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worksheets/sheet11.xml" ContentType="application/vnd.openxmlformats-officedocument.spreadsheetml.worksheet+xml"/>
  <Override PartName="/xl/worksheets/sheet12.xml" ContentType="application/vnd.openxmlformats-officedocument.spreadsheetml.worksheet+xml"/>
  <Override PartName="/xl/worksheets/sheet13.xml" ContentType="application/vnd.openxmlformats-officedocument.spreadsheetml.worksheet+xml"/>
  <Override PartName="/xl/worksheets/sheet14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metadata.xml" ContentType="application/vnd.openxmlformats-officedocument.spreadsheetml.sheetMetadata+xml"/>
  <Override PartName="/xl/drawings/drawing1.xml" ContentType="application/vnd.openxmlformats-officedocument.drawing+xml"/>
  <Override PartName="/xl/comments1.xml" ContentType="application/vnd.openxmlformats-officedocument.spreadsheetml.comments+xml"/>
  <Override PartName="/xl/comments2.xml" ContentType="application/vnd.openxmlformats-officedocument.spreadsheetml.comments+xml"/>
  <Override PartName="/xl/drawings/drawing2.xml" ContentType="application/vnd.openxmlformats-officedocument.drawing+xml"/>
  <Override PartName="/xl/drawings/drawing3.xml" ContentType="application/vnd.openxmlformats-officedocument.drawing+xml"/>
  <Override PartName="/xl/charts/chart1.xml" ContentType="application/vnd.openxmlformats-officedocument.drawingml.chart+xml"/>
  <Override PartName="/xl/charts/style1.xml" ContentType="application/vnd.ms-office.chartstyle+xml"/>
  <Override PartName="/xl/charts/colors1.xml" ContentType="application/vnd.ms-office.chartcolorstyle+xml"/>
  <Override PartName="/xl/charts/chart2.xml" ContentType="application/vnd.openxmlformats-officedocument.drawingml.chart+xml"/>
  <Override PartName="/xl/charts/style2.xml" ContentType="application/vnd.ms-office.chartstyle+xml"/>
  <Override PartName="/xl/charts/colors2.xml" ContentType="application/vnd.ms-office.chartcolorstyle+xml"/>
  <Override PartName="/xl/charts/chart3.xml" ContentType="application/vnd.openxmlformats-officedocument.drawingml.chart+xml"/>
  <Override PartName="/xl/charts/style3.xml" ContentType="application/vnd.ms-office.chartstyle+xml"/>
  <Override PartName="/xl/charts/colors3.xml" ContentType="application/vnd.ms-office.chartcolorstyle+xml"/>
  <Override PartName="/xl/charts/chart4.xml" ContentType="application/vnd.openxmlformats-officedocument.drawingml.chart+xml"/>
  <Override PartName="/xl/charts/style4.xml" ContentType="application/vnd.ms-office.chartstyle+xml"/>
  <Override PartName="/xl/charts/colors4.xml" ContentType="application/vnd.ms-office.chartcolorstyle+xml"/>
  <Override PartName="/xl/charts/chart5.xml" ContentType="application/vnd.openxmlformats-officedocument.drawingml.chart+xml"/>
  <Override PartName="/xl/charts/style5.xml" ContentType="application/vnd.ms-office.chartstyle+xml"/>
  <Override PartName="/xl/charts/colors5.xml" ContentType="application/vnd.ms-office.chartcolorstyle+xml"/>
  <Override PartName="/xl/drawings/drawing4.xml" ContentType="application/vnd.openxmlformats-officedocument.drawing+xml"/>
  <Override PartName="/xl/charts/chart6.xml" ContentType="application/vnd.openxmlformats-officedocument.drawingml.chart+xml"/>
  <Override PartName="/xl/charts/style6.xml" ContentType="application/vnd.ms-office.chartstyle+xml"/>
  <Override PartName="/xl/charts/colors6.xml" ContentType="application/vnd.ms-office.chartcolorstyle+xml"/>
  <Override PartName="/xl/drawings/drawing5.xml" ContentType="application/vnd.openxmlformats-officedocument.drawing+xml"/>
  <Override PartName="/xl/comments3.xml" ContentType="application/vnd.openxmlformats-officedocument.spreadsheetml.comments+xml"/>
  <Override PartName="/xl/drawings/drawing6.xml" ContentType="application/vnd.openxmlformats-officedocument.drawing+xml"/>
  <Override PartName="/xl/drawings/drawing7.xml" ContentType="application/vnd.openxmlformats-officedocument.drawing+xml"/>
  <Override PartName="/xl/charts/chart7.xml" ContentType="application/vnd.openxmlformats-officedocument.drawingml.chart+xml"/>
  <Override PartName="/xl/charts/style7.xml" ContentType="application/vnd.ms-office.chartstyle+xml"/>
  <Override PartName="/xl/charts/colors7.xml" ContentType="application/vnd.ms-office.chartcolorstyle+xml"/>
  <Override PartName="/xl/drawings/drawing8.xml" ContentType="application/vnd.openxmlformats-officedocument.drawing+xml"/>
  <Override PartName="/xl/charts/chart8.xml" ContentType="application/vnd.openxmlformats-officedocument.drawingml.chart+xml"/>
  <Override PartName="/xl/charts/style8.xml" ContentType="application/vnd.ms-office.chartstyle+xml"/>
  <Override PartName="/xl/charts/colors8.xml" ContentType="application/vnd.ms-office.chartcolorstyle+xml"/>
  <Override PartName="/xl/drawings/drawing9.xml" ContentType="application/vnd.openxmlformats-officedocument.drawing+xml"/>
  <Override PartName="/xl/charts/chart9.xml" ContentType="application/vnd.openxmlformats-officedocument.drawingml.chart+xml"/>
  <Override PartName="/xl/charts/style9.xml" ContentType="application/vnd.ms-office.chartstyle+xml"/>
  <Override PartName="/xl/charts/colors9.xml" ContentType="application/vnd.ms-office.chartcolorstyle+xml"/>
  <Override PartName="/xl/drawings/drawing10.xml" ContentType="application/vnd.openxmlformats-officedocument.drawing+xml"/>
  <Override PartName="/xl/drawings/drawing11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731"/>
  <workbookPr codeName="ThisWorkbook"/>
  <mc:AlternateContent xmlns:mc="http://schemas.openxmlformats.org/markup-compatibility/2006">
    <mc:Choice Requires="x15">
      <x15ac:absPath xmlns:x15ac="http://schemas.microsoft.com/office/spreadsheetml/2010/11/ac" url="https://arupapc-my.sharepoint.com/personal/reece_beeching_arup_com/Documents/IiA/Reece/P-Y/"/>
    </mc:Choice>
  </mc:AlternateContent>
  <xr:revisionPtr revIDLastSave="1" documentId="13_ncr:1_{EED8BE70-B1FE-462C-80BC-27A6219D639E}" xr6:coauthVersionLast="47" xr6:coauthVersionMax="47" xr10:uidLastSave="{276F3B79-4553-4501-B5D0-C9CF1E0E7D92}"/>
  <bookViews>
    <workbookView xWindow="1275" yWindow="-120" windowWidth="27645" windowHeight="18240" firstSheet="2" activeTab="5" xr2:uid="{6F1D1F17-711A-4C7B-AFC2-31F2C1848F50}"/>
  </bookViews>
  <sheets>
    <sheet name="Cover" sheetId="1" r:id="rId1"/>
    <sheet name="Notes" sheetId="9" r:id="rId2"/>
    <sheet name="Pile Property" sheetId="11" r:id="rId3"/>
    <sheet name="CPT Data" sheetId="10" r:id="rId4"/>
    <sheet name="Sheet1" sheetId="26" r:id="rId5"/>
    <sheet name="SUMMARY-Static" sheetId="25" r:id="rId6"/>
    <sheet name="SUMMARY-Cyclic" sheetId="23" r:id="rId7"/>
    <sheet name="p-y mono_clay" sheetId="22" r:id="rId8"/>
    <sheet name="p-y cyclic clay" sheetId="14" r:id="rId9"/>
    <sheet name="p-y sand" sheetId="6" r:id="rId10"/>
    <sheet name="p-y cyclic sand" sheetId="7" r:id="rId11"/>
    <sheet name="Calc(P)" sheetId="2" r:id="rId12"/>
    <sheet name="Calc(L)" sheetId="3" r:id="rId13"/>
    <sheet name="Calc(side)" sheetId="8" r:id="rId14"/>
  </sheets>
  <definedNames>
    <definedName name="_xlnm._FilterDatabase" localSheetId="8" hidden="1">'p-y cyclic clay'!$B$23:$IK$5514</definedName>
    <definedName name="_xlnm._FilterDatabase" localSheetId="10" hidden="1">'p-y cyclic sand'!$Z$26:$AX$5514</definedName>
    <definedName name="_xlnm._FilterDatabase" localSheetId="7" hidden="1">'p-y mono_clay'!$B$23:$L$25</definedName>
    <definedName name="_xlnm._FilterDatabase" localSheetId="9" hidden="1">'p-y sand'!$Z$26:$AX$5514</definedName>
    <definedName name="Authorisation">Cover!$B$39</definedName>
    <definedName name="Checked" comment="{&quot;SkabelonDesign&quot;:{&quot;type&quot;:&quot;Text&quot;,&quot;binding&quot;:&quot;Doc.Prop.Checked&quot;}}">Cover!$F$11</definedName>
    <definedName name="Date" comment="{&quot;SkabelonDesign&quot;:{&quot;type&quot;:&quot;Text&quot;,&quot;binding&quot;:&quot;Doc.Prop.Date&quot;}}">Cover!$F$13</definedName>
    <definedName name="DateMade">Cover!$F$13</definedName>
    <definedName name="Description" comment="{&quot;SkabelonDesign&quot;:{&quot;type&quot;:&quot;Text&quot;,&quot;binding&quot;:&quot;Doc.Prop.Description&quot;}}">Cover!$F$15</definedName>
    <definedName name="Drawing_Reference" comment="{&quot;SkabelonDesign&quot;:{&quot;type&quot;:&quot;Text&quot;,&quot;binding&quot;:&quot;Doc.Prop.Drawing_Reference&quot;}}">Cover!$F$21</definedName>
    <definedName name="Filename" comment="{&quot;SkabelonDesign&quot;:{&quot;type&quot;:&quot;Text&quot;,&quot;binding&quot;:&quot;Doc.Prop.Filename&quot;}}">Cover!$F$23</definedName>
    <definedName name="JobNumber" comment="{&quot;SkabelonDesign&quot;:{&quot;type&quot;:&quot;Text&quot;,&quot;binding&quot;:&quot;Doc.Prop.JobNumber&quot;}}">Cover!$F$7</definedName>
    <definedName name="JobTitle" comment="{&quot;SkabelonDesign&quot;:{&quot;type&quot;:&quot;Text&quot;,&quot;binding&quot;:&quot;Doc.Prop.JobTitle&quot;}}">Cover!$F$5</definedName>
    <definedName name="MadeBy" comment="{&quot;SkabelonDesign&quot;:{&quot;type&quot;:&quot;Text&quot;,&quot;binding&quot;:&quot;Doc.Prop.MadeBy&quot;}}">Cover!$F$9</definedName>
    <definedName name="Member_Location" comment="{&quot;SkabelonDesign&quot;:{&quot;type&quot;:&quot;Text&quot;,&quot;binding&quot;:&quot;Doc.Prop.Member_Location&quot;}}">Cover!$F$19</definedName>
    <definedName name="_xlnm.Print_Area" localSheetId="11">'Calc(P)'!$A$1:$K$52</definedName>
    <definedName name="_xlnm.Print_Area" localSheetId="3">'CPT Data'!$A$1:$U$6022</definedName>
    <definedName name="_xlnm.Print_Area" localSheetId="2">'Pile Property'!$A$1:$I$115</definedName>
    <definedName name="_xlnm.Print_Titles" localSheetId="12">'Calc(L)'!$1:$1</definedName>
    <definedName name="_xlnm.Print_Titles" localSheetId="11">'Calc(P)'!$1:$1</definedName>
    <definedName name="_xlnm.Print_Titles" localSheetId="13">'Calc(side)'!$A:$A</definedName>
    <definedName name="_xlnm.Print_Titles" localSheetId="3">'CPT Data'!$1:$1</definedName>
    <definedName name="_xlnm.Print_Titles" localSheetId="2">'Pile Property'!$1:$1</definedName>
    <definedName name="_xlnm.Print_Titles" localSheetId="7">'p-y mono_clay'!$1:$1</definedName>
    <definedName name="Rev">Cover!$B$40</definedName>
    <definedName name="Revision" comment="{&quot;SkabelonDesign&quot;:{&quot;type&quot;:&quot;Text&quot;,&quot;binding&quot;:&quot;Doc.Prop.Revision&quot;}}">Cover!$F$48</definedName>
    <definedName name="RevTable1">Cover!$B$50</definedName>
    <definedName name="SheetNo" comment="{&quot;SkabelonDesign&quot;:{&quot;type&quot;:&quot;Text&quot;,&quot;binding&quot;:&quot;Doc.Prop.SheetNo&quot;}}">Cover!$F$17</definedName>
    <definedName name="SheetTable1">Cover!$B$28</definedName>
    <definedName name="solver_eng" localSheetId="9" hidden="1">1</definedName>
    <definedName name="solver_neg" localSheetId="9" hidden="1">1</definedName>
    <definedName name="solver_num" localSheetId="9" hidden="1">0</definedName>
    <definedName name="solver_opt" localSheetId="9" hidden="1">'p-y sand'!$Y$30</definedName>
    <definedName name="solver_typ" localSheetId="9" hidden="1">1</definedName>
    <definedName name="solver_val" localSheetId="9" hidden="1">0</definedName>
    <definedName name="solver_ver" localSheetId="9" hidden="1">3</definedName>
  </definedNames>
  <calcPr calcId="191029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Z83" i="7" l="1"/>
  <c r="AA83" i="7"/>
  <c r="AB83" i="7"/>
  <c r="AC83" i="7"/>
  <c r="AD83" i="7"/>
  <c r="AE83" i="7"/>
  <c r="AF83" i="7"/>
  <c r="AG83" i="7"/>
  <c r="AH83" i="7"/>
  <c r="AI83" i="7"/>
  <c r="AJ83" i="7"/>
  <c r="AK83" i="7"/>
  <c r="AL83" i="7"/>
  <c r="Z84" i="7"/>
  <c r="AA84" i="7"/>
  <c r="AB84" i="7"/>
  <c r="AC84" i="7"/>
  <c r="AD84" i="7"/>
  <c r="AE84" i="7"/>
  <c r="AF84" i="7"/>
  <c r="AG84" i="7"/>
  <c r="AH84" i="7"/>
  <c r="AI84" i="7"/>
  <c r="AJ84" i="7"/>
  <c r="AK84" i="7"/>
  <c r="AL84" i="7"/>
  <c r="Z85" i="7"/>
  <c r="AA85" i="7"/>
  <c r="AB85" i="7"/>
  <c r="AC85" i="7"/>
  <c r="AD85" i="7"/>
  <c r="AE85" i="7"/>
  <c r="AF85" i="7"/>
  <c r="AG85" i="7"/>
  <c r="AH85" i="7"/>
  <c r="AI85" i="7"/>
  <c r="AJ85" i="7"/>
  <c r="AK85" i="7"/>
  <c r="AL85" i="7"/>
  <c r="Z86" i="7"/>
  <c r="AA86" i="7"/>
  <c r="AB86" i="7"/>
  <c r="AC86" i="7"/>
  <c r="AD86" i="7"/>
  <c r="AE86" i="7"/>
  <c r="AF86" i="7"/>
  <c r="AG86" i="7"/>
  <c r="AH86" i="7"/>
  <c r="AI86" i="7"/>
  <c r="AJ86" i="7"/>
  <c r="AK86" i="7"/>
  <c r="AL86" i="7"/>
  <c r="Z87" i="7"/>
  <c r="AA87" i="7"/>
  <c r="AB87" i="7"/>
  <c r="AC87" i="7"/>
  <c r="AD87" i="7"/>
  <c r="AE87" i="7"/>
  <c r="AF87" i="7"/>
  <c r="AG87" i="7"/>
  <c r="AH87" i="7"/>
  <c r="AI87" i="7"/>
  <c r="AJ87" i="7"/>
  <c r="AK87" i="7"/>
  <c r="AL87" i="7"/>
  <c r="Z88" i="7"/>
  <c r="AA88" i="7"/>
  <c r="AB88" i="7"/>
  <c r="AC88" i="7"/>
  <c r="AD88" i="7"/>
  <c r="AE88" i="7"/>
  <c r="AF88" i="7"/>
  <c r="AG88" i="7"/>
  <c r="AH88" i="7"/>
  <c r="AI88" i="7"/>
  <c r="AJ88" i="7"/>
  <c r="AK88" i="7"/>
  <c r="AL88" i="7"/>
  <c r="Z89" i="7"/>
  <c r="AA89" i="7"/>
  <c r="AB89" i="7"/>
  <c r="AC89" i="7"/>
  <c r="AD89" i="7"/>
  <c r="AE89" i="7"/>
  <c r="AF89" i="7"/>
  <c r="AG89" i="7"/>
  <c r="AH89" i="7"/>
  <c r="AI89" i="7"/>
  <c r="AJ89" i="7"/>
  <c r="AK89" i="7"/>
  <c r="AL89" i="7"/>
  <c r="Z90" i="7"/>
  <c r="AA90" i="7"/>
  <c r="AB90" i="7"/>
  <c r="AC90" i="7"/>
  <c r="AD90" i="7"/>
  <c r="AE90" i="7"/>
  <c r="AF90" i="7"/>
  <c r="AG90" i="7"/>
  <c r="AH90" i="7"/>
  <c r="AI90" i="7"/>
  <c r="AJ90" i="7"/>
  <c r="AK90" i="7"/>
  <c r="AL90" i="7"/>
  <c r="Z91" i="7"/>
  <c r="AA91" i="7"/>
  <c r="AB91" i="7"/>
  <c r="AC91" i="7"/>
  <c r="AD91" i="7"/>
  <c r="AE91" i="7"/>
  <c r="AF91" i="7"/>
  <c r="AG91" i="7"/>
  <c r="AH91" i="7"/>
  <c r="AI91" i="7"/>
  <c r="AJ91" i="7"/>
  <c r="AK91" i="7"/>
  <c r="AL91" i="7"/>
  <c r="Z92" i="7"/>
  <c r="AA92" i="7"/>
  <c r="AB92" i="7"/>
  <c r="AC92" i="7"/>
  <c r="AD92" i="7"/>
  <c r="AE92" i="7"/>
  <c r="AF92" i="7"/>
  <c r="AG92" i="7"/>
  <c r="AH92" i="7"/>
  <c r="AI92" i="7"/>
  <c r="AJ92" i="7"/>
  <c r="AK92" i="7"/>
  <c r="AL92" i="7"/>
  <c r="Z93" i="7"/>
  <c r="AA93" i="7"/>
  <c r="AB93" i="7"/>
  <c r="AC93" i="7"/>
  <c r="AD93" i="7"/>
  <c r="AE93" i="7"/>
  <c r="AF93" i="7"/>
  <c r="AG93" i="7"/>
  <c r="AH93" i="7"/>
  <c r="AI93" i="7"/>
  <c r="AJ93" i="7"/>
  <c r="AK93" i="7"/>
  <c r="AL93" i="7"/>
  <c r="Z94" i="7"/>
  <c r="AA94" i="7"/>
  <c r="AB94" i="7"/>
  <c r="AC94" i="7"/>
  <c r="AD94" i="7"/>
  <c r="AE94" i="7"/>
  <c r="AF94" i="7"/>
  <c r="AG94" i="7"/>
  <c r="AH94" i="7"/>
  <c r="AI94" i="7"/>
  <c r="AJ94" i="7"/>
  <c r="AK94" i="7"/>
  <c r="AL94" i="7"/>
  <c r="Z95" i="7"/>
  <c r="AA95" i="7"/>
  <c r="AB95" i="7"/>
  <c r="AC95" i="7"/>
  <c r="AD95" i="7"/>
  <c r="AE95" i="7"/>
  <c r="AF95" i="7"/>
  <c r="AG95" i="7"/>
  <c r="AH95" i="7"/>
  <c r="AI95" i="7"/>
  <c r="AJ95" i="7"/>
  <c r="AK95" i="7"/>
  <c r="AL95" i="7"/>
  <c r="Z96" i="7"/>
  <c r="AA96" i="7"/>
  <c r="AB96" i="7"/>
  <c r="AC96" i="7"/>
  <c r="AD96" i="7"/>
  <c r="AE96" i="7"/>
  <c r="AF96" i="7"/>
  <c r="AG96" i="7"/>
  <c r="AH96" i="7"/>
  <c r="AI96" i="7"/>
  <c r="AJ96" i="7"/>
  <c r="AK96" i="7"/>
  <c r="AL96" i="7"/>
  <c r="Z97" i="7"/>
  <c r="AA97" i="7"/>
  <c r="AB97" i="7"/>
  <c r="AC97" i="7"/>
  <c r="AD97" i="7"/>
  <c r="AE97" i="7"/>
  <c r="AF97" i="7"/>
  <c r="AG97" i="7"/>
  <c r="AH97" i="7"/>
  <c r="AI97" i="7"/>
  <c r="AJ97" i="7"/>
  <c r="AK97" i="7"/>
  <c r="AL97" i="7"/>
  <c r="Z98" i="7"/>
  <c r="AA98" i="7"/>
  <c r="AB98" i="7"/>
  <c r="AC98" i="7"/>
  <c r="AD98" i="7"/>
  <c r="AE98" i="7"/>
  <c r="AF98" i="7"/>
  <c r="AG98" i="7"/>
  <c r="AH98" i="7"/>
  <c r="AI98" i="7"/>
  <c r="AJ98" i="7"/>
  <c r="AK98" i="7"/>
  <c r="AL98" i="7"/>
  <c r="Z99" i="7"/>
  <c r="AA99" i="7"/>
  <c r="AB99" i="7"/>
  <c r="AC99" i="7"/>
  <c r="AD99" i="7"/>
  <c r="AE99" i="7"/>
  <c r="AF99" i="7"/>
  <c r="AG99" i="7"/>
  <c r="AH99" i="7"/>
  <c r="AI99" i="7"/>
  <c r="AJ99" i="7"/>
  <c r="AK99" i="7"/>
  <c r="AL99" i="7"/>
  <c r="Z100" i="7"/>
  <c r="AA100" i="7"/>
  <c r="AB100" i="7"/>
  <c r="AC100" i="7"/>
  <c r="AD100" i="7"/>
  <c r="AE100" i="7"/>
  <c r="AF100" i="7"/>
  <c r="AG100" i="7"/>
  <c r="AH100" i="7"/>
  <c r="AI100" i="7"/>
  <c r="AJ100" i="7"/>
  <c r="AK100" i="7"/>
  <c r="AL100" i="7"/>
  <c r="J83" i="7"/>
  <c r="P83" i="7"/>
  <c r="J84" i="7"/>
  <c r="P84" i="7"/>
  <c r="J85" i="7"/>
  <c r="P85" i="7"/>
  <c r="J86" i="7"/>
  <c r="P86" i="7"/>
  <c r="J87" i="7"/>
  <c r="P87" i="7"/>
  <c r="J88" i="7"/>
  <c r="P88" i="7"/>
  <c r="J89" i="7"/>
  <c r="P89" i="7"/>
  <c r="J90" i="7"/>
  <c r="P90" i="7"/>
  <c r="J91" i="7"/>
  <c r="P91" i="7"/>
  <c r="J92" i="7"/>
  <c r="P92" i="7"/>
  <c r="J93" i="7"/>
  <c r="P93" i="7"/>
  <c r="J94" i="7"/>
  <c r="P94" i="7"/>
  <c r="J95" i="7"/>
  <c r="P95" i="7"/>
  <c r="J96" i="7"/>
  <c r="P96" i="7"/>
  <c r="J97" i="7"/>
  <c r="P97" i="7"/>
  <c r="J98" i="7"/>
  <c r="P98" i="7"/>
  <c r="J99" i="7"/>
  <c r="P99" i="7"/>
  <c r="J100" i="7"/>
  <c r="P100" i="7"/>
  <c r="G14" i="10"/>
  <c r="K15" i="10"/>
  <c r="K16" i="10"/>
  <c r="K17" i="10"/>
  <c r="K18" i="10"/>
  <c r="K19" i="10"/>
  <c r="K20" i="10"/>
  <c r="K21" i="10"/>
  <c r="K22" i="10"/>
  <c r="K23" i="10"/>
  <c r="K24" i="10"/>
  <c r="K25" i="10"/>
  <c r="K26" i="10"/>
  <c r="K27" i="10"/>
  <c r="K28" i="10"/>
  <c r="K29" i="10"/>
  <c r="K30" i="10"/>
  <c r="K31" i="10"/>
  <c r="K32" i="10"/>
  <c r="K33" i="10"/>
  <c r="K34" i="10"/>
  <c r="K35" i="10"/>
  <c r="K36" i="10"/>
  <c r="K37" i="10"/>
  <c r="K38" i="10"/>
  <c r="K39" i="10"/>
  <c r="K40" i="10"/>
  <c r="K41" i="10"/>
  <c r="K42" i="10"/>
  <c r="K43" i="10"/>
  <c r="K44" i="10"/>
  <c r="K45" i="10"/>
  <c r="K46" i="10"/>
  <c r="K47" i="10"/>
  <c r="K48" i="10"/>
  <c r="K49" i="10"/>
  <c r="K50" i="10"/>
  <c r="K51" i="10"/>
  <c r="K52" i="10"/>
  <c r="K53" i="10"/>
  <c r="K54" i="10"/>
  <c r="K55" i="10"/>
  <c r="K56" i="10"/>
  <c r="K57" i="10"/>
  <c r="K58" i="10"/>
  <c r="K59" i="10"/>
  <c r="K60" i="10"/>
  <c r="K61" i="10"/>
  <c r="K62" i="10"/>
  <c r="K63" i="10"/>
  <c r="K64" i="10"/>
  <c r="K65" i="10"/>
  <c r="K66" i="10"/>
  <c r="K67" i="10"/>
  <c r="K68" i="10"/>
  <c r="K69" i="10"/>
  <c r="K70" i="10"/>
  <c r="K71" i="10"/>
  <c r="K72" i="10"/>
  <c r="K73" i="10"/>
  <c r="K74" i="10"/>
  <c r="K75" i="10"/>
  <c r="K76" i="10"/>
  <c r="K77" i="10"/>
  <c r="K78" i="10"/>
  <c r="K79" i="10"/>
  <c r="K80" i="10"/>
  <c r="K81" i="10"/>
  <c r="K82" i="10"/>
  <c r="K83" i="10"/>
  <c r="K84" i="10"/>
  <c r="K85" i="10"/>
  <c r="K86" i="10"/>
  <c r="K87" i="10"/>
  <c r="K88" i="10"/>
  <c r="K89" i="10"/>
  <c r="K90" i="10"/>
  <c r="K91" i="10"/>
  <c r="K92" i="10"/>
  <c r="K93" i="10"/>
  <c r="K94" i="10"/>
  <c r="K95" i="10"/>
  <c r="K96" i="10"/>
  <c r="K97" i="10"/>
  <c r="K98" i="10"/>
  <c r="K99" i="10"/>
  <c r="K100" i="10"/>
  <c r="K101" i="10"/>
  <c r="K102" i="10"/>
  <c r="K103" i="10"/>
  <c r="K104" i="10"/>
  <c r="K105" i="10"/>
  <c r="K106" i="10"/>
  <c r="K107" i="10"/>
  <c r="K108" i="10"/>
  <c r="K109" i="10"/>
  <c r="K110" i="10"/>
  <c r="K111" i="10"/>
  <c r="K112" i="10"/>
  <c r="K113" i="10"/>
  <c r="K114" i="10"/>
  <c r="K115" i="10"/>
  <c r="K116" i="10"/>
  <c r="K117" i="10"/>
  <c r="K118" i="10"/>
  <c r="K119" i="10"/>
  <c r="K120" i="10"/>
  <c r="K121" i="10"/>
  <c r="K122" i="10"/>
  <c r="K123" i="10"/>
  <c r="K124" i="10"/>
  <c r="K125" i="10"/>
  <c r="K126" i="10"/>
  <c r="K127" i="10"/>
  <c r="K128" i="10"/>
  <c r="K129" i="10"/>
  <c r="K130" i="10"/>
  <c r="K131" i="10"/>
  <c r="K132" i="10"/>
  <c r="K133" i="10"/>
  <c r="K134" i="10"/>
  <c r="K135" i="10"/>
  <c r="K136" i="10"/>
  <c r="K137" i="10"/>
  <c r="K138" i="10"/>
  <c r="K139" i="10"/>
  <c r="K140" i="10"/>
  <c r="K141" i="10"/>
  <c r="K142" i="10"/>
  <c r="K143" i="10"/>
  <c r="K144" i="10"/>
  <c r="K145" i="10"/>
  <c r="K146" i="10"/>
  <c r="K147" i="10"/>
  <c r="K148" i="10"/>
  <c r="K149" i="10"/>
  <c r="K150" i="10"/>
  <c r="K151" i="10"/>
  <c r="K152" i="10"/>
  <c r="K153" i="10"/>
  <c r="K154" i="10"/>
  <c r="K155" i="10"/>
  <c r="K156" i="10"/>
  <c r="K157" i="10"/>
  <c r="K158" i="10"/>
  <c r="K159" i="10"/>
  <c r="K160" i="10"/>
  <c r="K161" i="10"/>
  <c r="K162" i="10"/>
  <c r="K163" i="10"/>
  <c r="K164" i="10"/>
  <c r="K165" i="10"/>
  <c r="K166" i="10"/>
  <c r="K167" i="10"/>
  <c r="K168" i="10"/>
  <c r="K169" i="10"/>
  <c r="K170" i="10"/>
  <c r="K171" i="10"/>
  <c r="K172" i="10"/>
  <c r="K173" i="10"/>
  <c r="K174" i="10"/>
  <c r="K175" i="10"/>
  <c r="K176" i="10"/>
  <c r="K177" i="10"/>
  <c r="K178" i="10"/>
  <c r="K179" i="10"/>
  <c r="K180" i="10"/>
  <c r="K181" i="10"/>
  <c r="K182" i="10"/>
  <c r="K183" i="10"/>
  <c r="K184" i="10"/>
  <c r="K185" i="10"/>
  <c r="K186" i="10"/>
  <c r="K187" i="10"/>
  <c r="K188" i="10"/>
  <c r="K189" i="10"/>
  <c r="K190" i="10"/>
  <c r="K191" i="10"/>
  <c r="K192" i="10"/>
  <c r="K193" i="10"/>
  <c r="K194" i="10"/>
  <c r="K195" i="10"/>
  <c r="K196" i="10"/>
  <c r="K197" i="10"/>
  <c r="K198" i="10"/>
  <c r="K199" i="10"/>
  <c r="K200" i="10"/>
  <c r="K201" i="10"/>
  <c r="K202" i="10"/>
  <c r="K203" i="10"/>
  <c r="K204" i="10"/>
  <c r="K205" i="10"/>
  <c r="K206" i="10"/>
  <c r="K207" i="10"/>
  <c r="K208" i="10"/>
  <c r="K209" i="10"/>
  <c r="K210" i="10"/>
  <c r="K211" i="10"/>
  <c r="K212" i="10"/>
  <c r="K213" i="10"/>
  <c r="K214" i="10"/>
  <c r="K215" i="10"/>
  <c r="K216" i="10"/>
  <c r="K217" i="10"/>
  <c r="K218" i="10"/>
  <c r="K219" i="10"/>
  <c r="K220" i="10"/>
  <c r="K221" i="10"/>
  <c r="K222" i="10"/>
  <c r="K223" i="10"/>
  <c r="K224" i="10"/>
  <c r="K225" i="10"/>
  <c r="K226" i="10"/>
  <c r="K227" i="10"/>
  <c r="K228" i="10"/>
  <c r="K229" i="10"/>
  <c r="K230" i="10"/>
  <c r="K231" i="10"/>
  <c r="K232" i="10"/>
  <c r="K233" i="10"/>
  <c r="K234" i="10"/>
  <c r="K235" i="10"/>
  <c r="K236" i="10"/>
  <c r="K237" i="10"/>
  <c r="K238" i="10"/>
  <c r="K239" i="10"/>
  <c r="K240" i="10"/>
  <c r="K241" i="10"/>
  <c r="K242" i="10"/>
  <c r="K243" i="10"/>
  <c r="K244" i="10"/>
  <c r="K245" i="10"/>
  <c r="K246" i="10"/>
  <c r="K247" i="10"/>
  <c r="K248" i="10"/>
  <c r="K249" i="10"/>
  <c r="K250" i="10"/>
  <c r="K251" i="10"/>
  <c r="K252" i="10"/>
  <c r="K253" i="10"/>
  <c r="K254" i="10"/>
  <c r="K255" i="10"/>
  <c r="K256" i="10"/>
  <c r="K257" i="10"/>
  <c r="K258" i="10"/>
  <c r="K259" i="10"/>
  <c r="K260" i="10"/>
  <c r="K261" i="10"/>
  <c r="K262" i="10"/>
  <c r="K263" i="10"/>
  <c r="K264" i="10"/>
  <c r="K265" i="10"/>
  <c r="K266" i="10"/>
  <c r="K267" i="10"/>
  <c r="K268" i="10"/>
  <c r="K269" i="10"/>
  <c r="K270" i="10"/>
  <c r="K271" i="10"/>
  <c r="K272" i="10"/>
  <c r="K273" i="10"/>
  <c r="K274" i="10"/>
  <c r="K275" i="10"/>
  <c r="K276" i="10"/>
  <c r="K277" i="10"/>
  <c r="K278" i="10"/>
  <c r="K279" i="10"/>
  <c r="K280" i="10"/>
  <c r="K281" i="10"/>
  <c r="K282" i="10"/>
  <c r="K283" i="10"/>
  <c r="K284" i="10"/>
  <c r="K285" i="10"/>
  <c r="K286" i="10"/>
  <c r="K287" i="10"/>
  <c r="K288" i="10"/>
  <c r="K289" i="10"/>
  <c r="K290" i="10"/>
  <c r="K291" i="10"/>
  <c r="K292" i="10"/>
  <c r="K293" i="10"/>
  <c r="K294" i="10"/>
  <c r="K295" i="10"/>
  <c r="K296" i="10"/>
  <c r="K297" i="10"/>
  <c r="K298" i="10"/>
  <c r="K299" i="10"/>
  <c r="K300" i="10"/>
  <c r="K301" i="10"/>
  <c r="K302" i="10"/>
  <c r="K303" i="10"/>
  <c r="K304" i="10"/>
  <c r="K305" i="10"/>
  <c r="K306" i="10"/>
  <c r="K307" i="10"/>
  <c r="K308" i="10"/>
  <c r="K309" i="10"/>
  <c r="K310" i="10"/>
  <c r="K311" i="10"/>
  <c r="K312" i="10"/>
  <c r="K313" i="10"/>
  <c r="K314" i="10"/>
  <c r="K315" i="10"/>
  <c r="K316" i="10"/>
  <c r="K317" i="10"/>
  <c r="K318" i="10"/>
  <c r="K319" i="10"/>
  <c r="K320" i="10"/>
  <c r="K321" i="10"/>
  <c r="K322" i="10"/>
  <c r="K323" i="10"/>
  <c r="K324" i="10"/>
  <c r="K325" i="10"/>
  <c r="K326" i="10"/>
  <c r="K327" i="10"/>
  <c r="K328" i="10"/>
  <c r="K329" i="10"/>
  <c r="K330" i="10"/>
  <c r="K331" i="10"/>
  <c r="K332" i="10"/>
  <c r="K333" i="10"/>
  <c r="K334" i="10"/>
  <c r="K335" i="10"/>
  <c r="K336" i="10"/>
  <c r="K337" i="10"/>
  <c r="K338" i="10"/>
  <c r="K339" i="10"/>
  <c r="K340" i="10"/>
  <c r="K341" i="10"/>
  <c r="K342" i="10"/>
  <c r="K343" i="10"/>
  <c r="K344" i="10"/>
  <c r="K345" i="10"/>
  <c r="K346" i="10"/>
  <c r="K347" i="10"/>
  <c r="K348" i="10"/>
  <c r="K349" i="10"/>
  <c r="K350" i="10"/>
  <c r="K351" i="10"/>
  <c r="K352" i="10"/>
  <c r="K353" i="10"/>
  <c r="K354" i="10"/>
  <c r="K355" i="10"/>
  <c r="K356" i="10"/>
  <c r="K357" i="10"/>
  <c r="K358" i="10"/>
  <c r="K359" i="10"/>
  <c r="K360" i="10"/>
  <c r="K361" i="10"/>
  <c r="K362" i="10"/>
  <c r="K363" i="10"/>
  <c r="K364" i="10"/>
  <c r="K365" i="10"/>
  <c r="K366" i="10"/>
  <c r="K367" i="10"/>
  <c r="K368" i="10"/>
  <c r="K369" i="10"/>
  <c r="K370" i="10"/>
  <c r="K371" i="10"/>
  <c r="K372" i="10"/>
  <c r="K373" i="10"/>
  <c r="K374" i="10"/>
  <c r="K375" i="10"/>
  <c r="K376" i="10"/>
  <c r="K377" i="10"/>
  <c r="K378" i="10"/>
  <c r="K379" i="10"/>
  <c r="K380" i="10"/>
  <c r="K381" i="10"/>
  <c r="K382" i="10"/>
  <c r="K383" i="10"/>
  <c r="K384" i="10"/>
  <c r="K385" i="10"/>
  <c r="K386" i="10"/>
  <c r="K387" i="10"/>
  <c r="K388" i="10"/>
  <c r="K389" i="10"/>
  <c r="K390" i="10"/>
  <c r="K391" i="10"/>
  <c r="K392" i="10"/>
  <c r="K393" i="10"/>
  <c r="K394" i="10"/>
  <c r="K395" i="10"/>
  <c r="K396" i="10"/>
  <c r="K397" i="10"/>
  <c r="K398" i="10"/>
  <c r="K399" i="10"/>
  <c r="K400" i="10"/>
  <c r="K401" i="10"/>
  <c r="K402" i="10"/>
  <c r="K403" i="10"/>
  <c r="K404" i="10"/>
  <c r="K405" i="10"/>
  <c r="K406" i="10"/>
  <c r="K407" i="10"/>
  <c r="K408" i="10"/>
  <c r="K409" i="10"/>
  <c r="K410" i="10"/>
  <c r="K411" i="10"/>
  <c r="K412" i="10"/>
  <c r="K413" i="10"/>
  <c r="K414" i="10"/>
  <c r="K415" i="10"/>
  <c r="K416" i="10"/>
  <c r="K417" i="10"/>
  <c r="K418" i="10"/>
  <c r="K419" i="10"/>
  <c r="K420" i="10"/>
  <c r="K421" i="10"/>
  <c r="K422" i="10"/>
  <c r="K423" i="10"/>
  <c r="K424" i="10"/>
  <c r="K425" i="10"/>
  <c r="K426" i="10"/>
  <c r="K427" i="10"/>
  <c r="K428" i="10"/>
  <c r="K429" i="10"/>
  <c r="K430" i="10"/>
  <c r="K431" i="10"/>
  <c r="K432" i="10"/>
  <c r="K433" i="10"/>
  <c r="K434" i="10"/>
  <c r="K435" i="10"/>
  <c r="K436" i="10"/>
  <c r="K437" i="10"/>
  <c r="K438" i="10"/>
  <c r="K439" i="10"/>
  <c r="K440" i="10"/>
  <c r="K441" i="10"/>
  <c r="K442" i="10"/>
  <c r="K443" i="10"/>
  <c r="K444" i="10"/>
  <c r="K445" i="10"/>
  <c r="K446" i="10"/>
  <c r="K447" i="10"/>
  <c r="K448" i="10"/>
  <c r="K449" i="10"/>
  <c r="K450" i="10"/>
  <c r="K451" i="10"/>
  <c r="K452" i="10"/>
  <c r="K453" i="10"/>
  <c r="K454" i="10"/>
  <c r="K455" i="10"/>
  <c r="K456" i="10"/>
  <c r="K457" i="10"/>
  <c r="K458" i="10"/>
  <c r="K459" i="10"/>
  <c r="K460" i="10"/>
  <c r="K461" i="10"/>
  <c r="K462" i="10"/>
  <c r="K463" i="10"/>
  <c r="K464" i="10"/>
  <c r="K465" i="10"/>
  <c r="K466" i="10"/>
  <c r="K467" i="10"/>
  <c r="K468" i="10"/>
  <c r="K469" i="10"/>
  <c r="K470" i="10"/>
  <c r="K471" i="10"/>
  <c r="K472" i="10"/>
  <c r="K473" i="10"/>
  <c r="K474" i="10"/>
  <c r="K475" i="10"/>
  <c r="K476" i="10"/>
  <c r="K477" i="10"/>
  <c r="K478" i="10"/>
  <c r="K479" i="10"/>
  <c r="K480" i="10"/>
  <c r="K481" i="10"/>
  <c r="K482" i="10"/>
  <c r="K483" i="10"/>
  <c r="K484" i="10"/>
  <c r="K485" i="10"/>
  <c r="K486" i="10"/>
  <c r="K487" i="10"/>
  <c r="K488" i="10"/>
  <c r="K489" i="10"/>
  <c r="K490" i="10"/>
  <c r="K491" i="10"/>
  <c r="K492" i="10"/>
  <c r="K493" i="10"/>
  <c r="K494" i="10"/>
  <c r="K495" i="10"/>
  <c r="K496" i="10"/>
  <c r="K497" i="10"/>
  <c r="K498" i="10"/>
  <c r="K499" i="10"/>
  <c r="K500" i="10"/>
  <c r="K501" i="10"/>
  <c r="K502" i="10"/>
  <c r="K503" i="10"/>
  <c r="K504" i="10"/>
  <c r="K505" i="10"/>
  <c r="K506" i="10"/>
  <c r="K507" i="10"/>
  <c r="K508" i="10"/>
  <c r="K509" i="10"/>
  <c r="K510" i="10"/>
  <c r="K511" i="10"/>
  <c r="K512" i="10"/>
  <c r="K513" i="10"/>
  <c r="K514" i="10"/>
  <c r="K515" i="10"/>
  <c r="K516" i="10"/>
  <c r="K517" i="10"/>
  <c r="K518" i="10"/>
  <c r="K519" i="10"/>
  <c r="K520" i="10"/>
  <c r="K521" i="10"/>
  <c r="K522" i="10"/>
  <c r="K523" i="10"/>
  <c r="K524" i="10"/>
  <c r="K525" i="10"/>
  <c r="K526" i="10"/>
  <c r="K527" i="10"/>
  <c r="K528" i="10"/>
  <c r="K529" i="10"/>
  <c r="K530" i="10"/>
  <c r="K531" i="10"/>
  <c r="K532" i="10"/>
  <c r="K533" i="10"/>
  <c r="K534" i="10"/>
  <c r="K535" i="10"/>
  <c r="K536" i="10"/>
  <c r="K537" i="10"/>
  <c r="K538" i="10"/>
  <c r="K539" i="10"/>
  <c r="K540" i="10"/>
  <c r="K541" i="10"/>
  <c r="K542" i="10"/>
  <c r="K543" i="10"/>
  <c r="K544" i="10"/>
  <c r="K545" i="10"/>
  <c r="K546" i="10"/>
  <c r="K547" i="10"/>
  <c r="K548" i="10"/>
  <c r="K549" i="10"/>
  <c r="K550" i="10"/>
  <c r="K551" i="10"/>
  <c r="K552" i="10"/>
  <c r="K553" i="10"/>
  <c r="K554" i="10"/>
  <c r="K555" i="10"/>
  <c r="K556" i="10"/>
  <c r="K557" i="10"/>
  <c r="K558" i="10"/>
  <c r="K559" i="10"/>
  <c r="K560" i="10"/>
  <c r="K561" i="10"/>
  <c r="K562" i="10"/>
  <c r="K563" i="10"/>
  <c r="K564" i="10"/>
  <c r="K565" i="10"/>
  <c r="K566" i="10"/>
  <c r="K567" i="10"/>
  <c r="K568" i="10"/>
  <c r="K569" i="10"/>
  <c r="K570" i="10"/>
  <c r="K571" i="10"/>
  <c r="K572" i="10"/>
  <c r="K573" i="10"/>
  <c r="K574" i="10"/>
  <c r="K575" i="10"/>
  <c r="K576" i="10"/>
  <c r="K577" i="10"/>
  <c r="K578" i="10"/>
  <c r="K579" i="10"/>
  <c r="K580" i="10"/>
  <c r="K581" i="10"/>
  <c r="K582" i="10"/>
  <c r="K583" i="10"/>
  <c r="K584" i="10"/>
  <c r="K585" i="10"/>
  <c r="K586" i="10"/>
  <c r="K587" i="10"/>
  <c r="K588" i="10"/>
  <c r="K589" i="10"/>
  <c r="K590" i="10"/>
  <c r="K591" i="10"/>
  <c r="K592" i="10"/>
  <c r="K593" i="10"/>
  <c r="K594" i="10"/>
  <c r="K595" i="10"/>
  <c r="K596" i="10"/>
  <c r="K597" i="10"/>
  <c r="K598" i="10"/>
  <c r="K599" i="10"/>
  <c r="K600" i="10"/>
  <c r="K601" i="10"/>
  <c r="K602" i="10"/>
  <c r="K603" i="10"/>
  <c r="K604" i="10"/>
  <c r="K605" i="10"/>
  <c r="K606" i="10"/>
  <c r="K607" i="10"/>
  <c r="K608" i="10"/>
  <c r="K609" i="10"/>
  <c r="K610" i="10"/>
  <c r="K611" i="10"/>
  <c r="K612" i="10"/>
  <c r="K613" i="10"/>
  <c r="K614" i="10"/>
  <c r="K615" i="10"/>
  <c r="K616" i="10"/>
  <c r="K617" i="10"/>
  <c r="K618" i="10"/>
  <c r="K619" i="10"/>
  <c r="K620" i="10"/>
  <c r="K621" i="10"/>
  <c r="K622" i="10"/>
  <c r="K623" i="10"/>
  <c r="K624" i="10"/>
  <c r="K625" i="10"/>
  <c r="K626" i="10"/>
  <c r="K627" i="10"/>
  <c r="K628" i="10"/>
  <c r="K629" i="10"/>
  <c r="K630" i="10"/>
  <c r="K631" i="10"/>
  <c r="K632" i="10"/>
  <c r="K633" i="10"/>
  <c r="K634" i="10"/>
  <c r="K635" i="10"/>
  <c r="K636" i="10"/>
  <c r="K637" i="10"/>
  <c r="K638" i="10"/>
  <c r="K639" i="10"/>
  <c r="K640" i="10"/>
  <c r="K641" i="10"/>
  <c r="K642" i="10"/>
  <c r="K643" i="10"/>
  <c r="K644" i="10"/>
  <c r="K645" i="10"/>
  <c r="K646" i="10"/>
  <c r="K647" i="10"/>
  <c r="K648" i="10"/>
  <c r="K649" i="10"/>
  <c r="K650" i="10"/>
  <c r="K651" i="10"/>
  <c r="K652" i="10"/>
  <c r="K653" i="10"/>
  <c r="K654" i="10"/>
  <c r="K655" i="10"/>
  <c r="K656" i="10"/>
  <c r="K657" i="10"/>
  <c r="K658" i="10"/>
  <c r="K659" i="10"/>
  <c r="K660" i="10"/>
  <c r="K661" i="10"/>
  <c r="K662" i="10"/>
  <c r="K663" i="10"/>
  <c r="K664" i="10"/>
  <c r="K665" i="10"/>
  <c r="K666" i="10"/>
  <c r="K667" i="10"/>
  <c r="K668" i="10"/>
  <c r="K669" i="10"/>
  <c r="K670" i="10"/>
  <c r="K671" i="10"/>
  <c r="K672" i="10"/>
  <c r="K673" i="10"/>
  <c r="K674" i="10"/>
  <c r="K675" i="10"/>
  <c r="K676" i="10"/>
  <c r="K677" i="10"/>
  <c r="K678" i="10"/>
  <c r="K679" i="10"/>
  <c r="K680" i="10"/>
  <c r="K681" i="10"/>
  <c r="K682" i="10"/>
  <c r="K683" i="10"/>
  <c r="K684" i="10"/>
  <c r="K685" i="10"/>
  <c r="K686" i="10"/>
  <c r="K687" i="10"/>
  <c r="K688" i="10"/>
  <c r="K689" i="10"/>
  <c r="K690" i="10"/>
  <c r="K691" i="10"/>
  <c r="K692" i="10"/>
  <c r="K693" i="10"/>
  <c r="K694" i="10"/>
  <c r="K695" i="10"/>
  <c r="K696" i="10"/>
  <c r="K697" i="10"/>
  <c r="K698" i="10"/>
  <c r="K699" i="10"/>
  <c r="K700" i="10"/>
  <c r="K701" i="10"/>
  <c r="K702" i="10"/>
  <c r="K703" i="10"/>
  <c r="K704" i="10"/>
  <c r="K705" i="10"/>
  <c r="K706" i="10"/>
  <c r="K707" i="10"/>
  <c r="K708" i="10"/>
  <c r="K709" i="10"/>
  <c r="K710" i="10"/>
  <c r="K711" i="10"/>
  <c r="K712" i="10"/>
  <c r="K713" i="10"/>
  <c r="K714" i="10"/>
  <c r="K715" i="10"/>
  <c r="K716" i="10"/>
  <c r="K717" i="10"/>
  <c r="K718" i="10"/>
  <c r="K719" i="10"/>
  <c r="K720" i="10"/>
  <c r="K721" i="10"/>
  <c r="K722" i="10"/>
  <c r="K723" i="10"/>
  <c r="K724" i="10"/>
  <c r="K725" i="10"/>
  <c r="K726" i="10"/>
  <c r="K727" i="10"/>
  <c r="K728" i="10"/>
  <c r="K729" i="10"/>
  <c r="K730" i="10"/>
  <c r="K731" i="10"/>
  <c r="K732" i="10"/>
  <c r="K733" i="10"/>
  <c r="K734" i="10"/>
  <c r="K735" i="10"/>
  <c r="K736" i="10"/>
  <c r="K737" i="10"/>
  <c r="K738" i="10"/>
  <c r="K739" i="10"/>
  <c r="K740" i="10"/>
  <c r="K741" i="10"/>
  <c r="K742" i="10"/>
  <c r="K743" i="10"/>
  <c r="K744" i="10"/>
  <c r="K745" i="10"/>
  <c r="K746" i="10"/>
  <c r="K747" i="10"/>
  <c r="K748" i="10"/>
  <c r="K749" i="10"/>
  <c r="K750" i="10"/>
  <c r="K751" i="10"/>
  <c r="K752" i="10"/>
  <c r="K753" i="10"/>
  <c r="K754" i="10"/>
  <c r="K755" i="10"/>
  <c r="K756" i="10"/>
  <c r="K757" i="10"/>
  <c r="K758" i="10"/>
  <c r="K759" i="10"/>
  <c r="K760" i="10"/>
  <c r="K761" i="10"/>
  <c r="K762" i="10"/>
  <c r="K763" i="10"/>
  <c r="K764" i="10"/>
  <c r="K765" i="10"/>
  <c r="K766" i="10"/>
  <c r="K767" i="10"/>
  <c r="K768" i="10"/>
  <c r="K769" i="10"/>
  <c r="K770" i="10"/>
  <c r="K771" i="10"/>
  <c r="K772" i="10"/>
  <c r="K773" i="10"/>
  <c r="K774" i="10"/>
  <c r="K775" i="10"/>
  <c r="K776" i="10"/>
  <c r="K777" i="10"/>
  <c r="K778" i="10"/>
  <c r="K779" i="10"/>
  <c r="K780" i="10"/>
  <c r="K781" i="10"/>
  <c r="K782" i="10"/>
  <c r="K783" i="10"/>
  <c r="K784" i="10"/>
  <c r="K785" i="10"/>
  <c r="K786" i="10"/>
  <c r="K787" i="10"/>
  <c r="K788" i="10"/>
  <c r="K789" i="10"/>
  <c r="K790" i="10"/>
  <c r="K791" i="10"/>
  <c r="K792" i="10"/>
  <c r="K793" i="10"/>
  <c r="K794" i="10"/>
  <c r="K795" i="10"/>
  <c r="K796" i="10"/>
  <c r="K797" i="10"/>
  <c r="K798" i="10"/>
  <c r="K799" i="10"/>
  <c r="K800" i="10"/>
  <c r="K801" i="10"/>
  <c r="K802" i="10"/>
  <c r="K803" i="10"/>
  <c r="K804" i="10"/>
  <c r="K805" i="10"/>
  <c r="K806" i="10"/>
  <c r="K807" i="10"/>
  <c r="K808" i="10"/>
  <c r="K809" i="10"/>
  <c r="K810" i="10"/>
  <c r="K811" i="10"/>
  <c r="K812" i="10"/>
  <c r="K813" i="10"/>
  <c r="K814" i="10"/>
  <c r="K815" i="10"/>
  <c r="K816" i="10"/>
  <c r="K817" i="10"/>
  <c r="K818" i="10"/>
  <c r="K819" i="10"/>
  <c r="K820" i="10"/>
  <c r="K821" i="10"/>
  <c r="K822" i="10"/>
  <c r="K823" i="10"/>
  <c r="K824" i="10"/>
  <c r="K825" i="10"/>
  <c r="K826" i="10"/>
  <c r="K827" i="10"/>
  <c r="K828" i="10"/>
  <c r="K829" i="10"/>
  <c r="K830" i="10"/>
  <c r="K831" i="10"/>
  <c r="K832" i="10"/>
  <c r="K833" i="10"/>
  <c r="K834" i="10"/>
  <c r="K835" i="10"/>
  <c r="K836" i="10"/>
  <c r="K837" i="10"/>
  <c r="K838" i="10"/>
  <c r="K839" i="10"/>
  <c r="K840" i="10"/>
  <c r="K841" i="10"/>
  <c r="K842" i="10"/>
  <c r="K843" i="10"/>
  <c r="K844" i="10"/>
  <c r="K845" i="10"/>
  <c r="K846" i="10"/>
  <c r="K847" i="10"/>
  <c r="K848" i="10"/>
  <c r="K849" i="10"/>
  <c r="K850" i="10"/>
  <c r="K851" i="10"/>
  <c r="K852" i="10"/>
  <c r="K853" i="10"/>
  <c r="K854" i="10"/>
  <c r="K855" i="10"/>
  <c r="K856" i="10"/>
  <c r="K857" i="10"/>
  <c r="K858" i="10"/>
  <c r="K859" i="10"/>
  <c r="K860" i="10"/>
  <c r="K861" i="10"/>
  <c r="K862" i="10"/>
  <c r="K863" i="10"/>
  <c r="K864" i="10"/>
  <c r="K865" i="10"/>
  <c r="K866" i="10"/>
  <c r="K867" i="10"/>
  <c r="K868" i="10"/>
  <c r="K869" i="10"/>
  <c r="K870" i="10"/>
  <c r="K871" i="10"/>
  <c r="K872" i="10"/>
  <c r="K873" i="10"/>
  <c r="K874" i="10"/>
  <c r="K875" i="10"/>
  <c r="K876" i="10"/>
  <c r="K877" i="10"/>
  <c r="K878" i="10"/>
  <c r="K879" i="10"/>
  <c r="K880" i="10"/>
  <c r="K881" i="10"/>
  <c r="K882" i="10"/>
  <c r="K883" i="10"/>
  <c r="K884" i="10"/>
  <c r="K885" i="10"/>
  <c r="K886" i="10"/>
  <c r="K887" i="10"/>
  <c r="K888" i="10"/>
  <c r="K889" i="10"/>
  <c r="K890" i="10"/>
  <c r="K891" i="10"/>
  <c r="K892" i="10"/>
  <c r="K893" i="10"/>
  <c r="K894" i="10"/>
  <c r="K895" i="10"/>
  <c r="K896" i="10"/>
  <c r="K897" i="10"/>
  <c r="K898" i="10"/>
  <c r="K899" i="10"/>
  <c r="K900" i="10"/>
  <c r="K901" i="10"/>
  <c r="K902" i="10"/>
  <c r="K903" i="10"/>
  <c r="K904" i="10"/>
  <c r="K905" i="10"/>
  <c r="K906" i="10"/>
  <c r="K907" i="10"/>
  <c r="K908" i="10"/>
  <c r="K909" i="10"/>
  <c r="K910" i="10"/>
  <c r="K911" i="10"/>
  <c r="K912" i="10"/>
  <c r="K913" i="10"/>
  <c r="K914" i="10"/>
  <c r="K915" i="10"/>
  <c r="K916" i="10"/>
  <c r="K917" i="10"/>
  <c r="K918" i="10"/>
  <c r="K919" i="10"/>
  <c r="K920" i="10"/>
  <c r="K921" i="10"/>
  <c r="K922" i="10"/>
  <c r="K923" i="10"/>
  <c r="K924" i="10"/>
  <c r="K925" i="10"/>
  <c r="K926" i="10"/>
  <c r="K927" i="10"/>
  <c r="K928" i="10"/>
  <c r="K929" i="10"/>
  <c r="K930" i="10"/>
  <c r="K931" i="10"/>
  <c r="K932" i="10"/>
  <c r="K933" i="10"/>
  <c r="K934" i="10"/>
  <c r="K935" i="10"/>
  <c r="K936" i="10"/>
  <c r="K937" i="10"/>
  <c r="K938" i="10"/>
  <c r="K939" i="10"/>
  <c r="K940" i="10"/>
  <c r="K941" i="10"/>
  <c r="K942" i="10"/>
  <c r="K943" i="10"/>
  <c r="K944" i="10"/>
  <c r="K945" i="10"/>
  <c r="K946" i="10"/>
  <c r="K947" i="10"/>
  <c r="K948" i="10"/>
  <c r="K949" i="10"/>
  <c r="K950" i="10"/>
  <c r="K951" i="10"/>
  <c r="K952" i="10"/>
  <c r="K953" i="10"/>
  <c r="K954" i="10"/>
  <c r="K955" i="10"/>
  <c r="K956" i="10"/>
  <c r="K957" i="10"/>
  <c r="K958" i="10"/>
  <c r="K959" i="10"/>
  <c r="K960" i="10"/>
  <c r="K961" i="10"/>
  <c r="K962" i="10"/>
  <c r="K963" i="10"/>
  <c r="K964" i="10"/>
  <c r="K965" i="10"/>
  <c r="K966" i="10"/>
  <c r="K967" i="10"/>
  <c r="K968" i="10"/>
  <c r="K969" i="10"/>
  <c r="K970" i="10"/>
  <c r="K971" i="10"/>
  <c r="K972" i="10"/>
  <c r="K973" i="10"/>
  <c r="K974" i="10"/>
  <c r="K975" i="10"/>
  <c r="K976" i="10"/>
  <c r="K977" i="10"/>
  <c r="K978" i="10"/>
  <c r="K979" i="10"/>
  <c r="K980" i="10"/>
  <c r="K981" i="10"/>
  <c r="K982" i="10"/>
  <c r="K983" i="10"/>
  <c r="K984" i="10"/>
  <c r="K985" i="10"/>
  <c r="K986" i="10"/>
  <c r="K987" i="10"/>
  <c r="K988" i="10"/>
  <c r="K989" i="10"/>
  <c r="K990" i="10"/>
  <c r="K991" i="10"/>
  <c r="K992" i="10"/>
  <c r="K993" i="10"/>
  <c r="K994" i="10"/>
  <c r="K995" i="10"/>
  <c r="K996" i="10"/>
  <c r="K997" i="10"/>
  <c r="K998" i="10"/>
  <c r="K999" i="10"/>
  <c r="K1000" i="10"/>
  <c r="K1001" i="10"/>
  <c r="K1002" i="10"/>
  <c r="K1003" i="10"/>
  <c r="K1004" i="10"/>
  <c r="K1005" i="10"/>
  <c r="K1006" i="10"/>
  <c r="K1007" i="10"/>
  <c r="K1008" i="10"/>
  <c r="K1009" i="10"/>
  <c r="K1010" i="10"/>
  <c r="K1011" i="10"/>
  <c r="K1012" i="10"/>
  <c r="K1013" i="10"/>
  <c r="K1014" i="10"/>
  <c r="K1015" i="10"/>
  <c r="K1016" i="10"/>
  <c r="K1017" i="10"/>
  <c r="K1018" i="10"/>
  <c r="K1019" i="10"/>
  <c r="K1020" i="10"/>
  <c r="K1021" i="10"/>
  <c r="K1022" i="10"/>
  <c r="K1023" i="10"/>
  <c r="K1024" i="10"/>
  <c r="K1025" i="10"/>
  <c r="K1026" i="10"/>
  <c r="K1027" i="10"/>
  <c r="K1028" i="10"/>
  <c r="K1029" i="10"/>
  <c r="K1030" i="10"/>
  <c r="K1031" i="10"/>
  <c r="K1032" i="10"/>
  <c r="K1033" i="10"/>
  <c r="K1034" i="10"/>
  <c r="K1035" i="10"/>
  <c r="K1036" i="10"/>
  <c r="K1037" i="10"/>
  <c r="K1038" i="10"/>
  <c r="K1039" i="10"/>
  <c r="K1040" i="10"/>
  <c r="K1041" i="10"/>
  <c r="K1042" i="10"/>
  <c r="K1043" i="10"/>
  <c r="K1044" i="10"/>
  <c r="K1045" i="10"/>
  <c r="K1046" i="10"/>
  <c r="K1047" i="10"/>
  <c r="K1048" i="10"/>
  <c r="K1049" i="10"/>
  <c r="K1050" i="10"/>
  <c r="K1051" i="10"/>
  <c r="K1052" i="10"/>
  <c r="K1053" i="10"/>
  <c r="K1054" i="10"/>
  <c r="K1055" i="10"/>
  <c r="K1056" i="10"/>
  <c r="K1057" i="10"/>
  <c r="K1058" i="10"/>
  <c r="K1059" i="10"/>
  <c r="K1060" i="10"/>
  <c r="K1061" i="10"/>
  <c r="K1062" i="10"/>
  <c r="K1063" i="10"/>
  <c r="K1064" i="10"/>
  <c r="K1065" i="10"/>
  <c r="K1066" i="10"/>
  <c r="K1067" i="10"/>
  <c r="K1068" i="10"/>
  <c r="K1069" i="10"/>
  <c r="K1070" i="10"/>
  <c r="K1071" i="10"/>
  <c r="K1072" i="10"/>
  <c r="K1073" i="10"/>
  <c r="K1074" i="10"/>
  <c r="K1075" i="10"/>
  <c r="K1076" i="10"/>
  <c r="K1077" i="10"/>
  <c r="K1078" i="10"/>
  <c r="K1079" i="10"/>
  <c r="K1080" i="10"/>
  <c r="K1081" i="10"/>
  <c r="K1082" i="10"/>
  <c r="K1083" i="10"/>
  <c r="K1084" i="10"/>
  <c r="K1085" i="10"/>
  <c r="K1086" i="10"/>
  <c r="K1087" i="10"/>
  <c r="K1088" i="10"/>
  <c r="K1089" i="10"/>
  <c r="K1090" i="10"/>
  <c r="K1091" i="10"/>
  <c r="K1092" i="10"/>
  <c r="K1093" i="10"/>
  <c r="K1094" i="10"/>
  <c r="K1095" i="10"/>
  <c r="K1096" i="10"/>
  <c r="K1097" i="10"/>
  <c r="K1098" i="10"/>
  <c r="K1099" i="10"/>
  <c r="K1100" i="10"/>
  <c r="K1101" i="10"/>
  <c r="K1102" i="10"/>
  <c r="K1103" i="10"/>
  <c r="K1104" i="10"/>
  <c r="K1105" i="10"/>
  <c r="K1106" i="10"/>
  <c r="K1107" i="10"/>
  <c r="K1108" i="10"/>
  <c r="K1109" i="10"/>
  <c r="K1110" i="10"/>
  <c r="K1111" i="10"/>
  <c r="K1112" i="10"/>
  <c r="K1113" i="10"/>
  <c r="K1114" i="10"/>
  <c r="K1115" i="10"/>
  <c r="K1116" i="10"/>
  <c r="K1117" i="10"/>
  <c r="K1118" i="10"/>
  <c r="K1119" i="10"/>
  <c r="K1120" i="10"/>
  <c r="K1121" i="10"/>
  <c r="K1122" i="10"/>
  <c r="K1123" i="10"/>
  <c r="K1124" i="10"/>
  <c r="K1125" i="10"/>
  <c r="K1126" i="10"/>
  <c r="K1127" i="10"/>
  <c r="K1128" i="10"/>
  <c r="K1129" i="10"/>
  <c r="K1130" i="10"/>
  <c r="K1131" i="10"/>
  <c r="K1132" i="10"/>
  <c r="K1133" i="10"/>
  <c r="K1134" i="10"/>
  <c r="K1135" i="10"/>
  <c r="K1136" i="10"/>
  <c r="K1137" i="10"/>
  <c r="K1138" i="10"/>
  <c r="K1139" i="10"/>
  <c r="K1140" i="10"/>
  <c r="K1141" i="10"/>
  <c r="K1142" i="10"/>
  <c r="K1143" i="10"/>
  <c r="K1144" i="10"/>
  <c r="K1145" i="10"/>
  <c r="K1146" i="10"/>
  <c r="K1147" i="10"/>
  <c r="K1148" i="10"/>
  <c r="K1149" i="10"/>
  <c r="K1150" i="10"/>
  <c r="K1151" i="10"/>
  <c r="K1152" i="10"/>
  <c r="K1153" i="10"/>
  <c r="K1154" i="10"/>
  <c r="K1155" i="10"/>
  <c r="K1156" i="10"/>
  <c r="K1157" i="10"/>
  <c r="K1158" i="10"/>
  <c r="K1159" i="10"/>
  <c r="K1160" i="10"/>
  <c r="K1161" i="10"/>
  <c r="K1162" i="10"/>
  <c r="K1163" i="10"/>
  <c r="K1164" i="10"/>
  <c r="K1165" i="10"/>
  <c r="K1166" i="10"/>
  <c r="K1167" i="10"/>
  <c r="K1168" i="10"/>
  <c r="K1169" i="10"/>
  <c r="K1170" i="10"/>
  <c r="K1171" i="10"/>
  <c r="K1172" i="10"/>
  <c r="K1173" i="10"/>
  <c r="K1174" i="10"/>
  <c r="K1175" i="10"/>
  <c r="K1176" i="10"/>
  <c r="K1177" i="10"/>
  <c r="K1178" i="10"/>
  <c r="K1179" i="10"/>
  <c r="K1180" i="10"/>
  <c r="K1181" i="10"/>
  <c r="K1182" i="10"/>
  <c r="K1183" i="10"/>
  <c r="K1184" i="10"/>
  <c r="K1185" i="10"/>
  <c r="K1186" i="10"/>
  <c r="K1187" i="10"/>
  <c r="K1188" i="10"/>
  <c r="K1189" i="10"/>
  <c r="K1190" i="10"/>
  <c r="K1191" i="10"/>
  <c r="K1192" i="10"/>
  <c r="K1193" i="10"/>
  <c r="K1194" i="10"/>
  <c r="K1195" i="10"/>
  <c r="K1196" i="10"/>
  <c r="K1197" i="10"/>
  <c r="K1198" i="10"/>
  <c r="K1199" i="10"/>
  <c r="K1200" i="10"/>
  <c r="K1201" i="10"/>
  <c r="K1202" i="10"/>
  <c r="K1203" i="10"/>
  <c r="K1204" i="10"/>
  <c r="K1205" i="10"/>
  <c r="K1206" i="10"/>
  <c r="K1207" i="10"/>
  <c r="K1208" i="10"/>
  <c r="K1209" i="10"/>
  <c r="K1210" i="10"/>
  <c r="K1211" i="10"/>
  <c r="K1212" i="10"/>
  <c r="K1213" i="10"/>
  <c r="K1214" i="10"/>
  <c r="K1215" i="10"/>
  <c r="K1216" i="10"/>
  <c r="K1217" i="10"/>
  <c r="K1218" i="10"/>
  <c r="K1219" i="10"/>
  <c r="K1220" i="10"/>
  <c r="K1221" i="10"/>
  <c r="K1222" i="10"/>
  <c r="K1223" i="10"/>
  <c r="K1224" i="10"/>
  <c r="K1225" i="10"/>
  <c r="K1226" i="10"/>
  <c r="K1227" i="10"/>
  <c r="K1228" i="10"/>
  <c r="K1229" i="10"/>
  <c r="K1230" i="10"/>
  <c r="K1231" i="10"/>
  <c r="K1232" i="10"/>
  <c r="K1233" i="10"/>
  <c r="K1234" i="10"/>
  <c r="K1235" i="10"/>
  <c r="K1236" i="10"/>
  <c r="K1237" i="10"/>
  <c r="K1238" i="10"/>
  <c r="K1239" i="10"/>
  <c r="K1240" i="10"/>
  <c r="K1241" i="10"/>
  <c r="K1242" i="10"/>
  <c r="K1243" i="10"/>
  <c r="K1244" i="10"/>
  <c r="K1245" i="10"/>
  <c r="K1246" i="10"/>
  <c r="K1247" i="10"/>
  <c r="K1248" i="10"/>
  <c r="K1249" i="10"/>
  <c r="K1250" i="10"/>
  <c r="K1251" i="10"/>
  <c r="K1252" i="10"/>
  <c r="K1253" i="10"/>
  <c r="K1254" i="10"/>
  <c r="K1255" i="10"/>
  <c r="K1256" i="10"/>
  <c r="K1257" i="10"/>
  <c r="K1258" i="10"/>
  <c r="K1259" i="10"/>
  <c r="K1260" i="10"/>
  <c r="K1261" i="10"/>
  <c r="K1262" i="10"/>
  <c r="K1263" i="10"/>
  <c r="K1264" i="10"/>
  <c r="K1265" i="10"/>
  <c r="K1266" i="10"/>
  <c r="K1267" i="10"/>
  <c r="K1268" i="10"/>
  <c r="K1269" i="10"/>
  <c r="K1270" i="10"/>
  <c r="K1271" i="10"/>
  <c r="K1272" i="10"/>
  <c r="K1273" i="10"/>
  <c r="K1274" i="10"/>
  <c r="K1275" i="10"/>
  <c r="K1276" i="10"/>
  <c r="K1277" i="10"/>
  <c r="K1278" i="10"/>
  <c r="K1279" i="10"/>
  <c r="K1280" i="10"/>
  <c r="K1281" i="10"/>
  <c r="K1282" i="10"/>
  <c r="K1283" i="10"/>
  <c r="K1284" i="10"/>
  <c r="K1285" i="10"/>
  <c r="K1286" i="10"/>
  <c r="K1287" i="10"/>
  <c r="K1288" i="10"/>
  <c r="K1289" i="10"/>
  <c r="K1290" i="10"/>
  <c r="K1291" i="10"/>
  <c r="K1292" i="10"/>
  <c r="K1293" i="10"/>
  <c r="K1294" i="10"/>
  <c r="K1295" i="10"/>
  <c r="K1296" i="10"/>
  <c r="K1297" i="10"/>
  <c r="K1298" i="10"/>
  <c r="K1299" i="10"/>
  <c r="K1300" i="10"/>
  <c r="K1301" i="10"/>
  <c r="K1302" i="10"/>
  <c r="K1303" i="10"/>
  <c r="K1304" i="10"/>
  <c r="K1305" i="10"/>
  <c r="K1306" i="10"/>
  <c r="K1307" i="10"/>
  <c r="K1308" i="10"/>
  <c r="K1309" i="10"/>
  <c r="K1310" i="10"/>
  <c r="K1311" i="10"/>
  <c r="K1312" i="10"/>
  <c r="K1313" i="10"/>
  <c r="K1314" i="10"/>
  <c r="K1315" i="10"/>
  <c r="K1316" i="10"/>
  <c r="K1317" i="10"/>
  <c r="K1318" i="10"/>
  <c r="K1319" i="10"/>
  <c r="K1320" i="10"/>
  <c r="K1321" i="10"/>
  <c r="K1322" i="10"/>
  <c r="K1323" i="10"/>
  <c r="K1324" i="10"/>
  <c r="K1325" i="10"/>
  <c r="K1326" i="10"/>
  <c r="K1327" i="10"/>
  <c r="K1328" i="10"/>
  <c r="K1329" i="10"/>
  <c r="K1330" i="10"/>
  <c r="K1331" i="10"/>
  <c r="K1332" i="10"/>
  <c r="K1333" i="10"/>
  <c r="K1334" i="10"/>
  <c r="K1335" i="10"/>
  <c r="K1336" i="10"/>
  <c r="K1337" i="10"/>
  <c r="K1338" i="10"/>
  <c r="K1339" i="10"/>
  <c r="K1340" i="10"/>
  <c r="K1341" i="10"/>
  <c r="K1342" i="10"/>
  <c r="K1343" i="10"/>
  <c r="K1344" i="10"/>
  <c r="K1345" i="10"/>
  <c r="K1346" i="10"/>
  <c r="K1347" i="10"/>
  <c r="K1348" i="10"/>
  <c r="K1349" i="10"/>
  <c r="K1350" i="10"/>
  <c r="K1351" i="10"/>
  <c r="K1352" i="10"/>
  <c r="K1353" i="10"/>
  <c r="K1354" i="10"/>
  <c r="K1355" i="10"/>
  <c r="K1356" i="10"/>
  <c r="K1357" i="10"/>
  <c r="K1358" i="10"/>
  <c r="K1359" i="10"/>
  <c r="K1360" i="10"/>
  <c r="K1361" i="10"/>
  <c r="K1362" i="10"/>
  <c r="K1363" i="10"/>
  <c r="K1364" i="10"/>
  <c r="K1365" i="10"/>
  <c r="K1366" i="10"/>
  <c r="K1367" i="10"/>
  <c r="K1368" i="10"/>
  <c r="K1369" i="10"/>
  <c r="K1370" i="10"/>
  <c r="K1371" i="10"/>
  <c r="K1372" i="10"/>
  <c r="K1373" i="10"/>
  <c r="K1374" i="10"/>
  <c r="K1375" i="10"/>
  <c r="K1376" i="10"/>
  <c r="K1377" i="10"/>
  <c r="K1378" i="10"/>
  <c r="K1379" i="10"/>
  <c r="K1380" i="10"/>
  <c r="K1381" i="10"/>
  <c r="K1382" i="10"/>
  <c r="K1383" i="10"/>
  <c r="K1384" i="10"/>
  <c r="K1385" i="10"/>
  <c r="K1386" i="10"/>
  <c r="K1387" i="10"/>
  <c r="K1388" i="10"/>
  <c r="K1389" i="10"/>
  <c r="K1390" i="10"/>
  <c r="K1391" i="10"/>
  <c r="K1392" i="10"/>
  <c r="K1393" i="10"/>
  <c r="K1394" i="10"/>
  <c r="K1395" i="10"/>
  <c r="K1396" i="10"/>
  <c r="K1397" i="10"/>
  <c r="K1398" i="10"/>
  <c r="K1399" i="10"/>
  <c r="K1400" i="10"/>
  <c r="K1401" i="10"/>
  <c r="K1402" i="10"/>
  <c r="K1403" i="10"/>
  <c r="K1404" i="10"/>
  <c r="K1405" i="10"/>
  <c r="K1406" i="10"/>
  <c r="K1407" i="10"/>
  <c r="K1408" i="10"/>
  <c r="K1409" i="10"/>
  <c r="K1410" i="10"/>
  <c r="K1411" i="10"/>
  <c r="K1412" i="10"/>
  <c r="K1413" i="10"/>
  <c r="K1414" i="10"/>
  <c r="K1415" i="10"/>
  <c r="K1416" i="10"/>
  <c r="K1417" i="10"/>
  <c r="K1418" i="10"/>
  <c r="K1419" i="10"/>
  <c r="K1420" i="10"/>
  <c r="K1421" i="10"/>
  <c r="K1422" i="10"/>
  <c r="K1423" i="10"/>
  <c r="K1424" i="10"/>
  <c r="K1425" i="10"/>
  <c r="K1426" i="10"/>
  <c r="K1427" i="10"/>
  <c r="K1428" i="10"/>
  <c r="K1429" i="10"/>
  <c r="K1430" i="10"/>
  <c r="K1431" i="10"/>
  <c r="K1432" i="10"/>
  <c r="K1433" i="10"/>
  <c r="K1434" i="10"/>
  <c r="K1435" i="10"/>
  <c r="K1436" i="10"/>
  <c r="K1437" i="10"/>
  <c r="K1438" i="10"/>
  <c r="K1439" i="10"/>
  <c r="K1440" i="10"/>
  <c r="K1441" i="10"/>
  <c r="K1442" i="10"/>
  <c r="K1443" i="10"/>
  <c r="K1444" i="10"/>
  <c r="K1445" i="10"/>
  <c r="K1446" i="10"/>
  <c r="K1447" i="10"/>
  <c r="K1448" i="10"/>
  <c r="K1449" i="10"/>
  <c r="K1450" i="10"/>
  <c r="K1451" i="10"/>
  <c r="K1452" i="10"/>
  <c r="K1453" i="10"/>
  <c r="K1454" i="10"/>
  <c r="K1455" i="10"/>
  <c r="K1456" i="10"/>
  <c r="K1457" i="10"/>
  <c r="K1458" i="10"/>
  <c r="K1459" i="10"/>
  <c r="K1460" i="10"/>
  <c r="K1461" i="10"/>
  <c r="K1462" i="10"/>
  <c r="K1463" i="10"/>
  <c r="K1464" i="10"/>
  <c r="K1465" i="10"/>
  <c r="K1466" i="10"/>
  <c r="K1467" i="10"/>
  <c r="K1468" i="10"/>
  <c r="K1469" i="10"/>
  <c r="K1470" i="10"/>
  <c r="K1471" i="10"/>
  <c r="K1472" i="10"/>
  <c r="K1473" i="10"/>
  <c r="K1474" i="10"/>
  <c r="K1475" i="10"/>
  <c r="K1476" i="10"/>
  <c r="K1477" i="10"/>
  <c r="K1478" i="10"/>
  <c r="K1479" i="10"/>
  <c r="K1480" i="10"/>
  <c r="K1481" i="10"/>
  <c r="K1482" i="10"/>
  <c r="K1483" i="10"/>
  <c r="K1484" i="10"/>
  <c r="K1485" i="10"/>
  <c r="K1486" i="10"/>
  <c r="K1487" i="10"/>
  <c r="K1488" i="10"/>
  <c r="K1489" i="10"/>
  <c r="K1490" i="10"/>
  <c r="K1491" i="10"/>
  <c r="K1492" i="10"/>
  <c r="K1493" i="10"/>
  <c r="K1494" i="10"/>
  <c r="K1495" i="10"/>
  <c r="K1496" i="10"/>
  <c r="K1497" i="10"/>
  <c r="K1498" i="10"/>
  <c r="K1499" i="10"/>
  <c r="K1500" i="10"/>
  <c r="K1501" i="10"/>
  <c r="K1502" i="10"/>
  <c r="K1503" i="10"/>
  <c r="K1504" i="10"/>
  <c r="K1505" i="10"/>
  <c r="K1506" i="10"/>
  <c r="K1507" i="10"/>
  <c r="K1508" i="10"/>
  <c r="K1509" i="10"/>
  <c r="K1510" i="10"/>
  <c r="K1511" i="10"/>
  <c r="K1512" i="10"/>
  <c r="K1513" i="10"/>
  <c r="K1514" i="10"/>
  <c r="K1515" i="10"/>
  <c r="K1516" i="10"/>
  <c r="K1517" i="10"/>
  <c r="K1518" i="10"/>
  <c r="K1519" i="10"/>
  <c r="K1520" i="10"/>
  <c r="K1521" i="10"/>
  <c r="K1522" i="10"/>
  <c r="K1523" i="10"/>
  <c r="K1524" i="10"/>
  <c r="K1525" i="10"/>
  <c r="K1526" i="10"/>
  <c r="K1527" i="10"/>
  <c r="K1528" i="10"/>
  <c r="K1529" i="10"/>
  <c r="K1530" i="10"/>
  <c r="K1531" i="10"/>
  <c r="K1532" i="10"/>
  <c r="K1533" i="10"/>
  <c r="K1534" i="10"/>
  <c r="K1535" i="10"/>
  <c r="K1536" i="10"/>
  <c r="K1537" i="10"/>
  <c r="K1538" i="10"/>
  <c r="K1539" i="10"/>
  <c r="K1540" i="10"/>
  <c r="K1541" i="10"/>
  <c r="K1542" i="10"/>
  <c r="K1543" i="10"/>
  <c r="K1544" i="10"/>
  <c r="K1545" i="10"/>
  <c r="K1546" i="10"/>
  <c r="K1547" i="10"/>
  <c r="K1548" i="10"/>
  <c r="K1549" i="10"/>
  <c r="K1550" i="10"/>
  <c r="K1551" i="10"/>
  <c r="K1552" i="10"/>
  <c r="K1553" i="10"/>
  <c r="K1554" i="10"/>
  <c r="K1555" i="10"/>
  <c r="K1556" i="10"/>
  <c r="K1557" i="10"/>
  <c r="K1558" i="10"/>
  <c r="K1559" i="10"/>
  <c r="K1560" i="10"/>
  <c r="K1561" i="10"/>
  <c r="K1562" i="10"/>
  <c r="K1563" i="10"/>
  <c r="K1564" i="10"/>
  <c r="K1565" i="10"/>
  <c r="K1566" i="10"/>
  <c r="K1567" i="10"/>
  <c r="K1568" i="10"/>
  <c r="K1569" i="10"/>
  <c r="K1570" i="10"/>
  <c r="K1571" i="10"/>
  <c r="K1572" i="10"/>
  <c r="K1573" i="10"/>
  <c r="K1574" i="10"/>
  <c r="K1575" i="10"/>
  <c r="K1576" i="10"/>
  <c r="K1577" i="10"/>
  <c r="K1578" i="10"/>
  <c r="K1579" i="10"/>
  <c r="K1580" i="10"/>
  <c r="K1581" i="10"/>
  <c r="K1582" i="10"/>
  <c r="K1583" i="10"/>
  <c r="K1584" i="10"/>
  <c r="K1585" i="10"/>
  <c r="K1586" i="10"/>
  <c r="K1587" i="10"/>
  <c r="K1588" i="10"/>
  <c r="K1589" i="10"/>
  <c r="K1590" i="10"/>
  <c r="K1591" i="10"/>
  <c r="K1592" i="10"/>
  <c r="K1593" i="10"/>
  <c r="K1594" i="10"/>
  <c r="K1595" i="10"/>
  <c r="K1596" i="10"/>
  <c r="K1597" i="10"/>
  <c r="K1598" i="10"/>
  <c r="K1599" i="10"/>
  <c r="K1600" i="10"/>
  <c r="K1601" i="10"/>
  <c r="K1602" i="10"/>
  <c r="K1603" i="10"/>
  <c r="K1604" i="10"/>
  <c r="K1605" i="10"/>
  <c r="K1606" i="10"/>
  <c r="K1607" i="10"/>
  <c r="K1608" i="10"/>
  <c r="K1609" i="10"/>
  <c r="K1610" i="10"/>
  <c r="K1611" i="10"/>
  <c r="K1612" i="10"/>
  <c r="K1613" i="10"/>
  <c r="K1614" i="10"/>
  <c r="K1615" i="10"/>
  <c r="K1616" i="10"/>
  <c r="K1617" i="10"/>
  <c r="K1618" i="10"/>
  <c r="K1619" i="10"/>
  <c r="K1620" i="10"/>
  <c r="K1621" i="10"/>
  <c r="K1622" i="10"/>
  <c r="K1623" i="10"/>
  <c r="K1624" i="10"/>
  <c r="K1625" i="10"/>
  <c r="K1626" i="10"/>
  <c r="K1627" i="10"/>
  <c r="K1628" i="10"/>
  <c r="K1629" i="10"/>
  <c r="K1630" i="10"/>
  <c r="K1631" i="10"/>
  <c r="K1632" i="10"/>
  <c r="K1633" i="10"/>
  <c r="K1634" i="10"/>
  <c r="K1635" i="10"/>
  <c r="K1636" i="10"/>
  <c r="K1637" i="10"/>
  <c r="K1638" i="10"/>
  <c r="K1639" i="10"/>
  <c r="K1640" i="10"/>
  <c r="K1641" i="10"/>
  <c r="K1642" i="10"/>
  <c r="K1643" i="10"/>
  <c r="K1644" i="10"/>
  <c r="K1645" i="10"/>
  <c r="K1646" i="10"/>
  <c r="K1647" i="10"/>
  <c r="K1648" i="10"/>
  <c r="K1649" i="10"/>
  <c r="K1650" i="10"/>
  <c r="K1651" i="10"/>
  <c r="K1652" i="10"/>
  <c r="K1653" i="10"/>
  <c r="K1654" i="10"/>
  <c r="K1655" i="10"/>
  <c r="K1656" i="10"/>
  <c r="K1657" i="10"/>
  <c r="K1658" i="10"/>
  <c r="K1659" i="10"/>
  <c r="K1660" i="10"/>
  <c r="K1661" i="10"/>
  <c r="K1662" i="10"/>
  <c r="K1663" i="10"/>
  <c r="K1664" i="10"/>
  <c r="K1665" i="10"/>
  <c r="K1666" i="10"/>
  <c r="K1667" i="10"/>
  <c r="K1668" i="10"/>
  <c r="K1669" i="10"/>
  <c r="K1670" i="10"/>
  <c r="K1671" i="10"/>
  <c r="K1672" i="10"/>
  <c r="K1673" i="10"/>
  <c r="K1674" i="10"/>
  <c r="K1675" i="10"/>
  <c r="K1676" i="10"/>
  <c r="K1677" i="10"/>
  <c r="K1678" i="10"/>
  <c r="K1679" i="10"/>
  <c r="K1680" i="10"/>
  <c r="K1681" i="10"/>
  <c r="K1682" i="10"/>
  <c r="K1683" i="10"/>
  <c r="K1684" i="10"/>
  <c r="K1685" i="10"/>
  <c r="K1686" i="10"/>
  <c r="K1687" i="10"/>
  <c r="K1688" i="10"/>
  <c r="K1689" i="10"/>
  <c r="K1690" i="10"/>
  <c r="K1691" i="10"/>
  <c r="K1692" i="10"/>
  <c r="K1693" i="10"/>
  <c r="K1694" i="10"/>
  <c r="K1695" i="10"/>
  <c r="K1696" i="10"/>
  <c r="K1697" i="10"/>
  <c r="K1698" i="10"/>
  <c r="K1699" i="10"/>
  <c r="K1700" i="10"/>
  <c r="K1701" i="10"/>
  <c r="K1702" i="10"/>
  <c r="K1703" i="10"/>
  <c r="K1704" i="10"/>
  <c r="K1705" i="10"/>
  <c r="K1706" i="10"/>
  <c r="K1707" i="10"/>
  <c r="K1708" i="10"/>
  <c r="K1709" i="10"/>
  <c r="K1710" i="10"/>
  <c r="K1711" i="10"/>
  <c r="K1712" i="10"/>
  <c r="K1713" i="10"/>
  <c r="K1714" i="10"/>
  <c r="K1715" i="10"/>
  <c r="K1716" i="10"/>
  <c r="K1717" i="10"/>
  <c r="K1718" i="10"/>
  <c r="K1719" i="10"/>
  <c r="K1720" i="10"/>
  <c r="K1721" i="10"/>
  <c r="K1722" i="10"/>
  <c r="K1723" i="10"/>
  <c r="K1724" i="10"/>
  <c r="K1725" i="10"/>
  <c r="K1726" i="10"/>
  <c r="K1727" i="10"/>
  <c r="K1728" i="10"/>
  <c r="K1729" i="10"/>
  <c r="K1730" i="10"/>
  <c r="K1731" i="10"/>
  <c r="K1732" i="10"/>
  <c r="K1733" i="10"/>
  <c r="K1734" i="10"/>
  <c r="K1735" i="10"/>
  <c r="K1736" i="10"/>
  <c r="K1737" i="10"/>
  <c r="K1738" i="10"/>
  <c r="K1739" i="10"/>
  <c r="K1740" i="10"/>
  <c r="K1741" i="10"/>
  <c r="K1742" i="10"/>
  <c r="K1743" i="10"/>
  <c r="K1744" i="10"/>
  <c r="K1745" i="10"/>
  <c r="K1746" i="10"/>
  <c r="K1747" i="10"/>
  <c r="K1748" i="10"/>
  <c r="K1749" i="10"/>
  <c r="K1750" i="10"/>
  <c r="K1751" i="10"/>
  <c r="K1752" i="10"/>
  <c r="K1753" i="10"/>
  <c r="K1754" i="10"/>
  <c r="K1755" i="10"/>
  <c r="K1756" i="10"/>
  <c r="K1757" i="10"/>
  <c r="K1758" i="10"/>
  <c r="K1759" i="10"/>
  <c r="K1760" i="10"/>
  <c r="K1761" i="10"/>
  <c r="K1762" i="10"/>
  <c r="K1763" i="10"/>
  <c r="K1764" i="10"/>
  <c r="K1765" i="10"/>
  <c r="K1766" i="10"/>
  <c r="K1767" i="10"/>
  <c r="K1768" i="10"/>
  <c r="K1769" i="10"/>
  <c r="K1770" i="10"/>
  <c r="K1771" i="10"/>
  <c r="K1772" i="10"/>
  <c r="K1773" i="10"/>
  <c r="K1774" i="10"/>
  <c r="K1775" i="10"/>
  <c r="K1776" i="10"/>
  <c r="K1777" i="10"/>
  <c r="K1778" i="10"/>
  <c r="K1779" i="10"/>
  <c r="K1780" i="10"/>
  <c r="K1781" i="10"/>
  <c r="K1782" i="10"/>
  <c r="K1783" i="10"/>
  <c r="K1784" i="10"/>
  <c r="K1785" i="10"/>
  <c r="K1786" i="10"/>
  <c r="K1787" i="10"/>
  <c r="K1788" i="10"/>
  <c r="K1789" i="10"/>
  <c r="K1790" i="10"/>
  <c r="K1791" i="10"/>
  <c r="K1792" i="10"/>
  <c r="K1793" i="10"/>
  <c r="K1794" i="10"/>
  <c r="K1795" i="10"/>
  <c r="K1796" i="10"/>
  <c r="K1797" i="10"/>
  <c r="K1798" i="10"/>
  <c r="K1799" i="10"/>
  <c r="K1800" i="10"/>
  <c r="K1801" i="10"/>
  <c r="K1802" i="10"/>
  <c r="K1803" i="10"/>
  <c r="K1804" i="10"/>
  <c r="K1805" i="10"/>
  <c r="K1806" i="10"/>
  <c r="K1807" i="10"/>
  <c r="K1808" i="10"/>
  <c r="K1809" i="10"/>
  <c r="K1810" i="10"/>
  <c r="K1811" i="10"/>
  <c r="K1812" i="10"/>
  <c r="K1813" i="10"/>
  <c r="K1814" i="10"/>
  <c r="K1815" i="10"/>
  <c r="K1816" i="10"/>
  <c r="K1817" i="10"/>
  <c r="K1818" i="10"/>
  <c r="K1819" i="10"/>
  <c r="K1820" i="10"/>
  <c r="K1821" i="10"/>
  <c r="K1822" i="10"/>
  <c r="K1823" i="10"/>
  <c r="K1824" i="10"/>
  <c r="K1825" i="10"/>
  <c r="K1826" i="10"/>
  <c r="K1827" i="10"/>
  <c r="K1828" i="10"/>
  <c r="K1829" i="10"/>
  <c r="K1830" i="10"/>
  <c r="K1831" i="10"/>
  <c r="K1832" i="10"/>
  <c r="K1833" i="10"/>
  <c r="K1834" i="10"/>
  <c r="K1835" i="10"/>
  <c r="K1836" i="10"/>
  <c r="K1837" i="10"/>
  <c r="K1838" i="10"/>
  <c r="K1839" i="10"/>
  <c r="K1840" i="10"/>
  <c r="K1841" i="10"/>
  <c r="K1842" i="10"/>
  <c r="K1843" i="10"/>
  <c r="K1844" i="10"/>
  <c r="K1845" i="10"/>
  <c r="K1846" i="10"/>
  <c r="K1847" i="10"/>
  <c r="K1848" i="10"/>
  <c r="K1849" i="10"/>
  <c r="K1850" i="10"/>
  <c r="K1851" i="10"/>
  <c r="K1852" i="10"/>
  <c r="K1853" i="10"/>
  <c r="K1854" i="10"/>
  <c r="K1855" i="10"/>
  <c r="K1856" i="10"/>
  <c r="K1857" i="10"/>
  <c r="K1858" i="10"/>
  <c r="K1859" i="10"/>
  <c r="K1860" i="10"/>
  <c r="K1861" i="10"/>
  <c r="K1862" i="10"/>
  <c r="K1863" i="10"/>
  <c r="K1864" i="10"/>
  <c r="K1865" i="10"/>
  <c r="K1866" i="10"/>
  <c r="K1867" i="10"/>
  <c r="K1868" i="10"/>
  <c r="K1869" i="10"/>
  <c r="K1870" i="10"/>
  <c r="K1871" i="10"/>
  <c r="K1872" i="10"/>
  <c r="K1873" i="10"/>
  <c r="K1874" i="10"/>
  <c r="K1875" i="10"/>
  <c r="K1876" i="10"/>
  <c r="K1877" i="10"/>
  <c r="K1878" i="10"/>
  <c r="K1879" i="10"/>
  <c r="K1880" i="10"/>
  <c r="K1881" i="10"/>
  <c r="K1882" i="10"/>
  <c r="K1883" i="10"/>
  <c r="K1884" i="10"/>
  <c r="K1885" i="10"/>
  <c r="K1886" i="10"/>
  <c r="K1887" i="10"/>
  <c r="K1888" i="10"/>
  <c r="K1889" i="10"/>
  <c r="K1890" i="10"/>
  <c r="K1891" i="10"/>
  <c r="K1892" i="10"/>
  <c r="K1893" i="10"/>
  <c r="K1894" i="10"/>
  <c r="K1895" i="10"/>
  <c r="K1896" i="10"/>
  <c r="K1897" i="10"/>
  <c r="K1898" i="10"/>
  <c r="K1899" i="10"/>
  <c r="K1900" i="10"/>
  <c r="K1901" i="10"/>
  <c r="K1902" i="10"/>
  <c r="K1903" i="10"/>
  <c r="K1904" i="10"/>
  <c r="K1905" i="10"/>
  <c r="K1906" i="10"/>
  <c r="K1907" i="10"/>
  <c r="K1908" i="10"/>
  <c r="K1909" i="10"/>
  <c r="K1910" i="10"/>
  <c r="K1911" i="10"/>
  <c r="K1912" i="10"/>
  <c r="K1913" i="10"/>
  <c r="K1914" i="10"/>
  <c r="K1915" i="10"/>
  <c r="K1916" i="10"/>
  <c r="K1917" i="10"/>
  <c r="K1918" i="10"/>
  <c r="K1919" i="10"/>
  <c r="K1920" i="10"/>
  <c r="K1921" i="10"/>
  <c r="K1922" i="10"/>
  <c r="K1923" i="10"/>
  <c r="K1924" i="10"/>
  <c r="K1925" i="10"/>
  <c r="K1926" i="10"/>
  <c r="K1927" i="10"/>
  <c r="K1928" i="10"/>
  <c r="K1929" i="10"/>
  <c r="K1930" i="10"/>
  <c r="K1931" i="10"/>
  <c r="K1932" i="10"/>
  <c r="K1933" i="10"/>
  <c r="K1934" i="10"/>
  <c r="K1935" i="10"/>
  <c r="K1936" i="10"/>
  <c r="K1937" i="10"/>
  <c r="K1938" i="10"/>
  <c r="K1939" i="10"/>
  <c r="K1940" i="10"/>
  <c r="K1941" i="10"/>
  <c r="K1942" i="10"/>
  <c r="K1943" i="10"/>
  <c r="K1944" i="10"/>
  <c r="K1945" i="10"/>
  <c r="K1946" i="10"/>
  <c r="K1947" i="10"/>
  <c r="K1948" i="10"/>
  <c r="K1949" i="10"/>
  <c r="K1950" i="10"/>
  <c r="K1951" i="10"/>
  <c r="K1952" i="10"/>
  <c r="K1953" i="10"/>
  <c r="K1954" i="10"/>
  <c r="K1955" i="10"/>
  <c r="K1956" i="10"/>
  <c r="K1957" i="10"/>
  <c r="K1958" i="10"/>
  <c r="K1959" i="10"/>
  <c r="K1960" i="10"/>
  <c r="K1961" i="10"/>
  <c r="K1962" i="10"/>
  <c r="K1963" i="10"/>
  <c r="K1964" i="10"/>
  <c r="K1965" i="10"/>
  <c r="K1966" i="10"/>
  <c r="K1967" i="10"/>
  <c r="K1968" i="10"/>
  <c r="K1969" i="10"/>
  <c r="K1970" i="10"/>
  <c r="K1971" i="10"/>
  <c r="K1972" i="10"/>
  <c r="K1973" i="10"/>
  <c r="K1974" i="10"/>
  <c r="K1975" i="10"/>
  <c r="K1976" i="10"/>
  <c r="K1977" i="10"/>
  <c r="K1978" i="10"/>
  <c r="K1979" i="10"/>
  <c r="K1980" i="10"/>
  <c r="K1981" i="10"/>
  <c r="K1982" i="10"/>
  <c r="K1983" i="10"/>
  <c r="K1984" i="10"/>
  <c r="K1985" i="10"/>
  <c r="K1986" i="10"/>
  <c r="K1987" i="10"/>
  <c r="K1988" i="10"/>
  <c r="K1989" i="10"/>
  <c r="K1990" i="10"/>
  <c r="K1991" i="10"/>
  <c r="K1992" i="10"/>
  <c r="K1993" i="10"/>
  <c r="K1994" i="10"/>
  <c r="K1995" i="10"/>
  <c r="K1996" i="10"/>
  <c r="K1997" i="10"/>
  <c r="K1998" i="10"/>
  <c r="K1999" i="10"/>
  <c r="K2000" i="10"/>
  <c r="K2001" i="10"/>
  <c r="K2002" i="10"/>
  <c r="K2003" i="10"/>
  <c r="K2004" i="10"/>
  <c r="K2005" i="10"/>
  <c r="K2006" i="10"/>
  <c r="K2007" i="10"/>
  <c r="K2008" i="10"/>
  <c r="K2009" i="10"/>
  <c r="K2010" i="10"/>
  <c r="K2011" i="10"/>
  <c r="K2012" i="10"/>
  <c r="K2013" i="10"/>
  <c r="K2014" i="10"/>
  <c r="K2015" i="10"/>
  <c r="K2016" i="10"/>
  <c r="K2017" i="10"/>
  <c r="K2018" i="10"/>
  <c r="K2019" i="10"/>
  <c r="K2020" i="10"/>
  <c r="K2021" i="10"/>
  <c r="K2022" i="10"/>
  <c r="K2023" i="10"/>
  <c r="K2024" i="10"/>
  <c r="K2025" i="10"/>
  <c r="K2026" i="10"/>
  <c r="K2027" i="10"/>
  <c r="K2028" i="10"/>
  <c r="K2029" i="10"/>
  <c r="K2030" i="10"/>
  <c r="K2031" i="10"/>
  <c r="K2032" i="10"/>
  <c r="K2033" i="10"/>
  <c r="K2034" i="10"/>
  <c r="K2035" i="10"/>
  <c r="K2036" i="10"/>
  <c r="K2037" i="10"/>
  <c r="K2038" i="10"/>
  <c r="K2039" i="10"/>
  <c r="K2040" i="10"/>
  <c r="K2041" i="10"/>
  <c r="K2042" i="10"/>
  <c r="K2043" i="10"/>
  <c r="K2044" i="10"/>
  <c r="K2045" i="10"/>
  <c r="K2046" i="10"/>
  <c r="K2047" i="10"/>
  <c r="K2048" i="10"/>
  <c r="K2049" i="10"/>
  <c r="K2050" i="10"/>
  <c r="K2051" i="10"/>
  <c r="K2052" i="10"/>
  <c r="K2053" i="10"/>
  <c r="K2054" i="10"/>
  <c r="K2055" i="10"/>
  <c r="K2056" i="10"/>
  <c r="K2057" i="10"/>
  <c r="K2058" i="10"/>
  <c r="K2059" i="10"/>
  <c r="K2060" i="10"/>
  <c r="K2061" i="10"/>
  <c r="K2062" i="10"/>
  <c r="K2063" i="10"/>
  <c r="K2064" i="10"/>
  <c r="K2065" i="10"/>
  <c r="K2066" i="10"/>
  <c r="K2067" i="10"/>
  <c r="K2068" i="10"/>
  <c r="K2069" i="10"/>
  <c r="K2070" i="10"/>
  <c r="K2071" i="10"/>
  <c r="K2072" i="10"/>
  <c r="K2073" i="10"/>
  <c r="K2074" i="10"/>
  <c r="K2075" i="10"/>
  <c r="K2076" i="10"/>
  <c r="K2077" i="10"/>
  <c r="K2078" i="10"/>
  <c r="K2079" i="10"/>
  <c r="K2080" i="10"/>
  <c r="K2081" i="10"/>
  <c r="K2082" i="10"/>
  <c r="K2083" i="10"/>
  <c r="K2084" i="10"/>
  <c r="K2085" i="10"/>
  <c r="K2086" i="10"/>
  <c r="K2087" i="10"/>
  <c r="K2088" i="10"/>
  <c r="K2089" i="10"/>
  <c r="K2090" i="10"/>
  <c r="K2091" i="10"/>
  <c r="K2092" i="10"/>
  <c r="K2093" i="10"/>
  <c r="K2094" i="10"/>
  <c r="K2095" i="10"/>
  <c r="K2096" i="10"/>
  <c r="K2097" i="10"/>
  <c r="K2098" i="10"/>
  <c r="K2099" i="10"/>
  <c r="K2100" i="10"/>
  <c r="K2101" i="10"/>
  <c r="K2102" i="10"/>
  <c r="K2103" i="10"/>
  <c r="K2104" i="10"/>
  <c r="K2105" i="10"/>
  <c r="K2106" i="10"/>
  <c r="K2107" i="10"/>
  <c r="K2108" i="10"/>
  <c r="K2109" i="10"/>
  <c r="K2110" i="10"/>
  <c r="K2111" i="10"/>
  <c r="K2112" i="10"/>
  <c r="K2113" i="10"/>
  <c r="K2114" i="10"/>
  <c r="K2115" i="10"/>
  <c r="K2116" i="10"/>
  <c r="K2117" i="10"/>
  <c r="K2118" i="10"/>
  <c r="K2119" i="10"/>
  <c r="K2120" i="10"/>
  <c r="K2121" i="10"/>
  <c r="K2122" i="10"/>
  <c r="K2123" i="10"/>
  <c r="K2124" i="10"/>
  <c r="K2125" i="10"/>
  <c r="K2126" i="10"/>
  <c r="K2127" i="10"/>
  <c r="K2128" i="10"/>
  <c r="K2129" i="10"/>
  <c r="K2130" i="10"/>
  <c r="K2131" i="10"/>
  <c r="K2132" i="10"/>
  <c r="K2133" i="10"/>
  <c r="K2134" i="10"/>
  <c r="K2135" i="10"/>
  <c r="K2136" i="10"/>
  <c r="K2137" i="10"/>
  <c r="K2138" i="10"/>
  <c r="K2139" i="10"/>
  <c r="K2140" i="10"/>
  <c r="K2141" i="10"/>
  <c r="K2142" i="10"/>
  <c r="K2143" i="10"/>
  <c r="K2144" i="10"/>
  <c r="K2145" i="10"/>
  <c r="K2146" i="10"/>
  <c r="K2147" i="10"/>
  <c r="K2148" i="10"/>
  <c r="K2149" i="10"/>
  <c r="K2150" i="10"/>
  <c r="K2151" i="10"/>
  <c r="K2152" i="10"/>
  <c r="K2153" i="10"/>
  <c r="K2154" i="10"/>
  <c r="K2155" i="10"/>
  <c r="K2156" i="10"/>
  <c r="K2157" i="10"/>
  <c r="K2158" i="10"/>
  <c r="K2159" i="10"/>
  <c r="K2160" i="10"/>
  <c r="K2161" i="10"/>
  <c r="K2162" i="10"/>
  <c r="K2163" i="10"/>
  <c r="K2164" i="10"/>
  <c r="K2165" i="10"/>
  <c r="K2166" i="10"/>
  <c r="K2167" i="10"/>
  <c r="K2168" i="10"/>
  <c r="K2169" i="10"/>
  <c r="K2170" i="10"/>
  <c r="K2171" i="10"/>
  <c r="K2172" i="10"/>
  <c r="K2173" i="10"/>
  <c r="K2174" i="10"/>
  <c r="K2175" i="10"/>
  <c r="K2176" i="10"/>
  <c r="K2177" i="10"/>
  <c r="K2178" i="10"/>
  <c r="K2179" i="10"/>
  <c r="K2180" i="10"/>
  <c r="K2181" i="10"/>
  <c r="K2182" i="10"/>
  <c r="K2183" i="10"/>
  <c r="K2184" i="10"/>
  <c r="K2185" i="10"/>
  <c r="K2186" i="10"/>
  <c r="K2187" i="10"/>
  <c r="K2188" i="10"/>
  <c r="K2189" i="10"/>
  <c r="K2190" i="10"/>
  <c r="K2191" i="10"/>
  <c r="K2192" i="10"/>
  <c r="K2193" i="10"/>
  <c r="K2194" i="10"/>
  <c r="K2195" i="10"/>
  <c r="K2196" i="10"/>
  <c r="K2197" i="10"/>
  <c r="K2198" i="10"/>
  <c r="K2199" i="10"/>
  <c r="K2200" i="10"/>
  <c r="K2201" i="10"/>
  <c r="K2202" i="10"/>
  <c r="K2203" i="10"/>
  <c r="K2204" i="10"/>
  <c r="K2205" i="10"/>
  <c r="K2206" i="10"/>
  <c r="K2207" i="10"/>
  <c r="K2208" i="10"/>
  <c r="K2209" i="10"/>
  <c r="K2210" i="10"/>
  <c r="K2211" i="10"/>
  <c r="K2212" i="10"/>
  <c r="K2213" i="10"/>
  <c r="K2214" i="10"/>
  <c r="K2215" i="10"/>
  <c r="K2216" i="10"/>
  <c r="K2217" i="10"/>
  <c r="K2218" i="10"/>
  <c r="K2219" i="10"/>
  <c r="K2220" i="10"/>
  <c r="K2221" i="10"/>
  <c r="K2222" i="10"/>
  <c r="K2223" i="10"/>
  <c r="K2224" i="10"/>
  <c r="K2225" i="10"/>
  <c r="K2226" i="10"/>
  <c r="K2227" i="10"/>
  <c r="K2228" i="10"/>
  <c r="K2229" i="10"/>
  <c r="K2230" i="10"/>
  <c r="K2231" i="10"/>
  <c r="K2232" i="10"/>
  <c r="K2233" i="10"/>
  <c r="K2234" i="10"/>
  <c r="K2235" i="10"/>
  <c r="K2236" i="10"/>
  <c r="K2237" i="10"/>
  <c r="K2238" i="10"/>
  <c r="K2239" i="10"/>
  <c r="K2240" i="10"/>
  <c r="K2241" i="10"/>
  <c r="K2242" i="10"/>
  <c r="K2243" i="10"/>
  <c r="K2244" i="10"/>
  <c r="K2245" i="10"/>
  <c r="K2246" i="10"/>
  <c r="K2247" i="10"/>
  <c r="K2248" i="10"/>
  <c r="K2249" i="10"/>
  <c r="K2250" i="10"/>
  <c r="K2251" i="10"/>
  <c r="K2252" i="10"/>
  <c r="K2253" i="10"/>
  <c r="K2254" i="10"/>
  <c r="K2255" i="10"/>
  <c r="K2256" i="10"/>
  <c r="K2257" i="10"/>
  <c r="K2258" i="10"/>
  <c r="K2259" i="10"/>
  <c r="K2260" i="10"/>
  <c r="K2261" i="10"/>
  <c r="K2262" i="10"/>
  <c r="K2263" i="10"/>
  <c r="K2264" i="10"/>
  <c r="K2265" i="10"/>
  <c r="K2266" i="10"/>
  <c r="K2267" i="10"/>
  <c r="K2268" i="10"/>
  <c r="K2269" i="10"/>
  <c r="K2270" i="10"/>
  <c r="K2271" i="10"/>
  <c r="K2272" i="10"/>
  <c r="K2273" i="10"/>
  <c r="K2274" i="10"/>
  <c r="K2275" i="10"/>
  <c r="K2276" i="10"/>
  <c r="K2277" i="10"/>
  <c r="K2278" i="10"/>
  <c r="K2279" i="10"/>
  <c r="K2280" i="10"/>
  <c r="K2281" i="10"/>
  <c r="K2282" i="10"/>
  <c r="K2283" i="10"/>
  <c r="K2284" i="10"/>
  <c r="K2285" i="10"/>
  <c r="K2286" i="10"/>
  <c r="K2287" i="10"/>
  <c r="K2288" i="10"/>
  <c r="K2289" i="10"/>
  <c r="K2290" i="10"/>
  <c r="K2291" i="10"/>
  <c r="K2292" i="10"/>
  <c r="K2293" i="10"/>
  <c r="K2294" i="10"/>
  <c r="K2295" i="10"/>
  <c r="K2296" i="10"/>
  <c r="K2297" i="10"/>
  <c r="K2298" i="10"/>
  <c r="K2299" i="10"/>
  <c r="K2300" i="10"/>
  <c r="K2301" i="10"/>
  <c r="K2302" i="10"/>
  <c r="K2303" i="10"/>
  <c r="K2304" i="10"/>
  <c r="K2305" i="10"/>
  <c r="K2306" i="10"/>
  <c r="K2307" i="10"/>
  <c r="K2308" i="10"/>
  <c r="K2309" i="10"/>
  <c r="K2310" i="10"/>
  <c r="K2311" i="10"/>
  <c r="K2312" i="10"/>
  <c r="K2313" i="10"/>
  <c r="K2314" i="10"/>
  <c r="K2315" i="10"/>
  <c r="K2316" i="10"/>
  <c r="K2317" i="10"/>
  <c r="K2318" i="10"/>
  <c r="K2319" i="10"/>
  <c r="K2320" i="10"/>
  <c r="K2321" i="10"/>
  <c r="K2322" i="10"/>
  <c r="K2323" i="10"/>
  <c r="K2324" i="10"/>
  <c r="K2325" i="10"/>
  <c r="K2326" i="10"/>
  <c r="K2327" i="10"/>
  <c r="K2328" i="10"/>
  <c r="K2329" i="10"/>
  <c r="K2330" i="10"/>
  <c r="K2331" i="10"/>
  <c r="K2332" i="10"/>
  <c r="K2333" i="10"/>
  <c r="K2334" i="10"/>
  <c r="K2335" i="10"/>
  <c r="K2336" i="10"/>
  <c r="K2337" i="10"/>
  <c r="K2338" i="10"/>
  <c r="K2339" i="10"/>
  <c r="K2340" i="10"/>
  <c r="K2341" i="10"/>
  <c r="K2342" i="10"/>
  <c r="K2343" i="10"/>
  <c r="K2344" i="10"/>
  <c r="K2345" i="10"/>
  <c r="K2346" i="10"/>
  <c r="K2347" i="10"/>
  <c r="K2348" i="10"/>
  <c r="K2349" i="10"/>
  <c r="K2350" i="10"/>
  <c r="K2351" i="10"/>
  <c r="K2352" i="10"/>
  <c r="K2353" i="10"/>
  <c r="K2354" i="10"/>
  <c r="K2355" i="10"/>
  <c r="K2356" i="10"/>
  <c r="K2357" i="10"/>
  <c r="K2358" i="10"/>
  <c r="K2359" i="10"/>
  <c r="K2360" i="10"/>
  <c r="K2361" i="10"/>
  <c r="K2362" i="10"/>
  <c r="K2363" i="10"/>
  <c r="K2364" i="10"/>
  <c r="K2365" i="10"/>
  <c r="K2366" i="10"/>
  <c r="K2367" i="10"/>
  <c r="K2368" i="10"/>
  <c r="K2369" i="10"/>
  <c r="K2370" i="10"/>
  <c r="K2371" i="10"/>
  <c r="K2372" i="10"/>
  <c r="K2373" i="10"/>
  <c r="K2374" i="10"/>
  <c r="K2375" i="10"/>
  <c r="K2376" i="10"/>
  <c r="K2377" i="10"/>
  <c r="K2378" i="10"/>
  <c r="K2379" i="10"/>
  <c r="K2380" i="10"/>
  <c r="K2381" i="10"/>
  <c r="K2382" i="10"/>
  <c r="K2383" i="10"/>
  <c r="K2384" i="10"/>
  <c r="K2385" i="10"/>
  <c r="K2386" i="10"/>
  <c r="K2387" i="10"/>
  <c r="K2388" i="10"/>
  <c r="K2389" i="10"/>
  <c r="K2390" i="10"/>
  <c r="K2391" i="10"/>
  <c r="K2392" i="10"/>
  <c r="K2393" i="10"/>
  <c r="K2394" i="10"/>
  <c r="K2395" i="10"/>
  <c r="K2396" i="10"/>
  <c r="K2397" i="10"/>
  <c r="K2398" i="10"/>
  <c r="K2399" i="10"/>
  <c r="K2400" i="10"/>
  <c r="K2401" i="10"/>
  <c r="K2402" i="10"/>
  <c r="K2403" i="10"/>
  <c r="K2404" i="10"/>
  <c r="K2405" i="10"/>
  <c r="K2406" i="10"/>
  <c r="K2407" i="10"/>
  <c r="K2408" i="10"/>
  <c r="K2409" i="10"/>
  <c r="K2410" i="10"/>
  <c r="K2411" i="10"/>
  <c r="K2412" i="10"/>
  <c r="K2413" i="10"/>
  <c r="K2414" i="10"/>
  <c r="K2415" i="10"/>
  <c r="K2416" i="10"/>
  <c r="K2417" i="10"/>
  <c r="K2418" i="10"/>
  <c r="K2419" i="10"/>
  <c r="K2420" i="10"/>
  <c r="K2421" i="10"/>
  <c r="K2422" i="10"/>
  <c r="K2423" i="10"/>
  <c r="K2424" i="10"/>
  <c r="K2425" i="10"/>
  <c r="K2426" i="10"/>
  <c r="K2427" i="10"/>
  <c r="K2428" i="10"/>
  <c r="K2429" i="10"/>
  <c r="K2430" i="10"/>
  <c r="K2431" i="10"/>
  <c r="K2432" i="10"/>
  <c r="K2433" i="10"/>
  <c r="K2434" i="10"/>
  <c r="K2435" i="10"/>
  <c r="K2436" i="10"/>
  <c r="K2437" i="10"/>
  <c r="K2438" i="10"/>
  <c r="K2439" i="10"/>
  <c r="K2440" i="10"/>
  <c r="K2441" i="10"/>
  <c r="K2442" i="10"/>
  <c r="K2443" i="10"/>
  <c r="K2444" i="10"/>
  <c r="K2445" i="10"/>
  <c r="K2446" i="10"/>
  <c r="K2447" i="10"/>
  <c r="K2448" i="10"/>
  <c r="K2449" i="10"/>
  <c r="K2450" i="10"/>
  <c r="K2451" i="10"/>
  <c r="K2452" i="10"/>
  <c r="K2453" i="10"/>
  <c r="K2454" i="10"/>
  <c r="K2455" i="10"/>
  <c r="K2456" i="10"/>
  <c r="K2457" i="10"/>
  <c r="K2458" i="10"/>
  <c r="K2459" i="10"/>
  <c r="K2460" i="10"/>
  <c r="K2461" i="10"/>
  <c r="K2462" i="10"/>
  <c r="K2463" i="10"/>
  <c r="K2464" i="10"/>
  <c r="K2465" i="10"/>
  <c r="K2466" i="10"/>
  <c r="K2467" i="10"/>
  <c r="K2468" i="10"/>
  <c r="K2469" i="10"/>
  <c r="K2470" i="10"/>
  <c r="K2471" i="10"/>
  <c r="K2472" i="10"/>
  <c r="K2473" i="10"/>
  <c r="K2474" i="10"/>
  <c r="K2475" i="10"/>
  <c r="K2476" i="10"/>
  <c r="K2477" i="10"/>
  <c r="K2478" i="10"/>
  <c r="K2479" i="10"/>
  <c r="K2480" i="10"/>
  <c r="K2481" i="10"/>
  <c r="K2482" i="10"/>
  <c r="K2483" i="10"/>
  <c r="K2484" i="10"/>
  <c r="K2485" i="10"/>
  <c r="K2486" i="10"/>
  <c r="K2487" i="10"/>
  <c r="K2488" i="10"/>
  <c r="K2489" i="10"/>
  <c r="K2490" i="10"/>
  <c r="K2491" i="10"/>
  <c r="K2492" i="10"/>
  <c r="K2493" i="10"/>
  <c r="K2494" i="10"/>
  <c r="K2495" i="10"/>
  <c r="K2496" i="10"/>
  <c r="K2497" i="10"/>
  <c r="K2498" i="10"/>
  <c r="K2499" i="10"/>
  <c r="K2500" i="10"/>
  <c r="K2501" i="10"/>
  <c r="K2502" i="10"/>
  <c r="K2503" i="10"/>
  <c r="K2504" i="10"/>
  <c r="K2505" i="10"/>
  <c r="K2506" i="10"/>
  <c r="K2507" i="10"/>
  <c r="K2508" i="10"/>
  <c r="K2509" i="10"/>
  <c r="K2510" i="10"/>
  <c r="K2511" i="10"/>
  <c r="K2512" i="10"/>
  <c r="K2513" i="10"/>
  <c r="K2514" i="10"/>
  <c r="K2515" i="10"/>
  <c r="K2516" i="10"/>
  <c r="K2517" i="10"/>
  <c r="K2518" i="10"/>
  <c r="K2519" i="10"/>
  <c r="K2520" i="10"/>
  <c r="K2521" i="10"/>
  <c r="K2522" i="10"/>
  <c r="K2523" i="10"/>
  <c r="K2524" i="10"/>
  <c r="K2525" i="10"/>
  <c r="K2526" i="10"/>
  <c r="K2527" i="10"/>
  <c r="K2528" i="10"/>
  <c r="K2529" i="10"/>
  <c r="K2530" i="10"/>
  <c r="K2531" i="10"/>
  <c r="K2532" i="10"/>
  <c r="K2533" i="10"/>
  <c r="K2534" i="10"/>
  <c r="K2535" i="10"/>
  <c r="K2536" i="10"/>
  <c r="K2537" i="10"/>
  <c r="K2538" i="10"/>
  <c r="K2539" i="10"/>
  <c r="K2540" i="10"/>
  <c r="K2541" i="10"/>
  <c r="K2542" i="10"/>
  <c r="K2543" i="10"/>
  <c r="K2544" i="10"/>
  <c r="K2545" i="10"/>
  <c r="K2546" i="10"/>
  <c r="K2547" i="10"/>
  <c r="K2548" i="10"/>
  <c r="K2549" i="10"/>
  <c r="K2550" i="10"/>
  <c r="K2551" i="10"/>
  <c r="K2552" i="10"/>
  <c r="K2553" i="10"/>
  <c r="K2554" i="10"/>
  <c r="K2555" i="10"/>
  <c r="K2556" i="10"/>
  <c r="K2557" i="10"/>
  <c r="K2558" i="10"/>
  <c r="K2559" i="10"/>
  <c r="K2560" i="10"/>
  <c r="K2561" i="10"/>
  <c r="K2562" i="10"/>
  <c r="K2563" i="10"/>
  <c r="K2564" i="10"/>
  <c r="K2565" i="10"/>
  <c r="K2566" i="10"/>
  <c r="K2567" i="10"/>
  <c r="K2568" i="10"/>
  <c r="K2569" i="10"/>
  <c r="K2570" i="10"/>
  <c r="K2571" i="10"/>
  <c r="K2572" i="10"/>
  <c r="K2573" i="10"/>
  <c r="K2574" i="10"/>
  <c r="K2575" i="10"/>
  <c r="K2576" i="10"/>
  <c r="K2577" i="10"/>
  <c r="K2578" i="10"/>
  <c r="K2579" i="10"/>
  <c r="K2580" i="10"/>
  <c r="K2581" i="10"/>
  <c r="K2582" i="10"/>
  <c r="K2583" i="10"/>
  <c r="K2584" i="10"/>
  <c r="K2585" i="10"/>
  <c r="K2586" i="10"/>
  <c r="K2587" i="10"/>
  <c r="K2588" i="10"/>
  <c r="K2589" i="10"/>
  <c r="K2590" i="10"/>
  <c r="K2591" i="10"/>
  <c r="K2592" i="10"/>
  <c r="K2593" i="10"/>
  <c r="K2594" i="10"/>
  <c r="K2595" i="10"/>
  <c r="K2596" i="10"/>
  <c r="K2597" i="10"/>
  <c r="K2598" i="10"/>
  <c r="K2599" i="10"/>
  <c r="K2600" i="10"/>
  <c r="K2601" i="10"/>
  <c r="K2602" i="10"/>
  <c r="K2603" i="10"/>
  <c r="K2604" i="10"/>
  <c r="K2605" i="10"/>
  <c r="K2606" i="10"/>
  <c r="K2607" i="10"/>
  <c r="K2608" i="10"/>
  <c r="K2609" i="10"/>
  <c r="K2610" i="10"/>
  <c r="K2611" i="10"/>
  <c r="K2612" i="10"/>
  <c r="K2613" i="10"/>
  <c r="K2614" i="10"/>
  <c r="K2615" i="10"/>
  <c r="K2616" i="10"/>
  <c r="K2617" i="10"/>
  <c r="K2618" i="10"/>
  <c r="K2619" i="10"/>
  <c r="K2620" i="10"/>
  <c r="K2621" i="10"/>
  <c r="K2622" i="10"/>
  <c r="K2623" i="10"/>
  <c r="K2624" i="10"/>
  <c r="K2625" i="10"/>
  <c r="K2626" i="10"/>
  <c r="K2627" i="10"/>
  <c r="K2628" i="10"/>
  <c r="K2629" i="10"/>
  <c r="K2630" i="10"/>
  <c r="K2631" i="10"/>
  <c r="K2632" i="10"/>
  <c r="K2633" i="10"/>
  <c r="K2634" i="10"/>
  <c r="K2635" i="10"/>
  <c r="K2636" i="10"/>
  <c r="K2637" i="10"/>
  <c r="K2638" i="10"/>
  <c r="K2639" i="10"/>
  <c r="K2640" i="10"/>
  <c r="K2641" i="10"/>
  <c r="K2642" i="10"/>
  <c r="K2643" i="10"/>
  <c r="K2644" i="10"/>
  <c r="K2645" i="10"/>
  <c r="K2646" i="10"/>
  <c r="K2647" i="10"/>
  <c r="K2648" i="10"/>
  <c r="K2649" i="10"/>
  <c r="K2650" i="10"/>
  <c r="K2651" i="10"/>
  <c r="K2652" i="10"/>
  <c r="K2653" i="10"/>
  <c r="K2654" i="10"/>
  <c r="K2655" i="10"/>
  <c r="K2656" i="10"/>
  <c r="K2657" i="10"/>
  <c r="K2658" i="10"/>
  <c r="K2659" i="10"/>
  <c r="K2660" i="10"/>
  <c r="K2661" i="10"/>
  <c r="K2662" i="10"/>
  <c r="K2663" i="10"/>
  <c r="K2664" i="10"/>
  <c r="K2665" i="10"/>
  <c r="K2666" i="10"/>
  <c r="K2667" i="10"/>
  <c r="K2668" i="10"/>
  <c r="K2669" i="10"/>
  <c r="K2670" i="10"/>
  <c r="K2671" i="10"/>
  <c r="K2672" i="10"/>
  <c r="K2673" i="10"/>
  <c r="K2674" i="10"/>
  <c r="K2675" i="10"/>
  <c r="K2676" i="10"/>
  <c r="K2677" i="10"/>
  <c r="K2678" i="10"/>
  <c r="K2679" i="10"/>
  <c r="K2680" i="10"/>
  <c r="K2681" i="10"/>
  <c r="K2682" i="10"/>
  <c r="K2683" i="10"/>
  <c r="K2684" i="10"/>
  <c r="K2685" i="10"/>
  <c r="K2686" i="10"/>
  <c r="K2687" i="10"/>
  <c r="K2688" i="10"/>
  <c r="K2689" i="10"/>
  <c r="K2690" i="10"/>
  <c r="K2691" i="10"/>
  <c r="K2692" i="10"/>
  <c r="K2693" i="10"/>
  <c r="K2694" i="10"/>
  <c r="K2695" i="10"/>
  <c r="K2696" i="10"/>
  <c r="K2697" i="10"/>
  <c r="K2698" i="10"/>
  <c r="K2699" i="10"/>
  <c r="K2700" i="10"/>
  <c r="K2701" i="10"/>
  <c r="K2702" i="10"/>
  <c r="K2703" i="10"/>
  <c r="K2704" i="10"/>
  <c r="K2705" i="10"/>
  <c r="K2706" i="10"/>
  <c r="K2707" i="10"/>
  <c r="K2708" i="10"/>
  <c r="K2709" i="10"/>
  <c r="K2710" i="10"/>
  <c r="K2711" i="10"/>
  <c r="K2712" i="10"/>
  <c r="K2713" i="10"/>
  <c r="K2714" i="10"/>
  <c r="K2715" i="10"/>
  <c r="K2716" i="10"/>
  <c r="K2717" i="10"/>
  <c r="K2718" i="10"/>
  <c r="K2719" i="10"/>
  <c r="K2720" i="10"/>
  <c r="K2721" i="10"/>
  <c r="K2722" i="10"/>
  <c r="K2723" i="10"/>
  <c r="K2724" i="10"/>
  <c r="K2725" i="10"/>
  <c r="K2726" i="10"/>
  <c r="K2727" i="10"/>
  <c r="K2728" i="10"/>
  <c r="K2729" i="10"/>
  <c r="K2730" i="10"/>
  <c r="K2731" i="10"/>
  <c r="K2732" i="10"/>
  <c r="K2733" i="10"/>
  <c r="K2734" i="10"/>
  <c r="K2735" i="10"/>
  <c r="K2736" i="10"/>
  <c r="K2737" i="10"/>
  <c r="K2738" i="10"/>
  <c r="K2739" i="10"/>
  <c r="K2740" i="10"/>
  <c r="K2741" i="10"/>
  <c r="K2742" i="10"/>
  <c r="K2743" i="10"/>
  <c r="K2744" i="10"/>
  <c r="K2745" i="10"/>
  <c r="K2746" i="10"/>
  <c r="K2747" i="10"/>
  <c r="K2748" i="10"/>
  <c r="K2749" i="10"/>
  <c r="K2750" i="10"/>
  <c r="K2751" i="10"/>
  <c r="K2752" i="10"/>
  <c r="K2753" i="10"/>
  <c r="K2754" i="10"/>
  <c r="K2755" i="10"/>
  <c r="K2756" i="10"/>
  <c r="K2757" i="10"/>
  <c r="K2758" i="10"/>
  <c r="K2759" i="10"/>
  <c r="K2760" i="10"/>
  <c r="K2761" i="10"/>
  <c r="K2762" i="10"/>
  <c r="K2763" i="10"/>
  <c r="K2764" i="10"/>
  <c r="K2765" i="10"/>
  <c r="K2766" i="10"/>
  <c r="K2767" i="10"/>
  <c r="K2768" i="10"/>
  <c r="K2769" i="10"/>
  <c r="K2770" i="10"/>
  <c r="K2771" i="10"/>
  <c r="K2772" i="10"/>
  <c r="K2773" i="10"/>
  <c r="K2774" i="10"/>
  <c r="K2775" i="10"/>
  <c r="K2776" i="10"/>
  <c r="K2777" i="10"/>
  <c r="K2778" i="10"/>
  <c r="K2779" i="10"/>
  <c r="K2780" i="10"/>
  <c r="K2781" i="10"/>
  <c r="K2782" i="10"/>
  <c r="K2783" i="10"/>
  <c r="K2784" i="10"/>
  <c r="K2785" i="10"/>
  <c r="K2786" i="10"/>
  <c r="K2787" i="10"/>
  <c r="K2788" i="10"/>
  <c r="K2789" i="10"/>
  <c r="K2790" i="10"/>
  <c r="K2791" i="10"/>
  <c r="K2792" i="10"/>
  <c r="K2793" i="10"/>
  <c r="K2794" i="10"/>
  <c r="K2795" i="10"/>
  <c r="K2796" i="10"/>
  <c r="K2797" i="10"/>
  <c r="K2798" i="10"/>
  <c r="K2799" i="10"/>
  <c r="K2800" i="10"/>
  <c r="K2801" i="10"/>
  <c r="K2802" i="10"/>
  <c r="K2803" i="10"/>
  <c r="K2804" i="10"/>
  <c r="K2805" i="10"/>
  <c r="K2806" i="10"/>
  <c r="K2807" i="10"/>
  <c r="K2808" i="10"/>
  <c r="K2809" i="10"/>
  <c r="K2810" i="10"/>
  <c r="K2811" i="10"/>
  <c r="K2812" i="10"/>
  <c r="K2813" i="10"/>
  <c r="K2814" i="10"/>
  <c r="K2815" i="10"/>
  <c r="K2816" i="10"/>
  <c r="K2817" i="10"/>
  <c r="K2818" i="10"/>
  <c r="K2819" i="10"/>
  <c r="K2820" i="10"/>
  <c r="K2821" i="10"/>
  <c r="K2822" i="10"/>
  <c r="K2823" i="10"/>
  <c r="K2824" i="10"/>
  <c r="K2825" i="10"/>
  <c r="K2826" i="10"/>
  <c r="K2827" i="10"/>
  <c r="K2828" i="10"/>
  <c r="K2829" i="10"/>
  <c r="K2830" i="10"/>
  <c r="K2831" i="10"/>
  <c r="K2832" i="10"/>
  <c r="K2833" i="10"/>
  <c r="K2834" i="10"/>
  <c r="K2835" i="10"/>
  <c r="K2836" i="10"/>
  <c r="K2837" i="10"/>
  <c r="K2838" i="10"/>
  <c r="K2839" i="10"/>
  <c r="K2840" i="10"/>
  <c r="K2841" i="10"/>
  <c r="K2842" i="10"/>
  <c r="K2843" i="10"/>
  <c r="K2844" i="10"/>
  <c r="K2845" i="10"/>
  <c r="K2846" i="10"/>
  <c r="K2847" i="10"/>
  <c r="K2848" i="10"/>
  <c r="K2849" i="10"/>
  <c r="K2850" i="10"/>
  <c r="K2851" i="10"/>
  <c r="K2852" i="10"/>
  <c r="K2853" i="10"/>
  <c r="K2854" i="10"/>
  <c r="K2855" i="10"/>
  <c r="K2856" i="10"/>
  <c r="K2857" i="10"/>
  <c r="K2858" i="10"/>
  <c r="K2859" i="10"/>
  <c r="K2860" i="10"/>
  <c r="K2861" i="10"/>
  <c r="K2862" i="10"/>
  <c r="K2863" i="10"/>
  <c r="K2864" i="10"/>
  <c r="K2865" i="10"/>
  <c r="K2866" i="10"/>
  <c r="K2867" i="10"/>
  <c r="K2868" i="10"/>
  <c r="K2869" i="10"/>
  <c r="K2870" i="10"/>
  <c r="K2871" i="10"/>
  <c r="K2872" i="10"/>
  <c r="K2873" i="10"/>
  <c r="K2874" i="10"/>
  <c r="K2875" i="10"/>
  <c r="K2876" i="10"/>
  <c r="K2877" i="10"/>
  <c r="K2878" i="10"/>
  <c r="K2879" i="10"/>
  <c r="K2880" i="10"/>
  <c r="K2881" i="10"/>
  <c r="K2882" i="10"/>
  <c r="K2883" i="10"/>
  <c r="K2884" i="10"/>
  <c r="K2885" i="10"/>
  <c r="K2886" i="10"/>
  <c r="K2887" i="10"/>
  <c r="K2888" i="10"/>
  <c r="K2889" i="10"/>
  <c r="K2890" i="10"/>
  <c r="K2891" i="10"/>
  <c r="K2892" i="10"/>
  <c r="K2893" i="10"/>
  <c r="K2894" i="10"/>
  <c r="K2895" i="10"/>
  <c r="K2896" i="10"/>
  <c r="K2897" i="10"/>
  <c r="K2898" i="10"/>
  <c r="K2899" i="10"/>
  <c r="K2900" i="10"/>
  <c r="K2901" i="10"/>
  <c r="K2902" i="10"/>
  <c r="K2903" i="10"/>
  <c r="K2904" i="10"/>
  <c r="K2905" i="10"/>
  <c r="K2906" i="10"/>
  <c r="K2907" i="10"/>
  <c r="K2908" i="10"/>
  <c r="K2909" i="10"/>
  <c r="K2910" i="10"/>
  <c r="K2911" i="10"/>
  <c r="K2912" i="10"/>
  <c r="K2913" i="10"/>
  <c r="K2914" i="10"/>
  <c r="K2915" i="10"/>
  <c r="K2916" i="10"/>
  <c r="K2917" i="10"/>
  <c r="K2918" i="10"/>
  <c r="K2919" i="10"/>
  <c r="K2920" i="10"/>
  <c r="K2921" i="10"/>
  <c r="K2922" i="10"/>
  <c r="K2923" i="10"/>
  <c r="K2924" i="10"/>
  <c r="K2925" i="10"/>
  <c r="K2926" i="10"/>
  <c r="K2927" i="10"/>
  <c r="K2928" i="10"/>
  <c r="K2929" i="10"/>
  <c r="K2930" i="10"/>
  <c r="K2931" i="10"/>
  <c r="K2932" i="10"/>
  <c r="K2933" i="10"/>
  <c r="K2934" i="10"/>
  <c r="K2935" i="10"/>
  <c r="K2936" i="10"/>
  <c r="K2937" i="10"/>
  <c r="K2938" i="10"/>
  <c r="K2939" i="10"/>
  <c r="K2940" i="10"/>
  <c r="K2941" i="10"/>
  <c r="K2942" i="10"/>
  <c r="K2943" i="10"/>
  <c r="K2944" i="10"/>
  <c r="K2945" i="10"/>
  <c r="K2946" i="10"/>
  <c r="K2947" i="10"/>
  <c r="K2948" i="10"/>
  <c r="K2949" i="10"/>
  <c r="K2950" i="10"/>
  <c r="K2951" i="10"/>
  <c r="K2952" i="10"/>
  <c r="K2953" i="10"/>
  <c r="K2954" i="10"/>
  <c r="K2955" i="10"/>
  <c r="K2956" i="10"/>
  <c r="K2957" i="10"/>
  <c r="K2958" i="10"/>
  <c r="K2959" i="10"/>
  <c r="K2960" i="10"/>
  <c r="K2961" i="10"/>
  <c r="K2962" i="10"/>
  <c r="K2963" i="10"/>
  <c r="K2964" i="10"/>
  <c r="K2965" i="10"/>
  <c r="K2966" i="10"/>
  <c r="K2967" i="10"/>
  <c r="K2968" i="10"/>
  <c r="K2969" i="10"/>
  <c r="K2970" i="10"/>
  <c r="K2971" i="10"/>
  <c r="K2972" i="10"/>
  <c r="K2973" i="10"/>
  <c r="K2974" i="10"/>
  <c r="K2975" i="10"/>
  <c r="K2976" i="10"/>
  <c r="K2977" i="10"/>
  <c r="K2978" i="10"/>
  <c r="K2979" i="10"/>
  <c r="K2980" i="10"/>
  <c r="K2981" i="10"/>
  <c r="K2982" i="10"/>
  <c r="K2983" i="10"/>
  <c r="K2984" i="10"/>
  <c r="K2985" i="10"/>
  <c r="K2986" i="10"/>
  <c r="K2987" i="10"/>
  <c r="K2988" i="10"/>
  <c r="K2989" i="10"/>
  <c r="K2990" i="10"/>
  <c r="K2991" i="10"/>
  <c r="K2992" i="10"/>
  <c r="K2993" i="10"/>
  <c r="K2994" i="10"/>
  <c r="K2995" i="10"/>
  <c r="K2996" i="10"/>
  <c r="K2997" i="10"/>
  <c r="K2998" i="10"/>
  <c r="K2999" i="10"/>
  <c r="K3000" i="10"/>
  <c r="K3001" i="10"/>
  <c r="K3002" i="10"/>
  <c r="K3003" i="10"/>
  <c r="K3004" i="10"/>
  <c r="K3005" i="10"/>
  <c r="K3006" i="10"/>
  <c r="K3007" i="10"/>
  <c r="K3008" i="10"/>
  <c r="K3009" i="10"/>
  <c r="K3010" i="10"/>
  <c r="K3011" i="10"/>
  <c r="K3012" i="10"/>
  <c r="K3013" i="10"/>
  <c r="K3014" i="10"/>
  <c r="K3015" i="10"/>
  <c r="K3016" i="10"/>
  <c r="K3017" i="10"/>
  <c r="K3018" i="10"/>
  <c r="K3019" i="10"/>
  <c r="K3020" i="10"/>
  <c r="K3021" i="10"/>
  <c r="K3022" i="10"/>
  <c r="K3023" i="10"/>
  <c r="K3024" i="10"/>
  <c r="K3025" i="10"/>
  <c r="K3026" i="10"/>
  <c r="K3027" i="10"/>
  <c r="K3028" i="10"/>
  <c r="K3029" i="10"/>
  <c r="K3030" i="10"/>
  <c r="K3031" i="10"/>
  <c r="K3032" i="10"/>
  <c r="K3033" i="10"/>
  <c r="K3034" i="10"/>
  <c r="K3035" i="10"/>
  <c r="K3036" i="10"/>
  <c r="K3037" i="10"/>
  <c r="K3038" i="10"/>
  <c r="K3039" i="10"/>
  <c r="K3040" i="10"/>
  <c r="K3041" i="10"/>
  <c r="K3042" i="10"/>
  <c r="K3043" i="10"/>
  <c r="K3044" i="10"/>
  <c r="K3045" i="10"/>
  <c r="K3046" i="10"/>
  <c r="K3047" i="10"/>
  <c r="K3048" i="10"/>
  <c r="K3049" i="10"/>
  <c r="K3050" i="10"/>
  <c r="K3051" i="10"/>
  <c r="K3052" i="10"/>
  <c r="K3053" i="10"/>
  <c r="K3054" i="10"/>
  <c r="K3055" i="10"/>
  <c r="K3056" i="10"/>
  <c r="K3057" i="10"/>
  <c r="K3058" i="10"/>
  <c r="K3059" i="10"/>
  <c r="K3060" i="10"/>
  <c r="K3061" i="10"/>
  <c r="K3062" i="10"/>
  <c r="K3063" i="10"/>
  <c r="K3064" i="10"/>
  <c r="K3065" i="10"/>
  <c r="K3066" i="10"/>
  <c r="K3067" i="10"/>
  <c r="K3068" i="10"/>
  <c r="K3069" i="10"/>
  <c r="K3070" i="10"/>
  <c r="K3071" i="10"/>
  <c r="K3072" i="10"/>
  <c r="K3073" i="10"/>
  <c r="K3074" i="10"/>
  <c r="K3075" i="10"/>
  <c r="K3076" i="10"/>
  <c r="K3077" i="10"/>
  <c r="K3078" i="10"/>
  <c r="K3079" i="10"/>
  <c r="K3080" i="10"/>
  <c r="K3081" i="10"/>
  <c r="K3082" i="10"/>
  <c r="K3083" i="10"/>
  <c r="K3084" i="10"/>
  <c r="K3085" i="10"/>
  <c r="K3086" i="10"/>
  <c r="K3087" i="10"/>
  <c r="K3088" i="10"/>
  <c r="K3089" i="10"/>
  <c r="K3090" i="10"/>
  <c r="K3091" i="10"/>
  <c r="K3092" i="10"/>
  <c r="K3093" i="10"/>
  <c r="K3094" i="10"/>
  <c r="K3095" i="10"/>
  <c r="K3096" i="10"/>
  <c r="K3097" i="10"/>
  <c r="K3098" i="10"/>
  <c r="K3099" i="10"/>
  <c r="K3100" i="10"/>
  <c r="K3101" i="10"/>
  <c r="K3102" i="10"/>
  <c r="K3103" i="10"/>
  <c r="K3104" i="10"/>
  <c r="K3105" i="10"/>
  <c r="K3106" i="10"/>
  <c r="K3107" i="10"/>
  <c r="K3108" i="10"/>
  <c r="K3109" i="10"/>
  <c r="K3110" i="10"/>
  <c r="K3111" i="10"/>
  <c r="K3112" i="10"/>
  <c r="K3113" i="10"/>
  <c r="K3114" i="10"/>
  <c r="K3115" i="10"/>
  <c r="K3116" i="10"/>
  <c r="K3117" i="10"/>
  <c r="K3118" i="10"/>
  <c r="K3119" i="10"/>
  <c r="K3120" i="10"/>
  <c r="K3121" i="10"/>
  <c r="K3122" i="10"/>
  <c r="K3123" i="10"/>
  <c r="K3124" i="10"/>
  <c r="K3125" i="10"/>
  <c r="K3126" i="10"/>
  <c r="K3127" i="10"/>
  <c r="K3128" i="10"/>
  <c r="K3129" i="10"/>
  <c r="K3130" i="10"/>
  <c r="K3131" i="10"/>
  <c r="K3132" i="10"/>
  <c r="K3133" i="10"/>
  <c r="K3134" i="10"/>
  <c r="K3135" i="10"/>
  <c r="K3136" i="10"/>
  <c r="K3137" i="10"/>
  <c r="K3138" i="10"/>
  <c r="K3139" i="10"/>
  <c r="K3140" i="10"/>
  <c r="K3141" i="10"/>
  <c r="K3142" i="10"/>
  <c r="K3143" i="10"/>
  <c r="K3144" i="10"/>
  <c r="K3145" i="10"/>
  <c r="K3146" i="10"/>
  <c r="K3147" i="10"/>
  <c r="K3148" i="10"/>
  <c r="K3149" i="10"/>
  <c r="K3150" i="10"/>
  <c r="K3151" i="10"/>
  <c r="K3152" i="10"/>
  <c r="K3153" i="10"/>
  <c r="K3154" i="10"/>
  <c r="K3155" i="10"/>
  <c r="K3156" i="10"/>
  <c r="K3157" i="10"/>
  <c r="K3158" i="10"/>
  <c r="K3159" i="10"/>
  <c r="K3160" i="10"/>
  <c r="K3161" i="10"/>
  <c r="K3162" i="10"/>
  <c r="K3163" i="10"/>
  <c r="K3164" i="10"/>
  <c r="K3165" i="10"/>
  <c r="K3166" i="10"/>
  <c r="K3167" i="10"/>
  <c r="K3168" i="10"/>
  <c r="K3169" i="10"/>
  <c r="K3170" i="10"/>
  <c r="K3171" i="10"/>
  <c r="K3172" i="10"/>
  <c r="K3173" i="10"/>
  <c r="K3174" i="10"/>
  <c r="K3175" i="10"/>
  <c r="K3176" i="10"/>
  <c r="K3177" i="10"/>
  <c r="K3178" i="10"/>
  <c r="K3179" i="10"/>
  <c r="K3180" i="10"/>
  <c r="K3181" i="10"/>
  <c r="K3182" i="10"/>
  <c r="K3183" i="10"/>
  <c r="K3184" i="10"/>
  <c r="K3185" i="10"/>
  <c r="K3186" i="10"/>
  <c r="K3187" i="10"/>
  <c r="K3188" i="10"/>
  <c r="K3189" i="10"/>
  <c r="K3190" i="10"/>
  <c r="K3191" i="10"/>
  <c r="K3192" i="10"/>
  <c r="K3193" i="10"/>
  <c r="K3194" i="10"/>
  <c r="K3195" i="10"/>
  <c r="K3196" i="10"/>
  <c r="K3197" i="10"/>
  <c r="K3198" i="10"/>
  <c r="K3199" i="10"/>
  <c r="K3200" i="10"/>
  <c r="K3201" i="10"/>
  <c r="K3202" i="10"/>
  <c r="K3203" i="10"/>
  <c r="K3204" i="10"/>
  <c r="K3205" i="10"/>
  <c r="K3206" i="10"/>
  <c r="K3207" i="10"/>
  <c r="K3208" i="10"/>
  <c r="K3209" i="10"/>
  <c r="K3210" i="10"/>
  <c r="K3211" i="10"/>
  <c r="K3212" i="10"/>
  <c r="K3213" i="10"/>
  <c r="K3214" i="10"/>
  <c r="K3215" i="10"/>
  <c r="K3216" i="10"/>
  <c r="K3217" i="10"/>
  <c r="K3218" i="10"/>
  <c r="K3219" i="10"/>
  <c r="K3220" i="10"/>
  <c r="K3221" i="10"/>
  <c r="K3222" i="10"/>
  <c r="K3223" i="10"/>
  <c r="K3224" i="10"/>
  <c r="K3225" i="10"/>
  <c r="K3226" i="10"/>
  <c r="K3227" i="10"/>
  <c r="K3228" i="10"/>
  <c r="K3229" i="10"/>
  <c r="K3230" i="10"/>
  <c r="K3231" i="10"/>
  <c r="K3232" i="10"/>
  <c r="K3233" i="10"/>
  <c r="K3234" i="10"/>
  <c r="K3235" i="10"/>
  <c r="K3236" i="10"/>
  <c r="K3237" i="10"/>
  <c r="K3238" i="10"/>
  <c r="K3239" i="10"/>
  <c r="K3240" i="10"/>
  <c r="K3241" i="10"/>
  <c r="K3242" i="10"/>
  <c r="K3243" i="10"/>
  <c r="K3244" i="10"/>
  <c r="K3245" i="10"/>
  <c r="K3246" i="10"/>
  <c r="K3247" i="10"/>
  <c r="K3248" i="10"/>
  <c r="K3249" i="10"/>
  <c r="K3250" i="10"/>
  <c r="K3251" i="10"/>
  <c r="K3252" i="10"/>
  <c r="K3253" i="10"/>
  <c r="K3254" i="10"/>
  <c r="K3255" i="10"/>
  <c r="K3256" i="10"/>
  <c r="K3257" i="10"/>
  <c r="K3258" i="10"/>
  <c r="K3259" i="10"/>
  <c r="K3260" i="10"/>
  <c r="K3261" i="10"/>
  <c r="K3262" i="10"/>
  <c r="K3263" i="10"/>
  <c r="K3264" i="10"/>
  <c r="K3265" i="10"/>
  <c r="K3266" i="10"/>
  <c r="K3267" i="10"/>
  <c r="K3268" i="10"/>
  <c r="K3269" i="10"/>
  <c r="K3270" i="10"/>
  <c r="K3271" i="10"/>
  <c r="K3272" i="10"/>
  <c r="K3273" i="10"/>
  <c r="K3274" i="10"/>
  <c r="K3275" i="10"/>
  <c r="K3276" i="10"/>
  <c r="K3277" i="10"/>
  <c r="K3278" i="10"/>
  <c r="K3279" i="10"/>
  <c r="K3280" i="10"/>
  <c r="K3281" i="10"/>
  <c r="K3282" i="10"/>
  <c r="K3283" i="10"/>
  <c r="K3284" i="10"/>
  <c r="K3285" i="10"/>
  <c r="K3286" i="10"/>
  <c r="K3287" i="10"/>
  <c r="K3288" i="10"/>
  <c r="K3289" i="10"/>
  <c r="K3290" i="10"/>
  <c r="K3291" i="10"/>
  <c r="K3292" i="10"/>
  <c r="K3293" i="10"/>
  <c r="K3294" i="10"/>
  <c r="K3295" i="10"/>
  <c r="K3296" i="10"/>
  <c r="K3297" i="10"/>
  <c r="K3298" i="10"/>
  <c r="K3299" i="10"/>
  <c r="K3300" i="10"/>
  <c r="K3301" i="10"/>
  <c r="K3302" i="10"/>
  <c r="K3303" i="10"/>
  <c r="K3304" i="10"/>
  <c r="K3305" i="10"/>
  <c r="K3306" i="10"/>
  <c r="K3307" i="10"/>
  <c r="K3308" i="10"/>
  <c r="K3309" i="10"/>
  <c r="K3310" i="10"/>
  <c r="K3311" i="10"/>
  <c r="K3312" i="10"/>
  <c r="K3313" i="10"/>
  <c r="K3314" i="10"/>
  <c r="K3315" i="10"/>
  <c r="K3316" i="10"/>
  <c r="K3317" i="10"/>
  <c r="K3318" i="10"/>
  <c r="K3319" i="10"/>
  <c r="K3320" i="10"/>
  <c r="K3321" i="10"/>
  <c r="K3322" i="10"/>
  <c r="K3323" i="10"/>
  <c r="K3324" i="10"/>
  <c r="K3325" i="10"/>
  <c r="K3326" i="10"/>
  <c r="K3327" i="10"/>
  <c r="K3328" i="10"/>
  <c r="K3329" i="10"/>
  <c r="K3330" i="10"/>
  <c r="K3331" i="10"/>
  <c r="K3332" i="10"/>
  <c r="K3333" i="10"/>
  <c r="K3334" i="10"/>
  <c r="K3335" i="10"/>
  <c r="K3336" i="10"/>
  <c r="K3337" i="10"/>
  <c r="K3338" i="10"/>
  <c r="K3339" i="10"/>
  <c r="K3340" i="10"/>
  <c r="K3341" i="10"/>
  <c r="K3342" i="10"/>
  <c r="K3343" i="10"/>
  <c r="K3344" i="10"/>
  <c r="K3345" i="10"/>
  <c r="K3346" i="10"/>
  <c r="K3347" i="10"/>
  <c r="K3348" i="10"/>
  <c r="K3349" i="10"/>
  <c r="K3350" i="10"/>
  <c r="K3351" i="10"/>
  <c r="K3352" i="10"/>
  <c r="K3353" i="10"/>
  <c r="K3354" i="10"/>
  <c r="K3355" i="10"/>
  <c r="K3356" i="10"/>
  <c r="K3357" i="10"/>
  <c r="K3358" i="10"/>
  <c r="K3359" i="10"/>
  <c r="K3360" i="10"/>
  <c r="K3361" i="10"/>
  <c r="K3362" i="10"/>
  <c r="K3363" i="10"/>
  <c r="K3364" i="10"/>
  <c r="K3365" i="10"/>
  <c r="K3366" i="10"/>
  <c r="K3367" i="10"/>
  <c r="K3368" i="10"/>
  <c r="K3369" i="10"/>
  <c r="K3370" i="10"/>
  <c r="K3371" i="10"/>
  <c r="K3372" i="10"/>
  <c r="K3373" i="10"/>
  <c r="K3374" i="10"/>
  <c r="K3375" i="10"/>
  <c r="K3376" i="10"/>
  <c r="K3377" i="10"/>
  <c r="K3378" i="10"/>
  <c r="K3379" i="10"/>
  <c r="K3380" i="10"/>
  <c r="K3381" i="10"/>
  <c r="K3382" i="10"/>
  <c r="K3383" i="10"/>
  <c r="K3384" i="10"/>
  <c r="K3385" i="10"/>
  <c r="K3386" i="10"/>
  <c r="K3387" i="10"/>
  <c r="K3388" i="10"/>
  <c r="K3389" i="10"/>
  <c r="K3390" i="10"/>
  <c r="K3391" i="10"/>
  <c r="K3392" i="10"/>
  <c r="K3393" i="10"/>
  <c r="K3394" i="10"/>
  <c r="K3395" i="10"/>
  <c r="K3396" i="10"/>
  <c r="K3397" i="10"/>
  <c r="K3398" i="10"/>
  <c r="K3399" i="10"/>
  <c r="K3400" i="10"/>
  <c r="K3401" i="10"/>
  <c r="K3402" i="10"/>
  <c r="K3403" i="10"/>
  <c r="K3404" i="10"/>
  <c r="K3405" i="10"/>
  <c r="K3406" i="10"/>
  <c r="K3407" i="10"/>
  <c r="K3408" i="10"/>
  <c r="K3409" i="10"/>
  <c r="K3410" i="10"/>
  <c r="K3411" i="10"/>
  <c r="K3412" i="10"/>
  <c r="K3413" i="10"/>
  <c r="K3414" i="10"/>
  <c r="K3415" i="10"/>
  <c r="K3416" i="10"/>
  <c r="K3417" i="10"/>
  <c r="K3418" i="10"/>
  <c r="K3419" i="10"/>
  <c r="K3420" i="10"/>
  <c r="K3421" i="10"/>
  <c r="K3422" i="10"/>
  <c r="K3423" i="10"/>
  <c r="K3424" i="10"/>
  <c r="K3425" i="10"/>
  <c r="K3426" i="10"/>
  <c r="K3427" i="10"/>
  <c r="K3428" i="10"/>
  <c r="K3429" i="10"/>
  <c r="K3430" i="10"/>
  <c r="K3431" i="10"/>
  <c r="K3432" i="10"/>
  <c r="K3433" i="10"/>
  <c r="K3434" i="10"/>
  <c r="K3435" i="10"/>
  <c r="K3436" i="10"/>
  <c r="K3437" i="10"/>
  <c r="K3438" i="10"/>
  <c r="K3439" i="10"/>
  <c r="K3440" i="10"/>
  <c r="K3441" i="10"/>
  <c r="K3442" i="10"/>
  <c r="K3443" i="10"/>
  <c r="K3444" i="10"/>
  <c r="K3445" i="10"/>
  <c r="K3446" i="10"/>
  <c r="K3447" i="10"/>
  <c r="K3448" i="10"/>
  <c r="K3449" i="10"/>
  <c r="K3450" i="10"/>
  <c r="K3451" i="10"/>
  <c r="K3452" i="10"/>
  <c r="K3453" i="10"/>
  <c r="K3454" i="10"/>
  <c r="K3455" i="10"/>
  <c r="K3456" i="10"/>
  <c r="K3457" i="10"/>
  <c r="K3458" i="10"/>
  <c r="K3459" i="10"/>
  <c r="K3460" i="10"/>
  <c r="K3461" i="10"/>
  <c r="K3462" i="10"/>
  <c r="K3463" i="10"/>
  <c r="K3464" i="10"/>
  <c r="K3465" i="10"/>
  <c r="K3466" i="10"/>
  <c r="K3467" i="10"/>
  <c r="K3468" i="10"/>
  <c r="K3469" i="10"/>
  <c r="K3470" i="10"/>
  <c r="K3471" i="10"/>
  <c r="K3472" i="10"/>
  <c r="K3473" i="10"/>
  <c r="K3474" i="10"/>
  <c r="K3475" i="10"/>
  <c r="K3476" i="10"/>
  <c r="K3477" i="10"/>
  <c r="K3478" i="10"/>
  <c r="K3479" i="10"/>
  <c r="K3480" i="10"/>
  <c r="K3481" i="10"/>
  <c r="K3482" i="10"/>
  <c r="K3483" i="10"/>
  <c r="K3484" i="10"/>
  <c r="K3485" i="10"/>
  <c r="K3486" i="10"/>
  <c r="K3487" i="10"/>
  <c r="K3488" i="10"/>
  <c r="K3489" i="10"/>
  <c r="K3490" i="10"/>
  <c r="K3491" i="10"/>
  <c r="K3492" i="10"/>
  <c r="K3493" i="10"/>
  <c r="K3494" i="10"/>
  <c r="K3495" i="10"/>
  <c r="K3496" i="10"/>
  <c r="K3497" i="10"/>
  <c r="K3498" i="10"/>
  <c r="K3499" i="10"/>
  <c r="K3500" i="10"/>
  <c r="K3501" i="10"/>
  <c r="K3502" i="10"/>
  <c r="K3503" i="10"/>
  <c r="K3504" i="10"/>
  <c r="K3505" i="10"/>
  <c r="K3506" i="10"/>
  <c r="K3507" i="10"/>
  <c r="K3508" i="10"/>
  <c r="K3509" i="10"/>
  <c r="K3510" i="10"/>
  <c r="K3511" i="10"/>
  <c r="K3512" i="10"/>
  <c r="K3513" i="10"/>
  <c r="K3514" i="10"/>
  <c r="K3515" i="10"/>
  <c r="K3516" i="10"/>
  <c r="K3517" i="10"/>
  <c r="K3518" i="10"/>
  <c r="K3519" i="10"/>
  <c r="K3520" i="10"/>
  <c r="K3521" i="10"/>
  <c r="K3522" i="10"/>
  <c r="K3523" i="10"/>
  <c r="K3524" i="10"/>
  <c r="K3525" i="10"/>
  <c r="K3526" i="10"/>
  <c r="K3527" i="10"/>
  <c r="K3528" i="10"/>
  <c r="K3529" i="10"/>
  <c r="K3530" i="10"/>
  <c r="K3531" i="10"/>
  <c r="K3532" i="10"/>
  <c r="K3533" i="10"/>
  <c r="K3534" i="10"/>
  <c r="K3535" i="10"/>
  <c r="K3536" i="10"/>
  <c r="K3537" i="10"/>
  <c r="K3538" i="10"/>
  <c r="K3539" i="10"/>
  <c r="K3540" i="10"/>
  <c r="K3541" i="10"/>
  <c r="K3542" i="10"/>
  <c r="K3543" i="10"/>
  <c r="K3544" i="10"/>
  <c r="K3545" i="10"/>
  <c r="K3546" i="10"/>
  <c r="K3547" i="10"/>
  <c r="K3548" i="10"/>
  <c r="K3549" i="10"/>
  <c r="K3550" i="10"/>
  <c r="K3551" i="10"/>
  <c r="K3552" i="10"/>
  <c r="K3553" i="10"/>
  <c r="K3554" i="10"/>
  <c r="K3555" i="10"/>
  <c r="K3556" i="10"/>
  <c r="K3557" i="10"/>
  <c r="K3558" i="10"/>
  <c r="K3559" i="10"/>
  <c r="K3560" i="10"/>
  <c r="K3561" i="10"/>
  <c r="K3562" i="10"/>
  <c r="K3563" i="10"/>
  <c r="K3564" i="10"/>
  <c r="K3565" i="10"/>
  <c r="K3566" i="10"/>
  <c r="K3567" i="10"/>
  <c r="K3568" i="10"/>
  <c r="K3569" i="10"/>
  <c r="K3570" i="10"/>
  <c r="K3571" i="10"/>
  <c r="K3572" i="10"/>
  <c r="K3573" i="10"/>
  <c r="K3574" i="10"/>
  <c r="K3575" i="10"/>
  <c r="K3576" i="10"/>
  <c r="K3577" i="10"/>
  <c r="K3578" i="10"/>
  <c r="K3579" i="10"/>
  <c r="K3580" i="10"/>
  <c r="K3581" i="10"/>
  <c r="K3582" i="10"/>
  <c r="K3583" i="10"/>
  <c r="K3584" i="10"/>
  <c r="K3585" i="10"/>
  <c r="K3586" i="10"/>
  <c r="K3587" i="10"/>
  <c r="K3588" i="10"/>
  <c r="K3589" i="10"/>
  <c r="K3590" i="10"/>
  <c r="K3591" i="10"/>
  <c r="K3592" i="10"/>
  <c r="K3593" i="10"/>
  <c r="K3594" i="10"/>
  <c r="K3595" i="10"/>
  <c r="K3596" i="10"/>
  <c r="K3597" i="10"/>
  <c r="K3598" i="10"/>
  <c r="K3599" i="10"/>
  <c r="K3600" i="10"/>
  <c r="K3601" i="10"/>
  <c r="K3602" i="10"/>
  <c r="K3603" i="10"/>
  <c r="K3604" i="10"/>
  <c r="K3605" i="10"/>
  <c r="K3606" i="10"/>
  <c r="K3607" i="10"/>
  <c r="K3608" i="10"/>
  <c r="K3609" i="10"/>
  <c r="K3610" i="10"/>
  <c r="K3611" i="10"/>
  <c r="K3612" i="10"/>
  <c r="K3613" i="10"/>
  <c r="K3614" i="10"/>
  <c r="K3615" i="10"/>
  <c r="K3616" i="10"/>
  <c r="K3617" i="10"/>
  <c r="K3618" i="10"/>
  <c r="K3619" i="10"/>
  <c r="K3620" i="10"/>
  <c r="K3621" i="10"/>
  <c r="K3622" i="10"/>
  <c r="K3623" i="10"/>
  <c r="K3624" i="10"/>
  <c r="K3625" i="10"/>
  <c r="K3626" i="10"/>
  <c r="K3627" i="10"/>
  <c r="K3628" i="10"/>
  <c r="K3629" i="10"/>
  <c r="K3630" i="10"/>
  <c r="K3631" i="10"/>
  <c r="K3632" i="10"/>
  <c r="K3633" i="10"/>
  <c r="K3634" i="10"/>
  <c r="K3635" i="10"/>
  <c r="K3636" i="10"/>
  <c r="K3637" i="10"/>
  <c r="K3638" i="10"/>
  <c r="K3639" i="10"/>
  <c r="K3640" i="10"/>
  <c r="K3641" i="10"/>
  <c r="K3642" i="10"/>
  <c r="K3643" i="10"/>
  <c r="K3644" i="10"/>
  <c r="K3645" i="10"/>
  <c r="K3646" i="10"/>
  <c r="K3647" i="10"/>
  <c r="K3648" i="10"/>
  <c r="K3649" i="10"/>
  <c r="K3650" i="10"/>
  <c r="K3651" i="10"/>
  <c r="K3652" i="10"/>
  <c r="K3653" i="10"/>
  <c r="K3654" i="10"/>
  <c r="K3655" i="10"/>
  <c r="K3656" i="10"/>
  <c r="K3657" i="10"/>
  <c r="K3658" i="10"/>
  <c r="K3659" i="10"/>
  <c r="K3660" i="10"/>
  <c r="K3661" i="10"/>
  <c r="K3662" i="10"/>
  <c r="K3663" i="10"/>
  <c r="K3664" i="10"/>
  <c r="K3665" i="10"/>
  <c r="K3666" i="10"/>
  <c r="K3667" i="10"/>
  <c r="K3668" i="10"/>
  <c r="K3669" i="10"/>
  <c r="K3670" i="10"/>
  <c r="K3671" i="10"/>
  <c r="K3672" i="10"/>
  <c r="K3673" i="10"/>
  <c r="K3674" i="10"/>
  <c r="K3675" i="10"/>
  <c r="K3676" i="10"/>
  <c r="K3677" i="10"/>
  <c r="K3678" i="10"/>
  <c r="K3679" i="10"/>
  <c r="K3680" i="10"/>
  <c r="K3681" i="10"/>
  <c r="K3682" i="10"/>
  <c r="K3683" i="10"/>
  <c r="K3684" i="10"/>
  <c r="K3685" i="10"/>
  <c r="K3686" i="10"/>
  <c r="K3687" i="10"/>
  <c r="K3688" i="10"/>
  <c r="K3689" i="10"/>
  <c r="K3690" i="10"/>
  <c r="K3691" i="10"/>
  <c r="K3692" i="10"/>
  <c r="K3693" i="10"/>
  <c r="K3694" i="10"/>
  <c r="K3695" i="10"/>
  <c r="K3696" i="10"/>
  <c r="K3697" i="10"/>
  <c r="K3698" i="10"/>
  <c r="K3699" i="10"/>
  <c r="K3700" i="10"/>
  <c r="K3701" i="10"/>
  <c r="K3702" i="10"/>
  <c r="K3703" i="10"/>
  <c r="K3704" i="10"/>
  <c r="K3705" i="10"/>
  <c r="K3706" i="10"/>
  <c r="K3707" i="10"/>
  <c r="K3708" i="10"/>
  <c r="K3709" i="10"/>
  <c r="K3710" i="10"/>
  <c r="K3711" i="10"/>
  <c r="K3712" i="10"/>
  <c r="K3713" i="10"/>
  <c r="K3714" i="10"/>
  <c r="K3715" i="10"/>
  <c r="K3716" i="10"/>
  <c r="K3717" i="10"/>
  <c r="K3718" i="10"/>
  <c r="K3719" i="10"/>
  <c r="K3720" i="10"/>
  <c r="K3721" i="10"/>
  <c r="K3722" i="10"/>
  <c r="K3723" i="10"/>
  <c r="K3724" i="10"/>
  <c r="K3725" i="10"/>
  <c r="K3726" i="10"/>
  <c r="K3727" i="10"/>
  <c r="K3728" i="10"/>
  <c r="K3729" i="10"/>
  <c r="K3730" i="10"/>
  <c r="K3731" i="10"/>
  <c r="K3732" i="10"/>
  <c r="K3733" i="10"/>
  <c r="K3734" i="10"/>
  <c r="K3735" i="10"/>
  <c r="K3736" i="10"/>
  <c r="K3737" i="10"/>
  <c r="K3738" i="10"/>
  <c r="K3739" i="10"/>
  <c r="K3740" i="10"/>
  <c r="K3741" i="10"/>
  <c r="K3742" i="10"/>
  <c r="K3743" i="10"/>
  <c r="K3744" i="10"/>
  <c r="K3745" i="10"/>
  <c r="K3746" i="10"/>
  <c r="K3747" i="10"/>
  <c r="K3748" i="10"/>
  <c r="K3749" i="10"/>
  <c r="K3750" i="10"/>
  <c r="K3751" i="10"/>
  <c r="K3752" i="10"/>
  <c r="K3753" i="10"/>
  <c r="K3754" i="10"/>
  <c r="K3755" i="10"/>
  <c r="K3756" i="10"/>
  <c r="K3757" i="10"/>
  <c r="K3758" i="10"/>
  <c r="K3759" i="10"/>
  <c r="K3760" i="10"/>
  <c r="K3761" i="10"/>
  <c r="K3762" i="10"/>
  <c r="K3763" i="10"/>
  <c r="K3764" i="10"/>
  <c r="K3765" i="10"/>
  <c r="K3766" i="10"/>
  <c r="K3767" i="10"/>
  <c r="K3768" i="10"/>
  <c r="K3769" i="10"/>
  <c r="K3770" i="10"/>
  <c r="K3771" i="10"/>
  <c r="K3772" i="10"/>
  <c r="K3773" i="10"/>
  <c r="K3774" i="10"/>
  <c r="K3775" i="10"/>
  <c r="K3776" i="10"/>
  <c r="K3777" i="10"/>
  <c r="K3778" i="10"/>
  <c r="K3779" i="10"/>
  <c r="K3780" i="10"/>
  <c r="K3781" i="10"/>
  <c r="K3782" i="10"/>
  <c r="K3783" i="10"/>
  <c r="K3784" i="10"/>
  <c r="K3785" i="10"/>
  <c r="K3786" i="10"/>
  <c r="K3787" i="10"/>
  <c r="K3788" i="10"/>
  <c r="K3789" i="10"/>
  <c r="K3790" i="10"/>
  <c r="K3791" i="10"/>
  <c r="K3792" i="10"/>
  <c r="K3793" i="10"/>
  <c r="K3794" i="10"/>
  <c r="K3795" i="10"/>
  <c r="K3796" i="10"/>
  <c r="K3797" i="10"/>
  <c r="K3798" i="10"/>
  <c r="K3799" i="10"/>
  <c r="K3800" i="10"/>
  <c r="K3801" i="10"/>
  <c r="K3802" i="10"/>
  <c r="K3803" i="10"/>
  <c r="K3804" i="10"/>
  <c r="K3805" i="10"/>
  <c r="K3806" i="10"/>
  <c r="K3807" i="10"/>
  <c r="K3808" i="10"/>
  <c r="K3809" i="10"/>
  <c r="K3810" i="10"/>
  <c r="K3811" i="10"/>
  <c r="K3812" i="10"/>
  <c r="K3813" i="10"/>
  <c r="K3814" i="10"/>
  <c r="K3815" i="10"/>
  <c r="K3816" i="10"/>
  <c r="K3817" i="10"/>
  <c r="K3818" i="10"/>
  <c r="K3819" i="10"/>
  <c r="K3820" i="10"/>
  <c r="K3821" i="10"/>
  <c r="K3822" i="10"/>
  <c r="K3823" i="10"/>
  <c r="K3824" i="10"/>
  <c r="K3825" i="10"/>
  <c r="K3826" i="10"/>
  <c r="K3827" i="10"/>
  <c r="K3828" i="10"/>
  <c r="K3829" i="10"/>
  <c r="K3830" i="10"/>
  <c r="K3831" i="10"/>
  <c r="K3832" i="10"/>
  <c r="K3833" i="10"/>
  <c r="K3834" i="10"/>
  <c r="K3835" i="10"/>
  <c r="K3836" i="10"/>
  <c r="K3837" i="10"/>
  <c r="K3838" i="10"/>
  <c r="K3839" i="10"/>
  <c r="K3840" i="10"/>
  <c r="K3841" i="10"/>
  <c r="K3842" i="10"/>
  <c r="K3843" i="10"/>
  <c r="K3844" i="10"/>
  <c r="K3845" i="10"/>
  <c r="K3846" i="10"/>
  <c r="K3847" i="10"/>
  <c r="K3848" i="10"/>
  <c r="K3849" i="10"/>
  <c r="K3850" i="10"/>
  <c r="K3851" i="10"/>
  <c r="K3852" i="10"/>
  <c r="K3853" i="10"/>
  <c r="K3854" i="10"/>
  <c r="K3855" i="10"/>
  <c r="K3856" i="10"/>
  <c r="K3857" i="10"/>
  <c r="K3858" i="10"/>
  <c r="K3859" i="10"/>
  <c r="K3860" i="10"/>
  <c r="K3861" i="10"/>
  <c r="K3862" i="10"/>
  <c r="K3863" i="10"/>
  <c r="K3864" i="10"/>
  <c r="K3865" i="10"/>
  <c r="K3866" i="10"/>
  <c r="K3867" i="10"/>
  <c r="K3868" i="10"/>
  <c r="K3869" i="10"/>
  <c r="K3870" i="10"/>
  <c r="K3871" i="10"/>
  <c r="K3872" i="10"/>
  <c r="K3873" i="10"/>
  <c r="K3874" i="10"/>
  <c r="K3875" i="10"/>
  <c r="K3876" i="10"/>
  <c r="K3877" i="10"/>
  <c r="K3878" i="10"/>
  <c r="K3879" i="10"/>
  <c r="K3880" i="10"/>
  <c r="K3881" i="10"/>
  <c r="K3882" i="10"/>
  <c r="K3883" i="10"/>
  <c r="K3884" i="10"/>
  <c r="K3885" i="10"/>
  <c r="K3886" i="10"/>
  <c r="K3887" i="10"/>
  <c r="K3888" i="10"/>
  <c r="K3889" i="10"/>
  <c r="K3890" i="10"/>
  <c r="K3891" i="10"/>
  <c r="K3892" i="10"/>
  <c r="K3893" i="10"/>
  <c r="K3894" i="10"/>
  <c r="K3895" i="10"/>
  <c r="K3896" i="10"/>
  <c r="K3897" i="10"/>
  <c r="K3898" i="10"/>
  <c r="K3899" i="10"/>
  <c r="K3900" i="10"/>
  <c r="K3901" i="10"/>
  <c r="K3902" i="10"/>
  <c r="K3903" i="10"/>
  <c r="K3904" i="10"/>
  <c r="K3905" i="10"/>
  <c r="K3906" i="10"/>
  <c r="K3907" i="10"/>
  <c r="K3908" i="10"/>
  <c r="K3909" i="10"/>
  <c r="K3910" i="10"/>
  <c r="K3911" i="10"/>
  <c r="K3912" i="10"/>
  <c r="K3913" i="10"/>
  <c r="K3914" i="10"/>
  <c r="K3915" i="10"/>
  <c r="K3916" i="10"/>
  <c r="K3917" i="10"/>
  <c r="K3918" i="10"/>
  <c r="K3919" i="10"/>
  <c r="K3920" i="10"/>
  <c r="K3921" i="10"/>
  <c r="K3922" i="10"/>
  <c r="K3923" i="10"/>
  <c r="K3924" i="10"/>
  <c r="K3925" i="10"/>
  <c r="K3926" i="10"/>
  <c r="K3927" i="10"/>
  <c r="K3928" i="10"/>
  <c r="K3929" i="10"/>
  <c r="K3930" i="10"/>
  <c r="K3931" i="10"/>
  <c r="K3932" i="10"/>
  <c r="K3933" i="10"/>
  <c r="K3934" i="10"/>
  <c r="K3935" i="10"/>
  <c r="K3936" i="10"/>
  <c r="K3937" i="10"/>
  <c r="K3938" i="10"/>
  <c r="K3939" i="10"/>
  <c r="K3940" i="10"/>
  <c r="K3941" i="10"/>
  <c r="K3942" i="10"/>
  <c r="K3943" i="10"/>
  <c r="K3944" i="10"/>
  <c r="K3945" i="10"/>
  <c r="K3946" i="10"/>
  <c r="K3947" i="10"/>
  <c r="K3948" i="10"/>
  <c r="K3949" i="10"/>
  <c r="K3950" i="10"/>
  <c r="K3951" i="10"/>
  <c r="K3952" i="10"/>
  <c r="K3953" i="10"/>
  <c r="K3954" i="10"/>
  <c r="K3955" i="10"/>
  <c r="K3956" i="10"/>
  <c r="K3957" i="10"/>
  <c r="K3958" i="10"/>
  <c r="K3959" i="10"/>
  <c r="K3960" i="10"/>
  <c r="K3961" i="10"/>
  <c r="K3962" i="10"/>
  <c r="K3963" i="10"/>
  <c r="K3964" i="10"/>
  <c r="K3965" i="10"/>
  <c r="K3966" i="10"/>
  <c r="K3967" i="10"/>
  <c r="K3968" i="10"/>
  <c r="K3969" i="10"/>
  <c r="K3970" i="10"/>
  <c r="K3971" i="10"/>
  <c r="K3972" i="10"/>
  <c r="K3973" i="10"/>
  <c r="K3974" i="10"/>
  <c r="K3975" i="10"/>
  <c r="K3976" i="10"/>
  <c r="K3977" i="10"/>
  <c r="K3978" i="10"/>
  <c r="K3979" i="10"/>
  <c r="K3980" i="10"/>
  <c r="K3981" i="10"/>
  <c r="K3982" i="10"/>
  <c r="K3983" i="10"/>
  <c r="K3984" i="10"/>
  <c r="K3985" i="10"/>
  <c r="K3986" i="10"/>
  <c r="K3987" i="10"/>
  <c r="K3988" i="10"/>
  <c r="K3989" i="10"/>
  <c r="K3990" i="10"/>
  <c r="K3991" i="10"/>
  <c r="K3992" i="10"/>
  <c r="K3993" i="10"/>
  <c r="K3994" i="10"/>
  <c r="K3995" i="10"/>
  <c r="K3996" i="10"/>
  <c r="K3997" i="10"/>
  <c r="K3998" i="10"/>
  <c r="K3999" i="10"/>
  <c r="K4000" i="10"/>
  <c r="K4001" i="10"/>
  <c r="K4002" i="10"/>
  <c r="K4003" i="10"/>
  <c r="K4004" i="10"/>
  <c r="K4005" i="10"/>
  <c r="K4006" i="10"/>
  <c r="K4007" i="10"/>
  <c r="K4008" i="10"/>
  <c r="K4009" i="10"/>
  <c r="K4010" i="10"/>
  <c r="K4011" i="10"/>
  <c r="K4012" i="10"/>
  <c r="K4013" i="10"/>
  <c r="K4014" i="10"/>
  <c r="K4015" i="10"/>
  <c r="K4016" i="10"/>
  <c r="K4017" i="10"/>
  <c r="K4018" i="10"/>
  <c r="K4019" i="10"/>
  <c r="K4020" i="10"/>
  <c r="K4021" i="10"/>
  <c r="K4022" i="10"/>
  <c r="K4023" i="10"/>
  <c r="K4024" i="10"/>
  <c r="K4025" i="10"/>
  <c r="K4026" i="10"/>
  <c r="K4027" i="10"/>
  <c r="K4028" i="10"/>
  <c r="K4029" i="10"/>
  <c r="K4030" i="10"/>
  <c r="K4031" i="10"/>
  <c r="K4032" i="10"/>
  <c r="K4033" i="10"/>
  <c r="K4034" i="10"/>
  <c r="K4035" i="10"/>
  <c r="K4036" i="10"/>
  <c r="K4037" i="10"/>
  <c r="K4038" i="10"/>
  <c r="K4039" i="10"/>
  <c r="K4040" i="10"/>
  <c r="K4041" i="10"/>
  <c r="K4042" i="10"/>
  <c r="K4043" i="10"/>
  <c r="K4044" i="10"/>
  <c r="K4045" i="10"/>
  <c r="K4046" i="10"/>
  <c r="K4047" i="10"/>
  <c r="K4048" i="10"/>
  <c r="K4049" i="10"/>
  <c r="K4050" i="10"/>
  <c r="K4051" i="10"/>
  <c r="K4052" i="10"/>
  <c r="K4053" i="10"/>
  <c r="K4054" i="10"/>
  <c r="K4055" i="10"/>
  <c r="K4056" i="10"/>
  <c r="K4057" i="10"/>
  <c r="K4058" i="10"/>
  <c r="K4059" i="10"/>
  <c r="K4060" i="10"/>
  <c r="K4061" i="10"/>
  <c r="K4062" i="10"/>
  <c r="K4063" i="10"/>
  <c r="K4064" i="10"/>
  <c r="K4065" i="10"/>
  <c r="K4066" i="10"/>
  <c r="K4067" i="10"/>
  <c r="K4068" i="10"/>
  <c r="K4069" i="10"/>
  <c r="K4070" i="10"/>
  <c r="K4071" i="10"/>
  <c r="K4072" i="10"/>
  <c r="K4073" i="10"/>
  <c r="K4074" i="10"/>
  <c r="K4075" i="10"/>
  <c r="K4076" i="10"/>
  <c r="K4077" i="10"/>
  <c r="K4078" i="10"/>
  <c r="K4079" i="10"/>
  <c r="K4080" i="10"/>
  <c r="K4081" i="10"/>
  <c r="K4082" i="10"/>
  <c r="K4083" i="10"/>
  <c r="K4084" i="10"/>
  <c r="K4085" i="10"/>
  <c r="K4086" i="10"/>
  <c r="K4087" i="10"/>
  <c r="K4088" i="10"/>
  <c r="K4089" i="10"/>
  <c r="K4090" i="10"/>
  <c r="K4091" i="10"/>
  <c r="K4092" i="10"/>
  <c r="K4093" i="10"/>
  <c r="K4094" i="10"/>
  <c r="K4095" i="10"/>
  <c r="K4096" i="10"/>
  <c r="K4097" i="10"/>
  <c r="K4098" i="10"/>
  <c r="K4099" i="10"/>
  <c r="K4100" i="10"/>
  <c r="K4101" i="10"/>
  <c r="K4102" i="10"/>
  <c r="K4103" i="10"/>
  <c r="K4104" i="10"/>
  <c r="K4105" i="10"/>
  <c r="K4106" i="10"/>
  <c r="K4107" i="10"/>
  <c r="K4108" i="10"/>
  <c r="K4109" i="10"/>
  <c r="K4110" i="10"/>
  <c r="K4111" i="10"/>
  <c r="K4112" i="10"/>
  <c r="K4113" i="10"/>
  <c r="K4114" i="10"/>
  <c r="K4115" i="10"/>
  <c r="K4116" i="10"/>
  <c r="K4117" i="10"/>
  <c r="K4118" i="10"/>
  <c r="K4119" i="10"/>
  <c r="K4120" i="10"/>
  <c r="K4121" i="10"/>
  <c r="K4122" i="10"/>
  <c r="K4123" i="10"/>
  <c r="K4124" i="10"/>
  <c r="K4125" i="10"/>
  <c r="K4126" i="10"/>
  <c r="K4127" i="10"/>
  <c r="K4128" i="10"/>
  <c r="K4129" i="10"/>
  <c r="K4130" i="10"/>
  <c r="K4131" i="10"/>
  <c r="K4132" i="10"/>
  <c r="K4133" i="10"/>
  <c r="K4134" i="10"/>
  <c r="K4135" i="10"/>
  <c r="K4136" i="10"/>
  <c r="K4137" i="10"/>
  <c r="K4138" i="10"/>
  <c r="K4139" i="10"/>
  <c r="K4140" i="10"/>
  <c r="K4141" i="10"/>
  <c r="K4142" i="10"/>
  <c r="K4143" i="10"/>
  <c r="K4144" i="10"/>
  <c r="K4145" i="10"/>
  <c r="K4146" i="10"/>
  <c r="K4147" i="10"/>
  <c r="K4148" i="10"/>
  <c r="K4149" i="10"/>
  <c r="K4150" i="10"/>
  <c r="K4151" i="10"/>
  <c r="K4152" i="10"/>
  <c r="K4153" i="10"/>
  <c r="K4154" i="10"/>
  <c r="K4155" i="10"/>
  <c r="K4156" i="10"/>
  <c r="K4157" i="10"/>
  <c r="K4158" i="10"/>
  <c r="K4159" i="10"/>
  <c r="K4160" i="10"/>
  <c r="K4161" i="10"/>
  <c r="K4162" i="10"/>
  <c r="K4163" i="10"/>
  <c r="K4164" i="10"/>
  <c r="K4165" i="10"/>
  <c r="K4166" i="10"/>
  <c r="K4167" i="10"/>
  <c r="K4168" i="10"/>
  <c r="K4169" i="10"/>
  <c r="K4170" i="10"/>
  <c r="K4171" i="10"/>
  <c r="K4172" i="10"/>
  <c r="K4173" i="10"/>
  <c r="K4174" i="10"/>
  <c r="K4175" i="10"/>
  <c r="K4176" i="10"/>
  <c r="K4177" i="10"/>
  <c r="K4178" i="10"/>
  <c r="K4179" i="10"/>
  <c r="K4180" i="10"/>
  <c r="K4181" i="10"/>
  <c r="K4182" i="10"/>
  <c r="K4183" i="10"/>
  <c r="K4184" i="10"/>
  <c r="K4185" i="10"/>
  <c r="K4186" i="10"/>
  <c r="K4187" i="10"/>
  <c r="K4188" i="10"/>
  <c r="K4189" i="10"/>
  <c r="K4190" i="10"/>
  <c r="K4191" i="10"/>
  <c r="K4192" i="10"/>
  <c r="K4193" i="10"/>
  <c r="K4194" i="10"/>
  <c r="K4195" i="10"/>
  <c r="K4196" i="10"/>
  <c r="K4197" i="10"/>
  <c r="K4198" i="10"/>
  <c r="K4199" i="10"/>
  <c r="K4200" i="10"/>
  <c r="K4201" i="10"/>
  <c r="K4202" i="10"/>
  <c r="K4203" i="10"/>
  <c r="K4204" i="10"/>
  <c r="K4205" i="10"/>
  <c r="K4206" i="10"/>
  <c r="K4207" i="10"/>
  <c r="K4208" i="10"/>
  <c r="K4209" i="10"/>
  <c r="K4210" i="10"/>
  <c r="K4211" i="10"/>
  <c r="K4212" i="10"/>
  <c r="K4213" i="10"/>
  <c r="K4214" i="10"/>
  <c r="K4215" i="10"/>
  <c r="K4216" i="10"/>
  <c r="K4217" i="10"/>
  <c r="K4218" i="10"/>
  <c r="K4219" i="10"/>
  <c r="K4220" i="10"/>
  <c r="K4221" i="10"/>
  <c r="K4222" i="10"/>
  <c r="K4223" i="10"/>
  <c r="K4224" i="10"/>
  <c r="K4225" i="10"/>
  <c r="K4226" i="10"/>
  <c r="K4227" i="10"/>
  <c r="K4228" i="10"/>
  <c r="K4229" i="10"/>
  <c r="K4230" i="10"/>
  <c r="K4231" i="10"/>
  <c r="K4232" i="10"/>
  <c r="K4233" i="10"/>
  <c r="K4234" i="10"/>
  <c r="K4235" i="10"/>
  <c r="K4236" i="10"/>
  <c r="K4237" i="10"/>
  <c r="K4238" i="10"/>
  <c r="K4239" i="10"/>
  <c r="K4240" i="10"/>
  <c r="K4241" i="10"/>
  <c r="K4242" i="10"/>
  <c r="K4243" i="10"/>
  <c r="K4244" i="10"/>
  <c r="K4245" i="10"/>
  <c r="K4246" i="10"/>
  <c r="K4247" i="10"/>
  <c r="K4248" i="10"/>
  <c r="K4249" i="10"/>
  <c r="K4250" i="10"/>
  <c r="K4251" i="10"/>
  <c r="K4252" i="10"/>
  <c r="K4253" i="10"/>
  <c r="K4254" i="10"/>
  <c r="K4255" i="10"/>
  <c r="K4256" i="10"/>
  <c r="K4257" i="10"/>
  <c r="K4258" i="10"/>
  <c r="K4259" i="10"/>
  <c r="K4260" i="10"/>
  <c r="K4261" i="10"/>
  <c r="K4262" i="10"/>
  <c r="K4263" i="10"/>
  <c r="K4264" i="10"/>
  <c r="K4265" i="10"/>
  <c r="K4266" i="10"/>
  <c r="K4267" i="10"/>
  <c r="K4268" i="10"/>
  <c r="K4269" i="10"/>
  <c r="K4270" i="10"/>
  <c r="K4271" i="10"/>
  <c r="K4272" i="10"/>
  <c r="K4273" i="10"/>
  <c r="K4274" i="10"/>
  <c r="K4275" i="10"/>
  <c r="K4276" i="10"/>
  <c r="K4277" i="10"/>
  <c r="K4278" i="10"/>
  <c r="K4279" i="10"/>
  <c r="K4280" i="10"/>
  <c r="K4281" i="10"/>
  <c r="K4282" i="10"/>
  <c r="K4283" i="10"/>
  <c r="K4284" i="10"/>
  <c r="K4285" i="10"/>
  <c r="K4286" i="10"/>
  <c r="K4287" i="10"/>
  <c r="K4288" i="10"/>
  <c r="K4289" i="10"/>
  <c r="K4290" i="10"/>
  <c r="K4291" i="10"/>
  <c r="K4292" i="10"/>
  <c r="K4293" i="10"/>
  <c r="K4294" i="10"/>
  <c r="K4295" i="10"/>
  <c r="K4296" i="10"/>
  <c r="K4297" i="10"/>
  <c r="K4298" i="10"/>
  <c r="K4299" i="10"/>
  <c r="K4300" i="10"/>
  <c r="K4301" i="10"/>
  <c r="K4302" i="10"/>
  <c r="K4303" i="10"/>
  <c r="K4304" i="10"/>
  <c r="K4305" i="10"/>
  <c r="K4306" i="10"/>
  <c r="K4307" i="10"/>
  <c r="K4308" i="10"/>
  <c r="K4309" i="10"/>
  <c r="K4310" i="10"/>
  <c r="K4311" i="10"/>
  <c r="K4312" i="10"/>
  <c r="K4313" i="10"/>
  <c r="K4314" i="10"/>
  <c r="K4315" i="10"/>
  <c r="K4316" i="10"/>
  <c r="K4317" i="10"/>
  <c r="K4318" i="10"/>
  <c r="K4319" i="10"/>
  <c r="K4320" i="10"/>
  <c r="K4321" i="10"/>
  <c r="K4322" i="10"/>
  <c r="K4323" i="10"/>
  <c r="K4324" i="10"/>
  <c r="K4325" i="10"/>
  <c r="K4326" i="10"/>
  <c r="K4327" i="10"/>
  <c r="K4328" i="10"/>
  <c r="K4329" i="10"/>
  <c r="K4330" i="10"/>
  <c r="K4331" i="10"/>
  <c r="K4332" i="10"/>
  <c r="K4333" i="10"/>
  <c r="K4334" i="10"/>
  <c r="K4335" i="10"/>
  <c r="K4336" i="10"/>
  <c r="K4337" i="10"/>
  <c r="K4338" i="10"/>
  <c r="K4339" i="10"/>
  <c r="K4340" i="10"/>
  <c r="K4341" i="10"/>
  <c r="K4342" i="10"/>
  <c r="K4343" i="10"/>
  <c r="K4344" i="10"/>
  <c r="K4345" i="10"/>
  <c r="K4346" i="10"/>
  <c r="K4347" i="10"/>
  <c r="K4348" i="10"/>
  <c r="K4349" i="10"/>
  <c r="K4350" i="10"/>
  <c r="K4351" i="10"/>
  <c r="K4352" i="10"/>
  <c r="K4353" i="10"/>
  <c r="K4354" i="10"/>
  <c r="K4355" i="10"/>
  <c r="K4356" i="10"/>
  <c r="K4357" i="10"/>
  <c r="K4358" i="10"/>
  <c r="K4359" i="10"/>
  <c r="K4360" i="10"/>
  <c r="K4361" i="10"/>
  <c r="K4362" i="10"/>
  <c r="K4363" i="10"/>
  <c r="K4364" i="10"/>
  <c r="K4365" i="10"/>
  <c r="K4366" i="10"/>
  <c r="K4367" i="10"/>
  <c r="K4368" i="10"/>
  <c r="K4369" i="10"/>
  <c r="K4370" i="10"/>
  <c r="K4371" i="10"/>
  <c r="K4372" i="10"/>
  <c r="K4373" i="10"/>
  <c r="K4374" i="10"/>
  <c r="K4375" i="10"/>
  <c r="K4376" i="10"/>
  <c r="K4377" i="10"/>
  <c r="K4378" i="10"/>
  <c r="K4379" i="10"/>
  <c r="K4380" i="10"/>
  <c r="K4381" i="10"/>
  <c r="K4382" i="10"/>
  <c r="K4383" i="10"/>
  <c r="K4384" i="10"/>
  <c r="K4385" i="10"/>
  <c r="K4386" i="10"/>
  <c r="K4387" i="10"/>
  <c r="K4388" i="10"/>
  <c r="K4389" i="10"/>
  <c r="K4390" i="10"/>
  <c r="K4391" i="10"/>
  <c r="K4392" i="10"/>
  <c r="K4393" i="10"/>
  <c r="K4394" i="10"/>
  <c r="K4395" i="10"/>
  <c r="K4396" i="10"/>
  <c r="K4397" i="10"/>
  <c r="K4398" i="10"/>
  <c r="K4399" i="10"/>
  <c r="K4400" i="10"/>
  <c r="K4401" i="10"/>
  <c r="K4402" i="10"/>
  <c r="K4403" i="10"/>
  <c r="K4404" i="10"/>
  <c r="K4405" i="10"/>
  <c r="K4406" i="10"/>
  <c r="K4407" i="10"/>
  <c r="K4408" i="10"/>
  <c r="K4409" i="10"/>
  <c r="K4410" i="10"/>
  <c r="K4411" i="10"/>
  <c r="K4412" i="10"/>
  <c r="K4413" i="10"/>
  <c r="K4414" i="10"/>
  <c r="K4415" i="10"/>
  <c r="K4416" i="10"/>
  <c r="K4417" i="10"/>
  <c r="K4418" i="10"/>
  <c r="K4419" i="10"/>
  <c r="K4420" i="10"/>
  <c r="K4421" i="10"/>
  <c r="K4422" i="10"/>
  <c r="K4423" i="10"/>
  <c r="K4424" i="10"/>
  <c r="K4425" i="10"/>
  <c r="K4426" i="10"/>
  <c r="K4427" i="10"/>
  <c r="K4428" i="10"/>
  <c r="K4429" i="10"/>
  <c r="K4430" i="10"/>
  <c r="K4431" i="10"/>
  <c r="K4432" i="10"/>
  <c r="K4433" i="10"/>
  <c r="K4434" i="10"/>
  <c r="K4435" i="10"/>
  <c r="K4436" i="10"/>
  <c r="K4437" i="10"/>
  <c r="K4438" i="10"/>
  <c r="K4439" i="10"/>
  <c r="K4440" i="10"/>
  <c r="K4441" i="10"/>
  <c r="K4442" i="10"/>
  <c r="K4443" i="10"/>
  <c r="K4444" i="10"/>
  <c r="K4445" i="10"/>
  <c r="K4446" i="10"/>
  <c r="K4447" i="10"/>
  <c r="K4448" i="10"/>
  <c r="K4449" i="10"/>
  <c r="K4450" i="10"/>
  <c r="K4451" i="10"/>
  <c r="K4452" i="10"/>
  <c r="K4453" i="10"/>
  <c r="K4454" i="10"/>
  <c r="K4455" i="10"/>
  <c r="K4456" i="10"/>
  <c r="K4457" i="10"/>
  <c r="K4458" i="10"/>
  <c r="K4459" i="10"/>
  <c r="K4460" i="10"/>
  <c r="K4461" i="10"/>
  <c r="K4462" i="10"/>
  <c r="K4463" i="10"/>
  <c r="K4464" i="10"/>
  <c r="K4465" i="10"/>
  <c r="K4466" i="10"/>
  <c r="K4467" i="10"/>
  <c r="K4468" i="10"/>
  <c r="K4469" i="10"/>
  <c r="K4470" i="10"/>
  <c r="K4471" i="10"/>
  <c r="K4472" i="10"/>
  <c r="K4473" i="10"/>
  <c r="K4474" i="10"/>
  <c r="K4475" i="10"/>
  <c r="K4476" i="10"/>
  <c r="K4477" i="10"/>
  <c r="K4478" i="10"/>
  <c r="K4479" i="10"/>
  <c r="K4480" i="10"/>
  <c r="K4481" i="10"/>
  <c r="K4482" i="10"/>
  <c r="K4483" i="10"/>
  <c r="K4484" i="10"/>
  <c r="K4485" i="10"/>
  <c r="K4486" i="10"/>
  <c r="K4487" i="10"/>
  <c r="K4488" i="10"/>
  <c r="K4489" i="10"/>
  <c r="K4490" i="10"/>
  <c r="K4491" i="10"/>
  <c r="K4492" i="10"/>
  <c r="K4493" i="10"/>
  <c r="K4494" i="10"/>
  <c r="K4495" i="10"/>
  <c r="K4496" i="10"/>
  <c r="K4497" i="10"/>
  <c r="K4498" i="10"/>
  <c r="K4499" i="10"/>
  <c r="K4500" i="10"/>
  <c r="K4501" i="10"/>
  <c r="K4502" i="10"/>
  <c r="K4503" i="10"/>
  <c r="K4504" i="10"/>
  <c r="K4505" i="10"/>
  <c r="K4506" i="10"/>
  <c r="K4507" i="10"/>
  <c r="K4508" i="10"/>
  <c r="K4509" i="10"/>
  <c r="K4510" i="10"/>
  <c r="K4511" i="10"/>
  <c r="K4512" i="10"/>
  <c r="K4513" i="10"/>
  <c r="K4514" i="10"/>
  <c r="K4515" i="10"/>
  <c r="K4516" i="10"/>
  <c r="K4517" i="10"/>
  <c r="K4518" i="10"/>
  <c r="K4519" i="10"/>
  <c r="K4520" i="10"/>
  <c r="K4521" i="10"/>
  <c r="K4522" i="10"/>
  <c r="K4523" i="10"/>
  <c r="K4524" i="10"/>
  <c r="K4525" i="10"/>
  <c r="K4526" i="10"/>
  <c r="K4527" i="10"/>
  <c r="K4528" i="10"/>
  <c r="K4529" i="10"/>
  <c r="K4530" i="10"/>
  <c r="K4531" i="10"/>
  <c r="K4532" i="10"/>
  <c r="K4533" i="10"/>
  <c r="K4534" i="10"/>
  <c r="K4535" i="10"/>
  <c r="K4536" i="10"/>
  <c r="K4537" i="10"/>
  <c r="K4538" i="10"/>
  <c r="K4539" i="10"/>
  <c r="K4540" i="10"/>
  <c r="K4541" i="10"/>
  <c r="K4542" i="10"/>
  <c r="K4543" i="10"/>
  <c r="K4544" i="10"/>
  <c r="K4545" i="10"/>
  <c r="K4546" i="10"/>
  <c r="K4547" i="10"/>
  <c r="K4548" i="10"/>
  <c r="K4549" i="10"/>
  <c r="K4550" i="10"/>
  <c r="K4551" i="10"/>
  <c r="K4552" i="10"/>
  <c r="K4553" i="10"/>
  <c r="K4554" i="10"/>
  <c r="K4555" i="10"/>
  <c r="K4556" i="10"/>
  <c r="K4557" i="10"/>
  <c r="K4558" i="10"/>
  <c r="K4559" i="10"/>
  <c r="K4560" i="10"/>
  <c r="K4561" i="10"/>
  <c r="K4562" i="10"/>
  <c r="K4563" i="10"/>
  <c r="K4564" i="10"/>
  <c r="K4565" i="10"/>
  <c r="K4566" i="10"/>
  <c r="K4567" i="10"/>
  <c r="K4568" i="10"/>
  <c r="K4569" i="10"/>
  <c r="K4570" i="10"/>
  <c r="K4571" i="10"/>
  <c r="K4572" i="10"/>
  <c r="K4573" i="10"/>
  <c r="K4574" i="10"/>
  <c r="K4575" i="10"/>
  <c r="K4576" i="10"/>
  <c r="K4577" i="10"/>
  <c r="K4578" i="10"/>
  <c r="K4579" i="10"/>
  <c r="K4580" i="10"/>
  <c r="K4581" i="10"/>
  <c r="K4582" i="10"/>
  <c r="K4583" i="10"/>
  <c r="K4584" i="10"/>
  <c r="K4585" i="10"/>
  <c r="K4586" i="10"/>
  <c r="K4587" i="10"/>
  <c r="K4588" i="10"/>
  <c r="K4589" i="10"/>
  <c r="K4590" i="10"/>
  <c r="K4591" i="10"/>
  <c r="K4592" i="10"/>
  <c r="K4593" i="10"/>
  <c r="K4594" i="10"/>
  <c r="K4595" i="10"/>
  <c r="K4596" i="10"/>
  <c r="K4597" i="10"/>
  <c r="K4598" i="10"/>
  <c r="K4599" i="10"/>
  <c r="K4600" i="10"/>
  <c r="K4601" i="10"/>
  <c r="K4602" i="10"/>
  <c r="K4603" i="10"/>
  <c r="K4604" i="10"/>
  <c r="K4605" i="10"/>
  <c r="K4606" i="10"/>
  <c r="K4607" i="10"/>
  <c r="K4608" i="10"/>
  <c r="K4609" i="10"/>
  <c r="K4610" i="10"/>
  <c r="K4611" i="10"/>
  <c r="K4612" i="10"/>
  <c r="K4613" i="10"/>
  <c r="K4614" i="10"/>
  <c r="K4615" i="10"/>
  <c r="K4616" i="10"/>
  <c r="K4617" i="10"/>
  <c r="K4618" i="10"/>
  <c r="K4619" i="10"/>
  <c r="K4620" i="10"/>
  <c r="K4621" i="10"/>
  <c r="K4622" i="10"/>
  <c r="K4623" i="10"/>
  <c r="K4624" i="10"/>
  <c r="K4625" i="10"/>
  <c r="K4626" i="10"/>
  <c r="K4627" i="10"/>
  <c r="K4628" i="10"/>
  <c r="K4629" i="10"/>
  <c r="K4630" i="10"/>
  <c r="K4631" i="10"/>
  <c r="K4632" i="10"/>
  <c r="K4633" i="10"/>
  <c r="K4634" i="10"/>
  <c r="K4635" i="10"/>
  <c r="K4636" i="10"/>
  <c r="K4637" i="10"/>
  <c r="K4638" i="10"/>
  <c r="K4639" i="10"/>
  <c r="K4640" i="10"/>
  <c r="K4641" i="10"/>
  <c r="K4642" i="10"/>
  <c r="K4643" i="10"/>
  <c r="K4644" i="10"/>
  <c r="K4645" i="10"/>
  <c r="K4646" i="10"/>
  <c r="K4647" i="10"/>
  <c r="K4648" i="10"/>
  <c r="K4649" i="10"/>
  <c r="K4650" i="10"/>
  <c r="K4651" i="10"/>
  <c r="K4652" i="10"/>
  <c r="K4653" i="10"/>
  <c r="K4654" i="10"/>
  <c r="K4655" i="10"/>
  <c r="K4656" i="10"/>
  <c r="K4657" i="10"/>
  <c r="K4658" i="10"/>
  <c r="K4659" i="10"/>
  <c r="K4660" i="10"/>
  <c r="K4661" i="10"/>
  <c r="K4662" i="10"/>
  <c r="K4663" i="10"/>
  <c r="K4664" i="10"/>
  <c r="K4665" i="10"/>
  <c r="K4666" i="10"/>
  <c r="K4667" i="10"/>
  <c r="K4668" i="10"/>
  <c r="K4669" i="10"/>
  <c r="K4670" i="10"/>
  <c r="K4671" i="10"/>
  <c r="K4672" i="10"/>
  <c r="K4673" i="10"/>
  <c r="K4674" i="10"/>
  <c r="K4675" i="10"/>
  <c r="K4676" i="10"/>
  <c r="K4677" i="10"/>
  <c r="K4678" i="10"/>
  <c r="K4679" i="10"/>
  <c r="K4680" i="10"/>
  <c r="K4681" i="10"/>
  <c r="K4682" i="10"/>
  <c r="K4683" i="10"/>
  <c r="K4684" i="10"/>
  <c r="K4685" i="10"/>
  <c r="K4686" i="10"/>
  <c r="K4687" i="10"/>
  <c r="K4688" i="10"/>
  <c r="K4689" i="10"/>
  <c r="K4690" i="10"/>
  <c r="K4691" i="10"/>
  <c r="K4692" i="10"/>
  <c r="K4693" i="10"/>
  <c r="K4694" i="10"/>
  <c r="K4695" i="10"/>
  <c r="K4696" i="10"/>
  <c r="K4697" i="10"/>
  <c r="K4698" i="10"/>
  <c r="K4699" i="10"/>
  <c r="K4700" i="10"/>
  <c r="K4701" i="10"/>
  <c r="K4702" i="10"/>
  <c r="K4703" i="10"/>
  <c r="K4704" i="10"/>
  <c r="K4705" i="10"/>
  <c r="K4706" i="10"/>
  <c r="K4707" i="10"/>
  <c r="K4708" i="10"/>
  <c r="K4709" i="10"/>
  <c r="K4710" i="10"/>
  <c r="K4711" i="10"/>
  <c r="K4712" i="10"/>
  <c r="K4713" i="10"/>
  <c r="K4714" i="10"/>
  <c r="K4715" i="10"/>
  <c r="K4716" i="10"/>
  <c r="K4717" i="10"/>
  <c r="K4718" i="10"/>
  <c r="K4719" i="10"/>
  <c r="K4720" i="10"/>
  <c r="K4721" i="10"/>
  <c r="K4722" i="10"/>
  <c r="K4723" i="10"/>
  <c r="K4724" i="10"/>
  <c r="K4725" i="10"/>
  <c r="K4726" i="10"/>
  <c r="K4727" i="10"/>
  <c r="K4728" i="10"/>
  <c r="K4729" i="10"/>
  <c r="K4730" i="10"/>
  <c r="K4731" i="10"/>
  <c r="K4732" i="10"/>
  <c r="K4733" i="10"/>
  <c r="K4734" i="10"/>
  <c r="K4735" i="10"/>
  <c r="K4736" i="10"/>
  <c r="K4737" i="10"/>
  <c r="K4738" i="10"/>
  <c r="K4739" i="10"/>
  <c r="K4740" i="10"/>
  <c r="K4741" i="10"/>
  <c r="K4742" i="10"/>
  <c r="K4743" i="10"/>
  <c r="K4744" i="10"/>
  <c r="K4745" i="10"/>
  <c r="K4746" i="10"/>
  <c r="K4747" i="10"/>
  <c r="K4748" i="10"/>
  <c r="K4749" i="10"/>
  <c r="K4750" i="10"/>
  <c r="K4751" i="10"/>
  <c r="K4752" i="10"/>
  <c r="K4753" i="10"/>
  <c r="K4754" i="10"/>
  <c r="K4755" i="10"/>
  <c r="K4756" i="10"/>
  <c r="K4757" i="10"/>
  <c r="K4758" i="10"/>
  <c r="K4759" i="10"/>
  <c r="K4760" i="10"/>
  <c r="K4761" i="10"/>
  <c r="K4762" i="10"/>
  <c r="K4763" i="10"/>
  <c r="K4764" i="10"/>
  <c r="K4765" i="10"/>
  <c r="K4766" i="10"/>
  <c r="K4767" i="10"/>
  <c r="K4768" i="10"/>
  <c r="K4769" i="10"/>
  <c r="K4770" i="10"/>
  <c r="K4771" i="10"/>
  <c r="K4772" i="10"/>
  <c r="K4773" i="10"/>
  <c r="K4774" i="10"/>
  <c r="K4775" i="10"/>
  <c r="K4776" i="10"/>
  <c r="K4777" i="10"/>
  <c r="K4778" i="10"/>
  <c r="K4779" i="10"/>
  <c r="K4780" i="10"/>
  <c r="K4781" i="10"/>
  <c r="K4782" i="10"/>
  <c r="K4783" i="10"/>
  <c r="K4784" i="10"/>
  <c r="K4785" i="10"/>
  <c r="K4786" i="10"/>
  <c r="K4787" i="10"/>
  <c r="K4788" i="10"/>
  <c r="K4789" i="10"/>
  <c r="K4790" i="10"/>
  <c r="K4791" i="10"/>
  <c r="K4792" i="10"/>
  <c r="K4793" i="10"/>
  <c r="K4794" i="10"/>
  <c r="K4795" i="10"/>
  <c r="K4796" i="10"/>
  <c r="K4797" i="10"/>
  <c r="K4798" i="10"/>
  <c r="K4799" i="10"/>
  <c r="K4800" i="10"/>
  <c r="K4801" i="10"/>
  <c r="K4802" i="10"/>
  <c r="K4803" i="10"/>
  <c r="K4804" i="10"/>
  <c r="K4805" i="10"/>
  <c r="K4806" i="10"/>
  <c r="K4807" i="10"/>
  <c r="K4808" i="10"/>
  <c r="K4809" i="10"/>
  <c r="K4810" i="10"/>
  <c r="K4811" i="10"/>
  <c r="K4812" i="10"/>
  <c r="K4813" i="10"/>
  <c r="K4814" i="10"/>
  <c r="K4815" i="10"/>
  <c r="K4816" i="10"/>
  <c r="K4817" i="10"/>
  <c r="K4818" i="10"/>
  <c r="K4819" i="10"/>
  <c r="K4820" i="10"/>
  <c r="K4821" i="10"/>
  <c r="K4822" i="10"/>
  <c r="K4823" i="10"/>
  <c r="K4824" i="10"/>
  <c r="K4825" i="10"/>
  <c r="K4826" i="10"/>
  <c r="K4827" i="10"/>
  <c r="K4828" i="10"/>
  <c r="K4829" i="10"/>
  <c r="K4830" i="10"/>
  <c r="K4831" i="10"/>
  <c r="K4832" i="10"/>
  <c r="K4833" i="10"/>
  <c r="K4834" i="10"/>
  <c r="K4835" i="10"/>
  <c r="K4836" i="10"/>
  <c r="K4837" i="10"/>
  <c r="K4838" i="10"/>
  <c r="K4839" i="10"/>
  <c r="K4840" i="10"/>
  <c r="K4841" i="10"/>
  <c r="K4842" i="10"/>
  <c r="K4843" i="10"/>
  <c r="K4844" i="10"/>
  <c r="K4845" i="10"/>
  <c r="K4846" i="10"/>
  <c r="K4847" i="10"/>
  <c r="K4848" i="10"/>
  <c r="K4849" i="10"/>
  <c r="K4850" i="10"/>
  <c r="K4851" i="10"/>
  <c r="K4852" i="10"/>
  <c r="K4853" i="10"/>
  <c r="K4854" i="10"/>
  <c r="K4855" i="10"/>
  <c r="K4856" i="10"/>
  <c r="K4857" i="10"/>
  <c r="K4858" i="10"/>
  <c r="K4859" i="10"/>
  <c r="K4860" i="10"/>
  <c r="K4861" i="10"/>
  <c r="K4862" i="10"/>
  <c r="K4863" i="10"/>
  <c r="K4864" i="10"/>
  <c r="K4865" i="10"/>
  <c r="K4866" i="10"/>
  <c r="K4867" i="10"/>
  <c r="K4868" i="10"/>
  <c r="K4869" i="10"/>
  <c r="K4870" i="10"/>
  <c r="K4871" i="10"/>
  <c r="K4872" i="10"/>
  <c r="K4873" i="10"/>
  <c r="K4874" i="10"/>
  <c r="K4875" i="10"/>
  <c r="K4876" i="10"/>
  <c r="K4877" i="10"/>
  <c r="K4878" i="10"/>
  <c r="K4879" i="10"/>
  <c r="K4880" i="10"/>
  <c r="K4881" i="10"/>
  <c r="K4882" i="10"/>
  <c r="K4883" i="10"/>
  <c r="K4884" i="10"/>
  <c r="K4885" i="10"/>
  <c r="K4886" i="10"/>
  <c r="K4887" i="10"/>
  <c r="K4888" i="10"/>
  <c r="K4889" i="10"/>
  <c r="K4890" i="10"/>
  <c r="K4891" i="10"/>
  <c r="K4892" i="10"/>
  <c r="K4893" i="10"/>
  <c r="K4894" i="10"/>
  <c r="K4895" i="10"/>
  <c r="K4896" i="10"/>
  <c r="K4897" i="10"/>
  <c r="K4898" i="10"/>
  <c r="K4899" i="10"/>
  <c r="K4900" i="10"/>
  <c r="K4901" i="10"/>
  <c r="K4902" i="10"/>
  <c r="K4903" i="10"/>
  <c r="K4904" i="10"/>
  <c r="K4905" i="10"/>
  <c r="K4906" i="10"/>
  <c r="K4907" i="10"/>
  <c r="K4908" i="10"/>
  <c r="K4909" i="10"/>
  <c r="K4910" i="10"/>
  <c r="K4911" i="10"/>
  <c r="K4912" i="10"/>
  <c r="K4913" i="10"/>
  <c r="K4914" i="10"/>
  <c r="K4915" i="10"/>
  <c r="K4916" i="10"/>
  <c r="K4917" i="10"/>
  <c r="K4918" i="10"/>
  <c r="K4919" i="10"/>
  <c r="K4920" i="10"/>
  <c r="K4921" i="10"/>
  <c r="K4922" i="10"/>
  <c r="K4923" i="10"/>
  <c r="K4924" i="10"/>
  <c r="K4925" i="10"/>
  <c r="K4926" i="10"/>
  <c r="K4927" i="10"/>
  <c r="K4928" i="10"/>
  <c r="K4929" i="10"/>
  <c r="K4930" i="10"/>
  <c r="K4931" i="10"/>
  <c r="K4932" i="10"/>
  <c r="K4933" i="10"/>
  <c r="K4934" i="10"/>
  <c r="K4935" i="10"/>
  <c r="K4936" i="10"/>
  <c r="K4937" i="10"/>
  <c r="K4938" i="10"/>
  <c r="K4939" i="10"/>
  <c r="K4940" i="10"/>
  <c r="K4941" i="10"/>
  <c r="K4942" i="10"/>
  <c r="K4943" i="10"/>
  <c r="K4944" i="10"/>
  <c r="K4945" i="10"/>
  <c r="K4946" i="10"/>
  <c r="K4947" i="10"/>
  <c r="K4948" i="10"/>
  <c r="K4949" i="10"/>
  <c r="K4950" i="10"/>
  <c r="K4951" i="10"/>
  <c r="K4952" i="10"/>
  <c r="K4953" i="10"/>
  <c r="K4954" i="10"/>
  <c r="K4955" i="10"/>
  <c r="K4956" i="10"/>
  <c r="K4957" i="10"/>
  <c r="K4958" i="10"/>
  <c r="K4959" i="10"/>
  <c r="K4960" i="10"/>
  <c r="K4961" i="10"/>
  <c r="K4962" i="10"/>
  <c r="K4963" i="10"/>
  <c r="K4964" i="10"/>
  <c r="K4965" i="10"/>
  <c r="K4966" i="10"/>
  <c r="K4967" i="10"/>
  <c r="K4968" i="10"/>
  <c r="K4969" i="10"/>
  <c r="K4970" i="10"/>
  <c r="K4971" i="10"/>
  <c r="K4972" i="10"/>
  <c r="K4973" i="10"/>
  <c r="K4974" i="10"/>
  <c r="K4975" i="10"/>
  <c r="K4976" i="10"/>
  <c r="K4977" i="10"/>
  <c r="K4978" i="10"/>
  <c r="K4979" i="10"/>
  <c r="K4980" i="10"/>
  <c r="K4981" i="10"/>
  <c r="K4982" i="10"/>
  <c r="K4983" i="10"/>
  <c r="K4984" i="10"/>
  <c r="K4985" i="10"/>
  <c r="K4986" i="10"/>
  <c r="K4987" i="10"/>
  <c r="K4988" i="10"/>
  <c r="K4989" i="10"/>
  <c r="K4990" i="10"/>
  <c r="K4991" i="10"/>
  <c r="K4992" i="10"/>
  <c r="K4993" i="10"/>
  <c r="K4994" i="10"/>
  <c r="K4995" i="10"/>
  <c r="K4996" i="10"/>
  <c r="K4997" i="10"/>
  <c r="K4998" i="10"/>
  <c r="K4999" i="10"/>
  <c r="K5000" i="10"/>
  <c r="K5001" i="10"/>
  <c r="K5002" i="10"/>
  <c r="K5003" i="10"/>
  <c r="K5004" i="10"/>
  <c r="K5005" i="10"/>
  <c r="K5006" i="10"/>
  <c r="K5007" i="10"/>
  <c r="K5008" i="10"/>
  <c r="K5009" i="10"/>
  <c r="K5010" i="10"/>
  <c r="K5011" i="10"/>
  <c r="K5012" i="10"/>
  <c r="K5013" i="10"/>
  <c r="K5014" i="10"/>
  <c r="K5015" i="10"/>
  <c r="K5016" i="10"/>
  <c r="K5017" i="10"/>
  <c r="K5018" i="10"/>
  <c r="K5019" i="10"/>
  <c r="K5020" i="10"/>
  <c r="K5021" i="10"/>
  <c r="K5022" i="10"/>
  <c r="K5023" i="10"/>
  <c r="K5024" i="10"/>
  <c r="K5025" i="10"/>
  <c r="K5026" i="10"/>
  <c r="K5027" i="10"/>
  <c r="K5028" i="10"/>
  <c r="K5029" i="10"/>
  <c r="K5030" i="10"/>
  <c r="K5031" i="10"/>
  <c r="K5032" i="10"/>
  <c r="K5033" i="10"/>
  <c r="K5034" i="10"/>
  <c r="K5035" i="10"/>
  <c r="K5036" i="10"/>
  <c r="K5037" i="10"/>
  <c r="K5038" i="10"/>
  <c r="K5039" i="10"/>
  <c r="K5040" i="10"/>
  <c r="K5041" i="10"/>
  <c r="K5042" i="10"/>
  <c r="K5043" i="10"/>
  <c r="K5044" i="10"/>
  <c r="K5045" i="10"/>
  <c r="K5046" i="10"/>
  <c r="K5047" i="10"/>
  <c r="K5048" i="10"/>
  <c r="K5049" i="10"/>
  <c r="K5050" i="10"/>
  <c r="K5051" i="10"/>
  <c r="K5052" i="10"/>
  <c r="K5053" i="10"/>
  <c r="K5054" i="10"/>
  <c r="K5055" i="10"/>
  <c r="K5056" i="10"/>
  <c r="K5057" i="10"/>
  <c r="K5058" i="10"/>
  <c r="K5059" i="10"/>
  <c r="K5060" i="10"/>
  <c r="K5061" i="10"/>
  <c r="K5062" i="10"/>
  <c r="K5063" i="10"/>
  <c r="K5064" i="10"/>
  <c r="K5065" i="10"/>
  <c r="K5066" i="10"/>
  <c r="K5067" i="10"/>
  <c r="K5068" i="10"/>
  <c r="K5069" i="10"/>
  <c r="K5070" i="10"/>
  <c r="K5071" i="10"/>
  <c r="K5072" i="10"/>
  <c r="K5073" i="10"/>
  <c r="K5074" i="10"/>
  <c r="K5075" i="10"/>
  <c r="K5076" i="10"/>
  <c r="K5077" i="10"/>
  <c r="K5078" i="10"/>
  <c r="K5079" i="10"/>
  <c r="K5080" i="10"/>
  <c r="K5081" i="10"/>
  <c r="K5082" i="10"/>
  <c r="K5083" i="10"/>
  <c r="K5084" i="10"/>
  <c r="K5085" i="10"/>
  <c r="K5086" i="10"/>
  <c r="K5087" i="10"/>
  <c r="K5088" i="10"/>
  <c r="K5089" i="10"/>
  <c r="K5090" i="10"/>
  <c r="K5091" i="10"/>
  <c r="K5092" i="10"/>
  <c r="K5093" i="10"/>
  <c r="K5094" i="10"/>
  <c r="K5095" i="10"/>
  <c r="K5096" i="10"/>
  <c r="K5097" i="10"/>
  <c r="K5098" i="10"/>
  <c r="K5099" i="10"/>
  <c r="K5100" i="10"/>
  <c r="K5101" i="10"/>
  <c r="K5102" i="10"/>
  <c r="K5103" i="10"/>
  <c r="K5104" i="10"/>
  <c r="K5105" i="10"/>
  <c r="K5106" i="10"/>
  <c r="K5107" i="10"/>
  <c r="K5108" i="10"/>
  <c r="K5109" i="10"/>
  <c r="K5110" i="10"/>
  <c r="K5111" i="10"/>
  <c r="K5112" i="10"/>
  <c r="K5113" i="10"/>
  <c r="K5114" i="10"/>
  <c r="K5115" i="10"/>
  <c r="K5116" i="10"/>
  <c r="K5117" i="10"/>
  <c r="K5118" i="10"/>
  <c r="K5119" i="10"/>
  <c r="K5120" i="10"/>
  <c r="K5121" i="10"/>
  <c r="K5122" i="10"/>
  <c r="K5123" i="10"/>
  <c r="K5124" i="10"/>
  <c r="K5125" i="10"/>
  <c r="K5126" i="10"/>
  <c r="K5127" i="10"/>
  <c r="K5128" i="10"/>
  <c r="K5129" i="10"/>
  <c r="K5130" i="10"/>
  <c r="K5131" i="10"/>
  <c r="K5132" i="10"/>
  <c r="K5133" i="10"/>
  <c r="K5134" i="10"/>
  <c r="K5135" i="10"/>
  <c r="K5136" i="10"/>
  <c r="K5137" i="10"/>
  <c r="K5138" i="10"/>
  <c r="K5139" i="10"/>
  <c r="K5140" i="10"/>
  <c r="K5141" i="10"/>
  <c r="K5142" i="10"/>
  <c r="K5143" i="10"/>
  <c r="K5144" i="10"/>
  <c r="K5145" i="10"/>
  <c r="K5146" i="10"/>
  <c r="K5147" i="10"/>
  <c r="K5148" i="10"/>
  <c r="K5149" i="10"/>
  <c r="K5150" i="10"/>
  <c r="K5151" i="10"/>
  <c r="K5152" i="10"/>
  <c r="K5153" i="10"/>
  <c r="K5154" i="10"/>
  <c r="K5155" i="10"/>
  <c r="K5156" i="10"/>
  <c r="K5157" i="10"/>
  <c r="K5158" i="10"/>
  <c r="K5159" i="10"/>
  <c r="K5160" i="10"/>
  <c r="K5161" i="10"/>
  <c r="K5162" i="10"/>
  <c r="K5163" i="10"/>
  <c r="K5164" i="10"/>
  <c r="K5165" i="10"/>
  <c r="K5166" i="10"/>
  <c r="K5167" i="10"/>
  <c r="K5168" i="10"/>
  <c r="K5169" i="10"/>
  <c r="K5170" i="10"/>
  <c r="K5171" i="10"/>
  <c r="K5172" i="10"/>
  <c r="K5173" i="10"/>
  <c r="K5174" i="10"/>
  <c r="K5175" i="10"/>
  <c r="K5176" i="10"/>
  <c r="K5177" i="10"/>
  <c r="K5178" i="10"/>
  <c r="K5179" i="10"/>
  <c r="K5180" i="10"/>
  <c r="K5181" i="10"/>
  <c r="K5182" i="10"/>
  <c r="K5183" i="10"/>
  <c r="K5184" i="10"/>
  <c r="K5185" i="10"/>
  <c r="K5186" i="10"/>
  <c r="K5187" i="10"/>
  <c r="K5188" i="10"/>
  <c r="K5189" i="10"/>
  <c r="K5190" i="10"/>
  <c r="K5191" i="10"/>
  <c r="K5192" i="10"/>
  <c r="K5193" i="10"/>
  <c r="K5194" i="10"/>
  <c r="K5195" i="10"/>
  <c r="K5196" i="10"/>
  <c r="K5197" i="10"/>
  <c r="K5198" i="10"/>
  <c r="K5199" i="10"/>
  <c r="K5200" i="10"/>
  <c r="K5201" i="10"/>
  <c r="K5202" i="10"/>
  <c r="K5203" i="10"/>
  <c r="K5204" i="10"/>
  <c r="K5205" i="10"/>
  <c r="K5206" i="10"/>
  <c r="K5207" i="10"/>
  <c r="K5208" i="10"/>
  <c r="K5209" i="10"/>
  <c r="K5210" i="10"/>
  <c r="K5211" i="10"/>
  <c r="K5212" i="10"/>
  <c r="K5213" i="10"/>
  <c r="K5214" i="10"/>
  <c r="K5215" i="10"/>
  <c r="K5216" i="10"/>
  <c r="K5217" i="10"/>
  <c r="K5218" i="10"/>
  <c r="K5219" i="10"/>
  <c r="K5220" i="10"/>
  <c r="K5221" i="10"/>
  <c r="K5222" i="10"/>
  <c r="K5223" i="10"/>
  <c r="K5224" i="10"/>
  <c r="K5225" i="10"/>
  <c r="K5226" i="10"/>
  <c r="K5227" i="10"/>
  <c r="K5228" i="10"/>
  <c r="K5229" i="10"/>
  <c r="K5230" i="10"/>
  <c r="K5231" i="10"/>
  <c r="K5232" i="10"/>
  <c r="K5233" i="10"/>
  <c r="K5234" i="10"/>
  <c r="K5235" i="10"/>
  <c r="K5236" i="10"/>
  <c r="K5237" i="10"/>
  <c r="K5238" i="10"/>
  <c r="K5239" i="10"/>
  <c r="K5240" i="10"/>
  <c r="K5241" i="10"/>
  <c r="K5242" i="10"/>
  <c r="K5243" i="10"/>
  <c r="K5244" i="10"/>
  <c r="K5245" i="10"/>
  <c r="K5246" i="10"/>
  <c r="K5247" i="10"/>
  <c r="K5248" i="10"/>
  <c r="K5249" i="10"/>
  <c r="K5250" i="10"/>
  <c r="K5251" i="10"/>
  <c r="K5252" i="10"/>
  <c r="K5253" i="10"/>
  <c r="K5254" i="10"/>
  <c r="K5255" i="10"/>
  <c r="K5256" i="10"/>
  <c r="K5257" i="10"/>
  <c r="K5258" i="10"/>
  <c r="K5259" i="10"/>
  <c r="K5260" i="10"/>
  <c r="K5261" i="10"/>
  <c r="K5262" i="10"/>
  <c r="K5263" i="10"/>
  <c r="K5264" i="10"/>
  <c r="K5265" i="10"/>
  <c r="K5266" i="10"/>
  <c r="K5267" i="10"/>
  <c r="K5268" i="10"/>
  <c r="K5269" i="10"/>
  <c r="K5270" i="10"/>
  <c r="K5271" i="10"/>
  <c r="K5272" i="10"/>
  <c r="K5273" i="10"/>
  <c r="K5274" i="10"/>
  <c r="K5275" i="10"/>
  <c r="K5276" i="10"/>
  <c r="K5277" i="10"/>
  <c r="K5278" i="10"/>
  <c r="K5279" i="10"/>
  <c r="K5280" i="10"/>
  <c r="K5281" i="10"/>
  <c r="K5282" i="10"/>
  <c r="K5283" i="10"/>
  <c r="K5284" i="10"/>
  <c r="K5285" i="10"/>
  <c r="K5286" i="10"/>
  <c r="K5287" i="10"/>
  <c r="K5288" i="10"/>
  <c r="K5289" i="10"/>
  <c r="K5290" i="10"/>
  <c r="K5291" i="10"/>
  <c r="K5292" i="10"/>
  <c r="K5293" i="10"/>
  <c r="K5294" i="10"/>
  <c r="K5295" i="10"/>
  <c r="K5296" i="10"/>
  <c r="K5297" i="10"/>
  <c r="K5298" i="10"/>
  <c r="K5299" i="10"/>
  <c r="K5300" i="10"/>
  <c r="K5301" i="10"/>
  <c r="K5302" i="10"/>
  <c r="K5303" i="10"/>
  <c r="K5304" i="10"/>
  <c r="K5305" i="10"/>
  <c r="K5306" i="10"/>
  <c r="K5307" i="10"/>
  <c r="K5308" i="10"/>
  <c r="K5309" i="10"/>
  <c r="K5310" i="10"/>
  <c r="K5311" i="10"/>
  <c r="K5312" i="10"/>
  <c r="K5313" i="10"/>
  <c r="K5314" i="10"/>
  <c r="K5315" i="10"/>
  <c r="K5316" i="10"/>
  <c r="K5317" i="10"/>
  <c r="K5318" i="10"/>
  <c r="K5319" i="10"/>
  <c r="K5320" i="10"/>
  <c r="K5321" i="10"/>
  <c r="K5322" i="10"/>
  <c r="K5323" i="10"/>
  <c r="K5324" i="10"/>
  <c r="K5325" i="10"/>
  <c r="K5326" i="10"/>
  <c r="K5327" i="10"/>
  <c r="K5328" i="10"/>
  <c r="K5329" i="10"/>
  <c r="K5330" i="10"/>
  <c r="K5331" i="10"/>
  <c r="K5332" i="10"/>
  <c r="K5333" i="10"/>
  <c r="K5334" i="10"/>
  <c r="K5335" i="10"/>
  <c r="K5336" i="10"/>
  <c r="K5337" i="10"/>
  <c r="K5338" i="10"/>
  <c r="K5339" i="10"/>
  <c r="K5340" i="10"/>
  <c r="K5341" i="10"/>
  <c r="K5342" i="10"/>
  <c r="K5343" i="10"/>
  <c r="K5344" i="10"/>
  <c r="K5345" i="10"/>
  <c r="K5346" i="10"/>
  <c r="K5347" i="10"/>
  <c r="K5348" i="10"/>
  <c r="K5349" i="10"/>
  <c r="K5350" i="10"/>
  <c r="K5351" i="10"/>
  <c r="K5352" i="10"/>
  <c r="K5353" i="10"/>
  <c r="K5354" i="10"/>
  <c r="K5355" i="10"/>
  <c r="K5356" i="10"/>
  <c r="K5357" i="10"/>
  <c r="K5358" i="10"/>
  <c r="K5359" i="10"/>
  <c r="K5360" i="10"/>
  <c r="K5361" i="10"/>
  <c r="K5362" i="10"/>
  <c r="K5363" i="10"/>
  <c r="K5364" i="10"/>
  <c r="K5365" i="10"/>
  <c r="K5366" i="10"/>
  <c r="K5367" i="10"/>
  <c r="K5368" i="10"/>
  <c r="K5369" i="10"/>
  <c r="K5370" i="10"/>
  <c r="K5371" i="10"/>
  <c r="K5372" i="10"/>
  <c r="K5373" i="10"/>
  <c r="K5374" i="10"/>
  <c r="K5375" i="10"/>
  <c r="K5376" i="10"/>
  <c r="K5377" i="10"/>
  <c r="K5378" i="10"/>
  <c r="K5379" i="10"/>
  <c r="K5380" i="10"/>
  <c r="K5381" i="10"/>
  <c r="K5382" i="10"/>
  <c r="K5383" i="10"/>
  <c r="K5384" i="10"/>
  <c r="K5385" i="10"/>
  <c r="K5386" i="10"/>
  <c r="K5387" i="10"/>
  <c r="K5388" i="10"/>
  <c r="K5389" i="10"/>
  <c r="K5390" i="10"/>
  <c r="K5391" i="10"/>
  <c r="K5392" i="10"/>
  <c r="K5393" i="10"/>
  <c r="K5394" i="10"/>
  <c r="K5395" i="10"/>
  <c r="K5396" i="10"/>
  <c r="K5397" i="10"/>
  <c r="K5398" i="10"/>
  <c r="K5399" i="10"/>
  <c r="K5400" i="10"/>
  <c r="K5401" i="10"/>
  <c r="K5402" i="10"/>
  <c r="K5403" i="10"/>
  <c r="K5404" i="10"/>
  <c r="K5405" i="10"/>
  <c r="K5406" i="10"/>
  <c r="K5407" i="10"/>
  <c r="K5408" i="10"/>
  <c r="K5409" i="10"/>
  <c r="K5410" i="10"/>
  <c r="K5411" i="10"/>
  <c r="K5412" i="10"/>
  <c r="K5413" i="10"/>
  <c r="K5414" i="10"/>
  <c r="K5415" i="10"/>
  <c r="K5416" i="10"/>
  <c r="K5417" i="10"/>
  <c r="K5418" i="10"/>
  <c r="K5419" i="10"/>
  <c r="K5420" i="10"/>
  <c r="K5421" i="10"/>
  <c r="K5422" i="10"/>
  <c r="K5423" i="10"/>
  <c r="K5424" i="10"/>
  <c r="K5425" i="10"/>
  <c r="K5426" i="10"/>
  <c r="K5427" i="10"/>
  <c r="K5428" i="10"/>
  <c r="K5429" i="10"/>
  <c r="K5430" i="10"/>
  <c r="K5431" i="10"/>
  <c r="K5432" i="10"/>
  <c r="K5433" i="10"/>
  <c r="K5434" i="10"/>
  <c r="K5435" i="10"/>
  <c r="K5436" i="10"/>
  <c r="K5437" i="10"/>
  <c r="K5438" i="10"/>
  <c r="K5439" i="10"/>
  <c r="K5440" i="10"/>
  <c r="K5441" i="10"/>
  <c r="K5442" i="10"/>
  <c r="K5443" i="10"/>
  <c r="K5444" i="10"/>
  <c r="K5445" i="10"/>
  <c r="K5446" i="10"/>
  <c r="K5447" i="10"/>
  <c r="K5448" i="10"/>
  <c r="K5449" i="10"/>
  <c r="K5450" i="10"/>
  <c r="K5451" i="10"/>
  <c r="K5452" i="10"/>
  <c r="K5453" i="10"/>
  <c r="K5454" i="10"/>
  <c r="K5455" i="10"/>
  <c r="K5456" i="10"/>
  <c r="K5457" i="10"/>
  <c r="K5458" i="10"/>
  <c r="K5459" i="10"/>
  <c r="K5460" i="10"/>
  <c r="K5461" i="10"/>
  <c r="K5462" i="10"/>
  <c r="K5463" i="10"/>
  <c r="K5464" i="10"/>
  <c r="K5465" i="10"/>
  <c r="K5466" i="10"/>
  <c r="K5467" i="10"/>
  <c r="K5468" i="10"/>
  <c r="K5469" i="10"/>
  <c r="K5470" i="10"/>
  <c r="K5471" i="10"/>
  <c r="K5472" i="10"/>
  <c r="K5473" i="10"/>
  <c r="K5474" i="10"/>
  <c r="K5475" i="10"/>
  <c r="K5476" i="10"/>
  <c r="K5477" i="10"/>
  <c r="K5478" i="10"/>
  <c r="K5479" i="10"/>
  <c r="K5480" i="10"/>
  <c r="K5481" i="10"/>
  <c r="K5482" i="10"/>
  <c r="K5483" i="10"/>
  <c r="K5484" i="10"/>
  <c r="K5485" i="10"/>
  <c r="K5486" i="10"/>
  <c r="K5487" i="10"/>
  <c r="K5488" i="10"/>
  <c r="K5489" i="10"/>
  <c r="K5490" i="10"/>
  <c r="K5491" i="10"/>
  <c r="K5492" i="10"/>
  <c r="K5493" i="10"/>
  <c r="K5494" i="10"/>
  <c r="K5495" i="10"/>
  <c r="K5496" i="10"/>
  <c r="K5497" i="10"/>
  <c r="K5498" i="10"/>
  <c r="K5499" i="10"/>
  <c r="K5500" i="10"/>
  <c r="K5501" i="10"/>
  <c r="K5502" i="10"/>
  <c r="K5503" i="10"/>
  <c r="K5504" i="10"/>
  <c r="K5505" i="10"/>
  <c r="K5506" i="10"/>
  <c r="K5507" i="10"/>
  <c r="K5508" i="10"/>
  <c r="K5509" i="10"/>
  <c r="K5510" i="10"/>
  <c r="K5511" i="10"/>
  <c r="K5512" i="10"/>
  <c r="K5513" i="10"/>
  <c r="K5514" i="10"/>
  <c r="K5515" i="10"/>
  <c r="K5516" i="10"/>
  <c r="K5517" i="10"/>
  <c r="K5518" i="10"/>
  <c r="K5519" i="10"/>
  <c r="K5520" i="10"/>
  <c r="K5521" i="10"/>
  <c r="K5522" i="10"/>
  <c r="K5523" i="10"/>
  <c r="K5524" i="10"/>
  <c r="K5525" i="10"/>
  <c r="K5526" i="10"/>
  <c r="K5527" i="10"/>
  <c r="K5528" i="10"/>
  <c r="K5529" i="10"/>
  <c r="K5530" i="10"/>
  <c r="K5531" i="10"/>
  <c r="K5532" i="10"/>
  <c r="K5533" i="10"/>
  <c r="K5534" i="10"/>
  <c r="K5535" i="10"/>
  <c r="K5536" i="10"/>
  <c r="K5537" i="10"/>
  <c r="K5538" i="10"/>
  <c r="K5539" i="10"/>
  <c r="K5540" i="10"/>
  <c r="K5541" i="10"/>
  <c r="K5542" i="10"/>
  <c r="K5543" i="10"/>
  <c r="K5544" i="10"/>
  <c r="K5545" i="10"/>
  <c r="K5546" i="10"/>
  <c r="K5547" i="10"/>
  <c r="K5548" i="10"/>
  <c r="K5549" i="10"/>
  <c r="K5550" i="10"/>
  <c r="K5551" i="10"/>
  <c r="K5552" i="10"/>
  <c r="K5553" i="10"/>
  <c r="K5554" i="10"/>
  <c r="K5555" i="10"/>
  <c r="K5556" i="10"/>
  <c r="K5557" i="10"/>
  <c r="K5558" i="10"/>
  <c r="K5559" i="10"/>
  <c r="K5560" i="10"/>
  <c r="K5561" i="10"/>
  <c r="K5562" i="10"/>
  <c r="K5563" i="10"/>
  <c r="K5564" i="10"/>
  <c r="K5565" i="10"/>
  <c r="K5566" i="10"/>
  <c r="K5567" i="10"/>
  <c r="K5568" i="10"/>
  <c r="K5569" i="10"/>
  <c r="K5570" i="10"/>
  <c r="K5571" i="10"/>
  <c r="K5572" i="10"/>
  <c r="K5573" i="10"/>
  <c r="K5574" i="10"/>
  <c r="K5575" i="10"/>
  <c r="K5576" i="10"/>
  <c r="K5577" i="10"/>
  <c r="K5578" i="10"/>
  <c r="K5579" i="10"/>
  <c r="K5580" i="10"/>
  <c r="K5581" i="10"/>
  <c r="K5582" i="10"/>
  <c r="K5583" i="10"/>
  <c r="K5584" i="10"/>
  <c r="K5585" i="10"/>
  <c r="K5586" i="10"/>
  <c r="K5587" i="10"/>
  <c r="K5588" i="10"/>
  <c r="K5589" i="10"/>
  <c r="K5590" i="10"/>
  <c r="K5591" i="10"/>
  <c r="K5592" i="10"/>
  <c r="K5593" i="10"/>
  <c r="K5594" i="10"/>
  <c r="K5595" i="10"/>
  <c r="K5596" i="10"/>
  <c r="K5597" i="10"/>
  <c r="K5598" i="10"/>
  <c r="K5599" i="10"/>
  <c r="K5600" i="10"/>
  <c r="K5601" i="10"/>
  <c r="K5602" i="10"/>
  <c r="K5603" i="10"/>
  <c r="K5604" i="10"/>
  <c r="K5605" i="10"/>
  <c r="K5606" i="10"/>
  <c r="K5607" i="10"/>
  <c r="K5608" i="10"/>
  <c r="K5609" i="10"/>
  <c r="K5610" i="10"/>
  <c r="K5611" i="10"/>
  <c r="K5612" i="10"/>
  <c r="K5613" i="10"/>
  <c r="K5614" i="10"/>
  <c r="K5615" i="10"/>
  <c r="K5616" i="10"/>
  <c r="K5617" i="10"/>
  <c r="K5618" i="10"/>
  <c r="K5619" i="10"/>
  <c r="K5620" i="10"/>
  <c r="K5621" i="10"/>
  <c r="K5622" i="10"/>
  <c r="K5623" i="10"/>
  <c r="K5624" i="10"/>
  <c r="K5625" i="10"/>
  <c r="K5626" i="10"/>
  <c r="K5627" i="10"/>
  <c r="K5628" i="10"/>
  <c r="K5629" i="10"/>
  <c r="K5630" i="10"/>
  <c r="K5631" i="10"/>
  <c r="K5632" i="10"/>
  <c r="K5633" i="10"/>
  <c r="K5634" i="10"/>
  <c r="K5635" i="10"/>
  <c r="K5636" i="10"/>
  <c r="K5637" i="10"/>
  <c r="K5638" i="10"/>
  <c r="K5639" i="10"/>
  <c r="K5640" i="10"/>
  <c r="K5641" i="10"/>
  <c r="K5642" i="10"/>
  <c r="K5643" i="10"/>
  <c r="K5644" i="10"/>
  <c r="K5645" i="10"/>
  <c r="K5646" i="10"/>
  <c r="K5647" i="10"/>
  <c r="K5648" i="10"/>
  <c r="K5649" i="10"/>
  <c r="K5650" i="10"/>
  <c r="K5651" i="10"/>
  <c r="K5652" i="10"/>
  <c r="K5653" i="10"/>
  <c r="K5654" i="10"/>
  <c r="K5655" i="10"/>
  <c r="K5656" i="10"/>
  <c r="K5657" i="10"/>
  <c r="K5658" i="10"/>
  <c r="K5659" i="10"/>
  <c r="K5660" i="10"/>
  <c r="K5661" i="10"/>
  <c r="K5662" i="10"/>
  <c r="K5663" i="10"/>
  <c r="K5664" i="10"/>
  <c r="K5665" i="10"/>
  <c r="K5666" i="10"/>
  <c r="K5667" i="10"/>
  <c r="K5668" i="10"/>
  <c r="K5669" i="10"/>
  <c r="K5670" i="10"/>
  <c r="K5671" i="10"/>
  <c r="K5672" i="10"/>
  <c r="K5673" i="10"/>
  <c r="K5674" i="10"/>
  <c r="K5675" i="10"/>
  <c r="K5676" i="10"/>
  <c r="K5677" i="10"/>
  <c r="K5678" i="10"/>
  <c r="K5679" i="10"/>
  <c r="K5680" i="10"/>
  <c r="K5681" i="10"/>
  <c r="K5682" i="10"/>
  <c r="K5683" i="10"/>
  <c r="K5684" i="10"/>
  <c r="K5685" i="10"/>
  <c r="K5686" i="10"/>
  <c r="K5687" i="10"/>
  <c r="K5688" i="10"/>
  <c r="K5689" i="10"/>
  <c r="K5690" i="10"/>
  <c r="K5691" i="10"/>
  <c r="K5692" i="10"/>
  <c r="K5693" i="10"/>
  <c r="K5694" i="10"/>
  <c r="K5695" i="10"/>
  <c r="K5696" i="10"/>
  <c r="K5697" i="10"/>
  <c r="K5698" i="10"/>
  <c r="K5699" i="10"/>
  <c r="K5700" i="10"/>
  <c r="K5701" i="10"/>
  <c r="K5702" i="10"/>
  <c r="K5703" i="10"/>
  <c r="K5704" i="10"/>
  <c r="K5705" i="10"/>
  <c r="K5706" i="10"/>
  <c r="K5707" i="10"/>
  <c r="K5708" i="10"/>
  <c r="K5709" i="10"/>
  <c r="K5710" i="10"/>
  <c r="K5711" i="10"/>
  <c r="K5712" i="10"/>
  <c r="K5713" i="10"/>
  <c r="K5714" i="10"/>
  <c r="K5715" i="10"/>
  <c r="K5716" i="10"/>
  <c r="K5717" i="10"/>
  <c r="K5718" i="10"/>
  <c r="K5719" i="10"/>
  <c r="K5720" i="10"/>
  <c r="K5721" i="10"/>
  <c r="K5722" i="10"/>
  <c r="K5723" i="10"/>
  <c r="K5724" i="10"/>
  <c r="K5725" i="10"/>
  <c r="K5726" i="10"/>
  <c r="K5727" i="10"/>
  <c r="K5728" i="10"/>
  <c r="K5729" i="10"/>
  <c r="K5730" i="10"/>
  <c r="K5731" i="10"/>
  <c r="K5732" i="10"/>
  <c r="K5733" i="10"/>
  <c r="K5734" i="10"/>
  <c r="K5735" i="10"/>
  <c r="K5736" i="10"/>
  <c r="K5737" i="10"/>
  <c r="K5738" i="10"/>
  <c r="K5739" i="10"/>
  <c r="K5740" i="10"/>
  <c r="K5741" i="10"/>
  <c r="K5742" i="10"/>
  <c r="K5743" i="10"/>
  <c r="K5744" i="10"/>
  <c r="K5745" i="10"/>
  <c r="K5746" i="10"/>
  <c r="K5747" i="10"/>
  <c r="K5748" i="10"/>
  <c r="K5749" i="10"/>
  <c r="K5750" i="10"/>
  <c r="K5751" i="10"/>
  <c r="K5752" i="10"/>
  <c r="K5753" i="10"/>
  <c r="K5754" i="10"/>
  <c r="K5755" i="10"/>
  <c r="K5756" i="10"/>
  <c r="K5757" i="10"/>
  <c r="K5758" i="10"/>
  <c r="K5759" i="10"/>
  <c r="K5760" i="10"/>
  <c r="K5761" i="10"/>
  <c r="K5762" i="10"/>
  <c r="K5763" i="10"/>
  <c r="K5764" i="10"/>
  <c r="K5765" i="10"/>
  <c r="K5766" i="10"/>
  <c r="K5767" i="10"/>
  <c r="K5768" i="10"/>
  <c r="K5769" i="10"/>
  <c r="K5770" i="10"/>
  <c r="K5771" i="10"/>
  <c r="K5772" i="10"/>
  <c r="K5773" i="10"/>
  <c r="K5774" i="10"/>
  <c r="K5775" i="10"/>
  <c r="K5776" i="10"/>
  <c r="K5777" i="10"/>
  <c r="K5778" i="10"/>
  <c r="K5779" i="10"/>
  <c r="K5780" i="10"/>
  <c r="K5781" i="10"/>
  <c r="K5782" i="10"/>
  <c r="K5783" i="10"/>
  <c r="K5784" i="10"/>
  <c r="K5785" i="10"/>
  <c r="K5786" i="10"/>
  <c r="K5787" i="10"/>
  <c r="K5788" i="10"/>
  <c r="K5789" i="10"/>
  <c r="K5790" i="10"/>
  <c r="K5791" i="10"/>
  <c r="K5792" i="10"/>
  <c r="K5793" i="10"/>
  <c r="K5794" i="10"/>
  <c r="K5795" i="10"/>
  <c r="K5796" i="10"/>
  <c r="K5797" i="10"/>
  <c r="K5798" i="10"/>
  <c r="K5799" i="10"/>
  <c r="K5800" i="10"/>
  <c r="K5801" i="10"/>
  <c r="K5802" i="10"/>
  <c r="K5803" i="10"/>
  <c r="K5804" i="10"/>
  <c r="K5805" i="10"/>
  <c r="K5806" i="10"/>
  <c r="K5807" i="10"/>
  <c r="K5808" i="10"/>
  <c r="K5809" i="10"/>
  <c r="K5810" i="10"/>
  <c r="K5811" i="10"/>
  <c r="K5812" i="10"/>
  <c r="K5813" i="10"/>
  <c r="K5814" i="10"/>
  <c r="K5815" i="10"/>
  <c r="K5816" i="10"/>
  <c r="K5817" i="10"/>
  <c r="K5818" i="10"/>
  <c r="K5819" i="10"/>
  <c r="K5820" i="10"/>
  <c r="K5821" i="10"/>
  <c r="K5822" i="10"/>
  <c r="K5823" i="10"/>
  <c r="K5824" i="10"/>
  <c r="K5825" i="10"/>
  <c r="K5826" i="10"/>
  <c r="K5827" i="10"/>
  <c r="K5828" i="10"/>
  <c r="K5829" i="10"/>
  <c r="K5830" i="10"/>
  <c r="K5831" i="10"/>
  <c r="K5832" i="10"/>
  <c r="K5833" i="10"/>
  <c r="K5834" i="10"/>
  <c r="K5835" i="10"/>
  <c r="K5836" i="10"/>
  <c r="K5837" i="10"/>
  <c r="K5838" i="10"/>
  <c r="K5839" i="10"/>
  <c r="K5840" i="10"/>
  <c r="K5841" i="10"/>
  <c r="K5842" i="10"/>
  <c r="K5843" i="10"/>
  <c r="K5844" i="10"/>
  <c r="K5845" i="10"/>
  <c r="K5846" i="10"/>
  <c r="K5847" i="10"/>
  <c r="K5848" i="10"/>
  <c r="K5849" i="10"/>
  <c r="K5850" i="10"/>
  <c r="K5851" i="10"/>
  <c r="K5852" i="10"/>
  <c r="K5853" i="10"/>
  <c r="K5854" i="10"/>
  <c r="K5855" i="10"/>
  <c r="K5856" i="10"/>
  <c r="K5857" i="10"/>
  <c r="K5858" i="10"/>
  <c r="K5859" i="10"/>
  <c r="K5860" i="10"/>
  <c r="K5861" i="10"/>
  <c r="K5862" i="10"/>
  <c r="K5863" i="10"/>
  <c r="K5864" i="10"/>
  <c r="K5865" i="10"/>
  <c r="K5866" i="10"/>
  <c r="K5867" i="10"/>
  <c r="K5868" i="10"/>
  <c r="K5869" i="10"/>
  <c r="K5870" i="10"/>
  <c r="K5871" i="10"/>
  <c r="K5872" i="10"/>
  <c r="K5873" i="10"/>
  <c r="K5874" i="10"/>
  <c r="K5875" i="10"/>
  <c r="K5876" i="10"/>
  <c r="K5877" i="10"/>
  <c r="K5878" i="10"/>
  <c r="K5879" i="10"/>
  <c r="K5880" i="10"/>
  <c r="K5881" i="10"/>
  <c r="K5882" i="10"/>
  <c r="K5883" i="10"/>
  <c r="K5884" i="10"/>
  <c r="K5885" i="10"/>
  <c r="K5886" i="10"/>
  <c r="K5887" i="10"/>
  <c r="K5888" i="10"/>
  <c r="K5889" i="10"/>
  <c r="K5890" i="10"/>
  <c r="K5891" i="10"/>
  <c r="K5892" i="10"/>
  <c r="K5893" i="10"/>
  <c r="K5894" i="10"/>
  <c r="K5895" i="10"/>
  <c r="K5896" i="10"/>
  <c r="K5897" i="10"/>
  <c r="K5898" i="10"/>
  <c r="K5899" i="10"/>
  <c r="K5900" i="10"/>
  <c r="K5901" i="10"/>
  <c r="K5902" i="10"/>
  <c r="K5903" i="10"/>
  <c r="K5904" i="10"/>
  <c r="K5905" i="10"/>
  <c r="K5906" i="10"/>
  <c r="K5907" i="10"/>
  <c r="K5908" i="10"/>
  <c r="K5909" i="10"/>
  <c r="K5910" i="10"/>
  <c r="K5911" i="10"/>
  <c r="K5912" i="10"/>
  <c r="K5913" i="10"/>
  <c r="K5914" i="10"/>
  <c r="K5915" i="10"/>
  <c r="K5916" i="10"/>
  <c r="K5917" i="10"/>
  <c r="K5918" i="10"/>
  <c r="K5919" i="10"/>
  <c r="K5920" i="10"/>
  <c r="K5921" i="10"/>
  <c r="K5922" i="10"/>
  <c r="K5923" i="10"/>
  <c r="K5924" i="10"/>
  <c r="K5925" i="10"/>
  <c r="K5926" i="10"/>
  <c r="K5927" i="10"/>
  <c r="K5928" i="10"/>
  <c r="K5929" i="10"/>
  <c r="K5930" i="10"/>
  <c r="K5931" i="10"/>
  <c r="K5932" i="10"/>
  <c r="K5933" i="10"/>
  <c r="K5934" i="10"/>
  <c r="K5935" i="10"/>
  <c r="K5936" i="10"/>
  <c r="K5937" i="10"/>
  <c r="K5938" i="10"/>
  <c r="K5939" i="10"/>
  <c r="K5940" i="10"/>
  <c r="K5941" i="10"/>
  <c r="K5942" i="10"/>
  <c r="K5943" i="10"/>
  <c r="K5944" i="10"/>
  <c r="K5945" i="10"/>
  <c r="K5946" i="10"/>
  <c r="K5947" i="10"/>
  <c r="K5948" i="10"/>
  <c r="K5949" i="10"/>
  <c r="K5950" i="10"/>
  <c r="K5951" i="10"/>
  <c r="K5952" i="10"/>
  <c r="K5953" i="10"/>
  <c r="K5954" i="10"/>
  <c r="K5955" i="10"/>
  <c r="K5956" i="10"/>
  <c r="K5957" i="10"/>
  <c r="K5958" i="10"/>
  <c r="K5959" i="10"/>
  <c r="K5960" i="10"/>
  <c r="K5961" i="10"/>
  <c r="K5962" i="10"/>
  <c r="K5963" i="10"/>
  <c r="K5964" i="10"/>
  <c r="K5965" i="10"/>
  <c r="K5966" i="10"/>
  <c r="K5967" i="10"/>
  <c r="K5968" i="10"/>
  <c r="K5969" i="10"/>
  <c r="K5970" i="10"/>
  <c r="K5971" i="10"/>
  <c r="K5972" i="10"/>
  <c r="K5973" i="10"/>
  <c r="K5974" i="10"/>
  <c r="K5975" i="10"/>
  <c r="K5976" i="10"/>
  <c r="K5977" i="10"/>
  <c r="K5978" i="10"/>
  <c r="K5979" i="10"/>
  <c r="K5980" i="10"/>
  <c r="K5981" i="10"/>
  <c r="K5982" i="10"/>
  <c r="K5983" i="10"/>
  <c r="K5984" i="10"/>
  <c r="K5985" i="10"/>
  <c r="K5986" i="10"/>
  <c r="K5987" i="10"/>
  <c r="K5988" i="10"/>
  <c r="K5989" i="10"/>
  <c r="K5990" i="10"/>
  <c r="K5991" i="10"/>
  <c r="K5992" i="10"/>
  <c r="K5993" i="10"/>
  <c r="K5994" i="10"/>
  <c r="K5995" i="10"/>
  <c r="K5996" i="10"/>
  <c r="K5997" i="10"/>
  <c r="K5998" i="10"/>
  <c r="K5999" i="10"/>
  <c r="K6000" i="10"/>
  <c r="K6001" i="10"/>
  <c r="K6002" i="10"/>
  <c r="K6003" i="10"/>
  <c r="K6004" i="10"/>
  <c r="K6005" i="10"/>
  <c r="K6006" i="10"/>
  <c r="K6007" i="10"/>
  <c r="K6008" i="10"/>
  <c r="K6009" i="10"/>
  <c r="K6010" i="10"/>
  <c r="K6011" i="10"/>
  <c r="K6012" i="10"/>
  <c r="K6013" i="10"/>
  <c r="K6014" i="10"/>
  <c r="K6015" i="10"/>
  <c r="K6016" i="10"/>
  <c r="K6017" i="10"/>
  <c r="K6018" i="10"/>
  <c r="K6019" i="10"/>
  <c r="K6020" i="10"/>
  <c r="K6021" i="10"/>
  <c r="K6022" i="10"/>
  <c r="K6023" i="10"/>
  <c r="K6024" i="10"/>
  <c r="K6025" i="10"/>
  <c r="K6026" i="10"/>
  <c r="K6027" i="10"/>
  <c r="K6028" i="10"/>
  <c r="K6029" i="10"/>
  <c r="K6030" i="10"/>
  <c r="K6031" i="10"/>
  <c r="K6032" i="10"/>
  <c r="K6033" i="10"/>
  <c r="K6034" i="10"/>
  <c r="K6035" i="10"/>
  <c r="K6036" i="10"/>
  <c r="K6037" i="10"/>
  <c r="K6038" i="10"/>
  <c r="K6039" i="10"/>
  <c r="K6040" i="10"/>
  <c r="K6041" i="10"/>
  <c r="K6042" i="10"/>
  <c r="K6043" i="10"/>
  <c r="K6044" i="10"/>
  <c r="K6045" i="10"/>
  <c r="K6046" i="10"/>
  <c r="K6047" i="10"/>
  <c r="K6048" i="10"/>
  <c r="K6049" i="10"/>
  <c r="K6050" i="10"/>
  <c r="K6051" i="10"/>
  <c r="K6052" i="10"/>
  <c r="K6053" i="10"/>
  <c r="K6054" i="10"/>
  <c r="K6055" i="10"/>
  <c r="K6056" i="10"/>
  <c r="K6057" i="10"/>
  <c r="K6058" i="10"/>
  <c r="K6059" i="10"/>
  <c r="K6060" i="10"/>
  <c r="K6061" i="10"/>
  <c r="K6062" i="10"/>
  <c r="K6063" i="10"/>
  <c r="K6064" i="10"/>
  <c r="K6065" i="10"/>
  <c r="K6066" i="10"/>
  <c r="K6067" i="10"/>
  <c r="K6068" i="10"/>
  <c r="K6069" i="10"/>
  <c r="K6070" i="10"/>
  <c r="K6071" i="10"/>
  <c r="K6072" i="10"/>
  <c r="K6073" i="10"/>
  <c r="K6074" i="10"/>
  <c r="K6075" i="10"/>
  <c r="K6076" i="10"/>
  <c r="K6077" i="10"/>
  <c r="K6078" i="10"/>
  <c r="K6079" i="10"/>
  <c r="K6080" i="10"/>
  <c r="K6081" i="10"/>
  <c r="K6082" i="10"/>
  <c r="K6083" i="10"/>
  <c r="K6084" i="10"/>
  <c r="K6085" i="10"/>
  <c r="K6086" i="10"/>
  <c r="K6087" i="10"/>
  <c r="K6088" i="10"/>
  <c r="K6089" i="10"/>
  <c r="K6090" i="10"/>
  <c r="K6091" i="10"/>
  <c r="K6092" i="10"/>
  <c r="K6093" i="10"/>
  <c r="K6094" i="10"/>
  <c r="K6095" i="10"/>
  <c r="K6096" i="10"/>
  <c r="K6097" i="10"/>
  <c r="K6098" i="10"/>
  <c r="K6099" i="10"/>
  <c r="K6100" i="10"/>
  <c r="K6101" i="10"/>
  <c r="K6102" i="10"/>
  <c r="K6103" i="10"/>
  <c r="K6104" i="10"/>
  <c r="K6105" i="10"/>
  <c r="K6106" i="10"/>
  <c r="K6107" i="10"/>
  <c r="K6108" i="10"/>
  <c r="K6109" i="10"/>
  <c r="K6110" i="10"/>
  <c r="K6111" i="10"/>
  <c r="K6112" i="10"/>
  <c r="K6113" i="10"/>
  <c r="K6114" i="10"/>
  <c r="K6115" i="10"/>
  <c r="K6116" i="10"/>
  <c r="K6117" i="10"/>
  <c r="K6118" i="10"/>
  <c r="K6119" i="10"/>
  <c r="K6120" i="10"/>
  <c r="K6121" i="10"/>
  <c r="K6122" i="10"/>
  <c r="K6123" i="10"/>
  <c r="K6124" i="10"/>
  <c r="K6125" i="10"/>
  <c r="K6126" i="10"/>
  <c r="K6127" i="10"/>
  <c r="K6128" i="10"/>
  <c r="K6129" i="10"/>
  <c r="K6130" i="10"/>
  <c r="K6131" i="10"/>
  <c r="K6132" i="10"/>
  <c r="K6133" i="10"/>
  <c r="K6134" i="10"/>
  <c r="K6135" i="10"/>
  <c r="K6136" i="10"/>
  <c r="K6137" i="10"/>
  <c r="K6138" i="10"/>
  <c r="K6139" i="10"/>
  <c r="K6140" i="10"/>
  <c r="K6141" i="10"/>
  <c r="K6142" i="10"/>
  <c r="K6143" i="10"/>
  <c r="K6144" i="10"/>
  <c r="K6145" i="10"/>
  <c r="K6146" i="10"/>
  <c r="K6147" i="10"/>
  <c r="K6148" i="10"/>
  <c r="K6149" i="10"/>
  <c r="K6150" i="10"/>
  <c r="K6151" i="10"/>
  <c r="K6152" i="10"/>
  <c r="K6153" i="10"/>
  <c r="K6154" i="10"/>
  <c r="K6155" i="10"/>
  <c r="K6156" i="10"/>
  <c r="K6157" i="10"/>
  <c r="K6158" i="10"/>
  <c r="K6159" i="10"/>
  <c r="K6160" i="10"/>
  <c r="K6161" i="10"/>
  <c r="K6162" i="10"/>
  <c r="K6163" i="10"/>
  <c r="K6164" i="10"/>
  <c r="K6165" i="10"/>
  <c r="K6166" i="10"/>
  <c r="K6167" i="10"/>
  <c r="K6168" i="10"/>
  <c r="K6169" i="10"/>
  <c r="K6170" i="10"/>
  <c r="K6171" i="10"/>
  <c r="K6172" i="10"/>
  <c r="K6173" i="10"/>
  <c r="K6174" i="10"/>
  <c r="K6175" i="10"/>
  <c r="K6176" i="10"/>
  <c r="K6177" i="10"/>
  <c r="K6178" i="10"/>
  <c r="K6179" i="10"/>
  <c r="K6180" i="10"/>
  <c r="K6181" i="10"/>
  <c r="K6182" i="10"/>
  <c r="K6183" i="10"/>
  <c r="K6184" i="10"/>
  <c r="K6185" i="10"/>
  <c r="K6186" i="10"/>
  <c r="K6187" i="10"/>
  <c r="K6188" i="10"/>
  <c r="K6189" i="10"/>
  <c r="K6190" i="10"/>
  <c r="K6191" i="10"/>
  <c r="K6192" i="10"/>
  <c r="K6193" i="10"/>
  <c r="K6194" i="10"/>
  <c r="K6195" i="10"/>
  <c r="K6196" i="10"/>
  <c r="K6197" i="10"/>
  <c r="K6198" i="10"/>
  <c r="K6199" i="10"/>
  <c r="K6200" i="10"/>
  <c r="K6201" i="10"/>
  <c r="K6202" i="10"/>
  <c r="K6203" i="10"/>
  <c r="K6204" i="10"/>
  <c r="K6205" i="10"/>
  <c r="K6206" i="10"/>
  <c r="K6207" i="10"/>
  <c r="K6208" i="10"/>
  <c r="K6209" i="10"/>
  <c r="K6210" i="10"/>
  <c r="K6211" i="10"/>
  <c r="K6212" i="10"/>
  <c r="K6213" i="10"/>
  <c r="K6214" i="10"/>
  <c r="K6215" i="10"/>
  <c r="K6216" i="10"/>
  <c r="K6217" i="10"/>
  <c r="K6218" i="10"/>
  <c r="K6219" i="10"/>
  <c r="K6220" i="10"/>
  <c r="K6221" i="10"/>
  <c r="K6222" i="10"/>
  <c r="K6223" i="10"/>
  <c r="K6224" i="10"/>
  <c r="K6225" i="10"/>
  <c r="K6226" i="10"/>
  <c r="K6227" i="10"/>
  <c r="K6228" i="10"/>
  <c r="K6229" i="10"/>
  <c r="K6230" i="10"/>
  <c r="K6231" i="10"/>
  <c r="K6232" i="10"/>
  <c r="K6233" i="10"/>
  <c r="K6234" i="10"/>
  <c r="K6235" i="10"/>
  <c r="K6236" i="10"/>
  <c r="K6237" i="10"/>
  <c r="K6238" i="10"/>
  <c r="K6239" i="10"/>
  <c r="K6240" i="10"/>
  <c r="K6241" i="10"/>
  <c r="K6242" i="10"/>
  <c r="K6243" i="10"/>
  <c r="K6244" i="10"/>
  <c r="K6245" i="10"/>
  <c r="K6246" i="10"/>
  <c r="K6247" i="10"/>
  <c r="K6248" i="10"/>
  <c r="K6249" i="10"/>
  <c r="K6250" i="10"/>
  <c r="K6251" i="10"/>
  <c r="K6252" i="10"/>
  <c r="K6253" i="10"/>
  <c r="K6254" i="10"/>
  <c r="K6255" i="10"/>
  <c r="K6256" i="10"/>
  <c r="K6257" i="10"/>
  <c r="K6258" i="10"/>
  <c r="K6259" i="10"/>
  <c r="K6260" i="10"/>
  <c r="K6261" i="10"/>
  <c r="K6262" i="10"/>
  <c r="K6263" i="10"/>
  <c r="K6264" i="10"/>
  <c r="K6265" i="10"/>
  <c r="K6266" i="10"/>
  <c r="K6267" i="10"/>
  <c r="K6268" i="10"/>
  <c r="K6269" i="10"/>
  <c r="K6270" i="10"/>
  <c r="K6271" i="10"/>
  <c r="K6272" i="10"/>
  <c r="K6273" i="10"/>
  <c r="K6274" i="10"/>
  <c r="K6275" i="10"/>
  <c r="K6276" i="10"/>
  <c r="K6277" i="10"/>
  <c r="K6278" i="10"/>
  <c r="K6279" i="10"/>
  <c r="K6280" i="10"/>
  <c r="K6281" i="10"/>
  <c r="K6282" i="10"/>
  <c r="K6283" i="10"/>
  <c r="K6284" i="10"/>
  <c r="K6285" i="10"/>
  <c r="K6286" i="10"/>
  <c r="K6287" i="10"/>
  <c r="K6288" i="10"/>
  <c r="K6289" i="10"/>
  <c r="K6290" i="10"/>
  <c r="K6291" i="10"/>
  <c r="K6292" i="10"/>
  <c r="K6293" i="10"/>
  <c r="K6294" i="10"/>
  <c r="K6295" i="10"/>
  <c r="K6296" i="10"/>
  <c r="K6297" i="10"/>
  <c r="K6298" i="10"/>
  <c r="K6299" i="10"/>
  <c r="K6300" i="10"/>
  <c r="K6301" i="10"/>
  <c r="K6302" i="10"/>
  <c r="K6303" i="10"/>
  <c r="K6304" i="10"/>
  <c r="K6305" i="10"/>
  <c r="K6306" i="10"/>
  <c r="K6307" i="10"/>
  <c r="K6308" i="10"/>
  <c r="K6309" i="10"/>
  <c r="K6310" i="10"/>
  <c r="K6311" i="10"/>
  <c r="K6312" i="10"/>
  <c r="K6313" i="10"/>
  <c r="K6314" i="10"/>
  <c r="K6315" i="10"/>
  <c r="K6316" i="10"/>
  <c r="K6317" i="10"/>
  <c r="K6318" i="10"/>
  <c r="K6319" i="10"/>
  <c r="K6320" i="10"/>
  <c r="K6321" i="10"/>
  <c r="K6322" i="10"/>
  <c r="K6323" i="10"/>
  <c r="K6324" i="10"/>
  <c r="K6325" i="10"/>
  <c r="K6326" i="10"/>
  <c r="K6327" i="10"/>
  <c r="K6328" i="10"/>
  <c r="K6329" i="10"/>
  <c r="K6330" i="10"/>
  <c r="K6331" i="10"/>
  <c r="K6332" i="10"/>
  <c r="K6333" i="10"/>
  <c r="K6334" i="10"/>
  <c r="K6335" i="10"/>
  <c r="K6336" i="10"/>
  <c r="K6337" i="10"/>
  <c r="K6338" i="10"/>
  <c r="K6339" i="10"/>
  <c r="K6340" i="10"/>
  <c r="K6341" i="10"/>
  <c r="K6342" i="10"/>
  <c r="K6343" i="10"/>
  <c r="K6344" i="10"/>
  <c r="K6345" i="10"/>
  <c r="K6346" i="10"/>
  <c r="K6347" i="10"/>
  <c r="K6348" i="10"/>
  <c r="K6349" i="10"/>
  <c r="K6350" i="10"/>
  <c r="K6351" i="10"/>
  <c r="K6352" i="10"/>
  <c r="K6353" i="10"/>
  <c r="K6354" i="10"/>
  <c r="K6355" i="10"/>
  <c r="K6356" i="10"/>
  <c r="K6357" i="10"/>
  <c r="K6358" i="10"/>
  <c r="K6359" i="10"/>
  <c r="K6360" i="10"/>
  <c r="K6361" i="10"/>
  <c r="K6362" i="10"/>
  <c r="K6363" i="10"/>
  <c r="K6364" i="10"/>
  <c r="K6365" i="10"/>
  <c r="K6366" i="10"/>
  <c r="K6367" i="10"/>
  <c r="K6368" i="10"/>
  <c r="K6369" i="10"/>
  <c r="K6370" i="10"/>
  <c r="K6371" i="10"/>
  <c r="K6372" i="10"/>
  <c r="K6373" i="10"/>
  <c r="K6374" i="10"/>
  <c r="K6375" i="10"/>
  <c r="K6376" i="10"/>
  <c r="K6377" i="10"/>
  <c r="K6378" i="10"/>
  <c r="K6379" i="10"/>
  <c r="K6380" i="10"/>
  <c r="K6381" i="10"/>
  <c r="K6382" i="10"/>
  <c r="K6383" i="10"/>
  <c r="K6384" i="10"/>
  <c r="K6385" i="10"/>
  <c r="K6386" i="10"/>
  <c r="K6387" i="10"/>
  <c r="K6388" i="10"/>
  <c r="K6389" i="10"/>
  <c r="K6390" i="10"/>
  <c r="K6391" i="10"/>
  <c r="K6392" i="10"/>
  <c r="K6393" i="10"/>
  <c r="K6394" i="10"/>
  <c r="K6395" i="10"/>
  <c r="K6396" i="10"/>
  <c r="K6397" i="10"/>
  <c r="K6398" i="10"/>
  <c r="K6399" i="10"/>
  <c r="K6400" i="10"/>
  <c r="K6401" i="10"/>
  <c r="K6402" i="10"/>
  <c r="K6403" i="10"/>
  <c r="K6404" i="10"/>
  <c r="K6405" i="10"/>
  <c r="K6406" i="10"/>
  <c r="K6407" i="10"/>
  <c r="K6408" i="10"/>
  <c r="K6409" i="10"/>
  <c r="K6410" i="10"/>
  <c r="K6411" i="10"/>
  <c r="K6412" i="10"/>
  <c r="K6413" i="10"/>
  <c r="K6414" i="10"/>
  <c r="K6415" i="10"/>
  <c r="K6416" i="10"/>
  <c r="K6417" i="10"/>
  <c r="K6418" i="10"/>
  <c r="K6419" i="10"/>
  <c r="K6420" i="10"/>
  <c r="K6421" i="10"/>
  <c r="K6422" i="10"/>
  <c r="K6423" i="10"/>
  <c r="K6424" i="10"/>
  <c r="K6425" i="10"/>
  <c r="K6426" i="10"/>
  <c r="K6427" i="10"/>
  <c r="K6428" i="10"/>
  <c r="K6429" i="10"/>
  <c r="K6430" i="10"/>
  <c r="K6431" i="10"/>
  <c r="K6432" i="10"/>
  <c r="K6433" i="10"/>
  <c r="K6434" i="10"/>
  <c r="K6435" i="10"/>
  <c r="K6436" i="10"/>
  <c r="K6437" i="10"/>
  <c r="K6438" i="10"/>
  <c r="K6439" i="10"/>
  <c r="K6440" i="10"/>
  <c r="K6441" i="10"/>
  <c r="K6442" i="10"/>
  <c r="K6443" i="10"/>
  <c r="K6444" i="10"/>
  <c r="K6445" i="10"/>
  <c r="K6446" i="10"/>
  <c r="K6447" i="10"/>
  <c r="K6448" i="10"/>
  <c r="K6449" i="10"/>
  <c r="K6450" i="10"/>
  <c r="K6451" i="10"/>
  <c r="K6452" i="10"/>
  <c r="K6453" i="10"/>
  <c r="K6454" i="10"/>
  <c r="K6455" i="10"/>
  <c r="K6456" i="10"/>
  <c r="K6457" i="10"/>
  <c r="K6458" i="10"/>
  <c r="K6459" i="10"/>
  <c r="K6460" i="10"/>
  <c r="K6461" i="10"/>
  <c r="K6462" i="10"/>
  <c r="K6463" i="10"/>
  <c r="K6464" i="10"/>
  <c r="K6465" i="10"/>
  <c r="K6466" i="10"/>
  <c r="K6467" i="10"/>
  <c r="K6468" i="10"/>
  <c r="K6469" i="10"/>
  <c r="K6470" i="10"/>
  <c r="K6471" i="10"/>
  <c r="K6472" i="10"/>
  <c r="K6473" i="10"/>
  <c r="K6474" i="10"/>
  <c r="K6475" i="10"/>
  <c r="K6476" i="10"/>
  <c r="K6477" i="10"/>
  <c r="K6478" i="10"/>
  <c r="K6479" i="10"/>
  <c r="K6480" i="10"/>
  <c r="K6481" i="10"/>
  <c r="K6482" i="10"/>
  <c r="K6483" i="10"/>
  <c r="K6484" i="10"/>
  <c r="K6485" i="10"/>
  <c r="K6486" i="10"/>
  <c r="K6487" i="10"/>
  <c r="K6488" i="10"/>
  <c r="K6489" i="10"/>
  <c r="K6490" i="10"/>
  <c r="K6491" i="10"/>
  <c r="K6492" i="10"/>
  <c r="K6493" i="10"/>
  <c r="K6494" i="10"/>
  <c r="K6495" i="10"/>
  <c r="K6496" i="10"/>
  <c r="K6497" i="10"/>
  <c r="K6498" i="10"/>
  <c r="K6499" i="10"/>
  <c r="K6500" i="10"/>
  <c r="K6501" i="10"/>
  <c r="K6502" i="10"/>
  <c r="K6503" i="10"/>
  <c r="K6504" i="10"/>
  <c r="K6505" i="10"/>
  <c r="K6506" i="10"/>
  <c r="K6507" i="10"/>
  <c r="K6508" i="10"/>
  <c r="K6509" i="10"/>
  <c r="K6510" i="10"/>
  <c r="K6511" i="10"/>
  <c r="K6512" i="10"/>
  <c r="K6513" i="10"/>
  <c r="K6514" i="10"/>
  <c r="K6515" i="10"/>
  <c r="K6516" i="10"/>
  <c r="K6517" i="10"/>
  <c r="K6518" i="10"/>
  <c r="K6519" i="10"/>
  <c r="K6520" i="10"/>
  <c r="K6521" i="10"/>
  <c r="K6522" i="10"/>
  <c r="K6523" i="10"/>
  <c r="K6524" i="10"/>
  <c r="K6525" i="10"/>
  <c r="K6526" i="10"/>
  <c r="K6527" i="10"/>
  <c r="K6528" i="10"/>
  <c r="K6529" i="10"/>
  <c r="K6530" i="10"/>
  <c r="K6531" i="10"/>
  <c r="K6532" i="10"/>
  <c r="K6533" i="10"/>
  <c r="K6534" i="10"/>
  <c r="K6535" i="10"/>
  <c r="K6536" i="10"/>
  <c r="K6537" i="10"/>
  <c r="K6538" i="10"/>
  <c r="K6539" i="10"/>
  <c r="K6540" i="10"/>
  <c r="K6541" i="10"/>
  <c r="K6542" i="10"/>
  <c r="K6543" i="10"/>
  <c r="K6544" i="10"/>
  <c r="K6545" i="10"/>
  <c r="K6546" i="10"/>
  <c r="K6547" i="10"/>
  <c r="K6548" i="10"/>
  <c r="K6549" i="10"/>
  <c r="K6550" i="10"/>
  <c r="K6551" i="10"/>
  <c r="K6552" i="10"/>
  <c r="K6553" i="10"/>
  <c r="K6554" i="10"/>
  <c r="K6555" i="10"/>
  <c r="K6556" i="10"/>
  <c r="K6557" i="10"/>
  <c r="K6558" i="10"/>
  <c r="K6559" i="10"/>
  <c r="K6560" i="10"/>
  <c r="K6561" i="10"/>
  <c r="K6562" i="10"/>
  <c r="K6563" i="10"/>
  <c r="K6564" i="10"/>
  <c r="K6565" i="10"/>
  <c r="K6566" i="10"/>
  <c r="K6567" i="10"/>
  <c r="K6568" i="10"/>
  <c r="K6569" i="10"/>
  <c r="K6570" i="10"/>
  <c r="K6571" i="10"/>
  <c r="K6572" i="10"/>
  <c r="K6573" i="10"/>
  <c r="K6574" i="10"/>
  <c r="K6575" i="10"/>
  <c r="K6576" i="10"/>
  <c r="K6577" i="10"/>
  <c r="K6578" i="10"/>
  <c r="K6579" i="10"/>
  <c r="K6580" i="10"/>
  <c r="K6581" i="10"/>
  <c r="K6582" i="10"/>
  <c r="K6583" i="10"/>
  <c r="K6584" i="10"/>
  <c r="K6585" i="10"/>
  <c r="K6586" i="10"/>
  <c r="K6587" i="10"/>
  <c r="K6588" i="10"/>
  <c r="K6589" i="10"/>
  <c r="K6590" i="10"/>
  <c r="K6591" i="10"/>
  <c r="K6592" i="10"/>
  <c r="K6593" i="10"/>
  <c r="K6594" i="10"/>
  <c r="K6595" i="10"/>
  <c r="K6596" i="10"/>
  <c r="K6597" i="10"/>
  <c r="K6598" i="10"/>
  <c r="K6599" i="10"/>
  <c r="K6600" i="10"/>
  <c r="K6601" i="10"/>
  <c r="K6602" i="10"/>
  <c r="K6603" i="10"/>
  <c r="K6604" i="10"/>
  <c r="K6605" i="10"/>
  <c r="K6606" i="10"/>
  <c r="K6607" i="10"/>
  <c r="K6608" i="10"/>
  <c r="K6609" i="10"/>
  <c r="K6610" i="10"/>
  <c r="K6611" i="10"/>
  <c r="K6612" i="10"/>
  <c r="K6613" i="10"/>
  <c r="K6614" i="10"/>
  <c r="K6615" i="10"/>
  <c r="K6616" i="10"/>
  <c r="K6617" i="10"/>
  <c r="K6618" i="10"/>
  <c r="K6619" i="10"/>
  <c r="K6620" i="10"/>
  <c r="K6621" i="10"/>
  <c r="K6622" i="10"/>
  <c r="K6623" i="10"/>
  <c r="K6624" i="10"/>
  <c r="K6625" i="10"/>
  <c r="K6626" i="10"/>
  <c r="K6627" i="10"/>
  <c r="K6628" i="10"/>
  <c r="K6629" i="10"/>
  <c r="K6630" i="10"/>
  <c r="K6631" i="10"/>
  <c r="K6632" i="10"/>
  <c r="K6633" i="10"/>
  <c r="K6634" i="10"/>
  <c r="K6635" i="10"/>
  <c r="K6636" i="10"/>
  <c r="K6637" i="10"/>
  <c r="K6638" i="10"/>
  <c r="K6639" i="10"/>
  <c r="K6640" i="10"/>
  <c r="K6641" i="10"/>
  <c r="K6642" i="10"/>
  <c r="K6643" i="10"/>
  <c r="K6644" i="10"/>
  <c r="K6645" i="10"/>
  <c r="K6646" i="10"/>
  <c r="K6647" i="10"/>
  <c r="K6648" i="10"/>
  <c r="K6649" i="10"/>
  <c r="K6650" i="10"/>
  <c r="K6651" i="10"/>
  <c r="K6652" i="10"/>
  <c r="K6653" i="10"/>
  <c r="K6654" i="10"/>
  <c r="K6655" i="10"/>
  <c r="K6656" i="10"/>
  <c r="K6657" i="10"/>
  <c r="K6658" i="10"/>
  <c r="K6659" i="10"/>
  <c r="K6660" i="10"/>
  <c r="K6661" i="10"/>
  <c r="K6662" i="10"/>
  <c r="K6663" i="10"/>
  <c r="K6664" i="10"/>
  <c r="K6665" i="10"/>
  <c r="K6666" i="10"/>
  <c r="K6667" i="10"/>
  <c r="K6668" i="10"/>
  <c r="K6669" i="10"/>
  <c r="K6670" i="10"/>
  <c r="K6671" i="10"/>
  <c r="K6672" i="10"/>
  <c r="K6673" i="10"/>
  <c r="K6674" i="10"/>
  <c r="K6675" i="10"/>
  <c r="K6676" i="10"/>
  <c r="K6677" i="10"/>
  <c r="K6678" i="10"/>
  <c r="K6679" i="10"/>
  <c r="K6680" i="10"/>
  <c r="K6681" i="10"/>
  <c r="K6682" i="10"/>
  <c r="K6683" i="10"/>
  <c r="K6684" i="10"/>
  <c r="K6685" i="10"/>
  <c r="K6686" i="10"/>
  <c r="K6687" i="10"/>
  <c r="K6688" i="10"/>
  <c r="K6689" i="10"/>
  <c r="K6690" i="10"/>
  <c r="K6691" i="10"/>
  <c r="K6692" i="10"/>
  <c r="K6693" i="10"/>
  <c r="K6694" i="10"/>
  <c r="K6695" i="10"/>
  <c r="K6696" i="10"/>
  <c r="K6697" i="10"/>
  <c r="K6698" i="10"/>
  <c r="K6699" i="10"/>
  <c r="K6700" i="10"/>
  <c r="K6701" i="10"/>
  <c r="K6702" i="10"/>
  <c r="K6703" i="10"/>
  <c r="K6704" i="10"/>
  <c r="K6705" i="10"/>
  <c r="K6706" i="10"/>
  <c r="K6707" i="10"/>
  <c r="K6708" i="10"/>
  <c r="K6709" i="10"/>
  <c r="K6710" i="10"/>
  <c r="K6711" i="10"/>
  <c r="K6712" i="10"/>
  <c r="K6713" i="10"/>
  <c r="K6714" i="10"/>
  <c r="K6715" i="10"/>
  <c r="K6716" i="10"/>
  <c r="K6717" i="10"/>
  <c r="K6718" i="10"/>
  <c r="K6719" i="10"/>
  <c r="K6720" i="10"/>
  <c r="K6721" i="10"/>
  <c r="K6722" i="10"/>
  <c r="K6723" i="10"/>
  <c r="K6724" i="10"/>
  <c r="K6725" i="10"/>
  <c r="K6726" i="10"/>
  <c r="K6727" i="10"/>
  <c r="K6728" i="10"/>
  <c r="K6729" i="10"/>
  <c r="K6730" i="10"/>
  <c r="K6731" i="10"/>
  <c r="K6732" i="10"/>
  <c r="K6733" i="10"/>
  <c r="K6734" i="10"/>
  <c r="K6735" i="10"/>
  <c r="K6736" i="10"/>
  <c r="K6737" i="10"/>
  <c r="K6738" i="10"/>
  <c r="K6739" i="10"/>
  <c r="K6740" i="10"/>
  <c r="K6741" i="10"/>
  <c r="K6742" i="10"/>
  <c r="K6743" i="10"/>
  <c r="K6744" i="10"/>
  <c r="K6745" i="10"/>
  <c r="K6746" i="10"/>
  <c r="K6747" i="10"/>
  <c r="K6748" i="10"/>
  <c r="K6749" i="10"/>
  <c r="K6750" i="10"/>
  <c r="K6751" i="10"/>
  <c r="K6752" i="10"/>
  <c r="K6753" i="10"/>
  <c r="K6754" i="10"/>
  <c r="K6755" i="10"/>
  <c r="K6756" i="10"/>
  <c r="K6757" i="10"/>
  <c r="K6758" i="10"/>
  <c r="K6759" i="10"/>
  <c r="K6760" i="10"/>
  <c r="K6761" i="10"/>
  <c r="K6762" i="10"/>
  <c r="K6763" i="10"/>
  <c r="K6764" i="10"/>
  <c r="K6765" i="10"/>
  <c r="K6766" i="10"/>
  <c r="K6767" i="10"/>
  <c r="K6768" i="10"/>
  <c r="K6769" i="10"/>
  <c r="K6770" i="10"/>
  <c r="K6771" i="10"/>
  <c r="K6772" i="10"/>
  <c r="K6773" i="10"/>
  <c r="K6774" i="10"/>
  <c r="K6775" i="10"/>
  <c r="K6776" i="10"/>
  <c r="K6777" i="10"/>
  <c r="K6778" i="10"/>
  <c r="K6779" i="10"/>
  <c r="K6780" i="10"/>
  <c r="K6781" i="10"/>
  <c r="K6782" i="10"/>
  <c r="K6783" i="10"/>
  <c r="K6784" i="10"/>
  <c r="K6785" i="10"/>
  <c r="K6786" i="10"/>
  <c r="K6787" i="10"/>
  <c r="K6788" i="10"/>
  <c r="K6789" i="10"/>
  <c r="K6790" i="10"/>
  <c r="K6791" i="10"/>
  <c r="K6792" i="10"/>
  <c r="K6793" i="10"/>
  <c r="K6794" i="10"/>
  <c r="K6795" i="10"/>
  <c r="K6796" i="10"/>
  <c r="K6797" i="10"/>
  <c r="K6798" i="10"/>
  <c r="K6799" i="10"/>
  <c r="K6800" i="10"/>
  <c r="K6801" i="10"/>
  <c r="K6802" i="10"/>
  <c r="K6803" i="10"/>
  <c r="K6804" i="10"/>
  <c r="K6805" i="10"/>
  <c r="K6806" i="10"/>
  <c r="K6807" i="10"/>
  <c r="K6808" i="10"/>
  <c r="K6809" i="10"/>
  <c r="K6810" i="10"/>
  <c r="K6811" i="10"/>
  <c r="K6812" i="10"/>
  <c r="K6813" i="10"/>
  <c r="K6814" i="10"/>
  <c r="K6815" i="10"/>
  <c r="K6816" i="10"/>
  <c r="K6817" i="10"/>
  <c r="K6818" i="10"/>
  <c r="K6819" i="10"/>
  <c r="K6820" i="10"/>
  <c r="K6821" i="10"/>
  <c r="K6822" i="10"/>
  <c r="K6823" i="10"/>
  <c r="K6824" i="10"/>
  <c r="K6825" i="10"/>
  <c r="K6826" i="10"/>
  <c r="K6827" i="10"/>
  <c r="K6828" i="10"/>
  <c r="K6829" i="10"/>
  <c r="K6830" i="10"/>
  <c r="K6831" i="10"/>
  <c r="K6832" i="10"/>
  <c r="K6833" i="10"/>
  <c r="K6834" i="10"/>
  <c r="K6835" i="10"/>
  <c r="K6836" i="10"/>
  <c r="K6837" i="10"/>
  <c r="K6838" i="10"/>
  <c r="K6839" i="10"/>
  <c r="K6840" i="10"/>
  <c r="K6841" i="10"/>
  <c r="K6842" i="10"/>
  <c r="K6843" i="10"/>
  <c r="K6844" i="10"/>
  <c r="K6845" i="10"/>
  <c r="K6846" i="10"/>
  <c r="K6847" i="10"/>
  <c r="K6848" i="10"/>
  <c r="K6849" i="10"/>
  <c r="K6850" i="10"/>
  <c r="K6851" i="10"/>
  <c r="K6852" i="10"/>
  <c r="K6853" i="10"/>
  <c r="K6854" i="10"/>
  <c r="K6855" i="10"/>
  <c r="K6856" i="10"/>
  <c r="K6857" i="10"/>
  <c r="K6858" i="10"/>
  <c r="K6859" i="10"/>
  <c r="K6860" i="10"/>
  <c r="K6861" i="10"/>
  <c r="K6862" i="10"/>
  <c r="K6863" i="10"/>
  <c r="K6864" i="10"/>
  <c r="K6865" i="10"/>
  <c r="K6866" i="10"/>
  <c r="K6867" i="10"/>
  <c r="K6868" i="10"/>
  <c r="K6869" i="10"/>
  <c r="K6870" i="10"/>
  <c r="K6871" i="10"/>
  <c r="K6872" i="10"/>
  <c r="K6873" i="10"/>
  <c r="K6874" i="10"/>
  <c r="K6875" i="10"/>
  <c r="K6876" i="10"/>
  <c r="K6877" i="10"/>
  <c r="K6878" i="10"/>
  <c r="K6879" i="10"/>
  <c r="K6880" i="10"/>
  <c r="K6881" i="10"/>
  <c r="K6882" i="10"/>
  <c r="K6883" i="10"/>
  <c r="K6884" i="10"/>
  <c r="K6885" i="10"/>
  <c r="K6886" i="10"/>
  <c r="K6887" i="10"/>
  <c r="K6888" i="10"/>
  <c r="K6889" i="10"/>
  <c r="K6890" i="10"/>
  <c r="K6891" i="10"/>
  <c r="K6892" i="10"/>
  <c r="K6893" i="10"/>
  <c r="K6894" i="10"/>
  <c r="K6895" i="10"/>
  <c r="K6896" i="10"/>
  <c r="K6897" i="10"/>
  <c r="K6898" i="10"/>
  <c r="K6899" i="10"/>
  <c r="K6900" i="10"/>
  <c r="K6901" i="10"/>
  <c r="K6902" i="10"/>
  <c r="K6903" i="10"/>
  <c r="K6904" i="10"/>
  <c r="K6905" i="10"/>
  <c r="K6906" i="10"/>
  <c r="K6907" i="10"/>
  <c r="K6908" i="10"/>
  <c r="K6909" i="10"/>
  <c r="K6910" i="10"/>
  <c r="K6911" i="10"/>
  <c r="K6912" i="10"/>
  <c r="K6913" i="10"/>
  <c r="K6914" i="10"/>
  <c r="K6915" i="10"/>
  <c r="K6916" i="10"/>
  <c r="K6917" i="10"/>
  <c r="K6918" i="10"/>
  <c r="K6919" i="10"/>
  <c r="K6920" i="10"/>
  <c r="K6921" i="10"/>
  <c r="K6922" i="10"/>
  <c r="K6923" i="10"/>
  <c r="K6924" i="10"/>
  <c r="K6925" i="10"/>
  <c r="K6926" i="10"/>
  <c r="K6927" i="10"/>
  <c r="K6928" i="10"/>
  <c r="K6929" i="10"/>
  <c r="K6930" i="10"/>
  <c r="K6931" i="10"/>
  <c r="K6932" i="10"/>
  <c r="K6933" i="10"/>
  <c r="K6934" i="10"/>
  <c r="K6935" i="10"/>
  <c r="K6936" i="10"/>
  <c r="K6937" i="10"/>
  <c r="K6938" i="10"/>
  <c r="K6939" i="10"/>
  <c r="K6940" i="10"/>
  <c r="K6941" i="10"/>
  <c r="K6942" i="10"/>
  <c r="K6943" i="10"/>
  <c r="K6944" i="10"/>
  <c r="K6945" i="10"/>
  <c r="K6946" i="10"/>
  <c r="K6947" i="10"/>
  <c r="K6948" i="10"/>
  <c r="K6949" i="10"/>
  <c r="K6950" i="10"/>
  <c r="K6951" i="10"/>
  <c r="K6952" i="10"/>
  <c r="K6953" i="10"/>
  <c r="K6954" i="10"/>
  <c r="K6955" i="10"/>
  <c r="K6956" i="10"/>
  <c r="K6957" i="10"/>
  <c r="K6958" i="10"/>
  <c r="K6959" i="10"/>
  <c r="K6960" i="10"/>
  <c r="K6961" i="10"/>
  <c r="K6962" i="10"/>
  <c r="K6963" i="10"/>
  <c r="K6964" i="10"/>
  <c r="K6965" i="10"/>
  <c r="K6966" i="10"/>
  <c r="K6967" i="10"/>
  <c r="K6968" i="10"/>
  <c r="K6969" i="10"/>
  <c r="K6970" i="10"/>
  <c r="K6971" i="10"/>
  <c r="K6972" i="10"/>
  <c r="K6973" i="10"/>
  <c r="K6974" i="10"/>
  <c r="K6975" i="10"/>
  <c r="K6976" i="10"/>
  <c r="K6977" i="10"/>
  <c r="K6978" i="10"/>
  <c r="K6979" i="10"/>
  <c r="K6980" i="10"/>
  <c r="K6981" i="10"/>
  <c r="K6982" i="10"/>
  <c r="K6983" i="10"/>
  <c r="K6984" i="10"/>
  <c r="K6985" i="10"/>
  <c r="K6986" i="10"/>
  <c r="K6987" i="10"/>
  <c r="K6988" i="10"/>
  <c r="K6989" i="10"/>
  <c r="K6990" i="10"/>
  <c r="K6991" i="10"/>
  <c r="K6992" i="10"/>
  <c r="K6993" i="10"/>
  <c r="K6994" i="10"/>
  <c r="K6995" i="10"/>
  <c r="K6996" i="10"/>
  <c r="K6997" i="10"/>
  <c r="K6998" i="10"/>
  <c r="K6999" i="10"/>
  <c r="K7000" i="10"/>
  <c r="K7001" i="10"/>
  <c r="K7002" i="10"/>
  <c r="K7003" i="10"/>
  <c r="K7004" i="10"/>
  <c r="K7005" i="10"/>
  <c r="K7006" i="10"/>
  <c r="K7007" i="10"/>
  <c r="K7008" i="10"/>
  <c r="K7009" i="10"/>
  <c r="K7010" i="10"/>
  <c r="K7011" i="10"/>
  <c r="K7012" i="10"/>
  <c r="K7013" i="10"/>
  <c r="K7014" i="10"/>
  <c r="K7015" i="10"/>
  <c r="K7016" i="10"/>
  <c r="K7017" i="10"/>
  <c r="K7018" i="10"/>
  <c r="K7019" i="10"/>
  <c r="K7020" i="10"/>
  <c r="K7021" i="10"/>
  <c r="K7022" i="10"/>
  <c r="K7023" i="10"/>
  <c r="K7024" i="10"/>
  <c r="K7025" i="10"/>
  <c r="K7026" i="10"/>
  <c r="K7027" i="10"/>
  <c r="K7028" i="10"/>
  <c r="K7029" i="10"/>
  <c r="K7030" i="10"/>
  <c r="K7031" i="10"/>
  <c r="K7032" i="10"/>
  <c r="K7033" i="10"/>
  <c r="K7034" i="10"/>
  <c r="K7035" i="10"/>
  <c r="K7036" i="10"/>
  <c r="K7037" i="10"/>
  <c r="K7038" i="10"/>
  <c r="K7039" i="10"/>
  <c r="K7040" i="10"/>
  <c r="K7041" i="10"/>
  <c r="K7042" i="10"/>
  <c r="K7043" i="10"/>
  <c r="K7044" i="10"/>
  <c r="K7045" i="10"/>
  <c r="K7046" i="10"/>
  <c r="K7047" i="10"/>
  <c r="K7048" i="10"/>
  <c r="K7049" i="10"/>
  <c r="K7050" i="10"/>
  <c r="K7051" i="10"/>
  <c r="K7052" i="10"/>
  <c r="K7053" i="10"/>
  <c r="K7054" i="10"/>
  <c r="K7055" i="10"/>
  <c r="K7056" i="10"/>
  <c r="K7057" i="10"/>
  <c r="K7058" i="10"/>
  <c r="K7059" i="10"/>
  <c r="K7060" i="10"/>
  <c r="K7061" i="10"/>
  <c r="K7062" i="10"/>
  <c r="K7063" i="10"/>
  <c r="K7064" i="10"/>
  <c r="K7065" i="10"/>
  <c r="K7066" i="10"/>
  <c r="K7067" i="10"/>
  <c r="K7068" i="10"/>
  <c r="K7069" i="10"/>
  <c r="K7070" i="10"/>
  <c r="K7071" i="10"/>
  <c r="K7072" i="10"/>
  <c r="K7073" i="10"/>
  <c r="K7074" i="10"/>
  <c r="K7075" i="10"/>
  <c r="K7076" i="10"/>
  <c r="K7077" i="10"/>
  <c r="K7078" i="10"/>
  <c r="K7079" i="10"/>
  <c r="K7080" i="10"/>
  <c r="K7081" i="10"/>
  <c r="K7082" i="10"/>
  <c r="K7083" i="10"/>
  <c r="K7084" i="10"/>
  <c r="K7085" i="10"/>
  <c r="K7086" i="10"/>
  <c r="K7087" i="10"/>
  <c r="K7088" i="10"/>
  <c r="K7089" i="10"/>
  <c r="K7090" i="10"/>
  <c r="K7091" i="10"/>
  <c r="K7092" i="10"/>
  <c r="K7093" i="10"/>
  <c r="K7094" i="10"/>
  <c r="K7095" i="10"/>
  <c r="K7096" i="10"/>
  <c r="K7097" i="10"/>
  <c r="K7098" i="10"/>
  <c r="K7099" i="10"/>
  <c r="K7100" i="10"/>
  <c r="K7101" i="10"/>
  <c r="K7102" i="10"/>
  <c r="K7103" i="10"/>
  <c r="K7104" i="10"/>
  <c r="K7105" i="10"/>
  <c r="K7106" i="10"/>
  <c r="K7107" i="10"/>
  <c r="K7108" i="10"/>
  <c r="K7109" i="10"/>
  <c r="K7110" i="10"/>
  <c r="K7111" i="10"/>
  <c r="K7112" i="10"/>
  <c r="K7113" i="10"/>
  <c r="K7114" i="10"/>
  <c r="K7115" i="10"/>
  <c r="K7116" i="10"/>
  <c r="K7117" i="10"/>
  <c r="K7118" i="10"/>
  <c r="K7119" i="10"/>
  <c r="K7120" i="10"/>
  <c r="K7121" i="10"/>
  <c r="K7122" i="10"/>
  <c r="K7123" i="10"/>
  <c r="K7124" i="10"/>
  <c r="K7125" i="10"/>
  <c r="K7126" i="10"/>
  <c r="K7127" i="10"/>
  <c r="K7128" i="10"/>
  <c r="K7129" i="10"/>
  <c r="K7130" i="10"/>
  <c r="K7131" i="10"/>
  <c r="K7132" i="10"/>
  <c r="K7133" i="10"/>
  <c r="K7134" i="10"/>
  <c r="K7135" i="10"/>
  <c r="K7136" i="10"/>
  <c r="K7137" i="10"/>
  <c r="K7138" i="10"/>
  <c r="K7139" i="10"/>
  <c r="K7140" i="10"/>
  <c r="K7141" i="10"/>
  <c r="K7142" i="10"/>
  <c r="K7143" i="10"/>
  <c r="K7144" i="10"/>
  <c r="K7145" i="10"/>
  <c r="K7146" i="10"/>
  <c r="K7147" i="10"/>
  <c r="K7148" i="10"/>
  <c r="K7149" i="10"/>
  <c r="K7150" i="10"/>
  <c r="K7151" i="10"/>
  <c r="K7152" i="10"/>
  <c r="K7153" i="10"/>
  <c r="K7154" i="10"/>
  <c r="K7155" i="10"/>
  <c r="K7156" i="10"/>
  <c r="K7157" i="10"/>
  <c r="K7158" i="10"/>
  <c r="K7159" i="10"/>
  <c r="K7160" i="10"/>
  <c r="K7161" i="10"/>
  <c r="K7162" i="10"/>
  <c r="K7163" i="10"/>
  <c r="K7164" i="10"/>
  <c r="K7165" i="10"/>
  <c r="K7166" i="10"/>
  <c r="K7167" i="10"/>
  <c r="K7168" i="10"/>
  <c r="K7169" i="10"/>
  <c r="K7170" i="10"/>
  <c r="K7171" i="10"/>
  <c r="K7172" i="10"/>
  <c r="K7173" i="10"/>
  <c r="K7174" i="10"/>
  <c r="K7175" i="10"/>
  <c r="K7176" i="10"/>
  <c r="K7177" i="10"/>
  <c r="K7178" i="10"/>
  <c r="K7179" i="10"/>
  <c r="K7180" i="10"/>
  <c r="K7181" i="10"/>
  <c r="K7182" i="10"/>
  <c r="K7183" i="10"/>
  <c r="K7184" i="10"/>
  <c r="K7185" i="10"/>
  <c r="K7186" i="10"/>
  <c r="K7187" i="10"/>
  <c r="K7188" i="10"/>
  <c r="K7189" i="10"/>
  <c r="K7190" i="10"/>
  <c r="K7191" i="10"/>
  <c r="K7192" i="10"/>
  <c r="K7193" i="10"/>
  <c r="K7194" i="10"/>
  <c r="K7195" i="10"/>
  <c r="K7196" i="10"/>
  <c r="K7197" i="10"/>
  <c r="K7198" i="10"/>
  <c r="K7199" i="10"/>
  <c r="K7200" i="10"/>
  <c r="K7201" i="10"/>
  <c r="K7202" i="10"/>
  <c r="K7203" i="10"/>
  <c r="K7204" i="10"/>
  <c r="K7205" i="10"/>
  <c r="K7206" i="10"/>
  <c r="K7207" i="10"/>
  <c r="K7208" i="10"/>
  <c r="K7209" i="10"/>
  <c r="K7210" i="10"/>
  <c r="K7211" i="10"/>
  <c r="K7212" i="10"/>
  <c r="K7213" i="10"/>
  <c r="K7214" i="10"/>
  <c r="K7215" i="10"/>
  <c r="K7216" i="10"/>
  <c r="K7217" i="10"/>
  <c r="K7218" i="10"/>
  <c r="K7219" i="10"/>
  <c r="K7220" i="10"/>
  <c r="K7221" i="10"/>
  <c r="K7222" i="10"/>
  <c r="K7223" i="10"/>
  <c r="K7224" i="10"/>
  <c r="K7225" i="10"/>
  <c r="K7226" i="10"/>
  <c r="K7227" i="10"/>
  <c r="K7228" i="10"/>
  <c r="K7229" i="10"/>
  <c r="K7230" i="10"/>
  <c r="K7231" i="10"/>
  <c r="K7232" i="10"/>
  <c r="K7233" i="10"/>
  <c r="K7234" i="10"/>
  <c r="K7235" i="10"/>
  <c r="K7236" i="10"/>
  <c r="K7237" i="10"/>
  <c r="K7238" i="10"/>
  <c r="K7239" i="10"/>
  <c r="K7240" i="10"/>
  <c r="K7241" i="10"/>
  <c r="K7242" i="10"/>
  <c r="K7243" i="10"/>
  <c r="K7244" i="10"/>
  <c r="K7245" i="10"/>
  <c r="K7246" i="10"/>
  <c r="K7247" i="10"/>
  <c r="K7248" i="10"/>
  <c r="K7249" i="10"/>
  <c r="K7250" i="10"/>
  <c r="K7251" i="10"/>
  <c r="K7252" i="10"/>
  <c r="K7253" i="10"/>
  <c r="K7254" i="10"/>
  <c r="K7255" i="10"/>
  <c r="K7256" i="10"/>
  <c r="K7257" i="10"/>
  <c r="K7258" i="10"/>
  <c r="K7259" i="10"/>
  <c r="K7260" i="10"/>
  <c r="K7261" i="10"/>
  <c r="K7262" i="10"/>
  <c r="K7263" i="10"/>
  <c r="K7264" i="10"/>
  <c r="K7265" i="10"/>
  <c r="K7266" i="10"/>
  <c r="K7267" i="10"/>
  <c r="K7268" i="10"/>
  <c r="K7269" i="10"/>
  <c r="K7270" i="10"/>
  <c r="K7271" i="10"/>
  <c r="K7272" i="10"/>
  <c r="K7273" i="10"/>
  <c r="K7274" i="10"/>
  <c r="K7275" i="10"/>
  <c r="K7276" i="10"/>
  <c r="K7277" i="10"/>
  <c r="K7278" i="10"/>
  <c r="K7279" i="10"/>
  <c r="K7280" i="10"/>
  <c r="K7281" i="10"/>
  <c r="K7282" i="10"/>
  <c r="K7283" i="10"/>
  <c r="K7284" i="10"/>
  <c r="K7285" i="10"/>
  <c r="K7286" i="10"/>
  <c r="K7287" i="10"/>
  <c r="K7288" i="10"/>
  <c r="K7289" i="10"/>
  <c r="K7290" i="10"/>
  <c r="K7291" i="10"/>
  <c r="K7292" i="10"/>
  <c r="K7293" i="10"/>
  <c r="K7294" i="10"/>
  <c r="K7295" i="10"/>
  <c r="K7296" i="10"/>
  <c r="K7297" i="10"/>
  <c r="K7298" i="10"/>
  <c r="K7299" i="10"/>
  <c r="K7300" i="10"/>
  <c r="K7301" i="10"/>
  <c r="K7302" i="10"/>
  <c r="K7303" i="10"/>
  <c r="K7304" i="10"/>
  <c r="K7305" i="10"/>
  <c r="K7306" i="10"/>
  <c r="K7307" i="10"/>
  <c r="K7308" i="10"/>
  <c r="K7309" i="10"/>
  <c r="K7310" i="10"/>
  <c r="K7311" i="10"/>
  <c r="K7312" i="10"/>
  <c r="K7313" i="10"/>
  <c r="K7314" i="10"/>
  <c r="K7315" i="10"/>
  <c r="K7316" i="10"/>
  <c r="K7317" i="10"/>
  <c r="K7318" i="10"/>
  <c r="K7319" i="10"/>
  <c r="K7320" i="10"/>
  <c r="K7321" i="10"/>
  <c r="K7322" i="10"/>
  <c r="K7323" i="10"/>
  <c r="K7324" i="10"/>
  <c r="K7325" i="10"/>
  <c r="K7326" i="10"/>
  <c r="K7327" i="10"/>
  <c r="K7328" i="10"/>
  <c r="K7329" i="10"/>
  <c r="K7330" i="10"/>
  <c r="K7331" i="10"/>
  <c r="K7332" i="10"/>
  <c r="K7333" i="10"/>
  <c r="K7334" i="10"/>
  <c r="K7335" i="10"/>
  <c r="K7336" i="10"/>
  <c r="K7337" i="10"/>
  <c r="K7338" i="10"/>
  <c r="K7339" i="10"/>
  <c r="K7340" i="10"/>
  <c r="K7341" i="10"/>
  <c r="K7342" i="10"/>
  <c r="K7343" i="10"/>
  <c r="K7344" i="10"/>
  <c r="K7345" i="10"/>
  <c r="K7346" i="10"/>
  <c r="K7347" i="10"/>
  <c r="K7348" i="10"/>
  <c r="K7349" i="10"/>
  <c r="K7350" i="10"/>
  <c r="K7351" i="10"/>
  <c r="K7352" i="10"/>
  <c r="K7353" i="10"/>
  <c r="K7354" i="10"/>
  <c r="K7355" i="10"/>
  <c r="K7356" i="10"/>
  <c r="K7357" i="10"/>
  <c r="K7358" i="10"/>
  <c r="K7359" i="10"/>
  <c r="K7360" i="10"/>
  <c r="K7361" i="10"/>
  <c r="K7362" i="10"/>
  <c r="K7363" i="10"/>
  <c r="K7364" i="10"/>
  <c r="K7365" i="10"/>
  <c r="K7366" i="10"/>
  <c r="K7367" i="10"/>
  <c r="K7368" i="10"/>
  <c r="K7369" i="10"/>
  <c r="K7370" i="10"/>
  <c r="K7371" i="10"/>
  <c r="K7372" i="10"/>
  <c r="K7373" i="10"/>
  <c r="K7374" i="10"/>
  <c r="K7375" i="10"/>
  <c r="K7376" i="10"/>
  <c r="K7377" i="10"/>
  <c r="K7378" i="10"/>
  <c r="K7379" i="10"/>
  <c r="K7380" i="10"/>
  <c r="K7381" i="10"/>
  <c r="K7382" i="10"/>
  <c r="K7383" i="10"/>
  <c r="K7384" i="10"/>
  <c r="K7385" i="10"/>
  <c r="K7386" i="10"/>
  <c r="K7387" i="10"/>
  <c r="K7388" i="10"/>
  <c r="K7389" i="10"/>
  <c r="K7390" i="10"/>
  <c r="K7391" i="10"/>
  <c r="K7392" i="10"/>
  <c r="K7393" i="10"/>
  <c r="K7394" i="10"/>
  <c r="K7395" i="10"/>
  <c r="K7396" i="10"/>
  <c r="K7397" i="10"/>
  <c r="K7398" i="10"/>
  <c r="K7399" i="10"/>
  <c r="K7400" i="10"/>
  <c r="K7401" i="10"/>
  <c r="K7402" i="10"/>
  <c r="K7403" i="10"/>
  <c r="K7404" i="10"/>
  <c r="K7405" i="10"/>
  <c r="K7406" i="10"/>
  <c r="K7407" i="10"/>
  <c r="K7408" i="10"/>
  <c r="K7409" i="10"/>
  <c r="K7410" i="10"/>
  <c r="K7411" i="10"/>
  <c r="K7412" i="10"/>
  <c r="K7413" i="10"/>
  <c r="K7414" i="10"/>
  <c r="K7415" i="10"/>
  <c r="K7416" i="10"/>
  <c r="K7417" i="10"/>
  <c r="K7418" i="10"/>
  <c r="K7419" i="10"/>
  <c r="K7420" i="10"/>
  <c r="K7421" i="10"/>
  <c r="K7422" i="10"/>
  <c r="K7423" i="10"/>
  <c r="K7424" i="10"/>
  <c r="K7425" i="10"/>
  <c r="K7426" i="10"/>
  <c r="K7427" i="10"/>
  <c r="K7428" i="10"/>
  <c r="K7429" i="10"/>
  <c r="K7430" i="10"/>
  <c r="K7431" i="10"/>
  <c r="K7432" i="10"/>
  <c r="K7433" i="10"/>
  <c r="K7434" i="10"/>
  <c r="K7435" i="10"/>
  <c r="K7436" i="10"/>
  <c r="K7437" i="10"/>
  <c r="K7438" i="10"/>
  <c r="K7439" i="10"/>
  <c r="K7440" i="10"/>
  <c r="K7441" i="10"/>
  <c r="K7442" i="10"/>
  <c r="K7443" i="10"/>
  <c r="K7444" i="10"/>
  <c r="K7445" i="10"/>
  <c r="K7446" i="10"/>
  <c r="K7447" i="10"/>
  <c r="K7448" i="10"/>
  <c r="K7449" i="10"/>
  <c r="K7450" i="10"/>
  <c r="K7451" i="10"/>
  <c r="K7452" i="10"/>
  <c r="K7453" i="10"/>
  <c r="K7454" i="10"/>
  <c r="K7455" i="10"/>
  <c r="K7456" i="10"/>
  <c r="K7457" i="10"/>
  <c r="K7458" i="10"/>
  <c r="K7459" i="10"/>
  <c r="K7460" i="10"/>
  <c r="K7461" i="10"/>
  <c r="K7462" i="10"/>
  <c r="K14" i="10"/>
  <c r="J14" i="10"/>
  <c r="I14" i="10"/>
  <c r="AA83" i="6"/>
  <c r="AB83" i="6" s="1"/>
  <c r="AC83" i="6" s="1"/>
  <c r="AD83" i="6" s="1"/>
  <c r="AE83" i="6" s="1"/>
  <c r="AF83" i="6" s="1"/>
  <c r="AG83" i="6" s="1"/>
  <c r="AH83" i="6" s="1"/>
  <c r="AI83" i="6" s="1"/>
  <c r="AJ83" i="6" s="1"/>
  <c r="AK83" i="6" s="1"/>
  <c r="AL83" i="6" s="1"/>
  <c r="AA84" i="6"/>
  <c r="AB84" i="6" s="1"/>
  <c r="AC84" i="6" s="1"/>
  <c r="AD84" i="6" s="1"/>
  <c r="AE84" i="6" s="1"/>
  <c r="AF84" i="6" s="1"/>
  <c r="AG84" i="6" s="1"/>
  <c r="AH84" i="6" s="1"/>
  <c r="AI84" i="6" s="1"/>
  <c r="AJ84" i="6" s="1"/>
  <c r="AK84" i="6" s="1"/>
  <c r="AL84" i="6" s="1"/>
  <c r="AA85" i="6"/>
  <c r="AB85" i="6" s="1"/>
  <c r="AC85" i="6" s="1"/>
  <c r="AD85" i="6" s="1"/>
  <c r="AE85" i="6" s="1"/>
  <c r="AF85" i="6" s="1"/>
  <c r="AG85" i="6" s="1"/>
  <c r="AH85" i="6" s="1"/>
  <c r="AI85" i="6" s="1"/>
  <c r="AJ85" i="6" s="1"/>
  <c r="AK85" i="6" s="1"/>
  <c r="AL85" i="6" s="1"/>
  <c r="AA86" i="6"/>
  <c r="AB86" i="6"/>
  <c r="AC86" i="6" s="1"/>
  <c r="AD86" i="6" s="1"/>
  <c r="AE86" i="6" s="1"/>
  <c r="AF86" i="6" s="1"/>
  <c r="AG86" i="6" s="1"/>
  <c r="AH86" i="6" s="1"/>
  <c r="AI86" i="6" s="1"/>
  <c r="AJ86" i="6" s="1"/>
  <c r="AK86" i="6" s="1"/>
  <c r="AL86" i="6" s="1"/>
  <c r="AA87" i="6"/>
  <c r="AB87" i="6" s="1"/>
  <c r="AC87" i="6" s="1"/>
  <c r="AD87" i="6" s="1"/>
  <c r="AE87" i="6" s="1"/>
  <c r="AF87" i="6" s="1"/>
  <c r="AG87" i="6" s="1"/>
  <c r="AH87" i="6" s="1"/>
  <c r="AI87" i="6" s="1"/>
  <c r="AJ87" i="6" s="1"/>
  <c r="AK87" i="6" s="1"/>
  <c r="AL87" i="6" s="1"/>
  <c r="AA88" i="6"/>
  <c r="AB88" i="6"/>
  <c r="AC88" i="6" s="1"/>
  <c r="AD88" i="6" s="1"/>
  <c r="AE88" i="6" s="1"/>
  <c r="AF88" i="6" s="1"/>
  <c r="AG88" i="6" s="1"/>
  <c r="AH88" i="6" s="1"/>
  <c r="AI88" i="6" s="1"/>
  <c r="AJ88" i="6" s="1"/>
  <c r="AK88" i="6" s="1"/>
  <c r="AL88" i="6" s="1"/>
  <c r="AA89" i="6"/>
  <c r="AB89" i="6" s="1"/>
  <c r="AC89" i="6" s="1"/>
  <c r="AD89" i="6" s="1"/>
  <c r="AE89" i="6" s="1"/>
  <c r="AF89" i="6" s="1"/>
  <c r="AG89" i="6" s="1"/>
  <c r="AH89" i="6" s="1"/>
  <c r="AI89" i="6" s="1"/>
  <c r="AJ89" i="6" s="1"/>
  <c r="AK89" i="6" s="1"/>
  <c r="AL89" i="6" s="1"/>
  <c r="AA90" i="6"/>
  <c r="AB90" i="6"/>
  <c r="AC90" i="6" s="1"/>
  <c r="AD90" i="6" s="1"/>
  <c r="AE90" i="6" s="1"/>
  <c r="AF90" i="6" s="1"/>
  <c r="AG90" i="6" s="1"/>
  <c r="AH90" i="6" s="1"/>
  <c r="AI90" i="6" s="1"/>
  <c r="AJ90" i="6" s="1"/>
  <c r="AK90" i="6" s="1"/>
  <c r="AL90" i="6" s="1"/>
  <c r="AA91" i="6"/>
  <c r="AB91" i="6" s="1"/>
  <c r="AC91" i="6" s="1"/>
  <c r="AD91" i="6" s="1"/>
  <c r="AE91" i="6" s="1"/>
  <c r="AF91" i="6" s="1"/>
  <c r="AG91" i="6" s="1"/>
  <c r="AH91" i="6" s="1"/>
  <c r="AI91" i="6" s="1"/>
  <c r="AJ91" i="6" s="1"/>
  <c r="AK91" i="6" s="1"/>
  <c r="AL91" i="6" s="1"/>
  <c r="AA92" i="6"/>
  <c r="AB92" i="6" s="1"/>
  <c r="AC92" i="6" s="1"/>
  <c r="AD92" i="6" s="1"/>
  <c r="AE92" i="6" s="1"/>
  <c r="AF92" i="6" s="1"/>
  <c r="AG92" i="6" s="1"/>
  <c r="AH92" i="6" s="1"/>
  <c r="AI92" i="6" s="1"/>
  <c r="AJ92" i="6" s="1"/>
  <c r="AK92" i="6" s="1"/>
  <c r="AL92" i="6" s="1"/>
  <c r="AA93" i="6"/>
  <c r="AB93" i="6" s="1"/>
  <c r="AC93" i="6" s="1"/>
  <c r="AD93" i="6" s="1"/>
  <c r="AE93" i="6" s="1"/>
  <c r="AF93" i="6" s="1"/>
  <c r="AG93" i="6" s="1"/>
  <c r="AH93" i="6" s="1"/>
  <c r="AI93" i="6" s="1"/>
  <c r="AJ93" i="6" s="1"/>
  <c r="AK93" i="6" s="1"/>
  <c r="AL93" i="6" s="1"/>
  <c r="AA94" i="6"/>
  <c r="AB94" i="6" s="1"/>
  <c r="AC94" i="6" s="1"/>
  <c r="AD94" i="6" s="1"/>
  <c r="AE94" i="6" s="1"/>
  <c r="AF94" i="6" s="1"/>
  <c r="AG94" i="6" s="1"/>
  <c r="AH94" i="6" s="1"/>
  <c r="AI94" i="6" s="1"/>
  <c r="AJ94" i="6" s="1"/>
  <c r="AK94" i="6" s="1"/>
  <c r="AL94" i="6" s="1"/>
  <c r="AA95" i="6"/>
  <c r="AB95" i="6" s="1"/>
  <c r="AC95" i="6" s="1"/>
  <c r="AD95" i="6" s="1"/>
  <c r="AE95" i="6" s="1"/>
  <c r="AF95" i="6" s="1"/>
  <c r="AG95" i="6" s="1"/>
  <c r="AH95" i="6" s="1"/>
  <c r="AI95" i="6" s="1"/>
  <c r="AJ95" i="6" s="1"/>
  <c r="AK95" i="6" s="1"/>
  <c r="AL95" i="6" s="1"/>
  <c r="AA96" i="6"/>
  <c r="AB96" i="6"/>
  <c r="AC96" i="6" s="1"/>
  <c r="AD96" i="6" s="1"/>
  <c r="AE96" i="6" s="1"/>
  <c r="AF96" i="6" s="1"/>
  <c r="AG96" i="6" s="1"/>
  <c r="AH96" i="6" s="1"/>
  <c r="AI96" i="6" s="1"/>
  <c r="AJ96" i="6" s="1"/>
  <c r="AK96" i="6" s="1"/>
  <c r="AL96" i="6" s="1"/>
  <c r="AA97" i="6"/>
  <c r="AB97" i="6" s="1"/>
  <c r="AC97" i="6" s="1"/>
  <c r="AD97" i="6" s="1"/>
  <c r="AE97" i="6" s="1"/>
  <c r="AF97" i="6" s="1"/>
  <c r="AG97" i="6" s="1"/>
  <c r="AH97" i="6" s="1"/>
  <c r="AI97" i="6" s="1"/>
  <c r="AJ97" i="6" s="1"/>
  <c r="AK97" i="6" s="1"/>
  <c r="AL97" i="6" s="1"/>
  <c r="AA98" i="6"/>
  <c r="AB98" i="6" s="1"/>
  <c r="AC98" i="6" s="1"/>
  <c r="AD98" i="6" s="1"/>
  <c r="AE98" i="6" s="1"/>
  <c r="AF98" i="6" s="1"/>
  <c r="AG98" i="6" s="1"/>
  <c r="AH98" i="6" s="1"/>
  <c r="AI98" i="6" s="1"/>
  <c r="AJ98" i="6" s="1"/>
  <c r="AK98" i="6" s="1"/>
  <c r="AL98" i="6" s="1"/>
  <c r="AA99" i="6"/>
  <c r="AB99" i="6" s="1"/>
  <c r="AC99" i="6" s="1"/>
  <c r="AD99" i="6" s="1"/>
  <c r="AE99" i="6" s="1"/>
  <c r="AF99" i="6" s="1"/>
  <c r="AG99" i="6" s="1"/>
  <c r="AH99" i="6" s="1"/>
  <c r="AI99" i="6" s="1"/>
  <c r="AJ99" i="6" s="1"/>
  <c r="AK99" i="6" s="1"/>
  <c r="AL99" i="6" s="1"/>
  <c r="AA100" i="6"/>
  <c r="AB100" i="6" s="1"/>
  <c r="AC100" i="6" s="1"/>
  <c r="AD100" i="6" s="1"/>
  <c r="AE100" i="6" s="1"/>
  <c r="AF100" i="6" s="1"/>
  <c r="AG100" i="6" s="1"/>
  <c r="AH100" i="6" s="1"/>
  <c r="AI100" i="6" s="1"/>
  <c r="AJ100" i="6" s="1"/>
  <c r="AK100" i="6" s="1"/>
  <c r="AL100" i="6" s="1"/>
  <c r="J83" i="6"/>
  <c r="J84" i="6"/>
  <c r="J85" i="6"/>
  <c r="J86" i="6"/>
  <c r="J87" i="6"/>
  <c r="J88" i="6"/>
  <c r="J89" i="6"/>
  <c r="J90" i="6"/>
  <c r="J91" i="6"/>
  <c r="J92" i="6"/>
  <c r="J93" i="6"/>
  <c r="J94" i="6"/>
  <c r="J95" i="6"/>
  <c r="J96" i="6"/>
  <c r="J97" i="6"/>
  <c r="J98" i="6"/>
  <c r="J99" i="6"/>
  <c r="J100" i="6"/>
  <c r="H83" i="14"/>
  <c r="HY83" i="14" s="1"/>
  <c r="U83" i="14"/>
  <c r="AY83" i="14"/>
  <c r="BL83" i="14"/>
  <c r="DY83" i="14" s="1"/>
  <c r="BY83" i="14"/>
  <c r="CL83" i="14"/>
  <c r="CY83" i="14"/>
  <c r="EL83" i="14"/>
  <c r="EY83" i="14"/>
  <c r="H84" i="14"/>
  <c r="FY84" i="14" s="1"/>
  <c r="U84" i="14"/>
  <c r="HL84" i="14" s="1"/>
  <c r="AY84" i="14"/>
  <c r="BL84" i="14"/>
  <c r="DL84" i="14" s="1"/>
  <c r="BY84" i="14"/>
  <c r="CL84" i="14"/>
  <c r="CY84" i="14"/>
  <c r="EL84" i="14"/>
  <c r="EY84" i="14"/>
  <c r="H85" i="14"/>
  <c r="U85" i="14"/>
  <c r="AY85" i="14"/>
  <c r="CY85" i="14" s="1"/>
  <c r="FY85" i="14" s="1"/>
  <c r="BL85" i="14"/>
  <c r="BY85" i="14"/>
  <c r="CL85" i="14"/>
  <c r="DL85" i="14"/>
  <c r="DY85" i="14"/>
  <c r="GY85" i="14" s="1"/>
  <c r="EL85" i="14"/>
  <c r="EY85" i="14"/>
  <c r="GL85" i="14"/>
  <c r="HL85" i="14"/>
  <c r="HY85" i="14"/>
  <c r="H86" i="14"/>
  <c r="GY86" i="14" s="1"/>
  <c r="U86" i="14"/>
  <c r="AY86" i="14"/>
  <c r="BL86" i="14"/>
  <c r="BY86" i="14"/>
  <c r="EL86" i="14" s="1"/>
  <c r="DL86" i="14"/>
  <c r="DY86" i="14"/>
  <c r="EY86" i="14"/>
  <c r="HY86" i="14" s="1"/>
  <c r="HL86" i="14"/>
  <c r="H87" i="14"/>
  <c r="GY87" i="14" s="1"/>
  <c r="U87" i="14"/>
  <c r="AY87" i="14"/>
  <c r="CL87" i="14" s="1"/>
  <c r="BL87" i="14"/>
  <c r="DY87" i="14" s="1"/>
  <c r="BY87" i="14"/>
  <c r="EY87" i="14" s="1"/>
  <c r="HY87" i="14" s="1"/>
  <c r="CY87" i="14"/>
  <c r="EL87" i="14"/>
  <c r="FY87" i="14"/>
  <c r="H88" i="14"/>
  <c r="U88" i="14"/>
  <c r="HL88" i="14" s="1"/>
  <c r="AY88" i="14"/>
  <c r="CY88" i="14" s="1"/>
  <c r="BL88" i="14"/>
  <c r="DY88" i="14" s="1"/>
  <c r="BY88" i="14"/>
  <c r="EL88" i="14" s="1"/>
  <c r="CL88" i="14"/>
  <c r="DL88" i="14"/>
  <c r="EY88" i="14"/>
  <c r="HY88" i="14"/>
  <c r="H89" i="14"/>
  <c r="HY89" i="14" s="1"/>
  <c r="U89" i="14"/>
  <c r="HL89" i="14" s="1"/>
  <c r="AY89" i="14"/>
  <c r="BL89" i="14"/>
  <c r="BY89" i="14"/>
  <c r="EL89" i="14" s="1"/>
  <c r="DL89" i="14"/>
  <c r="DY89" i="14"/>
  <c r="EY89" i="14"/>
  <c r="H90" i="14"/>
  <c r="GY90" i="14" s="1"/>
  <c r="U90" i="14"/>
  <c r="AY90" i="14"/>
  <c r="CY90" i="14" s="1"/>
  <c r="BL90" i="14"/>
  <c r="DY90" i="14" s="1"/>
  <c r="BY90" i="14"/>
  <c r="CL90" i="14"/>
  <c r="DL90" i="14"/>
  <c r="EL90" i="14"/>
  <c r="EY90" i="14"/>
  <c r="HY90" i="14" s="1"/>
  <c r="H91" i="14"/>
  <c r="U91" i="14"/>
  <c r="AY91" i="14"/>
  <c r="BL91" i="14"/>
  <c r="DL91" i="14" s="1"/>
  <c r="GL91" i="14" s="1"/>
  <c r="BY91" i="14"/>
  <c r="EY91" i="14" s="1"/>
  <c r="CL91" i="14"/>
  <c r="CY91" i="14"/>
  <c r="DY91" i="14"/>
  <c r="EL91" i="14"/>
  <c r="HL91" i="14" s="1"/>
  <c r="FL91" i="14"/>
  <c r="FY91" i="14"/>
  <c r="GY91" i="14"/>
  <c r="HY91" i="14"/>
  <c r="H92" i="14"/>
  <c r="U92" i="14"/>
  <c r="GL92" i="14" s="1"/>
  <c r="AY92" i="14"/>
  <c r="BL92" i="14"/>
  <c r="BY92" i="14"/>
  <c r="CL92" i="14"/>
  <c r="CY92" i="14"/>
  <c r="FY92" i="14" s="1"/>
  <c r="DL92" i="14"/>
  <c r="DY92" i="14"/>
  <c r="EL92" i="14"/>
  <c r="EY92" i="14"/>
  <c r="FL92" i="14"/>
  <c r="HY92" i="14"/>
  <c r="H93" i="14"/>
  <c r="U93" i="14"/>
  <c r="GL93" i="14" s="1"/>
  <c r="AY93" i="14"/>
  <c r="CY93" i="14" s="1"/>
  <c r="BL93" i="14"/>
  <c r="BY93" i="14"/>
  <c r="CL93" i="14"/>
  <c r="DL93" i="14"/>
  <c r="DY93" i="14"/>
  <c r="EL93" i="14"/>
  <c r="EY93" i="14"/>
  <c r="HL93" i="14"/>
  <c r="H94" i="14"/>
  <c r="U94" i="14"/>
  <c r="GL94" i="14" s="1"/>
  <c r="AY94" i="14"/>
  <c r="CY94" i="14" s="1"/>
  <c r="BL94" i="14"/>
  <c r="DY94" i="14" s="1"/>
  <c r="BY94" i="14"/>
  <c r="CL94" i="14"/>
  <c r="DL94" i="14"/>
  <c r="H95" i="14"/>
  <c r="GY95" i="14" s="1"/>
  <c r="U95" i="14"/>
  <c r="HL95" i="14" s="1"/>
  <c r="AY95" i="14"/>
  <c r="BL95" i="14"/>
  <c r="DY95" i="14" s="1"/>
  <c r="BY95" i="14"/>
  <c r="EY95" i="14" s="1"/>
  <c r="HY95" i="14" s="1"/>
  <c r="CL95" i="14"/>
  <c r="CY95" i="14"/>
  <c r="DL95" i="14"/>
  <c r="EL95" i="14"/>
  <c r="H96" i="14"/>
  <c r="U96" i="14"/>
  <c r="AY96" i="14"/>
  <c r="BL96" i="14"/>
  <c r="DL96" i="14" s="1"/>
  <c r="GL96" i="14" s="1"/>
  <c r="BY96" i="14"/>
  <c r="CL96" i="14"/>
  <c r="FL96" i="14" s="1"/>
  <c r="CY96" i="14"/>
  <c r="DY96" i="14"/>
  <c r="EL96" i="14"/>
  <c r="EY96" i="14"/>
  <c r="H97" i="14"/>
  <c r="GY97" i="14" s="1"/>
  <c r="U97" i="14"/>
  <c r="AY97" i="14"/>
  <c r="BL97" i="14"/>
  <c r="BY97" i="14"/>
  <c r="EL97" i="14" s="1"/>
  <c r="HL97" i="14" s="1"/>
  <c r="DL97" i="14"/>
  <c r="GL97" i="14" s="1"/>
  <c r="DY97" i="14"/>
  <c r="EY97" i="14"/>
  <c r="H98" i="14"/>
  <c r="FY98" i="14" s="1"/>
  <c r="U98" i="14"/>
  <c r="AY98" i="14"/>
  <c r="BL98" i="14"/>
  <c r="BY98" i="14"/>
  <c r="EY98" i="14" s="1"/>
  <c r="HY98" i="14" s="1"/>
  <c r="CL98" i="14"/>
  <c r="FL98" i="14" s="1"/>
  <c r="CY98" i="14"/>
  <c r="DL98" i="14"/>
  <c r="GL98" i="14" s="1"/>
  <c r="DY98" i="14"/>
  <c r="EL98" i="14"/>
  <c r="HL98" i="14" s="1"/>
  <c r="H99" i="14"/>
  <c r="FY99" i="14" s="1"/>
  <c r="U99" i="14"/>
  <c r="FL99" i="14" s="1"/>
  <c r="AY99" i="14"/>
  <c r="CL99" i="14" s="1"/>
  <c r="BL99" i="14"/>
  <c r="DL99" i="14" s="1"/>
  <c r="BY99" i="14"/>
  <c r="CY99" i="14"/>
  <c r="EL99" i="14"/>
  <c r="EY99" i="14"/>
  <c r="H100" i="14"/>
  <c r="U100" i="14"/>
  <c r="HL100" i="14" s="1"/>
  <c r="AY100" i="14"/>
  <c r="CL100" i="14" s="1"/>
  <c r="BL100" i="14"/>
  <c r="BY100" i="14"/>
  <c r="CY100" i="14"/>
  <c r="EL100" i="14"/>
  <c r="EY100" i="14"/>
  <c r="HY100" i="14" s="1"/>
  <c r="FL100" i="14"/>
  <c r="D5" i="26"/>
  <c r="D4" i="26"/>
  <c r="C5" i="26"/>
  <c r="C4" i="26"/>
  <c r="G4" i="26" s="1"/>
  <c r="B5" i="26"/>
  <c r="B6" i="26"/>
  <c r="B7" i="26"/>
  <c r="B8" i="26"/>
  <c r="B9" i="26"/>
  <c r="B10" i="26"/>
  <c r="B11" i="26"/>
  <c r="B12" i="26"/>
  <c r="B13" i="26"/>
  <c r="B14" i="26"/>
  <c r="B15" i="26"/>
  <c r="B16" i="26"/>
  <c r="B17" i="26"/>
  <c r="B18" i="26"/>
  <c r="B19" i="26"/>
  <c r="B20" i="26"/>
  <c r="B21" i="26"/>
  <c r="B22" i="26"/>
  <c r="B23" i="26"/>
  <c r="B24" i="26"/>
  <c r="B25" i="26"/>
  <c r="B26" i="26"/>
  <c r="B27" i="26"/>
  <c r="B28" i="26"/>
  <c r="B29" i="26"/>
  <c r="B30" i="26"/>
  <c r="B31" i="26"/>
  <c r="B32" i="26"/>
  <c r="B33" i="26"/>
  <c r="B34" i="26"/>
  <c r="B35" i="26"/>
  <c r="B36" i="26"/>
  <c r="B37" i="26"/>
  <c r="B38" i="26"/>
  <c r="B39" i="26"/>
  <c r="B40" i="26"/>
  <c r="B41" i="26"/>
  <c r="B42" i="26"/>
  <c r="B43" i="26"/>
  <c r="B44" i="26"/>
  <c r="B45" i="26"/>
  <c r="B46" i="26"/>
  <c r="B47" i="26"/>
  <c r="B48" i="26"/>
  <c r="B49" i="26"/>
  <c r="B50" i="26"/>
  <c r="B51" i="26"/>
  <c r="B52" i="26"/>
  <c r="B53" i="26"/>
  <c r="B54" i="26"/>
  <c r="B55" i="26"/>
  <c r="B56" i="26"/>
  <c r="B57" i="26"/>
  <c r="B58" i="26"/>
  <c r="B59" i="26"/>
  <c r="B60" i="26"/>
  <c r="B61" i="26"/>
  <c r="B62" i="26"/>
  <c r="B63" i="26"/>
  <c r="B64" i="26"/>
  <c r="B65" i="26"/>
  <c r="B66" i="26"/>
  <c r="B67" i="26"/>
  <c r="B68" i="26"/>
  <c r="B69" i="26"/>
  <c r="B70" i="26"/>
  <c r="B71" i="26"/>
  <c r="B72" i="26"/>
  <c r="B73" i="26"/>
  <c r="B74" i="26"/>
  <c r="B75" i="26"/>
  <c r="B76" i="26"/>
  <c r="B77" i="26"/>
  <c r="B78" i="26"/>
  <c r="B79" i="26"/>
  <c r="B80" i="26"/>
  <c r="B81" i="26"/>
  <c r="B82" i="26"/>
  <c r="B83" i="26"/>
  <c r="B84" i="26"/>
  <c r="B85" i="26"/>
  <c r="B86" i="26"/>
  <c r="B87" i="26"/>
  <c r="B88" i="26"/>
  <c r="B89" i="26"/>
  <c r="B90" i="26"/>
  <c r="B91" i="26"/>
  <c r="B92" i="26"/>
  <c r="B93" i="26"/>
  <c r="B94" i="26"/>
  <c r="B95" i="26"/>
  <c r="B96" i="26"/>
  <c r="B97" i="26"/>
  <c r="B98" i="26"/>
  <c r="B99" i="26"/>
  <c r="B100" i="26"/>
  <c r="B101" i="26"/>
  <c r="B102" i="26"/>
  <c r="B103" i="26"/>
  <c r="B104" i="26"/>
  <c r="B105" i="26"/>
  <c r="B106" i="26"/>
  <c r="B107" i="26"/>
  <c r="B108" i="26"/>
  <c r="B109" i="26"/>
  <c r="B110" i="26"/>
  <c r="B111" i="26"/>
  <c r="B112" i="26"/>
  <c r="B113" i="26"/>
  <c r="B114" i="26"/>
  <c r="B115" i="26"/>
  <c r="B116" i="26"/>
  <c r="B117" i="26"/>
  <c r="B118" i="26"/>
  <c r="B119" i="26"/>
  <c r="B120" i="26"/>
  <c r="B121" i="26"/>
  <c r="B122" i="26"/>
  <c r="B123" i="26"/>
  <c r="B124" i="26"/>
  <c r="B125" i="26"/>
  <c r="B126" i="26"/>
  <c r="B127" i="26"/>
  <c r="B128" i="26"/>
  <c r="B129" i="26"/>
  <c r="B130" i="26"/>
  <c r="B131" i="26"/>
  <c r="B132" i="26"/>
  <c r="B133" i="26"/>
  <c r="B134" i="26"/>
  <c r="B135" i="26"/>
  <c r="B136" i="26"/>
  <c r="B137" i="26"/>
  <c r="B138" i="26"/>
  <c r="B139" i="26"/>
  <c r="B140" i="26"/>
  <c r="B141" i="26"/>
  <c r="B142" i="26"/>
  <c r="B143" i="26"/>
  <c r="B144" i="26"/>
  <c r="B145" i="26"/>
  <c r="B146" i="26"/>
  <c r="B147" i="26"/>
  <c r="B148" i="26"/>
  <c r="B149" i="26"/>
  <c r="B150" i="26"/>
  <c r="B151" i="26"/>
  <c r="B152" i="26"/>
  <c r="B153" i="26"/>
  <c r="B154" i="26"/>
  <c r="B155" i="26"/>
  <c r="B156" i="26"/>
  <c r="B157" i="26"/>
  <c r="B158" i="26"/>
  <c r="B159" i="26"/>
  <c r="B160" i="26"/>
  <c r="B161" i="26"/>
  <c r="B162" i="26"/>
  <c r="B163" i="26"/>
  <c r="B164" i="26"/>
  <c r="B165" i="26"/>
  <c r="B166" i="26"/>
  <c r="B167" i="26"/>
  <c r="B168" i="26"/>
  <c r="B169" i="26"/>
  <c r="B170" i="26"/>
  <c r="B171" i="26"/>
  <c r="B172" i="26"/>
  <c r="B173" i="26"/>
  <c r="B174" i="26"/>
  <c r="B175" i="26"/>
  <c r="B176" i="26"/>
  <c r="B177" i="26"/>
  <c r="B178" i="26"/>
  <c r="B179" i="26"/>
  <c r="B180" i="26"/>
  <c r="B181" i="26"/>
  <c r="B182" i="26"/>
  <c r="B183" i="26"/>
  <c r="B184" i="26"/>
  <c r="B185" i="26"/>
  <c r="B186" i="26"/>
  <c r="B187" i="26"/>
  <c r="B188" i="26"/>
  <c r="B189" i="26"/>
  <c r="B190" i="26"/>
  <c r="B191" i="26"/>
  <c r="B192" i="26"/>
  <c r="B193" i="26"/>
  <c r="B194" i="26"/>
  <c r="B195" i="26"/>
  <c r="B196" i="26"/>
  <c r="B197" i="26"/>
  <c r="B198" i="26"/>
  <c r="B199" i="26"/>
  <c r="B200" i="26"/>
  <c r="B201" i="26"/>
  <c r="B202" i="26"/>
  <c r="B203" i="26"/>
  <c r="B204" i="26"/>
  <c r="B205" i="26"/>
  <c r="B206" i="26"/>
  <c r="B207" i="26"/>
  <c r="B208" i="26"/>
  <c r="B209" i="26"/>
  <c r="B210" i="26"/>
  <c r="B211" i="26"/>
  <c r="B212" i="26"/>
  <c r="B213" i="26"/>
  <c r="B214" i="26"/>
  <c r="B215" i="26"/>
  <c r="B216" i="26"/>
  <c r="B217" i="26"/>
  <c r="B218" i="26"/>
  <c r="B219" i="26"/>
  <c r="B220" i="26"/>
  <c r="B221" i="26"/>
  <c r="B222" i="26"/>
  <c r="B223" i="26"/>
  <c r="B224" i="26"/>
  <c r="B225" i="26"/>
  <c r="B226" i="26"/>
  <c r="B227" i="26"/>
  <c r="B228" i="26"/>
  <c r="B229" i="26"/>
  <c r="B230" i="26"/>
  <c r="B231" i="26"/>
  <c r="B232" i="26"/>
  <c r="B233" i="26"/>
  <c r="B234" i="26"/>
  <c r="B235" i="26"/>
  <c r="B236" i="26"/>
  <c r="B237" i="26"/>
  <c r="B238" i="26"/>
  <c r="B239" i="26"/>
  <c r="B240" i="26"/>
  <c r="B241" i="26"/>
  <c r="B242" i="26"/>
  <c r="B243" i="26"/>
  <c r="B244" i="26"/>
  <c r="B245" i="26"/>
  <c r="B246" i="26"/>
  <c r="B247" i="26"/>
  <c r="B248" i="26"/>
  <c r="B249" i="26"/>
  <c r="B250" i="26"/>
  <c r="B251" i="26"/>
  <c r="B252" i="26"/>
  <c r="B253" i="26"/>
  <c r="B254" i="26"/>
  <c r="B255" i="26"/>
  <c r="B256" i="26"/>
  <c r="B257" i="26"/>
  <c r="B258" i="26"/>
  <c r="B259" i="26"/>
  <c r="B260" i="26"/>
  <c r="B261" i="26"/>
  <c r="B262" i="26"/>
  <c r="B263" i="26"/>
  <c r="B264" i="26"/>
  <c r="B265" i="26"/>
  <c r="B266" i="26"/>
  <c r="B267" i="26"/>
  <c r="B268" i="26"/>
  <c r="B269" i="26"/>
  <c r="B270" i="26"/>
  <c r="B271" i="26"/>
  <c r="B272" i="26"/>
  <c r="B273" i="26"/>
  <c r="B274" i="26"/>
  <c r="B275" i="26"/>
  <c r="B276" i="26"/>
  <c r="B277" i="26"/>
  <c r="B278" i="26"/>
  <c r="B279" i="26"/>
  <c r="B280" i="26"/>
  <c r="B281" i="26"/>
  <c r="B282" i="26"/>
  <c r="B283" i="26"/>
  <c r="B284" i="26"/>
  <c r="B285" i="26"/>
  <c r="B286" i="26"/>
  <c r="B287" i="26"/>
  <c r="B288" i="26"/>
  <c r="B289" i="26"/>
  <c r="B290" i="26"/>
  <c r="B291" i="26"/>
  <c r="B292" i="26"/>
  <c r="B293" i="26"/>
  <c r="B294" i="26"/>
  <c r="B295" i="26"/>
  <c r="B296" i="26"/>
  <c r="B297" i="26"/>
  <c r="B298" i="26"/>
  <c r="B299" i="26"/>
  <c r="B300" i="26"/>
  <c r="B301" i="26"/>
  <c r="B302" i="26"/>
  <c r="B303" i="26"/>
  <c r="B304" i="26"/>
  <c r="B305" i="26"/>
  <c r="B306" i="26"/>
  <c r="B307" i="26"/>
  <c r="B308" i="26"/>
  <c r="B309" i="26"/>
  <c r="B310" i="26"/>
  <c r="B311" i="26"/>
  <c r="B312" i="26"/>
  <c r="B313" i="26"/>
  <c r="B314" i="26"/>
  <c r="B315" i="26"/>
  <c r="B316" i="26"/>
  <c r="B317" i="26"/>
  <c r="B318" i="26"/>
  <c r="B319" i="26"/>
  <c r="B320" i="26"/>
  <c r="B321" i="26"/>
  <c r="B322" i="26"/>
  <c r="B323" i="26"/>
  <c r="B324" i="26"/>
  <c r="B325" i="26"/>
  <c r="B326" i="26"/>
  <c r="B327" i="26"/>
  <c r="B328" i="26"/>
  <c r="B329" i="26"/>
  <c r="B330" i="26"/>
  <c r="B331" i="26"/>
  <c r="B332" i="26"/>
  <c r="B333" i="26"/>
  <c r="B334" i="26"/>
  <c r="B335" i="26"/>
  <c r="B336" i="26"/>
  <c r="B337" i="26"/>
  <c r="B338" i="26"/>
  <c r="B339" i="26"/>
  <c r="B340" i="26"/>
  <c r="B341" i="26"/>
  <c r="B342" i="26"/>
  <c r="B343" i="26"/>
  <c r="B344" i="26"/>
  <c r="B345" i="26"/>
  <c r="B346" i="26"/>
  <c r="B347" i="26"/>
  <c r="B348" i="26"/>
  <c r="B349" i="26"/>
  <c r="B350" i="26"/>
  <c r="B351" i="26"/>
  <c r="B352" i="26"/>
  <c r="B353" i="26"/>
  <c r="B354" i="26"/>
  <c r="B355" i="26"/>
  <c r="B356" i="26"/>
  <c r="B357" i="26"/>
  <c r="B358" i="26"/>
  <c r="B359" i="26"/>
  <c r="B360" i="26"/>
  <c r="B361" i="26"/>
  <c r="B362" i="26"/>
  <c r="B363" i="26"/>
  <c r="B364" i="26"/>
  <c r="B365" i="26"/>
  <c r="B366" i="26"/>
  <c r="B367" i="26"/>
  <c r="B368" i="26"/>
  <c r="B369" i="26"/>
  <c r="B370" i="26"/>
  <c r="B371" i="26"/>
  <c r="B372" i="26"/>
  <c r="B373" i="26"/>
  <c r="B374" i="26"/>
  <c r="B375" i="26"/>
  <c r="B376" i="26"/>
  <c r="B377" i="26"/>
  <c r="B378" i="26"/>
  <c r="B379" i="26"/>
  <c r="B380" i="26"/>
  <c r="B381" i="26"/>
  <c r="B382" i="26"/>
  <c r="B383" i="26"/>
  <c r="B384" i="26"/>
  <c r="B385" i="26"/>
  <c r="B386" i="26"/>
  <c r="B387" i="26"/>
  <c r="B388" i="26"/>
  <c r="B389" i="26"/>
  <c r="B390" i="26"/>
  <c r="B391" i="26"/>
  <c r="B392" i="26"/>
  <c r="B393" i="26"/>
  <c r="B394" i="26"/>
  <c r="B395" i="26"/>
  <c r="B396" i="26"/>
  <c r="B397" i="26"/>
  <c r="B398" i="26"/>
  <c r="B399" i="26"/>
  <c r="B400" i="26"/>
  <c r="B401" i="26"/>
  <c r="B402" i="26"/>
  <c r="B403" i="26"/>
  <c r="B404" i="26"/>
  <c r="B405" i="26"/>
  <c r="B406" i="26"/>
  <c r="B407" i="26"/>
  <c r="B408" i="26"/>
  <c r="B409" i="26"/>
  <c r="B410" i="26"/>
  <c r="B411" i="26"/>
  <c r="B412" i="26"/>
  <c r="B413" i="26"/>
  <c r="B414" i="26"/>
  <c r="B415" i="26"/>
  <c r="B416" i="26"/>
  <c r="B417" i="26"/>
  <c r="B418" i="26"/>
  <c r="B419" i="26"/>
  <c r="B420" i="26"/>
  <c r="B421" i="26"/>
  <c r="B422" i="26"/>
  <c r="B423" i="26"/>
  <c r="B424" i="26"/>
  <c r="B425" i="26"/>
  <c r="B426" i="26"/>
  <c r="B427" i="26"/>
  <c r="B428" i="26"/>
  <c r="B429" i="26"/>
  <c r="B430" i="26"/>
  <c r="B431" i="26"/>
  <c r="B432" i="26"/>
  <c r="B433" i="26"/>
  <c r="B434" i="26"/>
  <c r="B435" i="26"/>
  <c r="B436" i="26"/>
  <c r="B437" i="26"/>
  <c r="B438" i="26"/>
  <c r="B439" i="26"/>
  <c r="B440" i="26"/>
  <c r="B441" i="26"/>
  <c r="B442" i="26"/>
  <c r="B443" i="26"/>
  <c r="B444" i="26"/>
  <c r="B445" i="26"/>
  <c r="B446" i="26"/>
  <c r="B447" i="26"/>
  <c r="B448" i="26"/>
  <c r="B449" i="26"/>
  <c r="B450" i="26"/>
  <c r="B451" i="26"/>
  <c r="B452" i="26"/>
  <c r="B453" i="26"/>
  <c r="B454" i="26"/>
  <c r="B455" i="26"/>
  <c r="B456" i="26"/>
  <c r="B457" i="26"/>
  <c r="B458" i="26"/>
  <c r="B459" i="26"/>
  <c r="B460" i="26"/>
  <c r="B461" i="26"/>
  <c r="B462" i="26"/>
  <c r="B463" i="26"/>
  <c r="B464" i="26"/>
  <c r="B465" i="26"/>
  <c r="B466" i="26"/>
  <c r="B467" i="26"/>
  <c r="B468" i="26"/>
  <c r="B469" i="26"/>
  <c r="B470" i="26"/>
  <c r="B471" i="26"/>
  <c r="B472" i="26"/>
  <c r="B473" i="26"/>
  <c r="B474" i="26"/>
  <c r="B475" i="26"/>
  <c r="B476" i="26"/>
  <c r="B477" i="26"/>
  <c r="B478" i="26"/>
  <c r="B479" i="26"/>
  <c r="B480" i="26"/>
  <c r="B481" i="26"/>
  <c r="B482" i="26"/>
  <c r="B483" i="26"/>
  <c r="B484" i="26"/>
  <c r="B485" i="26"/>
  <c r="B486" i="26"/>
  <c r="B487" i="26"/>
  <c r="B488" i="26"/>
  <c r="B489" i="26"/>
  <c r="B490" i="26"/>
  <c r="B491" i="26"/>
  <c r="B492" i="26"/>
  <c r="B493" i="26"/>
  <c r="B494" i="26"/>
  <c r="B495" i="26"/>
  <c r="B496" i="26"/>
  <c r="B497" i="26"/>
  <c r="B498" i="26"/>
  <c r="B499" i="26"/>
  <c r="B500" i="26"/>
  <c r="B501" i="26"/>
  <c r="B502" i="26"/>
  <c r="B503" i="26"/>
  <c r="B504" i="26"/>
  <c r="B505" i="26"/>
  <c r="B506" i="26"/>
  <c r="B507" i="26"/>
  <c r="B508" i="26"/>
  <c r="B509" i="26"/>
  <c r="B510" i="26"/>
  <c r="B511" i="26"/>
  <c r="B512" i="26"/>
  <c r="B513" i="26"/>
  <c r="B514" i="26"/>
  <c r="B515" i="26"/>
  <c r="B516" i="26"/>
  <c r="B517" i="26"/>
  <c r="B518" i="26"/>
  <c r="B519" i="26"/>
  <c r="B520" i="26"/>
  <c r="B521" i="26"/>
  <c r="B522" i="26"/>
  <c r="B523" i="26"/>
  <c r="B524" i="26"/>
  <c r="B525" i="26"/>
  <c r="B526" i="26"/>
  <c r="B527" i="26"/>
  <c r="B528" i="26"/>
  <c r="B529" i="26"/>
  <c r="B530" i="26"/>
  <c r="B531" i="26"/>
  <c r="B532" i="26"/>
  <c r="B533" i="26"/>
  <c r="B534" i="26"/>
  <c r="B535" i="26"/>
  <c r="B536" i="26"/>
  <c r="B537" i="26"/>
  <c r="B538" i="26"/>
  <c r="B539" i="26"/>
  <c r="B540" i="26"/>
  <c r="B541" i="26"/>
  <c r="B542" i="26"/>
  <c r="B543" i="26"/>
  <c r="B544" i="26"/>
  <c r="B545" i="26"/>
  <c r="B546" i="26"/>
  <c r="B547" i="26"/>
  <c r="B548" i="26"/>
  <c r="B549" i="26"/>
  <c r="B550" i="26"/>
  <c r="B551" i="26"/>
  <c r="B552" i="26"/>
  <c r="B553" i="26"/>
  <c r="B554" i="26"/>
  <c r="B555" i="26"/>
  <c r="B556" i="26"/>
  <c r="B557" i="26"/>
  <c r="B558" i="26"/>
  <c r="B559" i="26"/>
  <c r="B560" i="26"/>
  <c r="B561" i="26"/>
  <c r="B562" i="26"/>
  <c r="B563" i="26"/>
  <c r="B564" i="26"/>
  <c r="B565" i="26"/>
  <c r="B566" i="26"/>
  <c r="B567" i="26"/>
  <c r="B568" i="26"/>
  <c r="B569" i="26"/>
  <c r="B570" i="26"/>
  <c r="B571" i="26"/>
  <c r="B572" i="26"/>
  <c r="B573" i="26"/>
  <c r="B574" i="26"/>
  <c r="B575" i="26"/>
  <c r="B576" i="26"/>
  <c r="B577" i="26"/>
  <c r="B578" i="26"/>
  <c r="B579" i="26"/>
  <c r="B580" i="26"/>
  <c r="B581" i="26"/>
  <c r="B582" i="26"/>
  <c r="B583" i="26"/>
  <c r="B584" i="26"/>
  <c r="B585" i="26"/>
  <c r="B586" i="26"/>
  <c r="B587" i="26"/>
  <c r="B588" i="26"/>
  <c r="B589" i="26"/>
  <c r="B590" i="26"/>
  <c r="B591" i="26"/>
  <c r="B592" i="26"/>
  <c r="B593" i="26"/>
  <c r="B594" i="26"/>
  <c r="B595" i="26"/>
  <c r="B596" i="26"/>
  <c r="B597" i="26"/>
  <c r="B598" i="26"/>
  <c r="B599" i="26"/>
  <c r="B600" i="26"/>
  <c r="B601" i="26"/>
  <c r="B602" i="26"/>
  <c r="B603" i="26"/>
  <c r="B604" i="26"/>
  <c r="B605" i="26"/>
  <c r="B606" i="26"/>
  <c r="B607" i="26"/>
  <c r="B608" i="26"/>
  <c r="B609" i="26"/>
  <c r="B610" i="26"/>
  <c r="B611" i="26"/>
  <c r="B612" i="26"/>
  <c r="B613" i="26"/>
  <c r="B614" i="26"/>
  <c r="B615" i="26"/>
  <c r="B616" i="26"/>
  <c r="B617" i="26"/>
  <c r="B618" i="26"/>
  <c r="B619" i="26"/>
  <c r="B620" i="26"/>
  <c r="B621" i="26"/>
  <c r="B622" i="26"/>
  <c r="B623" i="26"/>
  <c r="B624" i="26"/>
  <c r="B625" i="26"/>
  <c r="B626" i="26"/>
  <c r="B627" i="26"/>
  <c r="B628" i="26"/>
  <c r="B629" i="26"/>
  <c r="B630" i="26"/>
  <c r="B631" i="26"/>
  <c r="B632" i="26"/>
  <c r="B633" i="26"/>
  <c r="B634" i="26"/>
  <c r="B635" i="26"/>
  <c r="B636" i="26"/>
  <c r="B637" i="26"/>
  <c r="B638" i="26"/>
  <c r="B639" i="26"/>
  <c r="B640" i="26"/>
  <c r="B641" i="26"/>
  <c r="B642" i="26"/>
  <c r="B643" i="26"/>
  <c r="B644" i="26"/>
  <c r="B645" i="26"/>
  <c r="B646" i="26"/>
  <c r="B647" i="26"/>
  <c r="B648" i="26"/>
  <c r="B649" i="26"/>
  <c r="B650" i="26"/>
  <c r="B651" i="26"/>
  <c r="B652" i="26"/>
  <c r="B653" i="26"/>
  <c r="B654" i="26"/>
  <c r="B655" i="26"/>
  <c r="B656" i="26"/>
  <c r="B657" i="26"/>
  <c r="B658" i="26"/>
  <c r="B659" i="26"/>
  <c r="B660" i="26"/>
  <c r="B661" i="26"/>
  <c r="B662" i="26"/>
  <c r="B663" i="26"/>
  <c r="B664" i="26"/>
  <c r="B665" i="26"/>
  <c r="B666" i="26"/>
  <c r="B667" i="26"/>
  <c r="B668" i="26"/>
  <c r="B669" i="26"/>
  <c r="B670" i="26"/>
  <c r="B671" i="26"/>
  <c r="B672" i="26"/>
  <c r="B673" i="26"/>
  <c r="B674" i="26"/>
  <c r="B675" i="26"/>
  <c r="B676" i="26"/>
  <c r="B677" i="26"/>
  <c r="B678" i="26"/>
  <c r="B679" i="26"/>
  <c r="B680" i="26"/>
  <c r="B681" i="26"/>
  <c r="B682" i="26"/>
  <c r="B683" i="26"/>
  <c r="B684" i="26"/>
  <c r="B685" i="26"/>
  <c r="B686" i="26"/>
  <c r="B687" i="26"/>
  <c r="B688" i="26"/>
  <c r="B689" i="26"/>
  <c r="B690" i="26"/>
  <c r="B691" i="26"/>
  <c r="B692" i="26"/>
  <c r="B693" i="26"/>
  <c r="B694" i="26"/>
  <c r="B695" i="26"/>
  <c r="B696" i="26"/>
  <c r="B697" i="26"/>
  <c r="B698" i="26"/>
  <c r="B699" i="26"/>
  <c r="B700" i="26"/>
  <c r="B701" i="26"/>
  <c r="B702" i="26"/>
  <c r="B703" i="26"/>
  <c r="B704" i="26"/>
  <c r="B705" i="26"/>
  <c r="B706" i="26"/>
  <c r="B707" i="26"/>
  <c r="B708" i="26"/>
  <c r="B709" i="26"/>
  <c r="B710" i="26"/>
  <c r="B711" i="26"/>
  <c r="B712" i="26"/>
  <c r="B713" i="26"/>
  <c r="B714" i="26"/>
  <c r="B715" i="26"/>
  <c r="B716" i="26"/>
  <c r="B717" i="26"/>
  <c r="B718" i="26"/>
  <c r="B719" i="26"/>
  <c r="B720" i="26"/>
  <c r="B721" i="26"/>
  <c r="B722" i="26"/>
  <c r="B723" i="26"/>
  <c r="B724" i="26"/>
  <c r="B725" i="26"/>
  <c r="B726" i="26"/>
  <c r="B727" i="26"/>
  <c r="B728" i="26"/>
  <c r="B729" i="26"/>
  <c r="B730" i="26"/>
  <c r="B731" i="26"/>
  <c r="B732" i="26"/>
  <c r="B733" i="26"/>
  <c r="B734" i="26"/>
  <c r="B735" i="26"/>
  <c r="B736" i="26"/>
  <c r="B737" i="26"/>
  <c r="B738" i="26"/>
  <c r="B739" i="26"/>
  <c r="B740" i="26"/>
  <c r="B741" i="26"/>
  <c r="B742" i="26"/>
  <c r="B743" i="26"/>
  <c r="B744" i="26"/>
  <c r="B745" i="26"/>
  <c r="B746" i="26"/>
  <c r="B747" i="26"/>
  <c r="B748" i="26"/>
  <c r="B749" i="26"/>
  <c r="B750" i="26"/>
  <c r="B751" i="26"/>
  <c r="B752" i="26"/>
  <c r="B753" i="26"/>
  <c r="B754" i="26"/>
  <c r="B755" i="26"/>
  <c r="B756" i="26"/>
  <c r="B757" i="26"/>
  <c r="B758" i="26"/>
  <c r="B759" i="26"/>
  <c r="B760" i="26"/>
  <c r="B761" i="26"/>
  <c r="B762" i="26"/>
  <c r="B763" i="26"/>
  <c r="B764" i="26"/>
  <c r="B765" i="26"/>
  <c r="B766" i="26"/>
  <c r="B767" i="26"/>
  <c r="B768" i="26"/>
  <c r="B769" i="26"/>
  <c r="B770" i="26"/>
  <c r="B771" i="26"/>
  <c r="B772" i="26"/>
  <c r="B773" i="26"/>
  <c r="B774" i="26"/>
  <c r="B775" i="26"/>
  <c r="B776" i="26"/>
  <c r="B777" i="26"/>
  <c r="B778" i="26"/>
  <c r="B779" i="26"/>
  <c r="B780" i="26"/>
  <c r="B781" i="26"/>
  <c r="B782" i="26"/>
  <c r="B783" i="26"/>
  <c r="B784" i="26"/>
  <c r="B785" i="26"/>
  <c r="B786" i="26"/>
  <c r="B787" i="26"/>
  <c r="B788" i="26"/>
  <c r="B789" i="26"/>
  <c r="B790" i="26"/>
  <c r="B791" i="26"/>
  <c r="B792" i="26"/>
  <c r="B793" i="26"/>
  <c r="B794" i="26"/>
  <c r="B795" i="26"/>
  <c r="B796" i="26"/>
  <c r="B797" i="26"/>
  <c r="B798" i="26"/>
  <c r="B799" i="26"/>
  <c r="B800" i="26"/>
  <c r="B801" i="26"/>
  <c r="B802" i="26"/>
  <c r="B803" i="26"/>
  <c r="B804" i="26"/>
  <c r="B805" i="26"/>
  <c r="B806" i="26"/>
  <c r="B807" i="26"/>
  <c r="B808" i="26"/>
  <c r="B809" i="26"/>
  <c r="B810" i="26"/>
  <c r="B811" i="26"/>
  <c r="B812" i="26"/>
  <c r="B813" i="26"/>
  <c r="B814" i="26"/>
  <c r="B815" i="26"/>
  <c r="B816" i="26"/>
  <c r="B817" i="26"/>
  <c r="B818" i="26"/>
  <c r="B819" i="26"/>
  <c r="B820" i="26"/>
  <c r="B821" i="26"/>
  <c r="B822" i="26"/>
  <c r="B823" i="26"/>
  <c r="B824" i="26"/>
  <c r="B825" i="26"/>
  <c r="B826" i="26"/>
  <c r="B827" i="26"/>
  <c r="B828" i="26"/>
  <c r="B829" i="26"/>
  <c r="B830" i="26"/>
  <c r="B831" i="26"/>
  <c r="B832" i="26"/>
  <c r="B833" i="26"/>
  <c r="B834" i="26"/>
  <c r="B835" i="26"/>
  <c r="B836" i="26"/>
  <c r="B837" i="26"/>
  <c r="B838" i="26"/>
  <c r="B839" i="26"/>
  <c r="B840" i="26"/>
  <c r="B841" i="26"/>
  <c r="B842" i="26"/>
  <c r="B843" i="26"/>
  <c r="B844" i="26"/>
  <c r="B845" i="26"/>
  <c r="B846" i="26"/>
  <c r="B847" i="26"/>
  <c r="B848" i="26"/>
  <c r="B849" i="26"/>
  <c r="B850" i="26"/>
  <c r="B851" i="26"/>
  <c r="B852" i="26"/>
  <c r="B853" i="26"/>
  <c r="B854" i="26"/>
  <c r="B855" i="26"/>
  <c r="B856" i="26"/>
  <c r="B857" i="26"/>
  <c r="B858" i="26"/>
  <c r="B859" i="26"/>
  <c r="B860" i="26"/>
  <c r="B861" i="26"/>
  <c r="B862" i="26"/>
  <c r="B863" i="26"/>
  <c r="B864" i="26"/>
  <c r="B865" i="26"/>
  <c r="B866" i="26"/>
  <c r="B867" i="26"/>
  <c r="B868" i="26"/>
  <c r="B869" i="26"/>
  <c r="B870" i="26"/>
  <c r="B871" i="26"/>
  <c r="B872" i="26"/>
  <c r="B873" i="26"/>
  <c r="B874" i="26"/>
  <c r="B875" i="26"/>
  <c r="B876" i="26"/>
  <c r="B877" i="26"/>
  <c r="B878" i="26"/>
  <c r="B879" i="26"/>
  <c r="B880" i="26"/>
  <c r="B881" i="26"/>
  <c r="B882" i="26"/>
  <c r="B883" i="26"/>
  <c r="B884" i="26"/>
  <c r="B885" i="26"/>
  <c r="B886" i="26"/>
  <c r="B887" i="26"/>
  <c r="B888" i="26"/>
  <c r="B889" i="26"/>
  <c r="B890" i="26"/>
  <c r="B891" i="26"/>
  <c r="B892" i="26"/>
  <c r="B893" i="26"/>
  <c r="B894" i="26"/>
  <c r="B895" i="26"/>
  <c r="B896" i="26"/>
  <c r="B897" i="26"/>
  <c r="B898" i="26"/>
  <c r="B899" i="26"/>
  <c r="B900" i="26"/>
  <c r="B901" i="26"/>
  <c r="B902" i="26"/>
  <c r="B903" i="26"/>
  <c r="B904" i="26"/>
  <c r="B905" i="26"/>
  <c r="B906" i="26"/>
  <c r="B907" i="26"/>
  <c r="B908" i="26"/>
  <c r="B909" i="26"/>
  <c r="B910" i="26"/>
  <c r="B911" i="26"/>
  <c r="B912" i="26"/>
  <c r="B913" i="26"/>
  <c r="B914" i="26"/>
  <c r="B915" i="26"/>
  <c r="B916" i="26"/>
  <c r="B917" i="26"/>
  <c r="B918" i="26"/>
  <c r="B919" i="26"/>
  <c r="B920" i="26"/>
  <c r="B921" i="26"/>
  <c r="B922" i="26"/>
  <c r="B923" i="26"/>
  <c r="B924" i="26"/>
  <c r="B925" i="26"/>
  <c r="B926" i="26"/>
  <c r="B927" i="26"/>
  <c r="B928" i="26"/>
  <c r="B929" i="26"/>
  <c r="B930" i="26"/>
  <c r="B931" i="26"/>
  <c r="B932" i="26"/>
  <c r="B933" i="26"/>
  <c r="B934" i="26"/>
  <c r="B935" i="26"/>
  <c r="B936" i="26"/>
  <c r="B937" i="26"/>
  <c r="B938" i="26"/>
  <c r="B939" i="26"/>
  <c r="B940" i="26"/>
  <c r="B941" i="26"/>
  <c r="B942" i="26"/>
  <c r="B943" i="26"/>
  <c r="B944" i="26"/>
  <c r="B945" i="26"/>
  <c r="B946" i="26"/>
  <c r="B947" i="26"/>
  <c r="B948" i="26"/>
  <c r="B949" i="26"/>
  <c r="B950" i="26"/>
  <c r="B951" i="26"/>
  <c r="B952" i="26"/>
  <c r="B953" i="26"/>
  <c r="B954" i="26"/>
  <c r="B955" i="26"/>
  <c r="B956" i="26"/>
  <c r="B957" i="26"/>
  <c r="B958" i="26"/>
  <c r="B959" i="26"/>
  <c r="B960" i="26"/>
  <c r="B961" i="26"/>
  <c r="B962" i="26"/>
  <c r="B963" i="26"/>
  <c r="B964" i="26"/>
  <c r="B965" i="26"/>
  <c r="B966" i="26"/>
  <c r="B967" i="26"/>
  <c r="B968" i="26"/>
  <c r="B969" i="26"/>
  <c r="B970" i="26"/>
  <c r="B971" i="26"/>
  <c r="B972" i="26"/>
  <c r="B973" i="26"/>
  <c r="B974" i="26"/>
  <c r="B975" i="26"/>
  <c r="B976" i="26"/>
  <c r="B977" i="26"/>
  <c r="B978" i="26"/>
  <c r="B979" i="26"/>
  <c r="B980" i="26"/>
  <c r="B981" i="26"/>
  <c r="B982" i="26"/>
  <c r="B983" i="26"/>
  <c r="B984" i="26"/>
  <c r="B985" i="26"/>
  <c r="B986" i="26"/>
  <c r="B987" i="26"/>
  <c r="B988" i="26"/>
  <c r="B989" i="26"/>
  <c r="B990" i="26"/>
  <c r="B991" i="26"/>
  <c r="B992" i="26"/>
  <c r="B993" i="26"/>
  <c r="B994" i="26"/>
  <c r="B995" i="26"/>
  <c r="B996" i="26"/>
  <c r="B997" i="26"/>
  <c r="B998" i="26"/>
  <c r="B999" i="26"/>
  <c r="B1000" i="26"/>
  <c r="B1001" i="26"/>
  <c r="B1002" i="26"/>
  <c r="B1003" i="26"/>
  <c r="B1004" i="26"/>
  <c r="B1005" i="26"/>
  <c r="B1006" i="26"/>
  <c r="B1007" i="26"/>
  <c r="B1008" i="26"/>
  <c r="B1009" i="26"/>
  <c r="B1010" i="26"/>
  <c r="B1011" i="26"/>
  <c r="B1012" i="26"/>
  <c r="B1013" i="26"/>
  <c r="B1014" i="26"/>
  <c r="B1015" i="26"/>
  <c r="B1016" i="26"/>
  <c r="B1017" i="26"/>
  <c r="B1018" i="26"/>
  <c r="B1019" i="26"/>
  <c r="B1020" i="26"/>
  <c r="B1021" i="26"/>
  <c r="B1022" i="26"/>
  <c r="B1023" i="26"/>
  <c r="B1024" i="26"/>
  <c r="B1025" i="26"/>
  <c r="B1026" i="26"/>
  <c r="B1027" i="26"/>
  <c r="B1028" i="26"/>
  <c r="B1029" i="26"/>
  <c r="B1030" i="26"/>
  <c r="B1031" i="26"/>
  <c r="B1032" i="26"/>
  <c r="B1033" i="26"/>
  <c r="B1034" i="26"/>
  <c r="B1035" i="26"/>
  <c r="B1036" i="26"/>
  <c r="B1037" i="26"/>
  <c r="B1038" i="26"/>
  <c r="B1039" i="26"/>
  <c r="B1040" i="26"/>
  <c r="B1041" i="26"/>
  <c r="B1042" i="26"/>
  <c r="B1043" i="26"/>
  <c r="B1044" i="26"/>
  <c r="B1045" i="26"/>
  <c r="B1046" i="26"/>
  <c r="B1047" i="26"/>
  <c r="B1048" i="26"/>
  <c r="B1049" i="26"/>
  <c r="B1050" i="26"/>
  <c r="B1051" i="26"/>
  <c r="B1052" i="26"/>
  <c r="B1053" i="26"/>
  <c r="B1054" i="26"/>
  <c r="B1055" i="26"/>
  <c r="B1056" i="26"/>
  <c r="B1057" i="26"/>
  <c r="B1058" i="26"/>
  <c r="B1059" i="26"/>
  <c r="B1060" i="26"/>
  <c r="B1061" i="26"/>
  <c r="B1062" i="26"/>
  <c r="B1063" i="26"/>
  <c r="B1064" i="26"/>
  <c r="B1065" i="26"/>
  <c r="B1066" i="26"/>
  <c r="B1067" i="26"/>
  <c r="B1068" i="26"/>
  <c r="B1069" i="26"/>
  <c r="B1070" i="26"/>
  <c r="B1071" i="26"/>
  <c r="B1072" i="26"/>
  <c r="B1073" i="26"/>
  <c r="B1074" i="26"/>
  <c r="B1075" i="26"/>
  <c r="B1076" i="26"/>
  <c r="B1077" i="26"/>
  <c r="B1078" i="26"/>
  <c r="B1079" i="26"/>
  <c r="B1080" i="26"/>
  <c r="B1081" i="26"/>
  <c r="B1082" i="26"/>
  <c r="B1083" i="26"/>
  <c r="B1084" i="26"/>
  <c r="B1085" i="26"/>
  <c r="B1086" i="26"/>
  <c r="B1087" i="26"/>
  <c r="B1088" i="26"/>
  <c r="B1089" i="26"/>
  <c r="B1090" i="26"/>
  <c r="B1091" i="26"/>
  <c r="B1092" i="26"/>
  <c r="B1093" i="26"/>
  <c r="B1094" i="26"/>
  <c r="B1095" i="26"/>
  <c r="B1096" i="26"/>
  <c r="B1097" i="26"/>
  <c r="B1098" i="26"/>
  <c r="B1099" i="26"/>
  <c r="B1100" i="26"/>
  <c r="B1101" i="26"/>
  <c r="B1102" i="26"/>
  <c r="B1103" i="26"/>
  <c r="B1104" i="26"/>
  <c r="B1105" i="26"/>
  <c r="B1106" i="26"/>
  <c r="B1107" i="26"/>
  <c r="B1108" i="26"/>
  <c r="B1109" i="26"/>
  <c r="B1110" i="26"/>
  <c r="B1111" i="26"/>
  <c r="B1112" i="26"/>
  <c r="B1113" i="26"/>
  <c r="B1114" i="26"/>
  <c r="B1115" i="26"/>
  <c r="B1116" i="26"/>
  <c r="B1117" i="26"/>
  <c r="B1118" i="26"/>
  <c r="B1119" i="26"/>
  <c r="B1120" i="26"/>
  <c r="B1121" i="26"/>
  <c r="B1122" i="26"/>
  <c r="B1123" i="26"/>
  <c r="B1124" i="26"/>
  <c r="B1125" i="26"/>
  <c r="B1126" i="26"/>
  <c r="B1127" i="26"/>
  <c r="B1128" i="26"/>
  <c r="B1129" i="26"/>
  <c r="B1130" i="26"/>
  <c r="B1131" i="26"/>
  <c r="B1132" i="26"/>
  <c r="B1133" i="26"/>
  <c r="B1134" i="26"/>
  <c r="B1135" i="26"/>
  <c r="B1136" i="26"/>
  <c r="B1137" i="26"/>
  <c r="B1138" i="26"/>
  <c r="B1139" i="26"/>
  <c r="B1140" i="26"/>
  <c r="B1141" i="26"/>
  <c r="B1142" i="26"/>
  <c r="B1143" i="26"/>
  <c r="B1144" i="26"/>
  <c r="B1145" i="26"/>
  <c r="B1146" i="26"/>
  <c r="B1147" i="26"/>
  <c r="B1148" i="26"/>
  <c r="B1149" i="26"/>
  <c r="B1150" i="26"/>
  <c r="B1151" i="26"/>
  <c r="B1152" i="26"/>
  <c r="B1153" i="26"/>
  <c r="B1154" i="26"/>
  <c r="B1155" i="26"/>
  <c r="B1156" i="26"/>
  <c r="B1157" i="26"/>
  <c r="B1158" i="26"/>
  <c r="B1159" i="26"/>
  <c r="B1160" i="26"/>
  <c r="B1161" i="26"/>
  <c r="B1162" i="26"/>
  <c r="B1163" i="26"/>
  <c r="B1164" i="26"/>
  <c r="B1165" i="26"/>
  <c r="B1166" i="26"/>
  <c r="B1167" i="26"/>
  <c r="B1168" i="26"/>
  <c r="B1169" i="26"/>
  <c r="B1170" i="26"/>
  <c r="B1171" i="26"/>
  <c r="B1172" i="26"/>
  <c r="B1173" i="26"/>
  <c r="B1174" i="26"/>
  <c r="B1175" i="26"/>
  <c r="B1176" i="26"/>
  <c r="B1177" i="26"/>
  <c r="B1178" i="26"/>
  <c r="B1179" i="26"/>
  <c r="B1180" i="26"/>
  <c r="B1181" i="26"/>
  <c r="B1182" i="26"/>
  <c r="B1183" i="26"/>
  <c r="B1184" i="26"/>
  <c r="B1185" i="26"/>
  <c r="B1186" i="26"/>
  <c r="B1187" i="26"/>
  <c r="B1188" i="26"/>
  <c r="B1189" i="26"/>
  <c r="B1190" i="26"/>
  <c r="B1191" i="26"/>
  <c r="B1192" i="26"/>
  <c r="B1193" i="26"/>
  <c r="B1194" i="26"/>
  <c r="B1195" i="26"/>
  <c r="B1196" i="26"/>
  <c r="B1197" i="26"/>
  <c r="B1198" i="26"/>
  <c r="B1199" i="26"/>
  <c r="B1200" i="26"/>
  <c r="B1201" i="26"/>
  <c r="B1202" i="26"/>
  <c r="B1203" i="26"/>
  <c r="B1204" i="26"/>
  <c r="B1205" i="26"/>
  <c r="B1206" i="26"/>
  <c r="B1207" i="26"/>
  <c r="B1208" i="26"/>
  <c r="B1209" i="26"/>
  <c r="B1210" i="26"/>
  <c r="B1211" i="26"/>
  <c r="B1212" i="26"/>
  <c r="B1213" i="26"/>
  <c r="B1214" i="26"/>
  <c r="B1215" i="26"/>
  <c r="B1216" i="26"/>
  <c r="B1217" i="26"/>
  <c r="B1218" i="26"/>
  <c r="B1219" i="26"/>
  <c r="B1220" i="26"/>
  <c r="B1221" i="26"/>
  <c r="B1222" i="26"/>
  <c r="B1223" i="26"/>
  <c r="B1224" i="26"/>
  <c r="B1225" i="26"/>
  <c r="B1226" i="26"/>
  <c r="B1227" i="26"/>
  <c r="B1228" i="26"/>
  <c r="B1229" i="26"/>
  <c r="B1230" i="26"/>
  <c r="B1231" i="26"/>
  <c r="B1232" i="26"/>
  <c r="B1233" i="26"/>
  <c r="B1234" i="26"/>
  <c r="B1235" i="26"/>
  <c r="B1236" i="26"/>
  <c r="B1237" i="26"/>
  <c r="B1238" i="26"/>
  <c r="B1239" i="26"/>
  <c r="B1240" i="26"/>
  <c r="B1241" i="26"/>
  <c r="B1242" i="26"/>
  <c r="B1243" i="26"/>
  <c r="B1244" i="26"/>
  <c r="B1245" i="26"/>
  <c r="B1246" i="26"/>
  <c r="B1247" i="26"/>
  <c r="B1248" i="26"/>
  <c r="B1249" i="26"/>
  <c r="B1250" i="26"/>
  <c r="B1251" i="26"/>
  <c r="B1252" i="26"/>
  <c r="B1253" i="26"/>
  <c r="B1254" i="26"/>
  <c r="B1255" i="26"/>
  <c r="B1256" i="26"/>
  <c r="B1257" i="26"/>
  <c r="B1258" i="26"/>
  <c r="B1259" i="26"/>
  <c r="B1260" i="26"/>
  <c r="B1261" i="26"/>
  <c r="B1262" i="26"/>
  <c r="B1263" i="26"/>
  <c r="B1264" i="26"/>
  <c r="B1265" i="26"/>
  <c r="B1266" i="26"/>
  <c r="B1267" i="26"/>
  <c r="B1268" i="26"/>
  <c r="B1269" i="26"/>
  <c r="B1270" i="26"/>
  <c r="B1271" i="26"/>
  <c r="B1272" i="26"/>
  <c r="B1273" i="26"/>
  <c r="B1274" i="26"/>
  <c r="B1275" i="26"/>
  <c r="B1276" i="26"/>
  <c r="B1277" i="26"/>
  <c r="B1278" i="26"/>
  <c r="B1279" i="26"/>
  <c r="B1280" i="26"/>
  <c r="B1281" i="26"/>
  <c r="B1282" i="26"/>
  <c r="B1283" i="26"/>
  <c r="B1284" i="26"/>
  <c r="B1285" i="26"/>
  <c r="B1286" i="26"/>
  <c r="B1287" i="26"/>
  <c r="B1288" i="26"/>
  <c r="B1289" i="26"/>
  <c r="B1290" i="26"/>
  <c r="B1291" i="26"/>
  <c r="B1292" i="26"/>
  <c r="B1293" i="26"/>
  <c r="B1294" i="26"/>
  <c r="B1295" i="26"/>
  <c r="B1296" i="26"/>
  <c r="B1297" i="26"/>
  <c r="B1298" i="26"/>
  <c r="B1299" i="26"/>
  <c r="B1300" i="26"/>
  <c r="B1301" i="26"/>
  <c r="B1302" i="26"/>
  <c r="B1303" i="26"/>
  <c r="B1304" i="26"/>
  <c r="B1305" i="26"/>
  <c r="B1306" i="26"/>
  <c r="B1307" i="26"/>
  <c r="B1308" i="26"/>
  <c r="B1309" i="26"/>
  <c r="B1310" i="26"/>
  <c r="B1311" i="26"/>
  <c r="B1312" i="26"/>
  <c r="B1313" i="26"/>
  <c r="B1314" i="26"/>
  <c r="B1315" i="26"/>
  <c r="B1316" i="26"/>
  <c r="B1317" i="26"/>
  <c r="B1318" i="26"/>
  <c r="B1319" i="26"/>
  <c r="B1320" i="26"/>
  <c r="B1321" i="26"/>
  <c r="B1322" i="26"/>
  <c r="B1323" i="26"/>
  <c r="B1324" i="26"/>
  <c r="B1325" i="26"/>
  <c r="B1326" i="26"/>
  <c r="B1327" i="26"/>
  <c r="B1328" i="26"/>
  <c r="B1329" i="26"/>
  <c r="B1330" i="26"/>
  <c r="B1331" i="26"/>
  <c r="B1332" i="26"/>
  <c r="B1333" i="26"/>
  <c r="B1334" i="26"/>
  <c r="B1335" i="26"/>
  <c r="B1336" i="26"/>
  <c r="B1337" i="26"/>
  <c r="B1338" i="26"/>
  <c r="B1339" i="26"/>
  <c r="B1340" i="26"/>
  <c r="B1341" i="26"/>
  <c r="B1342" i="26"/>
  <c r="B1343" i="26"/>
  <c r="B1344" i="26"/>
  <c r="B1345" i="26"/>
  <c r="B1346" i="26"/>
  <c r="B1347" i="26"/>
  <c r="B1348" i="26"/>
  <c r="B1349" i="26"/>
  <c r="B1350" i="26"/>
  <c r="B1351" i="26"/>
  <c r="B1352" i="26"/>
  <c r="B1353" i="26"/>
  <c r="B1354" i="26"/>
  <c r="B1355" i="26"/>
  <c r="B1356" i="26"/>
  <c r="B1357" i="26"/>
  <c r="B1358" i="26"/>
  <c r="B1359" i="26"/>
  <c r="B1360" i="26"/>
  <c r="B1361" i="26"/>
  <c r="B1362" i="26"/>
  <c r="B1363" i="26"/>
  <c r="B1364" i="26"/>
  <c r="B1365" i="26"/>
  <c r="B1366" i="26"/>
  <c r="B1367" i="26"/>
  <c r="B1368" i="26"/>
  <c r="B1369" i="26"/>
  <c r="B1370" i="26"/>
  <c r="B1371" i="26"/>
  <c r="B1372" i="26"/>
  <c r="B1373" i="26"/>
  <c r="B1374" i="26"/>
  <c r="B1375" i="26"/>
  <c r="B1376" i="26"/>
  <c r="B1377" i="26"/>
  <c r="B1378" i="26"/>
  <c r="B1379" i="26"/>
  <c r="B1380" i="26"/>
  <c r="B1381" i="26"/>
  <c r="B1382" i="26"/>
  <c r="B1383" i="26"/>
  <c r="B1384" i="26"/>
  <c r="B1385" i="26"/>
  <c r="B1386" i="26"/>
  <c r="B1387" i="26"/>
  <c r="B1388" i="26"/>
  <c r="B1389" i="26"/>
  <c r="B1390" i="26"/>
  <c r="B1391" i="26"/>
  <c r="B1392" i="26"/>
  <c r="B1393" i="26"/>
  <c r="B1394" i="26"/>
  <c r="B1395" i="26"/>
  <c r="B1396" i="26"/>
  <c r="B1397" i="26"/>
  <c r="B1398" i="26"/>
  <c r="B1399" i="26"/>
  <c r="B1400" i="26"/>
  <c r="B1401" i="26"/>
  <c r="B1402" i="26"/>
  <c r="B1403" i="26"/>
  <c r="B1404" i="26"/>
  <c r="B1405" i="26"/>
  <c r="B1406" i="26"/>
  <c r="B1407" i="26"/>
  <c r="B1408" i="26"/>
  <c r="B1409" i="26"/>
  <c r="B1410" i="26"/>
  <c r="B1411" i="26"/>
  <c r="B1412" i="26"/>
  <c r="B1413" i="26"/>
  <c r="B1414" i="26"/>
  <c r="B1415" i="26"/>
  <c r="B1416" i="26"/>
  <c r="B1417" i="26"/>
  <c r="B1418" i="26"/>
  <c r="B1419" i="26"/>
  <c r="B1420" i="26"/>
  <c r="B1421" i="26"/>
  <c r="B1422" i="26"/>
  <c r="B1423" i="26"/>
  <c r="B1424" i="26"/>
  <c r="B1425" i="26"/>
  <c r="B1426" i="26"/>
  <c r="B1427" i="26"/>
  <c r="B1428" i="26"/>
  <c r="B1429" i="26"/>
  <c r="B1430" i="26"/>
  <c r="B1431" i="26"/>
  <c r="B1432" i="26"/>
  <c r="B1433" i="26"/>
  <c r="B1434" i="26"/>
  <c r="B1435" i="26"/>
  <c r="B1436" i="26"/>
  <c r="B1437" i="26"/>
  <c r="B1438" i="26"/>
  <c r="B1439" i="26"/>
  <c r="B1440" i="26"/>
  <c r="B1441" i="26"/>
  <c r="B1442" i="26"/>
  <c r="B1443" i="26"/>
  <c r="B1444" i="26"/>
  <c r="B1445" i="26"/>
  <c r="B1446" i="26"/>
  <c r="B1447" i="26"/>
  <c r="B1448" i="26"/>
  <c r="B1449" i="26"/>
  <c r="B1450" i="26"/>
  <c r="B1451" i="26"/>
  <c r="B1452" i="26"/>
  <c r="B1453" i="26"/>
  <c r="B1454" i="26"/>
  <c r="B1455" i="26"/>
  <c r="B1456" i="26"/>
  <c r="B1457" i="26"/>
  <c r="B1458" i="26"/>
  <c r="B1459" i="26"/>
  <c r="B1460" i="26"/>
  <c r="B1461" i="26"/>
  <c r="B1462" i="26"/>
  <c r="B1463" i="26"/>
  <c r="B1464" i="26"/>
  <c r="B1465" i="26"/>
  <c r="B1466" i="26"/>
  <c r="B1467" i="26"/>
  <c r="B1468" i="26"/>
  <c r="B1469" i="26"/>
  <c r="B1470" i="26"/>
  <c r="B1471" i="26"/>
  <c r="B1472" i="26"/>
  <c r="B1473" i="26"/>
  <c r="B1474" i="26"/>
  <c r="B1475" i="26"/>
  <c r="B1476" i="26"/>
  <c r="B1477" i="26"/>
  <c r="B1478" i="26"/>
  <c r="B1479" i="26"/>
  <c r="B1480" i="26"/>
  <c r="B1481" i="26"/>
  <c r="B1482" i="26"/>
  <c r="B1483" i="26"/>
  <c r="B1484" i="26"/>
  <c r="B1485" i="26"/>
  <c r="B1486" i="26"/>
  <c r="B1487" i="26"/>
  <c r="B1488" i="26"/>
  <c r="B1489" i="26"/>
  <c r="B1490" i="26"/>
  <c r="B1491" i="26"/>
  <c r="B1492" i="26"/>
  <c r="B1493" i="26"/>
  <c r="B1494" i="26"/>
  <c r="B1495" i="26"/>
  <c r="B1496" i="26"/>
  <c r="B1497" i="26"/>
  <c r="B1498" i="26"/>
  <c r="B1499" i="26"/>
  <c r="B1500" i="26"/>
  <c r="B1501" i="26"/>
  <c r="B1502" i="26"/>
  <c r="B1503" i="26"/>
  <c r="B1504" i="26"/>
  <c r="B1505" i="26"/>
  <c r="B1506" i="26"/>
  <c r="B1507" i="26"/>
  <c r="B1508" i="26"/>
  <c r="B1509" i="26"/>
  <c r="B1510" i="26"/>
  <c r="B1511" i="26"/>
  <c r="B1512" i="26"/>
  <c r="B1513" i="26"/>
  <c r="B1514" i="26"/>
  <c r="B1515" i="26"/>
  <c r="B1516" i="26"/>
  <c r="B1517" i="26"/>
  <c r="B1518" i="26"/>
  <c r="B1519" i="26"/>
  <c r="B1520" i="26"/>
  <c r="B1521" i="26"/>
  <c r="B1522" i="26"/>
  <c r="B1523" i="26"/>
  <c r="B1524" i="26"/>
  <c r="B1525" i="26"/>
  <c r="B1526" i="26"/>
  <c r="B1527" i="26"/>
  <c r="B1528" i="26"/>
  <c r="B1529" i="26"/>
  <c r="B1530" i="26"/>
  <c r="B1531" i="26"/>
  <c r="B1532" i="26"/>
  <c r="B1533" i="26"/>
  <c r="B1534" i="26"/>
  <c r="B1535" i="26"/>
  <c r="B1536" i="26"/>
  <c r="B1537" i="26"/>
  <c r="B1538" i="26"/>
  <c r="B1539" i="26"/>
  <c r="B1540" i="26"/>
  <c r="B1541" i="26"/>
  <c r="B1542" i="26"/>
  <c r="B1543" i="26"/>
  <c r="B1544" i="26"/>
  <c r="B1545" i="26"/>
  <c r="B1546" i="26"/>
  <c r="B1547" i="26"/>
  <c r="B1548" i="26"/>
  <c r="B1549" i="26"/>
  <c r="B1550" i="26"/>
  <c r="B1551" i="26"/>
  <c r="B1552" i="26"/>
  <c r="B1553" i="26"/>
  <c r="B1554" i="26"/>
  <c r="B1555" i="26"/>
  <c r="B1556" i="26"/>
  <c r="B1557" i="26"/>
  <c r="B1558" i="26"/>
  <c r="B1559" i="26"/>
  <c r="B1560" i="26"/>
  <c r="B1561" i="26"/>
  <c r="B1562" i="26"/>
  <c r="B1563" i="26"/>
  <c r="B1564" i="26"/>
  <c r="B1565" i="26"/>
  <c r="B1566" i="26"/>
  <c r="B1567" i="26"/>
  <c r="B1568" i="26"/>
  <c r="B1569" i="26"/>
  <c r="B1570" i="26"/>
  <c r="B1571" i="26"/>
  <c r="B1572" i="26"/>
  <c r="B1573" i="26"/>
  <c r="B1574" i="26"/>
  <c r="B1575" i="26"/>
  <c r="B1576" i="26"/>
  <c r="B1577" i="26"/>
  <c r="B1578" i="26"/>
  <c r="B1579" i="26"/>
  <c r="B1580" i="26"/>
  <c r="B1581" i="26"/>
  <c r="B1582" i="26"/>
  <c r="B1583" i="26"/>
  <c r="B1584" i="26"/>
  <c r="B1585" i="26"/>
  <c r="B1586" i="26"/>
  <c r="B1587" i="26"/>
  <c r="B1588" i="26"/>
  <c r="B1589" i="26"/>
  <c r="B1590" i="26"/>
  <c r="B1591" i="26"/>
  <c r="B1592" i="26"/>
  <c r="B1593" i="26"/>
  <c r="B1594" i="26"/>
  <c r="B1595" i="26"/>
  <c r="B1596" i="26"/>
  <c r="B1597" i="26"/>
  <c r="B1598" i="26"/>
  <c r="B1599" i="26"/>
  <c r="B1600" i="26"/>
  <c r="B1601" i="26"/>
  <c r="B1602" i="26"/>
  <c r="B1603" i="26"/>
  <c r="B1604" i="26"/>
  <c r="B1605" i="26"/>
  <c r="B1606" i="26"/>
  <c r="B1607" i="26"/>
  <c r="B1608" i="26"/>
  <c r="B1609" i="26"/>
  <c r="B1610" i="26"/>
  <c r="B1611" i="26"/>
  <c r="B1612" i="26"/>
  <c r="B1613" i="26"/>
  <c r="B1614" i="26"/>
  <c r="B1615" i="26"/>
  <c r="B1616" i="26"/>
  <c r="B1617" i="26"/>
  <c r="B1618" i="26"/>
  <c r="B1619" i="26"/>
  <c r="B1620" i="26"/>
  <c r="B1621" i="26"/>
  <c r="B1622" i="26"/>
  <c r="B1623" i="26"/>
  <c r="B1624" i="26"/>
  <c r="B1625" i="26"/>
  <c r="B1626" i="26"/>
  <c r="B1627" i="26"/>
  <c r="B1628" i="26"/>
  <c r="B1629" i="26"/>
  <c r="B1630" i="26"/>
  <c r="B1631" i="26"/>
  <c r="B1632" i="26"/>
  <c r="B1633" i="26"/>
  <c r="B1634" i="26"/>
  <c r="B1635" i="26"/>
  <c r="B1636" i="26"/>
  <c r="B1637" i="26"/>
  <c r="B1638" i="26"/>
  <c r="B1639" i="26"/>
  <c r="B1640" i="26"/>
  <c r="B1641" i="26"/>
  <c r="B1642" i="26"/>
  <c r="B1643" i="26"/>
  <c r="B1644" i="26"/>
  <c r="B1645" i="26"/>
  <c r="B1646" i="26"/>
  <c r="B1647" i="26"/>
  <c r="B1648" i="26"/>
  <c r="B1649" i="26"/>
  <c r="B1650" i="26"/>
  <c r="B1651" i="26"/>
  <c r="B1652" i="26"/>
  <c r="B1653" i="26"/>
  <c r="B1654" i="26"/>
  <c r="B1655" i="26"/>
  <c r="B1656" i="26"/>
  <c r="B1657" i="26"/>
  <c r="B1658" i="26"/>
  <c r="B1659" i="26"/>
  <c r="B1660" i="26"/>
  <c r="B1661" i="26"/>
  <c r="B1662" i="26"/>
  <c r="B1663" i="26"/>
  <c r="B1664" i="26"/>
  <c r="B1665" i="26"/>
  <c r="B1666" i="26"/>
  <c r="B1667" i="26"/>
  <c r="B1668" i="26"/>
  <c r="B1669" i="26"/>
  <c r="B1670" i="26"/>
  <c r="B1671" i="26"/>
  <c r="B1672" i="26"/>
  <c r="B1673" i="26"/>
  <c r="B1674" i="26"/>
  <c r="B1675" i="26"/>
  <c r="B1676" i="26"/>
  <c r="B1677" i="26"/>
  <c r="B1678" i="26"/>
  <c r="B1679" i="26"/>
  <c r="B1680" i="26"/>
  <c r="B1681" i="26"/>
  <c r="B1682" i="26"/>
  <c r="B1683" i="26"/>
  <c r="B1684" i="26"/>
  <c r="B1685" i="26"/>
  <c r="B1686" i="26"/>
  <c r="B1687" i="26"/>
  <c r="B1688" i="26"/>
  <c r="B1689" i="26"/>
  <c r="B1690" i="26"/>
  <c r="B1691" i="26"/>
  <c r="B1692" i="26"/>
  <c r="B1693" i="26"/>
  <c r="B1694" i="26"/>
  <c r="B1695" i="26"/>
  <c r="B1696" i="26"/>
  <c r="B1697" i="26"/>
  <c r="B1698" i="26"/>
  <c r="B1699" i="26"/>
  <c r="B1700" i="26"/>
  <c r="B1701" i="26"/>
  <c r="B1702" i="26"/>
  <c r="B1703" i="26"/>
  <c r="B1704" i="26"/>
  <c r="B1705" i="26"/>
  <c r="B1706" i="26"/>
  <c r="B1707" i="26"/>
  <c r="B1708" i="26"/>
  <c r="B1709" i="26"/>
  <c r="B1710" i="26"/>
  <c r="B1711" i="26"/>
  <c r="B1712" i="26"/>
  <c r="B1713" i="26"/>
  <c r="B1714" i="26"/>
  <c r="B1715" i="26"/>
  <c r="B1716" i="26"/>
  <c r="B1717" i="26"/>
  <c r="B1718" i="26"/>
  <c r="B1719" i="26"/>
  <c r="B1720" i="26"/>
  <c r="B1721" i="26"/>
  <c r="B1722" i="26"/>
  <c r="B1723" i="26"/>
  <c r="B1724" i="26"/>
  <c r="B1725" i="26"/>
  <c r="B1726" i="26"/>
  <c r="B1727" i="26"/>
  <c r="B1728" i="26"/>
  <c r="B1729" i="26"/>
  <c r="B1730" i="26"/>
  <c r="B1731" i="26"/>
  <c r="B1732" i="26"/>
  <c r="B1733" i="26"/>
  <c r="B1734" i="26"/>
  <c r="B1735" i="26"/>
  <c r="B1736" i="26"/>
  <c r="B1737" i="26"/>
  <c r="B1738" i="26"/>
  <c r="B1739" i="26"/>
  <c r="B1740" i="26"/>
  <c r="B1741" i="26"/>
  <c r="B1742" i="26"/>
  <c r="B1743" i="26"/>
  <c r="B1744" i="26"/>
  <c r="B1745" i="26"/>
  <c r="B1746" i="26"/>
  <c r="B1747" i="26"/>
  <c r="B1748" i="26"/>
  <c r="B1749" i="26"/>
  <c r="B1750" i="26"/>
  <c r="B1751" i="26"/>
  <c r="B1752" i="26"/>
  <c r="B1753" i="26"/>
  <c r="B1754" i="26"/>
  <c r="B1755" i="26"/>
  <c r="B1756" i="26"/>
  <c r="B1757" i="26"/>
  <c r="B1758" i="26"/>
  <c r="B1759" i="26"/>
  <c r="B1760" i="26"/>
  <c r="B1761" i="26"/>
  <c r="B1762" i="26"/>
  <c r="B1763" i="26"/>
  <c r="B1764" i="26"/>
  <c r="B1765" i="26"/>
  <c r="B1766" i="26"/>
  <c r="B1767" i="26"/>
  <c r="B1768" i="26"/>
  <c r="B1769" i="26"/>
  <c r="B1770" i="26"/>
  <c r="B1771" i="26"/>
  <c r="B1772" i="26"/>
  <c r="B1773" i="26"/>
  <c r="B1774" i="26"/>
  <c r="B1775" i="26"/>
  <c r="B1776" i="26"/>
  <c r="B1777" i="26"/>
  <c r="B1778" i="26"/>
  <c r="B1779" i="26"/>
  <c r="B1780" i="26"/>
  <c r="B1781" i="26"/>
  <c r="B1782" i="26"/>
  <c r="B1783" i="26"/>
  <c r="B1784" i="26"/>
  <c r="B1785" i="26"/>
  <c r="B1786" i="26"/>
  <c r="B1787" i="26"/>
  <c r="B1788" i="26"/>
  <c r="B1789" i="26"/>
  <c r="B1790" i="26"/>
  <c r="B1791" i="26"/>
  <c r="B1792" i="26"/>
  <c r="B1793" i="26"/>
  <c r="B1794" i="26"/>
  <c r="B1795" i="26"/>
  <c r="B1796" i="26"/>
  <c r="B1797" i="26"/>
  <c r="B1798" i="26"/>
  <c r="B1799" i="26"/>
  <c r="B1800" i="26"/>
  <c r="B1801" i="26"/>
  <c r="B1802" i="26"/>
  <c r="B1803" i="26"/>
  <c r="B1804" i="26"/>
  <c r="B1805" i="26"/>
  <c r="B1806" i="26"/>
  <c r="B1807" i="26"/>
  <c r="B1808" i="26"/>
  <c r="B1809" i="26"/>
  <c r="B1810" i="26"/>
  <c r="B1811" i="26"/>
  <c r="B1812" i="26"/>
  <c r="B1813" i="26"/>
  <c r="B1814" i="26"/>
  <c r="B1815" i="26"/>
  <c r="B1816" i="26"/>
  <c r="B1817" i="26"/>
  <c r="B1818" i="26"/>
  <c r="B1819" i="26"/>
  <c r="B1820" i="26"/>
  <c r="B1821" i="26"/>
  <c r="B1822" i="26"/>
  <c r="B1823" i="26"/>
  <c r="B1824" i="26"/>
  <c r="B1825" i="26"/>
  <c r="B1826" i="26"/>
  <c r="B1827" i="26"/>
  <c r="B1828" i="26"/>
  <c r="B1829" i="26"/>
  <c r="B1830" i="26"/>
  <c r="B1831" i="26"/>
  <c r="B1832" i="26"/>
  <c r="B1833" i="26"/>
  <c r="B1834" i="26"/>
  <c r="B1835" i="26"/>
  <c r="B1836" i="26"/>
  <c r="B1837" i="26"/>
  <c r="B1838" i="26"/>
  <c r="B1839" i="26"/>
  <c r="B1840" i="26"/>
  <c r="B1841" i="26"/>
  <c r="B1842" i="26"/>
  <c r="B1843" i="26"/>
  <c r="B1844" i="26"/>
  <c r="B1845" i="26"/>
  <c r="B1846" i="26"/>
  <c r="B1847" i="26"/>
  <c r="B1848" i="26"/>
  <c r="B1849" i="26"/>
  <c r="B1850" i="26"/>
  <c r="B1851" i="26"/>
  <c r="B1852" i="26"/>
  <c r="B1853" i="26"/>
  <c r="B1854" i="26"/>
  <c r="B1855" i="26"/>
  <c r="B1856" i="26"/>
  <c r="B1857" i="26"/>
  <c r="B1858" i="26"/>
  <c r="B1859" i="26"/>
  <c r="B1860" i="26"/>
  <c r="B1861" i="26"/>
  <c r="B1862" i="26"/>
  <c r="B1863" i="26"/>
  <c r="B1864" i="26"/>
  <c r="B1865" i="26"/>
  <c r="B1866" i="26"/>
  <c r="B1867" i="26"/>
  <c r="B1868" i="26"/>
  <c r="B1869" i="26"/>
  <c r="B1870" i="26"/>
  <c r="B1871" i="26"/>
  <c r="B1872" i="26"/>
  <c r="B1873" i="26"/>
  <c r="B1874" i="26"/>
  <c r="B1875" i="26"/>
  <c r="B1876" i="26"/>
  <c r="B1877" i="26"/>
  <c r="B1878" i="26"/>
  <c r="B1879" i="26"/>
  <c r="B1880" i="26"/>
  <c r="B1881" i="26"/>
  <c r="B1882" i="26"/>
  <c r="B1883" i="26"/>
  <c r="B1884" i="26"/>
  <c r="B1885" i="26"/>
  <c r="B1886" i="26"/>
  <c r="B1887" i="26"/>
  <c r="B1888" i="26"/>
  <c r="B1889" i="26"/>
  <c r="B1890" i="26"/>
  <c r="B1891" i="26"/>
  <c r="B1892" i="26"/>
  <c r="B1893" i="26"/>
  <c r="B1894" i="26"/>
  <c r="B1895" i="26"/>
  <c r="B1896" i="26"/>
  <c r="B1897" i="26"/>
  <c r="B1898" i="26"/>
  <c r="B1899" i="26"/>
  <c r="B1900" i="26"/>
  <c r="B1901" i="26"/>
  <c r="B1902" i="26"/>
  <c r="B1903" i="26"/>
  <c r="B1904" i="26"/>
  <c r="B1905" i="26"/>
  <c r="B1906" i="26"/>
  <c r="B1907" i="26"/>
  <c r="B1908" i="26"/>
  <c r="B1909" i="26"/>
  <c r="B1910" i="26"/>
  <c r="B1911" i="26"/>
  <c r="B1912" i="26"/>
  <c r="B1913" i="26"/>
  <c r="B1914" i="26"/>
  <c r="B1915" i="26"/>
  <c r="B1916" i="26"/>
  <c r="B1917" i="26"/>
  <c r="B1918" i="26"/>
  <c r="B1919" i="26"/>
  <c r="B1920" i="26"/>
  <c r="B1921" i="26"/>
  <c r="B1922" i="26"/>
  <c r="B1923" i="26"/>
  <c r="B1924" i="26"/>
  <c r="B1925" i="26"/>
  <c r="B1926" i="26"/>
  <c r="B1927" i="26"/>
  <c r="B1928" i="26"/>
  <c r="B1929" i="26"/>
  <c r="B1930" i="26"/>
  <c r="B1931" i="26"/>
  <c r="B1932" i="26"/>
  <c r="B1933" i="26"/>
  <c r="B1934" i="26"/>
  <c r="B1935" i="26"/>
  <c r="B1936" i="26"/>
  <c r="B1937" i="26"/>
  <c r="B1938" i="26"/>
  <c r="B1939" i="26"/>
  <c r="B1940" i="26"/>
  <c r="B1941" i="26"/>
  <c r="B1942" i="26"/>
  <c r="B1943" i="26"/>
  <c r="B1944" i="26"/>
  <c r="B1945" i="26"/>
  <c r="B1946" i="26"/>
  <c r="B1947" i="26"/>
  <c r="B1948" i="26"/>
  <c r="B1949" i="26"/>
  <c r="B1950" i="26"/>
  <c r="B1951" i="26"/>
  <c r="B1952" i="26"/>
  <c r="B1953" i="26"/>
  <c r="B1954" i="26"/>
  <c r="B1955" i="26"/>
  <c r="B1956" i="26"/>
  <c r="B1957" i="26"/>
  <c r="B1958" i="26"/>
  <c r="B1959" i="26"/>
  <c r="B1960" i="26"/>
  <c r="B1961" i="26"/>
  <c r="B1962" i="26"/>
  <c r="B1963" i="26"/>
  <c r="B1964" i="26"/>
  <c r="B1965" i="26"/>
  <c r="B1966" i="26"/>
  <c r="B1967" i="26"/>
  <c r="B1968" i="26"/>
  <c r="B1969" i="26"/>
  <c r="B1970" i="26"/>
  <c r="B1971" i="26"/>
  <c r="B1972" i="26"/>
  <c r="B1973" i="26"/>
  <c r="B1974" i="26"/>
  <c r="B1975" i="26"/>
  <c r="B1976" i="26"/>
  <c r="B1977" i="26"/>
  <c r="B1978" i="26"/>
  <c r="B1979" i="26"/>
  <c r="B1980" i="26"/>
  <c r="B1981" i="26"/>
  <c r="B1982" i="26"/>
  <c r="B1983" i="26"/>
  <c r="B1984" i="26"/>
  <c r="B1985" i="26"/>
  <c r="B1986" i="26"/>
  <c r="B1987" i="26"/>
  <c r="B1988" i="26"/>
  <c r="B1989" i="26"/>
  <c r="B1990" i="26"/>
  <c r="B1991" i="26"/>
  <c r="B1992" i="26"/>
  <c r="B1993" i="26"/>
  <c r="B1994" i="26"/>
  <c r="B1995" i="26"/>
  <c r="B1996" i="26"/>
  <c r="B1997" i="26"/>
  <c r="B1998" i="26"/>
  <c r="B1999" i="26"/>
  <c r="B2000" i="26"/>
  <c r="B2001" i="26"/>
  <c r="B2002" i="26"/>
  <c r="B2003" i="26"/>
  <c r="B2004" i="26"/>
  <c r="B2005" i="26"/>
  <c r="B2006" i="26"/>
  <c r="B2007" i="26"/>
  <c r="B2008" i="26"/>
  <c r="B2009" i="26"/>
  <c r="B2010" i="26"/>
  <c r="B2011" i="26"/>
  <c r="B2012" i="26"/>
  <c r="B2013" i="26"/>
  <c r="B2014" i="26"/>
  <c r="B2015" i="26"/>
  <c r="B2016" i="26"/>
  <c r="B2017" i="26"/>
  <c r="B2018" i="26"/>
  <c r="B2019" i="26"/>
  <c r="B2020" i="26"/>
  <c r="B2021" i="26"/>
  <c r="B2022" i="26"/>
  <c r="B2023" i="26"/>
  <c r="B2024" i="26"/>
  <c r="B2025" i="26"/>
  <c r="B2026" i="26"/>
  <c r="B2027" i="26"/>
  <c r="B2028" i="26"/>
  <c r="B2029" i="26"/>
  <c r="B2030" i="26"/>
  <c r="B2031" i="26"/>
  <c r="B2032" i="26"/>
  <c r="B2033" i="26"/>
  <c r="B2034" i="26"/>
  <c r="B2035" i="26"/>
  <c r="B2036" i="26"/>
  <c r="B2037" i="26"/>
  <c r="B2038" i="26"/>
  <c r="B2039" i="26"/>
  <c r="B2040" i="26"/>
  <c r="B2041" i="26"/>
  <c r="B2042" i="26"/>
  <c r="B2043" i="26"/>
  <c r="B2044" i="26"/>
  <c r="B2045" i="26"/>
  <c r="B2046" i="26"/>
  <c r="B2047" i="26"/>
  <c r="B2048" i="26"/>
  <c r="B2049" i="26"/>
  <c r="B2050" i="26"/>
  <c r="B2051" i="26"/>
  <c r="B2052" i="26"/>
  <c r="B2053" i="26"/>
  <c r="B2054" i="26"/>
  <c r="B2055" i="26"/>
  <c r="B2056" i="26"/>
  <c r="B2057" i="26"/>
  <c r="B2058" i="26"/>
  <c r="B2059" i="26"/>
  <c r="B2060" i="26"/>
  <c r="B2061" i="26"/>
  <c r="B2062" i="26"/>
  <c r="B2063" i="26"/>
  <c r="B2064" i="26"/>
  <c r="B2065" i="26"/>
  <c r="B2066" i="26"/>
  <c r="B2067" i="26"/>
  <c r="B2068" i="26"/>
  <c r="B2069" i="26"/>
  <c r="B2070" i="26"/>
  <c r="B2071" i="26"/>
  <c r="B2072" i="26"/>
  <c r="B2073" i="26"/>
  <c r="B2074" i="26"/>
  <c r="B2075" i="26"/>
  <c r="B2076" i="26"/>
  <c r="B2077" i="26"/>
  <c r="B2078" i="26"/>
  <c r="B2079" i="26"/>
  <c r="B2080" i="26"/>
  <c r="B2081" i="26"/>
  <c r="B2082" i="26"/>
  <c r="B2083" i="26"/>
  <c r="B2084" i="26"/>
  <c r="B2085" i="26"/>
  <c r="B2086" i="26"/>
  <c r="B2087" i="26"/>
  <c r="B2088" i="26"/>
  <c r="B2089" i="26"/>
  <c r="B2090" i="26"/>
  <c r="B2091" i="26"/>
  <c r="B2092" i="26"/>
  <c r="B2093" i="26"/>
  <c r="B2094" i="26"/>
  <c r="B2095" i="26"/>
  <c r="B2096" i="26"/>
  <c r="B2097" i="26"/>
  <c r="B2098" i="26"/>
  <c r="B2099" i="26"/>
  <c r="B2100" i="26"/>
  <c r="B2101" i="26"/>
  <c r="B2102" i="26"/>
  <c r="B2103" i="26"/>
  <c r="B2104" i="26"/>
  <c r="B2105" i="26"/>
  <c r="B2106" i="26"/>
  <c r="B2107" i="26"/>
  <c r="B2108" i="26"/>
  <c r="B2109" i="26"/>
  <c r="B2110" i="26"/>
  <c r="B2111" i="26"/>
  <c r="B2112" i="26"/>
  <c r="B2113" i="26"/>
  <c r="B2114" i="26"/>
  <c r="B2115" i="26"/>
  <c r="B2116" i="26"/>
  <c r="B2117" i="26"/>
  <c r="B2118" i="26"/>
  <c r="B2119" i="26"/>
  <c r="B2120" i="26"/>
  <c r="B2121" i="26"/>
  <c r="B2122" i="26"/>
  <c r="B2123" i="26"/>
  <c r="B2124" i="26"/>
  <c r="B2125" i="26"/>
  <c r="B2126" i="26"/>
  <c r="B2127" i="26"/>
  <c r="B2128" i="26"/>
  <c r="B2129" i="26"/>
  <c r="B2130" i="26"/>
  <c r="B2131" i="26"/>
  <c r="B2132" i="26"/>
  <c r="B2133" i="26"/>
  <c r="B2134" i="26"/>
  <c r="B2135" i="26"/>
  <c r="B2136" i="26"/>
  <c r="B2137" i="26"/>
  <c r="B2138" i="26"/>
  <c r="B2139" i="26"/>
  <c r="B2140" i="26"/>
  <c r="B2141" i="26"/>
  <c r="B2142" i="26"/>
  <c r="B2143" i="26"/>
  <c r="B2144" i="26"/>
  <c r="B2145" i="26"/>
  <c r="B2146" i="26"/>
  <c r="B2147" i="26"/>
  <c r="B2148" i="26"/>
  <c r="B2149" i="26"/>
  <c r="B2150" i="26"/>
  <c r="B2151" i="26"/>
  <c r="B2152" i="26"/>
  <c r="B2153" i="26"/>
  <c r="B2154" i="26"/>
  <c r="B2155" i="26"/>
  <c r="B2156" i="26"/>
  <c r="B2157" i="26"/>
  <c r="B2158" i="26"/>
  <c r="B2159" i="26"/>
  <c r="B2160" i="26"/>
  <c r="B2161" i="26"/>
  <c r="B2162" i="26"/>
  <c r="B2163" i="26"/>
  <c r="B2164" i="26"/>
  <c r="B2165" i="26"/>
  <c r="B2166" i="26"/>
  <c r="B2167" i="26"/>
  <c r="B2168" i="26"/>
  <c r="B2169" i="26"/>
  <c r="B2170" i="26"/>
  <c r="B2171" i="26"/>
  <c r="B2172" i="26"/>
  <c r="B2173" i="26"/>
  <c r="B2174" i="26"/>
  <c r="B2175" i="26"/>
  <c r="B2176" i="26"/>
  <c r="B2177" i="26"/>
  <c r="B2178" i="26"/>
  <c r="B2179" i="26"/>
  <c r="B2180" i="26"/>
  <c r="B2181" i="26"/>
  <c r="B2182" i="26"/>
  <c r="B2183" i="26"/>
  <c r="B2184" i="26"/>
  <c r="B2185" i="26"/>
  <c r="B2186" i="26"/>
  <c r="B2187" i="26"/>
  <c r="B2188" i="26"/>
  <c r="B2189" i="26"/>
  <c r="B2190" i="26"/>
  <c r="B2191" i="26"/>
  <c r="B2192" i="26"/>
  <c r="B2193" i="26"/>
  <c r="B2194" i="26"/>
  <c r="B2195" i="26"/>
  <c r="B2196" i="26"/>
  <c r="B2197" i="26"/>
  <c r="B2198" i="26"/>
  <c r="B2199" i="26"/>
  <c r="B2200" i="26"/>
  <c r="B2201" i="26"/>
  <c r="B2202" i="26"/>
  <c r="B2203" i="26"/>
  <c r="B2204" i="26"/>
  <c r="B2205" i="26"/>
  <c r="B2206" i="26"/>
  <c r="B2207" i="26"/>
  <c r="B2208" i="26"/>
  <c r="B2209" i="26"/>
  <c r="B2210" i="26"/>
  <c r="B2211" i="26"/>
  <c r="B2212" i="26"/>
  <c r="B2213" i="26"/>
  <c r="B2214" i="26"/>
  <c r="B2215" i="26"/>
  <c r="B2216" i="26"/>
  <c r="B2217" i="26"/>
  <c r="B2218" i="26"/>
  <c r="B2219" i="26"/>
  <c r="B2220" i="26"/>
  <c r="B2221" i="26"/>
  <c r="B2222" i="26"/>
  <c r="B2223" i="26"/>
  <c r="B2224" i="26"/>
  <c r="B2225" i="26"/>
  <c r="B2226" i="26"/>
  <c r="B2227" i="26"/>
  <c r="B2228" i="26"/>
  <c r="B2229" i="26"/>
  <c r="B2230" i="26"/>
  <c r="B2231" i="26"/>
  <c r="B2232" i="26"/>
  <c r="B2233" i="26"/>
  <c r="B2234" i="26"/>
  <c r="B2235" i="26"/>
  <c r="B2236" i="26"/>
  <c r="B2237" i="26"/>
  <c r="B2238" i="26"/>
  <c r="B2239" i="26"/>
  <c r="B2240" i="26"/>
  <c r="B2241" i="26"/>
  <c r="B2242" i="26"/>
  <c r="B2243" i="26"/>
  <c r="B2244" i="26"/>
  <c r="B2245" i="26"/>
  <c r="B2246" i="26"/>
  <c r="B2247" i="26"/>
  <c r="B2248" i="26"/>
  <c r="B2249" i="26"/>
  <c r="B2250" i="26"/>
  <c r="B2251" i="26"/>
  <c r="B2252" i="26"/>
  <c r="B2253" i="26"/>
  <c r="B2254" i="26"/>
  <c r="B2255" i="26"/>
  <c r="B2256" i="26"/>
  <c r="B2257" i="26"/>
  <c r="B2258" i="26"/>
  <c r="B2259" i="26"/>
  <c r="B2260" i="26"/>
  <c r="B2261" i="26"/>
  <c r="B2262" i="26"/>
  <c r="B2263" i="26"/>
  <c r="B2264" i="26"/>
  <c r="B2265" i="26"/>
  <c r="B2266" i="26"/>
  <c r="B2267" i="26"/>
  <c r="B2268" i="26"/>
  <c r="B2269" i="26"/>
  <c r="B2270" i="26"/>
  <c r="B2271" i="26"/>
  <c r="B2272" i="26"/>
  <c r="B2273" i="26"/>
  <c r="B2274" i="26"/>
  <c r="B2275" i="26"/>
  <c r="B2276" i="26"/>
  <c r="B2277" i="26"/>
  <c r="B2278" i="26"/>
  <c r="B2279" i="26"/>
  <c r="B2280" i="26"/>
  <c r="B2281" i="26"/>
  <c r="B2282" i="26"/>
  <c r="B2283" i="26"/>
  <c r="B2284" i="26"/>
  <c r="B2285" i="26"/>
  <c r="B2286" i="26"/>
  <c r="B2287" i="26"/>
  <c r="B2288" i="26"/>
  <c r="B2289" i="26"/>
  <c r="B2290" i="26"/>
  <c r="B2291" i="26"/>
  <c r="B2292" i="26"/>
  <c r="B2293" i="26"/>
  <c r="B2294" i="26"/>
  <c r="B2295" i="26"/>
  <c r="B2296" i="26"/>
  <c r="B2297" i="26"/>
  <c r="B2298" i="26"/>
  <c r="B2299" i="26"/>
  <c r="B2300" i="26"/>
  <c r="B2301" i="26"/>
  <c r="B2302" i="26"/>
  <c r="B2303" i="26"/>
  <c r="B2304" i="26"/>
  <c r="B2305" i="26"/>
  <c r="B2306" i="26"/>
  <c r="B2307" i="26"/>
  <c r="B2308" i="26"/>
  <c r="B2309" i="26"/>
  <c r="B2310" i="26"/>
  <c r="B2311" i="26"/>
  <c r="B2312" i="26"/>
  <c r="B2313" i="26"/>
  <c r="B2314" i="26"/>
  <c r="B2315" i="26"/>
  <c r="B2316" i="26"/>
  <c r="B2317" i="26"/>
  <c r="B2318" i="26"/>
  <c r="B2319" i="26"/>
  <c r="B2320" i="26"/>
  <c r="B2321" i="26"/>
  <c r="B2322" i="26"/>
  <c r="B2323" i="26"/>
  <c r="B2324" i="26"/>
  <c r="B2325" i="26"/>
  <c r="B2326" i="26"/>
  <c r="B2327" i="26"/>
  <c r="B2328" i="26"/>
  <c r="B2329" i="26"/>
  <c r="B2330" i="26"/>
  <c r="B2331" i="26"/>
  <c r="B2332" i="26"/>
  <c r="B2333" i="26"/>
  <c r="B2334" i="26"/>
  <c r="B2335" i="26"/>
  <c r="B2336" i="26"/>
  <c r="B2337" i="26"/>
  <c r="B2338" i="26"/>
  <c r="B2339" i="26"/>
  <c r="B2340" i="26"/>
  <c r="B2341" i="26"/>
  <c r="B2342" i="26"/>
  <c r="B2343" i="26"/>
  <c r="B2344" i="26"/>
  <c r="B2345" i="26"/>
  <c r="B2346" i="26"/>
  <c r="B2347" i="26"/>
  <c r="B2348" i="26"/>
  <c r="B2349" i="26"/>
  <c r="B2350" i="26"/>
  <c r="B2351" i="26"/>
  <c r="B2352" i="26"/>
  <c r="B2353" i="26"/>
  <c r="B2354" i="26"/>
  <c r="B2355" i="26"/>
  <c r="B2356" i="26"/>
  <c r="B2357" i="26"/>
  <c r="B2358" i="26"/>
  <c r="B2359" i="26"/>
  <c r="B2360" i="26"/>
  <c r="B2361" i="26"/>
  <c r="B2362" i="26"/>
  <c r="B2363" i="26"/>
  <c r="B2364" i="26"/>
  <c r="B2365" i="26"/>
  <c r="B2366" i="26"/>
  <c r="B2367" i="26"/>
  <c r="B2368" i="26"/>
  <c r="B2369" i="26"/>
  <c r="B2370" i="26"/>
  <c r="B2371" i="26"/>
  <c r="B2372" i="26"/>
  <c r="B2373" i="26"/>
  <c r="B2374" i="26"/>
  <c r="B2375" i="26"/>
  <c r="B2376" i="26"/>
  <c r="B2377" i="26"/>
  <c r="B2378" i="26"/>
  <c r="B2379" i="26"/>
  <c r="B2380" i="26"/>
  <c r="B2381" i="26"/>
  <c r="B2382" i="26"/>
  <c r="B2383" i="26"/>
  <c r="B2384" i="26"/>
  <c r="B2385" i="26"/>
  <c r="B2386" i="26"/>
  <c r="B2387" i="26"/>
  <c r="B2388" i="26"/>
  <c r="B2389" i="26"/>
  <c r="B2390" i="26"/>
  <c r="B2391" i="26"/>
  <c r="B2392" i="26"/>
  <c r="B2393" i="26"/>
  <c r="B2394" i="26"/>
  <c r="B2395" i="26"/>
  <c r="B2396" i="26"/>
  <c r="B2397" i="26"/>
  <c r="B2398" i="26"/>
  <c r="B2399" i="26"/>
  <c r="B2400" i="26"/>
  <c r="B2401" i="26"/>
  <c r="B2402" i="26"/>
  <c r="B2403" i="26"/>
  <c r="B2404" i="26"/>
  <c r="B2405" i="26"/>
  <c r="B2406" i="26"/>
  <c r="B2407" i="26"/>
  <c r="B2408" i="26"/>
  <c r="B2409" i="26"/>
  <c r="B2410" i="26"/>
  <c r="B2411" i="26"/>
  <c r="B2412" i="26"/>
  <c r="B2413" i="26"/>
  <c r="B2414" i="26"/>
  <c r="B2415" i="26"/>
  <c r="B2416" i="26"/>
  <c r="B2417" i="26"/>
  <c r="B2418" i="26"/>
  <c r="B2419" i="26"/>
  <c r="B2420" i="26"/>
  <c r="B2421" i="26"/>
  <c r="B2422" i="26"/>
  <c r="B2423" i="26"/>
  <c r="B2424" i="26"/>
  <c r="B2425" i="26"/>
  <c r="B2426" i="26"/>
  <c r="B2427" i="26"/>
  <c r="B2428" i="26"/>
  <c r="B2429" i="26"/>
  <c r="B2430" i="26"/>
  <c r="B2431" i="26"/>
  <c r="B2432" i="26"/>
  <c r="B2433" i="26"/>
  <c r="B2434" i="26"/>
  <c r="B2435" i="26"/>
  <c r="B2436" i="26"/>
  <c r="B2437" i="26"/>
  <c r="B2438" i="26"/>
  <c r="B2439" i="26"/>
  <c r="B2440" i="26"/>
  <c r="B2441" i="26"/>
  <c r="B2442" i="26"/>
  <c r="B2443" i="26"/>
  <c r="B2444" i="26"/>
  <c r="B2445" i="26"/>
  <c r="B2446" i="26"/>
  <c r="B2447" i="26"/>
  <c r="B2448" i="26"/>
  <c r="B2449" i="26"/>
  <c r="B2450" i="26"/>
  <c r="B2451" i="26"/>
  <c r="B2452" i="26"/>
  <c r="B2453" i="26"/>
  <c r="B2454" i="26"/>
  <c r="B2455" i="26"/>
  <c r="B2456" i="26"/>
  <c r="B2457" i="26"/>
  <c r="B2458" i="26"/>
  <c r="B2459" i="26"/>
  <c r="B2460" i="26"/>
  <c r="B2461" i="26"/>
  <c r="B2462" i="26"/>
  <c r="B2463" i="26"/>
  <c r="B2464" i="26"/>
  <c r="B2465" i="26"/>
  <c r="B2466" i="26"/>
  <c r="B2467" i="26"/>
  <c r="B2468" i="26"/>
  <c r="B2469" i="26"/>
  <c r="B2470" i="26"/>
  <c r="B2471" i="26"/>
  <c r="B2472" i="26"/>
  <c r="B2473" i="26"/>
  <c r="B2474" i="26"/>
  <c r="B2475" i="26"/>
  <c r="B2476" i="26"/>
  <c r="B2477" i="26"/>
  <c r="B2478" i="26"/>
  <c r="B2479" i="26"/>
  <c r="B2480" i="26"/>
  <c r="B2481" i="26"/>
  <c r="B2482" i="26"/>
  <c r="B2483" i="26"/>
  <c r="B2484" i="26"/>
  <c r="B2485" i="26"/>
  <c r="B2486" i="26"/>
  <c r="B2487" i="26"/>
  <c r="B2488" i="26"/>
  <c r="B2489" i="26"/>
  <c r="B2490" i="26"/>
  <c r="B2491" i="26"/>
  <c r="B2492" i="26"/>
  <c r="B2493" i="26"/>
  <c r="B2494" i="26"/>
  <c r="B2495" i="26"/>
  <c r="B2496" i="26"/>
  <c r="B2497" i="26"/>
  <c r="B2498" i="26"/>
  <c r="B2499" i="26"/>
  <c r="B2500" i="26"/>
  <c r="B2501" i="26"/>
  <c r="B2502" i="26"/>
  <c r="B2503" i="26"/>
  <c r="B2504" i="26"/>
  <c r="B2505" i="26"/>
  <c r="B2506" i="26"/>
  <c r="B2507" i="26"/>
  <c r="B2508" i="26"/>
  <c r="B2509" i="26"/>
  <c r="B2510" i="26"/>
  <c r="B2511" i="26"/>
  <c r="B2512" i="26"/>
  <c r="B2513" i="26"/>
  <c r="B2514" i="26"/>
  <c r="B2515" i="26"/>
  <c r="B2516" i="26"/>
  <c r="B2517" i="26"/>
  <c r="B2518" i="26"/>
  <c r="B2519" i="26"/>
  <c r="B2520" i="26"/>
  <c r="B2521" i="26"/>
  <c r="B2522" i="26"/>
  <c r="B2523" i="26"/>
  <c r="B2524" i="26"/>
  <c r="B2525" i="26"/>
  <c r="B2526" i="26"/>
  <c r="B2527" i="26"/>
  <c r="B2528" i="26"/>
  <c r="B2529" i="26"/>
  <c r="B2530" i="26"/>
  <c r="B2531" i="26"/>
  <c r="B2532" i="26"/>
  <c r="B2533" i="26"/>
  <c r="B2534" i="26"/>
  <c r="B2535" i="26"/>
  <c r="B2536" i="26"/>
  <c r="B2537" i="26"/>
  <c r="B2538" i="26"/>
  <c r="B2539" i="26"/>
  <c r="B2540" i="26"/>
  <c r="B2541" i="26"/>
  <c r="B2542" i="26"/>
  <c r="B2543" i="26"/>
  <c r="B2544" i="26"/>
  <c r="B2545" i="26"/>
  <c r="B2546" i="26"/>
  <c r="B2547" i="26"/>
  <c r="B2548" i="26"/>
  <c r="B2549" i="26"/>
  <c r="B2550" i="26"/>
  <c r="B2551" i="26"/>
  <c r="B2552" i="26"/>
  <c r="B2553" i="26"/>
  <c r="B2554" i="26"/>
  <c r="B2555" i="26"/>
  <c r="B2556" i="26"/>
  <c r="B2557" i="26"/>
  <c r="B2558" i="26"/>
  <c r="B2559" i="26"/>
  <c r="B2560" i="26"/>
  <c r="B2561" i="26"/>
  <c r="B2562" i="26"/>
  <c r="B2563" i="26"/>
  <c r="B2564" i="26"/>
  <c r="B2565" i="26"/>
  <c r="B2566" i="26"/>
  <c r="B2567" i="26"/>
  <c r="B2568" i="26"/>
  <c r="B2569" i="26"/>
  <c r="B2570" i="26"/>
  <c r="B2571" i="26"/>
  <c r="B2572" i="26"/>
  <c r="B2573" i="26"/>
  <c r="B2574" i="26"/>
  <c r="B2575" i="26"/>
  <c r="B2576" i="26"/>
  <c r="B2577" i="26"/>
  <c r="B2578" i="26"/>
  <c r="B2579" i="26"/>
  <c r="B2580" i="26"/>
  <c r="B2581" i="26"/>
  <c r="B2582" i="26"/>
  <c r="B2583" i="26"/>
  <c r="B2584" i="26"/>
  <c r="B2585" i="26"/>
  <c r="B2586" i="26"/>
  <c r="B2587" i="26"/>
  <c r="B2588" i="26"/>
  <c r="B2589" i="26"/>
  <c r="B2590" i="26"/>
  <c r="B2591" i="26"/>
  <c r="B2592" i="26"/>
  <c r="B2593" i="26"/>
  <c r="B2594" i="26"/>
  <c r="B2595" i="26"/>
  <c r="B2596" i="26"/>
  <c r="B2597" i="26"/>
  <c r="B2598" i="26"/>
  <c r="B2599" i="26"/>
  <c r="B2600" i="26"/>
  <c r="B2601" i="26"/>
  <c r="B2602" i="26"/>
  <c r="B2603" i="26"/>
  <c r="B2604" i="26"/>
  <c r="B2605" i="26"/>
  <c r="B2606" i="26"/>
  <c r="B2607" i="26"/>
  <c r="B2608" i="26"/>
  <c r="B2609" i="26"/>
  <c r="B2610" i="26"/>
  <c r="B2611" i="26"/>
  <c r="B2612" i="26"/>
  <c r="B2613" i="26"/>
  <c r="B2614" i="26"/>
  <c r="B2615" i="26"/>
  <c r="B2616" i="26"/>
  <c r="B2617" i="26"/>
  <c r="B2618" i="26"/>
  <c r="B2619" i="26"/>
  <c r="B2620" i="26"/>
  <c r="B2621" i="26"/>
  <c r="B2622" i="26"/>
  <c r="B2623" i="26"/>
  <c r="B2624" i="26"/>
  <c r="B2625" i="26"/>
  <c r="B2626" i="26"/>
  <c r="B2627" i="26"/>
  <c r="B2628" i="26"/>
  <c r="B2629" i="26"/>
  <c r="B2630" i="26"/>
  <c r="B2631" i="26"/>
  <c r="B2632" i="26"/>
  <c r="B2633" i="26"/>
  <c r="B2634" i="26"/>
  <c r="B2635" i="26"/>
  <c r="B2636" i="26"/>
  <c r="B2637" i="26"/>
  <c r="B2638" i="26"/>
  <c r="B2639" i="26"/>
  <c r="B2640" i="26"/>
  <c r="B2641" i="26"/>
  <c r="B2642" i="26"/>
  <c r="B2643" i="26"/>
  <c r="B2644" i="26"/>
  <c r="B2645" i="26"/>
  <c r="B2646" i="26"/>
  <c r="B2647" i="26"/>
  <c r="B2648" i="26"/>
  <c r="B2649" i="26"/>
  <c r="B2650" i="26"/>
  <c r="B2651" i="26"/>
  <c r="B2652" i="26"/>
  <c r="B2653" i="26"/>
  <c r="B2654" i="26"/>
  <c r="B2655" i="26"/>
  <c r="B2656" i="26"/>
  <c r="B2657" i="26"/>
  <c r="B2658" i="26"/>
  <c r="B2659" i="26"/>
  <c r="B2660" i="26"/>
  <c r="B2661" i="26"/>
  <c r="B2662" i="26"/>
  <c r="B2663" i="26"/>
  <c r="B2664" i="26"/>
  <c r="B2665" i="26"/>
  <c r="B2666" i="26"/>
  <c r="B2667" i="26"/>
  <c r="B2668" i="26"/>
  <c r="B2669" i="26"/>
  <c r="B2670" i="26"/>
  <c r="B2671" i="26"/>
  <c r="B2672" i="26"/>
  <c r="B2673" i="26"/>
  <c r="B2674" i="26"/>
  <c r="B2675" i="26"/>
  <c r="B2676" i="26"/>
  <c r="B2677" i="26"/>
  <c r="B2678" i="26"/>
  <c r="B2679" i="26"/>
  <c r="B2680" i="26"/>
  <c r="B2681" i="26"/>
  <c r="B2682" i="26"/>
  <c r="B2683" i="26"/>
  <c r="B2684" i="26"/>
  <c r="B2685" i="26"/>
  <c r="B2686" i="26"/>
  <c r="B2687" i="26"/>
  <c r="B2688" i="26"/>
  <c r="B2689" i="26"/>
  <c r="B2690" i="26"/>
  <c r="B2691" i="26"/>
  <c r="B2692" i="26"/>
  <c r="B2693" i="26"/>
  <c r="B2694" i="26"/>
  <c r="B2695" i="26"/>
  <c r="B2696" i="26"/>
  <c r="B2697" i="26"/>
  <c r="B2698" i="26"/>
  <c r="B2699" i="26"/>
  <c r="B2700" i="26"/>
  <c r="B2701" i="26"/>
  <c r="B2702" i="26"/>
  <c r="B2703" i="26"/>
  <c r="B2704" i="26"/>
  <c r="B2705" i="26"/>
  <c r="B2706" i="26"/>
  <c r="B2707" i="26"/>
  <c r="B2708" i="26"/>
  <c r="B2709" i="26"/>
  <c r="B2710" i="26"/>
  <c r="B2711" i="26"/>
  <c r="B2712" i="26"/>
  <c r="B2713" i="26"/>
  <c r="B2714" i="26"/>
  <c r="B2715" i="26"/>
  <c r="B2716" i="26"/>
  <c r="B2717" i="26"/>
  <c r="B2718" i="26"/>
  <c r="B2719" i="26"/>
  <c r="B2720" i="26"/>
  <c r="B2721" i="26"/>
  <c r="B2722" i="26"/>
  <c r="B2723" i="26"/>
  <c r="B2724" i="26"/>
  <c r="B2725" i="26"/>
  <c r="B2726" i="26"/>
  <c r="B2727" i="26"/>
  <c r="B2728" i="26"/>
  <c r="B2729" i="26"/>
  <c r="B2730" i="26"/>
  <c r="B2731" i="26"/>
  <c r="B2732" i="26"/>
  <c r="B2733" i="26"/>
  <c r="B2734" i="26"/>
  <c r="B2735" i="26"/>
  <c r="B2736" i="26"/>
  <c r="B2737" i="26"/>
  <c r="B2738" i="26"/>
  <c r="B2739" i="26"/>
  <c r="B2740" i="26"/>
  <c r="B2741" i="26"/>
  <c r="B2742" i="26"/>
  <c r="B2743" i="26"/>
  <c r="B2744" i="26"/>
  <c r="B2745" i="26"/>
  <c r="B2746" i="26"/>
  <c r="B2747" i="26"/>
  <c r="B2748" i="26"/>
  <c r="B2749" i="26"/>
  <c r="B2750" i="26"/>
  <c r="B2751" i="26"/>
  <c r="B2752" i="26"/>
  <c r="B2753" i="26"/>
  <c r="B2754" i="26"/>
  <c r="B2755" i="26"/>
  <c r="B2756" i="26"/>
  <c r="B2757" i="26"/>
  <c r="B2758" i="26"/>
  <c r="B2759" i="26"/>
  <c r="B2760" i="26"/>
  <c r="B2761" i="26"/>
  <c r="B2762" i="26"/>
  <c r="B2763" i="26"/>
  <c r="B2764" i="26"/>
  <c r="B2765" i="26"/>
  <c r="B2766" i="26"/>
  <c r="B2767" i="26"/>
  <c r="B2768" i="26"/>
  <c r="B2769" i="26"/>
  <c r="B2770" i="26"/>
  <c r="B2771" i="26"/>
  <c r="B2772" i="26"/>
  <c r="B2773" i="26"/>
  <c r="B2774" i="26"/>
  <c r="B2775" i="26"/>
  <c r="B2776" i="26"/>
  <c r="B2777" i="26"/>
  <c r="B2778" i="26"/>
  <c r="B2779" i="26"/>
  <c r="B2780" i="26"/>
  <c r="B2781" i="26"/>
  <c r="B2782" i="26"/>
  <c r="B2783" i="26"/>
  <c r="B2784" i="26"/>
  <c r="B2785" i="26"/>
  <c r="B2786" i="26"/>
  <c r="B2787" i="26"/>
  <c r="B2788" i="26"/>
  <c r="B2789" i="26"/>
  <c r="B2790" i="26"/>
  <c r="B2791" i="26"/>
  <c r="B2792" i="26"/>
  <c r="B2793" i="26"/>
  <c r="B2794" i="26"/>
  <c r="B2795" i="26"/>
  <c r="B2796" i="26"/>
  <c r="B2797" i="26"/>
  <c r="B2798" i="26"/>
  <c r="B2799" i="26"/>
  <c r="B2800" i="26"/>
  <c r="B2801" i="26"/>
  <c r="B2802" i="26"/>
  <c r="B2803" i="26"/>
  <c r="B2804" i="26"/>
  <c r="B2805" i="26"/>
  <c r="B2806" i="26"/>
  <c r="B2807" i="26"/>
  <c r="B2808" i="26"/>
  <c r="B2809" i="26"/>
  <c r="B2810" i="26"/>
  <c r="B2811" i="26"/>
  <c r="B2812" i="26"/>
  <c r="B2813" i="26"/>
  <c r="B2814" i="26"/>
  <c r="B2815" i="26"/>
  <c r="B2816" i="26"/>
  <c r="B2817" i="26"/>
  <c r="B2818" i="26"/>
  <c r="B2819" i="26"/>
  <c r="B2820" i="26"/>
  <c r="B2821" i="26"/>
  <c r="B2822" i="26"/>
  <c r="B2823" i="26"/>
  <c r="B2824" i="26"/>
  <c r="B2825" i="26"/>
  <c r="B2826" i="26"/>
  <c r="B2827" i="26"/>
  <c r="B2828" i="26"/>
  <c r="B2829" i="26"/>
  <c r="B2830" i="26"/>
  <c r="B2831" i="26"/>
  <c r="B2832" i="26"/>
  <c r="B2833" i="26"/>
  <c r="B2834" i="26"/>
  <c r="B2835" i="26"/>
  <c r="B2836" i="26"/>
  <c r="B2837" i="26"/>
  <c r="B2838" i="26"/>
  <c r="B2839" i="26"/>
  <c r="B2840" i="26"/>
  <c r="B2841" i="26"/>
  <c r="B2842" i="26"/>
  <c r="B2843" i="26"/>
  <c r="B2844" i="26"/>
  <c r="B2845" i="26"/>
  <c r="B2846" i="26"/>
  <c r="B2847" i="26"/>
  <c r="B2848" i="26"/>
  <c r="B2849" i="26"/>
  <c r="B2850" i="26"/>
  <c r="B2851" i="26"/>
  <c r="B2852" i="26"/>
  <c r="B2853" i="26"/>
  <c r="B2854" i="26"/>
  <c r="B2855" i="26"/>
  <c r="B2856" i="26"/>
  <c r="B2857" i="26"/>
  <c r="B2858" i="26"/>
  <c r="B2859" i="26"/>
  <c r="B2860" i="26"/>
  <c r="B2861" i="26"/>
  <c r="B2862" i="26"/>
  <c r="B2863" i="26"/>
  <c r="B2864" i="26"/>
  <c r="B2865" i="26"/>
  <c r="B2866" i="26"/>
  <c r="B2867" i="26"/>
  <c r="B2868" i="26"/>
  <c r="B2869" i="26"/>
  <c r="B2870" i="26"/>
  <c r="B2871" i="26"/>
  <c r="B2872" i="26"/>
  <c r="B2873" i="26"/>
  <c r="B2874" i="26"/>
  <c r="B2875" i="26"/>
  <c r="B2876" i="26"/>
  <c r="B2877" i="26"/>
  <c r="B2878" i="26"/>
  <c r="B2879" i="26"/>
  <c r="B2880" i="26"/>
  <c r="B2881" i="26"/>
  <c r="B2882" i="26"/>
  <c r="B2883" i="26"/>
  <c r="B2884" i="26"/>
  <c r="B2885" i="26"/>
  <c r="B2886" i="26"/>
  <c r="B2887" i="26"/>
  <c r="B2888" i="26"/>
  <c r="B2889" i="26"/>
  <c r="B2890" i="26"/>
  <c r="B2891" i="26"/>
  <c r="B2892" i="26"/>
  <c r="B2893" i="26"/>
  <c r="B2894" i="26"/>
  <c r="B2895" i="26"/>
  <c r="B2896" i="26"/>
  <c r="B2897" i="26"/>
  <c r="B2898" i="26"/>
  <c r="B2899" i="26"/>
  <c r="B2900" i="26"/>
  <c r="B2901" i="26"/>
  <c r="B2902" i="26"/>
  <c r="B2903" i="26"/>
  <c r="B2904" i="26"/>
  <c r="B2905" i="26"/>
  <c r="B2906" i="26"/>
  <c r="B2907" i="26"/>
  <c r="B2908" i="26"/>
  <c r="B2909" i="26"/>
  <c r="B2910" i="26"/>
  <c r="B2911" i="26"/>
  <c r="B2912" i="26"/>
  <c r="B2913" i="26"/>
  <c r="B2914" i="26"/>
  <c r="B2915" i="26"/>
  <c r="B2916" i="26"/>
  <c r="B2917" i="26"/>
  <c r="B2918" i="26"/>
  <c r="B2919" i="26"/>
  <c r="B2920" i="26"/>
  <c r="B2921" i="26"/>
  <c r="B2922" i="26"/>
  <c r="B2923" i="26"/>
  <c r="B2924" i="26"/>
  <c r="B2925" i="26"/>
  <c r="B2926" i="26"/>
  <c r="B2927" i="26"/>
  <c r="B2928" i="26"/>
  <c r="B2929" i="26"/>
  <c r="B2930" i="26"/>
  <c r="B2931" i="26"/>
  <c r="B2932" i="26"/>
  <c r="B2933" i="26"/>
  <c r="B2934" i="26"/>
  <c r="B2935" i="26"/>
  <c r="B2936" i="26"/>
  <c r="B2937" i="26"/>
  <c r="B2938" i="26"/>
  <c r="B2939" i="26"/>
  <c r="B2940" i="26"/>
  <c r="B2941" i="26"/>
  <c r="B2942" i="26"/>
  <c r="B2943" i="26"/>
  <c r="B2944" i="26"/>
  <c r="B2945" i="26"/>
  <c r="B2946" i="26"/>
  <c r="B2947" i="26"/>
  <c r="B2948" i="26"/>
  <c r="B2949" i="26"/>
  <c r="B2950" i="26"/>
  <c r="B2951" i="26"/>
  <c r="B2952" i="26"/>
  <c r="B2953" i="26"/>
  <c r="B2954" i="26"/>
  <c r="B2955" i="26"/>
  <c r="B2956" i="26"/>
  <c r="B2957" i="26"/>
  <c r="B2958" i="26"/>
  <c r="B2959" i="26"/>
  <c r="B2960" i="26"/>
  <c r="B2961" i="26"/>
  <c r="B2962" i="26"/>
  <c r="B2963" i="26"/>
  <c r="B2964" i="26"/>
  <c r="B2965" i="26"/>
  <c r="B2966" i="26"/>
  <c r="B2967" i="26"/>
  <c r="B2968" i="26"/>
  <c r="B2969" i="26"/>
  <c r="B2970" i="26"/>
  <c r="B2971" i="26"/>
  <c r="B2972" i="26"/>
  <c r="B2973" i="26"/>
  <c r="B2974" i="26"/>
  <c r="B2975" i="26"/>
  <c r="B2976" i="26"/>
  <c r="B2977" i="26"/>
  <c r="B2978" i="26"/>
  <c r="B2979" i="26"/>
  <c r="B2980" i="26"/>
  <c r="B2981" i="26"/>
  <c r="B2982" i="26"/>
  <c r="B2983" i="26"/>
  <c r="B2984" i="26"/>
  <c r="B2985" i="26"/>
  <c r="B2986" i="26"/>
  <c r="B2987" i="26"/>
  <c r="B2988" i="26"/>
  <c r="B2989" i="26"/>
  <c r="B2990" i="26"/>
  <c r="B2991" i="26"/>
  <c r="B2992" i="26"/>
  <c r="B2993" i="26"/>
  <c r="B2994" i="26"/>
  <c r="B2995" i="26"/>
  <c r="B2996" i="26"/>
  <c r="B2997" i="26"/>
  <c r="B2998" i="26"/>
  <c r="B2999" i="26"/>
  <c r="B3000" i="26"/>
  <c r="B3001" i="26"/>
  <c r="B3002" i="26"/>
  <c r="B3003" i="26"/>
  <c r="B3004" i="26"/>
  <c r="B3005" i="26"/>
  <c r="B3006" i="26"/>
  <c r="B3007" i="26"/>
  <c r="B3008" i="26"/>
  <c r="B3009" i="26"/>
  <c r="B3010" i="26"/>
  <c r="B3011" i="26"/>
  <c r="B3012" i="26"/>
  <c r="B3013" i="26"/>
  <c r="B3014" i="26"/>
  <c r="B3015" i="26"/>
  <c r="B3016" i="26"/>
  <c r="B3017" i="26"/>
  <c r="B3018" i="26"/>
  <c r="B3019" i="26"/>
  <c r="B3020" i="26"/>
  <c r="B3021" i="26"/>
  <c r="B3022" i="26"/>
  <c r="B3023" i="26"/>
  <c r="B3024" i="26"/>
  <c r="B3025" i="26"/>
  <c r="B3026" i="26"/>
  <c r="B3027" i="26"/>
  <c r="B3028" i="26"/>
  <c r="B3029" i="26"/>
  <c r="B3030" i="26"/>
  <c r="B3031" i="26"/>
  <c r="B3032" i="26"/>
  <c r="B3033" i="26"/>
  <c r="B3034" i="26"/>
  <c r="B3035" i="26"/>
  <c r="B3036" i="26"/>
  <c r="B3037" i="26"/>
  <c r="B3038" i="26"/>
  <c r="B3039" i="26"/>
  <c r="B3040" i="26"/>
  <c r="B3041" i="26"/>
  <c r="B3042" i="26"/>
  <c r="B3043" i="26"/>
  <c r="B3044" i="26"/>
  <c r="B3045" i="26"/>
  <c r="B3046" i="26"/>
  <c r="B3047" i="26"/>
  <c r="B3048" i="26"/>
  <c r="B3049" i="26"/>
  <c r="B3050" i="26"/>
  <c r="B3051" i="26"/>
  <c r="B3052" i="26"/>
  <c r="B3053" i="26"/>
  <c r="B3054" i="26"/>
  <c r="B3055" i="26"/>
  <c r="B3056" i="26"/>
  <c r="B3057" i="26"/>
  <c r="B3058" i="26"/>
  <c r="B3059" i="26"/>
  <c r="B3060" i="26"/>
  <c r="B3061" i="26"/>
  <c r="B3062" i="26"/>
  <c r="B3063" i="26"/>
  <c r="B3064" i="26"/>
  <c r="B3065" i="26"/>
  <c r="B3066" i="26"/>
  <c r="B3067" i="26"/>
  <c r="B3068" i="26"/>
  <c r="B3069" i="26"/>
  <c r="B3070" i="26"/>
  <c r="B3071" i="26"/>
  <c r="B3072" i="26"/>
  <c r="B3073" i="26"/>
  <c r="B3074" i="26"/>
  <c r="B3075" i="26"/>
  <c r="B3076" i="26"/>
  <c r="B3077" i="26"/>
  <c r="B3078" i="26"/>
  <c r="B3079" i="26"/>
  <c r="B3080" i="26"/>
  <c r="B3081" i="26"/>
  <c r="B3082" i="26"/>
  <c r="B3083" i="26"/>
  <c r="B3084" i="26"/>
  <c r="B3085" i="26"/>
  <c r="B3086" i="26"/>
  <c r="B3087" i="26"/>
  <c r="B3088" i="26"/>
  <c r="B3089" i="26"/>
  <c r="B3090" i="26"/>
  <c r="B3091" i="26"/>
  <c r="B3092" i="26"/>
  <c r="B3093" i="26"/>
  <c r="B3094" i="26"/>
  <c r="B3095" i="26"/>
  <c r="B3096" i="26"/>
  <c r="B3097" i="26"/>
  <c r="B3098" i="26"/>
  <c r="B3099" i="26"/>
  <c r="B3100" i="26"/>
  <c r="B3101" i="26"/>
  <c r="B3102" i="26"/>
  <c r="B3103" i="26"/>
  <c r="B3104" i="26"/>
  <c r="B3105" i="26"/>
  <c r="B3106" i="26"/>
  <c r="B3107" i="26"/>
  <c r="B3108" i="26"/>
  <c r="B3109" i="26"/>
  <c r="B3110" i="26"/>
  <c r="B3111" i="26"/>
  <c r="B3112" i="26"/>
  <c r="B3113" i="26"/>
  <c r="B3114" i="26"/>
  <c r="B3115" i="26"/>
  <c r="B3116" i="26"/>
  <c r="B3117" i="26"/>
  <c r="B3118" i="26"/>
  <c r="B3119" i="26"/>
  <c r="B3120" i="26"/>
  <c r="B3121" i="26"/>
  <c r="B3122" i="26"/>
  <c r="B3123" i="26"/>
  <c r="B3124" i="26"/>
  <c r="B3125" i="26"/>
  <c r="B3126" i="26"/>
  <c r="B3127" i="26"/>
  <c r="B3128" i="26"/>
  <c r="B3129" i="26"/>
  <c r="B3130" i="26"/>
  <c r="B3131" i="26"/>
  <c r="B3132" i="26"/>
  <c r="B3133" i="26"/>
  <c r="B3134" i="26"/>
  <c r="B3135" i="26"/>
  <c r="B3136" i="26"/>
  <c r="B3137" i="26"/>
  <c r="B3138" i="26"/>
  <c r="B3139" i="26"/>
  <c r="B3140" i="26"/>
  <c r="B3141" i="26"/>
  <c r="B3142" i="26"/>
  <c r="B3143" i="26"/>
  <c r="B3144" i="26"/>
  <c r="B3145" i="26"/>
  <c r="B3146" i="26"/>
  <c r="B3147" i="26"/>
  <c r="B3148" i="26"/>
  <c r="B3149" i="26"/>
  <c r="B3150" i="26"/>
  <c r="B3151" i="26"/>
  <c r="B3152" i="26"/>
  <c r="B3153" i="26"/>
  <c r="B3154" i="26"/>
  <c r="B3155" i="26"/>
  <c r="B3156" i="26"/>
  <c r="B3157" i="26"/>
  <c r="B3158" i="26"/>
  <c r="B3159" i="26"/>
  <c r="B3160" i="26"/>
  <c r="B3161" i="26"/>
  <c r="B3162" i="26"/>
  <c r="B3163" i="26"/>
  <c r="B3164" i="26"/>
  <c r="B3165" i="26"/>
  <c r="B3166" i="26"/>
  <c r="B3167" i="26"/>
  <c r="B3168" i="26"/>
  <c r="B3169" i="26"/>
  <c r="B3170" i="26"/>
  <c r="B3171" i="26"/>
  <c r="B3172" i="26"/>
  <c r="B3173" i="26"/>
  <c r="B3174" i="26"/>
  <c r="B3175" i="26"/>
  <c r="B3176" i="26"/>
  <c r="B3177" i="26"/>
  <c r="B3178" i="26"/>
  <c r="B3179" i="26"/>
  <c r="B3180" i="26"/>
  <c r="B3181" i="26"/>
  <c r="B3182" i="26"/>
  <c r="B3183" i="26"/>
  <c r="B3184" i="26"/>
  <c r="B3185" i="26"/>
  <c r="B3186" i="26"/>
  <c r="B3187" i="26"/>
  <c r="B3188" i="26"/>
  <c r="B3189" i="26"/>
  <c r="B3190" i="26"/>
  <c r="B3191" i="26"/>
  <c r="B3192" i="26"/>
  <c r="B3193" i="26"/>
  <c r="B3194" i="26"/>
  <c r="B3195" i="26"/>
  <c r="B3196" i="26"/>
  <c r="B3197" i="26"/>
  <c r="B3198" i="26"/>
  <c r="B3199" i="26"/>
  <c r="B3200" i="26"/>
  <c r="B3201" i="26"/>
  <c r="B3202" i="26"/>
  <c r="B3203" i="26"/>
  <c r="B3204" i="26"/>
  <c r="B3205" i="26"/>
  <c r="B3206" i="26"/>
  <c r="B3207" i="26"/>
  <c r="B3208" i="26"/>
  <c r="B3209" i="26"/>
  <c r="B3210" i="26"/>
  <c r="B3211" i="26"/>
  <c r="B3212" i="26"/>
  <c r="B3213" i="26"/>
  <c r="B3214" i="26"/>
  <c r="B3215" i="26"/>
  <c r="B3216" i="26"/>
  <c r="B3217" i="26"/>
  <c r="B3218" i="26"/>
  <c r="B3219" i="26"/>
  <c r="B3220" i="26"/>
  <c r="B3221" i="26"/>
  <c r="B3222" i="26"/>
  <c r="B3223" i="26"/>
  <c r="B3224" i="26"/>
  <c r="B3225" i="26"/>
  <c r="B3226" i="26"/>
  <c r="B3227" i="26"/>
  <c r="B3228" i="26"/>
  <c r="B3229" i="26"/>
  <c r="B3230" i="26"/>
  <c r="B3231" i="26"/>
  <c r="B3232" i="26"/>
  <c r="B3233" i="26"/>
  <c r="B3234" i="26"/>
  <c r="B3235" i="26"/>
  <c r="B3236" i="26"/>
  <c r="B3237" i="26"/>
  <c r="B3238" i="26"/>
  <c r="B3239" i="26"/>
  <c r="B3240" i="26"/>
  <c r="B3241" i="26"/>
  <c r="B3242" i="26"/>
  <c r="B3243" i="26"/>
  <c r="B3244" i="26"/>
  <c r="B3245" i="26"/>
  <c r="B3246" i="26"/>
  <c r="B3247" i="26"/>
  <c r="B3248" i="26"/>
  <c r="B3249" i="26"/>
  <c r="B3250" i="26"/>
  <c r="B3251" i="26"/>
  <c r="B3252" i="26"/>
  <c r="B3253" i="26"/>
  <c r="B3254" i="26"/>
  <c r="B3255" i="26"/>
  <c r="B3256" i="26"/>
  <c r="B3257" i="26"/>
  <c r="B3258" i="26"/>
  <c r="B3259" i="26"/>
  <c r="B3260" i="26"/>
  <c r="B3261" i="26"/>
  <c r="B3262" i="26"/>
  <c r="B3263" i="26"/>
  <c r="B3264" i="26"/>
  <c r="B3265" i="26"/>
  <c r="B3266" i="26"/>
  <c r="B3267" i="26"/>
  <c r="B3268" i="26"/>
  <c r="B3269" i="26"/>
  <c r="B3270" i="26"/>
  <c r="B3271" i="26"/>
  <c r="B3272" i="26"/>
  <c r="B3273" i="26"/>
  <c r="B3274" i="26"/>
  <c r="B3275" i="26"/>
  <c r="B3276" i="26"/>
  <c r="B3277" i="26"/>
  <c r="B3278" i="26"/>
  <c r="B3279" i="26"/>
  <c r="B3280" i="26"/>
  <c r="B3281" i="26"/>
  <c r="B3282" i="26"/>
  <c r="B3283" i="26"/>
  <c r="B3284" i="26"/>
  <c r="B3285" i="26"/>
  <c r="B3286" i="26"/>
  <c r="B3287" i="26"/>
  <c r="B3288" i="26"/>
  <c r="B3289" i="26"/>
  <c r="B3290" i="26"/>
  <c r="B3291" i="26"/>
  <c r="B3292" i="26"/>
  <c r="B3293" i="26"/>
  <c r="B3294" i="26"/>
  <c r="B3295" i="26"/>
  <c r="B3296" i="26"/>
  <c r="B3297" i="26"/>
  <c r="B3298" i="26"/>
  <c r="B3299" i="26"/>
  <c r="B3300" i="26"/>
  <c r="B3301" i="26"/>
  <c r="B3302" i="26"/>
  <c r="B3303" i="26"/>
  <c r="B3304" i="26"/>
  <c r="B3305" i="26"/>
  <c r="B3306" i="26"/>
  <c r="B3307" i="26"/>
  <c r="B3308" i="26"/>
  <c r="B3309" i="26"/>
  <c r="B3310" i="26"/>
  <c r="B3311" i="26"/>
  <c r="B3312" i="26"/>
  <c r="B3313" i="26"/>
  <c r="B3314" i="26"/>
  <c r="B3315" i="26"/>
  <c r="B3316" i="26"/>
  <c r="B3317" i="26"/>
  <c r="B3318" i="26"/>
  <c r="B3319" i="26"/>
  <c r="B3320" i="26"/>
  <c r="B3321" i="26"/>
  <c r="B3322" i="26"/>
  <c r="B3323" i="26"/>
  <c r="B3324" i="26"/>
  <c r="B3325" i="26"/>
  <c r="B3326" i="26"/>
  <c r="B3327" i="26"/>
  <c r="B3328" i="26"/>
  <c r="B3329" i="26"/>
  <c r="B3330" i="26"/>
  <c r="B3331" i="26"/>
  <c r="B3332" i="26"/>
  <c r="B3333" i="26"/>
  <c r="B3334" i="26"/>
  <c r="B3335" i="26"/>
  <c r="B3336" i="26"/>
  <c r="B3337" i="26"/>
  <c r="B3338" i="26"/>
  <c r="B3339" i="26"/>
  <c r="B3340" i="26"/>
  <c r="B3341" i="26"/>
  <c r="B3342" i="26"/>
  <c r="B3343" i="26"/>
  <c r="B3344" i="26"/>
  <c r="B3345" i="26"/>
  <c r="B3346" i="26"/>
  <c r="B3347" i="26"/>
  <c r="B3348" i="26"/>
  <c r="B3349" i="26"/>
  <c r="B3350" i="26"/>
  <c r="B3351" i="26"/>
  <c r="B3352" i="26"/>
  <c r="B3353" i="26"/>
  <c r="B3354" i="26"/>
  <c r="B3355" i="26"/>
  <c r="B3356" i="26"/>
  <c r="B3357" i="26"/>
  <c r="B3358" i="26"/>
  <c r="B3359" i="26"/>
  <c r="B3360" i="26"/>
  <c r="B3361" i="26"/>
  <c r="B3362" i="26"/>
  <c r="B3363" i="26"/>
  <c r="B3364" i="26"/>
  <c r="B3365" i="26"/>
  <c r="B3366" i="26"/>
  <c r="B3367" i="26"/>
  <c r="B3368" i="26"/>
  <c r="B3369" i="26"/>
  <c r="B3370" i="26"/>
  <c r="B3371" i="26"/>
  <c r="B3372" i="26"/>
  <c r="B3373" i="26"/>
  <c r="B3374" i="26"/>
  <c r="B3375" i="26"/>
  <c r="B3376" i="26"/>
  <c r="B3377" i="26"/>
  <c r="B3378" i="26"/>
  <c r="B3379" i="26"/>
  <c r="B3380" i="26"/>
  <c r="B3381" i="26"/>
  <c r="B3382" i="26"/>
  <c r="B3383" i="26"/>
  <c r="B3384" i="26"/>
  <c r="B3385" i="26"/>
  <c r="B3386" i="26"/>
  <c r="B3387" i="26"/>
  <c r="B3388" i="26"/>
  <c r="B3389" i="26"/>
  <c r="B3390" i="26"/>
  <c r="B3391" i="26"/>
  <c r="B3392" i="26"/>
  <c r="B3393" i="26"/>
  <c r="B3394" i="26"/>
  <c r="B3395" i="26"/>
  <c r="B3396" i="26"/>
  <c r="B3397" i="26"/>
  <c r="B3398" i="26"/>
  <c r="B3399" i="26"/>
  <c r="B3400" i="26"/>
  <c r="B3401" i="26"/>
  <c r="B3402" i="26"/>
  <c r="B3403" i="26"/>
  <c r="B3404" i="26"/>
  <c r="B3405" i="26"/>
  <c r="B3406" i="26"/>
  <c r="B3407" i="26"/>
  <c r="B3408" i="26"/>
  <c r="B3409" i="26"/>
  <c r="B3410" i="26"/>
  <c r="B3411" i="26"/>
  <c r="B3412" i="26"/>
  <c r="B3413" i="26"/>
  <c r="B3414" i="26"/>
  <c r="B3415" i="26"/>
  <c r="B3416" i="26"/>
  <c r="B3417" i="26"/>
  <c r="B3418" i="26"/>
  <c r="B3419" i="26"/>
  <c r="B3420" i="26"/>
  <c r="B3421" i="26"/>
  <c r="B3422" i="26"/>
  <c r="B3423" i="26"/>
  <c r="B3424" i="26"/>
  <c r="B3425" i="26"/>
  <c r="B3426" i="26"/>
  <c r="B3427" i="26"/>
  <c r="B3428" i="26"/>
  <c r="B3429" i="26"/>
  <c r="B3430" i="26"/>
  <c r="B3431" i="26"/>
  <c r="B3432" i="26"/>
  <c r="B3433" i="26"/>
  <c r="B3434" i="26"/>
  <c r="B3435" i="26"/>
  <c r="B3436" i="26"/>
  <c r="B3437" i="26"/>
  <c r="B3438" i="26"/>
  <c r="B3439" i="26"/>
  <c r="B3440" i="26"/>
  <c r="B3441" i="26"/>
  <c r="B3442" i="26"/>
  <c r="B3443" i="26"/>
  <c r="B3444" i="26"/>
  <c r="B3445" i="26"/>
  <c r="B3446" i="26"/>
  <c r="B3447" i="26"/>
  <c r="B3448" i="26"/>
  <c r="B3449" i="26"/>
  <c r="B3450" i="26"/>
  <c r="B3451" i="26"/>
  <c r="B3452" i="26"/>
  <c r="B3453" i="26"/>
  <c r="B3454" i="26"/>
  <c r="B3455" i="26"/>
  <c r="B3456" i="26"/>
  <c r="B3457" i="26"/>
  <c r="B3458" i="26"/>
  <c r="B3459" i="26"/>
  <c r="B3460" i="26"/>
  <c r="B3461" i="26"/>
  <c r="B3462" i="26"/>
  <c r="B3463" i="26"/>
  <c r="B3464" i="26"/>
  <c r="B3465" i="26"/>
  <c r="B3466" i="26"/>
  <c r="B3467" i="26"/>
  <c r="B3468" i="26"/>
  <c r="B3469" i="26"/>
  <c r="B3470" i="26"/>
  <c r="B3471" i="26"/>
  <c r="B3472" i="26"/>
  <c r="B3473" i="26"/>
  <c r="B3474" i="26"/>
  <c r="B3475" i="26"/>
  <c r="B3476" i="26"/>
  <c r="B3477" i="26"/>
  <c r="B3478" i="26"/>
  <c r="B3479" i="26"/>
  <c r="B3480" i="26"/>
  <c r="B3481" i="26"/>
  <c r="B3482" i="26"/>
  <c r="B3483" i="26"/>
  <c r="B3484" i="26"/>
  <c r="B3485" i="26"/>
  <c r="B3486" i="26"/>
  <c r="B3487" i="26"/>
  <c r="B3488" i="26"/>
  <c r="B3489" i="26"/>
  <c r="B3490" i="26"/>
  <c r="B3491" i="26"/>
  <c r="B3492" i="26"/>
  <c r="B3493" i="26"/>
  <c r="B3494" i="26"/>
  <c r="B3495" i="26"/>
  <c r="B3496" i="26"/>
  <c r="B3497" i="26"/>
  <c r="B3498" i="26"/>
  <c r="B3499" i="26"/>
  <c r="B3500" i="26"/>
  <c r="B3501" i="26"/>
  <c r="B3502" i="26"/>
  <c r="B3503" i="26"/>
  <c r="B3504" i="26"/>
  <c r="B3505" i="26"/>
  <c r="B3506" i="26"/>
  <c r="B3507" i="26"/>
  <c r="B3508" i="26"/>
  <c r="B3509" i="26"/>
  <c r="B3510" i="26"/>
  <c r="B3511" i="26"/>
  <c r="B3512" i="26"/>
  <c r="B3513" i="26"/>
  <c r="B3514" i="26"/>
  <c r="B3515" i="26"/>
  <c r="B3516" i="26"/>
  <c r="B3517" i="26"/>
  <c r="B3518" i="26"/>
  <c r="B3519" i="26"/>
  <c r="B3520" i="26"/>
  <c r="B3521" i="26"/>
  <c r="B3522" i="26"/>
  <c r="B3523" i="26"/>
  <c r="B3524" i="26"/>
  <c r="B3525" i="26"/>
  <c r="B3526" i="26"/>
  <c r="B3527" i="26"/>
  <c r="B3528" i="26"/>
  <c r="B3529" i="26"/>
  <c r="B3530" i="26"/>
  <c r="B3531" i="26"/>
  <c r="B3532" i="26"/>
  <c r="B3533" i="26"/>
  <c r="B3534" i="26"/>
  <c r="B3535" i="26"/>
  <c r="B3536" i="26"/>
  <c r="B3537" i="26"/>
  <c r="B3538" i="26"/>
  <c r="B3539" i="26"/>
  <c r="B3540" i="26"/>
  <c r="B3541" i="26"/>
  <c r="B3542" i="26"/>
  <c r="B3543" i="26"/>
  <c r="B3544" i="26"/>
  <c r="B3545" i="26"/>
  <c r="B3546" i="26"/>
  <c r="B3547" i="26"/>
  <c r="B3548" i="26"/>
  <c r="B3549" i="26"/>
  <c r="B3550" i="26"/>
  <c r="B3551" i="26"/>
  <c r="B3552" i="26"/>
  <c r="B3553" i="26"/>
  <c r="B3554" i="26"/>
  <c r="B3555" i="26"/>
  <c r="B3556" i="26"/>
  <c r="B3557" i="26"/>
  <c r="B3558" i="26"/>
  <c r="B3559" i="26"/>
  <c r="B3560" i="26"/>
  <c r="B3561" i="26"/>
  <c r="B3562" i="26"/>
  <c r="B3563" i="26"/>
  <c r="B3564" i="26"/>
  <c r="B3565" i="26"/>
  <c r="B3566" i="26"/>
  <c r="B3567" i="26"/>
  <c r="B3568" i="26"/>
  <c r="B3569" i="26"/>
  <c r="B3570" i="26"/>
  <c r="B3571" i="26"/>
  <c r="B3572" i="26"/>
  <c r="B3573" i="26"/>
  <c r="B3574" i="26"/>
  <c r="B3575" i="26"/>
  <c r="B3576" i="26"/>
  <c r="B3577" i="26"/>
  <c r="B3578" i="26"/>
  <c r="B3579" i="26"/>
  <c r="B3580" i="26"/>
  <c r="B3581" i="26"/>
  <c r="B3582" i="26"/>
  <c r="B3583" i="26"/>
  <c r="B3584" i="26"/>
  <c r="B3585" i="26"/>
  <c r="B3586" i="26"/>
  <c r="B3587" i="26"/>
  <c r="B3588" i="26"/>
  <c r="B3589" i="26"/>
  <c r="B3590" i="26"/>
  <c r="B3591" i="26"/>
  <c r="B3592" i="26"/>
  <c r="B3593" i="26"/>
  <c r="B3594" i="26"/>
  <c r="B3595" i="26"/>
  <c r="B3596" i="26"/>
  <c r="B3597" i="26"/>
  <c r="B3598" i="26"/>
  <c r="B3599" i="26"/>
  <c r="B3600" i="26"/>
  <c r="B3601" i="26"/>
  <c r="B3602" i="26"/>
  <c r="B3603" i="26"/>
  <c r="B3604" i="26"/>
  <c r="B3605" i="26"/>
  <c r="B3606" i="26"/>
  <c r="B3607" i="26"/>
  <c r="B3608" i="26"/>
  <c r="B3609" i="26"/>
  <c r="B3610" i="26"/>
  <c r="B3611" i="26"/>
  <c r="B3612" i="26"/>
  <c r="B3613" i="26"/>
  <c r="B3614" i="26"/>
  <c r="B3615" i="26"/>
  <c r="B3616" i="26"/>
  <c r="B3617" i="26"/>
  <c r="B3618" i="26"/>
  <c r="B3619" i="26"/>
  <c r="B3620" i="26"/>
  <c r="B3621" i="26"/>
  <c r="B3622" i="26"/>
  <c r="B3623" i="26"/>
  <c r="B3624" i="26"/>
  <c r="B3625" i="26"/>
  <c r="B3626" i="26"/>
  <c r="B3627" i="26"/>
  <c r="B3628" i="26"/>
  <c r="B3629" i="26"/>
  <c r="B3630" i="26"/>
  <c r="B3631" i="26"/>
  <c r="B3632" i="26"/>
  <c r="B3633" i="26"/>
  <c r="B3634" i="26"/>
  <c r="B3635" i="26"/>
  <c r="B3636" i="26"/>
  <c r="B3637" i="26"/>
  <c r="B3638" i="26"/>
  <c r="B3639" i="26"/>
  <c r="B3640" i="26"/>
  <c r="B3641" i="26"/>
  <c r="B3642" i="26"/>
  <c r="B3643" i="26"/>
  <c r="B3644" i="26"/>
  <c r="B3645" i="26"/>
  <c r="B3646" i="26"/>
  <c r="B3647" i="26"/>
  <c r="B3648" i="26"/>
  <c r="B3649" i="26"/>
  <c r="B3650" i="26"/>
  <c r="B3651" i="26"/>
  <c r="B3652" i="26"/>
  <c r="B3653" i="26"/>
  <c r="B3654" i="26"/>
  <c r="B3655" i="26"/>
  <c r="B3656" i="26"/>
  <c r="B3657" i="26"/>
  <c r="B3658" i="26"/>
  <c r="B3659" i="26"/>
  <c r="B3660" i="26"/>
  <c r="B3661" i="26"/>
  <c r="B3662" i="26"/>
  <c r="B3663" i="26"/>
  <c r="B3664" i="26"/>
  <c r="B3665" i="26"/>
  <c r="B3666" i="26"/>
  <c r="B3667" i="26"/>
  <c r="B3668" i="26"/>
  <c r="B3669" i="26"/>
  <c r="B3670" i="26"/>
  <c r="B3671" i="26"/>
  <c r="B3672" i="26"/>
  <c r="B3673" i="26"/>
  <c r="B3674" i="26"/>
  <c r="B3675" i="26"/>
  <c r="B3676" i="26"/>
  <c r="B3677" i="26"/>
  <c r="B3678" i="26"/>
  <c r="B3679" i="26"/>
  <c r="B3680" i="26"/>
  <c r="B3681" i="26"/>
  <c r="B3682" i="26"/>
  <c r="B3683" i="26"/>
  <c r="B3684" i="26"/>
  <c r="B3685" i="26"/>
  <c r="B3686" i="26"/>
  <c r="B3687" i="26"/>
  <c r="B3688" i="26"/>
  <c r="B3689" i="26"/>
  <c r="B3690" i="26"/>
  <c r="B3691" i="26"/>
  <c r="B3692" i="26"/>
  <c r="B3693" i="26"/>
  <c r="B3694" i="26"/>
  <c r="B3695" i="26"/>
  <c r="B3696" i="26"/>
  <c r="B3697" i="26"/>
  <c r="B3698" i="26"/>
  <c r="B3699" i="26"/>
  <c r="B3700" i="26"/>
  <c r="B3701" i="26"/>
  <c r="B3702" i="26"/>
  <c r="B3703" i="26"/>
  <c r="B3704" i="26"/>
  <c r="B3705" i="26"/>
  <c r="B3706" i="26"/>
  <c r="B3707" i="26"/>
  <c r="B3708" i="26"/>
  <c r="B3709" i="26"/>
  <c r="B3710" i="26"/>
  <c r="B3711" i="26"/>
  <c r="B3712" i="26"/>
  <c r="B3713" i="26"/>
  <c r="B3714" i="26"/>
  <c r="B3715" i="26"/>
  <c r="B3716" i="26"/>
  <c r="B3717" i="26"/>
  <c r="B3718" i="26"/>
  <c r="B3719" i="26"/>
  <c r="B3720" i="26"/>
  <c r="B3721" i="26"/>
  <c r="B3722" i="26"/>
  <c r="B3723" i="26"/>
  <c r="B3724" i="26"/>
  <c r="B3725" i="26"/>
  <c r="B3726" i="26"/>
  <c r="B3727" i="26"/>
  <c r="B3728" i="26"/>
  <c r="B3729" i="26"/>
  <c r="B3730" i="26"/>
  <c r="B3731" i="26"/>
  <c r="B3732" i="26"/>
  <c r="B3733" i="26"/>
  <c r="B3734" i="26"/>
  <c r="B3735" i="26"/>
  <c r="B3736" i="26"/>
  <c r="B3737" i="26"/>
  <c r="B3738" i="26"/>
  <c r="B3739" i="26"/>
  <c r="B3740" i="26"/>
  <c r="B3741" i="26"/>
  <c r="B3742" i="26"/>
  <c r="B3743" i="26"/>
  <c r="B3744" i="26"/>
  <c r="B3745" i="26"/>
  <c r="B3746" i="26"/>
  <c r="B3747" i="26"/>
  <c r="B3748" i="26"/>
  <c r="B3749" i="26"/>
  <c r="B3750" i="26"/>
  <c r="B3751" i="26"/>
  <c r="B3752" i="26"/>
  <c r="B3753" i="26"/>
  <c r="B3754" i="26"/>
  <c r="B3755" i="26"/>
  <c r="B3756" i="26"/>
  <c r="B3757" i="26"/>
  <c r="B3758" i="26"/>
  <c r="B3759" i="26"/>
  <c r="B3760" i="26"/>
  <c r="B3761" i="26"/>
  <c r="B3762" i="26"/>
  <c r="B3763" i="26"/>
  <c r="B3764" i="26"/>
  <c r="B3765" i="26"/>
  <c r="B3766" i="26"/>
  <c r="B3767" i="26"/>
  <c r="B3768" i="26"/>
  <c r="B3769" i="26"/>
  <c r="B3770" i="26"/>
  <c r="B3771" i="26"/>
  <c r="B3772" i="26"/>
  <c r="B3773" i="26"/>
  <c r="B3774" i="26"/>
  <c r="B3775" i="26"/>
  <c r="B3776" i="26"/>
  <c r="B3777" i="26"/>
  <c r="B3778" i="26"/>
  <c r="B3779" i="26"/>
  <c r="B3780" i="26"/>
  <c r="B3781" i="26"/>
  <c r="B3782" i="26"/>
  <c r="B3783" i="26"/>
  <c r="B3784" i="26"/>
  <c r="B3785" i="26"/>
  <c r="B3786" i="26"/>
  <c r="B3787" i="26"/>
  <c r="B3788" i="26"/>
  <c r="B3789" i="26"/>
  <c r="B3790" i="26"/>
  <c r="B3791" i="26"/>
  <c r="B3792" i="26"/>
  <c r="B3793" i="26"/>
  <c r="B3794" i="26"/>
  <c r="B3795" i="26"/>
  <c r="B3796" i="26"/>
  <c r="B3797" i="26"/>
  <c r="B3798" i="26"/>
  <c r="B3799" i="26"/>
  <c r="B3800" i="26"/>
  <c r="B3801" i="26"/>
  <c r="B3802" i="26"/>
  <c r="B3803" i="26"/>
  <c r="B3804" i="26"/>
  <c r="B3805" i="26"/>
  <c r="B3806" i="26"/>
  <c r="B3807" i="26"/>
  <c r="B3808" i="26"/>
  <c r="B3809" i="26"/>
  <c r="B3810" i="26"/>
  <c r="B3811" i="26"/>
  <c r="B3812" i="26"/>
  <c r="B3813" i="26"/>
  <c r="B3814" i="26"/>
  <c r="B3815" i="26"/>
  <c r="B3816" i="26"/>
  <c r="B3817" i="26"/>
  <c r="B3818" i="26"/>
  <c r="B3819" i="26"/>
  <c r="B3820" i="26"/>
  <c r="B3821" i="26"/>
  <c r="B3822" i="26"/>
  <c r="B3823" i="26"/>
  <c r="B3824" i="26"/>
  <c r="B3825" i="26"/>
  <c r="B3826" i="26"/>
  <c r="B3827" i="26"/>
  <c r="B3828" i="26"/>
  <c r="B3829" i="26"/>
  <c r="B3830" i="26"/>
  <c r="B3831" i="26"/>
  <c r="B3832" i="26"/>
  <c r="B3833" i="26"/>
  <c r="B3834" i="26"/>
  <c r="B3835" i="26"/>
  <c r="B3836" i="26"/>
  <c r="B3837" i="26"/>
  <c r="B3838" i="26"/>
  <c r="B3839" i="26"/>
  <c r="B3840" i="26"/>
  <c r="B3841" i="26"/>
  <c r="B3842" i="26"/>
  <c r="B3843" i="26"/>
  <c r="B3844" i="26"/>
  <c r="B3845" i="26"/>
  <c r="B3846" i="26"/>
  <c r="B3847" i="26"/>
  <c r="B3848" i="26"/>
  <c r="B3849" i="26"/>
  <c r="B3850" i="26"/>
  <c r="B3851" i="26"/>
  <c r="B3852" i="26"/>
  <c r="B3853" i="26"/>
  <c r="B3854" i="26"/>
  <c r="B3855" i="26"/>
  <c r="B3856" i="26"/>
  <c r="B3857" i="26"/>
  <c r="B3858" i="26"/>
  <c r="B3859" i="26"/>
  <c r="B3860" i="26"/>
  <c r="B3861" i="26"/>
  <c r="B3862" i="26"/>
  <c r="B3863" i="26"/>
  <c r="B3864" i="26"/>
  <c r="B3865" i="26"/>
  <c r="B3866" i="26"/>
  <c r="B3867" i="26"/>
  <c r="B3868" i="26"/>
  <c r="B3869" i="26"/>
  <c r="B3870" i="26"/>
  <c r="B3871" i="26"/>
  <c r="B3872" i="26"/>
  <c r="B3873" i="26"/>
  <c r="B3874" i="26"/>
  <c r="B3875" i="26"/>
  <c r="B3876" i="26"/>
  <c r="B3877" i="26"/>
  <c r="B3878" i="26"/>
  <c r="B3879" i="26"/>
  <c r="B3880" i="26"/>
  <c r="B3881" i="26"/>
  <c r="B3882" i="26"/>
  <c r="B3883" i="26"/>
  <c r="B3884" i="26"/>
  <c r="B3885" i="26"/>
  <c r="B3886" i="26"/>
  <c r="B3887" i="26"/>
  <c r="B3888" i="26"/>
  <c r="B3889" i="26"/>
  <c r="B3890" i="26"/>
  <c r="B3891" i="26"/>
  <c r="B3892" i="26"/>
  <c r="B3893" i="26"/>
  <c r="B3894" i="26"/>
  <c r="B3895" i="26"/>
  <c r="B3896" i="26"/>
  <c r="B3897" i="26"/>
  <c r="B3898" i="26"/>
  <c r="B3899" i="26"/>
  <c r="B3900" i="26"/>
  <c r="B3901" i="26"/>
  <c r="B3902" i="26"/>
  <c r="B3903" i="26"/>
  <c r="B3904" i="26"/>
  <c r="B3905" i="26"/>
  <c r="B3906" i="26"/>
  <c r="B3907" i="26"/>
  <c r="B3908" i="26"/>
  <c r="B3909" i="26"/>
  <c r="B3910" i="26"/>
  <c r="B3911" i="26"/>
  <c r="B3912" i="26"/>
  <c r="B3913" i="26"/>
  <c r="B3914" i="26"/>
  <c r="B3915" i="26"/>
  <c r="B3916" i="26"/>
  <c r="B3917" i="26"/>
  <c r="B3918" i="26"/>
  <c r="B3919" i="26"/>
  <c r="B3920" i="26"/>
  <c r="B3921" i="26"/>
  <c r="B3922" i="26"/>
  <c r="B3923" i="26"/>
  <c r="B3924" i="26"/>
  <c r="B3925" i="26"/>
  <c r="B3926" i="26"/>
  <c r="B3927" i="26"/>
  <c r="B3928" i="26"/>
  <c r="B3929" i="26"/>
  <c r="B3930" i="26"/>
  <c r="B3931" i="26"/>
  <c r="B3932" i="26"/>
  <c r="B3933" i="26"/>
  <c r="B3934" i="26"/>
  <c r="B3935" i="26"/>
  <c r="B3936" i="26"/>
  <c r="B3937" i="26"/>
  <c r="B3938" i="26"/>
  <c r="B3939" i="26"/>
  <c r="B3940" i="26"/>
  <c r="B3941" i="26"/>
  <c r="B3942" i="26"/>
  <c r="B3943" i="26"/>
  <c r="B3944" i="26"/>
  <c r="B3945" i="26"/>
  <c r="B3946" i="26"/>
  <c r="B3947" i="26"/>
  <c r="B3948" i="26"/>
  <c r="B3949" i="26"/>
  <c r="B3950" i="26"/>
  <c r="B3951" i="26"/>
  <c r="B3952" i="26"/>
  <c r="B3953" i="26"/>
  <c r="B3954" i="26"/>
  <c r="B3955" i="26"/>
  <c r="B3956" i="26"/>
  <c r="B3957" i="26"/>
  <c r="B3958" i="26"/>
  <c r="B3959" i="26"/>
  <c r="B3960" i="26"/>
  <c r="B3961" i="26"/>
  <c r="B3962" i="26"/>
  <c r="B3963" i="26"/>
  <c r="B3964" i="26"/>
  <c r="B3965" i="26"/>
  <c r="B3966" i="26"/>
  <c r="B3967" i="26"/>
  <c r="B3968" i="26"/>
  <c r="B3969" i="26"/>
  <c r="B3970" i="26"/>
  <c r="B3971" i="26"/>
  <c r="B3972" i="26"/>
  <c r="B3973" i="26"/>
  <c r="B3974" i="26"/>
  <c r="B3975" i="26"/>
  <c r="B3976" i="26"/>
  <c r="B3977" i="26"/>
  <c r="B3978" i="26"/>
  <c r="B3979" i="26"/>
  <c r="B3980" i="26"/>
  <c r="B3981" i="26"/>
  <c r="B3982" i="26"/>
  <c r="B3983" i="26"/>
  <c r="B3984" i="26"/>
  <c r="B3985" i="26"/>
  <c r="B3986" i="26"/>
  <c r="B3987" i="26"/>
  <c r="B3988" i="26"/>
  <c r="B3989" i="26"/>
  <c r="B3990" i="26"/>
  <c r="B3991" i="26"/>
  <c r="B3992" i="26"/>
  <c r="B3993" i="26"/>
  <c r="B3994" i="26"/>
  <c r="B3995" i="26"/>
  <c r="B3996" i="26"/>
  <c r="B3997" i="26"/>
  <c r="B3998" i="26"/>
  <c r="B3999" i="26"/>
  <c r="B4000" i="26"/>
  <c r="B4001" i="26"/>
  <c r="B4002" i="26"/>
  <c r="B4003" i="26"/>
  <c r="B4004" i="26"/>
  <c r="B4005" i="26"/>
  <c r="B4006" i="26"/>
  <c r="B4007" i="26"/>
  <c r="B4008" i="26"/>
  <c r="B4009" i="26"/>
  <c r="B4010" i="26"/>
  <c r="B4011" i="26"/>
  <c r="B4012" i="26"/>
  <c r="B4013" i="26"/>
  <c r="B4014" i="26"/>
  <c r="B4015" i="26"/>
  <c r="B4016" i="26"/>
  <c r="B4017" i="26"/>
  <c r="B4018" i="26"/>
  <c r="B4019" i="26"/>
  <c r="B4020" i="26"/>
  <c r="B4021" i="26"/>
  <c r="B4022" i="26"/>
  <c r="B4023" i="26"/>
  <c r="B4024" i="26"/>
  <c r="B4025" i="26"/>
  <c r="B4026" i="26"/>
  <c r="B4027" i="26"/>
  <c r="B4028" i="26"/>
  <c r="B4029" i="26"/>
  <c r="B4030" i="26"/>
  <c r="B4031" i="26"/>
  <c r="B4032" i="26"/>
  <c r="B4033" i="26"/>
  <c r="B4034" i="26"/>
  <c r="B4035" i="26"/>
  <c r="B4036" i="26"/>
  <c r="B4037" i="26"/>
  <c r="B4038" i="26"/>
  <c r="B4039" i="26"/>
  <c r="B4040" i="26"/>
  <c r="B4041" i="26"/>
  <c r="B4042" i="26"/>
  <c r="B4043" i="26"/>
  <c r="B4044" i="26"/>
  <c r="B4045" i="26"/>
  <c r="B4046" i="26"/>
  <c r="B4047" i="26"/>
  <c r="B4048" i="26"/>
  <c r="B4049" i="26"/>
  <c r="B4050" i="26"/>
  <c r="B4051" i="26"/>
  <c r="B4052" i="26"/>
  <c r="B4053" i="26"/>
  <c r="B4054" i="26"/>
  <c r="B4055" i="26"/>
  <c r="B4056" i="26"/>
  <c r="B4057" i="26"/>
  <c r="B4058" i="26"/>
  <c r="B4059" i="26"/>
  <c r="B4060" i="26"/>
  <c r="B4061" i="26"/>
  <c r="B4062" i="26"/>
  <c r="B4063" i="26"/>
  <c r="B4064" i="26"/>
  <c r="B4065" i="26"/>
  <c r="B4066" i="26"/>
  <c r="B4067" i="26"/>
  <c r="B4068" i="26"/>
  <c r="B4069" i="26"/>
  <c r="B4070" i="26"/>
  <c r="B4071" i="26"/>
  <c r="B4072" i="26"/>
  <c r="B4073" i="26"/>
  <c r="B4074" i="26"/>
  <c r="B4075" i="26"/>
  <c r="B4076" i="26"/>
  <c r="B4077" i="26"/>
  <c r="B4078" i="26"/>
  <c r="B4079" i="26"/>
  <c r="B4080" i="26"/>
  <c r="B4081" i="26"/>
  <c r="B4082" i="26"/>
  <c r="B4083" i="26"/>
  <c r="B4084" i="26"/>
  <c r="B4085" i="26"/>
  <c r="B4086" i="26"/>
  <c r="B4087" i="26"/>
  <c r="B4088" i="26"/>
  <c r="B4089" i="26"/>
  <c r="B4090" i="26"/>
  <c r="B4091" i="26"/>
  <c r="B4092" i="26"/>
  <c r="B4093" i="26"/>
  <c r="B4094" i="26"/>
  <c r="B4095" i="26"/>
  <c r="B4096" i="26"/>
  <c r="B4097" i="26"/>
  <c r="B4098" i="26"/>
  <c r="B4099" i="26"/>
  <c r="B4100" i="26"/>
  <c r="B4101" i="26"/>
  <c r="B4102" i="26"/>
  <c r="B4103" i="26"/>
  <c r="B4104" i="26"/>
  <c r="B4105" i="26"/>
  <c r="B4106" i="26"/>
  <c r="B4107" i="26"/>
  <c r="B4108" i="26"/>
  <c r="B4109" i="26"/>
  <c r="B4110" i="26"/>
  <c r="B4111" i="26"/>
  <c r="B4112" i="26"/>
  <c r="B4113" i="26"/>
  <c r="B4114" i="26"/>
  <c r="B4115" i="26"/>
  <c r="B4116" i="26"/>
  <c r="B4117" i="26"/>
  <c r="B4118" i="26"/>
  <c r="B4119" i="26"/>
  <c r="B4120" i="26"/>
  <c r="B4121" i="26"/>
  <c r="B4122" i="26"/>
  <c r="B4123" i="26"/>
  <c r="B4124" i="26"/>
  <c r="B4125" i="26"/>
  <c r="B4126" i="26"/>
  <c r="B4127" i="26"/>
  <c r="B4128" i="26"/>
  <c r="B4129" i="26"/>
  <c r="B4130" i="26"/>
  <c r="B4131" i="26"/>
  <c r="B4132" i="26"/>
  <c r="B4133" i="26"/>
  <c r="B4134" i="26"/>
  <c r="B4135" i="26"/>
  <c r="B4136" i="26"/>
  <c r="B4137" i="26"/>
  <c r="B4138" i="26"/>
  <c r="B4139" i="26"/>
  <c r="B4140" i="26"/>
  <c r="B4141" i="26"/>
  <c r="B4142" i="26"/>
  <c r="B4143" i="26"/>
  <c r="B4144" i="26"/>
  <c r="B4145" i="26"/>
  <c r="B4146" i="26"/>
  <c r="B4147" i="26"/>
  <c r="B4148" i="26"/>
  <c r="B4149" i="26"/>
  <c r="B4150" i="26"/>
  <c r="B4151" i="26"/>
  <c r="B4152" i="26"/>
  <c r="B4153" i="26"/>
  <c r="B4154" i="26"/>
  <c r="B4155" i="26"/>
  <c r="B4156" i="26"/>
  <c r="B4157" i="26"/>
  <c r="B4158" i="26"/>
  <c r="B4159" i="26"/>
  <c r="B4160" i="26"/>
  <c r="B4161" i="26"/>
  <c r="B4162" i="26"/>
  <c r="B4163" i="26"/>
  <c r="B4164" i="26"/>
  <c r="B4165" i="26"/>
  <c r="B4166" i="26"/>
  <c r="B4167" i="26"/>
  <c r="B4168" i="26"/>
  <c r="B4169" i="26"/>
  <c r="B4170" i="26"/>
  <c r="B4171" i="26"/>
  <c r="B4172" i="26"/>
  <c r="B4173" i="26"/>
  <c r="B4174" i="26"/>
  <c r="B4175" i="26"/>
  <c r="B4176" i="26"/>
  <c r="B4177" i="26"/>
  <c r="B4178" i="26"/>
  <c r="B4179" i="26"/>
  <c r="B4180" i="26"/>
  <c r="B4181" i="26"/>
  <c r="B4182" i="26"/>
  <c r="B4183" i="26"/>
  <c r="B4184" i="26"/>
  <c r="B4185" i="26"/>
  <c r="B4186" i="26"/>
  <c r="B4187" i="26"/>
  <c r="B4188" i="26"/>
  <c r="B4189" i="26"/>
  <c r="B4190" i="26"/>
  <c r="B4191" i="26"/>
  <c r="B4192" i="26"/>
  <c r="B4193" i="26"/>
  <c r="B4194" i="26"/>
  <c r="B4195" i="26"/>
  <c r="B4196" i="26"/>
  <c r="B4197" i="26"/>
  <c r="B4198" i="26"/>
  <c r="B4199" i="26"/>
  <c r="B4200" i="26"/>
  <c r="B4201" i="26"/>
  <c r="B4202" i="26"/>
  <c r="B4203" i="26"/>
  <c r="B4204" i="26"/>
  <c r="B4205" i="26"/>
  <c r="B4206" i="26"/>
  <c r="B4207" i="26"/>
  <c r="B4208" i="26"/>
  <c r="B4209" i="26"/>
  <c r="B4210" i="26"/>
  <c r="B4211" i="26"/>
  <c r="B4212" i="26"/>
  <c r="B4213" i="26"/>
  <c r="B4214" i="26"/>
  <c r="B4215" i="26"/>
  <c r="B4216" i="26"/>
  <c r="B4217" i="26"/>
  <c r="B4218" i="26"/>
  <c r="B4219" i="26"/>
  <c r="B4220" i="26"/>
  <c r="B4221" i="26"/>
  <c r="B4222" i="26"/>
  <c r="B4223" i="26"/>
  <c r="B4224" i="26"/>
  <c r="B4225" i="26"/>
  <c r="B4226" i="26"/>
  <c r="B4227" i="26"/>
  <c r="B4228" i="26"/>
  <c r="B4229" i="26"/>
  <c r="B4230" i="26"/>
  <c r="B4231" i="26"/>
  <c r="B4232" i="26"/>
  <c r="B4233" i="26"/>
  <c r="B4234" i="26"/>
  <c r="B4235" i="26"/>
  <c r="B4236" i="26"/>
  <c r="B4237" i="26"/>
  <c r="B4238" i="26"/>
  <c r="B4239" i="26"/>
  <c r="B4240" i="26"/>
  <c r="B4241" i="26"/>
  <c r="B4242" i="26"/>
  <c r="B4243" i="26"/>
  <c r="B4244" i="26"/>
  <c r="B4245" i="26"/>
  <c r="B4246" i="26"/>
  <c r="B4247" i="26"/>
  <c r="B4248" i="26"/>
  <c r="B4249" i="26"/>
  <c r="B4250" i="26"/>
  <c r="B4251" i="26"/>
  <c r="B4252" i="26"/>
  <c r="B4253" i="26"/>
  <c r="B4254" i="26"/>
  <c r="B4255" i="26"/>
  <c r="B4256" i="26"/>
  <c r="B4257" i="26"/>
  <c r="B4258" i="26"/>
  <c r="B4259" i="26"/>
  <c r="B4260" i="26"/>
  <c r="B4261" i="26"/>
  <c r="B4262" i="26"/>
  <c r="B4263" i="26"/>
  <c r="B4264" i="26"/>
  <c r="B4265" i="26"/>
  <c r="B4266" i="26"/>
  <c r="B4267" i="26"/>
  <c r="B4268" i="26"/>
  <c r="B4269" i="26"/>
  <c r="B4270" i="26"/>
  <c r="B4271" i="26"/>
  <c r="B4272" i="26"/>
  <c r="B4273" i="26"/>
  <c r="B4274" i="26"/>
  <c r="B4275" i="26"/>
  <c r="B4276" i="26"/>
  <c r="B4277" i="26"/>
  <c r="B4278" i="26"/>
  <c r="B4279" i="26"/>
  <c r="B4280" i="26"/>
  <c r="B4281" i="26"/>
  <c r="B4282" i="26"/>
  <c r="B4283" i="26"/>
  <c r="B4284" i="26"/>
  <c r="B4285" i="26"/>
  <c r="B4286" i="26"/>
  <c r="B4287" i="26"/>
  <c r="B4288" i="26"/>
  <c r="B4289" i="26"/>
  <c r="B4290" i="26"/>
  <c r="B4291" i="26"/>
  <c r="B4292" i="26"/>
  <c r="B4293" i="26"/>
  <c r="B4294" i="26"/>
  <c r="B4295" i="26"/>
  <c r="B4296" i="26"/>
  <c r="B4297" i="26"/>
  <c r="B4298" i="26"/>
  <c r="B4299" i="26"/>
  <c r="B4300" i="26"/>
  <c r="B4301" i="26"/>
  <c r="B4302" i="26"/>
  <c r="B4303" i="26"/>
  <c r="B4304" i="26"/>
  <c r="B4305" i="26"/>
  <c r="B4306" i="26"/>
  <c r="B4307" i="26"/>
  <c r="B4308" i="26"/>
  <c r="B4309" i="26"/>
  <c r="B4310" i="26"/>
  <c r="B4311" i="26"/>
  <c r="B4312" i="26"/>
  <c r="B4313" i="26"/>
  <c r="B4314" i="26"/>
  <c r="B4315" i="26"/>
  <c r="B4316" i="26"/>
  <c r="B4317" i="26"/>
  <c r="B4318" i="26"/>
  <c r="B4319" i="26"/>
  <c r="B4320" i="26"/>
  <c r="B4321" i="26"/>
  <c r="B4322" i="26"/>
  <c r="B4323" i="26"/>
  <c r="B4324" i="26"/>
  <c r="B4325" i="26"/>
  <c r="B4326" i="26"/>
  <c r="B4327" i="26"/>
  <c r="B4328" i="26"/>
  <c r="B4329" i="26"/>
  <c r="B4330" i="26"/>
  <c r="B4331" i="26"/>
  <c r="B4332" i="26"/>
  <c r="B4333" i="26"/>
  <c r="B4334" i="26"/>
  <c r="B4335" i="26"/>
  <c r="B4336" i="26"/>
  <c r="B4337" i="26"/>
  <c r="B4338" i="26"/>
  <c r="B4339" i="26"/>
  <c r="B4340" i="26"/>
  <c r="B4341" i="26"/>
  <c r="B4342" i="26"/>
  <c r="B4343" i="26"/>
  <c r="B4344" i="26"/>
  <c r="B4345" i="26"/>
  <c r="B4346" i="26"/>
  <c r="B4347" i="26"/>
  <c r="B4348" i="26"/>
  <c r="B4349" i="26"/>
  <c r="B4350" i="26"/>
  <c r="B4351" i="26"/>
  <c r="B4352" i="26"/>
  <c r="B4353" i="26"/>
  <c r="B4354" i="26"/>
  <c r="B4355" i="26"/>
  <c r="B4356" i="26"/>
  <c r="B4357" i="26"/>
  <c r="B4358" i="26"/>
  <c r="B4359" i="26"/>
  <c r="B4360" i="26"/>
  <c r="B4361" i="26"/>
  <c r="B4362" i="26"/>
  <c r="B4363" i="26"/>
  <c r="B4364" i="26"/>
  <c r="B4365" i="26"/>
  <c r="B4366" i="26"/>
  <c r="B4367" i="26"/>
  <c r="B4368" i="26"/>
  <c r="B4369" i="26"/>
  <c r="B4370" i="26"/>
  <c r="B4371" i="26"/>
  <c r="B4372" i="26"/>
  <c r="B4373" i="26"/>
  <c r="B4374" i="26"/>
  <c r="B4375" i="26"/>
  <c r="B4376" i="26"/>
  <c r="B4377" i="26"/>
  <c r="B4378" i="26"/>
  <c r="B4379" i="26"/>
  <c r="B4380" i="26"/>
  <c r="B4381" i="26"/>
  <c r="B4382" i="26"/>
  <c r="B4383" i="26"/>
  <c r="B4384" i="26"/>
  <c r="B4385" i="26"/>
  <c r="B4386" i="26"/>
  <c r="B4387" i="26"/>
  <c r="B4388" i="26"/>
  <c r="B4389" i="26"/>
  <c r="B4390" i="26"/>
  <c r="B4391" i="26"/>
  <c r="B4392" i="26"/>
  <c r="B4393" i="26"/>
  <c r="B4394" i="26"/>
  <c r="B4395" i="26"/>
  <c r="B4396" i="26"/>
  <c r="B4397" i="26"/>
  <c r="B4398" i="26"/>
  <c r="B4399" i="26"/>
  <c r="B4400" i="26"/>
  <c r="B4401" i="26"/>
  <c r="B4402" i="26"/>
  <c r="B4403" i="26"/>
  <c r="B4404" i="26"/>
  <c r="B4405" i="26"/>
  <c r="B4406" i="26"/>
  <c r="B4407" i="26"/>
  <c r="B4408" i="26"/>
  <c r="B4409" i="26"/>
  <c r="B4410" i="26"/>
  <c r="B4411" i="26"/>
  <c r="B4412" i="26"/>
  <c r="B4413" i="26"/>
  <c r="B4414" i="26"/>
  <c r="B4415" i="26"/>
  <c r="B4416" i="26"/>
  <c r="B4417" i="26"/>
  <c r="B4418" i="26"/>
  <c r="B4419" i="26"/>
  <c r="B4420" i="26"/>
  <c r="B4421" i="26"/>
  <c r="B4422" i="26"/>
  <c r="B4423" i="26"/>
  <c r="B4424" i="26"/>
  <c r="B4425" i="26"/>
  <c r="B4426" i="26"/>
  <c r="B4427" i="26"/>
  <c r="B4428" i="26"/>
  <c r="B4429" i="26"/>
  <c r="B4430" i="26"/>
  <c r="B4431" i="26"/>
  <c r="B4432" i="26"/>
  <c r="B4433" i="26"/>
  <c r="B4434" i="26"/>
  <c r="B4435" i="26"/>
  <c r="B4436" i="26"/>
  <c r="B4437" i="26"/>
  <c r="B4438" i="26"/>
  <c r="B4439" i="26"/>
  <c r="B4440" i="26"/>
  <c r="B4441" i="26"/>
  <c r="B4442" i="26"/>
  <c r="B4443" i="26"/>
  <c r="B4444" i="26"/>
  <c r="B4445" i="26"/>
  <c r="B4446" i="26"/>
  <c r="B4447" i="26"/>
  <c r="B4448" i="26"/>
  <c r="B4449" i="26"/>
  <c r="B4450" i="26"/>
  <c r="B4451" i="26"/>
  <c r="B4452" i="26"/>
  <c r="B4453" i="26"/>
  <c r="B4454" i="26"/>
  <c r="B4455" i="26"/>
  <c r="B4456" i="26"/>
  <c r="B4457" i="26"/>
  <c r="B4458" i="26"/>
  <c r="B4459" i="26"/>
  <c r="B4460" i="26"/>
  <c r="B4461" i="26"/>
  <c r="B4462" i="26"/>
  <c r="B4463" i="26"/>
  <c r="B4464" i="26"/>
  <c r="B4465" i="26"/>
  <c r="B4466" i="26"/>
  <c r="B4467" i="26"/>
  <c r="B4468" i="26"/>
  <c r="B4469" i="26"/>
  <c r="B4470" i="26"/>
  <c r="B4471" i="26"/>
  <c r="B4472" i="26"/>
  <c r="B4473" i="26"/>
  <c r="B4474" i="26"/>
  <c r="B4475" i="26"/>
  <c r="B4476" i="26"/>
  <c r="B4477" i="26"/>
  <c r="B4478" i="26"/>
  <c r="B4479" i="26"/>
  <c r="B4480" i="26"/>
  <c r="B4481" i="26"/>
  <c r="B4482" i="26"/>
  <c r="B4483" i="26"/>
  <c r="B4484" i="26"/>
  <c r="B4485" i="26"/>
  <c r="B4486" i="26"/>
  <c r="B4487" i="26"/>
  <c r="B4488" i="26"/>
  <c r="B4489" i="26"/>
  <c r="B4490" i="26"/>
  <c r="B4491" i="26"/>
  <c r="B4492" i="26"/>
  <c r="B4493" i="26"/>
  <c r="B4494" i="26"/>
  <c r="B4495" i="26"/>
  <c r="B4496" i="26"/>
  <c r="B4497" i="26"/>
  <c r="B4498" i="26"/>
  <c r="B4499" i="26"/>
  <c r="B4500" i="26"/>
  <c r="B4501" i="26"/>
  <c r="B4502" i="26"/>
  <c r="B4503" i="26"/>
  <c r="B4504" i="26"/>
  <c r="B4505" i="26"/>
  <c r="B4506" i="26"/>
  <c r="B4507" i="26"/>
  <c r="B4508" i="26"/>
  <c r="B4509" i="26"/>
  <c r="B4510" i="26"/>
  <c r="B4511" i="26"/>
  <c r="B4512" i="26"/>
  <c r="B4513" i="26"/>
  <c r="B4514" i="26"/>
  <c r="B4515" i="26"/>
  <c r="B4516" i="26"/>
  <c r="B4517" i="26"/>
  <c r="B4518" i="26"/>
  <c r="B4519" i="26"/>
  <c r="B4520" i="26"/>
  <c r="B4521" i="26"/>
  <c r="B4522" i="26"/>
  <c r="B4523" i="26"/>
  <c r="B4524" i="26"/>
  <c r="B4525" i="26"/>
  <c r="B4526" i="26"/>
  <c r="B4527" i="26"/>
  <c r="B4528" i="26"/>
  <c r="B4529" i="26"/>
  <c r="B4530" i="26"/>
  <c r="B4531" i="26"/>
  <c r="B4532" i="26"/>
  <c r="B4533" i="26"/>
  <c r="B4534" i="26"/>
  <c r="B4535" i="26"/>
  <c r="B4536" i="26"/>
  <c r="B4537" i="26"/>
  <c r="B4538" i="26"/>
  <c r="B4539" i="26"/>
  <c r="B4540" i="26"/>
  <c r="B4541" i="26"/>
  <c r="B4542" i="26"/>
  <c r="B4543" i="26"/>
  <c r="B4544" i="26"/>
  <c r="B4545" i="26"/>
  <c r="B4546" i="26"/>
  <c r="B4547" i="26"/>
  <c r="B4548" i="26"/>
  <c r="B4549" i="26"/>
  <c r="B4550" i="26"/>
  <c r="B4551" i="26"/>
  <c r="B4552" i="26"/>
  <c r="B4553" i="26"/>
  <c r="B4554" i="26"/>
  <c r="B4555" i="26"/>
  <c r="B4556" i="26"/>
  <c r="B4557" i="26"/>
  <c r="B4558" i="26"/>
  <c r="B4559" i="26"/>
  <c r="B4560" i="26"/>
  <c r="B4561" i="26"/>
  <c r="B4562" i="26"/>
  <c r="B4563" i="26"/>
  <c r="B4564" i="26"/>
  <c r="B4565" i="26"/>
  <c r="B4566" i="26"/>
  <c r="B4567" i="26"/>
  <c r="B4568" i="26"/>
  <c r="B4569" i="26"/>
  <c r="B4570" i="26"/>
  <c r="B4571" i="26"/>
  <c r="B4572" i="26"/>
  <c r="B4573" i="26"/>
  <c r="B4574" i="26"/>
  <c r="B4575" i="26"/>
  <c r="B4576" i="26"/>
  <c r="B4577" i="26"/>
  <c r="B4578" i="26"/>
  <c r="B4579" i="26"/>
  <c r="B4580" i="26"/>
  <c r="B4581" i="26"/>
  <c r="B4582" i="26"/>
  <c r="B4583" i="26"/>
  <c r="B4584" i="26"/>
  <c r="B4585" i="26"/>
  <c r="B4586" i="26"/>
  <c r="B4587" i="26"/>
  <c r="B4588" i="26"/>
  <c r="B4589" i="26"/>
  <c r="B4590" i="26"/>
  <c r="B4591" i="26"/>
  <c r="B4592" i="26"/>
  <c r="B4593" i="26"/>
  <c r="B4594" i="26"/>
  <c r="B4595" i="26"/>
  <c r="B4596" i="26"/>
  <c r="B4597" i="26"/>
  <c r="B4598" i="26"/>
  <c r="B4599" i="26"/>
  <c r="B4600" i="26"/>
  <c r="B4601" i="26"/>
  <c r="B4602" i="26"/>
  <c r="B4603" i="26"/>
  <c r="B4604" i="26"/>
  <c r="B4605" i="26"/>
  <c r="B4606" i="26"/>
  <c r="B4607" i="26"/>
  <c r="B4608" i="26"/>
  <c r="B4609" i="26"/>
  <c r="B4610" i="26"/>
  <c r="B4611" i="26"/>
  <c r="B4612" i="26"/>
  <c r="B4613" i="26"/>
  <c r="B4614" i="26"/>
  <c r="B4615" i="26"/>
  <c r="B4616" i="26"/>
  <c r="B4617" i="26"/>
  <c r="B4618" i="26"/>
  <c r="B4619" i="26"/>
  <c r="B4620" i="26"/>
  <c r="B4621" i="26"/>
  <c r="B4622" i="26"/>
  <c r="B4623" i="26"/>
  <c r="B4624" i="26"/>
  <c r="B4625" i="26"/>
  <c r="B4626" i="26"/>
  <c r="B4627" i="26"/>
  <c r="B4628" i="26"/>
  <c r="B4629" i="26"/>
  <c r="B4630" i="26"/>
  <c r="B4631" i="26"/>
  <c r="B4632" i="26"/>
  <c r="B4633" i="26"/>
  <c r="B4634" i="26"/>
  <c r="B4635" i="26"/>
  <c r="B4636" i="26"/>
  <c r="B4637" i="26"/>
  <c r="B4638" i="26"/>
  <c r="B4639" i="26"/>
  <c r="B4640" i="26"/>
  <c r="B4641" i="26"/>
  <c r="B4642" i="26"/>
  <c r="B4643" i="26"/>
  <c r="B4644" i="26"/>
  <c r="B4645" i="26"/>
  <c r="B4646" i="26"/>
  <c r="B4647" i="26"/>
  <c r="B4648" i="26"/>
  <c r="B4649" i="26"/>
  <c r="B4650" i="26"/>
  <c r="B4651" i="26"/>
  <c r="B4652" i="26"/>
  <c r="B4653" i="26"/>
  <c r="B4654" i="26"/>
  <c r="B4655" i="26"/>
  <c r="B4656" i="26"/>
  <c r="B4657" i="26"/>
  <c r="B4658" i="26"/>
  <c r="B4659" i="26"/>
  <c r="B4660" i="26"/>
  <c r="B4661" i="26"/>
  <c r="B4662" i="26"/>
  <c r="B4663" i="26"/>
  <c r="B4664" i="26"/>
  <c r="B4665" i="26"/>
  <c r="B4666" i="26"/>
  <c r="B4667" i="26"/>
  <c r="B4668" i="26"/>
  <c r="B4669" i="26"/>
  <c r="B4670" i="26"/>
  <c r="B4671" i="26"/>
  <c r="B4672" i="26"/>
  <c r="B4673" i="26"/>
  <c r="B4674" i="26"/>
  <c r="B4675" i="26"/>
  <c r="B4676" i="26"/>
  <c r="B4677" i="26"/>
  <c r="B4678" i="26"/>
  <c r="B4679" i="26"/>
  <c r="B4680" i="26"/>
  <c r="B4681" i="26"/>
  <c r="B4682" i="26"/>
  <c r="B4683" i="26"/>
  <c r="B4684" i="26"/>
  <c r="B4685" i="26"/>
  <c r="B4686" i="26"/>
  <c r="B4687" i="26"/>
  <c r="B4688" i="26"/>
  <c r="B4689" i="26"/>
  <c r="B4690" i="26"/>
  <c r="B4691" i="26"/>
  <c r="B4692" i="26"/>
  <c r="B4693" i="26"/>
  <c r="B4694" i="26"/>
  <c r="B4695" i="26"/>
  <c r="B4696" i="26"/>
  <c r="B4697" i="26"/>
  <c r="B4698" i="26"/>
  <c r="B4699" i="26"/>
  <c r="B4700" i="26"/>
  <c r="B4701" i="26"/>
  <c r="B4702" i="26"/>
  <c r="B4703" i="26"/>
  <c r="B4704" i="26"/>
  <c r="B4705" i="26"/>
  <c r="B4706" i="26"/>
  <c r="B4707" i="26"/>
  <c r="B4708" i="26"/>
  <c r="B4709" i="26"/>
  <c r="B4710" i="26"/>
  <c r="B4711" i="26"/>
  <c r="B4712" i="26"/>
  <c r="B4713" i="26"/>
  <c r="B4714" i="26"/>
  <c r="B4715" i="26"/>
  <c r="B4716" i="26"/>
  <c r="B4717" i="26"/>
  <c r="B4718" i="26"/>
  <c r="B4719" i="26"/>
  <c r="B4720" i="26"/>
  <c r="B4721" i="26"/>
  <c r="B4722" i="26"/>
  <c r="B4723" i="26"/>
  <c r="B4724" i="26"/>
  <c r="B4725" i="26"/>
  <c r="B4726" i="26"/>
  <c r="B4727" i="26"/>
  <c r="B4728" i="26"/>
  <c r="B4729" i="26"/>
  <c r="B4730" i="26"/>
  <c r="B4731" i="26"/>
  <c r="B4732" i="26"/>
  <c r="B4733" i="26"/>
  <c r="B4734" i="26"/>
  <c r="B4735" i="26"/>
  <c r="B4736" i="26"/>
  <c r="B4737" i="26"/>
  <c r="B4738" i="26"/>
  <c r="B4739" i="26"/>
  <c r="B4740" i="26"/>
  <c r="B4741" i="26"/>
  <c r="B4742" i="26"/>
  <c r="B4743" i="26"/>
  <c r="B4744" i="26"/>
  <c r="B4745" i="26"/>
  <c r="B4746" i="26"/>
  <c r="B4747" i="26"/>
  <c r="B4748" i="26"/>
  <c r="B4749" i="26"/>
  <c r="B4750" i="26"/>
  <c r="B4751" i="26"/>
  <c r="B4752" i="26"/>
  <c r="B4753" i="26"/>
  <c r="B4754" i="26"/>
  <c r="B4755" i="26"/>
  <c r="B4756" i="26"/>
  <c r="B4757" i="26"/>
  <c r="B4758" i="26"/>
  <c r="B4759" i="26"/>
  <c r="B4760" i="26"/>
  <c r="B4761" i="26"/>
  <c r="B4762" i="26"/>
  <c r="B4763" i="26"/>
  <c r="B4764" i="26"/>
  <c r="B4765" i="26"/>
  <c r="B4766" i="26"/>
  <c r="B4767" i="26"/>
  <c r="B4768" i="26"/>
  <c r="B4769" i="26"/>
  <c r="B4770" i="26"/>
  <c r="B4771" i="26"/>
  <c r="B4772" i="26"/>
  <c r="B4773" i="26"/>
  <c r="B4774" i="26"/>
  <c r="B4775" i="26"/>
  <c r="B4776" i="26"/>
  <c r="B4777" i="26"/>
  <c r="B4778" i="26"/>
  <c r="B4779" i="26"/>
  <c r="B4780" i="26"/>
  <c r="B4781" i="26"/>
  <c r="B4782" i="26"/>
  <c r="B4783" i="26"/>
  <c r="B4784" i="26"/>
  <c r="B4785" i="26"/>
  <c r="B4786" i="26"/>
  <c r="B4787" i="26"/>
  <c r="B4788" i="26"/>
  <c r="B4789" i="26"/>
  <c r="B4790" i="26"/>
  <c r="B4791" i="26"/>
  <c r="B4792" i="26"/>
  <c r="B4793" i="26"/>
  <c r="B4794" i="26"/>
  <c r="B4795" i="26"/>
  <c r="B4796" i="26"/>
  <c r="B4797" i="26"/>
  <c r="B4798" i="26"/>
  <c r="B4799" i="26"/>
  <c r="B4800" i="26"/>
  <c r="B4801" i="26"/>
  <c r="B4802" i="26"/>
  <c r="B4803" i="26"/>
  <c r="B4804" i="26"/>
  <c r="B4805" i="26"/>
  <c r="B4806" i="26"/>
  <c r="B4807" i="26"/>
  <c r="B4808" i="26"/>
  <c r="B4809" i="26"/>
  <c r="B4810" i="26"/>
  <c r="B4811" i="26"/>
  <c r="B4812" i="26"/>
  <c r="B4813" i="26"/>
  <c r="B4814" i="26"/>
  <c r="B4815" i="26"/>
  <c r="B4816" i="26"/>
  <c r="B4817" i="26"/>
  <c r="B4818" i="26"/>
  <c r="B4819" i="26"/>
  <c r="B4820" i="26"/>
  <c r="B4821" i="26"/>
  <c r="B4822" i="26"/>
  <c r="B4823" i="26"/>
  <c r="B4824" i="26"/>
  <c r="B4825" i="26"/>
  <c r="B4826" i="26"/>
  <c r="B4827" i="26"/>
  <c r="B4828" i="26"/>
  <c r="B4829" i="26"/>
  <c r="B4830" i="26"/>
  <c r="B4831" i="26"/>
  <c r="B4832" i="26"/>
  <c r="B4833" i="26"/>
  <c r="B4834" i="26"/>
  <c r="B4835" i="26"/>
  <c r="B4836" i="26"/>
  <c r="B4837" i="26"/>
  <c r="B4838" i="26"/>
  <c r="B4839" i="26"/>
  <c r="B4840" i="26"/>
  <c r="B4841" i="26"/>
  <c r="B4842" i="26"/>
  <c r="B4843" i="26"/>
  <c r="B4844" i="26"/>
  <c r="B4845" i="26"/>
  <c r="B4846" i="26"/>
  <c r="B4847" i="26"/>
  <c r="B4848" i="26"/>
  <c r="B4849" i="26"/>
  <c r="B4850" i="26"/>
  <c r="B4851" i="26"/>
  <c r="B4852" i="26"/>
  <c r="B4853" i="26"/>
  <c r="B4854" i="26"/>
  <c r="B4855" i="26"/>
  <c r="B4856" i="26"/>
  <c r="B4857" i="26"/>
  <c r="B4858" i="26"/>
  <c r="B4859" i="26"/>
  <c r="B4860" i="26"/>
  <c r="B4861" i="26"/>
  <c r="B4862" i="26"/>
  <c r="B4863" i="26"/>
  <c r="B4864" i="26"/>
  <c r="B4865" i="26"/>
  <c r="B4866" i="26"/>
  <c r="B4867" i="26"/>
  <c r="B4868" i="26"/>
  <c r="B4869" i="26"/>
  <c r="B4870" i="26"/>
  <c r="B4871" i="26"/>
  <c r="B4872" i="26"/>
  <c r="B4873" i="26"/>
  <c r="B4874" i="26"/>
  <c r="B4875" i="26"/>
  <c r="B4876" i="26"/>
  <c r="B4877" i="26"/>
  <c r="B4878" i="26"/>
  <c r="B4879" i="26"/>
  <c r="B4880" i="26"/>
  <c r="B4881" i="26"/>
  <c r="B4882" i="26"/>
  <c r="B4883" i="26"/>
  <c r="B4884" i="26"/>
  <c r="B4885" i="26"/>
  <c r="B4886" i="26"/>
  <c r="B4887" i="26"/>
  <c r="B4888" i="26"/>
  <c r="B4889" i="26"/>
  <c r="B4890" i="26"/>
  <c r="B4891" i="26"/>
  <c r="B4892" i="26"/>
  <c r="B4893" i="26"/>
  <c r="B4894" i="26"/>
  <c r="B4895" i="26"/>
  <c r="B4896" i="26"/>
  <c r="B4897" i="26"/>
  <c r="B4898" i="26"/>
  <c r="B4899" i="26"/>
  <c r="B4900" i="26"/>
  <c r="B4901" i="26"/>
  <c r="B4902" i="26"/>
  <c r="B4903" i="26"/>
  <c r="B4904" i="26"/>
  <c r="B4905" i="26"/>
  <c r="B4906" i="26"/>
  <c r="B4907" i="26"/>
  <c r="B4908" i="26"/>
  <c r="B4909" i="26"/>
  <c r="B4910" i="26"/>
  <c r="B4911" i="26"/>
  <c r="B4912" i="26"/>
  <c r="B4913" i="26"/>
  <c r="B4914" i="26"/>
  <c r="B4915" i="26"/>
  <c r="B4916" i="26"/>
  <c r="B4917" i="26"/>
  <c r="B4918" i="26"/>
  <c r="B4919" i="26"/>
  <c r="B4920" i="26"/>
  <c r="B4921" i="26"/>
  <c r="B4922" i="26"/>
  <c r="B4923" i="26"/>
  <c r="B4924" i="26"/>
  <c r="B4925" i="26"/>
  <c r="B4926" i="26"/>
  <c r="B4927" i="26"/>
  <c r="B4928" i="26"/>
  <c r="B4929" i="26"/>
  <c r="B4930" i="26"/>
  <c r="B4931" i="26"/>
  <c r="B4932" i="26"/>
  <c r="B4933" i="26"/>
  <c r="B4934" i="26"/>
  <c r="B4935" i="26"/>
  <c r="B4936" i="26"/>
  <c r="B4937" i="26"/>
  <c r="B4938" i="26"/>
  <c r="B4939" i="26"/>
  <c r="B4940" i="26"/>
  <c r="B4941" i="26"/>
  <c r="B4942" i="26"/>
  <c r="B4943" i="26"/>
  <c r="B4944" i="26"/>
  <c r="B4945" i="26"/>
  <c r="B4946" i="26"/>
  <c r="B4947" i="26"/>
  <c r="B4948" i="26"/>
  <c r="B4949" i="26"/>
  <c r="B4950" i="26"/>
  <c r="B4951" i="26"/>
  <c r="B4952" i="26"/>
  <c r="B4953" i="26"/>
  <c r="B4954" i="26"/>
  <c r="B4955" i="26"/>
  <c r="B4956" i="26"/>
  <c r="B4957" i="26"/>
  <c r="B4958" i="26"/>
  <c r="B4959" i="26"/>
  <c r="B4960" i="26"/>
  <c r="B4961" i="26"/>
  <c r="B4962" i="26"/>
  <c r="B4963" i="26"/>
  <c r="B4964" i="26"/>
  <c r="B4965" i="26"/>
  <c r="B4966" i="26"/>
  <c r="B4967" i="26"/>
  <c r="B4968" i="26"/>
  <c r="B4969" i="26"/>
  <c r="B4970" i="26"/>
  <c r="B4971" i="26"/>
  <c r="B4972" i="26"/>
  <c r="B4973" i="26"/>
  <c r="B4974" i="26"/>
  <c r="B4975" i="26"/>
  <c r="B4976" i="26"/>
  <c r="B4977" i="26"/>
  <c r="B4978" i="26"/>
  <c r="B4979" i="26"/>
  <c r="B4980" i="26"/>
  <c r="B4981" i="26"/>
  <c r="B4982" i="26"/>
  <c r="B4983" i="26"/>
  <c r="B4984" i="26"/>
  <c r="B4985" i="26"/>
  <c r="B4986" i="26"/>
  <c r="B4987" i="26"/>
  <c r="B4988" i="26"/>
  <c r="B4989" i="26"/>
  <c r="B4990" i="26"/>
  <c r="B4991" i="26"/>
  <c r="B4992" i="26"/>
  <c r="B4993" i="26"/>
  <c r="B4994" i="26"/>
  <c r="B4995" i="26"/>
  <c r="B4996" i="26"/>
  <c r="B4997" i="26"/>
  <c r="B4998" i="26"/>
  <c r="B4999" i="26"/>
  <c r="B5000" i="26"/>
  <c r="B5001" i="26"/>
  <c r="B5002" i="26"/>
  <c r="B5003" i="26"/>
  <c r="B5004" i="26"/>
  <c r="B5005" i="26"/>
  <c r="B5006" i="26"/>
  <c r="B5007" i="26"/>
  <c r="B5008" i="26"/>
  <c r="B5009" i="26"/>
  <c r="B5010" i="26"/>
  <c r="B5011" i="26"/>
  <c r="B5012" i="26"/>
  <c r="B5013" i="26"/>
  <c r="B5014" i="26"/>
  <c r="B5015" i="26"/>
  <c r="B5016" i="26"/>
  <c r="B5017" i="26"/>
  <c r="B5018" i="26"/>
  <c r="B5019" i="26"/>
  <c r="B5020" i="26"/>
  <c r="B5021" i="26"/>
  <c r="B5022" i="26"/>
  <c r="B5023" i="26"/>
  <c r="B5024" i="26"/>
  <c r="B5025" i="26"/>
  <c r="B5026" i="26"/>
  <c r="B5027" i="26"/>
  <c r="B5028" i="26"/>
  <c r="B5029" i="26"/>
  <c r="B5030" i="26"/>
  <c r="B5031" i="26"/>
  <c r="B5032" i="26"/>
  <c r="B5033" i="26"/>
  <c r="B5034" i="26"/>
  <c r="B5035" i="26"/>
  <c r="B5036" i="26"/>
  <c r="B5037" i="26"/>
  <c r="B5038" i="26"/>
  <c r="B5039" i="26"/>
  <c r="B5040" i="26"/>
  <c r="B5041" i="26"/>
  <c r="B5042" i="26"/>
  <c r="B5043" i="26"/>
  <c r="B5044" i="26"/>
  <c r="B5045" i="26"/>
  <c r="B5046" i="26"/>
  <c r="B5047" i="26"/>
  <c r="B5048" i="26"/>
  <c r="B5049" i="26"/>
  <c r="B5050" i="26"/>
  <c r="B5051" i="26"/>
  <c r="B5052" i="26"/>
  <c r="B5053" i="26"/>
  <c r="B5054" i="26"/>
  <c r="B5055" i="26"/>
  <c r="B5056" i="26"/>
  <c r="B5057" i="26"/>
  <c r="B5058" i="26"/>
  <c r="B5059" i="26"/>
  <c r="B5060" i="26"/>
  <c r="B5061" i="26"/>
  <c r="B5062" i="26"/>
  <c r="B5063" i="26"/>
  <c r="B5064" i="26"/>
  <c r="B5065" i="26"/>
  <c r="B5066" i="26"/>
  <c r="B5067" i="26"/>
  <c r="B5068" i="26"/>
  <c r="B5069" i="26"/>
  <c r="B5070" i="26"/>
  <c r="B5071" i="26"/>
  <c r="B5072" i="26"/>
  <c r="B5073" i="26"/>
  <c r="B5074" i="26"/>
  <c r="B5075" i="26"/>
  <c r="B5076" i="26"/>
  <c r="B5077" i="26"/>
  <c r="B5078" i="26"/>
  <c r="B5079" i="26"/>
  <c r="B5080" i="26"/>
  <c r="B5081" i="26"/>
  <c r="B5082" i="26"/>
  <c r="B5083" i="26"/>
  <c r="B5084" i="26"/>
  <c r="B5085" i="26"/>
  <c r="B5086" i="26"/>
  <c r="B5087" i="26"/>
  <c r="B5088" i="26"/>
  <c r="B5089" i="26"/>
  <c r="B5090" i="26"/>
  <c r="B5091" i="26"/>
  <c r="B5092" i="26"/>
  <c r="B5093" i="26"/>
  <c r="B5094" i="26"/>
  <c r="B5095" i="26"/>
  <c r="B5096" i="26"/>
  <c r="B5097" i="26"/>
  <c r="B5098" i="26"/>
  <c r="B5099" i="26"/>
  <c r="B5100" i="26"/>
  <c r="B5101" i="26"/>
  <c r="B5102" i="26"/>
  <c r="B5103" i="26"/>
  <c r="B5104" i="26"/>
  <c r="B5105" i="26"/>
  <c r="B5106" i="26"/>
  <c r="B5107" i="26"/>
  <c r="B5108" i="26"/>
  <c r="B5109" i="26"/>
  <c r="B5110" i="26"/>
  <c r="B5111" i="26"/>
  <c r="B5112" i="26"/>
  <c r="B5113" i="26"/>
  <c r="B5114" i="26"/>
  <c r="B5115" i="26"/>
  <c r="B5116" i="26"/>
  <c r="B5117" i="26"/>
  <c r="B5118" i="26"/>
  <c r="B5119" i="26"/>
  <c r="B5120" i="26"/>
  <c r="B5121" i="26"/>
  <c r="B5122" i="26"/>
  <c r="B5123" i="26"/>
  <c r="B5124" i="26"/>
  <c r="B5125" i="26"/>
  <c r="B5126" i="26"/>
  <c r="B5127" i="26"/>
  <c r="B5128" i="26"/>
  <c r="B5129" i="26"/>
  <c r="B5130" i="26"/>
  <c r="B5131" i="26"/>
  <c r="B5132" i="26"/>
  <c r="B5133" i="26"/>
  <c r="B5134" i="26"/>
  <c r="B5135" i="26"/>
  <c r="B5136" i="26"/>
  <c r="B5137" i="26"/>
  <c r="B5138" i="26"/>
  <c r="B5139" i="26"/>
  <c r="B5140" i="26"/>
  <c r="B5141" i="26"/>
  <c r="B5142" i="26"/>
  <c r="B5143" i="26"/>
  <c r="B5144" i="26"/>
  <c r="B5145" i="26"/>
  <c r="B5146" i="26"/>
  <c r="B5147" i="26"/>
  <c r="B5148" i="26"/>
  <c r="B5149" i="26"/>
  <c r="B5150" i="26"/>
  <c r="B5151" i="26"/>
  <c r="B5152" i="26"/>
  <c r="B5153" i="26"/>
  <c r="B5154" i="26"/>
  <c r="B5155" i="26"/>
  <c r="B5156" i="26"/>
  <c r="B5157" i="26"/>
  <c r="B5158" i="26"/>
  <c r="B5159" i="26"/>
  <c r="B5160" i="26"/>
  <c r="B5161" i="26"/>
  <c r="B5162" i="26"/>
  <c r="B5163" i="26"/>
  <c r="B5164" i="26"/>
  <c r="B5165" i="26"/>
  <c r="B5166" i="26"/>
  <c r="B5167" i="26"/>
  <c r="B5168" i="26"/>
  <c r="B5169" i="26"/>
  <c r="B5170" i="26"/>
  <c r="B5171" i="26"/>
  <c r="B5172" i="26"/>
  <c r="B5173" i="26"/>
  <c r="B5174" i="26"/>
  <c r="B5175" i="26"/>
  <c r="B5176" i="26"/>
  <c r="B5177" i="26"/>
  <c r="B5178" i="26"/>
  <c r="B5179" i="26"/>
  <c r="B5180" i="26"/>
  <c r="B5181" i="26"/>
  <c r="B5182" i="26"/>
  <c r="B5183" i="26"/>
  <c r="B5184" i="26"/>
  <c r="B5185" i="26"/>
  <c r="B5186" i="26"/>
  <c r="B5187" i="26"/>
  <c r="B5188" i="26"/>
  <c r="B5189" i="26"/>
  <c r="B5190" i="26"/>
  <c r="B5191" i="26"/>
  <c r="B5192" i="26"/>
  <c r="B5193" i="26"/>
  <c r="B5194" i="26"/>
  <c r="B5195" i="26"/>
  <c r="B5196" i="26"/>
  <c r="B5197" i="26"/>
  <c r="B5198" i="26"/>
  <c r="B5199" i="26"/>
  <c r="B5200" i="26"/>
  <c r="B5201" i="26"/>
  <c r="B5202" i="26"/>
  <c r="B5203" i="26"/>
  <c r="B5204" i="26"/>
  <c r="B5205" i="26"/>
  <c r="B5206" i="26"/>
  <c r="B5207" i="26"/>
  <c r="B5208" i="26"/>
  <c r="B5209" i="26"/>
  <c r="B5210" i="26"/>
  <c r="B5211" i="26"/>
  <c r="B5212" i="26"/>
  <c r="B5213" i="26"/>
  <c r="B5214" i="26"/>
  <c r="B5215" i="26"/>
  <c r="B5216" i="26"/>
  <c r="B5217" i="26"/>
  <c r="B5218" i="26"/>
  <c r="B5219" i="26"/>
  <c r="B5220" i="26"/>
  <c r="B5221" i="26"/>
  <c r="B5222" i="26"/>
  <c r="B5223" i="26"/>
  <c r="B5224" i="26"/>
  <c r="B5225" i="26"/>
  <c r="B5226" i="26"/>
  <c r="B5227" i="26"/>
  <c r="B5228" i="26"/>
  <c r="B5229" i="26"/>
  <c r="B5230" i="26"/>
  <c r="B5231" i="26"/>
  <c r="B5232" i="26"/>
  <c r="B5233" i="26"/>
  <c r="B5234" i="26"/>
  <c r="B5235" i="26"/>
  <c r="B5236" i="26"/>
  <c r="B5237" i="26"/>
  <c r="B5238" i="26"/>
  <c r="B5239" i="26"/>
  <c r="B5240" i="26"/>
  <c r="B5241" i="26"/>
  <c r="B5242" i="26"/>
  <c r="B5243" i="26"/>
  <c r="B5244" i="26"/>
  <c r="B5245" i="26"/>
  <c r="B5246" i="26"/>
  <c r="B5247" i="26"/>
  <c r="B5248" i="26"/>
  <c r="B5249" i="26"/>
  <c r="B5250" i="26"/>
  <c r="B5251" i="26"/>
  <c r="B5252" i="26"/>
  <c r="B5253" i="26"/>
  <c r="B5254" i="26"/>
  <c r="B5255" i="26"/>
  <c r="B5256" i="26"/>
  <c r="B5257" i="26"/>
  <c r="B5258" i="26"/>
  <c r="B5259" i="26"/>
  <c r="B5260" i="26"/>
  <c r="B5261" i="26"/>
  <c r="B5262" i="26"/>
  <c r="B5263" i="26"/>
  <c r="B5264" i="26"/>
  <c r="B5265" i="26"/>
  <c r="B5266" i="26"/>
  <c r="B5267" i="26"/>
  <c r="B5268" i="26"/>
  <c r="B5269" i="26"/>
  <c r="B5270" i="26"/>
  <c r="B5271" i="26"/>
  <c r="B5272" i="26"/>
  <c r="B5273" i="26"/>
  <c r="B5274" i="26"/>
  <c r="B5275" i="26"/>
  <c r="B5276" i="26"/>
  <c r="B5277" i="26"/>
  <c r="B5278" i="26"/>
  <c r="B5279" i="26"/>
  <c r="B5280" i="26"/>
  <c r="B5281" i="26"/>
  <c r="B5282" i="26"/>
  <c r="B5283" i="26"/>
  <c r="B5284" i="26"/>
  <c r="B5285" i="26"/>
  <c r="B5286" i="26"/>
  <c r="B5287" i="26"/>
  <c r="B5288" i="26"/>
  <c r="B5289" i="26"/>
  <c r="B5290" i="26"/>
  <c r="B5291" i="26"/>
  <c r="B5292" i="26"/>
  <c r="B5293" i="26"/>
  <c r="B5294" i="26"/>
  <c r="B5295" i="26"/>
  <c r="B5296" i="26"/>
  <c r="B5297" i="26"/>
  <c r="B5298" i="26"/>
  <c r="B5299" i="26"/>
  <c r="B5300" i="26"/>
  <c r="B5301" i="26"/>
  <c r="B5302" i="26"/>
  <c r="B5303" i="26"/>
  <c r="B5304" i="26"/>
  <c r="B5305" i="26"/>
  <c r="B5306" i="26"/>
  <c r="B5307" i="26"/>
  <c r="B5308" i="26"/>
  <c r="B5309" i="26"/>
  <c r="B5310" i="26"/>
  <c r="B5311" i="26"/>
  <c r="B5312" i="26"/>
  <c r="B5313" i="26"/>
  <c r="B5314" i="26"/>
  <c r="B5315" i="26"/>
  <c r="B5316" i="26"/>
  <c r="B5317" i="26"/>
  <c r="B5318" i="26"/>
  <c r="B5319" i="26"/>
  <c r="B5320" i="26"/>
  <c r="B5321" i="26"/>
  <c r="B5322" i="26"/>
  <c r="B5323" i="26"/>
  <c r="B5324" i="26"/>
  <c r="B5325" i="26"/>
  <c r="B5326" i="26"/>
  <c r="B5327" i="26"/>
  <c r="B5328" i="26"/>
  <c r="B5329" i="26"/>
  <c r="B5330" i="26"/>
  <c r="B5331" i="26"/>
  <c r="B5332" i="26"/>
  <c r="B5333" i="26"/>
  <c r="B5334" i="26"/>
  <c r="B5335" i="26"/>
  <c r="B5336" i="26"/>
  <c r="B5337" i="26"/>
  <c r="B5338" i="26"/>
  <c r="B5339" i="26"/>
  <c r="B5340" i="26"/>
  <c r="B5341" i="26"/>
  <c r="B5342" i="26"/>
  <c r="B5343" i="26"/>
  <c r="B5344" i="26"/>
  <c r="B5345" i="26"/>
  <c r="B5346" i="26"/>
  <c r="B5347" i="26"/>
  <c r="B5348" i="26"/>
  <c r="B5349" i="26"/>
  <c r="B5350" i="26"/>
  <c r="B5351" i="26"/>
  <c r="B5352" i="26"/>
  <c r="B5353" i="26"/>
  <c r="B5354" i="26"/>
  <c r="B5355" i="26"/>
  <c r="B5356" i="26"/>
  <c r="B5357" i="26"/>
  <c r="B5358" i="26"/>
  <c r="B5359" i="26"/>
  <c r="B5360" i="26"/>
  <c r="B5361" i="26"/>
  <c r="B5362" i="26"/>
  <c r="B5363" i="26"/>
  <c r="B5364" i="26"/>
  <c r="B5365" i="26"/>
  <c r="B5366" i="26"/>
  <c r="B5367" i="26"/>
  <c r="B5368" i="26"/>
  <c r="B5369" i="26"/>
  <c r="B5370" i="26"/>
  <c r="B5371" i="26"/>
  <c r="B5372" i="26"/>
  <c r="B5373" i="26"/>
  <c r="B5374" i="26"/>
  <c r="B5375" i="26"/>
  <c r="B5376" i="26"/>
  <c r="B5377" i="26"/>
  <c r="B5378" i="26"/>
  <c r="B5379" i="26"/>
  <c r="B5380" i="26"/>
  <c r="B5381" i="26"/>
  <c r="B5382" i="26"/>
  <c r="B5383" i="26"/>
  <c r="B5384" i="26"/>
  <c r="B5385" i="26"/>
  <c r="B5386" i="26"/>
  <c r="B5387" i="26"/>
  <c r="B5388" i="26"/>
  <c r="B5389" i="26"/>
  <c r="B5390" i="26"/>
  <c r="B5391" i="26"/>
  <c r="B5392" i="26"/>
  <c r="B5393" i="26"/>
  <c r="B5394" i="26"/>
  <c r="B5395" i="26"/>
  <c r="B5396" i="26"/>
  <c r="B5397" i="26"/>
  <c r="B5398" i="26"/>
  <c r="B5399" i="26"/>
  <c r="B5400" i="26"/>
  <c r="B5401" i="26"/>
  <c r="B5402" i="26"/>
  <c r="B5403" i="26"/>
  <c r="B5404" i="26"/>
  <c r="B5405" i="26"/>
  <c r="B5406" i="26"/>
  <c r="B5407" i="26"/>
  <c r="B5408" i="26"/>
  <c r="B5409" i="26"/>
  <c r="B5410" i="26"/>
  <c r="B5411" i="26"/>
  <c r="B5412" i="26"/>
  <c r="B5413" i="26"/>
  <c r="B5414" i="26"/>
  <c r="B5415" i="26"/>
  <c r="B5416" i="26"/>
  <c r="B5417" i="26"/>
  <c r="B5418" i="26"/>
  <c r="B5419" i="26"/>
  <c r="B5420" i="26"/>
  <c r="B5421" i="26"/>
  <c r="B5422" i="26"/>
  <c r="B5423" i="26"/>
  <c r="B5424" i="26"/>
  <c r="B5425" i="26"/>
  <c r="B5426" i="26"/>
  <c r="B5427" i="26"/>
  <c r="B5428" i="26"/>
  <c r="B5429" i="26"/>
  <c r="B5430" i="26"/>
  <c r="B5431" i="26"/>
  <c r="B5432" i="26"/>
  <c r="B5433" i="26"/>
  <c r="B5434" i="26"/>
  <c r="B5435" i="26"/>
  <c r="B5436" i="26"/>
  <c r="B5437" i="26"/>
  <c r="B5438" i="26"/>
  <c r="B5439" i="26"/>
  <c r="B5440" i="26"/>
  <c r="B5441" i="26"/>
  <c r="B5442" i="26"/>
  <c r="B5443" i="26"/>
  <c r="B5444" i="26"/>
  <c r="B5445" i="26"/>
  <c r="B5446" i="26"/>
  <c r="B5447" i="26"/>
  <c r="B5448" i="26"/>
  <c r="B5449" i="26"/>
  <c r="B5450" i="26"/>
  <c r="B5451" i="26"/>
  <c r="B5452" i="26"/>
  <c r="B5453" i="26"/>
  <c r="B5454" i="26"/>
  <c r="B5455" i="26"/>
  <c r="B5456" i="26"/>
  <c r="B5457" i="26"/>
  <c r="B5458" i="26"/>
  <c r="B5459" i="26"/>
  <c r="B5460" i="26"/>
  <c r="B5461" i="26"/>
  <c r="B5462" i="26"/>
  <c r="B5463" i="26"/>
  <c r="B5464" i="26"/>
  <c r="B5465" i="26"/>
  <c r="B5466" i="26"/>
  <c r="B5467" i="26"/>
  <c r="B5468" i="26"/>
  <c r="B5469" i="26"/>
  <c r="B5470" i="26"/>
  <c r="B5471" i="26"/>
  <c r="B5472" i="26"/>
  <c r="B5473" i="26"/>
  <c r="B5474" i="26"/>
  <c r="B5475" i="26"/>
  <c r="B5476" i="26"/>
  <c r="B5477" i="26"/>
  <c r="B5478" i="26"/>
  <c r="B5479" i="26"/>
  <c r="B5480" i="26"/>
  <c r="B5481" i="26"/>
  <c r="B5482" i="26"/>
  <c r="B5483" i="26"/>
  <c r="B5484" i="26"/>
  <c r="B5485" i="26"/>
  <c r="B5486" i="26"/>
  <c r="B5487" i="26"/>
  <c r="B5488" i="26"/>
  <c r="B5489" i="26"/>
  <c r="B5490" i="26"/>
  <c r="B5491" i="26"/>
  <c r="B5492" i="26"/>
  <c r="B5493" i="26"/>
  <c r="B5494" i="26"/>
  <c r="B5495" i="26"/>
  <c r="B5496" i="26"/>
  <c r="B5497" i="26"/>
  <c r="B5498" i="26"/>
  <c r="B5499" i="26"/>
  <c r="B5500" i="26"/>
  <c r="B5501" i="26"/>
  <c r="B5502" i="26"/>
  <c r="B5503" i="26"/>
  <c r="B5504" i="26"/>
  <c r="B5505" i="26"/>
  <c r="B5506" i="26"/>
  <c r="B5507" i="26"/>
  <c r="B5508" i="26"/>
  <c r="B5509" i="26"/>
  <c r="B5510" i="26"/>
  <c r="B5511" i="26"/>
  <c r="B5512" i="26"/>
  <c r="B5513" i="26"/>
  <c r="B5514" i="26"/>
  <c r="B5515" i="26"/>
  <c r="B5516" i="26"/>
  <c r="B5517" i="26"/>
  <c r="B5518" i="26"/>
  <c r="B5519" i="26"/>
  <c r="B5520" i="26"/>
  <c r="B5521" i="26"/>
  <c r="B5522" i="26"/>
  <c r="B5523" i="26"/>
  <c r="B5524" i="26"/>
  <c r="B5525" i="26"/>
  <c r="B5526" i="26"/>
  <c r="B5527" i="26"/>
  <c r="B5528" i="26"/>
  <c r="B5529" i="26"/>
  <c r="B5530" i="26"/>
  <c r="B5531" i="26"/>
  <c r="B5532" i="26"/>
  <c r="B5533" i="26"/>
  <c r="B5534" i="26"/>
  <c r="B5535" i="26"/>
  <c r="B5536" i="26"/>
  <c r="B5537" i="26"/>
  <c r="B5538" i="26"/>
  <c r="B5539" i="26"/>
  <c r="B5540" i="26"/>
  <c r="B5541" i="26"/>
  <c r="B5542" i="26"/>
  <c r="B5543" i="26"/>
  <c r="B5544" i="26"/>
  <c r="B5545" i="26"/>
  <c r="B5546" i="26"/>
  <c r="B5547" i="26"/>
  <c r="B5548" i="26"/>
  <c r="B5549" i="26"/>
  <c r="B5550" i="26"/>
  <c r="B5551" i="26"/>
  <c r="B5552" i="26"/>
  <c r="B5553" i="26"/>
  <c r="B5554" i="26"/>
  <c r="B5555" i="26"/>
  <c r="B5556" i="26"/>
  <c r="B5557" i="26"/>
  <c r="B5558" i="26"/>
  <c r="B5559" i="26"/>
  <c r="B5560" i="26"/>
  <c r="B5561" i="26"/>
  <c r="B5562" i="26"/>
  <c r="B5563" i="26"/>
  <c r="B5564" i="26"/>
  <c r="B5565" i="26"/>
  <c r="B5566" i="26"/>
  <c r="B5567" i="26"/>
  <c r="B5568" i="26"/>
  <c r="B5569" i="26"/>
  <c r="B5570" i="26"/>
  <c r="B5571" i="26"/>
  <c r="B5572" i="26"/>
  <c r="B5573" i="26"/>
  <c r="B5574" i="26"/>
  <c r="B5575" i="26"/>
  <c r="B5576" i="26"/>
  <c r="B5577" i="26"/>
  <c r="B5578" i="26"/>
  <c r="B5579" i="26"/>
  <c r="B5580" i="26"/>
  <c r="B5581" i="26"/>
  <c r="B5582" i="26"/>
  <c r="B5583" i="26"/>
  <c r="B5584" i="26"/>
  <c r="B5585" i="26"/>
  <c r="B5586" i="26"/>
  <c r="B5587" i="26"/>
  <c r="B5588" i="26"/>
  <c r="B5589" i="26"/>
  <c r="B5590" i="26"/>
  <c r="B5591" i="26"/>
  <c r="B5592" i="26"/>
  <c r="B5593" i="26"/>
  <c r="B5594" i="26"/>
  <c r="B5595" i="26"/>
  <c r="B5596" i="26"/>
  <c r="B5597" i="26"/>
  <c r="B5598" i="26"/>
  <c r="B5599" i="26"/>
  <c r="B5600" i="26"/>
  <c r="B5601" i="26"/>
  <c r="B5602" i="26"/>
  <c r="B5603" i="26"/>
  <c r="B5604" i="26"/>
  <c r="B5605" i="26"/>
  <c r="B5606" i="26"/>
  <c r="B5607" i="26"/>
  <c r="B5608" i="26"/>
  <c r="B5609" i="26"/>
  <c r="B5610" i="26"/>
  <c r="B5611" i="26"/>
  <c r="B5612" i="26"/>
  <c r="B5613" i="26"/>
  <c r="B5614" i="26"/>
  <c r="B5615" i="26"/>
  <c r="B5616" i="26"/>
  <c r="B5617" i="26"/>
  <c r="B5618" i="26"/>
  <c r="B5619" i="26"/>
  <c r="B5620" i="26"/>
  <c r="B5621" i="26"/>
  <c r="B5622" i="26"/>
  <c r="B5623" i="26"/>
  <c r="B5624" i="26"/>
  <c r="B5625" i="26"/>
  <c r="B5626" i="26"/>
  <c r="B5627" i="26"/>
  <c r="B5628" i="26"/>
  <c r="B5629" i="26"/>
  <c r="B5630" i="26"/>
  <c r="B5631" i="26"/>
  <c r="B5632" i="26"/>
  <c r="B5633" i="26"/>
  <c r="B5634" i="26"/>
  <c r="B5635" i="26"/>
  <c r="B5636" i="26"/>
  <c r="B5637" i="26"/>
  <c r="B5638" i="26"/>
  <c r="B5639" i="26"/>
  <c r="B5640" i="26"/>
  <c r="B5641" i="26"/>
  <c r="B5642" i="26"/>
  <c r="B5643" i="26"/>
  <c r="B5644" i="26"/>
  <c r="B5645" i="26"/>
  <c r="B5646" i="26"/>
  <c r="B5647" i="26"/>
  <c r="B5648" i="26"/>
  <c r="B5649" i="26"/>
  <c r="B5650" i="26"/>
  <c r="B5651" i="26"/>
  <c r="B5652" i="26"/>
  <c r="B5653" i="26"/>
  <c r="B5654" i="26"/>
  <c r="B5655" i="26"/>
  <c r="B5656" i="26"/>
  <c r="B5657" i="26"/>
  <c r="B5658" i="26"/>
  <c r="B5659" i="26"/>
  <c r="B5660" i="26"/>
  <c r="B5661" i="26"/>
  <c r="B5662" i="26"/>
  <c r="B5663" i="26"/>
  <c r="B5664" i="26"/>
  <c r="B5665" i="26"/>
  <c r="B5666" i="26"/>
  <c r="B5667" i="26"/>
  <c r="B5668" i="26"/>
  <c r="B5669" i="26"/>
  <c r="B5670" i="26"/>
  <c r="B5671" i="26"/>
  <c r="B5672" i="26"/>
  <c r="B5673" i="26"/>
  <c r="B5674" i="26"/>
  <c r="B5675" i="26"/>
  <c r="B5676" i="26"/>
  <c r="B5677" i="26"/>
  <c r="B5678" i="26"/>
  <c r="B5679" i="26"/>
  <c r="B5680" i="26"/>
  <c r="B5681" i="26"/>
  <c r="B5682" i="26"/>
  <c r="B5683" i="26"/>
  <c r="B5684" i="26"/>
  <c r="B5685" i="26"/>
  <c r="B5686" i="26"/>
  <c r="B5687" i="26"/>
  <c r="B5688" i="26"/>
  <c r="B5689" i="26"/>
  <c r="B5690" i="26"/>
  <c r="B5691" i="26"/>
  <c r="B5692" i="26"/>
  <c r="B5693" i="26"/>
  <c r="B5694" i="26"/>
  <c r="B5695" i="26"/>
  <c r="B5696" i="26"/>
  <c r="B5697" i="26"/>
  <c r="B5698" i="26"/>
  <c r="B5699" i="26"/>
  <c r="B5700" i="26"/>
  <c r="B5701" i="26"/>
  <c r="B5702" i="26"/>
  <c r="B5703" i="26"/>
  <c r="B5704" i="26"/>
  <c r="B5705" i="26"/>
  <c r="B5706" i="26"/>
  <c r="B5707" i="26"/>
  <c r="B5708" i="26"/>
  <c r="B5709" i="26"/>
  <c r="B5710" i="26"/>
  <c r="B5711" i="26"/>
  <c r="B5712" i="26"/>
  <c r="B5713" i="26"/>
  <c r="B5714" i="26"/>
  <c r="B5715" i="26"/>
  <c r="B5716" i="26"/>
  <c r="B5717" i="26"/>
  <c r="B5718" i="26"/>
  <c r="B5719" i="26"/>
  <c r="B5720" i="26"/>
  <c r="B5721" i="26"/>
  <c r="B5722" i="26"/>
  <c r="B5723" i="26"/>
  <c r="B5724" i="26"/>
  <c r="B5725" i="26"/>
  <c r="B5726" i="26"/>
  <c r="B5727" i="26"/>
  <c r="B5728" i="26"/>
  <c r="B5729" i="26"/>
  <c r="B5730" i="26"/>
  <c r="B5731" i="26"/>
  <c r="B5732" i="26"/>
  <c r="B5733" i="26"/>
  <c r="B5734" i="26"/>
  <c r="B5735" i="26"/>
  <c r="B5736" i="26"/>
  <c r="B5737" i="26"/>
  <c r="B5738" i="26"/>
  <c r="B5739" i="26"/>
  <c r="B5740" i="26"/>
  <c r="B5741" i="26"/>
  <c r="B5742" i="26"/>
  <c r="B5743" i="26"/>
  <c r="B5744" i="26"/>
  <c r="B5745" i="26"/>
  <c r="B5746" i="26"/>
  <c r="B5747" i="26"/>
  <c r="B5748" i="26"/>
  <c r="B5749" i="26"/>
  <c r="B5750" i="26"/>
  <c r="B5751" i="26"/>
  <c r="B5752" i="26"/>
  <c r="B5753" i="26"/>
  <c r="B5754" i="26"/>
  <c r="B5755" i="26"/>
  <c r="B5756" i="26"/>
  <c r="B5757" i="26"/>
  <c r="B5758" i="26"/>
  <c r="B5759" i="26"/>
  <c r="B5760" i="26"/>
  <c r="B5761" i="26"/>
  <c r="B5762" i="26"/>
  <c r="B5763" i="26"/>
  <c r="B5764" i="26"/>
  <c r="B5765" i="26"/>
  <c r="B5766" i="26"/>
  <c r="B5767" i="26"/>
  <c r="B5768" i="26"/>
  <c r="B5769" i="26"/>
  <c r="B5770" i="26"/>
  <c r="B5771" i="26"/>
  <c r="B5772" i="26"/>
  <c r="B5773" i="26"/>
  <c r="B5774" i="26"/>
  <c r="B5775" i="26"/>
  <c r="B5776" i="26"/>
  <c r="B5777" i="26"/>
  <c r="B5778" i="26"/>
  <c r="B5779" i="26"/>
  <c r="B5780" i="26"/>
  <c r="B5781" i="26"/>
  <c r="B5782" i="26"/>
  <c r="B5783" i="26"/>
  <c r="B5784" i="26"/>
  <c r="B5785" i="26"/>
  <c r="B5786" i="26"/>
  <c r="B5787" i="26"/>
  <c r="B5788" i="26"/>
  <c r="B5789" i="26"/>
  <c r="B5790" i="26"/>
  <c r="B5791" i="26"/>
  <c r="B5792" i="26"/>
  <c r="B5793" i="26"/>
  <c r="B5794" i="26"/>
  <c r="B5795" i="26"/>
  <c r="B5796" i="26"/>
  <c r="B5797" i="26"/>
  <c r="B5798" i="26"/>
  <c r="B5799" i="26"/>
  <c r="B5800" i="26"/>
  <c r="B5801" i="26"/>
  <c r="B5802" i="26"/>
  <c r="B5803" i="26"/>
  <c r="B5804" i="26"/>
  <c r="B5805" i="26"/>
  <c r="B5806" i="26"/>
  <c r="B5807" i="26"/>
  <c r="B5808" i="26"/>
  <c r="B5809" i="26"/>
  <c r="B5810" i="26"/>
  <c r="B5811" i="26"/>
  <c r="B5812" i="26"/>
  <c r="B5813" i="26"/>
  <c r="B5814" i="26"/>
  <c r="B5815" i="26"/>
  <c r="B5816" i="26"/>
  <c r="B5817" i="26"/>
  <c r="B5818" i="26"/>
  <c r="B5819" i="26"/>
  <c r="B5820" i="26"/>
  <c r="B5821" i="26"/>
  <c r="B5822" i="26"/>
  <c r="B5823" i="26"/>
  <c r="B5824" i="26"/>
  <c r="B5825" i="26"/>
  <c r="B5826" i="26"/>
  <c r="B5827" i="26"/>
  <c r="B5828" i="26"/>
  <c r="B5829" i="26"/>
  <c r="B5830" i="26"/>
  <c r="B5831" i="26"/>
  <c r="B5832" i="26"/>
  <c r="B5833" i="26"/>
  <c r="B5834" i="26"/>
  <c r="B5835" i="26"/>
  <c r="B5836" i="26"/>
  <c r="B5837" i="26"/>
  <c r="B5838" i="26"/>
  <c r="B5839" i="26"/>
  <c r="B5840" i="26"/>
  <c r="B5841" i="26"/>
  <c r="B5842" i="26"/>
  <c r="B5843" i="26"/>
  <c r="B5844" i="26"/>
  <c r="B5845" i="26"/>
  <c r="B5846" i="26"/>
  <c r="B5847" i="26"/>
  <c r="B5848" i="26"/>
  <c r="B5849" i="26"/>
  <c r="B5850" i="26"/>
  <c r="B5851" i="26"/>
  <c r="B5852" i="26"/>
  <c r="B5853" i="26"/>
  <c r="B5854" i="26"/>
  <c r="B5855" i="26"/>
  <c r="B5856" i="26"/>
  <c r="B5857" i="26"/>
  <c r="B5858" i="26"/>
  <c r="B5859" i="26"/>
  <c r="B5860" i="26"/>
  <c r="B5861" i="26"/>
  <c r="B5862" i="26"/>
  <c r="B5863" i="26"/>
  <c r="B5864" i="26"/>
  <c r="B5865" i="26"/>
  <c r="B5866" i="26"/>
  <c r="B5867" i="26"/>
  <c r="B5868" i="26"/>
  <c r="B5869" i="26"/>
  <c r="B5870" i="26"/>
  <c r="B5871" i="26"/>
  <c r="B5872" i="26"/>
  <c r="B5873" i="26"/>
  <c r="B5874" i="26"/>
  <c r="B5875" i="26"/>
  <c r="B5876" i="26"/>
  <c r="B5877" i="26"/>
  <c r="B5878" i="26"/>
  <c r="B5879" i="26"/>
  <c r="B5880" i="26"/>
  <c r="B5881" i="26"/>
  <c r="B5882" i="26"/>
  <c r="B5883" i="26"/>
  <c r="B5884" i="26"/>
  <c r="B5885" i="26"/>
  <c r="B5886" i="26"/>
  <c r="B5887" i="26"/>
  <c r="B5888" i="26"/>
  <c r="B5889" i="26"/>
  <c r="B5890" i="26"/>
  <c r="B5891" i="26"/>
  <c r="B5892" i="26"/>
  <c r="B5893" i="26"/>
  <c r="B5894" i="26"/>
  <c r="B5895" i="26"/>
  <c r="B5896" i="26"/>
  <c r="B5897" i="26"/>
  <c r="B5898" i="26"/>
  <c r="B5899" i="26"/>
  <c r="B5900" i="26"/>
  <c r="B5901" i="26"/>
  <c r="B5902" i="26"/>
  <c r="B5903" i="26"/>
  <c r="B5904" i="26"/>
  <c r="B5905" i="26"/>
  <c r="B5906" i="26"/>
  <c r="B5907" i="26"/>
  <c r="B5908" i="26"/>
  <c r="B5909" i="26"/>
  <c r="B5910" i="26"/>
  <c r="B5911" i="26"/>
  <c r="B5912" i="26"/>
  <c r="B5913" i="26"/>
  <c r="B5914" i="26"/>
  <c r="B5915" i="26"/>
  <c r="B5916" i="26"/>
  <c r="B5917" i="26"/>
  <c r="B5918" i="26"/>
  <c r="B5919" i="26"/>
  <c r="B5920" i="26"/>
  <c r="B5921" i="26"/>
  <c r="B5922" i="26"/>
  <c r="B5923" i="26"/>
  <c r="B5924" i="26"/>
  <c r="B5925" i="26"/>
  <c r="B5926" i="26"/>
  <c r="B5927" i="26"/>
  <c r="B5928" i="26"/>
  <c r="B5929" i="26"/>
  <c r="B5930" i="26"/>
  <c r="B5931" i="26"/>
  <c r="B5932" i="26"/>
  <c r="B5933" i="26"/>
  <c r="B5934" i="26"/>
  <c r="B5935" i="26"/>
  <c r="B5936" i="26"/>
  <c r="B5937" i="26"/>
  <c r="B5938" i="26"/>
  <c r="B5939" i="26"/>
  <c r="B5940" i="26"/>
  <c r="B5941" i="26"/>
  <c r="B5942" i="26"/>
  <c r="B5943" i="26"/>
  <c r="B5944" i="26"/>
  <c r="B5945" i="26"/>
  <c r="B5946" i="26"/>
  <c r="B5947" i="26"/>
  <c r="B5948" i="26"/>
  <c r="B5949" i="26"/>
  <c r="B5950" i="26"/>
  <c r="B5951" i="26"/>
  <c r="B5952" i="26"/>
  <c r="B5953" i="26"/>
  <c r="B5954" i="26"/>
  <c r="B5955" i="26"/>
  <c r="B5956" i="26"/>
  <c r="B5957" i="26"/>
  <c r="B5958" i="26"/>
  <c r="B5959" i="26"/>
  <c r="B5960" i="26"/>
  <c r="B5961" i="26"/>
  <c r="B5962" i="26"/>
  <c r="B5963" i="26"/>
  <c r="B5964" i="26"/>
  <c r="B5965" i="26"/>
  <c r="B5966" i="26"/>
  <c r="B5967" i="26"/>
  <c r="B5968" i="26"/>
  <c r="B5969" i="26"/>
  <c r="B5970" i="26"/>
  <c r="B5971" i="26"/>
  <c r="B5972" i="26"/>
  <c r="B5973" i="26"/>
  <c r="B5974" i="26"/>
  <c r="B5975" i="26"/>
  <c r="B5976" i="26"/>
  <c r="B5977" i="26"/>
  <c r="B5978" i="26"/>
  <c r="B5979" i="26"/>
  <c r="B5980" i="26"/>
  <c r="B5981" i="26"/>
  <c r="B5982" i="26"/>
  <c r="B5983" i="26"/>
  <c r="B5984" i="26"/>
  <c r="B5985" i="26"/>
  <c r="B5986" i="26"/>
  <c r="B5987" i="26"/>
  <c r="B5988" i="26"/>
  <c r="B5989" i="26"/>
  <c r="B5990" i="26"/>
  <c r="B5991" i="26"/>
  <c r="B5992" i="26"/>
  <c r="B5993" i="26"/>
  <c r="B5994" i="26"/>
  <c r="B5995" i="26"/>
  <c r="B5996" i="26"/>
  <c r="B5997" i="26"/>
  <c r="B5998" i="26"/>
  <c r="B5999" i="26"/>
  <c r="B6000" i="26"/>
  <c r="B6001" i="26"/>
  <c r="B6002" i="26"/>
  <c r="B6003" i="26"/>
  <c r="B6004" i="26"/>
  <c r="B6005" i="26"/>
  <c r="B6006" i="26"/>
  <c r="B6007" i="26"/>
  <c r="B6008" i="26"/>
  <c r="B6009" i="26"/>
  <c r="B6010" i="26"/>
  <c r="B6011" i="26"/>
  <c r="B6012" i="26"/>
  <c r="B6013" i="26"/>
  <c r="B6014" i="26"/>
  <c r="B6015" i="26"/>
  <c r="B6016" i="26"/>
  <c r="B6017" i="26"/>
  <c r="B6018" i="26"/>
  <c r="B6019" i="26"/>
  <c r="B6020" i="26"/>
  <c r="B6021" i="26"/>
  <c r="B6022" i="26"/>
  <c r="B6023" i="26"/>
  <c r="B6024" i="26"/>
  <c r="B6025" i="26"/>
  <c r="B6026" i="26"/>
  <c r="B6027" i="26"/>
  <c r="B6028" i="26"/>
  <c r="B6029" i="26"/>
  <c r="B6030" i="26"/>
  <c r="B6031" i="26"/>
  <c r="B6032" i="26"/>
  <c r="B6033" i="26"/>
  <c r="B6034" i="26"/>
  <c r="B6035" i="26"/>
  <c r="B6036" i="26"/>
  <c r="B6037" i="26"/>
  <c r="B6038" i="26"/>
  <c r="B6039" i="26"/>
  <c r="B6040" i="26"/>
  <c r="B6041" i="26"/>
  <c r="B6042" i="26"/>
  <c r="B6043" i="26"/>
  <c r="B6044" i="26"/>
  <c r="B6045" i="26"/>
  <c r="B6046" i="26"/>
  <c r="B6047" i="26"/>
  <c r="B6048" i="26"/>
  <c r="B6049" i="26"/>
  <c r="B6050" i="26"/>
  <c r="B6051" i="26"/>
  <c r="B6052" i="26"/>
  <c r="B6053" i="26"/>
  <c r="B6054" i="26"/>
  <c r="B6055" i="26"/>
  <c r="B6056" i="26"/>
  <c r="B6057" i="26"/>
  <c r="B6058" i="26"/>
  <c r="B6059" i="26"/>
  <c r="B6060" i="26"/>
  <c r="B6061" i="26"/>
  <c r="B6062" i="26"/>
  <c r="B6063" i="26"/>
  <c r="B6064" i="26"/>
  <c r="B6065" i="26"/>
  <c r="B6066" i="26"/>
  <c r="B6067" i="26"/>
  <c r="B6068" i="26"/>
  <c r="B6069" i="26"/>
  <c r="B6070" i="26"/>
  <c r="B6071" i="26"/>
  <c r="B6072" i="26"/>
  <c r="B6073" i="26"/>
  <c r="B6074" i="26"/>
  <c r="B6075" i="26"/>
  <c r="B6076" i="26"/>
  <c r="B6077" i="26"/>
  <c r="B6078" i="26"/>
  <c r="B6079" i="26"/>
  <c r="B6080" i="26"/>
  <c r="B6081" i="26"/>
  <c r="B6082" i="26"/>
  <c r="B6083" i="26"/>
  <c r="B6084" i="26"/>
  <c r="B6085" i="26"/>
  <c r="B6086" i="26"/>
  <c r="B6087" i="26"/>
  <c r="B6088" i="26"/>
  <c r="B6089" i="26"/>
  <c r="B6090" i="26"/>
  <c r="B6091" i="26"/>
  <c r="B6092" i="26"/>
  <c r="B6093" i="26"/>
  <c r="B6094" i="26"/>
  <c r="B6095" i="26"/>
  <c r="B6096" i="26"/>
  <c r="B6097" i="26"/>
  <c r="B6098" i="26"/>
  <c r="B6099" i="26"/>
  <c r="B6100" i="26"/>
  <c r="B6101" i="26"/>
  <c r="B6102" i="26"/>
  <c r="B6103" i="26"/>
  <c r="B6104" i="26"/>
  <c r="B6105" i="26"/>
  <c r="B6106" i="26"/>
  <c r="B6107" i="26"/>
  <c r="B6108" i="26"/>
  <c r="B6109" i="26"/>
  <c r="B6110" i="26"/>
  <c r="B6111" i="26"/>
  <c r="B6112" i="26"/>
  <c r="B6113" i="26"/>
  <c r="B6114" i="26"/>
  <c r="B6115" i="26"/>
  <c r="B6116" i="26"/>
  <c r="B6117" i="26"/>
  <c r="B6118" i="26"/>
  <c r="B6119" i="26"/>
  <c r="B6120" i="26"/>
  <c r="B6121" i="26"/>
  <c r="B6122" i="26"/>
  <c r="B6123" i="26"/>
  <c r="B6124" i="26"/>
  <c r="B6125" i="26"/>
  <c r="B6126" i="26"/>
  <c r="B6127" i="26"/>
  <c r="B6128" i="26"/>
  <c r="B6129" i="26"/>
  <c r="B6130" i="26"/>
  <c r="B6131" i="26"/>
  <c r="B6132" i="26"/>
  <c r="B6133" i="26"/>
  <c r="B6134" i="26"/>
  <c r="B6135" i="26"/>
  <c r="B6136" i="26"/>
  <c r="B6137" i="26"/>
  <c r="B6138" i="26"/>
  <c r="B6139" i="26"/>
  <c r="B6140" i="26"/>
  <c r="B6141" i="26"/>
  <c r="B6142" i="26"/>
  <c r="B6143" i="26"/>
  <c r="B6144" i="26"/>
  <c r="B6145" i="26"/>
  <c r="B6146" i="26"/>
  <c r="B6147" i="26"/>
  <c r="B6148" i="26"/>
  <c r="B6149" i="26"/>
  <c r="B6150" i="26"/>
  <c r="B6151" i="26"/>
  <c r="B6152" i="26"/>
  <c r="B6153" i="26"/>
  <c r="B6154" i="26"/>
  <c r="B6155" i="26"/>
  <c r="B6156" i="26"/>
  <c r="B6157" i="26"/>
  <c r="B6158" i="26"/>
  <c r="B6159" i="26"/>
  <c r="B6160" i="26"/>
  <c r="B6161" i="26"/>
  <c r="B6162" i="26"/>
  <c r="B6163" i="26"/>
  <c r="B6164" i="26"/>
  <c r="B6165" i="26"/>
  <c r="B6166" i="26"/>
  <c r="B6167" i="26"/>
  <c r="B6168" i="26"/>
  <c r="B6169" i="26"/>
  <c r="B6170" i="26"/>
  <c r="B6171" i="26"/>
  <c r="B6172" i="26"/>
  <c r="B6173" i="26"/>
  <c r="B6174" i="26"/>
  <c r="B6175" i="26"/>
  <c r="B6176" i="26"/>
  <c r="B6177" i="26"/>
  <c r="B6178" i="26"/>
  <c r="B6179" i="26"/>
  <c r="B6180" i="26"/>
  <c r="B6181" i="26"/>
  <c r="B6182" i="26"/>
  <c r="B6183" i="26"/>
  <c r="B6184" i="26"/>
  <c r="B6185" i="26"/>
  <c r="B6186" i="26"/>
  <c r="B6187" i="26"/>
  <c r="B6188" i="26"/>
  <c r="B6189" i="26"/>
  <c r="B6190" i="26"/>
  <c r="B6191" i="26"/>
  <c r="B6192" i="26"/>
  <c r="B6193" i="26"/>
  <c r="B6194" i="26"/>
  <c r="B6195" i="26"/>
  <c r="B6196" i="26"/>
  <c r="B6197" i="26"/>
  <c r="B6198" i="26"/>
  <c r="B6199" i="26"/>
  <c r="B6200" i="26"/>
  <c r="B6201" i="26"/>
  <c r="B6202" i="26"/>
  <c r="B6203" i="26"/>
  <c r="B6204" i="26"/>
  <c r="B6205" i="26"/>
  <c r="B6206" i="26"/>
  <c r="B6207" i="26"/>
  <c r="B6208" i="26"/>
  <c r="B6209" i="26"/>
  <c r="B6210" i="26"/>
  <c r="B6211" i="26"/>
  <c r="B6212" i="26"/>
  <c r="B6213" i="26"/>
  <c r="B6214" i="26"/>
  <c r="B6215" i="26"/>
  <c r="B6216" i="26"/>
  <c r="B6217" i="26"/>
  <c r="B6218" i="26"/>
  <c r="B6219" i="26"/>
  <c r="B6220" i="26"/>
  <c r="B6221" i="26"/>
  <c r="B6222" i="26"/>
  <c r="B6223" i="26"/>
  <c r="B6224" i="26"/>
  <c r="B6225" i="26"/>
  <c r="B6226" i="26"/>
  <c r="B6227" i="26"/>
  <c r="B6228" i="26"/>
  <c r="B6229" i="26"/>
  <c r="B6230" i="26"/>
  <c r="B6231" i="26"/>
  <c r="B6232" i="26"/>
  <c r="B6233" i="26"/>
  <c r="B6234" i="26"/>
  <c r="B6235" i="26"/>
  <c r="B6236" i="26"/>
  <c r="B6237" i="26"/>
  <c r="B6238" i="26"/>
  <c r="B6239" i="26"/>
  <c r="B6240" i="26"/>
  <c r="B6241" i="26"/>
  <c r="B6242" i="26"/>
  <c r="B6243" i="26"/>
  <c r="B6244" i="26"/>
  <c r="B6245" i="26"/>
  <c r="B6246" i="26"/>
  <c r="B6247" i="26"/>
  <c r="B6248" i="26"/>
  <c r="B6249" i="26"/>
  <c r="B6250" i="26"/>
  <c r="B6251" i="26"/>
  <c r="B6252" i="26"/>
  <c r="B6253" i="26"/>
  <c r="B6254" i="26"/>
  <c r="B6255" i="26"/>
  <c r="B6256" i="26"/>
  <c r="B6257" i="26"/>
  <c r="B6258" i="26"/>
  <c r="B6259" i="26"/>
  <c r="B6260" i="26"/>
  <c r="B6261" i="26"/>
  <c r="B6262" i="26"/>
  <c r="B6263" i="26"/>
  <c r="B6264" i="26"/>
  <c r="B6265" i="26"/>
  <c r="B6266" i="26"/>
  <c r="B6267" i="26"/>
  <c r="B6268" i="26"/>
  <c r="B6269" i="26"/>
  <c r="B6270" i="26"/>
  <c r="B6271" i="26"/>
  <c r="B6272" i="26"/>
  <c r="B6273" i="26"/>
  <c r="B6274" i="26"/>
  <c r="B6275" i="26"/>
  <c r="B6276" i="26"/>
  <c r="B6277" i="26"/>
  <c r="B6278" i="26"/>
  <c r="B6279" i="26"/>
  <c r="B6280" i="26"/>
  <c r="B6281" i="26"/>
  <c r="B6282" i="26"/>
  <c r="B6283" i="26"/>
  <c r="B6284" i="26"/>
  <c r="B6285" i="26"/>
  <c r="B6286" i="26"/>
  <c r="B6287" i="26"/>
  <c r="B6288" i="26"/>
  <c r="B6289" i="26"/>
  <c r="B6290" i="26"/>
  <c r="B6291" i="26"/>
  <c r="B6292" i="26"/>
  <c r="B6293" i="26"/>
  <c r="B6294" i="26"/>
  <c r="B6295" i="26"/>
  <c r="B6296" i="26"/>
  <c r="B6297" i="26"/>
  <c r="B6298" i="26"/>
  <c r="B6299" i="26"/>
  <c r="B6300" i="26"/>
  <c r="B6301" i="26"/>
  <c r="B6302" i="26"/>
  <c r="B6303" i="26"/>
  <c r="B6304" i="26"/>
  <c r="B6305" i="26"/>
  <c r="B6306" i="26"/>
  <c r="B6307" i="26"/>
  <c r="B6308" i="26"/>
  <c r="B6309" i="26"/>
  <c r="B6310" i="26"/>
  <c r="B6311" i="26"/>
  <c r="B6312" i="26"/>
  <c r="B6313" i="26"/>
  <c r="B6314" i="26"/>
  <c r="B6315" i="26"/>
  <c r="B6316" i="26"/>
  <c r="B6317" i="26"/>
  <c r="B6318" i="26"/>
  <c r="B6319" i="26"/>
  <c r="B6320" i="26"/>
  <c r="B6321" i="26"/>
  <c r="B6322" i="26"/>
  <c r="B6323" i="26"/>
  <c r="B6324" i="26"/>
  <c r="B6325" i="26"/>
  <c r="B6326" i="26"/>
  <c r="B6327" i="26"/>
  <c r="B6328" i="26"/>
  <c r="B6329" i="26"/>
  <c r="B6330" i="26"/>
  <c r="B6331" i="26"/>
  <c r="B6332" i="26"/>
  <c r="B6333" i="26"/>
  <c r="B6334" i="26"/>
  <c r="B6335" i="26"/>
  <c r="B6336" i="26"/>
  <c r="B6337" i="26"/>
  <c r="B6338" i="26"/>
  <c r="B6339" i="26"/>
  <c r="B6340" i="26"/>
  <c r="B6341" i="26"/>
  <c r="B6342" i="26"/>
  <c r="B6343" i="26"/>
  <c r="B6344" i="26"/>
  <c r="B6345" i="26"/>
  <c r="B6346" i="26"/>
  <c r="B6347" i="26"/>
  <c r="B6348" i="26"/>
  <c r="B6349" i="26"/>
  <c r="B6350" i="26"/>
  <c r="B6351" i="26"/>
  <c r="B6352" i="26"/>
  <c r="B6353" i="26"/>
  <c r="B6354" i="26"/>
  <c r="B6355" i="26"/>
  <c r="B6356" i="26"/>
  <c r="B6357" i="26"/>
  <c r="B6358" i="26"/>
  <c r="B6359" i="26"/>
  <c r="B6360" i="26"/>
  <c r="B6361" i="26"/>
  <c r="B6362" i="26"/>
  <c r="B6363" i="26"/>
  <c r="B6364" i="26"/>
  <c r="B6365" i="26"/>
  <c r="B6366" i="26"/>
  <c r="B6367" i="26"/>
  <c r="B6368" i="26"/>
  <c r="B6369" i="26"/>
  <c r="B6370" i="26"/>
  <c r="B6371" i="26"/>
  <c r="B6372" i="26"/>
  <c r="B6373" i="26"/>
  <c r="B6374" i="26"/>
  <c r="B6375" i="26"/>
  <c r="B6376" i="26"/>
  <c r="B6377" i="26"/>
  <c r="B6378" i="26"/>
  <c r="B6379" i="26"/>
  <c r="B6380" i="26"/>
  <c r="B6381" i="26"/>
  <c r="B6382" i="26"/>
  <c r="B6383" i="26"/>
  <c r="B6384" i="26"/>
  <c r="B6385" i="26"/>
  <c r="B6386" i="26"/>
  <c r="B6387" i="26"/>
  <c r="B6388" i="26"/>
  <c r="B6389" i="26"/>
  <c r="B6390" i="26"/>
  <c r="B6391" i="26"/>
  <c r="B6392" i="26"/>
  <c r="B6393" i="26"/>
  <c r="B6394" i="26"/>
  <c r="B6395" i="26"/>
  <c r="B6396" i="26"/>
  <c r="B6397" i="26"/>
  <c r="B6398" i="26"/>
  <c r="B6399" i="26"/>
  <c r="B6400" i="26"/>
  <c r="B6401" i="26"/>
  <c r="B6402" i="26"/>
  <c r="B6403" i="26"/>
  <c r="B6404" i="26"/>
  <c r="B6405" i="26"/>
  <c r="B6406" i="26"/>
  <c r="B6407" i="26"/>
  <c r="B6408" i="26"/>
  <c r="B6409" i="26"/>
  <c r="B6410" i="26"/>
  <c r="B6411" i="26"/>
  <c r="B6412" i="26"/>
  <c r="B6413" i="26"/>
  <c r="B6414" i="26"/>
  <c r="B6415" i="26"/>
  <c r="B6416" i="26"/>
  <c r="B6417" i="26"/>
  <c r="B6418" i="26"/>
  <c r="B6419" i="26"/>
  <c r="B6420" i="26"/>
  <c r="B6421" i="26"/>
  <c r="B6422" i="26"/>
  <c r="B6423" i="26"/>
  <c r="B6424" i="26"/>
  <c r="B6425" i="26"/>
  <c r="B6426" i="26"/>
  <c r="B6427" i="26"/>
  <c r="B6428" i="26"/>
  <c r="B6429" i="26"/>
  <c r="B6430" i="26"/>
  <c r="B6431" i="26"/>
  <c r="B6432" i="26"/>
  <c r="B6433" i="26"/>
  <c r="B6434" i="26"/>
  <c r="B6435" i="26"/>
  <c r="B6436" i="26"/>
  <c r="B6437" i="26"/>
  <c r="B6438" i="26"/>
  <c r="B6439" i="26"/>
  <c r="B6440" i="26"/>
  <c r="B6441" i="26"/>
  <c r="B6442" i="26"/>
  <c r="B6443" i="26"/>
  <c r="B6444" i="26"/>
  <c r="B6445" i="26"/>
  <c r="B6446" i="26"/>
  <c r="B6447" i="26"/>
  <c r="B6448" i="26"/>
  <c r="B6449" i="26"/>
  <c r="B6450" i="26"/>
  <c r="B6451" i="26"/>
  <c r="B6452" i="26"/>
  <c r="B6453" i="26"/>
  <c r="B6454" i="26"/>
  <c r="B6455" i="26"/>
  <c r="B6456" i="26"/>
  <c r="B6457" i="26"/>
  <c r="B6458" i="26"/>
  <c r="B6459" i="26"/>
  <c r="B6460" i="26"/>
  <c r="B6461" i="26"/>
  <c r="B6462" i="26"/>
  <c r="B6463" i="26"/>
  <c r="B6464" i="26"/>
  <c r="B6465" i="26"/>
  <c r="B6466" i="26"/>
  <c r="B6467" i="26"/>
  <c r="B6468" i="26"/>
  <c r="B6469" i="26"/>
  <c r="B6470" i="26"/>
  <c r="B6471" i="26"/>
  <c r="B6472" i="26"/>
  <c r="B6473" i="26"/>
  <c r="B6474" i="26"/>
  <c r="B6475" i="26"/>
  <c r="B6476" i="26"/>
  <c r="B6477" i="26"/>
  <c r="B6478" i="26"/>
  <c r="B6479" i="26"/>
  <c r="B6480" i="26"/>
  <c r="B6481" i="26"/>
  <c r="B6482" i="26"/>
  <c r="B6483" i="26"/>
  <c r="B6484" i="26"/>
  <c r="B6485" i="26"/>
  <c r="B6486" i="26"/>
  <c r="B6487" i="26"/>
  <c r="B6488" i="26"/>
  <c r="B6489" i="26"/>
  <c r="B6490" i="26"/>
  <c r="B6491" i="26"/>
  <c r="B6492" i="26"/>
  <c r="B6493" i="26"/>
  <c r="B6494" i="26"/>
  <c r="B6495" i="26"/>
  <c r="B6496" i="26"/>
  <c r="B6497" i="26"/>
  <c r="B6498" i="26"/>
  <c r="B6499" i="26"/>
  <c r="B6500" i="26"/>
  <c r="B6501" i="26"/>
  <c r="B6502" i="26"/>
  <c r="B6503" i="26"/>
  <c r="B6504" i="26"/>
  <c r="B6505" i="26"/>
  <c r="B6506" i="26"/>
  <c r="B6507" i="26"/>
  <c r="B6508" i="26"/>
  <c r="B6509" i="26"/>
  <c r="B6510" i="26"/>
  <c r="B6511" i="26"/>
  <c r="B6512" i="26"/>
  <c r="B6513" i="26"/>
  <c r="B6514" i="26"/>
  <c r="B6515" i="26"/>
  <c r="B6516" i="26"/>
  <c r="B6517" i="26"/>
  <c r="B6518" i="26"/>
  <c r="B6519" i="26"/>
  <c r="B6520" i="26"/>
  <c r="B6521" i="26"/>
  <c r="B6522" i="26"/>
  <c r="B6523" i="26"/>
  <c r="B6524" i="26"/>
  <c r="B6525" i="26"/>
  <c r="B6526" i="26"/>
  <c r="B6527" i="26"/>
  <c r="B6528" i="26"/>
  <c r="B6529" i="26"/>
  <c r="B6530" i="26"/>
  <c r="B6531" i="26"/>
  <c r="B6532" i="26"/>
  <c r="B6533" i="26"/>
  <c r="B6534" i="26"/>
  <c r="B6535" i="26"/>
  <c r="B6536" i="26"/>
  <c r="B6537" i="26"/>
  <c r="B6538" i="26"/>
  <c r="B6539" i="26"/>
  <c r="B6540" i="26"/>
  <c r="B6541" i="26"/>
  <c r="B6542" i="26"/>
  <c r="B6543" i="26"/>
  <c r="B6544" i="26"/>
  <c r="B6545" i="26"/>
  <c r="B6546" i="26"/>
  <c r="B6547" i="26"/>
  <c r="B6548" i="26"/>
  <c r="B6549" i="26"/>
  <c r="B6550" i="26"/>
  <c r="B6551" i="26"/>
  <c r="B6552" i="26"/>
  <c r="B6553" i="26"/>
  <c r="B6554" i="26"/>
  <c r="B6555" i="26"/>
  <c r="B6556" i="26"/>
  <c r="B6557" i="26"/>
  <c r="B6558" i="26"/>
  <c r="B6559" i="26"/>
  <c r="B6560" i="26"/>
  <c r="B6561" i="26"/>
  <c r="B6562" i="26"/>
  <c r="B6563" i="26"/>
  <c r="B6564" i="26"/>
  <c r="B6565" i="26"/>
  <c r="B6566" i="26"/>
  <c r="B6567" i="26"/>
  <c r="B6568" i="26"/>
  <c r="B6569" i="26"/>
  <c r="B6570" i="26"/>
  <c r="B6571" i="26"/>
  <c r="B6572" i="26"/>
  <c r="B6573" i="26"/>
  <c r="B6574" i="26"/>
  <c r="B6575" i="26"/>
  <c r="B6576" i="26"/>
  <c r="B6577" i="26"/>
  <c r="B6578" i="26"/>
  <c r="B6579" i="26"/>
  <c r="B6580" i="26"/>
  <c r="B6581" i="26"/>
  <c r="B6582" i="26"/>
  <c r="B6583" i="26"/>
  <c r="B6584" i="26"/>
  <c r="B6585" i="26"/>
  <c r="B6586" i="26"/>
  <c r="B6587" i="26"/>
  <c r="B6588" i="26"/>
  <c r="B6589" i="26"/>
  <c r="B6590" i="26"/>
  <c r="B6591" i="26"/>
  <c r="B6592" i="26"/>
  <c r="B6593" i="26"/>
  <c r="B6594" i="26"/>
  <c r="B6595" i="26"/>
  <c r="B6596" i="26"/>
  <c r="B6597" i="26"/>
  <c r="B6598" i="26"/>
  <c r="B6599" i="26"/>
  <c r="B6600" i="26"/>
  <c r="B6601" i="26"/>
  <c r="B6602" i="26"/>
  <c r="B6603" i="26"/>
  <c r="B6604" i="26"/>
  <c r="B6605" i="26"/>
  <c r="B6606" i="26"/>
  <c r="B6607" i="26"/>
  <c r="B6608" i="26"/>
  <c r="B6609" i="26"/>
  <c r="B6610" i="26"/>
  <c r="B6611" i="26"/>
  <c r="B6612" i="26"/>
  <c r="B6613" i="26"/>
  <c r="B6614" i="26"/>
  <c r="B6615" i="26"/>
  <c r="B6616" i="26"/>
  <c r="B6617" i="26"/>
  <c r="B6618" i="26"/>
  <c r="B6619" i="26"/>
  <c r="B6620" i="26"/>
  <c r="B6621" i="26"/>
  <c r="B6622" i="26"/>
  <c r="B6623" i="26"/>
  <c r="B6624" i="26"/>
  <c r="B6625" i="26"/>
  <c r="B6626" i="26"/>
  <c r="B6627" i="26"/>
  <c r="B6628" i="26"/>
  <c r="B6629" i="26"/>
  <c r="B6630" i="26"/>
  <c r="B6631" i="26"/>
  <c r="B6632" i="26"/>
  <c r="B6633" i="26"/>
  <c r="B6634" i="26"/>
  <c r="B6635" i="26"/>
  <c r="B6636" i="26"/>
  <c r="B6637" i="26"/>
  <c r="B6638" i="26"/>
  <c r="B6639" i="26"/>
  <c r="B6640" i="26"/>
  <c r="B6641" i="26"/>
  <c r="B6642" i="26"/>
  <c r="B6643" i="26"/>
  <c r="B6644" i="26"/>
  <c r="B6645" i="26"/>
  <c r="B6646" i="26"/>
  <c r="B6647" i="26"/>
  <c r="B6648" i="26"/>
  <c r="B6649" i="26"/>
  <c r="B6650" i="26"/>
  <c r="B6651" i="26"/>
  <c r="B6652" i="26"/>
  <c r="B6653" i="26"/>
  <c r="B6654" i="26"/>
  <c r="B6655" i="26"/>
  <c r="B6656" i="26"/>
  <c r="B6657" i="26"/>
  <c r="B6658" i="26"/>
  <c r="B6659" i="26"/>
  <c r="B6660" i="26"/>
  <c r="B6661" i="26"/>
  <c r="B6662" i="26"/>
  <c r="B6663" i="26"/>
  <c r="B6664" i="26"/>
  <c r="B6665" i="26"/>
  <c r="B6666" i="26"/>
  <c r="B6667" i="26"/>
  <c r="B6668" i="26"/>
  <c r="B6669" i="26"/>
  <c r="B6670" i="26"/>
  <c r="B6671" i="26"/>
  <c r="B6672" i="26"/>
  <c r="B6673" i="26"/>
  <c r="B6674" i="26"/>
  <c r="B6675" i="26"/>
  <c r="B6676" i="26"/>
  <c r="B6677" i="26"/>
  <c r="B6678" i="26"/>
  <c r="B6679" i="26"/>
  <c r="B6680" i="26"/>
  <c r="B6681" i="26"/>
  <c r="B6682" i="26"/>
  <c r="B6683" i="26"/>
  <c r="B6684" i="26"/>
  <c r="B6685" i="26"/>
  <c r="B6686" i="26"/>
  <c r="B6687" i="26"/>
  <c r="B6688" i="26"/>
  <c r="B6689" i="26"/>
  <c r="B6690" i="26"/>
  <c r="B6691" i="26"/>
  <c r="B6692" i="26"/>
  <c r="B6693" i="26"/>
  <c r="B6694" i="26"/>
  <c r="B6695" i="26"/>
  <c r="B6696" i="26"/>
  <c r="B6697" i="26"/>
  <c r="B6698" i="26"/>
  <c r="B6699" i="26"/>
  <c r="B6700" i="26"/>
  <c r="B6701" i="26"/>
  <c r="B6702" i="26"/>
  <c r="B6703" i="26"/>
  <c r="B6704" i="26"/>
  <c r="B6705" i="26"/>
  <c r="B6706" i="26"/>
  <c r="B6707" i="26"/>
  <c r="B6708" i="26"/>
  <c r="B6709" i="26"/>
  <c r="B6710" i="26"/>
  <c r="B6711" i="26"/>
  <c r="B6712" i="26"/>
  <c r="B6713" i="26"/>
  <c r="B6714" i="26"/>
  <c r="B6715" i="26"/>
  <c r="B6716" i="26"/>
  <c r="B6717" i="26"/>
  <c r="B6718" i="26"/>
  <c r="B6719" i="26"/>
  <c r="B6720" i="26"/>
  <c r="B6721" i="26"/>
  <c r="B6722" i="26"/>
  <c r="B6723" i="26"/>
  <c r="B6724" i="26"/>
  <c r="B6725" i="26"/>
  <c r="B6726" i="26"/>
  <c r="B6727" i="26"/>
  <c r="B6728" i="26"/>
  <c r="B6729" i="26"/>
  <c r="B6730" i="26"/>
  <c r="B6731" i="26"/>
  <c r="B6732" i="26"/>
  <c r="B6733" i="26"/>
  <c r="B6734" i="26"/>
  <c r="B6735" i="26"/>
  <c r="B6736" i="26"/>
  <c r="B6737" i="26"/>
  <c r="B6738" i="26"/>
  <c r="B6739" i="26"/>
  <c r="B6740" i="26"/>
  <c r="B6741" i="26"/>
  <c r="B6742" i="26"/>
  <c r="B6743" i="26"/>
  <c r="B6744" i="26"/>
  <c r="B6745" i="26"/>
  <c r="B6746" i="26"/>
  <c r="B6747" i="26"/>
  <c r="B6748" i="26"/>
  <c r="B6749" i="26"/>
  <c r="B6750" i="26"/>
  <c r="B6751" i="26"/>
  <c r="B6752" i="26"/>
  <c r="B6753" i="26"/>
  <c r="B6754" i="26"/>
  <c r="B6755" i="26"/>
  <c r="B6756" i="26"/>
  <c r="B6757" i="26"/>
  <c r="B6758" i="26"/>
  <c r="B6759" i="26"/>
  <c r="B6760" i="26"/>
  <c r="B6761" i="26"/>
  <c r="B6762" i="26"/>
  <c r="B6763" i="26"/>
  <c r="B6764" i="26"/>
  <c r="B6765" i="26"/>
  <c r="B6766" i="26"/>
  <c r="B6767" i="26"/>
  <c r="B6768" i="26"/>
  <c r="B6769" i="26"/>
  <c r="B6770" i="26"/>
  <c r="B6771" i="26"/>
  <c r="B6772" i="26"/>
  <c r="B6773" i="26"/>
  <c r="B6774" i="26"/>
  <c r="B6775" i="26"/>
  <c r="B6776" i="26"/>
  <c r="B6777" i="26"/>
  <c r="B6778" i="26"/>
  <c r="B6779" i="26"/>
  <c r="B6780" i="26"/>
  <c r="B6781" i="26"/>
  <c r="B6782" i="26"/>
  <c r="B6783" i="26"/>
  <c r="B6784" i="26"/>
  <c r="B6785" i="26"/>
  <c r="B6786" i="26"/>
  <c r="B6787" i="26"/>
  <c r="B6788" i="26"/>
  <c r="B6789" i="26"/>
  <c r="B6790" i="26"/>
  <c r="B6791" i="26"/>
  <c r="B6792" i="26"/>
  <c r="B6793" i="26"/>
  <c r="B6794" i="26"/>
  <c r="B6795" i="26"/>
  <c r="B6796" i="26"/>
  <c r="B6797" i="26"/>
  <c r="B6798" i="26"/>
  <c r="B6799" i="26"/>
  <c r="B6800" i="26"/>
  <c r="B6801" i="26"/>
  <c r="B6802" i="26"/>
  <c r="B6803" i="26"/>
  <c r="B6804" i="26"/>
  <c r="B6805" i="26"/>
  <c r="B6806" i="26"/>
  <c r="B6807" i="26"/>
  <c r="B6808" i="26"/>
  <c r="B6809" i="26"/>
  <c r="B6810" i="26"/>
  <c r="B6811" i="26"/>
  <c r="B6812" i="26"/>
  <c r="B6813" i="26"/>
  <c r="B6814" i="26"/>
  <c r="B6815" i="26"/>
  <c r="B6816" i="26"/>
  <c r="B6817" i="26"/>
  <c r="B6818" i="26"/>
  <c r="B6819" i="26"/>
  <c r="B6820" i="26"/>
  <c r="B6821" i="26"/>
  <c r="B6822" i="26"/>
  <c r="B6823" i="26"/>
  <c r="B6824" i="26"/>
  <c r="B6825" i="26"/>
  <c r="B6826" i="26"/>
  <c r="B6827" i="26"/>
  <c r="B6828" i="26"/>
  <c r="B6829" i="26"/>
  <c r="B6830" i="26"/>
  <c r="B6831" i="26"/>
  <c r="B6832" i="26"/>
  <c r="B6833" i="26"/>
  <c r="B6834" i="26"/>
  <c r="B6835" i="26"/>
  <c r="B6836" i="26"/>
  <c r="B6837" i="26"/>
  <c r="B6838" i="26"/>
  <c r="B6839" i="26"/>
  <c r="B6840" i="26"/>
  <c r="B6841" i="26"/>
  <c r="B6842" i="26"/>
  <c r="B6843" i="26"/>
  <c r="B6844" i="26"/>
  <c r="B6845" i="26"/>
  <c r="B6846" i="26"/>
  <c r="B6847" i="26"/>
  <c r="B6848" i="26"/>
  <c r="B6849" i="26"/>
  <c r="B6850" i="26"/>
  <c r="B6851" i="26"/>
  <c r="B6852" i="26"/>
  <c r="B6853" i="26"/>
  <c r="B6854" i="26"/>
  <c r="B6855" i="26"/>
  <c r="B6856" i="26"/>
  <c r="B6857" i="26"/>
  <c r="B6858" i="26"/>
  <c r="B6859" i="26"/>
  <c r="B6860" i="26"/>
  <c r="B6861" i="26"/>
  <c r="B6862" i="26"/>
  <c r="B6863" i="26"/>
  <c r="B6864" i="26"/>
  <c r="B6865" i="26"/>
  <c r="B6866" i="26"/>
  <c r="B6867" i="26"/>
  <c r="B6868" i="26"/>
  <c r="B6869" i="26"/>
  <c r="B6870" i="26"/>
  <c r="B6871" i="26"/>
  <c r="B6872" i="26"/>
  <c r="B6873" i="26"/>
  <c r="B6874" i="26"/>
  <c r="B6875" i="26"/>
  <c r="B6876" i="26"/>
  <c r="B6877" i="26"/>
  <c r="B6878" i="26"/>
  <c r="B6879" i="26"/>
  <c r="B6880" i="26"/>
  <c r="B6881" i="26"/>
  <c r="B6882" i="26"/>
  <c r="B6883" i="26"/>
  <c r="B6884" i="26"/>
  <c r="B6885" i="26"/>
  <c r="B6886" i="26"/>
  <c r="B6887" i="26"/>
  <c r="B6888" i="26"/>
  <c r="B6889" i="26"/>
  <c r="B6890" i="26"/>
  <c r="B6891" i="26"/>
  <c r="B6892" i="26"/>
  <c r="B6893" i="26"/>
  <c r="B6894" i="26"/>
  <c r="B6895" i="26"/>
  <c r="B6896" i="26"/>
  <c r="B6897" i="26"/>
  <c r="B6898" i="26"/>
  <c r="B6899" i="26"/>
  <c r="B6900" i="26"/>
  <c r="B6901" i="26"/>
  <c r="B6902" i="26"/>
  <c r="B6903" i="26"/>
  <c r="B6904" i="26"/>
  <c r="B6905" i="26"/>
  <c r="B6906" i="26"/>
  <c r="B6907" i="26"/>
  <c r="B6908" i="26"/>
  <c r="B6909" i="26"/>
  <c r="B6910" i="26"/>
  <c r="B6911" i="26"/>
  <c r="B6912" i="26"/>
  <c r="B6913" i="26"/>
  <c r="B6914" i="26"/>
  <c r="B6915" i="26"/>
  <c r="B6916" i="26"/>
  <c r="B6917" i="26"/>
  <c r="B6918" i="26"/>
  <c r="B6919" i="26"/>
  <c r="B6920" i="26"/>
  <c r="B6921" i="26"/>
  <c r="B6922" i="26"/>
  <c r="B6923" i="26"/>
  <c r="B6924" i="26"/>
  <c r="B6925" i="26"/>
  <c r="B6926" i="26"/>
  <c r="B6927" i="26"/>
  <c r="B6928" i="26"/>
  <c r="B6929" i="26"/>
  <c r="B6930" i="26"/>
  <c r="B6931" i="26"/>
  <c r="B6932" i="26"/>
  <c r="B6933" i="26"/>
  <c r="B6934" i="26"/>
  <c r="B6935" i="26"/>
  <c r="B6936" i="26"/>
  <c r="B6937" i="26"/>
  <c r="B6938" i="26"/>
  <c r="B6939" i="26"/>
  <c r="B6940" i="26"/>
  <c r="B6941" i="26"/>
  <c r="B6942" i="26"/>
  <c r="B6943" i="26"/>
  <c r="B6944" i="26"/>
  <c r="B6945" i="26"/>
  <c r="B6946" i="26"/>
  <c r="B6947" i="26"/>
  <c r="B6948" i="26"/>
  <c r="B6949" i="26"/>
  <c r="B6950" i="26"/>
  <c r="B6951" i="26"/>
  <c r="B6952" i="26"/>
  <c r="B6953" i="26"/>
  <c r="B6954" i="26"/>
  <c r="B6955" i="26"/>
  <c r="B6956" i="26"/>
  <c r="B6957" i="26"/>
  <c r="B6958" i="26"/>
  <c r="B6959" i="26"/>
  <c r="B6960" i="26"/>
  <c r="B6961" i="26"/>
  <c r="B6962" i="26"/>
  <c r="B6963" i="26"/>
  <c r="B6964" i="26"/>
  <c r="B6965" i="26"/>
  <c r="B6966" i="26"/>
  <c r="B6967" i="26"/>
  <c r="B6968" i="26"/>
  <c r="B6969" i="26"/>
  <c r="B6970" i="26"/>
  <c r="B6971" i="26"/>
  <c r="B6972" i="26"/>
  <c r="B6973" i="26"/>
  <c r="B6974" i="26"/>
  <c r="B6975" i="26"/>
  <c r="B6976" i="26"/>
  <c r="B6977" i="26"/>
  <c r="B6978" i="26"/>
  <c r="B6979" i="26"/>
  <c r="B6980" i="26"/>
  <c r="B6981" i="26"/>
  <c r="B6982" i="26"/>
  <c r="B6983" i="26"/>
  <c r="B6984" i="26"/>
  <c r="B6985" i="26"/>
  <c r="B6986" i="26"/>
  <c r="B6987" i="26"/>
  <c r="B6988" i="26"/>
  <c r="B6989" i="26"/>
  <c r="B6990" i="26"/>
  <c r="B6991" i="26"/>
  <c r="B6992" i="26"/>
  <c r="B6993" i="26"/>
  <c r="B6994" i="26"/>
  <c r="B6995" i="26"/>
  <c r="B6996" i="26"/>
  <c r="B6997" i="26"/>
  <c r="B6998" i="26"/>
  <c r="B6999" i="26"/>
  <c r="B7000" i="26"/>
  <c r="B7001" i="26"/>
  <c r="B7002" i="26"/>
  <c r="B7003" i="26"/>
  <c r="B7004" i="26"/>
  <c r="B7005" i="26"/>
  <c r="B7006" i="26"/>
  <c r="B7007" i="26"/>
  <c r="B7008" i="26"/>
  <c r="B7009" i="26"/>
  <c r="B7010" i="26"/>
  <c r="B7011" i="26"/>
  <c r="B7012" i="26"/>
  <c r="B7013" i="26"/>
  <c r="B7014" i="26"/>
  <c r="B7015" i="26"/>
  <c r="B7016" i="26"/>
  <c r="B7017" i="26"/>
  <c r="B7018" i="26"/>
  <c r="B7019" i="26"/>
  <c r="B7020" i="26"/>
  <c r="B7021" i="26"/>
  <c r="B7022" i="26"/>
  <c r="B7023" i="26"/>
  <c r="B7024" i="26"/>
  <c r="B7025" i="26"/>
  <c r="B7026" i="26"/>
  <c r="B7027" i="26"/>
  <c r="B7028" i="26"/>
  <c r="B7029" i="26"/>
  <c r="B7030" i="26"/>
  <c r="B7031" i="26"/>
  <c r="B7032" i="26"/>
  <c r="B7033" i="26"/>
  <c r="B7034" i="26"/>
  <c r="B7035" i="26"/>
  <c r="B7036" i="26"/>
  <c r="B7037" i="26"/>
  <c r="B7038" i="26"/>
  <c r="B7039" i="26"/>
  <c r="B7040" i="26"/>
  <c r="B7041" i="26"/>
  <c r="B7042" i="26"/>
  <c r="B7043" i="26"/>
  <c r="B7044" i="26"/>
  <c r="B7045" i="26"/>
  <c r="B7046" i="26"/>
  <c r="B7047" i="26"/>
  <c r="B7048" i="26"/>
  <c r="B7049" i="26"/>
  <c r="B7050" i="26"/>
  <c r="B7051" i="26"/>
  <c r="B7052" i="26"/>
  <c r="B7053" i="26"/>
  <c r="B7054" i="26"/>
  <c r="B7055" i="26"/>
  <c r="B7056" i="26"/>
  <c r="B7057" i="26"/>
  <c r="B7058" i="26"/>
  <c r="B7059" i="26"/>
  <c r="B7060" i="26"/>
  <c r="B7061" i="26"/>
  <c r="B7062" i="26"/>
  <c r="B7063" i="26"/>
  <c r="B7064" i="26"/>
  <c r="B7065" i="26"/>
  <c r="B7066" i="26"/>
  <c r="B7067" i="26"/>
  <c r="B7068" i="26"/>
  <c r="B7069" i="26"/>
  <c r="B7070" i="26"/>
  <c r="B7071" i="26"/>
  <c r="B7072" i="26"/>
  <c r="B7073" i="26"/>
  <c r="B7074" i="26"/>
  <c r="B7075" i="26"/>
  <c r="B7076" i="26"/>
  <c r="B7077" i="26"/>
  <c r="B7078" i="26"/>
  <c r="B7079" i="26"/>
  <c r="B7080" i="26"/>
  <c r="B7081" i="26"/>
  <c r="B7082" i="26"/>
  <c r="B7083" i="26"/>
  <c r="B7084" i="26"/>
  <c r="B7085" i="26"/>
  <c r="B7086" i="26"/>
  <c r="B7087" i="26"/>
  <c r="B7088" i="26"/>
  <c r="B7089" i="26"/>
  <c r="B7090" i="26"/>
  <c r="B7091" i="26"/>
  <c r="B7092" i="26"/>
  <c r="B7093" i="26"/>
  <c r="B7094" i="26"/>
  <c r="B7095" i="26"/>
  <c r="B7096" i="26"/>
  <c r="B7097" i="26"/>
  <c r="B7098" i="26"/>
  <c r="B7099" i="26"/>
  <c r="B7100" i="26"/>
  <c r="B7101" i="26"/>
  <c r="B7102" i="26"/>
  <c r="B7103" i="26"/>
  <c r="B7104" i="26"/>
  <c r="B7105" i="26"/>
  <c r="B7106" i="26"/>
  <c r="B7107" i="26"/>
  <c r="B7108" i="26"/>
  <c r="B7109" i="26"/>
  <c r="B7110" i="26"/>
  <c r="B7111" i="26"/>
  <c r="B7112" i="26"/>
  <c r="B7113" i="26"/>
  <c r="B7114" i="26"/>
  <c r="B7115" i="26"/>
  <c r="B7116" i="26"/>
  <c r="B7117" i="26"/>
  <c r="B7118" i="26"/>
  <c r="B7119" i="26"/>
  <c r="B7120" i="26"/>
  <c r="B7121" i="26"/>
  <c r="B7122" i="26"/>
  <c r="B7123" i="26"/>
  <c r="B7124" i="26"/>
  <c r="B7125" i="26"/>
  <c r="B7126" i="26"/>
  <c r="B7127" i="26"/>
  <c r="B7128" i="26"/>
  <c r="B7129" i="26"/>
  <c r="B7130" i="26"/>
  <c r="B7131" i="26"/>
  <c r="B7132" i="26"/>
  <c r="B7133" i="26"/>
  <c r="B7134" i="26"/>
  <c r="B7135" i="26"/>
  <c r="B7136" i="26"/>
  <c r="B7137" i="26"/>
  <c r="B7138" i="26"/>
  <c r="B7139" i="26"/>
  <c r="B7140" i="26"/>
  <c r="B7141" i="26"/>
  <c r="B7142" i="26"/>
  <c r="B7143" i="26"/>
  <c r="B7144" i="26"/>
  <c r="B7145" i="26"/>
  <c r="B7146" i="26"/>
  <c r="B7147" i="26"/>
  <c r="B7148" i="26"/>
  <c r="B7149" i="26"/>
  <c r="B7150" i="26"/>
  <c r="B7151" i="26"/>
  <c r="B7152" i="26"/>
  <c r="B7153" i="26"/>
  <c r="B7154" i="26"/>
  <c r="B7155" i="26"/>
  <c r="B7156" i="26"/>
  <c r="B7157" i="26"/>
  <c r="B7158" i="26"/>
  <c r="B7159" i="26"/>
  <c r="B7160" i="26"/>
  <c r="B7161" i="26"/>
  <c r="B7162" i="26"/>
  <c r="B7163" i="26"/>
  <c r="B7164" i="26"/>
  <c r="B7165" i="26"/>
  <c r="B7166" i="26"/>
  <c r="B7167" i="26"/>
  <c r="B7168" i="26"/>
  <c r="B7169" i="26"/>
  <c r="B7170" i="26"/>
  <c r="B7171" i="26"/>
  <c r="B7172" i="26"/>
  <c r="B7173" i="26"/>
  <c r="B7174" i="26"/>
  <c r="B7175" i="26"/>
  <c r="B7176" i="26"/>
  <c r="B7177" i="26"/>
  <c r="B7178" i="26"/>
  <c r="B7179" i="26"/>
  <c r="B7180" i="26"/>
  <c r="B7181" i="26"/>
  <c r="B7182" i="26"/>
  <c r="B7183" i="26"/>
  <c r="B7184" i="26"/>
  <c r="B7185" i="26"/>
  <c r="B7186" i="26"/>
  <c r="B7187" i="26"/>
  <c r="B7188" i="26"/>
  <c r="B7189" i="26"/>
  <c r="B7190" i="26"/>
  <c r="B7191" i="26"/>
  <c r="B7192" i="26"/>
  <c r="B7193" i="26"/>
  <c r="B7194" i="26"/>
  <c r="B7195" i="26"/>
  <c r="B7196" i="26"/>
  <c r="B7197" i="26"/>
  <c r="B7198" i="26"/>
  <c r="B7199" i="26"/>
  <c r="B7200" i="26"/>
  <c r="B7201" i="26"/>
  <c r="B7202" i="26"/>
  <c r="B7203" i="26"/>
  <c r="B7204" i="26"/>
  <c r="B7205" i="26"/>
  <c r="B7206" i="26"/>
  <c r="B7207" i="26"/>
  <c r="B7208" i="26"/>
  <c r="B7209" i="26"/>
  <c r="B7210" i="26"/>
  <c r="B7211" i="26"/>
  <c r="B7212" i="26"/>
  <c r="B7213" i="26"/>
  <c r="B7214" i="26"/>
  <c r="B7215" i="26"/>
  <c r="B7216" i="26"/>
  <c r="B7217" i="26"/>
  <c r="B7218" i="26"/>
  <c r="B7219" i="26"/>
  <c r="B7220" i="26"/>
  <c r="B7221" i="26"/>
  <c r="B7222" i="26"/>
  <c r="B7223" i="26"/>
  <c r="B7224" i="26"/>
  <c r="B7225" i="26"/>
  <c r="B7226" i="26"/>
  <c r="B7227" i="26"/>
  <c r="B7228" i="26"/>
  <c r="B7229" i="26"/>
  <c r="B7230" i="26"/>
  <c r="B7231" i="26"/>
  <c r="B7232" i="26"/>
  <c r="B7233" i="26"/>
  <c r="B7234" i="26"/>
  <c r="B7235" i="26"/>
  <c r="B7236" i="26"/>
  <c r="B7237" i="26"/>
  <c r="B7238" i="26"/>
  <c r="B7239" i="26"/>
  <c r="B7240" i="26"/>
  <c r="B7241" i="26"/>
  <c r="B7242" i="26"/>
  <c r="B7243" i="26"/>
  <c r="B7244" i="26"/>
  <c r="B7245" i="26"/>
  <c r="B7246" i="26"/>
  <c r="B7247" i="26"/>
  <c r="B7248" i="26"/>
  <c r="B7249" i="26"/>
  <c r="B7250" i="26"/>
  <c r="B7251" i="26"/>
  <c r="B7252" i="26"/>
  <c r="B7253" i="26"/>
  <c r="B7254" i="26"/>
  <c r="B7255" i="26"/>
  <c r="B7256" i="26"/>
  <c r="B7257" i="26"/>
  <c r="B7258" i="26"/>
  <c r="B7259" i="26"/>
  <c r="B7260" i="26"/>
  <c r="B7261" i="26"/>
  <c r="B7262" i="26"/>
  <c r="B7263" i="26"/>
  <c r="B7264" i="26"/>
  <c r="B7265" i="26"/>
  <c r="B7266" i="26"/>
  <c r="B7267" i="26"/>
  <c r="B7268" i="26"/>
  <c r="B7269" i="26"/>
  <c r="B7270" i="26"/>
  <c r="B7271" i="26"/>
  <c r="B7272" i="26"/>
  <c r="B7273" i="26"/>
  <c r="B7274" i="26"/>
  <c r="B7275" i="26"/>
  <c r="B7276" i="26"/>
  <c r="B7277" i="26"/>
  <c r="B7278" i="26"/>
  <c r="B7279" i="26"/>
  <c r="B7280" i="26"/>
  <c r="B7281" i="26"/>
  <c r="B7282" i="26"/>
  <c r="B7283" i="26"/>
  <c r="B7284" i="26"/>
  <c r="B7285" i="26"/>
  <c r="B7286" i="26"/>
  <c r="B7287" i="26"/>
  <c r="B7288" i="26"/>
  <c r="B7289" i="26"/>
  <c r="B7290" i="26"/>
  <c r="B7291" i="26"/>
  <c r="B7292" i="26"/>
  <c r="B7293" i="26"/>
  <c r="B7294" i="26"/>
  <c r="B7295" i="26"/>
  <c r="B7296" i="26"/>
  <c r="B7297" i="26"/>
  <c r="B7298" i="26"/>
  <c r="B7299" i="26"/>
  <c r="B7300" i="26"/>
  <c r="B7301" i="26"/>
  <c r="B7302" i="26"/>
  <c r="B7303" i="26"/>
  <c r="B7304" i="26"/>
  <c r="B7305" i="26"/>
  <c r="B7306" i="26"/>
  <c r="B7307" i="26"/>
  <c r="B7308" i="26"/>
  <c r="B7309" i="26"/>
  <c r="B7310" i="26"/>
  <c r="B7311" i="26"/>
  <c r="B7312" i="26"/>
  <c r="B7313" i="26"/>
  <c r="B7314" i="26"/>
  <c r="B7315" i="26"/>
  <c r="B7316" i="26"/>
  <c r="B7317" i="26"/>
  <c r="B7318" i="26"/>
  <c r="B7319" i="26"/>
  <c r="B7320" i="26"/>
  <c r="B7321" i="26"/>
  <c r="B7322" i="26"/>
  <c r="B7323" i="26"/>
  <c r="B7324" i="26"/>
  <c r="B7325" i="26"/>
  <c r="B7326" i="26"/>
  <c r="B7327" i="26"/>
  <c r="B7328" i="26"/>
  <c r="B7329" i="26"/>
  <c r="B7330" i="26"/>
  <c r="B7331" i="26"/>
  <c r="B7332" i="26"/>
  <c r="B7333" i="26"/>
  <c r="B7334" i="26"/>
  <c r="B7335" i="26"/>
  <c r="B7336" i="26"/>
  <c r="B7337" i="26"/>
  <c r="B7338" i="26"/>
  <c r="B7339" i="26"/>
  <c r="B7340" i="26"/>
  <c r="B7341" i="26"/>
  <c r="B7342" i="26"/>
  <c r="B7343" i="26"/>
  <c r="B7344" i="26"/>
  <c r="B7345" i="26"/>
  <c r="B7346" i="26"/>
  <c r="B7347" i="26"/>
  <c r="B7348" i="26"/>
  <c r="B7349" i="26"/>
  <c r="B7350" i="26"/>
  <c r="B7351" i="26"/>
  <c r="B7352" i="26"/>
  <c r="B7353" i="26"/>
  <c r="B7354" i="26"/>
  <c r="B7355" i="26"/>
  <c r="B7356" i="26"/>
  <c r="B7357" i="26"/>
  <c r="B7358" i="26"/>
  <c r="B7359" i="26"/>
  <c r="B7360" i="26"/>
  <c r="B7361" i="26"/>
  <c r="B7362" i="26"/>
  <c r="B7363" i="26"/>
  <c r="B7364" i="26"/>
  <c r="B7365" i="26"/>
  <c r="B7366" i="26"/>
  <c r="B7367" i="26"/>
  <c r="B7368" i="26"/>
  <c r="B7369" i="26"/>
  <c r="B7370" i="26"/>
  <c r="B7371" i="26"/>
  <c r="B7372" i="26"/>
  <c r="B7373" i="26"/>
  <c r="B7374" i="26"/>
  <c r="B7375" i="26"/>
  <c r="B7376" i="26"/>
  <c r="B7377" i="26"/>
  <c r="B7378" i="26"/>
  <c r="B7379" i="26"/>
  <c r="B7380" i="26"/>
  <c r="B7381" i="26"/>
  <c r="B7382" i="26"/>
  <c r="B7383" i="26"/>
  <c r="B7384" i="26"/>
  <c r="B7385" i="26"/>
  <c r="B7386" i="26"/>
  <c r="B7387" i="26"/>
  <c r="B7388" i="26"/>
  <c r="B7389" i="26"/>
  <c r="B7390" i="26"/>
  <c r="B7391" i="26"/>
  <c r="B7392" i="26"/>
  <c r="B7393" i="26"/>
  <c r="B7394" i="26"/>
  <c r="B7395" i="26"/>
  <c r="B7396" i="26"/>
  <c r="B7397" i="26"/>
  <c r="B7398" i="26"/>
  <c r="B7399" i="26"/>
  <c r="B7400" i="26"/>
  <c r="B7401" i="26"/>
  <c r="B7402" i="26"/>
  <c r="B7403" i="26"/>
  <c r="B7404" i="26"/>
  <c r="B7405" i="26"/>
  <c r="B7406" i="26"/>
  <c r="B7407" i="26"/>
  <c r="B7408" i="26"/>
  <c r="B7409" i="26"/>
  <c r="B7410" i="26"/>
  <c r="B7411" i="26"/>
  <c r="B7412" i="26"/>
  <c r="B7413" i="26"/>
  <c r="B7414" i="26"/>
  <c r="B7415" i="26"/>
  <c r="B7416" i="26"/>
  <c r="B7417" i="26"/>
  <c r="B7418" i="26"/>
  <c r="B7419" i="26"/>
  <c r="B7420" i="26"/>
  <c r="B7421" i="26"/>
  <c r="B7422" i="26"/>
  <c r="B7423" i="26"/>
  <c r="B7424" i="26"/>
  <c r="B7425" i="26"/>
  <c r="B7426" i="26"/>
  <c r="B7427" i="26"/>
  <c r="B7428" i="26"/>
  <c r="B7429" i="26"/>
  <c r="B7430" i="26"/>
  <c r="B7431" i="26"/>
  <c r="B7432" i="26"/>
  <c r="B7433" i="26"/>
  <c r="B7434" i="26"/>
  <c r="B7435" i="26"/>
  <c r="B7436" i="26"/>
  <c r="B7437" i="26"/>
  <c r="B7438" i="26"/>
  <c r="B7439" i="26"/>
  <c r="B7440" i="26"/>
  <c r="B7441" i="26"/>
  <c r="B7442" i="26"/>
  <c r="B7443" i="26"/>
  <c r="B7444" i="26"/>
  <c r="B7445" i="26"/>
  <c r="B7446" i="26"/>
  <c r="B7447" i="26"/>
  <c r="B7448" i="26"/>
  <c r="B7449" i="26"/>
  <c r="B7450" i="26"/>
  <c r="B7451" i="26"/>
  <c r="B7452" i="26"/>
  <c r="B7453" i="26"/>
  <c r="B7454" i="26"/>
  <c r="B4" i="26"/>
  <c r="A5" i="26"/>
  <c r="A6" i="26"/>
  <c r="A7" i="26"/>
  <c r="A8" i="26"/>
  <c r="A9" i="26"/>
  <c r="A10" i="26"/>
  <c r="A11" i="26"/>
  <c r="A12" i="26"/>
  <c r="A13" i="26"/>
  <c r="A14" i="26"/>
  <c r="A15" i="26"/>
  <c r="A16" i="26"/>
  <c r="A17" i="26"/>
  <c r="A18" i="26"/>
  <c r="A19" i="26"/>
  <c r="A20" i="26"/>
  <c r="A21" i="26"/>
  <c r="A22" i="26"/>
  <c r="A23" i="26"/>
  <c r="A24" i="26"/>
  <c r="A25" i="26"/>
  <c r="A26" i="26"/>
  <c r="A27" i="26"/>
  <c r="A28" i="26"/>
  <c r="A29" i="26"/>
  <c r="A30" i="26"/>
  <c r="A31" i="26"/>
  <c r="A32" i="26"/>
  <c r="A33" i="26"/>
  <c r="A34" i="26"/>
  <c r="A35" i="26"/>
  <c r="A36" i="26"/>
  <c r="A37" i="26"/>
  <c r="A38" i="26"/>
  <c r="A39" i="26"/>
  <c r="A40" i="26"/>
  <c r="A41" i="26"/>
  <c r="A42" i="26"/>
  <c r="A43" i="26"/>
  <c r="A44" i="26"/>
  <c r="A45" i="26"/>
  <c r="A46" i="26"/>
  <c r="A47" i="26"/>
  <c r="A48" i="26"/>
  <c r="A49" i="26"/>
  <c r="A50" i="26"/>
  <c r="A51" i="26"/>
  <c r="A52" i="26"/>
  <c r="A53" i="26"/>
  <c r="A54" i="26"/>
  <c r="A55" i="26"/>
  <c r="A56" i="26"/>
  <c r="A57" i="26"/>
  <c r="A58" i="26"/>
  <c r="A59" i="26"/>
  <c r="A60" i="26"/>
  <c r="A61" i="26"/>
  <c r="A62" i="26"/>
  <c r="A63" i="26"/>
  <c r="A64" i="26"/>
  <c r="A65" i="26"/>
  <c r="A66" i="26"/>
  <c r="A67" i="26"/>
  <c r="A68" i="26"/>
  <c r="A69" i="26"/>
  <c r="A70" i="26"/>
  <c r="A71" i="26"/>
  <c r="A72" i="26"/>
  <c r="A73" i="26"/>
  <c r="A74" i="26"/>
  <c r="A75" i="26"/>
  <c r="A76" i="26"/>
  <c r="A77" i="26"/>
  <c r="A78" i="26"/>
  <c r="A79" i="26"/>
  <c r="A80" i="26"/>
  <c r="A81" i="26"/>
  <c r="A82" i="26"/>
  <c r="A83" i="26"/>
  <c r="A84" i="26"/>
  <c r="A85" i="26"/>
  <c r="A86" i="26"/>
  <c r="A87" i="26"/>
  <c r="A88" i="26"/>
  <c r="A89" i="26"/>
  <c r="A90" i="26"/>
  <c r="A91" i="26"/>
  <c r="A92" i="26"/>
  <c r="A93" i="26"/>
  <c r="A94" i="26"/>
  <c r="A95" i="26"/>
  <c r="A96" i="26"/>
  <c r="A97" i="26"/>
  <c r="A98" i="26"/>
  <c r="A99" i="26"/>
  <c r="A100" i="26"/>
  <c r="A101" i="26"/>
  <c r="A102" i="26"/>
  <c r="A103" i="26"/>
  <c r="A104" i="26"/>
  <c r="A105" i="26"/>
  <c r="A106" i="26"/>
  <c r="A107" i="26"/>
  <c r="A108" i="26"/>
  <c r="A109" i="26"/>
  <c r="A110" i="26"/>
  <c r="A111" i="26"/>
  <c r="A112" i="26"/>
  <c r="A113" i="26"/>
  <c r="A114" i="26"/>
  <c r="A115" i="26"/>
  <c r="A116" i="26"/>
  <c r="A117" i="26"/>
  <c r="A118" i="26"/>
  <c r="A119" i="26"/>
  <c r="A120" i="26"/>
  <c r="A121" i="26"/>
  <c r="A122" i="26"/>
  <c r="A123" i="26"/>
  <c r="A124" i="26"/>
  <c r="A125" i="26"/>
  <c r="A126" i="26"/>
  <c r="A127" i="26"/>
  <c r="A128" i="26"/>
  <c r="A129" i="26"/>
  <c r="A130" i="26"/>
  <c r="A131" i="26"/>
  <c r="A132" i="26"/>
  <c r="A133" i="26"/>
  <c r="A134" i="26"/>
  <c r="A135" i="26"/>
  <c r="A136" i="26"/>
  <c r="A137" i="26"/>
  <c r="A138" i="26"/>
  <c r="A139" i="26"/>
  <c r="A140" i="26"/>
  <c r="A141" i="26"/>
  <c r="A142" i="26"/>
  <c r="A143" i="26"/>
  <c r="A144" i="26"/>
  <c r="A145" i="26"/>
  <c r="A146" i="26"/>
  <c r="A147" i="26"/>
  <c r="A148" i="26"/>
  <c r="A149" i="26"/>
  <c r="A150" i="26"/>
  <c r="A151" i="26"/>
  <c r="A152" i="26"/>
  <c r="A153" i="26"/>
  <c r="A154" i="26"/>
  <c r="A155" i="26"/>
  <c r="A156" i="26"/>
  <c r="A157" i="26"/>
  <c r="A158" i="26"/>
  <c r="A159" i="26"/>
  <c r="A160" i="26"/>
  <c r="A161" i="26"/>
  <c r="A162" i="26"/>
  <c r="A163" i="26"/>
  <c r="A164" i="26"/>
  <c r="A165" i="26"/>
  <c r="A166" i="26"/>
  <c r="A167" i="26"/>
  <c r="A168" i="26"/>
  <c r="A169" i="26"/>
  <c r="A170" i="26"/>
  <c r="A171" i="26"/>
  <c r="A172" i="26"/>
  <c r="A173" i="26"/>
  <c r="A174" i="26"/>
  <c r="A175" i="26"/>
  <c r="A176" i="26"/>
  <c r="A177" i="26"/>
  <c r="A178" i="26"/>
  <c r="A179" i="26"/>
  <c r="A180" i="26"/>
  <c r="A181" i="26"/>
  <c r="A182" i="26"/>
  <c r="A183" i="26"/>
  <c r="A184" i="26"/>
  <c r="A185" i="26"/>
  <c r="A186" i="26"/>
  <c r="A187" i="26"/>
  <c r="A188" i="26"/>
  <c r="A189" i="26"/>
  <c r="A190" i="26"/>
  <c r="A191" i="26"/>
  <c r="A192" i="26"/>
  <c r="A193" i="26"/>
  <c r="A194" i="26"/>
  <c r="A195" i="26"/>
  <c r="A196" i="26"/>
  <c r="A197" i="26"/>
  <c r="A198" i="26"/>
  <c r="A199" i="26"/>
  <c r="A200" i="26"/>
  <c r="A201" i="26"/>
  <c r="A202" i="26"/>
  <c r="A203" i="26"/>
  <c r="A204" i="26"/>
  <c r="A205" i="26"/>
  <c r="A206" i="26"/>
  <c r="A207" i="26"/>
  <c r="A208" i="26"/>
  <c r="A209" i="26"/>
  <c r="A210" i="26"/>
  <c r="A211" i="26"/>
  <c r="A212" i="26"/>
  <c r="A213" i="26"/>
  <c r="A214" i="26"/>
  <c r="A215" i="26"/>
  <c r="A216" i="26"/>
  <c r="A217" i="26"/>
  <c r="A218" i="26"/>
  <c r="A219" i="26"/>
  <c r="A220" i="26"/>
  <c r="A221" i="26"/>
  <c r="A222" i="26"/>
  <c r="A223" i="26"/>
  <c r="A224" i="26"/>
  <c r="A225" i="26"/>
  <c r="A226" i="26"/>
  <c r="A227" i="26"/>
  <c r="A228" i="26"/>
  <c r="A229" i="26"/>
  <c r="A230" i="26"/>
  <c r="A231" i="26"/>
  <c r="A232" i="26"/>
  <c r="A233" i="26"/>
  <c r="A234" i="26"/>
  <c r="A235" i="26"/>
  <c r="A236" i="26"/>
  <c r="A237" i="26"/>
  <c r="A238" i="26"/>
  <c r="A239" i="26"/>
  <c r="A240" i="26"/>
  <c r="A241" i="26"/>
  <c r="A242" i="26"/>
  <c r="A243" i="26"/>
  <c r="A244" i="26"/>
  <c r="A245" i="26"/>
  <c r="A246" i="26"/>
  <c r="A247" i="26"/>
  <c r="A248" i="26"/>
  <c r="A249" i="26"/>
  <c r="A250" i="26"/>
  <c r="A251" i="26"/>
  <c r="A252" i="26"/>
  <c r="A253" i="26"/>
  <c r="A254" i="26"/>
  <c r="A255" i="26"/>
  <c r="A256" i="26"/>
  <c r="A257" i="26"/>
  <c r="A258" i="26"/>
  <c r="A259" i="26"/>
  <c r="A260" i="26"/>
  <c r="A261" i="26"/>
  <c r="A262" i="26"/>
  <c r="A263" i="26"/>
  <c r="A264" i="26"/>
  <c r="A265" i="26"/>
  <c r="A266" i="26"/>
  <c r="A267" i="26"/>
  <c r="A268" i="26"/>
  <c r="A269" i="26"/>
  <c r="A270" i="26"/>
  <c r="A271" i="26"/>
  <c r="A272" i="26"/>
  <c r="A273" i="26"/>
  <c r="A274" i="26"/>
  <c r="A275" i="26"/>
  <c r="A276" i="26"/>
  <c r="A277" i="26"/>
  <c r="A278" i="26"/>
  <c r="A279" i="26"/>
  <c r="A280" i="26"/>
  <c r="A281" i="26"/>
  <c r="A282" i="26"/>
  <c r="A283" i="26"/>
  <c r="A284" i="26"/>
  <c r="A285" i="26"/>
  <c r="A286" i="26"/>
  <c r="A287" i="26"/>
  <c r="A288" i="26"/>
  <c r="A289" i="26"/>
  <c r="A290" i="26"/>
  <c r="A291" i="26"/>
  <c r="A292" i="26"/>
  <c r="A293" i="26"/>
  <c r="A294" i="26"/>
  <c r="A295" i="26"/>
  <c r="A296" i="26"/>
  <c r="A297" i="26"/>
  <c r="A298" i="26"/>
  <c r="A299" i="26"/>
  <c r="A300" i="26"/>
  <c r="A301" i="26"/>
  <c r="A302" i="26"/>
  <c r="A303" i="26"/>
  <c r="A304" i="26"/>
  <c r="A305" i="26"/>
  <c r="A306" i="26"/>
  <c r="A307" i="26"/>
  <c r="A308" i="26"/>
  <c r="A309" i="26"/>
  <c r="A310" i="26"/>
  <c r="A311" i="26"/>
  <c r="A312" i="26"/>
  <c r="A313" i="26"/>
  <c r="A314" i="26"/>
  <c r="A315" i="26"/>
  <c r="A316" i="26"/>
  <c r="A317" i="26"/>
  <c r="A318" i="26"/>
  <c r="A319" i="26"/>
  <c r="A320" i="26"/>
  <c r="A321" i="26"/>
  <c r="A322" i="26"/>
  <c r="A323" i="26"/>
  <c r="A324" i="26"/>
  <c r="A325" i="26"/>
  <c r="A326" i="26"/>
  <c r="A327" i="26"/>
  <c r="A328" i="26"/>
  <c r="A329" i="26"/>
  <c r="A330" i="26"/>
  <c r="A331" i="26"/>
  <c r="A332" i="26"/>
  <c r="A333" i="26"/>
  <c r="A334" i="26"/>
  <c r="A335" i="26"/>
  <c r="A336" i="26"/>
  <c r="A337" i="26"/>
  <c r="A338" i="26"/>
  <c r="A339" i="26"/>
  <c r="A340" i="26"/>
  <c r="A341" i="26"/>
  <c r="A342" i="26"/>
  <c r="A343" i="26"/>
  <c r="A344" i="26"/>
  <c r="A345" i="26"/>
  <c r="A346" i="26"/>
  <c r="A347" i="26"/>
  <c r="A348" i="26"/>
  <c r="A349" i="26"/>
  <c r="A350" i="26"/>
  <c r="A351" i="26"/>
  <c r="A352" i="26"/>
  <c r="A353" i="26"/>
  <c r="A354" i="26"/>
  <c r="A355" i="26"/>
  <c r="A356" i="26"/>
  <c r="A357" i="26"/>
  <c r="A358" i="26"/>
  <c r="A359" i="26"/>
  <c r="A360" i="26"/>
  <c r="A361" i="26"/>
  <c r="A362" i="26"/>
  <c r="A363" i="26"/>
  <c r="A364" i="26"/>
  <c r="A365" i="26"/>
  <c r="A366" i="26"/>
  <c r="A367" i="26"/>
  <c r="A368" i="26"/>
  <c r="A369" i="26"/>
  <c r="A370" i="26"/>
  <c r="A371" i="26"/>
  <c r="A372" i="26"/>
  <c r="A373" i="26"/>
  <c r="A374" i="26"/>
  <c r="A375" i="26"/>
  <c r="A376" i="26"/>
  <c r="A377" i="26"/>
  <c r="A378" i="26"/>
  <c r="A379" i="26"/>
  <c r="A380" i="26"/>
  <c r="A381" i="26"/>
  <c r="A382" i="26"/>
  <c r="A383" i="26"/>
  <c r="A384" i="26"/>
  <c r="A385" i="26"/>
  <c r="A386" i="26"/>
  <c r="A387" i="26"/>
  <c r="A388" i="26"/>
  <c r="A389" i="26"/>
  <c r="A390" i="26"/>
  <c r="A391" i="26"/>
  <c r="A392" i="26"/>
  <c r="A393" i="26"/>
  <c r="A394" i="26"/>
  <c r="A395" i="26"/>
  <c r="A396" i="26"/>
  <c r="A397" i="26"/>
  <c r="A398" i="26"/>
  <c r="A399" i="26"/>
  <c r="A400" i="26"/>
  <c r="A401" i="26"/>
  <c r="A402" i="26"/>
  <c r="A403" i="26"/>
  <c r="A404" i="26"/>
  <c r="A405" i="26"/>
  <c r="A406" i="26"/>
  <c r="A407" i="26"/>
  <c r="A408" i="26"/>
  <c r="A409" i="26"/>
  <c r="A410" i="26"/>
  <c r="A411" i="26"/>
  <c r="A412" i="26"/>
  <c r="A413" i="26"/>
  <c r="A414" i="26"/>
  <c r="A415" i="26"/>
  <c r="A416" i="26"/>
  <c r="A417" i="26"/>
  <c r="A418" i="26"/>
  <c r="A419" i="26"/>
  <c r="A420" i="26"/>
  <c r="A421" i="26"/>
  <c r="A422" i="26"/>
  <c r="A423" i="26"/>
  <c r="A424" i="26"/>
  <c r="A425" i="26"/>
  <c r="A426" i="26"/>
  <c r="A427" i="26"/>
  <c r="A428" i="26"/>
  <c r="A429" i="26"/>
  <c r="A430" i="26"/>
  <c r="A431" i="26"/>
  <c r="A432" i="26"/>
  <c r="A433" i="26"/>
  <c r="A434" i="26"/>
  <c r="A435" i="26"/>
  <c r="A436" i="26"/>
  <c r="A437" i="26"/>
  <c r="A438" i="26"/>
  <c r="A439" i="26"/>
  <c r="A440" i="26"/>
  <c r="A441" i="26"/>
  <c r="A442" i="26"/>
  <c r="A443" i="26"/>
  <c r="A444" i="26"/>
  <c r="A445" i="26"/>
  <c r="A446" i="26"/>
  <c r="A447" i="26"/>
  <c r="A448" i="26"/>
  <c r="A449" i="26"/>
  <c r="A450" i="26"/>
  <c r="A451" i="26"/>
  <c r="A452" i="26"/>
  <c r="A453" i="26"/>
  <c r="A454" i="26"/>
  <c r="A455" i="26"/>
  <c r="A456" i="26"/>
  <c r="A457" i="26"/>
  <c r="A458" i="26"/>
  <c r="A459" i="26"/>
  <c r="A460" i="26"/>
  <c r="A461" i="26"/>
  <c r="A462" i="26"/>
  <c r="A463" i="26"/>
  <c r="A464" i="26"/>
  <c r="A465" i="26"/>
  <c r="A466" i="26"/>
  <c r="A467" i="26"/>
  <c r="A468" i="26"/>
  <c r="A469" i="26"/>
  <c r="A470" i="26"/>
  <c r="A471" i="26"/>
  <c r="A472" i="26"/>
  <c r="A473" i="26"/>
  <c r="A474" i="26"/>
  <c r="A475" i="26"/>
  <c r="A476" i="26"/>
  <c r="A477" i="26"/>
  <c r="A478" i="26"/>
  <c r="A479" i="26"/>
  <c r="A480" i="26"/>
  <c r="A481" i="26"/>
  <c r="A482" i="26"/>
  <c r="A483" i="26"/>
  <c r="A484" i="26"/>
  <c r="A485" i="26"/>
  <c r="A486" i="26"/>
  <c r="A487" i="26"/>
  <c r="A488" i="26"/>
  <c r="A489" i="26"/>
  <c r="A490" i="26"/>
  <c r="A491" i="26"/>
  <c r="A492" i="26"/>
  <c r="A493" i="26"/>
  <c r="A494" i="26"/>
  <c r="A495" i="26"/>
  <c r="A496" i="26"/>
  <c r="A497" i="26"/>
  <c r="A498" i="26"/>
  <c r="A499" i="26"/>
  <c r="A500" i="26"/>
  <c r="A501" i="26"/>
  <c r="A502" i="26"/>
  <c r="A503" i="26"/>
  <c r="A504" i="26"/>
  <c r="A505" i="26"/>
  <c r="A506" i="26"/>
  <c r="A507" i="26"/>
  <c r="A508" i="26"/>
  <c r="A509" i="26"/>
  <c r="A510" i="26"/>
  <c r="A511" i="26"/>
  <c r="A512" i="26"/>
  <c r="A513" i="26"/>
  <c r="A514" i="26"/>
  <c r="A515" i="26"/>
  <c r="A516" i="26"/>
  <c r="A517" i="26"/>
  <c r="A518" i="26"/>
  <c r="A519" i="26"/>
  <c r="A520" i="26"/>
  <c r="A521" i="26"/>
  <c r="A522" i="26"/>
  <c r="A523" i="26"/>
  <c r="A524" i="26"/>
  <c r="A525" i="26"/>
  <c r="A526" i="26"/>
  <c r="A527" i="26"/>
  <c r="A528" i="26"/>
  <c r="A529" i="26"/>
  <c r="A530" i="26"/>
  <c r="A531" i="26"/>
  <c r="A532" i="26"/>
  <c r="A533" i="26"/>
  <c r="A534" i="26"/>
  <c r="A535" i="26"/>
  <c r="A536" i="26"/>
  <c r="A537" i="26"/>
  <c r="A538" i="26"/>
  <c r="A539" i="26"/>
  <c r="A540" i="26"/>
  <c r="A541" i="26"/>
  <c r="A542" i="26"/>
  <c r="A543" i="26"/>
  <c r="A544" i="26"/>
  <c r="A545" i="26"/>
  <c r="A546" i="26"/>
  <c r="A547" i="26"/>
  <c r="A548" i="26"/>
  <c r="A549" i="26"/>
  <c r="A550" i="26"/>
  <c r="A551" i="26"/>
  <c r="A552" i="26"/>
  <c r="A553" i="26"/>
  <c r="A554" i="26"/>
  <c r="A555" i="26"/>
  <c r="A556" i="26"/>
  <c r="A557" i="26"/>
  <c r="A558" i="26"/>
  <c r="A559" i="26"/>
  <c r="A560" i="26"/>
  <c r="A561" i="26"/>
  <c r="A562" i="26"/>
  <c r="A563" i="26"/>
  <c r="A564" i="26"/>
  <c r="A565" i="26"/>
  <c r="A566" i="26"/>
  <c r="A567" i="26"/>
  <c r="A568" i="26"/>
  <c r="A569" i="26"/>
  <c r="A570" i="26"/>
  <c r="A571" i="26"/>
  <c r="A572" i="26"/>
  <c r="A573" i="26"/>
  <c r="A574" i="26"/>
  <c r="A575" i="26"/>
  <c r="A576" i="26"/>
  <c r="A577" i="26"/>
  <c r="A578" i="26"/>
  <c r="A579" i="26"/>
  <c r="A580" i="26"/>
  <c r="A581" i="26"/>
  <c r="A582" i="26"/>
  <c r="A583" i="26"/>
  <c r="A584" i="26"/>
  <c r="A585" i="26"/>
  <c r="A586" i="26"/>
  <c r="A587" i="26"/>
  <c r="A588" i="26"/>
  <c r="A589" i="26"/>
  <c r="A590" i="26"/>
  <c r="A591" i="26"/>
  <c r="A592" i="26"/>
  <c r="A593" i="26"/>
  <c r="A594" i="26"/>
  <c r="A595" i="26"/>
  <c r="A596" i="26"/>
  <c r="A597" i="26"/>
  <c r="A598" i="26"/>
  <c r="A599" i="26"/>
  <c r="A600" i="26"/>
  <c r="A601" i="26"/>
  <c r="A602" i="26"/>
  <c r="A603" i="26"/>
  <c r="A604" i="26"/>
  <c r="A605" i="26"/>
  <c r="A606" i="26"/>
  <c r="A607" i="26"/>
  <c r="A608" i="26"/>
  <c r="A609" i="26"/>
  <c r="A610" i="26"/>
  <c r="A611" i="26"/>
  <c r="A612" i="26"/>
  <c r="A613" i="26"/>
  <c r="A614" i="26"/>
  <c r="A615" i="26"/>
  <c r="A616" i="26"/>
  <c r="A617" i="26"/>
  <c r="A618" i="26"/>
  <c r="A619" i="26"/>
  <c r="A620" i="26"/>
  <c r="A621" i="26"/>
  <c r="A622" i="26"/>
  <c r="A623" i="26"/>
  <c r="A624" i="26"/>
  <c r="A625" i="26"/>
  <c r="A626" i="26"/>
  <c r="A627" i="26"/>
  <c r="A628" i="26"/>
  <c r="A629" i="26"/>
  <c r="A630" i="26"/>
  <c r="A631" i="26"/>
  <c r="A632" i="26"/>
  <c r="A633" i="26"/>
  <c r="A634" i="26"/>
  <c r="A635" i="26"/>
  <c r="A636" i="26"/>
  <c r="A637" i="26"/>
  <c r="A638" i="26"/>
  <c r="A639" i="26"/>
  <c r="A640" i="26"/>
  <c r="A641" i="26"/>
  <c r="A642" i="26"/>
  <c r="A643" i="26"/>
  <c r="A644" i="26"/>
  <c r="A645" i="26"/>
  <c r="A646" i="26"/>
  <c r="A647" i="26"/>
  <c r="A648" i="26"/>
  <c r="A649" i="26"/>
  <c r="A650" i="26"/>
  <c r="A651" i="26"/>
  <c r="A652" i="26"/>
  <c r="A653" i="26"/>
  <c r="A654" i="26"/>
  <c r="A655" i="26"/>
  <c r="A656" i="26"/>
  <c r="A657" i="26"/>
  <c r="A658" i="26"/>
  <c r="A659" i="26"/>
  <c r="A660" i="26"/>
  <c r="A661" i="26"/>
  <c r="A662" i="26"/>
  <c r="A663" i="26"/>
  <c r="A664" i="26"/>
  <c r="A665" i="26"/>
  <c r="A666" i="26"/>
  <c r="A667" i="26"/>
  <c r="A668" i="26"/>
  <c r="A669" i="26"/>
  <c r="A670" i="26"/>
  <c r="A671" i="26"/>
  <c r="A672" i="26"/>
  <c r="A673" i="26"/>
  <c r="A674" i="26"/>
  <c r="A675" i="26"/>
  <c r="A676" i="26"/>
  <c r="A677" i="26"/>
  <c r="A678" i="26"/>
  <c r="A679" i="26"/>
  <c r="A680" i="26"/>
  <c r="A681" i="26"/>
  <c r="A682" i="26"/>
  <c r="A683" i="26"/>
  <c r="A684" i="26"/>
  <c r="A685" i="26"/>
  <c r="A686" i="26"/>
  <c r="A687" i="26"/>
  <c r="A688" i="26"/>
  <c r="A689" i="26"/>
  <c r="A690" i="26"/>
  <c r="A691" i="26"/>
  <c r="A692" i="26"/>
  <c r="A693" i="26"/>
  <c r="A694" i="26"/>
  <c r="A695" i="26"/>
  <c r="A696" i="26"/>
  <c r="A697" i="26"/>
  <c r="A698" i="26"/>
  <c r="A699" i="26"/>
  <c r="A700" i="26"/>
  <c r="A701" i="26"/>
  <c r="A702" i="26"/>
  <c r="A703" i="26"/>
  <c r="A704" i="26"/>
  <c r="A705" i="26"/>
  <c r="A706" i="26"/>
  <c r="A707" i="26"/>
  <c r="A708" i="26"/>
  <c r="A709" i="26"/>
  <c r="A710" i="26"/>
  <c r="A711" i="26"/>
  <c r="A712" i="26"/>
  <c r="A713" i="26"/>
  <c r="A714" i="26"/>
  <c r="A715" i="26"/>
  <c r="A716" i="26"/>
  <c r="A717" i="26"/>
  <c r="A718" i="26"/>
  <c r="A719" i="26"/>
  <c r="A720" i="26"/>
  <c r="A721" i="26"/>
  <c r="A722" i="26"/>
  <c r="A723" i="26"/>
  <c r="A724" i="26"/>
  <c r="A725" i="26"/>
  <c r="A726" i="26"/>
  <c r="A727" i="26"/>
  <c r="A728" i="26"/>
  <c r="A729" i="26"/>
  <c r="A730" i="26"/>
  <c r="A731" i="26"/>
  <c r="A732" i="26"/>
  <c r="A733" i="26"/>
  <c r="A734" i="26"/>
  <c r="A735" i="26"/>
  <c r="A736" i="26"/>
  <c r="A737" i="26"/>
  <c r="A738" i="26"/>
  <c r="A739" i="26"/>
  <c r="A740" i="26"/>
  <c r="A741" i="26"/>
  <c r="A742" i="26"/>
  <c r="A743" i="26"/>
  <c r="A744" i="26"/>
  <c r="A745" i="26"/>
  <c r="A746" i="26"/>
  <c r="A747" i="26"/>
  <c r="A748" i="26"/>
  <c r="A749" i="26"/>
  <c r="A750" i="26"/>
  <c r="A751" i="26"/>
  <c r="A752" i="26"/>
  <c r="A753" i="26"/>
  <c r="A754" i="26"/>
  <c r="A755" i="26"/>
  <c r="A756" i="26"/>
  <c r="A757" i="26"/>
  <c r="A758" i="26"/>
  <c r="A759" i="26"/>
  <c r="A760" i="26"/>
  <c r="A761" i="26"/>
  <c r="A762" i="26"/>
  <c r="A763" i="26"/>
  <c r="A764" i="26"/>
  <c r="A765" i="26"/>
  <c r="A766" i="26"/>
  <c r="A767" i="26"/>
  <c r="A768" i="26"/>
  <c r="A769" i="26"/>
  <c r="A770" i="26"/>
  <c r="A771" i="26"/>
  <c r="A772" i="26"/>
  <c r="A773" i="26"/>
  <c r="A774" i="26"/>
  <c r="A775" i="26"/>
  <c r="A776" i="26"/>
  <c r="A777" i="26"/>
  <c r="A778" i="26"/>
  <c r="A779" i="26"/>
  <c r="A780" i="26"/>
  <c r="A781" i="26"/>
  <c r="A782" i="26"/>
  <c r="A783" i="26"/>
  <c r="A784" i="26"/>
  <c r="A785" i="26"/>
  <c r="A786" i="26"/>
  <c r="A787" i="26"/>
  <c r="A788" i="26"/>
  <c r="A789" i="26"/>
  <c r="A790" i="26"/>
  <c r="A791" i="26"/>
  <c r="A792" i="26"/>
  <c r="A793" i="26"/>
  <c r="A794" i="26"/>
  <c r="A795" i="26"/>
  <c r="A796" i="26"/>
  <c r="A797" i="26"/>
  <c r="A798" i="26"/>
  <c r="A799" i="26"/>
  <c r="A800" i="26"/>
  <c r="A801" i="26"/>
  <c r="A802" i="26"/>
  <c r="A803" i="26"/>
  <c r="A804" i="26"/>
  <c r="A805" i="26"/>
  <c r="A806" i="26"/>
  <c r="A807" i="26"/>
  <c r="A808" i="26"/>
  <c r="A809" i="26"/>
  <c r="A810" i="26"/>
  <c r="A811" i="26"/>
  <c r="A812" i="26"/>
  <c r="A813" i="26"/>
  <c r="A814" i="26"/>
  <c r="A815" i="26"/>
  <c r="A816" i="26"/>
  <c r="A817" i="26"/>
  <c r="A818" i="26"/>
  <c r="A819" i="26"/>
  <c r="A820" i="26"/>
  <c r="A821" i="26"/>
  <c r="A822" i="26"/>
  <c r="A823" i="26"/>
  <c r="A824" i="26"/>
  <c r="A825" i="26"/>
  <c r="A826" i="26"/>
  <c r="A827" i="26"/>
  <c r="A828" i="26"/>
  <c r="A829" i="26"/>
  <c r="A830" i="26"/>
  <c r="A831" i="26"/>
  <c r="A832" i="26"/>
  <c r="A833" i="26"/>
  <c r="A834" i="26"/>
  <c r="A835" i="26"/>
  <c r="A836" i="26"/>
  <c r="A837" i="26"/>
  <c r="A838" i="26"/>
  <c r="A839" i="26"/>
  <c r="A840" i="26"/>
  <c r="A841" i="26"/>
  <c r="A842" i="26"/>
  <c r="A843" i="26"/>
  <c r="A844" i="26"/>
  <c r="A845" i="26"/>
  <c r="A846" i="26"/>
  <c r="A847" i="26"/>
  <c r="A848" i="26"/>
  <c r="A849" i="26"/>
  <c r="A850" i="26"/>
  <c r="A851" i="26"/>
  <c r="A852" i="26"/>
  <c r="A853" i="26"/>
  <c r="A854" i="26"/>
  <c r="A855" i="26"/>
  <c r="A856" i="26"/>
  <c r="A857" i="26"/>
  <c r="A858" i="26"/>
  <c r="A859" i="26"/>
  <c r="A860" i="26"/>
  <c r="A861" i="26"/>
  <c r="A862" i="26"/>
  <c r="A863" i="26"/>
  <c r="A864" i="26"/>
  <c r="A865" i="26"/>
  <c r="A866" i="26"/>
  <c r="A867" i="26"/>
  <c r="A868" i="26"/>
  <c r="A869" i="26"/>
  <c r="A870" i="26"/>
  <c r="A871" i="26"/>
  <c r="A872" i="26"/>
  <c r="A873" i="26"/>
  <c r="A874" i="26"/>
  <c r="A875" i="26"/>
  <c r="A876" i="26"/>
  <c r="A877" i="26"/>
  <c r="A878" i="26"/>
  <c r="A879" i="26"/>
  <c r="A880" i="26"/>
  <c r="A881" i="26"/>
  <c r="A882" i="26"/>
  <c r="A883" i="26"/>
  <c r="A884" i="26"/>
  <c r="A885" i="26"/>
  <c r="A886" i="26"/>
  <c r="A887" i="26"/>
  <c r="A888" i="26"/>
  <c r="A889" i="26"/>
  <c r="A890" i="26"/>
  <c r="A891" i="26"/>
  <c r="A892" i="26"/>
  <c r="A893" i="26"/>
  <c r="A894" i="26"/>
  <c r="A895" i="26"/>
  <c r="A896" i="26"/>
  <c r="A897" i="26"/>
  <c r="A898" i="26"/>
  <c r="A899" i="26"/>
  <c r="A900" i="26"/>
  <c r="A901" i="26"/>
  <c r="A902" i="26"/>
  <c r="A903" i="26"/>
  <c r="A904" i="26"/>
  <c r="A905" i="26"/>
  <c r="A906" i="26"/>
  <c r="A907" i="26"/>
  <c r="A908" i="26"/>
  <c r="A909" i="26"/>
  <c r="A910" i="26"/>
  <c r="A911" i="26"/>
  <c r="A912" i="26"/>
  <c r="A913" i="26"/>
  <c r="A914" i="26"/>
  <c r="A915" i="26"/>
  <c r="A916" i="26"/>
  <c r="A917" i="26"/>
  <c r="A918" i="26"/>
  <c r="A919" i="26"/>
  <c r="A920" i="26"/>
  <c r="A921" i="26"/>
  <c r="A922" i="26"/>
  <c r="A923" i="26"/>
  <c r="A924" i="26"/>
  <c r="A925" i="26"/>
  <c r="A926" i="26"/>
  <c r="A927" i="26"/>
  <c r="A928" i="26"/>
  <c r="A929" i="26"/>
  <c r="A930" i="26"/>
  <c r="A931" i="26"/>
  <c r="A932" i="26"/>
  <c r="A933" i="26"/>
  <c r="A934" i="26"/>
  <c r="A935" i="26"/>
  <c r="A936" i="26"/>
  <c r="A937" i="26"/>
  <c r="A938" i="26"/>
  <c r="A939" i="26"/>
  <c r="A940" i="26"/>
  <c r="A941" i="26"/>
  <c r="A942" i="26"/>
  <c r="A943" i="26"/>
  <c r="A944" i="26"/>
  <c r="A945" i="26"/>
  <c r="A946" i="26"/>
  <c r="A947" i="26"/>
  <c r="A948" i="26"/>
  <c r="A949" i="26"/>
  <c r="A950" i="26"/>
  <c r="A951" i="26"/>
  <c r="A952" i="26"/>
  <c r="A953" i="26"/>
  <c r="A954" i="26"/>
  <c r="A955" i="26"/>
  <c r="A956" i="26"/>
  <c r="A957" i="26"/>
  <c r="A958" i="26"/>
  <c r="A959" i="26"/>
  <c r="A960" i="26"/>
  <c r="A961" i="26"/>
  <c r="A962" i="26"/>
  <c r="A963" i="26"/>
  <c r="A964" i="26"/>
  <c r="A965" i="26"/>
  <c r="A966" i="26"/>
  <c r="A967" i="26"/>
  <c r="A968" i="26"/>
  <c r="A969" i="26"/>
  <c r="A970" i="26"/>
  <c r="A971" i="26"/>
  <c r="A972" i="26"/>
  <c r="A973" i="26"/>
  <c r="A974" i="26"/>
  <c r="A975" i="26"/>
  <c r="A976" i="26"/>
  <c r="A977" i="26"/>
  <c r="A978" i="26"/>
  <c r="A979" i="26"/>
  <c r="A980" i="26"/>
  <c r="A981" i="26"/>
  <c r="A982" i="26"/>
  <c r="A983" i="26"/>
  <c r="A984" i="26"/>
  <c r="A985" i="26"/>
  <c r="A986" i="26"/>
  <c r="A987" i="26"/>
  <c r="A988" i="26"/>
  <c r="A989" i="26"/>
  <c r="A990" i="26"/>
  <c r="A991" i="26"/>
  <c r="A992" i="26"/>
  <c r="A993" i="26"/>
  <c r="A994" i="26"/>
  <c r="A995" i="26"/>
  <c r="A996" i="26"/>
  <c r="A997" i="26"/>
  <c r="A998" i="26"/>
  <c r="A999" i="26"/>
  <c r="A1000" i="26"/>
  <c r="A1001" i="26"/>
  <c r="A1002" i="26"/>
  <c r="A1003" i="26"/>
  <c r="A1004" i="26"/>
  <c r="A1005" i="26"/>
  <c r="A1006" i="26"/>
  <c r="A1007" i="26"/>
  <c r="A1008" i="26"/>
  <c r="A1009" i="26"/>
  <c r="A1010" i="26"/>
  <c r="A1011" i="26"/>
  <c r="A1012" i="26"/>
  <c r="A1013" i="26"/>
  <c r="A1014" i="26"/>
  <c r="A1015" i="26"/>
  <c r="A1016" i="26"/>
  <c r="A1017" i="26"/>
  <c r="A1018" i="26"/>
  <c r="A1019" i="26"/>
  <c r="A1020" i="26"/>
  <c r="A1021" i="26"/>
  <c r="A1022" i="26"/>
  <c r="A1023" i="26"/>
  <c r="A1024" i="26"/>
  <c r="A1025" i="26"/>
  <c r="A1026" i="26"/>
  <c r="A1027" i="26"/>
  <c r="A1028" i="26"/>
  <c r="A1029" i="26"/>
  <c r="A1030" i="26"/>
  <c r="A1031" i="26"/>
  <c r="A1032" i="26"/>
  <c r="A1033" i="26"/>
  <c r="A1034" i="26"/>
  <c r="A1035" i="26"/>
  <c r="A1036" i="26"/>
  <c r="A1037" i="26"/>
  <c r="A1038" i="26"/>
  <c r="A1039" i="26"/>
  <c r="A1040" i="26"/>
  <c r="A1041" i="26"/>
  <c r="A1042" i="26"/>
  <c r="A1043" i="26"/>
  <c r="A1044" i="26"/>
  <c r="A1045" i="26"/>
  <c r="A1046" i="26"/>
  <c r="A1047" i="26"/>
  <c r="A1048" i="26"/>
  <c r="A1049" i="26"/>
  <c r="A1050" i="26"/>
  <c r="A1051" i="26"/>
  <c r="A1052" i="26"/>
  <c r="A1053" i="26"/>
  <c r="A1054" i="26"/>
  <c r="A1055" i="26"/>
  <c r="A1056" i="26"/>
  <c r="A1057" i="26"/>
  <c r="A1058" i="26"/>
  <c r="A1059" i="26"/>
  <c r="A1060" i="26"/>
  <c r="A1061" i="26"/>
  <c r="A1062" i="26"/>
  <c r="A1063" i="26"/>
  <c r="A1064" i="26"/>
  <c r="A1065" i="26"/>
  <c r="A1066" i="26"/>
  <c r="A1067" i="26"/>
  <c r="A1068" i="26"/>
  <c r="A1069" i="26"/>
  <c r="A1070" i="26"/>
  <c r="A1071" i="26"/>
  <c r="A1072" i="26"/>
  <c r="A1073" i="26"/>
  <c r="A1074" i="26"/>
  <c r="A1075" i="26"/>
  <c r="A1076" i="26"/>
  <c r="A1077" i="26"/>
  <c r="A1078" i="26"/>
  <c r="A1079" i="26"/>
  <c r="A1080" i="26"/>
  <c r="A1081" i="26"/>
  <c r="A1082" i="26"/>
  <c r="A1083" i="26"/>
  <c r="A1084" i="26"/>
  <c r="A1085" i="26"/>
  <c r="A1086" i="26"/>
  <c r="A1087" i="26"/>
  <c r="A1088" i="26"/>
  <c r="A1089" i="26"/>
  <c r="A1090" i="26"/>
  <c r="A1091" i="26"/>
  <c r="A1092" i="26"/>
  <c r="A1093" i="26"/>
  <c r="A1094" i="26"/>
  <c r="A1095" i="26"/>
  <c r="A1096" i="26"/>
  <c r="A1097" i="26"/>
  <c r="A1098" i="26"/>
  <c r="A1099" i="26"/>
  <c r="A1100" i="26"/>
  <c r="A1101" i="26"/>
  <c r="A1102" i="26"/>
  <c r="A1103" i="26"/>
  <c r="A1104" i="26"/>
  <c r="A1105" i="26"/>
  <c r="A1106" i="26"/>
  <c r="A1107" i="26"/>
  <c r="A1108" i="26"/>
  <c r="A1109" i="26"/>
  <c r="A1110" i="26"/>
  <c r="A1111" i="26"/>
  <c r="A1112" i="26"/>
  <c r="A1113" i="26"/>
  <c r="A1114" i="26"/>
  <c r="A1115" i="26"/>
  <c r="A1116" i="26"/>
  <c r="A1117" i="26"/>
  <c r="A1118" i="26"/>
  <c r="A1119" i="26"/>
  <c r="A1120" i="26"/>
  <c r="A1121" i="26"/>
  <c r="A1122" i="26"/>
  <c r="A1123" i="26"/>
  <c r="A1124" i="26"/>
  <c r="A1125" i="26"/>
  <c r="A1126" i="26"/>
  <c r="A1127" i="26"/>
  <c r="A1128" i="26"/>
  <c r="A1129" i="26"/>
  <c r="A1130" i="26"/>
  <c r="A1131" i="26"/>
  <c r="A1132" i="26"/>
  <c r="A1133" i="26"/>
  <c r="A1134" i="26"/>
  <c r="A1135" i="26"/>
  <c r="A1136" i="26"/>
  <c r="A1137" i="26"/>
  <c r="A1138" i="26"/>
  <c r="A1139" i="26"/>
  <c r="A1140" i="26"/>
  <c r="A1141" i="26"/>
  <c r="A1142" i="26"/>
  <c r="A1143" i="26"/>
  <c r="A1144" i="26"/>
  <c r="A1145" i="26"/>
  <c r="A1146" i="26"/>
  <c r="A1147" i="26"/>
  <c r="A1148" i="26"/>
  <c r="A1149" i="26"/>
  <c r="A1150" i="26"/>
  <c r="A1151" i="26"/>
  <c r="A1152" i="26"/>
  <c r="A1153" i="26"/>
  <c r="A1154" i="26"/>
  <c r="A1155" i="26"/>
  <c r="A1156" i="26"/>
  <c r="A1157" i="26"/>
  <c r="A1158" i="26"/>
  <c r="A1159" i="26"/>
  <c r="A1160" i="26"/>
  <c r="A1161" i="26"/>
  <c r="A1162" i="26"/>
  <c r="A1163" i="26"/>
  <c r="A1164" i="26"/>
  <c r="A1165" i="26"/>
  <c r="A1166" i="26"/>
  <c r="A1167" i="26"/>
  <c r="A1168" i="26"/>
  <c r="A1169" i="26"/>
  <c r="A1170" i="26"/>
  <c r="A1171" i="26"/>
  <c r="A1172" i="26"/>
  <c r="A1173" i="26"/>
  <c r="A1174" i="26"/>
  <c r="A1175" i="26"/>
  <c r="A1176" i="26"/>
  <c r="A1177" i="26"/>
  <c r="A1178" i="26"/>
  <c r="A1179" i="26"/>
  <c r="A1180" i="26"/>
  <c r="A1181" i="26"/>
  <c r="A1182" i="26"/>
  <c r="A1183" i="26"/>
  <c r="A1184" i="26"/>
  <c r="A1185" i="26"/>
  <c r="A1186" i="26"/>
  <c r="A1187" i="26"/>
  <c r="A1188" i="26"/>
  <c r="A1189" i="26"/>
  <c r="A1190" i="26"/>
  <c r="A1191" i="26"/>
  <c r="A1192" i="26"/>
  <c r="A1193" i="26"/>
  <c r="A1194" i="26"/>
  <c r="A1195" i="26"/>
  <c r="A1196" i="26"/>
  <c r="A1197" i="26"/>
  <c r="A1198" i="26"/>
  <c r="A1199" i="26"/>
  <c r="A1200" i="26"/>
  <c r="A1201" i="26"/>
  <c r="A1202" i="26"/>
  <c r="A1203" i="26"/>
  <c r="A1204" i="26"/>
  <c r="A1205" i="26"/>
  <c r="A1206" i="26"/>
  <c r="A1207" i="26"/>
  <c r="A1208" i="26"/>
  <c r="A1209" i="26"/>
  <c r="A1210" i="26"/>
  <c r="A1211" i="26"/>
  <c r="A1212" i="26"/>
  <c r="A1213" i="26"/>
  <c r="A1214" i="26"/>
  <c r="A1215" i="26"/>
  <c r="A1216" i="26"/>
  <c r="A1217" i="26"/>
  <c r="A1218" i="26"/>
  <c r="A1219" i="26"/>
  <c r="A1220" i="26"/>
  <c r="A1221" i="26"/>
  <c r="A1222" i="26"/>
  <c r="A1223" i="26"/>
  <c r="A1224" i="26"/>
  <c r="A1225" i="26"/>
  <c r="A1226" i="26"/>
  <c r="A1227" i="26"/>
  <c r="A1228" i="26"/>
  <c r="A1229" i="26"/>
  <c r="A1230" i="26"/>
  <c r="A1231" i="26"/>
  <c r="A1232" i="26"/>
  <c r="A1233" i="26"/>
  <c r="A1234" i="26"/>
  <c r="A1235" i="26"/>
  <c r="A1236" i="26"/>
  <c r="A1237" i="26"/>
  <c r="A1238" i="26"/>
  <c r="A1239" i="26"/>
  <c r="A1240" i="26"/>
  <c r="A1241" i="26"/>
  <c r="A1242" i="26"/>
  <c r="A1243" i="26"/>
  <c r="A1244" i="26"/>
  <c r="A1245" i="26"/>
  <c r="A1246" i="26"/>
  <c r="A1247" i="26"/>
  <c r="A1248" i="26"/>
  <c r="A1249" i="26"/>
  <c r="A1250" i="26"/>
  <c r="A1251" i="26"/>
  <c r="A1252" i="26"/>
  <c r="A1253" i="26"/>
  <c r="A1254" i="26"/>
  <c r="A1255" i="26"/>
  <c r="A1256" i="26"/>
  <c r="A1257" i="26"/>
  <c r="A1258" i="26"/>
  <c r="A1259" i="26"/>
  <c r="A1260" i="26"/>
  <c r="A1261" i="26"/>
  <c r="A1262" i="26"/>
  <c r="A1263" i="26"/>
  <c r="A1264" i="26"/>
  <c r="A1265" i="26"/>
  <c r="A1266" i="26"/>
  <c r="A1267" i="26"/>
  <c r="A1268" i="26"/>
  <c r="A1269" i="26"/>
  <c r="A1270" i="26"/>
  <c r="A1271" i="26"/>
  <c r="A1272" i="26"/>
  <c r="A1273" i="26"/>
  <c r="A1274" i="26"/>
  <c r="A1275" i="26"/>
  <c r="A1276" i="26"/>
  <c r="A1277" i="26"/>
  <c r="A1278" i="26"/>
  <c r="A1279" i="26"/>
  <c r="A1280" i="26"/>
  <c r="A1281" i="26"/>
  <c r="A1282" i="26"/>
  <c r="A1283" i="26"/>
  <c r="A1284" i="26"/>
  <c r="A1285" i="26"/>
  <c r="A1286" i="26"/>
  <c r="A1287" i="26"/>
  <c r="A1288" i="26"/>
  <c r="A1289" i="26"/>
  <c r="A1290" i="26"/>
  <c r="A1291" i="26"/>
  <c r="A1292" i="26"/>
  <c r="A1293" i="26"/>
  <c r="A1294" i="26"/>
  <c r="A1295" i="26"/>
  <c r="A1296" i="26"/>
  <c r="A1297" i="26"/>
  <c r="A1298" i="26"/>
  <c r="A1299" i="26"/>
  <c r="A1300" i="26"/>
  <c r="A1301" i="26"/>
  <c r="A1302" i="26"/>
  <c r="A1303" i="26"/>
  <c r="A1304" i="26"/>
  <c r="A1305" i="26"/>
  <c r="A1306" i="26"/>
  <c r="A1307" i="26"/>
  <c r="A1308" i="26"/>
  <c r="A1309" i="26"/>
  <c r="A1310" i="26"/>
  <c r="A1311" i="26"/>
  <c r="A1312" i="26"/>
  <c r="A1313" i="26"/>
  <c r="A1314" i="26"/>
  <c r="A1315" i="26"/>
  <c r="A1316" i="26"/>
  <c r="A1317" i="26"/>
  <c r="A1318" i="26"/>
  <c r="A1319" i="26"/>
  <c r="A1320" i="26"/>
  <c r="A1321" i="26"/>
  <c r="A1322" i="26"/>
  <c r="A1323" i="26"/>
  <c r="A1324" i="26"/>
  <c r="A1325" i="26"/>
  <c r="A1326" i="26"/>
  <c r="A1327" i="26"/>
  <c r="A1328" i="26"/>
  <c r="A1329" i="26"/>
  <c r="A1330" i="26"/>
  <c r="A1331" i="26"/>
  <c r="A1332" i="26"/>
  <c r="A1333" i="26"/>
  <c r="A1334" i="26"/>
  <c r="A1335" i="26"/>
  <c r="A1336" i="26"/>
  <c r="A1337" i="26"/>
  <c r="A1338" i="26"/>
  <c r="A1339" i="26"/>
  <c r="A1340" i="26"/>
  <c r="A1341" i="26"/>
  <c r="A1342" i="26"/>
  <c r="A1343" i="26"/>
  <c r="A1344" i="26"/>
  <c r="A1345" i="26"/>
  <c r="A1346" i="26"/>
  <c r="A1347" i="26"/>
  <c r="A1348" i="26"/>
  <c r="A1349" i="26"/>
  <c r="A1350" i="26"/>
  <c r="A1351" i="26"/>
  <c r="A1352" i="26"/>
  <c r="A1353" i="26"/>
  <c r="A1354" i="26"/>
  <c r="A1355" i="26"/>
  <c r="A1356" i="26"/>
  <c r="A1357" i="26"/>
  <c r="A1358" i="26"/>
  <c r="A1359" i="26"/>
  <c r="A1360" i="26"/>
  <c r="A1361" i="26"/>
  <c r="A1362" i="26"/>
  <c r="A1363" i="26"/>
  <c r="A1364" i="26"/>
  <c r="A1365" i="26"/>
  <c r="A1366" i="26"/>
  <c r="A1367" i="26"/>
  <c r="A1368" i="26"/>
  <c r="A1369" i="26"/>
  <c r="A1370" i="26"/>
  <c r="A1371" i="26"/>
  <c r="A1372" i="26"/>
  <c r="A1373" i="26"/>
  <c r="A1374" i="26"/>
  <c r="A1375" i="26"/>
  <c r="A1376" i="26"/>
  <c r="A1377" i="26"/>
  <c r="A1378" i="26"/>
  <c r="A1379" i="26"/>
  <c r="A1380" i="26"/>
  <c r="A1381" i="26"/>
  <c r="A1382" i="26"/>
  <c r="A1383" i="26"/>
  <c r="A1384" i="26"/>
  <c r="A1385" i="26"/>
  <c r="A1386" i="26"/>
  <c r="A1387" i="26"/>
  <c r="A1388" i="26"/>
  <c r="A1389" i="26"/>
  <c r="A1390" i="26"/>
  <c r="A1391" i="26"/>
  <c r="A1392" i="26"/>
  <c r="A1393" i="26"/>
  <c r="A1394" i="26"/>
  <c r="A1395" i="26"/>
  <c r="A1396" i="26"/>
  <c r="A1397" i="26"/>
  <c r="A1398" i="26"/>
  <c r="A1399" i="26"/>
  <c r="A1400" i="26"/>
  <c r="A1401" i="26"/>
  <c r="A1402" i="26"/>
  <c r="A1403" i="26"/>
  <c r="A1404" i="26"/>
  <c r="A1405" i="26"/>
  <c r="A1406" i="26"/>
  <c r="A1407" i="26"/>
  <c r="A1408" i="26"/>
  <c r="A1409" i="26"/>
  <c r="A1410" i="26"/>
  <c r="A1411" i="26"/>
  <c r="A1412" i="26"/>
  <c r="A1413" i="26"/>
  <c r="A1414" i="26"/>
  <c r="A1415" i="26"/>
  <c r="A1416" i="26"/>
  <c r="A1417" i="26"/>
  <c r="A1418" i="26"/>
  <c r="A1419" i="26"/>
  <c r="A1420" i="26"/>
  <c r="A1421" i="26"/>
  <c r="A1422" i="26"/>
  <c r="A1423" i="26"/>
  <c r="A1424" i="26"/>
  <c r="A1425" i="26"/>
  <c r="A1426" i="26"/>
  <c r="A1427" i="26"/>
  <c r="A1428" i="26"/>
  <c r="A1429" i="26"/>
  <c r="A1430" i="26"/>
  <c r="A1431" i="26"/>
  <c r="A1432" i="26"/>
  <c r="A1433" i="26"/>
  <c r="A1434" i="26"/>
  <c r="A1435" i="26"/>
  <c r="A1436" i="26"/>
  <c r="A1437" i="26"/>
  <c r="A1438" i="26"/>
  <c r="A1439" i="26"/>
  <c r="A1440" i="26"/>
  <c r="A1441" i="26"/>
  <c r="A1442" i="26"/>
  <c r="A1443" i="26"/>
  <c r="A1444" i="26"/>
  <c r="A1445" i="26"/>
  <c r="A1446" i="26"/>
  <c r="A1447" i="26"/>
  <c r="A1448" i="26"/>
  <c r="A1449" i="26"/>
  <c r="A1450" i="26"/>
  <c r="A1451" i="26"/>
  <c r="A1452" i="26"/>
  <c r="A1453" i="26"/>
  <c r="A1454" i="26"/>
  <c r="A1455" i="26"/>
  <c r="A1456" i="26"/>
  <c r="A1457" i="26"/>
  <c r="A1458" i="26"/>
  <c r="A1459" i="26"/>
  <c r="A1460" i="26"/>
  <c r="A1461" i="26"/>
  <c r="A1462" i="26"/>
  <c r="A1463" i="26"/>
  <c r="A1464" i="26"/>
  <c r="A1465" i="26"/>
  <c r="A1466" i="26"/>
  <c r="A1467" i="26"/>
  <c r="A1468" i="26"/>
  <c r="A1469" i="26"/>
  <c r="A1470" i="26"/>
  <c r="A1471" i="26"/>
  <c r="A1472" i="26"/>
  <c r="A1473" i="26"/>
  <c r="A1474" i="26"/>
  <c r="A1475" i="26"/>
  <c r="A1476" i="26"/>
  <c r="A1477" i="26"/>
  <c r="A1478" i="26"/>
  <c r="A1479" i="26"/>
  <c r="A1480" i="26"/>
  <c r="A1481" i="26"/>
  <c r="A1482" i="26"/>
  <c r="A1483" i="26"/>
  <c r="A1484" i="26"/>
  <c r="A1485" i="26"/>
  <c r="A1486" i="26"/>
  <c r="A1487" i="26"/>
  <c r="A1488" i="26"/>
  <c r="A1489" i="26"/>
  <c r="A1490" i="26"/>
  <c r="A1491" i="26"/>
  <c r="A1492" i="26"/>
  <c r="A1493" i="26"/>
  <c r="A1494" i="26"/>
  <c r="A1495" i="26"/>
  <c r="A1496" i="26"/>
  <c r="A1497" i="26"/>
  <c r="A1498" i="26"/>
  <c r="A1499" i="26"/>
  <c r="A1500" i="26"/>
  <c r="A1501" i="26"/>
  <c r="A1502" i="26"/>
  <c r="A1503" i="26"/>
  <c r="A1504" i="26"/>
  <c r="A1505" i="26"/>
  <c r="A1506" i="26"/>
  <c r="A1507" i="26"/>
  <c r="A1508" i="26"/>
  <c r="A1509" i="26"/>
  <c r="A1510" i="26"/>
  <c r="A1511" i="26"/>
  <c r="A1512" i="26"/>
  <c r="A1513" i="26"/>
  <c r="A1514" i="26"/>
  <c r="A1515" i="26"/>
  <c r="A1516" i="26"/>
  <c r="A1517" i="26"/>
  <c r="A1518" i="26"/>
  <c r="A1519" i="26"/>
  <c r="A1520" i="26"/>
  <c r="A1521" i="26"/>
  <c r="A1522" i="26"/>
  <c r="A1523" i="26"/>
  <c r="A1524" i="26"/>
  <c r="A1525" i="26"/>
  <c r="A1526" i="26"/>
  <c r="A1527" i="26"/>
  <c r="A1528" i="26"/>
  <c r="A1529" i="26"/>
  <c r="A1530" i="26"/>
  <c r="A1531" i="26"/>
  <c r="A1532" i="26"/>
  <c r="A1533" i="26"/>
  <c r="A1534" i="26"/>
  <c r="A1535" i="26"/>
  <c r="A1536" i="26"/>
  <c r="A1537" i="26"/>
  <c r="A1538" i="26"/>
  <c r="A1539" i="26"/>
  <c r="A1540" i="26"/>
  <c r="A1541" i="26"/>
  <c r="A1542" i="26"/>
  <c r="A1543" i="26"/>
  <c r="A1544" i="26"/>
  <c r="A1545" i="26"/>
  <c r="A1546" i="26"/>
  <c r="A1547" i="26"/>
  <c r="A1548" i="26"/>
  <c r="A1549" i="26"/>
  <c r="A1550" i="26"/>
  <c r="A1551" i="26"/>
  <c r="A1552" i="26"/>
  <c r="A1553" i="26"/>
  <c r="A1554" i="26"/>
  <c r="A1555" i="26"/>
  <c r="A1556" i="26"/>
  <c r="A1557" i="26"/>
  <c r="A1558" i="26"/>
  <c r="A1559" i="26"/>
  <c r="A1560" i="26"/>
  <c r="A1561" i="26"/>
  <c r="A1562" i="26"/>
  <c r="A1563" i="26"/>
  <c r="A1564" i="26"/>
  <c r="A1565" i="26"/>
  <c r="A1566" i="26"/>
  <c r="A1567" i="26"/>
  <c r="A1568" i="26"/>
  <c r="A1569" i="26"/>
  <c r="A1570" i="26"/>
  <c r="A1571" i="26"/>
  <c r="A1572" i="26"/>
  <c r="A1573" i="26"/>
  <c r="A1574" i="26"/>
  <c r="A1575" i="26"/>
  <c r="A1576" i="26"/>
  <c r="A1577" i="26"/>
  <c r="A1578" i="26"/>
  <c r="A1579" i="26"/>
  <c r="A1580" i="26"/>
  <c r="A1581" i="26"/>
  <c r="A1582" i="26"/>
  <c r="A1583" i="26"/>
  <c r="A1584" i="26"/>
  <c r="A1585" i="26"/>
  <c r="A1586" i="26"/>
  <c r="A1587" i="26"/>
  <c r="A1588" i="26"/>
  <c r="A1589" i="26"/>
  <c r="A1590" i="26"/>
  <c r="A1591" i="26"/>
  <c r="A1592" i="26"/>
  <c r="A1593" i="26"/>
  <c r="A1594" i="26"/>
  <c r="A1595" i="26"/>
  <c r="A1596" i="26"/>
  <c r="A1597" i="26"/>
  <c r="A1598" i="26"/>
  <c r="A1599" i="26"/>
  <c r="A1600" i="26"/>
  <c r="A1601" i="26"/>
  <c r="A1602" i="26"/>
  <c r="A1603" i="26"/>
  <c r="A1604" i="26"/>
  <c r="A1605" i="26"/>
  <c r="A1606" i="26"/>
  <c r="A1607" i="26"/>
  <c r="A1608" i="26"/>
  <c r="A1609" i="26"/>
  <c r="A1610" i="26"/>
  <c r="A1611" i="26"/>
  <c r="A1612" i="26"/>
  <c r="A1613" i="26"/>
  <c r="A1614" i="26"/>
  <c r="A1615" i="26"/>
  <c r="A1616" i="26"/>
  <c r="A1617" i="26"/>
  <c r="A1618" i="26"/>
  <c r="A1619" i="26"/>
  <c r="A1620" i="26"/>
  <c r="A1621" i="26"/>
  <c r="A1622" i="26"/>
  <c r="A1623" i="26"/>
  <c r="A1624" i="26"/>
  <c r="A1625" i="26"/>
  <c r="A1626" i="26"/>
  <c r="A1627" i="26"/>
  <c r="A1628" i="26"/>
  <c r="A1629" i="26"/>
  <c r="A1630" i="26"/>
  <c r="A1631" i="26"/>
  <c r="A1632" i="26"/>
  <c r="A1633" i="26"/>
  <c r="A1634" i="26"/>
  <c r="A1635" i="26"/>
  <c r="A1636" i="26"/>
  <c r="A1637" i="26"/>
  <c r="A1638" i="26"/>
  <c r="A1639" i="26"/>
  <c r="A1640" i="26"/>
  <c r="A1641" i="26"/>
  <c r="A1642" i="26"/>
  <c r="A1643" i="26"/>
  <c r="A1644" i="26"/>
  <c r="A1645" i="26"/>
  <c r="A1646" i="26"/>
  <c r="A1647" i="26"/>
  <c r="A1648" i="26"/>
  <c r="A1649" i="26"/>
  <c r="A1650" i="26"/>
  <c r="A1651" i="26"/>
  <c r="A1652" i="26"/>
  <c r="A1653" i="26"/>
  <c r="A1654" i="26"/>
  <c r="A1655" i="26"/>
  <c r="A1656" i="26"/>
  <c r="A1657" i="26"/>
  <c r="A1658" i="26"/>
  <c r="A1659" i="26"/>
  <c r="A1660" i="26"/>
  <c r="A1661" i="26"/>
  <c r="A1662" i="26"/>
  <c r="A1663" i="26"/>
  <c r="A1664" i="26"/>
  <c r="A1665" i="26"/>
  <c r="A1666" i="26"/>
  <c r="A1667" i="26"/>
  <c r="A1668" i="26"/>
  <c r="A1669" i="26"/>
  <c r="A1670" i="26"/>
  <c r="A1671" i="26"/>
  <c r="A1672" i="26"/>
  <c r="A1673" i="26"/>
  <c r="A1674" i="26"/>
  <c r="A1675" i="26"/>
  <c r="A1676" i="26"/>
  <c r="A1677" i="26"/>
  <c r="A1678" i="26"/>
  <c r="A1679" i="26"/>
  <c r="A1680" i="26"/>
  <c r="A1681" i="26"/>
  <c r="A1682" i="26"/>
  <c r="A1683" i="26"/>
  <c r="A1684" i="26"/>
  <c r="A1685" i="26"/>
  <c r="A1686" i="26"/>
  <c r="A1687" i="26"/>
  <c r="A1688" i="26"/>
  <c r="A1689" i="26"/>
  <c r="A1690" i="26"/>
  <c r="A1691" i="26"/>
  <c r="A1692" i="26"/>
  <c r="A1693" i="26"/>
  <c r="A1694" i="26"/>
  <c r="A1695" i="26"/>
  <c r="A1696" i="26"/>
  <c r="A1697" i="26"/>
  <c r="A1698" i="26"/>
  <c r="A1699" i="26"/>
  <c r="A1700" i="26"/>
  <c r="A1701" i="26"/>
  <c r="A1702" i="26"/>
  <c r="A1703" i="26"/>
  <c r="A1704" i="26"/>
  <c r="A1705" i="26"/>
  <c r="A1706" i="26"/>
  <c r="A1707" i="26"/>
  <c r="A1708" i="26"/>
  <c r="A1709" i="26"/>
  <c r="A1710" i="26"/>
  <c r="A1711" i="26"/>
  <c r="A1712" i="26"/>
  <c r="A1713" i="26"/>
  <c r="A1714" i="26"/>
  <c r="A1715" i="26"/>
  <c r="A1716" i="26"/>
  <c r="A1717" i="26"/>
  <c r="A1718" i="26"/>
  <c r="A1719" i="26"/>
  <c r="A1720" i="26"/>
  <c r="A1721" i="26"/>
  <c r="A1722" i="26"/>
  <c r="A1723" i="26"/>
  <c r="A1724" i="26"/>
  <c r="A1725" i="26"/>
  <c r="A1726" i="26"/>
  <c r="A1727" i="26"/>
  <c r="A1728" i="26"/>
  <c r="A1729" i="26"/>
  <c r="A1730" i="26"/>
  <c r="A1731" i="26"/>
  <c r="A1732" i="26"/>
  <c r="A1733" i="26"/>
  <c r="A1734" i="26"/>
  <c r="A1735" i="26"/>
  <c r="A1736" i="26"/>
  <c r="A1737" i="26"/>
  <c r="A1738" i="26"/>
  <c r="A1739" i="26"/>
  <c r="A1740" i="26"/>
  <c r="A1741" i="26"/>
  <c r="A1742" i="26"/>
  <c r="A1743" i="26"/>
  <c r="A1744" i="26"/>
  <c r="A1745" i="26"/>
  <c r="A1746" i="26"/>
  <c r="A1747" i="26"/>
  <c r="A1748" i="26"/>
  <c r="A1749" i="26"/>
  <c r="A1750" i="26"/>
  <c r="A1751" i="26"/>
  <c r="A1752" i="26"/>
  <c r="A1753" i="26"/>
  <c r="A1754" i="26"/>
  <c r="A1755" i="26"/>
  <c r="A1756" i="26"/>
  <c r="A1757" i="26"/>
  <c r="A1758" i="26"/>
  <c r="A1759" i="26"/>
  <c r="A1760" i="26"/>
  <c r="A1761" i="26"/>
  <c r="A1762" i="26"/>
  <c r="A1763" i="26"/>
  <c r="A1764" i="26"/>
  <c r="A1765" i="26"/>
  <c r="A1766" i="26"/>
  <c r="A1767" i="26"/>
  <c r="A1768" i="26"/>
  <c r="A1769" i="26"/>
  <c r="A1770" i="26"/>
  <c r="A1771" i="26"/>
  <c r="A1772" i="26"/>
  <c r="A1773" i="26"/>
  <c r="A1774" i="26"/>
  <c r="A1775" i="26"/>
  <c r="A1776" i="26"/>
  <c r="A1777" i="26"/>
  <c r="A1778" i="26"/>
  <c r="A1779" i="26"/>
  <c r="A1780" i="26"/>
  <c r="A1781" i="26"/>
  <c r="A1782" i="26"/>
  <c r="A1783" i="26"/>
  <c r="A1784" i="26"/>
  <c r="A1785" i="26"/>
  <c r="A1786" i="26"/>
  <c r="A1787" i="26"/>
  <c r="A1788" i="26"/>
  <c r="A1789" i="26"/>
  <c r="A1790" i="26"/>
  <c r="A1791" i="26"/>
  <c r="A1792" i="26"/>
  <c r="A1793" i="26"/>
  <c r="A1794" i="26"/>
  <c r="A1795" i="26"/>
  <c r="A1796" i="26"/>
  <c r="A1797" i="26"/>
  <c r="A1798" i="26"/>
  <c r="A1799" i="26"/>
  <c r="A1800" i="26"/>
  <c r="A1801" i="26"/>
  <c r="A1802" i="26"/>
  <c r="A1803" i="26"/>
  <c r="A1804" i="26"/>
  <c r="A1805" i="26"/>
  <c r="A1806" i="26"/>
  <c r="A1807" i="26"/>
  <c r="A1808" i="26"/>
  <c r="A1809" i="26"/>
  <c r="A1810" i="26"/>
  <c r="A1811" i="26"/>
  <c r="A1812" i="26"/>
  <c r="A1813" i="26"/>
  <c r="A1814" i="26"/>
  <c r="A1815" i="26"/>
  <c r="A1816" i="26"/>
  <c r="A1817" i="26"/>
  <c r="A1818" i="26"/>
  <c r="A1819" i="26"/>
  <c r="A1820" i="26"/>
  <c r="A1821" i="26"/>
  <c r="A1822" i="26"/>
  <c r="A1823" i="26"/>
  <c r="A1824" i="26"/>
  <c r="A1825" i="26"/>
  <c r="A1826" i="26"/>
  <c r="A1827" i="26"/>
  <c r="A1828" i="26"/>
  <c r="A1829" i="26"/>
  <c r="A1830" i="26"/>
  <c r="A1831" i="26"/>
  <c r="A1832" i="26"/>
  <c r="A1833" i="26"/>
  <c r="A1834" i="26"/>
  <c r="A1835" i="26"/>
  <c r="A1836" i="26"/>
  <c r="A1837" i="26"/>
  <c r="A1838" i="26"/>
  <c r="A1839" i="26"/>
  <c r="A1840" i="26"/>
  <c r="A1841" i="26"/>
  <c r="A1842" i="26"/>
  <c r="A1843" i="26"/>
  <c r="A1844" i="26"/>
  <c r="A1845" i="26"/>
  <c r="A1846" i="26"/>
  <c r="A1847" i="26"/>
  <c r="A1848" i="26"/>
  <c r="A1849" i="26"/>
  <c r="A1850" i="26"/>
  <c r="A1851" i="26"/>
  <c r="A1852" i="26"/>
  <c r="A1853" i="26"/>
  <c r="A1854" i="26"/>
  <c r="A1855" i="26"/>
  <c r="A1856" i="26"/>
  <c r="A1857" i="26"/>
  <c r="A1858" i="26"/>
  <c r="A1859" i="26"/>
  <c r="A1860" i="26"/>
  <c r="A1861" i="26"/>
  <c r="A1862" i="26"/>
  <c r="A1863" i="26"/>
  <c r="A1864" i="26"/>
  <c r="A1865" i="26"/>
  <c r="A1866" i="26"/>
  <c r="A1867" i="26"/>
  <c r="A1868" i="26"/>
  <c r="A1869" i="26"/>
  <c r="A1870" i="26"/>
  <c r="A1871" i="26"/>
  <c r="A1872" i="26"/>
  <c r="A1873" i="26"/>
  <c r="A1874" i="26"/>
  <c r="A1875" i="26"/>
  <c r="A1876" i="26"/>
  <c r="A1877" i="26"/>
  <c r="A1878" i="26"/>
  <c r="A1879" i="26"/>
  <c r="A1880" i="26"/>
  <c r="A1881" i="26"/>
  <c r="A1882" i="26"/>
  <c r="A1883" i="26"/>
  <c r="A1884" i="26"/>
  <c r="A1885" i="26"/>
  <c r="A1886" i="26"/>
  <c r="A1887" i="26"/>
  <c r="A1888" i="26"/>
  <c r="A1889" i="26"/>
  <c r="A1890" i="26"/>
  <c r="A1891" i="26"/>
  <c r="A1892" i="26"/>
  <c r="A1893" i="26"/>
  <c r="A1894" i="26"/>
  <c r="A1895" i="26"/>
  <c r="A1896" i="26"/>
  <c r="A1897" i="26"/>
  <c r="A1898" i="26"/>
  <c r="A1899" i="26"/>
  <c r="A1900" i="26"/>
  <c r="A1901" i="26"/>
  <c r="A1902" i="26"/>
  <c r="A1903" i="26"/>
  <c r="A1904" i="26"/>
  <c r="A1905" i="26"/>
  <c r="A1906" i="26"/>
  <c r="A1907" i="26"/>
  <c r="A1908" i="26"/>
  <c r="A1909" i="26"/>
  <c r="A1910" i="26"/>
  <c r="A1911" i="26"/>
  <c r="A1912" i="26"/>
  <c r="A1913" i="26"/>
  <c r="A1914" i="26"/>
  <c r="A1915" i="26"/>
  <c r="A1916" i="26"/>
  <c r="A1917" i="26"/>
  <c r="A1918" i="26"/>
  <c r="A1919" i="26"/>
  <c r="A1920" i="26"/>
  <c r="A1921" i="26"/>
  <c r="A1922" i="26"/>
  <c r="A1923" i="26"/>
  <c r="A1924" i="26"/>
  <c r="A1925" i="26"/>
  <c r="A1926" i="26"/>
  <c r="A1927" i="26"/>
  <c r="A1928" i="26"/>
  <c r="A1929" i="26"/>
  <c r="A1930" i="26"/>
  <c r="A1931" i="26"/>
  <c r="A1932" i="26"/>
  <c r="A1933" i="26"/>
  <c r="A1934" i="26"/>
  <c r="A1935" i="26"/>
  <c r="A1936" i="26"/>
  <c r="A1937" i="26"/>
  <c r="A1938" i="26"/>
  <c r="A1939" i="26"/>
  <c r="A1940" i="26"/>
  <c r="A1941" i="26"/>
  <c r="A1942" i="26"/>
  <c r="A1943" i="26"/>
  <c r="A1944" i="26"/>
  <c r="A1945" i="26"/>
  <c r="A1946" i="26"/>
  <c r="A1947" i="26"/>
  <c r="A1948" i="26"/>
  <c r="A1949" i="26"/>
  <c r="A1950" i="26"/>
  <c r="A1951" i="26"/>
  <c r="A1952" i="26"/>
  <c r="A1953" i="26"/>
  <c r="A1954" i="26"/>
  <c r="A1955" i="26"/>
  <c r="A1956" i="26"/>
  <c r="A1957" i="26"/>
  <c r="A1958" i="26"/>
  <c r="A1959" i="26"/>
  <c r="A1960" i="26"/>
  <c r="A1961" i="26"/>
  <c r="A1962" i="26"/>
  <c r="A1963" i="26"/>
  <c r="A1964" i="26"/>
  <c r="A1965" i="26"/>
  <c r="A1966" i="26"/>
  <c r="A1967" i="26"/>
  <c r="A1968" i="26"/>
  <c r="A1969" i="26"/>
  <c r="A1970" i="26"/>
  <c r="A1971" i="26"/>
  <c r="A1972" i="26"/>
  <c r="A1973" i="26"/>
  <c r="A1974" i="26"/>
  <c r="A1975" i="26"/>
  <c r="A1976" i="26"/>
  <c r="A1977" i="26"/>
  <c r="A1978" i="26"/>
  <c r="A1979" i="26"/>
  <c r="A1980" i="26"/>
  <c r="A1981" i="26"/>
  <c r="A1982" i="26"/>
  <c r="A1983" i="26"/>
  <c r="A1984" i="26"/>
  <c r="A1985" i="26"/>
  <c r="A1986" i="26"/>
  <c r="A1987" i="26"/>
  <c r="A1988" i="26"/>
  <c r="A1989" i="26"/>
  <c r="A1990" i="26"/>
  <c r="A1991" i="26"/>
  <c r="A1992" i="26"/>
  <c r="A1993" i="26"/>
  <c r="A1994" i="26"/>
  <c r="A1995" i="26"/>
  <c r="A1996" i="26"/>
  <c r="A1997" i="26"/>
  <c r="A1998" i="26"/>
  <c r="A1999" i="26"/>
  <c r="A2000" i="26"/>
  <c r="A2001" i="26"/>
  <c r="A2002" i="26"/>
  <c r="A2003" i="26"/>
  <c r="A2004" i="26"/>
  <c r="A2005" i="26"/>
  <c r="A2006" i="26"/>
  <c r="A2007" i="26"/>
  <c r="A2008" i="26"/>
  <c r="A2009" i="26"/>
  <c r="A2010" i="26"/>
  <c r="A2011" i="26"/>
  <c r="A2012" i="26"/>
  <c r="A2013" i="26"/>
  <c r="A2014" i="26"/>
  <c r="A2015" i="26"/>
  <c r="A2016" i="26"/>
  <c r="A2017" i="26"/>
  <c r="A2018" i="26"/>
  <c r="A2019" i="26"/>
  <c r="A2020" i="26"/>
  <c r="A2021" i="26"/>
  <c r="A2022" i="26"/>
  <c r="A2023" i="26"/>
  <c r="A2024" i="26"/>
  <c r="A2025" i="26"/>
  <c r="A2026" i="26"/>
  <c r="A2027" i="26"/>
  <c r="A2028" i="26"/>
  <c r="A2029" i="26"/>
  <c r="A2030" i="26"/>
  <c r="A2031" i="26"/>
  <c r="A2032" i="26"/>
  <c r="A2033" i="26"/>
  <c r="A2034" i="26"/>
  <c r="A2035" i="26"/>
  <c r="A2036" i="26"/>
  <c r="A2037" i="26"/>
  <c r="A2038" i="26"/>
  <c r="A2039" i="26"/>
  <c r="A2040" i="26"/>
  <c r="A2041" i="26"/>
  <c r="A2042" i="26"/>
  <c r="A2043" i="26"/>
  <c r="A2044" i="26"/>
  <c r="A2045" i="26"/>
  <c r="A2046" i="26"/>
  <c r="A2047" i="26"/>
  <c r="A2048" i="26"/>
  <c r="A2049" i="26"/>
  <c r="A2050" i="26"/>
  <c r="A2051" i="26"/>
  <c r="A2052" i="26"/>
  <c r="A2053" i="26"/>
  <c r="A2054" i="26"/>
  <c r="A2055" i="26"/>
  <c r="A2056" i="26"/>
  <c r="A2057" i="26"/>
  <c r="A2058" i="26"/>
  <c r="A2059" i="26"/>
  <c r="A2060" i="26"/>
  <c r="A2061" i="26"/>
  <c r="A2062" i="26"/>
  <c r="A2063" i="26"/>
  <c r="A2064" i="26"/>
  <c r="A2065" i="26"/>
  <c r="A2066" i="26"/>
  <c r="A2067" i="26"/>
  <c r="A2068" i="26"/>
  <c r="A2069" i="26"/>
  <c r="A2070" i="26"/>
  <c r="A2071" i="26"/>
  <c r="A2072" i="26"/>
  <c r="A2073" i="26"/>
  <c r="A2074" i="26"/>
  <c r="A2075" i="26"/>
  <c r="A2076" i="26"/>
  <c r="A2077" i="26"/>
  <c r="A2078" i="26"/>
  <c r="A2079" i="26"/>
  <c r="A2080" i="26"/>
  <c r="A2081" i="26"/>
  <c r="A2082" i="26"/>
  <c r="A2083" i="26"/>
  <c r="A2084" i="26"/>
  <c r="A2085" i="26"/>
  <c r="A2086" i="26"/>
  <c r="A2087" i="26"/>
  <c r="A2088" i="26"/>
  <c r="A2089" i="26"/>
  <c r="A2090" i="26"/>
  <c r="A2091" i="26"/>
  <c r="A2092" i="26"/>
  <c r="A2093" i="26"/>
  <c r="A2094" i="26"/>
  <c r="A2095" i="26"/>
  <c r="A2096" i="26"/>
  <c r="A2097" i="26"/>
  <c r="A2098" i="26"/>
  <c r="A2099" i="26"/>
  <c r="A2100" i="26"/>
  <c r="A2101" i="26"/>
  <c r="A2102" i="26"/>
  <c r="A2103" i="26"/>
  <c r="A2104" i="26"/>
  <c r="A2105" i="26"/>
  <c r="A2106" i="26"/>
  <c r="A2107" i="26"/>
  <c r="A2108" i="26"/>
  <c r="A2109" i="26"/>
  <c r="A2110" i="26"/>
  <c r="A2111" i="26"/>
  <c r="A2112" i="26"/>
  <c r="A2113" i="26"/>
  <c r="A2114" i="26"/>
  <c r="A2115" i="26"/>
  <c r="A2116" i="26"/>
  <c r="A2117" i="26"/>
  <c r="A2118" i="26"/>
  <c r="A2119" i="26"/>
  <c r="A2120" i="26"/>
  <c r="A2121" i="26"/>
  <c r="A2122" i="26"/>
  <c r="A2123" i="26"/>
  <c r="A2124" i="26"/>
  <c r="A2125" i="26"/>
  <c r="A2126" i="26"/>
  <c r="A2127" i="26"/>
  <c r="A2128" i="26"/>
  <c r="A2129" i="26"/>
  <c r="A2130" i="26"/>
  <c r="A2131" i="26"/>
  <c r="A2132" i="26"/>
  <c r="A2133" i="26"/>
  <c r="A2134" i="26"/>
  <c r="A2135" i="26"/>
  <c r="A2136" i="26"/>
  <c r="A2137" i="26"/>
  <c r="A2138" i="26"/>
  <c r="A2139" i="26"/>
  <c r="A2140" i="26"/>
  <c r="A2141" i="26"/>
  <c r="A2142" i="26"/>
  <c r="A2143" i="26"/>
  <c r="A2144" i="26"/>
  <c r="A2145" i="26"/>
  <c r="A2146" i="26"/>
  <c r="A2147" i="26"/>
  <c r="A2148" i="26"/>
  <c r="A2149" i="26"/>
  <c r="A2150" i="26"/>
  <c r="A2151" i="26"/>
  <c r="A2152" i="26"/>
  <c r="A2153" i="26"/>
  <c r="A2154" i="26"/>
  <c r="A2155" i="26"/>
  <c r="A2156" i="26"/>
  <c r="A2157" i="26"/>
  <c r="A2158" i="26"/>
  <c r="A2159" i="26"/>
  <c r="A2160" i="26"/>
  <c r="A2161" i="26"/>
  <c r="A2162" i="26"/>
  <c r="A2163" i="26"/>
  <c r="A2164" i="26"/>
  <c r="A2165" i="26"/>
  <c r="A2166" i="26"/>
  <c r="A2167" i="26"/>
  <c r="A2168" i="26"/>
  <c r="A2169" i="26"/>
  <c r="A2170" i="26"/>
  <c r="A2171" i="26"/>
  <c r="A2172" i="26"/>
  <c r="A2173" i="26"/>
  <c r="A2174" i="26"/>
  <c r="A2175" i="26"/>
  <c r="A2176" i="26"/>
  <c r="A2177" i="26"/>
  <c r="A2178" i="26"/>
  <c r="A2179" i="26"/>
  <c r="A2180" i="26"/>
  <c r="A2181" i="26"/>
  <c r="A2182" i="26"/>
  <c r="A2183" i="26"/>
  <c r="A2184" i="26"/>
  <c r="A2185" i="26"/>
  <c r="A2186" i="26"/>
  <c r="A2187" i="26"/>
  <c r="A2188" i="26"/>
  <c r="A2189" i="26"/>
  <c r="A2190" i="26"/>
  <c r="A2191" i="26"/>
  <c r="A2192" i="26"/>
  <c r="A2193" i="26"/>
  <c r="A2194" i="26"/>
  <c r="A2195" i="26"/>
  <c r="A2196" i="26"/>
  <c r="A2197" i="26"/>
  <c r="A2198" i="26"/>
  <c r="A2199" i="26"/>
  <c r="A2200" i="26"/>
  <c r="A2201" i="26"/>
  <c r="A2202" i="26"/>
  <c r="A2203" i="26"/>
  <c r="A2204" i="26"/>
  <c r="A2205" i="26"/>
  <c r="A2206" i="26"/>
  <c r="A2207" i="26"/>
  <c r="A2208" i="26"/>
  <c r="A2209" i="26"/>
  <c r="A2210" i="26"/>
  <c r="A2211" i="26"/>
  <c r="A2212" i="26"/>
  <c r="A2213" i="26"/>
  <c r="A2214" i="26"/>
  <c r="A2215" i="26"/>
  <c r="A2216" i="26"/>
  <c r="A2217" i="26"/>
  <c r="A2218" i="26"/>
  <c r="A2219" i="26"/>
  <c r="A2220" i="26"/>
  <c r="A2221" i="26"/>
  <c r="A2222" i="26"/>
  <c r="A2223" i="26"/>
  <c r="A2224" i="26"/>
  <c r="A2225" i="26"/>
  <c r="A2226" i="26"/>
  <c r="A2227" i="26"/>
  <c r="A2228" i="26"/>
  <c r="A2229" i="26"/>
  <c r="A2230" i="26"/>
  <c r="A2231" i="26"/>
  <c r="A2232" i="26"/>
  <c r="A2233" i="26"/>
  <c r="A2234" i="26"/>
  <c r="A2235" i="26"/>
  <c r="A2236" i="26"/>
  <c r="A2237" i="26"/>
  <c r="A2238" i="26"/>
  <c r="A2239" i="26"/>
  <c r="A2240" i="26"/>
  <c r="A2241" i="26"/>
  <c r="A2242" i="26"/>
  <c r="A2243" i="26"/>
  <c r="A2244" i="26"/>
  <c r="A2245" i="26"/>
  <c r="A2246" i="26"/>
  <c r="A2247" i="26"/>
  <c r="A2248" i="26"/>
  <c r="A2249" i="26"/>
  <c r="A2250" i="26"/>
  <c r="A2251" i="26"/>
  <c r="A2252" i="26"/>
  <c r="A2253" i="26"/>
  <c r="A2254" i="26"/>
  <c r="A2255" i="26"/>
  <c r="A2256" i="26"/>
  <c r="A2257" i="26"/>
  <c r="A2258" i="26"/>
  <c r="A2259" i="26"/>
  <c r="A2260" i="26"/>
  <c r="A2261" i="26"/>
  <c r="A2262" i="26"/>
  <c r="A2263" i="26"/>
  <c r="A2264" i="26"/>
  <c r="A2265" i="26"/>
  <c r="A2266" i="26"/>
  <c r="A2267" i="26"/>
  <c r="A2268" i="26"/>
  <c r="A2269" i="26"/>
  <c r="A2270" i="26"/>
  <c r="A2271" i="26"/>
  <c r="A2272" i="26"/>
  <c r="A2273" i="26"/>
  <c r="A2274" i="26"/>
  <c r="A2275" i="26"/>
  <c r="A2276" i="26"/>
  <c r="A2277" i="26"/>
  <c r="A2278" i="26"/>
  <c r="A2279" i="26"/>
  <c r="A2280" i="26"/>
  <c r="A2281" i="26"/>
  <c r="A2282" i="26"/>
  <c r="A2283" i="26"/>
  <c r="A2284" i="26"/>
  <c r="A2285" i="26"/>
  <c r="A2286" i="26"/>
  <c r="A2287" i="26"/>
  <c r="A2288" i="26"/>
  <c r="A2289" i="26"/>
  <c r="A2290" i="26"/>
  <c r="A2291" i="26"/>
  <c r="A2292" i="26"/>
  <c r="A2293" i="26"/>
  <c r="A2294" i="26"/>
  <c r="A2295" i="26"/>
  <c r="A2296" i="26"/>
  <c r="A2297" i="26"/>
  <c r="A2298" i="26"/>
  <c r="A2299" i="26"/>
  <c r="A2300" i="26"/>
  <c r="A2301" i="26"/>
  <c r="A2302" i="26"/>
  <c r="A2303" i="26"/>
  <c r="A2304" i="26"/>
  <c r="A2305" i="26"/>
  <c r="A2306" i="26"/>
  <c r="A2307" i="26"/>
  <c r="A2308" i="26"/>
  <c r="A2309" i="26"/>
  <c r="A2310" i="26"/>
  <c r="A2311" i="26"/>
  <c r="A2312" i="26"/>
  <c r="A2313" i="26"/>
  <c r="A2314" i="26"/>
  <c r="A2315" i="26"/>
  <c r="A2316" i="26"/>
  <c r="A2317" i="26"/>
  <c r="A2318" i="26"/>
  <c r="A2319" i="26"/>
  <c r="A2320" i="26"/>
  <c r="A2321" i="26"/>
  <c r="A2322" i="26"/>
  <c r="A2323" i="26"/>
  <c r="A2324" i="26"/>
  <c r="A2325" i="26"/>
  <c r="A2326" i="26"/>
  <c r="A2327" i="26"/>
  <c r="A2328" i="26"/>
  <c r="A2329" i="26"/>
  <c r="A2330" i="26"/>
  <c r="A2331" i="26"/>
  <c r="A2332" i="26"/>
  <c r="A2333" i="26"/>
  <c r="A2334" i="26"/>
  <c r="A2335" i="26"/>
  <c r="A2336" i="26"/>
  <c r="A2337" i="26"/>
  <c r="A2338" i="26"/>
  <c r="A2339" i="26"/>
  <c r="A2340" i="26"/>
  <c r="A2341" i="26"/>
  <c r="A2342" i="26"/>
  <c r="A2343" i="26"/>
  <c r="A2344" i="26"/>
  <c r="A2345" i="26"/>
  <c r="A2346" i="26"/>
  <c r="A2347" i="26"/>
  <c r="A2348" i="26"/>
  <c r="A2349" i="26"/>
  <c r="A2350" i="26"/>
  <c r="A2351" i="26"/>
  <c r="A2352" i="26"/>
  <c r="A2353" i="26"/>
  <c r="A2354" i="26"/>
  <c r="A2355" i="26"/>
  <c r="A2356" i="26"/>
  <c r="A2357" i="26"/>
  <c r="A2358" i="26"/>
  <c r="A2359" i="26"/>
  <c r="A2360" i="26"/>
  <c r="A2361" i="26"/>
  <c r="A2362" i="26"/>
  <c r="A2363" i="26"/>
  <c r="A2364" i="26"/>
  <c r="A2365" i="26"/>
  <c r="A2366" i="26"/>
  <c r="A2367" i="26"/>
  <c r="A2368" i="26"/>
  <c r="A2369" i="26"/>
  <c r="A2370" i="26"/>
  <c r="A2371" i="26"/>
  <c r="A2372" i="26"/>
  <c r="A2373" i="26"/>
  <c r="A2374" i="26"/>
  <c r="A2375" i="26"/>
  <c r="A2376" i="26"/>
  <c r="A2377" i="26"/>
  <c r="A2378" i="26"/>
  <c r="A2379" i="26"/>
  <c r="A2380" i="26"/>
  <c r="A2381" i="26"/>
  <c r="A2382" i="26"/>
  <c r="A2383" i="26"/>
  <c r="A2384" i="26"/>
  <c r="A2385" i="26"/>
  <c r="A2386" i="26"/>
  <c r="A2387" i="26"/>
  <c r="A2388" i="26"/>
  <c r="A2389" i="26"/>
  <c r="A2390" i="26"/>
  <c r="A2391" i="26"/>
  <c r="A2392" i="26"/>
  <c r="A2393" i="26"/>
  <c r="A2394" i="26"/>
  <c r="A2395" i="26"/>
  <c r="A2396" i="26"/>
  <c r="A2397" i="26"/>
  <c r="A2398" i="26"/>
  <c r="A2399" i="26"/>
  <c r="A2400" i="26"/>
  <c r="A2401" i="26"/>
  <c r="A2402" i="26"/>
  <c r="A2403" i="26"/>
  <c r="A2404" i="26"/>
  <c r="A2405" i="26"/>
  <c r="A2406" i="26"/>
  <c r="A2407" i="26"/>
  <c r="A2408" i="26"/>
  <c r="A2409" i="26"/>
  <c r="A2410" i="26"/>
  <c r="A2411" i="26"/>
  <c r="A2412" i="26"/>
  <c r="A2413" i="26"/>
  <c r="A2414" i="26"/>
  <c r="A2415" i="26"/>
  <c r="A2416" i="26"/>
  <c r="A2417" i="26"/>
  <c r="A2418" i="26"/>
  <c r="A2419" i="26"/>
  <c r="A2420" i="26"/>
  <c r="A2421" i="26"/>
  <c r="A2422" i="26"/>
  <c r="A2423" i="26"/>
  <c r="A2424" i="26"/>
  <c r="A2425" i="26"/>
  <c r="A2426" i="26"/>
  <c r="A2427" i="26"/>
  <c r="A2428" i="26"/>
  <c r="A2429" i="26"/>
  <c r="A2430" i="26"/>
  <c r="A2431" i="26"/>
  <c r="A2432" i="26"/>
  <c r="A2433" i="26"/>
  <c r="A2434" i="26"/>
  <c r="A2435" i="26"/>
  <c r="A2436" i="26"/>
  <c r="A2437" i="26"/>
  <c r="A2438" i="26"/>
  <c r="A2439" i="26"/>
  <c r="A2440" i="26"/>
  <c r="A2441" i="26"/>
  <c r="A2442" i="26"/>
  <c r="A2443" i="26"/>
  <c r="A2444" i="26"/>
  <c r="A2445" i="26"/>
  <c r="A2446" i="26"/>
  <c r="A2447" i="26"/>
  <c r="A2448" i="26"/>
  <c r="A2449" i="26"/>
  <c r="A2450" i="26"/>
  <c r="A2451" i="26"/>
  <c r="A2452" i="26"/>
  <c r="A2453" i="26"/>
  <c r="A2454" i="26"/>
  <c r="A2455" i="26"/>
  <c r="A2456" i="26"/>
  <c r="A2457" i="26"/>
  <c r="A2458" i="26"/>
  <c r="A2459" i="26"/>
  <c r="A2460" i="26"/>
  <c r="A2461" i="26"/>
  <c r="A2462" i="26"/>
  <c r="A2463" i="26"/>
  <c r="A2464" i="26"/>
  <c r="A2465" i="26"/>
  <c r="A2466" i="26"/>
  <c r="A2467" i="26"/>
  <c r="A2468" i="26"/>
  <c r="A2469" i="26"/>
  <c r="A2470" i="26"/>
  <c r="A2471" i="26"/>
  <c r="A2472" i="26"/>
  <c r="A2473" i="26"/>
  <c r="A2474" i="26"/>
  <c r="A2475" i="26"/>
  <c r="A2476" i="26"/>
  <c r="A2477" i="26"/>
  <c r="A2478" i="26"/>
  <c r="A2479" i="26"/>
  <c r="A2480" i="26"/>
  <c r="A2481" i="26"/>
  <c r="A2482" i="26"/>
  <c r="A2483" i="26"/>
  <c r="A2484" i="26"/>
  <c r="A2485" i="26"/>
  <c r="A2486" i="26"/>
  <c r="A2487" i="26"/>
  <c r="A2488" i="26"/>
  <c r="A2489" i="26"/>
  <c r="A2490" i="26"/>
  <c r="A2491" i="26"/>
  <c r="A2492" i="26"/>
  <c r="A2493" i="26"/>
  <c r="A2494" i="26"/>
  <c r="A2495" i="26"/>
  <c r="A2496" i="26"/>
  <c r="A2497" i="26"/>
  <c r="A2498" i="26"/>
  <c r="A2499" i="26"/>
  <c r="A2500" i="26"/>
  <c r="A2501" i="26"/>
  <c r="A2502" i="26"/>
  <c r="A2503" i="26"/>
  <c r="A2504" i="26"/>
  <c r="A2505" i="26"/>
  <c r="A2506" i="26"/>
  <c r="A2507" i="26"/>
  <c r="A2508" i="26"/>
  <c r="A2509" i="26"/>
  <c r="A2510" i="26"/>
  <c r="A2511" i="26"/>
  <c r="A2512" i="26"/>
  <c r="A2513" i="26"/>
  <c r="A2514" i="26"/>
  <c r="A2515" i="26"/>
  <c r="A2516" i="26"/>
  <c r="A2517" i="26"/>
  <c r="A2518" i="26"/>
  <c r="A2519" i="26"/>
  <c r="A2520" i="26"/>
  <c r="A2521" i="26"/>
  <c r="A2522" i="26"/>
  <c r="A2523" i="26"/>
  <c r="A2524" i="26"/>
  <c r="A2525" i="26"/>
  <c r="A2526" i="26"/>
  <c r="A2527" i="26"/>
  <c r="A2528" i="26"/>
  <c r="A2529" i="26"/>
  <c r="A2530" i="26"/>
  <c r="A2531" i="26"/>
  <c r="A2532" i="26"/>
  <c r="A2533" i="26"/>
  <c r="A2534" i="26"/>
  <c r="A2535" i="26"/>
  <c r="A2536" i="26"/>
  <c r="A2537" i="26"/>
  <c r="A2538" i="26"/>
  <c r="A2539" i="26"/>
  <c r="A2540" i="26"/>
  <c r="A2541" i="26"/>
  <c r="A2542" i="26"/>
  <c r="A2543" i="26"/>
  <c r="A2544" i="26"/>
  <c r="A2545" i="26"/>
  <c r="A2546" i="26"/>
  <c r="A2547" i="26"/>
  <c r="A2548" i="26"/>
  <c r="A2549" i="26"/>
  <c r="A2550" i="26"/>
  <c r="A2551" i="26"/>
  <c r="A2552" i="26"/>
  <c r="A2553" i="26"/>
  <c r="A2554" i="26"/>
  <c r="A2555" i="26"/>
  <c r="A2556" i="26"/>
  <c r="A2557" i="26"/>
  <c r="A2558" i="26"/>
  <c r="A2559" i="26"/>
  <c r="A2560" i="26"/>
  <c r="A2561" i="26"/>
  <c r="A2562" i="26"/>
  <c r="A2563" i="26"/>
  <c r="A2564" i="26"/>
  <c r="A2565" i="26"/>
  <c r="A2566" i="26"/>
  <c r="A2567" i="26"/>
  <c r="A2568" i="26"/>
  <c r="A2569" i="26"/>
  <c r="A2570" i="26"/>
  <c r="A2571" i="26"/>
  <c r="A2572" i="26"/>
  <c r="A2573" i="26"/>
  <c r="A2574" i="26"/>
  <c r="A2575" i="26"/>
  <c r="A2576" i="26"/>
  <c r="A2577" i="26"/>
  <c r="A2578" i="26"/>
  <c r="A2579" i="26"/>
  <c r="A2580" i="26"/>
  <c r="A2581" i="26"/>
  <c r="A2582" i="26"/>
  <c r="A2583" i="26"/>
  <c r="A2584" i="26"/>
  <c r="A2585" i="26"/>
  <c r="A2586" i="26"/>
  <c r="A2587" i="26"/>
  <c r="A2588" i="26"/>
  <c r="A2589" i="26"/>
  <c r="A2590" i="26"/>
  <c r="A2591" i="26"/>
  <c r="A2592" i="26"/>
  <c r="A2593" i="26"/>
  <c r="A2594" i="26"/>
  <c r="A2595" i="26"/>
  <c r="A2596" i="26"/>
  <c r="A2597" i="26"/>
  <c r="A2598" i="26"/>
  <c r="A2599" i="26"/>
  <c r="A2600" i="26"/>
  <c r="A2601" i="26"/>
  <c r="A2602" i="26"/>
  <c r="A2603" i="26"/>
  <c r="A2604" i="26"/>
  <c r="A2605" i="26"/>
  <c r="A2606" i="26"/>
  <c r="A2607" i="26"/>
  <c r="A2608" i="26"/>
  <c r="A2609" i="26"/>
  <c r="A2610" i="26"/>
  <c r="A2611" i="26"/>
  <c r="A2612" i="26"/>
  <c r="A2613" i="26"/>
  <c r="A2614" i="26"/>
  <c r="A2615" i="26"/>
  <c r="A2616" i="26"/>
  <c r="A2617" i="26"/>
  <c r="A2618" i="26"/>
  <c r="A2619" i="26"/>
  <c r="A2620" i="26"/>
  <c r="A2621" i="26"/>
  <c r="A2622" i="26"/>
  <c r="A2623" i="26"/>
  <c r="A2624" i="26"/>
  <c r="A2625" i="26"/>
  <c r="A2626" i="26"/>
  <c r="A2627" i="26"/>
  <c r="A2628" i="26"/>
  <c r="A2629" i="26"/>
  <c r="A2630" i="26"/>
  <c r="A2631" i="26"/>
  <c r="A2632" i="26"/>
  <c r="A2633" i="26"/>
  <c r="A2634" i="26"/>
  <c r="A2635" i="26"/>
  <c r="A2636" i="26"/>
  <c r="A2637" i="26"/>
  <c r="A2638" i="26"/>
  <c r="A2639" i="26"/>
  <c r="A2640" i="26"/>
  <c r="A2641" i="26"/>
  <c r="A2642" i="26"/>
  <c r="A2643" i="26"/>
  <c r="A2644" i="26"/>
  <c r="A2645" i="26"/>
  <c r="A2646" i="26"/>
  <c r="A2647" i="26"/>
  <c r="A2648" i="26"/>
  <c r="A2649" i="26"/>
  <c r="A2650" i="26"/>
  <c r="A2651" i="26"/>
  <c r="A2652" i="26"/>
  <c r="A2653" i="26"/>
  <c r="A2654" i="26"/>
  <c r="A2655" i="26"/>
  <c r="A2656" i="26"/>
  <c r="A2657" i="26"/>
  <c r="A2658" i="26"/>
  <c r="A2659" i="26"/>
  <c r="A2660" i="26"/>
  <c r="A2661" i="26"/>
  <c r="A2662" i="26"/>
  <c r="A2663" i="26"/>
  <c r="A2664" i="26"/>
  <c r="A2665" i="26"/>
  <c r="A2666" i="26"/>
  <c r="A2667" i="26"/>
  <c r="A2668" i="26"/>
  <c r="A2669" i="26"/>
  <c r="A2670" i="26"/>
  <c r="A2671" i="26"/>
  <c r="A2672" i="26"/>
  <c r="A2673" i="26"/>
  <c r="A2674" i="26"/>
  <c r="A2675" i="26"/>
  <c r="A2676" i="26"/>
  <c r="A2677" i="26"/>
  <c r="A2678" i="26"/>
  <c r="A2679" i="26"/>
  <c r="A2680" i="26"/>
  <c r="A2681" i="26"/>
  <c r="A2682" i="26"/>
  <c r="A2683" i="26"/>
  <c r="A2684" i="26"/>
  <c r="A2685" i="26"/>
  <c r="A2686" i="26"/>
  <c r="A2687" i="26"/>
  <c r="A2688" i="26"/>
  <c r="A2689" i="26"/>
  <c r="A2690" i="26"/>
  <c r="A2691" i="26"/>
  <c r="A2692" i="26"/>
  <c r="A2693" i="26"/>
  <c r="A2694" i="26"/>
  <c r="A2695" i="26"/>
  <c r="A2696" i="26"/>
  <c r="A2697" i="26"/>
  <c r="A2698" i="26"/>
  <c r="A2699" i="26"/>
  <c r="A2700" i="26"/>
  <c r="A2701" i="26"/>
  <c r="A2702" i="26"/>
  <c r="A2703" i="26"/>
  <c r="A2704" i="26"/>
  <c r="A2705" i="26"/>
  <c r="A2706" i="26"/>
  <c r="A2707" i="26"/>
  <c r="A2708" i="26"/>
  <c r="A2709" i="26"/>
  <c r="A2710" i="26"/>
  <c r="A2711" i="26"/>
  <c r="A2712" i="26"/>
  <c r="A2713" i="26"/>
  <c r="A2714" i="26"/>
  <c r="A2715" i="26"/>
  <c r="A2716" i="26"/>
  <c r="A2717" i="26"/>
  <c r="A2718" i="26"/>
  <c r="A2719" i="26"/>
  <c r="A2720" i="26"/>
  <c r="A2721" i="26"/>
  <c r="A2722" i="26"/>
  <c r="A2723" i="26"/>
  <c r="A2724" i="26"/>
  <c r="A2725" i="26"/>
  <c r="A2726" i="26"/>
  <c r="A2727" i="26"/>
  <c r="A2728" i="26"/>
  <c r="A2729" i="26"/>
  <c r="A2730" i="26"/>
  <c r="A2731" i="26"/>
  <c r="A2732" i="26"/>
  <c r="A2733" i="26"/>
  <c r="A2734" i="26"/>
  <c r="A2735" i="26"/>
  <c r="A2736" i="26"/>
  <c r="A2737" i="26"/>
  <c r="A2738" i="26"/>
  <c r="A2739" i="26"/>
  <c r="A2740" i="26"/>
  <c r="A2741" i="26"/>
  <c r="A2742" i="26"/>
  <c r="A2743" i="26"/>
  <c r="A2744" i="26"/>
  <c r="A2745" i="26"/>
  <c r="A2746" i="26"/>
  <c r="A2747" i="26"/>
  <c r="A2748" i="26"/>
  <c r="A2749" i="26"/>
  <c r="A2750" i="26"/>
  <c r="A2751" i="26"/>
  <c r="A2752" i="26"/>
  <c r="A2753" i="26"/>
  <c r="A2754" i="26"/>
  <c r="A2755" i="26"/>
  <c r="A2756" i="26"/>
  <c r="A2757" i="26"/>
  <c r="A2758" i="26"/>
  <c r="A2759" i="26"/>
  <c r="A2760" i="26"/>
  <c r="A2761" i="26"/>
  <c r="A2762" i="26"/>
  <c r="A2763" i="26"/>
  <c r="A2764" i="26"/>
  <c r="A2765" i="26"/>
  <c r="A2766" i="26"/>
  <c r="A2767" i="26"/>
  <c r="A2768" i="26"/>
  <c r="A2769" i="26"/>
  <c r="A2770" i="26"/>
  <c r="A2771" i="26"/>
  <c r="A2772" i="26"/>
  <c r="A2773" i="26"/>
  <c r="A2774" i="26"/>
  <c r="A2775" i="26"/>
  <c r="A2776" i="26"/>
  <c r="A2777" i="26"/>
  <c r="A2778" i="26"/>
  <c r="A2779" i="26"/>
  <c r="A2780" i="26"/>
  <c r="A2781" i="26"/>
  <c r="A2782" i="26"/>
  <c r="A2783" i="26"/>
  <c r="A2784" i="26"/>
  <c r="A2785" i="26"/>
  <c r="A2786" i="26"/>
  <c r="A2787" i="26"/>
  <c r="A2788" i="26"/>
  <c r="A2789" i="26"/>
  <c r="A2790" i="26"/>
  <c r="A2791" i="26"/>
  <c r="A2792" i="26"/>
  <c r="A2793" i="26"/>
  <c r="A2794" i="26"/>
  <c r="A2795" i="26"/>
  <c r="A2796" i="26"/>
  <c r="A2797" i="26"/>
  <c r="A2798" i="26"/>
  <c r="A2799" i="26"/>
  <c r="A2800" i="26"/>
  <c r="A2801" i="26"/>
  <c r="A2802" i="26"/>
  <c r="A2803" i="26"/>
  <c r="A2804" i="26"/>
  <c r="A2805" i="26"/>
  <c r="A2806" i="26"/>
  <c r="A2807" i="26"/>
  <c r="A2808" i="26"/>
  <c r="A2809" i="26"/>
  <c r="A2810" i="26"/>
  <c r="A2811" i="26"/>
  <c r="A2812" i="26"/>
  <c r="A2813" i="26"/>
  <c r="A2814" i="26"/>
  <c r="A2815" i="26"/>
  <c r="A2816" i="26"/>
  <c r="A2817" i="26"/>
  <c r="A2818" i="26"/>
  <c r="A2819" i="26"/>
  <c r="A2820" i="26"/>
  <c r="A2821" i="26"/>
  <c r="A2822" i="26"/>
  <c r="A2823" i="26"/>
  <c r="A2824" i="26"/>
  <c r="A2825" i="26"/>
  <c r="A2826" i="26"/>
  <c r="A2827" i="26"/>
  <c r="A2828" i="26"/>
  <c r="A2829" i="26"/>
  <c r="A2830" i="26"/>
  <c r="A2831" i="26"/>
  <c r="A2832" i="26"/>
  <c r="A2833" i="26"/>
  <c r="A2834" i="26"/>
  <c r="A2835" i="26"/>
  <c r="A2836" i="26"/>
  <c r="A2837" i="26"/>
  <c r="A2838" i="26"/>
  <c r="A2839" i="26"/>
  <c r="A2840" i="26"/>
  <c r="A2841" i="26"/>
  <c r="A2842" i="26"/>
  <c r="A2843" i="26"/>
  <c r="A2844" i="26"/>
  <c r="A2845" i="26"/>
  <c r="A2846" i="26"/>
  <c r="A2847" i="26"/>
  <c r="A2848" i="26"/>
  <c r="A2849" i="26"/>
  <c r="A2850" i="26"/>
  <c r="A2851" i="26"/>
  <c r="A2852" i="26"/>
  <c r="A2853" i="26"/>
  <c r="A2854" i="26"/>
  <c r="A2855" i="26"/>
  <c r="A2856" i="26"/>
  <c r="A2857" i="26"/>
  <c r="A2858" i="26"/>
  <c r="A2859" i="26"/>
  <c r="A2860" i="26"/>
  <c r="A2861" i="26"/>
  <c r="A2862" i="26"/>
  <c r="A2863" i="26"/>
  <c r="A2864" i="26"/>
  <c r="A2865" i="26"/>
  <c r="A2866" i="26"/>
  <c r="A2867" i="26"/>
  <c r="A2868" i="26"/>
  <c r="A2869" i="26"/>
  <c r="A2870" i="26"/>
  <c r="A2871" i="26"/>
  <c r="A2872" i="26"/>
  <c r="A2873" i="26"/>
  <c r="A2874" i="26"/>
  <c r="A2875" i="26"/>
  <c r="A2876" i="26"/>
  <c r="A2877" i="26"/>
  <c r="A2878" i="26"/>
  <c r="A2879" i="26"/>
  <c r="A2880" i="26"/>
  <c r="A2881" i="26"/>
  <c r="A2882" i="26"/>
  <c r="A2883" i="26"/>
  <c r="A2884" i="26"/>
  <c r="A2885" i="26"/>
  <c r="A2886" i="26"/>
  <c r="A2887" i="26"/>
  <c r="A2888" i="26"/>
  <c r="A2889" i="26"/>
  <c r="A2890" i="26"/>
  <c r="A2891" i="26"/>
  <c r="A2892" i="26"/>
  <c r="A2893" i="26"/>
  <c r="A2894" i="26"/>
  <c r="A2895" i="26"/>
  <c r="A2896" i="26"/>
  <c r="A2897" i="26"/>
  <c r="A2898" i="26"/>
  <c r="A2899" i="26"/>
  <c r="A2900" i="26"/>
  <c r="A2901" i="26"/>
  <c r="A2902" i="26"/>
  <c r="A2903" i="26"/>
  <c r="A2904" i="26"/>
  <c r="A2905" i="26"/>
  <c r="A2906" i="26"/>
  <c r="A2907" i="26"/>
  <c r="A2908" i="26"/>
  <c r="A2909" i="26"/>
  <c r="A2910" i="26"/>
  <c r="A2911" i="26"/>
  <c r="A2912" i="26"/>
  <c r="A2913" i="26"/>
  <c r="A2914" i="26"/>
  <c r="A2915" i="26"/>
  <c r="A2916" i="26"/>
  <c r="A2917" i="26"/>
  <c r="A2918" i="26"/>
  <c r="A2919" i="26"/>
  <c r="A2920" i="26"/>
  <c r="A2921" i="26"/>
  <c r="A2922" i="26"/>
  <c r="A2923" i="26"/>
  <c r="A2924" i="26"/>
  <c r="A2925" i="26"/>
  <c r="A2926" i="26"/>
  <c r="A2927" i="26"/>
  <c r="A2928" i="26"/>
  <c r="A2929" i="26"/>
  <c r="A2930" i="26"/>
  <c r="A2931" i="26"/>
  <c r="A2932" i="26"/>
  <c r="A2933" i="26"/>
  <c r="A2934" i="26"/>
  <c r="A2935" i="26"/>
  <c r="A2936" i="26"/>
  <c r="A2937" i="26"/>
  <c r="A2938" i="26"/>
  <c r="A2939" i="26"/>
  <c r="A2940" i="26"/>
  <c r="A2941" i="26"/>
  <c r="A2942" i="26"/>
  <c r="A2943" i="26"/>
  <c r="A2944" i="26"/>
  <c r="A2945" i="26"/>
  <c r="A2946" i="26"/>
  <c r="A2947" i="26"/>
  <c r="A2948" i="26"/>
  <c r="A2949" i="26"/>
  <c r="A2950" i="26"/>
  <c r="A2951" i="26"/>
  <c r="A2952" i="26"/>
  <c r="A2953" i="26"/>
  <c r="A2954" i="26"/>
  <c r="A2955" i="26"/>
  <c r="A2956" i="26"/>
  <c r="A2957" i="26"/>
  <c r="A2958" i="26"/>
  <c r="A2959" i="26"/>
  <c r="A2960" i="26"/>
  <c r="A2961" i="26"/>
  <c r="A2962" i="26"/>
  <c r="A2963" i="26"/>
  <c r="A2964" i="26"/>
  <c r="A2965" i="26"/>
  <c r="A2966" i="26"/>
  <c r="A2967" i="26"/>
  <c r="A2968" i="26"/>
  <c r="A2969" i="26"/>
  <c r="A2970" i="26"/>
  <c r="A2971" i="26"/>
  <c r="A2972" i="26"/>
  <c r="A2973" i="26"/>
  <c r="A2974" i="26"/>
  <c r="A2975" i="26"/>
  <c r="A2976" i="26"/>
  <c r="A2977" i="26"/>
  <c r="A2978" i="26"/>
  <c r="A2979" i="26"/>
  <c r="A2980" i="26"/>
  <c r="A2981" i="26"/>
  <c r="A2982" i="26"/>
  <c r="A2983" i="26"/>
  <c r="A2984" i="26"/>
  <c r="A2985" i="26"/>
  <c r="A2986" i="26"/>
  <c r="A2987" i="26"/>
  <c r="A2988" i="26"/>
  <c r="A2989" i="26"/>
  <c r="A2990" i="26"/>
  <c r="A2991" i="26"/>
  <c r="A2992" i="26"/>
  <c r="A2993" i="26"/>
  <c r="A2994" i="26"/>
  <c r="A2995" i="26"/>
  <c r="A2996" i="26"/>
  <c r="A2997" i="26"/>
  <c r="A2998" i="26"/>
  <c r="A2999" i="26"/>
  <c r="A3000" i="26"/>
  <c r="A3001" i="26"/>
  <c r="A3002" i="26"/>
  <c r="A3003" i="26"/>
  <c r="A3004" i="26"/>
  <c r="A3005" i="26"/>
  <c r="A3006" i="26"/>
  <c r="A3007" i="26"/>
  <c r="A3008" i="26"/>
  <c r="A3009" i="26"/>
  <c r="A3010" i="26"/>
  <c r="A3011" i="26"/>
  <c r="A3012" i="26"/>
  <c r="A3013" i="26"/>
  <c r="A3014" i="26"/>
  <c r="A3015" i="26"/>
  <c r="A3016" i="26"/>
  <c r="A3017" i="26"/>
  <c r="A3018" i="26"/>
  <c r="A3019" i="26"/>
  <c r="A3020" i="26"/>
  <c r="A3021" i="26"/>
  <c r="A3022" i="26"/>
  <c r="A3023" i="26"/>
  <c r="A3024" i="26"/>
  <c r="A3025" i="26"/>
  <c r="A3026" i="26"/>
  <c r="A3027" i="26"/>
  <c r="A3028" i="26"/>
  <c r="A3029" i="26"/>
  <c r="A3030" i="26"/>
  <c r="A3031" i="26"/>
  <c r="A3032" i="26"/>
  <c r="A3033" i="26"/>
  <c r="A3034" i="26"/>
  <c r="A3035" i="26"/>
  <c r="A3036" i="26"/>
  <c r="A3037" i="26"/>
  <c r="A3038" i="26"/>
  <c r="A3039" i="26"/>
  <c r="A3040" i="26"/>
  <c r="A3041" i="26"/>
  <c r="A3042" i="26"/>
  <c r="A3043" i="26"/>
  <c r="A3044" i="26"/>
  <c r="A3045" i="26"/>
  <c r="A3046" i="26"/>
  <c r="A3047" i="26"/>
  <c r="A3048" i="26"/>
  <c r="A3049" i="26"/>
  <c r="A3050" i="26"/>
  <c r="A3051" i="26"/>
  <c r="A3052" i="26"/>
  <c r="A3053" i="26"/>
  <c r="A3054" i="26"/>
  <c r="A3055" i="26"/>
  <c r="A3056" i="26"/>
  <c r="A3057" i="26"/>
  <c r="A3058" i="26"/>
  <c r="A3059" i="26"/>
  <c r="A3060" i="26"/>
  <c r="A3061" i="26"/>
  <c r="A3062" i="26"/>
  <c r="A3063" i="26"/>
  <c r="A3064" i="26"/>
  <c r="A3065" i="26"/>
  <c r="A3066" i="26"/>
  <c r="A3067" i="26"/>
  <c r="A3068" i="26"/>
  <c r="A3069" i="26"/>
  <c r="A3070" i="26"/>
  <c r="A3071" i="26"/>
  <c r="A3072" i="26"/>
  <c r="A3073" i="26"/>
  <c r="A3074" i="26"/>
  <c r="A3075" i="26"/>
  <c r="A3076" i="26"/>
  <c r="A3077" i="26"/>
  <c r="A3078" i="26"/>
  <c r="A3079" i="26"/>
  <c r="A3080" i="26"/>
  <c r="A3081" i="26"/>
  <c r="A3082" i="26"/>
  <c r="A3083" i="26"/>
  <c r="A3084" i="26"/>
  <c r="A3085" i="26"/>
  <c r="A3086" i="26"/>
  <c r="A3087" i="26"/>
  <c r="A3088" i="26"/>
  <c r="A3089" i="26"/>
  <c r="A3090" i="26"/>
  <c r="A3091" i="26"/>
  <c r="A3092" i="26"/>
  <c r="A3093" i="26"/>
  <c r="A3094" i="26"/>
  <c r="A3095" i="26"/>
  <c r="A3096" i="26"/>
  <c r="A3097" i="26"/>
  <c r="A3098" i="26"/>
  <c r="A3099" i="26"/>
  <c r="A3100" i="26"/>
  <c r="A3101" i="26"/>
  <c r="A3102" i="26"/>
  <c r="A3103" i="26"/>
  <c r="A3104" i="26"/>
  <c r="A3105" i="26"/>
  <c r="A3106" i="26"/>
  <c r="A3107" i="26"/>
  <c r="A3108" i="26"/>
  <c r="A3109" i="26"/>
  <c r="A3110" i="26"/>
  <c r="A3111" i="26"/>
  <c r="A3112" i="26"/>
  <c r="A3113" i="26"/>
  <c r="A3114" i="26"/>
  <c r="A3115" i="26"/>
  <c r="A3116" i="26"/>
  <c r="A3117" i="26"/>
  <c r="A3118" i="26"/>
  <c r="A3119" i="26"/>
  <c r="A3120" i="26"/>
  <c r="A3121" i="26"/>
  <c r="A3122" i="26"/>
  <c r="A3123" i="26"/>
  <c r="A3124" i="26"/>
  <c r="A3125" i="26"/>
  <c r="A3126" i="26"/>
  <c r="A3127" i="26"/>
  <c r="A3128" i="26"/>
  <c r="A3129" i="26"/>
  <c r="A3130" i="26"/>
  <c r="A3131" i="26"/>
  <c r="A3132" i="26"/>
  <c r="A3133" i="26"/>
  <c r="A3134" i="26"/>
  <c r="A3135" i="26"/>
  <c r="A3136" i="26"/>
  <c r="A3137" i="26"/>
  <c r="A3138" i="26"/>
  <c r="A3139" i="26"/>
  <c r="A3140" i="26"/>
  <c r="A3141" i="26"/>
  <c r="A3142" i="26"/>
  <c r="A3143" i="26"/>
  <c r="A3144" i="26"/>
  <c r="A3145" i="26"/>
  <c r="A3146" i="26"/>
  <c r="A3147" i="26"/>
  <c r="A3148" i="26"/>
  <c r="A3149" i="26"/>
  <c r="A3150" i="26"/>
  <c r="A3151" i="26"/>
  <c r="A3152" i="26"/>
  <c r="A3153" i="26"/>
  <c r="A3154" i="26"/>
  <c r="A3155" i="26"/>
  <c r="A3156" i="26"/>
  <c r="A3157" i="26"/>
  <c r="A3158" i="26"/>
  <c r="A3159" i="26"/>
  <c r="A3160" i="26"/>
  <c r="A3161" i="26"/>
  <c r="A3162" i="26"/>
  <c r="A3163" i="26"/>
  <c r="A3164" i="26"/>
  <c r="A3165" i="26"/>
  <c r="A3166" i="26"/>
  <c r="A3167" i="26"/>
  <c r="A3168" i="26"/>
  <c r="A3169" i="26"/>
  <c r="A3170" i="26"/>
  <c r="A3171" i="26"/>
  <c r="A3172" i="26"/>
  <c r="A3173" i="26"/>
  <c r="A3174" i="26"/>
  <c r="A3175" i="26"/>
  <c r="A3176" i="26"/>
  <c r="A3177" i="26"/>
  <c r="A3178" i="26"/>
  <c r="A3179" i="26"/>
  <c r="A3180" i="26"/>
  <c r="A3181" i="26"/>
  <c r="A3182" i="26"/>
  <c r="A3183" i="26"/>
  <c r="A3184" i="26"/>
  <c r="A3185" i="26"/>
  <c r="A3186" i="26"/>
  <c r="A3187" i="26"/>
  <c r="A3188" i="26"/>
  <c r="A3189" i="26"/>
  <c r="A3190" i="26"/>
  <c r="A3191" i="26"/>
  <c r="A3192" i="26"/>
  <c r="A3193" i="26"/>
  <c r="A3194" i="26"/>
  <c r="A3195" i="26"/>
  <c r="A3196" i="26"/>
  <c r="A3197" i="26"/>
  <c r="A3198" i="26"/>
  <c r="A3199" i="26"/>
  <c r="A3200" i="26"/>
  <c r="A3201" i="26"/>
  <c r="A3202" i="26"/>
  <c r="A3203" i="26"/>
  <c r="A3204" i="26"/>
  <c r="A3205" i="26"/>
  <c r="A3206" i="26"/>
  <c r="A3207" i="26"/>
  <c r="A3208" i="26"/>
  <c r="A3209" i="26"/>
  <c r="A3210" i="26"/>
  <c r="A3211" i="26"/>
  <c r="A3212" i="26"/>
  <c r="A3213" i="26"/>
  <c r="A3214" i="26"/>
  <c r="A3215" i="26"/>
  <c r="A3216" i="26"/>
  <c r="A3217" i="26"/>
  <c r="A3218" i="26"/>
  <c r="A3219" i="26"/>
  <c r="A3220" i="26"/>
  <c r="A3221" i="26"/>
  <c r="A3222" i="26"/>
  <c r="A3223" i="26"/>
  <c r="A3224" i="26"/>
  <c r="A3225" i="26"/>
  <c r="A3226" i="26"/>
  <c r="A3227" i="26"/>
  <c r="A3228" i="26"/>
  <c r="A3229" i="26"/>
  <c r="A3230" i="26"/>
  <c r="A3231" i="26"/>
  <c r="A3232" i="26"/>
  <c r="A3233" i="26"/>
  <c r="A3234" i="26"/>
  <c r="A3235" i="26"/>
  <c r="A3236" i="26"/>
  <c r="A3237" i="26"/>
  <c r="A3238" i="26"/>
  <c r="A3239" i="26"/>
  <c r="A3240" i="26"/>
  <c r="A3241" i="26"/>
  <c r="A3242" i="26"/>
  <c r="A3243" i="26"/>
  <c r="A3244" i="26"/>
  <c r="A3245" i="26"/>
  <c r="A3246" i="26"/>
  <c r="A3247" i="26"/>
  <c r="A3248" i="26"/>
  <c r="A3249" i="26"/>
  <c r="A3250" i="26"/>
  <c r="A3251" i="26"/>
  <c r="A3252" i="26"/>
  <c r="A3253" i="26"/>
  <c r="A3254" i="26"/>
  <c r="A3255" i="26"/>
  <c r="A3256" i="26"/>
  <c r="A3257" i="26"/>
  <c r="A3258" i="26"/>
  <c r="A3259" i="26"/>
  <c r="A3260" i="26"/>
  <c r="A3261" i="26"/>
  <c r="A3262" i="26"/>
  <c r="A3263" i="26"/>
  <c r="A3264" i="26"/>
  <c r="A3265" i="26"/>
  <c r="A3266" i="26"/>
  <c r="A3267" i="26"/>
  <c r="A3268" i="26"/>
  <c r="A3269" i="26"/>
  <c r="A3270" i="26"/>
  <c r="A3271" i="26"/>
  <c r="A3272" i="26"/>
  <c r="A3273" i="26"/>
  <c r="A3274" i="26"/>
  <c r="A3275" i="26"/>
  <c r="A3276" i="26"/>
  <c r="A3277" i="26"/>
  <c r="A3278" i="26"/>
  <c r="A3279" i="26"/>
  <c r="A3280" i="26"/>
  <c r="A3281" i="26"/>
  <c r="A3282" i="26"/>
  <c r="A3283" i="26"/>
  <c r="A3284" i="26"/>
  <c r="A3285" i="26"/>
  <c r="A3286" i="26"/>
  <c r="A3287" i="26"/>
  <c r="A3288" i="26"/>
  <c r="A3289" i="26"/>
  <c r="A3290" i="26"/>
  <c r="A3291" i="26"/>
  <c r="A3292" i="26"/>
  <c r="A3293" i="26"/>
  <c r="A3294" i="26"/>
  <c r="A3295" i="26"/>
  <c r="A3296" i="26"/>
  <c r="A3297" i="26"/>
  <c r="A3298" i="26"/>
  <c r="A3299" i="26"/>
  <c r="A3300" i="26"/>
  <c r="A3301" i="26"/>
  <c r="A3302" i="26"/>
  <c r="A3303" i="26"/>
  <c r="A3304" i="26"/>
  <c r="A3305" i="26"/>
  <c r="A3306" i="26"/>
  <c r="A3307" i="26"/>
  <c r="A3308" i="26"/>
  <c r="A3309" i="26"/>
  <c r="A3310" i="26"/>
  <c r="A3311" i="26"/>
  <c r="A3312" i="26"/>
  <c r="A3313" i="26"/>
  <c r="A3314" i="26"/>
  <c r="A3315" i="26"/>
  <c r="A3316" i="26"/>
  <c r="A3317" i="26"/>
  <c r="A3318" i="26"/>
  <c r="A3319" i="26"/>
  <c r="A3320" i="26"/>
  <c r="A3321" i="26"/>
  <c r="A3322" i="26"/>
  <c r="A3323" i="26"/>
  <c r="A3324" i="26"/>
  <c r="A3325" i="26"/>
  <c r="A3326" i="26"/>
  <c r="A3327" i="26"/>
  <c r="A3328" i="26"/>
  <c r="A3329" i="26"/>
  <c r="A3330" i="26"/>
  <c r="A3331" i="26"/>
  <c r="A3332" i="26"/>
  <c r="A3333" i="26"/>
  <c r="A3334" i="26"/>
  <c r="A3335" i="26"/>
  <c r="A3336" i="26"/>
  <c r="A3337" i="26"/>
  <c r="A3338" i="26"/>
  <c r="A3339" i="26"/>
  <c r="A3340" i="26"/>
  <c r="A3341" i="26"/>
  <c r="A3342" i="26"/>
  <c r="A3343" i="26"/>
  <c r="A3344" i="26"/>
  <c r="A3345" i="26"/>
  <c r="A3346" i="26"/>
  <c r="A3347" i="26"/>
  <c r="A3348" i="26"/>
  <c r="A3349" i="26"/>
  <c r="A3350" i="26"/>
  <c r="A3351" i="26"/>
  <c r="A3352" i="26"/>
  <c r="A3353" i="26"/>
  <c r="A3354" i="26"/>
  <c r="A3355" i="26"/>
  <c r="A3356" i="26"/>
  <c r="A3357" i="26"/>
  <c r="A3358" i="26"/>
  <c r="A3359" i="26"/>
  <c r="A3360" i="26"/>
  <c r="A3361" i="26"/>
  <c r="A3362" i="26"/>
  <c r="A3363" i="26"/>
  <c r="A3364" i="26"/>
  <c r="A3365" i="26"/>
  <c r="A3366" i="26"/>
  <c r="A3367" i="26"/>
  <c r="A3368" i="26"/>
  <c r="A3369" i="26"/>
  <c r="A3370" i="26"/>
  <c r="A3371" i="26"/>
  <c r="A3372" i="26"/>
  <c r="A3373" i="26"/>
  <c r="A3374" i="26"/>
  <c r="A3375" i="26"/>
  <c r="A3376" i="26"/>
  <c r="A3377" i="26"/>
  <c r="A3378" i="26"/>
  <c r="A3379" i="26"/>
  <c r="A3380" i="26"/>
  <c r="A3381" i="26"/>
  <c r="A3382" i="26"/>
  <c r="A3383" i="26"/>
  <c r="A3384" i="26"/>
  <c r="A3385" i="26"/>
  <c r="A3386" i="26"/>
  <c r="A3387" i="26"/>
  <c r="A3388" i="26"/>
  <c r="A3389" i="26"/>
  <c r="A3390" i="26"/>
  <c r="A3391" i="26"/>
  <c r="A3392" i="26"/>
  <c r="A3393" i="26"/>
  <c r="A3394" i="26"/>
  <c r="A3395" i="26"/>
  <c r="A3396" i="26"/>
  <c r="A3397" i="26"/>
  <c r="A3398" i="26"/>
  <c r="A3399" i="26"/>
  <c r="A3400" i="26"/>
  <c r="A3401" i="26"/>
  <c r="A3402" i="26"/>
  <c r="A3403" i="26"/>
  <c r="A3404" i="26"/>
  <c r="A3405" i="26"/>
  <c r="A3406" i="26"/>
  <c r="A3407" i="26"/>
  <c r="A3408" i="26"/>
  <c r="A3409" i="26"/>
  <c r="A3410" i="26"/>
  <c r="A3411" i="26"/>
  <c r="A3412" i="26"/>
  <c r="A3413" i="26"/>
  <c r="A3414" i="26"/>
  <c r="A3415" i="26"/>
  <c r="A3416" i="26"/>
  <c r="A3417" i="26"/>
  <c r="A3418" i="26"/>
  <c r="A3419" i="26"/>
  <c r="A3420" i="26"/>
  <c r="A3421" i="26"/>
  <c r="A3422" i="26"/>
  <c r="A3423" i="26"/>
  <c r="A3424" i="26"/>
  <c r="A3425" i="26"/>
  <c r="A3426" i="26"/>
  <c r="A3427" i="26"/>
  <c r="A3428" i="26"/>
  <c r="A3429" i="26"/>
  <c r="A3430" i="26"/>
  <c r="A3431" i="26"/>
  <c r="A3432" i="26"/>
  <c r="A3433" i="26"/>
  <c r="A3434" i="26"/>
  <c r="A3435" i="26"/>
  <c r="A3436" i="26"/>
  <c r="A3437" i="26"/>
  <c r="A3438" i="26"/>
  <c r="A3439" i="26"/>
  <c r="A3440" i="26"/>
  <c r="A3441" i="26"/>
  <c r="A3442" i="26"/>
  <c r="A3443" i="26"/>
  <c r="A3444" i="26"/>
  <c r="A3445" i="26"/>
  <c r="A3446" i="26"/>
  <c r="A3447" i="26"/>
  <c r="A3448" i="26"/>
  <c r="A3449" i="26"/>
  <c r="A3450" i="26"/>
  <c r="A3451" i="26"/>
  <c r="A3452" i="26"/>
  <c r="A3453" i="26"/>
  <c r="A3454" i="26"/>
  <c r="A3455" i="26"/>
  <c r="A3456" i="26"/>
  <c r="A3457" i="26"/>
  <c r="A3458" i="26"/>
  <c r="A3459" i="26"/>
  <c r="A3460" i="26"/>
  <c r="A3461" i="26"/>
  <c r="A3462" i="26"/>
  <c r="A3463" i="26"/>
  <c r="A3464" i="26"/>
  <c r="A3465" i="26"/>
  <c r="A3466" i="26"/>
  <c r="A3467" i="26"/>
  <c r="A3468" i="26"/>
  <c r="A3469" i="26"/>
  <c r="A3470" i="26"/>
  <c r="A3471" i="26"/>
  <c r="A3472" i="26"/>
  <c r="A3473" i="26"/>
  <c r="A3474" i="26"/>
  <c r="A3475" i="26"/>
  <c r="A3476" i="26"/>
  <c r="A3477" i="26"/>
  <c r="A3478" i="26"/>
  <c r="A3479" i="26"/>
  <c r="A3480" i="26"/>
  <c r="A3481" i="26"/>
  <c r="A3482" i="26"/>
  <c r="A3483" i="26"/>
  <c r="A3484" i="26"/>
  <c r="A3485" i="26"/>
  <c r="A3486" i="26"/>
  <c r="A3487" i="26"/>
  <c r="A3488" i="26"/>
  <c r="A3489" i="26"/>
  <c r="A3490" i="26"/>
  <c r="A3491" i="26"/>
  <c r="A3492" i="26"/>
  <c r="A3493" i="26"/>
  <c r="A3494" i="26"/>
  <c r="A3495" i="26"/>
  <c r="A3496" i="26"/>
  <c r="A3497" i="26"/>
  <c r="A3498" i="26"/>
  <c r="A3499" i="26"/>
  <c r="A3500" i="26"/>
  <c r="A3501" i="26"/>
  <c r="A3502" i="26"/>
  <c r="A3503" i="26"/>
  <c r="A3504" i="26"/>
  <c r="A3505" i="26"/>
  <c r="A3506" i="26"/>
  <c r="A3507" i="26"/>
  <c r="A3508" i="26"/>
  <c r="A3509" i="26"/>
  <c r="A3510" i="26"/>
  <c r="A3511" i="26"/>
  <c r="A3512" i="26"/>
  <c r="A3513" i="26"/>
  <c r="A3514" i="26"/>
  <c r="A3515" i="26"/>
  <c r="A3516" i="26"/>
  <c r="A3517" i="26"/>
  <c r="A3518" i="26"/>
  <c r="A3519" i="26"/>
  <c r="A3520" i="26"/>
  <c r="A3521" i="26"/>
  <c r="A3522" i="26"/>
  <c r="A3523" i="26"/>
  <c r="A3524" i="26"/>
  <c r="A3525" i="26"/>
  <c r="A3526" i="26"/>
  <c r="A3527" i="26"/>
  <c r="A3528" i="26"/>
  <c r="A3529" i="26"/>
  <c r="A3530" i="26"/>
  <c r="A3531" i="26"/>
  <c r="A3532" i="26"/>
  <c r="A3533" i="26"/>
  <c r="A3534" i="26"/>
  <c r="A3535" i="26"/>
  <c r="A3536" i="26"/>
  <c r="A3537" i="26"/>
  <c r="A3538" i="26"/>
  <c r="A3539" i="26"/>
  <c r="A3540" i="26"/>
  <c r="A3541" i="26"/>
  <c r="A3542" i="26"/>
  <c r="A3543" i="26"/>
  <c r="A3544" i="26"/>
  <c r="A3545" i="26"/>
  <c r="A3546" i="26"/>
  <c r="A3547" i="26"/>
  <c r="A3548" i="26"/>
  <c r="A3549" i="26"/>
  <c r="A3550" i="26"/>
  <c r="A3551" i="26"/>
  <c r="A3552" i="26"/>
  <c r="A3553" i="26"/>
  <c r="A3554" i="26"/>
  <c r="A3555" i="26"/>
  <c r="A3556" i="26"/>
  <c r="A3557" i="26"/>
  <c r="A3558" i="26"/>
  <c r="A3559" i="26"/>
  <c r="A3560" i="26"/>
  <c r="A3561" i="26"/>
  <c r="A3562" i="26"/>
  <c r="A3563" i="26"/>
  <c r="A3564" i="26"/>
  <c r="A3565" i="26"/>
  <c r="A3566" i="26"/>
  <c r="A3567" i="26"/>
  <c r="A3568" i="26"/>
  <c r="A3569" i="26"/>
  <c r="A3570" i="26"/>
  <c r="A3571" i="26"/>
  <c r="A3572" i="26"/>
  <c r="A3573" i="26"/>
  <c r="A3574" i="26"/>
  <c r="A3575" i="26"/>
  <c r="A3576" i="26"/>
  <c r="A3577" i="26"/>
  <c r="A3578" i="26"/>
  <c r="A3579" i="26"/>
  <c r="A3580" i="26"/>
  <c r="A3581" i="26"/>
  <c r="A3582" i="26"/>
  <c r="A3583" i="26"/>
  <c r="A3584" i="26"/>
  <c r="A3585" i="26"/>
  <c r="A3586" i="26"/>
  <c r="A3587" i="26"/>
  <c r="A3588" i="26"/>
  <c r="A3589" i="26"/>
  <c r="A3590" i="26"/>
  <c r="A3591" i="26"/>
  <c r="A3592" i="26"/>
  <c r="A3593" i="26"/>
  <c r="A3594" i="26"/>
  <c r="A3595" i="26"/>
  <c r="A3596" i="26"/>
  <c r="A3597" i="26"/>
  <c r="A3598" i="26"/>
  <c r="A3599" i="26"/>
  <c r="A3600" i="26"/>
  <c r="A3601" i="26"/>
  <c r="A3602" i="26"/>
  <c r="A3603" i="26"/>
  <c r="A3604" i="26"/>
  <c r="A3605" i="26"/>
  <c r="A3606" i="26"/>
  <c r="A3607" i="26"/>
  <c r="A3608" i="26"/>
  <c r="A3609" i="26"/>
  <c r="A3610" i="26"/>
  <c r="A3611" i="26"/>
  <c r="A3612" i="26"/>
  <c r="A3613" i="26"/>
  <c r="A3614" i="26"/>
  <c r="A3615" i="26"/>
  <c r="A3616" i="26"/>
  <c r="A3617" i="26"/>
  <c r="A3618" i="26"/>
  <c r="A3619" i="26"/>
  <c r="A3620" i="26"/>
  <c r="A3621" i="26"/>
  <c r="A3622" i="26"/>
  <c r="A3623" i="26"/>
  <c r="A3624" i="26"/>
  <c r="A3625" i="26"/>
  <c r="A3626" i="26"/>
  <c r="A3627" i="26"/>
  <c r="A3628" i="26"/>
  <c r="A3629" i="26"/>
  <c r="A3630" i="26"/>
  <c r="A3631" i="26"/>
  <c r="A3632" i="26"/>
  <c r="A3633" i="26"/>
  <c r="A3634" i="26"/>
  <c r="A3635" i="26"/>
  <c r="A3636" i="26"/>
  <c r="A3637" i="26"/>
  <c r="A3638" i="26"/>
  <c r="A3639" i="26"/>
  <c r="A3640" i="26"/>
  <c r="A3641" i="26"/>
  <c r="A3642" i="26"/>
  <c r="A3643" i="26"/>
  <c r="A3644" i="26"/>
  <c r="A3645" i="26"/>
  <c r="A3646" i="26"/>
  <c r="A3647" i="26"/>
  <c r="A3648" i="26"/>
  <c r="A3649" i="26"/>
  <c r="A3650" i="26"/>
  <c r="A3651" i="26"/>
  <c r="A3652" i="26"/>
  <c r="A3653" i="26"/>
  <c r="A3654" i="26"/>
  <c r="A3655" i="26"/>
  <c r="A3656" i="26"/>
  <c r="A3657" i="26"/>
  <c r="A3658" i="26"/>
  <c r="A3659" i="26"/>
  <c r="A3660" i="26"/>
  <c r="A3661" i="26"/>
  <c r="A3662" i="26"/>
  <c r="A3663" i="26"/>
  <c r="A3664" i="26"/>
  <c r="A3665" i="26"/>
  <c r="A3666" i="26"/>
  <c r="A3667" i="26"/>
  <c r="A3668" i="26"/>
  <c r="A3669" i="26"/>
  <c r="A3670" i="26"/>
  <c r="A3671" i="26"/>
  <c r="A3672" i="26"/>
  <c r="A3673" i="26"/>
  <c r="A3674" i="26"/>
  <c r="A3675" i="26"/>
  <c r="A3676" i="26"/>
  <c r="A3677" i="26"/>
  <c r="A3678" i="26"/>
  <c r="A3679" i="26"/>
  <c r="A3680" i="26"/>
  <c r="A3681" i="26"/>
  <c r="A3682" i="26"/>
  <c r="A3683" i="26"/>
  <c r="A3684" i="26"/>
  <c r="A3685" i="26"/>
  <c r="A3686" i="26"/>
  <c r="A3687" i="26"/>
  <c r="A3688" i="26"/>
  <c r="A3689" i="26"/>
  <c r="A3690" i="26"/>
  <c r="A3691" i="26"/>
  <c r="A3692" i="26"/>
  <c r="A3693" i="26"/>
  <c r="A3694" i="26"/>
  <c r="A3695" i="26"/>
  <c r="A3696" i="26"/>
  <c r="A3697" i="26"/>
  <c r="A3698" i="26"/>
  <c r="A3699" i="26"/>
  <c r="A3700" i="26"/>
  <c r="A3701" i="26"/>
  <c r="A3702" i="26"/>
  <c r="A3703" i="26"/>
  <c r="A3704" i="26"/>
  <c r="A3705" i="26"/>
  <c r="A3706" i="26"/>
  <c r="A3707" i="26"/>
  <c r="A3708" i="26"/>
  <c r="A3709" i="26"/>
  <c r="A3710" i="26"/>
  <c r="A3711" i="26"/>
  <c r="A3712" i="26"/>
  <c r="A3713" i="26"/>
  <c r="A3714" i="26"/>
  <c r="A3715" i="26"/>
  <c r="A3716" i="26"/>
  <c r="A3717" i="26"/>
  <c r="A3718" i="26"/>
  <c r="A3719" i="26"/>
  <c r="A3720" i="26"/>
  <c r="A3721" i="26"/>
  <c r="A3722" i="26"/>
  <c r="A3723" i="26"/>
  <c r="A3724" i="26"/>
  <c r="A3725" i="26"/>
  <c r="A3726" i="26"/>
  <c r="A3727" i="26"/>
  <c r="A3728" i="26"/>
  <c r="A3729" i="26"/>
  <c r="A3730" i="26"/>
  <c r="A3731" i="26"/>
  <c r="A3732" i="26"/>
  <c r="A3733" i="26"/>
  <c r="A3734" i="26"/>
  <c r="A3735" i="26"/>
  <c r="A3736" i="26"/>
  <c r="A3737" i="26"/>
  <c r="A3738" i="26"/>
  <c r="A3739" i="26"/>
  <c r="A3740" i="26"/>
  <c r="A3741" i="26"/>
  <c r="A3742" i="26"/>
  <c r="A3743" i="26"/>
  <c r="A3744" i="26"/>
  <c r="A3745" i="26"/>
  <c r="A3746" i="26"/>
  <c r="A3747" i="26"/>
  <c r="A3748" i="26"/>
  <c r="A3749" i="26"/>
  <c r="A3750" i="26"/>
  <c r="A3751" i="26"/>
  <c r="A3752" i="26"/>
  <c r="A3753" i="26"/>
  <c r="A3754" i="26"/>
  <c r="A3755" i="26"/>
  <c r="A3756" i="26"/>
  <c r="A3757" i="26"/>
  <c r="A3758" i="26"/>
  <c r="A3759" i="26"/>
  <c r="A3760" i="26"/>
  <c r="A3761" i="26"/>
  <c r="A3762" i="26"/>
  <c r="A3763" i="26"/>
  <c r="A3764" i="26"/>
  <c r="A3765" i="26"/>
  <c r="A3766" i="26"/>
  <c r="A3767" i="26"/>
  <c r="A3768" i="26"/>
  <c r="A3769" i="26"/>
  <c r="A3770" i="26"/>
  <c r="A3771" i="26"/>
  <c r="A3772" i="26"/>
  <c r="A3773" i="26"/>
  <c r="A3774" i="26"/>
  <c r="A3775" i="26"/>
  <c r="A3776" i="26"/>
  <c r="A3777" i="26"/>
  <c r="A3778" i="26"/>
  <c r="A3779" i="26"/>
  <c r="A3780" i="26"/>
  <c r="A3781" i="26"/>
  <c r="A3782" i="26"/>
  <c r="A3783" i="26"/>
  <c r="A3784" i="26"/>
  <c r="A3785" i="26"/>
  <c r="A3786" i="26"/>
  <c r="A3787" i="26"/>
  <c r="A3788" i="26"/>
  <c r="A3789" i="26"/>
  <c r="A3790" i="26"/>
  <c r="A3791" i="26"/>
  <c r="A3792" i="26"/>
  <c r="A3793" i="26"/>
  <c r="A3794" i="26"/>
  <c r="A3795" i="26"/>
  <c r="A3796" i="26"/>
  <c r="A3797" i="26"/>
  <c r="A3798" i="26"/>
  <c r="A3799" i="26"/>
  <c r="A3800" i="26"/>
  <c r="A3801" i="26"/>
  <c r="A3802" i="26"/>
  <c r="A3803" i="26"/>
  <c r="A3804" i="26"/>
  <c r="A3805" i="26"/>
  <c r="A3806" i="26"/>
  <c r="A3807" i="26"/>
  <c r="A3808" i="26"/>
  <c r="A3809" i="26"/>
  <c r="A3810" i="26"/>
  <c r="A3811" i="26"/>
  <c r="A3812" i="26"/>
  <c r="A3813" i="26"/>
  <c r="A3814" i="26"/>
  <c r="A3815" i="26"/>
  <c r="A3816" i="26"/>
  <c r="A3817" i="26"/>
  <c r="A3818" i="26"/>
  <c r="A3819" i="26"/>
  <c r="A3820" i="26"/>
  <c r="A3821" i="26"/>
  <c r="A3822" i="26"/>
  <c r="A3823" i="26"/>
  <c r="A3824" i="26"/>
  <c r="A3825" i="26"/>
  <c r="A3826" i="26"/>
  <c r="A3827" i="26"/>
  <c r="A3828" i="26"/>
  <c r="A3829" i="26"/>
  <c r="A3830" i="26"/>
  <c r="A3831" i="26"/>
  <c r="A3832" i="26"/>
  <c r="A3833" i="26"/>
  <c r="A3834" i="26"/>
  <c r="A3835" i="26"/>
  <c r="A3836" i="26"/>
  <c r="A3837" i="26"/>
  <c r="A3838" i="26"/>
  <c r="A3839" i="26"/>
  <c r="A3840" i="26"/>
  <c r="A3841" i="26"/>
  <c r="A3842" i="26"/>
  <c r="A3843" i="26"/>
  <c r="A3844" i="26"/>
  <c r="A3845" i="26"/>
  <c r="A3846" i="26"/>
  <c r="A3847" i="26"/>
  <c r="A3848" i="26"/>
  <c r="A3849" i="26"/>
  <c r="A3850" i="26"/>
  <c r="A3851" i="26"/>
  <c r="A3852" i="26"/>
  <c r="A3853" i="26"/>
  <c r="A3854" i="26"/>
  <c r="A3855" i="26"/>
  <c r="A3856" i="26"/>
  <c r="A3857" i="26"/>
  <c r="A3858" i="26"/>
  <c r="A3859" i="26"/>
  <c r="A3860" i="26"/>
  <c r="A3861" i="26"/>
  <c r="A3862" i="26"/>
  <c r="A3863" i="26"/>
  <c r="A3864" i="26"/>
  <c r="A3865" i="26"/>
  <c r="A3866" i="26"/>
  <c r="A3867" i="26"/>
  <c r="A3868" i="26"/>
  <c r="A3869" i="26"/>
  <c r="A3870" i="26"/>
  <c r="A3871" i="26"/>
  <c r="A3872" i="26"/>
  <c r="A3873" i="26"/>
  <c r="A3874" i="26"/>
  <c r="A3875" i="26"/>
  <c r="A3876" i="26"/>
  <c r="A3877" i="26"/>
  <c r="A3878" i="26"/>
  <c r="A3879" i="26"/>
  <c r="A3880" i="26"/>
  <c r="A3881" i="26"/>
  <c r="A3882" i="26"/>
  <c r="A3883" i="26"/>
  <c r="A3884" i="26"/>
  <c r="A3885" i="26"/>
  <c r="A3886" i="26"/>
  <c r="A3887" i="26"/>
  <c r="A3888" i="26"/>
  <c r="A3889" i="26"/>
  <c r="A3890" i="26"/>
  <c r="A3891" i="26"/>
  <c r="A3892" i="26"/>
  <c r="A3893" i="26"/>
  <c r="A3894" i="26"/>
  <c r="A3895" i="26"/>
  <c r="A3896" i="26"/>
  <c r="A3897" i="26"/>
  <c r="A3898" i="26"/>
  <c r="A3899" i="26"/>
  <c r="A3900" i="26"/>
  <c r="A3901" i="26"/>
  <c r="A3902" i="26"/>
  <c r="A3903" i="26"/>
  <c r="A3904" i="26"/>
  <c r="A3905" i="26"/>
  <c r="A3906" i="26"/>
  <c r="A3907" i="26"/>
  <c r="A3908" i="26"/>
  <c r="A3909" i="26"/>
  <c r="A3910" i="26"/>
  <c r="A3911" i="26"/>
  <c r="A3912" i="26"/>
  <c r="A3913" i="26"/>
  <c r="A3914" i="26"/>
  <c r="A3915" i="26"/>
  <c r="A3916" i="26"/>
  <c r="A3917" i="26"/>
  <c r="A3918" i="26"/>
  <c r="A3919" i="26"/>
  <c r="A3920" i="26"/>
  <c r="A3921" i="26"/>
  <c r="A3922" i="26"/>
  <c r="A3923" i="26"/>
  <c r="A3924" i="26"/>
  <c r="A3925" i="26"/>
  <c r="A3926" i="26"/>
  <c r="A3927" i="26"/>
  <c r="A3928" i="26"/>
  <c r="A3929" i="26"/>
  <c r="A3930" i="26"/>
  <c r="A3931" i="26"/>
  <c r="A3932" i="26"/>
  <c r="A3933" i="26"/>
  <c r="A3934" i="26"/>
  <c r="A3935" i="26"/>
  <c r="A3936" i="26"/>
  <c r="A3937" i="26"/>
  <c r="A3938" i="26"/>
  <c r="A3939" i="26"/>
  <c r="A3940" i="26"/>
  <c r="A3941" i="26"/>
  <c r="A3942" i="26"/>
  <c r="A3943" i="26"/>
  <c r="A3944" i="26"/>
  <c r="A3945" i="26"/>
  <c r="A3946" i="26"/>
  <c r="A3947" i="26"/>
  <c r="A3948" i="26"/>
  <c r="A3949" i="26"/>
  <c r="A3950" i="26"/>
  <c r="A3951" i="26"/>
  <c r="A3952" i="26"/>
  <c r="A3953" i="26"/>
  <c r="A3954" i="26"/>
  <c r="A3955" i="26"/>
  <c r="A3956" i="26"/>
  <c r="A3957" i="26"/>
  <c r="A3958" i="26"/>
  <c r="A3959" i="26"/>
  <c r="A3960" i="26"/>
  <c r="A3961" i="26"/>
  <c r="A3962" i="26"/>
  <c r="A3963" i="26"/>
  <c r="A3964" i="26"/>
  <c r="A3965" i="26"/>
  <c r="A3966" i="26"/>
  <c r="A3967" i="26"/>
  <c r="A3968" i="26"/>
  <c r="A3969" i="26"/>
  <c r="A3970" i="26"/>
  <c r="A3971" i="26"/>
  <c r="A3972" i="26"/>
  <c r="A3973" i="26"/>
  <c r="A3974" i="26"/>
  <c r="A3975" i="26"/>
  <c r="A3976" i="26"/>
  <c r="A3977" i="26"/>
  <c r="A3978" i="26"/>
  <c r="A3979" i="26"/>
  <c r="A3980" i="26"/>
  <c r="A3981" i="26"/>
  <c r="A3982" i="26"/>
  <c r="A3983" i="26"/>
  <c r="A3984" i="26"/>
  <c r="A3985" i="26"/>
  <c r="A3986" i="26"/>
  <c r="A3987" i="26"/>
  <c r="A3988" i="26"/>
  <c r="A3989" i="26"/>
  <c r="A3990" i="26"/>
  <c r="A3991" i="26"/>
  <c r="A3992" i="26"/>
  <c r="A3993" i="26"/>
  <c r="A3994" i="26"/>
  <c r="A3995" i="26"/>
  <c r="A3996" i="26"/>
  <c r="A3997" i="26"/>
  <c r="A3998" i="26"/>
  <c r="A3999" i="26"/>
  <c r="A4000" i="26"/>
  <c r="A4001" i="26"/>
  <c r="A4002" i="26"/>
  <c r="A4003" i="26"/>
  <c r="A4004" i="26"/>
  <c r="A4005" i="26"/>
  <c r="A4006" i="26"/>
  <c r="A4007" i="26"/>
  <c r="A4008" i="26"/>
  <c r="A4009" i="26"/>
  <c r="A4010" i="26"/>
  <c r="A4011" i="26"/>
  <c r="A4012" i="26"/>
  <c r="A4013" i="26"/>
  <c r="A4014" i="26"/>
  <c r="A4015" i="26"/>
  <c r="A4016" i="26"/>
  <c r="A4017" i="26"/>
  <c r="A4018" i="26"/>
  <c r="A4019" i="26"/>
  <c r="A4020" i="26"/>
  <c r="A4021" i="26"/>
  <c r="A4022" i="26"/>
  <c r="A4023" i="26"/>
  <c r="A4024" i="26"/>
  <c r="A4025" i="26"/>
  <c r="A4026" i="26"/>
  <c r="A4027" i="26"/>
  <c r="A4028" i="26"/>
  <c r="A4029" i="26"/>
  <c r="A4030" i="26"/>
  <c r="A4031" i="26"/>
  <c r="A4032" i="26"/>
  <c r="A4033" i="26"/>
  <c r="A4034" i="26"/>
  <c r="A4035" i="26"/>
  <c r="A4036" i="26"/>
  <c r="A4037" i="26"/>
  <c r="A4038" i="26"/>
  <c r="A4039" i="26"/>
  <c r="A4040" i="26"/>
  <c r="A4041" i="26"/>
  <c r="A4042" i="26"/>
  <c r="A4043" i="26"/>
  <c r="A4044" i="26"/>
  <c r="A4045" i="26"/>
  <c r="A4046" i="26"/>
  <c r="A4047" i="26"/>
  <c r="A4048" i="26"/>
  <c r="A4049" i="26"/>
  <c r="A4050" i="26"/>
  <c r="A4051" i="26"/>
  <c r="A4052" i="26"/>
  <c r="A4053" i="26"/>
  <c r="A4054" i="26"/>
  <c r="A4055" i="26"/>
  <c r="A4056" i="26"/>
  <c r="A4057" i="26"/>
  <c r="A4058" i="26"/>
  <c r="A4059" i="26"/>
  <c r="A4060" i="26"/>
  <c r="A4061" i="26"/>
  <c r="A4062" i="26"/>
  <c r="A4063" i="26"/>
  <c r="A4064" i="26"/>
  <c r="A4065" i="26"/>
  <c r="A4066" i="26"/>
  <c r="A4067" i="26"/>
  <c r="A4068" i="26"/>
  <c r="A4069" i="26"/>
  <c r="A4070" i="26"/>
  <c r="A4071" i="26"/>
  <c r="A4072" i="26"/>
  <c r="A4073" i="26"/>
  <c r="A4074" i="26"/>
  <c r="A4075" i="26"/>
  <c r="A4076" i="26"/>
  <c r="A4077" i="26"/>
  <c r="A4078" i="26"/>
  <c r="A4079" i="26"/>
  <c r="A4080" i="26"/>
  <c r="A4081" i="26"/>
  <c r="A4082" i="26"/>
  <c r="A4083" i="26"/>
  <c r="A4084" i="26"/>
  <c r="A4085" i="26"/>
  <c r="A4086" i="26"/>
  <c r="A4087" i="26"/>
  <c r="A4088" i="26"/>
  <c r="A4089" i="26"/>
  <c r="A4090" i="26"/>
  <c r="A4091" i="26"/>
  <c r="A4092" i="26"/>
  <c r="A4093" i="26"/>
  <c r="A4094" i="26"/>
  <c r="A4095" i="26"/>
  <c r="A4096" i="26"/>
  <c r="A4097" i="26"/>
  <c r="A4098" i="26"/>
  <c r="A4099" i="26"/>
  <c r="A4100" i="26"/>
  <c r="A4101" i="26"/>
  <c r="A4102" i="26"/>
  <c r="A4103" i="26"/>
  <c r="A4104" i="26"/>
  <c r="A4105" i="26"/>
  <c r="A4106" i="26"/>
  <c r="A4107" i="26"/>
  <c r="A4108" i="26"/>
  <c r="A4109" i="26"/>
  <c r="A4110" i="26"/>
  <c r="A4111" i="26"/>
  <c r="A4112" i="26"/>
  <c r="A4113" i="26"/>
  <c r="A4114" i="26"/>
  <c r="A4115" i="26"/>
  <c r="A4116" i="26"/>
  <c r="A4117" i="26"/>
  <c r="A4118" i="26"/>
  <c r="A4119" i="26"/>
  <c r="A4120" i="26"/>
  <c r="A4121" i="26"/>
  <c r="A4122" i="26"/>
  <c r="A4123" i="26"/>
  <c r="A4124" i="26"/>
  <c r="A4125" i="26"/>
  <c r="A4126" i="26"/>
  <c r="A4127" i="26"/>
  <c r="A4128" i="26"/>
  <c r="A4129" i="26"/>
  <c r="A4130" i="26"/>
  <c r="A4131" i="26"/>
  <c r="A4132" i="26"/>
  <c r="A4133" i="26"/>
  <c r="A4134" i="26"/>
  <c r="A4135" i="26"/>
  <c r="A4136" i="26"/>
  <c r="A4137" i="26"/>
  <c r="A4138" i="26"/>
  <c r="A4139" i="26"/>
  <c r="A4140" i="26"/>
  <c r="A4141" i="26"/>
  <c r="A4142" i="26"/>
  <c r="A4143" i="26"/>
  <c r="A4144" i="26"/>
  <c r="A4145" i="26"/>
  <c r="A4146" i="26"/>
  <c r="A4147" i="26"/>
  <c r="A4148" i="26"/>
  <c r="A4149" i="26"/>
  <c r="A4150" i="26"/>
  <c r="A4151" i="26"/>
  <c r="A4152" i="26"/>
  <c r="A4153" i="26"/>
  <c r="A4154" i="26"/>
  <c r="A4155" i="26"/>
  <c r="A4156" i="26"/>
  <c r="A4157" i="26"/>
  <c r="A4158" i="26"/>
  <c r="A4159" i="26"/>
  <c r="A4160" i="26"/>
  <c r="A4161" i="26"/>
  <c r="A4162" i="26"/>
  <c r="A4163" i="26"/>
  <c r="A4164" i="26"/>
  <c r="A4165" i="26"/>
  <c r="A4166" i="26"/>
  <c r="A4167" i="26"/>
  <c r="A4168" i="26"/>
  <c r="A4169" i="26"/>
  <c r="A4170" i="26"/>
  <c r="A4171" i="26"/>
  <c r="A4172" i="26"/>
  <c r="A4173" i="26"/>
  <c r="A4174" i="26"/>
  <c r="A4175" i="26"/>
  <c r="A4176" i="26"/>
  <c r="A4177" i="26"/>
  <c r="A4178" i="26"/>
  <c r="A4179" i="26"/>
  <c r="A4180" i="26"/>
  <c r="A4181" i="26"/>
  <c r="A4182" i="26"/>
  <c r="A4183" i="26"/>
  <c r="A4184" i="26"/>
  <c r="A4185" i="26"/>
  <c r="A4186" i="26"/>
  <c r="A4187" i="26"/>
  <c r="A4188" i="26"/>
  <c r="A4189" i="26"/>
  <c r="A4190" i="26"/>
  <c r="A4191" i="26"/>
  <c r="A4192" i="26"/>
  <c r="A4193" i="26"/>
  <c r="A4194" i="26"/>
  <c r="A4195" i="26"/>
  <c r="A4196" i="26"/>
  <c r="A4197" i="26"/>
  <c r="A4198" i="26"/>
  <c r="A4199" i="26"/>
  <c r="A4200" i="26"/>
  <c r="A4201" i="26"/>
  <c r="A4202" i="26"/>
  <c r="A4203" i="26"/>
  <c r="A4204" i="26"/>
  <c r="A4205" i="26"/>
  <c r="A4206" i="26"/>
  <c r="A4207" i="26"/>
  <c r="A4208" i="26"/>
  <c r="A4209" i="26"/>
  <c r="A4210" i="26"/>
  <c r="A4211" i="26"/>
  <c r="A4212" i="26"/>
  <c r="A4213" i="26"/>
  <c r="A4214" i="26"/>
  <c r="A4215" i="26"/>
  <c r="A4216" i="26"/>
  <c r="A4217" i="26"/>
  <c r="A4218" i="26"/>
  <c r="A4219" i="26"/>
  <c r="A4220" i="26"/>
  <c r="A4221" i="26"/>
  <c r="A4222" i="26"/>
  <c r="A4223" i="26"/>
  <c r="A4224" i="26"/>
  <c r="A4225" i="26"/>
  <c r="A4226" i="26"/>
  <c r="A4227" i="26"/>
  <c r="A4228" i="26"/>
  <c r="A4229" i="26"/>
  <c r="A4230" i="26"/>
  <c r="A4231" i="26"/>
  <c r="A4232" i="26"/>
  <c r="A4233" i="26"/>
  <c r="A4234" i="26"/>
  <c r="A4235" i="26"/>
  <c r="A4236" i="26"/>
  <c r="A4237" i="26"/>
  <c r="A4238" i="26"/>
  <c r="A4239" i="26"/>
  <c r="A4240" i="26"/>
  <c r="A4241" i="26"/>
  <c r="A4242" i="26"/>
  <c r="A4243" i="26"/>
  <c r="A4244" i="26"/>
  <c r="A4245" i="26"/>
  <c r="A4246" i="26"/>
  <c r="A4247" i="26"/>
  <c r="A4248" i="26"/>
  <c r="A4249" i="26"/>
  <c r="A4250" i="26"/>
  <c r="A4251" i="26"/>
  <c r="A4252" i="26"/>
  <c r="A4253" i="26"/>
  <c r="A4254" i="26"/>
  <c r="A4255" i="26"/>
  <c r="A4256" i="26"/>
  <c r="A4257" i="26"/>
  <c r="A4258" i="26"/>
  <c r="A4259" i="26"/>
  <c r="A4260" i="26"/>
  <c r="A4261" i="26"/>
  <c r="A4262" i="26"/>
  <c r="A4263" i="26"/>
  <c r="A4264" i="26"/>
  <c r="A4265" i="26"/>
  <c r="A4266" i="26"/>
  <c r="A4267" i="26"/>
  <c r="A4268" i="26"/>
  <c r="A4269" i="26"/>
  <c r="A4270" i="26"/>
  <c r="A4271" i="26"/>
  <c r="A4272" i="26"/>
  <c r="A4273" i="26"/>
  <c r="A4274" i="26"/>
  <c r="A4275" i="26"/>
  <c r="A4276" i="26"/>
  <c r="A4277" i="26"/>
  <c r="A4278" i="26"/>
  <c r="A4279" i="26"/>
  <c r="A4280" i="26"/>
  <c r="A4281" i="26"/>
  <c r="A4282" i="26"/>
  <c r="A4283" i="26"/>
  <c r="A4284" i="26"/>
  <c r="A4285" i="26"/>
  <c r="A4286" i="26"/>
  <c r="A4287" i="26"/>
  <c r="A4288" i="26"/>
  <c r="A4289" i="26"/>
  <c r="A4290" i="26"/>
  <c r="A4291" i="26"/>
  <c r="A4292" i="26"/>
  <c r="A4293" i="26"/>
  <c r="A4294" i="26"/>
  <c r="A4295" i="26"/>
  <c r="A4296" i="26"/>
  <c r="A4297" i="26"/>
  <c r="A4298" i="26"/>
  <c r="A4299" i="26"/>
  <c r="A4300" i="26"/>
  <c r="A4301" i="26"/>
  <c r="A4302" i="26"/>
  <c r="A4303" i="26"/>
  <c r="A4304" i="26"/>
  <c r="A4305" i="26"/>
  <c r="A4306" i="26"/>
  <c r="A4307" i="26"/>
  <c r="A4308" i="26"/>
  <c r="A4309" i="26"/>
  <c r="A4310" i="26"/>
  <c r="A4311" i="26"/>
  <c r="A4312" i="26"/>
  <c r="A4313" i="26"/>
  <c r="A4314" i="26"/>
  <c r="A4315" i="26"/>
  <c r="A4316" i="26"/>
  <c r="A4317" i="26"/>
  <c r="A4318" i="26"/>
  <c r="A4319" i="26"/>
  <c r="A4320" i="26"/>
  <c r="A4321" i="26"/>
  <c r="A4322" i="26"/>
  <c r="A4323" i="26"/>
  <c r="A4324" i="26"/>
  <c r="A4325" i="26"/>
  <c r="A4326" i="26"/>
  <c r="A4327" i="26"/>
  <c r="A4328" i="26"/>
  <c r="A4329" i="26"/>
  <c r="A4330" i="26"/>
  <c r="A4331" i="26"/>
  <c r="A4332" i="26"/>
  <c r="A4333" i="26"/>
  <c r="A4334" i="26"/>
  <c r="A4335" i="26"/>
  <c r="A4336" i="26"/>
  <c r="A4337" i="26"/>
  <c r="A4338" i="26"/>
  <c r="A4339" i="26"/>
  <c r="A4340" i="26"/>
  <c r="A4341" i="26"/>
  <c r="A4342" i="26"/>
  <c r="A4343" i="26"/>
  <c r="A4344" i="26"/>
  <c r="A4345" i="26"/>
  <c r="A4346" i="26"/>
  <c r="A4347" i="26"/>
  <c r="A4348" i="26"/>
  <c r="A4349" i="26"/>
  <c r="A4350" i="26"/>
  <c r="A4351" i="26"/>
  <c r="A4352" i="26"/>
  <c r="A4353" i="26"/>
  <c r="A4354" i="26"/>
  <c r="A4355" i="26"/>
  <c r="A4356" i="26"/>
  <c r="A4357" i="26"/>
  <c r="A4358" i="26"/>
  <c r="A4359" i="26"/>
  <c r="A4360" i="26"/>
  <c r="A4361" i="26"/>
  <c r="A4362" i="26"/>
  <c r="A4363" i="26"/>
  <c r="A4364" i="26"/>
  <c r="A4365" i="26"/>
  <c r="A4366" i="26"/>
  <c r="A4367" i="26"/>
  <c r="A4368" i="26"/>
  <c r="A4369" i="26"/>
  <c r="A4370" i="26"/>
  <c r="A4371" i="26"/>
  <c r="A4372" i="26"/>
  <c r="A4373" i="26"/>
  <c r="A4374" i="26"/>
  <c r="A4375" i="26"/>
  <c r="A4376" i="26"/>
  <c r="A4377" i="26"/>
  <c r="A4378" i="26"/>
  <c r="A4379" i="26"/>
  <c r="A4380" i="26"/>
  <c r="A4381" i="26"/>
  <c r="A4382" i="26"/>
  <c r="A4383" i="26"/>
  <c r="A4384" i="26"/>
  <c r="A4385" i="26"/>
  <c r="A4386" i="26"/>
  <c r="A4387" i="26"/>
  <c r="A4388" i="26"/>
  <c r="A4389" i="26"/>
  <c r="A4390" i="26"/>
  <c r="A4391" i="26"/>
  <c r="A4392" i="26"/>
  <c r="A4393" i="26"/>
  <c r="A4394" i="26"/>
  <c r="A4395" i="26"/>
  <c r="A4396" i="26"/>
  <c r="A4397" i="26"/>
  <c r="A4398" i="26"/>
  <c r="A4399" i="26"/>
  <c r="A4400" i="26"/>
  <c r="A4401" i="26"/>
  <c r="A4402" i="26"/>
  <c r="A4403" i="26"/>
  <c r="A4404" i="26"/>
  <c r="A4405" i="26"/>
  <c r="A4406" i="26"/>
  <c r="A4407" i="26"/>
  <c r="A4408" i="26"/>
  <c r="A4409" i="26"/>
  <c r="A4410" i="26"/>
  <c r="A4411" i="26"/>
  <c r="A4412" i="26"/>
  <c r="A4413" i="26"/>
  <c r="A4414" i="26"/>
  <c r="A4415" i="26"/>
  <c r="A4416" i="26"/>
  <c r="A4417" i="26"/>
  <c r="A4418" i="26"/>
  <c r="A4419" i="26"/>
  <c r="A4420" i="26"/>
  <c r="A4421" i="26"/>
  <c r="A4422" i="26"/>
  <c r="A4423" i="26"/>
  <c r="A4424" i="26"/>
  <c r="A4425" i="26"/>
  <c r="A4426" i="26"/>
  <c r="A4427" i="26"/>
  <c r="A4428" i="26"/>
  <c r="A4429" i="26"/>
  <c r="A4430" i="26"/>
  <c r="A4431" i="26"/>
  <c r="A4432" i="26"/>
  <c r="A4433" i="26"/>
  <c r="A4434" i="26"/>
  <c r="A4435" i="26"/>
  <c r="A4436" i="26"/>
  <c r="A4437" i="26"/>
  <c r="A4438" i="26"/>
  <c r="A4439" i="26"/>
  <c r="A4440" i="26"/>
  <c r="A4441" i="26"/>
  <c r="A4442" i="26"/>
  <c r="A4443" i="26"/>
  <c r="A4444" i="26"/>
  <c r="A4445" i="26"/>
  <c r="A4446" i="26"/>
  <c r="A4447" i="26"/>
  <c r="A4448" i="26"/>
  <c r="A4449" i="26"/>
  <c r="A4450" i="26"/>
  <c r="A4451" i="26"/>
  <c r="A4452" i="26"/>
  <c r="A4453" i="26"/>
  <c r="A4454" i="26"/>
  <c r="A4455" i="26"/>
  <c r="A4456" i="26"/>
  <c r="A4457" i="26"/>
  <c r="A4458" i="26"/>
  <c r="A4459" i="26"/>
  <c r="A4460" i="26"/>
  <c r="A4461" i="26"/>
  <c r="A4462" i="26"/>
  <c r="A4463" i="26"/>
  <c r="A4464" i="26"/>
  <c r="A4465" i="26"/>
  <c r="A4466" i="26"/>
  <c r="A4467" i="26"/>
  <c r="A4468" i="26"/>
  <c r="A4469" i="26"/>
  <c r="A4470" i="26"/>
  <c r="A4471" i="26"/>
  <c r="A4472" i="26"/>
  <c r="A4473" i="26"/>
  <c r="A4474" i="26"/>
  <c r="A4475" i="26"/>
  <c r="A4476" i="26"/>
  <c r="A4477" i="26"/>
  <c r="A4478" i="26"/>
  <c r="A4479" i="26"/>
  <c r="A4480" i="26"/>
  <c r="A4481" i="26"/>
  <c r="A4482" i="26"/>
  <c r="A4483" i="26"/>
  <c r="A4484" i="26"/>
  <c r="A4485" i="26"/>
  <c r="A4486" i="26"/>
  <c r="A4487" i="26"/>
  <c r="A4488" i="26"/>
  <c r="A4489" i="26"/>
  <c r="A4490" i="26"/>
  <c r="A4491" i="26"/>
  <c r="A4492" i="26"/>
  <c r="A4493" i="26"/>
  <c r="A4494" i="26"/>
  <c r="A4495" i="26"/>
  <c r="A4496" i="26"/>
  <c r="A4497" i="26"/>
  <c r="A4498" i="26"/>
  <c r="A4499" i="26"/>
  <c r="A4500" i="26"/>
  <c r="A4501" i="26"/>
  <c r="A4502" i="26"/>
  <c r="A4503" i="26"/>
  <c r="A4504" i="26"/>
  <c r="A4505" i="26"/>
  <c r="A4506" i="26"/>
  <c r="A4507" i="26"/>
  <c r="A4508" i="26"/>
  <c r="A4509" i="26"/>
  <c r="A4510" i="26"/>
  <c r="A4511" i="26"/>
  <c r="A4512" i="26"/>
  <c r="A4513" i="26"/>
  <c r="A4514" i="26"/>
  <c r="A4515" i="26"/>
  <c r="A4516" i="26"/>
  <c r="A4517" i="26"/>
  <c r="A4518" i="26"/>
  <c r="A4519" i="26"/>
  <c r="A4520" i="26"/>
  <c r="A4521" i="26"/>
  <c r="A4522" i="26"/>
  <c r="A4523" i="26"/>
  <c r="A4524" i="26"/>
  <c r="A4525" i="26"/>
  <c r="A4526" i="26"/>
  <c r="A4527" i="26"/>
  <c r="A4528" i="26"/>
  <c r="A4529" i="26"/>
  <c r="A4530" i="26"/>
  <c r="A4531" i="26"/>
  <c r="A4532" i="26"/>
  <c r="A4533" i="26"/>
  <c r="A4534" i="26"/>
  <c r="A4535" i="26"/>
  <c r="A4536" i="26"/>
  <c r="A4537" i="26"/>
  <c r="A4538" i="26"/>
  <c r="A4539" i="26"/>
  <c r="A4540" i="26"/>
  <c r="A4541" i="26"/>
  <c r="A4542" i="26"/>
  <c r="A4543" i="26"/>
  <c r="A4544" i="26"/>
  <c r="A4545" i="26"/>
  <c r="A4546" i="26"/>
  <c r="A4547" i="26"/>
  <c r="A4548" i="26"/>
  <c r="A4549" i="26"/>
  <c r="A4550" i="26"/>
  <c r="A4551" i="26"/>
  <c r="A4552" i="26"/>
  <c r="A4553" i="26"/>
  <c r="A4554" i="26"/>
  <c r="A4555" i="26"/>
  <c r="A4556" i="26"/>
  <c r="A4557" i="26"/>
  <c r="A4558" i="26"/>
  <c r="A4559" i="26"/>
  <c r="A4560" i="26"/>
  <c r="A4561" i="26"/>
  <c r="A4562" i="26"/>
  <c r="A4563" i="26"/>
  <c r="A4564" i="26"/>
  <c r="A4565" i="26"/>
  <c r="A4566" i="26"/>
  <c r="A4567" i="26"/>
  <c r="A4568" i="26"/>
  <c r="A4569" i="26"/>
  <c r="A4570" i="26"/>
  <c r="A4571" i="26"/>
  <c r="A4572" i="26"/>
  <c r="A4573" i="26"/>
  <c r="A4574" i="26"/>
  <c r="A4575" i="26"/>
  <c r="A4576" i="26"/>
  <c r="A4577" i="26"/>
  <c r="A4578" i="26"/>
  <c r="A4579" i="26"/>
  <c r="A4580" i="26"/>
  <c r="A4581" i="26"/>
  <c r="A4582" i="26"/>
  <c r="A4583" i="26"/>
  <c r="A4584" i="26"/>
  <c r="A4585" i="26"/>
  <c r="A4586" i="26"/>
  <c r="A4587" i="26"/>
  <c r="A4588" i="26"/>
  <c r="A4589" i="26"/>
  <c r="A4590" i="26"/>
  <c r="A4591" i="26"/>
  <c r="A4592" i="26"/>
  <c r="A4593" i="26"/>
  <c r="A4594" i="26"/>
  <c r="A4595" i="26"/>
  <c r="A4596" i="26"/>
  <c r="A4597" i="26"/>
  <c r="A4598" i="26"/>
  <c r="A4599" i="26"/>
  <c r="A4600" i="26"/>
  <c r="A4601" i="26"/>
  <c r="A4602" i="26"/>
  <c r="A4603" i="26"/>
  <c r="A4604" i="26"/>
  <c r="A4605" i="26"/>
  <c r="A4606" i="26"/>
  <c r="A4607" i="26"/>
  <c r="A4608" i="26"/>
  <c r="A4609" i="26"/>
  <c r="A4610" i="26"/>
  <c r="A4611" i="26"/>
  <c r="A4612" i="26"/>
  <c r="A4613" i="26"/>
  <c r="A4614" i="26"/>
  <c r="A4615" i="26"/>
  <c r="A4616" i="26"/>
  <c r="A4617" i="26"/>
  <c r="A4618" i="26"/>
  <c r="A4619" i="26"/>
  <c r="A4620" i="26"/>
  <c r="A4621" i="26"/>
  <c r="A4622" i="26"/>
  <c r="A4623" i="26"/>
  <c r="A4624" i="26"/>
  <c r="A4625" i="26"/>
  <c r="A4626" i="26"/>
  <c r="A4627" i="26"/>
  <c r="A4628" i="26"/>
  <c r="A4629" i="26"/>
  <c r="A4630" i="26"/>
  <c r="A4631" i="26"/>
  <c r="A4632" i="26"/>
  <c r="A4633" i="26"/>
  <c r="A4634" i="26"/>
  <c r="A4635" i="26"/>
  <c r="A4636" i="26"/>
  <c r="A4637" i="26"/>
  <c r="A4638" i="26"/>
  <c r="A4639" i="26"/>
  <c r="A4640" i="26"/>
  <c r="A4641" i="26"/>
  <c r="A4642" i="26"/>
  <c r="A4643" i="26"/>
  <c r="A4644" i="26"/>
  <c r="A4645" i="26"/>
  <c r="A4646" i="26"/>
  <c r="A4647" i="26"/>
  <c r="A4648" i="26"/>
  <c r="A4649" i="26"/>
  <c r="A4650" i="26"/>
  <c r="A4651" i="26"/>
  <c r="A4652" i="26"/>
  <c r="A4653" i="26"/>
  <c r="A4654" i="26"/>
  <c r="A4655" i="26"/>
  <c r="A4656" i="26"/>
  <c r="A4657" i="26"/>
  <c r="A4658" i="26"/>
  <c r="A4659" i="26"/>
  <c r="A4660" i="26"/>
  <c r="A4661" i="26"/>
  <c r="A4662" i="26"/>
  <c r="A4663" i="26"/>
  <c r="A4664" i="26"/>
  <c r="A4665" i="26"/>
  <c r="A4666" i="26"/>
  <c r="A4667" i="26"/>
  <c r="A4668" i="26"/>
  <c r="A4669" i="26"/>
  <c r="A4670" i="26"/>
  <c r="A4671" i="26"/>
  <c r="A4672" i="26"/>
  <c r="A4673" i="26"/>
  <c r="A4674" i="26"/>
  <c r="A4675" i="26"/>
  <c r="A4676" i="26"/>
  <c r="A4677" i="26"/>
  <c r="A4678" i="26"/>
  <c r="A4679" i="26"/>
  <c r="A4680" i="26"/>
  <c r="A4681" i="26"/>
  <c r="A4682" i="26"/>
  <c r="A4683" i="26"/>
  <c r="A4684" i="26"/>
  <c r="A4685" i="26"/>
  <c r="A4686" i="26"/>
  <c r="A4687" i="26"/>
  <c r="A4688" i="26"/>
  <c r="A4689" i="26"/>
  <c r="A4690" i="26"/>
  <c r="A4691" i="26"/>
  <c r="A4692" i="26"/>
  <c r="A4693" i="26"/>
  <c r="A4694" i="26"/>
  <c r="A4695" i="26"/>
  <c r="A4696" i="26"/>
  <c r="A4697" i="26"/>
  <c r="A4698" i="26"/>
  <c r="A4699" i="26"/>
  <c r="A4700" i="26"/>
  <c r="A4701" i="26"/>
  <c r="A4702" i="26"/>
  <c r="A4703" i="26"/>
  <c r="A4704" i="26"/>
  <c r="A4705" i="26"/>
  <c r="A4706" i="26"/>
  <c r="A4707" i="26"/>
  <c r="A4708" i="26"/>
  <c r="A4709" i="26"/>
  <c r="A4710" i="26"/>
  <c r="A4711" i="26"/>
  <c r="A4712" i="26"/>
  <c r="A4713" i="26"/>
  <c r="A4714" i="26"/>
  <c r="A4715" i="26"/>
  <c r="A4716" i="26"/>
  <c r="A4717" i="26"/>
  <c r="A4718" i="26"/>
  <c r="A4719" i="26"/>
  <c r="A4720" i="26"/>
  <c r="A4721" i="26"/>
  <c r="A4722" i="26"/>
  <c r="A4723" i="26"/>
  <c r="A4724" i="26"/>
  <c r="A4725" i="26"/>
  <c r="A4726" i="26"/>
  <c r="A4727" i="26"/>
  <c r="A4728" i="26"/>
  <c r="A4729" i="26"/>
  <c r="A4730" i="26"/>
  <c r="A4731" i="26"/>
  <c r="A4732" i="26"/>
  <c r="A4733" i="26"/>
  <c r="A4734" i="26"/>
  <c r="A4735" i="26"/>
  <c r="A4736" i="26"/>
  <c r="A4737" i="26"/>
  <c r="A4738" i="26"/>
  <c r="A4739" i="26"/>
  <c r="A4740" i="26"/>
  <c r="A4741" i="26"/>
  <c r="A4742" i="26"/>
  <c r="A4743" i="26"/>
  <c r="A4744" i="26"/>
  <c r="A4745" i="26"/>
  <c r="A4746" i="26"/>
  <c r="A4747" i="26"/>
  <c r="A4748" i="26"/>
  <c r="A4749" i="26"/>
  <c r="A4750" i="26"/>
  <c r="A4751" i="26"/>
  <c r="A4752" i="26"/>
  <c r="A4753" i="26"/>
  <c r="A4754" i="26"/>
  <c r="A4755" i="26"/>
  <c r="A4756" i="26"/>
  <c r="A4757" i="26"/>
  <c r="A4758" i="26"/>
  <c r="A4759" i="26"/>
  <c r="A4760" i="26"/>
  <c r="A4761" i="26"/>
  <c r="A4762" i="26"/>
  <c r="A4763" i="26"/>
  <c r="A4764" i="26"/>
  <c r="A4765" i="26"/>
  <c r="A4766" i="26"/>
  <c r="A4767" i="26"/>
  <c r="A4768" i="26"/>
  <c r="A4769" i="26"/>
  <c r="A4770" i="26"/>
  <c r="A4771" i="26"/>
  <c r="A4772" i="26"/>
  <c r="A4773" i="26"/>
  <c r="A4774" i="26"/>
  <c r="A4775" i="26"/>
  <c r="A4776" i="26"/>
  <c r="A4777" i="26"/>
  <c r="A4778" i="26"/>
  <c r="A4779" i="26"/>
  <c r="A4780" i="26"/>
  <c r="A4781" i="26"/>
  <c r="A4782" i="26"/>
  <c r="A4783" i="26"/>
  <c r="A4784" i="26"/>
  <c r="A4785" i="26"/>
  <c r="A4786" i="26"/>
  <c r="A4787" i="26"/>
  <c r="A4788" i="26"/>
  <c r="A4789" i="26"/>
  <c r="A4790" i="26"/>
  <c r="A4791" i="26"/>
  <c r="A4792" i="26"/>
  <c r="A4793" i="26"/>
  <c r="A4794" i="26"/>
  <c r="A4795" i="26"/>
  <c r="A4796" i="26"/>
  <c r="A4797" i="26"/>
  <c r="A4798" i="26"/>
  <c r="A4799" i="26"/>
  <c r="A4800" i="26"/>
  <c r="A4801" i="26"/>
  <c r="A4802" i="26"/>
  <c r="A4803" i="26"/>
  <c r="A4804" i="26"/>
  <c r="A4805" i="26"/>
  <c r="A4806" i="26"/>
  <c r="A4807" i="26"/>
  <c r="A4808" i="26"/>
  <c r="A4809" i="26"/>
  <c r="A4810" i="26"/>
  <c r="A4811" i="26"/>
  <c r="A4812" i="26"/>
  <c r="A4813" i="26"/>
  <c r="A4814" i="26"/>
  <c r="A4815" i="26"/>
  <c r="A4816" i="26"/>
  <c r="A4817" i="26"/>
  <c r="A4818" i="26"/>
  <c r="A4819" i="26"/>
  <c r="A4820" i="26"/>
  <c r="A4821" i="26"/>
  <c r="A4822" i="26"/>
  <c r="A4823" i="26"/>
  <c r="A4824" i="26"/>
  <c r="A4825" i="26"/>
  <c r="A4826" i="26"/>
  <c r="A4827" i="26"/>
  <c r="A4828" i="26"/>
  <c r="A4829" i="26"/>
  <c r="A4830" i="26"/>
  <c r="A4831" i="26"/>
  <c r="A4832" i="26"/>
  <c r="A4833" i="26"/>
  <c r="A4834" i="26"/>
  <c r="A4835" i="26"/>
  <c r="A4836" i="26"/>
  <c r="A4837" i="26"/>
  <c r="A4838" i="26"/>
  <c r="A4839" i="26"/>
  <c r="A4840" i="26"/>
  <c r="A4841" i="26"/>
  <c r="A4842" i="26"/>
  <c r="A4843" i="26"/>
  <c r="A4844" i="26"/>
  <c r="A4845" i="26"/>
  <c r="A4846" i="26"/>
  <c r="A4847" i="26"/>
  <c r="A4848" i="26"/>
  <c r="A4849" i="26"/>
  <c r="A4850" i="26"/>
  <c r="A4851" i="26"/>
  <c r="A4852" i="26"/>
  <c r="A4853" i="26"/>
  <c r="A4854" i="26"/>
  <c r="A4855" i="26"/>
  <c r="A4856" i="26"/>
  <c r="A4857" i="26"/>
  <c r="A4858" i="26"/>
  <c r="A4859" i="26"/>
  <c r="A4860" i="26"/>
  <c r="A4861" i="26"/>
  <c r="A4862" i="26"/>
  <c r="A4863" i="26"/>
  <c r="A4864" i="26"/>
  <c r="A4865" i="26"/>
  <c r="A4866" i="26"/>
  <c r="A4867" i="26"/>
  <c r="A4868" i="26"/>
  <c r="A4869" i="26"/>
  <c r="A4870" i="26"/>
  <c r="A4871" i="26"/>
  <c r="A4872" i="26"/>
  <c r="A4873" i="26"/>
  <c r="A4874" i="26"/>
  <c r="A4875" i="26"/>
  <c r="A4876" i="26"/>
  <c r="A4877" i="26"/>
  <c r="A4878" i="26"/>
  <c r="A4879" i="26"/>
  <c r="A4880" i="26"/>
  <c r="A4881" i="26"/>
  <c r="A4882" i="26"/>
  <c r="A4883" i="26"/>
  <c r="A4884" i="26"/>
  <c r="A4885" i="26"/>
  <c r="A4886" i="26"/>
  <c r="A4887" i="26"/>
  <c r="A4888" i="26"/>
  <c r="A4889" i="26"/>
  <c r="A4890" i="26"/>
  <c r="A4891" i="26"/>
  <c r="A4892" i="26"/>
  <c r="A4893" i="26"/>
  <c r="A4894" i="26"/>
  <c r="A4895" i="26"/>
  <c r="A4896" i="26"/>
  <c r="A4897" i="26"/>
  <c r="A4898" i="26"/>
  <c r="A4899" i="26"/>
  <c r="A4900" i="26"/>
  <c r="A4901" i="26"/>
  <c r="A4902" i="26"/>
  <c r="A4903" i="26"/>
  <c r="A4904" i="26"/>
  <c r="A4905" i="26"/>
  <c r="A4906" i="26"/>
  <c r="A4907" i="26"/>
  <c r="A4908" i="26"/>
  <c r="A4909" i="26"/>
  <c r="A4910" i="26"/>
  <c r="A4911" i="26"/>
  <c r="A4912" i="26"/>
  <c r="A4913" i="26"/>
  <c r="A4914" i="26"/>
  <c r="A4915" i="26"/>
  <c r="A4916" i="26"/>
  <c r="A4917" i="26"/>
  <c r="A4918" i="26"/>
  <c r="A4919" i="26"/>
  <c r="A4920" i="26"/>
  <c r="A4921" i="26"/>
  <c r="A4922" i="26"/>
  <c r="A4923" i="26"/>
  <c r="A4924" i="26"/>
  <c r="A4925" i="26"/>
  <c r="A4926" i="26"/>
  <c r="A4927" i="26"/>
  <c r="A4928" i="26"/>
  <c r="A4929" i="26"/>
  <c r="A4930" i="26"/>
  <c r="A4931" i="26"/>
  <c r="A4932" i="26"/>
  <c r="A4933" i="26"/>
  <c r="A4934" i="26"/>
  <c r="A4935" i="26"/>
  <c r="A4936" i="26"/>
  <c r="A4937" i="26"/>
  <c r="A4938" i="26"/>
  <c r="A4939" i="26"/>
  <c r="A4940" i="26"/>
  <c r="A4941" i="26"/>
  <c r="A4942" i="26"/>
  <c r="A4943" i="26"/>
  <c r="A4944" i="26"/>
  <c r="A4945" i="26"/>
  <c r="A4946" i="26"/>
  <c r="A4947" i="26"/>
  <c r="A4948" i="26"/>
  <c r="A4949" i="26"/>
  <c r="A4950" i="26"/>
  <c r="A4951" i="26"/>
  <c r="A4952" i="26"/>
  <c r="A4953" i="26"/>
  <c r="A4954" i="26"/>
  <c r="A4955" i="26"/>
  <c r="A4956" i="26"/>
  <c r="A4957" i="26"/>
  <c r="A4958" i="26"/>
  <c r="A4959" i="26"/>
  <c r="A4960" i="26"/>
  <c r="A4961" i="26"/>
  <c r="A4962" i="26"/>
  <c r="A4963" i="26"/>
  <c r="A4964" i="26"/>
  <c r="A4965" i="26"/>
  <c r="A4966" i="26"/>
  <c r="A4967" i="26"/>
  <c r="A4968" i="26"/>
  <c r="A4969" i="26"/>
  <c r="A4970" i="26"/>
  <c r="A4971" i="26"/>
  <c r="A4972" i="26"/>
  <c r="A4973" i="26"/>
  <c r="A4974" i="26"/>
  <c r="A4975" i="26"/>
  <c r="A4976" i="26"/>
  <c r="A4977" i="26"/>
  <c r="A4978" i="26"/>
  <c r="A4979" i="26"/>
  <c r="A4980" i="26"/>
  <c r="A4981" i="26"/>
  <c r="A4982" i="26"/>
  <c r="A4983" i="26"/>
  <c r="A4984" i="26"/>
  <c r="A4985" i="26"/>
  <c r="A4986" i="26"/>
  <c r="A4987" i="26"/>
  <c r="A4988" i="26"/>
  <c r="A4989" i="26"/>
  <c r="A4990" i="26"/>
  <c r="A4991" i="26"/>
  <c r="A4992" i="26"/>
  <c r="A4993" i="26"/>
  <c r="A4994" i="26"/>
  <c r="A4995" i="26"/>
  <c r="A4996" i="26"/>
  <c r="A4997" i="26"/>
  <c r="A4998" i="26"/>
  <c r="A4999" i="26"/>
  <c r="A5000" i="26"/>
  <c r="A5001" i="26"/>
  <c r="A5002" i="26"/>
  <c r="A5003" i="26"/>
  <c r="A5004" i="26"/>
  <c r="A5005" i="26"/>
  <c r="A5006" i="26"/>
  <c r="A5007" i="26"/>
  <c r="A5008" i="26"/>
  <c r="A5009" i="26"/>
  <c r="A5010" i="26"/>
  <c r="A5011" i="26"/>
  <c r="A5012" i="26"/>
  <c r="A5013" i="26"/>
  <c r="A5014" i="26"/>
  <c r="A5015" i="26"/>
  <c r="A5016" i="26"/>
  <c r="A5017" i="26"/>
  <c r="A5018" i="26"/>
  <c r="A5019" i="26"/>
  <c r="A5020" i="26"/>
  <c r="A5021" i="26"/>
  <c r="A5022" i="26"/>
  <c r="A5023" i="26"/>
  <c r="A5024" i="26"/>
  <c r="A5025" i="26"/>
  <c r="A5026" i="26"/>
  <c r="A5027" i="26"/>
  <c r="A5028" i="26"/>
  <c r="A5029" i="26"/>
  <c r="A5030" i="26"/>
  <c r="A5031" i="26"/>
  <c r="A5032" i="26"/>
  <c r="A5033" i="26"/>
  <c r="A5034" i="26"/>
  <c r="A5035" i="26"/>
  <c r="A5036" i="26"/>
  <c r="A5037" i="26"/>
  <c r="A5038" i="26"/>
  <c r="A5039" i="26"/>
  <c r="A5040" i="26"/>
  <c r="A5041" i="26"/>
  <c r="A5042" i="26"/>
  <c r="A5043" i="26"/>
  <c r="A5044" i="26"/>
  <c r="A5045" i="26"/>
  <c r="A5046" i="26"/>
  <c r="A5047" i="26"/>
  <c r="A5048" i="26"/>
  <c r="A5049" i="26"/>
  <c r="A5050" i="26"/>
  <c r="A5051" i="26"/>
  <c r="A5052" i="26"/>
  <c r="A5053" i="26"/>
  <c r="A5054" i="26"/>
  <c r="A5055" i="26"/>
  <c r="A5056" i="26"/>
  <c r="A5057" i="26"/>
  <c r="A5058" i="26"/>
  <c r="A5059" i="26"/>
  <c r="A5060" i="26"/>
  <c r="A5061" i="26"/>
  <c r="A5062" i="26"/>
  <c r="A5063" i="26"/>
  <c r="A5064" i="26"/>
  <c r="A5065" i="26"/>
  <c r="A5066" i="26"/>
  <c r="A5067" i="26"/>
  <c r="A5068" i="26"/>
  <c r="A5069" i="26"/>
  <c r="A5070" i="26"/>
  <c r="A5071" i="26"/>
  <c r="A5072" i="26"/>
  <c r="A5073" i="26"/>
  <c r="A5074" i="26"/>
  <c r="A5075" i="26"/>
  <c r="A5076" i="26"/>
  <c r="A5077" i="26"/>
  <c r="A5078" i="26"/>
  <c r="A5079" i="26"/>
  <c r="A5080" i="26"/>
  <c r="A5081" i="26"/>
  <c r="A5082" i="26"/>
  <c r="A5083" i="26"/>
  <c r="A5084" i="26"/>
  <c r="A5085" i="26"/>
  <c r="A5086" i="26"/>
  <c r="A5087" i="26"/>
  <c r="A5088" i="26"/>
  <c r="A5089" i="26"/>
  <c r="A5090" i="26"/>
  <c r="A5091" i="26"/>
  <c r="A5092" i="26"/>
  <c r="A5093" i="26"/>
  <c r="A5094" i="26"/>
  <c r="A5095" i="26"/>
  <c r="A5096" i="26"/>
  <c r="A5097" i="26"/>
  <c r="A5098" i="26"/>
  <c r="A5099" i="26"/>
  <c r="A5100" i="26"/>
  <c r="A5101" i="26"/>
  <c r="A5102" i="26"/>
  <c r="A5103" i="26"/>
  <c r="A5104" i="26"/>
  <c r="A5105" i="26"/>
  <c r="A5106" i="26"/>
  <c r="A5107" i="26"/>
  <c r="A5108" i="26"/>
  <c r="A5109" i="26"/>
  <c r="A5110" i="26"/>
  <c r="A5111" i="26"/>
  <c r="A5112" i="26"/>
  <c r="A5113" i="26"/>
  <c r="A5114" i="26"/>
  <c r="A5115" i="26"/>
  <c r="A5116" i="26"/>
  <c r="A5117" i="26"/>
  <c r="A5118" i="26"/>
  <c r="A5119" i="26"/>
  <c r="A5120" i="26"/>
  <c r="A5121" i="26"/>
  <c r="A5122" i="26"/>
  <c r="A5123" i="26"/>
  <c r="A5124" i="26"/>
  <c r="A5125" i="26"/>
  <c r="A5126" i="26"/>
  <c r="A5127" i="26"/>
  <c r="A5128" i="26"/>
  <c r="A5129" i="26"/>
  <c r="A5130" i="26"/>
  <c r="A5131" i="26"/>
  <c r="A5132" i="26"/>
  <c r="A5133" i="26"/>
  <c r="A5134" i="26"/>
  <c r="A5135" i="26"/>
  <c r="A5136" i="26"/>
  <c r="A5137" i="26"/>
  <c r="A5138" i="26"/>
  <c r="A5139" i="26"/>
  <c r="A5140" i="26"/>
  <c r="A5141" i="26"/>
  <c r="A5142" i="26"/>
  <c r="A5143" i="26"/>
  <c r="A5144" i="26"/>
  <c r="A5145" i="26"/>
  <c r="A5146" i="26"/>
  <c r="A5147" i="26"/>
  <c r="A5148" i="26"/>
  <c r="A5149" i="26"/>
  <c r="A5150" i="26"/>
  <c r="A5151" i="26"/>
  <c r="A5152" i="26"/>
  <c r="A5153" i="26"/>
  <c r="A5154" i="26"/>
  <c r="A5155" i="26"/>
  <c r="A5156" i="26"/>
  <c r="A5157" i="26"/>
  <c r="A5158" i="26"/>
  <c r="A5159" i="26"/>
  <c r="A5160" i="26"/>
  <c r="A5161" i="26"/>
  <c r="A5162" i="26"/>
  <c r="A5163" i="26"/>
  <c r="A5164" i="26"/>
  <c r="A5165" i="26"/>
  <c r="A5166" i="26"/>
  <c r="A5167" i="26"/>
  <c r="A5168" i="26"/>
  <c r="A5169" i="26"/>
  <c r="A5170" i="26"/>
  <c r="A5171" i="26"/>
  <c r="A5172" i="26"/>
  <c r="A5173" i="26"/>
  <c r="A5174" i="26"/>
  <c r="A5175" i="26"/>
  <c r="A5176" i="26"/>
  <c r="A5177" i="26"/>
  <c r="A5178" i="26"/>
  <c r="A5179" i="26"/>
  <c r="A5180" i="26"/>
  <c r="A5181" i="26"/>
  <c r="A5182" i="26"/>
  <c r="A5183" i="26"/>
  <c r="A5184" i="26"/>
  <c r="A5185" i="26"/>
  <c r="A5186" i="26"/>
  <c r="A5187" i="26"/>
  <c r="A5188" i="26"/>
  <c r="A5189" i="26"/>
  <c r="A5190" i="26"/>
  <c r="A5191" i="26"/>
  <c r="A5192" i="26"/>
  <c r="A5193" i="26"/>
  <c r="A5194" i="26"/>
  <c r="A5195" i="26"/>
  <c r="A5196" i="26"/>
  <c r="A5197" i="26"/>
  <c r="A5198" i="26"/>
  <c r="A5199" i="26"/>
  <c r="A5200" i="26"/>
  <c r="A5201" i="26"/>
  <c r="A5202" i="26"/>
  <c r="A5203" i="26"/>
  <c r="A5204" i="26"/>
  <c r="A5205" i="26"/>
  <c r="A5206" i="26"/>
  <c r="A5207" i="26"/>
  <c r="A5208" i="26"/>
  <c r="A5209" i="26"/>
  <c r="A5210" i="26"/>
  <c r="A5211" i="26"/>
  <c r="A5212" i="26"/>
  <c r="A5213" i="26"/>
  <c r="A5214" i="26"/>
  <c r="A5215" i="26"/>
  <c r="A5216" i="26"/>
  <c r="A5217" i="26"/>
  <c r="A5218" i="26"/>
  <c r="A5219" i="26"/>
  <c r="A5220" i="26"/>
  <c r="A5221" i="26"/>
  <c r="A5222" i="26"/>
  <c r="A5223" i="26"/>
  <c r="A5224" i="26"/>
  <c r="A5225" i="26"/>
  <c r="A5226" i="26"/>
  <c r="A5227" i="26"/>
  <c r="A5228" i="26"/>
  <c r="A5229" i="26"/>
  <c r="A5230" i="26"/>
  <c r="A5231" i="26"/>
  <c r="A5232" i="26"/>
  <c r="A5233" i="26"/>
  <c r="A5234" i="26"/>
  <c r="A5235" i="26"/>
  <c r="A5236" i="26"/>
  <c r="A5237" i="26"/>
  <c r="A5238" i="26"/>
  <c r="A5239" i="26"/>
  <c r="A5240" i="26"/>
  <c r="A5241" i="26"/>
  <c r="A5242" i="26"/>
  <c r="A5243" i="26"/>
  <c r="A5244" i="26"/>
  <c r="A5245" i="26"/>
  <c r="A5246" i="26"/>
  <c r="A5247" i="26"/>
  <c r="A5248" i="26"/>
  <c r="A5249" i="26"/>
  <c r="A5250" i="26"/>
  <c r="A5251" i="26"/>
  <c r="A5252" i="26"/>
  <c r="A5253" i="26"/>
  <c r="A5254" i="26"/>
  <c r="A5255" i="26"/>
  <c r="A5256" i="26"/>
  <c r="A5257" i="26"/>
  <c r="A5258" i="26"/>
  <c r="A5259" i="26"/>
  <c r="A5260" i="26"/>
  <c r="A5261" i="26"/>
  <c r="A5262" i="26"/>
  <c r="A5263" i="26"/>
  <c r="A5264" i="26"/>
  <c r="A5265" i="26"/>
  <c r="A5266" i="26"/>
  <c r="A5267" i="26"/>
  <c r="A5268" i="26"/>
  <c r="A5269" i="26"/>
  <c r="A5270" i="26"/>
  <c r="A5271" i="26"/>
  <c r="A5272" i="26"/>
  <c r="A5273" i="26"/>
  <c r="A5274" i="26"/>
  <c r="A5275" i="26"/>
  <c r="A5276" i="26"/>
  <c r="A5277" i="26"/>
  <c r="A5278" i="26"/>
  <c r="A5279" i="26"/>
  <c r="A5280" i="26"/>
  <c r="A5281" i="26"/>
  <c r="A5282" i="26"/>
  <c r="A5283" i="26"/>
  <c r="A5284" i="26"/>
  <c r="A5285" i="26"/>
  <c r="A5286" i="26"/>
  <c r="A5287" i="26"/>
  <c r="A5288" i="26"/>
  <c r="A5289" i="26"/>
  <c r="A5290" i="26"/>
  <c r="A5291" i="26"/>
  <c r="A5292" i="26"/>
  <c r="A5293" i="26"/>
  <c r="A5294" i="26"/>
  <c r="A5295" i="26"/>
  <c r="A5296" i="26"/>
  <c r="A5297" i="26"/>
  <c r="A5298" i="26"/>
  <c r="A5299" i="26"/>
  <c r="A5300" i="26"/>
  <c r="A5301" i="26"/>
  <c r="A5302" i="26"/>
  <c r="A5303" i="26"/>
  <c r="A5304" i="26"/>
  <c r="A5305" i="26"/>
  <c r="A5306" i="26"/>
  <c r="A5307" i="26"/>
  <c r="A5308" i="26"/>
  <c r="A5309" i="26"/>
  <c r="A5310" i="26"/>
  <c r="A5311" i="26"/>
  <c r="A5312" i="26"/>
  <c r="A5313" i="26"/>
  <c r="A5314" i="26"/>
  <c r="A5315" i="26"/>
  <c r="A5316" i="26"/>
  <c r="A5317" i="26"/>
  <c r="A5318" i="26"/>
  <c r="A5319" i="26"/>
  <c r="A5320" i="26"/>
  <c r="A5321" i="26"/>
  <c r="A5322" i="26"/>
  <c r="A5323" i="26"/>
  <c r="A5324" i="26"/>
  <c r="A5325" i="26"/>
  <c r="A5326" i="26"/>
  <c r="A5327" i="26"/>
  <c r="A5328" i="26"/>
  <c r="A5329" i="26"/>
  <c r="A5330" i="26"/>
  <c r="A5331" i="26"/>
  <c r="A5332" i="26"/>
  <c r="A5333" i="26"/>
  <c r="A5334" i="26"/>
  <c r="A5335" i="26"/>
  <c r="A5336" i="26"/>
  <c r="A5337" i="26"/>
  <c r="A5338" i="26"/>
  <c r="A5339" i="26"/>
  <c r="A5340" i="26"/>
  <c r="A5341" i="26"/>
  <c r="A5342" i="26"/>
  <c r="A5343" i="26"/>
  <c r="A5344" i="26"/>
  <c r="A5345" i="26"/>
  <c r="A5346" i="26"/>
  <c r="A5347" i="26"/>
  <c r="A5348" i="26"/>
  <c r="A5349" i="26"/>
  <c r="A5350" i="26"/>
  <c r="A5351" i="26"/>
  <c r="A5352" i="26"/>
  <c r="A5353" i="26"/>
  <c r="A5354" i="26"/>
  <c r="A5355" i="26"/>
  <c r="A5356" i="26"/>
  <c r="A5357" i="26"/>
  <c r="A5358" i="26"/>
  <c r="A5359" i="26"/>
  <c r="A5360" i="26"/>
  <c r="A5361" i="26"/>
  <c r="A5362" i="26"/>
  <c r="A5363" i="26"/>
  <c r="A5364" i="26"/>
  <c r="A5365" i="26"/>
  <c r="A5366" i="26"/>
  <c r="A5367" i="26"/>
  <c r="A5368" i="26"/>
  <c r="A5369" i="26"/>
  <c r="A5370" i="26"/>
  <c r="A5371" i="26"/>
  <c r="A5372" i="26"/>
  <c r="A5373" i="26"/>
  <c r="A5374" i="26"/>
  <c r="A5375" i="26"/>
  <c r="A5376" i="26"/>
  <c r="A5377" i="26"/>
  <c r="A5378" i="26"/>
  <c r="A5379" i="26"/>
  <c r="A5380" i="26"/>
  <c r="A5381" i="26"/>
  <c r="A5382" i="26"/>
  <c r="A5383" i="26"/>
  <c r="A5384" i="26"/>
  <c r="A5385" i="26"/>
  <c r="A5386" i="26"/>
  <c r="A5387" i="26"/>
  <c r="A5388" i="26"/>
  <c r="A5389" i="26"/>
  <c r="A5390" i="26"/>
  <c r="A5391" i="26"/>
  <c r="A5392" i="26"/>
  <c r="A5393" i="26"/>
  <c r="A5394" i="26"/>
  <c r="A5395" i="26"/>
  <c r="A5396" i="26"/>
  <c r="A5397" i="26"/>
  <c r="A5398" i="26"/>
  <c r="A5399" i="26"/>
  <c r="A5400" i="26"/>
  <c r="A5401" i="26"/>
  <c r="A5402" i="26"/>
  <c r="A5403" i="26"/>
  <c r="A5404" i="26"/>
  <c r="A5405" i="26"/>
  <c r="A5406" i="26"/>
  <c r="A5407" i="26"/>
  <c r="A5408" i="26"/>
  <c r="A5409" i="26"/>
  <c r="A5410" i="26"/>
  <c r="A5411" i="26"/>
  <c r="A5412" i="26"/>
  <c r="A5413" i="26"/>
  <c r="A5414" i="26"/>
  <c r="A5415" i="26"/>
  <c r="A5416" i="26"/>
  <c r="A5417" i="26"/>
  <c r="A5418" i="26"/>
  <c r="A5419" i="26"/>
  <c r="A5420" i="26"/>
  <c r="A5421" i="26"/>
  <c r="A5422" i="26"/>
  <c r="A5423" i="26"/>
  <c r="A5424" i="26"/>
  <c r="A5425" i="26"/>
  <c r="A5426" i="26"/>
  <c r="A5427" i="26"/>
  <c r="A5428" i="26"/>
  <c r="A5429" i="26"/>
  <c r="A5430" i="26"/>
  <c r="A5431" i="26"/>
  <c r="A5432" i="26"/>
  <c r="A5433" i="26"/>
  <c r="A5434" i="26"/>
  <c r="A5435" i="26"/>
  <c r="A5436" i="26"/>
  <c r="A5437" i="26"/>
  <c r="A5438" i="26"/>
  <c r="A5439" i="26"/>
  <c r="A5440" i="26"/>
  <c r="A5441" i="26"/>
  <c r="A5442" i="26"/>
  <c r="A5443" i="26"/>
  <c r="A5444" i="26"/>
  <c r="A5445" i="26"/>
  <c r="A5446" i="26"/>
  <c r="A5447" i="26"/>
  <c r="A5448" i="26"/>
  <c r="A5449" i="26"/>
  <c r="A5450" i="26"/>
  <c r="A5451" i="26"/>
  <c r="A5452" i="26"/>
  <c r="A5453" i="26"/>
  <c r="A5454" i="26"/>
  <c r="A5455" i="26"/>
  <c r="A5456" i="26"/>
  <c r="A5457" i="26"/>
  <c r="A5458" i="26"/>
  <c r="A5459" i="26"/>
  <c r="A5460" i="26"/>
  <c r="A5461" i="26"/>
  <c r="A5462" i="26"/>
  <c r="A5463" i="26"/>
  <c r="A5464" i="26"/>
  <c r="A5465" i="26"/>
  <c r="A5466" i="26"/>
  <c r="A5467" i="26"/>
  <c r="A5468" i="26"/>
  <c r="A5469" i="26"/>
  <c r="A5470" i="26"/>
  <c r="A5471" i="26"/>
  <c r="A5472" i="26"/>
  <c r="A5473" i="26"/>
  <c r="A5474" i="26"/>
  <c r="A5475" i="26"/>
  <c r="A5476" i="26"/>
  <c r="A5477" i="26"/>
  <c r="A5478" i="26"/>
  <c r="A5479" i="26"/>
  <c r="A5480" i="26"/>
  <c r="A5481" i="26"/>
  <c r="A5482" i="26"/>
  <c r="A5483" i="26"/>
  <c r="A5484" i="26"/>
  <c r="A5485" i="26"/>
  <c r="A5486" i="26"/>
  <c r="A5487" i="26"/>
  <c r="A5488" i="26"/>
  <c r="A5489" i="26"/>
  <c r="A5490" i="26"/>
  <c r="A5491" i="26"/>
  <c r="A5492" i="26"/>
  <c r="A5493" i="26"/>
  <c r="A5494" i="26"/>
  <c r="A5495" i="26"/>
  <c r="A5496" i="26"/>
  <c r="A5497" i="26"/>
  <c r="A5498" i="26"/>
  <c r="A5499" i="26"/>
  <c r="A5500" i="26"/>
  <c r="A5501" i="26"/>
  <c r="A5502" i="26"/>
  <c r="A5503" i="26"/>
  <c r="A5504" i="26"/>
  <c r="A5505" i="26"/>
  <c r="A5506" i="26"/>
  <c r="A5507" i="26"/>
  <c r="A5508" i="26"/>
  <c r="A5509" i="26"/>
  <c r="A5510" i="26"/>
  <c r="A5511" i="26"/>
  <c r="A5512" i="26"/>
  <c r="A5513" i="26"/>
  <c r="A5514" i="26"/>
  <c r="A5515" i="26"/>
  <c r="A5516" i="26"/>
  <c r="A5517" i="26"/>
  <c r="A5518" i="26"/>
  <c r="A5519" i="26"/>
  <c r="A5520" i="26"/>
  <c r="A5521" i="26"/>
  <c r="A5522" i="26"/>
  <c r="A5523" i="26"/>
  <c r="A5524" i="26"/>
  <c r="A5525" i="26"/>
  <c r="A5526" i="26"/>
  <c r="A5527" i="26"/>
  <c r="A5528" i="26"/>
  <c r="A5529" i="26"/>
  <c r="A5530" i="26"/>
  <c r="A5531" i="26"/>
  <c r="A5532" i="26"/>
  <c r="A5533" i="26"/>
  <c r="A5534" i="26"/>
  <c r="A5535" i="26"/>
  <c r="A5536" i="26"/>
  <c r="A5537" i="26"/>
  <c r="A5538" i="26"/>
  <c r="A5539" i="26"/>
  <c r="A5540" i="26"/>
  <c r="A5541" i="26"/>
  <c r="A5542" i="26"/>
  <c r="A5543" i="26"/>
  <c r="A5544" i="26"/>
  <c r="A5545" i="26"/>
  <c r="A5546" i="26"/>
  <c r="A5547" i="26"/>
  <c r="A5548" i="26"/>
  <c r="A5549" i="26"/>
  <c r="A5550" i="26"/>
  <c r="A5551" i="26"/>
  <c r="A5552" i="26"/>
  <c r="A5553" i="26"/>
  <c r="A5554" i="26"/>
  <c r="A5555" i="26"/>
  <c r="A5556" i="26"/>
  <c r="A5557" i="26"/>
  <c r="A5558" i="26"/>
  <c r="A5559" i="26"/>
  <c r="A5560" i="26"/>
  <c r="A5561" i="26"/>
  <c r="A5562" i="26"/>
  <c r="A5563" i="26"/>
  <c r="A5564" i="26"/>
  <c r="A5565" i="26"/>
  <c r="A5566" i="26"/>
  <c r="A5567" i="26"/>
  <c r="A5568" i="26"/>
  <c r="A5569" i="26"/>
  <c r="A5570" i="26"/>
  <c r="A5571" i="26"/>
  <c r="A5572" i="26"/>
  <c r="A5573" i="26"/>
  <c r="A5574" i="26"/>
  <c r="A5575" i="26"/>
  <c r="A5576" i="26"/>
  <c r="A5577" i="26"/>
  <c r="A5578" i="26"/>
  <c r="A5579" i="26"/>
  <c r="A5580" i="26"/>
  <c r="A5581" i="26"/>
  <c r="A5582" i="26"/>
  <c r="A5583" i="26"/>
  <c r="A5584" i="26"/>
  <c r="A5585" i="26"/>
  <c r="A5586" i="26"/>
  <c r="A5587" i="26"/>
  <c r="A5588" i="26"/>
  <c r="A5589" i="26"/>
  <c r="A5590" i="26"/>
  <c r="A5591" i="26"/>
  <c r="A5592" i="26"/>
  <c r="A5593" i="26"/>
  <c r="A5594" i="26"/>
  <c r="A5595" i="26"/>
  <c r="A5596" i="26"/>
  <c r="A5597" i="26"/>
  <c r="A5598" i="26"/>
  <c r="A5599" i="26"/>
  <c r="A5600" i="26"/>
  <c r="A5601" i="26"/>
  <c r="A5602" i="26"/>
  <c r="A5603" i="26"/>
  <c r="A5604" i="26"/>
  <c r="A5605" i="26"/>
  <c r="A5606" i="26"/>
  <c r="A5607" i="26"/>
  <c r="A5608" i="26"/>
  <c r="A5609" i="26"/>
  <c r="A5610" i="26"/>
  <c r="A5611" i="26"/>
  <c r="A5612" i="26"/>
  <c r="A5613" i="26"/>
  <c r="A5614" i="26"/>
  <c r="A5615" i="26"/>
  <c r="A5616" i="26"/>
  <c r="A5617" i="26"/>
  <c r="A5618" i="26"/>
  <c r="A5619" i="26"/>
  <c r="A5620" i="26"/>
  <c r="A5621" i="26"/>
  <c r="A5622" i="26"/>
  <c r="A5623" i="26"/>
  <c r="A5624" i="26"/>
  <c r="A5625" i="26"/>
  <c r="A5626" i="26"/>
  <c r="A5627" i="26"/>
  <c r="A5628" i="26"/>
  <c r="A5629" i="26"/>
  <c r="A5630" i="26"/>
  <c r="A5631" i="26"/>
  <c r="A5632" i="26"/>
  <c r="A5633" i="26"/>
  <c r="A5634" i="26"/>
  <c r="A5635" i="26"/>
  <c r="A5636" i="26"/>
  <c r="A5637" i="26"/>
  <c r="A5638" i="26"/>
  <c r="A5639" i="26"/>
  <c r="A5640" i="26"/>
  <c r="A5641" i="26"/>
  <c r="A5642" i="26"/>
  <c r="A5643" i="26"/>
  <c r="A5644" i="26"/>
  <c r="A5645" i="26"/>
  <c r="A5646" i="26"/>
  <c r="A5647" i="26"/>
  <c r="A5648" i="26"/>
  <c r="A5649" i="26"/>
  <c r="A5650" i="26"/>
  <c r="A5651" i="26"/>
  <c r="A5652" i="26"/>
  <c r="A5653" i="26"/>
  <c r="A5654" i="26"/>
  <c r="A5655" i="26"/>
  <c r="A5656" i="26"/>
  <c r="A5657" i="26"/>
  <c r="A5658" i="26"/>
  <c r="A5659" i="26"/>
  <c r="A5660" i="26"/>
  <c r="A5661" i="26"/>
  <c r="A5662" i="26"/>
  <c r="A5663" i="26"/>
  <c r="A5664" i="26"/>
  <c r="A5665" i="26"/>
  <c r="A5666" i="26"/>
  <c r="A5667" i="26"/>
  <c r="A5668" i="26"/>
  <c r="A5669" i="26"/>
  <c r="A5670" i="26"/>
  <c r="A5671" i="26"/>
  <c r="A5672" i="26"/>
  <c r="A5673" i="26"/>
  <c r="A5674" i="26"/>
  <c r="A5675" i="26"/>
  <c r="A5676" i="26"/>
  <c r="A5677" i="26"/>
  <c r="A5678" i="26"/>
  <c r="A5679" i="26"/>
  <c r="A5680" i="26"/>
  <c r="A5681" i="26"/>
  <c r="A5682" i="26"/>
  <c r="A5683" i="26"/>
  <c r="A5684" i="26"/>
  <c r="A5685" i="26"/>
  <c r="A5686" i="26"/>
  <c r="A5687" i="26"/>
  <c r="A5688" i="26"/>
  <c r="A5689" i="26"/>
  <c r="A5690" i="26"/>
  <c r="A5691" i="26"/>
  <c r="A5692" i="26"/>
  <c r="A5693" i="26"/>
  <c r="A5694" i="26"/>
  <c r="A5695" i="26"/>
  <c r="A5696" i="26"/>
  <c r="A5697" i="26"/>
  <c r="A5698" i="26"/>
  <c r="A5699" i="26"/>
  <c r="A5700" i="26"/>
  <c r="A5701" i="26"/>
  <c r="A5702" i="26"/>
  <c r="A5703" i="26"/>
  <c r="A5704" i="26"/>
  <c r="A5705" i="26"/>
  <c r="A5706" i="26"/>
  <c r="A5707" i="26"/>
  <c r="A5708" i="26"/>
  <c r="A5709" i="26"/>
  <c r="A5710" i="26"/>
  <c r="A5711" i="26"/>
  <c r="A5712" i="26"/>
  <c r="A5713" i="26"/>
  <c r="A5714" i="26"/>
  <c r="A5715" i="26"/>
  <c r="A5716" i="26"/>
  <c r="A5717" i="26"/>
  <c r="A5718" i="26"/>
  <c r="A5719" i="26"/>
  <c r="A5720" i="26"/>
  <c r="A5721" i="26"/>
  <c r="A5722" i="26"/>
  <c r="A5723" i="26"/>
  <c r="A5724" i="26"/>
  <c r="A5725" i="26"/>
  <c r="A5726" i="26"/>
  <c r="A5727" i="26"/>
  <c r="A5728" i="26"/>
  <c r="A5729" i="26"/>
  <c r="A5730" i="26"/>
  <c r="A5731" i="26"/>
  <c r="A5732" i="26"/>
  <c r="A5733" i="26"/>
  <c r="A5734" i="26"/>
  <c r="A5735" i="26"/>
  <c r="A5736" i="26"/>
  <c r="A5737" i="26"/>
  <c r="A5738" i="26"/>
  <c r="A5739" i="26"/>
  <c r="A5740" i="26"/>
  <c r="A5741" i="26"/>
  <c r="A5742" i="26"/>
  <c r="A5743" i="26"/>
  <c r="A5744" i="26"/>
  <c r="A5745" i="26"/>
  <c r="A5746" i="26"/>
  <c r="A5747" i="26"/>
  <c r="A5748" i="26"/>
  <c r="A5749" i="26"/>
  <c r="A5750" i="26"/>
  <c r="A5751" i="26"/>
  <c r="A5752" i="26"/>
  <c r="A5753" i="26"/>
  <c r="A5754" i="26"/>
  <c r="A5755" i="26"/>
  <c r="A5756" i="26"/>
  <c r="A5757" i="26"/>
  <c r="A5758" i="26"/>
  <c r="A5759" i="26"/>
  <c r="A5760" i="26"/>
  <c r="A5761" i="26"/>
  <c r="A5762" i="26"/>
  <c r="A5763" i="26"/>
  <c r="A5764" i="26"/>
  <c r="A5765" i="26"/>
  <c r="A5766" i="26"/>
  <c r="A5767" i="26"/>
  <c r="A5768" i="26"/>
  <c r="A5769" i="26"/>
  <c r="A5770" i="26"/>
  <c r="A5771" i="26"/>
  <c r="A5772" i="26"/>
  <c r="A5773" i="26"/>
  <c r="A5774" i="26"/>
  <c r="A5775" i="26"/>
  <c r="A5776" i="26"/>
  <c r="A5777" i="26"/>
  <c r="A5778" i="26"/>
  <c r="A5779" i="26"/>
  <c r="A5780" i="26"/>
  <c r="A5781" i="26"/>
  <c r="A5782" i="26"/>
  <c r="A5783" i="26"/>
  <c r="A5784" i="26"/>
  <c r="A5785" i="26"/>
  <c r="A5786" i="26"/>
  <c r="A5787" i="26"/>
  <c r="A5788" i="26"/>
  <c r="A5789" i="26"/>
  <c r="A5790" i="26"/>
  <c r="A5791" i="26"/>
  <c r="A5792" i="26"/>
  <c r="A5793" i="26"/>
  <c r="A5794" i="26"/>
  <c r="A5795" i="26"/>
  <c r="A5796" i="26"/>
  <c r="A5797" i="26"/>
  <c r="A5798" i="26"/>
  <c r="A5799" i="26"/>
  <c r="A5800" i="26"/>
  <c r="A5801" i="26"/>
  <c r="A5802" i="26"/>
  <c r="A5803" i="26"/>
  <c r="A5804" i="26"/>
  <c r="A5805" i="26"/>
  <c r="A5806" i="26"/>
  <c r="A5807" i="26"/>
  <c r="A5808" i="26"/>
  <c r="A5809" i="26"/>
  <c r="A5810" i="26"/>
  <c r="A5811" i="26"/>
  <c r="A5812" i="26"/>
  <c r="A5813" i="26"/>
  <c r="A5814" i="26"/>
  <c r="A5815" i="26"/>
  <c r="A5816" i="26"/>
  <c r="A5817" i="26"/>
  <c r="A5818" i="26"/>
  <c r="A5819" i="26"/>
  <c r="A5820" i="26"/>
  <c r="A5821" i="26"/>
  <c r="A5822" i="26"/>
  <c r="A5823" i="26"/>
  <c r="A5824" i="26"/>
  <c r="A5825" i="26"/>
  <c r="A5826" i="26"/>
  <c r="A5827" i="26"/>
  <c r="A5828" i="26"/>
  <c r="A5829" i="26"/>
  <c r="A5830" i="26"/>
  <c r="A5831" i="26"/>
  <c r="A5832" i="26"/>
  <c r="A5833" i="26"/>
  <c r="A5834" i="26"/>
  <c r="A5835" i="26"/>
  <c r="A5836" i="26"/>
  <c r="A5837" i="26"/>
  <c r="A5838" i="26"/>
  <c r="A5839" i="26"/>
  <c r="A5840" i="26"/>
  <c r="A5841" i="26"/>
  <c r="A5842" i="26"/>
  <c r="A5843" i="26"/>
  <c r="A5844" i="26"/>
  <c r="A5845" i="26"/>
  <c r="A5846" i="26"/>
  <c r="A5847" i="26"/>
  <c r="A5848" i="26"/>
  <c r="A5849" i="26"/>
  <c r="A5850" i="26"/>
  <c r="A5851" i="26"/>
  <c r="A5852" i="26"/>
  <c r="A5853" i="26"/>
  <c r="A5854" i="26"/>
  <c r="A5855" i="26"/>
  <c r="A5856" i="26"/>
  <c r="A5857" i="26"/>
  <c r="A5858" i="26"/>
  <c r="A5859" i="26"/>
  <c r="A5860" i="26"/>
  <c r="A5861" i="26"/>
  <c r="A5862" i="26"/>
  <c r="A5863" i="26"/>
  <c r="A5864" i="26"/>
  <c r="A5865" i="26"/>
  <c r="A5866" i="26"/>
  <c r="A5867" i="26"/>
  <c r="A5868" i="26"/>
  <c r="A5869" i="26"/>
  <c r="A5870" i="26"/>
  <c r="A5871" i="26"/>
  <c r="A5872" i="26"/>
  <c r="A5873" i="26"/>
  <c r="A5874" i="26"/>
  <c r="A5875" i="26"/>
  <c r="A5876" i="26"/>
  <c r="A5877" i="26"/>
  <c r="A5878" i="26"/>
  <c r="A5879" i="26"/>
  <c r="A5880" i="26"/>
  <c r="A5881" i="26"/>
  <c r="A5882" i="26"/>
  <c r="A5883" i="26"/>
  <c r="A5884" i="26"/>
  <c r="A5885" i="26"/>
  <c r="A5886" i="26"/>
  <c r="A5887" i="26"/>
  <c r="A5888" i="26"/>
  <c r="A5889" i="26"/>
  <c r="A5890" i="26"/>
  <c r="A5891" i="26"/>
  <c r="A5892" i="26"/>
  <c r="A5893" i="26"/>
  <c r="A5894" i="26"/>
  <c r="A5895" i="26"/>
  <c r="A5896" i="26"/>
  <c r="A5897" i="26"/>
  <c r="A5898" i="26"/>
  <c r="A5899" i="26"/>
  <c r="A5900" i="26"/>
  <c r="A5901" i="26"/>
  <c r="A5902" i="26"/>
  <c r="A5903" i="26"/>
  <c r="A5904" i="26"/>
  <c r="A5905" i="26"/>
  <c r="A5906" i="26"/>
  <c r="A5907" i="26"/>
  <c r="A5908" i="26"/>
  <c r="A5909" i="26"/>
  <c r="A5910" i="26"/>
  <c r="A5911" i="26"/>
  <c r="A5912" i="26"/>
  <c r="A5913" i="26"/>
  <c r="A5914" i="26"/>
  <c r="A5915" i="26"/>
  <c r="A5916" i="26"/>
  <c r="A5917" i="26"/>
  <c r="A5918" i="26"/>
  <c r="A5919" i="26"/>
  <c r="A5920" i="26"/>
  <c r="A5921" i="26"/>
  <c r="A5922" i="26"/>
  <c r="A5923" i="26"/>
  <c r="A5924" i="26"/>
  <c r="A5925" i="26"/>
  <c r="A5926" i="26"/>
  <c r="A5927" i="26"/>
  <c r="A5928" i="26"/>
  <c r="A5929" i="26"/>
  <c r="A5930" i="26"/>
  <c r="A5931" i="26"/>
  <c r="A5932" i="26"/>
  <c r="A5933" i="26"/>
  <c r="A5934" i="26"/>
  <c r="A5935" i="26"/>
  <c r="A5936" i="26"/>
  <c r="A5937" i="26"/>
  <c r="A5938" i="26"/>
  <c r="A5939" i="26"/>
  <c r="A5940" i="26"/>
  <c r="A5941" i="26"/>
  <c r="A5942" i="26"/>
  <c r="A5943" i="26"/>
  <c r="A5944" i="26"/>
  <c r="A5945" i="26"/>
  <c r="A5946" i="26"/>
  <c r="A5947" i="26"/>
  <c r="A5948" i="26"/>
  <c r="A5949" i="26"/>
  <c r="A5950" i="26"/>
  <c r="A5951" i="26"/>
  <c r="A5952" i="26"/>
  <c r="A5953" i="26"/>
  <c r="A5954" i="26"/>
  <c r="A5955" i="26"/>
  <c r="A5956" i="26"/>
  <c r="A5957" i="26"/>
  <c r="A5958" i="26"/>
  <c r="A5959" i="26"/>
  <c r="A5960" i="26"/>
  <c r="A5961" i="26"/>
  <c r="A5962" i="26"/>
  <c r="A5963" i="26"/>
  <c r="A5964" i="26"/>
  <c r="A5965" i="26"/>
  <c r="A5966" i="26"/>
  <c r="A5967" i="26"/>
  <c r="A5968" i="26"/>
  <c r="A5969" i="26"/>
  <c r="A5970" i="26"/>
  <c r="A5971" i="26"/>
  <c r="A5972" i="26"/>
  <c r="A5973" i="26"/>
  <c r="A5974" i="26"/>
  <c r="A5975" i="26"/>
  <c r="A5976" i="26"/>
  <c r="A5977" i="26"/>
  <c r="A5978" i="26"/>
  <c r="A5979" i="26"/>
  <c r="A5980" i="26"/>
  <c r="A5981" i="26"/>
  <c r="A5982" i="26"/>
  <c r="A5983" i="26"/>
  <c r="A5984" i="26"/>
  <c r="A5985" i="26"/>
  <c r="A5986" i="26"/>
  <c r="A5987" i="26"/>
  <c r="A5988" i="26"/>
  <c r="A5989" i="26"/>
  <c r="A5990" i="26"/>
  <c r="A5991" i="26"/>
  <c r="A5992" i="26"/>
  <c r="A5993" i="26"/>
  <c r="A5994" i="26"/>
  <c r="A5995" i="26"/>
  <c r="A5996" i="26"/>
  <c r="A5997" i="26"/>
  <c r="A5998" i="26"/>
  <c r="A5999" i="26"/>
  <c r="A6000" i="26"/>
  <c r="A6001" i="26"/>
  <c r="A6002" i="26"/>
  <c r="A6003" i="26"/>
  <c r="A6004" i="26"/>
  <c r="A6005" i="26"/>
  <c r="A6006" i="26"/>
  <c r="A6007" i="26"/>
  <c r="A6008" i="26"/>
  <c r="A6009" i="26"/>
  <c r="A6010" i="26"/>
  <c r="A6011" i="26"/>
  <c r="A6012" i="26"/>
  <c r="A6013" i="26"/>
  <c r="A6014" i="26"/>
  <c r="A6015" i="26"/>
  <c r="A6016" i="26"/>
  <c r="A6017" i="26"/>
  <c r="A6018" i="26"/>
  <c r="A6019" i="26"/>
  <c r="A6020" i="26"/>
  <c r="A6021" i="26"/>
  <c r="A6022" i="26"/>
  <c r="A6023" i="26"/>
  <c r="A6024" i="26"/>
  <c r="A6025" i="26"/>
  <c r="A6026" i="26"/>
  <c r="A6027" i="26"/>
  <c r="A6028" i="26"/>
  <c r="A6029" i="26"/>
  <c r="A6030" i="26"/>
  <c r="A6031" i="26"/>
  <c r="A6032" i="26"/>
  <c r="A6033" i="26"/>
  <c r="A6034" i="26"/>
  <c r="A6035" i="26"/>
  <c r="A6036" i="26"/>
  <c r="A6037" i="26"/>
  <c r="A6038" i="26"/>
  <c r="A6039" i="26"/>
  <c r="A6040" i="26"/>
  <c r="A6041" i="26"/>
  <c r="A6042" i="26"/>
  <c r="A6043" i="26"/>
  <c r="A6044" i="26"/>
  <c r="A6045" i="26"/>
  <c r="A6046" i="26"/>
  <c r="A6047" i="26"/>
  <c r="A6048" i="26"/>
  <c r="A6049" i="26"/>
  <c r="A6050" i="26"/>
  <c r="A6051" i="26"/>
  <c r="A6052" i="26"/>
  <c r="A6053" i="26"/>
  <c r="A6054" i="26"/>
  <c r="A6055" i="26"/>
  <c r="A6056" i="26"/>
  <c r="A6057" i="26"/>
  <c r="A6058" i="26"/>
  <c r="A6059" i="26"/>
  <c r="A6060" i="26"/>
  <c r="A6061" i="26"/>
  <c r="A6062" i="26"/>
  <c r="A6063" i="26"/>
  <c r="A6064" i="26"/>
  <c r="A6065" i="26"/>
  <c r="A6066" i="26"/>
  <c r="A6067" i="26"/>
  <c r="A6068" i="26"/>
  <c r="A6069" i="26"/>
  <c r="A6070" i="26"/>
  <c r="A6071" i="26"/>
  <c r="A6072" i="26"/>
  <c r="A6073" i="26"/>
  <c r="A6074" i="26"/>
  <c r="A6075" i="26"/>
  <c r="A6076" i="26"/>
  <c r="A6077" i="26"/>
  <c r="A6078" i="26"/>
  <c r="A6079" i="26"/>
  <c r="A6080" i="26"/>
  <c r="A6081" i="26"/>
  <c r="A6082" i="26"/>
  <c r="A6083" i="26"/>
  <c r="A6084" i="26"/>
  <c r="A6085" i="26"/>
  <c r="A6086" i="26"/>
  <c r="A6087" i="26"/>
  <c r="A6088" i="26"/>
  <c r="A6089" i="26"/>
  <c r="A6090" i="26"/>
  <c r="A6091" i="26"/>
  <c r="A6092" i="26"/>
  <c r="A6093" i="26"/>
  <c r="A6094" i="26"/>
  <c r="A6095" i="26"/>
  <c r="A6096" i="26"/>
  <c r="A6097" i="26"/>
  <c r="A6098" i="26"/>
  <c r="A6099" i="26"/>
  <c r="A6100" i="26"/>
  <c r="A6101" i="26"/>
  <c r="A6102" i="26"/>
  <c r="A6103" i="26"/>
  <c r="A6104" i="26"/>
  <c r="A6105" i="26"/>
  <c r="A6106" i="26"/>
  <c r="A6107" i="26"/>
  <c r="A6108" i="26"/>
  <c r="A6109" i="26"/>
  <c r="A6110" i="26"/>
  <c r="A6111" i="26"/>
  <c r="A6112" i="26"/>
  <c r="A6113" i="26"/>
  <c r="A6114" i="26"/>
  <c r="A6115" i="26"/>
  <c r="A6116" i="26"/>
  <c r="A6117" i="26"/>
  <c r="A6118" i="26"/>
  <c r="A6119" i="26"/>
  <c r="A6120" i="26"/>
  <c r="A6121" i="26"/>
  <c r="A6122" i="26"/>
  <c r="A6123" i="26"/>
  <c r="A6124" i="26"/>
  <c r="A6125" i="26"/>
  <c r="A6126" i="26"/>
  <c r="A6127" i="26"/>
  <c r="A6128" i="26"/>
  <c r="A6129" i="26"/>
  <c r="A6130" i="26"/>
  <c r="A6131" i="26"/>
  <c r="A6132" i="26"/>
  <c r="A6133" i="26"/>
  <c r="A6134" i="26"/>
  <c r="A6135" i="26"/>
  <c r="A6136" i="26"/>
  <c r="A6137" i="26"/>
  <c r="A6138" i="26"/>
  <c r="A6139" i="26"/>
  <c r="A6140" i="26"/>
  <c r="A6141" i="26"/>
  <c r="A6142" i="26"/>
  <c r="A6143" i="26"/>
  <c r="A6144" i="26"/>
  <c r="A6145" i="26"/>
  <c r="A6146" i="26"/>
  <c r="A6147" i="26"/>
  <c r="A6148" i="26"/>
  <c r="A6149" i="26"/>
  <c r="A6150" i="26"/>
  <c r="A6151" i="26"/>
  <c r="A6152" i="26"/>
  <c r="A6153" i="26"/>
  <c r="A6154" i="26"/>
  <c r="A6155" i="26"/>
  <c r="A6156" i="26"/>
  <c r="A6157" i="26"/>
  <c r="A6158" i="26"/>
  <c r="A6159" i="26"/>
  <c r="A6160" i="26"/>
  <c r="A6161" i="26"/>
  <c r="A6162" i="26"/>
  <c r="A6163" i="26"/>
  <c r="A6164" i="26"/>
  <c r="A6165" i="26"/>
  <c r="A6166" i="26"/>
  <c r="A6167" i="26"/>
  <c r="A6168" i="26"/>
  <c r="A6169" i="26"/>
  <c r="A6170" i="26"/>
  <c r="A6171" i="26"/>
  <c r="A6172" i="26"/>
  <c r="A6173" i="26"/>
  <c r="A6174" i="26"/>
  <c r="A6175" i="26"/>
  <c r="A6176" i="26"/>
  <c r="A6177" i="26"/>
  <c r="A6178" i="26"/>
  <c r="A6179" i="26"/>
  <c r="A6180" i="26"/>
  <c r="A6181" i="26"/>
  <c r="A6182" i="26"/>
  <c r="A6183" i="26"/>
  <c r="A6184" i="26"/>
  <c r="A6185" i="26"/>
  <c r="A6186" i="26"/>
  <c r="A6187" i="26"/>
  <c r="A6188" i="26"/>
  <c r="A6189" i="26"/>
  <c r="A6190" i="26"/>
  <c r="A6191" i="26"/>
  <c r="A6192" i="26"/>
  <c r="A6193" i="26"/>
  <c r="A6194" i="26"/>
  <c r="A6195" i="26"/>
  <c r="A6196" i="26"/>
  <c r="A6197" i="26"/>
  <c r="A6198" i="26"/>
  <c r="A6199" i="26"/>
  <c r="A6200" i="26"/>
  <c r="A6201" i="26"/>
  <c r="A6202" i="26"/>
  <c r="A6203" i="26"/>
  <c r="A6204" i="26"/>
  <c r="A6205" i="26"/>
  <c r="A6206" i="26"/>
  <c r="A6207" i="26"/>
  <c r="A6208" i="26"/>
  <c r="A6209" i="26"/>
  <c r="A6210" i="26"/>
  <c r="A6211" i="26"/>
  <c r="A6212" i="26"/>
  <c r="A6213" i="26"/>
  <c r="A6214" i="26"/>
  <c r="A6215" i="26"/>
  <c r="A6216" i="26"/>
  <c r="A6217" i="26"/>
  <c r="A6218" i="26"/>
  <c r="A6219" i="26"/>
  <c r="A6220" i="26"/>
  <c r="A6221" i="26"/>
  <c r="A6222" i="26"/>
  <c r="A6223" i="26"/>
  <c r="A6224" i="26"/>
  <c r="A6225" i="26"/>
  <c r="A6226" i="26"/>
  <c r="A6227" i="26"/>
  <c r="A6228" i="26"/>
  <c r="A6229" i="26"/>
  <c r="A6230" i="26"/>
  <c r="A6231" i="26"/>
  <c r="A6232" i="26"/>
  <c r="A6233" i="26"/>
  <c r="A6234" i="26"/>
  <c r="A6235" i="26"/>
  <c r="A6236" i="26"/>
  <c r="A6237" i="26"/>
  <c r="A6238" i="26"/>
  <c r="A6239" i="26"/>
  <c r="A6240" i="26"/>
  <c r="A6241" i="26"/>
  <c r="A6242" i="26"/>
  <c r="A6243" i="26"/>
  <c r="A6244" i="26"/>
  <c r="A6245" i="26"/>
  <c r="A6246" i="26"/>
  <c r="A6247" i="26"/>
  <c r="A6248" i="26"/>
  <c r="A6249" i="26"/>
  <c r="A6250" i="26"/>
  <c r="A6251" i="26"/>
  <c r="A6252" i="26"/>
  <c r="A6253" i="26"/>
  <c r="A6254" i="26"/>
  <c r="A6255" i="26"/>
  <c r="A6256" i="26"/>
  <c r="A6257" i="26"/>
  <c r="A6258" i="26"/>
  <c r="A6259" i="26"/>
  <c r="A6260" i="26"/>
  <c r="A6261" i="26"/>
  <c r="A6262" i="26"/>
  <c r="A6263" i="26"/>
  <c r="A6264" i="26"/>
  <c r="A6265" i="26"/>
  <c r="A6266" i="26"/>
  <c r="A6267" i="26"/>
  <c r="A6268" i="26"/>
  <c r="A6269" i="26"/>
  <c r="A6270" i="26"/>
  <c r="A6271" i="26"/>
  <c r="A6272" i="26"/>
  <c r="A6273" i="26"/>
  <c r="A6274" i="26"/>
  <c r="A6275" i="26"/>
  <c r="A6276" i="26"/>
  <c r="A6277" i="26"/>
  <c r="A6278" i="26"/>
  <c r="A6279" i="26"/>
  <c r="A6280" i="26"/>
  <c r="A6281" i="26"/>
  <c r="A6282" i="26"/>
  <c r="A6283" i="26"/>
  <c r="A6284" i="26"/>
  <c r="A6285" i="26"/>
  <c r="A6286" i="26"/>
  <c r="A6287" i="26"/>
  <c r="A6288" i="26"/>
  <c r="A6289" i="26"/>
  <c r="A6290" i="26"/>
  <c r="A6291" i="26"/>
  <c r="A6292" i="26"/>
  <c r="A6293" i="26"/>
  <c r="A6294" i="26"/>
  <c r="A6295" i="26"/>
  <c r="A6296" i="26"/>
  <c r="A6297" i="26"/>
  <c r="A6298" i="26"/>
  <c r="A6299" i="26"/>
  <c r="A6300" i="26"/>
  <c r="A6301" i="26"/>
  <c r="A6302" i="26"/>
  <c r="A6303" i="26"/>
  <c r="A6304" i="26"/>
  <c r="A6305" i="26"/>
  <c r="A6306" i="26"/>
  <c r="A6307" i="26"/>
  <c r="A6308" i="26"/>
  <c r="A6309" i="26"/>
  <c r="A6310" i="26"/>
  <c r="A6311" i="26"/>
  <c r="A6312" i="26"/>
  <c r="A6313" i="26"/>
  <c r="A6314" i="26"/>
  <c r="A6315" i="26"/>
  <c r="A6316" i="26"/>
  <c r="A6317" i="26"/>
  <c r="A6318" i="26"/>
  <c r="A6319" i="26"/>
  <c r="A6320" i="26"/>
  <c r="A6321" i="26"/>
  <c r="A6322" i="26"/>
  <c r="A6323" i="26"/>
  <c r="A6324" i="26"/>
  <c r="A6325" i="26"/>
  <c r="A6326" i="26"/>
  <c r="A6327" i="26"/>
  <c r="A6328" i="26"/>
  <c r="A6329" i="26"/>
  <c r="A6330" i="26"/>
  <c r="A6331" i="26"/>
  <c r="A6332" i="26"/>
  <c r="A6333" i="26"/>
  <c r="A6334" i="26"/>
  <c r="A6335" i="26"/>
  <c r="A6336" i="26"/>
  <c r="A6337" i="26"/>
  <c r="A6338" i="26"/>
  <c r="A6339" i="26"/>
  <c r="A6340" i="26"/>
  <c r="A6341" i="26"/>
  <c r="A6342" i="26"/>
  <c r="A6343" i="26"/>
  <c r="A6344" i="26"/>
  <c r="A6345" i="26"/>
  <c r="A6346" i="26"/>
  <c r="A6347" i="26"/>
  <c r="A6348" i="26"/>
  <c r="A6349" i="26"/>
  <c r="A6350" i="26"/>
  <c r="A6351" i="26"/>
  <c r="A6352" i="26"/>
  <c r="A6353" i="26"/>
  <c r="A6354" i="26"/>
  <c r="A6355" i="26"/>
  <c r="A6356" i="26"/>
  <c r="A6357" i="26"/>
  <c r="A6358" i="26"/>
  <c r="A6359" i="26"/>
  <c r="A6360" i="26"/>
  <c r="A6361" i="26"/>
  <c r="A6362" i="26"/>
  <c r="A6363" i="26"/>
  <c r="A6364" i="26"/>
  <c r="A6365" i="26"/>
  <c r="A6366" i="26"/>
  <c r="A6367" i="26"/>
  <c r="A6368" i="26"/>
  <c r="A6369" i="26"/>
  <c r="A6370" i="26"/>
  <c r="A6371" i="26"/>
  <c r="A6372" i="26"/>
  <c r="A6373" i="26"/>
  <c r="A6374" i="26"/>
  <c r="A6375" i="26"/>
  <c r="A6376" i="26"/>
  <c r="A6377" i="26"/>
  <c r="A6378" i="26"/>
  <c r="A6379" i="26"/>
  <c r="A6380" i="26"/>
  <c r="A6381" i="26"/>
  <c r="A6382" i="26"/>
  <c r="A6383" i="26"/>
  <c r="A6384" i="26"/>
  <c r="A6385" i="26"/>
  <c r="A6386" i="26"/>
  <c r="A6387" i="26"/>
  <c r="A6388" i="26"/>
  <c r="A6389" i="26"/>
  <c r="A6390" i="26"/>
  <c r="A6391" i="26"/>
  <c r="A6392" i="26"/>
  <c r="A6393" i="26"/>
  <c r="A6394" i="26"/>
  <c r="A6395" i="26"/>
  <c r="A6396" i="26"/>
  <c r="A6397" i="26"/>
  <c r="A6398" i="26"/>
  <c r="A6399" i="26"/>
  <c r="A6400" i="26"/>
  <c r="A6401" i="26"/>
  <c r="A6402" i="26"/>
  <c r="A6403" i="26"/>
  <c r="A6404" i="26"/>
  <c r="A6405" i="26"/>
  <c r="A6406" i="26"/>
  <c r="A6407" i="26"/>
  <c r="A6408" i="26"/>
  <c r="A6409" i="26"/>
  <c r="A6410" i="26"/>
  <c r="A6411" i="26"/>
  <c r="A6412" i="26"/>
  <c r="A6413" i="26"/>
  <c r="A6414" i="26"/>
  <c r="A6415" i="26"/>
  <c r="A6416" i="26"/>
  <c r="A6417" i="26"/>
  <c r="A6418" i="26"/>
  <c r="A6419" i="26"/>
  <c r="A6420" i="26"/>
  <c r="A6421" i="26"/>
  <c r="A6422" i="26"/>
  <c r="A6423" i="26"/>
  <c r="A6424" i="26"/>
  <c r="A6425" i="26"/>
  <c r="A6426" i="26"/>
  <c r="A6427" i="26"/>
  <c r="A6428" i="26"/>
  <c r="A6429" i="26"/>
  <c r="A6430" i="26"/>
  <c r="A6431" i="26"/>
  <c r="A6432" i="26"/>
  <c r="A6433" i="26"/>
  <c r="A6434" i="26"/>
  <c r="A6435" i="26"/>
  <c r="A6436" i="26"/>
  <c r="A6437" i="26"/>
  <c r="A6438" i="26"/>
  <c r="A6439" i="26"/>
  <c r="A6440" i="26"/>
  <c r="A6441" i="26"/>
  <c r="A6442" i="26"/>
  <c r="A6443" i="26"/>
  <c r="A6444" i="26"/>
  <c r="A6445" i="26"/>
  <c r="A6446" i="26"/>
  <c r="A6447" i="26"/>
  <c r="A6448" i="26"/>
  <c r="A6449" i="26"/>
  <c r="A6450" i="26"/>
  <c r="A6451" i="26"/>
  <c r="A6452" i="26"/>
  <c r="A6453" i="26"/>
  <c r="A6454" i="26"/>
  <c r="A6455" i="26"/>
  <c r="A6456" i="26"/>
  <c r="A6457" i="26"/>
  <c r="A6458" i="26"/>
  <c r="A6459" i="26"/>
  <c r="A6460" i="26"/>
  <c r="A6461" i="26"/>
  <c r="A6462" i="26"/>
  <c r="A6463" i="26"/>
  <c r="A6464" i="26"/>
  <c r="A6465" i="26"/>
  <c r="A6466" i="26"/>
  <c r="A6467" i="26"/>
  <c r="A6468" i="26"/>
  <c r="A6469" i="26"/>
  <c r="A6470" i="26"/>
  <c r="A6471" i="26"/>
  <c r="A6472" i="26"/>
  <c r="A6473" i="26"/>
  <c r="A6474" i="26"/>
  <c r="A6475" i="26"/>
  <c r="A6476" i="26"/>
  <c r="A6477" i="26"/>
  <c r="A6478" i="26"/>
  <c r="A6479" i="26"/>
  <c r="A6480" i="26"/>
  <c r="A6481" i="26"/>
  <c r="A6482" i="26"/>
  <c r="A6483" i="26"/>
  <c r="A6484" i="26"/>
  <c r="A6485" i="26"/>
  <c r="A6486" i="26"/>
  <c r="A6487" i="26"/>
  <c r="A6488" i="26"/>
  <c r="A6489" i="26"/>
  <c r="A6490" i="26"/>
  <c r="A6491" i="26"/>
  <c r="A6492" i="26"/>
  <c r="A6493" i="26"/>
  <c r="A6494" i="26"/>
  <c r="A6495" i="26"/>
  <c r="A6496" i="26"/>
  <c r="A6497" i="26"/>
  <c r="A6498" i="26"/>
  <c r="A6499" i="26"/>
  <c r="A6500" i="26"/>
  <c r="A6501" i="26"/>
  <c r="A6502" i="26"/>
  <c r="A6503" i="26"/>
  <c r="A6504" i="26"/>
  <c r="A6505" i="26"/>
  <c r="A6506" i="26"/>
  <c r="A6507" i="26"/>
  <c r="A6508" i="26"/>
  <c r="A6509" i="26"/>
  <c r="A6510" i="26"/>
  <c r="A6511" i="26"/>
  <c r="A6512" i="26"/>
  <c r="A6513" i="26"/>
  <c r="A6514" i="26"/>
  <c r="A6515" i="26"/>
  <c r="A6516" i="26"/>
  <c r="A6517" i="26"/>
  <c r="A6518" i="26"/>
  <c r="A6519" i="26"/>
  <c r="A6520" i="26"/>
  <c r="A6521" i="26"/>
  <c r="A6522" i="26"/>
  <c r="A6523" i="26"/>
  <c r="A6524" i="26"/>
  <c r="A6525" i="26"/>
  <c r="A6526" i="26"/>
  <c r="A6527" i="26"/>
  <c r="A6528" i="26"/>
  <c r="A6529" i="26"/>
  <c r="A6530" i="26"/>
  <c r="A6531" i="26"/>
  <c r="A6532" i="26"/>
  <c r="A6533" i="26"/>
  <c r="A6534" i="26"/>
  <c r="A6535" i="26"/>
  <c r="A6536" i="26"/>
  <c r="A6537" i="26"/>
  <c r="A6538" i="26"/>
  <c r="A6539" i="26"/>
  <c r="A6540" i="26"/>
  <c r="A6541" i="26"/>
  <c r="A6542" i="26"/>
  <c r="A6543" i="26"/>
  <c r="A6544" i="26"/>
  <c r="A6545" i="26"/>
  <c r="A6546" i="26"/>
  <c r="A6547" i="26"/>
  <c r="A6548" i="26"/>
  <c r="A6549" i="26"/>
  <c r="A6550" i="26"/>
  <c r="A6551" i="26"/>
  <c r="A6552" i="26"/>
  <c r="A6553" i="26"/>
  <c r="A6554" i="26"/>
  <c r="A6555" i="26"/>
  <c r="A6556" i="26"/>
  <c r="A6557" i="26"/>
  <c r="A6558" i="26"/>
  <c r="A6559" i="26"/>
  <c r="A6560" i="26"/>
  <c r="A6561" i="26"/>
  <c r="A6562" i="26"/>
  <c r="A6563" i="26"/>
  <c r="A6564" i="26"/>
  <c r="A6565" i="26"/>
  <c r="A6566" i="26"/>
  <c r="A6567" i="26"/>
  <c r="A6568" i="26"/>
  <c r="A6569" i="26"/>
  <c r="A6570" i="26"/>
  <c r="A6571" i="26"/>
  <c r="A6572" i="26"/>
  <c r="A6573" i="26"/>
  <c r="A6574" i="26"/>
  <c r="A6575" i="26"/>
  <c r="A6576" i="26"/>
  <c r="A6577" i="26"/>
  <c r="A6578" i="26"/>
  <c r="A6579" i="26"/>
  <c r="A6580" i="26"/>
  <c r="A6581" i="26"/>
  <c r="A6582" i="26"/>
  <c r="A6583" i="26"/>
  <c r="A6584" i="26"/>
  <c r="A6585" i="26"/>
  <c r="A6586" i="26"/>
  <c r="A6587" i="26"/>
  <c r="A6588" i="26"/>
  <c r="A6589" i="26"/>
  <c r="A6590" i="26"/>
  <c r="A6591" i="26"/>
  <c r="A6592" i="26"/>
  <c r="A6593" i="26"/>
  <c r="A6594" i="26"/>
  <c r="A6595" i="26"/>
  <c r="A6596" i="26"/>
  <c r="A6597" i="26"/>
  <c r="A6598" i="26"/>
  <c r="A6599" i="26"/>
  <c r="A6600" i="26"/>
  <c r="A6601" i="26"/>
  <c r="A6602" i="26"/>
  <c r="A6603" i="26"/>
  <c r="A6604" i="26"/>
  <c r="A6605" i="26"/>
  <c r="A6606" i="26"/>
  <c r="A6607" i="26"/>
  <c r="A6608" i="26"/>
  <c r="A6609" i="26"/>
  <c r="A6610" i="26"/>
  <c r="A6611" i="26"/>
  <c r="A6612" i="26"/>
  <c r="A6613" i="26"/>
  <c r="A6614" i="26"/>
  <c r="A6615" i="26"/>
  <c r="A6616" i="26"/>
  <c r="A6617" i="26"/>
  <c r="A6618" i="26"/>
  <c r="A6619" i="26"/>
  <c r="A6620" i="26"/>
  <c r="A6621" i="26"/>
  <c r="A6622" i="26"/>
  <c r="A6623" i="26"/>
  <c r="A6624" i="26"/>
  <c r="A6625" i="26"/>
  <c r="A6626" i="26"/>
  <c r="A6627" i="26"/>
  <c r="A6628" i="26"/>
  <c r="A6629" i="26"/>
  <c r="A6630" i="26"/>
  <c r="A6631" i="26"/>
  <c r="A6632" i="26"/>
  <c r="A6633" i="26"/>
  <c r="A6634" i="26"/>
  <c r="A6635" i="26"/>
  <c r="A6636" i="26"/>
  <c r="A6637" i="26"/>
  <c r="A6638" i="26"/>
  <c r="A6639" i="26"/>
  <c r="A6640" i="26"/>
  <c r="A6641" i="26"/>
  <c r="A6642" i="26"/>
  <c r="A6643" i="26"/>
  <c r="A6644" i="26"/>
  <c r="A6645" i="26"/>
  <c r="A6646" i="26"/>
  <c r="A6647" i="26"/>
  <c r="A6648" i="26"/>
  <c r="A6649" i="26"/>
  <c r="A6650" i="26"/>
  <c r="A6651" i="26"/>
  <c r="A6652" i="26"/>
  <c r="A6653" i="26"/>
  <c r="A6654" i="26"/>
  <c r="A6655" i="26"/>
  <c r="A6656" i="26"/>
  <c r="A6657" i="26"/>
  <c r="A6658" i="26"/>
  <c r="A6659" i="26"/>
  <c r="A6660" i="26"/>
  <c r="A6661" i="26"/>
  <c r="A6662" i="26"/>
  <c r="A6663" i="26"/>
  <c r="A6664" i="26"/>
  <c r="A6665" i="26"/>
  <c r="A6666" i="26"/>
  <c r="A6667" i="26"/>
  <c r="A6668" i="26"/>
  <c r="A6669" i="26"/>
  <c r="A6670" i="26"/>
  <c r="A6671" i="26"/>
  <c r="A6672" i="26"/>
  <c r="A6673" i="26"/>
  <c r="A6674" i="26"/>
  <c r="A6675" i="26"/>
  <c r="A6676" i="26"/>
  <c r="A6677" i="26"/>
  <c r="A6678" i="26"/>
  <c r="A6679" i="26"/>
  <c r="A6680" i="26"/>
  <c r="A6681" i="26"/>
  <c r="A6682" i="26"/>
  <c r="A6683" i="26"/>
  <c r="A6684" i="26"/>
  <c r="A6685" i="26"/>
  <c r="A6686" i="26"/>
  <c r="A6687" i="26"/>
  <c r="A6688" i="26"/>
  <c r="A6689" i="26"/>
  <c r="A6690" i="26"/>
  <c r="A6691" i="26"/>
  <c r="A6692" i="26"/>
  <c r="A6693" i="26"/>
  <c r="A6694" i="26"/>
  <c r="A6695" i="26"/>
  <c r="A6696" i="26"/>
  <c r="A6697" i="26"/>
  <c r="A6698" i="26"/>
  <c r="A6699" i="26"/>
  <c r="A6700" i="26"/>
  <c r="A6701" i="26"/>
  <c r="A6702" i="26"/>
  <c r="A6703" i="26"/>
  <c r="A6704" i="26"/>
  <c r="A6705" i="26"/>
  <c r="A6706" i="26"/>
  <c r="A6707" i="26"/>
  <c r="A6708" i="26"/>
  <c r="A6709" i="26"/>
  <c r="A6710" i="26"/>
  <c r="A6711" i="26"/>
  <c r="A6712" i="26"/>
  <c r="A6713" i="26"/>
  <c r="A6714" i="26"/>
  <c r="A6715" i="26"/>
  <c r="A6716" i="26"/>
  <c r="A6717" i="26"/>
  <c r="A6718" i="26"/>
  <c r="A6719" i="26"/>
  <c r="A6720" i="26"/>
  <c r="A6721" i="26"/>
  <c r="A6722" i="26"/>
  <c r="A6723" i="26"/>
  <c r="A6724" i="26"/>
  <c r="A6725" i="26"/>
  <c r="A6726" i="26"/>
  <c r="A6727" i="26"/>
  <c r="A6728" i="26"/>
  <c r="A6729" i="26"/>
  <c r="A6730" i="26"/>
  <c r="A6731" i="26"/>
  <c r="A6732" i="26"/>
  <c r="A6733" i="26"/>
  <c r="A6734" i="26"/>
  <c r="A6735" i="26"/>
  <c r="A6736" i="26"/>
  <c r="A6737" i="26"/>
  <c r="A6738" i="26"/>
  <c r="A6739" i="26"/>
  <c r="A6740" i="26"/>
  <c r="A6741" i="26"/>
  <c r="A6742" i="26"/>
  <c r="A6743" i="26"/>
  <c r="A6744" i="26"/>
  <c r="A6745" i="26"/>
  <c r="A6746" i="26"/>
  <c r="A6747" i="26"/>
  <c r="A6748" i="26"/>
  <c r="A6749" i="26"/>
  <c r="A6750" i="26"/>
  <c r="A6751" i="26"/>
  <c r="A6752" i="26"/>
  <c r="A6753" i="26"/>
  <c r="A6754" i="26"/>
  <c r="A6755" i="26"/>
  <c r="A6756" i="26"/>
  <c r="A6757" i="26"/>
  <c r="A6758" i="26"/>
  <c r="A6759" i="26"/>
  <c r="A6760" i="26"/>
  <c r="A6761" i="26"/>
  <c r="A6762" i="26"/>
  <c r="A6763" i="26"/>
  <c r="A6764" i="26"/>
  <c r="A6765" i="26"/>
  <c r="A6766" i="26"/>
  <c r="A6767" i="26"/>
  <c r="A6768" i="26"/>
  <c r="A6769" i="26"/>
  <c r="A6770" i="26"/>
  <c r="A6771" i="26"/>
  <c r="A6772" i="26"/>
  <c r="A6773" i="26"/>
  <c r="A6774" i="26"/>
  <c r="A6775" i="26"/>
  <c r="A6776" i="26"/>
  <c r="A6777" i="26"/>
  <c r="A6778" i="26"/>
  <c r="A6779" i="26"/>
  <c r="A6780" i="26"/>
  <c r="A6781" i="26"/>
  <c r="A6782" i="26"/>
  <c r="A6783" i="26"/>
  <c r="A6784" i="26"/>
  <c r="A6785" i="26"/>
  <c r="A6786" i="26"/>
  <c r="A6787" i="26"/>
  <c r="A6788" i="26"/>
  <c r="A6789" i="26"/>
  <c r="A6790" i="26"/>
  <c r="A6791" i="26"/>
  <c r="A6792" i="26"/>
  <c r="A6793" i="26"/>
  <c r="A6794" i="26"/>
  <c r="A6795" i="26"/>
  <c r="A6796" i="26"/>
  <c r="A6797" i="26"/>
  <c r="A6798" i="26"/>
  <c r="A6799" i="26"/>
  <c r="A6800" i="26"/>
  <c r="A6801" i="26"/>
  <c r="A6802" i="26"/>
  <c r="A6803" i="26"/>
  <c r="A6804" i="26"/>
  <c r="A6805" i="26"/>
  <c r="A6806" i="26"/>
  <c r="A6807" i="26"/>
  <c r="A6808" i="26"/>
  <c r="A6809" i="26"/>
  <c r="A6810" i="26"/>
  <c r="A6811" i="26"/>
  <c r="A6812" i="26"/>
  <c r="A6813" i="26"/>
  <c r="A6814" i="26"/>
  <c r="A6815" i="26"/>
  <c r="A6816" i="26"/>
  <c r="A6817" i="26"/>
  <c r="A6818" i="26"/>
  <c r="A6819" i="26"/>
  <c r="A6820" i="26"/>
  <c r="A6821" i="26"/>
  <c r="A6822" i="26"/>
  <c r="A6823" i="26"/>
  <c r="A6824" i="26"/>
  <c r="A6825" i="26"/>
  <c r="A6826" i="26"/>
  <c r="A6827" i="26"/>
  <c r="A6828" i="26"/>
  <c r="A6829" i="26"/>
  <c r="A6830" i="26"/>
  <c r="A6831" i="26"/>
  <c r="A6832" i="26"/>
  <c r="A6833" i="26"/>
  <c r="A6834" i="26"/>
  <c r="A6835" i="26"/>
  <c r="A6836" i="26"/>
  <c r="A6837" i="26"/>
  <c r="A6838" i="26"/>
  <c r="A6839" i="26"/>
  <c r="A6840" i="26"/>
  <c r="A6841" i="26"/>
  <c r="A6842" i="26"/>
  <c r="A6843" i="26"/>
  <c r="A6844" i="26"/>
  <c r="A6845" i="26"/>
  <c r="A6846" i="26"/>
  <c r="A6847" i="26"/>
  <c r="A6848" i="26"/>
  <c r="A6849" i="26"/>
  <c r="A6850" i="26"/>
  <c r="A6851" i="26"/>
  <c r="A6852" i="26"/>
  <c r="A6853" i="26"/>
  <c r="A6854" i="26"/>
  <c r="A6855" i="26"/>
  <c r="A6856" i="26"/>
  <c r="A6857" i="26"/>
  <c r="A6858" i="26"/>
  <c r="A6859" i="26"/>
  <c r="A6860" i="26"/>
  <c r="A6861" i="26"/>
  <c r="A6862" i="26"/>
  <c r="A6863" i="26"/>
  <c r="A6864" i="26"/>
  <c r="A6865" i="26"/>
  <c r="A6866" i="26"/>
  <c r="A6867" i="26"/>
  <c r="A6868" i="26"/>
  <c r="A6869" i="26"/>
  <c r="A6870" i="26"/>
  <c r="A6871" i="26"/>
  <c r="A6872" i="26"/>
  <c r="A6873" i="26"/>
  <c r="A6874" i="26"/>
  <c r="A6875" i="26"/>
  <c r="A6876" i="26"/>
  <c r="A6877" i="26"/>
  <c r="A6878" i="26"/>
  <c r="A6879" i="26"/>
  <c r="A6880" i="26"/>
  <c r="A6881" i="26"/>
  <c r="A6882" i="26"/>
  <c r="A6883" i="26"/>
  <c r="A6884" i="26"/>
  <c r="A6885" i="26"/>
  <c r="A6886" i="26"/>
  <c r="A6887" i="26"/>
  <c r="A6888" i="26"/>
  <c r="A6889" i="26"/>
  <c r="A6890" i="26"/>
  <c r="A6891" i="26"/>
  <c r="A6892" i="26"/>
  <c r="A6893" i="26"/>
  <c r="A6894" i="26"/>
  <c r="A6895" i="26"/>
  <c r="A6896" i="26"/>
  <c r="A6897" i="26"/>
  <c r="A6898" i="26"/>
  <c r="A6899" i="26"/>
  <c r="A6900" i="26"/>
  <c r="A6901" i="26"/>
  <c r="A6902" i="26"/>
  <c r="A6903" i="26"/>
  <c r="A6904" i="26"/>
  <c r="A6905" i="26"/>
  <c r="A6906" i="26"/>
  <c r="A6907" i="26"/>
  <c r="A6908" i="26"/>
  <c r="A6909" i="26"/>
  <c r="A6910" i="26"/>
  <c r="A6911" i="26"/>
  <c r="A6912" i="26"/>
  <c r="A6913" i="26"/>
  <c r="A6914" i="26"/>
  <c r="A6915" i="26"/>
  <c r="A6916" i="26"/>
  <c r="A6917" i="26"/>
  <c r="A6918" i="26"/>
  <c r="A6919" i="26"/>
  <c r="A6920" i="26"/>
  <c r="A6921" i="26"/>
  <c r="A6922" i="26"/>
  <c r="A6923" i="26"/>
  <c r="A6924" i="26"/>
  <c r="A6925" i="26"/>
  <c r="A6926" i="26"/>
  <c r="A6927" i="26"/>
  <c r="A6928" i="26"/>
  <c r="A6929" i="26"/>
  <c r="A6930" i="26"/>
  <c r="A6931" i="26"/>
  <c r="A6932" i="26"/>
  <c r="A6933" i="26"/>
  <c r="A6934" i="26"/>
  <c r="A6935" i="26"/>
  <c r="A6936" i="26"/>
  <c r="A6937" i="26"/>
  <c r="A6938" i="26"/>
  <c r="A6939" i="26"/>
  <c r="A6940" i="26"/>
  <c r="A6941" i="26"/>
  <c r="A6942" i="26"/>
  <c r="A6943" i="26"/>
  <c r="A6944" i="26"/>
  <c r="A6945" i="26"/>
  <c r="A6946" i="26"/>
  <c r="A6947" i="26"/>
  <c r="A6948" i="26"/>
  <c r="A6949" i="26"/>
  <c r="A6950" i="26"/>
  <c r="A6951" i="26"/>
  <c r="A6952" i="26"/>
  <c r="A6953" i="26"/>
  <c r="A6954" i="26"/>
  <c r="A6955" i="26"/>
  <c r="A6956" i="26"/>
  <c r="A6957" i="26"/>
  <c r="A6958" i="26"/>
  <c r="A6959" i="26"/>
  <c r="A6960" i="26"/>
  <c r="A6961" i="26"/>
  <c r="A6962" i="26"/>
  <c r="A6963" i="26"/>
  <c r="A6964" i="26"/>
  <c r="A6965" i="26"/>
  <c r="A6966" i="26"/>
  <c r="A6967" i="26"/>
  <c r="A6968" i="26"/>
  <c r="A6969" i="26"/>
  <c r="A6970" i="26"/>
  <c r="A6971" i="26"/>
  <c r="A6972" i="26"/>
  <c r="A6973" i="26"/>
  <c r="A6974" i="26"/>
  <c r="A6975" i="26"/>
  <c r="A6976" i="26"/>
  <c r="A6977" i="26"/>
  <c r="A6978" i="26"/>
  <c r="A6979" i="26"/>
  <c r="A6980" i="26"/>
  <c r="A6981" i="26"/>
  <c r="A6982" i="26"/>
  <c r="A6983" i="26"/>
  <c r="A6984" i="26"/>
  <c r="A6985" i="26"/>
  <c r="A6986" i="26"/>
  <c r="A6987" i="26"/>
  <c r="A6988" i="26"/>
  <c r="A6989" i="26"/>
  <c r="A6990" i="26"/>
  <c r="A6991" i="26"/>
  <c r="A6992" i="26"/>
  <c r="A6993" i="26"/>
  <c r="A6994" i="26"/>
  <c r="A6995" i="26"/>
  <c r="A6996" i="26"/>
  <c r="A6997" i="26"/>
  <c r="A6998" i="26"/>
  <c r="A6999" i="26"/>
  <c r="A7000" i="26"/>
  <c r="A7001" i="26"/>
  <c r="A7002" i="26"/>
  <c r="A7003" i="26"/>
  <c r="A7004" i="26"/>
  <c r="A7005" i="26"/>
  <c r="A7006" i="26"/>
  <c r="A7007" i="26"/>
  <c r="A7008" i="26"/>
  <c r="A7009" i="26"/>
  <c r="A7010" i="26"/>
  <c r="A7011" i="26"/>
  <c r="A7012" i="26"/>
  <c r="A7013" i="26"/>
  <c r="A7014" i="26"/>
  <c r="A7015" i="26"/>
  <c r="A7016" i="26"/>
  <c r="A7017" i="26"/>
  <c r="A7018" i="26"/>
  <c r="A7019" i="26"/>
  <c r="A7020" i="26"/>
  <c r="A7021" i="26"/>
  <c r="A7022" i="26"/>
  <c r="A7023" i="26"/>
  <c r="A7024" i="26"/>
  <c r="A7025" i="26"/>
  <c r="A7026" i="26"/>
  <c r="A7027" i="26"/>
  <c r="A7028" i="26"/>
  <c r="A7029" i="26"/>
  <c r="A7030" i="26"/>
  <c r="A7031" i="26"/>
  <c r="A7032" i="26"/>
  <c r="A7033" i="26"/>
  <c r="A7034" i="26"/>
  <c r="A7035" i="26"/>
  <c r="A7036" i="26"/>
  <c r="A7037" i="26"/>
  <c r="A7038" i="26"/>
  <c r="A7039" i="26"/>
  <c r="A7040" i="26"/>
  <c r="A7041" i="26"/>
  <c r="A7042" i="26"/>
  <c r="A7043" i="26"/>
  <c r="A7044" i="26"/>
  <c r="A7045" i="26"/>
  <c r="A7046" i="26"/>
  <c r="A7047" i="26"/>
  <c r="A7048" i="26"/>
  <c r="A7049" i="26"/>
  <c r="A7050" i="26"/>
  <c r="A7051" i="26"/>
  <c r="A7052" i="26"/>
  <c r="A7053" i="26"/>
  <c r="A7054" i="26"/>
  <c r="A7055" i="26"/>
  <c r="A7056" i="26"/>
  <c r="A7057" i="26"/>
  <c r="A7058" i="26"/>
  <c r="A7059" i="26"/>
  <c r="A7060" i="26"/>
  <c r="A7061" i="26"/>
  <c r="A7062" i="26"/>
  <c r="A7063" i="26"/>
  <c r="A7064" i="26"/>
  <c r="A7065" i="26"/>
  <c r="A7066" i="26"/>
  <c r="A7067" i="26"/>
  <c r="A7068" i="26"/>
  <c r="A7069" i="26"/>
  <c r="A7070" i="26"/>
  <c r="A7071" i="26"/>
  <c r="A7072" i="26"/>
  <c r="A7073" i="26"/>
  <c r="A7074" i="26"/>
  <c r="A7075" i="26"/>
  <c r="A7076" i="26"/>
  <c r="A7077" i="26"/>
  <c r="A7078" i="26"/>
  <c r="A7079" i="26"/>
  <c r="A7080" i="26"/>
  <c r="A7081" i="26"/>
  <c r="A7082" i="26"/>
  <c r="A7083" i="26"/>
  <c r="A7084" i="26"/>
  <c r="A7085" i="26"/>
  <c r="A7086" i="26"/>
  <c r="A7087" i="26"/>
  <c r="A7088" i="26"/>
  <c r="A7089" i="26"/>
  <c r="A7090" i="26"/>
  <c r="A7091" i="26"/>
  <c r="A7092" i="26"/>
  <c r="A7093" i="26"/>
  <c r="A7094" i="26"/>
  <c r="A7095" i="26"/>
  <c r="A7096" i="26"/>
  <c r="A7097" i="26"/>
  <c r="A7098" i="26"/>
  <c r="A7099" i="26"/>
  <c r="A7100" i="26"/>
  <c r="A7101" i="26"/>
  <c r="A7102" i="26"/>
  <c r="A7103" i="26"/>
  <c r="A7104" i="26"/>
  <c r="A7105" i="26"/>
  <c r="A7106" i="26"/>
  <c r="A7107" i="26"/>
  <c r="A7108" i="26"/>
  <c r="A7109" i="26"/>
  <c r="A7110" i="26"/>
  <c r="A7111" i="26"/>
  <c r="A7112" i="26"/>
  <c r="A7113" i="26"/>
  <c r="A7114" i="26"/>
  <c r="A7115" i="26"/>
  <c r="A7116" i="26"/>
  <c r="A7117" i="26"/>
  <c r="A7118" i="26"/>
  <c r="A7119" i="26"/>
  <c r="A7120" i="26"/>
  <c r="A7121" i="26"/>
  <c r="A7122" i="26"/>
  <c r="A7123" i="26"/>
  <c r="A7124" i="26"/>
  <c r="A7125" i="26"/>
  <c r="A7126" i="26"/>
  <c r="A7127" i="26"/>
  <c r="A7128" i="26"/>
  <c r="A7129" i="26"/>
  <c r="A7130" i="26"/>
  <c r="A7131" i="26"/>
  <c r="A7132" i="26"/>
  <c r="A7133" i="26"/>
  <c r="A7134" i="26"/>
  <c r="A7135" i="26"/>
  <c r="A7136" i="26"/>
  <c r="A7137" i="26"/>
  <c r="A7138" i="26"/>
  <c r="A7139" i="26"/>
  <c r="A7140" i="26"/>
  <c r="A7141" i="26"/>
  <c r="A7142" i="26"/>
  <c r="A7143" i="26"/>
  <c r="A7144" i="26"/>
  <c r="A7145" i="26"/>
  <c r="A7146" i="26"/>
  <c r="A7147" i="26"/>
  <c r="A7148" i="26"/>
  <c r="A7149" i="26"/>
  <c r="A7150" i="26"/>
  <c r="A7151" i="26"/>
  <c r="A7152" i="26"/>
  <c r="A7153" i="26"/>
  <c r="A7154" i="26"/>
  <c r="A7155" i="26"/>
  <c r="A7156" i="26"/>
  <c r="A7157" i="26"/>
  <c r="A7158" i="26"/>
  <c r="A7159" i="26"/>
  <c r="A7160" i="26"/>
  <c r="A7161" i="26"/>
  <c r="A7162" i="26"/>
  <c r="A7163" i="26"/>
  <c r="A7164" i="26"/>
  <c r="A7165" i="26"/>
  <c r="A7166" i="26"/>
  <c r="A7167" i="26"/>
  <c r="A7168" i="26"/>
  <c r="A7169" i="26"/>
  <c r="A7170" i="26"/>
  <c r="A7171" i="26"/>
  <c r="A7172" i="26"/>
  <c r="A7173" i="26"/>
  <c r="A7174" i="26"/>
  <c r="A7175" i="26"/>
  <c r="A7176" i="26"/>
  <c r="A7177" i="26"/>
  <c r="A7178" i="26"/>
  <c r="A7179" i="26"/>
  <c r="A7180" i="26"/>
  <c r="A7181" i="26"/>
  <c r="A7182" i="26"/>
  <c r="A7183" i="26"/>
  <c r="A7184" i="26"/>
  <c r="A7185" i="26"/>
  <c r="A7186" i="26"/>
  <c r="A7187" i="26"/>
  <c r="A7188" i="26"/>
  <c r="A7189" i="26"/>
  <c r="A7190" i="26"/>
  <c r="A7191" i="26"/>
  <c r="A7192" i="26"/>
  <c r="A7193" i="26"/>
  <c r="A7194" i="26"/>
  <c r="A7195" i="26"/>
  <c r="A7196" i="26"/>
  <c r="A7197" i="26"/>
  <c r="A7198" i="26"/>
  <c r="A7199" i="26"/>
  <c r="A7200" i="26"/>
  <c r="A7201" i="26"/>
  <c r="A7202" i="26"/>
  <c r="A7203" i="26"/>
  <c r="A7204" i="26"/>
  <c r="A7205" i="26"/>
  <c r="A7206" i="26"/>
  <c r="A7207" i="26"/>
  <c r="A7208" i="26"/>
  <c r="A7209" i="26"/>
  <c r="A7210" i="26"/>
  <c r="A7211" i="26"/>
  <c r="A7212" i="26"/>
  <c r="A7213" i="26"/>
  <c r="A7214" i="26"/>
  <c r="A7215" i="26"/>
  <c r="A7216" i="26"/>
  <c r="A7217" i="26"/>
  <c r="A7218" i="26"/>
  <c r="A7219" i="26"/>
  <c r="A7220" i="26"/>
  <c r="A7221" i="26"/>
  <c r="A7222" i="26"/>
  <c r="A7223" i="26"/>
  <c r="A7224" i="26"/>
  <c r="A7225" i="26"/>
  <c r="A7226" i="26"/>
  <c r="A7227" i="26"/>
  <c r="A7228" i="26"/>
  <c r="A7229" i="26"/>
  <c r="A7230" i="26"/>
  <c r="A7231" i="26"/>
  <c r="A7232" i="26"/>
  <c r="A7233" i="26"/>
  <c r="A7234" i="26"/>
  <c r="A7235" i="26"/>
  <c r="A7236" i="26"/>
  <c r="A7237" i="26"/>
  <c r="A7238" i="26"/>
  <c r="A7239" i="26"/>
  <c r="A7240" i="26"/>
  <c r="A7241" i="26"/>
  <c r="A7242" i="26"/>
  <c r="A7243" i="26"/>
  <c r="A7244" i="26"/>
  <c r="A7245" i="26"/>
  <c r="A7246" i="26"/>
  <c r="A7247" i="26"/>
  <c r="A7248" i="26"/>
  <c r="A7249" i="26"/>
  <c r="A7250" i="26"/>
  <c r="A7251" i="26"/>
  <c r="A7252" i="26"/>
  <c r="A7253" i="26"/>
  <c r="A7254" i="26"/>
  <c r="A7255" i="26"/>
  <c r="A7256" i="26"/>
  <c r="A7257" i="26"/>
  <c r="A7258" i="26"/>
  <c r="A7259" i="26"/>
  <c r="A7260" i="26"/>
  <c r="A7261" i="26"/>
  <c r="A7262" i="26"/>
  <c r="A7263" i="26"/>
  <c r="A7264" i="26"/>
  <c r="A7265" i="26"/>
  <c r="A7266" i="26"/>
  <c r="A7267" i="26"/>
  <c r="A7268" i="26"/>
  <c r="A7269" i="26"/>
  <c r="A7270" i="26"/>
  <c r="A7271" i="26"/>
  <c r="A7272" i="26"/>
  <c r="A7273" i="26"/>
  <c r="A7274" i="26"/>
  <c r="A7275" i="26"/>
  <c r="A7276" i="26"/>
  <c r="A7277" i="26"/>
  <c r="A7278" i="26"/>
  <c r="A7279" i="26"/>
  <c r="A7280" i="26"/>
  <c r="A7281" i="26"/>
  <c r="A7282" i="26"/>
  <c r="A7283" i="26"/>
  <c r="A7284" i="26"/>
  <c r="A7285" i="26"/>
  <c r="A7286" i="26"/>
  <c r="A7287" i="26"/>
  <c r="A7288" i="26"/>
  <c r="A7289" i="26"/>
  <c r="A7290" i="26"/>
  <c r="A7291" i="26"/>
  <c r="A7292" i="26"/>
  <c r="A7293" i="26"/>
  <c r="A7294" i="26"/>
  <c r="A7295" i="26"/>
  <c r="A7296" i="26"/>
  <c r="A7297" i="26"/>
  <c r="A7298" i="26"/>
  <c r="A7299" i="26"/>
  <c r="A7300" i="26"/>
  <c r="A7301" i="26"/>
  <c r="A7302" i="26"/>
  <c r="A7303" i="26"/>
  <c r="A7304" i="26"/>
  <c r="A7305" i="26"/>
  <c r="A7306" i="26"/>
  <c r="A7307" i="26"/>
  <c r="A7308" i="26"/>
  <c r="A7309" i="26"/>
  <c r="A7310" i="26"/>
  <c r="A7311" i="26"/>
  <c r="A7312" i="26"/>
  <c r="A7313" i="26"/>
  <c r="A7314" i="26"/>
  <c r="A7315" i="26"/>
  <c r="A7316" i="26"/>
  <c r="A7317" i="26"/>
  <c r="A7318" i="26"/>
  <c r="A7319" i="26"/>
  <c r="A7320" i="26"/>
  <c r="A7321" i="26"/>
  <c r="A7322" i="26"/>
  <c r="A7323" i="26"/>
  <c r="A7324" i="26"/>
  <c r="A7325" i="26"/>
  <c r="A7326" i="26"/>
  <c r="A7327" i="26"/>
  <c r="A7328" i="26"/>
  <c r="A7329" i="26"/>
  <c r="A7330" i="26"/>
  <c r="A7331" i="26"/>
  <c r="A7332" i="26"/>
  <c r="A7333" i="26"/>
  <c r="A7334" i="26"/>
  <c r="A7335" i="26"/>
  <c r="A7336" i="26"/>
  <c r="A7337" i="26"/>
  <c r="A7338" i="26"/>
  <c r="A7339" i="26"/>
  <c r="A7340" i="26"/>
  <c r="A7341" i="26"/>
  <c r="A7342" i="26"/>
  <c r="A7343" i="26"/>
  <c r="A7344" i="26"/>
  <c r="A7345" i="26"/>
  <c r="A7346" i="26"/>
  <c r="A7347" i="26"/>
  <c r="A7348" i="26"/>
  <c r="A7349" i="26"/>
  <c r="A7350" i="26"/>
  <c r="A7351" i="26"/>
  <c r="A7352" i="26"/>
  <c r="A7353" i="26"/>
  <c r="A7354" i="26"/>
  <c r="A7355" i="26"/>
  <c r="A7356" i="26"/>
  <c r="A7357" i="26"/>
  <c r="A7358" i="26"/>
  <c r="A7359" i="26"/>
  <c r="A7360" i="26"/>
  <c r="A7361" i="26"/>
  <c r="A7362" i="26"/>
  <c r="A7363" i="26"/>
  <c r="A7364" i="26"/>
  <c r="A7365" i="26"/>
  <c r="A7366" i="26"/>
  <c r="A7367" i="26"/>
  <c r="A7368" i="26"/>
  <c r="A7369" i="26"/>
  <c r="A7370" i="26"/>
  <c r="A7371" i="26"/>
  <c r="A7372" i="26"/>
  <c r="A7373" i="26"/>
  <c r="A7374" i="26"/>
  <c r="A7375" i="26"/>
  <c r="A7376" i="26"/>
  <c r="A7377" i="26"/>
  <c r="A7378" i="26"/>
  <c r="A7379" i="26"/>
  <c r="A7380" i="26"/>
  <c r="A7381" i="26"/>
  <c r="A7382" i="26"/>
  <c r="A7383" i="26"/>
  <c r="A7384" i="26"/>
  <c r="A7385" i="26"/>
  <c r="A7386" i="26"/>
  <c r="A7387" i="26"/>
  <c r="A7388" i="26"/>
  <c r="A7389" i="26"/>
  <c r="A7390" i="26"/>
  <c r="A7391" i="26"/>
  <c r="A7392" i="26"/>
  <c r="A7393" i="26"/>
  <c r="A7394" i="26"/>
  <c r="A7395" i="26"/>
  <c r="A7396" i="26"/>
  <c r="A7397" i="26"/>
  <c r="A7398" i="26"/>
  <c r="A7399" i="26"/>
  <c r="A7400" i="26"/>
  <c r="A7401" i="26"/>
  <c r="A7402" i="26"/>
  <c r="A7403" i="26"/>
  <c r="A7404" i="26"/>
  <c r="A7405" i="26"/>
  <c r="A7406" i="26"/>
  <c r="A7407" i="26"/>
  <c r="A7408" i="26"/>
  <c r="A7409" i="26"/>
  <c r="A7410" i="26"/>
  <c r="A7411" i="26"/>
  <c r="A7412" i="26"/>
  <c r="A7413" i="26"/>
  <c r="A7414" i="26"/>
  <c r="A7415" i="26"/>
  <c r="A7416" i="26"/>
  <c r="A7417" i="26"/>
  <c r="A7418" i="26"/>
  <c r="A7419" i="26"/>
  <c r="A7420" i="26"/>
  <c r="A7421" i="26"/>
  <c r="A7422" i="26"/>
  <c r="A7423" i="26"/>
  <c r="A7424" i="26"/>
  <c r="A7425" i="26"/>
  <c r="A7426" i="26"/>
  <c r="A7427" i="26"/>
  <c r="A7428" i="26"/>
  <c r="A7429" i="26"/>
  <c r="A7430" i="26"/>
  <c r="A7431" i="26"/>
  <c r="A7432" i="26"/>
  <c r="A7433" i="26"/>
  <c r="A7434" i="26"/>
  <c r="A7435" i="26"/>
  <c r="A7436" i="26"/>
  <c r="A7437" i="26"/>
  <c r="A7438" i="26"/>
  <c r="A7439" i="26"/>
  <c r="A7440" i="26"/>
  <c r="A7441" i="26"/>
  <c r="A7442" i="26"/>
  <c r="A7443" i="26"/>
  <c r="A7444" i="26"/>
  <c r="A7445" i="26"/>
  <c r="A7446" i="26"/>
  <c r="A7447" i="26"/>
  <c r="A7448" i="26"/>
  <c r="A7449" i="26"/>
  <c r="A7450" i="26"/>
  <c r="A7451" i="26"/>
  <c r="A7452" i="26"/>
  <c r="A7453" i="26"/>
  <c r="A7454" i="26"/>
  <c r="A4" i="26"/>
  <c r="N15" i="10"/>
  <c r="N16" i="10"/>
  <c r="N17" i="10"/>
  <c r="N18" i="10"/>
  <c r="N19" i="10"/>
  <c r="N20" i="10"/>
  <c r="N21" i="10"/>
  <c r="N22" i="10"/>
  <c r="N23" i="10"/>
  <c r="N24" i="10"/>
  <c r="N25" i="10"/>
  <c r="N26" i="10"/>
  <c r="N27" i="10"/>
  <c r="N28" i="10"/>
  <c r="N29" i="10"/>
  <c r="N30" i="10"/>
  <c r="N31" i="10"/>
  <c r="N32" i="10"/>
  <c r="N33" i="10"/>
  <c r="N34" i="10"/>
  <c r="N35" i="10"/>
  <c r="N36" i="10"/>
  <c r="N37" i="10"/>
  <c r="N38" i="10"/>
  <c r="N39" i="10"/>
  <c r="N40" i="10"/>
  <c r="N41" i="10"/>
  <c r="N42" i="10"/>
  <c r="N43" i="10"/>
  <c r="N44" i="10"/>
  <c r="N45" i="10"/>
  <c r="N46" i="10"/>
  <c r="N47" i="10"/>
  <c r="N48" i="10"/>
  <c r="N49" i="10"/>
  <c r="N50" i="10"/>
  <c r="N51" i="10"/>
  <c r="N52" i="10"/>
  <c r="N53" i="10"/>
  <c r="N54" i="10"/>
  <c r="N55" i="10"/>
  <c r="N56" i="10"/>
  <c r="N57" i="10"/>
  <c r="N58" i="10"/>
  <c r="N59" i="10"/>
  <c r="N60" i="10"/>
  <c r="N61" i="10"/>
  <c r="N62" i="10"/>
  <c r="N63" i="10"/>
  <c r="N64" i="10"/>
  <c r="N65" i="10"/>
  <c r="N66" i="10"/>
  <c r="N67" i="10"/>
  <c r="N68" i="10"/>
  <c r="N69" i="10"/>
  <c r="N70" i="10"/>
  <c r="N71" i="10"/>
  <c r="N72" i="10"/>
  <c r="N73" i="10"/>
  <c r="N74" i="10"/>
  <c r="N75" i="10"/>
  <c r="N76" i="10"/>
  <c r="N77" i="10"/>
  <c r="N78" i="10"/>
  <c r="N79" i="10"/>
  <c r="N80" i="10"/>
  <c r="N81" i="10"/>
  <c r="N82" i="10"/>
  <c r="N83" i="10"/>
  <c r="N84" i="10"/>
  <c r="N85" i="10"/>
  <c r="N86" i="10"/>
  <c r="N87" i="10"/>
  <c r="N88" i="10"/>
  <c r="N89" i="10"/>
  <c r="N90" i="10"/>
  <c r="N91" i="10"/>
  <c r="N92" i="10"/>
  <c r="N93" i="10"/>
  <c r="N94" i="10"/>
  <c r="N95" i="10"/>
  <c r="N96" i="10"/>
  <c r="N97" i="10"/>
  <c r="N98" i="10"/>
  <c r="N99" i="10"/>
  <c r="N100" i="10"/>
  <c r="N101" i="10"/>
  <c r="N102" i="10"/>
  <c r="N103" i="10"/>
  <c r="N104" i="10"/>
  <c r="N105" i="10"/>
  <c r="N106" i="10"/>
  <c r="N107" i="10"/>
  <c r="N108" i="10"/>
  <c r="N109" i="10"/>
  <c r="N110" i="10"/>
  <c r="N111" i="10"/>
  <c r="N112" i="10"/>
  <c r="N113" i="10"/>
  <c r="N114" i="10"/>
  <c r="N115" i="10"/>
  <c r="N116" i="10"/>
  <c r="N117" i="10"/>
  <c r="N118" i="10"/>
  <c r="N119" i="10"/>
  <c r="N120" i="10"/>
  <c r="N121" i="10"/>
  <c r="N122" i="10"/>
  <c r="N123" i="10"/>
  <c r="N124" i="10"/>
  <c r="N125" i="10"/>
  <c r="N126" i="10"/>
  <c r="N127" i="10"/>
  <c r="N128" i="10"/>
  <c r="N129" i="10"/>
  <c r="N130" i="10"/>
  <c r="N131" i="10"/>
  <c r="N132" i="10"/>
  <c r="N133" i="10"/>
  <c r="N134" i="10"/>
  <c r="N135" i="10"/>
  <c r="N136" i="10"/>
  <c r="N137" i="10"/>
  <c r="N138" i="10"/>
  <c r="N139" i="10"/>
  <c r="N140" i="10"/>
  <c r="N141" i="10"/>
  <c r="N142" i="10"/>
  <c r="N143" i="10"/>
  <c r="N144" i="10"/>
  <c r="N145" i="10"/>
  <c r="N146" i="10"/>
  <c r="N147" i="10"/>
  <c r="N148" i="10"/>
  <c r="N149" i="10"/>
  <c r="N150" i="10"/>
  <c r="N151" i="10"/>
  <c r="N152" i="10"/>
  <c r="N153" i="10"/>
  <c r="N154" i="10"/>
  <c r="N155" i="10"/>
  <c r="N156" i="10"/>
  <c r="N157" i="10"/>
  <c r="N158" i="10"/>
  <c r="N159" i="10"/>
  <c r="N160" i="10"/>
  <c r="N161" i="10"/>
  <c r="N162" i="10"/>
  <c r="N163" i="10"/>
  <c r="N164" i="10"/>
  <c r="N165" i="10"/>
  <c r="N166" i="10"/>
  <c r="N167" i="10"/>
  <c r="N168" i="10"/>
  <c r="N169" i="10"/>
  <c r="N170" i="10"/>
  <c r="N171" i="10"/>
  <c r="N172" i="10"/>
  <c r="N173" i="10"/>
  <c r="N174" i="10"/>
  <c r="N175" i="10"/>
  <c r="N176" i="10"/>
  <c r="N177" i="10"/>
  <c r="N178" i="10"/>
  <c r="N179" i="10"/>
  <c r="N180" i="10"/>
  <c r="N181" i="10"/>
  <c r="N182" i="10"/>
  <c r="N183" i="10"/>
  <c r="N184" i="10"/>
  <c r="N185" i="10"/>
  <c r="N186" i="10"/>
  <c r="N187" i="10"/>
  <c r="N188" i="10"/>
  <c r="N189" i="10"/>
  <c r="N190" i="10"/>
  <c r="N191" i="10"/>
  <c r="N192" i="10"/>
  <c r="N193" i="10"/>
  <c r="N194" i="10"/>
  <c r="N195" i="10"/>
  <c r="N196" i="10"/>
  <c r="N197" i="10"/>
  <c r="N198" i="10"/>
  <c r="N199" i="10"/>
  <c r="N200" i="10"/>
  <c r="N201" i="10"/>
  <c r="N202" i="10"/>
  <c r="N203" i="10"/>
  <c r="N204" i="10"/>
  <c r="N205" i="10"/>
  <c r="N206" i="10"/>
  <c r="N207" i="10"/>
  <c r="N208" i="10"/>
  <c r="N209" i="10"/>
  <c r="N210" i="10"/>
  <c r="N211" i="10"/>
  <c r="N212" i="10"/>
  <c r="N213" i="10"/>
  <c r="N214" i="10"/>
  <c r="N215" i="10"/>
  <c r="N216" i="10"/>
  <c r="N217" i="10"/>
  <c r="N218" i="10"/>
  <c r="N219" i="10"/>
  <c r="N220" i="10"/>
  <c r="N221" i="10"/>
  <c r="N222" i="10"/>
  <c r="N223" i="10"/>
  <c r="N224" i="10"/>
  <c r="N225" i="10"/>
  <c r="N226" i="10"/>
  <c r="N227" i="10"/>
  <c r="N228" i="10"/>
  <c r="N229" i="10"/>
  <c r="N230" i="10"/>
  <c r="N231" i="10"/>
  <c r="N232" i="10"/>
  <c r="N233" i="10"/>
  <c r="N234" i="10"/>
  <c r="N235" i="10"/>
  <c r="N236" i="10"/>
  <c r="N237" i="10"/>
  <c r="N238" i="10"/>
  <c r="N239" i="10"/>
  <c r="N240" i="10"/>
  <c r="N241" i="10"/>
  <c r="N242" i="10"/>
  <c r="N243" i="10"/>
  <c r="N244" i="10"/>
  <c r="N245" i="10"/>
  <c r="N246" i="10"/>
  <c r="N247" i="10"/>
  <c r="N248" i="10"/>
  <c r="N249" i="10"/>
  <c r="N250" i="10"/>
  <c r="N251" i="10"/>
  <c r="N252" i="10"/>
  <c r="N253" i="10"/>
  <c r="N254" i="10"/>
  <c r="N255" i="10"/>
  <c r="N256" i="10"/>
  <c r="N257" i="10"/>
  <c r="N258" i="10"/>
  <c r="N259" i="10"/>
  <c r="N260" i="10"/>
  <c r="N261" i="10"/>
  <c r="N262" i="10"/>
  <c r="N263" i="10"/>
  <c r="N264" i="10"/>
  <c r="N265" i="10"/>
  <c r="N266" i="10"/>
  <c r="N267" i="10"/>
  <c r="N268" i="10"/>
  <c r="N269" i="10"/>
  <c r="N270" i="10"/>
  <c r="N271" i="10"/>
  <c r="N272" i="10"/>
  <c r="N273" i="10"/>
  <c r="N274" i="10"/>
  <c r="N275" i="10"/>
  <c r="N276" i="10"/>
  <c r="N277" i="10"/>
  <c r="N278" i="10"/>
  <c r="N279" i="10"/>
  <c r="N280" i="10"/>
  <c r="N281" i="10"/>
  <c r="N282" i="10"/>
  <c r="N283" i="10"/>
  <c r="N284" i="10"/>
  <c r="N285" i="10"/>
  <c r="N286" i="10"/>
  <c r="N287" i="10"/>
  <c r="N288" i="10"/>
  <c r="N289" i="10"/>
  <c r="N290" i="10"/>
  <c r="N291" i="10"/>
  <c r="N292" i="10"/>
  <c r="N293" i="10"/>
  <c r="N294" i="10"/>
  <c r="N295" i="10"/>
  <c r="N296" i="10"/>
  <c r="N297" i="10"/>
  <c r="N298" i="10"/>
  <c r="N299" i="10"/>
  <c r="N300" i="10"/>
  <c r="N301" i="10"/>
  <c r="N302" i="10"/>
  <c r="N303" i="10"/>
  <c r="N304" i="10"/>
  <c r="N305" i="10"/>
  <c r="N306" i="10"/>
  <c r="N307" i="10"/>
  <c r="N308" i="10"/>
  <c r="N309" i="10"/>
  <c r="N310" i="10"/>
  <c r="N311" i="10"/>
  <c r="N312" i="10"/>
  <c r="N313" i="10"/>
  <c r="N314" i="10"/>
  <c r="N315" i="10"/>
  <c r="N316" i="10"/>
  <c r="N317" i="10"/>
  <c r="N318" i="10"/>
  <c r="N319" i="10"/>
  <c r="N320" i="10"/>
  <c r="N321" i="10"/>
  <c r="N322" i="10"/>
  <c r="N323" i="10"/>
  <c r="N324" i="10"/>
  <c r="N325" i="10"/>
  <c r="N326" i="10"/>
  <c r="N327" i="10"/>
  <c r="N328" i="10"/>
  <c r="N329" i="10"/>
  <c r="N330" i="10"/>
  <c r="N331" i="10"/>
  <c r="N332" i="10"/>
  <c r="N333" i="10"/>
  <c r="N334" i="10"/>
  <c r="N335" i="10"/>
  <c r="N336" i="10"/>
  <c r="N337" i="10"/>
  <c r="N338" i="10"/>
  <c r="N339" i="10"/>
  <c r="N340" i="10"/>
  <c r="N341" i="10"/>
  <c r="N342" i="10"/>
  <c r="N343" i="10"/>
  <c r="N344" i="10"/>
  <c r="N345" i="10"/>
  <c r="N346" i="10"/>
  <c r="N347" i="10"/>
  <c r="N348" i="10"/>
  <c r="N349" i="10"/>
  <c r="N350" i="10"/>
  <c r="N351" i="10"/>
  <c r="N352" i="10"/>
  <c r="N353" i="10"/>
  <c r="N354" i="10"/>
  <c r="N355" i="10"/>
  <c r="N356" i="10"/>
  <c r="N357" i="10"/>
  <c r="N358" i="10"/>
  <c r="N359" i="10"/>
  <c r="N360" i="10"/>
  <c r="N361" i="10"/>
  <c r="N362" i="10"/>
  <c r="N363" i="10"/>
  <c r="N364" i="10"/>
  <c r="N365" i="10"/>
  <c r="N366" i="10"/>
  <c r="N367" i="10"/>
  <c r="N368" i="10"/>
  <c r="N369" i="10"/>
  <c r="N370" i="10"/>
  <c r="N371" i="10"/>
  <c r="N372" i="10"/>
  <c r="N373" i="10"/>
  <c r="N374" i="10"/>
  <c r="N375" i="10"/>
  <c r="N376" i="10"/>
  <c r="N377" i="10"/>
  <c r="N378" i="10"/>
  <c r="N379" i="10"/>
  <c r="N380" i="10"/>
  <c r="N381" i="10"/>
  <c r="N382" i="10"/>
  <c r="N383" i="10"/>
  <c r="N384" i="10"/>
  <c r="N385" i="10"/>
  <c r="N386" i="10"/>
  <c r="N387" i="10"/>
  <c r="N388" i="10"/>
  <c r="N389" i="10"/>
  <c r="N390" i="10"/>
  <c r="N391" i="10"/>
  <c r="N392" i="10"/>
  <c r="N393" i="10"/>
  <c r="N394" i="10"/>
  <c r="N395" i="10"/>
  <c r="N396" i="10"/>
  <c r="N397" i="10"/>
  <c r="N398" i="10"/>
  <c r="N399" i="10"/>
  <c r="N400" i="10"/>
  <c r="N401" i="10"/>
  <c r="N402" i="10"/>
  <c r="N403" i="10"/>
  <c r="N404" i="10"/>
  <c r="N405" i="10"/>
  <c r="N406" i="10"/>
  <c r="N407" i="10"/>
  <c r="N408" i="10"/>
  <c r="N409" i="10"/>
  <c r="N410" i="10"/>
  <c r="N411" i="10"/>
  <c r="N412" i="10"/>
  <c r="N413" i="10"/>
  <c r="N414" i="10"/>
  <c r="N415" i="10"/>
  <c r="N416" i="10"/>
  <c r="N417" i="10"/>
  <c r="N418" i="10"/>
  <c r="N419" i="10"/>
  <c r="N420" i="10"/>
  <c r="N421" i="10"/>
  <c r="N422" i="10"/>
  <c r="N423" i="10"/>
  <c r="N424" i="10"/>
  <c r="N425" i="10"/>
  <c r="N426" i="10"/>
  <c r="N427" i="10"/>
  <c r="N428" i="10"/>
  <c r="N429" i="10"/>
  <c r="N430" i="10"/>
  <c r="N431" i="10"/>
  <c r="N432" i="10"/>
  <c r="N433" i="10"/>
  <c r="N434" i="10"/>
  <c r="N435" i="10"/>
  <c r="N436" i="10"/>
  <c r="N437" i="10"/>
  <c r="N438" i="10"/>
  <c r="N439" i="10"/>
  <c r="N440" i="10"/>
  <c r="N441" i="10"/>
  <c r="N442" i="10"/>
  <c r="N443" i="10"/>
  <c r="N444" i="10"/>
  <c r="N445" i="10"/>
  <c r="N446" i="10"/>
  <c r="N447" i="10"/>
  <c r="N448" i="10"/>
  <c r="N449" i="10"/>
  <c r="N450" i="10"/>
  <c r="N451" i="10"/>
  <c r="N452" i="10"/>
  <c r="N453" i="10"/>
  <c r="N454" i="10"/>
  <c r="N455" i="10"/>
  <c r="N456" i="10"/>
  <c r="N457" i="10"/>
  <c r="N458" i="10"/>
  <c r="N459" i="10"/>
  <c r="N460" i="10"/>
  <c r="N461" i="10"/>
  <c r="N462" i="10"/>
  <c r="N463" i="10"/>
  <c r="N464" i="10"/>
  <c r="N465" i="10"/>
  <c r="N466" i="10"/>
  <c r="N467" i="10"/>
  <c r="N468" i="10"/>
  <c r="N469" i="10"/>
  <c r="N470" i="10"/>
  <c r="N471" i="10"/>
  <c r="N472" i="10"/>
  <c r="N473" i="10"/>
  <c r="N474" i="10"/>
  <c r="N475" i="10"/>
  <c r="N476" i="10"/>
  <c r="N477" i="10"/>
  <c r="N478" i="10"/>
  <c r="N479" i="10"/>
  <c r="N480" i="10"/>
  <c r="N481" i="10"/>
  <c r="N482" i="10"/>
  <c r="N483" i="10"/>
  <c r="N484" i="10"/>
  <c r="N485" i="10"/>
  <c r="N486" i="10"/>
  <c r="N487" i="10"/>
  <c r="N488" i="10"/>
  <c r="N489" i="10"/>
  <c r="N490" i="10"/>
  <c r="N491" i="10"/>
  <c r="N492" i="10"/>
  <c r="N493" i="10"/>
  <c r="N494" i="10"/>
  <c r="N495" i="10"/>
  <c r="N496" i="10"/>
  <c r="N497" i="10"/>
  <c r="N498" i="10"/>
  <c r="N499" i="10"/>
  <c r="N500" i="10"/>
  <c r="N501" i="10"/>
  <c r="N502" i="10"/>
  <c r="N503" i="10"/>
  <c r="N504" i="10"/>
  <c r="N505" i="10"/>
  <c r="N506" i="10"/>
  <c r="N507" i="10"/>
  <c r="N508" i="10"/>
  <c r="N509" i="10"/>
  <c r="N510" i="10"/>
  <c r="N511" i="10"/>
  <c r="N512" i="10"/>
  <c r="N513" i="10"/>
  <c r="N514" i="10"/>
  <c r="N515" i="10"/>
  <c r="N516" i="10"/>
  <c r="N517" i="10"/>
  <c r="N518" i="10"/>
  <c r="N519" i="10"/>
  <c r="N520" i="10"/>
  <c r="N521" i="10"/>
  <c r="N522" i="10"/>
  <c r="N523" i="10"/>
  <c r="N524" i="10"/>
  <c r="N525" i="10"/>
  <c r="N526" i="10"/>
  <c r="N527" i="10"/>
  <c r="N528" i="10"/>
  <c r="N529" i="10"/>
  <c r="N530" i="10"/>
  <c r="N531" i="10"/>
  <c r="N532" i="10"/>
  <c r="N533" i="10"/>
  <c r="N534" i="10"/>
  <c r="N535" i="10"/>
  <c r="N536" i="10"/>
  <c r="N537" i="10"/>
  <c r="N538" i="10"/>
  <c r="N539" i="10"/>
  <c r="N540" i="10"/>
  <c r="N541" i="10"/>
  <c r="N542" i="10"/>
  <c r="N543" i="10"/>
  <c r="N544" i="10"/>
  <c r="N545" i="10"/>
  <c r="N546" i="10"/>
  <c r="N547" i="10"/>
  <c r="N548" i="10"/>
  <c r="N549" i="10"/>
  <c r="N550" i="10"/>
  <c r="N551" i="10"/>
  <c r="N552" i="10"/>
  <c r="N553" i="10"/>
  <c r="N554" i="10"/>
  <c r="N555" i="10"/>
  <c r="N556" i="10"/>
  <c r="N557" i="10"/>
  <c r="N558" i="10"/>
  <c r="N559" i="10"/>
  <c r="N560" i="10"/>
  <c r="N561" i="10"/>
  <c r="N562" i="10"/>
  <c r="N563" i="10"/>
  <c r="N564" i="10"/>
  <c r="N565" i="10"/>
  <c r="N566" i="10"/>
  <c r="N567" i="10"/>
  <c r="N568" i="10"/>
  <c r="N569" i="10"/>
  <c r="N570" i="10"/>
  <c r="N571" i="10"/>
  <c r="N572" i="10"/>
  <c r="N573" i="10"/>
  <c r="N574" i="10"/>
  <c r="N575" i="10"/>
  <c r="N576" i="10"/>
  <c r="N577" i="10"/>
  <c r="N578" i="10"/>
  <c r="N579" i="10"/>
  <c r="N580" i="10"/>
  <c r="N581" i="10"/>
  <c r="N582" i="10"/>
  <c r="N583" i="10"/>
  <c r="N584" i="10"/>
  <c r="N585" i="10"/>
  <c r="N586" i="10"/>
  <c r="N587" i="10"/>
  <c r="N588" i="10"/>
  <c r="N589" i="10"/>
  <c r="N590" i="10"/>
  <c r="N591" i="10"/>
  <c r="N592" i="10"/>
  <c r="N593" i="10"/>
  <c r="N594" i="10"/>
  <c r="N595" i="10"/>
  <c r="N596" i="10"/>
  <c r="N597" i="10"/>
  <c r="N598" i="10"/>
  <c r="N599" i="10"/>
  <c r="N600" i="10"/>
  <c r="N601" i="10"/>
  <c r="N602" i="10"/>
  <c r="N603" i="10"/>
  <c r="N604" i="10"/>
  <c r="N605" i="10"/>
  <c r="N606" i="10"/>
  <c r="N607" i="10"/>
  <c r="N608" i="10"/>
  <c r="N609" i="10"/>
  <c r="N610" i="10"/>
  <c r="N611" i="10"/>
  <c r="N612" i="10"/>
  <c r="N613" i="10"/>
  <c r="N614" i="10"/>
  <c r="N615" i="10"/>
  <c r="N616" i="10"/>
  <c r="N617" i="10"/>
  <c r="N618" i="10"/>
  <c r="N619" i="10"/>
  <c r="N620" i="10"/>
  <c r="N621" i="10"/>
  <c r="N622" i="10"/>
  <c r="N623" i="10"/>
  <c r="N624" i="10"/>
  <c r="N625" i="10"/>
  <c r="N626" i="10"/>
  <c r="N627" i="10"/>
  <c r="N628" i="10"/>
  <c r="N629" i="10"/>
  <c r="N630" i="10"/>
  <c r="N631" i="10"/>
  <c r="N632" i="10"/>
  <c r="N633" i="10"/>
  <c r="N634" i="10"/>
  <c r="N635" i="10"/>
  <c r="N636" i="10"/>
  <c r="N637" i="10"/>
  <c r="N638" i="10"/>
  <c r="N639" i="10"/>
  <c r="N640" i="10"/>
  <c r="N641" i="10"/>
  <c r="N642" i="10"/>
  <c r="N643" i="10"/>
  <c r="N644" i="10"/>
  <c r="N645" i="10"/>
  <c r="N646" i="10"/>
  <c r="N647" i="10"/>
  <c r="N648" i="10"/>
  <c r="N649" i="10"/>
  <c r="N650" i="10"/>
  <c r="N651" i="10"/>
  <c r="N652" i="10"/>
  <c r="N653" i="10"/>
  <c r="N654" i="10"/>
  <c r="N655" i="10"/>
  <c r="N656" i="10"/>
  <c r="N657" i="10"/>
  <c r="N658" i="10"/>
  <c r="N659" i="10"/>
  <c r="N660" i="10"/>
  <c r="N661" i="10"/>
  <c r="N662" i="10"/>
  <c r="N663" i="10"/>
  <c r="N664" i="10"/>
  <c r="N665" i="10"/>
  <c r="N666" i="10"/>
  <c r="N667" i="10"/>
  <c r="N668" i="10"/>
  <c r="N669" i="10"/>
  <c r="N670" i="10"/>
  <c r="N671" i="10"/>
  <c r="N672" i="10"/>
  <c r="N673" i="10"/>
  <c r="N674" i="10"/>
  <c r="N675" i="10"/>
  <c r="N676" i="10"/>
  <c r="N677" i="10"/>
  <c r="N678" i="10"/>
  <c r="N679" i="10"/>
  <c r="N680" i="10"/>
  <c r="N681" i="10"/>
  <c r="N682" i="10"/>
  <c r="N683" i="10"/>
  <c r="N684" i="10"/>
  <c r="N685" i="10"/>
  <c r="N686" i="10"/>
  <c r="N687" i="10"/>
  <c r="N688" i="10"/>
  <c r="N689" i="10"/>
  <c r="N690" i="10"/>
  <c r="N691" i="10"/>
  <c r="N692" i="10"/>
  <c r="N693" i="10"/>
  <c r="N694" i="10"/>
  <c r="N695" i="10"/>
  <c r="N696" i="10"/>
  <c r="N697" i="10"/>
  <c r="N698" i="10"/>
  <c r="N699" i="10"/>
  <c r="N700" i="10"/>
  <c r="N701" i="10"/>
  <c r="N702" i="10"/>
  <c r="N703" i="10"/>
  <c r="N704" i="10"/>
  <c r="N705" i="10"/>
  <c r="N706" i="10"/>
  <c r="N707" i="10"/>
  <c r="N708" i="10"/>
  <c r="N709" i="10"/>
  <c r="N710" i="10"/>
  <c r="N711" i="10"/>
  <c r="N712" i="10"/>
  <c r="N713" i="10"/>
  <c r="N714" i="10"/>
  <c r="N715" i="10"/>
  <c r="N716" i="10"/>
  <c r="N717" i="10"/>
  <c r="N718" i="10"/>
  <c r="N719" i="10"/>
  <c r="N720" i="10"/>
  <c r="N721" i="10"/>
  <c r="N722" i="10"/>
  <c r="N723" i="10"/>
  <c r="N724" i="10"/>
  <c r="N725" i="10"/>
  <c r="N726" i="10"/>
  <c r="N727" i="10"/>
  <c r="N728" i="10"/>
  <c r="N729" i="10"/>
  <c r="N730" i="10"/>
  <c r="N731" i="10"/>
  <c r="N732" i="10"/>
  <c r="N733" i="10"/>
  <c r="N734" i="10"/>
  <c r="N735" i="10"/>
  <c r="N736" i="10"/>
  <c r="N737" i="10"/>
  <c r="N738" i="10"/>
  <c r="N739" i="10"/>
  <c r="N740" i="10"/>
  <c r="N741" i="10"/>
  <c r="N742" i="10"/>
  <c r="N743" i="10"/>
  <c r="N744" i="10"/>
  <c r="N745" i="10"/>
  <c r="N746" i="10"/>
  <c r="N747" i="10"/>
  <c r="N748" i="10"/>
  <c r="N749" i="10"/>
  <c r="N750" i="10"/>
  <c r="N751" i="10"/>
  <c r="N752" i="10"/>
  <c r="N753" i="10"/>
  <c r="N754" i="10"/>
  <c r="N755" i="10"/>
  <c r="N756" i="10"/>
  <c r="N757" i="10"/>
  <c r="N758" i="10"/>
  <c r="N759" i="10"/>
  <c r="N760" i="10"/>
  <c r="N761" i="10"/>
  <c r="N762" i="10"/>
  <c r="N763" i="10"/>
  <c r="N764" i="10"/>
  <c r="N765" i="10"/>
  <c r="N766" i="10"/>
  <c r="N767" i="10"/>
  <c r="N768" i="10"/>
  <c r="N769" i="10"/>
  <c r="N770" i="10"/>
  <c r="N771" i="10"/>
  <c r="N772" i="10"/>
  <c r="N773" i="10"/>
  <c r="N774" i="10"/>
  <c r="N775" i="10"/>
  <c r="N776" i="10"/>
  <c r="N777" i="10"/>
  <c r="N778" i="10"/>
  <c r="N779" i="10"/>
  <c r="N780" i="10"/>
  <c r="N781" i="10"/>
  <c r="N782" i="10"/>
  <c r="N783" i="10"/>
  <c r="N784" i="10"/>
  <c r="N785" i="10"/>
  <c r="N786" i="10"/>
  <c r="N787" i="10"/>
  <c r="N788" i="10"/>
  <c r="N789" i="10"/>
  <c r="N790" i="10"/>
  <c r="N791" i="10"/>
  <c r="N792" i="10"/>
  <c r="N793" i="10"/>
  <c r="N794" i="10"/>
  <c r="N795" i="10"/>
  <c r="N796" i="10"/>
  <c r="N797" i="10"/>
  <c r="N798" i="10"/>
  <c r="N799" i="10"/>
  <c r="N800" i="10"/>
  <c r="N801" i="10"/>
  <c r="N802" i="10"/>
  <c r="N803" i="10"/>
  <c r="N804" i="10"/>
  <c r="N805" i="10"/>
  <c r="N806" i="10"/>
  <c r="N807" i="10"/>
  <c r="N808" i="10"/>
  <c r="N809" i="10"/>
  <c r="N810" i="10"/>
  <c r="N811" i="10"/>
  <c r="N812" i="10"/>
  <c r="N813" i="10"/>
  <c r="N814" i="10"/>
  <c r="N815" i="10"/>
  <c r="N816" i="10"/>
  <c r="N817" i="10"/>
  <c r="N818" i="10"/>
  <c r="N819" i="10"/>
  <c r="N820" i="10"/>
  <c r="N821" i="10"/>
  <c r="N822" i="10"/>
  <c r="N823" i="10"/>
  <c r="N824" i="10"/>
  <c r="N825" i="10"/>
  <c r="N826" i="10"/>
  <c r="N827" i="10"/>
  <c r="N828" i="10"/>
  <c r="N829" i="10"/>
  <c r="N830" i="10"/>
  <c r="N831" i="10"/>
  <c r="N832" i="10"/>
  <c r="N833" i="10"/>
  <c r="N834" i="10"/>
  <c r="N835" i="10"/>
  <c r="N836" i="10"/>
  <c r="N837" i="10"/>
  <c r="N838" i="10"/>
  <c r="N839" i="10"/>
  <c r="N840" i="10"/>
  <c r="N841" i="10"/>
  <c r="N842" i="10"/>
  <c r="N843" i="10"/>
  <c r="N844" i="10"/>
  <c r="N845" i="10"/>
  <c r="N846" i="10"/>
  <c r="N847" i="10"/>
  <c r="N848" i="10"/>
  <c r="N849" i="10"/>
  <c r="N850" i="10"/>
  <c r="N851" i="10"/>
  <c r="N852" i="10"/>
  <c r="N853" i="10"/>
  <c r="N854" i="10"/>
  <c r="N855" i="10"/>
  <c r="N856" i="10"/>
  <c r="N857" i="10"/>
  <c r="N858" i="10"/>
  <c r="N859" i="10"/>
  <c r="N860" i="10"/>
  <c r="N861" i="10"/>
  <c r="N862" i="10"/>
  <c r="N863" i="10"/>
  <c r="N864" i="10"/>
  <c r="N865" i="10"/>
  <c r="N866" i="10"/>
  <c r="N867" i="10"/>
  <c r="N868" i="10"/>
  <c r="N869" i="10"/>
  <c r="N870" i="10"/>
  <c r="N871" i="10"/>
  <c r="N872" i="10"/>
  <c r="N873" i="10"/>
  <c r="N874" i="10"/>
  <c r="N875" i="10"/>
  <c r="N876" i="10"/>
  <c r="N877" i="10"/>
  <c r="N878" i="10"/>
  <c r="N879" i="10"/>
  <c r="N880" i="10"/>
  <c r="N881" i="10"/>
  <c r="N882" i="10"/>
  <c r="N883" i="10"/>
  <c r="N884" i="10"/>
  <c r="N885" i="10"/>
  <c r="N886" i="10"/>
  <c r="N887" i="10"/>
  <c r="N888" i="10"/>
  <c r="N889" i="10"/>
  <c r="N890" i="10"/>
  <c r="N891" i="10"/>
  <c r="N892" i="10"/>
  <c r="N893" i="10"/>
  <c r="N894" i="10"/>
  <c r="N895" i="10"/>
  <c r="N896" i="10"/>
  <c r="N897" i="10"/>
  <c r="N898" i="10"/>
  <c r="N899" i="10"/>
  <c r="N900" i="10"/>
  <c r="N901" i="10"/>
  <c r="N902" i="10"/>
  <c r="N903" i="10"/>
  <c r="N904" i="10"/>
  <c r="N905" i="10"/>
  <c r="N906" i="10"/>
  <c r="N907" i="10"/>
  <c r="N908" i="10"/>
  <c r="N909" i="10"/>
  <c r="N910" i="10"/>
  <c r="N911" i="10"/>
  <c r="N912" i="10"/>
  <c r="N913" i="10"/>
  <c r="N914" i="10"/>
  <c r="N915" i="10"/>
  <c r="N916" i="10"/>
  <c r="N917" i="10"/>
  <c r="N918" i="10"/>
  <c r="N919" i="10"/>
  <c r="N920" i="10"/>
  <c r="N921" i="10"/>
  <c r="N922" i="10"/>
  <c r="N923" i="10"/>
  <c r="N924" i="10"/>
  <c r="N925" i="10"/>
  <c r="N926" i="10"/>
  <c r="N927" i="10"/>
  <c r="N928" i="10"/>
  <c r="N929" i="10"/>
  <c r="N930" i="10"/>
  <c r="N931" i="10"/>
  <c r="N932" i="10"/>
  <c r="N933" i="10"/>
  <c r="N934" i="10"/>
  <c r="N935" i="10"/>
  <c r="N936" i="10"/>
  <c r="N937" i="10"/>
  <c r="N938" i="10"/>
  <c r="N939" i="10"/>
  <c r="N940" i="10"/>
  <c r="N941" i="10"/>
  <c r="N942" i="10"/>
  <c r="N943" i="10"/>
  <c r="N944" i="10"/>
  <c r="N945" i="10"/>
  <c r="N946" i="10"/>
  <c r="N947" i="10"/>
  <c r="N948" i="10"/>
  <c r="N949" i="10"/>
  <c r="N950" i="10"/>
  <c r="N951" i="10"/>
  <c r="N952" i="10"/>
  <c r="N953" i="10"/>
  <c r="N954" i="10"/>
  <c r="N955" i="10"/>
  <c r="N956" i="10"/>
  <c r="N957" i="10"/>
  <c r="N958" i="10"/>
  <c r="N959" i="10"/>
  <c r="N960" i="10"/>
  <c r="N961" i="10"/>
  <c r="N962" i="10"/>
  <c r="N963" i="10"/>
  <c r="N964" i="10"/>
  <c r="N965" i="10"/>
  <c r="N966" i="10"/>
  <c r="N967" i="10"/>
  <c r="N968" i="10"/>
  <c r="N969" i="10"/>
  <c r="N970" i="10"/>
  <c r="N971" i="10"/>
  <c r="N972" i="10"/>
  <c r="N973" i="10"/>
  <c r="N974" i="10"/>
  <c r="N975" i="10"/>
  <c r="N976" i="10"/>
  <c r="N977" i="10"/>
  <c r="N978" i="10"/>
  <c r="N979" i="10"/>
  <c r="N980" i="10"/>
  <c r="N981" i="10"/>
  <c r="N982" i="10"/>
  <c r="N983" i="10"/>
  <c r="N984" i="10"/>
  <c r="N985" i="10"/>
  <c r="N986" i="10"/>
  <c r="N987" i="10"/>
  <c r="N988" i="10"/>
  <c r="N989" i="10"/>
  <c r="N990" i="10"/>
  <c r="N991" i="10"/>
  <c r="N992" i="10"/>
  <c r="N993" i="10"/>
  <c r="N994" i="10"/>
  <c r="N995" i="10"/>
  <c r="N996" i="10"/>
  <c r="N997" i="10"/>
  <c r="N998" i="10"/>
  <c r="N999" i="10"/>
  <c r="N1000" i="10"/>
  <c r="N1001" i="10"/>
  <c r="N1002" i="10"/>
  <c r="N1003" i="10"/>
  <c r="N1004" i="10"/>
  <c r="N1005" i="10"/>
  <c r="N1006" i="10"/>
  <c r="N1007" i="10"/>
  <c r="N1008" i="10"/>
  <c r="N1009" i="10"/>
  <c r="N1010" i="10"/>
  <c r="N1011" i="10"/>
  <c r="N1012" i="10"/>
  <c r="N1013" i="10"/>
  <c r="N1014" i="10"/>
  <c r="N1015" i="10"/>
  <c r="N1016" i="10"/>
  <c r="N1017" i="10"/>
  <c r="N1018" i="10"/>
  <c r="N1019" i="10"/>
  <c r="N1020" i="10"/>
  <c r="N1021" i="10"/>
  <c r="N1022" i="10"/>
  <c r="N1023" i="10"/>
  <c r="N1024" i="10"/>
  <c r="N1025" i="10"/>
  <c r="N1026" i="10"/>
  <c r="N1027" i="10"/>
  <c r="N1028" i="10"/>
  <c r="N1029" i="10"/>
  <c r="N1030" i="10"/>
  <c r="N1031" i="10"/>
  <c r="N1032" i="10"/>
  <c r="N1033" i="10"/>
  <c r="N1034" i="10"/>
  <c r="N1035" i="10"/>
  <c r="N1036" i="10"/>
  <c r="N1037" i="10"/>
  <c r="N1038" i="10"/>
  <c r="N1039" i="10"/>
  <c r="N1040" i="10"/>
  <c r="N1041" i="10"/>
  <c r="N1042" i="10"/>
  <c r="N1043" i="10"/>
  <c r="N1044" i="10"/>
  <c r="N1045" i="10"/>
  <c r="N1046" i="10"/>
  <c r="N1047" i="10"/>
  <c r="N1048" i="10"/>
  <c r="N1049" i="10"/>
  <c r="N1050" i="10"/>
  <c r="N1051" i="10"/>
  <c r="N1052" i="10"/>
  <c r="N1053" i="10"/>
  <c r="N1054" i="10"/>
  <c r="N1055" i="10"/>
  <c r="N1056" i="10"/>
  <c r="N1057" i="10"/>
  <c r="N1058" i="10"/>
  <c r="N1059" i="10"/>
  <c r="N1060" i="10"/>
  <c r="N1061" i="10"/>
  <c r="N1062" i="10"/>
  <c r="N1063" i="10"/>
  <c r="N1064" i="10"/>
  <c r="N1065" i="10"/>
  <c r="N1066" i="10"/>
  <c r="N1067" i="10"/>
  <c r="N1068" i="10"/>
  <c r="N1069" i="10"/>
  <c r="N1070" i="10"/>
  <c r="N1071" i="10"/>
  <c r="N1072" i="10"/>
  <c r="N1073" i="10"/>
  <c r="N1074" i="10"/>
  <c r="N1075" i="10"/>
  <c r="N1076" i="10"/>
  <c r="N1077" i="10"/>
  <c r="N1078" i="10"/>
  <c r="N1079" i="10"/>
  <c r="N1080" i="10"/>
  <c r="N1081" i="10"/>
  <c r="N1082" i="10"/>
  <c r="N1083" i="10"/>
  <c r="N1084" i="10"/>
  <c r="N1085" i="10"/>
  <c r="N1086" i="10"/>
  <c r="N1087" i="10"/>
  <c r="N1088" i="10"/>
  <c r="N1089" i="10"/>
  <c r="N1090" i="10"/>
  <c r="N1091" i="10"/>
  <c r="N1092" i="10"/>
  <c r="N1093" i="10"/>
  <c r="N1094" i="10"/>
  <c r="N1095" i="10"/>
  <c r="N1096" i="10"/>
  <c r="N1097" i="10"/>
  <c r="N1098" i="10"/>
  <c r="N1099" i="10"/>
  <c r="N1100" i="10"/>
  <c r="N1101" i="10"/>
  <c r="N1102" i="10"/>
  <c r="N1103" i="10"/>
  <c r="N1104" i="10"/>
  <c r="N1105" i="10"/>
  <c r="N1106" i="10"/>
  <c r="N1107" i="10"/>
  <c r="N1108" i="10"/>
  <c r="N1109" i="10"/>
  <c r="N1110" i="10"/>
  <c r="N1111" i="10"/>
  <c r="N1112" i="10"/>
  <c r="N1113" i="10"/>
  <c r="N1114" i="10"/>
  <c r="N1115" i="10"/>
  <c r="N1116" i="10"/>
  <c r="N1117" i="10"/>
  <c r="N1118" i="10"/>
  <c r="N1119" i="10"/>
  <c r="N1120" i="10"/>
  <c r="N1121" i="10"/>
  <c r="N1122" i="10"/>
  <c r="N1123" i="10"/>
  <c r="N1124" i="10"/>
  <c r="N1125" i="10"/>
  <c r="N1126" i="10"/>
  <c r="N1127" i="10"/>
  <c r="N1128" i="10"/>
  <c r="N1129" i="10"/>
  <c r="N1130" i="10"/>
  <c r="N1131" i="10"/>
  <c r="N1132" i="10"/>
  <c r="N1133" i="10"/>
  <c r="N1134" i="10"/>
  <c r="N1135" i="10"/>
  <c r="N1136" i="10"/>
  <c r="N1137" i="10"/>
  <c r="N1138" i="10"/>
  <c r="N1139" i="10"/>
  <c r="N1140" i="10"/>
  <c r="N1141" i="10"/>
  <c r="N1142" i="10"/>
  <c r="N1143" i="10"/>
  <c r="N1144" i="10"/>
  <c r="N1145" i="10"/>
  <c r="N1146" i="10"/>
  <c r="N1147" i="10"/>
  <c r="N1148" i="10"/>
  <c r="N1149" i="10"/>
  <c r="N1150" i="10"/>
  <c r="N1151" i="10"/>
  <c r="N1152" i="10"/>
  <c r="N1153" i="10"/>
  <c r="N1154" i="10"/>
  <c r="N1155" i="10"/>
  <c r="N1156" i="10"/>
  <c r="N1157" i="10"/>
  <c r="N1158" i="10"/>
  <c r="N1159" i="10"/>
  <c r="N1160" i="10"/>
  <c r="N1161" i="10"/>
  <c r="N1162" i="10"/>
  <c r="N1163" i="10"/>
  <c r="N1164" i="10"/>
  <c r="N1165" i="10"/>
  <c r="N1166" i="10"/>
  <c r="N1167" i="10"/>
  <c r="N1168" i="10"/>
  <c r="N1169" i="10"/>
  <c r="N1170" i="10"/>
  <c r="N1171" i="10"/>
  <c r="N1172" i="10"/>
  <c r="N1173" i="10"/>
  <c r="N1174" i="10"/>
  <c r="N1175" i="10"/>
  <c r="N1176" i="10"/>
  <c r="N1177" i="10"/>
  <c r="N1178" i="10"/>
  <c r="N1179" i="10"/>
  <c r="N1180" i="10"/>
  <c r="N1181" i="10"/>
  <c r="N1182" i="10"/>
  <c r="N1183" i="10"/>
  <c r="N1184" i="10"/>
  <c r="N1185" i="10"/>
  <c r="N1186" i="10"/>
  <c r="N1187" i="10"/>
  <c r="N1188" i="10"/>
  <c r="N1189" i="10"/>
  <c r="N1190" i="10"/>
  <c r="N1191" i="10"/>
  <c r="N1192" i="10"/>
  <c r="N1193" i="10"/>
  <c r="N1194" i="10"/>
  <c r="N1195" i="10"/>
  <c r="N1196" i="10"/>
  <c r="N1197" i="10"/>
  <c r="N1198" i="10"/>
  <c r="N1199" i="10"/>
  <c r="N1200" i="10"/>
  <c r="N1201" i="10"/>
  <c r="N1202" i="10"/>
  <c r="N1203" i="10"/>
  <c r="N1204" i="10"/>
  <c r="N1205" i="10"/>
  <c r="N1206" i="10"/>
  <c r="N1207" i="10"/>
  <c r="N1208" i="10"/>
  <c r="N1209" i="10"/>
  <c r="N1210" i="10"/>
  <c r="N1211" i="10"/>
  <c r="N1212" i="10"/>
  <c r="N1213" i="10"/>
  <c r="N1214" i="10"/>
  <c r="N1215" i="10"/>
  <c r="N1216" i="10"/>
  <c r="N1217" i="10"/>
  <c r="N1218" i="10"/>
  <c r="N1219" i="10"/>
  <c r="N1220" i="10"/>
  <c r="N1221" i="10"/>
  <c r="N1222" i="10"/>
  <c r="N1223" i="10"/>
  <c r="N1224" i="10"/>
  <c r="N1225" i="10"/>
  <c r="N1226" i="10"/>
  <c r="N1227" i="10"/>
  <c r="N1228" i="10"/>
  <c r="N1229" i="10"/>
  <c r="N1230" i="10"/>
  <c r="N1231" i="10"/>
  <c r="N1232" i="10"/>
  <c r="N1233" i="10"/>
  <c r="N1234" i="10"/>
  <c r="N1235" i="10"/>
  <c r="N1236" i="10"/>
  <c r="N1237" i="10"/>
  <c r="N1238" i="10"/>
  <c r="N1239" i="10"/>
  <c r="N1240" i="10"/>
  <c r="N1241" i="10"/>
  <c r="N1242" i="10"/>
  <c r="N1243" i="10"/>
  <c r="N1244" i="10"/>
  <c r="N1245" i="10"/>
  <c r="N1246" i="10"/>
  <c r="N1247" i="10"/>
  <c r="N1248" i="10"/>
  <c r="N1249" i="10"/>
  <c r="N1250" i="10"/>
  <c r="N1251" i="10"/>
  <c r="N1252" i="10"/>
  <c r="N1253" i="10"/>
  <c r="N1254" i="10"/>
  <c r="N1255" i="10"/>
  <c r="N1256" i="10"/>
  <c r="N1257" i="10"/>
  <c r="N1258" i="10"/>
  <c r="N1259" i="10"/>
  <c r="N1260" i="10"/>
  <c r="N1261" i="10"/>
  <c r="N1262" i="10"/>
  <c r="N1263" i="10"/>
  <c r="N1264" i="10"/>
  <c r="N1265" i="10"/>
  <c r="N1266" i="10"/>
  <c r="N1267" i="10"/>
  <c r="N1268" i="10"/>
  <c r="N1269" i="10"/>
  <c r="N1270" i="10"/>
  <c r="N1271" i="10"/>
  <c r="N1272" i="10"/>
  <c r="N1273" i="10"/>
  <c r="N1274" i="10"/>
  <c r="N1275" i="10"/>
  <c r="N1276" i="10"/>
  <c r="N1277" i="10"/>
  <c r="N1278" i="10"/>
  <c r="N1279" i="10"/>
  <c r="N1280" i="10"/>
  <c r="N1281" i="10"/>
  <c r="N1282" i="10"/>
  <c r="N1283" i="10"/>
  <c r="N1284" i="10"/>
  <c r="N1285" i="10"/>
  <c r="N1286" i="10"/>
  <c r="N1287" i="10"/>
  <c r="N1288" i="10"/>
  <c r="N1289" i="10"/>
  <c r="N1290" i="10"/>
  <c r="N1291" i="10"/>
  <c r="N1292" i="10"/>
  <c r="N1293" i="10"/>
  <c r="N1294" i="10"/>
  <c r="N1295" i="10"/>
  <c r="N1296" i="10"/>
  <c r="N1297" i="10"/>
  <c r="N1298" i="10"/>
  <c r="N1299" i="10"/>
  <c r="N1300" i="10"/>
  <c r="N1301" i="10"/>
  <c r="N1302" i="10"/>
  <c r="N1303" i="10"/>
  <c r="N1304" i="10"/>
  <c r="N1305" i="10"/>
  <c r="N1306" i="10"/>
  <c r="N1307" i="10"/>
  <c r="N1308" i="10"/>
  <c r="N1309" i="10"/>
  <c r="N1310" i="10"/>
  <c r="N1311" i="10"/>
  <c r="N1312" i="10"/>
  <c r="N1313" i="10"/>
  <c r="N1314" i="10"/>
  <c r="N1315" i="10"/>
  <c r="N1316" i="10"/>
  <c r="N1317" i="10"/>
  <c r="N1318" i="10"/>
  <c r="N1319" i="10"/>
  <c r="N1320" i="10"/>
  <c r="N1321" i="10"/>
  <c r="N1322" i="10"/>
  <c r="N1323" i="10"/>
  <c r="N1324" i="10"/>
  <c r="N1325" i="10"/>
  <c r="N1326" i="10"/>
  <c r="N1327" i="10"/>
  <c r="N1328" i="10"/>
  <c r="N1329" i="10"/>
  <c r="N1330" i="10"/>
  <c r="N1331" i="10"/>
  <c r="N1332" i="10"/>
  <c r="N1333" i="10"/>
  <c r="N1334" i="10"/>
  <c r="N1335" i="10"/>
  <c r="N1336" i="10"/>
  <c r="N1337" i="10"/>
  <c r="N1338" i="10"/>
  <c r="N1339" i="10"/>
  <c r="N1340" i="10"/>
  <c r="N1341" i="10"/>
  <c r="N1342" i="10"/>
  <c r="N1343" i="10"/>
  <c r="N1344" i="10"/>
  <c r="N1345" i="10"/>
  <c r="N1346" i="10"/>
  <c r="N1347" i="10"/>
  <c r="N1348" i="10"/>
  <c r="N1349" i="10"/>
  <c r="N1350" i="10"/>
  <c r="N1351" i="10"/>
  <c r="N1352" i="10"/>
  <c r="N1353" i="10"/>
  <c r="N1354" i="10"/>
  <c r="N1355" i="10"/>
  <c r="N1356" i="10"/>
  <c r="N1357" i="10"/>
  <c r="N1358" i="10"/>
  <c r="N1359" i="10"/>
  <c r="N1360" i="10"/>
  <c r="N1361" i="10"/>
  <c r="N1362" i="10"/>
  <c r="N1363" i="10"/>
  <c r="N1364" i="10"/>
  <c r="N1365" i="10"/>
  <c r="N1366" i="10"/>
  <c r="N1367" i="10"/>
  <c r="N1368" i="10"/>
  <c r="N1369" i="10"/>
  <c r="N1370" i="10"/>
  <c r="N1371" i="10"/>
  <c r="N1372" i="10"/>
  <c r="N1373" i="10"/>
  <c r="N1374" i="10"/>
  <c r="N1375" i="10"/>
  <c r="N1376" i="10"/>
  <c r="N1377" i="10"/>
  <c r="N1378" i="10"/>
  <c r="N1379" i="10"/>
  <c r="N1380" i="10"/>
  <c r="N1381" i="10"/>
  <c r="N1382" i="10"/>
  <c r="N1383" i="10"/>
  <c r="N1384" i="10"/>
  <c r="N1385" i="10"/>
  <c r="N1386" i="10"/>
  <c r="N1387" i="10"/>
  <c r="N1388" i="10"/>
  <c r="N1389" i="10"/>
  <c r="N1390" i="10"/>
  <c r="N1391" i="10"/>
  <c r="N1392" i="10"/>
  <c r="N1393" i="10"/>
  <c r="N1394" i="10"/>
  <c r="N1395" i="10"/>
  <c r="N1396" i="10"/>
  <c r="N1397" i="10"/>
  <c r="N1398" i="10"/>
  <c r="N1399" i="10"/>
  <c r="N1400" i="10"/>
  <c r="N1401" i="10"/>
  <c r="N1402" i="10"/>
  <c r="N1403" i="10"/>
  <c r="N1404" i="10"/>
  <c r="N1405" i="10"/>
  <c r="N1406" i="10"/>
  <c r="N1407" i="10"/>
  <c r="N1408" i="10"/>
  <c r="N1409" i="10"/>
  <c r="N1410" i="10"/>
  <c r="N1411" i="10"/>
  <c r="N1412" i="10"/>
  <c r="N1413" i="10"/>
  <c r="N1414" i="10"/>
  <c r="N1415" i="10"/>
  <c r="N1416" i="10"/>
  <c r="N1417" i="10"/>
  <c r="N1418" i="10"/>
  <c r="N1419" i="10"/>
  <c r="N1420" i="10"/>
  <c r="N1421" i="10"/>
  <c r="N1422" i="10"/>
  <c r="N1423" i="10"/>
  <c r="N1424" i="10"/>
  <c r="N1425" i="10"/>
  <c r="N1426" i="10"/>
  <c r="N1427" i="10"/>
  <c r="N1428" i="10"/>
  <c r="N1429" i="10"/>
  <c r="N1430" i="10"/>
  <c r="N1431" i="10"/>
  <c r="N1432" i="10"/>
  <c r="N1433" i="10"/>
  <c r="N1434" i="10"/>
  <c r="N1435" i="10"/>
  <c r="N1436" i="10"/>
  <c r="N1437" i="10"/>
  <c r="N1438" i="10"/>
  <c r="N1439" i="10"/>
  <c r="N1440" i="10"/>
  <c r="N1441" i="10"/>
  <c r="N1442" i="10"/>
  <c r="N1443" i="10"/>
  <c r="N1444" i="10"/>
  <c r="N1445" i="10"/>
  <c r="N1446" i="10"/>
  <c r="N1447" i="10"/>
  <c r="N1448" i="10"/>
  <c r="N1449" i="10"/>
  <c r="N1450" i="10"/>
  <c r="N1451" i="10"/>
  <c r="N1452" i="10"/>
  <c r="N1453" i="10"/>
  <c r="N1454" i="10"/>
  <c r="N1455" i="10"/>
  <c r="N1456" i="10"/>
  <c r="N1457" i="10"/>
  <c r="N1458" i="10"/>
  <c r="N1459" i="10"/>
  <c r="N1460" i="10"/>
  <c r="N1461" i="10"/>
  <c r="N1462" i="10"/>
  <c r="N1463" i="10"/>
  <c r="N1464" i="10"/>
  <c r="N1465" i="10"/>
  <c r="N1466" i="10"/>
  <c r="N1467" i="10"/>
  <c r="N1468" i="10"/>
  <c r="N1469" i="10"/>
  <c r="N1470" i="10"/>
  <c r="N1471" i="10"/>
  <c r="N1472" i="10"/>
  <c r="N1473" i="10"/>
  <c r="N1474" i="10"/>
  <c r="N1475" i="10"/>
  <c r="N1476" i="10"/>
  <c r="N1477" i="10"/>
  <c r="N1478" i="10"/>
  <c r="N1479" i="10"/>
  <c r="N1480" i="10"/>
  <c r="N1481" i="10"/>
  <c r="N1482" i="10"/>
  <c r="N1483" i="10"/>
  <c r="N1484" i="10"/>
  <c r="N1485" i="10"/>
  <c r="N1486" i="10"/>
  <c r="N1487" i="10"/>
  <c r="N1488" i="10"/>
  <c r="N1489" i="10"/>
  <c r="N1490" i="10"/>
  <c r="N1491" i="10"/>
  <c r="N1492" i="10"/>
  <c r="N1493" i="10"/>
  <c r="N1494" i="10"/>
  <c r="N1495" i="10"/>
  <c r="N1496" i="10"/>
  <c r="N1497" i="10"/>
  <c r="N1498" i="10"/>
  <c r="N1499" i="10"/>
  <c r="N1500" i="10"/>
  <c r="N1501" i="10"/>
  <c r="N1502" i="10"/>
  <c r="N1503" i="10"/>
  <c r="N1504" i="10"/>
  <c r="N1505" i="10"/>
  <c r="N1506" i="10"/>
  <c r="N1507" i="10"/>
  <c r="N1508" i="10"/>
  <c r="N1509" i="10"/>
  <c r="N1510" i="10"/>
  <c r="N1511" i="10"/>
  <c r="N1512" i="10"/>
  <c r="N1513" i="10"/>
  <c r="N1514" i="10"/>
  <c r="N1515" i="10"/>
  <c r="N1516" i="10"/>
  <c r="N1517" i="10"/>
  <c r="N1518" i="10"/>
  <c r="N1519" i="10"/>
  <c r="N1520" i="10"/>
  <c r="N1521" i="10"/>
  <c r="N1522" i="10"/>
  <c r="N1523" i="10"/>
  <c r="N1524" i="10"/>
  <c r="N1525" i="10"/>
  <c r="N1526" i="10"/>
  <c r="N1527" i="10"/>
  <c r="N1528" i="10"/>
  <c r="N1529" i="10"/>
  <c r="N1530" i="10"/>
  <c r="N1531" i="10"/>
  <c r="N1532" i="10"/>
  <c r="N1533" i="10"/>
  <c r="N1534" i="10"/>
  <c r="N1535" i="10"/>
  <c r="N1536" i="10"/>
  <c r="N1537" i="10"/>
  <c r="N1538" i="10"/>
  <c r="N1539" i="10"/>
  <c r="N1540" i="10"/>
  <c r="N1541" i="10"/>
  <c r="N1542" i="10"/>
  <c r="N1543" i="10"/>
  <c r="N1544" i="10"/>
  <c r="N1545" i="10"/>
  <c r="N1546" i="10"/>
  <c r="N1547" i="10"/>
  <c r="N1548" i="10"/>
  <c r="N1549" i="10"/>
  <c r="N1550" i="10"/>
  <c r="N1551" i="10"/>
  <c r="N1552" i="10"/>
  <c r="N1553" i="10"/>
  <c r="N1554" i="10"/>
  <c r="N1555" i="10"/>
  <c r="N1556" i="10"/>
  <c r="N1557" i="10"/>
  <c r="N1558" i="10"/>
  <c r="N1559" i="10"/>
  <c r="N1560" i="10"/>
  <c r="N1561" i="10"/>
  <c r="N1562" i="10"/>
  <c r="N1563" i="10"/>
  <c r="N1564" i="10"/>
  <c r="N1565" i="10"/>
  <c r="N1566" i="10"/>
  <c r="N1567" i="10"/>
  <c r="N1568" i="10"/>
  <c r="N1569" i="10"/>
  <c r="N1570" i="10"/>
  <c r="N1571" i="10"/>
  <c r="N1572" i="10"/>
  <c r="N1573" i="10"/>
  <c r="N1574" i="10"/>
  <c r="N1575" i="10"/>
  <c r="N1576" i="10"/>
  <c r="N1577" i="10"/>
  <c r="N1578" i="10"/>
  <c r="N1579" i="10"/>
  <c r="N1580" i="10"/>
  <c r="N1581" i="10"/>
  <c r="N1582" i="10"/>
  <c r="N1583" i="10"/>
  <c r="N1584" i="10"/>
  <c r="N1585" i="10"/>
  <c r="N1586" i="10"/>
  <c r="N1587" i="10"/>
  <c r="N1588" i="10"/>
  <c r="N1589" i="10"/>
  <c r="N1590" i="10"/>
  <c r="N1591" i="10"/>
  <c r="N1592" i="10"/>
  <c r="N1593" i="10"/>
  <c r="N1594" i="10"/>
  <c r="N1595" i="10"/>
  <c r="N1596" i="10"/>
  <c r="N1597" i="10"/>
  <c r="N1598" i="10"/>
  <c r="N1599" i="10"/>
  <c r="N1600" i="10"/>
  <c r="N1601" i="10"/>
  <c r="N1602" i="10"/>
  <c r="N1603" i="10"/>
  <c r="N1604" i="10"/>
  <c r="N1605" i="10"/>
  <c r="N1606" i="10"/>
  <c r="N1607" i="10"/>
  <c r="N1608" i="10"/>
  <c r="N1609" i="10"/>
  <c r="N1610" i="10"/>
  <c r="N1611" i="10"/>
  <c r="N1612" i="10"/>
  <c r="N1613" i="10"/>
  <c r="N1614" i="10"/>
  <c r="N1615" i="10"/>
  <c r="N1616" i="10"/>
  <c r="N1617" i="10"/>
  <c r="N1618" i="10"/>
  <c r="N1619" i="10"/>
  <c r="N1620" i="10"/>
  <c r="N1621" i="10"/>
  <c r="N1622" i="10"/>
  <c r="N1623" i="10"/>
  <c r="N1624" i="10"/>
  <c r="N1625" i="10"/>
  <c r="N1626" i="10"/>
  <c r="N1627" i="10"/>
  <c r="N1628" i="10"/>
  <c r="N1629" i="10"/>
  <c r="N1630" i="10"/>
  <c r="N1631" i="10"/>
  <c r="N1632" i="10"/>
  <c r="N1633" i="10"/>
  <c r="N1634" i="10"/>
  <c r="N1635" i="10"/>
  <c r="N1636" i="10"/>
  <c r="N1637" i="10"/>
  <c r="N1638" i="10"/>
  <c r="N1639" i="10"/>
  <c r="N1640" i="10"/>
  <c r="N1641" i="10"/>
  <c r="N1642" i="10"/>
  <c r="N1643" i="10"/>
  <c r="N1644" i="10"/>
  <c r="N1645" i="10"/>
  <c r="N1646" i="10"/>
  <c r="N1647" i="10"/>
  <c r="N1648" i="10"/>
  <c r="N1649" i="10"/>
  <c r="N1650" i="10"/>
  <c r="N1651" i="10"/>
  <c r="N1652" i="10"/>
  <c r="N1653" i="10"/>
  <c r="N1654" i="10"/>
  <c r="N1655" i="10"/>
  <c r="N1656" i="10"/>
  <c r="N1657" i="10"/>
  <c r="N1658" i="10"/>
  <c r="N1659" i="10"/>
  <c r="N1660" i="10"/>
  <c r="N1661" i="10"/>
  <c r="N1662" i="10"/>
  <c r="N1663" i="10"/>
  <c r="N1664" i="10"/>
  <c r="N1665" i="10"/>
  <c r="N1666" i="10"/>
  <c r="N1667" i="10"/>
  <c r="N1668" i="10"/>
  <c r="N1669" i="10"/>
  <c r="N1670" i="10"/>
  <c r="N1671" i="10"/>
  <c r="N1672" i="10"/>
  <c r="N1673" i="10"/>
  <c r="N1674" i="10"/>
  <c r="N1675" i="10"/>
  <c r="N1676" i="10"/>
  <c r="N1677" i="10"/>
  <c r="N1678" i="10"/>
  <c r="N1679" i="10"/>
  <c r="N1680" i="10"/>
  <c r="N1681" i="10"/>
  <c r="N1682" i="10"/>
  <c r="N1683" i="10"/>
  <c r="N1684" i="10"/>
  <c r="N1685" i="10"/>
  <c r="N1686" i="10"/>
  <c r="N1687" i="10"/>
  <c r="N1688" i="10"/>
  <c r="N1689" i="10"/>
  <c r="N1690" i="10"/>
  <c r="N1691" i="10"/>
  <c r="N1692" i="10"/>
  <c r="N1693" i="10"/>
  <c r="N1694" i="10"/>
  <c r="N1695" i="10"/>
  <c r="N1696" i="10"/>
  <c r="N1697" i="10"/>
  <c r="N1698" i="10"/>
  <c r="N1699" i="10"/>
  <c r="N1700" i="10"/>
  <c r="N1701" i="10"/>
  <c r="N1702" i="10"/>
  <c r="N1703" i="10"/>
  <c r="N1704" i="10"/>
  <c r="N1705" i="10"/>
  <c r="N1706" i="10"/>
  <c r="N1707" i="10"/>
  <c r="N1708" i="10"/>
  <c r="N1709" i="10"/>
  <c r="N1710" i="10"/>
  <c r="N1711" i="10"/>
  <c r="N1712" i="10"/>
  <c r="N1713" i="10"/>
  <c r="N1714" i="10"/>
  <c r="N1715" i="10"/>
  <c r="N1716" i="10"/>
  <c r="N1717" i="10"/>
  <c r="N1718" i="10"/>
  <c r="N1719" i="10"/>
  <c r="N1720" i="10"/>
  <c r="N1721" i="10"/>
  <c r="N1722" i="10"/>
  <c r="N1723" i="10"/>
  <c r="N1724" i="10"/>
  <c r="N1725" i="10"/>
  <c r="N1726" i="10"/>
  <c r="N1727" i="10"/>
  <c r="N1728" i="10"/>
  <c r="N1729" i="10"/>
  <c r="N1730" i="10"/>
  <c r="N1731" i="10"/>
  <c r="N1732" i="10"/>
  <c r="N1733" i="10"/>
  <c r="N1734" i="10"/>
  <c r="N1735" i="10"/>
  <c r="N1736" i="10"/>
  <c r="N1737" i="10"/>
  <c r="N1738" i="10"/>
  <c r="N1739" i="10"/>
  <c r="N1740" i="10"/>
  <c r="N1741" i="10"/>
  <c r="N1742" i="10"/>
  <c r="N1743" i="10"/>
  <c r="N1744" i="10"/>
  <c r="N1745" i="10"/>
  <c r="N1746" i="10"/>
  <c r="N1747" i="10"/>
  <c r="N1748" i="10"/>
  <c r="N1749" i="10"/>
  <c r="N1750" i="10"/>
  <c r="N1751" i="10"/>
  <c r="N1752" i="10"/>
  <c r="N1753" i="10"/>
  <c r="N1754" i="10"/>
  <c r="N1755" i="10"/>
  <c r="N1756" i="10"/>
  <c r="N1757" i="10"/>
  <c r="N1758" i="10"/>
  <c r="N1759" i="10"/>
  <c r="N1760" i="10"/>
  <c r="N1761" i="10"/>
  <c r="N1762" i="10"/>
  <c r="N1763" i="10"/>
  <c r="N1764" i="10"/>
  <c r="N1765" i="10"/>
  <c r="N1766" i="10"/>
  <c r="N1767" i="10"/>
  <c r="N1768" i="10"/>
  <c r="N1769" i="10"/>
  <c r="N1770" i="10"/>
  <c r="N1771" i="10"/>
  <c r="N1772" i="10"/>
  <c r="N1773" i="10"/>
  <c r="N1774" i="10"/>
  <c r="N1775" i="10"/>
  <c r="N1776" i="10"/>
  <c r="N1777" i="10"/>
  <c r="N1778" i="10"/>
  <c r="N1779" i="10"/>
  <c r="N1780" i="10"/>
  <c r="N1781" i="10"/>
  <c r="N1782" i="10"/>
  <c r="N1783" i="10"/>
  <c r="N1784" i="10"/>
  <c r="N1785" i="10"/>
  <c r="N1786" i="10"/>
  <c r="N1787" i="10"/>
  <c r="N1788" i="10"/>
  <c r="N1789" i="10"/>
  <c r="N1790" i="10"/>
  <c r="N1791" i="10"/>
  <c r="N1792" i="10"/>
  <c r="N1793" i="10"/>
  <c r="N1794" i="10"/>
  <c r="N1795" i="10"/>
  <c r="N1796" i="10"/>
  <c r="N1797" i="10"/>
  <c r="N1798" i="10"/>
  <c r="N1799" i="10"/>
  <c r="N1800" i="10"/>
  <c r="N1801" i="10"/>
  <c r="N1802" i="10"/>
  <c r="N1803" i="10"/>
  <c r="N1804" i="10"/>
  <c r="N1805" i="10"/>
  <c r="N1806" i="10"/>
  <c r="N1807" i="10"/>
  <c r="N1808" i="10"/>
  <c r="N1809" i="10"/>
  <c r="N1810" i="10"/>
  <c r="N1811" i="10"/>
  <c r="N1812" i="10"/>
  <c r="N1813" i="10"/>
  <c r="N1814" i="10"/>
  <c r="N1815" i="10"/>
  <c r="N1816" i="10"/>
  <c r="N1817" i="10"/>
  <c r="N1818" i="10"/>
  <c r="N1819" i="10"/>
  <c r="N1820" i="10"/>
  <c r="N1821" i="10"/>
  <c r="N1822" i="10"/>
  <c r="N1823" i="10"/>
  <c r="N1824" i="10"/>
  <c r="N1825" i="10"/>
  <c r="N1826" i="10"/>
  <c r="N1827" i="10"/>
  <c r="N1828" i="10"/>
  <c r="N1829" i="10"/>
  <c r="N1830" i="10"/>
  <c r="N1831" i="10"/>
  <c r="N1832" i="10"/>
  <c r="N1833" i="10"/>
  <c r="N1834" i="10"/>
  <c r="N1835" i="10"/>
  <c r="N1836" i="10"/>
  <c r="N1837" i="10"/>
  <c r="N1838" i="10"/>
  <c r="N1839" i="10"/>
  <c r="N1840" i="10"/>
  <c r="N1841" i="10"/>
  <c r="N1842" i="10"/>
  <c r="N1843" i="10"/>
  <c r="N1844" i="10"/>
  <c r="N1845" i="10"/>
  <c r="N1846" i="10"/>
  <c r="N1847" i="10"/>
  <c r="N1848" i="10"/>
  <c r="N1849" i="10"/>
  <c r="N1850" i="10"/>
  <c r="N1851" i="10"/>
  <c r="N1852" i="10"/>
  <c r="N1853" i="10"/>
  <c r="N1854" i="10"/>
  <c r="N1855" i="10"/>
  <c r="N1856" i="10"/>
  <c r="N1857" i="10"/>
  <c r="N1858" i="10"/>
  <c r="N1859" i="10"/>
  <c r="N1860" i="10"/>
  <c r="N1861" i="10"/>
  <c r="N1862" i="10"/>
  <c r="N1863" i="10"/>
  <c r="N1864" i="10"/>
  <c r="N1865" i="10"/>
  <c r="N1866" i="10"/>
  <c r="N1867" i="10"/>
  <c r="N1868" i="10"/>
  <c r="N1869" i="10"/>
  <c r="N1870" i="10"/>
  <c r="N1871" i="10"/>
  <c r="N1872" i="10"/>
  <c r="N1873" i="10"/>
  <c r="N1874" i="10"/>
  <c r="N1875" i="10"/>
  <c r="N1876" i="10"/>
  <c r="N1877" i="10"/>
  <c r="N1878" i="10"/>
  <c r="N1879" i="10"/>
  <c r="N1880" i="10"/>
  <c r="N1881" i="10"/>
  <c r="N1882" i="10"/>
  <c r="N1883" i="10"/>
  <c r="N1884" i="10"/>
  <c r="N1885" i="10"/>
  <c r="N1886" i="10"/>
  <c r="N1887" i="10"/>
  <c r="N1888" i="10"/>
  <c r="N1889" i="10"/>
  <c r="N1890" i="10"/>
  <c r="N1891" i="10"/>
  <c r="N1892" i="10"/>
  <c r="N1893" i="10"/>
  <c r="N1894" i="10"/>
  <c r="N1895" i="10"/>
  <c r="N1896" i="10"/>
  <c r="N1897" i="10"/>
  <c r="N1898" i="10"/>
  <c r="N1899" i="10"/>
  <c r="N1900" i="10"/>
  <c r="N1901" i="10"/>
  <c r="N1902" i="10"/>
  <c r="N1903" i="10"/>
  <c r="N1904" i="10"/>
  <c r="N1905" i="10"/>
  <c r="N1906" i="10"/>
  <c r="N1907" i="10"/>
  <c r="N1908" i="10"/>
  <c r="N1909" i="10"/>
  <c r="N1910" i="10"/>
  <c r="N1911" i="10"/>
  <c r="N1912" i="10"/>
  <c r="N1913" i="10"/>
  <c r="N1914" i="10"/>
  <c r="N1915" i="10"/>
  <c r="N1916" i="10"/>
  <c r="N1917" i="10"/>
  <c r="N1918" i="10"/>
  <c r="N1919" i="10"/>
  <c r="N1920" i="10"/>
  <c r="N1921" i="10"/>
  <c r="N1922" i="10"/>
  <c r="N1923" i="10"/>
  <c r="N1924" i="10"/>
  <c r="N1925" i="10"/>
  <c r="N1926" i="10"/>
  <c r="N1927" i="10"/>
  <c r="N1928" i="10"/>
  <c r="N1929" i="10"/>
  <c r="N1930" i="10"/>
  <c r="N1931" i="10"/>
  <c r="N1932" i="10"/>
  <c r="N1933" i="10"/>
  <c r="N1934" i="10"/>
  <c r="N1935" i="10"/>
  <c r="N1936" i="10"/>
  <c r="N1937" i="10"/>
  <c r="N1938" i="10"/>
  <c r="N1939" i="10"/>
  <c r="N1940" i="10"/>
  <c r="N1941" i="10"/>
  <c r="N1942" i="10"/>
  <c r="N1943" i="10"/>
  <c r="N1944" i="10"/>
  <c r="N1945" i="10"/>
  <c r="N1946" i="10"/>
  <c r="N1947" i="10"/>
  <c r="N1948" i="10"/>
  <c r="N1949" i="10"/>
  <c r="N1950" i="10"/>
  <c r="N1951" i="10"/>
  <c r="N1952" i="10"/>
  <c r="N1953" i="10"/>
  <c r="N1954" i="10"/>
  <c r="N1955" i="10"/>
  <c r="N1956" i="10"/>
  <c r="N1957" i="10"/>
  <c r="N1958" i="10"/>
  <c r="N1959" i="10"/>
  <c r="N1960" i="10"/>
  <c r="N1961" i="10"/>
  <c r="N1962" i="10"/>
  <c r="N1963" i="10"/>
  <c r="N1964" i="10"/>
  <c r="N1965" i="10"/>
  <c r="N1966" i="10"/>
  <c r="N1967" i="10"/>
  <c r="N1968" i="10"/>
  <c r="N1969" i="10"/>
  <c r="N1970" i="10"/>
  <c r="N1971" i="10"/>
  <c r="N1972" i="10"/>
  <c r="N1973" i="10"/>
  <c r="N1974" i="10"/>
  <c r="N1975" i="10"/>
  <c r="N1976" i="10"/>
  <c r="N1977" i="10"/>
  <c r="N1978" i="10"/>
  <c r="N1979" i="10"/>
  <c r="N1980" i="10"/>
  <c r="N1981" i="10"/>
  <c r="N1982" i="10"/>
  <c r="N1983" i="10"/>
  <c r="N1984" i="10"/>
  <c r="N1985" i="10"/>
  <c r="N1986" i="10"/>
  <c r="N1987" i="10"/>
  <c r="N1988" i="10"/>
  <c r="N1989" i="10"/>
  <c r="N1990" i="10"/>
  <c r="N1991" i="10"/>
  <c r="N1992" i="10"/>
  <c r="N1993" i="10"/>
  <c r="N1994" i="10"/>
  <c r="N1995" i="10"/>
  <c r="N1996" i="10"/>
  <c r="N1997" i="10"/>
  <c r="N1998" i="10"/>
  <c r="N1999" i="10"/>
  <c r="N2000" i="10"/>
  <c r="N2001" i="10"/>
  <c r="N2002" i="10"/>
  <c r="N2003" i="10"/>
  <c r="N2004" i="10"/>
  <c r="N2005" i="10"/>
  <c r="N2006" i="10"/>
  <c r="N2007" i="10"/>
  <c r="N2008" i="10"/>
  <c r="N2009" i="10"/>
  <c r="N2010" i="10"/>
  <c r="N2011" i="10"/>
  <c r="N2012" i="10"/>
  <c r="N2013" i="10"/>
  <c r="N2014" i="10"/>
  <c r="N2015" i="10"/>
  <c r="N2016" i="10"/>
  <c r="N2017" i="10"/>
  <c r="N2018" i="10"/>
  <c r="N2019" i="10"/>
  <c r="N2020" i="10"/>
  <c r="N2021" i="10"/>
  <c r="N2022" i="10"/>
  <c r="N2023" i="10"/>
  <c r="N2024" i="10"/>
  <c r="N2025" i="10"/>
  <c r="N2026" i="10"/>
  <c r="N2027" i="10"/>
  <c r="N2028" i="10"/>
  <c r="N2029" i="10"/>
  <c r="N2030" i="10"/>
  <c r="N2031" i="10"/>
  <c r="N2032" i="10"/>
  <c r="N2033" i="10"/>
  <c r="N2034" i="10"/>
  <c r="N2035" i="10"/>
  <c r="N2036" i="10"/>
  <c r="N2037" i="10"/>
  <c r="N2038" i="10"/>
  <c r="N2039" i="10"/>
  <c r="N2040" i="10"/>
  <c r="N2041" i="10"/>
  <c r="N2042" i="10"/>
  <c r="N2043" i="10"/>
  <c r="N2044" i="10"/>
  <c r="N2045" i="10"/>
  <c r="N2046" i="10"/>
  <c r="N2047" i="10"/>
  <c r="N2048" i="10"/>
  <c r="N2049" i="10"/>
  <c r="N2050" i="10"/>
  <c r="N2051" i="10"/>
  <c r="N2052" i="10"/>
  <c r="N2053" i="10"/>
  <c r="N2054" i="10"/>
  <c r="N2055" i="10"/>
  <c r="N2056" i="10"/>
  <c r="N2057" i="10"/>
  <c r="N2058" i="10"/>
  <c r="N2059" i="10"/>
  <c r="N2060" i="10"/>
  <c r="N2061" i="10"/>
  <c r="N2062" i="10"/>
  <c r="N2063" i="10"/>
  <c r="N2064" i="10"/>
  <c r="N2065" i="10"/>
  <c r="N2066" i="10"/>
  <c r="N2067" i="10"/>
  <c r="N2068" i="10"/>
  <c r="N2069" i="10"/>
  <c r="N2070" i="10"/>
  <c r="N2071" i="10"/>
  <c r="N2072" i="10"/>
  <c r="N2073" i="10"/>
  <c r="N2074" i="10"/>
  <c r="N2075" i="10"/>
  <c r="N2076" i="10"/>
  <c r="N2077" i="10"/>
  <c r="N2078" i="10"/>
  <c r="N2079" i="10"/>
  <c r="N2080" i="10"/>
  <c r="N2081" i="10"/>
  <c r="N2082" i="10"/>
  <c r="N2083" i="10"/>
  <c r="N2084" i="10"/>
  <c r="N2085" i="10"/>
  <c r="N2086" i="10"/>
  <c r="N2087" i="10"/>
  <c r="N2088" i="10"/>
  <c r="N2089" i="10"/>
  <c r="N2090" i="10"/>
  <c r="N2091" i="10"/>
  <c r="N2092" i="10"/>
  <c r="N2093" i="10"/>
  <c r="N2094" i="10"/>
  <c r="N2095" i="10"/>
  <c r="N2096" i="10"/>
  <c r="N2097" i="10"/>
  <c r="N2098" i="10"/>
  <c r="N2099" i="10"/>
  <c r="N2100" i="10"/>
  <c r="N2101" i="10"/>
  <c r="N2102" i="10"/>
  <c r="N2103" i="10"/>
  <c r="N2104" i="10"/>
  <c r="N2105" i="10"/>
  <c r="N2106" i="10"/>
  <c r="N2107" i="10"/>
  <c r="N2108" i="10"/>
  <c r="N2109" i="10"/>
  <c r="N2110" i="10"/>
  <c r="N2111" i="10"/>
  <c r="N2112" i="10"/>
  <c r="N2113" i="10"/>
  <c r="N2114" i="10"/>
  <c r="N2115" i="10"/>
  <c r="N2116" i="10"/>
  <c r="N2117" i="10"/>
  <c r="N2118" i="10"/>
  <c r="N2119" i="10"/>
  <c r="N2120" i="10"/>
  <c r="N2121" i="10"/>
  <c r="N2122" i="10"/>
  <c r="N2123" i="10"/>
  <c r="N2124" i="10"/>
  <c r="N2125" i="10"/>
  <c r="N2126" i="10"/>
  <c r="N2127" i="10"/>
  <c r="N2128" i="10"/>
  <c r="N2129" i="10"/>
  <c r="N2130" i="10"/>
  <c r="N2131" i="10"/>
  <c r="N2132" i="10"/>
  <c r="N2133" i="10"/>
  <c r="N2134" i="10"/>
  <c r="N2135" i="10"/>
  <c r="N2136" i="10"/>
  <c r="N2137" i="10"/>
  <c r="N2138" i="10"/>
  <c r="N2139" i="10"/>
  <c r="N2140" i="10"/>
  <c r="N2141" i="10"/>
  <c r="N2142" i="10"/>
  <c r="N2143" i="10"/>
  <c r="N2144" i="10"/>
  <c r="N2145" i="10"/>
  <c r="N2146" i="10"/>
  <c r="N2147" i="10"/>
  <c r="N2148" i="10"/>
  <c r="N2149" i="10"/>
  <c r="N2150" i="10"/>
  <c r="N2151" i="10"/>
  <c r="N2152" i="10"/>
  <c r="N2153" i="10"/>
  <c r="N2154" i="10"/>
  <c r="N2155" i="10"/>
  <c r="N2156" i="10"/>
  <c r="N2157" i="10"/>
  <c r="N2158" i="10"/>
  <c r="N2159" i="10"/>
  <c r="N2160" i="10"/>
  <c r="N2161" i="10"/>
  <c r="N2162" i="10"/>
  <c r="N2163" i="10"/>
  <c r="N2164" i="10"/>
  <c r="N2165" i="10"/>
  <c r="N2166" i="10"/>
  <c r="N2167" i="10"/>
  <c r="N2168" i="10"/>
  <c r="N2169" i="10"/>
  <c r="N2170" i="10"/>
  <c r="N2171" i="10"/>
  <c r="N2172" i="10"/>
  <c r="N2173" i="10"/>
  <c r="N2174" i="10"/>
  <c r="N2175" i="10"/>
  <c r="N2176" i="10"/>
  <c r="N2177" i="10"/>
  <c r="N2178" i="10"/>
  <c r="N2179" i="10"/>
  <c r="N2180" i="10"/>
  <c r="N2181" i="10"/>
  <c r="N2182" i="10"/>
  <c r="N2183" i="10"/>
  <c r="N2184" i="10"/>
  <c r="N2185" i="10"/>
  <c r="N2186" i="10"/>
  <c r="N2187" i="10"/>
  <c r="N2188" i="10"/>
  <c r="N2189" i="10"/>
  <c r="N2190" i="10"/>
  <c r="N2191" i="10"/>
  <c r="N2192" i="10"/>
  <c r="N2193" i="10"/>
  <c r="N2194" i="10"/>
  <c r="N2195" i="10"/>
  <c r="N2196" i="10"/>
  <c r="N2197" i="10"/>
  <c r="N2198" i="10"/>
  <c r="N2199" i="10"/>
  <c r="N2200" i="10"/>
  <c r="N2201" i="10"/>
  <c r="N2202" i="10"/>
  <c r="N2203" i="10"/>
  <c r="N2204" i="10"/>
  <c r="N2205" i="10"/>
  <c r="N2206" i="10"/>
  <c r="N2207" i="10"/>
  <c r="N2208" i="10"/>
  <c r="N2209" i="10"/>
  <c r="N2210" i="10"/>
  <c r="N2211" i="10"/>
  <c r="N2212" i="10"/>
  <c r="N2213" i="10"/>
  <c r="N2214" i="10"/>
  <c r="N2215" i="10"/>
  <c r="N2216" i="10"/>
  <c r="N2217" i="10"/>
  <c r="N2218" i="10"/>
  <c r="N2219" i="10"/>
  <c r="N2220" i="10"/>
  <c r="N2221" i="10"/>
  <c r="N2222" i="10"/>
  <c r="N2223" i="10"/>
  <c r="N2224" i="10"/>
  <c r="N2225" i="10"/>
  <c r="N2226" i="10"/>
  <c r="N2227" i="10"/>
  <c r="N2228" i="10"/>
  <c r="N2229" i="10"/>
  <c r="N2230" i="10"/>
  <c r="N2231" i="10"/>
  <c r="N2232" i="10"/>
  <c r="N2233" i="10"/>
  <c r="N2234" i="10"/>
  <c r="N2235" i="10"/>
  <c r="N2236" i="10"/>
  <c r="N2237" i="10"/>
  <c r="N2238" i="10"/>
  <c r="N2239" i="10"/>
  <c r="N2240" i="10"/>
  <c r="N2241" i="10"/>
  <c r="N2242" i="10"/>
  <c r="N2243" i="10"/>
  <c r="N2244" i="10"/>
  <c r="N2245" i="10"/>
  <c r="N2246" i="10"/>
  <c r="N2247" i="10"/>
  <c r="N2248" i="10"/>
  <c r="N2249" i="10"/>
  <c r="N2250" i="10"/>
  <c r="N2251" i="10"/>
  <c r="N2252" i="10"/>
  <c r="N2253" i="10"/>
  <c r="N2254" i="10"/>
  <c r="N2255" i="10"/>
  <c r="N2256" i="10"/>
  <c r="N2257" i="10"/>
  <c r="N2258" i="10"/>
  <c r="N2259" i="10"/>
  <c r="N2260" i="10"/>
  <c r="N2261" i="10"/>
  <c r="N2262" i="10"/>
  <c r="N2263" i="10"/>
  <c r="N2264" i="10"/>
  <c r="N2265" i="10"/>
  <c r="N2266" i="10"/>
  <c r="N2267" i="10"/>
  <c r="N2268" i="10"/>
  <c r="N2269" i="10"/>
  <c r="N2270" i="10"/>
  <c r="N2271" i="10"/>
  <c r="N2272" i="10"/>
  <c r="N2273" i="10"/>
  <c r="N2274" i="10"/>
  <c r="N2275" i="10"/>
  <c r="N2276" i="10"/>
  <c r="N2277" i="10"/>
  <c r="N2278" i="10"/>
  <c r="N2279" i="10"/>
  <c r="N2280" i="10"/>
  <c r="N2281" i="10"/>
  <c r="N2282" i="10"/>
  <c r="N2283" i="10"/>
  <c r="N2284" i="10"/>
  <c r="N2285" i="10"/>
  <c r="N2286" i="10"/>
  <c r="N2287" i="10"/>
  <c r="N2288" i="10"/>
  <c r="N2289" i="10"/>
  <c r="N2290" i="10"/>
  <c r="N2291" i="10"/>
  <c r="N2292" i="10"/>
  <c r="N2293" i="10"/>
  <c r="N2294" i="10"/>
  <c r="N2295" i="10"/>
  <c r="N2296" i="10"/>
  <c r="N2297" i="10"/>
  <c r="N2298" i="10"/>
  <c r="N2299" i="10"/>
  <c r="N2300" i="10"/>
  <c r="N2301" i="10"/>
  <c r="N2302" i="10"/>
  <c r="N2303" i="10"/>
  <c r="N2304" i="10"/>
  <c r="N2305" i="10"/>
  <c r="N2306" i="10"/>
  <c r="N2307" i="10"/>
  <c r="N2308" i="10"/>
  <c r="N2309" i="10"/>
  <c r="N2310" i="10"/>
  <c r="N2311" i="10"/>
  <c r="N2312" i="10"/>
  <c r="N2313" i="10"/>
  <c r="N2314" i="10"/>
  <c r="N2315" i="10"/>
  <c r="N2316" i="10"/>
  <c r="N2317" i="10"/>
  <c r="N2318" i="10"/>
  <c r="N2319" i="10"/>
  <c r="N2320" i="10"/>
  <c r="N2321" i="10"/>
  <c r="N2322" i="10"/>
  <c r="N2323" i="10"/>
  <c r="N2324" i="10"/>
  <c r="N2325" i="10"/>
  <c r="N2326" i="10"/>
  <c r="N2327" i="10"/>
  <c r="N2328" i="10"/>
  <c r="N2329" i="10"/>
  <c r="N2330" i="10"/>
  <c r="N2331" i="10"/>
  <c r="N2332" i="10"/>
  <c r="N2333" i="10"/>
  <c r="N2334" i="10"/>
  <c r="N2335" i="10"/>
  <c r="N2336" i="10"/>
  <c r="N2337" i="10"/>
  <c r="N2338" i="10"/>
  <c r="N2339" i="10"/>
  <c r="N2340" i="10"/>
  <c r="N2341" i="10"/>
  <c r="N2342" i="10"/>
  <c r="N2343" i="10"/>
  <c r="N2344" i="10"/>
  <c r="N2345" i="10"/>
  <c r="N2346" i="10"/>
  <c r="N2347" i="10"/>
  <c r="N2348" i="10"/>
  <c r="N2349" i="10"/>
  <c r="N2350" i="10"/>
  <c r="N2351" i="10"/>
  <c r="N2352" i="10"/>
  <c r="N2353" i="10"/>
  <c r="N2354" i="10"/>
  <c r="N2355" i="10"/>
  <c r="N2356" i="10"/>
  <c r="N2357" i="10"/>
  <c r="N2358" i="10"/>
  <c r="N2359" i="10"/>
  <c r="N2360" i="10"/>
  <c r="N2361" i="10"/>
  <c r="N2362" i="10"/>
  <c r="N2363" i="10"/>
  <c r="N2364" i="10"/>
  <c r="N2365" i="10"/>
  <c r="N2366" i="10"/>
  <c r="N2367" i="10"/>
  <c r="N2368" i="10"/>
  <c r="N2369" i="10"/>
  <c r="N2370" i="10"/>
  <c r="N2371" i="10"/>
  <c r="N2372" i="10"/>
  <c r="N2373" i="10"/>
  <c r="N2374" i="10"/>
  <c r="N2375" i="10"/>
  <c r="N2376" i="10"/>
  <c r="N2377" i="10"/>
  <c r="N2378" i="10"/>
  <c r="N2379" i="10"/>
  <c r="N2380" i="10"/>
  <c r="N2381" i="10"/>
  <c r="N2382" i="10"/>
  <c r="N2383" i="10"/>
  <c r="N2384" i="10"/>
  <c r="N2385" i="10"/>
  <c r="N2386" i="10"/>
  <c r="N2387" i="10"/>
  <c r="N2388" i="10"/>
  <c r="N2389" i="10"/>
  <c r="N2390" i="10"/>
  <c r="N2391" i="10"/>
  <c r="N2392" i="10"/>
  <c r="N2393" i="10"/>
  <c r="N2394" i="10"/>
  <c r="N2395" i="10"/>
  <c r="N2396" i="10"/>
  <c r="N2397" i="10"/>
  <c r="N2398" i="10"/>
  <c r="N2399" i="10"/>
  <c r="N2400" i="10"/>
  <c r="N2401" i="10"/>
  <c r="N2402" i="10"/>
  <c r="N2403" i="10"/>
  <c r="N2404" i="10"/>
  <c r="N2405" i="10"/>
  <c r="N2406" i="10"/>
  <c r="N2407" i="10"/>
  <c r="N2408" i="10"/>
  <c r="N2409" i="10"/>
  <c r="N2410" i="10"/>
  <c r="N2411" i="10"/>
  <c r="N2412" i="10"/>
  <c r="N2413" i="10"/>
  <c r="N2414" i="10"/>
  <c r="N2415" i="10"/>
  <c r="N2416" i="10"/>
  <c r="N2417" i="10"/>
  <c r="N2418" i="10"/>
  <c r="N2419" i="10"/>
  <c r="N2420" i="10"/>
  <c r="N2421" i="10"/>
  <c r="N2422" i="10"/>
  <c r="N2423" i="10"/>
  <c r="N2424" i="10"/>
  <c r="N2425" i="10"/>
  <c r="N2426" i="10"/>
  <c r="N2427" i="10"/>
  <c r="N2428" i="10"/>
  <c r="N2429" i="10"/>
  <c r="N2430" i="10"/>
  <c r="N2431" i="10"/>
  <c r="N2432" i="10"/>
  <c r="N2433" i="10"/>
  <c r="N2434" i="10"/>
  <c r="N2435" i="10"/>
  <c r="N2436" i="10"/>
  <c r="N2437" i="10"/>
  <c r="N2438" i="10"/>
  <c r="N2439" i="10"/>
  <c r="N2440" i="10"/>
  <c r="N2441" i="10"/>
  <c r="N2442" i="10"/>
  <c r="N2443" i="10"/>
  <c r="N2444" i="10"/>
  <c r="N2445" i="10"/>
  <c r="N2446" i="10"/>
  <c r="N2447" i="10"/>
  <c r="N2448" i="10"/>
  <c r="N2449" i="10"/>
  <c r="N2450" i="10"/>
  <c r="N2451" i="10"/>
  <c r="N2452" i="10"/>
  <c r="N2453" i="10"/>
  <c r="N2454" i="10"/>
  <c r="N2455" i="10"/>
  <c r="N2456" i="10"/>
  <c r="N2457" i="10"/>
  <c r="N2458" i="10"/>
  <c r="N2459" i="10"/>
  <c r="N2460" i="10"/>
  <c r="N2461" i="10"/>
  <c r="N2462" i="10"/>
  <c r="N2463" i="10"/>
  <c r="N2464" i="10"/>
  <c r="N2465" i="10"/>
  <c r="N2466" i="10"/>
  <c r="N2467" i="10"/>
  <c r="N2468" i="10"/>
  <c r="N2469" i="10"/>
  <c r="N2470" i="10"/>
  <c r="N2471" i="10"/>
  <c r="N2472" i="10"/>
  <c r="N2473" i="10"/>
  <c r="N2474" i="10"/>
  <c r="N2475" i="10"/>
  <c r="N2476" i="10"/>
  <c r="N2477" i="10"/>
  <c r="N2478" i="10"/>
  <c r="N2479" i="10"/>
  <c r="N2480" i="10"/>
  <c r="N2481" i="10"/>
  <c r="N2482" i="10"/>
  <c r="N2483" i="10"/>
  <c r="N2484" i="10"/>
  <c r="N2485" i="10"/>
  <c r="N2486" i="10"/>
  <c r="N2487" i="10"/>
  <c r="N2488" i="10"/>
  <c r="N2489" i="10"/>
  <c r="N2490" i="10"/>
  <c r="N2491" i="10"/>
  <c r="N2492" i="10"/>
  <c r="N2493" i="10"/>
  <c r="N2494" i="10"/>
  <c r="N2495" i="10"/>
  <c r="N2496" i="10"/>
  <c r="N2497" i="10"/>
  <c r="N2498" i="10"/>
  <c r="N2499" i="10"/>
  <c r="N2500" i="10"/>
  <c r="N2501" i="10"/>
  <c r="N2502" i="10"/>
  <c r="N2503" i="10"/>
  <c r="N2504" i="10"/>
  <c r="N2505" i="10"/>
  <c r="N2506" i="10"/>
  <c r="N2507" i="10"/>
  <c r="N2508" i="10"/>
  <c r="N2509" i="10"/>
  <c r="N2510" i="10"/>
  <c r="N2511" i="10"/>
  <c r="N2512" i="10"/>
  <c r="N2513" i="10"/>
  <c r="N2514" i="10"/>
  <c r="N2515" i="10"/>
  <c r="N2516" i="10"/>
  <c r="N2517" i="10"/>
  <c r="N2518" i="10"/>
  <c r="N2519" i="10"/>
  <c r="N2520" i="10"/>
  <c r="N2521" i="10"/>
  <c r="N2522" i="10"/>
  <c r="N2523" i="10"/>
  <c r="N2524" i="10"/>
  <c r="N2525" i="10"/>
  <c r="N2526" i="10"/>
  <c r="N2527" i="10"/>
  <c r="N2528" i="10"/>
  <c r="N2529" i="10"/>
  <c r="N2530" i="10"/>
  <c r="N2531" i="10"/>
  <c r="N2532" i="10"/>
  <c r="N2533" i="10"/>
  <c r="N2534" i="10"/>
  <c r="N2535" i="10"/>
  <c r="N2536" i="10"/>
  <c r="N2537" i="10"/>
  <c r="N2538" i="10"/>
  <c r="N2539" i="10"/>
  <c r="N2540" i="10"/>
  <c r="N2541" i="10"/>
  <c r="N2542" i="10"/>
  <c r="N2543" i="10"/>
  <c r="N2544" i="10"/>
  <c r="N2545" i="10"/>
  <c r="N2546" i="10"/>
  <c r="N2547" i="10"/>
  <c r="N2548" i="10"/>
  <c r="N2549" i="10"/>
  <c r="N2550" i="10"/>
  <c r="N2551" i="10"/>
  <c r="N2552" i="10"/>
  <c r="N2553" i="10"/>
  <c r="N2554" i="10"/>
  <c r="N2555" i="10"/>
  <c r="N2556" i="10"/>
  <c r="N2557" i="10"/>
  <c r="N2558" i="10"/>
  <c r="N2559" i="10"/>
  <c r="N2560" i="10"/>
  <c r="N2561" i="10"/>
  <c r="N2562" i="10"/>
  <c r="N2563" i="10"/>
  <c r="N2564" i="10"/>
  <c r="N2565" i="10"/>
  <c r="N2566" i="10"/>
  <c r="N2567" i="10"/>
  <c r="N2568" i="10"/>
  <c r="N2569" i="10"/>
  <c r="N2570" i="10"/>
  <c r="N2571" i="10"/>
  <c r="N2572" i="10"/>
  <c r="N2573" i="10"/>
  <c r="N2574" i="10"/>
  <c r="N2575" i="10"/>
  <c r="N2576" i="10"/>
  <c r="N2577" i="10"/>
  <c r="N2578" i="10"/>
  <c r="N2579" i="10"/>
  <c r="N2580" i="10"/>
  <c r="N2581" i="10"/>
  <c r="N2582" i="10"/>
  <c r="N2583" i="10"/>
  <c r="N2584" i="10"/>
  <c r="N2585" i="10"/>
  <c r="N2586" i="10"/>
  <c r="N2587" i="10"/>
  <c r="N2588" i="10"/>
  <c r="N2589" i="10"/>
  <c r="N2590" i="10"/>
  <c r="N2591" i="10"/>
  <c r="N2592" i="10"/>
  <c r="N2593" i="10"/>
  <c r="N2594" i="10"/>
  <c r="N2595" i="10"/>
  <c r="N2596" i="10"/>
  <c r="N2597" i="10"/>
  <c r="N2598" i="10"/>
  <c r="N2599" i="10"/>
  <c r="N2600" i="10"/>
  <c r="N2601" i="10"/>
  <c r="N2602" i="10"/>
  <c r="N2603" i="10"/>
  <c r="N2604" i="10"/>
  <c r="N2605" i="10"/>
  <c r="N2606" i="10"/>
  <c r="N2607" i="10"/>
  <c r="N2608" i="10"/>
  <c r="N2609" i="10"/>
  <c r="N2610" i="10"/>
  <c r="N2611" i="10"/>
  <c r="N2612" i="10"/>
  <c r="N2613" i="10"/>
  <c r="N2614" i="10"/>
  <c r="N2615" i="10"/>
  <c r="N2616" i="10"/>
  <c r="N2617" i="10"/>
  <c r="N2618" i="10"/>
  <c r="N2619" i="10"/>
  <c r="N2620" i="10"/>
  <c r="N2621" i="10"/>
  <c r="N2622" i="10"/>
  <c r="N2623" i="10"/>
  <c r="N2624" i="10"/>
  <c r="N2625" i="10"/>
  <c r="N2626" i="10"/>
  <c r="N2627" i="10"/>
  <c r="N2628" i="10"/>
  <c r="N2629" i="10"/>
  <c r="N2630" i="10"/>
  <c r="N2631" i="10"/>
  <c r="N2632" i="10"/>
  <c r="N2633" i="10"/>
  <c r="N2634" i="10"/>
  <c r="N2635" i="10"/>
  <c r="N2636" i="10"/>
  <c r="N2637" i="10"/>
  <c r="N2638" i="10"/>
  <c r="N2639" i="10"/>
  <c r="N2640" i="10"/>
  <c r="N2641" i="10"/>
  <c r="N2642" i="10"/>
  <c r="N2643" i="10"/>
  <c r="N2644" i="10"/>
  <c r="N2645" i="10"/>
  <c r="N2646" i="10"/>
  <c r="N2647" i="10"/>
  <c r="N2648" i="10"/>
  <c r="N2649" i="10"/>
  <c r="N2650" i="10"/>
  <c r="N2651" i="10"/>
  <c r="N2652" i="10"/>
  <c r="N2653" i="10"/>
  <c r="N2654" i="10"/>
  <c r="N2655" i="10"/>
  <c r="N2656" i="10"/>
  <c r="N2657" i="10"/>
  <c r="N2658" i="10"/>
  <c r="N2659" i="10"/>
  <c r="N2660" i="10"/>
  <c r="N2661" i="10"/>
  <c r="N2662" i="10"/>
  <c r="N2663" i="10"/>
  <c r="N2664" i="10"/>
  <c r="N2665" i="10"/>
  <c r="N2666" i="10"/>
  <c r="N2667" i="10"/>
  <c r="N2668" i="10"/>
  <c r="N2669" i="10"/>
  <c r="N2670" i="10"/>
  <c r="N2671" i="10"/>
  <c r="N2672" i="10"/>
  <c r="N2673" i="10"/>
  <c r="N2674" i="10"/>
  <c r="N2675" i="10"/>
  <c r="N2676" i="10"/>
  <c r="N2677" i="10"/>
  <c r="N2678" i="10"/>
  <c r="N2679" i="10"/>
  <c r="N2680" i="10"/>
  <c r="N2681" i="10"/>
  <c r="N2682" i="10"/>
  <c r="N2683" i="10"/>
  <c r="N2684" i="10"/>
  <c r="N2685" i="10"/>
  <c r="N2686" i="10"/>
  <c r="N2687" i="10"/>
  <c r="N2688" i="10"/>
  <c r="N2689" i="10"/>
  <c r="N2690" i="10"/>
  <c r="N2691" i="10"/>
  <c r="N2692" i="10"/>
  <c r="N2693" i="10"/>
  <c r="N2694" i="10"/>
  <c r="N2695" i="10"/>
  <c r="N2696" i="10"/>
  <c r="N2697" i="10"/>
  <c r="N2698" i="10"/>
  <c r="N2699" i="10"/>
  <c r="N2700" i="10"/>
  <c r="N2701" i="10"/>
  <c r="N2702" i="10"/>
  <c r="N2703" i="10"/>
  <c r="N2704" i="10"/>
  <c r="N2705" i="10"/>
  <c r="N2706" i="10"/>
  <c r="N2707" i="10"/>
  <c r="N2708" i="10"/>
  <c r="N2709" i="10"/>
  <c r="N2710" i="10"/>
  <c r="N2711" i="10"/>
  <c r="N2712" i="10"/>
  <c r="N2713" i="10"/>
  <c r="N2714" i="10"/>
  <c r="N2715" i="10"/>
  <c r="N2716" i="10"/>
  <c r="N2717" i="10"/>
  <c r="N2718" i="10"/>
  <c r="N2719" i="10"/>
  <c r="N2720" i="10"/>
  <c r="N2721" i="10"/>
  <c r="N2722" i="10"/>
  <c r="N2723" i="10"/>
  <c r="N2724" i="10"/>
  <c r="N2725" i="10"/>
  <c r="N2726" i="10"/>
  <c r="N2727" i="10"/>
  <c r="N2728" i="10"/>
  <c r="N2729" i="10"/>
  <c r="N2730" i="10"/>
  <c r="N2731" i="10"/>
  <c r="N2732" i="10"/>
  <c r="N2733" i="10"/>
  <c r="N2734" i="10"/>
  <c r="N2735" i="10"/>
  <c r="N2736" i="10"/>
  <c r="N2737" i="10"/>
  <c r="N2738" i="10"/>
  <c r="N2739" i="10"/>
  <c r="N2740" i="10"/>
  <c r="N2741" i="10"/>
  <c r="N2742" i="10"/>
  <c r="N2743" i="10"/>
  <c r="N2744" i="10"/>
  <c r="N2745" i="10"/>
  <c r="N2746" i="10"/>
  <c r="N2747" i="10"/>
  <c r="N2748" i="10"/>
  <c r="N2749" i="10"/>
  <c r="N2750" i="10"/>
  <c r="N2751" i="10"/>
  <c r="N2752" i="10"/>
  <c r="N2753" i="10"/>
  <c r="N2754" i="10"/>
  <c r="N2755" i="10"/>
  <c r="N2756" i="10"/>
  <c r="N2757" i="10"/>
  <c r="N2758" i="10"/>
  <c r="N2759" i="10"/>
  <c r="N2760" i="10"/>
  <c r="N2761" i="10"/>
  <c r="N2762" i="10"/>
  <c r="N2763" i="10"/>
  <c r="N2764" i="10"/>
  <c r="N2765" i="10"/>
  <c r="N2766" i="10"/>
  <c r="N2767" i="10"/>
  <c r="N2768" i="10"/>
  <c r="N2769" i="10"/>
  <c r="N2770" i="10"/>
  <c r="N2771" i="10"/>
  <c r="N2772" i="10"/>
  <c r="N2773" i="10"/>
  <c r="N2774" i="10"/>
  <c r="N2775" i="10"/>
  <c r="N2776" i="10"/>
  <c r="N2777" i="10"/>
  <c r="N2778" i="10"/>
  <c r="N2779" i="10"/>
  <c r="N2780" i="10"/>
  <c r="N2781" i="10"/>
  <c r="N2782" i="10"/>
  <c r="N2783" i="10"/>
  <c r="N2784" i="10"/>
  <c r="N2785" i="10"/>
  <c r="N2786" i="10"/>
  <c r="N2787" i="10"/>
  <c r="N2788" i="10"/>
  <c r="N2789" i="10"/>
  <c r="N2790" i="10"/>
  <c r="N2791" i="10"/>
  <c r="N2792" i="10"/>
  <c r="N2793" i="10"/>
  <c r="N2794" i="10"/>
  <c r="N2795" i="10"/>
  <c r="N2796" i="10"/>
  <c r="N2797" i="10"/>
  <c r="N2798" i="10"/>
  <c r="N2799" i="10"/>
  <c r="N2800" i="10"/>
  <c r="N2801" i="10"/>
  <c r="N2802" i="10"/>
  <c r="N2803" i="10"/>
  <c r="N2804" i="10"/>
  <c r="N2805" i="10"/>
  <c r="N2806" i="10"/>
  <c r="N2807" i="10"/>
  <c r="N2808" i="10"/>
  <c r="N2809" i="10"/>
  <c r="N2810" i="10"/>
  <c r="N2811" i="10"/>
  <c r="N2812" i="10"/>
  <c r="N2813" i="10"/>
  <c r="N2814" i="10"/>
  <c r="N2815" i="10"/>
  <c r="N2816" i="10"/>
  <c r="N2817" i="10"/>
  <c r="N2818" i="10"/>
  <c r="N2819" i="10"/>
  <c r="N2820" i="10"/>
  <c r="N2821" i="10"/>
  <c r="N2822" i="10"/>
  <c r="N2823" i="10"/>
  <c r="N2824" i="10"/>
  <c r="N2825" i="10"/>
  <c r="N2826" i="10"/>
  <c r="N2827" i="10"/>
  <c r="N2828" i="10"/>
  <c r="N2829" i="10"/>
  <c r="N2830" i="10"/>
  <c r="N2831" i="10"/>
  <c r="N2832" i="10"/>
  <c r="N2833" i="10"/>
  <c r="N2834" i="10"/>
  <c r="N2835" i="10"/>
  <c r="N2836" i="10"/>
  <c r="N2837" i="10"/>
  <c r="N2838" i="10"/>
  <c r="N2839" i="10"/>
  <c r="N2840" i="10"/>
  <c r="N2841" i="10"/>
  <c r="N2842" i="10"/>
  <c r="N2843" i="10"/>
  <c r="N2844" i="10"/>
  <c r="N2845" i="10"/>
  <c r="N2846" i="10"/>
  <c r="N2847" i="10"/>
  <c r="N2848" i="10"/>
  <c r="N2849" i="10"/>
  <c r="N2850" i="10"/>
  <c r="N2851" i="10"/>
  <c r="N2852" i="10"/>
  <c r="N2853" i="10"/>
  <c r="N2854" i="10"/>
  <c r="N2855" i="10"/>
  <c r="N2856" i="10"/>
  <c r="N2857" i="10"/>
  <c r="N2858" i="10"/>
  <c r="N2859" i="10"/>
  <c r="N2860" i="10"/>
  <c r="N2861" i="10"/>
  <c r="N2862" i="10"/>
  <c r="N2863" i="10"/>
  <c r="N2864" i="10"/>
  <c r="N2865" i="10"/>
  <c r="N2866" i="10"/>
  <c r="N2867" i="10"/>
  <c r="N2868" i="10"/>
  <c r="N2869" i="10"/>
  <c r="N2870" i="10"/>
  <c r="N2871" i="10"/>
  <c r="N2872" i="10"/>
  <c r="N2873" i="10"/>
  <c r="N2874" i="10"/>
  <c r="N2875" i="10"/>
  <c r="N2876" i="10"/>
  <c r="N2877" i="10"/>
  <c r="N2878" i="10"/>
  <c r="N2879" i="10"/>
  <c r="N2880" i="10"/>
  <c r="N2881" i="10"/>
  <c r="N2882" i="10"/>
  <c r="N2883" i="10"/>
  <c r="N2884" i="10"/>
  <c r="N2885" i="10"/>
  <c r="N2886" i="10"/>
  <c r="N2887" i="10"/>
  <c r="N2888" i="10"/>
  <c r="N2889" i="10"/>
  <c r="N2890" i="10"/>
  <c r="N2891" i="10"/>
  <c r="N2892" i="10"/>
  <c r="N2893" i="10"/>
  <c r="N2894" i="10"/>
  <c r="N2895" i="10"/>
  <c r="N2896" i="10"/>
  <c r="N2897" i="10"/>
  <c r="N2898" i="10"/>
  <c r="N2899" i="10"/>
  <c r="N2900" i="10"/>
  <c r="N2901" i="10"/>
  <c r="N2902" i="10"/>
  <c r="N2903" i="10"/>
  <c r="N2904" i="10"/>
  <c r="N2905" i="10"/>
  <c r="N2906" i="10"/>
  <c r="N2907" i="10"/>
  <c r="N2908" i="10"/>
  <c r="N2909" i="10"/>
  <c r="N2910" i="10"/>
  <c r="N2911" i="10"/>
  <c r="N2912" i="10"/>
  <c r="N2913" i="10"/>
  <c r="N2914" i="10"/>
  <c r="N2915" i="10"/>
  <c r="N2916" i="10"/>
  <c r="N2917" i="10"/>
  <c r="N2918" i="10"/>
  <c r="N2919" i="10"/>
  <c r="N2920" i="10"/>
  <c r="N2921" i="10"/>
  <c r="N2922" i="10"/>
  <c r="N2923" i="10"/>
  <c r="N2924" i="10"/>
  <c r="N2925" i="10"/>
  <c r="N2926" i="10"/>
  <c r="N2927" i="10"/>
  <c r="N2928" i="10"/>
  <c r="N2929" i="10"/>
  <c r="N2930" i="10"/>
  <c r="N2931" i="10"/>
  <c r="N2932" i="10"/>
  <c r="N2933" i="10"/>
  <c r="N2934" i="10"/>
  <c r="N2935" i="10"/>
  <c r="N2936" i="10"/>
  <c r="N2937" i="10"/>
  <c r="N2938" i="10"/>
  <c r="N2939" i="10"/>
  <c r="N2940" i="10"/>
  <c r="N2941" i="10"/>
  <c r="N2942" i="10"/>
  <c r="N2943" i="10"/>
  <c r="N2944" i="10"/>
  <c r="N2945" i="10"/>
  <c r="N2946" i="10"/>
  <c r="N2947" i="10"/>
  <c r="N2948" i="10"/>
  <c r="N2949" i="10"/>
  <c r="N2950" i="10"/>
  <c r="N2951" i="10"/>
  <c r="N2952" i="10"/>
  <c r="N2953" i="10"/>
  <c r="N2954" i="10"/>
  <c r="N2955" i="10"/>
  <c r="N2956" i="10"/>
  <c r="N2957" i="10"/>
  <c r="N2958" i="10"/>
  <c r="N2959" i="10"/>
  <c r="N2960" i="10"/>
  <c r="N2961" i="10"/>
  <c r="N2962" i="10"/>
  <c r="N2963" i="10"/>
  <c r="N2964" i="10"/>
  <c r="N2965" i="10"/>
  <c r="N2966" i="10"/>
  <c r="N2967" i="10"/>
  <c r="N2968" i="10"/>
  <c r="N2969" i="10"/>
  <c r="N2970" i="10"/>
  <c r="N2971" i="10"/>
  <c r="N2972" i="10"/>
  <c r="N2973" i="10"/>
  <c r="N2974" i="10"/>
  <c r="N2975" i="10"/>
  <c r="N2976" i="10"/>
  <c r="N2977" i="10"/>
  <c r="N2978" i="10"/>
  <c r="N2979" i="10"/>
  <c r="N2980" i="10"/>
  <c r="N2981" i="10"/>
  <c r="N2982" i="10"/>
  <c r="N2983" i="10"/>
  <c r="N2984" i="10"/>
  <c r="N2985" i="10"/>
  <c r="N2986" i="10"/>
  <c r="N2987" i="10"/>
  <c r="N2988" i="10"/>
  <c r="N2989" i="10"/>
  <c r="N2990" i="10"/>
  <c r="N2991" i="10"/>
  <c r="N2992" i="10"/>
  <c r="N2993" i="10"/>
  <c r="N2994" i="10"/>
  <c r="N2995" i="10"/>
  <c r="N2996" i="10"/>
  <c r="N2997" i="10"/>
  <c r="N2998" i="10"/>
  <c r="N2999" i="10"/>
  <c r="N3000" i="10"/>
  <c r="N3001" i="10"/>
  <c r="N3002" i="10"/>
  <c r="N3003" i="10"/>
  <c r="N3004" i="10"/>
  <c r="N3005" i="10"/>
  <c r="N3006" i="10"/>
  <c r="N3007" i="10"/>
  <c r="N3008" i="10"/>
  <c r="N3009" i="10"/>
  <c r="N3010" i="10"/>
  <c r="N3011" i="10"/>
  <c r="N3012" i="10"/>
  <c r="N3013" i="10"/>
  <c r="N3014" i="10"/>
  <c r="N3015" i="10"/>
  <c r="N3016" i="10"/>
  <c r="N3017" i="10"/>
  <c r="N3018" i="10"/>
  <c r="N3019" i="10"/>
  <c r="N3020" i="10"/>
  <c r="N3021" i="10"/>
  <c r="N3022" i="10"/>
  <c r="N3023" i="10"/>
  <c r="N3024" i="10"/>
  <c r="N3025" i="10"/>
  <c r="N3026" i="10"/>
  <c r="N3027" i="10"/>
  <c r="N3028" i="10"/>
  <c r="N3029" i="10"/>
  <c r="N3030" i="10"/>
  <c r="N3031" i="10"/>
  <c r="N3032" i="10"/>
  <c r="N3033" i="10"/>
  <c r="N3034" i="10"/>
  <c r="N3035" i="10"/>
  <c r="N3036" i="10"/>
  <c r="N3037" i="10"/>
  <c r="N3038" i="10"/>
  <c r="N3039" i="10"/>
  <c r="N3040" i="10"/>
  <c r="N3041" i="10"/>
  <c r="N3042" i="10"/>
  <c r="N3043" i="10"/>
  <c r="N3044" i="10"/>
  <c r="N3045" i="10"/>
  <c r="N3046" i="10"/>
  <c r="N3047" i="10"/>
  <c r="N3048" i="10"/>
  <c r="N3049" i="10"/>
  <c r="N3050" i="10"/>
  <c r="N3051" i="10"/>
  <c r="N3052" i="10"/>
  <c r="N3053" i="10"/>
  <c r="N3054" i="10"/>
  <c r="N3055" i="10"/>
  <c r="N3056" i="10"/>
  <c r="N3057" i="10"/>
  <c r="N3058" i="10"/>
  <c r="N3059" i="10"/>
  <c r="N3060" i="10"/>
  <c r="N3061" i="10"/>
  <c r="N3062" i="10"/>
  <c r="N3063" i="10"/>
  <c r="N3064" i="10"/>
  <c r="N3065" i="10"/>
  <c r="N3066" i="10"/>
  <c r="N3067" i="10"/>
  <c r="N3068" i="10"/>
  <c r="N3069" i="10"/>
  <c r="N3070" i="10"/>
  <c r="N3071" i="10"/>
  <c r="N3072" i="10"/>
  <c r="N3073" i="10"/>
  <c r="N3074" i="10"/>
  <c r="N3075" i="10"/>
  <c r="N3076" i="10"/>
  <c r="N3077" i="10"/>
  <c r="N3078" i="10"/>
  <c r="N3079" i="10"/>
  <c r="N3080" i="10"/>
  <c r="N3081" i="10"/>
  <c r="N3082" i="10"/>
  <c r="N3083" i="10"/>
  <c r="N3084" i="10"/>
  <c r="N3085" i="10"/>
  <c r="N3086" i="10"/>
  <c r="N3087" i="10"/>
  <c r="N3088" i="10"/>
  <c r="N3089" i="10"/>
  <c r="N3090" i="10"/>
  <c r="N3091" i="10"/>
  <c r="N3092" i="10"/>
  <c r="N3093" i="10"/>
  <c r="N3094" i="10"/>
  <c r="N3095" i="10"/>
  <c r="N3096" i="10"/>
  <c r="N3097" i="10"/>
  <c r="N3098" i="10"/>
  <c r="N3099" i="10"/>
  <c r="N3100" i="10"/>
  <c r="N3101" i="10"/>
  <c r="N3102" i="10"/>
  <c r="N3103" i="10"/>
  <c r="N3104" i="10"/>
  <c r="N3105" i="10"/>
  <c r="N3106" i="10"/>
  <c r="N3107" i="10"/>
  <c r="N3108" i="10"/>
  <c r="N3109" i="10"/>
  <c r="N3110" i="10"/>
  <c r="N3111" i="10"/>
  <c r="N3112" i="10"/>
  <c r="N3113" i="10"/>
  <c r="N3114" i="10"/>
  <c r="N3115" i="10"/>
  <c r="N3116" i="10"/>
  <c r="N3117" i="10"/>
  <c r="N3118" i="10"/>
  <c r="N3119" i="10"/>
  <c r="N3120" i="10"/>
  <c r="N3121" i="10"/>
  <c r="N3122" i="10"/>
  <c r="N3123" i="10"/>
  <c r="N3124" i="10"/>
  <c r="N3125" i="10"/>
  <c r="N3126" i="10"/>
  <c r="N3127" i="10"/>
  <c r="N3128" i="10"/>
  <c r="N3129" i="10"/>
  <c r="N3130" i="10"/>
  <c r="N3131" i="10"/>
  <c r="N3132" i="10"/>
  <c r="N3133" i="10"/>
  <c r="N3134" i="10"/>
  <c r="N3135" i="10"/>
  <c r="N3136" i="10"/>
  <c r="N3137" i="10"/>
  <c r="N3138" i="10"/>
  <c r="N3139" i="10"/>
  <c r="N3140" i="10"/>
  <c r="N3141" i="10"/>
  <c r="N3142" i="10"/>
  <c r="N3143" i="10"/>
  <c r="N3144" i="10"/>
  <c r="N3145" i="10"/>
  <c r="N3146" i="10"/>
  <c r="N3147" i="10"/>
  <c r="N3148" i="10"/>
  <c r="N3149" i="10"/>
  <c r="N3150" i="10"/>
  <c r="N3151" i="10"/>
  <c r="N3152" i="10"/>
  <c r="N3153" i="10"/>
  <c r="N3154" i="10"/>
  <c r="N3155" i="10"/>
  <c r="N3156" i="10"/>
  <c r="N3157" i="10"/>
  <c r="N3158" i="10"/>
  <c r="N3159" i="10"/>
  <c r="N3160" i="10"/>
  <c r="N3161" i="10"/>
  <c r="N3162" i="10"/>
  <c r="N3163" i="10"/>
  <c r="N3164" i="10"/>
  <c r="N3165" i="10"/>
  <c r="N3166" i="10"/>
  <c r="N3167" i="10"/>
  <c r="N3168" i="10"/>
  <c r="N3169" i="10"/>
  <c r="N3170" i="10"/>
  <c r="N3171" i="10"/>
  <c r="N3172" i="10"/>
  <c r="N3173" i="10"/>
  <c r="N3174" i="10"/>
  <c r="N3175" i="10"/>
  <c r="N3176" i="10"/>
  <c r="N3177" i="10"/>
  <c r="N3178" i="10"/>
  <c r="N3179" i="10"/>
  <c r="N3180" i="10"/>
  <c r="N3181" i="10"/>
  <c r="N3182" i="10"/>
  <c r="N3183" i="10"/>
  <c r="N3184" i="10"/>
  <c r="N3185" i="10"/>
  <c r="N3186" i="10"/>
  <c r="N3187" i="10"/>
  <c r="N3188" i="10"/>
  <c r="N3189" i="10"/>
  <c r="N3190" i="10"/>
  <c r="N3191" i="10"/>
  <c r="N3192" i="10"/>
  <c r="N3193" i="10"/>
  <c r="N3194" i="10"/>
  <c r="N3195" i="10"/>
  <c r="N3196" i="10"/>
  <c r="N3197" i="10"/>
  <c r="N3198" i="10"/>
  <c r="N3199" i="10"/>
  <c r="N3200" i="10"/>
  <c r="N3201" i="10"/>
  <c r="N3202" i="10"/>
  <c r="N3203" i="10"/>
  <c r="N3204" i="10"/>
  <c r="N3205" i="10"/>
  <c r="N3206" i="10"/>
  <c r="N3207" i="10"/>
  <c r="N3208" i="10"/>
  <c r="N3209" i="10"/>
  <c r="N3210" i="10"/>
  <c r="N3211" i="10"/>
  <c r="N3212" i="10"/>
  <c r="N3213" i="10"/>
  <c r="N3214" i="10"/>
  <c r="N3215" i="10"/>
  <c r="N3216" i="10"/>
  <c r="N3217" i="10"/>
  <c r="N3218" i="10"/>
  <c r="N3219" i="10"/>
  <c r="N3220" i="10"/>
  <c r="N3221" i="10"/>
  <c r="N3222" i="10"/>
  <c r="N3223" i="10"/>
  <c r="N3224" i="10"/>
  <c r="N3225" i="10"/>
  <c r="N3226" i="10"/>
  <c r="N3227" i="10"/>
  <c r="N3228" i="10"/>
  <c r="N3229" i="10"/>
  <c r="N3230" i="10"/>
  <c r="N3231" i="10"/>
  <c r="N3232" i="10"/>
  <c r="N3233" i="10"/>
  <c r="N3234" i="10"/>
  <c r="N3235" i="10"/>
  <c r="N3236" i="10"/>
  <c r="N3237" i="10"/>
  <c r="N3238" i="10"/>
  <c r="N3239" i="10"/>
  <c r="N3240" i="10"/>
  <c r="N3241" i="10"/>
  <c r="N3242" i="10"/>
  <c r="N3243" i="10"/>
  <c r="N3244" i="10"/>
  <c r="N3245" i="10"/>
  <c r="N3246" i="10"/>
  <c r="N3247" i="10"/>
  <c r="N3248" i="10"/>
  <c r="N3249" i="10"/>
  <c r="N3250" i="10"/>
  <c r="N3251" i="10"/>
  <c r="N3252" i="10"/>
  <c r="N3253" i="10"/>
  <c r="N3254" i="10"/>
  <c r="N3255" i="10"/>
  <c r="N3256" i="10"/>
  <c r="N3257" i="10"/>
  <c r="N3258" i="10"/>
  <c r="N3259" i="10"/>
  <c r="N3260" i="10"/>
  <c r="N3261" i="10"/>
  <c r="N3262" i="10"/>
  <c r="N3263" i="10"/>
  <c r="N3264" i="10"/>
  <c r="N3265" i="10"/>
  <c r="N3266" i="10"/>
  <c r="N3267" i="10"/>
  <c r="N3268" i="10"/>
  <c r="N3269" i="10"/>
  <c r="N3270" i="10"/>
  <c r="N3271" i="10"/>
  <c r="N3272" i="10"/>
  <c r="N3273" i="10"/>
  <c r="N3274" i="10"/>
  <c r="N3275" i="10"/>
  <c r="N3276" i="10"/>
  <c r="N3277" i="10"/>
  <c r="N3278" i="10"/>
  <c r="N3279" i="10"/>
  <c r="N3280" i="10"/>
  <c r="N3281" i="10"/>
  <c r="N3282" i="10"/>
  <c r="N3283" i="10"/>
  <c r="N3284" i="10"/>
  <c r="N3285" i="10"/>
  <c r="N3286" i="10"/>
  <c r="N3287" i="10"/>
  <c r="N3288" i="10"/>
  <c r="N3289" i="10"/>
  <c r="N3290" i="10"/>
  <c r="N3291" i="10"/>
  <c r="N3292" i="10"/>
  <c r="N3293" i="10"/>
  <c r="N3294" i="10"/>
  <c r="N3295" i="10"/>
  <c r="N3296" i="10"/>
  <c r="N3297" i="10"/>
  <c r="N3298" i="10"/>
  <c r="N3299" i="10"/>
  <c r="N3300" i="10"/>
  <c r="N3301" i="10"/>
  <c r="N3302" i="10"/>
  <c r="N3303" i="10"/>
  <c r="N3304" i="10"/>
  <c r="N3305" i="10"/>
  <c r="N3306" i="10"/>
  <c r="N3307" i="10"/>
  <c r="N3308" i="10"/>
  <c r="N3309" i="10"/>
  <c r="N3310" i="10"/>
  <c r="N3311" i="10"/>
  <c r="N3312" i="10"/>
  <c r="N3313" i="10"/>
  <c r="N3314" i="10"/>
  <c r="N3315" i="10"/>
  <c r="N3316" i="10"/>
  <c r="N3317" i="10"/>
  <c r="N3318" i="10"/>
  <c r="N3319" i="10"/>
  <c r="N3320" i="10"/>
  <c r="N3321" i="10"/>
  <c r="N3322" i="10"/>
  <c r="N3323" i="10"/>
  <c r="N3324" i="10"/>
  <c r="N3325" i="10"/>
  <c r="N3326" i="10"/>
  <c r="N3327" i="10"/>
  <c r="N3328" i="10"/>
  <c r="N3329" i="10"/>
  <c r="N3330" i="10"/>
  <c r="N3331" i="10"/>
  <c r="N3332" i="10"/>
  <c r="N3333" i="10"/>
  <c r="N3334" i="10"/>
  <c r="N3335" i="10"/>
  <c r="N3336" i="10"/>
  <c r="N3337" i="10"/>
  <c r="N3338" i="10"/>
  <c r="N3339" i="10"/>
  <c r="N3340" i="10"/>
  <c r="N3341" i="10"/>
  <c r="N3342" i="10"/>
  <c r="N3343" i="10"/>
  <c r="N3344" i="10"/>
  <c r="N3345" i="10"/>
  <c r="N3346" i="10"/>
  <c r="N3347" i="10"/>
  <c r="N3348" i="10"/>
  <c r="N3349" i="10"/>
  <c r="N3350" i="10"/>
  <c r="N3351" i="10"/>
  <c r="N3352" i="10"/>
  <c r="N3353" i="10"/>
  <c r="N3354" i="10"/>
  <c r="N3355" i="10"/>
  <c r="N3356" i="10"/>
  <c r="N3357" i="10"/>
  <c r="N3358" i="10"/>
  <c r="N3359" i="10"/>
  <c r="N3360" i="10"/>
  <c r="N3361" i="10"/>
  <c r="N3362" i="10"/>
  <c r="N3363" i="10"/>
  <c r="N3364" i="10"/>
  <c r="N3365" i="10"/>
  <c r="N3366" i="10"/>
  <c r="N3367" i="10"/>
  <c r="N3368" i="10"/>
  <c r="N3369" i="10"/>
  <c r="N3370" i="10"/>
  <c r="N3371" i="10"/>
  <c r="N3372" i="10"/>
  <c r="N3373" i="10"/>
  <c r="N3374" i="10"/>
  <c r="N3375" i="10"/>
  <c r="N3376" i="10"/>
  <c r="N3377" i="10"/>
  <c r="N3378" i="10"/>
  <c r="N3379" i="10"/>
  <c r="N3380" i="10"/>
  <c r="N3381" i="10"/>
  <c r="N3382" i="10"/>
  <c r="N3383" i="10"/>
  <c r="N3384" i="10"/>
  <c r="N3385" i="10"/>
  <c r="N3386" i="10"/>
  <c r="N3387" i="10"/>
  <c r="N3388" i="10"/>
  <c r="N3389" i="10"/>
  <c r="N3390" i="10"/>
  <c r="N3391" i="10"/>
  <c r="N3392" i="10"/>
  <c r="N3393" i="10"/>
  <c r="N3394" i="10"/>
  <c r="N3395" i="10"/>
  <c r="N3396" i="10"/>
  <c r="N3397" i="10"/>
  <c r="N3398" i="10"/>
  <c r="N3399" i="10"/>
  <c r="N3400" i="10"/>
  <c r="N3401" i="10"/>
  <c r="N3402" i="10"/>
  <c r="N3403" i="10"/>
  <c r="N3404" i="10"/>
  <c r="N3405" i="10"/>
  <c r="N3406" i="10"/>
  <c r="N3407" i="10"/>
  <c r="N3408" i="10"/>
  <c r="N3409" i="10"/>
  <c r="N3410" i="10"/>
  <c r="N3411" i="10"/>
  <c r="N3412" i="10"/>
  <c r="N3413" i="10"/>
  <c r="N3414" i="10"/>
  <c r="N3415" i="10"/>
  <c r="N3416" i="10"/>
  <c r="N3417" i="10"/>
  <c r="N3418" i="10"/>
  <c r="N3419" i="10"/>
  <c r="N3420" i="10"/>
  <c r="N3421" i="10"/>
  <c r="N3422" i="10"/>
  <c r="N3423" i="10"/>
  <c r="N3424" i="10"/>
  <c r="N3425" i="10"/>
  <c r="N3426" i="10"/>
  <c r="N3427" i="10"/>
  <c r="N3428" i="10"/>
  <c r="N3429" i="10"/>
  <c r="N3430" i="10"/>
  <c r="N3431" i="10"/>
  <c r="N3432" i="10"/>
  <c r="N3433" i="10"/>
  <c r="N3434" i="10"/>
  <c r="N3435" i="10"/>
  <c r="N3436" i="10"/>
  <c r="N3437" i="10"/>
  <c r="N3438" i="10"/>
  <c r="N3439" i="10"/>
  <c r="N3440" i="10"/>
  <c r="N3441" i="10"/>
  <c r="N3442" i="10"/>
  <c r="N3443" i="10"/>
  <c r="N3444" i="10"/>
  <c r="N3445" i="10"/>
  <c r="N3446" i="10"/>
  <c r="N3447" i="10"/>
  <c r="N3448" i="10"/>
  <c r="N3449" i="10"/>
  <c r="N3450" i="10"/>
  <c r="N3451" i="10"/>
  <c r="N3452" i="10"/>
  <c r="N3453" i="10"/>
  <c r="N3454" i="10"/>
  <c r="N3455" i="10"/>
  <c r="N3456" i="10"/>
  <c r="N3457" i="10"/>
  <c r="N3458" i="10"/>
  <c r="N3459" i="10"/>
  <c r="N3460" i="10"/>
  <c r="N3461" i="10"/>
  <c r="N3462" i="10"/>
  <c r="N3463" i="10"/>
  <c r="N3464" i="10"/>
  <c r="N3465" i="10"/>
  <c r="N3466" i="10"/>
  <c r="N3467" i="10"/>
  <c r="N3468" i="10"/>
  <c r="N3469" i="10"/>
  <c r="N3470" i="10"/>
  <c r="N3471" i="10"/>
  <c r="N3472" i="10"/>
  <c r="N3473" i="10"/>
  <c r="N3474" i="10"/>
  <c r="N3475" i="10"/>
  <c r="N3476" i="10"/>
  <c r="N3477" i="10"/>
  <c r="N3478" i="10"/>
  <c r="N3479" i="10"/>
  <c r="N3480" i="10"/>
  <c r="N3481" i="10"/>
  <c r="N3482" i="10"/>
  <c r="N3483" i="10"/>
  <c r="N3484" i="10"/>
  <c r="N3485" i="10"/>
  <c r="N3486" i="10"/>
  <c r="N3487" i="10"/>
  <c r="N3488" i="10"/>
  <c r="N3489" i="10"/>
  <c r="N3490" i="10"/>
  <c r="N3491" i="10"/>
  <c r="N3492" i="10"/>
  <c r="N3493" i="10"/>
  <c r="N3494" i="10"/>
  <c r="N3495" i="10"/>
  <c r="N3496" i="10"/>
  <c r="N3497" i="10"/>
  <c r="N3498" i="10"/>
  <c r="N3499" i="10"/>
  <c r="N3500" i="10"/>
  <c r="N3501" i="10"/>
  <c r="N3502" i="10"/>
  <c r="N3503" i="10"/>
  <c r="N3504" i="10"/>
  <c r="N3505" i="10"/>
  <c r="N3506" i="10"/>
  <c r="N3507" i="10"/>
  <c r="N3508" i="10"/>
  <c r="N3509" i="10"/>
  <c r="N3510" i="10"/>
  <c r="N3511" i="10"/>
  <c r="N3512" i="10"/>
  <c r="N3513" i="10"/>
  <c r="N3514" i="10"/>
  <c r="N3515" i="10"/>
  <c r="N3516" i="10"/>
  <c r="N3517" i="10"/>
  <c r="N3518" i="10"/>
  <c r="N3519" i="10"/>
  <c r="N3520" i="10"/>
  <c r="N3521" i="10"/>
  <c r="N3522" i="10"/>
  <c r="N3523" i="10"/>
  <c r="N3524" i="10"/>
  <c r="N3525" i="10"/>
  <c r="N3526" i="10"/>
  <c r="N3527" i="10"/>
  <c r="N3528" i="10"/>
  <c r="N3529" i="10"/>
  <c r="N3530" i="10"/>
  <c r="N3531" i="10"/>
  <c r="N3532" i="10"/>
  <c r="N3533" i="10"/>
  <c r="N3534" i="10"/>
  <c r="N3535" i="10"/>
  <c r="N3536" i="10"/>
  <c r="N3537" i="10"/>
  <c r="N3538" i="10"/>
  <c r="N3539" i="10"/>
  <c r="N3540" i="10"/>
  <c r="N3541" i="10"/>
  <c r="N3542" i="10"/>
  <c r="N3543" i="10"/>
  <c r="N3544" i="10"/>
  <c r="N3545" i="10"/>
  <c r="N3546" i="10"/>
  <c r="N3547" i="10"/>
  <c r="N3548" i="10"/>
  <c r="N3549" i="10"/>
  <c r="N3550" i="10"/>
  <c r="N3551" i="10"/>
  <c r="N3552" i="10"/>
  <c r="N3553" i="10"/>
  <c r="N3554" i="10"/>
  <c r="N3555" i="10"/>
  <c r="N3556" i="10"/>
  <c r="N3557" i="10"/>
  <c r="N3558" i="10"/>
  <c r="N3559" i="10"/>
  <c r="N3560" i="10"/>
  <c r="N3561" i="10"/>
  <c r="N3562" i="10"/>
  <c r="N3563" i="10"/>
  <c r="N3564" i="10"/>
  <c r="N3565" i="10"/>
  <c r="N3566" i="10"/>
  <c r="N3567" i="10"/>
  <c r="N3568" i="10"/>
  <c r="N3569" i="10"/>
  <c r="N3570" i="10"/>
  <c r="N3571" i="10"/>
  <c r="N3572" i="10"/>
  <c r="N3573" i="10"/>
  <c r="N3574" i="10"/>
  <c r="N3575" i="10"/>
  <c r="N3576" i="10"/>
  <c r="N3577" i="10"/>
  <c r="N3578" i="10"/>
  <c r="N3579" i="10"/>
  <c r="N3580" i="10"/>
  <c r="N3581" i="10"/>
  <c r="N3582" i="10"/>
  <c r="N3583" i="10"/>
  <c r="N3584" i="10"/>
  <c r="N3585" i="10"/>
  <c r="N3586" i="10"/>
  <c r="N3587" i="10"/>
  <c r="N3588" i="10"/>
  <c r="N3589" i="10"/>
  <c r="N3590" i="10"/>
  <c r="N3591" i="10"/>
  <c r="N3592" i="10"/>
  <c r="N3593" i="10"/>
  <c r="N3594" i="10"/>
  <c r="N3595" i="10"/>
  <c r="N3596" i="10"/>
  <c r="N3597" i="10"/>
  <c r="N3598" i="10"/>
  <c r="N3599" i="10"/>
  <c r="N3600" i="10"/>
  <c r="N3601" i="10"/>
  <c r="N3602" i="10"/>
  <c r="N3603" i="10"/>
  <c r="N3604" i="10"/>
  <c r="N3605" i="10"/>
  <c r="N3606" i="10"/>
  <c r="N3607" i="10"/>
  <c r="N3608" i="10"/>
  <c r="N3609" i="10"/>
  <c r="N3610" i="10"/>
  <c r="N3611" i="10"/>
  <c r="N3612" i="10"/>
  <c r="N3613" i="10"/>
  <c r="N3614" i="10"/>
  <c r="N3615" i="10"/>
  <c r="N3616" i="10"/>
  <c r="N3617" i="10"/>
  <c r="N3618" i="10"/>
  <c r="N3619" i="10"/>
  <c r="N3620" i="10"/>
  <c r="N3621" i="10"/>
  <c r="N3622" i="10"/>
  <c r="N3623" i="10"/>
  <c r="N3624" i="10"/>
  <c r="N3625" i="10"/>
  <c r="N3626" i="10"/>
  <c r="N3627" i="10"/>
  <c r="N3628" i="10"/>
  <c r="N3629" i="10"/>
  <c r="N3630" i="10"/>
  <c r="N3631" i="10"/>
  <c r="N3632" i="10"/>
  <c r="N3633" i="10"/>
  <c r="N3634" i="10"/>
  <c r="N3635" i="10"/>
  <c r="N3636" i="10"/>
  <c r="N3637" i="10"/>
  <c r="N3638" i="10"/>
  <c r="N3639" i="10"/>
  <c r="N3640" i="10"/>
  <c r="N3641" i="10"/>
  <c r="N3642" i="10"/>
  <c r="N3643" i="10"/>
  <c r="N3644" i="10"/>
  <c r="N3645" i="10"/>
  <c r="N3646" i="10"/>
  <c r="N3647" i="10"/>
  <c r="N3648" i="10"/>
  <c r="N3649" i="10"/>
  <c r="N3650" i="10"/>
  <c r="N3651" i="10"/>
  <c r="N3652" i="10"/>
  <c r="N3653" i="10"/>
  <c r="N3654" i="10"/>
  <c r="N3655" i="10"/>
  <c r="N3656" i="10"/>
  <c r="N3657" i="10"/>
  <c r="N3658" i="10"/>
  <c r="N3659" i="10"/>
  <c r="N3660" i="10"/>
  <c r="N3661" i="10"/>
  <c r="N3662" i="10"/>
  <c r="N3663" i="10"/>
  <c r="N3664" i="10"/>
  <c r="N3665" i="10"/>
  <c r="N3666" i="10"/>
  <c r="N3667" i="10"/>
  <c r="N3668" i="10"/>
  <c r="N3669" i="10"/>
  <c r="N3670" i="10"/>
  <c r="N3671" i="10"/>
  <c r="N3672" i="10"/>
  <c r="N3673" i="10"/>
  <c r="N3674" i="10"/>
  <c r="N3675" i="10"/>
  <c r="N3676" i="10"/>
  <c r="N3677" i="10"/>
  <c r="N3678" i="10"/>
  <c r="N3679" i="10"/>
  <c r="N3680" i="10"/>
  <c r="N3681" i="10"/>
  <c r="N3682" i="10"/>
  <c r="N3683" i="10"/>
  <c r="N3684" i="10"/>
  <c r="N3685" i="10"/>
  <c r="N3686" i="10"/>
  <c r="N3687" i="10"/>
  <c r="N3688" i="10"/>
  <c r="N3689" i="10"/>
  <c r="N3690" i="10"/>
  <c r="N3691" i="10"/>
  <c r="N3692" i="10"/>
  <c r="N3693" i="10"/>
  <c r="N3694" i="10"/>
  <c r="N3695" i="10"/>
  <c r="N3696" i="10"/>
  <c r="N3697" i="10"/>
  <c r="N3698" i="10"/>
  <c r="N3699" i="10"/>
  <c r="N3700" i="10"/>
  <c r="N3701" i="10"/>
  <c r="N3702" i="10"/>
  <c r="N3703" i="10"/>
  <c r="N3704" i="10"/>
  <c r="N3705" i="10"/>
  <c r="N3706" i="10"/>
  <c r="N3707" i="10"/>
  <c r="N3708" i="10"/>
  <c r="N3709" i="10"/>
  <c r="N3710" i="10"/>
  <c r="N3711" i="10"/>
  <c r="N3712" i="10"/>
  <c r="N3713" i="10"/>
  <c r="N3714" i="10"/>
  <c r="N3715" i="10"/>
  <c r="N3716" i="10"/>
  <c r="N3717" i="10"/>
  <c r="N3718" i="10"/>
  <c r="N3719" i="10"/>
  <c r="N3720" i="10"/>
  <c r="N3721" i="10"/>
  <c r="N3722" i="10"/>
  <c r="N3723" i="10"/>
  <c r="N3724" i="10"/>
  <c r="N3725" i="10"/>
  <c r="N3726" i="10"/>
  <c r="N3727" i="10"/>
  <c r="N3728" i="10"/>
  <c r="N3729" i="10"/>
  <c r="N3730" i="10"/>
  <c r="N3731" i="10"/>
  <c r="N3732" i="10"/>
  <c r="N3733" i="10"/>
  <c r="N3734" i="10"/>
  <c r="N3735" i="10"/>
  <c r="N3736" i="10"/>
  <c r="N3737" i="10"/>
  <c r="N3738" i="10"/>
  <c r="N3739" i="10"/>
  <c r="N3740" i="10"/>
  <c r="N3741" i="10"/>
  <c r="N3742" i="10"/>
  <c r="N3743" i="10"/>
  <c r="N3744" i="10"/>
  <c r="N3745" i="10"/>
  <c r="N3746" i="10"/>
  <c r="N3747" i="10"/>
  <c r="N3748" i="10"/>
  <c r="N3749" i="10"/>
  <c r="N3750" i="10"/>
  <c r="N3751" i="10"/>
  <c r="N3752" i="10"/>
  <c r="N3753" i="10"/>
  <c r="N3754" i="10"/>
  <c r="N3755" i="10"/>
  <c r="N3756" i="10"/>
  <c r="N3757" i="10"/>
  <c r="N3758" i="10"/>
  <c r="N3759" i="10"/>
  <c r="N3760" i="10"/>
  <c r="N3761" i="10"/>
  <c r="N3762" i="10"/>
  <c r="N3763" i="10"/>
  <c r="N3764" i="10"/>
  <c r="N3765" i="10"/>
  <c r="N3766" i="10"/>
  <c r="N3767" i="10"/>
  <c r="N3768" i="10"/>
  <c r="N3769" i="10"/>
  <c r="N3770" i="10"/>
  <c r="N3771" i="10"/>
  <c r="N3772" i="10"/>
  <c r="N3773" i="10"/>
  <c r="N3774" i="10"/>
  <c r="N3775" i="10"/>
  <c r="N3776" i="10"/>
  <c r="N3777" i="10"/>
  <c r="N3778" i="10"/>
  <c r="N3779" i="10"/>
  <c r="N3780" i="10"/>
  <c r="N3781" i="10"/>
  <c r="N3782" i="10"/>
  <c r="N3783" i="10"/>
  <c r="N3784" i="10"/>
  <c r="N3785" i="10"/>
  <c r="N3786" i="10"/>
  <c r="N3787" i="10"/>
  <c r="N3788" i="10"/>
  <c r="N3789" i="10"/>
  <c r="N3790" i="10"/>
  <c r="N3791" i="10"/>
  <c r="N3792" i="10"/>
  <c r="N3793" i="10"/>
  <c r="N3794" i="10"/>
  <c r="N3795" i="10"/>
  <c r="N3796" i="10"/>
  <c r="N3797" i="10"/>
  <c r="N3798" i="10"/>
  <c r="N3799" i="10"/>
  <c r="N3800" i="10"/>
  <c r="N3801" i="10"/>
  <c r="N3802" i="10"/>
  <c r="N3803" i="10"/>
  <c r="N3804" i="10"/>
  <c r="N3805" i="10"/>
  <c r="N3806" i="10"/>
  <c r="N3807" i="10"/>
  <c r="N3808" i="10"/>
  <c r="N3809" i="10"/>
  <c r="N3810" i="10"/>
  <c r="N3811" i="10"/>
  <c r="N3812" i="10"/>
  <c r="N3813" i="10"/>
  <c r="N3814" i="10"/>
  <c r="N3815" i="10"/>
  <c r="N3816" i="10"/>
  <c r="N3817" i="10"/>
  <c r="N3818" i="10"/>
  <c r="N3819" i="10"/>
  <c r="N3820" i="10"/>
  <c r="N3821" i="10"/>
  <c r="N3822" i="10"/>
  <c r="N3823" i="10"/>
  <c r="N3824" i="10"/>
  <c r="N3825" i="10"/>
  <c r="N3826" i="10"/>
  <c r="N3827" i="10"/>
  <c r="N3828" i="10"/>
  <c r="N3829" i="10"/>
  <c r="N3830" i="10"/>
  <c r="N3831" i="10"/>
  <c r="N3832" i="10"/>
  <c r="N3833" i="10"/>
  <c r="N3834" i="10"/>
  <c r="N3835" i="10"/>
  <c r="N3836" i="10"/>
  <c r="N3837" i="10"/>
  <c r="N3838" i="10"/>
  <c r="N3839" i="10"/>
  <c r="N3840" i="10"/>
  <c r="N3841" i="10"/>
  <c r="N3842" i="10"/>
  <c r="N3843" i="10"/>
  <c r="N3844" i="10"/>
  <c r="N3845" i="10"/>
  <c r="N3846" i="10"/>
  <c r="N3847" i="10"/>
  <c r="N3848" i="10"/>
  <c r="N3849" i="10"/>
  <c r="N3850" i="10"/>
  <c r="N3851" i="10"/>
  <c r="N3852" i="10"/>
  <c r="N3853" i="10"/>
  <c r="N3854" i="10"/>
  <c r="N3855" i="10"/>
  <c r="N3856" i="10"/>
  <c r="N3857" i="10"/>
  <c r="N3858" i="10"/>
  <c r="N3859" i="10"/>
  <c r="N3860" i="10"/>
  <c r="N3861" i="10"/>
  <c r="N3862" i="10"/>
  <c r="N3863" i="10"/>
  <c r="N3864" i="10"/>
  <c r="N3865" i="10"/>
  <c r="N3866" i="10"/>
  <c r="N3867" i="10"/>
  <c r="N3868" i="10"/>
  <c r="N3869" i="10"/>
  <c r="N3870" i="10"/>
  <c r="N3871" i="10"/>
  <c r="N3872" i="10"/>
  <c r="N3873" i="10"/>
  <c r="N3874" i="10"/>
  <c r="N3875" i="10"/>
  <c r="N3876" i="10"/>
  <c r="N3877" i="10"/>
  <c r="N3878" i="10"/>
  <c r="N3879" i="10"/>
  <c r="N3880" i="10"/>
  <c r="N3881" i="10"/>
  <c r="N3882" i="10"/>
  <c r="N3883" i="10"/>
  <c r="N3884" i="10"/>
  <c r="N3885" i="10"/>
  <c r="N3886" i="10"/>
  <c r="N3887" i="10"/>
  <c r="N3888" i="10"/>
  <c r="N3889" i="10"/>
  <c r="N3890" i="10"/>
  <c r="N3891" i="10"/>
  <c r="N3892" i="10"/>
  <c r="N3893" i="10"/>
  <c r="N3894" i="10"/>
  <c r="N3895" i="10"/>
  <c r="N3896" i="10"/>
  <c r="N3897" i="10"/>
  <c r="N3898" i="10"/>
  <c r="N3899" i="10"/>
  <c r="N3900" i="10"/>
  <c r="N3901" i="10"/>
  <c r="N3902" i="10"/>
  <c r="N3903" i="10"/>
  <c r="N3904" i="10"/>
  <c r="N3905" i="10"/>
  <c r="N3906" i="10"/>
  <c r="N3907" i="10"/>
  <c r="N3908" i="10"/>
  <c r="N3909" i="10"/>
  <c r="N3910" i="10"/>
  <c r="N3911" i="10"/>
  <c r="N3912" i="10"/>
  <c r="N3913" i="10"/>
  <c r="N3914" i="10"/>
  <c r="N3915" i="10"/>
  <c r="N3916" i="10"/>
  <c r="N3917" i="10"/>
  <c r="N3918" i="10"/>
  <c r="N3919" i="10"/>
  <c r="N3920" i="10"/>
  <c r="N3921" i="10"/>
  <c r="N3922" i="10"/>
  <c r="N3923" i="10"/>
  <c r="N3924" i="10"/>
  <c r="N3925" i="10"/>
  <c r="N3926" i="10"/>
  <c r="N3927" i="10"/>
  <c r="N3928" i="10"/>
  <c r="N3929" i="10"/>
  <c r="N3930" i="10"/>
  <c r="N3931" i="10"/>
  <c r="N3932" i="10"/>
  <c r="N3933" i="10"/>
  <c r="N3934" i="10"/>
  <c r="N3935" i="10"/>
  <c r="N3936" i="10"/>
  <c r="N3937" i="10"/>
  <c r="N3938" i="10"/>
  <c r="N3939" i="10"/>
  <c r="N3940" i="10"/>
  <c r="N3941" i="10"/>
  <c r="N3942" i="10"/>
  <c r="N3943" i="10"/>
  <c r="N3944" i="10"/>
  <c r="N3945" i="10"/>
  <c r="N3946" i="10"/>
  <c r="N3947" i="10"/>
  <c r="N3948" i="10"/>
  <c r="N3949" i="10"/>
  <c r="N3950" i="10"/>
  <c r="N3951" i="10"/>
  <c r="N3952" i="10"/>
  <c r="N3953" i="10"/>
  <c r="N3954" i="10"/>
  <c r="N3955" i="10"/>
  <c r="N3956" i="10"/>
  <c r="N3957" i="10"/>
  <c r="N3958" i="10"/>
  <c r="N3959" i="10"/>
  <c r="N3960" i="10"/>
  <c r="N3961" i="10"/>
  <c r="N3962" i="10"/>
  <c r="N3963" i="10"/>
  <c r="N3964" i="10"/>
  <c r="N3965" i="10"/>
  <c r="N3966" i="10"/>
  <c r="N3967" i="10"/>
  <c r="N3968" i="10"/>
  <c r="N3969" i="10"/>
  <c r="N3970" i="10"/>
  <c r="N3971" i="10"/>
  <c r="N3972" i="10"/>
  <c r="N3973" i="10"/>
  <c r="N3974" i="10"/>
  <c r="N3975" i="10"/>
  <c r="N3976" i="10"/>
  <c r="N3977" i="10"/>
  <c r="N3978" i="10"/>
  <c r="N3979" i="10"/>
  <c r="N3980" i="10"/>
  <c r="N3981" i="10"/>
  <c r="N3982" i="10"/>
  <c r="N3983" i="10"/>
  <c r="N3984" i="10"/>
  <c r="N3985" i="10"/>
  <c r="N3986" i="10"/>
  <c r="N3987" i="10"/>
  <c r="N3988" i="10"/>
  <c r="N3989" i="10"/>
  <c r="N3990" i="10"/>
  <c r="N3991" i="10"/>
  <c r="N3992" i="10"/>
  <c r="N3993" i="10"/>
  <c r="N3994" i="10"/>
  <c r="N3995" i="10"/>
  <c r="N3996" i="10"/>
  <c r="N3997" i="10"/>
  <c r="N3998" i="10"/>
  <c r="N3999" i="10"/>
  <c r="N4000" i="10"/>
  <c r="N4001" i="10"/>
  <c r="N4002" i="10"/>
  <c r="N4003" i="10"/>
  <c r="N4004" i="10"/>
  <c r="N4005" i="10"/>
  <c r="N4006" i="10"/>
  <c r="N4007" i="10"/>
  <c r="N4008" i="10"/>
  <c r="N4009" i="10"/>
  <c r="N4010" i="10"/>
  <c r="N4011" i="10"/>
  <c r="N4012" i="10"/>
  <c r="N4013" i="10"/>
  <c r="N4014" i="10"/>
  <c r="N4015" i="10"/>
  <c r="N4016" i="10"/>
  <c r="N4017" i="10"/>
  <c r="N4018" i="10"/>
  <c r="N4019" i="10"/>
  <c r="N4020" i="10"/>
  <c r="N4021" i="10"/>
  <c r="N4022" i="10"/>
  <c r="N4023" i="10"/>
  <c r="N4024" i="10"/>
  <c r="N4025" i="10"/>
  <c r="N4026" i="10"/>
  <c r="N4027" i="10"/>
  <c r="N4028" i="10"/>
  <c r="N4029" i="10"/>
  <c r="N4030" i="10"/>
  <c r="N4031" i="10"/>
  <c r="N4032" i="10"/>
  <c r="N4033" i="10"/>
  <c r="N4034" i="10"/>
  <c r="N4035" i="10"/>
  <c r="N4036" i="10"/>
  <c r="N4037" i="10"/>
  <c r="N4038" i="10"/>
  <c r="N4039" i="10"/>
  <c r="N4040" i="10"/>
  <c r="N4041" i="10"/>
  <c r="N4042" i="10"/>
  <c r="N4043" i="10"/>
  <c r="N4044" i="10"/>
  <c r="N4045" i="10"/>
  <c r="N4046" i="10"/>
  <c r="N4047" i="10"/>
  <c r="N4048" i="10"/>
  <c r="N4049" i="10"/>
  <c r="N4050" i="10"/>
  <c r="N4051" i="10"/>
  <c r="N4052" i="10"/>
  <c r="N4053" i="10"/>
  <c r="N4054" i="10"/>
  <c r="N4055" i="10"/>
  <c r="N4056" i="10"/>
  <c r="N4057" i="10"/>
  <c r="N4058" i="10"/>
  <c r="N4059" i="10"/>
  <c r="N4060" i="10"/>
  <c r="N4061" i="10"/>
  <c r="N4062" i="10"/>
  <c r="N4063" i="10"/>
  <c r="N4064" i="10"/>
  <c r="N4065" i="10"/>
  <c r="N4066" i="10"/>
  <c r="N4067" i="10"/>
  <c r="N4068" i="10"/>
  <c r="N4069" i="10"/>
  <c r="N4070" i="10"/>
  <c r="N4071" i="10"/>
  <c r="N4072" i="10"/>
  <c r="N4073" i="10"/>
  <c r="N4074" i="10"/>
  <c r="N4075" i="10"/>
  <c r="N4076" i="10"/>
  <c r="N4077" i="10"/>
  <c r="N4078" i="10"/>
  <c r="N4079" i="10"/>
  <c r="N4080" i="10"/>
  <c r="N4081" i="10"/>
  <c r="N4082" i="10"/>
  <c r="N4083" i="10"/>
  <c r="N4084" i="10"/>
  <c r="N4085" i="10"/>
  <c r="N4086" i="10"/>
  <c r="N4087" i="10"/>
  <c r="N4088" i="10"/>
  <c r="N4089" i="10"/>
  <c r="N4090" i="10"/>
  <c r="N4091" i="10"/>
  <c r="N4092" i="10"/>
  <c r="N4093" i="10"/>
  <c r="N4094" i="10"/>
  <c r="N4095" i="10"/>
  <c r="N4096" i="10"/>
  <c r="N4097" i="10"/>
  <c r="N4098" i="10"/>
  <c r="N4099" i="10"/>
  <c r="N4100" i="10"/>
  <c r="N4101" i="10"/>
  <c r="N4102" i="10"/>
  <c r="N4103" i="10"/>
  <c r="N4104" i="10"/>
  <c r="N4105" i="10"/>
  <c r="N4106" i="10"/>
  <c r="N4107" i="10"/>
  <c r="N4108" i="10"/>
  <c r="N4109" i="10"/>
  <c r="N4110" i="10"/>
  <c r="N4111" i="10"/>
  <c r="N4112" i="10"/>
  <c r="N4113" i="10"/>
  <c r="N4114" i="10"/>
  <c r="N4115" i="10"/>
  <c r="N4116" i="10"/>
  <c r="N4117" i="10"/>
  <c r="N4118" i="10"/>
  <c r="N4119" i="10"/>
  <c r="N4120" i="10"/>
  <c r="N4121" i="10"/>
  <c r="N4122" i="10"/>
  <c r="N4123" i="10"/>
  <c r="N4124" i="10"/>
  <c r="N4125" i="10"/>
  <c r="N4126" i="10"/>
  <c r="N4127" i="10"/>
  <c r="N4128" i="10"/>
  <c r="N4129" i="10"/>
  <c r="N4130" i="10"/>
  <c r="N4131" i="10"/>
  <c r="N4132" i="10"/>
  <c r="N4133" i="10"/>
  <c r="N4134" i="10"/>
  <c r="N4135" i="10"/>
  <c r="N4136" i="10"/>
  <c r="N4137" i="10"/>
  <c r="N4138" i="10"/>
  <c r="N4139" i="10"/>
  <c r="N4140" i="10"/>
  <c r="N4141" i="10"/>
  <c r="N4142" i="10"/>
  <c r="N4143" i="10"/>
  <c r="N4144" i="10"/>
  <c r="N4145" i="10"/>
  <c r="N4146" i="10"/>
  <c r="N4147" i="10"/>
  <c r="N4148" i="10"/>
  <c r="N4149" i="10"/>
  <c r="N4150" i="10"/>
  <c r="N4151" i="10"/>
  <c r="N4152" i="10"/>
  <c r="N4153" i="10"/>
  <c r="N4154" i="10"/>
  <c r="N4155" i="10"/>
  <c r="N4156" i="10"/>
  <c r="N4157" i="10"/>
  <c r="N4158" i="10"/>
  <c r="N4159" i="10"/>
  <c r="N4160" i="10"/>
  <c r="N4161" i="10"/>
  <c r="N4162" i="10"/>
  <c r="N4163" i="10"/>
  <c r="N4164" i="10"/>
  <c r="N4165" i="10"/>
  <c r="N4166" i="10"/>
  <c r="N4167" i="10"/>
  <c r="N4168" i="10"/>
  <c r="N4169" i="10"/>
  <c r="N4170" i="10"/>
  <c r="N4171" i="10"/>
  <c r="N4172" i="10"/>
  <c r="N4173" i="10"/>
  <c r="N4174" i="10"/>
  <c r="N4175" i="10"/>
  <c r="N4176" i="10"/>
  <c r="N4177" i="10"/>
  <c r="N4178" i="10"/>
  <c r="N4179" i="10"/>
  <c r="N4180" i="10"/>
  <c r="N4181" i="10"/>
  <c r="N4182" i="10"/>
  <c r="N4183" i="10"/>
  <c r="N4184" i="10"/>
  <c r="N4185" i="10"/>
  <c r="N4186" i="10"/>
  <c r="N4187" i="10"/>
  <c r="N4188" i="10"/>
  <c r="N4189" i="10"/>
  <c r="N4190" i="10"/>
  <c r="N4191" i="10"/>
  <c r="N4192" i="10"/>
  <c r="N4193" i="10"/>
  <c r="N4194" i="10"/>
  <c r="N4195" i="10"/>
  <c r="N4196" i="10"/>
  <c r="N4197" i="10"/>
  <c r="N4198" i="10"/>
  <c r="N4199" i="10"/>
  <c r="N4200" i="10"/>
  <c r="N4201" i="10"/>
  <c r="N4202" i="10"/>
  <c r="N4203" i="10"/>
  <c r="N4204" i="10"/>
  <c r="N4205" i="10"/>
  <c r="N4206" i="10"/>
  <c r="N4207" i="10"/>
  <c r="N4208" i="10"/>
  <c r="N4209" i="10"/>
  <c r="N4210" i="10"/>
  <c r="N4211" i="10"/>
  <c r="N4212" i="10"/>
  <c r="N4213" i="10"/>
  <c r="N4214" i="10"/>
  <c r="N4215" i="10"/>
  <c r="N4216" i="10"/>
  <c r="N4217" i="10"/>
  <c r="N4218" i="10"/>
  <c r="N4219" i="10"/>
  <c r="N4220" i="10"/>
  <c r="N4221" i="10"/>
  <c r="N4222" i="10"/>
  <c r="N4223" i="10"/>
  <c r="N4224" i="10"/>
  <c r="N4225" i="10"/>
  <c r="N4226" i="10"/>
  <c r="N4227" i="10"/>
  <c r="N4228" i="10"/>
  <c r="N4229" i="10"/>
  <c r="N4230" i="10"/>
  <c r="N4231" i="10"/>
  <c r="N4232" i="10"/>
  <c r="N4233" i="10"/>
  <c r="N4234" i="10"/>
  <c r="N4235" i="10"/>
  <c r="N4236" i="10"/>
  <c r="N4237" i="10"/>
  <c r="N4238" i="10"/>
  <c r="N4239" i="10"/>
  <c r="N4240" i="10"/>
  <c r="N4241" i="10"/>
  <c r="N4242" i="10"/>
  <c r="N4243" i="10"/>
  <c r="N4244" i="10"/>
  <c r="N4245" i="10"/>
  <c r="N4246" i="10"/>
  <c r="N4247" i="10"/>
  <c r="N4248" i="10"/>
  <c r="N4249" i="10"/>
  <c r="N4250" i="10"/>
  <c r="N4251" i="10"/>
  <c r="N4252" i="10"/>
  <c r="N4253" i="10"/>
  <c r="N4254" i="10"/>
  <c r="N4255" i="10"/>
  <c r="N4256" i="10"/>
  <c r="N4257" i="10"/>
  <c r="N4258" i="10"/>
  <c r="N4259" i="10"/>
  <c r="N4260" i="10"/>
  <c r="N4261" i="10"/>
  <c r="N4262" i="10"/>
  <c r="N4263" i="10"/>
  <c r="N4264" i="10"/>
  <c r="N4265" i="10"/>
  <c r="N4266" i="10"/>
  <c r="N4267" i="10"/>
  <c r="N4268" i="10"/>
  <c r="N4269" i="10"/>
  <c r="N4270" i="10"/>
  <c r="N4271" i="10"/>
  <c r="N4272" i="10"/>
  <c r="N4273" i="10"/>
  <c r="N4274" i="10"/>
  <c r="N4275" i="10"/>
  <c r="N4276" i="10"/>
  <c r="N4277" i="10"/>
  <c r="N4278" i="10"/>
  <c r="N4279" i="10"/>
  <c r="N4280" i="10"/>
  <c r="N4281" i="10"/>
  <c r="N4282" i="10"/>
  <c r="N4283" i="10"/>
  <c r="N4284" i="10"/>
  <c r="N4285" i="10"/>
  <c r="N4286" i="10"/>
  <c r="N4287" i="10"/>
  <c r="N4288" i="10"/>
  <c r="N4289" i="10"/>
  <c r="N4290" i="10"/>
  <c r="N4291" i="10"/>
  <c r="N4292" i="10"/>
  <c r="N4293" i="10"/>
  <c r="N4294" i="10"/>
  <c r="N4295" i="10"/>
  <c r="N4296" i="10"/>
  <c r="N4297" i="10"/>
  <c r="N4298" i="10"/>
  <c r="N4299" i="10"/>
  <c r="N4300" i="10"/>
  <c r="N4301" i="10"/>
  <c r="N4302" i="10"/>
  <c r="N4303" i="10"/>
  <c r="N4304" i="10"/>
  <c r="N4305" i="10"/>
  <c r="N4306" i="10"/>
  <c r="N4307" i="10"/>
  <c r="N4308" i="10"/>
  <c r="N4309" i="10"/>
  <c r="N4310" i="10"/>
  <c r="N4311" i="10"/>
  <c r="N4312" i="10"/>
  <c r="N4313" i="10"/>
  <c r="N4314" i="10"/>
  <c r="N4315" i="10"/>
  <c r="N4316" i="10"/>
  <c r="N4317" i="10"/>
  <c r="N4318" i="10"/>
  <c r="N4319" i="10"/>
  <c r="N4320" i="10"/>
  <c r="N4321" i="10"/>
  <c r="N4322" i="10"/>
  <c r="N4323" i="10"/>
  <c r="N4324" i="10"/>
  <c r="N4325" i="10"/>
  <c r="N4326" i="10"/>
  <c r="N4327" i="10"/>
  <c r="N4328" i="10"/>
  <c r="N4329" i="10"/>
  <c r="N4330" i="10"/>
  <c r="N4331" i="10"/>
  <c r="N4332" i="10"/>
  <c r="N4333" i="10"/>
  <c r="N4334" i="10"/>
  <c r="N4335" i="10"/>
  <c r="N4336" i="10"/>
  <c r="N4337" i="10"/>
  <c r="N4338" i="10"/>
  <c r="N4339" i="10"/>
  <c r="N4340" i="10"/>
  <c r="N4341" i="10"/>
  <c r="N4342" i="10"/>
  <c r="N4343" i="10"/>
  <c r="N4344" i="10"/>
  <c r="N4345" i="10"/>
  <c r="N4346" i="10"/>
  <c r="N4347" i="10"/>
  <c r="N4348" i="10"/>
  <c r="N4349" i="10"/>
  <c r="N4350" i="10"/>
  <c r="N4351" i="10"/>
  <c r="N4352" i="10"/>
  <c r="N4353" i="10"/>
  <c r="N4354" i="10"/>
  <c r="N4355" i="10"/>
  <c r="N4356" i="10"/>
  <c r="N4357" i="10"/>
  <c r="N4358" i="10"/>
  <c r="N4359" i="10"/>
  <c r="N4360" i="10"/>
  <c r="N4361" i="10"/>
  <c r="N4362" i="10"/>
  <c r="N4363" i="10"/>
  <c r="N4364" i="10"/>
  <c r="N4365" i="10"/>
  <c r="N4366" i="10"/>
  <c r="N4367" i="10"/>
  <c r="N4368" i="10"/>
  <c r="N4369" i="10"/>
  <c r="N4370" i="10"/>
  <c r="N4371" i="10"/>
  <c r="N4372" i="10"/>
  <c r="N4373" i="10"/>
  <c r="N4374" i="10"/>
  <c r="N4375" i="10"/>
  <c r="N4376" i="10"/>
  <c r="N4377" i="10"/>
  <c r="N4378" i="10"/>
  <c r="N4379" i="10"/>
  <c r="N4380" i="10"/>
  <c r="N4381" i="10"/>
  <c r="N4382" i="10"/>
  <c r="N4383" i="10"/>
  <c r="N4384" i="10"/>
  <c r="N4385" i="10"/>
  <c r="N4386" i="10"/>
  <c r="N4387" i="10"/>
  <c r="N4388" i="10"/>
  <c r="N4389" i="10"/>
  <c r="N4390" i="10"/>
  <c r="N4391" i="10"/>
  <c r="N4392" i="10"/>
  <c r="N4393" i="10"/>
  <c r="N4394" i="10"/>
  <c r="N4395" i="10"/>
  <c r="N4396" i="10"/>
  <c r="N4397" i="10"/>
  <c r="N4398" i="10"/>
  <c r="N4399" i="10"/>
  <c r="N4400" i="10"/>
  <c r="N4401" i="10"/>
  <c r="N4402" i="10"/>
  <c r="N4403" i="10"/>
  <c r="N4404" i="10"/>
  <c r="N4405" i="10"/>
  <c r="N4406" i="10"/>
  <c r="N4407" i="10"/>
  <c r="N4408" i="10"/>
  <c r="N4409" i="10"/>
  <c r="N4410" i="10"/>
  <c r="N4411" i="10"/>
  <c r="N4412" i="10"/>
  <c r="N4413" i="10"/>
  <c r="N4414" i="10"/>
  <c r="N4415" i="10"/>
  <c r="N4416" i="10"/>
  <c r="N4417" i="10"/>
  <c r="N4418" i="10"/>
  <c r="N4419" i="10"/>
  <c r="N4420" i="10"/>
  <c r="N4421" i="10"/>
  <c r="N4422" i="10"/>
  <c r="N4423" i="10"/>
  <c r="N4424" i="10"/>
  <c r="N4425" i="10"/>
  <c r="N4426" i="10"/>
  <c r="N4427" i="10"/>
  <c r="N4428" i="10"/>
  <c r="N4429" i="10"/>
  <c r="N4430" i="10"/>
  <c r="N4431" i="10"/>
  <c r="N4432" i="10"/>
  <c r="N4433" i="10"/>
  <c r="N4434" i="10"/>
  <c r="N4435" i="10"/>
  <c r="N4436" i="10"/>
  <c r="N4437" i="10"/>
  <c r="N4438" i="10"/>
  <c r="N4439" i="10"/>
  <c r="N4440" i="10"/>
  <c r="N4441" i="10"/>
  <c r="N4442" i="10"/>
  <c r="N4443" i="10"/>
  <c r="N4444" i="10"/>
  <c r="N4445" i="10"/>
  <c r="N4446" i="10"/>
  <c r="N4447" i="10"/>
  <c r="N4448" i="10"/>
  <c r="N4449" i="10"/>
  <c r="N4450" i="10"/>
  <c r="N4451" i="10"/>
  <c r="N4452" i="10"/>
  <c r="N4453" i="10"/>
  <c r="N4454" i="10"/>
  <c r="N4455" i="10"/>
  <c r="N4456" i="10"/>
  <c r="N4457" i="10"/>
  <c r="N4458" i="10"/>
  <c r="N4459" i="10"/>
  <c r="N4460" i="10"/>
  <c r="N4461" i="10"/>
  <c r="N4462" i="10"/>
  <c r="N4463" i="10"/>
  <c r="N4464" i="10"/>
  <c r="N4465" i="10"/>
  <c r="N4466" i="10"/>
  <c r="N4467" i="10"/>
  <c r="N4468" i="10"/>
  <c r="N4469" i="10"/>
  <c r="N4470" i="10"/>
  <c r="N4471" i="10"/>
  <c r="N4472" i="10"/>
  <c r="N4473" i="10"/>
  <c r="N4474" i="10"/>
  <c r="N4475" i="10"/>
  <c r="N4476" i="10"/>
  <c r="N4477" i="10"/>
  <c r="N4478" i="10"/>
  <c r="N4479" i="10"/>
  <c r="N4480" i="10"/>
  <c r="N4481" i="10"/>
  <c r="N4482" i="10"/>
  <c r="N4483" i="10"/>
  <c r="N4484" i="10"/>
  <c r="N4485" i="10"/>
  <c r="N4486" i="10"/>
  <c r="N4487" i="10"/>
  <c r="N4488" i="10"/>
  <c r="N4489" i="10"/>
  <c r="N4490" i="10"/>
  <c r="N4491" i="10"/>
  <c r="N4492" i="10"/>
  <c r="N4493" i="10"/>
  <c r="N4494" i="10"/>
  <c r="N4495" i="10"/>
  <c r="N4496" i="10"/>
  <c r="N4497" i="10"/>
  <c r="N4498" i="10"/>
  <c r="N4499" i="10"/>
  <c r="N4500" i="10"/>
  <c r="N4501" i="10"/>
  <c r="N4502" i="10"/>
  <c r="N4503" i="10"/>
  <c r="N4504" i="10"/>
  <c r="N4505" i="10"/>
  <c r="N4506" i="10"/>
  <c r="N4507" i="10"/>
  <c r="N4508" i="10"/>
  <c r="N4509" i="10"/>
  <c r="N4510" i="10"/>
  <c r="N4511" i="10"/>
  <c r="N4512" i="10"/>
  <c r="N4513" i="10"/>
  <c r="N4514" i="10"/>
  <c r="N4515" i="10"/>
  <c r="N4516" i="10"/>
  <c r="N4517" i="10"/>
  <c r="N4518" i="10"/>
  <c r="N4519" i="10"/>
  <c r="N4520" i="10"/>
  <c r="N4521" i="10"/>
  <c r="N4522" i="10"/>
  <c r="N4523" i="10"/>
  <c r="N4524" i="10"/>
  <c r="N4525" i="10"/>
  <c r="N4526" i="10"/>
  <c r="N4527" i="10"/>
  <c r="N4528" i="10"/>
  <c r="N4529" i="10"/>
  <c r="N4530" i="10"/>
  <c r="N4531" i="10"/>
  <c r="N4532" i="10"/>
  <c r="N4533" i="10"/>
  <c r="N4534" i="10"/>
  <c r="N4535" i="10"/>
  <c r="N4536" i="10"/>
  <c r="N4537" i="10"/>
  <c r="N4538" i="10"/>
  <c r="N4539" i="10"/>
  <c r="N4540" i="10"/>
  <c r="N4541" i="10"/>
  <c r="N4542" i="10"/>
  <c r="N4543" i="10"/>
  <c r="N4544" i="10"/>
  <c r="N4545" i="10"/>
  <c r="N4546" i="10"/>
  <c r="N4547" i="10"/>
  <c r="N4548" i="10"/>
  <c r="N4549" i="10"/>
  <c r="N4550" i="10"/>
  <c r="N4551" i="10"/>
  <c r="N4552" i="10"/>
  <c r="N4553" i="10"/>
  <c r="N4554" i="10"/>
  <c r="N4555" i="10"/>
  <c r="N4556" i="10"/>
  <c r="N4557" i="10"/>
  <c r="N4558" i="10"/>
  <c r="N4559" i="10"/>
  <c r="N4560" i="10"/>
  <c r="N4561" i="10"/>
  <c r="N4562" i="10"/>
  <c r="N4563" i="10"/>
  <c r="N4564" i="10"/>
  <c r="N4565" i="10"/>
  <c r="N4566" i="10"/>
  <c r="N4567" i="10"/>
  <c r="N4568" i="10"/>
  <c r="N4569" i="10"/>
  <c r="N4570" i="10"/>
  <c r="N4571" i="10"/>
  <c r="N4572" i="10"/>
  <c r="N4573" i="10"/>
  <c r="N4574" i="10"/>
  <c r="N4575" i="10"/>
  <c r="N4576" i="10"/>
  <c r="N4577" i="10"/>
  <c r="N4578" i="10"/>
  <c r="N4579" i="10"/>
  <c r="N4580" i="10"/>
  <c r="N4581" i="10"/>
  <c r="N4582" i="10"/>
  <c r="N4583" i="10"/>
  <c r="N4584" i="10"/>
  <c r="N4585" i="10"/>
  <c r="N4586" i="10"/>
  <c r="N4587" i="10"/>
  <c r="N4588" i="10"/>
  <c r="N4589" i="10"/>
  <c r="N4590" i="10"/>
  <c r="N4591" i="10"/>
  <c r="N4592" i="10"/>
  <c r="N4593" i="10"/>
  <c r="N4594" i="10"/>
  <c r="N4595" i="10"/>
  <c r="N4596" i="10"/>
  <c r="N4597" i="10"/>
  <c r="N4598" i="10"/>
  <c r="N4599" i="10"/>
  <c r="N4600" i="10"/>
  <c r="N4601" i="10"/>
  <c r="N4602" i="10"/>
  <c r="N4603" i="10"/>
  <c r="N4604" i="10"/>
  <c r="N4605" i="10"/>
  <c r="N4606" i="10"/>
  <c r="N4607" i="10"/>
  <c r="N4608" i="10"/>
  <c r="N4609" i="10"/>
  <c r="N4610" i="10"/>
  <c r="N4611" i="10"/>
  <c r="N4612" i="10"/>
  <c r="N4613" i="10"/>
  <c r="N4614" i="10"/>
  <c r="N4615" i="10"/>
  <c r="N4616" i="10"/>
  <c r="N4617" i="10"/>
  <c r="N4618" i="10"/>
  <c r="N4619" i="10"/>
  <c r="N4620" i="10"/>
  <c r="N4621" i="10"/>
  <c r="N4622" i="10"/>
  <c r="N4623" i="10"/>
  <c r="N4624" i="10"/>
  <c r="N4625" i="10"/>
  <c r="N4626" i="10"/>
  <c r="N4627" i="10"/>
  <c r="N4628" i="10"/>
  <c r="N4629" i="10"/>
  <c r="N4630" i="10"/>
  <c r="N4631" i="10"/>
  <c r="N4632" i="10"/>
  <c r="N4633" i="10"/>
  <c r="N4634" i="10"/>
  <c r="N4635" i="10"/>
  <c r="N4636" i="10"/>
  <c r="N4637" i="10"/>
  <c r="N4638" i="10"/>
  <c r="N4639" i="10"/>
  <c r="N4640" i="10"/>
  <c r="N4641" i="10"/>
  <c r="N4642" i="10"/>
  <c r="N4643" i="10"/>
  <c r="N4644" i="10"/>
  <c r="N4645" i="10"/>
  <c r="N4646" i="10"/>
  <c r="N4647" i="10"/>
  <c r="N4648" i="10"/>
  <c r="N4649" i="10"/>
  <c r="N4650" i="10"/>
  <c r="N4651" i="10"/>
  <c r="N4652" i="10"/>
  <c r="N4653" i="10"/>
  <c r="N4654" i="10"/>
  <c r="N4655" i="10"/>
  <c r="N4656" i="10"/>
  <c r="N4657" i="10"/>
  <c r="N4658" i="10"/>
  <c r="N4659" i="10"/>
  <c r="N4660" i="10"/>
  <c r="N4661" i="10"/>
  <c r="N4662" i="10"/>
  <c r="N4663" i="10"/>
  <c r="N4664" i="10"/>
  <c r="N4665" i="10"/>
  <c r="N4666" i="10"/>
  <c r="N4667" i="10"/>
  <c r="N4668" i="10"/>
  <c r="N4669" i="10"/>
  <c r="N4670" i="10"/>
  <c r="N4671" i="10"/>
  <c r="N4672" i="10"/>
  <c r="N4673" i="10"/>
  <c r="N4674" i="10"/>
  <c r="N4675" i="10"/>
  <c r="N4676" i="10"/>
  <c r="N4677" i="10"/>
  <c r="N4678" i="10"/>
  <c r="N4679" i="10"/>
  <c r="N4680" i="10"/>
  <c r="N4681" i="10"/>
  <c r="N4682" i="10"/>
  <c r="N4683" i="10"/>
  <c r="N4684" i="10"/>
  <c r="N4685" i="10"/>
  <c r="N4686" i="10"/>
  <c r="N4687" i="10"/>
  <c r="N4688" i="10"/>
  <c r="N4689" i="10"/>
  <c r="N4690" i="10"/>
  <c r="N4691" i="10"/>
  <c r="N4692" i="10"/>
  <c r="N4693" i="10"/>
  <c r="N4694" i="10"/>
  <c r="N4695" i="10"/>
  <c r="N4696" i="10"/>
  <c r="N4697" i="10"/>
  <c r="N4698" i="10"/>
  <c r="N4699" i="10"/>
  <c r="N4700" i="10"/>
  <c r="N4701" i="10"/>
  <c r="N4702" i="10"/>
  <c r="N4703" i="10"/>
  <c r="N4704" i="10"/>
  <c r="N4705" i="10"/>
  <c r="N4706" i="10"/>
  <c r="N4707" i="10"/>
  <c r="N4708" i="10"/>
  <c r="N4709" i="10"/>
  <c r="N4710" i="10"/>
  <c r="N4711" i="10"/>
  <c r="N4712" i="10"/>
  <c r="N4713" i="10"/>
  <c r="N4714" i="10"/>
  <c r="N4715" i="10"/>
  <c r="N4716" i="10"/>
  <c r="N4717" i="10"/>
  <c r="N4718" i="10"/>
  <c r="N4719" i="10"/>
  <c r="N4720" i="10"/>
  <c r="N4721" i="10"/>
  <c r="N4722" i="10"/>
  <c r="N4723" i="10"/>
  <c r="N4724" i="10"/>
  <c r="N4725" i="10"/>
  <c r="N4726" i="10"/>
  <c r="N4727" i="10"/>
  <c r="N4728" i="10"/>
  <c r="N4729" i="10"/>
  <c r="N4730" i="10"/>
  <c r="N4731" i="10"/>
  <c r="N4732" i="10"/>
  <c r="N4733" i="10"/>
  <c r="N4734" i="10"/>
  <c r="N4735" i="10"/>
  <c r="N4736" i="10"/>
  <c r="N4737" i="10"/>
  <c r="N4738" i="10"/>
  <c r="N4739" i="10"/>
  <c r="N4740" i="10"/>
  <c r="N4741" i="10"/>
  <c r="N4742" i="10"/>
  <c r="N4743" i="10"/>
  <c r="N4744" i="10"/>
  <c r="N4745" i="10"/>
  <c r="N4746" i="10"/>
  <c r="N4747" i="10"/>
  <c r="N4748" i="10"/>
  <c r="N4749" i="10"/>
  <c r="N4750" i="10"/>
  <c r="N4751" i="10"/>
  <c r="N4752" i="10"/>
  <c r="N4753" i="10"/>
  <c r="N4754" i="10"/>
  <c r="N4755" i="10"/>
  <c r="N4756" i="10"/>
  <c r="N4757" i="10"/>
  <c r="N4758" i="10"/>
  <c r="N4759" i="10"/>
  <c r="N4760" i="10"/>
  <c r="N4761" i="10"/>
  <c r="N4762" i="10"/>
  <c r="N4763" i="10"/>
  <c r="N4764" i="10"/>
  <c r="N4765" i="10"/>
  <c r="N4766" i="10"/>
  <c r="N4767" i="10"/>
  <c r="N4768" i="10"/>
  <c r="N4769" i="10"/>
  <c r="N4770" i="10"/>
  <c r="N4771" i="10"/>
  <c r="N4772" i="10"/>
  <c r="N4773" i="10"/>
  <c r="N4774" i="10"/>
  <c r="N4775" i="10"/>
  <c r="N4776" i="10"/>
  <c r="N4777" i="10"/>
  <c r="N4778" i="10"/>
  <c r="N4779" i="10"/>
  <c r="N4780" i="10"/>
  <c r="N4781" i="10"/>
  <c r="N4782" i="10"/>
  <c r="N4783" i="10"/>
  <c r="N4784" i="10"/>
  <c r="N4785" i="10"/>
  <c r="N4786" i="10"/>
  <c r="N4787" i="10"/>
  <c r="N4788" i="10"/>
  <c r="N4789" i="10"/>
  <c r="N4790" i="10"/>
  <c r="N4791" i="10"/>
  <c r="N4792" i="10"/>
  <c r="N4793" i="10"/>
  <c r="N4794" i="10"/>
  <c r="N4795" i="10"/>
  <c r="N4796" i="10"/>
  <c r="N4797" i="10"/>
  <c r="N4798" i="10"/>
  <c r="N4799" i="10"/>
  <c r="N4800" i="10"/>
  <c r="N4801" i="10"/>
  <c r="N4802" i="10"/>
  <c r="N4803" i="10"/>
  <c r="N4804" i="10"/>
  <c r="N4805" i="10"/>
  <c r="N4806" i="10"/>
  <c r="N4807" i="10"/>
  <c r="N4808" i="10"/>
  <c r="N4809" i="10"/>
  <c r="N4810" i="10"/>
  <c r="N4811" i="10"/>
  <c r="N4812" i="10"/>
  <c r="N4813" i="10"/>
  <c r="N4814" i="10"/>
  <c r="N4815" i="10"/>
  <c r="N4816" i="10"/>
  <c r="N4817" i="10"/>
  <c r="N4818" i="10"/>
  <c r="N4819" i="10"/>
  <c r="N4820" i="10"/>
  <c r="N4821" i="10"/>
  <c r="N4822" i="10"/>
  <c r="N4823" i="10"/>
  <c r="N4824" i="10"/>
  <c r="N4825" i="10"/>
  <c r="N4826" i="10"/>
  <c r="N4827" i="10"/>
  <c r="N4828" i="10"/>
  <c r="N4829" i="10"/>
  <c r="N4830" i="10"/>
  <c r="N4831" i="10"/>
  <c r="N4832" i="10"/>
  <c r="N4833" i="10"/>
  <c r="N4834" i="10"/>
  <c r="N4835" i="10"/>
  <c r="N4836" i="10"/>
  <c r="N4837" i="10"/>
  <c r="N4838" i="10"/>
  <c r="N4839" i="10"/>
  <c r="N4840" i="10"/>
  <c r="N4841" i="10"/>
  <c r="N4842" i="10"/>
  <c r="N4843" i="10"/>
  <c r="N4844" i="10"/>
  <c r="N4845" i="10"/>
  <c r="N4846" i="10"/>
  <c r="N4847" i="10"/>
  <c r="N4848" i="10"/>
  <c r="N4849" i="10"/>
  <c r="N4850" i="10"/>
  <c r="N4851" i="10"/>
  <c r="N4852" i="10"/>
  <c r="N4853" i="10"/>
  <c r="N4854" i="10"/>
  <c r="N4855" i="10"/>
  <c r="N4856" i="10"/>
  <c r="N4857" i="10"/>
  <c r="N4858" i="10"/>
  <c r="N4859" i="10"/>
  <c r="N4860" i="10"/>
  <c r="N4861" i="10"/>
  <c r="N4862" i="10"/>
  <c r="N4863" i="10"/>
  <c r="N4864" i="10"/>
  <c r="N4865" i="10"/>
  <c r="N4866" i="10"/>
  <c r="N4867" i="10"/>
  <c r="N4868" i="10"/>
  <c r="N4869" i="10"/>
  <c r="N4870" i="10"/>
  <c r="N4871" i="10"/>
  <c r="N4872" i="10"/>
  <c r="N4873" i="10"/>
  <c r="N4874" i="10"/>
  <c r="N4875" i="10"/>
  <c r="N4876" i="10"/>
  <c r="N4877" i="10"/>
  <c r="N4878" i="10"/>
  <c r="N4879" i="10"/>
  <c r="N4880" i="10"/>
  <c r="N4881" i="10"/>
  <c r="N4882" i="10"/>
  <c r="N4883" i="10"/>
  <c r="N4884" i="10"/>
  <c r="N4885" i="10"/>
  <c r="N4886" i="10"/>
  <c r="N4887" i="10"/>
  <c r="N4888" i="10"/>
  <c r="N4889" i="10"/>
  <c r="N4890" i="10"/>
  <c r="N4891" i="10"/>
  <c r="N4892" i="10"/>
  <c r="N4893" i="10"/>
  <c r="N4894" i="10"/>
  <c r="N4895" i="10"/>
  <c r="N4896" i="10"/>
  <c r="N4897" i="10"/>
  <c r="N4898" i="10"/>
  <c r="N4899" i="10"/>
  <c r="N4900" i="10"/>
  <c r="N4901" i="10"/>
  <c r="N4902" i="10"/>
  <c r="N4903" i="10"/>
  <c r="N4904" i="10"/>
  <c r="N4905" i="10"/>
  <c r="N4906" i="10"/>
  <c r="N4907" i="10"/>
  <c r="N4908" i="10"/>
  <c r="N4909" i="10"/>
  <c r="N4910" i="10"/>
  <c r="N4911" i="10"/>
  <c r="N4912" i="10"/>
  <c r="N4913" i="10"/>
  <c r="N4914" i="10"/>
  <c r="N4915" i="10"/>
  <c r="N4916" i="10"/>
  <c r="N4917" i="10"/>
  <c r="N4918" i="10"/>
  <c r="N4919" i="10"/>
  <c r="N4920" i="10"/>
  <c r="N4921" i="10"/>
  <c r="N4922" i="10"/>
  <c r="N4923" i="10"/>
  <c r="N4924" i="10"/>
  <c r="N4925" i="10"/>
  <c r="N4926" i="10"/>
  <c r="N4927" i="10"/>
  <c r="N4928" i="10"/>
  <c r="N4929" i="10"/>
  <c r="N4930" i="10"/>
  <c r="N4931" i="10"/>
  <c r="N4932" i="10"/>
  <c r="N4933" i="10"/>
  <c r="N4934" i="10"/>
  <c r="N4935" i="10"/>
  <c r="N4936" i="10"/>
  <c r="N4937" i="10"/>
  <c r="N4938" i="10"/>
  <c r="N4939" i="10"/>
  <c r="N4940" i="10"/>
  <c r="N4941" i="10"/>
  <c r="N4942" i="10"/>
  <c r="N4943" i="10"/>
  <c r="N4944" i="10"/>
  <c r="N4945" i="10"/>
  <c r="N4946" i="10"/>
  <c r="N4947" i="10"/>
  <c r="N4948" i="10"/>
  <c r="N4949" i="10"/>
  <c r="N4950" i="10"/>
  <c r="N4951" i="10"/>
  <c r="N4952" i="10"/>
  <c r="N4953" i="10"/>
  <c r="N4954" i="10"/>
  <c r="N4955" i="10"/>
  <c r="N4956" i="10"/>
  <c r="N4957" i="10"/>
  <c r="N4958" i="10"/>
  <c r="N4959" i="10"/>
  <c r="N4960" i="10"/>
  <c r="N4961" i="10"/>
  <c r="N4962" i="10"/>
  <c r="N4963" i="10"/>
  <c r="N4964" i="10"/>
  <c r="N4965" i="10"/>
  <c r="N4966" i="10"/>
  <c r="N4967" i="10"/>
  <c r="N4968" i="10"/>
  <c r="N4969" i="10"/>
  <c r="N4970" i="10"/>
  <c r="N4971" i="10"/>
  <c r="N4972" i="10"/>
  <c r="N4973" i="10"/>
  <c r="N4974" i="10"/>
  <c r="N4975" i="10"/>
  <c r="N4976" i="10"/>
  <c r="N4977" i="10"/>
  <c r="N4978" i="10"/>
  <c r="N4979" i="10"/>
  <c r="N4980" i="10"/>
  <c r="N4981" i="10"/>
  <c r="N4982" i="10"/>
  <c r="N4983" i="10"/>
  <c r="N4984" i="10"/>
  <c r="N4985" i="10"/>
  <c r="N4986" i="10"/>
  <c r="N4987" i="10"/>
  <c r="N4988" i="10"/>
  <c r="N4989" i="10"/>
  <c r="N4990" i="10"/>
  <c r="N4991" i="10"/>
  <c r="N4992" i="10"/>
  <c r="N4993" i="10"/>
  <c r="N4994" i="10"/>
  <c r="N4995" i="10"/>
  <c r="N4996" i="10"/>
  <c r="N4997" i="10"/>
  <c r="N4998" i="10"/>
  <c r="N4999" i="10"/>
  <c r="N5000" i="10"/>
  <c r="N5001" i="10"/>
  <c r="N5002" i="10"/>
  <c r="N5003" i="10"/>
  <c r="N5004" i="10"/>
  <c r="N5005" i="10"/>
  <c r="N5006" i="10"/>
  <c r="N5007" i="10"/>
  <c r="N5008" i="10"/>
  <c r="N5009" i="10"/>
  <c r="N5010" i="10"/>
  <c r="N5011" i="10"/>
  <c r="N5012" i="10"/>
  <c r="N5013" i="10"/>
  <c r="N5014" i="10"/>
  <c r="N5015" i="10"/>
  <c r="N5016" i="10"/>
  <c r="N5017" i="10"/>
  <c r="N5018" i="10"/>
  <c r="N5019" i="10"/>
  <c r="N5020" i="10"/>
  <c r="N5021" i="10"/>
  <c r="N5022" i="10"/>
  <c r="N5023" i="10"/>
  <c r="N5024" i="10"/>
  <c r="N5025" i="10"/>
  <c r="N5026" i="10"/>
  <c r="N5027" i="10"/>
  <c r="N5028" i="10"/>
  <c r="N5029" i="10"/>
  <c r="N5030" i="10"/>
  <c r="N5031" i="10"/>
  <c r="N5032" i="10"/>
  <c r="N5033" i="10"/>
  <c r="N5034" i="10"/>
  <c r="N5035" i="10"/>
  <c r="N5036" i="10"/>
  <c r="N5037" i="10"/>
  <c r="N5038" i="10"/>
  <c r="N5039" i="10"/>
  <c r="N5040" i="10"/>
  <c r="N5041" i="10"/>
  <c r="N5042" i="10"/>
  <c r="N5043" i="10"/>
  <c r="N5044" i="10"/>
  <c r="N5045" i="10"/>
  <c r="N5046" i="10"/>
  <c r="N5047" i="10"/>
  <c r="N5048" i="10"/>
  <c r="N5049" i="10"/>
  <c r="N5050" i="10"/>
  <c r="N5051" i="10"/>
  <c r="N5052" i="10"/>
  <c r="N5053" i="10"/>
  <c r="N5054" i="10"/>
  <c r="N5055" i="10"/>
  <c r="N5056" i="10"/>
  <c r="N5057" i="10"/>
  <c r="N5058" i="10"/>
  <c r="N5059" i="10"/>
  <c r="N5060" i="10"/>
  <c r="N5061" i="10"/>
  <c r="N5062" i="10"/>
  <c r="N5063" i="10"/>
  <c r="N5064" i="10"/>
  <c r="N5065" i="10"/>
  <c r="N5066" i="10"/>
  <c r="N5067" i="10"/>
  <c r="N5068" i="10"/>
  <c r="N5069" i="10"/>
  <c r="N5070" i="10"/>
  <c r="N5071" i="10"/>
  <c r="N5072" i="10"/>
  <c r="N5073" i="10"/>
  <c r="N5074" i="10"/>
  <c r="N5075" i="10"/>
  <c r="N5076" i="10"/>
  <c r="N5077" i="10"/>
  <c r="N5078" i="10"/>
  <c r="N5079" i="10"/>
  <c r="N5080" i="10"/>
  <c r="N5081" i="10"/>
  <c r="N5082" i="10"/>
  <c r="N5083" i="10"/>
  <c r="N5084" i="10"/>
  <c r="N5085" i="10"/>
  <c r="N5086" i="10"/>
  <c r="N5087" i="10"/>
  <c r="N5088" i="10"/>
  <c r="N5089" i="10"/>
  <c r="N5090" i="10"/>
  <c r="N5091" i="10"/>
  <c r="N5092" i="10"/>
  <c r="N5093" i="10"/>
  <c r="N5094" i="10"/>
  <c r="N5095" i="10"/>
  <c r="N5096" i="10"/>
  <c r="N5097" i="10"/>
  <c r="N5098" i="10"/>
  <c r="N5099" i="10"/>
  <c r="N5100" i="10"/>
  <c r="N5101" i="10"/>
  <c r="N5102" i="10"/>
  <c r="N5103" i="10"/>
  <c r="N5104" i="10"/>
  <c r="N5105" i="10"/>
  <c r="N5106" i="10"/>
  <c r="N5107" i="10"/>
  <c r="N5108" i="10"/>
  <c r="N5109" i="10"/>
  <c r="N5110" i="10"/>
  <c r="N5111" i="10"/>
  <c r="N5112" i="10"/>
  <c r="N5113" i="10"/>
  <c r="N5114" i="10"/>
  <c r="N5115" i="10"/>
  <c r="N5116" i="10"/>
  <c r="N5117" i="10"/>
  <c r="N5118" i="10"/>
  <c r="N5119" i="10"/>
  <c r="N5120" i="10"/>
  <c r="N5121" i="10"/>
  <c r="N5122" i="10"/>
  <c r="N5123" i="10"/>
  <c r="N5124" i="10"/>
  <c r="N5125" i="10"/>
  <c r="N5126" i="10"/>
  <c r="N5127" i="10"/>
  <c r="N5128" i="10"/>
  <c r="N5129" i="10"/>
  <c r="N5130" i="10"/>
  <c r="N5131" i="10"/>
  <c r="N5132" i="10"/>
  <c r="N5133" i="10"/>
  <c r="N5134" i="10"/>
  <c r="N5135" i="10"/>
  <c r="N5136" i="10"/>
  <c r="N5137" i="10"/>
  <c r="N5138" i="10"/>
  <c r="N5139" i="10"/>
  <c r="N5140" i="10"/>
  <c r="N5141" i="10"/>
  <c r="N5142" i="10"/>
  <c r="N5143" i="10"/>
  <c r="N5144" i="10"/>
  <c r="N5145" i="10"/>
  <c r="N5146" i="10"/>
  <c r="N5147" i="10"/>
  <c r="N5148" i="10"/>
  <c r="N5149" i="10"/>
  <c r="N5150" i="10"/>
  <c r="N5151" i="10"/>
  <c r="N5152" i="10"/>
  <c r="N5153" i="10"/>
  <c r="N5154" i="10"/>
  <c r="N5155" i="10"/>
  <c r="N5156" i="10"/>
  <c r="N5157" i="10"/>
  <c r="N5158" i="10"/>
  <c r="N5159" i="10"/>
  <c r="N5160" i="10"/>
  <c r="N5161" i="10"/>
  <c r="N5162" i="10"/>
  <c r="N5163" i="10"/>
  <c r="N5164" i="10"/>
  <c r="N5165" i="10"/>
  <c r="N5166" i="10"/>
  <c r="N5167" i="10"/>
  <c r="N5168" i="10"/>
  <c r="N5169" i="10"/>
  <c r="N5170" i="10"/>
  <c r="N5171" i="10"/>
  <c r="N5172" i="10"/>
  <c r="N5173" i="10"/>
  <c r="N5174" i="10"/>
  <c r="N5175" i="10"/>
  <c r="N5176" i="10"/>
  <c r="N5177" i="10"/>
  <c r="N5178" i="10"/>
  <c r="N5179" i="10"/>
  <c r="N5180" i="10"/>
  <c r="N5181" i="10"/>
  <c r="N5182" i="10"/>
  <c r="N5183" i="10"/>
  <c r="N5184" i="10"/>
  <c r="N5185" i="10"/>
  <c r="N5186" i="10"/>
  <c r="N5187" i="10"/>
  <c r="N5188" i="10"/>
  <c r="N5189" i="10"/>
  <c r="N5190" i="10"/>
  <c r="N5191" i="10"/>
  <c r="N5192" i="10"/>
  <c r="N5193" i="10"/>
  <c r="N5194" i="10"/>
  <c r="N5195" i="10"/>
  <c r="N5196" i="10"/>
  <c r="N5197" i="10"/>
  <c r="N5198" i="10"/>
  <c r="N5199" i="10"/>
  <c r="N5200" i="10"/>
  <c r="N5201" i="10"/>
  <c r="N5202" i="10"/>
  <c r="N5203" i="10"/>
  <c r="N5204" i="10"/>
  <c r="N5205" i="10"/>
  <c r="N5206" i="10"/>
  <c r="N5207" i="10"/>
  <c r="N5208" i="10"/>
  <c r="N5209" i="10"/>
  <c r="N5210" i="10"/>
  <c r="N5211" i="10"/>
  <c r="N5212" i="10"/>
  <c r="N5213" i="10"/>
  <c r="N5214" i="10"/>
  <c r="N5215" i="10"/>
  <c r="N5216" i="10"/>
  <c r="N5217" i="10"/>
  <c r="N5218" i="10"/>
  <c r="N5219" i="10"/>
  <c r="N5220" i="10"/>
  <c r="N5221" i="10"/>
  <c r="N5222" i="10"/>
  <c r="N5223" i="10"/>
  <c r="N5224" i="10"/>
  <c r="N5225" i="10"/>
  <c r="N5226" i="10"/>
  <c r="N5227" i="10"/>
  <c r="N5228" i="10"/>
  <c r="N5229" i="10"/>
  <c r="N5230" i="10"/>
  <c r="N5231" i="10"/>
  <c r="N5232" i="10"/>
  <c r="N5233" i="10"/>
  <c r="N5234" i="10"/>
  <c r="N5235" i="10"/>
  <c r="N5236" i="10"/>
  <c r="N5237" i="10"/>
  <c r="N5238" i="10"/>
  <c r="N5239" i="10"/>
  <c r="N5240" i="10"/>
  <c r="N5241" i="10"/>
  <c r="N5242" i="10"/>
  <c r="N5243" i="10"/>
  <c r="N5244" i="10"/>
  <c r="N5245" i="10"/>
  <c r="N5246" i="10"/>
  <c r="N5247" i="10"/>
  <c r="N5248" i="10"/>
  <c r="N5249" i="10"/>
  <c r="N5250" i="10"/>
  <c r="N5251" i="10"/>
  <c r="N5252" i="10"/>
  <c r="N5253" i="10"/>
  <c r="N5254" i="10"/>
  <c r="N5255" i="10"/>
  <c r="N5256" i="10"/>
  <c r="N5257" i="10"/>
  <c r="N5258" i="10"/>
  <c r="N5259" i="10"/>
  <c r="N5260" i="10"/>
  <c r="N5261" i="10"/>
  <c r="N5262" i="10"/>
  <c r="N5263" i="10"/>
  <c r="N5264" i="10"/>
  <c r="N5265" i="10"/>
  <c r="N5266" i="10"/>
  <c r="N5267" i="10"/>
  <c r="N5268" i="10"/>
  <c r="N5269" i="10"/>
  <c r="N5270" i="10"/>
  <c r="N5271" i="10"/>
  <c r="N5272" i="10"/>
  <c r="N5273" i="10"/>
  <c r="N5274" i="10"/>
  <c r="N5275" i="10"/>
  <c r="N5276" i="10"/>
  <c r="N5277" i="10"/>
  <c r="N5278" i="10"/>
  <c r="N5279" i="10"/>
  <c r="N5280" i="10"/>
  <c r="N5281" i="10"/>
  <c r="N5282" i="10"/>
  <c r="N5283" i="10"/>
  <c r="N5284" i="10"/>
  <c r="N5285" i="10"/>
  <c r="N5286" i="10"/>
  <c r="N5287" i="10"/>
  <c r="N5288" i="10"/>
  <c r="N5289" i="10"/>
  <c r="N5290" i="10"/>
  <c r="N5291" i="10"/>
  <c r="N5292" i="10"/>
  <c r="N5293" i="10"/>
  <c r="N5294" i="10"/>
  <c r="N5295" i="10"/>
  <c r="N5296" i="10"/>
  <c r="N5297" i="10"/>
  <c r="N5298" i="10"/>
  <c r="N5299" i="10"/>
  <c r="N5300" i="10"/>
  <c r="N5301" i="10"/>
  <c r="N5302" i="10"/>
  <c r="N5303" i="10"/>
  <c r="N5304" i="10"/>
  <c r="N5305" i="10"/>
  <c r="N5306" i="10"/>
  <c r="N5307" i="10"/>
  <c r="N5308" i="10"/>
  <c r="N5309" i="10"/>
  <c r="N5310" i="10"/>
  <c r="N5311" i="10"/>
  <c r="N5312" i="10"/>
  <c r="N5313" i="10"/>
  <c r="N5314" i="10"/>
  <c r="N5315" i="10"/>
  <c r="N5316" i="10"/>
  <c r="N5317" i="10"/>
  <c r="N5318" i="10"/>
  <c r="N5319" i="10"/>
  <c r="N5320" i="10"/>
  <c r="N5321" i="10"/>
  <c r="N5322" i="10"/>
  <c r="N5323" i="10"/>
  <c r="N5324" i="10"/>
  <c r="N5325" i="10"/>
  <c r="N5326" i="10"/>
  <c r="N5327" i="10"/>
  <c r="N5328" i="10"/>
  <c r="N5329" i="10"/>
  <c r="N5330" i="10"/>
  <c r="N5331" i="10"/>
  <c r="N5332" i="10"/>
  <c r="N5333" i="10"/>
  <c r="N5334" i="10"/>
  <c r="N5335" i="10"/>
  <c r="N5336" i="10"/>
  <c r="N5337" i="10"/>
  <c r="N5338" i="10"/>
  <c r="N5339" i="10"/>
  <c r="N5340" i="10"/>
  <c r="N5341" i="10"/>
  <c r="N5342" i="10"/>
  <c r="N5343" i="10"/>
  <c r="N5344" i="10"/>
  <c r="N5345" i="10"/>
  <c r="N5346" i="10"/>
  <c r="N5347" i="10"/>
  <c r="N5348" i="10"/>
  <c r="N5349" i="10"/>
  <c r="N5350" i="10"/>
  <c r="N5351" i="10"/>
  <c r="N5352" i="10"/>
  <c r="N5353" i="10"/>
  <c r="N5354" i="10"/>
  <c r="N5355" i="10"/>
  <c r="N5356" i="10"/>
  <c r="N5357" i="10"/>
  <c r="N5358" i="10"/>
  <c r="N5359" i="10"/>
  <c r="N5360" i="10"/>
  <c r="N5361" i="10"/>
  <c r="N5362" i="10"/>
  <c r="N5363" i="10"/>
  <c r="N5364" i="10"/>
  <c r="N5365" i="10"/>
  <c r="N5366" i="10"/>
  <c r="N5367" i="10"/>
  <c r="N5368" i="10"/>
  <c r="N5369" i="10"/>
  <c r="N5370" i="10"/>
  <c r="N5371" i="10"/>
  <c r="N5372" i="10"/>
  <c r="N5373" i="10"/>
  <c r="N5374" i="10"/>
  <c r="N5375" i="10"/>
  <c r="N5376" i="10"/>
  <c r="N5377" i="10"/>
  <c r="N5378" i="10"/>
  <c r="N5379" i="10"/>
  <c r="N5380" i="10"/>
  <c r="N5381" i="10"/>
  <c r="N5382" i="10"/>
  <c r="N5383" i="10"/>
  <c r="N5384" i="10"/>
  <c r="N5385" i="10"/>
  <c r="N5386" i="10"/>
  <c r="N5387" i="10"/>
  <c r="N5388" i="10"/>
  <c r="N5389" i="10"/>
  <c r="N5390" i="10"/>
  <c r="N5391" i="10"/>
  <c r="N5392" i="10"/>
  <c r="N5393" i="10"/>
  <c r="N5394" i="10"/>
  <c r="N5395" i="10"/>
  <c r="N5396" i="10"/>
  <c r="N5397" i="10"/>
  <c r="N5398" i="10"/>
  <c r="N5399" i="10"/>
  <c r="N5400" i="10"/>
  <c r="N5401" i="10"/>
  <c r="N5402" i="10"/>
  <c r="N5403" i="10"/>
  <c r="N5404" i="10"/>
  <c r="N5405" i="10"/>
  <c r="N5406" i="10"/>
  <c r="N5407" i="10"/>
  <c r="N5408" i="10"/>
  <c r="N5409" i="10"/>
  <c r="N5410" i="10"/>
  <c r="N5411" i="10"/>
  <c r="N5412" i="10"/>
  <c r="N5413" i="10"/>
  <c r="N5414" i="10"/>
  <c r="N5415" i="10"/>
  <c r="N5416" i="10"/>
  <c r="N5417" i="10"/>
  <c r="N5418" i="10"/>
  <c r="N5419" i="10"/>
  <c r="N5420" i="10"/>
  <c r="N5421" i="10"/>
  <c r="N5422" i="10"/>
  <c r="N5423" i="10"/>
  <c r="N5424" i="10"/>
  <c r="N5425" i="10"/>
  <c r="N5426" i="10"/>
  <c r="N5427" i="10"/>
  <c r="N5428" i="10"/>
  <c r="N5429" i="10"/>
  <c r="N5430" i="10"/>
  <c r="N5431" i="10"/>
  <c r="N5432" i="10"/>
  <c r="N5433" i="10"/>
  <c r="N5434" i="10"/>
  <c r="N5435" i="10"/>
  <c r="N5436" i="10"/>
  <c r="N5437" i="10"/>
  <c r="N5438" i="10"/>
  <c r="N5439" i="10"/>
  <c r="N5440" i="10"/>
  <c r="N5441" i="10"/>
  <c r="N5442" i="10"/>
  <c r="N5443" i="10"/>
  <c r="N5444" i="10"/>
  <c r="N5445" i="10"/>
  <c r="N5446" i="10"/>
  <c r="N5447" i="10"/>
  <c r="N5448" i="10"/>
  <c r="N5449" i="10"/>
  <c r="N5450" i="10"/>
  <c r="N5451" i="10"/>
  <c r="N5452" i="10"/>
  <c r="N5453" i="10"/>
  <c r="N5454" i="10"/>
  <c r="N5455" i="10"/>
  <c r="N5456" i="10"/>
  <c r="N5457" i="10"/>
  <c r="N5458" i="10"/>
  <c r="N5459" i="10"/>
  <c r="N5460" i="10"/>
  <c r="N5461" i="10"/>
  <c r="N5462" i="10"/>
  <c r="N5463" i="10"/>
  <c r="N5464" i="10"/>
  <c r="N5465" i="10"/>
  <c r="N5466" i="10"/>
  <c r="N5467" i="10"/>
  <c r="N5468" i="10"/>
  <c r="N5469" i="10"/>
  <c r="N5470" i="10"/>
  <c r="N5471" i="10"/>
  <c r="N5472" i="10"/>
  <c r="N5473" i="10"/>
  <c r="N5474" i="10"/>
  <c r="N5475" i="10"/>
  <c r="N5476" i="10"/>
  <c r="N5477" i="10"/>
  <c r="N5478" i="10"/>
  <c r="N5479" i="10"/>
  <c r="N5480" i="10"/>
  <c r="N5481" i="10"/>
  <c r="N5482" i="10"/>
  <c r="N5483" i="10"/>
  <c r="N5484" i="10"/>
  <c r="N5485" i="10"/>
  <c r="N5486" i="10"/>
  <c r="N5487" i="10"/>
  <c r="N5488" i="10"/>
  <c r="N5489" i="10"/>
  <c r="N5490" i="10"/>
  <c r="N5491" i="10"/>
  <c r="N5492" i="10"/>
  <c r="N5493" i="10"/>
  <c r="N5494" i="10"/>
  <c r="N5495" i="10"/>
  <c r="N5496" i="10"/>
  <c r="N5497" i="10"/>
  <c r="N5498" i="10"/>
  <c r="N5499" i="10"/>
  <c r="N5500" i="10"/>
  <c r="N5501" i="10"/>
  <c r="N5502" i="10"/>
  <c r="N5503" i="10"/>
  <c r="N5504" i="10"/>
  <c r="N5505" i="10"/>
  <c r="N5506" i="10"/>
  <c r="N5507" i="10"/>
  <c r="N5508" i="10"/>
  <c r="N5509" i="10"/>
  <c r="N5510" i="10"/>
  <c r="N5511" i="10"/>
  <c r="N5512" i="10"/>
  <c r="N5513" i="10"/>
  <c r="N5514" i="10"/>
  <c r="N5515" i="10"/>
  <c r="N5516" i="10"/>
  <c r="N5517" i="10"/>
  <c r="N5518" i="10"/>
  <c r="N5519" i="10"/>
  <c r="N5520" i="10"/>
  <c r="N5521" i="10"/>
  <c r="N5522" i="10"/>
  <c r="N5523" i="10"/>
  <c r="N5524" i="10"/>
  <c r="N5525" i="10"/>
  <c r="N5526" i="10"/>
  <c r="N5527" i="10"/>
  <c r="N5528" i="10"/>
  <c r="N5529" i="10"/>
  <c r="N5530" i="10"/>
  <c r="N5531" i="10"/>
  <c r="N5532" i="10"/>
  <c r="N5533" i="10"/>
  <c r="N5534" i="10"/>
  <c r="N5535" i="10"/>
  <c r="N5536" i="10"/>
  <c r="N5537" i="10"/>
  <c r="N5538" i="10"/>
  <c r="N5539" i="10"/>
  <c r="N5540" i="10"/>
  <c r="N5541" i="10"/>
  <c r="N5542" i="10"/>
  <c r="N5543" i="10"/>
  <c r="N5544" i="10"/>
  <c r="N5545" i="10"/>
  <c r="N5546" i="10"/>
  <c r="N5547" i="10"/>
  <c r="N5548" i="10"/>
  <c r="N5549" i="10"/>
  <c r="N5550" i="10"/>
  <c r="N5551" i="10"/>
  <c r="N5552" i="10"/>
  <c r="N5553" i="10"/>
  <c r="N5554" i="10"/>
  <c r="N5555" i="10"/>
  <c r="N5556" i="10"/>
  <c r="N5557" i="10"/>
  <c r="N5558" i="10"/>
  <c r="N5559" i="10"/>
  <c r="N5560" i="10"/>
  <c r="N5561" i="10"/>
  <c r="N5562" i="10"/>
  <c r="N5563" i="10"/>
  <c r="N5564" i="10"/>
  <c r="N5565" i="10"/>
  <c r="N5566" i="10"/>
  <c r="N5567" i="10"/>
  <c r="N5568" i="10"/>
  <c r="N5569" i="10"/>
  <c r="N5570" i="10"/>
  <c r="N5571" i="10"/>
  <c r="N5572" i="10"/>
  <c r="N5573" i="10"/>
  <c r="N5574" i="10"/>
  <c r="N5575" i="10"/>
  <c r="N5576" i="10"/>
  <c r="N5577" i="10"/>
  <c r="N5578" i="10"/>
  <c r="N5579" i="10"/>
  <c r="N5580" i="10"/>
  <c r="N5581" i="10"/>
  <c r="N5582" i="10"/>
  <c r="N5583" i="10"/>
  <c r="N5584" i="10"/>
  <c r="N5585" i="10"/>
  <c r="N5586" i="10"/>
  <c r="N5587" i="10"/>
  <c r="N5588" i="10"/>
  <c r="N5589" i="10"/>
  <c r="N5590" i="10"/>
  <c r="N5591" i="10"/>
  <c r="N5592" i="10"/>
  <c r="N5593" i="10"/>
  <c r="N5594" i="10"/>
  <c r="N5595" i="10"/>
  <c r="N5596" i="10"/>
  <c r="N5597" i="10"/>
  <c r="N5598" i="10"/>
  <c r="N5599" i="10"/>
  <c r="N5600" i="10"/>
  <c r="N5601" i="10"/>
  <c r="N5602" i="10"/>
  <c r="N5603" i="10"/>
  <c r="N5604" i="10"/>
  <c r="N5605" i="10"/>
  <c r="N5606" i="10"/>
  <c r="N5607" i="10"/>
  <c r="N5608" i="10"/>
  <c r="N5609" i="10"/>
  <c r="N5610" i="10"/>
  <c r="N5611" i="10"/>
  <c r="N5612" i="10"/>
  <c r="N5613" i="10"/>
  <c r="N5614" i="10"/>
  <c r="N5615" i="10"/>
  <c r="N5616" i="10"/>
  <c r="N5617" i="10"/>
  <c r="N5618" i="10"/>
  <c r="N5619" i="10"/>
  <c r="N5620" i="10"/>
  <c r="N5621" i="10"/>
  <c r="N5622" i="10"/>
  <c r="N5623" i="10"/>
  <c r="N5624" i="10"/>
  <c r="N5625" i="10"/>
  <c r="N5626" i="10"/>
  <c r="N5627" i="10"/>
  <c r="N5628" i="10"/>
  <c r="N5629" i="10"/>
  <c r="N5630" i="10"/>
  <c r="N5631" i="10"/>
  <c r="N5632" i="10"/>
  <c r="N5633" i="10"/>
  <c r="N5634" i="10"/>
  <c r="N5635" i="10"/>
  <c r="N5636" i="10"/>
  <c r="N5637" i="10"/>
  <c r="N5638" i="10"/>
  <c r="N5639" i="10"/>
  <c r="N5640" i="10"/>
  <c r="N5641" i="10"/>
  <c r="N5642" i="10"/>
  <c r="N5643" i="10"/>
  <c r="N5644" i="10"/>
  <c r="N5645" i="10"/>
  <c r="N5646" i="10"/>
  <c r="N5647" i="10"/>
  <c r="N5648" i="10"/>
  <c r="N5649" i="10"/>
  <c r="N5650" i="10"/>
  <c r="N5651" i="10"/>
  <c r="N5652" i="10"/>
  <c r="N5653" i="10"/>
  <c r="N5654" i="10"/>
  <c r="N5655" i="10"/>
  <c r="N5656" i="10"/>
  <c r="N5657" i="10"/>
  <c r="N5658" i="10"/>
  <c r="N5659" i="10"/>
  <c r="N5660" i="10"/>
  <c r="N5661" i="10"/>
  <c r="N5662" i="10"/>
  <c r="N5663" i="10"/>
  <c r="N5664" i="10"/>
  <c r="N5665" i="10"/>
  <c r="N5666" i="10"/>
  <c r="N5667" i="10"/>
  <c r="N5668" i="10"/>
  <c r="N5669" i="10"/>
  <c r="N5670" i="10"/>
  <c r="N5671" i="10"/>
  <c r="N5672" i="10"/>
  <c r="N5673" i="10"/>
  <c r="N5674" i="10"/>
  <c r="N5675" i="10"/>
  <c r="N5676" i="10"/>
  <c r="N5677" i="10"/>
  <c r="N5678" i="10"/>
  <c r="N5679" i="10"/>
  <c r="N5680" i="10"/>
  <c r="N5681" i="10"/>
  <c r="N5682" i="10"/>
  <c r="N5683" i="10"/>
  <c r="N5684" i="10"/>
  <c r="N5685" i="10"/>
  <c r="N5686" i="10"/>
  <c r="N5687" i="10"/>
  <c r="N5688" i="10"/>
  <c r="N5689" i="10"/>
  <c r="N5690" i="10"/>
  <c r="N5691" i="10"/>
  <c r="N5692" i="10"/>
  <c r="N5693" i="10"/>
  <c r="N5694" i="10"/>
  <c r="N5695" i="10"/>
  <c r="N5696" i="10"/>
  <c r="N5697" i="10"/>
  <c r="N5698" i="10"/>
  <c r="N5699" i="10"/>
  <c r="N5700" i="10"/>
  <c r="N5701" i="10"/>
  <c r="N5702" i="10"/>
  <c r="N5703" i="10"/>
  <c r="N5704" i="10"/>
  <c r="N5705" i="10"/>
  <c r="N5706" i="10"/>
  <c r="N5707" i="10"/>
  <c r="N5708" i="10"/>
  <c r="N5709" i="10"/>
  <c r="N5710" i="10"/>
  <c r="N5711" i="10"/>
  <c r="N5712" i="10"/>
  <c r="N5713" i="10"/>
  <c r="N5714" i="10"/>
  <c r="N5715" i="10"/>
  <c r="N5716" i="10"/>
  <c r="N5717" i="10"/>
  <c r="N5718" i="10"/>
  <c r="N5719" i="10"/>
  <c r="N5720" i="10"/>
  <c r="N5721" i="10"/>
  <c r="N5722" i="10"/>
  <c r="N5723" i="10"/>
  <c r="N5724" i="10"/>
  <c r="N5725" i="10"/>
  <c r="N5726" i="10"/>
  <c r="N5727" i="10"/>
  <c r="N5728" i="10"/>
  <c r="N5729" i="10"/>
  <c r="N5730" i="10"/>
  <c r="N5731" i="10"/>
  <c r="N5732" i="10"/>
  <c r="N5733" i="10"/>
  <c r="N5734" i="10"/>
  <c r="N5735" i="10"/>
  <c r="N5736" i="10"/>
  <c r="N5737" i="10"/>
  <c r="N5738" i="10"/>
  <c r="N5739" i="10"/>
  <c r="N5740" i="10"/>
  <c r="N5741" i="10"/>
  <c r="N5742" i="10"/>
  <c r="N5743" i="10"/>
  <c r="N5744" i="10"/>
  <c r="N5745" i="10"/>
  <c r="N5746" i="10"/>
  <c r="N5747" i="10"/>
  <c r="N5748" i="10"/>
  <c r="N5749" i="10"/>
  <c r="N5750" i="10"/>
  <c r="N5751" i="10"/>
  <c r="N5752" i="10"/>
  <c r="N5753" i="10"/>
  <c r="N5754" i="10"/>
  <c r="N5755" i="10"/>
  <c r="N5756" i="10"/>
  <c r="N5757" i="10"/>
  <c r="N5758" i="10"/>
  <c r="N5759" i="10"/>
  <c r="N5760" i="10"/>
  <c r="N5761" i="10"/>
  <c r="N5762" i="10"/>
  <c r="N5763" i="10"/>
  <c r="N5764" i="10"/>
  <c r="N5765" i="10"/>
  <c r="N5766" i="10"/>
  <c r="N5767" i="10"/>
  <c r="N5768" i="10"/>
  <c r="N5769" i="10"/>
  <c r="N5770" i="10"/>
  <c r="N5771" i="10"/>
  <c r="N5772" i="10"/>
  <c r="N5773" i="10"/>
  <c r="N5774" i="10"/>
  <c r="N5775" i="10"/>
  <c r="N5776" i="10"/>
  <c r="N5777" i="10"/>
  <c r="N5778" i="10"/>
  <c r="N5779" i="10"/>
  <c r="N5780" i="10"/>
  <c r="N5781" i="10"/>
  <c r="N5782" i="10"/>
  <c r="N5783" i="10"/>
  <c r="N5784" i="10"/>
  <c r="N5785" i="10"/>
  <c r="N5786" i="10"/>
  <c r="N5787" i="10"/>
  <c r="N5788" i="10"/>
  <c r="N5789" i="10"/>
  <c r="N5790" i="10"/>
  <c r="N5791" i="10"/>
  <c r="N5792" i="10"/>
  <c r="N5793" i="10"/>
  <c r="N5794" i="10"/>
  <c r="N5795" i="10"/>
  <c r="N5796" i="10"/>
  <c r="N5797" i="10"/>
  <c r="N5798" i="10"/>
  <c r="N5799" i="10"/>
  <c r="N5800" i="10"/>
  <c r="N5801" i="10"/>
  <c r="N5802" i="10"/>
  <c r="N5803" i="10"/>
  <c r="N5804" i="10"/>
  <c r="N5805" i="10"/>
  <c r="N5806" i="10"/>
  <c r="N5807" i="10"/>
  <c r="N5808" i="10"/>
  <c r="N5809" i="10"/>
  <c r="N5810" i="10"/>
  <c r="N5811" i="10"/>
  <c r="N5812" i="10"/>
  <c r="N5813" i="10"/>
  <c r="N5814" i="10"/>
  <c r="N5815" i="10"/>
  <c r="N5816" i="10"/>
  <c r="N5817" i="10"/>
  <c r="N5818" i="10"/>
  <c r="N5819" i="10"/>
  <c r="N5820" i="10"/>
  <c r="N5821" i="10"/>
  <c r="N5822" i="10"/>
  <c r="N5823" i="10"/>
  <c r="N5824" i="10"/>
  <c r="N5825" i="10"/>
  <c r="N5826" i="10"/>
  <c r="N5827" i="10"/>
  <c r="N5828" i="10"/>
  <c r="N5829" i="10"/>
  <c r="N5830" i="10"/>
  <c r="N5831" i="10"/>
  <c r="N5832" i="10"/>
  <c r="N5833" i="10"/>
  <c r="N5834" i="10"/>
  <c r="N5835" i="10"/>
  <c r="N5836" i="10"/>
  <c r="N5837" i="10"/>
  <c r="N5838" i="10"/>
  <c r="N5839" i="10"/>
  <c r="N5840" i="10"/>
  <c r="N5841" i="10"/>
  <c r="N5842" i="10"/>
  <c r="N5843" i="10"/>
  <c r="N5844" i="10"/>
  <c r="N5845" i="10"/>
  <c r="N5846" i="10"/>
  <c r="N5847" i="10"/>
  <c r="N5848" i="10"/>
  <c r="N5849" i="10"/>
  <c r="N5850" i="10"/>
  <c r="N5851" i="10"/>
  <c r="N5852" i="10"/>
  <c r="N5853" i="10"/>
  <c r="N5854" i="10"/>
  <c r="N5855" i="10"/>
  <c r="N5856" i="10"/>
  <c r="N5857" i="10"/>
  <c r="N5858" i="10"/>
  <c r="N5859" i="10"/>
  <c r="N5860" i="10"/>
  <c r="N5861" i="10"/>
  <c r="N5862" i="10"/>
  <c r="N5863" i="10"/>
  <c r="N5864" i="10"/>
  <c r="N5865" i="10"/>
  <c r="N5866" i="10"/>
  <c r="N5867" i="10"/>
  <c r="N5868" i="10"/>
  <c r="N5869" i="10"/>
  <c r="N5870" i="10"/>
  <c r="N5871" i="10"/>
  <c r="N5872" i="10"/>
  <c r="N5873" i="10"/>
  <c r="N5874" i="10"/>
  <c r="N5875" i="10"/>
  <c r="N5876" i="10"/>
  <c r="N5877" i="10"/>
  <c r="N5878" i="10"/>
  <c r="N5879" i="10"/>
  <c r="N5880" i="10"/>
  <c r="N5881" i="10"/>
  <c r="N5882" i="10"/>
  <c r="N5883" i="10"/>
  <c r="N5884" i="10"/>
  <c r="N5885" i="10"/>
  <c r="N5886" i="10"/>
  <c r="N5887" i="10"/>
  <c r="N5888" i="10"/>
  <c r="N5889" i="10"/>
  <c r="N5890" i="10"/>
  <c r="N5891" i="10"/>
  <c r="N5892" i="10"/>
  <c r="N5893" i="10"/>
  <c r="N5894" i="10"/>
  <c r="N5895" i="10"/>
  <c r="N5896" i="10"/>
  <c r="N5897" i="10"/>
  <c r="N5898" i="10"/>
  <c r="N5899" i="10"/>
  <c r="N5900" i="10"/>
  <c r="N5901" i="10"/>
  <c r="N5902" i="10"/>
  <c r="N5903" i="10"/>
  <c r="N5904" i="10"/>
  <c r="N5905" i="10"/>
  <c r="N5906" i="10"/>
  <c r="N5907" i="10"/>
  <c r="N5908" i="10"/>
  <c r="N5909" i="10"/>
  <c r="N5910" i="10"/>
  <c r="N5911" i="10"/>
  <c r="N5912" i="10"/>
  <c r="N5913" i="10"/>
  <c r="N5914" i="10"/>
  <c r="N5915" i="10"/>
  <c r="N5916" i="10"/>
  <c r="N5917" i="10"/>
  <c r="N5918" i="10"/>
  <c r="N5919" i="10"/>
  <c r="N5920" i="10"/>
  <c r="N5921" i="10"/>
  <c r="N5922" i="10"/>
  <c r="N5923" i="10"/>
  <c r="N5924" i="10"/>
  <c r="N5925" i="10"/>
  <c r="N5926" i="10"/>
  <c r="N5927" i="10"/>
  <c r="N5928" i="10"/>
  <c r="N5929" i="10"/>
  <c r="N5930" i="10"/>
  <c r="N5931" i="10"/>
  <c r="N5932" i="10"/>
  <c r="N5933" i="10"/>
  <c r="N5934" i="10"/>
  <c r="N5935" i="10"/>
  <c r="N5936" i="10"/>
  <c r="N5937" i="10"/>
  <c r="N5938" i="10"/>
  <c r="N5939" i="10"/>
  <c r="N5940" i="10"/>
  <c r="N5941" i="10"/>
  <c r="N5942" i="10"/>
  <c r="N5943" i="10"/>
  <c r="N5944" i="10"/>
  <c r="N5945" i="10"/>
  <c r="N5946" i="10"/>
  <c r="N5947" i="10"/>
  <c r="N5948" i="10"/>
  <c r="N5949" i="10"/>
  <c r="N5950" i="10"/>
  <c r="N5951" i="10"/>
  <c r="N5952" i="10"/>
  <c r="N5953" i="10"/>
  <c r="N5954" i="10"/>
  <c r="N5955" i="10"/>
  <c r="N5956" i="10"/>
  <c r="N5957" i="10"/>
  <c r="N5958" i="10"/>
  <c r="N5959" i="10"/>
  <c r="N5960" i="10"/>
  <c r="N5961" i="10"/>
  <c r="N5962" i="10"/>
  <c r="N5963" i="10"/>
  <c r="N5964" i="10"/>
  <c r="N5965" i="10"/>
  <c r="N5966" i="10"/>
  <c r="N5967" i="10"/>
  <c r="N5968" i="10"/>
  <c r="N5969" i="10"/>
  <c r="N5970" i="10"/>
  <c r="N5971" i="10"/>
  <c r="N5972" i="10"/>
  <c r="N5973" i="10"/>
  <c r="N5974" i="10"/>
  <c r="N5975" i="10"/>
  <c r="N5976" i="10"/>
  <c r="N5977" i="10"/>
  <c r="N5978" i="10"/>
  <c r="N5979" i="10"/>
  <c r="N5980" i="10"/>
  <c r="N5981" i="10"/>
  <c r="N5982" i="10"/>
  <c r="N5983" i="10"/>
  <c r="N5984" i="10"/>
  <c r="N5985" i="10"/>
  <c r="N5986" i="10"/>
  <c r="N5987" i="10"/>
  <c r="N5988" i="10"/>
  <c r="N5989" i="10"/>
  <c r="N5990" i="10"/>
  <c r="N5991" i="10"/>
  <c r="N5992" i="10"/>
  <c r="N5993" i="10"/>
  <c r="N5994" i="10"/>
  <c r="N5995" i="10"/>
  <c r="N5996" i="10"/>
  <c r="N5997" i="10"/>
  <c r="N5998" i="10"/>
  <c r="N5999" i="10"/>
  <c r="N6000" i="10"/>
  <c r="N6001" i="10"/>
  <c r="N6002" i="10"/>
  <c r="N6003" i="10"/>
  <c r="N6004" i="10"/>
  <c r="N6005" i="10"/>
  <c r="N6006" i="10"/>
  <c r="N6007" i="10"/>
  <c r="N6008" i="10"/>
  <c r="N6009" i="10"/>
  <c r="N6010" i="10"/>
  <c r="N6011" i="10"/>
  <c r="N6012" i="10"/>
  <c r="N6013" i="10"/>
  <c r="N6014" i="10"/>
  <c r="N6015" i="10"/>
  <c r="N6016" i="10"/>
  <c r="N6017" i="10"/>
  <c r="N6018" i="10"/>
  <c r="N6019" i="10"/>
  <c r="N6020" i="10"/>
  <c r="N6021" i="10"/>
  <c r="N6022" i="10"/>
  <c r="N6023" i="10"/>
  <c r="N6024" i="10"/>
  <c r="N6025" i="10"/>
  <c r="N6026" i="10"/>
  <c r="N6027" i="10"/>
  <c r="N6028" i="10"/>
  <c r="N6029" i="10"/>
  <c r="N6030" i="10"/>
  <c r="N6031" i="10"/>
  <c r="N6032" i="10"/>
  <c r="N6033" i="10"/>
  <c r="N6034" i="10"/>
  <c r="N6035" i="10"/>
  <c r="N6036" i="10"/>
  <c r="N6037" i="10"/>
  <c r="N6038" i="10"/>
  <c r="N6039" i="10"/>
  <c r="N6040" i="10"/>
  <c r="N6041" i="10"/>
  <c r="N6042" i="10"/>
  <c r="N6043" i="10"/>
  <c r="N6044" i="10"/>
  <c r="N6045" i="10"/>
  <c r="N6046" i="10"/>
  <c r="N6047" i="10"/>
  <c r="N6048" i="10"/>
  <c r="N6049" i="10"/>
  <c r="N6050" i="10"/>
  <c r="N6051" i="10"/>
  <c r="N6052" i="10"/>
  <c r="N6053" i="10"/>
  <c r="N6054" i="10"/>
  <c r="N6055" i="10"/>
  <c r="N6056" i="10"/>
  <c r="N6057" i="10"/>
  <c r="N6058" i="10"/>
  <c r="N6059" i="10"/>
  <c r="N6060" i="10"/>
  <c r="N6061" i="10"/>
  <c r="N6062" i="10"/>
  <c r="N6063" i="10"/>
  <c r="N6064" i="10"/>
  <c r="N6065" i="10"/>
  <c r="N6066" i="10"/>
  <c r="N6067" i="10"/>
  <c r="N6068" i="10"/>
  <c r="N6069" i="10"/>
  <c r="N6070" i="10"/>
  <c r="N6071" i="10"/>
  <c r="N6072" i="10"/>
  <c r="N6073" i="10"/>
  <c r="N6074" i="10"/>
  <c r="N6075" i="10"/>
  <c r="N6076" i="10"/>
  <c r="N6077" i="10"/>
  <c r="N6078" i="10"/>
  <c r="N6079" i="10"/>
  <c r="N6080" i="10"/>
  <c r="N6081" i="10"/>
  <c r="N6082" i="10"/>
  <c r="N6083" i="10"/>
  <c r="N6084" i="10"/>
  <c r="N6085" i="10"/>
  <c r="N6086" i="10"/>
  <c r="N6087" i="10"/>
  <c r="N6088" i="10"/>
  <c r="N6089" i="10"/>
  <c r="N6090" i="10"/>
  <c r="N6091" i="10"/>
  <c r="N6092" i="10"/>
  <c r="N6093" i="10"/>
  <c r="N6094" i="10"/>
  <c r="N6095" i="10"/>
  <c r="N6096" i="10"/>
  <c r="N6097" i="10"/>
  <c r="N6098" i="10"/>
  <c r="N6099" i="10"/>
  <c r="N6100" i="10"/>
  <c r="N6101" i="10"/>
  <c r="N6102" i="10"/>
  <c r="N6103" i="10"/>
  <c r="N6104" i="10"/>
  <c r="N6105" i="10"/>
  <c r="N6106" i="10"/>
  <c r="N6107" i="10"/>
  <c r="N6108" i="10"/>
  <c r="N6109" i="10"/>
  <c r="N6110" i="10"/>
  <c r="N6111" i="10"/>
  <c r="N6112" i="10"/>
  <c r="N6113" i="10"/>
  <c r="N6114" i="10"/>
  <c r="N6115" i="10"/>
  <c r="N6116" i="10"/>
  <c r="N6117" i="10"/>
  <c r="N6118" i="10"/>
  <c r="N6119" i="10"/>
  <c r="N6120" i="10"/>
  <c r="N6121" i="10"/>
  <c r="N6122" i="10"/>
  <c r="N6123" i="10"/>
  <c r="N6124" i="10"/>
  <c r="N6125" i="10"/>
  <c r="N6126" i="10"/>
  <c r="N6127" i="10"/>
  <c r="N6128" i="10"/>
  <c r="N6129" i="10"/>
  <c r="N6130" i="10"/>
  <c r="N6131" i="10"/>
  <c r="N6132" i="10"/>
  <c r="N6133" i="10"/>
  <c r="N6134" i="10"/>
  <c r="N6135" i="10"/>
  <c r="N6136" i="10"/>
  <c r="N6137" i="10"/>
  <c r="N6138" i="10"/>
  <c r="N6139" i="10"/>
  <c r="N6140" i="10"/>
  <c r="N6141" i="10"/>
  <c r="N6142" i="10"/>
  <c r="N6143" i="10"/>
  <c r="N6144" i="10"/>
  <c r="N6145" i="10"/>
  <c r="N6146" i="10"/>
  <c r="N6147" i="10"/>
  <c r="N6148" i="10"/>
  <c r="N6149" i="10"/>
  <c r="N6150" i="10"/>
  <c r="N6151" i="10"/>
  <c r="N6152" i="10"/>
  <c r="N6153" i="10"/>
  <c r="N6154" i="10"/>
  <c r="N6155" i="10"/>
  <c r="N6156" i="10"/>
  <c r="N6157" i="10"/>
  <c r="N6158" i="10"/>
  <c r="N6159" i="10"/>
  <c r="N6160" i="10"/>
  <c r="N6161" i="10"/>
  <c r="N6162" i="10"/>
  <c r="N6163" i="10"/>
  <c r="N6164" i="10"/>
  <c r="N6165" i="10"/>
  <c r="N6166" i="10"/>
  <c r="N6167" i="10"/>
  <c r="N6168" i="10"/>
  <c r="N6169" i="10"/>
  <c r="N6170" i="10"/>
  <c r="N6171" i="10"/>
  <c r="N6172" i="10"/>
  <c r="N6173" i="10"/>
  <c r="N6174" i="10"/>
  <c r="N6175" i="10"/>
  <c r="N6176" i="10"/>
  <c r="N6177" i="10"/>
  <c r="N6178" i="10"/>
  <c r="N6179" i="10"/>
  <c r="N6180" i="10"/>
  <c r="N6181" i="10"/>
  <c r="N6182" i="10"/>
  <c r="N6183" i="10"/>
  <c r="N6184" i="10"/>
  <c r="N6185" i="10"/>
  <c r="N6186" i="10"/>
  <c r="N6187" i="10"/>
  <c r="N6188" i="10"/>
  <c r="N6189" i="10"/>
  <c r="N6190" i="10"/>
  <c r="N6191" i="10"/>
  <c r="N6192" i="10"/>
  <c r="N6193" i="10"/>
  <c r="N6194" i="10"/>
  <c r="N6195" i="10"/>
  <c r="N6196" i="10"/>
  <c r="N6197" i="10"/>
  <c r="N6198" i="10"/>
  <c r="N6199" i="10"/>
  <c r="N6200" i="10"/>
  <c r="N6201" i="10"/>
  <c r="N6202" i="10"/>
  <c r="N6203" i="10"/>
  <c r="N6204" i="10"/>
  <c r="N6205" i="10"/>
  <c r="N6206" i="10"/>
  <c r="N6207" i="10"/>
  <c r="N6208" i="10"/>
  <c r="N6209" i="10"/>
  <c r="N6210" i="10"/>
  <c r="N6211" i="10"/>
  <c r="N6212" i="10"/>
  <c r="N6213" i="10"/>
  <c r="N6214" i="10"/>
  <c r="N6215" i="10"/>
  <c r="N6216" i="10"/>
  <c r="N6217" i="10"/>
  <c r="N6218" i="10"/>
  <c r="N6219" i="10"/>
  <c r="N6220" i="10"/>
  <c r="N6221" i="10"/>
  <c r="N6222" i="10"/>
  <c r="N6223" i="10"/>
  <c r="N6224" i="10"/>
  <c r="N6225" i="10"/>
  <c r="N6226" i="10"/>
  <c r="N6227" i="10"/>
  <c r="N6228" i="10"/>
  <c r="N6229" i="10"/>
  <c r="N6230" i="10"/>
  <c r="N6231" i="10"/>
  <c r="N6232" i="10"/>
  <c r="N6233" i="10"/>
  <c r="N6234" i="10"/>
  <c r="N6235" i="10"/>
  <c r="N6236" i="10"/>
  <c r="N6237" i="10"/>
  <c r="N6238" i="10"/>
  <c r="N6239" i="10"/>
  <c r="N6240" i="10"/>
  <c r="N6241" i="10"/>
  <c r="N6242" i="10"/>
  <c r="N6243" i="10"/>
  <c r="N6244" i="10"/>
  <c r="N6245" i="10"/>
  <c r="N6246" i="10"/>
  <c r="N6247" i="10"/>
  <c r="N6248" i="10"/>
  <c r="N6249" i="10"/>
  <c r="N6250" i="10"/>
  <c r="N6251" i="10"/>
  <c r="N6252" i="10"/>
  <c r="N6253" i="10"/>
  <c r="N6254" i="10"/>
  <c r="N6255" i="10"/>
  <c r="N6256" i="10"/>
  <c r="N6257" i="10"/>
  <c r="N6258" i="10"/>
  <c r="N6259" i="10"/>
  <c r="N6260" i="10"/>
  <c r="N6261" i="10"/>
  <c r="N6262" i="10"/>
  <c r="N6263" i="10"/>
  <c r="N6264" i="10"/>
  <c r="N6265" i="10"/>
  <c r="N6266" i="10"/>
  <c r="N6267" i="10"/>
  <c r="N6268" i="10"/>
  <c r="N6269" i="10"/>
  <c r="N6270" i="10"/>
  <c r="N6271" i="10"/>
  <c r="N6272" i="10"/>
  <c r="N6273" i="10"/>
  <c r="N6274" i="10"/>
  <c r="N6275" i="10"/>
  <c r="N6276" i="10"/>
  <c r="N6277" i="10"/>
  <c r="N6278" i="10"/>
  <c r="N6279" i="10"/>
  <c r="N6280" i="10"/>
  <c r="N6281" i="10"/>
  <c r="N6282" i="10"/>
  <c r="N6283" i="10"/>
  <c r="N6284" i="10"/>
  <c r="N6285" i="10"/>
  <c r="N6286" i="10"/>
  <c r="N6287" i="10"/>
  <c r="N6288" i="10"/>
  <c r="N6289" i="10"/>
  <c r="N6290" i="10"/>
  <c r="N6291" i="10"/>
  <c r="N6292" i="10"/>
  <c r="N6293" i="10"/>
  <c r="N6294" i="10"/>
  <c r="N6295" i="10"/>
  <c r="N6296" i="10"/>
  <c r="N6297" i="10"/>
  <c r="N6298" i="10"/>
  <c r="N6299" i="10"/>
  <c r="N6300" i="10"/>
  <c r="N6301" i="10"/>
  <c r="N6302" i="10"/>
  <c r="N6303" i="10"/>
  <c r="N6304" i="10"/>
  <c r="N6305" i="10"/>
  <c r="N6306" i="10"/>
  <c r="N6307" i="10"/>
  <c r="N6308" i="10"/>
  <c r="N6309" i="10"/>
  <c r="N6310" i="10"/>
  <c r="N6311" i="10"/>
  <c r="N6312" i="10"/>
  <c r="N6313" i="10"/>
  <c r="N6314" i="10"/>
  <c r="N6315" i="10"/>
  <c r="N6316" i="10"/>
  <c r="N6317" i="10"/>
  <c r="N6318" i="10"/>
  <c r="N6319" i="10"/>
  <c r="N6320" i="10"/>
  <c r="N6321" i="10"/>
  <c r="N6322" i="10"/>
  <c r="N6323" i="10"/>
  <c r="N6324" i="10"/>
  <c r="N6325" i="10"/>
  <c r="N6326" i="10"/>
  <c r="N6327" i="10"/>
  <c r="N6328" i="10"/>
  <c r="N6329" i="10"/>
  <c r="N6330" i="10"/>
  <c r="N6331" i="10"/>
  <c r="N6332" i="10"/>
  <c r="N6333" i="10"/>
  <c r="N6334" i="10"/>
  <c r="N6335" i="10"/>
  <c r="N6336" i="10"/>
  <c r="N6337" i="10"/>
  <c r="N6338" i="10"/>
  <c r="N6339" i="10"/>
  <c r="N6340" i="10"/>
  <c r="N6341" i="10"/>
  <c r="N6342" i="10"/>
  <c r="N6343" i="10"/>
  <c r="N6344" i="10"/>
  <c r="N6345" i="10"/>
  <c r="N6346" i="10"/>
  <c r="N6347" i="10"/>
  <c r="N6348" i="10"/>
  <c r="N6349" i="10"/>
  <c r="N6350" i="10"/>
  <c r="N6351" i="10"/>
  <c r="N6352" i="10"/>
  <c r="N6353" i="10"/>
  <c r="N6354" i="10"/>
  <c r="N6355" i="10"/>
  <c r="N6356" i="10"/>
  <c r="N6357" i="10"/>
  <c r="N6358" i="10"/>
  <c r="N6359" i="10"/>
  <c r="N6360" i="10"/>
  <c r="N6361" i="10"/>
  <c r="N6362" i="10"/>
  <c r="N6363" i="10"/>
  <c r="N6364" i="10"/>
  <c r="N6365" i="10"/>
  <c r="N6366" i="10"/>
  <c r="N6367" i="10"/>
  <c r="N6368" i="10"/>
  <c r="N6369" i="10"/>
  <c r="N6370" i="10"/>
  <c r="N6371" i="10"/>
  <c r="N6372" i="10"/>
  <c r="N6373" i="10"/>
  <c r="N6374" i="10"/>
  <c r="N6375" i="10"/>
  <c r="N6376" i="10"/>
  <c r="N6377" i="10"/>
  <c r="N6378" i="10"/>
  <c r="N6379" i="10"/>
  <c r="N6380" i="10"/>
  <c r="N6381" i="10"/>
  <c r="N6382" i="10"/>
  <c r="N6383" i="10"/>
  <c r="N6384" i="10"/>
  <c r="N6385" i="10"/>
  <c r="N6386" i="10"/>
  <c r="N6387" i="10"/>
  <c r="N6388" i="10"/>
  <c r="N6389" i="10"/>
  <c r="N6390" i="10"/>
  <c r="N6391" i="10"/>
  <c r="N6392" i="10"/>
  <c r="N6393" i="10"/>
  <c r="N6394" i="10"/>
  <c r="N6395" i="10"/>
  <c r="N6396" i="10"/>
  <c r="N6397" i="10"/>
  <c r="N6398" i="10"/>
  <c r="N6399" i="10"/>
  <c r="N6400" i="10"/>
  <c r="N6401" i="10"/>
  <c r="N6402" i="10"/>
  <c r="N6403" i="10"/>
  <c r="N6404" i="10"/>
  <c r="N6405" i="10"/>
  <c r="N6406" i="10"/>
  <c r="N6407" i="10"/>
  <c r="N6408" i="10"/>
  <c r="N6409" i="10"/>
  <c r="N6410" i="10"/>
  <c r="N6411" i="10"/>
  <c r="N6412" i="10"/>
  <c r="N6413" i="10"/>
  <c r="N6414" i="10"/>
  <c r="N6415" i="10"/>
  <c r="N6416" i="10"/>
  <c r="N6417" i="10"/>
  <c r="N6418" i="10"/>
  <c r="N6419" i="10"/>
  <c r="N6420" i="10"/>
  <c r="N6421" i="10"/>
  <c r="N6422" i="10"/>
  <c r="N6423" i="10"/>
  <c r="N6424" i="10"/>
  <c r="N6425" i="10"/>
  <c r="N6426" i="10"/>
  <c r="N6427" i="10"/>
  <c r="N6428" i="10"/>
  <c r="N6429" i="10"/>
  <c r="N6430" i="10"/>
  <c r="N6431" i="10"/>
  <c r="N6432" i="10"/>
  <c r="N6433" i="10"/>
  <c r="N6434" i="10"/>
  <c r="N6435" i="10"/>
  <c r="N6436" i="10"/>
  <c r="N6437" i="10"/>
  <c r="N6438" i="10"/>
  <c r="N6439" i="10"/>
  <c r="N6440" i="10"/>
  <c r="N6441" i="10"/>
  <c r="N6442" i="10"/>
  <c r="N6443" i="10"/>
  <c r="N6444" i="10"/>
  <c r="N6445" i="10"/>
  <c r="N6446" i="10"/>
  <c r="N6447" i="10"/>
  <c r="N6448" i="10"/>
  <c r="N6449" i="10"/>
  <c r="N6450" i="10"/>
  <c r="N6451" i="10"/>
  <c r="N6452" i="10"/>
  <c r="N6453" i="10"/>
  <c r="N6454" i="10"/>
  <c r="N6455" i="10"/>
  <c r="N6456" i="10"/>
  <c r="N6457" i="10"/>
  <c r="N6458" i="10"/>
  <c r="N6459" i="10"/>
  <c r="N6460" i="10"/>
  <c r="N6461" i="10"/>
  <c r="N6462" i="10"/>
  <c r="N6463" i="10"/>
  <c r="N6464" i="10"/>
  <c r="N6465" i="10"/>
  <c r="N6466" i="10"/>
  <c r="N6467" i="10"/>
  <c r="N6468" i="10"/>
  <c r="N6469" i="10"/>
  <c r="N6470" i="10"/>
  <c r="N6471" i="10"/>
  <c r="N6472" i="10"/>
  <c r="N6473" i="10"/>
  <c r="N6474" i="10"/>
  <c r="N6475" i="10"/>
  <c r="N6476" i="10"/>
  <c r="N6477" i="10"/>
  <c r="N6478" i="10"/>
  <c r="N6479" i="10"/>
  <c r="N6480" i="10"/>
  <c r="N6481" i="10"/>
  <c r="N6482" i="10"/>
  <c r="N6483" i="10"/>
  <c r="N6484" i="10"/>
  <c r="N6485" i="10"/>
  <c r="N6486" i="10"/>
  <c r="N6487" i="10"/>
  <c r="N6488" i="10"/>
  <c r="N6489" i="10"/>
  <c r="N6490" i="10"/>
  <c r="N6491" i="10"/>
  <c r="N6492" i="10"/>
  <c r="N6493" i="10"/>
  <c r="N6494" i="10"/>
  <c r="N6495" i="10"/>
  <c r="N6496" i="10"/>
  <c r="N6497" i="10"/>
  <c r="N6498" i="10"/>
  <c r="N6499" i="10"/>
  <c r="N6500" i="10"/>
  <c r="N6501" i="10"/>
  <c r="N6502" i="10"/>
  <c r="N6503" i="10"/>
  <c r="N6504" i="10"/>
  <c r="N6505" i="10"/>
  <c r="N6506" i="10"/>
  <c r="N6507" i="10"/>
  <c r="N6508" i="10"/>
  <c r="N6509" i="10"/>
  <c r="N6510" i="10"/>
  <c r="N6511" i="10"/>
  <c r="N6512" i="10"/>
  <c r="N6513" i="10"/>
  <c r="N6514" i="10"/>
  <c r="N6515" i="10"/>
  <c r="N6516" i="10"/>
  <c r="N6517" i="10"/>
  <c r="N6518" i="10"/>
  <c r="N6519" i="10"/>
  <c r="N6520" i="10"/>
  <c r="N6521" i="10"/>
  <c r="N6522" i="10"/>
  <c r="N6523" i="10"/>
  <c r="N6524" i="10"/>
  <c r="N6525" i="10"/>
  <c r="N6526" i="10"/>
  <c r="N6527" i="10"/>
  <c r="N6528" i="10"/>
  <c r="N6529" i="10"/>
  <c r="N6530" i="10"/>
  <c r="N6531" i="10"/>
  <c r="N6532" i="10"/>
  <c r="N6533" i="10"/>
  <c r="N6534" i="10"/>
  <c r="N6535" i="10"/>
  <c r="N6536" i="10"/>
  <c r="N6537" i="10"/>
  <c r="N6538" i="10"/>
  <c r="N6539" i="10"/>
  <c r="N6540" i="10"/>
  <c r="N6541" i="10"/>
  <c r="N6542" i="10"/>
  <c r="N6543" i="10"/>
  <c r="N6544" i="10"/>
  <c r="N6545" i="10"/>
  <c r="N6546" i="10"/>
  <c r="N6547" i="10"/>
  <c r="N6548" i="10"/>
  <c r="N6549" i="10"/>
  <c r="N6550" i="10"/>
  <c r="N6551" i="10"/>
  <c r="N6552" i="10"/>
  <c r="N6553" i="10"/>
  <c r="N6554" i="10"/>
  <c r="N6555" i="10"/>
  <c r="N6556" i="10"/>
  <c r="N6557" i="10"/>
  <c r="N6558" i="10"/>
  <c r="N6559" i="10"/>
  <c r="N6560" i="10"/>
  <c r="N6561" i="10"/>
  <c r="N6562" i="10"/>
  <c r="N6563" i="10"/>
  <c r="N6564" i="10"/>
  <c r="N6565" i="10"/>
  <c r="N6566" i="10"/>
  <c r="N6567" i="10"/>
  <c r="N6568" i="10"/>
  <c r="N6569" i="10"/>
  <c r="N6570" i="10"/>
  <c r="N6571" i="10"/>
  <c r="N6572" i="10"/>
  <c r="N6573" i="10"/>
  <c r="N6574" i="10"/>
  <c r="N6575" i="10"/>
  <c r="N6576" i="10"/>
  <c r="N6577" i="10"/>
  <c r="N6578" i="10"/>
  <c r="N6579" i="10"/>
  <c r="N6580" i="10"/>
  <c r="N6581" i="10"/>
  <c r="N6582" i="10"/>
  <c r="N6583" i="10"/>
  <c r="N6584" i="10"/>
  <c r="N6585" i="10"/>
  <c r="N6586" i="10"/>
  <c r="N6587" i="10"/>
  <c r="N6588" i="10"/>
  <c r="N6589" i="10"/>
  <c r="N6590" i="10"/>
  <c r="N6591" i="10"/>
  <c r="N6592" i="10"/>
  <c r="N6593" i="10"/>
  <c r="N6594" i="10"/>
  <c r="N6595" i="10"/>
  <c r="N6596" i="10"/>
  <c r="N6597" i="10"/>
  <c r="N6598" i="10"/>
  <c r="N6599" i="10"/>
  <c r="N6600" i="10"/>
  <c r="N6601" i="10"/>
  <c r="N6602" i="10"/>
  <c r="N6603" i="10"/>
  <c r="N6604" i="10"/>
  <c r="N6605" i="10"/>
  <c r="N6606" i="10"/>
  <c r="N6607" i="10"/>
  <c r="N6608" i="10"/>
  <c r="N6609" i="10"/>
  <c r="N6610" i="10"/>
  <c r="N6611" i="10"/>
  <c r="N6612" i="10"/>
  <c r="N6613" i="10"/>
  <c r="N6614" i="10"/>
  <c r="N6615" i="10"/>
  <c r="N6616" i="10"/>
  <c r="N6617" i="10"/>
  <c r="N6618" i="10"/>
  <c r="N6619" i="10"/>
  <c r="N6620" i="10"/>
  <c r="N6621" i="10"/>
  <c r="N6622" i="10"/>
  <c r="N6623" i="10"/>
  <c r="N6624" i="10"/>
  <c r="N6625" i="10"/>
  <c r="N6626" i="10"/>
  <c r="N6627" i="10"/>
  <c r="N6628" i="10"/>
  <c r="N6629" i="10"/>
  <c r="N6630" i="10"/>
  <c r="N6631" i="10"/>
  <c r="N6632" i="10"/>
  <c r="N6633" i="10"/>
  <c r="N6634" i="10"/>
  <c r="N6635" i="10"/>
  <c r="N6636" i="10"/>
  <c r="N6637" i="10"/>
  <c r="N6638" i="10"/>
  <c r="N6639" i="10"/>
  <c r="N6640" i="10"/>
  <c r="N6641" i="10"/>
  <c r="N6642" i="10"/>
  <c r="N6643" i="10"/>
  <c r="N6644" i="10"/>
  <c r="N6645" i="10"/>
  <c r="N6646" i="10"/>
  <c r="N6647" i="10"/>
  <c r="N6648" i="10"/>
  <c r="N6649" i="10"/>
  <c r="N6650" i="10"/>
  <c r="N6651" i="10"/>
  <c r="N6652" i="10"/>
  <c r="N6653" i="10"/>
  <c r="N6654" i="10"/>
  <c r="N6655" i="10"/>
  <c r="N6656" i="10"/>
  <c r="N6657" i="10"/>
  <c r="N6658" i="10"/>
  <c r="N6659" i="10"/>
  <c r="N6660" i="10"/>
  <c r="N6661" i="10"/>
  <c r="N6662" i="10"/>
  <c r="N6663" i="10"/>
  <c r="N6664" i="10"/>
  <c r="N6665" i="10"/>
  <c r="N6666" i="10"/>
  <c r="N6667" i="10"/>
  <c r="N6668" i="10"/>
  <c r="N6669" i="10"/>
  <c r="N6670" i="10"/>
  <c r="N6671" i="10"/>
  <c r="N6672" i="10"/>
  <c r="N6673" i="10"/>
  <c r="N6674" i="10"/>
  <c r="N6675" i="10"/>
  <c r="N6676" i="10"/>
  <c r="N6677" i="10"/>
  <c r="N6678" i="10"/>
  <c r="N6679" i="10"/>
  <c r="N6680" i="10"/>
  <c r="N6681" i="10"/>
  <c r="N6682" i="10"/>
  <c r="N6683" i="10"/>
  <c r="N6684" i="10"/>
  <c r="N6685" i="10"/>
  <c r="N6686" i="10"/>
  <c r="N6687" i="10"/>
  <c r="N6688" i="10"/>
  <c r="N6689" i="10"/>
  <c r="N6690" i="10"/>
  <c r="N6691" i="10"/>
  <c r="N6692" i="10"/>
  <c r="N6693" i="10"/>
  <c r="N6694" i="10"/>
  <c r="N6695" i="10"/>
  <c r="N6696" i="10"/>
  <c r="N6697" i="10"/>
  <c r="N6698" i="10"/>
  <c r="N6699" i="10"/>
  <c r="N6700" i="10"/>
  <c r="N6701" i="10"/>
  <c r="N6702" i="10"/>
  <c r="N6703" i="10"/>
  <c r="N6704" i="10"/>
  <c r="N6705" i="10"/>
  <c r="N6706" i="10"/>
  <c r="N6707" i="10"/>
  <c r="N6708" i="10"/>
  <c r="N6709" i="10"/>
  <c r="N6710" i="10"/>
  <c r="N6711" i="10"/>
  <c r="N6712" i="10"/>
  <c r="N6713" i="10"/>
  <c r="N6714" i="10"/>
  <c r="N6715" i="10"/>
  <c r="N6716" i="10"/>
  <c r="N6717" i="10"/>
  <c r="N6718" i="10"/>
  <c r="N6719" i="10"/>
  <c r="N6720" i="10"/>
  <c r="N6721" i="10"/>
  <c r="N6722" i="10"/>
  <c r="N6723" i="10"/>
  <c r="N6724" i="10"/>
  <c r="N6725" i="10"/>
  <c r="N6726" i="10"/>
  <c r="N6727" i="10"/>
  <c r="N6728" i="10"/>
  <c r="N6729" i="10"/>
  <c r="N6730" i="10"/>
  <c r="N6731" i="10"/>
  <c r="N6732" i="10"/>
  <c r="N6733" i="10"/>
  <c r="N6734" i="10"/>
  <c r="N6735" i="10"/>
  <c r="N6736" i="10"/>
  <c r="N6737" i="10"/>
  <c r="N6738" i="10"/>
  <c r="N6739" i="10"/>
  <c r="N6740" i="10"/>
  <c r="N6741" i="10"/>
  <c r="N6742" i="10"/>
  <c r="N6743" i="10"/>
  <c r="N6744" i="10"/>
  <c r="N6745" i="10"/>
  <c r="N6746" i="10"/>
  <c r="N6747" i="10"/>
  <c r="N6748" i="10"/>
  <c r="N6749" i="10"/>
  <c r="N6750" i="10"/>
  <c r="N6751" i="10"/>
  <c r="N6752" i="10"/>
  <c r="N6753" i="10"/>
  <c r="N6754" i="10"/>
  <c r="N6755" i="10"/>
  <c r="N6756" i="10"/>
  <c r="N6757" i="10"/>
  <c r="N6758" i="10"/>
  <c r="N6759" i="10"/>
  <c r="N6760" i="10"/>
  <c r="N6761" i="10"/>
  <c r="N6762" i="10"/>
  <c r="N6763" i="10"/>
  <c r="N6764" i="10"/>
  <c r="N6765" i="10"/>
  <c r="N6766" i="10"/>
  <c r="N6767" i="10"/>
  <c r="N6768" i="10"/>
  <c r="N6769" i="10"/>
  <c r="N6770" i="10"/>
  <c r="N6771" i="10"/>
  <c r="N6772" i="10"/>
  <c r="N6773" i="10"/>
  <c r="N6774" i="10"/>
  <c r="N6775" i="10"/>
  <c r="N6776" i="10"/>
  <c r="N6777" i="10"/>
  <c r="N6778" i="10"/>
  <c r="N6779" i="10"/>
  <c r="N6780" i="10"/>
  <c r="N6781" i="10"/>
  <c r="N6782" i="10"/>
  <c r="N6783" i="10"/>
  <c r="N6784" i="10"/>
  <c r="N6785" i="10"/>
  <c r="N6786" i="10"/>
  <c r="N6787" i="10"/>
  <c r="N6788" i="10"/>
  <c r="N6789" i="10"/>
  <c r="N6790" i="10"/>
  <c r="N6791" i="10"/>
  <c r="N6792" i="10"/>
  <c r="N6793" i="10"/>
  <c r="N6794" i="10"/>
  <c r="N6795" i="10"/>
  <c r="N6796" i="10"/>
  <c r="N6797" i="10"/>
  <c r="N6798" i="10"/>
  <c r="N6799" i="10"/>
  <c r="N6800" i="10"/>
  <c r="N6801" i="10"/>
  <c r="N6802" i="10"/>
  <c r="N6803" i="10"/>
  <c r="N6804" i="10"/>
  <c r="N6805" i="10"/>
  <c r="N6806" i="10"/>
  <c r="N6807" i="10"/>
  <c r="N6808" i="10"/>
  <c r="N6809" i="10"/>
  <c r="N6810" i="10"/>
  <c r="N6811" i="10"/>
  <c r="N6812" i="10"/>
  <c r="N6813" i="10"/>
  <c r="N6814" i="10"/>
  <c r="N6815" i="10"/>
  <c r="N6816" i="10"/>
  <c r="N6817" i="10"/>
  <c r="N6818" i="10"/>
  <c r="N6819" i="10"/>
  <c r="N6820" i="10"/>
  <c r="N6821" i="10"/>
  <c r="N6822" i="10"/>
  <c r="N6823" i="10"/>
  <c r="N6824" i="10"/>
  <c r="N6825" i="10"/>
  <c r="N6826" i="10"/>
  <c r="N6827" i="10"/>
  <c r="N6828" i="10"/>
  <c r="N6829" i="10"/>
  <c r="N6830" i="10"/>
  <c r="N6831" i="10"/>
  <c r="N6832" i="10"/>
  <c r="N6833" i="10"/>
  <c r="N6834" i="10"/>
  <c r="N6835" i="10"/>
  <c r="N6836" i="10"/>
  <c r="N6837" i="10"/>
  <c r="N6838" i="10"/>
  <c r="N6839" i="10"/>
  <c r="N6840" i="10"/>
  <c r="N6841" i="10"/>
  <c r="N6842" i="10"/>
  <c r="N6843" i="10"/>
  <c r="N6844" i="10"/>
  <c r="N6845" i="10"/>
  <c r="N6846" i="10"/>
  <c r="N6847" i="10"/>
  <c r="N6848" i="10"/>
  <c r="N6849" i="10"/>
  <c r="N6850" i="10"/>
  <c r="N6851" i="10"/>
  <c r="N6852" i="10"/>
  <c r="N6853" i="10"/>
  <c r="N6854" i="10"/>
  <c r="N6855" i="10"/>
  <c r="N6856" i="10"/>
  <c r="N6857" i="10"/>
  <c r="N6858" i="10"/>
  <c r="N6859" i="10"/>
  <c r="N6860" i="10"/>
  <c r="N6861" i="10"/>
  <c r="N6862" i="10"/>
  <c r="N6863" i="10"/>
  <c r="N6864" i="10"/>
  <c r="N6865" i="10"/>
  <c r="N6866" i="10"/>
  <c r="N6867" i="10"/>
  <c r="N6868" i="10"/>
  <c r="N6869" i="10"/>
  <c r="N6870" i="10"/>
  <c r="N6871" i="10"/>
  <c r="N6872" i="10"/>
  <c r="N6873" i="10"/>
  <c r="N6874" i="10"/>
  <c r="N6875" i="10"/>
  <c r="N6876" i="10"/>
  <c r="N6877" i="10"/>
  <c r="N6878" i="10"/>
  <c r="N6879" i="10"/>
  <c r="N6880" i="10"/>
  <c r="N6881" i="10"/>
  <c r="N6882" i="10"/>
  <c r="N6883" i="10"/>
  <c r="N6884" i="10"/>
  <c r="N6885" i="10"/>
  <c r="N6886" i="10"/>
  <c r="N6887" i="10"/>
  <c r="N6888" i="10"/>
  <c r="N6889" i="10"/>
  <c r="N6890" i="10"/>
  <c r="N6891" i="10"/>
  <c r="N6892" i="10"/>
  <c r="N6893" i="10"/>
  <c r="N6894" i="10"/>
  <c r="N6895" i="10"/>
  <c r="N6896" i="10"/>
  <c r="N6897" i="10"/>
  <c r="N6898" i="10"/>
  <c r="N6899" i="10"/>
  <c r="N6900" i="10"/>
  <c r="N6901" i="10"/>
  <c r="N6902" i="10"/>
  <c r="N6903" i="10"/>
  <c r="N6904" i="10"/>
  <c r="N6905" i="10"/>
  <c r="N6906" i="10"/>
  <c r="N6907" i="10"/>
  <c r="N6908" i="10"/>
  <c r="N6909" i="10"/>
  <c r="N6910" i="10"/>
  <c r="N6911" i="10"/>
  <c r="N6912" i="10"/>
  <c r="N6913" i="10"/>
  <c r="N6914" i="10"/>
  <c r="N6915" i="10"/>
  <c r="N6916" i="10"/>
  <c r="N6917" i="10"/>
  <c r="N6918" i="10"/>
  <c r="N6919" i="10"/>
  <c r="N6920" i="10"/>
  <c r="N6921" i="10"/>
  <c r="N6922" i="10"/>
  <c r="N6923" i="10"/>
  <c r="N6924" i="10"/>
  <c r="N6925" i="10"/>
  <c r="N6926" i="10"/>
  <c r="N6927" i="10"/>
  <c r="N6928" i="10"/>
  <c r="N6929" i="10"/>
  <c r="N6930" i="10"/>
  <c r="N6931" i="10"/>
  <c r="N6932" i="10"/>
  <c r="N6933" i="10"/>
  <c r="N6934" i="10"/>
  <c r="N6935" i="10"/>
  <c r="N6936" i="10"/>
  <c r="N6937" i="10"/>
  <c r="N6938" i="10"/>
  <c r="N6939" i="10"/>
  <c r="N6940" i="10"/>
  <c r="N6941" i="10"/>
  <c r="N6942" i="10"/>
  <c r="N6943" i="10"/>
  <c r="N6944" i="10"/>
  <c r="N6945" i="10"/>
  <c r="N6946" i="10"/>
  <c r="N6947" i="10"/>
  <c r="N6948" i="10"/>
  <c r="N6949" i="10"/>
  <c r="N6950" i="10"/>
  <c r="N6951" i="10"/>
  <c r="N6952" i="10"/>
  <c r="N6953" i="10"/>
  <c r="N6954" i="10"/>
  <c r="N6955" i="10"/>
  <c r="N6956" i="10"/>
  <c r="N6957" i="10"/>
  <c r="N6958" i="10"/>
  <c r="N6959" i="10"/>
  <c r="N6960" i="10"/>
  <c r="N6961" i="10"/>
  <c r="N6962" i="10"/>
  <c r="N6963" i="10"/>
  <c r="N6964" i="10"/>
  <c r="N6965" i="10"/>
  <c r="N6966" i="10"/>
  <c r="N6967" i="10"/>
  <c r="N6968" i="10"/>
  <c r="N6969" i="10"/>
  <c r="N6970" i="10"/>
  <c r="N6971" i="10"/>
  <c r="N6972" i="10"/>
  <c r="N6973" i="10"/>
  <c r="N6974" i="10"/>
  <c r="N6975" i="10"/>
  <c r="N6976" i="10"/>
  <c r="N6977" i="10"/>
  <c r="N6978" i="10"/>
  <c r="N6979" i="10"/>
  <c r="N6980" i="10"/>
  <c r="N6981" i="10"/>
  <c r="N6982" i="10"/>
  <c r="N6983" i="10"/>
  <c r="N6984" i="10"/>
  <c r="N6985" i="10"/>
  <c r="N6986" i="10"/>
  <c r="N6987" i="10"/>
  <c r="N6988" i="10"/>
  <c r="N6989" i="10"/>
  <c r="N6990" i="10"/>
  <c r="N6991" i="10"/>
  <c r="N6992" i="10"/>
  <c r="N6993" i="10"/>
  <c r="N6994" i="10"/>
  <c r="N6995" i="10"/>
  <c r="N6996" i="10"/>
  <c r="N6997" i="10"/>
  <c r="N6998" i="10"/>
  <c r="N6999" i="10"/>
  <c r="N7000" i="10"/>
  <c r="N7001" i="10"/>
  <c r="N7002" i="10"/>
  <c r="N7003" i="10"/>
  <c r="N7004" i="10"/>
  <c r="N7005" i="10"/>
  <c r="N7006" i="10"/>
  <c r="N7007" i="10"/>
  <c r="N7008" i="10"/>
  <c r="N7009" i="10"/>
  <c r="N7010" i="10"/>
  <c r="N7011" i="10"/>
  <c r="N7012" i="10"/>
  <c r="N7013" i="10"/>
  <c r="N7014" i="10"/>
  <c r="N7015" i="10"/>
  <c r="N7016" i="10"/>
  <c r="N7017" i="10"/>
  <c r="N7018" i="10"/>
  <c r="N7019" i="10"/>
  <c r="N7020" i="10"/>
  <c r="N7021" i="10"/>
  <c r="N7022" i="10"/>
  <c r="N7023" i="10"/>
  <c r="N7024" i="10"/>
  <c r="N7025" i="10"/>
  <c r="N7026" i="10"/>
  <c r="N7027" i="10"/>
  <c r="N7028" i="10"/>
  <c r="N7029" i="10"/>
  <c r="N7030" i="10"/>
  <c r="N7031" i="10"/>
  <c r="N7032" i="10"/>
  <c r="N7033" i="10"/>
  <c r="N7034" i="10"/>
  <c r="N7035" i="10"/>
  <c r="N7036" i="10"/>
  <c r="N7037" i="10"/>
  <c r="N7038" i="10"/>
  <c r="N7039" i="10"/>
  <c r="N7040" i="10"/>
  <c r="N7041" i="10"/>
  <c r="N7042" i="10"/>
  <c r="N7043" i="10"/>
  <c r="N7044" i="10"/>
  <c r="N7045" i="10"/>
  <c r="N7046" i="10"/>
  <c r="N7047" i="10"/>
  <c r="N7048" i="10"/>
  <c r="N7049" i="10"/>
  <c r="N7050" i="10"/>
  <c r="N7051" i="10"/>
  <c r="N7052" i="10"/>
  <c r="N7053" i="10"/>
  <c r="N7054" i="10"/>
  <c r="N7055" i="10"/>
  <c r="N7056" i="10"/>
  <c r="N7057" i="10"/>
  <c r="N7058" i="10"/>
  <c r="N7059" i="10"/>
  <c r="N7060" i="10"/>
  <c r="N7061" i="10"/>
  <c r="N7062" i="10"/>
  <c r="N7063" i="10"/>
  <c r="N7064" i="10"/>
  <c r="N7065" i="10"/>
  <c r="N7066" i="10"/>
  <c r="N7067" i="10"/>
  <c r="N7068" i="10"/>
  <c r="N7069" i="10"/>
  <c r="N7070" i="10"/>
  <c r="N7071" i="10"/>
  <c r="N7072" i="10"/>
  <c r="N7073" i="10"/>
  <c r="N7074" i="10"/>
  <c r="N7075" i="10"/>
  <c r="N7076" i="10"/>
  <c r="N7077" i="10"/>
  <c r="N7078" i="10"/>
  <c r="N7079" i="10"/>
  <c r="N7080" i="10"/>
  <c r="N7081" i="10"/>
  <c r="N7082" i="10"/>
  <c r="N7083" i="10"/>
  <c r="N7084" i="10"/>
  <c r="N7085" i="10"/>
  <c r="N7086" i="10"/>
  <c r="N7087" i="10"/>
  <c r="N7088" i="10"/>
  <c r="N7089" i="10"/>
  <c r="N7090" i="10"/>
  <c r="N7091" i="10"/>
  <c r="N7092" i="10"/>
  <c r="N7093" i="10"/>
  <c r="N7094" i="10"/>
  <c r="N7095" i="10"/>
  <c r="N7096" i="10"/>
  <c r="N7097" i="10"/>
  <c r="N7098" i="10"/>
  <c r="N7099" i="10"/>
  <c r="N7100" i="10"/>
  <c r="N7101" i="10"/>
  <c r="N7102" i="10"/>
  <c r="N7103" i="10"/>
  <c r="N7104" i="10"/>
  <c r="N7105" i="10"/>
  <c r="N7106" i="10"/>
  <c r="N7107" i="10"/>
  <c r="N7108" i="10"/>
  <c r="N7109" i="10"/>
  <c r="N7110" i="10"/>
  <c r="N7111" i="10"/>
  <c r="N7112" i="10"/>
  <c r="N7113" i="10"/>
  <c r="N7114" i="10"/>
  <c r="N7115" i="10"/>
  <c r="N7116" i="10"/>
  <c r="N7117" i="10"/>
  <c r="N7118" i="10"/>
  <c r="N7119" i="10"/>
  <c r="N7120" i="10"/>
  <c r="N7121" i="10"/>
  <c r="N7122" i="10"/>
  <c r="N7123" i="10"/>
  <c r="N7124" i="10"/>
  <c r="N7125" i="10"/>
  <c r="N7126" i="10"/>
  <c r="N7127" i="10"/>
  <c r="N7128" i="10"/>
  <c r="N7129" i="10"/>
  <c r="N7130" i="10"/>
  <c r="N7131" i="10"/>
  <c r="N7132" i="10"/>
  <c r="N7133" i="10"/>
  <c r="N7134" i="10"/>
  <c r="N7135" i="10"/>
  <c r="N7136" i="10"/>
  <c r="N7137" i="10"/>
  <c r="N7138" i="10"/>
  <c r="N7139" i="10"/>
  <c r="N7140" i="10"/>
  <c r="N7141" i="10"/>
  <c r="N7142" i="10"/>
  <c r="N7143" i="10"/>
  <c r="N7144" i="10"/>
  <c r="N7145" i="10"/>
  <c r="N7146" i="10"/>
  <c r="N7147" i="10"/>
  <c r="N7148" i="10"/>
  <c r="N7149" i="10"/>
  <c r="N7150" i="10"/>
  <c r="N7151" i="10"/>
  <c r="N7152" i="10"/>
  <c r="N7153" i="10"/>
  <c r="N7154" i="10"/>
  <c r="N7155" i="10"/>
  <c r="N7156" i="10"/>
  <c r="N7157" i="10"/>
  <c r="N7158" i="10"/>
  <c r="N7159" i="10"/>
  <c r="N7160" i="10"/>
  <c r="N7161" i="10"/>
  <c r="N7162" i="10"/>
  <c r="N7163" i="10"/>
  <c r="N7164" i="10"/>
  <c r="N7165" i="10"/>
  <c r="N7166" i="10"/>
  <c r="N7167" i="10"/>
  <c r="N7168" i="10"/>
  <c r="N7169" i="10"/>
  <c r="N7170" i="10"/>
  <c r="N7171" i="10"/>
  <c r="N7172" i="10"/>
  <c r="N7173" i="10"/>
  <c r="N7174" i="10"/>
  <c r="N7175" i="10"/>
  <c r="N7176" i="10"/>
  <c r="N7177" i="10"/>
  <c r="N7178" i="10"/>
  <c r="N7179" i="10"/>
  <c r="N7180" i="10"/>
  <c r="N7181" i="10"/>
  <c r="N7182" i="10"/>
  <c r="N7183" i="10"/>
  <c r="N7184" i="10"/>
  <c r="N7185" i="10"/>
  <c r="N7186" i="10"/>
  <c r="N7187" i="10"/>
  <c r="N7188" i="10"/>
  <c r="N7189" i="10"/>
  <c r="N7190" i="10"/>
  <c r="N7191" i="10"/>
  <c r="N7192" i="10"/>
  <c r="N7193" i="10"/>
  <c r="N7194" i="10"/>
  <c r="N7195" i="10"/>
  <c r="N7196" i="10"/>
  <c r="N7197" i="10"/>
  <c r="N7198" i="10"/>
  <c r="N7199" i="10"/>
  <c r="N7200" i="10"/>
  <c r="N7201" i="10"/>
  <c r="N7202" i="10"/>
  <c r="N7203" i="10"/>
  <c r="N7204" i="10"/>
  <c r="N7205" i="10"/>
  <c r="N7206" i="10"/>
  <c r="N7207" i="10"/>
  <c r="N7208" i="10"/>
  <c r="N7209" i="10"/>
  <c r="N7210" i="10"/>
  <c r="N7211" i="10"/>
  <c r="N7212" i="10"/>
  <c r="N7213" i="10"/>
  <c r="N7214" i="10"/>
  <c r="N7215" i="10"/>
  <c r="N7216" i="10"/>
  <c r="N7217" i="10"/>
  <c r="N7218" i="10"/>
  <c r="N7219" i="10"/>
  <c r="N7220" i="10"/>
  <c r="N7221" i="10"/>
  <c r="N7222" i="10"/>
  <c r="N7223" i="10"/>
  <c r="N7224" i="10"/>
  <c r="N7225" i="10"/>
  <c r="N7226" i="10"/>
  <c r="N7227" i="10"/>
  <c r="N7228" i="10"/>
  <c r="N7229" i="10"/>
  <c r="N7230" i="10"/>
  <c r="N7231" i="10"/>
  <c r="N7232" i="10"/>
  <c r="N7233" i="10"/>
  <c r="N7234" i="10"/>
  <c r="N7235" i="10"/>
  <c r="N7236" i="10"/>
  <c r="N7237" i="10"/>
  <c r="N7238" i="10"/>
  <c r="N7239" i="10"/>
  <c r="N7240" i="10"/>
  <c r="N7241" i="10"/>
  <c r="N7242" i="10"/>
  <c r="N7243" i="10"/>
  <c r="N7244" i="10"/>
  <c r="N7245" i="10"/>
  <c r="N7246" i="10"/>
  <c r="N7247" i="10"/>
  <c r="N7248" i="10"/>
  <c r="N7249" i="10"/>
  <c r="N7250" i="10"/>
  <c r="N7251" i="10"/>
  <c r="N7252" i="10"/>
  <c r="N7253" i="10"/>
  <c r="N7254" i="10"/>
  <c r="N7255" i="10"/>
  <c r="N7256" i="10"/>
  <c r="N7257" i="10"/>
  <c r="N7258" i="10"/>
  <c r="N7259" i="10"/>
  <c r="N7260" i="10"/>
  <c r="N7261" i="10"/>
  <c r="N7262" i="10"/>
  <c r="N7263" i="10"/>
  <c r="N7264" i="10"/>
  <c r="N7265" i="10"/>
  <c r="N7266" i="10"/>
  <c r="N7267" i="10"/>
  <c r="N7268" i="10"/>
  <c r="N7269" i="10"/>
  <c r="N7270" i="10"/>
  <c r="N7271" i="10"/>
  <c r="N7272" i="10"/>
  <c r="N7273" i="10"/>
  <c r="N7274" i="10"/>
  <c r="N7275" i="10"/>
  <c r="N7276" i="10"/>
  <c r="N7277" i="10"/>
  <c r="N7278" i="10"/>
  <c r="N7279" i="10"/>
  <c r="N7280" i="10"/>
  <c r="N7281" i="10"/>
  <c r="N7282" i="10"/>
  <c r="N7283" i="10"/>
  <c r="N7284" i="10"/>
  <c r="N7285" i="10"/>
  <c r="N7286" i="10"/>
  <c r="N7287" i="10"/>
  <c r="N7288" i="10"/>
  <c r="N7289" i="10"/>
  <c r="N7290" i="10"/>
  <c r="N7291" i="10"/>
  <c r="N7292" i="10"/>
  <c r="N7293" i="10"/>
  <c r="N7294" i="10"/>
  <c r="N7295" i="10"/>
  <c r="N7296" i="10"/>
  <c r="N7297" i="10"/>
  <c r="N7298" i="10"/>
  <c r="N7299" i="10"/>
  <c r="N7300" i="10"/>
  <c r="N7301" i="10"/>
  <c r="N7302" i="10"/>
  <c r="N7303" i="10"/>
  <c r="N7304" i="10"/>
  <c r="N7305" i="10"/>
  <c r="N7306" i="10"/>
  <c r="N7307" i="10"/>
  <c r="N7308" i="10"/>
  <c r="N7309" i="10"/>
  <c r="N7310" i="10"/>
  <c r="N7311" i="10"/>
  <c r="N7312" i="10"/>
  <c r="N7313" i="10"/>
  <c r="N7314" i="10"/>
  <c r="N7315" i="10"/>
  <c r="N7316" i="10"/>
  <c r="N7317" i="10"/>
  <c r="N7318" i="10"/>
  <c r="N7319" i="10"/>
  <c r="N7320" i="10"/>
  <c r="N7321" i="10"/>
  <c r="N7322" i="10"/>
  <c r="N7323" i="10"/>
  <c r="N7324" i="10"/>
  <c r="N7325" i="10"/>
  <c r="N7326" i="10"/>
  <c r="N7327" i="10"/>
  <c r="N7328" i="10"/>
  <c r="N7329" i="10"/>
  <c r="N7330" i="10"/>
  <c r="N7331" i="10"/>
  <c r="N7332" i="10"/>
  <c r="N7333" i="10"/>
  <c r="N7334" i="10"/>
  <c r="N7335" i="10"/>
  <c r="N7336" i="10"/>
  <c r="N7337" i="10"/>
  <c r="N7338" i="10"/>
  <c r="N7339" i="10"/>
  <c r="N7340" i="10"/>
  <c r="N7341" i="10"/>
  <c r="N7342" i="10"/>
  <c r="N7343" i="10"/>
  <c r="N7344" i="10"/>
  <c r="N7345" i="10"/>
  <c r="N7346" i="10"/>
  <c r="N7347" i="10"/>
  <c r="N7348" i="10"/>
  <c r="N7349" i="10"/>
  <c r="N7350" i="10"/>
  <c r="N7351" i="10"/>
  <c r="N7352" i="10"/>
  <c r="N7353" i="10"/>
  <c r="N7354" i="10"/>
  <c r="N7355" i="10"/>
  <c r="N7356" i="10"/>
  <c r="N7357" i="10"/>
  <c r="N7358" i="10"/>
  <c r="N7359" i="10"/>
  <c r="N7360" i="10"/>
  <c r="N7361" i="10"/>
  <c r="N7362" i="10"/>
  <c r="N7363" i="10"/>
  <c r="N7364" i="10"/>
  <c r="N7365" i="10"/>
  <c r="N7366" i="10"/>
  <c r="N7367" i="10"/>
  <c r="N7368" i="10"/>
  <c r="N7369" i="10"/>
  <c r="N7370" i="10"/>
  <c r="N7371" i="10"/>
  <c r="N7372" i="10"/>
  <c r="N7373" i="10"/>
  <c r="N7374" i="10"/>
  <c r="N7375" i="10"/>
  <c r="N7376" i="10"/>
  <c r="N7377" i="10"/>
  <c r="N7378" i="10"/>
  <c r="N7379" i="10"/>
  <c r="N7380" i="10"/>
  <c r="N7381" i="10"/>
  <c r="N7382" i="10"/>
  <c r="N7383" i="10"/>
  <c r="N7384" i="10"/>
  <c r="N7385" i="10"/>
  <c r="N7386" i="10"/>
  <c r="N7387" i="10"/>
  <c r="N7388" i="10"/>
  <c r="N7389" i="10"/>
  <c r="N7390" i="10"/>
  <c r="N7391" i="10"/>
  <c r="N7392" i="10"/>
  <c r="N7393" i="10"/>
  <c r="N7394" i="10"/>
  <c r="N7395" i="10"/>
  <c r="N7396" i="10"/>
  <c r="N7397" i="10"/>
  <c r="N7398" i="10"/>
  <c r="N7399" i="10"/>
  <c r="N7400" i="10"/>
  <c r="N7401" i="10"/>
  <c r="N7402" i="10"/>
  <c r="N7403" i="10"/>
  <c r="N7404" i="10"/>
  <c r="N7405" i="10"/>
  <c r="N7406" i="10"/>
  <c r="N7407" i="10"/>
  <c r="N7408" i="10"/>
  <c r="N7409" i="10"/>
  <c r="N7410" i="10"/>
  <c r="N7411" i="10"/>
  <c r="N7412" i="10"/>
  <c r="N7413" i="10"/>
  <c r="N7414" i="10"/>
  <c r="N7415" i="10"/>
  <c r="N7416" i="10"/>
  <c r="N7417" i="10"/>
  <c r="N7418" i="10"/>
  <c r="N7419" i="10"/>
  <c r="N7420" i="10"/>
  <c r="N7421" i="10"/>
  <c r="N7422" i="10"/>
  <c r="N7423" i="10"/>
  <c r="N7424" i="10"/>
  <c r="N7425" i="10"/>
  <c r="N7426" i="10"/>
  <c r="N7427" i="10"/>
  <c r="N7428" i="10"/>
  <c r="N7429" i="10"/>
  <c r="N7430" i="10"/>
  <c r="N7431" i="10"/>
  <c r="N7432" i="10"/>
  <c r="N7433" i="10"/>
  <c r="N7434" i="10"/>
  <c r="N7435" i="10"/>
  <c r="N7436" i="10"/>
  <c r="N7437" i="10"/>
  <c r="N7438" i="10"/>
  <c r="N7439" i="10"/>
  <c r="N7440" i="10"/>
  <c r="N7441" i="10"/>
  <c r="N7442" i="10"/>
  <c r="N7443" i="10"/>
  <c r="N7444" i="10"/>
  <c r="N7445" i="10"/>
  <c r="N7446" i="10"/>
  <c r="N7447" i="10"/>
  <c r="N7448" i="10"/>
  <c r="N7449" i="10"/>
  <c r="N7450" i="10"/>
  <c r="N7451" i="10"/>
  <c r="N7452" i="10"/>
  <c r="N7453" i="10"/>
  <c r="N7454" i="10"/>
  <c r="N7455" i="10"/>
  <c r="N7456" i="10"/>
  <c r="N7457" i="10"/>
  <c r="N7458" i="10"/>
  <c r="N7459" i="10"/>
  <c r="N7460" i="10"/>
  <c r="N7461" i="10"/>
  <c r="N7462" i="10"/>
  <c r="M15" i="10"/>
  <c r="M16" i="10"/>
  <c r="M17" i="10"/>
  <c r="M18" i="10"/>
  <c r="M19" i="10"/>
  <c r="M20" i="10"/>
  <c r="M21" i="10"/>
  <c r="M22" i="10"/>
  <c r="M23" i="10"/>
  <c r="M24" i="10"/>
  <c r="M25" i="10"/>
  <c r="M26" i="10"/>
  <c r="M27" i="10"/>
  <c r="M28" i="10"/>
  <c r="M29" i="10"/>
  <c r="M30" i="10"/>
  <c r="M31" i="10"/>
  <c r="M32" i="10"/>
  <c r="M33" i="10"/>
  <c r="M34" i="10"/>
  <c r="M35" i="10"/>
  <c r="M36" i="10"/>
  <c r="M37" i="10"/>
  <c r="M38" i="10"/>
  <c r="M39" i="10"/>
  <c r="M40" i="10"/>
  <c r="M41" i="10"/>
  <c r="M42" i="10"/>
  <c r="M43" i="10"/>
  <c r="M44" i="10"/>
  <c r="M45" i="10"/>
  <c r="M46" i="10"/>
  <c r="M47" i="10"/>
  <c r="M48" i="10"/>
  <c r="M49" i="10"/>
  <c r="M50" i="10"/>
  <c r="M51" i="10"/>
  <c r="M52" i="10"/>
  <c r="M53" i="10"/>
  <c r="M54" i="10"/>
  <c r="M55" i="10"/>
  <c r="M56" i="10"/>
  <c r="M57" i="10"/>
  <c r="M58" i="10"/>
  <c r="M59" i="10"/>
  <c r="M60" i="10"/>
  <c r="M61" i="10"/>
  <c r="M62" i="10"/>
  <c r="M63" i="10"/>
  <c r="M64" i="10"/>
  <c r="M65" i="10"/>
  <c r="M66" i="10"/>
  <c r="M67" i="10"/>
  <c r="M68" i="10"/>
  <c r="M69" i="10"/>
  <c r="M70" i="10"/>
  <c r="M71" i="10"/>
  <c r="M72" i="10"/>
  <c r="M73" i="10"/>
  <c r="M74" i="10"/>
  <c r="M75" i="10"/>
  <c r="M76" i="10"/>
  <c r="M77" i="10"/>
  <c r="M78" i="10"/>
  <c r="M79" i="10"/>
  <c r="M80" i="10"/>
  <c r="M81" i="10"/>
  <c r="M82" i="10"/>
  <c r="M83" i="10"/>
  <c r="M84" i="10"/>
  <c r="M85" i="10"/>
  <c r="M86" i="10"/>
  <c r="M87" i="10"/>
  <c r="M88" i="10"/>
  <c r="M89" i="10"/>
  <c r="M90" i="10"/>
  <c r="M91" i="10"/>
  <c r="M92" i="10"/>
  <c r="M93" i="10"/>
  <c r="M94" i="10"/>
  <c r="M95" i="10"/>
  <c r="M96" i="10"/>
  <c r="M97" i="10"/>
  <c r="M98" i="10"/>
  <c r="M99" i="10"/>
  <c r="M100" i="10"/>
  <c r="M101" i="10"/>
  <c r="M102" i="10"/>
  <c r="M103" i="10"/>
  <c r="M104" i="10"/>
  <c r="M105" i="10"/>
  <c r="M106" i="10"/>
  <c r="M107" i="10"/>
  <c r="M108" i="10"/>
  <c r="M109" i="10"/>
  <c r="M110" i="10"/>
  <c r="M111" i="10"/>
  <c r="M112" i="10"/>
  <c r="M113" i="10"/>
  <c r="M114" i="10"/>
  <c r="M115" i="10"/>
  <c r="M116" i="10"/>
  <c r="M117" i="10"/>
  <c r="M118" i="10"/>
  <c r="M119" i="10"/>
  <c r="M120" i="10"/>
  <c r="M121" i="10"/>
  <c r="M122" i="10"/>
  <c r="M123" i="10"/>
  <c r="M124" i="10"/>
  <c r="M125" i="10"/>
  <c r="M126" i="10"/>
  <c r="M127" i="10"/>
  <c r="M128" i="10"/>
  <c r="M129" i="10"/>
  <c r="M130" i="10"/>
  <c r="M131" i="10"/>
  <c r="M132" i="10"/>
  <c r="M133" i="10"/>
  <c r="M134" i="10"/>
  <c r="M135" i="10"/>
  <c r="M136" i="10"/>
  <c r="M137" i="10"/>
  <c r="M138" i="10"/>
  <c r="M139" i="10"/>
  <c r="M140" i="10"/>
  <c r="M141" i="10"/>
  <c r="M142" i="10"/>
  <c r="M143" i="10"/>
  <c r="M144" i="10"/>
  <c r="M145" i="10"/>
  <c r="M146" i="10"/>
  <c r="M147" i="10"/>
  <c r="M148" i="10"/>
  <c r="M149" i="10"/>
  <c r="M150" i="10"/>
  <c r="M151" i="10"/>
  <c r="M152" i="10"/>
  <c r="M153" i="10"/>
  <c r="M154" i="10"/>
  <c r="M155" i="10"/>
  <c r="M156" i="10"/>
  <c r="M157" i="10"/>
  <c r="M158" i="10"/>
  <c r="M159" i="10"/>
  <c r="M160" i="10"/>
  <c r="M161" i="10"/>
  <c r="M162" i="10"/>
  <c r="M163" i="10"/>
  <c r="M164" i="10"/>
  <c r="M165" i="10"/>
  <c r="M166" i="10"/>
  <c r="M167" i="10"/>
  <c r="M168" i="10"/>
  <c r="M169" i="10"/>
  <c r="M170" i="10"/>
  <c r="M171" i="10"/>
  <c r="M172" i="10"/>
  <c r="M173" i="10"/>
  <c r="M174" i="10"/>
  <c r="M175" i="10"/>
  <c r="M176" i="10"/>
  <c r="M177" i="10"/>
  <c r="M178" i="10"/>
  <c r="M179" i="10"/>
  <c r="M180" i="10"/>
  <c r="M181" i="10"/>
  <c r="M182" i="10"/>
  <c r="M183" i="10"/>
  <c r="M184" i="10"/>
  <c r="M185" i="10"/>
  <c r="M186" i="10"/>
  <c r="M187" i="10"/>
  <c r="M188" i="10"/>
  <c r="M189" i="10"/>
  <c r="M190" i="10"/>
  <c r="M191" i="10"/>
  <c r="M192" i="10"/>
  <c r="M193" i="10"/>
  <c r="M194" i="10"/>
  <c r="M195" i="10"/>
  <c r="M196" i="10"/>
  <c r="M197" i="10"/>
  <c r="M198" i="10"/>
  <c r="M199" i="10"/>
  <c r="M200" i="10"/>
  <c r="M201" i="10"/>
  <c r="M202" i="10"/>
  <c r="M203" i="10"/>
  <c r="M204" i="10"/>
  <c r="M205" i="10"/>
  <c r="M206" i="10"/>
  <c r="M207" i="10"/>
  <c r="M208" i="10"/>
  <c r="M209" i="10"/>
  <c r="M210" i="10"/>
  <c r="M211" i="10"/>
  <c r="M212" i="10"/>
  <c r="M213" i="10"/>
  <c r="M214" i="10"/>
  <c r="M215" i="10"/>
  <c r="M216" i="10"/>
  <c r="M217" i="10"/>
  <c r="M218" i="10"/>
  <c r="M219" i="10"/>
  <c r="M220" i="10"/>
  <c r="M221" i="10"/>
  <c r="M222" i="10"/>
  <c r="M223" i="10"/>
  <c r="M224" i="10"/>
  <c r="M225" i="10"/>
  <c r="M226" i="10"/>
  <c r="M227" i="10"/>
  <c r="M228" i="10"/>
  <c r="M229" i="10"/>
  <c r="M230" i="10"/>
  <c r="M231" i="10"/>
  <c r="M232" i="10"/>
  <c r="M233" i="10"/>
  <c r="M234" i="10"/>
  <c r="M235" i="10"/>
  <c r="M236" i="10"/>
  <c r="M237" i="10"/>
  <c r="M238" i="10"/>
  <c r="M239" i="10"/>
  <c r="M240" i="10"/>
  <c r="M241" i="10"/>
  <c r="M242" i="10"/>
  <c r="M243" i="10"/>
  <c r="M244" i="10"/>
  <c r="M245" i="10"/>
  <c r="M246" i="10"/>
  <c r="M247" i="10"/>
  <c r="M248" i="10"/>
  <c r="M249" i="10"/>
  <c r="M250" i="10"/>
  <c r="M251" i="10"/>
  <c r="M252" i="10"/>
  <c r="M253" i="10"/>
  <c r="M254" i="10"/>
  <c r="M255" i="10"/>
  <c r="M256" i="10"/>
  <c r="M257" i="10"/>
  <c r="M258" i="10"/>
  <c r="M259" i="10"/>
  <c r="M260" i="10"/>
  <c r="M261" i="10"/>
  <c r="M262" i="10"/>
  <c r="M263" i="10"/>
  <c r="M264" i="10"/>
  <c r="M265" i="10"/>
  <c r="M266" i="10"/>
  <c r="M267" i="10"/>
  <c r="M268" i="10"/>
  <c r="M269" i="10"/>
  <c r="M270" i="10"/>
  <c r="M271" i="10"/>
  <c r="M272" i="10"/>
  <c r="M273" i="10"/>
  <c r="M274" i="10"/>
  <c r="M275" i="10"/>
  <c r="M276" i="10"/>
  <c r="M277" i="10"/>
  <c r="M278" i="10"/>
  <c r="M279" i="10"/>
  <c r="M280" i="10"/>
  <c r="M281" i="10"/>
  <c r="M282" i="10"/>
  <c r="M283" i="10"/>
  <c r="M284" i="10"/>
  <c r="M285" i="10"/>
  <c r="M286" i="10"/>
  <c r="M287" i="10"/>
  <c r="M288" i="10"/>
  <c r="M289" i="10"/>
  <c r="M290" i="10"/>
  <c r="M291" i="10"/>
  <c r="M292" i="10"/>
  <c r="M293" i="10"/>
  <c r="M294" i="10"/>
  <c r="M295" i="10"/>
  <c r="M296" i="10"/>
  <c r="M297" i="10"/>
  <c r="M298" i="10"/>
  <c r="M299" i="10"/>
  <c r="M300" i="10"/>
  <c r="M301" i="10"/>
  <c r="M302" i="10"/>
  <c r="M303" i="10"/>
  <c r="M304" i="10"/>
  <c r="M305" i="10"/>
  <c r="M306" i="10"/>
  <c r="M307" i="10"/>
  <c r="M308" i="10"/>
  <c r="M309" i="10"/>
  <c r="M310" i="10"/>
  <c r="M311" i="10"/>
  <c r="M312" i="10"/>
  <c r="M313" i="10"/>
  <c r="M314" i="10"/>
  <c r="M315" i="10"/>
  <c r="M316" i="10"/>
  <c r="M317" i="10"/>
  <c r="M318" i="10"/>
  <c r="M319" i="10"/>
  <c r="M320" i="10"/>
  <c r="M321" i="10"/>
  <c r="M322" i="10"/>
  <c r="M323" i="10"/>
  <c r="M324" i="10"/>
  <c r="M325" i="10"/>
  <c r="M326" i="10"/>
  <c r="M327" i="10"/>
  <c r="M328" i="10"/>
  <c r="M329" i="10"/>
  <c r="M330" i="10"/>
  <c r="M331" i="10"/>
  <c r="M332" i="10"/>
  <c r="M333" i="10"/>
  <c r="M334" i="10"/>
  <c r="M335" i="10"/>
  <c r="M336" i="10"/>
  <c r="M337" i="10"/>
  <c r="M338" i="10"/>
  <c r="M339" i="10"/>
  <c r="M340" i="10"/>
  <c r="M341" i="10"/>
  <c r="M342" i="10"/>
  <c r="M343" i="10"/>
  <c r="M344" i="10"/>
  <c r="M345" i="10"/>
  <c r="M346" i="10"/>
  <c r="M347" i="10"/>
  <c r="M348" i="10"/>
  <c r="M349" i="10"/>
  <c r="M350" i="10"/>
  <c r="M351" i="10"/>
  <c r="M352" i="10"/>
  <c r="M353" i="10"/>
  <c r="M354" i="10"/>
  <c r="M355" i="10"/>
  <c r="M356" i="10"/>
  <c r="M357" i="10"/>
  <c r="M358" i="10"/>
  <c r="M359" i="10"/>
  <c r="M360" i="10"/>
  <c r="M361" i="10"/>
  <c r="M362" i="10"/>
  <c r="M363" i="10"/>
  <c r="M364" i="10"/>
  <c r="M365" i="10"/>
  <c r="M366" i="10"/>
  <c r="M367" i="10"/>
  <c r="M368" i="10"/>
  <c r="M369" i="10"/>
  <c r="M370" i="10"/>
  <c r="M371" i="10"/>
  <c r="M372" i="10"/>
  <c r="M373" i="10"/>
  <c r="M374" i="10"/>
  <c r="M375" i="10"/>
  <c r="M376" i="10"/>
  <c r="M377" i="10"/>
  <c r="M378" i="10"/>
  <c r="M379" i="10"/>
  <c r="M380" i="10"/>
  <c r="M381" i="10"/>
  <c r="M382" i="10"/>
  <c r="M383" i="10"/>
  <c r="M384" i="10"/>
  <c r="M385" i="10"/>
  <c r="M386" i="10"/>
  <c r="M387" i="10"/>
  <c r="M388" i="10"/>
  <c r="M389" i="10"/>
  <c r="M390" i="10"/>
  <c r="M391" i="10"/>
  <c r="M392" i="10"/>
  <c r="M393" i="10"/>
  <c r="M394" i="10"/>
  <c r="M395" i="10"/>
  <c r="M396" i="10"/>
  <c r="M397" i="10"/>
  <c r="M398" i="10"/>
  <c r="M399" i="10"/>
  <c r="M400" i="10"/>
  <c r="M401" i="10"/>
  <c r="M402" i="10"/>
  <c r="M403" i="10"/>
  <c r="M404" i="10"/>
  <c r="M405" i="10"/>
  <c r="M406" i="10"/>
  <c r="M407" i="10"/>
  <c r="M408" i="10"/>
  <c r="M409" i="10"/>
  <c r="M410" i="10"/>
  <c r="M411" i="10"/>
  <c r="M412" i="10"/>
  <c r="M413" i="10"/>
  <c r="M414" i="10"/>
  <c r="M415" i="10"/>
  <c r="M416" i="10"/>
  <c r="M417" i="10"/>
  <c r="M418" i="10"/>
  <c r="M419" i="10"/>
  <c r="M420" i="10"/>
  <c r="M421" i="10"/>
  <c r="M422" i="10"/>
  <c r="M423" i="10"/>
  <c r="M424" i="10"/>
  <c r="M425" i="10"/>
  <c r="M426" i="10"/>
  <c r="M427" i="10"/>
  <c r="M428" i="10"/>
  <c r="M429" i="10"/>
  <c r="M430" i="10"/>
  <c r="M431" i="10"/>
  <c r="M432" i="10"/>
  <c r="M433" i="10"/>
  <c r="M434" i="10"/>
  <c r="M435" i="10"/>
  <c r="M436" i="10"/>
  <c r="M437" i="10"/>
  <c r="M438" i="10"/>
  <c r="M439" i="10"/>
  <c r="M440" i="10"/>
  <c r="M441" i="10"/>
  <c r="M442" i="10"/>
  <c r="M443" i="10"/>
  <c r="M444" i="10"/>
  <c r="M445" i="10"/>
  <c r="M446" i="10"/>
  <c r="M447" i="10"/>
  <c r="M448" i="10"/>
  <c r="M449" i="10"/>
  <c r="M450" i="10"/>
  <c r="M451" i="10"/>
  <c r="M452" i="10"/>
  <c r="M453" i="10"/>
  <c r="M454" i="10"/>
  <c r="M455" i="10"/>
  <c r="M456" i="10"/>
  <c r="M457" i="10"/>
  <c r="M458" i="10"/>
  <c r="M459" i="10"/>
  <c r="M460" i="10"/>
  <c r="M461" i="10"/>
  <c r="M462" i="10"/>
  <c r="M463" i="10"/>
  <c r="M464" i="10"/>
  <c r="M465" i="10"/>
  <c r="M466" i="10"/>
  <c r="M467" i="10"/>
  <c r="M468" i="10"/>
  <c r="M469" i="10"/>
  <c r="M470" i="10"/>
  <c r="M471" i="10"/>
  <c r="M472" i="10"/>
  <c r="M473" i="10"/>
  <c r="M474" i="10"/>
  <c r="M475" i="10"/>
  <c r="M476" i="10"/>
  <c r="M477" i="10"/>
  <c r="M478" i="10"/>
  <c r="M479" i="10"/>
  <c r="M480" i="10"/>
  <c r="M481" i="10"/>
  <c r="M482" i="10"/>
  <c r="M483" i="10"/>
  <c r="M484" i="10"/>
  <c r="M485" i="10"/>
  <c r="M486" i="10"/>
  <c r="M487" i="10"/>
  <c r="M488" i="10"/>
  <c r="M489" i="10"/>
  <c r="M490" i="10"/>
  <c r="M491" i="10"/>
  <c r="M492" i="10"/>
  <c r="M493" i="10"/>
  <c r="M494" i="10"/>
  <c r="M495" i="10"/>
  <c r="M496" i="10"/>
  <c r="M497" i="10"/>
  <c r="M498" i="10"/>
  <c r="M499" i="10"/>
  <c r="M500" i="10"/>
  <c r="M501" i="10"/>
  <c r="M502" i="10"/>
  <c r="M503" i="10"/>
  <c r="M504" i="10"/>
  <c r="M505" i="10"/>
  <c r="M506" i="10"/>
  <c r="M507" i="10"/>
  <c r="M508" i="10"/>
  <c r="M509" i="10"/>
  <c r="M510" i="10"/>
  <c r="M511" i="10"/>
  <c r="M512" i="10"/>
  <c r="M513" i="10"/>
  <c r="M514" i="10"/>
  <c r="M515" i="10"/>
  <c r="M516" i="10"/>
  <c r="M517" i="10"/>
  <c r="M518" i="10"/>
  <c r="M519" i="10"/>
  <c r="M520" i="10"/>
  <c r="M521" i="10"/>
  <c r="M522" i="10"/>
  <c r="M523" i="10"/>
  <c r="M524" i="10"/>
  <c r="M525" i="10"/>
  <c r="M526" i="10"/>
  <c r="M527" i="10"/>
  <c r="M528" i="10"/>
  <c r="M529" i="10"/>
  <c r="M530" i="10"/>
  <c r="M531" i="10"/>
  <c r="M532" i="10"/>
  <c r="M533" i="10"/>
  <c r="M534" i="10"/>
  <c r="M535" i="10"/>
  <c r="M536" i="10"/>
  <c r="M537" i="10"/>
  <c r="M538" i="10"/>
  <c r="M539" i="10"/>
  <c r="M540" i="10"/>
  <c r="M541" i="10"/>
  <c r="M542" i="10"/>
  <c r="M543" i="10"/>
  <c r="M544" i="10"/>
  <c r="M545" i="10"/>
  <c r="M546" i="10"/>
  <c r="M547" i="10"/>
  <c r="M548" i="10"/>
  <c r="M549" i="10"/>
  <c r="M550" i="10"/>
  <c r="M551" i="10"/>
  <c r="M552" i="10"/>
  <c r="M553" i="10"/>
  <c r="M554" i="10"/>
  <c r="M555" i="10"/>
  <c r="M556" i="10"/>
  <c r="M557" i="10"/>
  <c r="M558" i="10"/>
  <c r="M559" i="10"/>
  <c r="M560" i="10"/>
  <c r="M561" i="10"/>
  <c r="M562" i="10"/>
  <c r="M563" i="10"/>
  <c r="M564" i="10"/>
  <c r="M565" i="10"/>
  <c r="M566" i="10"/>
  <c r="M567" i="10"/>
  <c r="M568" i="10"/>
  <c r="M569" i="10"/>
  <c r="M570" i="10"/>
  <c r="M571" i="10"/>
  <c r="M572" i="10"/>
  <c r="M573" i="10"/>
  <c r="M574" i="10"/>
  <c r="M575" i="10"/>
  <c r="M576" i="10"/>
  <c r="M577" i="10"/>
  <c r="M578" i="10"/>
  <c r="M579" i="10"/>
  <c r="M580" i="10"/>
  <c r="M581" i="10"/>
  <c r="M582" i="10"/>
  <c r="M583" i="10"/>
  <c r="M584" i="10"/>
  <c r="M585" i="10"/>
  <c r="M586" i="10"/>
  <c r="M587" i="10"/>
  <c r="M588" i="10"/>
  <c r="M589" i="10"/>
  <c r="M590" i="10"/>
  <c r="M591" i="10"/>
  <c r="M592" i="10"/>
  <c r="M593" i="10"/>
  <c r="M594" i="10"/>
  <c r="M595" i="10"/>
  <c r="M596" i="10"/>
  <c r="M597" i="10"/>
  <c r="M598" i="10"/>
  <c r="M599" i="10"/>
  <c r="M600" i="10"/>
  <c r="M601" i="10"/>
  <c r="M602" i="10"/>
  <c r="M603" i="10"/>
  <c r="M604" i="10"/>
  <c r="M605" i="10"/>
  <c r="M606" i="10"/>
  <c r="M607" i="10"/>
  <c r="M608" i="10"/>
  <c r="M609" i="10"/>
  <c r="M610" i="10"/>
  <c r="M611" i="10"/>
  <c r="M612" i="10"/>
  <c r="M613" i="10"/>
  <c r="M614" i="10"/>
  <c r="M615" i="10"/>
  <c r="M616" i="10"/>
  <c r="M617" i="10"/>
  <c r="M618" i="10"/>
  <c r="M619" i="10"/>
  <c r="M620" i="10"/>
  <c r="M621" i="10"/>
  <c r="M622" i="10"/>
  <c r="M623" i="10"/>
  <c r="M624" i="10"/>
  <c r="M625" i="10"/>
  <c r="M626" i="10"/>
  <c r="M627" i="10"/>
  <c r="M628" i="10"/>
  <c r="M629" i="10"/>
  <c r="M630" i="10"/>
  <c r="M631" i="10"/>
  <c r="M632" i="10"/>
  <c r="M633" i="10"/>
  <c r="M634" i="10"/>
  <c r="M635" i="10"/>
  <c r="M636" i="10"/>
  <c r="M637" i="10"/>
  <c r="M638" i="10"/>
  <c r="M639" i="10"/>
  <c r="M640" i="10"/>
  <c r="M641" i="10"/>
  <c r="M642" i="10"/>
  <c r="M643" i="10"/>
  <c r="M644" i="10"/>
  <c r="M645" i="10"/>
  <c r="M646" i="10"/>
  <c r="M647" i="10"/>
  <c r="M648" i="10"/>
  <c r="M649" i="10"/>
  <c r="M650" i="10"/>
  <c r="M651" i="10"/>
  <c r="M652" i="10"/>
  <c r="M653" i="10"/>
  <c r="M654" i="10"/>
  <c r="M655" i="10"/>
  <c r="M656" i="10"/>
  <c r="M657" i="10"/>
  <c r="M658" i="10"/>
  <c r="M659" i="10"/>
  <c r="M660" i="10"/>
  <c r="M661" i="10"/>
  <c r="M662" i="10"/>
  <c r="M663" i="10"/>
  <c r="M664" i="10"/>
  <c r="M665" i="10"/>
  <c r="M666" i="10"/>
  <c r="M667" i="10"/>
  <c r="M668" i="10"/>
  <c r="M669" i="10"/>
  <c r="M670" i="10"/>
  <c r="M671" i="10"/>
  <c r="M672" i="10"/>
  <c r="M673" i="10"/>
  <c r="M674" i="10"/>
  <c r="M675" i="10"/>
  <c r="M676" i="10"/>
  <c r="M677" i="10"/>
  <c r="M678" i="10"/>
  <c r="M679" i="10"/>
  <c r="M680" i="10"/>
  <c r="M681" i="10"/>
  <c r="M682" i="10"/>
  <c r="M683" i="10"/>
  <c r="M684" i="10"/>
  <c r="M685" i="10"/>
  <c r="M686" i="10"/>
  <c r="M687" i="10"/>
  <c r="M688" i="10"/>
  <c r="M689" i="10"/>
  <c r="M690" i="10"/>
  <c r="M691" i="10"/>
  <c r="M692" i="10"/>
  <c r="M693" i="10"/>
  <c r="M694" i="10"/>
  <c r="M695" i="10"/>
  <c r="M696" i="10"/>
  <c r="M697" i="10"/>
  <c r="M698" i="10"/>
  <c r="M699" i="10"/>
  <c r="M700" i="10"/>
  <c r="M701" i="10"/>
  <c r="M702" i="10"/>
  <c r="M703" i="10"/>
  <c r="M704" i="10"/>
  <c r="M705" i="10"/>
  <c r="M706" i="10"/>
  <c r="M707" i="10"/>
  <c r="M708" i="10"/>
  <c r="M709" i="10"/>
  <c r="M710" i="10"/>
  <c r="M711" i="10"/>
  <c r="M712" i="10"/>
  <c r="M713" i="10"/>
  <c r="M714" i="10"/>
  <c r="M715" i="10"/>
  <c r="M716" i="10"/>
  <c r="M717" i="10"/>
  <c r="M718" i="10"/>
  <c r="M719" i="10"/>
  <c r="M720" i="10"/>
  <c r="M721" i="10"/>
  <c r="M722" i="10"/>
  <c r="M723" i="10"/>
  <c r="M724" i="10"/>
  <c r="M725" i="10"/>
  <c r="M726" i="10"/>
  <c r="M727" i="10"/>
  <c r="M728" i="10"/>
  <c r="M729" i="10"/>
  <c r="M730" i="10"/>
  <c r="M731" i="10"/>
  <c r="M732" i="10"/>
  <c r="M733" i="10"/>
  <c r="M734" i="10"/>
  <c r="M735" i="10"/>
  <c r="M736" i="10"/>
  <c r="M737" i="10"/>
  <c r="M738" i="10"/>
  <c r="M739" i="10"/>
  <c r="M740" i="10"/>
  <c r="M741" i="10"/>
  <c r="M742" i="10"/>
  <c r="M743" i="10"/>
  <c r="M744" i="10"/>
  <c r="M745" i="10"/>
  <c r="M746" i="10"/>
  <c r="M747" i="10"/>
  <c r="M748" i="10"/>
  <c r="M749" i="10"/>
  <c r="M750" i="10"/>
  <c r="M751" i="10"/>
  <c r="M752" i="10"/>
  <c r="M753" i="10"/>
  <c r="M754" i="10"/>
  <c r="M755" i="10"/>
  <c r="M756" i="10"/>
  <c r="M757" i="10"/>
  <c r="M758" i="10"/>
  <c r="M759" i="10"/>
  <c r="M760" i="10"/>
  <c r="M761" i="10"/>
  <c r="M762" i="10"/>
  <c r="M763" i="10"/>
  <c r="M764" i="10"/>
  <c r="M765" i="10"/>
  <c r="M766" i="10"/>
  <c r="M767" i="10"/>
  <c r="M768" i="10"/>
  <c r="M769" i="10"/>
  <c r="M770" i="10"/>
  <c r="M771" i="10"/>
  <c r="M772" i="10"/>
  <c r="M773" i="10"/>
  <c r="M774" i="10"/>
  <c r="M775" i="10"/>
  <c r="M776" i="10"/>
  <c r="M777" i="10"/>
  <c r="M778" i="10"/>
  <c r="M779" i="10"/>
  <c r="M780" i="10"/>
  <c r="M781" i="10"/>
  <c r="M782" i="10"/>
  <c r="M783" i="10"/>
  <c r="M784" i="10"/>
  <c r="M785" i="10"/>
  <c r="M786" i="10"/>
  <c r="M787" i="10"/>
  <c r="M788" i="10"/>
  <c r="M789" i="10"/>
  <c r="M790" i="10"/>
  <c r="M791" i="10"/>
  <c r="M792" i="10"/>
  <c r="M793" i="10"/>
  <c r="M794" i="10"/>
  <c r="M795" i="10"/>
  <c r="M796" i="10"/>
  <c r="M797" i="10"/>
  <c r="M798" i="10"/>
  <c r="M799" i="10"/>
  <c r="M800" i="10"/>
  <c r="M801" i="10"/>
  <c r="M802" i="10"/>
  <c r="M803" i="10"/>
  <c r="M804" i="10"/>
  <c r="M805" i="10"/>
  <c r="M806" i="10"/>
  <c r="M807" i="10"/>
  <c r="M808" i="10"/>
  <c r="M809" i="10"/>
  <c r="M810" i="10"/>
  <c r="M811" i="10"/>
  <c r="M812" i="10"/>
  <c r="M813" i="10"/>
  <c r="M814" i="10"/>
  <c r="M815" i="10"/>
  <c r="M816" i="10"/>
  <c r="M817" i="10"/>
  <c r="M818" i="10"/>
  <c r="M819" i="10"/>
  <c r="M820" i="10"/>
  <c r="M821" i="10"/>
  <c r="M822" i="10"/>
  <c r="M823" i="10"/>
  <c r="M824" i="10"/>
  <c r="M825" i="10"/>
  <c r="M826" i="10"/>
  <c r="M827" i="10"/>
  <c r="M828" i="10"/>
  <c r="M829" i="10"/>
  <c r="M830" i="10"/>
  <c r="M831" i="10"/>
  <c r="M832" i="10"/>
  <c r="M833" i="10"/>
  <c r="M834" i="10"/>
  <c r="M835" i="10"/>
  <c r="M836" i="10"/>
  <c r="M837" i="10"/>
  <c r="M838" i="10"/>
  <c r="M839" i="10"/>
  <c r="M840" i="10"/>
  <c r="M841" i="10"/>
  <c r="M842" i="10"/>
  <c r="M843" i="10"/>
  <c r="M844" i="10"/>
  <c r="M845" i="10"/>
  <c r="M846" i="10"/>
  <c r="M847" i="10"/>
  <c r="M848" i="10"/>
  <c r="M849" i="10"/>
  <c r="M850" i="10"/>
  <c r="M851" i="10"/>
  <c r="M852" i="10"/>
  <c r="M853" i="10"/>
  <c r="M854" i="10"/>
  <c r="M855" i="10"/>
  <c r="M856" i="10"/>
  <c r="M857" i="10"/>
  <c r="M858" i="10"/>
  <c r="M859" i="10"/>
  <c r="M860" i="10"/>
  <c r="M861" i="10"/>
  <c r="M862" i="10"/>
  <c r="M863" i="10"/>
  <c r="M864" i="10"/>
  <c r="M865" i="10"/>
  <c r="M866" i="10"/>
  <c r="M867" i="10"/>
  <c r="M868" i="10"/>
  <c r="M869" i="10"/>
  <c r="M870" i="10"/>
  <c r="M871" i="10"/>
  <c r="M872" i="10"/>
  <c r="M873" i="10"/>
  <c r="M874" i="10"/>
  <c r="M875" i="10"/>
  <c r="M876" i="10"/>
  <c r="M877" i="10"/>
  <c r="M878" i="10"/>
  <c r="M879" i="10"/>
  <c r="M880" i="10"/>
  <c r="M881" i="10"/>
  <c r="M882" i="10"/>
  <c r="M883" i="10"/>
  <c r="M884" i="10"/>
  <c r="M885" i="10"/>
  <c r="M886" i="10"/>
  <c r="M887" i="10"/>
  <c r="M888" i="10"/>
  <c r="M889" i="10"/>
  <c r="M890" i="10"/>
  <c r="M891" i="10"/>
  <c r="M892" i="10"/>
  <c r="M893" i="10"/>
  <c r="M894" i="10"/>
  <c r="M895" i="10"/>
  <c r="M896" i="10"/>
  <c r="M897" i="10"/>
  <c r="M898" i="10"/>
  <c r="M899" i="10"/>
  <c r="M900" i="10"/>
  <c r="M901" i="10"/>
  <c r="M902" i="10"/>
  <c r="M903" i="10"/>
  <c r="M904" i="10"/>
  <c r="M905" i="10"/>
  <c r="M906" i="10"/>
  <c r="M907" i="10"/>
  <c r="M908" i="10"/>
  <c r="M909" i="10"/>
  <c r="M910" i="10"/>
  <c r="M911" i="10"/>
  <c r="M912" i="10"/>
  <c r="M913" i="10"/>
  <c r="M914" i="10"/>
  <c r="M915" i="10"/>
  <c r="M916" i="10"/>
  <c r="M917" i="10"/>
  <c r="M918" i="10"/>
  <c r="M919" i="10"/>
  <c r="M920" i="10"/>
  <c r="M921" i="10"/>
  <c r="M922" i="10"/>
  <c r="M923" i="10"/>
  <c r="M924" i="10"/>
  <c r="M925" i="10"/>
  <c r="M926" i="10"/>
  <c r="M927" i="10"/>
  <c r="M928" i="10"/>
  <c r="M929" i="10"/>
  <c r="M930" i="10"/>
  <c r="M931" i="10"/>
  <c r="M932" i="10"/>
  <c r="M933" i="10"/>
  <c r="M934" i="10"/>
  <c r="M935" i="10"/>
  <c r="M936" i="10"/>
  <c r="M937" i="10"/>
  <c r="M938" i="10"/>
  <c r="M939" i="10"/>
  <c r="M940" i="10"/>
  <c r="M941" i="10"/>
  <c r="M942" i="10"/>
  <c r="M943" i="10"/>
  <c r="M944" i="10"/>
  <c r="M945" i="10"/>
  <c r="M946" i="10"/>
  <c r="M947" i="10"/>
  <c r="M948" i="10"/>
  <c r="M949" i="10"/>
  <c r="M950" i="10"/>
  <c r="M951" i="10"/>
  <c r="M952" i="10"/>
  <c r="M953" i="10"/>
  <c r="M954" i="10"/>
  <c r="M955" i="10"/>
  <c r="M956" i="10"/>
  <c r="M957" i="10"/>
  <c r="M958" i="10"/>
  <c r="M959" i="10"/>
  <c r="M960" i="10"/>
  <c r="M961" i="10"/>
  <c r="M962" i="10"/>
  <c r="M963" i="10"/>
  <c r="M964" i="10"/>
  <c r="M965" i="10"/>
  <c r="M966" i="10"/>
  <c r="M967" i="10"/>
  <c r="M968" i="10"/>
  <c r="M969" i="10"/>
  <c r="M970" i="10"/>
  <c r="M971" i="10"/>
  <c r="M972" i="10"/>
  <c r="M973" i="10"/>
  <c r="M974" i="10"/>
  <c r="M975" i="10"/>
  <c r="M976" i="10"/>
  <c r="M977" i="10"/>
  <c r="M978" i="10"/>
  <c r="M979" i="10"/>
  <c r="M980" i="10"/>
  <c r="M981" i="10"/>
  <c r="M982" i="10"/>
  <c r="M983" i="10"/>
  <c r="M984" i="10"/>
  <c r="M985" i="10"/>
  <c r="M986" i="10"/>
  <c r="M987" i="10"/>
  <c r="M988" i="10"/>
  <c r="M989" i="10"/>
  <c r="M990" i="10"/>
  <c r="M991" i="10"/>
  <c r="M992" i="10"/>
  <c r="M993" i="10"/>
  <c r="M994" i="10"/>
  <c r="M995" i="10"/>
  <c r="M996" i="10"/>
  <c r="M997" i="10"/>
  <c r="M998" i="10"/>
  <c r="M999" i="10"/>
  <c r="M1000" i="10"/>
  <c r="M1001" i="10"/>
  <c r="M1002" i="10"/>
  <c r="M1003" i="10"/>
  <c r="M1004" i="10"/>
  <c r="M1005" i="10"/>
  <c r="M1006" i="10"/>
  <c r="M1007" i="10"/>
  <c r="M1008" i="10"/>
  <c r="M1009" i="10"/>
  <c r="M1010" i="10"/>
  <c r="M1011" i="10"/>
  <c r="M1012" i="10"/>
  <c r="M1013" i="10"/>
  <c r="M1014" i="10"/>
  <c r="M1015" i="10"/>
  <c r="M1016" i="10"/>
  <c r="M1017" i="10"/>
  <c r="M1018" i="10"/>
  <c r="M1019" i="10"/>
  <c r="M1020" i="10"/>
  <c r="M1021" i="10"/>
  <c r="M1022" i="10"/>
  <c r="M1023" i="10"/>
  <c r="M1024" i="10"/>
  <c r="M1025" i="10"/>
  <c r="M1026" i="10"/>
  <c r="M1027" i="10"/>
  <c r="M1028" i="10"/>
  <c r="M1029" i="10"/>
  <c r="M1030" i="10"/>
  <c r="M1031" i="10"/>
  <c r="M1032" i="10"/>
  <c r="M1033" i="10"/>
  <c r="M1034" i="10"/>
  <c r="M1035" i="10"/>
  <c r="M1036" i="10"/>
  <c r="M1037" i="10"/>
  <c r="M1038" i="10"/>
  <c r="M1039" i="10"/>
  <c r="M1040" i="10"/>
  <c r="M1041" i="10"/>
  <c r="M1042" i="10"/>
  <c r="M1043" i="10"/>
  <c r="M1044" i="10"/>
  <c r="M1045" i="10"/>
  <c r="M1046" i="10"/>
  <c r="M1047" i="10"/>
  <c r="M1048" i="10"/>
  <c r="M1049" i="10"/>
  <c r="M1050" i="10"/>
  <c r="M1051" i="10"/>
  <c r="M1052" i="10"/>
  <c r="M1053" i="10"/>
  <c r="M1054" i="10"/>
  <c r="M1055" i="10"/>
  <c r="M1056" i="10"/>
  <c r="M1057" i="10"/>
  <c r="M1058" i="10"/>
  <c r="M1059" i="10"/>
  <c r="M1060" i="10"/>
  <c r="M1061" i="10"/>
  <c r="M1062" i="10"/>
  <c r="M1063" i="10"/>
  <c r="M1064" i="10"/>
  <c r="M1065" i="10"/>
  <c r="M1066" i="10"/>
  <c r="M1067" i="10"/>
  <c r="M1068" i="10"/>
  <c r="M1069" i="10"/>
  <c r="M1070" i="10"/>
  <c r="M1071" i="10"/>
  <c r="M1072" i="10"/>
  <c r="M1073" i="10"/>
  <c r="M1074" i="10"/>
  <c r="M1075" i="10"/>
  <c r="M1076" i="10"/>
  <c r="M1077" i="10"/>
  <c r="M1078" i="10"/>
  <c r="M1079" i="10"/>
  <c r="M1080" i="10"/>
  <c r="M1081" i="10"/>
  <c r="M1082" i="10"/>
  <c r="M1083" i="10"/>
  <c r="M1084" i="10"/>
  <c r="M1085" i="10"/>
  <c r="M1086" i="10"/>
  <c r="M1087" i="10"/>
  <c r="M1088" i="10"/>
  <c r="M1089" i="10"/>
  <c r="M1090" i="10"/>
  <c r="M1091" i="10"/>
  <c r="M1092" i="10"/>
  <c r="M1093" i="10"/>
  <c r="M1094" i="10"/>
  <c r="M1095" i="10"/>
  <c r="M1096" i="10"/>
  <c r="M1097" i="10"/>
  <c r="M1098" i="10"/>
  <c r="M1099" i="10"/>
  <c r="M1100" i="10"/>
  <c r="M1101" i="10"/>
  <c r="M1102" i="10"/>
  <c r="M1103" i="10"/>
  <c r="M1104" i="10"/>
  <c r="M1105" i="10"/>
  <c r="M1106" i="10"/>
  <c r="M1107" i="10"/>
  <c r="M1108" i="10"/>
  <c r="M1109" i="10"/>
  <c r="M1110" i="10"/>
  <c r="M1111" i="10"/>
  <c r="M1112" i="10"/>
  <c r="M1113" i="10"/>
  <c r="M1114" i="10"/>
  <c r="M1115" i="10"/>
  <c r="M1116" i="10"/>
  <c r="M1117" i="10"/>
  <c r="M1118" i="10"/>
  <c r="M1119" i="10"/>
  <c r="M1120" i="10"/>
  <c r="M1121" i="10"/>
  <c r="M1122" i="10"/>
  <c r="M1123" i="10"/>
  <c r="M1124" i="10"/>
  <c r="M1125" i="10"/>
  <c r="M1126" i="10"/>
  <c r="M1127" i="10"/>
  <c r="M1128" i="10"/>
  <c r="M1129" i="10"/>
  <c r="M1130" i="10"/>
  <c r="M1131" i="10"/>
  <c r="M1132" i="10"/>
  <c r="M1133" i="10"/>
  <c r="M1134" i="10"/>
  <c r="M1135" i="10"/>
  <c r="M1136" i="10"/>
  <c r="M1137" i="10"/>
  <c r="M1138" i="10"/>
  <c r="M1139" i="10"/>
  <c r="M1140" i="10"/>
  <c r="M1141" i="10"/>
  <c r="M1142" i="10"/>
  <c r="M1143" i="10"/>
  <c r="M1144" i="10"/>
  <c r="M1145" i="10"/>
  <c r="M1146" i="10"/>
  <c r="M1147" i="10"/>
  <c r="M1148" i="10"/>
  <c r="M1149" i="10"/>
  <c r="M1150" i="10"/>
  <c r="M1151" i="10"/>
  <c r="M1152" i="10"/>
  <c r="M1153" i="10"/>
  <c r="M1154" i="10"/>
  <c r="M1155" i="10"/>
  <c r="M1156" i="10"/>
  <c r="M1157" i="10"/>
  <c r="M1158" i="10"/>
  <c r="M1159" i="10"/>
  <c r="M1160" i="10"/>
  <c r="M1161" i="10"/>
  <c r="M1162" i="10"/>
  <c r="M1163" i="10"/>
  <c r="M1164" i="10"/>
  <c r="M1165" i="10"/>
  <c r="M1166" i="10"/>
  <c r="M1167" i="10"/>
  <c r="M1168" i="10"/>
  <c r="M1169" i="10"/>
  <c r="M1170" i="10"/>
  <c r="M1171" i="10"/>
  <c r="M1172" i="10"/>
  <c r="M1173" i="10"/>
  <c r="M1174" i="10"/>
  <c r="M1175" i="10"/>
  <c r="M1176" i="10"/>
  <c r="M1177" i="10"/>
  <c r="M1178" i="10"/>
  <c r="M1179" i="10"/>
  <c r="M1180" i="10"/>
  <c r="M1181" i="10"/>
  <c r="M1182" i="10"/>
  <c r="M1183" i="10"/>
  <c r="M1184" i="10"/>
  <c r="M1185" i="10"/>
  <c r="M1186" i="10"/>
  <c r="M1187" i="10"/>
  <c r="M1188" i="10"/>
  <c r="M1189" i="10"/>
  <c r="M1190" i="10"/>
  <c r="M1191" i="10"/>
  <c r="M1192" i="10"/>
  <c r="M1193" i="10"/>
  <c r="M1194" i="10"/>
  <c r="M1195" i="10"/>
  <c r="M1196" i="10"/>
  <c r="M1197" i="10"/>
  <c r="M1198" i="10"/>
  <c r="M1199" i="10"/>
  <c r="M1200" i="10"/>
  <c r="M1201" i="10"/>
  <c r="M1202" i="10"/>
  <c r="M1203" i="10"/>
  <c r="M1204" i="10"/>
  <c r="M1205" i="10"/>
  <c r="M1206" i="10"/>
  <c r="M1207" i="10"/>
  <c r="M1208" i="10"/>
  <c r="M1209" i="10"/>
  <c r="M1210" i="10"/>
  <c r="M1211" i="10"/>
  <c r="M1212" i="10"/>
  <c r="M1213" i="10"/>
  <c r="M1214" i="10"/>
  <c r="M1215" i="10"/>
  <c r="M1216" i="10"/>
  <c r="M1217" i="10"/>
  <c r="M1218" i="10"/>
  <c r="M1219" i="10"/>
  <c r="M1220" i="10"/>
  <c r="M1221" i="10"/>
  <c r="M1222" i="10"/>
  <c r="M1223" i="10"/>
  <c r="M1224" i="10"/>
  <c r="M1225" i="10"/>
  <c r="M1226" i="10"/>
  <c r="M1227" i="10"/>
  <c r="M1228" i="10"/>
  <c r="M1229" i="10"/>
  <c r="M1230" i="10"/>
  <c r="M1231" i="10"/>
  <c r="M1232" i="10"/>
  <c r="M1233" i="10"/>
  <c r="M1234" i="10"/>
  <c r="M1235" i="10"/>
  <c r="M1236" i="10"/>
  <c r="M1237" i="10"/>
  <c r="M1238" i="10"/>
  <c r="M1239" i="10"/>
  <c r="M1240" i="10"/>
  <c r="M1241" i="10"/>
  <c r="M1242" i="10"/>
  <c r="M1243" i="10"/>
  <c r="M1244" i="10"/>
  <c r="M1245" i="10"/>
  <c r="M1246" i="10"/>
  <c r="M1247" i="10"/>
  <c r="M1248" i="10"/>
  <c r="M1249" i="10"/>
  <c r="M1250" i="10"/>
  <c r="M1251" i="10"/>
  <c r="M1252" i="10"/>
  <c r="M1253" i="10"/>
  <c r="M1254" i="10"/>
  <c r="M1255" i="10"/>
  <c r="M1256" i="10"/>
  <c r="M1257" i="10"/>
  <c r="M1258" i="10"/>
  <c r="M1259" i="10"/>
  <c r="M1260" i="10"/>
  <c r="M1261" i="10"/>
  <c r="M1262" i="10"/>
  <c r="M1263" i="10"/>
  <c r="M1264" i="10"/>
  <c r="M1265" i="10"/>
  <c r="M1266" i="10"/>
  <c r="M1267" i="10"/>
  <c r="M1268" i="10"/>
  <c r="M1269" i="10"/>
  <c r="M1270" i="10"/>
  <c r="M1271" i="10"/>
  <c r="M1272" i="10"/>
  <c r="M1273" i="10"/>
  <c r="M1274" i="10"/>
  <c r="M1275" i="10"/>
  <c r="M1276" i="10"/>
  <c r="M1277" i="10"/>
  <c r="M1278" i="10"/>
  <c r="M1279" i="10"/>
  <c r="M1280" i="10"/>
  <c r="M1281" i="10"/>
  <c r="M1282" i="10"/>
  <c r="M1283" i="10"/>
  <c r="M1284" i="10"/>
  <c r="M1285" i="10"/>
  <c r="M1286" i="10"/>
  <c r="M1287" i="10"/>
  <c r="M1288" i="10"/>
  <c r="M1289" i="10"/>
  <c r="M1290" i="10"/>
  <c r="M1291" i="10"/>
  <c r="M1292" i="10"/>
  <c r="M1293" i="10"/>
  <c r="M1294" i="10"/>
  <c r="M1295" i="10"/>
  <c r="M1296" i="10"/>
  <c r="M1297" i="10"/>
  <c r="M1298" i="10"/>
  <c r="M1299" i="10"/>
  <c r="M1300" i="10"/>
  <c r="M1301" i="10"/>
  <c r="M1302" i="10"/>
  <c r="M1303" i="10"/>
  <c r="M1304" i="10"/>
  <c r="M1305" i="10"/>
  <c r="M1306" i="10"/>
  <c r="M1307" i="10"/>
  <c r="M1308" i="10"/>
  <c r="M1309" i="10"/>
  <c r="M1310" i="10"/>
  <c r="M1311" i="10"/>
  <c r="M1312" i="10"/>
  <c r="M1313" i="10"/>
  <c r="M1314" i="10"/>
  <c r="M1315" i="10"/>
  <c r="M1316" i="10"/>
  <c r="M1317" i="10"/>
  <c r="M1318" i="10"/>
  <c r="M1319" i="10"/>
  <c r="M1320" i="10"/>
  <c r="M1321" i="10"/>
  <c r="M1322" i="10"/>
  <c r="M1323" i="10"/>
  <c r="M1324" i="10"/>
  <c r="M1325" i="10"/>
  <c r="M1326" i="10"/>
  <c r="M1327" i="10"/>
  <c r="M1328" i="10"/>
  <c r="M1329" i="10"/>
  <c r="M1330" i="10"/>
  <c r="M1331" i="10"/>
  <c r="M1332" i="10"/>
  <c r="M1333" i="10"/>
  <c r="M1334" i="10"/>
  <c r="M1335" i="10"/>
  <c r="M1336" i="10"/>
  <c r="M1337" i="10"/>
  <c r="M1338" i="10"/>
  <c r="M1339" i="10"/>
  <c r="M1340" i="10"/>
  <c r="M1341" i="10"/>
  <c r="M1342" i="10"/>
  <c r="M1343" i="10"/>
  <c r="M1344" i="10"/>
  <c r="M1345" i="10"/>
  <c r="M1346" i="10"/>
  <c r="M1347" i="10"/>
  <c r="M1348" i="10"/>
  <c r="M1349" i="10"/>
  <c r="M1350" i="10"/>
  <c r="M1351" i="10"/>
  <c r="M1352" i="10"/>
  <c r="M1353" i="10"/>
  <c r="M1354" i="10"/>
  <c r="M1355" i="10"/>
  <c r="M1356" i="10"/>
  <c r="M1357" i="10"/>
  <c r="M1358" i="10"/>
  <c r="M1359" i="10"/>
  <c r="M1360" i="10"/>
  <c r="M1361" i="10"/>
  <c r="M1362" i="10"/>
  <c r="M1363" i="10"/>
  <c r="M1364" i="10"/>
  <c r="M1365" i="10"/>
  <c r="M1366" i="10"/>
  <c r="M1367" i="10"/>
  <c r="M1368" i="10"/>
  <c r="M1369" i="10"/>
  <c r="M1370" i="10"/>
  <c r="M1371" i="10"/>
  <c r="M1372" i="10"/>
  <c r="M1373" i="10"/>
  <c r="M1374" i="10"/>
  <c r="M1375" i="10"/>
  <c r="M1376" i="10"/>
  <c r="M1377" i="10"/>
  <c r="M1378" i="10"/>
  <c r="M1379" i="10"/>
  <c r="M1380" i="10"/>
  <c r="M1381" i="10"/>
  <c r="M1382" i="10"/>
  <c r="M1383" i="10"/>
  <c r="M1384" i="10"/>
  <c r="M1385" i="10"/>
  <c r="M1386" i="10"/>
  <c r="M1387" i="10"/>
  <c r="M1388" i="10"/>
  <c r="M1389" i="10"/>
  <c r="M1390" i="10"/>
  <c r="M1391" i="10"/>
  <c r="M1392" i="10"/>
  <c r="M1393" i="10"/>
  <c r="M1394" i="10"/>
  <c r="M1395" i="10"/>
  <c r="M1396" i="10"/>
  <c r="M1397" i="10"/>
  <c r="M1398" i="10"/>
  <c r="M1399" i="10"/>
  <c r="M1400" i="10"/>
  <c r="M1401" i="10"/>
  <c r="M1402" i="10"/>
  <c r="M1403" i="10"/>
  <c r="M1404" i="10"/>
  <c r="M1405" i="10"/>
  <c r="M1406" i="10"/>
  <c r="M1407" i="10"/>
  <c r="M1408" i="10"/>
  <c r="M1409" i="10"/>
  <c r="M1410" i="10"/>
  <c r="M1411" i="10"/>
  <c r="M1412" i="10"/>
  <c r="M1413" i="10"/>
  <c r="M1414" i="10"/>
  <c r="M1415" i="10"/>
  <c r="M1416" i="10"/>
  <c r="M1417" i="10"/>
  <c r="M1418" i="10"/>
  <c r="M1419" i="10"/>
  <c r="M1420" i="10"/>
  <c r="M1421" i="10"/>
  <c r="M1422" i="10"/>
  <c r="M1423" i="10"/>
  <c r="M1424" i="10"/>
  <c r="M1425" i="10"/>
  <c r="M1426" i="10"/>
  <c r="M1427" i="10"/>
  <c r="M1428" i="10"/>
  <c r="M1429" i="10"/>
  <c r="M1430" i="10"/>
  <c r="M1431" i="10"/>
  <c r="M1432" i="10"/>
  <c r="M1433" i="10"/>
  <c r="M1434" i="10"/>
  <c r="M1435" i="10"/>
  <c r="M1436" i="10"/>
  <c r="M1437" i="10"/>
  <c r="M1438" i="10"/>
  <c r="M1439" i="10"/>
  <c r="M1440" i="10"/>
  <c r="M1441" i="10"/>
  <c r="M1442" i="10"/>
  <c r="M1443" i="10"/>
  <c r="M1444" i="10"/>
  <c r="M1445" i="10"/>
  <c r="M1446" i="10"/>
  <c r="M1447" i="10"/>
  <c r="M1448" i="10"/>
  <c r="M1449" i="10"/>
  <c r="M1450" i="10"/>
  <c r="M1451" i="10"/>
  <c r="M1452" i="10"/>
  <c r="M1453" i="10"/>
  <c r="M1454" i="10"/>
  <c r="M1455" i="10"/>
  <c r="M1456" i="10"/>
  <c r="M1457" i="10"/>
  <c r="M1458" i="10"/>
  <c r="M1459" i="10"/>
  <c r="M1460" i="10"/>
  <c r="M1461" i="10"/>
  <c r="M1462" i="10"/>
  <c r="M1463" i="10"/>
  <c r="M1464" i="10"/>
  <c r="M1465" i="10"/>
  <c r="M1466" i="10"/>
  <c r="M1467" i="10"/>
  <c r="M1468" i="10"/>
  <c r="M1469" i="10"/>
  <c r="M1470" i="10"/>
  <c r="M1471" i="10"/>
  <c r="M1472" i="10"/>
  <c r="M1473" i="10"/>
  <c r="M1474" i="10"/>
  <c r="M1475" i="10"/>
  <c r="M1476" i="10"/>
  <c r="M1477" i="10"/>
  <c r="M1478" i="10"/>
  <c r="M1479" i="10"/>
  <c r="M1480" i="10"/>
  <c r="M1481" i="10"/>
  <c r="M1482" i="10"/>
  <c r="M1483" i="10"/>
  <c r="M1484" i="10"/>
  <c r="M1485" i="10"/>
  <c r="M1486" i="10"/>
  <c r="M1487" i="10"/>
  <c r="M1488" i="10"/>
  <c r="M1489" i="10"/>
  <c r="M1490" i="10"/>
  <c r="M1491" i="10"/>
  <c r="M1492" i="10"/>
  <c r="M1493" i="10"/>
  <c r="M1494" i="10"/>
  <c r="M1495" i="10"/>
  <c r="M1496" i="10"/>
  <c r="M1497" i="10"/>
  <c r="M1498" i="10"/>
  <c r="M1499" i="10"/>
  <c r="M1500" i="10"/>
  <c r="M1501" i="10"/>
  <c r="M1502" i="10"/>
  <c r="M1503" i="10"/>
  <c r="M1504" i="10"/>
  <c r="M1505" i="10"/>
  <c r="M1506" i="10"/>
  <c r="M1507" i="10"/>
  <c r="M1508" i="10"/>
  <c r="M1509" i="10"/>
  <c r="M1510" i="10"/>
  <c r="M1511" i="10"/>
  <c r="M1512" i="10"/>
  <c r="M1513" i="10"/>
  <c r="M1514" i="10"/>
  <c r="M1515" i="10"/>
  <c r="M1516" i="10"/>
  <c r="M1517" i="10"/>
  <c r="M1518" i="10"/>
  <c r="M1519" i="10"/>
  <c r="M1520" i="10"/>
  <c r="M1521" i="10"/>
  <c r="M1522" i="10"/>
  <c r="M1523" i="10"/>
  <c r="M1524" i="10"/>
  <c r="M1525" i="10"/>
  <c r="M1526" i="10"/>
  <c r="M1527" i="10"/>
  <c r="M1528" i="10"/>
  <c r="M1529" i="10"/>
  <c r="M1530" i="10"/>
  <c r="M1531" i="10"/>
  <c r="M1532" i="10"/>
  <c r="M1533" i="10"/>
  <c r="M1534" i="10"/>
  <c r="M1535" i="10"/>
  <c r="M1536" i="10"/>
  <c r="M1537" i="10"/>
  <c r="M1538" i="10"/>
  <c r="M1539" i="10"/>
  <c r="M1540" i="10"/>
  <c r="M1541" i="10"/>
  <c r="M1542" i="10"/>
  <c r="M1543" i="10"/>
  <c r="M1544" i="10"/>
  <c r="M1545" i="10"/>
  <c r="M1546" i="10"/>
  <c r="M1547" i="10"/>
  <c r="M1548" i="10"/>
  <c r="M1549" i="10"/>
  <c r="M1550" i="10"/>
  <c r="M1551" i="10"/>
  <c r="M1552" i="10"/>
  <c r="M1553" i="10"/>
  <c r="M1554" i="10"/>
  <c r="M1555" i="10"/>
  <c r="M1556" i="10"/>
  <c r="M1557" i="10"/>
  <c r="M1558" i="10"/>
  <c r="M1559" i="10"/>
  <c r="M1560" i="10"/>
  <c r="M1561" i="10"/>
  <c r="M1562" i="10"/>
  <c r="M1563" i="10"/>
  <c r="M1564" i="10"/>
  <c r="M1565" i="10"/>
  <c r="M1566" i="10"/>
  <c r="M1567" i="10"/>
  <c r="M1568" i="10"/>
  <c r="M1569" i="10"/>
  <c r="M1570" i="10"/>
  <c r="M1571" i="10"/>
  <c r="M1572" i="10"/>
  <c r="M1573" i="10"/>
  <c r="M1574" i="10"/>
  <c r="M1575" i="10"/>
  <c r="M1576" i="10"/>
  <c r="M1577" i="10"/>
  <c r="M1578" i="10"/>
  <c r="M1579" i="10"/>
  <c r="M1580" i="10"/>
  <c r="M1581" i="10"/>
  <c r="M1582" i="10"/>
  <c r="M1583" i="10"/>
  <c r="M1584" i="10"/>
  <c r="M1585" i="10"/>
  <c r="M1586" i="10"/>
  <c r="M1587" i="10"/>
  <c r="M1588" i="10"/>
  <c r="M1589" i="10"/>
  <c r="M1590" i="10"/>
  <c r="M1591" i="10"/>
  <c r="M1592" i="10"/>
  <c r="M1593" i="10"/>
  <c r="M1594" i="10"/>
  <c r="M1595" i="10"/>
  <c r="M1596" i="10"/>
  <c r="M1597" i="10"/>
  <c r="M1598" i="10"/>
  <c r="M1599" i="10"/>
  <c r="M1600" i="10"/>
  <c r="M1601" i="10"/>
  <c r="M1602" i="10"/>
  <c r="M1603" i="10"/>
  <c r="M1604" i="10"/>
  <c r="M1605" i="10"/>
  <c r="M1606" i="10"/>
  <c r="M1607" i="10"/>
  <c r="M1608" i="10"/>
  <c r="M1609" i="10"/>
  <c r="M1610" i="10"/>
  <c r="M1611" i="10"/>
  <c r="M1612" i="10"/>
  <c r="M1613" i="10"/>
  <c r="M1614" i="10"/>
  <c r="M1615" i="10"/>
  <c r="M1616" i="10"/>
  <c r="M1617" i="10"/>
  <c r="M1618" i="10"/>
  <c r="M1619" i="10"/>
  <c r="M1620" i="10"/>
  <c r="M1621" i="10"/>
  <c r="M1622" i="10"/>
  <c r="M1623" i="10"/>
  <c r="M1624" i="10"/>
  <c r="M1625" i="10"/>
  <c r="M1626" i="10"/>
  <c r="M1627" i="10"/>
  <c r="M1628" i="10"/>
  <c r="M1629" i="10"/>
  <c r="M1630" i="10"/>
  <c r="M1631" i="10"/>
  <c r="M1632" i="10"/>
  <c r="M1633" i="10"/>
  <c r="M1634" i="10"/>
  <c r="M1635" i="10"/>
  <c r="M1636" i="10"/>
  <c r="M1637" i="10"/>
  <c r="M1638" i="10"/>
  <c r="M1639" i="10"/>
  <c r="M1640" i="10"/>
  <c r="M1641" i="10"/>
  <c r="M1642" i="10"/>
  <c r="M1643" i="10"/>
  <c r="M1644" i="10"/>
  <c r="M1645" i="10"/>
  <c r="M1646" i="10"/>
  <c r="M1647" i="10"/>
  <c r="M1648" i="10"/>
  <c r="M1649" i="10"/>
  <c r="M1650" i="10"/>
  <c r="M1651" i="10"/>
  <c r="M1652" i="10"/>
  <c r="M1653" i="10"/>
  <c r="M1654" i="10"/>
  <c r="M1655" i="10"/>
  <c r="M1656" i="10"/>
  <c r="M1657" i="10"/>
  <c r="M1658" i="10"/>
  <c r="M1659" i="10"/>
  <c r="M1660" i="10"/>
  <c r="M1661" i="10"/>
  <c r="M1662" i="10"/>
  <c r="M1663" i="10"/>
  <c r="M1664" i="10"/>
  <c r="M1665" i="10"/>
  <c r="M1666" i="10"/>
  <c r="M1667" i="10"/>
  <c r="M1668" i="10"/>
  <c r="M1669" i="10"/>
  <c r="M1670" i="10"/>
  <c r="M1671" i="10"/>
  <c r="M1672" i="10"/>
  <c r="M1673" i="10"/>
  <c r="M1674" i="10"/>
  <c r="M1675" i="10"/>
  <c r="M1676" i="10"/>
  <c r="M1677" i="10"/>
  <c r="M1678" i="10"/>
  <c r="M1679" i="10"/>
  <c r="M1680" i="10"/>
  <c r="M1681" i="10"/>
  <c r="M1682" i="10"/>
  <c r="M1683" i="10"/>
  <c r="M1684" i="10"/>
  <c r="M1685" i="10"/>
  <c r="M1686" i="10"/>
  <c r="M1687" i="10"/>
  <c r="M1688" i="10"/>
  <c r="M1689" i="10"/>
  <c r="M1690" i="10"/>
  <c r="M1691" i="10"/>
  <c r="M1692" i="10"/>
  <c r="M1693" i="10"/>
  <c r="M1694" i="10"/>
  <c r="M1695" i="10"/>
  <c r="M1696" i="10"/>
  <c r="M1697" i="10"/>
  <c r="M1698" i="10"/>
  <c r="M1699" i="10"/>
  <c r="M1700" i="10"/>
  <c r="M1701" i="10"/>
  <c r="M1702" i="10"/>
  <c r="M1703" i="10"/>
  <c r="M1704" i="10"/>
  <c r="M1705" i="10"/>
  <c r="M1706" i="10"/>
  <c r="M1707" i="10"/>
  <c r="M1708" i="10"/>
  <c r="M1709" i="10"/>
  <c r="M1710" i="10"/>
  <c r="M1711" i="10"/>
  <c r="M1712" i="10"/>
  <c r="M1713" i="10"/>
  <c r="M1714" i="10"/>
  <c r="M1715" i="10"/>
  <c r="M1716" i="10"/>
  <c r="M1717" i="10"/>
  <c r="M1718" i="10"/>
  <c r="M1719" i="10"/>
  <c r="M1720" i="10"/>
  <c r="M1721" i="10"/>
  <c r="M1722" i="10"/>
  <c r="M1723" i="10"/>
  <c r="M1724" i="10"/>
  <c r="M1725" i="10"/>
  <c r="M1726" i="10"/>
  <c r="M1727" i="10"/>
  <c r="M1728" i="10"/>
  <c r="M1729" i="10"/>
  <c r="M1730" i="10"/>
  <c r="M1731" i="10"/>
  <c r="M1732" i="10"/>
  <c r="M1733" i="10"/>
  <c r="M1734" i="10"/>
  <c r="M1735" i="10"/>
  <c r="M1736" i="10"/>
  <c r="M1737" i="10"/>
  <c r="M1738" i="10"/>
  <c r="M1739" i="10"/>
  <c r="M1740" i="10"/>
  <c r="M1741" i="10"/>
  <c r="M1742" i="10"/>
  <c r="M1743" i="10"/>
  <c r="M1744" i="10"/>
  <c r="M1745" i="10"/>
  <c r="M1746" i="10"/>
  <c r="M1747" i="10"/>
  <c r="M1748" i="10"/>
  <c r="M1749" i="10"/>
  <c r="M1750" i="10"/>
  <c r="M1751" i="10"/>
  <c r="M1752" i="10"/>
  <c r="M1753" i="10"/>
  <c r="M1754" i="10"/>
  <c r="M1755" i="10"/>
  <c r="M1756" i="10"/>
  <c r="M1757" i="10"/>
  <c r="M1758" i="10"/>
  <c r="M1759" i="10"/>
  <c r="M1760" i="10"/>
  <c r="M1761" i="10"/>
  <c r="M1762" i="10"/>
  <c r="M1763" i="10"/>
  <c r="M1764" i="10"/>
  <c r="M1765" i="10"/>
  <c r="M1766" i="10"/>
  <c r="M1767" i="10"/>
  <c r="M1768" i="10"/>
  <c r="M1769" i="10"/>
  <c r="M1770" i="10"/>
  <c r="M1771" i="10"/>
  <c r="M1772" i="10"/>
  <c r="M1773" i="10"/>
  <c r="M1774" i="10"/>
  <c r="M1775" i="10"/>
  <c r="M1776" i="10"/>
  <c r="M1777" i="10"/>
  <c r="M1778" i="10"/>
  <c r="M1779" i="10"/>
  <c r="M1780" i="10"/>
  <c r="M1781" i="10"/>
  <c r="M1782" i="10"/>
  <c r="M1783" i="10"/>
  <c r="M1784" i="10"/>
  <c r="M1785" i="10"/>
  <c r="M1786" i="10"/>
  <c r="M1787" i="10"/>
  <c r="M1788" i="10"/>
  <c r="M1789" i="10"/>
  <c r="M1790" i="10"/>
  <c r="M1791" i="10"/>
  <c r="M1792" i="10"/>
  <c r="M1793" i="10"/>
  <c r="M1794" i="10"/>
  <c r="M1795" i="10"/>
  <c r="M1796" i="10"/>
  <c r="M1797" i="10"/>
  <c r="M1798" i="10"/>
  <c r="M1799" i="10"/>
  <c r="M1800" i="10"/>
  <c r="M1801" i="10"/>
  <c r="M1802" i="10"/>
  <c r="M1803" i="10"/>
  <c r="M1804" i="10"/>
  <c r="M1805" i="10"/>
  <c r="M1806" i="10"/>
  <c r="M1807" i="10"/>
  <c r="M1808" i="10"/>
  <c r="M1809" i="10"/>
  <c r="M1810" i="10"/>
  <c r="M1811" i="10"/>
  <c r="M1812" i="10"/>
  <c r="M1813" i="10"/>
  <c r="M1814" i="10"/>
  <c r="M1815" i="10"/>
  <c r="M1816" i="10"/>
  <c r="M1817" i="10"/>
  <c r="M1818" i="10"/>
  <c r="M1819" i="10"/>
  <c r="M1820" i="10"/>
  <c r="M1821" i="10"/>
  <c r="M1822" i="10"/>
  <c r="M1823" i="10"/>
  <c r="M1824" i="10"/>
  <c r="M1825" i="10"/>
  <c r="M1826" i="10"/>
  <c r="M1827" i="10"/>
  <c r="M1828" i="10"/>
  <c r="M1829" i="10"/>
  <c r="M1830" i="10"/>
  <c r="M1831" i="10"/>
  <c r="M1832" i="10"/>
  <c r="M1833" i="10"/>
  <c r="M1834" i="10"/>
  <c r="M1835" i="10"/>
  <c r="M1836" i="10"/>
  <c r="M1837" i="10"/>
  <c r="M1838" i="10"/>
  <c r="M1839" i="10"/>
  <c r="M1840" i="10"/>
  <c r="M1841" i="10"/>
  <c r="M1842" i="10"/>
  <c r="M1843" i="10"/>
  <c r="M1844" i="10"/>
  <c r="M1845" i="10"/>
  <c r="M1846" i="10"/>
  <c r="M1847" i="10"/>
  <c r="M1848" i="10"/>
  <c r="M1849" i="10"/>
  <c r="M1850" i="10"/>
  <c r="M1851" i="10"/>
  <c r="M1852" i="10"/>
  <c r="M1853" i="10"/>
  <c r="M1854" i="10"/>
  <c r="M1855" i="10"/>
  <c r="M1856" i="10"/>
  <c r="M1857" i="10"/>
  <c r="M1858" i="10"/>
  <c r="M1859" i="10"/>
  <c r="M1860" i="10"/>
  <c r="M1861" i="10"/>
  <c r="M1862" i="10"/>
  <c r="M1863" i="10"/>
  <c r="M1864" i="10"/>
  <c r="M1865" i="10"/>
  <c r="M1866" i="10"/>
  <c r="M1867" i="10"/>
  <c r="M1868" i="10"/>
  <c r="M1869" i="10"/>
  <c r="M1870" i="10"/>
  <c r="M1871" i="10"/>
  <c r="M1872" i="10"/>
  <c r="M1873" i="10"/>
  <c r="M1874" i="10"/>
  <c r="M1875" i="10"/>
  <c r="M1876" i="10"/>
  <c r="M1877" i="10"/>
  <c r="M1878" i="10"/>
  <c r="M1879" i="10"/>
  <c r="M1880" i="10"/>
  <c r="M1881" i="10"/>
  <c r="M1882" i="10"/>
  <c r="M1883" i="10"/>
  <c r="M1884" i="10"/>
  <c r="M1885" i="10"/>
  <c r="M1886" i="10"/>
  <c r="M1887" i="10"/>
  <c r="M1888" i="10"/>
  <c r="M1889" i="10"/>
  <c r="M1890" i="10"/>
  <c r="M1891" i="10"/>
  <c r="M1892" i="10"/>
  <c r="M1893" i="10"/>
  <c r="M1894" i="10"/>
  <c r="M1895" i="10"/>
  <c r="M1896" i="10"/>
  <c r="M1897" i="10"/>
  <c r="M1898" i="10"/>
  <c r="M1899" i="10"/>
  <c r="M1900" i="10"/>
  <c r="M1901" i="10"/>
  <c r="M1902" i="10"/>
  <c r="M1903" i="10"/>
  <c r="M1904" i="10"/>
  <c r="M1905" i="10"/>
  <c r="M1906" i="10"/>
  <c r="M1907" i="10"/>
  <c r="M1908" i="10"/>
  <c r="M1909" i="10"/>
  <c r="M1910" i="10"/>
  <c r="M1911" i="10"/>
  <c r="M1912" i="10"/>
  <c r="M1913" i="10"/>
  <c r="M1914" i="10"/>
  <c r="M1915" i="10"/>
  <c r="M1916" i="10"/>
  <c r="M1917" i="10"/>
  <c r="M1918" i="10"/>
  <c r="M1919" i="10"/>
  <c r="M1920" i="10"/>
  <c r="M1921" i="10"/>
  <c r="M1922" i="10"/>
  <c r="M1923" i="10"/>
  <c r="M1924" i="10"/>
  <c r="M1925" i="10"/>
  <c r="M1926" i="10"/>
  <c r="M1927" i="10"/>
  <c r="M1928" i="10"/>
  <c r="M1929" i="10"/>
  <c r="M1930" i="10"/>
  <c r="M1931" i="10"/>
  <c r="M1932" i="10"/>
  <c r="M1933" i="10"/>
  <c r="M1934" i="10"/>
  <c r="M1935" i="10"/>
  <c r="M1936" i="10"/>
  <c r="M1937" i="10"/>
  <c r="M1938" i="10"/>
  <c r="M1939" i="10"/>
  <c r="M1940" i="10"/>
  <c r="M1941" i="10"/>
  <c r="M1942" i="10"/>
  <c r="M1943" i="10"/>
  <c r="M1944" i="10"/>
  <c r="M1945" i="10"/>
  <c r="M1946" i="10"/>
  <c r="M1947" i="10"/>
  <c r="M1948" i="10"/>
  <c r="M1949" i="10"/>
  <c r="M1950" i="10"/>
  <c r="M1951" i="10"/>
  <c r="M1952" i="10"/>
  <c r="M1953" i="10"/>
  <c r="M1954" i="10"/>
  <c r="M1955" i="10"/>
  <c r="M1956" i="10"/>
  <c r="M1957" i="10"/>
  <c r="M1958" i="10"/>
  <c r="M1959" i="10"/>
  <c r="M1960" i="10"/>
  <c r="M1961" i="10"/>
  <c r="M1962" i="10"/>
  <c r="M1963" i="10"/>
  <c r="M1964" i="10"/>
  <c r="M1965" i="10"/>
  <c r="M1966" i="10"/>
  <c r="M1967" i="10"/>
  <c r="M1968" i="10"/>
  <c r="M1969" i="10"/>
  <c r="M1970" i="10"/>
  <c r="M1971" i="10"/>
  <c r="M1972" i="10"/>
  <c r="M1973" i="10"/>
  <c r="M1974" i="10"/>
  <c r="M1975" i="10"/>
  <c r="M1976" i="10"/>
  <c r="M1977" i="10"/>
  <c r="M1978" i="10"/>
  <c r="M1979" i="10"/>
  <c r="M1980" i="10"/>
  <c r="M1981" i="10"/>
  <c r="M1982" i="10"/>
  <c r="M1983" i="10"/>
  <c r="M1984" i="10"/>
  <c r="M1985" i="10"/>
  <c r="M1986" i="10"/>
  <c r="M1987" i="10"/>
  <c r="M1988" i="10"/>
  <c r="M1989" i="10"/>
  <c r="M1990" i="10"/>
  <c r="M1991" i="10"/>
  <c r="M1992" i="10"/>
  <c r="M1993" i="10"/>
  <c r="M1994" i="10"/>
  <c r="M1995" i="10"/>
  <c r="M1996" i="10"/>
  <c r="M1997" i="10"/>
  <c r="M1998" i="10"/>
  <c r="M1999" i="10"/>
  <c r="M2000" i="10"/>
  <c r="M2001" i="10"/>
  <c r="M2002" i="10"/>
  <c r="M2003" i="10"/>
  <c r="M2004" i="10"/>
  <c r="M2005" i="10"/>
  <c r="M2006" i="10"/>
  <c r="M2007" i="10"/>
  <c r="M2008" i="10"/>
  <c r="M2009" i="10"/>
  <c r="M2010" i="10"/>
  <c r="M2011" i="10"/>
  <c r="M2012" i="10"/>
  <c r="M2013" i="10"/>
  <c r="M2014" i="10"/>
  <c r="M2015" i="10"/>
  <c r="M2016" i="10"/>
  <c r="M2017" i="10"/>
  <c r="M2018" i="10"/>
  <c r="M2019" i="10"/>
  <c r="M2020" i="10"/>
  <c r="M2021" i="10"/>
  <c r="M2022" i="10"/>
  <c r="M2023" i="10"/>
  <c r="M2024" i="10"/>
  <c r="M2025" i="10"/>
  <c r="M2026" i="10"/>
  <c r="M2027" i="10"/>
  <c r="M2028" i="10"/>
  <c r="M2029" i="10"/>
  <c r="M2030" i="10"/>
  <c r="M2031" i="10"/>
  <c r="M2032" i="10"/>
  <c r="M2033" i="10"/>
  <c r="M2034" i="10"/>
  <c r="M2035" i="10"/>
  <c r="M2036" i="10"/>
  <c r="M2037" i="10"/>
  <c r="M2038" i="10"/>
  <c r="M2039" i="10"/>
  <c r="M2040" i="10"/>
  <c r="M2041" i="10"/>
  <c r="M2042" i="10"/>
  <c r="M2043" i="10"/>
  <c r="M2044" i="10"/>
  <c r="M2045" i="10"/>
  <c r="M2046" i="10"/>
  <c r="M2047" i="10"/>
  <c r="M2048" i="10"/>
  <c r="M2049" i="10"/>
  <c r="M2050" i="10"/>
  <c r="M2051" i="10"/>
  <c r="M2052" i="10"/>
  <c r="M2053" i="10"/>
  <c r="M2054" i="10"/>
  <c r="M2055" i="10"/>
  <c r="M2056" i="10"/>
  <c r="M2057" i="10"/>
  <c r="M2058" i="10"/>
  <c r="M2059" i="10"/>
  <c r="M2060" i="10"/>
  <c r="M2061" i="10"/>
  <c r="M2062" i="10"/>
  <c r="M2063" i="10"/>
  <c r="M2064" i="10"/>
  <c r="M2065" i="10"/>
  <c r="M2066" i="10"/>
  <c r="M2067" i="10"/>
  <c r="M2068" i="10"/>
  <c r="M2069" i="10"/>
  <c r="M2070" i="10"/>
  <c r="M2071" i="10"/>
  <c r="M2072" i="10"/>
  <c r="M2073" i="10"/>
  <c r="M2074" i="10"/>
  <c r="M2075" i="10"/>
  <c r="M2076" i="10"/>
  <c r="M2077" i="10"/>
  <c r="M2078" i="10"/>
  <c r="M2079" i="10"/>
  <c r="M2080" i="10"/>
  <c r="M2081" i="10"/>
  <c r="M2082" i="10"/>
  <c r="M2083" i="10"/>
  <c r="M2084" i="10"/>
  <c r="M2085" i="10"/>
  <c r="M2086" i="10"/>
  <c r="M2087" i="10"/>
  <c r="M2088" i="10"/>
  <c r="M2089" i="10"/>
  <c r="M2090" i="10"/>
  <c r="M2091" i="10"/>
  <c r="M2092" i="10"/>
  <c r="M2093" i="10"/>
  <c r="M2094" i="10"/>
  <c r="M2095" i="10"/>
  <c r="M2096" i="10"/>
  <c r="M2097" i="10"/>
  <c r="M2098" i="10"/>
  <c r="M2099" i="10"/>
  <c r="M2100" i="10"/>
  <c r="M2101" i="10"/>
  <c r="M2102" i="10"/>
  <c r="M2103" i="10"/>
  <c r="M2104" i="10"/>
  <c r="M2105" i="10"/>
  <c r="M2106" i="10"/>
  <c r="M2107" i="10"/>
  <c r="M2108" i="10"/>
  <c r="M2109" i="10"/>
  <c r="M2110" i="10"/>
  <c r="M2111" i="10"/>
  <c r="M2112" i="10"/>
  <c r="M2113" i="10"/>
  <c r="M2114" i="10"/>
  <c r="M2115" i="10"/>
  <c r="M2116" i="10"/>
  <c r="M2117" i="10"/>
  <c r="M2118" i="10"/>
  <c r="M2119" i="10"/>
  <c r="M2120" i="10"/>
  <c r="M2121" i="10"/>
  <c r="M2122" i="10"/>
  <c r="M2123" i="10"/>
  <c r="M2124" i="10"/>
  <c r="M2125" i="10"/>
  <c r="M2126" i="10"/>
  <c r="M2127" i="10"/>
  <c r="M2128" i="10"/>
  <c r="M2129" i="10"/>
  <c r="M2130" i="10"/>
  <c r="M2131" i="10"/>
  <c r="M2132" i="10"/>
  <c r="M2133" i="10"/>
  <c r="M2134" i="10"/>
  <c r="M2135" i="10"/>
  <c r="M2136" i="10"/>
  <c r="M2137" i="10"/>
  <c r="M2138" i="10"/>
  <c r="M2139" i="10"/>
  <c r="M2140" i="10"/>
  <c r="M2141" i="10"/>
  <c r="M2142" i="10"/>
  <c r="M2143" i="10"/>
  <c r="M2144" i="10"/>
  <c r="M2145" i="10"/>
  <c r="M2146" i="10"/>
  <c r="M2147" i="10"/>
  <c r="M2148" i="10"/>
  <c r="M2149" i="10"/>
  <c r="M2150" i="10"/>
  <c r="M2151" i="10"/>
  <c r="M2152" i="10"/>
  <c r="M2153" i="10"/>
  <c r="M2154" i="10"/>
  <c r="M2155" i="10"/>
  <c r="M2156" i="10"/>
  <c r="M2157" i="10"/>
  <c r="M2158" i="10"/>
  <c r="M2159" i="10"/>
  <c r="M2160" i="10"/>
  <c r="M2161" i="10"/>
  <c r="M2162" i="10"/>
  <c r="M2163" i="10"/>
  <c r="M2164" i="10"/>
  <c r="M2165" i="10"/>
  <c r="M2166" i="10"/>
  <c r="M2167" i="10"/>
  <c r="M2168" i="10"/>
  <c r="M2169" i="10"/>
  <c r="M2170" i="10"/>
  <c r="M2171" i="10"/>
  <c r="M2172" i="10"/>
  <c r="M2173" i="10"/>
  <c r="M2174" i="10"/>
  <c r="M2175" i="10"/>
  <c r="M2176" i="10"/>
  <c r="M2177" i="10"/>
  <c r="M2178" i="10"/>
  <c r="M2179" i="10"/>
  <c r="M2180" i="10"/>
  <c r="M2181" i="10"/>
  <c r="M2182" i="10"/>
  <c r="M2183" i="10"/>
  <c r="M2184" i="10"/>
  <c r="M2185" i="10"/>
  <c r="M2186" i="10"/>
  <c r="M2187" i="10"/>
  <c r="M2188" i="10"/>
  <c r="M2189" i="10"/>
  <c r="M2190" i="10"/>
  <c r="M2191" i="10"/>
  <c r="M2192" i="10"/>
  <c r="M2193" i="10"/>
  <c r="M2194" i="10"/>
  <c r="M2195" i="10"/>
  <c r="M2196" i="10"/>
  <c r="M2197" i="10"/>
  <c r="M2198" i="10"/>
  <c r="M2199" i="10"/>
  <c r="M2200" i="10"/>
  <c r="M2201" i="10"/>
  <c r="M2202" i="10"/>
  <c r="M2203" i="10"/>
  <c r="M2204" i="10"/>
  <c r="M2205" i="10"/>
  <c r="M2206" i="10"/>
  <c r="M2207" i="10"/>
  <c r="M2208" i="10"/>
  <c r="M2209" i="10"/>
  <c r="M2210" i="10"/>
  <c r="M2211" i="10"/>
  <c r="M2212" i="10"/>
  <c r="M2213" i="10"/>
  <c r="M2214" i="10"/>
  <c r="M2215" i="10"/>
  <c r="M2216" i="10"/>
  <c r="M2217" i="10"/>
  <c r="M2218" i="10"/>
  <c r="M2219" i="10"/>
  <c r="M2220" i="10"/>
  <c r="M2221" i="10"/>
  <c r="M2222" i="10"/>
  <c r="M2223" i="10"/>
  <c r="M2224" i="10"/>
  <c r="M2225" i="10"/>
  <c r="M2226" i="10"/>
  <c r="M2227" i="10"/>
  <c r="M2228" i="10"/>
  <c r="M2229" i="10"/>
  <c r="M2230" i="10"/>
  <c r="M2231" i="10"/>
  <c r="M2232" i="10"/>
  <c r="M2233" i="10"/>
  <c r="M2234" i="10"/>
  <c r="M2235" i="10"/>
  <c r="M2236" i="10"/>
  <c r="M2237" i="10"/>
  <c r="M2238" i="10"/>
  <c r="M2239" i="10"/>
  <c r="M2240" i="10"/>
  <c r="M2241" i="10"/>
  <c r="M2242" i="10"/>
  <c r="M2243" i="10"/>
  <c r="M2244" i="10"/>
  <c r="M2245" i="10"/>
  <c r="M2246" i="10"/>
  <c r="M2247" i="10"/>
  <c r="M2248" i="10"/>
  <c r="M2249" i="10"/>
  <c r="M2250" i="10"/>
  <c r="M2251" i="10"/>
  <c r="M2252" i="10"/>
  <c r="M2253" i="10"/>
  <c r="M2254" i="10"/>
  <c r="M2255" i="10"/>
  <c r="M2256" i="10"/>
  <c r="M2257" i="10"/>
  <c r="M2258" i="10"/>
  <c r="M2259" i="10"/>
  <c r="M2260" i="10"/>
  <c r="M2261" i="10"/>
  <c r="M2262" i="10"/>
  <c r="M2263" i="10"/>
  <c r="M2264" i="10"/>
  <c r="M2265" i="10"/>
  <c r="M2266" i="10"/>
  <c r="M2267" i="10"/>
  <c r="M2268" i="10"/>
  <c r="M2269" i="10"/>
  <c r="M2270" i="10"/>
  <c r="M2271" i="10"/>
  <c r="M2272" i="10"/>
  <c r="M2273" i="10"/>
  <c r="M2274" i="10"/>
  <c r="M2275" i="10"/>
  <c r="M2276" i="10"/>
  <c r="M2277" i="10"/>
  <c r="M2278" i="10"/>
  <c r="M2279" i="10"/>
  <c r="M2280" i="10"/>
  <c r="M2281" i="10"/>
  <c r="M2282" i="10"/>
  <c r="M2283" i="10"/>
  <c r="M2284" i="10"/>
  <c r="M2285" i="10"/>
  <c r="M2286" i="10"/>
  <c r="M2287" i="10"/>
  <c r="M2288" i="10"/>
  <c r="M2289" i="10"/>
  <c r="M2290" i="10"/>
  <c r="M2291" i="10"/>
  <c r="M2292" i="10"/>
  <c r="M2293" i="10"/>
  <c r="M2294" i="10"/>
  <c r="M2295" i="10"/>
  <c r="M2296" i="10"/>
  <c r="M2297" i="10"/>
  <c r="M2298" i="10"/>
  <c r="M2299" i="10"/>
  <c r="M2300" i="10"/>
  <c r="M2301" i="10"/>
  <c r="M2302" i="10"/>
  <c r="M2303" i="10"/>
  <c r="M2304" i="10"/>
  <c r="M2305" i="10"/>
  <c r="M2306" i="10"/>
  <c r="M2307" i="10"/>
  <c r="M2308" i="10"/>
  <c r="M2309" i="10"/>
  <c r="M2310" i="10"/>
  <c r="M2311" i="10"/>
  <c r="M2312" i="10"/>
  <c r="M2313" i="10"/>
  <c r="M2314" i="10"/>
  <c r="M2315" i="10"/>
  <c r="M2316" i="10"/>
  <c r="M2317" i="10"/>
  <c r="M2318" i="10"/>
  <c r="M2319" i="10"/>
  <c r="M2320" i="10"/>
  <c r="M2321" i="10"/>
  <c r="M2322" i="10"/>
  <c r="M2323" i="10"/>
  <c r="M2324" i="10"/>
  <c r="M2325" i="10"/>
  <c r="M2326" i="10"/>
  <c r="M2327" i="10"/>
  <c r="M2328" i="10"/>
  <c r="M2329" i="10"/>
  <c r="M2330" i="10"/>
  <c r="M2331" i="10"/>
  <c r="M2332" i="10"/>
  <c r="M2333" i="10"/>
  <c r="M2334" i="10"/>
  <c r="M2335" i="10"/>
  <c r="M2336" i="10"/>
  <c r="M2337" i="10"/>
  <c r="M2338" i="10"/>
  <c r="M2339" i="10"/>
  <c r="M2340" i="10"/>
  <c r="M2341" i="10"/>
  <c r="M2342" i="10"/>
  <c r="M2343" i="10"/>
  <c r="M2344" i="10"/>
  <c r="M2345" i="10"/>
  <c r="M2346" i="10"/>
  <c r="M2347" i="10"/>
  <c r="M2348" i="10"/>
  <c r="M2349" i="10"/>
  <c r="M2350" i="10"/>
  <c r="M2351" i="10"/>
  <c r="M2352" i="10"/>
  <c r="M2353" i="10"/>
  <c r="M2354" i="10"/>
  <c r="M2355" i="10"/>
  <c r="M2356" i="10"/>
  <c r="M2357" i="10"/>
  <c r="M2358" i="10"/>
  <c r="M2359" i="10"/>
  <c r="M2360" i="10"/>
  <c r="M2361" i="10"/>
  <c r="M2362" i="10"/>
  <c r="M2363" i="10"/>
  <c r="M2364" i="10"/>
  <c r="M2365" i="10"/>
  <c r="M2366" i="10"/>
  <c r="M2367" i="10"/>
  <c r="M2368" i="10"/>
  <c r="M2369" i="10"/>
  <c r="M2370" i="10"/>
  <c r="M2371" i="10"/>
  <c r="M2372" i="10"/>
  <c r="M2373" i="10"/>
  <c r="M2374" i="10"/>
  <c r="M2375" i="10"/>
  <c r="M2376" i="10"/>
  <c r="M2377" i="10"/>
  <c r="M2378" i="10"/>
  <c r="M2379" i="10"/>
  <c r="M2380" i="10"/>
  <c r="M2381" i="10"/>
  <c r="M2382" i="10"/>
  <c r="M2383" i="10"/>
  <c r="M2384" i="10"/>
  <c r="M2385" i="10"/>
  <c r="M2386" i="10"/>
  <c r="M2387" i="10"/>
  <c r="M2388" i="10"/>
  <c r="M2389" i="10"/>
  <c r="M2390" i="10"/>
  <c r="M2391" i="10"/>
  <c r="M2392" i="10"/>
  <c r="M2393" i="10"/>
  <c r="M2394" i="10"/>
  <c r="M2395" i="10"/>
  <c r="M2396" i="10"/>
  <c r="M2397" i="10"/>
  <c r="M2398" i="10"/>
  <c r="M2399" i="10"/>
  <c r="M2400" i="10"/>
  <c r="M2401" i="10"/>
  <c r="M2402" i="10"/>
  <c r="M2403" i="10"/>
  <c r="M2404" i="10"/>
  <c r="M2405" i="10"/>
  <c r="M2406" i="10"/>
  <c r="M2407" i="10"/>
  <c r="M2408" i="10"/>
  <c r="M2409" i="10"/>
  <c r="M2410" i="10"/>
  <c r="M2411" i="10"/>
  <c r="M2412" i="10"/>
  <c r="M2413" i="10"/>
  <c r="M2414" i="10"/>
  <c r="M2415" i="10"/>
  <c r="M2416" i="10"/>
  <c r="M2417" i="10"/>
  <c r="M2418" i="10"/>
  <c r="M2419" i="10"/>
  <c r="M2420" i="10"/>
  <c r="M2421" i="10"/>
  <c r="M2422" i="10"/>
  <c r="M2423" i="10"/>
  <c r="M2424" i="10"/>
  <c r="M2425" i="10"/>
  <c r="M2426" i="10"/>
  <c r="M2427" i="10"/>
  <c r="M2428" i="10"/>
  <c r="M2429" i="10"/>
  <c r="M2430" i="10"/>
  <c r="M2431" i="10"/>
  <c r="M2432" i="10"/>
  <c r="M2433" i="10"/>
  <c r="M2434" i="10"/>
  <c r="M2435" i="10"/>
  <c r="M2436" i="10"/>
  <c r="M2437" i="10"/>
  <c r="M2438" i="10"/>
  <c r="M2439" i="10"/>
  <c r="M2440" i="10"/>
  <c r="M2441" i="10"/>
  <c r="M2442" i="10"/>
  <c r="M2443" i="10"/>
  <c r="M2444" i="10"/>
  <c r="M2445" i="10"/>
  <c r="M2446" i="10"/>
  <c r="M2447" i="10"/>
  <c r="M2448" i="10"/>
  <c r="M2449" i="10"/>
  <c r="M2450" i="10"/>
  <c r="M2451" i="10"/>
  <c r="M2452" i="10"/>
  <c r="M2453" i="10"/>
  <c r="M2454" i="10"/>
  <c r="M2455" i="10"/>
  <c r="M2456" i="10"/>
  <c r="M2457" i="10"/>
  <c r="M2458" i="10"/>
  <c r="M2459" i="10"/>
  <c r="M2460" i="10"/>
  <c r="M2461" i="10"/>
  <c r="M2462" i="10"/>
  <c r="M2463" i="10"/>
  <c r="M2464" i="10"/>
  <c r="M2465" i="10"/>
  <c r="M2466" i="10"/>
  <c r="M2467" i="10"/>
  <c r="M2468" i="10"/>
  <c r="M2469" i="10"/>
  <c r="M2470" i="10"/>
  <c r="M2471" i="10"/>
  <c r="M2472" i="10"/>
  <c r="M2473" i="10"/>
  <c r="M2474" i="10"/>
  <c r="M2475" i="10"/>
  <c r="M2476" i="10"/>
  <c r="M2477" i="10"/>
  <c r="M2478" i="10"/>
  <c r="M2479" i="10"/>
  <c r="M2480" i="10"/>
  <c r="M2481" i="10"/>
  <c r="M2482" i="10"/>
  <c r="M2483" i="10"/>
  <c r="M2484" i="10"/>
  <c r="M2485" i="10"/>
  <c r="M2486" i="10"/>
  <c r="M2487" i="10"/>
  <c r="M2488" i="10"/>
  <c r="M2489" i="10"/>
  <c r="M2490" i="10"/>
  <c r="M2491" i="10"/>
  <c r="M2492" i="10"/>
  <c r="M2493" i="10"/>
  <c r="M2494" i="10"/>
  <c r="M2495" i="10"/>
  <c r="M2496" i="10"/>
  <c r="M2497" i="10"/>
  <c r="M2498" i="10"/>
  <c r="M2499" i="10"/>
  <c r="M2500" i="10"/>
  <c r="M2501" i="10"/>
  <c r="M2502" i="10"/>
  <c r="M2503" i="10"/>
  <c r="M2504" i="10"/>
  <c r="M2505" i="10"/>
  <c r="M2506" i="10"/>
  <c r="M2507" i="10"/>
  <c r="M2508" i="10"/>
  <c r="M2509" i="10"/>
  <c r="M2510" i="10"/>
  <c r="M2511" i="10"/>
  <c r="M2512" i="10"/>
  <c r="M2513" i="10"/>
  <c r="M2514" i="10"/>
  <c r="M2515" i="10"/>
  <c r="M2516" i="10"/>
  <c r="M2517" i="10"/>
  <c r="M2518" i="10"/>
  <c r="M2519" i="10"/>
  <c r="M2520" i="10"/>
  <c r="M2521" i="10"/>
  <c r="M2522" i="10"/>
  <c r="M2523" i="10"/>
  <c r="M2524" i="10"/>
  <c r="M2525" i="10"/>
  <c r="M2526" i="10"/>
  <c r="M2527" i="10"/>
  <c r="M2528" i="10"/>
  <c r="M2529" i="10"/>
  <c r="M2530" i="10"/>
  <c r="M2531" i="10"/>
  <c r="M2532" i="10"/>
  <c r="M2533" i="10"/>
  <c r="M2534" i="10"/>
  <c r="M2535" i="10"/>
  <c r="M2536" i="10"/>
  <c r="M2537" i="10"/>
  <c r="M2538" i="10"/>
  <c r="M2539" i="10"/>
  <c r="M2540" i="10"/>
  <c r="M2541" i="10"/>
  <c r="M2542" i="10"/>
  <c r="M2543" i="10"/>
  <c r="M2544" i="10"/>
  <c r="M2545" i="10"/>
  <c r="M2546" i="10"/>
  <c r="M2547" i="10"/>
  <c r="M2548" i="10"/>
  <c r="M2549" i="10"/>
  <c r="M2550" i="10"/>
  <c r="M2551" i="10"/>
  <c r="M2552" i="10"/>
  <c r="M2553" i="10"/>
  <c r="M2554" i="10"/>
  <c r="M2555" i="10"/>
  <c r="M2556" i="10"/>
  <c r="M2557" i="10"/>
  <c r="M2558" i="10"/>
  <c r="M2559" i="10"/>
  <c r="M2560" i="10"/>
  <c r="M2561" i="10"/>
  <c r="M2562" i="10"/>
  <c r="M2563" i="10"/>
  <c r="M2564" i="10"/>
  <c r="M2565" i="10"/>
  <c r="M2566" i="10"/>
  <c r="M2567" i="10"/>
  <c r="M2568" i="10"/>
  <c r="M2569" i="10"/>
  <c r="M2570" i="10"/>
  <c r="M2571" i="10"/>
  <c r="M2572" i="10"/>
  <c r="M2573" i="10"/>
  <c r="M2574" i="10"/>
  <c r="M2575" i="10"/>
  <c r="M2576" i="10"/>
  <c r="M2577" i="10"/>
  <c r="M2578" i="10"/>
  <c r="M2579" i="10"/>
  <c r="M2580" i="10"/>
  <c r="M2581" i="10"/>
  <c r="M2582" i="10"/>
  <c r="M2583" i="10"/>
  <c r="M2584" i="10"/>
  <c r="M2585" i="10"/>
  <c r="M2586" i="10"/>
  <c r="M2587" i="10"/>
  <c r="M2588" i="10"/>
  <c r="M2589" i="10"/>
  <c r="M2590" i="10"/>
  <c r="M2591" i="10"/>
  <c r="M2592" i="10"/>
  <c r="M2593" i="10"/>
  <c r="M2594" i="10"/>
  <c r="M2595" i="10"/>
  <c r="M2596" i="10"/>
  <c r="M2597" i="10"/>
  <c r="M2598" i="10"/>
  <c r="M2599" i="10"/>
  <c r="M2600" i="10"/>
  <c r="M2601" i="10"/>
  <c r="M2602" i="10"/>
  <c r="M2603" i="10"/>
  <c r="M2604" i="10"/>
  <c r="M2605" i="10"/>
  <c r="M2606" i="10"/>
  <c r="M2607" i="10"/>
  <c r="M2608" i="10"/>
  <c r="M2609" i="10"/>
  <c r="M2610" i="10"/>
  <c r="M2611" i="10"/>
  <c r="M2612" i="10"/>
  <c r="M2613" i="10"/>
  <c r="M2614" i="10"/>
  <c r="M2615" i="10"/>
  <c r="M2616" i="10"/>
  <c r="M2617" i="10"/>
  <c r="M2618" i="10"/>
  <c r="M2619" i="10"/>
  <c r="M2620" i="10"/>
  <c r="M2621" i="10"/>
  <c r="M2622" i="10"/>
  <c r="M2623" i="10"/>
  <c r="M2624" i="10"/>
  <c r="M2625" i="10"/>
  <c r="M2626" i="10"/>
  <c r="M2627" i="10"/>
  <c r="M2628" i="10"/>
  <c r="M2629" i="10"/>
  <c r="M2630" i="10"/>
  <c r="M2631" i="10"/>
  <c r="M2632" i="10"/>
  <c r="M2633" i="10"/>
  <c r="M2634" i="10"/>
  <c r="M2635" i="10"/>
  <c r="M2636" i="10"/>
  <c r="M2637" i="10"/>
  <c r="M2638" i="10"/>
  <c r="M2639" i="10"/>
  <c r="M2640" i="10"/>
  <c r="M2641" i="10"/>
  <c r="M2642" i="10"/>
  <c r="M2643" i="10"/>
  <c r="M2644" i="10"/>
  <c r="M2645" i="10"/>
  <c r="M2646" i="10"/>
  <c r="M2647" i="10"/>
  <c r="M2648" i="10"/>
  <c r="M2649" i="10"/>
  <c r="M2650" i="10"/>
  <c r="M2651" i="10"/>
  <c r="M2652" i="10"/>
  <c r="M2653" i="10"/>
  <c r="M2654" i="10"/>
  <c r="M2655" i="10"/>
  <c r="M2656" i="10"/>
  <c r="M2657" i="10"/>
  <c r="M2658" i="10"/>
  <c r="M2659" i="10"/>
  <c r="M2660" i="10"/>
  <c r="M2661" i="10"/>
  <c r="M2662" i="10"/>
  <c r="M2663" i="10"/>
  <c r="M2664" i="10"/>
  <c r="M2665" i="10"/>
  <c r="M2666" i="10"/>
  <c r="M2667" i="10"/>
  <c r="M2668" i="10"/>
  <c r="M2669" i="10"/>
  <c r="M2670" i="10"/>
  <c r="M2671" i="10"/>
  <c r="M2672" i="10"/>
  <c r="M2673" i="10"/>
  <c r="M2674" i="10"/>
  <c r="M2675" i="10"/>
  <c r="M2676" i="10"/>
  <c r="M2677" i="10"/>
  <c r="M2678" i="10"/>
  <c r="M2679" i="10"/>
  <c r="M2680" i="10"/>
  <c r="M2681" i="10"/>
  <c r="M2682" i="10"/>
  <c r="M2683" i="10"/>
  <c r="M2684" i="10"/>
  <c r="M2685" i="10"/>
  <c r="M2686" i="10"/>
  <c r="M2687" i="10"/>
  <c r="M2688" i="10"/>
  <c r="M2689" i="10"/>
  <c r="M2690" i="10"/>
  <c r="M2691" i="10"/>
  <c r="M2692" i="10"/>
  <c r="M2693" i="10"/>
  <c r="M2694" i="10"/>
  <c r="M2695" i="10"/>
  <c r="M2696" i="10"/>
  <c r="M2697" i="10"/>
  <c r="M2698" i="10"/>
  <c r="M2699" i="10"/>
  <c r="M2700" i="10"/>
  <c r="M2701" i="10"/>
  <c r="M2702" i="10"/>
  <c r="M2703" i="10"/>
  <c r="M2704" i="10"/>
  <c r="M2705" i="10"/>
  <c r="M2706" i="10"/>
  <c r="M2707" i="10"/>
  <c r="M2708" i="10"/>
  <c r="M2709" i="10"/>
  <c r="M2710" i="10"/>
  <c r="M2711" i="10"/>
  <c r="M2712" i="10"/>
  <c r="M2713" i="10"/>
  <c r="M2714" i="10"/>
  <c r="M2715" i="10"/>
  <c r="M2716" i="10"/>
  <c r="M2717" i="10"/>
  <c r="M2718" i="10"/>
  <c r="M2719" i="10"/>
  <c r="M2720" i="10"/>
  <c r="M2721" i="10"/>
  <c r="M2722" i="10"/>
  <c r="M2723" i="10"/>
  <c r="M2724" i="10"/>
  <c r="M2725" i="10"/>
  <c r="M2726" i="10"/>
  <c r="M2727" i="10"/>
  <c r="M2728" i="10"/>
  <c r="M2729" i="10"/>
  <c r="M2730" i="10"/>
  <c r="M2731" i="10"/>
  <c r="M2732" i="10"/>
  <c r="M2733" i="10"/>
  <c r="M2734" i="10"/>
  <c r="M2735" i="10"/>
  <c r="M2736" i="10"/>
  <c r="M2737" i="10"/>
  <c r="M2738" i="10"/>
  <c r="M2739" i="10"/>
  <c r="M2740" i="10"/>
  <c r="M2741" i="10"/>
  <c r="M2742" i="10"/>
  <c r="M2743" i="10"/>
  <c r="M2744" i="10"/>
  <c r="M2745" i="10"/>
  <c r="M2746" i="10"/>
  <c r="M2747" i="10"/>
  <c r="M2748" i="10"/>
  <c r="M2749" i="10"/>
  <c r="M2750" i="10"/>
  <c r="M2751" i="10"/>
  <c r="M2752" i="10"/>
  <c r="M2753" i="10"/>
  <c r="M2754" i="10"/>
  <c r="M2755" i="10"/>
  <c r="M2756" i="10"/>
  <c r="M2757" i="10"/>
  <c r="M2758" i="10"/>
  <c r="M2759" i="10"/>
  <c r="M2760" i="10"/>
  <c r="M2761" i="10"/>
  <c r="M2762" i="10"/>
  <c r="M2763" i="10"/>
  <c r="M2764" i="10"/>
  <c r="M2765" i="10"/>
  <c r="M2766" i="10"/>
  <c r="M2767" i="10"/>
  <c r="M2768" i="10"/>
  <c r="M2769" i="10"/>
  <c r="M2770" i="10"/>
  <c r="M2771" i="10"/>
  <c r="M2772" i="10"/>
  <c r="M2773" i="10"/>
  <c r="M2774" i="10"/>
  <c r="M2775" i="10"/>
  <c r="M2776" i="10"/>
  <c r="M2777" i="10"/>
  <c r="M2778" i="10"/>
  <c r="M2779" i="10"/>
  <c r="M2780" i="10"/>
  <c r="M2781" i="10"/>
  <c r="M2782" i="10"/>
  <c r="M2783" i="10"/>
  <c r="M2784" i="10"/>
  <c r="M2785" i="10"/>
  <c r="M2786" i="10"/>
  <c r="M2787" i="10"/>
  <c r="M2788" i="10"/>
  <c r="M2789" i="10"/>
  <c r="M2790" i="10"/>
  <c r="M2791" i="10"/>
  <c r="M2792" i="10"/>
  <c r="M2793" i="10"/>
  <c r="M2794" i="10"/>
  <c r="M2795" i="10"/>
  <c r="M2796" i="10"/>
  <c r="M2797" i="10"/>
  <c r="M2798" i="10"/>
  <c r="M2799" i="10"/>
  <c r="M2800" i="10"/>
  <c r="M2801" i="10"/>
  <c r="M2802" i="10"/>
  <c r="M2803" i="10"/>
  <c r="M2804" i="10"/>
  <c r="M2805" i="10"/>
  <c r="M2806" i="10"/>
  <c r="M2807" i="10"/>
  <c r="M2808" i="10"/>
  <c r="M2809" i="10"/>
  <c r="M2810" i="10"/>
  <c r="M2811" i="10"/>
  <c r="M2812" i="10"/>
  <c r="M2813" i="10"/>
  <c r="M2814" i="10"/>
  <c r="M2815" i="10"/>
  <c r="M2816" i="10"/>
  <c r="M2817" i="10"/>
  <c r="M2818" i="10"/>
  <c r="M2819" i="10"/>
  <c r="M2820" i="10"/>
  <c r="M2821" i="10"/>
  <c r="M2822" i="10"/>
  <c r="M2823" i="10"/>
  <c r="M2824" i="10"/>
  <c r="M2825" i="10"/>
  <c r="M2826" i="10"/>
  <c r="M2827" i="10"/>
  <c r="M2828" i="10"/>
  <c r="M2829" i="10"/>
  <c r="M2830" i="10"/>
  <c r="M2831" i="10"/>
  <c r="M2832" i="10"/>
  <c r="M2833" i="10"/>
  <c r="M2834" i="10"/>
  <c r="M2835" i="10"/>
  <c r="M2836" i="10"/>
  <c r="M2837" i="10"/>
  <c r="M2838" i="10"/>
  <c r="M2839" i="10"/>
  <c r="M2840" i="10"/>
  <c r="M2841" i="10"/>
  <c r="M2842" i="10"/>
  <c r="M2843" i="10"/>
  <c r="M2844" i="10"/>
  <c r="M2845" i="10"/>
  <c r="M2846" i="10"/>
  <c r="M2847" i="10"/>
  <c r="M2848" i="10"/>
  <c r="M2849" i="10"/>
  <c r="M2850" i="10"/>
  <c r="M2851" i="10"/>
  <c r="M2852" i="10"/>
  <c r="M2853" i="10"/>
  <c r="M2854" i="10"/>
  <c r="M2855" i="10"/>
  <c r="M2856" i="10"/>
  <c r="M2857" i="10"/>
  <c r="M2858" i="10"/>
  <c r="M2859" i="10"/>
  <c r="M2860" i="10"/>
  <c r="M2861" i="10"/>
  <c r="M2862" i="10"/>
  <c r="M2863" i="10"/>
  <c r="M2864" i="10"/>
  <c r="M2865" i="10"/>
  <c r="M2866" i="10"/>
  <c r="M2867" i="10"/>
  <c r="M2868" i="10"/>
  <c r="M2869" i="10"/>
  <c r="M2870" i="10"/>
  <c r="M2871" i="10"/>
  <c r="M2872" i="10"/>
  <c r="M2873" i="10"/>
  <c r="M2874" i="10"/>
  <c r="M2875" i="10"/>
  <c r="M2876" i="10"/>
  <c r="M2877" i="10"/>
  <c r="M2878" i="10"/>
  <c r="M2879" i="10"/>
  <c r="M2880" i="10"/>
  <c r="M2881" i="10"/>
  <c r="M2882" i="10"/>
  <c r="M2883" i="10"/>
  <c r="M2884" i="10"/>
  <c r="M2885" i="10"/>
  <c r="M2886" i="10"/>
  <c r="M2887" i="10"/>
  <c r="M2888" i="10"/>
  <c r="M2889" i="10"/>
  <c r="M2890" i="10"/>
  <c r="M2891" i="10"/>
  <c r="M2892" i="10"/>
  <c r="M2893" i="10"/>
  <c r="M2894" i="10"/>
  <c r="M2895" i="10"/>
  <c r="M2896" i="10"/>
  <c r="M2897" i="10"/>
  <c r="M2898" i="10"/>
  <c r="M2899" i="10"/>
  <c r="M2900" i="10"/>
  <c r="M2901" i="10"/>
  <c r="M2902" i="10"/>
  <c r="M2903" i="10"/>
  <c r="M2904" i="10"/>
  <c r="M2905" i="10"/>
  <c r="M2906" i="10"/>
  <c r="M2907" i="10"/>
  <c r="M2908" i="10"/>
  <c r="M2909" i="10"/>
  <c r="M2910" i="10"/>
  <c r="M2911" i="10"/>
  <c r="M2912" i="10"/>
  <c r="M2913" i="10"/>
  <c r="M2914" i="10"/>
  <c r="M2915" i="10"/>
  <c r="M2916" i="10"/>
  <c r="M2917" i="10"/>
  <c r="M2918" i="10"/>
  <c r="M2919" i="10"/>
  <c r="M2920" i="10"/>
  <c r="M2921" i="10"/>
  <c r="M2922" i="10"/>
  <c r="M2923" i="10"/>
  <c r="M2924" i="10"/>
  <c r="M2925" i="10"/>
  <c r="M2926" i="10"/>
  <c r="M2927" i="10"/>
  <c r="M2928" i="10"/>
  <c r="M2929" i="10"/>
  <c r="M2930" i="10"/>
  <c r="M2931" i="10"/>
  <c r="M2932" i="10"/>
  <c r="M2933" i="10"/>
  <c r="M2934" i="10"/>
  <c r="M2935" i="10"/>
  <c r="M2936" i="10"/>
  <c r="M2937" i="10"/>
  <c r="M2938" i="10"/>
  <c r="M2939" i="10"/>
  <c r="M2940" i="10"/>
  <c r="M2941" i="10"/>
  <c r="M2942" i="10"/>
  <c r="M2943" i="10"/>
  <c r="M2944" i="10"/>
  <c r="M2945" i="10"/>
  <c r="M2946" i="10"/>
  <c r="M2947" i="10"/>
  <c r="M2948" i="10"/>
  <c r="M2949" i="10"/>
  <c r="M2950" i="10"/>
  <c r="M2951" i="10"/>
  <c r="M2952" i="10"/>
  <c r="M2953" i="10"/>
  <c r="M2954" i="10"/>
  <c r="M2955" i="10"/>
  <c r="M2956" i="10"/>
  <c r="M2957" i="10"/>
  <c r="M2958" i="10"/>
  <c r="M2959" i="10"/>
  <c r="M2960" i="10"/>
  <c r="M2961" i="10"/>
  <c r="M2962" i="10"/>
  <c r="M2963" i="10"/>
  <c r="M2964" i="10"/>
  <c r="M2965" i="10"/>
  <c r="M2966" i="10"/>
  <c r="M2967" i="10"/>
  <c r="M2968" i="10"/>
  <c r="M2969" i="10"/>
  <c r="M2970" i="10"/>
  <c r="M2971" i="10"/>
  <c r="M2972" i="10"/>
  <c r="M2973" i="10"/>
  <c r="M2974" i="10"/>
  <c r="M2975" i="10"/>
  <c r="M2976" i="10"/>
  <c r="M2977" i="10"/>
  <c r="M2978" i="10"/>
  <c r="M2979" i="10"/>
  <c r="M2980" i="10"/>
  <c r="M2981" i="10"/>
  <c r="M2982" i="10"/>
  <c r="M2983" i="10"/>
  <c r="M2984" i="10"/>
  <c r="M2985" i="10"/>
  <c r="M2986" i="10"/>
  <c r="M2987" i="10"/>
  <c r="M2988" i="10"/>
  <c r="M2989" i="10"/>
  <c r="M2990" i="10"/>
  <c r="M2991" i="10"/>
  <c r="M2992" i="10"/>
  <c r="M2993" i="10"/>
  <c r="M2994" i="10"/>
  <c r="M2995" i="10"/>
  <c r="M2996" i="10"/>
  <c r="M2997" i="10"/>
  <c r="M2998" i="10"/>
  <c r="M2999" i="10"/>
  <c r="M3000" i="10"/>
  <c r="M3001" i="10"/>
  <c r="M3002" i="10"/>
  <c r="M3003" i="10"/>
  <c r="M3004" i="10"/>
  <c r="M3005" i="10"/>
  <c r="M3006" i="10"/>
  <c r="M3007" i="10"/>
  <c r="M3008" i="10"/>
  <c r="M3009" i="10"/>
  <c r="M3010" i="10"/>
  <c r="M3011" i="10"/>
  <c r="M3012" i="10"/>
  <c r="M3013" i="10"/>
  <c r="M3014" i="10"/>
  <c r="M3015" i="10"/>
  <c r="M3016" i="10"/>
  <c r="M3017" i="10"/>
  <c r="M3018" i="10"/>
  <c r="M3019" i="10"/>
  <c r="M3020" i="10"/>
  <c r="M3021" i="10"/>
  <c r="M3022" i="10"/>
  <c r="M3023" i="10"/>
  <c r="M3024" i="10"/>
  <c r="M3025" i="10"/>
  <c r="M3026" i="10"/>
  <c r="M3027" i="10"/>
  <c r="M3028" i="10"/>
  <c r="M3029" i="10"/>
  <c r="M3030" i="10"/>
  <c r="M3031" i="10"/>
  <c r="M3032" i="10"/>
  <c r="M3033" i="10"/>
  <c r="M3034" i="10"/>
  <c r="M3035" i="10"/>
  <c r="M3036" i="10"/>
  <c r="M3037" i="10"/>
  <c r="M3038" i="10"/>
  <c r="M3039" i="10"/>
  <c r="M3040" i="10"/>
  <c r="M3041" i="10"/>
  <c r="M3042" i="10"/>
  <c r="M3043" i="10"/>
  <c r="M3044" i="10"/>
  <c r="M3045" i="10"/>
  <c r="M3046" i="10"/>
  <c r="M3047" i="10"/>
  <c r="M3048" i="10"/>
  <c r="M3049" i="10"/>
  <c r="M3050" i="10"/>
  <c r="M3051" i="10"/>
  <c r="M3052" i="10"/>
  <c r="M3053" i="10"/>
  <c r="M3054" i="10"/>
  <c r="M3055" i="10"/>
  <c r="M3056" i="10"/>
  <c r="M3057" i="10"/>
  <c r="M3058" i="10"/>
  <c r="M3059" i="10"/>
  <c r="M3060" i="10"/>
  <c r="M3061" i="10"/>
  <c r="M3062" i="10"/>
  <c r="M3063" i="10"/>
  <c r="M3064" i="10"/>
  <c r="M3065" i="10"/>
  <c r="M3066" i="10"/>
  <c r="M3067" i="10"/>
  <c r="M3068" i="10"/>
  <c r="M3069" i="10"/>
  <c r="M3070" i="10"/>
  <c r="M3071" i="10"/>
  <c r="M3072" i="10"/>
  <c r="M3073" i="10"/>
  <c r="M3074" i="10"/>
  <c r="M3075" i="10"/>
  <c r="M3076" i="10"/>
  <c r="M3077" i="10"/>
  <c r="M3078" i="10"/>
  <c r="M3079" i="10"/>
  <c r="M3080" i="10"/>
  <c r="M3081" i="10"/>
  <c r="M3082" i="10"/>
  <c r="M3083" i="10"/>
  <c r="M3084" i="10"/>
  <c r="M3085" i="10"/>
  <c r="M3086" i="10"/>
  <c r="M3087" i="10"/>
  <c r="M3088" i="10"/>
  <c r="M3089" i="10"/>
  <c r="M3090" i="10"/>
  <c r="M3091" i="10"/>
  <c r="M3092" i="10"/>
  <c r="M3093" i="10"/>
  <c r="M3094" i="10"/>
  <c r="M3095" i="10"/>
  <c r="M3096" i="10"/>
  <c r="M3097" i="10"/>
  <c r="M3098" i="10"/>
  <c r="M3099" i="10"/>
  <c r="M3100" i="10"/>
  <c r="M3101" i="10"/>
  <c r="M3102" i="10"/>
  <c r="M3103" i="10"/>
  <c r="M3104" i="10"/>
  <c r="M3105" i="10"/>
  <c r="M3106" i="10"/>
  <c r="M3107" i="10"/>
  <c r="M3108" i="10"/>
  <c r="M3109" i="10"/>
  <c r="M3110" i="10"/>
  <c r="M3111" i="10"/>
  <c r="M3112" i="10"/>
  <c r="M3113" i="10"/>
  <c r="M3114" i="10"/>
  <c r="M3115" i="10"/>
  <c r="M3116" i="10"/>
  <c r="M3117" i="10"/>
  <c r="M3118" i="10"/>
  <c r="M3119" i="10"/>
  <c r="M3120" i="10"/>
  <c r="M3121" i="10"/>
  <c r="M3122" i="10"/>
  <c r="M3123" i="10"/>
  <c r="M3124" i="10"/>
  <c r="M3125" i="10"/>
  <c r="M3126" i="10"/>
  <c r="M3127" i="10"/>
  <c r="M3128" i="10"/>
  <c r="M3129" i="10"/>
  <c r="M3130" i="10"/>
  <c r="M3131" i="10"/>
  <c r="M3132" i="10"/>
  <c r="M3133" i="10"/>
  <c r="M3134" i="10"/>
  <c r="M3135" i="10"/>
  <c r="M3136" i="10"/>
  <c r="M3137" i="10"/>
  <c r="M3138" i="10"/>
  <c r="M3139" i="10"/>
  <c r="M3140" i="10"/>
  <c r="M3141" i="10"/>
  <c r="M3142" i="10"/>
  <c r="M3143" i="10"/>
  <c r="M3144" i="10"/>
  <c r="M3145" i="10"/>
  <c r="M3146" i="10"/>
  <c r="M3147" i="10"/>
  <c r="M3148" i="10"/>
  <c r="M3149" i="10"/>
  <c r="M3150" i="10"/>
  <c r="M3151" i="10"/>
  <c r="M3152" i="10"/>
  <c r="M3153" i="10"/>
  <c r="M3154" i="10"/>
  <c r="M3155" i="10"/>
  <c r="M3156" i="10"/>
  <c r="M3157" i="10"/>
  <c r="M3158" i="10"/>
  <c r="M3159" i="10"/>
  <c r="M3160" i="10"/>
  <c r="M3161" i="10"/>
  <c r="M3162" i="10"/>
  <c r="M3163" i="10"/>
  <c r="M3164" i="10"/>
  <c r="M3165" i="10"/>
  <c r="M3166" i="10"/>
  <c r="M3167" i="10"/>
  <c r="M3168" i="10"/>
  <c r="M3169" i="10"/>
  <c r="M3170" i="10"/>
  <c r="M3171" i="10"/>
  <c r="M3172" i="10"/>
  <c r="M3173" i="10"/>
  <c r="M3174" i="10"/>
  <c r="M3175" i="10"/>
  <c r="M3176" i="10"/>
  <c r="M3177" i="10"/>
  <c r="M3178" i="10"/>
  <c r="M3179" i="10"/>
  <c r="M3180" i="10"/>
  <c r="M3181" i="10"/>
  <c r="M3182" i="10"/>
  <c r="M3183" i="10"/>
  <c r="M3184" i="10"/>
  <c r="M3185" i="10"/>
  <c r="M3186" i="10"/>
  <c r="M3187" i="10"/>
  <c r="M3188" i="10"/>
  <c r="M3189" i="10"/>
  <c r="M3190" i="10"/>
  <c r="M3191" i="10"/>
  <c r="M3192" i="10"/>
  <c r="M3193" i="10"/>
  <c r="M3194" i="10"/>
  <c r="M3195" i="10"/>
  <c r="M3196" i="10"/>
  <c r="M3197" i="10"/>
  <c r="M3198" i="10"/>
  <c r="M3199" i="10"/>
  <c r="M3200" i="10"/>
  <c r="M3201" i="10"/>
  <c r="M3202" i="10"/>
  <c r="M3203" i="10"/>
  <c r="M3204" i="10"/>
  <c r="M3205" i="10"/>
  <c r="M3206" i="10"/>
  <c r="M3207" i="10"/>
  <c r="M3208" i="10"/>
  <c r="M3209" i="10"/>
  <c r="M3210" i="10"/>
  <c r="M3211" i="10"/>
  <c r="M3212" i="10"/>
  <c r="M3213" i="10"/>
  <c r="M3214" i="10"/>
  <c r="M3215" i="10"/>
  <c r="M3216" i="10"/>
  <c r="M3217" i="10"/>
  <c r="M3218" i="10"/>
  <c r="M3219" i="10"/>
  <c r="M3220" i="10"/>
  <c r="M3221" i="10"/>
  <c r="M3222" i="10"/>
  <c r="M3223" i="10"/>
  <c r="M3224" i="10"/>
  <c r="M3225" i="10"/>
  <c r="M3226" i="10"/>
  <c r="M3227" i="10"/>
  <c r="M3228" i="10"/>
  <c r="M3229" i="10"/>
  <c r="M3230" i="10"/>
  <c r="M3231" i="10"/>
  <c r="M3232" i="10"/>
  <c r="M3233" i="10"/>
  <c r="M3234" i="10"/>
  <c r="M3235" i="10"/>
  <c r="M3236" i="10"/>
  <c r="M3237" i="10"/>
  <c r="M3238" i="10"/>
  <c r="M3239" i="10"/>
  <c r="M3240" i="10"/>
  <c r="M3241" i="10"/>
  <c r="M3242" i="10"/>
  <c r="M3243" i="10"/>
  <c r="M3244" i="10"/>
  <c r="M3245" i="10"/>
  <c r="M3246" i="10"/>
  <c r="M3247" i="10"/>
  <c r="M3248" i="10"/>
  <c r="M3249" i="10"/>
  <c r="M3250" i="10"/>
  <c r="M3251" i="10"/>
  <c r="M3252" i="10"/>
  <c r="M3253" i="10"/>
  <c r="M3254" i="10"/>
  <c r="M3255" i="10"/>
  <c r="M3256" i="10"/>
  <c r="M3257" i="10"/>
  <c r="M3258" i="10"/>
  <c r="M3259" i="10"/>
  <c r="M3260" i="10"/>
  <c r="M3261" i="10"/>
  <c r="M3262" i="10"/>
  <c r="M3263" i="10"/>
  <c r="M3264" i="10"/>
  <c r="M3265" i="10"/>
  <c r="M3266" i="10"/>
  <c r="M3267" i="10"/>
  <c r="M3268" i="10"/>
  <c r="M3269" i="10"/>
  <c r="M3270" i="10"/>
  <c r="M3271" i="10"/>
  <c r="M3272" i="10"/>
  <c r="M3273" i="10"/>
  <c r="M3274" i="10"/>
  <c r="M3275" i="10"/>
  <c r="M3276" i="10"/>
  <c r="M3277" i="10"/>
  <c r="M3278" i="10"/>
  <c r="M3279" i="10"/>
  <c r="M3280" i="10"/>
  <c r="M3281" i="10"/>
  <c r="M3282" i="10"/>
  <c r="M3283" i="10"/>
  <c r="M3284" i="10"/>
  <c r="M3285" i="10"/>
  <c r="M3286" i="10"/>
  <c r="M3287" i="10"/>
  <c r="M3288" i="10"/>
  <c r="M3289" i="10"/>
  <c r="M3290" i="10"/>
  <c r="M3291" i="10"/>
  <c r="M3292" i="10"/>
  <c r="M3293" i="10"/>
  <c r="M3294" i="10"/>
  <c r="M3295" i="10"/>
  <c r="M3296" i="10"/>
  <c r="M3297" i="10"/>
  <c r="M3298" i="10"/>
  <c r="M3299" i="10"/>
  <c r="M3300" i="10"/>
  <c r="M3301" i="10"/>
  <c r="M3302" i="10"/>
  <c r="M3303" i="10"/>
  <c r="M3304" i="10"/>
  <c r="M3305" i="10"/>
  <c r="M3306" i="10"/>
  <c r="M3307" i="10"/>
  <c r="M3308" i="10"/>
  <c r="M3309" i="10"/>
  <c r="M3310" i="10"/>
  <c r="M3311" i="10"/>
  <c r="M3312" i="10"/>
  <c r="M3313" i="10"/>
  <c r="M3314" i="10"/>
  <c r="M3315" i="10"/>
  <c r="M3316" i="10"/>
  <c r="M3317" i="10"/>
  <c r="M3318" i="10"/>
  <c r="M3319" i="10"/>
  <c r="M3320" i="10"/>
  <c r="M3321" i="10"/>
  <c r="M3322" i="10"/>
  <c r="M3323" i="10"/>
  <c r="M3324" i="10"/>
  <c r="M3325" i="10"/>
  <c r="M3326" i="10"/>
  <c r="M3327" i="10"/>
  <c r="M3328" i="10"/>
  <c r="M3329" i="10"/>
  <c r="M3330" i="10"/>
  <c r="M3331" i="10"/>
  <c r="M3332" i="10"/>
  <c r="M3333" i="10"/>
  <c r="M3334" i="10"/>
  <c r="M3335" i="10"/>
  <c r="M3336" i="10"/>
  <c r="M3337" i="10"/>
  <c r="M3338" i="10"/>
  <c r="M3339" i="10"/>
  <c r="M3340" i="10"/>
  <c r="M3341" i="10"/>
  <c r="M3342" i="10"/>
  <c r="M3343" i="10"/>
  <c r="M3344" i="10"/>
  <c r="M3345" i="10"/>
  <c r="M3346" i="10"/>
  <c r="M3347" i="10"/>
  <c r="M3348" i="10"/>
  <c r="M3349" i="10"/>
  <c r="M3350" i="10"/>
  <c r="M3351" i="10"/>
  <c r="M3352" i="10"/>
  <c r="M3353" i="10"/>
  <c r="M3354" i="10"/>
  <c r="M3355" i="10"/>
  <c r="M3356" i="10"/>
  <c r="M3357" i="10"/>
  <c r="M3358" i="10"/>
  <c r="M3359" i="10"/>
  <c r="M3360" i="10"/>
  <c r="M3361" i="10"/>
  <c r="M3362" i="10"/>
  <c r="M3363" i="10"/>
  <c r="M3364" i="10"/>
  <c r="M3365" i="10"/>
  <c r="M3366" i="10"/>
  <c r="M3367" i="10"/>
  <c r="M3368" i="10"/>
  <c r="M3369" i="10"/>
  <c r="M3370" i="10"/>
  <c r="M3371" i="10"/>
  <c r="M3372" i="10"/>
  <c r="M3373" i="10"/>
  <c r="M3374" i="10"/>
  <c r="M3375" i="10"/>
  <c r="M3376" i="10"/>
  <c r="M3377" i="10"/>
  <c r="M3378" i="10"/>
  <c r="M3379" i="10"/>
  <c r="M3380" i="10"/>
  <c r="M3381" i="10"/>
  <c r="M3382" i="10"/>
  <c r="M3383" i="10"/>
  <c r="M3384" i="10"/>
  <c r="M3385" i="10"/>
  <c r="M3386" i="10"/>
  <c r="M3387" i="10"/>
  <c r="M3388" i="10"/>
  <c r="M3389" i="10"/>
  <c r="M3390" i="10"/>
  <c r="M3391" i="10"/>
  <c r="M3392" i="10"/>
  <c r="M3393" i="10"/>
  <c r="M3394" i="10"/>
  <c r="M3395" i="10"/>
  <c r="M3396" i="10"/>
  <c r="M3397" i="10"/>
  <c r="M3398" i="10"/>
  <c r="M3399" i="10"/>
  <c r="M3400" i="10"/>
  <c r="M3401" i="10"/>
  <c r="M3402" i="10"/>
  <c r="M3403" i="10"/>
  <c r="M3404" i="10"/>
  <c r="M3405" i="10"/>
  <c r="M3406" i="10"/>
  <c r="M3407" i="10"/>
  <c r="M3408" i="10"/>
  <c r="M3409" i="10"/>
  <c r="M3410" i="10"/>
  <c r="M3411" i="10"/>
  <c r="M3412" i="10"/>
  <c r="M3413" i="10"/>
  <c r="M3414" i="10"/>
  <c r="M3415" i="10"/>
  <c r="M3416" i="10"/>
  <c r="M3417" i="10"/>
  <c r="M3418" i="10"/>
  <c r="M3419" i="10"/>
  <c r="M3420" i="10"/>
  <c r="M3421" i="10"/>
  <c r="M3422" i="10"/>
  <c r="M3423" i="10"/>
  <c r="M3424" i="10"/>
  <c r="M3425" i="10"/>
  <c r="M3426" i="10"/>
  <c r="M3427" i="10"/>
  <c r="M3428" i="10"/>
  <c r="M3429" i="10"/>
  <c r="M3430" i="10"/>
  <c r="M3431" i="10"/>
  <c r="M3432" i="10"/>
  <c r="M3433" i="10"/>
  <c r="M3434" i="10"/>
  <c r="M3435" i="10"/>
  <c r="M3436" i="10"/>
  <c r="M3437" i="10"/>
  <c r="M3438" i="10"/>
  <c r="M3439" i="10"/>
  <c r="M3440" i="10"/>
  <c r="M3441" i="10"/>
  <c r="M3442" i="10"/>
  <c r="M3443" i="10"/>
  <c r="M3444" i="10"/>
  <c r="M3445" i="10"/>
  <c r="M3446" i="10"/>
  <c r="M3447" i="10"/>
  <c r="M3448" i="10"/>
  <c r="M3449" i="10"/>
  <c r="M3450" i="10"/>
  <c r="M3451" i="10"/>
  <c r="M3452" i="10"/>
  <c r="M3453" i="10"/>
  <c r="M3454" i="10"/>
  <c r="M3455" i="10"/>
  <c r="M3456" i="10"/>
  <c r="M3457" i="10"/>
  <c r="M3458" i="10"/>
  <c r="M3459" i="10"/>
  <c r="M3460" i="10"/>
  <c r="M3461" i="10"/>
  <c r="M3462" i="10"/>
  <c r="M3463" i="10"/>
  <c r="M3464" i="10"/>
  <c r="M3465" i="10"/>
  <c r="M3466" i="10"/>
  <c r="M3467" i="10"/>
  <c r="M3468" i="10"/>
  <c r="M3469" i="10"/>
  <c r="M3470" i="10"/>
  <c r="M3471" i="10"/>
  <c r="M3472" i="10"/>
  <c r="M3473" i="10"/>
  <c r="M3474" i="10"/>
  <c r="M3475" i="10"/>
  <c r="M3476" i="10"/>
  <c r="M3477" i="10"/>
  <c r="M3478" i="10"/>
  <c r="M3479" i="10"/>
  <c r="M3480" i="10"/>
  <c r="M3481" i="10"/>
  <c r="M3482" i="10"/>
  <c r="M3483" i="10"/>
  <c r="M3484" i="10"/>
  <c r="M3485" i="10"/>
  <c r="M3486" i="10"/>
  <c r="M3487" i="10"/>
  <c r="M3488" i="10"/>
  <c r="M3489" i="10"/>
  <c r="M3490" i="10"/>
  <c r="M3491" i="10"/>
  <c r="M3492" i="10"/>
  <c r="M3493" i="10"/>
  <c r="M3494" i="10"/>
  <c r="M3495" i="10"/>
  <c r="M3496" i="10"/>
  <c r="M3497" i="10"/>
  <c r="M3498" i="10"/>
  <c r="M3499" i="10"/>
  <c r="M3500" i="10"/>
  <c r="M3501" i="10"/>
  <c r="M3502" i="10"/>
  <c r="M3503" i="10"/>
  <c r="M3504" i="10"/>
  <c r="M3505" i="10"/>
  <c r="M3506" i="10"/>
  <c r="M3507" i="10"/>
  <c r="M3508" i="10"/>
  <c r="M3509" i="10"/>
  <c r="M3510" i="10"/>
  <c r="M3511" i="10"/>
  <c r="M3512" i="10"/>
  <c r="M3513" i="10"/>
  <c r="M3514" i="10"/>
  <c r="M3515" i="10"/>
  <c r="M3516" i="10"/>
  <c r="M3517" i="10"/>
  <c r="M3518" i="10"/>
  <c r="M3519" i="10"/>
  <c r="M3520" i="10"/>
  <c r="M3521" i="10"/>
  <c r="M3522" i="10"/>
  <c r="M3523" i="10"/>
  <c r="M3524" i="10"/>
  <c r="M3525" i="10"/>
  <c r="M3526" i="10"/>
  <c r="M3527" i="10"/>
  <c r="M3528" i="10"/>
  <c r="M3529" i="10"/>
  <c r="M3530" i="10"/>
  <c r="M3531" i="10"/>
  <c r="M3532" i="10"/>
  <c r="M3533" i="10"/>
  <c r="M3534" i="10"/>
  <c r="M3535" i="10"/>
  <c r="M3536" i="10"/>
  <c r="M3537" i="10"/>
  <c r="M3538" i="10"/>
  <c r="M3539" i="10"/>
  <c r="M3540" i="10"/>
  <c r="M3541" i="10"/>
  <c r="M3542" i="10"/>
  <c r="M3543" i="10"/>
  <c r="M3544" i="10"/>
  <c r="M3545" i="10"/>
  <c r="M3546" i="10"/>
  <c r="M3547" i="10"/>
  <c r="M3548" i="10"/>
  <c r="M3549" i="10"/>
  <c r="M3550" i="10"/>
  <c r="M3551" i="10"/>
  <c r="M3552" i="10"/>
  <c r="M3553" i="10"/>
  <c r="M3554" i="10"/>
  <c r="M3555" i="10"/>
  <c r="M3556" i="10"/>
  <c r="M3557" i="10"/>
  <c r="M3558" i="10"/>
  <c r="M3559" i="10"/>
  <c r="M3560" i="10"/>
  <c r="M3561" i="10"/>
  <c r="M3562" i="10"/>
  <c r="M3563" i="10"/>
  <c r="M3564" i="10"/>
  <c r="M3565" i="10"/>
  <c r="M3566" i="10"/>
  <c r="M3567" i="10"/>
  <c r="M3568" i="10"/>
  <c r="M3569" i="10"/>
  <c r="M3570" i="10"/>
  <c r="M3571" i="10"/>
  <c r="M3572" i="10"/>
  <c r="M3573" i="10"/>
  <c r="M3574" i="10"/>
  <c r="M3575" i="10"/>
  <c r="M3576" i="10"/>
  <c r="M3577" i="10"/>
  <c r="M3578" i="10"/>
  <c r="M3579" i="10"/>
  <c r="M3580" i="10"/>
  <c r="M3581" i="10"/>
  <c r="M3582" i="10"/>
  <c r="M3583" i="10"/>
  <c r="M3584" i="10"/>
  <c r="M3585" i="10"/>
  <c r="M3586" i="10"/>
  <c r="M3587" i="10"/>
  <c r="M3588" i="10"/>
  <c r="M3589" i="10"/>
  <c r="M3590" i="10"/>
  <c r="M3591" i="10"/>
  <c r="M3592" i="10"/>
  <c r="M3593" i="10"/>
  <c r="M3594" i="10"/>
  <c r="M3595" i="10"/>
  <c r="M3596" i="10"/>
  <c r="M3597" i="10"/>
  <c r="M3598" i="10"/>
  <c r="M3599" i="10"/>
  <c r="M3600" i="10"/>
  <c r="M3601" i="10"/>
  <c r="M3602" i="10"/>
  <c r="M3603" i="10"/>
  <c r="M3604" i="10"/>
  <c r="M3605" i="10"/>
  <c r="M3606" i="10"/>
  <c r="M3607" i="10"/>
  <c r="M3608" i="10"/>
  <c r="M3609" i="10"/>
  <c r="M3610" i="10"/>
  <c r="M3611" i="10"/>
  <c r="M3612" i="10"/>
  <c r="M3613" i="10"/>
  <c r="M3614" i="10"/>
  <c r="M3615" i="10"/>
  <c r="M3616" i="10"/>
  <c r="M3617" i="10"/>
  <c r="M3618" i="10"/>
  <c r="M3619" i="10"/>
  <c r="M3620" i="10"/>
  <c r="M3621" i="10"/>
  <c r="M3622" i="10"/>
  <c r="M3623" i="10"/>
  <c r="M3624" i="10"/>
  <c r="M3625" i="10"/>
  <c r="M3626" i="10"/>
  <c r="M3627" i="10"/>
  <c r="M3628" i="10"/>
  <c r="M3629" i="10"/>
  <c r="M3630" i="10"/>
  <c r="M3631" i="10"/>
  <c r="M3632" i="10"/>
  <c r="M3633" i="10"/>
  <c r="M3634" i="10"/>
  <c r="M3635" i="10"/>
  <c r="M3636" i="10"/>
  <c r="M3637" i="10"/>
  <c r="M3638" i="10"/>
  <c r="M3639" i="10"/>
  <c r="M3640" i="10"/>
  <c r="M3641" i="10"/>
  <c r="M3642" i="10"/>
  <c r="M3643" i="10"/>
  <c r="M3644" i="10"/>
  <c r="M3645" i="10"/>
  <c r="M3646" i="10"/>
  <c r="M3647" i="10"/>
  <c r="M3648" i="10"/>
  <c r="M3649" i="10"/>
  <c r="M3650" i="10"/>
  <c r="M3651" i="10"/>
  <c r="M3652" i="10"/>
  <c r="M3653" i="10"/>
  <c r="M3654" i="10"/>
  <c r="M3655" i="10"/>
  <c r="M3656" i="10"/>
  <c r="M3657" i="10"/>
  <c r="M3658" i="10"/>
  <c r="M3659" i="10"/>
  <c r="M3660" i="10"/>
  <c r="M3661" i="10"/>
  <c r="M3662" i="10"/>
  <c r="M3663" i="10"/>
  <c r="M3664" i="10"/>
  <c r="M3665" i="10"/>
  <c r="M3666" i="10"/>
  <c r="M3667" i="10"/>
  <c r="M3668" i="10"/>
  <c r="M3669" i="10"/>
  <c r="M3670" i="10"/>
  <c r="M3671" i="10"/>
  <c r="M3672" i="10"/>
  <c r="M3673" i="10"/>
  <c r="M3674" i="10"/>
  <c r="M3675" i="10"/>
  <c r="M3676" i="10"/>
  <c r="M3677" i="10"/>
  <c r="M3678" i="10"/>
  <c r="M3679" i="10"/>
  <c r="M3680" i="10"/>
  <c r="M3681" i="10"/>
  <c r="M3682" i="10"/>
  <c r="M3683" i="10"/>
  <c r="M3684" i="10"/>
  <c r="M3685" i="10"/>
  <c r="M3686" i="10"/>
  <c r="M3687" i="10"/>
  <c r="M3688" i="10"/>
  <c r="M3689" i="10"/>
  <c r="M3690" i="10"/>
  <c r="M3691" i="10"/>
  <c r="M3692" i="10"/>
  <c r="M3693" i="10"/>
  <c r="M3694" i="10"/>
  <c r="M3695" i="10"/>
  <c r="M3696" i="10"/>
  <c r="M3697" i="10"/>
  <c r="M3698" i="10"/>
  <c r="M3699" i="10"/>
  <c r="M3700" i="10"/>
  <c r="M3701" i="10"/>
  <c r="M3702" i="10"/>
  <c r="M3703" i="10"/>
  <c r="M3704" i="10"/>
  <c r="M3705" i="10"/>
  <c r="M3706" i="10"/>
  <c r="M3707" i="10"/>
  <c r="M3708" i="10"/>
  <c r="M3709" i="10"/>
  <c r="M3710" i="10"/>
  <c r="M3711" i="10"/>
  <c r="M3712" i="10"/>
  <c r="M3713" i="10"/>
  <c r="M3714" i="10"/>
  <c r="M3715" i="10"/>
  <c r="M3716" i="10"/>
  <c r="M3717" i="10"/>
  <c r="M3718" i="10"/>
  <c r="M3719" i="10"/>
  <c r="M3720" i="10"/>
  <c r="M3721" i="10"/>
  <c r="M3722" i="10"/>
  <c r="M3723" i="10"/>
  <c r="M3724" i="10"/>
  <c r="M3725" i="10"/>
  <c r="M3726" i="10"/>
  <c r="M3727" i="10"/>
  <c r="M3728" i="10"/>
  <c r="M3729" i="10"/>
  <c r="M3730" i="10"/>
  <c r="M3731" i="10"/>
  <c r="M3732" i="10"/>
  <c r="M3733" i="10"/>
  <c r="M3734" i="10"/>
  <c r="M3735" i="10"/>
  <c r="M3736" i="10"/>
  <c r="M3737" i="10"/>
  <c r="M3738" i="10"/>
  <c r="M3739" i="10"/>
  <c r="M3740" i="10"/>
  <c r="M3741" i="10"/>
  <c r="M3742" i="10"/>
  <c r="M3743" i="10"/>
  <c r="M3744" i="10"/>
  <c r="M3745" i="10"/>
  <c r="M3746" i="10"/>
  <c r="M3747" i="10"/>
  <c r="M3748" i="10"/>
  <c r="M3749" i="10"/>
  <c r="M3750" i="10"/>
  <c r="M3751" i="10"/>
  <c r="M3752" i="10"/>
  <c r="M3753" i="10"/>
  <c r="M3754" i="10"/>
  <c r="M3755" i="10"/>
  <c r="M3756" i="10"/>
  <c r="M3757" i="10"/>
  <c r="M3758" i="10"/>
  <c r="M3759" i="10"/>
  <c r="M3760" i="10"/>
  <c r="M3761" i="10"/>
  <c r="M3762" i="10"/>
  <c r="M3763" i="10"/>
  <c r="M3764" i="10"/>
  <c r="M3765" i="10"/>
  <c r="M3766" i="10"/>
  <c r="M3767" i="10"/>
  <c r="M3768" i="10"/>
  <c r="M3769" i="10"/>
  <c r="M3770" i="10"/>
  <c r="M3771" i="10"/>
  <c r="M3772" i="10"/>
  <c r="M3773" i="10"/>
  <c r="M3774" i="10"/>
  <c r="M3775" i="10"/>
  <c r="M3776" i="10"/>
  <c r="M3777" i="10"/>
  <c r="M3778" i="10"/>
  <c r="M3779" i="10"/>
  <c r="M3780" i="10"/>
  <c r="M3781" i="10"/>
  <c r="M3782" i="10"/>
  <c r="M3783" i="10"/>
  <c r="M3784" i="10"/>
  <c r="M3785" i="10"/>
  <c r="M3786" i="10"/>
  <c r="M3787" i="10"/>
  <c r="M3788" i="10"/>
  <c r="M3789" i="10"/>
  <c r="M3790" i="10"/>
  <c r="M3791" i="10"/>
  <c r="M3792" i="10"/>
  <c r="M3793" i="10"/>
  <c r="M3794" i="10"/>
  <c r="M3795" i="10"/>
  <c r="M3796" i="10"/>
  <c r="M3797" i="10"/>
  <c r="M3798" i="10"/>
  <c r="M3799" i="10"/>
  <c r="M3800" i="10"/>
  <c r="M3801" i="10"/>
  <c r="M3802" i="10"/>
  <c r="M3803" i="10"/>
  <c r="M3804" i="10"/>
  <c r="M3805" i="10"/>
  <c r="M3806" i="10"/>
  <c r="M3807" i="10"/>
  <c r="M3808" i="10"/>
  <c r="M3809" i="10"/>
  <c r="M3810" i="10"/>
  <c r="M3811" i="10"/>
  <c r="M3812" i="10"/>
  <c r="M3813" i="10"/>
  <c r="M3814" i="10"/>
  <c r="M3815" i="10"/>
  <c r="M3816" i="10"/>
  <c r="M3817" i="10"/>
  <c r="M3818" i="10"/>
  <c r="M3819" i="10"/>
  <c r="M3820" i="10"/>
  <c r="M3821" i="10"/>
  <c r="M3822" i="10"/>
  <c r="M3823" i="10"/>
  <c r="M3824" i="10"/>
  <c r="M3825" i="10"/>
  <c r="M3826" i="10"/>
  <c r="M3827" i="10"/>
  <c r="M3828" i="10"/>
  <c r="M3829" i="10"/>
  <c r="M3830" i="10"/>
  <c r="M3831" i="10"/>
  <c r="M3832" i="10"/>
  <c r="M3833" i="10"/>
  <c r="M3834" i="10"/>
  <c r="M3835" i="10"/>
  <c r="M3836" i="10"/>
  <c r="M3837" i="10"/>
  <c r="M3838" i="10"/>
  <c r="M3839" i="10"/>
  <c r="M3840" i="10"/>
  <c r="M3841" i="10"/>
  <c r="M3842" i="10"/>
  <c r="M3843" i="10"/>
  <c r="M3844" i="10"/>
  <c r="M3845" i="10"/>
  <c r="M3846" i="10"/>
  <c r="M3847" i="10"/>
  <c r="M3848" i="10"/>
  <c r="M3849" i="10"/>
  <c r="M3850" i="10"/>
  <c r="M3851" i="10"/>
  <c r="M3852" i="10"/>
  <c r="M3853" i="10"/>
  <c r="M3854" i="10"/>
  <c r="M3855" i="10"/>
  <c r="M3856" i="10"/>
  <c r="M3857" i="10"/>
  <c r="M3858" i="10"/>
  <c r="M3859" i="10"/>
  <c r="M3860" i="10"/>
  <c r="M3861" i="10"/>
  <c r="M3862" i="10"/>
  <c r="M3863" i="10"/>
  <c r="M3864" i="10"/>
  <c r="M3865" i="10"/>
  <c r="M3866" i="10"/>
  <c r="M3867" i="10"/>
  <c r="M3868" i="10"/>
  <c r="M3869" i="10"/>
  <c r="M3870" i="10"/>
  <c r="M3871" i="10"/>
  <c r="M3872" i="10"/>
  <c r="M3873" i="10"/>
  <c r="M3874" i="10"/>
  <c r="M3875" i="10"/>
  <c r="M3876" i="10"/>
  <c r="M3877" i="10"/>
  <c r="M3878" i="10"/>
  <c r="M3879" i="10"/>
  <c r="M3880" i="10"/>
  <c r="M3881" i="10"/>
  <c r="M3882" i="10"/>
  <c r="M3883" i="10"/>
  <c r="M3884" i="10"/>
  <c r="M3885" i="10"/>
  <c r="M3886" i="10"/>
  <c r="M3887" i="10"/>
  <c r="M3888" i="10"/>
  <c r="M3889" i="10"/>
  <c r="M3890" i="10"/>
  <c r="M3891" i="10"/>
  <c r="M3892" i="10"/>
  <c r="M3893" i="10"/>
  <c r="M3894" i="10"/>
  <c r="M3895" i="10"/>
  <c r="M3896" i="10"/>
  <c r="M3897" i="10"/>
  <c r="M3898" i="10"/>
  <c r="M3899" i="10"/>
  <c r="M3900" i="10"/>
  <c r="M3901" i="10"/>
  <c r="M3902" i="10"/>
  <c r="M3903" i="10"/>
  <c r="M3904" i="10"/>
  <c r="M3905" i="10"/>
  <c r="M3906" i="10"/>
  <c r="M3907" i="10"/>
  <c r="M3908" i="10"/>
  <c r="M3909" i="10"/>
  <c r="M3910" i="10"/>
  <c r="M3911" i="10"/>
  <c r="M3912" i="10"/>
  <c r="M3913" i="10"/>
  <c r="M3914" i="10"/>
  <c r="M3915" i="10"/>
  <c r="M3916" i="10"/>
  <c r="M3917" i="10"/>
  <c r="M3918" i="10"/>
  <c r="M3919" i="10"/>
  <c r="M3920" i="10"/>
  <c r="M3921" i="10"/>
  <c r="M3922" i="10"/>
  <c r="M3923" i="10"/>
  <c r="M3924" i="10"/>
  <c r="M3925" i="10"/>
  <c r="M3926" i="10"/>
  <c r="M3927" i="10"/>
  <c r="M3928" i="10"/>
  <c r="M3929" i="10"/>
  <c r="M3930" i="10"/>
  <c r="M3931" i="10"/>
  <c r="M3932" i="10"/>
  <c r="M3933" i="10"/>
  <c r="M3934" i="10"/>
  <c r="M3935" i="10"/>
  <c r="M3936" i="10"/>
  <c r="M3937" i="10"/>
  <c r="M3938" i="10"/>
  <c r="M3939" i="10"/>
  <c r="M3940" i="10"/>
  <c r="M3941" i="10"/>
  <c r="M3942" i="10"/>
  <c r="M3943" i="10"/>
  <c r="M3944" i="10"/>
  <c r="M3945" i="10"/>
  <c r="M3946" i="10"/>
  <c r="M3947" i="10"/>
  <c r="M3948" i="10"/>
  <c r="M3949" i="10"/>
  <c r="M3950" i="10"/>
  <c r="M3951" i="10"/>
  <c r="M3952" i="10"/>
  <c r="M3953" i="10"/>
  <c r="M3954" i="10"/>
  <c r="M3955" i="10"/>
  <c r="M3956" i="10"/>
  <c r="M3957" i="10"/>
  <c r="M3958" i="10"/>
  <c r="M3959" i="10"/>
  <c r="M3960" i="10"/>
  <c r="M3961" i="10"/>
  <c r="M3962" i="10"/>
  <c r="M3963" i="10"/>
  <c r="M3964" i="10"/>
  <c r="M3965" i="10"/>
  <c r="M3966" i="10"/>
  <c r="M3967" i="10"/>
  <c r="M3968" i="10"/>
  <c r="M3969" i="10"/>
  <c r="M3970" i="10"/>
  <c r="M3971" i="10"/>
  <c r="M3972" i="10"/>
  <c r="M3973" i="10"/>
  <c r="M3974" i="10"/>
  <c r="M3975" i="10"/>
  <c r="M3976" i="10"/>
  <c r="M3977" i="10"/>
  <c r="M3978" i="10"/>
  <c r="M3979" i="10"/>
  <c r="M3980" i="10"/>
  <c r="M3981" i="10"/>
  <c r="M3982" i="10"/>
  <c r="M3983" i="10"/>
  <c r="M3984" i="10"/>
  <c r="M3985" i="10"/>
  <c r="M3986" i="10"/>
  <c r="M3987" i="10"/>
  <c r="M3988" i="10"/>
  <c r="M3989" i="10"/>
  <c r="M3990" i="10"/>
  <c r="M3991" i="10"/>
  <c r="M3992" i="10"/>
  <c r="M3993" i="10"/>
  <c r="M3994" i="10"/>
  <c r="M3995" i="10"/>
  <c r="M3996" i="10"/>
  <c r="M3997" i="10"/>
  <c r="M3998" i="10"/>
  <c r="M3999" i="10"/>
  <c r="M4000" i="10"/>
  <c r="M4001" i="10"/>
  <c r="M4002" i="10"/>
  <c r="M4003" i="10"/>
  <c r="M4004" i="10"/>
  <c r="M4005" i="10"/>
  <c r="M4006" i="10"/>
  <c r="M4007" i="10"/>
  <c r="M4008" i="10"/>
  <c r="M4009" i="10"/>
  <c r="M4010" i="10"/>
  <c r="M4011" i="10"/>
  <c r="M4012" i="10"/>
  <c r="M4013" i="10"/>
  <c r="M4014" i="10"/>
  <c r="M4015" i="10"/>
  <c r="M4016" i="10"/>
  <c r="M4017" i="10"/>
  <c r="M4018" i="10"/>
  <c r="M4019" i="10"/>
  <c r="M4020" i="10"/>
  <c r="M4021" i="10"/>
  <c r="M4022" i="10"/>
  <c r="M4023" i="10"/>
  <c r="M4024" i="10"/>
  <c r="M4025" i="10"/>
  <c r="M4026" i="10"/>
  <c r="M4027" i="10"/>
  <c r="M4028" i="10"/>
  <c r="M4029" i="10"/>
  <c r="M4030" i="10"/>
  <c r="M4031" i="10"/>
  <c r="M4032" i="10"/>
  <c r="M4033" i="10"/>
  <c r="M4034" i="10"/>
  <c r="M4035" i="10"/>
  <c r="M4036" i="10"/>
  <c r="M4037" i="10"/>
  <c r="M4038" i="10"/>
  <c r="M4039" i="10"/>
  <c r="M4040" i="10"/>
  <c r="M4041" i="10"/>
  <c r="M4042" i="10"/>
  <c r="M4043" i="10"/>
  <c r="M4044" i="10"/>
  <c r="M4045" i="10"/>
  <c r="M4046" i="10"/>
  <c r="M4047" i="10"/>
  <c r="M4048" i="10"/>
  <c r="M4049" i="10"/>
  <c r="M4050" i="10"/>
  <c r="M4051" i="10"/>
  <c r="M4052" i="10"/>
  <c r="M4053" i="10"/>
  <c r="M4054" i="10"/>
  <c r="M4055" i="10"/>
  <c r="M4056" i="10"/>
  <c r="M4057" i="10"/>
  <c r="M4058" i="10"/>
  <c r="M4059" i="10"/>
  <c r="M4060" i="10"/>
  <c r="M4061" i="10"/>
  <c r="M4062" i="10"/>
  <c r="M4063" i="10"/>
  <c r="M4064" i="10"/>
  <c r="M4065" i="10"/>
  <c r="M4066" i="10"/>
  <c r="M4067" i="10"/>
  <c r="M4068" i="10"/>
  <c r="M4069" i="10"/>
  <c r="M4070" i="10"/>
  <c r="M4071" i="10"/>
  <c r="M4072" i="10"/>
  <c r="M4073" i="10"/>
  <c r="M4074" i="10"/>
  <c r="M4075" i="10"/>
  <c r="M4076" i="10"/>
  <c r="M4077" i="10"/>
  <c r="M4078" i="10"/>
  <c r="M4079" i="10"/>
  <c r="M4080" i="10"/>
  <c r="M4081" i="10"/>
  <c r="M4082" i="10"/>
  <c r="M4083" i="10"/>
  <c r="M4084" i="10"/>
  <c r="M4085" i="10"/>
  <c r="M4086" i="10"/>
  <c r="M4087" i="10"/>
  <c r="M4088" i="10"/>
  <c r="M4089" i="10"/>
  <c r="M4090" i="10"/>
  <c r="M4091" i="10"/>
  <c r="M4092" i="10"/>
  <c r="M4093" i="10"/>
  <c r="M4094" i="10"/>
  <c r="M4095" i="10"/>
  <c r="M4096" i="10"/>
  <c r="M4097" i="10"/>
  <c r="M4098" i="10"/>
  <c r="M4099" i="10"/>
  <c r="M4100" i="10"/>
  <c r="M4101" i="10"/>
  <c r="M4102" i="10"/>
  <c r="M4103" i="10"/>
  <c r="M4104" i="10"/>
  <c r="M4105" i="10"/>
  <c r="M4106" i="10"/>
  <c r="M4107" i="10"/>
  <c r="M4108" i="10"/>
  <c r="M4109" i="10"/>
  <c r="M4110" i="10"/>
  <c r="M4111" i="10"/>
  <c r="M4112" i="10"/>
  <c r="M4113" i="10"/>
  <c r="M4114" i="10"/>
  <c r="M4115" i="10"/>
  <c r="M4116" i="10"/>
  <c r="M4117" i="10"/>
  <c r="M4118" i="10"/>
  <c r="M4119" i="10"/>
  <c r="M4120" i="10"/>
  <c r="M4121" i="10"/>
  <c r="M4122" i="10"/>
  <c r="M4123" i="10"/>
  <c r="M4124" i="10"/>
  <c r="M4125" i="10"/>
  <c r="M4126" i="10"/>
  <c r="M4127" i="10"/>
  <c r="M4128" i="10"/>
  <c r="M4129" i="10"/>
  <c r="M4130" i="10"/>
  <c r="M4131" i="10"/>
  <c r="M4132" i="10"/>
  <c r="M4133" i="10"/>
  <c r="M4134" i="10"/>
  <c r="M4135" i="10"/>
  <c r="M4136" i="10"/>
  <c r="M4137" i="10"/>
  <c r="M4138" i="10"/>
  <c r="M4139" i="10"/>
  <c r="M4140" i="10"/>
  <c r="M4141" i="10"/>
  <c r="M4142" i="10"/>
  <c r="M4143" i="10"/>
  <c r="M4144" i="10"/>
  <c r="M4145" i="10"/>
  <c r="M4146" i="10"/>
  <c r="M4147" i="10"/>
  <c r="M4148" i="10"/>
  <c r="M4149" i="10"/>
  <c r="M4150" i="10"/>
  <c r="M4151" i="10"/>
  <c r="M4152" i="10"/>
  <c r="M4153" i="10"/>
  <c r="M4154" i="10"/>
  <c r="M4155" i="10"/>
  <c r="M4156" i="10"/>
  <c r="M4157" i="10"/>
  <c r="M4158" i="10"/>
  <c r="M4159" i="10"/>
  <c r="M4160" i="10"/>
  <c r="M4161" i="10"/>
  <c r="M4162" i="10"/>
  <c r="M4163" i="10"/>
  <c r="M4164" i="10"/>
  <c r="M4165" i="10"/>
  <c r="M4166" i="10"/>
  <c r="M4167" i="10"/>
  <c r="M4168" i="10"/>
  <c r="M4169" i="10"/>
  <c r="M4170" i="10"/>
  <c r="M4171" i="10"/>
  <c r="M4172" i="10"/>
  <c r="M4173" i="10"/>
  <c r="M4174" i="10"/>
  <c r="M4175" i="10"/>
  <c r="M4176" i="10"/>
  <c r="M4177" i="10"/>
  <c r="M4178" i="10"/>
  <c r="M4179" i="10"/>
  <c r="M4180" i="10"/>
  <c r="M4181" i="10"/>
  <c r="M4182" i="10"/>
  <c r="M4183" i="10"/>
  <c r="M4184" i="10"/>
  <c r="M4185" i="10"/>
  <c r="M4186" i="10"/>
  <c r="M4187" i="10"/>
  <c r="M4188" i="10"/>
  <c r="M4189" i="10"/>
  <c r="M4190" i="10"/>
  <c r="M4191" i="10"/>
  <c r="M4192" i="10"/>
  <c r="M4193" i="10"/>
  <c r="M4194" i="10"/>
  <c r="M4195" i="10"/>
  <c r="M4196" i="10"/>
  <c r="M4197" i="10"/>
  <c r="M4198" i="10"/>
  <c r="M4199" i="10"/>
  <c r="M4200" i="10"/>
  <c r="M4201" i="10"/>
  <c r="M4202" i="10"/>
  <c r="M4203" i="10"/>
  <c r="M4204" i="10"/>
  <c r="M4205" i="10"/>
  <c r="M4206" i="10"/>
  <c r="M4207" i="10"/>
  <c r="M4208" i="10"/>
  <c r="M4209" i="10"/>
  <c r="M4210" i="10"/>
  <c r="M4211" i="10"/>
  <c r="M4212" i="10"/>
  <c r="M4213" i="10"/>
  <c r="M4214" i="10"/>
  <c r="M4215" i="10"/>
  <c r="M4216" i="10"/>
  <c r="M4217" i="10"/>
  <c r="M4218" i="10"/>
  <c r="M4219" i="10"/>
  <c r="M4220" i="10"/>
  <c r="M4221" i="10"/>
  <c r="M4222" i="10"/>
  <c r="M4223" i="10"/>
  <c r="M4224" i="10"/>
  <c r="M4225" i="10"/>
  <c r="M4226" i="10"/>
  <c r="M4227" i="10"/>
  <c r="M4228" i="10"/>
  <c r="M4229" i="10"/>
  <c r="M4230" i="10"/>
  <c r="M4231" i="10"/>
  <c r="M4232" i="10"/>
  <c r="M4233" i="10"/>
  <c r="M4234" i="10"/>
  <c r="M4235" i="10"/>
  <c r="M4236" i="10"/>
  <c r="M4237" i="10"/>
  <c r="M4238" i="10"/>
  <c r="M4239" i="10"/>
  <c r="M4240" i="10"/>
  <c r="M4241" i="10"/>
  <c r="M4242" i="10"/>
  <c r="M4243" i="10"/>
  <c r="M4244" i="10"/>
  <c r="M4245" i="10"/>
  <c r="M4246" i="10"/>
  <c r="M4247" i="10"/>
  <c r="M4248" i="10"/>
  <c r="M4249" i="10"/>
  <c r="M4250" i="10"/>
  <c r="M4251" i="10"/>
  <c r="M4252" i="10"/>
  <c r="M4253" i="10"/>
  <c r="M4254" i="10"/>
  <c r="M4255" i="10"/>
  <c r="M4256" i="10"/>
  <c r="M4257" i="10"/>
  <c r="M4258" i="10"/>
  <c r="M4259" i="10"/>
  <c r="M4260" i="10"/>
  <c r="M4261" i="10"/>
  <c r="M4262" i="10"/>
  <c r="M4263" i="10"/>
  <c r="M4264" i="10"/>
  <c r="M4265" i="10"/>
  <c r="M4266" i="10"/>
  <c r="M4267" i="10"/>
  <c r="M4268" i="10"/>
  <c r="M4269" i="10"/>
  <c r="M4270" i="10"/>
  <c r="M4271" i="10"/>
  <c r="M4272" i="10"/>
  <c r="M4273" i="10"/>
  <c r="M4274" i="10"/>
  <c r="M4275" i="10"/>
  <c r="M4276" i="10"/>
  <c r="M4277" i="10"/>
  <c r="M4278" i="10"/>
  <c r="M4279" i="10"/>
  <c r="M4280" i="10"/>
  <c r="M4281" i="10"/>
  <c r="M4282" i="10"/>
  <c r="M4283" i="10"/>
  <c r="M4284" i="10"/>
  <c r="M4285" i="10"/>
  <c r="M4286" i="10"/>
  <c r="M4287" i="10"/>
  <c r="M4288" i="10"/>
  <c r="M4289" i="10"/>
  <c r="M4290" i="10"/>
  <c r="M4291" i="10"/>
  <c r="M4292" i="10"/>
  <c r="M4293" i="10"/>
  <c r="M4294" i="10"/>
  <c r="M4295" i="10"/>
  <c r="M4296" i="10"/>
  <c r="M4297" i="10"/>
  <c r="M4298" i="10"/>
  <c r="M4299" i="10"/>
  <c r="M4300" i="10"/>
  <c r="M4301" i="10"/>
  <c r="M4302" i="10"/>
  <c r="M4303" i="10"/>
  <c r="M4304" i="10"/>
  <c r="M4305" i="10"/>
  <c r="M4306" i="10"/>
  <c r="M4307" i="10"/>
  <c r="M4308" i="10"/>
  <c r="M4309" i="10"/>
  <c r="M4310" i="10"/>
  <c r="M4311" i="10"/>
  <c r="M4312" i="10"/>
  <c r="M4313" i="10"/>
  <c r="M4314" i="10"/>
  <c r="M4315" i="10"/>
  <c r="M4316" i="10"/>
  <c r="M4317" i="10"/>
  <c r="M4318" i="10"/>
  <c r="M4319" i="10"/>
  <c r="M4320" i="10"/>
  <c r="M4321" i="10"/>
  <c r="M4322" i="10"/>
  <c r="M4323" i="10"/>
  <c r="M4324" i="10"/>
  <c r="M4325" i="10"/>
  <c r="M4326" i="10"/>
  <c r="M4327" i="10"/>
  <c r="M4328" i="10"/>
  <c r="M4329" i="10"/>
  <c r="M4330" i="10"/>
  <c r="M4331" i="10"/>
  <c r="M4332" i="10"/>
  <c r="M4333" i="10"/>
  <c r="M4334" i="10"/>
  <c r="M4335" i="10"/>
  <c r="M4336" i="10"/>
  <c r="M4337" i="10"/>
  <c r="M4338" i="10"/>
  <c r="M4339" i="10"/>
  <c r="M4340" i="10"/>
  <c r="M4341" i="10"/>
  <c r="M4342" i="10"/>
  <c r="M4343" i="10"/>
  <c r="M4344" i="10"/>
  <c r="M4345" i="10"/>
  <c r="M4346" i="10"/>
  <c r="M4347" i="10"/>
  <c r="M4348" i="10"/>
  <c r="M4349" i="10"/>
  <c r="M4350" i="10"/>
  <c r="M4351" i="10"/>
  <c r="M4352" i="10"/>
  <c r="M4353" i="10"/>
  <c r="M4354" i="10"/>
  <c r="M4355" i="10"/>
  <c r="M4356" i="10"/>
  <c r="M4357" i="10"/>
  <c r="M4358" i="10"/>
  <c r="M4359" i="10"/>
  <c r="M4360" i="10"/>
  <c r="M4361" i="10"/>
  <c r="M4362" i="10"/>
  <c r="M4363" i="10"/>
  <c r="M4364" i="10"/>
  <c r="M4365" i="10"/>
  <c r="M4366" i="10"/>
  <c r="M4367" i="10"/>
  <c r="M4368" i="10"/>
  <c r="M4369" i="10"/>
  <c r="M4370" i="10"/>
  <c r="M4371" i="10"/>
  <c r="M4372" i="10"/>
  <c r="M4373" i="10"/>
  <c r="M4374" i="10"/>
  <c r="M4375" i="10"/>
  <c r="M4376" i="10"/>
  <c r="M4377" i="10"/>
  <c r="M4378" i="10"/>
  <c r="M4379" i="10"/>
  <c r="M4380" i="10"/>
  <c r="M4381" i="10"/>
  <c r="M4382" i="10"/>
  <c r="M4383" i="10"/>
  <c r="M4384" i="10"/>
  <c r="M4385" i="10"/>
  <c r="M4386" i="10"/>
  <c r="M4387" i="10"/>
  <c r="M4388" i="10"/>
  <c r="M4389" i="10"/>
  <c r="M4390" i="10"/>
  <c r="M4391" i="10"/>
  <c r="M4392" i="10"/>
  <c r="M4393" i="10"/>
  <c r="M4394" i="10"/>
  <c r="M4395" i="10"/>
  <c r="M4396" i="10"/>
  <c r="M4397" i="10"/>
  <c r="M4398" i="10"/>
  <c r="M4399" i="10"/>
  <c r="M4400" i="10"/>
  <c r="M4401" i="10"/>
  <c r="M4402" i="10"/>
  <c r="M4403" i="10"/>
  <c r="M4404" i="10"/>
  <c r="M4405" i="10"/>
  <c r="M4406" i="10"/>
  <c r="M4407" i="10"/>
  <c r="M4408" i="10"/>
  <c r="M4409" i="10"/>
  <c r="M4410" i="10"/>
  <c r="M4411" i="10"/>
  <c r="M4412" i="10"/>
  <c r="M4413" i="10"/>
  <c r="M4414" i="10"/>
  <c r="M4415" i="10"/>
  <c r="M4416" i="10"/>
  <c r="M4417" i="10"/>
  <c r="M4418" i="10"/>
  <c r="M4419" i="10"/>
  <c r="M4420" i="10"/>
  <c r="M4421" i="10"/>
  <c r="M4422" i="10"/>
  <c r="M4423" i="10"/>
  <c r="M4424" i="10"/>
  <c r="M4425" i="10"/>
  <c r="M4426" i="10"/>
  <c r="M4427" i="10"/>
  <c r="M4428" i="10"/>
  <c r="M4429" i="10"/>
  <c r="M4430" i="10"/>
  <c r="M4431" i="10"/>
  <c r="M4432" i="10"/>
  <c r="M4433" i="10"/>
  <c r="M4434" i="10"/>
  <c r="M4435" i="10"/>
  <c r="M4436" i="10"/>
  <c r="M4437" i="10"/>
  <c r="M4438" i="10"/>
  <c r="M4439" i="10"/>
  <c r="M4440" i="10"/>
  <c r="M4441" i="10"/>
  <c r="M4442" i="10"/>
  <c r="M4443" i="10"/>
  <c r="M4444" i="10"/>
  <c r="M4445" i="10"/>
  <c r="M4446" i="10"/>
  <c r="M4447" i="10"/>
  <c r="M4448" i="10"/>
  <c r="M4449" i="10"/>
  <c r="M4450" i="10"/>
  <c r="M4451" i="10"/>
  <c r="M4452" i="10"/>
  <c r="M4453" i="10"/>
  <c r="M4454" i="10"/>
  <c r="M4455" i="10"/>
  <c r="M4456" i="10"/>
  <c r="M4457" i="10"/>
  <c r="M4458" i="10"/>
  <c r="M4459" i="10"/>
  <c r="M4460" i="10"/>
  <c r="M4461" i="10"/>
  <c r="M4462" i="10"/>
  <c r="M4463" i="10"/>
  <c r="M4464" i="10"/>
  <c r="M4465" i="10"/>
  <c r="M4466" i="10"/>
  <c r="M4467" i="10"/>
  <c r="M4468" i="10"/>
  <c r="M4469" i="10"/>
  <c r="M4470" i="10"/>
  <c r="M4471" i="10"/>
  <c r="M4472" i="10"/>
  <c r="M4473" i="10"/>
  <c r="M4474" i="10"/>
  <c r="M4475" i="10"/>
  <c r="M4476" i="10"/>
  <c r="M4477" i="10"/>
  <c r="M4478" i="10"/>
  <c r="M4479" i="10"/>
  <c r="M4480" i="10"/>
  <c r="M4481" i="10"/>
  <c r="M4482" i="10"/>
  <c r="M4483" i="10"/>
  <c r="M4484" i="10"/>
  <c r="M4485" i="10"/>
  <c r="M4486" i="10"/>
  <c r="M4487" i="10"/>
  <c r="M4488" i="10"/>
  <c r="M4489" i="10"/>
  <c r="M4490" i="10"/>
  <c r="M4491" i="10"/>
  <c r="M4492" i="10"/>
  <c r="M4493" i="10"/>
  <c r="M4494" i="10"/>
  <c r="M4495" i="10"/>
  <c r="M4496" i="10"/>
  <c r="M4497" i="10"/>
  <c r="M4498" i="10"/>
  <c r="M4499" i="10"/>
  <c r="M4500" i="10"/>
  <c r="M4501" i="10"/>
  <c r="M4502" i="10"/>
  <c r="M4503" i="10"/>
  <c r="M4504" i="10"/>
  <c r="M4505" i="10"/>
  <c r="M4506" i="10"/>
  <c r="M4507" i="10"/>
  <c r="M4508" i="10"/>
  <c r="M4509" i="10"/>
  <c r="M4510" i="10"/>
  <c r="M4511" i="10"/>
  <c r="M4512" i="10"/>
  <c r="M4513" i="10"/>
  <c r="M4514" i="10"/>
  <c r="M4515" i="10"/>
  <c r="M4516" i="10"/>
  <c r="M4517" i="10"/>
  <c r="M4518" i="10"/>
  <c r="M4519" i="10"/>
  <c r="M4520" i="10"/>
  <c r="M4521" i="10"/>
  <c r="M4522" i="10"/>
  <c r="M4523" i="10"/>
  <c r="M4524" i="10"/>
  <c r="M4525" i="10"/>
  <c r="M4526" i="10"/>
  <c r="M4527" i="10"/>
  <c r="M4528" i="10"/>
  <c r="M4529" i="10"/>
  <c r="M4530" i="10"/>
  <c r="M4531" i="10"/>
  <c r="M4532" i="10"/>
  <c r="M4533" i="10"/>
  <c r="M4534" i="10"/>
  <c r="M4535" i="10"/>
  <c r="M4536" i="10"/>
  <c r="M4537" i="10"/>
  <c r="M4538" i="10"/>
  <c r="M4539" i="10"/>
  <c r="M4540" i="10"/>
  <c r="M4541" i="10"/>
  <c r="M4542" i="10"/>
  <c r="M4543" i="10"/>
  <c r="M4544" i="10"/>
  <c r="M4545" i="10"/>
  <c r="M4546" i="10"/>
  <c r="M4547" i="10"/>
  <c r="M4548" i="10"/>
  <c r="M4549" i="10"/>
  <c r="M4550" i="10"/>
  <c r="M4551" i="10"/>
  <c r="M4552" i="10"/>
  <c r="M4553" i="10"/>
  <c r="M4554" i="10"/>
  <c r="M4555" i="10"/>
  <c r="M4556" i="10"/>
  <c r="M4557" i="10"/>
  <c r="M4558" i="10"/>
  <c r="M4559" i="10"/>
  <c r="M4560" i="10"/>
  <c r="M4561" i="10"/>
  <c r="M4562" i="10"/>
  <c r="M4563" i="10"/>
  <c r="M4564" i="10"/>
  <c r="M4565" i="10"/>
  <c r="M4566" i="10"/>
  <c r="M4567" i="10"/>
  <c r="M4568" i="10"/>
  <c r="M4569" i="10"/>
  <c r="M4570" i="10"/>
  <c r="M4571" i="10"/>
  <c r="M4572" i="10"/>
  <c r="M4573" i="10"/>
  <c r="M4574" i="10"/>
  <c r="M4575" i="10"/>
  <c r="M4576" i="10"/>
  <c r="M4577" i="10"/>
  <c r="M4578" i="10"/>
  <c r="M4579" i="10"/>
  <c r="M4580" i="10"/>
  <c r="M4581" i="10"/>
  <c r="M4582" i="10"/>
  <c r="M4583" i="10"/>
  <c r="M4584" i="10"/>
  <c r="M4585" i="10"/>
  <c r="M4586" i="10"/>
  <c r="M4587" i="10"/>
  <c r="M4588" i="10"/>
  <c r="M4589" i="10"/>
  <c r="M4590" i="10"/>
  <c r="M4591" i="10"/>
  <c r="M4592" i="10"/>
  <c r="M4593" i="10"/>
  <c r="M4594" i="10"/>
  <c r="M4595" i="10"/>
  <c r="M4596" i="10"/>
  <c r="M4597" i="10"/>
  <c r="M4598" i="10"/>
  <c r="M4599" i="10"/>
  <c r="M4600" i="10"/>
  <c r="M4601" i="10"/>
  <c r="M4602" i="10"/>
  <c r="M4603" i="10"/>
  <c r="M4604" i="10"/>
  <c r="M4605" i="10"/>
  <c r="M4606" i="10"/>
  <c r="M4607" i="10"/>
  <c r="M4608" i="10"/>
  <c r="M4609" i="10"/>
  <c r="M4610" i="10"/>
  <c r="M4611" i="10"/>
  <c r="M4612" i="10"/>
  <c r="M4613" i="10"/>
  <c r="M4614" i="10"/>
  <c r="M4615" i="10"/>
  <c r="M4616" i="10"/>
  <c r="M4617" i="10"/>
  <c r="M4618" i="10"/>
  <c r="M4619" i="10"/>
  <c r="M4620" i="10"/>
  <c r="M4621" i="10"/>
  <c r="M4622" i="10"/>
  <c r="M4623" i="10"/>
  <c r="M4624" i="10"/>
  <c r="M4625" i="10"/>
  <c r="M4626" i="10"/>
  <c r="M4627" i="10"/>
  <c r="M4628" i="10"/>
  <c r="M4629" i="10"/>
  <c r="M4630" i="10"/>
  <c r="M4631" i="10"/>
  <c r="M4632" i="10"/>
  <c r="M4633" i="10"/>
  <c r="M4634" i="10"/>
  <c r="M4635" i="10"/>
  <c r="M4636" i="10"/>
  <c r="M4637" i="10"/>
  <c r="M4638" i="10"/>
  <c r="M4639" i="10"/>
  <c r="M4640" i="10"/>
  <c r="M4641" i="10"/>
  <c r="M4642" i="10"/>
  <c r="M4643" i="10"/>
  <c r="M4644" i="10"/>
  <c r="M4645" i="10"/>
  <c r="M4646" i="10"/>
  <c r="M4647" i="10"/>
  <c r="M4648" i="10"/>
  <c r="M4649" i="10"/>
  <c r="M4650" i="10"/>
  <c r="M4651" i="10"/>
  <c r="M4652" i="10"/>
  <c r="M4653" i="10"/>
  <c r="M4654" i="10"/>
  <c r="M4655" i="10"/>
  <c r="M4656" i="10"/>
  <c r="M4657" i="10"/>
  <c r="M4658" i="10"/>
  <c r="M4659" i="10"/>
  <c r="M4660" i="10"/>
  <c r="M4661" i="10"/>
  <c r="M4662" i="10"/>
  <c r="M4663" i="10"/>
  <c r="M4664" i="10"/>
  <c r="M4665" i="10"/>
  <c r="M4666" i="10"/>
  <c r="M4667" i="10"/>
  <c r="M4668" i="10"/>
  <c r="M4669" i="10"/>
  <c r="M4670" i="10"/>
  <c r="M4671" i="10"/>
  <c r="M4672" i="10"/>
  <c r="M4673" i="10"/>
  <c r="M4674" i="10"/>
  <c r="M4675" i="10"/>
  <c r="M4676" i="10"/>
  <c r="M4677" i="10"/>
  <c r="M4678" i="10"/>
  <c r="M4679" i="10"/>
  <c r="M4680" i="10"/>
  <c r="M4681" i="10"/>
  <c r="M4682" i="10"/>
  <c r="M4683" i="10"/>
  <c r="M4684" i="10"/>
  <c r="M4685" i="10"/>
  <c r="M4686" i="10"/>
  <c r="M4687" i="10"/>
  <c r="M4688" i="10"/>
  <c r="M4689" i="10"/>
  <c r="M4690" i="10"/>
  <c r="M4691" i="10"/>
  <c r="M4692" i="10"/>
  <c r="M4693" i="10"/>
  <c r="M4694" i="10"/>
  <c r="M4695" i="10"/>
  <c r="M4696" i="10"/>
  <c r="M4697" i="10"/>
  <c r="M4698" i="10"/>
  <c r="M4699" i="10"/>
  <c r="M4700" i="10"/>
  <c r="M4701" i="10"/>
  <c r="M4702" i="10"/>
  <c r="M4703" i="10"/>
  <c r="M4704" i="10"/>
  <c r="M4705" i="10"/>
  <c r="M4706" i="10"/>
  <c r="M4707" i="10"/>
  <c r="M4708" i="10"/>
  <c r="M4709" i="10"/>
  <c r="M4710" i="10"/>
  <c r="M4711" i="10"/>
  <c r="M4712" i="10"/>
  <c r="M4713" i="10"/>
  <c r="M4714" i="10"/>
  <c r="M4715" i="10"/>
  <c r="M4716" i="10"/>
  <c r="M4717" i="10"/>
  <c r="M4718" i="10"/>
  <c r="M4719" i="10"/>
  <c r="M4720" i="10"/>
  <c r="M4721" i="10"/>
  <c r="M4722" i="10"/>
  <c r="M4723" i="10"/>
  <c r="M4724" i="10"/>
  <c r="M4725" i="10"/>
  <c r="M4726" i="10"/>
  <c r="M4727" i="10"/>
  <c r="M4728" i="10"/>
  <c r="M4729" i="10"/>
  <c r="M4730" i="10"/>
  <c r="M4731" i="10"/>
  <c r="M4732" i="10"/>
  <c r="M4733" i="10"/>
  <c r="M4734" i="10"/>
  <c r="M4735" i="10"/>
  <c r="M4736" i="10"/>
  <c r="M4737" i="10"/>
  <c r="M4738" i="10"/>
  <c r="M4739" i="10"/>
  <c r="M4740" i="10"/>
  <c r="M4741" i="10"/>
  <c r="M4742" i="10"/>
  <c r="M4743" i="10"/>
  <c r="M4744" i="10"/>
  <c r="M4745" i="10"/>
  <c r="M4746" i="10"/>
  <c r="M4747" i="10"/>
  <c r="M4748" i="10"/>
  <c r="M4749" i="10"/>
  <c r="M4750" i="10"/>
  <c r="M4751" i="10"/>
  <c r="M4752" i="10"/>
  <c r="M4753" i="10"/>
  <c r="M4754" i="10"/>
  <c r="M4755" i="10"/>
  <c r="M4756" i="10"/>
  <c r="M4757" i="10"/>
  <c r="M4758" i="10"/>
  <c r="M4759" i="10"/>
  <c r="M4760" i="10"/>
  <c r="M4761" i="10"/>
  <c r="M4762" i="10"/>
  <c r="M4763" i="10"/>
  <c r="M4764" i="10"/>
  <c r="M4765" i="10"/>
  <c r="M4766" i="10"/>
  <c r="M4767" i="10"/>
  <c r="M4768" i="10"/>
  <c r="M4769" i="10"/>
  <c r="M4770" i="10"/>
  <c r="M4771" i="10"/>
  <c r="M4772" i="10"/>
  <c r="M4773" i="10"/>
  <c r="M4774" i="10"/>
  <c r="M4775" i="10"/>
  <c r="M4776" i="10"/>
  <c r="M4777" i="10"/>
  <c r="M4778" i="10"/>
  <c r="M4779" i="10"/>
  <c r="M4780" i="10"/>
  <c r="M4781" i="10"/>
  <c r="M4782" i="10"/>
  <c r="M4783" i="10"/>
  <c r="M4784" i="10"/>
  <c r="M4785" i="10"/>
  <c r="M4786" i="10"/>
  <c r="M4787" i="10"/>
  <c r="M4788" i="10"/>
  <c r="M4789" i="10"/>
  <c r="M4790" i="10"/>
  <c r="M4791" i="10"/>
  <c r="M4792" i="10"/>
  <c r="M4793" i="10"/>
  <c r="M4794" i="10"/>
  <c r="M4795" i="10"/>
  <c r="M4796" i="10"/>
  <c r="M4797" i="10"/>
  <c r="M4798" i="10"/>
  <c r="M4799" i="10"/>
  <c r="M4800" i="10"/>
  <c r="M4801" i="10"/>
  <c r="M4802" i="10"/>
  <c r="M4803" i="10"/>
  <c r="M4804" i="10"/>
  <c r="M4805" i="10"/>
  <c r="M4806" i="10"/>
  <c r="M4807" i="10"/>
  <c r="M4808" i="10"/>
  <c r="M4809" i="10"/>
  <c r="M4810" i="10"/>
  <c r="M4811" i="10"/>
  <c r="M4812" i="10"/>
  <c r="M4813" i="10"/>
  <c r="M4814" i="10"/>
  <c r="M4815" i="10"/>
  <c r="M4816" i="10"/>
  <c r="M4817" i="10"/>
  <c r="M4818" i="10"/>
  <c r="M4819" i="10"/>
  <c r="M4820" i="10"/>
  <c r="M4821" i="10"/>
  <c r="M4822" i="10"/>
  <c r="M4823" i="10"/>
  <c r="M4824" i="10"/>
  <c r="M4825" i="10"/>
  <c r="M4826" i="10"/>
  <c r="M4827" i="10"/>
  <c r="M4828" i="10"/>
  <c r="M4829" i="10"/>
  <c r="M4830" i="10"/>
  <c r="M4831" i="10"/>
  <c r="M4832" i="10"/>
  <c r="M4833" i="10"/>
  <c r="M4834" i="10"/>
  <c r="M4835" i="10"/>
  <c r="M4836" i="10"/>
  <c r="M4837" i="10"/>
  <c r="M4838" i="10"/>
  <c r="M4839" i="10"/>
  <c r="M4840" i="10"/>
  <c r="M4841" i="10"/>
  <c r="M4842" i="10"/>
  <c r="M4843" i="10"/>
  <c r="M4844" i="10"/>
  <c r="M4845" i="10"/>
  <c r="M4846" i="10"/>
  <c r="M4847" i="10"/>
  <c r="M4848" i="10"/>
  <c r="M4849" i="10"/>
  <c r="M4850" i="10"/>
  <c r="M4851" i="10"/>
  <c r="M4852" i="10"/>
  <c r="M4853" i="10"/>
  <c r="M4854" i="10"/>
  <c r="M4855" i="10"/>
  <c r="M4856" i="10"/>
  <c r="M4857" i="10"/>
  <c r="M4858" i="10"/>
  <c r="M4859" i="10"/>
  <c r="M4860" i="10"/>
  <c r="M4861" i="10"/>
  <c r="M4862" i="10"/>
  <c r="M4863" i="10"/>
  <c r="M4864" i="10"/>
  <c r="M4865" i="10"/>
  <c r="M4866" i="10"/>
  <c r="M4867" i="10"/>
  <c r="M4868" i="10"/>
  <c r="M4869" i="10"/>
  <c r="M4870" i="10"/>
  <c r="M4871" i="10"/>
  <c r="M4872" i="10"/>
  <c r="M4873" i="10"/>
  <c r="M4874" i="10"/>
  <c r="M4875" i="10"/>
  <c r="M4876" i="10"/>
  <c r="M4877" i="10"/>
  <c r="M4878" i="10"/>
  <c r="M4879" i="10"/>
  <c r="M4880" i="10"/>
  <c r="M4881" i="10"/>
  <c r="M4882" i="10"/>
  <c r="M4883" i="10"/>
  <c r="M4884" i="10"/>
  <c r="M4885" i="10"/>
  <c r="M4886" i="10"/>
  <c r="M4887" i="10"/>
  <c r="M4888" i="10"/>
  <c r="M4889" i="10"/>
  <c r="M4890" i="10"/>
  <c r="M4891" i="10"/>
  <c r="M4892" i="10"/>
  <c r="M4893" i="10"/>
  <c r="M4894" i="10"/>
  <c r="M4895" i="10"/>
  <c r="M4896" i="10"/>
  <c r="M4897" i="10"/>
  <c r="M4898" i="10"/>
  <c r="M4899" i="10"/>
  <c r="M4900" i="10"/>
  <c r="M4901" i="10"/>
  <c r="M4902" i="10"/>
  <c r="M4903" i="10"/>
  <c r="M4904" i="10"/>
  <c r="M4905" i="10"/>
  <c r="M4906" i="10"/>
  <c r="M4907" i="10"/>
  <c r="M4908" i="10"/>
  <c r="M4909" i="10"/>
  <c r="M4910" i="10"/>
  <c r="M4911" i="10"/>
  <c r="M4912" i="10"/>
  <c r="M4913" i="10"/>
  <c r="M4914" i="10"/>
  <c r="M4915" i="10"/>
  <c r="M4916" i="10"/>
  <c r="M4917" i="10"/>
  <c r="M4918" i="10"/>
  <c r="M4919" i="10"/>
  <c r="M4920" i="10"/>
  <c r="M4921" i="10"/>
  <c r="M4922" i="10"/>
  <c r="M4923" i="10"/>
  <c r="M4924" i="10"/>
  <c r="M4925" i="10"/>
  <c r="M4926" i="10"/>
  <c r="M4927" i="10"/>
  <c r="M4928" i="10"/>
  <c r="M4929" i="10"/>
  <c r="M4930" i="10"/>
  <c r="M4931" i="10"/>
  <c r="M4932" i="10"/>
  <c r="M4933" i="10"/>
  <c r="M4934" i="10"/>
  <c r="M4935" i="10"/>
  <c r="M4936" i="10"/>
  <c r="M4937" i="10"/>
  <c r="M4938" i="10"/>
  <c r="M4939" i="10"/>
  <c r="M4940" i="10"/>
  <c r="M4941" i="10"/>
  <c r="M4942" i="10"/>
  <c r="M4943" i="10"/>
  <c r="M4944" i="10"/>
  <c r="M4945" i="10"/>
  <c r="M4946" i="10"/>
  <c r="M4947" i="10"/>
  <c r="M4948" i="10"/>
  <c r="M4949" i="10"/>
  <c r="M4950" i="10"/>
  <c r="M4951" i="10"/>
  <c r="M4952" i="10"/>
  <c r="M4953" i="10"/>
  <c r="M4954" i="10"/>
  <c r="M4955" i="10"/>
  <c r="M4956" i="10"/>
  <c r="M4957" i="10"/>
  <c r="M4958" i="10"/>
  <c r="M4959" i="10"/>
  <c r="M4960" i="10"/>
  <c r="M4961" i="10"/>
  <c r="M4962" i="10"/>
  <c r="M4963" i="10"/>
  <c r="M4964" i="10"/>
  <c r="M4965" i="10"/>
  <c r="M4966" i="10"/>
  <c r="M4967" i="10"/>
  <c r="M4968" i="10"/>
  <c r="M4969" i="10"/>
  <c r="M4970" i="10"/>
  <c r="M4971" i="10"/>
  <c r="M4972" i="10"/>
  <c r="M4973" i="10"/>
  <c r="M4974" i="10"/>
  <c r="M4975" i="10"/>
  <c r="M4976" i="10"/>
  <c r="M4977" i="10"/>
  <c r="M4978" i="10"/>
  <c r="M4979" i="10"/>
  <c r="M4980" i="10"/>
  <c r="M4981" i="10"/>
  <c r="M4982" i="10"/>
  <c r="M4983" i="10"/>
  <c r="M4984" i="10"/>
  <c r="M4985" i="10"/>
  <c r="M4986" i="10"/>
  <c r="M4987" i="10"/>
  <c r="M4988" i="10"/>
  <c r="M4989" i="10"/>
  <c r="M4990" i="10"/>
  <c r="M4991" i="10"/>
  <c r="M4992" i="10"/>
  <c r="M4993" i="10"/>
  <c r="M4994" i="10"/>
  <c r="M4995" i="10"/>
  <c r="M4996" i="10"/>
  <c r="M4997" i="10"/>
  <c r="M4998" i="10"/>
  <c r="M4999" i="10"/>
  <c r="M5000" i="10"/>
  <c r="M5001" i="10"/>
  <c r="M5002" i="10"/>
  <c r="M5003" i="10"/>
  <c r="M5004" i="10"/>
  <c r="M5005" i="10"/>
  <c r="M5006" i="10"/>
  <c r="M5007" i="10"/>
  <c r="M5008" i="10"/>
  <c r="M5009" i="10"/>
  <c r="M5010" i="10"/>
  <c r="M5011" i="10"/>
  <c r="M5012" i="10"/>
  <c r="M5013" i="10"/>
  <c r="M5014" i="10"/>
  <c r="M5015" i="10"/>
  <c r="M5016" i="10"/>
  <c r="M5017" i="10"/>
  <c r="M5018" i="10"/>
  <c r="M5019" i="10"/>
  <c r="M5020" i="10"/>
  <c r="M5021" i="10"/>
  <c r="M5022" i="10"/>
  <c r="M5023" i="10"/>
  <c r="M5024" i="10"/>
  <c r="M5025" i="10"/>
  <c r="M5026" i="10"/>
  <c r="M5027" i="10"/>
  <c r="M5028" i="10"/>
  <c r="M5029" i="10"/>
  <c r="M5030" i="10"/>
  <c r="M5031" i="10"/>
  <c r="M5032" i="10"/>
  <c r="M5033" i="10"/>
  <c r="M5034" i="10"/>
  <c r="M5035" i="10"/>
  <c r="M5036" i="10"/>
  <c r="M5037" i="10"/>
  <c r="M5038" i="10"/>
  <c r="M5039" i="10"/>
  <c r="M5040" i="10"/>
  <c r="M5041" i="10"/>
  <c r="M5042" i="10"/>
  <c r="M5043" i="10"/>
  <c r="M5044" i="10"/>
  <c r="M5045" i="10"/>
  <c r="M5046" i="10"/>
  <c r="M5047" i="10"/>
  <c r="M5048" i="10"/>
  <c r="M5049" i="10"/>
  <c r="M5050" i="10"/>
  <c r="M5051" i="10"/>
  <c r="M5052" i="10"/>
  <c r="M5053" i="10"/>
  <c r="M5054" i="10"/>
  <c r="M5055" i="10"/>
  <c r="M5056" i="10"/>
  <c r="M5057" i="10"/>
  <c r="M5058" i="10"/>
  <c r="M5059" i="10"/>
  <c r="M5060" i="10"/>
  <c r="M5061" i="10"/>
  <c r="M5062" i="10"/>
  <c r="M5063" i="10"/>
  <c r="M5064" i="10"/>
  <c r="M5065" i="10"/>
  <c r="M5066" i="10"/>
  <c r="M5067" i="10"/>
  <c r="M5068" i="10"/>
  <c r="M5069" i="10"/>
  <c r="M5070" i="10"/>
  <c r="M5071" i="10"/>
  <c r="M5072" i="10"/>
  <c r="M5073" i="10"/>
  <c r="M5074" i="10"/>
  <c r="M5075" i="10"/>
  <c r="M5076" i="10"/>
  <c r="M5077" i="10"/>
  <c r="M5078" i="10"/>
  <c r="M5079" i="10"/>
  <c r="M5080" i="10"/>
  <c r="M5081" i="10"/>
  <c r="M5082" i="10"/>
  <c r="M5083" i="10"/>
  <c r="M5084" i="10"/>
  <c r="M5085" i="10"/>
  <c r="M5086" i="10"/>
  <c r="M5087" i="10"/>
  <c r="M5088" i="10"/>
  <c r="M5089" i="10"/>
  <c r="M5090" i="10"/>
  <c r="M5091" i="10"/>
  <c r="M5092" i="10"/>
  <c r="M5093" i="10"/>
  <c r="M5094" i="10"/>
  <c r="M5095" i="10"/>
  <c r="M5096" i="10"/>
  <c r="M5097" i="10"/>
  <c r="M5098" i="10"/>
  <c r="M5099" i="10"/>
  <c r="M5100" i="10"/>
  <c r="M5101" i="10"/>
  <c r="M5102" i="10"/>
  <c r="M5103" i="10"/>
  <c r="M5104" i="10"/>
  <c r="M5105" i="10"/>
  <c r="M5106" i="10"/>
  <c r="M5107" i="10"/>
  <c r="M5108" i="10"/>
  <c r="M5109" i="10"/>
  <c r="M5110" i="10"/>
  <c r="M5111" i="10"/>
  <c r="M5112" i="10"/>
  <c r="M5113" i="10"/>
  <c r="M5114" i="10"/>
  <c r="M5115" i="10"/>
  <c r="M5116" i="10"/>
  <c r="M5117" i="10"/>
  <c r="M5118" i="10"/>
  <c r="M5119" i="10"/>
  <c r="M5120" i="10"/>
  <c r="M5121" i="10"/>
  <c r="M5122" i="10"/>
  <c r="M5123" i="10"/>
  <c r="M5124" i="10"/>
  <c r="M5125" i="10"/>
  <c r="M5126" i="10"/>
  <c r="M5127" i="10"/>
  <c r="M5128" i="10"/>
  <c r="M5129" i="10"/>
  <c r="M5130" i="10"/>
  <c r="M5131" i="10"/>
  <c r="M5132" i="10"/>
  <c r="M5133" i="10"/>
  <c r="M5134" i="10"/>
  <c r="M5135" i="10"/>
  <c r="M5136" i="10"/>
  <c r="M5137" i="10"/>
  <c r="M5138" i="10"/>
  <c r="M5139" i="10"/>
  <c r="M5140" i="10"/>
  <c r="M5141" i="10"/>
  <c r="M5142" i="10"/>
  <c r="M5143" i="10"/>
  <c r="M5144" i="10"/>
  <c r="M5145" i="10"/>
  <c r="M5146" i="10"/>
  <c r="M5147" i="10"/>
  <c r="M5148" i="10"/>
  <c r="M5149" i="10"/>
  <c r="M5150" i="10"/>
  <c r="M5151" i="10"/>
  <c r="M5152" i="10"/>
  <c r="M5153" i="10"/>
  <c r="M5154" i="10"/>
  <c r="M5155" i="10"/>
  <c r="M5156" i="10"/>
  <c r="M5157" i="10"/>
  <c r="M5158" i="10"/>
  <c r="M5159" i="10"/>
  <c r="M5160" i="10"/>
  <c r="M5161" i="10"/>
  <c r="M5162" i="10"/>
  <c r="M5163" i="10"/>
  <c r="M5164" i="10"/>
  <c r="M5165" i="10"/>
  <c r="M5166" i="10"/>
  <c r="M5167" i="10"/>
  <c r="M5168" i="10"/>
  <c r="M5169" i="10"/>
  <c r="M5170" i="10"/>
  <c r="M5171" i="10"/>
  <c r="M5172" i="10"/>
  <c r="M5173" i="10"/>
  <c r="M5174" i="10"/>
  <c r="M5175" i="10"/>
  <c r="M5176" i="10"/>
  <c r="M5177" i="10"/>
  <c r="M5178" i="10"/>
  <c r="M5179" i="10"/>
  <c r="M5180" i="10"/>
  <c r="M5181" i="10"/>
  <c r="M5182" i="10"/>
  <c r="M5183" i="10"/>
  <c r="M5184" i="10"/>
  <c r="M5185" i="10"/>
  <c r="M5186" i="10"/>
  <c r="M5187" i="10"/>
  <c r="M5188" i="10"/>
  <c r="M5189" i="10"/>
  <c r="M5190" i="10"/>
  <c r="M5191" i="10"/>
  <c r="M5192" i="10"/>
  <c r="M5193" i="10"/>
  <c r="M5194" i="10"/>
  <c r="M5195" i="10"/>
  <c r="M5196" i="10"/>
  <c r="M5197" i="10"/>
  <c r="M5198" i="10"/>
  <c r="M5199" i="10"/>
  <c r="M5200" i="10"/>
  <c r="M5201" i="10"/>
  <c r="M5202" i="10"/>
  <c r="M5203" i="10"/>
  <c r="M5204" i="10"/>
  <c r="M5205" i="10"/>
  <c r="M5206" i="10"/>
  <c r="M5207" i="10"/>
  <c r="M5208" i="10"/>
  <c r="M5209" i="10"/>
  <c r="M5210" i="10"/>
  <c r="M5211" i="10"/>
  <c r="M5212" i="10"/>
  <c r="M5213" i="10"/>
  <c r="M5214" i="10"/>
  <c r="M5215" i="10"/>
  <c r="M5216" i="10"/>
  <c r="M5217" i="10"/>
  <c r="M5218" i="10"/>
  <c r="M5219" i="10"/>
  <c r="M5220" i="10"/>
  <c r="M5221" i="10"/>
  <c r="M5222" i="10"/>
  <c r="M5223" i="10"/>
  <c r="M5224" i="10"/>
  <c r="M5225" i="10"/>
  <c r="M5226" i="10"/>
  <c r="M5227" i="10"/>
  <c r="M5228" i="10"/>
  <c r="M5229" i="10"/>
  <c r="M5230" i="10"/>
  <c r="M5231" i="10"/>
  <c r="M5232" i="10"/>
  <c r="M5233" i="10"/>
  <c r="M5234" i="10"/>
  <c r="M5235" i="10"/>
  <c r="M5236" i="10"/>
  <c r="M5237" i="10"/>
  <c r="M5238" i="10"/>
  <c r="M5239" i="10"/>
  <c r="M5240" i="10"/>
  <c r="M5241" i="10"/>
  <c r="M5242" i="10"/>
  <c r="M5243" i="10"/>
  <c r="M5244" i="10"/>
  <c r="M5245" i="10"/>
  <c r="M5246" i="10"/>
  <c r="M5247" i="10"/>
  <c r="M5248" i="10"/>
  <c r="M5249" i="10"/>
  <c r="M5250" i="10"/>
  <c r="M5251" i="10"/>
  <c r="M5252" i="10"/>
  <c r="M5253" i="10"/>
  <c r="M5254" i="10"/>
  <c r="M5255" i="10"/>
  <c r="M5256" i="10"/>
  <c r="M5257" i="10"/>
  <c r="M5258" i="10"/>
  <c r="M5259" i="10"/>
  <c r="M5260" i="10"/>
  <c r="M5261" i="10"/>
  <c r="M5262" i="10"/>
  <c r="M5263" i="10"/>
  <c r="M5264" i="10"/>
  <c r="M5265" i="10"/>
  <c r="M5266" i="10"/>
  <c r="M5267" i="10"/>
  <c r="M5268" i="10"/>
  <c r="M5269" i="10"/>
  <c r="M5270" i="10"/>
  <c r="M5271" i="10"/>
  <c r="M5272" i="10"/>
  <c r="M5273" i="10"/>
  <c r="M5274" i="10"/>
  <c r="M5275" i="10"/>
  <c r="M5276" i="10"/>
  <c r="M5277" i="10"/>
  <c r="M5278" i="10"/>
  <c r="M5279" i="10"/>
  <c r="M5280" i="10"/>
  <c r="M5281" i="10"/>
  <c r="M5282" i="10"/>
  <c r="M5283" i="10"/>
  <c r="M5284" i="10"/>
  <c r="M5285" i="10"/>
  <c r="M5286" i="10"/>
  <c r="M5287" i="10"/>
  <c r="M5288" i="10"/>
  <c r="M5289" i="10"/>
  <c r="M5290" i="10"/>
  <c r="M5291" i="10"/>
  <c r="M5292" i="10"/>
  <c r="M5293" i="10"/>
  <c r="M5294" i="10"/>
  <c r="M5295" i="10"/>
  <c r="M5296" i="10"/>
  <c r="M5297" i="10"/>
  <c r="M5298" i="10"/>
  <c r="M5299" i="10"/>
  <c r="M5300" i="10"/>
  <c r="M5301" i="10"/>
  <c r="M5302" i="10"/>
  <c r="M5303" i="10"/>
  <c r="M5304" i="10"/>
  <c r="M5305" i="10"/>
  <c r="M5306" i="10"/>
  <c r="M5307" i="10"/>
  <c r="M5308" i="10"/>
  <c r="M5309" i="10"/>
  <c r="M5310" i="10"/>
  <c r="M5311" i="10"/>
  <c r="M5312" i="10"/>
  <c r="M5313" i="10"/>
  <c r="M5314" i="10"/>
  <c r="M5315" i="10"/>
  <c r="M5316" i="10"/>
  <c r="M5317" i="10"/>
  <c r="M5318" i="10"/>
  <c r="M5319" i="10"/>
  <c r="M5320" i="10"/>
  <c r="M5321" i="10"/>
  <c r="M5322" i="10"/>
  <c r="M5323" i="10"/>
  <c r="M5324" i="10"/>
  <c r="M5325" i="10"/>
  <c r="M5326" i="10"/>
  <c r="M5327" i="10"/>
  <c r="M5328" i="10"/>
  <c r="M5329" i="10"/>
  <c r="M5330" i="10"/>
  <c r="M5331" i="10"/>
  <c r="M5332" i="10"/>
  <c r="M5333" i="10"/>
  <c r="M5334" i="10"/>
  <c r="M5335" i="10"/>
  <c r="M5336" i="10"/>
  <c r="M5337" i="10"/>
  <c r="M5338" i="10"/>
  <c r="M5339" i="10"/>
  <c r="M5340" i="10"/>
  <c r="M5341" i="10"/>
  <c r="M5342" i="10"/>
  <c r="M5343" i="10"/>
  <c r="M5344" i="10"/>
  <c r="M5345" i="10"/>
  <c r="M5346" i="10"/>
  <c r="M5347" i="10"/>
  <c r="M5348" i="10"/>
  <c r="M5349" i="10"/>
  <c r="M5350" i="10"/>
  <c r="M5351" i="10"/>
  <c r="M5352" i="10"/>
  <c r="M5353" i="10"/>
  <c r="M5354" i="10"/>
  <c r="M5355" i="10"/>
  <c r="M5356" i="10"/>
  <c r="M5357" i="10"/>
  <c r="M5358" i="10"/>
  <c r="M5359" i="10"/>
  <c r="M5360" i="10"/>
  <c r="M5361" i="10"/>
  <c r="M5362" i="10"/>
  <c r="M5363" i="10"/>
  <c r="M5364" i="10"/>
  <c r="M5365" i="10"/>
  <c r="M5366" i="10"/>
  <c r="M5367" i="10"/>
  <c r="M5368" i="10"/>
  <c r="M5369" i="10"/>
  <c r="M5370" i="10"/>
  <c r="M5371" i="10"/>
  <c r="M5372" i="10"/>
  <c r="M5373" i="10"/>
  <c r="M5374" i="10"/>
  <c r="M5375" i="10"/>
  <c r="M5376" i="10"/>
  <c r="M5377" i="10"/>
  <c r="M5378" i="10"/>
  <c r="M5379" i="10"/>
  <c r="M5380" i="10"/>
  <c r="M5381" i="10"/>
  <c r="M5382" i="10"/>
  <c r="M5383" i="10"/>
  <c r="M5384" i="10"/>
  <c r="M5385" i="10"/>
  <c r="M5386" i="10"/>
  <c r="M5387" i="10"/>
  <c r="M5388" i="10"/>
  <c r="M5389" i="10"/>
  <c r="M5390" i="10"/>
  <c r="M5391" i="10"/>
  <c r="M5392" i="10"/>
  <c r="M5393" i="10"/>
  <c r="M5394" i="10"/>
  <c r="M5395" i="10"/>
  <c r="M5396" i="10"/>
  <c r="M5397" i="10"/>
  <c r="M5398" i="10"/>
  <c r="M5399" i="10"/>
  <c r="M5400" i="10"/>
  <c r="M5401" i="10"/>
  <c r="M5402" i="10"/>
  <c r="M5403" i="10"/>
  <c r="M5404" i="10"/>
  <c r="M5405" i="10"/>
  <c r="M5406" i="10"/>
  <c r="M5407" i="10"/>
  <c r="M5408" i="10"/>
  <c r="M5409" i="10"/>
  <c r="M5410" i="10"/>
  <c r="M5411" i="10"/>
  <c r="M5412" i="10"/>
  <c r="M5413" i="10"/>
  <c r="M5414" i="10"/>
  <c r="M5415" i="10"/>
  <c r="M5416" i="10"/>
  <c r="M5417" i="10"/>
  <c r="M5418" i="10"/>
  <c r="M5419" i="10"/>
  <c r="M5420" i="10"/>
  <c r="M5421" i="10"/>
  <c r="M5422" i="10"/>
  <c r="M5423" i="10"/>
  <c r="M5424" i="10"/>
  <c r="M5425" i="10"/>
  <c r="M5426" i="10"/>
  <c r="M5427" i="10"/>
  <c r="M5428" i="10"/>
  <c r="M5429" i="10"/>
  <c r="M5430" i="10"/>
  <c r="M5431" i="10"/>
  <c r="M5432" i="10"/>
  <c r="M5433" i="10"/>
  <c r="M5434" i="10"/>
  <c r="M5435" i="10"/>
  <c r="M5436" i="10"/>
  <c r="M5437" i="10"/>
  <c r="M5438" i="10"/>
  <c r="M5439" i="10"/>
  <c r="M5440" i="10"/>
  <c r="M5441" i="10"/>
  <c r="M5442" i="10"/>
  <c r="M5443" i="10"/>
  <c r="M5444" i="10"/>
  <c r="M5445" i="10"/>
  <c r="M5446" i="10"/>
  <c r="M5447" i="10"/>
  <c r="M5448" i="10"/>
  <c r="M5449" i="10"/>
  <c r="M5450" i="10"/>
  <c r="M5451" i="10"/>
  <c r="M5452" i="10"/>
  <c r="M5453" i="10"/>
  <c r="M5454" i="10"/>
  <c r="M5455" i="10"/>
  <c r="M5456" i="10"/>
  <c r="M5457" i="10"/>
  <c r="M5458" i="10"/>
  <c r="M5459" i="10"/>
  <c r="M5460" i="10"/>
  <c r="M5461" i="10"/>
  <c r="M5462" i="10"/>
  <c r="M5463" i="10"/>
  <c r="M5464" i="10"/>
  <c r="M5465" i="10"/>
  <c r="M5466" i="10"/>
  <c r="M5467" i="10"/>
  <c r="M5468" i="10"/>
  <c r="M5469" i="10"/>
  <c r="M5470" i="10"/>
  <c r="M5471" i="10"/>
  <c r="M5472" i="10"/>
  <c r="M5473" i="10"/>
  <c r="M5474" i="10"/>
  <c r="M5475" i="10"/>
  <c r="M5476" i="10"/>
  <c r="M5477" i="10"/>
  <c r="M5478" i="10"/>
  <c r="M5479" i="10"/>
  <c r="M5480" i="10"/>
  <c r="M5481" i="10"/>
  <c r="M5482" i="10"/>
  <c r="M5483" i="10"/>
  <c r="M5484" i="10"/>
  <c r="M5485" i="10"/>
  <c r="M5486" i="10"/>
  <c r="M5487" i="10"/>
  <c r="M5488" i="10"/>
  <c r="M5489" i="10"/>
  <c r="M5490" i="10"/>
  <c r="M5491" i="10"/>
  <c r="M5492" i="10"/>
  <c r="M5493" i="10"/>
  <c r="M5494" i="10"/>
  <c r="M5495" i="10"/>
  <c r="M5496" i="10"/>
  <c r="M5497" i="10"/>
  <c r="M5498" i="10"/>
  <c r="M5499" i="10"/>
  <c r="M5500" i="10"/>
  <c r="M5501" i="10"/>
  <c r="M5502" i="10"/>
  <c r="M5503" i="10"/>
  <c r="M5504" i="10"/>
  <c r="M5505" i="10"/>
  <c r="M5506" i="10"/>
  <c r="M5507" i="10"/>
  <c r="M5508" i="10"/>
  <c r="M5509" i="10"/>
  <c r="M5510" i="10"/>
  <c r="M5511" i="10"/>
  <c r="M5512" i="10"/>
  <c r="M5513" i="10"/>
  <c r="M5514" i="10"/>
  <c r="M5515" i="10"/>
  <c r="M5516" i="10"/>
  <c r="M5517" i="10"/>
  <c r="M5518" i="10"/>
  <c r="M5519" i="10"/>
  <c r="M5520" i="10"/>
  <c r="M5521" i="10"/>
  <c r="M5522" i="10"/>
  <c r="M5523" i="10"/>
  <c r="M5524" i="10"/>
  <c r="M5525" i="10"/>
  <c r="M5526" i="10"/>
  <c r="M5527" i="10"/>
  <c r="M5528" i="10"/>
  <c r="M5529" i="10"/>
  <c r="M5530" i="10"/>
  <c r="M5531" i="10"/>
  <c r="M5532" i="10"/>
  <c r="M5533" i="10"/>
  <c r="M5534" i="10"/>
  <c r="M5535" i="10"/>
  <c r="M5536" i="10"/>
  <c r="M5537" i="10"/>
  <c r="M5538" i="10"/>
  <c r="M5539" i="10"/>
  <c r="M5540" i="10"/>
  <c r="M5541" i="10"/>
  <c r="M5542" i="10"/>
  <c r="M5543" i="10"/>
  <c r="M5544" i="10"/>
  <c r="M5545" i="10"/>
  <c r="M5546" i="10"/>
  <c r="M5547" i="10"/>
  <c r="M5548" i="10"/>
  <c r="M5549" i="10"/>
  <c r="M5550" i="10"/>
  <c r="M5551" i="10"/>
  <c r="M5552" i="10"/>
  <c r="M5553" i="10"/>
  <c r="M5554" i="10"/>
  <c r="M5555" i="10"/>
  <c r="M5556" i="10"/>
  <c r="M5557" i="10"/>
  <c r="M5558" i="10"/>
  <c r="M5559" i="10"/>
  <c r="M5560" i="10"/>
  <c r="M5561" i="10"/>
  <c r="M5562" i="10"/>
  <c r="M5563" i="10"/>
  <c r="M5564" i="10"/>
  <c r="M5565" i="10"/>
  <c r="M5566" i="10"/>
  <c r="M5567" i="10"/>
  <c r="M5568" i="10"/>
  <c r="M5569" i="10"/>
  <c r="M5570" i="10"/>
  <c r="M5571" i="10"/>
  <c r="M5572" i="10"/>
  <c r="M5573" i="10"/>
  <c r="M5574" i="10"/>
  <c r="M5575" i="10"/>
  <c r="M5576" i="10"/>
  <c r="M5577" i="10"/>
  <c r="M5578" i="10"/>
  <c r="M5579" i="10"/>
  <c r="M5580" i="10"/>
  <c r="M5581" i="10"/>
  <c r="M5582" i="10"/>
  <c r="M5583" i="10"/>
  <c r="M5584" i="10"/>
  <c r="M5585" i="10"/>
  <c r="M5586" i="10"/>
  <c r="M5587" i="10"/>
  <c r="M5588" i="10"/>
  <c r="M5589" i="10"/>
  <c r="M5590" i="10"/>
  <c r="M5591" i="10"/>
  <c r="M5592" i="10"/>
  <c r="M5593" i="10"/>
  <c r="M5594" i="10"/>
  <c r="M5595" i="10"/>
  <c r="M5596" i="10"/>
  <c r="M5597" i="10"/>
  <c r="M5598" i="10"/>
  <c r="M5599" i="10"/>
  <c r="M5600" i="10"/>
  <c r="M5601" i="10"/>
  <c r="M5602" i="10"/>
  <c r="M5603" i="10"/>
  <c r="M5604" i="10"/>
  <c r="M5605" i="10"/>
  <c r="M5606" i="10"/>
  <c r="M5607" i="10"/>
  <c r="M5608" i="10"/>
  <c r="M5609" i="10"/>
  <c r="M5610" i="10"/>
  <c r="M5611" i="10"/>
  <c r="M5612" i="10"/>
  <c r="M5613" i="10"/>
  <c r="M5614" i="10"/>
  <c r="M5615" i="10"/>
  <c r="M5616" i="10"/>
  <c r="M5617" i="10"/>
  <c r="M5618" i="10"/>
  <c r="M5619" i="10"/>
  <c r="M5620" i="10"/>
  <c r="M5621" i="10"/>
  <c r="M5622" i="10"/>
  <c r="M5623" i="10"/>
  <c r="M5624" i="10"/>
  <c r="M5625" i="10"/>
  <c r="M5626" i="10"/>
  <c r="M5627" i="10"/>
  <c r="M5628" i="10"/>
  <c r="M5629" i="10"/>
  <c r="M5630" i="10"/>
  <c r="M5631" i="10"/>
  <c r="M5632" i="10"/>
  <c r="M5633" i="10"/>
  <c r="M5634" i="10"/>
  <c r="M5635" i="10"/>
  <c r="M5636" i="10"/>
  <c r="M5637" i="10"/>
  <c r="M5638" i="10"/>
  <c r="M5639" i="10"/>
  <c r="M5640" i="10"/>
  <c r="M5641" i="10"/>
  <c r="M5642" i="10"/>
  <c r="M5643" i="10"/>
  <c r="M5644" i="10"/>
  <c r="M5645" i="10"/>
  <c r="M5646" i="10"/>
  <c r="M5647" i="10"/>
  <c r="M5648" i="10"/>
  <c r="M5649" i="10"/>
  <c r="M5650" i="10"/>
  <c r="M5651" i="10"/>
  <c r="M5652" i="10"/>
  <c r="M5653" i="10"/>
  <c r="M5654" i="10"/>
  <c r="M5655" i="10"/>
  <c r="M5656" i="10"/>
  <c r="M5657" i="10"/>
  <c r="M5658" i="10"/>
  <c r="M5659" i="10"/>
  <c r="M5660" i="10"/>
  <c r="M5661" i="10"/>
  <c r="M5662" i="10"/>
  <c r="M5663" i="10"/>
  <c r="M5664" i="10"/>
  <c r="M5665" i="10"/>
  <c r="M5666" i="10"/>
  <c r="M5667" i="10"/>
  <c r="M5668" i="10"/>
  <c r="M5669" i="10"/>
  <c r="M5670" i="10"/>
  <c r="M5671" i="10"/>
  <c r="M5672" i="10"/>
  <c r="M5673" i="10"/>
  <c r="M5674" i="10"/>
  <c r="M5675" i="10"/>
  <c r="M5676" i="10"/>
  <c r="M5677" i="10"/>
  <c r="M5678" i="10"/>
  <c r="M5679" i="10"/>
  <c r="M5680" i="10"/>
  <c r="M5681" i="10"/>
  <c r="M5682" i="10"/>
  <c r="M5683" i="10"/>
  <c r="M5684" i="10"/>
  <c r="M5685" i="10"/>
  <c r="M5686" i="10"/>
  <c r="M5687" i="10"/>
  <c r="M5688" i="10"/>
  <c r="M5689" i="10"/>
  <c r="M5690" i="10"/>
  <c r="M5691" i="10"/>
  <c r="M5692" i="10"/>
  <c r="M5693" i="10"/>
  <c r="M5694" i="10"/>
  <c r="M5695" i="10"/>
  <c r="M5696" i="10"/>
  <c r="M5697" i="10"/>
  <c r="M5698" i="10"/>
  <c r="M5699" i="10"/>
  <c r="M5700" i="10"/>
  <c r="M5701" i="10"/>
  <c r="M5702" i="10"/>
  <c r="M5703" i="10"/>
  <c r="M5704" i="10"/>
  <c r="M5705" i="10"/>
  <c r="M5706" i="10"/>
  <c r="M5707" i="10"/>
  <c r="M5708" i="10"/>
  <c r="M5709" i="10"/>
  <c r="M5710" i="10"/>
  <c r="M5711" i="10"/>
  <c r="M5712" i="10"/>
  <c r="M5713" i="10"/>
  <c r="M5714" i="10"/>
  <c r="M5715" i="10"/>
  <c r="M5716" i="10"/>
  <c r="M5717" i="10"/>
  <c r="M5718" i="10"/>
  <c r="M5719" i="10"/>
  <c r="M5720" i="10"/>
  <c r="M5721" i="10"/>
  <c r="M5722" i="10"/>
  <c r="M5723" i="10"/>
  <c r="M5724" i="10"/>
  <c r="M5725" i="10"/>
  <c r="M5726" i="10"/>
  <c r="M5727" i="10"/>
  <c r="M5728" i="10"/>
  <c r="M5729" i="10"/>
  <c r="M5730" i="10"/>
  <c r="M5731" i="10"/>
  <c r="M5732" i="10"/>
  <c r="M5733" i="10"/>
  <c r="M5734" i="10"/>
  <c r="M5735" i="10"/>
  <c r="M5736" i="10"/>
  <c r="M5737" i="10"/>
  <c r="M5738" i="10"/>
  <c r="M5739" i="10"/>
  <c r="M5740" i="10"/>
  <c r="M5741" i="10"/>
  <c r="M5742" i="10"/>
  <c r="M5743" i="10"/>
  <c r="M5744" i="10"/>
  <c r="M5745" i="10"/>
  <c r="M5746" i="10"/>
  <c r="M5747" i="10"/>
  <c r="M5748" i="10"/>
  <c r="M5749" i="10"/>
  <c r="M5750" i="10"/>
  <c r="M5751" i="10"/>
  <c r="M5752" i="10"/>
  <c r="M5753" i="10"/>
  <c r="M5754" i="10"/>
  <c r="M5755" i="10"/>
  <c r="M5756" i="10"/>
  <c r="M5757" i="10"/>
  <c r="M5758" i="10"/>
  <c r="M5759" i="10"/>
  <c r="M5760" i="10"/>
  <c r="M5761" i="10"/>
  <c r="M5762" i="10"/>
  <c r="M5763" i="10"/>
  <c r="M5764" i="10"/>
  <c r="M5765" i="10"/>
  <c r="M5766" i="10"/>
  <c r="M5767" i="10"/>
  <c r="M5768" i="10"/>
  <c r="M5769" i="10"/>
  <c r="M5770" i="10"/>
  <c r="M5771" i="10"/>
  <c r="M5772" i="10"/>
  <c r="M5773" i="10"/>
  <c r="M5774" i="10"/>
  <c r="M5775" i="10"/>
  <c r="M5776" i="10"/>
  <c r="M5777" i="10"/>
  <c r="M5778" i="10"/>
  <c r="M5779" i="10"/>
  <c r="M5780" i="10"/>
  <c r="M5781" i="10"/>
  <c r="M5782" i="10"/>
  <c r="M5783" i="10"/>
  <c r="M5784" i="10"/>
  <c r="M5785" i="10"/>
  <c r="M5786" i="10"/>
  <c r="M5787" i="10"/>
  <c r="M5788" i="10"/>
  <c r="M5789" i="10"/>
  <c r="M5790" i="10"/>
  <c r="M5791" i="10"/>
  <c r="M5792" i="10"/>
  <c r="M5793" i="10"/>
  <c r="M5794" i="10"/>
  <c r="M5795" i="10"/>
  <c r="M5796" i="10"/>
  <c r="M5797" i="10"/>
  <c r="M5798" i="10"/>
  <c r="M5799" i="10"/>
  <c r="M5800" i="10"/>
  <c r="M5801" i="10"/>
  <c r="M5802" i="10"/>
  <c r="M5803" i="10"/>
  <c r="M5804" i="10"/>
  <c r="M5805" i="10"/>
  <c r="M5806" i="10"/>
  <c r="M5807" i="10"/>
  <c r="M5808" i="10"/>
  <c r="M5809" i="10"/>
  <c r="M5810" i="10"/>
  <c r="M5811" i="10"/>
  <c r="M5812" i="10"/>
  <c r="M5813" i="10"/>
  <c r="M5814" i="10"/>
  <c r="M5815" i="10"/>
  <c r="M5816" i="10"/>
  <c r="M5817" i="10"/>
  <c r="M5818" i="10"/>
  <c r="M5819" i="10"/>
  <c r="M5820" i="10"/>
  <c r="M5821" i="10"/>
  <c r="M5822" i="10"/>
  <c r="M5823" i="10"/>
  <c r="M5824" i="10"/>
  <c r="M5825" i="10"/>
  <c r="M5826" i="10"/>
  <c r="M5827" i="10"/>
  <c r="M5828" i="10"/>
  <c r="M5829" i="10"/>
  <c r="M5830" i="10"/>
  <c r="M5831" i="10"/>
  <c r="M5832" i="10"/>
  <c r="M5833" i="10"/>
  <c r="M5834" i="10"/>
  <c r="M5835" i="10"/>
  <c r="M5836" i="10"/>
  <c r="M5837" i="10"/>
  <c r="M5838" i="10"/>
  <c r="M5839" i="10"/>
  <c r="M5840" i="10"/>
  <c r="M5841" i="10"/>
  <c r="M5842" i="10"/>
  <c r="M5843" i="10"/>
  <c r="M5844" i="10"/>
  <c r="M5845" i="10"/>
  <c r="M5846" i="10"/>
  <c r="M5847" i="10"/>
  <c r="M5848" i="10"/>
  <c r="M5849" i="10"/>
  <c r="M5850" i="10"/>
  <c r="M5851" i="10"/>
  <c r="M5852" i="10"/>
  <c r="M5853" i="10"/>
  <c r="M5854" i="10"/>
  <c r="M5855" i="10"/>
  <c r="M5856" i="10"/>
  <c r="M5857" i="10"/>
  <c r="M5858" i="10"/>
  <c r="M5859" i="10"/>
  <c r="M5860" i="10"/>
  <c r="M5861" i="10"/>
  <c r="M5862" i="10"/>
  <c r="M5863" i="10"/>
  <c r="M5864" i="10"/>
  <c r="M5865" i="10"/>
  <c r="M5866" i="10"/>
  <c r="M5867" i="10"/>
  <c r="M5868" i="10"/>
  <c r="M5869" i="10"/>
  <c r="M5870" i="10"/>
  <c r="M5871" i="10"/>
  <c r="M5872" i="10"/>
  <c r="M5873" i="10"/>
  <c r="M5874" i="10"/>
  <c r="M5875" i="10"/>
  <c r="M5876" i="10"/>
  <c r="M5877" i="10"/>
  <c r="M5878" i="10"/>
  <c r="M5879" i="10"/>
  <c r="M5880" i="10"/>
  <c r="M5881" i="10"/>
  <c r="M5882" i="10"/>
  <c r="M5883" i="10"/>
  <c r="M5884" i="10"/>
  <c r="M5885" i="10"/>
  <c r="M5886" i="10"/>
  <c r="M5887" i="10"/>
  <c r="M5888" i="10"/>
  <c r="M5889" i="10"/>
  <c r="M5890" i="10"/>
  <c r="M5891" i="10"/>
  <c r="M5892" i="10"/>
  <c r="M5893" i="10"/>
  <c r="M5894" i="10"/>
  <c r="M5895" i="10"/>
  <c r="M5896" i="10"/>
  <c r="M5897" i="10"/>
  <c r="M5898" i="10"/>
  <c r="M5899" i="10"/>
  <c r="M5900" i="10"/>
  <c r="M5901" i="10"/>
  <c r="M5902" i="10"/>
  <c r="M5903" i="10"/>
  <c r="M5904" i="10"/>
  <c r="M5905" i="10"/>
  <c r="M5906" i="10"/>
  <c r="M5907" i="10"/>
  <c r="M5908" i="10"/>
  <c r="M5909" i="10"/>
  <c r="M5910" i="10"/>
  <c r="M5911" i="10"/>
  <c r="M5912" i="10"/>
  <c r="M5913" i="10"/>
  <c r="M5914" i="10"/>
  <c r="M5915" i="10"/>
  <c r="M5916" i="10"/>
  <c r="M5917" i="10"/>
  <c r="M5918" i="10"/>
  <c r="M5919" i="10"/>
  <c r="M5920" i="10"/>
  <c r="M5921" i="10"/>
  <c r="M5922" i="10"/>
  <c r="M5923" i="10"/>
  <c r="M5924" i="10"/>
  <c r="M5925" i="10"/>
  <c r="M5926" i="10"/>
  <c r="M5927" i="10"/>
  <c r="M5928" i="10"/>
  <c r="M5929" i="10"/>
  <c r="M5930" i="10"/>
  <c r="M5931" i="10"/>
  <c r="M5932" i="10"/>
  <c r="M5933" i="10"/>
  <c r="M5934" i="10"/>
  <c r="M5935" i="10"/>
  <c r="M5936" i="10"/>
  <c r="M5937" i="10"/>
  <c r="M5938" i="10"/>
  <c r="M5939" i="10"/>
  <c r="M5940" i="10"/>
  <c r="M5941" i="10"/>
  <c r="M5942" i="10"/>
  <c r="M5943" i="10"/>
  <c r="M5944" i="10"/>
  <c r="M5945" i="10"/>
  <c r="M5946" i="10"/>
  <c r="M5947" i="10"/>
  <c r="M5948" i="10"/>
  <c r="M5949" i="10"/>
  <c r="M5950" i="10"/>
  <c r="M5951" i="10"/>
  <c r="M5952" i="10"/>
  <c r="M5953" i="10"/>
  <c r="M5954" i="10"/>
  <c r="M5955" i="10"/>
  <c r="M5956" i="10"/>
  <c r="M5957" i="10"/>
  <c r="M5958" i="10"/>
  <c r="M5959" i="10"/>
  <c r="M5960" i="10"/>
  <c r="M5961" i="10"/>
  <c r="M5962" i="10"/>
  <c r="M5963" i="10"/>
  <c r="M5964" i="10"/>
  <c r="M5965" i="10"/>
  <c r="M5966" i="10"/>
  <c r="M5967" i="10"/>
  <c r="M5968" i="10"/>
  <c r="M5969" i="10"/>
  <c r="M5970" i="10"/>
  <c r="M5971" i="10"/>
  <c r="M5972" i="10"/>
  <c r="M5973" i="10"/>
  <c r="M5974" i="10"/>
  <c r="M5975" i="10"/>
  <c r="M5976" i="10"/>
  <c r="M5977" i="10"/>
  <c r="M5978" i="10"/>
  <c r="M5979" i="10"/>
  <c r="M5980" i="10"/>
  <c r="M5981" i="10"/>
  <c r="M5982" i="10"/>
  <c r="M5983" i="10"/>
  <c r="M5984" i="10"/>
  <c r="M5985" i="10"/>
  <c r="M5986" i="10"/>
  <c r="M5987" i="10"/>
  <c r="M5988" i="10"/>
  <c r="M5989" i="10"/>
  <c r="M5990" i="10"/>
  <c r="M5991" i="10"/>
  <c r="M5992" i="10"/>
  <c r="M5993" i="10"/>
  <c r="M5994" i="10"/>
  <c r="M5995" i="10"/>
  <c r="M5996" i="10"/>
  <c r="M5997" i="10"/>
  <c r="M5998" i="10"/>
  <c r="M5999" i="10"/>
  <c r="M6000" i="10"/>
  <c r="M6001" i="10"/>
  <c r="M6002" i="10"/>
  <c r="M6003" i="10"/>
  <c r="M6004" i="10"/>
  <c r="M6005" i="10"/>
  <c r="M6006" i="10"/>
  <c r="M6007" i="10"/>
  <c r="M6008" i="10"/>
  <c r="M6009" i="10"/>
  <c r="M6010" i="10"/>
  <c r="M6011" i="10"/>
  <c r="M6012" i="10"/>
  <c r="M6013" i="10"/>
  <c r="M6014" i="10"/>
  <c r="M6015" i="10"/>
  <c r="M6016" i="10"/>
  <c r="M6017" i="10"/>
  <c r="M6018" i="10"/>
  <c r="M6019" i="10"/>
  <c r="M6020" i="10"/>
  <c r="M6021" i="10"/>
  <c r="M6022" i="10"/>
  <c r="M6023" i="10"/>
  <c r="M6024" i="10"/>
  <c r="M6025" i="10"/>
  <c r="M6026" i="10"/>
  <c r="M6027" i="10"/>
  <c r="M6028" i="10"/>
  <c r="M6029" i="10"/>
  <c r="M6030" i="10"/>
  <c r="M6031" i="10"/>
  <c r="M6032" i="10"/>
  <c r="M6033" i="10"/>
  <c r="M6034" i="10"/>
  <c r="M6035" i="10"/>
  <c r="M6036" i="10"/>
  <c r="M6037" i="10"/>
  <c r="M6038" i="10"/>
  <c r="M6039" i="10"/>
  <c r="M6040" i="10"/>
  <c r="M6041" i="10"/>
  <c r="M6042" i="10"/>
  <c r="M6043" i="10"/>
  <c r="M6044" i="10"/>
  <c r="M6045" i="10"/>
  <c r="M6046" i="10"/>
  <c r="M6047" i="10"/>
  <c r="M6048" i="10"/>
  <c r="M6049" i="10"/>
  <c r="M6050" i="10"/>
  <c r="M6051" i="10"/>
  <c r="M6052" i="10"/>
  <c r="M6053" i="10"/>
  <c r="M6054" i="10"/>
  <c r="M6055" i="10"/>
  <c r="M6056" i="10"/>
  <c r="M6057" i="10"/>
  <c r="M6058" i="10"/>
  <c r="M6059" i="10"/>
  <c r="M6060" i="10"/>
  <c r="M6061" i="10"/>
  <c r="M6062" i="10"/>
  <c r="M6063" i="10"/>
  <c r="M6064" i="10"/>
  <c r="M6065" i="10"/>
  <c r="M6066" i="10"/>
  <c r="M6067" i="10"/>
  <c r="M6068" i="10"/>
  <c r="M6069" i="10"/>
  <c r="M6070" i="10"/>
  <c r="M6071" i="10"/>
  <c r="M6072" i="10"/>
  <c r="M6073" i="10"/>
  <c r="M6074" i="10"/>
  <c r="M6075" i="10"/>
  <c r="M6076" i="10"/>
  <c r="M6077" i="10"/>
  <c r="M6078" i="10"/>
  <c r="M6079" i="10"/>
  <c r="M6080" i="10"/>
  <c r="M6081" i="10"/>
  <c r="M6082" i="10"/>
  <c r="M6083" i="10"/>
  <c r="M6084" i="10"/>
  <c r="M6085" i="10"/>
  <c r="M6086" i="10"/>
  <c r="M6087" i="10"/>
  <c r="M6088" i="10"/>
  <c r="M6089" i="10"/>
  <c r="M6090" i="10"/>
  <c r="M6091" i="10"/>
  <c r="M6092" i="10"/>
  <c r="M6093" i="10"/>
  <c r="M6094" i="10"/>
  <c r="M6095" i="10"/>
  <c r="M6096" i="10"/>
  <c r="M6097" i="10"/>
  <c r="M6098" i="10"/>
  <c r="M6099" i="10"/>
  <c r="M6100" i="10"/>
  <c r="M6101" i="10"/>
  <c r="M6102" i="10"/>
  <c r="M6103" i="10"/>
  <c r="M6104" i="10"/>
  <c r="M6105" i="10"/>
  <c r="M6106" i="10"/>
  <c r="M6107" i="10"/>
  <c r="M6108" i="10"/>
  <c r="M6109" i="10"/>
  <c r="M6110" i="10"/>
  <c r="M6111" i="10"/>
  <c r="M6112" i="10"/>
  <c r="M6113" i="10"/>
  <c r="M6114" i="10"/>
  <c r="M6115" i="10"/>
  <c r="M6116" i="10"/>
  <c r="M6117" i="10"/>
  <c r="M6118" i="10"/>
  <c r="M6119" i="10"/>
  <c r="M6120" i="10"/>
  <c r="M6121" i="10"/>
  <c r="M6122" i="10"/>
  <c r="M6123" i="10"/>
  <c r="M6124" i="10"/>
  <c r="M6125" i="10"/>
  <c r="M6126" i="10"/>
  <c r="M6127" i="10"/>
  <c r="M6128" i="10"/>
  <c r="M6129" i="10"/>
  <c r="M6130" i="10"/>
  <c r="M6131" i="10"/>
  <c r="M6132" i="10"/>
  <c r="M6133" i="10"/>
  <c r="M6134" i="10"/>
  <c r="M6135" i="10"/>
  <c r="M6136" i="10"/>
  <c r="M6137" i="10"/>
  <c r="M6138" i="10"/>
  <c r="M6139" i="10"/>
  <c r="M6140" i="10"/>
  <c r="M6141" i="10"/>
  <c r="M6142" i="10"/>
  <c r="M6143" i="10"/>
  <c r="M6144" i="10"/>
  <c r="M6145" i="10"/>
  <c r="M6146" i="10"/>
  <c r="M6147" i="10"/>
  <c r="M6148" i="10"/>
  <c r="M6149" i="10"/>
  <c r="M6150" i="10"/>
  <c r="M6151" i="10"/>
  <c r="M6152" i="10"/>
  <c r="M6153" i="10"/>
  <c r="M6154" i="10"/>
  <c r="M6155" i="10"/>
  <c r="M6156" i="10"/>
  <c r="M6157" i="10"/>
  <c r="M6158" i="10"/>
  <c r="M6159" i="10"/>
  <c r="M6160" i="10"/>
  <c r="M6161" i="10"/>
  <c r="M6162" i="10"/>
  <c r="M6163" i="10"/>
  <c r="M6164" i="10"/>
  <c r="M6165" i="10"/>
  <c r="M6166" i="10"/>
  <c r="M6167" i="10"/>
  <c r="M6168" i="10"/>
  <c r="M6169" i="10"/>
  <c r="M6170" i="10"/>
  <c r="M6171" i="10"/>
  <c r="M6172" i="10"/>
  <c r="M6173" i="10"/>
  <c r="M6174" i="10"/>
  <c r="M6175" i="10"/>
  <c r="M6176" i="10"/>
  <c r="M6177" i="10"/>
  <c r="M6178" i="10"/>
  <c r="M6179" i="10"/>
  <c r="M6180" i="10"/>
  <c r="M6181" i="10"/>
  <c r="M6182" i="10"/>
  <c r="M6183" i="10"/>
  <c r="M6184" i="10"/>
  <c r="M6185" i="10"/>
  <c r="M6186" i="10"/>
  <c r="M6187" i="10"/>
  <c r="M6188" i="10"/>
  <c r="M6189" i="10"/>
  <c r="M6190" i="10"/>
  <c r="M6191" i="10"/>
  <c r="M6192" i="10"/>
  <c r="M6193" i="10"/>
  <c r="M6194" i="10"/>
  <c r="M6195" i="10"/>
  <c r="M6196" i="10"/>
  <c r="M6197" i="10"/>
  <c r="M6198" i="10"/>
  <c r="M6199" i="10"/>
  <c r="M6200" i="10"/>
  <c r="M6201" i="10"/>
  <c r="M6202" i="10"/>
  <c r="M6203" i="10"/>
  <c r="M6204" i="10"/>
  <c r="M6205" i="10"/>
  <c r="M6206" i="10"/>
  <c r="M6207" i="10"/>
  <c r="M6208" i="10"/>
  <c r="M6209" i="10"/>
  <c r="M6210" i="10"/>
  <c r="M6211" i="10"/>
  <c r="M6212" i="10"/>
  <c r="M6213" i="10"/>
  <c r="M6214" i="10"/>
  <c r="M6215" i="10"/>
  <c r="M6216" i="10"/>
  <c r="M6217" i="10"/>
  <c r="M6218" i="10"/>
  <c r="M6219" i="10"/>
  <c r="M6220" i="10"/>
  <c r="M6221" i="10"/>
  <c r="M6222" i="10"/>
  <c r="M6223" i="10"/>
  <c r="M6224" i="10"/>
  <c r="M6225" i="10"/>
  <c r="M6226" i="10"/>
  <c r="M6227" i="10"/>
  <c r="M6228" i="10"/>
  <c r="M6229" i="10"/>
  <c r="M6230" i="10"/>
  <c r="M6231" i="10"/>
  <c r="M6232" i="10"/>
  <c r="M6233" i="10"/>
  <c r="M6234" i="10"/>
  <c r="M6235" i="10"/>
  <c r="M6236" i="10"/>
  <c r="M6237" i="10"/>
  <c r="M6238" i="10"/>
  <c r="M6239" i="10"/>
  <c r="M6240" i="10"/>
  <c r="M6241" i="10"/>
  <c r="M6242" i="10"/>
  <c r="M6243" i="10"/>
  <c r="M6244" i="10"/>
  <c r="M6245" i="10"/>
  <c r="M6246" i="10"/>
  <c r="M6247" i="10"/>
  <c r="M6248" i="10"/>
  <c r="M6249" i="10"/>
  <c r="M6250" i="10"/>
  <c r="M6251" i="10"/>
  <c r="M6252" i="10"/>
  <c r="M6253" i="10"/>
  <c r="M6254" i="10"/>
  <c r="M6255" i="10"/>
  <c r="M6256" i="10"/>
  <c r="M6257" i="10"/>
  <c r="M6258" i="10"/>
  <c r="M6259" i="10"/>
  <c r="M6260" i="10"/>
  <c r="M6261" i="10"/>
  <c r="M6262" i="10"/>
  <c r="M6263" i="10"/>
  <c r="M6264" i="10"/>
  <c r="M6265" i="10"/>
  <c r="M6266" i="10"/>
  <c r="M6267" i="10"/>
  <c r="M6268" i="10"/>
  <c r="M6269" i="10"/>
  <c r="M6270" i="10"/>
  <c r="M6271" i="10"/>
  <c r="M6272" i="10"/>
  <c r="M6273" i="10"/>
  <c r="M6274" i="10"/>
  <c r="M6275" i="10"/>
  <c r="M6276" i="10"/>
  <c r="M6277" i="10"/>
  <c r="M6278" i="10"/>
  <c r="M6279" i="10"/>
  <c r="M6280" i="10"/>
  <c r="M6281" i="10"/>
  <c r="M6282" i="10"/>
  <c r="M6283" i="10"/>
  <c r="M6284" i="10"/>
  <c r="M6285" i="10"/>
  <c r="M6286" i="10"/>
  <c r="M6287" i="10"/>
  <c r="M6288" i="10"/>
  <c r="M6289" i="10"/>
  <c r="M6290" i="10"/>
  <c r="M6291" i="10"/>
  <c r="M6292" i="10"/>
  <c r="M6293" i="10"/>
  <c r="M6294" i="10"/>
  <c r="M6295" i="10"/>
  <c r="M6296" i="10"/>
  <c r="M6297" i="10"/>
  <c r="M6298" i="10"/>
  <c r="M6299" i="10"/>
  <c r="M6300" i="10"/>
  <c r="M6301" i="10"/>
  <c r="M6302" i="10"/>
  <c r="M6303" i="10"/>
  <c r="M6304" i="10"/>
  <c r="M6305" i="10"/>
  <c r="M6306" i="10"/>
  <c r="M6307" i="10"/>
  <c r="M6308" i="10"/>
  <c r="M6309" i="10"/>
  <c r="M6310" i="10"/>
  <c r="M6311" i="10"/>
  <c r="M6312" i="10"/>
  <c r="M6313" i="10"/>
  <c r="M6314" i="10"/>
  <c r="M6315" i="10"/>
  <c r="M6316" i="10"/>
  <c r="M6317" i="10"/>
  <c r="M6318" i="10"/>
  <c r="M6319" i="10"/>
  <c r="M6320" i="10"/>
  <c r="M6321" i="10"/>
  <c r="M6322" i="10"/>
  <c r="M6323" i="10"/>
  <c r="M6324" i="10"/>
  <c r="M6325" i="10"/>
  <c r="M6326" i="10"/>
  <c r="M6327" i="10"/>
  <c r="M6328" i="10"/>
  <c r="M6329" i="10"/>
  <c r="M6330" i="10"/>
  <c r="M6331" i="10"/>
  <c r="M6332" i="10"/>
  <c r="M6333" i="10"/>
  <c r="M6334" i="10"/>
  <c r="M6335" i="10"/>
  <c r="M6336" i="10"/>
  <c r="M6337" i="10"/>
  <c r="M6338" i="10"/>
  <c r="M6339" i="10"/>
  <c r="M6340" i="10"/>
  <c r="M6341" i="10"/>
  <c r="M6342" i="10"/>
  <c r="M6343" i="10"/>
  <c r="M6344" i="10"/>
  <c r="M6345" i="10"/>
  <c r="M6346" i="10"/>
  <c r="M6347" i="10"/>
  <c r="M6348" i="10"/>
  <c r="M6349" i="10"/>
  <c r="M6350" i="10"/>
  <c r="M6351" i="10"/>
  <c r="M6352" i="10"/>
  <c r="M6353" i="10"/>
  <c r="M6354" i="10"/>
  <c r="M6355" i="10"/>
  <c r="M6356" i="10"/>
  <c r="M6357" i="10"/>
  <c r="M6358" i="10"/>
  <c r="M6359" i="10"/>
  <c r="M6360" i="10"/>
  <c r="M6361" i="10"/>
  <c r="M6362" i="10"/>
  <c r="M6363" i="10"/>
  <c r="M6364" i="10"/>
  <c r="M6365" i="10"/>
  <c r="M6366" i="10"/>
  <c r="M6367" i="10"/>
  <c r="M6368" i="10"/>
  <c r="M6369" i="10"/>
  <c r="M6370" i="10"/>
  <c r="M6371" i="10"/>
  <c r="M6372" i="10"/>
  <c r="M6373" i="10"/>
  <c r="M6374" i="10"/>
  <c r="M6375" i="10"/>
  <c r="M6376" i="10"/>
  <c r="M6377" i="10"/>
  <c r="M6378" i="10"/>
  <c r="M6379" i="10"/>
  <c r="M6380" i="10"/>
  <c r="M6381" i="10"/>
  <c r="M6382" i="10"/>
  <c r="M6383" i="10"/>
  <c r="M6384" i="10"/>
  <c r="M6385" i="10"/>
  <c r="M6386" i="10"/>
  <c r="M6387" i="10"/>
  <c r="M6388" i="10"/>
  <c r="M6389" i="10"/>
  <c r="M6390" i="10"/>
  <c r="M6391" i="10"/>
  <c r="M6392" i="10"/>
  <c r="M6393" i="10"/>
  <c r="M6394" i="10"/>
  <c r="M6395" i="10"/>
  <c r="M6396" i="10"/>
  <c r="M6397" i="10"/>
  <c r="M6398" i="10"/>
  <c r="M6399" i="10"/>
  <c r="M6400" i="10"/>
  <c r="M6401" i="10"/>
  <c r="M6402" i="10"/>
  <c r="M6403" i="10"/>
  <c r="M6404" i="10"/>
  <c r="M6405" i="10"/>
  <c r="M6406" i="10"/>
  <c r="M6407" i="10"/>
  <c r="M6408" i="10"/>
  <c r="M6409" i="10"/>
  <c r="M6410" i="10"/>
  <c r="M6411" i="10"/>
  <c r="M6412" i="10"/>
  <c r="M6413" i="10"/>
  <c r="M6414" i="10"/>
  <c r="M6415" i="10"/>
  <c r="M6416" i="10"/>
  <c r="M6417" i="10"/>
  <c r="M6418" i="10"/>
  <c r="M6419" i="10"/>
  <c r="M6420" i="10"/>
  <c r="M6421" i="10"/>
  <c r="M6422" i="10"/>
  <c r="M6423" i="10"/>
  <c r="M6424" i="10"/>
  <c r="M6425" i="10"/>
  <c r="M6426" i="10"/>
  <c r="M6427" i="10"/>
  <c r="M6428" i="10"/>
  <c r="M6429" i="10"/>
  <c r="M6430" i="10"/>
  <c r="M6431" i="10"/>
  <c r="M6432" i="10"/>
  <c r="M6433" i="10"/>
  <c r="M6434" i="10"/>
  <c r="M6435" i="10"/>
  <c r="M6436" i="10"/>
  <c r="M6437" i="10"/>
  <c r="M6438" i="10"/>
  <c r="M6439" i="10"/>
  <c r="M6440" i="10"/>
  <c r="M6441" i="10"/>
  <c r="M6442" i="10"/>
  <c r="M6443" i="10"/>
  <c r="M6444" i="10"/>
  <c r="M6445" i="10"/>
  <c r="M6446" i="10"/>
  <c r="M6447" i="10"/>
  <c r="M6448" i="10"/>
  <c r="M6449" i="10"/>
  <c r="M6450" i="10"/>
  <c r="M6451" i="10"/>
  <c r="M6452" i="10"/>
  <c r="M6453" i="10"/>
  <c r="M6454" i="10"/>
  <c r="M6455" i="10"/>
  <c r="M6456" i="10"/>
  <c r="M6457" i="10"/>
  <c r="M6458" i="10"/>
  <c r="M6459" i="10"/>
  <c r="M6460" i="10"/>
  <c r="M6461" i="10"/>
  <c r="M6462" i="10"/>
  <c r="M6463" i="10"/>
  <c r="M6464" i="10"/>
  <c r="M6465" i="10"/>
  <c r="M6466" i="10"/>
  <c r="M6467" i="10"/>
  <c r="M6468" i="10"/>
  <c r="M6469" i="10"/>
  <c r="M6470" i="10"/>
  <c r="M6471" i="10"/>
  <c r="M6472" i="10"/>
  <c r="M6473" i="10"/>
  <c r="M6474" i="10"/>
  <c r="M6475" i="10"/>
  <c r="M6476" i="10"/>
  <c r="M6477" i="10"/>
  <c r="M6478" i="10"/>
  <c r="M6479" i="10"/>
  <c r="M6480" i="10"/>
  <c r="M6481" i="10"/>
  <c r="M6482" i="10"/>
  <c r="M6483" i="10"/>
  <c r="M6484" i="10"/>
  <c r="M6485" i="10"/>
  <c r="M6486" i="10"/>
  <c r="M6487" i="10"/>
  <c r="M6488" i="10"/>
  <c r="M6489" i="10"/>
  <c r="M6490" i="10"/>
  <c r="M6491" i="10"/>
  <c r="M6492" i="10"/>
  <c r="M6493" i="10"/>
  <c r="M6494" i="10"/>
  <c r="M6495" i="10"/>
  <c r="M6496" i="10"/>
  <c r="M6497" i="10"/>
  <c r="M6498" i="10"/>
  <c r="M6499" i="10"/>
  <c r="M6500" i="10"/>
  <c r="M6501" i="10"/>
  <c r="M6502" i="10"/>
  <c r="M6503" i="10"/>
  <c r="M6504" i="10"/>
  <c r="M6505" i="10"/>
  <c r="M6506" i="10"/>
  <c r="M6507" i="10"/>
  <c r="M6508" i="10"/>
  <c r="M6509" i="10"/>
  <c r="M6510" i="10"/>
  <c r="M6511" i="10"/>
  <c r="M6512" i="10"/>
  <c r="M6513" i="10"/>
  <c r="M6514" i="10"/>
  <c r="M6515" i="10"/>
  <c r="M6516" i="10"/>
  <c r="M6517" i="10"/>
  <c r="M6518" i="10"/>
  <c r="M6519" i="10"/>
  <c r="M6520" i="10"/>
  <c r="M6521" i="10"/>
  <c r="M6522" i="10"/>
  <c r="M6523" i="10"/>
  <c r="M6524" i="10"/>
  <c r="M6525" i="10"/>
  <c r="M6526" i="10"/>
  <c r="M6527" i="10"/>
  <c r="M6528" i="10"/>
  <c r="M6529" i="10"/>
  <c r="M6530" i="10"/>
  <c r="M6531" i="10"/>
  <c r="M6532" i="10"/>
  <c r="M6533" i="10"/>
  <c r="M6534" i="10"/>
  <c r="M6535" i="10"/>
  <c r="M6536" i="10"/>
  <c r="M6537" i="10"/>
  <c r="M6538" i="10"/>
  <c r="M6539" i="10"/>
  <c r="M6540" i="10"/>
  <c r="M6541" i="10"/>
  <c r="M6542" i="10"/>
  <c r="M6543" i="10"/>
  <c r="M6544" i="10"/>
  <c r="M6545" i="10"/>
  <c r="M6546" i="10"/>
  <c r="M6547" i="10"/>
  <c r="M6548" i="10"/>
  <c r="M6549" i="10"/>
  <c r="M6550" i="10"/>
  <c r="M6551" i="10"/>
  <c r="M6552" i="10"/>
  <c r="M6553" i="10"/>
  <c r="M6554" i="10"/>
  <c r="M6555" i="10"/>
  <c r="M6556" i="10"/>
  <c r="M6557" i="10"/>
  <c r="M6558" i="10"/>
  <c r="M6559" i="10"/>
  <c r="M6560" i="10"/>
  <c r="M6561" i="10"/>
  <c r="M6562" i="10"/>
  <c r="M6563" i="10"/>
  <c r="M6564" i="10"/>
  <c r="M6565" i="10"/>
  <c r="M6566" i="10"/>
  <c r="M6567" i="10"/>
  <c r="M6568" i="10"/>
  <c r="M6569" i="10"/>
  <c r="M6570" i="10"/>
  <c r="M6571" i="10"/>
  <c r="M6572" i="10"/>
  <c r="M6573" i="10"/>
  <c r="M6574" i="10"/>
  <c r="M6575" i="10"/>
  <c r="M6576" i="10"/>
  <c r="M6577" i="10"/>
  <c r="M6578" i="10"/>
  <c r="M6579" i="10"/>
  <c r="M6580" i="10"/>
  <c r="M6581" i="10"/>
  <c r="M6582" i="10"/>
  <c r="M6583" i="10"/>
  <c r="M6584" i="10"/>
  <c r="M6585" i="10"/>
  <c r="M6586" i="10"/>
  <c r="M6587" i="10"/>
  <c r="M6588" i="10"/>
  <c r="M6589" i="10"/>
  <c r="M6590" i="10"/>
  <c r="M6591" i="10"/>
  <c r="M6592" i="10"/>
  <c r="M6593" i="10"/>
  <c r="M6594" i="10"/>
  <c r="M6595" i="10"/>
  <c r="M6596" i="10"/>
  <c r="M6597" i="10"/>
  <c r="M6598" i="10"/>
  <c r="M6599" i="10"/>
  <c r="M6600" i="10"/>
  <c r="M6601" i="10"/>
  <c r="M6602" i="10"/>
  <c r="M6603" i="10"/>
  <c r="M6604" i="10"/>
  <c r="M6605" i="10"/>
  <c r="M6606" i="10"/>
  <c r="M6607" i="10"/>
  <c r="M6608" i="10"/>
  <c r="M6609" i="10"/>
  <c r="M6610" i="10"/>
  <c r="M6611" i="10"/>
  <c r="M6612" i="10"/>
  <c r="M6613" i="10"/>
  <c r="M6614" i="10"/>
  <c r="M6615" i="10"/>
  <c r="M6616" i="10"/>
  <c r="M6617" i="10"/>
  <c r="M6618" i="10"/>
  <c r="M6619" i="10"/>
  <c r="M6620" i="10"/>
  <c r="M6621" i="10"/>
  <c r="M6622" i="10"/>
  <c r="M6623" i="10"/>
  <c r="M6624" i="10"/>
  <c r="M6625" i="10"/>
  <c r="M6626" i="10"/>
  <c r="M6627" i="10"/>
  <c r="M6628" i="10"/>
  <c r="M6629" i="10"/>
  <c r="M6630" i="10"/>
  <c r="M6631" i="10"/>
  <c r="M6632" i="10"/>
  <c r="M6633" i="10"/>
  <c r="M6634" i="10"/>
  <c r="M6635" i="10"/>
  <c r="M6636" i="10"/>
  <c r="M6637" i="10"/>
  <c r="M6638" i="10"/>
  <c r="M6639" i="10"/>
  <c r="M6640" i="10"/>
  <c r="M6641" i="10"/>
  <c r="M6642" i="10"/>
  <c r="M6643" i="10"/>
  <c r="M6644" i="10"/>
  <c r="M6645" i="10"/>
  <c r="M6646" i="10"/>
  <c r="M6647" i="10"/>
  <c r="M6648" i="10"/>
  <c r="M6649" i="10"/>
  <c r="M6650" i="10"/>
  <c r="M6651" i="10"/>
  <c r="M6652" i="10"/>
  <c r="M6653" i="10"/>
  <c r="M6654" i="10"/>
  <c r="M6655" i="10"/>
  <c r="M6656" i="10"/>
  <c r="M6657" i="10"/>
  <c r="M6658" i="10"/>
  <c r="M6659" i="10"/>
  <c r="M6660" i="10"/>
  <c r="M6661" i="10"/>
  <c r="M6662" i="10"/>
  <c r="M6663" i="10"/>
  <c r="M6664" i="10"/>
  <c r="M6665" i="10"/>
  <c r="M6666" i="10"/>
  <c r="M6667" i="10"/>
  <c r="M6668" i="10"/>
  <c r="M6669" i="10"/>
  <c r="M6670" i="10"/>
  <c r="M6671" i="10"/>
  <c r="M6672" i="10"/>
  <c r="M6673" i="10"/>
  <c r="M6674" i="10"/>
  <c r="M6675" i="10"/>
  <c r="M6676" i="10"/>
  <c r="M6677" i="10"/>
  <c r="M6678" i="10"/>
  <c r="M6679" i="10"/>
  <c r="M6680" i="10"/>
  <c r="M6681" i="10"/>
  <c r="M6682" i="10"/>
  <c r="M6683" i="10"/>
  <c r="M6684" i="10"/>
  <c r="M6685" i="10"/>
  <c r="M6686" i="10"/>
  <c r="M6687" i="10"/>
  <c r="M6688" i="10"/>
  <c r="M6689" i="10"/>
  <c r="M6690" i="10"/>
  <c r="M6691" i="10"/>
  <c r="M6692" i="10"/>
  <c r="M6693" i="10"/>
  <c r="M6694" i="10"/>
  <c r="M6695" i="10"/>
  <c r="M6696" i="10"/>
  <c r="M6697" i="10"/>
  <c r="M6698" i="10"/>
  <c r="M6699" i="10"/>
  <c r="M6700" i="10"/>
  <c r="M6701" i="10"/>
  <c r="M6702" i="10"/>
  <c r="M6703" i="10"/>
  <c r="M6704" i="10"/>
  <c r="M6705" i="10"/>
  <c r="M6706" i="10"/>
  <c r="M6707" i="10"/>
  <c r="M6708" i="10"/>
  <c r="M6709" i="10"/>
  <c r="M6710" i="10"/>
  <c r="M6711" i="10"/>
  <c r="M6712" i="10"/>
  <c r="M6713" i="10"/>
  <c r="M6714" i="10"/>
  <c r="M6715" i="10"/>
  <c r="M6716" i="10"/>
  <c r="M6717" i="10"/>
  <c r="M6718" i="10"/>
  <c r="M6719" i="10"/>
  <c r="M6720" i="10"/>
  <c r="M6721" i="10"/>
  <c r="M6722" i="10"/>
  <c r="M6723" i="10"/>
  <c r="M6724" i="10"/>
  <c r="M6725" i="10"/>
  <c r="M6726" i="10"/>
  <c r="M6727" i="10"/>
  <c r="M6728" i="10"/>
  <c r="M6729" i="10"/>
  <c r="M6730" i="10"/>
  <c r="M6731" i="10"/>
  <c r="M6732" i="10"/>
  <c r="M6733" i="10"/>
  <c r="M6734" i="10"/>
  <c r="M6735" i="10"/>
  <c r="M6736" i="10"/>
  <c r="M6737" i="10"/>
  <c r="M6738" i="10"/>
  <c r="M6739" i="10"/>
  <c r="M6740" i="10"/>
  <c r="M6741" i="10"/>
  <c r="M6742" i="10"/>
  <c r="M6743" i="10"/>
  <c r="M6744" i="10"/>
  <c r="M6745" i="10"/>
  <c r="M6746" i="10"/>
  <c r="M6747" i="10"/>
  <c r="M6748" i="10"/>
  <c r="M6749" i="10"/>
  <c r="M6750" i="10"/>
  <c r="M6751" i="10"/>
  <c r="M6752" i="10"/>
  <c r="M6753" i="10"/>
  <c r="M6754" i="10"/>
  <c r="M6755" i="10"/>
  <c r="M6756" i="10"/>
  <c r="M6757" i="10"/>
  <c r="M6758" i="10"/>
  <c r="M6759" i="10"/>
  <c r="M6760" i="10"/>
  <c r="M6761" i="10"/>
  <c r="M6762" i="10"/>
  <c r="M6763" i="10"/>
  <c r="M6764" i="10"/>
  <c r="M6765" i="10"/>
  <c r="M6766" i="10"/>
  <c r="M6767" i="10"/>
  <c r="M6768" i="10"/>
  <c r="M6769" i="10"/>
  <c r="M6770" i="10"/>
  <c r="M6771" i="10"/>
  <c r="M6772" i="10"/>
  <c r="M6773" i="10"/>
  <c r="M6774" i="10"/>
  <c r="M6775" i="10"/>
  <c r="M6776" i="10"/>
  <c r="M6777" i="10"/>
  <c r="M6778" i="10"/>
  <c r="M6779" i="10"/>
  <c r="M6780" i="10"/>
  <c r="M6781" i="10"/>
  <c r="M6782" i="10"/>
  <c r="M6783" i="10"/>
  <c r="M6784" i="10"/>
  <c r="M6785" i="10"/>
  <c r="M6786" i="10"/>
  <c r="M6787" i="10"/>
  <c r="M6788" i="10"/>
  <c r="M6789" i="10"/>
  <c r="M6790" i="10"/>
  <c r="M6791" i="10"/>
  <c r="M6792" i="10"/>
  <c r="M6793" i="10"/>
  <c r="M6794" i="10"/>
  <c r="M6795" i="10"/>
  <c r="M6796" i="10"/>
  <c r="M6797" i="10"/>
  <c r="M6798" i="10"/>
  <c r="M6799" i="10"/>
  <c r="M6800" i="10"/>
  <c r="M6801" i="10"/>
  <c r="M6802" i="10"/>
  <c r="M6803" i="10"/>
  <c r="M6804" i="10"/>
  <c r="M6805" i="10"/>
  <c r="M6806" i="10"/>
  <c r="M6807" i="10"/>
  <c r="M6808" i="10"/>
  <c r="M6809" i="10"/>
  <c r="M6810" i="10"/>
  <c r="M6811" i="10"/>
  <c r="M6812" i="10"/>
  <c r="M6813" i="10"/>
  <c r="M6814" i="10"/>
  <c r="M6815" i="10"/>
  <c r="M6816" i="10"/>
  <c r="M6817" i="10"/>
  <c r="M6818" i="10"/>
  <c r="M6819" i="10"/>
  <c r="M6820" i="10"/>
  <c r="M6821" i="10"/>
  <c r="M6822" i="10"/>
  <c r="M6823" i="10"/>
  <c r="M6824" i="10"/>
  <c r="M6825" i="10"/>
  <c r="M6826" i="10"/>
  <c r="M6827" i="10"/>
  <c r="M6828" i="10"/>
  <c r="M6829" i="10"/>
  <c r="M6830" i="10"/>
  <c r="M6831" i="10"/>
  <c r="M6832" i="10"/>
  <c r="M6833" i="10"/>
  <c r="M6834" i="10"/>
  <c r="M6835" i="10"/>
  <c r="M6836" i="10"/>
  <c r="M6837" i="10"/>
  <c r="M6838" i="10"/>
  <c r="M6839" i="10"/>
  <c r="M6840" i="10"/>
  <c r="M6841" i="10"/>
  <c r="M6842" i="10"/>
  <c r="M6843" i="10"/>
  <c r="M6844" i="10"/>
  <c r="M6845" i="10"/>
  <c r="M6846" i="10"/>
  <c r="M6847" i="10"/>
  <c r="M6848" i="10"/>
  <c r="M6849" i="10"/>
  <c r="M6850" i="10"/>
  <c r="M6851" i="10"/>
  <c r="M6852" i="10"/>
  <c r="M6853" i="10"/>
  <c r="M6854" i="10"/>
  <c r="M6855" i="10"/>
  <c r="M6856" i="10"/>
  <c r="M6857" i="10"/>
  <c r="M6858" i="10"/>
  <c r="M6859" i="10"/>
  <c r="M6860" i="10"/>
  <c r="M6861" i="10"/>
  <c r="M6862" i="10"/>
  <c r="M6863" i="10"/>
  <c r="M6864" i="10"/>
  <c r="M6865" i="10"/>
  <c r="M6866" i="10"/>
  <c r="M6867" i="10"/>
  <c r="M6868" i="10"/>
  <c r="M6869" i="10"/>
  <c r="M6870" i="10"/>
  <c r="M6871" i="10"/>
  <c r="M6872" i="10"/>
  <c r="M6873" i="10"/>
  <c r="M6874" i="10"/>
  <c r="M6875" i="10"/>
  <c r="M6876" i="10"/>
  <c r="M6877" i="10"/>
  <c r="M6878" i="10"/>
  <c r="M6879" i="10"/>
  <c r="M6880" i="10"/>
  <c r="M6881" i="10"/>
  <c r="M6882" i="10"/>
  <c r="M6883" i="10"/>
  <c r="M6884" i="10"/>
  <c r="M6885" i="10"/>
  <c r="M6886" i="10"/>
  <c r="M6887" i="10"/>
  <c r="M6888" i="10"/>
  <c r="M6889" i="10"/>
  <c r="M6890" i="10"/>
  <c r="M6891" i="10"/>
  <c r="M6892" i="10"/>
  <c r="M6893" i="10"/>
  <c r="M6894" i="10"/>
  <c r="M6895" i="10"/>
  <c r="M6896" i="10"/>
  <c r="M6897" i="10"/>
  <c r="M6898" i="10"/>
  <c r="M6899" i="10"/>
  <c r="M6900" i="10"/>
  <c r="M6901" i="10"/>
  <c r="M6902" i="10"/>
  <c r="M6903" i="10"/>
  <c r="M6904" i="10"/>
  <c r="M6905" i="10"/>
  <c r="M6906" i="10"/>
  <c r="M6907" i="10"/>
  <c r="M6908" i="10"/>
  <c r="M6909" i="10"/>
  <c r="M6910" i="10"/>
  <c r="M6911" i="10"/>
  <c r="M6912" i="10"/>
  <c r="M6913" i="10"/>
  <c r="M6914" i="10"/>
  <c r="M6915" i="10"/>
  <c r="M6916" i="10"/>
  <c r="M6917" i="10"/>
  <c r="M6918" i="10"/>
  <c r="M6919" i="10"/>
  <c r="M6920" i="10"/>
  <c r="M6921" i="10"/>
  <c r="M6922" i="10"/>
  <c r="M6923" i="10"/>
  <c r="M6924" i="10"/>
  <c r="M6925" i="10"/>
  <c r="M6926" i="10"/>
  <c r="M6927" i="10"/>
  <c r="M6928" i="10"/>
  <c r="M6929" i="10"/>
  <c r="M6930" i="10"/>
  <c r="M6931" i="10"/>
  <c r="M6932" i="10"/>
  <c r="M6933" i="10"/>
  <c r="M6934" i="10"/>
  <c r="M6935" i="10"/>
  <c r="M6936" i="10"/>
  <c r="M6937" i="10"/>
  <c r="M6938" i="10"/>
  <c r="M6939" i="10"/>
  <c r="M6940" i="10"/>
  <c r="M6941" i="10"/>
  <c r="M6942" i="10"/>
  <c r="M6943" i="10"/>
  <c r="M6944" i="10"/>
  <c r="M6945" i="10"/>
  <c r="M6946" i="10"/>
  <c r="M6947" i="10"/>
  <c r="M6948" i="10"/>
  <c r="M6949" i="10"/>
  <c r="M6950" i="10"/>
  <c r="M6951" i="10"/>
  <c r="M6952" i="10"/>
  <c r="M6953" i="10"/>
  <c r="M6954" i="10"/>
  <c r="M6955" i="10"/>
  <c r="M6956" i="10"/>
  <c r="M6957" i="10"/>
  <c r="M6958" i="10"/>
  <c r="M6959" i="10"/>
  <c r="M6960" i="10"/>
  <c r="M6961" i="10"/>
  <c r="M6962" i="10"/>
  <c r="M6963" i="10"/>
  <c r="M6964" i="10"/>
  <c r="M6965" i="10"/>
  <c r="M6966" i="10"/>
  <c r="M6967" i="10"/>
  <c r="M6968" i="10"/>
  <c r="M6969" i="10"/>
  <c r="M6970" i="10"/>
  <c r="M6971" i="10"/>
  <c r="M6972" i="10"/>
  <c r="M6973" i="10"/>
  <c r="M6974" i="10"/>
  <c r="M6975" i="10"/>
  <c r="M6976" i="10"/>
  <c r="M6977" i="10"/>
  <c r="M6978" i="10"/>
  <c r="M6979" i="10"/>
  <c r="M6980" i="10"/>
  <c r="M6981" i="10"/>
  <c r="M6982" i="10"/>
  <c r="M6983" i="10"/>
  <c r="M6984" i="10"/>
  <c r="M6985" i="10"/>
  <c r="M6986" i="10"/>
  <c r="M6987" i="10"/>
  <c r="M6988" i="10"/>
  <c r="M6989" i="10"/>
  <c r="M6990" i="10"/>
  <c r="M6991" i="10"/>
  <c r="M6992" i="10"/>
  <c r="M6993" i="10"/>
  <c r="M6994" i="10"/>
  <c r="M6995" i="10"/>
  <c r="M6996" i="10"/>
  <c r="M6997" i="10"/>
  <c r="M6998" i="10"/>
  <c r="M6999" i="10"/>
  <c r="M7000" i="10"/>
  <c r="M7001" i="10"/>
  <c r="M7002" i="10"/>
  <c r="M7003" i="10"/>
  <c r="M7004" i="10"/>
  <c r="M7005" i="10"/>
  <c r="M7006" i="10"/>
  <c r="M7007" i="10"/>
  <c r="M7008" i="10"/>
  <c r="M7009" i="10"/>
  <c r="M7010" i="10"/>
  <c r="M7011" i="10"/>
  <c r="M7012" i="10"/>
  <c r="M7013" i="10"/>
  <c r="M7014" i="10"/>
  <c r="M7015" i="10"/>
  <c r="M7016" i="10"/>
  <c r="M7017" i="10"/>
  <c r="M7018" i="10"/>
  <c r="M7019" i="10"/>
  <c r="M7020" i="10"/>
  <c r="M7021" i="10"/>
  <c r="M7022" i="10"/>
  <c r="M7023" i="10"/>
  <c r="M7024" i="10"/>
  <c r="M7025" i="10"/>
  <c r="M7026" i="10"/>
  <c r="M7027" i="10"/>
  <c r="M7028" i="10"/>
  <c r="M7029" i="10"/>
  <c r="M7030" i="10"/>
  <c r="M7031" i="10"/>
  <c r="M7032" i="10"/>
  <c r="M7033" i="10"/>
  <c r="M7034" i="10"/>
  <c r="M7035" i="10"/>
  <c r="M7036" i="10"/>
  <c r="M7037" i="10"/>
  <c r="M7038" i="10"/>
  <c r="M7039" i="10"/>
  <c r="M7040" i="10"/>
  <c r="M7041" i="10"/>
  <c r="M7042" i="10"/>
  <c r="M7043" i="10"/>
  <c r="M7044" i="10"/>
  <c r="M7045" i="10"/>
  <c r="M7046" i="10"/>
  <c r="M7047" i="10"/>
  <c r="M7048" i="10"/>
  <c r="M7049" i="10"/>
  <c r="M7050" i="10"/>
  <c r="M7051" i="10"/>
  <c r="M7052" i="10"/>
  <c r="M7053" i="10"/>
  <c r="M7054" i="10"/>
  <c r="M7055" i="10"/>
  <c r="M7056" i="10"/>
  <c r="M7057" i="10"/>
  <c r="M7058" i="10"/>
  <c r="M7059" i="10"/>
  <c r="M7060" i="10"/>
  <c r="M7061" i="10"/>
  <c r="M7062" i="10"/>
  <c r="M7063" i="10"/>
  <c r="M7064" i="10"/>
  <c r="M7065" i="10"/>
  <c r="M7066" i="10"/>
  <c r="M7067" i="10"/>
  <c r="M7068" i="10"/>
  <c r="M7069" i="10"/>
  <c r="M7070" i="10"/>
  <c r="M7071" i="10"/>
  <c r="M7072" i="10"/>
  <c r="M7073" i="10"/>
  <c r="M7074" i="10"/>
  <c r="M7075" i="10"/>
  <c r="M7076" i="10"/>
  <c r="M7077" i="10"/>
  <c r="M7078" i="10"/>
  <c r="M7079" i="10"/>
  <c r="M7080" i="10"/>
  <c r="M7081" i="10"/>
  <c r="M7082" i="10"/>
  <c r="M7083" i="10"/>
  <c r="M7084" i="10"/>
  <c r="M7085" i="10"/>
  <c r="M7086" i="10"/>
  <c r="M7087" i="10"/>
  <c r="M7088" i="10"/>
  <c r="M7089" i="10"/>
  <c r="M7090" i="10"/>
  <c r="M7091" i="10"/>
  <c r="M7092" i="10"/>
  <c r="M7093" i="10"/>
  <c r="M7094" i="10"/>
  <c r="M7095" i="10"/>
  <c r="M7096" i="10"/>
  <c r="M7097" i="10"/>
  <c r="M7098" i="10"/>
  <c r="M7099" i="10"/>
  <c r="M7100" i="10"/>
  <c r="M7101" i="10"/>
  <c r="M7102" i="10"/>
  <c r="M7103" i="10"/>
  <c r="M7104" i="10"/>
  <c r="M7105" i="10"/>
  <c r="M7106" i="10"/>
  <c r="M7107" i="10"/>
  <c r="M7108" i="10"/>
  <c r="M7109" i="10"/>
  <c r="M7110" i="10"/>
  <c r="M7111" i="10"/>
  <c r="M7112" i="10"/>
  <c r="M7113" i="10"/>
  <c r="M7114" i="10"/>
  <c r="M7115" i="10"/>
  <c r="M7116" i="10"/>
  <c r="M7117" i="10"/>
  <c r="M7118" i="10"/>
  <c r="M7119" i="10"/>
  <c r="M7120" i="10"/>
  <c r="M7121" i="10"/>
  <c r="M7122" i="10"/>
  <c r="M7123" i="10"/>
  <c r="M7124" i="10"/>
  <c r="M7125" i="10"/>
  <c r="M7126" i="10"/>
  <c r="M7127" i="10"/>
  <c r="M7128" i="10"/>
  <c r="M7129" i="10"/>
  <c r="M7130" i="10"/>
  <c r="M7131" i="10"/>
  <c r="M7132" i="10"/>
  <c r="M7133" i="10"/>
  <c r="M7134" i="10"/>
  <c r="M7135" i="10"/>
  <c r="M7136" i="10"/>
  <c r="M7137" i="10"/>
  <c r="M7138" i="10"/>
  <c r="M7139" i="10"/>
  <c r="M7140" i="10"/>
  <c r="M7141" i="10"/>
  <c r="M7142" i="10"/>
  <c r="M7143" i="10"/>
  <c r="M7144" i="10"/>
  <c r="M7145" i="10"/>
  <c r="M7146" i="10"/>
  <c r="M7147" i="10"/>
  <c r="M7148" i="10"/>
  <c r="M7149" i="10"/>
  <c r="M7150" i="10"/>
  <c r="M7151" i="10"/>
  <c r="M7152" i="10"/>
  <c r="M7153" i="10"/>
  <c r="M7154" i="10"/>
  <c r="M7155" i="10"/>
  <c r="M7156" i="10"/>
  <c r="M7157" i="10"/>
  <c r="M7158" i="10"/>
  <c r="M7159" i="10"/>
  <c r="M7160" i="10"/>
  <c r="M7161" i="10"/>
  <c r="M7162" i="10"/>
  <c r="M7163" i="10"/>
  <c r="M7164" i="10"/>
  <c r="M7165" i="10"/>
  <c r="M7166" i="10"/>
  <c r="M7167" i="10"/>
  <c r="M7168" i="10"/>
  <c r="M7169" i="10"/>
  <c r="M7170" i="10"/>
  <c r="M7171" i="10"/>
  <c r="M7172" i="10"/>
  <c r="M7173" i="10"/>
  <c r="M7174" i="10"/>
  <c r="M7175" i="10"/>
  <c r="M7176" i="10"/>
  <c r="M7177" i="10"/>
  <c r="M7178" i="10"/>
  <c r="M7179" i="10"/>
  <c r="M7180" i="10"/>
  <c r="M7181" i="10"/>
  <c r="M7182" i="10"/>
  <c r="M7183" i="10"/>
  <c r="M7184" i="10"/>
  <c r="M7185" i="10"/>
  <c r="M7186" i="10"/>
  <c r="M7187" i="10"/>
  <c r="M7188" i="10"/>
  <c r="M7189" i="10"/>
  <c r="M7190" i="10"/>
  <c r="M7191" i="10"/>
  <c r="M7192" i="10"/>
  <c r="M7193" i="10"/>
  <c r="M7194" i="10"/>
  <c r="M7195" i="10"/>
  <c r="M7196" i="10"/>
  <c r="M7197" i="10"/>
  <c r="M7198" i="10"/>
  <c r="M7199" i="10"/>
  <c r="M7200" i="10"/>
  <c r="M7201" i="10"/>
  <c r="M7202" i="10"/>
  <c r="M7203" i="10"/>
  <c r="M7204" i="10"/>
  <c r="M7205" i="10"/>
  <c r="M7206" i="10"/>
  <c r="M7207" i="10"/>
  <c r="M7208" i="10"/>
  <c r="M7209" i="10"/>
  <c r="M7210" i="10"/>
  <c r="M7211" i="10"/>
  <c r="M7212" i="10"/>
  <c r="M7213" i="10"/>
  <c r="M7214" i="10"/>
  <c r="M7215" i="10"/>
  <c r="M7216" i="10"/>
  <c r="M7217" i="10"/>
  <c r="M7218" i="10"/>
  <c r="M7219" i="10"/>
  <c r="M7220" i="10"/>
  <c r="M7221" i="10"/>
  <c r="M7222" i="10"/>
  <c r="M7223" i="10"/>
  <c r="M7224" i="10"/>
  <c r="M7225" i="10"/>
  <c r="M7226" i="10"/>
  <c r="M7227" i="10"/>
  <c r="M7228" i="10"/>
  <c r="M7229" i="10"/>
  <c r="M7230" i="10"/>
  <c r="M7231" i="10"/>
  <c r="M7232" i="10"/>
  <c r="M7233" i="10"/>
  <c r="M7234" i="10"/>
  <c r="M7235" i="10"/>
  <c r="M7236" i="10"/>
  <c r="M7237" i="10"/>
  <c r="M7238" i="10"/>
  <c r="M7239" i="10"/>
  <c r="M7240" i="10"/>
  <c r="M7241" i="10"/>
  <c r="M7242" i="10"/>
  <c r="M7243" i="10"/>
  <c r="M7244" i="10"/>
  <c r="M7245" i="10"/>
  <c r="M7246" i="10"/>
  <c r="M7247" i="10"/>
  <c r="M7248" i="10"/>
  <c r="M7249" i="10"/>
  <c r="M7250" i="10"/>
  <c r="M7251" i="10"/>
  <c r="M7252" i="10"/>
  <c r="M7253" i="10"/>
  <c r="M7254" i="10"/>
  <c r="M7255" i="10"/>
  <c r="M7256" i="10"/>
  <c r="M7257" i="10"/>
  <c r="M7258" i="10"/>
  <c r="M7259" i="10"/>
  <c r="M7260" i="10"/>
  <c r="M7261" i="10"/>
  <c r="M7262" i="10"/>
  <c r="M7263" i="10"/>
  <c r="M7264" i="10"/>
  <c r="M7265" i="10"/>
  <c r="M7266" i="10"/>
  <c r="M7267" i="10"/>
  <c r="M7268" i="10"/>
  <c r="M7269" i="10"/>
  <c r="M7270" i="10"/>
  <c r="M7271" i="10"/>
  <c r="M7272" i="10"/>
  <c r="M7273" i="10"/>
  <c r="M7274" i="10"/>
  <c r="M7275" i="10"/>
  <c r="M7276" i="10"/>
  <c r="M7277" i="10"/>
  <c r="M7278" i="10"/>
  <c r="M7279" i="10"/>
  <c r="M7280" i="10"/>
  <c r="M7281" i="10"/>
  <c r="M7282" i="10"/>
  <c r="M7283" i="10"/>
  <c r="M7284" i="10"/>
  <c r="M7285" i="10"/>
  <c r="M7286" i="10"/>
  <c r="M7287" i="10"/>
  <c r="M7288" i="10"/>
  <c r="M7289" i="10"/>
  <c r="M7290" i="10"/>
  <c r="M7291" i="10"/>
  <c r="M7292" i="10"/>
  <c r="M7293" i="10"/>
  <c r="M7294" i="10"/>
  <c r="M7295" i="10"/>
  <c r="M7296" i="10"/>
  <c r="M7297" i="10"/>
  <c r="M7298" i="10"/>
  <c r="M7299" i="10"/>
  <c r="M7300" i="10"/>
  <c r="M7301" i="10"/>
  <c r="M7302" i="10"/>
  <c r="M7303" i="10"/>
  <c r="M7304" i="10"/>
  <c r="M7305" i="10"/>
  <c r="M7306" i="10"/>
  <c r="M7307" i="10"/>
  <c r="M7308" i="10"/>
  <c r="M7309" i="10"/>
  <c r="M7310" i="10"/>
  <c r="M7311" i="10"/>
  <c r="M7312" i="10"/>
  <c r="M7313" i="10"/>
  <c r="M7314" i="10"/>
  <c r="M7315" i="10"/>
  <c r="M7316" i="10"/>
  <c r="M7317" i="10"/>
  <c r="M7318" i="10"/>
  <c r="M7319" i="10"/>
  <c r="M7320" i="10"/>
  <c r="M7321" i="10"/>
  <c r="M7322" i="10"/>
  <c r="M7323" i="10"/>
  <c r="M7324" i="10"/>
  <c r="M7325" i="10"/>
  <c r="M7326" i="10"/>
  <c r="M7327" i="10"/>
  <c r="M7328" i="10"/>
  <c r="M7329" i="10"/>
  <c r="M7330" i="10"/>
  <c r="M7331" i="10"/>
  <c r="M7332" i="10"/>
  <c r="M7333" i="10"/>
  <c r="M7334" i="10"/>
  <c r="M7335" i="10"/>
  <c r="M7336" i="10"/>
  <c r="M7337" i="10"/>
  <c r="M7338" i="10"/>
  <c r="M7339" i="10"/>
  <c r="M7340" i="10"/>
  <c r="M7341" i="10"/>
  <c r="M7342" i="10"/>
  <c r="M7343" i="10"/>
  <c r="M7344" i="10"/>
  <c r="M7345" i="10"/>
  <c r="M7346" i="10"/>
  <c r="M7347" i="10"/>
  <c r="M7348" i="10"/>
  <c r="M7349" i="10"/>
  <c r="M7350" i="10"/>
  <c r="M7351" i="10"/>
  <c r="M7352" i="10"/>
  <c r="M7353" i="10"/>
  <c r="M7354" i="10"/>
  <c r="M7355" i="10"/>
  <c r="M7356" i="10"/>
  <c r="M7357" i="10"/>
  <c r="M7358" i="10"/>
  <c r="M7359" i="10"/>
  <c r="M7360" i="10"/>
  <c r="M7361" i="10"/>
  <c r="M7362" i="10"/>
  <c r="M7363" i="10"/>
  <c r="M7364" i="10"/>
  <c r="M7365" i="10"/>
  <c r="M7366" i="10"/>
  <c r="M7367" i="10"/>
  <c r="M7368" i="10"/>
  <c r="M7369" i="10"/>
  <c r="M7370" i="10"/>
  <c r="M7371" i="10"/>
  <c r="M7372" i="10"/>
  <c r="M7373" i="10"/>
  <c r="M7374" i="10"/>
  <c r="M7375" i="10"/>
  <c r="M7376" i="10"/>
  <c r="M7377" i="10"/>
  <c r="M7378" i="10"/>
  <c r="M7379" i="10"/>
  <c r="M7380" i="10"/>
  <c r="M7381" i="10"/>
  <c r="M7382" i="10"/>
  <c r="M7383" i="10"/>
  <c r="M7384" i="10"/>
  <c r="M7385" i="10"/>
  <c r="M7386" i="10"/>
  <c r="M7387" i="10"/>
  <c r="M7388" i="10"/>
  <c r="M7389" i="10"/>
  <c r="M7390" i="10"/>
  <c r="M7391" i="10"/>
  <c r="M7392" i="10"/>
  <c r="M7393" i="10"/>
  <c r="M7394" i="10"/>
  <c r="M7395" i="10"/>
  <c r="M7396" i="10"/>
  <c r="M7397" i="10"/>
  <c r="M7398" i="10"/>
  <c r="M7399" i="10"/>
  <c r="M7400" i="10"/>
  <c r="M7401" i="10"/>
  <c r="M7402" i="10"/>
  <c r="M7403" i="10"/>
  <c r="M7404" i="10"/>
  <c r="M7405" i="10"/>
  <c r="M7406" i="10"/>
  <c r="M7407" i="10"/>
  <c r="M7408" i="10"/>
  <c r="M7409" i="10"/>
  <c r="M7410" i="10"/>
  <c r="M7411" i="10"/>
  <c r="M7412" i="10"/>
  <c r="M7413" i="10"/>
  <c r="M7414" i="10"/>
  <c r="M7415" i="10"/>
  <c r="M7416" i="10"/>
  <c r="M7417" i="10"/>
  <c r="M7418" i="10"/>
  <c r="M7419" i="10"/>
  <c r="M7420" i="10"/>
  <c r="M7421" i="10"/>
  <c r="M7422" i="10"/>
  <c r="M7423" i="10"/>
  <c r="M7424" i="10"/>
  <c r="M7425" i="10"/>
  <c r="M7426" i="10"/>
  <c r="M7427" i="10"/>
  <c r="M7428" i="10"/>
  <c r="M7429" i="10"/>
  <c r="M7430" i="10"/>
  <c r="M7431" i="10"/>
  <c r="M7432" i="10"/>
  <c r="M7433" i="10"/>
  <c r="M7434" i="10"/>
  <c r="M7435" i="10"/>
  <c r="M7436" i="10"/>
  <c r="M7437" i="10"/>
  <c r="M7438" i="10"/>
  <c r="M7439" i="10"/>
  <c r="M7440" i="10"/>
  <c r="M7441" i="10"/>
  <c r="M7442" i="10"/>
  <c r="M7443" i="10"/>
  <c r="M7444" i="10"/>
  <c r="M7445" i="10"/>
  <c r="M7446" i="10"/>
  <c r="M7447" i="10"/>
  <c r="M7448" i="10"/>
  <c r="M7449" i="10"/>
  <c r="M7450" i="10"/>
  <c r="M7451" i="10"/>
  <c r="M7452" i="10"/>
  <c r="M7453" i="10"/>
  <c r="M7454" i="10"/>
  <c r="M7455" i="10"/>
  <c r="M7456" i="10"/>
  <c r="M7457" i="10"/>
  <c r="M7458" i="10"/>
  <c r="M7459" i="10"/>
  <c r="M7460" i="10"/>
  <c r="M7461" i="10"/>
  <c r="M7462" i="10"/>
  <c r="I15" i="10"/>
  <c r="I16" i="10"/>
  <c r="I17" i="10"/>
  <c r="I18" i="10"/>
  <c r="I19" i="10"/>
  <c r="I20" i="10"/>
  <c r="I21" i="10"/>
  <c r="I22" i="10"/>
  <c r="I23" i="10"/>
  <c r="I24" i="10"/>
  <c r="I25" i="10"/>
  <c r="I26" i="10"/>
  <c r="I27" i="10"/>
  <c r="I28" i="10"/>
  <c r="I29" i="10"/>
  <c r="I30" i="10"/>
  <c r="I31" i="10"/>
  <c r="I32" i="10"/>
  <c r="I33" i="10"/>
  <c r="I34" i="10"/>
  <c r="I35" i="10"/>
  <c r="I36" i="10"/>
  <c r="I37" i="10"/>
  <c r="I38" i="10"/>
  <c r="I39" i="10"/>
  <c r="I40" i="10"/>
  <c r="I41" i="10"/>
  <c r="I42" i="10"/>
  <c r="I43" i="10"/>
  <c r="I44" i="10"/>
  <c r="I45" i="10"/>
  <c r="I46" i="10"/>
  <c r="I47" i="10"/>
  <c r="I48" i="10"/>
  <c r="I49" i="10"/>
  <c r="I50" i="10"/>
  <c r="I51" i="10"/>
  <c r="I52" i="10"/>
  <c r="I53" i="10"/>
  <c r="I54" i="10"/>
  <c r="I55" i="10"/>
  <c r="I56" i="10"/>
  <c r="I57" i="10"/>
  <c r="I58" i="10"/>
  <c r="I59" i="10"/>
  <c r="I60" i="10"/>
  <c r="I61" i="10"/>
  <c r="I62" i="10"/>
  <c r="I63" i="10"/>
  <c r="I64" i="10"/>
  <c r="I65" i="10"/>
  <c r="I66" i="10"/>
  <c r="I67" i="10"/>
  <c r="I68" i="10"/>
  <c r="I69" i="10"/>
  <c r="I70" i="10"/>
  <c r="I71" i="10"/>
  <c r="I72" i="10"/>
  <c r="I73" i="10"/>
  <c r="I74" i="10"/>
  <c r="I75" i="10"/>
  <c r="I76" i="10"/>
  <c r="I77" i="10"/>
  <c r="I78" i="10"/>
  <c r="I79" i="10"/>
  <c r="I80" i="10"/>
  <c r="I81" i="10"/>
  <c r="I82" i="10"/>
  <c r="I83" i="10"/>
  <c r="I84" i="10"/>
  <c r="I85" i="10"/>
  <c r="I86" i="10"/>
  <c r="I87" i="10"/>
  <c r="I88" i="10"/>
  <c r="I89" i="10"/>
  <c r="I90" i="10"/>
  <c r="I91" i="10"/>
  <c r="I92" i="10"/>
  <c r="I93" i="10"/>
  <c r="I94" i="10"/>
  <c r="I95" i="10"/>
  <c r="I96" i="10"/>
  <c r="I97" i="10"/>
  <c r="I98" i="10"/>
  <c r="I99" i="10"/>
  <c r="I100" i="10"/>
  <c r="I101" i="10"/>
  <c r="I102" i="10"/>
  <c r="I103" i="10"/>
  <c r="I104" i="10"/>
  <c r="I105" i="10"/>
  <c r="I106" i="10"/>
  <c r="I107" i="10"/>
  <c r="I108" i="10"/>
  <c r="I109" i="10"/>
  <c r="I110" i="10"/>
  <c r="I111" i="10"/>
  <c r="I112" i="10"/>
  <c r="I113" i="10"/>
  <c r="I114" i="10"/>
  <c r="I115" i="10"/>
  <c r="I116" i="10"/>
  <c r="I117" i="10"/>
  <c r="I118" i="10"/>
  <c r="I119" i="10"/>
  <c r="I120" i="10"/>
  <c r="I121" i="10"/>
  <c r="I122" i="10"/>
  <c r="I123" i="10"/>
  <c r="I124" i="10"/>
  <c r="I125" i="10"/>
  <c r="I126" i="10"/>
  <c r="I127" i="10"/>
  <c r="I128" i="10"/>
  <c r="I129" i="10"/>
  <c r="I130" i="10"/>
  <c r="I131" i="10"/>
  <c r="I132" i="10"/>
  <c r="I133" i="10"/>
  <c r="I134" i="10"/>
  <c r="I135" i="10"/>
  <c r="I136" i="10"/>
  <c r="I137" i="10"/>
  <c r="I138" i="10"/>
  <c r="I139" i="10"/>
  <c r="I140" i="10"/>
  <c r="I141" i="10"/>
  <c r="I142" i="10"/>
  <c r="I143" i="10"/>
  <c r="I144" i="10"/>
  <c r="I145" i="10"/>
  <c r="I146" i="10"/>
  <c r="I147" i="10"/>
  <c r="I148" i="10"/>
  <c r="I149" i="10"/>
  <c r="I150" i="10"/>
  <c r="I151" i="10"/>
  <c r="I152" i="10"/>
  <c r="I153" i="10"/>
  <c r="I154" i="10"/>
  <c r="I155" i="10"/>
  <c r="I156" i="10"/>
  <c r="I157" i="10"/>
  <c r="I158" i="10"/>
  <c r="I159" i="10"/>
  <c r="I160" i="10"/>
  <c r="I161" i="10"/>
  <c r="I162" i="10"/>
  <c r="I163" i="10"/>
  <c r="I164" i="10"/>
  <c r="I165" i="10"/>
  <c r="I166" i="10"/>
  <c r="I167" i="10"/>
  <c r="I168" i="10"/>
  <c r="I169" i="10"/>
  <c r="I170" i="10"/>
  <c r="I171" i="10"/>
  <c r="I172" i="10"/>
  <c r="I173" i="10"/>
  <c r="I174" i="10"/>
  <c r="I175" i="10"/>
  <c r="I176" i="10"/>
  <c r="I177" i="10"/>
  <c r="I178" i="10"/>
  <c r="I179" i="10"/>
  <c r="I180" i="10"/>
  <c r="I181" i="10"/>
  <c r="I182" i="10"/>
  <c r="I183" i="10"/>
  <c r="I184" i="10"/>
  <c r="I185" i="10"/>
  <c r="I186" i="10"/>
  <c r="I187" i="10"/>
  <c r="I188" i="10"/>
  <c r="I189" i="10"/>
  <c r="I190" i="10"/>
  <c r="I191" i="10"/>
  <c r="I192" i="10"/>
  <c r="I193" i="10"/>
  <c r="I194" i="10"/>
  <c r="I195" i="10"/>
  <c r="I196" i="10"/>
  <c r="I197" i="10"/>
  <c r="I198" i="10"/>
  <c r="I199" i="10"/>
  <c r="I200" i="10"/>
  <c r="I201" i="10"/>
  <c r="I202" i="10"/>
  <c r="I203" i="10"/>
  <c r="I204" i="10"/>
  <c r="I205" i="10"/>
  <c r="I206" i="10"/>
  <c r="I207" i="10"/>
  <c r="I208" i="10"/>
  <c r="I209" i="10"/>
  <c r="I210" i="10"/>
  <c r="I211" i="10"/>
  <c r="I212" i="10"/>
  <c r="I213" i="10"/>
  <c r="I214" i="10"/>
  <c r="I215" i="10"/>
  <c r="I216" i="10"/>
  <c r="I217" i="10"/>
  <c r="I218" i="10"/>
  <c r="I219" i="10"/>
  <c r="I220" i="10"/>
  <c r="I221" i="10"/>
  <c r="I222" i="10"/>
  <c r="I223" i="10"/>
  <c r="I224" i="10"/>
  <c r="I225" i="10"/>
  <c r="I226" i="10"/>
  <c r="I227" i="10"/>
  <c r="I228" i="10"/>
  <c r="I229" i="10"/>
  <c r="I230" i="10"/>
  <c r="I231" i="10"/>
  <c r="I232" i="10"/>
  <c r="I233" i="10"/>
  <c r="I234" i="10"/>
  <c r="I235" i="10"/>
  <c r="I236" i="10"/>
  <c r="I237" i="10"/>
  <c r="I238" i="10"/>
  <c r="I239" i="10"/>
  <c r="I240" i="10"/>
  <c r="I241" i="10"/>
  <c r="I242" i="10"/>
  <c r="I243" i="10"/>
  <c r="I244" i="10"/>
  <c r="I245" i="10"/>
  <c r="I246" i="10"/>
  <c r="I247" i="10"/>
  <c r="I248" i="10"/>
  <c r="I249" i="10"/>
  <c r="I250" i="10"/>
  <c r="I251" i="10"/>
  <c r="I252" i="10"/>
  <c r="I253" i="10"/>
  <c r="I254" i="10"/>
  <c r="I255" i="10"/>
  <c r="I256" i="10"/>
  <c r="I257" i="10"/>
  <c r="I258" i="10"/>
  <c r="I259" i="10"/>
  <c r="I260" i="10"/>
  <c r="I261" i="10"/>
  <c r="I262" i="10"/>
  <c r="I263" i="10"/>
  <c r="I264" i="10"/>
  <c r="I265" i="10"/>
  <c r="I266" i="10"/>
  <c r="I267" i="10"/>
  <c r="I268" i="10"/>
  <c r="I269" i="10"/>
  <c r="I270" i="10"/>
  <c r="I271" i="10"/>
  <c r="I272" i="10"/>
  <c r="I273" i="10"/>
  <c r="I274" i="10"/>
  <c r="I275" i="10"/>
  <c r="I276" i="10"/>
  <c r="I277" i="10"/>
  <c r="I278" i="10"/>
  <c r="I279" i="10"/>
  <c r="I280" i="10"/>
  <c r="I281" i="10"/>
  <c r="I282" i="10"/>
  <c r="I283" i="10"/>
  <c r="I284" i="10"/>
  <c r="I285" i="10"/>
  <c r="I286" i="10"/>
  <c r="I287" i="10"/>
  <c r="I288" i="10"/>
  <c r="I289" i="10"/>
  <c r="I290" i="10"/>
  <c r="I291" i="10"/>
  <c r="I292" i="10"/>
  <c r="I293" i="10"/>
  <c r="I294" i="10"/>
  <c r="I295" i="10"/>
  <c r="I296" i="10"/>
  <c r="I297" i="10"/>
  <c r="I298" i="10"/>
  <c r="I299" i="10"/>
  <c r="I300" i="10"/>
  <c r="I301" i="10"/>
  <c r="I302" i="10"/>
  <c r="I303" i="10"/>
  <c r="I304" i="10"/>
  <c r="I305" i="10"/>
  <c r="I306" i="10"/>
  <c r="I307" i="10"/>
  <c r="I308" i="10"/>
  <c r="I309" i="10"/>
  <c r="I310" i="10"/>
  <c r="I311" i="10"/>
  <c r="I312" i="10"/>
  <c r="I313" i="10"/>
  <c r="I314" i="10"/>
  <c r="I315" i="10"/>
  <c r="I316" i="10"/>
  <c r="I317" i="10"/>
  <c r="I318" i="10"/>
  <c r="I319" i="10"/>
  <c r="I320" i="10"/>
  <c r="I321" i="10"/>
  <c r="I322" i="10"/>
  <c r="I323" i="10"/>
  <c r="I324" i="10"/>
  <c r="I325" i="10"/>
  <c r="I326" i="10"/>
  <c r="I327" i="10"/>
  <c r="I328" i="10"/>
  <c r="I329" i="10"/>
  <c r="I330" i="10"/>
  <c r="I331" i="10"/>
  <c r="I332" i="10"/>
  <c r="I333" i="10"/>
  <c r="I334" i="10"/>
  <c r="I335" i="10"/>
  <c r="I336" i="10"/>
  <c r="I337" i="10"/>
  <c r="I338" i="10"/>
  <c r="I339" i="10"/>
  <c r="I340" i="10"/>
  <c r="I341" i="10"/>
  <c r="I342" i="10"/>
  <c r="I343" i="10"/>
  <c r="I344" i="10"/>
  <c r="I345" i="10"/>
  <c r="I346" i="10"/>
  <c r="I347" i="10"/>
  <c r="I348" i="10"/>
  <c r="I349" i="10"/>
  <c r="I350" i="10"/>
  <c r="I351" i="10"/>
  <c r="I352" i="10"/>
  <c r="I353" i="10"/>
  <c r="I354" i="10"/>
  <c r="I355" i="10"/>
  <c r="I356" i="10"/>
  <c r="I357" i="10"/>
  <c r="I358" i="10"/>
  <c r="I359" i="10"/>
  <c r="I360" i="10"/>
  <c r="I361" i="10"/>
  <c r="I362" i="10"/>
  <c r="I363" i="10"/>
  <c r="I364" i="10"/>
  <c r="I365" i="10"/>
  <c r="I366" i="10"/>
  <c r="I367" i="10"/>
  <c r="I368" i="10"/>
  <c r="I369" i="10"/>
  <c r="I370" i="10"/>
  <c r="I371" i="10"/>
  <c r="I372" i="10"/>
  <c r="I373" i="10"/>
  <c r="I374" i="10"/>
  <c r="I375" i="10"/>
  <c r="I376" i="10"/>
  <c r="I377" i="10"/>
  <c r="I378" i="10"/>
  <c r="I379" i="10"/>
  <c r="I380" i="10"/>
  <c r="I381" i="10"/>
  <c r="I382" i="10"/>
  <c r="I383" i="10"/>
  <c r="I384" i="10"/>
  <c r="I385" i="10"/>
  <c r="I386" i="10"/>
  <c r="I387" i="10"/>
  <c r="I388" i="10"/>
  <c r="I389" i="10"/>
  <c r="I390" i="10"/>
  <c r="I391" i="10"/>
  <c r="I392" i="10"/>
  <c r="I393" i="10"/>
  <c r="I394" i="10"/>
  <c r="I395" i="10"/>
  <c r="I396" i="10"/>
  <c r="I397" i="10"/>
  <c r="I398" i="10"/>
  <c r="I399" i="10"/>
  <c r="I400" i="10"/>
  <c r="I401" i="10"/>
  <c r="I402" i="10"/>
  <c r="I403" i="10"/>
  <c r="I404" i="10"/>
  <c r="I405" i="10"/>
  <c r="I406" i="10"/>
  <c r="I407" i="10"/>
  <c r="I408" i="10"/>
  <c r="I409" i="10"/>
  <c r="I410" i="10"/>
  <c r="I411" i="10"/>
  <c r="I412" i="10"/>
  <c r="I413" i="10"/>
  <c r="I414" i="10"/>
  <c r="I415" i="10"/>
  <c r="I416" i="10"/>
  <c r="I417" i="10"/>
  <c r="I418" i="10"/>
  <c r="I419" i="10"/>
  <c r="I420" i="10"/>
  <c r="I421" i="10"/>
  <c r="I422" i="10"/>
  <c r="I423" i="10"/>
  <c r="I424" i="10"/>
  <c r="I425" i="10"/>
  <c r="I426" i="10"/>
  <c r="I427" i="10"/>
  <c r="I428" i="10"/>
  <c r="I429" i="10"/>
  <c r="I430" i="10"/>
  <c r="I431" i="10"/>
  <c r="I432" i="10"/>
  <c r="I433" i="10"/>
  <c r="I434" i="10"/>
  <c r="I435" i="10"/>
  <c r="I436" i="10"/>
  <c r="I437" i="10"/>
  <c r="I438" i="10"/>
  <c r="I439" i="10"/>
  <c r="I440" i="10"/>
  <c r="I441" i="10"/>
  <c r="I442" i="10"/>
  <c r="I443" i="10"/>
  <c r="I444" i="10"/>
  <c r="I445" i="10"/>
  <c r="I446" i="10"/>
  <c r="I447" i="10"/>
  <c r="I448" i="10"/>
  <c r="I449" i="10"/>
  <c r="I450" i="10"/>
  <c r="I451" i="10"/>
  <c r="I452" i="10"/>
  <c r="I453" i="10"/>
  <c r="I454" i="10"/>
  <c r="I455" i="10"/>
  <c r="I456" i="10"/>
  <c r="I457" i="10"/>
  <c r="I458" i="10"/>
  <c r="I459" i="10"/>
  <c r="I460" i="10"/>
  <c r="I461" i="10"/>
  <c r="I462" i="10"/>
  <c r="I463" i="10"/>
  <c r="I464" i="10"/>
  <c r="I465" i="10"/>
  <c r="I466" i="10"/>
  <c r="I467" i="10"/>
  <c r="I468" i="10"/>
  <c r="I469" i="10"/>
  <c r="I470" i="10"/>
  <c r="I471" i="10"/>
  <c r="I472" i="10"/>
  <c r="I473" i="10"/>
  <c r="I474" i="10"/>
  <c r="I475" i="10"/>
  <c r="I476" i="10"/>
  <c r="I477" i="10"/>
  <c r="I478" i="10"/>
  <c r="I479" i="10"/>
  <c r="I480" i="10"/>
  <c r="I481" i="10"/>
  <c r="I482" i="10"/>
  <c r="I483" i="10"/>
  <c r="I484" i="10"/>
  <c r="I485" i="10"/>
  <c r="I486" i="10"/>
  <c r="I487" i="10"/>
  <c r="I488" i="10"/>
  <c r="I489" i="10"/>
  <c r="I490" i="10"/>
  <c r="I491" i="10"/>
  <c r="I492" i="10"/>
  <c r="I493" i="10"/>
  <c r="I494" i="10"/>
  <c r="I495" i="10"/>
  <c r="I496" i="10"/>
  <c r="I497" i="10"/>
  <c r="I498" i="10"/>
  <c r="I499" i="10"/>
  <c r="I500" i="10"/>
  <c r="I501" i="10"/>
  <c r="I502" i="10"/>
  <c r="I503" i="10"/>
  <c r="I504" i="10"/>
  <c r="I505" i="10"/>
  <c r="I506" i="10"/>
  <c r="I507" i="10"/>
  <c r="I508" i="10"/>
  <c r="I509" i="10"/>
  <c r="I510" i="10"/>
  <c r="I511" i="10"/>
  <c r="I512" i="10"/>
  <c r="I513" i="10"/>
  <c r="I514" i="10"/>
  <c r="I515" i="10"/>
  <c r="I516" i="10"/>
  <c r="I517" i="10"/>
  <c r="I518" i="10"/>
  <c r="I519" i="10"/>
  <c r="I520" i="10"/>
  <c r="I521" i="10"/>
  <c r="I522" i="10"/>
  <c r="I523" i="10"/>
  <c r="I524" i="10"/>
  <c r="I525" i="10"/>
  <c r="I526" i="10"/>
  <c r="I527" i="10"/>
  <c r="I528" i="10"/>
  <c r="I529" i="10"/>
  <c r="I530" i="10"/>
  <c r="I531" i="10"/>
  <c r="I532" i="10"/>
  <c r="I533" i="10"/>
  <c r="I534" i="10"/>
  <c r="I535" i="10"/>
  <c r="I536" i="10"/>
  <c r="I537" i="10"/>
  <c r="I538" i="10"/>
  <c r="I539" i="10"/>
  <c r="I540" i="10"/>
  <c r="I541" i="10"/>
  <c r="I542" i="10"/>
  <c r="I543" i="10"/>
  <c r="I544" i="10"/>
  <c r="I545" i="10"/>
  <c r="I546" i="10"/>
  <c r="I547" i="10"/>
  <c r="I548" i="10"/>
  <c r="I549" i="10"/>
  <c r="I550" i="10"/>
  <c r="I551" i="10"/>
  <c r="I552" i="10"/>
  <c r="I553" i="10"/>
  <c r="I554" i="10"/>
  <c r="I555" i="10"/>
  <c r="I556" i="10"/>
  <c r="I557" i="10"/>
  <c r="I558" i="10"/>
  <c r="I559" i="10"/>
  <c r="I560" i="10"/>
  <c r="I561" i="10"/>
  <c r="I562" i="10"/>
  <c r="I563" i="10"/>
  <c r="I564" i="10"/>
  <c r="I565" i="10"/>
  <c r="I566" i="10"/>
  <c r="I567" i="10"/>
  <c r="I568" i="10"/>
  <c r="I569" i="10"/>
  <c r="I570" i="10"/>
  <c r="I571" i="10"/>
  <c r="I572" i="10"/>
  <c r="I573" i="10"/>
  <c r="I574" i="10"/>
  <c r="I575" i="10"/>
  <c r="I576" i="10"/>
  <c r="I577" i="10"/>
  <c r="I578" i="10"/>
  <c r="I579" i="10"/>
  <c r="I580" i="10"/>
  <c r="I581" i="10"/>
  <c r="I582" i="10"/>
  <c r="I583" i="10"/>
  <c r="I584" i="10"/>
  <c r="I585" i="10"/>
  <c r="I586" i="10"/>
  <c r="I587" i="10"/>
  <c r="I588" i="10"/>
  <c r="I589" i="10"/>
  <c r="I590" i="10"/>
  <c r="I591" i="10"/>
  <c r="I592" i="10"/>
  <c r="I593" i="10"/>
  <c r="I594" i="10"/>
  <c r="I595" i="10"/>
  <c r="I596" i="10"/>
  <c r="I597" i="10"/>
  <c r="I598" i="10"/>
  <c r="I599" i="10"/>
  <c r="I600" i="10"/>
  <c r="I601" i="10"/>
  <c r="I602" i="10"/>
  <c r="I603" i="10"/>
  <c r="I604" i="10"/>
  <c r="I605" i="10"/>
  <c r="I606" i="10"/>
  <c r="I607" i="10"/>
  <c r="I608" i="10"/>
  <c r="I609" i="10"/>
  <c r="I610" i="10"/>
  <c r="I611" i="10"/>
  <c r="I612" i="10"/>
  <c r="I613" i="10"/>
  <c r="I614" i="10"/>
  <c r="I615" i="10"/>
  <c r="I616" i="10"/>
  <c r="I617" i="10"/>
  <c r="I618" i="10"/>
  <c r="I619" i="10"/>
  <c r="I620" i="10"/>
  <c r="I621" i="10"/>
  <c r="I622" i="10"/>
  <c r="I623" i="10"/>
  <c r="I624" i="10"/>
  <c r="I625" i="10"/>
  <c r="I626" i="10"/>
  <c r="I627" i="10"/>
  <c r="I628" i="10"/>
  <c r="I629" i="10"/>
  <c r="I630" i="10"/>
  <c r="I631" i="10"/>
  <c r="I632" i="10"/>
  <c r="I633" i="10"/>
  <c r="I634" i="10"/>
  <c r="I635" i="10"/>
  <c r="I636" i="10"/>
  <c r="I637" i="10"/>
  <c r="I638" i="10"/>
  <c r="I639" i="10"/>
  <c r="I640" i="10"/>
  <c r="I641" i="10"/>
  <c r="I642" i="10"/>
  <c r="I643" i="10"/>
  <c r="I644" i="10"/>
  <c r="I645" i="10"/>
  <c r="I646" i="10"/>
  <c r="I647" i="10"/>
  <c r="I648" i="10"/>
  <c r="I649" i="10"/>
  <c r="I650" i="10"/>
  <c r="I651" i="10"/>
  <c r="I652" i="10"/>
  <c r="I653" i="10"/>
  <c r="I654" i="10"/>
  <c r="I655" i="10"/>
  <c r="I656" i="10"/>
  <c r="I657" i="10"/>
  <c r="I658" i="10"/>
  <c r="I659" i="10"/>
  <c r="I660" i="10"/>
  <c r="I661" i="10"/>
  <c r="I662" i="10"/>
  <c r="I663" i="10"/>
  <c r="I664" i="10"/>
  <c r="I665" i="10"/>
  <c r="I666" i="10"/>
  <c r="I667" i="10"/>
  <c r="I668" i="10"/>
  <c r="I669" i="10"/>
  <c r="I670" i="10"/>
  <c r="I671" i="10"/>
  <c r="I672" i="10"/>
  <c r="I673" i="10"/>
  <c r="I674" i="10"/>
  <c r="I675" i="10"/>
  <c r="I676" i="10"/>
  <c r="I677" i="10"/>
  <c r="I678" i="10"/>
  <c r="I679" i="10"/>
  <c r="I680" i="10"/>
  <c r="I681" i="10"/>
  <c r="I682" i="10"/>
  <c r="I683" i="10"/>
  <c r="I684" i="10"/>
  <c r="I685" i="10"/>
  <c r="I686" i="10"/>
  <c r="I687" i="10"/>
  <c r="I688" i="10"/>
  <c r="I689" i="10"/>
  <c r="I690" i="10"/>
  <c r="I691" i="10"/>
  <c r="I692" i="10"/>
  <c r="I693" i="10"/>
  <c r="I694" i="10"/>
  <c r="I695" i="10"/>
  <c r="I696" i="10"/>
  <c r="I697" i="10"/>
  <c r="I698" i="10"/>
  <c r="I699" i="10"/>
  <c r="I700" i="10"/>
  <c r="I701" i="10"/>
  <c r="I702" i="10"/>
  <c r="I703" i="10"/>
  <c r="I704" i="10"/>
  <c r="I705" i="10"/>
  <c r="I706" i="10"/>
  <c r="I707" i="10"/>
  <c r="I708" i="10"/>
  <c r="I709" i="10"/>
  <c r="I710" i="10"/>
  <c r="I711" i="10"/>
  <c r="I712" i="10"/>
  <c r="I713" i="10"/>
  <c r="I714" i="10"/>
  <c r="I715" i="10"/>
  <c r="I716" i="10"/>
  <c r="I717" i="10"/>
  <c r="I718" i="10"/>
  <c r="I719" i="10"/>
  <c r="I720" i="10"/>
  <c r="I721" i="10"/>
  <c r="I722" i="10"/>
  <c r="I723" i="10"/>
  <c r="I724" i="10"/>
  <c r="I725" i="10"/>
  <c r="I726" i="10"/>
  <c r="I727" i="10"/>
  <c r="I728" i="10"/>
  <c r="I729" i="10"/>
  <c r="I730" i="10"/>
  <c r="I731" i="10"/>
  <c r="I732" i="10"/>
  <c r="I733" i="10"/>
  <c r="I734" i="10"/>
  <c r="I735" i="10"/>
  <c r="I736" i="10"/>
  <c r="I737" i="10"/>
  <c r="I738" i="10"/>
  <c r="I739" i="10"/>
  <c r="I740" i="10"/>
  <c r="I741" i="10"/>
  <c r="I742" i="10"/>
  <c r="I743" i="10"/>
  <c r="I744" i="10"/>
  <c r="I745" i="10"/>
  <c r="I746" i="10"/>
  <c r="I747" i="10"/>
  <c r="I748" i="10"/>
  <c r="I749" i="10"/>
  <c r="I750" i="10"/>
  <c r="I751" i="10"/>
  <c r="I752" i="10"/>
  <c r="I753" i="10"/>
  <c r="I754" i="10"/>
  <c r="I755" i="10"/>
  <c r="I756" i="10"/>
  <c r="I757" i="10"/>
  <c r="I758" i="10"/>
  <c r="I759" i="10"/>
  <c r="I760" i="10"/>
  <c r="I761" i="10"/>
  <c r="I762" i="10"/>
  <c r="I763" i="10"/>
  <c r="I764" i="10"/>
  <c r="I765" i="10"/>
  <c r="I766" i="10"/>
  <c r="I767" i="10"/>
  <c r="I768" i="10"/>
  <c r="I769" i="10"/>
  <c r="I770" i="10"/>
  <c r="I771" i="10"/>
  <c r="I772" i="10"/>
  <c r="I773" i="10"/>
  <c r="I774" i="10"/>
  <c r="I775" i="10"/>
  <c r="I776" i="10"/>
  <c r="I777" i="10"/>
  <c r="I778" i="10"/>
  <c r="I779" i="10"/>
  <c r="I780" i="10"/>
  <c r="I781" i="10"/>
  <c r="I782" i="10"/>
  <c r="I783" i="10"/>
  <c r="I784" i="10"/>
  <c r="I785" i="10"/>
  <c r="I786" i="10"/>
  <c r="I787" i="10"/>
  <c r="I788" i="10"/>
  <c r="I789" i="10"/>
  <c r="I790" i="10"/>
  <c r="I791" i="10"/>
  <c r="I792" i="10"/>
  <c r="I793" i="10"/>
  <c r="I794" i="10"/>
  <c r="I795" i="10"/>
  <c r="I796" i="10"/>
  <c r="I797" i="10"/>
  <c r="I798" i="10"/>
  <c r="I799" i="10"/>
  <c r="I800" i="10"/>
  <c r="I801" i="10"/>
  <c r="I802" i="10"/>
  <c r="I803" i="10"/>
  <c r="I804" i="10"/>
  <c r="I805" i="10"/>
  <c r="I806" i="10"/>
  <c r="I807" i="10"/>
  <c r="I808" i="10"/>
  <c r="I809" i="10"/>
  <c r="I810" i="10"/>
  <c r="I811" i="10"/>
  <c r="I812" i="10"/>
  <c r="I813" i="10"/>
  <c r="I814" i="10"/>
  <c r="I815" i="10"/>
  <c r="I816" i="10"/>
  <c r="I817" i="10"/>
  <c r="I818" i="10"/>
  <c r="I819" i="10"/>
  <c r="I820" i="10"/>
  <c r="I821" i="10"/>
  <c r="I822" i="10"/>
  <c r="I823" i="10"/>
  <c r="I824" i="10"/>
  <c r="I825" i="10"/>
  <c r="I826" i="10"/>
  <c r="I827" i="10"/>
  <c r="I828" i="10"/>
  <c r="I829" i="10"/>
  <c r="I830" i="10"/>
  <c r="I831" i="10"/>
  <c r="I832" i="10"/>
  <c r="I833" i="10"/>
  <c r="I834" i="10"/>
  <c r="I835" i="10"/>
  <c r="I836" i="10"/>
  <c r="I837" i="10"/>
  <c r="I838" i="10"/>
  <c r="I839" i="10"/>
  <c r="I840" i="10"/>
  <c r="I841" i="10"/>
  <c r="I842" i="10"/>
  <c r="I843" i="10"/>
  <c r="I844" i="10"/>
  <c r="I845" i="10"/>
  <c r="I846" i="10"/>
  <c r="I847" i="10"/>
  <c r="I848" i="10"/>
  <c r="I849" i="10"/>
  <c r="I850" i="10"/>
  <c r="I851" i="10"/>
  <c r="I852" i="10"/>
  <c r="I853" i="10"/>
  <c r="I854" i="10"/>
  <c r="I855" i="10"/>
  <c r="I856" i="10"/>
  <c r="I857" i="10"/>
  <c r="I858" i="10"/>
  <c r="I859" i="10"/>
  <c r="I860" i="10"/>
  <c r="I861" i="10"/>
  <c r="I862" i="10"/>
  <c r="I863" i="10"/>
  <c r="I864" i="10"/>
  <c r="I865" i="10"/>
  <c r="I866" i="10"/>
  <c r="I867" i="10"/>
  <c r="I868" i="10"/>
  <c r="I869" i="10"/>
  <c r="I870" i="10"/>
  <c r="I871" i="10"/>
  <c r="I872" i="10"/>
  <c r="I873" i="10"/>
  <c r="I874" i="10"/>
  <c r="I875" i="10"/>
  <c r="I876" i="10"/>
  <c r="I877" i="10"/>
  <c r="I878" i="10"/>
  <c r="I879" i="10"/>
  <c r="I880" i="10"/>
  <c r="I881" i="10"/>
  <c r="I882" i="10"/>
  <c r="I883" i="10"/>
  <c r="I884" i="10"/>
  <c r="I885" i="10"/>
  <c r="I886" i="10"/>
  <c r="I887" i="10"/>
  <c r="I888" i="10"/>
  <c r="I889" i="10"/>
  <c r="I890" i="10"/>
  <c r="I891" i="10"/>
  <c r="I892" i="10"/>
  <c r="I893" i="10"/>
  <c r="I894" i="10"/>
  <c r="I895" i="10"/>
  <c r="I896" i="10"/>
  <c r="I897" i="10"/>
  <c r="I898" i="10"/>
  <c r="I899" i="10"/>
  <c r="I900" i="10"/>
  <c r="I901" i="10"/>
  <c r="I902" i="10"/>
  <c r="I903" i="10"/>
  <c r="I904" i="10"/>
  <c r="I905" i="10"/>
  <c r="I906" i="10"/>
  <c r="I907" i="10"/>
  <c r="I908" i="10"/>
  <c r="I909" i="10"/>
  <c r="I910" i="10"/>
  <c r="I911" i="10"/>
  <c r="I912" i="10"/>
  <c r="I913" i="10"/>
  <c r="I914" i="10"/>
  <c r="I915" i="10"/>
  <c r="I916" i="10"/>
  <c r="I917" i="10"/>
  <c r="I918" i="10"/>
  <c r="I919" i="10"/>
  <c r="I920" i="10"/>
  <c r="I921" i="10"/>
  <c r="I922" i="10"/>
  <c r="I923" i="10"/>
  <c r="I924" i="10"/>
  <c r="I925" i="10"/>
  <c r="I926" i="10"/>
  <c r="I927" i="10"/>
  <c r="I928" i="10"/>
  <c r="I929" i="10"/>
  <c r="I930" i="10"/>
  <c r="I931" i="10"/>
  <c r="I932" i="10"/>
  <c r="I933" i="10"/>
  <c r="I934" i="10"/>
  <c r="I935" i="10"/>
  <c r="I936" i="10"/>
  <c r="I937" i="10"/>
  <c r="I938" i="10"/>
  <c r="I939" i="10"/>
  <c r="I940" i="10"/>
  <c r="I941" i="10"/>
  <c r="I942" i="10"/>
  <c r="I943" i="10"/>
  <c r="I944" i="10"/>
  <c r="I945" i="10"/>
  <c r="I946" i="10"/>
  <c r="I947" i="10"/>
  <c r="I948" i="10"/>
  <c r="I949" i="10"/>
  <c r="I950" i="10"/>
  <c r="I951" i="10"/>
  <c r="I952" i="10"/>
  <c r="I953" i="10"/>
  <c r="I954" i="10"/>
  <c r="I955" i="10"/>
  <c r="I956" i="10"/>
  <c r="I957" i="10"/>
  <c r="I958" i="10"/>
  <c r="I959" i="10"/>
  <c r="I960" i="10"/>
  <c r="I961" i="10"/>
  <c r="I962" i="10"/>
  <c r="I963" i="10"/>
  <c r="I964" i="10"/>
  <c r="I965" i="10"/>
  <c r="I966" i="10"/>
  <c r="I967" i="10"/>
  <c r="I968" i="10"/>
  <c r="I969" i="10"/>
  <c r="I970" i="10"/>
  <c r="I971" i="10"/>
  <c r="I972" i="10"/>
  <c r="I973" i="10"/>
  <c r="I974" i="10"/>
  <c r="I975" i="10"/>
  <c r="I976" i="10"/>
  <c r="I977" i="10"/>
  <c r="I978" i="10"/>
  <c r="I979" i="10"/>
  <c r="I980" i="10"/>
  <c r="I981" i="10"/>
  <c r="I982" i="10"/>
  <c r="I983" i="10"/>
  <c r="I984" i="10"/>
  <c r="I985" i="10"/>
  <c r="I986" i="10"/>
  <c r="I987" i="10"/>
  <c r="I988" i="10"/>
  <c r="I989" i="10"/>
  <c r="I990" i="10"/>
  <c r="I991" i="10"/>
  <c r="I992" i="10"/>
  <c r="I993" i="10"/>
  <c r="I994" i="10"/>
  <c r="I995" i="10"/>
  <c r="I996" i="10"/>
  <c r="I997" i="10"/>
  <c r="I998" i="10"/>
  <c r="I999" i="10"/>
  <c r="I1000" i="10"/>
  <c r="I1001" i="10"/>
  <c r="I1002" i="10"/>
  <c r="I1003" i="10"/>
  <c r="I1004" i="10"/>
  <c r="I1005" i="10"/>
  <c r="I1006" i="10"/>
  <c r="I1007" i="10"/>
  <c r="I1008" i="10"/>
  <c r="I1009" i="10"/>
  <c r="I1010" i="10"/>
  <c r="I1011" i="10"/>
  <c r="I1012" i="10"/>
  <c r="I1013" i="10"/>
  <c r="I1014" i="10"/>
  <c r="I1015" i="10"/>
  <c r="I1016" i="10"/>
  <c r="I1017" i="10"/>
  <c r="I1018" i="10"/>
  <c r="I1019" i="10"/>
  <c r="I1020" i="10"/>
  <c r="I1021" i="10"/>
  <c r="I1022" i="10"/>
  <c r="I1023" i="10"/>
  <c r="I1024" i="10"/>
  <c r="I1025" i="10"/>
  <c r="I1026" i="10"/>
  <c r="I1027" i="10"/>
  <c r="I1028" i="10"/>
  <c r="I1029" i="10"/>
  <c r="I1030" i="10"/>
  <c r="I1031" i="10"/>
  <c r="I1032" i="10"/>
  <c r="I1033" i="10"/>
  <c r="I1034" i="10"/>
  <c r="I1035" i="10"/>
  <c r="I1036" i="10"/>
  <c r="I1037" i="10"/>
  <c r="I1038" i="10"/>
  <c r="I1039" i="10"/>
  <c r="I1040" i="10"/>
  <c r="I1041" i="10"/>
  <c r="I1042" i="10"/>
  <c r="I1043" i="10"/>
  <c r="I1044" i="10"/>
  <c r="I1045" i="10"/>
  <c r="I1046" i="10"/>
  <c r="I1047" i="10"/>
  <c r="I1048" i="10"/>
  <c r="I1049" i="10"/>
  <c r="I1050" i="10"/>
  <c r="I1051" i="10"/>
  <c r="I1052" i="10"/>
  <c r="I1053" i="10"/>
  <c r="I1054" i="10"/>
  <c r="I1055" i="10"/>
  <c r="I1056" i="10"/>
  <c r="I1057" i="10"/>
  <c r="I1058" i="10"/>
  <c r="I1059" i="10"/>
  <c r="I1060" i="10"/>
  <c r="I1061" i="10"/>
  <c r="I1062" i="10"/>
  <c r="I1063" i="10"/>
  <c r="I1064" i="10"/>
  <c r="I1065" i="10"/>
  <c r="I1066" i="10"/>
  <c r="I1067" i="10"/>
  <c r="I1068" i="10"/>
  <c r="I1069" i="10"/>
  <c r="I1070" i="10"/>
  <c r="I1071" i="10"/>
  <c r="I1072" i="10"/>
  <c r="I1073" i="10"/>
  <c r="I1074" i="10"/>
  <c r="I1075" i="10"/>
  <c r="I1076" i="10"/>
  <c r="I1077" i="10"/>
  <c r="I1078" i="10"/>
  <c r="I1079" i="10"/>
  <c r="I1080" i="10"/>
  <c r="I1081" i="10"/>
  <c r="I1082" i="10"/>
  <c r="I1083" i="10"/>
  <c r="I1084" i="10"/>
  <c r="I1085" i="10"/>
  <c r="I1086" i="10"/>
  <c r="I1087" i="10"/>
  <c r="I1088" i="10"/>
  <c r="I1089" i="10"/>
  <c r="I1090" i="10"/>
  <c r="I1091" i="10"/>
  <c r="I1092" i="10"/>
  <c r="I1093" i="10"/>
  <c r="I1094" i="10"/>
  <c r="I1095" i="10"/>
  <c r="I1096" i="10"/>
  <c r="I1097" i="10"/>
  <c r="I1098" i="10"/>
  <c r="I1099" i="10"/>
  <c r="I1100" i="10"/>
  <c r="I1101" i="10"/>
  <c r="I1102" i="10"/>
  <c r="I1103" i="10"/>
  <c r="I1104" i="10"/>
  <c r="I1105" i="10"/>
  <c r="I1106" i="10"/>
  <c r="I1107" i="10"/>
  <c r="I1108" i="10"/>
  <c r="I1109" i="10"/>
  <c r="I1110" i="10"/>
  <c r="I1111" i="10"/>
  <c r="I1112" i="10"/>
  <c r="I1113" i="10"/>
  <c r="I1114" i="10"/>
  <c r="I1115" i="10"/>
  <c r="I1116" i="10"/>
  <c r="I1117" i="10"/>
  <c r="I1118" i="10"/>
  <c r="I1119" i="10"/>
  <c r="I1120" i="10"/>
  <c r="I1121" i="10"/>
  <c r="I1122" i="10"/>
  <c r="I1123" i="10"/>
  <c r="I1124" i="10"/>
  <c r="I1125" i="10"/>
  <c r="I1126" i="10"/>
  <c r="I1127" i="10"/>
  <c r="I1128" i="10"/>
  <c r="I1129" i="10"/>
  <c r="I1130" i="10"/>
  <c r="I1131" i="10"/>
  <c r="I1132" i="10"/>
  <c r="I1133" i="10"/>
  <c r="I1134" i="10"/>
  <c r="I1135" i="10"/>
  <c r="I1136" i="10"/>
  <c r="I1137" i="10"/>
  <c r="I1138" i="10"/>
  <c r="I1139" i="10"/>
  <c r="I1140" i="10"/>
  <c r="I1141" i="10"/>
  <c r="I1142" i="10"/>
  <c r="I1143" i="10"/>
  <c r="I1144" i="10"/>
  <c r="I1145" i="10"/>
  <c r="I1146" i="10"/>
  <c r="I1147" i="10"/>
  <c r="I1148" i="10"/>
  <c r="I1149" i="10"/>
  <c r="I1150" i="10"/>
  <c r="I1151" i="10"/>
  <c r="I1152" i="10"/>
  <c r="I1153" i="10"/>
  <c r="I1154" i="10"/>
  <c r="I1155" i="10"/>
  <c r="I1156" i="10"/>
  <c r="I1157" i="10"/>
  <c r="I1158" i="10"/>
  <c r="I1159" i="10"/>
  <c r="I1160" i="10"/>
  <c r="I1161" i="10"/>
  <c r="I1162" i="10"/>
  <c r="I1163" i="10"/>
  <c r="I1164" i="10"/>
  <c r="I1165" i="10"/>
  <c r="I1166" i="10"/>
  <c r="I1167" i="10"/>
  <c r="I1168" i="10"/>
  <c r="I1169" i="10"/>
  <c r="I1170" i="10"/>
  <c r="I1171" i="10"/>
  <c r="I1172" i="10"/>
  <c r="I1173" i="10"/>
  <c r="I1174" i="10"/>
  <c r="I1175" i="10"/>
  <c r="I1176" i="10"/>
  <c r="I1177" i="10"/>
  <c r="I1178" i="10"/>
  <c r="I1179" i="10"/>
  <c r="I1180" i="10"/>
  <c r="I1181" i="10"/>
  <c r="I1182" i="10"/>
  <c r="I1183" i="10"/>
  <c r="I1184" i="10"/>
  <c r="I1185" i="10"/>
  <c r="I1186" i="10"/>
  <c r="I1187" i="10"/>
  <c r="I1188" i="10"/>
  <c r="I1189" i="10"/>
  <c r="I1190" i="10"/>
  <c r="I1191" i="10"/>
  <c r="I1192" i="10"/>
  <c r="I1193" i="10"/>
  <c r="I1194" i="10"/>
  <c r="I1195" i="10"/>
  <c r="I1196" i="10"/>
  <c r="I1197" i="10"/>
  <c r="I1198" i="10"/>
  <c r="I1199" i="10"/>
  <c r="I1200" i="10"/>
  <c r="I1201" i="10"/>
  <c r="I1202" i="10"/>
  <c r="I1203" i="10"/>
  <c r="I1204" i="10"/>
  <c r="I1205" i="10"/>
  <c r="I1206" i="10"/>
  <c r="I1207" i="10"/>
  <c r="I1208" i="10"/>
  <c r="I1209" i="10"/>
  <c r="I1210" i="10"/>
  <c r="I1211" i="10"/>
  <c r="I1212" i="10"/>
  <c r="I1213" i="10"/>
  <c r="I1214" i="10"/>
  <c r="I1215" i="10"/>
  <c r="I1216" i="10"/>
  <c r="I1217" i="10"/>
  <c r="I1218" i="10"/>
  <c r="I1219" i="10"/>
  <c r="I1220" i="10"/>
  <c r="I1221" i="10"/>
  <c r="I1222" i="10"/>
  <c r="I1223" i="10"/>
  <c r="I1224" i="10"/>
  <c r="I1225" i="10"/>
  <c r="I1226" i="10"/>
  <c r="I1227" i="10"/>
  <c r="I1228" i="10"/>
  <c r="I1229" i="10"/>
  <c r="I1230" i="10"/>
  <c r="I1231" i="10"/>
  <c r="I1232" i="10"/>
  <c r="I1233" i="10"/>
  <c r="I1234" i="10"/>
  <c r="I1235" i="10"/>
  <c r="I1236" i="10"/>
  <c r="I1237" i="10"/>
  <c r="I1238" i="10"/>
  <c r="I1239" i="10"/>
  <c r="I1240" i="10"/>
  <c r="I1241" i="10"/>
  <c r="I1242" i="10"/>
  <c r="I1243" i="10"/>
  <c r="I1244" i="10"/>
  <c r="I1245" i="10"/>
  <c r="I1246" i="10"/>
  <c r="I1247" i="10"/>
  <c r="I1248" i="10"/>
  <c r="I1249" i="10"/>
  <c r="I1250" i="10"/>
  <c r="I1251" i="10"/>
  <c r="I1252" i="10"/>
  <c r="I1253" i="10"/>
  <c r="I1254" i="10"/>
  <c r="I1255" i="10"/>
  <c r="I1256" i="10"/>
  <c r="I1257" i="10"/>
  <c r="I1258" i="10"/>
  <c r="I1259" i="10"/>
  <c r="I1260" i="10"/>
  <c r="I1261" i="10"/>
  <c r="I1262" i="10"/>
  <c r="I1263" i="10"/>
  <c r="I1264" i="10"/>
  <c r="I1265" i="10"/>
  <c r="I1266" i="10"/>
  <c r="I1267" i="10"/>
  <c r="I1268" i="10"/>
  <c r="I1269" i="10"/>
  <c r="I1270" i="10"/>
  <c r="I1271" i="10"/>
  <c r="I1272" i="10"/>
  <c r="I1273" i="10"/>
  <c r="I1274" i="10"/>
  <c r="I1275" i="10"/>
  <c r="I1276" i="10"/>
  <c r="I1277" i="10"/>
  <c r="I1278" i="10"/>
  <c r="I1279" i="10"/>
  <c r="I1280" i="10"/>
  <c r="I1281" i="10"/>
  <c r="I1282" i="10"/>
  <c r="I1283" i="10"/>
  <c r="I1284" i="10"/>
  <c r="I1285" i="10"/>
  <c r="I1286" i="10"/>
  <c r="I1287" i="10"/>
  <c r="I1288" i="10"/>
  <c r="I1289" i="10"/>
  <c r="I1290" i="10"/>
  <c r="I1291" i="10"/>
  <c r="I1292" i="10"/>
  <c r="I1293" i="10"/>
  <c r="I1294" i="10"/>
  <c r="I1295" i="10"/>
  <c r="I1296" i="10"/>
  <c r="I1297" i="10"/>
  <c r="I1298" i="10"/>
  <c r="I1299" i="10"/>
  <c r="I1300" i="10"/>
  <c r="I1301" i="10"/>
  <c r="I1302" i="10"/>
  <c r="I1303" i="10"/>
  <c r="I1304" i="10"/>
  <c r="I1305" i="10"/>
  <c r="I1306" i="10"/>
  <c r="I1307" i="10"/>
  <c r="I1308" i="10"/>
  <c r="I1309" i="10"/>
  <c r="I1310" i="10"/>
  <c r="I1311" i="10"/>
  <c r="I1312" i="10"/>
  <c r="I1313" i="10"/>
  <c r="I1314" i="10"/>
  <c r="I1315" i="10"/>
  <c r="I1316" i="10"/>
  <c r="I1317" i="10"/>
  <c r="I1318" i="10"/>
  <c r="I1319" i="10"/>
  <c r="I1320" i="10"/>
  <c r="I1321" i="10"/>
  <c r="I1322" i="10"/>
  <c r="I1323" i="10"/>
  <c r="I1324" i="10"/>
  <c r="I1325" i="10"/>
  <c r="I1326" i="10"/>
  <c r="I1327" i="10"/>
  <c r="I1328" i="10"/>
  <c r="I1329" i="10"/>
  <c r="I1330" i="10"/>
  <c r="I1331" i="10"/>
  <c r="I1332" i="10"/>
  <c r="I1333" i="10"/>
  <c r="I1334" i="10"/>
  <c r="I1335" i="10"/>
  <c r="I1336" i="10"/>
  <c r="I1337" i="10"/>
  <c r="I1338" i="10"/>
  <c r="I1339" i="10"/>
  <c r="I1340" i="10"/>
  <c r="I1341" i="10"/>
  <c r="I1342" i="10"/>
  <c r="I1343" i="10"/>
  <c r="I1344" i="10"/>
  <c r="I1345" i="10"/>
  <c r="I1346" i="10"/>
  <c r="I1347" i="10"/>
  <c r="I1348" i="10"/>
  <c r="I1349" i="10"/>
  <c r="I1350" i="10"/>
  <c r="I1351" i="10"/>
  <c r="I1352" i="10"/>
  <c r="I1353" i="10"/>
  <c r="I1354" i="10"/>
  <c r="I1355" i="10"/>
  <c r="I1356" i="10"/>
  <c r="I1357" i="10"/>
  <c r="I1358" i="10"/>
  <c r="I1359" i="10"/>
  <c r="I1360" i="10"/>
  <c r="I1361" i="10"/>
  <c r="I1362" i="10"/>
  <c r="I1363" i="10"/>
  <c r="I1364" i="10"/>
  <c r="I1365" i="10"/>
  <c r="I1366" i="10"/>
  <c r="I1367" i="10"/>
  <c r="I1368" i="10"/>
  <c r="I1369" i="10"/>
  <c r="I1370" i="10"/>
  <c r="I1371" i="10"/>
  <c r="I1372" i="10"/>
  <c r="I1373" i="10"/>
  <c r="I1374" i="10"/>
  <c r="I1375" i="10"/>
  <c r="I1376" i="10"/>
  <c r="I1377" i="10"/>
  <c r="I1378" i="10"/>
  <c r="I1379" i="10"/>
  <c r="I1380" i="10"/>
  <c r="I1381" i="10"/>
  <c r="I1382" i="10"/>
  <c r="I1383" i="10"/>
  <c r="I1384" i="10"/>
  <c r="I1385" i="10"/>
  <c r="I1386" i="10"/>
  <c r="I1387" i="10"/>
  <c r="I1388" i="10"/>
  <c r="I1389" i="10"/>
  <c r="I1390" i="10"/>
  <c r="I1391" i="10"/>
  <c r="I1392" i="10"/>
  <c r="I1393" i="10"/>
  <c r="I1394" i="10"/>
  <c r="I1395" i="10"/>
  <c r="I1396" i="10"/>
  <c r="I1397" i="10"/>
  <c r="I1398" i="10"/>
  <c r="I1399" i="10"/>
  <c r="I1400" i="10"/>
  <c r="I1401" i="10"/>
  <c r="I1402" i="10"/>
  <c r="I1403" i="10"/>
  <c r="I1404" i="10"/>
  <c r="I1405" i="10"/>
  <c r="I1406" i="10"/>
  <c r="I1407" i="10"/>
  <c r="I1408" i="10"/>
  <c r="I1409" i="10"/>
  <c r="I1410" i="10"/>
  <c r="I1411" i="10"/>
  <c r="I1412" i="10"/>
  <c r="I1413" i="10"/>
  <c r="I1414" i="10"/>
  <c r="I1415" i="10"/>
  <c r="I1416" i="10"/>
  <c r="I1417" i="10"/>
  <c r="I1418" i="10"/>
  <c r="I1419" i="10"/>
  <c r="I1420" i="10"/>
  <c r="I1421" i="10"/>
  <c r="I1422" i="10"/>
  <c r="I1423" i="10"/>
  <c r="I1424" i="10"/>
  <c r="I1425" i="10"/>
  <c r="I1426" i="10"/>
  <c r="I1427" i="10"/>
  <c r="I1428" i="10"/>
  <c r="I1429" i="10"/>
  <c r="I1430" i="10"/>
  <c r="I1431" i="10"/>
  <c r="I1432" i="10"/>
  <c r="I1433" i="10"/>
  <c r="I1434" i="10"/>
  <c r="I1435" i="10"/>
  <c r="I1436" i="10"/>
  <c r="I1437" i="10"/>
  <c r="I1438" i="10"/>
  <c r="I1439" i="10"/>
  <c r="I1440" i="10"/>
  <c r="I1441" i="10"/>
  <c r="I1442" i="10"/>
  <c r="I1443" i="10"/>
  <c r="I1444" i="10"/>
  <c r="I1445" i="10"/>
  <c r="I1446" i="10"/>
  <c r="I1447" i="10"/>
  <c r="I1448" i="10"/>
  <c r="I1449" i="10"/>
  <c r="I1450" i="10"/>
  <c r="I1451" i="10"/>
  <c r="I1452" i="10"/>
  <c r="I1453" i="10"/>
  <c r="I1454" i="10"/>
  <c r="I1455" i="10"/>
  <c r="I1456" i="10"/>
  <c r="I1457" i="10"/>
  <c r="I1458" i="10"/>
  <c r="I1459" i="10"/>
  <c r="I1460" i="10"/>
  <c r="I1461" i="10"/>
  <c r="I1462" i="10"/>
  <c r="I1463" i="10"/>
  <c r="I1464" i="10"/>
  <c r="I1465" i="10"/>
  <c r="I1466" i="10"/>
  <c r="I1467" i="10"/>
  <c r="I1468" i="10"/>
  <c r="I1469" i="10"/>
  <c r="I1470" i="10"/>
  <c r="I1471" i="10"/>
  <c r="I1472" i="10"/>
  <c r="I1473" i="10"/>
  <c r="I1474" i="10"/>
  <c r="I1475" i="10"/>
  <c r="I1476" i="10"/>
  <c r="I1477" i="10"/>
  <c r="I1478" i="10"/>
  <c r="I1479" i="10"/>
  <c r="I1480" i="10"/>
  <c r="I1481" i="10"/>
  <c r="I1482" i="10"/>
  <c r="I1483" i="10"/>
  <c r="I1484" i="10"/>
  <c r="I1485" i="10"/>
  <c r="I1486" i="10"/>
  <c r="I1487" i="10"/>
  <c r="I1488" i="10"/>
  <c r="I1489" i="10"/>
  <c r="I1490" i="10"/>
  <c r="I1491" i="10"/>
  <c r="I1492" i="10"/>
  <c r="I1493" i="10"/>
  <c r="I1494" i="10"/>
  <c r="I1495" i="10"/>
  <c r="I1496" i="10"/>
  <c r="I1497" i="10"/>
  <c r="I1498" i="10"/>
  <c r="I1499" i="10"/>
  <c r="I1500" i="10"/>
  <c r="I1501" i="10"/>
  <c r="I1502" i="10"/>
  <c r="I1503" i="10"/>
  <c r="I1504" i="10"/>
  <c r="I1505" i="10"/>
  <c r="I1506" i="10"/>
  <c r="I1507" i="10"/>
  <c r="I1508" i="10"/>
  <c r="I1509" i="10"/>
  <c r="I1510" i="10"/>
  <c r="I1511" i="10"/>
  <c r="I1512" i="10"/>
  <c r="I1513" i="10"/>
  <c r="I1514" i="10"/>
  <c r="I1515" i="10"/>
  <c r="I1516" i="10"/>
  <c r="I1517" i="10"/>
  <c r="I1518" i="10"/>
  <c r="I1519" i="10"/>
  <c r="I1520" i="10"/>
  <c r="I1521" i="10"/>
  <c r="I1522" i="10"/>
  <c r="I1523" i="10"/>
  <c r="I1524" i="10"/>
  <c r="I1525" i="10"/>
  <c r="I1526" i="10"/>
  <c r="I1527" i="10"/>
  <c r="I1528" i="10"/>
  <c r="I1529" i="10"/>
  <c r="I1530" i="10"/>
  <c r="I1531" i="10"/>
  <c r="I1532" i="10"/>
  <c r="I1533" i="10"/>
  <c r="I1534" i="10"/>
  <c r="I1535" i="10"/>
  <c r="I1536" i="10"/>
  <c r="I1537" i="10"/>
  <c r="I1538" i="10"/>
  <c r="I1539" i="10"/>
  <c r="I1540" i="10"/>
  <c r="I1541" i="10"/>
  <c r="I1542" i="10"/>
  <c r="I1543" i="10"/>
  <c r="I1544" i="10"/>
  <c r="I1545" i="10"/>
  <c r="I1546" i="10"/>
  <c r="I1547" i="10"/>
  <c r="I1548" i="10"/>
  <c r="I1549" i="10"/>
  <c r="I1550" i="10"/>
  <c r="I1551" i="10"/>
  <c r="I1552" i="10"/>
  <c r="I1553" i="10"/>
  <c r="I1554" i="10"/>
  <c r="I1555" i="10"/>
  <c r="I1556" i="10"/>
  <c r="I1557" i="10"/>
  <c r="I1558" i="10"/>
  <c r="I1559" i="10"/>
  <c r="I1560" i="10"/>
  <c r="I1561" i="10"/>
  <c r="I1562" i="10"/>
  <c r="I1563" i="10"/>
  <c r="I1564" i="10"/>
  <c r="I1565" i="10"/>
  <c r="I1566" i="10"/>
  <c r="I1567" i="10"/>
  <c r="I1568" i="10"/>
  <c r="I1569" i="10"/>
  <c r="I1570" i="10"/>
  <c r="I1571" i="10"/>
  <c r="I1572" i="10"/>
  <c r="I1573" i="10"/>
  <c r="I1574" i="10"/>
  <c r="I1575" i="10"/>
  <c r="I1576" i="10"/>
  <c r="I1577" i="10"/>
  <c r="I1578" i="10"/>
  <c r="I1579" i="10"/>
  <c r="I1580" i="10"/>
  <c r="I1581" i="10"/>
  <c r="I1582" i="10"/>
  <c r="I1583" i="10"/>
  <c r="I1584" i="10"/>
  <c r="I1585" i="10"/>
  <c r="I1586" i="10"/>
  <c r="I1587" i="10"/>
  <c r="I1588" i="10"/>
  <c r="I1589" i="10"/>
  <c r="I1590" i="10"/>
  <c r="I1591" i="10"/>
  <c r="I1592" i="10"/>
  <c r="I1593" i="10"/>
  <c r="I1594" i="10"/>
  <c r="I1595" i="10"/>
  <c r="I1596" i="10"/>
  <c r="I1597" i="10"/>
  <c r="I1598" i="10"/>
  <c r="I1599" i="10"/>
  <c r="I1600" i="10"/>
  <c r="I1601" i="10"/>
  <c r="I1602" i="10"/>
  <c r="I1603" i="10"/>
  <c r="I1604" i="10"/>
  <c r="I1605" i="10"/>
  <c r="I1606" i="10"/>
  <c r="I1607" i="10"/>
  <c r="I1608" i="10"/>
  <c r="I1609" i="10"/>
  <c r="I1610" i="10"/>
  <c r="I1611" i="10"/>
  <c r="I1612" i="10"/>
  <c r="I1613" i="10"/>
  <c r="I1614" i="10"/>
  <c r="I1615" i="10"/>
  <c r="I1616" i="10"/>
  <c r="I1617" i="10"/>
  <c r="I1618" i="10"/>
  <c r="I1619" i="10"/>
  <c r="I1620" i="10"/>
  <c r="I1621" i="10"/>
  <c r="I1622" i="10"/>
  <c r="I1623" i="10"/>
  <c r="I1624" i="10"/>
  <c r="I1625" i="10"/>
  <c r="I1626" i="10"/>
  <c r="I1627" i="10"/>
  <c r="I1628" i="10"/>
  <c r="I1629" i="10"/>
  <c r="I1630" i="10"/>
  <c r="I1631" i="10"/>
  <c r="I1632" i="10"/>
  <c r="I1633" i="10"/>
  <c r="I1634" i="10"/>
  <c r="I1635" i="10"/>
  <c r="I1636" i="10"/>
  <c r="I1637" i="10"/>
  <c r="I1638" i="10"/>
  <c r="I1639" i="10"/>
  <c r="I1640" i="10"/>
  <c r="I1641" i="10"/>
  <c r="I1642" i="10"/>
  <c r="I1643" i="10"/>
  <c r="I1644" i="10"/>
  <c r="I1645" i="10"/>
  <c r="I1646" i="10"/>
  <c r="I1647" i="10"/>
  <c r="I1648" i="10"/>
  <c r="I1649" i="10"/>
  <c r="I1650" i="10"/>
  <c r="I1651" i="10"/>
  <c r="I1652" i="10"/>
  <c r="I1653" i="10"/>
  <c r="I1654" i="10"/>
  <c r="I1655" i="10"/>
  <c r="I1656" i="10"/>
  <c r="I1657" i="10"/>
  <c r="I1658" i="10"/>
  <c r="I1659" i="10"/>
  <c r="I1660" i="10"/>
  <c r="I1661" i="10"/>
  <c r="I1662" i="10"/>
  <c r="I1663" i="10"/>
  <c r="I1664" i="10"/>
  <c r="I1665" i="10"/>
  <c r="I1666" i="10"/>
  <c r="I1667" i="10"/>
  <c r="I1668" i="10"/>
  <c r="I1669" i="10"/>
  <c r="I1670" i="10"/>
  <c r="I1671" i="10"/>
  <c r="I1672" i="10"/>
  <c r="I1673" i="10"/>
  <c r="I1674" i="10"/>
  <c r="I1675" i="10"/>
  <c r="I1676" i="10"/>
  <c r="I1677" i="10"/>
  <c r="I1678" i="10"/>
  <c r="I1679" i="10"/>
  <c r="I1680" i="10"/>
  <c r="I1681" i="10"/>
  <c r="I1682" i="10"/>
  <c r="I1683" i="10"/>
  <c r="I1684" i="10"/>
  <c r="I1685" i="10"/>
  <c r="I1686" i="10"/>
  <c r="I1687" i="10"/>
  <c r="I1688" i="10"/>
  <c r="I1689" i="10"/>
  <c r="I1690" i="10"/>
  <c r="I1691" i="10"/>
  <c r="I1692" i="10"/>
  <c r="I1693" i="10"/>
  <c r="I1694" i="10"/>
  <c r="I1695" i="10"/>
  <c r="I1696" i="10"/>
  <c r="I1697" i="10"/>
  <c r="I1698" i="10"/>
  <c r="I1699" i="10"/>
  <c r="I1700" i="10"/>
  <c r="I1701" i="10"/>
  <c r="I1702" i="10"/>
  <c r="I1703" i="10"/>
  <c r="I1704" i="10"/>
  <c r="I1705" i="10"/>
  <c r="I1706" i="10"/>
  <c r="I1707" i="10"/>
  <c r="I1708" i="10"/>
  <c r="I1709" i="10"/>
  <c r="I1710" i="10"/>
  <c r="I1711" i="10"/>
  <c r="I1712" i="10"/>
  <c r="I1713" i="10"/>
  <c r="I1714" i="10"/>
  <c r="I1715" i="10"/>
  <c r="I1716" i="10"/>
  <c r="I1717" i="10"/>
  <c r="I1718" i="10"/>
  <c r="I1719" i="10"/>
  <c r="I1720" i="10"/>
  <c r="I1721" i="10"/>
  <c r="I1722" i="10"/>
  <c r="I1723" i="10"/>
  <c r="I1724" i="10"/>
  <c r="I1725" i="10"/>
  <c r="I1726" i="10"/>
  <c r="I1727" i="10"/>
  <c r="I1728" i="10"/>
  <c r="I1729" i="10"/>
  <c r="I1730" i="10"/>
  <c r="I1731" i="10"/>
  <c r="I1732" i="10"/>
  <c r="I1733" i="10"/>
  <c r="I1734" i="10"/>
  <c r="I1735" i="10"/>
  <c r="I1736" i="10"/>
  <c r="I1737" i="10"/>
  <c r="I1738" i="10"/>
  <c r="I1739" i="10"/>
  <c r="I1740" i="10"/>
  <c r="I1741" i="10"/>
  <c r="I1742" i="10"/>
  <c r="I1743" i="10"/>
  <c r="I1744" i="10"/>
  <c r="I1745" i="10"/>
  <c r="I1746" i="10"/>
  <c r="I1747" i="10"/>
  <c r="I1748" i="10"/>
  <c r="I1749" i="10"/>
  <c r="I1750" i="10"/>
  <c r="I1751" i="10"/>
  <c r="I1752" i="10"/>
  <c r="I1753" i="10"/>
  <c r="I1754" i="10"/>
  <c r="I1755" i="10"/>
  <c r="I1756" i="10"/>
  <c r="I1757" i="10"/>
  <c r="I1758" i="10"/>
  <c r="I1759" i="10"/>
  <c r="I1760" i="10"/>
  <c r="I1761" i="10"/>
  <c r="I1762" i="10"/>
  <c r="I1763" i="10"/>
  <c r="I1764" i="10"/>
  <c r="I1765" i="10"/>
  <c r="I1766" i="10"/>
  <c r="I1767" i="10"/>
  <c r="I1768" i="10"/>
  <c r="I1769" i="10"/>
  <c r="I1770" i="10"/>
  <c r="I1771" i="10"/>
  <c r="I1772" i="10"/>
  <c r="I1773" i="10"/>
  <c r="I1774" i="10"/>
  <c r="I1775" i="10"/>
  <c r="I1776" i="10"/>
  <c r="I1777" i="10"/>
  <c r="I1778" i="10"/>
  <c r="I1779" i="10"/>
  <c r="I1780" i="10"/>
  <c r="I1781" i="10"/>
  <c r="I1782" i="10"/>
  <c r="I1783" i="10"/>
  <c r="I1784" i="10"/>
  <c r="I1785" i="10"/>
  <c r="I1786" i="10"/>
  <c r="I1787" i="10"/>
  <c r="I1788" i="10"/>
  <c r="I1789" i="10"/>
  <c r="I1790" i="10"/>
  <c r="I1791" i="10"/>
  <c r="I1792" i="10"/>
  <c r="I1793" i="10"/>
  <c r="I1794" i="10"/>
  <c r="I1795" i="10"/>
  <c r="I1796" i="10"/>
  <c r="I1797" i="10"/>
  <c r="I1798" i="10"/>
  <c r="I1799" i="10"/>
  <c r="I1800" i="10"/>
  <c r="I1801" i="10"/>
  <c r="I1802" i="10"/>
  <c r="I1803" i="10"/>
  <c r="I1804" i="10"/>
  <c r="I1805" i="10"/>
  <c r="I1806" i="10"/>
  <c r="I1807" i="10"/>
  <c r="I1808" i="10"/>
  <c r="I1809" i="10"/>
  <c r="I1810" i="10"/>
  <c r="I1811" i="10"/>
  <c r="I1812" i="10"/>
  <c r="I1813" i="10"/>
  <c r="I1814" i="10"/>
  <c r="I1815" i="10"/>
  <c r="I1816" i="10"/>
  <c r="I1817" i="10"/>
  <c r="I1818" i="10"/>
  <c r="I1819" i="10"/>
  <c r="I1820" i="10"/>
  <c r="I1821" i="10"/>
  <c r="I1822" i="10"/>
  <c r="I1823" i="10"/>
  <c r="I1824" i="10"/>
  <c r="I1825" i="10"/>
  <c r="I1826" i="10"/>
  <c r="I1827" i="10"/>
  <c r="I1828" i="10"/>
  <c r="I1829" i="10"/>
  <c r="I1830" i="10"/>
  <c r="I1831" i="10"/>
  <c r="I1832" i="10"/>
  <c r="I1833" i="10"/>
  <c r="I1834" i="10"/>
  <c r="I1835" i="10"/>
  <c r="I1836" i="10"/>
  <c r="I1837" i="10"/>
  <c r="I1838" i="10"/>
  <c r="I1839" i="10"/>
  <c r="I1840" i="10"/>
  <c r="I1841" i="10"/>
  <c r="I1842" i="10"/>
  <c r="I1843" i="10"/>
  <c r="I1844" i="10"/>
  <c r="I1845" i="10"/>
  <c r="I1846" i="10"/>
  <c r="I1847" i="10"/>
  <c r="I1848" i="10"/>
  <c r="I1849" i="10"/>
  <c r="I1850" i="10"/>
  <c r="I1851" i="10"/>
  <c r="I1852" i="10"/>
  <c r="I1853" i="10"/>
  <c r="I1854" i="10"/>
  <c r="I1855" i="10"/>
  <c r="I1856" i="10"/>
  <c r="I1857" i="10"/>
  <c r="I1858" i="10"/>
  <c r="I1859" i="10"/>
  <c r="I1860" i="10"/>
  <c r="I1861" i="10"/>
  <c r="I1862" i="10"/>
  <c r="I1863" i="10"/>
  <c r="I1864" i="10"/>
  <c r="I1865" i="10"/>
  <c r="I1866" i="10"/>
  <c r="I1867" i="10"/>
  <c r="I1868" i="10"/>
  <c r="I1869" i="10"/>
  <c r="I1870" i="10"/>
  <c r="I1871" i="10"/>
  <c r="I1872" i="10"/>
  <c r="I1873" i="10"/>
  <c r="I1874" i="10"/>
  <c r="I1875" i="10"/>
  <c r="I1876" i="10"/>
  <c r="I1877" i="10"/>
  <c r="I1878" i="10"/>
  <c r="I1879" i="10"/>
  <c r="I1880" i="10"/>
  <c r="I1881" i="10"/>
  <c r="I1882" i="10"/>
  <c r="I1883" i="10"/>
  <c r="I1884" i="10"/>
  <c r="I1885" i="10"/>
  <c r="I1886" i="10"/>
  <c r="I1887" i="10"/>
  <c r="I1888" i="10"/>
  <c r="I1889" i="10"/>
  <c r="I1890" i="10"/>
  <c r="I1891" i="10"/>
  <c r="I1892" i="10"/>
  <c r="I1893" i="10"/>
  <c r="I1894" i="10"/>
  <c r="I1895" i="10"/>
  <c r="I1896" i="10"/>
  <c r="I1897" i="10"/>
  <c r="I1898" i="10"/>
  <c r="I1899" i="10"/>
  <c r="I1900" i="10"/>
  <c r="I1901" i="10"/>
  <c r="I1902" i="10"/>
  <c r="I1903" i="10"/>
  <c r="I1904" i="10"/>
  <c r="I1905" i="10"/>
  <c r="I1906" i="10"/>
  <c r="I1907" i="10"/>
  <c r="I1908" i="10"/>
  <c r="I1909" i="10"/>
  <c r="I1910" i="10"/>
  <c r="I1911" i="10"/>
  <c r="I1912" i="10"/>
  <c r="I1913" i="10"/>
  <c r="I1914" i="10"/>
  <c r="I1915" i="10"/>
  <c r="I1916" i="10"/>
  <c r="I1917" i="10"/>
  <c r="I1918" i="10"/>
  <c r="I1919" i="10"/>
  <c r="I1920" i="10"/>
  <c r="I1921" i="10"/>
  <c r="I1922" i="10"/>
  <c r="I1923" i="10"/>
  <c r="I1924" i="10"/>
  <c r="I1925" i="10"/>
  <c r="I1926" i="10"/>
  <c r="I1927" i="10"/>
  <c r="I1928" i="10"/>
  <c r="I1929" i="10"/>
  <c r="I1930" i="10"/>
  <c r="I1931" i="10"/>
  <c r="I1932" i="10"/>
  <c r="I1933" i="10"/>
  <c r="I1934" i="10"/>
  <c r="I1935" i="10"/>
  <c r="I1936" i="10"/>
  <c r="I1937" i="10"/>
  <c r="I1938" i="10"/>
  <c r="I1939" i="10"/>
  <c r="I1940" i="10"/>
  <c r="I1941" i="10"/>
  <c r="I1942" i="10"/>
  <c r="I1943" i="10"/>
  <c r="I1944" i="10"/>
  <c r="I1945" i="10"/>
  <c r="I1946" i="10"/>
  <c r="I1947" i="10"/>
  <c r="I1948" i="10"/>
  <c r="I1949" i="10"/>
  <c r="I1950" i="10"/>
  <c r="I1951" i="10"/>
  <c r="I1952" i="10"/>
  <c r="I1953" i="10"/>
  <c r="I1954" i="10"/>
  <c r="I1955" i="10"/>
  <c r="I1956" i="10"/>
  <c r="I1957" i="10"/>
  <c r="I1958" i="10"/>
  <c r="I1959" i="10"/>
  <c r="I1960" i="10"/>
  <c r="I1961" i="10"/>
  <c r="I1962" i="10"/>
  <c r="I1963" i="10"/>
  <c r="I1964" i="10"/>
  <c r="I1965" i="10"/>
  <c r="I1966" i="10"/>
  <c r="I1967" i="10"/>
  <c r="I1968" i="10"/>
  <c r="I1969" i="10"/>
  <c r="I1970" i="10"/>
  <c r="I1971" i="10"/>
  <c r="I1972" i="10"/>
  <c r="I1973" i="10"/>
  <c r="I1974" i="10"/>
  <c r="I1975" i="10"/>
  <c r="I1976" i="10"/>
  <c r="I1977" i="10"/>
  <c r="I1978" i="10"/>
  <c r="I1979" i="10"/>
  <c r="I1980" i="10"/>
  <c r="I1981" i="10"/>
  <c r="I1982" i="10"/>
  <c r="I1983" i="10"/>
  <c r="I1984" i="10"/>
  <c r="I1985" i="10"/>
  <c r="I1986" i="10"/>
  <c r="I1987" i="10"/>
  <c r="I1988" i="10"/>
  <c r="I1989" i="10"/>
  <c r="I1990" i="10"/>
  <c r="I1991" i="10"/>
  <c r="I1992" i="10"/>
  <c r="I1993" i="10"/>
  <c r="I1994" i="10"/>
  <c r="I1995" i="10"/>
  <c r="I1996" i="10"/>
  <c r="I1997" i="10"/>
  <c r="I1998" i="10"/>
  <c r="I1999" i="10"/>
  <c r="I2000" i="10"/>
  <c r="I2001" i="10"/>
  <c r="I2002" i="10"/>
  <c r="I2003" i="10"/>
  <c r="I2004" i="10"/>
  <c r="I2005" i="10"/>
  <c r="I2006" i="10"/>
  <c r="I2007" i="10"/>
  <c r="I2008" i="10"/>
  <c r="I2009" i="10"/>
  <c r="I2010" i="10"/>
  <c r="I2011" i="10"/>
  <c r="I2012" i="10"/>
  <c r="I2013" i="10"/>
  <c r="I2014" i="10"/>
  <c r="I2015" i="10"/>
  <c r="I2016" i="10"/>
  <c r="I2017" i="10"/>
  <c r="I2018" i="10"/>
  <c r="I2019" i="10"/>
  <c r="I2020" i="10"/>
  <c r="I2021" i="10"/>
  <c r="I2022" i="10"/>
  <c r="I2023" i="10"/>
  <c r="I2024" i="10"/>
  <c r="I2025" i="10"/>
  <c r="I2026" i="10"/>
  <c r="I2027" i="10"/>
  <c r="I2028" i="10"/>
  <c r="I2029" i="10"/>
  <c r="I2030" i="10"/>
  <c r="I2031" i="10"/>
  <c r="I2032" i="10"/>
  <c r="I2033" i="10"/>
  <c r="I2034" i="10"/>
  <c r="I2035" i="10"/>
  <c r="I2036" i="10"/>
  <c r="I2037" i="10"/>
  <c r="I2038" i="10"/>
  <c r="I2039" i="10"/>
  <c r="I2040" i="10"/>
  <c r="I2041" i="10"/>
  <c r="I2042" i="10"/>
  <c r="I2043" i="10"/>
  <c r="I2044" i="10"/>
  <c r="I2045" i="10"/>
  <c r="I2046" i="10"/>
  <c r="I2047" i="10"/>
  <c r="I2048" i="10"/>
  <c r="I2049" i="10"/>
  <c r="I2050" i="10"/>
  <c r="I2051" i="10"/>
  <c r="I2052" i="10"/>
  <c r="I2053" i="10"/>
  <c r="I2054" i="10"/>
  <c r="I2055" i="10"/>
  <c r="I2056" i="10"/>
  <c r="I2057" i="10"/>
  <c r="I2058" i="10"/>
  <c r="I2059" i="10"/>
  <c r="I2060" i="10"/>
  <c r="I2061" i="10"/>
  <c r="I2062" i="10"/>
  <c r="I2063" i="10"/>
  <c r="I2064" i="10"/>
  <c r="I2065" i="10"/>
  <c r="I2066" i="10"/>
  <c r="I2067" i="10"/>
  <c r="I2068" i="10"/>
  <c r="I2069" i="10"/>
  <c r="I2070" i="10"/>
  <c r="I2071" i="10"/>
  <c r="I2072" i="10"/>
  <c r="I2073" i="10"/>
  <c r="I2074" i="10"/>
  <c r="I2075" i="10"/>
  <c r="I2076" i="10"/>
  <c r="I2077" i="10"/>
  <c r="I2078" i="10"/>
  <c r="I2079" i="10"/>
  <c r="I2080" i="10"/>
  <c r="I2081" i="10"/>
  <c r="I2082" i="10"/>
  <c r="I2083" i="10"/>
  <c r="I2084" i="10"/>
  <c r="I2085" i="10"/>
  <c r="I2086" i="10"/>
  <c r="I2087" i="10"/>
  <c r="I2088" i="10"/>
  <c r="I2089" i="10"/>
  <c r="I2090" i="10"/>
  <c r="I2091" i="10"/>
  <c r="I2092" i="10"/>
  <c r="I2093" i="10"/>
  <c r="I2094" i="10"/>
  <c r="I2095" i="10"/>
  <c r="I2096" i="10"/>
  <c r="I2097" i="10"/>
  <c r="I2098" i="10"/>
  <c r="I2099" i="10"/>
  <c r="I2100" i="10"/>
  <c r="I2101" i="10"/>
  <c r="I2102" i="10"/>
  <c r="I2103" i="10"/>
  <c r="I2104" i="10"/>
  <c r="I2105" i="10"/>
  <c r="I2106" i="10"/>
  <c r="I2107" i="10"/>
  <c r="I2108" i="10"/>
  <c r="I2109" i="10"/>
  <c r="I2110" i="10"/>
  <c r="I2111" i="10"/>
  <c r="I2112" i="10"/>
  <c r="I2113" i="10"/>
  <c r="I2114" i="10"/>
  <c r="I2115" i="10"/>
  <c r="I2116" i="10"/>
  <c r="I2117" i="10"/>
  <c r="I2118" i="10"/>
  <c r="I2119" i="10"/>
  <c r="I2120" i="10"/>
  <c r="I2121" i="10"/>
  <c r="I2122" i="10"/>
  <c r="I2123" i="10"/>
  <c r="I2124" i="10"/>
  <c r="I2125" i="10"/>
  <c r="I2126" i="10"/>
  <c r="I2127" i="10"/>
  <c r="I2128" i="10"/>
  <c r="I2129" i="10"/>
  <c r="I2130" i="10"/>
  <c r="I2131" i="10"/>
  <c r="I2132" i="10"/>
  <c r="I2133" i="10"/>
  <c r="I2134" i="10"/>
  <c r="I2135" i="10"/>
  <c r="I2136" i="10"/>
  <c r="I2137" i="10"/>
  <c r="I2138" i="10"/>
  <c r="I2139" i="10"/>
  <c r="I2140" i="10"/>
  <c r="I2141" i="10"/>
  <c r="I2142" i="10"/>
  <c r="I2143" i="10"/>
  <c r="I2144" i="10"/>
  <c r="I2145" i="10"/>
  <c r="I2146" i="10"/>
  <c r="I2147" i="10"/>
  <c r="I2148" i="10"/>
  <c r="I2149" i="10"/>
  <c r="I2150" i="10"/>
  <c r="I2151" i="10"/>
  <c r="I2152" i="10"/>
  <c r="I2153" i="10"/>
  <c r="I2154" i="10"/>
  <c r="I2155" i="10"/>
  <c r="I2156" i="10"/>
  <c r="I2157" i="10"/>
  <c r="I2158" i="10"/>
  <c r="I2159" i="10"/>
  <c r="I2160" i="10"/>
  <c r="I2161" i="10"/>
  <c r="I2162" i="10"/>
  <c r="I2163" i="10"/>
  <c r="I2164" i="10"/>
  <c r="I2165" i="10"/>
  <c r="I2166" i="10"/>
  <c r="I2167" i="10"/>
  <c r="I2168" i="10"/>
  <c r="I2169" i="10"/>
  <c r="I2170" i="10"/>
  <c r="I2171" i="10"/>
  <c r="I2172" i="10"/>
  <c r="I2173" i="10"/>
  <c r="I2174" i="10"/>
  <c r="I2175" i="10"/>
  <c r="I2176" i="10"/>
  <c r="I2177" i="10"/>
  <c r="I2178" i="10"/>
  <c r="I2179" i="10"/>
  <c r="I2180" i="10"/>
  <c r="I2181" i="10"/>
  <c r="I2182" i="10"/>
  <c r="I2183" i="10"/>
  <c r="I2184" i="10"/>
  <c r="I2185" i="10"/>
  <c r="I2186" i="10"/>
  <c r="I2187" i="10"/>
  <c r="I2188" i="10"/>
  <c r="I2189" i="10"/>
  <c r="I2190" i="10"/>
  <c r="I2191" i="10"/>
  <c r="I2192" i="10"/>
  <c r="I2193" i="10"/>
  <c r="I2194" i="10"/>
  <c r="I2195" i="10"/>
  <c r="I2196" i="10"/>
  <c r="I2197" i="10"/>
  <c r="I2198" i="10"/>
  <c r="I2199" i="10"/>
  <c r="I2200" i="10"/>
  <c r="I2201" i="10"/>
  <c r="I2202" i="10"/>
  <c r="I2203" i="10"/>
  <c r="I2204" i="10"/>
  <c r="I2205" i="10"/>
  <c r="I2206" i="10"/>
  <c r="I2207" i="10"/>
  <c r="I2208" i="10"/>
  <c r="I2209" i="10"/>
  <c r="I2210" i="10"/>
  <c r="I2211" i="10"/>
  <c r="I2212" i="10"/>
  <c r="I2213" i="10"/>
  <c r="I2214" i="10"/>
  <c r="I2215" i="10"/>
  <c r="I2216" i="10"/>
  <c r="I2217" i="10"/>
  <c r="I2218" i="10"/>
  <c r="I2219" i="10"/>
  <c r="I2220" i="10"/>
  <c r="I2221" i="10"/>
  <c r="I2222" i="10"/>
  <c r="I2223" i="10"/>
  <c r="I2224" i="10"/>
  <c r="I2225" i="10"/>
  <c r="I2226" i="10"/>
  <c r="I2227" i="10"/>
  <c r="I2228" i="10"/>
  <c r="I2229" i="10"/>
  <c r="I2230" i="10"/>
  <c r="I2231" i="10"/>
  <c r="I2232" i="10"/>
  <c r="I2233" i="10"/>
  <c r="I2234" i="10"/>
  <c r="I2235" i="10"/>
  <c r="I2236" i="10"/>
  <c r="I2237" i="10"/>
  <c r="I2238" i="10"/>
  <c r="I2239" i="10"/>
  <c r="I2240" i="10"/>
  <c r="I2241" i="10"/>
  <c r="I2242" i="10"/>
  <c r="I2243" i="10"/>
  <c r="I2244" i="10"/>
  <c r="I2245" i="10"/>
  <c r="I2246" i="10"/>
  <c r="I2247" i="10"/>
  <c r="I2248" i="10"/>
  <c r="I2249" i="10"/>
  <c r="I2250" i="10"/>
  <c r="I2251" i="10"/>
  <c r="I2252" i="10"/>
  <c r="I2253" i="10"/>
  <c r="I2254" i="10"/>
  <c r="I2255" i="10"/>
  <c r="I2256" i="10"/>
  <c r="I2257" i="10"/>
  <c r="I2258" i="10"/>
  <c r="I2259" i="10"/>
  <c r="I2260" i="10"/>
  <c r="I2261" i="10"/>
  <c r="I2262" i="10"/>
  <c r="I2263" i="10"/>
  <c r="I2264" i="10"/>
  <c r="I2265" i="10"/>
  <c r="I2266" i="10"/>
  <c r="I2267" i="10"/>
  <c r="I2268" i="10"/>
  <c r="I2269" i="10"/>
  <c r="I2270" i="10"/>
  <c r="I2271" i="10"/>
  <c r="I2272" i="10"/>
  <c r="I2273" i="10"/>
  <c r="I2274" i="10"/>
  <c r="I2275" i="10"/>
  <c r="I2276" i="10"/>
  <c r="I2277" i="10"/>
  <c r="I2278" i="10"/>
  <c r="I2279" i="10"/>
  <c r="I2280" i="10"/>
  <c r="I2281" i="10"/>
  <c r="I2282" i="10"/>
  <c r="I2283" i="10"/>
  <c r="I2284" i="10"/>
  <c r="I2285" i="10"/>
  <c r="I2286" i="10"/>
  <c r="I2287" i="10"/>
  <c r="I2288" i="10"/>
  <c r="I2289" i="10"/>
  <c r="I2290" i="10"/>
  <c r="I2291" i="10"/>
  <c r="I2292" i="10"/>
  <c r="I2293" i="10"/>
  <c r="I2294" i="10"/>
  <c r="I2295" i="10"/>
  <c r="I2296" i="10"/>
  <c r="I2297" i="10"/>
  <c r="I2298" i="10"/>
  <c r="I2299" i="10"/>
  <c r="I2300" i="10"/>
  <c r="I2301" i="10"/>
  <c r="I2302" i="10"/>
  <c r="I2303" i="10"/>
  <c r="I2304" i="10"/>
  <c r="I2305" i="10"/>
  <c r="I2306" i="10"/>
  <c r="I2307" i="10"/>
  <c r="I2308" i="10"/>
  <c r="I2309" i="10"/>
  <c r="I2310" i="10"/>
  <c r="I2311" i="10"/>
  <c r="I2312" i="10"/>
  <c r="I2313" i="10"/>
  <c r="I2314" i="10"/>
  <c r="I2315" i="10"/>
  <c r="I2316" i="10"/>
  <c r="I2317" i="10"/>
  <c r="I2318" i="10"/>
  <c r="I2319" i="10"/>
  <c r="I2320" i="10"/>
  <c r="I2321" i="10"/>
  <c r="I2322" i="10"/>
  <c r="I2323" i="10"/>
  <c r="I2324" i="10"/>
  <c r="I2325" i="10"/>
  <c r="I2326" i="10"/>
  <c r="I2327" i="10"/>
  <c r="I2328" i="10"/>
  <c r="I2329" i="10"/>
  <c r="I2330" i="10"/>
  <c r="I2331" i="10"/>
  <c r="I2332" i="10"/>
  <c r="I2333" i="10"/>
  <c r="I2334" i="10"/>
  <c r="I2335" i="10"/>
  <c r="I2336" i="10"/>
  <c r="I2337" i="10"/>
  <c r="I2338" i="10"/>
  <c r="I2339" i="10"/>
  <c r="I2340" i="10"/>
  <c r="I2341" i="10"/>
  <c r="I2342" i="10"/>
  <c r="I2343" i="10"/>
  <c r="I2344" i="10"/>
  <c r="I2345" i="10"/>
  <c r="I2346" i="10"/>
  <c r="I2347" i="10"/>
  <c r="I2348" i="10"/>
  <c r="I2349" i="10"/>
  <c r="I2350" i="10"/>
  <c r="I2351" i="10"/>
  <c r="I2352" i="10"/>
  <c r="I2353" i="10"/>
  <c r="I2354" i="10"/>
  <c r="I2355" i="10"/>
  <c r="I2356" i="10"/>
  <c r="I2357" i="10"/>
  <c r="I2358" i="10"/>
  <c r="I2359" i="10"/>
  <c r="I2360" i="10"/>
  <c r="I2361" i="10"/>
  <c r="I2362" i="10"/>
  <c r="I2363" i="10"/>
  <c r="I2364" i="10"/>
  <c r="I2365" i="10"/>
  <c r="I2366" i="10"/>
  <c r="I2367" i="10"/>
  <c r="I2368" i="10"/>
  <c r="I2369" i="10"/>
  <c r="I2370" i="10"/>
  <c r="I2371" i="10"/>
  <c r="I2372" i="10"/>
  <c r="I2373" i="10"/>
  <c r="I2374" i="10"/>
  <c r="I2375" i="10"/>
  <c r="I2376" i="10"/>
  <c r="I2377" i="10"/>
  <c r="I2378" i="10"/>
  <c r="I2379" i="10"/>
  <c r="I2380" i="10"/>
  <c r="I2381" i="10"/>
  <c r="I2382" i="10"/>
  <c r="I2383" i="10"/>
  <c r="I2384" i="10"/>
  <c r="I2385" i="10"/>
  <c r="I2386" i="10"/>
  <c r="I2387" i="10"/>
  <c r="I2388" i="10"/>
  <c r="I2389" i="10"/>
  <c r="I2390" i="10"/>
  <c r="I2391" i="10"/>
  <c r="I2392" i="10"/>
  <c r="I2393" i="10"/>
  <c r="I2394" i="10"/>
  <c r="I2395" i="10"/>
  <c r="I2396" i="10"/>
  <c r="I2397" i="10"/>
  <c r="I2398" i="10"/>
  <c r="I2399" i="10"/>
  <c r="I2400" i="10"/>
  <c r="I2401" i="10"/>
  <c r="I2402" i="10"/>
  <c r="I2403" i="10"/>
  <c r="I2404" i="10"/>
  <c r="I2405" i="10"/>
  <c r="I2406" i="10"/>
  <c r="I2407" i="10"/>
  <c r="I2408" i="10"/>
  <c r="I2409" i="10"/>
  <c r="I2410" i="10"/>
  <c r="I2411" i="10"/>
  <c r="I2412" i="10"/>
  <c r="I2413" i="10"/>
  <c r="I2414" i="10"/>
  <c r="I2415" i="10"/>
  <c r="I2416" i="10"/>
  <c r="I2417" i="10"/>
  <c r="I2418" i="10"/>
  <c r="I2419" i="10"/>
  <c r="I2420" i="10"/>
  <c r="I2421" i="10"/>
  <c r="I2422" i="10"/>
  <c r="I2423" i="10"/>
  <c r="I2424" i="10"/>
  <c r="I2425" i="10"/>
  <c r="I2426" i="10"/>
  <c r="I2427" i="10"/>
  <c r="I2428" i="10"/>
  <c r="I2429" i="10"/>
  <c r="I2430" i="10"/>
  <c r="I2431" i="10"/>
  <c r="I2432" i="10"/>
  <c r="I2433" i="10"/>
  <c r="I2434" i="10"/>
  <c r="I2435" i="10"/>
  <c r="I2436" i="10"/>
  <c r="I2437" i="10"/>
  <c r="I2438" i="10"/>
  <c r="I2439" i="10"/>
  <c r="I2440" i="10"/>
  <c r="I2441" i="10"/>
  <c r="I2442" i="10"/>
  <c r="I2443" i="10"/>
  <c r="I2444" i="10"/>
  <c r="I2445" i="10"/>
  <c r="I2446" i="10"/>
  <c r="I2447" i="10"/>
  <c r="I2448" i="10"/>
  <c r="I2449" i="10"/>
  <c r="I2450" i="10"/>
  <c r="I2451" i="10"/>
  <c r="I2452" i="10"/>
  <c r="I2453" i="10"/>
  <c r="I2454" i="10"/>
  <c r="I2455" i="10"/>
  <c r="I2456" i="10"/>
  <c r="I2457" i="10"/>
  <c r="I2458" i="10"/>
  <c r="I2459" i="10"/>
  <c r="I2460" i="10"/>
  <c r="I2461" i="10"/>
  <c r="I2462" i="10"/>
  <c r="I2463" i="10"/>
  <c r="I2464" i="10"/>
  <c r="I2465" i="10"/>
  <c r="I2466" i="10"/>
  <c r="I2467" i="10"/>
  <c r="I2468" i="10"/>
  <c r="I2469" i="10"/>
  <c r="I2470" i="10"/>
  <c r="I2471" i="10"/>
  <c r="I2472" i="10"/>
  <c r="I2473" i="10"/>
  <c r="I2474" i="10"/>
  <c r="I2475" i="10"/>
  <c r="I2476" i="10"/>
  <c r="I2477" i="10"/>
  <c r="I2478" i="10"/>
  <c r="I2479" i="10"/>
  <c r="I2480" i="10"/>
  <c r="I2481" i="10"/>
  <c r="I2482" i="10"/>
  <c r="I2483" i="10"/>
  <c r="I2484" i="10"/>
  <c r="I2485" i="10"/>
  <c r="I2486" i="10"/>
  <c r="I2487" i="10"/>
  <c r="I2488" i="10"/>
  <c r="I2489" i="10"/>
  <c r="I2490" i="10"/>
  <c r="I2491" i="10"/>
  <c r="I2492" i="10"/>
  <c r="I2493" i="10"/>
  <c r="I2494" i="10"/>
  <c r="I2495" i="10"/>
  <c r="I2496" i="10"/>
  <c r="I2497" i="10"/>
  <c r="I2498" i="10"/>
  <c r="I2499" i="10"/>
  <c r="I2500" i="10"/>
  <c r="I2501" i="10"/>
  <c r="I2502" i="10"/>
  <c r="I2503" i="10"/>
  <c r="I2504" i="10"/>
  <c r="I2505" i="10"/>
  <c r="I2506" i="10"/>
  <c r="I2507" i="10"/>
  <c r="I2508" i="10"/>
  <c r="I2509" i="10"/>
  <c r="I2510" i="10"/>
  <c r="I2511" i="10"/>
  <c r="I2512" i="10"/>
  <c r="I2513" i="10"/>
  <c r="I2514" i="10"/>
  <c r="I2515" i="10"/>
  <c r="I2516" i="10"/>
  <c r="I2517" i="10"/>
  <c r="I2518" i="10"/>
  <c r="I2519" i="10"/>
  <c r="I2520" i="10"/>
  <c r="I2521" i="10"/>
  <c r="I2522" i="10"/>
  <c r="I2523" i="10"/>
  <c r="I2524" i="10"/>
  <c r="I2525" i="10"/>
  <c r="I2526" i="10"/>
  <c r="I2527" i="10"/>
  <c r="I2528" i="10"/>
  <c r="I2529" i="10"/>
  <c r="I2530" i="10"/>
  <c r="I2531" i="10"/>
  <c r="I2532" i="10"/>
  <c r="I2533" i="10"/>
  <c r="I2534" i="10"/>
  <c r="I2535" i="10"/>
  <c r="I2536" i="10"/>
  <c r="I2537" i="10"/>
  <c r="I2538" i="10"/>
  <c r="I2539" i="10"/>
  <c r="I2540" i="10"/>
  <c r="I2541" i="10"/>
  <c r="I2542" i="10"/>
  <c r="I2543" i="10"/>
  <c r="I2544" i="10"/>
  <c r="I2545" i="10"/>
  <c r="I2546" i="10"/>
  <c r="I2547" i="10"/>
  <c r="I2548" i="10"/>
  <c r="I2549" i="10"/>
  <c r="I2550" i="10"/>
  <c r="I2551" i="10"/>
  <c r="I2552" i="10"/>
  <c r="I2553" i="10"/>
  <c r="I2554" i="10"/>
  <c r="I2555" i="10"/>
  <c r="I2556" i="10"/>
  <c r="I2557" i="10"/>
  <c r="I2558" i="10"/>
  <c r="I2559" i="10"/>
  <c r="I2560" i="10"/>
  <c r="I2561" i="10"/>
  <c r="I2562" i="10"/>
  <c r="I2563" i="10"/>
  <c r="I2564" i="10"/>
  <c r="I2565" i="10"/>
  <c r="I2566" i="10"/>
  <c r="I2567" i="10"/>
  <c r="I2568" i="10"/>
  <c r="I2569" i="10"/>
  <c r="I2570" i="10"/>
  <c r="I2571" i="10"/>
  <c r="I2572" i="10"/>
  <c r="I2573" i="10"/>
  <c r="I2574" i="10"/>
  <c r="I2575" i="10"/>
  <c r="I2576" i="10"/>
  <c r="I2577" i="10"/>
  <c r="I2578" i="10"/>
  <c r="I2579" i="10"/>
  <c r="I2580" i="10"/>
  <c r="I2581" i="10"/>
  <c r="I2582" i="10"/>
  <c r="I2583" i="10"/>
  <c r="I2584" i="10"/>
  <c r="I2585" i="10"/>
  <c r="I2586" i="10"/>
  <c r="I2587" i="10"/>
  <c r="I2588" i="10"/>
  <c r="I2589" i="10"/>
  <c r="I2590" i="10"/>
  <c r="I2591" i="10"/>
  <c r="I2592" i="10"/>
  <c r="I2593" i="10"/>
  <c r="I2594" i="10"/>
  <c r="I2595" i="10"/>
  <c r="I2596" i="10"/>
  <c r="I2597" i="10"/>
  <c r="I2598" i="10"/>
  <c r="I2599" i="10"/>
  <c r="I2600" i="10"/>
  <c r="I2601" i="10"/>
  <c r="I2602" i="10"/>
  <c r="I2603" i="10"/>
  <c r="I2604" i="10"/>
  <c r="I2605" i="10"/>
  <c r="I2606" i="10"/>
  <c r="I2607" i="10"/>
  <c r="I2608" i="10"/>
  <c r="I2609" i="10"/>
  <c r="I2610" i="10"/>
  <c r="I2611" i="10"/>
  <c r="I2612" i="10"/>
  <c r="I2613" i="10"/>
  <c r="I2614" i="10"/>
  <c r="I2615" i="10"/>
  <c r="I2616" i="10"/>
  <c r="I2617" i="10"/>
  <c r="I2618" i="10"/>
  <c r="I2619" i="10"/>
  <c r="I2620" i="10"/>
  <c r="I2621" i="10"/>
  <c r="I2622" i="10"/>
  <c r="I2623" i="10"/>
  <c r="I2624" i="10"/>
  <c r="I2625" i="10"/>
  <c r="I2626" i="10"/>
  <c r="I2627" i="10"/>
  <c r="I2628" i="10"/>
  <c r="I2629" i="10"/>
  <c r="I2630" i="10"/>
  <c r="I2631" i="10"/>
  <c r="I2632" i="10"/>
  <c r="I2633" i="10"/>
  <c r="I2634" i="10"/>
  <c r="I2635" i="10"/>
  <c r="I2636" i="10"/>
  <c r="I2637" i="10"/>
  <c r="I2638" i="10"/>
  <c r="I2639" i="10"/>
  <c r="I2640" i="10"/>
  <c r="I2641" i="10"/>
  <c r="I2642" i="10"/>
  <c r="I2643" i="10"/>
  <c r="I2644" i="10"/>
  <c r="I2645" i="10"/>
  <c r="I2646" i="10"/>
  <c r="I2647" i="10"/>
  <c r="I2648" i="10"/>
  <c r="I2649" i="10"/>
  <c r="I2650" i="10"/>
  <c r="I2651" i="10"/>
  <c r="I2652" i="10"/>
  <c r="I2653" i="10"/>
  <c r="I2654" i="10"/>
  <c r="I2655" i="10"/>
  <c r="I2656" i="10"/>
  <c r="I2657" i="10"/>
  <c r="I2658" i="10"/>
  <c r="I2659" i="10"/>
  <c r="I2660" i="10"/>
  <c r="I2661" i="10"/>
  <c r="I2662" i="10"/>
  <c r="I2663" i="10"/>
  <c r="I2664" i="10"/>
  <c r="I2665" i="10"/>
  <c r="I2666" i="10"/>
  <c r="I2667" i="10"/>
  <c r="I2668" i="10"/>
  <c r="I2669" i="10"/>
  <c r="I2670" i="10"/>
  <c r="I2671" i="10"/>
  <c r="I2672" i="10"/>
  <c r="I2673" i="10"/>
  <c r="I2674" i="10"/>
  <c r="I2675" i="10"/>
  <c r="I2676" i="10"/>
  <c r="I2677" i="10"/>
  <c r="I2678" i="10"/>
  <c r="I2679" i="10"/>
  <c r="I2680" i="10"/>
  <c r="I2681" i="10"/>
  <c r="I2682" i="10"/>
  <c r="I2683" i="10"/>
  <c r="I2684" i="10"/>
  <c r="I2685" i="10"/>
  <c r="I2686" i="10"/>
  <c r="I2687" i="10"/>
  <c r="I2688" i="10"/>
  <c r="I2689" i="10"/>
  <c r="I2690" i="10"/>
  <c r="I2691" i="10"/>
  <c r="I2692" i="10"/>
  <c r="I2693" i="10"/>
  <c r="I2694" i="10"/>
  <c r="I2695" i="10"/>
  <c r="I2696" i="10"/>
  <c r="I2697" i="10"/>
  <c r="I2698" i="10"/>
  <c r="I2699" i="10"/>
  <c r="I2700" i="10"/>
  <c r="I2701" i="10"/>
  <c r="I2702" i="10"/>
  <c r="I2703" i="10"/>
  <c r="I2704" i="10"/>
  <c r="I2705" i="10"/>
  <c r="I2706" i="10"/>
  <c r="I2707" i="10"/>
  <c r="I2708" i="10"/>
  <c r="I2709" i="10"/>
  <c r="I2710" i="10"/>
  <c r="I2711" i="10"/>
  <c r="I2712" i="10"/>
  <c r="I2713" i="10"/>
  <c r="I2714" i="10"/>
  <c r="I2715" i="10"/>
  <c r="I2716" i="10"/>
  <c r="I2717" i="10"/>
  <c r="I2718" i="10"/>
  <c r="I2719" i="10"/>
  <c r="I2720" i="10"/>
  <c r="I2721" i="10"/>
  <c r="I2722" i="10"/>
  <c r="I2723" i="10"/>
  <c r="I2724" i="10"/>
  <c r="I2725" i="10"/>
  <c r="I2726" i="10"/>
  <c r="I2727" i="10"/>
  <c r="I2728" i="10"/>
  <c r="I2729" i="10"/>
  <c r="I2730" i="10"/>
  <c r="I2731" i="10"/>
  <c r="I2732" i="10"/>
  <c r="I2733" i="10"/>
  <c r="I2734" i="10"/>
  <c r="I2735" i="10"/>
  <c r="I2736" i="10"/>
  <c r="I2737" i="10"/>
  <c r="I2738" i="10"/>
  <c r="I2739" i="10"/>
  <c r="I2740" i="10"/>
  <c r="I2741" i="10"/>
  <c r="I2742" i="10"/>
  <c r="I2743" i="10"/>
  <c r="I2744" i="10"/>
  <c r="I2745" i="10"/>
  <c r="I2746" i="10"/>
  <c r="I2747" i="10"/>
  <c r="I2748" i="10"/>
  <c r="I2749" i="10"/>
  <c r="I2750" i="10"/>
  <c r="I2751" i="10"/>
  <c r="I2752" i="10"/>
  <c r="I2753" i="10"/>
  <c r="I2754" i="10"/>
  <c r="I2755" i="10"/>
  <c r="I2756" i="10"/>
  <c r="I2757" i="10"/>
  <c r="I2758" i="10"/>
  <c r="I2759" i="10"/>
  <c r="I2760" i="10"/>
  <c r="I2761" i="10"/>
  <c r="I2762" i="10"/>
  <c r="I2763" i="10"/>
  <c r="I2764" i="10"/>
  <c r="I2765" i="10"/>
  <c r="I2766" i="10"/>
  <c r="I2767" i="10"/>
  <c r="I2768" i="10"/>
  <c r="I2769" i="10"/>
  <c r="I2770" i="10"/>
  <c r="I2771" i="10"/>
  <c r="I2772" i="10"/>
  <c r="I2773" i="10"/>
  <c r="I2774" i="10"/>
  <c r="I2775" i="10"/>
  <c r="I2776" i="10"/>
  <c r="I2777" i="10"/>
  <c r="I2778" i="10"/>
  <c r="I2779" i="10"/>
  <c r="I2780" i="10"/>
  <c r="I2781" i="10"/>
  <c r="I2782" i="10"/>
  <c r="I2783" i="10"/>
  <c r="I2784" i="10"/>
  <c r="I2785" i="10"/>
  <c r="I2786" i="10"/>
  <c r="I2787" i="10"/>
  <c r="I2788" i="10"/>
  <c r="I2789" i="10"/>
  <c r="I2790" i="10"/>
  <c r="I2791" i="10"/>
  <c r="I2792" i="10"/>
  <c r="I2793" i="10"/>
  <c r="I2794" i="10"/>
  <c r="I2795" i="10"/>
  <c r="I2796" i="10"/>
  <c r="I2797" i="10"/>
  <c r="I2798" i="10"/>
  <c r="I2799" i="10"/>
  <c r="I2800" i="10"/>
  <c r="I2801" i="10"/>
  <c r="I2802" i="10"/>
  <c r="I2803" i="10"/>
  <c r="I2804" i="10"/>
  <c r="I2805" i="10"/>
  <c r="I2806" i="10"/>
  <c r="I2807" i="10"/>
  <c r="I2808" i="10"/>
  <c r="I2809" i="10"/>
  <c r="I2810" i="10"/>
  <c r="I2811" i="10"/>
  <c r="I2812" i="10"/>
  <c r="I2813" i="10"/>
  <c r="I2814" i="10"/>
  <c r="I2815" i="10"/>
  <c r="I2816" i="10"/>
  <c r="I2817" i="10"/>
  <c r="I2818" i="10"/>
  <c r="I2819" i="10"/>
  <c r="I2820" i="10"/>
  <c r="I2821" i="10"/>
  <c r="I2822" i="10"/>
  <c r="I2823" i="10"/>
  <c r="I2824" i="10"/>
  <c r="I2825" i="10"/>
  <c r="I2826" i="10"/>
  <c r="I2827" i="10"/>
  <c r="I2828" i="10"/>
  <c r="I2829" i="10"/>
  <c r="I2830" i="10"/>
  <c r="I2831" i="10"/>
  <c r="I2832" i="10"/>
  <c r="I2833" i="10"/>
  <c r="I2834" i="10"/>
  <c r="I2835" i="10"/>
  <c r="I2836" i="10"/>
  <c r="I2837" i="10"/>
  <c r="I2838" i="10"/>
  <c r="I2839" i="10"/>
  <c r="I2840" i="10"/>
  <c r="I2841" i="10"/>
  <c r="I2842" i="10"/>
  <c r="I2843" i="10"/>
  <c r="I2844" i="10"/>
  <c r="I2845" i="10"/>
  <c r="I2846" i="10"/>
  <c r="I2847" i="10"/>
  <c r="I2848" i="10"/>
  <c r="I2849" i="10"/>
  <c r="I2850" i="10"/>
  <c r="I2851" i="10"/>
  <c r="I2852" i="10"/>
  <c r="I2853" i="10"/>
  <c r="I2854" i="10"/>
  <c r="I2855" i="10"/>
  <c r="I2856" i="10"/>
  <c r="I2857" i="10"/>
  <c r="I2858" i="10"/>
  <c r="I2859" i="10"/>
  <c r="I2860" i="10"/>
  <c r="I2861" i="10"/>
  <c r="I2862" i="10"/>
  <c r="I2863" i="10"/>
  <c r="I2864" i="10"/>
  <c r="I2865" i="10"/>
  <c r="I2866" i="10"/>
  <c r="I2867" i="10"/>
  <c r="I2868" i="10"/>
  <c r="I2869" i="10"/>
  <c r="I2870" i="10"/>
  <c r="I2871" i="10"/>
  <c r="I2872" i="10"/>
  <c r="I2873" i="10"/>
  <c r="I2874" i="10"/>
  <c r="I2875" i="10"/>
  <c r="I2876" i="10"/>
  <c r="I2877" i="10"/>
  <c r="I2878" i="10"/>
  <c r="I2879" i="10"/>
  <c r="I2880" i="10"/>
  <c r="I2881" i="10"/>
  <c r="I2882" i="10"/>
  <c r="I2883" i="10"/>
  <c r="I2884" i="10"/>
  <c r="I2885" i="10"/>
  <c r="I2886" i="10"/>
  <c r="I2887" i="10"/>
  <c r="I2888" i="10"/>
  <c r="I2889" i="10"/>
  <c r="I2890" i="10"/>
  <c r="I2891" i="10"/>
  <c r="I2892" i="10"/>
  <c r="I2893" i="10"/>
  <c r="I2894" i="10"/>
  <c r="I2895" i="10"/>
  <c r="I2896" i="10"/>
  <c r="I2897" i="10"/>
  <c r="I2898" i="10"/>
  <c r="I2899" i="10"/>
  <c r="I2900" i="10"/>
  <c r="I2901" i="10"/>
  <c r="I2902" i="10"/>
  <c r="I2903" i="10"/>
  <c r="I2904" i="10"/>
  <c r="I2905" i="10"/>
  <c r="I2906" i="10"/>
  <c r="I2907" i="10"/>
  <c r="I2908" i="10"/>
  <c r="I2909" i="10"/>
  <c r="I2910" i="10"/>
  <c r="I2911" i="10"/>
  <c r="I2912" i="10"/>
  <c r="I2913" i="10"/>
  <c r="I2914" i="10"/>
  <c r="I2915" i="10"/>
  <c r="I2916" i="10"/>
  <c r="I2917" i="10"/>
  <c r="I2918" i="10"/>
  <c r="I2919" i="10"/>
  <c r="I2920" i="10"/>
  <c r="I2921" i="10"/>
  <c r="I2922" i="10"/>
  <c r="I2923" i="10"/>
  <c r="I2924" i="10"/>
  <c r="I2925" i="10"/>
  <c r="I2926" i="10"/>
  <c r="I2927" i="10"/>
  <c r="I2928" i="10"/>
  <c r="I2929" i="10"/>
  <c r="I2930" i="10"/>
  <c r="I2931" i="10"/>
  <c r="I2932" i="10"/>
  <c r="I2933" i="10"/>
  <c r="I2934" i="10"/>
  <c r="I2935" i="10"/>
  <c r="I2936" i="10"/>
  <c r="I2937" i="10"/>
  <c r="I2938" i="10"/>
  <c r="I2939" i="10"/>
  <c r="I2940" i="10"/>
  <c r="I2941" i="10"/>
  <c r="I2942" i="10"/>
  <c r="I2943" i="10"/>
  <c r="I2944" i="10"/>
  <c r="I2945" i="10"/>
  <c r="I2946" i="10"/>
  <c r="I2947" i="10"/>
  <c r="I2948" i="10"/>
  <c r="I2949" i="10"/>
  <c r="I2950" i="10"/>
  <c r="I2951" i="10"/>
  <c r="I2952" i="10"/>
  <c r="I2953" i="10"/>
  <c r="I2954" i="10"/>
  <c r="I2955" i="10"/>
  <c r="I2956" i="10"/>
  <c r="I2957" i="10"/>
  <c r="I2958" i="10"/>
  <c r="I2959" i="10"/>
  <c r="I2960" i="10"/>
  <c r="I2961" i="10"/>
  <c r="I2962" i="10"/>
  <c r="I2963" i="10"/>
  <c r="I2964" i="10"/>
  <c r="I2965" i="10"/>
  <c r="I2966" i="10"/>
  <c r="I2967" i="10"/>
  <c r="I2968" i="10"/>
  <c r="I2969" i="10"/>
  <c r="I2970" i="10"/>
  <c r="I2971" i="10"/>
  <c r="I2972" i="10"/>
  <c r="I2973" i="10"/>
  <c r="I2974" i="10"/>
  <c r="I2975" i="10"/>
  <c r="I2976" i="10"/>
  <c r="I2977" i="10"/>
  <c r="I2978" i="10"/>
  <c r="I2979" i="10"/>
  <c r="I2980" i="10"/>
  <c r="I2981" i="10"/>
  <c r="I2982" i="10"/>
  <c r="I2983" i="10"/>
  <c r="I2984" i="10"/>
  <c r="I2985" i="10"/>
  <c r="I2986" i="10"/>
  <c r="I2987" i="10"/>
  <c r="I2988" i="10"/>
  <c r="I2989" i="10"/>
  <c r="I2990" i="10"/>
  <c r="I2991" i="10"/>
  <c r="I2992" i="10"/>
  <c r="I2993" i="10"/>
  <c r="I2994" i="10"/>
  <c r="I2995" i="10"/>
  <c r="I2996" i="10"/>
  <c r="I2997" i="10"/>
  <c r="I2998" i="10"/>
  <c r="I2999" i="10"/>
  <c r="I3000" i="10"/>
  <c r="I3001" i="10"/>
  <c r="I3002" i="10"/>
  <c r="I3003" i="10"/>
  <c r="I3004" i="10"/>
  <c r="I3005" i="10"/>
  <c r="I3006" i="10"/>
  <c r="I3007" i="10"/>
  <c r="I3008" i="10"/>
  <c r="I3009" i="10"/>
  <c r="I3010" i="10"/>
  <c r="I3011" i="10"/>
  <c r="I3012" i="10"/>
  <c r="I3013" i="10"/>
  <c r="I3014" i="10"/>
  <c r="I3015" i="10"/>
  <c r="I3016" i="10"/>
  <c r="I3017" i="10"/>
  <c r="I3018" i="10"/>
  <c r="I3019" i="10"/>
  <c r="I3020" i="10"/>
  <c r="I3021" i="10"/>
  <c r="I3022" i="10"/>
  <c r="I3023" i="10"/>
  <c r="I3024" i="10"/>
  <c r="I3025" i="10"/>
  <c r="I3026" i="10"/>
  <c r="I3027" i="10"/>
  <c r="I3028" i="10"/>
  <c r="I3029" i="10"/>
  <c r="I3030" i="10"/>
  <c r="I3031" i="10"/>
  <c r="I3032" i="10"/>
  <c r="I3033" i="10"/>
  <c r="I3034" i="10"/>
  <c r="I3035" i="10"/>
  <c r="I3036" i="10"/>
  <c r="I3037" i="10"/>
  <c r="I3038" i="10"/>
  <c r="I3039" i="10"/>
  <c r="I3040" i="10"/>
  <c r="I3041" i="10"/>
  <c r="I3042" i="10"/>
  <c r="I3043" i="10"/>
  <c r="I3044" i="10"/>
  <c r="I3045" i="10"/>
  <c r="I3046" i="10"/>
  <c r="I3047" i="10"/>
  <c r="I3048" i="10"/>
  <c r="I3049" i="10"/>
  <c r="I3050" i="10"/>
  <c r="I3051" i="10"/>
  <c r="I3052" i="10"/>
  <c r="I3053" i="10"/>
  <c r="I3054" i="10"/>
  <c r="I3055" i="10"/>
  <c r="I3056" i="10"/>
  <c r="I3057" i="10"/>
  <c r="I3058" i="10"/>
  <c r="I3059" i="10"/>
  <c r="I3060" i="10"/>
  <c r="I3061" i="10"/>
  <c r="I3062" i="10"/>
  <c r="I3063" i="10"/>
  <c r="I3064" i="10"/>
  <c r="I3065" i="10"/>
  <c r="I3066" i="10"/>
  <c r="I3067" i="10"/>
  <c r="I3068" i="10"/>
  <c r="I3069" i="10"/>
  <c r="I3070" i="10"/>
  <c r="I3071" i="10"/>
  <c r="I3072" i="10"/>
  <c r="I3073" i="10"/>
  <c r="I3074" i="10"/>
  <c r="I3075" i="10"/>
  <c r="I3076" i="10"/>
  <c r="I3077" i="10"/>
  <c r="I3078" i="10"/>
  <c r="I3079" i="10"/>
  <c r="I3080" i="10"/>
  <c r="I3081" i="10"/>
  <c r="I3082" i="10"/>
  <c r="I3083" i="10"/>
  <c r="I3084" i="10"/>
  <c r="I3085" i="10"/>
  <c r="I3086" i="10"/>
  <c r="I3087" i="10"/>
  <c r="I3088" i="10"/>
  <c r="I3089" i="10"/>
  <c r="I3090" i="10"/>
  <c r="I3091" i="10"/>
  <c r="I3092" i="10"/>
  <c r="I3093" i="10"/>
  <c r="I3094" i="10"/>
  <c r="I3095" i="10"/>
  <c r="I3096" i="10"/>
  <c r="I3097" i="10"/>
  <c r="I3098" i="10"/>
  <c r="I3099" i="10"/>
  <c r="I3100" i="10"/>
  <c r="I3101" i="10"/>
  <c r="I3102" i="10"/>
  <c r="I3103" i="10"/>
  <c r="I3104" i="10"/>
  <c r="I3105" i="10"/>
  <c r="I3106" i="10"/>
  <c r="I3107" i="10"/>
  <c r="I3108" i="10"/>
  <c r="I3109" i="10"/>
  <c r="I3110" i="10"/>
  <c r="I3111" i="10"/>
  <c r="I3112" i="10"/>
  <c r="I3113" i="10"/>
  <c r="I3114" i="10"/>
  <c r="I3115" i="10"/>
  <c r="I3116" i="10"/>
  <c r="I3117" i="10"/>
  <c r="I3118" i="10"/>
  <c r="I3119" i="10"/>
  <c r="I3120" i="10"/>
  <c r="I3121" i="10"/>
  <c r="I3122" i="10"/>
  <c r="I3123" i="10"/>
  <c r="I3124" i="10"/>
  <c r="I3125" i="10"/>
  <c r="I3126" i="10"/>
  <c r="I3127" i="10"/>
  <c r="I3128" i="10"/>
  <c r="I3129" i="10"/>
  <c r="I3130" i="10"/>
  <c r="I3131" i="10"/>
  <c r="I3132" i="10"/>
  <c r="I3133" i="10"/>
  <c r="I3134" i="10"/>
  <c r="I3135" i="10"/>
  <c r="I3136" i="10"/>
  <c r="I3137" i="10"/>
  <c r="I3138" i="10"/>
  <c r="I3139" i="10"/>
  <c r="I3140" i="10"/>
  <c r="I3141" i="10"/>
  <c r="I3142" i="10"/>
  <c r="I3143" i="10"/>
  <c r="I3144" i="10"/>
  <c r="I3145" i="10"/>
  <c r="I3146" i="10"/>
  <c r="I3147" i="10"/>
  <c r="I3148" i="10"/>
  <c r="I3149" i="10"/>
  <c r="I3150" i="10"/>
  <c r="I3151" i="10"/>
  <c r="I3152" i="10"/>
  <c r="I3153" i="10"/>
  <c r="I3154" i="10"/>
  <c r="I3155" i="10"/>
  <c r="I3156" i="10"/>
  <c r="I3157" i="10"/>
  <c r="I3158" i="10"/>
  <c r="I3159" i="10"/>
  <c r="I3160" i="10"/>
  <c r="I3161" i="10"/>
  <c r="I3162" i="10"/>
  <c r="I3163" i="10"/>
  <c r="I3164" i="10"/>
  <c r="I3165" i="10"/>
  <c r="I3166" i="10"/>
  <c r="I3167" i="10"/>
  <c r="I3168" i="10"/>
  <c r="I3169" i="10"/>
  <c r="I3170" i="10"/>
  <c r="I3171" i="10"/>
  <c r="I3172" i="10"/>
  <c r="I3173" i="10"/>
  <c r="I3174" i="10"/>
  <c r="I3175" i="10"/>
  <c r="I3176" i="10"/>
  <c r="I3177" i="10"/>
  <c r="I3178" i="10"/>
  <c r="I3179" i="10"/>
  <c r="I3180" i="10"/>
  <c r="I3181" i="10"/>
  <c r="I3182" i="10"/>
  <c r="I3183" i="10"/>
  <c r="I3184" i="10"/>
  <c r="I3185" i="10"/>
  <c r="I3186" i="10"/>
  <c r="I3187" i="10"/>
  <c r="I3188" i="10"/>
  <c r="I3189" i="10"/>
  <c r="I3190" i="10"/>
  <c r="I3191" i="10"/>
  <c r="I3192" i="10"/>
  <c r="I3193" i="10"/>
  <c r="I3194" i="10"/>
  <c r="I3195" i="10"/>
  <c r="I3196" i="10"/>
  <c r="I3197" i="10"/>
  <c r="I3198" i="10"/>
  <c r="I3199" i="10"/>
  <c r="I3200" i="10"/>
  <c r="I3201" i="10"/>
  <c r="I3202" i="10"/>
  <c r="I3203" i="10"/>
  <c r="I3204" i="10"/>
  <c r="I3205" i="10"/>
  <c r="I3206" i="10"/>
  <c r="I3207" i="10"/>
  <c r="I3208" i="10"/>
  <c r="I3209" i="10"/>
  <c r="I3210" i="10"/>
  <c r="I3211" i="10"/>
  <c r="I3212" i="10"/>
  <c r="I3213" i="10"/>
  <c r="I3214" i="10"/>
  <c r="I3215" i="10"/>
  <c r="I3216" i="10"/>
  <c r="I3217" i="10"/>
  <c r="I3218" i="10"/>
  <c r="I3219" i="10"/>
  <c r="I3220" i="10"/>
  <c r="I3221" i="10"/>
  <c r="I3222" i="10"/>
  <c r="I3223" i="10"/>
  <c r="I3224" i="10"/>
  <c r="I3225" i="10"/>
  <c r="I3226" i="10"/>
  <c r="I3227" i="10"/>
  <c r="I3228" i="10"/>
  <c r="I3229" i="10"/>
  <c r="I3230" i="10"/>
  <c r="I3231" i="10"/>
  <c r="I3232" i="10"/>
  <c r="I3233" i="10"/>
  <c r="I3234" i="10"/>
  <c r="I3235" i="10"/>
  <c r="I3236" i="10"/>
  <c r="I3237" i="10"/>
  <c r="I3238" i="10"/>
  <c r="I3239" i="10"/>
  <c r="I3240" i="10"/>
  <c r="I3241" i="10"/>
  <c r="I3242" i="10"/>
  <c r="I3243" i="10"/>
  <c r="I3244" i="10"/>
  <c r="I3245" i="10"/>
  <c r="I3246" i="10"/>
  <c r="I3247" i="10"/>
  <c r="I3248" i="10"/>
  <c r="I3249" i="10"/>
  <c r="I3250" i="10"/>
  <c r="I3251" i="10"/>
  <c r="I3252" i="10"/>
  <c r="I3253" i="10"/>
  <c r="I3254" i="10"/>
  <c r="I3255" i="10"/>
  <c r="I3256" i="10"/>
  <c r="I3257" i="10"/>
  <c r="I3258" i="10"/>
  <c r="I3259" i="10"/>
  <c r="I3260" i="10"/>
  <c r="I3261" i="10"/>
  <c r="I3262" i="10"/>
  <c r="I3263" i="10"/>
  <c r="I3264" i="10"/>
  <c r="I3265" i="10"/>
  <c r="I3266" i="10"/>
  <c r="I3267" i="10"/>
  <c r="I3268" i="10"/>
  <c r="I3269" i="10"/>
  <c r="I3270" i="10"/>
  <c r="I3271" i="10"/>
  <c r="I3272" i="10"/>
  <c r="I3273" i="10"/>
  <c r="I3274" i="10"/>
  <c r="I3275" i="10"/>
  <c r="I3276" i="10"/>
  <c r="I3277" i="10"/>
  <c r="I3278" i="10"/>
  <c r="I3279" i="10"/>
  <c r="I3280" i="10"/>
  <c r="I3281" i="10"/>
  <c r="I3282" i="10"/>
  <c r="I3283" i="10"/>
  <c r="I3284" i="10"/>
  <c r="I3285" i="10"/>
  <c r="I3286" i="10"/>
  <c r="I3287" i="10"/>
  <c r="I3288" i="10"/>
  <c r="I3289" i="10"/>
  <c r="I3290" i="10"/>
  <c r="I3291" i="10"/>
  <c r="I3292" i="10"/>
  <c r="I3293" i="10"/>
  <c r="I3294" i="10"/>
  <c r="I3295" i="10"/>
  <c r="I3296" i="10"/>
  <c r="I3297" i="10"/>
  <c r="I3298" i="10"/>
  <c r="I3299" i="10"/>
  <c r="I3300" i="10"/>
  <c r="I3301" i="10"/>
  <c r="I3302" i="10"/>
  <c r="I3303" i="10"/>
  <c r="I3304" i="10"/>
  <c r="I3305" i="10"/>
  <c r="I3306" i="10"/>
  <c r="I3307" i="10"/>
  <c r="I3308" i="10"/>
  <c r="I3309" i="10"/>
  <c r="I3310" i="10"/>
  <c r="I3311" i="10"/>
  <c r="I3312" i="10"/>
  <c r="I3313" i="10"/>
  <c r="I3314" i="10"/>
  <c r="I3315" i="10"/>
  <c r="I3316" i="10"/>
  <c r="I3317" i="10"/>
  <c r="I3318" i="10"/>
  <c r="I3319" i="10"/>
  <c r="I3320" i="10"/>
  <c r="I3321" i="10"/>
  <c r="I3322" i="10"/>
  <c r="I3323" i="10"/>
  <c r="I3324" i="10"/>
  <c r="I3325" i="10"/>
  <c r="I3326" i="10"/>
  <c r="I3327" i="10"/>
  <c r="I3328" i="10"/>
  <c r="I3329" i="10"/>
  <c r="I3330" i="10"/>
  <c r="I3331" i="10"/>
  <c r="I3332" i="10"/>
  <c r="I3333" i="10"/>
  <c r="I3334" i="10"/>
  <c r="I3335" i="10"/>
  <c r="I3336" i="10"/>
  <c r="I3337" i="10"/>
  <c r="I3338" i="10"/>
  <c r="I3339" i="10"/>
  <c r="I3340" i="10"/>
  <c r="I3341" i="10"/>
  <c r="I3342" i="10"/>
  <c r="I3343" i="10"/>
  <c r="I3344" i="10"/>
  <c r="I3345" i="10"/>
  <c r="I3346" i="10"/>
  <c r="I3347" i="10"/>
  <c r="I3348" i="10"/>
  <c r="I3349" i="10"/>
  <c r="I3350" i="10"/>
  <c r="I3351" i="10"/>
  <c r="I3352" i="10"/>
  <c r="I3353" i="10"/>
  <c r="I3354" i="10"/>
  <c r="I3355" i="10"/>
  <c r="I3356" i="10"/>
  <c r="I3357" i="10"/>
  <c r="I3358" i="10"/>
  <c r="I3359" i="10"/>
  <c r="I3360" i="10"/>
  <c r="I3361" i="10"/>
  <c r="I3362" i="10"/>
  <c r="I3363" i="10"/>
  <c r="I3364" i="10"/>
  <c r="I3365" i="10"/>
  <c r="I3366" i="10"/>
  <c r="I3367" i="10"/>
  <c r="I3368" i="10"/>
  <c r="I3369" i="10"/>
  <c r="I3370" i="10"/>
  <c r="I3371" i="10"/>
  <c r="I3372" i="10"/>
  <c r="I3373" i="10"/>
  <c r="I3374" i="10"/>
  <c r="I3375" i="10"/>
  <c r="I3376" i="10"/>
  <c r="I3377" i="10"/>
  <c r="I3378" i="10"/>
  <c r="I3379" i="10"/>
  <c r="I3380" i="10"/>
  <c r="I3381" i="10"/>
  <c r="I3382" i="10"/>
  <c r="I3383" i="10"/>
  <c r="I3384" i="10"/>
  <c r="I3385" i="10"/>
  <c r="I3386" i="10"/>
  <c r="I3387" i="10"/>
  <c r="I3388" i="10"/>
  <c r="I3389" i="10"/>
  <c r="I3390" i="10"/>
  <c r="I3391" i="10"/>
  <c r="I3392" i="10"/>
  <c r="I3393" i="10"/>
  <c r="I3394" i="10"/>
  <c r="I3395" i="10"/>
  <c r="I3396" i="10"/>
  <c r="I3397" i="10"/>
  <c r="I3398" i="10"/>
  <c r="I3399" i="10"/>
  <c r="I3400" i="10"/>
  <c r="I3401" i="10"/>
  <c r="I3402" i="10"/>
  <c r="I3403" i="10"/>
  <c r="I3404" i="10"/>
  <c r="I3405" i="10"/>
  <c r="I3406" i="10"/>
  <c r="I3407" i="10"/>
  <c r="I3408" i="10"/>
  <c r="I3409" i="10"/>
  <c r="I3410" i="10"/>
  <c r="I3411" i="10"/>
  <c r="I3412" i="10"/>
  <c r="I3413" i="10"/>
  <c r="I3414" i="10"/>
  <c r="I3415" i="10"/>
  <c r="I3416" i="10"/>
  <c r="I3417" i="10"/>
  <c r="I3418" i="10"/>
  <c r="I3419" i="10"/>
  <c r="I3420" i="10"/>
  <c r="I3421" i="10"/>
  <c r="I3422" i="10"/>
  <c r="I3423" i="10"/>
  <c r="I3424" i="10"/>
  <c r="I3425" i="10"/>
  <c r="I3426" i="10"/>
  <c r="I3427" i="10"/>
  <c r="I3428" i="10"/>
  <c r="I3429" i="10"/>
  <c r="I3430" i="10"/>
  <c r="I3431" i="10"/>
  <c r="I3432" i="10"/>
  <c r="I3433" i="10"/>
  <c r="I3434" i="10"/>
  <c r="I3435" i="10"/>
  <c r="I3436" i="10"/>
  <c r="I3437" i="10"/>
  <c r="I3438" i="10"/>
  <c r="I3439" i="10"/>
  <c r="I3440" i="10"/>
  <c r="I3441" i="10"/>
  <c r="I3442" i="10"/>
  <c r="I3443" i="10"/>
  <c r="I3444" i="10"/>
  <c r="I3445" i="10"/>
  <c r="I3446" i="10"/>
  <c r="I3447" i="10"/>
  <c r="I3448" i="10"/>
  <c r="I3449" i="10"/>
  <c r="I3450" i="10"/>
  <c r="I3451" i="10"/>
  <c r="I3452" i="10"/>
  <c r="I3453" i="10"/>
  <c r="I3454" i="10"/>
  <c r="I3455" i="10"/>
  <c r="I3456" i="10"/>
  <c r="I3457" i="10"/>
  <c r="I3458" i="10"/>
  <c r="I3459" i="10"/>
  <c r="I3460" i="10"/>
  <c r="I3461" i="10"/>
  <c r="I3462" i="10"/>
  <c r="I3463" i="10"/>
  <c r="I3464" i="10"/>
  <c r="I3465" i="10"/>
  <c r="I3466" i="10"/>
  <c r="I3467" i="10"/>
  <c r="I3468" i="10"/>
  <c r="I3469" i="10"/>
  <c r="I3470" i="10"/>
  <c r="I3471" i="10"/>
  <c r="I3472" i="10"/>
  <c r="I3473" i="10"/>
  <c r="I3474" i="10"/>
  <c r="I3475" i="10"/>
  <c r="I3476" i="10"/>
  <c r="I3477" i="10"/>
  <c r="I3478" i="10"/>
  <c r="I3479" i="10"/>
  <c r="I3480" i="10"/>
  <c r="I3481" i="10"/>
  <c r="I3482" i="10"/>
  <c r="I3483" i="10"/>
  <c r="I3484" i="10"/>
  <c r="I3485" i="10"/>
  <c r="I3486" i="10"/>
  <c r="I3487" i="10"/>
  <c r="I3488" i="10"/>
  <c r="I3489" i="10"/>
  <c r="I3490" i="10"/>
  <c r="I3491" i="10"/>
  <c r="I3492" i="10"/>
  <c r="I3493" i="10"/>
  <c r="I3494" i="10"/>
  <c r="I3495" i="10"/>
  <c r="I3496" i="10"/>
  <c r="I3497" i="10"/>
  <c r="I3498" i="10"/>
  <c r="I3499" i="10"/>
  <c r="I3500" i="10"/>
  <c r="I3501" i="10"/>
  <c r="I3502" i="10"/>
  <c r="I3503" i="10"/>
  <c r="I3504" i="10"/>
  <c r="I3505" i="10"/>
  <c r="I3506" i="10"/>
  <c r="I3507" i="10"/>
  <c r="I3508" i="10"/>
  <c r="I3509" i="10"/>
  <c r="I3510" i="10"/>
  <c r="I3511" i="10"/>
  <c r="I3512" i="10"/>
  <c r="I3513" i="10"/>
  <c r="I3514" i="10"/>
  <c r="I3515" i="10"/>
  <c r="I3516" i="10"/>
  <c r="I3517" i="10"/>
  <c r="I3518" i="10"/>
  <c r="I3519" i="10"/>
  <c r="I3520" i="10"/>
  <c r="I3521" i="10"/>
  <c r="I3522" i="10"/>
  <c r="I3523" i="10"/>
  <c r="I3524" i="10"/>
  <c r="I3525" i="10"/>
  <c r="I3526" i="10"/>
  <c r="I3527" i="10"/>
  <c r="I3528" i="10"/>
  <c r="I3529" i="10"/>
  <c r="I3530" i="10"/>
  <c r="I3531" i="10"/>
  <c r="I3532" i="10"/>
  <c r="I3533" i="10"/>
  <c r="I3534" i="10"/>
  <c r="I3535" i="10"/>
  <c r="I3536" i="10"/>
  <c r="I3537" i="10"/>
  <c r="I3538" i="10"/>
  <c r="I3539" i="10"/>
  <c r="I3540" i="10"/>
  <c r="I3541" i="10"/>
  <c r="I3542" i="10"/>
  <c r="I3543" i="10"/>
  <c r="I3544" i="10"/>
  <c r="I3545" i="10"/>
  <c r="I3546" i="10"/>
  <c r="I3547" i="10"/>
  <c r="I3548" i="10"/>
  <c r="I3549" i="10"/>
  <c r="I3550" i="10"/>
  <c r="I3551" i="10"/>
  <c r="I3552" i="10"/>
  <c r="I3553" i="10"/>
  <c r="I3554" i="10"/>
  <c r="I3555" i="10"/>
  <c r="I3556" i="10"/>
  <c r="I3557" i="10"/>
  <c r="I3558" i="10"/>
  <c r="I3559" i="10"/>
  <c r="I3560" i="10"/>
  <c r="I3561" i="10"/>
  <c r="I3562" i="10"/>
  <c r="I3563" i="10"/>
  <c r="I3564" i="10"/>
  <c r="I3565" i="10"/>
  <c r="I3566" i="10"/>
  <c r="I3567" i="10"/>
  <c r="I3568" i="10"/>
  <c r="I3569" i="10"/>
  <c r="I3570" i="10"/>
  <c r="I3571" i="10"/>
  <c r="I3572" i="10"/>
  <c r="I3573" i="10"/>
  <c r="I3574" i="10"/>
  <c r="I3575" i="10"/>
  <c r="I3576" i="10"/>
  <c r="I3577" i="10"/>
  <c r="I3578" i="10"/>
  <c r="I3579" i="10"/>
  <c r="I3580" i="10"/>
  <c r="I3581" i="10"/>
  <c r="I3582" i="10"/>
  <c r="I3583" i="10"/>
  <c r="I3584" i="10"/>
  <c r="I3585" i="10"/>
  <c r="I3586" i="10"/>
  <c r="I3587" i="10"/>
  <c r="I3588" i="10"/>
  <c r="I3589" i="10"/>
  <c r="I3590" i="10"/>
  <c r="I3591" i="10"/>
  <c r="I3592" i="10"/>
  <c r="I3593" i="10"/>
  <c r="I3594" i="10"/>
  <c r="I3595" i="10"/>
  <c r="I3596" i="10"/>
  <c r="I3597" i="10"/>
  <c r="I3598" i="10"/>
  <c r="I3599" i="10"/>
  <c r="I3600" i="10"/>
  <c r="I3601" i="10"/>
  <c r="I3602" i="10"/>
  <c r="I3603" i="10"/>
  <c r="I3604" i="10"/>
  <c r="I3605" i="10"/>
  <c r="I3606" i="10"/>
  <c r="I3607" i="10"/>
  <c r="I3608" i="10"/>
  <c r="I3609" i="10"/>
  <c r="I3610" i="10"/>
  <c r="I3611" i="10"/>
  <c r="I3612" i="10"/>
  <c r="I3613" i="10"/>
  <c r="I3614" i="10"/>
  <c r="I3615" i="10"/>
  <c r="I3616" i="10"/>
  <c r="I3617" i="10"/>
  <c r="I3618" i="10"/>
  <c r="I3619" i="10"/>
  <c r="I3620" i="10"/>
  <c r="I3621" i="10"/>
  <c r="I3622" i="10"/>
  <c r="I3623" i="10"/>
  <c r="I3624" i="10"/>
  <c r="I3625" i="10"/>
  <c r="I3626" i="10"/>
  <c r="I3627" i="10"/>
  <c r="I3628" i="10"/>
  <c r="I3629" i="10"/>
  <c r="I3630" i="10"/>
  <c r="I3631" i="10"/>
  <c r="I3632" i="10"/>
  <c r="I3633" i="10"/>
  <c r="I3634" i="10"/>
  <c r="I3635" i="10"/>
  <c r="I3636" i="10"/>
  <c r="I3637" i="10"/>
  <c r="I3638" i="10"/>
  <c r="I3639" i="10"/>
  <c r="I3640" i="10"/>
  <c r="I3641" i="10"/>
  <c r="I3642" i="10"/>
  <c r="I3643" i="10"/>
  <c r="I3644" i="10"/>
  <c r="I3645" i="10"/>
  <c r="I3646" i="10"/>
  <c r="I3647" i="10"/>
  <c r="I3648" i="10"/>
  <c r="I3649" i="10"/>
  <c r="I3650" i="10"/>
  <c r="I3651" i="10"/>
  <c r="I3652" i="10"/>
  <c r="I3653" i="10"/>
  <c r="I3654" i="10"/>
  <c r="I3655" i="10"/>
  <c r="I3656" i="10"/>
  <c r="I3657" i="10"/>
  <c r="I3658" i="10"/>
  <c r="I3659" i="10"/>
  <c r="I3660" i="10"/>
  <c r="I3661" i="10"/>
  <c r="I3662" i="10"/>
  <c r="I3663" i="10"/>
  <c r="I3664" i="10"/>
  <c r="I3665" i="10"/>
  <c r="I3666" i="10"/>
  <c r="I3667" i="10"/>
  <c r="I3668" i="10"/>
  <c r="I3669" i="10"/>
  <c r="I3670" i="10"/>
  <c r="I3671" i="10"/>
  <c r="I3672" i="10"/>
  <c r="I3673" i="10"/>
  <c r="I3674" i="10"/>
  <c r="I3675" i="10"/>
  <c r="I3676" i="10"/>
  <c r="I3677" i="10"/>
  <c r="I3678" i="10"/>
  <c r="I3679" i="10"/>
  <c r="I3680" i="10"/>
  <c r="I3681" i="10"/>
  <c r="I3682" i="10"/>
  <c r="I3683" i="10"/>
  <c r="I3684" i="10"/>
  <c r="I3685" i="10"/>
  <c r="I3686" i="10"/>
  <c r="I3687" i="10"/>
  <c r="I3688" i="10"/>
  <c r="I3689" i="10"/>
  <c r="I3690" i="10"/>
  <c r="I3691" i="10"/>
  <c r="I3692" i="10"/>
  <c r="I3693" i="10"/>
  <c r="I3694" i="10"/>
  <c r="I3695" i="10"/>
  <c r="I3696" i="10"/>
  <c r="I3697" i="10"/>
  <c r="I3698" i="10"/>
  <c r="I3699" i="10"/>
  <c r="I3700" i="10"/>
  <c r="I3701" i="10"/>
  <c r="I3702" i="10"/>
  <c r="I3703" i="10"/>
  <c r="I3704" i="10"/>
  <c r="I3705" i="10"/>
  <c r="I3706" i="10"/>
  <c r="I3707" i="10"/>
  <c r="I3708" i="10"/>
  <c r="I3709" i="10"/>
  <c r="I3710" i="10"/>
  <c r="I3711" i="10"/>
  <c r="I3712" i="10"/>
  <c r="I3713" i="10"/>
  <c r="I3714" i="10"/>
  <c r="I3715" i="10"/>
  <c r="I3716" i="10"/>
  <c r="I3717" i="10"/>
  <c r="I3718" i="10"/>
  <c r="I3719" i="10"/>
  <c r="I3720" i="10"/>
  <c r="I3721" i="10"/>
  <c r="I3722" i="10"/>
  <c r="I3723" i="10"/>
  <c r="I3724" i="10"/>
  <c r="I3725" i="10"/>
  <c r="I3726" i="10"/>
  <c r="I3727" i="10"/>
  <c r="I3728" i="10"/>
  <c r="I3729" i="10"/>
  <c r="I3730" i="10"/>
  <c r="I3731" i="10"/>
  <c r="I3732" i="10"/>
  <c r="I3733" i="10"/>
  <c r="I3734" i="10"/>
  <c r="I3735" i="10"/>
  <c r="I3736" i="10"/>
  <c r="I3737" i="10"/>
  <c r="I3738" i="10"/>
  <c r="I3739" i="10"/>
  <c r="I3740" i="10"/>
  <c r="I3741" i="10"/>
  <c r="I3742" i="10"/>
  <c r="I3743" i="10"/>
  <c r="I3744" i="10"/>
  <c r="I3745" i="10"/>
  <c r="I3746" i="10"/>
  <c r="I3747" i="10"/>
  <c r="I3748" i="10"/>
  <c r="I3749" i="10"/>
  <c r="I3750" i="10"/>
  <c r="I3751" i="10"/>
  <c r="I3752" i="10"/>
  <c r="I3753" i="10"/>
  <c r="I3754" i="10"/>
  <c r="I3755" i="10"/>
  <c r="I3756" i="10"/>
  <c r="I3757" i="10"/>
  <c r="I3758" i="10"/>
  <c r="I3759" i="10"/>
  <c r="I3760" i="10"/>
  <c r="I3761" i="10"/>
  <c r="I3762" i="10"/>
  <c r="I3763" i="10"/>
  <c r="I3764" i="10"/>
  <c r="I3765" i="10"/>
  <c r="I3766" i="10"/>
  <c r="I3767" i="10"/>
  <c r="I3768" i="10"/>
  <c r="I3769" i="10"/>
  <c r="I3770" i="10"/>
  <c r="I3771" i="10"/>
  <c r="I3772" i="10"/>
  <c r="I3773" i="10"/>
  <c r="I3774" i="10"/>
  <c r="I3775" i="10"/>
  <c r="I3776" i="10"/>
  <c r="I3777" i="10"/>
  <c r="I3778" i="10"/>
  <c r="I3779" i="10"/>
  <c r="I3780" i="10"/>
  <c r="I3781" i="10"/>
  <c r="I3782" i="10"/>
  <c r="I3783" i="10"/>
  <c r="I3784" i="10"/>
  <c r="I3785" i="10"/>
  <c r="I3786" i="10"/>
  <c r="I3787" i="10"/>
  <c r="I3788" i="10"/>
  <c r="I3789" i="10"/>
  <c r="I3790" i="10"/>
  <c r="I3791" i="10"/>
  <c r="I3792" i="10"/>
  <c r="I3793" i="10"/>
  <c r="I3794" i="10"/>
  <c r="I3795" i="10"/>
  <c r="I3796" i="10"/>
  <c r="I3797" i="10"/>
  <c r="I3798" i="10"/>
  <c r="I3799" i="10"/>
  <c r="I3800" i="10"/>
  <c r="I3801" i="10"/>
  <c r="I3802" i="10"/>
  <c r="I3803" i="10"/>
  <c r="I3804" i="10"/>
  <c r="I3805" i="10"/>
  <c r="I3806" i="10"/>
  <c r="I3807" i="10"/>
  <c r="I3808" i="10"/>
  <c r="I3809" i="10"/>
  <c r="I3810" i="10"/>
  <c r="I3811" i="10"/>
  <c r="I3812" i="10"/>
  <c r="I3813" i="10"/>
  <c r="I3814" i="10"/>
  <c r="I3815" i="10"/>
  <c r="I3816" i="10"/>
  <c r="I3817" i="10"/>
  <c r="I3818" i="10"/>
  <c r="I3819" i="10"/>
  <c r="I3820" i="10"/>
  <c r="I3821" i="10"/>
  <c r="I3822" i="10"/>
  <c r="I3823" i="10"/>
  <c r="I3824" i="10"/>
  <c r="I3825" i="10"/>
  <c r="I3826" i="10"/>
  <c r="I3827" i="10"/>
  <c r="I3828" i="10"/>
  <c r="I3829" i="10"/>
  <c r="I3830" i="10"/>
  <c r="I3831" i="10"/>
  <c r="I3832" i="10"/>
  <c r="I3833" i="10"/>
  <c r="I3834" i="10"/>
  <c r="I3835" i="10"/>
  <c r="I3836" i="10"/>
  <c r="I3837" i="10"/>
  <c r="I3838" i="10"/>
  <c r="I3839" i="10"/>
  <c r="I3840" i="10"/>
  <c r="I3841" i="10"/>
  <c r="I3842" i="10"/>
  <c r="I3843" i="10"/>
  <c r="I3844" i="10"/>
  <c r="I3845" i="10"/>
  <c r="I3846" i="10"/>
  <c r="I3847" i="10"/>
  <c r="I3848" i="10"/>
  <c r="I3849" i="10"/>
  <c r="I3850" i="10"/>
  <c r="I3851" i="10"/>
  <c r="I3852" i="10"/>
  <c r="I3853" i="10"/>
  <c r="I3854" i="10"/>
  <c r="I3855" i="10"/>
  <c r="I3856" i="10"/>
  <c r="I3857" i="10"/>
  <c r="I3858" i="10"/>
  <c r="I3859" i="10"/>
  <c r="I3860" i="10"/>
  <c r="I3861" i="10"/>
  <c r="I3862" i="10"/>
  <c r="I3863" i="10"/>
  <c r="I3864" i="10"/>
  <c r="I3865" i="10"/>
  <c r="I3866" i="10"/>
  <c r="I3867" i="10"/>
  <c r="I3868" i="10"/>
  <c r="I3869" i="10"/>
  <c r="I3870" i="10"/>
  <c r="I3871" i="10"/>
  <c r="I3872" i="10"/>
  <c r="I3873" i="10"/>
  <c r="I3874" i="10"/>
  <c r="I3875" i="10"/>
  <c r="I3876" i="10"/>
  <c r="I3877" i="10"/>
  <c r="I3878" i="10"/>
  <c r="I3879" i="10"/>
  <c r="I3880" i="10"/>
  <c r="I3881" i="10"/>
  <c r="I3882" i="10"/>
  <c r="I3883" i="10"/>
  <c r="I3884" i="10"/>
  <c r="I3885" i="10"/>
  <c r="I3886" i="10"/>
  <c r="I3887" i="10"/>
  <c r="I3888" i="10"/>
  <c r="I3889" i="10"/>
  <c r="I3890" i="10"/>
  <c r="I3891" i="10"/>
  <c r="I3892" i="10"/>
  <c r="I3893" i="10"/>
  <c r="I3894" i="10"/>
  <c r="I3895" i="10"/>
  <c r="I3896" i="10"/>
  <c r="I3897" i="10"/>
  <c r="I3898" i="10"/>
  <c r="I3899" i="10"/>
  <c r="I3900" i="10"/>
  <c r="I3901" i="10"/>
  <c r="I3902" i="10"/>
  <c r="I3903" i="10"/>
  <c r="I3904" i="10"/>
  <c r="I3905" i="10"/>
  <c r="I3906" i="10"/>
  <c r="I3907" i="10"/>
  <c r="I3908" i="10"/>
  <c r="I3909" i="10"/>
  <c r="I3910" i="10"/>
  <c r="I3911" i="10"/>
  <c r="I3912" i="10"/>
  <c r="I3913" i="10"/>
  <c r="I3914" i="10"/>
  <c r="I3915" i="10"/>
  <c r="I3916" i="10"/>
  <c r="I3917" i="10"/>
  <c r="I3918" i="10"/>
  <c r="I3919" i="10"/>
  <c r="I3920" i="10"/>
  <c r="I3921" i="10"/>
  <c r="I3922" i="10"/>
  <c r="I3923" i="10"/>
  <c r="I3924" i="10"/>
  <c r="I3925" i="10"/>
  <c r="I3926" i="10"/>
  <c r="I3927" i="10"/>
  <c r="I3928" i="10"/>
  <c r="I3929" i="10"/>
  <c r="I3930" i="10"/>
  <c r="I3931" i="10"/>
  <c r="I3932" i="10"/>
  <c r="I3933" i="10"/>
  <c r="I3934" i="10"/>
  <c r="I3935" i="10"/>
  <c r="I3936" i="10"/>
  <c r="I3937" i="10"/>
  <c r="I3938" i="10"/>
  <c r="I3939" i="10"/>
  <c r="I3940" i="10"/>
  <c r="I3941" i="10"/>
  <c r="I3942" i="10"/>
  <c r="I3943" i="10"/>
  <c r="I3944" i="10"/>
  <c r="I3945" i="10"/>
  <c r="I3946" i="10"/>
  <c r="I3947" i="10"/>
  <c r="I3948" i="10"/>
  <c r="I3949" i="10"/>
  <c r="I3950" i="10"/>
  <c r="I3951" i="10"/>
  <c r="I3952" i="10"/>
  <c r="I3953" i="10"/>
  <c r="I3954" i="10"/>
  <c r="I3955" i="10"/>
  <c r="I3956" i="10"/>
  <c r="I3957" i="10"/>
  <c r="I3958" i="10"/>
  <c r="I3959" i="10"/>
  <c r="I3960" i="10"/>
  <c r="I3961" i="10"/>
  <c r="I3962" i="10"/>
  <c r="I3963" i="10"/>
  <c r="I3964" i="10"/>
  <c r="I3965" i="10"/>
  <c r="I3966" i="10"/>
  <c r="I3967" i="10"/>
  <c r="I3968" i="10"/>
  <c r="I3969" i="10"/>
  <c r="I3970" i="10"/>
  <c r="I3971" i="10"/>
  <c r="I3972" i="10"/>
  <c r="I3973" i="10"/>
  <c r="I3974" i="10"/>
  <c r="I3975" i="10"/>
  <c r="I3976" i="10"/>
  <c r="I3977" i="10"/>
  <c r="I3978" i="10"/>
  <c r="I3979" i="10"/>
  <c r="I3980" i="10"/>
  <c r="I3981" i="10"/>
  <c r="I3982" i="10"/>
  <c r="I3983" i="10"/>
  <c r="I3984" i="10"/>
  <c r="I3985" i="10"/>
  <c r="I3986" i="10"/>
  <c r="I3987" i="10"/>
  <c r="I3988" i="10"/>
  <c r="I3989" i="10"/>
  <c r="I3990" i="10"/>
  <c r="I3991" i="10"/>
  <c r="I3992" i="10"/>
  <c r="I3993" i="10"/>
  <c r="I3994" i="10"/>
  <c r="I3995" i="10"/>
  <c r="I3996" i="10"/>
  <c r="I3997" i="10"/>
  <c r="I3998" i="10"/>
  <c r="I3999" i="10"/>
  <c r="I4000" i="10"/>
  <c r="I4001" i="10"/>
  <c r="I4002" i="10"/>
  <c r="I4003" i="10"/>
  <c r="I4004" i="10"/>
  <c r="I4005" i="10"/>
  <c r="I4006" i="10"/>
  <c r="I4007" i="10"/>
  <c r="I4008" i="10"/>
  <c r="I4009" i="10"/>
  <c r="I4010" i="10"/>
  <c r="I4011" i="10"/>
  <c r="I4012" i="10"/>
  <c r="I4013" i="10"/>
  <c r="I4014" i="10"/>
  <c r="I4015" i="10"/>
  <c r="I4016" i="10"/>
  <c r="I4017" i="10"/>
  <c r="I4018" i="10"/>
  <c r="I4019" i="10"/>
  <c r="I4020" i="10"/>
  <c r="I4021" i="10"/>
  <c r="I4022" i="10"/>
  <c r="I4023" i="10"/>
  <c r="I4024" i="10"/>
  <c r="I4025" i="10"/>
  <c r="I4026" i="10"/>
  <c r="I4027" i="10"/>
  <c r="I4028" i="10"/>
  <c r="I4029" i="10"/>
  <c r="I4030" i="10"/>
  <c r="I4031" i="10"/>
  <c r="I4032" i="10"/>
  <c r="I4033" i="10"/>
  <c r="I4034" i="10"/>
  <c r="I4035" i="10"/>
  <c r="I4036" i="10"/>
  <c r="I4037" i="10"/>
  <c r="I4038" i="10"/>
  <c r="I4039" i="10"/>
  <c r="I4040" i="10"/>
  <c r="I4041" i="10"/>
  <c r="I4042" i="10"/>
  <c r="I4043" i="10"/>
  <c r="I4044" i="10"/>
  <c r="I4045" i="10"/>
  <c r="I4046" i="10"/>
  <c r="I4047" i="10"/>
  <c r="I4048" i="10"/>
  <c r="I4049" i="10"/>
  <c r="I4050" i="10"/>
  <c r="I4051" i="10"/>
  <c r="I4052" i="10"/>
  <c r="I4053" i="10"/>
  <c r="I4054" i="10"/>
  <c r="I4055" i="10"/>
  <c r="I4056" i="10"/>
  <c r="I4057" i="10"/>
  <c r="I4058" i="10"/>
  <c r="I4059" i="10"/>
  <c r="I4060" i="10"/>
  <c r="I4061" i="10"/>
  <c r="I4062" i="10"/>
  <c r="I4063" i="10"/>
  <c r="I4064" i="10"/>
  <c r="I4065" i="10"/>
  <c r="I4066" i="10"/>
  <c r="I4067" i="10"/>
  <c r="I4068" i="10"/>
  <c r="I4069" i="10"/>
  <c r="I4070" i="10"/>
  <c r="I4071" i="10"/>
  <c r="I4072" i="10"/>
  <c r="I4073" i="10"/>
  <c r="I4074" i="10"/>
  <c r="I4075" i="10"/>
  <c r="I4076" i="10"/>
  <c r="I4077" i="10"/>
  <c r="I4078" i="10"/>
  <c r="I4079" i="10"/>
  <c r="I4080" i="10"/>
  <c r="I4081" i="10"/>
  <c r="I4082" i="10"/>
  <c r="I4083" i="10"/>
  <c r="I4084" i="10"/>
  <c r="I4085" i="10"/>
  <c r="I4086" i="10"/>
  <c r="I4087" i="10"/>
  <c r="I4088" i="10"/>
  <c r="I4089" i="10"/>
  <c r="I4090" i="10"/>
  <c r="I4091" i="10"/>
  <c r="I4092" i="10"/>
  <c r="I4093" i="10"/>
  <c r="I4094" i="10"/>
  <c r="I4095" i="10"/>
  <c r="I4096" i="10"/>
  <c r="I4097" i="10"/>
  <c r="I4098" i="10"/>
  <c r="I4099" i="10"/>
  <c r="I4100" i="10"/>
  <c r="I4101" i="10"/>
  <c r="I4102" i="10"/>
  <c r="I4103" i="10"/>
  <c r="I4104" i="10"/>
  <c r="I4105" i="10"/>
  <c r="I4106" i="10"/>
  <c r="I4107" i="10"/>
  <c r="I4108" i="10"/>
  <c r="I4109" i="10"/>
  <c r="I4110" i="10"/>
  <c r="I4111" i="10"/>
  <c r="I4112" i="10"/>
  <c r="I4113" i="10"/>
  <c r="I4114" i="10"/>
  <c r="I4115" i="10"/>
  <c r="I4116" i="10"/>
  <c r="I4117" i="10"/>
  <c r="I4118" i="10"/>
  <c r="I4119" i="10"/>
  <c r="I4120" i="10"/>
  <c r="I4121" i="10"/>
  <c r="I4122" i="10"/>
  <c r="I4123" i="10"/>
  <c r="I4124" i="10"/>
  <c r="I4125" i="10"/>
  <c r="I4126" i="10"/>
  <c r="I4127" i="10"/>
  <c r="I4128" i="10"/>
  <c r="I4129" i="10"/>
  <c r="I4130" i="10"/>
  <c r="I4131" i="10"/>
  <c r="I4132" i="10"/>
  <c r="I4133" i="10"/>
  <c r="I4134" i="10"/>
  <c r="I4135" i="10"/>
  <c r="I4136" i="10"/>
  <c r="I4137" i="10"/>
  <c r="I4138" i="10"/>
  <c r="I4139" i="10"/>
  <c r="I4140" i="10"/>
  <c r="I4141" i="10"/>
  <c r="I4142" i="10"/>
  <c r="I4143" i="10"/>
  <c r="I4144" i="10"/>
  <c r="I4145" i="10"/>
  <c r="I4146" i="10"/>
  <c r="I4147" i="10"/>
  <c r="I4148" i="10"/>
  <c r="I4149" i="10"/>
  <c r="I4150" i="10"/>
  <c r="I4151" i="10"/>
  <c r="I4152" i="10"/>
  <c r="I4153" i="10"/>
  <c r="I4154" i="10"/>
  <c r="I4155" i="10"/>
  <c r="I4156" i="10"/>
  <c r="I4157" i="10"/>
  <c r="I4158" i="10"/>
  <c r="I4159" i="10"/>
  <c r="I4160" i="10"/>
  <c r="I4161" i="10"/>
  <c r="I4162" i="10"/>
  <c r="I4163" i="10"/>
  <c r="I4164" i="10"/>
  <c r="I4165" i="10"/>
  <c r="I4166" i="10"/>
  <c r="I4167" i="10"/>
  <c r="I4168" i="10"/>
  <c r="I4169" i="10"/>
  <c r="I4170" i="10"/>
  <c r="I4171" i="10"/>
  <c r="I4172" i="10"/>
  <c r="I4173" i="10"/>
  <c r="I4174" i="10"/>
  <c r="I4175" i="10"/>
  <c r="I4176" i="10"/>
  <c r="I4177" i="10"/>
  <c r="I4178" i="10"/>
  <c r="I4179" i="10"/>
  <c r="I4180" i="10"/>
  <c r="I4181" i="10"/>
  <c r="I4182" i="10"/>
  <c r="I4183" i="10"/>
  <c r="I4184" i="10"/>
  <c r="I4185" i="10"/>
  <c r="I4186" i="10"/>
  <c r="I4187" i="10"/>
  <c r="I4188" i="10"/>
  <c r="I4189" i="10"/>
  <c r="I4190" i="10"/>
  <c r="I4191" i="10"/>
  <c r="I4192" i="10"/>
  <c r="I4193" i="10"/>
  <c r="I4194" i="10"/>
  <c r="I4195" i="10"/>
  <c r="I4196" i="10"/>
  <c r="I4197" i="10"/>
  <c r="I4198" i="10"/>
  <c r="I4199" i="10"/>
  <c r="I4200" i="10"/>
  <c r="I4201" i="10"/>
  <c r="I4202" i="10"/>
  <c r="I4203" i="10"/>
  <c r="I4204" i="10"/>
  <c r="I4205" i="10"/>
  <c r="I4206" i="10"/>
  <c r="I4207" i="10"/>
  <c r="I4208" i="10"/>
  <c r="I4209" i="10"/>
  <c r="I4210" i="10"/>
  <c r="I4211" i="10"/>
  <c r="I4212" i="10"/>
  <c r="I4213" i="10"/>
  <c r="I4214" i="10"/>
  <c r="I4215" i="10"/>
  <c r="I4216" i="10"/>
  <c r="I4217" i="10"/>
  <c r="I4218" i="10"/>
  <c r="I4219" i="10"/>
  <c r="I4220" i="10"/>
  <c r="I4221" i="10"/>
  <c r="I4222" i="10"/>
  <c r="I4223" i="10"/>
  <c r="I4224" i="10"/>
  <c r="I4225" i="10"/>
  <c r="I4226" i="10"/>
  <c r="I4227" i="10"/>
  <c r="I4228" i="10"/>
  <c r="I4229" i="10"/>
  <c r="I4230" i="10"/>
  <c r="I4231" i="10"/>
  <c r="I4232" i="10"/>
  <c r="I4233" i="10"/>
  <c r="I4234" i="10"/>
  <c r="I4235" i="10"/>
  <c r="I4236" i="10"/>
  <c r="I4237" i="10"/>
  <c r="I4238" i="10"/>
  <c r="I4239" i="10"/>
  <c r="I4240" i="10"/>
  <c r="I4241" i="10"/>
  <c r="I4242" i="10"/>
  <c r="I4243" i="10"/>
  <c r="I4244" i="10"/>
  <c r="I4245" i="10"/>
  <c r="I4246" i="10"/>
  <c r="I4247" i="10"/>
  <c r="I4248" i="10"/>
  <c r="I4249" i="10"/>
  <c r="I4250" i="10"/>
  <c r="I4251" i="10"/>
  <c r="I4252" i="10"/>
  <c r="I4253" i="10"/>
  <c r="I4254" i="10"/>
  <c r="I4255" i="10"/>
  <c r="I4256" i="10"/>
  <c r="I4257" i="10"/>
  <c r="I4258" i="10"/>
  <c r="I4259" i="10"/>
  <c r="I4260" i="10"/>
  <c r="I4261" i="10"/>
  <c r="I4262" i="10"/>
  <c r="I4263" i="10"/>
  <c r="I4264" i="10"/>
  <c r="I4265" i="10"/>
  <c r="I4266" i="10"/>
  <c r="I4267" i="10"/>
  <c r="I4268" i="10"/>
  <c r="I4269" i="10"/>
  <c r="I4270" i="10"/>
  <c r="I4271" i="10"/>
  <c r="I4272" i="10"/>
  <c r="I4273" i="10"/>
  <c r="I4274" i="10"/>
  <c r="I4275" i="10"/>
  <c r="I4276" i="10"/>
  <c r="I4277" i="10"/>
  <c r="I4278" i="10"/>
  <c r="I4279" i="10"/>
  <c r="I4280" i="10"/>
  <c r="I4281" i="10"/>
  <c r="I4282" i="10"/>
  <c r="I4283" i="10"/>
  <c r="I4284" i="10"/>
  <c r="I4285" i="10"/>
  <c r="I4286" i="10"/>
  <c r="I4287" i="10"/>
  <c r="I4288" i="10"/>
  <c r="I4289" i="10"/>
  <c r="I4290" i="10"/>
  <c r="I4291" i="10"/>
  <c r="I4292" i="10"/>
  <c r="I4293" i="10"/>
  <c r="I4294" i="10"/>
  <c r="I4295" i="10"/>
  <c r="I4296" i="10"/>
  <c r="I4297" i="10"/>
  <c r="I4298" i="10"/>
  <c r="I4299" i="10"/>
  <c r="I4300" i="10"/>
  <c r="I4301" i="10"/>
  <c r="I4302" i="10"/>
  <c r="I4303" i="10"/>
  <c r="I4304" i="10"/>
  <c r="I4305" i="10"/>
  <c r="I4306" i="10"/>
  <c r="I4307" i="10"/>
  <c r="I4308" i="10"/>
  <c r="I4309" i="10"/>
  <c r="I4310" i="10"/>
  <c r="I4311" i="10"/>
  <c r="I4312" i="10"/>
  <c r="I4313" i="10"/>
  <c r="I4314" i="10"/>
  <c r="I4315" i="10"/>
  <c r="I4316" i="10"/>
  <c r="I4317" i="10"/>
  <c r="I4318" i="10"/>
  <c r="I4319" i="10"/>
  <c r="I4320" i="10"/>
  <c r="I4321" i="10"/>
  <c r="I4322" i="10"/>
  <c r="I4323" i="10"/>
  <c r="I4324" i="10"/>
  <c r="I4325" i="10"/>
  <c r="I4326" i="10"/>
  <c r="I4327" i="10"/>
  <c r="I4328" i="10"/>
  <c r="I4329" i="10"/>
  <c r="I4330" i="10"/>
  <c r="I4331" i="10"/>
  <c r="I4332" i="10"/>
  <c r="I4333" i="10"/>
  <c r="I4334" i="10"/>
  <c r="I4335" i="10"/>
  <c r="I4336" i="10"/>
  <c r="I4337" i="10"/>
  <c r="I4338" i="10"/>
  <c r="I4339" i="10"/>
  <c r="I4340" i="10"/>
  <c r="I4341" i="10"/>
  <c r="I4342" i="10"/>
  <c r="I4343" i="10"/>
  <c r="I4344" i="10"/>
  <c r="I4345" i="10"/>
  <c r="I4346" i="10"/>
  <c r="I4347" i="10"/>
  <c r="I4348" i="10"/>
  <c r="I4349" i="10"/>
  <c r="I4350" i="10"/>
  <c r="I4351" i="10"/>
  <c r="I4352" i="10"/>
  <c r="I4353" i="10"/>
  <c r="I4354" i="10"/>
  <c r="I4355" i="10"/>
  <c r="I4356" i="10"/>
  <c r="I4357" i="10"/>
  <c r="I4358" i="10"/>
  <c r="I4359" i="10"/>
  <c r="I4360" i="10"/>
  <c r="I4361" i="10"/>
  <c r="I4362" i="10"/>
  <c r="I4363" i="10"/>
  <c r="I4364" i="10"/>
  <c r="I4365" i="10"/>
  <c r="I4366" i="10"/>
  <c r="I4367" i="10"/>
  <c r="I4368" i="10"/>
  <c r="I4369" i="10"/>
  <c r="I4370" i="10"/>
  <c r="I4371" i="10"/>
  <c r="I4372" i="10"/>
  <c r="I4373" i="10"/>
  <c r="I4374" i="10"/>
  <c r="I4375" i="10"/>
  <c r="I4376" i="10"/>
  <c r="I4377" i="10"/>
  <c r="I4378" i="10"/>
  <c r="I4379" i="10"/>
  <c r="I4380" i="10"/>
  <c r="I4381" i="10"/>
  <c r="I4382" i="10"/>
  <c r="I4383" i="10"/>
  <c r="I4384" i="10"/>
  <c r="I4385" i="10"/>
  <c r="I4386" i="10"/>
  <c r="I4387" i="10"/>
  <c r="I4388" i="10"/>
  <c r="I4389" i="10"/>
  <c r="I4390" i="10"/>
  <c r="I4391" i="10"/>
  <c r="I4392" i="10"/>
  <c r="I4393" i="10"/>
  <c r="I4394" i="10"/>
  <c r="I4395" i="10"/>
  <c r="I4396" i="10"/>
  <c r="I4397" i="10"/>
  <c r="I4398" i="10"/>
  <c r="I4399" i="10"/>
  <c r="I4400" i="10"/>
  <c r="I4401" i="10"/>
  <c r="I4402" i="10"/>
  <c r="I4403" i="10"/>
  <c r="I4404" i="10"/>
  <c r="I4405" i="10"/>
  <c r="I4406" i="10"/>
  <c r="I4407" i="10"/>
  <c r="I4408" i="10"/>
  <c r="I4409" i="10"/>
  <c r="I4410" i="10"/>
  <c r="I4411" i="10"/>
  <c r="I4412" i="10"/>
  <c r="I4413" i="10"/>
  <c r="I4414" i="10"/>
  <c r="I4415" i="10"/>
  <c r="I4416" i="10"/>
  <c r="I4417" i="10"/>
  <c r="I4418" i="10"/>
  <c r="I4419" i="10"/>
  <c r="I4420" i="10"/>
  <c r="I4421" i="10"/>
  <c r="I4422" i="10"/>
  <c r="I4423" i="10"/>
  <c r="I4424" i="10"/>
  <c r="I4425" i="10"/>
  <c r="I4426" i="10"/>
  <c r="I4427" i="10"/>
  <c r="I4428" i="10"/>
  <c r="I4429" i="10"/>
  <c r="I4430" i="10"/>
  <c r="I4431" i="10"/>
  <c r="I4432" i="10"/>
  <c r="I4433" i="10"/>
  <c r="I4434" i="10"/>
  <c r="I4435" i="10"/>
  <c r="I4436" i="10"/>
  <c r="I4437" i="10"/>
  <c r="I4438" i="10"/>
  <c r="I4439" i="10"/>
  <c r="I4440" i="10"/>
  <c r="I4441" i="10"/>
  <c r="I4442" i="10"/>
  <c r="I4443" i="10"/>
  <c r="I4444" i="10"/>
  <c r="I4445" i="10"/>
  <c r="I4446" i="10"/>
  <c r="I4447" i="10"/>
  <c r="I4448" i="10"/>
  <c r="I4449" i="10"/>
  <c r="I4450" i="10"/>
  <c r="I4451" i="10"/>
  <c r="I4452" i="10"/>
  <c r="I4453" i="10"/>
  <c r="I4454" i="10"/>
  <c r="I4455" i="10"/>
  <c r="I4456" i="10"/>
  <c r="I4457" i="10"/>
  <c r="I4458" i="10"/>
  <c r="I4459" i="10"/>
  <c r="I4460" i="10"/>
  <c r="I4461" i="10"/>
  <c r="I4462" i="10"/>
  <c r="I4463" i="10"/>
  <c r="I4464" i="10"/>
  <c r="I4465" i="10"/>
  <c r="I4466" i="10"/>
  <c r="I4467" i="10"/>
  <c r="I4468" i="10"/>
  <c r="I4469" i="10"/>
  <c r="I4470" i="10"/>
  <c r="I4471" i="10"/>
  <c r="I4472" i="10"/>
  <c r="I4473" i="10"/>
  <c r="I4474" i="10"/>
  <c r="I4475" i="10"/>
  <c r="I4476" i="10"/>
  <c r="I4477" i="10"/>
  <c r="I4478" i="10"/>
  <c r="I4479" i="10"/>
  <c r="I4480" i="10"/>
  <c r="I4481" i="10"/>
  <c r="I4482" i="10"/>
  <c r="I4483" i="10"/>
  <c r="I4484" i="10"/>
  <c r="I4485" i="10"/>
  <c r="I4486" i="10"/>
  <c r="I4487" i="10"/>
  <c r="I4488" i="10"/>
  <c r="I4489" i="10"/>
  <c r="I4490" i="10"/>
  <c r="I4491" i="10"/>
  <c r="I4492" i="10"/>
  <c r="I4493" i="10"/>
  <c r="I4494" i="10"/>
  <c r="I4495" i="10"/>
  <c r="I4496" i="10"/>
  <c r="I4497" i="10"/>
  <c r="I4498" i="10"/>
  <c r="I4499" i="10"/>
  <c r="I4500" i="10"/>
  <c r="I4501" i="10"/>
  <c r="I4502" i="10"/>
  <c r="I4503" i="10"/>
  <c r="I4504" i="10"/>
  <c r="I4505" i="10"/>
  <c r="I4506" i="10"/>
  <c r="I4507" i="10"/>
  <c r="I4508" i="10"/>
  <c r="I4509" i="10"/>
  <c r="I4510" i="10"/>
  <c r="I4511" i="10"/>
  <c r="I4512" i="10"/>
  <c r="I4513" i="10"/>
  <c r="I4514" i="10"/>
  <c r="I4515" i="10"/>
  <c r="I4516" i="10"/>
  <c r="I4517" i="10"/>
  <c r="I4518" i="10"/>
  <c r="I4519" i="10"/>
  <c r="I4520" i="10"/>
  <c r="I4521" i="10"/>
  <c r="I4522" i="10"/>
  <c r="I4523" i="10"/>
  <c r="I4524" i="10"/>
  <c r="I4525" i="10"/>
  <c r="I4526" i="10"/>
  <c r="I4527" i="10"/>
  <c r="I4528" i="10"/>
  <c r="I4529" i="10"/>
  <c r="I4530" i="10"/>
  <c r="I4531" i="10"/>
  <c r="I4532" i="10"/>
  <c r="I4533" i="10"/>
  <c r="I4534" i="10"/>
  <c r="I4535" i="10"/>
  <c r="I4536" i="10"/>
  <c r="I4537" i="10"/>
  <c r="I4538" i="10"/>
  <c r="I4539" i="10"/>
  <c r="I4540" i="10"/>
  <c r="I4541" i="10"/>
  <c r="I4542" i="10"/>
  <c r="I4543" i="10"/>
  <c r="I4544" i="10"/>
  <c r="I4545" i="10"/>
  <c r="I4546" i="10"/>
  <c r="I4547" i="10"/>
  <c r="I4548" i="10"/>
  <c r="I4549" i="10"/>
  <c r="I4550" i="10"/>
  <c r="I4551" i="10"/>
  <c r="I4552" i="10"/>
  <c r="I4553" i="10"/>
  <c r="I4554" i="10"/>
  <c r="I4555" i="10"/>
  <c r="I4556" i="10"/>
  <c r="I4557" i="10"/>
  <c r="I4558" i="10"/>
  <c r="I4559" i="10"/>
  <c r="I4560" i="10"/>
  <c r="I4561" i="10"/>
  <c r="I4562" i="10"/>
  <c r="I4563" i="10"/>
  <c r="I4564" i="10"/>
  <c r="I4565" i="10"/>
  <c r="I4566" i="10"/>
  <c r="I4567" i="10"/>
  <c r="I4568" i="10"/>
  <c r="I4569" i="10"/>
  <c r="I4570" i="10"/>
  <c r="I4571" i="10"/>
  <c r="I4572" i="10"/>
  <c r="I4573" i="10"/>
  <c r="I4574" i="10"/>
  <c r="I4575" i="10"/>
  <c r="I4576" i="10"/>
  <c r="I4577" i="10"/>
  <c r="I4578" i="10"/>
  <c r="I4579" i="10"/>
  <c r="I4580" i="10"/>
  <c r="I4581" i="10"/>
  <c r="I4582" i="10"/>
  <c r="I4583" i="10"/>
  <c r="I4584" i="10"/>
  <c r="I4585" i="10"/>
  <c r="I4586" i="10"/>
  <c r="I4587" i="10"/>
  <c r="I4588" i="10"/>
  <c r="I4589" i="10"/>
  <c r="I4590" i="10"/>
  <c r="I4591" i="10"/>
  <c r="I4592" i="10"/>
  <c r="I4593" i="10"/>
  <c r="I4594" i="10"/>
  <c r="I4595" i="10"/>
  <c r="I4596" i="10"/>
  <c r="I4597" i="10"/>
  <c r="I4598" i="10"/>
  <c r="I4599" i="10"/>
  <c r="I4600" i="10"/>
  <c r="I4601" i="10"/>
  <c r="I4602" i="10"/>
  <c r="I4603" i="10"/>
  <c r="I4604" i="10"/>
  <c r="I4605" i="10"/>
  <c r="I4606" i="10"/>
  <c r="I4607" i="10"/>
  <c r="I4608" i="10"/>
  <c r="I4609" i="10"/>
  <c r="I4610" i="10"/>
  <c r="I4611" i="10"/>
  <c r="I4612" i="10"/>
  <c r="I4613" i="10"/>
  <c r="I4614" i="10"/>
  <c r="I4615" i="10"/>
  <c r="I4616" i="10"/>
  <c r="I4617" i="10"/>
  <c r="I4618" i="10"/>
  <c r="I4619" i="10"/>
  <c r="I4620" i="10"/>
  <c r="I4621" i="10"/>
  <c r="I4622" i="10"/>
  <c r="I4623" i="10"/>
  <c r="I4624" i="10"/>
  <c r="I4625" i="10"/>
  <c r="I4626" i="10"/>
  <c r="I4627" i="10"/>
  <c r="I4628" i="10"/>
  <c r="I4629" i="10"/>
  <c r="I4630" i="10"/>
  <c r="I4631" i="10"/>
  <c r="I4632" i="10"/>
  <c r="I4633" i="10"/>
  <c r="I4634" i="10"/>
  <c r="I4635" i="10"/>
  <c r="I4636" i="10"/>
  <c r="I4637" i="10"/>
  <c r="I4638" i="10"/>
  <c r="I4639" i="10"/>
  <c r="I4640" i="10"/>
  <c r="I4641" i="10"/>
  <c r="I4642" i="10"/>
  <c r="I4643" i="10"/>
  <c r="I4644" i="10"/>
  <c r="I4645" i="10"/>
  <c r="I4646" i="10"/>
  <c r="I4647" i="10"/>
  <c r="I4648" i="10"/>
  <c r="I4649" i="10"/>
  <c r="I4650" i="10"/>
  <c r="I4651" i="10"/>
  <c r="I4652" i="10"/>
  <c r="I4653" i="10"/>
  <c r="I4654" i="10"/>
  <c r="I4655" i="10"/>
  <c r="I4656" i="10"/>
  <c r="I4657" i="10"/>
  <c r="I4658" i="10"/>
  <c r="I4659" i="10"/>
  <c r="I4660" i="10"/>
  <c r="I4661" i="10"/>
  <c r="I4662" i="10"/>
  <c r="I4663" i="10"/>
  <c r="I4664" i="10"/>
  <c r="I4665" i="10"/>
  <c r="I4666" i="10"/>
  <c r="I4667" i="10"/>
  <c r="I4668" i="10"/>
  <c r="I4669" i="10"/>
  <c r="I4670" i="10"/>
  <c r="I4671" i="10"/>
  <c r="I4672" i="10"/>
  <c r="I4673" i="10"/>
  <c r="I4674" i="10"/>
  <c r="I4675" i="10"/>
  <c r="I4676" i="10"/>
  <c r="I4677" i="10"/>
  <c r="I4678" i="10"/>
  <c r="I4679" i="10"/>
  <c r="I4680" i="10"/>
  <c r="I4681" i="10"/>
  <c r="I4682" i="10"/>
  <c r="I4683" i="10"/>
  <c r="I4684" i="10"/>
  <c r="I4685" i="10"/>
  <c r="I4686" i="10"/>
  <c r="I4687" i="10"/>
  <c r="I4688" i="10"/>
  <c r="I4689" i="10"/>
  <c r="I4690" i="10"/>
  <c r="I4691" i="10"/>
  <c r="I4692" i="10"/>
  <c r="I4693" i="10"/>
  <c r="I4694" i="10"/>
  <c r="I4695" i="10"/>
  <c r="I4696" i="10"/>
  <c r="I4697" i="10"/>
  <c r="I4698" i="10"/>
  <c r="I4699" i="10"/>
  <c r="I4700" i="10"/>
  <c r="I4701" i="10"/>
  <c r="I4702" i="10"/>
  <c r="I4703" i="10"/>
  <c r="I4704" i="10"/>
  <c r="I4705" i="10"/>
  <c r="I4706" i="10"/>
  <c r="I4707" i="10"/>
  <c r="I4708" i="10"/>
  <c r="I4709" i="10"/>
  <c r="I4710" i="10"/>
  <c r="I4711" i="10"/>
  <c r="I4712" i="10"/>
  <c r="I4713" i="10"/>
  <c r="I4714" i="10"/>
  <c r="I4715" i="10"/>
  <c r="I4716" i="10"/>
  <c r="I4717" i="10"/>
  <c r="I4718" i="10"/>
  <c r="I4719" i="10"/>
  <c r="I4720" i="10"/>
  <c r="I4721" i="10"/>
  <c r="I4722" i="10"/>
  <c r="I4723" i="10"/>
  <c r="I4724" i="10"/>
  <c r="I4725" i="10"/>
  <c r="I4726" i="10"/>
  <c r="I4727" i="10"/>
  <c r="I4728" i="10"/>
  <c r="I4729" i="10"/>
  <c r="I4730" i="10"/>
  <c r="I4731" i="10"/>
  <c r="I4732" i="10"/>
  <c r="I4733" i="10"/>
  <c r="I4734" i="10"/>
  <c r="I4735" i="10"/>
  <c r="I4736" i="10"/>
  <c r="I4737" i="10"/>
  <c r="I4738" i="10"/>
  <c r="I4739" i="10"/>
  <c r="I4740" i="10"/>
  <c r="I4741" i="10"/>
  <c r="I4742" i="10"/>
  <c r="I4743" i="10"/>
  <c r="I4744" i="10"/>
  <c r="I4745" i="10"/>
  <c r="I4746" i="10"/>
  <c r="I4747" i="10"/>
  <c r="I4748" i="10"/>
  <c r="I4749" i="10"/>
  <c r="I4750" i="10"/>
  <c r="I4751" i="10"/>
  <c r="I4752" i="10"/>
  <c r="I4753" i="10"/>
  <c r="I4754" i="10"/>
  <c r="I4755" i="10"/>
  <c r="I4756" i="10"/>
  <c r="I4757" i="10"/>
  <c r="I4758" i="10"/>
  <c r="I4759" i="10"/>
  <c r="I4760" i="10"/>
  <c r="I4761" i="10"/>
  <c r="I4762" i="10"/>
  <c r="I4763" i="10"/>
  <c r="I4764" i="10"/>
  <c r="I4765" i="10"/>
  <c r="I4766" i="10"/>
  <c r="I4767" i="10"/>
  <c r="I4768" i="10"/>
  <c r="I4769" i="10"/>
  <c r="I4770" i="10"/>
  <c r="I4771" i="10"/>
  <c r="I4772" i="10"/>
  <c r="I4773" i="10"/>
  <c r="I4774" i="10"/>
  <c r="I4775" i="10"/>
  <c r="I4776" i="10"/>
  <c r="I4777" i="10"/>
  <c r="I4778" i="10"/>
  <c r="I4779" i="10"/>
  <c r="I4780" i="10"/>
  <c r="I4781" i="10"/>
  <c r="I4782" i="10"/>
  <c r="I4783" i="10"/>
  <c r="I4784" i="10"/>
  <c r="I4785" i="10"/>
  <c r="I4786" i="10"/>
  <c r="I4787" i="10"/>
  <c r="I4788" i="10"/>
  <c r="I4789" i="10"/>
  <c r="I4790" i="10"/>
  <c r="I4791" i="10"/>
  <c r="I4792" i="10"/>
  <c r="I4793" i="10"/>
  <c r="I4794" i="10"/>
  <c r="I4795" i="10"/>
  <c r="I4796" i="10"/>
  <c r="I4797" i="10"/>
  <c r="I4798" i="10"/>
  <c r="I4799" i="10"/>
  <c r="I4800" i="10"/>
  <c r="I4801" i="10"/>
  <c r="I4802" i="10"/>
  <c r="I4803" i="10"/>
  <c r="I4804" i="10"/>
  <c r="I4805" i="10"/>
  <c r="I4806" i="10"/>
  <c r="I4807" i="10"/>
  <c r="I4808" i="10"/>
  <c r="I4809" i="10"/>
  <c r="I4810" i="10"/>
  <c r="I4811" i="10"/>
  <c r="I4812" i="10"/>
  <c r="I4813" i="10"/>
  <c r="I4814" i="10"/>
  <c r="I4815" i="10"/>
  <c r="I4816" i="10"/>
  <c r="I4817" i="10"/>
  <c r="I4818" i="10"/>
  <c r="I4819" i="10"/>
  <c r="I4820" i="10"/>
  <c r="I4821" i="10"/>
  <c r="I4822" i="10"/>
  <c r="I4823" i="10"/>
  <c r="I4824" i="10"/>
  <c r="I4825" i="10"/>
  <c r="I4826" i="10"/>
  <c r="I4827" i="10"/>
  <c r="I4828" i="10"/>
  <c r="I4829" i="10"/>
  <c r="I4830" i="10"/>
  <c r="I4831" i="10"/>
  <c r="I4832" i="10"/>
  <c r="I4833" i="10"/>
  <c r="I4834" i="10"/>
  <c r="I4835" i="10"/>
  <c r="I4836" i="10"/>
  <c r="I4837" i="10"/>
  <c r="I4838" i="10"/>
  <c r="I4839" i="10"/>
  <c r="I4840" i="10"/>
  <c r="I4841" i="10"/>
  <c r="I4842" i="10"/>
  <c r="I4843" i="10"/>
  <c r="I4844" i="10"/>
  <c r="I4845" i="10"/>
  <c r="I4846" i="10"/>
  <c r="I4847" i="10"/>
  <c r="I4848" i="10"/>
  <c r="I4849" i="10"/>
  <c r="I4850" i="10"/>
  <c r="I4851" i="10"/>
  <c r="I4852" i="10"/>
  <c r="I4853" i="10"/>
  <c r="I4854" i="10"/>
  <c r="I4855" i="10"/>
  <c r="I4856" i="10"/>
  <c r="I4857" i="10"/>
  <c r="I4858" i="10"/>
  <c r="I4859" i="10"/>
  <c r="I4860" i="10"/>
  <c r="I4861" i="10"/>
  <c r="I4862" i="10"/>
  <c r="I4863" i="10"/>
  <c r="I4864" i="10"/>
  <c r="I4865" i="10"/>
  <c r="I4866" i="10"/>
  <c r="I4867" i="10"/>
  <c r="I4868" i="10"/>
  <c r="I4869" i="10"/>
  <c r="I4870" i="10"/>
  <c r="I4871" i="10"/>
  <c r="I4872" i="10"/>
  <c r="I4873" i="10"/>
  <c r="I4874" i="10"/>
  <c r="I4875" i="10"/>
  <c r="I4876" i="10"/>
  <c r="I4877" i="10"/>
  <c r="I4878" i="10"/>
  <c r="I4879" i="10"/>
  <c r="I4880" i="10"/>
  <c r="I4881" i="10"/>
  <c r="I4882" i="10"/>
  <c r="I4883" i="10"/>
  <c r="I4884" i="10"/>
  <c r="I4885" i="10"/>
  <c r="I4886" i="10"/>
  <c r="I4887" i="10"/>
  <c r="I4888" i="10"/>
  <c r="I4889" i="10"/>
  <c r="I4890" i="10"/>
  <c r="I4891" i="10"/>
  <c r="I4892" i="10"/>
  <c r="I4893" i="10"/>
  <c r="I4894" i="10"/>
  <c r="I4895" i="10"/>
  <c r="I4896" i="10"/>
  <c r="I4897" i="10"/>
  <c r="I4898" i="10"/>
  <c r="I4899" i="10"/>
  <c r="I4900" i="10"/>
  <c r="I4901" i="10"/>
  <c r="I4902" i="10"/>
  <c r="I4903" i="10"/>
  <c r="I4904" i="10"/>
  <c r="I4905" i="10"/>
  <c r="I4906" i="10"/>
  <c r="I4907" i="10"/>
  <c r="I4908" i="10"/>
  <c r="I4909" i="10"/>
  <c r="I4910" i="10"/>
  <c r="I4911" i="10"/>
  <c r="I4912" i="10"/>
  <c r="I4913" i="10"/>
  <c r="I4914" i="10"/>
  <c r="I4915" i="10"/>
  <c r="I4916" i="10"/>
  <c r="I4917" i="10"/>
  <c r="I4918" i="10"/>
  <c r="I4919" i="10"/>
  <c r="I4920" i="10"/>
  <c r="I4921" i="10"/>
  <c r="I4922" i="10"/>
  <c r="I4923" i="10"/>
  <c r="I4924" i="10"/>
  <c r="I4925" i="10"/>
  <c r="I4926" i="10"/>
  <c r="I4927" i="10"/>
  <c r="I4928" i="10"/>
  <c r="I4929" i="10"/>
  <c r="I4930" i="10"/>
  <c r="I4931" i="10"/>
  <c r="I4932" i="10"/>
  <c r="I4933" i="10"/>
  <c r="I4934" i="10"/>
  <c r="I4935" i="10"/>
  <c r="I4936" i="10"/>
  <c r="I4937" i="10"/>
  <c r="I4938" i="10"/>
  <c r="I4939" i="10"/>
  <c r="I4940" i="10"/>
  <c r="I4941" i="10"/>
  <c r="I4942" i="10"/>
  <c r="I4943" i="10"/>
  <c r="I4944" i="10"/>
  <c r="I4945" i="10"/>
  <c r="I4946" i="10"/>
  <c r="I4947" i="10"/>
  <c r="I4948" i="10"/>
  <c r="I4949" i="10"/>
  <c r="I4950" i="10"/>
  <c r="I4951" i="10"/>
  <c r="I4952" i="10"/>
  <c r="I4953" i="10"/>
  <c r="I4954" i="10"/>
  <c r="I4955" i="10"/>
  <c r="I4956" i="10"/>
  <c r="I4957" i="10"/>
  <c r="I4958" i="10"/>
  <c r="I4959" i="10"/>
  <c r="I4960" i="10"/>
  <c r="I4961" i="10"/>
  <c r="I4962" i="10"/>
  <c r="I4963" i="10"/>
  <c r="I4964" i="10"/>
  <c r="I4965" i="10"/>
  <c r="I4966" i="10"/>
  <c r="I4967" i="10"/>
  <c r="I4968" i="10"/>
  <c r="I4969" i="10"/>
  <c r="I4970" i="10"/>
  <c r="I4971" i="10"/>
  <c r="I4972" i="10"/>
  <c r="I4973" i="10"/>
  <c r="I4974" i="10"/>
  <c r="I4975" i="10"/>
  <c r="I4976" i="10"/>
  <c r="I4977" i="10"/>
  <c r="I4978" i="10"/>
  <c r="I4979" i="10"/>
  <c r="I4980" i="10"/>
  <c r="I4981" i="10"/>
  <c r="I4982" i="10"/>
  <c r="I4983" i="10"/>
  <c r="I4984" i="10"/>
  <c r="I4985" i="10"/>
  <c r="I4986" i="10"/>
  <c r="I4987" i="10"/>
  <c r="I4988" i="10"/>
  <c r="I4989" i="10"/>
  <c r="I4990" i="10"/>
  <c r="I4991" i="10"/>
  <c r="I4992" i="10"/>
  <c r="I4993" i="10"/>
  <c r="I4994" i="10"/>
  <c r="I4995" i="10"/>
  <c r="I4996" i="10"/>
  <c r="I4997" i="10"/>
  <c r="I4998" i="10"/>
  <c r="I4999" i="10"/>
  <c r="I5000" i="10"/>
  <c r="I5001" i="10"/>
  <c r="I5002" i="10"/>
  <c r="I5003" i="10"/>
  <c r="I5004" i="10"/>
  <c r="I5005" i="10"/>
  <c r="I5006" i="10"/>
  <c r="I5007" i="10"/>
  <c r="I5008" i="10"/>
  <c r="I5009" i="10"/>
  <c r="I5010" i="10"/>
  <c r="I5011" i="10"/>
  <c r="I5012" i="10"/>
  <c r="I5013" i="10"/>
  <c r="I5014" i="10"/>
  <c r="I5015" i="10"/>
  <c r="I5016" i="10"/>
  <c r="I5017" i="10"/>
  <c r="I5018" i="10"/>
  <c r="I5019" i="10"/>
  <c r="I5020" i="10"/>
  <c r="I5021" i="10"/>
  <c r="I5022" i="10"/>
  <c r="I5023" i="10"/>
  <c r="I5024" i="10"/>
  <c r="I5025" i="10"/>
  <c r="I5026" i="10"/>
  <c r="I5027" i="10"/>
  <c r="I5028" i="10"/>
  <c r="I5029" i="10"/>
  <c r="I5030" i="10"/>
  <c r="I5031" i="10"/>
  <c r="I5032" i="10"/>
  <c r="I5033" i="10"/>
  <c r="I5034" i="10"/>
  <c r="I5035" i="10"/>
  <c r="I5036" i="10"/>
  <c r="I5037" i="10"/>
  <c r="I5038" i="10"/>
  <c r="I5039" i="10"/>
  <c r="I5040" i="10"/>
  <c r="I5041" i="10"/>
  <c r="I5042" i="10"/>
  <c r="I5043" i="10"/>
  <c r="I5044" i="10"/>
  <c r="I5045" i="10"/>
  <c r="I5046" i="10"/>
  <c r="I5047" i="10"/>
  <c r="I5048" i="10"/>
  <c r="I5049" i="10"/>
  <c r="I5050" i="10"/>
  <c r="I5051" i="10"/>
  <c r="I5052" i="10"/>
  <c r="I5053" i="10"/>
  <c r="I5054" i="10"/>
  <c r="I5055" i="10"/>
  <c r="I5056" i="10"/>
  <c r="I5057" i="10"/>
  <c r="I5058" i="10"/>
  <c r="I5059" i="10"/>
  <c r="I5060" i="10"/>
  <c r="I5061" i="10"/>
  <c r="I5062" i="10"/>
  <c r="I5063" i="10"/>
  <c r="I5064" i="10"/>
  <c r="I5065" i="10"/>
  <c r="I5066" i="10"/>
  <c r="I5067" i="10"/>
  <c r="I5068" i="10"/>
  <c r="I5069" i="10"/>
  <c r="I5070" i="10"/>
  <c r="I5071" i="10"/>
  <c r="I5072" i="10"/>
  <c r="I5073" i="10"/>
  <c r="I5074" i="10"/>
  <c r="I5075" i="10"/>
  <c r="I5076" i="10"/>
  <c r="I5077" i="10"/>
  <c r="I5078" i="10"/>
  <c r="I5079" i="10"/>
  <c r="I5080" i="10"/>
  <c r="I5081" i="10"/>
  <c r="I5082" i="10"/>
  <c r="I5083" i="10"/>
  <c r="I5084" i="10"/>
  <c r="I5085" i="10"/>
  <c r="I5086" i="10"/>
  <c r="I5087" i="10"/>
  <c r="I5088" i="10"/>
  <c r="I5089" i="10"/>
  <c r="I5090" i="10"/>
  <c r="I5091" i="10"/>
  <c r="I5092" i="10"/>
  <c r="I5093" i="10"/>
  <c r="I5094" i="10"/>
  <c r="I5095" i="10"/>
  <c r="I5096" i="10"/>
  <c r="I5097" i="10"/>
  <c r="I5098" i="10"/>
  <c r="I5099" i="10"/>
  <c r="I5100" i="10"/>
  <c r="I5101" i="10"/>
  <c r="I5102" i="10"/>
  <c r="I5103" i="10"/>
  <c r="I5104" i="10"/>
  <c r="I5105" i="10"/>
  <c r="I5106" i="10"/>
  <c r="I5107" i="10"/>
  <c r="I5108" i="10"/>
  <c r="I5109" i="10"/>
  <c r="I5110" i="10"/>
  <c r="I5111" i="10"/>
  <c r="I5112" i="10"/>
  <c r="I5113" i="10"/>
  <c r="I5114" i="10"/>
  <c r="I5115" i="10"/>
  <c r="I5116" i="10"/>
  <c r="I5117" i="10"/>
  <c r="I5118" i="10"/>
  <c r="I5119" i="10"/>
  <c r="I5120" i="10"/>
  <c r="I5121" i="10"/>
  <c r="I5122" i="10"/>
  <c r="I5123" i="10"/>
  <c r="I5124" i="10"/>
  <c r="I5125" i="10"/>
  <c r="I5126" i="10"/>
  <c r="I5127" i="10"/>
  <c r="I5128" i="10"/>
  <c r="I5129" i="10"/>
  <c r="I5130" i="10"/>
  <c r="I5131" i="10"/>
  <c r="I5132" i="10"/>
  <c r="I5133" i="10"/>
  <c r="I5134" i="10"/>
  <c r="I5135" i="10"/>
  <c r="I5136" i="10"/>
  <c r="I5137" i="10"/>
  <c r="I5138" i="10"/>
  <c r="I5139" i="10"/>
  <c r="I5140" i="10"/>
  <c r="I5141" i="10"/>
  <c r="I5142" i="10"/>
  <c r="I5143" i="10"/>
  <c r="I5144" i="10"/>
  <c r="I5145" i="10"/>
  <c r="I5146" i="10"/>
  <c r="I5147" i="10"/>
  <c r="I5148" i="10"/>
  <c r="I5149" i="10"/>
  <c r="I5150" i="10"/>
  <c r="I5151" i="10"/>
  <c r="I5152" i="10"/>
  <c r="I5153" i="10"/>
  <c r="I5154" i="10"/>
  <c r="I5155" i="10"/>
  <c r="I5156" i="10"/>
  <c r="I5157" i="10"/>
  <c r="I5158" i="10"/>
  <c r="I5159" i="10"/>
  <c r="I5160" i="10"/>
  <c r="I5161" i="10"/>
  <c r="I5162" i="10"/>
  <c r="I5163" i="10"/>
  <c r="I5164" i="10"/>
  <c r="I5165" i="10"/>
  <c r="I5166" i="10"/>
  <c r="I5167" i="10"/>
  <c r="I5168" i="10"/>
  <c r="I5169" i="10"/>
  <c r="I5170" i="10"/>
  <c r="I5171" i="10"/>
  <c r="I5172" i="10"/>
  <c r="I5173" i="10"/>
  <c r="I5174" i="10"/>
  <c r="I5175" i="10"/>
  <c r="I5176" i="10"/>
  <c r="I5177" i="10"/>
  <c r="I5178" i="10"/>
  <c r="I5179" i="10"/>
  <c r="I5180" i="10"/>
  <c r="I5181" i="10"/>
  <c r="I5182" i="10"/>
  <c r="I5183" i="10"/>
  <c r="I5184" i="10"/>
  <c r="I5185" i="10"/>
  <c r="I5186" i="10"/>
  <c r="I5187" i="10"/>
  <c r="I5188" i="10"/>
  <c r="I5189" i="10"/>
  <c r="I5190" i="10"/>
  <c r="I5191" i="10"/>
  <c r="I5192" i="10"/>
  <c r="I5193" i="10"/>
  <c r="I5194" i="10"/>
  <c r="I5195" i="10"/>
  <c r="I5196" i="10"/>
  <c r="I5197" i="10"/>
  <c r="I5198" i="10"/>
  <c r="I5199" i="10"/>
  <c r="I5200" i="10"/>
  <c r="I5201" i="10"/>
  <c r="I5202" i="10"/>
  <c r="I5203" i="10"/>
  <c r="I5204" i="10"/>
  <c r="I5205" i="10"/>
  <c r="I5206" i="10"/>
  <c r="I5207" i="10"/>
  <c r="I5208" i="10"/>
  <c r="I5209" i="10"/>
  <c r="I5210" i="10"/>
  <c r="I5211" i="10"/>
  <c r="I5212" i="10"/>
  <c r="I5213" i="10"/>
  <c r="I5214" i="10"/>
  <c r="I5215" i="10"/>
  <c r="I5216" i="10"/>
  <c r="I5217" i="10"/>
  <c r="I5218" i="10"/>
  <c r="I5219" i="10"/>
  <c r="I5220" i="10"/>
  <c r="I5221" i="10"/>
  <c r="I5222" i="10"/>
  <c r="I5223" i="10"/>
  <c r="I5224" i="10"/>
  <c r="I5225" i="10"/>
  <c r="I5226" i="10"/>
  <c r="I5227" i="10"/>
  <c r="I5228" i="10"/>
  <c r="I5229" i="10"/>
  <c r="I5230" i="10"/>
  <c r="I5231" i="10"/>
  <c r="I5232" i="10"/>
  <c r="I5233" i="10"/>
  <c r="I5234" i="10"/>
  <c r="I5235" i="10"/>
  <c r="I5236" i="10"/>
  <c r="I5237" i="10"/>
  <c r="I5238" i="10"/>
  <c r="I5239" i="10"/>
  <c r="I5240" i="10"/>
  <c r="I5241" i="10"/>
  <c r="I5242" i="10"/>
  <c r="I5243" i="10"/>
  <c r="I5244" i="10"/>
  <c r="I5245" i="10"/>
  <c r="I5246" i="10"/>
  <c r="I5247" i="10"/>
  <c r="I5248" i="10"/>
  <c r="I5249" i="10"/>
  <c r="I5250" i="10"/>
  <c r="I5251" i="10"/>
  <c r="I5252" i="10"/>
  <c r="I5253" i="10"/>
  <c r="I5254" i="10"/>
  <c r="I5255" i="10"/>
  <c r="I5256" i="10"/>
  <c r="I5257" i="10"/>
  <c r="I5258" i="10"/>
  <c r="I5259" i="10"/>
  <c r="I5260" i="10"/>
  <c r="I5261" i="10"/>
  <c r="I5262" i="10"/>
  <c r="I5263" i="10"/>
  <c r="I5264" i="10"/>
  <c r="I5265" i="10"/>
  <c r="I5266" i="10"/>
  <c r="I5267" i="10"/>
  <c r="I5268" i="10"/>
  <c r="I5269" i="10"/>
  <c r="I5270" i="10"/>
  <c r="I5271" i="10"/>
  <c r="I5272" i="10"/>
  <c r="I5273" i="10"/>
  <c r="I5274" i="10"/>
  <c r="I5275" i="10"/>
  <c r="I5276" i="10"/>
  <c r="I5277" i="10"/>
  <c r="I5278" i="10"/>
  <c r="I5279" i="10"/>
  <c r="I5280" i="10"/>
  <c r="I5281" i="10"/>
  <c r="I5282" i="10"/>
  <c r="I5283" i="10"/>
  <c r="I5284" i="10"/>
  <c r="I5285" i="10"/>
  <c r="I5286" i="10"/>
  <c r="I5287" i="10"/>
  <c r="I5288" i="10"/>
  <c r="I5289" i="10"/>
  <c r="I5290" i="10"/>
  <c r="I5291" i="10"/>
  <c r="I5292" i="10"/>
  <c r="I5293" i="10"/>
  <c r="I5294" i="10"/>
  <c r="I5295" i="10"/>
  <c r="I5296" i="10"/>
  <c r="I5297" i="10"/>
  <c r="I5298" i="10"/>
  <c r="I5299" i="10"/>
  <c r="I5300" i="10"/>
  <c r="I5301" i="10"/>
  <c r="I5302" i="10"/>
  <c r="I5303" i="10"/>
  <c r="I5304" i="10"/>
  <c r="I5305" i="10"/>
  <c r="I5306" i="10"/>
  <c r="I5307" i="10"/>
  <c r="I5308" i="10"/>
  <c r="I5309" i="10"/>
  <c r="I5310" i="10"/>
  <c r="I5311" i="10"/>
  <c r="I5312" i="10"/>
  <c r="I5313" i="10"/>
  <c r="I5314" i="10"/>
  <c r="I5315" i="10"/>
  <c r="I5316" i="10"/>
  <c r="I5317" i="10"/>
  <c r="I5318" i="10"/>
  <c r="I5319" i="10"/>
  <c r="I5320" i="10"/>
  <c r="I5321" i="10"/>
  <c r="I5322" i="10"/>
  <c r="I5323" i="10"/>
  <c r="I5324" i="10"/>
  <c r="I5325" i="10"/>
  <c r="I5326" i="10"/>
  <c r="I5327" i="10"/>
  <c r="I5328" i="10"/>
  <c r="I5329" i="10"/>
  <c r="I5330" i="10"/>
  <c r="I5331" i="10"/>
  <c r="I5332" i="10"/>
  <c r="I5333" i="10"/>
  <c r="I5334" i="10"/>
  <c r="I5335" i="10"/>
  <c r="I5336" i="10"/>
  <c r="I5337" i="10"/>
  <c r="I5338" i="10"/>
  <c r="I5339" i="10"/>
  <c r="I5340" i="10"/>
  <c r="I5341" i="10"/>
  <c r="I5342" i="10"/>
  <c r="I5343" i="10"/>
  <c r="I5344" i="10"/>
  <c r="I5345" i="10"/>
  <c r="I5346" i="10"/>
  <c r="I5347" i="10"/>
  <c r="I5348" i="10"/>
  <c r="I5349" i="10"/>
  <c r="I5350" i="10"/>
  <c r="I5351" i="10"/>
  <c r="I5352" i="10"/>
  <c r="I5353" i="10"/>
  <c r="I5354" i="10"/>
  <c r="I5355" i="10"/>
  <c r="I5356" i="10"/>
  <c r="I5357" i="10"/>
  <c r="I5358" i="10"/>
  <c r="I5359" i="10"/>
  <c r="I5360" i="10"/>
  <c r="I5361" i="10"/>
  <c r="I5362" i="10"/>
  <c r="I5363" i="10"/>
  <c r="I5364" i="10"/>
  <c r="I5365" i="10"/>
  <c r="I5366" i="10"/>
  <c r="I5367" i="10"/>
  <c r="I5368" i="10"/>
  <c r="I5369" i="10"/>
  <c r="I5370" i="10"/>
  <c r="I5371" i="10"/>
  <c r="I5372" i="10"/>
  <c r="I5373" i="10"/>
  <c r="I5374" i="10"/>
  <c r="I5375" i="10"/>
  <c r="I5376" i="10"/>
  <c r="I5377" i="10"/>
  <c r="I5378" i="10"/>
  <c r="I5379" i="10"/>
  <c r="I5380" i="10"/>
  <c r="I5381" i="10"/>
  <c r="I5382" i="10"/>
  <c r="I5383" i="10"/>
  <c r="I5384" i="10"/>
  <c r="I5385" i="10"/>
  <c r="I5386" i="10"/>
  <c r="I5387" i="10"/>
  <c r="I5388" i="10"/>
  <c r="I5389" i="10"/>
  <c r="I5390" i="10"/>
  <c r="I5391" i="10"/>
  <c r="I5392" i="10"/>
  <c r="I5393" i="10"/>
  <c r="I5394" i="10"/>
  <c r="I5395" i="10"/>
  <c r="I5396" i="10"/>
  <c r="I5397" i="10"/>
  <c r="I5398" i="10"/>
  <c r="I5399" i="10"/>
  <c r="I5400" i="10"/>
  <c r="I5401" i="10"/>
  <c r="I5402" i="10"/>
  <c r="I5403" i="10"/>
  <c r="I5404" i="10"/>
  <c r="I5405" i="10"/>
  <c r="I5406" i="10"/>
  <c r="I5407" i="10"/>
  <c r="I5408" i="10"/>
  <c r="I5409" i="10"/>
  <c r="I5410" i="10"/>
  <c r="I5411" i="10"/>
  <c r="I5412" i="10"/>
  <c r="I5413" i="10"/>
  <c r="I5414" i="10"/>
  <c r="I5415" i="10"/>
  <c r="I5416" i="10"/>
  <c r="I5417" i="10"/>
  <c r="I5418" i="10"/>
  <c r="I5419" i="10"/>
  <c r="I5420" i="10"/>
  <c r="I5421" i="10"/>
  <c r="I5422" i="10"/>
  <c r="I5423" i="10"/>
  <c r="I5424" i="10"/>
  <c r="I5425" i="10"/>
  <c r="I5426" i="10"/>
  <c r="I5427" i="10"/>
  <c r="I5428" i="10"/>
  <c r="I5429" i="10"/>
  <c r="I5430" i="10"/>
  <c r="I5431" i="10"/>
  <c r="I5432" i="10"/>
  <c r="I5433" i="10"/>
  <c r="I5434" i="10"/>
  <c r="I5435" i="10"/>
  <c r="I5436" i="10"/>
  <c r="I5437" i="10"/>
  <c r="I5438" i="10"/>
  <c r="I5439" i="10"/>
  <c r="I5440" i="10"/>
  <c r="I5441" i="10"/>
  <c r="I5442" i="10"/>
  <c r="I5443" i="10"/>
  <c r="I5444" i="10"/>
  <c r="I5445" i="10"/>
  <c r="I5446" i="10"/>
  <c r="I5447" i="10"/>
  <c r="I5448" i="10"/>
  <c r="I5449" i="10"/>
  <c r="I5450" i="10"/>
  <c r="I5451" i="10"/>
  <c r="I5452" i="10"/>
  <c r="I5453" i="10"/>
  <c r="I5454" i="10"/>
  <c r="I5455" i="10"/>
  <c r="I5456" i="10"/>
  <c r="I5457" i="10"/>
  <c r="I5458" i="10"/>
  <c r="I5459" i="10"/>
  <c r="I5460" i="10"/>
  <c r="I5461" i="10"/>
  <c r="I5462" i="10"/>
  <c r="I5463" i="10"/>
  <c r="I5464" i="10"/>
  <c r="I5465" i="10"/>
  <c r="I5466" i="10"/>
  <c r="I5467" i="10"/>
  <c r="I5468" i="10"/>
  <c r="I5469" i="10"/>
  <c r="I5470" i="10"/>
  <c r="I5471" i="10"/>
  <c r="I5472" i="10"/>
  <c r="I5473" i="10"/>
  <c r="I5474" i="10"/>
  <c r="I5475" i="10"/>
  <c r="I5476" i="10"/>
  <c r="I5477" i="10"/>
  <c r="I5478" i="10"/>
  <c r="I5479" i="10"/>
  <c r="I5480" i="10"/>
  <c r="I5481" i="10"/>
  <c r="I5482" i="10"/>
  <c r="I5483" i="10"/>
  <c r="I5484" i="10"/>
  <c r="I5485" i="10"/>
  <c r="I5486" i="10"/>
  <c r="I5487" i="10"/>
  <c r="I5488" i="10"/>
  <c r="I5489" i="10"/>
  <c r="I5490" i="10"/>
  <c r="I5491" i="10"/>
  <c r="I5492" i="10"/>
  <c r="I5493" i="10"/>
  <c r="I5494" i="10"/>
  <c r="I5495" i="10"/>
  <c r="I5496" i="10"/>
  <c r="I5497" i="10"/>
  <c r="I5498" i="10"/>
  <c r="I5499" i="10"/>
  <c r="I5500" i="10"/>
  <c r="I5501" i="10"/>
  <c r="I5502" i="10"/>
  <c r="I5503" i="10"/>
  <c r="I5504" i="10"/>
  <c r="I5505" i="10"/>
  <c r="I5506" i="10"/>
  <c r="I5507" i="10"/>
  <c r="I5508" i="10"/>
  <c r="I5509" i="10"/>
  <c r="I5510" i="10"/>
  <c r="I5511" i="10"/>
  <c r="I5512" i="10"/>
  <c r="I5513" i="10"/>
  <c r="I5514" i="10"/>
  <c r="I5515" i="10"/>
  <c r="I5516" i="10"/>
  <c r="I5517" i="10"/>
  <c r="I5518" i="10"/>
  <c r="I5519" i="10"/>
  <c r="I5520" i="10"/>
  <c r="I5521" i="10"/>
  <c r="I5522" i="10"/>
  <c r="I5523" i="10"/>
  <c r="I5524" i="10"/>
  <c r="I5525" i="10"/>
  <c r="I5526" i="10"/>
  <c r="I5527" i="10"/>
  <c r="I5528" i="10"/>
  <c r="I5529" i="10"/>
  <c r="I5530" i="10"/>
  <c r="I5531" i="10"/>
  <c r="I5532" i="10"/>
  <c r="I5533" i="10"/>
  <c r="I5534" i="10"/>
  <c r="I5535" i="10"/>
  <c r="I5536" i="10"/>
  <c r="I5537" i="10"/>
  <c r="I5538" i="10"/>
  <c r="I5539" i="10"/>
  <c r="I5540" i="10"/>
  <c r="I5541" i="10"/>
  <c r="I5542" i="10"/>
  <c r="I5543" i="10"/>
  <c r="I5544" i="10"/>
  <c r="I5545" i="10"/>
  <c r="I5546" i="10"/>
  <c r="I5547" i="10"/>
  <c r="I5548" i="10"/>
  <c r="I5549" i="10"/>
  <c r="I5550" i="10"/>
  <c r="I5551" i="10"/>
  <c r="I5552" i="10"/>
  <c r="I5553" i="10"/>
  <c r="I5554" i="10"/>
  <c r="I5555" i="10"/>
  <c r="I5556" i="10"/>
  <c r="I5557" i="10"/>
  <c r="I5558" i="10"/>
  <c r="I5559" i="10"/>
  <c r="I5560" i="10"/>
  <c r="I5561" i="10"/>
  <c r="I5562" i="10"/>
  <c r="I5563" i="10"/>
  <c r="I5564" i="10"/>
  <c r="I5565" i="10"/>
  <c r="I5566" i="10"/>
  <c r="I5567" i="10"/>
  <c r="I5568" i="10"/>
  <c r="I5569" i="10"/>
  <c r="I5570" i="10"/>
  <c r="I5571" i="10"/>
  <c r="I5572" i="10"/>
  <c r="I5573" i="10"/>
  <c r="I5574" i="10"/>
  <c r="I5575" i="10"/>
  <c r="I5576" i="10"/>
  <c r="I5577" i="10"/>
  <c r="I5578" i="10"/>
  <c r="I5579" i="10"/>
  <c r="I5580" i="10"/>
  <c r="I5581" i="10"/>
  <c r="I5582" i="10"/>
  <c r="I5583" i="10"/>
  <c r="I5584" i="10"/>
  <c r="I5585" i="10"/>
  <c r="I5586" i="10"/>
  <c r="I5587" i="10"/>
  <c r="I5588" i="10"/>
  <c r="I5589" i="10"/>
  <c r="I5590" i="10"/>
  <c r="I5591" i="10"/>
  <c r="I5592" i="10"/>
  <c r="I5593" i="10"/>
  <c r="I5594" i="10"/>
  <c r="I5595" i="10"/>
  <c r="I5596" i="10"/>
  <c r="I5597" i="10"/>
  <c r="I5598" i="10"/>
  <c r="I5599" i="10"/>
  <c r="I5600" i="10"/>
  <c r="I5601" i="10"/>
  <c r="I5602" i="10"/>
  <c r="I5603" i="10"/>
  <c r="I5604" i="10"/>
  <c r="I5605" i="10"/>
  <c r="I5606" i="10"/>
  <c r="I5607" i="10"/>
  <c r="I5608" i="10"/>
  <c r="I5609" i="10"/>
  <c r="I5610" i="10"/>
  <c r="I5611" i="10"/>
  <c r="I5612" i="10"/>
  <c r="I5613" i="10"/>
  <c r="I5614" i="10"/>
  <c r="I5615" i="10"/>
  <c r="I5616" i="10"/>
  <c r="I5617" i="10"/>
  <c r="I5618" i="10"/>
  <c r="I5619" i="10"/>
  <c r="I5620" i="10"/>
  <c r="I5621" i="10"/>
  <c r="I5622" i="10"/>
  <c r="I5623" i="10"/>
  <c r="I5624" i="10"/>
  <c r="I5625" i="10"/>
  <c r="I5626" i="10"/>
  <c r="I5627" i="10"/>
  <c r="I5628" i="10"/>
  <c r="I5629" i="10"/>
  <c r="I5630" i="10"/>
  <c r="I5631" i="10"/>
  <c r="I5632" i="10"/>
  <c r="I5633" i="10"/>
  <c r="I5634" i="10"/>
  <c r="I5635" i="10"/>
  <c r="I5636" i="10"/>
  <c r="I5637" i="10"/>
  <c r="I5638" i="10"/>
  <c r="I5639" i="10"/>
  <c r="I5640" i="10"/>
  <c r="I5641" i="10"/>
  <c r="I5642" i="10"/>
  <c r="I5643" i="10"/>
  <c r="I5644" i="10"/>
  <c r="I5645" i="10"/>
  <c r="I5646" i="10"/>
  <c r="I5647" i="10"/>
  <c r="I5648" i="10"/>
  <c r="I5649" i="10"/>
  <c r="I5650" i="10"/>
  <c r="I5651" i="10"/>
  <c r="I5652" i="10"/>
  <c r="I5653" i="10"/>
  <c r="I5654" i="10"/>
  <c r="I5655" i="10"/>
  <c r="I5656" i="10"/>
  <c r="I5657" i="10"/>
  <c r="I5658" i="10"/>
  <c r="I5659" i="10"/>
  <c r="I5660" i="10"/>
  <c r="I5661" i="10"/>
  <c r="I5662" i="10"/>
  <c r="I5663" i="10"/>
  <c r="I5664" i="10"/>
  <c r="I5665" i="10"/>
  <c r="I5666" i="10"/>
  <c r="I5667" i="10"/>
  <c r="I5668" i="10"/>
  <c r="I5669" i="10"/>
  <c r="I5670" i="10"/>
  <c r="I5671" i="10"/>
  <c r="I5672" i="10"/>
  <c r="I5673" i="10"/>
  <c r="I5674" i="10"/>
  <c r="I5675" i="10"/>
  <c r="I5676" i="10"/>
  <c r="I5677" i="10"/>
  <c r="I5678" i="10"/>
  <c r="I5679" i="10"/>
  <c r="I5680" i="10"/>
  <c r="I5681" i="10"/>
  <c r="I5682" i="10"/>
  <c r="I5683" i="10"/>
  <c r="I5684" i="10"/>
  <c r="I5685" i="10"/>
  <c r="I5686" i="10"/>
  <c r="I5687" i="10"/>
  <c r="I5688" i="10"/>
  <c r="I5689" i="10"/>
  <c r="I5690" i="10"/>
  <c r="I5691" i="10"/>
  <c r="I5692" i="10"/>
  <c r="I5693" i="10"/>
  <c r="I5694" i="10"/>
  <c r="I5695" i="10"/>
  <c r="I5696" i="10"/>
  <c r="I5697" i="10"/>
  <c r="I5698" i="10"/>
  <c r="I5699" i="10"/>
  <c r="I5700" i="10"/>
  <c r="I5701" i="10"/>
  <c r="I5702" i="10"/>
  <c r="I5703" i="10"/>
  <c r="I5704" i="10"/>
  <c r="I5705" i="10"/>
  <c r="I5706" i="10"/>
  <c r="I5707" i="10"/>
  <c r="I5708" i="10"/>
  <c r="I5709" i="10"/>
  <c r="I5710" i="10"/>
  <c r="I5711" i="10"/>
  <c r="I5712" i="10"/>
  <c r="I5713" i="10"/>
  <c r="I5714" i="10"/>
  <c r="I5715" i="10"/>
  <c r="I5716" i="10"/>
  <c r="I5717" i="10"/>
  <c r="I5718" i="10"/>
  <c r="I5719" i="10"/>
  <c r="I5720" i="10"/>
  <c r="I5721" i="10"/>
  <c r="I5722" i="10"/>
  <c r="I5723" i="10"/>
  <c r="I5724" i="10"/>
  <c r="I5725" i="10"/>
  <c r="I5726" i="10"/>
  <c r="I5727" i="10"/>
  <c r="I5728" i="10"/>
  <c r="I5729" i="10"/>
  <c r="I5730" i="10"/>
  <c r="I5731" i="10"/>
  <c r="I5732" i="10"/>
  <c r="I5733" i="10"/>
  <c r="I5734" i="10"/>
  <c r="I5735" i="10"/>
  <c r="I5736" i="10"/>
  <c r="I5737" i="10"/>
  <c r="I5738" i="10"/>
  <c r="I5739" i="10"/>
  <c r="I5740" i="10"/>
  <c r="I5741" i="10"/>
  <c r="I5742" i="10"/>
  <c r="I5743" i="10"/>
  <c r="I5744" i="10"/>
  <c r="I5745" i="10"/>
  <c r="I5746" i="10"/>
  <c r="I5747" i="10"/>
  <c r="I5748" i="10"/>
  <c r="I5749" i="10"/>
  <c r="I5750" i="10"/>
  <c r="I5751" i="10"/>
  <c r="I5752" i="10"/>
  <c r="I5753" i="10"/>
  <c r="I5754" i="10"/>
  <c r="I5755" i="10"/>
  <c r="I5756" i="10"/>
  <c r="I5757" i="10"/>
  <c r="I5758" i="10"/>
  <c r="I5759" i="10"/>
  <c r="I5760" i="10"/>
  <c r="I5761" i="10"/>
  <c r="I5762" i="10"/>
  <c r="I5763" i="10"/>
  <c r="I5764" i="10"/>
  <c r="I5765" i="10"/>
  <c r="I5766" i="10"/>
  <c r="I5767" i="10"/>
  <c r="I5768" i="10"/>
  <c r="I5769" i="10"/>
  <c r="I5770" i="10"/>
  <c r="I5771" i="10"/>
  <c r="I5772" i="10"/>
  <c r="I5773" i="10"/>
  <c r="I5774" i="10"/>
  <c r="I5775" i="10"/>
  <c r="I5776" i="10"/>
  <c r="I5777" i="10"/>
  <c r="I5778" i="10"/>
  <c r="I5779" i="10"/>
  <c r="I5780" i="10"/>
  <c r="I5781" i="10"/>
  <c r="I5782" i="10"/>
  <c r="I5783" i="10"/>
  <c r="I5784" i="10"/>
  <c r="I5785" i="10"/>
  <c r="I5786" i="10"/>
  <c r="I5787" i="10"/>
  <c r="I5788" i="10"/>
  <c r="I5789" i="10"/>
  <c r="I5790" i="10"/>
  <c r="I5791" i="10"/>
  <c r="I5792" i="10"/>
  <c r="I5793" i="10"/>
  <c r="I5794" i="10"/>
  <c r="I5795" i="10"/>
  <c r="I5796" i="10"/>
  <c r="I5797" i="10"/>
  <c r="I5798" i="10"/>
  <c r="I5799" i="10"/>
  <c r="I5800" i="10"/>
  <c r="I5801" i="10"/>
  <c r="I5802" i="10"/>
  <c r="I5803" i="10"/>
  <c r="I5804" i="10"/>
  <c r="I5805" i="10"/>
  <c r="I5806" i="10"/>
  <c r="I5807" i="10"/>
  <c r="I5808" i="10"/>
  <c r="I5809" i="10"/>
  <c r="I5810" i="10"/>
  <c r="I5811" i="10"/>
  <c r="I5812" i="10"/>
  <c r="I5813" i="10"/>
  <c r="I5814" i="10"/>
  <c r="I5815" i="10"/>
  <c r="I5816" i="10"/>
  <c r="I5817" i="10"/>
  <c r="I5818" i="10"/>
  <c r="I5819" i="10"/>
  <c r="I5820" i="10"/>
  <c r="I5821" i="10"/>
  <c r="I5822" i="10"/>
  <c r="I5823" i="10"/>
  <c r="I5824" i="10"/>
  <c r="I5825" i="10"/>
  <c r="I5826" i="10"/>
  <c r="I5827" i="10"/>
  <c r="I5828" i="10"/>
  <c r="I5829" i="10"/>
  <c r="I5830" i="10"/>
  <c r="I5831" i="10"/>
  <c r="I5832" i="10"/>
  <c r="I5833" i="10"/>
  <c r="I5834" i="10"/>
  <c r="I5835" i="10"/>
  <c r="I5836" i="10"/>
  <c r="I5837" i="10"/>
  <c r="I5838" i="10"/>
  <c r="I5839" i="10"/>
  <c r="I5840" i="10"/>
  <c r="I5841" i="10"/>
  <c r="I5842" i="10"/>
  <c r="I5843" i="10"/>
  <c r="I5844" i="10"/>
  <c r="I5845" i="10"/>
  <c r="I5846" i="10"/>
  <c r="I5847" i="10"/>
  <c r="I5848" i="10"/>
  <c r="I5849" i="10"/>
  <c r="I5850" i="10"/>
  <c r="I5851" i="10"/>
  <c r="I5852" i="10"/>
  <c r="I5853" i="10"/>
  <c r="I5854" i="10"/>
  <c r="I5855" i="10"/>
  <c r="I5856" i="10"/>
  <c r="I5857" i="10"/>
  <c r="I5858" i="10"/>
  <c r="I5859" i="10"/>
  <c r="I5860" i="10"/>
  <c r="I5861" i="10"/>
  <c r="I5862" i="10"/>
  <c r="I5863" i="10"/>
  <c r="I5864" i="10"/>
  <c r="I5865" i="10"/>
  <c r="I5866" i="10"/>
  <c r="I5867" i="10"/>
  <c r="I5868" i="10"/>
  <c r="I5869" i="10"/>
  <c r="I5870" i="10"/>
  <c r="I5871" i="10"/>
  <c r="I5872" i="10"/>
  <c r="I5873" i="10"/>
  <c r="I5874" i="10"/>
  <c r="I5875" i="10"/>
  <c r="I5876" i="10"/>
  <c r="I5877" i="10"/>
  <c r="I5878" i="10"/>
  <c r="I5879" i="10"/>
  <c r="I5880" i="10"/>
  <c r="I5881" i="10"/>
  <c r="I5882" i="10"/>
  <c r="I5883" i="10"/>
  <c r="I5884" i="10"/>
  <c r="I5885" i="10"/>
  <c r="I5886" i="10"/>
  <c r="I5887" i="10"/>
  <c r="I5888" i="10"/>
  <c r="I5889" i="10"/>
  <c r="I5890" i="10"/>
  <c r="I5891" i="10"/>
  <c r="I5892" i="10"/>
  <c r="I5893" i="10"/>
  <c r="I5894" i="10"/>
  <c r="I5895" i="10"/>
  <c r="I5896" i="10"/>
  <c r="I5897" i="10"/>
  <c r="I5898" i="10"/>
  <c r="I5899" i="10"/>
  <c r="I5900" i="10"/>
  <c r="I5901" i="10"/>
  <c r="I5902" i="10"/>
  <c r="I5903" i="10"/>
  <c r="I5904" i="10"/>
  <c r="I5905" i="10"/>
  <c r="I5906" i="10"/>
  <c r="I5907" i="10"/>
  <c r="I5908" i="10"/>
  <c r="I5909" i="10"/>
  <c r="I5910" i="10"/>
  <c r="I5911" i="10"/>
  <c r="I5912" i="10"/>
  <c r="I5913" i="10"/>
  <c r="I5914" i="10"/>
  <c r="I5915" i="10"/>
  <c r="I5916" i="10"/>
  <c r="I5917" i="10"/>
  <c r="I5918" i="10"/>
  <c r="I5919" i="10"/>
  <c r="I5920" i="10"/>
  <c r="I5921" i="10"/>
  <c r="I5922" i="10"/>
  <c r="I5923" i="10"/>
  <c r="I5924" i="10"/>
  <c r="I5925" i="10"/>
  <c r="I5926" i="10"/>
  <c r="I5927" i="10"/>
  <c r="I5928" i="10"/>
  <c r="I5929" i="10"/>
  <c r="I5930" i="10"/>
  <c r="I5931" i="10"/>
  <c r="I5932" i="10"/>
  <c r="I5933" i="10"/>
  <c r="I5934" i="10"/>
  <c r="I5935" i="10"/>
  <c r="I5936" i="10"/>
  <c r="I5937" i="10"/>
  <c r="I5938" i="10"/>
  <c r="I5939" i="10"/>
  <c r="I5940" i="10"/>
  <c r="I5941" i="10"/>
  <c r="I5942" i="10"/>
  <c r="I5943" i="10"/>
  <c r="I5944" i="10"/>
  <c r="I5945" i="10"/>
  <c r="I5946" i="10"/>
  <c r="I5947" i="10"/>
  <c r="I5948" i="10"/>
  <c r="I5949" i="10"/>
  <c r="I5950" i="10"/>
  <c r="I5951" i="10"/>
  <c r="I5952" i="10"/>
  <c r="I5953" i="10"/>
  <c r="I5954" i="10"/>
  <c r="I5955" i="10"/>
  <c r="I5956" i="10"/>
  <c r="I5957" i="10"/>
  <c r="I5958" i="10"/>
  <c r="I5959" i="10"/>
  <c r="I5960" i="10"/>
  <c r="I5961" i="10"/>
  <c r="I5962" i="10"/>
  <c r="I5963" i="10"/>
  <c r="I5964" i="10"/>
  <c r="I5965" i="10"/>
  <c r="I5966" i="10"/>
  <c r="I5967" i="10"/>
  <c r="I5968" i="10"/>
  <c r="I5969" i="10"/>
  <c r="I5970" i="10"/>
  <c r="I5971" i="10"/>
  <c r="I5972" i="10"/>
  <c r="I5973" i="10"/>
  <c r="I5974" i="10"/>
  <c r="I5975" i="10"/>
  <c r="I5976" i="10"/>
  <c r="I5977" i="10"/>
  <c r="I5978" i="10"/>
  <c r="I5979" i="10"/>
  <c r="I5980" i="10"/>
  <c r="I5981" i="10"/>
  <c r="I5982" i="10"/>
  <c r="I5983" i="10"/>
  <c r="I5984" i="10"/>
  <c r="I5985" i="10"/>
  <c r="I5986" i="10"/>
  <c r="I5987" i="10"/>
  <c r="I5988" i="10"/>
  <c r="I5989" i="10"/>
  <c r="I5990" i="10"/>
  <c r="I5991" i="10"/>
  <c r="I5992" i="10"/>
  <c r="I5993" i="10"/>
  <c r="I5994" i="10"/>
  <c r="I5995" i="10"/>
  <c r="I5996" i="10"/>
  <c r="I5997" i="10"/>
  <c r="I5998" i="10"/>
  <c r="I5999" i="10"/>
  <c r="I6000" i="10"/>
  <c r="I6001" i="10"/>
  <c r="I6002" i="10"/>
  <c r="I6003" i="10"/>
  <c r="I6004" i="10"/>
  <c r="I6005" i="10"/>
  <c r="I6006" i="10"/>
  <c r="I6007" i="10"/>
  <c r="I6008" i="10"/>
  <c r="I6009" i="10"/>
  <c r="I6010" i="10"/>
  <c r="I6011" i="10"/>
  <c r="I6012" i="10"/>
  <c r="I6013" i="10"/>
  <c r="I6014" i="10"/>
  <c r="I6015" i="10"/>
  <c r="I6016" i="10"/>
  <c r="I6017" i="10"/>
  <c r="I6018" i="10"/>
  <c r="I6019" i="10"/>
  <c r="I6020" i="10"/>
  <c r="I6021" i="10"/>
  <c r="I6022" i="10"/>
  <c r="I6023" i="10"/>
  <c r="I6024" i="10"/>
  <c r="I6025" i="10"/>
  <c r="I6026" i="10"/>
  <c r="I6027" i="10"/>
  <c r="I6028" i="10"/>
  <c r="I6029" i="10"/>
  <c r="I6030" i="10"/>
  <c r="I6031" i="10"/>
  <c r="I6032" i="10"/>
  <c r="I6033" i="10"/>
  <c r="I6034" i="10"/>
  <c r="I6035" i="10"/>
  <c r="I6036" i="10"/>
  <c r="I6037" i="10"/>
  <c r="I6038" i="10"/>
  <c r="I6039" i="10"/>
  <c r="I6040" i="10"/>
  <c r="I6041" i="10"/>
  <c r="I6042" i="10"/>
  <c r="I6043" i="10"/>
  <c r="I6044" i="10"/>
  <c r="I6045" i="10"/>
  <c r="I6046" i="10"/>
  <c r="I6047" i="10"/>
  <c r="I6048" i="10"/>
  <c r="I6049" i="10"/>
  <c r="I6050" i="10"/>
  <c r="I6051" i="10"/>
  <c r="I6052" i="10"/>
  <c r="I6053" i="10"/>
  <c r="I6054" i="10"/>
  <c r="I6055" i="10"/>
  <c r="I6056" i="10"/>
  <c r="I6057" i="10"/>
  <c r="I6058" i="10"/>
  <c r="I6059" i="10"/>
  <c r="I6060" i="10"/>
  <c r="I6061" i="10"/>
  <c r="I6062" i="10"/>
  <c r="I6063" i="10"/>
  <c r="I6064" i="10"/>
  <c r="I6065" i="10"/>
  <c r="I6066" i="10"/>
  <c r="I6067" i="10"/>
  <c r="I6068" i="10"/>
  <c r="I6069" i="10"/>
  <c r="I6070" i="10"/>
  <c r="I6071" i="10"/>
  <c r="I6072" i="10"/>
  <c r="I6073" i="10"/>
  <c r="I6074" i="10"/>
  <c r="I6075" i="10"/>
  <c r="I6076" i="10"/>
  <c r="I6077" i="10"/>
  <c r="I6078" i="10"/>
  <c r="I6079" i="10"/>
  <c r="I6080" i="10"/>
  <c r="I6081" i="10"/>
  <c r="I6082" i="10"/>
  <c r="I6083" i="10"/>
  <c r="I6084" i="10"/>
  <c r="I6085" i="10"/>
  <c r="I6086" i="10"/>
  <c r="I6087" i="10"/>
  <c r="I6088" i="10"/>
  <c r="I6089" i="10"/>
  <c r="I6090" i="10"/>
  <c r="I6091" i="10"/>
  <c r="I6092" i="10"/>
  <c r="I6093" i="10"/>
  <c r="I6094" i="10"/>
  <c r="I6095" i="10"/>
  <c r="I6096" i="10"/>
  <c r="I6097" i="10"/>
  <c r="I6098" i="10"/>
  <c r="I6099" i="10"/>
  <c r="I6100" i="10"/>
  <c r="I6101" i="10"/>
  <c r="I6102" i="10"/>
  <c r="I6103" i="10"/>
  <c r="I6104" i="10"/>
  <c r="I6105" i="10"/>
  <c r="I6106" i="10"/>
  <c r="I6107" i="10"/>
  <c r="I6108" i="10"/>
  <c r="I6109" i="10"/>
  <c r="I6110" i="10"/>
  <c r="I6111" i="10"/>
  <c r="I6112" i="10"/>
  <c r="I6113" i="10"/>
  <c r="I6114" i="10"/>
  <c r="I6115" i="10"/>
  <c r="I6116" i="10"/>
  <c r="I6117" i="10"/>
  <c r="I6118" i="10"/>
  <c r="I6119" i="10"/>
  <c r="I6120" i="10"/>
  <c r="I6121" i="10"/>
  <c r="I6122" i="10"/>
  <c r="I6123" i="10"/>
  <c r="I6124" i="10"/>
  <c r="I6125" i="10"/>
  <c r="I6126" i="10"/>
  <c r="I6127" i="10"/>
  <c r="I6128" i="10"/>
  <c r="I6129" i="10"/>
  <c r="I6130" i="10"/>
  <c r="I6131" i="10"/>
  <c r="I6132" i="10"/>
  <c r="I6133" i="10"/>
  <c r="I6134" i="10"/>
  <c r="I6135" i="10"/>
  <c r="I6136" i="10"/>
  <c r="I6137" i="10"/>
  <c r="I6138" i="10"/>
  <c r="I6139" i="10"/>
  <c r="I6140" i="10"/>
  <c r="I6141" i="10"/>
  <c r="I6142" i="10"/>
  <c r="I6143" i="10"/>
  <c r="I6144" i="10"/>
  <c r="I6145" i="10"/>
  <c r="I6146" i="10"/>
  <c r="I6147" i="10"/>
  <c r="I6148" i="10"/>
  <c r="I6149" i="10"/>
  <c r="I6150" i="10"/>
  <c r="I6151" i="10"/>
  <c r="I6152" i="10"/>
  <c r="I6153" i="10"/>
  <c r="I6154" i="10"/>
  <c r="I6155" i="10"/>
  <c r="I6156" i="10"/>
  <c r="I6157" i="10"/>
  <c r="I6158" i="10"/>
  <c r="I6159" i="10"/>
  <c r="I6160" i="10"/>
  <c r="I6161" i="10"/>
  <c r="I6162" i="10"/>
  <c r="I6163" i="10"/>
  <c r="I6164" i="10"/>
  <c r="I6165" i="10"/>
  <c r="I6166" i="10"/>
  <c r="I6167" i="10"/>
  <c r="I6168" i="10"/>
  <c r="I6169" i="10"/>
  <c r="I6170" i="10"/>
  <c r="I6171" i="10"/>
  <c r="I6172" i="10"/>
  <c r="I6173" i="10"/>
  <c r="I6174" i="10"/>
  <c r="I6175" i="10"/>
  <c r="I6176" i="10"/>
  <c r="I6177" i="10"/>
  <c r="I6178" i="10"/>
  <c r="I6179" i="10"/>
  <c r="I6180" i="10"/>
  <c r="I6181" i="10"/>
  <c r="I6182" i="10"/>
  <c r="I6183" i="10"/>
  <c r="I6184" i="10"/>
  <c r="I6185" i="10"/>
  <c r="I6186" i="10"/>
  <c r="I6187" i="10"/>
  <c r="I6188" i="10"/>
  <c r="I6189" i="10"/>
  <c r="I6190" i="10"/>
  <c r="I6191" i="10"/>
  <c r="I6192" i="10"/>
  <c r="I6193" i="10"/>
  <c r="I6194" i="10"/>
  <c r="I6195" i="10"/>
  <c r="I6196" i="10"/>
  <c r="I6197" i="10"/>
  <c r="I6198" i="10"/>
  <c r="I6199" i="10"/>
  <c r="I6200" i="10"/>
  <c r="I6201" i="10"/>
  <c r="I6202" i="10"/>
  <c r="I6203" i="10"/>
  <c r="I6204" i="10"/>
  <c r="I6205" i="10"/>
  <c r="I6206" i="10"/>
  <c r="I6207" i="10"/>
  <c r="I6208" i="10"/>
  <c r="I6209" i="10"/>
  <c r="I6210" i="10"/>
  <c r="I6211" i="10"/>
  <c r="I6212" i="10"/>
  <c r="I6213" i="10"/>
  <c r="I6214" i="10"/>
  <c r="I6215" i="10"/>
  <c r="I6216" i="10"/>
  <c r="I6217" i="10"/>
  <c r="I6218" i="10"/>
  <c r="I6219" i="10"/>
  <c r="I6220" i="10"/>
  <c r="I6221" i="10"/>
  <c r="I6222" i="10"/>
  <c r="I6223" i="10"/>
  <c r="I6224" i="10"/>
  <c r="I6225" i="10"/>
  <c r="I6226" i="10"/>
  <c r="I6227" i="10"/>
  <c r="I6228" i="10"/>
  <c r="I6229" i="10"/>
  <c r="I6230" i="10"/>
  <c r="I6231" i="10"/>
  <c r="I6232" i="10"/>
  <c r="I6233" i="10"/>
  <c r="I6234" i="10"/>
  <c r="I6235" i="10"/>
  <c r="I6236" i="10"/>
  <c r="I6237" i="10"/>
  <c r="I6238" i="10"/>
  <c r="I6239" i="10"/>
  <c r="I6240" i="10"/>
  <c r="I6241" i="10"/>
  <c r="I6242" i="10"/>
  <c r="I6243" i="10"/>
  <c r="I6244" i="10"/>
  <c r="I6245" i="10"/>
  <c r="I6246" i="10"/>
  <c r="I6247" i="10"/>
  <c r="I6248" i="10"/>
  <c r="I6249" i="10"/>
  <c r="I6250" i="10"/>
  <c r="I6251" i="10"/>
  <c r="I6252" i="10"/>
  <c r="I6253" i="10"/>
  <c r="I6254" i="10"/>
  <c r="I6255" i="10"/>
  <c r="I6256" i="10"/>
  <c r="I6257" i="10"/>
  <c r="I6258" i="10"/>
  <c r="I6259" i="10"/>
  <c r="I6260" i="10"/>
  <c r="I6261" i="10"/>
  <c r="I6262" i="10"/>
  <c r="I6263" i="10"/>
  <c r="I6264" i="10"/>
  <c r="I6265" i="10"/>
  <c r="I6266" i="10"/>
  <c r="I6267" i="10"/>
  <c r="I6268" i="10"/>
  <c r="I6269" i="10"/>
  <c r="I6270" i="10"/>
  <c r="I6271" i="10"/>
  <c r="I6272" i="10"/>
  <c r="I6273" i="10"/>
  <c r="I6274" i="10"/>
  <c r="I6275" i="10"/>
  <c r="I6276" i="10"/>
  <c r="I6277" i="10"/>
  <c r="I6278" i="10"/>
  <c r="I6279" i="10"/>
  <c r="I6280" i="10"/>
  <c r="I6281" i="10"/>
  <c r="I6282" i="10"/>
  <c r="I6283" i="10"/>
  <c r="I6284" i="10"/>
  <c r="I6285" i="10"/>
  <c r="I6286" i="10"/>
  <c r="I6287" i="10"/>
  <c r="I6288" i="10"/>
  <c r="I6289" i="10"/>
  <c r="I6290" i="10"/>
  <c r="I6291" i="10"/>
  <c r="I6292" i="10"/>
  <c r="I6293" i="10"/>
  <c r="I6294" i="10"/>
  <c r="I6295" i="10"/>
  <c r="I6296" i="10"/>
  <c r="I6297" i="10"/>
  <c r="I6298" i="10"/>
  <c r="I6299" i="10"/>
  <c r="I6300" i="10"/>
  <c r="I6301" i="10"/>
  <c r="I6302" i="10"/>
  <c r="I6303" i="10"/>
  <c r="I6304" i="10"/>
  <c r="I6305" i="10"/>
  <c r="I6306" i="10"/>
  <c r="I6307" i="10"/>
  <c r="I6308" i="10"/>
  <c r="I6309" i="10"/>
  <c r="I6310" i="10"/>
  <c r="I6311" i="10"/>
  <c r="I6312" i="10"/>
  <c r="I6313" i="10"/>
  <c r="I6314" i="10"/>
  <c r="I6315" i="10"/>
  <c r="I6316" i="10"/>
  <c r="I6317" i="10"/>
  <c r="I6318" i="10"/>
  <c r="I6319" i="10"/>
  <c r="I6320" i="10"/>
  <c r="I6321" i="10"/>
  <c r="I6322" i="10"/>
  <c r="I6323" i="10"/>
  <c r="I6324" i="10"/>
  <c r="I6325" i="10"/>
  <c r="I6326" i="10"/>
  <c r="I6327" i="10"/>
  <c r="I6328" i="10"/>
  <c r="I6329" i="10"/>
  <c r="I6330" i="10"/>
  <c r="I6331" i="10"/>
  <c r="I6332" i="10"/>
  <c r="I6333" i="10"/>
  <c r="I6334" i="10"/>
  <c r="I6335" i="10"/>
  <c r="I6336" i="10"/>
  <c r="I6337" i="10"/>
  <c r="I6338" i="10"/>
  <c r="I6339" i="10"/>
  <c r="I6340" i="10"/>
  <c r="I6341" i="10"/>
  <c r="I6342" i="10"/>
  <c r="I6343" i="10"/>
  <c r="I6344" i="10"/>
  <c r="I6345" i="10"/>
  <c r="I6346" i="10"/>
  <c r="I6347" i="10"/>
  <c r="I6348" i="10"/>
  <c r="I6349" i="10"/>
  <c r="I6350" i="10"/>
  <c r="I6351" i="10"/>
  <c r="I6352" i="10"/>
  <c r="I6353" i="10"/>
  <c r="I6354" i="10"/>
  <c r="I6355" i="10"/>
  <c r="I6356" i="10"/>
  <c r="I6357" i="10"/>
  <c r="I6358" i="10"/>
  <c r="I6359" i="10"/>
  <c r="I6360" i="10"/>
  <c r="I6361" i="10"/>
  <c r="I6362" i="10"/>
  <c r="I6363" i="10"/>
  <c r="I6364" i="10"/>
  <c r="I6365" i="10"/>
  <c r="I6366" i="10"/>
  <c r="I6367" i="10"/>
  <c r="I6368" i="10"/>
  <c r="I6369" i="10"/>
  <c r="I6370" i="10"/>
  <c r="I6371" i="10"/>
  <c r="I6372" i="10"/>
  <c r="I6373" i="10"/>
  <c r="I6374" i="10"/>
  <c r="I6375" i="10"/>
  <c r="I6376" i="10"/>
  <c r="I6377" i="10"/>
  <c r="I6378" i="10"/>
  <c r="I6379" i="10"/>
  <c r="I6380" i="10"/>
  <c r="I6381" i="10"/>
  <c r="I6382" i="10"/>
  <c r="I6383" i="10"/>
  <c r="I6384" i="10"/>
  <c r="I6385" i="10"/>
  <c r="I6386" i="10"/>
  <c r="I6387" i="10"/>
  <c r="I6388" i="10"/>
  <c r="I6389" i="10"/>
  <c r="I6390" i="10"/>
  <c r="I6391" i="10"/>
  <c r="I6392" i="10"/>
  <c r="I6393" i="10"/>
  <c r="I6394" i="10"/>
  <c r="I6395" i="10"/>
  <c r="I6396" i="10"/>
  <c r="I6397" i="10"/>
  <c r="I6398" i="10"/>
  <c r="I6399" i="10"/>
  <c r="I6400" i="10"/>
  <c r="I6401" i="10"/>
  <c r="I6402" i="10"/>
  <c r="I6403" i="10"/>
  <c r="I6404" i="10"/>
  <c r="I6405" i="10"/>
  <c r="I6406" i="10"/>
  <c r="I6407" i="10"/>
  <c r="I6408" i="10"/>
  <c r="I6409" i="10"/>
  <c r="I6410" i="10"/>
  <c r="I6411" i="10"/>
  <c r="I6412" i="10"/>
  <c r="I6413" i="10"/>
  <c r="I6414" i="10"/>
  <c r="I6415" i="10"/>
  <c r="I6416" i="10"/>
  <c r="I6417" i="10"/>
  <c r="I6418" i="10"/>
  <c r="I6419" i="10"/>
  <c r="I6420" i="10"/>
  <c r="I6421" i="10"/>
  <c r="I6422" i="10"/>
  <c r="I6423" i="10"/>
  <c r="I6424" i="10"/>
  <c r="I6425" i="10"/>
  <c r="I6426" i="10"/>
  <c r="I6427" i="10"/>
  <c r="I6428" i="10"/>
  <c r="I6429" i="10"/>
  <c r="I6430" i="10"/>
  <c r="I6431" i="10"/>
  <c r="I6432" i="10"/>
  <c r="I6433" i="10"/>
  <c r="I6434" i="10"/>
  <c r="I6435" i="10"/>
  <c r="I6436" i="10"/>
  <c r="I6437" i="10"/>
  <c r="I6438" i="10"/>
  <c r="I6439" i="10"/>
  <c r="I6440" i="10"/>
  <c r="I6441" i="10"/>
  <c r="I6442" i="10"/>
  <c r="I6443" i="10"/>
  <c r="I6444" i="10"/>
  <c r="I6445" i="10"/>
  <c r="I6446" i="10"/>
  <c r="I6447" i="10"/>
  <c r="I6448" i="10"/>
  <c r="I6449" i="10"/>
  <c r="I6450" i="10"/>
  <c r="I6451" i="10"/>
  <c r="I6452" i="10"/>
  <c r="I6453" i="10"/>
  <c r="I6454" i="10"/>
  <c r="I6455" i="10"/>
  <c r="I6456" i="10"/>
  <c r="I6457" i="10"/>
  <c r="I6458" i="10"/>
  <c r="I6459" i="10"/>
  <c r="I6460" i="10"/>
  <c r="I6461" i="10"/>
  <c r="I6462" i="10"/>
  <c r="I6463" i="10"/>
  <c r="I6464" i="10"/>
  <c r="I6465" i="10"/>
  <c r="I6466" i="10"/>
  <c r="I6467" i="10"/>
  <c r="I6468" i="10"/>
  <c r="I6469" i="10"/>
  <c r="I6470" i="10"/>
  <c r="I6471" i="10"/>
  <c r="I6472" i="10"/>
  <c r="I6473" i="10"/>
  <c r="I6474" i="10"/>
  <c r="I6475" i="10"/>
  <c r="I6476" i="10"/>
  <c r="I6477" i="10"/>
  <c r="I6478" i="10"/>
  <c r="I6479" i="10"/>
  <c r="I6480" i="10"/>
  <c r="I6481" i="10"/>
  <c r="I6482" i="10"/>
  <c r="I6483" i="10"/>
  <c r="I6484" i="10"/>
  <c r="I6485" i="10"/>
  <c r="I6486" i="10"/>
  <c r="I6487" i="10"/>
  <c r="I6488" i="10"/>
  <c r="I6489" i="10"/>
  <c r="I6490" i="10"/>
  <c r="I6491" i="10"/>
  <c r="I6492" i="10"/>
  <c r="I6493" i="10"/>
  <c r="I6494" i="10"/>
  <c r="I6495" i="10"/>
  <c r="I6496" i="10"/>
  <c r="I6497" i="10"/>
  <c r="I6498" i="10"/>
  <c r="I6499" i="10"/>
  <c r="I6500" i="10"/>
  <c r="I6501" i="10"/>
  <c r="I6502" i="10"/>
  <c r="I6503" i="10"/>
  <c r="I6504" i="10"/>
  <c r="I6505" i="10"/>
  <c r="I6506" i="10"/>
  <c r="I6507" i="10"/>
  <c r="I6508" i="10"/>
  <c r="I6509" i="10"/>
  <c r="I6510" i="10"/>
  <c r="I6511" i="10"/>
  <c r="I6512" i="10"/>
  <c r="I6513" i="10"/>
  <c r="I6514" i="10"/>
  <c r="I6515" i="10"/>
  <c r="I6516" i="10"/>
  <c r="I6517" i="10"/>
  <c r="I6518" i="10"/>
  <c r="I6519" i="10"/>
  <c r="I6520" i="10"/>
  <c r="I6521" i="10"/>
  <c r="I6522" i="10"/>
  <c r="I6523" i="10"/>
  <c r="I6524" i="10"/>
  <c r="I6525" i="10"/>
  <c r="I6526" i="10"/>
  <c r="I6527" i="10"/>
  <c r="I6528" i="10"/>
  <c r="I6529" i="10"/>
  <c r="I6530" i="10"/>
  <c r="I6531" i="10"/>
  <c r="I6532" i="10"/>
  <c r="I6533" i="10"/>
  <c r="I6534" i="10"/>
  <c r="I6535" i="10"/>
  <c r="I6536" i="10"/>
  <c r="I6537" i="10"/>
  <c r="I6538" i="10"/>
  <c r="I6539" i="10"/>
  <c r="I6540" i="10"/>
  <c r="I6541" i="10"/>
  <c r="I6542" i="10"/>
  <c r="I6543" i="10"/>
  <c r="I6544" i="10"/>
  <c r="I6545" i="10"/>
  <c r="I6546" i="10"/>
  <c r="I6547" i="10"/>
  <c r="I6548" i="10"/>
  <c r="I6549" i="10"/>
  <c r="I6550" i="10"/>
  <c r="I6551" i="10"/>
  <c r="I6552" i="10"/>
  <c r="I6553" i="10"/>
  <c r="I6554" i="10"/>
  <c r="I6555" i="10"/>
  <c r="I6556" i="10"/>
  <c r="I6557" i="10"/>
  <c r="I6558" i="10"/>
  <c r="I6559" i="10"/>
  <c r="I6560" i="10"/>
  <c r="I6561" i="10"/>
  <c r="I6562" i="10"/>
  <c r="I6563" i="10"/>
  <c r="I6564" i="10"/>
  <c r="I6565" i="10"/>
  <c r="I6566" i="10"/>
  <c r="I6567" i="10"/>
  <c r="I6568" i="10"/>
  <c r="I6569" i="10"/>
  <c r="I6570" i="10"/>
  <c r="I6571" i="10"/>
  <c r="I6572" i="10"/>
  <c r="I6573" i="10"/>
  <c r="I6574" i="10"/>
  <c r="I6575" i="10"/>
  <c r="I6576" i="10"/>
  <c r="I6577" i="10"/>
  <c r="I6578" i="10"/>
  <c r="I6579" i="10"/>
  <c r="I6580" i="10"/>
  <c r="I6581" i="10"/>
  <c r="I6582" i="10"/>
  <c r="I6583" i="10"/>
  <c r="I6584" i="10"/>
  <c r="I6585" i="10"/>
  <c r="I6586" i="10"/>
  <c r="I6587" i="10"/>
  <c r="I6588" i="10"/>
  <c r="I6589" i="10"/>
  <c r="I6590" i="10"/>
  <c r="I6591" i="10"/>
  <c r="I6592" i="10"/>
  <c r="I6593" i="10"/>
  <c r="I6594" i="10"/>
  <c r="I6595" i="10"/>
  <c r="I6596" i="10"/>
  <c r="I6597" i="10"/>
  <c r="I6598" i="10"/>
  <c r="I6599" i="10"/>
  <c r="I6600" i="10"/>
  <c r="I6601" i="10"/>
  <c r="I6602" i="10"/>
  <c r="I6603" i="10"/>
  <c r="I6604" i="10"/>
  <c r="I6605" i="10"/>
  <c r="I6606" i="10"/>
  <c r="I6607" i="10"/>
  <c r="I6608" i="10"/>
  <c r="I6609" i="10"/>
  <c r="I6610" i="10"/>
  <c r="I6611" i="10"/>
  <c r="I6612" i="10"/>
  <c r="I6613" i="10"/>
  <c r="I6614" i="10"/>
  <c r="I6615" i="10"/>
  <c r="I6616" i="10"/>
  <c r="I6617" i="10"/>
  <c r="I6618" i="10"/>
  <c r="I6619" i="10"/>
  <c r="I6620" i="10"/>
  <c r="I6621" i="10"/>
  <c r="I6622" i="10"/>
  <c r="I6623" i="10"/>
  <c r="I6624" i="10"/>
  <c r="I6625" i="10"/>
  <c r="I6626" i="10"/>
  <c r="I6627" i="10"/>
  <c r="I6628" i="10"/>
  <c r="I6629" i="10"/>
  <c r="I6630" i="10"/>
  <c r="I6631" i="10"/>
  <c r="I6632" i="10"/>
  <c r="I6633" i="10"/>
  <c r="I6634" i="10"/>
  <c r="I6635" i="10"/>
  <c r="I6636" i="10"/>
  <c r="I6637" i="10"/>
  <c r="I6638" i="10"/>
  <c r="I6639" i="10"/>
  <c r="I6640" i="10"/>
  <c r="I6641" i="10"/>
  <c r="I6642" i="10"/>
  <c r="I6643" i="10"/>
  <c r="I6644" i="10"/>
  <c r="I6645" i="10"/>
  <c r="I6646" i="10"/>
  <c r="I6647" i="10"/>
  <c r="I6648" i="10"/>
  <c r="I6649" i="10"/>
  <c r="I6650" i="10"/>
  <c r="I6651" i="10"/>
  <c r="I6652" i="10"/>
  <c r="I6653" i="10"/>
  <c r="I6654" i="10"/>
  <c r="I6655" i="10"/>
  <c r="I6656" i="10"/>
  <c r="I6657" i="10"/>
  <c r="I6658" i="10"/>
  <c r="I6659" i="10"/>
  <c r="I6660" i="10"/>
  <c r="I6661" i="10"/>
  <c r="I6662" i="10"/>
  <c r="I6663" i="10"/>
  <c r="I6664" i="10"/>
  <c r="I6665" i="10"/>
  <c r="I6666" i="10"/>
  <c r="I6667" i="10"/>
  <c r="I6668" i="10"/>
  <c r="I6669" i="10"/>
  <c r="I6670" i="10"/>
  <c r="I6671" i="10"/>
  <c r="I6672" i="10"/>
  <c r="I6673" i="10"/>
  <c r="I6674" i="10"/>
  <c r="I6675" i="10"/>
  <c r="I6676" i="10"/>
  <c r="I6677" i="10"/>
  <c r="I6678" i="10"/>
  <c r="I6679" i="10"/>
  <c r="I6680" i="10"/>
  <c r="I6681" i="10"/>
  <c r="I6682" i="10"/>
  <c r="I6683" i="10"/>
  <c r="I6684" i="10"/>
  <c r="I6685" i="10"/>
  <c r="I6686" i="10"/>
  <c r="I6687" i="10"/>
  <c r="I6688" i="10"/>
  <c r="I6689" i="10"/>
  <c r="I6690" i="10"/>
  <c r="I6691" i="10"/>
  <c r="I6692" i="10"/>
  <c r="I6693" i="10"/>
  <c r="I6694" i="10"/>
  <c r="I6695" i="10"/>
  <c r="I6696" i="10"/>
  <c r="I6697" i="10"/>
  <c r="I6698" i="10"/>
  <c r="I6699" i="10"/>
  <c r="I6700" i="10"/>
  <c r="I6701" i="10"/>
  <c r="I6702" i="10"/>
  <c r="I6703" i="10"/>
  <c r="I6704" i="10"/>
  <c r="I6705" i="10"/>
  <c r="I6706" i="10"/>
  <c r="I6707" i="10"/>
  <c r="I6708" i="10"/>
  <c r="I6709" i="10"/>
  <c r="I6710" i="10"/>
  <c r="I6711" i="10"/>
  <c r="I6712" i="10"/>
  <c r="I6713" i="10"/>
  <c r="I6714" i="10"/>
  <c r="I6715" i="10"/>
  <c r="I6716" i="10"/>
  <c r="I6717" i="10"/>
  <c r="I6718" i="10"/>
  <c r="I6719" i="10"/>
  <c r="I6720" i="10"/>
  <c r="I6721" i="10"/>
  <c r="I6722" i="10"/>
  <c r="I6723" i="10"/>
  <c r="I6724" i="10"/>
  <c r="I6725" i="10"/>
  <c r="I6726" i="10"/>
  <c r="I6727" i="10"/>
  <c r="I6728" i="10"/>
  <c r="I6729" i="10"/>
  <c r="I6730" i="10"/>
  <c r="I6731" i="10"/>
  <c r="I6732" i="10"/>
  <c r="I6733" i="10"/>
  <c r="I6734" i="10"/>
  <c r="I6735" i="10"/>
  <c r="I6736" i="10"/>
  <c r="I6737" i="10"/>
  <c r="I6738" i="10"/>
  <c r="I6739" i="10"/>
  <c r="I6740" i="10"/>
  <c r="I6741" i="10"/>
  <c r="I6742" i="10"/>
  <c r="I6743" i="10"/>
  <c r="I6744" i="10"/>
  <c r="I6745" i="10"/>
  <c r="I6746" i="10"/>
  <c r="I6747" i="10"/>
  <c r="I6748" i="10"/>
  <c r="I6749" i="10"/>
  <c r="I6750" i="10"/>
  <c r="I6751" i="10"/>
  <c r="I6752" i="10"/>
  <c r="I6753" i="10"/>
  <c r="I6754" i="10"/>
  <c r="I6755" i="10"/>
  <c r="I6756" i="10"/>
  <c r="I6757" i="10"/>
  <c r="I6758" i="10"/>
  <c r="I6759" i="10"/>
  <c r="I6760" i="10"/>
  <c r="I6761" i="10"/>
  <c r="I6762" i="10"/>
  <c r="I6763" i="10"/>
  <c r="I6764" i="10"/>
  <c r="I6765" i="10"/>
  <c r="I6766" i="10"/>
  <c r="I6767" i="10"/>
  <c r="I6768" i="10"/>
  <c r="I6769" i="10"/>
  <c r="I6770" i="10"/>
  <c r="I6771" i="10"/>
  <c r="I6772" i="10"/>
  <c r="I6773" i="10"/>
  <c r="I6774" i="10"/>
  <c r="I6775" i="10"/>
  <c r="I6776" i="10"/>
  <c r="I6777" i="10"/>
  <c r="I6778" i="10"/>
  <c r="I6779" i="10"/>
  <c r="I6780" i="10"/>
  <c r="I6781" i="10"/>
  <c r="I6782" i="10"/>
  <c r="I6783" i="10"/>
  <c r="I6784" i="10"/>
  <c r="I6785" i="10"/>
  <c r="I6786" i="10"/>
  <c r="I6787" i="10"/>
  <c r="I6788" i="10"/>
  <c r="I6789" i="10"/>
  <c r="I6790" i="10"/>
  <c r="I6791" i="10"/>
  <c r="I6792" i="10"/>
  <c r="I6793" i="10"/>
  <c r="I6794" i="10"/>
  <c r="I6795" i="10"/>
  <c r="I6796" i="10"/>
  <c r="I6797" i="10"/>
  <c r="I6798" i="10"/>
  <c r="I6799" i="10"/>
  <c r="I6800" i="10"/>
  <c r="I6801" i="10"/>
  <c r="I6802" i="10"/>
  <c r="I6803" i="10"/>
  <c r="I6804" i="10"/>
  <c r="I6805" i="10"/>
  <c r="I6806" i="10"/>
  <c r="I6807" i="10"/>
  <c r="I6808" i="10"/>
  <c r="I6809" i="10"/>
  <c r="I6810" i="10"/>
  <c r="I6811" i="10"/>
  <c r="I6812" i="10"/>
  <c r="I6813" i="10"/>
  <c r="I6814" i="10"/>
  <c r="I6815" i="10"/>
  <c r="I6816" i="10"/>
  <c r="I6817" i="10"/>
  <c r="I6818" i="10"/>
  <c r="I6819" i="10"/>
  <c r="I6820" i="10"/>
  <c r="I6821" i="10"/>
  <c r="I6822" i="10"/>
  <c r="I6823" i="10"/>
  <c r="I6824" i="10"/>
  <c r="I6825" i="10"/>
  <c r="I6826" i="10"/>
  <c r="I6827" i="10"/>
  <c r="I6828" i="10"/>
  <c r="I6829" i="10"/>
  <c r="I6830" i="10"/>
  <c r="I6831" i="10"/>
  <c r="I6832" i="10"/>
  <c r="I6833" i="10"/>
  <c r="I6834" i="10"/>
  <c r="I6835" i="10"/>
  <c r="I6836" i="10"/>
  <c r="I6837" i="10"/>
  <c r="I6838" i="10"/>
  <c r="I6839" i="10"/>
  <c r="I6840" i="10"/>
  <c r="I6841" i="10"/>
  <c r="I6842" i="10"/>
  <c r="I6843" i="10"/>
  <c r="I6844" i="10"/>
  <c r="I6845" i="10"/>
  <c r="I6846" i="10"/>
  <c r="I6847" i="10"/>
  <c r="I6848" i="10"/>
  <c r="I6849" i="10"/>
  <c r="I6850" i="10"/>
  <c r="I6851" i="10"/>
  <c r="I6852" i="10"/>
  <c r="I6853" i="10"/>
  <c r="I6854" i="10"/>
  <c r="I6855" i="10"/>
  <c r="I6856" i="10"/>
  <c r="I6857" i="10"/>
  <c r="I6858" i="10"/>
  <c r="I6859" i="10"/>
  <c r="I6860" i="10"/>
  <c r="I6861" i="10"/>
  <c r="I6862" i="10"/>
  <c r="I6863" i="10"/>
  <c r="I6864" i="10"/>
  <c r="I6865" i="10"/>
  <c r="I6866" i="10"/>
  <c r="I6867" i="10"/>
  <c r="I6868" i="10"/>
  <c r="I6869" i="10"/>
  <c r="I6870" i="10"/>
  <c r="I6871" i="10"/>
  <c r="I6872" i="10"/>
  <c r="I6873" i="10"/>
  <c r="I6874" i="10"/>
  <c r="I6875" i="10"/>
  <c r="I6876" i="10"/>
  <c r="I6877" i="10"/>
  <c r="I6878" i="10"/>
  <c r="I6879" i="10"/>
  <c r="I6880" i="10"/>
  <c r="I6881" i="10"/>
  <c r="I6882" i="10"/>
  <c r="I6883" i="10"/>
  <c r="I6884" i="10"/>
  <c r="I6885" i="10"/>
  <c r="I6886" i="10"/>
  <c r="I6887" i="10"/>
  <c r="I6888" i="10"/>
  <c r="I6889" i="10"/>
  <c r="I6890" i="10"/>
  <c r="I6891" i="10"/>
  <c r="I6892" i="10"/>
  <c r="I6893" i="10"/>
  <c r="I6894" i="10"/>
  <c r="I6895" i="10"/>
  <c r="I6896" i="10"/>
  <c r="I6897" i="10"/>
  <c r="I6898" i="10"/>
  <c r="I6899" i="10"/>
  <c r="I6900" i="10"/>
  <c r="I6901" i="10"/>
  <c r="I6902" i="10"/>
  <c r="I6903" i="10"/>
  <c r="I6904" i="10"/>
  <c r="I6905" i="10"/>
  <c r="I6906" i="10"/>
  <c r="I6907" i="10"/>
  <c r="I6908" i="10"/>
  <c r="I6909" i="10"/>
  <c r="I6910" i="10"/>
  <c r="I6911" i="10"/>
  <c r="I6912" i="10"/>
  <c r="I6913" i="10"/>
  <c r="I6914" i="10"/>
  <c r="I6915" i="10"/>
  <c r="I6916" i="10"/>
  <c r="I6917" i="10"/>
  <c r="I6918" i="10"/>
  <c r="I6919" i="10"/>
  <c r="I6920" i="10"/>
  <c r="I6921" i="10"/>
  <c r="I6922" i="10"/>
  <c r="I6923" i="10"/>
  <c r="I6924" i="10"/>
  <c r="I6925" i="10"/>
  <c r="I6926" i="10"/>
  <c r="I6927" i="10"/>
  <c r="I6928" i="10"/>
  <c r="I6929" i="10"/>
  <c r="I6930" i="10"/>
  <c r="I6931" i="10"/>
  <c r="I6932" i="10"/>
  <c r="I6933" i="10"/>
  <c r="I6934" i="10"/>
  <c r="I6935" i="10"/>
  <c r="I6936" i="10"/>
  <c r="I6937" i="10"/>
  <c r="I6938" i="10"/>
  <c r="I6939" i="10"/>
  <c r="I6940" i="10"/>
  <c r="I6941" i="10"/>
  <c r="I6942" i="10"/>
  <c r="I6943" i="10"/>
  <c r="I6944" i="10"/>
  <c r="I6945" i="10"/>
  <c r="I6946" i="10"/>
  <c r="I6947" i="10"/>
  <c r="I6948" i="10"/>
  <c r="I6949" i="10"/>
  <c r="I6950" i="10"/>
  <c r="I6951" i="10"/>
  <c r="I6952" i="10"/>
  <c r="I6953" i="10"/>
  <c r="I6954" i="10"/>
  <c r="I6955" i="10"/>
  <c r="I6956" i="10"/>
  <c r="I6957" i="10"/>
  <c r="I6958" i="10"/>
  <c r="I6959" i="10"/>
  <c r="I6960" i="10"/>
  <c r="I6961" i="10"/>
  <c r="I6962" i="10"/>
  <c r="I6963" i="10"/>
  <c r="I6964" i="10"/>
  <c r="I6965" i="10"/>
  <c r="I6966" i="10"/>
  <c r="I6967" i="10"/>
  <c r="I6968" i="10"/>
  <c r="I6969" i="10"/>
  <c r="I6970" i="10"/>
  <c r="I6971" i="10"/>
  <c r="I6972" i="10"/>
  <c r="I6973" i="10"/>
  <c r="I6974" i="10"/>
  <c r="I6975" i="10"/>
  <c r="I6976" i="10"/>
  <c r="I6977" i="10"/>
  <c r="I6978" i="10"/>
  <c r="I6979" i="10"/>
  <c r="I6980" i="10"/>
  <c r="I6981" i="10"/>
  <c r="I6982" i="10"/>
  <c r="I6983" i="10"/>
  <c r="I6984" i="10"/>
  <c r="I6985" i="10"/>
  <c r="I6986" i="10"/>
  <c r="I6987" i="10"/>
  <c r="I6988" i="10"/>
  <c r="I6989" i="10"/>
  <c r="I6990" i="10"/>
  <c r="I6991" i="10"/>
  <c r="I6992" i="10"/>
  <c r="I6993" i="10"/>
  <c r="I6994" i="10"/>
  <c r="I6995" i="10"/>
  <c r="I6996" i="10"/>
  <c r="I6997" i="10"/>
  <c r="I6998" i="10"/>
  <c r="I6999" i="10"/>
  <c r="I7000" i="10"/>
  <c r="I7001" i="10"/>
  <c r="I7002" i="10"/>
  <c r="I7003" i="10"/>
  <c r="I7004" i="10"/>
  <c r="I7005" i="10"/>
  <c r="I7006" i="10"/>
  <c r="I7007" i="10"/>
  <c r="I7008" i="10"/>
  <c r="I7009" i="10"/>
  <c r="I7010" i="10"/>
  <c r="I7011" i="10"/>
  <c r="I7012" i="10"/>
  <c r="I7013" i="10"/>
  <c r="I7014" i="10"/>
  <c r="I7015" i="10"/>
  <c r="I7016" i="10"/>
  <c r="I7017" i="10"/>
  <c r="I7018" i="10"/>
  <c r="I7019" i="10"/>
  <c r="I7020" i="10"/>
  <c r="I7021" i="10"/>
  <c r="I7022" i="10"/>
  <c r="I7023" i="10"/>
  <c r="I7024" i="10"/>
  <c r="I7025" i="10"/>
  <c r="I7026" i="10"/>
  <c r="I7027" i="10"/>
  <c r="I7028" i="10"/>
  <c r="I7029" i="10"/>
  <c r="I7030" i="10"/>
  <c r="I7031" i="10"/>
  <c r="I7032" i="10"/>
  <c r="I7033" i="10"/>
  <c r="I7034" i="10"/>
  <c r="I7035" i="10"/>
  <c r="I7036" i="10"/>
  <c r="I7037" i="10"/>
  <c r="I7038" i="10"/>
  <c r="I7039" i="10"/>
  <c r="I7040" i="10"/>
  <c r="I7041" i="10"/>
  <c r="I7042" i="10"/>
  <c r="I7043" i="10"/>
  <c r="I7044" i="10"/>
  <c r="I7045" i="10"/>
  <c r="I7046" i="10"/>
  <c r="I7047" i="10"/>
  <c r="I7048" i="10"/>
  <c r="I7049" i="10"/>
  <c r="I7050" i="10"/>
  <c r="I7051" i="10"/>
  <c r="I7052" i="10"/>
  <c r="I7053" i="10"/>
  <c r="I7054" i="10"/>
  <c r="I7055" i="10"/>
  <c r="I7056" i="10"/>
  <c r="I7057" i="10"/>
  <c r="I7058" i="10"/>
  <c r="I7059" i="10"/>
  <c r="I7060" i="10"/>
  <c r="I7061" i="10"/>
  <c r="I7062" i="10"/>
  <c r="I7063" i="10"/>
  <c r="I7064" i="10"/>
  <c r="I7065" i="10"/>
  <c r="I7066" i="10"/>
  <c r="I7067" i="10"/>
  <c r="I7068" i="10"/>
  <c r="I7069" i="10"/>
  <c r="I7070" i="10"/>
  <c r="I7071" i="10"/>
  <c r="I7072" i="10"/>
  <c r="I7073" i="10"/>
  <c r="I7074" i="10"/>
  <c r="I7075" i="10"/>
  <c r="I7076" i="10"/>
  <c r="I7077" i="10"/>
  <c r="I7078" i="10"/>
  <c r="I7079" i="10"/>
  <c r="I7080" i="10"/>
  <c r="I7081" i="10"/>
  <c r="I7082" i="10"/>
  <c r="I7083" i="10"/>
  <c r="I7084" i="10"/>
  <c r="I7085" i="10"/>
  <c r="I7086" i="10"/>
  <c r="I7087" i="10"/>
  <c r="I7088" i="10"/>
  <c r="I7089" i="10"/>
  <c r="I7090" i="10"/>
  <c r="I7091" i="10"/>
  <c r="I7092" i="10"/>
  <c r="I7093" i="10"/>
  <c r="I7094" i="10"/>
  <c r="I7095" i="10"/>
  <c r="I7096" i="10"/>
  <c r="I7097" i="10"/>
  <c r="I7098" i="10"/>
  <c r="I7099" i="10"/>
  <c r="I7100" i="10"/>
  <c r="I7101" i="10"/>
  <c r="I7102" i="10"/>
  <c r="I7103" i="10"/>
  <c r="I7104" i="10"/>
  <c r="I7105" i="10"/>
  <c r="I7106" i="10"/>
  <c r="I7107" i="10"/>
  <c r="I7108" i="10"/>
  <c r="I7109" i="10"/>
  <c r="I7110" i="10"/>
  <c r="I7111" i="10"/>
  <c r="I7112" i="10"/>
  <c r="I7113" i="10"/>
  <c r="I7114" i="10"/>
  <c r="I7115" i="10"/>
  <c r="I7116" i="10"/>
  <c r="I7117" i="10"/>
  <c r="I7118" i="10"/>
  <c r="I7119" i="10"/>
  <c r="I7120" i="10"/>
  <c r="I7121" i="10"/>
  <c r="I7122" i="10"/>
  <c r="I7123" i="10"/>
  <c r="I7124" i="10"/>
  <c r="I7125" i="10"/>
  <c r="I7126" i="10"/>
  <c r="I7127" i="10"/>
  <c r="I7128" i="10"/>
  <c r="I7129" i="10"/>
  <c r="I7130" i="10"/>
  <c r="I7131" i="10"/>
  <c r="I7132" i="10"/>
  <c r="I7133" i="10"/>
  <c r="I7134" i="10"/>
  <c r="I7135" i="10"/>
  <c r="I7136" i="10"/>
  <c r="I7137" i="10"/>
  <c r="I7138" i="10"/>
  <c r="I7139" i="10"/>
  <c r="I7140" i="10"/>
  <c r="I7141" i="10"/>
  <c r="I7142" i="10"/>
  <c r="I7143" i="10"/>
  <c r="I7144" i="10"/>
  <c r="I7145" i="10"/>
  <c r="I7146" i="10"/>
  <c r="I7147" i="10"/>
  <c r="I7148" i="10"/>
  <c r="I7149" i="10"/>
  <c r="I7150" i="10"/>
  <c r="I7151" i="10"/>
  <c r="I7152" i="10"/>
  <c r="I7153" i="10"/>
  <c r="I7154" i="10"/>
  <c r="I7155" i="10"/>
  <c r="I7156" i="10"/>
  <c r="I7157" i="10"/>
  <c r="I7158" i="10"/>
  <c r="I7159" i="10"/>
  <c r="I7160" i="10"/>
  <c r="I7161" i="10"/>
  <c r="I7162" i="10"/>
  <c r="I7163" i="10"/>
  <c r="I7164" i="10"/>
  <c r="I7165" i="10"/>
  <c r="I7166" i="10"/>
  <c r="I7167" i="10"/>
  <c r="I7168" i="10"/>
  <c r="I7169" i="10"/>
  <c r="I7170" i="10"/>
  <c r="I7171" i="10"/>
  <c r="I7172" i="10"/>
  <c r="I7173" i="10"/>
  <c r="I7174" i="10"/>
  <c r="I7175" i="10"/>
  <c r="I7176" i="10"/>
  <c r="I7177" i="10"/>
  <c r="I7178" i="10"/>
  <c r="I7179" i="10"/>
  <c r="I7180" i="10"/>
  <c r="I7181" i="10"/>
  <c r="I7182" i="10"/>
  <c r="I7183" i="10"/>
  <c r="I7184" i="10"/>
  <c r="I7185" i="10"/>
  <c r="I7186" i="10"/>
  <c r="I7187" i="10"/>
  <c r="I7188" i="10"/>
  <c r="I7189" i="10"/>
  <c r="I7190" i="10"/>
  <c r="I7191" i="10"/>
  <c r="I7192" i="10"/>
  <c r="I7193" i="10"/>
  <c r="I7194" i="10"/>
  <c r="I7195" i="10"/>
  <c r="I7196" i="10"/>
  <c r="I7197" i="10"/>
  <c r="I7198" i="10"/>
  <c r="I7199" i="10"/>
  <c r="I7200" i="10"/>
  <c r="I7201" i="10"/>
  <c r="I7202" i="10"/>
  <c r="I7203" i="10"/>
  <c r="I7204" i="10"/>
  <c r="I7205" i="10"/>
  <c r="I7206" i="10"/>
  <c r="I7207" i="10"/>
  <c r="I7208" i="10"/>
  <c r="I7209" i="10"/>
  <c r="I7210" i="10"/>
  <c r="I7211" i="10"/>
  <c r="I7212" i="10"/>
  <c r="I7213" i="10"/>
  <c r="I7214" i="10"/>
  <c r="I7215" i="10"/>
  <c r="I7216" i="10"/>
  <c r="I7217" i="10"/>
  <c r="I7218" i="10"/>
  <c r="I7219" i="10"/>
  <c r="I7220" i="10"/>
  <c r="I7221" i="10"/>
  <c r="I7222" i="10"/>
  <c r="I7223" i="10"/>
  <c r="I7224" i="10"/>
  <c r="I7225" i="10"/>
  <c r="I7226" i="10"/>
  <c r="I7227" i="10"/>
  <c r="I7228" i="10"/>
  <c r="I7229" i="10"/>
  <c r="I7230" i="10"/>
  <c r="I7231" i="10"/>
  <c r="I7232" i="10"/>
  <c r="I7233" i="10"/>
  <c r="I7234" i="10"/>
  <c r="I7235" i="10"/>
  <c r="I7236" i="10"/>
  <c r="I7237" i="10"/>
  <c r="I7238" i="10"/>
  <c r="I7239" i="10"/>
  <c r="I7240" i="10"/>
  <c r="I7241" i="10"/>
  <c r="I7242" i="10"/>
  <c r="I7243" i="10"/>
  <c r="I7244" i="10"/>
  <c r="I7245" i="10"/>
  <c r="I7246" i="10"/>
  <c r="I7247" i="10"/>
  <c r="I7248" i="10"/>
  <c r="I7249" i="10"/>
  <c r="I7250" i="10"/>
  <c r="I7251" i="10"/>
  <c r="I7252" i="10"/>
  <c r="I7253" i="10"/>
  <c r="I7254" i="10"/>
  <c r="I7255" i="10"/>
  <c r="I7256" i="10"/>
  <c r="I7257" i="10"/>
  <c r="I7258" i="10"/>
  <c r="I7259" i="10"/>
  <c r="I7260" i="10"/>
  <c r="I7261" i="10"/>
  <c r="I7262" i="10"/>
  <c r="I7263" i="10"/>
  <c r="I7264" i="10"/>
  <c r="I7265" i="10"/>
  <c r="I7266" i="10"/>
  <c r="I7267" i="10"/>
  <c r="I7268" i="10"/>
  <c r="I7269" i="10"/>
  <c r="I7270" i="10"/>
  <c r="I7271" i="10"/>
  <c r="I7272" i="10"/>
  <c r="I7273" i="10"/>
  <c r="I7274" i="10"/>
  <c r="I7275" i="10"/>
  <c r="I7276" i="10"/>
  <c r="I7277" i="10"/>
  <c r="I7278" i="10"/>
  <c r="I7279" i="10"/>
  <c r="I7280" i="10"/>
  <c r="I7281" i="10"/>
  <c r="I7282" i="10"/>
  <c r="I7283" i="10"/>
  <c r="I7284" i="10"/>
  <c r="I7285" i="10"/>
  <c r="I7286" i="10"/>
  <c r="I7287" i="10"/>
  <c r="I7288" i="10"/>
  <c r="I7289" i="10"/>
  <c r="I7290" i="10"/>
  <c r="I7291" i="10"/>
  <c r="I7292" i="10"/>
  <c r="I7293" i="10"/>
  <c r="I7294" i="10"/>
  <c r="I7295" i="10"/>
  <c r="I7296" i="10"/>
  <c r="I7297" i="10"/>
  <c r="I7298" i="10"/>
  <c r="I7299" i="10"/>
  <c r="I7300" i="10"/>
  <c r="I7301" i="10"/>
  <c r="I7302" i="10"/>
  <c r="I7303" i="10"/>
  <c r="I7304" i="10"/>
  <c r="I7305" i="10"/>
  <c r="I7306" i="10"/>
  <c r="I7307" i="10"/>
  <c r="I7308" i="10"/>
  <c r="I7309" i="10"/>
  <c r="I7310" i="10"/>
  <c r="I7311" i="10"/>
  <c r="I7312" i="10"/>
  <c r="I7313" i="10"/>
  <c r="I7314" i="10"/>
  <c r="I7315" i="10"/>
  <c r="I7316" i="10"/>
  <c r="I7317" i="10"/>
  <c r="I7318" i="10"/>
  <c r="I7319" i="10"/>
  <c r="I7320" i="10"/>
  <c r="I7321" i="10"/>
  <c r="I7322" i="10"/>
  <c r="I7323" i="10"/>
  <c r="I7324" i="10"/>
  <c r="I7325" i="10"/>
  <c r="I7326" i="10"/>
  <c r="I7327" i="10"/>
  <c r="I7328" i="10"/>
  <c r="I7329" i="10"/>
  <c r="I7330" i="10"/>
  <c r="I7331" i="10"/>
  <c r="I7332" i="10"/>
  <c r="I7333" i="10"/>
  <c r="I7334" i="10"/>
  <c r="I7335" i="10"/>
  <c r="I7336" i="10"/>
  <c r="I7337" i="10"/>
  <c r="I7338" i="10"/>
  <c r="I7339" i="10"/>
  <c r="I7340" i="10"/>
  <c r="I7341" i="10"/>
  <c r="I7342" i="10"/>
  <c r="I7343" i="10"/>
  <c r="I7344" i="10"/>
  <c r="I7345" i="10"/>
  <c r="I7346" i="10"/>
  <c r="I7347" i="10"/>
  <c r="I7348" i="10"/>
  <c r="I7349" i="10"/>
  <c r="I7350" i="10"/>
  <c r="I7351" i="10"/>
  <c r="I7352" i="10"/>
  <c r="I7353" i="10"/>
  <c r="I7354" i="10"/>
  <c r="I7355" i="10"/>
  <c r="I7356" i="10"/>
  <c r="I7357" i="10"/>
  <c r="I7358" i="10"/>
  <c r="I7359" i="10"/>
  <c r="I7360" i="10"/>
  <c r="I7361" i="10"/>
  <c r="I7362" i="10"/>
  <c r="I7363" i="10"/>
  <c r="I7364" i="10"/>
  <c r="I7365" i="10"/>
  <c r="I7366" i="10"/>
  <c r="I7367" i="10"/>
  <c r="I7368" i="10"/>
  <c r="I7369" i="10"/>
  <c r="I7370" i="10"/>
  <c r="I7371" i="10"/>
  <c r="I7372" i="10"/>
  <c r="I7373" i="10"/>
  <c r="I7374" i="10"/>
  <c r="I7375" i="10"/>
  <c r="I7376" i="10"/>
  <c r="I7377" i="10"/>
  <c r="I7378" i="10"/>
  <c r="I7379" i="10"/>
  <c r="I7380" i="10"/>
  <c r="I7381" i="10"/>
  <c r="I7382" i="10"/>
  <c r="I7383" i="10"/>
  <c r="I7384" i="10"/>
  <c r="I7385" i="10"/>
  <c r="I7386" i="10"/>
  <c r="I7387" i="10"/>
  <c r="I7388" i="10"/>
  <c r="I7389" i="10"/>
  <c r="I7390" i="10"/>
  <c r="I7391" i="10"/>
  <c r="I7392" i="10"/>
  <c r="I7393" i="10"/>
  <c r="I7394" i="10"/>
  <c r="I7395" i="10"/>
  <c r="I7396" i="10"/>
  <c r="I7397" i="10"/>
  <c r="I7398" i="10"/>
  <c r="I7399" i="10"/>
  <c r="I7400" i="10"/>
  <c r="I7401" i="10"/>
  <c r="I7402" i="10"/>
  <c r="I7403" i="10"/>
  <c r="I7404" i="10"/>
  <c r="I7405" i="10"/>
  <c r="I7406" i="10"/>
  <c r="I7407" i="10"/>
  <c r="I7408" i="10"/>
  <c r="I7409" i="10"/>
  <c r="I7410" i="10"/>
  <c r="I7411" i="10"/>
  <c r="I7412" i="10"/>
  <c r="I7413" i="10"/>
  <c r="I7414" i="10"/>
  <c r="I7415" i="10"/>
  <c r="I7416" i="10"/>
  <c r="I7417" i="10"/>
  <c r="I7418" i="10"/>
  <c r="I7419" i="10"/>
  <c r="I7420" i="10"/>
  <c r="I7421" i="10"/>
  <c r="I7422" i="10"/>
  <c r="I7423" i="10"/>
  <c r="I7424" i="10"/>
  <c r="I7425" i="10"/>
  <c r="I7426" i="10"/>
  <c r="I7427" i="10"/>
  <c r="I7428" i="10"/>
  <c r="I7429" i="10"/>
  <c r="I7430" i="10"/>
  <c r="I7431" i="10"/>
  <c r="I7432" i="10"/>
  <c r="I7433" i="10"/>
  <c r="I7434" i="10"/>
  <c r="I7435" i="10"/>
  <c r="I7436" i="10"/>
  <c r="I7437" i="10"/>
  <c r="I7438" i="10"/>
  <c r="I7439" i="10"/>
  <c r="I7440" i="10"/>
  <c r="I7441" i="10"/>
  <c r="I7442" i="10"/>
  <c r="I7443" i="10"/>
  <c r="I7444" i="10"/>
  <c r="I7445" i="10"/>
  <c r="I7446" i="10"/>
  <c r="I7447" i="10"/>
  <c r="I7448" i="10"/>
  <c r="I7449" i="10"/>
  <c r="I7450" i="10"/>
  <c r="I7451" i="10"/>
  <c r="I7452" i="10"/>
  <c r="I7453" i="10"/>
  <c r="I7454" i="10"/>
  <c r="I7455" i="10"/>
  <c r="I7456" i="10"/>
  <c r="I7457" i="10"/>
  <c r="I7458" i="10"/>
  <c r="I7459" i="10"/>
  <c r="I7460" i="10"/>
  <c r="I7461" i="10"/>
  <c r="I7462" i="10"/>
  <c r="H15" i="10"/>
  <c r="H16" i="10"/>
  <c r="H17" i="10"/>
  <c r="H18" i="10"/>
  <c r="H19" i="10"/>
  <c r="H20" i="10"/>
  <c r="H21" i="10"/>
  <c r="H22" i="10"/>
  <c r="H23" i="10"/>
  <c r="H24" i="10"/>
  <c r="H25" i="10"/>
  <c r="H26" i="10"/>
  <c r="H27" i="10"/>
  <c r="H28" i="10"/>
  <c r="H29" i="10"/>
  <c r="H30" i="10"/>
  <c r="H31" i="10"/>
  <c r="H32" i="10"/>
  <c r="H33" i="10"/>
  <c r="H34" i="10"/>
  <c r="H35" i="10"/>
  <c r="H36" i="10"/>
  <c r="H37" i="10"/>
  <c r="H38" i="10"/>
  <c r="H39" i="10"/>
  <c r="H40" i="10"/>
  <c r="H41" i="10"/>
  <c r="H42" i="10"/>
  <c r="H43" i="10"/>
  <c r="H44" i="10"/>
  <c r="H45" i="10"/>
  <c r="H46" i="10"/>
  <c r="H47" i="10"/>
  <c r="H48" i="10"/>
  <c r="H49" i="10"/>
  <c r="H50" i="10"/>
  <c r="H51" i="10"/>
  <c r="H52" i="10"/>
  <c r="H53" i="10"/>
  <c r="H54" i="10"/>
  <c r="H55" i="10"/>
  <c r="H56" i="10"/>
  <c r="H57" i="10"/>
  <c r="H58" i="10"/>
  <c r="H59" i="10"/>
  <c r="H60" i="10"/>
  <c r="H61" i="10"/>
  <c r="H62" i="10"/>
  <c r="H63" i="10"/>
  <c r="H64" i="10"/>
  <c r="H65" i="10"/>
  <c r="H66" i="10"/>
  <c r="H67" i="10"/>
  <c r="H68" i="10"/>
  <c r="H69" i="10"/>
  <c r="H70" i="10"/>
  <c r="H71" i="10"/>
  <c r="H72" i="10"/>
  <c r="H73" i="10"/>
  <c r="H74" i="10"/>
  <c r="H75" i="10"/>
  <c r="H76" i="10"/>
  <c r="H77" i="10"/>
  <c r="H78" i="10"/>
  <c r="H79" i="10"/>
  <c r="H80" i="10"/>
  <c r="H81" i="10"/>
  <c r="H82" i="10"/>
  <c r="H83" i="10"/>
  <c r="H84" i="10"/>
  <c r="H85" i="10"/>
  <c r="H86" i="10"/>
  <c r="H87" i="10"/>
  <c r="H88" i="10"/>
  <c r="H89" i="10"/>
  <c r="H90" i="10"/>
  <c r="H91" i="10"/>
  <c r="H92" i="10"/>
  <c r="H93" i="10"/>
  <c r="H94" i="10"/>
  <c r="H95" i="10"/>
  <c r="H96" i="10"/>
  <c r="H97" i="10"/>
  <c r="H98" i="10"/>
  <c r="H99" i="10"/>
  <c r="H100" i="10"/>
  <c r="H101" i="10"/>
  <c r="H102" i="10"/>
  <c r="H103" i="10"/>
  <c r="H104" i="10"/>
  <c r="H105" i="10"/>
  <c r="H106" i="10"/>
  <c r="H107" i="10"/>
  <c r="H108" i="10"/>
  <c r="H109" i="10"/>
  <c r="H110" i="10"/>
  <c r="H111" i="10"/>
  <c r="H112" i="10"/>
  <c r="H113" i="10"/>
  <c r="H114" i="10"/>
  <c r="H115" i="10"/>
  <c r="H116" i="10"/>
  <c r="H117" i="10"/>
  <c r="H118" i="10"/>
  <c r="H119" i="10"/>
  <c r="H120" i="10"/>
  <c r="H121" i="10"/>
  <c r="H122" i="10"/>
  <c r="H123" i="10"/>
  <c r="H124" i="10"/>
  <c r="H125" i="10"/>
  <c r="H126" i="10"/>
  <c r="H127" i="10"/>
  <c r="H128" i="10"/>
  <c r="H129" i="10"/>
  <c r="H130" i="10"/>
  <c r="H131" i="10"/>
  <c r="H132" i="10"/>
  <c r="H133" i="10"/>
  <c r="H134" i="10"/>
  <c r="H135" i="10"/>
  <c r="H136" i="10"/>
  <c r="H137" i="10"/>
  <c r="H138" i="10"/>
  <c r="H139" i="10"/>
  <c r="H140" i="10"/>
  <c r="H141" i="10"/>
  <c r="H142" i="10"/>
  <c r="H143" i="10"/>
  <c r="H144" i="10"/>
  <c r="H145" i="10"/>
  <c r="H146" i="10"/>
  <c r="H147" i="10"/>
  <c r="H148" i="10"/>
  <c r="H149" i="10"/>
  <c r="H150" i="10"/>
  <c r="H151" i="10"/>
  <c r="H152" i="10"/>
  <c r="H153" i="10"/>
  <c r="H154" i="10"/>
  <c r="H155" i="10"/>
  <c r="H156" i="10"/>
  <c r="H157" i="10"/>
  <c r="H158" i="10"/>
  <c r="H159" i="10"/>
  <c r="H160" i="10"/>
  <c r="H161" i="10"/>
  <c r="H162" i="10"/>
  <c r="H163" i="10"/>
  <c r="H164" i="10"/>
  <c r="H165" i="10"/>
  <c r="H166" i="10"/>
  <c r="H167" i="10"/>
  <c r="H168" i="10"/>
  <c r="H169" i="10"/>
  <c r="H170" i="10"/>
  <c r="H171" i="10"/>
  <c r="H172" i="10"/>
  <c r="H173" i="10"/>
  <c r="H174" i="10"/>
  <c r="H175" i="10"/>
  <c r="H176" i="10"/>
  <c r="H177" i="10"/>
  <c r="H178" i="10"/>
  <c r="H179" i="10"/>
  <c r="H180" i="10"/>
  <c r="H181" i="10"/>
  <c r="H182" i="10"/>
  <c r="H183" i="10"/>
  <c r="H184" i="10"/>
  <c r="H185" i="10"/>
  <c r="H186" i="10"/>
  <c r="H187" i="10"/>
  <c r="H188" i="10"/>
  <c r="H189" i="10"/>
  <c r="H190" i="10"/>
  <c r="H191" i="10"/>
  <c r="H192" i="10"/>
  <c r="H193" i="10"/>
  <c r="H194" i="10"/>
  <c r="H195" i="10"/>
  <c r="H196" i="10"/>
  <c r="H197" i="10"/>
  <c r="H198" i="10"/>
  <c r="H199" i="10"/>
  <c r="H200" i="10"/>
  <c r="H201" i="10"/>
  <c r="H202" i="10"/>
  <c r="H203" i="10"/>
  <c r="H204" i="10"/>
  <c r="H205" i="10"/>
  <c r="H206" i="10"/>
  <c r="H207" i="10"/>
  <c r="H208" i="10"/>
  <c r="H209" i="10"/>
  <c r="H210" i="10"/>
  <c r="H211" i="10"/>
  <c r="H212" i="10"/>
  <c r="H213" i="10"/>
  <c r="H214" i="10"/>
  <c r="H215" i="10"/>
  <c r="H216" i="10"/>
  <c r="H217" i="10"/>
  <c r="H218" i="10"/>
  <c r="H219" i="10"/>
  <c r="H220" i="10"/>
  <c r="H221" i="10"/>
  <c r="H222" i="10"/>
  <c r="H223" i="10"/>
  <c r="H224" i="10"/>
  <c r="H225" i="10"/>
  <c r="H226" i="10"/>
  <c r="H227" i="10"/>
  <c r="H228" i="10"/>
  <c r="H229" i="10"/>
  <c r="H230" i="10"/>
  <c r="H231" i="10"/>
  <c r="H232" i="10"/>
  <c r="H233" i="10"/>
  <c r="H234" i="10"/>
  <c r="H235" i="10"/>
  <c r="H236" i="10"/>
  <c r="H237" i="10"/>
  <c r="H238" i="10"/>
  <c r="H239" i="10"/>
  <c r="H240" i="10"/>
  <c r="H241" i="10"/>
  <c r="H242" i="10"/>
  <c r="H243" i="10"/>
  <c r="H244" i="10"/>
  <c r="H245" i="10"/>
  <c r="H246" i="10"/>
  <c r="H247" i="10"/>
  <c r="H248" i="10"/>
  <c r="H249" i="10"/>
  <c r="H250" i="10"/>
  <c r="H251" i="10"/>
  <c r="H252" i="10"/>
  <c r="H253" i="10"/>
  <c r="H254" i="10"/>
  <c r="H255" i="10"/>
  <c r="H256" i="10"/>
  <c r="H257" i="10"/>
  <c r="H258" i="10"/>
  <c r="H259" i="10"/>
  <c r="H260" i="10"/>
  <c r="H261" i="10"/>
  <c r="H262" i="10"/>
  <c r="H263" i="10"/>
  <c r="H264" i="10"/>
  <c r="H265" i="10"/>
  <c r="H266" i="10"/>
  <c r="H267" i="10"/>
  <c r="H268" i="10"/>
  <c r="H269" i="10"/>
  <c r="H270" i="10"/>
  <c r="H271" i="10"/>
  <c r="H272" i="10"/>
  <c r="H273" i="10"/>
  <c r="H274" i="10"/>
  <c r="H275" i="10"/>
  <c r="H276" i="10"/>
  <c r="H277" i="10"/>
  <c r="H278" i="10"/>
  <c r="H279" i="10"/>
  <c r="H280" i="10"/>
  <c r="H281" i="10"/>
  <c r="H282" i="10"/>
  <c r="H283" i="10"/>
  <c r="H284" i="10"/>
  <c r="H285" i="10"/>
  <c r="H286" i="10"/>
  <c r="H287" i="10"/>
  <c r="H288" i="10"/>
  <c r="H289" i="10"/>
  <c r="H290" i="10"/>
  <c r="H291" i="10"/>
  <c r="H292" i="10"/>
  <c r="H293" i="10"/>
  <c r="H294" i="10"/>
  <c r="H295" i="10"/>
  <c r="H296" i="10"/>
  <c r="H297" i="10"/>
  <c r="H298" i="10"/>
  <c r="H299" i="10"/>
  <c r="H300" i="10"/>
  <c r="H301" i="10"/>
  <c r="H302" i="10"/>
  <c r="H303" i="10"/>
  <c r="H304" i="10"/>
  <c r="H305" i="10"/>
  <c r="H306" i="10"/>
  <c r="H307" i="10"/>
  <c r="H308" i="10"/>
  <c r="H309" i="10"/>
  <c r="H310" i="10"/>
  <c r="H311" i="10"/>
  <c r="H312" i="10"/>
  <c r="H313" i="10"/>
  <c r="H314" i="10"/>
  <c r="H315" i="10"/>
  <c r="H316" i="10"/>
  <c r="H317" i="10"/>
  <c r="H318" i="10"/>
  <c r="H319" i="10"/>
  <c r="H320" i="10"/>
  <c r="H321" i="10"/>
  <c r="H322" i="10"/>
  <c r="H323" i="10"/>
  <c r="H324" i="10"/>
  <c r="H325" i="10"/>
  <c r="H326" i="10"/>
  <c r="H327" i="10"/>
  <c r="H328" i="10"/>
  <c r="H329" i="10"/>
  <c r="H330" i="10"/>
  <c r="H331" i="10"/>
  <c r="H332" i="10"/>
  <c r="H333" i="10"/>
  <c r="H334" i="10"/>
  <c r="H335" i="10"/>
  <c r="H336" i="10"/>
  <c r="H337" i="10"/>
  <c r="H338" i="10"/>
  <c r="H339" i="10"/>
  <c r="H340" i="10"/>
  <c r="H341" i="10"/>
  <c r="H342" i="10"/>
  <c r="H343" i="10"/>
  <c r="H344" i="10"/>
  <c r="H345" i="10"/>
  <c r="H346" i="10"/>
  <c r="H347" i="10"/>
  <c r="H348" i="10"/>
  <c r="H349" i="10"/>
  <c r="H350" i="10"/>
  <c r="H351" i="10"/>
  <c r="H352" i="10"/>
  <c r="H353" i="10"/>
  <c r="H354" i="10"/>
  <c r="H355" i="10"/>
  <c r="H356" i="10"/>
  <c r="H357" i="10"/>
  <c r="H358" i="10"/>
  <c r="H359" i="10"/>
  <c r="H360" i="10"/>
  <c r="H361" i="10"/>
  <c r="H362" i="10"/>
  <c r="H363" i="10"/>
  <c r="H364" i="10"/>
  <c r="H365" i="10"/>
  <c r="H366" i="10"/>
  <c r="H367" i="10"/>
  <c r="H368" i="10"/>
  <c r="H369" i="10"/>
  <c r="H370" i="10"/>
  <c r="H371" i="10"/>
  <c r="H372" i="10"/>
  <c r="H373" i="10"/>
  <c r="H374" i="10"/>
  <c r="H375" i="10"/>
  <c r="H376" i="10"/>
  <c r="H377" i="10"/>
  <c r="H378" i="10"/>
  <c r="H379" i="10"/>
  <c r="H380" i="10"/>
  <c r="H381" i="10"/>
  <c r="H382" i="10"/>
  <c r="H383" i="10"/>
  <c r="H384" i="10"/>
  <c r="H385" i="10"/>
  <c r="H386" i="10"/>
  <c r="H387" i="10"/>
  <c r="H388" i="10"/>
  <c r="H389" i="10"/>
  <c r="H390" i="10"/>
  <c r="H391" i="10"/>
  <c r="H392" i="10"/>
  <c r="H393" i="10"/>
  <c r="H394" i="10"/>
  <c r="H395" i="10"/>
  <c r="H396" i="10"/>
  <c r="H397" i="10"/>
  <c r="H398" i="10"/>
  <c r="H399" i="10"/>
  <c r="H400" i="10"/>
  <c r="H401" i="10"/>
  <c r="H402" i="10"/>
  <c r="H403" i="10"/>
  <c r="H404" i="10"/>
  <c r="H405" i="10"/>
  <c r="H406" i="10"/>
  <c r="H407" i="10"/>
  <c r="H408" i="10"/>
  <c r="H409" i="10"/>
  <c r="H410" i="10"/>
  <c r="H411" i="10"/>
  <c r="H412" i="10"/>
  <c r="H413" i="10"/>
  <c r="H414" i="10"/>
  <c r="H415" i="10"/>
  <c r="H416" i="10"/>
  <c r="H417" i="10"/>
  <c r="H418" i="10"/>
  <c r="H419" i="10"/>
  <c r="H420" i="10"/>
  <c r="H421" i="10"/>
  <c r="H422" i="10"/>
  <c r="H423" i="10"/>
  <c r="H424" i="10"/>
  <c r="H425" i="10"/>
  <c r="H426" i="10"/>
  <c r="H427" i="10"/>
  <c r="H428" i="10"/>
  <c r="H429" i="10"/>
  <c r="H430" i="10"/>
  <c r="H431" i="10"/>
  <c r="H432" i="10"/>
  <c r="H433" i="10"/>
  <c r="H434" i="10"/>
  <c r="H435" i="10"/>
  <c r="H436" i="10"/>
  <c r="H437" i="10"/>
  <c r="H438" i="10"/>
  <c r="H439" i="10"/>
  <c r="H440" i="10"/>
  <c r="H441" i="10"/>
  <c r="H442" i="10"/>
  <c r="H443" i="10"/>
  <c r="H444" i="10"/>
  <c r="H445" i="10"/>
  <c r="H446" i="10"/>
  <c r="H447" i="10"/>
  <c r="H448" i="10"/>
  <c r="H449" i="10"/>
  <c r="H450" i="10"/>
  <c r="H451" i="10"/>
  <c r="H452" i="10"/>
  <c r="H453" i="10"/>
  <c r="H454" i="10"/>
  <c r="H455" i="10"/>
  <c r="H456" i="10"/>
  <c r="H457" i="10"/>
  <c r="H458" i="10"/>
  <c r="H459" i="10"/>
  <c r="H460" i="10"/>
  <c r="H461" i="10"/>
  <c r="H462" i="10"/>
  <c r="H463" i="10"/>
  <c r="H464" i="10"/>
  <c r="H465" i="10"/>
  <c r="H466" i="10"/>
  <c r="H467" i="10"/>
  <c r="H468" i="10"/>
  <c r="H469" i="10"/>
  <c r="H470" i="10"/>
  <c r="H471" i="10"/>
  <c r="H472" i="10"/>
  <c r="H473" i="10"/>
  <c r="H474" i="10"/>
  <c r="H475" i="10"/>
  <c r="H476" i="10"/>
  <c r="H477" i="10"/>
  <c r="H478" i="10"/>
  <c r="H479" i="10"/>
  <c r="H480" i="10"/>
  <c r="H481" i="10"/>
  <c r="H482" i="10"/>
  <c r="H483" i="10"/>
  <c r="H484" i="10"/>
  <c r="H485" i="10"/>
  <c r="H486" i="10"/>
  <c r="H487" i="10"/>
  <c r="H488" i="10"/>
  <c r="H489" i="10"/>
  <c r="H490" i="10"/>
  <c r="H491" i="10"/>
  <c r="H492" i="10"/>
  <c r="H493" i="10"/>
  <c r="H494" i="10"/>
  <c r="H495" i="10"/>
  <c r="H496" i="10"/>
  <c r="H497" i="10"/>
  <c r="H498" i="10"/>
  <c r="H499" i="10"/>
  <c r="H500" i="10"/>
  <c r="H501" i="10"/>
  <c r="H502" i="10"/>
  <c r="H503" i="10"/>
  <c r="H504" i="10"/>
  <c r="H505" i="10"/>
  <c r="H506" i="10"/>
  <c r="H507" i="10"/>
  <c r="H508" i="10"/>
  <c r="H509" i="10"/>
  <c r="H510" i="10"/>
  <c r="H511" i="10"/>
  <c r="H512" i="10"/>
  <c r="H513" i="10"/>
  <c r="H514" i="10"/>
  <c r="H515" i="10"/>
  <c r="H516" i="10"/>
  <c r="H517" i="10"/>
  <c r="H518" i="10"/>
  <c r="H519" i="10"/>
  <c r="H520" i="10"/>
  <c r="H521" i="10"/>
  <c r="H522" i="10"/>
  <c r="H523" i="10"/>
  <c r="H524" i="10"/>
  <c r="H525" i="10"/>
  <c r="H526" i="10"/>
  <c r="H527" i="10"/>
  <c r="H528" i="10"/>
  <c r="H529" i="10"/>
  <c r="H530" i="10"/>
  <c r="H531" i="10"/>
  <c r="H532" i="10"/>
  <c r="H533" i="10"/>
  <c r="H534" i="10"/>
  <c r="H535" i="10"/>
  <c r="H536" i="10"/>
  <c r="H537" i="10"/>
  <c r="H538" i="10"/>
  <c r="H539" i="10"/>
  <c r="H540" i="10"/>
  <c r="H541" i="10"/>
  <c r="H542" i="10"/>
  <c r="H543" i="10"/>
  <c r="H544" i="10"/>
  <c r="H545" i="10"/>
  <c r="H546" i="10"/>
  <c r="H547" i="10"/>
  <c r="H548" i="10"/>
  <c r="H549" i="10"/>
  <c r="H550" i="10"/>
  <c r="H551" i="10"/>
  <c r="H552" i="10"/>
  <c r="H553" i="10"/>
  <c r="H554" i="10"/>
  <c r="H555" i="10"/>
  <c r="H556" i="10"/>
  <c r="H557" i="10"/>
  <c r="H558" i="10"/>
  <c r="H559" i="10"/>
  <c r="H560" i="10"/>
  <c r="H561" i="10"/>
  <c r="H562" i="10"/>
  <c r="H563" i="10"/>
  <c r="H564" i="10"/>
  <c r="H565" i="10"/>
  <c r="H566" i="10"/>
  <c r="H567" i="10"/>
  <c r="H568" i="10"/>
  <c r="H569" i="10"/>
  <c r="H570" i="10"/>
  <c r="H571" i="10"/>
  <c r="H572" i="10"/>
  <c r="H573" i="10"/>
  <c r="H574" i="10"/>
  <c r="H575" i="10"/>
  <c r="H576" i="10"/>
  <c r="H577" i="10"/>
  <c r="H578" i="10"/>
  <c r="H579" i="10"/>
  <c r="H580" i="10"/>
  <c r="H581" i="10"/>
  <c r="H582" i="10"/>
  <c r="H583" i="10"/>
  <c r="H584" i="10"/>
  <c r="H585" i="10"/>
  <c r="H586" i="10"/>
  <c r="H587" i="10"/>
  <c r="H588" i="10"/>
  <c r="H589" i="10"/>
  <c r="H590" i="10"/>
  <c r="H591" i="10"/>
  <c r="H592" i="10"/>
  <c r="H593" i="10"/>
  <c r="H594" i="10"/>
  <c r="H595" i="10"/>
  <c r="H596" i="10"/>
  <c r="H597" i="10"/>
  <c r="H598" i="10"/>
  <c r="H599" i="10"/>
  <c r="H600" i="10"/>
  <c r="H601" i="10"/>
  <c r="H602" i="10"/>
  <c r="H603" i="10"/>
  <c r="H604" i="10"/>
  <c r="H605" i="10"/>
  <c r="H606" i="10"/>
  <c r="H607" i="10"/>
  <c r="H608" i="10"/>
  <c r="H609" i="10"/>
  <c r="H610" i="10"/>
  <c r="H611" i="10"/>
  <c r="H612" i="10"/>
  <c r="H613" i="10"/>
  <c r="H614" i="10"/>
  <c r="H615" i="10"/>
  <c r="H616" i="10"/>
  <c r="H617" i="10"/>
  <c r="H618" i="10"/>
  <c r="H619" i="10"/>
  <c r="H620" i="10"/>
  <c r="H621" i="10"/>
  <c r="H622" i="10"/>
  <c r="H623" i="10"/>
  <c r="H624" i="10"/>
  <c r="H625" i="10"/>
  <c r="H626" i="10"/>
  <c r="H627" i="10"/>
  <c r="H628" i="10"/>
  <c r="H629" i="10"/>
  <c r="H630" i="10"/>
  <c r="H631" i="10"/>
  <c r="H632" i="10"/>
  <c r="H633" i="10"/>
  <c r="H634" i="10"/>
  <c r="H635" i="10"/>
  <c r="H636" i="10"/>
  <c r="H637" i="10"/>
  <c r="H638" i="10"/>
  <c r="H639" i="10"/>
  <c r="H640" i="10"/>
  <c r="H641" i="10"/>
  <c r="H642" i="10"/>
  <c r="H643" i="10"/>
  <c r="H644" i="10"/>
  <c r="H645" i="10"/>
  <c r="H646" i="10"/>
  <c r="H647" i="10"/>
  <c r="H648" i="10"/>
  <c r="H649" i="10"/>
  <c r="H650" i="10"/>
  <c r="H651" i="10"/>
  <c r="H652" i="10"/>
  <c r="H653" i="10"/>
  <c r="H654" i="10"/>
  <c r="H655" i="10"/>
  <c r="H656" i="10"/>
  <c r="H657" i="10"/>
  <c r="H658" i="10"/>
  <c r="H659" i="10"/>
  <c r="H660" i="10"/>
  <c r="H661" i="10"/>
  <c r="H662" i="10"/>
  <c r="H663" i="10"/>
  <c r="H664" i="10"/>
  <c r="H665" i="10"/>
  <c r="H666" i="10"/>
  <c r="H667" i="10"/>
  <c r="H668" i="10"/>
  <c r="H669" i="10"/>
  <c r="H670" i="10"/>
  <c r="H671" i="10"/>
  <c r="H672" i="10"/>
  <c r="H673" i="10"/>
  <c r="H674" i="10"/>
  <c r="H675" i="10"/>
  <c r="H676" i="10"/>
  <c r="H677" i="10"/>
  <c r="H678" i="10"/>
  <c r="H679" i="10"/>
  <c r="H680" i="10"/>
  <c r="H681" i="10"/>
  <c r="H682" i="10"/>
  <c r="H683" i="10"/>
  <c r="H684" i="10"/>
  <c r="H685" i="10"/>
  <c r="H686" i="10"/>
  <c r="H687" i="10"/>
  <c r="H688" i="10"/>
  <c r="H689" i="10"/>
  <c r="H690" i="10"/>
  <c r="H691" i="10"/>
  <c r="H692" i="10"/>
  <c r="H693" i="10"/>
  <c r="H694" i="10"/>
  <c r="H695" i="10"/>
  <c r="H696" i="10"/>
  <c r="H697" i="10"/>
  <c r="H698" i="10"/>
  <c r="H699" i="10"/>
  <c r="H700" i="10"/>
  <c r="H701" i="10"/>
  <c r="H702" i="10"/>
  <c r="H703" i="10"/>
  <c r="H704" i="10"/>
  <c r="H705" i="10"/>
  <c r="H706" i="10"/>
  <c r="H707" i="10"/>
  <c r="H708" i="10"/>
  <c r="H709" i="10"/>
  <c r="H710" i="10"/>
  <c r="H711" i="10"/>
  <c r="H712" i="10"/>
  <c r="H713" i="10"/>
  <c r="H714" i="10"/>
  <c r="H715" i="10"/>
  <c r="H716" i="10"/>
  <c r="H717" i="10"/>
  <c r="H718" i="10"/>
  <c r="H719" i="10"/>
  <c r="H720" i="10"/>
  <c r="H721" i="10"/>
  <c r="H722" i="10"/>
  <c r="H723" i="10"/>
  <c r="H724" i="10"/>
  <c r="H725" i="10"/>
  <c r="H726" i="10"/>
  <c r="H727" i="10"/>
  <c r="H728" i="10"/>
  <c r="H729" i="10"/>
  <c r="H730" i="10"/>
  <c r="H731" i="10"/>
  <c r="H732" i="10"/>
  <c r="H733" i="10"/>
  <c r="H734" i="10"/>
  <c r="H735" i="10"/>
  <c r="H736" i="10"/>
  <c r="H737" i="10"/>
  <c r="H738" i="10"/>
  <c r="H739" i="10"/>
  <c r="H740" i="10"/>
  <c r="H741" i="10"/>
  <c r="H742" i="10"/>
  <c r="H743" i="10"/>
  <c r="H744" i="10"/>
  <c r="H745" i="10"/>
  <c r="H746" i="10"/>
  <c r="H747" i="10"/>
  <c r="H748" i="10"/>
  <c r="H749" i="10"/>
  <c r="H750" i="10"/>
  <c r="H751" i="10"/>
  <c r="H752" i="10"/>
  <c r="H753" i="10"/>
  <c r="H754" i="10"/>
  <c r="H755" i="10"/>
  <c r="H756" i="10"/>
  <c r="H757" i="10"/>
  <c r="H758" i="10"/>
  <c r="H759" i="10"/>
  <c r="H760" i="10"/>
  <c r="H761" i="10"/>
  <c r="H762" i="10"/>
  <c r="H763" i="10"/>
  <c r="H764" i="10"/>
  <c r="H765" i="10"/>
  <c r="H766" i="10"/>
  <c r="H767" i="10"/>
  <c r="H768" i="10"/>
  <c r="H769" i="10"/>
  <c r="H770" i="10"/>
  <c r="H771" i="10"/>
  <c r="H772" i="10"/>
  <c r="H773" i="10"/>
  <c r="H774" i="10"/>
  <c r="H775" i="10"/>
  <c r="H776" i="10"/>
  <c r="H777" i="10"/>
  <c r="H778" i="10"/>
  <c r="H779" i="10"/>
  <c r="H780" i="10"/>
  <c r="H781" i="10"/>
  <c r="H782" i="10"/>
  <c r="H783" i="10"/>
  <c r="H784" i="10"/>
  <c r="H785" i="10"/>
  <c r="H786" i="10"/>
  <c r="H787" i="10"/>
  <c r="H788" i="10"/>
  <c r="H789" i="10"/>
  <c r="H790" i="10"/>
  <c r="H791" i="10"/>
  <c r="H792" i="10"/>
  <c r="H793" i="10"/>
  <c r="H794" i="10"/>
  <c r="H795" i="10"/>
  <c r="H796" i="10"/>
  <c r="H797" i="10"/>
  <c r="H798" i="10"/>
  <c r="H799" i="10"/>
  <c r="H800" i="10"/>
  <c r="H801" i="10"/>
  <c r="H802" i="10"/>
  <c r="H803" i="10"/>
  <c r="H804" i="10"/>
  <c r="H805" i="10"/>
  <c r="H806" i="10"/>
  <c r="H807" i="10"/>
  <c r="H808" i="10"/>
  <c r="H809" i="10"/>
  <c r="H810" i="10"/>
  <c r="H811" i="10"/>
  <c r="H812" i="10"/>
  <c r="H813" i="10"/>
  <c r="H814" i="10"/>
  <c r="H815" i="10"/>
  <c r="H816" i="10"/>
  <c r="H817" i="10"/>
  <c r="H818" i="10"/>
  <c r="H819" i="10"/>
  <c r="H820" i="10"/>
  <c r="H821" i="10"/>
  <c r="H822" i="10"/>
  <c r="H823" i="10"/>
  <c r="H824" i="10"/>
  <c r="H825" i="10"/>
  <c r="H826" i="10"/>
  <c r="H827" i="10"/>
  <c r="H828" i="10"/>
  <c r="H829" i="10"/>
  <c r="H830" i="10"/>
  <c r="H831" i="10"/>
  <c r="H832" i="10"/>
  <c r="H833" i="10"/>
  <c r="H834" i="10"/>
  <c r="H835" i="10"/>
  <c r="H836" i="10"/>
  <c r="H837" i="10"/>
  <c r="H838" i="10"/>
  <c r="H839" i="10"/>
  <c r="H840" i="10"/>
  <c r="H841" i="10"/>
  <c r="H842" i="10"/>
  <c r="H843" i="10"/>
  <c r="H844" i="10"/>
  <c r="H845" i="10"/>
  <c r="H846" i="10"/>
  <c r="H847" i="10"/>
  <c r="H848" i="10"/>
  <c r="H849" i="10"/>
  <c r="H850" i="10"/>
  <c r="H851" i="10"/>
  <c r="H852" i="10"/>
  <c r="H853" i="10"/>
  <c r="H854" i="10"/>
  <c r="H855" i="10"/>
  <c r="H856" i="10"/>
  <c r="H857" i="10"/>
  <c r="H858" i="10"/>
  <c r="H859" i="10"/>
  <c r="H860" i="10"/>
  <c r="H861" i="10"/>
  <c r="H862" i="10"/>
  <c r="H863" i="10"/>
  <c r="H864" i="10"/>
  <c r="H865" i="10"/>
  <c r="H866" i="10"/>
  <c r="H867" i="10"/>
  <c r="H868" i="10"/>
  <c r="H869" i="10"/>
  <c r="H870" i="10"/>
  <c r="H871" i="10"/>
  <c r="H872" i="10"/>
  <c r="H873" i="10"/>
  <c r="H874" i="10"/>
  <c r="H875" i="10"/>
  <c r="H876" i="10"/>
  <c r="H877" i="10"/>
  <c r="H878" i="10"/>
  <c r="H879" i="10"/>
  <c r="H880" i="10"/>
  <c r="H881" i="10"/>
  <c r="H882" i="10"/>
  <c r="H883" i="10"/>
  <c r="H884" i="10"/>
  <c r="H885" i="10"/>
  <c r="H886" i="10"/>
  <c r="H887" i="10"/>
  <c r="H888" i="10"/>
  <c r="H889" i="10"/>
  <c r="H890" i="10"/>
  <c r="H891" i="10"/>
  <c r="H892" i="10"/>
  <c r="H893" i="10"/>
  <c r="H894" i="10"/>
  <c r="H895" i="10"/>
  <c r="H896" i="10"/>
  <c r="H897" i="10"/>
  <c r="H898" i="10"/>
  <c r="H899" i="10"/>
  <c r="H900" i="10"/>
  <c r="H901" i="10"/>
  <c r="H902" i="10"/>
  <c r="H903" i="10"/>
  <c r="H904" i="10"/>
  <c r="H905" i="10"/>
  <c r="H906" i="10"/>
  <c r="H907" i="10"/>
  <c r="H908" i="10"/>
  <c r="H909" i="10"/>
  <c r="H910" i="10"/>
  <c r="H911" i="10"/>
  <c r="H912" i="10"/>
  <c r="H913" i="10"/>
  <c r="H914" i="10"/>
  <c r="H915" i="10"/>
  <c r="H916" i="10"/>
  <c r="H917" i="10"/>
  <c r="H918" i="10"/>
  <c r="H919" i="10"/>
  <c r="H920" i="10"/>
  <c r="H921" i="10"/>
  <c r="H922" i="10"/>
  <c r="H923" i="10"/>
  <c r="H924" i="10"/>
  <c r="H925" i="10"/>
  <c r="H926" i="10"/>
  <c r="H927" i="10"/>
  <c r="H928" i="10"/>
  <c r="H929" i="10"/>
  <c r="H930" i="10"/>
  <c r="H931" i="10"/>
  <c r="H932" i="10"/>
  <c r="H933" i="10"/>
  <c r="H934" i="10"/>
  <c r="H935" i="10"/>
  <c r="H936" i="10"/>
  <c r="H937" i="10"/>
  <c r="H938" i="10"/>
  <c r="H939" i="10"/>
  <c r="H940" i="10"/>
  <c r="H941" i="10"/>
  <c r="H942" i="10"/>
  <c r="H943" i="10"/>
  <c r="H944" i="10"/>
  <c r="H945" i="10"/>
  <c r="H946" i="10"/>
  <c r="H947" i="10"/>
  <c r="H948" i="10"/>
  <c r="H949" i="10"/>
  <c r="H950" i="10"/>
  <c r="H951" i="10"/>
  <c r="H952" i="10"/>
  <c r="H953" i="10"/>
  <c r="H954" i="10"/>
  <c r="H955" i="10"/>
  <c r="H956" i="10"/>
  <c r="H957" i="10"/>
  <c r="H958" i="10"/>
  <c r="H959" i="10"/>
  <c r="H960" i="10"/>
  <c r="H961" i="10"/>
  <c r="H962" i="10"/>
  <c r="H963" i="10"/>
  <c r="H964" i="10"/>
  <c r="H965" i="10"/>
  <c r="H966" i="10"/>
  <c r="H967" i="10"/>
  <c r="H968" i="10"/>
  <c r="H969" i="10"/>
  <c r="H970" i="10"/>
  <c r="H971" i="10"/>
  <c r="H972" i="10"/>
  <c r="H973" i="10"/>
  <c r="H974" i="10"/>
  <c r="H975" i="10"/>
  <c r="H976" i="10"/>
  <c r="H977" i="10"/>
  <c r="H978" i="10"/>
  <c r="H979" i="10"/>
  <c r="H980" i="10"/>
  <c r="H981" i="10"/>
  <c r="H982" i="10"/>
  <c r="H983" i="10"/>
  <c r="H984" i="10"/>
  <c r="H985" i="10"/>
  <c r="H986" i="10"/>
  <c r="H987" i="10"/>
  <c r="H988" i="10"/>
  <c r="H989" i="10"/>
  <c r="H990" i="10"/>
  <c r="H991" i="10"/>
  <c r="H992" i="10"/>
  <c r="H993" i="10"/>
  <c r="H994" i="10"/>
  <c r="H995" i="10"/>
  <c r="H996" i="10"/>
  <c r="H997" i="10"/>
  <c r="H998" i="10"/>
  <c r="H999" i="10"/>
  <c r="H1000" i="10"/>
  <c r="H1001" i="10"/>
  <c r="H1002" i="10"/>
  <c r="H1003" i="10"/>
  <c r="H1004" i="10"/>
  <c r="H1005" i="10"/>
  <c r="H1006" i="10"/>
  <c r="H1007" i="10"/>
  <c r="H1008" i="10"/>
  <c r="H1009" i="10"/>
  <c r="H1010" i="10"/>
  <c r="H1011" i="10"/>
  <c r="H1012" i="10"/>
  <c r="H1013" i="10"/>
  <c r="H1014" i="10"/>
  <c r="H1015" i="10"/>
  <c r="H1016" i="10"/>
  <c r="H1017" i="10"/>
  <c r="H1018" i="10"/>
  <c r="H1019" i="10"/>
  <c r="H1020" i="10"/>
  <c r="H1021" i="10"/>
  <c r="H1022" i="10"/>
  <c r="H1023" i="10"/>
  <c r="H1024" i="10"/>
  <c r="H1025" i="10"/>
  <c r="H1026" i="10"/>
  <c r="H1027" i="10"/>
  <c r="H1028" i="10"/>
  <c r="H1029" i="10"/>
  <c r="H1030" i="10"/>
  <c r="H1031" i="10"/>
  <c r="H1032" i="10"/>
  <c r="H1033" i="10"/>
  <c r="H1034" i="10"/>
  <c r="H1035" i="10"/>
  <c r="H1036" i="10"/>
  <c r="H1037" i="10"/>
  <c r="H1038" i="10"/>
  <c r="H1039" i="10"/>
  <c r="H1040" i="10"/>
  <c r="H1041" i="10"/>
  <c r="H1042" i="10"/>
  <c r="H1043" i="10"/>
  <c r="H1044" i="10"/>
  <c r="H1045" i="10"/>
  <c r="H1046" i="10"/>
  <c r="H1047" i="10"/>
  <c r="H1048" i="10"/>
  <c r="H1049" i="10"/>
  <c r="H1050" i="10"/>
  <c r="H1051" i="10"/>
  <c r="H1052" i="10"/>
  <c r="H1053" i="10"/>
  <c r="H1054" i="10"/>
  <c r="H1055" i="10"/>
  <c r="H1056" i="10"/>
  <c r="H1057" i="10"/>
  <c r="H1058" i="10"/>
  <c r="H1059" i="10"/>
  <c r="H1060" i="10"/>
  <c r="H1061" i="10"/>
  <c r="H1062" i="10"/>
  <c r="H1063" i="10"/>
  <c r="H1064" i="10"/>
  <c r="H1065" i="10"/>
  <c r="H1066" i="10"/>
  <c r="H1067" i="10"/>
  <c r="H1068" i="10"/>
  <c r="H1069" i="10"/>
  <c r="H1070" i="10"/>
  <c r="H1071" i="10"/>
  <c r="H1072" i="10"/>
  <c r="H1073" i="10"/>
  <c r="H1074" i="10"/>
  <c r="H1075" i="10"/>
  <c r="H1076" i="10"/>
  <c r="H1077" i="10"/>
  <c r="H1078" i="10"/>
  <c r="H1079" i="10"/>
  <c r="H1080" i="10"/>
  <c r="H1081" i="10"/>
  <c r="H1082" i="10"/>
  <c r="H1083" i="10"/>
  <c r="H1084" i="10"/>
  <c r="H1085" i="10"/>
  <c r="H1086" i="10"/>
  <c r="H1087" i="10"/>
  <c r="H1088" i="10"/>
  <c r="H1089" i="10"/>
  <c r="H1090" i="10"/>
  <c r="H1091" i="10"/>
  <c r="H1092" i="10"/>
  <c r="H1093" i="10"/>
  <c r="H1094" i="10"/>
  <c r="H1095" i="10"/>
  <c r="H1096" i="10"/>
  <c r="H1097" i="10"/>
  <c r="H1098" i="10"/>
  <c r="H1099" i="10"/>
  <c r="H1100" i="10"/>
  <c r="H1101" i="10"/>
  <c r="H1102" i="10"/>
  <c r="H1103" i="10"/>
  <c r="H1104" i="10"/>
  <c r="H1105" i="10"/>
  <c r="H1106" i="10"/>
  <c r="H1107" i="10"/>
  <c r="H1108" i="10"/>
  <c r="H1109" i="10"/>
  <c r="H1110" i="10"/>
  <c r="H1111" i="10"/>
  <c r="H1112" i="10"/>
  <c r="H1113" i="10"/>
  <c r="H1114" i="10"/>
  <c r="H1115" i="10"/>
  <c r="H1116" i="10"/>
  <c r="H1117" i="10"/>
  <c r="H1118" i="10"/>
  <c r="H1119" i="10"/>
  <c r="H1120" i="10"/>
  <c r="H1121" i="10"/>
  <c r="H1122" i="10"/>
  <c r="H1123" i="10"/>
  <c r="H1124" i="10"/>
  <c r="H1125" i="10"/>
  <c r="H1126" i="10"/>
  <c r="H1127" i="10"/>
  <c r="H1128" i="10"/>
  <c r="H1129" i="10"/>
  <c r="H1130" i="10"/>
  <c r="H1131" i="10"/>
  <c r="H1132" i="10"/>
  <c r="H1133" i="10"/>
  <c r="H1134" i="10"/>
  <c r="H1135" i="10"/>
  <c r="H1136" i="10"/>
  <c r="H1137" i="10"/>
  <c r="H1138" i="10"/>
  <c r="H1139" i="10"/>
  <c r="H1140" i="10"/>
  <c r="H1141" i="10"/>
  <c r="H1142" i="10"/>
  <c r="H1143" i="10"/>
  <c r="H1144" i="10"/>
  <c r="H1145" i="10"/>
  <c r="H1146" i="10"/>
  <c r="H1147" i="10"/>
  <c r="H1148" i="10"/>
  <c r="H1149" i="10"/>
  <c r="H1150" i="10"/>
  <c r="H1151" i="10"/>
  <c r="H1152" i="10"/>
  <c r="H1153" i="10"/>
  <c r="H1154" i="10"/>
  <c r="H1155" i="10"/>
  <c r="H1156" i="10"/>
  <c r="H1157" i="10"/>
  <c r="H1158" i="10"/>
  <c r="H1159" i="10"/>
  <c r="H1160" i="10"/>
  <c r="H1161" i="10"/>
  <c r="H1162" i="10"/>
  <c r="H1163" i="10"/>
  <c r="H1164" i="10"/>
  <c r="H1165" i="10"/>
  <c r="H1166" i="10"/>
  <c r="H1167" i="10"/>
  <c r="H1168" i="10"/>
  <c r="H1169" i="10"/>
  <c r="H1170" i="10"/>
  <c r="H1171" i="10"/>
  <c r="H1172" i="10"/>
  <c r="H1173" i="10"/>
  <c r="H1174" i="10"/>
  <c r="H1175" i="10"/>
  <c r="H1176" i="10"/>
  <c r="H1177" i="10"/>
  <c r="H1178" i="10"/>
  <c r="H1179" i="10"/>
  <c r="H1180" i="10"/>
  <c r="H1181" i="10"/>
  <c r="H1182" i="10"/>
  <c r="H1183" i="10"/>
  <c r="H1184" i="10"/>
  <c r="H1185" i="10"/>
  <c r="H1186" i="10"/>
  <c r="H1187" i="10"/>
  <c r="H1188" i="10"/>
  <c r="H1189" i="10"/>
  <c r="H1190" i="10"/>
  <c r="H1191" i="10"/>
  <c r="H1192" i="10"/>
  <c r="H1193" i="10"/>
  <c r="H1194" i="10"/>
  <c r="H1195" i="10"/>
  <c r="H1196" i="10"/>
  <c r="H1197" i="10"/>
  <c r="H1198" i="10"/>
  <c r="H1199" i="10"/>
  <c r="H1200" i="10"/>
  <c r="H1201" i="10"/>
  <c r="H1202" i="10"/>
  <c r="H1203" i="10"/>
  <c r="H1204" i="10"/>
  <c r="H1205" i="10"/>
  <c r="H1206" i="10"/>
  <c r="H1207" i="10"/>
  <c r="H1208" i="10"/>
  <c r="H1209" i="10"/>
  <c r="H1210" i="10"/>
  <c r="H1211" i="10"/>
  <c r="H1212" i="10"/>
  <c r="H1213" i="10"/>
  <c r="H1214" i="10"/>
  <c r="H1215" i="10"/>
  <c r="H1216" i="10"/>
  <c r="H1217" i="10"/>
  <c r="H1218" i="10"/>
  <c r="H1219" i="10"/>
  <c r="H1220" i="10"/>
  <c r="H1221" i="10"/>
  <c r="H1222" i="10"/>
  <c r="H1223" i="10"/>
  <c r="H1224" i="10"/>
  <c r="H1225" i="10"/>
  <c r="H1226" i="10"/>
  <c r="H1227" i="10"/>
  <c r="H1228" i="10"/>
  <c r="H1229" i="10"/>
  <c r="H1230" i="10"/>
  <c r="H1231" i="10"/>
  <c r="H1232" i="10"/>
  <c r="H1233" i="10"/>
  <c r="H1234" i="10"/>
  <c r="H1235" i="10"/>
  <c r="H1236" i="10"/>
  <c r="H1237" i="10"/>
  <c r="H1238" i="10"/>
  <c r="H1239" i="10"/>
  <c r="H1240" i="10"/>
  <c r="H1241" i="10"/>
  <c r="H1242" i="10"/>
  <c r="H1243" i="10"/>
  <c r="H1244" i="10"/>
  <c r="H1245" i="10"/>
  <c r="H1246" i="10"/>
  <c r="H1247" i="10"/>
  <c r="H1248" i="10"/>
  <c r="H1249" i="10"/>
  <c r="H1250" i="10"/>
  <c r="H1251" i="10"/>
  <c r="H1252" i="10"/>
  <c r="H1253" i="10"/>
  <c r="H1254" i="10"/>
  <c r="H1255" i="10"/>
  <c r="H1256" i="10"/>
  <c r="H1257" i="10"/>
  <c r="H1258" i="10"/>
  <c r="H1259" i="10"/>
  <c r="H1260" i="10"/>
  <c r="H1261" i="10"/>
  <c r="H1262" i="10"/>
  <c r="H1263" i="10"/>
  <c r="H1264" i="10"/>
  <c r="H1265" i="10"/>
  <c r="H1266" i="10"/>
  <c r="H1267" i="10"/>
  <c r="H1268" i="10"/>
  <c r="H1269" i="10"/>
  <c r="H1270" i="10"/>
  <c r="H1271" i="10"/>
  <c r="H1272" i="10"/>
  <c r="H1273" i="10"/>
  <c r="H1274" i="10"/>
  <c r="H1275" i="10"/>
  <c r="H1276" i="10"/>
  <c r="H1277" i="10"/>
  <c r="H1278" i="10"/>
  <c r="H1279" i="10"/>
  <c r="H1280" i="10"/>
  <c r="H1281" i="10"/>
  <c r="H1282" i="10"/>
  <c r="H1283" i="10"/>
  <c r="H1284" i="10"/>
  <c r="H1285" i="10"/>
  <c r="H1286" i="10"/>
  <c r="H1287" i="10"/>
  <c r="H1288" i="10"/>
  <c r="H1289" i="10"/>
  <c r="H1290" i="10"/>
  <c r="H1291" i="10"/>
  <c r="H1292" i="10"/>
  <c r="H1293" i="10"/>
  <c r="H1294" i="10"/>
  <c r="H1295" i="10"/>
  <c r="H1296" i="10"/>
  <c r="H1297" i="10"/>
  <c r="H1298" i="10"/>
  <c r="H1299" i="10"/>
  <c r="H1300" i="10"/>
  <c r="H1301" i="10"/>
  <c r="H1302" i="10"/>
  <c r="H1303" i="10"/>
  <c r="H1304" i="10"/>
  <c r="H1305" i="10"/>
  <c r="H1306" i="10"/>
  <c r="H1307" i="10"/>
  <c r="H1308" i="10"/>
  <c r="H1309" i="10"/>
  <c r="H1310" i="10"/>
  <c r="H1311" i="10"/>
  <c r="H1312" i="10"/>
  <c r="H1313" i="10"/>
  <c r="H1314" i="10"/>
  <c r="H1315" i="10"/>
  <c r="H1316" i="10"/>
  <c r="H1317" i="10"/>
  <c r="H1318" i="10"/>
  <c r="H1319" i="10"/>
  <c r="H1320" i="10"/>
  <c r="H1321" i="10"/>
  <c r="H1322" i="10"/>
  <c r="H1323" i="10"/>
  <c r="H1324" i="10"/>
  <c r="H1325" i="10"/>
  <c r="H1326" i="10"/>
  <c r="H1327" i="10"/>
  <c r="H1328" i="10"/>
  <c r="H1329" i="10"/>
  <c r="H1330" i="10"/>
  <c r="H1331" i="10"/>
  <c r="H1332" i="10"/>
  <c r="H1333" i="10"/>
  <c r="H1334" i="10"/>
  <c r="H1335" i="10"/>
  <c r="H1336" i="10"/>
  <c r="H1337" i="10"/>
  <c r="H1338" i="10"/>
  <c r="H1339" i="10"/>
  <c r="H1340" i="10"/>
  <c r="H1341" i="10"/>
  <c r="H1342" i="10"/>
  <c r="H1343" i="10"/>
  <c r="H1344" i="10"/>
  <c r="H1345" i="10"/>
  <c r="H1346" i="10"/>
  <c r="H1347" i="10"/>
  <c r="H1348" i="10"/>
  <c r="H1349" i="10"/>
  <c r="H1350" i="10"/>
  <c r="H1351" i="10"/>
  <c r="H1352" i="10"/>
  <c r="H1353" i="10"/>
  <c r="H1354" i="10"/>
  <c r="H1355" i="10"/>
  <c r="H1356" i="10"/>
  <c r="H1357" i="10"/>
  <c r="H1358" i="10"/>
  <c r="H1359" i="10"/>
  <c r="H1360" i="10"/>
  <c r="H1361" i="10"/>
  <c r="H1362" i="10"/>
  <c r="H1363" i="10"/>
  <c r="H1364" i="10"/>
  <c r="H1365" i="10"/>
  <c r="H1366" i="10"/>
  <c r="H1367" i="10"/>
  <c r="H1368" i="10"/>
  <c r="H1369" i="10"/>
  <c r="H1370" i="10"/>
  <c r="H1371" i="10"/>
  <c r="H1372" i="10"/>
  <c r="H1373" i="10"/>
  <c r="H1374" i="10"/>
  <c r="H1375" i="10"/>
  <c r="H1376" i="10"/>
  <c r="H1377" i="10"/>
  <c r="H1378" i="10"/>
  <c r="H1379" i="10"/>
  <c r="H1380" i="10"/>
  <c r="H1381" i="10"/>
  <c r="H1382" i="10"/>
  <c r="H1383" i="10"/>
  <c r="H1384" i="10"/>
  <c r="H1385" i="10"/>
  <c r="H1386" i="10"/>
  <c r="H1387" i="10"/>
  <c r="H1388" i="10"/>
  <c r="H1389" i="10"/>
  <c r="H1390" i="10"/>
  <c r="H1391" i="10"/>
  <c r="H1392" i="10"/>
  <c r="H1393" i="10"/>
  <c r="H1394" i="10"/>
  <c r="H1395" i="10"/>
  <c r="H1396" i="10"/>
  <c r="H1397" i="10"/>
  <c r="H1398" i="10"/>
  <c r="H1399" i="10"/>
  <c r="H1400" i="10"/>
  <c r="H1401" i="10"/>
  <c r="H1402" i="10"/>
  <c r="H1403" i="10"/>
  <c r="H1404" i="10"/>
  <c r="H1405" i="10"/>
  <c r="H1406" i="10"/>
  <c r="H1407" i="10"/>
  <c r="H1408" i="10"/>
  <c r="H1409" i="10"/>
  <c r="H1410" i="10"/>
  <c r="H1411" i="10"/>
  <c r="H1412" i="10"/>
  <c r="H1413" i="10"/>
  <c r="H1414" i="10"/>
  <c r="H1415" i="10"/>
  <c r="H1416" i="10"/>
  <c r="H1417" i="10"/>
  <c r="H1418" i="10"/>
  <c r="H1419" i="10"/>
  <c r="H1420" i="10"/>
  <c r="H1421" i="10"/>
  <c r="H1422" i="10"/>
  <c r="H1423" i="10"/>
  <c r="H1424" i="10"/>
  <c r="H1425" i="10"/>
  <c r="H1426" i="10"/>
  <c r="H1427" i="10"/>
  <c r="H1428" i="10"/>
  <c r="H1429" i="10"/>
  <c r="H1430" i="10"/>
  <c r="H1431" i="10"/>
  <c r="H1432" i="10"/>
  <c r="H1433" i="10"/>
  <c r="H1434" i="10"/>
  <c r="H1435" i="10"/>
  <c r="H1436" i="10"/>
  <c r="H1437" i="10"/>
  <c r="H1438" i="10"/>
  <c r="H1439" i="10"/>
  <c r="H1440" i="10"/>
  <c r="H1441" i="10"/>
  <c r="H1442" i="10"/>
  <c r="H1443" i="10"/>
  <c r="H1444" i="10"/>
  <c r="H1445" i="10"/>
  <c r="H1446" i="10"/>
  <c r="H1447" i="10"/>
  <c r="H1448" i="10"/>
  <c r="H1449" i="10"/>
  <c r="H1450" i="10"/>
  <c r="H1451" i="10"/>
  <c r="H1452" i="10"/>
  <c r="H1453" i="10"/>
  <c r="H1454" i="10"/>
  <c r="H1455" i="10"/>
  <c r="H1456" i="10"/>
  <c r="H1457" i="10"/>
  <c r="H1458" i="10"/>
  <c r="H1459" i="10"/>
  <c r="H1460" i="10"/>
  <c r="H1461" i="10"/>
  <c r="H1462" i="10"/>
  <c r="H1463" i="10"/>
  <c r="H1464" i="10"/>
  <c r="H1465" i="10"/>
  <c r="H1466" i="10"/>
  <c r="H1467" i="10"/>
  <c r="H1468" i="10"/>
  <c r="H1469" i="10"/>
  <c r="H1470" i="10"/>
  <c r="H1471" i="10"/>
  <c r="H1472" i="10"/>
  <c r="H1473" i="10"/>
  <c r="H1474" i="10"/>
  <c r="H1475" i="10"/>
  <c r="H1476" i="10"/>
  <c r="H1477" i="10"/>
  <c r="H1478" i="10"/>
  <c r="H1479" i="10"/>
  <c r="H1480" i="10"/>
  <c r="H1481" i="10"/>
  <c r="H1482" i="10"/>
  <c r="H1483" i="10"/>
  <c r="H1484" i="10"/>
  <c r="H1485" i="10"/>
  <c r="H1486" i="10"/>
  <c r="H1487" i="10"/>
  <c r="H1488" i="10"/>
  <c r="H1489" i="10"/>
  <c r="H1490" i="10"/>
  <c r="H1491" i="10"/>
  <c r="H1492" i="10"/>
  <c r="H1493" i="10"/>
  <c r="H1494" i="10"/>
  <c r="H1495" i="10"/>
  <c r="H1496" i="10"/>
  <c r="H1497" i="10"/>
  <c r="H1498" i="10"/>
  <c r="H1499" i="10"/>
  <c r="H1500" i="10"/>
  <c r="H1501" i="10"/>
  <c r="H1502" i="10"/>
  <c r="H1503" i="10"/>
  <c r="H1504" i="10"/>
  <c r="H1505" i="10"/>
  <c r="H1506" i="10"/>
  <c r="H1507" i="10"/>
  <c r="H1508" i="10"/>
  <c r="H1509" i="10"/>
  <c r="H1510" i="10"/>
  <c r="H1511" i="10"/>
  <c r="H1512" i="10"/>
  <c r="H1513" i="10"/>
  <c r="H1514" i="10"/>
  <c r="H1515" i="10"/>
  <c r="H1516" i="10"/>
  <c r="H1517" i="10"/>
  <c r="H1518" i="10"/>
  <c r="H1519" i="10"/>
  <c r="H1520" i="10"/>
  <c r="H1521" i="10"/>
  <c r="H1522" i="10"/>
  <c r="H1523" i="10"/>
  <c r="H1524" i="10"/>
  <c r="H1525" i="10"/>
  <c r="H1526" i="10"/>
  <c r="H1527" i="10"/>
  <c r="H1528" i="10"/>
  <c r="H1529" i="10"/>
  <c r="H1530" i="10"/>
  <c r="H1531" i="10"/>
  <c r="H1532" i="10"/>
  <c r="H1533" i="10"/>
  <c r="H1534" i="10"/>
  <c r="H1535" i="10"/>
  <c r="H1536" i="10"/>
  <c r="H1537" i="10"/>
  <c r="H1538" i="10"/>
  <c r="H1539" i="10"/>
  <c r="H1540" i="10"/>
  <c r="H1541" i="10"/>
  <c r="H1542" i="10"/>
  <c r="H1543" i="10"/>
  <c r="H1544" i="10"/>
  <c r="H1545" i="10"/>
  <c r="H1546" i="10"/>
  <c r="H1547" i="10"/>
  <c r="H1548" i="10"/>
  <c r="H1549" i="10"/>
  <c r="H1550" i="10"/>
  <c r="H1551" i="10"/>
  <c r="H1552" i="10"/>
  <c r="H1553" i="10"/>
  <c r="H1554" i="10"/>
  <c r="H1555" i="10"/>
  <c r="H1556" i="10"/>
  <c r="H1557" i="10"/>
  <c r="H1558" i="10"/>
  <c r="H1559" i="10"/>
  <c r="H1560" i="10"/>
  <c r="H1561" i="10"/>
  <c r="H1562" i="10"/>
  <c r="H1563" i="10"/>
  <c r="H1564" i="10"/>
  <c r="H1565" i="10"/>
  <c r="H1566" i="10"/>
  <c r="H1567" i="10"/>
  <c r="H1568" i="10"/>
  <c r="H1569" i="10"/>
  <c r="H1570" i="10"/>
  <c r="H1571" i="10"/>
  <c r="H1572" i="10"/>
  <c r="H1573" i="10"/>
  <c r="H1574" i="10"/>
  <c r="H1575" i="10"/>
  <c r="H1576" i="10"/>
  <c r="H1577" i="10"/>
  <c r="H1578" i="10"/>
  <c r="H1579" i="10"/>
  <c r="H1580" i="10"/>
  <c r="H1581" i="10"/>
  <c r="H1582" i="10"/>
  <c r="H1583" i="10"/>
  <c r="H1584" i="10"/>
  <c r="H1585" i="10"/>
  <c r="H1586" i="10"/>
  <c r="H1587" i="10"/>
  <c r="H1588" i="10"/>
  <c r="H1589" i="10"/>
  <c r="H1590" i="10"/>
  <c r="H1591" i="10"/>
  <c r="H1592" i="10"/>
  <c r="H1593" i="10"/>
  <c r="H1594" i="10"/>
  <c r="H1595" i="10"/>
  <c r="H1596" i="10"/>
  <c r="H1597" i="10"/>
  <c r="H1598" i="10"/>
  <c r="H1599" i="10"/>
  <c r="H1600" i="10"/>
  <c r="H1601" i="10"/>
  <c r="H1602" i="10"/>
  <c r="H1603" i="10"/>
  <c r="H1604" i="10"/>
  <c r="H1605" i="10"/>
  <c r="H1606" i="10"/>
  <c r="H1607" i="10"/>
  <c r="H1608" i="10"/>
  <c r="H1609" i="10"/>
  <c r="H1610" i="10"/>
  <c r="H1611" i="10"/>
  <c r="H1612" i="10"/>
  <c r="H1613" i="10"/>
  <c r="H1614" i="10"/>
  <c r="H1615" i="10"/>
  <c r="H1616" i="10"/>
  <c r="H1617" i="10"/>
  <c r="H1618" i="10"/>
  <c r="H1619" i="10"/>
  <c r="H1620" i="10"/>
  <c r="H1621" i="10"/>
  <c r="H1622" i="10"/>
  <c r="H1623" i="10"/>
  <c r="H1624" i="10"/>
  <c r="H1625" i="10"/>
  <c r="H1626" i="10"/>
  <c r="H1627" i="10"/>
  <c r="H1628" i="10"/>
  <c r="H1629" i="10"/>
  <c r="H1630" i="10"/>
  <c r="H1631" i="10"/>
  <c r="H1632" i="10"/>
  <c r="H1633" i="10"/>
  <c r="H1634" i="10"/>
  <c r="H1635" i="10"/>
  <c r="H1636" i="10"/>
  <c r="H1637" i="10"/>
  <c r="H1638" i="10"/>
  <c r="H1639" i="10"/>
  <c r="H1640" i="10"/>
  <c r="H1641" i="10"/>
  <c r="H1642" i="10"/>
  <c r="H1643" i="10"/>
  <c r="H1644" i="10"/>
  <c r="H1645" i="10"/>
  <c r="H1646" i="10"/>
  <c r="H1647" i="10"/>
  <c r="H1648" i="10"/>
  <c r="H1649" i="10"/>
  <c r="H1650" i="10"/>
  <c r="H1651" i="10"/>
  <c r="H1652" i="10"/>
  <c r="H1653" i="10"/>
  <c r="H1654" i="10"/>
  <c r="H1655" i="10"/>
  <c r="H1656" i="10"/>
  <c r="H1657" i="10"/>
  <c r="H1658" i="10"/>
  <c r="H1659" i="10"/>
  <c r="H1660" i="10"/>
  <c r="H1661" i="10"/>
  <c r="H1662" i="10"/>
  <c r="H1663" i="10"/>
  <c r="H1664" i="10"/>
  <c r="H1665" i="10"/>
  <c r="H1666" i="10"/>
  <c r="H1667" i="10"/>
  <c r="H1668" i="10"/>
  <c r="H1669" i="10"/>
  <c r="H1670" i="10"/>
  <c r="H1671" i="10"/>
  <c r="H1672" i="10"/>
  <c r="H1673" i="10"/>
  <c r="H1674" i="10"/>
  <c r="H1675" i="10"/>
  <c r="H1676" i="10"/>
  <c r="H1677" i="10"/>
  <c r="H1678" i="10"/>
  <c r="H1679" i="10"/>
  <c r="H1680" i="10"/>
  <c r="H1681" i="10"/>
  <c r="H1682" i="10"/>
  <c r="H1683" i="10"/>
  <c r="H1684" i="10"/>
  <c r="H1685" i="10"/>
  <c r="H1686" i="10"/>
  <c r="H1687" i="10"/>
  <c r="H1688" i="10"/>
  <c r="H1689" i="10"/>
  <c r="H1690" i="10"/>
  <c r="H1691" i="10"/>
  <c r="H1692" i="10"/>
  <c r="H1693" i="10"/>
  <c r="H1694" i="10"/>
  <c r="H1695" i="10"/>
  <c r="H1696" i="10"/>
  <c r="H1697" i="10"/>
  <c r="H1698" i="10"/>
  <c r="H1699" i="10"/>
  <c r="H1700" i="10"/>
  <c r="H1701" i="10"/>
  <c r="H1702" i="10"/>
  <c r="H1703" i="10"/>
  <c r="H1704" i="10"/>
  <c r="H1705" i="10"/>
  <c r="H1706" i="10"/>
  <c r="H1707" i="10"/>
  <c r="H1708" i="10"/>
  <c r="H1709" i="10"/>
  <c r="H1710" i="10"/>
  <c r="H1711" i="10"/>
  <c r="H1712" i="10"/>
  <c r="H1713" i="10"/>
  <c r="H1714" i="10"/>
  <c r="H1715" i="10"/>
  <c r="H1716" i="10"/>
  <c r="H1717" i="10"/>
  <c r="H1718" i="10"/>
  <c r="H1719" i="10"/>
  <c r="H1720" i="10"/>
  <c r="H1721" i="10"/>
  <c r="H1722" i="10"/>
  <c r="H1723" i="10"/>
  <c r="H1724" i="10"/>
  <c r="H1725" i="10"/>
  <c r="H1726" i="10"/>
  <c r="H1727" i="10"/>
  <c r="H1728" i="10"/>
  <c r="H1729" i="10"/>
  <c r="H1730" i="10"/>
  <c r="H1731" i="10"/>
  <c r="H1732" i="10"/>
  <c r="H1733" i="10"/>
  <c r="H1734" i="10"/>
  <c r="H1735" i="10"/>
  <c r="H1736" i="10"/>
  <c r="H1737" i="10"/>
  <c r="H1738" i="10"/>
  <c r="H1739" i="10"/>
  <c r="H1740" i="10"/>
  <c r="H1741" i="10"/>
  <c r="H1742" i="10"/>
  <c r="H1743" i="10"/>
  <c r="H1744" i="10"/>
  <c r="H1745" i="10"/>
  <c r="H1746" i="10"/>
  <c r="H1747" i="10"/>
  <c r="H1748" i="10"/>
  <c r="H1749" i="10"/>
  <c r="H1750" i="10"/>
  <c r="H1751" i="10"/>
  <c r="H1752" i="10"/>
  <c r="H1753" i="10"/>
  <c r="H1754" i="10"/>
  <c r="H1755" i="10"/>
  <c r="H1756" i="10"/>
  <c r="H1757" i="10"/>
  <c r="H1758" i="10"/>
  <c r="H1759" i="10"/>
  <c r="H1760" i="10"/>
  <c r="H1761" i="10"/>
  <c r="H1762" i="10"/>
  <c r="H1763" i="10"/>
  <c r="H1764" i="10"/>
  <c r="H1765" i="10"/>
  <c r="H1766" i="10"/>
  <c r="H1767" i="10"/>
  <c r="H1768" i="10"/>
  <c r="H1769" i="10"/>
  <c r="H1770" i="10"/>
  <c r="H1771" i="10"/>
  <c r="H1772" i="10"/>
  <c r="H1773" i="10"/>
  <c r="H1774" i="10"/>
  <c r="H1775" i="10"/>
  <c r="H1776" i="10"/>
  <c r="H1777" i="10"/>
  <c r="H1778" i="10"/>
  <c r="H1779" i="10"/>
  <c r="H1780" i="10"/>
  <c r="H1781" i="10"/>
  <c r="H1782" i="10"/>
  <c r="H1783" i="10"/>
  <c r="H1784" i="10"/>
  <c r="H1785" i="10"/>
  <c r="H1786" i="10"/>
  <c r="H1787" i="10"/>
  <c r="H1788" i="10"/>
  <c r="H1789" i="10"/>
  <c r="H1790" i="10"/>
  <c r="H1791" i="10"/>
  <c r="H1792" i="10"/>
  <c r="H1793" i="10"/>
  <c r="H1794" i="10"/>
  <c r="H1795" i="10"/>
  <c r="H1796" i="10"/>
  <c r="H1797" i="10"/>
  <c r="H1798" i="10"/>
  <c r="H1799" i="10"/>
  <c r="H1800" i="10"/>
  <c r="H1801" i="10"/>
  <c r="H1802" i="10"/>
  <c r="H1803" i="10"/>
  <c r="H1804" i="10"/>
  <c r="H1805" i="10"/>
  <c r="H1806" i="10"/>
  <c r="H1807" i="10"/>
  <c r="H1808" i="10"/>
  <c r="H1809" i="10"/>
  <c r="H1810" i="10"/>
  <c r="H1811" i="10"/>
  <c r="H1812" i="10"/>
  <c r="H1813" i="10"/>
  <c r="H1814" i="10"/>
  <c r="H1815" i="10"/>
  <c r="H1816" i="10"/>
  <c r="H1817" i="10"/>
  <c r="H1818" i="10"/>
  <c r="H1819" i="10"/>
  <c r="H1820" i="10"/>
  <c r="H1821" i="10"/>
  <c r="H1822" i="10"/>
  <c r="H1823" i="10"/>
  <c r="H1824" i="10"/>
  <c r="H1825" i="10"/>
  <c r="H1826" i="10"/>
  <c r="H1827" i="10"/>
  <c r="H1828" i="10"/>
  <c r="H1829" i="10"/>
  <c r="H1830" i="10"/>
  <c r="H1831" i="10"/>
  <c r="H1832" i="10"/>
  <c r="H1833" i="10"/>
  <c r="H1834" i="10"/>
  <c r="H1835" i="10"/>
  <c r="H1836" i="10"/>
  <c r="H1837" i="10"/>
  <c r="H1838" i="10"/>
  <c r="H1839" i="10"/>
  <c r="H1840" i="10"/>
  <c r="H1841" i="10"/>
  <c r="H1842" i="10"/>
  <c r="H1843" i="10"/>
  <c r="H1844" i="10"/>
  <c r="H1845" i="10"/>
  <c r="H1846" i="10"/>
  <c r="H1847" i="10"/>
  <c r="H1848" i="10"/>
  <c r="H1849" i="10"/>
  <c r="H1850" i="10"/>
  <c r="H1851" i="10"/>
  <c r="H1852" i="10"/>
  <c r="H1853" i="10"/>
  <c r="H1854" i="10"/>
  <c r="H1855" i="10"/>
  <c r="H1856" i="10"/>
  <c r="H1857" i="10"/>
  <c r="H1858" i="10"/>
  <c r="H1859" i="10"/>
  <c r="H1860" i="10"/>
  <c r="H1861" i="10"/>
  <c r="H1862" i="10"/>
  <c r="H1863" i="10"/>
  <c r="H1864" i="10"/>
  <c r="H1865" i="10"/>
  <c r="H1866" i="10"/>
  <c r="H1867" i="10"/>
  <c r="H1868" i="10"/>
  <c r="H1869" i="10"/>
  <c r="H1870" i="10"/>
  <c r="H1871" i="10"/>
  <c r="H1872" i="10"/>
  <c r="H1873" i="10"/>
  <c r="H1874" i="10"/>
  <c r="H1875" i="10"/>
  <c r="H1876" i="10"/>
  <c r="H1877" i="10"/>
  <c r="H1878" i="10"/>
  <c r="H1879" i="10"/>
  <c r="H1880" i="10"/>
  <c r="H1881" i="10"/>
  <c r="H1882" i="10"/>
  <c r="H1883" i="10"/>
  <c r="H1884" i="10"/>
  <c r="H1885" i="10"/>
  <c r="H1886" i="10"/>
  <c r="H1887" i="10"/>
  <c r="H1888" i="10"/>
  <c r="H1889" i="10"/>
  <c r="H1890" i="10"/>
  <c r="H1891" i="10"/>
  <c r="H1892" i="10"/>
  <c r="H1893" i="10"/>
  <c r="H1894" i="10"/>
  <c r="H1895" i="10"/>
  <c r="H1896" i="10"/>
  <c r="H1897" i="10"/>
  <c r="H1898" i="10"/>
  <c r="H1899" i="10"/>
  <c r="H1900" i="10"/>
  <c r="H1901" i="10"/>
  <c r="H1902" i="10"/>
  <c r="H1903" i="10"/>
  <c r="H1904" i="10"/>
  <c r="H1905" i="10"/>
  <c r="H1906" i="10"/>
  <c r="H1907" i="10"/>
  <c r="H1908" i="10"/>
  <c r="H1909" i="10"/>
  <c r="H1910" i="10"/>
  <c r="H1911" i="10"/>
  <c r="H1912" i="10"/>
  <c r="H1913" i="10"/>
  <c r="H1914" i="10"/>
  <c r="H1915" i="10"/>
  <c r="H1916" i="10"/>
  <c r="H1917" i="10"/>
  <c r="H1918" i="10"/>
  <c r="H1919" i="10"/>
  <c r="H1920" i="10"/>
  <c r="H1921" i="10"/>
  <c r="H1922" i="10"/>
  <c r="H1923" i="10"/>
  <c r="H1924" i="10"/>
  <c r="H1925" i="10"/>
  <c r="H1926" i="10"/>
  <c r="H1927" i="10"/>
  <c r="H1928" i="10"/>
  <c r="H1929" i="10"/>
  <c r="H1930" i="10"/>
  <c r="H1931" i="10"/>
  <c r="H1932" i="10"/>
  <c r="H1933" i="10"/>
  <c r="H1934" i="10"/>
  <c r="H1935" i="10"/>
  <c r="H1936" i="10"/>
  <c r="H1937" i="10"/>
  <c r="H1938" i="10"/>
  <c r="H1939" i="10"/>
  <c r="H1940" i="10"/>
  <c r="H1941" i="10"/>
  <c r="H1942" i="10"/>
  <c r="H1943" i="10"/>
  <c r="H1944" i="10"/>
  <c r="H1945" i="10"/>
  <c r="H1946" i="10"/>
  <c r="H1947" i="10"/>
  <c r="H1948" i="10"/>
  <c r="H1949" i="10"/>
  <c r="H1950" i="10"/>
  <c r="H1951" i="10"/>
  <c r="H1952" i="10"/>
  <c r="H1953" i="10"/>
  <c r="H1954" i="10"/>
  <c r="H1955" i="10"/>
  <c r="H1956" i="10"/>
  <c r="H1957" i="10"/>
  <c r="H1958" i="10"/>
  <c r="H1959" i="10"/>
  <c r="H1960" i="10"/>
  <c r="H1961" i="10"/>
  <c r="H1962" i="10"/>
  <c r="H1963" i="10"/>
  <c r="H1964" i="10"/>
  <c r="H1965" i="10"/>
  <c r="H1966" i="10"/>
  <c r="H1967" i="10"/>
  <c r="H1968" i="10"/>
  <c r="H1969" i="10"/>
  <c r="H1970" i="10"/>
  <c r="H1971" i="10"/>
  <c r="H1972" i="10"/>
  <c r="H1973" i="10"/>
  <c r="H1974" i="10"/>
  <c r="H1975" i="10"/>
  <c r="H1976" i="10"/>
  <c r="H1977" i="10"/>
  <c r="H1978" i="10"/>
  <c r="H1979" i="10"/>
  <c r="H1980" i="10"/>
  <c r="H1981" i="10"/>
  <c r="H1982" i="10"/>
  <c r="H1983" i="10"/>
  <c r="H1984" i="10"/>
  <c r="H1985" i="10"/>
  <c r="H1986" i="10"/>
  <c r="H1987" i="10"/>
  <c r="H1988" i="10"/>
  <c r="H1989" i="10"/>
  <c r="H1990" i="10"/>
  <c r="H1991" i="10"/>
  <c r="H1992" i="10"/>
  <c r="H1993" i="10"/>
  <c r="H1994" i="10"/>
  <c r="H1995" i="10"/>
  <c r="H1996" i="10"/>
  <c r="H1997" i="10"/>
  <c r="H1998" i="10"/>
  <c r="H1999" i="10"/>
  <c r="H2000" i="10"/>
  <c r="H2001" i="10"/>
  <c r="H2002" i="10"/>
  <c r="H2003" i="10"/>
  <c r="H2004" i="10"/>
  <c r="H2005" i="10"/>
  <c r="H2006" i="10"/>
  <c r="H2007" i="10"/>
  <c r="H2008" i="10"/>
  <c r="H2009" i="10"/>
  <c r="H2010" i="10"/>
  <c r="H2011" i="10"/>
  <c r="H2012" i="10"/>
  <c r="H2013" i="10"/>
  <c r="H2014" i="10"/>
  <c r="H2015" i="10"/>
  <c r="H2016" i="10"/>
  <c r="H2017" i="10"/>
  <c r="H2018" i="10"/>
  <c r="H2019" i="10"/>
  <c r="H2020" i="10"/>
  <c r="H2021" i="10"/>
  <c r="H2022" i="10"/>
  <c r="H2023" i="10"/>
  <c r="H2024" i="10"/>
  <c r="H2025" i="10"/>
  <c r="H2026" i="10"/>
  <c r="H2027" i="10"/>
  <c r="H2028" i="10"/>
  <c r="H2029" i="10"/>
  <c r="H2030" i="10"/>
  <c r="H2031" i="10"/>
  <c r="H2032" i="10"/>
  <c r="H2033" i="10"/>
  <c r="H2034" i="10"/>
  <c r="H2035" i="10"/>
  <c r="H2036" i="10"/>
  <c r="H2037" i="10"/>
  <c r="H2038" i="10"/>
  <c r="H2039" i="10"/>
  <c r="H2040" i="10"/>
  <c r="H2041" i="10"/>
  <c r="H2042" i="10"/>
  <c r="H2043" i="10"/>
  <c r="H2044" i="10"/>
  <c r="H2045" i="10"/>
  <c r="H2046" i="10"/>
  <c r="H2047" i="10"/>
  <c r="H2048" i="10"/>
  <c r="H2049" i="10"/>
  <c r="H2050" i="10"/>
  <c r="H2051" i="10"/>
  <c r="H2052" i="10"/>
  <c r="H2053" i="10"/>
  <c r="H2054" i="10"/>
  <c r="H2055" i="10"/>
  <c r="H2056" i="10"/>
  <c r="H2057" i="10"/>
  <c r="H2058" i="10"/>
  <c r="H2059" i="10"/>
  <c r="H2060" i="10"/>
  <c r="H2061" i="10"/>
  <c r="H2062" i="10"/>
  <c r="H2063" i="10"/>
  <c r="H2064" i="10"/>
  <c r="H2065" i="10"/>
  <c r="H2066" i="10"/>
  <c r="H2067" i="10"/>
  <c r="H2068" i="10"/>
  <c r="H2069" i="10"/>
  <c r="H2070" i="10"/>
  <c r="H2071" i="10"/>
  <c r="H2072" i="10"/>
  <c r="H2073" i="10"/>
  <c r="H2074" i="10"/>
  <c r="H2075" i="10"/>
  <c r="H2076" i="10"/>
  <c r="H2077" i="10"/>
  <c r="H2078" i="10"/>
  <c r="H2079" i="10"/>
  <c r="H2080" i="10"/>
  <c r="H2081" i="10"/>
  <c r="H2082" i="10"/>
  <c r="H2083" i="10"/>
  <c r="H2084" i="10"/>
  <c r="H2085" i="10"/>
  <c r="H2086" i="10"/>
  <c r="H2087" i="10"/>
  <c r="H2088" i="10"/>
  <c r="H2089" i="10"/>
  <c r="H2090" i="10"/>
  <c r="H2091" i="10"/>
  <c r="H2092" i="10"/>
  <c r="H2093" i="10"/>
  <c r="H2094" i="10"/>
  <c r="H2095" i="10"/>
  <c r="H2096" i="10"/>
  <c r="H2097" i="10"/>
  <c r="H2098" i="10"/>
  <c r="H2099" i="10"/>
  <c r="H2100" i="10"/>
  <c r="H2101" i="10"/>
  <c r="H2102" i="10"/>
  <c r="H2103" i="10"/>
  <c r="H2104" i="10"/>
  <c r="H2105" i="10"/>
  <c r="H2106" i="10"/>
  <c r="H2107" i="10"/>
  <c r="H2108" i="10"/>
  <c r="H2109" i="10"/>
  <c r="H2110" i="10"/>
  <c r="H2111" i="10"/>
  <c r="H2112" i="10"/>
  <c r="H2113" i="10"/>
  <c r="H2114" i="10"/>
  <c r="H2115" i="10"/>
  <c r="H2116" i="10"/>
  <c r="H2117" i="10"/>
  <c r="H2118" i="10"/>
  <c r="H2119" i="10"/>
  <c r="H2120" i="10"/>
  <c r="H2121" i="10"/>
  <c r="H2122" i="10"/>
  <c r="H2123" i="10"/>
  <c r="H2124" i="10"/>
  <c r="H2125" i="10"/>
  <c r="H2126" i="10"/>
  <c r="H2127" i="10"/>
  <c r="H2128" i="10"/>
  <c r="H2129" i="10"/>
  <c r="H2130" i="10"/>
  <c r="H2131" i="10"/>
  <c r="H2132" i="10"/>
  <c r="H2133" i="10"/>
  <c r="H2134" i="10"/>
  <c r="H2135" i="10"/>
  <c r="H2136" i="10"/>
  <c r="H2137" i="10"/>
  <c r="H2138" i="10"/>
  <c r="H2139" i="10"/>
  <c r="H2140" i="10"/>
  <c r="H2141" i="10"/>
  <c r="H2142" i="10"/>
  <c r="H2143" i="10"/>
  <c r="H2144" i="10"/>
  <c r="H2145" i="10"/>
  <c r="H2146" i="10"/>
  <c r="H2147" i="10"/>
  <c r="H2148" i="10"/>
  <c r="H2149" i="10"/>
  <c r="H2150" i="10"/>
  <c r="H2151" i="10"/>
  <c r="H2152" i="10"/>
  <c r="H2153" i="10"/>
  <c r="H2154" i="10"/>
  <c r="H2155" i="10"/>
  <c r="H2156" i="10"/>
  <c r="H2157" i="10"/>
  <c r="H2158" i="10"/>
  <c r="H2159" i="10"/>
  <c r="H2160" i="10"/>
  <c r="H2161" i="10"/>
  <c r="H2162" i="10"/>
  <c r="H2163" i="10"/>
  <c r="H2164" i="10"/>
  <c r="H2165" i="10"/>
  <c r="H2166" i="10"/>
  <c r="H2167" i="10"/>
  <c r="H2168" i="10"/>
  <c r="H2169" i="10"/>
  <c r="H2170" i="10"/>
  <c r="H2171" i="10"/>
  <c r="H2172" i="10"/>
  <c r="H2173" i="10"/>
  <c r="H2174" i="10"/>
  <c r="H2175" i="10"/>
  <c r="H2176" i="10"/>
  <c r="H2177" i="10"/>
  <c r="H2178" i="10"/>
  <c r="H2179" i="10"/>
  <c r="H2180" i="10"/>
  <c r="H2181" i="10"/>
  <c r="H2182" i="10"/>
  <c r="H2183" i="10"/>
  <c r="H2184" i="10"/>
  <c r="H2185" i="10"/>
  <c r="H2186" i="10"/>
  <c r="H2187" i="10"/>
  <c r="H2188" i="10"/>
  <c r="H2189" i="10"/>
  <c r="H2190" i="10"/>
  <c r="H2191" i="10"/>
  <c r="H2192" i="10"/>
  <c r="H2193" i="10"/>
  <c r="H2194" i="10"/>
  <c r="H2195" i="10"/>
  <c r="H2196" i="10"/>
  <c r="H2197" i="10"/>
  <c r="H2198" i="10"/>
  <c r="H2199" i="10"/>
  <c r="H2200" i="10"/>
  <c r="H2201" i="10"/>
  <c r="H2202" i="10"/>
  <c r="H2203" i="10"/>
  <c r="H2204" i="10"/>
  <c r="H2205" i="10"/>
  <c r="H2206" i="10"/>
  <c r="H2207" i="10"/>
  <c r="H2208" i="10"/>
  <c r="H2209" i="10"/>
  <c r="H2210" i="10"/>
  <c r="H2211" i="10"/>
  <c r="H2212" i="10"/>
  <c r="H2213" i="10"/>
  <c r="H2214" i="10"/>
  <c r="H2215" i="10"/>
  <c r="H2216" i="10"/>
  <c r="H2217" i="10"/>
  <c r="H2218" i="10"/>
  <c r="H2219" i="10"/>
  <c r="H2220" i="10"/>
  <c r="H2221" i="10"/>
  <c r="H2222" i="10"/>
  <c r="H2223" i="10"/>
  <c r="H2224" i="10"/>
  <c r="H2225" i="10"/>
  <c r="H2226" i="10"/>
  <c r="H2227" i="10"/>
  <c r="H2228" i="10"/>
  <c r="H2229" i="10"/>
  <c r="H2230" i="10"/>
  <c r="H2231" i="10"/>
  <c r="H2232" i="10"/>
  <c r="H2233" i="10"/>
  <c r="H2234" i="10"/>
  <c r="H2235" i="10"/>
  <c r="H2236" i="10"/>
  <c r="H2237" i="10"/>
  <c r="H2238" i="10"/>
  <c r="H2239" i="10"/>
  <c r="H2240" i="10"/>
  <c r="H2241" i="10"/>
  <c r="H2242" i="10"/>
  <c r="H2243" i="10"/>
  <c r="H2244" i="10"/>
  <c r="H2245" i="10"/>
  <c r="H2246" i="10"/>
  <c r="H2247" i="10"/>
  <c r="H2248" i="10"/>
  <c r="H2249" i="10"/>
  <c r="H2250" i="10"/>
  <c r="H2251" i="10"/>
  <c r="H2252" i="10"/>
  <c r="H2253" i="10"/>
  <c r="H2254" i="10"/>
  <c r="H2255" i="10"/>
  <c r="H2256" i="10"/>
  <c r="H2257" i="10"/>
  <c r="H2258" i="10"/>
  <c r="H2259" i="10"/>
  <c r="H2260" i="10"/>
  <c r="H2261" i="10"/>
  <c r="H2262" i="10"/>
  <c r="H2263" i="10"/>
  <c r="H2264" i="10"/>
  <c r="H2265" i="10"/>
  <c r="H2266" i="10"/>
  <c r="H2267" i="10"/>
  <c r="H2268" i="10"/>
  <c r="H2269" i="10"/>
  <c r="H2270" i="10"/>
  <c r="H2271" i="10"/>
  <c r="H2272" i="10"/>
  <c r="H2273" i="10"/>
  <c r="H2274" i="10"/>
  <c r="H2275" i="10"/>
  <c r="H2276" i="10"/>
  <c r="H2277" i="10"/>
  <c r="H2278" i="10"/>
  <c r="H2279" i="10"/>
  <c r="H2280" i="10"/>
  <c r="H2281" i="10"/>
  <c r="H2282" i="10"/>
  <c r="H2283" i="10"/>
  <c r="H2284" i="10"/>
  <c r="H2285" i="10"/>
  <c r="H2286" i="10"/>
  <c r="H2287" i="10"/>
  <c r="H2288" i="10"/>
  <c r="H2289" i="10"/>
  <c r="H2290" i="10"/>
  <c r="H2291" i="10"/>
  <c r="H2292" i="10"/>
  <c r="H2293" i="10"/>
  <c r="H2294" i="10"/>
  <c r="H2295" i="10"/>
  <c r="H2296" i="10"/>
  <c r="H2297" i="10"/>
  <c r="H2298" i="10"/>
  <c r="H2299" i="10"/>
  <c r="H2300" i="10"/>
  <c r="H2301" i="10"/>
  <c r="H2302" i="10"/>
  <c r="H2303" i="10"/>
  <c r="H2304" i="10"/>
  <c r="H2305" i="10"/>
  <c r="H2306" i="10"/>
  <c r="H2307" i="10"/>
  <c r="H2308" i="10"/>
  <c r="H2309" i="10"/>
  <c r="H2310" i="10"/>
  <c r="H2311" i="10"/>
  <c r="H2312" i="10"/>
  <c r="H2313" i="10"/>
  <c r="H2314" i="10"/>
  <c r="H2315" i="10"/>
  <c r="H2316" i="10"/>
  <c r="H2317" i="10"/>
  <c r="H2318" i="10"/>
  <c r="H2319" i="10"/>
  <c r="H2320" i="10"/>
  <c r="H2321" i="10"/>
  <c r="H2322" i="10"/>
  <c r="H2323" i="10"/>
  <c r="H2324" i="10"/>
  <c r="H2325" i="10"/>
  <c r="H2326" i="10"/>
  <c r="H2327" i="10"/>
  <c r="H2328" i="10"/>
  <c r="H2329" i="10"/>
  <c r="H2330" i="10"/>
  <c r="H2331" i="10"/>
  <c r="H2332" i="10"/>
  <c r="H2333" i="10"/>
  <c r="H2334" i="10"/>
  <c r="H2335" i="10"/>
  <c r="H2336" i="10"/>
  <c r="H2337" i="10"/>
  <c r="H2338" i="10"/>
  <c r="H2339" i="10"/>
  <c r="H2340" i="10"/>
  <c r="H2341" i="10"/>
  <c r="H2342" i="10"/>
  <c r="H2343" i="10"/>
  <c r="H2344" i="10"/>
  <c r="H2345" i="10"/>
  <c r="H2346" i="10"/>
  <c r="H2347" i="10"/>
  <c r="H2348" i="10"/>
  <c r="H2349" i="10"/>
  <c r="H2350" i="10"/>
  <c r="H2351" i="10"/>
  <c r="H2352" i="10"/>
  <c r="H2353" i="10"/>
  <c r="H2354" i="10"/>
  <c r="H2355" i="10"/>
  <c r="H2356" i="10"/>
  <c r="H2357" i="10"/>
  <c r="H2358" i="10"/>
  <c r="H2359" i="10"/>
  <c r="H2360" i="10"/>
  <c r="H2361" i="10"/>
  <c r="H2362" i="10"/>
  <c r="H2363" i="10"/>
  <c r="H2364" i="10"/>
  <c r="H2365" i="10"/>
  <c r="H2366" i="10"/>
  <c r="H2367" i="10"/>
  <c r="H2368" i="10"/>
  <c r="H2369" i="10"/>
  <c r="H2370" i="10"/>
  <c r="H2371" i="10"/>
  <c r="H2372" i="10"/>
  <c r="H2373" i="10"/>
  <c r="H2374" i="10"/>
  <c r="H2375" i="10"/>
  <c r="H2376" i="10"/>
  <c r="H2377" i="10"/>
  <c r="H2378" i="10"/>
  <c r="H2379" i="10"/>
  <c r="H2380" i="10"/>
  <c r="H2381" i="10"/>
  <c r="H2382" i="10"/>
  <c r="H2383" i="10"/>
  <c r="H2384" i="10"/>
  <c r="H2385" i="10"/>
  <c r="H2386" i="10"/>
  <c r="H2387" i="10"/>
  <c r="H2388" i="10"/>
  <c r="H2389" i="10"/>
  <c r="H2390" i="10"/>
  <c r="H2391" i="10"/>
  <c r="H2392" i="10"/>
  <c r="H2393" i="10"/>
  <c r="H2394" i="10"/>
  <c r="H2395" i="10"/>
  <c r="H2396" i="10"/>
  <c r="H2397" i="10"/>
  <c r="H2398" i="10"/>
  <c r="H2399" i="10"/>
  <c r="H2400" i="10"/>
  <c r="H2401" i="10"/>
  <c r="H2402" i="10"/>
  <c r="H2403" i="10"/>
  <c r="H2404" i="10"/>
  <c r="H2405" i="10"/>
  <c r="H2406" i="10"/>
  <c r="H2407" i="10"/>
  <c r="H2408" i="10"/>
  <c r="H2409" i="10"/>
  <c r="H2410" i="10"/>
  <c r="H2411" i="10"/>
  <c r="H2412" i="10"/>
  <c r="H2413" i="10"/>
  <c r="H2414" i="10"/>
  <c r="H2415" i="10"/>
  <c r="H2416" i="10"/>
  <c r="H2417" i="10"/>
  <c r="H2418" i="10"/>
  <c r="H2419" i="10"/>
  <c r="H2420" i="10"/>
  <c r="H2421" i="10"/>
  <c r="H2422" i="10"/>
  <c r="H2423" i="10"/>
  <c r="H2424" i="10"/>
  <c r="H2425" i="10"/>
  <c r="H2426" i="10"/>
  <c r="H2427" i="10"/>
  <c r="H2428" i="10"/>
  <c r="H2429" i="10"/>
  <c r="H2430" i="10"/>
  <c r="H2431" i="10"/>
  <c r="H2432" i="10"/>
  <c r="H2433" i="10"/>
  <c r="H2434" i="10"/>
  <c r="H2435" i="10"/>
  <c r="H2436" i="10"/>
  <c r="H2437" i="10"/>
  <c r="H2438" i="10"/>
  <c r="H2439" i="10"/>
  <c r="H2440" i="10"/>
  <c r="H2441" i="10"/>
  <c r="H2442" i="10"/>
  <c r="H2443" i="10"/>
  <c r="H2444" i="10"/>
  <c r="H2445" i="10"/>
  <c r="H2446" i="10"/>
  <c r="H2447" i="10"/>
  <c r="H2448" i="10"/>
  <c r="H2449" i="10"/>
  <c r="H2450" i="10"/>
  <c r="H2451" i="10"/>
  <c r="H2452" i="10"/>
  <c r="H2453" i="10"/>
  <c r="H2454" i="10"/>
  <c r="H2455" i="10"/>
  <c r="H2456" i="10"/>
  <c r="H2457" i="10"/>
  <c r="H2458" i="10"/>
  <c r="H2459" i="10"/>
  <c r="H2460" i="10"/>
  <c r="H2461" i="10"/>
  <c r="H2462" i="10"/>
  <c r="H2463" i="10"/>
  <c r="H2464" i="10"/>
  <c r="H2465" i="10"/>
  <c r="H2466" i="10"/>
  <c r="H2467" i="10"/>
  <c r="H2468" i="10"/>
  <c r="H2469" i="10"/>
  <c r="H2470" i="10"/>
  <c r="H2471" i="10"/>
  <c r="H2472" i="10"/>
  <c r="H2473" i="10"/>
  <c r="H2474" i="10"/>
  <c r="H2475" i="10"/>
  <c r="H2476" i="10"/>
  <c r="H2477" i="10"/>
  <c r="H2478" i="10"/>
  <c r="H2479" i="10"/>
  <c r="H2480" i="10"/>
  <c r="H2481" i="10"/>
  <c r="H2482" i="10"/>
  <c r="H2483" i="10"/>
  <c r="H2484" i="10"/>
  <c r="H2485" i="10"/>
  <c r="H2486" i="10"/>
  <c r="H2487" i="10"/>
  <c r="H2488" i="10"/>
  <c r="H2489" i="10"/>
  <c r="H2490" i="10"/>
  <c r="H2491" i="10"/>
  <c r="H2492" i="10"/>
  <c r="H2493" i="10"/>
  <c r="H2494" i="10"/>
  <c r="H2495" i="10"/>
  <c r="H2496" i="10"/>
  <c r="H2497" i="10"/>
  <c r="H2498" i="10"/>
  <c r="H2499" i="10"/>
  <c r="H2500" i="10"/>
  <c r="H2501" i="10"/>
  <c r="H2502" i="10"/>
  <c r="H2503" i="10"/>
  <c r="H2504" i="10"/>
  <c r="H2505" i="10"/>
  <c r="H2506" i="10"/>
  <c r="H2507" i="10"/>
  <c r="H2508" i="10"/>
  <c r="H2509" i="10"/>
  <c r="H2510" i="10"/>
  <c r="H2511" i="10"/>
  <c r="H2512" i="10"/>
  <c r="H2513" i="10"/>
  <c r="H2514" i="10"/>
  <c r="H2515" i="10"/>
  <c r="H2516" i="10"/>
  <c r="H2517" i="10"/>
  <c r="H2518" i="10"/>
  <c r="H2519" i="10"/>
  <c r="H2520" i="10"/>
  <c r="H2521" i="10"/>
  <c r="H2522" i="10"/>
  <c r="H2523" i="10"/>
  <c r="H2524" i="10"/>
  <c r="H2525" i="10"/>
  <c r="H2526" i="10"/>
  <c r="H2527" i="10"/>
  <c r="H2528" i="10"/>
  <c r="H2529" i="10"/>
  <c r="H2530" i="10"/>
  <c r="H2531" i="10"/>
  <c r="H2532" i="10"/>
  <c r="H2533" i="10"/>
  <c r="H2534" i="10"/>
  <c r="H2535" i="10"/>
  <c r="H2536" i="10"/>
  <c r="H2537" i="10"/>
  <c r="H2538" i="10"/>
  <c r="H2539" i="10"/>
  <c r="H2540" i="10"/>
  <c r="H2541" i="10"/>
  <c r="H2542" i="10"/>
  <c r="H2543" i="10"/>
  <c r="H2544" i="10"/>
  <c r="H2545" i="10"/>
  <c r="H2546" i="10"/>
  <c r="H2547" i="10"/>
  <c r="H2548" i="10"/>
  <c r="H2549" i="10"/>
  <c r="H2550" i="10"/>
  <c r="H2551" i="10"/>
  <c r="H2552" i="10"/>
  <c r="H2553" i="10"/>
  <c r="H2554" i="10"/>
  <c r="H2555" i="10"/>
  <c r="H2556" i="10"/>
  <c r="H2557" i="10"/>
  <c r="H2558" i="10"/>
  <c r="H2559" i="10"/>
  <c r="H2560" i="10"/>
  <c r="H2561" i="10"/>
  <c r="H2562" i="10"/>
  <c r="H2563" i="10"/>
  <c r="H2564" i="10"/>
  <c r="H2565" i="10"/>
  <c r="H2566" i="10"/>
  <c r="H2567" i="10"/>
  <c r="H2568" i="10"/>
  <c r="H2569" i="10"/>
  <c r="H2570" i="10"/>
  <c r="H2571" i="10"/>
  <c r="H2572" i="10"/>
  <c r="H2573" i="10"/>
  <c r="H2574" i="10"/>
  <c r="H2575" i="10"/>
  <c r="H2576" i="10"/>
  <c r="H2577" i="10"/>
  <c r="H2578" i="10"/>
  <c r="H2579" i="10"/>
  <c r="H2580" i="10"/>
  <c r="H2581" i="10"/>
  <c r="H2582" i="10"/>
  <c r="H2583" i="10"/>
  <c r="H2584" i="10"/>
  <c r="H2585" i="10"/>
  <c r="H2586" i="10"/>
  <c r="H2587" i="10"/>
  <c r="H2588" i="10"/>
  <c r="H2589" i="10"/>
  <c r="H2590" i="10"/>
  <c r="H2591" i="10"/>
  <c r="H2592" i="10"/>
  <c r="H2593" i="10"/>
  <c r="H2594" i="10"/>
  <c r="H2595" i="10"/>
  <c r="H2596" i="10"/>
  <c r="H2597" i="10"/>
  <c r="H2598" i="10"/>
  <c r="H2599" i="10"/>
  <c r="H2600" i="10"/>
  <c r="H2601" i="10"/>
  <c r="H2602" i="10"/>
  <c r="H2603" i="10"/>
  <c r="H2604" i="10"/>
  <c r="H2605" i="10"/>
  <c r="H2606" i="10"/>
  <c r="H2607" i="10"/>
  <c r="H2608" i="10"/>
  <c r="H2609" i="10"/>
  <c r="H2610" i="10"/>
  <c r="H2611" i="10"/>
  <c r="H2612" i="10"/>
  <c r="H2613" i="10"/>
  <c r="H2614" i="10"/>
  <c r="H2615" i="10"/>
  <c r="H2616" i="10"/>
  <c r="H2617" i="10"/>
  <c r="H2618" i="10"/>
  <c r="H2619" i="10"/>
  <c r="H2620" i="10"/>
  <c r="H2621" i="10"/>
  <c r="H2622" i="10"/>
  <c r="H2623" i="10"/>
  <c r="H2624" i="10"/>
  <c r="H2625" i="10"/>
  <c r="H2626" i="10"/>
  <c r="H2627" i="10"/>
  <c r="H2628" i="10"/>
  <c r="H2629" i="10"/>
  <c r="H2630" i="10"/>
  <c r="H2631" i="10"/>
  <c r="H2632" i="10"/>
  <c r="H2633" i="10"/>
  <c r="H2634" i="10"/>
  <c r="H2635" i="10"/>
  <c r="H2636" i="10"/>
  <c r="H2637" i="10"/>
  <c r="H2638" i="10"/>
  <c r="H2639" i="10"/>
  <c r="H2640" i="10"/>
  <c r="H2641" i="10"/>
  <c r="H2642" i="10"/>
  <c r="H2643" i="10"/>
  <c r="H2644" i="10"/>
  <c r="H2645" i="10"/>
  <c r="H2646" i="10"/>
  <c r="H2647" i="10"/>
  <c r="H2648" i="10"/>
  <c r="H2649" i="10"/>
  <c r="H2650" i="10"/>
  <c r="H2651" i="10"/>
  <c r="H2652" i="10"/>
  <c r="H2653" i="10"/>
  <c r="H2654" i="10"/>
  <c r="H2655" i="10"/>
  <c r="H2656" i="10"/>
  <c r="H2657" i="10"/>
  <c r="H2658" i="10"/>
  <c r="H2659" i="10"/>
  <c r="H2660" i="10"/>
  <c r="H2661" i="10"/>
  <c r="H2662" i="10"/>
  <c r="H2663" i="10"/>
  <c r="H2664" i="10"/>
  <c r="H2665" i="10"/>
  <c r="H2666" i="10"/>
  <c r="H2667" i="10"/>
  <c r="H2668" i="10"/>
  <c r="H2669" i="10"/>
  <c r="H2670" i="10"/>
  <c r="H2671" i="10"/>
  <c r="H2672" i="10"/>
  <c r="H2673" i="10"/>
  <c r="H2674" i="10"/>
  <c r="H2675" i="10"/>
  <c r="H2676" i="10"/>
  <c r="H2677" i="10"/>
  <c r="H2678" i="10"/>
  <c r="H2679" i="10"/>
  <c r="H2680" i="10"/>
  <c r="H2681" i="10"/>
  <c r="H2682" i="10"/>
  <c r="H2683" i="10"/>
  <c r="H2684" i="10"/>
  <c r="H2685" i="10"/>
  <c r="H2686" i="10"/>
  <c r="H2687" i="10"/>
  <c r="H2688" i="10"/>
  <c r="H2689" i="10"/>
  <c r="H2690" i="10"/>
  <c r="H2691" i="10"/>
  <c r="H2692" i="10"/>
  <c r="H2693" i="10"/>
  <c r="H2694" i="10"/>
  <c r="H2695" i="10"/>
  <c r="H2696" i="10"/>
  <c r="H2697" i="10"/>
  <c r="H2698" i="10"/>
  <c r="H2699" i="10"/>
  <c r="H2700" i="10"/>
  <c r="H2701" i="10"/>
  <c r="H2702" i="10"/>
  <c r="H2703" i="10"/>
  <c r="H2704" i="10"/>
  <c r="H2705" i="10"/>
  <c r="H2706" i="10"/>
  <c r="H2707" i="10"/>
  <c r="H2708" i="10"/>
  <c r="H2709" i="10"/>
  <c r="H2710" i="10"/>
  <c r="H2711" i="10"/>
  <c r="H2712" i="10"/>
  <c r="H2713" i="10"/>
  <c r="H2714" i="10"/>
  <c r="H2715" i="10"/>
  <c r="H2716" i="10"/>
  <c r="H2717" i="10"/>
  <c r="H2718" i="10"/>
  <c r="H2719" i="10"/>
  <c r="H2720" i="10"/>
  <c r="H2721" i="10"/>
  <c r="H2722" i="10"/>
  <c r="H2723" i="10"/>
  <c r="H2724" i="10"/>
  <c r="H2725" i="10"/>
  <c r="H2726" i="10"/>
  <c r="H2727" i="10"/>
  <c r="H2728" i="10"/>
  <c r="H2729" i="10"/>
  <c r="H2730" i="10"/>
  <c r="H2731" i="10"/>
  <c r="H2732" i="10"/>
  <c r="H2733" i="10"/>
  <c r="H2734" i="10"/>
  <c r="H2735" i="10"/>
  <c r="H2736" i="10"/>
  <c r="H2737" i="10"/>
  <c r="H2738" i="10"/>
  <c r="H2739" i="10"/>
  <c r="H2740" i="10"/>
  <c r="H2741" i="10"/>
  <c r="H2742" i="10"/>
  <c r="H2743" i="10"/>
  <c r="H2744" i="10"/>
  <c r="H2745" i="10"/>
  <c r="H2746" i="10"/>
  <c r="H2747" i="10"/>
  <c r="H2748" i="10"/>
  <c r="H2749" i="10"/>
  <c r="H2750" i="10"/>
  <c r="H2751" i="10"/>
  <c r="H2752" i="10"/>
  <c r="H2753" i="10"/>
  <c r="H2754" i="10"/>
  <c r="H2755" i="10"/>
  <c r="H2756" i="10"/>
  <c r="H2757" i="10"/>
  <c r="H2758" i="10"/>
  <c r="H2759" i="10"/>
  <c r="H2760" i="10"/>
  <c r="H2761" i="10"/>
  <c r="H2762" i="10"/>
  <c r="H2763" i="10"/>
  <c r="H2764" i="10"/>
  <c r="H2765" i="10"/>
  <c r="H2766" i="10"/>
  <c r="H2767" i="10"/>
  <c r="H2768" i="10"/>
  <c r="H2769" i="10"/>
  <c r="H2770" i="10"/>
  <c r="H2771" i="10"/>
  <c r="H2772" i="10"/>
  <c r="H2773" i="10"/>
  <c r="H2774" i="10"/>
  <c r="H2775" i="10"/>
  <c r="H2776" i="10"/>
  <c r="H2777" i="10"/>
  <c r="H2778" i="10"/>
  <c r="H2779" i="10"/>
  <c r="H2780" i="10"/>
  <c r="H2781" i="10"/>
  <c r="H2782" i="10"/>
  <c r="H2783" i="10"/>
  <c r="H2784" i="10"/>
  <c r="H2785" i="10"/>
  <c r="H2786" i="10"/>
  <c r="H2787" i="10"/>
  <c r="H2788" i="10"/>
  <c r="H2789" i="10"/>
  <c r="H2790" i="10"/>
  <c r="H2791" i="10"/>
  <c r="H2792" i="10"/>
  <c r="H2793" i="10"/>
  <c r="H2794" i="10"/>
  <c r="H2795" i="10"/>
  <c r="H2796" i="10"/>
  <c r="H2797" i="10"/>
  <c r="H2798" i="10"/>
  <c r="H2799" i="10"/>
  <c r="H2800" i="10"/>
  <c r="H2801" i="10"/>
  <c r="H2802" i="10"/>
  <c r="H2803" i="10"/>
  <c r="H2804" i="10"/>
  <c r="H2805" i="10"/>
  <c r="H2806" i="10"/>
  <c r="H2807" i="10"/>
  <c r="H2808" i="10"/>
  <c r="H2809" i="10"/>
  <c r="H2810" i="10"/>
  <c r="H2811" i="10"/>
  <c r="H2812" i="10"/>
  <c r="H2813" i="10"/>
  <c r="H2814" i="10"/>
  <c r="H2815" i="10"/>
  <c r="H2816" i="10"/>
  <c r="H2817" i="10"/>
  <c r="H2818" i="10"/>
  <c r="H2819" i="10"/>
  <c r="H2820" i="10"/>
  <c r="H2821" i="10"/>
  <c r="H2822" i="10"/>
  <c r="H2823" i="10"/>
  <c r="H2824" i="10"/>
  <c r="H2825" i="10"/>
  <c r="H2826" i="10"/>
  <c r="H2827" i="10"/>
  <c r="H2828" i="10"/>
  <c r="H2829" i="10"/>
  <c r="H2830" i="10"/>
  <c r="H2831" i="10"/>
  <c r="H2832" i="10"/>
  <c r="H2833" i="10"/>
  <c r="H2834" i="10"/>
  <c r="H2835" i="10"/>
  <c r="H2836" i="10"/>
  <c r="H2837" i="10"/>
  <c r="H2838" i="10"/>
  <c r="H2839" i="10"/>
  <c r="H2840" i="10"/>
  <c r="H2841" i="10"/>
  <c r="H2842" i="10"/>
  <c r="H2843" i="10"/>
  <c r="H2844" i="10"/>
  <c r="H2845" i="10"/>
  <c r="H2846" i="10"/>
  <c r="H2847" i="10"/>
  <c r="H2848" i="10"/>
  <c r="H2849" i="10"/>
  <c r="H2850" i="10"/>
  <c r="H2851" i="10"/>
  <c r="H2852" i="10"/>
  <c r="H2853" i="10"/>
  <c r="H2854" i="10"/>
  <c r="H2855" i="10"/>
  <c r="H2856" i="10"/>
  <c r="H2857" i="10"/>
  <c r="H2858" i="10"/>
  <c r="H2859" i="10"/>
  <c r="H2860" i="10"/>
  <c r="H2861" i="10"/>
  <c r="H2862" i="10"/>
  <c r="H2863" i="10"/>
  <c r="H2864" i="10"/>
  <c r="H2865" i="10"/>
  <c r="H2866" i="10"/>
  <c r="H2867" i="10"/>
  <c r="H2868" i="10"/>
  <c r="H2869" i="10"/>
  <c r="H2870" i="10"/>
  <c r="H2871" i="10"/>
  <c r="H2872" i="10"/>
  <c r="H2873" i="10"/>
  <c r="H2874" i="10"/>
  <c r="H2875" i="10"/>
  <c r="H2876" i="10"/>
  <c r="H2877" i="10"/>
  <c r="H2878" i="10"/>
  <c r="H2879" i="10"/>
  <c r="H2880" i="10"/>
  <c r="H2881" i="10"/>
  <c r="H2882" i="10"/>
  <c r="H2883" i="10"/>
  <c r="H2884" i="10"/>
  <c r="H2885" i="10"/>
  <c r="H2886" i="10"/>
  <c r="H2887" i="10"/>
  <c r="H2888" i="10"/>
  <c r="H2889" i="10"/>
  <c r="H2890" i="10"/>
  <c r="H2891" i="10"/>
  <c r="H2892" i="10"/>
  <c r="H2893" i="10"/>
  <c r="H2894" i="10"/>
  <c r="H2895" i="10"/>
  <c r="H2896" i="10"/>
  <c r="H2897" i="10"/>
  <c r="H2898" i="10"/>
  <c r="H2899" i="10"/>
  <c r="H2900" i="10"/>
  <c r="H2901" i="10"/>
  <c r="H2902" i="10"/>
  <c r="H2903" i="10"/>
  <c r="H2904" i="10"/>
  <c r="H2905" i="10"/>
  <c r="H2906" i="10"/>
  <c r="H2907" i="10"/>
  <c r="H2908" i="10"/>
  <c r="H2909" i="10"/>
  <c r="H2910" i="10"/>
  <c r="H2911" i="10"/>
  <c r="H2912" i="10"/>
  <c r="H2913" i="10"/>
  <c r="H2914" i="10"/>
  <c r="H2915" i="10"/>
  <c r="H2916" i="10"/>
  <c r="H2917" i="10"/>
  <c r="H2918" i="10"/>
  <c r="H2919" i="10"/>
  <c r="H2920" i="10"/>
  <c r="H2921" i="10"/>
  <c r="H2922" i="10"/>
  <c r="H2923" i="10"/>
  <c r="H2924" i="10"/>
  <c r="H2925" i="10"/>
  <c r="H2926" i="10"/>
  <c r="H2927" i="10"/>
  <c r="H2928" i="10"/>
  <c r="H2929" i="10"/>
  <c r="H2930" i="10"/>
  <c r="H2931" i="10"/>
  <c r="H2932" i="10"/>
  <c r="H2933" i="10"/>
  <c r="H2934" i="10"/>
  <c r="H2935" i="10"/>
  <c r="H2936" i="10"/>
  <c r="H2937" i="10"/>
  <c r="H2938" i="10"/>
  <c r="H2939" i="10"/>
  <c r="H2940" i="10"/>
  <c r="H2941" i="10"/>
  <c r="H2942" i="10"/>
  <c r="H2943" i="10"/>
  <c r="H2944" i="10"/>
  <c r="H2945" i="10"/>
  <c r="H2946" i="10"/>
  <c r="H2947" i="10"/>
  <c r="H2948" i="10"/>
  <c r="H2949" i="10"/>
  <c r="H2950" i="10"/>
  <c r="H2951" i="10"/>
  <c r="H2952" i="10"/>
  <c r="H2953" i="10"/>
  <c r="H2954" i="10"/>
  <c r="H2955" i="10"/>
  <c r="H2956" i="10"/>
  <c r="H2957" i="10"/>
  <c r="H2958" i="10"/>
  <c r="H2959" i="10"/>
  <c r="H2960" i="10"/>
  <c r="H2961" i="10"/>
  <c r="H2962" i="10"/>
  <c r="H2963" i="10"/>
  <c r="H2964" i="10"/>
  <c r="H2965" i="10"/>
  <c r="H2966" i="10"/>
  <c r="H2967" i="10"/>
  <c r="H2968" i="10"/>
  <c r="H2969" i="10"/>
  <c r="H2970" i="10"/>
  <c r="H2971" i="10"/>
  <c r="H2972" i="10"/>
  <c r="H2973" i="10"/>
  <c r="H2974" i="10"/>
  <c r="H2975" i="10"/>
  <c r="H2976" i="10"/>
  <c r="H2977" i="10"/>
  <c r="H2978" i="10"/>
  <c r="H2979" i="10"/>
  <c r="H2980" i="10"/>
  <c r="H2981" i="10"/>
  <c r="H2982" i="10"/>
  <c r="H2983" i="10"/>
  <c r="H2984" i="10"/>
  <c r="H2985" i="10"/>
  <c r="H2986" i="10"/>
  <c r="H2987" i="10"/>
  <c r="H2988" i="10"/>
  <c r="H2989" i="10"/>
  <c r="H2990" i="10"/>
  <c r="H2991" i="10"/>
  <c r="H2992" i="10"/>
  <c r="H2993" i="10"/>
  <c r="H2994" i="10"/>
  <c r="H2995" i="10"/>
  <c r="H2996" i="10"/>
  <c r="H2997" i="10"/>
  <c r="H2998" i="10"/>
  <c r="H2999" i="10"/>
  <c r="H3000" i="10"/>
  <c r="H3001" i="10"/>
  <c r="H3002" i="10"/>
  <c r="H3003" i="10"/>
  <c r="H3004" i="10"/>
  <c r="H3005" i="10"/>
  <c r="H3006" i="10"/>
  <c r="H3007" i="10"/>
  <c r="H3008" i="10"/>
  <c r="H3009" i="10"/>
  <c r="H3010" i="10"/>
  <c r="H3011" i="10"/>
  <c r="H3012" i="10"/>
  <c r="H3013" i="10"/>
  <c r="H3014" i="10"/>
  <c r="H3015" i="10"/>
  <c r="H3016" i="10"/>
  <c r="H3017" i="10"/>
  <c r="H3018" i="10"/>
  <c r="H3019" i="10"/>
  <c r="H3020" i="10"/>
  <c r="H3021" i="10"/>
  <c r="H3022" i="10"/>
  <c r="H3023" i="10"/>
  <c r="H3024" i="10"/>
  <c r="H3025" i="10"/>
  <c r="H3026" i="10"/>
  <c r="H3027" i="10"/>
  <c r="H3028" i="10"/>
  <c r="H3029" i="10"/>
  <c r="H3030" i="10"/>
  <c r="H3031" i="10"/>
  <c r="H3032" i="10"/>
  <c r="H3033" i="10"/>
  <c r="H3034" i="10"/>
  <c r="H3035" i="10"/>
  <c r="H3036" i="10"/>
  <c r="H3037" i="10"/>
  <c r="H3038" i="10"/>
  <c r="H3039" i="10"/>
  <c r="H3040" i="10"/>
  <c r="H3041" i="10"/>
  <c r="H3042" i="10"/>
  <c r="H3043" i="10"/>
  <c r="H3044" i="10"/>
  <c r="H3045" i="10"/>
  <c r="H3046" i="10"/>
  <c r="H3047" i="10"/>
  <c r="H3048" i="10"/>
  <c r="H3049" i="10"/>
  <c r="H3050" i="10"/>
  <c r="H3051" i="10"/>
  <c r="H3052" i="10"/>
  <c r="H3053" i="10"/>
  <c r="H3054" i="10"/>
  <c r="H3055" i="10"/>
  <c r="H3056" i="10"/>
  <c r="H3057" i="10"/>
  <c r="H3058" i="10"/>
  <c r="H3059" i="10"/>
  <c r="H3060" i="10"/>
  <c r="H3061" i="10"/>
  <c r="H3062" i="10"/>
  <c r="H3063" i="10"/>
  <c r="H3064" i="10"/>
  <c r="H3065" i="10"/>
  <c r="H3066" i="10"/>
  <c r="H3067" i="10"/>
  <c r="H3068" i="10"/>
  <c r="H3069" i="10"/>
  <c r="H3070" i="10"/>
  <c r="H3071" i="10"/>
  <c r="H3072" i="10"/>
  <c r="H3073" i="10"/>
  <c r="H3074" i="10"/>
  <c r="H3075" i="10"/>
  <c r="H3076" i="10"/>
  <c r="H3077" i="10"/>
  <c r="H3078" i="10"/>
  <c r="H3079" i="10"/>
  <c r="H3080" i="10"/>
  <c r="H3081" i="10"/>
  <c r="H3082" i="10"/>
  <c r="H3083" i="10"/>
  <c r="H3084" i="10"/>
  <c r="H3085" i="10"/>
  <c r="H3086" i="10"/>
  <c r="H3087" i="10"/>
  <c r="H3088" i="10"/>
  <c r="H3089" i="10"/>
  <c r="H3090" i="10"/>
  <c r="H3091" i="10"/>
  <c r="H3092" i="10"/>
  <c r="H3093" i="10"/>
  <c r="H3094" i="10"/>
  <c r="H3095" i="10"/>
  <c r="H3096" i="10"/>
  <c r="H3097" i="10"/>
  <c r="H3098" i="10"/>
  <c r="H3099" i="10"/>
  <c r="H3100" i="10"/>
  <c r="H3101" i="10"/>
  <c r="H3102" i="10"/>
  <c r="H3103" i="10"/>
  <c r="H3104" i="10"/>
  <c r="H3105" i="10"/>
  <c r="H3106" i="10"/>
  <c r="H3107" i="10"/>
  <c r="H3108" i="10"/>
  <c r="H3109" i="10"/>
  <c r="H3110" i="10"/>
  <c r="H3111" i="10"/>
  <c r="H3112" i="10"/>
  <c r="H3113" i="10"/>
  <c r="H3114" i="10"/>
  <c r="H3115" i="10"/>
  <c r="H3116" i="10"/>
  <c r="H3117" i="10"/>
  <c r="H3118" i="10"/>
  <c r="H3119" i="10"/>
  <c r="H3120" i="10"/>
  <c r="H3121" i="10"/>
  <c r="H3122" i="10"/>
  <c r="H3123" i="10"/>
  <c r="H3124" i="10"/>
  <c r="H3125" i="10"/>
  <c r="H3126" i="10"/>
  <c r="H3127" i="10"/>
  <c r="H3128" i="10"/>
  <c r="H3129" i="10"/>
  <c r="H3130" i="10"/>
  <c r="H3131" i="10"/>
  <c r="H3132" i="10"/>
  <c r="H3133" i="10"/>
  <c r="H3134" i="10"/>
  <c r="H3135" i="10"/>
  <c r="H3136" i="10"/>
  <c r="H3137" i="10"/>
  <c r="H3138" i="10"/>
  <c r="H3139" i="10"/>
  <c r="H3140" i="10"/>
  <c r="H3141" i="10"/>
  <c r="H3142" i="10"/>
  <c r="H3143" i="10"/>
  <c r="H3144" i="10"/>
  <c r="H3145" i="10"/>
  <c r="H3146" i="10"/>
  <c r="H3147" i="10"/>
  <c r="H3148" i="10"/>
  <c r="H3149" i="10"/>
  <c r="H3150" i="10"/>
  <c r="H3151" i="10"/>
  <c r="H3152" i="10"/>
  <c r="H3153" i="10"/>
  <c r="H3154" i="10"/>
  <c r="H3155" i="10"/>
  <c r="H3156" i="10"/>
  <c r="H3157" i="10"/>
  <c r="H3158" i="10"/>
  <c r="H3159" i="10"/>
  <c r="H3160" i="10"/>
  <c r="H3161" i="10"/>
  <c r="H3162" i="10"/>
  <c r="H3163" i="10"/>
  <c r="H3164" i="10"/>
  <c r="H3165" i="10"/>
  <c r="H3166" i="10"/>
  <c r="H3167" i="10"/>
  <c r="H3168" i="10"/>
  <c r="H3169" i="10"/>
  <c r="H3170" i="10"/>
  <c r="H3171" i="10"/>
  <c r="H3172" i="10"/>
  <c r="H3173" i="10"/>
  <c r="H3174" i="10"/>
  <c r="H3175" i="10"/>
  <c r="H3176" i="10"/>
  <c r="H3177" i="10"/>
  <c r="H3178" i="10"/>
  <c r="H3179" i="10"/>
  <c r="H3180" i="10"/>
  <c r="H3181" i="10"/>
  <c r="H3182" i="10"/>
  <c r="H3183" i="10"/>
  <c r="H3184" i="10"/>
  <c r="H3185" i="10"/>
  <c r="H3186" i="10"/>
  <c r="H3187" i="10"/>
  <c r="H3188" i="10"/>
  <c r="H3189" i="10"/>
  <c r="H3190" i="10"/>
  <c r="H3191" i="10"/>
  <c r="H3192" i="10"/>
  <c r="H3193" i="10"/>
  <c r="H3194" i="10"/>
  <c r="H3195" i="10"/>
  <c r="H3196" i="10"/>
  <c r="H3197" i="10"/>
  <c r="H3198" i="10"/>
  <c r="H3199" i="10"/>
  <c r="H3200" i="10"/>
  <c r="H3201" i="10"/>
  <c r="H3202" i="10"/>
  <c r="H3203" i="10"/>
  <c r="H3204" i="10"/>
  <c r="H3205" i="10"/>
  <c r="H3206" i="10"/>
  <c r="H3207" i="10"/>
  <c r="H3208" i="10"/>
  <c r="H3209" i="10"/>
  <c r="H3210" i="10"/>
  <c r="H3211" i="10"/>
  <c r="H3212" i="10"/>
  <c r="H3213" i="10"/>
  <c r="H3214" i="10"/>
  <c r="H3215" i="10"/>
  <c r="H3216" i="10"/>
  <c r="H3217" i="10"/>
  <c r="H3218" i="10"/>
  <c r="H3219" i="10"/>
  <c r="H3220" i="10"/>
  <c r="H3221" i="10"/>
  <c r="H3222" i="10"/>
  <c r="H3223" i="10"/>
  <c r="H3224" i="10"/>
  <c r="H3225" i="10"/>
  <c r="H3226" i="10"/>
  <c r="H3227" i="10"/>
  <c r="H3228" i="10"/>
  <c r="H3229" i="10"/>
  <c r="H3230" i="10"/>
  <c r="H3231" i="10"/>
  <c r="H3232" i="10"/>
  <c r="H3233" i="10"/>
  <c r="H3234" i="10"/>
  <c r="H3235" i="10"/>
  <c r="H3236" i="10"/>
  <c r="H3237" i="10"/>
  <c r="H3238" i="10"/>
  <c r="H3239" i="10"/>
  <c r="H3240" i="10"/>
  <c r="H3241" i="10"/>
  <c r="H3242" i="10"/>
  <c r="H3243" i="10"/>
  <c r="H3244" i="10"/>
  <c r="H3245" i="10"/>
  <c r="H3246" i="10"/>
  <c r="H3247" i="10"/>
  <c r="H3248" i="10"/>
  <c r="H3249" i="10"/>
  <c r="H3250" i="10"/>
  <c r="H3251" i="10"/>
  <c r="H3252" i="10"/>
  <c r="H3253" i="10"/>
  <c r="H3254" i="10"/>
  <c r="H3255" i="10"/>
  <c r="H3256" i="10"/>
  <c r="H3257" i="10"/>
  <c r="H3258" i="10"/>
  <c r="H3259" i="10"/>
  <c r="H3260" i="10"/>
  <c r="H3261" i="10"/>
  <c r="H3262" i="10"/>
  <c r="H3263" i="10"/>
  <c r="H3264" i="10"/>
  <c r="H3265" i="10"/>
  <c r="H3266" i="10"/>
  <c r="H3267" i="10"/>
  <c r="H3268" i="10"/>
  <c r="H3269" i="10"/>
  <c r="H3270" i="10"/>
  <c r="H3271" i="10"/>
  <c r="H3272" i="10"/>
  <c r="H3273" i="10"/>
  <c r="H3274" i="10"/>
  <c r="H3275" i="10"/>
  <c r="H3276" i="10"/>
  <c r="H3277" i="10"/>
  <c r="H3278" i="10"/>
  <c r="H3279" i="10"/>
  <c r="H3280" i="10"/>
  <c r="H3281" i="10"/>
  <c r="H3282" i="10"/>
  <c r="H3283" i="10"/>
  <c r="H3284" i="10"/>
  <c r="H3285" i="10"/>
  <c r="H3286" i="10"/>
  <c r="H3287" i="10"/>
  <c r="H3288" i="10"/>
  <c r="H3289" i="10"/>
  <c r="H3290" i="10"/>
  <c r="H3291" i="10"/>
  <c r="H3292" i="10"/>
  <c r="H3293" i="10"/>
  <c r="H3294" i="10"/>
  <c r="H3295" i="10"/>
  <c r="H3296" i="10"/>
  <c r="H3297" i="10"/>
  <c r="H3298" i="10"/>
  <c r="H3299" i="10"/>
  <c r="H3300" i="10"/>
  <c r="H3301" i="10"/>
  <c r="H3302" i="10"/>
  <c r="H3303" i="10"/>
  <c r="H3304" i="10"/>
  <c r="H3305" i="10"/>
  <c r="H3306" i="10"/>
  <c r="H3307" i="10"/>
  <c r="H3308" i="10"/>
  <c r="H3309" i="10"/>
  <c r="H3310" i="10"/>
  <c r="H3311" i="10"/>
  <c r="H3312" i="10"/>
  <c r="H3313" i="10"/>
  <c r="H3314" i="10"/>
  <c r="H3315" i="10"/>
  <c r="H3316" i="10"/>
  <c r="H3317" i="10"/>
  <c r="H3318" i="10"/>
  <c r="H3319" i="10"/>
  <c r="H3320" i="10"/>
  <c r="H3321" i="10"/>
  <c r="H3322" i="10"/>
  <c r="H3323" i="10"/>
  <c r="H3324" i="10"/>
  <c r="H3325" i="10"/>
  <c r="H3326" i="10"/>
  <c r="H3327" i="10"/>
  <c r="H3328" i="10"/>
  <c r="H3329" i="10"/>
  <c r="H3330" i="10"/>
  <c r="H3331" i="10"/>
  <c r="H3332" i="10"/>
  <c r="H3333" i="10"/>
  <c r="H3334" i="10"/>
  <c r="H3335" i="10"/>
  <c r="H3336" i="10"/>
  <c r="H3337" i="10"/>
  <c r="H3338" i="10"/>
  <c r="H3339" i="10"/>
  <c r="H3340" i="10"/>
  <c r="H3341" i="10"/>
  <c r="H3342" i="10"/>
  <c r="H3343" i="10"/>
  <c r="H3344" i="10"/>
  <c r="H3345" i="10"/>
  <c r="H3346" i="10"/>
  <c r="H3347" i="10"/>
  <c r="H3348" i="10"/>
  <c r="H3349" i="10"/>
  <c r="H3350" i="10"/>
  <c r="H3351" i="10"/>
  <c r="H3352" i="10"/>
  <c r="H3353" i="10"/>
  <c r="H3354" i="10"/>
  <c r="H3355" i="10"/>
  <c r="H3356" i="10"/>
  <c r="H3357" i="10"/>
  <c r="H3358" i="10"/>
  <c r="H3359" i="10"/>
  <c r="H3360" i="10"/>
  <c r="H3361" i="10"/>
  <c r="H3362" i="10"/>
  <c r="H3363" i="10"/>
  <c r="H3364" i="10"/>
  <c r="H3365" i="10"/>
  <c r="H3366" i="10"/>
  <c r="H3367" i="10"/>
  <c r="H3368" i="10"/>
  <c r="H3369" i="10"/>
  <c r="H3370" i="10"/>
  <c r="H3371" i="10"/>
  <c r="H3372" i="10"/>
  <c r="H3373" i="10"/>
  <c r="H3374" i="10"/>
  <c r="H3375" i="10"/>
  <c r="H3376" i="10"/>
  <c r="H3377" i="10"/>
  <c r="H3378" i="10"/>
  <c r="H3379" i="10"/>
  <c r="H3380" i="10"/>
  <c r="H3381" i="10"/>
  <c r="H3382" i="10"/>
  <c r="H3383" i="10"/>
  <c r="H3384" i="10"/>
  <c r="H3385" i="10"/>
  <c r="H3386" i="10"/>
  <c r="H3387" i="10"/>
  <c r="H3388" i="10"/>
  <c r="H3389" i="10"/>
  <c r="H3390" i="10"/>
  <c r="H3391" i="10"/>
  <c r="H3392" i="10"/>
  <c r="H3393" i="10"/>
  <c r="H3394" i="10"/>
  <c r="H3395" i="10"/>
  <c r="H3396" i="10"/>
  <c r="H3397" i="10"/>
  <c r="H3398" i="10"/>
  <c r="H3399" i="10"/>
  <c r="H3400" i="10"/>
  <c r="H3401" i="10"/>
  <c r="H3402" i="10"/>
  <c r="H3403" i="10"/>
  <c r="H3404" i="10"/>
  <c r="H3405" i="10"/>
  <c r="H3406" i="10"/>
  <c r="H3407" i="10"/>
  <c r="H3408" i="10"/>
  <c r="H3409" i="10"/>
  <c r="H3410" i="10"/>
  <c r="H3411" i="10"/>
  <c r="H3412" i="10"/>
  <c r="H3413" i="10"/>
  <c r="H3414" i="10"/>
  <c r="H3415" i="10"/>
  <c r="H3416" i="10"/>
  <c r="H3417" i="10"/>
  <c r="H3418" i="10"/>
  <c r="H3419" i="10"/>
  <c r="H3420" i="10"/>
  <c r="H3421" i="10"/>
  <c r="H3422" i="10"/>
  <c r="H3423" i="10"/>
  <c r="H3424" i="10"/>
  <c r="H3425" i="10"/>
  <c r="H3426" i="10"/>
  <c r="H3427" i="10"/>
  <c r="H3428" i="10"/>
  <c r="H3429" i="10"/>
  <c r="H3430" i="10"/>
  <c r="H3431" i="10"/>
  <c r="H3432" i="10"/>
  <c r="H3433" i="10"/>
  <c r="H3434" i="10"/>
  <c r="H3435" i="10"/>
  <c r="H3436" i="10"/>
  <c r="H3437" i="10"/>
  <c r="H3438" i="10"/>
  <c r="H3439" i="10"/>
  <c r="H3440" i="10"/>
  <c r="H3441" i="10"/>
  <c r="H3442" i="10"/>
  <c r="H3443" i="10"/>
  <c r="H3444" i="10"/>
  <c r="H3445" i="10"/>
  <c r="H3446" i="10"/>
  <c r="H3447" i="10"/>
  <c r="H3448" i="10"/>
  <c r="H3449" i="10"/>
  <c r="H3450" i="10"/>
  <c r="H3451" i="10"/>
  <c r="H3452" i="10"/>
  <c r="H3453" i="10"/>
  <c r="H3454" i="10"/>
  <c r="H3455" i="10"/>
  <c r="H3456" i="10"/>
  <c r="H3457" i="10"/>
  <c r="H3458" i="10"/>
  <c r="H3459" i="10"/>
  <c r="H3460" i="10"/>
  <c r="H3461" i="10"/>
  <c r="H3462" i="10"/>
  <c r="H3463" i="10"/>
  <c r="H3464" i="10"/>
  <c r="H3465" i="10"/>
  <c r="H3466" i="10"/>
  <c r="H3467" i="10"/>
  <c r="H3468" i="10"/>
  <c r="H3469" i="10"/>
  <c r="H3470" i="10"/>
  <c r="H3471" i="10"/>
  <c r="H3472" i="10"/>
  <c r="H3473" i="10"/>
  <c r="H3474" i="10"/>
  <c r="H3475" i="10"/>
  <c r="H3476" i="10"/>
  <c r="H3477" i="10"/>
  <c r="H3478" i="10"/>
  <c r="H3479" i="10"/>
  <c r="H3480" i="10"/>
  <c r="H3481" i="10"/>
  <c r="H3482" i="10"/>
  <c r="H3483" i="10"/>
  <c r="H3484" i="10"/>
  <c r="H3485" i="10"/>
  <c r="H3486" i="10"/>
  <c r="H3487" i="10"/>
  <c r="H3488" i="10"/>
  <c r="H3489" i="10"/>
  <c r="H3490" i="10"/>
  <c r="H3491" i="10"/>
  <c r="H3492" i="10"/>
  <c r="H3493" i="10"/>
  <c r="H3494" i="10"/>
  <c r="H3495" i="10"/>
  <c r="H3496" i="10"/>
  <c r="H3497" i="10"/>
  <c r="H3498" i="10"/>
  <c r="H3499" i="10"/>
  <c r="H3500" i="10"/>
  <c r="H3501" i="10"/>
  <c r="H3502" i="10"/>
  <c r="H3503" i="10"/>
  <c r="H3504" i="10"/>
  <c r="H3505" i="10"/>
  <c r="H3506" i="10"/>
  <c r="H3507" i="10"/>
  <c r="H3508" i="10"/>
  <c r="H3509" i="10"/>
  <c r="H3510" i="10"/>
  <c r="H3511" i="10"/>
  <c r="H3512" i="10"/>
  <c r="H3513" i="10"/>
  <c r="H3514" i="10"/>
  <c r="H3515" i="10"/>
  <c r="H3516" i="10"/>
  <c r="H3517" i="10"/>
  <c r="H3518" i="10"/>
  <c r="H3519" i="10"/>
  <c r="H3520" i="10"/>
  <c r="H3521" i="10"/>
  <c r="H3522" i="10"/>
  <c r="H3523" i="10"/>
  <c r="H3524" i="10"/>
  <c r="H3525" i="10"/>
  <c r="H3526" i="10"/>
  <c r="H3527" i="10"/>
  <c r="H3528" i="10"/>
  <c r="H3529" i="10"/>
  <c r="H3530" i="10"/>
  <c r="H3531" i="10"/>
  <c r="H3532" i="10"/>
  <c r="H3533" i="10"/>
  <c r="H3534" i="10"/>
  <c r="H3535" i="10"/>
  <c r="H3536" i="10"/>
  <c r="H3537" i="10"/>
  <c r="H3538" i="10"/>
  <c r="H3539" i="10"/>
  <c r="H3540" i="10"/>
  <c r="H3541" i="10"/>
  <c r="H3542" i="10"/>
  <c r="H3543" i="10"/>
  <c r="H3544" i="10"/>
  <c r="H3545" i="10"/>
  <c r="H3546" i="10"/>
  <c r="H3547" i="10"/>
  <c r="H3548" i="10"/>
  <c r="H3549" i="10"/>
  <c r="H3550" i="10"/>
  <c r="H3551" i="10"/>
  <c r="H3552" i="10"/>
  <c r="H3553" i="10"/>
  <c r="H3554" i="10"/>
  <c r="H3555" i="10"/>
  <c r="H3556" i="10"/>
  <c r="H3557" i="10"/>
  <c r="H3558" i="10"/>
  <c r="H3559" i="10"/>
  <c r="H3560" i="10"/>
  <c r="H3561" i="10"/>
  <c r="H3562" i="10"/>
  <c r="H3563" i="10"/>
  <c r="H3564" i="10"/>
  <c r="H3565" i="10"/>
  <c r="H3566" i="10"/>
  <c r="H3567" i="10"/>
  <c r="H3568" i="10"/>
  <c r="H3569" i="10"/>
  <c r="H3570" i="10"/>
  <c r="H3571" i="10"/>
  <c r="H3572" i="10"/>
  <c r="H3573" i="10"/>
  <c r="H3574" i="10"/>
  <c r="H3575" i="10"/>
  <c r="H3576" i="10"/>
  <c r="H3577" i="10"/>
  <c r="H3578" i="10"/>
  <c r="H3579" i="10"/>
  <c r="H3580" i="10"/>
  <c r="H3581" i="10"/>
  <c r="H3582" i="10"/>
  <c r="H3583" i="10"/>
  <c r="H3584" i="10"/>
  <c r="H3585" i="10"/>
  <c r="H3586" i="10"/>
  <c r="H3587" i="10"/>
  <c r="H3588" i="10"/>
  <c r="H3589" i="10"/>
  <c r="H3590" i="10"/>
  <c r="H3591" i="10"/>
  <c r="H3592" i="10"/>
  <c r="H3593" i="10"/>
  <c r="H3594" i="10"/>
  <c r="H3595" i="10"/>
  <c r="H3596" i="10"/>
  <c r="H3597" i="10"/>
  <c r="H3598" i="10"/>
  <c r="H3599" i="10"/>
  <c r="H3600" i="10"/>
  <c r="H3601" i="10"/>
  <c r="H3602" i="10"/>
  <c r="H3603" i="10"/>
  <c r="H3604" i="10"/>
  <c r="H3605" i="10"/>
  <c r="H3606" i="10"/>
  <c r="H3607" i="10"/>
  <c r="H3608" i="10"/>
  <c r="H3609" i="10"/>
  <c r="H3610" i="10"/>
  <c r="H3611" i="10"/>
  <c r="H3612" i="10"/>
  <c r="H3613" i="10"/>
  <c r="H3614" i="10"/>
  <c r="H3615" i="10"/>
  <c r="H3616" i="10"/>
  <c r="H3617" i="10"/>
  <c r="H3618" i="10"/>
  <c r="H3619" i="10"/>
  <c r="H3620" i="10"/>
  <c r="H3621" i="10"/>
  <c r="H3622" i="10"/>
  <c r="H3623" i="10"/>
  <c r="H3624" i="10"/>
  <c r="H3625" i="10"/>
  <c r="H3626" i="10"/>
  <c r="H3627" i="10"/>
  <c r="H3628" i="10"/>
  <c r="H3629" i="10"/>
  <c r="H3630" i="10"/>
  <c r="H3631" i="10"/>
  <c r="H3632" i="10"/>
  <c r="H3633" i="10"/>
  <c r="H3634" i="10"/>
  <c r="H3635" i="10"/>
  <c r="H3636" i="10"/>
  <c r="H3637" i="10"/>
  <c r="H3638" i="10"/>
  <c r="H3639" i="10"/>
  <c r="H3640" i="10"/>
  <c r="H3641" i="10"/>
  <c r="H3642" i="10"/>
  <c r="H3643" i="10"/>
  <c r="H3644" i="10"/>
  <c r="H3645" i="10"/>
  <c r="H3646" i="10"/>
  <c r="H3647" i="10"/>
  <c r="H3648" i="10"/>
  <c r="H3649" i="10"/>
  <c r="H3650" i="10"/>
  <c r="H3651" i="10"/>
  <c r="H3652" i="10"/>
  <c r="H3653" i="10"/>
  <c r="H3654" i="10"/>
  <c r="H3655" i="10"/>
  <c r="H3656" i="10"/>
  <c r="H3657" i="10"/>
  <c r="H3658" i="10"/>
  <c r="H3659" i="10"/>
  <c r="H3660" i="10"/>
  <c r="H3661" i="10"/>
  <c r="H3662" i="10"/>
  <c r="H3663" i="10"/>
  <c r="H3664" i="10"/>
  <c r="H3665" i="10"/>
  <c r="H3666" i="10"/>
  <c r="H3667" i="10"/>
  <c r="H3668" i="10"/>
  <c r="H3669" i="10"/>
  <c r="H3670" i="10"/>
  <c r="H3671" i="10"/>
  <c r="H3672" i="10"/>
  <c r="H3673" i="10"/>
  <c r="H3674" i="10"/>
  <c r="H3675" i="10"/>
  <c r="H3676" i="10"/>
  <c r="H3677" i="10"/>
  <c r="H3678" i="10"/>
  <c r="H3679" i="10"/>
  <c r="H3680" i="10"/>
  <c r="H3681" i="10"/>
  <c r="H3682" i="10"/>
  <c r="H3683" i="10"/>
  <c r="H3684" i="10"/>
  <c r="H3685" i="10"/>
  <c r="H3686" i="10"/>
  <c r="H3687" i="10"/>
  <c r="H3688" i="10"/>
  <c r="H3689" i="10"/>
  <c r="H3690" i="10"/>
  <c r="H3691" i="10"/>
  <c r="H3692" i="10"/>
  <c r="H3693" i="10"/>
  <c r="H3694" i="10"/>
  <c r="H3695" i="10"/>
  <c r="H3696" i="10"/>
  <c r="H3697" i="10"/>
  <c r="H3698" i="10"/>
  <c r="H3699" i="10"/>
  <c r="H3700" i="10"/>
  <c r="H3701" i="10"/>
  <c r="H3702" i="10"/>
  <c r="H3703" i="10"/>
  <c r="H3704" i="10"/>
  <c r="H3705" i="10"/>
  <c r="H3706" i="10"/>
  <c r="H3707" i="10"/>
  <c r="H3708" i="10"/>
  <c r="H3709" i="10"/>
  <c r="H3710" i="10"/>
  <c r="H3711" i="10"/>
  <c r="H3712" i="10"/>
  <c r="H3713" i="10"/>
  <c r="H3714" i="10"/>
  <c r="H3715" i="10"/>
  <c r="H3716" i="10"/>
  <c r="H3717" i="10"/>
  <c r="H3718" i="10"/>
  <c r="H3719" i="10"/>
  <c r="H3720" i="10"/>
  <c r="H3721" i="10"/>
  <c r="H3722" i="10"/>
  <c r="H3723" i="10"/>
  <c r="H3724" i="10"/>
  <c r="H3725" i="10"/>
  <c r="H3726" i="10"/>
  <c r="H3727" i="10"/>
  <c r="H3728" i="10"/>
  <c r="H3729" i="10"/>
  <c r="H3730" i="10"/>
  <c r="H3731" i="10"/>
  <c r="H3732" i="10"/>
  <c r="H3733" i="10"/>
  <c r="H3734" i="10"/>
  <c r="H3735" i="10"/>
  <c r="H3736" i="10"/>
  <c r="H3737" i="10"/>
  <c r="H3738" i="10"/>
  <c r="H3739" i="10"/>
  <c r="H3740" i="10"/>
  <c r="H3741" i="10"/>
  <c r="H3742" i="10"/>
  <c r="H3743" i="10"/>
  <c r="H3744" i="10"/>
  <c r="H3745" i="10"/>
  <c r="H3746" i="10"/>
  <c r="H3747" i="10"/>
  <c r="H3748" i="10"/>
  <c r="H3749" i="10"/>
  <c r="H3750" i="10"/>
  <c r="H3751" i="10"/>
  <c r="H3752" i="10"/>
  <c r="H3753" i="10"/>
  <c r="H3754" i="10"/>
  <c r="H3755" i="10"/>
  <c r="H3756" i="10"/>
  <c r="H3757" i="10"/>
  <c r="H3758" i="10"/>
  <c r="H3759" i="10"/>
  <c r="H3760" i="10"/>
  <c r="H3761" i="10"/>
  <c r="H3762" i="10"/>
  <c r="H3763" i="10"/>
  <c r="H3764" i="10"/>
  <c r="H3765" i="10"/>
  <c r="H3766" i="10"/>
  <c r="H3767" i="10"/>
  <c r="H3768" i="10"/>
  <c r="H3769" i="10"/>
  <c r="H3770" i="10"/>
  <c r="H3771" i="10"/>
  <c r="H3772" i="10"/>
  <c r="H3773" i="10"/>
  <c r="H3774" i="10"/>
  <c r="H3775" i="10"/>
  <c r="H3776" i="10"/>
  <c r="H3777" i="10"/>
  <c r="H3778" i="10"/>
  <c r="H3779" i="10"/>
  <c r="H3780" i="10"/>
  <c r="H3781" i="10"/>
  <c r="H3782" i="10"/>
  <c r="H3783" i="10"/>
  <c r="H3784" i="10"/>
  <c r="H3785" i="10"/>
  <c r="H3786" i="10"/>
  <c r="H3787" i="10"/>
  <c r="H3788" i="10"/>
  <c r="H3789" i="10"/>
  <c r="H3790" i="10"/>
  <c r="H3791" i="10"/>
  <c r="H3792" i="10"/>
  <c r="H3793" i="10"/>
  <c r="H3794" i="10"/>
  <c r="H3795" i="10"/>
  <c r="H3796" i="10"/>
  <c r="H3797" i="10"/>
  <c r="H3798" i="10"/>
  <c r="H3799" i="10"/>
  <c r="H3800" i="10"/>
  <c r="H3801" i="10"/>
  <c r="H3802" i="10"/>
  <c r="H3803" i="10"/>
  <c r="H3804" i="10"/>
  <c r="H3805" i="10"/>
  <c r="H3806" i="10"/>
  <c r="H3807" i="10"/>
  <c r="H3808" i="10"/>
  <c r="H3809" i="10"/>
  <c r="H3810" i="10"/>
  <c r="H3811" i="10"/>
  <c r="H3812" i="10"/>
  <c r="H3813" i="10"/>
  <c r="H3814" i="10"/>
  <c r="H3815" i="10"/>
  <c r="H3816" i="10"/>
  <c r="H3817" i="10"/>
  <c r="H3818" i="10"/>
  <c r="H3819" i="10"/>
  <c r="H3820" i="10"/>
  <c r="H3821" i="10"/>
  <c r="H3822" i="10"/>
  <c r="H3823" i="10"/>
  <c r="H3824" i="10"/>
  <c r="H3825" i="10"/>
  <c r="H3826" i="10"/>
  <c r="H3827" i="10"/>
  <c r="H3828" i="10"/>
  <c r="H3829" i="10"/>
  <c r="H3830" i="10"/>
  <c r="H3831" i="10"/>
  <c r="H3832" i="10"/>
  <c r="H3833" i="10"/>
  <c r="H3834" i="10"/>
  <c r="H3835" i="10"/>
  <c r="H3836" i="10"/>
  <c r="H3837" i="10"/>
  <c r="H3838" i="10"/>
  <c r="H3839" i="10"/>
  <c r="H3840" i="10"/>
  <c r="H3841" i="10"/>
  <c r="H3842" i="10"/>
  <c r="H3843" i="10"/>
  <c r="H3844" i="10"/>
  <c r="H3845" i="10"/>
  <c r="H3846" i="10"/>
  <c r="H3847" i="10"/>
  <c r="H3848" i="10"/>
  <c r="H3849" i="10"/>
  <c r="H3850" i="10"/>
  <c r="H3851" i="10"/>
  <c r="H3852" i="10"/>
  <c r="H3853" i="10"/>
  <c r="H3854" i="10"/>
  <c r="H3855" i="10"/>
  <c r="H3856" i="10"/>
  <c r="H3857" i="10"/>
  <c r="H3858" i="10"/>
  <c r="H3859" i="10"/>
  <c r="H3860" i="10"/>
  <c r="H3861" i="10"/>
  <c r="H3862" i="10"/>
  <c r="H3863" i="10"/>
  <c r="H3864" i="10"/>
  <c r="H3865" i="10"/>
  <c r="H3866" i="10"/>
  <c r="H3867" i="10"/>
  <c r="H3868" i="10"/>
  <c r="H3869" i="10"/>
  <c r="H3870" i="10"/>
  <c r="H3871" i="10"/>
  <c r="H3872" i="10"/>
  <c r="H3873" i="10"/>
  <c r="H3874" i="10"/>
  <c r="H3875" i="10"/>
  <c r="H3876" i="10"/>
  <c r="H3877" i="10"/>
  <c r="H3878" i="10"/>
  <c r="H3879" i="10"/>
  <c r="H3880" i="10"/>
  <c r="H3881" i="10"/>
  <c r="H3882" i="10"/>
  <c r="H3883" i="10"/>
  <c r="H3884" i="10"/>
  <c r="H3885" i="10"/>
  <c r="H3886" i="10"/>
  <c r="H3887" i="10"/>
  <c r="H3888" i="10"/>
  <c r="H3889" i="10"/>
  <c r="H3890" i="10"/>
  <c r="H3891" i="10"/>
  <c r="H3892" i="10"/>
  <c r="H3893" i="10"/>
  <c r="H3894" i="10"/>
  <c r="H3895" i="10"/>
  <c r="H3896" i="10"/>
  <c r="H3897" i="10"/>
  <c r="H3898" i="10"/>
  <c r="H3899" i="10"/>
  <c r="H3900" i="10"/>
  <c r="H3901" i="10"/>
  <c r="H3902" i="10"/>
  <c r="H3903" i="10"/>
  <c r="H3904" i="10"/>
  <c r="H3905" i="10"/>
  <c r="H3906" i="10"/>
  <c r="H3907" i="10"/>
  <c r="H3908" i="10"/>
  <c r="H3909" i="10"/>
  <c r="H3910" i="10"/>
  <c r="H3911" i="10"/>
  <c r="H3912" i="10"/>
  <c r="H3913" i="10"/>
  <c r="H3914" i="10"/>
  <c r="H3915" i="10"/>
  <c r="H3916" i="10"/>
  <c r="H3917" i="10"/>
  <c r="H3918" i="10"/>
  <c r="H3919" i="10"/>
  <c r="H3920" i="10"/>
  <c r="H3921" i="10"/>
  <c r="H3922" i="10"/>
  <c r="H3923" i="10"/>
  <c r="H3924" i="10"/>
  <c r="H3925" i="10"/>
  <c r="H3926" i="10"/>
  <c r="H3927" i="10"/>
  <c r="H3928" i="10"/>
  <c r="H3929" i="10"/>
  <c r="H3930" i="10"/>
  <c r="H3931" i="10"/>
  <c r="H3932" i="10"/>
  <c r="H3933" i="10"/>
  <c r="H3934" i="10"/>
  <c r="H3935" i="10"/>
  <c r="H3936" i="10"/>
  <c r="H3937" i="10"/>
  <c r="H3938" i="10"/>
  <c r="H3939" i="10"/>
  <c r="H3940" i="10"/>
  <c r="H3941" i="10"/>
  <c r="H3942" i="10"/>
  <c r="H3943" i="10"/>
  <c r="H3944" i="10"/>
  <c r="H3945" i="10"/>
  <c r="H3946" i="10"/>
  <c r="H3947" i="10"/>
  <c r="H3948" i="10"/>
  <c r="H3949" i="10"/>
  <c r="H3950" i="10"/>
  <c r="H3951" i="10"/>
  <c r="H3952" i="10"/>
  <c r="H3953" i="10"/>
  <c r="H3954" i="10"/>
  <c r="H3955" i="10"/>
  <c r="H3956" i="10"/>
  <c r="H3957" i="10"/>
  <c r="H3958" i="10"/>
  <c r="H3959" i="10"/>
  <c r="H3960" i="10"/>
  <c r="H3961" i="10"/>
  <c r="H3962" i="10"/>
  <c r="H3963" i="10"/>
  <c r="H3964" i="10"/>
  <c r="H3965" i="10"/>
  <c r="H3966" i="10"/>
  <c r="H3967" i="10"/>
  <c r="H3968" i="10"/>
  <c r="H3969" i="10"/>
  <c r="H3970" i="10"/>
  <c r="H3971" i="10"/>
  <c r="H3972" i="10"/>
  <c r="H3973" i="10"/>
  <c r="H3974" i="10"/>
  <c r="H3975" i="10"/>
  <c r="H3976" i="10"/>
  <c r="H3977" i="10"/>
  <c r="H3978" i="10"/>
  <c r="H3979" i="10"/>
  <c r="H3980" i="10"/>
  <c r="H3981" i="10"/>
  <c r="H3982" i="10"/>
  <c r="H3983" i="10"/>
  <c r="H3984" i="10"/>
  <c r="H3985" i="10"/>
  <c r="H3986" i="10"/>
  <c r="H3987" i="10"/>
  <c r="H3988" i="10"/>
  <c r="H3989" i="10"/>
  <c r="H3990" i="10"/>
  <c r="H3991" i="10"/>
  <c r="H3992" i="10"/>
  <c r="H3993" i="10"/>
  <c r="H3994" i="10"/>
  <c r="H3995" i="10"/>
  <c r="H3996" i="10"/>
  <c r="H3997" i="10"/>
  <c r="H3998" i="10"/>
  <c r="H3999" i="10"/>
  <c r="H4000" i="10"/>
  <c r="H4001" i="10"/>
  <c r="H4002" i="10"/>
  <c r="H4003" i="10"/>
  <c r="H4004" i="10"/>
  <c r="H4005" i="10"/>
  <c r="H4006" i="10"/>
  <c r="H4007" i="10"/>
  <c r="H4008" i="10"/>
  <c r="H4009" i="10"/>
  <c r="H4010" i="10"/>
  <c r="H4011" i="10"/>
  <c r="H4012" i="10"/>
  <c r="H4013" i="10"/>
  <c r="H4014" i="10"/>
  <c r="H4015" i="10"/>
  <c r="H4016" i="10"/>
  <c r="H4017" i="10"/>
  <c r="H4018" i="10"/>
  <c r="H4019" i="10"/>
  <c r="H4020" i="10"/>
  <c r="H4021" i="10"/>
  <c r="H4022" i="10"/>
  <c r="H4023" i="10"/>
  <c r="H4024" i="10"/>
  <c r="H4025" i="10"/>
  <c r="H4026" i="10"/>
  <c r="H4027" i="10"/>
  <c r="H4028" i="10"/>
  <c r="H4029" i="10"/>
  <c r="H4030" i="10"/>
  <c r="H4031" i="10"/>
  <c r="H4032" i="10"/>
  <c r="H4033" i="10"/>
  <c r="H4034" i="10"/>
  <c r="H4035" i="10"/>
  <c r="H4036" i="10"/>
  <c r="H4037" i="10"/>
  <c r="H4038" i="10"/>
  <c r="H4039" i="10"/>
  <c r="H4040" i="10"/>
  <c r="H4041" i="10"/>
  <c r="H4042" i="10"/>
  <c r="H4043" i="10"/>
  <c r="H4044" i="10"/>
  <c r="H4045" i="10"/>
  <c r="H4046" i="10"/>
  <c r="H4047" i="10"/>
  <c r="H4048" i="10"/>
  <c r="H4049" i="10"/>
  <c r="H4050" i="10"/>
  <c r="H4051" i="10"/>
  <c r="H4052" i="10"/>
  <c r="H4053" i="10"/>
  <c r="H4054" i="10"/>
  <c r="H4055" i="10"/>
  <c r="H4056" i="10"/>
  <c r="H4057" i="10"/>
  <c r="H4058" i="10"/>
  <c r="H4059" i="10"/>
  <c r="H4060" i="10"/>
  <c r="H4061" i="10"/>
  <c r="H4062" i="10"/>
  <c r="H4063" i="10"/>
  <c r="H4064" i="10"/>
  <c r="H4065" i="10"/>
  <c r="H4066" i="10"/>
  <c r="H4067" i="10"/>
  <c r="H4068" i="10"/>
  <c r="H4069" i="10"/>
  <c r="H4070" i="10"/>
  <c r="H4071" i="10"/>
  <c r="H4072" i="10"/>
  <c r="H4073" i="10"/>
  <c r="H4074" i="10"/>
  <c r="H4075" i="10"/>
  <c r="H4076" i="10"/>
  <c r="H4077" i="10"/>
  <c r="H4078" i="10"/>
  <c r="H4079" i="10"/>
  <c r="H4080" i="10"/>
  <c r="H4081" i="10"/>
  <c r="H4082" i="10"/>
  <c r="H4083" i="10"/>
  <c r="H4084" i="10"/>
  <c r="H4085" i="10"/>
  <c r="H4086" i="10"/>
  <c r="H4087" i="10"/>
  <c r="H4088" i="10"/>
  <c r="H4089" i="10"/>
  <c r="H4090" i="10"/>
  <c r="H4091" i="10"/>
  <c r="H4092" i="10"/>
  <c r="H4093" i="10"/>
  <c r="H4094" i="10"/>
  <c r="H4095" i="10"/>
  <c r="H4096" i="10"/>
  <c r="H4097" i="10"/>
  <c r="H4098" i="10"/>
  <c r="H4099" i="10"/>
  <c r="H4100" i="10"/>
  <c r="H4101" i="10"/>
  <c r="H4102" i="10"/>
  <c r="H4103" i="10"/>
  <c r="H4104" i="10"/>
  <c r="H4105" i="10"/>
  <c r="H4106" i="10"/>
  <c r="H4107" i="10"/>
  <c r="H4108" i="10"/>
  <c r="H4109" i="10"/>
  <c r="H4110" i="10"/>
  <c r="H4111" i="10"/>
  <c r="H4112" i="10"/>
  <c r="H4113" i="10"/>
  <c r="H4114" i="10"/>
  <c r="H4115" i="10"/>
  <c r="H4116" i="10"/>
  <c r="H4117" i="10"/>
  <c r="H4118" i="10"/>
  <c r="H4119" i="10"/>
  <c r="H4120" i="10"/>
  <c r="H4121" i="10"/>
  <c r="H4122" i="10"/>
  <c r="H4123" i="10"/>
  <c r="H4124" i="10"/>
  <c r="H4125" i="10"/>
  <c r="H4126" i="10"/>
  <c r="H4127" i="10"/>
  <c r="H4128" i="10"/>
  <c r="H4129" i="10"/>
  <c r="H4130" i="10"/>
  <c r="H4131" i="10"/>
  <c r="H4132" i="10"/>
  <c r="H4133" i="10"/>
  <c r="H4134" i="10"/>
  <c r="H4135" i="10"/>
  <c r="H4136" i="10"/>
  <c r="H4137" i="10"/>
  <c r="H4138" i="10"/>
  <c r="H4139" i="10"/>
  <c r="H4140" i="10"/>
  <c r="H4141" i="10"/>
  <c r="H4142" i="10"/>
  <c r="H4143" i="10"/>
  <c r="H4144" i="10"/>
  <c r="H4145" i="10"/>
  <c r="H4146" i="10"/>
  <c r="H4147" i="10"/>
  <c r="H4148" i="10"/>
  <c r="H4149" i="10"/>
  <c r="H4150" i="10"/>
  <c r="H4151" i="10"/>
  <c r="H4152" i="10"/>
  <c r="H4153" i="10"/>
  <c r="H4154" i="10"/>
  <c r="H4155" i="10"/>
  <c r="H4156" i="10"/>
  <c r="H4157" i="10"/>
  <c r="H4158" i="10"/>
  <c r="H4159" i="10"/>
  <c r="H4160" i="10"/>
  <c r="H4161" i="10"/>
  <c r="H4162" i="10"/>
  <c r="H4163" i="10"/>
  <c r="H4164" i="10"/>
  <c r="H4165" i="10"/>
  <c r="H4166" i="10"/>
  <c r="H4167" i="10"/>
  <c r="H4168" i="10"/>
  <c r="H4169" i="10"/>
  <c r="H4170" i="10"/>
  <c r="H4171" i="10"/>
  <c r="H4172" i="10"/>
  <c r="H4173" i="10"/>
  <c r="H4174" i="10"/>
  <c r="H4175" i="10"/>
  <c r="H4176" i="10"/>
  <c r="H4177" i="10"/>
  <c r="H4178" i="10"/>
  <c r="H4179" i="10"/>
  <c r="H4180" i="10"/>
  <c r="H4181" i="10"/>
  <c r="H4182" i="10"/>
  <c r="H4183" i="10"/>
  <c r="H4184" i="10"/>
  <c r="H4185" i="10"/>
  <c r="H4186" i="10"/>
  <c r="H4187" i="10"/>
  <c r="H4188" i="10"/>
  <c r="H4189" i="10"/>
  <c r="H4190" i="10"/>
  <c r="H4191" i="10"/>
  <c r="H4192" i="10"/>
  <c r="H4193" i="10"/>
  <c r="H4194" i="10"/>
  <c r="H4195" i="10"/>
  <c r="H4196" i="10"/>
  <c r="H4197" i="10"/>
  <c r="H4198" i="10"/>
  <c r="H4199" i="10"/>
  <c r="H4200" i="10"/>
  <c r="H4201" i="10"/>
  <c r="H4202" i="10"/>
  <c r="H4203" i="10"/>
  <c r="H4204" i="10"/>
  <c r="H4205" i="10"/>
  <c r="H4206" i="10"/>
  <c r="H4207" i="10"/>
  <c r="H4208" i="10"/>
  <c r="H4209" i="10"/>
  <c r="H4210" i="10"/>
  <c r="H4211" i="10"/>
  <c r="H4212" i="10"/>
  <c r="H4213" i="10"/>
  <c r="H4214" i="10"/>
  <c r="H4215" i="10"/>
  <c r="H4216" i="10"/>
  <c r="H4217" i="10"/>
  <c r="H4218" i="10"/>
  <c r="H4219" i="10"/>
  <c r="H4220" i="10"/>
  <c r="H4221" i="10"/>
  <c r="H4222" i="10"/>
  <c r="H4223" i="10"/>
  <c r="H4224" i="10"/>
  <c r="H4225" i="10"/>
  <c r="H4226" i="10"/>
  <c r="H4227" i="10"/>
  <c r="H4228" i="10"/>
  <c r="H4229" i="10"/>
  <c r="H4230" i="10"/>
  <c r="H4231" i="10"/>
  <c r="H4232" i="10"/>
  <c r="H4233" i="10"/>
  <c r="H4234" i="10"/>
  <c r="H4235" i="10"/>
  <c r="H4236" i="10"/>
  <c r="H4237" i="10"/>
  <c r="H4238" i="10"/>
  <c r="H4239" i="10"/>
  <c r="H4240" i="10"/>
  <c r="H4241" i="10"/>
  <c r="H4242" i="10"/>
  <c r="H4243" i="10"/>
  <c r="H4244" i="10"/>
  <c r="H4245" i="10"/>
  <c r="H4246" i="10"/>
  <c r="H4247" i="10"/>
  <c r="H4248" i="10"/>
  <c r="H4249" i="10"/>
  <c r="H4250" i="10"/>
  <c r="H4251" i="10"/>
  <c r="H4252" i="10"/>
  <c r="H4253" i="10"/>
  <c r="H4254" i="10"/>
  <c r="H4255" i="10"/>
  <c r="H4256" i="10"/>
  <c r="H4257" i="10"/>
  <c r="H4258" i="10"/>
  <c r="H4259" i="10"/>
  <c r="H4260" i="10"/>
  <c r="H4261" i="10"/>
  <c r="H4262" i="10"/>
  <c r="H4263" i="10"/>
  <c r="H4264" i="10"/>
  <c r="H4265" i="10"/>
  <c r="H4266" i="10"/>
  <c r="H4267" i="10"/>
  <c r="H4268" i="10"/>
  <c r="H4269" i="10"/>
  <c r="H4270" i="10"/>
  <c r="H4271" i="10"/>
  <c r="H4272" i="10"/>
  <c r="H4273" i="10"/>
  <c r="H4274" i="10"/>
  <c r="H4275" i="10"/>
  <c r="H4276" i="10"/>
  <c r="H4277" i="10"/>
  <c r="H4278" i="10"/>
  <c r="H4279" i="10"/>
  <c r="H4280" i="10"/>
  <c r="H4281" i="10"/>
  <c r="H4282" i="10"/>
  <c r="H4283" i="10"/>
  <c r="H4284" i="10"/>
  <c r="H4285" i="10"/>
  <c r="H4286" i="10"/>
  <c r="H4287" i="10"/>
  <c r="H4288" i="10"/>
  <c r="H4289" i="10"/>
  <c r="H4290" i="10"/>
  <c r="H4291" i="10"/>
  <c r="H4292" i="10"/>
  <c r="H4293" i="10"/>
  <c r="H4294" i="10"/>
  <c r="H4295" i="10"/>
  <c r="H4296" i="10"/>
  <c r="H4297" i="10"/>
  <c r="H4298" i="10"/>
  <c r="H4299" i="10"/>
  <c r="H4300" i="10"/>
  <c r="H4301" i="10"/>
  <c r="H4302" i="10"/>
  <c r="H4303" i="10"/>
  <c r="H4304" i="10"/>
  <c r="H4305" i="10"/>
  <c r="H4306" i="10"/>
  <c r="H4307" i="10"/>
  <c r="H4308" i="10"/>
  <c r="H4309" i="10"/>
  <c r="H4310" i="10"/>
  <c r="H4311" i="10"/>
  <c r="H4312" i="10"/>
  <c r="H4313" i="10"/>
  <c r="H4314" i="10"/>
  <c r="H4315" i="10"/>
  <c r="H4316" i="10"/>
  <c r="H4317" i="10"/>
  <c r="H4318" i="10"/>
  <c r="H4319" i="10"/>
  <c r="H4320" i="10"/>
  <c r="H4321" i="10"/>
  <c r="H4322" i="10"/>
  <c r="H4323" i="10"/>
  <c r="H4324" i="10"/>
  <c r="H4325" i="10"/>
  <c r="H4326" i="10"/>
  <c r="H4327" i="10"/>
  <c r="H4328" i="10"/>
  <c r="H4329" i="10"/>
  <c r="H4330" i="10"/>
  <c r="H4331" i="10"/>
  <c r="H4332" i="10"/>
  <c r="H4333" i="10"/>
  <c r="H4334" i="10"/>
  <c r="H4335" i="10"/>
  <c r="H4336" i="10"/>
  <c r="H4337" i="10"/>
  <c r="H4338" i="10"/>
  <c r="H4339" i="10"/>
  <c r="H4340" i="10"/>
  <c r="H4341" i="10"/>
  <c r="H4342" i="10"/>
  <c r="H4343" i="10"/>
  <c r="H4344" i="10"/>
  <c r="H4345" i="10"/>
  <c r="H4346" i="10"/>
  <c r="H4347" i="10"/>
  <c r="H4348" i="10"/>
  <c r="H4349" i="10"/>
  <c r="H4350" i="10"/>
  <c r="H4351" i="10"/>
  <c r="H4352" i="10"/>
  <c r="H4353" i="10"/>
  <c r="H4354" i="10"/>
  <c r="H4355" i="10"/>
  <c r="H4356" i="10"/>
  <c r="H4357" i="10"/>
  <c r="H4358" i="10"/>
  <c r="H4359" i="10"/>
  <c r="H4360" i="10"/>
  <c r="H4361" i="10"/>
  <c r="H4362" i="10"/>
  <c r="H4363" i="10"/>
  <c r="H4364" i="10"/>
  <c r="H4365" i="10"/>
  <c r="H4366" i="10"/>
  <c r="H4367" i="10"/>
  <c r="H4368" i="10"/>
  <c r="H4369" i="10"/>
  <c r="H4370" i="10"/>
  <c r="H4371" i="10"/>
  <c r="H4372" i="10"/>
  <c r="H4373" i="10"/>
  <c r="H4374" i="10"/>
  <c r="H4375" i="10"/>
  <c r="H4376" i="10"/>
  <c r="H4377" i="10"/>
  <c r="H4378" i="10"/>
  <c r="H4379" i="10"/>
  <c r="H4380" i="10"/>
  <c r="H4381" i="10"/>
  <c r="H4382" i="10"/>
  <c r="H4383" i="10"/>
  <c r="H4384" i="10"/>
  <c r="H4385" i="10"/>
  <c r="H4386" i="10"/>
  <c r="H4387" i="10"/>
  <c r="H4388" i="10"/>
  <c r="H4389" i="10"/>
  <c r="H4390" i="10"/>
  <c r="H4391" i="10"/>
  <c r="H4392" i="10"/>
  <c r="H4393" i="10"/>
  <c r="H4394" i="10"/>
  <c r="H4395" i="10"/>
  <c r="H4396" i="10"/>
  <c r="H4397" i="10"/>
  <c r="H4398" i="10"/>
  <c r="H4399" i="10"/>
  <c r="H4400" i="10"/>
  <c r="H4401" i="10"/>
  <c r="H4402" i="10"/>
  <c r="H4403" i="10"/>
  <c r="H4404" i="10"/>
  <c r="H4405" i="10"/>
  <c r="H4406" i="10"/>
  <c r="H4407" i="10"/>
  <c r="H4408" i="10"/>
  <c r="H4409" i="10"/>
  <c r="H4410" i="10"/>
  <c r="H4411" i="10"/>
  <c r="H4412" i="10"/>
  <c r="H4413" i="10"/>
  <c r="H4414" i="10"/>
  <c r="H4415" i="10"/>
  <c r="H4416" i="10"/>
  <c r="H4417" i="10"/>
  <c r="H4418" i="10"/>
  <c r="H4419" i="10"/>
  <c r="H4420" i="10"/>
  <c r="H4421" i="10"/>
  <c r="H4422" i="10"/>
  <c r="H4423" i="10"/>
  <c r="H4424" i="10"/>
  <c r="H4425" i="10"/>
  <c r="H4426" i="10"/>
  <c r="H4427" i="10"/>
  <c r="H4428" i="10"/>
  <c r="H4429" i="10"/>
  <c r="H4430" i="10"/>
  <c r="H4431" i="10"/>
  <c r="H4432" i="10"/>
  <c r="H4433" i="10"/>
  <c r="H4434" i="10"/>
  <c r="H4435" i="10"/>
  <c r="H4436" i="10"/>
  <c r="H4437" i="10"/>
  <c r="H4438" i="10"/>
  <c r="H4439" i="10"/>
  <c r="H4440" i="10"/>
  <c r="H4441" i="10"/>
  <c r="H4442" i="10"/>
  <c r="H4443" i="10"/>
  <c r="H4444" i="10"/>
  <c r="H4445" i="10"/>
  <c r="H4446" i="10"/>
  <c r="H4447" i="10"/>
  <c r="H4448" i="10"/>
  <c r="H4449" i="10"/>
  <c r="H4450" i="10"/>
  <c r="H4451" i="10"/>
  <c r="H4452" i="10"/>
  <c r="H4453" i="10"/>
  <c r="H4454" i="10"/>
  <c r="H4455" i="10"/>
  <c r="H4456" i="10"/>
  <c r="H4457" i="10"/>
  <c r="H4458" i="10"/>
  <c r="H4459" i="10"/>
  <c r="H4460" i="10"/>
  <c r="H4461" i="10"/>
  <c r="H4462" i="10"/>
  <c r="H4463" i="10"/>
  <c r="H4464" i="10"/>
  <c r="H4465" i="10"/>
  <c r="H4466" i="10"/>
  <c r="H4467" i="10"/>
  <c r="H4468" i="10"/>
  <c r="H4469" i="10"/>
  <c r="H4470" i="10"/>
  <c r="H4471" i="10"/>
  <c r="H4472" i="10"/>
  <c r="H4473" i="10"/>
  <c r="H4474" i="10"/>
  <c r="H4475" i="10"/>
  <c r="H4476" i="10"/>
  <c r="H4477" i="10"/>
  <c r="H4478" i="10"/>
  <c r="H4479" i="10"/>
  <c r="H4480" i="10"/>
  <c r="H4481" i="10"/>
  <c r="H4482" i="10"/>
  <c r="H4483" i="10"/>
  <c r="H4484" i="10"/>
  <c r="H4485" i="10"/>
  <c r="H4486" i="10"/>
  <c r="H4487" i="10"/>
  <c r="H4488" i="10"/>
  <c r="H4489" i="10"/>
  <c r="H4490" i="10"/>
  <c r="H4491" i="10"/>
  <c r="H4492" i="10"/>
  <c r="H4493" i="10"/>
  <c r="H4494" i="10"/>
  <c r="H4495" i="10"/>
  <c r="H4496" i="10"/>
  <c r="H4497" i="10"/>
  <c r="H4498" i="10"/>
  <c r="H4499" i="10"/>
  <c r="H4500" i="10"/>
  <c r="H4501" i="10"/>
  <c r="H4502" i="10"/>
  <c r="H4503" i="10"/>
  <c r="H4504" i="10"/>
  <c r="H4505" i="10"/>
  <c r="H4506" i="10"/>
  <c r="H4507" i="10"/>
  <c r="H4508" i="10"/>
  <c r="H4509" i="10"/>
  <c r="H4510" i="10"/>
  <c r="H4511" i="10"/>
  <c r="H4512" i="10"/>
  <c r="H4513" i="10"/>
  <c r="H4514" i="10"/>
  <c r="H4515" i="10"/>
  <c r="H4516" i="10"/>
  <c r="H4517" i="10"/>
  <c r="H4518" i="10"/>
  <c r="H4519" i="10"/>
  <c r="H4520" i="10"/>
  <c r="H4521" i="10"/>
  <c r="H4522" i="10"/>
  <c r="H4523" i="10"/>
  <c r="H4524" i="10"/>
  <c r="H4525" i="10"/>
  <c r="H4526" i="10"/>
  <c r="H4527" i="10"/>
  <c r="H4528" i="10"/>
  <c r="H4529" i="10"/>
  <c r="H4530" i="10"/>
  <c r="H4531" i="10"/>
  <c r="H4532" i="10"/>
  <c r="H4533" i="10"/>
  <c r="H4534" i="10"/>
  <c r="H4535" i="10"/>
  <c r="H4536" i="10"/>
  <c r="H4537" i="10"/>
  <c r="H4538" i="10"/>
  <c r="H4539" i="10"/>
  <c r="H4540" i="10"/>
  <c r="H4541" i="10"/>
  <c r="H4542" i="10"/>
  <c r="H4543" i="10"/>
  <c r="H4544" i="10"/>
  <c r="H4545" i="10"/>
  <c r="H4546" i="10"/>
  <c r="H4547" i="10"/>
  <c r="H4548" i="10"/>
  <c r="H4549" i="10"/>
  <c r="H4550" i="10"/>
  <c r="H4551" i="10"/>
  <c r="H4552" i="10"/>
  <c r="H4553" i="10"/>
  <c r="H4554" i="10"/>
  <c r="H4555" i="10"/>
  <c r="H4556" i="10"/>
  <c r="H4557" i="10"/>
  <c r="H4558" i="10"/>
  <c r="H4559" i="10"/>
  <c r="H4560" i="10"/>
  <c r="H4561" i="10"/>
  <c r="H4562" i="10"/>
  <c r="H4563" i="10"/>
  <c r="H4564" i="10"/>
  <c r="H4565" i="10"/>
  <c r="H4566" i="10"/>
  <c r="H4567" i="10"/>
  <c r="H4568" i="10"/>
  <c r="H4569" i="10"/>
  <c r="H4570" i="10"/>
  <c r="H4571" i="10"/>
  <c r="H4572" i="10"/>
  <c r="H4573" i="10"/>
  <c r="H4574" i="10"/>
  <c r="H4575" i="10"/>
  <c r="H4576" i="10"/>
  <c r="H4577" i="10"/>
  <c r="H4578" i="10"/>
  <c r="H4579" i="10"/>
  <c r="H4580" i="10"/>
  <c r="H4581" i="10"/>
  <c r="H4582" i="10"/>
  <c r="H4583" i="10"/>
  <c r="H4584" i="10"/>
  <c r="H4585" i="10"/>
  <c r="H4586" i="10"/>
  <c r="H4587" i="10"/>
  <c r="H4588" i="10"/>
  <c r="H4589" i="10"/>
  <c r="H4590" i="10"/>
  <c r="H4591" i="10"/>
  <c r="H4592" i="10"/>
  <c r="H4593" i="10"/>
  <c r="H4594" i="10"/>
  <c r="H4595" i="10"/>
  <c r="H4596" i="10"/>
  <c r="H4597" i="10"/>
  <c r="H4598" i="10"/>
  <c r="H4599" i="10"/>
  <c r="H4600" i="10"/>
  <c r="H4601" i="10"/>
  <c r="H4602" i="10"/>
  <c r="H4603" i="10"/>
  <c r="H4604" i="10"/>
  <c r="H4605" i="10"/>
  <c r="H4606" i="10"/>
  <c r="H4607" i="10"/>
  <c r="H4608" i="10"/>
  <c r="H4609" i="10"/>
  <c r="H4610" i="10"/>
  <c r="H4611" i="10"/>
  <c r="H4612" i="10"/>
  <c r="H4613" i="10"/>
  <c r="H4614" i="10"/>
  <c r="H4615" i="10"/>
  <c r="H4616" i="10"/>
  <c r="H4617" i="10"/>
  <c r="H4618" i="10"/>
  <c r="H4619" i="10"/>
  <c r="H4620" i="10"/>
  <c r="H4621" i="10"/>
  <c r="H4622" i="10"/>
  <c r="H4623" i="10"/>
  <c r="H4624" i="10"/>
  <c r="H4625" i="10"/>
  <c r="H4626" i="10"/>
  <c r="H4627" i="10"/>
  <c r="H4628" i="10"/>
  <c r="H4629" i="10"/>
  <c r="H4630" i="10"/>
  <c r="H4631" i="10"/>
  <c r="H4632" i="10"/>
  <c r="H4633" i="10"/>
  <c r="H4634" i="10"/>
  <c r="H4635" i="10"/>
  <c r="H4636" i="10"/>
  <c r="H4637" i="10"/>
  <c r="H4638" i="10"/>
  <c r="H4639" i="10"/>
  <c r="H4640" i="10"/>
  <c r="H4641" i="10"/>
  <c r="H4642" i="10"/>
  <c r="H4643" i="10"/>
  <c r="H4644" i="10"/>
  <c r="H4645" i="10"/>
  <c r="H4646" i="10"/>
  <c r="H4647" i="10"/>
  <c r="H4648" i="10"/>
  <c r="H4649" i="10"/>
  <c r="H4650" i="10"/>
  <c r="H4651" i="10"/>
  <c r="H4652" i="10"/>
  <c r="H4653" i="10"/>
  <c r="H4654" i="10"/>
  <c r="H4655" i="10"/>
  <c r="H4656" i="10"/>
  <c r="H4657" i="10"/>
  <c r="H4658" i="10"/>
  <c r="H4659" i="10"/>
  <c r="H4660" i="10"/>
  <c r="H4661" i="10"/>
  <c r="H4662" i="10"/>
  <c r="H4663" i="10"/>
  <c r="H4664" i="10"/>
  <c r="H4665" i="10"/>
  <c r="H4666" i="10"/>
  <c r="H4667" i="10"/>
  <c r="H4668" i="10"/>
  <c r="H4669" i="10"/>
  <c r="H4670" i="10"/>
  <c r="H4671" i="10"/>
  <c r="H4672" i="10"/>
  <c r="H4673" i="10"/>
  <c r="H4674" i="10"/>
  <c r="H4675" i="10"/>
  <c r="H4676" i="10"/>
  <c r="H4677" i="10"/>
  <c r="H4678" i="10"/>
  <c r="H4679" i="10"/>
  <c r="H4680" i="10"/>
  <c r="H4681" i="10"/>
  <c r="H4682" i="10"/>
  <c r="H4683" i="10"/>
  <c r="H4684" i="10"/>
  <c r="H4685" i="10"/>
  <c r="H4686" i="10"/>
  <c r="H4687" i="10"/>
  <c r="H4688" i="10"/>
  <c r="H4689" i="10"/>
  <c r="H4690" i="10"/>
  <c r="H4691" i="10"/>
  <c r="H4692" i="10"/>
  <c r="H4693" i="10"/>
  <c r="H4694" i="10"/>
  <c r="H4695" i="10"/>
  <c r="H4696" i="10"/>
  <c r="H4697" i="10"/>
  <c r="H4698" i="10"/>
  <c r="H4699" i="10"/>
  <c r="H4700" i="10"/>
  <c r="H4701" i="10"/>
  <c r="H4702" i="10"/>
  <c r="H4703" i="10"/>
  <c r="H4704" i="10"/>
  <c r="H4705" i="10"/>
  <c r="H4706" i="10"/>
  <c r="H4707" i="10"/>
  <c r="H4708" i="10"/>
  <c r="H4709" i="10"/>
  <c r="H4710" i="10"/>
  <c r="H4711" i="10"/>
  <c r="H4712" i="10"/>
  <c r="H4713" i="10"/>
  <c r="H4714" i="10"/>
  <c r="H4715" i="10"/>
  <c r="H4716" i="10"/>
  <c r="H4717" i="10"/>
  <c r="H4718" i="10"/>
  <c r="H4719" i="10"/>
  <c r="H4720" i="10"/>
  <c r="H4721" i="10"/>
  <c r="H4722" i="10"/>
  <c r="H4723" i="10"/>
  <c r="H4724" i="10"/>
  <c r="H4725" i="10"/>
  <c r="H4726" i="10"/>
  <c r="H4727" i="10"/>
  <c r="H4728" i="10"/>
  <c r="H4729" i="10"/>
  <c r="H4730" i="10"/>
  <c r="H4731" i="10"/>
  <c r="H4732" i="10"/>
  <c r="H4733" i="10"/>
  <c r="H4734" i="10"/>
  <c r="H4735" i="10"/>
  <c r="H4736" i="10"/>
  <c r="H4737" i="10"/>
  <c r="H4738" i="10"/>
  <c r="H4739" i="10"/>
  <c r="H4740" i="10"/>
  <c r="H4741" i="10"/>
  <c r="H4742" i="10"/>
  <c r="H4743" i="10"/>
  <c r="H4744" i="10"/>
  <c r="H4745" i="10"/>
  <c r="H4746" i="10"/>
  <c r="H4747" i="10"/>
  <c r="H4748" i="10"/>
  <c r="H4749" i="10"/>
  <c r="H4750" i="10"/>
  <c r="H4751" i="10"/>
  <c r="H4752" i="10"/>
  <c r="H4753" i="10"/>
  <c r="H4754" i="10"/>
  <c r="H4755" i="10"/>
  <c r="H4756" i="10"/>
  <c r="H4757" i="10"/>
  <c r="H4758" i="10"/>
  <c r="H4759" i="10"/>
  <c r="H4760" i="10"/>
  <c r="H4761" i="10"/>
  <c r="H4762" i="10"/>
  <c r="H4763" i="10"/>
  <c r="H4764" i="10"/>
  <c r="H4765" i="10"/>
  <c r="H4766" i="10"/>
  <c r="H4767" i="10"/>
  <c r="H4768" i="10"/>
  <c r="H4769" i="10"/>
  <c r="H4770" i="10"/>
  <c r="H4771" i="10"/>
  <c r="H4772" i="10"/>
  <c r="H4773" i="10"/>
  <c r="H4774" i="10"/>
  <c r="H4775" i="10"/>
  <c r="H4776" i="10"/>
  <c r="H4777" i="10"/>
  <c r="H4778" i="10"/>
  <c r="H4779" i="10"/>
  <c r="H4780" i="10"/>
  <c r="H4781" i="10"/>
  <c r="H4782" i="10"/>
  <c r="H4783" i="10"/>
  <c r="H4784" i="10"/>
  <c r="H4785" i="10"/>
  <c r="H4786" i="10"/>
  <c r="H4787" i="10"/>
  <c r="H4788" i="10"/>
  <c r="H4789" i="10"/>
  <c r="H4790" i="10"/>
  <c r="H4791" i="10"/>
  <c r="H4792" i="10"/>
  <c r="H4793" i="10"/>
  <c r="H4794" i="10"/>
  <c r="H4795" i="10"/>
  <c r="H4796" i="10"/>
  <c r="H4797" i="10"/>
  <c r="H4798" i="10"/>
  <c r="H4799" i="10"/>
  <c r="H4800" i="10"/>
  <c r="H4801" i="10"/>
  <c r="H4802" i="10"/>
  <c r="H4803" i="10"/>
  <c r="H4804" i="10"/>
  <c r="H4805" i="10"/>
  <c r="H4806" i="10"/>
  <c r="H4807" i="10"/>
  <c r="H4808" i="10"/>
  <c r="H4809" i="10"/>
  <c r="H4810" i="10"/>
  <c r="H4811" i="10"/>
  <c r="H4812" i="10"/>
  <c r="H4813" i="10"/>
  <c r="H4814" i="10"/>
  <c r="H4815" i="10"/>
  <c r="H4816" i="10"/>
  <c r="H4817" i="10"/>
  <c r="H4818" i="10"/>
  <c r="H4819" i="10"/>
  <c r="H4820" i="10"/>
  <c r="H4821" i="10"/>
  <c r="H4822" i="10"/>
  <c r="H4823" i="10"/>
  <c r="H4824" i="10"/>
  <c r="H4825" i="10"/>
  <c r="H4826" i="10"/>
  <c r="H4827" i="10"/>
  <c r="H4828" i="10"/>
  <c r="H4829" i="10"/>
  <c r="H4830" i="10"/>
  <c r="H4831" i="10"/>
  <c r="H4832" i="10"/>
  <c r="H4833" i="10"/>
  <c r="H4834" i="10"/>
  <c r="H4835" i="10"/>
  <c r="H4836" i="10"/>
  <c r="H4837" i="10"/>
  <c r="H4838" i="10"/>
  <c r="H4839" i="10"/>
  <c r="H4840" i="10"/>
  <c r="H4841" i="10"/>
  <c r="H4842" i="10"/>
  <c r="H4843" i="10"/>
  <c r="H4844" i="10"/>
  <c r="H4845" i="10"/>
  <c r="H4846" i="10"/>
  <c r="H4847" i="10"/>
  <c r="H4848" i="10"/>
  <c r="H4849" i="10"/>
  <c r="H4850" i="10"/>
  <c r="H4851" i="10"/>
  <c r="H4852" i="10"/>
  <c r="H4853" i="10"/>
  <c r="H4854" i="10"/>
  <c r="H4855" i="10"/>
  <c r="H4856" i="10"/>
  <c r="H4857" i="10"/>
  <c r="H4858" i="10"/>
  <c r="H4859" i="10"/>
  <c r="H4860" i="10"/>
  <c r="H4861" i="10"/>
  <c r="H4862" i="10"/>
  <c r="H4863" i="10"/>
  <c r="H4864" i="10"/>
  <c r="H4865" i="10"/>
  <c r="H4866" i="10"/>
  <c r="H4867" i="10"/>
  <c r="H4868" i="10"/>
  <c r="H4869" i="10"/>
  <c r="H4870" i="10"/>
  <c r="H4871" i="10"/>
  <c r="H4872" i="10"/>
  <c r="H4873" i="10"/>
  <c r="H4874" i="10"/>
  <c r="H4875" i="10"/>
  <c r="H4876" i="10"/>
  <c r="H4877" i="10"/>
  <c r="H4878" i="10"/>
  <c r="H4879" i="10"/>
  <c r="H4880" i="10"/>
  <c r="H4881" i="10"/>
  <c r="H4882" i="10"/>
  <c r="H4883" i="10"/>
  <c r="H4884" i="10"/>
  <c r="H4885" i="10"/>
  <c r="H4886" i="10"/>
  <c r="H4887" i="10"/>
  <c r="H4888" i="10"/>
  <c r="H4889" i="10"/>
  <c r="H4890" i="10"/>
  <c r="H4891" i="10"/>
  <c r="H4892" i="10"/>
  <c r="H4893" i="10"/>
  <c r="H4894" i="10"/>
  <c r="H4895" i="10"/>
  <c r="H4896" i="10"/>
  <c r="H4897" i="10"/>
  <c r="H4898" i="10"/>
  <c r="H4899" i="10"/>
  <c r="H4900" i="10"/>
  <c r="H4901" i="10"/>
  <c r="H4902" i="10"/>
  <c r="H4903" i="10"/>
  <c r="H4904" i="10"/>
  <c r="H4905" i="10"/>
  <c r="H4906" i="10"/>
  <c r="H4907" i="10"/>
  <c r="H4908" i="10"/>
  <c r="H4909" i="10"/>
  <c r="H4910" i="10"/>
  <c r="H4911" i="10"/>
  <c r="H4912" i="10"/>
  <c r="H4913" i="10"/>
  <c r="H4914" i="10"/>
  <c r="H4915" i="10"/>
  <c r="H4916" i="10"/>
  <c r="H4917" i="10"/>
  <c r="H4918" i="10"/>
  <c r="H4919" i="10"/>
  <c r="H4920" i="10"/>
  <c r="H4921" i="10"/>
  <c r="H4922" i="10"/>
  <c r="H4923" i="10"/>
  <c r="H4924" i="10"/>
  <c r="H4925" i="10"/>
  <c r="H4926" i="10"/>
  <c r="H4927" i="10"/>
  <c r="H4928" i="10"/>
  <c r="H4929" i="10"/>
  <c r="H4930" i="10"/>
  <c r="H4931" i="10"/>
  <c r="H4932" i="10"/>
  <c r="H4933" i="10"/>
  <c r="H4934" i="10"/>
  <c r="H4935" i="10"/>
  <c r="H4936" i="10"/>
  <c r="H4937" i="10"/>
  <c r="H4938" i="10"/>
  <c r="H4939" i="10"/>
  <c r="H4940" i="10"/>
  <c r="H4941" i="10"/>
  <c r="H4942" i="10"/>
  <c r="H4943" i="10"/>
  <c r="H4944" i="10"/>
  <c r="H4945" i="10"/>
  <c r="H4946" i="10"/>
  <c r="H4947" i="10"/>
  <c r="H4948" i="10"/>
  <c r="H4949" i="10"/>
  <c r="H4950" i="10"/>
  <c r="H4951" i="10"/>
  <c r="H4952" i="10"/>
  <c r="H4953" i="10"/>
  <c r="H4954" i="10"/>
  <c r="H4955" i="10"/>
  <c r="H4956" i="10"/>
  <c r="H4957" i="10"/>
  <c r="H4958" i="10"/>
  <c r="H4959" i="10"/>
  <c r="H4960" i="10"/>
  <c r="H4961" i="10"/>
  <c r="H4962" i="10"/>
  <c r="H4963" i="10"/>
  <c r="H4964" i="10"/>
  <c r="H4965" i="10"/>
  <c r="H4966" i="10"/>
  <c r="H4967" i="10"/>
  <c r="H4968" i="10"/>
  <c r="H4969" i="10"/>
  <c r="H4970" i="10"/>
  <c r="H4971" i="10"/>
  <c r="H4972" i="10"/>
  <c r="H4973" i="10"/>
  <c r="H4974" i="10"/>
  <c r="H4975" i="10"/>
  <c r="H4976" i="10"/>
  <c r="H4977" i="10"/>
  <c r="H4978" i="10"/>
  <c r="H4979" i="10"/>
  <c r="H4980" i="10"/>
  <c r="H4981" i="10"/>
  <c r="H4982" i="10"/>
  <c r="H4983" i="10"/>
  <c r="H4984" i="10"/>
  <c r="H4985" i="10"/>
  <c r="H4986" i="10"/>
  <c r="H4987" i="10"/>
  <c r="H4988" i="10"/>
  <c r="H4989" i="10"/>
  <c r="H4990" i="10"/>
  <c r="H4991" i="10"/>
  <c r="H4992" i="10"/>
  <c r="H4993" i="10"/>
  <c r="H4994" i="10"/>
  <c r="H4995" i="10"/>
  <c r="H4996" i="10"/>
  <c r="H4997" i="10"/>
  <c r="H4998" i="10"/>
  <c r="H4999" i="10"/>
  <c r="H5000" i="10"/>
  <c r="H5001" i="10"/>
  <c r="H5002" i="10"/>
  <c r="H5003" i="10"/>
  <c r="H5004" i="10"/>
  <c r="H5005" i="10"/>
  <c r="H5006" i="10"/>
  <c r="H5007" i="10"/>
  <c r="H5008" i="10"/>
  <c r="H5009" i="10"/>
  <c r="H5010" i="10"/>
  <c r="H5011" i="10"/>
  <c r="H5012" i="10"/>
  <c r="H5013" i="10"/>
  <c r="H5014" i="10"/>
  <c r="H5015" i="10"/>
  <c r="H5016" i="10"/>
  <c r="H5017" i="10"/>
  <c r="H5018" i="10"/>
  <c r="H5019" i="10"/>
  <c r="H5020" i="10"/>
  <c r="H5021" i="10"/>
  <c r="H5022" i="10"/>
  <c r="H5023" i="10"/>
  <c r="H5024" i="10"/>
  <c r="H5025" i="10"/>
  <c r="H5026" i="10"/>
  <c r="H5027" i="10"/>
  <c r="H5028" i="10"/>
  <c r="H5029" i="10"/>
  <c r="H5030" i="10"/>
  <c r="H5031" i="10"/>
  <c r="H5032" i="10"/>
  <c r="H5033" i="10"/>
  <c r="H5034" i="10"/>
  <c r="H5035" i="10"/>
  <c r="H5036" i="10"/>
  <c r="H5037" i="10"/>
  <c r="H5038" i="10"/>
  <c r="H5039" i="10"/>
  <c r="H5040" i="10"/>
  <c r="H5041" i="10"/>
  <c r="H5042" i="10"/>
  <c r="H5043" i="10"/>
  <c r="H5044" i="10"/>
  <c r="H5045" i="10"/>
  <c r="H5046" i="10"/>
  <c r="H5047" i="10"/>
  <c r="H5048" i="10"/>
  <c r="H5049" i="10"/>
  <c r="H5050" i="10"/>
  <c r="H5051" i="10"/>
  <c r="H5052" i="10"/>
  <c r="H5053" i="10"/>
  <c r="H5054" i="10"/>
  <c r="H5055" i="10"/>
  <c r="H5056" i="10"/>
  <c r="H5057" i="10"/>
  <c r="H5058" i="10"/>
  <c r="H5059" i="10"/>
  <c r="H5060" i="10"/>
  <c r="H5061" i="10"/>
  <c r="H5062" i="10"/>
  <c r="H5063" i="10"/>
  <c r="H5064" i="10"/>
  <c r="H5065" i="10"/>
  <c r="H5066" i="10"/>
  <c r="H5067" i="10"/>
  <c r="H5068" i="10"/>
  <c r="H5069" i="10"/>
  <c r="H5070" i="10"/>
  <c r="H5071" i="10"/>
  <c r="H5072" i="10"/>
  <c r="H5073" i="10"/>
  <c r="H5074" i="10"/>
  <c r="H5075" i="10"/>
  <c r="H5076" i="10"/>
  <c r="H5077" i="10"/>
  <c r="H5078" i="10"/>
  <c r="H5079" i="10"/>
  <c r="H5080" i="10"/>
  <c r="H5081" i="10"/>
  <c r="H5082" i="10"/>
  <c r="H5083" i="10"/>
  <c r="H5084" i="10"/>
  <c r="H5085" i="10"/>
  <c r="H5086" i="10"/>
  <c r="H5087" i="10"/>
  <c r="H5088" i="10"/>
  <c r="H5089" i="10"/>
  <c r="H5090" i="10"/>
  <c r="H5091" i="10"/>
  <c r="H5092" i="10"/>
  <c r="H5093" i="10"/>
  <c r="H5094" i="10"/>
  <c r="H5095" i="10"/>
  <c r="H5096" i="10"/>
  <c r="H5097" i="10"/>
  <c r="H5098" i="10"/>
  <c r="H5099" i="10"/>
  <c r="H5100" i="10"/>
  <c r="H5101" i="10"/>
  <c r="H5102" i="10"/>
  <c r="H5103" i="10"/>
  <c r="H5104" i="10"/>
  <c r="H5105" i="10"/>
  <c r="H5106" i="10"/>
  <c r="H5107" i="10"/>
  <c r="H5108" i="10"/>
  <c r="H5109" i="10"/>
  <c r="H5110" i="10"/>
  <c r="H5111" i="10"/>
  <c r="H5112" i="10"/>
  <c r="H5113" i="10"/>
  <c r="H5114" i="10"/>
  <c r="H5115" i="10"/>
  <c r="H5116" i="10"/>
  <c r="H5117" i="10"/>
  <c r="H5118" i="10"/>
  <c r="H5119" i="10"/>
  <c r="H5120" i="10"/>
  <c r="H5121" i="10"/>
  <c r="H5122" i="10"/>
  <c r="H5123" i="10"/>
  <c r="H5124" i="10"/>
  <c r="H5125" i="10"/>
  <c r="H5126" i="10"/>
  <c r="H5127" i="10"/>
  <c r="H5128" i="10"/>
  <c r="H5129" i="10"/>
  <c r="H5130" i="10"/>
  <c r="H5131" i="10"/>
  <c r="H5132" i="10"/>
  <c r="H5133" i="10"/>
  <c r="H5134" i="10"/>
  <c r="H5135" i="10"/>
  <c r="H5136" i="10"/>
  <c r="H5137" i="10"/>
  <c r="H5138" i="10"/>
  <c r="H5139" i="10"/>
  <c r="H5140" i="10"/>
  <c r="H5141" i="10"/>
  <c r="H5142" i="10"/>
  <c r="H5143" i="10"/>
  <c r="H5144" i="10"/>
  <c r="H5145" i="10"/>
  <c r="H5146" i="10"/>
  <c r="H5147" i="10"/>
  <c r="H5148" i="10"/>
  <c r="H5149" i="10"/>
  <c r="H5150" i="10"/>
  <c r="H5151" i="10"/>
  <c r="H5152" i="10"/>
  <c r="H5153" i="10"/>
  <c r="H5154" i="10"/>
  <c r="H5155" i="10"/>
  <c r="H5156" i="10"/>
  <c r="H5157" i="10"/>
  <c r="H5158" i="10"/>
  <c r="H5159" i="10"/>
  <c r="H5160" i="10"/>
  <c r="H5161" i="10"/>
  <c r="H5162" i="10"/>
  <c r="H5163" i="10"/>
  <c r="H5164" i="10"/>
  <c r="H5165" i="10"/>
  <c r="H5166" i="10"/>
  <c r="H5167" i="10"/>
  <c r="H5168" i="10"/>
  <c r="H5169" i="10"/>
  <c r="H5170" i="10"/>
  <c r="H5171" i="10"/>
  <c r="H5172" i="10"/>
  <c r="H5173" i="10"/>
  <c r="H5174" i="10"/>
  <c r="H5175" i="10"/>
  <c r="H5176" i="10"/>
  <c r="H5177" i="10"/>
  <c r="H5178" i="10"/>
  <c r="H5179" i="10"/>
  <c r="H5180" i="10"/>
  <c r="H5181" i="10"/>
  <c r="H5182" i="10"/>
  <c r="H5183" i="10"/>
  <c r="H5184" i="10"/>
  <c r="H5185" i="10"/>
  <c r="H5186" i="10"/>
  <c r="H5187" i="10"/>
  <c r="H5188" i="10"/>
  <c r="H5189" i="10"/>
  <c r="H5190" i="10"/>
  <c r="H5191" i="10"/>
  <c r="H5192" i="10"/>
  <c r="H5193" i="10"/>
  <c r="H5194" i="10"/>
  <c r="H5195" i="10"/>
  <c r="H5196" i="10"/>
  <c r="H5197" i="10"/>
  <c r="H5198" i="10"/>
  <c r="H5199" i="10"/>
  <c r="H5200" i="10"/>
  <c r="H5201" i="10"/>
  <c r="H5202" i="10"/>
  <c r="H5203" i="10"/>
  <c r="H5204" i="10"/>
  <c r="H5205" i="10"/>
  <c r="H5206" i="10"/>
  <c r="H5207" i="10"/>
  <c r="H5208" i="10"/>
  <c r="H5209" i="10"/>
  <c r="H5210" i="10"/>
  <c r="H5211" i="10"/>
  <c r="H5212" i="10"/>
  <c r="H5213" i="10"/>
  <c r="H5214" i="10"/>
  <c r="H5215" i="10"/>
  <c r="H5216" i="10"/>
  <c r="H5217" i="10"/>
  <c r="H5218" i="10"/>
  <c r="H5219" i="10"/>
  <c r="H5220" i="10"/>
  <c r="H5221" i="10"/>
  <c r="H5222" i="10"/>
  <c r="H5223" i="10"/>
  <c r="H5224" i="10"/>
  <c r="H5225" i="10"/>
  <c r="H5226" i="10"/>
  <c r="H5227" i="10"/>
  <c r="H5228" i="10"/>
  <c r="H5229" i="10"/>
  <c r="H5230" i="10"/>
  <c r="H5231" i="10"/>
  <c r="H5232" i="10"/>
  <c r="H5233" i="10"/>
  <c r="H5234" i="10"/>
  <c r="H5235" i="10"/>
  <c r="H5236" i="10"/>
  <c r="H5237" i="10"/>
  <c r="H5238" i="10"/>
  <c r="H5239" i="10"/>
  <c r="H5240" i="10"/>
  <c r="H5241" i="10"/>
  <c r="H5242" i="10"/>
  <c r="H5243" i="10"/>
  <c r="H5244" i="10"/>
  <c r="H5245" i="10"/>
  <c r="H5246" i="10"/>
  <c r="H5247" i="10"/>
  <c r="H5248" i="10"/>
  <c r="H5249" i="10"/>
  <c r="H5250" i="10"/>
  <c r="H5251" i="10"/>
  <c r="H5252" i="10"/>
  <c r="H5253" i="10"/>
  <c r="H5254" i="10"/>
  <c r="H5255" i="10"/>
  <c r="H5256" i="10"/>
  <c r="H5257" i="10"/>
  <c r="H5258" i="10"/>
  <c r="H5259" i="10"/>
  <c r="H5260" i="10"/>
  <c r="H5261" i="10"/>
  <c r="H5262" i="10"/>
  <c r="H5263" i="10"/>
  <c r="H5264" i="10"/>
  <c r="H5265" i="10"/>
  <c r="H5266" i="10"/>
  <c r="H5267" i="10"/>
  <c r="H5268" i="10"/>
  <c r="H5269" i="10"/>
  <c r="H5270" i="10"/>
  <c r="H5271" i="10"/>
  <c r="H5272" i="10"/>
  <c r="H5273" i="10"/>
  <c r="H5274" i="10"/>
  <c r="H5275" i="10"/>
  <c r="H5276" i="10"/>
  <c r="H5277" i="10"/>
  <c r="H5278" i="10"/>
  <c r="H5279" i="10"/>
  <c r="H5280" i="10"/>
  <c r="H5281" i="10"/>
  <c r="H5282" i="10"/>
  <c r="H5283" i="10"/>
  <c r="H5284" i="10"/>
  <c r="H5285" i="10"/>
  <c r="H5286" i="10"/>
  <c r="H5287" i="10"/>
  <c r="H5288" i="10"/>
  <c r="H5289" i="10"/>
  <c r="H5290" i="10"/>
  <c r="H5291" i="10"/>
  <c r="H5292" i="10"/>
  <c r="H5293" i="10"/>
  <c r="H5294" i="10"/>
  <c r="H5295" i="10"/>
  <c r="H5296" i="10"/>
  <c r="H5297" i="10"/>
  <c r="H5298" i="10"/>
  <c r="H5299" i="10"/>
  <c r="H5300" i="10"/>
  <c r="H5301" i="10"/>
  <c r="H5302" i="10"/>
  <c r="H5303" i="10"/>
  <c r="H5304" i="10"/>
  <c r="H5305" i="10"/>
  <c r="H5306" i="10"/>
  <c r="H5307" i="10"/>
  <c r="H5308" i="10"/>
  <c r="H5309" i="10"/>
  <c r="H5310" i="10"/>
  <c r="H5311" i="10"/>
  <c r="H5312" i="10"/>
  <c r="H5313" i="10"/>
  <c r="H5314" i="10"/>
  <c r="H5315" i="10"/>
  <c r="H5316" i="10"/>
  <c r="H5317" i="10"/>
  <c r="H5318" i="10"/>
  <c r="H5319" i="10"/>
  <c r="H5320" i="10"/>
  <c r="H5321" i="10"/>
  <c r="H5322" i="10"/>
  <c r="H5323" i="10"/>
  <c r="H5324" i="10"/>
  <c r="H5325" i="10"/>
  <c r="H5326" i="10"/>
  <c r="H5327" i="10"/>
  <c r="H5328" i="10"/>
  <c r="H5329" i="10"/>
  <c r="H5330" i="10"/>
  <c r="H5331" i="10"/>
  <c r="H5332" i="10"/>
  <c r="H5333" i="10"/>
  <c r="H5334" i="10"/>
  <c r="H5335" i="10"/>
  <c r="H5336" i="10"/>
  <c r="H5337" i="10"/>
  <c r="H5338" i="10"/>
  <c r="H5339" i="10"/>
  <c r="H5340" i="10"/>
  <c r="H5341" i="10"/>
  <c r="H5342" i="10"/>
  <c r="H5343" i="10"/>
  <c r="H5344" i="10"/>
  <c r="H5345" i="10"/>
  <c r="H5346" i="10"/>
  <c r="H5347" i="10"/>
  <c r="H5348" i="10"/>
  <c r="H5349" i="10"/>
  <c r="H5350" i="10"/>
  <c r="H5351" i="10"/>
  <c r="H5352" i="10"/>
  <c r="H5353" i="10"/>
  <c r="H5354" i="10"/>
  <c r="H5355" i="10"/>
  <c r="H5356" i="10"/>
  <c r="H5357" i="10"/>
  <c r="H5358" i="10"/>
  <c r="H5359" i="10"/>
  <c r="H5360" i="10"/>
  <c r="H5361" i="10"/>
  <c r="H5362" i="10"/>
  <c r="H5363" i="10"/>
  <c r="H5364" i="10"/>
  <c r="H5365" i="10"/>
  <c r="H5366" i="10"/>
  <c r="H5367" i="10"/>
  <c r="H5368" i="10"/>
  <c r="H5369" i="10"/>
  <c r="H5370" i="10"/>
  <c r="H5371" i="10"/>
  <c r="H5372" i="10"/>
  <c r="H5373" i="10"/>
  <c r="H5374" i="10"/>
  <c r="H5375" i="10"/>
  <c r="H5376" i="10"/>
  <c r="H5377" i="10"/>
  <c r="H5378" i="10"/>
  <c r="H5379" i="10"/>
  <c r="H5380" i="10"/>
  <c r="H5381" i="10"/>
  <c r="H5382" i="10"/>
  <c r="H5383" i="10"/>
  <c r="H5384" i="10"/>
  <c r="H5385" i="10"/>
  <c r="H5386" i="10"/>
  <c r="H5387" i="10"/>
  <c r="H5388" i="10"/>
  <c r="H5389" i="10"/>
  <c r="H5390" i="10"/>
  <c r="H5391" i="10"/>
  <c r="H5392" i="10"/>
  <c r="H5393" i="10"/>
  <c r="H5394" i="10"/>
  <c r="H5395" i="10"/>
  <c r="H5396" i="10"/>
  <c r="H5397" i="10"/>
  <c r="H5398" i="10"/>
  <c r="H5399" i="10"/>
  <c r="H5400" i="10"/>
  <c r="H5401" i="10"/>
  <c r="H5402" i="10"/>
  <c r="H5403" i="10"/>
  <c r="H5404" i="10"/>
  <c r="H5405" i="10"/>
  <c r="H5406" i="10"/>
  <c r="H5407" i="10"/>
  <c r="H5408" i="10"/>
  <c r="H5409" i="10"/>
  <c r="H5410" i="10"/>
  <c r="H5411" i="10"/>
  <c r="H5412" i="10"/>
  <c r="H5413" i="10"/>
  <c r="H5414" i="10"/>
  <c r="H5415" i="10"/>
  <c r="H5416" i="10"/>
  <c r="H5417" i="10"/>
  <c r="H5418" i="10"/>
  <c r="H5419" i="10"/>
  <c r="H5420" i="10"/>
  <c r="H5421" i="10"/>
  <c r="H5422" i="10"/>
  <c r="H5423" i="10"/>
  <c r="H5424" i="10"/>
  <c r="H5425" i="10"/>
  <c r="H5426" i="10"/>
  <c r="H5427" i="10"/>
  <c r="H5428" i="10"/>
  <c r="H5429" i="10"/>
  <c r="H5430" i="10"/>
  <c r="H5431" i="10"/>
  <c r="H5432" i="10"/>
  <c r="H5433" i="10"/>
  <c r="H5434" i="10"/>
  <c r="H5435" i="10"/>
  <c r="H5436" i="10"/>
  <c r="H5437" i="10"/>
  <c r="H5438" i="10"/>
  <c r="H5439" i="10"/>
  <c r="H5440" i="10"/>
  <c r="H5441" i="10"/>
  <c r="H5442" i="10"/>
  <c r="H5443" i="10"/>
  <c r="H5444" i="10"/>
  <c r="H5445" i="10"/>
  <c r="H5446" i="10"/>
  <c r="H5447" i="10"/>
  <c r="H5448" i="10"/>
  <c r="H5449" i="10"/>
  <c r="H5450" i="10"/>
  <c r="H5451" i="10"/>
  <c r="H5452" i="10"/>
  <c r="H5453" i="10"/>
  <c r="H5454" i="10"/>
  <c r="H5455" i="10"/>
  <c r="H5456" i="10"/>
  <c r="H5457" i="10"/>
  <c r="H5458" i="10"/>
  <c r="H5459" i="10"/>
  <c r="H5460" i="10"/>
  <c r="H5461" i="10"/>
  <c r="H5462" i="10"/>
  <c r="H5463" i="10"/>
  <c r="H5464" i="10"/>
  <c r="H5465" i="10"/>
  <c r="H5466" i="10"/>
  <c r="H5467" i="10"/>
  <c r="H5468" i="10"/>
  <c r="H5469" i="10"/>
  <c r="H5470" i="10"/>
  <c r="H5471" i="10"/>
  <c r="H5472" i="10"/>
  <c r="H5473" i="10"/>
  <c r="H5474" i="10"/>
  <c r="H5475" i="10"/>
  <c r="H5476" i="10"/>
  <c r="H5477" i="10"/>
  <c r="H5478" i="10"/>
  <c r="H5479" i="10"/>
  <c r="H5480" i="10"/>
  <c r="H5481" i="10"/>
  <c r="H5482" i="10"/>
  <c r="H5483" i="10"/>
  <c r="H5484" i="10"/>
  <c r="H5485" i="10"/>
  <c r="H5486" i="10"/>
  <c r="H5487" i="10"/>
  <c r="H5488" i="10"/>
  <c r="H5489" i="10"/>
  <c r="H5490" i="10"/>
  <c r="H5491" i="10"/>
  <c r="H5492" i="10"/>
  <c r="H5493" i="10"/>
  <c r="H5494" i="10"/>
  <c r="H5495" i="10"/>
  <c r="H5496" i="10"/>
  <c r="H5497" i="10"/>
  <c r="H5498" i="10"/>
  <c r="H5499" i="10"/>
  <c r="H5500" i="10"/>
  <c r="H5501" i="10"/>
  <c r="H5502" i="10"/>
  <c r="H5503" i="10"/>
  <c r="H5504" i="10"/>
  <c r="H5505" i="10"/>
  <c r="H5506" i="10"/>
  <c r="H5507" i="10"/>
  <c r="H5508" i="10"/>
  <c r="H5509" i="10"/>
  <c r="H5510" i="10"/>
  <c r="H5511" i="10"/>
  <c r="H5512" i="10"/>
  <c r="H5513" i="10"/>
  <c r="H5514" i="10"/>
  <c r="H5515" i="10"/>
  <c r="H5516" i="10"/>
  <c r="H5517" i="10"/>
  <c r="H5518" i="10"/>
  <c r="H5519" i="10"/>
  <c r="H5520" i="10"/>
  <c r="H5521" i="10"/>
  <c r="H5522" i="10"/>
  <c r="H5523" i="10"/>
  <c r="H5524" i="10"/>
  <c r="H5525" i="10"/>
  <c r="H5526" i="10"/>
  <c r="H5527" i="10"/>
  <c r="H5528" i="10"/>
  <c r="H5529" i="10"/>
  <c r="H5530" i="10"/>
  <c r="H5531" i="10"/>
  <c r="H5532" i="10"/>
  <c r="H5533" i="10"/>
  <c r="H5534" i="10"/>
  <c r="H5535" i="10"/>
  <c r="H5536" i="10"/>
  <c r="H5537" i="10"/>
  <c r="H5538" i="10"/>
  <c r="H5539" i="10"/>
  <c r="H5540" i="10"/>
  <c r="H5541" i="10"/>
  <c r="H5542" i="10"/>
  <c r="H5543" i="10"/>
  <c r="H5544" i="10"/>
  <c r="H5545" i="10"/>
  <c r="H5546" i="10"/>
  <c r="H5547" i="10"/>
  <c r="H5548" i="10"/>
  <c r="H5549" i="10"/>
  <c r="H5550" i="10"/>
  <c r="H5551" i="10"/>
  <c r="H5552" i="10"/>
  <c r="H5553" i="10"/>
  <c r="H5554" i="10"/>
  <c r="H5555" i="10"/>
  <c r="H5556" i="10"/>
  <c r="H5557" i="10"/>
  <c r="H5558" i="10"/>
  <c r="H5559" i="10"/>
  <c r="H5560" i="10"/>
  <c r="H5561" i="10"/>
  <c r="H5562" i="10"/>
  <c r="H5563" i="10"/>
  <c r="H5564" i="10"/>
  <c r="H5565" i="10"/>
  <c r="H5566" i="10"/>
  <c r="H5567" i="10"/>
  <c r="H5568" i="10"/>
  <c r="H5569" i="10"/>
  <c r="H5570" i="10"/>
  <c r="H5571" i="10"/>
  <c r="H5572" i="10"/>
  <c r="H5573" i="10"/>
  <c r="H5574" i="10"/>
  <c r="H5575" i="10"/>
  <c r="H5576" i="10"/>
  <c r="H5577" i="10"/>
  <c r="H5578" i="10"/>
  <c r="H5579" i="10"/>
  <c r="H5580" i="10"/>
  <c r="H5581" i="10"/>
  <c r="H5582" i="10"/>
  <c r="H5583" i="10"/>
  <c r="H5584" i="10"/>
  <c r="H5585" i="10"/>
  <c r="H5586" i="10"/>
  <c r="H5587" i="10"/>
  <c r="H5588" i="10"/>
  <c r="H5589" i="10"/>
  <c r="H5590" i="10"/>
  <c r="H5591" i="10"/>
  <c r="H5592" i="10"/>
  <c r="H5593" i="10"/>
  <c r="H5594" i="10"/>
  <c r="H5595" i="10"/>
  <c r="H5596" i="10"/>
  <c r="H5597" i="10"/>
  <c r="H5598" i="10"/>
  <c r="H5599" i="10"/>
  <c r="H5600" i="10"/>
  <c r="H5601" i="10"/>
  <c r="H5602" i="10"/>
  <c r="H5603" i="10"/>
  <c r="H5604" i="10"/>
  <c r="H5605" i="10"/>
  <c r="H5606" i="10"/>
  <c r="H5607" i="10"/>
  <c r="H5608" i="10"/>
  <c r="H5609" i="10"/>
  <c r="H5610" i="10"/>
  <c r="H5611" i="10"/>
  <c r="H5612" i="10"/>
  <c r="H5613" i="10"/>
  <c r="H5614" i="10"/>
  <c r="H5615" i="10"/>
  <c r="H5616" i="10"/>
  <c r="H5617" i="10"/>
  <c r="H5618" i="10"/>
  <c r="H5619" i="10"/>
  <c r="H5620" i="10"/>
  <c r="H5621" i="10"/>
  <c r="H5622" i="10"/>
  <c r="H5623" i="10"/>
  <c r="H5624" i="10"/>
  <c r="H5625" i="10"/>
  <c r="H5626" i="10"/>
  <c r="H5627" i="10"/>
  <c r="H5628" i="10"/>
  <c r="H5629" i="10"/>
  <c r="H5630" i="10"/>
  <c r="H5631" i="10"/>
  <c r="H5632" i="10"/>
  <c r="H5633" i="10"/>
  <c r="H5634" i="10"/>
  <c r="H5635" i="10"/>
  <c r="H5636" i="10"/>
  <c r="H5637" i="10"/>
  <c r="H5638" i="10"/>
  <c r="H5639" i="10"/>
  <c r="H5640" i="10"/>
  <c r="H5641" i="10"/>
  <c r="H5642" i="10"/>
  <c r="H5643" i="10"/>
  <c r="H5644" i="10"/>
  <c r="H5645" i="10"/>
  <c r="H5646" i="10"/>
  <c r="H5647" i="10"/>
  <c r="H5648" i="10"/>
  <c r="H5649" i="10"/>
  <c r="H5650" i="10"/>
  <c r="H5651" i="10"/>
  <c r="H5652" i="10"/>
  <c r="H5653" i="10"/>
  <c r="H5654" i="10"/>
  <c r="H5655" i="10"/>
  <c r="H5656" i="10"/>
  <c r="H5657" i="10"/>
  <c r="H5658" i="10"/>
  <c r="H5659" i="10"/>
  <c r="H5660" i="10"/>
  <c r="H5661" i="10"/>
  <c r="H5662" i="10"/>
  <c r="H5663" i="10"/>
  <c r="H5664" i="10"/>
  <c r="H5665" i="10"/>
  <c r="H5666" i="10"/>
  <c r="H5667" i="10"/>
  <c r="H5668" i="10"/>
  <c r="H5669" i="10"/>
  <c r="H5670" i="10"/>
  <c r="H5671" i="10"/>
  <c r="H5672" i="10"/>
  <c r="H5673" i="10"/>
  <c r="H5674" i="10"/>
  <c r="H5675" i="10"/>
  <c r="H5676" i="10"/>
  <c r="H5677" i="10"/>
  <c r="H5678" i="10"/>
  <c r="H5679" i="10"/>
  <c r="H5680" i="10"/>
  <c r="H5681" i="10"/>
  <c r="H5682" i="10"/>
  <c r="H5683" i="10"/>
  <c r="H5684" i="10"/>
  <c r="H5685" i="10"/>
  <c r="H5686" i="10"/>
  <c r="H5687" i="10"/>
  <c r="H5688" i="10"/>
  <c r="H5689" i="10"/>
  <c r="H5690" i="10"/>
  <c r="H5691" i="10"/>
  <c r="H5692" i="10"/>
  <c r="H5693" i="10"/>
  <c r="H5694" i="10"/>
  <c r="H5695" i="10"/>
  <c r="H5696" i="10"/>
  <c r="H5697" i="10"/>
  <c r="H5698" i="10"/>
  <c r="H5699" i="10"/>
  <c r="H5700" i="10"/>
  <c r="H5701" i="10"/>
  <c r="H5702" i="10"/>
  <c r="H5703" i="10"/>
  <c r="H5704" i="10"/>
  <c r="H5705" i="10"/>
  <c r="H5706" i="10"/>
  <c r="H5707" i="10"/>
  <c r="H5708" i="10"/>
  <c r="H5709" i="10"/>
  <c r="H5710" i="10"/>
  <c r="H5711" i="10"/>
  <c r="H5712" i="10"/>
  <c r="H5713" i="10"/>
  <c r="H5714" i="10"/>
  <c r="H5715" i="10"/>
  <c r="H5716" i="10"/>
  <c r="H5717" i="10"/>
  <c r="H5718" i="10"/>
  <c r="H5719" i="10"/>
  <c r="H5720" i="10"/>
  <c r="H5721" i="10"/>
  <c r="H5722" i="10"/>
  <c r="H5723" i="10"/>
  <c r="H5724" i="10"/>
  <c r="H5725" i="10"/>
  <c r="H5726" i="10"/>
  <c r="H5727" i="10"/>
  <c r="H5728" i="10"/>
  <c r="H5729" i="10"/>
  <c r="H5730" i="10"/>
  <c r="H5731" i="10"/>
  <c r="H5732" i="10"/>
  <c r="H5733" i="10"/>
  <c r="H5734" i="10"/>
  <c r="H5735" i="10"/>
  <c r="H5736" i="10"/>
  <c r="H5737" i="10"/>
  <c r="H5738" i="10"/>
  <c r="H5739" i="10"/>
  <c r="H5740" i="10"/>
  <c r="H5741" i="10"/>
  <c r="H5742" i="10"/>
  <c r="H5743" i="10"/>
  <c r="H5744" i="10"/>
  <c r="H5745" i="10"/>
  <c r="H5746" i="10"/>
  <c r="H5747" i="10"/>
  <c r="H5748" i="10"/>
  <c r="H5749" i="10"/>
  <c r="H5750" i="10"/>
  <c r="H5751" i="10"/>
  <c r="H5752" i="10"/>
  <c r="H5753" i="10"/>
  <c r="H5754" i="10"/>
  <c r="H5755" i="10"/>
  <c r="H5756" i="10"/>
  <c r="H5757" i="10"/>
  <c r="H5758" i="10"/>
  <c r="H5759" i="10"/>
  <c r="H5760" i="10"/>
  <c r="H5761" i="10"/>
  <c r="H5762" i="10"/>
  <c r="H5763" i="10"/>
  <c r="H5764" i="10"/>
  <c r="H5765" i="10"/>
  <c r="H5766" i="10"/>
  <c r="H5767" i="10"/>
  <c r="H5768" i="10"/>
  <c r="H5769" i="10"/>
  <c r="H5770" i="10"/>
  <c r="H5771" i="10"/>
  <c r="H5772" i="10"/>
  <c r="H5773" i="10"/>
  <c r="H5774" i="10"/>
  <c r="H5775" i="10"/>
  <c r="H5776" i="10"/>
  <c r="H5777" i="10"/>
  <c r="H5778" i="10"/>
  <c r="H5779" i="10"/>
  <c r="H5780" i="10"/>
  <c r="H5781" i="10"/>
  <c r="H5782" i="10"/>
  <c r="H5783" i="10"/>
  <c r="H5784" i="10"/>
  <c r="H5785" i="10"/>
  <c r="H5786" i="10"/>
  <c r="H5787" i="10"/>
  <c r="H5788" i="10"/>
  <c r="H5789" i="10"/>
  <c r="H5790" i="10"/>
  <c r="H5791" i="10"/>
  <c r="H5792" i="10"/>
  <c r="H5793" i="10"/>
  <c r="H5794" i="10"/>
  <c r="H5795" i="10"/>
  <c r="H5796" i="10"/>
  <c r="H5797" i="10"/>
  <c r="H5798" i="10"/>
  <c r="H5799" i="10"/>
  <c r="H5800" i="10"/>
  <c r="H5801" i="10"/>
  <c r="H5802" i="10"/>
  <c r="H5803" i="10"/>
  <c r="H5804" i="10"/>
  <c r="H5805" i="10"/>
  <c r="H5806" i="10"/>
  <c r="H5807" i="10"/>
  <c r="H5808" i="10"/>
  <c r="H5809" i="10"/>
  <c r="H5810" i="10"/>
  <c r="H5811" i="10"/>
  <c r="H5812" i="10"/>
  <c r="H5813" i="10"/>
  <c r="H5814" i="10"/>
  <c r="H5815" i="10"/>
  <c r="H5816" i="10"/>
  <c r="H5817" i="10"/>
  <c r="H5818" i="10"/>
  <c r="H5819" i="10"/>
  <c r="H5820" i="10"/>
  <c r="H5821" i="10"/>
  <c r="H5822" i="10"/>
  <c r="H5823" i="10"/>
  <c r="H5824" i="10"/>
  <c r="H5825" i="10"/>
  <c r="H5826" i="10"/>
  <c r="H5827" i="10"/>
  <c r="H5828" i="10"/>
  <c r="H5829" i="10"/>
  <c r="H5830" i="10"/>
  <c r="H5831" i="10"/>
  <c r="H5832" i="10"/>
  <c r="H5833" i="10"/>
  <c r="H5834" i="10"/>
  <c r="H5835" i="10"/>
  <c r="H5836" i="10"/>
  <c r="H5837" i="10"/>
  <c r="H5838" i="10"/>
  <c r="H5839" i="10"/>
  <c r="H5840" i="10"/>
  <c r="H5841" i="10"/>
  <c r="H5842" i="10"/>
  <c r="H5843" i="10"/>
  <c r="H5844" i="10"/>
  <c r="H5845" i="10"/>
  <c r="H5846" i="10"/>
  <c r="H5847" i="10"/>
  <c r="H5848" i="10"/>
  <c r="H5849" i="10"/>
  <c r="H5850" i="10"/>
  <c r="H5851" i="10"/>
  <c r="H5852" i="10"/>
  <c r="H5853" i="10"/>
  <c r="H5854" i="10"/>
  <c r="H5855" i="10"/>
  <c r="H5856" i="10"/>
  <c r="H5857" i="10"/>
  <c r="H5858" i="10"/>
  <c r="H5859" i="10"/>
  <c r="H5860" i="10"/>
  <c r="H5861" i="10"/>
  <c r="H5862" i="10"/>
  <c r="H5863" i="10"/>
  <c r="H5864" i="10"/>
  <c r="H5865" i="10"/>
  <c r="H5866" i="10"/>
  <c r="H5867" i="10"/>
  <c r="H5868" i="10"/>
  <c r="H5869" i="10"/>
  <c r="H5870" i="10"/>
  <c r="H5871" i="10"/>
  <c r="H5872" i="10"/>
  <c r="H5873" i="10"/>
  <c r="H5874" i="10"/>
  <c r="H5875" i="10"/>
  <c r="H5876" i="10"/>
  <c r="H5877" i="10"/>
  <c r="H5878" i="10"/>
  <c r="H5879" i="10"/>
  <c r="H5880" i="10"/>
  <c r="H5881" i="10"/>
  <c r="H5882" i="10"/>
  <c r="H5883" i="10"/>
  <c r="H5884" i="10"/>
  <c r="H5885" i="10"/>
  <c r="H5886" i="10"/>
  <c r="H5887" i="10"/>
  <c r="H5888" i="10"/>
  <c r="H5889" i="10"/>
  <c r="H5890" i="10"/>
  <c r="H5891" i="10"/>
  <c r="H5892" i="10"/>
  <c r="H5893" i="10"/>
  <c r="H5894" i="10"/>
  <c r="H5895" i="10"/>
  <c r="H5896" i="10"/>
  <c r="H5897" i="10"/>
  <c r="H5898" i="10"/>
  <c r="H5899" i="10"/>
  <c r="H5900" i="10"/>
  <c r="H5901" i="10"/>
  <c r="H5902" i="10"/>
  <c r="H5903" i="10"/>
  <c r="H5904" i="10"/>
  <c r="H5905" i="10"/>
  <c r="H5906" i="10"/>
  <c r="H5907" i="10"/>
  <c r="H5908" i="10"/>
  <c r="H5909" i="10"/>
  <c r="H5910" i="10"/>
  <c r="H5911" i="10"/>
  <c r="H5912" i="10"/>
  <c r="H5913" i="10"/>
  <c r="H5914" i="10"/>
  <c r="H5915" i="10"/>
  <c r="H5916" i="10"/>
  <c r="H5917" i="10"/>
  <c r="H5918" i="10"/>
  <c r="H5919" i="10"/>
  <c r="H5920" i="10"/>
  <c r="H5921" i="10"/>
  <c r="H5922" i="10"/>
  <c r="H5923" i="10"/>
  <c r="H5924" i="10"/>
  <c r="H5925" i="10"/>
  <c r="H5926" i="10"/>
  <c r="H5927" i="10"/>
  <c r="H5928" i="10"/>
  <c r="H5929" i="10"/>
  <c r="H5930" i="10"/>
  <c r="H5931" i="10"/>
  <c r="H5932" i="10"/>
  <c r="H5933" i="10"/>
  <c r="H5934" i="10"/>
  <c r="H5935" i="10"/>
  <c r="H5936" i="10"/>
  <c r="H5937" i="10"/>
  <c r="H5938" i="10"/>
  <c r="H5939" i="10"/>
  <c r="H5940" i="10"/>
  <c r="H5941" i="10"/>
  <c r="H5942" i="10"/>
  <c r="H5943" i="10"/>
  <c r="H5944" i="10"/>
  <c r="H5945" i="10"/>
  <c r="H5946" i="10"/>
  <c r="H5947" i="10"/>
  <c r="H5948" i="10"/>
  <c r="H5949" i="10"/>
  <c r="H5950" i="10"/>
  <c r="H5951" i="10"/>
  <c r="H5952" i="10"/>
  <c r="H5953" i="10"/>
  <c r="H5954" i="10"/>
  <c r="H5955" i="10"/>
  <c r="H5956" i="10"/>
  <c r="H5957" i="10"/>
  <c r="H5958" i="10"/>
  <c r="H5959" i="10"/>
  <c r="H5960" i="10"/>
  <c r="H5961" i="10"/>
  <c r="H5962" i="10"/>
  <c r="H5963" i="10"/>
  <c r="H5964" i="10"/>
  <c r="H5965" i="10"/>
  <c r="H5966" i="10"/>
  <c r="H5967" i="10"/>
  <c r="H5968" i="10"/>
  <c r="H5969" i="10"/>
  <c r="H5970" i="10"/>
  <c r="H5971" i="10"/>
  <c r="H5972" i="10"/>
  <c r="H5973" i="10"/>
  <c r="H5974" i="10"/>
  <c r="H5975" i="10"/>
  <c r="H5976" i="10"/>
  <c r="H5977" i="10"/>
  <c r="H5978" i="10"/>
  <c r="H5979" i="10"/>
  <c r="H5980" i="10"/>
  <c r="H5981" i="10"/>
  <c r="H5982" i="10"/>
  <c r="H5983" i="10"/>
  <c r="H5984" i="10"/>
  <c r="H5985" i="10"/>
  <c r="H5986" i="10"/>
  <c r="H5987" i="10"/>
  <c r="H5988" i="10"/>
  <c r="H5989" i="10"/>
  <c r="H5990" i="10"/>
  <c r="H5991" i="10"/>
  <c r="H5992" i="10"/>
  <c r="H5993" i="10"/>
  <c r="H5994" i="10"/>
  <c r="H5995" i="10"/>
  <c r="H5996" i="10"/>
  <c r="H5997" i="10"/>
  <c r="H5998" i="10"/>
  <c r="H5999" i="10"/>
  <c r="H6000" i="10"/>
  <c r="H6001" i="10"/>
  <c r="H6002" i="10"/>
  <c r="H6003" i="10"/>
  <c r="H6004" i="10"/>
  <c r="H6005" i="10"/>
  <c r="H6006" i="10"/>
  <c r="H6007" i="10"/>
  <c r="H6008" i="10"/>
  <c r="H6009" i="10"/>
  <c r="H6010" i="10"/>
  <c r="H6011" i="10"/>
  <c r="H6012" i="10"/>
  <c r="H6013" i="10"/>
  <c r="H6014" i="10"/>
  <c r="H6015" i="10"/>
  <c r="H6016" i="10"/>
  <c r="H6017" i="10"/>
  <c r="H6018" i="10"/>
  <c r="H6019" i="10"/>
  <c r="H6020" i="10"/>
  <c r="H6021" i="10"/>
  <c r="H6022" i="10"/>
  <c r="H6023" i="10"/>
  <c r="H6024" i="10"/>
  <c r="H6025" i="10"/>
  <c r="H6026" i="10"/>
  <c r="H6027" i="10"/>
  <c r="H6028" i="10"/>
  <c r="H6029" i="10"/>
  <c r="H6030" i="10"/>
  <c r="H6031" i="10"/>
  <c r="H6032" i="10"/>
  <c r="H6033" i="10"/>
  <c r="H6034" i="10"/>
  <c r="H6035" i="10"/>
  <c r="H6036" i="10"/>
  <c r="H6037" i="10"/>
  <c r="H6038" i="10"/>
  <c r="H6039" i="10"/>
  <c r="H6040" i="10"/>
  <c r="H6041" i="10"/>
  <c r="H6042" i="10"/>
  <c r="H6043" i="10"/>
  <c r="H6044" i="10"/>
  <c r="H6045" i="10"/>
  <c r="H6046" i="10"/>
  <c r="H6047" i="10"/>
  <c r="H6048" i="10"/>
  <c r="H6049" i="10"/>
  <c r="H6050" i="10"/>
  <c r="H6051" i="10"/>
  <c r="H6052" i="10"/>
  <c r="H6053" i="10"/>
  <c r="H6054" i="10"/>
  <c r="H6055" i="10"/>
  <c r="H6056" i="10"/>
  <c r="H6057" i="10"/>
  <c r="H6058" i="10"/>
  <c r="H6059" i="10"/>
  <c r="H6060" i="10"/>
  <c r="H6061" i="10"/>
  <c r="H6062" i="10"/>
  <c r="H6063" i="10"/>
  <c r="H6064" i="10"/>
  <c r="H6065" i="10"/>
  <c r="H6066" i="10"/>
  <c r="H6067" i="10"/>
  <c r="H6068" i="10"/>
  <c r="H6069" i="10"/>
  <c r="H6070" i="10"/>
  <c r="H6071" i="10"/>
  <c r="H6072" i="10"/>
  <c r="H6073" i="10"/>
  <c r="H6074" i="10"/>
  <c r="H6075" i="10"/>
  <c r="H6076" i="10"/>
  <c r="H6077" i="10"/>
  <c r="H6078" i="10"/>
  <c r="H6079" i="10"/>
  <c r="H6080" i="10"/>
  <c r="H6081" i="10"/>
  <c r="H6082" i="10"/>
  <c r="H6083" i="10"/>
  <c r="H6084" i="10"/>
  <c r="H6085" i="10"/>
  <c r="H6086" i="10"/>
  <c r="H6087" i="10"/>
  <c r="H6088" i="10"/>
  <c r="H6089" i="10"/>
  <c r="H6090" i="10"/>
  <c r="H6091" i="10"/>
  <c r="H6092" i="10"/>
  <c r="H6093" i="10"/>
  <c r="H6094" i="10"/>
  <c r="H6095" i="10"/>
  <c r="H6096" i="10"/>
  <c r="H6097" i="10"/>
  <c r="H6098" i="10"/>
  <c r="H6099" i="10"/>
  <c r="H6100" i="10"/>
  <c r="H6101" i="10"/>
  <c r="H6102" i="10"/>
  <c r="H6103" i="10"/>
  <c r="H6104" i="10"/>
  <c r="H6105" i="10"/>
  <c r="H6106" i="10"/>
  <c r="H6107" i="10"/>
  <c r="H6108" i="10"/>
  <c r="H6109" i="10"/>
  <c r="H6110" i="10"/>
  <c r="H6111" i="10"/>
  <c r="H6112" i="10"/>
  <c r="H6113" i="10"/>
  <c r="H6114" i="10"/>
  <c r="H6115" i="10"/>
  <c r="H6116" i="10"/>
  <c r="H6117" i="10"/>
  <c r="H6118" i="10"/>
  <c r="H6119" i="10"/>
  <c r="H6120" i="10"/>
  <c r="H6121" i="10"/>
  <c r="H6122" i="10"/>
  <c r="H6123" i="10"/>
  <c r="H6124" i="10"/>
  <c r="H6125" i="10"/>
  <c r="H6126" i="10"/>
  <c r="H6127" i="10"/>
  <c r="H6128" i="10"/>
  <c r="H6129" i="10"/>
  <c r="H6130" i="10"/>
  <c r="H6131" i="10"/>
  <c r="H6132" i="10"/>
  <c r="H6133" i="10"/>
  <c r="H6134" i="10"/>
  <c r="H6135" i="10"/>
  <c r="H6136" i="10"/>
  <c r="H6137" i="10"/>
  <c r="H6138" i="10"/>
  <c r="H6139" i="10"/>
  <c r="H6140" i="10"/>
  <c r="H6141" i="10"/>
  <c r="H6142" i="10"/>
  <c r="H6143" i="10"/>
  <c r="H6144" i="10"/>
  <c r="H6145" i="10"/>
  <c r="H6146" i="10"/>
  <c r="H6147" i="10"/>
  <c r="H6148" i="10"/>
  <c r="H6149" i="10"/>
  <c r="H6150" i="10"/>
  <c r="H6151" i="10"/>
  <c r="H6152" i="10"/>
  <c r="H6153" i="10"/>
  <c r="H6154" i="10"/>
  <c r="H6155" i="10"/>
  <c r="H6156" i="10"/>
  <c r="H6157" i="10"/>
  <c r="H6158" i="10"/>
  <c r="H6159" i="10"/>
  <c r="H6160" i="10"/>
  <c r="H6161" i="10"/>
  <c r="H6162" i="10"/>
  <c r="H6163" i="10"/>
  <c r="H6164" i="10"/>
  <c r="H6165" i="10"/>
  <c r="H6166" i="10"/>
  <c r="H6167" i="10"/>
  <c r="H6168" i="10"/>
  <c r="H6169" i="10"/>
  <c r="H6170" i="10"/>
  <c r="H6171" i="10"/>
  <c r="H6172" i="10"/>
  <c r="H6173" i="10"/>
  <c r="H6174" i="10"/>
  <c r="H6175" i="10"/>
  <c r="H6176" i="10"/>
  <c r="H6177" i="10"/>
  <c r="H6178" i="10"/>
  <c r="H6179" i="10"/>
  <c r="H6180" i="10"/>
  <c r="H6181" i="10"/>
  <c r="H6182" i="10"/>
  <c r="H6183" i="10"/>
  <c r="H6184" i="10"/>
  <c r="H6185" i="10"/>
  <c r="H6186" i="10"/>
  <c r="H6187" i="10"/>
  <c r="H6188" i="10"/>
  <c r="H6189" i="10"/>
  <c r="H6190" i="10"/>
  <c r="H6191" i="10"/>
  <c r="H6192" i="10"/>
  <c r="H6193" i="10"/>
  <c r="H6194" i="10"/>
  <c r="H6195" i="10"/>
  <c r="H6196" i="10"/>
  <c r="H6197" i="10"/>
  <c r="H6198" i="10"/>
  <c r="H6199" i="10"/>
  <c r="H6200" i="10"/>
  <c r="H6201" i="10"/>
  <c r="H6202" i="10"/>
  <c r="H6203" i="10"/>
  <c r="H6204" i="10"/>
  <c r="H6205" i="10"/>
  <c r="H6206" i="10"/>
  <c r="H6207" i="10"/>
  <c r="H6208" i="10"/>
  <c r="H6209" i="10"/>
  <c r="H6210" i="10"/>
  <c r="H6211" i="10"/>
  <c r="H6212" i="10"/>
  <c r="H6213" i="10"/>
  <c r="H6214" i="10"/>
  <c r="H6215" i="10"/>
  <c r="H6216" i="10"/>
  <c r="H6217" i="10"/>
  <c r="H6218" i="10"/>
  <c r="H6219" i="10"/>
  <c r="H6220" i="10"/>
  <c r="H6221" i="10"/>
  <c r="H6222" i="10"/>
  <c r="H6223" i="10"/>
  <c r="H6224" i="10"/>
  <c r="H6225" i="10"/>
  <c r="H6226" i="10"/>
  <c r="H6227" i="10"/>
  <c r="H6228" i="10"/>
  <c r="H6229" i="10"/>
  <c r="H6230" i="10"/>
  <c r="H6231" i="10"/>
  <c r="H6232" i="10"/>
  <c r="H6233" i="10"/>
  <c r="H6234" i="10"/>
  <c r="H6235" i="10"/>
  <c r="H6236" i="10"/>
  <c r="H6237" i="10"/>
  <c r="H6238" i="10"/>
  <c r="H6239" i="10"/>
  <c r="H6240" i="10"/>
  <c r="H6241" i="10"/>
  <c r="H6242" i="10"/>
  <c r="H6243" i="10"/>
  <c r="H6244" i="10"/>
  <c r="H6245" i="10"/>
  <c r="H6246" i="10"/>
  <c r="H6247" i="10"/>
  <c r="H6248" i="10"/>
  <c r="H6249" i="10"/>
  <c r="H6250" i="10"/>
  <c r="H6251" i="10"/>
  <c r="H6252" i="10"/>
  <c r="H6253" i="10"/>
  <c r="H6254" i="10"/>
  <c r="H6255" i="10"/>
  <c r="H6256" i="10"/>
  <c r="H6257" i="10"/>
  <c r="H6258" i="10"/>
  <c r="H6259" i="10"/>
  <c r="H6260" i="10"/>
  <c r="H6261" i="10"/>
  <c r="H6262" i="10"/>
  <c r="H6263" i="10"/>
  <c r="H6264" i="10"/>
  <c r="H6265" i="10"/>
  <c r="H6266" i="10"/>
  <c r="H6267" i="10"/>
  <c r="H6268" i="10"/>
  <c r="H6269" i="10"/>
  <c r="H6270" i="10"/>
  <c r="H6271" i="10"/>
  <c r="H6272" i="10"/>
  <c r="H6273" i="10"/>
  <c r="H6274" i="10"/>
  <c r="H6275" i="10"/>
  <c r="H6276" i="10"/>
  <c r="H6277" i="10"/>
  <c r="H6278" i="10"/>
  <c r="H6279" i="10"/>
  <c r="H6280" i="10"/>
  <c r="H6281" i="10"/>
  <c r="H6282" i="10"/>
  <c r="H6283" i="10"/>
  <c r="H6284" i="10"/>
  <c r="H6285" i="10"/>
  <c r="H6286" i="10"/>
  <c r="H6287" i="10"/>
  <c r="H6288" i="10"/>
  <c r="H6289" i="10"/>
  <c r="H6290" i="10"/>
  <c r="H6291" i="10"/>
  <c r="H6292" i="10"/>
  <c r="H6293" i="10"/>
  <c r="H6294" i="10"/>
  <c r="H6295" i="10"/>
  <c r="H6296" i="10"/>
  <c r="H6297" i="10"/>
  <c r="H6298" i="10"/>
  <c r="H6299" i="10"/>
  <c r="H6300" i="10"/>
  <c r="H6301" i="10"/>
  <c r="H6302" i="10"/>
  <c r="H6303" i="10"/>
  <c r="H6304" i="10"/>
  <c r="H6305" i="10"/>
  <c r="H6306" i="10"/>
  <c r="H6307" i="10"/>
  <c r="H6308" i="10"/>
  <c r="H6309" i="10"/>
  <c r="H6310" i="10"/>
  <c r="H6311" i="10"/>
  <c r="H6312" i="10"/>
  <c r="H6313" i="10"/>
  <c r="H6314" i="10"/>
  <c r="H6315" i="10"/>
  <c r="H6316" i="10"/>
  <c r="H6317" i="10"/>
  <c r="H6318" i="10"/>
  <c r="H6319" i="10"/>
  <c r="H6320" i="10"/>
  <c r="H6321" i="10"/>
  <c r="H6322" i="10"/>
  <c r="H6323" i="10"/>
  <c r="H6324" i="10"/>
  <c r="H6325" i="10"/>
  <c r="H6326" i="10"/>
  <c r="H6327" i="10"/>
  <c r="H6328" i="10"/>
  <c r="H6329" i="10"/>
  <c r="H6330" i="10"/>
  <c r="H6331" i="10"/>
  <c r="H6332" i="10"/>
  <c r="H6333" i="10"/>
  <c r="H6334" i="10"/>
  <c r="H6335" i="10"/>
  <c r="H6336" i="10"/>
  <c r="H6337" i="10"/>
  <c r="H6338" i="10"/>
  <c r="H6339" i="10"/>
  <c r="H6340" i="10"/>
  <c r="H6341" i="10"/>
  <c r="H6342" i="10"/>
  <c r="H6343" i="10"/>
  <c r="H6344" i="10"/>
  <c r="H6345" i="10"/>
  <c r="H6346" i="10"/>
  <c r="H6347" i="10"/>
  <c r="H6348" i="10"/>
  <c r="H6349" i="10"/>
  <c r="H6350" i="10"/>
  <c r="H6351" i="10"/>
  <c r="H6352" i="10"/>
  <c r="H6353" i="10"/>
  <c r="H6354" i="10"/>
  <c r="H6355" i="10"/>
  <c r="H6356" i="10"/>
  <c r="H6357" i="10"/>
  <c r="H6358" i="10"/>
  <c r="H6359" i="10"/>
  <c r="H6360" i="10"/>
  <c r="H6361" i="10"/>
  <c r="H6362" i="10"/>
  <c r="H6363" i="10"/>
  <c r="H6364" i="10"/>
  <c r="H6365" i="10"/>
  <c r="H6366" i="10"/>
  <c r="H6367" i="10"/>
  <c r="H6368" i="10"/>
  <c r="H6369" i="10"/>
  <c r="H6370" i="10"/>
  <c r="H6371" i="10"/>
  <c r="H6372" i="10"/>
  <c r="H6373" i="10"/>
  <c r="H6374" i="10"/>
  <c r="H6375" i="10"/>
  <c r="H6376" i="10"/>
  <c r="H6377" i="10"/>
  <c r="H6378" i="10"/>
  <c r="H6379" i="10"/>
  <c r="H6380" i="10"/>
  <c r="H6381" i="10"/>
  <c r="H6382" i="10"/>
  <c r="H6383" i="10"/>
  <c r="H6384" i="10"/>
  <c r="H6385" i="10"/>
  <c r="H6386" i="10"/>
  <c r="H6387" i="10"/>
  <c r="H6388" i="10"/>
  <c r="H6389" i="10"/>
  <c r="H6390" i="10"/>
  <c r="H6391" i="10"/>
  <c r="H6392" i="10"/>
  <c r="H6393" i="10"/>
  <c r="H6394" i="10"/>
  <c r="H6395" i="10"/>
  <c r="H6396" i="10"/>
  <c r="H6397" i="10"/>
  <c r="H6398" i="10"/>
  <c r="H6399" i="10"/>
  <c r="H6400" i="10"/>
  <c r="H6401" i="10"/>
  <c r="H6402" i="10"/>
  <c r="H6403" i="10"/>
  <c r="H6404" i="10"/>
  <c r="H6405" i="10"/>
  <c r="H6406" i="10"/>
  <c r="H6407" i="10"/>
  <c r="H6408" i="10"/>
  <c r="H6409" i="10"/>
  <c r="H6410" i="10"/>
  <c r="H6411" i="10"/>
  <c r="H6412" i="10"/>
  <c r="H6413" i="10"/>
  <c r="H6414" i="10"/>
  <c r="H6415" i="10"/>
  <c r="H6416" i="10"/>
  <c r="H6417" i="10"/>
  <c r="H6418" i="10"/>
  <c r="H6419" i="10"/>
  <c r="H6420" i="10"/>
  <c r="H6421" i="10"/>
  <c r="H6422" i="10"/>
  <c r="H6423" i="10"/>
  <c r="H6424" i="10"/>
  <c r="H6425" i="10"/>
  <c r="H6426" i="10"/>
  <c r="H6427" i="10"/>
  <c r="H6428" i="10"/>
  <c r="H6429" i="10"/>
  <c r="H6430" i="10"/>
  <c r="H6431" i="10"/>
  <c r="H6432" i="10"/>
  <c r="H6433" i="10"/>
  <c r="H6434" i="10"/>
  <c r="H6435" i="10"/>
  <c r="H6436" i="10"/>
  <c r="H6437" i="10"/>
  <c r="H6438" i="10"/>
  <c r="H6439" i="10"/>
  <c r="H6440" i="10"/>
  <c r="H6441" i="10"/>
  <c r="H6442" i="10"/>
  <c r="H6443" i="10"/>
  <c r="H6444" i="10"/>
  <c r="H6445" i="10"/>
  <c r="H6446" i="10"/>
  <c r="H6447" i="10"/>
  <c r="H6448" i="10"/>
  <c r="H6449" i="10"/>
  <c r="H6450" i="10"/>
  <c r="H6451" i="10"/>
  <c r="H6452" i="10"/>
  <c r="H6453" i="10"/>
  <c r="H6454" i="10"/>
  <c r="H6455" i="10"/>
  <c r="H6456" i="10"/>
  <c r="H6457" i="10"/>
  <c r="H6458" i="10"/>
  <c r="H6459" i="10"/>
  <c r="H6460" i="10"/>
  <c r="H6461" i="10"/>
  <c r="H6462" i="10"/>
  <c r="H6463" i="10"/>
  <c r="H6464" i="10"/>
  <c r="H6465" i="10"/>
  <c r="H6466" i="10"/>
  <c r="H6467" i="10"/>
  <c r="H6468" i="10"/>
  <c r="H6469" i="10"/>
  <c r="H6470" i="10"/>
  <c r="H6471" i="10"/>
  <c r="H6472" i="10"/>
  <c r="H6473" i="10"/>
  <c r="H6474" i="10"/>
  <c r="H6475" i="10"/>
  <c r="H6476" i="10"/>
  <c r="H6477" i="10"/>
  <c r="H6478" i="10"/>
  <c r="H6479" i="10"/>
  <c r="H6480" i="10"/>
  <c r="H6481" i="10"/>
  <c r="H6482" i="10"/>
  <c r="H6483" i="10"/>
  <c r="H6484" i="10"/>
  <c r="H6485" i="10"/>
  <c r="H6486" i="10"/>
  <c r="H6487" i="10"/>
  <c r="H6488" i="10"/>
  <c r="H6489" i="10"/>
  <c r="H6490" i="10"/>
  <c r="H6491" i="10"/>
  <c r="H6492" i="10"/>
  <c r="H6493" i="10"/>
  <c r="H6494" i="10"/>
  <c r="H6495" i="10"/>
  <c r="H6496" i="10"/>
  <c r="H6497" i="10"/>
  <c r="H6498" i="10"/>
  <c r="H6499" i="10"/>
  <c r="H6500" i="10"/>
  <c r="H6501" i="10"/>
  <c r="H6502" i="10"/>
  <c r="H6503" i="10"/>
  <c r="H6504" i="10"/>
  <c r="H6505" i="10"/>
  <c r="H6506" i="10"/>
  <c r="H6507" i="10"/>
  <c r="H6508" i="10"/>
  <c r="H6509" i="10"/>
  <c r="H6510" i="10"/>
  <c r="H6511" i="10"/>
  <c r="H6512" i="10"/>
  <c r="H6513" i="10"/>
  <c r="H6514" i="10"/>
  <c r="H6515" i="10"/>
  <c r="H6516" i="10"/>
  <c r="H6517" i="10"/>
  <c r="H6518" i="10"/>
  <c r="H6519" i="10"/>
  <c r="H6520" i="10"/>
  <c r="H6521" i="10"/>
  <c r="H6522" i="10"/>
  <c r="H6523" i="10"/>
  <c r="H6524" i="10"/>
  <c r="H6525" i="10"/>
  <c r="H6526" i="10"/>
  <c r="H6527" i="10"/>
  <c r="H6528" i="10"/>
  <c r="H6529" i="10"/>
  <c r="H6530" i="10"/>
  <c r="H6531" i="10"/>
  <c r="H6532" i="10"/>
  <c r="H6533" i="10"/>
  <c r="H6534" i="10"/>
  <c r="H6535" i="10"/>
  <c r="H6536" i="10"/>
  <c r="H6537" i="10"/>
  <c r="H6538" i="10"/>
  <c r="H6539" i="10"/>
  <c r="H6540" i="10"/>
  <c r="H6541" i="10"/>
  <c r="H6542" i="10"/>
  <c r="H6543" i="10"/>
  <c r="H6544" i="10"/>
  <c r="H6545" i="10"/>
  <c r="H6546" i="10"/>
  <c r="H6547" i="10"/>
  <c r="H6548" i="10"/>
  <c r="H6549" i="10"/>
  <c r="H6550" i="10"/>
  <c r="H6551" i="10"/>
  <c r="H6552" i="10"/>
  <c r="H6553" i="10"/>
  <c r="H6554" i="10"/>
  <c r="H6555" i="10"/>
  <c r="H6556" i="10"/>
  <c r="H6557" i="10"/>
  <c r="H6558" i="10"/>
  <c r="H6559" i="10"/>
  <c r="H6560" i="10"/>
  <c r="H6561" i="10"/>
  <c r="H6562" i="10"/>
  <c r="H6563" i="10"/>
  <c r="H6564" i="10"/>
  <c r="H6565" i="10"/>
  <c r="H6566" i="10"/>
  <c r="H6567" i="10"/>
  <c r="H6568" i="10"/>
  <c r="H6569" i="10"/>
  <c r="H6570" i="10"/>
  <c r="H6571" i="10"/>
  <c r="H6572" i="10"/>
  <c r="H6573" i="10"/>
  <c r="H6574" i="10"/>
  <c r="H6575" i="10"/>
  <c r="H6576" i="10"/>
  <c r="H6577" i="10"/>
  <c r="H6578" i="10"/>
  <c r="H6579" i="10"/>
  <c r="H6580" i="10"/>
  <c r="H6581" i="10"/>
  <c r="H6582" i="10"/>
  <c r="H6583" i="10"/>
  <c r="H6584" i="10"/>
  <c r="H6585" i="10"/>
  <c r="H6586" i="10"/>
  <c r="H6587" i="10"/>
  <c r="H6588" i="10"/>
  <c r="H6589" i="10"/>
  <c r="H6590" i="10"/>
  <c r="H6591" i="10"/>
  <c r="H6592" i="10"/>
  <c r="H6593" i="10"/>
  <c r="H6594" i="10"/>
  <c r="H6595" i="10"/>
  <c r="H6596" i="10"/>
  <c r="H6597" i="10"/>
  <c r="H6598" i="10"/>
  <c r="H6599" i="10"/>
  <c r="H6600" i="10"/>
  <c r="H6601" i="10"/>
  <c r="H6602" i="10"/>
  <c r="H6603" i="10"/>
  <c r="H6604" i="10"/>
  <c r="H6605" i="10"/>
  <c r="H6606" i="10"/>
  <c r="H6607" i="10"/>
  <c r="H6608" i="10"/>
  <c r="H6609" i="10"/>
  <c r="H6610" i="10"/>
  <c r="H6611" i="10"/>
  <c r="H6612" i="10"/>
  <c r="H6613" i="10"/>
  <c r="H6614" i="10"/>
  <c r="H6615" i="10"/>
  <c r="H6616" i="10"/>
  <c r="H6617" i="10"/>
  <c r="H6618" i="10"/>
  <c r="H6619" i="10"/>
  <c r="H6620" i="10"/>
  <c r="H6621" i="10"/>
  <c r="H6622" i="10"/>
  <c r="H6623" i="10"/>
  <c r="H6624" i="10"/>
  <c r="H6625" i="10"/>
  <c r="H6626" i="10"/>
  <c r="H6627" i="10"/>
  <c r="H6628" i="10"/>
  <c r="H6629" i="10"/>
  <c r="H6630" i="10"/>
  <c r="H6631" i="10"/>
  <c r="H6632" i="10"/>
  <c r="H6633" i="10"/>
  <c r="H6634" i="10"/>
  <c r="H6635" i="10"/>
  <c r="H6636" i="10"/>
  <c r="H6637" i="10"/>
  <c r="H6638" i="10"/>
  <c r="H6639" i="10"/>
  <c r="H6640" i="10"/>
  <c r="H6641" i="10"/>
  <c r="H6642" i="10"/>
  <c r="H6643" i="10"/>
  <c r="H6644" i="10"/>
  <c r="H6645" i="10"/>
  <c r="H6646" i="10"/>
  <c r="H6647" i="10"/>
  <c r="H6648" i="10"/>
  <c r="H6649" i="10"/>
  <c r="H6650" i="10"/>
  <c r="H6651" i="10"/>
  <c r="H6652" i="10"/>
  <c r="H6653" i="10"/>
  <c r="H6654" i="10"/>
  <c r="H6655" i="10"/>
  <c r="H6656" i="10"/>
  <c r="H6657" i="10"/>
  <c r="H6658" i="10"/>
  <c r="H6659" i="10"/>
  <c r="H6660" i="10"/>
  <c r="H6661" i="10"/>
  <c r="H6662" i="10"/>
  <c r="H6663" i="10"/>
  <c r="H6664" i="10"/>
  <c r="H6665" i="10"/>
  <c r="H6666" i="10"/>
  <c r="H6667" i="10"/>
  <c r="H6668" i="10"/>
  <c r="H6669" i="10"/>
  <c r="H6670" i="10"/>
  <c r="H6671" i="10"/>
  <c r="H6672" i="10"/>
  <c r="H6673" i="10"/>
  <c r="H6674" i="10"/>
  <c r="H6675" i="10"/>
  <c r="H6676" i="10"/>
  <c r="H6677" i="10"/>
  <c r="H6678" i="10"/>
  <c r="H6679" i="10"/>
  <c r="H6680" i="10"/>
  <c r="H6681" i="10"/>
  <c r="H6682" i="10"/>
  <c r="H6683" i="10"/>
  <c r="H6684" i="10"/>
  <c r="H6685" i="10"/>
  <c r="H6686" i="10"/>
  <c r="H6687" i="10"/>
  <c r="H6688" i="10"/>
  <c r="H6689" i="10"/>
  <c r="H6690" i="10"/>
  <c r="H6691" i="10"/>
  <c r="H6692" i="10"/>
  <c r="H6693" i="10"/>
  <c r="H6694" i="10"/>
  <c r="H6695" i="10"/>
  <c r="H6696" i="10"/>
  <c r="H6697" i="10"/>
  <c r="H6698" i="10"/>
  <c r="H6699" i="10"/>
  <c r="H6700" i="10"/>
  <c r="H6701" i="10"/>
  <c r="H6702" i="10"/>
  <c r="H6703" i="10"/>
  <c r="H6704" i="10"/>
  <c r="H6705" i="10"/>
  <c r="H6706" i="10"/>
  <c r="H6707" i="10"/>
  <c r="H6708" i="10"/>
  <c r="H6709" i="10"/>
  <c r="H6710" i="10"/>
  <c r="H6711" i="10"/>
  <c r="H6712" i="10"/>
  <c r="H6713" i="10"/>
  <c r="H6714" i="10"/>
  <c r="H6715" i="10"/>
  <c r="H6716" i="10"/>
  <c r="H6717" i="10"/>
  <c r="H6718" i="10"/>
  <c r="H6719" i="10"/>
  <c r="H6720" i="10"/>
  <c r="H6721" i="10"/>
  <c r="H6722" i="10"/>
  <c r="H6723" i="10"/>
  <c r="H6724" i="10"/>
  <c r="H6725" i="10"/>
  <c r="H6726" i="10"/>
  <c r="H6727" i="10"/>
  <c r="H6728" i="10"/>
  <c r="H6729" i="10"/>
  <c r="H6730" i="10"/>
  <c r="H6731" i="10"/>
  <c r="H6732" i="10"/>
  <c r="H6733" i="10"/>
  <c r="H6734" i="10"/>
  <c r="H6735" i="10"/>
  <c r="H6736" i="10"/>
  <c r="H6737" i="10"/>
  <c r="H6738" i="10"/>
  <c r="H6739" i="10"/>
  <c r="H6740" i="10"/>
  <c r="H6741" i="10"/>
  <c r="H6742" i="10"/>
  <c r="H6743" i="10"/>
  <c r="H6744" i="10"/>
  <c r="H6745" i="10"/>
  <c r="H6746" i="10"/>
  <c r="H6747" i="10"/>
  <c r="H6748" i="10"/>
  <c r="H6749" i="10"/>
  <c r="H6750" i="10"/>
  <c r="H6751" i="10"/>
  <c r="H6752" i="10"/>
  <c r="H6753" i="10"/>
  <c r="H6754" i="10"/>
  <c r="H6755" i="10"/>
  <c r="H6756" i="10"/>
  <c r="H6757" i="10"/>
  <c r="H6758" i="10"/>
  <c r="H6759" i="10"/>
  <c r="H6760" i="10"/>
  <c r="H6761" i="10"/>
  <c r="H6762" i="10"/>
  <c r="H6763" i="10"/>
  <c r="H6764" i="10"/>
  <c r="H6765" i="10"/>
  <c r="H6766" i="10"/>
  <c r="H6767" i="10"/>
  <c r="H6768" i="10"/>
  <c r="H6769" i="10"/>
  <c r="H6770" i="10"/>
  <c r="H6771" i="10"/>
  <c r="H6772" i="10"/>
  <c r="H6773" i="10"/>
  <c r="H6774" i="10"/>
  <c r="H6775" i="10"/>
  <c r="H6776" i="10"/>
  <c r="H6777" i="10"/>
  <c r="H6778" i="10"/>
  <c r="H6779" i="10"/>
  <c r="H6780" i="10"/>
  <c r="H6781" i="10"/>
  <c r="H6782" i="10"/>
  <c r="H6783" i="10"/>
  <c r="H6784" i="10"/>
  <c r="H6785" i="10"/>
  <c r="H6786" i="10"/>
  <c r="H6787" i="10"/>
  <c r="H6788" i="10"/>
  <c r="H6789" i="10"/>
  <c r="H6790" i="10"/>
  <c r="H6791" i="10"/>
  <c r="H6792" i="10"/>
  <c r="H6793" i="10"/>
  <c r="H6794" i="10"/>
  <c r="H6795" i="10"/>
  <c r="H6796" i="10"/>
  <c r="H6797" i="10"/>
  <c r="H6798" i="10"/>
  <c r="H6799" i="10"/>
  <c r="H6800" i="10"/>
  <c r="H6801" i="10"/>
  <c r="H6802" i="10"/>
  <c r="H6803" i="10"/>
  <c r="H6804" i="10"/>
  <c r="H6805" i="10"/>
  <c r="H6806" i="10"/>
  <c r="H6807" i="10"/>
  <c r="H6808" i="10"/>
  <c r="H6809" i="10"/>
  <c r="H6810" i="10"/>
  <c r="H6811" i="10"/>
  <c r="H6812" i="10"/>
  <c r="H6813" i="10"/>
  <c r="H6814" i="10"/>
  <c r="H6815" i="10"/>
  <c r="H6816" i="10"/>
  <c r="H6817" i="10"/>
  <c r="H6818" i="10"/>
  <c r="H6819" i="10"/>
  <c r="H6820" i="10"/>
  <c r="H6821" i="10"/>
  <c r="H6822" i="10"/>
  <c r="H6823" i="10"/>
  <c r="H6824" i="10"/>
  <c r="H6825" i="10"/>
  <c r="H6826" i="10"/>
  <c r="H6827" i="10"/>
  <c r="H6828" i="10"/>
  <c r="H6829" i="10"/>
  <c r="H6830" i="10"/>
  <c r="H6831" i="10"/>
  <c r="H6832" i="10"/>
  <c r="H6833" i="10"/>
  <c r="H6834" i="10"/>
  <c r="H6835" i="10"/>
  <c r="H6836" i="10"/>
  <c r="H6837" i="10"/>
  <c r="H6838" i="10"/>
  <c r="H6839" i="10"/>
  <c r="H6840" i="10"/>
  <c r="H6841" i="10"/>
  <c r="H6842" i="10"/>
  <c r="H6843" i="10"/>
  <c r="H6844" i="10"/>
  <c r="H6845" i="10"/>
  <c r="H6846" i="10"/>
  <c r="H6847" i="10"/>
  <c r="H6848" i="10"/>
  <c r="H6849" i="10"/>
  <c r="H6850" i="10"/>
  <c r="H6851" i="10"/>
  <c r="H6852" i="10"/>
  <c r="H6853" i="10"/>
  <c r="H6854" i="10"/>
  <c r="H6855" i="10"/>
  <c r="H6856" i="10"/>
  <c r="H6857" i="10"/>
  <c r="H6858" i="10"/>
  <c r="H6859" i="10"/>
  <c r="H6860" i="10"/>
  <c r="H6861" i="10"/>
  <c r="H6862" i="10"/>
  <c r="H6863" i="10"/>
  <c r="H6864" i="10"/>
  <c r="H6865" i="10"/>
  <c r="H6866" i="10"/>
  <c r="H6867" i="10"/>
  <c r="H6868" i="10"/>
  <c r="H6869" i="10"/>
  <c r="H6870" i="10"/>
  <c r="H6871" i="10"/>
  <c r="H6872" i="10"/>
  <c r="H6873" i="10"/>
  <c r="H6874" i="10"/>
  <c r="H6875" i="10"/>
  <c r="H6876" i="10"/>
  <c r="H6877" i="10"/>
  <c r="H6878" i="10"/>
  <c r="H6879" i="10"/>
  <c r="H6880" i="10"/>
  <c r="H6881" i="10"/>
  <c r="H6882" i="10"/>
  <c r="H6883" i="10"/>
  <c r="H6884" i="10"/>
  <c r="H6885" i="10"/>
  <c r="H6886" i="10"/>
  <c r="H6887" i="10"/>
  <c r="H6888" i="10"/>
  <c r="H6889" i="10"/>
  <c r="H6890" i="10"/>
  <c r="H6891" i="10"/>
  <c r="H6892" i="10"/>
  <c r="H6893" i="10"/>
  <c r="H6894" i="10"/>
  <c r="H6895" i="10"/>
  <c r="H6896" i="10"/>
  <c r="H6897" i="10"/>
  <c r="H6898" i="10"/>
  <c r="H6899" i="10"/>
  <c r="H6900" i="10"/>
  <c r="H6901" i="10"/>
  <c r="H6902" i="10"/>
  <c r="H6903" i="10"/>
  <c r="H6904" i="10"/>
  <c r="H6905" i="10"/>
  <c r="H6906" i="10"/>
  <c r="H6907" i="10"/>
  <c r="H6908" i="10"/>
  <c r="H6909" i="10"/>
  <c r="H6910" i="10"/>
  <c r="H6911" i="10"/>
  <c r="H6912" i="10"/>
  <c r="H6913" i="10"/>
  <c r="H6914" i="10"/>
  <c r="H6915" i="10"/>
  <c r="H6916" i="10"/>
  <c r="H6917" i="10"/>
  <c r="H6918" i="10"/>
  <c r="H6919" i="10"/>
  <c r="H6920" i="10"/>
  <c r="H6921" i="10"/>
  <c r="H6922" i="10"/>
  <c r="H6923" i="10"/>
  <c r="H6924" i="10"/>
  <c r="H6925" i="10"/>
  <c r="H6926" i="10"/>
  <c r="H6927" i="10"/>
  <c r="H6928" i="10"/>
  <c r="H6929" i="10"/>
  <c r="H6930" i="10"/>
  <c r="H6931" i="10"/>
  <c r="H6932" i="10"/>
  <c r="H6933" i="10"/>
  <c r="H6934" i="10"/>
  <c r="H6935" i="10"/>
  <c r="H6936" i="10"/>
  <c r="H6937" i="10"/>
  <c r="H6938" i="10"/>
  <c r="H6939" i="10"/>
  <c r="H6940" i="10"/>
  <c r="H6941" i="10"/>
  <c r="H6942" i="10"/>
  <c r="H6943" i="10"/>
  <c r="H6944" i="10"/>
  <c r="H6945" i="10"/>
  <c r="H6946" i="10"/>
  <c r="H6947" i="10"/>
  <c r="H6948" i="10"/>
  <c r="H6949" i="10"/>
  <c r="H6950" i="10"/>
  <c r="H6951" i="10"/>
  <c r="H6952" i="10"/>
  <c r="H6953" i="10"/>
  <c r="H6954" i="10"/>
  <c r="H6955" i="10"/>
  <c r="H6956" i="10"/>
  <c r="H6957" i="10"/>
  <c r="H6958" i="10"/>
  <c r="H6959" i="10"/>
  <c r="H6960" i="10"/>
  <c r="H6961" i="10"/>
  <c r="H6962" i="10"/>
  <c r="H6963" i="10"/>
  <c r="H6964" i="10"/>
  <c r="H6965" i="10"/>
  <c r="H6966" i="10"/>
  <c r="H6967" i="10"/>
  <c r="H6968" i="10"/>
  <c r="H6969" i="10"/>
  <c r="H6970" i="10"/>
  <c r="H6971" i="10"/>
  <c r="H6972" i="10"/>
  <c r="H6973" i="10"/>
  <c r="H6974" i="10"/>
  <c r="H6975" i="10"/>
  <c r="H6976" i="10"/>
  <c r="H6977" i="10"/>
  <c r="H6978" i="10"/>
  <c r="H6979" i="10"/>
  <c r="H6980" i="10"/>
  <c r="H6981" i="10"/>
  <c r="H6982" i="10"/>
  <c r="H6983" i="10"/>
  <c r="H6984" i="10"/>
  <c r="H6985" i="10"/>
  <c r="H6986" i="10"/>
  <c r="H6987" i="10"/>
  <c r="H6988" i="10"/>
  <c r="H6989" i="10"/>
  <c r="H6990" i="10"/>
  <c r="H6991" i="10"/>
  <c r="H6992" i="10"/>
  <c r="H6993" i="10"/>
  <c r="H6994" i="10"/>
  <c r="H6995" i="10"/>
  <c r="H6996" i="10"/>
  <c r="H6997" i="10"/>
  <c r="H6998" i="10"/>
  <c r="H6999" i="10"/>
  <c r="H7000" i="10"/>
  <c r="H7001" i="10"/>
  <c r="H7002" i="10"/>
  <c r="H7003" i="10"/>
  <c r="H7004" i="10"/>
  <c r="H7005" i="10"/>
  <c r="H7006" i="10"/>
  <c r="H7007" i="10"/>
  <c r="H7008" i="10"/>
  <c r="H7009" i="10"/>
  <c r="H7010" i="10"/>
  <c r="H7011" i="10"/>
  <c r="H7012" i="10"/>
  <c r="H7013" i="10"/>
  <c r="H7014" i="10"/>
  <c r="H7015" i="10"/>
  <c r="H7016" i="10"/>
  <c r="H7017" i="10"/>
  <c r="H7018" i="10"/>
  <c r="H7019" i="10"/>
  <c r="H7020" i="10"/>
  <c r="H7021" i="10"/>
  <c r="H7022" i="10"/>
  <c r="H7023" i="10"/>
  <c r="H7024" i="10"/>
  <c r="H7025" i="10"/>
  <c r="H7026" i="10"/>
  <c r="H7027" i="10"/>
  <c r="H7028" i="10"/>
  <c r="H7029" i="10"/>
  <c r="H7030" i="10"/>
  <c r="H7031" i="10"/>
  <c r="H7032" i="10"/>
  <c r="H7033" i="10"/>
  <c r="H7034" i="10"/>
  <c r="H7035" i="10"/>
  <c r="H7036" i="10"/>
  <c r="H7037" i="10"/>
  <c r="H7038" i="10"/>
  <c r="H7039" i="10"/>
  <c r="H7040" i="10"/>
  <c r="H7041" i="10"/>
  <c r="H7042" i="10"/>
  <c r="H7043" i="10"/>
  <c r="H7044" i="10"/>
  <c r="H7045" i="10"/>
  <c r="H7046" i="10"/>
  <c r="H7047" i="10"/>
  <c r="H7048" i="10"/>
  <c r="H7049" i="10"/>
  <c r="H7050" i="10"/>
  <c r="H7051" i="10"/>
  <c r="H7052" i="10"/>
  <c r="H7053" i="10"/>
  <c r="H7054" i="10"/>
  <c r="H7055" i="10"/>
  <c r="H7056" i="10"/>
  <c r="H7057" i="10"/>
  <c r="H7058" i="10"/>
  <c r="H7059" i="10"/>
  <c r="H7060" i="10"/>
  <c r="H7061" i="10"/>
  <c r="H7062" i="10"/>
  <c r="H7063" i="10"/>
  <c r="H7064" i="10"/>
  <c r="H7065" i="10"/>
  <c r="H7066" i="10"/>
  <c r="H7067" i="10"/>
  <c r="H7068" i="10"/>
  <c r="H7069" i="10"/>
  <c r="H7070" i="10"/>
  <c r="H7071" i="10"/>
  <c r="H7072" i="10"/>
  <c r="H7073" i="10"/>
  <c r="H7074" i="10"/>
  <c r="H7075" i="10"/>
  <c r="H7076" i="10"/>
  <c r="H7077" i="10"/>
  <c r="H7078" i="10"/>
  <c r="H7079" i="10"/>
  <c r="H7080" i="10"/>
  <c r="H7081" i="10"/>
  <c r="H7082" i="10"/>
  <c r="H7083" i="10"/>
  <c r="H7084" i="10"/>
  <c r="H7085" i="10"/>
  <c r="H7086" i="10"/>
  <c r="H7087" i="10"/>
  <c r="H7088" i="10"/>
  <c r="H7089" i="10"/>
  <c r="H7090" i="10"/>
  <c r="H7091" i="10"/>
  <c r="H7092" i="10"/>
  <c r="H7093" i="10"/>
  <c r="H7094" i="10"/>
  <c r="H7095" i="10"/>
  <c r="H7096" i="10"/>
  <c r="H7097" i="10"/>
  <c r="H7098" i="10"/>
  <c r="H7099" i="10"/>
  <c r="H7100" i="10"/>
  <c r="H7101" i="10"/>
  <c r="H7102" i="10"/>
  <c r="H7103" i="10"/>
  <c r="H7104" i="10"/>
  <c r="H7105" i="10"/>
  <c r="H7106" i="10"/>
  <c r="H7107" i="10"/>
  <c r="H7108" i="10"/>
  <c r="H7109" i="10"/>
  <c r="H7110" i="10"/>
  <c r="H7111" i="10"/>
  <c r="H7112" i="10"/>
  <c r="H7113" i="10"/>
  <c r="H7114" i="10"/>
  <c r="H7115" i="10"/>
  <c r="H7116" i="10"/>
  <c r="H7117" i="10"/>
  <c r="H7118" i="10"/>
  <c r="H7119" i="10"/>
  <c r="H7120" i="10"/>
  <c r="H7121" i="10"/>
  <c r="H7122" i="10"/>
  <c r="H7123" i="10"/>
  <c r="H7124" i="10"/>
  <c r="H7125" i="10"/>
  <c r="H7126" i="10"/>
  <c r="H7127" i="10"/>
  <c r="H7128" i="10"/>
  <c r="H7129" i="10"/>
  <c r="H7130" i="10"/>
  <c r="H7131" i="10"/>
  <c r="H7132" i="10"/>
  <c r="H7133" i="10"/>
  <c r="H7134" i="10"/>
  <c r="H7135" i="10"/>
  <c r="H7136" i="10"/>
  <c r="H7137" i="10"/>
  <c r="H7138" i="10"/>
  <c r="H7139" i="10"/>
  <c r="H7140" i="10"/>
  <c r="H7141" i="10"/>
  <c r="H7142" i="10"/>
  <c r="H7143" i="10"/>
  <c r="H7144" i="10"/>
  <c r="H7145" i="10"/>
  <c r="H7146" i="10"/>
  <c r="H7147" i="10"/>
  <c r="H7148" i="10"/>
  <c r="H7149" i="10"/>
  <c r="H7150" i="10"/>
  <c r="H7151" i="10"/>
  <c r="H7152" i="10"/>
  <c r="H7153" i="10"/>
  <c r="H7154" i="10"/>
  <c r="H7155" i="10"/>
  <c r="H7156" i="10"/>
  <c r="H7157" i="10"/>
  <c r="H7158" i="10"/>
  <c r="H7159" i="10"/>
  <c r="H7160" i="10"/>
  <c r="H7161" i="10"/>
  <c r="H7162" i="10"/>
  <c r="H7163" i="10"/>
  <c r="H7164" i="10"/>
  <c r="H7165" i="10"/>
  <c r="H7166" i="10"/>
  <c r="H7167" i="10"/>
  <c r="H7168" i="10"/>
  <c r="H7169" i="10"/>
  <c r="H7170" i="10"/>
  <c r="H7171" i="10"/>
  <c r="H7172" i="10"/>
  <c r="H7173" i="10"/>
  <c r="H7174" i="10"/>
  <c r="H7175" i="10"/>
  <c r="H7176" i="10"/>
  <c r="H7177" i="10"/>
  <c r="H7178" i="10"/>
  <c r="H7179" i="10"/>
  <c r="H7180" i="10"/>
  <c r="H7181" i="10"/>
  <c r="H7182" i="10"/>
  <c r="H7183" i="10"/>
  <c r="H7184" i="10"/>
  <c r="H7185" i="10"/>
  <c r="H7186" i="10"/>
  <c r="H7187" i="10"/>
  <c r="H7188" i="10"/>
  <c r="H7189" i="10"/>
  <c r="H7190" i="10"/>
  <c r="H7191" i="10"/>
  <c r="H7192" i="10"/>
  <c r="H7193" i="10"/>
  <c r="H7194" i="10"/>
  <c r="H7195" i="10"/>
  <c r="H7196" i="10"/>
  <c r="H7197" i="10"/>
  <c r="H7198" i="10"/>
  <c r="H7199" i="10"/>
  <c r="H7200" i="10"/>
  <c r="H7201" i="10"/>
  <c r="H7202" i="10"/>
  <c r="H7203" i="10"/>
  <c r="H7204" i="10"/>
  <c r="H7205" i="10"/>
  <c r="H7206" i="10"/>
  <c r="H7207" i="10"/>
  <c r="H7208" i="10"/>
  <c r="H7209" i="10"/>
  <c r="H7210" i="10"/>
  <c r="H7211" i="10"/>
  <c r="H7212" i="10"/>
  <c r="H7213" i="10"/>
  <c r="H7214" i="10"/>
  <c r="H7215" i="10"/>
  <c r="H7216" i="10"/>
  <c r="H7217" i="10"/>
  <c r="H7218" i="10"/>
  <c r="H7219" i="10"/>
  <c r="H7220" i="10"/>
  <c r="H7221" i="10"/>
  <c r="H7222" i="10"/>
  <c r="H7223" i="10"/>
  <c r="H7224" i="10"/>
  <c r="H7225" i="10"/>
  <c r="H7226" i="10"/>
  <c r="H7227" i="10"/>
  <c r="H7228" i="10"/>
  <c r="H7229" i="10"/>
  <c r="H7230" i="10"/>
  <c r="H7231" i="10"/>
  <c r="H7232" i="10"/>
  <c r="H7233" i="10"/>
  <c r="H7234" i="10"/>
  <c r="H7235" i="10"/>
  <c r="H7236" i="10"/>
  <c r="H7237" i="10"/>
  <c r="H7238" i="10"/>
  <c r="H7239" i="10"/>
  <c r="H7240" i="10"/>
  <c r="H7241" i="10"/>
  <c r="H7242" i="10"/>
  <c r="H7243" i="10"/>
  <c r="H7244" i="10"/>
  <c r="H7245" i="10"/>
  <c r="H7246" i="10"/>
  <c r="H7247" i="10"/>
  <c r="H7248" i="10"/>
  <c r="H7249" i="10"/>
  <c r="H7250" i="10"/>
  <c r="H7251" i="10"/>
  <c r="H7252" i="10"/>
  <c r="H7253" i="10"/>
  <c r="H7254" i="10"/>
  <c r="H7255" i="10"/>
  <c r="H7256" i="10"/>
  <c r="H7257" i="10"/>
  <c r="H7258" i="10"/>
  <c r="H7259" i="10"/>
  <c r="H7260" i="10"/>
  <c r="H7261" i="10"/>
  <c r="H7262" i="10"/>
  <c r="H7263" i="10"/>
  <c r="H7264" i="10"/>
  <c r="H7265" i="10"/>
  <c r="H7266" i="10"/>
  <c r="H7267" i="10"/>
  <c r="H7268" i="10"/>
  <c r="H7269" i="10"/>
  <c r="H7270" i="10"/>
  <c r="H7271" i="10"/>
  <c r="H7272" i="10"/>
  <c r="H7273" i="10"/>
  <c r="H7274" i="10"/>
  <c r="H7275" i="10"/>
  <c r="H7276" i="10"/>
  <c r="H7277" i="10"/>
  <c r="H7278" i="10"/>
  <c r="H7279" i="10"/>
  <c r="H7280" i="10"/>
  <c r="H7281" i="10"/>
  <c r="H7282" i="10"/>
  <c r="H7283" i="10"/>
  <c r="H7284" i="10"/>
  <c r="H7285" i="10"/>
  <c r="H7286" i="10"/>
  <c r="H7287" i="10"/>
  <c r="H7288" i="10"/>
  <c r="H7289" i="10"/>
  <c r="H7290" i="10"/>
  <c r="H7291" i="10"/>
  <c r="H7292" i="10"/>
  <c r="H7293" i="10"/>
  <c r="H7294" i="10"/>
  <c r="H7295" i="10"/>
  <c r="H7296" i="10"/>
  <c r="H7297" i="10"/>
  <c r="H7298" i="10"/>
  <c r="H7299" i="10"/>
  <c r="H7300" i="10"/>
  <c r="H7301" i="10"/>
  <c r="H7302" i="10"/>
  <c r="H7303" i="10"/>
  <c r="H7304" i="10"/>
  <c r="H7305" i="10"/>
  <c r="H7306" i="10"/>
  <c r="H7307" i="10"/>
  <c r="H7308" i="10"/>
  <c r="H7309" i="10"/>
  <c r="H7310" i="10"/>
  <c r="H7311" i="10"/>
  <c r="H7312" i="10"/>
  <c r="H7313" i="10"/>
  <c r="H7314" i="10"/>
  <c r="H7315" i="10"/>
  <c r="H7316" i="10"/>
  <c r="H7317" i="10"/>
  <c r="H7318" i="10"/>
  <c r="H7319" i="10"/>
  <c r="H7320" i="10"/>
  <c r="H7321" i="10"/>
  <c r="H7322" i="10"/>
  <c r="H7323" i="10"/>
  <c r="H7324" i="10"/>
  <c r="H7325" i="10"/>
  <c r="H7326" i="10"/>
  <c r="H7327" i="10"/>
  <c r="H7328" i="10"/>
  <c r="H7329" i="10"/>
  <c r="H7330" i="10"/>
  <c r="H7331" i="10"/>
  <c r="H7332" i="10"/>
  <c r="H7333" i="10"/>
  <c r="H7334" i="10"/>
  <c r="H7335" i="10"/>
  <c r="H7336" i="10"/>
  <c r="H7337" i="10"/>
  <c r="H7338" i="10"/>
  <c r="H7339" i="10"/>
  <c r="H7340" i="10"/>
  <c r="H7341" i="10"/>
  <c r="H7342" i="10"/>
  <c r="H7343" i="10"/>
  <c r="H7344" i="10"/>
  <c r="H7345" i="10"/>
  <c r="H7346" i="10"/>
  <c r="H7347" i="10"/>
  <c r="H7348" i="10"/>
  <c r="H7349" i="10"/>
  <c r="H7350" i="10"/>
  <c r="H7351" i="10"/>
  <c r="H7352" i="10"/>
  <c r="H7353" i="10"/>
  <c r="H7354" i="10"/>
  <c r="H7355" i="10"/>
  <c r="H7356" i="10"/>
  <c r="H7357" i="10"/>
  <c r="H7358" i="10"/>
  <c r="H7359" i="10"/>
  <c r="H7360" i="10"/>
  <c r="H7361" i="10"/>
  <c r="H7362" i="10"/>
  <c r="H7363" i="10"/>
  <c r="H7364" i="10"/>
  <c r="H7365" i="10"/>
  <c r="H7366" i="10"/>
  <c r="H7367" i="10"/>
  <c r="H7368" i="10"/>
  <c r="H7369" i="10"/>
  <c r="H7370" i="10"/>
  <c r="H7371" i="10"/>
  <c r="H7372" i="10"/>
  <c r="H7373" i="10"/>
  <c r="H7374" i="10"/>
  <c r="H7375" i="10"/>
  <c r="H7376" i="10"/>
  <c r="H7377" i="10"/>
  <c r="H7378" i="10"/>
  <c r="H7379" i="10"/>
  <c r="H7380" i="10"/>
  <c r="H7381" i="10"/>
  <c r="H7382" i="10"/>
  <c r="H7383" i="10"/>
  <c r="H7384" i="10"/>
  <c r="H7385" i="10"/>
  <c r="H7386" i="10"/>
  <c r="H7387" i="10"/>
  <c r="H7388" i="10"/>
  <c r="H7389" i="10"/>
  <c r="H7390" i="10"/>
  <c r="H7391" i="10"/>
  <c r="H7392" i="10"/>
  <c r="H7393" i="10"/>
  <c r="H7394" i="10"/>
  <c r="H7395" i="10"/>
  <c r="H7396" i="10"/>
  <c r="H7397" i="10"/>
  <c r="H7398" i="10"/>
  <c r="H7399" i="10"/>
  <c r="H7400" i="10"/>
  <c r="H7401" i="10"/>
  <c r="H7402" i="10"/>
  <c r="H7403" i="10"/>
  <c r="H7404" i="10"/>
  <c r="H7405" i="10"/>
  <c r="H7406" i="10"/>
  <c r="H7407" i="10"/>
  <c r="H7408" i="10"/>
  <c r="H7409" i="10"/>
  <c r="H7410" i="10"/>
  <c r="H7411" i="10"/>
  <c r="H7412" i="10"/>
  <c r="H7413" i="10"/>
  <c r="H7414" i="10"/>
  <c r="H7415" i="10"/>
  <c r="H7416" i="10"/>
  <c r="H7417" i="10"/>
  <c r="H7418" i="10"/>
  <c r="H7419" i="10"/>
  <c r="H7420" i="10"/>
  <c r="H7421" i="10"/>
  <c r="H7422" i="10"/>
  <c r="H7423" i="10"/>
  <c r="H7424" i="10"/>
  <c r="H7425" i="10"/>
  <c r="H7426" i="10"/>
  <c r="H7427" i="10"/>
  <c r="H7428" i="10"/>
  <c r="H7429" i="10"/>
  <c r="H7430" i="10"/>
  <c r="H7431" i="10"/>
  <c r="H7432" i="10"/>
  <c r="H7433" i="10"/>
  <c r="H7434" i="10"/>
  <c r="H7435" i="10"/>
  <c r="H7436" i="10"/>
  <c r="H7437" i="10"/>
  <c r="H7438" i="10"/>
  <c r="H7439" i="10"/>
  <c r="H7440" i="10"/>
  <c r="H7441" i="10"/>
  <c r="H7442" i="10"/>
  <c r="H7443" i="10"/>
  <c r="H7444" i="10"/>
  <c r="H7445" i="10"/>
  <c r="H7446" i="10"/>
  <c r="H7447" i="10"/>
  <c r="H7448" i="10"/>
  <c r="H7449" i="10"/>
  <c r="H7450" i="10"/>
  <c r="H7451" i="10"/>
  <c r="H7452" i="10"/>
  <c r="H7453" i="10"/>
  <c r="H7454" i="10"/>
  <c r="H7455" i="10"/>
  <c r="H7456" i="10"/>
  <c r="H7457" i="10"/>
  <c r="H7458" i="10"/>
  <c r="H7459" i="10"/>
  <c r="H7460" i="10"/>
  <c r="H7461" i="10"/>
  <c r="H7462" i="10"/>
  <c r="H14" i="10"/>
  <c r="G15" i="10"/>
  <c r="G16" i="10"/>
  <c r="G17" i="10"/>
  <c r="G18" i="10"/>
  <c r="G19" i="10"/>
  <c r="G20" i="10"/>
  <c r="G21" i="10"/>
  <c r="G22" i="10"/>
  <c r="G23" i="10"/>
  <c r="G24" i="10"/>
  <c r="G25" i="10"/>
  <c r="G26" i="10"/>
  <c r="G27" i="10"/>
  <c r="G28" i="10"/>
  <c r="G29" i="10"/>
  <c r="G30" i="10"/>
  <c r="G31" i="10"/>
  <c r="G32" i="10"/>
  <c r="G33" i="10"/>
  <c r="G34" i="10"/>
  <c r="G35" i="10"/>
  <c r="G36" i="10"/>
  <c r="G37" i="10"/>
  <c r="G38" i="10"/>
  <c r="G39" i="10"/>
  <c r="G40" i="10"/>
  <c r="G41" i="10"/>
  <c r="G42" i="10"/>
  <c r="G43" i="10"/>
  <c r="G44" i="10"/>
  <c r="G45" i="10"/>
  <c r="G46" i="10"/>
  <c r="G47" i="10"/>
  <c r="G48" i="10"/>
  <c r="G49" i="10"/>
  <c r="G50" i="10"/>
  <c r="G51" i="10"/>
  <c r="G52" i="10"/>
  <c r="G53" i="10"/>
  <c r="G54" i="10"/>
  <c r="G55" i="10"/>
  <c r="G56" i="10"/>
  <c r="G57" i="10"/>
  <c r="G58" i="10"/>
  <c r="G59" i="10"/>
  <c r="G60" i="10"/>
  <c r="G61" i="10"/>
  <c r="G62" i="10"/>
  <c r="G63" i="10"/>
  <c r="G64" i="10"/>
  <c r="G65" i="10"/>
  <c r="G66" i="10"/>
  <c r="G67" i="10"/>
  <c r="G68" i="10"/>
  <c r="G69" i="10"/>
  <c r="G70" i="10"/>
  <c r="G71" i="10"/>
  <c r="G72" i="10"/>
  <c r="G73" i="10"/>
  <c r="G74" i="10"/>
  <c r="G75" i="10"/>
  <c r="G76" i="10"/>
  <c r="G77" i="10"/>
  <c r="G78" i="10"/>
  <c r="G79" i="10"/>
  <c r="G80" i="10"/>
  <c r="G81" i="10"/>
  <c r="G82" i="10"/>
  <c r="G83" i="10"/>
  <c r="G84" i="10"/>
  <c r="G85" i="10"/>
  <c r="G86" i="10"/>
  <c r="G87" i="10"/>
  <c r="G88" i="10"/>
  <c r="G89" i="10"/>
  <c r="G90" i="10"/>
  <c r="G91" i="10"/>
  <c r="G92" i="10"/>
  <c r="G93" i="10"/>
  <c r="G94" i="10"/>
  <c r="G95" i="10"/>
  <c r="G96" i="10"/>
  <c r="G97" i="10"/>
  <c r="G98" i="10"/>
  <c r="G99" i="10"/>
  <c r="G100" i="10"/>
  <c r="G101" i="10"/>
  <c r="G102" i="10"/>
  <c r="G103" i="10"/>
  <c r="G104" i="10"/>
  <c r="G105" i="10"/>
  <c r="G106" i="10"/>
  <c r="G107" i="10"/>
  <c r="G108" i="10"/>
  <c r="G109" i="10"/>
  <c r="G110" i="10"/>
  <c r="G111" i="10"/>
  <c r="G112" i="10"/>
  <c r="G113" i="10"/>
  <c r="G114" i="10"/>
  <c r="G115" i="10"/>
  <c r="G116" i="10"/>
  <c r="G117" i="10"/>
  <c r="G118" i="10"/>
  <c r="G119" i="10"/>
  <c r="G120" i="10"/>
  <c r="G121" i="10"/>
  <c r="G122" i="10"/>
  <c r="G123" i="10"/>
  <c r="G124" i="10"/>
  <c r="G125" i="10"/>
  <c r="G126" i="10"/>
  <c r="G127" i="10"/>
  <c r="G128" i="10"/>
  <c r="G129" i="10"/>
  <c r="G130" i="10"/>
  <c r="G131" i="10"/>
  <c r="G132" i="10"/>
  <c r="G133" i="10"/>
  <c r="G134" i="10"/>
  <c r="G135" i="10"/>
  <c r="G136" i="10"/>
  <c r="G137" i="10"/>
  <c r="G138" i="10"/>
  <c r="G139" i="10"/>
  <c r="G140" i="10"/>
  <c r="G141" i="10"/>
  <c r="G142" i="10"/>
  <c r="G143" i="10"/>
  <c r="G144" i="10"/>
  <c r="G145" i="10"/>
  <c r="G146" i="10"/>
  <c r="G147" i="10"/>
  <c r="G148" i="10"/>
  <c r="G149" i="10"/>
  <c r="G150" i="10"/>
  <c r="G151" i="10"/>
  <c r="G152" i="10"/>
  <c r="G153" i="10"/>
  <c r="G154" i="10"/>
  <c r="G155" i="10"/>
  <c r="G156" i="10"/>
  <c r="G157" i="10"/>
  <c r="G158" i="10"/>
  <c r="G159" i="10"/>
  <c r="G160" i="10"/>
  <c r="G161" i="10"/>
  <c r="G162" i="10"/>
  <c r="G163" i="10"/>
  <c r="G164" i="10"/>
  <c r="G165" i="10"/>
  <c r="G166" i="10"/>
  <c r="G167" i="10"/>
  <c r="G168" i="10"/>
  <c r="G169" i="10"/>
  <c r="G170" i="10"/>
  <c r="G171" i="10"/>
  <c r="G172" i="10"/>
  <c r="G173" i="10"/>
  <c r="G174" i="10"/>
  <c r="G175" i="10"/>
  <c r="G176" i="10"/>
  <c r="G177" i="10"/>
  <c r="G178" i="10"/>
  <c r="G179" i="10"/>
  <c r="G180" i="10"/>
  <c r="G181" i="10"/>
  <c r="G182" i="10"/>
  <c r="G183" i="10"/>
  <c r="G184" i="10"/>
  <c r="G185" i="10"/>
  <c r="G186" i="10"/>
  <c r="G187" i="10"/>
  <c r="G188" i="10"/>
  <c r="G189" i="10"/>
  <c r="G190" i="10"/>
  <c r="G191" i="10"/>
  <c r="G192" i="10"/>
  <c r="G193" i="10"/>
  <c r="G194" i="10"/>
  <c r="G195" i="10"/>
  <c r="G196" i="10"/>
  <c r="G197" i="10"/>
  <c r="G198" i="10"/>
  <c r="G199" i="10"/>
  <c r="G200" i="10"/>
  <c r="G201" i="10"/>
  <c r="G202" i="10"/>
  <c r="G203" i="10"/>
  <c r="G204" i="10"/>
  <c r="G205" i="10"/>
  <c r="G206" i="10"/>
  <c r="G207" i="10"/>
  <c r="G208" i="10"/>
  <c r="G209" i="10"/>
  <c r="G210" i="10"/>
  <c r="G211" i="10"/>
  <c r="G212" i="10"/>
  <c r="G213" i="10"/>
  <c r="G214" i="10"/>
  <c r="G215" i="10"/>
  <c r="G216" i="10"/>
  <c r="G217" i="10"/>
  <c r="G218" i="10"/>
  <c r="G219" i="10"/>
  <c r="G220" i="10"/>
  <c r="G221" i="10"/>
  <c r="G222" i="10"/>
  <c r="G223" i="10"/>
  <c r="G224" i="10"/>
  <c r="G225" i="10"/>
  <c r="G226" i="10"/>
  <c r="G227" i="10"/>
  <c r="G228" i="10"/>
  <c r="G229" i="10"/>
  <c r="G230" i="10"/>
  <c r="G231" i="10"/>
  <c r="G232" i="10"/>
  <c r="G233" i="10"/>
  <c r="G234" i="10"/>
  <c r="G235" i="10"/>
  <c r="G236" i="10"/>
  <c r="G237" i="10"/>
  <c r="G238" i="10"/>
  <c r="G239" i="10"/>
  <c r="G240" i="10"/>
  <c r="G241" i="10"/>
  <c r="G242" i="10"/>
  <c r="G243" i="10"/>
  <c r="G244" i="10"/>
  <c r="G245" i="10"/>
  <c r="G246" i="10"/>
  <c r="G247" i="10"/>
  <c r="G248" i="10"/>
  <c r="G249" i="10"/>
  <c r="G250" i="10"/>
  <c r="G251" i="10"/>
  <c r="G252" i="10"/>
  <c r="G253" i="10"/>
  <c r="G254" i="10"/>
  <c r="G255" i="10"/>
  <c r="G256" i="10"/>
  <c r="G257" i="10"/>
  <c r="G258" i="10"/>
  <c r="G259" i="10"/>
  <c r="G260" i="10"/>
  <c r="G261" i="10"/>
  <c r="G262" i="10"/>
  <c r="G263" i="10"/>
  <c r="G264" i="10"/>
  <c r="G265" i="10"/>
  <c r="G266" i="10"/>
  <c r="G267" i="10"/>
  <c r="G268" i="10"/>
  <c r="G269" i="10"/>
  <c r="G270" i="10"/>
  <c r="G271" i="10"/>
  <c r="G272" i="10"/>
  <c r="G273" i="10"/>
  <c r="G274" i="10"/>
  <c r="G275" i="10"/>
  <c r="G276" i="10"/>
  <c r="G277" i="10"/>
  <c r="G278" i="10"/>
  <c r="G279" i="10"/>
  <c r="G280" i="10"/>
  <c r="G281" i="10"/>
  <c r="G282" i="10"/>
  <c r="G283" i="10"/>
  <c r="G284" i="10"/>
  <c r="G285" i="10"/>
  <c r="G286" i="10"/>
  <c r="G287" i="10"/>
  <c r="G288" i="10"/>
  <c r="G289" i="10"/>
  <c r="G290" i="10"/>
  <c r="G291" i="10"/>
  <c r="G292" i="10"/>
  <c r="G293" i="10"/>
  <c r="G294" i="10"/>
  <c r="G295" i="10"/>
  <c r="G296" i="10"/>
  <c r="G297" i="10"/>
  <c r="G298" i="10"/>
  <c r="G299" i="10"/>
  <c r="G300" i="10"/>
  <c r="G301" i="10"/>
  <c r="G302" i="10"/>
  <c r="G303" i="10"/>
  <c r="G304" i="10"/>
  <c r="G305" i="10"/>
  <c r="G306" i="10"/>
  <c r="G307" i="10"/>
  <c r="G308" i="10"/>
  <c r="G309" i="10"/>
  <c r="G310" i="10"/>
  <c r="G311" i="10"/>
  <c r="G312" i="10"/>
  <c r="G313" i="10"/>
  <c r="G314" i="10"/>
  <c r="G315" i="10"/>
  <c r="G316" i="10"/>
  <c r="G317" i="10"/>
  <c r="G318" i="10"/>
  <c r="G319" i="10"/>
  <c r="G320" i="10"/>
  <c r="G321" i="10"/>
  <c r="G322" i="10"/>
  <c r="G323" i="10"/>
  <c r="G324" i="10"/>
  <c r="G325" i="10"/>
  <c r="G326" i="10"/>
  <c r="G327" i="10"/>
  <c r="G328" i="10"/>
  <c r="G329" i="10"/>
  <c r="G330" i="10"/>
  <c r="G331" i="10"/>
  <c r="G332" i="10"/>
  <c r="G333" i="10"/>
  <c r="G334" i="10"/>
  <c r="G335" i="10"/>
  <c r="G336" i="10"/>
  <c r="G337" i="10"/>
  <c r="G338" i="10"/>
  <c r="G339" i="10"/>
  <c r="G340" i="10"/>
  <c r="G341" i="10"/>
  <c r="G342" i="10"/>
  <c r="G343" i="10"/>
  <c r="G344" i="10"/>
  <c r="G345" i="10"/>
  <c r="G346" i="10"/>
  <c r="G347" i="10"/>
  <c r="G348" i="10"/>
  <c r="G349" i="10"/>
  <c r="G350" i="10"/>
  <c r="G351" i="10"/>
  <c r="G352" i="10"/>
  <c r="G353" i="10"/>
  <c r="G354" i="10"/>
  <c r="G355" i="10"/>
  <c r="G356" i="10"/>
  <c r="G357" i="10"/>
  <c r="G358" i="10"/>
  <c r="G359" i="10"/>
  <c r="G360" i="10"/>
  <c r="G361" i="10"/>
  <c r="G362" i="10"/>
  <c r="G363" i="10"/>
  <c r="G364" i="10"/>
  <c r="G365" i="10"/>
  <c r="G366" i="10"/>
  <c r="G367" i="10"/>
  <c r="G368" i="10"/>
  <c r="G369" i="10"/>
  <c r="G370" i="10"/>
  <c r="G371" i="10"/>
  <c r="G372" i="10"/>
  <c r="G373" i="10"/>
  <c r="G374" i="10"/>
  <c r="G375" i="10"/>
  <c r="G376" i="10"/>
  <c r="G377" i="10"/>
  <c r="G378" i="10"/>
  <c r="G379" i="10"/>
  <c r="G380" i="10"/>
  <c r="G381" i="10"/>
  <c r="G382" i="10"/>
  <c r="G383" i="10"/>
  <c r="G384" i="10"/>
  <c r="G385" i="10"/>
  <c r="G386" i="10"/>
  <c r="G387" i="10"/>
  <c r="G388" i="10"/>
  <c r="G389" i="10"/>
  <c r="G390" i="10"/>
  <c r="G391" i="10"/>
  <c r="G392" i="10"/>
  <c r="G393" i="10"/>
  <c r="G394" i="10"/>
  <c r="G395" i="10"/>
  <c r="G396" i="10"/>
  <c r="G397" i="10"/>
  <c r="G398" i="10"/>
  <c r="G399" i="10"/>
  <c r="G400" i="10"/>
  <c r="G401" i="10"/>
  <c r="G402" i="10"/>
  <c r="G403" i="10"/>
  <c r="G404" i="10"/>
  <c r="G405" i="10"/>
  <c r="G406" i="10"/>
  <c r="G407" i="10"/>
  <c r="G408" i="10"/>
  <c r="G409" i="10"/>
  <c r="G410" i="10"/>
  <c r="G411" i="10"/>
  <c r="G412" i="10"/>
  <c r="G413" i="10"/>
  <c r="G414" i="10"/>
  <c r="G415" i="10"/>
  <c r="G416" i="10"/>
  <c r="G417" i="10"/>
  <c r="G418" i="10"/>
  <c r="G419" i="10"/>
  <c r="G420" i="10"/>
  <c r="G421" i="10"/>
  <c r="G422" i="10"/>
  <c r="G423" i="10"/>
  <c r="G424" i="10"/>
  <c r="G425" i="10"/>
  <c r="G426" i="10"/>
  <c r="G427" i="10"/>
  <c r="G428" i="10"/>
  <c r="G429" i="10"/>
  <c r="G430" i="10"/>
  <c r="G431" i="10"/>
  <c r="G432" i="10"/>
  <c r="G433" i="10"/>
  <c r="G434" i="10"/>
  <c r="G435" i="10"/>
  <c r="G436" i="10"/>
  <c r="G437" i="10"/>
  <c r="G438" i="10"/>
  <c r="G439" i="10"/>
  <c r="G440" i="10"/>
  <c r="G441" i="10"/>
  <c r="G442" i="10"/>
  <c r="G443" i="10"/>
  <c r="G444" i="10"/>
  <c r="G445" i="10"/>
  <c r="G446" i="10"/>
  <c r="G447" i="10"/>
  <c r="G448" i="10"/>
  <c r="G449" i="10"/>
  <c r="G450" i="10"/>
  <c r="G451" i="10"/>
  <c r="G452" i="10"/>
  <c r="G453" i="10"/>
  <c r="G454" i="10"/>
  <c r="G455" i="10"/>
  <c r="G456" i="10"/>
  <c r="G457" i="10"/>
  <c r="G458" i="10"/>
  <c r="G459" i="10"/>
  <c r="G460" i="10"/>
  <c r="G461" i="10"/>
  <c r="G462" i="10"/>
  <c r="G463" i="10"/>
  <c r="G464" i="10"/>
  <c r="G465" i="10"/>
  <c r="G466" i="10"/>
  <c r="G467" i="10"/>
  <c r="G468" i="10"/>
  <c r="G469" i="10"/>
  <c r="G470" i="10"/>
  <c r="G471" i="10"/>
  <c r="G472" i="10"/>
  <c r="G473" i="10"/>
  <c r="G474" i="10"/>
  <c r="G475" i="10"/>
  <c r="G476" i="10"/>
  <c r="G477" i="10"/>
  <c r="G478" i="10"/>
  <c r="G479" i="10"/>
  <c r="G480" i="10"/>
  <c r="G481" i="10"/>
  <c r="G482" i="10"/>
  <c r="G483" i="10"/>
  <c r="G484" i="10"/>
  <c r="G485" i="10"/>
  <c r="G486" i="10"/>
  <c r="G487" i="10"/>
  <c r="G488" i="10"/>
  <c r="G489" i="10"/>
  <c r="G490" i="10"/>
  <c r="G491" i="10"/>
  <c r="G492" i="10"/>
  <c r="G493" i="10"/>
  <c r="G494" i="10"/>
  <c r="G495" i="10"/>
  <c r="G496" i="10"/>
  <c r="G497" i="10"/>
  <c r="G498" i="10"/>
  <c r="G499" i="10"/>
  <c r="G500" i="10"/>
  <c r="G501" i="10"/>
  <c r="G502" i="10"/>
  <c r="G503" i="10"/>
  <c r="G504" i="10"/>
  <c r="G505" i="10"/>
  <c r="G506" i="10"/>
  <c r="G507" i="10"/>
  <c r="G508" i="10"/>
  <c r="G509" i="10"/>
  <c r="G510" i="10"/>
  <c r="G511" i="10"/>
  <c r="G512" i="10"/>
  <c r="G513" i="10"/>
  <c r="G514" i="10"/>
  <c r="G515" i="10"/>
  <c r="G516" i="10"/>
  <c r="G517" i="10"/>
  <c r="G518" i="10"/>
  <c r="G519" i="10"/>
  <c r="G520" i="10"/>
  <c r="G521" i="10"/>
  <c r="G522" i="10"/>
  <c r="G523" i="10"/>
  <c r="G524" i="10"/>
  <c r="G525" i="10"/>
  <c r="G526" i="10"/>
  <c r="G527" i="10"/>
  <c r="G528" i="10"/>
  <c r="G529" i="10"/>
  <c r="G530" i="10"/>
  <c r="G531" i="10"/>
  <c r="G532" i="10"/>
  <c r="G533" i="10"/>
  <c r="G534" i="10"/>
  <c r="G535" i="10"/>
  <c r="G536" i="10"/>
  <c r="G537" i="10"/>
  <c r="G538" i="10"/>
  <c r="G539" i="10"/>
  <c r="G540" i="10"/>
  <c r="G541" i="10"/>
  <c r="G542" i="10"/>
  <c r="G543" i="10"/>
  <c r="G544" i="10"/>
  <c r="G545" i="10"/>
  <c r="G546" i="10"/>
  <c r="G547" i="10"/>
  <c r="G548" i="10"/>
  <c r="G549" i="10"/>
  <c r="G550" i="10"/>
  <c r="G551" i="10"/>
  <c r="G552" i="10"/>
  <c r="G553" i="10"/>
  <c r="G554" i="10"/>
  <c r="G555" i="10"/>
  <c r="G556" i="10"/>
  <c r="G557" i="10"/>
  <c r="G558" i="10"/>
  <c r="G559" i="10"/>
  <c r="G560" i="10"/>
  <c r="G561" i="10"/>
  <c r="G562" i="10"/>
  <c r="G563" i="10"/>
  <c r="G564" i="10"/>
  <c r="G565" i="10"/>
  <c r="G566" i="10"/>
  <c r="G567" i="10"/>
  <c r="G568" i="10"/>
  <c r="G569" i="10"/>
  <c r="G570" i="10"/>
  <c r="G571" i="10"/>
  <c r="G572" i="10"/>
  <c r="G573" i="10"/>
  <c r="G574" i="10"/>
  <c r="G575" i="10"/>
  <c r="G576" i="10"/>
  <c r="G577" i="10"/>
  <c r="G578" i="10"/>
  <c r="G579" i="10"/>
  <c r="G580" i="10"/>
  <c r="G581" i="10"/>
  <c r="G582" i="10"/>
  <c r="G583" i="10"/>
  <c r="G584" i="10"/>
  <c r="G585" i="10"/>
  <c r="G586" i="10"/>
  <c r="G587" i="10"/>
  <c r="G588" i="10"/>
  <c r="G589" i="10"/>
  <c r="G590" i="10"/>
  <c r="G591" i="10"/>
  <c r="G592" i="10"/>
  <c r="G593" i="10"/>
  <c r="G594" i="10"/>
  <c r="G595" i="10"/>
  <c r="G596" i="10"/>
  <c r="G597" i="10"/>
  <c r="G598" i="10"/>
  <c r="G599" i="10"/>
  <c r="G600" i="10"/>
  <c r="G601" i="10"/>
  <c r="G602" i="10"/>
  <c r="G603" i="10"/>
  <c r="G604" i="10"/>
  <c r="G605" i="10"/>
  <c r="G606" i="10"/>
  <c r="G607" i="10"/>
  <c r="G608" i="10"/>
  <c r="G609" i="10"/>
  <c r="G610" i="10"/>
  <c r="G611" i="10"/>
  <c r="G612" i="10"/>
  <c r="G613" i="10"/>
  <c r="G614" i="10"/>
  <c r="G615" i="10"/>
  <c r="G616" i="10"/>
  <c r="G617" i="10"/>
  <c r="G618" i="10"/>
  <c r="G619" i="10"/>
  <c r="G620" i="10"/>
  <c r="G621" i="10"/>
  <c r="G622" i="10"/>
  <c r="G623" i="10"/>
  <c r="G624" i="10"/>
  <c r="G625" i="10"/>
  <c r="G626" i="10"/>
  <c r="G627" i="10"/>
  <c r="G628" i="10"/>
  <c r="G629" i="10"/>
  <c r="G630" i="10"/>
  <c r="G631" i="10"/>
  <c r="G632" i="10"/>
  <c r="G633" i="10"/>
  <c r="G634" i="10"/>
  <c r="G635" i="10"/>
  <c r="G636" i="10"/>
  <c r="G637" i="10"/>
  <c r="G638" i="10"/>
  <c r="G639" i="10"/>
  <c r="G640" i="10"/>
  <c r="G641" i="10"/>
  <c r="G642" i="10"/>
  <c r="G643" i="10"/>
  <c r="G644" i="10"/>
  <c r="G645" i="10"/>
  <c r="G646" i="10"/>
  <c r="G647" i="10"/>
  <c r="G648" i="10"/>
  <c r="G649" i="10"/>
  <c r="G650" i="10"/>
  <c r="G651" i="10"/>
  <c r="G652" i="10"/>
  <c r="G653" i="10"/>
  <c r="G654" i="10"/>
  <c r="G655" i="10"/>
  <c r="G656" i="10"/>
  <c r="G657" i="10"/>
  <c r="G658" i="10"/>
  <c r="G659" i="10"/>
  <c r="G660" i="10"/>
  <c r="G661" i="10"/>
  <c r="G662" i="10"/>
  <c r="G663" i="10"/>
  <c r="G664" i="10"/>
  <c r="G665" i="10"/>
  <c r="G666" i="10"/>
  <c r="G667" i="10"/>
  <c r="G668" i="10"/>
  <c r="G669" i="10"/>
  <c r="G670" i="10"/>
  <c r="G671" i="10"/>
  <c r="G672" i="10"/>
  <c r="G673" i="10"/>
  <c r="G674" i="10"/>
  <c r="G675" i="10"/>
  <c r="G676" i="10"/>
  <c r="G677" i="10"/>
  <c r="G678" i="10"/>
  <c r="G679" i="10"/>
  <c r="G680" i="10"/>
  <c r="G681" i="10"/>
  <c r="G682" i="10"/>
  <c r="G683" i="10"/>
  <c r="G684" i="10"/>
  <c r="G685" i="10"/>
  <c r="G686" i="10"/>
  <c r="G687" i="10"/>
  <c r="G688" i="10"/>
  <c r="G689" i="10"/>
  <c r="G690" i="10"/>
  <c r="G691" i="10"/>
  <c r="G692" i="10"/>
  <c r="G693" i="10"/>
  <c r="G694" i="10"/>
  <c r="G695" i="10"/>
  <c r="G696" i="10"/>
  <c r="G697" i="10"/>
  <c r="G698" i="10"/>
  <c r="G699" i="10"/>
  <c r="G700" i="10"/>
  <c r="G701" i="10"/>
  <c r="G702" i="10"/>
  <c r="G703" i="10"/>
  <c r="G704" i="10"/>
  <c r="G705" i="10"/>
  <c r="G706" i="10"/>
  <c r="G707" i="10"/>
  <c r="G708" i="10"/>
  <c r="G709" i="10"/>
  <c r="G710" i="10"/>
  <c r="G711" i="10"/>
  <c r="G712" i="10"/>
  <c r="G713" i="10"/>
  <c r="G714" i="10"/>
  <c r="G715" i="10"/>
  <c r="G716" i="10"/>
  <c r="G717" i="10"/>
  <c r="G718" i="10"/>
  <c r="G719" i="10"/>
  <c r="G720" i="10"/>
  <c r="G721" i="10"/>
  <c r="G722" i="10"/>
  <c r="G723" i="10"/>
  <c r="G724" i="10"/>
  <c r="G725" i="10"/>
  <c r="G726" i="10"/>
  <c r="G727" i="10"/>
  <c r="G728" i="10"/>
  <c r="G729" i="10"/>
  <c r="G730" i="10"/>
  <c r="G731" i="10"/>
  <c r="G732" i="10"/>
  <c r="G733" i="10"/>
  <c r="G734" i="10"/>
  <c r="G735" i="10"/>
  <c r="G736" i="10"/>
  <c r="G737" i="10"/>
  <c r="G738" i="10"/>
  <c r="G739" i="10"/>
  <c r="G740" i="10"/>
  <c r="G741" i="10"/>
  <c r="G742" i="10"/>
  <c r="G743" i="10"/>
  <c r="G744" i="10"/>
  <c r="G745" i="10"/>
  <c r="G746" i="10"/>
  <c r="G747" i="10"/>
  <c r="G748" i="10"/>
  <c r="G749" i="10"/>
  <c r="G750" i="10"/>
  <c r="G751" i="10"/>
  <c r="G752" i="10"/>
  <c r="G753" i="10"/>
  <c r="G754" i="10"/>
  <c r="G755" i="10"/>
  <c r="G756" i="10"/>
  <c r="G757" i="10"/>
  <c r="G758" i="10"/>
  <c r="G759" i="10"/>
  <c r="G760" i="10"/>
  <c r="G761" i="10"/>
  <c r="G762" i="10"/>
  <c r="G763" i="10"/>
  <c r="G764" i="10"/>
  <c r="G765" i="10"/>
  <c r="G766" i="10"/>
  <c r="G767" i="10"/>
  <c r="G768" i="10"/>
  <c r="G769" i="10"/>
  <c r="G770" i="10"/>
  <c r="G771" i="10"/>
  <c r="G772" i="10"/>
  <c r="G773" i="10"/>
  <c r="G774" i="10"/>
  <c r="G775" i="10"/>
  <c r="G776" i="10"/>
  <c r="G777" i="10"/>
  <c r="G778" i="10"/>
  <c r="G779" i="10"/>
  <c r="G780" i="10"/>
  <c r="G781" i="10"/>
  <c r="G782" i="10"/>
  <c r="G783" i="10"/>
  <c r="G784" i="10"/>
  <c r="G785" i="10"/>
  <c r="G786" i="10"/>
  <c r="G787" i="10"/>
  <c r="G788" i="10"/>
  <c r="G789" i="10"/>
  <c r="G790" i="10"/>
  <c r="G791" i="10"/>
  <c r="G792" i="10"/>
  <c r="G793" i="10"/>
  <c r="G794" i="10"/>
  <c r="G795" i="10"/>
  <c r="G796" i="10"/>
  <c r="G797" i="10"/>
  <c r="G798" i="10"/>
  <c r="G799" i="10"/>
  <c r="G800" i="10"/>
  <c r="G801" i="10"/>
  <c r="G802" i="10"/>
  <c r="G803" i="10"/>
  <c r="G804" i="10"/>
  <c r="G805" i="10"/>
  <c r="G806" i="10"/>
  <c r="G807" i="10"/>
  <c r="G808" i="10"/>
  <c r="G809" i="10"/>
  <c r="G810" i="10"/>
  <c r="G811" i="10"/>
  <c r="G812" i="10"/>
  <c r="G813" i="10"/>
  <c r="G814" i="10"/>
  <c r="G815" i="10"/>
  <c r="G816" i="10"/>
  <c r="G817" i="10"/>
  <c r="G818" i="10"/>
  <c r="G819" i="10"/>
  <c r="G820" i="10"/>
  <c r="G821" i="10"/>
  <c r="G822" i="10"/>
  <c r="G823" i="10"/>
  <c r="G824" i="10"/>
  <c r="G825" i="10"/>
  <c r="G826" i="10"/>
  <c r="G827" i="10"/>
  <c r="G828" i="10"/>
  <c r="G829" i="10"/>
  <c r="G830" i="10"/>
  <c r="G831" i="10"/>
  <c r="G832" i="10"/>
  <c r="G833" i="10"/>
  <c r="G834" i="10"/>
  <c r="G835" i="10"/>
  <c r="G836" i="10"/>
  <c r="G837" i="10"/>
  <c r="G838" i="10"/>
  <c r="G839" i="10"/>
  <c r="G840" i="10"/>
  <c r="G841" i="10"/>
  <c r="G842" i="10"/>
  <c r="G843" i="10"/>
  <c r="G844" i="10"/>
  <c r="G845" i="10"/>
  <c r="G846" i="10"/>
  <c r="G847" i="10"/>
  <c r="G848" i="10"/>
  <c r="G849" i="10"/>
  <c r="G850" i="10"/>
  <c r="G851" i="10"/>
  <c r="G852" i="10"/>
  <c r="G853" i="10"/>
  <c r="G854" i="10"/>
  <c r="G855" i="10"/>
  <c r="G856" i="10"/>
  <c r="G857" i="10"/>
  <c r="G858" i="10"/>
  <c r="G859" i="10"/>
  <c r="G860" i="10"/>
  <c r="G861" i="10"/>
  <c r="G862" i="10"/>
  <c r="G863" i="10"/>
  <c r="G864" i="10"/>
  <c r="G865" i="10"/>
  <c r="G866" i="10"/>
  <c r="G867" i="10"/>
  <c r="G868" i="10"/>
  <c r="G869" i="10"/>
  <c r="G870" i="10"/>
  <c r="G871" i="10"/>
  <c r="G872" i="10"/>
  <c r="G873" i="10"/>
  <c r="G874" i="10"/>
  <c r="G875" i="10"/>
  <c r="G876" i="10"/>
  <c r="G877" i="10"/>
  <c r="G878" i="10"/>
  <c r="G879" i="10"/>
  <c r="G880" i="10"/>
  <c r="G881" i="10"/>
  <c r="G882" i="10"/>
  <c r="G883" i="10"/>
  <c r="G884" i="10"/>
  <c r="G885" i="10"/>
  <c r="G886" i="10"/>
  <c r="G887" i="10"/>
  <c r="G888" i="10"/>
  <c r="G889" i="10"/>
  <c r="G890" i="10"/>
  <c r="G891" i="10"/>
  <c r="G892" i="10"/>
  <c r="G893" i="10"/>
  <c r="G894" i="10"/>
  <c r="G895" i="10"/>
  <c r="G896" i="10"/>
  <c r="G897" i="10"/>
  <c r="G898" i="10"/>
  <c r="G899" i="10"/>
  <c r="G900" i="10"/>
  <c r="G901" i="10"/>
  <c r="G902" i="10"/>
  <c r="G903" i="10"/>
  <c r="G904" i="10"/>
  <c r="G905" i="10"/>
  <c r="G906" i="10"/>
  <c r="G907" i="10"/>
  <c r="G908" i="10"/>
  <c r="G909" i="10"/>
  <c r="G910" i="10"/>
  <c r="G911" i="10"/>
  <c r="G912" i="10"/>
  <c r="G913" i="10"/>
  <c r="G914" i="10"/>
  <c r="G915" i="10"/>
  <c r="G916" i="10"/>
  <c r="G917" i="10"/>
  <c r="G918" i="10"/>
  <c r="G919" i="10"/>
  <c r="G920" i="10"/>
  <c r="G921" i="10"/>
  <c r="G922" i="10"/>
  <c r="G923" i="10"/>
  <c r="G924" i="10"/>
  <c r="G925" i="10"/>
  <c r="G926" i="10"/>
  <c r="G927" i="10"/>
  <c r="G928" i="10"/>
  <c r="G929" i="10"/>
  <c r="G930" i="10"/>
  <c r="G931" i="10"/>
  <c r="G932" i="10"/>
  <c r="G933" i="10"/>
  <c r="G934" i="10"/>
  <c r="G935" i="10"/>
  <c r="G936" i="10"/>
  <c r="G937" i="10"/>
  <c r="G938" i="10"/>
  <c r="G939" i="10"/>
  <c r="G940" i="10"/>
  <c r="G941" i="10"/>
  <c r="G942" i="10"/>
  <c r="G943" i="10"/>
  <c r="G944" i="10"/>
  <c r="G945" i="10"/>
  <c r="G946" i="10"/>
  <c r="G947" i="10"/>
  <c r="G948" i="10"/>
  <c r="G949" i="10"/>
  <c r="G950" i="10"/>
  <c r="G951" i="10"/>
  <c r="G952" i="10"/>
  <c r="G953" i="10"/>
  <c r="G954" i="10"/>
  <c r="G955" i="10"/>
  <c r="G956" i="10"/>
  <c r="G957" i="10"/>
  <c r="G958" i="10"/>
  <c r="G959" i="10"/>
  <c r="G960" i="10"/>
  <c r="G961" i="10"/>
  <c r="G962" i="10"/>
  <c r="G963" i="10"/>
  <c r="G964" i="10"/>
  <c r="G965" i="10"/>
  <c r="G966" i="10"/>
  <c r="G967" i="10"/>
  <c r="G968" i="10"/>
  <c r="G969" i="10"/>
  <c r="G970" i="10"/>
  <c r="G971" i="10"/>
  <c r="G972" i="10"/>
  <c r="G973" i="10"/>
  <c r="G974" i="10"/>
  <c r="G975" i="10"/>
  <c r="G976" i="10"/>
  <c r="G977" i="10"/>
  <c r="G978" i="10"/>
  <c r="G979" i="10"/>
  <c r="G980" i="10"/>
  <c r="G981" i="10"/>
  <c r="G982" i="10"/>
  <c r="G983" i="10"/>
  <c r="G984" i="10"/>
  <c r="G985" i="10"/>
  <c r="G986" i="10"/>
  <c r="G987" i="10"/>
  <c r="G988" i="10"/>
  <c r="G989" i="10"/>
  <c r="G990" i="10"/>
  <c r="G991" i="10"/>
  <c r="G992" i="10"/>
  <c r="G993" i="10"/>
  <c r="G994" i="10"/>
  <c r="G995" i="10"/>
  <c r="G996" i="10"/>
  <c r="G997" i="10"/>
  <c r="G998" i="10"/>
  <c r="G999" i="10"/>
  <c r="G1000" i="10"/>
  <c r="G1001" i="10"/>
  <c r="G1002" i="10"/>
  <c r="G1003" i="10"/>
  <c r="G1004" i="10"/>
  <c r="G1005" i="10"/>
  <c r="G1006" i="10"/>
  <c r="G1007" i="10"/>
  <c r="G1008" i="10"/>
  <c r="G1009" i="10"/>
  <c r="G1010" i="10"/>
  <c r="G1011" i="10"/>
  <c r="G1012" i="10"/>
  <c r="G1013" i="10"/>
  <c r="G1014" i="10"/>
  <c r="G1015" i="10"/>
  <c r="G1016" i="10"/>
  <c r="G1017" i="10"/>
  <c r="G1018" i="10"/>
  <c r="G1019" i="10"/>
  <c r="G1020" i="10"/>
  <c r="G1021" i="10"/>
  <c r="G1022" i="10"/>
  <c r="G1023" i="10"/>
  <c r="G1024" i="10"/>
  <c r="G1025" i="10"/>
  <c r="G1026" i="10"/>
  <c r="G1027" i="10"/>
  <c r="G1028" i="10"/>
  <c r="G1029" i="10"/>
  <c r="G1030" i="10"/>
  <c r="G1031" i="10"/>
  <c r="G1032" i="10"/>
  <c r="G1033" i="10"/>
  <c r="G1034" i="10"/>
  <c r="G1035" i="10"/>
  <c r="G1036" i="10"/>
  <c r="G1037" i="10"/>
  <c r="G1038" i="10"/>
  <c r="G1039" i="10"/>
  <c r="G1040" i="10"/>
  <c r="G1041" i="10"/>
  <c r="G1042" i="10"/>
  <c r="G1043" i="10"/>
  <c r="G1044" i="10"/>
  <c r="G1045" i="10"/>
  <c r="G1046" i="10"/>
  <c r="G1047" i="10"/>
  <c r="G1048" i="10"/>
  <c r="G1049" i="10"/>
  <c r="G1050" i="10"/>
  <c r="G1051" i="10"/>
  <c r="G1052" i="10"/>
  <c r="G1053" i="10"/>
  <c r="G1054" i="10"/>
  <c r="G1055" i="10"/>
  <c r="G1056" i="10"/>
  <c r="G1057" i="10"/>
  <c r="G1058" i="10"/>
  <c r="G1059" i="10"/>
  <c r="G1060" i="10"/>
  <c r="G1061" i="10"/>
  <c r="G1062" i="10"/>
  <c r="G1063" i="10"/>
  <c r="G1064" i="10"/>
  <c r="G1065" i="10"/>
  <c r="G1066" i="10"/>
  <c r="G1067" i="10"/>
  <c r="G1068" i="10"/>
  <c r="G1069" i="10"/>
  <c r="G1070" i="10"/>
  <c r="G1071" i="10"/>
  <c r="G1072" i="10"/>
  <c r="G1073" i="10"/>
  <c r="G1074" i="10"/>
  <c r="G1075" i="10"/>
  <c r="G1076" i="10"/>
  <c r="G1077" i="10"/>
  <c r="G1078" i="10"/>
  <c r="G1079" i="10"/>
  <c r="G1080" i="10"/>
  <c r="G1081" i="10"/>
  <c r="G1082" i="10"/>
  <c r="G1083" i="10"/>
  <c r="G1084" i="10"/>
  <c r="G1085" i="10"/>
  <c r="G1086" i="10"/>
  <c r="G1087" i="10"/>
  <c r="G1088" i="10"/>
  <c r="G1089" i="10"/>
  <c r="G1090" i="10"/>
  <c r="G1091" i="10"/>
  <c r="G1092" i="10"/>
  <c r="G1093" i="10"/>
  <c r="G1094" i="10"/>
  <c r="G1095" i="10"/>
  <c r="G1096" i="10"/>
  <c r="G1097" i="10"/>
  <c r="G1098" i="10"/>
  <c r="G1099" i="10"/>
  <c r="G1100" i="10"/>
  <c r="G1101" i="10"/>
  <c r="G1102" i="10"/>
  <c r="G1103" i="10"/>
  <c r="G1104" i="10"/>
  <c r="G1105" i="10"/>
  <c r="G1106" i="10"/>
  <c r="G1107" i="10"/>
  <c r="G1108" i="10"/>
  <c r="G1109" i="10"/>
  <c r="G1110" i="10"/>
  <c r="G1111" i="10"/>
  <c r="G1112" i="10"/>
  <c r="G1113" i="10"/>
  <c r="G1114" i="10"/>
  <c r="G1115" i="10"/>
  <c r="G1116" i="10"/>
  <c r="G1117" i="10"/>
  <c r="G1118" i="10"/>
  <c r="G1119" i="10"/>
  <c r="G1120" i="10"/>
  <c r="G1121" i="10"/>
  <c r="G1122" i="10"/>
  <c r="G1123" i="10"/>
  <c r="G1124" i="10"/>
  <c r="G1125" i="10"/>
  <c r="G1126" i="10"/>
  <c r="G1127" i="10"/>
  <c r="G1128" i="10"/>
  <c r="G1129" i="10"/>
  <c r="G1130" i="10"/>
  <c r="G1131" i="10"/>
  <c r="G1132" i="10"/>
  <c r="G1133" i="10"/>
  <c r="G1134" i="10"/>
  <c r="G1135" i="10"/>
  <c r="G1136" i="10"/>
  <c r="G1137" i="10"/>
  <c r="G1138" i="10"/>
  <c r="G1139" i="10"/>
  <c r="G1140" i="10"/>
  <c r="G1141" i="10"/>
  <c r="G1142" i="10"/>
  <c r="G1143" i="10"/>
  <c r="G1144" i="10"/>
  <c r="G1145" i="10"/>
  <c r="G1146" i="10"/>
  <c r="G1147" i="10"/>
  <c r="G1148" i="10"/>
  <c r="G1149" i="10"/>
  <c r="G1150" i="10"/>
  <c r="G1151" i="10"/>
  <c r="G1152" i="10"/>
  <c r="G1153" i="10"/>
  <c r="G1154" i="10"/>
  <c r="G1155" i="10"/>
  <c r="G1156" i="10"/>
  <c r="G1157" i="10"/>
  <c r="G1158" i="10"/>
  <c r="G1159" i="10"/>
  <c r="G1160" i="10"/>
  <c r="G1161" i="10"/>
  <c r="G1162" i="10"/>
  <c r="G1163" i="10"/>
  <c r="G1164" i="10"/>
  <c r="G1165" i="10"/>
  <c r="G1166" i="10"/>
  <c r="G1167" i="10"/>
  <c r="G1168" i="10"/>
  <c r="G1169" i="10"/>
  <c r="G1170" i="10"/>
  <c r="G1171" i="10"/>
  <c r="G1172" i="10"/>
  <c r="G1173" i="10"/>
  <c r="G1174" i="10"/>
  <c r="G1175" i="10"/>
  <c r="G1176" i="10"/>
  <c r="G1177" i="10"/>
  <c r="G1178" i="10"/>
  <c r="G1179" i="10"/>
  <c r="G1180" i="10"/>
  <c r="G1181" i="10"/>
  <c r="G1182" i="10"/>
  <c r="G1183" i="10"/>
  <c r="G1184" i="10"/>
  <c r="G1185" i="10"/>
  <c r="G1186" i="10"/>
  <c r="G1187" i="10"/>
  <c r="G1188" i="10"/>
  <c r="G1189" i="10"/>
  <c r="G1190" i="10"/>
  <c r="G1191" i="10"/>
  <c r="G1192" i="10"/>
  <c r="G1193" i="10"/>
  <c r="G1194" i="10"/>
  <c r="G1195" i="10"/>
  <c r="G1196" i="10"/>
  <c r="G1197" i="10"/>
  <c r="G1198" i="10"/>
  <c r="G1199" i="10"/>
  <c r="G1200" i="10"/>
  <c r="G1201" i="10"/>
  <c r="G1202" i="10"/>
  <c r="G1203" i="10"/>
  <c r="G1204" i="10"/>
  <c r="G1205" i="10"/>
  <c r="G1206" i="10"/>
  <c r="G1207" i="10"/>
  <c r="G1208" i="10"/>
  <c r="G1209" i="10"/>
  <c r="G1210" i="10"/>
  <c r="G1211" i="10"/>
  <c r="G1212" i="10"/>
  <c r="G1213" i="10"/>
  <c r="G1214" i="10"/>
  <c r="G1215" i="10"/>
  <c r="G1216" i="10"/>
  <c r="G1217" i="10"/>
  <c r="G1218" i="10"/>
  <c r="G1219" i="10"/>
  <c r="G1220" i="10"/>
  <c r="G1221" i="10"/>
  <c r="G1222" i="10"/>
  <c r="G1223" i="10"/>
  <c r="G1224" i="10"/>
  <c r="G1225" i="10"/>
  <c r="G1226" i="10"/>
  <c r="G1227" i="10"/>
  <c r="G1228" i="10"/>
  <c r="G1229" i="10"/>
  <c r="G1230" i="10"/>
  <c r="G1231" i="10"/>
  <c r="G1232" i="10"/>
  <c r="G1233" i="10"/>
  <c r="G1234" i="10"/>
  <c r="G1235" i="10"/>
  <c r="G1236" i="10"/>
  <c r="G1237" i="10"/>
  <c r="G1238" i="10"/>
  <c r="G1239" i="10"/>
  <c r="G1240" i="10"/>
  <c r="G1241" i="10"/>
  <c r="G1242" i="10"/>
  <c r="G1243" i="10"/>
  <c r="G1244" i="10"/>
  <c r="G1245" i="10"/>
  <c r="G1246" i="10"/>
  <c r="G1247" i="10"/>
  <c r="G1248" i="10"/>
  <c r="G1249" i="10"/>
  <c r="G1250" i="10"/>
  <c r="G1251" i="10"/>
  <c r="G1252" i="10"/>
  <c r="G1253" i="10"/>
  <c r="G1254" i="10"/>
  <c r="G1255" i="10"/>
  <c r="G1256" i="10"/>
  <c r="G1257" i="10"/>
  <c r="G1258" i="10"/>
  <c r="G1259" i="10"/>
  <c r="G1260" i="10"/>
  <c r="G1261" i="10"/>
  <c r="G1262" i="10"/>
  <c r="G1263" i="10"/>
  <c r="G1264" i="10"/>
  <c r="G1265" i="10"/>
  <c r="G1266" i="10"/>
  <c r="G1267" i="10"/>
  <c r="G1268" i="10"/>
  <c r="G1269" i="10"/>
  <c r="G1270" i="10"/>
  <c r="G1271" i="10"/>
  <c r="G1272" i="10"/>
  <c r="G1273" i="10"/>
  <c r="G1274" i="10"/>
  <c r="G1275" i="10"/>
  <c r="G1276" i="10"/>
  <c r="G1277" i="10"/>
  <c r="G1278" i="10"/>
  <c r="G1279" i="10"/>
  <c r="G1280" i="10"/>
  <c r="G1281" i="10"/>
  <c r="G1282" i="10"/>
  <c r="G1283" i="10"/>
  <c r="G1284" i="10"/>
  <c r="G1285" i="10"/>
  <c r="G1286" i="10"/>
  <c r="G1287" i="10"/>
  <c r="G1288" i="10"/>
  <c r="G1289" i="10"/>
  <c r="G1290" i="10"/>
  <c r="G1291" i="10"/>
  <c r="G1292" i="10"/>
  <c r="G1293" i="10"/>
  <c r="G1294" i="10"/>
  <c r="G1295" i="10"/>
  <c r="G1296" i="10"/>
  <c r="G1297" i="10"/>
  <c r="G1298" i="10"/>
  <c r="G1299" i="10"/>
  <c r="G1300" i="10"/>
  <c r="G1301" i="10"/>
  <c r="G1302" i="10"/>
  <c r="G1303" i="10"/>
  <c r="G1304" i="10"/>
  <c r="G1305" i="10"/>
  <c r="G1306" i="10"/>
  <c r="G1307" i="10"/>
  <c r="G1308" i="10"/>
  <c r="G1309" i="10"/>
  <c r="G1310" i="10"/>
  <c r="G1311" i="10"/>
  <c r="G1312" i="10"/>
  <c r="G1313" i="10"/>
  <c r="G1314" i="10"/>
  <c r="G1315" i="10"/>
  <c r="G1316" i="10"/>
  <c r="G1317" i="10"/>
  <c r="G1318" i="10"/>
  <c r="G1319" i="10"/>
  <c r="G1320" i="10"/>
  <c r="G1321" i="10"/>
  <c r="G1322" i="10"/>
  <c r="G1323" i="10"/>
  <c r="G1324" i="10"/>
  <c r="G1325" i="10"/>
  <c r="G1326" i="10"/>
  <c r="G1327" i="10"/>
  <c r="G1328" i="10"/>
  <c r="G1329" i="10"/>
  <c r="G1330" i="10"/>
  <c r="G1331" i="10"/>
  <c r="G1332" i="10"/>
  <c r="G1333" i="10"/>
  <c r="G1334" i="10"/>
  <c r="G1335" i="10"/>
  <c r="G1336" i="10"/>
  <c r="G1337" i="10"/>
  <c r="G1338" i="10"/>
  <c r="G1339" i="10"/>
  <c r="G1340" i="10"/>
  <c r="G1341" i="10"/>
  <c r="G1342" i="10"/>
  <c r="G1343" i="10"/>
  <c r="G1344" i="10"/>
  <c r="G1345" i="10"/>
  <c r="G1346" i="10"/>
  <c r="G1347" i="10"/>
  <c r="G1348" i="10"/>
  <c r="G1349" i="10"/>
  <c r="G1350" i="10"/>
  <c r="G1351" i="10"/>
  <c r="G1352" i="10"/>
  <c r="G1353" i="10"/>
  <c r="G1354" i="10"/>
  <c r="G1355" i="10"/>
  <c r="G1356" i="10"/>
  <c r="G1357" i="10"/>
  <c r="G1358" i="10"/>
  <c r="G1359" i="10"/>
  <c r="G1360" i="10"/>
  <c r="G1361" i="10"/>
  <c r="G1362" i="10"/>
  <c r="G1363" i="10"/>
  <c r="G1364" i="10"/>
  <c r="G1365" i="10"/>
  <c r="G1366" i="10"/>
  <c r="G1367" i="10"/>
  <c r="G1368" i="10"/>
  <c r="G1369" i="10"/>
  <c r="G1370" i="10"/>
  <c r="G1371" i="10"/>
  <c r="G1372" i="10"/>
  <c r="G1373" i="10"/>
  <c r="G1374" i="10"/>
  <c r="G1375" i="10"/>
  <c r="G1376" i="10"/>
  <c r="G1377" i="10"/>
  <c r="G1378" i="10"/>
  <c r="G1379" i="10"/>
  <c r="G1380" i="10"/>
  <c r="G1381" i="10"/>
  <c r="G1382" i="10"/>
  <c r="G1383" i="10"/>
  <c r="G1384" i="10"/>
  <c r="G1385" i="10"/>
  <c r="G1386" i="10"/>
  <c r="G1387" i="10"/>
  <c r="G1388" i="10"/>
  <c r="G1389" i="10"/>
  <c r="G1390" i="10"/>
  <c r="G1391" i="10"/>
  <c r="G1392" i="10"/>
  <c r="G1393" i="10"/>
  <c r="G1394" i="10"/>
  <c r="G1395" i="10"/>
  <c r="G1396" i="10"/>
  <c r="G1397" i="10"/>
  <c r="G1398" i="10"/>
  <c r="G1399" i="10"/>
  <c r="G1400" i="10"/>
  <c r="G1401" i="10"/>
  <c r="G1402" i="10"/>
  <c r="G1403" i="10"/>
  <c r="G1404" i="10"/>
  <c r="G1405" i="10"/>
  <c r="G1406" i="10"/>
  <c r="G1407" i="10"/>
  <c r="G1408" i="10"/>
  <c r="G1409" i="10"/>
  <c r="G1410" i="10"/>
  <c r="G1411" i="10"/>
  <c r="G1412" i="10"/>
  <c r="G1413" i="10"/>
  <c r="G1414" i="10"/>
  <c r="G1415" i="10"/>
  <c r="G1416" i="10"/>
  <c r="G1417" i="10"/>
  <c r="G1418" i="10"/>
  <c r="G1419" i="10"/>
  <c r="G1420" i="10"/>
  <c r="G1421" i="10"/>
  <c r="G1422" i="10"/>
  <c r="G1423" i="10"/>
  <c r="G1424" i="10"/>
  <c r="G1425" i="10"/>
  <c r="G1426" i="10"/>
  <c r="G1427" i="10"/>
  <c r="G1428" i="10"/>
  <c r="G1429" i="10"/>
  <c r="G1430" i="10"/>
  <c r="G1431" i="10"/>
  <c r="G1432" i="10"/>
  <c r="G1433" i="10"/>
  <c r="G1434" i="10"/>
  <c r="G1435" i="10"/>
  <c r="G1436" i="10"/>
  <c r="G1437" i="10"/>
  <c r="G1438" i="10"/>
  <c r="G1439" i="10"/>
  <c r="G1440" i="10"/>
  <c r="G1441" i="10"/>
  <c r="G1442" i="10"/>
  <c r="G1443" i="10"/>
  <c r="G1444" i="10"/>
  <c r="G1445" i="10"/>
  <c r="G1446" i="10"/>
  <c r="G1447" i="10"/>
  <c r="G1448" i="10"/>
  <c r="G1449" i="10"/>
  <c r="G1450" i="10"/>
  <c r="G1451" i="10"/>
  <c r="G1452" i="10"/>
  <c r="G1453" i="10"/>
  <c r="G1454" i="10"/>
  <c r="G1455" i="10"/>
  <c r="G1456" i="10"/>
  <c r="G1457" i="10"/>
  <c r="G1458" i="10"/>
  <c r="G1459" i="10"/>
  <c r="G1460" i="10"/>
  <c r="G1461" i="10"/>
  <c r="G1462" i="10"/>
  <c r="G1463" i="10"/>
  <c r="G1464" i="10"/>
  <c r="G1465" i="10"/>
  <c r="G1466" i="10"/>
  <c r="G1467" i="10"/>
  <c r="G1468" i="10"/>
  <c r="G1469" i="10"/>
  <c r="G1470" i="10"/>
  <c r="G1471" i="10"/>
  <c r="G1472" i="10"/>
  <c r="G1473" i="10"/>
  <c r="G1474" i="10"/>
  <c r="G1475" i="10"/>
  <c r="G1476" i="10"/>
  <c r="G1477" i="10"/>
  <c r="G1478" i="10"/>
  <c r="G1479" i="10"/>
  <c r="G1480" i="10"/>
  <c r="G1481" i="10"/>
  <c r="G1482" i="10"/>
  <c r="G1483" i="10"/>
  <c r="G1484" i="10"/>
  <c r="G1485" i="10"/>
  <c r="G1486" i="10"/>
  <c r="G1487" i="10"/>
  <c r="G1488" i="10"/>
  <c r="G1489" i="10"/>
  <c r="G1490" i="10"/>
  <c r="G1491" i="10"/>
  <c r="G1492" i="10"/>
  <c r="G1493" i="10"/>
  <c r="G1494" i="10"/>
  <c r="G1495" i="10"/>
  <c r="G1496" i="10"/>
  <c r="G1497" i="10"/>
  <c r="G1498" i="10"/>
  <c r="G1499" i="10"/>
  <c r="G1500" i="10"/>
  <c r="G1501" i="10"/>
  <c r="G1502" i="10"/>
  <c r="G1503" i="10"/>
  <c r="G1504" i="10"/>
  <c r="G1505" i="10"/>
  <c r="G1506" i="10"/>
  <c r="G1507" i="10"/>
  <c r="G1508" i="10"/>
  <c r="G1509" i="10"/>
  <c r="G1510" i="10"/>
  <c r="G1511" i="10"/>
  <c r="G1512" i="10"/>
  <c r="G1513" i="10"/>
  <c r="G1514" i="10"/>
  <c r="G1515" i="10"/>
  <c r="G1516" i="10"/>
  <c r="G1517" i="10"/>
  <c r="G1518" i="10"/>
  <c r="G1519" i="10"/>
  <c r="G1520" i="10"/>
  <c r="G1521" i="10"/>
  <c r="G1522" i="10"/>
  <c r="G1523" i="10"/>
  <c r="G1524" i="10"/>
  <c r="G1525" i="10"/>
  <c r="G1526" i="10"/>
  <c r="G1527" i="10"/>
  <c r="G1528" i="10"/>
  <c r="G1529" i="10"/>
  <c r="G1530" i="10"/>
  <c r="G1531" i="10"/>
  <c r="G1532" i="10"/>
  <c r="G1533" i="10"/>
  <c r="G1534" i="10"/>
  <c r="G1535" i="10"/>
  <c r="G1536" i="10"/>
  <c r="G1537" i="10"/>
  <c r="G1538" i="10"/>
  <c r="G1539" i="10"/>
  <c r="G1540" i="10"/>
  <c r="G1541" i="10"/>
  <c r="G1542" i="10"/>
  <c r="G1543" i="10"/>
  <c r="G1544" i="10"/>
  <c r="G1545" i="10"/>
  <c r="G1546" i="10"/>
  <c r="G1547" i="10"/>
  <c r="G1548" i="10"/>
  <c r="G1549" i="10"/>
  <c r="G1550" i="10"/>
  <c r="G1551" i="10"/>
  <c r="G1552" i="10"/>
  <c r="G1553" i="10"/>
  <c r="G1554" i="10"/>
  <c r="G1555" i="10"/>
  <c r="G1556" i="10"/>
  <c r="G1557" i="10"/>
  <c r="G1558" i="10"/>
  <c r="G1559" i="10"/>
  <c r="G1560" i="10"/>
  <c r="G1561" i="10"/>
  <c r="G1562" i="10"/>
  <c r="G1563" i="10"/>
  <c r="G1564" i="10"/>
  <c r="G1565" i="10"/>
  <c r="G1566" i="10"/>
  <c r="G1567" i="10"/>
  <c r="G1568" i="10"/>
  <c r="G1569" i="10"/>
  <c r="G1570" i="10"/>
  <c r="G1571" i="10"/>
  <c r="G1572" i="10"/>
  <c r="G1573" i="10"/>
  <c r="G1574" i="10"/>
  <c r="G1575" i="10"/>
  <c r="G1576" i="10"/>
  <c r="G1577" i="10"/>
  <c r="G1578" i="10"/>
  <c r="G1579" i="10"/>
  <c r="G1580" i="10"/>
  <c r="G1581" i="10"/>
  <c r="G1582" i="10"/>
  <c r="G1583" i="10"/>
  <c r="G1584" i="10"/>
  <c r="G1585" i="10"/>
  <c r="G1586" i="10"/>
  <c r="G1587" i="10"/>
  <c r="G1588" i="10"/>
  <c r="G1589" i="10"/>
  <c r="G1590" i="10"/>
  <c r="G1591" i="10"/>
  <c r="G1592" i="10"/>
  <c r="G1593" i="10"/>
  <c r="G1594" i="10"/>
  <c r="G1595" i="10"/>
  <c r="G1596" i="10"/>
  <c r="G1597" i="10"/>
  <c r="G1598" i="10"/>
  <c r="G1599" i="10"/>
  <c r="G1600" i="10"/>
  <c r="G1601" i="10"/>
  <c r="G1602" i="10"/>
  <c r="G1603" i="10"/>
  <c r="G1604" i="10"/>
  <c r="G1605" i="10"/>
  <c r="G1606" i="10"/>
  <c r="G1607" i="10"/>
  <c r="G1608" i="10"/>
  <c r="G1609" i="10"/>
  <c r="G1610" i="10"/>
  <c r="G1611" i="10"/>
  <c r="G1612" i="10"/>
  <c r="G1613" i="10"/>
  <c r="G1614" i="10"/>
  <c r="G1615" i="10"/>
  <c r="G1616" i="10"/>
  <c r="G1617" i="10"/>
  <c r="G1618" i="10"/>
  <c r="G1619" i="10"/>
  <c r="G1620" i="10"/>
  <c r="G1621" i="10"/>
  <c r="G1622" i="10"/>
  <c r="G1623" i="10"/>
  <c r="G1624" i="10"/>
  <c r="G1625" i="10"/>
  <c r="G1626" i="10"/>
  <c r="G1627" i="10"/>
  <c r="G1628" i="10"/>
  <c r="G1629" i="10"/>
  <c r="G1630" i="10"/>
  <c r="G1631" i="10"/>
  <c r="G1632" i="10"/>
  <c r="G1633" i="10"/>
  <c r="G1634" i="10"/>
  <c r="G1635" i="10"/>
  <c r="G1636" i="10"/>
  <c r="G1637" i="10"/>
  <c r="G1638" i="10"/>
  <c r="G1639" i="10"/>
  <c r="G1640" i="10"/>
  <c r="G1641" i="10"/>
  <c r="G1642" i="10"/>
  <c r="G1643" i="10"/>
  <c r="G1644" i="10"/>
  <c r="G1645" i="10"/>
  <c r="G1646" i="10"/>
  <c r="G1647" i="10"/>
  <c r="G1648" i="10"/>
  <c r="G1649" i="10"/>
  <c r="G1650" i="10"/>
  <c r="G1651" i="10"/>
  <c r="G1652" i="10"/>
  <c r="G1653" i="10"/>
  <c r="G1654" i="10"/>
  <c r="G1655" i="10"/>
  <c r="G1656" i="10"/>
  <c r="G1657" i="10"/>
  <c r="G1658" i="10"/>
  <c r="G1659" i="10"/>
  <c r="G1660" i="10"/>
  <c r="G1661" i="10"/>
  <c r="G1662" i="10"/>
  <c r="G1663" i="10"/>
  <c r="G1664" i="10"/>
  <c r="G1665" i="10"/>
  <c r="G1666" i="10"/>
  <c r="G1667" i="10"/>
  <c r="G1668" i="10"/>
  <c r="G1669" i="10"/>
  <c r="G1670" i="10"/>
  <c r="G1671" i="10"/>
  <c r="G1672" i="10"/>
  <c r="G1673" i="10"/>
  <c r="G1674" i="10"/>
  <c r="G1675" i="10"/>
  <c r="G1676" i="10"/>
  <c r="G1677" i="10"/>
  <c r="G1678" i="10"/>
  <c r="G1679" i="10"/>
  <c r="G1680" i="10"/>
  <c r="G1681" i="10"/>
  <c r="G1682" i="10"/>
  <c r="G1683" i="10"/>
  <c r="G1684" i="10"/>
  <c r="G1685" i="10"/>
  <c r="G1686" i="10"/>
  <c r="G1687" i="10"/>
  <c r="G1688" i="10"/>
  <c r="G1689" i="10"/>
  <c r="G1690" i="10"/>
  <c r="G1691" i="10"/>
  <c r="G1692" i="10"/>
  <c r="G1693" i="10"/>
  <c r="G1694" i="10"/>
  <c r="G1695" i="10"/>
  <c r="G1696" i="10"/>
  <c r="G1697" i="10"/>
  <c r="G1698" i="10"/>
  <c r="G1699" i="10"/>
  <c r="G1700" i="10"/>
  <c r="G1701" i="10"/>
  <c r="G1702" i="10"/>
  <c r="G1703" i="10"/>
  <c r="G1704" i="10"/>
  <c r="G1705" i="10"/>
  <c r="G1706" i="10"/>
  <c r="G1707" i="10"/>
  <c r="G1708" i="10"/>
  <c r="G1709" i="10"/>
  <c r="G1710" i="10"/>
  <c r="G1711" i="10"/>
  <c r="G1712" i="10"/>
  <c r="G1713" i="10"/>
  <c r="G1714" i="10"/>
  <c r="G1715" i="10"/>
  <c r="G1716" i="10"/>
  <c r="G1717" i="10"/>
  <c r="G1718" i="10"/>
  <c r="G1719" i="10"/>
  <c r="G1720" i="10"/>
  <c r="G1721" i="10"/>
  <c r="G1722" i="10"/>
  <c r="G1723" i="10"/>
  <c r="G1724" i="10"/>
  <c r="G1725" i="10"/>
  <c r="G1726" i="10"/>
  <c r="G1727" i="10"/>
  <c r="G1728" i="10"/>
  <c r="G1729" i="10"/>
  <c r="G1730" i="10"/>
  <c r="G1731" i="10"/>
  <c r="G1732" i="10"/>
  <c r="G1733" i="10"/>
  <c r="G1734" i="10"/>
  <c r="G1735" i="10"/>
  <c r="G1736" i="10"/>
  <c r="G1737" i="10"/>
  <c r="G1738" i="10"/>
  <c r="G1739" i="10"/>
  <c r="G1740" i="10"/>
  <c r="G1741" i="10"/>
  <c r="G1742" i="10"/>
  <c r="G1743" i="10"/>
  <c r="G1744" i="10"/>
  <c r="G1745" i="10"/>
  <c r="G1746" i="10"/>
  <c r="G1747" i="10"/>
  <c r="G1748" i="10"/>
  <c r="G1749" i="10"/>
  <c r="G1750" i="10"/>
  <c r="G1751" i="10"/>
  <c r="G1752" i="10"/>
  <c r="G1753" i="10"/>
  <c r="G1754" i="10"/>
  <c r="G1755" i="10"/>
  <c r="G1756" i="10"/>
  <c r="G1757" i="10"/>
  <c r="G1758" i="10"/>
  <c r="G1759" i="10"/>
  <c r="G1760" i="10"/>
  <c r="G1761" i="10"/>
  <c r="G1762" i="10"/>
  <c r="G1763" i="10"/>
  <c r="G1764" i="10"/>
  <c r="G1765" i="10"/>
  <c r="G1766" i="10"/>
  <c r="G1767" i="10"/>
  <c r="G1768" i="10"/>
  <c r="G1769" i="10"/>
  <c r="G1770" i="10"/>
  <c r="G1771" i="10"/>
  <c r="G1772" i="10"/>
  <c r="G1773" i="10"/>
  <c r="G1774" i="10"/>
  <c r="G1775" i="10"/>
  <c r="G1776" i="10"/>
  <c r="G1777" i="10"/>
  <c r="G1778" i="10"/>
  <c r="G1779" i="10"/>
  <c r="G1780" i="10"/>
  <c r="G1781" i="10"/>
  <c r="G1782" i="10"/>
  <c r="G1783" i="10"/>
  <c r="G1784" i="10"/>
  <c r="G1785" i="10"/>
  <c r="G1786" i="10"/>
  <c r="G1787" i="10"/>
  <c r="G1788" i="10"/>
  <c r="G1789" i="10"/>
  <c r="G1790" i="10"/>
  <c r="G1791" i="10"/>
  <c r="G1792" i="10"/>
  <c r="G1793" i="10"/>
  <c r="G1794" i="10"/>
  <c r="G1795" i="10"/>
  <c r="G1796" i="10"/>
  <c r="G1797" i="10"/>
  <c r="G1798" i="10"/>
  <c r="G1799" i="10"/>
  <c r="G1800" i="10"/>
  <c r="G1801" i="10"/>
  <c r="G1802" i="10"/>
  <c r="G1803" i="10"/>
  <c r="G1804" i="10"/>
  <c r="G1805" i="10"/>
  <c r="G1806" i="10"/>
  <c r="G1807" i="10"/>
  <c r="G1808" i="10"/>
  <c r="G1809" i="10"/>
  <c r="G1810" i="10"/>
  <c r="G1811" i="10"/>
  <c r="G1812" i="10"/>
  <c r="G1813" i="10"/>
  <c r="G1814" i="10"/>
  <c r="G1815" i="10"/>
  <c r="G1816" i="10"/>
  <c r="G1817" i="10"/>
  <c r="G1818" i="10"/>
  <c r="G1819" i="10"/>
  <c r="G1820" i="10"/>
  <c r="G1821" i="10"/>
  <c r="G1822" i="10"/>
  <c r="G1823" i="10"/>
  <c r="G1824" i="10"/>
  <c r="G1825" i="10"/>
  <c r="G1826" i="10"/>
  <c r="G1827" i="10"/>
  <c r="G1828" i="10"/>
  <c r="G1829" i="10"/>
  <c r="G1830" i="10"/>
  <c r="G1831" i="10"/>
  <c r="G1832" i="10"/>
  <c r="G1833" i="10"/>
  <c r="G1834" i="10"/>
  <c r="G1835" i="10"/>
  <c r="G1836" i="10"/>
  <c r="G1837" i="10"/>
  <c r="G1838" i="10"/>
  <c r="G1839" i="10"/>
  <c r="G1840" i="10"/>
  <c r="G1841" i="10"/>
  <c r="G1842" i="10"/>
  <c r="G1843" i="10"/>
  <c r="G1844" i="10"/>
  <c r="G1845" i="10"/>
  <c r="G1846" i="10"/>
  <c r="G1847" i="10"/>
  <c r="G1848" i="10"/>
  <c r="G1849" i="10"/>
  <c r="G1850" i="10"/>
  <c r="G1851" i="10"/>
  <c r="G1852" i="10"/>
  <c r="G1853" i="10"/>
  <c r="G1854" i="10"/>
  <c r="G1855" i="10"/>
  <c r="G1856" i="10"/>
  <c r="G1857" i="10"/>
  <c r="G1858" i="10"/>
  <c r="G1859" i="10"/>
  <c r="G1860" i="10"/>
  <c r="G1861" i="10"/>
  <c r="G1862" i="10"/>
  <c r="G1863" i="10"/>
  <c r="G1864" i="10"/>
  <c r="G1865" i="10"/>
  <c r="G1866" i="10"/>
  <c r="G1867" i="10"/>
  <c r="G1868" i="10"/>
  <c r="G1869" i="10"/>
  <c r="G1870" i="10"/>
  <c r="G1871" i="10"/>
  <c r="G1872" i="10"/>
  <c r="G1873" i="10"/>
  <c r="G1874" i="10"/>
  <c r="G1875" i="10"/>
  <c r="G1876" i="10"/>
  <c r="G1877" i="10"/>
  <c r="G1878" i="10"/>
  <c r="G1879" i="10"/>
  <c r="G1880" i="10"/>
  <c r="G1881" i="10"/>
  <c r="G1882" i="10"/>
  <c r="G1883" i="10"/>
  <c r="G1884" i="10"/>
  <c r="G1885" i="10"/>
  <c r="G1886" i="10"/>
  <c r="G1887" i="10"/>
  <c r="G1888" i="10"/>
  <c r="G1889" i="10"/>
  <c r="G1890" i="10"/>
  <c r="G1891" i="10"/>
  <c r="G1892" i="10"/>
  <c r="G1893" i="10"/>
  <c r="G1894" i="10"/>
  <c r="G1895" i="10"/>
  <c r="G1896" i="10"/>
  <c r="G1897" i="10"/>
  <c r="G1898" i="10"/>
  <c r="G1899" i="10"/>
  <c r="G1900" i="10"/>
  <c r="G1901" i="10"/>
  <c r="G1902" i="10"/>
  <c r="G1903" i="10"/>
  <c r="G1904" i="10"/>
  <c r="G1905" i="10"/>
  <c r="G1906" i="10"/>
  <c r="G1907" i="10"/>
  <c r="G1908" i="10"/>
  <c r="G1909" i="10"/>
  <c r="G1910" i="10"/>
  <c r="G1911" i="10"/>
  <c r="G1912" i="10"/>
  <c r="G1913" i="10"/>
  <c r="G1914" i="10"/>
  <c r="G1915" i="10"/>
  <c r="G1916" i="10"/>
  <c r="G1917" i="10"/>
  <c r="G1918" i="10"/>
  <c r="G1919" i="10"/>
  <c r="G1920" i="10"/>
  <c r="G1921" i="10"/>
  <c r="G1922" i="10"/>
  <c r="G1923" i="10"/>
  <c r="G1924" i="10"/>
  <c r="G1925" i="10"/>
  <c r="G1926" i="10"/>
  <c r="G1927" i="10"/>
  <c r="G1928" i="10"/>
  <c r="G1929" i="10"/>
  <c r="G1930" i="10"/>
  <c r="G1931" i="10"/>
  <c r="G1932" i="10"/>
  <c r="G1933" i="10"/>
  <c r="G1934" i="10"/>
  <c r="G1935" i="10"/>
  <c r="G1936" i="10"/>
  <c r="G1937" i="10"/>
  <c r="G1938" i="10"/>
  <c r="G1939" i="10"/>
  <c r="G1940" i="10"/>
  <c r="G1941" i="10"/>
  <c r="G1942" i="10"/>
  <c r="G1943" i="10"/>
  <c r="G1944" i="10"/>
  <c r="G1945" i="10"/>
  <c r="G1946" i="10"/>
  <c r="G1947" i="10"/>
  <c r="G1948" i="10"/>
  <c r="G1949" i="10"/>
  <c r="G1950" i="10"/>
  <c r="G1951" i="10"/>
  <c r="G1952" i="10"/>
  <c r="G1953" i="10"/>
  <c r="G1954" i="10"/>
  <c r="G1955" i="10"/>
  <c r="G1956" i="10"/>
  <c r="G1957" i="10"/>
  <c r="G1958" i="10"/>
  <c r="G1959" i="10"/>
  <c r="G1960" i="10"/>
  <c r="G1961" i="10"/>
  <c r="G1962" i="10"/>
  <c r="G1963" i="10"/>
  <c r="G1964" i="10"/>
  <c r="G1965" i="10"/>
  <c r="G1966" i="10"/>
  <c r="G1967" i="10"/>
  <c r="G1968" i="10"/>
  <c r="G1969" i="10"/>
  <c r="G1970" i="10"/>
  <c r="G1971" i="10"/>
  <c r="G1972" i="10"/>
  <c r="G1973" i="10"/>
  <c r="G1974" i="10"/>
  <c r="G1975" i="10"/>
  <c r="G1976" i="10"/>
  <c r="G1977" i="10"/>
  <c r="G1978" i="10"/>
  <c r="G1979" i="10"/>
  <c r="G1980" i="10"/>
  <c r="G1981" i="10"/>
  <c r="G1982" i="10"/>
  <c r="G1983" i="10"/>
  <c r="G1984" i="10"/>
  <c r="G1985" i="10"/>
  <c r="G1986" i="10"/>
  <c r="G1987" i="10"/>
  <c r="G1988" i="10"/>
  <c r="G1989" i="10"/>
  <c r="G1990" i="10"/>
  <c r="G1991" i="10"/>
  <c r="G1992" i="10"/>
  <c r="G1993" i="10"/>
  <c r="G1994" i="10"/>
  <c r="G1995" i="10"/>
  <c r="G1996" i="10"/>
  <c r="G1997" i="10"/>
  <c r="G1998" i="10"/>
  <c r="G1999" i="10"/>
  <c r="G2000" i="10"/>
  <c r="G2001" i="10"/>
  <c r="G2002" i="10"/>
  <c r="G2003" i="10"/>
  <c r="G2004" i="10"/>
  <c r="G2005" i="10"/>
  <c r="G2006" i="10"/>
  <c r="G2007" i="10"/>
  <c r="G2008" i="10"/>
  <c r="G2009" i="10"/>
  <c r="G2010" i="10"/>
  <c r="G2011" i="10"/>
  <c r="G2012" i="10"/>
  <c r="G2013" i="10"/>
  <c r="G2014" i="10"/>
  <c r="G2015" i="10"/>
  <c r="G2016" i="10"/>
  <c r="G2017" i="10"/>
  <c r="G2018" i="10"/>
  <c r="G2019" i="10"/>
  <c r="G2020" i="10"/>
  <c r="G2021" i="10"/>
  <c r="G2022" i="10"/>
  <c r="G2023" i="10"/>
  <c r="G2024" i="10"/>
  <c r="G2025" i="10"/>
  <c r="G2026" i="10"/>
  <c r="G2027" i="10"/>
  <c r="G2028" i="10"/>
  <c r="G2029" i="10"/>
  <c r="G2030" i="10"/>
  <c r="G2031" i="10"/>
  <c r="G2032" i="10"/>
  <c r="G2033" i="10"/>
  <c r="G2034" i="10"/>
  <c r="G2035" i="10"/>
  <c r="G2036" i="10"/>
  <c r="G2037" i="10"/>
  <c r="G2038" i="10"/>
  <c r="G2039" i="10"/>
  <c r="G2040" i="10"/>
  <c r="G2041" i="10"/>
  <c r="G2042" i="10"/>
  <c r="G2043" i="10"/>
  <c r="G2044" i="10"/>
  <c r="G2045" i="10"/>
  <c r="G2046" i="10"/>
  <c r="G2047" i="10"/>
  <c r="G2048" i="10"/>
  <c r="G2049" i="10"/>
  <c r="G2050" i="10"/>
  <c r="G2051" i="10"/>
  <c r="G2052" i="10"/>
  <c r="G2053" i="10"/>
  <c r="G2054" i="10"/>
  <c r="G2055" i="10"/>
  <c r="G2056" i="10"/>
  <c r="G2057" i="10"/>
  <c r="G2058" i="10"/>
  <c r="G2059" i="10"/>
  <c r="G2060" i="10"/>
  <c r="G2061" i="10"/>
  <c r="G2062" i="10"/>
  <c r="G2063" i="10"/>
  <c r="G2064" i="10"/>
  <c r="G2065" i="10"/>
  <c r="G2066" i="10"/>
  <c r="G2067" i="10"/>
  <c r="G2068" i="10"/>
  <c r="G2069" i="10"/>
  <c r="G2070" i="10"/>
  <c r="G2071" i="10"/>
  <c r="G2072" i="10"/>
  <c r="G2073" i="10"/>
  <c r="G2074" i="10"/>
  <c r="G2075" i="10"/>
  <c r="G2076" i="10"/>
  <c r="G2077" i="10"/>
  <c r="G2078" i="10"/>
  <c r="G2079" i="10"/>
  <c r="G2080" i="10"/>
  <c r="G2081" i="10"/>
  <c r="G2082" i="10"/>
  <c r="G2083" i="10"/>
  <c r="G2084" i="10"/>
  <c r="G2085" i="10"/>
  <c r="G2086" i="10"/>
  <c r="G2087" i="10"/>
  <c r="G2088" i="10"/>
  <c r="G2089" i="10"/>
  <c r="G2090" i="10"/>
  <c r="G2091" i="10"/>
  <c r="G2092" i="10"/>
  <c r="G2093" i="10"/>
  <c r="G2094" i="10"/>
  <c r="G2095" i="10"/>
  <c r="G2096" i="10"/>
  <c r="G2097" i="10"/>
  <c r="G2098" i="10"/>
  <c r="G2099" i="10"/>
  <c r="G2100" i="10"/>
  <c r="G2101" i="10"/>
  <c r="G2102" i="10"/>
  <c r="G2103" i="10"/>
  <c r="G2104" i="10"/>
  <c r="G2105" i="10"/>
  <c r="G2106" i="10"/>
  <c r="G2107" i="10"/>
  <c r="G2108" i="10"/>
  <c r="G2109" i="10"/>
  <c r="G2110" i="10"/>
  <c r="G2111" i="10"/>
  <c r="G2112" i="10"/>
  <c r="G2113" i="10"/>
  <c r="G2114" i="10"/>
  <c r="G2115" i="10"/>
  <c r="G2116" i="10"/>
  <c r="G2117" i="10"/>
  <c r="G2118" i="10"/>
  <c r="G2119" i="10"/>
  <c r="G2120" i="10"/>
  <c r="G2121" i="10"/>
  <c r="G2122" i="10"/>
  <c r="G2123" i="10"/>
  <c r="G2124" i="10"/>
  <c r="G2125" i="10"/>
  <c r="G2126" i="10"/>
  <c r="G2127" i="10"/>
  <c r="G2128" i="10"/>
  <c r="G2129" i="10"/>
  <c r="G2130" i="10"/>
  <c r="G2131" i="10"/>
  <c r="G2132" i="10"/>
  <c r="G2133" i="10"/>
  <c r="G2134" i="10"/>
  <c r="G2135" i="10"/>
  <c r="G2136" i="10"/>
  <c r="G2137" i="10"/>
  <c r="G2138" i="10"/>
  <c r="G2139" i="10"/>
  <c r="G2140" i="10"/>
  <c r="G2141" i="10"/>
  <c r="G2142" i="10"/>
  <c r="G2143" i="10"/>
  <c r="G2144" i="10"/>
  <c r="G2145" i="10"/>
  <c r="G2146" i="10"/>
  <c r="G2147" i="10"/>
  <c r="G2148" i="10"/>
  <c r="G2149" i="10"/>
  <c r="G2150" i="10"/>
  <c r="G2151" i="10"/>
  <c r="G2152" i="10"/>
  <c r="G2153" i="10"/>
  <c r="G2154" i="10"/>
  <c r="G2155" i="10"/>
  <c r="G2156" i="10"/>
  <c r="G2157" i="10"/>
  <c r="G2158" i="10"/>
  <c r="G2159" i="10"/>
  <c r="G2160" i="10"/>
  <c r="G2161" i="10"/>
  <c r="G2162" i="10"/>
  <c r="G2163" i="10"/>
  <c r="G2164" i="10"/>
  <c r="G2165" i="10"/>
  <c r="G2166" i="10"/>
  <c r="G2167" i="10"/>
  <c r="G2168" i="10"/>
  <c r="G2169" i="10"/>
  <c r="G2170" i="10"/>
  <c r="G2171" i="10"/>
  <c r="G2172" i="10"/>
  <c r="G2173" i="10"/>
  <c r="G2174" i="10"/>
  <c r="G2175" i="10"/>
  <c r="G2176" i="10"/>
  <c r="G2177" i="10"/>
  <c r="G2178" i="10"/>
  <c r="G2179" i="10"/>
  <c r="G2180" i="10"/>
  <c r="G2181" i="10"/>
  <c r="G2182" i="10"/>
  <c r="G2183" i="10"/>
  <c r="G2184" i="10"/>
  <c r="G2185" i="10"/>
  <c r="G2186" i="10"/>
  <c r="G2187" i="10"/>
  <c r="G2188" i="10"/>
  <c r="G2189" i="10"/>
  <c r="G2190" i="10"/>
  <c r="G2191" i="10"/>
  <c r="G2192" i="10"/>
  <c r="G2193" i="10"/>
  <c r="G2194" i="10"/>
  <c r="G2195" i="10"/>
  <c r="G2196" i="10"/>
  <c r="G2197" i="10"/>
  <c r="G2198" i="10"/>
  <c r="G2199" i="10"/>
  <c r="G2200" i="10"/>
  <c r="G2201" i="10"/>
  <c r="G2202" i="10"/>
  <c r="G2203" i="10"/>
  <c r="G2204" i="10"/>
  <c r="G2205" i="10"/>
  <c r="G2206" i="10"/>
  <c r="G2207" i="10"/>
  <c r="G2208" i="10"/>
  <c r="G2209" i="10"/>
  <c r="G2210" i="10"/>
  <c r="G2211" i="10"/>
  <c r="G2212" i="10"/>
  <c r="G2213" i="10"/>
  <c r="G2214" i="10"/>
  <c r="G2215" i="10"/>
  <c r="G2216" i="10"/>
  <c r="G2217" i="10"/>
  <c r="G2218" i="10"/>
  <c r="G2219" i="10"/>
  <c r="G2220" i="10"/>
  <c r="G2221" i="10"/>
  <c r="G2222" i="10"/>
  <c r="G2223" i="10"/>
  <c r="G2224" i="10"/>
  <c r="G2225" i="10"/>
  <c r="G2226" i="10"/>
  <c r="G2227" i="10"/>
  <c r="G2228" i="10"/>
  <c r="G2229" i="10"/>
  <c r="G2230" i="10"/>
  <c r="G2231" i="10"/>
  <c r="G2232" i="10"/>
  <c r="G2233" i="10"/>
  <c r="G2234" i="10"/>
  <c r="G2235" i="10"/>
  <c r="G2236" i="10"/>
  <c r="G2237" i="10"/>
  <c r="G2238" i="10"/>
  <c r="G2239" i="10"/>
  <c r="G2240" i="10"/>
  <c r="G2241" i="10"/>
  <c r="G2242" i="10"/>
  <c r="G2243" i="10"/>
  <c r="G2244" i="10"/>
  <c r="G2245" i="10"/>
  <c r="G2246" i="10"/>
  <c r="G2247" i="10"/>
  <c r="G2248" i="10"/>
  <c r="G2249" i="10"/>
  <c r="G2250" i="10"/>
  <c r="G2251" i="10"/>
  <c r="G2252" i="10"/>
  <c r="G2253" i="10"/>
  <c r="G2254" i="10"/>
  <c r="G2255" i="10"/>
  <c r="G2256" i="10"/>
  <c r="G2257" i="10"/>
  <c r="G2258" i="10"/>
  <c r="G2259" i="10"/>
  <c r="G2260" i="10"/>
  <c r="G2261" i="10"/>
  <c r="G2262" i="10"/>
  <c r="G2263" i="10"/>
  <c r="G2264" i="10"/>
  <c r="G2265" i="10"/>
  <c r="G2266" i="10"/>
  <c r="G2267" i="10"/>
  <c r="G2268" i="10"/>
  <c r="G2269" i="10"/>
  <c r="G2270" i="10"/>
  <c r="G2271" i="10"/>
  <c r="G2272" i="10"/>
  <c r="G2273" i="10"/>
  <c r="G2274" i="10"/>
  <c r="G2275" i="10"/>
  <c r="G2276" i="10"/>
  <c r="G2277" i="10"/>
  <c r="G2278" i="10"/>
  <c r="G2279" i="10"/>
  <c r="G2280" i="10"/>
  <c r="G2281" i="10"/>
  <c r="G2282" i="10"/>
  <c r="G2283" i="10"/>
  <c r="G2284" i="10"/>
  <c r="G2285" i="10"/>
  <c r="G2286" i="10"/>
  <c r="G2287" i="10"/>
  <c r="G2288" i="10"/>
  <c r="G2289" i="10"/>
  <c r="G2290" i="10"/>
  <c r="G2291" i="10"/>
  <c r="G2292" i="10"/>
  <c r="G2293" i="10"/>
  <c r="G2294" i="10"/>
  <c r="G2295" i="10"/>
  <c r="G2296" i="10"/>
  <c r="G2297" i="10"/>
  <c r="G2298" i="10"/>
  <c r="G2299" i="10"/>
  <c r="G2300" i="10"/>
  <c r="G2301" i="10"/>
  <c r="G2302" i="10"/>
  <c r="G2303" i="10"/>
  <c r="G2304" i="10"/>
  <c r="G2305" i="10"/>
  <c r="G2306" i="10"/>
  <c r="G2307" i="10"/>
  <c r="G2308" i="10"/>
  <c r="G2309" i="10"/>
  <c r="G2310" i="10"/>
  <c r="G2311" i="10"/>
  <c r="G2312" i="10"/>
  <c r="G2313" i="10"/>
  <c r="G2314" i="10"/>
  <c r="G2315" i="10"/>
  <c r="G2316" i="10"/>
  <c r="G2317" i="10"/>
  <c r="G2318" i="10"/>
  <c r="G2319" i="10"/>
  <c r="G2320" i="10"/>
  <c r="G2321" i="10"/>
  <c r="G2322" i="10"/>
  <c r="G2323" i="10"/>
  <c r="G2324" i="10"/>
  <c r="G2325" i="10"/>
  <c r="G2326" i="10"/>
  <c r="G2327" i="10"/>
  <c r="G2328" i="10"/>
  <c r="G2329" i="10"/>
  <c r="G2330" i="10"/>
  <c r="G2331" i="10"/>
  <c r="G2332" i="10"/>
  <c r="G2333" i="10"/>
  <c r="G2334" i="10"/>
  <c r="G2335" i="10"/>
  <c r="G2336" i="10"/>
  <c r="G2337" i="10"/>
  <c r="G2338" i="10"/>
  <c r="G2339" i="10"/>
  <c r="G2340" i="10"/>
  <c r="G2341" i="10"/>
  <c r="G2342" i="10"/>
  <c r="G2343" i="10"/>
  <c r="G2344" i="10"/>
  <c r="G2345" i="10"/>
  <c r="G2346" i="10"/>
  <c r="G2347" i="10"/>
  <c r="G2348" i="10"/>
  <c r="G2349" i="10"/>
  <c r="G2350" i="10"/>
  <c r="G2351" i="10"/>
  <c r="G2352" i="10"/>
  <c r="G2353" i="10"/>
  <c r="G2354" i="10"/>
  <c r="G2355" i="10"/>
  <c r="G2356" i="10"/>
  <c r="G2357" i="10"/>
  <c r="G2358" i="10"/>
  <c r="G2359" i="10"/>
  <c r="G2360" i="10"/>
  <c r="G2361" i="10"/>
  <c r="G2362" i="10"/>
  <c r="G2363" i="10"/>
  <c r="G2364" i="10"/>
  <c r="G2365" i="10"/>
  <c r="G2366" i="10"/>
  <c r="G2367" i="10"/>
  <c r="G2368" i="10"/>
  <c r="G2369" i="10"/>
  <c r="G2370" i="10"/>
  <c r="G2371" i="10"/>
  <c r="G2372" i="10"/>
  <c r="G2373" i="10"/>
  <c r="G2374" i="10"/>
  <c r="G2375" i="10"/>
  <c r="G2376" i="10"/>
  <c r="G2377" i="10"/>
  <c r="G2378" i="10"/>
  <c r="G2379" i="10"/>
  <c r="G2380" i="10"/>
  <c r="G2381" i="10"/>
  <c r="G2382" i="10"/>
  <c r="G2383" i="10"/>
  <c r="G2384" i="10"/>
  <c r="G2385" i="10"/>
  <c r="G2386" i="10"/>
  <c r="G2387" i="10"/>
  <c r="G2388" i="10"/>
  <c r="G2389" i="10"/>
  <c r="G2390" i="10"/>
  <c r="G2391" i="10"/>
  <c r="G2392" i="10"/>
  <c r="G2393" i="10"/>
  <c r="G2394" i="10"/>
  <c r="G2395" i="10"/>
  <c r="G2396" i="10"/>
  <c r="G2397" i="10"/>
  <c r="G2398" i="10"/>
  <c r="G2399" i="10"/>
  <c r="G2400" i="10"/>
  <c r="G2401" i="10"/>
  <c r="G2402" i="10"/>
  <c r="G2403" i="10"/>
  <c r="G2404" i="10"/>
  <c r="G2405" i="10"/>
  <c r="G2406" i="10"/>
  <c r="G2407" i="10"/>
  <c r="G2408" i="10"/>
  <c r="G2409" i="10"/>
  <c r="G2410" i="10"/>
  <c r="G2411" i="10"/>
  <c r="G2412" i="10"/>
  <c r="G2413" i="10"/>
  <c r="G2414" i="10"/>
  <c r="G2415" i="10"/>
  <c r="G2416" i="10"/>
  <c r="G2417" i="10"/>
  <c r="G2418" i="10"/>
  <c r="G2419" i="10"/>
  <c r="G2420" i="10"/>
  <c r="G2421" i="10"/>
  <c r="G2422" i="10"/>
  <c r="G2423" i="10"/>
  <c r="G2424" i="10"/>
  <c r="G2425" i="10"/>
  <c r="G2426" i="10"/>
  <c r="G2427" i="10"/>
  <c r="G2428" i="10"/>
  <c r="G2429" i="10"/>
  <c r="G2430" i="10"/>
  <c r="G2431" i="10"/>
  <c r="G2432" i="10"/>
  <c r="G2433" i="10"/>
  <c r="G2434" i="10"/>
  <c r="G2435" i="10"/>
  <c r="G2436" i="10"/>
  <c r="G2437" i="10"/>
  <c r="G2438" i="10"/>
  <c r="G2439" i="10"/>
  <c r="G2440" i="10"/>
  <c r="G2441" i="10"/>
  <c r="G2442" i="10"/>
  <c r="G2443" i="10"/>
  <c r="G2444" i="10"/>
  <c r="G2445" i="10"/>
  <c r="G2446" i="10"/>
  <c r="G2447" i="10"/>
  <c r="G2448" i="10"/>
  <c r="G2449" i="10"/>
  <c r="G2450" i="10"/>
  <c r="G2451" i="10"/>
  <c r="G2452" i="10"/>
  <c r="G2453" i="10"/>
  <c r="G2454" i="10"/>
  <c r="G2455" i="10"/>
  <c r="G2456" i="10"/>
  <c r="G2457" i="10"/>
  <c r="G2458" i="10"/>
  <c r="G2459" i="10"/>
  <c r="G2460" i="10"/>
  <c r="G2461" i="10"/>
  <c r="G2462" i="10"/>
  <c r="G2463" i="10"/>
  <c r="G2464" i="10"/>
  <c r="G2465" i="10"/>
  <c r="G2466" i="10"/>
  <c r="G2467" i="10"/>
  <c r="G2468" i="10"/>
  <c r="G2469" i="10"/>
  <c r="G2470" i="10"/>
  <c r="G2471" i="10"/>
  <c r="G2472" i="10"/>
  <c r="G2473" i="10"/>
  <c r="G2474" i="10"/>
  <c r="G2475" i="10"/>
  <c r="G2476" i="10"/>
  <c r="G2477" i="10"/>
  <c r="G2478" i="10"/>
  <c r="G2479" i="10"/>
  <c r="G2480" i="10"/>
  <c r="G2481" i="10"/>
  <c r="G2482" i="10"/>
  <c r="G2483" i="10"/>
  <c r="G2484" i="10"/>
  <c r="G2485" i="10"/>
  <c r="G2486" i="10"/>
  <c r="G2487" i="10"/>
  <c r="G2488" i="10"/>
  <c r="G2489" i="10"/>
  <c r="G2490" i="10"/>
  <c r="G2491" i="10"/>
  <c r="G2492" i="10"/>
  <c r="G2493" i="10"/>
  <c r="G2494" i="10"/>
  <c r="G2495" i="10"/>
  <c r="G2496" i="10"/>
  <c r="G2497" i="10"/>
  <c r="G2498" i="10"/>
  <c r="G2499" i="10"/>
  <c r="G2500" i="10"/>
  <c r="G2501" i="10"/>
  <c r="G2502" i="10"/>
  <c r="G2503" i="10"/>
  <c r="G2504" i="10"/>
  <c r="G2505" i="10"/>
  <c r="G2506" i="10"/>
  <c r="G2507" i="10"/>
  <c r="G2508" i="10"/>
  <c r="G2509" i="10"/>
  <c r="G2510" i="10"/>
  <c r="G2511" i="10"/>
  <c r="G2512" i="10"/>
  <c r="G2513" i="10"/>
  <c r="G2514" i="10"/>
  <c r="G2515" i="10"/>
  <c r="G2516" i="10"/>
  <c r="G2517" i="10"/>
  <c r="G2518" i="10"/>
  <c r="G2519" i="10"/>
  <c r="G2520" i="10"/>
  <c r="G2521" i="10"/>
  <c r="G2522" i="10"/>
  <c r="G2523" i="10"/>
  <c r="G2524" i="10"/>
  <c r="G2525" i="10"/>
  <c r="G2526" i="10"/>
  <c r="G2527" i="10"/>
  <c r="G2528" i="10"/>
  <c r="G2529" i="10"/>
  <c r="G2530" i="10"/>
  <c r="G2531" i="10"/>
  <c r="G2532" i="10"/>
  <c r="G2533" i="10"/>
  <c r="G2534" i="10"/>
  <c r="G2535" i="10"/>
  <c r="G2536" i="10"/>
  <c r="G2537" i="10"/>
  <c r="G2538" i="10"/>
  <c r="G2539" i="10"/>
  <c r="G2540" i="10"/>
  <c r="G2541" i="10"/>
  <c r="G2542" i="10"/>
  <c r="G2543" i="10"/>
  <c r="G2544" i="10"/>
  <c r="G2545" i="10"/>
  <c r="G2546" i="10"/>
  <c r="G2547" i="10"/>
  <c r="G2548" i="10"/>
  <c r="G2549" i="10"/>
  <c r="G2550" i="10"/>
  <c r="G2551" i="10"/>
  <c r="G2552" i="10"/>
  <c r="G2553" i="10"/>
  <c r="G2554" i="10"/>
  <c r="G2555" i="10"/>
  <c r="G2556" i="10"/>
  <c r="G2557" i="10"/>
  <c r="G2558" i="10"/>
  <c r="G2559" i="10"/>
  <c r="G2560" i="10"/>
  <c r="G2561" i="10"/>
  <c r="G2562" i="10"/>
  <c r="G2563" i="10"/>
  <c r="G2564" i="10"/>
  <c r="G2565" i="10"/>
  <c r="G2566" i="10"/>
  <c r="G2567" i="10"/>
  <c r="G2568" i="10"/>
  <c r="G2569" i="10"/>
  <c r="G2570" i="10"/>
  <c r="G2571" i="10"/>
  <c r="G2572" i="10"/>
  <c r="G2573" i="10"/>
  <c r="G2574" i="10"/>
  <c r="G2575" i="10"/>
  <c r="G2576" i="10"/>
  <c r="G2577" i="10"/>
  <c r="G2578" i="10"/>
  <c r="G2579" i="10"/>
  <c r="G2580" i="10"/>
  <c r="G2581" i="10"/>
  <c r="G2582" i="10"/>
  <c r="G2583" i="10"/>
  <c r="G2584" i="10"/>
  <c r="G2585" i="10"/>
  <c r="G2586" i="10"/>
  <c r="G2587" i="10"/>
  <c r="G2588" i="10"/>
  <c r="G2589" i="10"/>
  <c r="G2590" i="10"/>
  <c r="G2591" i="10"/>
  <c r="G2592" i="10"/>
  <c r="G2593" i="10"/>
  <c r="G2594" i="10"/>
  <c r="G2595" i="10"/>
  <c r="G2596" i="10"/>
  <c r="G2597" i="10"/>
  <c r="G2598" i="10"/>
  <c r="G2599" i="10"/>
  <c r="G2600" i="10"/>
  <c r="G2601" i="10"/>
  <c r="G2602" i="10"/>
  <c r="G2603" i="10"/>
  <c r="G2604" i="10"/>
  <c r="G2605" i="10"/>
  <c r="G2606" i="10"/>
  <c r="G2607" i="10"/>
  <c r="G2608" i="10"/>
  <c r="G2609" i="10"/>
  <c r="G2610" i="10"/>
  <c r="G2611" i="10"/>
  <c r="G2612" i="10"/>
  <c r="G2613" i="10"/>
  <c r="G2614" i="10"/>
  <c r="G2615" i="10"/>
  <c r="G2616" i="10"/>
  <c r="G2617" i="10"/>
  <c r="G2618" i="10"/>
  <c r="G2619" i="10"/>
  <c r="G2620" i="10"/>
  <c r="G2621" i="10"/>
  <c r="G2622" i="10"/>
  <c r="G2623" i="10"/>
  <c r="G2624" i="10"/>
  <c r="G2625" i="10"/>
  <c r="G2626" i="10"/>
  <c r="G2627" i="10"/>
  <c r="G2628" i="10"/>
  <c r="G2629" i="10"/>
  <c r="G2630" i="10"/>
  <c r="G2631" i="10"/>
  <c r="G2632" i="10"/>
  <c r="G2633" i="10"/>
  <c r="G2634" i="10"/>
  <c r="G2635" i="10"/>
  <c r="G2636" i="10"/>
  <c r="G2637" i="10"/>
  <c r="G2638" i="10"/>
  <c r="G2639" i="10"/>
  <c r="G2640" i="10"/>
  <c r="G2641" i="10"/>
  <c r="G2642" i="10"/>
  <c r="G2643" i="10"/>
  <c r="G2644" i="10"/>
  <c r="G2645" i="10"/>
  <c r="G2646" i="10"/>
  <c r="G2647" i="10"/>
  <c r="G2648" i="10"/>
  <c r="G2649" i="10"/>
  <c r="G2650" i="10"/>
  <c r="G2651" i="10"/>
  <c r="G2652" i="10"/>
  <c r="G2653" i="10"/>
  <c r="G2654" i="10"/>
  <c r="G2655" i="10"/>
  <c r="G2656" i="10"/>
  <c r="G2657" i="10"/>
  <c r="G2658" i="10"/>
  <c r="G2659" i="10"/>
  <c r="G2660" i="10"/>
  <c r="G2661" i="10"/>
  <c r="G2662" i="10"/>
  <c r="G2663" i="10"/>
  <c r="G2664" i="10"/>
  <c r="G2665" i="10"/>
  <c r="G2666" i="10"/>
  <c r="G2667" i="10"/>
  <c r="G2668" i="10"/>
  <c r="G2669" i="10"/>
  <c r="G2670" i="10"/>
  <c r="G2671" i="10"/>
  <c r="G2672" i="10"/>
  <c r="G2673" i="10"/>
  <c r="G2674" i="10"/>
  <c r="G2675" i="10"/>
  <c r="G2676" i="10"/>
  <c r="G2677" i="10"/>
  <c r="G2678" i="10"/>
  <c r="G2679" i="10"/>
  <c r="G2680" i="10"/>
  <c r="G2681" i="10"/>
  <c r="G2682" i="10"/>
  <c r="G2683" i="10"/>
  <c r="G2684" i="10"/>
  <c r="G2685" i="10"/>
  <c r="G2686" i="10"/>
  <c r="G2687" i="10"/>
  <c r="G2688" i="10"/>
  <c r="G2689" i="10"/>
  <c r="G2690" i="10"/>
  <c r="G2691" i="10"/>
  <c r="G2692" i="10"/>
  <c r="G2693" i="10"/>
  <c r="G2694" i="10"/>
  <c r="G2695" i="10"/>
  <c r="G2696" i="10"/>
  <c r="G2697" i="10"/>
  <c r="G2698" i="10"/>
  <c r="G2699" i="10"/>
  <c r="G2700" i="10"/>
  <c r="G2701" i="10"/>
  <c r="G2702" i="10"/>
  <c r="G2703" i="10"/>
  <c r="G2704" i="10"/>
  <c r="G2705" i="10"/>
  <c r="G2706" i="10"/>
  <c r="G2707" i="10"/>
  <c r="G2708" i="10"/>
  <c r="G2709" i="10"/>
  <c r="G2710" i="10"/>
  <c r="G2711" i="10"/>
  <c r="G2712" i="10"/>
  <c r="G2713" i="10"/>
  <c r="G2714" i="10"/>
  <c r="G2715" i="10"/>
  <c r="G2716" i="10"/>
  <c r="G2717" i="10"/>
  <c r="G2718" i="10"/>
  <c r="G2719" i="10"/>
  <c r="G2720" i="10"/>
  <c r="G2721" i="10"/>
  <c r="G2722" i="10"/>
  <c r="G2723" i="10"/>
  <c r="G2724" i="10"/>
  <c r="G2725" i="10"/>
  <c r="G2726" i="10"/>
  <c r="G2727" i="10"/>
  <c r="G2728" i="10"/>
  <c r="G2729" i="10"/>
  <c r="G2730" i="10"/>
  <c r="G2731" i="10"/>
  <c r="G2732" i="10"/>
  <c r="G2733" i="10"/>
  <c r="G2734" i="10"/>
  <c r="G2735" i="10"/>
  <c r="G2736" i="10"/>
  <c r="G2737" i="10"/>
  <c r="G2738" i="10"/>
  <c r="G2739" i="10"/>
  <c r="G2740" i="10"/>
  <c r="G2741" i="10"/>
  <c r="G2742" i="10"/>
  <c r="G2743" i="10"/>
  <c r="G2744" i="10"/>
  <c r="G2745" i="10"/>
  <c r="G2746" i="10"/>
  <c r="G2747" i="10"/>
  <c r="G2748" i="10"/>
  <c r="G2749" i="10"/>
  <c r="G2750" i="10"/>
  <c r="G2751" i="10"/>
  <c r="G2752" i="10"/>
  <c r="G2753" i="10"/>
  <c r="G2754" i="10"/>
  <c r="G2755" i="10"/>
  <c r="G2756" i="10"/>
  <c r="G2757" i="10"/>
  <c r="G2758" i="10"/>
  <c r="G2759" i="10"/>
  <c r="G2760" i="10"/>
  <c r="G2761" i="10"/>
  <c r="G2762" i="10"/>
  <c r="G2763" i="10"/>
  <c r="G2764" i="10"/>
  <c r="G2765" i="10"/>
  <c r="G2766" i="10"/>
  <c r="G2767" i="10"/>
  <c r="G2768" i="10"/>
  <c r="G2769" i="10"/>
  <c r="G2770" i="10"/>
  <c r="G2771" i="10"/>
  <c r="G2772" i="10"/>
  <c r="G2773" i="10"/>
  <c r="G2774" i="10"/>
  <c r="G2775" i="10"/>
  <c r="G2776" i="10"/>
  <c r="G2777" i="10"/>
  <c r="G2778" i="10"/>
  <c r="G2779" i="10"/>
  <c r="G2780" i="10"/>
  <c r="G2781" i="10"/>
  <c r="G2782" i="10"/>
  <c r="G2783" i="10"/>
  <c r="G2784" i="10"/>
  <c r="G2785" i="10"/>
  <c r="G2786" i="10"/>
  <c r="G2787" i="10"/>
  <c r="G2788" i="10"/>
  <c r="G2789" i="10"/>
  <c r="G2790" i="10"/>
  <c r="G2791" i="10"/>
  <c r="G2792" i="10"/>
  <c r="G2793" i="10"/>
  <c r="G2794" i="10"/>
  <c r="G2795" i="10"/>
  <c r="G2796" i="10"/>
  <c r="G2797" i="10"/>
  <c r="G2798" i="10"/>
  <c r="G2799" i="10"/>
  <c r="G2800" i="10"/>
  <c r="G2801" i="10"/>
  <c r="G2802" i="10"/>
  <c r="G2803" i="10"/>
  <c r="G2804" i="10"/>
  <c r="G2805" i="10"/>
  <c r="G2806" i="10"/>
  <c r="G2807" i="10"/>
  <c r="G2808" i="10"/>
  <c r="G2809" i="10"/>
  <c r="G2810" i="10"/>
  <c r="G2811" i="10"/>
  <c r="G2812" i="10"/>
  <c r="G2813" i="10"/>
  <c r="G2814" i="10"/>
  <c r="G2815" i="10"/>
  <c r="G2816" i="10"/>
  <c r="G2817" i="10"/>
  <c r="G2818" i="10"/>
  <c r="G2819" i="10"/>
  <c r="G2820" i="10"/>
  <c r="G2821" i="10"/>
  <c r="G2822" i="10"/>
  <c r="G2823" i="10"/>
  <c r="G2824" i="10"/>
  <c r="G2825" i="10"/>
  <c r="G2826" i="10"/>
  <c r="G2827" i="10"/>
  <c r="G2828" i="10"/>
  <c r="G2829" i="10"/>
  <c r="G2830" i="10"/>
  <c r="G2831" i="10"/>
  <c r="G2832" i="10"/>
  <c r="G2833" i="10"/>
  <c r="G2834" i="10"/>
  <c r="G2835" i="10"/>
  <c r="G2836" i="10"/>
  <c r="G2837" i="10"/>
  <c r="G2838" i="10"/>
  <c r="G2839" i="10"/>
  <c r="G2840" i="10"/>
  <c r="G2841" i="10"/>
  <c r="G2842" i="10"/>
  <c r="G2843" i="10"/>
  <c r="G2844" i="10"/>
  <c r="G2845" i="10"/>
  <c r="G2846" i="10"/>
  <c r="G2847" i="10"/>
  <c r="G2848" i="10"/>
  <c r="G2849" i="10"/>
  <c r="G2850" i="10"/>
  <c r="G2851" i="10"/>
  <c r="G2852" i="10"/>
  <c r="G2853" i="10"/>
  <c r="G2854" i="10"/>
  <c r="G2855" i="10"/>
  <c r="G2856" i="10"/>
  <c r="G2857" i="10"/>
  <c r="G2858" i="10"/>
  <c r="G2859" i="10"/>
  <c r="G2860" i="10"/>
  <c r="G2861" i="10"/>
  <c r="G2862" i="10"/>
  <c r="G2863" i="10"/>
  <c r="G2864" i="10"/>
  <c r="G2865" i="10"/>
  <c r="G2866" i="10"/>
  <c r="G2867" i="10"/>
  <c r="G2868" i="10"/>
  <c r="G2869" i="10"/>
  <c r="G2870" i="10"/>
  <c r="G2871" i="10"/>
  <c r="G2872" i="10"/>
  <c r="G2873" i="10"/>
  <c r="G2874" i="10"/>
  <c r="G2875" i="10"/>
  <c r="G2876" i="10"/>
  <c r="G2877" i="10"/>
  <c r="G2878" i="10"/>
  <c r="G2879" i="10"/>
  <c r="G2880" i="10"/>
  <c r="G2881" i="10"/>
  <c r="G2882" i="10"/>
  <c r="G2883" i="10"/>
  <c r="G2884" i="10"/>
  <c r="G2885" i="10"/>
  <c r="G2886" i="10"/>
  <c r="G2887" i="10"/>
  <c r="G2888" i="10"/>
  <c r="G2889" i="10"/>
  <c r="G2890" i="10"/>
  <c r="G2891" i="10"/>
  <c r="G2892" i="10"/>
  <c r="G2893" i="10"/>
  <c r="G2894" i="10"/>
  <c r="G2895" i="10"/>
  <c r="G2896" i="10"/>
  <c r="G2897" i="10"/>
  <c r="G2898" i="10"/>
  <c r="G2899" i="10"/>
  <c r="G2900" i="10"/>
  <c r="G2901" i="10"/>
  <c r="G2902" i="10"/>
  <c r="G2903" i="10"/>
  <c r="G2904" i="10"/>
  <c r="G2905" i="10"/>
  <c r="G2906" i="10"/>
  <c r="G2907" i="10"/>
  <c r="G2908" i="10"/>
  <c r="G2909" i="10"/>
  <c r="G2910" i="10"/>
  <c r="G2911" i="10"/>
  <c r="G2912" i="10"/>
  <c r="G2913" i="10"/>
  <c r="G2914" i="10"/>
  <c r="G2915" i="10"/>
  <c r="G2916" i="10"/>
  <c r="G2917" i="10"/>
  <c r="G2918" i="10"/>
  <c r="G2919" i="10"/>
  <c r="G2920" i="10"/>
  <c r="G2921" i="10"/>
  <c r="G2922" i="10"/>
  <c r="G2923" i="10"/>
  <c r="G2924" i="10"/>
  <c r="G2925" i="10"/>
  <c r="G2926" i="10"/>
  <c r="G2927" i="10"/>
  <c r="G2928" i="10"/>
  <c r="G2929" i="10"/>
  <c r="G2930" i="10"/>
  <c r="G2931" i="10"/>
  <c r="G2932" i="10"/>
  <c r="G2933" i="10"/>
  <c r="G2934" i="10"/>
  <c r="G2935" i="10"/>
  <c r="G2936" i="10"/>
  <c r="G2937" i="10"/>
  <c r="G2938" i="10"/>
  <c r="G2939" i="10"/>
  <c r="G2940" i="10"/>
  <c r="G2941" i="10"/>
  <c r="G2942" i="10"/>
  <c r="G2943" i="10"/>
  <c r="G2944" i="10"/>
  <c r="G2945" i="10"/>
  <c r="G2946" i="10"/>
  <c r="G2947" i="10"/>
  <c r="G2948" i="10"/>
  <c r="G2949" i="10"/>
  <c r="G2950" i="10"/>
  <c r="G2951" i="10"/>
  <c r="G2952" i="10"/>
  <c r="G2953" i="10"/>
  <c r="G2954" i="10"/>
  <c r="G2955" i="10"/>
  <c r="G2956" i="10"/>
  <c r="G2957" i="10"/>
  <c r="G2958" i="10"/>
  <c r="G2959" i="10"/>
  <c r="G2960" i="10"/>
  <c r="G2961" i="10"/>
  <c r="G2962" i="10"/>
  <c r="G2963" i="10"/>
  <c r="G2964" i="10"/>
  <c r="G2965" i="10"/>
  <c r="G2966" i="10"/>
  <c r="G2967" i="10"/>
  <c r="G2968" i="10"/>
  <c r="G2969" i="10"/>
  <c r="G2970" i="10"/>
  <c r="G2971" i="10"/>
  <c r="G2972" i="10"/>
  <c r="G2973" i="10"/>
  <c r="G2974" i="10"/>
  <c r="G2975" i="10"/>
  <c r="G2976" i="10"/>
  <c r="G2977" i="10"/>
  <c r="G2978" i="10"/>
  <c r="G2979" i="10"/>
  <c r="G2980" i="10"/>
  <c r="G2981" i="10"/>
  <c r="G2982" i="10"/>
  <c r="G2983" i="10"/>
  <c r="G2984" i="10"/>
  <c r="G2985" i="10"/>
  <c r="G2986" i="10"/>
  <c r="G2987" i="10"/>
  <c r="G2988" i="10"/>
  <c r="G2989" i="10"/>
  <c r="G2990" i="10"/>
  <c r="G2991" i="10"/>
  <c r="G2992" i="10"/>
  <c r="G2993" i="10"/>
  <c r="G2994" i="10"/>
  <c r="G2995" i="10"/>
  <c r="G2996" i="10"/>
  <c r="G2997" i="10"/>
  <c r="G2998" i="10"/>
  <c r="G2999" i="10"/>
  <c r="G3000" i="10"/>
  <c r="G3001" i="10"/>
  <c r="G3002" i="10"/>
  <c r="G3003" i="10"/>
  <c r="G3004" i="10"/>
  <c r="G3005" i="10"/>
  <c r="G3006" i="10"/>
  <c r="G3007" i="10"/>
  <c r="G3008" i="10"/>
  <c r="G3009" i="10"/>
  <c r="G3010" i="10"/>
  <c r="G3011" i="10"/>
  <c r="G3012" i="10"/>
  <c r="G3013" i="10"/>
  <c r="G3014" i="10"/>
  <c r="G3015" i="10"/>
  <c r="G3016" i="10"/>
  <c r="G3017" i="10"/>
  <c r="G3018" i="10"/>
  <c r="G3019" i="10"/>
  <c r="G3020" i="10"/>
  <c r="G3021" i="10"/>
  <c r="G3022" i="10"/>
  <c r="G3023" i="10"/>
  <c r="G3024" i="10"/>
  <c r="G3025" i="10"/>
  <c r="G3026" i="10"/>
  <c r="G3027" i="10"/>
  <c r="G3028" i="10"/>
  <c r="G3029" i="10"/>
  <c r="G3030" i="10"/>
  <c r="G3031" i="10"/>
  <c r="G3032" i="10"/>
  <c r="G3033" i="10"/>
  <c r="G3034" i="10"/>
  <c r="G3035" i="10"/>
  <c r="G3036" i="10"/>
  <c r="G3037" i="10"/>
  <c r="G3038" i="10"/>
  <c r="G3039" i="10"/>
  <c r="G3040" i="10"/>
  <c r="G3041" i="10"/>
  <c r="G3042" i="10"/>
  <c r="G3043" i="10"/>
  <c r="G3044" i="10"/>
  <c r="G3045" i="10"/>
  <c r="G3046" i="10"/>
  <c r="G3047" i="10"/>
  <c r="G3048" i="10"/>
  <c r="G3049" i="10"/>
  <c r="G3050" i="10"/>
  <c r="G3051" i="10"/>
  <c r="G3052" i="10"/>
  <c r="G3053" i="10"/>
  <c r="G3054" i="10"/>
  <c r="G3055" i="10"/>
  <c r="G3056" i="10"/>
  <c r="G3057" i="10"/>
  <c r="G3058" i="10"/>
  <c r="G3059" i="10"/>
  <c r="G3060" i="10"/>
  <c r="G3061" i="10"/>
  <c r="G3062" i="10"/>
  <c r="G3063" i="10"/>
  <c r="G3064" i="10"/>
  <c r="G3065" i="10"/>
  <c r="G3066" i="10"/>
  <c r="G3067" i="10"/>
  <c r="G3068" i="10"/>
  <c r="G3069" i="10"/>
  <c r="G3070" i="10"/>
  <c r="G3071" i="10"/>
  <c r="G3072" i="10"/>
  <c r="G3073" i="10"/>
  <c r="G3074" i="10"/>
  <c r="G3075" i="10"/>
  <c r="G3076" i="10"/>
  <c r="G3077" i="10"/>
  <c r="G3078" i="10"/>
  <c r="G3079" i="10"/>
  <c r="G3080" i="10"/>
  <c r="G3081" i="10"/>
  <c r="G3082" i="10"/>
  <c r="G3083" i="10"/>
  <c r="G3084" i="10"/>
  <c r="G3085" i="10"/>
  <c r="G3086" i="10"/>
  <c r="G3087" i="10"/>
  <c r="G3088" i="10"/>
  <c r="G3089" i="10"/>
  <c r="G3090" i="10"/>
  <c r="G3091" i="10"/>
  <c r="G3092" i="10"/>
  <c r="G3093" i="10"/>
  <c r="G3094" i="10"/>
  <c r="G3095" i="10"/>
  <c r="G3096" i="10"/>
  <c r="G3097" i="10"/>
  <c r="G3098" i="10"/>
  <c r="G3099" i="10"/>
  <c r="G3100" i="10"/>
  <c r="G3101" i="10"/>
  <c r="G3102" i="10"/>
  <c r="G3103" i="10"/>
  <c r="G3104" i="10"/>
  <c r="G3105" i="10"/>
  <c r="G3106" i="10"/>
  <c r="G3107" i="10"/>
  <c r="G3108" i="10"/>
  <c r="G3109" i="10"/>
  <c r="G3110" i="10"/>
  <c r="G3111" i="10"/>
  <c r="G3112" i="10"/>
  <c r="G3113" i="10"/>
  <c r="G3114" i="10"/>
  <c r="G3115" i="10"/>
  <c r="G3116" i="10"/>
  <c r="G3117" i="10"/>
  <c r="G3118" i="10"/>
  <c r="G3119" i="10"/>
  <c r="G3120" i="10"/>
  <c r="G3121" i="10"/>
  <c r="G3122" i="10"/>
  <c r="G3123" i="10"/>
  <c r="G3124" i="10"/>
  <c r="G3125" i="10"/>
  <c r="G3126" i="10"/>
  <c r="G3127" i="10"/>
  <c r="G3128" i="10"/>
  <c r="G3129" i="10"/>
  <c r="G3130" i="10"/>
  <c r="G3131" i="10"/>
  <c r="G3132" i="10"/>
  <c r="G3133" i="10"/>
  <c r="G3134" i="10"/>
  <c r="G3135" i="10"/>
  <c r="G3136" i="10"/>
  <c r="G3137" i="10"/>
  <c r="G3138" i="10"/>
  <c r="G3139" i="10"/>
  <c r="G3140" i="10"/>
  <c r="G3141" i="10"/>
  <c r="G3142" i="10"/>
  <c r="G3143" i="10"/>
  <c r="G3144" i="10"/>
  <c r="G3145" i="10"/>
  <c r="G3146" i="10"/>
  <c r="G3147" i="10"/>
  <c r="G3148" i="10"/>
  <c r="G3149" i="10"/>
  <c r="G3150" i="10"/>
  <c r="G3151" i="10"/>
  <c r="G3152" i="10"/>
  <c r="G3153" i="10"/>
  <c r="G3154" i="10"/>
  <c r="G3155" i="10"/>
  <c r="G3156" i="10"/>
  <c r="G3157" i="10"/>
  <c r="G3158" i="10"/>
  <c r="G3159" i="10"/>
  <c r="G3160" i="10"/>
  <c r="G3161" i="10"/>
  <c r="G3162" i="10"/>
  <c r="G3163" i="10"/>
  <c r="G3164" i="10"/>
  <c r="G3165" i="10"/>
  <c r="G3166" i="10"/>
  <c r="G3167" i="10"/>
  <c r="G3168" i="10"/>
  <c r="G3169" i="10"/>
  <c r="G3170" i="10"/>
  <c r="G3171" i="10"/>
  <c r="G3172" i="10"/>
  <c r="G3173" i="10"/>
  <c r="G3174" i="10"/>
  <c r="G3175" i="10"/>
  <c r="G3176" i="10"/>
  <c r="G3177" i="10"/>
  <c r="G3178" i="10"/>
  <c r="G3179" i="10"/>
  <c r="G3180" i="10"/>
  <c r="G3181" i="10"/>
  <c r="G3182" i="10"/>
  <c r="G3183" i="10"/>
  <c r="G3184" i="10"/>
  <c r="G3185" i="10"/>
  <c r="G3186" i="10"/>
  <c r="G3187" i="10"/>
  <c r="G3188" i="10"/>
  <c r="G3189" i="10"/>
  <c r="G3190" i="10"/>
  <c r="G3191" i="10"/>
  <c r="G3192" i="10"/>
  <c r="G3193" i="10"/>
  <c r="G3194" i="10"/>
  <c r="G3195" i="10"/>
  <c r="G3196" i="10"/>
  <c r="G3197" i="10"/>
  <c r="G3198" i="10"/>
  <c r="G3199" i="10"/>
  <c r="G3200" i="10"/>
  <c r="G3201" i="10"/>
  <c r="G3202" i="10"/>
  <c r="G3203" i="10"/>
  <c r="G3204" i="10"/>
  <c r="G3205" i="10"/>
  <c r="G3206" i="10"/>
  <c r="G3207" i="10"/>
  <c r="G3208" i="10"/>
  <c r="G3209" i="10"/>
  <c r="G3210" i="10"/>
  <c r="G3211" i="10"/>
  <c r="G3212" i="10"/>
  <c r="G3213" i="10"/>
  <c r="G3214" i="10"/>
  <c r="G3215" i="10"/>
  <c r="G3216" i="10"/>
  <c r="G3217" i="10"/>
  <c r="G3218" i="10"/>
  <c r="G3219" i="10"/>
  <c r="G3220" i="10"/>
  <c r="G3221" i="10"/>
  <c r="G3222" i="10"/>
  <c r="G3223" i="10"/>
  <c r="G3224" i="10"/>
  <c r="G3225" i="10"/>
  <c r="G3226" i="10"/>
  <c r="G3227" i="10"/>
  <c r="G3228" i="10"/>
  <c r="G3229" i="10"/>
  <c r="G3230" i="10"/>
  <c r="G3231" i="10"/>
  <c r="G3232" i="10"/>
  <c r="G3233" i="10"/>
  <c r="G3234" i="10"/>
  <c r="G3235" i="10"/>
  <c r="G3236" i="10"/>
  <c r="G3237" i="10"/>
  <c r="G3238" i="10"/>
  <c r="G3239" i="10"/>
  <c r="G3240" i="10"/>
  <c r="G3241" i="10"/>
  <c r="G3242" i="10"/>
  <c r="G3243" i="10"/>
  <c r="G3244" i="10"/>
  <c r="G3245" i="10"/>
  <c r="G3246" i="10"/>
  <c r="G3247" i="10"/>
  <c r="G3248" i="10"/>
  <c r="G3249" i="10"/>
  <c r="G3250" i="10"/>
  <c r="G3251" i="10"/>
  <c r="G3252" i="10"/>
  <c r="G3253" i="10"/>
  <c r="G3254" i="10"/>
  <c r="G3255" i="10"/>
  <c r="G3256" i="10"/>
  <c r="G3257" i="10"/>
  <c r="G3258" i="10"/>
  <c r="G3259" i="10"/>
  <c r="G3260" i="10"/>
  <c r="G3261" i="10"/>
  <c r="G3262" i="10"/>
  <c r="G3263" i="10"/>
  <c r="G3264" i="10"/>
  <c r="G3265" i="10"/>
  <c r="G3266" i="10"/>
  <c r="G3267" i="10"/>
  <c r="G3268" i="10"/>
  <c r="G3269" i="10"/>
  <c r="G3270" i="10"/>
  <c r="G3271" i="10"/>
  <c r="G3272" i="10"/>
  <c r="G3273" i="10"/>
  <c r="G3274" i="10"/>
  <c r="G3275" i="10"/>
  <c r="G3276" i="10"/>
  <c r="G3277" i="10"/>
  <c r="G3278" i="10"/>
  <c r="G3279" i="10"/>
  <c r="G3280" i="10"/>
  <c r="G3281" i="10"/>
  <c r="G3282" i="10"/>
  <c r="G3283" i="10"/>
  <c r="G3284" i="10"/>
  <c r="G3285" i="10"/>
  <c r="G3286" i="10"/>
  <c r="G3287" i="10"/>
  <c r="G3288" i="10"/>
  <c r="G3289" i="10"/>
  <c r="G3290" i="10"/>
  <c r="G3291" i="10"/>
  <c r="G3292" i="10"/>
  <c r="G3293" i="10"/>
  <c r="G3294" i="10"/>
  <c r="G3295" i="10"/>
  <c r="G3296" i="10"/>
  <c r="G3297" i="10"/>
  <c r="G3298" i="10"/>
  <c r="G3299" i="10"/>
  <c r="G3300" i="10"/>
  <c r="G3301" i="10"/>
  <c r="G3302" i="10"/>
  <c r="G3303" i="10"/>
  <c r="G3304" i="10"/>
  <c r="G3305" i="10"/>
  <c r="G3306" i="10"/>
  <c r="G3307" i="10"/>
  <c r="G3308" i="10"/>
  <c r="G3309" i="10"/>
  <c r="G3310" i="10"/>
  <c r="G3311" i="10"/>
  <c r="G3312" i="10"/>
  <c r="G3313" i="10"/>
  <c r="G3314" i="10"/>
  <c r="G3315" i="10"/>
  <c r="G3316" i="10"/>
  <c r="G3317" i="10"/>
  <c r="G3318" i="10"/>
  <c r="G3319" i="10"/>
  <c r="G3320" i="10"/>
  <c r="G3321" i="10"/>
  <c r="G3322" i="10"/>
  <c r="G3323" i="10"/>
  <c r="G3324" i="10"/>
  <c r="G3325" i="10"/>
  <c r="G3326" i="10"/>
  <c r="G3327" i="10"/>
  <c r="G3328" i="10"/>
  <c r="G3329" i="10"/>
  <c r="G3330" i="10"/>
  <c r="G3331" i="10"/>
  <c r="G3332" i="10"/>
  <c r="G3333" i="10"/>
  <c r="G3334" i="10"/>
  <c r="G3335" i="10"/>
  <c r="G3336" i="10"/>
  <c r="G3337" i="10"/>
  <c r="G3338" i="10"/>
  <c r="G3339" i="10"/>
  <c r="G3340" i="10"/>
  <c r="G3341" i="10"/>
  <c r="G3342" i="10"/>
  <c r="G3343" i="10"/>
  <c r="G3344" i="10"/>
  <c r="G3345" i="10"/>
  <c r="G3346" i="10"/>
  <c r="G3347" i="10"/>
  <c r="G3348" i="10"/>
  <c r="G3349" i="10"/>
  <c r="G3350" i="10"/>
  <c r="G3351" i="10"/>
  <c r="G3352" i="10"/>
  <c r="G3353" i="10"/>
  <c r="G3354" i="10"/>
  <c r="G3355" i="10"/>
  <c r="G3356" i="10"/>
  <c r="G3357" i="10"/>
  <c r="G3358" i="10"/>
  <c r="G3359" i="10"/>
  <c r="G3360" i="10"/>
  <c r="G3361" i="10"/>
  <c r="G3362" i="10"/>
  <c r="G3363" i="10"/>
  <c r="G3364" i="10"/>
  <c r="G3365" i="10"/>
  <c r="G3366" i="10"/>
  <c r="G3367" i="10"/>
  <c r="G3368" i="10"/>
  <c r="G3369" i="10"/>
  <c r="G3370" i="10"/>
  <c r="G3371" i="10"/>
  <c r="G3372" i="10"/>
  <c r="G3373" i="10"/>
  <c r="G3374" i="10"/>
  <c r="G3375" i="10"/>
  <c r="G3376" i="10"/>
  <c r="G3377" i="10"/>
  <c r="G3378" i="10"/>
  <c r="G3379" i="10"/>
  <c r="G3380" i="10"/>
  <c r="G3381" i="10"/>
  <c r="G3382" i="10"/>
  <c r="G3383" i="10"/>
  <c r="G3384" i="10"/>
  <c r="G3385" i="10"/>
  <c r="G3386" i="10"/>
  <c r="G3387" i="10"/>
  <c r="G3388" i="10"/>
  <c r="G3389" i="10"/>
  <c r="G3390" i="10"/>
  <c r="G3391" i="10"/>
  <c r="G3392" i="10"/>
  <c r="G3393" i="10"/>
  <c r="G3394" i="10"/>
  <c r="G3395" i="10"/>
  <c r="G3396" i="10"/>
  <c r="G3397" i="10"/>
  <c r="G3398" i="10"/>
  <c r="G3399" i="10"/>
  <c r="G3400" i="10"/>
  <c r="G3401" i="10"/>
  <c r="G3402" i="10"/>
  <c r="G3403" i="10"/>
  <c r="G3404" i="10"/>
  <c r="G3405" i="10"/>
  <c r="G3406" i="10"/>
  <c r="G3407" i="10"/>
  <c r="G3408" i="10"/>
  <c r="G3409" i="10"/>
  <c r="G3410" i="10"/>
  <c r="G3411" i="10"/>
  <c r="G3412" i="10"/>
  <c r="G3413" i="10"/>
  <c r="G3414" i="10"/>
  <c r="G3415" i="10"/>
  <c r="G3416" i="10"/>
  <c r="G3417" i="10"/>
  <c r="G3418" i="10"/>
  <c r="G3419" i="10"/>
  <c r="G3420" i="10"/>
  <c r="G3421" i="10"/>
  <c r="G3422" i="10"/>
  <c r="G3423" i="10"/>
  <c r="G3424" i="10"/>
  <c r="G3425" i="10"/>
  <c r="G3426" i="10"/>
  <c r="G3427" i="10"/>
  <c r="G3428" i="10"/>
  <c r="G3429" i="10"/>
  <c r="G3430" i="10"/>
  <c r="G3431" i="10"/>
  <c r="G3432" i="10"/>
  <c r="G3433" i="10"/>
  <c r="G3434" i="10"/>
  <c r="G3435" i="10"/>
  <c r="G3436" i="10"/>
  <c r="G3437" i="10"/>
  <c r="G3438" i="10"/>
  <c r="G3439" i="10"/>
  <c r="G3440" i="10"/>
  <c r="G3441" i="10"/>
  <c r="G3442" i="10"/>
  <c r="G3443" i="10"/>
  <c r="G3444" i="10"/>
  <c r="G3445" i="10"/>
  <c r="G3446" i="10"/>
  <c r="G3447" i="10"/>
  <c r="G3448" i="10"/>
  <c r="G3449" i="10"/>
  <c r="G3450" i="10"/>
  <c r="G3451" i="10"/>
  <c r="G3452" i="10"/>
  <c r="G3453" i="10"/>
  <c r="G3454" i="10"/>
  <c r="G3455" i="10"/>
  <c r="G3456" i="10"/>
  <c r="G3457" i="10"/>
  <c r="G3458" i="10"/>
  <c r="G3459" i="10"/>
  <c r="G3460" i="10"/>
  <c r="G3461" i="10"/>
  <c r="G3462" i="10"/>
  <c r="G3463" i="10"/>
  <c r="G3464" i="10"/>
  <c r="G3465" i="10"/>
  <c r="G3466" i="10"/>
  <c r="G3467" i="10"/>
  <c r="G3468" i="10"/>
  <c r="G3469" i="10"/>
  <c r="G3470" i="10"/>
  <c r="G3471" i="10"/>
  <c r="G3472" i="10"/>
  <c r="G3473" i="10"/>
  <c r="G3474" i="10"/>
  <c r="G3475" i="10"/>
  <c r="G3476" i="10"/>
  <c r="G3477" i="10"/>
  <c r="G3478" i="10"/>
  <c r="G3479" i="10"/>
  <c r="G3480" i="10"/>
  <c r="G3481" i="10"/>
  <c r="G3482" i="10"/>
  <c r="G3483" i="10"/>
  <c r="G3484" i="10"/>
  <c r="G3485" i="10"/>
  <c r="G3486" i="10"/>
  <c r="G3487" i="10"/>
  <c r="G3488" i="10"/>
  <c r="G3489" i="10"/>
  <c r="G3490" i="10"/>
  <c r="G3491" i="10"/>
  <c r="G3492" i="10"/>
  <c r="G3493" i="10"/>
  <c r="G3494" i="10"/>
  <c r="G3495" i="10"/>
  <c r="G3496" i="10"/>
  <c r="G3497" i="10"/>
  <c r="G3498" i="10"/>
  <c r="G3499" i="10"/>
  <c r="G3500" i="10"/>
  <c r="G3501" i="10"/>
  <c r="G3502" i="10"/>
  <c r="G3503" i="10"/>
  <c r="G3504" i="10"/>
  <c r="G3505" i="10"/>
  <c r="G3506" i="10"/>
  <c r="G3507" i="10"/>
  <c r="G3508" i="10"/>
  <c r="G3509" i="10"/>
  <c r="G3510" i="10"/>
  <c r="G3511" i="10"/>
  <c r="G3512" i="10"/>
  <c r="G3513" i="10"/>
  <c r="G3514" i="10"/>
  <c r="G3515" i="10"/>
  <c r="G3516" i="10"/>
  <c r="G3517" i="10"/>
  <c r="G3518" i="10"/>
  <c r="G3519" i="10"/>
  <c r="G3520" i="10"/>
  <c r="G3521" i="10"/>
  <c r="G3522" i="10"/>
  <c r="G3523" i="10"/>
  <c r="G3524" i="10"/>
  <c r="G3525" i="10"/>
  <c r="G3526" i="10"/>
  <c r="G3527" i="10"/>
  <c r="G3528" i="10"/>
  <c r="G3529" i="10"/>
  <c r="G3530" i="10"/>
  <c r="G3531" i="10"/>
  <c r="G3532" i="10"/>
  <c r="G3533" i="10"/>
  <c r="G3534" i="10"/>
  <c r="G3535" i="10"/>
  <c r="G3536" i="10"/>
  <c r="G3537" i="10"/>
  <c r="G3538" i="10"/>
  <c r="G3539" i="10"/>
  <c r="G3540" i="10"/>
  <c r="G3541" i="10"/>
  <c r="G3542" i="10"/>
  <c r="G3543" i="10"/>
  <c r="G3544" i="10"/>
  <c r="G3545" i="10"/>
  <c r="G3546" i="10"/>
  <c r="G3547" i="10"/>
  <c r="G3548" i="10"/>
  <c r="G3549" i="10"/>
  <c r="G3550" i="10"/>
  <c r="G3551" i="10"/>
  <c r="G3552" i="10"/>
  <c r="G3553" i="10"/>
  <c r="G3554" i="10"/>
  <c r="G3555" i="10"/>
  <c r="G3556" i="10"/>
  <c r="G3557" i="10"/>
  <c r="G3558" i="10"/>
  <c r="G3559" i="10"/>
  <c r="G3560" i="10"/>
  <c r="G3561" i="10"/>
  <c r="G3562" i="10"/>
  <c r="G3563" i="10"/>
  <c r="G3564" i="10"/>
  <c r="G3565" i="10"/>
  <c r="G3566" i="10"/>
  <c r="G3567" i="10"/>
  <c r="G3568" i="10"/>
  <c r="G3569" i="10"/>
  <c r="G3570" i="10"/>
  <c r="G3571" i="10"/>
  <c r="G3572" i="10"/>
  <c r="G3573" i="10"/>
  <c r="G3574" i="10"/>
  <c r="G3575" i="10"/>
  <c r="G3576" i="10"/>
  <c r="G3577" i="10"/>
  <c r="G3578" i="10"/>
  <c r="G3579" i="10"/>
  <c r="G3580" i="10"/>
  <c r="G3581" i="10"/>
  <c r="G3582" i="10"/>
  <c r="G3583" i="10"/>
  <c r="G3584" i="10"/>
  <c r="G3585" i="10"/>
  <c r="G3586" i="10"/>
  <c r="G3587" i="10"/>
  <c r="G3588" i="10"/>
  <c r="G3589" i="10"/>
  <c r="G3590" i="10"/>
  <c r="G3591" i="10"/>
  <c r="G3592" i="10"/>
  <c r="G3593" i="10"/>
  <c r="G3594" i="10"/>
  <c r="G3595" i="10"/>
  <c r="G3596" i="10"/>
  <c r="G3597" i="10"/>
  <c r="G3598" i="10"/>
  <c r="G3599" i="10"/>
  <c r="G3600" i="10"/>
  <c r="G3601" i="10"/>
  <c r="G3602" i="10"/>
  <c r="G3603" i="10"/>
  <c r="G3604" i="10"/>
  <c r="G3605" i="10"/>
  <c r="G3606" i="10"/>
  <c r="G3607" i="10"/>
  <c r="G3608" i="10"/>
  <c r="G3609" i="10"/>
  <c r="G3610" i="10"/>
  <c r="G3611" i="10"/>
  <c r="G3612" i="10"/>
  <c r="G3613" i="10"/>
  <c r="G3614" i="10"/>
  <c r="G3615" i="10"/>
  <c r="G3616" i="10"/>
  <c r="G3617" i="10"/>
  <c r="G3618" i="10"/>
  <c r="G3619" i="10"/>
  <c r="G3620" i="10"/>
  <c r="G3621" i="10"/>
  <c r="G3622" i="10"/>
  <c r="G3623" i="10"/>
  <c r="G3624" i="10"/>
  <c r="G3625" i="10"/>
  <c r="G3626" i="10"/>
  <c r="G3627" i="10"/>
  <c r="G3628" i="10"/>
  <c r="G3629" i="10"/>
  <c r="G3630" i="10"/>
  <c r="G3631" i="10"/>
  <c r="G3632" i="10"/>
  <c r="G3633" i="10"/>
  <c r="G3634" i="10"/>
  <c r="G3635" i="10"/>
  <c r="G3636" i="10"/>
  <c r="G3637" i="10"/>
  <c r="G3638" i="10"/>
  <c r="G3639" i="10"/>
  <c r="G3640" i="10"/>
  <c r="G3641" i="10"/>
  <c r="G3642" i="10"/>
  <c r="G3643" i="10"/>
  <c r="G3644" i="10"/>
  <c r="G3645" i="10"/>
  <c r="G3646" i="10"/>
  <c r="G3647" i="10"/>
  <c r="G3648" i="10"/>
  <c r="G3649" i="10"/>
  <c r="G3650" i="10"/>
  <c r="G3651" i="10"/>
  <c r="G3652" i="10"/>
  <c r="G3653" i="10"/>
  <c r="G3654" i="10"/>
  <c r="G3655" i="10"/>
  <c r="G3656" i="10"/>
  <c r="G3657" i="10"/>
  <c r="G3658" i="10"/>
  <c r="G3659" i="10"/>
  <c r="G3660" i="10"/>
  <c r="G3661" i="10"/>
  <c r="G3662" i="10"/>
  <c r="G3663" i="10"/>
  <c r="G3664" i="10"/>
  <c r="G3665" i="10"/>
  <c r="G3666" i="10"/>
  <c r="G3667" i="10"/>
  <c r="G3668" i="10"/>
  <c r="G3669" i="10"/>
  <c r="G3670" i="10"/>
  <c r="G3671" i="10"/>
  <c r="G3672" i="10"/>
  <c r="G3673" i="10"/>
  <c r="G3674" i="10"/>
  <c r="G3675" i="10"/>
  <c r="G3676" i="10"/>
  <c r="G3677" i="10"/>
  <c r="G3678" i="10"/>
  <c r="G3679" i="10"/>
  <c r="G3680" i="10"/>
  <c r="G3681" i="10"/>
  <c r="G3682" i="10"/>
  <c r="G3683" i="10"/>
  <c r="G3684" i="10"/>
  <c r="G3685" i="10"/>
  <c r="G3686" i="10"/>
  <c r="G3687" i="10"/>
  <c r="G3688" i="10"/>
  <c r="G3689" i="10"/>
  <c r="G3690" i="10"/>
  <c r="G3691" i="10"/>
  <c r="G3692" i="10"/>
  <c r="G3693" i="10"/>
  <c r="G3694" i="10"/>
  <c r="G3695" i="10"/>
  <c r="G3696" i="10"/>
  <c r="G3697" i="10"/>
  <c r="G3698" i="10"/>
  <c r="G3699" i="10"/>
  <c r="G3700" i="10"/>
  <c r="G3701" i="10"/>
  <c r="G3702" i="10"/>
  <c r="G3703" i="10"/>
  <c r="G3704" i="10"/>
  <c r="G3705" i="10"/>
  <c r="G3706" i="10"/>
  <c r="G3707" i="10"/>
  <c r="G3708" i="10"/>
  <c r="G3709" i="10"/>
  <c r="G3710" i="10"/>
  <c r="G3711" i="10"/>
  <c r="G3712" i="10"/>
  <c r="G3713" i="10"/>
  <c r="G3714" i="10"/>
  <c r="G3715" i="10"/>
  <c r="G3716" i="10"/>
  <c r="G3717" i="10"/>
  <c r="G3718" i="10"/>
  <c r="G3719" i="10"/>
  <c r="G3720" i="10"/>
  <c r="G3721" i="10"/>
  <c r="G3722" i="10"/>
  <c r="G3723" i="10"/>
  <c r="G3724" i="10"/>
  <c r="G3725" i="10"/>
  <c r="G3726" i="10"/>
  <c r="G3727" i="10"/>
  <c r="G3728" i="10"/>
  <c r="G3729" i="10"/>
  <c r="G3730" i="10"/>
  <c r="G3731" i="10"/>
  <c r="G3732" i="10"/>
  <c r="G3733" i="10"/>
  <c r="G3734" i="10"/>
  <c r="G3735" i="10"/>
  <c r="G3736" i="10"/>
  <c r="G3737" i="10"/>
  <c r="G3738" i="10"/>
  <c r="G3739" i="10"/>
  <c r="G3740" i="10"/>
  <c r="G3741" i="10"/>
  <c r="G3742" i="10"/>
  <c r="G3743" i="10"/>
  <c r="G3744" i="10"/>
  <c r="G3745" i="10"/>
  <c r="G3746" i="10"/>
  <c r="G3747" i="10"/>
  <c r="G3748" i="10"/>
  <c r="G3749" i="10"/>
  <c r="G3750" i="10"/>
  <c r="G3751" i="10"/>
  <c r="G3752" i="10"/>
  <c r="G3753" i="10"/>
  <c r="G3754" i="10"/>
  <c r="G3755" i="10"/>
  <c r="G3756" i="10"/>
  <c r="G3757" i="10"/>
  <c r="G3758" i="10"/>
  <c r="G3759" i="10"/>
  <c r="G3760" i="10"/>
  <c r="G3761" i="10"/>
  <c r="G3762" i="10"/>
  <c r="G3763" i="10"/>
  <c r="G3764" i="10"/>
  <c r="G3765" i="10"/>
  <c r="G3766" i="10"/>
  <c r="G3767" i="10"/>
  <c r="G3768" i="10"/>
  <c r="G3769" i="10"/>
  <c r="G3770" i="10"/>
  <c r="G3771" i="10"/>
  <c r="G3772" i="10"/>
  <c r="G3773" i="10"/>
  <c r="G3774" i="10"/>
  <c r="G3775" i="10"/>
  <c r="G3776" i="10"/>
  <c r="G3777" i="10"/>
  <c r="G3778" i="10"/>
  <c r="G3779" i="10"/>
  <c r="G3780" i="10"/>
  <c r="G3781" i="10"/>
  <c r="G3782" i="10"/>
  <c r="G3783" i="10"/>
  <c r="G3784" i="10"/>
  <c r="G3785" i="10"/>
  <c r="G3786" i="10"/>
  <c r="G3787" i="10"/>
  <c r="G3788" i="10"/>
  <c r="G3789" i="10"/>
  <c r="G3790" i="10"/>
  <c r="G3791" i="10"/>
  <c r="G3792" i="10"/>
  <c r="G3793" i="10"/>
  <c r="G3794" i="10"/>
  <c r="G3795" i="10"/>
  <c r="G3796" i="10"/>
  <c r="G3797" i="10"/>
  <c r="G3798" i="10"/>
  <c r="G3799" i="10"/>
  <c r="G3800" i="10"/>
  <c r="G3801" i="10"/>
  <c r="G3802" i="10"/>
  <c r="G3803" i="10"/>
  <c r="G3804" i="10"/>
  <c r="G3805" i="10"/>
  <c r="G3806" i="10"/>
  <c r="G3807" i="10"/>
  <c r="G3808" i="10"/>
  <c r="G3809" i="10"/>
  <c r="G3810" i="10"/>
  <c r="G3811" i="10"/>
  <c r="G3812" i="10"/>
  <c r="G3813" i="10"/>
  <c r="G3814" i="10"/>
  <c r="G3815" i="10"/>
  <c r="G3816" i="10"/>
  <c r="G3817" i="10"/>
  <c r="G3818" i="10"/>
  <c r="G3819" i="10"/>
  <c r="G3820" i="10"/>
  <c r="G3821" i="10"/>
  <c r="G3822" i="10"/>
  <c r="G3823" i="10"/>
  <c r="G3824" i="10"/>
  <c r="G3825" i="10"/>
  <c r="G3826" i="10"/>
  <c r="G3827" i="10"/>
  <c r="G3828" i="10"/>
  <c r="G3829" i="10"/>
  <c r="G3830" i="10"/>
  <c r="G3831" i="10"/>
  <c r="G3832" i="10"/>
  <c r="G3833" i="10"/>
  <c r="G3834" i="10"/>
  <c r="G3835" i="10"/>
  <c r="G3836" i="10"/>
  <c r="G3837" i="10"/>
  <c r="G3838" i="10"/>
  <c r="G3839" i="10"/>
  <c r="G3840" i="10"/>
  <c r="G3841" i="10"/>
  <c r="G3842" i="10"/>
  <c r="G3843" i="10"/>
  <c r="G3844" i="10"/>
  <c r="G3845" i="10"/>
  <c r="G3846" i="10"/>
  <c r="G3847" i="10"/>
  <c r="G3848" i="10"/>
  <c r="G3849" i="10"/>
  <c r="G3850" i="10"/>
  <c r="G3851" i="10"/>
  <c r="G3852" i="10"/>
  <c r="G3853" i="10"/>
  <c r="G3854" i="10"/>
  <c r="G3855" i="10"/>
  <c r="G3856" i="10"/>
  <c r="G3857" i="10"/>
  <c r="G3858" i="10"/>
  <c r="G3859" i="10"/>
  <c r="G3860" i="10"/>
  <c r="G3861" i="10"/>
  <c r="G3862" i="10"/>
  <c r="G3863" i="10"/>
  <c r="G3864" i="10"/>
  <c r="G3865" i="10"/>
  <c r="G3866" i="10"/>
  <c r="G3867" i="10"/>
  <c r="G3868" i="10"/>
  <c r="G3869" i="10"/>
  <c r="G3870" i="10"/>
  <c r="G3871" i="10"/>
  <c r="G3872" i="10"/>
  <c r="G3873" i="10"/>
  <c r="G3874" i="10"/>
  <c r="G3875" i="10"/>
  <c r="G3876" i="10"/>
  <c r="G3877" i="10"/>
  <c r="G3878" i="10"/>
  <c r="G3879" i="10"/>
  <c r="G3880" i="10"/>
  <c r="G3881" i="10"/>
  <c r="G3882" i="10"/>
  <c r="G3883" i="10"/>
  <c r="G3884" i="10"/>
  <c r="G3885" i="10"/>
  <c r="G3886" i="10"/>
  <c r="G3887" i="10"/>
  <c r="G3888" i="10"/>
  <c r="G3889" i="10"/>
  <c r="G3890" i="10"/>
  <c r="G3891" i="10"/>
  <c r="G3892" i="10"/>
  <c r="G3893" i="10"/>
  <c r="G3894" i="10"/>
  <c r="G3895" i="10"/>
  <c r="G3896" i="10"/>
  <c r="G3897" i="10"/>
  <c r="G3898" i="10"/>
  <c r="G3899" i="10"/>
  <c r="G3900" i="10"/>
  <c r="G3901" i="10"/>
  <c r="G3902" i="10"/>
  <c r="G3903" i="10"/>
  <c r="G3904" i="10"/>
  <c r="G3905" i="10"/>
  <c r="G3906" i="10"/>
  <c r="G3907" i="10"/>
  <c r="G3908" i="10"/>
  <c r="G3909" i="10"/>
  <c r="G3910" i="10"/>
  <c r="G3911" i="10"/>
  <c r="G3912" i="10"/>
  <c r="G3913" i="10"/>
  <c r="G3914" i="10"/>
  <c r="G3915" i="10"/>
  <c r="G3916" i="10"/>
  <c r="G3917" i="10"/>
  <c r="G3918" i="10"/>
  <c r="G3919" i="10"/>
  <c r="G3920" i="10"/>
  <c r="G3921" i="10"/>
  <c r="G3922" i="10"/>
  <c r="G3923" i="10"/>
  <c r="G3924" i="10"/>
  <c r="G3925" i="10"/>
  <c r="G3926" i="10"/>
  <c r="G3927" i="10"/>
  <c r="G3928" i="10"/>
  <c r="G3929" i="10"/>
  <c r="G3930" i="10"/>
  <c r="G3931" i="10"/>
  <c r="G3932" i="10"/>
  <c r="G3933" i="10"/>
  <c r="G3934" i="10"/>
  <c r="G3935" i="10"/>
  <c r="G3936" i="10"/>
  <c r="G3937" i="10"/>
  <c r="G3938" i="10"/>
  <c r="G3939" i="10"/>
  <c r="G3940" i="10"/>
  <c r="G3941" i="10"/>
  <c r="G3942" i="10"/>
  <c r="G3943" i="10"/>
  <c r="G3944" i="10"/>
  <c r="G3945" i="10"/>
  <c r="G3946" i="10"/>
  <c r="G3947" i="10"/>
  <c r="G3948" i="10"/>
  <c r="G3949" i="10"/>
  <c r="G3950" i="10"/>
  <c r="G3951" i="10"/>
  <c r="G3952" i="10"/>
  <c r="G3953" i="10"/>
  <c r="G3954" i="10"/>
  <c r="G3955" i="10"/>
  <c r="G3956" i="10"/>
  <c r="G3957" i="10"/>
  <c r="G3958" i="10"/>
  <c r="G3959" i="10"/>
  <c r="G3960" i="10"/>
  <c r="G3961" i="10"/>
  <c r="G3962" i="10"/>
  <c r="G3963" i="10"/>
  <c r="G3964" i="10"/>
  <c r="G3965" i="10"/>
  <c r="G3966" i="10"/>
  <c r="G3967" i="10"/>
  <c r="G3968" i="10"/>
  <c r="G3969" i="10"/>
  <c r="G3970" i="10"/>
  <c r="G3971" i="10"/>
  <c r="G3972" i="10"/>
  <c r="G3973" i="10"/>
  <c r="G3974" i="10"/>
  <c r="G3975" i="10"/>
  <c r="G3976" i="10"/>
  <c r="G3977" i="10"/>
  <c r="G3978" i="10"/>
  <c r="G3979" i="10"/>
  <c r="G3980" i="10"/>
  <c r="G3981" i="10"/>
  <c r="G3982" i="10"/>
  <c r="G3983" i="10"/>
  <c r="G3984" i="10"/>
  <c r="G3985" i="10"/>
  <c r="G3986" i="10"/>
  <c r="G3987" i="10"/>
  <c r="G3988" i="10"/>
  <c r="G3989" i="10"/>
  <c r="G3990" i="10"/>
  <c r="G3991" i="10"/>
  <c r="G3992" i="10"/>
  <c r="G3993" i="10"/>
  <c r="G3994" i="10"/>
  <c r="G3995" i="10"/>
  <c r="G3996" i="10"/>
  <c r="G3997" i="10"/>
  <c r="G3998" i="10"/>
  <c r="G3999" i="10"/>
  <c r="G4000" i="10"/>
  <c r="G4001" i="10"/>
  <c r="G4002" i="10"/>
  <c r="G4003" i="10"/>
  <c r="G4004" i="10"/>
  <c r="G4005" i="10"/>
  <c r="G4006" i="10"/>
  <c r="G4007" i="10"/>
  <c r="G4008" i="10"/>
  <c r="G4009" i="10"/>
  <c r="G4010" i="10"/>
  <c r="G4011" i="10"/>
  <c r="G4012" i="10"/>
  <c r="G4013" i="10"/>
  <c r="G4014" i="10"/>
  <c r="G4015" i="10"/>
  <c r="G4016" i="10"/>
  <c r="G4017" i="10"/>
  <c r="G4018" i="10"/>
  <c r="G4019" i="10"/>
  <c r="G4020" i="10"/>
  <c r="G4021" i="10"/>
  <c r="G4022" i="10"/>
  <c r="G4023" i="10"/>
  <c r="G4024" i="10"/>
  <c r="G4025" i="10"/>
  <c r="G4026" i="10"/>
  <c r="G4027" i="10"/>
  <c r="G4028" i="10"/>
  <c r="G4029" i="10"/>
  <c r="G4030" i="10"/>
  <c r="G4031" i="10"/>
  <c r="G4032" i="10"/>
  <c r="G4033" i="10"/>
  <c r="G4034" i="10"/>
  <c r="G4035" i="10"/>
  <c r="G4036" i="10"/>
  <c r="G4037" i="10"/>
  <c r="G4038" i="10"/>
  <c r="G4039" i="10"/>
  <c r="G4040" i="10"/>
  <c r="G4041" i="10"/>
  <c r="G4042" i="10"/>
  <c r="G4043" i="10"/>
  <c r="G4044" i="10"/>
  <c r="G4045" i="10"/>
  <c r="G4046" i="10"/>
  <c r="G4047" i="10"/>
  <c r="G4048" i="10"/>
  <c r="G4049" i="10"/>
  <c r="G4050" i="10"/>
  <c r="G4051" i="10"/>
  <c r="G4052" i="10"/>
  <c r="G4053" i="10"/>
  <c r="G4054" i="10"/>
  <c r="G4055" i="10"/>
  <c r="G4056" i="10"/>
  <c r="G4057" i="10"/>
  <c r="G4058" i="10"/>
  <c r="G4059" i="10"/>
  <c r="G4060" i="10"/>
  <c r="G4061" i="10"/>
  <c r="G4062" i="10"/>
  <c r="G4063" i="10"/>
  <c r="G4064" i="10"/>
  <c r="G4065" i="10"/>
  <c r="G4066" i="10"/>
  <c r="G4067" i="10"/>
  <c r="G4068" i="10"/>
  <c r="G4069" i="10"/>
  <c r="G4070" i="10"/>
  <c r="G4071" i="10"/>
  <c r="G4072" i="10"/>
  <c r="G4073" i="10"/>
  <c r="G4074" i="10"/>
  <c r="G4075" i="10"/>
  <c r="G4076" i="10"/>
  <c r="G4077" i="10"/>
  <c r="G4078" i="10"/>
  <c r="G4079" i="10"/>
  <c r="G4080" i="10"/>
  <c r="G4081" i="10"/>
  <c r="G4082" i="10"/>
  <c r="G4083" i="10"/>
  <c r="G4084" i="10"/>
  <c r="G4085" i="10"/>
  <c r="G4086" i="10"/>
  <c r="G4087" i="10"/>
  <c r="G4088" i="10"/>
  <c r="G4089" i="10"/>
  <c r="G4090" i="10"/>
  <c r="G4091" i="10"/>
  <c r="G4092" i="10"/>
  <c r="G4093" i="10"/>
  <c r="G4094" i="10"/>
  <c r="G4095" i="10"/>
  <c r="G4096" i="10"/>
  <c r="G4097" i="10"/>
  <c r="G4098" i="10"/>
  <c r="G4099" i="10"/>
  <c r="G4100" i="10"/>
  <c r="G4101" i="10"/>
  <c r="G4102" i="10"/>
  <c r="G4103" i="10"/>
  <c r="G4104" i="10"/>
  <c r="G4105" i="10"/>
  <c r="G4106" i="10"/>
  <c r="G4107" i="10"/>
  <c r="G4108" i="10"/>
  <c r="G4109" i="10"/>
  <c r="G4110" i="10"/>
  <c r="G4111" i="10"/>
  <c r="G4112" i="10"/>
  <c r="G4113" i="10"/>
  <c r="G4114" i="10"/>
  <c r="G4115" i="10"/>
  <c r="G4116" i="10"/>
  <c r="G4117" i="10"/>
  <c r="G4118" i="10"/>
  <c r="G4119" i="10"/>
  <c r="G4120" i="10"/>
  <c r="G4121" i="10"/>
  <c r="G4122" i="10"/>
  <c r="G4123" i="10"/>
  <c r="G4124" i="10"/>
  <c r="G4125" i="10"/>
  <c r="G4126" i="10"/>
  <c r="G4127" i="10"/>
  <c r="G4128" i="10"/>
  <c r="G4129" i="10"/>
  <c r="G4130" i="10"/>
  <c r="G4131" i="10"/>
  <c r="G4132" i="10"/>
  <c r="G4133" i="10"/>
  <c r="G4134" i="10"/>
  <c r="G4135" i="10"/>
  <c r="G4136" i="10"/>
  <c r="G4137" i="10"/>
  <c r="G4138" i="10"/>
  <c r="G4139" i="10"/>
  <c r="G4140" i="10"/>
  <c r="G4141" i="10"/>
  <c r="G4142" i="10"/>
  <c r="G4143" i="10"/>
  <c r="G4144" i="10"/>
  <c r="G4145" i="10"/>
  <c r="G4146" i="10"/>
  <c r="G4147" i="10"/>
  <c r="G4148" i="10"/>
  <c r="G4149" i="10"/>
  <c r="G4150" i="10"/>
  <c r="G4151" i="10"/>
  <c r="G4152" i="10"/>
  <c r="G4153" i="10"/>
  <c r="G4154" i="10"/>
  <c r="G4155" i="10"/>
  <c r="G4156" i="10"/>
  <c r="G4157" i="10"/>
  <c r="G4158" i="10"/>
  <c r="G4159" i="10"/>
  <c r="G4160" i="10"/>
  <c r="G4161" i="10"/>
  <c r="G4162" i="10"/>
  <c r="G4163" i="10"/>
  <c r="G4164" i="10"/>
  <c r="G4165" i="10"/>
  <c r="G4166" i="10"/>
  <c r="G4167" i="10"/>
  <c r="G4168" i="10"/>
  <c r="G4169" i="10"/>
  <c r="G4170" i="10"/>
  <c r="G4171" i="10"/>
  <c r="G4172" i="10"/>
  <c r="G4173" i="10"/>
  <c r="G4174" i="10"/>
  <c r="G4175" i="10"/>
  <c r="G4176" i="10"/>
  <c r="G4177" i="10"/>
  <c r="G4178" i="10"/>
  <c r="G4179" i="10"/>
  <c r="G4180" i="10"/>
  <c r="G4181" i="10"/>
  <c r="G4182" i="10"/>
  <c r="G4183" i="10"/>
  <c r="G4184" i="10"/>
  <c r="G4185" i="10"/>
  <c r="G4186" i="10"/>
  <c r="G4187" i="10"/>
  <c r="G4188" i="10"/>
  <c r="G4189" i="10"/>
  <c r="G4190" i="10"/>
  <c r="G4191" i="10"/>
  <c r="G4192" i="10"/>
  <c r="G4193" i="10"/>
  <c r="G4194" i="10"/>
  <c r="G4195" i="10"/>
  <c r="G4196" i="10"/>
  <c r="G4197" i="10"/>
  <c r="G4198" i="10"/>
  <c r="G4199" i="10"/>
  <c r="G4200" i="10"/>
  <c r="G4201" i="10"/>
  <c r="G4202" i="10"/>
  <c r="G4203" i="10"/>
  <c r="G4204" i="10"/>
  <c r="G4205" i="10"/>
  <c r="G4206" i="10"/>
  <c r="G4207" i="10"/>
  <c r="G4208" i="10"/>
  <c r="G4209" i="10"/>
  <c r="G4210" i="10"/>
  <c r="G4211" i="10"/>
  <c r="G4212" i="10"/>
  <c r="G4213" i="10"/>
  <c r="G4214" i="10"/>
  <c r="G4215" i="10"/>
  <c r="G4216" i="10"/>
  <c r="G4217" i="10"/>
  <c r="G4218" i="10"/>
  <c r="G4219" i="10"/>
  <c r="G4220" i="10"/>
  <c r="G4221" i="10"/>
  <c r="G4222" i="10"/>
  <c r="G4223" i="10"/>
  <c r="G4224" i="10"/>
  <c r="G4225" i="10"/>
  <c r="G4226" i="10"/>
  <c r="G4227" i="10"/>
  <c r="G4228" i="10"/>
  <c r="G4229" i="10"/>
  <c r="G4230" i="10"/>
  <c r="G4231" i="10"/>
  <c r="G4232" i="10"/>
  <c r="G4233" i="10"/>
  <c r="G4234" i="10"/>
  <c r="G4235" i="10"/>
  <c r="G4236" i="10"/>
  <c r="G4237" i="10"/>
  <c r="G4238" i="10"/>
  <c r="G4239" i="10"/>
  <c r="G4240" i="10"/>
  <c r="G4241" i="10"/>
  <c r="G4242" i="10"/>
  <c r="G4243" i="10"/>
  <c r="G4244" i="10"/>
  <c r="G4245" i="10"/>
  <c r="G4246" i="10"/>
  <c r="G4247" i="10"/>
  <c r="G4248" i="10"/>
  <c r="G4249" i="10"/>
  <c r="G4250" i="10"/>
  <c r="G4251" i="10"/>
  <c r="G4252" i="10"/>
  <c r="G4253" i="10"/>
  <c r="G4254" i="10"/>
  <c r="G4255" i="10"/>
  <c r="G4256" i="10"/>
  <c r="G4257" i="10"/>
  <c r="G4258" i="10"/>
  <c r="G4259" i="10"/>
  <c r="G4260" i="10"/>
  <c r="G4261" i="10"/>
  <c r="G4262" i="10"/>
  <c r="G4263" i="10"/>
  <c r="G4264" i="10"/>
  <c r="G4265" i="10"/>
  <c r="G4266" i="10"/>
  <c r="G4267" i="10"/>
  <c r="G4268" i="10"/>
  <c r="G4269" i="10"/>
  <c r="G4270" i="10"/>
  <c r="G4271" i="10"/>
  <c r="G4272" i="10"/>
  <c r="G4273" i="10"/>
  <c r="G4274" i="10"/>
  <c r="G4275" i="10"/>
  <c r="G4276" i="10"/>
  <c r="G4277" i="10"/>
  <c r="G4278" i="10"/>
  <c r="G4279" i="10"/>
  <c r="G4280" i="10"/>
  <c r="G4281" i="10"/>
  <c r="G4282" i="10"/>
  <c r="G4283" i="10"/>
  <c r="G4284" i="10"/>
  <c r="G4285" i="10"/>
  <c r="G4286" i="10"/>
  <c r="G4287" i="10"/>
  <c r="G4288" i="10"/>
  <c r="G4289" i="10"/>
  <c r="G4290" i="10"/>
  <c r="G4291" i="10"/>
  <c r="G4292" i="10"/>
  <c r="G4293" i="10"/>
  <c r="G4294" i="10"/>
  <c r="G4295" i="10"/>
  <c r="G4296" i="10"/>
  <c r="G4297" i="10"/>
  <c r="G4298" i="10"/>
  <c r="G4299" i="10"/>
  <c r="G4300" i="10"/>
  <c r="G4301" i="10"/>
  <c r="G4302" i="10"/>
  <c r="G4303" i="10"/>
  <c r="G4304" i="10"/>
  <c r="G4305" i="10"/>
  <c r="G4306" i="10"/>
  <c r="G4307" i="10"/>
  <c r="G4308" i="10"/>
  <c r="G4309" i="10"/>
  <c r="G4310" i="10"/>
  <c r="G4311" i="10"/>
  <c r="G4312" i="10"/>
  <c r="G4313" i="10"/>
  <c r="G4314" i="10"/>
  <c r="G4315" i="10"/>
  <c r="G4316" i="10"/>
  <c r="G4317" i="10"/>
  <c r="G4318" i="10"/>
  <c r="G4319" i="10"/>
  <c r="G4320" i="10"/>
  <c r="G4321" i="10"/>
  <c r="G4322" i="10"/>
  <c r="G4323" i="10"/>
  <c r="G4324" i="10"/>
  <c r="G4325" i="10"/>
  <c r="G4326" i="10"/>
  <c r="G4327" i="10"/>
  <c r="G4328" i="10"/>
  <c r="G4329" i="10"/>
  <c r="G4330" i="10"/>
  <c r="G4331" i="10"/>
  <c r="G4332" i="10"/>
  <c r="G4333" i="10"/>
  <c r="G4334" i="10"/>
  <c r="G4335" i="10"/>
  <c r="G4336" i="10"/>
  <c r="G4337" i="10"/>
  <c r="G4338" i="10"/>
  <c r="G4339" i="10"/>
  <c r="G4340" i="10"/>
  <c r="G4341" i="10"/>
  <c r="G4342" i="10"/>
  <c r="G4343" i="10"/>
  <c r="G4344" i="10"/>
  <c r="G4345" i="10"/>
  <c r="G4346" i="10"/>
  <c r="G4347" i="10"/>
  <c r="G4348" i="10"/>
  <c r="G4349" i="10"/>
  <c r="G4350" i="10"/>
  <c r="G4351" i="10"/>
  <c r="G4352" i="10"/>
  <c r="G4353" i="10"/>
  <c r="G4354" i="10"/>
  <c r="G4355" i="10"/>
  <c r="G4356" i="10"/>
  <c r="G4357" i="10"/>
  <c r="G4358" i="10"/>
  <c r="G4359" i="10"/>
  <c r="G4360" i="10"/>
  <c r="G4361" i="10"/>
  <c r="G4362" i="10"/>
  <c r="G4363" i="10"/>
  <c r="G4364" i="10"/>
  <c r="G4365" i="10"/>
  <c r="G4366" i="10"/>
  <c r="G4367" i="10"/>
  <c r="G4368" i="10"/>
  <c r="G4369" i="10"/>
  <c r="G4370" i="10"/>
  <c r="G4371" i="10"/>
  <c r="G4372" i="10"/>
  <c r="G4373" i="10"/>
  <c r="G4374" i="10"/>
  <c r="G4375" i="10"/>
  <c r="G4376" i="10"/>
  <c r="G4377" i="10"/>
  <c r="G4378" i="10"/>
  <c r="G4379" i="10"/>
  <c r="G4380" i="10"/>
  <c r="G4381" i="10"/>
  <c r="G4382" i="10"/>
  <c r="G4383" i="10"/>
  <c r="G4384" i="10"/>
  <c r="G4385" i="10"/>
  <c r="G4386" i="10"/>
  <c r="G4387" i="10"/>
  <c r="G4388" i="10"/>
  <c r="G4389" i="10"/>
  <c r="G4390" i="10"/>
  <c r="G4391" i="10"/>
  <c r="G4392" i="10"/>
  <c r="G4393" i="10"/>
  <c r="G4394" i="10"/>
  <c r="G4395" i="10"/>
  <c r="G4396" i="10"/>
  <c r="G4397" i="10"/>
  <c r="G4398" i="10"/>
  <c r="G4399" i="10"/>
  <c r="G4400" i="10"/>
  <c r="G4401" i="10"/>
  <c r="G4402" i="10"/>
  <c r="G4403" i="10"/>
  <c r="G4404" i="10"/>
  <c r="G4405" i="10"/>
  <c r="G4406" i="10"/>
  <c r="G4407" i="10"/>
  <c r="G4408" i="10"/>
  <c r="G4409" i="10"/>
  <c r="G4410" i="10"/>
  <c r="G4411" i="10"/>
  <c r="G4412" i="10"/>
  <c r="G4413" i="10"/>
  <c r="G4414" i="10"/>
  <c r="G4415" i="10"/>
  <c r="G4416" i="10"/>
  <c r="G4417" i="10"/>
  <c r="G4418" i="10"/>
  <c r="G4419" i="10"/>
  <c r="G4420" i="10"/>
  <c r="G4421" i="10"/>
  <c r="G4422" i="10"/>
  <c r="G4423" i="10"/>
  <c r="G4424" i="10"/>
  <c r="G4425" i="10"/>
  <c r="G4426" i="10"/>
  <c r="G4427" i="10"/>
  <c r="G4428" i="10"/>
  <c r="G4429" i="10"/>
  <c r="G4430" i="10"/>
  <c r="G4431" i="10"/>
  <c r="G4432" i="10"/>
  <c r="G4433" i="10"/>
  <c r="G4434" i="10"/>
  <c r="G4435" i="10"/>
  <c r="G4436" i="10"/>
  <c r="G4437" i="10"/>
  <c r="G4438" i="10"/>
  <c r="G4439" i="10"/>
  <c r="G4440" i="10"/>
  <c r="G4441" i="10"/>
  <c r="G4442" i="10"/>
  <c r="G4443" i="10"/>
  <c r="G4444" i="10"/>
  <c r="G4445" i="10"/>
  <c r="G4446" i="10"/>
  <c r="G4447" i="10"/>
  <c r="G4448" i="10"/>
  <c r="G4449" i="10"/>
  <c r="G4450" i="10"/>
  <c r="G4451" i="10"/>
  <c r="G4452" i="10"/>
  <c r="G4453" i="10"/>
  <c r="G4454" i="10"/>
  <c r="G4455" i="10"/>
  <c r="G4456" i="10"/>
  <c r="G4457" i="10"/>
  <c r="G4458" i="10"/>
  <c r="G4459" i="10"/>
  <c r="G4460" i="10"/>
  <c r="G4461" i="10"/>
  <c r="G4462" i="10"/>
  <c r="G4463" i="10"/>
  <c r="G4464" i="10"/>
  <c r="G4465" i="10"/>
  <c r="G4466" i="10"/>
  <c r="G4467" i="10"/>
  <c r="G4468" i="10"/>
  <c r="G4469" i="10"/>
  <c r="G4470" i="10"/>
  <c r="G4471" i="10"/>
  <c r="G4472" i="10"/>
  <c r="G4473" i="10"/>
  <c r="G4474" i="10"/>
  <c r="G4475" i="10"/>
  <c r="G4476" i="10"/>
  <c r="G4477" i="10"/>
  <c r="G4478" i="10"/>
  <c r="G4479" i="10"/>
  <c r="G4480" i="10"/>
  <c r="G4481" i="10"/>
  <c r="G4482" i="10"/>
  <c r="G4483" i="10"/>
  <c r="G4484" i="10"/>
  <c r="G4485" i="10"/>
  <c r="G4486" i="10"/>
  <c r="G4487" i="10"/>
  <c r="G4488" i="10"/>
  <c r="G4489" i="10"/>
  <c r="G4490" i="10"/>
  <c r="G4491" i="10"/>
  <c r="G4492" i="10"/>
  <c r="G4493" i="10"/>
  <c r="G4494" i="10"/>
  <c r="G4495" i="10"/>
  <c r="G4496" i="10"/>
  <c r="G4497" i="10"/>
  <c r="G4498" i="10"/>
  <c r="G4499" i="10"/>
  <c r="G4500" i="10"/>
  <c r="G4501" i="10"/>
  <c r="G4502" i="10"/>
  <c r="G4503" i="10"/>
  <c r="G4504" i="10"/>
  <c r="G4505" i="10"/>
  <c r="G4506" i="10"/>
  <c r="G4507" i="10"/>
  <c r="G4508" i="10"/>
  <c r="G4509" i="10"/>
  <c r="G4510" i="10"/>
  <c r="G4511" i="10"/>
  <c r="G4512" i="10"/>
  <c r="G4513" i="10"/>
  <c r="G4514" i="10"/>
  <c r="G4515" i="10"/>
  <c r="G4516" i="10"/>
  <c r="G4517" i="10"/>
  <c r="G4518" i="10"/>
  <c r="G4519" i="10"/>
  <c r="G4520" i="10"/>
  <c r="G4521" i="10"/>
  <c r="G4522" i="10"/>
  <c r="G4523" i="10"/>
  <c r="G4524" i="10"/>
  <c r="G4525" i="10"/>
  <c r="G4526" i="10"/>
  <c r="G4527" i="10"/>
  <c r="G4528" i="10"/>
  <c r="G4529" i="10"/>
  <c r="G4530" i="10"/>
  <c r="G4531" i="10"/>
  <c r="G4532" i="10"/>
  <c r="G4533" i="10"/>
  <c r="G4534" i="10"/>
  <c r="G4535" i="10"/>
  <c r="G4536" i="10"/>
  <c r="G4537" i="10"/>
  <c r="G4538" i="10"/>
  <c r="G4539" i="10"/>
  <c r="G4540" i="10"/>
  <c r="G4541" i="10"/>
  <c r="G4542" i="10"/>
  <c r="G4543" i="10"/>
  <c r="G4544" i="10"/>
  <c r="G4545" i="10"/>
  <c r="G4546" i="10"/>
  <c r="G4547" i="10"/>
  <c r="G4548" i="10"/>
  <c r="G4549" i="10"/>
  <c r="G4550" i="10"/>
  <c r="G4551" i="10"/>
  <c r="G4552" i="10"/>
  <c r="G4553" i="10"/>
  <c r="G4554" i="10"/>
  <c r="G4555" i="10"/>
  <c r="G4556" i="10"/>
  <c r="G4557" i="10"/>
  <c r="G4558" i="10"/>
  <c r="G4559" i="10"/>
  <c r="G4560" i="10"/>
  <c r="G4561" i="10"/>
  <c r="G4562" i="10"/>
  <c r="G4563" i="10"/>
  <c r="G4564" i="10"/>
  <c r="G4565" i="10"/>
  <c r="G4566" i="10"/>
  <c r="G4567" i="10"/>
  <c r="G4568" i="10"/>
  <c r="G4569" i="10"/>
  <c r="G4570" i="10"/>
  <c r="G4571" i="10"/>
  <c r="G4572" i="10"/>
  <c r="G4573" i="10"/>
  <c r="G4574" i="10"/>
  <c r="G4575" i="10"/>
  <c r="G4576" i="10"/>
  <c r="G4577" i="10"/>
  <c r="G4578" i="10"/>
  <c r="G4579" i="10"/>
  <c r="G4580" i="10"/>
  <c r="G4581" i="10"/>
  <c r="G4582" i="10"/>
  <c r="G4583" i="10"/>
  <c r="G4584" i="10"/>
  <c r="G4585" i="10"/>
  <c r="G4586" i="10"/>
  <c r="G4587" i="10"/>
  <c r="G4588" i="10"/>
  <c r="G4589" i="10"/>
  <c r="G4590" i="10"/>
  <c r="G4591" i="10"/>
  <c r="G4592" i="10"/>
  <c r="G4593" i="10"/>
  <c r="G4594" i="10"/>
  <c r="G4595" i="10"/>
  <c r="G4596" i="10"/>
  <c r="G4597" i="10"/>
  <c r="G4598" i="10"/>
  <c r="G4599" i="10"/>
  <c r="G4600" i="10"/>
  <c r="G4601" i="10"/>
  <c r="G4602" i="10"/>
  <c r="G4603" i="10"/>
  <c r="G4604" i="10"/>
  <c r="G4605" i="10"/>
  <c r="G4606" i="10"/>
  <c r="G4607" i="10"/>
  <c r="G4608" i="10"/>
  <c r="G4609" i="10"/>
  <c r="G4610" i="10"/>
  <c r="G4611" i="10"/>
  <c r="G4612" i="10"/>
  <c r="G4613" i="10"/>
  <c r="G4614" i="10"/>
  <c r="G4615" i="10"/>
  <c r="G4616" i="10"/>
  <c r="G4617" i="10"/>
  <c r="G4618" i="10"/>
  <c r="G4619" i="10"/>
  <c r="G4620" i="10"/>
  <c r="G4621" i="10"/>
  <c r="G4622" i="10"/>
  <c r="G4623" i="10"/>
  <c r="G4624" i="10"/>
  <c r="G4625" i="10"/>
  <c r="G4626" i="10"/>
  <c r="G4627" i="10"/>
  <c r="G4628" i="10"/>
  <c r="G4629" i="10"/>
  <c r="G4630" i="10"/>
  <c r="G4631" i="10"/>
  <c r="G4632" i="10"/>
  <c r="G4633" i="10"/>
  <c r="G4634" i="10"/>
  <c r="G4635" i="10"/>
  <c r="G4636" i="10"/>
  <c r="G4637" i="10"/>
  <c r="G4638" i="10"/>
  <c r="G4639" i="10"/>
  <c r="G4640" i="10"/>
  <c r="G4641" i="10"/>
  <c r="G4642" i="10"/>
  <c r="G4643" i="10"/>
  <c r="G4644" i="10"/>
  <c r="G4645" i="10"/>
  <c r="G4646" i="10"/>
  <c r="G4647" i="10"/>
  <c r="G4648" i="10"/>
  <c r="G4649" i="10"/>
  <c r="G4650" i="10"/>
  <c r="G4651" i="10"/>
  <c r="G4652" i="10"/>
  <c r="G4653" i="10"/>
  <c r="G4654" i="10"/>
  <c r="G4655" i="10"/>
  <c r="G4656" i="10"/>
  <c r="G4657" i="10"/>
  <c r="G4658" i="10"/>
  <c r="G4659" i="10"/>
  <c r="G4660" i="10"/>
  <c r="G4661" i="10"/>
  <c r="G4662" i="10"/>
  <c r="G4663" i="10"/>
  <c r="G4664" i="10"/>
  <c r="G4665" i="10"/>
  <c r="G4666" i="10"/>
  <c r="G4667" i="10"/>
  <c r="G4668" i="10"/>
  <c r="G4669" i="10"/>
  <c r="G4670" i="10"/>
  <c r="G4671" i="10"/>
  <c r="G4672" i="10"/>
  <c r="G4673" i="10"/>
  <c r="G4674" i="10"/>
  <c r="G4675" i="10"/>
  <c r="G4676" i="10"/>
  <c r="G4677" i="10"/>
  <c r="G4678" i="10"/>
  <c r="G4679" i="10"/>
  <c r="G4680" i="10"/>
  <c r="G4681" i="10"/>
  <c r="G4682" i="10"/>
  <c r="G4683" i="10"/>
  <c r="G4684" i="10"/>
  <c r="G4685" i="10"/>
  <c r="G4686" i="10"/>
  <c r="G4687" i="10"/>
  <c r="G4688" i="10"/>
  <c r="G4689" i="10"/>
  <c r="G4690" i="10"/>
  <c r="G4691" i="10"/>
  <c r="G4692" i="10"/>
  <c r="G4693" i="10"/>
  <c r="G4694" i="10"/>
  <c r="G4695" i="10"/>
  <c r="G4696" i="10"/>
  <c r="G4697" i="10"/>
  <c r="G4698" i="10"/>
  <c r="G4699" i="10"/>
  <c r="G4700" i="10"/>
  <c r="G4701" i="10"/>
  <c r="G4702" i="10"/>
  <c r="G4703" i="10"/>
  <c r="G4704" i="10"/>
  <c r="G4705" i="10"/>
  <c r="G4706" i="10"/>
  <c r="G4707" i="10"/>
  <c r="G4708" i="10"/>
  <c r="G4709" i="10"/>
  <c r="G4710" i="10"/>
  <c r="G4711" i="10"/>
  <c r="G4712" i="10"/>
  <c r="G4713" i="10"/>
  <c r="G4714" i="10"/>
  <c r="G4715" i="10"/>
  <c r="G4716" i="10"/>
  <c r="G4717" i="10"/>
  <c r="G4718" i="10"/>
  <c r="G4719" i="10"/>
  <c r="G4720" i="10"/>
  <c r="G4721" i="10"/>
  <c r="G4722" i="10"/>
  <c r="G4723" i="10"/>
  <c r="G4724" i="10"/>
  <c r="G4725" i="10"/>
  <c r="G4726" i="10"/>
  <c r="G4727" i="10"/>
  <c r="G4728" i="10"/>
  <c r="G4729" i="10"/>
  <c r="G4730" i="10"/>
  <c r="G4731" i="10"/>
  <c r="G4732" i="10"/>
  <c r="G4733" i="10"/>
  <c r="G4734" i="10"/>
  <c r="G4735" i="10"/>
  <c r="G4736" i="10"/>
  <c r="G4737" i="10"/>
  <c r="G4738" i="10"/>
  <c r="G4739" i="10"/>
  <c r="G4740" i="10"/>
  <c r="G4741" i="10"/>
  <c r="G4742" i="10"/>
  <c r="G4743" i="10"/>
  <c r="G4744" i="10"/>
  <c r="G4745" i="10"/>
  <c r="G4746" i="10"/>
  <c r="G4747" i="10"/>
  <c r="G4748" i="10"/>
  <c r="G4749" i="10"/>
  <c r="G4750" i="10"/>
  <c r="G4751" i="10"/>
  <c r="G4752" i="10"/>
  <c r="G4753" i="10"/>
  <c r="G4754" i="10"/>
  <c r="G4755" i="10"/>
  <c r="G4756" i="10"/>
  <c r="G4757" i="10"/>
  <c r="G4758" i="10"/>
  <c r="G4759" i="10"/>
  <c r="G4760" i="10"/>
  <c r="G4761" i="10"/>
  <c r="G4762" i="10"/>
  <c r="G4763" i="10"/>
  <c r="G4764" i="10"/>
  <c r="G4765" i="10"/>
  <c r="G4766" i="10"/>
  <c r="G4767" i="10"/>
  <c r="G4768" i="10"/>
  <c r="G4769" i="10"/>
  <c r="G4770" i="10"/>
  <c r="G4771" i="10"/>
  <c r="G4772" i="10"/>
  <c r="G4773" i="10"/>
  <c r="G4774" i="10"/>
  <c r="G4775" i="10"/>
  <c r="G4776" i="10"/>
  <c r="G4777" i="10"/>
  <c r="G4778" i="10"/>
  <c r="G4779" i="10"/>
  <c r="G4780" i="10"/>
  <c r="G4781" i="10"/>
  <c r="G4782" i="10"/>
  <c r="G4783" i="10"/>
  <c r="G4784" i="10"/>
  <c r="G4785" i="10"/>
  <c r="G4786" i="10"/>
  <c r="G4787" i="10"/>
  <c r="G4788" i="10"/>
  <c r="G4789" i="10"/>
  <c r="G4790" i="10"/>
  <c r="G4791" i="10"/>
  <c r="G4792" i="10"/>
  <c r="G4793" i="10"/>
  <c r="G4794" i="10"/>
  <c r="G4795" i="10"/>
  <c r="G4796" i="10"/>
  <c r="G4797" i="10"/>
  <c r="G4798" i="10"/>
  <c r="G4799" i="10"/>
  <c r="G4800" i="10"/>
  <c r="G4801" i="10"/>
  <c r="G4802" i="10"/>
  <c r="G4803" i="10"/>
  <c r="G4804" i="10"/>
  <c r="G4805" i="10"/>
  <c r="G4806" i="10"/>
  <c r="G4807" i="10"/>
  <c r="G4808" i="10"/>
  <c r="G4809" i="10"/>
  <c r="G4810" i="10"/>
  <c r="G4811" i="10"/>
  <c r="G4812" i="10"/>
  <c r="G4813" i="10"/>
  <c r="G4814" i="10"/>
  <c r="G4815" i="10"/>
  <c r="G4816" i="10"/>
  <c r="G4817" i="10"/>
  <c r="G4818" i="10"/>
  <c r="G4819" i="10"/>
  <c r="G4820" i="10"/>
  <c r="G4821" i="10"/>
  <c r="G4822" i="10"/>
  <c r="G4823" i="10"/>
  <c r="G4824" i="10"/>
  <c r="G4825" i="10"/>
  <c r="G4826" i="10"/>
  <c r="G4827" i="10"/>
  <c r="G4828" i="10"/>
  <c r="G4829" i="10"/>
  <c r="G4830" i="10"/>
  <c r="G4831" i="10"/>
  <c r="G4832" i="10"/>
  <c r="G4833" i="10"/>
  <c r="G4834" i="10"/>
  <c r="G4835" i="10"/>
  <c r="G4836" i="10"/>
  <c r="G4837" i="10"/>
  <c r="G4838" i="10"/>
  <c r="G4839" i="10"/>
  <c r="G4840" i="10"/>
  <c r="G4841" i="10"/>
  <c r="G4842" i="10"/>
  <c r="G4843" i="10"/>
  <c r="G4844" i="10"/>
  <c r="G4845" i="10"/>
  <c r="G4846" i="10"/>
  <c r="G4847" i="10"/>
  <c r="G4848" i="10"/>
  <c r="G4849" i="10"/>
  <c r="G4850" i="10"/>
  <c r="G4851" i="10"/>
  <c r="G4852" i="10"/>
  <c r="G4853" i="10"/>
  <c r="G4854" i="10"/>
  <c r="G4855" i="10"/>
  <c r="G4856" i="10"/>
  <c r="G4857" i="10"/>
  <c r="G4858" i="10"/>
  <c r="G4859" i="10"/>
  <c r="G4860" i="10"/>
  <c r="G4861" i="10"/>
  <c r="G4862" i="10"/>
  <c r="G4863" i="10"/>
  <c r="G4864" i="10"/>
  <c r="G4865" i="10"/>
  <c r="G4866" i="10"/>
  <c r="G4867" i="10"/>
  <c r="G4868" i="10"/>
  <c r="G4869" i="10"/>
  <c r="G4870" i="10"/>
  <c r="G4871" i="10"/>
  <c r="G4872" i="10"/>
  <c r="G4873" i="10"/>
  <c r="G4874" i="10"/>
  <c r="G4875" i="10"/>
  <c r="G4876" i="10"/>
  <c r="G4877" i="10"/>
  <c r="G4878" i="10"/>
  <c r="G4879" i="10"/>
  <c r="G4880" i="10"/>
  <c r="G4881" i="10"/>
  <c r="G4882" i="10"/>
  <c r="G4883" i="10"/>
  <c r="G4884" i="10"/>
  <c r="G4885" i="10"/>
  <c r="G4886" i="10"/>
  <c r="G4887" i="10"/>
  <c r="G4888" i="10"/>
  <c r="G4889" i="10"/>
  <c r="G4890" i="10"/>
  <c r="G4891" i="10"/>
  <c r="G4892" i="10"/>
  <c r="G4893" i="10"/>
  <c r="G4894" i="10"/>
  <c r="G4895" i="10"/>
  <c r="G4896" i="10"/>
  <c r="G4897" i="10"/>
  <c r="G4898" i="10"/>
  <c r="G4899" i="10"/>
  <c r="G4900" i="10"/>
  <c r="G4901" i="10"/>
  <c r="G4902" i="10"/>
  <c r="G4903" i="10"/>
  <c r="G4904" i="10"/>
  <c r="G4905" i="10"/>
  <c r="G4906" i="10"/>
  <c r="G4907" i="10"/>
  <c r="G4908" i="10"/>
  <c r="G4909" i="10"/>
  <c r="G4910" i="10"/>
  <c r="G4911" i="10"/>
  <c r="G4912" i="10"/>
  <c r="G4913" i="10"/>
  <c r="G4914" i="10"/>
  <c r="G4915" i="10"/>
  <c r="G4916" i="10"/>
  <c r="G4917" i="10"/>
  <c r="G4918" i="10"/>
  <c r="G4919" i="10"/>
  <c r="G4920" i="10"/>
  <c r="G4921" i="10"/>
  <c r="G4922" i="10"/>
  <c r="G4923" i="10"/>
  <c r="G4924" i="10"/>
  <c r="G4925" i="10"/>
  <c r="G4926" i="10"/>
  <c r="G4927" i="10"/>
  <c r="G4928" i="10"/>
  <c r="G4929" i="10"/>
  <c r="G4930" i="10"/>
  <c r="G4931" i="10"/>
  <c r="G4932" i="10"/>
  <c r="G4933" i="10"/>
  <c r="G4934" i="10"/>
  <c r="G4935" i="10"/>
  <c r="G4936" i="10"/>
  <c r="G4937" i="10"/>
  <c r="G4938" i="10"/>
  <c r="G4939" i="10"/>
  <c r="G4940" i="10"/>
  <c r="G4941" i="10"/>
  <c r="G4942" i="10"/>
  <c r="G4943" i="10"/>
  <c r="G4944" i="10"/>
  <c r="G4945" i="10"/>
  <c r="G4946" i="10"/>
  <c r="G4947" i="10"/>
  <c r="G4948" i="10"/>
  <c r="G4949" i="10"/>
  <c r="G4950" i="10"/>
  <c r="G4951" i="10"/>
  <c r="G4952" i="10"/>
  <c r="G4953" i="10"/>
  <c r="G4954" i="10"/>
  <c r="G4955" i="10"/>
  <c r="G4956" i="10"/>
  <c r="G4957" i="10"/>
  <c r="G4958" i="10"/>
  <c r="G4959" i="10"/>
  <c r="G4960" i="10"/>
  <c r="G4961" i="10"/>
  <c r="G4962" i="10"/>
  <c r="G4963" i="10"/>
  <c r="G4964" i="10"/>
  <c r="G4965" i="10"/>
  <c r="G4966" i="10"/>
  <c r="G4967" i="10"/>
  <c r="G4968" i="10"/>
  <c r="G4969" i="10"/>
  <c r="G4970" i="10"/>
  <c r="G4971" i="10"/>
  <c r="G4972" i="10"/>
  <c r="G4973" i="10"/>
  <c r="G4974" i="10"/>
  <c r="G4975" i="10"/>
  <c r="G4976" i="10"/>
  <c r="G4977" i="10"/>
  <c r="G4978" i="10"/>
  <c r="G4979" i="10"/>
  <c r="G4980" i="10"/>
  <c r="G4981" i="10"/>
  <c r="G4982" i="10"/>
  <c r="G4983" i="10"/>
  <c r="G4984" i="10"/>
  <c r="G4985" i="10"/>
  <c r="G4986" i="10"/>
  <c r="G4987" i="10"/>
  <c r="G4988" i="10"/>
  <c r="G4989" i="10"/>
  <c r="G4990" i="10"/>
  <c r="G4991" i="10"/>
  <c r="G4992" i="10"/>
  <c r="G4993" i="10"/>
  <c r="G4994" i="10"/>
  <c r="G4995" i="10"/>
  <c r="G4996" i="10"/>
  <c r="G4997" i="10"/>
  <c r="G4998" i="10"/>
  <c r="G4999" i="10"/>
  <c r="G5000" i="10"/>
  <c r="G5001" i="10"/>
  <c r="G5002" i="10"/>
  <c r="G5003" i="10"/>
  <c r="G5004" i="10"/>
  <c r="G5005" i="10"/>
  <c r="G5006" i="10"/>
  <c r="G5007" i="10"/>
  <c r="G5008" i="10"/>
  <c r="G5009" i="10"/>
  <c r="G5010" i="10"/>
  <c r="G5011" i="10"/>
  <c r="G5012" i="10"/>
  <c r="G5013" i="10"/>
  <c r="G5014" i="10"/>
  <c r="G5015" i="10"/>
  <c r="G5016" i="10"/>
  <c r="G5017" i="10"/>
  <c r="G5018" i="10"/>
  <c r="G5019" i="10"/>
  <c r="G5020" i="10"/>
  <c r="G5021" i="10"/>
  <c r="G5022" i="10"/>
  <c r="G5023" i="10"/>
  <c r="G5024" i="10"/>
  <c r="G5025" i="10"/>
  <c r="G5026" i="10"/>
  <c r="G5027" i="10"/>
  <c r="G5028" i="10"/>
  <c r="G5029" i="10"/>
  <c r="G5030" i="10"/>
  <c r="G5031" i="10"/>
  <c r="G5032" i="10"/>
  <c r="G5033" i="10"/>
  <c r="G5034" i="10"/>
  <c r="G5035" i="10"/>
  <c r="G5036" i="10"/>
  <c r="G5037" i="10"/>
  <c r="G5038" i="10"/>
  <c r="G5039" i="10"/>
  <c r="G5040" i="10"/>
  <c r="G5041" i="10"/>
  <c r="G5042" i="10"/>
  <c r="G5043" i="10"/>
  <c r="G5044" i="10"/>
  <c r="G5045" i="10"/>
  <c r="G5046" i="10"/>
  <c r="G5047" i="10"/>
  <c r="G5048" i="10"/>
  <c r="G5049" i="10"/>
  <c r="G5050" i="10"/>
  <c r="G5051" i="10"/>
  <c r="G5052" i="10"/>
  <c r="G5053" i="10"/>
  <c r="G5054" i="10"/>
  <c r="G5055" i="10"/>
  <c r="G5056" i="10"/>
  <c r="G5057" i="10"/>
  <c r="G5058" i="10"/>
  <c r="G5059" i="10"/>
  <c r="G5060" i="10"/>
  <c r="G5061" i="10"/>
  <c r="G5062" i="10"/>
  <c r="G5063" i="10"/>
  <c r="G5064" i="10"/>
  <c r="G5065" i="10"/>
  <c r="G5066" i="10"/>
  <c r="G5067" i="10"/>
  <c r="G5068" i="10"/>
  <c r="G5069" i="10"/>
  <c r="G5070" i="10"/>
  <c r="G5071" i="10"/>
  <c r="G5072" i="10"/>
  <c r="G5073" i="10"/>
  <c r="G5074" i="10"/>
  <c r="G5075" i="10"/>
  <c r="G5076" i="10"/>
  <c r="G5077" i="10"/>
  <c r="G5078" i="10"/>
  <c r="G5079" i="10"/>
  <c r="G5080" i="10"/>
  <c r="G5081" i="10"/>
  <c r="G5082" i="10"/>
  <c r="G5083" i="10"/>
  <c r="G5084" i="10"/>
  <c r="G5085" i="10"/>
  <c r="G5086" i="10"/>
  <c r="G5087" i="10"/>
  <c r="G5088" i="10"/>
  <c r="G5089" i="10"/>
  <c r="G5090" i="10"/>
  <c r="G5091" i="10"/>
  <c r="G5092" i="10"/>
  <c r="G5093" i="10"/>
  <c r="G5094" i="10"/>
  <c r="G5095" i="10"/>
  <c r="G5096" i="10"/>
  <c r="G5097" i="10"/>
  <c r="G5098" i="10"/>
  <c r="G5099" i="10"/>
  <c r="G5100" i="10"/>
  <c r="G5101" i="10"/>
  <c r="G5102" i="10"/>
  <c r="G5103" i="10"/>
  <c r="G5104" i="10"/>
  <c r="G5105" i="10"/>
  <c r="G5106" i="10"/>
  <c r="G5107" i="10"/>
  <c r="G5108" i="10"/>
  <c r="G5109" i="10"/>
  <c r="G5110" i="10"/>
  <c r="G5111" i="10"/>
  <c r="G5112" i="10"/>
  <c r="G5113" i="10"/>
  <c r="G5114" i="10"/>
  <c r="G5115" i="10"/>
  <c r="G5116" i="10"/>
  <c r="G5117" i="10"/>
  <c r="G5118" i="10"/>
  <c r="G5119" i="10"/>
  <c r="G5120" i="10"/>
  <c r="G5121" i="10"/>
  <c r="G5122" i="10"/>
  <c r="G5123" i="10"/>
  <c r="G5124" i="10"/>
  <c r="G5125" i="10"/>
  <c r="G5126" i="10"/>
  <c r="G5127" i="10"/>
  <c r="G5128" i="10"/>
  <c r="G5129" i="10"/>
  <c r="G5130" i="10"/>
  <c r="G5131" i="10"/>
  <c r="G5132" i="10"/>
  <c r="G5133" i="10"/>
  <c r="G5134" i="10"/>
  <c r="G5135" i="10"/>
  <c r="G5136" i="10"/>
  <c r="G5137" i="10"/>
  <c r="G5138" i="10"/>
  <c r="G5139" i="10"/>
  <c r="G5140" i="10"/>
  <c r="G5141" i="10"/>
  <c r="G5142" i="10"/>
  <c r="G5143" i="10"/>
  <c r="G5144" i="10"/>
  <c r="G5145" i="10"/>
  <c r="G5146" i="10"/>
  <c r="G5147" i="10"/>
  <c r="G5148" i="10"/>
  <c r="G5149" i="10"/>
  <c r="G5150" i="10"/>
  <c r="G5151" i="10"/>
  <c r="G5152" i="10"/>
  <c r="G5153" i="10"/>
  <c r="G5154" i="10"/>
  <c r="G5155" i="10"/>
  <c r="G5156" i="10"/>
  <c r="G5157" i="10"/>
  <c r="G5158" i="10"/>
  <c r="G5159" i="10"/>
  <c r="G5160" i="10"/>
  <c r="G5161" i="10"/>
  <c r="G5162" i="10"/>
  <c r="G5163" i="10"/>
  <c r="G5164" i="10"/>
  <c r="G5165" i="10"/>
  <c r="G5166" i="10"/>
  <c r="G5167" i="10"/>
  <c r="G5168" i="10"/>
  <c r="G5169" i="10"/>
  <c r="G5170" i="10"/>
  <c r="G5171" i="10"/>
  <c r="G5172" i="10"/>
  <c r="G5173" i="10"/>
  <c r="G5174" i="10"/>
  <c r="G5175" i="10"/>
  <c r="G5176" i="10"/>
  <c r="G5177" i="10"/>
  <c r="G5178" i="10"/>
  <c r="G5179" i="10"/>
  <c r="G5180" i="10"/>
  <c r="G5181" i="10"/>
  <c r="G5182" i="10"/>
  <c r="G5183" i="10"/>
  <c r="G5184" i="10"/>
  <c r="G5185" i="10"/>
  <c r="G5186" i="10"/>
  <c r="G5187" i="10"/>
  <c r="G5188" i="10"/>
  <c r="G5189" i="10"/>
  <c r="G5190" i="10"/>
  <c r="G5191" i="10"/>
  <c r="G5192" i="10"/>
  <c r="G5193" i="10"/>
  <c r="G5194" i="10"/>
  <c r="G5195" i="10"/>
  <c r="G5196" i="10"/>
  <c r="G5197" i="10"/>
  <c r="G5198" i="10"/>
  <c r="G5199" i="10"/>
  <c r="G5200" i="10"/>
  <c r="G5201" i="10"/>
  <c r="G5202" i="10"/>
  <c r="G5203" i="10"/>
  <c r="G5204" i="10"/>
  <c r="G5205" i="10"/>
  <c r="G5206" i="10"/>
  <c r="G5207" i="10"/>
  <c r="G5208" i="10"/>
  <c r="G5209" i="10"/>
  <c r="G5210" i="10"/>
  <c r="G5211" i="10"/>
  <c r="G5212" i="10"/>
  <c r="G5213" i="10"/>
  <c r="G5214" i="10"/>
  <c r="G5215" i="10"/>
  <c r="G5216" i="10"/>
  <c r="G5217" i="10"/>
  <c r="G5218" i="10"/>
  <c r="G5219" i="10"/>
  <c r="G5220" i="10"/>
  <c r="G5221" i="10"/>
  <c r="G5222" i="10"/>
  <c r="G5223" i="10"/>
  <c r="G5224" i="10"/>
  <c r="G5225" i="10"/>
  <c r="G5226" i="10"/>
  <c r="G5227" i="10"/>
  <c r="G5228" i="10"/>
  <c r="G5229" i="10"/>
  <c r="G5230" i="10"/>
  <c r="G5231" i="10"/>
  <c r="G5232" i="10"/>
  <c r="G5233" i="10"/>
  <c r="G5234" i="10"/>
  <c r="G5235" i="10"/>
  <c r="G5236" i="10"/>
  <c r="G5237" i="10"/>
  <c r="G5238" i="10"/>
  <c r="G5239" i="10"/>
  <c r="G5240" i="10"/>
  <c r="G5241" i="10"/>
  <c r="G5242" i="10"/>
  <c r="G5243" i="10"/>
  <c r="G5244" i="10"/>
  <c r="G5245" i="10"/>
  <c r="G5246" i="10"/>
  <c r="G5247" i="10"/>
  <c r="G5248" i="10"/>
  <c r="G5249" i="10"/>
  <c r="G5250" i="10"/>
  <c r="G5251" i="10"/>
  <c r="G5252" i="10"/>
  <c r="G5253" i="10"/>
  <c r="G5254" i="10"/>
  <c r="G5255" i="10"/>
  <c r="G5256" i="10"/>
  <c r="G5257" i="10"/>
  <c r="G5258" i="10"/>
  <c r="G5259" i="10"/>
  <c r="G5260" i="10"/>
  <c r="G5261" i="10"/>
  <c r="G5262" i="10"/>
  <c r="G5263" i="10"/>
  <c r="G5264" i="10"/>
  <c r="G5265" i="10"/>
  <c r="G5266" i="10"/>
  <c r="G5267" i="10"/>
  <c r="G5268" i="10"/>
  <c r="G5269" i="10"/>
  <c r="G5270" i="10"/>
  <c r="G5271" i="10"/>
  <c r="G5272" i="10"/>
  <c r="G5273" i="10"/>
  <c r="G5274" i="10"/>
  <c r="G5275" i="10"/>
  <c r="G5276" i="10"/>
  <c r="G5277" i="10"/>
  <c r="G5278" i="10"/>
  <c r="G5279" i="10"/>
  <c r="G5280" i="10"/>
  <c r="G5281" i="10"/>
  <c r="G5282" i="10"/>
  <c r="G5283" i="10"/>
  <c r="G5284" i="10"/>
  <c r="G5285" i="10"/>
  <c r="G5286" i="10"/>
  <c r="G5287" i="10"/>
  <c r="G5288" i="10"/>
  <c r="G5289" i="10"/>
  <c r="G5290" i="10"/>
  <c r="G5291" i="10"/>
  <c r="G5292" i="10"/>
  <c r="G5293" i="10"/>
  <c r="G5294" i="10"/>
  <c r="G5295" i="10"/>
  <c r="G5296" i="10"/>
  <c r="G5297" i="10"/>
  <c r="G5298" i="10"/>
  <c r="G5299" i="10"/>
  <c r="G5300" i="10"/>
  <c r="G5301" i="10"/>
  <c r="G5302" i="10"/>
  <c r="G5303" i="10"/>
  <c r="G5304" i="10"/>
  <c r="G5305" i="10"/>
  <c r="G5306" i="10"/>
  <c r="G5307" i="10"/>
  <c r="G5308" i="10"/>
  <c r="G5309" i="10"/>
  <c r="G5310" i="10"/>
  <c r="G5311" i="10"/>
  <c r="G5312" i="10"/>
  <c r="G5313" i="10"/>
  <c r="G5314" i="10"/>
  <c r="G5315" i="10"/>
  <c r="G5316" i="10"/>
  <c r="G5317" i="10"/>
  <c r="G5318" i="10"/>
  <c r="G5319" i="10"/>
  <c r="G5320" i="10"/>
  <c r="G5321" i="10"/>
  <c r="G5322" i="10"/>
  <c r="G5323" i="10"/>
  <c r="G5324" i="10"/>
  <c r="G5325" i="10"/>
  <c r="G5326" i="10"/>
  <c r="G5327" i="10"/>
  <c r="G5328" i="10"/>
  <c r="G5329" i="10"/>
  <c r="G5330" i="10"/>
  <c r="G5331" i="10"/>
  <c r="G5332" i="10"/>
  <c r="G5333" i="10"/>
  <c r="G5334" i="10"/>
  <c r="G5335" i="10"/>
  <c r="G5336" i="10"/>
  <c r="G5337" i="10"/>
  <c r="G5338" i="10"/>
  <c r="G5339" i="10"/>
  <c r="G5340" i="10"/>
  <c r="G5341" i="10"/>
  <c r="G5342" i="10"/>
  <c r="G5343" i="10"/>
  <c r="G5344" i="10"/>
  <c r="G5345" i="10"/>
  <c r="G5346" i="10"/>
  <c r="G5347" i="10"/>
  <c r="G5348" i="10"/>
  <c r="G5349" i="10"/>
  <c r="G5350" i="10"/>
  <c r="G5351" i="10"/>
  <c r="G5352" i="10"/>
  <c r="G5353" i="10"/>
  <c r="G5354" i="10"/>
  <c r="G5355" i="10"/>
  <c r="G5356" i="10"/>
  <c r="G5357" i="10"/>
  <c r="G5358" i="10"/>
  <c r="G5359" i="10"/>
  <c r="G5360" i="10"/>
  <c r="G5361" i="10"/>
  <c r="G5362" i="10"/>
  <c r="G5363" i="10"/>
  <c r="G5364" i="10"/>
  <c r="G5365" i="10"/>
  <c r="G5366" i="10"/>
  <c r="G5367" i="10"/>
  <c r="G5368" i="10"/>
  <c r="G5369" i="10"/>
  <c r="G5370" i="10"/>
  <c r="G5371" i="10"/>
  <c r="G5372" i="10"/>
  <c r="G5373" i="10"/>
  <c r="G5374" i="10"/>
  <c r="G5375" i="10"/>
  <c r="G5376" i="10"/>
  <c r="G5377" i="10"/>
  <c r="G5378" i="10"/>
  <c r="G5379" i="10"/>
  <c r="G5380" i="10"/>
  <c r="G5381" i="10"/>
  <c r="G5382" i="10"/>
  <c r="G5383" i="10"/>
  <c r="G5384" i="10"/>
  <c r="G5385" i="10"/>
  <c r="G5386" i="10"/>
  <c r="G5387" i="10"/>
  <c r="G5388" i="10"/>
  <c r="G5389" i="10"/>
  <c r="G5390" i="10"/>
  <c r="G5391" i="10"/>
  <c r="G5392" i="10"/>
  <c r="G5393" i="10"/>
  <c r="G5394" i="10"/>
  <c r="G5395" i="10"/>
  <c r="G5396" i="10"/>
  <c r="G5397" i="10"/>
  <c r="G5398" i="10"/>
  <c r="G5399" i="10"/>
  <c r="G5400" i="10"/>
  <c r="G5401" i="10"/>
  <c r="G5402" i="10"/>
  <c r="G5403" i="10"/>
  <c r="G5404" i="10"/>
  <c r="G5405" i="10"/>
  <c r="G5406" i="10"/>
  <c r="G5407" i="10"/>
  <c r="G5408" i="10"/>
  <c r="G5409" i="10"/>
  <c r="G5410" i="10"/>
  <c r="G5411" i="10"/>
  <c r="G5412" i="10"/>
  <c r="G5413" i="10"/>
  <c r="G5414" i="10"/>
  <c r="G5415" i="10"/>
  <c r="G5416" i="10"/>
  <c r="G5417" i="10"/>
  <c r="G5418" i="10"/>
  <c r="G5419" i="10"/>
  <c r="G5420" i="10"/>
  <c r="G5421" i="10"/>
  <c r="G5422" i="10"/>
  <c r="G5423" i="10"/>
  <c r="G5424" i="10"/>
  <c r="G5425" i="10"/>
  <c r="G5426" i="10"/>
  <c r="G5427" i="10"/>
  <c r="G5428" i="10"/>
  <c r="G5429" i="10"/>
  <c r="G5430" i="10"/>
  <c r="G5431" i="10"/>
  <c r="G5432" i="10"/>
  <c r="G5433" i="10"/>
  <c r="G5434" i="10"/>
  <c r="G5435" i="10"/>
  <c r="G5436" i="10"/>
  <c r="G5437" i="10"/>
  <c r="G5438" i="10"/>
  <c r="G5439" i="10"/>
  <c r="G5440" i="10"/>
  <c r="G5441" i="10"/>
  <c r="G5442" i="10"/>
  <c r="G5443" i="10"/>
  <c r="G5444" i="10"/>
  <c r="G5445" i="10"/>
  <c r="G5446" i="10"/>
  <c r="G5447" i="10"/>
  <c r="G5448" i="10"/>
  <c r="G5449" i="10"/>
  <c r="G5450" i="10"/>
  <c r="G5451" i="10"/>
  <c r="G5452" i="10"/>
  <c r="G5453" i="10"/>
  <c r="G5454" i="10"/>
  <c r="G5455" i="10"/>
  <c r="G5456" i="10"/>
  <c r="G5457" i="10"/>
  <c r="G5458" i="10"/>
  <c r="G5459" i="10"/>
  <c r="G5460" i="10"/>
  <c r="G5461" i="10"/>
  <c r="G5462" i="10"/>
  <c r="G5463" i="10"/>
  <c r="G5464" i="10"/>
  <c r="G5465" i="10"/>
  <c r="G5466" i="10"/>
  <c r="G5467" i="10"/>
  <c r="G5468" i="10"/>
  <c r="G5469" i="10"/>
  <c r="G5470" i="10"/>
  <c r="G5471" i="10"/>
  <c r="G5472" i="10"/>
  <c r="G5473" i="10"/>
  <c r="G5474" i="10"/>
  <c r="G5475" i="10"/>
  <c r="G5476" i="10"/>
  <c r="G5477" i="10"/>
  <c r="G5478" i="10"/>
  <c r="G5479" i="10"/>
  <c r="G5480" i="10"/>
  <c r="G5481" i="10"/>
  <c r="G5482" i="10"/>
  <c r="G5483" i="10"/>
  <c r="G5484" i="10"/>
  <c r="G5485" i="10"/>
  <c r="G5486" i="10"/>
  <c r="G5487" i="10"/>
  <c r="G5488" i="10"/>
  <c r="G5489" i="10"/>
  <c r="G5490" i="10"/>
  <c r="G5491" i="10"/>
  <c r="G5492" i="10"/>
  <c r="G5493" i="10"/>
  <c r="G5494" i="10"/>
  <c r="G5495" i="10"/>
  <c r="G5496" i="10"/>
  <c r="G5497" i="10"/>
  <c r="G5498" i="10"/>
  <c r="G5499" i="10"/>
  <c r="G5500" i="10"/>
  <c r="G5501" i="10"/>
  <c r="G5502" i="10"/>
  <c r="G5503" i="10"/>
  <c r="G5504" i="10"/>
  <c r="G5505" i="10"/>
  <c r="G5506" i="10"/>
  <c r="G5507" i="10"/>
  <c r="G5508" i="10"/>
  <c r="G5509" i="10"/>
  <c r="G5510" i="10"/>
  <c r="G5511" i="10"/>
  <c r="G5512" i="10"/>
  <c r="G5513" i="10"/>
  <c r="G5514" i="10"/>
  <c r="G5515" i="10"/>
  <c r="G5516" i="10"/>
  <c r="G5517" i="10"/>
  <c r="G5518" i="10"/>
  <c r="G5519" i="10"/>
  <c r="G5520" i="10"/>
  <c r="G5521" i="10"/>
  <c r="G5522" i="10"/>
  <c r="G5523" i="10"/>
  <c r="G5524" i="10"/>
  <c r="G5525" i="10"/>
  <c r="G5526" i="10"/>
  <c r="G5527" i="10"/>
  <c r="G5528" i="10"/>
  <c r="G5529" i="10"/>
  <c r="G5530" i="10"/>
  <c r="G5531" i="10"/>
  <c r="G5532" i="10"/>
  <c r="G5533" i="10"/>
  <c r="G5534" i="10"/>
  <c r="G5535" i="10"/>
  <c r="G5536" i="10"/>
  <c r="G5537" i="10"/>
  <c r="G5538" i="10"/>
  <c r="G5539" i="10"/>
  <c r="G5540" i="10"/>
  <c r="G5541" i="10"/>
  <c r="G5542" i="10"/>
  <c r="G5543" i="10"/>
  <c r="G5544" i="10"/>
  <c r="G5545" i="10"/>
  <c r="G5546" i="10"/>
  <c r="G5547" i="10"/>
  <c r="G5548" i="10"/>
  <c r="G5549" i="10"/>
  <c r="G5550" i="10"/>
  <c r="G5551" i="10"/>
  <c r="G5552" i="10"/>
  <c r="G5553" i="10"/>
  <c r="G5554" i="10"/>
  <c r="G5555" i="10"/>
  <c r="G5556" i="10"/>
  <c r="G5557" i="10"/>
  <c r="G5558" i="10"/>
  <c r="G5559" i="10"/>
  <c r="G5560" i="10"/>
  <c r="G5561" i="10"/>
  <c r="G5562" i="10"/>
  <c r="G5563" i="10"/>
  <c r="G5564" i="10"/>
  <c r="G5565" i="10"/>
  <c r="G5566" i="10"/>
  <c r="G5567" i="10"/>
  <c r="G5568" i="10"/>
  <c r="G5569" i="10"/>
  <c r="G5570" i="10"/>
  <c r="G5571" i="10"/>
  <c r="G5572" i="10"/>
  <c r="G5573" i="10"/>
  <c r="G5574" i="10"/>
  <c r="G5575" i="10"/>
  <c r="G5576" i="10"/>
  <c r="G5577" i="10"/>
  <c r="G5578" i="10"/>
  <c r="G5579" i="10"/>
  <c r="G5580" i="10"/>
  <c r="G5581" i="10"/>
  <c r="G5582" i="10"/>
  <c r="G5583" i="10"/>
  <c r="G5584" i="10"/>
  <c r="G5585" i="10"/>
  <c r="G5586" i="10"/>
  <c r="G5587" i="10"/>
  <c r="G5588" i="10"/>
  <c r="G5589" i="10"/>
  <c r="G5590" i="10"/>
  <c r="G5591" i="10"/>
  <c r="G5592" i="10"/>
  <c r="G5593" i="10"/>
  <c r="G5594" i="10"/>
  <c r="G5595" i="10"/>
  <c r="G5596" i="10"/>
  <c r="G5597" i="10"/>
  <c r="G5598" i="10"/>
  <c r="G5599" i="10"/>
  <c r="G5600" i="10"/>
  <c r="G5601" i="10"/>
  <c r="G5602" i="10"/>
  <c r="G5603" i="10"/>
  <c r="G5604" i="10"/>
  <c r="G5605" i="10"/>
  <c r="G5606" i="10"/>
  <c r="G5607" i="10"/>
  <c r="G5608" i="10"/>
  <c r="G5609" i="10"/>
  <c r="G5610" i="10"/>
  <c r="G5611" i="10"/>
  <c r="G5612" i="10"/>
  <c r="G5613" i="10"/>
  <c r="G5614" i="10"/>
  <c r="G5615" i="10"/>
  <c r="G5616" i="10"/>
  <c r="G5617" i="10"/>
  <c r="G5618" i="10"/>
  <c r="G5619" i="10"/>
  <c r="G5620" i="10"/>
  <c r="G5621" i="10"/>
  <c r="G5622" i="10"/>
  <c r="G5623" i="10"/>
  <c r="G5624" i="10"/>
  <c r="G5625" i="10"/>
  <c r="G5626" i="10"/>
  <c r="G5627" i="10"/>
  <c r="G5628" i="10"/>
  <c r="G5629" i="10"/>
  <c r="G5630" i="10"/>
  <c r="G5631" i="10"/>
  <c r="G5632" i="10"/>
  <c r="G5633" i="10"/>
  <c r="G5634" i="10"/>
  <c r="G5635" i="10"/>
  <c r="G5636" i="10"/>
  <c r="G5637" i="10"/>
  <c r="G5638" i="10"/>
  <c r="G5639" i="10"/>
  <c r="G5640" i="10"/>
  <c r="G5641" i="10"/>
  <c r="G5642" i="10"/>
  <c r="G5643" i="10"/>
  <c r="G5644" i="10"/>
  <c r="G5645" i="10"/>
  <c r="G5646" i="10"/>
  <c r="G5647" i="10"/>
  <c r="G5648" i="10"/>
  <c r="G5649" i="10"/>
  <c r="G5650" i="10"/>
  <c r="G5651" i="10"/>
  <c r="G5652" i="10"/>
  <c r="G5653" i="10"/>
  <c r="G5654" i="10"/>
  <c r="G5655" i="10"/>
  <c r="G5656" i="10"/>
  <c r="G5657" i="10"/>
  <c r="G5658" i="10"/>
  <c r="G5659" i="10"/>
  <c r="G5660" i="10"/>
  <c r="G5661" i="10"/>
  <c r="G5662" i="10"/>
  <c r="G5663" i="10"/>
  <c r="G5664" i="10"/>
  <c r="G5665" i="10"/>
  <c r="G5666" i="10"/>
  <c r="G5667" i="10"/>
  <c r="G5668" i="10"/>
  <c r="G5669" i="10"/>
  <c r="G5670" i="10"/>
  <c r="G5671" i="10"/>
  <c r="G5672" i="10"/>
  <c r="G5673" i="10"/>
  <c r="G5674" i="10"/>
  <c r="G5675" i="10"/>
  <c r="G5676" i="10"/>
  <c r="G5677" i="10"/>
  <c r="G5678" i="10"/>
  <c r="G5679" i="10"/>
  <c r="G5680" i="10"/>
  <c r="G5681" i="10"/>
  <c r="G5682" i="10"/>
  <c r="G5683" i="10"/>
  <c r="G5684" i="10"/>
  <c r="G5685" i="10"/>
  <c r="G5686" i="10"/>
  <c r="G5687" i="10"/>
  <c r="G5688" i="10"/>
  <c r="G5689" i="10"/>
  <c r="G5690" i="10"/>
  <c r="G5691" i="10"/>
  <c r="G5692" i="10"/>
  <c r="G5693" i="10"/>
  <c r="G5694" i="10"/>
  <c r="G5695" i="10"/>
  <c r="G5696" i="10"/>
  <c r="G5697" i="10"/>
  <c r="G5698" i="10"/>
  <c r="G5699" i="10"/>
  <c r="G5700" i="10"/>
  <c r="G5701" i="10"/>
  <c r="G5702" i="10"/>
  <c r="G5703" i="10"/>
  <c r="G5704" i="10"/>
  <c r="G5705" i="10"/>
  <c r="G5706" i="10"/>
  <c r="G5707" i="10"/>
  <c r="G5708" i="10"/>
  <c r="G5709" i="10"/>
  <c r="G5710" i="10"/>
  <c r="G5711" i="10"/>
  <c r="G5712" i="10"/>
  <c r="G5713" i="10"/>
  <c r="G5714" i="10"/>
  <c r="G5715" i="10"/>
  <c r="G5716" i="10"/>
  <c r="G5717" i="10"/>
  <c r="G5718" i="10"/>
  <c r="G5719" i="10"/>
  <c r="G5720" i="10"/>
  <c r="G5721" i="10"/>
  <c r="G5722" i="10"/>
  <c r="G5723" i="10"/>
  <c r="G5724" i="10"/>
  <c r="G5725" i="10"/>
  <c r="G5726" i="10"/>
  <c r="G5727" i="10"/>
  <c r="G5728" i="10"/>
  <c r="G5729" i="10"/>
  <c r="G5730" i="10"/>
  <c r="G5731" i="10"/>
  <c r="G5732" i="10"/>
  <c r="G5733" i="10"/>
  <c r="G5734" i="10"/>
  <c r="G5735" i="10"/>
  <c r="G5736" i="10"/>
  <c r="G5737" i="10"/>
  <c r="G5738" i="10"/>
  <c r="G5739" i="10"/>
  <c r="G5740" i="10"/>
  <c r="G5741" i="10"/>
  <c r="G5742" i="10"/>
  <c r="G5743" i="10"/>
  <c r="G5744" i="10"/>
  <c r="G5745" i="10"/>
  <c r="G5746" i="10"/>
  <c r="G5747" i="10"/>
  <c r="G5748" i="10"/>
  <c r="G5749" i="10"/>
  <c r="G5750" i="10"/>
  <c r="G5751" i="10"/>
  <c r="G5752" i="10"/>
  <c r="G5753" i="10"/>
  <c r="G5754" i="10"/>
  <c r="G5755" i="10"/>
  <c r="G5756" i="10"/>
  <c r="G5757" i="10"/>
  <c r="G5758" i="10"/>
  <c r="G5759" i="10"/>
  <c r="G5760" i="10"/>
  <c r="G5761" i="10"/>
  <c r="G5762" i="10"/>
  <c r="G5763" i="10"/>
  <c r="G5764" i="10"/>
  <c r="G5765" i="10"/>
  <c r="G5766" i="10"/>
  <c r="G5767" i="10"/>
  <c r="G5768" i="10"/>
  <c r="G5769" i="10"/>
  <c r="G5770" i="10"/>
  <c r="G5771" i="10"/>
  <c r="G5772" i="10"/>
  <c r="G5773" i="10"/>
  <c r="G5774" i="10"/>
  <c r="G5775" i="10"/>
  <c r="G5776" i="10"/>
  <c r="G5777" i="10"/>
  <c r="G5778" i="10"/>
  <c r="G5779" i="10"/>
  <c r="G5780" i="10"/>
  <c r="G5781" i="10"/>
  <c r="G5782" i="10"/>
  <c r="G5783" i="10"/>
  <c r="G5784" i="10"/>
  <c r="G5785" i="10"/>
  <c r="G5786" i="10"/>
  <c r="G5787" i="10"/>
  <c r="G5788" i="10"/>
  <c r="G5789" i="10"/>
  <c r="G5790" i="10"/>
  <c r="G5791" i="10"/>
  <c r="G5792" i="10"/>
  <c r="G5793" i="10"/>
  <c r="G5794" i="10"/>
  <c r="G5795" i="10"/>
  <c r="G5796" i="10"/>
  <c r="G5797" i="10"/>
  <c r="G5798" i="10"/>
  <c r="G5799" i="10"/>
  <c r="G5800" i="10"/>
  <c r="G5801" i="10"/>
  <c r="G5802" i="10"/>
  <c r="G5803" i="10"/>
  <c r="G5804" i="10"/>
  <c r="G5805" i="10"/>
  <c r="G5806" i="10"/>
  <c r="G5807" i="10"/>
  <c r="G5808" i="10"/>
  <c r="G5809" i="10"/>
  <c r="G5810" i="10"/>
  <c r="G5811" i="10"/>
  <c r="G5812" i="10"/>
  <c r="G5813" i="10"/>
  <c r="G5814" i="10"/>
  <c r="G5815" i="10"/>
  <c r="G5816" i="10"/>
  <c r="G5817" i="10"/>
  <c r="G5818" i="10"/>
  <c r="G5819" i="10"/>
  <c r="G5820" i="10"/>
  <c r="G5821" i="10"/>
  <c r="G5822" i="10"/>
  <c r="G5823" i="10"/>
  <c r="G5824" i="10"/>
  <c r="G5825" i="10"/>
  <c r="G5826" i="10"/>
  <c r="G5827" i="10"/>
  <c r="G5828" i="10"/>
  <c r="G5829" i="10"/>
  <c r="G5830" i="10"/>
  <c r="G5831" i="10"/>
  <c r="G5832" i="10"/>
  <c r="G5833" i="10"/>
  <c r="G5834" i="10"/>
  <c r="G5835" i="10"/>
  <c r="G5836" i="10"/>
  <c r="G5837" i="10"/>
  <c r="G5838" i="10"/>
  <c r="G5839" i="10"/>
  <c r="G5840" i="10"/>
  <c r="G5841" i="10"/>
  <c r="G5842" i="10"/>
  <c r="G5843" i="10"/>
  <c r="G5844" i="10"/>
  <c r="G5845" i="10"/>
  <c r="G5846" i="10"/>
  <c r="G5847" i="10"/>
  <c r="G5848" i="10"/>
  <c r="G5849" i="10"/>
  <c r="G5850" i="10"/>
  <c r="G5851" i="10"/>
  <c r="G5852" i="10"/>
  <c r="G5853" i="10"/>
  <c r="G5854" i="10"/>
  <c r="G5855" i="10"/>
  <c r="G5856" i="10"/>
  <c r="G5857" i="10"/>
  <c r="G5858" i="10"/>
  <c r="G5859" i="10"/>
  <c r="G5860" i="10"/>
  <c r="G5861" i="10"/>
  <c r="G5862" i="10"/>
  <c r="G5863" i="10"/>
  <c r="G5864" i="10"/>
  <c r="G5865" i="10"/>
  <c r="G5866" i="10"/>
  <c r="G5867" i="10"/>
  <c r="G5868" i="10"/>
  <c r="G5869" i="10"/>
  <c r="G5870" i="10"/>
  <c r="G5871" i="10"/>
  <c r="G5872" i="10"/>
  <c r="G5873" i="10"/>
  <c r="G5874" i="10"/>
  <c r="G5875" i="10"/>
  <c r="G5876" i="10"/>
  <c r="G5877" i="10"/>
  <c r="G5878" i="10"/>
  <c r="G5879" i="10"/>
  <c r="G5880" i="10"/>
  <c r="G5881" i="10"/>
  <c r="G5882" i="10"/>
  <c r="G5883" i="10"/>
  <c r="G5884" i="10"/>
  <c r="G5885" i="10"/>
  <c r="G5886" i="10"/>
  <c r="G5887" i="10"/>
  <c r="G5888" i="10"/>
  <c r="G5889" i="10"/>
  <c r="G5890" i="10"/>
  <c r="G5891" i="10"/>
  <c r="G5892" i="10"/>
  <c r="G5893" i="10"/>
  <c r="G5894" i="10"/>
  <c r="G5895" i="10"/>
  <c r="G5896" i="10"/>
  <c r="G5897" i="10"/>
  <c r="G5898" i="10"/>
  <c r="G5899" i="10"/>
  <c r="G5900" i="10"/>
  <c r="G5901" i="10"/>
  <c r="G5902" i="10"/>
  <c r="G5903" i="10"/>
  <c r="G5904" i="10"/>
  <c r="G5905" i="10"/>
  <c r="G5906" i="10"/>
  <c r="G5907" i="10"/>
  <c r="G5908" i="10"/>
  <c r="G5909" i="10"/>
  <c r="G5910" i="10"/>
  <c r="G5911" i="10"/>
  <c r="G5912" i="10"/>
  <c r="G5913" i="10"/>
  <c r="G5914" i="10"/>
  <c r="G5915" i="10"/>
  <c r="G5916" i="10"/>
  <c r="G5917" i="10"/>
  <c r="G5918" i="10"/>
  <c r="G5919" i="10"/>
  <c r="G5920" i="10"/>
  <c r="G5921" i="10"/>
  <c r="G5922" i="10"/>
  <c r="G5923" i="10"/>
  <c r="G5924" i="10"/>
  <c r="G5925" i="10"/>
  <c r="G5926" i="10"/>
  <c r="G5927" i="10"/>
  <c r="G5928" i="10"/>
  <c r="G5929" i="10"/>
  <c r="G5930" i="10"/>
  <c r="G5931" i="10"/>
  <c r="G5932" i="10"/>
  <c r="G5933" i="10"/>
  <c r="G5934" i="10"/>
  <c r="G5935" i="10"/>
  <c r="G5936" i="10"/>
  <c r="G5937" i="10"/>
  <c r="G5938" i="10"/>
  <c r="G5939" i="10"/>
  <c r="G5940" i="10"/>
  <c r="G5941" i="10"/>
  <c r="G5942" i="10"/>
  <c r="G5943" i="10"/>
  <c r="G5944" i="10"/>
  <c r="G5945" i="10"/>
  <c r="G5946" i="10"/>
  <c r="G5947" i="10"/>
  <c r="G5948" i="10"/>
  <c r="G5949" i="10"/>
  <c r="G5950" i="10"/>
  <c r="G5951" i="10"/>
  <c r="G5952" i="10"/>
  <c r="G5953" i="10"/>
  <c r="G5954" i="10"/>
  <c r="G5955" i="10"/>
  <c r="G5956" i="10"/>
  <c r="G5957" i="10"/>
  <c r="G5958" i="10"/>
  <c r="G5959" i="10"/>
  <c r="G5960" i="10"/>
  <c r="G5961" i="10"/>
  <c r="G5962" i="10"/>
  <c r="G5963" i="10"/>
  <c r="G5964" i="10"/>
  <c r="G5965" i="10"/>
  <c r="G5966" i="10"/>
  <c r="G5967" i="10"/>
  <c r="G5968" i="10"/>
  <c r="G5969" i="10"/>
  <c r="G5970" i="10"/>
  <c r="G5971" i="10"/>
  <c r="G5972" i="10"/>
  <c r="G5973" i="10"/>
  <c r="G5974" i="10"/>
  <c r="G5975" i="10"/>
  <c r="G5976" i="10"/>
  <c r="G5977" i="10"/>
  <c r="G5978" i="10"/>
  <c r="G5979" i="10"/>
  <c r="G5980" i="10"/>
  <c r="G5981" i="10"/>
  <c r="G5982" i="10"/>
  <c r="G5983" i="10"/>
  <c r="G5984" i="10"/>
  <c r="G5985" i="10"/>
  <c r="G5986" i="10"/>
  <c r="G5987" i="10"/>
  <c r="G5988" i="10"/>
  <c r="G5989" i="10"/>
  <c r="G5990" i="10"/>
  <c r="G5991" i="10"/>
  <c r="G5992" i="10"/>
  <c r="G5993" i="10"/>
  <c r="G5994" i="10"/>
  <c r="G5995" i="10"/>
  <c r="G5996" i="10"/>
  <c r="G5997" i="10"/>
  <c r="G5998" i="10"/>
  <c r="G5999" i="10"/>
  <c r="G6000" i="10"/>
  <c r="G6001" i="10"/>
  <c r="G6002" i="10"/>
  <c r="G6003" i="10"/>
  <c r="G6004" i="10"/>
  <c r="G6005" i="10"/>
  <c r="G6006" i="10"/>
  <c r="G6007" i="10"/>
  <c r="G6008" i="10"/>
  <c r="G6009" i="10"/>
  <c r="G6010" i="10"/>
  <c r="G6011" i="10"/>
  <c r="G6012" i="10"/>
  <c r="G6013" i="10"/>
  <c r="G6014" i="10"/>
  <c r="G6015" i="10"/>
  <c r="G6016" i="10"/>
  <c r="G6017" i="10"/>
  <c r="G6018" i="10"/>
  <c r="G6019" i="10"/>
  <c r="G6020" i="10"/>
  <c r="G6021" i="10"/>
  <c r="G6022" i="10"/>
  <c r="G6023" i="10"/>
  <c r="G6024" i="10"/>
  <c r="G6025" i="10"/>
  <c r="G6026" i="10"/>
  <c r="G6027" i="10"/>
  <c r="G6028" i="10"/>
  <c r="G6029" i="10"/>
  <c r="G6030" i="10"/>
  <c r="G6031" i="10"/>
  <c r="G6032" i="10"/>
  <c r="G6033" i="10"/>
  <c r="G6034" i="10"/>
  <c r="G6035" i="10"/>
  <c r="G6036" i="10"/>
  <c r="G6037" i="10"/>
  <c r="G6038" i="10"/>
  <c r="G6039" i="10"/>
  <c r="G6040" i="10"/>
  <c r="G6041" i="10"/>
  <c r="G6042" i="10"/>
  <c r="G6043" i="10"/>
  <c r="G6044" i="10"/>
  <c r="G6045" i="10"/>
  <c r="G6046" i="10"/>
  <c r="G6047" i="10"/>
  <c r="G6048" i="10"/>
  <c r="G6049" i="10"/>
  <c r="G6050" i="10"/>
  <c r="G6051" i="10"/>
  <c r="G6052" i="10"/>
  <c r="G6053" i="10"/>
  <c r="G6054" i="10"/>
  <c r="G6055" i="10"/>
  <c r="G6056" i="10"/>
  <c r="G6057" i="10"/>
  <c r="G6058" i="10"/>
  <c r="G6059" i="10"/>
  <c r="G6060" i="10"/>
  <c r="G6061" i="10"/>
  <c r="G6062" i="10"/>
  <c r="G6063" i="10"/>
  <c r="G6064" i="10"/>
  <c r="G6065" i="10"/>
  <c r="G6066" i="10"/>
  <c r="G6067" i="10"/>
  <c r="G6068" i="10"/>
  <c r="G6069" i="10"/>
  <c r="G6070" i="10"/>
  <c r="G6071" i="10"/>
  <c r="G6072" i="10"/>
  <c r="G6073" i="10"/>
  <c r="G6074" i="10"/>
  <c r="G6075" i="10"/>
  <c r="G6076" i="10"/>
  <c r="G6077" i="10"/>
  <c r="G6078" i="10"/>
  <c r="G6079" i="10"/>
  <c r="G6080" i="10"/>
  <c r="G6081" i="10"/>
  <c r="G6082" i="10"/>
  <c r="G6083" i="10"/>
  <c r="G6084" i="10"/>
  <c r="G6085" i="10"/>
  <c r="G6086" i="10"/>
  <c r="G6087" i="10"/>
  <c r="G6088" i="10"/>
  <c r="G6089" i="10"/>
  <c r="G6090" i="10"/>
  <c r="G6091" i="10"/>
  <c r="G6092" i="10"/>
  <c r="G6093" i="10"/>
  <c r="G6094" i="10"/>
  <c r="G6095" i="10"/>
  <c r="G6096" i="10"/>
  <c r="G6097" i="10"/>
  <c r="G6098" i="10"/>
  <c r="G6099" i="10"/>
  <c r="G6100" i="10"/>
  <c r="G6101" i="10"/>
  <c r="G6102" i="10"/>
  <c r="G6103" i="10"/>
  <c r="G6104" i="10"/>
  <c r="G6105" i="10"/>
  <c r="G6106" i="10"/>
  <c r="G6107" i="10"/>
  <c r="G6108" i="10"/>
  <c r="G6109" i="10"/>
  <c r="G6110" i="10"/>
  <c r="G6111" i="10"/>
  <c r="G6112" i="10"/>
  <c r="G6113" i="10"/>
  <c r="G6114" i="10"/>
  <c r="G6115" i="10"/>
  <c r="G6116" i="10"/>
  <c r="G6117" i="10"/>
  <c r="G6118" i="10"/>
  <c r="G6119" i="10"/>
  <c r="G6120" i="10"/>
  <c r="G6121" i="10"/>
  <c r="G6122" i="10"/>
  <c r="G6123" i="10"/>
  <c r="G6124" i="10"/>
  <c r="G6125" i="10"/>
  <c r="G6126" i="10"/>
  <c r="G6127" i="10"/>
  <c r="G6128" i="10"/>
  <c r="G6129" i="10"/>
  <c r="G6130" i="10"/>
  <c r="G6131" i="10"/>
  <c r="G6132" i="10"/>
  <c r="G6133" i="10"/>
  <c r="G6134" i="10"/>
  <c r="G6135" i="10"/>
  <c r="G6136" i="10"/>
  <c r="G6137" i="10"/>
  <c r="G6138" i="10"/>
  <c r="G6139" i="10"/>
  <c r="G6140" i="10"/>
  <c r="G6141" i="10"/>
  <c r="G6142" i="10"/>
  <c r="G6143" i="10"/>
  <c r="G6144" i="10"/>
  <c r="G6145" i="10"/>
  <c r="G6146" i="10"/>
  <c r="G6147" i="10"/>
  <c r="G6148" i="10"/>
  <c r="G6149" i="10"/>
  <c r="G6150" i="10"/>
  <c r="G6151" i="10"/>
  <c r="G6152" i="10"/>
  <c r="G6153" i="10"/>
  <c r="G6154" i="10"/>
  <c r="G6155" i="10"/>
  <c r="G6156" i="10"/>
  <c r="G6157" i="10"/>
  <c r="G6158" i="10"/>
  <c r="G6159" i="10"/>
  <c r="G6160" i="10"/>
  <c r="G6161" i="10"/>
  <c r="G6162" i="10"/>
  <c r="G6163" i="10"/>
  <c r="G6164" i="10"/>
  <c r="G6165" i="10"/>
  <c r="G6166" i="10"/>
  <c r="G6167" i="10"/>
  <c r="G6168" i="10"/>
  <c r="G6169" i="10"/>
  <c r="G6170" i="10"/>
  <c r="G6171" i="10"/>
  <c r="G6172" i="10"/>
  <c r="G6173" i="10"/>
  <c r="G6174" i="10"/>
  <c r="G6175" i="10"/>
  <c r="G6176" i="10"/>
  <c r="G6177" i="10"/>
  <c r="G6178" i="10"/>
  <c r="G6179" i="10"/>
  <c r="G6180" i="10"/>
  <c r="G6181" i="10"/>
  <c r="G6182" i="10"/>
  <c r="G6183" i="10"/>
  <c r="G6184" i="10"/>
  <c r="G6185" i="10"/>
  <c r="G6186" i="10"/>
  <c r="G6187" i="10"/>
  <c r="G6188" i="10"/>
  <c r="G6189" i="10"/>
  <c r="G6190" i="10"/>
  <c r="G6191" i="10"/>
  <c r="G6192" i="10"/>
  <c r="G6193" i="10"/>
  <c r="G6194" i="10"/>
  <c r="G6195" i="10"/>
  <c r="G6196" i="10"/>
  <c r="G6197" i="10"/>
  <c r="G6198" i="10"/>
  <c r="G6199" i="10"/>
  <c r="G6200" i="10"/>
  <c r="G6201" i="10"/>
  <c r="G6202" i="10"/>
  <c r="G6203" i="10"/>
  <c r="G6204" i="10"/>
  <c r="G6205" i="10"/>
  <c r="G6206" i="10"/>
  <c r="G6207" i="10"/>
  <c r="G6208" i="10"/>
  <c r="G6209" i="10"/>
  <c r="G6210" i="10"/>
  <c r="G6211" i="10"/>
  <c r="G6212" i="10"/>
  <c r="G6213" i="10"/>
  <c r="G6214" i="10"/>
  <c r="G6215" i="10"/>
  <c r="G6216" i="10"/>
  <c r="G6217" i="10"/>
  <c r="G6218" i="10"/>
  <c r="G6219" i="10"/>
  <c r="G6220" i="10"/>
  <c r="G6221" i="10"/>
  <c r="G6222" i="10"/>
  <c r="G6223" i="10"/>
  <c r="G6224" i="10"/>
  <c r="G6225" i="10"/>
  <c r="G6226" i="10"/>
  <c r="G6227" i="10"/>
  <c r="G6228" i="10"/>
  <c r="G6229" i="10"/>
  <c r="G6230" i="10"/>
  <c r="G6231" i="10"/>
  <c r="G6232" i="10"/>
  <c r="G6233" i="10"/>
  <c r="G6234" i="10"/>
  <c r="G6235" i="10"/>
  <c r="G6236" i="10"/>
  <c r="G6237" i="10"/>
  <c r="G6238" i="10"/>
  <c r="G6239" i="10"/>
  <c r="G6240" i="10"/>
  <c r="G6241" i="10"/>
  <c r="G6242" i="10"/>
  <c r="G6243" i="10"/>
  <c r="G6244" i="10"/>
  <c r="G6245" i="10"/>
  <c r="G6246" i="10"/>
  <c r="G6247" i="10"/>
  <c r="G6248" i="10"/>
  <c r="G6249" i="10"/>
  <c r="G6250" i="10"/>
  <c r="G6251" i="10"/>
  <c r="G6252" i="10"/>
  <c r="G6253" i="10"/>
  <c r="G6254" i="10"/>
  <c r="G6255" i="10"/>
  <c r="G6256" i="10"/>
  <c r="G6257" i="10"/>
  <c r="G6258" i="10"/>
  <c r="G6259" i="10"/>
  <c r="G6260" i="10"/>
  <c r="G6261" i="10"/>
  <c r="G6262" i="10"/>
  <c r="G6263" i="10"/>
  <c r="G6264" i="10"/>
  <c r="G6265" i="10"/>
  <c r="G6266" i="10"/>
  <c r="G6267" i="10"/>
  <c r="G6268" i="10"/>
  <c r="G6269" i="10"/>
  <c r="G6270" i="10"/>
  <c r="G6271" i="10"/>
  <c r="G6272" i="10"/>
  <c r="G6273" i="10"/>
  <c r="G6274" i="10"/>
  <c r="G6275" i="10"/>
  <c r="G6276" i="10"/>
  <c r="G6277" i="10"/>
  <c r="G6278" i="10"/>
  <c r="G6279" i="10"/>
  <c r="G6280" i="10"/>
  <c r="G6281" i="10"/>
  <c r="G6282" i="10"/>
  <c r="G6283" i="10"/>
  <c r="G6284" i="10"/>
  <c r="G6285" i="10"/>
  <c r="G6286" i="10"/>
  <c r="G6287" i="10"/>
  <c r="G6288" i="10"/>
  <c r="G6289" i="10"/>
  <c r="G6290" i="10"/>
  <c r="G6291" i="10"/>
  <c r="G6292" i="10"/>
  <c r="G6293" i="10"/>
  <c r="G6294" i="10"/>
  <c r="G6295" i="10"/>
  <c r="G6296" i="10"/>
  <c r="G6297" i="10"/>
  <c r="G6298" i="10"/>
  <c r="G6299" i="10"/>
  <c r="G6300" i="10"/>
  <c r="G6301" i="10"/>
  <c r="G6302" i="10"/>
  <c r="G6303" i="10"/>
  <c r="G6304" i="10"/>
  <c r="G6305" i="10"/>
  <c r="G6306" i="10"/>
  <c r="G6307" i="10"/>
  <c r="G6308" i="10"/>
  <c r="G6309" i="10"/>
  <c r="G6310" i="10"/>
  <c r="G6311" i="10"/>
  <c r="G6312" i="10"/>
  <c r="G6313" i="10"/>
  <c r="G6314" i="10"/>
  <c r="G6315" i="10"/>
  <c r="G6316" i="10"/>
  <c r="G6317" i="10"/>
  <c r="G6318" i="10"/>
  <c r="G6319" i="10"/>
  <c r="G6320" i="10"/>
  <c r="G6321" i="10"/>
  <c r="G6322" i="10"/>
  <c r="G6323" i="10"/>
  <c r="G6324" i="10"/>
  <c r="G6325" i="10"/>
  <c r="G6326" i="10"/>
  <c r="G6327" i="10"/>
  <c r="G6328" i="10"/>
  <c r="G6329" i="10"/>
  <c r="G6330" i="10"/>
  <c r="G6331" i="10"/>
  <c r="G6332" i="10"/>
  <c r="G6333" i="10"/>
  <c r="G6334" i="10"/>
  <c r="G6335" i="10"/>
  <c r="G6336" i="10"/>
  <c r="G6337" i="10"/>
  <c r="G6338" i="10"/>
  <c r="G6339" i="10"/>
  <c r="G6340" i="10"/>
  <c r="G6341" i="10"/>
  <c r="G6342" i="10"/>
  <c r="G6343" i="10"/>
  <c r="G6344" i="10"/>
  <c r="G6345" i="10"/>
  <c r="G6346" i="10"/>
  <c r="G6347" i="10"/>
  <c r="G6348" i="10"/>
  <c r="G6349" i="10"/>
  <c r="G6350" i="10"/>
  <c r="G6351" i="10"/>
  <c r="G6352" i="10"/>
  <c r="G6353" i="10"/>
  <c r="G6354" i="10"/>
  <c r="G6355" i="10"/>
  <c r="G6356" i="10"/>
  <c r="G6357" i="10"/>
  <c r="G6358" i="10"/>
  <c r="G6359" i="10"/>
  <c r="G6360" i="10"/>
  <c r="G6361" i="10"/>
  <c r="G6362" i="10"/>
  <c r="G6363" i="10"/>
  <c r="G6364" i="10"/>
  <c r="G6365" i="10"/>
  <c r="G6366" i="10"/>
  <c r="G6367" i="10"/>
  <c r="G6368" i="10"/>
  <c r="G6369" i="10"/>
  <c r="G6370" i="10"/>
  <c r="G6371" i="10"/>
  <c r="G6372" i="10"/>
  <c r="G6373" i="10"/>
  <c r="G6374" i="10"/>
  <c r="G6375" i="10"/>
  <c r="G6376" i="10"/>
  <c r="G6377" i="10"/>
  <c r="G6378" i="10"/>
  <c r="G6379" i="10"/>
  <c r="G6380" i="10"/>
  <c r="G6381" i="10"/>
  <c r="G6382" i="10"/>
  <c r="G6383" i="10"/>
  <c r="G6384" i="10"/>
  <c r="G6385" i="10"/>
  <c r="G6386" i="10"/>
  <c r="G6387" i="10"/>
  <c r="G6388" i="10"/>
  <c r="G6389" i="10"/>
  <c r="G6390" i="10"/>
  <c r="G6391" i="10"/>
  <c r="G6392" i="10"/>
  <c r="G6393" i="10"/>
  <c r="G6394" i="10"/>
  <c r="G6395" i="10"/>
  <c r="G6396" i="10"/>
  <c r="G6397" i="10"/>
  <c r="G6398" i="10"/>
  <c r="G6399" i="10"/>
  <c r="G6400" i="10"/>
  <c r="G6401" i="10"/>
  <c r="G6402" i="10"/>
  <c r="G6403" i="10"/>
  <c r="G6404" i="10"/>
  <c r="G6405" i="10"/>
  <c r="G6406" i="10"/>
  <c r="G6407" i="10"/>
  <c r="G6408" i="10"/>
  <c r="G6409" i="10"/>
  <c r="G6410" i="10"/>
  <c r="G6411" i="10"/>
  <c r="G6412" i="10"/>
  <c r="G6413" i="10"/>
  <c r="G6414" i="10"/>
  <c r="G6415" i="10"/>
  <c r="G6416" i="10"/>
  <c r="G6417" i="10"/>
  <c r="G6418" i="10"/>
  <c r="G6419" i="10"/>
  <c r="G6420" i="10"/>
  <c r="G6421" i="10"/>
  <c r="G6422" i="10"/>
  <c r="G6423" i="10"/>
  <c r="G6424" i="10"/>
  <c r="G6425" i="10"/>
  <c r="G6426" i="10"/>
  <c r="G6427" i="10"/>
  <c r="G6428" i="10"/>
  <c r="G6429" i="10"/>
  <c r="G6430" i="10"/>
  <c r="G6431" i="10"/>
  <c r="G6432" i="10"/>
  <c r="G6433" i="10"/>
  <c r="G6434" i="10"/>
  <c r="G6435" i="10"/>
  <c r="G6436" i="10"/>
  <c r="G6437" i="10"/>
  <c r="G6438" i="10"/>
  <c r="G6439" i="10"/>
  <c r="G6440" i="10"/>
  <c r="G6441" i="10"/>
  <c r="G6442" i="10"/>
  <c r="G6443" i="10"/>
  <c r="G6444" i="10"/>
  <c r="G6445" i="10"/>
  <c r="G6446" i="10"/>
  <c r="G6447" i="10"/>
  <c r="G6448" i="10"/>
  <c r="G6449" i="10"/>
  <c r="G6450" i="10"/>
  <c r="G6451" i="10"/>
  <c r="G6452" i="10"/>
  <c r="G6453" i="10"/>
  <c r="G6454" i="10"/>
  <c r="G6455" i="10"/>
  <c r="G6456" i="10"/>
  <c r="G6457" i="10"/>
  <c r="G6458" i="10"/>
  <c r="G6459" i="10"/>
  <c r="G6460" i="10"/>
  <c r="G6461" i="10"/>
  <c r="G6462" i="10"/>
  <c r="G6463" i="10"/>
  <c r="G6464" i="10"/>
  <c r="G6465" i="10"/>
  <c r="G6466" i="10"/>
  <c r="G6467" i="10"/>
  <c r="G6468" i="10"/>
  <c r="G6469" i="10"/>
  <c r="G6470" i="10"/>
  <c r="G6471" i="10"/>
  <c r="G6472" i="10"/>
  <c r="G6473" i="10"/>
  <c r="G6474" i="10"/>
  <c r="G6475" i="10"/>
  <c r="G6476" i="10"/>
  <c r="G6477" i="10"/>
  <c r="G6478" i="10"/>
  <c r="G6479" i="10"/>
  <c r="G6480" i="10"/>
  <c r="G6481" i="10"/>
  <c r="G6482" i="10"/>
  <c r="G6483" i="10"/>
  <c r="G6484" i="10"/>
  <c r="G6485" i="10"/>
  <c r="G6486" i="10"/>
  <c r="G6487" i="10"/>
  <c r="G6488" i="10"/>
  <c r="G6489" i="10"/>
  <c r="G6490" i="10"/>
  <c r="G6491" i="10"/>
  <c r="G6492" i="10"/>
  <c r="G6493" i="10"/>
  <c r="G6494" i="10"/>
  <c r="G6495" i="10"/>
  <c r="G6496" i="10"/>
  <c r="G6497" i="10"/>
  <c r="G6498" i="10"/>
  <c r="G6499" i="10"/>
  <c r="G6500" i="10"/>
  <c r="G6501" i="10"/>
  <c r="G6502" i="10"/>
  <c r="G6503" i="10"/>
  <c r="G6504" i="10"/>
  <c r="G6505" i="10"/>
  <c r="G6506" i="10"/>
  <c r="G6507" i="10"/>
  <c r="G6508" i="10"/>
  <c r="G6509" i="10"/>
  <c r="G6510" i="10"/>
  <c r="G6511" i="10"/>
  <c r="G6512" i="10"/>
  <c r="G6513" i="10"/>
  <c r="G6514" i="10"/>
  <c r="G6515" i="10"/>
  <c r="G6516" i="10"/>
  <c r="G6517" i="10"/>
  <c r="G6518" i="10"/>
  <c r="G6519" i="10"/>
  <c r="G6520" i="10"/>
  <c r="G6521" i="10"/>
  <c r="G6522" i="10"/>
  <c r="G6523" i="10"/>
  <c r="G6524" i="10"/>
  <c r="G6525" i="10"/>
  <c r="G6526" i="10"/>
  <c r="G6527" i="10"/>
  <c r="G6528" i="10"/>
  <c r="G6529" i="10"/>
  <c r="G6530" i="10"/>
  <c r="G6531" i="10"/>
  <c r="G6532" i="10"/>
  <c r="G6533" i="10"/>
  <c r="G6534" i="10"/>
  <c r="G6535" i="10"/>
  <c r="G6536" i="10"/>
  <c r="G6537" i="10"/>
  <c r="G6538" i="10"/>
  <c r="G6539" i="10"/>
  <c r="G6540" i="10"/>
  <c r="G6541" i="10"/>
  <c r="G6542" i="10"/>
  <c r="G6543" i="10"/>
  <c r="G6544" i="10"/>
  <c r="G6545" i="10"/>
  <c r="G6546" i="10"/>
  <c r="G6547" i="10"/>
  <c r="G6548" i="10"/>
  <c r="G6549" i="10"/>
  <c r="G6550" i="10"/>
  <c r="G6551" i="10"/>
  <c r="G6552" i="10"/>
  <c r="G6553" i="10"/>
  <c r="G6554" i="10"/>
  <c r="G6555" i="10"/>
  <c r="G6556" i="10"/>
  <c r="G6557" i="10"/>
  <c r="G6558" i="10"/>
  <c r="G6559" i="10"/>
  <c r="G6560" i="10"/>
  <c r="G6561" i="10"/>
  <c r="G6562" i="10"/>
  <c r="G6563" i="10"/>
  <c r="G6564" i="10"/>
  <c r="G6565" i="10"/>
  <c r="G6566" i="10"/>
  <c r="G6567" i="10"/>
  <c r="G6568" i="10"/>
  <c r="G6569" i="10"/>
  <c r="G6570" i="10"/>
  <c r="G6571" i="10"/>
  <c r="G6572" i="10"/>
  <c r="G6573" i="10"/>
  <c r="G6574" i="10"/>
  <c r="G6575" i="10"/>
  <c r="G6576" i="10"/>
  <c r="G6577" i="10"/>
  <c r="G6578" i="10"/>
  <c r="G6579" i="10"/>
  <c r="G6580" i="10"/>
  <c r="G6581" i="10"/>
  <c r="G6582" i="10"/>
  <c r="G6583" i="10"/>
  <c r="G6584" i="10"/>
  <c r="G6585" i="10"/>
  <c r="G6586" i="10"/>
  <c r="G6587" i="10"/>
  <c r="G6588" i="10"/>
  <c r="G6589" i="10"/>
  <c r="G6590" i="10"/>
  <c r="G6591" i="10"/>
  <c r="G6592" i="10"/>
  <c r="G6593" i="10"/>
  <c r="G6594" i="10"/>
  <c r="G6595" i="10"/>
  <c r="G6596" i="10"/>
  <c r="G6597" i="10"/>
  <c r="G6598" i="10"/>
  <c r="G6599" i="10"/>
  <c r="G6600" i="10"/>
  <c r="G6601" i="10"/>
  <c r="G6602" i="10"/>
  <c r="G6603" i="10"/>
  <c r="G6604" i="10"/>
  <c r="G6605" i="10"/>
  <c r="G6606" i="10"/>
  <c r="G6607" i="10"/>
  <c r="G6608" i="10"/>
  <c r="G6609" i="10"/>
  <c r="G6610" i="10"/>
  <c r="G6611" i="10"/>
  <c r="G6612" i="10"/>
  <c r="G6613" i="10"/>
  <c r="G6614" i="10"/>
  <c r="G6615" i="10"/>
  <c r="G6616" i="10"/>
  <c r="G6617" i="10"/>
  <c r="G6618" i="10"/>
  <c r="G6619" i="10"/>
  <c r="G6620" i="10"/>
  <c r="G6621" i="10"/>
  <c r="G6622" i="10"/>
  <c r="G6623" i="10"/>
  <c r="G6624" i="10"/>
  <c r="G6625" i="10"/>
  <c r="G6626" i="10"/>
  <c r="G6627" i="10"/>
  <c r="G6628" i="10"/>
  <c r="G6629" i="10"/>
  <c r="G6630" i="10"/>
  <c r="G6631" i="10"/>
  <c r="G6632" i="10"/>
  <c r="G6633" i="10"/>
  <c r="G6634" i="10"/>
  <c r="G6635" i="10"/>
  <c r="G6636" i="10"/>
  <c r="G6637" i="10"/>
  <c r="G6638" i="10"/>
  <c r="G6639" i="10"/>
  <c r="G6640" i="10"/>
  <c r="G6641" i="10"/>
  <c r="G6642" i="10"/>
  <c r="G6643" i="10"/>
  <c r="G6644" i="10"/>
  <c r="G6645" i="10"/>
  <c r="G6646" i="10"/>
  <c r="G6647" i="10"/>
  <c r="G6648" i="10"/>
  <c r="G6649" i="10"/>
  <c r="G6650" i="10"/>
  <c r="G6651" i="10"/>
  <c r="G6652" i="10"/>
  <c r="G6653" i="10"/>
  <c r="G6654" i="10"/>
  <c r="G6655" i="10"/>
  <c r="G6656" i="10"/>
  <c r="G6657" i="10"/>
  <c r="G6658" i="10"/>
  <c r="G6659" i="10"/>
  <c r="G6660" i="10"/>
  <c r="G6661" i="10"/>
  <c r="G6662" i="10"/>
  <c r="G6663" i="10"/>
  <c r="G6664" i="10"/>
  <c r="G6665" i="10"/>
  <c r="G6666" i="10"/>
  <c r="G6667" i="10"/>
  <c r="G6668" i="10"/>
  <c r="G6669" i="10"/>
  <c r="G6670" i="10"/>
  <c r="G6671" i="10"/>
  <c r="G6672" i="10"/>
  <c r="G6673" i="10"/>
  <c r="G6674" i="10"/>
  <c r="G6675" i="10"/>
  <c r="G6676" i="10"/>
  <c r="G6677" i="10"/>
  <c r="G6678" i="10"/>
  <c r="G6679" i="10"/>
  <c r="G6680" i="10"/>
  <c r="G6681" i="10"/>
  <c r="G6682" i="10"/>
  <c r="G6683" i="10"/>
  <c r="G6684" i="10"/>
  <c r="G6685" i="10"/>
  <c r="G6686" i="10"/>
  <c r="G6687" i="10"/>
  <c r="G6688" i="10"/>
  <c r="G6689" i="10"/>
  <c r="G6690" i="10"/>
  <c r="G6691" i="10"/>
  <c r="G6692" i="10"/>
  <c r="G6693" i="10"/>
  <c r="G6694" i="10"/>
  <c r="G6695" i="10"/>
  <c r="G6696" i="10"/>
  <c r="G6697" i="10"/>
  <c r="G6698" i="10"/>
  <c r="G6699" i="10"/>
  <c r="G6700" i="10"/>
  <c r="G6701" i="10"/>
  <c r="G6702" i="10"/>
  <c r="G6703" i="10"/>
  <c r="G6704" i="10"/>
  <c r="G6705" i="10"/>
  <c r="G6706" i="10"/>
  <c r="G6707" i="10"/>
  <c r="G6708" i="10"/>
  <c r="G6709" i="10"/>
  <c r="G6710" i="10"/>
  <c r="G6711" i="10"/>
  <c r="G6712" i="10"/>
  <c r="G6713" i="10"/>
  <c r="G6714" i="10"/>
  <c r="G6715" i="10"/>
  <c r="G6716" i="10"/>
  <c r="G6717" i="10"/>
  <c r="G6718" i="10"/>
  <c r="G6719" i="10"/>
  <c r="G6720" i="10"/>
  <c r="G6721" i="10"/>
  <c r="G6722" i="10"/>
  <c r="G6723" i="10"/>
  <c r="G6724" i="10"/>
  <c r="G6725" i="10"/>
  <c r="G6726" i="10"/>
  <c r="G6727" i="10"/>
  <c r="G6728" i="10"/>
  <c r="G6729" i="10"/>
  <c r="G6730" i="10"/>
  <c r="G6731" i="10"/>
  <c r="G6732" i="10"/>
  <c r="G6733" i="10"/>
  <c r="G6734" i="10"/>
  <c r="G6735" i="10"/>
  <c r="G6736" i="10"/>
  <c r="G6737" i="10"/>
  <c r="G6738" i="10"/>
  <c r="G6739" i="10"/>
  <c r="G6740" i="10"/>
  <c r="G6741" i="10"/>
  <c r="G6742" i="10"/>
  <c r="G6743" i="10"/>
  <c r="G6744" i="10"/>
  <c r="G6745" i="10"/>
  <c r="G6746" i="10"/>
  <c r="G6747" i="10"/>
  <c r="G6748" i="10"/>
  <c r="G6749" i="10"/>
  <c r="G6750" i="10"/>
  <c r="G6751" i="10"/>
  <c r="G6752" i="10"/>
  <c r="G6753" i="10"/>
  <c r="G6754" i="10"/>
  <c r="G6755" i="10"/>
  <c r="G6756" i="10"/>
  <c r="G6757" i="10"/>
  <c r="G6758" i="10"/>
  <c r="G6759" i="10"/>
  <c r="G6760" i="10"/>
  <c r="G6761" i="10"/>
  <c r="G6762" i="10"/>
  <c r="G6763" i="10"/>
  <c r="G6764" i="10"/>
  <c r="G6765" i="10"/>
  <c r="G6766" i="10"/>
  <c r="G6767" i="10"/>
  <c r="G6768" i="10"/>
  <c r="G6769" i="10"/>
  <c r="G6770" i="10"/>
  <c r="G6771" i="10"/>
  <c r="G6772" i="10"/>
  <c r="G6773" i="10"/>
  <c r="G6774" i="10"/>
  <c r="G6775" i="10"/>
  <c r="G6776" i="10"/>
  <c r="G6777" i="10"/>
  <c r="G6778" i="10"/>
  <c r="G6779" i="10"/>
  <c r="G6780" i="10"/>
  <c r="G6781" i="10"/>
  <c r="G6782" i="10"/>
  <c r="G6783" i="10"/>
  <c r="G6784" i="10"/>
  <c r="G6785" i="10"/>
  <c r="G6786" i="10"/>
  <c r="G6787" i="10"/>
  <c r="G6788" i="10"/>
  <c r="G6789" i="10"/>
  <c r="G6790" i="10"/>
  <c r="G6791" i="10"/>
  <c r="G6792" i="10"/>
  <c r="G6793" i="10"/>
  <c r="G6794" i="10"/>
  <c r="G6795" i="10"/>
  <c r="G6796" i="10"/>
  <c r="G6797" i="10"/>
  <c r="G6798" i="10"/>
  <c r="G6799" i="10"/>
  <c r="G6800" i="10"/>
  <c r="G6801" i="10"/>
  <c r="G6802" i="10"/>
  <c r="G6803" i="10"/>
  <c r="G6804" i="10"/>
  <c r="G6805" i="10"/>
  <c r="G6806" i="10"/>
  <c r="G6807" i="10"/>
  <c r="G6808" i="10"/>
  <c r="G6809" i="10"/>
  <c r="G6810" i="10"/>
  <c r="G6811" i="10"/>
  <c r="G6812" i="10"/>
  <c r="G6813" i="10"/>
  <c r="G6814" i="10"/>
  <c r="G6815" i="10"/>
  <c r="G6816" i="10"/>
  <c r="G6817" i="10"/>
  <c r="G6818" i="10"/>
  <c r="G6819" i="10"/>
  <c r="G6820" i="10"/>
  <c r="G6821" i="10"/>
  <c r="G6822" i="10"/>
  <c r="G6823" i="10"/>
  <c r="G6824" i="10"/>
  <c r="G6825" i="10"/>
  <c r="G6826" i="10"/>
  <c r="G6827" i="10"/>
  <c r="G6828" i="10"/>
  <c r="G6829" i="10"/>
  <c r="G6830" i="10"/>
  <c r="G6831" i="10"/>
  <c r="G6832" i="10"/>
  <c r="G6833" i="10"/>
  <c r="G6834" i="10"/>
  <c r="G6835" i="10"/>
  <c r="G6836" i="10"/>
  <c r="G6837" i="10"/>
  <c r="G6838" i="10"/>
  <c r="G6839" i="10"/>
  <c r="G6840" i="10"/>
  <c r="G6841" i="10"/>
  <c r="G6842" i="10"/>
  <c r="G6843" i="10"/>
  <c r="G6844" i="10"/>
  <c r="G6845" i="10"/>
  <c r="G6846" i="10"/>
  <c r="G6847" i="10"/>
  <c r="G6848" i="10"/>
  <c r="G6849" i="10"/>
  <c r="G6850" i="10"/>
  <c r="G6851" i="10"/>
  <c r="G6852" i="10"/>
  <c r="G6853" i="10"/>
  <c r="G6854" i="10"/>
  <c r="G6855" i="10"/>
  <c r="G6856" i="10"/>
  <c r="G6857" i="10"/>
  <c r="G6858" i="10"/>
  <c r="G6859" i="10"/>
  <c r="G6860" i="10"/>
  <c r="G6861" i="10"/>
  <c r="G6862" i="10"/>
  <c r="G6863" i="10"/>
  <c r="G6864" i="10"/>
  <c r="G6865" i="10"/>
  <c r="G6866" i="10"/>
  <c r="G6867" i="10"/>
  <c r="G6868" i="10"/>
  <c r="G6869" i="10"/>
  <c r="G6870" i="10"/>
  <c r="G6871" i="10"/>
  <c r="G6872" i="10"/>
  <c r="G6873" i="10"/>
  <c r="G6874" i="10"/>
  <c r="G6875" i="10"/>
  <c r="G6876" i="10"/>
  <c r="G6877" i="10"/>
  <c r="G6878" i="10"/>
  <c r="G6879" i="10"/>
  <c r="G6880" i="10"/>
  <c r="G6881" i="10"/>
  <c r="G6882" i="10"/>
  <c r="G6883" i="10"/>
  <c r="G6884" i="10"/>
  <c r="G6885" i="10"/>
  <c r="G6886" i="10"/>
  <c r="G6887" i="10"/>
  <c r="G6888" i="10"/>
  <c r="G6889" i="10"/>
  <c r="G6890" i="10"/>
  <c r="G6891" i="10"/>
  <c r="G6892" i="10"/>
  <c r="G6893" i="10"/>
  <c r="G6894" i="10"/>
  <c r="G6895" i="10"/>
  <c r="G6896" i="10"/>
  <c r="G6897" i="10"/>
  <c r="G6898" i="10"/>
  <c r="G6899" i="10"/>
  <c r="G6900" i="10"/>
  <c r="G6901" i="10"/>
  <c r="G6902" i="10"/>
  <c r="G6903" i="10"/>
  <c r="G6904" i="10"/>
  <c r="G6905" i="10"/>
  <c r="G6906" i="10"/>
  <c r="G6907" i="10"/>
  <c r="G6908" i="10"/>
  <c r="G6909" i="10"/>
  <c r="G6910" i="10"/>
  <c r="G6911" i="10"/>
  <c r="G6912" i="10"/>
  <c r="G6913" i="10"/>
  <c r="G6914" i="10"/>
  <c r="G6915" i="10"/>
  <c r="G6916" i="10"/>
  <c r="G6917" i="10"/>
  <c r="G6918" i="10"/>
  <c r="G6919" i="10"/>
  <c r="G6920" i="10"/>
  <c r="G6921" i="10"/>
  <c r="G6922" i="10"/>
  <c r="G6923" i="10"/>
  <c r="G6924" i="10"/>
  <c r="G6925" i="10"/>
  <c r="G6926" i="10"/>
  <c r="G6927" i="10"/>
  <c r="G6928" i="10"/>
  <c r="G6929" i="10"/>
  <c r="G6930" i="10"/>
  <c r="G6931" i="10"/>
  <c r="G6932" i="10"/>
  <c r="G6933" i="10"/>
  <c r="G6934" i="10"/>
  <c r="G6935" i="10"/>
  <c r="G6936" i="10"/>
  <c r="G6937" i="10"/>
  <c r="G6938" i="10"/>
  <c r="G6939" i="10"/>
  <c r="G6940" i="10"/>
  <c r="G6941" i="10"/>
  <c r="G6942" i="10"/>
  <c r="G6943" i="10"/>
  <c r="G6944" i="10"/>
  <c r="G6945" i="10"/>
  <c r="G6946" i="10"/>
  <c r="G6947" i="10"/>
  <c r="G6948" i="10"/>
  <c r="G6949" i="10"/>
  <c r="G6950" i="10"/>
  <c r="G6951" i="10"/>
  <c r="G6952" i="10"/>
  <c r="G6953" i="10"/>
  <c r="G6954" i="10"/>
  <c r="G6955" i="10"/>
  <c r="G6956" i="10"/>
  <c r="G6957" i="10"/>
  <c r="G6958" i="10"/>
  <c r="G6959" i="10"/>
  <c r="G6960" i="10"/>
  <c r="G6961" i="10"/>
  <c r="G6962" i="10"/>
  <c r="G6963" i="10"/>
  <c r="G6964" i="10"/>
  <c r="G6965" i="10"/>
  <c r="G6966" i="10"/>
  <c r="G6967" i="10"/>
  <c r="G6968" i="10"/>
  <c r="G6969" i="10"/>
  <c r="G6970" i="10"/>
  <c r="G6971" i="10"/>
  <c r="G6972" i="10"/>
  <c r="G6973" i="10"/>
  <c r="G6974" i="10"/>
  <c r="G6975" i="10"/>
  <c r="G6976" i="10"/>
  <c r="G6977" i="10"/>
  <c r="G6978" i="10"/>
  <c r="G6979" i="10"/>
  <c r="G6980" i="10"/>
  <c r="G6981" i="10"/>
  <c r="G6982" i="10"/>
  <c r="G6983" i="10"/>
  <c r="G6984" i="10"/>
  <c r="G6985" i="10"/>
  <c r="G6986" i="10"/>
  <c r="G6987" i="10"/>
  <c r="G6988" i="10"/>
  <c r="G6989" i="10"/>
  <c r="G6990" i="10"/>
  <c r="G6991" i="10"/>
  <c r="G6992" i="10"/>
  <c r="G6993" i="10"/>
  <c r="G6994" i="10"/>
  <c r="G6995" i="10"/>
  <c r="G6996" i="10"/>
  <c r="G6997" i="10"/>
  <c r="G6998" i="10"/>
  <c r="G6999" i="10"/>
  <c r="G7000" i="10"/>
  <c r="G7001" i="10"/>
  <c r="G7002" i="10"/>
  <c r="G7003" i="10"/>
  <c r="G7004" i="10"/>
  <c r="G7005" i="10"/>
  <c r="G7006" i="10"/>
  <c r="G7007" i="10"/>
  <c r="G7008" i="10"/>
  <c r="G7009" i="10"/>
  <c r="G7010" i="10"/>
  <c r="G7011" i="10"/>
  <c r="G7012" i="10"/>
  <c r="G7013" i="10"/>
  <c r="G7014" i="10"/>
  <c r="G7015" i="10"/>
  <c r="G7016" i="10"/>
  <c r="G7017" i="10"/>
  <c r="G7018" i="10"/>
  <c r="G7019" i="10"/>
  <c r="G7020" i="10"/>
  <c r="G7021" i="10"/>
  <c r="G7022" i="10"/>
  <c r="G7023" i="10"/>
  <c r="G7024" i="10"/>
  <c r="G7025" i="10"/>
  <c r="G7026" i="10"/>
  <c r="G7027" i="10"/>
  <c r="G7028" i="10"/>
  <c r="G7029" i="10"/>
  <c r="G7030" i="10"/>
  <c r="G7031" i="10"/>
  <c r="G7032" i="10"/>
  <c r="G7033" i="10"/>
  <c r="G7034" i="10"/>
  <c r="G7035" i="10"/>
  <c r="G7036" i="10"/>
  <c r="G7037" i="10"/>
  <c r="G7038" i="10"/>
  <c r="G7039" i="10"/>
  <c r="G7040" i="10"/>
  <c r="G7041" i="10"/>
  <c r="G7042" i="10"/>
  <c r="G7043" i="10"/>
  <c r="G7044" i="10"/>
  <c r="G7045" i="10"/>
  <c r="G7046" i="10"/>
  <c r="G7047" i="10"/>
  <c r="G7048" i="10"/>
  <c r="G7049" i="10"/>
  <c r="G7050" i="10"/>
  <c r="G7051" i="10"/>
  <c r="G7052" i="10"/>
  <c r="G7053" i="10"/>
  <c r="G7054" i="10"/>
  <c r="G7055" i="10"/>
  <c r="G7056" i="10"/>
  <c r="G7057" i="10"/>
  <c r="G7058" i="10"/>
  <c r="G7059" i="10"/>
  <c r="G7060" i="10"/>
  <c r="G7061" i="10"/>
  <c r="G7062" i="10"/>
  <c r="G7063" i="10"/>
  <c r="G7064" i="10"/>
  <c r="G7065" i="10"/>
  <c r="G7066" i="10"/>
  <c r="G7067" i="10"/>
  <c r="G7068" i="10"/>
  <c r="G7069" i="10"/>
  <c r="G7070" i="10"/>
  <c r="G7071" i="10"/>
  <c r="G7072" i="10"/>
  <c r="G7073" i="10"/>
  <c r="G7074" i="10"/>
  <c r="G7075" i="10"/>
  <c r="G7076" i="10"/>
  <c r="G7077" i="10"/>
  <c r="G7078" i="10"/>
  <c r="G7079" i="10"/>
  <c r="G7080" i="10"/>
  <c r="G7081" i="10"/>
  <c r="G7082" i="10"/>
  <c r="G7083" i="10"/>
  <c r="G7084" i="10"/>
  <c r="G7085" i="10"/>
  <c r="G7086" i="10"/>
  <c r="G7087" i="10"/>
  <c r="G7088" i="10"/>
  <c r="G7089" i="10"/>
  <c r="G7090" i="10"/>
  <c r="G7091" i="10"/>
  <c r="G7092" i="10"/>
  <c r="G7093" i="10"/>
  <c r="G7094" i="10"/>
  <c r="G7095" i="10"/>
  <c r="G7096" i="10"/>
  <c r="G7097" i="10"/>
  <c r="G7098" i="10"/>
  <c r="G7099" i="10"/>
  <c r="G7100" i="10"/>
  <c r="G7101" i="10"/>
  <c r="G7102" i="10"/>
  <c r="G7103" i="10"/>
  <c r="G7104" i="10"/>
  <c r="G7105" i="10"/>
  <c r="G7106" i="10"/>
  <c r="G7107" i="10"/>
  <c r="G7108" i="10"/>
  <c r="G7109" i="10"/>
  <c r="G7110" i="10"/>
  <c r="G7111" i="10"/>
  <c r="G7112" i="10"/>
  <c r="G7113" i="10"/>
  <c r="G7114" i="10"/>
  <c r="G7115" i="10"/>
  <c r="G7116" i="10"/>
  <c r="G7117" i="10"/>
  <c r="G7118" i="10"/>
  <c r="G7119" i="10"/>
  <c r="G7120" i="10"/>
  <c r="G7121" i="10"/>
  <c r="G7122" i="10"/>
  <c r="G7123" i="10"/>
  <c r="G7124" i="10"/>
  <c r="G7125" i="10"/>
  <c r="G7126" i="10"/>
  <c r="G7127" i="10"/>
  <c r="G7128" i="10"/>
  <c r="G7129" i="10"/>
  <c r="G7130" i="10"/>
  <c r="G7131" i="10"/>
  <c r="G7132" i="10"/>
  <c r="G7133" i="10"/>
  <c r="G7134" i="10"/>
  <c r="G7135" i="10"/>
  <c r="G7136" i="10"/>
  <c r="G7137" i="10"/>
  <c r="G7138" i="10"/>
  <c r="G7139" i="10"/>
  <c r="G7140" i="10"/>
  <c r="G7141" i="10"/>
  <c r="G7142" i="10"/>
  <c r="G7143" i="10"/>
  <c r="G7144" i="10"/>
  <c r="G7145" i="10"/>
  <c r="G7146" i="10"/>
  <c r="G7147" i="10"/>
  <c r="G7148" i="10"/>
  <c r="G7149" i="10"/>
  <c r="G7150" i="10"/>
  <c r="G7151" i="10"/>
  <c r="G7152" i="10"/>
  <c r="G7153" i="10"/>
  <c r="G7154" i="10"/>
  <c r="G7155" i="10"/>
  <c r="G7156" i="10"/>
  <c r="G7157" i="10"/>
  <c r="G7158" i="10"/>
  <c r="G7159" i="10"/>
  <c r="G7160" i="10"/>
  <c r="G7161" i="10"/>
  <c r="G7162" i="10"/>
  <c r="G7163" i="10"/>
  <c r="G7164" i="10"/>
  <c r="G7165" i="10"/>
  <c r="G7166" i="10"/>
  <c r="G7167" i="10"/>
  <c r="G7168" i="10"/>
  <c r="G7169" i="10"/>
  <c r="G7170" i="10"/>
  <c r="G7171" i="10"/>
  <c r="G7172" i="10"/>
  <c r="G7173" i="10"/>
  <c r="G7174" i="10"/>
  <c r="G7175" i="10"/>
  <c r="G7176" i="10"/>
  <c r="G7177" i="10"/>
  <c r="G7178" i="10"/>
  <c r="G7179" i="10"/>
  <c r="G7180" i="10"/>
  <c r="G7181" i="10"/>
  <c r="G7182" i="10"/>
  <c r="G7183" i="10"/>
  <c r="G7184" i="10"/>
  <c r="G7185" i="10"/>
  <c r="G7186" i="10"/>
  <c r="G7187" i="10"/>
  <c r="G7188" i="10"/>
  <c r="G7189" i="10"/>
  <c r="G7190" i="10"/>
  <c r="G7191" i="10"/>
  <c r="G7192" i="10"/>
  <c r="G7193" i="10"/>
  <c r="G7194" i="10"/>
  <c r="G7195" i="10"/>
  <c r="G7196" i="10"/>
  <c r="G7197" i="10"/>
  <c r="G7198" i="10"/>
  <c r="G7199" i="10"/>
  <c r="G7200" i="10"/>
  <c r="G7201" i="10"/>
  <c r="G7202" i="10"/>
  <c r="G7203" i="10"/>
  <c r="G7204" i="10"/>
  <c r="G7205" i="10"/>
  <c r="G7206" i="10"/>
  <c r="G7207" i="10"/>
  <c r="G7208" i="10"/>
  <c r="G7209" i="10"/>
  <c r="G7210" i="10"/>
  <c r="G7211" i="10"/>
  <c r="G7212" i="10"/>
  <c r="G7213" i="10"/>
  <c r="G7214" i="10"/>
  <c r="G7215" i="10"/>
  <c r="G7216" i="10"/>
  <c r="G7217" i="10"/>
  <c r="G7218" i="10"/>
  <c r="G7219" i="10"/>
  <c r="G7220" i="10"/>
  <c r="G7221" i="10"/>
  <c r="G7222" i="10"/>
  <c r="G7223" i="10"/>
  <c r="G7224" i="10"/>
  <c r="G7225" i="10"/>
  <c r="G7226" i="10"/>
  <c r="G7227" i="10"/>
  <c r="G7228" i="10"/>
  <c r="G7229" i="10"/>
  <c r="G7230" i="10"/>
  <c r="G7231" i="10"/>
  <c r="G7232" i="10"/>
  <c r="G7233" i="10"/>
  <c r="G7234" i="10"/>
  <c r="G7235" i="10"/>
  <c r="G7236" i="10"/>
  <c r="G7237" i="10"/>
  <c r="G7238" i="10"/>
  <c r="G7239" i="10"/>
  <c r="G7240" i="10"/>
  <c r="G7241" i="10"/>
  <c r="G7242" i="10"/>
  <c r="G7243" i="10"/>
  <c r="G7244" i="10"/>
  <c r="G7245" i="10"/>
  <c r="G7246" i="10"/>
  <c r="G7247" i="10"/>
  <c r="G7248" i="10"/>
  <c r="G7249" i="10"/>
  <c r="G7250" i="10"/>
  <c r="G7251" i="10"/>
  <c r="G7252" i="10"/>
  <c r="G7253" i="10"/>
  <c r="G7254" i="10"/>
  <c r="G7255" i="10"/>
  <c r="G7256" i="10"/>
  <c r="G7257" i="10"/>
  <c r="G7258" i="10"/>
  <c r="G7259" i="10"/>
  <c r="G7260" i="10"/>
  <c r="G7261" i="10"/>
  <c r="G7262" i="10"/>
  <c r="G7263" i="10"/>
  <c r="G7264" i="10"/>
  <c r="G7265" i="10"/>
  <c r="G7266" i="10"/>
  <c r="G7267" i="10"/>
  <c r="G7268" i="10"/>
  <c r="G7269" i="10"/>
  <c r="G7270" i="10"/>
  <c r="G7271" i="10"/>
  <c r="G7272" i="10"/>
  <c r="G7273" i="10"/>
  <c r="G7274" i="10"/>
  <c r="G7275" i="10"/>
  <c r="G7276" i="10"/>
  <c r="G7277" i="10"/>
  <c r="G7278" i="10"/>
  <c r="G7279" i="10"/>
  <c r="G7280" i="10"/>
  <c r="G7281" i="10"/>
  <c r="G7282" i="10"/>
  <c r="G7283" i="10"/>
  <c r="G7284" i="10"/>
  <c r="G7285" i="10"/>
  <c r="G7286" i="10"/>
  <c r="G7287" i="10"/>
  <c r="G7288" i="10"/>
  <c r="G7289" i="10"/>
  <c r="G7290" i="10"/>
  <c r="G7291" i="10"/>
  <c r="G7292" i="10"/>
  <c r="G7293" i="10"/>
  <c r="G7294" i="10"/>
  <c r="G7295" i="10"/>
  <c r="G7296" i="10"/>
  <c r="G7297" i="10"/>
  <c r="G7298" i="10"/>
  <c r="G7299" i="10"/>
  <c r="G7300" i="10"/>
  <c r="G7301" i="10"/>
  <c r="G7302" i="10"/>
  <c r="G7303" i="10"/>
  <c r="G7304" i="10"/>
  <c r="G7305" i="10"/>
  <c r="G7306" i="10"/>
  <c r="G7307" i="10"/>
  <c r="G7308" i="10"/>
  <c r="G7309" i="10"/>
  <c r="G7310" i="10"/>
  <c r="G7311" i="10"/>
  <c r="G7312" i="10"/>
  <c r="G7313" i="10"/>
  <c r="G7314" i="10"/>
  <c r="G7315" i="10"/>
  <c r="G7316" i="10"/>
  <c r="G7317" i="10"/>
  <c r="G7318" i="10"/>
  <c r="G7319" i="10"/>
  <c r="G7320" i="10"/>
  <c r="G7321" i="10"/>
  <c r="G7322" i="10"/>
  <c r="G7323" i="10"/>
  <c r="G7324" i="10"/>
  <c r="G7325" i="10"/>
  <c r="G7326" i="10"/>
  <c r="G7327" i="10"/>
  <c r="G7328" i="10"/>
  <c r="G7329" i="10"/>
  <c r="G7330" i="10"/>
  <c r="G7331" i="10"/>
  <c r="G7332" i="10"/>
  <c r="G7333" i="10"/>
  <c r="G7334" i="10"/>
  <c r="G7335" i="10"/>
  <c r="G7336" i="10"/>
  <c r="G7337" i="10"/>
  <c r="G7338" i="10"/>
  <c r="G7339" i="10"/>
  <c r="G7340" i="10"/>
  <c r="G7341" i="10"/>
  <c r="G7342" i="10"/>
  <c r="G7343" i="10"/>
  <c r="G7344" i="10"/>
  <c r="G7345" i="10"/>
  <c r="G7346" i="10"/>
  <c r="G7347" i="10"/>
  <c r="G7348" i="10"/>
  <c r="G7349" i="10"/>
  <c r="G7350" i="10"/>
  <c r="G7351" i="10"/>
  <c r="G7352" i="10"/>
  <c r="G7353" i="10"/>
  <c r="G7354" i="10"/>
  <c r="G7355" i="10"/>
  <c r="G7356" i="10"/>
  <c r="G7357" i="10"/>
  <c r="G7358" i="10"/>
  <c r="G7359" i="10"/>
  <c r="G7360" i="10"/>
  <c r="G7361" i="10"/>
  <c r="G7362" i="10"/>
  <c r="G7363" i="10"/>
  <c r="G7364" i="10"/>
  <c r="G7365" i="10"/>
  <c r="G7366" i="10"/>
  <c r="G7367" i="10"/>
  <c r="G7368" i="10"/>
  <c r="G7369" i="10"/>
  <c r="G7370" i="10"/>
  <c r="G7371" i="10"/>
  <c r="G7372" i="10"/>
  <c r="G7373" i="10"/>
  <c r="G7374" i="10"/>
  <c r="G7375" i="10"/>
  <c r="G7376" i="10"/>
  <c r="G7377" i="10"/>
  <c r="G7378" i="10"/>
  <c r="G7379" i="10"/>
  <c r="G7380" i="10"/>
  <c r="G7381" i="10"/>
  <c r="G7382" i="10"/>
  <c r="G7383" i="10"/>
  <c r="G7384" i="10"/>
  <c r="G7385" i="10"/>
  <c r="G7386" i="10"/>
  <c r="G7387" i="10"/>
  <c r="G7388" i="10"/>
  <c r="G7389" i="10"/>
  <c r="G7390" i="10"/>
  <c r="G7391" i="10"/>
  <c r="G7392" i="10"/>
  <c r="G7393" i="10"/>
  <c r="G7394" i="10"/>
  <c r="G7395" i="10"/>
  <c r="G7396" i="10"/>
  <c r="G7397" i="10"/>
  <c r="G7398" i="10"/>
  <c r="G7399" i="10"/>
  <c r="G7400" i="10"/>
  <c r="G7401" i="10"/>
  <c r="G7402" i="10"/>
  <c r="G7403" i="10"/>
  <c r="G7404" i="10"/>
  <c r="G7405" i="10"/>
  <c r="G7406" i="10"/>
  <c r="G7407" i="10"/>
  <c r="G7408" i="10"/>
  <c r="G7409" i="10"/>
  <c r="G7410" i="10"/>
  <c r="G7411" i="10"/>
  <c r="G7412" i="10"/>
  <c r="G7413" i="10"/>
  <c r="G7414" i="10"/>
  <c r="G7415" i="10"/>
  <c r="G7416" i="10"/>
  <c r="G7417" i="10"/>
  <c r="G7418" i="10"/>
  <c r="G7419" i="10"/>
  <c r="G7420" i="10"/>
  <c r="G7421" i="10"/>
  <c r="G7422" i="10"/>
  <c r="G7423" i="10"/>
  <c r="G7424" i="10"/>
  <c r="G7425" i="10"/>
  <c r="G7426" i="10"/>
  <c r="G7427" i="10"/>
  <c r="G7428" i="10"/>
  <c r="G7429" i="10"/>
  <c r="G7430" i="10"/>
  <c r="G7431" i="10"/>
  <c r="G7432" i="10"/>
  <c r="G7433" i="10"/>
  <c r="G7434" i="10"/>
  <c r="G7435" i="10"/>
  <c r="G7436" i="10"/>
  <c r="G7437" i="10"/>
  <c r="G7438" i="10"/>
  <c r="G7439" i="10"/>
  <c r="G7440" i="10"/>
  <c r="G7441" i="10"/>
  <c r="G7442" i="10"/>
  <c r="G7443" i="10"/>
  <c r="G7444" i="10"/>
  <c r="G7445" i="10"/>
  <c r="G7446" i="10"/>
  <c r="G7447" i="10"/>
  <c r="G7448" i="10"/>
  <c r="G7449" i="10"/>
  <c r="G7450" i="10"/>
  <c r="G7451" i="10"/>
  <c r="G7452" i="10"/>
  <c r="G7453" i="10"/>
  <c r="G7454" i="10"/>
  <c r="G7455" i="10"/>
  <c r="G7456" i="10"/>
  <c r="G7457" i="10"/>
  <c r="G7458" i="10"/>
  <c r="G7459" i="10"/>
  <c r="G7460" i="10"/>
  <c r="G7461" i="10"/>
  <c r="G7462" i="10"/>
  <c r="J27" i="22"/>
  <c r="F4" i="26" l="1"/>
  <c r="E5" i="26"/>
  <c r="F5" i="26"/>
  <c r="E4" i="26"/>
  <c r="N14" i="10"/>
  <c r="FY100" i="14"/>
  <c r="HY84" i="14"/>
  <c r="HL90" i="14"/>
  <c r="GL90" i="14"/>
  <c r="GY98" i="14"/>
  <c r="HL96" i="14"/>
  <c r="GY88" i="14"/>
  <c r="FL93" i="14"/>
  <c r="FY88" i="14"/>
  <c r="FL85" i="14"/>
  <c r="HY99" i="14"/>
  <c r="FY95" i="14"/>
  <c r="GY92" i="14"/>
  <c r="HL99" i="14"/>
  <c r="FY93" i="14"/>
  <c r="FL90" i="14"/>
  <c r="GL89" i="14"/>
  <c r="HL87" i="14"/>
  <c r="GY83" i="14"/>
  <c r="FL95" i="14"/>
  <c r="FL94" i="14"/>
  <c r="HY93" i="14"/>
  <c r="FL88" i="14"/>
  <c r="GL88" i="14"/>
  <c r="FL84" i="14"/>
  <c r="HL83" i="14"/>
  <c r="GL95" i="14"/>
  <c r="HY97" i="14"/>
  <c r="GY93" i="14"/>
  <c r="HL92" i="14"/>
  <c r="FY90" i="14"/>
  <c r="GL86" i="14"/>
  <c r="FY83" i="14"/>
  <c r="FL87" i="14"/>
  <c r="GL84" i="14"/>
  <c r="FL83" i="14"/>
  <c r="FY96" i="14"/>
  <c r="HY96" i="14"/>
  <c r="DY100" i="14"/>
  <c r="GY100" i="14" s="1"/>
  <c r="DL100" i="14"/>
  <c r="GL100" i="14" s="1"/>
  <c r="CY97" i="14"/>
  <c r="FY97" i="14" s="1"/>
  <c r="CL97" i="14"/>
  <c r="FL97" i="14" s="1"/>
  <c r="GY96" i="14"/>
  <c r="GL99" i="14"/>
  <c r="DY99" i="14"/>
  <c r="GY99" i="14" s="1"/>
  <c r="FY94" i="14"/>
  <c r="GY94" i="14"/>
  <c r="EL94" i="14"/>
  <c r="HL94" i="14" s="1"/>
  <c r="EY94" i="14"/>
  <c r="HY94" i="14" s="1"/>
  <c r="GY89" i="14"/>
  <c r="CY89" i="14"/>
  <c r="FY89" i="14" s="1"/>
  <c r="CL89" i="14"/>
  <c r="FL89" i="14" s="1"/>
  <c r="CL86" i="14"/>
  <c r="FL86" i="14" s="1"/>
  <c r="CY86" i="14"/>
  <c r="FY86" i="14" s="1"/>
  <c r="DL87" i="14"/>
  <c r="GL87" i="14" s="1"/>
  <c r="DY84" i="14"/>
  <c r="GY84" i="14" s="1"/>
  <c r="DL83" i="14"/>
  <c r="GL83" i="14" s="1"/>
  <c r="J7461" i="10"/>
  <c r="L7461" i="10" s="1"/>
  <c r="J7453" i="10"/>
  <c r="L7453" i="10" s="1"/>
  <c r="J7445" i="10"/>
  <c r="L7445" i="10" s="1"/>
  <c r="J7437" i="10"/>
  <c r="L7437" i="10" s="1"/>
  <c r="J7429" i="10"/>
  <c r="L7429" i="10" s="1"/>
  <c r="J7421" i="10"/>
  <c r="L7421" i="10" s="1"/>
  <c r="J7413" i="10"/>
  <c r="L7413" i="10" s="1"/>
  <c r="J7405" i="10"/>
  <c r="L7405" i="10" s="1"/>
  <c r="J7397" i="10"/>
  <c r="L7397" i="10" s="1"/>
  <c r="J7389" i="10"/>
  <c r="L7389" i="10" s="1"/>
  <c r="J7381" i="10"/>
  <c r="L7381" i="10" s="1"/>
  <c r="J7373" i="10"/>
  <c r="L7373" i="10" s="1"/>
  <c r="J7365" i="10"/>
  <c r="L7365" i="10" s="1"/>
  <c r="J7357" i="10"/>
  <c r="L7357" i="10" s="1"/>
  <c r="J7349" i="10"/>
  <c r="L7349" i="10" s="1"/>
  <c r="J7341" i="10"/>
  <c r="L7341" i="10" s="1"/>
  <c r="J7333" i="10"/>
  <c r="L7333" i="10" s="1"/>
  <c r="J7325" i="10"/>
  <c r="L7325" i="10" s="1"/>
  <c r="J7317" i="10"/>
  <c r="L7317" i="10" s="1"/>
  <c r="J7309" i="10"/>
  <c r="L7309" i="10" s="1"/>
  <c r="J7301" i="10"/>
  <c r="L7301" i="10" s="1"/>
  <c r="J7293" i="10"/>
  <c r="L7293" i="10" s="1"/>
  <c r="J7285" i="10"/>
  <c r="L7285" i="10" s="1"/>
  <c r="J7277" i="10"/>
  <c r="L7277" i="10" s="1"/>
  <c r="J7269" i="10"/>
  <c r="L7269" i="10" s="1"/>
  <c r="J7261" i="10"/>
  <c r="L7261" i="10" s="1"/>
  <c r="J7253" i="10"/>
  <c r="L7253" i="10" s="1"/>
  <c r="J7245" i="10"/>
  <c r="L7245" i="10" s="1"/>
  <c r="J7237" i="10"/>
  <c r="L7237" i="10" s="1"/>
  <c r="J7229" i="10"/>
  <c r="L7229" i="10" s="1"/>
  <c r="J7221" i="10"/>
  <c r="L7221" i="10" s="1"/>
  <c r="J7213" i="10"/>
  <c r="L7213" i="10" s="1"/>
  <c r="J7205" i="10"/>
  <c r="L7205" i="10" s="1"/>
  <c r="J7197" i="10"/>
  <c r="L7197" i="10" s="1"/>
  <c r="J7189" i="10"/>
  <c r="L7189" i="10" s="1"/>
  <c r="J7181" i="10"/>
  <c r="L7181" i="10" s="1"/>
  <c r="J7173" i="10"/>
  <c r="L7173" i="10" s="1"/>
  <c r="J7165" i="10"/>
  <c r="L7165" i="10" s="1"/>
  <c r="J7157" i="10"/>
  <c r="L7157" i="10" s="1"/>
  <c r="J7149" i="10"/>
  <c r="L7149" i="10" s="1"/>
  <c r="J7141" i="10"/>
  <c r="L7141" i="10" s="1"/>
  <c r="J7133" i="10"/>
  <c r="L7133" i="10" s="1"/>
  <c r="J7125" i="10"/>
  <c r="L7125" i="10" s="1"/>
  <c r="J7117" i="10"/>
  <c r="L7117" i="10" s="1"/>
  <c r="J7109" i="10"/>
  <c r="L7109" i="10" s="1"/>
  <c r="J7101" i="10"/>
  <c r="L7101" i="10" s="1"/>
  <c r="J7093" i="10"/>
  <c r="L7093" i="10" s="1"/>
  <c r="J7085" i="10"/>
  <c r="L7085" i="10" s="1"/>
  <c r="J7077" i="10"/>
  <c r="L7077" i="10" s="1"/>
  <c r="J7069" i="10"/>
  <c r="L7069" i="10" s="1"/>
  <c r="J7061" i="10"/>
  <c r="L7061" i="10" s="1"/>
  <c r="J7053" i="10"/>
  <c r="L7053" i="10" s="1"/>
  <c r="J7045" i="10"/>
  <c r="L7045" i="10" s="1"/>
  <c r="J7037" i="10"/>
  <c r="L7037" i="10" s="1"/>
  <c r="J7029" i="10"/>
  <c r="L7029" i="10" s="1"/>
  <c r="J7021" i="10"/>
  <c r="L7021" i="10" s="1"/>
  <c r="J7013" i="10"/>
  <c r="L7013" i="10" s="1"/>
  <c r="J7005" i="10"/>
  <c r="L7005" i="10" s="1"/>
  <c r="J6997" i="10"/>
  <c r="L6997" i="10" s="1"/>
  <c r="J6989" i="10"/>
  <c r="L6989" i="10" s="1"/>
  <c r="J6981" i="10"/>
  <c r="L6981" i="10" s="1"/>
  <c r="J6973" i="10"/>
  <c r="L6973" i="10" s="1"/>
  <c r="J6965" i="10"/>
  <c r="L6965" i="10" s="1"/>
  <c r="J6957" i="10"/>
  <c r="L6957" i="10" s="1"/>
  <c r="J6949" i="10"/>
  <c r="L6949" i="10" s="1"/>
  <c r="J6941" i="10"/>
  <c r="L6941" i="10" s="1"/>
  <c r="J6933" i="10"/>
  <c r="L6933" i="10" s="1"/>
  <c r="J6925" i="10"/>
  <c r="L6925" i="10" s="1"/>
  <c r="J6917" i="10"/>
  <c r="L6917" i="10" s="1"/>
  <c r="J6909" i="10"/>
  <c r="L6909" i="10" s="1"/>
  <c r="J6901" i="10"/>
  <c r="L6901" i="10" s="1"/>
  <c r="J6893" i="10"/>
  <c r="L6893" i="10" s="1"/>
  <c r="J6885" i="10"/>
  <c r="L6885" i="10" s="1"/>
  <c r="J6877" i="10"/>
  <c r="L6877" i="10" s="1"/>
  <c r="J6869" i="10"/>
  <c r="L6869" i="10" s="1"/>
  <c r="J6861" i="10"/>
  <c r="L6861" i="10" s="1"/>
  <c r="J6853" i="10"/>
  <c r="L6853" i="10" s="1"/>
  <c r="J6845" i="10"/>
  <c r="L6845" i="10" s="1"/>
  <c r="J6837" i="10"/>
  <c r="L6837" i="10" s="1"/>
  <c r="J6829" i="10"/>
  <c r="L6829" i="10" s="1"/>
  <c r="J6821" i="10"/>
  <c r="L6821" i="10" s="1"/>
  <c r="J6813" i="10"/>
  <c r="L6813" i="10" s="1"/>
  <c r="J6805" i="10"/>
  <c r="L6805" i="10" s="1"/>
  <c r="J6797" i="10"/>
  <c r="L6797" i="10" s="1"/>
  <c r="J6789" i="10"/>
  <c r="L6789" i="10" s="1"/>
  <c r="J6781" i="10"/>
  <c r="L6781" i="10" s="1"/>
  <c r="J6773" i="10"/>
  <c r="L6773" i="10" s="1"/>
  <c r="J6765" i="10"/>
  <c r="L6765" i="10" s="1"/>
  <c r="J6757" i="10"/>
  <c r="L6757" i="10" s="1"/>
  <c r="J6749" i="10"/>
  <c r="L6749" i="10" s="1"/>
  <c r="J6741" i="10"/>
  <c r="L6741" i="10" s="1"/>
  <c r="J6733" i="10"/>
  <c r="L6733" i="10" s="1"/>
  <c r="J6725" i="10"/>
  <c r="L6725" i="10" s="1"/>
  <c r="J6717" i="10"/>
  <c r="L6717" i="10" s="1"/>
  <c r="J6709" i="10"/>
  <c r="L6709" i="10" s="1"/>
  <c r="J6701" i="10"/>
  <c r="L6701" i="10" s="1"/>
  <c r="J6693" i="10"/>
  <c r="L6693" i="10" s="1"/>
  <c r="J6685" i="10"/>
  <c r="L6685" i="10" s="1"/>
  <c r="J6677" i="10"/>
  <c r="L6677" i="10" s="1"/>
  <c r="J6669" i="10"/>
  <c r="L6669" i="10" s="1"/>
  <c r="J6661" i="10"/>
  <c r="L6661" i="10" s="1"/>
  <c r="J6653" i="10"/>
  <c r="L6653" i="10" s="1"/>
  <c r="J6645" i="10"/>
  <c r="L6645" i="10" s="1"/>
  <c r="J6637" i="10"/>
  <c r="L6637" i="10" s="1"/>
  <c r="J6629" i="10"/>
  <c r="L6629" i="10" s="1"/>
  <c r="J6621" i="10"/>
  <c r="L6621" i="10" s="1"/>
  <c r="J6613" i="10"/>
  <c r="L6613" i="10" s="1"/>
  <c r="J6605" i="10"/>
  <c r="L6605" i="10" s="1"/>
  <c r="J6597" i="10"/>
  <c r="L6597" i="10" s="1"/>
  <c r="J6589" i="10"/>
  <c r="L6589" i="10" s="1"/>
  <c r="J6581" i="10"/>
  <c r="L6581" i="10" s="1"/>
  <c r="J6573" i="10"/>
  <c r="L6573" i="10" s="1"/>
  <c r="J6565" i="10"/>
  <c r="L6565" i="10" s="1"/>
  <c r="J6557" i="10"/>
  <c r="L6557" i="10" s="1"/>
  <c r="J6549" i="10"/>
  <c r="L6549" i="10" s="1"/>
  <c r="J6541" i="10"/>
  <c r="L6541" i="10" s="1"/>
  <c r="J6533" i="10"/>
  <c r="L6533" i="10" s="1"/>
  <c r="J6525" i="10"/>
  <c r="L6525" i="10" s="1"/>
  <c r="J6517" i="10"/>
  <c r="L6517" i="10" s="1"/>
  <c r="J6509" i="10"/>
  <c r="L6509" i="10" s="1"/>
  <c r="J6501" i="10"/>
  <c r="L6501" i="10" s="1"/>
  <c r="J6493" i="10"/>
  <c r="L6493" i="10" s="1"/>
  <c r="J6485" i="10"/>
  <c r="L6485" i="10" s="1"/>
  <c r="J6477" i="10"/>
  <c r="L6477" i="10" s="1"/>
  <c r="J6469" i="10"/>
  <c r="L6469" i="10" s="1"/>
  <c r="J6461" i="10"/>
  <c r="L6461" i="10" s="1"/>
  <c r="J6453" i="10"/>
  <c r="L6453" i="10" s="1"/>
  <c r="J6445" i="10"/>
  <c r="L6445" i="10" s="1"/>
  <c r="J6437" i="10"/>
  <c r="L6437" i="10" s="1"/>
  <c r="J6429" i="10"/>
  <c r="L6429" i="10" s="1"/>
  <c r="J6421" i="10"/>
  <c r="L6421" i="10" s="1"/>
  <c r="J6413" i="10"/>
  <c r="L6413" i="10" s="1"/>
  <c r="J6405" i="10"/>
  <c r="L6405" i="10" s="1"/>
  <c r="J6397" i="10"/>
  <c r="L6397" i="10" s="1"/>
  <c r="J6389" i="10"/>
  <c r="L6389" i="10" s="1"/>
  <c r="J6381" i="10"/>
  <c r="L6381" i="10" s="1"/>
  <c r="J6373" i="10"/>
  <c r="L6373" i="10" s="1"/>
  <c r="J6365" i="10"/>
  <c r="L6365" i="10" s="1"/>
  <c r="J6357" i="10"/>
  <c r="L6357" i="10" s="1"/>
  <c r="J6349" i="10"/>
  <c r="L6349" i="10" s="1"/>
  <c r="J6341" i="10"/>
  <c r="L6341" i="10" s="1"/>
  <c r="J6333" i="10"/>
  <c r="L6333" i="10" s="1"/>
  <c r="J6325" i="10"/>
  <c r="L6325" i="10" s="1"/>
  <c r="J6317" i="10"/>
  <c r="L6317" i="10" s="1"/>
  <c r="J6309" i="10"/>
  <c r="L6309" i="10" s="1"/>
  <c r="J6301" i="10"/>
  <c r="L6301" i="10" s="1"/>
  <c r="J6293" i="10"/>
  <c r="L6293" i="10" s="1"/>
  <c r="J6285" i="10"/>
  <c r="L6285" i="10" s="1"/>
  <c r="J6277" i="10"/>
  <c r="L6277" i="10" s="1"/>
  <c r="J6269" i="10"/>
  <c r="L6269" i="10" s="1"/>
  <c r="J6261" i="10"/>
  <c r="L6261" i="10" s="1"/>
  <c r="J6253" i="10"/>
  <c r="L6253" i="10" s="1"/>
  <c r="J6245" i="10"/>
  <c r="L6245" i="10" s="1"/>
  <c r="J6237" i="10"/>
  <c r="L6237" i="10" s="1"/>
  <c r="J6229" i="10"/>
  <c r="L6229" i="10" s="1"/>
  <c r="J6221" i="10"/>
  <c r="L6221" i="10" s="1"/>
  <c r="J6213" i="10"/>
  <c r="L6213" i="10" s="1"/>
  <c r="J6205" i="10"/>
  <c r="L6205" i="10" s="1"/>
  <c r="J6197" i="10"/>
  <c r="L6197" i="10" s="1"/>
  <c r="J6189" i="10"/>
  <c r="L6189" i="10" s="1"/>
  <c r="J6181" i="10"/>
  <c r="L6181" i="10" s="1"/>
  <c r="J6173" i="10"/>
  <c r="L6173" i="10" s="1"/>
  <c r="J6165" i="10"/>
  <c r="L6165" i="10" s="1"/>
  <c r="J6157" i="10"/>
  <c r="L6157" i="10" s="1"/>
  <c r="J6149" i="10"/>
  <c r="L6149" i="10" s="1"/>
  <c r="J6141" i="10"/>
  <c r="L6141" i="10" s="1"/>
  <c r="J6133" i="10"/>
  <c r="L6133" i="10" s="1"/>
  <c r="J6125" i="10"/>
  <c r="L6125" i="10" s="1"/>
  <c r="J6117" i="10"/>
  <c r="L6117" i="10" s="1"/>
  <c r="J6109" i="10"/>
  <c r="L6109" i="10" s="1"/>
  <c r="J6101" i="10"/>
  <c r="L6101" i="10" s="1"/>
  <c r="J6093" i="10"/>
  <c r="L6093" i="10" s="1"/>
  <c r="J6085" i="10"/>
  <c r="L6085" i="10" s="1"/>
  <c r="J6077" i="10"/>
  <c r="L6077" i="10" s="1"/>
  <c r="J6069" i="10"/>
  <c r="L6069" i="10" s="1"/>
  <c r="J6061" i="10"/>
  <c r="L6061" i="10" s="1"/>
  <c r="J6053" i="10"/>
  <c r="L6053" i="10" s="1"/>
  <c r="J6045" i="10"/>
  <c r="L6045" i="10" s="1"/>
  <c r="J6037" i="10"/>
  <c r="L6037" i="10" s="1"/>
  <c r="J6029" i="10"/>
  <c r="L6029" i="10" s="1"/>
  <c r="J6021" i="10"/>
  <c r="L6021" i="10" s="1"/>
  <c r="J6013" i="10"/>
  <c r="L6013" i="10" s="1"/>
  <c r="J6005" i="10"/>
  <c r="L6005" i="10" s="1"/>
  <c r="J5997" i="10"/>
  <c r="L5997" i="10" s="1"/>
  <c r="J5989" i="10"/>
  <c r="L5989" i="10" s="1"/>
  <c r="J5981" i="10"/>
  <c r="L5981" i="10" s="1"/>
  <c r="J5973" i="10"/>
  <c r="L5973" i="10" s="1"/>
  <c r="J5965" i="10"/>
  <c r="L5965" i="10" s="1"/>
  <c r="J5957" i="10"/>
  <c r="L5957" i="10" s="1"/>
  <c r="J5949" i="10"/>
  <c r="L5949" i="10" s="1"/>
  <c r="J5941" i="10"/>
  <c r="L5941" i="10" s="1"/>
  <c r="J5933" i="10"/>
  <c r="L5933" i="10" s="1"/>
  <c r="J5925" i="10"/>
  <c r="L5925" i="10" s="1"/>
  <c r="J5917" i="10"/>
  <c r="L5917" i="10" s="1"/>
  <c r="J5909" i="10"/>
  <c r="L5909" i="10" s="1"/>
  <c r="J5901" i="10"/>
  <c r="L5901" i="10" s="1"/>
  <c r="J5893" i="10"/>
  <c r="L5893" i="10" s="1"/>
  <c r="J5885" i="10"/>
  <c r="L5885" i="10" s="1"/>
  <c r="J5877" i="10"/>
  <c r="L5877" i="10" s="1"/>
  <c r="J7460" i="10"/>
  <c r="L7460" i="10" s="1"/>
  <c r="J7452" i="10"/>
  <c r="L7452" i="10" s="1"/>
  <c r="J7444" i="10"/>
  <c r="L7444" i="10" s="1"/>
  <c r="J7436" i="10"/>
  <c r="L7436" i="10" s="1"/>
  <c r="J7428" i="10"/>
  <c r="L7428" i="10" s="1"/>
  <c r="J7420" i="10"/>
  <c r="L7420" i="10" s="1"/>
  <c r="J7412" i="10"/>
  <c r="L7412" i="10" s="1"/>
  <c r="J7404" i="10"/>
  <c r="L7404" i="10" s="1"/>
  <c r="J7396" i="10"/>
  <c r="L7396" i="10" s="1"/>
  <c r="J7388" i="10"/>
  <c r="L7388" i="10" s="1"/>
  <c r="J7380" i="10"/>
  <c r="L7380" i="10" s="1"/>
  <c r="J7372" i="10"/>
  <c r="L7372" i="10" s="1"/>
  <c r="J7364" i="10"/>
  <c r="L7364" i="10" s="1"/>
  <c r="J7356" i="10"/>
  <c r="L7356" i="10" s="1"/>
  <c r="J7348" i="10"/>
  <c r="L7348" i="10" s="1"/>
  <c r="J7340" i="10"/>
  <c r="L7340" i="10" s="1"/>
  <c r="J7332" i="10"/>
  <c r="L7332" i="10" s="1"/>
  <c r="J7324" i="10"/>
  <c r="L7324" i="10" s="1"/>
  <c r="J7316" i="10"/>
  <c r="L7316" i="10" s="1"/>
  <c r="J7308" i="10"/>
  <c r="L7308" i="10" s="1"/>
  <c r="J7300" i="10"/>
  <c r="L7300" i="10" s="1"/>
  <c r="J7292" i="10"/>
  <c r="L7292" i="10" s="1"/>
  <c r="J7284" i="10"/>
  <c r="L7284" i="10" s="1"/>
  <c r="J7276" i="10"/>
  <c r="L7276" i="10" s="1"/>
  <c r="J7268" i="10"/>
  <c r="L7268" i="10" s="1"/>
  <c r="J7260" i="10"/>
  <c r="L7260" i="10" s="1"/>
  <c r="J7252" i="10"/>
  <c r="L7252" i="10" s="1"/>
  <c r="J7244" i="10"/>
  <c r="L7244" i="10" s="1"/>
  <c r="J7236" i="10"/>
  <c r="L7236" i="10" s="1"/>
  <c r="J7228" i="10"/>
  <c r="L7228" i="10" s="1"/>
  <c r="J7220" i="10"/>
  <c r="L7220" i="10" s="1"/>
  <c r="J7212" i="10"/>
  <c r="L7212" i="10" s="1"/>
  <c r="J7204" i="10"/>
  <c r="L7204" i="10" s="1"/>
  <c r="J7196" i="10"/>
  <c r="L7196" i="10" s="1"/>
  <c r="J7188" i="10"/>
  <c r="L7188" i="10" s="1"/>
  <c r="J7180" i="10"/>
  <c r="L7180" i="10" s="1"/>
  <c r="J7172" i="10"/>
  <c r="L7172" i="10" s="1"/>
  <c r="J7164" i="10"/>
  <c r="L7164" i="10" s="1"/>
  <c r="J7156" i="10"/>
  <c r="L7156" i="10" s="1"/>
  <c r="J7148" i="10"/>
  <c r="L7148" i="10" s="1"/>
  <c r="J7140" i="10"/>
  <c r="L7140" i="10" s="1"/>
  <c r="J7132" i="10"/>
  <c r="L7132" i="10" s="1"/>
  <c r="J7124" i="10"/>
  <c r="L7124" i="10" s="1"/>
  <c r="J7116" i="10"/>
  <c r="L7116" i="10" s="1"/>
  <c r="J7108" i="10"/>
  <c r="L7108" i="10" s="1"/>
  <c r="J7100" i="10"/>
  <c r="L7100" i="10" s="1"/>
  <c r="J7092" i="10"/>
  <c r="L7092" i="10" s="1"/>
  <c r="J7084" i="10"/>
  <c r="L7084" i="10" s="1"/>
  <c r="J7076" i="10"/>
  <c r="L7076" i="10" s="1"/>
  <c r="J7068" i="10"/>
  <c r="L7068" i="10" s="1"/>
  <c r="J7060" i="10"/>
  <c r="L7060" i="10" s="1"/>
  <c r="J7052" i="10"/>
  <c r="L7052" i="10" s="1"/>
  <c r="J7044" i="10"/>
  <c r="L7044" i="10" s="1"/>
  <c r="J7036" i="10"/>
  <c r="L7036" i="10" s="1"/>
  <c r="J7028" i="10"/>
  <c r="L7028" i="10" s="1"/>
  <c r="J7020" i="10"/>
  <c r="L7020" i="10" s="1"/>
  <c r="J7012" i="10"/>
  <c r="L7012" i="10" s="1"/>
  <c r="J7004" i="10"/>
  <c r="L7004" i="10" s="1"/>
  <c r="J6996" i="10"/>
  <c r="L6996" i="10" s="1"/>
  <c r="J6988" i="10"/>
  <c r="L6988" i="10" s="1"/>
  <c r="J6980" i="10"/>
  <c r="L6980" i="10" s="1"/>
  <c r="J6972" i="10"/>
  <c r="L6972" i="10" s="1"/>
  <c r="J6964" i="10"/>
  <c r="L6964" i="10" s="1"/>
  <c r="J6956" i="10"/>
  <c r="L6956" i="10" s="1"/>
  <c r="J6948" i="10"/>
  <c r="L6948" i="10" s="1"/>
  <c r="J6940" i="10"/>
  <c r="L6940" i="10" s="1"/>
  <c r="J6932" i="10"/>
  <c r="L6932" i="10" s="1"/>
  <c r="J6924" i="10"/>
  <c r="L6924" i="10" s="1"/>
  <c r="J6916" i="10"/>
  <c r="L6916" i="10" s="1"/>
  <c r="J6908" i="10"/>
  <c r="L6908" i="10" s="1"/>
  <c r="J6900" i="10"/>
  <c r="L6900" i="10" s="1"/>
  <c r="J6892" i="10"/>
  <c r="L6892" i="10" s="1"/>
  <c r="J6884" i="10"/>
  <c r="L6884" i="10" s="1"/>
  <c r="J6876" i="10"/>
  <c r="L6876" i="10" s="1"/>
  <c r="J6868" i="10"/>
  <c r="L6868" i="10" s="1"/>
  <c r="J6860" i="10"/>
  <c r="L6860" i="10" s="1"/>
  <c r="J6852" i="10"/>
  <c r="L6852" i="10" s="1"/>
  <c r="J6844" i="10"/>
  <c r="L6844" i="10" s="1"/>
  <c r="J6836" i="10"/>
  <c r="L6836" i="10" s="1"/>
  <c r="J6828" i="10"/>
  <c r="L6828" i="10" s="1"/>
  <c r="J6820" i="10"/>
  <c r="L6820" i="10" s="1"/>
  <c r="J6812" i="10"/>
  <c r="L6812" i="10" s="1"/>
  <c r="J6804" i="10"/>
  <c r="L6804" i="10" s="1"/>
  <c r="J6796" i="10"/>
  <c r="L6796" i="10" s="1"/>
  <c r="J6788" i="10"/>
  <c r="L6788" i="10" s="1"/>
  <c r="J6780" i="10"/>
  <c r="L6780" i="10" s="1"/>
  <c r="J6772" i="10"/>
  <c r="L6772" i="10" s="1"/>
  <c r="J6764" i="10"/>
  <c r="L6764" i="10" s="1"/>
  <c r="J6756" i="10"/>
  <c r="L6756" i="10" s="1"/>
  <c r="J6748" i="10"/>
  <c r="L6748" i="10" s="1"/>
  <c r="J6740" i="10"/>
  <c r="L6740" i="10" s="1"/>
  <c r="J6732" i="10"/>
  <c r="L6732" i="10" s="1"/>
  <c r="J6724" i="10"/>
  <c r="L6724" i="10" s="1"/>
  <c r="J6716" i="10"/>
  <c r="L6716" i="10" s="1"/>
  <c r="J6708" i="10"/>
  <c r="L6708" i="10" s="1"/>
  <c r="J6700" i="10"/>
  <c r="L6700" i="10" s="1"/>
  <c r="J6692" i="10"/>
  <c r="L6692" i="10" s="1"/>
  <c r="J6684" i="10"/>
  <c r="L6684" i="10" s="1"/>
  <c r="J6676" i="10"/>
  <c r="L6676" i="10" s="1"/>
  <c r="J6668" i="10"/>
  <c r="L6668" i="10" s="1"/>
  <c r="J6660" i="10"/>
  <c r="L6660" i="10" s="1"/>
  <c r="J6652" i="10"/>
  <c r="L6652" i="10" s="1"/>
  <c r="J6644" i="10"/>
  <c r="L6644" i="10" s="1"/>
  <c r="J6636" i="10"/>
  <c r="L6636" i="10" s="1"/>
  <c r="J6628" i="10"/>
  <c r="L6628" i="10" s="1"/>
  <c r="J6620" i="10"/>
  <c r="L6620" i="10" s="1"/>
  <c r="J6612" i="10"/>
  <c r="L6612" i="10" s="1"/>
  <c r="J6604" i="10"/>
  <c r="L6604" i="10" s="1"/>
  <c r="J6596" i="10"/>
  <c r="L6596" i="10" s="1"/>
  <c r="J6588" i="10"/>
  <c r="L6588" i="10" s="1"/>
  <c r="J6580" i="10"/>
  <c r="L6580" i="10" s="1"/>
  <c r="J6572" i="10"/>
  <c r="L6572" i="10" s="1"/>
  <c r="J6564" i="10"/>
  <c r="L6564" i="10" s="1"/>
  <c r="J6556" i="10"/>
  <c r="L6556" i="10" s="1"/>
  <c r="J6548" i="10"/>
  <c r="L6548" i="10" s="1"/>
  <c r="J6540" i="10"/>
  <c r="L6540" i="10" s="1"/>
  <c r="J6532" i="10"/>
  <c r="L6532" i="10" s="1"/>
  <c r="J6524" i="10"/>
  <c r="L6524" i="10" s="1"/>
  <c r="J6516" i="10"/>
  <c r="L6516" i="10" s="1"/>
  <c r="J6508" i="10"/>
  <c r="L6508" i="10" s="1"/>
  <c r="J6500" i="10"/>
  <c r="L6500" i="10" s="1"/>
  <c r="J6492" i="10"/>
  <c r="L6492" i="10" s="1"/>
  <c r="J6484" i="10"/>
  <c r="L6484" i="10" s="1"/>
  <c r="J6476" i="10"/>
  <c r="L6476" i="10" s="1"/>
  <c r="J6468" i="10"/>
  <c r="L6468" i="10" s="1"/>
  <c r="J6460" i="10"/>
  <c r="L6460" i="10" s="1"/>
  <c r="J6452" i="10"/>
  <c r="L6452" i="10" s="1"/>
  <c r="J6444" i="10"/>
  <c r="L6444" i="10" s="1"/>
  <c r="J6436" i="10"/>
  <c r="L6436" i="10" s="1"/>
  <c r="J6428" i="10"/>
  <c r="L6428" i="10" s="1"/>
  <c r="J6420" i="10"/>
  <c r="L6420" i="10" s="1"/>
  <c r="J6412" i="10"/>
  <c r="L6412" i="10" s="1"/>
  <c r="J6404" i="10"/>
  <c r="L6404" i="10" s="1"/>
  <c r="J6396" i="10"/>
  <c r="L6396" i="10" s="1"/>
  <c r="J6388" i="10"/>
  <c r="L6388" i="10" s="1"/>
  <c r="J6380" i="10"/>
  <c r="L6380" i="10" s="1"/>
  <c r="J6372" i="10"/>
  <c r="L6372" i="10" s="1"/>
  <c r="J6364" i="10"/>
  <c r="L6364" i="10" s="1"/>
  <c r="J6356" i="10"/>
  <c r="L6356" i="10" s="1"/>
  <c r="J6348" i="10"/>
  <c r="L6348" i="10" s="1"/>
  <c r="J6340" i="10"/>
  <c r="L6340" i="10" s="1"/>
  <c r="J6332" i="10"/>
  <c r="L6332" i="10" s="1"/>
  <c r="J6324" i="10"/>
  <c r="L6324" i="10" s="1"/>
  <c r="J6316" i="10"/>
  <c r="L6316" i="10" s="1"/>
  <c r="J6308" i="10"/>
  <c r="L6308" i="10" s="1"/>
  <c r="J6300" i="10"/>
  <c r="L6300" i="10" s="1"/>
  <c r="J6292" i="10"/>
  <c r="L6292" i="10" s="1"/>
  <c r="J6284" i="10"/>
  <c r="L6284" i="10" s="1"/>
  <c r="J6276" i="10"/>
  <c r="L6276" i="10" s="1"/>
  <c r="J6268" i="10"/>
  <c r="L6268" i="10" s="1"/>
  <c r="J6260" i="10"/>
  <c r="L6260" i="10" s="1"/>
  <c r="J6252" i="10"/>
  <c r="L6252" i="10" s="1"/>
  <c r="J6244" i="10"/>
  <c r="L6244" i="10" s="1"/>
  <c r="J6236" i="10"/>
  <c r="L6236" i="10" s="1"/>
  <c r="J6228" i="10"/>
  <c r="L6228" i="10" s="1"/>
  <c r="J6220" i="10"/>
  <c r="L6220" i="10" s="1"/>
  <c r="J6212" i="10"/>
  <c r="L6212" i="10" s="1"/>
  <c r="J6204" i="10"/>
  <c r="L6204" i="10" s="1"/>
  <c r="J6196" i="10"/>
  <c r="L6196" i="10" s="1"/>
  <c r="J6188" i="10"/>
  <c r="L6188" i="10" s="1"/>
  <c r="J6180" i="10"/>
  <c r="L6180" i="10" s="1"/>
  <c r="J6172" i="10"/>
  <c r="L6172" i="10" s="1"/>
  <c r="J6164" i="10"/>
  <c r="L6164" i="10" s="1"/>
  <c r="J6156" i="10"/>
  <c r="L6156" i="10" s="1"/>
  <c r="J6148" i="10"/>
  <c r="L6148" i="10" s="1"/>
  <c r="J6140" i="10"/>
  <c r="L6140" i="10" s="1"/>
  <c r="J6132" i="10"/>
  <c r="L6132" i="10" s="1"/>
  <c r="J6124" i="10"/>
  <c r="L6124" i="10" s="1"/>
  <c r="J6116" i="10"/>
  <c r="L6116" i="10" s="1"/>
  <c r="J6108" i="10"/>
  <c r="L6108" i="10" s="1"/>
  <c r="J6100" i="10"/>
  <c r="L6100" i="10" s="1"/>
  <c r="J6092" i="10"/>
  <c r="L6092" i="10" s="1"/>
  <c r="J6084" i="10"/>
  <c r="L6084" i="10" s="1"/>
  <c r="J6076" i="10"/>
  <c r="L6076" i="10" s="1"/>
  <c r="J6068" i="10"/>
  <c r="L6068" i="10" s="1"/>
  <c r="J6060" i="10"/>
  <c r="L6060" i="10" s="1"/>
  <c r="J6052" i="10"/>
  <c r="L6052" i="10" s="1"/>
  <c r="J6044" i="10"/>
  <c r="L6044" i="10" s="1"/>
  <c r="J6036" i="10"/>
  <c r="L6036" i="10" s="1"/>
  <c r="J6028" i="10"/>
  <c r="L6028" i="10" s="1"/>
  <c r="J6020" i="10"/>
  <c r="L6020" i="10" s="1"/>
  <c r="J6012" i="10"/>
  <c r="L6012" i="10" s="1"/>
  <c r="J6004" i="10"/>
  <c r="L6004" i="10" s="1"/>
  <c r="J5996" i="10"/>
  <c r="L5996" i="10" s="1"/>
  <c r="J5988" i="10"/>
  <c r="L5988" i="10" s="1"/>
  <c r="J5980" i="10"/>
  <c r="L5980" i="10" s="1"/>
  <c r="J5972" i="10"/>
  <c r="L5972" i="10" s="1"/>
  <c r="J5964" i="10"/>
  <c r="L5964" i="10" s="1"/>
  <c r="J5956" i="10"/>
  <c r="L5956" i="10" s="1"/>
  <c r="J5948" i="10"/>
  <c r="L5948" i="10" s="1"/>
  <c r="J5940" i="10"/>
  <c r="L5940" i="10" s="1"/>
  <c r="J5932" i="10"/>
  <c r="L5932" i="10" s="1"/>
  <c r="J5924" i="10"/>
  <c r="L5924" i="10" s="1"/>
  <c r="J5916" i="10"/>
  <c r="L5916" i="10" s="1"/>
  <c r="J5908" i="10"/>
  <c r="L5908" i="10" s="1"/>
  <c r="J5900" i="10"/>
  <c r="L5900" i="10" s="1"/>
  <c r="J5892" i="10"/>
  <c r="L5892" i="10" s="1"/>
  <c r="J5884" i="10"/>
  <c r="L5884" i="10" s="1"/>
  <c r="J5876" i="10"/>
  <c r="L5876" i="10" s="1"/>
  <c r="J5868" i="10"/>
  <c r="L5868" i="10" s="1"/>
  <c r="J5860" i="10"/>
  <c r="L5860" i="10" s="1"/>
  <c r="J5852" i="10"/>
  <c r="L5852" i="10" s="1"/>
  <c r="J5844" i="10"/>
  <c r="L5844" i="10" s="1"/>
  <c r="J5836" i="10"/>
  <c r="L5836" i="10" s="1"/>
  <c r="J5828" i="10"/>
  <c r="L5828" i="10" s="1"/>
  <c r="J5820" i="10"/>
  <c r="L5820" i="10" s="1"/>
  <c r="J5812" i="10"/>
  <c r="L5812" i="10" s="1"/>
  <c r="J7459" i="10"/>
  <c r="L7459" i="10" s="1"/>
  <c r="J7451" i="10"/>
  <c r="L7451" i="10" s="1"/>
  <c r="J7443" i="10"/>
  <c r="L7443" i="10" s="1"/>
  <c r="J7435" i="10"/>
  <c r="L7435" i="10" s="1"/>
  <c r="J7427" i="10"/>
  <c r="L7427" i="10" s="1"/>
  <c r="J7419" i="10"/>
  <c r="L7419" i="10" s="1"/>
  <c r="J7411" i="10"/>
  <c r="L7411" i="10" s="1"/>
  <c r="J7403" i="10"/>
  <c r="L7403" i="10" s="1"/>
  <c r="J7395" i="10"/>
  <c r="L7395" i="10" s="1"/>
  <c r="J7387" i="10"/>
  <c r="L7387" i="10" s="1"/>
  <c r="J7379" i="10"/>
  <c r="L7379" i="10" s="1"/>
  <c r="J7371" i="10"/>
  <c r="L7371" i="10" s="1"/>
  <c r="J7363" i="10"/>
  <c r="L7363" i="10" s="1"/>
  <c r="J7355" i="10"/>
  <c r="L7355" i="10" s="1"/>
  <c r="J7347" i="10"/>
  <c r="L7347" i="10" s="1"/>
  <c r="J7339" i="10"/>
  <c r="L7339" i="10" s="1"/>
  <c r="J7331" i="10"/>
  <c r="L7331" i="10" s="1"/>
  <c r="J7323" i="10"/>
  <c r="L7323" i="10" s="1"/>
  <c r="J7315" i="10"/>
  <c r="L7315" i="10" s="1"/>
  <c r="J7307" i="10"/>
  <c r="L7307" i="10" s="1"/>
  <c r="J7299" i="10"/>
  <c r="L7299" i="10" s="1"/>
  <c r="J7291" i="10"/>
  <c r="L7291" i="10" s="1"/>
  <c r="J7283" i="10"/>
  <c r="L7283" i="10" s="1"/>
  <c r="J7275" i="10"/>
  <c r="L7275" i="10" s="1"/>
  <c r="J7267" i="10"/>
  <c r="L7267" i="10" s="1"/>
  <c r="J7259" i="10"/>
  <c r="L7259" i="10" s="1"/>
  <c r="J7251" i="10"/>
  <c r="L7251" i="10" s="1"/>
  <c r="J7243" i="10"/>
  <c r="L7243" i="10" s="1"/>
  <c r="J7235" i="10"/>
  <c r="L7235" i="10" s="1"/>
  <c r="J7227" i="10"/>
  <c r="L7227" i="10" s="1"/>
  <c r="J7219" i="10"/>
  <c r="L7219" i="10" s="1"/>
  <c r="J7211" i="10"/>
  <c r="L7211" i="10" s="1"/>
  <c r="J7203" i="10"/>
  <c r="L7203" i="10" s="1"/>
  <c r="J7195" i="10"/>
  <c r="L7195" i="10" s="1"/>
  <c r="J7187" i="10"/>
  <c r="L7187" i="10" s="1"/>
  <c r="J7179" i="10"/>
  <c r="L7179" i="10" s="1"/>
  <c r="J7171" i="10"/>
  <c r="L7171" i="10" s="1"/>
  <c r="J7163" i="10"/>
  <c r="L7163" i="10" s="1"/>
  <c r="J7155" i="10"/>
  <c r="L7155" i="10" s="1"/>
  <c r="J7147" i="10"/>
  <c r="L7147" i="10" s="1"/>
  <c r="J7139" i="10"/>
  <c r="L7139" i="10" s="1"/>
  <c r="J7131" i="10"/>
  <c r="L7131" i="10" s="1"/>
  <c r="J7123" i="10"/>
  <c r="L7123" i="10" s="1"/>
  <c r="J7115" i="10"/>
  <c r="L7115" i="10" s="1"/>
  <c r="J7107" i="10"/>
  <c r="L7107" i="10" s="1"/>
  <c r="J7099" i="10"/>
  <c r="L7099" i="10" s="1"/>
  <c r="J7091" i="10"/>
  <c r="L7091" i="10" s="1"/>
  <c r="J7083" i="10"/>
  <c r="L7083" i="10" s="1"/>
  <c r="J7075" i="10"/>
  <c r="L7075" i="10" s="1"/>
  <c r="J7067" i="10"/>
  <c r="L7067" i="10" s="1"/>
  <c r="J7059" i="10"/>
  <c r="L7059" i="10" s="1"/>
  <c r="J7051" i="10"/>
  <c r="L7051" i="10" s="1"/>
  <c r="J7043" i="10"/>
  <c r="L7043" i="10" s="1"/>
  <c r="J7035" i="10"/>
  <c r="L7035" i="10" s="1"/>
  <c r="J7027" i="10"/>
  <c r="L7027" i="10" s="1"/>
  <c r="J7019" i="10"/>
  <c r="L7019" i="10" s="1"/>
  <c r="J7011" i="10"/>
  <c r="L7011" i="10" s="1"/>
  <c r="J7003" i="10"/>
  <c r="L7003" i="10" s="1"/>
  <c r="J6995" i="10"/>
  <c r="L6995" i="10" s="1"/>
  <c r="J6987" i="10"/>
  <c r="L6987" i="10" s="1"/>
  <c r="J6979" i="10"/>
  <c r="L6979" i="10" s="1"/>
  <c r="J6971" i="10"/>
  <c r="L6971" i="10" s="1"/>
  <c r="J6963" i="10"/>
  <c r="L6963" i="10" s="1"/>
  <c r="J6955" i="10"/>
  <c r="L6955" i="10" s="1"/>
  <c r="J6947" i="10"/>
  <c r="L6947" i="10" s="1"/>
  <c r="J6939" i="10"/>
  <c r="L6939" i="10" s="1"/>
  <c r="J6931" i="10"/>
  <c r="L6931" i="10" s="1"/>
  <c r="J6923" i="10"/>
  <c r="L6923" i="10" s="1"/>
  <c r="J6915" i="10"/>
  <c r="L6915" i="10" s="1"/>
  <c r="J6907" i="10"/>
  <c r="L6907" i="10" s="1"/>
  <c r="J6899" i="10"/>
  <c r="L6899" i="10" s="1"/>
  <c r="J6891" i="10"/>
  <c r="L6891" i="10" s="1"/>
  <c r="J6883" i="10"/>
  <c r="L6883" i="10" s="1"/>
  <c r="J6875" i="10"/>
  <c r="L6875" i="10" s="1"/>
  <c r="J6867" i="10"/>
  <c r="L6867" i="10" s="1"/>
  <c r="J6859" i="10"/>
  <c r="L6859" i="10" s="1"/>
  <c r="J6851" i="10"/>
  <c r="L6851" i="10" s="1"/>
  <c r="J6843" i="10"/>
  <c r="L6843" i="10" s="1"/>
  <c r="J6835" i="10"/>
  <c r="L6835" i="10" s="1"/>
  <c r="J6827" i="10"/>
  <c r="L6827" i="10" s="1"/>
  <c r="J6819" i="10"/>
  <c r="L6819" i="10" s="1"/>
  <c r="J6811" i="10"/>
  <c r="L6811" i="10" s="1"/>
  <c r="J6803" i="10"/>
  <c r="L6803" i="10" s="1"/>
  <c r="J6795" i="10"/>
  <c r="L6795" i="10" s="1"/>
  <c r="J6787" i="10"/>
  <c r="L6787" i="10" s="1"/>
  <c r="J6779" i="10"/>
  <c r="L6779" i="10" s="1"/>
  <c r="J6771" i="10"/>
  <c r="L6771" i="10" s="1"/>
  <c r="J6763" i="10"/>
  <c r="L6763" i="10" s="1"/>
  <c r="J6755" i="10"/>
  <c r="L6755" i="10" s="1"/>
  <c r="J6747" i="10"/>
  <c r="L6747" i="10" s="1"/>
  <c r="J6739" i="10"/>
  <c r="L6739" i="10" s="1"/>
  <c r="J6731" i="10"/>
  <c r="L6731" i="10" s="1"/>
  <c r="J6723" i="10"/>
  <c r="L6723" i="10" s="1"/>
  <c r="J6715" i="10"/>
  <c r="L6715" i="10" s="1"/>
  <c r="J6707" i="10"/>
  <c r="L6707" i="10" s="1"/>
  <c r="J6699" i="10"/>
  <c r="L6699" i="10" s="1"/>
  <c r="J6691" i="10"/>
  <c r="L6691" i="10" s="1"/>
  <c r="J6683" i="10"/>
  <c r="L6683" i="10" s="1"/>
  <c r="J6675" i="10"/>
  <c r="L6675" i="10" s="1"/>
  <c r="J6667" i="10"/>
  <c r="L6667" i="10" s="1"/>
  <c r="J6659" i="10"/>
  <c r="L6659" i="10" s="1"/>
  <c r="J6651" i="10"/>
  <c r="L6651" i="10" s="1"/>
  <c r="J6643" i="10"/>
  <c r="L6643" i="10" s="1"/>
  <c r="J6635" i="10"/>
  <c r="L6635" i="10" s="1"/>
  <c r="J6627" i="10"/>
  <c r="L6627" i="10" s="1"/>
  <c r="J6619" i="10"/>
  <c r="L6619" i="10" s="1"/>
  <c r="J6611" i="10"/>
  <c r="L6611" i="10" s="1"/>
  <c r="J6603" i="10"/>
  <c r="L6603" i="10" s="1"/>
  <c r="J6595" i="10"/>
  <c r="L6595" i="10" s="1"/>
  <c r="J6587" i="10"/>
  <c r="L6587" i="10" s="1"/>
  <c r="J6579" i="10"/>
  <c r="L6579" i="10" s="1"/>
  <c r="J6571" i="10"/>
  <c r="L6571" i="10" s="1"/>
  <c r="J6563" i="10"/>
  <c r="L6563" i="10" s="1"/>
  <c r="J6555" i="10"/>
  <c r="L6555" i="10" s="1"/>
  <c r="J6547" i="10"/>
  <c r="L6547" i="10" s="1"/>
  <c r="J6539" i="10"/>
  <c r="L6539" i="10" s="1"/>
  <c r="J6531" i="10"/>
  <c r="L6531" i="10" s="1"/>
  <c r="J6523" i="10"/>
  <c r="L6523" i="10" s="1"/>
  <c r="J6515" i="10"/>
  <c r="L6515" i="10" s="1"/>
  <c r="J6507" i="10"/>
  <c r="L6507" i="10" s="1"/>
  <c r="J6499" i="10"/>
  <c r="L6499" i="10" s="1"/>
  <c r="J6491" i="10"/>
  <c r="L6491" i="10" s="1"/>
  <c r="J6483" i="10"/>
  <c r="L6483" i="10" s="1"/>
  <c r="J6475" i="10"/>
  <c r="L6475" i="10" s="1"/>
  <c r="J6467" i="10"/>
  <c r="L6467" i="10" s="1"/>
  <c r="J6459" i="10"/>
  <c r="L6459" i="10" s="1"/>
  <c r="J6451" i="10"/>
  <c r="L6451" i="10" s="1"/>
  <c r="J6443" i="10"/>
  <c r="L6443" i="10" s="1"/>
  <c r="J6435" i="10"/>
  <c r="L6435" i="10" s="1"/>
  <c r="J6427" i="10"/>
  <c r="L6427" i="10" s="1"/>
  <c r="J6419" i="10"/>
  <c r="L6419" i="10" s="1"/>
  <c r="J6411" i="10"/>
  <c r="L6411" i="10" s="1"/>
  <c r="J6403" i="10"/>
  <c r="L6403" i="10" s="1"/>
  <c r="J6395" i="10"/>
  <c r="L6395" i="10" s="1"/>
  <c r="J6387" i="10"/>
  <c r="L6387" i="10" s="1"/>
  <c r="J6379" i="10"/>
  <c r="L6379" i="10" s="1"/>
  <c r="J6371" i="10"/>
  <c r="L6371" i="10" s="1"/>
  <c r="J6363" i="10"/>
  <c r="L6363" i="10" s="1"/>
  <c r="J6355" i="10"/>
  <c r="L6355" i="10" s="1"/>
  <c r="J6347" i="10"/>
  <c r="L6347" i="10" s="1"/>
  <c r="J6339" i="10"/>
  <c r="L6339" i="10" s="1"/>
  <c r="J6331" i="10"/>
  <c r="L6331" i="10" s="1"/>
  <c r="J6323" i="10"/>
  <c r="L6323" i="10" s="1"/>
  <c r="J6315" i="10"/>
  <c r="L6315" i="10" s="1"/>
  <c r="J6307" i="10"/>
  <c r="L6307" i="10" s="1"/>
  <c r="J6299" i="10"/>
  <c r="L6299" i="10" s="1"/>
  <c r="J6291" i="10"/>
  <c r="L6291" i="10" s="1"/>
  <c r="J6283" i="10"/>
  <c r="L6283" i="10" s="1"/>
  <c r="J6275" i="10"/>
  <c r="L6275" i="10" s="1"/>
  <c r="J6267" i="10"/>
  <c r="L6267" i="10" s="1"/>
  <c r="J6259" i="10"/>
  <c r="L6259" i="10" s="1"/>
  <c r="J6251" i="10"/>
  <c r="L6251" i="10" s="1"/>
  <c r="J6243" i="10"/>
  <c r="L6243" i="10" s="1"/>
  <c r="J6235" i="10"/>
  <c r="L6235" i="10" s="1"/>
  <c r="J6227" i="10"/>
  <c r="L6227" i="10" s="1"/>
  <c r="J6219" i="10"/>
  <c r="L6219" i="10" s="1"/>
  <c r="J6211" i="10"/>
  <c r="L6211" i="10" s="1"/>
  <c r="J6203" i="10"/>
  <c r="L6203" i="10" s="1"/>
  <c r="J6195" i="10"/>
  <c r="L6195" i="10" s="1"/>
  <c r="J6187" i="10"/>
  <c r="L6187" i="10" s="1"/>
  <c r="J6179" i="10"/>
  <c r="L6179" i="10" s="1"/>
  <c r="J6171" i="10"/>
  <c r="L6171" i="10" s="1"/>
  <c r="J6163" i="10"/>
  <c r="L6163" i="10" s="1"/>
  <c r="J6155" i="10"/>
  <c r="L6155" i="10" s="1"/>
  <c r="J6147" i="10"/>
  <c r="L6147" i="10" s="1"/>
  <c r="J6139" i="10"/>
  <c r="L6139" i="10" s="1"/>
  <c r="J6131" i="10"/>
  <c r="L6131" i="10" s="1"/>
  <c r="J6123" i="10"/>
  <c r="L6123" i="10" s="1"/>
  <c r="J6115" i="10"/>
  <c r="L6115" i="10" s="1"/>
  <c r="J6107" i="10"/>
  <c r="L6107" i="10" s="1"/>
  <c r="J6099" i="10"/>
  <c r="L6099" i="10" s="1"/>
  <c r="J6091" i="10"/>
  <c r="L6091" i="10" s="1"/>
  <c r="J6083" i="10"/>
  <c r="L6083" i="10" s="1"/>
  <c r="J6075" i="10"/>
  <c r="L6075" i="10" s="1"/>
  <c r="J6067" i="10"/>
  <c r="L6067" i="10" s="1"/>
  <c r="J6059" i="10"/>
  <c r="L6059" i="10" s="1"/>
  <c r="J6051" i="10"/>
  <c r="L6051" i="10" s="1"/>
  <c r="J6043" i="10"/>
  <c r="L6043" i="10" s="1"/>
  <c r="J6035" i="10"/>
  <c r="L6035" i="10" s="1"/>
  <c r="J6027" i="10"/>
  <c r="L6027" i="10" s="1"/>
  <c r="J6019" i="10"/>
  <c r="L6019" i="10" s="1"/>
  <c r="J6011" i="10"/>
  <c r="L6011" i="10" s="1"/>
  <c r="J6003" i="10"/>
  <c r="L6003" i="10" s="1"/>
  <c r="J5995" i="10"/>
  <c r="L5995" i="10" s="1"/>
  <c r="J5987" i="10"/>
  <c r="L5987" i="10" s="1"/>
  <c r="J5979" i="10"/>
  <c r="L5979" i="10" s="1"/>
  <c r="J5971" i="10"/>
  <c r="L5971" i="10" s="1"/>
  <c r="J5963" i="10"/>
  <c r="L5963" i="10" s="1"/>
  <c r="J5955" i="10"/>
  <c r="L5955" i="10" s="1"/>
  <c r="J5947" i="10"/>
  <c r="L5947" i="10" s="1"/>
  <c r="J5939" i="10"/>
  <c r="L5939" i="10" s="1"/>
  <c r="J5931" i="10"/>
  <c r="L5931" i="10" s="1"/>
  <c r="J5923" i="10"/>
  <c r="L5923" i="10" s="1"/>
  <c r="J5915" i="10"/>
  <c r="L5915" i="10" s="1"/>
  <c r="J5907" i="10"/>
  <c r="L5907" i="10" s="1"/>
  <c r="J5899" i="10"/>
  <c r="L5899" i="10" s="1"/>
  <c r="J5891" i="10"/>
  <c r="L5891" i="10" s="1"/>
  <c r="J5883" i="10"/>
  <c r="L5883" i="10" s="1"/>
  <c r="J5875" i="10"/>
  <c r="L5875" i="10" s="1"/>
  <c r="J5867" i="10"/>
  <c r="L5867" i="10" s="1"/>
  <c r="J5859" i="10"/>
  <c r="L5859" i="10" s="1"/>
  <c r="J5851" i="10"/>
  <c r="L5851" i="10" s="1"/>
  <c r="J5843" i="10"/>
  <c r="L5843" i="10" s="1"/>
  <c r="J5835" i="10"/>
  <c r="L5835" i="10" s="1"/>
  <c r="J5827" i="10"/>
  <c r="L5827" i="10" s="1"/>
  <c r="J5819" i="10"/>
  <c r="L5819" i="10" s="1"/>
  <c r="J5811" i="10"/>
  <c r="L5811" i="10" s="1"/>
  <c r="J5803" i="10"/>
  <c r="L5803" i="10" s="1"/>
  <c r="J5795" i="10"/>
  <c r="L5795" i="10" s="1"/>
  <c r="J5787" i="10"/>
  <c r="L5787" i="10" s="1"/>
  <c r="J5779" i="10"/>
  <c r="L5779" i="10" s="1"/>
  <c r="J5771" i="10"/>
  <c r="L5771" i="10" s="1"/>
  <c r="J5763" i="10"/>
  <c r="L5763" i="10" s="1"/>
  <c r="J5755" i="10"/>
  <c r="L5755" i="10" s="1"/>
  <c r="J5747" i="10"/>
  <c r="L5747" i="10" s="1"/>
  <c r="J5739" i="10"/>
  <c r="L5739" i="10" s="1"/>
  <c r="J5731" i="10"/>
  <c r="L5731" i="10" s="1"/>
  <c r="J5723" i="10"/>
  <c r="L5723" i="10" s="1"/>
  <c r="J5715" i="10"/>
  <c r="L5715" i="10" s="1"/>
  <c r="J5707" i="10"/>
  <c r="L5707" i="10" s="1"/>
  <c r="J5699" i="10"/>
  <c r="L5699" i="10" s="1"/>
  <c r="J5691" i="10"/>
  <c r="L5691" i="10" s="1"/>
  <c r="J5683" i="10"/>
  <c r="L5683" i="10" s="1"/>
  <c r="J5675" i="10"/>
  <c r="L5675" i="10" s="1"/>
  <c r="J5667" i="10"/>
  <c r="L5667" i="10" s="1"/>
  <c r="J5659" i="10"/>
  <c r="L5659" i="10" s="1"/>
  <c r="J5651" i="10"/>
  <c r="L5651" i="10" s="1"/>
  <c r="J5643" i="10"/>
  <c r="L5643" i="10" s="1"/>
  <c r="J5635" i="10"/>
  <c r="L5635" i="10" s="1"/>
  <c r="J5627" i="10"/>
  <c r="L5627" i="10" s="1"/>
  <c r="J5619" i="10"/>
  <c r="L5619" i="10" s="1"/>
  <c r="J5611" i="10"/>
  <c r="L5611" i="10" s="1"/>
  <c r="J5603" i="10"/>
  <c r="L5603" i="10" s="1"/>
  <c r="J5595" i="10"/>
  <c r="L5595" i="10" s="1"/>
  <c r="J5587" i="10"/>
  <c r="L5587" i="10" s="1"/>
  <c r="J5579" i="10"/>
  <c r="L5579" i="10" s="1"/>
  <c r="J5571" i="10"/>
  <c r="L5571" i="10" s="1"/>
  <c r="J5563" i="10"/>
  <c r="L5563" i="10" s="1"/>
  <c r="J5555" i="10"/>
  <c r="L5555" i="10" s="1"/>
  <c r="J5547" i="10"/>
  <c r="L5547" i="10" s="1"/>
  <c r="J5539" i="10"/>
  <c r="L5539" i="10" s="1"/>
  <c r="J5531" i="10"/>
  <c r="L5531" i="10" s="1"/>
  <c r="J5523" i="10"/>
  <c r="L5523" i="10" s="1"/>
  <c r="J5515" i="10"/>
  <c r="L5515" i="10" s="1"/>
  <c r="J5507" i="10"/>
  <c r="L5507" i="10" s="1"/>
  <c r="J5499" i="10"/>
  <c r="L5499" i="10" s="1"/>
  <c r="J5491" i="10"/>
  <c r="L5491" i="10" s="1"/>
  <c r="J5483" i="10"/>
  <c r="L5483" i="10" s="1"/>
  <c r="J5475" i="10"/>
  <c r="L5475" i="10" s="1"/>
  <c r="J5467" i="10"/>
  <c r="L5467" i="10" s="1"/>
  <c r="J5459" i="10"/>
  <c r="L5459" i="10" s="1"/>
  <c r="J5451" i="10"/>
  <c r="L5451" i="10" s="1"/>
  <c r="J5443" i="10"/>
  <c r="L5443" i="10" s="1"/>
  <c r="J5435" i="10"/>
  <c r="L5435" i="10" s="1"/>
  <c r="J5427" i="10"/>
  <c r="L5427" i="10" s="1"/>
  <c r="J5419" i="10"/>
  <c r="L5419" i="10" s="1"/>
  <c r="J5411" i="10"/>
  <c r="L5411" i="10" s="1"/>
  <c r="J7458" i="10"/>
  <c r="L7458" i="10" s="1"/>
  <c r="J7450" i="10"/>
  <c r="L7450" i="10" s="1"/>
  <c r="J7442" i="10"/>
  <c r="L7442" i="10" s="1"/>
  <c r="J7434" i="10"/>
  <c r="L7434" i="10" s="1"/>
  <c r="J7426" i="10"/>
  <c r="L7426" i="10" s="1"/>
  <c r="J7418" i="10"/>
  <c r="L7418" i="10" s="1"/>
  <c r="J7410" i="10"/>
  <c r="L7410" i="10" s="1"/>
  <c r="J7402" i="10"/>
  <c r="L7402" i="10" s="1"/>
  <c r="J7394" i="10"/>
  <c r="L7394" i="10" s="1"/>
  <c r="J7386" i="10"/>
  <c r="L7386" i="10" s="1"/>
  <c r="J7378" i="10"/>
  <c r="L7378" i="10" s="1"/>
  <c r="J7370" i="10"/>
  <c r="L7370" i="10" s="1"/>
  <c r="J7362" i="10"/>
  <c r="L7362" i="10" s="1"/>
  <c r="J7354" i="10"/>
  <c r="L7354" i="10" s="1"/>
  <c r="J7346" i="10"/>
  <c r="L7346" i="10" s="1"/>
  <c r="J7338" i="10"/>
  <c r="L7338" i="10" s="1"/>
  <c r="J7330" i="10"/>
  <c r="L7330" i="10" s="1"/>
  <c r="J7322" i="10"/>
  <c r="L7322" i="10" s="1"/>
  <c r="J7314" i="10"/>
  <c r="L7314" i="10" s="1"/>
  <c r="J7306" i="10"/>
  <c r="L7306" i="10" s="1"/>
  <c r="J7298" i="10"/>
  <c r="L7298" i="10" s="1"/>
  <c r="J7290" i="10"/>
  <c r="L7290" i="10" s="1"/>
  <c r="J7282" i="10"/>
  <c r="L7282" i="10" s="1"/>
  <c r="J7274" i="10"/>
  <c r="L7274" i="10" s="1"/>
  <c r="J7266" i="10"/>
  <c r="L7266" i="10" s="1"/>
  <c r="J7258" i="10"/>
  <c r="L7258" i="10" s="1"/>
  <c r="J7250" i="10"/>
  <c r="L7250" i="10" s="1"/>
  <c r="J7242" i="10"/>
  <c r="L7242" i="10" s="1"/>
  <c r="J7234" i="10"/>
  <c r="L7234" i="10" s="1"/>
  <c r="J7226" i="10"/>
  <c r="L7226" i="10" s="1"/>
  <c r="J7218" i="10"/>
  <c r="L7218" i="10" s="1"/>
  <c r="J7210" i="10"/>
  <c r="L7210" i="10" s="1"/>
  <c r="J7202" i="10"/>
  <c r="L7202" i="10" s="1"/>
  <c r="J7194" i="10"/>
  <c r="L7194" i="10" s="1"/>
  <c r="J7186" i="10"/>
  <c r="L7186" i="10" s="1"/>
  <c r="J7178" i="10"/>
  <c r="L7178" i="10" s="1"/>
  <c r="J7170" i="10"/>
  <c r="L7170" i="10" s="1"/>
  <c r="J7162" i="10"/>
  <c r="L7162" i="10" s="1"/>
  <c r="J7154" i="10"/>
  <c r="L7154" i="10" s="1"/>
  <c r="J7146" i="10"/>
  <c r="L7146" i="10" s="1"/>
  <c r="J7138" i="10"/>
  <c r="L7138" i="10" s="1"/>
  <c r="J7130" i="10"/>
  <c r="L7130" i="10" s="1"/>
  <c r="J7122" i="10"/>
  <c r="L7122" i="10" s="1"/>
  <c r="J7114" i="10"/>
  <c r="L7114" i="10" s="1"/>
  <c r="J7106" i="10"/>
  <c r="L7106" i="10" s="1"/>
  <c r="J7098" i="10"/>
  <c r="L7098" i="10" s="1"/>
  <c r="J7090" i="10"/>
  <c r="L7090" i="10" s="1"/>
  <c r="J7082" i="10"/>
  <c r="L7082" i="10" s="1"/>
  <c r="J7074" i="10"/>
  <c r="L7074" i="10" s="1"/>
  <c r="J7066" i="10"/>
  <c r="L7066" i="10" s="1"/>
  <c r="J7058" i="10"/>
  <c r="L7058" i="10" s="1"/>
  <c r="J7050" i="10"/>
  <c r="L7050" i="10" s="1"/>
  <c r="J7042" i="10"/>
  <c r="L7042" i="10" s="1"/>
  <c r="J7034" i="10"/>
  <c r="L7034" i="10" s="1"/>
  <c r="J7026" i="10"/>
  <c r="L7026" i="10" s="1"/>
  <c r="J7018" i="10"/>
  <c r="L7018" i="10" s="1"/>
  <c r="J7010" i="10"/>
  <c r="L7010" i="10" s="1"/>
  <c r="J7002" i="10"/>
  <c r="L7002" i="10" s="1"/>
  <c r="J6994" i="10"/>
  <c r="L6994" i="10" s="1"/>
  <c r="J6986" i="10"/>
  <c r="L6986" i="10" s="1"/>
  <c r="J6978" i="10"/>
  <c r="L6978" i="10" s="1"/>
  <c r="J6970" i="10"/>
  <c r="L6970" i="10" s="1"/>
  <c r="J6962" i="10"/>
  <c r="L6962" i="10" s="1"/>
  <c r="J6954" i="10"/>
  <c r="L6954" i="10" s="1"/>
  <c r="J6946" i="10"/>
  <c r="L6946" i="10" s="1"/>
  <c r="J6938" i="10"/>
  <c r="L6938" i="10" s="1"/>
  <c r="J6930" i="10"/>
  <c r="L6930" i="10" s="1"/>
  <c r="J6922" i="10"/>
  <c r="L6922" i="10" s="1"/>
  <c r="J6914" i="10"/>
  <c r="L6914" i="10" s="1"/>
  <c r="J6906" i="10"/>
  <c r="L6906" i="10" s="1"/>
  <c r="J6898" i="10"/>
  <c r="L6898" i="10" s="1"/>
  <c r="J6890" i="10"/>
  <c r="L6890" i="10" s="1"/>
  <c r="J6882" i="10"/>
  <c r="L6882" i="10" s="1"/>
  <c r="J6874" i="10"/>
  <c r="L6874" i="10" s="1"/>
  <c r="J6866" i="10"/>
  <c r="L6866" i="10" s="1"/>
  <c r="J6858" i="10"/>
  <c r="L6858" i="10" s="1"/>
  <c r="J6850" i="10"/>
  <c r="L6850" i="10" s="1"/>
  <c r="J6842" i="10"/>
  <c r="L6842" i="10" s="1"/>
  <c r="J6834" i="10"/>
  <c r="L6834" i="10" s="1"/>
  <c r="J6826" i="10"/>
  <c r="L6826" i="10" s="1"/>
  <c r="J6818" i="10"/>
  <c r="L6818" i="10" s="1"/>
  <c r="J6810" i="10"/>
  <c r="L6810" i="10" s="1"/>
  <c r="J6802" i="10"/>
  <c r="L6802" i="10" s="1"/>
  <c r="J6794" i="10"/>
  <c r="L6794" i="10" s="1"/>
  <c r="J6786" i="10"/>
  <c r="L6786" i="10" s="1"/>
  <c r="J6778" i="10"/>
  <c r="L6778" i="10" s="1"/>
  <c r="J6770" i="10"/>
  <c r="L6770" i="10" s="1"/>
  <c r="J6762" i="10"/>
  <c r="L6762" i="10" s="1"/>
  <c r="J6754" i="10"/>
  <c r="L6754" i="10" s="1"/>
  <c r="J6746" i="10"/>
  <c r="L6746" i="10" s="1"/>
  <c r="J6738" i="10"/>
  <c r="L6738" i="10" s="1"/>
  <c r="J6730" i="10"/>
  <c r="L6730" i="10" s="1"/>
  <c r="J6722" i="10"/>
  <c r="L6722" i="10" s="1"/>
  <c r="J6714" i="10"/>
  <c r="L6714" i="10" s="1"/>
  <c r="J6706" i="10"/>
  <c r="L6706" i="10" s="1"/>
  <c r="J6698" i="10"/>
  <c r="L6698" i="10" s="1"/>
  <c r="J6690" i="10"/>
  <c r="L6690" i="10" s="1"/>
  <c r="J6682" i="10"/>
  <c r="L6682" i="10" s="1"/>
  <c r="J6674" i="10"/>
  <c r="L6674" i="10" s="1"/>
  <c r="J6666" i="10"/>
  <c r="L6666" i="10" s="1"/>
  <c r="J6658" i="10"/>
  <c r="L6658" i="10" s="1"/>
  <c r="J6650" i="10"/>
  <c r="L6650" i="10" s="1"/>
  <c r="J6642" i="10"/>
  <c r="L6642" i="10" s="1"/>
  <c r="J6634" i="10"/>
  <c r="L6634" i="10" s="1"/>
  <c r="J6626" i="10"/>
  <c r="L6626" i="10" s="1"/>
  <c r="J6618" i="10"/>
  <c r="L6618" i="10" s="1"/>
  <c r="J6610" i="10"/>
  <c r="L6610" i="10" s="1"/>
  <c r="J6602" i="10"/>
  <c r="L6602" i="10" s="1"/>
  <c r="J6594" i="10"/>
  <c r="L6594" i="10" s="1"/>
  <c r="J6586" i="10"/>
  <c r="L6586" i="10" s="1"/>
  <c r="J6578" i="10"/>
  <c r="L6578" i="10" s="1"/>
  <c r="J6570" i="10"/>
  <c r="L6570" i="10" s="1"/>
  <c r="J6562" i="10"/>
  <c r="L6562" i="10" s="1"/>
  <c r="J6554" i="10"/>
  <c r="L6554" i="10" s="1"/>
  <c r="J6546" i="10"/>
  <c r="L6546" i="10" s="1"/>
  <c r="J6538" i="10"/>
  <c r="L6538" i="10" s="1"/>
  <c r="J6530" i="10"/>
  <c r="L6530" i="10" s="1"/>
  <c r="J6522" i="10"/>
  <c r="L6522" i="10" s="1"/>
  <c r="J6514" i="10"/>
  <c r="L6514" i="10" s="1"/>
  <c r="J6506" i="10"/>
  <c r="L6506" i="10" s="1"/>
  <c r="J6498" i="10"/>
  <c r="L6498" i="10" s="1"/>
  <c r="J6490" i="10"/>
  <c r="L6490" i="10" s="1"/>
  <c r="J6482" i="10"/>
  <c r="L6482" i="10" s="1"/>
  <c r="J6474" i="10"/>
  <c r="L6474" i="10" s="1"/>
  <c r="J6466" i="10"/>
  <c r="L6466" i="10" s="1"/>
  <c r="J6458" i="10"/>
  <c r="L6458" i="10" s="1"/>
  <c r="J6450" i="10"/>
  <c r="L6450" i="10" s="1"/>
  <c r="J6442" i="10"/>
  <c r="L6442" i="10" s="1"/>
  <c r="J6434" i="10"/>
  <c r="L6434" i="10" s="1"/>
  <c r="J6426" i="10"/>
  <c r="L6426" i="10" s="1"/>
  <c r="J6418" i="10"/>
  <c r="L6418" i="10" s="1"/>
  <c r="J6410" i="10"/>
  <c r="L6410" i="10" s="1"/>
  <c r="J6402" i="10"/>
  <c r="L6402" i="10" s="1"/>
  <c r="J6394" i="10"/>
  <c r="L6394" i="10" s="1"/>
  <c r="J6386" i="10"/>
  <c r="L6386" i="10" s="1"/>
  <c r="J6378" i="10"/>
  <c r="L6378" i="10" s="1"/>
  <c r="J6370" i="10"/>
  <c r="L6370" i="10" s="1"/>
  <c r="J6362" i="10"/>
  <c r="L6362" i="10" s="1"/>
  <c r="J6354" i="10"/>
  <c r="L6354" i="10" s="1"/>
  <c r="J6346" i="10"/>
  <c r="L6346" i="10" s="1"/>
  <c r="J6338" i="10"/>
  <c r="L6338" i="10" s="1"/>
  <c r="J6330" i="10"/>
  <c r="L6330" i="10" s="1"/>
  <c r="J6322" i="10"/>
  <c r="L6322" i="10" s="1"/>
  <c r="J6314" i="10"/>
  <c r="L6314" i="10" s="1"/>
  <c r="J6306" i="10"/>
  <c r="L6306" i="10" s="1"/>
  <c r="J6298" i="10"/>
  <c r="L6298" i="10" s="1"/>
  <c r="J6290" i="10"/>
  <c r="L6290" i="10" s="1"/>
  <c r="J6282" i="10"/>
  <c r="L6282" i="10" s="1"/>
  <c r="J6274" i="10"/>
  <c r="L6274" i="10" s="1"/>
  <c r="J6266" i="10"/>
  <c r="L6266" i="10" s="1"/>
  <c r="J6258" i="10"/>
  <c r="L6258" i="10" s="1"/>
  <c r="J6250" i="10"/>
  <c r="L6250" i="10" s="1"/>
  <c r="J6242" i="10"/>
  <c r="L6242" i="10" s="1"/>
  <c r="J6234" i="10"/>
  <c r="L6234" i="10" s="1"/>
  <c r="J6226" i="10"/>
  <c r="L6226" i="10" s="1"/>
  <c r="J6218" i="10"/>
  <c r="L6218" i="10" s="1"/>
  <c r="J6210" i="10"/>
  <c r="L6210" i="10" s="1"/>
  <c r="J6202" i="10"/>
  <c r="L6202" i="10" s="1"/>
  <c r="J6194" i="10"/>
  <c r="L6194" i="10" s="1"/>
  <c r="J6186" i="10"/>
  <c r="L6186" i="10" s="1"/>
  <c r="J6178" i="10"/>
  <c r="L6178" i="10" s="1"/>
  <c r="J6170" i="10"/>
  <c r="L6170" i="10" s="1"/>
  <c r="J6162" i="10"/>
  <c r="L6162" i="10" s="1"/>
  <c r="J6154" i="10"/>
  <c r="L6154" i="10" s="1"/>
  <c r="J6146" i="10"/>
  <c r="L6146" i="10" s="1"/>
  <c r="J6138" i="10"/>
  <c r="L6138" i="10" s="1"/>
  <c r="J6130" i="10"/>
  <c r="L6130" i="10" s="1"/>
  <c r="J6122" i="10"/>
  <c r="L6122" i="10" s="1"/>
  <c r="J6114" i="10"/>
  <c r="L6114" i="10" s="1"/>
  <c r="J6106" i="10"/>
  <c r="L6106" i="10" s="1"/>
  <c r="J6098" i="10"/>
  <c r="L6098" i="10" s="1"/>
  <c r="J6090" i="10"/>
  <c r="L6090" i="10" s="1"/>
  <c r="J6082" i="10"/>
  <c r="L6082" i="10" s="1"/>
  <c r="J6074" i="10"/>
  <c r="L6074" i="10" s="1"/>
  <c r="J6066" i="10"/>
  <c r="L6066" i="10" s="1"/>
  <c r="J6058" i="10"/>
  <c r="L6058" i="10" s="1"/>
  <c r="J6050" i="10"/>
  <c r="L6050" i="10" s="1"/>
  <c r="J6042" i="10"/>
  <c r="L6042" i="10" s="1"/>
  <c r="J6034" i="10"/>
  <c r="L6034" i="10" s="1"/>
  <c r="J6026" i="10"/>
  <c r="L6026" i="10" s="1"/>
  <c r="J6018" i="10"/>
  <c r="L6018" i="10" s="1"/>
  <c r="J6010" i="10"/>
  <c r="L6010" i="10" s="1"/>
  <c r="J6002" i="10"/>
  <c r="L6002" i="10" s="1"/>
  <c r="J5994" i="10"/>
  <c r="L5994" i="10" s="1"/>
  <c r="J5986" i="10"/>
  <c r="L5986" i="10" s="1"/>
  <c r="J5978" i="10"/>
  <c r="L5978" i="10" s="1"/>
  <c r="J5970" i="10"/>
  <c r="L5970" i="10" s="1"/>
  <c r="J5962" i="10"/>
  <c r="L5962" i="10" s="1"/>
  <c r="J5954" i="10"/>
  <c r="L5954" i="10" s="1"/>
  <c r="J5946" i="10"/>
  <c r="L5946" i="10" s="1"/>
  <c r="J5938" i="10"/>
  <c r="L5938" i="10" s="1"/>
  <c r="J5930" i="10"/>
  <c r="L5930" i="10" s="1"/>
  <c r="J5922" i="10"/>
  <c r="L5922" i="10" s="1"/>
  <c r="J5914" i="10"/>
  <c r="L5914" i="10" s="1"/>
  <c r="J5906" i="10"/>
  <c r="L5906" i="10" s="1"/>
  <c r="J5898" i="10"/>
  <c r="L5898" i="10" s="1"/>
  <c r="J5890" i="10"/>
  <c r="L5890" i="10" s="1"/>
  <c r="J5882" i="10"/>
  <c r="L5882" i="10" s="1"/>
  <c r="J5874" i="10"/>
  <c r="L5874" i="10" s="1"/>
  <c r="J5866" i="10"/>
  <c r="L5866" i="10" s="1"/>
  <c r="J5858" i="10"/>
  <c r="L5858" i="10" s="1"/>
  <c r="J5850" i="10"/>
  <c r="L5850" i="10" s="1"/>
  <c r="J5842" i="10"/>
  <c r="L5842" i="10" s="1"/>
  <c r="J5834" i="10"/>
  <c r="L5834" i="10" s="1"/>
  <c r="J5826" i="10"/>
  <c r="L5826" i="10" s="1"/>
  <c r="J5818" i="10"/>
  <c r="L5818" i="10" s="1"/>
  <c r="J5810" i="10"/>
  <c r="L5810" i="10" s="1"/>
  <c r="J5802" i="10"/>
  <c r="L5802" i="10" s="1"/>
  <c r="J5794" i="10"/>
  <c r="L5794" i="10" s="1"/>
  <c r="J5786" i="10"/>
  <c r="L5786" i="10" s="1"/>
  <c r="J5778" i="10"/>
  <c r="L5778" i="10" s="1"/>
  <c r="J7457" i="10"/>
  <c r="L7457" i="10" s="1"/>
  <c r="J7449" i="10"/>
  <c r="L7449" i="10" s="1"/>
  <c r="J7441" i="10"/>
  <c r="L7441" i="10" s="1"/>
  <c r="J7433" i="10"/>
  <c r="L7433" i="10" s="1"/>
  <c r="J7425" i="10"/>
  <c r="L7425" i="10" s="1"/>
  <c r="J7417" i="10"/>
  <c r="L7417" i="10" s="1"/>
  <c r="J7409" i="10"/>
  <c r="L7409" i="10" s="1"/>
  <c r="J7401" i="10"/>
  <c r="L7401" i="10" s="1"/>
  <c r="J7393" i="10"/>
  <c r="L7393" i="10" s="1"/>
  <c r="J7385" i="10"/>
  <c r="L7385" i="10" s="1"/>
  <c r="J7377" i="10"/>
  <c r="L7377" i="10" s="1"/>
  <c r="J7369" i="10"/>
  <c r="L7369" i="10" s="1"/>
  <c r="J7361" i="10"/>
  <c r="L7361" i="10" s="1"/>
  <c r="J7353" i="10"/>
  <c r="L7353" i="10" s="1"/>
  <c r="J7345" i="10"/>
  <c r="L7345" i="10" s="1"/>
  <c r="J7337" i="10"/>
  <c r="L7337" i="10" s="1"/>
  <c r="J7329" i="10"/>
  <c r="L7329" i="10" s="1"/>
  <c r="J7321" i="10"/>
  <c r="L7321" i="10" s="1"/>
  <c r="J7313" i="10"/>
  <c r="L7313" i="10" s="1"/>
  <c r="J7305" i="10"/>
  <c r="L7305" i="10" s="1"/>
  <c r="J7297" i="10"/>
  <c r="L7297" i="10" s="1"/>
  <c r="J7289" i="10"/>
  <c r="L7289" i="10" s="1"/>
  <c r="J7281" i="10"/>
  <c r="L7281" i="10" s="1"/>
  <c r="J7273" i="10"/>
  <c r="L7273" i="10" s="1"/>
  <c r="J7265" i="10"/>
  <c r="L7265" i="10" s="1"/>
  <c r="J7257" i="10"/>
  <c r="L7257" i="10" s="1"/>
  <c r="J7249" i="10"/>
  <c r="L7249" i="10" s="1"/>
  <c r="J7241" i="10"/>
  <c r="L7241" i="10" s="1"/>
  <c r="J7233" i="10"/>
  <c r="L7233" i="10" s="1"/>
  <c r="J7225" i="10"/>
  <c r="L7225" i="10" s="1"/>
  <c r="J7217" i="10"/>
  <c r="L7217" i="10" s="1"/>
  <c r="J7209" i="10"/>
  <c r="L7209" i="10" s="1"/>
  <c r="J7201" i="10"/>
  <c r="L7201" i="10" s="1"/>
  <c r="J7193" i="10"/>
  <c r="L7193" i="10" s="1"/>
  <c r="J7185" i="10"/>
  <c r="L7185" i="10" s="1"/>
  <c r="J7177" i="10"/>
  <c r="L7177" i="10" s="1"/>
  <c r="J7169" i="10"/>
  <c r="L7169" i="10" s="1"/>
  <c r="J7161" i="10"/>
  <c r="L7161" i="10" s="1"/>
  <c r="J7153" i="10"/>
  <c r="L7153" i="10" s="1"/>
  <c r="J7145" i="10"/>
  <c r="L7145" i="10" s="1"/>
  <c r="J7137" i="10"/>
  <c r="L7137" i="10" s="1"/>
  <c r="J7129" i="10"/>
  <c r="L7129" i="10" s="1"/>
  <c r="J7121" i="10"/>
  <c r="L7121" i="10" s="1"/>
  <c r="J7113" i="10"/>
  <c r="L7113" i="10" s="1"/>
  <c r="J7105" i="10"/>
  <c r="L7105" i="10" s="1"/>
  <c r="J7097" i="10"/>
  <c r="L7097" i="10" s="1"/>
  <c r="J7089" i="10"/>
  <c r="L7089" i="10" s="1"/>
  <c r="J7081" i="10"/>
  <c r="L7081" i="10" s="1"/>
  <c r="J7073" i="10"/>
  <c r="L7073" i="10" s="1"/>
  <c r="J7065" i="10"/>
  <c r="L7065" i="10" s="1"/>
  <c r="J7057" i="10"/>
  <c r="L7057" i="10" s="1"/>
  <c r="J7049" i="10"/>
  <c r="L7049" i="10" s="1"/>
  <c r="J7041" i="10"/>
  <c r="L7041" i="10" s="1"/>
  <c r="J7033" i="10"/>
  <c r="L7033" i="10" s="1"/>
  <c r="J7025" i="10"/>
  <c r="L7025" i="10" s="1"/>
  <c r="J7017" i="10"/>
  <c r="L7017" i="10" s="1"/>
  <c r="J7009" i="10"/>
  <c r="L7009" i="10" s="1"/>
  <c r="J7001" i="10"/>
  <c r="L7001" i="10" s="1"/>
  <c r="J6993" i="10"/>
  <c r="L6993" i="10" s="1"/>
  <c r="J6985" i="10"/>
  <c r="L6985" i="10" s="1"/>
  <c r="J6977" i="10"/>
  <c r="L6977" i="10" s="1"/>
  <c r="J6969" i="10"/>
  <c r="L6969" i="10" s="1"/>
  <c r="J6961" i="10"/>
  <c r="L6961" i="10" s="1"/>
  <c r="J6953" i="10"/>
  <c r="L6953" i="10" s="1"/>
  <c r="J6945" i="10"/>
  <c r="L6945" i="10" s="1"/>
  <c r="J6937" i="10"/>
  <c r="L6937" i="10" s="1"/>
  <c r="J6929" i="10"/>
  <c r="L6929" i="10" s="1"/>
  <c r="J6921" i="10"/>
  <c r="L6921" i="10" s="1"/>
  <c r="J6913" i="10"/>
  <c r="L6913" i="10" s="1"/>
  <c r="J6905" i="10"/>
  <c r="L6905" i="10" s="1"/>
  <c r="J6897" i="10"/>
  <c r="L6897" i="10" s="1"/>
  <c r="J6889" i="10"/>
  <c r="L6889" i="10" s="1"/>
  <c r="J6881" i="10"/>
  <c r="L6881" i="10" s="1"/>
  <c r="J6873" i="10"/>
  <c r="L6873" i="10" s="1"/>
  <c r="J6865" i="10"/>
  <c r="L6865" i="10" s="1"/>
  <c r="J6857" i="10"/>
  <c r="L6857" i="10" s="1"/>
  <c r="J6849" i="10"/>
  <c r="L6849" i="10" s="1"/>
  <c r="J6841" i="10"/>
  <c r="L6841" i="10" s="1"/>
  <c r="J6833" i="10"/>
  <c r="L6833" i="10" s="1"/>
  <c r="J6825" i="10"/>
  <c r="L6825" i="10" s="1"/>
  <c r="J6817" i="10"/>
  <c r="L6817" i="10" s="1"/>
  <c r="J6809" i="10"/>
  <c r="L6809" i="10" s="1"/>
  <c r="J6801" i="10"/>
  <c r="L6801" i="10" s="1"/>
  <c r="J6793" i="10"/>
  <c r="L6793" i="10" s="1"/>
  <c r="J6785" i="10"/>
  <c r="L6785" i="10" s="1"/>
  <c r="J6777" i="10"/>
  <c r="L6777" i="10" s="1"/>
  <c r="J6769" i="10"/>
  <c r="L6769" i="10" s="1"/>
  <c r="J6761" i="10"/>
  <c r="L6761" i="10" s="1"/>
  <c r="J6753" i="10"/>
  <c r="L6753" i="10" s="1"/>
  <c r="J6745" i="10"/>
  <c r="L6745" i="10" s="1"/>
  <c r="J6737" i="10"/>
  <c r="L6737" i="10" s="1"/>
  <c r="J6729" i="10"/>
  <c r="L6729" i="10" s="1"/>
  <c r="J6721" i="10"/>
  <c r="L6721" i="10" s="1"/>
  <c r="J6713" i="10"/>
  <c r="L6713" i="10" s="1"/>
  <c r="J6705" i="10"/>
  <c r="L6705" i="10" s="1"/>
  <c r="J6697" i="10"/>
  <c r="L6697" i="10" s="1"/>
  <c r="J6689" i="10"/>
  <c r="L6689" i="10" s="1"/>
  <c r="J6681" i="10"/>
  <c r="L6681" i="10" s="1"/>
  <c r="J6673" i="10"/>
  <c r="L6673" i="10" s="1"/>
  <c r="J6665" i="10"/>
  <c r="L6665" i="10" s="1"/>
  <c r="J6657" i="10"/>
  <c r="L6657" i="10" s="1"/>
  <c r="J6649" i="10"/>
  <c r="L6649" i="10" s="1"/>
  <c r="J6641" i="10"/>
  <c r="L6641" i="10" s="1"/>
  <c r="J6633" i="10"/>
  <c r="L6633" i="10" s="1"/>
  <c r="J6625" i="10"/>
  <c r="L6625" i="10" s="1"/>
  <c r="J6617" i="10"/>
  <c r="L6617" i="10" s="1"/>
  <c r="J6609" i="10"/>
  <c r="L6609" i="10" s="1"/>
  <c r="J6601" i="10"/>
  <c r="L6601" i="10" s="1"/>
  <c r="J6593" i="10"/>
  <c r="L6593" i="10" s="1"/>
  <c r="J6585" i="10"/>
  <c r="L6585" i="10" s="1"/>
  <c r="J6577" i="10"/>
  <c r="L6577" i="10" s="1"/>
  <c r="J6569" i="10"/>
  <c r="L6569" i="10" s="1"/>
  <c r="J6561" i="10"/>
  <c r="L6561" i="10" s="1"/>
  <c r="J6553" i="10"/>
  <c r="L6553" i="10" s="1"/>
  <c r="J6545" i="10"/>
  <c r="L6545" i="10" s="1"/>
  <c r="J6537" i="10"/>
  <c r="L6537" i="10" s="1"/>
  <c r="J6529" i="10"/>
  <c r="L6529" i="10" s="1"/>
  <c r="J6521" i="10"/>
  <c r="L6521" i="10" s="1"/>
  <c r="J6513" i="10"/>
  <c r="L6513" i="10" s="1"/>
  <c r="J6505" i="10"/>
  <c r="L6505" i="10" s="1"/>
  <c r="J6497" i="10"/>
  <c r="L6497" i="10" s="1"/>
  <c r="J6489" i="10"/>
  <c r="L6489" i="10" s="1"/>
  <c r="J6481" i="10"/>
  <c r="L6481" i="10" s="1"/>
  <c r="J6473" i="10"/>
  <c r="L6473" i="10" s="1"/>
  <c r="J6465" i="10"/>
  <c r="L6465" i="10" s="1"/>
  <c r="J6457" i="10"/>
  <c r="L6457" i="10" s="1"/>
  <c r="J6449" i="10"/>
  <c r="L6449" i="10" s="1"/>
  <c r="J6441" i="10"/>
  <c r="L6441" i="10" s="1"/>
  <c r="J6433" i="10"/>
  <c r="L6433" i="10" s="1"/>
  <c r="J6425" i="10"/>
  <c r="L6425" i="10" s="1"/>
  <c r="J6417" i="10"/>
  <c r="L6417" i="10" s="1"/>
  <c r="J6409" i="10"/>
  <c r="L6409" i="10" s="1"/>
  <c r="J6401" i="10"/>
  <c r="L6401" i="10" s="1"/>
  <c r="J6393" i="10"/>
  <c r="L6393" i="10" s="1"/>
  <c r="J6385" i="10"/>
  <c r="L6385" i="10" s="1"/>
  <c r="J6377" i="10"/>
  <c r="L6377" i="10" s="1"/>
  <c r="J6369" i="10"/>
  <c r="L6369" i="10" s="1"/>
  <c r="J6361" i="10"/>
  <c r="L6361" i="10" s="1"/>
  <c r="J6353" i="10"/>
  <c r="L6353" i="10" s="1"/>
  <c r="J6345" i="10"/>
  <c r="L6345" i="10" s="1"/>
  <c r="J6337" i="10"/>
  <c r="L6337" i="10" s="1"/>
  <c r="J6329" i="10"/>
  <c r="L6329" i="10" s="1"/>
  <c r="J6321" i="10"/>
  <c r="L6321" i="10" s="1"/>
  <c r="J6313" i="10"/>
  <c r="L6313" i="10" s="1"/>
  <c r="J6305" i="10"/>
  <c r="L6305" i="10" s="1"/>
  <c r="J6297" i="10"/>
  <c r="L6297" i="10" s="1"/>
  <c r="J6289" i="10"/>
  <c r="L6289" i="10" s="1"/>
  <c r="J6281" i="10"/>
  <c r="L6281" i="10" s="1"/>
  <c r="J6273" i="10"/>
  <c r="L6273" i="10" s="1"/>
  <c r="J6265" i="10"/>
  <c r="L6265" i="10" s="1"/>
  <c r="J6257" i="10"/>
  <c r="L6257" i="10" s="1"/>
  <c r="J6249" i="10"/>
  <c r="L6249" i="10" s="1"/>
  <c r="J6241" i="10"/>
  <c r="L6241" i="10" s="1"/>
  <c r="J6233" i="10"/>
  <c r="L6233" i="10" s="1"/>
  <c r="J6225" i="10"/>
  <c r="L6225" i="10" s="1"/>
  <c r="J6217" i="10"/>
  <c r="L6217" i="10" s="1"/>
  <c r="J6209" i="10"/>
  <c r="L6209" i="10" s="1"/>
  <c r="J6201" i="10"/>
  <c r="L6201" i="10" s="1"/>
  <c r="J6193" i="10"/>
  <c r="L6193" i="10" s="1"/>
  <c r="J6185" i="10"/>
  <c r="L6185" i="10" s="1"/>
  <c r="J6177" i="10"/>
  <c r="L6177" i="10" s="1"/>
  <c r="J6169" i="10"/>
  <c r="L6169" i="10" s="1"/>
  <c r="J6161" i="10"/>
  <c r="L6161" i="10" s="1"/>
  <c r="J6153" i="10"/>
  <c r="L6153" i="10" s="1"/>
  <c r="J6145" i="10"/>
  <c r="L6145" i="10" s="1"/>
  <c r="J6137" i="10"/>
  <c r="L6137" i="10" s="1"/>
  <c r="J6129" i="10"/>
  <c r="L6129" i="10" s="1"/>
  <c r="J6121" i="10"/>
  <c r="L6121" i="10" s="1"/>
  <c r="J6113" i="10"/>
  <c r="L6113" i="10" s="1"/>
  <c r="J6105" i="10"/>
  <c r="L6105" i="10" s="1"/>
  <c r="J6097" i="10"/>
  <c r="L6097" i="10" s="1"/>
  <c r="J6089" i="10"/>
  <c r="L6089" i="10" s="1"/>
  <c r="J6081" i="10"/>
  <c r="L6081" i="10" s="1"/>
  <c r="J6073" i="10"/>
  <c r="L6073" i="10" s="1"/>
  <c r="J6065" i="10"/>
  <c r="L6065" i="10" s="1"/>
  <c r="J6057" i="10"/>
  <c r="L6057" i="10" s="1"/>
  <c r="J6049" i="10"/>
  <c r="L6049" i="10" s="1"/>
  <c r="J6041" i="10"/>
  <c r="L6041" i="10" s="1"/>
  <c r="J6033" i="10"/>
  <c r="L6033" i="10" s="1"/>
  <c r="J6025" i="10"/>
  <c r="L6025" i="10" s="1"/>
  <c r="J6017" i="10"/>
  <c r="L6017" i="10" s="1"/>
  <c r="J6009" i="10"/>
  <c r="L6009" i="10" s="1"/>
  <c r="J6001" i="10"/>
  <c r="L6001" i="10" s="1"/>
  <c r="J5993" i="10"/>
  <c r="L5993" i="10" s="1"/>
  <c r="J5985" i="10"/>
  <c r="L5985" i="10" s="1"/>
  <c r="J5977" i="10"/>
  <c r="L5977" i="10" s="1"/>
  <c r="J5969" i="10"/>
  <c r="L5969" i="10" s="1"/>
  <c r="J5961" i="10"/>
  <c r="L5961" i="10" s="1"/>
  <c r="J5953" i="10"/>
  <c r="L5953" i="10" s="1"/>
  <c r="J5945" i="10"/>
  <c r="L5945" i="10" s="1"/>
  <c r="J5937" i="10"/>
  <c r="L5937" i="10" s="1"/>
  <c r="J5929" i="10"/>
  <c r="L5929" i="10" s="1"/>
  <c r="J5921" i="10"/>
  <c r="L5921" i="10" s="1"/>
  <c r="J5913" i="10"/>
  <c r="L5913" i="10" s="1"/>
  <c r="J5905" i="10"/>
  <c r="L5905" i="10" s="1"/>
  <c r="J5897" i="10"/>
  <c r="L5897" i="10" s="1"/>
  <c r="J5889" i="10"/>
  <c r="L5889" i="10" s="1"/>
  <c r="J5881" i="10"/>
  <c r="L5881" i="10" s="1"/>
  <c r="J5873" i="10"/>
  <c r="L5873" i="10" s="1"/>
  <c r="J5865" i="10"/>
  <c r="L5865" i="10" s="1"/>
  <c r="J5857" i="10"/>
  <c r="L5857" i="10" s="1"/>
  <c r="J5849" i="10"/>
  <c r="L5849" i="10" s="1"/>
  <c r="J5841" i="10"/>
  <c r="L5841" i="10" s="1"/>
  <c r="J5833" i="10"/>
  <c r="L5833" i="10" s="1"/>
  <c r="J5825" i="10"/>
  <c r="L5825" i="10" s="1"/>
  <c r="J5817" i="10"/>
  <c r="L5817" i="10" s="1"/>
  <c r="J5809" i="10"/>
  <c r="L5809" i="10" s="1"/>
  <c r="J5801" i="10"/>
  <c r="L5801" i="10" s="1"/>
  <c r="J5793" i="10"/>
  <c r="L5793" i="10" s="1"/>
  <c r="J5785" i="10"/>
  <c r="L5785" i="10" s="1"/>
  <c r="J5777" i="10"/>
  <c r="L5777" i="10" s="1"/>
  <c r="J5769" i="10"/>
  <c r="L5769" i="10" s="1"/>
  <c r="J5761" i="10"/>
  <c r="L5761" i="10" s="1"/>
  <c r="J5753" i="10"/>
  <c r="L5753" i="10" s="1"/>
  <c r="J5745" i="10"/>
  <c r="L5745" i="10" s="1"/>
  <c r="J5737" i="10"/>
  <c r="L5737" i="10" s="1"/>
  <c r="J5729" i="10"/>
  <c r="L5729" i="10" s="1"/>
  <c r="J5721" i="10"/>
  <c r="L5721" i="10" s="1"/>
  <c r="J5713" i="10"/>
  <c r="L5713" i="10" s="1"/>
  <c r="J5705" i="10"/>
  <c r="L5705" i="10" s="1"/>
  <c r="J5697" i="10"/>
  <c r="L5697" i="10" s="1"/>
  <c r="J5689" i="10"/>
  <c r="L5689" i="10" s="1"/>
  <c r="J5681" i="10"/>
  <c r="L5681" i="10" s="1"/>
  <c r="J5673" i="10"/>
  <c r="L5673" i="10" s="1"/>
  <c r="J5665" i="10"/>
  <c r="L5665" i="10" s="1"/>
  <c r="J5657" i="10"/>
  <c r="L5657" i="10" s="1"/>
  <c r="J5649" i="10"/>
  <c r="L5649" i="10" s="1"/>
  <c r="J5641" i="10"/>
  <c r="L5641" i="10" s="1"/>
  <c r="J5633" i="10"/>
  <c r="L5633" i="10" s="1"/>
  <c r="J5625" i="10"/>
  <c r="L5625" i="10" s="1"/>
  <c r="J5617" i="10"/>
  <c r="L5617" i="10" s="1"/>
  <c r="J5609" i="10"/>
  <c r="L5609" i="10" s="1"/>
  <c r="J5601" i="10"/>
  <c r="L5601" i="10" s="1"/>
  <c r="J5593" i="10"/>
  <c r="L5593" i="10" s="1"/>
  <c r="J5585" i="10"/>
  <c r="L5585" i="10" s="1"/>
  <c r="J5577" i="10"/>
  <c r="L5577" i="10" s="1"/>
  <c r="J5569" i="10"/>
  <c r="L5569" i="10" s="1"/>
  <c r="J5561" i="10"/>
  <c r="L5561" i="10" s="1"/>
  <c r="J5553" i="10"/>
  <c r="L5553" i="10" s="1"/>
  <c r="J5545" i="10"/>
  <c r="L5545" i="10" s="1"/>
  <c r="J5537" i="10"/>
  <c r="L5537" i="10" s="1"/>
  <c r="J5529" i="10"/>
  <c r="L5529" i="10" s="1"/>
  <c r="J5521" i="10"/>
  <c r="L5521" i="10" s="1"/>
  <c r="J5513" i="10"/>
  <c r="L5513" i="10" s="1"/>
  <c r="J5505" i="10"/>
  <c r="L5505" i="10" s="1"/>
  <c r="J5497" i="10"/>
  <c r="L5497" i="10" s="1"/>
  <c r="J5489" i="10"/>
  <c r="L5489" i="10" s="1"/>
  <c r="J5481" i="10"/>
  <c r="L5481" i="10" s="1"/>
  <c r="J5473" i="10"/>
  <c r="L5473" i="10" s="1"/>
  <c r="J5465" i="10"/>
  <c r="L5465" i="10" s="1"/>
  <c r="J5457" i="10"/>
  <c r="L5457" i="10" s="1"/>
  <c r="J5449" i="10"/>
  <c r="L5449" i="10" s="1"/>
  <c r="J5441" i="10"/>
  <c r="L5441" i="10" s="1"/>
  <c r="J5433" i="10"/>
  <c r="L5433" i="10" s="1"/>
  <c r="J5425" i="10"/>
  <c r="L5425" i="10" s="1"/>
  <c r="J5417" i="10"/>
  <c r="L5417" i="10" s="1"/>
  <c r="J5409" i="10"/>
  <c r="L5409" i="10" s="1"/>
  <c r="J5401" i="10"/>
  <c r="L5401" i="10" s="1"/>
  <c r="J5393" i="10"/>
  <c r="L5393" i="10" s="1"/>
  <c r="J5385" i="10"/>
  <c r="L5385" i="10" s="1"/>
  <c r="J5377" i="10"/>
  <c r="L5377" i="10" s="1"/>
  <c r="J5369" i="10"/>
  <c r="L5369" i="10" s="1"/>
  <c r="J5361" i="10"/>
  <c r="L5361" i="10" s="1"/>
  <c r="J5353" i="10"/>
  <c r="L5353" i="10" s="1"/>
  <c r="J5345" i="10"/>
  <c r="L5345" i="10" s="1"/>
  <c r="J5337" i="10"/>
  <c r="L5337" i="10" s="1"/>
  <c r="J5329" i="10"/>
  <c r="L5329" i="10" s="1"/>
  <c r="J5321" i="10"/>
  <c r="L5321" i="10" s="1"/>
  <c r="J5313" i="10"/>
  <c r="L5313" i="10" s="1"/>
  <c r="J5305" i="10"/>
  <c r="L5305" i="10" s="1"/>
  <c r="J5297" i="10"/>
  <c r="L5297" i="10" s="1"/>
  <c r="J5289" i="10"/>
  <c r="L5289" i="10" s="1"/>
  <c r="J5281" i="10"/>
  <c r="L5281" i="10" s="1"/>
  <c r="J5273" i="10"/>
  <c r="L5273" i="10" s="1"/>
  <c r="J5265" i="10"/>
  <c r="L5265" i="10" s="1"/>
  <c r="J5257" i="10"/>
  <c r="L5257" i="10" s="1"/>
  <c r="J5249" i="10"/>
  <c r="L5249" i="10" s="1"/>
  <c r="J5241" i="10"/>
  <c r="L5241" i="10" s="1"/>
  <c r="J5233" i="10"/>
  <c r="L5233" i="10" s="1"/>
  <c r="J5225" i="10"/>
  <c r="L5225" i="10" s="1"/>
  <c r="J5217" i="10"/>
  <c r="L5217" i="10" s="1"/>
  <c r="J5209" i="10"/>
  <c r="L5209" i="10" s="1"/>
  <c r="J5201" i="10"/>
  <c r="L5201" i="10" s="1"/>
  <c r="J5193" i="10"/>
  <c r="L5193" i="10" s="1"/>
  <c r="J5185" i="10"/>
  <c r="L5185" i="10" s="1"/>
  <c r="J5177" i="10"/>
  <c r="L5177" i="10" s="1"/>
  <c r="J5169" i="10"/>
  <c r="L5169" i="10" s="1"/>
  <c r="J5161" i="10"/>
  <c r="L5161" i="10" s="1"/>
  <c r="J5153" i="10"/>
  <c r="L5153" i="10" s="1"/>
  <c r="J5145" i="10"/>
  <c r="L5145" i="10" s="1"/>
  <c r="J5137" i="10"/>
  <c r="L5137" i="10" s="1"/>
  <c r="J5129" i="10"/>
  <c r="L5129" i="10" s="1"/>
  <c r="J5121" i="10"/>
  <c r="L5121" i="10" s="1"/>
  <c r="J5113" i="10"/>
  <c r="L5113" i="10" s="1"/>
  <c r="J5105" i="10"/>
  <c r="L5105" i="10" s="1"/>
  <c r="J5097" i="10"/>
  <c r="L5097" i="10" s="1"/>
  <c r="J5089" i="10"/>
  <c r="L5089" i="10" s="1"/>
  <c r="J5081" i="10"/>
  <c r="L5081" i="10" s="1"/>
  <c r="J5073" i="10"/>
  <c r="L5073" i="10" s="1"/>
  <c r="J5065" i="10"/>
  <c r="L5065" i="10" s="1"/>
  <c r="J5057" i="10"/>
  <c r="L5057" i="10" s="1"/>
  <c r="J5049" i="10"/>
  <c r="L5049" i="10" s="1"/>
  <c r="J5041" i="10"/>
  <c r="L5041" i="10" s="1"/>
  <c r="J5033" i="10"/>
  <c r="L5033" i="10" s="1"/>
  <c r="J5025" i="10"/>
  <c r="L5025" i="10" s="1"/>
  <c r="J5017" i="10"/>
  <c r="L5017" i="10" s="1"/>
  <c r="J5009" i="10"/>
  <c r="L5009" i="10" s="1"/>
  <c r="J5001" i="10"/>
  <c r="L5001" i="10" s="1"/>
  <c r="J4993" i="10"/>
  <c r="L4993" i="10" s="1"/>
  <c r="J4985" i="10"/>
  <c r="L4985" i="10" s="1"/>
  <c r="J4977" i="10"/>
  <c r="L4977" i="10" s="1"/>
  <c r="J4969" i="10"/>
  <c r="L4969" i="10" s="1"/>
  <c r="J4961" i="10"/>
  <c r="L4961" i="10" s="1"/>
  <c r="J4953" i="10"/>
  <c r="L4953" i="10" s="1"/>
  <c r="J4945" i="10"/>
  <c r="L4945" i="10" s="1"/>
  <c r="J4937" i="10"/>
  <c r="L4937" i="10" s="1"/>
  <c r="J4929" i="10"/>
  <c r="L4929" i="10" s="1"/>
  <c r="J4921" i="10"/>
  <c r="L4921" i="10" s="1"/>
  <c r="J4913" i="10"/>
  <c r="L4913" i="10" s="1"/>
  <c r="J4905" i="10"/>
  <c r="L4905" i="10" s="1"/>
  <c r="J4897" i="10"/>
  <c r="L4897" i="10" s="1"/>
  <c r="J7456" i="10"/>
  <c r="L7456" i="10" s="1"/>
  <c r="J7448" i="10"/>
  <c r="L7448" i="10" s="1"/>
  <c r="J7440" i="10"/>
  <c r="L7440" i="10" s="1"/>
  <c r="J7432" i="10"/>
  <c r="L7432" i="10" s="1"/>
  <c r="J7424" i="10"/>
  <c r="L7424" i="10" s="1"/>
  <c r="J7416" i="10"/>
  <c r="L7416" i="10" s="1"/>
  <c r="J7408" i="10"/>
  <c r="L7408" i="10" s="1"/>
  <c r="J7400" i="10"/>
  <c r="L7400" i="10" s="1"/>
  <c r="J7392" i="10"/>
  <c r="L7392" i="10" s="1"/>
  <c r="J7384" i="10"/>
  <c r="L7384" i="10" s="1"/>
  <c r="J7376" i="10"/>
  <c r="L7376" i="10" s="1"/>
  <c r="J7368" i="10"/>
  <c r="L7368" i="10" s="1"/>
  <c r="J7360" i="10"/>
  <c r="L7360" i="10" s="1"/>
  <c r="J7352" i="10"/>
  <c r="L7352" i="10" s="1"/>
  <c r="J7344" i="10"/>
  <c r="L7344" i="10" s="1"/>
  <c r="J7336" i="10"/>
  <c r="L7336" i="10" s="1"/>
  <c r="J7328" i="10"/>
  <c r="L7328" i="10" s="1"/>
  <c r="J7320" i="10"/>
  <c r="L7320" i="10" s="1"/>
  <c r="J7312" i="10"/>
  <c r="L7312" i="10" s="1"/>
  <c r="J7304" i="10"/>
  <c r="L7304" i="10" s="1"/>
  <c r="J7296" i="10"/>
  <c r="L7296" i="10" s="1"/>
  <c r="J7288" i="10"/>
  <c r="L7288" i="10" s="1"/>
  <c r="J7280" i="10"/>
  <c r="L7280" i="10" s="1"/>
  <c r="J7272" i="10"/>
  <c r="L7272" i="10" s="1"/>
  <c r="J7264" i="10"/>
  <c r="L7264" i="10" s="1"/>
  <c r="J7256" i="10"/>
  <c r="L7256" i="10" s="1"/>
  <c r="J7248" i="10"/>
  <c r="L7248" i="10" s="1"/>
  <c r="J7240" i="10"/>
  <c r="L7240" i="10" s="1"/>
  <c r="J7232" i="10"/>
  <c r="L7232" i="10" s="1"/>
  <c r="J7224" i="10"/>
  <c r="L7224" i="10" s="1"/>
  <c r="J7216" i="10"/>
  <c r="L7216" i="10" s="1"/>
  <c r="J7208" i="10"/>
  <c r="L7208" i="10" s="1"/>
  <c r="J7200" i="10"/>
  <c r="L7200" i="10" s="1"/>
  <c r="J7192" i="10"/>
  <c r="L7192" i="10" s="1"/>
  <c r="J7184" i="10"/>
  <c r="L7184" i="10" s="1"/>
  <c r="J7176" i="10"/>
  <c r="L7176" i="10" s="1"/>
  <c r="J7168" i="10"/>
  <c r="L7168" i="10" s="1"/>
  <c r="J7160" i="10"/>
  <c r="L7160" i="10" s="1"/>
  <c r="J7152" i="10"/>
  <c r="L7152" i="10" s="1"/>
  <c r="J7144" i="10"/>
  <c r="L7144" i="10" s="1"/>
  <c r="J7136" i="10"/>
  <c r="L7136" i="10" s="1"/>
  <c r="J7128" i="10"/>
  <c r="L7128" i="10" s="1"/>
  <c r="J7120" i="10"/>
  <c r="L7120" i="10" s="1"/>
  <c r="J7112" i="10"/>
  <c r="L7112" i="10" s="1"/>
  <c r="J7104" i="10"/>
  <c r="L7104" i="10" s="1"/>
  <c r="J7096" i="10"/>
  <c r="L7096" i="10" s="1"/>
  <c r="J7088" i="10"/>
  <c r="L7088" i="10" s="1"/>
  <c r="J7080" i="10"/>
  <c r="L7080" i="10" s="1"/>
  <c r="J7072" i="10"/>
  <c r="L7072" i="10" s="1"/>
  <c r="J7064" i="10"/>
  <c r="L7064" i="10" s="1"/>
  <c r="J7056" i="10"/>
  <c r="L7056" i="10" s="1"/>
  <c r="J7048" i="10"/>
  <c r="L7048" i="10" s="1"/>
  <c r="J7040" i="10"/>
  <c r="L7040" i="10" s="1"/>
  <c r="J7032" i="10"/>
  <c r="L7032" i="10" s="1"/>
  <c r="J7024" i="10"/>
  <c r="L7024" i="10" s="1"/>
  <c r="J7016" i="10"/>
  <c r="L7016" i="10" s="1"/>
  <c r="J7008" i="10"/>
  <c r="L7008" i="10" s="1"/>
  <c r="J7000" i="10"/>
  <c r="L7000" i="10" s="1"/>
  <c r="J6992" i="10"/>
  <c r="L6992" i="10" s="1"/>
  <c r="J6984" i="10"/>
  <c r="L6984" i="10" s="1"/>
  <c r="J6976" i="10"/>
  <c r="L6976" i="10" s="1"/>
  <c r="J6968" i="10"/>
  <c r="L6968" i="10" s="1"/>
  <c r="J6960" i="10"/>
  <c r="L6960" i="10" s="1"/>
  <c r="J6952" i="10"/>
  <c r="L6952" i="10" s="1"/>
  <c r="J6944" i="10"/>
  <c r="L6944" i="10" s="1"/>
  <c r="J6936" i="10"/>
  <c r="L6936" i="10" s="1"/>
  <c r="J6928" i="10"/>
  <c r="L6928" i="10" s="1"/>
  <c r="J6920" i="10"/>
  <c r="L6920" i="10" s="1"/>
  <c r="J6912" i="10"/>
  <c r="L6912" i="10" s="1"/>
  <c r="J6904" i="10"/>
  <c r="L6904" i="10" s="1"/>
  <c r="J6896" i="10"/>
  <c r="L6896" i="10" s="1"/>
  <c r="J6888" i="10"/>
  <c r="L6888" i="10" s="1"/>
  <c r="J6880" i="10"/>
  <c r="L6880" i="10" s="1"/>
  <c r="J6872" i="10"/>
  <c r="L6872" i="10" s="1"/>
  <c r="J6864" i="10"/>
  <c r="L6864" i="10" s="1"/>
  <c r="J6856" i="10"/>
  <c r="L6856" i="10" s="1"/>
  <c r="J6848" i="10"/>
  <c r="L6848" i="10" s="1"/>
  <c r="J6840" i="10"/>
  <c r="L6840" i="10" s="1"/>
  <c r="J6832" i="10"/>
  <c r="L6832" i="10" s="1"/>
  <c r="J6824" i="10"/>
  <c r="L6824" i="10" s="1"/>
  <c r="J6816" i="10"/>
  <c r="L6816" i="10" s="1"/>
  <c r="J6808" i="10"/>
  <c r="L6808" i="10" s="1"/>
  <c r="J6800" i="10"/>
  <c r="L6800" i="10" s="1"/>
  <c r="J6792" i="10"/>
  <c r="L6792" i="10" s="1"/>
  <c r="J6784" i="10"/>
  <c r="L6784" i="10" s="1"/>
  <c r="J6776" i="10"/>
  <c r="L6776" i="10" s="1"/>
  <c r="J6768" i="10"/>
  <c r="L6768" i="10" s="1"/>
  <c r="J6760" i="10"/>
  <c r="L6760" i="10" s="1"/>
  <c r="J6752" i="10"/>
  <c r="L6752" i="10" s="1"/>
  <c r="J6744" i="10"/>
  <c r="L6744" i="10" s="1"/>
  <c r="J6736" i="10"/>
  <c r="L6736" i="10" s="1"/>
  <c r="J6728" i="10"/>
  <c r="L6728" i="10" s="1"/>
  <c r="J6720" i="10"/>
  <c r="L6720" i="10" s="1"/>
  <c r="J6712" i="10"/>
  <c r="L6712" i="10" s="1"/>
  <c r="J6704" i="10"/>
  <c r="L6704" i="10" s="1"/>
  <c r="J6696" i="10"/>
  <c r="L6696" i="10" s="1"/>
  <c r="J6688" i="10"/>
  <c r="L6688" i="10" s="1"/>
  <c r="J6680" i="10"/>
  <c r="L6680" i="10" s="1"/>
  <c r="J6672" i="10"/>
  <c r="L6672" i="10" s="1"/>
  <c r="J6664" i="10"/>
  <c r="L6664" i="10" s="1"/>
  <c r="J6656" i="10"/>
  <c r="L6656" i="10" s="1"/>
  <c r="J6648" i="10"/>
  <c r="L6648" i="10" s="1"/>
  <c r="J6640" i="10"/>
  <c r="L6640" i="10" s="1"/>
  <c r="J6632" i="10"/>
  <c r="L6632" i="10" s="1"/>
  <c r="J6624" i="10"/>
  <c r="L6624" i="10" s="1"/>
  <c r="J6616" i="10"/>
  <c r="L6616" i="10" s="1"/>
  <c r="J6608" i="10"/>
  <c r="L6608" i="10" s="1"/>
  <c r="J6600" i="10"/>
  <c r="L6600" i="10" s="1"/>
  <c r="J6592" i="10"/>
  <c r="L6592" i="10" s="1"/>
  <c r="J6584" i="10"/>
  <c r="L6584" i="10" s="1"/>
  <c r="J6576" i="10"/>
  <c r="L6576" i="10" s="1"/>
  <c r="J6568" i="10"/>
  <c r="L6568" i="10" s="1"/>
  <c r="J6560" i="10"/>
  <c r="L6560" i="10" s="1"/>
  <c r="J6552" i="10"/>
  <c r="L6552" i="10" s="1"/>
  <c r="J6544" i="10"/>
  <c r="L6544" i="10" s="1"/>
  <c r="J6536" i="10"/>
  <c r="L6536" i="10" s="1"/>
  <c r="J6528" i="10"/>
  <c r="L6528" i="10" s="1"/>
  <c r="J6520" i="10"/>
  <c r="L6520" i="10" s="1"/>
  <c r="J6512" i="10"/>
  <c r="L6512" i="10" s="1"/>
  <c r="J6504" i="10"/>
  <c r="L6504" i="10" s="1"/>
  <c r="J6496" i="10"/>
  <c r="L6496" i="10" s="1"/>
  <c r="J6488" i="10"/>
  <c r="L6488" i="10" s="1"/>
  <c r="J6480" i="10"/>
  <c r="L6480" i="10" s="1"/>
  <c r="J6472" i="10"/>
  <c r="L6472" i="10" s="1"/>
  <c r="J6464" i="10"/>
  <c r="L6464" i="10" s="1"/>
  <c r="J6456" i="10"/>
  <c r="L6456" i="10" s="1"/>
  <c r="J6448" i="10"/>
  <c r="L6448" i="10" s="1"/>
  <c r="J6440" i="10"/>
  <c r="L6440" i="10" s="1"/>
  <c r="J6432" i="10"/>
  <c r="L6432" i="10" s="1"/>
  <c r="J6424" i="10"/>
  <c r="L6424" i="10" s="1"/>
  <c r="J6416" i="10"/>
  <c r="L6416" i="10" s="1"/>
  <c r="J6408" i="10"/>
  <c r="L6408" i="10" s="1"/>
  <c r="J6400" i="10"/>
  <c r="L6400" i="10" s="1"/>
  <c r="J6392" i="10"/>
  <c r="L6392" i="10" s="1"/>
  <c r="J6384" i="10"/>
  <c r="L6384" i="10" s="1"/>
  <c r="J6376" i="10"/>
  <c r="L6376" i="10" s="1"/>
  <c r="J6368" i="10"/>
  <c r="L6368" i="10" s="1"/>
  <c r="J6360" i="10"/>
  <c r="L6360" i="10" s="1"/>
  <c r="J6352" i="10"/>
  <c r="L6352" i="10" s="1"/>
  <c r="J6344" i="10"/>
  <c r="L6344" i="10" s="1"/>
  <c r="J6336" i="10"/>
  <c r="L6336" i="10" s="1"/>
  <c r="J6328" i="10"/>
  <c r="L6328" i="10" s="1"/>
  <c r="J6320" i="10"/>
  <c r="L6320" i="10" s="1"/>
  <c r="J6312" i="10"/>
  <c r="L6312" i="10" s="1"/>
  <c r="J6304" i="10"/>
  <c r="L6304" i="10" s="1"/>
  <c r="J6296" i="10"/>
  <c r="L6296" i="10" s="1"/>
  <c r="J6288" i="10"/>
  <c r="L6288" i="10" s="1"/>
  <c r="J6280" i="10"/>
  <c r="L6280" i="10" s="1"/>
  <c r="J6272" i="10"/>
  <c r="L6272" i="10" s="1"/>
  <c r="J6264" i="10"/>
  <c r="L6264" i="10" s="1"/>
  <c r="J6256" i="10"/>
  <c r="L6256" i="10" s="1"/>
  <c r="J6248" i="10"/>
  <c r="L6248" i="10" s="1"/>
  <c r="J6240" i="10"/>
  <c r="L6240" i="10" s="1"/>
  <c r="J6232" i="10"/>
  <c r="L6232" i="10" s="1"/>
  <c r="J6224" i="10"/>
  <c r="L6224" i="10" s="1"/>
  <c r="J6216" i="10"/>
  <c r="L6216" i="10" s="1"/>
  <c r="J6208" i="10"/>
  <c r="L6208" i="10" s="1"/>
  <c r="J6200" i="10"/>
  <c r="L6200" i="10" s="1"/>
  <c r="J6192" i="10"/>
  <c r="L6192" i="10" s="1"/>
  <c r="J6184" i="10"/>
  <c r="L6184" i="10" s="1"/>
  <c r="J6176" i="10"/>
  <c r="L6176" i="10" s="1"/>
  <c r="J6168" i="10"/>
  <c r="L6168" i="10" s="1"/>
  <c r="J6160" i="10"/>
  <c r="L6160" i="10" s="1"/>
  <c r="J6152" i="10"/>
  <c r="L6152" i="10" s="1"/>
  <c r="J6144" i="10"/>
  <c r="L6144" i="10" s="1"/>
  <c r="J6136" i="10"/>
  <c r="L6136" i="10" s="1"/>
  <c r="J6128" i="10"/>
  <c r="L6128" i="10" s="1"/>
  <c r="J6120" i="10"/>
  <c r="L6120" i="10" s="1"/>
  <c r="J6112" i="10"/>
  <c r="L6112" i="10" s="1"/>
  <c r="J6104" i="10"/>
  <c r="L6104" i="10" s="1"/>
  <c r="J6096" i="10"/>
  <c r="L6096" i="10" s="1"/>
  <c r="J6088" i="10"/>
  <c r="L6088" i="10" s="1"/>
  <c r="J6080" i="10"/>
  <c r="L6080" i="10" s="1"/>
  <c r="J6072" i="10"/>
  <c r="L6072" i="10" s="1"/>
  <c r="J6064" i="10"/>
  <c r="L6064" i="10" s="1"/>
  <c r="J6056" i="10"/>
  <c r="L6056" i="10" s="1"/>
  <c r="J6048" i="10"/>
  <c r="L6048" i="10" s="1"/>
  <c r="J6040" i="10"/>
  <c r="L6040" i="10" s="1"/>
  <c r="J6032" i="10"/>
  <c r="L6032" i="10" s="1"/>
  <c r="J6024" i="10"/>
  <c r="L6024" i="10" s="1"/>
  <c r="J6016" i="10"/>
  <c r="L6016" i="10" s="1"/>
  <c r="J6008" i="10"/>
  <c r="L6008" i="10" s="1"/>
  <c r="J6000" i="10"/>
  <c r="L6000" i="10" s="1"/>
  <c r="J5992" i="10"/>
  <c r="L5992" i="10" s="1"/>
  <c r="J5984" i="10"/>
  <c r="L5984" i="10" s="1"/>
  <c r="J5976" i="10"/>
  <c r="L5976" i="10" s="1"/>
  <c r="J5968" i="10"/>
  <c r="L5968" i="10" s="1"/>
  <c r="J5960" i="10"/>
  <c r="L5960" i="10" s="1"/>
  <c r="J5952" i="10"/>
  <c r="L5952" i="10" s="1"/>
  <c r="J5944" i="10"/>
  <c r="L5944" i="10" s="1"/>
  <c r="J5936" i="10"/>
  <c r="L5936" i="10" s="1"/>
  <c r="J5928" i="10"/>
  <c r="L5928" i="10" s="1"/>
  <c r="J5920" i="10"/>
  <c r="L5920" i="10" s="1"/>
  <c r="J5912" i="10"/>
  <c r="L5912" i="10" s="1"/>
  <c r="J5904" i="10"/>
  <c r="L5904" i="10" s="1"/>
  <c r="J5896" i="10"/>
  <c r="L5896" i="10" s="1"/>
  <c r="J5888" i="10"/>
  <c r="L5888" i="10" s="1"/>
  <c r="J5880" i="10"/>
  <c r="L5880" i="10" s="1"/>
  <c r="J5872" i="10"/>
  <c r="L5872" i="10" s="1"/>
  <c r="J5864" i="10"/>
  <c r="L5864" i="10" s="1"/>
  <c r="J5856" i="10"/>
  <c r="L5856" i="10" s="1"/>
  <c r="J5848" i="10"/>
  <c r="L5848" i="10" s="1"/>
  <c r="J5840" i="10"/>
  <c r="L5840" i="10" s="1"/>
  <c r="J7455" i="10"/>
  <c r="L7455" i="10" s="1"/>
  <c r="J7447" i="10"/>
  <c r="L7447" i="10" s="1"/>
  <c r="J7439" i="10"/>
  <c r="L7439" i="10" s="1"/>
  <c r="J7431" i="10"/>
  <c r="L7431" i="10" s="1"/>
  <c r="J7423" i="10"/>
  <c r="L7423" i="10" s="1"/>
  <c r="J7415" i="10"/>
  <c r="L7415" i="10" s="1"/>
  <c r="J7407" i="10"/>
  <c r="L7407" i="10" s="1"/>
  <c r="J7399" i="10"/>
  <c r="L7399" i="10" s="1"/>
  <c r="J7391" i="10"/>
  <c r="L7391" i="10" s="1"/>
  <c r="J7383" i="10"/>
  <c r="L7383" i="10" s="1"/>
  <c r="J7375" i="10"/>
  <c r="L7375" i="10" s="1"/>
  <c r="J7367" i="10"/>
  <c r="L7367" i="10" s="1"/>
  <c r="J7359" i="10"/>
  <c r="L7359" i="10" s="1"/>
  <c r="J7351" i="10"/>
  <c r="L7351" i="10" s="1"/>
  <c r="J7343" i="10"/>
  <c r="L7343" i="10" s="1"/>
  <c r="J7335" i="10"/>
  <c r="L7335" i="10" s="1"/>
  <c r="J7327" i="10"/>
  <c r="L7327" i="10" s="1"/>
  <c r="J7319" i="10"/>
  <c r="L7319" i="10" s="1"/>
  <c r="J7311" i="10"/>
  <c r="L7311" i="10" s="1"/>
  <c r="J7303" i="10"/>
  <c r="L7303" i="10" s="1"/>
  <c r="J7295" i="10"/>
  <c r="L7295" i="10" s="1"/>
  <c r="J7287" i="10"/>
  <c r="L7287" i="10" s="1"/>
  <c r="J7279" i="10"/>
  <c r="L7279" i="10" s="1"/>
  <c r="J7271" i="10"/>
  <c r="L7271" i="10" s="1"/>
  <c r="J7263" i="10"/>
  <c r="L7263" i="10" s="1"/>
  <c r="J7255" i="10"/>
  <c r="L7255" i="10" s="1"/>
  <c r="J7247" i="10"/>
  <c r="L7247" i="10" s="1"/>
  <c r="J7239" i="10"/>
  <c r="L7239" i="10" s="1"/>
  <c r="J7231" i="10"/>
  <c r="L7231" i="10" s="1"/>
  <c r="J7223" i="10"/>
  <c r="L7223" i="10" s="1"/>
  <c r="J7215" i="10"/>
  <c r="L7215" i="10" s="1"/>
  <c r="J7207" i="10"/>
  <c r="L7207" i="10" s="1"/>
  <c r="J7199" i="10"/>
  <c r="L7199" i="10" s="1"/>
  <c r="J7191" i="10"/>
  <c r="L7191" i="10" s="1"/>
  <c r="J7183" i="10"/>
  <c r="L7183" i="10" s="1"/>
  <c r="J7175" i="10"/>
  <c r="L7175" i="10" s="1"/>
  <c r="J7167" i="10"/>
  <c r="L7167" i="10" s="1"/>
  <c r="J7159" i="10"/>
  <c r="L7159" i="10" s="1"/>
  <c r="J7151" i="10"/>
  <c r="L7151" i="10" s="1"/>
  <c r="J7143" i="10"/>
  <c r="L7143" i="10" s="1"/>
  <c r="J7135" i="10"/>
  <c r="L7135" i="10" s="1"/>
  <c r="J7127" i="10"/>
  <c r="L7127" i="10" s="1"/>
  <c r="J7119" i="10"/>
  <c r="L7119" i="10" s="1"/>
  <c r="J7111" i="10"/>
  <c r="L7111" i="10" s="1"/>
  <c r="J7103" i="10"/>
  <c r="L7103" i="10" s="1"/>
  <c r="J7095" i="10"/>
  <c r="L7095" i="10" s="1"/>
  <c r="J7087" i="10"/>
  <c r="L7087" i="10" s="1"/>
  <c r="J7079" i="10"/>
  <c r="L7079" i="10" s="1"/>
  <c r="J7071" i="10"/>
  <c r="L7071" i="10" s="1"/>
  <c r="J7063" i="10"/>
  <c r="L7063" i="10" s="1"/>
  <c r="J7055" i="10"/>
  <c r="L7055" i="10" s="1"/>
  <c r="J7047" i="10"/>
  <c r="L7047" i="10" s="1"/>
  <c r="J7039" i="10"/>
  <c r="L7039" i="10" s="1"/>
  <c r="J7031" i="10"/>
  <c r="L7031" i="10" s="1"/>
  <c r="J7023" i="10"/>
  <c r="L7023" i="10" s="1"/>
  <c r="J7015" i="10"/>
  <c r="L7015" i="10" s="1"/>
  <c r="J7007" i="10"/>
  <c r="L7007" i="10" s="1"/>
  <c r="J6999" i="10"/>
  <c r="L6999" i="10" s="1"/>
  <c r="J6991" i="10"/>
  <c r="L6991" i="10" s="1"/>
  <c r="J6983" i="10"/>
  <c r="L6983" i="10" s="1"/>
  <c r="J6975" i="10"/>
  <c r="L6975" i="10" s="1"/>
  <c r="J6967" i="10"/>
  <c r="L6967" i="10" s="1"/>
  <c r="J6959" i="10"/>
  <c r="L6959" i="10" s="1"/>
  <c r="J6951" i="10"/>
  <c r="L6951" i="10" s="1"/>
  <c r="J6943" i="10"/>
  <c r="L6943" i="10" s="1"/>
  <c r="J6935" i="10"/>
  <c r="L6935" i="10" s="1"/>
  <c r="J6927" i="10"/>
  <c r="L6927" i="10" s="1"/>
  <c r="J6919" i="10"/>
  <c r="L6919" i="10" s="1"/>
  <c r="J6911" i="10"/>
  <c r="L6911" i="10" s="1"/>
  <c r="J6903" i="10"/>
  <c r="L6903" i="10" s="1"/>
  <c r="J6895" i="10"/>
  <c r="L6895" i="10" s="1"/>
  <c r="J6887" i="10"/>
  <c r="L6887" i="10" s="1"/>
  <c r="J6879" i="10"/>
  <c r="L6879" i="10" s="1"/>
  <c r="J6871" i="10"/>
  <c r="L6871" i="10" s="1"/>
  <c r="J6863" i="10"/>
  <c r="L6863" i="10" s="1"/>
  <c r="J6855" i="10"/>
  <c r="L6855" i="10" s="1"/>
  <c r="J6847" i="10"/>
  <c r="L6847" i="10" s="1"/>
  <c r="J6839" i="10"/>
  <c r="L6839" i="10" s="1"/>
  <c r="J6831" i="10"/>
  <c r="L6831" i="10" s="1"/>
  <c r="J6823" i="10"/>
  <c r="L6823" i="10" s="1"/>
  <c r="J6815" i="10"/>
  <c r="L6815" i="10" s="1"/>
  <c r="J6807" i="10"/>
  <c r="L6807" i="10" s="1"/>
  <c r="J6799" i="10"/>
  <c r="L6799" i="10" s="1"/>
  <c r="J6791" i="10"/>
  <c r="L6791" i="10" s="1"/>
  <c r="J6783" i="10"/>
  <c r="L6783" i="10" s="1"/>
  <c r="J6775" i="10"/>
  <c r="L6775" i="10" s="1"/>
  <c r="J6767" i="10"/>
  <c r="L6767" i="10" s="1"/>
  <c r="J6759" i="10"/>
  <c r="L6759" i="10" s="1"/>
  <c r="J6751" i="10"/>
  <c r="L6751" i="10" s="1"/>
  <c r="J6743" i="10"/>
  <c r="L6743" i="10" s="1"/>
  <c r="J6735" i="10"/>
  <c r="L6735" i="10" s="1"/>
  <c r="J6727" i="10"/>
  <c r="L6727" i="10" s="1"/>
  <c r="J6719" i="10"/>
  <c r="L6719" i="10" s="1"/>
  <c r="J6711" i="10"/>
  <c r="L6711" i="10" s="1"/>
  <c r="J6703" i="10"/>
  <c r="L6703" i="10" s="1"/>
  <c r="J6695" i="10"/>
  <c r="L6695" i="10" s="1"/>
  <c r="J6687" i="10"/>
  <c r="L6687" i="10" s="1"/>
  <c r="J6679" i="10"/>
  <c r="L6679" i="10" s="1"/>
  <c r="J6671" i="10"/>
  <c r="L6671" i="10" s="1"/>
  <c r="J6663" i="10"/>
  <c r="L6663" i="10" s="1"/>
  <c r="J6655" i="10"/>
  <c r="L6655" i="10" s="1"/>
  <c r="J6647" i="10"/>
  <c r="L6647" i="10" s="1"/>
  <c r="J6639" i="10"/>
  <c r="L6639" i="10" s="1"/>
  <c r="J6631" i="10"/>
  <c r="L6631" i="10" s="1"/>
  <c r="J6623" i="10"/>
  <c r="L6623" i="10" s="1"/>
  <c r="J6615" i="10"/>
  <c r="L6615" i="10" s="1"/>
  <c r="J6607" i="10"/>
  <c r="L6607" i="10" s="1"/>
  <c r="J6599" i="10"/>
  <c r="L6599" i="10" s="1"/>
  <c r="J6591" i="10"/>
  <c r="L6591" i="10" s="1"/>
  <c r="J6583" i="10"/>
  <c r="L6583" i="10" s="1"/>
  <c r="J6575" i="10"/>
  <c r="L6575" i="10" s="1"/>
  <c r="J6567" i="10"/>
  <c r="L6567" i="10" s="1"/>
  <c r="J6559" i="10"/>
  <c r="L6559" i="10" s="1"/>
  <c r="J6551" i="10"/>
  <c r="L6551" i="10" s="1"/>
  <c r="J6543" i="10"/>
  <c r="L6543" i="10" s="1"/>
  <c r="J6535" i="10"/>
  <c r="L6535" i="10" s="1"/>
  <c r="J6527" i="10"/>
  <c r="L6527" i="10" s="1"/>
  <c r="J6519" i="10"/>
  <c r="L6519" i="10" s="1"/>
  <c r="J6511" i="10"/>
  <c r="L6511" i="10" s="1"/>
  <c r="J6503" i="10"/>
  <c r="L6503" i="10" s="1"/>
  <c r="J6495" i="10"/>
  <c r="L6495" i="10" s="1"/>
  <c r="J6487" i="10"/>
  <c r="L6487" i="10" s="1"/>
  <c r="J6479" i="10"/>
  <c r="L6479" i="10" s="1"/>
  <c r="J6471" i="10"/>
  <c r="L6471" i="10" s="1"/>
  <c r="J6463" i="10"/>
  <c r="L6463" i="10" s="1"/>
  <c r="J6455" i="10"/>
  <c r="L6455" i="10" s="1"/>
  <c r="J6447" i="10"/>
  <c r="L6447" i="10" s="1"/>
  <c r="J6439" i="10"/>
  <c r="L6439" i="10" s="1"/>
  <c r="J6431" i="10"/>
  <c r="L6431" i="10" s="1"/>
  <c r="J6423" i="10"/>
  <c r="L6423" i="10" s="1"/>
  <c r="J6415" i="10"/>
  <c r="L6415" i="10" s="1"/>
  <c r="J6407" i="10"/>
  <c r="L6407" i="10" s="1"/>
  <c r="J6399" i="10"/>
  <c r="L6399" i="10" s="1"/>
  <c r="J6391" i="10"/>
  <c r="L6391" i="10" s="1"/>
  <c r="J6383" i="10"/>
  <c r="L6383" i="10" s="1"/>
  <c r="J6375" i="10"/>
  <c r="L6375" i="10" s="1"/>
  <c r="J6367" i="10"/>
  <c r="L6367" i="10" s="1"/>
  <c r="J6359" i="10"/>
  <c r="L6359" i="10" s="1"/>
  <c r="J6351" i="10"/>
  <c r="L6351" i="10" s="1"/>
  <c r="J6343" i="10"/>
  <c r="L6343" i="10" s="1"/>
  <c r="J6335" i="10"/>
  <c r="L6335" i="10" s="1"/>
  <c r="J6327" i="10"/>
  <c r="L6327" i="10" s="1"/>
  <c r="J6319" i="10"/>
  <c r="L6319" i="10" s="1"/>
  <c r="J6311" i="10"/>
  <c r="L6311" i="10" s="1"/>
  <c r="J6303" i="10"/>
  <c r="L6303" i="10" s="1"/>
  <c r="J6295" i="10"/>
  <c r="L6295" i="10" s="1"/>
  <c r="J6287" i="10"/>
  <c r="L6287" i="10" s="1"/>
  <c r="J6279" i="10"/>
  <c r="L6279" i="10" s="1"/>
  <c r="J6271" i="10"/>
  <c r="L6271" i="10" s="1"/>
  <c r="J6263" i="10"/>
  <c r="L6263" i="10" s="1"/>
  <c r="J6255" i="10"/>
  <c r="L6255" i="10" s="1"/>
  <c r="J6247" i="10"/>
  <c r="L6247" i="10" s="1"/>
  <c r="J6239" i="10"/>
  <c r="L6239" i="10" s="1"/>
  <c r="J6231" i="10"/>
  <c r="L6231" i="10" s="1"/>
  <c r="J6223" i="10"/>
  <c r="L6223" i="10" s="1"/>
  <c r="J6215" i="10"/>
  <c r="L6215" i="10" s="1"/>
  <c r="J6207" i="10"/>
  <c r="L6207" i="10" s="1"/>
  <c r="J6199" i="10"/>
  <c r="L6199" i="10" s="1"/>
  <c r="J6191" i="10"/>
  <c r="L6191" i="10" s="1"/>
  <c r="J6183" i="10"/>
  <c r="L6183" i="10" s="1"/>
  <c r="J6175" i="10"/>
  <c r="L6175" i="10" s="1"/>
  <c r="J6167" i="10"/>
  <c r="L6167" i="10" s="1"/>
  <c r="J6159" i="10"/>
  <c r="L6159" i="10" s="1"/>
  <c r="J6151" i="10"/>
  <c r="L6151" i="10" s="1"/>
  <c r="J6143" i="10"/>
  <c r="L6143" i="10" s="1"/>
  <c r="J6135" i="10"/>
  <c r="L6135" i="10" s="1"/>
  <c r="J6127" i="10"/>
  <c r="L6127" i="10" s="1"/>
  <c r="J6119" i="10"/>
  <c r="L6119" i="10" s="1"/>
  <c r="J6111" i="10"/>
  <c r="L6111" i="10" s="1"/>
  <c r="J6103" i="10"/>
  <c r="L6103" i="10" s="1"/>
  <c r="J6095" i="10"/>
  <c r="L6095" i="10" s="1"/>
  <c r="J6087" i="10"/>
  <c r="L6087" i="10" s="1"/>
  <c r="J6079" i="10"/>
  <c r="L6079" i="10" s="1"/>
  <c r="J6071" i="10"/>
  <c r="L6071" i="10" s="1"/>
  <c r="J6063" i="10"/>
  <c r="L6063" i="10" s="1"/>
  <c r="J6055" i="10"/>
  <c r="L6055" i="10" s="1"/>
  <c r="J6047" i="10"/>
  <c r="L6047" i="10" s="1"/>
  <c r="J6039" i="10"/>
  <c r="L6039" i="10" s="1"/>
  <c r="J6031" i="10"/>
  <c r="L6031" i="10" s="1"/>
  <c r="J6023" i="10"/>
  <c r="L6023" i="10" s="1"/>
  <c r="J6015" i="10"/>
  <c r="L6015" i="10" s="1"/>
  <c r="J6007" i="10"/>
  <c r="L6007" i="10" s="1"/>
  <c r="J5999" i="10"/>
  <c r="L5999" i="10" s="1"/>
  <c r="J5991" i="10"/>
  <c r="L5991" i="10" s="1"/>
  <c r="J5983" i="10"/>
  <c r="L5983" i="10" s="1"/>
  <c r="J5975" i="10"/>
  <c r="L5975" i="10" s="1"/>
  <c r="J5967" i="10"/>
  <c r="L5967" i="10" s="1"/>
  <c r="J5959" i="10"/>
  <c r="L5959" i="10" s="1"/>
  <c r="J5951" i="10"/>
  <c r="L5951" i="10" s="1"/>
  <c r="J5943" i="10"/>
  <c r="L5943" i="10" s="1"/>
  <c r="J5935" i="10"/>
  <c r="L5935" i="10" s="1"/>
  <c r="J5927" i="10"/>
  <c r="L5927" i="10" s="1"/>
  <c r="J5919" i="10"/>
  <c r="L5919" i="10" s="1"/>
  <c r="J5911" i="10"/>
  <c r="L5911" i="10" s="1"/>
  <c r="J5903" i="10"/>
  <c r="L5903" i="10" s="1"/>
  <c r="J5895" i="10"/>
  <c r="L5895" i="10" s="1"/>
  <c r="J5887" i="10"/>
  <c r="L5887" i="10" s="1"/>
  <c r="J5879" i="10"/>
  <c r="L5879" i="10" s="1"/>
  <c r="J5871" i="10"/>
  <c r="L5871" i="10" s="1"/>
  <c r="J5863" i="10"/>
  <c r="L5863" i="10" s="1"/>
  <c r="J5855" i="10"/>
  <c r="L5855" i="10" s="1"/>
  <c r="J5847" i="10"/>
  <c r="L5847" i="10" s="1"/>
  <c r="J5839" i="10"/>
  <c r="L5839" i="10" s="1"/>
  <c r="J5831" i="10"/>
  <c r="L5831" i="10" s="1"/>
  <c r="J5823" i="10"/>
  <c r="L5823" i="10" s="1"/>
  <c r="J5815" i="10"/>
  <c r="L5815" i="10" s="1"/>
  <c r="J7462" i="10"/>
  <c r="L7462" i="10" s="1"/>
  <c r="J7454" i="10"/>
  <c r="L7454" i="10" s="1"/>
  <c r="J7446" i="10"/>
  <c r="L7446" i="10" s="1"/>
  <c r="J7438" i="10"/>
  <c r="L7438" i="10" s="1"/>
  <c r="J7430" i="10"/>
  <c r="L7430" i="10" s="1"/>
  <c r="J7422" i="10"/>
  <c r="L7422" i="10" s="1"/>
  <c r="J7414" i="10"/>
  <c r="L7414" i="10" s="1"/>
  <c r="J7406" i="10"/>
  <c r="L7406" i="10" s="1"/>
  <c r="J7398" i="10"/>
  <c r="L7398" i="10" s="1"/>
  <c r="J7390" i="10"/>
  <c r="L7390" i="10" s="1"/>
  <c r="J7382" i="10"/>
  <c r="L7382" i="10" s="1"/>
  <c r="J7374" i="10"/>
  <c r="L7374" i="10" s="1"/>
  <c r="J7366" i="10"/>
  <c r="L7366" i="10" s="1"/>
  <c r="J7358" i="10"/>
  <c r="L7358" i="10" s="1"/>
  <c r="J7350" i="10"/>
  <c r="L7350" i="10" s="1"/>
  <c r="J7342" i="10"/>
  <c r="L7342" i="10" s="1"/>
  <c r="J7334" i="10"/>
  <c r="L7334" i="10" s="1"/>
  <c r="J7326" i="10"/>
  <c r="L7326" i="10" s="1"/>
  <c r="J7318" i="10"/>
  <c r="L7318" i="10" s="1"/>
  <c r="J7310" i="10"/>
  <c r="L7310" i="10" s="1"/>
  <c r="J7302" i="10"/>
  <c r="L7302" i="10" s="1"/>
  <c r="J7294" i="10"/>
  <c r="L7294" i="10" s="1"/>
  <c r="J7286" i="10"/>
  <c r="L7286" i="10" s="1"/>
  <c r="J7278" i="10"/>
  <c r="L7278" i="10" s="1"/>
  <c r="J7270" i="10"/>
  <c r="L7270" i="10" s="1"/>
  <c r="J7262" i="10"/>
  <c r="L7262" i="10" s="1"/>
  <c r="J7254" i="10"/>
  <c r="L7254" i="10" s="1"/>
  <c r="J7246" i="10"/>
  <c r="L7246" i="10" s="1"/>
  <c r="J7238" i="10"/>
  <c r="L7238" i="10" s="1"/>
  <c r="J7230" i="10"/>
  <c r="L7230" i="10" s="1"/>
  <c r="J7222" i="10"/>
  <c r="L7222" i="10" s="1"/>
  <c r="J7214" i="10"/>
  <c r="L7214" i="10" s="1"/>
  <c r="J7206" i="10"/>
  <c r="L7206" i="10" s="1"/>
  <c r="J7198" i="10"/>
  <c r="L7198" i="10" s="1"/>
  <c r="J7190" i="10"/>
  <c r="L7190" i="10" s="1"/>
  <c r="J7182" i="10"/>
  <c r="L7182" i="10" s="1"/>
  <c r="J7174" i="10"/>
  <c r="L7174" i="10" s="1"/>
  <c r="J7166" i="10"/>
  <c r="L7166" i="10" s="1"/>
  <c r="J7158" i="10"/>
  <c r="L7158" i="10" s="1"/>
  <c r="J7150" i="10"/>
  <c r="L7150" i="10" s="1"/>
  <c r="J7142" i="10"/>
  <c r="L7142" i="10" s="1"/>
  <c r="J7134" i="10"/>
  <c r="L7134" i="10" s="1"/>
  <c r="J7126" i="10"/>
  <c r="L7126" i="10" s="1"/>
  <c r="J7118" i="10"/>
  <c r="L7118" i="10" s="1"/>
  <c r="J7110" i="10"/>
  <c r="L7110" i="10" s="1"/>
  <c r="J7102" i="10"/>
  <c r="L7102" i="10" s="1"/>
  <c r="J7094" i="10"/>
  <c r="L7094" i="10" s="1"/>
  <c r="J7086" i="10"/>
  <c r="L7086" i="10" s="1"/>
  <c r="J7078" i="10"/>
  <c r="L7078" i="10" s="1"/>
  <c r="J7070" i="10"/>
  <c r="L7070" i="10" s="1"/>
  <c r="J7062" i="10"/>
  <c r="L7062" i="10" s="1"/>
  <c r="J7054" i="10"/>
  <c r="L7054" i="10" s="1"/>
  <c r="J7046" i="10"/>
  <c r="L7046" i="10" s="1"/>
  <c r="J7038" i="10"/>
  <c r="L7038" i="10" s="1"/>
  <c r="J7030" i="10"/>
  <c r="L7030" i="10" s="1"/>
  <c r="J7022" i="10"/>
  <c r="L7022" i="10" s="1"/>
  <c r="J7014" i="10"/>
  <c r="L7014" i="10" s="1"/>
  <c r="J7006" i="10"/>
  <c r="L7006" i="10" s="1"/>
  <c r="J6998" i="10"/>
  <c r="L6998" i="10" s="1"/>
  <c r="J6990" i="10"/>
  <c r="L6990" i="10" s="1"/>
  <c r="J6982" i="10"/>
  <c r="L6982" i="10" s="1"/>
  <c r="J6974" i="10"/>
  <c r="L6974" i="10" s="1"/>
  <c r="J6966" i="10"/>
  <c r="L6966" i="10" s="1"/>
  <c r="J6958" i="10"/>
  <c r="L6958" i="10" s="1"/>
  <c r="J6950" i="10"/>
  <c r="L6950" i="10" s="1"/>
  <c r="J6942" i="10"/>
  <c r="L6942" i="10" s="1"/>
  <c r="J6934" i="10"/>
  <c r="L6934" i="10" s="1"/>
  <c r="J6926" i="10"/>
  <c r="L6926" i="10" s="1"/>
  <c r="J6918" i="10"/>
  <c r="L6918" i="10" s="1"/>
  <c r="J6910" i="10"/>
  <c r="L6910" i="10" s="1"/>
  <c r="J6902" i="10"/>
  <c r="L6902" i="10" s="1"/>
  <c r="J6894" i="10"/>
  <c r="L6894" i="10" s="1"/>
  <c r="J6886" i="10"/>
  <c r="L6886" i="10" s="1"/>
  <c r="J6878" i="10"/>
  <c r="L6878" i="10" s="1"/>
  <c r="J6870" i="10"/>
  <c r="L6870" i="10" s="1"/>
  <c r="J6862" i="10"/>
  <c r="L6862" i="10" s="1"/>
  <c r="J6854" i="10"/>
  <c r="L6854" i="10" s="1"/>
  <c r="J6846" i="10"/>
  <c r="L6846" i="10" s="1"/>
  <c r="J6838" i="10"/>
  <c r="L6838" i="10" s="1"/>
  <c r="J6830" i="10"/>
  <c r="L6830" i="10" s="1"/>
  <c r="J6822" i="10"/>
  <c r="L6822" i="10" s="1"/>
  <c r="J6814" i="10"/>
  <c r="L6814" i="10" s="1"/>
  <c r="J6806" i="10"/>
  <c r="L6806" i="10" s="1"/>
  <c r="J6798" i="10"/>
  <c r="L6798" i="10" s="1"/>
  <c r="J6790" i="10"/>
  <c r="L6790" i="10" s="1"/>
  <c r="J6782" i="10"/>
  <c r="L6782" i="10" s="1"/>
  <c r="J6774" i="10"/>
  <c r="L6774" i="10" s="1"/>
  <c r="J6766" i="10"/>
  <c r="L6766" i="10" s="1"/>
  <c r="J6758" i="10"/>
  <c r="L6758" i="10" s="1"/>
  <c r="J6750" i="10"/>
  <c r="L6750" i="10" s="1"/>
  <c r="J6742" i="10"/>
  <c r="L6742" i="10" s="1"/>
  <c r="J6734" i="10"/>
  <c r="L6734" i="10" s="1"/>
  <c r="J6726" i="10"/>
  <c r="L6726" i="10" s="1"/>
  <c r="J6718" i="10"/>
  <c r="L6718" i="10" s="1"/>
  <c r="J6710" i="10"/>
  <c r="L6710" i="10" s="1"/>
  <c r="J6702" i="10"/>
  <c r="L6702" i="10" s="1"/>
  <c r="J6694" i="10"/>
  <c r="L6694" i="10" s="1"/>
  <c r="J6686" i="10"/>
  <c r="L6686" i="10" s="1"/>
  <c r="J6678" i="10"/>
  <c r="L6678" i="10" s="1"/>
  <c r="J6670" i="10"/>
  <c r="L6670" i="10" s="1"/>
  <c r="J6662" i="10"/>
  <c r="L6662" i="10" s="1"/>
  <c r="J6654" i="10"/>
  <c r="L6654" i="10" s="1"/>
  <c r="J6646" i="10"/>
  <c r="L6646" i="10" s="1"/>
  <c r="J6638" i="10"/>
  <c r="L6638" i="10" s="1"/>
  <c r="J6630" i="10"/>
  <c r="L6630" i="10" s="1"/>
  <c r="J6622" i="10"/>
  <c r="L6622" i="10" s="1"/>
  <c r="J6614" i="10"/>
  <c r="L6614" i="10" s="1"/>
  <c r="J6606" i="10"/>
  <c r="L6606" i="10" s="1"/>
  <c r="J6598" i="10"/>
  <c r="L6598" i="10" s="1"/>
  <c r="J6590" i="10"/>
  <c r="L6590" i="10" s="1"/>
  <c r="J6582" i="10"/>
  <c r="L6582" i="10" s="1"/>
  <c r="J6574" i="10"/>
  <c r="L6574" i="10" s="1"/>
  <c r="J6566" i="10"/>
  <c r="L6566" i="10" s="1"/>
  <c r="J6558" i="10"/>
  <c r="L6558" i="10" s="1"/>
  <c r="J6550" i="10"/>
  <c r="L6550" i="10" s="1"/>
  <c r="J6542" i="10"/>
  <c r="L6542" i="10" s="1"/>
  <c r="J6534" i="10"/>
  <c r="L6534" i="10" s="1"/>
  <c r="J6526" i="10"/>
  <c r="L6526" i="10" s="1"/>
  <c r="J6518" i="10"/>
  <c r="L6518" i="10" s="1"/>
  <c r="J6510" i="10"/>
  <c r="L6510" i="10" s="1"/>
  <c r="J6502" i="10"/>
  <c r="L6502" i="10" s="1"/>
  <c r="J6494" i="10"/>
  <c r="L6494" i="10" s="1"/>
  <c r="J6486" i="10"/>
  <c r="L6486" i="10" s="1"/>
  <c r="J6478" i="10"/>
  <c r="L6478" i="10" s="1"/>
  <c r="J6470" i="10"/>
  <c r="L6470" i="10" s="1"/>
  <c r="J6462" i="10"/>
  <c r="L6462" i="10" s="1"/>
  <c r="J6454" i="10"/>
  <c r="L6454" i="10" s="1"/>
  <c r="J6446" i="10"/>
  <c r="L6446" i="10" s="1"/>
  <c r="J6438" i="10"/>
  <c r="L6438" i="10" s="1"/>
  <c r="J6430" i="10"/>
  <c r="L6430" i="10" s="1"/>
  <c r="J6422" i="10"/>
  <c r="L6422" i="10" s="1"/>
  <c r="J6414" i="10"/>
  <c r="L6414" i="10" s="1"/>
  <c r="J6406" i="10"/>
  <c r="L6406" i="10" s="1"/>
  <c r="J6398" i="10"/>
  <c r="L6398" i="10" s="1"/>
  <c r="J6390" i="10"/>
  <c r="L6390" i="10" s="1"/>
  <c r="J6382" i="10"/>
  <c r="L6382" i="10" s="1"/>
  <c r="J6374" i="10"/>
  <c r="L6374" i="10" s="1"/>
  <c r="J6366" i="10"/>
  <c r="L6366" i="10" s="1"/>
  <c r="J6358" i="10"/>
  <c r="L6358" i="10" s="1"/>
  <c r="J6350" i="10"/>
  <c r="L6350" i="10" s="1"/>
  <c r="J6342" i="10"/>
  <c r="L6342" i="10" s="1"/>
  <c r="J6334" i="10"/>
  <c r="L6334" i="10" s="1"/>
  <c r="J6326" i="10"/>
  <c r="L6326" i="10" s="1"/>
  <c r="J6318" i="10"/>
  <c r="L6318" i="10" s="1"/>
  <c r="J6310" i="10"/>
  <c r="L6310" i="10" s="1"/>
  <c r="J6302" i="10"/>
  <c r="L6302" i="10" s="1"/>
  <c r="J6294" i="10"/>
  <c r="L6294" i="10" s="1"/>
  <c r="J6286" i="10"/>
  <c r="L6286" i="10" s="1"/>
  <c r="J6278" i="10"/>
  <c r="L6278" i="10" s="1"/>
  <c r="J6270" i="10"/>
  <c r="L6270" i="10" s="1"/>
  <c r="J6262" i="10"/>
  <c r="L6262" i="10" s="1"/>
  <c r="J6254" i="10"/>
  <c r="L6254" i="10" s="1"/>
  <c r="J6246" i="10"/>
  <c r="L6246" i="10" s="1"/>
  <c r="J6238" i="10"/>
  <c r="L6238" i="10" s="1"/>
  <c r="J6230" i="10"/>
  <c r="L6230" i="10" s="1"/>
  <c r="J6222" i="10"/>
  <c r="L6222" i="10" s="1"/>
  <c r="J6214" i="10"/>
  <c r="L6214" i="10" s="1"/>
  <c r="J6206" i="10"/>
  <c r="L6206" i="10" s="1"/>
  <c r="J6198" i="10"/>
  <c r="L6198" i="10" s="1"/>
  <c r="J6190" i="10"/>
  <c r="L6190" i="10" s="1"/>
  <c r="J6182" i="10"/>
  <c r="L6182" i="10" s="1"/>
  <c r="J6174" i="10"/>
  <c r="L6174" i="10" s="1"/>
  <c r="J6166" i="10"/>
  <c r="L6166" i="10" s="1"/>
  <c r="J6158" i="10"/>
  <c r="L6158" i="10" s="1"/>
  <c r="J6150" i="10"/>
  <c r="L6150" i="10" s="1"/>
  <c r="J6142" i="10"/>
  <c r="L6142" i="10" s="1"/>
  <c r="J6134" i="10"/>
  <c r="L6134" i="10" s="1"/>
  <c r="J6126" i="10"/>
  <c r="L6126" i="10" s="1"/>
  <c r="J6118" i="10"/>
  <c r="L6118" i="10" s="1"/>
  <c r="J6110" i="10"/>
  <c r="L6110" i="10" s="1"/>
  <c r="J6102" i="10"/>
  <c r="L6102" i="10" s="1"/>
  <c r="J6094" i="10"/>
  <c r="L6094" i="10" s="1"/>
  <c r="J6086" i="10"/>
  <c r="L6086" i="10" s="1"/>
  <c r="J6078" i="10"/>
  <c r="L6078" i="10" s="1"/>
  <c r="J6070" i="10"/>
  <c r="L6070" i="10" s="1"/>
  <c r="J6062" i="10"/>
  <c r="L6062" i="10" s="1"/>
  <c r="J6054" i="10"/>
  <c r="L6054" i="10" s="1"/>
  <c r="J6046" i="10"/>
  <c r="L6046" i="10" s="1"/>
  <c r="J6038" i="10"/>
  <c r="L6038" i="10" s="1"/>
  <c r="J6030" i="10"/>
  <c r="L6030" i="10" s="1"/>
  <c r="J6022" i="10"/>
  <c r="L6022" i="10" s="1"/>
  <c r="J6014" i="10"/>
  <c r="L6014" i="10" s="1"/>
  <c r="J6006" i="10"/>
  <c r="L6006" i="10" s="1"/>
  <c r="J5998" i="10"/>
  <c r="L5998" i="10" s="1"/>
  <c r="J5990" i="10"/>
  <c r="L5990" i="10" s="1"/>
  <c r="J5982" i="10"/>
  <c r="L5982" i="10" s="1"/>
  <c r="J5974" i="10"/>
  <c r="L5974" i="10" s="1"/>
  <c r="J5966" i="10"/>
  <c r="L5966" i="10" s="1"/>
  <c r="J5958" i="10"/>
  <c r="L5958" i="10" s="1"/>
  <c r="J5950" i="10"/>
  <c r="L5950" i="10" s="1"/>
  <c r="J5942" i="10"/>
  <c r="L5942" i="10" s="1"/>
  <c r="J5934" i="10"/>
  <c r="L5934" i="10" s="1"/>
  <c r="J5926" i="10"/>
  <c r="L5926" i="10" s="1"/>
  <c r="J5918" i="10"/>
  <c r="L5918" i="10" s="1"/>
  <c r="J5910" i="10"/>
  <c r="L5910" i="10" s="1"/>
  <c r="J5902" i="10"/>
  <c r="L5902" i="10" s="1"/>
  <c r="J5894" i="10"/>
  <c r="L5894" i="10" s="1"/>
  <c r="J5886" i="10"/>
  <c r="L5886" i="10" s="1"/>
  <c r="J5878" i="10"/>
  <c r="L5878" i="10" s="1"/>
  <c r="J5870" i="10"/>
  <c r="L5870" i="10" s="1"/>
  <c r="J5862" i="10"/>
  <c r="L5862" i="10" s="1"/>
  <c r="J5854" i="10"/>
  <c r="L5854" i="10" s="1"/>
  <c r="J5846" i="10"/>
  <c r="L5846" i="10" s="1"/>
  <c r="J5838" i="10"/>
  <c r="L5838" i="10" s="1"/>
  <c r="J5830" i="10"/>
  <c r="L5830" i="10" s="1"/>
  <c r="J5822" i="10"/>
  <c r="L5822" i="10" s="1"/>
  <c r="J5403" i="10"/>
  <c r="L5403" i="10" s="1"/>
  <c r="J5395" i="10"/>
  <c r="L5395" i="10" s="1"/>
  <c r="J5387" i="10"/>
  <c r="L5387" i="10" s="1"/>
  <c r="J5379" i="10"/>
  <c r="L5379" i="10" s="1"/>
  <c r="J5371" i="10"/>
  <c r="L5371" i="10" s="1"/>
  <c r="J5363" i="10"/>
  <c r="L5363" i="10" s="1"/>
  <c r="J5355" i="10"/>
  <c r="L5355" i="10" s="1"/>
  <c r="J5347" i="10"/>
  <c r="L5347" i="10" s="1"/>
  <c r="J5339" i="10"/>
  <c r="L5339" i="10" s="1"/>
  <c r="J5331" i="10"/>
  <c r="L5331" i="10" s="1"/>
  <c r="J5323" i="10"/>
  <c r="L5323" i="10" s="1"/>
  <c r="J5315" i="10"/>
  <c r="L5315" i="10" s="1"/>
  <c r="J5307" i="10"/>
  <c r="L5307" i="10" s="1"/>
  <c r="J5299" i="10"/>
  <c r="L5299" i="10" s="1"/>
  <c r="J5291" i="10"/>
  <c r="L5291" i="10" s="1"/>
  <c r="J5283" i="10"/>
  <c r="L5283" i="10" s="1"/>
  <c r="J5275" i="10"/>
  <c r="L5275" i="10" s="1"/>
  <c r="J5267" i="10"/>
  <c r="L5267" i="10" s="1"/>
  <c r="J5259" i="10"/>
  <c r="L5259" i="10" s="1"/>
  <c r="J5251" i="10"/>
  <c r="L5251" i="10" s="1"/>
  <c r="J5243" i="10"/>
  <c r="L5243" i="10" s="1"/>
  <c r="J5235" i="10"/>
  <c r="L5235" i="10" s="1"/>
  <c r="J5227" i="10"/>
  <c r="L5227" i="10" s="1"/>
  <c r="J5219" i="10"/>
  <c r="L5219" i="10" s="1"/>
  <c r="J5211" i="10"/>
  <c r="L5211" i="10" s="1"/>
  <c r="J5203" i="10"/>
  <c r="L5203" i="10" s="1"/>
  <c r="J5195" i="10"/>
  <c r="L5195" i="10" s="1"/>
  <c r="J5187" i="10"/>
  <c r="L5187" i="10" s="1"/>
  <c r="J5179" i="10"/>
  <c r="L5179" i="10" s="1"/>
  <c r="J5171" i="10"/>
  <c r="L5171" i="10" s="1"/>
  <c r="J5163" i="10"/>
  <c r="L5163" i="10" s="1"/>
  <c r="J5155" i="10"/>
  <c r="L5155" i="10" s="1"/>
  <c r="J5147" i="10"/>
  <c r="L5147" i="10" s="1"/>
  <c r="J5139" i="10"/>
  <c r="L5139" i="10" s="1"/>
  <c r="J5131" i="10"/>
  <c r="L5131" i="10" s="1"/>
  <c r="J5123" i="10"/>
  <c r="L5123" i="10" s="1"/>
  <c r="J5115" i="10"/>
  <c r="L5115" i="10" s="1"/>
  <c r="J5107" i="10"/>
  <c r="L5107" i="10" s="1"/>
  <c r="J5099" i="10"/>
  <c r="L5099" i="10" s="1"/>
  <c r="J5091" i="10"/>
  <c r="L5091" i="10" s="1"/>
  <c r="J5083" i="10"/>
  <c r="L5083" i="10" s="1"/>
  <c r="J5075" i="10"/>
  <c r="L5075" i="10" s="1"/>
  <c r="J5067" i="10"/>
  <c r="L5067" i="10" s="1"/>
  <c r="J5059" i="10"/>
  <c r="L5059" i="10" s="1"/>
  <c r="J5051" i="10"/>
  <c r="L5051" i="10" s="1"/>
  <c r="J5043" i="10"/>
  <c r="L5043" i="10" s="1"/>
  <c r="J5035" i="10"/>
  <c r="L5035" i="10" s="1"/>
  <c r="J5027" i="10"/>
  <c r="L5027" i="10" s="1"/>
  <c r="J5019" i="10"/>
  <c r="L5019" i="10" s="1"/>
  <c r="J5011" i="10"/>
  <c r="L5011" i="10" s="1"/>
  <c r="J5003" i="10"/>
  <c r="L5003" i="10" s="1"/>
  <c r="J4995" i="10"/>
  <c r="L4995" i="10" s="1"/>
  <c r="J4987" i="10"/>
  <c r="L4987" i="10" s="1"/>
  <c r="J4979" i="10"/>
  <c r="L4979" i="10" s="1"/>
  <c r="J4971" i="10"/>
  <c r="L4971" i="10" s="1"/>
  <c r="J4963" i="10"/>
  <c r="L4963" i="10" s="1"/>
  <c r="J4955" i="10"/>
  <c r="L4955" i="10" s="1"/>
  <c r="J4947" i="10"/>
  <c r="L4947" i="10" s="1"/>
  <c r="J4939" i="10"/>
  <c r="L4939" i="10" s="1"/>
  <c r="J4931" i="10"/>
  <c r="L4931" i="10" s="1"/>
  <c r="J4923" i="10"/>
  <c r="L4923" i="10" s="1"/>
  <c r="J4915" i="10"/>
  <c r="L4915" i="10" s="1"/>
  <c r="J4907" i="10"/>
  <c r="L4907" i="10" s="1"/>
  <c r="J4899" i="10"/>
  <c r="L4899" i="10" s="1"/>
  <c r="J4891" i="10"/>
  <c r="L4891" i="10" s="1"/>
  <c r="J4883" i="10"/>
  <c r="L4883" i="10" s="1"/>
  <c r="J4875" i="10"/>
  <c r="L4875" i="10" s="1"/>
  <c r="J4867" i="10"/>
  <c r="L4867" i="10" s="1"/>
  <c r="J4859" i="10"/>
  <c r="L4859" i="10" s="1"/>
  <c r="J4851" i="10"/>
  <c r="L4851" i="10" s="1"/>
  <c r="J4843" i="10"/>
  <c r="L4843" i="10" s="1"/>
  <c r="J4835" i="10"/>
  <c r="L4835" i="10" s="1"/>
  <c r="J4827" i="10"/>
  <c r="L4827" i="10" s="1"/>
  <c r="J4819" i="10"/>
  <c r="L4819" i="10" s="1"/>
  <c r="J4811" i="10"/>
  <c r="L4811" i="10" s="1"/>
  <c r="J4803" i="10"/>
  <c r="L4803" i="10" s="1"/>
  <c r="J4795" i="10"/>
  <c r="L4795" i="10" s="1"/>
  <c r="J4787" i="10"/>
  <c r="L4787" i="10" s="1"/>
  <c r="J4779" i="10"/>
  <c r="L4779" i="10" s="1"/>
  <c r="J4771" i="10"/>
  <c r="L4771" i="10" s="1"/>
  <c r="J4763" i="10"/>
  <c r="L4763" i="10" s="1"/>
  <c r="J4755" i="10"/>
  <c r="L4755" i="10" s="1"/>
  <c r="J4747" i="10"/>
  <c r="L4747" i="10" s="1"/>
  <c r="J4739" i="10"/>
  <c r="L4739" i="10" s="1"/>
  <c r="J4731" i="10"/>
  <c r="L4731" i="10" s="1"/>
  <c r="J4723" i="10"/>
  <c r="L4723" i="10" s="1"/>
  <c r="J4715" i="10"/>
  <c r="L4715" i="10" s="1"/>
  <c r="J4707" i="10"/>
  <c r="L4707" i="10" s="1"/>
  <c r="J4699" i="10"/>
  <c r="L4699" i="10" s="1"/>
  <c r="J4691" i="10"/>
  <c r="L4691" i="10" s="1"/>
  <c r="J4683" i="10"/>
  <c r="L4683" i="10" s="1"/>
  <c r="J4675" i="10"/>
  <c r="L4675" i="10" s="1"/>
  <c r="J4667" i="10"/>
  <c r="L4667" i="10" s="1"/>
  <c r="J4659" i="10"/>
  <c r="L4659" i="10" s="1"/>
  <c r="J4651" i="10"/>
  <c r="L4651" i="10" s="1"/>
  <c r="J4643" i="10"/>
  <c r="L4643" i="10" s="1"/>
  <c r="J4635" i="10"/>
  <c r="L4635" i="10" s="1"/>
  <c r="J4627" i="10"/>
  <c r="L4627" i="10" s="1"/>
  <c r="J4619" i="10"/>
  <c r="L4619" i="10" s="1"/>
  <c r="J4611" i="10"/>
  <c r="L4611" i="10" s="1"/>
  <c r="J4603" i="10"/>
  <c r="L4603" i="10" s="1"/>
  <c r="J4595" i="10"/>
  <c r="L4595" i="10" s="1"/>
  <c r="J4587" i="10"/>
  <c r="L4587" i="10" s="1"/>
  <c r="J4579" i="10"/>
  <c r="L4579" i="10" s="1"/>
  <c r="J4571" i="10"/>
  <c r="L4571" i="10" s="1"/>
  <c r="J4563" i="10"/>
  <c r="L4563" i="10" s="1"/>
  <c r="J4555" i="10"/>
  <c r="L4555" i="10" s="1"/>
  <c r="J4547" i="10"/>
  <c r="L4547" i="10" s="1"/>
  <c r="J4539" i="10"/>
  <c r="L4539" i="10" s="1"/>
  <c r="J4531" i="10"/>
  <c r="L4531" i="10" s="1"/>
  <c r="J4523" i="10"/>
  <c r="L4523" i="10" s="1"/>
  <c r="J4515" i="10"/>
  <c r="L4515" i="10" s="1"/>
  <c r="J4507" i="10"/>
  <c r="L4507" i="10" s="1"/>
  <c r="J4499" i="10"/>
  <c r="L4499" i="10" s="1"/>
  <c r="J4491" i="10"/>
  <c r="L4491" i="10" s="1"/>
  <c r="J4483" i="10"/>
  <c r="L4483" i="10" s="1"/>
  <c r="J4475" i="10"/>
  <c r="L4475" i="10" s="1"/>
  <c r="J4467" i="10"/>
  <c r="L4467" i="10" s="1"/>
  <c r="J4459" i="10"/>
  <c r="L4459" i="10" s="1"/>
  <c r="J4451" i="10"/>
  <c r="L4451" i="10" s="1"/>
  <c r="J4443" i="10"/>
  <c r="L4443" i="10" s="1"/>
  <c r="J4435" i="10"/>
  <c r="L4435" i="10" s="1"/>
  <c r="J4427" i="10"/>
  <c r="L4427" i="10" s="1"/>
  <c r="J4419" i="10"/>
  <c r="L4419" i="10" s="1"/>
  <c r="J4411" i="10"/>
  <c r="L4411" i="10" s="1"/>
  <c r="J4403" i="10"/>
  <c r="L4403" i="10" s="1"/>
  <c r="J4395" i="10"/>
  <c r="L4395" i="10" s="1"/>
  <c r="J4387" i="10"/>
  <c r="L4387" i="10" s="1"/>
  <c r="J4379" i="10"/>
  <c r="L4379" i="10" s="1"/>
  <c r="J4371" i="10"/>
  <c r="L4371" i="10" s="1"/>
  <c r="J4363" i="10"/>
  <c r="L4363" i="10" s="1"/>
  <c r="J4355" i="10"/>
  <c r="L4355" i="10" s="1"/>
  <c r="J4347" i="10"/>
  <c r="L4347" i="10" s="1"/>
  <c r="J4339" i="10"/>
  <c r="L4339" i="10" s="1"/>
  <c r="J4331" i="10"/>
  <c r="L4331" i="10" s="1"/>
  <c r="J4323" i="10"/>
  <c r="L4323" i="10" s="1"/>
  <c r="J4315" i="10"/>
  <c r="L4315" i="10" s="1"/>
  <c r="J4307" i="10"/>
  <c r="L4307" i="10" s="1"/>
  <c r="J4299" i="10"/>
  <c r="L4299" i="10" s="1"/>
  <c r="J4291" i="10"/>
  <c r="L4291" i="10" s="1"/>
  <c r="J4283" i="10"/>
  <c r="L4283" i="10" s="1"/>
  <c r="J4275" i="10"/>
  <c r="L4275" i="10" s="1"/>
  <c r="J4267" i="10"/>
  <c r="L4267" i="10" s="1"/>
  <c r="J4259" i="10"/>
  <c r="L4259" i="10" s="1"/>
  <c r="J4251" i="10"/>
  <c r="L4251" i="10" s="1"/>
  <c r="J4243" i="10"/>
  <c r="L4243" i="10" s="1"/>
  <c r="J4235" i="10"/>
  <c r="L4235" i="10" s="1"/>
  <c r="J4227" i="10"/>
  <c r="L4227" i="10" s="1"/>
  <c r="J4219" i="10"/>
  <c r="L4219" i="10" s="1"/>
  <c r="J4211" i="10"/>
  <c r="L4211" i="10" s="1"/>
  <c r="J4203" i="10"/>
  <c r="L4203" i="10" s="1"/>
  <c r="J4195" i="10"/>
  <c r="L4195" i="10" s="1"/>
  <c r="J4187" i="10"/>
  <c r="L4187" i="10" s="1"/>
  <c r="J4179" i="10"/>
  <c r="L4179" i="10" s="1"/>
  <c r="J4171" i="10"/>
  <c r="L4171" i="10" s="1"/>
  <c r="J4163" i="10"/>
  <c r="L4163" i="10" s="1"/>
  <c r="J4155" i="10"/>
  <c r="L4155" i="10" s="1"/>
  <c r="J4147" i="10"/>
  <c r="L4147" i="10" s="1"/>
  <c r="J4139" i="10"/>
  <c r="L4139" i="10" s="1"/>
  <c r="J4131" i="10"/>
  <c r="L4131" i="10" s="1"/>
  <c r="J4123" i="10"/>
  <c r="L4123" i="10" s="1"/>
  <c r="J4115" i="10"/>
  <c r="L4115" i="10" s="1"/>
  <c r="J4107" i="10"/>
  <c r="L4107" i="10" s="1"/>
  <c r="J4099" i="10"/>
  <c r="L4099" i="10" s="1"/>
  <c r="J4091" i="10"/>
  <c r="L4091" i="10" s="1"/>
  <c r="J4083" i="10"/>
  <c r="L4083" i="10" s="1"/>
  <c r="J4075" i="10"/>
  <c r="L4075" i="10" s="1"/>
  <c r="J4067" i="10"/>
  <c r="L4067" i="10" s="1"/>
  <c r="J4059" i="10"/>
  <c r="L4059" i="10" s="1"/>
  <c r="J4051" i="10"/>
  <c r="L4051" i="10" s="1"/>
  <c r="J4043" i="10"/>
  <c r="L4043" i="10" s="1"/>
  <c r="J4035" i="10"/>
  <c r="L4035" i="10" s="1"/>
  <c r="J4027" i="10"/>
  <c r="L4027" i="10" s="1"/>
  <c r="J4019" i="10"/>
  <c r="L4019" i="10" s="1"/>
  <c r="J4011" i="10"/>
  <c r="L4011" i="10" s="1"/>
  <c r="J4003" i="10"/>
  <c r="L4003" i="10" s="1"/>
  <c r="J3995" i="10"/>
  <c r="L3995" i="10" s="1"/>
  <c r="J3987" i="10"/>
  <c r="L3987" i="10" s="1"/>
  <c r="J3979" i="10"/>
  <c r="L3979" i="10" s="1"/>
  <c r="J3971" i="10"/>
  <c r="L3971" i="10" s="1"/>
  <c r="J3963" i="10"/>
  <c r="L3963" i="10" s="1"/>
  <c r="J3955" i="10"/>
  <c r="L3955" i="10" s="1"/>
  <c r="J3947" i="10"/>
  <c r="L3947" i="10" s="1"/>
  <c r="J3939" i="10"/>
  <c r="L3939" i="10" s="1"/>
  <c r="J3931" i="10"/>
  <c r="L3931" i="10" s="1"/>
  <c r="J3923" i="10"/>
  <c r="L3923" i="10" s="1"/>
  <c r="J3915" i="10"/>
  <c r="L3915" i="10" s="1"/>
  <c r="J3907" i="10"/>
  <c r="L3907" i="10" s="1"/>
  <c r="J3899" i="10"/>
  <c r="L3899" i="10" s="1"/>
  <c r="J3891" i="10"/>
  <c r="L3891" i="10" s="1"/>
  <c r="J3883" i="10"/>
  <c r="L3883" i="10" s="1"/>
  <c r="J3875" i="10"/>
  <c r="L3875" i="10" s="1"/>
  <c r="J3867" i="10"/>
  <c r="L3867" i="10" s="1"/>
  <c r="J3859" i="10"/>
  <c r="L3859" i="10" s="1"/>
  <c r="J3851" i="10"/>
  <c r="L3851" i="10" s="1"/>
  <c r="J3843" i="10"/>
  <c r="L3843" i="10" s="1"/>
  <c r="J3835" i="10"/>
  <c r="L3835" i="10" s="1"/>
  <c r="J3827" i="10"/>
  <c r="L3827" i="10" s="1"/>
  <c r="J3819" i="10"/>
  <c r="L3819" i="10" s="1"/>
  <c r="J3811" i="10"/>
  <c r="L3811" i="10" s="1"/>
  <c r="J3803" i="10"/>
  <c r="L3803" i="10" s="1"/>
  <c r="J3795" i="10"/>
  <c r="L3795" i="10" s="1"/>
  <c r="J3787" i="10"/>
  <c r="L3787" i="10" s="1"/>
  <c r="J3779" i="10"/>
  <c r="L3779" i="10" s="1"/>
  <c r="J3771" i="10"/>
  <c r="L3771" i="10" s="1"/>
  <c r="J3763" i="10"/>
  <c r="L3763" i="10" s="1"/>
  <c r="J3755" i="10"/>
  <c r="L3755" i="10" s="1"/>
  <c r="J3747" i="10"/>
  <c r="L3747" i="10" s="1"/>
  <c r="J3739" i="10"/>
  <c r="L3739" i="10" s="1"/>
  <c r="J3731" i="10"/>
  <c r="L3731" i="10" s="1"/>
  <c r="J3723" i="10"/>
  <c r="L3723" i="10" s="1"/>
  <c r="J3715" i="10"/>
  <c r="L3715" i="10" s="1"/>
  <c r="J3707" i="10"/>
  <c r="L3707" i="10" s="1"/>
  <c r="J3699" i="10"/>
  <c r="L3699" i="10" s="1"/>
  <c r="J3691" i="10"/>
  <c r="L3691" i="10" s="1"/>
  <c r="J3683" i="10"/>
  <c r="L3683" i="10" s="1"/>
  <c r="J3675" i="10"/>
  <c r="L3675" i="10" s="1"/>
  <c r="J3667" i="10"/>
  <c r="L3667" i="10" s="1"/>
  <c r="J3659" i="10"/>
  <c r="L3659" i="10" s="1"/>
  <c r="J3651" i="10"/>
  <c r="L3651" i="10" s="1"/>
  <c r="J3643" i="10"/>
  <c r="L3643" i="10" s="1"/>
  <c r="J3635" i="10"/>
  <c r="L3635" i="10" s="1"/>
  <c r="J3627" i="10"/>
  <c r="L3627" i="10" s="1"/>
  <c r="J3619" i="10"/>
  <c r="L3619" i="10" s="1"/>
  <c r="J3611" i="10"/>
  <c r="L3611" i="10" s="1"/>
  <c r="J3603" i="10"/>
  <c r="L3603" i="10" s="1"/>
  <c r="J3595" i="10"/>
  <c r="L3595" i="10" s="1"/>
  <c r="J3587" i="10"/>
  <c r="L3587" i="10" s="1"/>
  <c r="J3579" i="10"/>
  <c r="L3579" i="10" s="1"/>
  <c r="J3571" i="10"/>
  <c r="L3571" i="10" s="1"/>
  <c r="J3563" i="10"/>
  <c r="L3563" i="10" s="1"/>
  <c r="J3555" i="10"/>
  <c r="L3555" i="10" s="1"/>
  <c r="J3547" i="10"/>
  <c r="L3547" i="10" s="1"/>
  <c r="J3539" i="10"/>
  <c r="L3539" i="10" s="1"/>
  <c r="J3531" i="10"/>
  <c r="L3531" i="10" s="1"/>
  <c r="J3523" i="10"/>
  <c r="L3523" i="10" s="1"/>
  <c r="J3515" i="10"/>
  <c r="L3515" i="10" s="1"/>
  <c r="J3507" i="10"/>
  <c r="L3507" i="10" s="1"/>
  <c r="J3499" i="10"/>
  <c r="L3499" i="10" s="1"/>
  <c r="J3491" i="10"/>
  <c r="L3491" i="10" s="1"/>
  <c r="J3483" i="10"/>
  <c r="L3483" i="10" s="1"/>
  <c r="J3475" i="10"/>
  <c r="L3475" i="10" s="1"/>
  <c r="J3467" i="10"/>
  <c r="L3467" i="10" s="1"/>
  <c r="J3459" i="10"/>
  <c r="L3459" i="10" s="1"/>
  <c r="J3451" i="10"/>
  <c r="L3451" i="10" s="1"/>
  <c r="J3443" i="10"/>
  <c r="L3443" i="10" s="1"/>
  <c r="J3435" i="10"/>
  <c r="L3435" i="10" s="1"/>
  <c r="J3427" i="10"/>
  <c r="L3427" i="10" s="1"/>
  <c r="J3419" i="10"/>
  <c r="L3419" i="10" s="1"/>
  <c r="J3411" i="10"/>
  <c r="L3411" i="10" s="1"/>
  <c r="J3403" i="10"/>
  <c r="L3403" i="10" s="1"/>
  <c r="J3395" i="10"/>
  <c r="L3395" i="10" s="1"/>
  <c r="J3387" i="10"/>
  <c r="L3387" i="10" s="1"/>
  <c r="J3379" i="10"/>
  <c r="L3379" i="10" s="1"/>
  <c r="J3371" i="10"/>
  <c r="L3371" i="10" s="1"/>
  <c r="J3363" i="10"/>
  <c r="L3363" i="10" s="1"/>
  <c r="J3355" i="10"/>
  <c r="L3355" i="10" s="1"/>
  <c r="J3347" i="10"/>
  <c r="L3347" i="10" s="1"/>
  <c r="J3339" i="10"/>
  <c r="L3339" i="10" s="1"/>
  <c r="J3331" i="10"/>
  <c r="L3331" i="10" s="1"/>
  <c r="J3323" i="10"/>
  <c r="L3323" i="10" s="1"/>
  <c r="J3315" i="10"/>
  <c r="L3315" i="10" s="1"/>
  <c r="J3307" i="10"/>
  <c r="L3307" i="10" s="1"/>
  <c r="J3299" i="10"/>
  <c r="L3299" i="10" s="1"/>
  <c r="J3291" i="10"/>
  <c r="L3291" i="10" s="1"/>
  <c r="J3283" i="10"/>
  <c r="L3283" i="10" s="1"/>
  <c r="J3275" i="10"/>
  <c r="L3275" i="10" s="1"/>
  <c r="J3267" i="10"/>
  <c r="L3267" i="10" s="1"/>
  <c r="J3259" i="10"/>
  <c r="L3259" i="10" s="1"/>
  <c r="J3251" i="10"/>
  <c r="L3251" i="10" s="1"/>
  <c r="J3243" i="10"/>
  <c r="L3243" i="10" s="1"/>
  <c r="J3235" i="10"/>
  <c r="L3235" i="10" s="1"/>
  <c r="J3227" i="10"/>
  <c r="L3227" i="10" s="1"/>
  <c r="J3219" i="10"/>
  <c r="L3219" i="10" s="1"/>
  <c r="J3211" i="10"/>
  <c r="L3211" i="10" s="1"/>
  <c r="J3203" i="10"/>
  <c r="L3203" i="10" s="1"/>
  <c r="J3195" i="10"/>
  <c r="L3195" i="10" s="1"/>
  <c r="J3187" i="10"/>
  <c r="L3187" i="10" s="1"/>
  <c r="J3179" i="10"/>
  <c r="L3179" i="10" s="1"/>
  <c r="J3171" i="10"/>
  <c r="L3171" i="10" s="1"/>
  <c r="J3163" i="10"/>
  <c r="L3163" i="10" s="1"/>
  <c r="J3155" i="10"/>
  <c r="L3155" i="10" s="1"/>
  <c r="J3147" i="10"/>
  <c r="L3147" i="10" s="1"/>
  <c r="J3139" i="10"/>
  <c r="L3139" i="10" s="1"/>
  <c r="J3131" i="10"/>
  <c r="L3131" i="10" s="1"/>
  <c r="J3123" i="10"/>
  <c r="L3123" i="10" s="1"/>
  <c r="J3115" i="10"/>
  <c r="L3115" i="10" s="1"/>
  <c r="J3107" i="10"/>
  <c r="L3107" i="10" s="1"/>
  <c r="J3099" i="10"/>
  <c r="L3099" i="10" s="1"/>
  <c r="J3091" i="10"/>
  <c r="L3091" i="10" s="1"/>
  <c r="J3083" i="10"/>
  <c r="L3083" i="10" s="1"/>
  <c r="J3075" i="10"/>
  <c r="L3075" i="10" s="1"/>
  <c r="J3067" i="10"/>
  <c r="L3067" i="10" s="1"/>
  <c r="J3059" i="10"/>
  <c r="L3059" i="10" s="1"/>
  <c r="J3051" i="10"/>
  <c r="L3051" i="10" s="1"/>
  <c r="J3043" i="10"/>
  <c r="L3043" i="10" s="1"/>
  <c r="J3035" i="10"/>
  <c r="L3035" i="10" s="1"/>
  <c r="J3027" i="10"/>
  <c r="L3027" i="10" s="1"/>
  <c r="J3019" i="10"/>
  <c r="L3019" i="10" s="1"/>
  <c r="J3011" i="10"/>
  <c r="L3011" i="10" s="1"/>
  <c r="J3003" i="10"/>
  <c r="L3003" i="10" s="1"/>
  <c r="J2995" i="10"/>
  <c r="L2995" i="10" s="1"/>
  <c r="J2987" i="10"/>
  <c r="L2987" i="10" s="1"/>
  <c r="J2979" i="10"/>
  <c r="L2979" i="10" s="1"/>
  <c r="J2971" i="10"/>
  <c r="L2971" i="10" s="1"/>
  <c r="J2963" i="10"/>
  <c r="L2963" i="10" s="1"/>
  <c r="J2955" i="10"/>
  <c r="L2955" i="10" s="1"/>
  <c r="J2947" i="10"/>
  <c r="L2947" i="10" s="1"/>
  <c r="J2939" i="10"/>
  <c r="L2939" i="10" s="1"/>
  <c r="J2931" i="10"/>
  <c r="L2931" i="10" s="1"/>
  <c r="J2923" i="10"/>
  <c r="L2923" i="10" s="1"/>
  <c r="J2915" i="10"/>
  <c r="L2915" i="10" s="1"/>
  <c r="J2907" i="10"/>
  <c r="L2907" i="10" s="1"/>
  <c r="J2899" i="10"/>
  <c r="L2899" i="10" s="1"/>
  <c r="J2891" i="10"/>
  <c r="L2891" i="10" s="1"/>
  <c r="J2883" i="10"/>
  <c r="L2883" i="10" s="1"/>
  <c r="J2875" i="10"/>
  <c r="L2875" i="10" s="1"/>
  <c r="J2867" i="10"/>
  <c r="L2867" i="10" s="1"/>
  <c r="J2859" i="10"/>
  <c r="L2859" i="10" s="1"/>
  <c r="J2851" i="10"/>
  <c r="L2851" i="10" s="1"/>
  <c r="J2843" i="10"/>
  <c r="L2843" i="10" s="1"/>
  <c r="J2835" i="10"/>
  <c r="L2835" i="10" s="1"/>
  <c r="J2827" i="10"/>
  <c r="L2827" i="10" s="1"/>
  <c r="J2819" i="10"/>
  <c r="L2819" i="10" s="1"/>
  <c r="J2811" i="10"/>
  <c r="L2811" i="10" s="1"/>
  <c r="J2803" i="10"/>
  <c r="L2803" i="10" s="1"/>
  <c r="J2795" i="10"/>
  <c r="L2795" i="10" s="1"/>
  <c r="J2787" i="10"/>
  <c r="L2787" i="10" s="1"/>
  <c r="J2779" i="10"/>
  <c r="L2779" i="10" s="1"/>
  <c r="J2771" i="10"/>
  <c r="L2771" i="10" s="1"/>
  <c r="J2763" i="10"/>
  <c r="L2763" i="10" s="1"/>
  <c r="J2755" i="10"/>
  <c r="L2755" i="10" s="1"/>
  <c r="J2747" i="10"/>
  <c r="L2747" i="10" s="1"/>
  <c r="J2739" i="10"/>
  <c r="L2739" i="10" s="1"/>
  <c r="J2731" i="10"/>
  <c r="L2731" i="10" s="1"/>
  <c r="J2723" i="10"/>
  <c r="L2723" i="10" s="1"/>
  <c r="J2715" i="10"/>
  <c r="L2715" i="10" s="1"/>
  <c r="J2707" i="10"/>
  <c r="L2707" i="10" s="1"/>
  <c r="J2699" i="10"/>
  <c r="L2699" i="10" s="1"/>
  <c r="J2691" i="10"/>
  <c r="L2691" i="10" s="1"/>
  <c r="J2683" i="10"/>
  <c r="L2683" i="10" s="1"/>
  <c r="J2675" i="10"/>
  <c r="L2675" i="10" s="1"/>
  <c r="J2667" i="10"/>
  <c r="L2667" i="10" s="1"/>
  <c r="J2659" i="10"/>
  <c r="L2659" i="10" s="1"/>
  <c r="J2651" i="10"/>
  <c r="L2651" i="10" s="1"/>
  <c r="J2643" i="10"/>
  <c r="L2643" i="10" s="1"/>
  <c r="J2635" i="10"/>
  <c r="L2635" i="10" s="1"/>
  <c r="J2627" i="10"/>
  <c r="L2627" i="10" s="1"/>
  <c r="J2619" i="10"/>
  <c r="L2619" i="10" s="1"/>
  <c r="J2611" i="10"/>
  <c r="L2611" i="10" s="1"/>
  <c r="J2603" i="10"/>
  <c r="L2603" i="10" s="1"/>
  <c r="J2595" i="10"/>
  <c r="L2595" i="10" s="1"/>
  <c r="J2587" i="10"/>
  <c r="L2587" i="10" s="1"/>
  <c r="J2579" i="10"/>
  <c r="L2579" i="10" s="1"/>
  <c r="J2571" i="10"/>
  <c r="L2571" i="10" s="1"/>
  <c r="J2563" i="10"/>
  <c r="L2563" i="10" s="1"/>
  <c r="J2555" i="10"/>
  <c r="L2555" i="10" s="1"/>
  <c r="J2547" i="10"/>
  <c r="L2547" i="10" s="1"/>
  <c r="J2539" i="10"/>
  <c r="L2539" i="10" s="1"/>
  <c r="J2531" i="10"/>
  <c r="L2531" i="10" s="1"/>
  <c r="J2523" i="10"/>
  <c r="L2523" i="10" s="1"/>
  <c r="J2515" i="10"/>
  <c r="L2515" i="10" s="1"/>
  <c r="J2507" i="10"/>
  <c r="L2507" i="10" s="1"/>
  <c r="J2499" i="10"/>
  <c r="L2499" i="10" s="1"/>
  <c r="J2491" i="10"/>
  <c r="L2491" i="10" s="1"/>
  <c r="J2483" i="10"/>
  <c r="L2483" i="10" s="1"/>
  <c r="J2475" i="10"/>
  <c r="L2475" i="10" s="1"/>
  <c r="J2467" i="10"/>
  <c r="L2467" i="10" s="1"/>
  <c r="J2459" i="10"/>
  <c r="L2459" i="10" s="1"/>
  <c r="J2451" i="10"/>
  <c r="L2451" i="10" s="1"/>
  <c r="J2443" i="10"/>
  <c r="L2443" i="10" s="1"/>
  <c r="J2435" i="10"/>
  <c r="L2435" i="10" s="1"/>
  <c r="J2427" i="10"/>
  <c r="L2427" i="10" s="1"/>
  <c r="J2419" i="10"/>
  <c r="L2419" i="10" s="1"/>
  <c r="J2411" i="10"/>
  <c r="L2411" i="10" s="1"/>
  <c r="J2403" i="10"/>
  <c r="L2403" i="10" s="1"/>
  <c r="J2395" i="10"/>
  <c r="L2395" i="10" s="1"/>
  <c r="J2387" i="10"/>
  <c r="L2387" i="10" s="1"/>
  <c r="J2379" i="10"/>
  <c r="L2379" i="10" s="1"/>
  <c r="J2371" i="10"/>
  <c r="L2371" i="10" s="1"/>
  <c r="J2363" i="10"/>
  <c r="L2363" i="10" s="1"/>
  <c r="J2355" i="10"/>
  <c r="L2355" i="10" s="1"/>
  <c r="J2347" i="10"/>
  <c r="L2347" i="10" s="1"/>
  <c r="J2339" i="10"/>
  <c r="L2339" i="10" s="1"/>
  <c r="J2331" i="10"/>
  <c r="L2331" i="10" s="1"/>
  <c r="J2323" i="10"/>
  <c r="L2323" i="10" s="1"/>
  <c r="J2315" i="10"/>
  <c r="L2315" i="10" s="1"/>
  <c r="J2307" i="10"/>
  <c r="L2307" i="10" s="1"/>
  <c r="J2299" i="10"/>
  <c r="L2299" i="10" s="1"/>
  <c r="J2291" i="10"/>
  <c r="L2291" i="10" s="1"/>
  <c r="J2283" i="10"/>
  <c r="L2283" i="10" s="1"/>
  <c r="J2275" i="10"/>
  <c r="L2275" i="10" s="1"/>
  <c r="J2267" i="10"/>
  <c r="L2267" i="10" s="1"/>
  <c r="J2259" i="10"/>
  <c r="L2259" i="10" s="1"/>
  <c r="J2251" i="10"/>
  <c r="L2251" i="10" s="1"/>
  <c r="J2243" i="10"/>
  <c r="L2243" i="10" s="1"/>
  <c r="J2235" i="10"/>
  <c r="L2235" i="10" s="1"/>
  <c r="J2227" i="10"/>
  <c r="L2227" i="10" s="1"/>
  <c r="J2219" i="10"/>
  <c r="L2219" i="10" s="1"/>
  <c r="J2211" i="10"/>
  <c r="L2211" i="10" s="1"/>
  <c r="J2203" i="10"/>
  <c r="L2203" i="10" s="1"/>
  <c r="J2195" i="10"/>
  <c r="L2195" i="10" s="1"/>
  <c r="J2187" i="10"/>
  <c r="L2187" i="10" s="1"/>
  <c r="J2179" i="10"/>
  <c r="L2179" i="10" s="1"/>
  <c r="J2171" i="10"/>
  <c r="L2171" i="10" s="1"/>
  <c r="J2163" i="10"/>
  <c r="L2163" i="10" s="1"/>
  <c r="J2155" i="10"/>
  <c r="L2155" i="10" s="1"/>
  <c r="J2147" i="10"/>
  <c r="L2147" i="10" s="1"/>
  <c r="J2139" i="10"/>
  <c r="L2139" i="10" s="1"/>
  <c r="J2131" i="10"/>
  <c r="L2131" i="10" s="1"/>
  <c r="J2123" i="10"/>
  <c r="L2123" i="10" s="1"/>
  <c r="J2115" i="10"/>
  <c r="L2115" i="10" s="1"/>
  <c r="J2107" i="10"/>
  <c r="L2107" i="10" s="1"/>
  <c r="J2099" i="10"/>
  <c r="L2099" i="10" s="1"/>
  <c r="J2091" i="10"/>
  <c r="L2091" i="10" s="1"/>
  <c r="J2083" i="10"/>
  <c r="L2083" i="10" s="1"/>
  <c r="J2075" i="10"/>
  <c r="L2075" i="10" s="1"/>
  <c r="J2067" i="10"/>
  <c r="L2067" i="10" s="1"/>
  <c r="J2059" i="10"/>
  <c r="L2059" i="10" s="1"/>
  <c r="J2051" i="10"/>
  <c r="L2051" i="10" s="1"/>
  <c r="J2043" i="10"/>
  <c r="L2043" i="10" s="1"/>
  <c r="J2035" i="10"/>
  <c r="L2035" i="10" s="1"/>
  <c r="J2027" i="10"/>
  <c r="L2027" i="10" s="1"/>
  <c r="J2019" i="10"/>
  <c r="L2019" i="10" s="1"/>
  <c r="J2011" i="10"/>
  <c r="L2011" i="10" s="1"/>
  <c r="J2003" i="10"/>
  <c r="L2003" i="10" s="1"/>
  <c r="J1995" i="10"/>
  <c r="L1995" i="10" s="1"/>
  <c r="J1987" i="10"/>
  <c r="L1987" i="10" s="1"/>
  <c r="J1979" i="10"/>
  <c r="L1979" i="10" s="1"/>
  <c r="J1971" i="10"/>
  <c r="L1971" i="10" s="1"/>
  <c r="J1963" i="10"/>
  <c r="L1963" i="10" s="1"/>
  <c r="J1955" i="10"/>
  <c r="L1955" i="10" s="1"/>
  <c r="J1947" i="10"/>
  <c r="L1947" i="10" s="1"/>
  <c r="J1939" i="10"/>
  <c r="L1939" i="10" s="1"/>
  <c r="J1931" i="10"/>
  <c r="L1931" i="10" s="1"/>
  <c r="J1923" i="10"/>
  <c r="L1923" i="10" s="1"/>
  <c r="J1915" i="10"/>
  <c r="L1915" i="10" s="1"/>
  <c r="J1907" i="10"/>
  <c r="L1907" i="10" s="1"/>
  <c r="J1899" i="10"/>
  <c r="L1899" i="10" s="1"/>
  <c r="J1891" i="10"/>
  <c r="L1891" i="10" s="1"/>
  <c r="J1883" i="10"/>
  <c r="L1883" i="10" s="1"/>
  <c r="J1875" i="10"/>
  <c r="L1875" i="10" s="1"/>
  <c r="J1867" i="10"/>
  <c r="L1867" i="10" s="1"/>
  <c r="J1859" i="10"/>
  <c r="L1859" i="10" s="1"/>
  <c r="J1851" i="10"/>
  <c r="L1851" i="10" s="1"/>
  <c r="J1843" i="10"/>
  <c r="L1843" i="10" s="1"/>
  <c r="J1835" i="10"/>
  <c r="L1835" i="10" s="1"/>
  <c r="J1827" i="10"/>
  <c r="L1827" i="10" s="1"/>
  <c r="J1819" i="10"/>
  <c r="L1819" i="10" s="1"/>
  <c r="J1811" i="10"/>
  <c r="L1811" i="10" s="1"/>
  <c r="J1803" i="10"/>
  <c r="L1803" i="10" s="1"/>
  <c r="J1795" i="10"/>
  <c r="L1795" i="10" s="1"/>
  <c r="J1787" i="10"/>
  <c r="L1787" i="10" s="1"/>
  <c r="J1779" i="10"/>
  <c r="L1779" i="10" s="1"/>
  <c r="J1771" i="10"/>
  <c r="L1771" i="10" s="1"/>
  <c r="J1763" i="10"/>
  <c r="L1763" i="10" s="1"/>
  <c r="J1755" i="10"/>
  <c r="L1755" i="10" s="1"/>
  <c r="J1747" i="10"/>
  <c r="L1747" i="10" s="1"/>
  <c r="J1739" i="10"/>
  <c r="L1739" i="10" s="1"/>
  <c r="J1731" i="10"/>
  <c r="L1731" i="10" s="1"/>
  <c r="J1723" i="10"/>
  <c r="L1723" i="10" s="1"/>
  <c r="J1715" i="10"/>
  <c r="L1715" i="10" s="1"/>
  <c r="J1707" i="10"/>
  <c r="L1707" i="10" s="1"/>
  <c r="J1699" i="10"/>
  <c r="L1699" i="10" s="1"/>
  <c r="J1691" i="10"/>
  <c r="L1691" i="10" s="1"/>
  <c r="J1683" i="10"/>
  <c r="L1683" i="10" s="1"/>
  <c r="J1675" i="10"/>
  <c r="L1675" i="10" s="1"/>
  <c r="J1667" i="10"/>
  <c r="L1667" i="10" s="1"/>
  <c r="J1659" i="10"/>
  <c r="L1659" i="10" s="1"/>
  <c r="J1651" i="10"/>
  <c r="L1651" i="10" s="1"/>
  <c r="J1643" i="10"/>
  <c r="L1643" i="10" s="1"/>
  <c r="J1635" i="10"/>
  <c r="L1635" i="10" s="1"/>
  <c r="J1627" i="10"/>
  <c r="L1627" i="10" s="1"/>
  <c r="J1619" i="10"/>
  <c r="L1619" i="10" s="1"/>
  <c r="J1611" i="10"/>
  <c r="L1611" i="10" s="1"/>
  <c r="J1603" i="10"/>
  <c r="L1603" i="10" s="1"/>
  <c r="J1595" i="10"/>
  <c r="L1595" i="10" s="1"/>
  <c r="J1587" i="10"/>
  <c r="L1587" i="10" s="1"/>
  <c r="J1579" i="10"/>
  <c r="L1579" i="10" s="1"/>
  <c r="J1571" i="10"/>
  <c r="L1571" i="10" s="1"/>
  <c r="J1563" i="10"/>
  <c r="L1563" i="10" s="1"/>
  <c r="J1555" i="10"/>
  <c r="L1555" i="10" s="1"/>
  <c r="J1547" i="10"/>
  <c r="L1547" i="10" s="1"/>
  <c r="J1539" i="10"/>
  <c r="L1539" i="10" s="1"/>
  <c r="J1531" i="10"/>
  <c r="L1531" i="10" s="1"/>
  <c r="J1523" i="10"/>
  <c r="L1523" i="10" s="1"/>
  <c r="J1515" i="10"/>
  <c r="L1515" i="10" s="1"/>
  <c r="J1507" i="10"/>
  <c r="L1507" i="10" s="1"/>
  <c r="J1499" i="10"/>
  <c r="L1499" i="10" s="1"/>
  <c r="J1491" i="10"/>
  <c r="L1491" i="10" s="1"/>
  <c r="J1483" i="10"/>
  <c r="L1483" i="10" s="1"/>
  <c r="J1475" i="10"/>
  <c r="L1475" i="10" s="1"/>
  <c r="J1467" i="10"/>
  <c r="L1467" i="10" s="1"/>
  <c r="J1459" i="10"/>
  <c r="L1459" i="10" s="1"/>
  <c r="J1451" i="10"/>
  <c r="L1451" i="10" s="1"/>
  <c r="J1443" i="10"/>
  <c r="L1443" i="10" s="1"/>
  <c r="J1435" i="10"/>
  <c r="L1435" i="10" s="1"/>
  <c r="J1427" i="10"/>
  <c r="L1427" i="10" s="1"/>
  <c r="J1419" i="10"/>
  <c r="L1419" i="10" s="1"/>
  <c r="J1411" i="10"/>
  <c r="L1411" i="10" s="1"/>
  <c r="J1403" i="10"/>
  <c r="L1403" i="10" s="1"/>
  <c r="J1395" i="10"/>
  <c r="L1395" i="10" s="1"/>
  <c r="J1387" i="10"/>
  <c r="L1387" i="10" s="1"/>
  <c r="J1379" i="10"/>
  <c r="L1379" i="10" s="1"/>
  <c r="J1371" i="10"/>
  <c r="L1371" i="10" s="1"/>
  <c r="J1363" i="10"/>
  <c r="L1363" i="10" s="1"/>
  <c r="J1355" i="10"/>
  <c r="L1355" i="10" s="1"/>
  <c r="J1347" i="10"/>
  <c r="L1347" i="10" s="1"/>
  <c r="J1339" i="10"/>
  <c r="L1339" i="10" s="1"/>
  <c r="J1331" i="10"/>
  <c r="L1331" i="10" s="1"/>
  <c r="J1323" i="10"/>
  <c r="L1323" i="10" s="1"/>
  <c r="J1315" i="10"/>
  <c r="L1315" i="10" s="1"/>
  <c r="J1307" i="10"/>
  <c r="L1307" i="10" s="1"/>
  <c r="J1299" i="10"/>
  <c r="L1299" i="10" s="1"/>
  <c r="J1291" i="10"/>
  <c r="L1291" i="10" s="1"/>
  <c r="J1283" i="10"/>
  <c r="L1283" i="10" s="1"/>
  <c r="J1275" i="10"/>
  <c r="L1275" i="10" s="1"/>
  <c r="J1267" i="10"/>
  <c r="L1267" i="10" s="1"/>
  <c r="J1259" i="10"/>
  <c r="L1259" i="10" s="1"/>
  <c r="J1251" i="10"/>
  <c r="L1251" i="10" s="1"/>
  <c r="J1243" i="10"/>
  <c r="L1243" i="10" s="1"/>
  <c r="J1235" i="10"/>
  <c r="L1235" i="10" s="1"/>
  <c r="J1227" i="10"/>
  <c r="L1227" i="10" s="1"/>
  <c r="J1219" i="10"/>
  <c r="L1219" i="10" s="1"/>
  <c r="J1211" i="10"/>
  <c r="L1211" i="10" s="1"/>
  <c r="J1203" i="10"/>
  <c r="L1203" i="10" s="1"/>
  <c r="J1195" i="10"/>
  <c r="L1195" i="10" s="1"/>
  <c r="J1187" i="10"/>
  <c r="L1187" i="10" s="1"/>
  <c r="J1179" i="10"/>
  <c r="L1179" i="10" s="1"/>
  <c r="J1171" i="10"/>
  <c r="L1171" i="10" s="1"/>
  <c r="J1163" i="10"/>
  <c r="L1163" i="10" s="1"/>
  <c r="J1155" i="10"/>
  <c r="L1155" i="10" s="1"/>
  <c r="J1147" i="10"/>
  <c r="L1147" i="10" s="1"/>
  <c r="J1139" i="10"/>
  <c r="L1139" i="10" s="1"/>
  <c r="J1131" i="10"/>
  <c r="L1131" i="10" s="1"/>
  <c r="J1123" i="10"/>
  <c r="L1123" i="10" s="1"/>
  <c r="J1115" i="10"/>
  <c r="L1115" i="10" s="1"/>
  <c r="J1107" i="10"/>
  <c r="L1107" i="10" s="1"/>
  <c r="J1099" i="10"/>
  <c r="L1099" i="10" s="1"/>
  <c r="J1091" i="10"/>
  <c r="L1091" i="10" s="1"/>
  <c r="J1083" i="10"/>
  <c r="L1083" i="10" s="1"/>
  <c r="J1075" i="10"/>
  <c r="L1075" i="10" s="1"/>
  <c r="J1067" i="10"/>
  <c r="L1067" i="10" s="1"/>
  <c r="J1059" i="10"/>
  <c r="L1059" i="10" s="1"/>
  <c r="J1051" i="10"/>
  <c r="L1051" i="10" s="1"/>
  <c r="J1043" i="10"/>
  <c r="L1043" i="10" s="1"/>
  <c r="J1035" i="10"/>
  <c r="L1035" i="10" s="1"/>
  <c r="J1027" i="10"/>
  <c r="L1027" i="10" s="1"/>
  <c r="J1019" i="10"/>
  <c r="L1019" i="10" s="1"/>
  <c r="J1011" i="10"/>
  <c r="L1011" i="10" s="1"/>
  <c r="J1003" i="10"/>
  <c r="L1003" i="10" s="1"/>
  <c r="J995" i="10"/>
  <c r="L995" i="10" s="1"/>
  <c r="J987" i="10"/>
  <c r="L987" i="10" s="1"/>
  <c r="J979" i="10"/>
  <c r="L979" i="10" s="1"/>
  <c r="J971" i="10"/>
  <c r="L971" i="10" s="1"/>
  <c r="J963" i="10"/>
  <c r="L963" i="10" s="1"/>
  <c r="J955" i="10"/>
  <c r="L955" i="10" s="1"/>
  <c r="J947" i="10"/>
  <c r="L947" i="10" s="1"/>
  <c r="J939" i="10"/>
  <c r="L939" i="10" s="1"/>
  <c r="J931" i="10"/>
  <c r="L931" i="10" s="1"/>
  <c r="J923" i="10"/>
  <c r="L923" i="10" s="1"/>
  <c r="J915" i="10"/>
  <c r="L915" i="10" s="1"/>
  <c r="J907" i="10"/>
  <c r="L907" i="10" s="1"/>
  <c r="J899" i="10"/>
  <c r="L899" i="10" s="1"/>
  <c r="J891" i="10"/>
  <c r="L891" i="10" s="1"/>
  <c r="J883" i="10"/>
  <c r="L883" i="10" s="1"/>
  <c r="J875" i="10"/>
  <c r="L875" i="10" s="1"/>
  <c r="J867" i="10"/>
  <c r="L867" i="10" s="1"/>
  <c r="J859" i="10"/>
  <c r="L859" i="10" s="1"/>
  <c r="J851" i="10"/>
  <c r="L851" i="10" s="1"/>
  <c r="J843" i="10"/>
  <c r="L843" i="10" s="1"/>
  <c r="J835" i="10"/>
  <c r="L835" i="10" s="1"/>
  <c r="J827" i="10"/>
  <c r="L827" i="10" s="1"/>
  <c r="J819" i="10"/>
  <c r="L819" i="10" s="1"/>
  <c r="J811" i="10"/>
  <c r="L811" i="10" s="1"/>
  <c r="J803" i="10"/>
  <c r="L803" i="10" s="1"/>
  <c r="J795" i="10"/>
  <c r="L795" i="10" s="1"/>
  <c r="J787" i="10"/>
  <c r="L787" i="10" s="1"/>
  <c r="J779" i="10"/>
  <c r="L779" i="10" s="1"/>
  <c r="J771" i="10"/>
  <c r="L771" i="10" s="1"/>
  <c r="J763" i="10"/>
  <c r="L763" i="10" s="1"/>
  <c r="J755" i="10"/>
  <c r="L755" i="10" s="1"/>
  <c r="J747" i="10"/>
  <c r="L747" i="10" s="1"/>
  <c r="J739" i="10"/>
  <c r="L739" i="10" s="1"/>
  <c r="J731" i="10"/>
  <c r="L731" i="10" s="1"/>
  <c r="J723" i="10"/>
  <c r="L723" i="10" s="1"/>
  <c r="J715" i="10"/>
  <c r="L715" i="10" s="1"/>
  <c r="J707" i="10"/>
  <c r="L707" i="10" s="1"/>
  <c r="J699" i="10"/>
  <c r="L699" i="10" s="1"/>
  <c r="J691" i="10"/>
  <c r="L691" i="10" s="1"/>
  <c r="J683" i="10"/>
  <c r="L683" i="10" s="1"/>
  <c r="J675" i="10"/>
  <c r="L675" i="10" s="1"/>
  <c r="J667" i="10"/>
  <c r="L667" i="10" s="1"/>
  <c r="J659" i="10"/>
  <c r="L659" i="10" s="1"/>
  <c r="J651" i="10"/>
  <c r="L651" i="10" s="1"/>
  <c r="J643" i="10"/>
  <c r="L643" i="10" s="1"/>
  <c r="J635" i="10"/>
  <c r="L635" i="10" s="1"/>
  <c r="J627" i="10"/>
  <c r="L627" i="10" s="1"/>
  <c r="J619" i="10"/>
  <c r="L619" i="10" s="1"/>
  <c r="J611" i="10"/>
  <c r="L611" i="10" s="1"/>
  <c r="J603" i="10"/>
  <c r="L603" i="10" s="1"/>
  <c r="J595" i="10"/>
  <c r="L595" i="10" s="1"/>
  <c r="J587" i="10"/>
  <c r="L587" i="10" s="1"/>
  <c r="J579" i="10"/>
  <c r="L579" i="10" s="1"/>
  <c r="J571" i="10"/>
  <c r="L571" i="10" s="1"/>
  <c r="J563" i="10"/>
  <c r="L563" i="10" s="1"/>
  <c r="J555" i="10"/>
  <c r="L555" i="10" s="1"/>
  <c r="J547" i="10"/>
  <c r="L547" i="10" s="1"/>
  <c r="J539" i="10"/>
  <c r="L539" i="10" s="1"/>
  <c r="J531" i="10"/>
  <c r="L531" i="10" s="1"/>
  <c r="J523" i="10"/>
  <c r="L523" i="10" s="1"/>
  <c r="J515" i="10"/>
  <c r="L515" i="10" s="1"/>
  <c r="J507" i="10"/>
  <c r="L507" i="10" s="1"/>
  <c r="J499" i="10"/>
  <c r="L499" i="10" s="1"/>
  <c r="J491" i="10"/>
  <c r="L491" i="10" s="1"/>
  <c r="J483" i="10"/>
  <c r="L483" i="10" s="1"/>
  <c r="J475" i="10"/>
  <c r="L475" i="10" s="1"/>
  <c r="J467" i="10"/>
  <c r="L467" i="10" s="1"/>
  <c r="J459" i="10"/>
  <c r="L459" i="10" s="1"/>
  <c r="J451" i="10"/>
  <c r="L451" i="10" s="1"/>
  <c r="J443" i="10"/>
  <c r="L443" i="10" s="1"/>
  <c r="J435" i="10"/>
  <c r="L435" i="10" s="1"/>
  <c r="J427" i="10"/>
  <c r="L427" i="10" s="1"/>
  <c r="J419" i="10"/>
  <c r="L419" i="10" s="1"/>
  <c r="J411" i="10"/>
  <c r="L411" i="10" s="1"/>
  <c r="J403" i="10"/>
  <c r="L403" i="10" s="1"/>
  <c r="J395" i="10"/>
  <c r="L395" i="10" s="1"/>
  <c r="J387" i="10"/>
  <c r="L387" i="10" s="1"/>
  <c r="J379" i="10"/>
  <c r="L379" i="10" s="1"/>
  <c r="J371" i="10"/>
  <c r="L371" i="10" s="1"/>
  <c r="J363" i="10"/>
  <c r="L363" i="10" s="1"/>
  <c r="J355" i="10"/>
  <c r="L355" i="10" s="1"/>
  <c r="J347" i="10"/>
  <c r="L347" i="10" s="1"/>
  <c r="J339" i="10"/>
  <c r="L339" i="10" s="1"/>
  <c r="J331" i="10"/>
  <c r="L331" i="10" s="1"/>
  <c r="J323" i="10"/>
  <c r="L323" i="10" s="1"/>
  <c r="J315" i="10"/>
  <c r="L315" i="10" s="1"/>
  <c r="J307" i="10"/>
  <c r="L307" i="10" s="1"/>
  <c r="J299" i="10"/>
  <c r="L299" i="10" s="1"/>
  <c r="J291" i="10"/>
  <c r="L291" i="10" s="1"/>
  <c r="J283" i="10"/>
  <c r="L283" i="10" s="1"/>
  <c r="J275" i="10"/>
  <c r="L275" i="10" s="1"/>
  <c r="J267" i="10"/>
  <c r="L267" i="10" s="1"/>
  <c r="J259" i="10"/>
  <c r="L259" i="10" s="1"/>
  <c r="J251" i="10"/>
  <c r="L251" i="10" s="1"/>
  <c r="J243" i="10"/>
  <c r="L243" i="10" s="1"/>
  <c r="J235" i="10"/>
  <c r="L235" i="10" s="1"/>
  <c r="J227" i="10"/>
  <c r="L227" i="10" s="1"/>
  <c r="J219" i="10"/>
  <c r="L219" i="10" s="1"/>
  <c r="J211" i="10"/>
  <c r="L211" i="10" s="1"/>
  <c r="J203" i="10"/>
  <c r="L203" i="10" s="1"/>
  <c r="J195" i="10"/>
  <c r="L195" i="10" s="1"/>
  <c r="J187" i="10"/>
  <c r="L187" i="10" s="1"/>
  <c r="J179" i="10"/>
  <c r="L179" i="10" s="1"/>
  <c r="J171" i="10"/>
  <c r="L171" i="10" s="1"/>
  <c r="J163" i="10"/>
  <c r="L163" i="10" s="1"/>
  <c r="J155" i="10"/>
  <c r="L155" i="10" s="1"/>
  <c r="J147" i="10"/>
  <c r="L147" i="10" s="1"/>
  <c r="J139" i="10"/>
  <c r="L139" i="10" s="1"/>
  <c r="J131" i="10"/>
  <c r="L131" i="10" s="1"/>
  <c r="J123" i="10"/>
  <c r="L123" i="10" s="1"/>
  <c r="J115" i="10"/>
  <c r="L115" i="10" s="1"/>
  <c r="J107" i="10"/>
  <c r="L107" i="10" s="1"/>
  <c r="J99" i="10"/>
  <c r="L99" i="10" s="1"/>
  <c r="J91" i="10"/>
  <c r="L91" i="10" s="1"/>
  <c r="J83" i="10"/>
  <c r="L83" i="10" s="1"/>
  <c r="J75" i="10"/>
  <c r="L75" i="10" s="1"/>
  <c r="J67" i="10"/>
  <c r="L67" i="10" s="1"/>
  <c r="J59" i="10"/>
  <c r="L59" i="10" s="1"/>
  <c r="J51" i="10"/>
  <c r="L51" i="10" s="1"/>
  <c r="J43" i="10"/>
  <c r="L43" i="10" s="1"/>
  <c r="J35" i="10"/>
  <c r="L35" i="10" s="1"/>
  <c r="J27" i="10"/>
  <c r="L27" i="10" s="1"/>
  <c r="J19" i="10"/>
  <c r="L19" i="10" s="1"/>
  <c r="J5770" i="10"/>
  <c r="L5770" i="10" s="1"/>
  <c r="J5762" i="10"/>
  <c r="L5762" i="10" s="1"/>
  <c r="J5754" i="10"/>
  <c r="L5754" i="10" s="1"/>
  <c r="J5746" i="10"/>
  <c r="L5746" i="10" s="1"/>
  <c r="J5738" i="10"/>
  <c r="L5738" i="10" s="1"/>
  <c r="J5730" i="10"/>
  <c r="L5730" i="10" s="1"/>
  <c r="J5722" i="10"/>
  <c r="L5722" i="10" s="1"/>
  <c r="J5714" i="10"/>
  <c r="L5714" i="10" s="1"/>
  <c r="J5706" i="10"/>
  <c r="L5706" i="10" s="1"/>
  <c r="J5698" i="10"/>
  <c r="L5698" i="10" s="1"/>
  <c r="J5690" i="10"/>
  <c r="L5690" i="10" s="1"/>
  <c r="J5682" i="10"/>
  <c r="L5682" i="10" s="1"/>
  <c r="J5674" i="10"/>
  <c r="L5674" i="10" s="1"/>
  <c r="J5666" i="10"/>
  <c r="L5666" i="10" s="1"/>
  <c r="J5658" i="10"/>
  <c r="L5658" i="10" s="1"/>
  <c r="J5650" i="10"/>
  <c r="L5650" i="10" s="1"/>
  <c r="J5642" i="10"/>
  <c r="L5642" i="10" s="1"/>
  <c r="J5634" i="10"/>
  <c r="L5634" i="10" s="1"/>
  <c r="J5626" i="10"/>
  <c r="L5626" i="10" s="1"/>
  <c r="J5618" i="10"/>
  <c r="L5618" i="10" s="1"/>
  <c r="J5610" i="10"/>
  <c r="L5610" i="10" s="1"/>
  <c r="J5602" i="10"/>
  <c r="L5602" i="10" s="1"/>
  <c r="J5594" i="10"/>
  <c r="L5594" i="10" s="1"/>
  <c r="J5586" i="10"/>
  <c r="L5586" i="10" s="1"/>
  <c r="J5578" i="10"/>
  <c r="L5578" i="10" s="1"/>
  <c r="J5570" i="10"/>
  <c r="L5570" i="10" s="1"/>
  <c r="J5562" i="10"/>
  <c r="L5562" i="10" s="1"/>
  <c r="J5554" i="10"/>
  <c r="L5554" i="10" s="1"/>
  <c r="J5546" i="10"/>
  <c r="L5546" i="10" s="1"/>
  <c r="J5538" i="10"/>
  <c r="L5538" i="10" s="1"/>
  <c r="J5530" i="10"/>
  <c r="L5530" i="10" s="1"/>
  <c r="J5522" i="10"/>
  <c r="L5522" i="10" s="1"/>
  <c r="J5514" i="10"/>
  <c r="L5514" i="10" s="1"/>
  <c r="J5506" i="10"/>
  <c r="L5506" i="10" s="1"/>
  <c r="J5498" i="10"/>
  <c r="L5498" i="10" s="1"/>
  <c r="J5490" i="10"/>
  <c r="L5490" i="10" s="1"/>
  <c r="J5482" i="10"/>
  <c r="L5482" i="10" s="1"/>
  <c r="J5474" i="10"/>
  <c r="L5474" i="10" s="1"/>
  <c r="J5466" i="10"/>
  <c r="L5466" i="10" s="1"/>
  <c r="J5458" i="10"/>
  <c r="L5458" i="10" s="1"/>
  <c r="J5450" i="10"/>
  <c r="L5450" i="10" s="1"/>
  <c r="J5442" i="10"/>
  <c r="L5442" i="10" s="1"/>
  <c r="J5434" i="10"/>
  <c r="L5434" i="10" s="1"/>
  <c r="J5426" i="10"/>
  <c r="L5426" i="10" s="1"/>
  <c r="J5418" i="10"/>
  <c r="L5418" i="10" s="1"/>
  <c r="J5410" i="10"/>
  <c r="L5410" i="10" s="1"/>
  <c r="J5402" i="10"/>
  <c r="L5402" i="10" s="1"/>
  <c r="J5394" i="10"/>
  <c r="L5394" i="10" s="1"/>
  <c r="J5386" i="10"/>
  <c r="L5386" i="10" s="1"/>
  <c r="J5378" i="10"/>
  <c r="L5378" i="10" s="1"/>
  <c r="J5370" i="10"/>
  <c r="L5370" i="10" s="1"/>
  <c r="J5362" i="10"/>
  <c r="L5362" i="10" s="1"/>
  <c r="J5354" i="10"/>
  <c r="L5354" i="10" s="1"/>
  <c r="J5346" i="10"/>
  <c r="L5346" i="10" s="1"/>
  <c r="J5338" i="10"/>
  <c r="L5338" i="10" s="1"/>
  <c r="J5330" i="10"/>
  <c r="L5330" i="10" s="1"/>
  <c r="J5322" i="10"/>
  <c r="L5322" i="10" s="1"/>
  <c r="J5314" i="10"/>
  <c r="L5314" i="10" s="1"/>
  <c r="J5306" i="10"/>
  <c r="L5306" i="10" s="1"/>
  <c r="J5298" i="10"/>
  <c r="L5298" i="10" s="1"/>
  <c r="J5290" i="10"/>
  <c r="L5290" i="10" s="1"/>
  <c r="J5282" i="10"/>
  <c r="L5282" i="10" s="1"/>
  <c r="J5274" i="10"/>
  <c r="L5274" i="10" s="1"/>
  <c r="J5266" i="10"/>
  <c r="L5266" i="10" s="1"/>
  <c r="J5258" i="10"/>
  <c r="L5258" i="10" s="1"/>
  <c r="J5250" i="10"/>
  <c r="L5250" i="10" s="1"/>
  <c r="J5242" i="10"/>
  <c r="L5242" i="10" s="1"/>
  <c r="J5234" i="10"/>
  <c r="L5234" i="10" s="1"/>
  <c r="J5226" i="10"/>
  <c r="L5226" i="10" s="1"/>
  <c r="J5218" i="10"/>
  <c r="L5218" i="10" s="1"/>
  <c r="J5210" i="10"/>
  <c r="L5210" i="10" s="1"/>
  <c r="J5202" i="10"/>
  <c r="L5202" i="10" s="1"/>
  <c r="J5194" i="10"/>
  <c r="L5194" i="10" s="1"/>
  <c r="J5186" i="10"/>
  <c r="L5186" i="10" s="1"/>
  <c r="J5178" i="10"/>
  <c r="L5178" i="10" s="1"/>
  <c r="J5170" i="10"/>
  <c r="L5170" i="10" s="1"/>
  <c r="J5162" i="10"/>
  <c r="L5162" i="10" s="1"/>
  <c r="J5154" i="10"/>
  <c r="L5154" i="10" s="1"/>
  <c r="J5146" i="10"/>
  <c r="L5146" i="10" s="1"/>
  <c r="J5138" i="10"/>
  <c r="L5138" i="10" s="1"/>
  <c r="J5130" i="10"/>
  <c r="L5130" i="10" s="1"/>
  <c r="J5122" i="10"/>
  <c r="L5122" i="10" s="1"/>
  <c r="J5114" i="10"/>
  <c r="L5114" i="10" s="1"/>
  <c r="J5106" i="10"/>
  <c r="L5106" i="10" s="1"/>
  <c r="J5098" i="10"/>
  <c r="L5098" i="10" s="1"/>
  <c r="J5090" i="10"/>
  <c r="L5090" i="10" s="1"/>
  <c r="J5082" i="10"/>
  <c r="L5082" i="10" s="1"/>
  <c r="J5074" i="10"/>
  <c r="L5074" i="10" s="1"/>
  <c r="J5066" i="10"/>
  <c r="L5066" i="10" s="1"/>
  <c r="J5058" i="10"/>
  <c r="L5058" i="10" s="1"/>
  <c r="J5050" i="10"/>
  <c r="L5050" i="10" s="1"/>
  <c r="J5042" i="10"/>
  <c r="L5042" i="10" s="1"/>
  <c r="J5034" i="10"/>
  <c r="L5034" i="10" s="1"/>
  <c r="J5026" i="10"/>
  <c r="L5026" i="10" s="1"/>
  <c r="J5018" i="10"/>
  <c r="L5018" i="10" s="1"/>
  <c r="J5010" i="10"/>
  <c r="L5010" i="10" s="1"/>
  <c r="J5002" i="10"/>
  <c r="L5002" i="10" s="1"/>
  <c r="J4994" i="10"/>
  <c r="L4994" i="10" s="1"/>
  <c r="J4986" i="10"/>
  <c r="L4986" i="10" s="1"/>
  <c r="J4978" i="10"/>
  <c r="L4978" i="10" s="1"/>
  <c r="J4970" i="10"/>
  <c r="L4970" i="10" s="1"/>
  <c r="J4962" i="10"/>
  <c r="L4962" i="10" s="1"/>
  <c r="J4954" i="10"/>
  <c r="L4954" i="10" s="1"/>
  <c r="J4946" i="10"/>
  <c r="L4946" i="10" s="1"/>
  <c r="J4938" i="10"/>
  <c r="L4938" i="10" s="1"/>
  <c r="J4930" i="10"/>
  <c r="L4930" i="10" s="1"/>
  <c r="J4922" i="10"/>
  <c r="L4922" i="10" s="1"/>
  <c r="J4914" i="10"/>
  <c r="L4914" i="10" s="1"/>
  <c r="J4906" i="10"/>
  <c r="L4906" i="10" s="1"/>
  <c r="J4898" i="10"/>
  <c r="L4898" i="10" s="1"/>
  <c r="J4890" i="10"/>
  <c r="L4890" i="10" s="1"/>
  <c r="J4882" i="10"/>
  <c r="L4882" i="10" s="1"/>
  <c r="J4874" i="10"/>
  <c r="L4874" i="10" s="1"/>
  <c r="J4866" i="10"/>
  <c r="L4866" i="10" s="1"/>
  <c r="J4858" i="10"/>
  <c r="L4858" i="10" s="1"/>
  <c r="J4850" i="10"/>
  <c r="L4850" i="10" s="1"/>
  <c r="J4842" i="10"/>
  <c r="L4842" i="10" s="1"/>
  <c r="J4834" i="10"/>
  <c r="L4834" i="10" s="1"/>
  <c r="J4826" i="10"/>
  <c r="L4826" i="10" s="1"/>
  <c r="J4818" i="10"/>
  <c r="L4818" i="10" s="1"/>
  <c r="J4810" i="10"/>
  <c r="L4810" i="10" s="1"/>
  <c r="J4802" i="10"/>
  <c r="L4802" i="10" s="1"/>
  <c r="J4794" i="10"/>
  <c r="L4794" i="10" s="1"/>
  <c r="J4786" i="10"/>
  <c r="L4786" i="10" s="1"/>
  <c r="J4778" i="10"/>
  <c r="L4778" i="10" s="1"/>
  <c r="J4770" i="10"/>
  <c r="L4770" i="10" s="1"/>
  <c r="J4762" i="10"/>
  <c r="L4762" i="10" s="1"/>
  <c r="J4754" i="10"/>
  <c r="L4754" i="10" s="1"/>
  <c r="J4746" i="10"/>
  <c r="L4746" i="10" s="1"/>
  <c r="J4738" i="10"/>
  <c r="L4738" i="10" s="1"/>
  <c r="J4730" i="10"/>
  <c r="L4730" i="10" s="1"/>
  <c r="J4722" i="10"/>
  <c r="L4722" i="10" s="1"/>
  <c r="J4714" i="10"/>
  <c r="L4714" i="10" s="1"/>
  <c r="J4706" i="10"/>
  <c r="L4706" i="10" s="1"/>
  <c r="J4698" i="10"/>
  <c r="L4698" i="10" s="1"/>
  <c r="J4690" i="10"/>
  <c r="L4690" i="10" s="1"/>
  <c r="J4682" i="10"/>
  <c r="L4682" i="10" s="1"/>
  <c r="J4674" i="10"/>
  <c r="L4674" i="10" s="1"/>
  <c r="J4666" i="10"/>
  <c r="L4666" i="10" s="1"/>
  <c r="J4658" i="10"/>
  <c r="L4658" i="10" s="1"/>
  <c r="J4650" i="10"/>
  <c r="L4650" i="10" s="1"/>
  <c r="J4642" i="10"/>
  <c r="L4642" i="10" s="1"/>
  <c r="J4634" i="10"/>
  <c r="L4634" i="10" s="1"/>
  <c r="J4626" i="10"/>
  <c r="L4626" i="10" s="1"/>
  <c r="J4618" i="10"/>
  <c r="L4618" i="10" s="1"/>
  <c r="J4610" i="10"/>
  <c r="L4610" i="10" s="1"/>
  <c r="J4602" i="10"/>
  <c r="L4602" i="10" s="1"/>
  <c r="J4594" i="10"/>
  <c r="L4594" i="10" s="1"/>
  <c r="J4586" i="10"/>
  <c r="L4586" i="10" s="1"/>
  <c r="J4578" i="10"/>
  <c r="L4578" i="10" s="1"/>
  <c r="J4570" i="10"/>
  <c r="L4570" i="10" s="1"/>
  <c r="J4562" i="10"/>
  <c r="L4562" i="10" s="1"/>
  <c r="J4554" i="10"/>
  <c r="L4554" i="10" s="1"/>
  <c r="J4546" i="10"/>
  <c r="L4546" i="10" s="1"/>
  <c r="J4538" i="10"/>
  <c r="L4538" i="10" s="1"/>
  <c r="J4530" i="10"/>
  <c r="L4530" i="10" s="1"/>
  <c r="J4522" i="10"/>
  <c r="L4522" i="10" s="1"/>
  <c r="J4514" i="10"/>
  <c r="L4514" i="10" s="1"/>
  <c r="J4506" i="10"/>
  <c r="L4506" i="10" s="1"/>
  <c r="J4498" i="10"/>
  <c r="L4498" i="10" s="1"/>
  <c r="J4490" i="10"/>
  <c r="L4490" i="10" s="1"/>
  <c r="J4482" i="10"/>
  <c r="L4482" i="10" s="1"/>
  <c r="J4474" i="10"/>
  <c r="L4474" i="10" s="1"/>
  <c r="J4466" i="10"/>
  <c r="L4466" i="10" s="1"/>
  <c r="J4458" i="10"/>
  <c r="L4458" i="10" s="1"/>
  <c r="J4450" i="10"/>
  <c r="L4450" i="10" s="1"/>
  <c r="J4442" i="10"/>
  <c r="L4442" i="10" s="1"/>
  <c r="J4434" i="10"/>
  <c r="L4434" i="10" s="1"/>
  <c r="J4426" i="10"/>
  <c r="L4426" i="10" s="1"/>
  <c r="J4418" i="10"/>
  <c r="L4418" i="10" s="1"/>
  <c r="J4410" i="10"/>
  <c r="L4410" i="10" s="1"/>
  <c r="J4402" i="10"/>
  <c r="L4402" i="10" s="1"/>
  <c r="J4394" i="10"/>
  <c r="L4394" i="10" s="1"/>
  <c r="J4386" i="10"/>
  <c r="L4386" i="10" s="1"/>
  <c r="J4378" i="10"/>
  <c r="L4378" i="10" s="1"/>
  <c r="J4370" i="10"/>
  <c r="L4370" i="10" s="1"/>
  <c r="J4362" i="10"/>
  <c r="L4362" i="10" s="1"/>
  <c r="J4354" i="10"/>
  <c r="L4354" i="10" s="1"/>
  <c r="J4346" i="10"/>
  <c r="L4346" i="10" s="1"/>
  <c r="J4338" i="10"/>
  <c r="L4338" i="10" s="1"/>
  <c r="J4330" i="10"/>
  <c r="L4330" i="10" s="1"/>
  <c r="J4322" i="10"/>
  <c r="L4322" i="10" s="1"/>
  <c r="J4314" i="10"/>
  <c r="L4314" i="10" s="1"/>
  <c r="J4306" i="10"/>
  <c r="L4306" i="10" s="1"/>
  <c r="J4298" i="10"/>
  <c r="L4298" i="10" s="1"/>
  <c r="J4290" i="10"/>
  <c r="L4290" i="10" s="1"/>
  <c r="J4282" i="10"/>
  <c r="L4282" i="10" s="1"/>
  <c r="J4274" i="10"/>
  <c r="L4274" i="10" s="1"/>
  <c r="J4266" i="10"/>
  <c r="L4266" i="10" s="1"/>
  <c r="J4258" i="10"/>
  <c r="L4258" i="10" s="1"/>
  <c r="J4250" i="10"/>
  <c r="L4250" i="10" s="1"/>
  <c r="J4242" i="10"/>
  <c r="L4242" i="10" s="1"/>
  <c r="J4234" i="10"/>
  <c r="L4234" i="10" s="1"/>
  <c r="J4226" i="10"/>
  <c r="L4226" i="10" s="1"/>
  <c r="J4218" i="10"/>
  <c r="L4218" i="10" s="1"/>
  <c r="J4210" i="10"/>
  <c r="L4210" i="10" s="1"/>
  <c r="J4202" i="10"/>
  <c r="L4202" i="10" s="1"/>
  <c r="J4194" i="10"/>
  <c r="L4194" i="10" s="1"/>
  <c r="J4186" i="10"/>
  <c r="L4186" i="10" s="1"/>
  <c r="J4178" i="10"/>
  <c r="L4178" i="10" s="1"/>
  <c r="J4170" i="10"/>
  <c r="L4170" i="10" s="1"/>
  <c r="J4162" i="10"/>
  <c r="L4162" i="10" s="1"/>
  <c r="J4154" i="10"/>
  <c r="L4154" i="10" s="1"/>
  <c r="J4146" i="10"/>
  <c r="L4146" i="10" s="1"/>
  <c r="J4138" i="10"/>
  <c r="L4138" i="10" s="1"/>
  <c r="J4130" i="10"/>
  <c r="L4130" i="10" s="1"/>
  <c r="J4122" i="10"/>
  <c r="L4122" i="10" s="1"/>
  <c r="J4114" i="10"/>
  <c r="L4114" i="10" s="1"/>
  <c r="J4106" i="10"/>
  <c r="L4106" i="10" s="1"/>
  <c r="J4098" i="10"/>
  <c r="L4098" i="10" s="1"/>
  <c r="J4090" i="10"/>
  <c r="L4090" i="10" s="1"/>
  <c r="J4082" i="10"/>
  <c r="L4082" i="10" s="1"/>
  <c r="J4074" i="10"/>
  <c r="L4074" i="10" s="1"/>
  <c r="J4066" i="10"/>
  <c r="L4066" i="10" s="1"/>
  <c r="J4058" i="10"/>
  <c r="L4058" i="10" s="1"/>
  <c r="J4050" i="10"/>
  <c r="L4050" i="10" s="1"/>
  <c r="J4042" i="10"/>
  <c r="L4042" i="10" s="1"/>
  <c r="J4034" i="10"/>
  <c r="L4034" i="10" s="1"/>
  <c r="J4026" i="10"/>
  <c r="L4026" i="10" s="1"/>
  <c r="J4018" i="10"/>
  <c r="L4018" i="10" s="1"/>
  <c r="J4010" i="10"/>
  <c r="L4010" i="10" s="1"/>
  <c r="J4002" i="10"/>
  <c r="L4002" i="10" s="1"/>
  <c r="J3994" i="10"/>
  <c r="L3994" i="10" s="1"/>
  <c r="J3986" i="10"/>
  <c r="L3986" i="10" s="1"/>
  <c r="J3978" i="10"/>
  <c r="L3978" i="10" s="1"/>
  <c r="J3970" i="10"/>
  <c r="L3970" i="10" s="1"/>
  <c r="J3962" i="10"/>
  <c r="L3962" i="10" s="1"/>
  <c r="J3954" i="10"/>
  <c r="L3954" i="10" s="1"/>
  <c r="J3946" i="10"/>
  <c r="L3946" i="10" s="1"/>
  <c r="J3938" i="10"/>
  <c r="L3938" i="10" s="1"/>
  <c r="J3930" i="10"/>
  <c r="L3930" i="10" s="1"/>
  <c r="J3922" i="10"/>
  <c r="L3922" i="10" s="1"/>
  <c r="J3914" i="10"/>
  <c r="L3914" i="10" s="1"/>
  <c r="J3906" i="10"/>
  <c r="L3906" i="10" s="1"/>
  <c r="J3898" i="10"/>
  <c r="L3898" i="10" s="1"/>
  <c r="J3890" i="10"/>
  <c r="L3890" i="10" s="1"/>
  <c r="J3882" i="10"/>
  <c r="L3882" i="10" s="1"/>
  <c r="J3874" i="10"/>
  <c r="L3874" i="10" s="1"/>
  <c r="J3866" i="10"/>
  <c r="L3866" i="10" s="1"/>
  <c r="J3858" i="10"/>
  <c r="L3858" i="10" s="1"/>
  <c r="J3850" i="10"/>
  <c r="L3850" i="10" s="1"/>
  <c r="J3842" i="10"/>
  <c r="L3842" i="10" s="1"/>
  <c r="J3834" i="10"/>
  <c r="L3834" i="10" s="1"/>
  <c r="J3826" i="10"/>
  <c r="L3826" i="10" s="1"/>
  <c r="J3818" i="10"/>
  <c r="L3818" i="10" s="1"/>
  <c r="J3810" i="10"/>
  <c r="L3810" i="10" s="1"/>
  <c r="J3802" i="10"/>
  <c r="L3802" i="10" s="1"/>
  <c r="J3794" i="10"/>
  <c r="L3794" i="10" s="1"/>
  <c r="J3786" i="10"/>
  <c r="L3786" i="10" s="1"/>
  <c r="J3778" i="10"/>
  <c r="L3778" i="10" s="1"/>
  <c r="J3770" i="10"/>
  <c r="L3770" i="10" s="1"/>
  <c r="J3762" i="10"/>
  <c r="L3762" i="10" s="1"/>
  <c r="J3754" i="10"/>
  <c r="L3754" i="10" s="1"/>
  <c r="J3746" i="10"/>
  <c r="L3746" i="10" s="1"/>
  <c r="J3738" i="10"/>
  <c r="L3738" i="10" s="1"/>
  <c r="J3730" i="10"/>
  <c r="L3730" i="10" s="1"/>
  <c r="J3722" i="10"/>
  <c r="L3722" i="10" s="1"/>
  <c r="J3714" i="10"/>
  <c r="L3714" i="10" s="1"/>
  <c r="J3706" i="10"/>
  <c r="L3706" i="10" s="1"/>
  <c r="J3698" i="10"/>
  <c r="L3698" i="10" s="1"/>
  <c r="J3690" i="10"/>
  <c r="L3690" i="10" s="1"/>
  <c r="J3682" i="10"/>
  <c r="L3682" i="10" s="1"/>
  <c r="J3674" i="10"/>
  <c r="L3674" i="10" s="1"/>
  <c r="J3666" i="10"/>
  <c r="L3666" i="10" s="1"/>
  <c r="J3658" i="10"/>
  <c r="L3658" i="10" s="1"/>
  <c r="J3650" i="10"/>
  <c r="L3650" i="10" s="1"/>
  <c r="J3642" i="10"/>
  <c r="L3642" i="10" s="1"/>
  <c r="J3634" i="10"/>
  <c r="L3634" i="10" s="1"/>
  <c r="J3626" i="10"/>
  <c r="L3626" i="10" s="1"/>
  <c r="J3618" i="10"/>
  <c r="L3618" i="10" s="1"/>
  <c r="J3610" i="10"/>
  <c r="L3610" i="10" s="1"/>
  <c r="J3602" i="10"/>
  <c r="L3602" i="10" s="1"/>
  <c r="J3594" i="10"/>
  <c r="L3594" i="10" s="1"/>
  <c r="J3586" i="10"/>
  <c r="L3586" i="10" s="1"/>
  <c r="J3578" i="10"/>
  <c r="L3578" i="10" s="1"/>
  <c r="J3570" i="10"/>
  <c r="L3570" i="10" s="1"/>
  <c r="J3562" i="10"/>
  <c r="L3562" i="10" s="1"/>
  <c r="J3554" i="10"/>
  <c r="L3554" i="10" s="1"/>
  <c r="J3546" i="10"/>
  <c r="L3546" i="10" s="1"/>
  <c r="J3538" i="10"/>
  <c r="L3538" i="10" s="1"/>
  <c r="J3530" i="10"/>
  <c r="L3530" i="10" s="1"/>
  <c r="J3522" i="10"/>
  <c r="L3522" i="10" s="1"/>
  <c r="J3514" i="10"/>
  <c r="L3514" i="10" s="1"/>
  <c r="J3506" i="10"/>
  <c r="L3506" i="10" s="1"/>
  <c r="J3498" i="10"/>
  <c r="L3498" i="10" s="1"/>
  <c r="J3490" i="10"/>
  <c r="L3490" i="10" s="1"/>
  <c r="J3482" i="10"/>
  <c r="L3482" i="10" s="1"/>
  <c r="J3474" i="10"/>
  <c r="L3474" i="10" s="1"/>
  <c r="J3466" i="10"/>
  <c r="L3466" i="10" s="1"/>
  <c r="J3458" i="10"/>
  <c r="L3458" i="10" s="1"/>
  <c r="J3450" i="10"/>
  <c r="L3450" i="10" s="1"/>
  <c r="J3442" i="10"/>
  <c r="L3442" i="10" s="1"/>
  <c r="J3434" i="10"/>
  <c r="L3434" i="10" s="1"/>
  <c r="J3426" i="10"/>
  <c r="L3426" i="10" s="1"/>
  <c r="J3418" i="10"/>
  <c r="L3418" i="10" s="1"/>
  <c r="J3410" i="10"/>
  <c r="L3410" i="10" s="1"/>
  <c r="J3402" i="10"/>
  <c r="L3402" i="10" s="1"/>
  <c r="J3394" i="10"/>
  <c r="L3394" i="10" s="1"/>
  <c r="J3386" i="10"/>
  <c r="L3386" i="10" s="1"/>
  <c r="J3378" i="10"/>
  <c r="L3378" i="10" s="1"/>
  <c r="J3370" i="10"/>
  <c r="L3370" i="10" s="1"/>
  <c r="J3362" i="10"/>
  <c r="L3362" i="10" s="1"/>
  <c r="J3354" i="10"/>
  <c r="L3354" i="10" s="1"/>
  <c r="J3346" i="10"/>
  <c r="L3346" i="10" s="1"/>
  <c r="J3338" i="10"/>
  <c r="L3338" i="10" s="1"/>
  <c r="J3330" i="10"/>
  <c r="L3330" i="10" s="1"/>
  <c r="J3322" i="10"/>
  <c r="L3322" i="10" s="1"/>
  <c r="J3314" i="10"/>
  <c r="L3314" i="10" s="1"/>
  <c r="J3306" i="10"/>
  <c r="L3306" i="10" s="1"/>
  <c r="J3298" i="10"/>
  <c r="L3298" i="10" s="1"/>
  <c r="J3290" i="10"/>
  <c r="L3290" i="10" s="1"/>
  <c r="J3282" i="10"/>
  <c r="L3282" i="10" s="1"/>
  <c r="J3274" i="10"/>
  <c r="L3274" i="10" s="1"/>
  <c r="J3266" i="10"/>
  <c r="L3266" i="10" s="1"/>
  <c r="J3258" i="10"/>
  <c r="L3258" i="10" s="1"/>
  <c r="J3250" i="10"/>
  <c r="L3250" i="10" s="1"/>
  <c r="J3242" i="10"/>
  <c r="L3242" i="10" s="1"/>
  <c r="J3234" i="10"/>
  <c r="L3234" i="10" s="1"/>
  <c r="J3226" i="10"/>
  <c r="L3226" i="10" s="1"/>
  <c r="J3218" i="10"/>
  <c r="L3218" i="10" s="1"/>
  <c r="J3210" i="10"/>
  <c r="L3210" i="10" s="1"/>
  <c r="J3202" i="10"/>
  <c r="L3202" i="10" s="1"/>
  <c r="J3194" i="10"/>
  <c r="L3194" i="10" s="1"/>
  <c r="J3186" i="10"/>
  <c r="L3186" i="10" s="1"/>
  <c r="J3178" i="10"/>
  <c r="L3178" i="10" s="1"/>
  <c r="J3170" i="10"/>
  <c r="L3170" i="10" s="1"/>
  <c r="J3162" i="10"/>
  <c r="L3162" i="10" s="1"/>
  <c r="J3154" i="10"/>
  <c r="L3154" i="10" s="1"/>
  <c r="J3146" i="10"/>
  <c r="L3146" i="10" s="1"/>
  <c r="J3138" i="10"/>
  <c r="L3138" i="10" s="1"/>
  <c r="J3130" i="10"/>
  <c r="L3130" i="10" s="1"/>
  <c r="J3122" i="10"/>
  <c r="L3122" i="10" s="1"/>
  <c r="J3114" i="10"/>
  <c r="L3114" i="10" s="1"/>
  <c r="J3106" i="10"/>
  <c r="L3106" i="10" s="1"/>
  <c r="J3098" i="10"/>
  <c r="L3098" i="10" s="1"/>
  <c r="J3090" i="10"/>
  <c r="L3090" i="10" s="1"/>
  <c r="J3082" i="10"/>
  <c r="L3082" i="10" s="1"/>
  <c r="J3074" i="10"/>
  <c r="L3074" i="10" s="1"/>
  <c r="J3066" i="10"/>
  <c r="L3066" i="10" s="1"/>
  <c r="J3058" i="10"/>
  <c r="L3058" i="10" s="1"/>
  <c r="J3050" i="10"/>
  <c r="L3050" i="10" s="1"/>
  <c r="J3042" i="10"/>
  <c r="L3042" i="10" s="1"/>
  <c r="J3034" i="10"/>
  <c r="L3034" i="10" s="1"/>
  <c r="J3026" i="10"/>
  <c r="L3026" i="10" s="1"/>
  <c r="J3018" i="10"/>
  <c r="L3018" i="10" s="1"/>
  <c r="J3010" i="10"/>
  <c r="L3010" i="10" s="1"/>
  <c r="J3002" i="10"/>
  <c r="L3002" i="10" s="1"/>
  <c r="J2994" i="10"/>
  <c r="L2994" i="10" s="1"/>
  <c r="J2986" i="10"/>
  <c r="L2986" i="10" s="1"/>
  <c r="J2978" i="10"/>
  <c r="L2978" i="10" s="1"/>
  <c r="J2970" i="10"/>
  <c r="L2970" i="10" s="1"/>
  <c r="J2962" i="10"/>
  <c r="L2962" i="10" s="1"/>
  <c r="J2954" i="10"/>
  <c r="L2954" i="10" s="1"/>
  <c r="J2946" i="10"/>
  <c r="L2946" i="10" s="1"/>
  <c r="J2938" i="10"/>
  <c r="L2938" i="10" s="1"/>
  <c r="J2930" i="10"/>
  <c r="L2930" i="10" s="1"/>
  <c r="J2922" i="10"/>
  <c r="L2922" i="10" s="1"/>
  <c r="J2914" i="10"/>
  <c r="L2914" i="10" s="1"/>
  <c r="J2906" i="10"/>
  <c r="L2906" i="10" s="1"/>
  <c r="J2898" i="10"/>
  <c r="L2898" i="10" s="1"/>
  <c r="J2890" i="10"/>
  <c r="L2890" i="10" s="1"/>
  <c r="J2882" i="10"/>
  <c r="L2882" i="10" s="1"/>
  <c r="J2874" i="10"/>
  <c r="L2874" i="10" s="1"/>
  <c r="J2866" i="10"/>
  <c r="L2866" i="10" s="1"/>
  <c r="J2858" i="10"/>
  <c r="L2858" i="10" s="1"/>
  <c r="J2850" i="10"/>
  <c r="L2850" i="10" s="1"/>
  <c r="J2842" i="10"/>
  <c r="L2842" i="10" s="1"/>
  <c r="J2834" i="10"/>
  <c r="L2834" i="10" s="1"/>
  <c r="J2826" i="10"/>
  <c r="L2826" i="10" s="1"/>
  <c r="J2818" i="10"/>
  <c r="L2818" i="10" s="1"/>
  <c r="J2810" i="10"/>
  <c r="L2810" i="10" s="1"/>
  <c r="J2802" i="10"/>
  <c r="L2802" i="10" s="1"/>
  <c r="J2794" i="10"/>
  <c r="L2794" i="10" s="1"/>
  <c r="J2786" i="10"/>
  <c r="L2786" i="10" s="1"/>
  <c r="J2778" i="10"/>
  <c r="L2778" i="10" s="1"/>
  <c r="J2770" i="10"/>
  <c r="L2770" i="10" s="1"/>
  <c r="J2762" i="10"/>
  <c r="L2762" i="10" s="1"/>
  <c r="J2754" i="10"/>
  <c r="L2754" i="10" s="1"/>
  <c r="J2746" i="10"/>
  <c r="L2746" i="10" s="1"/>
  <c r="J2738" i="10"/>
  <c r="L2738" i="10" s="1"/>
  <c r="J2730" i="10"/>
  <c r="L2730" i="10" s="1"/>
  <c r="J2722" i="10"/>
  <c r="L2722" i="10" s="1"/>
  <c r="J2714" i="10"/>
  <c r="L2714" i="10" s="1"/>
  <c r="J2706" i="10"/>
  <c r="L2706" i="10" s="1"/>
  <c r="J2698" i="10"/>
  <c r="L2698" i="10" s="1"/>
  <c r="J2690" i="10"/>
  <c r="L2690" i="10" s="1"/>
  <c r="J2682" i="10"/>
  <c r="L2682" i="10" s="1"/>
  <c r="J2674" i="10"/>
  <c r="L2674" i="10" s="1"/>
  <c r="J2666" i="10"/>
  <c r="L2666" i="10" s="1"/>
  <c r="J2658" i="10"/>
  <c r="L2658" i="10" s="1"/>
  <c r="J2650" i="10"/>
  <c r="L2650" i="10" s="1"/>
  <c r="J2642" i="10"/>
  <c r="L2642" i="10" s="1"/>
  <c r="J2634" i="10"/>
  <c r="L2634" i="10" s="1"/>
  <c r="J2626" i="10"/>
  <c r="L2626" i="10" s="1"/>
  <c r="J2618" i="10"/>
  <c r="L2618" i="10" s="1"/>
  <c r="J2610" i="10"/>
  <c r="L2610" i="10" s="1"/>
  <c r="J2602" i="10"/>
  <c r="L2602" i="10" s="1"/>
  <c r="J2594" i="10"/>
  <c r="L2594" i="10" s="1"/>
  <c r="J2586" i="10"/>
  <c r="L2586" i="10" s="1"/>
  <c r="J2578" i="10"/>
  <c r="L2578" i="10" s="1"/>
  <c r="J2570" i="10"/>
  <c r="L2570" i="10" s="1"/>
  <c r="J2562" i="10"/>
  <c r="L2562" i="10" s="1"/>
  <c r="J2554" i="10"/>
  <c r="L2554" i="10" s="1"/>
  <c r="J2546" i="10"/>
  <c r="L2546" i="10" s="1"/>
  <c r="J2538" i="10"/>
  <c r="L2538" i="10" s="1"/>
  <c r="J2530" i="10"/>
  <c r="L2530" i="10" s="1"/>
  <c r="J2522" i="10"/>
  <c r="L2522" i="10" s="1"/>
  <c r="J2514" i="10"/>
  <c r="L2514" i="10" s="1"/>
  <c r="J2506" i="10"/>
  <c r="L2506" i="10" s="1"/>
  <c r="J2498" i="10"/>
  <c r="L2498" i="10" s="1"/>
  <c r="J2490" i="10"/>
  <c r="L2490" i="10" s="1"/>
  <c r="J2482" i="10"/>
  <c r="L2482" i="10" s="1"/>
  <c r="J2474" i="10"/>
  <c r="L2474" i="10" s="1"/>
  <c r="J2466" i="10"/>
  <c r="L2466" i="10" s="1"/>
  <c r="J2458" i="10"/>
  <c r="L2458" i="10" s="1"/>
  <c r="J2450" i="10"/>
  <c r="L2450" i="10" s="1"/>
  <c r="J2442" i="10"/>
  <c r="L2442" i="10" s="1"/>
  <c r="J2434" i="10"/>
  <c r="L2434" i="10" s="1"/>
  <c r="J2426" i="10"/>
  <c r="L2426" i="10" s="1"/>
  <c r="J2418" i="10"/>
  <c r="L2418" i="10" s="1"/>
  <c r="J2410" i="10"/>
  <c r="L2410" i="10" s="1"/>
  <c r="J2402" i="10"/>
  <c r="L2402" i="10" s="1"/>
  <c r="J2394" i="10"/>
  <c r="L2394" i="10" s="1"/>
  <c r="J2386" i="10"/>
  <c r="L2386" i="10" s="1"/>
  <c r="J2378" i="10"/>
  <c r="L2378" i="10" s="1"/>
  <c r="J2370" i="10"/>
  <c r="L2370" i="10" s="1"/>
  <c r="J2362" i="10"/>
  <c r="L2362" i="10" s="1"/>
  <c r="J2354" i="10"/>
  <c r="L2354" i="10" s="1"/>
  <c r="J2346" i="10"/>
  <c r="L2346" i="10" s="1"/>
  <c r="J2338" i="10"/>
  <c r="L2338" i="10" s="1"/>
  <c r="J2330" i="10"/>
  <c r="L2330" i="10" s="1"/>
  <c r="J2322" i="10"/>
  <c r="L2322" i="10" s="1"/>
  <c r="J2314" i="10"/>
  <c r="L2314" i="10" s="1"/>
  <c r="J2306" i="10"/>
  <c r="L2306" i="10" s="1"/>
  <c r="J2298" i="10"/>
  <c r="L2298" i="10" s="1"/>
  <c r="J2290" i="10"/>
  <c r="L2290" i="10" s="1"/>
  <c r="J2282" i="10"/>
  <c r="L2282" i="10" s="1"/>
  <c r="J2274" i="10"/>
  <c r="L2274" i="10" s="1"/>
  <c r="J2266" i="10"/>
  <c r="L2266" i="10" s="1"/>
  <c r="J2258" i="10"/>
  <c r="L2258" i="10" s="1"/>
  <c r="J2250" i="10"/>
  <c r="L2250" i="10" s="1"/>
  <c r="J2242" i="10"/>
  <c r="L2242" i="10" s="1"/>
  <c r="J2234" i="10"/>
  <c r="L2234" i="10" s="1"/>
  <c r="J2226" i="10"/>
  <c r="L2226" i="10" s="1"/>
  <c r="J2218" i="10"/>
  <c r="L2218" i="10" s="1"/>
  <c r="J2210" i="10"/>
  <c r="L2210" i="10" s="1"/>
  <c r="J2202" i="10"/>
  <c r="L2202" i="10" s="1"/>
  <c r="J2194" i="10"/>
  <c r="L2194" i="10" s="1"/>
  <c r="J2186" i="10"/>
  <c r="L2186" i="10" s="1"/>
  <c r="J2178" i="10"/>
  <c r="L2178" i="10" s="1"/>
  <c r="J2170" i="10"/>
  <c r="L2170" i="10" s="1"/>
  <c r="J2162" i="10"/>
  <c r="L2162" i="10" s="1"/>
  <c r="J2154" i="10"/>
  <c r="L2154" i="10" s="1"/>
  <c r="J2146" i="10"/>
  <c r="L2146" i="10" s="1"/>
  <c r="J2138" i="10"/>
  <c r="L2138" i="10" s="1"/>
  <c r="J2130" i="10"/>
  <c r="L2130" i="10" s="1"/>
  <c r="J2122" i="10"/>
  <c r="L2122" i="10" s="1"/>
  <c r="J2114" i="10"/>
  <c r="L2114" i="10" s="1"/>
  <c r="J2106" i="10"/>
  <c r="L2106" i="10" s="1"/>
  <c r="J2098" i="10"/>
  <c r="L2098" i="10" s="1"/>
  <c r="J2090" i="10"/>
  <c r="L2090" i="10" s="1"/>
  <c r="J2082" i="10"/>
  <c r="L2082" i="10" s="1"/>
  <c r="J2074" i="10"/>
  <c r="L2074" i="10" s="1"/>
  <c r="J2066" i="10"/>
  <c r="L2066" i="10" s="1"/>
  <c r="J2058" i="10"/>
  <c r="L2058" i="10" s="1"/>
  <c r="J2050" i="10"/>
  <c r="L2050" i="10" s="1"/>
  <c r="J2042" i="10"/>
  <c r="L2042" i="10" s="1"/>
  <c r="J2034" i="10"/>
  <c r="L2034" i="10" s="1"/>
  <c r="J2026" i="10"/>
  <c r="L2026" i="10" s="1"/>
  <c r="J2018" i="10"/>
  <c r="L2018" i="10" s="1"/>
  <c r="J2010" i="10"/>
  <c r="L2010" i="10" s="1"/>
  <c r="J2002" i="10"/>
  <c r="L2002" i="10" s="1"/>
  <c r="J1994" i="10"/>
  <c r="L1994" i="10" s="1"/>
  <c r="J1986" i="10"/>
  <c r="L1986" i="10" s="1"/>
  <c r="J1978" i="10"/>
  <c r="L1978" i="10" s="1"/>
  <c r="J1970" i="10"/>
  <c r="L1970" i="10" s="1"/>
  <c r="J1962" i="10"/>
  <c r="L1962" i="10" s="1"/>
  <c r="J1954" i="10"/>
  <c r="L1954" i="10" s="1"/>
  <c r="J1946" i="10"/>
  <c r="L1946" i="10" s="1"/>
  <c r="J1938" i="10"/>
  <c r="L1938" i="10" s="1"/>
  <c r="J1930" i="10"/>
  <c r="L1930" i="10" s="1"/>
  <c r="J1922" i="10"/>
  <c r="L1922" i="10" s="1"/>
  <c r="J1914" i="10"/>
  <c r="L1914" i="10" s="1"/>
  <c r="J1906" i="10"/>
  <c r="L1906" i="10" s="1"/>
  <c r="J1898" i="10"/>
  <c r="L1898" i="10" s="1"/>
  <c r="J1890" i="10"/>
  <c r="L1890" i="10" s="1"/>
  <c r="J1882" i="10"/>
  <c r="L1882" i="10" s="1"/>
  <c r="J1874" i="10"/>
  <c r="L1874" i="10" s="1"/>
  <c r="J1866" i="10"/>
  <c r="L1866" i="10" s="1"/>
  <c r="J1858" i="10"/>
  <c r="L1858" i="10" s="1"/>
  <c r="J1850" i="10"/>
  <c r="L1850" i="10" s="1"/>
  <c r="J1842" i="10"/>
  <c r="L1842" i="10" s="1"/>
  <c r="J1834" i="10"/>
  <c r="L1834" i="10" s="1"/>
  <c r="J1826" i="10"/>
  <c r="L1826" i="10" s="1"/>
  <c r="J1818" i="10"/>
  <c r="L1818" i="10" s="1"/>
  <c r="J1810" i="10"/>
  <c r="L1810" i="10" s="1"/>
  <c r="J1802" i="10"/>
  <c r="L1802" i="10" s="1"/>
  <c r="J1794" i="10"/>
  <c r="L1794" i="10" s="1"/>
  <c r="J1786" i="10"/>
  <c r="L1786" i="10" s="1"/>
  <c r="J1778" i="10"/>
  <c r="L1778" i="10" s="1"/>
  <c r="J1770" i="10"/>
  <c r="L1770" i="10" s="1"/>
  <c r="J1762" i="10"/>
  <c r="L1762" i="10" s="1"/>
  <c r="J1754" i="10"/>
  <c r="L1754" i="10" s="1"/>
  <c r="J1746" i="10"/>
  <c r="L1746" i="10" s="1"/>
  <c r="J1738" i="10"/>
  <c r="L1738" i="10" s="1"/>
  <c r="J1730" i="10"/>
  <c r="L1730" i="10" s="1"/>
  <c r="J1722" i="10"/>
  <c r="L1722" i="10" s="1"/>
  <c r="J1714" i="10"/>
  <c r="L1714" i="10" s="1"/>
  <c r="J1706" i="10"/>
  <c r="L1706" i="10" s="1"/>
  <c r="J1698" i="10"/>
  <c r="L1698" i="10" s="1"/>
  <c r="J1690" i="10"/>
  <c r="L1690" i="10" s="1"/>
  <c r="J1682" i="10"/>
  <c r="L1682" i="10" s="1"/>
  <c r="J1674" i="10"/>
  <c r="L1674" i="10" s="1"/>
  <c r="J1666" i="10"/>
  <c r="L1666" i="10" s="1"/>
  <c r="J1658" i="10"/>
  <c r="L1658" i="10" s="1"/>
  <c r="J1650" i="10"/>
  <c r="L1650" i="10" s="1"/>
  <c r="J1642" i="10"/>
  <c r="L1642" i="10" s="1"/>
  <c r="J1634" i="10"/>
  <c r="L1634" i="10" s="1"/>
  <c r="J1626" i="10"/>
  <c r="L1626" i="10" s="1"/>
  <c r="J1618" i="10"/>
  <c r="L1618" i="10" s="1"/>
  <c r="J1610" i="10"/>
  <c r="L1610" i="10" s="1"/>
  <c r="J1602" i="10"/>
  <c r="L1602" i="10" s="1"/>
  <c r="J1594" i="10"/>
  <c r="L1594" i="10" s="1"/>
  <c r="J1586" i="10"/>
  <c r="L1586" i="10" s="1"/>
  <c r="J1578" i="10"/>
  <c r="L1578" i="10" s="1"/>
  <c r="J1570" i="10"/>
  <c r="L1570" i="10" s="1"/>
  <c r="J1562" i="10"/>
  <c r="L1562" i="10" s="1"/>
  <c r="J1554" i="10"/>
  <c r="L1554" i="10" s="1"/>
  <c r="J1546" i="10"/>
  <c r="L1546" i="10" s="1"/>
  <c r="J1538" i="10"/>
  <c r="L1538" i="10" s="1"/>
  <c r="J1530" i="10"/>
  <c r="L1530" i="10" s="1"/>
  <c r="J1522" i="10"/>
  <c r="L1522" i="10" s="1"/>
  <c r="J1514" i="10"/>
  <c r="L1514" i="10" s="1"/>
  <c r="J1506" i="10"/>
  <c r="L1506" i="10" s="1"/>
  <c r="J1498" i="10"/>
  <c r="L1498" i="10" s="1"/>
  <c r="J1490" i="10"/>
  <c r="L1490" i="10" s="1"/>
  <c r="J1482" i="10"/>
  <c r="L1482" i="10" s="1"/>
  <c r="J1474" i="10"/>
  <c r="L1474" i="10" s="1"/>
  <c r="J1466" i="10"/>
  <c r="L1466" i="10" s="1"/>
  <c r="J1458" i="10"/>
  <c r="L1458" i="10" s="1"/>
  <c r="J1450" i="10"/>
  <c r="L1450" i="10" s="1"/>
  <c r="J1442" i="10"/>
  <c r="L1442" i="10" s="1"/>
  <c r="J1434" i="10"/>
  <c r="L1434" i="10" s="1"/>
  <c r="J1426" i="10"/>
  <c r="L1426" i="10" s="1"/>
  <c r="J1418" i="10"/>
  <c r="L1418" i="10" s="1"/>
  <c r="J1410" i="10"/>
  <c r="L1410" i="10" s="1"/>
  <c r="J1402" i="10"/>
  <c r="L1402" i="10" s="1"/>
  <c r="J1394" i="10"/>
  <c r="L1394" i="10" s="1"/>
  <c r="J1386" i="10"/>
  <c r="L1386" i="10" s="1"/>
  <c r="J1378" i="10"/>
  <c r="L1378" i="10" s="1"/>
  <c r="J1370" i="10"/>
  <c r="L1370" i="10" s="1"/>
  <c r="J1362" i="10"/>
  <c r="L1362" i="10" s="1"/>
  <c r="J1354" i="10"/>
  <c r="L1354" i="10" s="1"/>
  <c r="J1346" i="10"/>
  <c r="L1346" i="10" s="1"/>
  <c r="J1338" i="10"/>
  <c r="L1338" i="10" s="1"/>
  <c r="J1330" i="10"/>
  <c r="L1330" i="10" s="1"/>
  <c r="J1322" i="10"/>
  <c r="L1322" i="10" s="1"/>
  <c r="J1314" i="10"/>
  <c r="L1314" i="10" s="1"/>
  <c r="J1306" i="10"/>
  <c r="L1306" i="10" s="1"/>
  <c r="J1298" i="10"/>
  <c r="L1298" i="10" s="1"/>
  <c r="J1290" i="10"/>
  <c r="L1290" i="10" s="1"/>
  <c r="J1282" i="10"/>
  <c r="L1282" i="10" s="1"/>
  <c r="J1274" i="10"/>
  <c r="L1274" i="10" s="1"/>
  <c r="J1266" i="10"/>
  <c r="L1266" i="10" s="1"/>
  <c r="J1258" i="10"/>
  <c r="L1258" i="10" s="1"/>
  <c r="J1250" i="10"/>
  <c r="L1250" i="10" s="1"/>
  <c r="J1242" i="10"/>
  <c r="L1242" i="10" s="1"/>
  <c r="J1234" i="10"/>
  <c r="L1234" i="10" s="1"/>
  <c r="J1226" i="10"/>
  <c r="L1226" i="10" s="1"/>
  <c r="J1218" i="10"/>
  <c r="L1218" i="10" s="1"/>
  <c r="J1210" i="10"/>
  <c r="L1210" i="10" s="1"/>
  <c r="J1202" i="10"/>
  <c r="L1202" i="10" s="1"/>
  <c r="J1194" i="10"/>
  <c r="L1194" i="10" s="1"/>
  <c r="J1186" i="10"/>
  <c r="L1186" i="10" s="1"/>
  <c r="J1178" i="10"/>
  <c r="L1178" i="10" s="1"/>
  <c r="J1170" i="10"/>
  <c r="L1170" i="10" s="1"/>
  <c r="J1162" i="10"/>
  <c r="L1162" i="10" s="1"/>
  <c r="J1154" i="10"/>
  <c r="L1154" i="10" s="1"/>
  <c r="J1146" i="10"/>
  <c r="L1146" i="10" s="1"/>
  <c r="J1138" i="10"/>
  <c r="L1138" i="10" s="1"/>
  <c r="J1130" i="10"/>
  <c r="L1130" i="10" s="1"/>
  <c r="J1122" i="10"/>
  <c r="L1122" i="10" s="1"/>
  <c r="J1114" i="10"/>
  <c r="L1114" i="10" s="1"/>
  <c r="J1106" i="10"/>
  <c r="L1106" i="10" s="1"/>
  <c r="J1098" i="10"/>
  <c r="L1098" i="10" s="1"/>
  <c r="J1090" i="10"/>
  <c r="L1090" i="10" s="1"/>
  <c r="J1082" i="10"/>
  <c r="L1082" i="10" s="1"/>
  <c r="J1074" i="10"/>
  <c r="L1074" i="10" s="1"/>
  <c r="J1066" i="10"/>
  <c r="L1066" i="10" s="1"/>
  <c r="J1058" i="10"/>
  <c r="L1058" i="10" s="1"/>
  <c r="J1050" i="10"/>
  <c r="L1050" i="10" s="1"/>
  <c r="J1042" i="10"/>
  <c r="L1042" i="10" s="1"/>
  <c r="J1034" i="10"/>
  <c r="L1034" i="10" s="1"/>
  <c r="J1026" i="10"/>
  <c r="L1026" i="10" s="1"/>
  <c r="J1018" i="10"/>
  <c r="L1018" i="10" s="1"/>
  <c r="J1010" i="10"/>
  <c r="L1010" i="10" s="1"/>
  <c r="J1002" i="10"/>
  <c r="L1002" i="10" s="1"/>
  <c r="J994" i="10"/>
  <c r="L994" i="10" s="1"/>
  <c r="J986" i="10"/>
  <c r="L986" i="10" s="1"/>
  <c r="J978" i="10"/>
  <c r="L978" i="10" s="1"/>
  <c r="J970" i="10"/>
  <c r="L970" i="10" s="1"/>
  <c r="J962" i="10"/>
  <c r="L962" i="10" s="1"/>
  <c r="J954" i="10"/>
  <c r="L954" i="10" s="1"/>
  <c r="J946" i="10"/>
  <c r="L946" i="10" s="1"/>
  <c r="J938" i="10"/>
  <c r="L938" i="10" s="1"/>
  <c r="J930" i="10"/>
  <c r="L930" i="10" s="1"/>
  <c r="J922" i="10"/>
  <c r="L922" i="10" s="1"/>
  <c r="J914" i="10"/>
  <c r="L914" i="10" s="1"/>
  <c r="J906" i="10"/>
  <c r="L906" i="10" s="1"/>
  <c r="J898" i="10"/>
  <c r="L898" i="10" s="1"/>
  <c r="J890" i="10"/>
  <c r="L890" i="10" s="1"/>
  <c r="J882" i="10"/>
  <c r="L882" i="10" s="1"/>
  <c r="J874" i="10"/>
  <c r="L874" i="10" s="1"/>
  <c r="J866" i="10"/>
  <c r="L866" i="10" s="1"/>
  <c r="J858" i="10"/>
  <c r="L858" i="10" s="1"/>
  <c r="J850" i="10"/>
  <c r="L850" i="10" s="1"/>
  <c r="J842" i="10"/>
  <c r="L842" i="10" s="1"/>
  <c r="J834" i="10"/>
  <c r="L834" i="10" s="1"/>
  <c r="J826" i="10"/>
  <c r="L826" i="10" s="1"/>
  <c r="J818" i="10"/>
  <c r="L818" i="10" s="1"/>
  <c r="J810" i="10"/>
  <c r="L810" i="10" s="1"/>
  <c r="J802" i="10"/>
  <c r="L802" i="10" s="1"/>
  <c r="J794" i="10"/>
  <c r="L794" i="10" s="1"/>
  <c r="J786" i="10"/>
  <c r="L786" i="10" s="1"/>
  <c r="J778" i="10"/>
  <c r="L778" i="10" s="1"/>
  <c r="J770" i="10"/>
  <c r="L770" i="10" s="1"/>
  <c r="J762" i="10"/>
  <c r="L762" i="10" s="1"/>
  <c r="J754" i="10"/>
  <c r="L754" i="10" s="1"/>
  <c r="J746" i="10"/>
  <c r="L746" i="10" s="1"/>
  <c r="J738" i="10"/>
  <c r="L738" i="10" s="1"/>
  <c r="J730" i="10"/>
  <c r="L730" i="10" s="1"/>
  <c r="J722" i="10"/>
  <c r="L722" i="10" s="1"/>
  <c r="J714" i="10"/>
  <c r="L714" i="10" s="1"/>
  <c r="J706" i="10"/>
  <c r="L706" i="10" s="1"/>
  <c r="J698" i="10"/>
  <c r="L698" i="10" s="1"/>
  <c r="J690" i="10"/>
  <c r="L690" i="10" s="1"/>
  <c r="J682" i="10"/>
  <c r="L682" i="10" s="1"/>
  <c r="J674" i="10"/>
  <c r="L674" i="10" s="1"/>
  <c r="J666" i="10"/>
  <c r="L666" i="10" s="1"/>
  <c r="J658" i="10"/>
  <c r="L658" i="10" s="1"/>
  <c r="J650" i="10"/>
  <c r="L650" i="10" s="1"/>
  <c r="J642" i="10"/>
  <c r="L642" i="10" s="1"/>
  <c r="J634" i="10"/>
  <c r="L634" i="10" s="1"/>
  <c r="J626" i="10"/>
  <c r="L626" i="10" s="1"/>
  <c r="J618" i="10"/>
  <c r="L618" i="10" s="1"/>
  <c r="J610" i="10"/>
  <c r="L610" i="10" s="1"/>
  <c r="J602" i="10"/>
  <c r="L602" i="10" s="1"/>
  <c r="J594" i="10"/>
  <c r="L594" i="10" s="1"/>
  <c r="J586" i="10"/>
  <c r="L586" i="10" s="1"/>
  <c r="J578" i="10"/>
  <c r="L578" i="10" s="1"/>
  <c r="J570" i="10"/>
  <c r="L570" i="10" s="1"/>
  <c r="J562" i="10"/>
  <c r="L562" i="10" s="1"/>
  <c r="J554" i="10"/>
  <c r="L554" i="10" s="1"/>
  <c r="J546" i="10"/>
  <c r="L546" i="10" s="1"/>
  <c r="J538" i="10"/>
  <c r="L538" i="10" s="1"/>
  <c r="J530" i="10"/>
  <c r="L530" i="10" s="1"/>
  <c r="J522" i="10"/>
  <c r="L522" i="10" s="1"/>
  <c r="J514" i="10"/>
  <c r="L514" i="10" s="1"/>
  <c r="J506" i="10"/>
  <c r="L506" i="10" s="1"/>
  <c r="J498" i="10"/>
  <c r="L498" i="10" s="1"/>
  <c r="J490" i="10"/>
  <c r="L490" i="10" s="1"/>
  <c r="J482" i="10"/>
  <c r="L482" i="10" s="1"/>
  <c r="J474" i="10"/>
  <c r="L474" i="10" s="1"/>
  <c r="J466" i="10"/>
  <c r="L466" i="10" s="1"/>
  <c r="J458" i="10"/>
  <c r="L458" i="10" s="1"/>
  <c r="J450" i="10"/>
  <c r="L450" i="10" s="1"/>
  <c r="J442" i="10"/>
  <c r="L442" i="10" s="1"/>
  <c r="J434" i="10"/>
  <c r="L434" i="10" s="1"/>
  <c r="J426" i="10"/>
  <c r="L426" i="10" s="1"/>
  <c r="J418" i="10"/>
  <c r="L418" i="10" s="1"/>
  <c r="J410" i="10"/>
  <c r="L410" i="10" s="1"/>
  <c r="J402" i="10"/>
  <c r="L402" i="10" s="1"/>
  <c r="J394" i="10"/>
  <c r="L394" i="10" s="1"/>
  <c r="J386" i="10"/>
  <c r="L386" i="10" s="1"/>
  <c r="J378" i="10"/>
  <c r="L378" i="10" s="1"/>
  <c r="J370" i="10"/>
  <c r="L370" i="10" s="1"/>
  <c r="J362" i="10"/>
  <c r="L362" i="10" s="1"/>
  <c r="J354" i="10"/>
  <c r="L354" i="10" s="1"/>
  <c r="J346" i="10"/>
  <c r="L346" i="10" s="1"/>
  <c r="J338" i="10"/>
  <c r="L338" i="10" s="1"/>
  <c r="J330" i="10"/>
  <c r="L330" i="10" s="1"/>
  <c r="J322" i="10"/>
  <c r="L322" i="10" s="1"/>
  <c r="J314" i="10"/>
  <c r="L314" i="10" s="1"/>
  <c r="J306" i="10"/>
  <c r="L306" i="10" s="1"/>
  <c r="J298" i="10"/>
  <c r="L298" i="10" s="1"/>
  <c r="J290" i="10"/>
  <c r="L290" i="10" s="1"/>
  <c r="J282" i="10"/>
  <c r="L282" i="10" s="1"/>
  <c r="J274" i="10"/>
  <c r="L274" i="10" s="1"/>
  <c r="J266" i="10"/>
  <c r="L266" i="10" s="1"/>
  <c r="J258" i="10"/>
  <c r="L258" i="10" s="1"/>
  <c r="J250" i="10"/>
  <c r="L250" i="10" s="1"/>
  <c r="J242" i="10"/>
  <c r="L242" i="10" s="1"/>
  <c r="J234" i="10"/>
  <c r="L234" i="10" s="1"/>
  <c r="J226" i="10"/>
  <c r="L226" i="10" s="1"/>
  <c r="J218" i="10"/>
  <c r="L218" i="10" s="1"/>
  <c r="J210" i="10"/>
  <c r="L210" i="10" s="1"/>
  <c r="J202" i="10"/>
  <c r="L202" i="10" s="1"/>
  <c r="J194" i="10"/>
  <c r="L194" i="10" s="1"/>
  <c r="J186" i="10"/>
  <c r="L186" i="10" s="1"/>
  <c r="J178" i="10"/>
  <c r="L178" i="10" s="1"/>
  <c r="J170" i="10"/>
  <c r="L170" i="10" s="1"/>
  <c r="J162" i="10"/>
  <c r="L162" i="10" s="1"/>
  <c r="J154" i="10"/>
  <c r="L154" i="10" s="1"/>
  <c r="J146" i="10"/>
  <c r="L146" i="10" s="1"/>
  <c r="G27" i="22"/>
  <c r="J138" i="10"/>
  <c r="J130" i="10"/>
  <c r="L130" i="10" s="1"/>
  <c r="J122" i="10"/>
  <c r="L122" i="10" s="1"/>
  <c r="J114" i="10"/>
  <c r="L114" i="10" s="1"/>
  <c r="J106" i="10"/>
  <c r="L106" i="10" s="1"/>
  <c r="J98" i="10"/>
  <c r="L98" i="10" s="1"/>
  <c r="J90" i="10"/>
  <c r="L90" i="10" s="1"/>
  <c r="J82" i="10"/>
  <c r="L82" i="10" s="1"/>
  <c r="J74" i="10"/>
  <c r="L74" i="10" s="1"/>
  <c r="J66" i="10"/>
  <c r="L66" i="10" s="1"/>
  <c r="J58" i="10"/>
  <c r="L58" i="10" s="1"/>
  <c r="J50" i="10"/>
  <c r="L50" i="10" s="1"/>
  <c r="J42" i="10"/>
  <c r="L42" i="10" s="1"/>
  <c r="J34" i="10"/>
  <c r="L34" i="10" s="1"/>
  <c r="J26" i="10"/>
  <c r="L26" i="10" s="1"/>
  <c r="J18" i="10"/>
  <c r="L18" i="10" s="1"/>
  <c r="J4889" i="10"/>
  <c r="L4889" i="10" s="1"/>
  <c r="J4881" i="10"/>
  <c r="L4881" i="10" s="1"/>
  <c r="J4873" i="10"/>
  <c r="L4873" i="10" s="1"/>
  <c r="J4865" i="10"/>
  <c r="L4865" i="10" s="1"/>
  <c r="J4857" i="10"/>
  <c r="L4857" i="10" s="1"/>
  <c r="J4849" i="10"/>
  <c r="L4849" i="10" s="1"/>
  <c r="J4841" i="10"/>
  <c r="L4841" i="10" s="1"/>
  <c r="J4833" i="10"/>
  <c r="L4833" i="10" s="1"/>
  <c r="J4825" i="10"/>
  <c r="L4825" i="10" s="1"/>
  <c r="J4817" i="10"/>
  <c r="L4817" i="10" s="1"/>
  <c r="J4809" i="10"/>
  <c r="L4809" i="10" s="1"/>
  <c r="J4801" i="10"/>
  <c r="L4801" i="10" s="1"/>
  <c r="J4793" i="10"/>
  <c r="L4793" i="10" s="1"/>
  <c r="J4785" i="10"/>
  <c r="L4785" i="10" s="1"/>
  <c r="J4777" i="10"/>
  <c r="L4777" i="10" s="1"/>
  <c r="J4769" i="10"/>
  <c r="L4769" i="10" s="1"/>
  <c r="J4761" i="10"/>
  <c r="L4761" i="10" s="1"/>
  <c r="J4753" i="10"/>
  <c r="L4753" i="10" s="1"/>
  <c r="J4745" i="10"/>
  <c r="L4745" i="10" s="1"/>
  <c r="J4737" i="10"/>
  <c r="L4737" i="10" s="1"/>
  <c r="J4729" i="10"/>
  <c r="L4729" i="10" s="1"/>
  <c r="J4721" i="10"/>
  <c r="L4721" i="10" s="1"/>
  <c r="J4713" i="10"/>
  <c r="L4713" i="10" s="1"/>
  <c r="J4705" i="10"/>
  <c r="L4705" i="10" s="1"/>
  <c r="J4697" i="10"/>
  <c r="L4697" i="10" s="1"/>
  <c r="J4689" i="10"/>
  <c r="L4689" i="10" s="1"/>
  <c r="J4681" i="10"/>
  <c r="L4681" i="10" s="1"/>
  <c r="J4673" i="10"/>
  <c r="L4673" i="10" s="1"/>
  <c r="J4665" i="10"/>
  <c r="L4665" i="10" s="1"/>
  <c r="J4657" i="10"/>
  <c r="L4657" i="10" s="1"/>
  <c r="J4649" i="10"/>
  <c r="L4649" i="10" s="1"/>
  <c r="J4641" i="10"/>
  <c r="L4641" i="10" s="1"/>
  <c r="J4633" i="10"/>
  <c r="L4633" i="10" s="1"/>
  <c r="J4625" i="10"/>
  <c r="L4625" i="10" s="1"/>
  <c r="J4617" i="10"/>
  <c r="L4617" i="10" s="1"/>
  <c r="J4609" i="10"/>
  <c r="L4609" i="10" s="1"/>
  <c r="J4601" i="10"/>
  <c r="L4601" i="10" s="1"/>
  <c r="J4593" i="10"/>
  <c r="L4593" i="10" s="1"/>
  <c r="J4585" i="10"/>
  <c r="L4585" i="10" s="1"/>
  <c r="J4577" i="10"/>
  <c r="L4577" i="10" s="1"/>
  <c r="J4569" i="10"/>
  <c r="L4569" i="10" s="1"/>
  <c r="J4561" i="10"/>
  <c r="L4561" i="10" s="1"/>
  <c r="J4553" i="10"/>
  <c r="L4553" i="10" s="1"/>
  <c r="J4545" i="10"/>
  <c r="L4545" i="10" s="1"/>
  <c r="J4537" i="10"/>
  <c r="L4537" i="10" s="1"/>
  <c r="J4529" i="10"/>
  <c r="L4529" i="10" s="1"/>
  <c r="J4521" i="10"/>
  <c r="L4521" i="10" s="1"/>
  <c r="J4513" i="10"/>
  <c r="L4513" i="10" s="1"/>
  <c r="J4505" i="10"/>
  <c r="L4505" i="10" s="1"/>
  <c r="J4497" i="10"/>
  <c r="L4497" i="10" s="1"/>
  <c r="J4489" i="10"/>
  <c r="L4489" i="10" s="1"/>
  <c r="J4481" i="10"/>
  <c r="L4481" i="10" s="1"/>
  <c r="J4473" i="10"/>
  <c r="L4473" i="10" s="1"/>
  <c r="J4465" i="10"/>
  <c r="L4465" i="10" s="1"/>
  <c r="J4457" i="10"/>
  <c r="L4457" i="10" s="1"/>
  <c r="J4449" i="10"/>
  <c r="L4449" i="10" s="1"/>
  <c r="J4441" i="10"/>
  <c r="L4441" i="10" s="1"/>
  <c r="J4433" i="10"/>
  <c r="L4433" i="10" s="1"/>
  <c r="J4425" i="10"/>
  <c r="L4425" i="10" s="1"/>
  <c r="J4417" i="10"/>
  <c r="L4417" i="10" s="1"/>
  <c r="J4409" i="10"/>
  <c r="L4409" i="10" s="1"/>
  <c r="J4401" i="10"/>
  <c r="L4401" i="10" s="1"/>
  <c r="J4393" i="10"/>
  <c r="L4393" i="10" s="1"/>
  <c r="J4385" i="10"/>
  <c r="L4385" i="10" s="1"/>
  <c r="J4377" i="10"/>
  <c r="L4377" i="10" s="1"/>
  <c r="J4369" i="10"/>
  <c r="L4369" i="10" s="1"/>
  <c r="J4361" i="10"/>
  <c r="L4361" i="10" s="1"/>
  <c r="J4353" i="10"/>
  <c r="L4353" i="10" s="1"/>
  <c r="J4345" i="10"/>
  <c r="L4345" i="10" s="1"/>
  <c r="J4337" i="10"/>
  <c r="L4337" i="10" s="1"/>
  <c r="J4329" i="10"/>
  <c r="L4329" i="10" s="1"/>
  <c r="J4321" i="10"/>
  <c r="L4321" i="10" s="1"/>
  <c r="J4313" i="10"/>
  <c r="L4313" i="10" s="1"/>
  <c r="J4305" i="10"/>
  <c r="L4305" i="10" s="1"/>
  <c r="J4297" i="10"/>
  <c r="L4297" i="10" s="1"/>
  <c r="J4289" i="10"/>
  <c r="L4289" i="10" s="1"/>
  <c r="J4281" i="10"/>
  <c r="L4281" i="10" s="1"/>
  <c r="J4273" i="10"/>
  <c r="L4273" i="10" s="1"/>
  <c r="J4265" i="10"/>
  <c r="L4265" i="10" s="1"/>
  <c r="J4257" i="10"/>
  <c r="L4257" i="10" s="1"/>
  <c r="J4249" i="10"/>
  <c r="L4249" i="10" s="1"/>
  <c r="J4241" i="10"/>
  <c r="L4241" i="10" s="1"/>
  <c r="J4233" i="10"/>
  <c r="L4233" i="10" s="1"/>
  <c r="J4225" i="10"/>
  <c r="L4225" i="10" s="1"/>
  <c r="J4217" i="10"/>
  <c r="L4217" i="10" s="1"/>
  <c r="J4209" i="10"/>
  <c r="L4209" i="10" s="1"/>
  <c r="J4201" i="10"/>
  <c r="L4201" i="10" s="1"/>
  <c r="J4193" i="10"/>
  <c r="L4193" i="10" s="1"/>
  <c r="J4185" i="10"/>
  <c r="L4185" i="10" s="1"/>
  <c r="J4177" i="10"/>
  <c r="L4177" i="10" s="1"/>
  <c r="J4169" i="10"/>
  <c r="L4169" i="10" s="1"/>
  <c r="J4161" i="10"/>
  <c r="L4161" i="10" s="1"/>
  <c r="J4153" i="10"/>
  <c r="L4153" i="10" s="1"/>
  <c r="J4145" i="10"/>
  <c r="L4145" i="10" s="1"/>
  <c r="J4137" i="10"/>
  <c r="L4137" i="10" s="1"/>
  <c r="J4129" i="10"/>
  <c r="L4129" i="10" s="1"/>
  <c r="J4121" i="10"/>
  <c r="L4121" i="10" s="1"/>
  <c r="J4113" i="10"/>
  <c r="L4113" i="10" s="1"/>
  <c r="J4105" i="10"/>
  <c r="L4105" i="10" s="1"/>
  <c r="J4097" i="10"/>
  <c r="L4097" i="10" s="1"/>
  <c r="J4089" i="10"/>
  <c r="L4089" i="10" s="1"/>
  <c r="J4081" i="10"/>
  <c r="L4081" i="10" s="1"/>
  <c r="J4073" i="10"/>
  <c r="L4073" i="10" s="1"/>
  <c r="J4065" i="10"/>
  <c r="L4065" i="10" s="1"/>
  <c r="J4057" i="10"/>
  <c r="L4057" i="10" s="1"/>
  <c r="J4049" i="10"/>
  <c r="L4049" i="10" s="1"/>
  <c r="J4041" i="10"/>
  <c r="L4041" i="10" s="1"/>
  <c r="J4033" i="10"/>
  <c r="L4033" i="10" s="1"/>
  <c r="J4025" i="10"/>
  <c r="L4025" i="10" s="1"/>
  <c r="J4017" i="10"/>
  <c r="L4017" i="10" s="1"/>
  <c r="J4009" i="10"/>
  <c r="L4009" i="10" s="1"/>
  <c r="J4001" i="10"/>
  <c r="L4001" i="10" s="1"/>
  <c r="J3993" i="10"/>
  <c r="L3993" i="10" s="1"/>
  <c r="J3985" i="10"/>
  <c r="L3985" i="10" s="1"/>
  <c r="J3977" i="10"/>
  <c r="L3977" i="10" s="1"/>
  <c r="J3969" i="10"/>
  <c r="L3969" i="10" s="1"/>
  <c r="J3961" i="10"/>
  <c r="L3961" i="10" s="1"/>
  <c r="J3953" i="10"/>
  <c r="L3953" i="10" s="1"/>
  <c r="J3945" i="10"/>
  <c r="L3945" i="10" s="1"/>
  <c r="J3937" i="10"/>
  <c r="L3937" i="10" s="1"/>
  <c r="J3929" i="10"/>
  <c r="L3929" i="10" s="1"/>
  <c r="J3921" i="10"/>
  <c r="L3921" i="10" s="1"/>
  <c r="J3913" i="10"/>
  <c r="L3913" i="10" s="1"/>
  <c r="J3905" i="10"/>
  <c r="L3905" i="10" s="1"/>
  <c r="J3897" i="10"/>
  <c r="L3897" i="10" s="1"/>
  <c r="J3889" i="10"/>
  <c r="L3889" i="10" s="1"/>
  <c r="J3881" i="10"/>
  <c r="L3881" i="10" s="1"/>
  <c r="J3873" i="10"/>
  <c r="L3873" i="10" s="1"/>
  <c r="J3865" i="10"/>
  <c r="L3865" i="10" s="1"/>
  <c r="J3857" i="10"/>
  <c r="L3857" i="10" s="1"/>
  <c r="J3849" i="10"/>
  <c r="L3849" i="10" s="1"/>
  <c r="J3841" i="10"/>
  <c r="L3841" i="10" s="1"/>
  <c r="J3833" i="10"/>
  <c r="L3833" i="10" s="1"/>
  <c r="J3825" i="10"/>
  <c r="L3825" i="10" s="1"/>
  <c r="J3817" i="10"/>
  <c r="L3817" i="10" s="1"/>
  <c r="J3809" i="10"/>
  <c r="L3809" i="10" s="1"/>
  <c r="J3801" i="10"/>
  <c r="L3801" i="10" s="1"/>
  <c r="J3793" i="10"/>
  <c r="L3793" i="10" s="1"/>
  <c r="J3785" i="10"/>
  <c r="L3785" i="10" s="1"/>
  <c r="J3777" i="10"/>
  <c r="L3777" i="10" s="1"/>
  <c r="J3769" i="10"/>
  <c r="L3769" i="10" s="1"/>
  <c r="J3761" i="10"/>
  <c r="L3761" i="10" s="1"/>
  <c r="J3753" i="10"/>
  <c r="L3753" i="10" s="1"/>
  <c r="J3745" i="10"/>
  <c r="L3745" i="10" s="1"/>
  <c r="J3737" i="10"/>
  <c r="L3737" i="10" s="1"/>
  <c r="J3729" i="10"/>
  <c r="L3729" i="10" s="1"/>
  <c r="J3721" i="10"/>
  <c r="L3721" i="10" s="1"/>
  <c r="J3713" i="10"/>
  <c r="L3713" i="10" s="1"/>
  <c r="J3705" i="10"/>
  <c r="L3705" i="10" s="1"/>
  <c r="J3697" i="10"/>
  <c r="L3697" i="10" s="1"/>
  <c r="J3689" i="10"/>
  <c r="L3689" i="10" s="1"/>
  <c r="J3681" i="10"/>
  <c r="L3681" i="10" s="1"/>
  <c r="J3673" i="10"/>
  <c r="L3673" i="10" s="1"/>
  <c r="J3665" i="10"/>
  <c r="L3665" i="10" s="1"/>
  <c r="J3657" i="10"/>
  <c r="L3657" i="10" s="1"/>
  <c r="J3649" i="10"/>
  <c r="L3649" i="10" s="1"/>
  <c r="J3641" i="10"/>
  <c r="L3641" i="10" s="1"/>
  <c r="J3633" i="10"/>
  <c r="L3633" i="10" s="1"/>
  <c r="J3625" i="10"/>
  <c r="L3625" i="10" s="1"/>
  <c r="J3617" i="10"/>
  <c r="L3617" i="10" s="1"/>
  <c r="J3609" i="10"/>
  <c r="L3609" i="10" s="1"/>
  <c r="J3601" i="10"/>
  <c r="L3601" i="10" s="1"/>
  <c r="J3593" i="10"/>
  <c r="L3593" i="10" s="1"/>
  <c r="J3585" i="10"/>
  <c r="L3585" i="10" s="1"/>
  <c r="J3577" i="10"/>
  <c r="L3577" i="10" s="1"/>
  <c r="J3569" i="10"/>
  <c r="L3569" i="10" s="1"/>
  <c r="J3561" i="10"/>
  <c r="L3561" i="10" s="1"/>
  <c r="J3553" i="10"/>
  <c r="L3553" i="10" s="1"/>
  <c r="J3545" i="10"/>
  <c r="L3545" i="10" s="1"/>
  <c r="J3537" i="10"/>
  <c r="L3537" i="10" s="1"/>
  <c r="J3529" i="10"/>
  <c r="L3529" i="10" s="1"/>
  <c r="J3521" i="10"/>
  <c r="L3521" i="10" s="1"/>
  <c r="J3513" i="10"/>
  <c r="L3513" i="10" s="1"/>
  <c r="J3505" i="10"/>
  <c r="L3505" i="10" s="1"/>
  <c r="J3497" i="10"/>
  <c r="L3497" i="10" s="1"/>
  <c r="J3489" i="10"/>
  <c r="L3489" i="10" s="1"/>
  <c r="J3481" i="10"/>
  <c r="L3481" i="10" s="1"/>
  <c r="J3473" i="10"/>
  <c r="L3473" i="10" s="1"/>
  <c r="J3465" i="10"/>
  <c r="L3465" i="10" s="1"/>
  <c r="J3457" i="10"/>
  <c r="L3457" i="10" s="1"/>
  <c r="J3449" i="10"/>
  <c r="L3449" i="10" s="1"/>
  <c r="J3441" i="10"/>
  <c r="L3441" i="10" s="1"/>
  <c r="J3433" i="10"/>
  <c r="L3433" i="10" s="1"/>
  <c r="J3425" i="10"/>
  <c r="L3425" i="10" s="1"/>
  <c r="J3417" i="10"/>
  <c r="L3417" i="10" s="1"/>
  <c r="J3409" i="10"/>
  <c r="L3409" i="10" s="1"/>
  <c r="J3401" i="10"/>
  <c r="L3401" i="10" s="1"/>
  <c r="J3393" i="10"/>
  <c r="L3393" i="10" s="1"/>
  <c r="J3385" i="10"/>
  <c r="L3385" i="10" s="1"/>
  <c r="J3377" i="10"/>
  <c r="L3377" i="10" s="1"/>
  <c r="J3369" i="10"/>
  <c r="L3369" i="10" s="1"/>
  <c r="J3361" i="10"/>
  <c r="L3361" i="10" s="1"/>
  <c r="J3353" i="10"/>
  <c r="L3353" i="10" s="1"/>
  <c r="J3345" i="10"/>
  <c r="L3345" i="10" s="1"/>
  <c r="J3337" i="10"/>
  <c r="L3337" i="10" s="1"/>
  <c r="J3329" i="10"/>
  <c r="L3329" i="10" s="1"/>
  <c r="J3321" i="10"/>
  <c r="L3321" i="10" s="1"/>
  <c r="J3313" i="10"/>
  <c r="L3313" i="10" s="1"/>
  <c r="J3305" i="10"/>
  <c r="L3305" i="10" s="1"/>
  <c r="J3297" i="10"/>
  <c r="L3297" i="10" s="1"/>
  <c r="J3289" i="10"/>
  <c r="L3289" i="10" s="1"/>
  <c r="J3281" i="10"/>
  <c r="L3281" i="10" s="1"/>
  <c r="J3273" i="10"/>
  <c r="L3273" i="10" s="1"/>
  <c r="J3265" i="10"/>
  <c r="L3265" i="10" s="1"/>
  <c r="J3257" i="10"/>
  <c r="L3257" i="10" s="1"/>
  <c r="J3249" i="10"/>
  <c r="L3249" i="10" s="1"/>
  <c r="J3241" i="10"/>
  <c r="L3241" i="10" s="1"/>
  <c r="J3233" i="10"/>
  <c r="L3233" i="10" s="1"/>
  <c r="J3225" i="10"/>
  <c r="L3225" i="10" s="1"/>
  <c r="J3217" i="10"/>
  <c r="L3217" i="10" s="1"/>
  <c r="J3209" i="10"/>
  <c r="L3209" i="10" s="1"/>
  <c r="J3201" i="10"/>
  <c r="L3201" i="10" s="1"/>
  <c r="J3193" i="10"/>
  <c r="L3193" i="10" s="1"/>
  <c r="J3185" i="10"/>
  <c r="L3185" i="10" s="1"/>
  <c r="J3177" i="10"/>
  <c r="L3177" i="10" s="1"/>
  <c r="J3169" i="10"/>
  <c r="L3169" i="10" s="1"/>
  <c r="J3161" i="10"/>
  <c r="L3161" i="10" s="1"/>
  <c r="J3153" i="10"/>
  <c r="L3153" i="10" s="1"/>
  <c r="J3145" i="10"/>
  <c r="L3145" i="10" s="1"/>
  <c r="J3137" i="10"/>
  <c r="L3137" i="10" s="1"/>
  <c r="J3129" i="10"/>
  <c r="L3129" i="10" s="1"/>
  <c r="J3121" i="10"/>
  <c r="L3121" i="10" s="1"/>
  <c r="J3113" i="10"/>
  <c r="L3113" i="10" s="1"/>
  <c r="J3105" i="10"/>
  <c r="L3105" i="10" s="1"/>
  <c r="J3097" i="10"/>
  <c r="L3097" i="10" s="1"/>
  <c r="J3089" i="10"/>
  <c r="L3089" i="10" s="1"/>
  <c r="J3081" i="10"/>
  <c r="L3081" i="10" s="1"/>
  <c r="J3073" i="10"/>
  <c r="L3073" i="10" s="1"/>
  <c r="J3065" i="10"/>
  <c r="L3065" i="10" s="1"/>
  <c r="J3057" i="10"/>
  <c r="L3057" i="10" s="1"/>
  <c r="J3049" i="10"/>
  <c r="L3049" i="10" s="1"/>
  <c r="J3041" i="10"/>
  <c r="L3041" i="10" s="1"/>
  <c r="J3033" i="10"/>
  <c r="L3033" i="10" s="1"/>
  <c r="J3025" i="10"/>
  <c r="L3025" i="10" s="1"/>
  <c r="J3017" i="10"/>
  <c r="L3017" i="10" s="1"/>
  <c r="J3009" i="10"/>
  <c r="L3009" i="10" s="1"/>
  <c r="J3001" i="10"/>
  <c r="L3001" i="10" s="1"/>
  <c r="J2993" i="10"/>
  <c r="L2993" i="10" s="1"/>
  <c r="J2985" i="10"/>
  <c r="L2985" i="10" s="1"/>
  <c r="J2977" i="10"/>
  <c r="L2977" i="10" s="1"/>
  <c r="J2969" i="10"/>
  <c r="L2969" i="10" s="1"/>
  <c r="J2961" i="10"/>
  <c r="L2961" i="10" s="1"/>
  <c r="J2953" i="10"/>
  <c r="L2953" i="10" s="1"/>
  <c r="J2945" i="10"/>
  <c r="L2945" i="10" s="1"/>
  <c r="J2937" i="10"/>
  <c r="L2937" i="10" s="1"/>
  <c r="J2929" i="10"/>
  <c r="L2929" i="10" s="1"/>
  <c r="J2921" i="10"/>
  <c r="L2921" i="10" s="1"/>
  <c r="J2913" i="10"/>
  <c r="L2913" i="10" s="1"/>
  <c r="J2905" i="10"/>
  <c r="L2905" i="10" s="1"/>
  <c r="J2897" i="10"/>
  <c r="L2897" i="10" s="1"/>
  <c r="J2889" i="10"/>
  <c r="L2889" i="10" s="1"/>
  <c r="J2881" i="10"/>
  <c r="L2881" i="10" s="1"/>
  <c r="J2873" i="10"/>
  <c r="L2873" i="10" s="1"/>
  <c r="J2865" i="10"/>
  <c r="L2865" i="10" s="1"/>
  <c r="J2857" i="10"/>
  <c r="L2857" i="10" s="1"/>
  <c r="J2849" i="10"/>
  <c r="L2849" i="10" s="1"/>
  <c r="J2841" i="10"/>
  <c r="L2841" i="10" s="1"/>
  <c r="J2833" i="10"/>
  <c r="L2833" i="10" s="1"/>
  <c r="J2825" i="10"/>
  <c r="L2825" i="10" s="1"/>
  <c r="J2817" i="10"/>
  <c r="L2817" i="10" s="1"/>
  <c r="J2809" i="10"/>
  <c r="L2809" i="10" s="1"/>
  <c r="J2801" i="10"/>
  <c r="L2801" i="10" s="1"/>
  <c r="J2793" i="10"/>
  <c r="L2793" i="10" s="1"/>
  <c r="J2785" i="10"/>
  <c r="L2785" i="10" s="1"/>
  <c r="J2777" i="10"/>
  <c r="L2777" i="10" s="1"/>
  <c r="J2769" i="10"/>
  <c r="L2769" i="10" s="1"/>
  <c r="J2761" i="10"/>
  <c r="L2761" i="10" s="1"/>
  <c r="J2753" i="10"/>
  <c r="L2753" i="10" s="1"/>
  <c r="J2745" i="10"/>
  <c r="L2745" i="10" s="1"/>
  <c r="J2737" i="10"/>
  <c r="L2737" i="10" s="1"/>
  <c r="J2729" i="10"/>
  <c r="L2729" i="10" s="1"/>
  <c r="J2721" i="10"/>
  <c r="L2721" i="10" s="1"/>
  <c r="J2713" i="10"/>
  <c r="L2713" i="10" s="1"/>
  <c r="J2705" i="10"/>
  <c r="L2705" i="10" s="1"/>
  <c r="J2697" i="10"/>
  <c r="L2697" i="10" s="1"/>
  <c r="J2689" i="10"/>
  <c r="L2689" i="10" s="1"/>
  <c r="J2681" i="10"/>
  <c r="L2681" i="10" s="1"/>
  <c r="J2673" i="10"/>
  <c r="L2673" i="10" s="1"/>
  <c r="J2665" i="10"/>
  <c r="L2665" i="10" s="1"/>
  <c r="J2657" i="10"/>
  <c r="L2657" i="10" s="1"/>
  <c r="J2649" i="10"/>
  <c r="L2649" i="10" s="1"/>
  <c r="J2641" i="10"/>
  <c r="L2641" i="10" s="1"/>
  <c r="J2633" i="10"/>
  <c r="L2633" i="10" s="1"/>
  <c r="J2625" i="10"/>
  <c r="L2625" i="10" s="1"/>
  <c r="J2617" i="10"/>
  <c r="L2617" i="10" s="1"/>
  <c r="J2609" i="10"/>
  <c r="L2609" i="10" s="1"/>
  <c r="J2601" i="10"/>
  <c r="L2601" i="10" s="1"/>
  <c r="J2593" i="10"/>
  <c r="L2593" i="10" s="1"/>
  <c r="J2585" i="10"/>
  <c r="L2585" i="10" s="1"/>
  <c r="J2577" i="10"/>
  <c r="L2577" i="10" s="1"/>
  <c r="J2569" i="10"/>
  <c r="L2569" i="10" s="1"/>
  <c r="J2561" i="10"/>
  <c r="L2561" i="10" s="1"/>
  <c r="J2553" i="10"/>
  <c r="L2553" i="10" s="1"/>
  <c r="J2545" i="10"/>
  <c r="L2545" i="10" s="1"/>
  <c r="J2537" i="10"/>
  <c r="L2537" i="10" s="1"/>
  <c r="J2529" i="10"/>
  <c r="L2529" i="10" s="1"/>
  <c r="J2521" i="10"/>
  <c r="L2521" i="10" s="1"/>
  <c r="J2513" i="10"/>
  <c r="L2513" i="10" s="1"/>
  <c r="J2505" i="10"/>
  <c r="L2505" i="10" s="1"/>
  <c r="J2497" i="10"/>
  <c r="L2497" i="10" s="1"/>
  <c r="J2489" i="10"/>
  <c r="L2489" i="10" s="1"/>
  <c r="J2481" i="10"/>
  <c r="L2481" i="10" s="1"/>
  <c r="J2473" i="10"/>
  <c r="L2473" i="10" s="1"/>
  <c r="J2465" i="10"/>
  <c r="L2465" i="10" s="1"/>
  <c r="J2457" i="10"/>
  <c r="L2457" i="10" s="1"/>
  <c r="J2449" i="10"/>
  <c r="L2449" i="10" s="1"/>
  <c r="J2441" i="10"/>
  <c r="L2441" i="10" s="1"/>
  <c r="J2433" i="10"/>
  <c r="L2433" i="10" s="1"/>
  <c r="J2425" i="10"/>
  <c r="L2425" i="10" s="1"/>
  <c r="J2417" i="10"/>
  <c r="L2417" i="10" s="1"/>
  <c r="J2409" i="10"/>
  <c r="L2409" i="10" s="1"/>
  <c r="J2401" i="10"/>
  <c r="L2401" i="10" s="1"/>
  <c r="J2393" i="10"/>
  <c r="L2393" i="10" s="1"/>
  <c r="J2385" i="10"/>
  <c r="L2385" i="10" s="1"/>
  <c r="J2377" i="10"/>
  <c r="L2377" i="10" s="1"/>
  <c r="J2369" i="10"/>
  <c r="L2369" i="10" s="1"/>
  <c r="J2361" i="10"/>
  <c r="L2361" i="10" s="1"/>
  <c r="J2353" i="10"/>
  <c r="L2353" i="10" s="1"/>
  <c r="J2345" i="10"/>
  <c r="L2345" i="10" s="1"/>
  <c r="J2337" i="10"/>
  <c r="L2337" i="10" s="1"/>
  <c r="J2329" i="10"/>
  <c r="L2329" i="10" s="1"/>
  <c r="J2321" i="10"/>
  <c r="L2321" i="10" s="1"/>
  <c r="J2313" i="10"/>
  <c r="L2313" i="10" s="1"/>
  <c r="J2305" i="10"/>
  <c r="L2305" i="10" s="1"/>
  <c r="J2297" i="10"/>
  <c r="L2297" i="10" s="1"/>
  <c r="J2289" i="10"/>
  <c r="L2289" i="10" s="1"/>
  <c r="J2281" i="10"/>
  <c r="L2281" i="10" s="1"/>
  <c r="J2273" i="10"/>
  <c r="L2273" i="10" s="1"/>
  <c r="J2265" i="10"/>
  <c r="L2265" i="10" s="1"/>
  <c r="J2257" i="10"/>
  <c r="L2257" i="10" s="1"/>
  <c r="J2249" i="10"/>
  <c r="L2249" i="10" s="1"/>
  <c r="J2241" i="10"/>
  <c r="L2241" i="10" s="1"/>
  <c r="J2233" i="10"/>
  <c r="L2233" i="10" s="1"/>
  <c r="J2225" i="10"/>
  <c r="L2225" i="10" s="1"/>
  <c r="J2217" i="10"/>
  <c r="L2217" i="10" s="1"/>
  <c r="J2209" i="10"/>
  <c r="L2209" i="10" s="1"/>
  <c r="J2201" i="10"/>
  <c r="L2201" i="10" s="1"/>
  <c r="J2193" i="10"/>
  <c r="L2193" i="10" s="1"/>
  <c r="J2185" i="10"/>
  <c r="L2185" i="10" s="1"/>
  <c r="J2177" i="10"/>
  <c r="L2177" i="10" s="1"/>
  <c r="J2169" i="10"/>
  <c r="L2169" i="10" s="1"/>
  <c r="J2161" i="10"/>
  <c r="L2161" i="10" s="1"/>
  <c r="J2153" i="10"/>
  <c r="L2153" i="10" s="1"/>
  <c r="J2145" i="10"/>
  <c r="L2145" i="10" s="1"/>
  <c r="J2137" i="10"/>
  <c r="L2137" i="10" s="1"/>
  <c r="J2129" i="10"/>
  <c r="L2129" i="10" s="1"/>
  <c r="J2121" i="10"/>
  <c r="L2121" i="10" s="1"/>
  <c r="J2113" i="10"/>
  <c r="L2113" i="10" s="1"/>
  <c r="J2105" i="10"/>
  <c r="L2105" i="10" s="1"/>
  <c r="J2097" i="10"/>
  <c r="L2097" i="10" s="1"/>
  <c r="J2089" i="10"/>
  <c r="L2089" i="10" s="1"/>
  <c r="J2081" i="10"/>
  <c r="L2081" i="10" s="1"/>
  <c r="J2073" i="10"/>
  <c r="L2073" i="10" s="1"/>
  <c r="J2065" i="10"/>
  <c r="L2065" i="10" s="1"/>
  <c r="J2057" i="10"/>
  <c r="L2057" i="10" s="1"/>
  <c r="J2049" i="10"/>
  <c r="L2049" i="10" s="1"/>
  <c r="J2041" i="10"/>
  <c r="L2041" i="10" s="1"/>
  <c r="J2033" i="10"/>
  <c r="L2033" i="10" s="1"/>
  <c r="J2025" i="10"/>
  <c r="L2025" i="10" s="1"/>
  <c r="J2017" i="10"/>
  <c r="L2017" i="10" s="1"/>
  <c r="J2009" i="10"/>
  <c r="L2009" i="10" s="1"/>
  <c r="J2001" i="10"/>
  <c r="L2001" i="10" s="1"/>
  <c r="J1993" i="10"/>
  <c r="L1993" i="10" s="1"/>
  <c r="J1985" i="10"/>
  <c r="L1985" i="10" s="1"/>
  <c r="J1977" i="10"/>
  <c r="L1977" i="10" s="1"/>
  <c r="J1969" i="10"/>
  <c r="L1969" i="10" s="1"/>
  <c r="J1961" i="10"/>
  <c r="L1961" i="10" s="1"/>
  <c r="J1953" i="10"/>
  <c r="L1953" i="10" s="1"/>
  <c r="J1945" i="10"/>
  <c r="L1945" i="10" s="1"/>
  <c r="J1937" i="10"/>
  <c r="L1937" i="10" s="1"/>
  <c r="J1929" i="10"/>
  <c r="L1929" i="10" s="1"/>
  <c r="J1921" i="10"/>
  <c r="L1921" i="10" s="1"/>
  <c r="J1913" i="10"/>
  <c r="L1913" i="10" s="1"/>
  <c r="J1905" i="10"/>
  <c r="L1905" i="10" s="1"/>
  <c r="J1897" i="10"/>
  <c r="L1897" i="10" s="1"/>
  <c r="J1889" i="10"/>
  <c r="L1889" i="10" s="1"/>
  <c r="J1881" i="10"/>
  <c r="L1881" i="10" s="1"/>
  <c r="J1873" i="10"/>
  <c r="L1873" i="10" s="1"/>
  <c r="J1865" i="10"/>
  <c r="L1865" i="10" s="1"/>
  <c r="J1857" i="10"/>
  <c r="L1857" i="10" s="1"/>
  <c r="J1849" i="10"/>
  <c r="L1849" i="10" s="1"/>
  <c r="J1841" i="10"/>
  <c r="L1841" i="10" s="1"/>
  <c r="J1833" i="10"/>
  <c r="L1833" i="10" s="1"/>
  <c r="J1825" i="10"/>
  <c r="L1825" i="10" s="1"/>
  <c r="J1817" i="10"/>
  <c r="L1817" i="10" s="1"/>
  <c r="J1809" i="10"/>
  <c r="L1809" i="10" s="1"/>
  <c r="J1801" i="10"/>
  <c r="L1801" i="10" s="1"/>
  <c r="J1793" i="10"/>
  <c r="L1793" i="10" s="1"/>
  <c r="J1785" i="10"/>
  <c r="L1785" i="10" s="1"/>
  <c r="J1777" i="10"/>
  <c r="L1777" i="10" s="1"/>
  <c r="J1769" i="10"/>
  <c r="L1769" i="10" s="1"/>
  <c r="J1761" i="10"/>
  <c r="L1761" i="10" s="1"/>
  <c r="J1753" i="10"/>
  <c r="L1753" i="10" s="1"/>
  <c r="J1745" i="10"/>
  <c r="L1745" i="10" s="1"/>
  <c r="J1737" i="10"/>
  <c r="L1737" i="10" s="1"/>
  <c r="J1729" i="10"/>
  <c r="L1729" i="10" s="1"/>
  <c r="J1721" i="10"/>
  <c r="L1721" i="10" s="1"/>
  <c r="J1713" i="10"/>
  <c r="L1713" i="10" s="1"/>
  <c r="J1705" i="10"/>
  <c r="L1705" i="10" s="1"/>
  <c r="J1697" i="10"/>
  <c r="L1697" i="10" s="1"/>
  <c r="J1689" i="10"/>
  <c r="L1689" i="10" s="1"/>
  <c r="J1681" i="10"/>
  <c r="L1681" i="10" s="1"/>
  <c r="J1673" i="10"/>
  <c r="L1673" i="10" s="1"/>
  <c r="J1665" i="10"/>
  <c r="L1665" i="10" s="1"/>
  <c r="J1657" i="10"/>
  <c r="L1657" i="10" s="1"/>
  <c r="J1649" i="10"/>
  <c r="L1649" i="10" s="1"/>
  <c r="J1641" i="10"/>
  <c r="L1641" i="10" s="1"/>
  <c r="J1633" i="10"/>
  <c r="L1633" i="10" s="1"/>
  <c r="J1625" i="10"/>
  <c r="L1625" i="10" s="1"/>
  <c r="J1617" i="10"/>
  <c r="L1617" i="10" s="1"/>
  <c r="J1609" i="10"/>
  <c r="L1609" i="10" s="1"/>
  <c r="J1601" i="10"/>
  <c r="L1601" i="10" s="1"/>
  <c r="J1593" i="10"/>
  <c r="L1593" i="10" s="1"/>
  <c r="J1585" i="10"/>
  <c r="L1585" i="10" s="1"/>
  <c r="J1577" i="10"/>
  <c r="L1577" i="10" s="1"/>
  <c r="J1569" i="10"/>
  <c r="L1569" i="10" s="1"/>
  <c r="J1561" i="10"/>
  <c r="L1561" i="10" s="1"/>
  <c r="J1553" i="10"/>
  <c r="L1553" i="10" s="1"/>
  <c r="J1545" i="10"/>
  <c r="L1545" i="10" s="1"/>
  <c r="J1537" i="10"/>
  <c r="L1537" i="10" s="1"/>
  <c r="J1529" i="10"/>
  <c r="L1529" i="10" s="1"/>
  <c r="J1521" i="10"/>
  <c r="L1521" i="10" s="1"/>
  <c r="J1513" i="10"/>
  <c r="L1513" i="10" s="1"/>
  <c r="J1505" i="10"/>
  <c r="L1505" i="10" s="1"/>
  <c r="J1497" i="10"/>
  <c r="L1497" i="10" s="1"/>
  <c r="J1489" i="10"/>
  <c r="L1489" i="10" s="1"/>
  <c r="J1481" i="10"/>
  <c r="L1481" i="10" s="1"/>
  <c r="J1473" i="10"/>
  <c r="L1473" i="10" s="1"/>
  <c r="J1465" i="10"/>
  <c r="L1465" i="10" s="1"/>
  <c r="J1457" i="10"/>
  <c r="L1457" i="10" s="1"/>
  <c r="J1449" i="10"/>
  <c r="L1449" i="10" s="1"/>
  <c r="J1441" i="10"/>
  <c r="L1441" i="10" s="1"/>
  <c r="J1433" i="10"/>
  <c r="L1433" i="10" s="1"/>
  <c r="J1425" i="10"/>
  <c r="L1425" i="10" s="1"/>
  <c r="J1417" i="10"/>
  <c r="L1417" i="10" s="1"/>
  <c r="J1409" i="10"/>
  <c r="L1409" i="10" s="1"/>
  <c r="J1401" i="10"/>
  <c r="L1401" i="10" s="1"/>
  <c r="J1393" i="10"/>
  <c r="L1393" i="10" s="1"/>
  <c r="J1385" i="10"/>
  <c r="L1385" i="10" s="1"/>
  <c r="J1377" i="10"/>
  <c r="L1377" i="10" s="1"/>
  <c r="J1369" i="10"/>
  <c r="L1369" i="10" s="1"/>
  <c r="J1361" i="10"/>
  <c r="L1361" i="10" s="1"/>
  <c r="J1353" i="10"/>
  <c r="L1353" i="10" s="1"/>
  <c r="J1345" i="10"/>
  <c r="L1345" i="10" s="1"/>
  <c r="J1337" i="10"/>
  <c r="L1337" i="10" s="1"/>
  <c r="J1329" i="10"/>
  <c r="L1329" i="10" s="1"/>
  <c r="J1321" i="10"/>
  <c r="L1321" i="10" s="1"/>
  <c r="J1313" i="10"/>
  <c r="L1313" i="10" s="1"/>
  <c r="J1305" i="10"/>
  <c r="L1305" i="10" s="1"/>
  <c r="J1297" i="10"/>
  <c r="L1297" i="10" s="1"/>
  <c r="J1289" i="10"/>
  <c r="L1289" i="10" s="1"/>
  <c r="J1281" i="10"/>
  <c r="L1281" i="10" s="1"/>
  <c r="J1273" i="10"/>
  <c r="L1273" i="10" s="1"/>
  <c r="J1265" i="10"/>
  <c r="L1265" i="10" s="1"/>
  <c r="J1257" i="10"/>
  <c r="L1257" i="10" s="1"/>
  <c r="J1249" i="10"/>
  <c r="L1249" i="10" s="1"/>
  <c r="J1241" i="10"/>
  <c r="L1241" i="10" s="1"/>
  <c r="J1233" i="10"/>
  <c r="L1233" i="10" s="1"/>
  <c r="J1225" i="10"/>
  <c r="L1225" i="10" s="1"/>
  <c r="J1217" i="10"/>
  <c r="L1217" i="10" s="1"/>
  <c r="J1209" i="10"/>
  <c r="L1209" i="10" s="1"/>
  <c r="J1201" i="10"/>
  <c r="L1201" i="10" s="1"/>
  <c r="J1193" i="10"/>
  <c r="L1193" i="10" s="1"/>
  <c r="J1185" i="10"/>
  <c r="L1185" i="10" s="1"/>
  <c r="J1177" i="10"/>
  <c r="L1177" i="10" s="1"/>
  <c r="J1169" i="10"/>
  <c r="L1169" i="10" s="1"/>
  <c r="J1161" i="10"/>
  <c r="L1161" i="10" s="1"/>
  <c r="J1153" i="10"/>
  <c r="L1153" i="10" s="1"/>
  <c r="J1145" i="10"/>
  <c r="L1145" i="10" s="1"/>
  <c r="J1137" i="10"/>
  <c r="L1137" i="10" s="1"/>
  <c r="J1129" i="10"/>
  <c r="L1129" i="10" s="1"/>
  <c r="J1121" i="10"/>
  <c r="L1121" i="10" s="1"/>
  <c r="J1113" i="10"/>
  <c r="L1113" i="10" s="1"/>
  <c r="J1105" i="10"/>
  <c r="L1105" i="10" s="1"/>
  <c r="J1097" i="10"/>
  <c r="L1097" i="10" s="1"/>
  <c r="J1089" i="10"/>
  <c r="L1089" i="10" s="1"/>
  <c r="J1081" i="10"/>
  <c r="L1081" i="10" s="1"/>
  <c r="J1073" i="10"/>
  <c r="L1073" i="10" s="1"/>
  <c r="J1065" i="10"/>
  <c r="L1065" i="10" s="1"/>
  <c r="J1057" i="10"/>
  <c r="L1057" i="10" s="1"/>
  <c r="J1049" i="10"/>
  <c r="L1049" i="10" s="1"/>
  <c r="J1041" i="10"/>
  <c r="L1041" i="10" s="1"/>
  <c r="J1033" i="10"/>
  <c r="L1033" i="10" s="1"/>
  <c r="J1025" i="10"/>
  <c r="L1025" i="10" s="1"/>
  <c r="J1017" i="10"/>
  <c r="L1017" i="10" s="1"/>
  <c r="J1009" i="10"/>
  <c r="L1009" i="10" s="1"/>
  <c r="J1001" i="10"/>
  <c r="L1001" i="10" s="1"/>
  <c r="J993" i="10"/>
  <c r="L993" i="10" s="1"/>
  <c r="J985" i="10"/>
  <c r="L985" i="10" s="1"/>
  <c r="J977" i="10"/>
  <c r="L977" i="10" s="1"/>
  <c r="J969" i="10"/>
  <c r="L969" i="10" s="1"/>
  <c r="J961" i="10"/>
  <c r="L961" i="10" s="1"/>
  <c r="J953" i="10"/>
  <c r="L953" i="10" s="1"/>
  <c r="J945" i="10"/>
  <c r="L945" i="10" s="1"/>
  <c r="J937" i="10"/>
  <c r="L937" i="10" s="1"/>
  <c r="J929" i="10"/>
  <c r="L929" i="10" s="1"/>
  <c r="J921" i="10"/>
  <c r="L921" i="10" s="1"/>
  <c r="J913" i="10"/>
  <c r="L913" i="10" s="1"/>
  <c r="J905" i="10"/>
  <c r="L905" i="10" s="1"/>
  <c r="J897" i="10"/>
  <c r="L897" i="10" s="1"/>
  <c r="J889" i="10"/>
  <c r="L889" i="10" s="1"/>
  <c r="J881" i="10"/>
  <c r="L881" i="10" s="1"/>
  <c r="J873" i="10"/>
  <c r="L873" i="10" s="1"/>
  <c r="J865" i="10"/>
  <c r="L865" i="10" s="1"/>
  <c r="J857" i="10"/>
  <c r="L857" i="10" s="1"/>
  <c r="J849" i="10"/>
  <c r="L849" i="10" s="1"/>
  <c r="J841" i="10"/>
  <c r="L841" i="10" s="1"/>
  <c r="J833" i="10"/>
  <c r="L833" i="10" s="1"/>
  <c r="J825" i="10"/>
  <c r="L825" i="10" s="1"/>
  <c r="J817" i="10"/>
  <c r="L817" i="10" s="1"/>
  <c r="J809" i="10"/>
  <c r="L809" i="10" s="1"/>
  <c r="J801" i="10"/>
  <c r="L801" i="10" s="1"/>
  <c r="J793" i="10"/>
  <c r="L793" i="10" s="1"/>
  <c r="J785" i="10"/>
  <c r="L785" i="10" s="1"/>
  <c r="J777" i="10"/>
  <c r="L777" i="10" s="1"/>
  <c r="J769" i="10"/>
  <c r="L769" i="10" s="1"/>
  <c r="J761" i="10"/>
  <c r="L761" i="10" s="1"/>
  <c r="J753" i="10"/>
  <c r="L753" i="10" s="1"/>
  <c r="J745" i="10"/>
  <c r="L745" i="10" s="1"/>
  <c r="J737" i="10"/>
  <c r="L737" i="10" s="1"/>
  <c r="J729" i="10"/>
  <c r="L729" i="10" s="1"/>
  <c r="J721" i="10"/>
  <c r="L721" i="10" s="1"/>
  <c r="J713" i="10"/>
  <c r="L713" i="10" s="1"/>
  <c r="J705" i="10"/>
  <c r="L705" i="10" s="1"/>
  <c r="J697" i="10"/>
  <c r="L697" i="10" s="1"/>
  <c r="J689" i="10"/>
  <c r="L689" i="10" s="1"/>
  <c r="J681" i="10"/>
  <c r="L681" i="10" s="1"/>
  <c r="J673" i="10"/>
  <c r="L673" i="10" s="1"/>
  <c r="J665" i="10"/>
  <c r="L665" i="10" s="1"/>
  <c r="J657" i="10"/>
  <c r="L657" i="10" s="1"/>
  <c r="J649" i="10"/>
  <c r="L649" i="10" s="1"/>
  <c r="J641" i="10"/>
  <c r="L641" i="10" s="1"/>
  <c r="J633" i="10"/>
  <c r="L633" i="10" s="1"/>
  <c r="J625" i="10"/>
  <c r="L625" i="10" s="1"/>
  <c r="J617" i="10"/>
  <c r="L617" i="10" s="1"/>
  <c r="J609" i="10"/>
  <c r="L609" i="10" s="1"/>
  <c r="J601" i="10"/>
  <c r="L601" i="10" s="1"/>
  <c r="J593" i="10"/>
  <c r="L593" i="10" s="1"/>
  <c r="J585" i="10"/>
  <c r="L585" i="10" s="1"/>
  <c r="J577" i="10"/>
  <c r="L577" i="10" s="1"/>
  <c r="J569" i="10"/>
  <c r="L569" i="10" s="1"/>
  <c r="J561" i="10"/>
  <c r="L561" i="10" s="1"/>
  <c r="J553" i="10"/>
  <c r="L553" i="10" s="1"/>
  <c r="J545" i="10"/>
  <c r="L545" i="10" s="1"/>
  <c r="J537" i="10"/>
  <c r="L537" i="10" s="1"/>
  <c r="J529" i="10"/>
  <c r="L529" i="10" s="1"/>
  <c r="J521" i="10"/>
  <c r="L521" i="10" s="1"/>
  <c r="J513" i="10"/>
  <c r="L513" i="10" s="1"/>
  <c r="J505" i="10"/>
  <c r="L505" i="10" s="1"/>
  <c r="J497" i="10"/>
  <c r="L497" i="10" s="1"/>
  <c r="J489" i="10"/>
  <c r="L489" i="10" s="1"/>
  <c r="J481" i="10"/>
  <c r="L481" i="10" s="1"/>
  <c r="J473" i="10"/>
  <c r="L473" i="10" s="1"/>
  <c r="J465" i="10"/>
  <c r="L465" i="10" s="1"/>
  <c r="J457" i="10"/>
  <c r="L457" i="10" s="1"/>
  <c r="J449" i="10"/>
  <c r="L449" i="10" s="1"/>
  <c r="J441" i="10"/>
  <c r="L441" i="10" s="1"/>
  <c r="J433" i="10"/>
  <c r="L433" i="10" s="1"/>
  <c r="J425" i="10"/>
  <c r="L425" i="10" s="1"/>
  <c r="J417" i="10"/>
  <c r="L417" i="10" s="1"/>
  <c r="J409" i="10"/>
  <c r="L409" i="10" s="1"/>
  <c r="J401" i="10"/>
  <c r="L401" i="10" s="1"/>
  <c r="J393" i="10"/>
  <c r="L393" i="10" s="1"/>
  <c r="J385" i="10"/>
  <c r="L385" i="10" s="1"/>
  <c r="J377" i="10"/>
  <c r="L377" i="10" s="1"/>
  <c r="J369" i="10"/>
  <c r="L369" i="10" s="1"/>
  <c r="J361" i="10"/>
  <c r="L361" i="10" s="1"/>
  <c r="J353" i="10"/>
  <c r="L353" i="10" s="1"/>
  <c r="J345" i="10"/>
  <c r="L345" i="10" s="1"/>
  <c r="J337" i="10"/>
  <c r="L337" i="10" s="1"/>
  <c r="J329" i="10"/>
  <c r="L329" i="10" s="1"/>
  <c r="J321" i="10"/>
  <c r="L321" i="10" s="1"/>
  <c r="J313" i="10"/>
  <c r="L313" i="10" s="1"/>
  <c r="J305" i="10"/>
  <c r="L305" i="10" s="1"/>
  <c r="J297" i="10"/>
  <c r="L297" i="10" s="1"/>
  <c r="J289" i="10"/>
  <c r="L289" i="10" s="1"/>
  <c r="J281" i="10"/>
  <c r="L281" i="10" s="1"/>
  <c r="J273" i="10"/>
  <c r="L273" i="10" s="1"/>
  <c r="J265" i="10"/>
  <c r="L265" i="10" s="1"/>
  <c r="J257" i="10"/>
  <c r="L257" i="10" s="1"/>
  <c r="J249" i="10"/>
  <c r="L249" i="10" s="1"/>
  <c r="J241" i="10"/>
  <c r="L241" i="10" s="1"/>
  <c r="J233" i="10"/>
  <c r="L233" i="10" s="1"/>
  <c r="J225" i="10"/>
  <c r="L225" i="10" s="1"/>
  <c r="J217" i="10"/>
  <c r="L217" i="10" s="1"/>
  <c r="J209" i="10"/>
  <c r="L209" i="10" s="1"/>
  <c r="J201" i="10"/>
  <c r="L201" i="10" s="1"/>
  <c r="J193" i="10"/>
  <c r="L193" i="10" s="1"/>
  <c r="J185" i="10"/>
  <c r="L185" i="10" s="1"/>
  <c r="J177" i="10"/>
  <c r="L177" i="10" s="1"/>
  <c r="J169" i="10"/>
  <c r="L169" i="10" s="1"/>
  <c r="J161" i="10"/>
  <c r="L161" i="10" s="1"/>
  <c r="J153" i="10"/>
  <c r="L153" i="10" s="1"/>
  <c r="J145" i="10"/>
  <c r="L145" i="10" s="1"/>
  <c r="J137" i="10"/>
  <c r="L137" i="10" s="1"/>
  <c r="J129" i="10"/>
  <c r="L129" i="10" s="1"/>
  <c r="J121" i="10"/>
  <c r="L121" i="10" s="1"/>
  <c r="J113" i="10"/>
  <c r="L113" i="10" s="1"/>
  <c r="J105" i="10"/>
  <c r="L105" i="10" s="1"/>
  <c r="J97" i="10"/>
  <c r="L97" i="10" s="1"/>
  <c r="J89" i="10"/>
  <c r="L89" i="10" s="1"/>
  <c r="J81" i="10"/>
  <c r="L81" i="10" s="1"/>
  <c r="J73" i="10"/>
  <c r="L73" i="10" s="1"/>
  <c r="J65" i="10"/>
  <c r="L65" i="10" s="1"/>
  <c r="J57" i="10"/>
  <c r="L57" i="10" s="1"/>
  <c r="J49" i="10"/>
  <c r="L49" i="10" s="1"/>
  <c r="J41" i="10"/>
  <c r="L41" i="10" s="1"/>
  <c r="J33" i="10"/>
  <c r="L33" i="10" s="1"/>
  <c r="J25" i="10"/>
  <c r="L25" i="10" s="1"/>
  <c r="J17" i="10"/>
  <c r="L17" i="10" s="1"/>
  <c r="J5832" i="10"/>
  <c r="L5832" i="10" s="1"/>
  <c r="J5824" i="10"/>
  <c r="L5824" i="10" s="1"/>
  <c r="J5816" i="10"/>
  <c r="L5816" i="10" s="1"/>
  <c r="J5808" i="10"/>
  <c r="L5808" i="10" s="1"/>
  <c r="J5800" i="10"/>
  <c r="L5800" i="10" s="1"/>
  <c r="J5792" i="10"/>
  <c r="L5792" i="10" s="1"/>
  <c r="J5784" i="10"/>
  <c r="L5784" i="10" s="1"/>
  <c r="J5776" i="10"/>
  <c r="L5776" i="10" s="1"/>
  <c r="J5768" i="10"/>
  <c r="L5768" i="10" s="1"/>
  <c r="J5760" i="10"/>
  <c r="L5760" i="10" s="1"/>
  <c r="J5752" i="10"/>
  <c r="L5752" i="10" s="1"/>
  <c r="J5744" i="10"/>
  <c r="L5744" i="10" s="1"/>
  <c r="J5736" i="10"/>
  <c r="L5736" i="10" s="1"/>
  <c r="J5728" i="10"/>
  <c r="L5728" i="10" s="1"/>
  <c r="J5720" i="10"/>
  <c r="L5720" i="10" s="1"/>
  <c r="J5712" i="10"/>
  <c r="L5712" i="10" s="1"/>
  <c r="J5704" i="10"/>
  <c r="L5704" i="10" s="1"/>
  <c r="J5696" i="10"/>
  <c r="L5696" i="10" s="1"/>
  <c r="J5688" i="10"/>
  <c r="L5688" i="10" s="1"/>
  <c r="J5680" i="10"/>
  <c r="L5680" i="10" s="1"/>
  <c r="J5672" i="10"/>
  <c r="L5672" i="10" s="1"/>
  <c r="J5664" i="10"/>
  <c r="L5664" i="10" s="1"/>
  <c r="J5656" i="10"/>
  <c r="L5656" i="10" s="1"/>
  <c r="J5648" i="10"/>
  <c r="L5648" i="10" s="1"/>
  <c r="J5640" i="10"/>
  <c r="L5640" i="10" s="1"/>
  <c r="J5632" i="10"/>
  <c r="L5632" i="10" s="1"/>
  <c r="J5624" i="10"/>
  <c r="L5624" i="10" s="1"/>
  <c r="J5616" i="10"/>
  <c r="L5616" i="10" s="1"/>
  <c r="J5608" i="10"/>
  <c r="L5608" i="10" s="1"/>
  <c r="J5600" i="10"/>
  <c r="L5600" i="10" s="1"/>
  <c r="J5592" i="10"/>
  <c r="L5592" i="10" s="1"/>
  <c r="J5584" i="10"/>
  <c r="L5584" i="10" s="1"/>
  <c r="J5576" i="10"/>
  <c r="L5576" i="10" s="1"/>
  <c r="J5568" i="10"/>
  <c r="L5568" i="10" s="1"/>
  <c r="J5560" i="10"/>
  <c r="L5560" i="10" s="1"/>
  <c r="J5552" i="10"/>
  <c r="L5552" i="10" s="1"/>
  <c r="J5544" i="10"/>
  <c r="L5544" i="10" s="1"/>
  <c r="J5536" i="10"/>
  <c r="L5536" i="10" s="1"/>
  <c r="J5528" i="10"/>
  <c r="L5528" i="10" s="1"/>
  <c r="J5520" i="10"/>
  <c r="L5520" i="10" s="1"/>
  <c r="J5512" i="10"/>
  <c r="L5512" i="10" s="1"/>
  <c r="J5504" i="10"/>
  <c r="L5504" i="10" s="1"/>
  <c r="J5496" i="10"/>
  <c r="L5496" i="10" s="1"/>
  <c r="J5488" i="10"/>
  <c r="L5488" i="10" s="1"/>
  <c r="J5480" i="10"/>
  <c r="L5480" i="10" s="1"/>
  <c r="J5472" i="10"/>
  <c r="L5472" i="10" s="1"/>
  <c r="J5464" i="10"/>
  <c r="L5464" i="10" s="1"/>
  <c r="J5456" i="10"/>
  <c r="L5456" i="10" s="1"/>
  <c r="J5448" i="10"/>
  <c r="L5448" i="10" s="1"/>
  <c r="J5440" i="10"/>
  <c r="L5440" i="10" s="1"/>
  <c r="J5432" i="10"/>
  <c r="L5432" i="10" s="1"/>
  <c r="J5424" i="10"/>
  <c r="L5424" i="10" s="1"/>
  <c r="J5416" i="10"/>
  <c r="L5416" i="10" s="1"/>
  <c r="J5408" i="10"/>
  <c r="L5408" i="10" s="1"/>
  <c r="J5400" i="10"/>
  <c r="L5400" i="10" s="1"/>
  <c r="J5392" i="10"/>
  <c r="L5392" i="10" s="1"/>
  <c r="J5384" i="10"/>
  <c r="L5384" i="10" s="1"/>
  <c r="J5376" i="10"/>
  <c r="L5376" i="10" s="1"/>
  <c r="J5368" i="10"/>
  <c r="L5368" i="10" s="1"/>
  <c r="J5360" i="10"/>
  <c r="L5360" i="10" s="1"/>
  <c r="J5352" i="10"/>
  <c r="L5352" i="10" s="1"/>
  <c r="J5344" i="10"/>
  <c r="L5344" i="10" s="1"/>
  <c r="J5336" i="10"/>
  <c r="L5336" i="10" s="1"/>
  <c r="J5328" i="10"/>
  <c r="L5328" i="10" s="1"/>
  <c r="J5320" i="10"/>
  <c r="L5320" i="10" s="1"/>
  <c r="J5312" i="10"/>
  <c r="L5312" i="10" s="1"/>
  <c r="J5304" i="10"/>
  <c r="L5304" i="10" s="1"/>
  <c r="J5296" i="10"/>
  <c r="L5296" i="10" s="1"/>
  <c r="J5288" i="10"/>
  <c r="L5288" i="10" s="1"/>
  <c r="J5280" i="10"/>
  <c r="L5280" i="10" s="1"/>
  <c r="J5272" i="10"/>
  <c r="L5272" i="10" s="1"/>
  <c r="J5264" i="10"/>
  <c r="L5264" i="10" s="1"/>
  <c r="J5256" i="10"/>
  <c r="L5256" i="10" s="1"/>
  <c r="J5248" i="10"/>
  <c r="L5248" i="10" s="1"/>
  <c r="J5240" i="10"/>
  <c r="L5240" i="10" s="1"/>
  <c r="J5232" i="10"/>
  <c r="L5232" i="10" s="1"/>
  <c r="J5224" i="10"/>
  <c r="L5224" i="10" s="1"/>
  <c r="J5216" i="10"/>
  <c r="L5216" i="10" s="1"/>
  <c r="J5208" i="10"/>
  <c r="L5208" i="10" s="1"/>
  <c r="J5200" i="10"/>
  <c r="L5200" i="10" s="1"/>
  <c r="J5192" i="10"/>
  <c r="L5192" i="10" s="1"/>
  <c r="J5184" i="10"/>
  <c r="L5184" i="10" s="1"/>
  <c r="J5176" i="10"/>
  <c r="L5176" i="10" s="1"/>
  <c r="J5168" i="10"/>
  <c r="L5168" i="10" s="1"/>
  <c r="J5160" i="10"/>
  <c r="L5160" i="10" s="1"/>
  <c r="J5152" i="10"/>
  <c r="L5152" i="10" s="1"/>
  <c r="J5144" i="10"/>
  <c r="L5144" i="10" s="1"/>
  <c r="J5136" i="10"/>
  <c r="L5136" i="10" s="1"/>
  <c r="J5128" i="10"/>
  <c r="L5128" i="10" s="1"/>
  <c r="J5120" i="10"/>
  <c r="L5120" i="10" s="1"/>
  <c r="J5112" i="10"/>
  <c r="L5112" i="10" s="1"/>
  <c r="J5104" i="10"/>
  <c r="L5104" i="10" s="1"/>
  <c r="J5096" i="10"/>
  <c r="L5096" i="10" s="1"/>
  <c r="J5088" i="10"/>
  <c r="L5088" i="10" s="1"/>
  <c r="J5080" i="10"/>
  <c r="L5080" i="10" s="1"/>
  <c r="J5072" i="10"/>
  <c r="L5072" i="10" s="1"/>
  <c r="J5064" i="10"/>
  <c r="L5064" i="10" s="1"/>
  <c r="J5056" i="10"/>
  <c r="L5056" i="10" s="1"/>
  <c r="J5048" i="10"/>
  <c r="L5048" i="10" s="1"/>
  <c r="J5040" i="10"/>
  <c r="L5040" i="10" s="1"/>
  <c r="J5032" i="10"/>
  <c r="L5032" i="10" s="1"/>
  <c r="J5024" i="10"/>
  <c r="L5024" i="10" s="1"/>
  <c r="J5016" i="10"/>
  <c r="L5016" i="10" s="1"/>
  <c r="J5008" i="10"/>
  <c r="L5008" i="10" s="1"/>
  <c r="J5000" i="10"/>
  <c r="L5000" i="10" s="1"/>
  <c r="J4992" i="10"/>
  <c r="L4992" i="10" s="1"/>
  <c r="J4984" i="10"/>
  <c r="L4984" i="10" s="1"/>
  <c r="J4976" i="10"/>
  <c r="L4976" i="10" s="1"/>
  <c r="J4968" i="10"/>
  <c r="L4968" i="10" s="1"/>
  <c r="J4960" i="10"/>
  <c r="L4960" i="10" s="1"/>
  <c r="J4952" i="10"/>
  <c r="L4952" i="10" s="1"/>
  <c r="J4944" i="10"/>
  <c r="L4944" i="10" s="1"/>
  <c r="J4936" i="10"/>
  <c r="L4936" i="10" s="1"/>
  <c r="J4928" i="10"/>
  <c r="L4928" i="10" s="1"/>
  <c r="J4920" i="10"/>
  <c r="L4920" i="10" s="1"/>
  <c r="J4912" i="10"/>
  <c r="L4912" i="10" s="1"/>
  <c r="J4904" i="10"/>
  <c r="L4904" i="10" s="1"/>
  <c r="J4896" i="10"/>
  <c r="L4896" i="10" s="1"/>
  <c r="J4888" i="10"/>
  <c r="L4888" i="10" s="1"/>
  <c r="J4880" i="10"/>
  <c r="L4880" i="10" s="1"/>
  <c r="J4872" i="10"/>
  <c r="L4872" i="10" s="1"/>
  <c r="J4864" i="10"/>
  <c r="L4864" i="10" s="1"/>
  <c r="J4856" i="10"/>
  <c r="L4856" i="10" s="1"/>
  <c r="J4848" i="10"/>
  <c r="L4848" i="10" s="1"/>
  <c r="J4840" i="10"/>
  <c r="L4840" i="10" s="1"/>
  <c r="J4832" i="10"/>
  <c r="L4832" i="10" s="1"/>
  <c r="J4824" i="10"/>
  <c r="L4824" i="10" s="1"/>
  <c r="J4816" i="10"/>
  <c r="L4816" i="10" s="1"/>
  <c r="J4808" i="10"/>
  <c r="L4808" i="10" s="1"/>
  <c r="J4800" i="10"/>
  <c r="L4800" i="10" s="1"/>
  <c r="J4792" i="10"/>
  <c r="L4792" i="10" s="1"/>
  <c r="J4784" i="10"/>
  <c r="L4784" i="10" s="1"/>
  <c r="J4776" i="10"/>
  <c r="L4776" i="10" s="1"/>
  <c r="J4768" i="10"/>
  <c r="L4768" i="10" s="1"/>
  <c r="J4760" i="10"/>
  <c r="L4760" i="10" s="1"/>
  <c r="J4752" i="10"/>
  <c r="L4752" i="10" s="1"/>
  <c r="J4744" i="10"/>
  <c r="L4744" i="10" s="1"/>
  <c r="J4736" i="10"/>
  <c r="L4736" i="10" s="1"/>
  <c r="J4728" i="10"/>
  <c r="L4728" i="10" s="1"/>
  <c r="J4720" i="10"/>
  <c r="L4720" i="10" s="1"/>
  <c r="J4712" i="10"/>
  <c r="L4712" i="10" s="1"/>
  <c r="J4704" i="10"/>
  <c r="L4704" i="10" s="1"/>
  <c r="J4696" i="10"/>
  <c r="L4696" i="10" s="1"/>
  <c r="J4688" i="10"/>
  <c r="L4688" i="10" s="1"/>
  <c r="J4680" i="10"/>
  <c r="L4680" i="10" s="1"/>
  <c r="J4672" i="10"/>
  <c r="L4672" i="10" s="1"/>
  <c r="J4664" i="10"/>
  <c r="L4664" i="10" s="1"/>
  <c r="J4656" i="10"/>
  <c r="L4656" i="10" s="1"/>
  <c r="J4648" i="10"/>
  <c r="L4648" i="10" s="1"/>
  <c r="J4640" i="10"/>
  <c r="L4640" i="10" s="1"/>
  <c r="J4632" i="10"/>
  <c r="L4632" i="10" s="1"/>
  <c r="J4624" i="10"/>
  <c r="L4624" i="10" s="1"/>
  <c r="J4616" i="10"/>
  <c r="L4616" i="10" s="1"/>
  <c r="J4608" i="10"/>
  <c r="L4608" i="10" s="1"/>
  <c r="J4600" i="10"/>
  <c r="L4600" i="10" s="1"/>
  <c r="J4592" i="10"/>
  <c r="L4592" i="10" s="1"/>
  <c r="J4584" i="10"/>
  <c r="L4584" i="10" s="1"/>
  <c r="J4576" i="10"/>
  <c r="L4576" i="10" s="1"/>
  <c r="J4568" i="10"/>
  <c r="L4568" i="10" s="1"/>
  <c r="J4560" i="10"/>
  <c r="L4560" i="10" s="1"/>
  <c r="J4552" i="10"/>
  <c r="L4552" i="10" s="1"/>
  <c r="J4544" i="10"/>
  <c r="L4544" i="10" s="1"/>
  <c r="J4536" i="10"/>
  <c r="L4536" i="10" s="1"/>
  <c r="J4528" i="10"/>
  <c r="L4528" i="10" s="1"/>
  <c r="J4520" i="10"/>
  <c r="L4520" i="10" s="1"/>
  <c r="J4512" i="10"/>
  <c r="L4512" i="10" s="1"/>
  <c r="J4504" i="10"/>
  <c r="L4504" i="10" s="1"/>
  <c r="J4496" i="10"/>
  <c r="L4496" i="10" s="1"/>
  <c r="J4488" i="10"/>
  <c r="L4488" i="10" s="1"/>
  <c r="J4480" i="10"/>
  <c r="L4480" i="10" s="1"/>
  <c r="J4472" i="10"/>
  <c r="L4472" i="10" s="1"/>
  <c r="J4464" i="10"/>
  <c r="L4464" i="10" s="1"/>
  <c r="J4456" i="10"/>
  <c r="L4456" i="10" s="1"/>
  <c r="J4448" i="10"/>
  <c r="L4448" i="10" s="1"/>
  <c r="J4440" i="10"/>
  <c r="L4440" i="10" s="1"/>
  <c r="J4432" i="10"/>
  <c r="L4432" i="10" s="1"/>
  <c r="J4424" i="10"/>
  <c r="L4424" i="10" s="1"/>
  <c r="J4416" i="10"/>
  <c r="L4416" i="10" s="1"/>
  <c r="J4408" i="10"/>
  <c r="L4408" i="10" s="1"/>
  <c r="J4400" i="10"/>
  <c r="L4400" i="10" s="1"/>
  <c r="J4392" i="10"/>
  <c r="L4392" i="10" s="1"/>
  <c r="J4384" i="10"/>
  <c r="L4384" i="10" s="1"/>
  <c r="J4376" i="10"/>
  <c r="L4376" i="10" s="1"/>
  <c r="J4368" i="10"/>
  <c r="L4368" i="10" s="1"/>
  <c r="J4360" i="10"/>
  <c r="L4360" i="10" s="1"/>
  <c r="J4352" i="10"/>
  <c r="L4352" i="10" s="1"/>
  <c r="J4344" i="10"/>
  <c r="L4344" i="10" s="1"/>
  <c r="J4336" i="10"/>
  <c r="L4336" i="10" s="1"/>
  <c r="J4328" i="10"/>
  <c r="L4328" i="10" s="1"/>
  <c r="J4320" i="10"/>
  <c r="L4320" i="10" s="1"/>
  <c r="J4312" i="10"/>
  <c r="L4312" i="10" s="1"/>
  <c r="J4304" i="10"/>
  <c r="L4304" i="10" s="1"/>
  <c r="J4296" i="10"/>
  <c r="L4296" i="10" s="1"/>
  <c r="J4288" i="10"/>
  <c r="L4288" i="10" s="1"/>
  <c r="J4280" i="10"/>
  <c r="L4280" i="10" s="1"/>
  <c r="J4272" i="10"/>
  <c r="L4272" i="10" s="1"/>
  <c r="J4264" i="10"/>
  <c r="L4264" i="10" s="1"/>
  <c r="J4256" i="10"/>
  <c r="L4256" i="10" s="1"/>
  <c r="J4248" i="10"/>
  <c r="L4248" i="10" s="1"/>
  <c r="J4240" i="10"/>
  <c r="L4240" i="10" s="1"/>
  <c r="J4232" i="10"/>
  <c r="L4232" i="10" s="1"/>
  <c r="J4224" i="10"/>
  <c r="L4224" i="10" s="1"/>
  <c r="J4216" i="10"/>
  <c r="L4216" i="10" s="1"/>
  <c r="J4208" i="10"/>
  <c r="L4208" i="10" s="1"/>
  <c r="J4200" i="10"/>
  <c r="L4200" i="10" s="1"/>
  <c r="J4192" i="10"/>
  <c r="L4192" i="10" s="1"/>
  <c r="J4184" i="10"/>
  <c r="L4184" i="10" s="1"/>
  <c r="J4176" i="10"/>
  <c r="L4176" i="10" s="1"/>
  <c r="J4168" i="10"/>
  <c r="L4168" i="10" s="1"/>
  <c r="J4160" i="10"/>
  <c r="L4160" i="10" s="1"/>
  <c r="J4152" i="10"/>
  <c r="L4152" i="10" s="1"/>
  <c r="J4144" i="10"/>
  <c r="L4144" i="10" s="1"/>
  <c r="J4136" i="10"/>
  <c r="L4136" i="10" s="1"/>
  <c r="J4128" i="10"/>
  <c r="L4128" i="10" s="1"/>
  <c r="J4120" i="10"/>
  <c r="L4120" i="10" s="1"/>
  <c r="J4112" i="10"/>
  <c r="L4112" i="10" s="1"/>
  <c r="J4104" i="10"/>
  <c r="L4104" i="10" s="1"/>
  <c r="J4096" i="10"/>
  <c r="L4096" i="10" s="1"/>
  <c r="J4088" i="10"/>
  <c r="L4088" i="10" s="1"/>
  <c r="J4080" i="10"/>
  <c r="L4080" i="10" s="1"/>
  <c r="J4072" i="10"/>
  <c r="L4072" i="10" s="1"/>
  <c r="J4064" i="10"/>
  <c r="L4064" i="10" s="1"/>
  <c r="J4056" i="10"/>
  <c r="L4056" i="10" s="1"/>
  <c r="J4048" i="10"/>
  <c r="L4048" i="10" s="1"/>
  <c r="J4040" i="10"/>
  <c r="L4040" i="10" s="1"/>
  <c r="J4032" i="10"/>
  <c r="L4032" i="10" s="1"/>
  <c r="J4024" i="10"/>
  <c r="L4024" i="10" s="1"/>
  <c r="J4016" i="10"/>
  <c r="L4016" i="10" s="1"/>
  <c r="J4008" i="10"/>
  <c r="L4008" i="10" s="1"/>
  <c r="J4000" i="10"/>
  <c r="L4000" i="10" s="1"/>
  <c r="J3992" i="10"/>
  <c r="L3992" i="10" s="1"/>
  <c r="J3984" i="10"/>
  <c r="L3984" i="10" s="1"/>
  <c r="J3976" i="10"/>
  <c r="L3976" i="10" s="1"/>
  <c r="J3968" i="10"/>
  <c r="L3968" i="10" s="1"/>
  <c r="J3960" i="10"/>
  <c r="L3960" i="10" s="1"/>
  <c r="J3952" i="10"/>
  <c r="L3952" i="10" s="1"/>
  <c r="J3944" i="10"/>
  <c r="L3944" i="10" s="1"/>
  <c r="J3936" i="10"/>
  <c r="L3936" i="10" s="1"/>
  <c r="J3928" i="10"/>
  <c r="L3928" i="10" s="1"/>
  <c r="J3920" i="10"/>
  <c r="L3920" i="10" s="1"/>
  <c r="J3912" i="10"/>
  <c r="L3912" i="10" s="1"/>
  <c r="J3904" i="10"/>
  <c r="L3904" i="10" s="1"/>
  <c r="J3896" i="10"/>
  <c r="L3896" i="10" s="1"/>
  <c r="J3888" i="10"/>
  <c r="L3888" i="10" s="1"/>
  <c r="J3880" i="10"/>
  <c r="L3880" i="10" s="1"/>
  <c r="J3872" i="10"/>
  <c r="L3872" i="10" s="1"/>
  <c r="J3864" i="10"/>
  <c r="L3864" i="10" s="1"/>
  <c r="J3856" i="10"/>
  <c r="L3856" i="10" s="1"/>
  <c r="J3848" i="10"/>
  <c r="L3848" i="10" s="1"/>
  <c r="J3840" i="10"/>
  <c r="L3840" i="10" s="1"/>
  <c r="J3832" i="10"/>
  <c r="L3832" i="10" s="1"/>
  <c r="J3824" i="10"/>
  <c r="L3824" i="10" s="1"/>
  <c r="J3816" i="10"/>
  <c r="L3816" i="10" s="1"/>
  <c r="J3808" i="10"/>
  <c r="L3808" i="10" s="1"/>
  <c r="J3800" i="10"/>
  <c r="L3800" i="10" s="1"/>
  <c r="J3792" i="10"/>
  <c r="L3792" i="10" s="1"/>
  <c r="J3784" i="10"/>
  <c r="L3784" i="10" s="1"/>
  <c r="J3776" i="10"/>
  <c r="L3776" i="10" s="1"/>
  <c r="J3768" i="10"/>
  <c r="L3768" i="10" s="1"/>
  <c r="J3760" i="10"/>
  <c r="L3760" i="10" s="1"/>
  <c r="J3752" i="10"/>
  <c r="L3752" i="10" s="1"/>
  <c r="J3744" i="10"/>
  <c r="L3744" i="10" s="1"/>
  <c r="J3736" i="10"/>
  <c r="L3736" i="10" s="1"/>
  <c r="J3728" i="10"/>
  <c r="L3728" i="10" s="1"/>
  <c r="J3720" i="10"/>
  <c r="L3720" i="10" s="1"/>
  <c r="J3712" i="10"/>
  <c r="L3712" i="10" s="1"/>
  <c r="J3704" i="10"/>
  <c r="L3704" i="10" s="1"/>
  <c r="J3696" i="10"/>
  <c r="L3696" i="10" s="1"/>
  <c r="J3688" i="10"/>
  <c r="L3688" i="10" s="1"/>
  <c r="J3680" i="10"/>
  <c r="L3680" i="10" s="1"/>
  <c r="J3672" i="10"/>
  <c r="L3672" i="10" s="1"/>
  <c r="J3664" i="10"/>
  <c r="L3664" i="10" s="1"/>
  <c r="J3656" i="10"/>
  <c r="L3656" i="10" s="1"/>
  <c r="J3648" i="10"/>
  <c r="L3648" i="10" s="1"/>
  <c r="J3640" i="10"/>
  <c r="L3640" i="10" s="1"/>
  <c r="J3632" i="10"/>
  <c r="L3632" i="10" s="1"/>
  <c r="J3624" i="10"/>
  <c r="L3624" i="10" s="1"/>
  <c r="J3616" i="10"/>
  <c r="L3616" i="10" s="1"/>
  <c r="J3608" i="10"/>
  <c r="L3608" i="10" s="1"/>
  <c r="J3600" i="10"/>
  <c r="L3600" i="10" s="1"/>
  <c r="J3592" i="10"/>
  <c r="L3592" i="10" s="1"/>
  <c r="J3584" i="10"/>
  <c r="L3584" i="10" s="1"/>
  <c r="J3576" i="10"/>
  <c r="L3576" i="10" s="1"/>
  <c r="J3568" i="10"/>
  <c r="L3568" i="10" s="1"/>
  <c r="J3560" i="10"/>
  <c r="L3560" i="10" s="1"/>
  <c r="J3552" i="10"/>
  <c r="L3552" i="10" s="1"/>
  <c r="J3544" i="10"/>
  <c r="L3544" i="10" s="1"/>
  <c r="J3536" i="10"/>
  <c r="L3536" i="10" s="1"/>
  <c r="J3528" i="10"/>
  <c r="L3528" i="10" s="1"/>
  <c r="J3520" i="10"/>
  <c r="L3520" i="10" s="1"/>
  <c r="J3512" i="10"/>
  <c r="L3512" i="10" s="1"/>
  <c r="J3504" i="10"/>
  <c r="L3504" i="10" s="1"/>
  <c r="J3496" i="10"/>
  <c r="L3496" i="10" s="1"/>
  <c r="J3488" i="10"/>
  <c r="L3488" i="10" s="1"/>
  <c r="J3480" i="10"/>
  <c r="L3480" i="10" s="1"/>
  <c r="J3472" i="10"/>
  <c r="L3472" i="10" s="1"/>
  <c r="J3464" i="10"/>
  <c r="L3464" i="10" s="1"/>
  <c r="J3456" i="10"/>
  <c r="L3456" i="10" s="1"/>
  <c r="J3448" i="10"/>
  <c r="L3448" i="10" s="1"/>
  <c r="J3440" i="10"/>
  <c r="L3440" i="10" s="1"/>
  <c r="J3432" i="10"/>
  <c r="L3432" i="10" s="1"/>
  <c r="J3424" i="10"/>
  <c r="L3424" i="10" s="1"/>
  <c r="J3416" i="10"/>
  <c r="L3416" i="10" s="1"/>
  <c r="J3408" i="10"/>
  <c r="L3408" i="10" s="1"/>
  <c r="J3400" i="10"/>
  <c r="L3400" i="10" s="1"/>
  <c r="J3392" i="10"/>
  <c r="L3392" i="10" s="1"/>
  <c r="J3384" i="10"/>
  <c r="L3384" i="10" s="1"/>
  <c r="J3376" i="10"/>
  <c r="L3376" i="10" s="1"/>
  <c r="J3368" i="10"/>
  <c r="L3368" i="10" s="1"/>
  <c r="J3360" i="10"/>
  <c r="L3360" i="10" s="1"/>
  <c r="J3352" i="10"/>
  <c r="L3352" i="10" s="1"/>
  <c r="J3344" i="10"/>
  <c r="L3344" i="10" s="1"/>
  <c r="J3336" i="10"/>
  <c r="L3336" i="10" s="1"/>
  <c r="J3328" i="10"/>
  <c r="L3328" i="10" s="1"/>
  <c r="J3320" i="10"/>
  <c r="L3320" i="10" s="1"/>
  <c r="J3312" i="10"/>
  <c r="L3312" i="10" s="1"/>
  <c r="J3304" i="10"/>
  <c r="L3304" i="10" s="1"/>
  <c r="J3296" i="10"/>
  <c r="L3296" i="10" s="1"/>
  <c r="J3288" i="10"/>
  <c r="L3288" i="10" s="1"/>
  <c r="J3280" i="10"/>
  <c r="L3280" i="10" s="1"/>
  <c r="J3272" i="10"/>
  <c r="L3272" i="10" s="1"/>
  <c r="J3264" i="10"/>
  <c r="L3264" i="10" s="1"/>
  <c r="J3256" i="10"/>
  <c r="L3256" i="10" s="1"/>
  <c r="J3248" i="10"/>
  <c r="L3248" i="10" s="1"/>
  <c r="J3240" i="10"/>
  <c r="L3240" i="10" s="1"/>
  <c r="J3232" i="10"/>
  <c r="L3232" i="10" s="1"/>
  <c r="J3224" i="10"/>
  <c r="L3224" i="10" s="1"/>
  <c r="J3216" i="10"/>
  <c r="L3216" i="10" s="1"/>
  <c r="J3208" i="10"/>
  <c r="L3208" i="10" s="1"/>
  <c r="J3200" i="10"/>
  <c r="L3200" i="10" s="1"/>
  <c r="J3192" i="10"/>
  <c r="L3192" i="10" s="1"/>
  <c r="J3184" i="10"/>
  <c r="L3184" i="10" s="1"/>
  <c r="J3176" i="10"/>
  <c r="L3176" i="10" s="1"/>
  <c r="J3168" i="10"/>
  <c r="L3168" i="10" s="1"/>
  <c r="J3160" i="10"/>
  <c r="L3160" i="10" s="1"/>
  <c r="J3152" i="10"/>
  <c r="L3152" i="10" s="1"/>
  <c r="J3144" i="10"/>
  <c r="L3144" i="10" s="1"/>
  <c r="J3136" i="10"/>
  <c r="L3136" i="10" s="1"/>
  <c r="J3128" i="10"/>
  <c r="L3128" i="10" s="1"/>
  <c r="J3120" i="10"/>
  <c r="L3120" i="10" s="1"/>
  <c r="J3112" i="10"/>
  <c r="L3112" i="10" s="1"/>
  <c r="J3104" i="10"/>
  <c r="L3104" i="10" s="1"/>
  <c r="J3096" i="10"/>
  <c r="L3096" i="10" s="1"/>
  <c r="J3088" i="10"/>
  <c r="L3088" i="10" s="1"/>
  <c r="J3080" i="10"/>
  <c r="L3080" i="10" s="1"/>
  <c r="J3072" i="10"/>
  <c r="L3072" i="10" s="1"/>
  <c r="J3064" i="10"/>
  <c r="L3064" i="10" s="1"/>
  <c r="J3056" i="10"/>
  <c r="L3056" i="10" s="1"/>
  <c r="J3048" i="10"/>
  <c r="L3048" i="10" s="1"/>
  <c r="J3040" i="10"/>
  <c r="L3040" i="10" s="1"/>
  <c r="J3032" i="10"/>
  <c r="L3032" i="10" s="1"/>
  <c r="J3024" i="10"/>
  <c r="L3024" i="10" s="1"/>
  <c r="J3016" i="10"/>
  <c r="L3016" i="10" s="1"/>
  <c r="J3008" i="10"/>
  <c r="L3008" i="10" s="1"/>
  <c r="J3000" i="10"/>
  <c r="L3000" i="10" s="1"/>
  <c r="J2992" i="10"/>
  <c r="L2992" i="10" s="1"/>
  <c r="J2984" i="10"/>
  <c r="L2984" i="10" s="1"/>
  <c r="J2976" i="10"/>
  <c r="L2976" i="10" s="1"/>
  <c r="J2968" i="10"/>
  <c r="L2968" i="10" s="1"/>
  <c r="J2960" i="10"/>
  <c r="L2960" i="10" s="1"/>
  <c r="J2952" i="10"/>
  <c r="L2952" i="10" s="1"/>
  <c r="J2944" i="10"/>
  <c r="L2944" i="10" s="1"/>
  <c r="J2936" i="10"/>
  <c r="L2936" i="10" s="1"/>
  <c r="J2928" i="10"/>
  <c r="L2928" i="10" s="1"/>
  <c r="J2920" i="10"/>
  <c r="L2920" i="10" s="1"/>
  <c r="J2912" i="10"/>
  <c r="L2912" i="10" s="1"/>
  <c r="J2904" i="10"/>
  <c r="L2904" i="10" s="1"/>
  <c r="J2896" i="10"/>
  <c r="L2896" i="10" s="1"/>
  <c r="J2888" i="10"/>
  <c r="L2888" i="10" s="1"/>
  <c r="J2880" i="10"/>
  <c r="L2880" i="10" s="1"/>
  <c r="J2872" i="10"/>
  <c r="L2872" i="10" s="1"/>
  <c r="J2864" i="10"/>
  <c r="L2864" i="10" s="1"/>
  <c r="J2856" i="10"/>
  <c r="L2856" i="10" s="1"/>
  <c r="J2848" i="10"/>
  <c r="L2848" i="10" s="1"/>
  <c r="J2840" i="10"/>
  <c r="L2840" i="10" s="1"/>
  <c r="J2832" i="10"/>
  <c r="L2832" i="10" s="1"/>
  <c r="J2824" i="10"/>
  <c r="L2824" i="10" s="1"/>
  <c r="J2816" i="10"/>
  <c r="L2816" i="10" s="1"/>
  <c r="J2808" i="10"/>
  <c r="L2808" i="10" s="1"/>
  <c r="J2800" i="10"/>
  <c r="L2800" i="10" s="1"/>
  <c r="J2792" i="10"/>
  <c r="L2792" i="10" s="1"/>
  <c r="J2784" i="10"/>
  <c r="L2784" i="10" s="1"/>
  <c r="J2776" i="10"/>
  <c r="L2776" i="10" s="1"/>
  <c r="J2768" i="10"/>
  <c r="L2768" i="10" s="1"/>
  <c r="J2760" i="10"/>
  <c r="L2760" i="10" s="1"/>
  <c r="J2752" i="10"/>
  <c r="L2752" i="10" s="1"/>
  <c r="J2744" i="10"/>
  <c r="L2744" i="10" s="1"/>
  <c r="J2736" i="10"/>
  <c r="L2736" i="10" s="1"/>
  <c r="J2728" i="10"/>
  <c r="L2728" i="10" s="1"/>
  <c r="J2720" i="10"/>
  <c r="L2720" i="10" s="1"/>
  <c r="J2712" i="10"/>
  <c r="L2712" i="10" s="1"/>
  <c r="J2704" i="10"/>
  <c r="L2704" i="10" s="1"/>
  <c r="J2696" i="10"/>
  <c r="L2696" i="10" s="1"/>
  <c r="J2688" i="10"/>
  <c r="L2688" i="10" s="1"/>
  <c r="J2680" i="10"/>
  <c r="L2680" i="10" s="1"/>
  <c r="J2672" i="10"/>
  <c r="L2672" i="10" s="1"/>
  <c r="J2664" i="10"/>
  <c r="L2664" i="10" s="1"/>
  <c r="J2656" i="10"/>
  <c r="L2656" i="10" s="1"/>
  <c r="J2648" i="10"/>
  <c r="L2648" i="10" s="1"/>
  <c r="J2640" i="10"/>
  <c r="L2640" i="10" s="1"/>
  <c r="J2632" i="10"/>
  <c r="L2632" i="10" s="1"/>
  <c r="J2624" i="10"/>
  <c r="L2624" i="10" s="1"/>
  <c r="J2616" i="10"/>
  <c r="L2616" i="10" s="1"/>
  <c r="J2608" i="10"/>
  <c r="L2608" i="10" s="1"/>
  <c r="J2600" i="10"/>
  <c r="L2600" i="10" s="1"/>
  <c r="J2592" i="10"/>
  <c r="L2592" i="10" s="1"/>
  <c r="J2584" i="10"/>
  <c r="L2584" i="10" s="1"/>
  <c r="J2576" i="10"/>
  <c r="L2576" i="10" s="1"/>
  <c r="J2568" i="10"/>
  <c r="L2568" i="10" s="1"/>
  <c r="J2560" i="10"/>
  <c r="L2560" i="10" s="1"/>
  <c r="J2552" i="10"/>
  <c r="L2552" i="10" s="1"/>
  <c r="J2544" i="10"/>
  <c r="L2544" i="10" s="1"/>
  <c r="J2536" i="10"/>
  <c r="L2536" i="10" s="1"/>
  <c r="J2528" i="10"/>
  <c r="L2528" i="10" s="1"/>
  <c r="J2520" i="10"/>
  <c r="L2520" i="10" s="1"/>
  <c r="J2512" i="10"/>
  <c r="L2512" i="10" s="1"/>
  <c r="J2504" i="10"/>
  <c r="L2504" i="10" s="1"/>
  <c r="J2496" i="10"/>
  <c r="L2496" i="10" s="1"/>
  <c r="J2488" i="10"/>
  <c r="L2488" i="10" s="1"/>
  <c r="J2480" i="10"/>
  <c r="L2480" i="10" s="1"/>
  <c r="J2472" i="10"/>
  <c r="L2472" i="10" s="1"/>
  <c r="J2464" i="10"/>
  <c r="L2464" i="10" s="1"/>
  <c r="J2456" i="10"/>
  <c r="L2456" i="10" s="1"/>
  <c r="J2448" i="10"/>
  <c r="L2448" i="10" s="1"/>
  <c r="J2440" i="10"/>
  <c r="L2440" i="10" s="1"/>
  <c r="J2432" i="10"/>
  <c r="L2432" i="10" s="1"/>
  <c r="J2424" i="10"/>
  <c r="L2424" i="10" s="1"/>
  <c r="J2416" i="10"/>
  <c r="L2416" i="10" s="1"/>
  <c r="J2408" i="10"/>
  <c r="L2408" i="10" s="1"/>
  <c r="J2400" i="10"/>
  <c r="L2400" i="10" s="1"/>
  <c r="J2392" i="10"/>
  <c r="L2392" i="10" s="1"/>
  <c r="J2384" i="10"/>
  <c r="L2384" i="10" s="1"/>
  <c r="J2376" i="10"/>
  <c r="L2376" i="10" s="1"/>
  <c r="J2368" i="10"/>
  <c r="L2368" i="10" s="1"/>
  <c r="J2360" i="10"/>
  <c r="L2360" i="10" s="1"/>
  <c r="J2352" i="10"/>
  <c r="L2352" i="10" s="1"/>
  <c r="J2344" i="10"/>
  <c r="L2344" i="10" s="1"/>
  <c r="J2336" i="10"/>
  <c r="L2336" i="10" s="1"/>
  <c r="J2328" i="10"/>
  <c r="L2328" i="10" s="1"/>
  <c r="J2320" i="10"/>
  <c r="L2320" i="10" s="1"/>
  <c r="J2312" i="10"/>
  <c r="L2312" i="10" s="1"/>
  <c r="J2304" i="10"/>
  <c r="L2304" i="10" s="1"/>
  <c r="J2296" i="10"/>
  <c r="L2296" i="10" s="1"/>
  <c r="J2288" i="10"/>
  <c r="L2288" i="10" s="1"/>
  <c r="J2280" i="10"/>
  <c r="L2280" i="10" s="1"/>
  <c r="J2272" i="10"/>
  <c r="L2272" i="10" s="1"/>
  <c r="J2264" i="10"/>
  <c r="L2264" i="10" s="1"/>
  <c r="J2256" i="10"/>
  <c r="L2256" i="10" s="1"/>
  <c r="J2248" i="10"/>
  <c r="L2248" i="10" s="1"/>
  <c r="J2240" i="10"/>
  <c r="L2240" i="10" s="1"/>
  <c r="J2232" i="10"/>
  <c r="L2232" i="10" s="1"/>
  <c r="J2224" i="10"/>
  <c r="L2224" i="10" s="1"/>
  <c r="J2216" i="10"/>
  <c r="L2216" i="10" s="1"/>
  <c r="J2208" i="10"/>
  <c r="L2208" i="10" s="1"/>
  <c r="J2200" i="10"/>
  <c r="L2200" i="10" s="1"/>
  <c r="J2192" i="10"/>
  <c r="L2192" i="10" s="1"/>
  <c r="J2184" i="10"/>
  <c r="L2184" i="10" s="1"/>
  <c r="J2176" i="10"/>
  <c r="L2176" i="10" s="1"/>
  <c r="J2168" i="10"/>
  <c r="L2168" i="10" s="1"/>
  <c r="J2160" i="10"/>
  <c r="L2160" i="10" s="1"/>
  <c r="J2152" i="10"/>
  <c r="L2152" i="10" s="1"/>
  <c r="J2144" i="10"/>
  <c r="L2144" i="10" s="1"/>
  <c r="J2136" i="10"/>
  <c r="L2136" i="10" s="1"/>
  <c r="J2128" i="10"/>
  <c r="L2128" i="10" s="1"/>
  <c r="J2120" i="10"/>
  <c r="L2120" i="10" s="1"/>
  <c r="J2112" i="10"/>
  <c r="L2112" i="10" s="1"/>
  <c r="J2104" i="10"/>
  <c r="L2104" i="10" s="1"/>
  <c r="J2096" i="10"/>
  <c r="L2096" i="10" s="1"/>
  <c r="J2088" i="10"/>
  <c r="L2088" i="10" s="1"/>
  <c r="J2080" i="10"/>
  <c r="L2080" i="10" s="1"/>
  <c r="J2072" i="10"/>
  <c r="L2072" i="10" s="1"/>
  <c r="J2064" i="10"/>
  <c r="L2064" i="10" s="1"/>
  <c r="J2056" i="10"/>
  <c r="L2056" i="10" s="1"/>
  <c r="J2048" i="10"/>
  <c r="L2048" i="10" s="1"/>
  <c r="J2040" i="10"/>
  <c r="L2040" i="10" s="1"/>
  <c r="J2032" i="10"/>
  <c r="L2032" i="10" s="1"/>
  <c r="J2024" i="10"/>
  <c r="L2024" i="10" s="1"/>
  <c r="J2016" i="10"/>
  <c r="L2016" i="10" s="1"/>
  <c r="J2008" i="10"/>
  <c r="L2008" i="10" s="1"/>
  <c r="J2000" i="10"/>
  <c r="L2000" i="10" s="1"/>
  <c r="J1992" i="10"/>
  <c r="L1992" i="10" s="1"/>
  <c r="J1984" i="10"/>
  <c r="L1984" i="10" s="1"/>
  <c r="J1976" i="10"/>
  <c r="L1976" i="10" s="1"/>
  <c r="J1968" i="10"/>
  <c r="L1968" i="10" s="1"/>
  <c r="J1960" i="10"/>
  <c r="L1960" i="10" s="1"/>
  <c r="J1952" i="10"/>
  <c r="L1952" i="10" s="1"/>
  <c r="J1944" i="10"/>
  <c r="L1944" i="10" s="1"/>
  <c r="J1936" i="10"/>
  <c r="L1936" i="10" s="1"/>
  <c r="J1928" i="10"/>
  <c r="L1928" i="10" s="1"/>
  <c r="J1920" i="10"/>
  <c r="L1920" i="10" s="1"/>
  <c r="J1912" i="10"/>
  <c r="L1912" i="10" s="1"/>
  <c r="J1904" i="10"/>
  <c r="L1904" i="10" s="1"/>
  <c r="J1896" i="10"/>
  <c r="L1896" i="10" s="1"/>
  <c r="J1888" i="10"/>
  <c r="L1888" i="10" s="1"/>
  <c r="J1880" i="10"/>
  <c r="L1880" i="10" s="1"/>
  <c r="J1872" i="10"/>
  <c r="L1872" i="10" s="1"/>
  <c r="J1864" i="10"/>
  <c r="L1864" i="10" s="1"/>
  <c r="J1856" i="10"/>
  <c r="L1856" i="10" s="1"/>
  <c r="J1848" i="10"/>
  <c r="L1848" i="10" s="1"/>
  <c r="J1840" i="10"/>
  <c r="L1840" i="10" s="1"/>
  <c r="J1832" i="10"/>
  <c r="L1832" i="10" s="1"/>
  <c r="J1824" i="10"/>
  <c r="L1824" i="10" s="1"/>
  <c r="J1816" i="10"/>
  <c r="L1816" i="10" s="1"/>
  <c r="J1808" i="10"/>
  <c r="L1808" i="10" s="1"/>
  <c r="J1800" i="10"/>
  <c r="L1800" i="10" s="1"/>
  <c r="J1792" i="10"/>
  <c r="L1792" i="10" s="1"/>
  <c r="J1784" i="10"/>
  <c r="L1784" i="10" s="1"/>
  <c r="J1776" i="10"/>
  <c r="L1776" i="10" s="1"/>
  <c r="J1768" i="10"/>
  <c r="L1768" i="10" s="1"/>
  <c r="J1760" i="10"/>
  <c r="L1760" i="10" s="1"/>
  <c r="J1752" i="10"/>
  <c r="L1752" i="10" s="1"/>
  <c r="J1744" i="10"/>
  <c r="L1744" i="10" s="1"/>
  <c r="J1736" i="10"/>
  <c r="L1736" i="10" s="1"/>
  <c r="J1728" i="10"/>
  <c r="L1728" i="10" s="1"/>
  <c r="J1720" i="10"/>
  <c r="L1720" i="10" s="1"/>
  <c r="J1712" i="10"/>
  <c r="L1712" i="10" s="1"/>
  <c r="J1704" i="10"/>
  <c r="L1704" i="10" s="1"/>
  <c r="J1696" i="10"/>
  <c r="L1696" i="10" s="1"/>
  <c r="J1688" i="10"/>
  <c r="L1688" i="10" s="1"/>
  <c r="J1680" i="10"/>
  <c r="L1680" i="10" s="1"/>
  <c r="J1672" i="10"/>
  <c r="L1672" i="10" s="1"/>
  <c r="J1664" i="10"/>
  <c r="L1664" i="10" s="1"/>
  <c r="J1656" i="10"/>
  <c r="L1656" i="10" s="1"/>
  <c r="J1648" i="10"/>
  <c r="L1648" i="10" s="1"/>
  <c r="J1640" i="10"/>
  <c r="L1640" i="10" s="1"/>
  <c r="J1632" i="10"/>
  <c r="L1632" i="10" s="1"/>
  <c r="J1624" i="10"/>
  <c r="L1624" i="10" s="1"/>
  <c r="J1616" i="10"/>
  <c r="L1616" i="10" s="1"/>
  <c r="J1608" i="10"/>
  <c r="L1608" i="10" s="1"/>
  <c r="J1600" i="10"/>
  <c r="L1600" i="10" s="1"/>
  <c r="J1592" i="10"/>
  <c r="L1592" i="10" s="1"/>
  <c r="J1584" i="10"/>
  <c r="L1584" i="10" s="1"/>
  <c r="J1576" i="10"/>
  <c r="L1576" i="10" s="1"/>
  <c r="J1568" i="10"/>
  <c r="L1568" i="10" s="1"/>
  <c r="J1560" i="10"/>
  <c r="L1560" i="10" s="1"/>
  <c r="J1552" i="10"/>
  <c r="L1552" i="10" s="1"/>
  <c r="J1544" i="10"/>
  <c r="L1544" i="10" s="1"/>
  <c r="J1536" i="10"/>
  <c r="L1536" i="10" s="1"/>
  <c r="J1528" i="10"/>
  <c r="L1528" i="10" s="1"/>
  <c r="J1520" i="10"/>
  <c r="L1520" i="10" s="1"/>
  <c r="J1512" i="10"/>
  <c r="L1512" i="10" s="1"/>
  <c r="J1504" i="10"/>
  <c r="L1504" i="10" s="1"/>
  <c r="J1496" i="10"/>
  <c r="L1496" i="10" s="1"/>
  <c r="J1488" i="10"/>
  <c r="L1488" i="10" s="1"/>
  <c r="J1480" i="10"/>
  <c r="L1480" i="10" s="1"/>
  <c r="J1472" i="10"/>
  <c r="L1472" i="10" s="1"/>
  <c r="J1464" i="10"/>
  <c r="L1464" i="10" s="1"/>
  <c r="J1456" i="10"/>
  <c r="L1456" i="10" s="1"/>
  <c r="J1448" i="10"/>
  <c r="L1448" i="10" s="1"/>
  <c r="J1440" i="10"/>
  <c r="L1440" i="10" s="1"/>
  <c r="J1432" i="10"/>
  <c r="L1432" i="10" s="1"/>
  <c r="J1424" i="10"/>
  <c r="L1424" i="10" s="1"/>
  <c r="J1416" i="10"/>
  <c r="L1416" i="10" s="1"/>
  <c r="J1408" i="10"/>
  <c r="L1408" i="10" s="1"/>
  <c r="J1400" i="10"/>
  <c r="L1400" i="10" s="1"/>
  <c r="J1392" i="10"/>
  <c r="L1392" i="10" s="1"/>
  <c r="J1384" i="10"/>
  <c r="L1384" i="10" s="1"/>
  <c r="J1376" i="10"/>
  <c r="L1376" i="10" s="1"/>
  <c r="J1368" i="10"/>
  <c r="L1368" i="10" s="1"/>
  <c r="J1360" i="10"/>
  <c r="L1360" i="10" s="1"/>
  <c r="J1352" i="10"/>
  <c r="L1352" i="10" s="1"/>
  <c r="J1344" i="10"/>
  <c r="L1344" i="10" s="1"/>
  <c r="J1336" i="10"/>
  <c r="L1336" i="10" s="1"/>
  <c r="J1328" i="10"/>
  <c r="L1328" i="10" s="1"/>
  <c r="J1320" i="10"/>
  <c r="L1320" i="10" s="1"/>
  <c r="J1312" i="10"/>
  <c r="L1312" i="10" s="1"/>
  <c r="J1304" i="10"/>
  <c r="L1304" i="10" s="1"/>
  <c r="J1296" i="10"/>
  <c r="L1296" i="10" s="1"/>
  <c r="J1288" i="10"/>
  <c r="L1288" i="10" s="1"/>
  <c r="J1280" i="10"/>
  <c r="L1280" i="10" s="1"/>
  <c r="J1272" i="10"/>
  <c r="L1272" i="10" s="1"/>
  <c r="J1264" i="10"/>
  <c r="L1264" i="10" s="1"/>
  <c r="J1256" i="10"/>
  <c r="L1256" i="10" s="1"/>
  <c r="J1248" i="10"/>
  <c r="L1248" i="10" s="1"/>
  <c r="J1240" i="10"/>
  <c r="L1240" i="10" s="1"/>
  <c r="J1232" i="10"/>
  <c r="L1232" i="10" s="1"/>
  <c r="J1224" i="10"/>
  <c r="L1224" i="10" s="1"/>
  <c r="J1216" i="10"/>
  <c r="L1216" i="10" s="1"/>
  <c r="J1208" i="10"/>
  <c r="L1208" i="10" s="1"/>
  <c r="J1200" i="10"/>
  <c r="L1200" i="10" s="1"/>
  <c r="J1192" i="10"/>
  <c r="L1192" i="10" s="1"/>
  <c r="J1184" i="10"/>
  <c r="L1184" i="10" s="1"/>
  <c r="J1176" i="10"/>
  <c r="L1176" i="10" s="1"/>
  <c r="J1168" i="10"/>
  <c r="L1168" i="10" s="1"/>
  <c r="J1160" i="10"/>
  <c r="L1160" i="10" s="1"/>
  <c r="J1152" i="10"/>
  <c r="L1152" i="10" s="1"/>
  <c r="J1144" i="10"/>
  <c r="L1144" i="10" s="1"/>
  <c r="J1136" i="10"/>
  <c r="L1136" i="10" s="1"/>
  <c r="J1128" i="10"/>
  <c r="L1128" i="10" s="1"/>
  <c r="J1120" i="10"/>
  <c r="L1120" i="10" s="1"/>
  <c r="J1112" i="10"/>
  <c r="L1112" i="10" s="1"/>
  <c r="J1104" i="10"/>
  <c r="L1104" i="10" s="1"/>
  <c r="J1096" i="10"/>
  <c r="L1096" i="10" s="1"/>
  <c r="J1088" i="10"/>
  <c r="L1088" i="10" s="1"/>
  <c r="J1080" i="10"/>
  <c r="L1080" i="10" s="1"/>
  <c r="J1072" i="10"/>
  <c r="L1072" i="10" s="1"/>
  <c r="J1064" i="10"/>
  <c r="L1064" i="10" s="1"/>
  <c r="J1056" i="10"/>
  <c r="L1056" i="10" s="1"/>
  <c r="J1048" i="10"/>
  <c r="L1048" i="10" s="1"/>
  <c r="J1040" i="10"/>
  <c r="L1040" i="10" s="1"/>
  <c r="J1032" i="10"/>
  <c r="L1032" i="10" s="1"/>
  <c r="J1024" i="10"/>
  <c r="L1024" i="10" s="1"/>
  <c r="J1016" i="10"/>
  <c r="L1016" i="10" s="1"/>
  <c r="J1008" i="10"/>
  <c r="L1008" i="10" s="1"/>
  <c r="J1000" i="10"/>
  <c r="L1000" i="10" s="1"/>
  <c r="J992" i="10"/>
  <c r="L992" i="10" s="1"/>
  <c r="J984" i="10"/>
  <c r="L984" i="10" s="1"/>
  <c r="J976" i="10"/>
  <c r="L976" i="10" s="1"/>
  <c r="J968" i="10"/>
  <c r="L968" i="10" s="1"/>
  <c r="J960" i="10"/>
  <c r="L960" i="10" s="1"/>
  <c r="J952" i="10"/>
  <c r="L952" i="10" s="1"/>
  <c r="J944" i="10"/>
  <c r="L944" i="10" s="1"/>
  <c r="J936" i="10"/>
  <c r="L936" i="10" s="1"/>
  <c r="J928" i="10"/>
  <c r="L928" i="10" s="1"/>
  <c r="J920" i="10"/>
  <c r="L920" i="10" s="1"/>
  <c r="J912" i="10"/>
  <c r="L912" i="10" s="1"/>
  <c r="J904" i="10"/>
  <c r="L904" i="10" s="1"/>
  <c r="J896" i="10"/>
  <c r="L896" i="10" s="1"/>
  <c r="J888" i="10"/>
  <c r="L888" i="10" s="1"/>
  <c r="J880" i="10"/>
  <c r="L880" i="10" s="1"/>
  <c r="J872" i="10"/>
  <c r="L872" i="10" s="1"/>
  <c r="J864" i="10"/>
  <c r="L864" i="10" s="1"/>
  <c r="J856" i="10"/>
  <c r="L856" i="10" s="1"/>
  <c r="J848" i="10"/>
  <c r="L848" i="10" s="1"/>
  <c r="J840" i="10"/>
  <c r="L840" i="10" s="1"/>
  <c r="J832" i="10"/>
  <c r="L832" i="10" s="1"/>
  <c r="J824" i="10"/>
  <c r="L824" i="10" s="1"/>
  <c r="J816" i="10"/>
  <c r="L816" i="10" s="1"/>
  <c r="J808" i="10"/>
  <c r="L808" i="10" s="1"/>
  <c r="J800" i="10"/>
  <c r="L800" i="10" s="1"/>
  <c r="J792" i="10"/>
  <c r="L792" i="10" s="1"/>
  <c r="J784" i="10"/>
  <c r="L784" i="10" s="1"/>
  <c r="J776" i="10"/>
  <c r="L776" i="10" s="1"/>
  <c r="J768" i="10"/>
  <c r="L768" i="10" s="1"/>
  <c r="J760" i="10"/>
  <c r="L760" i="10" s="1"/>
  <c r="J752" i="10"/>
  <c r="L752" i="10" s="1"/>
  <c r="J744" i="10"/>
  <c r="L744" i="10" s="1"/>
  <c r="J736" i="10"/>
  <c r="L736" i="10" s="1"/>
  <c r="J728" i="10"/>
  <c r="L728" i="10" s="1"/>
  <c r="J720" i="10"/>
  <c r="L720" i="10" s="1"/>
  <c r="J712" i="10"/>
  <c r="L712" i="10" s="1"/>
  <c r="J704" i="10"/>
  <c r="L704" i="10" s="1"/>
  <c r="J696" i="10"/>
  <c r="L696" i="10" s="1"/>
  <c r="J688" i="10"/>
  <c r="L688" i="10" s="1"/>
  <c r="J680" i="10"/>
  <c r="L680" i="10" s="1"/>
  <c r="J672" i="10"/>
  <c r="L672" i="10" s="1"/>
  <c r="J664" i="10"/>
  <c r="L664" i="10" s="1"/>
  <c r="J656" i="10"/>
  <c r="L656" i="10" s="1"/>
  <c r="J648" i="10"/>
  <c r="L648" i="10" s="1"/>
  <c r="J640" i="10"/>
  <c r="L640" i="10" s="1"/>
  <c r="J632" i="10"/>
  <c r="L632" i="10" s="1"/>
  <c r="J624" i="10"/>
  <c r="L624" i="10" s="1"/>
  <c r="J616" i="10"/>
  <c r="L616" i="10" s="1"/>
  <c r="J608" i="10"/>
  <c r="L608" i="10" s="1"/>
  <c r="J600" i="10"/>
  <c r="L600" i="10" s="1"/>
  <c r="J592" i="10"/>
  <c r="L592" i="10" s="1"/>
  <c r="J584" i="10"/>
  <c r="L584" i="10" s="1"/>
  <c r="J576" i="10"/>
  <c r="L576" i="10" s="1"/>
  <c r="J568" i="10"/>
  <c r="L568" i="10" s="1"/>
  <c r="J560" i="10"/>
  <c r="L560" i="10" s="1"/>
  <c r="J552" i="10"/>
  <c r="L552" i="10" s="1"/>
  <c r="J544" i="10"/>
  <c r="L544" i="10" s="1"/>
  <c r="J536" i="10"/>
  <c r="L536" i="10" s="1"/>
  <c r="J528" i="10"/>
  <c r="L528" i="10" s="1"/>
  <c r="J520" i="10"/>
  <c r="L520" i="10" s="1"/>
  <c r="J512" i="10"/>
  <c r="L512" i="10" s="1"/>
  <c r="J504" i="10"/>
  <c r="L504" i="10" s="1"/>
  <c r="J496" i="10"/>
  <c r="L496" i="10" s="1"/>
  <c r="J488" i="10"/>
  <c r="L488" i="10" s="1"/>
  <c r="J480" i="10"/>
  <c r="L480" i="10" s="1"/>
  <c r="J472" i="10"/>
  <c r="L472" i="10" s="1"/>
  <c r="J464" i="10"/>
  <c r="L464" i="10" s="1"/>
  <c r="J456" i="10"/>
  <c r="L456" i="10" s="1"/>
  <c r="J448" i="10"/>
  <c r="L448" i="10" s="1"/>
  <c r="J440" i="10"/>
  <c r="L440" i="10" s="1"/>
  <c r="J432" i="10"/>
  <c r="L432" i="10" s="1"/>
  <c r="J424" i="10"/>
  <c r="L424" i="10" s="1"/>
  <c r="J416" i="10"/>
  <c r="L416" i="10" s="1"/>
  <c r="J408" i="10"/>
  <c r="L408" i="10" s="1"/>
  <c r="J400" i="10"/>
  <c r="L400" i="10" s="1"/>
  <c r="J392" i="10"/>
  <c r="L392" i="10" s="1"/>
  <c r="J384" i="10"/>
  <c r="L384" i="10" s="1"/>
  <c r="J376" i="10"/>
  <c r="L376" i="10" s="1"/>
  <c r="J368" i="10"/>
  <c r="L368" i="10" s="1"/>
  <c r="J360" i="10"/>
  <c r="L360" i="10" s="1"/>
  <c r="J352" i="10"/>
  <c r="L352" i="10" s="1"/>
  <c r="J344" i="10"/>
  <c r="L344" i="10" s="1"/>
  <c r="J336" i="10"/>
  <c r="L336" i="10" s="1"/>
  <c r="J328" i="10"/>
  <c r="L328" i="10" s="1"/>
  <c r="J320" i="10"/>
  <c r="L320" i="10" s="1"/>
  <c r="J312" i="10"/>
  <c r="L312" i="10" s="1"/>
  <c r="J304" i="10"/>
  <c r="L304" i="10" s="1"/>
  <c r="J296" i="10"/>
  <c r="L296" i="10" s="1"/>
  <c r="J288" i="10"/>
  <c r="L288" i="10" s="1"/>
  <c r="J280" i="10"/>
  <c r="L280" i="10" s="1"/>
  <c r="J272" i="10"/>
  <c r="L272" i="10" s="1"/>
  <c r="J264" i="10"/>
  <c r="L264" i="10" s="1"/>
  <c r="J256" i="10"/>
  <c r="L256" i="10" s="1"/>
  <c r="J248" i="10"/>
  <c r="L248" i="10" s="1"/>
  <c r="J240" i="10"/>
  <c r="L240" i="10" s="1"/>
  <c r="J232" i="10"/>
  <c r="L232" i="10" s="1"/>
  <c r="J224" i="10"/>
  <c r="L224" i="10" s="1"/>
  <c r="J216" i="10"/>
  <c r="L216" i="10" s="1"/>
  <c r="J208" i="10"/>
  <c r="L208" i="10" s="1"/>
  <c r="J200" i="10"/>
  <c r="L200" i="10" s="1"/>
  <c r="J192" i="10"/>
  <c r="L192" i="10" s="1"/>
  <c r="J184" i="10"/>
  <c r="L184" i="10" s="1"/>
  <c r="J176" i="10"/>
  <c r="L176" i="10" s="1"/>
  <c r="J168" i="10"/>
  <c r="L168" i="10" s="1"/>
  <c r="J160" i="10"/>
  <c r="L160" i="10" s="1"/>
  <c r="J152" i="10"/>
  <c r="L152" i="10" s="1"/>
  <c r="J144" i="10"/>
  <c r="L144" i="10" s="1"/>
  <c r="J136" i="10"/>
  <c r="L136" i="10" s="1"/>
  <c r="J128" i="10"/>
  <c r="L128" i="10" s="1"/>
  <c r="J120" i="10"/>
  <c r="L120" i="10" s="1"/>
  <c r="J112" i="10"/>
  <c r="L112" i="10" s="1"/>
  <c r="J104" i="10"/>
  <c r="L104" i="10" s="1"/>
  <c r="J96" i="10"/>
  <c r="L96" i="10" s="1"/>
  <c r="J88" i="10"/>
  <c r="L88" i="10" s="1"/>
  <c r="J80" i="10"/>
  <c r="L80" i="10" s="1"/>
  <c r="J72" i="10"/>
  <c r="L72" i="10" s="1"/>
  <c r="J64" i="10"/>
  <c r="L64" i="10" s="1"/>
  <c r="J56" i="10"/>
  <c r="L56" i="10" s="1"/>
  <c r="J48" i="10"/>
  <c r="L48" i="10" s="1"/>
  <c r="J40" i="10"/>
  <c r="L40" i="10" s="1"/>
  <c r="J32" i="10"/>
  <c r="L32" i="10" s="1"/>
  <c r="J24" i="10"/>
  <c r="L24" i="10" s="1"/>
  <c r="J16" i="10"/>
  <c r="L16" i="10" s="1"/>
  <c r="J15" i="10"/>
  <c r="L15" i="10" s="1"/>
  <c r="J5807" i="10"/>
  <c r="L5807" i="10" s="1"/>
  <c r="J5799" i="10"/>
  <c r="L5799" i="10" s="1"/>
  <c r="J5791" i="10"/>
  <c r="L5791" i="10" s="1"/>
  <c r="J5783" i="10"/>
  <c r="L5783" i="10" s="1"/>
  <c r="J5775" i="10"/>
  <c r="L5775" i="10" s="1"/>
  <c r="J5767" i="10"/>
  <c r="L5767" i="10" s="1"/>
  <c r="J5759" i="10"/>
  <c r="L5759" i="10" s="1"/>
  <c r="J5751" i="10"/>
  <c r="L5751" i="10" s="1"/>
  <c r="J5743" i="10"/>
  <c r="L5743" i="10" s="1"/>
  <c r="J5735" i="10"/>
  <c r="L5735" i="10" s="1"/>
  <c r="J5727" i="10"/>
  <c r="L5727" i="10" s="1"/>
  <c r="J5719" i="10"/>
  <c r="L5719" i="10" s="1"/>
  <c r="J5711" i="10"/>
  <c r="L5711" i="10" s="1"/>
  <c r="J5703" i="10"/>
  <c r="L5703" i="10" s="1"/>
  <c r="J5695" i="10"/>
  <c r="L5695" i="10" s="1"/>
  <c r="J5687" i="10"/>
  <c r="L5687" i="10" s="1"/>
  <c r="J5679" i="10"/>
  <c r="L5679" i="10" s="1"/>
  <c r="J5671" i="10"/>
  <c r="L5671" i="10" s="1"/>
  <c r="J5663" i="10"/>
  <c r="L5663" i="10" s="1"/>
  <c r="J5655" i="10"/>
  <c r="L5655" i="10" s="1"/>
  <c r="J5647" i="10"/>
  <c r="L5647" i="10" s="1"/>
  <c r="J5639" i="10"/>
  <c r="L5639" i="10" s="1"/>
  <c r="J5631" i="10"/>
  <c r="L5631" i="10" s="1"/>
  <c r="J5623" i="10"/>
  <c r="L5623" i="10" s="1"/>
  <c r="J5615" i="10"/>
  <c r="L5615" i="10" s="1"/>
  <c r="J5607" i="10"/>
  <c r="L5607" i="10" s="1"/>
  <c r="J5599" i="10"/>
  <c r="L5599" i="10" s="1"/>
  <c r="J5591" i="10"/>
  <c r="L5591" i="10" s="1"/>
  <c r="J5583" i="10"/>
  <c r="L5583" i="10" s="1"/>
  <c r="J5575" i="10"/>
  <c r="L5575" i="10" s="1"/>
  <c r="J5567" i="10"/>
  <c r="L5567" i="10" s="1"/>
  <c r="J5559" i="10"/>
  <c r="L5559" i="10" s="1"/>
  <c r="J5551" i="10"/>
  <c r="L5551" i="10" s="1"/>
  <c r="J5543" i="10"/>
  <c r="L5543" i="10" s="1"/>
  <c r="J5535" i="10"/>
  <c r="L5535" i="10" s="1"/>
  <c r="J5527" i="10"/>
  <c r="L5527" i="10" s="1"/>
  <c r="J5519" i="10"/>
  <c r="L5519" i="10" s="1"/>
  <c r="J5511" i="10"/>
  <c r="L5511" i="10" s="1"/>
  <c r="J5503" i="10"/>
  <c r="L5503" i="10" s="1"/>
  <c r="J5495" i="10"/>
  <c r="L5495" i="10" s="1"/>
  <c r="J5487" i="10"/>
  <c r="L5487" i="10" s="1"/>
  <c r="J5479" i="10"/>
  <c r="L5479" i="10" s="1"/>
  <c r="J5471" i="10"/>
  <c r="L5471" i="10" s="1"/>
  <c r="J5463" i="10"/>
  <c r="L5463" i="10" s="1"/>
  <c r="J5455" i="10"/>
  <c r="L5455" i="10" s="1"/>
  <c r="J5447" i="10"/>
  <c r="L5447" i="10" s="1"/>
  <c r="J5439" i="10"/>
  <c r="L5439" i="10" s="1"/>
  <c r="J5431" i="10"/>
  <c r="L5431" i="10" s="1"/>
  <c r="J5423" i="10"/>
  <c r="L5423" i="10" s="1"/>
  <c r="J5415" i="10"/>
  <c r="L5415" i="10" s="1"/>
  <c r="J5407" i="10"/>
  <c r="L5407" i="10" s="1"/>
  <c r="J5399" i="10"/>
  <c r="L5399" i="10" s="1"/>
  <c r="J5391" i="10"/>
  <c r="L5391" i="10" s="1"/>
  <c r="J5383" i="10"/>
  <c r="L5383" i="10" s="1"/>
  <c r="J5375" i="10"/>
  <c r="L5375" i="10" s="1"/>
  <c r="J5367" i="10"/>
  <c r="L5367" i="10" s="1"/>
  <c r="J5359" i="10"/>
  <c r="L5359" i="10" s="1"/>
  <c r="J5351" i="10"/>
  <c r="L5351" i="10" s="1"/>
  <c r="J5343" i="10"/>
  <c r="L5343" i="10" s="1"/>
  <c r="J5335" i="10"/>
  <c r="L5335" i="10" s="1"/>
  <c r="J5327" i="10"/>
  <c r="L5327" i="10" s="1"/>
  <c r="J5319" i="10"/>
  <c r="L5319" i="10" s="1"/>
  <c r="J5311" i="10"/>
  <c r="L5311" i="10" s="1"/>
  <c r="J5303" i="10"/>
  <c r="L5303" i="10" s="1"/>
  <c r="J5295" i="10"/>
  <c r="L5295" i="10" s="1"/>
  <c r="J5287" i="10"/>
  <c r="L5287" i="10" s="1"/>
  <c r="J5279" i="10"/>
  <c r="L5279" i="10" s="1"/>
  <c r="J5271" i="10"/>
  <c r="L5271" i="10" s="1"/>
  <c r="J5263" i="10"/>
  <c r="L5263" i="10" s="1"/>
  <c r="J5255" i="10"/>
  <c r="L5255" i="10" s="1"/>
  <c r="J5247" i="10"/>
  <c r="L5247" i="10" s="1"/>
  <c r="J5239" i="10"/>
  <c r="L5239" i="10" s="1"/>
  <c r="J5231" i="10"/>
  <c r="L5231" i="10" s="1"/>
  <c r="J5223" i="10"/>
  <c r="L5223" i="10" s="1"/>
  <c r="J5215" i="10"/>
  <c r="L5215" i="10" s="1"/>
  <c r="J5207" i="10"/>
  <c r="L5207" i="10" s="1"/>
  <c r="J5199" i="10"/>
  <c r="L5199" i="10" s="1"/>
  <c r="J5191" i="10"/>
  <c r="L5191" i="10" s="1"/>
  <c r="J5183" i="10"/>
  <c r="L5183" i="10" s="1"/>
  <c r="J5175" i="10"/>
  <c r="L5175" i="10" s="1"/>
  <c r="J5167" i="10"/>
  <c r="L5167" i="10" s="1"/>
  <c r="J5159" i="10"/>
  <c r="L5159" i="10" s="1"/>
  <c r="J5151" i="10"/>
  <c r="L5151" i="10" s="1"/>
  <c r="J5143" i="10"/>
  <c r="L5143" i="10" s="1"/>
  <c r="J5135" i="10"/>
  <c r="L5135" i="10" s="1"/>
  <c r="J5127" i="10"/>
  <c r="L5127" i="10" s="1"/>
  <c r="J5119" i="10"/>
  <c r="L5119" i="10" s="1"/>
  <c r="J5111" i="10"/>
  <c r="L5111" i="10" s="1"/>
  <c r="J5103" i="10"/>
  <c r="L5103" i="10" s="1"/>
  <c r="J5095" i="10"/>
  <c r="L5095" i="10" s="1"/>
  <c r="J5087" i="10"/>
  <c r="L5087" i="10" s="1"/>
  <c r="J5079" i="10"/>
  <c r="L5079" i="10" s="1"/>
  <c r="J5071" i="10"/>
  <c r="L5071" i="10" s="1"/>
  <c r="J5063" i="10"/>
  <c r="L5063" i="10" s="1"/>
  <c r="J5055" i="10"/>
  <c r="L5055" i="10" s="1"/>
  <c r="J5047" i="10"/>
  <c r="L5047" i="10" s="1"/>
  <c r="J5039" i="10"/>
  <c r="L5039" i="10" s="1"/>
  <c r="J5031" i="10"/>
  <c r="L5031" i="10" s="1"/>
  <c r="J5023" i="10"/>
  <c r="L5023" i="10" s="1"/>
  <c r="J5015" i="10"/>
  <c r="L5015" i="10" s="1"/>
  <c r="J5007" i="10"/>
  <c r="L5007" i="10" s="1"/>
  <c r="J4999" i="10"/>
  <c r="L4999" i="10" s="1"/>
  <c r="J4991" i="10"/>
  <c r="L4991" i="10" s="1"/>
  <c r="J4983" i="10"/>
  <c r="L4983" i="10" s="1"/>
  <c r="J4975" i="10"/>
  <c r="L4975" i="10" s="1"/>
  <c r="J4967" i="10"/>
  <c r="L4967" i="10" s="1"/>
  <c r="J4959" i="10"/>
  <c r="L4959" i="10" s="1"/>
  <c r="J4951" i="10"/>
  <c r="L4951" i="10" s="1"/>
  <c r="J4943" i="10"/>
  <c r="L4943" i="10" s="1"/>
  <c r="J4935" i="10"/>
  <c r="L4935" i="10" s="1"/>
  <c r="J4927" i="10"/>
  <c r="L4927" i="10" s="1"/>
  <c r="J4919" i="10"/>
  <c r="L4919" i="10" s="1"/>
  <c r="J4911" i="10"/>
  <c r="L4911" i="10" s="1"/>
  <c r="J4903" i="10"/>
  <c r="L4903" i="10" s="1"/>
  <c r="J4895" i="10"/>
  <c r="L4895" i="10" s="1"/>
  <c r="J4887" i="10"/>
  <c r="L4887" i="10" s="1"/>
  <c r="J4879" i="10"/>
  <c r="L4879" i="10" s="1"/>
  <c r="J4871" i="10"/>
  <c r="L4871" i="10" s="1"/>
  <c r="J4863" i="10"/>
  <c r="L4863" i="10" s="1"/>
  <c r="J4855" i="10"/>
  <c r="L4855" i="10" s="1"/>
  <c r="J4847" i="10"/>
  <c r="L4847" i="10" s="1"/>
  <c r="J4839" i="10"/>
  <c r="L4839" i="10" s="1"/>
  <c r="J4831" i="10"/>
  <c r="L4831" i="10" s="1"/>
  <c r="J4823" i="10"/>
  <c r="L4823" i="10" s="1"/>
  <c r="J4815" i="10"/>
  <c r="L4815" i="10" s="1"/>
  <c r="J4807" i="10"/>
  <c r="L4807" i="10" s="1"/>
  <c r="J4799" i="10"/>
  <c r="L4799" i="10" s="1"/>
  <c r="J4791" i="10"/>
  <c r="L4791" i="10" s="1"/>
  <c r="J4783" i="10"/>
  <c r="L4783" i="10" s="1"/>
  <c r="J4775" i="10"/>
  <c r="L4775" i="10" s="1"/>
  <c r="J4767" i="10"/>
  <c r="L4767" i="10" s="1"/>
  <c r="J4759" i="10"/>
  <c r="L4759" i="10" s="1"/>
  <c r="J4751" i="10"/>
  <c r="L4751" i="10" s="1"/>
  <c r="J4743" i="10"/>
  <c r="L4743" i="10" s="1"/>
  <c r="J4735" i="10"/>
  <c r="L4735" i="10" s="1"/>
  <c r="J4727" i="10"/>
  <c r="L4727" i="10" s="1"/>
  <c r="J4719" i="10"/>
  <c r="L4719" i="10" s="1"/>
  <c r="J4711" i="10"/>
  <c r="L4711" i="10" s="1"/>
  <c r="J4703" i="10"/>
  <c r="L4703" i="10" s="1"/>
  <c r="J4695" i="10"/>
  <c r="L4695" i="10" s="1"/>
  <c r="J4687" i="10"/>
  <c r="L4687" i="10" s="1"/>
  <c r="J4679" i="10"/>
  <c r="L4679" i="10" s="1"/>
  <c r="J4671" i="10"/>
  <c r="L4671" i="10" s="1"/>
  <c r="J4663" i="10"/>
  <c r="L4663" i="10" s="1"/>
  <c r="J4655" i="10"/>
  <c r="L4655" i="10" s="1"/>
  <c r="J4647" i="10"/>
  <c r="L4647" i="10" s="1"/>
  <c r="J4639" i="10"/>
  <c r="L4639" i="10" s="1"/>
  <c r="J4631" i="10"/>
  <c r="L4631" i="10" s="1"/>
  <c r="J4623" i="10"/>
  <c r="L4623" i="10" s="1"/>
  <c r="J4615" i="10"/>
  <c r="L4615" i="10" s="1"/>
  <c r="J4607" i="10"/>
  <c r="L4607" i="10" s="1"/>
  <c r="J4599" i="10"/>
  <c r="L4599" i="10" s="1"/>
  <c r="J4591" i="10"/>
  <c r="L4591" i="10" s="1"/>
  <c r="J4583" i="10"/>
  <c r="L4583" i="10" s="1"/>
  <c r="J4575" i="10"/>
  <c r="L4575" i="10" s="1"/>
  <c r="J4567" i="10"/>
  <c r="L4567" i="10" s="1"/>
  <c r="J4559" i="10"/>
  <c r="L4559" i="10" s="1"/>
  <c r="J4551" i="10"/>
  <c r="L4551" i="10" s="1"/>
  <c r="J4543" i="10"/>
  <c r="L4543" i="10" s="1"/>
  <c r="J4535" i="10"/>
  <c r="L4535" i="10" s="1"/>
  <c r="J4527" i="10"/>
  <c r="L4527" i="10" s="1"/>
  <c r="J4519" i="10"/>
  <c r="L4519" i="10" s="1"/>
  <c r="J4511" i="10"/>
  <c r="L4511" i="10" s="1"/>
  <c r="J4503" i="10"/>
  <c r="L4503" i="10" s="1"/>
  <c r="J4495" i="10"/>
  <c r="L4495" i="10" s="1"/>
  <c r="J4487" i="10"/>
  <c r="L4487" i="10" s="1"/>
  <c r="J4479" i="10"/>
  <c r="L4479" i="10" s="1"/>
  <c r="J4471" i="10"/>
  <c r="L4471" i="10" s="1"/>
  <c r="J4463" i="10"/>
  <c r="L4463" i="10" s="1"/>
  <c r="J4455" i="10"/>
  <c r="L4455" i="10" s="1"/>
  <c r="J4447" i="10"/>
  <c r="L4447" i="10" s="1"/>
  <c r="J4439" i="10"/>
  <c r="L4439" i="10" s="1"/>
  <c r="J4431" i="10"/>
  <c r="L4431" i="10" s="1"/>
  <c r="J4423" i="10"/>
  <c r="L4423" i="10" s="1"/>
  <c r="J4415" i="10"/>
  <c r="L4415" i="10" s="1"/>
  <c r="J4407" i="10"/>
  <c r="L4407" i="10" s="1"/>
  <c r="J4399" i="10"/>
  <c r="L4399" i="10" s="1"/>
  <c r="J4391" i="10"/>
  <c r="L4391" i="10" s="1"/>
  <c r="J4383" i="10"/>
  <c r="L4383" i="10" s="1"/>
  <c r="J4375" i="10"/>
  <c r="L4375" i="10" s="1"/>
  <c r="J4367" i="10"/>
  <c r="L4367" i="10" s="1"/>
  <c r="J4359" i="10"/>
  <c r="L4359" i="10" s="1"/>
  <c r="J4351" i="10"/>
  <c r="L4351" i="10" s="1"/>
  <c r="J4343" i="10"/>
  <c r="L4343" i="10" s="1"/>
  <c r="J4335" i="10"/>
  <c r="L4335" i="10" s="1"/>
  <c r="J4327" i="10"/>
  <c r="L4327" i="10" s="1"/>
  <c r="J4319" i="10"/>
  <c r="L4319" i="10" s="1"/>
  <c r="J4311" i="10"/>
  <c r="L4311" i="10" s="1"/>
  <c r="J4303" i="10"/>
  <c r="L4303" i="10" s="1"/>
  <c r="J4295" i="10"/>
  <c r="L4295" i="10" s="1"/>
  <c r="J4287" i="10"/>
  <c r="L4287" i="10" s="1"/>
  <c r="J4279" i="10"/>
  <c r="L4279" i="10" s="1"/>
  <c r="J4271" i="10"/>
  <c r="L4271" i="10" s="1"/>
  <c r="J4263" i="10"/>
  <c r="L4263" i="10" s="1"/>
  <c r="J4255" i="10"/>
  <c r="L4255" i="10" s="1"/>
  <c r="J4247" i="10"/>
  <c r="L4247" i="10" s="1"/>
  <c r="J4239" i="10"/>
  <c r="L4239" i="10" s="1"/>
  <c r="J4231" i="10"/>
  <c r="L4231" i="10" s="1"/>
  <c r="J4223" i="10"/>
  <c r="L4223" i="10" s="1"/>
  <c r="J4215" i="10"/>
  <c r="L4215" i="10" s="1"/>
  <c r="J4207" i="10"/>
  <c r="L4207" i="10" s="1"/>
  <c r="J4199" i="10"/>
  <c r="L4199" i="10" s="1"/>
  <c r="J4191" i="10"/>
  <c r="L4191" i="10" s="1"/>
  <c r="J4183" i="10"/>
  <c r="L4183" i="10" s="1"/>
  <c r="J4175" i="10"/>
  <c r="L4175" i="10" s="1"/>
  <c r="J4167" i="10"/>
  <c r="L4167" i="10" s="1"/>
  <c r="J4159" i="10"/>
  <c r="L4159" i="10" s="1"/>
  <c r="J4151" i="10"/>
  <c r="L4151" i="10" s="1"/>
  <c r="J4143" i="10"/>
  <c r="L4143" i="10" s="1"/>
  <c r="J4135" i="10"/>
  <c r="L4135" i="10" s="1"/>
  <c r="J4127" i="10"/>
  <c r="L4127" i="10" s="1"/>
  <c r="J4119" i="10"/>
  <c r="L4119" i="10" s="1"/>
  <c r="J4111" i="10"/>
  <c r="L4111" i="10" s="1"/>
  <c r="J4103" i="10"/>
  <c r="L4103" i="10" s="1"/>
  <c r="J4095" i="10"/>
  <c r="L4095" i="10" s="1"/>
  <c r="J4087" i="10"/>
  <c r="L4087" i="10" s="1"/>
  <c r="J4079" i="10"/>
  <c r="L4079" i="10" s="1"/>
  <c r="J4071" i="10"/>
  <c r="L4071" i="10" s="1"/>
  <c r="J4063" i="10"/>
  <c r="L4063" i="10" s="1"/>
  <c r="J4055" i="10"/>
  <c r="L4055" i="10" s="1"/>
  <c r="J4047" i="10"/>
  <c r="L4047" i="10" s="1"/>
  <c r="J4039" i="10"/>
  <c r="L4039" i="10" s="1"/>
  <c r="J4031" i="10"/>
  <c r="L4031" i="10" s="1"/>
  <c r="J4023" i="10"/>
  <c r="L4023" i="10" s="1"/>
  <c r="J4015" i="10"/>
  <c r="L4015" i="10" s="1"/>
  <c r="J4007" i="10"/>
  <c r="L4007" i="10" s="1"/>
  <c r="J3999" i="10"/>
  <c r="L3999" i="10" s="1"/>
  <c r="J3991" i="10"/>
  <c r="L3991" i="10" s="1"/>
  <c r="J3983" i="10"/>
  <c r="L3983" i="10" s="1"/>
  <c r="J3975" i="10"/>
  <c r="L3975" i="10" s="1"/>
  <c r="J3967" i="10"/>
  <c r="L3967" i="10" s="1"/>
  <c r="J3959" i="10"/>
  <c r="L3959" i="10" s="1"/>
  <c r="J3951" i="10"/>
  <c r="L3951" i="10" s="1"/>
  <c r="J3943" i="10"/>
  <c r="L3943" i="10" s="1"/>
  <c r="J3935" i="10"/>
  <c r="L3935" i="10" s="1"/>
  <c r="J3927" i="10"/>
  <c r="L3927" i="10" s="1"/>
  <c r="J3919" i="10"/>
  <c r="L3919" i="10" s="1"/>
  <c r="J3911" i="10"/>
  <c r="L3911" i="10" s="1"/>
  <c r="J3903" i="10"/>
  <c r="L3903" i="10" s="1"/>
  <c r="J3895" i="10"/>
  <c r="L3895" i="10" s="1"/>
  <c r="J3887" i="10"/>
  <c r="L3887" i="10" s="1"/>
  <c r="J3879" i="10"/>
  <c r="L3879" i="10" s="1"/>
  <c r="J3871" i="10"/>
  <c r="L3871" i="10" s="1"/>
  <c r="J3863" i="10"/>
  <c r="L3863" i="10" s="1"/>
  <c r="J3855" i="10"/>
  <c r="L3855" i="10" s="1"/>
  <c r="J3847" i="10"/>
  <c r="L3847" i="10" s="1"/>
  <c r="J3839" i="10"/>
  <c r="L3839" i="10" s="1"/>
  <c r="J3831" i="10"/>
  <c r="L3831" i="10" s="1"/>
  <c r="J3823" i="10"/>
  <c r="L3823" i="10" s="1"/>
  <c r="J3815" i="10"/>
  <c r="L3815" i="10" s="1"/>
  <c r="J3807" i="10"/>
  <c r="L3807" i="10" s="1"/>
  <c r="J3799" i="10"/>
  <c r="L3799" i="10" s="1"/>
  <c r="J3791" i="10"/>
  <c r="L3791" i="10" s="1"/>
  <c r="J3783" i="10"/>
  <c r="L3783" i="10" s="1"/>
  <c r="J3775" i="10"/>
  <c r="L3775" i="10" s="1"/>
  <c r="J3767" i="10"/>
  <c r="L3767" i="10" s="1"/>
  <c r="J3759" i="10"/>
  <c r="L3759" i="10" s="1"/>
  <c r="J3751" i="10"/>
  <c r="L3751" i="10" s="1"/>
  <c r="J3743" i="10"/>
  <c r="L3743" i="10" s="1"/>
  <c r="J3735" i="10"/>
  <c r="L3735" i="10" s="1"/>
  <c r="J3727" i="10"/>
  <c r="L3727" i="10" s="1"/>
  <c r="J3719" i="10"/>
  <c r="L3719" i="10" s="1"/>
  <c r="J3711" i="10"/>
  <c r="L3711" i="10" s="1"/>
  <c r="J3703" i="10"/>
  <c r="L3703" i="10" s="1"/>
  <c r="J3695" i="10"/>
  <c r="L3695" i="10" s="1"/>
  <c r="J3687" i="10"/>
  <c r="L3687" i="10" s="1"/>
  <c r="J3679" i="10"/>
  <c r="L3679" i="10" s="1"/>
  <c r="J3671" i="10"/>
  <c r="L3671" i="10" s="1"/>
  <c r="J3663" i="10"/>
  <c r="L3663" i="10" s="1"/>
  <c r="J3655" i="10"/>
  <c r="L3655" i="10" s="1"/>
  <c r="J3647" i="10"/>
  <c r="L3647" i="10" s="1"/>
  <c r="J3639" i="10"/>
  <c r="L3639" i="10" s="1"/>
  <c r="J3631" i="10"/>
  <c r="L3631" i="10" s="1"/>
  <c r="J3623" i="10"/>
  <c r="L3623" i="10" s="1"/>
  <c r="J3615" i="10"/>
  <c r="L3615" i="10" s="1"/>
  <c r="J3607" i="10"/>
  <c r="L3607" i="10" s="1"/>
  <c r="J3599" i="10"/>
  <c r="L3599" i="10" s="1"/>
  <c r="J3591" i="10"/>
  <c r="L3591" i="10" s="1"/>
  <c r="J3583" i="10"/>
  <c r="L3583" i="10" s="1"/>
  <c r="J3575" i="10"/>
  <c r="L3575" i="10" s="1"/>
  <c r="J3567" i="10"/>
  <c r="L3567" i="10" s="1"/>
  <c r="J3559" i="10"/>
  <c r="L3559" i="10" s="1"/>
  <c r="J3551" i="10"/>
  <c r="L3551" i="10" s="1"/>
  <c r="J3543" i="10"/>
  <c r="L3543" i="10" s="1"/>
  <c r="J3535" i="10"/>
  <c r="L3535" i="10" s="1"/>
  <c r="J3527" i="10"/>
  <c r="L3527" i="10" s="1"/>
  <c r="J3519" i="10"/>
  <c r="L3519" i="10" s="1"/>
  <c r="J3511" i="10"/>
  <c r="L3511" i="10" s="1"/>
  <c r="J3503" i="10"/>
  <c r="L3503" i="10" s="1"/>
  <c r="J3495" i="10"/>
  <c r="L3495" i="10" s="1"/>
  <c r="J3487" i="10"/>
  <c r="L3487" i="10" s="1"/>
  <c r="J3479" i="10"/>
  <c r="L3479" i="10" s="1"/>
  <c r="J3471" i="10"/>
  <c r="L3471" i="10" s="1"/>
  <c r="J3463" i="10"/>
  <c r="L3463" i="10" s="1"/>
  <c r="J3455" i="10"/>
  <c r="L3455" i="10" s="1"/>
  <c r="J3447" i="10"/>
  <c r="L3447" i="10" s="1"/>
  <c r="J3439" i="10"/>
  <c r="L3439" i="10" s="1"/>
  <c r="J3431" i="10"/>
  <c r="L3431" i="10" s="1"/>
  <c r="J3423" i="10"/>
  <c r="L3423" i="10" s="1"/>
  <c r="J3415" i="10"/>
  <c r="L3415" i="10" s="1"/>
  <c r="J3407" i="10"/>
  <c r="L3407" i="10" s="1"/>
  <c r="J3399" i="10"/>
  <c r="L3399" i="10" s="1"/>
  <c r="J3391" i="10"/>
  <c r="L3391" i="10" s="1"/>
  <c r="J3383" i="10"/>
  <c r="L3383" i="10" s="1"/>
  <c r="J3375" i="10"/>
  <c r="L3375" i="10" s="1"/>
  <c r="J3367" i="10"/>
  <c r="L3367" i="10" s="1"/>
  <c r="J3359" i="10"/>
  <c r="L3359" i="10" s="1"/>
  <c r="J3351" i="10"/>
  <c r="L3351" i="10" s="1"/>
  <c r="J3343" i="10"/>
  <c r="L3343" i="10" s="1"/>
  <c r="J3335" i="10"/>
  <c r="L3335" i="10" s="1"/>
  <c r="J3327" i="10"/>
  <c r="L3327" i="10" s="1"/>
  <c r="J3319" i="10"/>
  <c r="L3319" i="10" s="1"/>
  <c r="J3311" i="10"/>
  <c r="L3311" i="10" s="1"/>
  <c r="J3303" i="10"/>
  <c r="L3303" i="10" s="1"/>
  <c r="J3295" i="10"/>
  <c r="L3295" i="10" s="1"/>
  <c r="J3287" i="10"/>
  <c r="L3287" i="10" s="1"/>
  <c r="J3279" i="10"/>
  <c r="L3279" i="10" s="1"/>
  <c r="J3271" i="10"/>
  <c r="L3271" i="10" s="1"/>
  <c r="J3263" i="10"/>
  <c r="L3263" i="10" s="1"/>
  <c r="J3255" i="10"/>
  <c r="L3255" i="10" s="1"/>
  <c r="J3247" i="10"/>
  <c r="L3247" i="10" s="1"/>
  <c r="J3239" i="10"/>
  <c r="L3239" i="10" s="1"/>
  <c r="J3231" i="10"/>
  <c r="L3231" i="10" s="1"/>
  <c r="J3223" i="10"/>
  <c r="L3223" i="10" s="1"/>
  <c r="J3215" i="10"/>
  <c r="L3215" i="10" s="1"/>
  <c r="J3207" i="10"/>
  <c r="L3207" i="10" s="1"/>
  <c r="J3199" i="10"/>
  <c r="L3199" i="10" s="1"/>
  <c r="J3191" i="10"/>
  <c r="L3191" i="10" s="1"/>
  <c r="J3183" i="10"/>
  <c r="L3183" i="10" s="1"/>
  <c r="J3175" i="10"/>
  <c r="L3175" i="10" s="1"/>
  <c r="J3167" i="10"/>
  <c r="L3167" i="10" s="1"/>
  <c r="J3159" i="10"/>
  <c r="L3159" i="10" s="1"/>
  <c r="J3151" i="10"/>
  <c r="L3151" i="10" s="1"/>
  <c r="J3143" i="10"/>
  <c r="L3143" i="10" s="1"/>
  <c r="J3135" i="10"/>
  <c r="L3135" i="10" s="1"/>
  <c r="J3127" i="10"/>
  <c r="L3127" i="10" s="1"/>
  <c r="J3119" i="10"/>
  <c r="L3119" i="10" s="1"/>
  <c r="J3111" i="10"/>
  <c r="L3111" i="10" s="1"/>
  <c r="J3103" i="10"/>
  <c r="L3103" i="10" s="1"/>
  <c r="J3095" i="10"/>
  <c r="L3095" i="10" s="1"/>
  <c r="J3087" i="10"/>
  <c r="L3087" i="10" s="1"/>
  <c r="J3079" i="10"/>
  <c r="L3079" i="10" s="1"/>
  <c r="J3071" i="10"/>
  <c r="L3071" i="10" s="1"/>
  <c r="J3063" i="10"/>
  <c r="L3063" i="10" s="1"/>
  <c r="J3055" i="10"/>
  <c r="L3055" i="10" s="1"/>
  <c r="J3047" i="10"/>
  <c r="L3047" i="10" s="1"/>
  <c r="J3039" i="10"/>
  <c r="L3039" i="10" s="1"/>
  <c r="J3031" i="10"/>
  <c r="L3031" i="10" s="1"/>
  <c r="J3023" i="10"/>
  <c r="L3023" i="10" s="1"/>
  <c r="J3015" i="10"/>
  <c r="L3015" i="10" s="1"/>
  <c r="J3007" i="10"/>
  <c r="L3007" i="10" s="1"/>
  <c r="J2999" i="10"/>
  <c r="L2999" i="10" s="1"/>
  <c r="J2991" i="10"/>
  <c r="L2991" i="10" s="1"/>
  <c r="J2983" i="10"/>
  <c r="L2983" i="10" s="1"/>
  <c r="J2975" i="10"/>
  <c r="L2975" i="10" s="1"/>
  <c r="J2967" i="10"/>
  <c r="L2967" i="10" s="1"/>
  <c r="J2959" i="10"/>
  <c r="L2959" i="10" s="1"/>
  <c r="J2951" i="10"/>
  <c r="L2951" i="10" s="1"/>
  <c r="J2943" i="10"/>
  <c r="L2943" i="10" s="1"/>
  <c r="J2935" i="10"/>
  <c r="L2935" i="10" s="1"/>
  <c r="J2927" i="10"/>
  <c r="L2927" i="10" s="1"/>
  <c r="J2919" i="10"/>
  <c r="L2919" i="10" s="1"/>
  <c r="J2911" i="10"/>
  <c r="L2911" i="10" s="1"/>
  <c r="J2903" i="10"/>
  <c r="L2903" i="10" s="1"/>
  <c r="J2895" i="10"/>
  <c r="L2895" i="10" s="1"/>
  <c r="J2887" i="10"/>
  <c r="L2887" i="10" s="1"/>
  <c r="J2879" i="10"/>
  <c r="L2879" i="10" s="1"/>
  <c r="J2871" i="10"/>
  <c r="L2871" i="10" s="1"/>
  <c r="J2863" i="10"/>
  <c r="L2863" i="10" s="1"/>
  <c r="J2855" i="10"/>
  <c r="L2855" i="10" s="1"/>
  <c r="J2847" i="10"/>
  <c r="L2847" i="10" s="1"/>
  <c r="J2839" i="10"/>
  <c r="L2839" i="10" s="1"/>
  <c r="J2831" i="10"/>
  <c r="L2831" i="10" s="1"/>
  <c r="J2823" i="10"/>
  <c r="L2823" i="10" s="1"/>
  <c r="J2815" i="10"/>
  <c r="L2815" i="10" s="1"/>
  <c r="J2807" i="10"/>
  <c r="L2807" i="10" s="1"/>
  <c r="J2799" i="10"/>
  <c r="L2799" i="10" s="1"/>
  <c r="J2791" i="10"/>
  <c r="L2791" i="10" s="1"/>
  <c r="J2783" i="10"/>
  <c r="L2783" i="10" s="1"/>
  <c r="J2775" i="10"/>
  <c r="L2775" i="10" s="1"/>
  <c r="J2767" i="10"/>
  <c r="L2767" i="10" s="1"/>
  <c r="J2759" i="10"/>
  <c r="L2759" i="10" s="1"/>
  <c r="J2751" i="10"/>
  <c r="L2751" i="10" s="1"/>
  <c r="J2743" i="10"/>
  <c r="L2743" i="10" s="1"/>
  <c r="J2735" i="10"/>
  <c r="L2735" i="10" s="1"/>
  <c r="J2727" i="10"/>
  <c r="L2727" i="10" s="1"/>
  <c r="J2719" i="10"/>
  <c r="L2719" i="10" s="1"/>
  <c r="J2711" i="10"/>
  <c r="L2711" i="10" s="1"/>
  <c r="J2703" i="10"/>
  <c r="L2703" i="10" s="1"/>
  <c r="J2695" i="10"/>
  <c r="L2695" i="10" s="1"/>
  <c r="J2687" i="10"/>
  <c r="L2687" i="10" s="1"/>
  <c r="J2679" i="10"/>
  <c r="L2679" i="10" s="1"/>
  <c r="J2671" i="10"/>
  <c r="L2671" i="10" s="1"/>
  <c r="J2663" i="10"/>
  <c r="L2663" i="10" s="1"/>
  <c r="J2655" i="10"/>
  <c r="L2655" i="10" s="1"/>
  <c r="J2647" i="10"/>
  <c r="L2647" i="10" s="1"/>
  <c r="J2639" i="10"/>
  <c r="L2639" i="10" s="1"/>
  <c r="J2631" i="10"/>
  <c r="L2631" i="10" s="1"/>
  <c r="J2623" i="10"/>
  <c r="L2623" i="10" s="1"/>
  <c r="J2615" i="10"/>
  <c r="L2615" i="10" s="1"/>
  <c r="J2607" i="10"/>
  <c r="L2607" i="10" s="1"/>
  <c r="J2599" i="10"/>
  <c r="L2599" i="10" s="1"/>
  <c r="J2591" i="10"/>
  <c r="L2591" i="10" s="1"/>
  <c r="J2583" i="10"/>
  <c r="L2583" i="10" s="1"/>
  <c r="J2575" i="10"/>
  <c r="L2575" i="10" s="1"/>
  <c r="J2567" i="10"/>
  <c r="L2567" i="10" s="1"/>
  <c r="J2559" i="10"/>
  <c r="L2559" i="10" s="1"/>
  <c r="J2551" i="10"/>
  <c r="L2551" i="10" s="1"/>
  <c r="J2543" i="10"/>
  <c r="L2543" i="10" s="1"/>
  <c r="J2535" i="10"/>
  <c r="L2535" i="10" s="1"/>
  <c r="J2527" i="10"/>
  <c r="L2527" i="10" s="1"/>
  <c r="J2519" i="10"/>
  <c r="L2519" i="10" s="1"/>
  <c r="J2511" i="10"/>
  <c r="L2511" i="10" s="1"/>
  <c r="J2503" i="10"/>
  <c r="L2503" i="10" s="1"/>
  <c r="J2495" i="10"/>
  <c r="L2495" i="10" s="1"/>
  <c r="J2487" i="10"/>
  <c r="L2487" i="10" s="1"/>
  <c r="J2479" i="10"/>
  <c r="L2479" i="10" s="1"/>
  <c r="J2471" i="10"/>
  <c r="L2471" i="10" s="1"/>
  <c r="J2463" i="10"/>
  <c r="L2463" i="10" s="1"/>
  <c r="J2455" i="10"/>
  <c r="L2455" i="10" s="1"/>
  <c r="J2447" i="10"/>
  <c r="L2447" i="10" s="1"/>
  <c r="J2439" i="10"/>
  <c r="L2439" i="10" s="1"/>
  <c r="J2431" i="10"/>
  <c r="L2431" i="10" s="1"/>
  <c r="J2423" i="10"/>
  <c r="L2423" i="10" s="1"/>
  <c r="J2415" i="10"/>
  <c r="L2415" i="10" s="1"/>
  <c r="J2407" i="10"/>
  <c r="L2407" i="10" s="1"/>
  <c r="J2399" i="10"/>
  <c r="L2399" i="10" s="1"/>
  <c r="J2391" i="10"/>
  <c r="L2391" i="10" s="1"/>
  <c r="J2383" i="10"/>
  <c r="L2383" i="10" s="1"/>
  <c r="J2375" i="10"/>
  <c r="L2375" i="10" s="1"/>
  <c r="J2367" i="10"/>
  <c r="L2367" i="10" s="1"/>
  <c r="J2359" i="10"/>
  <c r="L2359" i="10" s="1"/>
  <c r="J2351" i="10"/>
  <c r="L2351" i="10" s="1"/>
  <c r="J2343" i="10"/>
  <c r="L2343" i="10" s="1"/>
  <c r="J2335" i="10"/>
  <c r="L2335" i="10" s="1"/>
  <c r="J2327" i="10"/>
  <c r="L2327" i="10" s="1"/>
  <c r="J2319" i="10"/>
  <c r="L2319" i="10" s="1"/>
  <c r="J2311" i="10"/>
  <c r="L2311" i="10" s="1"/>
  <c r="J2303" i="10"/>
  <c r="L2303" i="10" s="1"/>
  <c r="J2295" i="10"/>
  <c r="L2295" i="10" s="1"/>
  <c r="J2287" i="10"/>
  <c r="L2287" i="10" s="1"/>
  <c r="J2279" i="10"/>
  <c r="L2279" i="10" s="1"/>
  <c r="J2271" i="10"/>
  <c r="L2271" i="10" s="1"/>
  <c r="J2263" i="10"/>
  <c r="L2263" i="10" s="1"/>
  <c r="J2255" i="10"/>
  <c r="L2255" i="10" s="1"/>
  <c r="J2247" i="10"/>
  <c r="L2247" i="10" s="1"/>
  <c r="J2239" i="10"/>
  <c r="L2239" i="10" s="1"/>
  <c r="J2231" i="10"/>
  <c r="L2231" i="10" s="1"/>
  <c r="J2223" i="10"/>
  <c r="L2223" i="10" s="1"/>
  <c r="J2215" i="10"/>
  <c r="L2215" i="10" s="1"/>
  <c r="J2207" i="10"/>
  <c r="L2207" i="10" s="1"/>
  <c r="J2199" i="10"/>
  <c r="L2199" i="10" s="1"/>
  <c r="J2191" i="10"/>
  <c r="L2191" i="10" s="1"/>
  <c r="J2183" i="10"/>
  <c r="L2183" i="10" s="1"/>
  <c r="J2175" i="10"/>
  <c r="L2175" i="10" s="1"/>
  <c r="J2167" i="10"/>
  <c r="L2167" i="10" s="1"/>
  <c r="J2159" i="10"/>
  <c r="L2159" i="10" s="1"/>
  <c r="J2151" i="10"/>
  <c r="L2151" i="10" s="1"/>
  <c r="J2143" i="10"/>
  <c r="L2143" i="10" s="1"/>
  <c r="J2135" i="10"/>
  <c r="L2135" i="10" s="1"/>
  <c r="J2127" i="10"/>
  <c r="L2127" i="10" s="1"/>
  <c r="J2119" i="10"/>
  <c r="L2119" i="10" s="1"/>
  <c r="J2111" i="10"/>
  <c r="L2111" i="10" s="1"/>
  <c r="J2103" i="10"/>
  <c r="L2103" i="10" s="1"/>
  <c r="J2095" i="10"/>
  <c r="L2095" i="10" s="1"/>
  <c r="J2087" i="10"/>
  <c r="L2087" i="10" s="1"/>
  <c r="J2079" i="10"/>
  <c r="L2079" i="10" s="1"/>
  <c r="J2071" i="10"/>
  <c r="L2071" i="10" s="1"/>
  <c r="J2063" i="10"/>
  <c r="L2063" i="10" s="1"/>
  <c r="J2055" i="10"/>
  <c r="L2055" i="10" s="1"/>
  <c r="J2047" i="10"/>
  <c r="L2047" i="10" s="1"/>
  <c r="J2039" i="10"/>
  <c r="L2039" i="10" s="1"/>
  <c r="J2031" i="10"/>
  <c r="L2031" i="10" s="1"/>
  <c r="J2023" i="10"/>
  <c r="L2023" i="10" s="1"/>
  <c r="J2015" i="10"/>
  <c r="L2015" i="10" s="1"/>
  <c r="J2007" i="10"/>
  <c r="L2007" i="10" s="1"/>
  <c r="J1999" i="10"/>
  <c r="L1999" i="10" s="1"/>
  <c r="J1991" i="10"/>
  <c r="L1991" i="10" s="1"/>
  <c r="J1983" i="10"/>
  <c r="L1983" i="10" s="1"/>
  <c r="J1975" i="10"/>
  <c r="L1975" i="10" s="1"/>
  <c r="J1967" i="10"/>
  <c r="L1967" i="10" s="1"/>
  <c r="J1959" i="10"/>
  <c r="L1959" i="10" s="1"/>
  <c r="J1951" i="10"/>
  <c r="L1951" i="10" s="1"/>
  <c r="J1943" i="10"/>
  <c r="L1943" i="10" s="1"/>
  <c r="J1935" i="10"/>
  <c r="L1935" i="10" s="1"/>
  <c r="J1927" i="10"/>
  <c r="L1927" i="10" s="1"/>
  <c r="J1919" i="10"/>
  <c r="L1919" i="10" s="1"/>
  <c r="J1911" i="10"/>
  <c r="L1911" i="10" s="1"/>
  <c r="J1903" i="10"/>
  <c r="L1903" i="10" s="1"/>
  <c r="J1895" i="10"/>
  <c r="L1895" i="10" s="1"/>
  <c r="J1887" i="10"/>
  <c r="L1887" i="10" s="1"/>
  <c r="J1879" i="10"/>
  <c r="L1879" i="10" s="1"/>
  <c r="J1871" i="10"/>
  <c r="L1871" i="10" s="1"/>
  <c r="J1863" i="10"/>
  <c r="L1863" i="10" s="1"/>
  <c r="J1855" i="10"/>
  <c r="L1855" i="10" s="1"/>
  <c r="J1847" i="10"/>
  <c r="L1847" i="10" s="1"/>
  <c r="J1839" i="10"/>
  <c r="L1839" i="10" s="1"/>
  <c r="J1831" i="10"/>
  <c r="L1831" i="10" s="1"/>
  <c r="J1823" i="10"/>
  <c r="L1823" i="10" s="1"/>
  <c r="J1815" i="10"/>
  <c r="L1815" i="10" s="1"/>
  <c r="J1807" i="10"/>
  <c r="L1807" i="10" s="1"/>
  <c r="J1799" i="10"/>
  <c r="L1799" i="10" s="1"/>
  <c r="J1791" i="10"/>
  <c r="L1791" i="10" s="1"/>
  <c r="J1783" i="10"/>
  <c r="L1783" i="10" s="1"/>
  <c r="J1775" i="10"/>
  <c r="L1775" i="10" s="1"/>
  <c r="J1767" i="10"/>
  <c r="L1767" i="10" s="1"/>
  <c r="J1759" i="10"/>
  <c r="L1759" i="10" s="1"/>
  <c r="J1751" i="10"/>
  <c r="L1751" i="10" s="1"/>
  <c r="J1743" i="10"/>
  <c r="L1743" i="10" s="1"/>
  <c r="J1735" i="10"/>
  <c r="L1735" i="10" s="1"/>
  <c r="J1727" i="10"/>
  <c r="L1727" i="10" s="1"/>
  <c r="J1719" i="10"/>
  <c r="L1719" i="10" s="1"/>
  <c r="J1711" i="10"/>
  <c r="L1711" i="10" s="1"/>
  <c r="J1703" i="10"/>
  <c r="L1703" i="10" s="1"/>
  <c r="J1695" i="10"/>
  <c r="L1695" i="10" s="1"/>
  <c r="J1687" i="10"/>
  <c r="L1687" i="10" s="1"/>
  <c r="J1679" i="10"/>
  <c r="L1679" i="10" s="1"/>
  <c r="J1671" i="10"/>
  <c r="L1671" i="10" s="1"/>
  <c r="J1663" i="10"/>
  <c r="L1663" i="10" s="1"/>
  <c r="J1655" i="10"/>
  <c r="L1655" i="10" s="1"/>
  <c r="J1647" i="10"/>
  <c r="L1647" i="10" s="1"/>
  <c r="J1639" i="10"/>
  <c r="L1639" i="10" s="1"/>
  <c r="J1631" i="10"/>
  <c r="L1631" i="10" s="1"/>
  <c r="J1623" i="10"/>
  <c r="L1623" i="10" s="1"/>
  <c r="J1615" i="10"/>
  <c r="L1615" i="10" s="1"/>
  <c r="J1607" i="10"/>
  <c r="L1607" i="10" s="1"/>
  <c r="J1599" i="10"/>
  <c r="L1599" i="10" s="1"/>
  <c r="J1591" i="10"/>
  <c r="L1591" i="10" s="1"/>
  <c r="J1583" i="10"/>
  <c r="L1583" i="10" s="1"/>
  <c r="J1575" i="10"/>
  <c r="L1575" i="10" s="1"/>
  <c r="J1567" i="10"/>
  <c r="L1567" i="10" s="1"/>
  <c r="J1559" i="10"/>
  <c r="L1559" i="10" s="1"/>
  <c r="J1551" i="10"/>
  <c r="L1551" i="10" s="1"/>
  <c r="J1543" i="10"/>
  <c r="L1543" i="10" s="1"/>
  <c r="J1535" i="10"/>
  <c r="L1535" i="10" s="1"/>
  <c r="J1527" i="10"/>
  <c r="L1527" i="10" s="1"/>
  <c r="J1519" i="10"/>
  <c r="L1519" i="10" s="1"/>
  <c r="J1511" i="10"/>
  <c r="L1511" i="10" s="1"/>
  <c r="J1503" i="10"/>
  <c r="L1503" i="10" s="1"/>
  <c r="J1495" i="10"/>
  <c r="L1495" i="10" s="1"/>
  <c r="J1487" i="10"/>
  <c r="L1487" i="10" s="1"/>
  <c r="J1479" i="10"/>
  <c r="L1479" i="10" s="1"/>
  <c r="J1471" i="10"/>
  <c r="L1471" i="10" s="1"/>
  <c r="J1463" i="10"/>
  <c r="L1463" i="10" s="1"/>
  <c r="J1455" i="10"/>
  <c r="L1455" i="10" s="1"/>
  <c r="J1447" i="10"/>
  <c r="L1447" i="10" s="1"/>
  <c r="J1439" i="10"/>
  <c r="L1439" i="10" s="1"/>
  <c r="J1431" i="10"/>
  <c r="L1431" i="10" s="1"/>
  <c r="J1423" i="10"/>
  <c r="L1423" i="10" s="1"/>
  <c r="J1415" i="10"/>
  <c r="L1415" i="10" s="1"/>
  <c r="J1407" i="10"/>
  <c r="L1407" i="10" s="1"/>
  <c r="J1399" i="10"/>
  <c r="L1399" i="10" s="1"/>
  <c r="J1391" i="10"/>
  <c r="L1391" i="10" s="1"/>
  <c r="J1383" i="10"/>
  <c r="L1383" i="10" s="1"/>
  <c r="J1375" i="10"/>
  <c r="L1375" i="10" s="1"/>
  <c r="J1367" i="10"/>
  <c r="L1367" i="10" s="1"/>
  <c r="J1359" i="10"/>
  <c r="L1359" i="10" s="1"/>
  <c r="J1351" i="10"/>
  <c r="L1351" i="10" s="1"/>
  <c r="J1343" i="10"/>
  <c r="L1343" i="10" s="1"/>
  <c r="J1335" i="10"/>
  <c r="L1335" i="10" s="1"/>
  <c r="J1327" i="10"/>
  <c r="L1327" i="10" s="1"/>
  <c r="J1319" i="10"/>
  <c r="L1319" i="10" s="1"/>
  <c r="J1311" i="10"/>
  <c r="L1311" i="10" s="1"/>
  <c r="J1303" i="10"/>
  <c r="L1303" i="10" s="1"/>
  <c r="J1295" i="10"/>
  <c r="L1295" i="10" s="1"/>
  <c r="J1287" i="10"/>
  <c r="L1287" i="10" s="1"/>
  <c r="J1279" i="10"/>
  <c r="L1279" i="10" s="1"/>
  <c r="J1271" i="10"/>
  <c r="L1271" i="10" s="1"/>
  <c r="J1263" i="10"/>
  <c r="L1263" i="10" s="1"/>
  <c r="J1255" i="10"/>
  <c r="L1255" i="10" s="1"/>
  <c r="J1247" i="10"/>
  <c r="L1247" i="10" s="1"/>
  <c r="J1239" i="10"/>
  <c r="L1239" i="10" s="1"/>
  <c r="J1231" i="10"/>
  <c r="L1231" i="10" s="1"/>
  <c r="J1223" i="10"/>
  <c r="L1223" i="10" s="1"/>
  <c r="J1215" i="10"/>
  <c r="L1215" i="10" s="1"/>
  <c r="J1207" i="10"/>
  <c r="L1207" i="10" s="1"/>
  <c r="J1199" i="10"/>
  <c r="L1199" i="10" s="1"/>
  <c r="J1191" i="10"/>
  <c r="L1191" i="10" s="1"/>
  <c r="J1183" i="10"/>
  <c r="L1183" i="10" s="1"/>
  <c r="J1175" i="10"/>
  <c r="L1175" i="10" s="1"/>
  <c r="J1167" i="10"/>
  <c r="L1167" i="10" s="1"/>
  <c r="J1159" i="10"/>
  <c r="L1159" i="10" s="1"/>
  <c r="J1151" i="10"/>
  <c r="L1151" i="10" s="1"/>
  <c r="J1143" i="10"/>
  <c r="L1143" i="10" s="1"/>
  <c r="J1135" i="10"/>
  <c r="L1135" i="10" s="1"/>
  <c r="J1127" i="10"/>
  <c r="L1127" i="10" s="1"/>
  <c r="J1119" i="10"/>
  <c r="L1119" i="10" s="1"/>
  <c r="J1111" i="10"/>
  <c r="L1111" i="10" s="1"/>
  <c r="J1103" i="10"/>
  <c r="L1103" i="10" s="1"/>
  <c r="J1095" i="10"/>
  <c r="L1095" i="10" s="1"/>
  <c r="J1087" i="10"/>
  <c r="L1087" i="10" s="1"/>
  <c r="J1079" i="10"/>
  <c r="L1079" i="10" s="1"/>
  <c r="J1071" i="10"/>
  <c r="L1071" i="10" s="1"/>
  <c r="J1063" i="10"/>
  <c r="L1063" i="10" s="1"/>
  <c r="J1055" i="10"/>
  <c r="L1055" i="10" s="1"/>
  <c r="J1047" i="10"/>
  <c r="L1047" i="10" s="1"/>
  <c r="J1039" i="10"/>
  <c r="L1039" i="10" s="1"/>
  <c r="J1031" i="10"/>
  <c r="L1031" i="10" s="1"/>
  <c r="J1023" i="10"/>
  <c r="L1023" i="10" s="1"/>
  <c r="J1015" i="10"/>
  <c r="L1015" i="10" s="1"/>
  <c r="J1007" i="10"/>
  <c r="L1007" i="10" s="1"/>
  <c r="J999" i="10"/>
  <c r="L999" i="10" s="1"/>
  <c r="J991" i="10"/>
  <c r="L991" i="10" s="1"/>
  <c r="J983" i="10"/>
  <c r="L983" i="10" s="1"/>
  <c r="J975" i="10"/>
  <c r="L975" i="10" s="1"/>
  <c r="J967" i="10"/>
  <c r="L967" i="10" s="1"/>
  <c r="J959" i="10"/>
  <c r="L959" i="10" s="1"/>
  <c r="J951" i="10"/>
  <c r="L951" i="10" s="1"/>
  <c r="J943" i="10"/>
  <c r="L943" i="10" s="1"/>
  <c r="J935" i="10"/>
  <c r="L935" i="10" s="1"/>
  <c r="J927" i="10"/>
  <c r="L927" i="10" s="1"/>
  <c r="J919" i="10"/>
  <c r="L919" i="10" s="1"/>
  <c r="J911" i="10"/>
  <c r="L911" i="10" s="1"/>
  <c r="J903" i="10"/>
  <c r="L903" i="10" s="1"/>
  <c r="J895" i="10"/>
  <c r="L895" i="10" s="1"/>
  <c r="J887" i="10"/>
  <c r="L887" i="10" s="1"/>
  <c r="J879" i="10"/>
  <c r="L879" i="10" s="1"/>
  <c r="J871" i="10"/>
  <c r="L871" i="10" s="1"/>
  <c r="J863" i="10"/>
  <c r="L863" i="10" s="1"/>
  <c r="J855" i="10"/>
  <c r="L855" i="10" s="1"/>
  <c r="J847" i="10"/>
  <c r="L847" i="10" s="1"/>
  <c r="J839" i="10"/>
  <c r="L839" i="10" s="1"/>
  <c r="J831" i="10"/>
  <c r="L831" i="10" s="1"/>
  <c r="J823" i="10"/>
  <c r="L823" i="10" s="1"/>
  <c r="J815" i="10"/>
  <c r="L815" i="10" s="1"/>
  <c r="J807" i="10"/>
  <c r="L807" i="10" s="1"/>
  <c r="J799" i="10"/>
  <c r="L799" i="10" s="1"/>
  <c r="J791" i="10"/>
  <c r="L791" i="10" s="1"/>
  <c r="J783" i="10"/>
  <c r="L783" i="10" s="1"/>
  <c r="J775" i="10"/>
  <c r="L775" i="10" s="1"/>
  <c r="J767" i="10"/>
  <c r="L767" i="10" s="1"/>
  <c r="J759" i="10"/>
  <c r="L759" i="10" s="1"/>
  <c r="J751" i="10"/>
  <c r="L751" i="10" s="1"/>
  <c r="J743" i="10"/>
  <c r="L743" i="10" s="1"/>
  <c r="J735" i="10"/>
  <c r="L735" i="10" s="1"/>
  <c r="J727" i="10"/>
  <c r="L727" i="10" s="1"/>
  <c r="J719" i="10"/>
  <c r="L719" i="10" s="1"/>
  <c r="J711" i="10"/>
  <c r="L711" i="10" s="1"/>
  <c r="J703" i="10"/>
  <c r="L703" i="10" s="1"/>
  <c r="J695" i="10"/>
  <c r="L695" i="10" s="1"/>
  <c r="J687" i="10"/>
  <c r="L687" i="10" s="1"/>
  <c r="J679" i="10"/>
  <c r="L679" i="10" s="1"/>
  <c r="J671" i="10"/>
  <c r="L671" i="10" s="1"/>
  <c r="J663" i="10"/>
  <c r="L663" i="10" s="1"/>
  <c r="J655" i="10"/>
  <c r="L655" i="10" s="1"/>
  <c r="J647" i="10"/>
  <c r="L647" i="10" s="1"/>
  <c r="J639" i="10"/>
  <c r="L639" i="10" s="1"/>
  <c r="J631" i="10"/>
  <c r="L631" i="10" s="1"/>
  <c r="J623" i="10"/>
  <c r="L623" i="10" s="1"/>
  <c r="J615" i="10"/>
  <c r="L615" i="10" s="1"/>
  <c r="J607" i="10"/>
  <c r="L607" i="10" s="1"/>
  <c r="J599" i="10"/>
  <c r="L599" i="10" s="1"/>
  <c r="J591" i="10"/>
  <c r="L591" i="10" s="1"/>
  <c r="J583" i="10"/>
  <c r="L583" i="10" s="1"/>
  <c r="J575" i="10"/>
  <c r="L575" i="10" s="1"/>
  <c r="J567" i="10"/>
  <c r="L567" i="10" s="1"/>
  <c r="J559" i="10"/>
  <c r="L559" i="10" s="1"/>
  <c r="J551" i="10"/>
  <c r="L551" i="10" s="1"/>
  <c r="J543" i="10"/>
  <c r="L543" i="10" s="1"/>
  <c r="J535" i="10"/>
  <c r="L535" i="10" s="1"/>
  <c r="J527" i="10"/>
  <c r="L527" i="10" s="1"/>
  <c r="J519" i="10"/>
  <c r="L519" i="10" s="1"/>
  <c r="J511" i="10"/>
  <c r="L511" i="10" s="1"/>
  <c r="J503" i="10"/>
  <c r="L503" i="10" s="1"/>
  <c r="J495" i="10"/>
  <c r="L495" i="10" s="1"/>
  <c r="J487" i="10"/>
  <c r="L487" i="10" s="1"/>
  <c r="J479" i="10"/>
  <c r="L479" i="10" s="1"/>
  <c r="J471" i="10"/>
  <c r="L471" i="10" s="1"/>
  <c r="J463" i="10"/>
  <c r="L463" i="10" s="1"/>
  <c r="J455" i="10"/>
  <c r="L455" i="10" s="1"/>
  <c r="J447" i="10"/>
  <c r="L447" i="10" s="1"/>
  <c r="J439" i="10"/>
  <c r="L439" i="10" s="1"/>
  <c r="J431" i="10"/>
  <c r="L431" i="10" s="1"/>
  <c r="J423" i="10"/>
  <c r="L423" i="10" s="1"/>
  <c r="J415" i="10"/>
  <c r="L415" i="10" s="1"/>
  <c r="J407" i="10"/>
  <c r="L407" i="10" s="1"/>
  <c r="J399" i="10"/>
  <c r="L399" i="10" s="1"/>
  <c r="J391" i="10"/>
  <c r="L391" i="10" s="1"/>
  <c r="J383" i="10"/>
  <c r="L383" i="10" s="1"/>
  <c r="J375" i="10"/>
  <c r="L375" i="10" s="1"/>
  <c r="J367" i="10"/>
  <c r="L367" i="10" s="1"/>
  <c r="J359" i="10"/>
  <c r="L359" i="10" s="1"/>
  <c r="J351" i="10"/>
  <c r="L351" i="10" s="1"/>
  <c r="J343" i="10"/>
  <c r="L343" i="10" s="1"/>
  <c r="J335" i="10"/>
  <c r="L335" i="10" s="1"/>
  <c r="J327" i="10"/>
  <c r="L327" i="10" s="1"/>
  <c r="J319" i="10"/>
  <c r="L319" i="10" s="1"/>
  <c r="J311" i="10"/>
  <c r="L311" i="10" s="1"/>
  <c r="J303" i="10"/>
  <c r="L303" i="10" s="1"/>
  <c r="J295" i="10"/>
  <c r="L295" i="10" s="1"/>
  <c r="J287" i="10"/>
  <c r="L287" i="10" s="1"/>
  <c r="J279" i="10"/>
  <c r="L279" i="10" s="1"/>
  <c r="J271" i="10"/>
  <c r="L271" i="10" s="1"/>
  <c r="J263" i="10"/>
  <c r="L263" i="10" s="1"/>
  <c r="J255" i="10"/>
  <c r="L255" i="10" s="1"/>
  <c r="J247" i="10"/>
  <c r="L247" i="10" s="1"/>
  <c r="J239" i="10"/>
  <c r="L239" i="10" s="1"/>
  <c r="J231" i="10"/>
  <c r="L231" i="10" s="1"/>
  <c r="J223" i="10"/>
  <c r="L223" i="10" s="1"/>
  <c r="J215" i="10"/>
  <c r="L215" i="10" s="1"/>
  <c r="J207" i="10"/>
  <c r="L207" i="10" s="1"/>
  <c r="J199" i="10"/>
  <c r="L199" i="10" s="1"/>
  <c r="J191" i="10"/>
  <c r="L191" i="10" s="1"/>
  <c r="J183" i="10"/>
  <c r="L183" i="10" s="1"/>
  <c r="J175" i="10"/>
  <c r="L175" i="10" s="1"/>
  <c r="J167" i="10"/>
  <c r="L167" i="10" s="1"/>
  <c r="J159" i="10"/>
  <c r="L159" i="10" s="1"/>
  <c r="J151" i="10"/>
  <c r="L151" i="10" s="1"/>
  <c r="J143" i="10"/>
  <c r="L143" i="10" s="1"/>
  <c r="J135" i="10"/>
  <c r="L135" i="10" s="1"/>
  <c r="J127" i="10"/>
  <c r="L127" i="10" s="1"/>
  <c r="J119" i="10"/>
  <c r="L119" i="10" s="1"/>
  <c r="J111" i="10"/>
  <c r="L111" i="10" s="1"/>
  <c r="J103" i="10"/>
  <c r="L103" i="10" s="1"/>
  <c r="J95" i="10"/>
  <c r="L95" i="10" s="1"/>
  <c r="J87" i="10"/>
  <c r="L87" i="10" s="1"/>
  <c r="J79" i="10"/>
  <c r="L79" i="10" s="1"/>
  <c r="J71" i="10"/>
  <c r="L71" i="10" s="1"/>
  <c r="J63" i="10"/>
  <c r="L63" i="10" s="1"/>
  <c r="J55" i="10"/>
  <c r="L55" i="10" s="1"/>
  <c r="J47" i="10"/>
  <c r="L47" i="10" s="1"/>
  <c r="J39" i="10"/>
  <c r="L39" i="10" s="1"/>
  <c r="J31" i="10"/>
  <c r="L31" i="10" s="1"/>
  <c r="J23" i="10"/>
  <c r="L23" i="10" s="1"/>
  <c r="J5814" i="10"/>
  <c r="L5814" i="10" s="1"/>
  <c r="J5806" i="10"/>
  <c r="L5806" i="10" s="1"/>
  <c r="J5798" i="10"/>
  <c r="L5798" i="10" s="1"/>
  <c r="J5790" i="10"/>
  <c r="L5790" i="10" s="1"/>
  <c r="J5782" i="10"/>
  <c r="L5782" i="10" s="1"/>
  <c r="J5774" i="10"/>
  <c r="L5774" i="10" s="1"/>
  <c r="J5766" i="10"/>
  <c r="L5766" i="10" s="1"/>
  <c r="J5758" i="10"/>
  <c r="L5758" i="10" s="1"/>
  <c r="J5750" i="10"/>
  <c r="L5750" i="10" s="1"/>
  <c r="J5742" i="10"/>
  <c r="L5742" i="10" s="1"/>
  <c r="J5734" i="10"/>
  <c r="L5734" i="10" s="1"/>
  <c r="J5726" i="10"/>
  <c r="L5726" i="10" s="1"/>
  <c r="J5718" i="10"/>
  <c r="L5718" i="10" s="1"/>
  <c r="J5710" i="10"/>
  <c r="L5710" i="10" s="1"/>
  <c r="J5702" i="10"/>
  <c r="L5702" i="10" s="1"/>
  <c r="J5694" i="10"/>
  <c r="L5694" i="10" s="1"/>
  <c r="J5686" i="10"/>
  <c r="L5686" i="10" s="1"/>
  <c r="J5678" i="10"/>
  <c r="L5678" i="10" s="1"/>
  <c r="J5670" i="10"/>
  <c r="L5670" i="10" s="1"/>
  <c r="J5662" i="10"/>
  <c r="L5662" i="10" s="1"/>
  <c r="J5654" i="10"/>
  <c r="L5654" i="10" s="1"/>
  <c r="J5646" i="10"/>
  <c r="L5646" i="10" s="1"/>
  <c r="J5638" i="10"/>
  <c r="L5638" i="10" s="1"/>
  <c r="J5630" i="10"/>
  <c r="L5630" i="10" s="1"/>
  <c r="J5622" i="10"/>
  <c r="L5622" i="10" s="1"/>
  <c r="J5614" i="10"/>
  <c r="L5614" i="10" s="1"/>
  <c r="J5606" i="10"/>
  <c r="L5606" i="10" s="1"/>
  <c r="J5598" i="10"/>
  <c r="L5598" i="10" s="1"/>
  <c r="J5590" i="10"/>
  <c r="L5590" i="10" s="1"/>
  <c r="J5582" i="10"/>
  <c r="L5582" i="10" s="1"/>
  <c r="J5574" i="10"/>
  <c r="L5574" i="10" s="1"/>
  <c r="J5566" i="10"/>
  <c r="L5566" i="10" s="1"/>
  <c r="J5558" i="10"/>
  <c r="L5558" i="10" s="1"/>
  <c r="J5550" i="10"/>
  <c r="L5550" i="10" s="1"/>
  <c r="J5542" i="10"/>
  <c r="L5542" i="10" s="1"/>
  <c r="J5534" i="10"/>
  <c r="L5534" i="10" s="1"/>
  <c r="J5526" i="10"/>
  <c r="L5526" i="10" s="1"/>
  <c r="J5518" i="10"/>
  <c r="L5518" i="10" s="1"/>
  <c r="J5510" i="10"/>
  <c r="L5510" i="10" s="1"/>
  <c r="J5502" i="10"/>
  <c r="L5502" i="10" s="1"/>
  <c r="J5494" i="10"/>
  <c r="L5494" i="10" s="1"/>
  <c r="J5486" i="10"/>
  <c r="L5486" i="10" s="1"/>
  <c r="J5478" i="10"/>
  <c r="L5478" i="10" s="1"/>
  <c r="J5470" i="10"/>
  <c r="L5470" i="10" s="1"/>
  <c r="J5462" i="10"/>
  <c r="L5462" i="10" s="1"/>
  <c r="J5454" i="10"/>
  <c r="L5454" i="10" s="1"/>
  <c r="J5446" i="10"/>
  <c r="L5446" i="10" s="1"/>
  <c r="J5438" i="10"/>
  <c r="L5438" i="10" s="1"/>
  <c r="J5430" i="10"/>
  <c r="L5430" i="10" s="1"/>
  <c r="J5422" i="10"/>
  <c r="L5422" i="10" s="1"/>
  <c r="J5414" i="10"/>
  <c r="L5414" i="10" s="1"/>
  <c r="J5406" i="10"/>
  <c r="L5406" i="10" s="1"/>
  <c r="J5398" i="10"/>
  <c r="L5398" i="10" s="1"/>
  <c r="J5390" i="10"/>
  <c r="L5390" i="10" s="1"/>
  <c r="J5382" i="10"/>
  <c r="L5382" i="10" s="1"/>
  <c r="J5374" i="10"/>
  <c r="L5374" i="10" s="1"/>
  <c r="J5366" i="10"/>
  <c r="L5366" i="10" s="1"/>
  <c r="J5358" i="10"/>
  <c r="L5358" i="10" s="1"/>
  <c r="J5350" i="10"/>
  <c r="L5350" i="10" s="1"/>
  <c r="J5342" i="10"/>
  <c r="L5342" i="10" s="1"/>
  <c r="J5334" i="10"/>
  <c r="L5334" i="10" s="1"/>
  <c r="J5326" i="10"/>
  <c r="L5326" i="10" s="1"/>
  <c r="J5318" i="10"/>
  <c r="L5318" i="10" s="1"/>
  <c r="J5310" i="10"/>
  <c r="L5310" i="10" s="1"/>
  <c r="J5302" i="10"/>
  <c r="L5302" i="10" s="1"/>
  <c r="J5294" i="10"/>
  <c r="L5294" i="10" s="1"/>
  <c r="J5286" i="10"/>
  <c r="L5286" i="10" s="1"/>
  <c r="J5278" i="10"/>
  <c r="L5278" i="10" s="1"/>
  <c r="J5270" i="10"/>
  <c r="L5270" i="10" s="1"/>
  <c r="J5262" i="10"/>
  <c r="L5262" i="10" s="1"/>
  <c r="J5254" i="10"/>
  <c r="L5254" i="10" s="1"/>
  <c r="J5246" i="10"/>
  <c r="L5246" i="10" s="1"/>
  <c r="J5238" i="10"/>
  <c r="L5238" i="10" s="1"/>
  <c r="J5230" i="10"/>
  <c r="L5230" i="10" s="1"/>
  <c r="J5222" i="10"/>
  <c r="L5222" i="10" s="1"/>
  <c r="J5214" i="10"/>
  <c r="L5214" i="10" s="1"/>
  <c r="J5206" i="10"/>
  <c r="L5206" i="10" s="1"/>
  <c r="J5198" i="10"/>
  <c r="L5198" i="10" s="1"/>
  <c r="J5190" i="10"/>
  <c r="L5190" i="10" s="1"/>
  <c r="J5182" i="10"/>
  <c r="L5182" i="10" s="1"/>
  <c r="J5174" i="10"/>
  <c r="L5174" i="10" s="1"/>
  <c r="J5166" i="10"/>
  <c r="L5166" i="10" s="1"/>
  <c r="J5158" i="10"/>
  <c r="L5158" i="10" s="1"/>
  <c r="J5150" i="10"/>
  <c r="L5150" i="10" s="1"/>
  <c r="J5142" i="10"/>
  <c r="L5142" i="10" s="1"/>
  <c r="J5134" i="10"/>
  <c r="L5134" i="10" s="1"/>
  <c r="J5126" i="10"/>
  <c r="L5126" i="10" s="1"/>
  <c r="J5118" i="10"/>
  <c r="L5118" i="10" s="1"/>
  <c r="J5110" i="10"/>
  <c r="L5110" i="10" s="1"/>
  <c r="J5102" i="10"/>
  <c r="L5102" i="10" s="1"/>
  <c r="J5094" i="10"/>
  <c r="L5094" i="10" s="1"/>
  <c r="J5086" i="10"/>
  <c r="L5086" i="10" s="1"/>
  <c r="J5078" i="10"/>
  <c r="L5078" i="10" s="1"/>
  <c r="J5070" i="10"/>
  <c r="L5070" i="10" s="1"/>
  <c r="J5062" i="10"/>
  <c r="L5062" i="10" s="1"/>
  <c r="J5054" i="10"/>
  <c r="L5054" i="10" s="1"/>
  <c r="J5046" i="10"/>
  <c r="L5046" i="10" s="1"/>
  <c r="J5038" i="10"/>
  <c r="L5038" i="10" s="1"/>
  <c r="J5030" i="10"/>
  <c r="L5030" i="10" s="1"/>
  <c r="J5022" i="10"/>
  <c r="L5022" i="10" s="1"/>
  <c r="J5014" i="10"/>
  <c r="L5014" i="10" s="1"/>
  <c r="J5006" i="10"/>
  <c r="L5006" i="10" s="1"/>
  <c r="J4998" i="10"/>
  <c r="L4998" i="10" s="1"/>
  <c r="J4990" i="10"/>
  <c r="L4990" i="10" s="1"/>
  <c r="J4982" i="10"/>
  <c r="L4982" i="10" s="1"/>
  <c r="J4974" i="10"/>
  <c r="L4974" i="10" s="1"/>
  <c r="J4966" i="10"/>
  <c r="L4966" i="10" s="1"/>
  <c r="J4958" i="10"/>
  <c r="L4958" i="10" s="1"/>
  <c r="J4950" i="10"/>
  <c r="L4950" i="10" s="1"/>
  <c r="J4942" i="10"/>
  <c r="L4942" i="10" s="1"/>
  <c r="J4934" i="10"/>
  <c r="L4934" i="10" s="1"/>
  <c r="J4926" i="10"/>
  <c r="L4926" i="10" s="1"/>
  <c r="J4918" i="10"/>
  <c r="L4918" i="10" s="1"/>
  <c r="J4910" i="10"/>
  <c r="L4910" i="10" s="1"/>
  <c r="J4902" i="10"/>
  <c r="L4902" i="10" s="1"/>
  <c r="J4894" i="10"/>
  <c r="L4894" i="10" s="1"/>
  <c r="J4886" i="10"/>
  <c r="L4886" i="10" s="1"/>
  <c r="J4878" i="10"/>
  <c r="L4878" i="10" s="1"/>
  <c r="J4870" i="10"/>
  <c r="L4870" i="10" s="1"/>
  <c r="J4862" i="10"/>
  <c r="L4862" i="10" s="1"/>
  <c r="J4854" i="10"/>
  <c r="L4854" i="10" s="1"/>
  <c r="J4846" i="10"/>
  <c r="L4846" i="10" s="1"/>
  <c r="J4838" i="10"/>
  <c r="L4838" i="10" s="1"/>
  <c r="J4830" i="10"/>
  <c r="L4830" i="10" s="1"/>
  <c r="J4822" i="10"/>
  <c r="L4822" i="10" s="1"/>
  <c r="J4814" i="10"/>
  <c r="L4814" i="10" s="1"/>
  <c r="J4806" i="10"/>
  <c r="L4806" i="10" s="1"/>
  <c r="J4798" i="10"/>
  <c r="L4798" i="10" s="1"/>
  <c r="J4790" i="10"/>
  <c r="L4790" i="10" s="1"/>
  <c r="J4782" i="10"/>
  <c r="L4782" i="10" s="1"/>
  <c r="J4774" i="10"/>
  <c r="L4774" i="10" s="1"/>
  <c r="J4766" i="10"/>
  <c r="L4766" i="10" s="1"/>
  <c r="J4758" i="10"/>
  <c r="L4758" i="10" s="1"/>
  <c r="J4750" i="10"/>
  <c r="L4750" i="10" s="1"/>
  <c r="J4742" i="10"/>
  <c r="L4742" i="10" s="1"/>
  <c r="J4734" i="10"/>
  <c r="L4734" i="10" s="1"/>
  <c r="J4726" i="10"/>
  <c r="L4726" i="10" s="1"/>
  <c r="J4718" i="10"/>
  <c r="L4718" i="10" s="1"/>
  <c r="J4710" i="10"/>
  <c r="L4710" i="10" s="1"/>
  <c r="J4702" i="10"/>
  <c r="L4702" i="10" s="1"/>
  <c r="J4694" i="10"/>
  <c r="L4694" i="10" s="1"/>
  <c r="J4686" i="10"/>
  <c r="L4686" i="10" s="1"/>
  <c r="J4678" i="10"/>
  <c r="L4678" i="10" s="1"/>
  <c r="J4670" i="10"/>
  <c r="L4670" i="10" s="1"/>
  <c r="J4662" i="10"/>
  <c r="L4662" i="10" s="1"/>
  <c r="J4654" i="10"/>
  <c r="L4654" i="10" s="1"/>
  <c r="J4646" i="10"/>
  <c r="L4646" i="10" s="1"/>
  <c r="J4638" i="10"/>
  <c r="L4638" i="10" s="1"/>
  <c r="J4630" i="10"/>
  <c r="L4630" i="10" s="1"/>
  <c r="J4622" i="10"/>
  <c r="L4622" i="10" s="1"/>
  <c r="J4614" i="10"/>
  <c r="L4614" i="10" s="1"/>
  <c r="J4606" i="10"/>
  <c r="L4606" i="10" s="1"/>
  <c r="J4598" i="10"/>
  <c r="L4598" i="10" s="1"/>
  <c r="J4590" i="10"/>
  <c r="L4590" i="10" s="1"/>
  <c r="J4582" i="10"/>
  <c r="L4582" i="10" s="1"/>
  <c r="J4574" i="10"/>
  <c r="L4574" i="10" s="1"/>
  <c r="J4566" i="10"/>
  <c r="L4566" i="10" s="1"/>
  <c r="J4558" i="10"/>
  <c r="L4558" i="10" s="1"/>
  <c r="J4550" i="10"/>
  <c r="L4550" i="10" s="1"/>
  <c r="J4542" i="10"/>
  <c r="L4542" i="10" s="1"/>
  <c r="J4534" i="10"/>
  <c r="L4534" i="10" s="1"/>
  <c r="J4526" i="10"/>
  <c r="L4526" i="10" s="1"/>
  <c r="J4518" i="10"/>
  <c r="L4518" i="10" s="1"/>
  <c r="J4510" i="10"/>
  <c r="L4510" i="10" s="1"/>
  <c r="J4502" i="10"/>
  <c r="L4502" i="10" s="1"/>
  <c r="J4494" i="10"/>
  <c r="L4494" i="10" s="1"/>
  <c r="J4486" i="10"/>
  <c r="L4486" i="10" s="1"/>
  <c r="J4478" i="10"/>
  <c r="L4478" i="10" s="1"/>
  <c r="J4470" i="10"/>
  <c r="L4470" i="10" s="1"/>
  <c r="J4462" i="10"/>
  <c r="L4462" i="10" s="1"/>
  <c r="J4454" i="10"/>
  <c r="L4454" i="10" s="1"/>
  <c r="J4446" i="10"/>
  <c r="L4446" i="10" s="1"/>
  <c r="J4438" i="10"/>
  <c r="L4438" i="10" s="1"/>
  <c r="J4430" i="10"/>
  <c r="L4430" i="10" s="1"/>
  <c r="J4422" i="10"/>
  <c r="L4422" i="10" s="1"/>
  <c r="J4414" i="10"/>
  <c r="L4414" i="10" s="1"/>
  <c r="J4406" i="10"/>
  <c r="L4406" i="10" s="1"/>
  <c r="J4398" i="10"/>
  <c r="L4398" i="10" s="1"/>
  <c r="J4390" i="10"/>
  <c r="L4390" i="10" s="1"/>
  <c r="J4382" i="10"/>
  <c r="L4382" i="10" s="1"/>
  <c r="J4374" i="10"/>
  <c r="L4374" i="10" s="1"/>
  <c r="J4366" i="10"/>
  <c r="L4366" i="10" s="1"/>
  <c r="J4358" i="10"/>
  <c r="L4358" i="10" s="1"/>
  <c r="J4350" i="10"/>
  <c r="L4350" i="10" s="1"/>
  <c r="J4342" i="10"/>
  <c r="L4342" i="10" s="1"/>
  <c r="J4334" i="10"/>
  <c r="L4334" i="10" s="1"/>
  <c r="J4326" i="10"/>
  <c r="L4326" i="10" s="1"/>
  <c r="J4318" i="10"/>
  <c r="L4318" i="10" s="1"/>
  <c r="J4310" i="10"/>
  <c r="L4310" i="10" s="1"/>
  <c r="J4302" i="10"/>
  <c r="L4302" i="10" s="1"/>
  <c r="J4294" i="10"/>
  <c r="L4294" i="10" s="1"/>
  <c r="J4286" i="10"/>
  <c r="L4286" i="10" s="1"/>
  <c r="J4278" i="10"/>
  <c r="L4278" i="10" s="1"/>
  <c r="J4270" i="10"/>
  <c r="L4270" i="10" s="1"/>
  <c r="J4262" i="10"/>
  <c r="L4262" i="10" s="1"/>
  <c r="J4254" i="10"/>
  <c r="L4254" i="10" s="1"/>
  <c r="J4246" i="10"/>
  <c r="L4246" i="10" s="1"/>
  <c r="J4238" i="10"/>
  <c r="L4238" i="10" s="1"/>
  <c r="J4230" i="10"/>
  <c r="L4230" i="10" s="1"/>
  <c r="J4222" i="10"/>
  <c r="L4222" i="10" s="1"/>
  <c r="J4214" i="10"/>
  <c r="L4214" i="10" s="1"/>
  <c r="J4206" i="10"/>
  <c r="L4206" i="10" s="1"/>
  <c r="J4198" i="10"/>
  <c r="L4198" i="10" s="1"/>
  <c r="J4190" i="10"/>
  <c r="L4190" i="10" s="1"/>
  <c r="J4182" i="10"/>
  <c r="L4182" i="10" s="1"/>
  <c r="J4174" i="10"/>
  <c r="L4174" i="10" s="1"/>
  <c r="J4166" i="10"/>
  <c r="L4166" i="10" s="1"/>
  <c r="J4158" i="10"/>
  <c r="L4158" i="10" s="1"/>
  <c r="J4150" i="10"/>
  <c r="L4150" i="10" s="1"/>
  <c r="J4142" i="10"/>
  <c r="L4142" i="10" s="1"/>
  <c r="J4134" i="10"/>
  <c r="L4134" i="10" s="1"/>
  <c r="J4126" i="10"/>
  <c r="L4126" i="10" s="1"/>
  <c r="J4118" i="10"/>
  <c r="L4118" i="10" s="1"/>
  <c r="J4110" i="10"/>
  <c r="L4110" i="10" s="1"/>
  <c r="J4102" i="10"/>
  <c r="L4102" i="10" s="1"/>
  <c r="J4094" i="10"/>
  <c r="L4094" i="10" s="1"/>
  <c r="J4086" i="10"/>
  <c r="L4086" i="10" s="1"/>
  <c r="J4078" i="10"/>
  <c r="L4078" i="10" s="1"/>
  <c r="J4070" i="10"/>
  <c r="L4070" i="10" s="1"/>
  <c r="J4062" i="10"/>
  <c r="L4062" i="10" s="1"/>
  <c r="J4054" i="10"/>
  <c r="L4054" i="10" s="1"/>
  <c r="J4046" i="10"/>
  <c r="L4046" i="10" s="1"/>
  <c r="J4038" i="10"/>
  <c r="L4038" i="10" s="1"/>
  <c r="J4030" i="10"/>
  <c r="L4030" i="10" s="1"/>
  <c r="J4022" i="10"/>
  <c r="L4022" i="10" s="1"/>
  <c r="J4014" i="10"/>
  <c r="L4014" i="10" s="1"/>
  <c r="J4006" i="10"/>
  <c r="L4006" i="10" s="1"/>
  <c r="J3998" i="10"/>
  <c r="L3998" i="10" s="1"/>
  <c r="J3990" i="10"/>
  <c r="L3990" i="10" s="1"/>
  <c r="J3982" i="10"/>
  <c r="L3982" i="10" s="1"/>
  <c r="J3974" i="10"/>
  <c r="L3974" i="10" s="1"/>
  <c r="J3966" i="10"/>
  <c r="L3966" i="10" s="1"/>
  <c r="J3958" i="10"/>
  <c r="L3958" i="10" s="1"/>
  <c r="J3950" i="10"/>
  <c r="L3950" i="10" s="1"/>
  <c r="J3942" i="10"/>
  <c r="L3942" i="10" s="1"/>
  <c r="J3934" i="10"/>
  <c r="L3934" i="10" s="1"/>
  <c r="J3926" i="10"/>
  <c r="L3926" i="10" s="1"/>
  <c r="J3918" i="10"/>
  <c r="L3918" i="10" s="1"/>
  <c r="J3910" i="10"/>
  <c r="L3910" i="10" s="1"/>
  <c r="J3902" i="10"/>
  <c r="L3902" i="10" s="1"/>
  <c r="J3894" i="10"/>
  <c r="L3894" i="10" s="1"/>
  <c r="J3886" i="10"/>
  <c r="L3886" i="10" s="1"/>
  <c r="J3878" i="10"/>
  <c r="L3878" i="10" s="1"/>
  <c r="J3870" i="10"/>
  <c r="L3870" i="10" s="1"/>
  <c r="J3862" i="10"/>
  <c r="L3862" i="10" s="1"/>
  <c r="J3854" i="10"/>
  <c r="L3854" i="10" s="1"/>
  <c r="J3846" i="10"/>
  <c r="L3846" i="10" s="1"/>
  <c r="J3838" i="10"/>
  <c r="L3838" i="10" s="1"/>
  <c r="J3830" i="10"/>
  <c r="L3830" i="10" s="1"/>
  <c r="J3822" i="10"/>
  <c r="L3822" i="10" s="1"/>
  <c r="J3814" i="10"/>
  <c r="L3814" i="10" s="1"/>
  <c r="J3806" i="10"/>
  <c r="L3806" i="10" s="1"/>
  <c r="J3798" i="10"/>
  <c r="L3798" i="10" s="1"/>
  <c r="J3790" i="10"/>
  <c r="L3790" i="10" s="1"/>
  <c r="J3782" i="10"/>
  <c r="L3782" i="10" s="1"/>
  <c r="J3774" i="10"/>
  <c r="L3774" i="10" s="1"/>
  <c r="J3766" i="10"/>
  <c r="L3766" i="10" s="1"/>
  <c r="J3758" i="10"/>
  <c r="L3758" i="10" s="1"/>
  <c r="J3750" i="10"/>
  <c r="L3750" i="10" s="1"/>
  <c r="J3742" i="10"/>
  <c r="L3742" i="10" s="1"/>
  <c r="J3734" i="10"/>
  <c r="L3734" i="10" s="1"/>
  <c r="J3726" i="10"/>
  <c r="L3726" i="10" s="1"/>
  <c r="J3718" i="10"/>
  <c r="L3718" i="10" s="1"/>
  <c r="J3710" i="10"/>
  <c r="L3710" i="10" s="1"/>
  <c r="J3702" i="10"/>
  <c r="L3702" i="10" s="1"/>
  <c r="J3694" i="10"/>
  <c r="L3694" i="10" s="1"/>
  <c r="J3686" i="10"/>
  <c r="L3686" i="10" s="1"/>
  <c r="J3678" i="10"/>
  <c r="L3678" i="10" s="1"/>
  <c r="J3670" i="10"/>
  <c r="L3670" i="10" s="1"/>
  <c r="J3662" i="10"/>
  <c r="L3662" i="10" s="1"/>
  <c r="J3654" i="10"/>
  <c r="L3654" i="10" s="1"/>
  <c r="J3646" i="10"/>
  <c r="L3646" i="10" s="1"/>
  <c r="J3638" i="10"/>
  <c r="L3638" i="10" s="1"/>
  <c r="J3630" i="10"/>
  <c r="L3630" i="10" s="1"/>
  <c r="J3622" i="10"/>
  <c r="L3622" i="10" s="1"/>
  <c r="J3614" i="10"/>
  <c r="L3614" i="10" s="1"/>
  <c r="J3606" i="10"/>
  <c r="L3606" i="10" s="1"/>
  <c r="J3598" i="10"/>
  <c r="L3598" i="10" s="1"/>
  <c r="J3590" i="10"/>
  <c r="L3590" i="10" s="1"/>
  <c r="J3582" i="10"/>
  <c r="L3582" i="10" s="1"/>
  <c r="J3574" i="10"/>
  <c r="L3574" i="10" s="1"/>
  <c r="J3566" i="10"/>
  <c r="L3566" i="10" s="1"/>
  <c r="J3558" i="10"/>
  <c r="L3558" i="10" s="1"/>
  <c r="J3550" i="10"/>
  <c r="L3550" i="10" s="1"/>
  <c r="J3542" i="10"/>
  <c r="L3542" i="10" s="1"/>
  <c r="J3534" i="10"/>
  <c r="L3534" i="10" s="1"/>
  <c r="J3526" i="10"/>
  <c r="L3526" i="10" s="1"/>
  <c r="J3518" i="10"/>
  <c r="L3518" i="10" s="1"/>
  <c r="J3510" i="10"/>
  <c r="L3510" i="10" s="1"/>
  <c r="J3502" i="10"/>
  <c r="L3502" i="10" s="1"/>
  <c r="J3494" i="10"/>
  <c r="L3494" i="10" s="1"/>
  <c r="J3486" i="10"/>
  <c r="L3486" i="10" s="1"/>
  <c r="J3478" i="10"/>
  <c r="L3478" i="10" s="1"/>
  <c r="J3470" i="10"/>
  <c r="L3470" i="10" s="1"/>
  <c r="J3462" i="10"/>
  <c r="L3462" i="10" s="1"/>
  <c r="J3454" i="10"/>
  <c r="L3454" i="10" s="1"/>
  <c r="J3446" i="10"/>
  <c r="L3446" i="10" s="1"/>
  <c r="J3438" i="10"/>
  <c r="L3438" i="10" s="1"/>
  <c r="J3430" i="10"/>
  <c r="L3430" i="10" s="1"/>
  <c r="J3422" i="10"/>
  <c r="L3422" i="10" s="1"/>
  <c r="J3414" i="10"/>
  <c r="L3414" i="10" s="1"/>
  <c r="J3406" i="10"/>
  <c r="L3406" i="10" s="1"/>
  <c r="J3398" i="10"/>
  <c r="L3398" i="10" s="1"/>
  <c r="J3390" i="10"/>
  <c r="L3390" i="10" s="1"/>
  <c r="J3382" i="10"/>
  <c r="L3382" i="10" s="1"/>
  <c r="J3374" i="10"/>
  <c r="L3374" i="10" s="1"/>
  <c r="J3366" i="10"/>
  <c r="L3366" i="10" s="1"/>
  <c r="J3358" i="10"/>
  <c r="L3358" i="10" s="1"/>
  <c r="J3350" i="10"/>
  <c r="L3350" i="10" s="1"/>
  <c r="J3342" i="10"/>
  <c r="L3342" i="10" s="1"/>
  <c r="J3334" i="10"/>
  <c r="L3334" i="10" s="1"/>
  <c r="J3326" i="10"/>
  <c r="L3326" i="10" s="1"/>
  <c r="J3318" i="10"/>
  <c r="L3318" i="10" s="1"/>
  <c r="J3310" i="10"/>
  <c r="L3310" i="10" s="1"/>
  <c r="J3302" i="10"/>
  <c r="L3302" i="10" s="1"/>
  <c r="J3294" i="10"/>
  <c r="L3294" i="10" s="1"/>
  <c r="J3286" i="10"/>
  <c r="L3286" i="10" s="1"/>
  <c r="J3278" i="10"/>
  <c r="L3278" i="10" s="1"/>
  <c r="J3270" i="10"/>
  <c r="L3270" i="10" s="1"/>
  <c r="J3262" i="10"/>
  <c r="L3262" i="10" s="1"/>
  <c r="J3254" i="10"/>
  <c r="L3254" i="10" s="1"/>
  <c r="J3246" i="10"/>
  <c r="L3246" i="10" s="1"/>
  <c r="J3238" i="10"/>
  <c r="L3238" i="10" s="1"/>
  <c r="J3230" i="10"/>
  <c r="L3230" i="10" s="1"/>
  <c r="J3222" i="10"/>
  <c r="L3222" i="10" s="1"/>
  <c r="J3214" i="10"/>
  <c r="L3214" i="10" s="1"/>
  <c r="J3206" i="10"/>
  <c r="L3206" i="10" s="1"/>
  <c r="J3198" i="10"/>
  <c r="L3198" i="10" s="1"/>
  <c r="J3190" i="10"/>
  <c r="L3190" i="10" s="1"/>
  <c r="J3182" i="10"/>
  <c r="L3182" i="10" s="1"/>
  <c r="J3174" i="10"/>
  <c r="L3174" i="10" s="1"/>
  <c r="J3166" i="10"/>
  <c r="L3166" i="10" s="1"/>
  <c r="J3158" i="10"/>
  <c r="L3158" i="10" s="1"/>
  <c r="J3150" i="10"/>
  <c r="L3150" i="10" s="1"/>
  <c r="J3142" i="10"/>
  <c r="L3142" i="10" s="1"/>
  <c r="J3134" i="10"/>
  <c r="L3134" i="10" s="1"/>
  <c r="J3126" i="10"/>
  <c r="L3126" i="10" s="1"/>
  <c r="J3118" i="10"/>
  <c r="L3118" i="10" s="1"/>
  <c r="J3110" i="10"/>
  <c r="L3110" i="10" s="1"/>
  <c r="J3102" i="10"/>
  <c r="L3102" i="10" s="1"/>
  <c r="J3094" i="10"/>
  <c r="L3094" i="10" s="1"/>
  <c r="J3086" i="10"/>
  <c r="L3086" i="10" s="1"/>
  <c r="J3078" i="10"/>
  <c r="L3078" i="10" s="1"/>
  <c r="J3070" i="10"/>
  <c r="L3070" i="10" s="1"/>
  <c r="J3062" i="10"/>
  <c r="L3062" i="10" s="1"/>
  <c r="J3054" i="10"/>
  <c r="L3054" i="10" s="1"/>
  <c r="J3046" i="10"/>
  <c r="L3046" i="10" s="1"/>
  <c r="J3038" i="10"/>
  <c r="L3038" i="10" s="1"/>
  <c r="J3030" i="10"/>
  <c r="L3030" i="10" s="1"/>
  <c r="J3022" i="10"/>
  <c r="L3022" i="10" s="1"/>
  <c r="J3014" i="10"/>
  <c r="L3014" i="10" s="1"/>
  <c r="J3006" i="10"/>
  <c r="L3006" i="10" s="1"/>
  <c r="J2998" i="10"/>
  <c r="L2998" i="10" s="1"/>
  <c r="J2990" i="10"/>
  <c r="L2990" i="10" s="1"/>
  <c r="J2982" i="10"/>
  <c r="L2982" i="10" s="1"/>
  <c r="J2974" i="10"/>
  <c r="L2974" i="10" s="1"/>
  <c r="J2966" i="10"/>
  <c r="L2966" i="10" s="1"/>
  <c r="J2958" i="10"/>
  <c r="L2958" i="10" s="1"/>
  <c r="J2950" i="10"/>
  <c r="L2950" i="10" s="1"/>
  <c r="J2942" i="10"/>
  <c r="L2942" i="10" s="1"/>
  <c r="J2934" i="10"/>
  <c r="L2934" i="10" s="1"/>
  <c r="J2926" i="10"/>
  <c r="L2926" i="10" s="1"/>
  <c r="J2918" i="10"/>
  <c r="L2918" i="10" s="1"/>
  <c r="J2910" i="10"/>
  <c r="L2910" i="10" s="1"/>
  <c r="J2902" i="10"/>
  <c r="L2902" i="10" s="1"/>
  <c r="J2894" i="10"/>
  <c r="L2894" i="10" s="1"/>
  <c r="J2886" i="10"/>
  <c r="L2886" i="10" s="1"/>
  <c r="J2878" i="10"/>
  <c r="L2878" i="10" s="1"/>
  <c r="J2870" i="10"/>
  <c r="L2870" i="10" s="1"/>
  <c r="J2862" i="10"/>
  <c r="L2862" i="10" s="1"/>
  <c r="J2854" i="10"/>
  <c r="L2854" i="10" s="1"/>
  <c r="J2846" i="10"/>
  <c r="L2846" i="10" s="1"/>
  <c r="J2838" i="10"/>
  <c r="L2838" i="10" s="1"/>
  <c r="J2830" i="10"/>
  <c r="L2830" i="10" s="1"/>
  <c r="J2822" i="10"/>
  <c r="L2822" i="10" s="1"/>
  <c r="J2814" i="10"/>
  <c r="L2814" i="10" s="1"/>
  <c r="J2806" i="10"/>
  <c r="L2806" i="10" s="1"/>
  <c r="J2798" i="10"/>
  <c r="L2798" i="10" s="1"/>
  <c r="J2790" i="10"/>
  <c r="L2790" i="10" s="1"/>
  <c r="J2782" i="10"/>
  <c r="L2782" i="10" s="1"/>
  <c r="J2774" i="10"/>
  <c r="L2774" i="10" s="1"/>
  <c r="J2766" i="10"/>
  <c r="L2766" i="10" s="1"/>
  <c r="J2758" i="10"/>
  <c r="L2758" i="10" s="1"/>
  <c r="J2750" i="10"/>
  <c r="L2750" i="10" s="1"/>
  <c r="J2742" i="10"/>
  <c r="L2742" i="10" s="1"/>
  <c r="J2734" i="10"/>
  <c r="L2734" i="10" s="1"/>
  <c r="J2726" i="10"/>
  <c r="L2726" i="10" s="1"/>
  <c r="J2718" i="10"/>
  <c r="L2718" i="10" s="1"/>
  <c r="J2710" i="10"/>
  <c r="L2710" i="10" s="1"/>
  <c r="J2702" i="10"/>
  <c r="L2702" i="10" s="1"/>
  <c r="J2694" i="10"/>
  <c r="L2694" i="10" s="1"/>
  <c r="J2686" i="10"/>
  <c r="L2686" i="10" s="1"/>
  <c r="J2678" i="10"/>
  <c r="L2678" i="10" s="1"/>
  <c r="J2670" i="10"/>
  <c r="L2670" i="10" s="1"/>
  <c r="J2662" i="10"/>
  <c r="L2662" i="10" s="1"/>
  <c r="J2654" i="10"/>
  <c r="L2654" i="10" s="1"/>
  <c r="J2646" i="10"/>
  <c r="L2646" i="10" s="1"/>
  <c r="J2638" i="10"/>
  <c r="L2638" i="10" s="1"/>
  <c r="J2630" i="10"/>
  <c r="L2630" i="10" s="1"/>
  <c r="J2622" i="10"/>
  <c r="L2622" i="10" s="1"/>
  <c r="J2614" i="10"/>
  <c r="L2614" i="10" s="1"/>
  <c r="J2606" i="10"/>
  <c r="L2606" i="10" s="1"/>
  <c r="J2598" i="10"/>
  <c r="L2598" i="10" s="1"/>
  <c r="J2590" i="10"/>
  <c r="L2590" i="10" s="1"/>
  <c r="J2582" i="10"/>
  <c r="L2582" i="10" s="1"/>
  <c r="J2574" i="10"/>
  <c r="L2574" i="10" s="1"/>
  <c r="J2566" i="10"/>
  <c r="L2566" i="10" s="1"/>
  <c r="J2558" i="10"/>
  <c r="L2558" i="10" s="1"/>
  <c r="J2550" i="10"/>
  <c r="L2550" i="10" s="1"/>
  <c r="J2542" i="10"/>
  <c r="L2542" i="10" s="1"/>
  <c r="J2534" i="10"/>
  <c r="L2534" i="10" s="1"/>
  <c r="J2526" i="10"/>
  <c r="L2526" i="10" s="1"/>
  <c r="J2518" i="10"/>
  <c r="L2518" i="10" s="1"/>
  <c r="J2510" i="10"/>
  <c r="L2510" i="10" s="1"/>
  <c r="J2502" i="10"/>
  <c r="L2502" i="10" s="1"/>
  <c r="J2494" i="10"/>
  <c r="L2494" i="10" s="1"/>
  <c r="J2486" i="10"/>
  <c r="L2486" i="10" s="1"/>
  <c r="J2478" i="10"/>
  <c r="L2478" i="10" s="1"/>
  <c r="J2470" i="10"/>
  <c r="L2470" i="10" s="1"/>
  <c r="J2462" i="10"/>
  <c r="L2462" i="10" s="1"/>
  <c r="J2454" i="10"/>
  <c r="L2454" i="10" s="1"/>
  <c r="J2446" i="10"/>
  <c r="L2446" i="10" s="1"/>
  <c r="J2438" i="10"/>
  <c r="L2438" i="10" s="1"/>
  <c r="J2430" i="10"/>
  <c r="L2430" i="10" s="1"/>
  <c r="J2422" i="10"/>
  <c r="L2422" i="10" s="1"/>
  <c r="J2414" i="10"/>
  <c r="L2414" i="10" s="1"/>
  <c r="J2406" i="10"/>
  <c r="L2406" i="10" s="1"/>
  <c r="J2398" i="10"/>
  <c r="L2398" i="10" s="1"/>
  <c r="J2390" i="10"/>
  <c r="L2390" i="10" s="1"/>
  <c r="J2382" i="10"/>
  <c r="L2382" i="10" s="1"/>
  <c r="J2374" i="10"/>
  <c r="L2374" i="10" s="1"/>
  <c r="J2366" i="10"/>
  <c r="L2366" i="10" s="1"/>
  <c r="J2358" i="10"/>
  <c r="L2358" i="10" s="1"/>
  <c r="J2350" i="10"/>
  <c r="L2350" i="10" s="1"/>
  <c r="J2342" i="10"/>
  <c r="L2342" i="10" s="1"/>
  <c r="J2334" i="10"/>
  <c r="L2334" i="10" s="1"/>
  <c r="J2326" i="10"/>
  <c r="L2326" i="10" s="1"/>
  <c r="J2318" i="10"/>
  <c r="L2318" i="10" s="1"/>
  <c r="J2310" i="10"/>
  <c r="L2310" i="10" s="1"/>
  <c r="J2302" i="10"/>
  <c r="L2302" i="10" s="1"/>
  <c r="J2294" i="10"/>
  <c r="L2294" i="10" s="1"/>
  <c r="J2286" i="10"/>
  <c r="L2286" i="10" s="1"/>
  <c r="J2278" i="10"/>
  <c r="L2278" i="10" s="1"/>
  <c r="J2270" i="10"/>
  <c r="L2270" i="10" s="1"/>
  <c r="J2262" i="10"/>
  <c r="L2262" i="10" s="1"/>
  <c r="J2254" i="10"/>
  <c r="L2254" i="10" s="1"/>
  <c r="J2246" i="10"/>
  <c r="L2246" i="10" s="1"/>
  <c r="J2238" i="10"/>
  <c r="L2238" i="10" s="1"/>
  <c r="J2230" i="10"/>
  <c r="L2230" i="10" s="1"/>
  <c r="J2222" i="10"/>
  <c r="L2222" i="10" s="1"/>
  <c r="J2214" i="10"/>
  <c r="L2214" i="10" s="1"/>
  <c r="J2206" i="10"/>
  <c r="L2206" i="10" s="1"/>
  <c r="J2198" i="10"/>
  <c r="L2198" i="10" s="1"/>
  <c r="J2190" i="10"/>
  <c r="L2190" i="10" s="1"/>
  <c r="J2182" i="10"/>
  <c r="L2182" i="10" s="1"/>
  <c r="J2174" i="10"/>
  <c r="L2174" i="10" s="1"/>
  <c r="J2166" i="10"/>
  <c r="L2166" i="10" s="1"/>
  <c r="J2158" i="10"/>
  <c r="L2158" i="10" s="1"/>
  <c r="J2150" i="10"/>
  <c r="L2150" i="10" s="1"/>
  <c r="J2142" i="10"/>
  <c r="L2142" i="10" s="1"/>
  <c r="J2134" i="10"/>
  <c r="L2134" i="10" s="1"/>
  <c r="J2126" i="10"/>
  <c r="L2126" i="10" s="1"/>
  <c r="J2118" i="10"/>
  <c r="L2118" i="10" s="1"/>
  <c r="J2110" i="10"/>
  <c r="L2110" i="10" s="1"/>
  <c r="J2102" i="10"/>
  <c r="L2102" i="10" s="1"/>
  <c r="J2094" i="10"/>
  <c r="L2094" i="10" s="1"/>
  <c r="J2086" i="10"/>
  <c r="L2086" i="10" s="1"/>
  <c r="J2078" i="10"/>
  <c r="L2078" i="10" s="1"/>
  <c r="J2070" i="10"/>
  <c r="L2070" i="10" s="1"/>
  <c r="J2062" i="10"/>
  <c r="L2062" i="10" s="1"/>
  <c r="J2054" i="10"/>
  <c r="L2054" i="10" s="1"/>
  <c r="J2046" i="10"/>
  <c r="L2046" i="10" s="1"/>
  <c r="J2038" i="10"/>
  <c r="L2038" i="10" s="1"/>
  <c r="J2030" i="10"/>
  <c r="L2030" i="10" s="1"/>
  <c r="J2022" i="10"/>
  <c r="L2022" i="10" s="1"/>
  <c r="J2014" i="10"/>
  <c r="L2014" i="10" s="1"/>
  <c r="J2006" i="10"/>
  <c r="L2006" i="10" s="1"/>
  <c r="J1998" i="10"/>
  <c r="L1998" i="10" s="1"/>
  <c r="J1990" i="10"/>
  <c r="L1990" i="10" s="1"/>
  <c r="J1982" i="10"/>
  <c r="L1982" i="10" s="1"/>
  <c r="J1974" i="10"/>
  <c r="L1974" i="10" s="1"/>
  <c r="J1966" i="10"/>
  <c r="L1966" i="10" s="1"/>
  <c r="J1958" i="10"/>
  <c r="L1958" i="10" s="1"/>
  <c r="J1950" i="10"/>
  <c r="L1950" i="10" s="1"/>
  <c r="J1942" i="10"/>
  <c r="L1942" i="10" s="1"/>
  <c r="J1934" i="10"/>
  <c r="L1934" i="10" s="1"/>
  <c r="J1926" i="10"/>
  <c r="L1926" i="10" s="1"/>
  <c r="J1918" i="10"/>
  <c r="L1918" i="10" s="1"/>
  <c r="J1910" i="10"/>
  <c r="L1910" i="10" s="1"/>
  <c r="J1902" i="10"/>
  <c r="L1902" i="10" s="1"/>
  <c r="J1894" i="10"/>
  <c r="L1894" i="10" s="1"/>
  <c r="J1886" i="10"/>
  <c r="L1886" i="10" s="1"/>
  <c r="J1878" i="10"/>
  <c r="L1878" i="10" s="1"/>
  <c r="J1870" i="10"/>
  <c r="L1870" i="10" s="1"/>
  <c r="J1862" i="10"/>
  <c r="L1862" i="10" s="1"/>
  <c r="J1854" i="10"/>
  <c r="L1854" i="10" s="1"/>
  <c r="J1846" i="10"/>
  <c r="L1846" i="10" s="1"/>
  <c r="J1838" i="10"/>
  <c r="L1838" i="10" s="1"/>
  <c r="J1830" i="10"/>
  <c r="L1830" i="10" s="1"/>
  <c r="J1822" i="10"/>
  <c r="L1822" i="10" s="1"/>
  <c r="J1814" i="10"/>
  <c r="L1814" i="10" s="1"/>
  <c r="J1806" i="10"/>
  <c r="L1806" i="10" s="1"/>
  <c r="J1798" i="10"/>
  <c r="L1798" i="10" s="1"/>
  <c r="J1790" i="10"/>
  <c r="L1790" i="10" s="1"/>
  <c r="J1782" i="10"/>
  <c r="L1782" i="10" s="1"/>
  <c r="J1774" i="10"/>
  <c r="L1774" i="10" s="1"/>
  <c r="J1766" i="10"/>
  <c r="L1766" i="10" s="1"/>
  <c r="J1758" i="10"/>
  <c r="L1758" i="10" s="1"/>
  <c r="J1750" i="10"/>
  <c r="L1750" i="10" s="1"/>
  <c r="J1742" i="10"/>
  <c r="L1742" i="10" s="1"/>
  <c r="J1734" i="10"/>
  <c r="L1734" i="10" s="1"/>
  <c r="J1726" i="10"/>
  <c r="L1726" i="10" s="1"/>
  <c r="J1718" i="10"/>
  <c r="L1718" i="10" s="1"/>
  <c r="J1710" i="10"/>
  <c r="L1710" i="10" s="1"/>
  <c r="J1702" i="10"/>
  <c r="L1702" i="10" s="1"/>
  <c r="J1694" i="10"/>
  <c r="L1694" i="10" s="1"/>
  <c r="J1686" i="10"/>
  <c r="L1686" i="10" s="1"/>
  <c r="J1678" i="10"/>
  <c r="L1678" i="10" s="1"/>
  <c r="J1670" i="10"/>
  <c r="L1670" i="10" s="1"/>
  <c r="J1662" i="10"/>
  <c r="L1662" i="10" s="1"/>
  <c r="J1654" i="10"/>
  <c r="L1654" i="10" s="1"/>
  <c r="J1646" i="10"/>
  <c r="L1646" i="10" s="1"/>
  <c r="J1638" i="10"/>
  <c r="L1638" i="10" s="1"/>
  <c r="J1630" i="10"/>
  <c r="L1630" i="10" s="1"/>
  <c r="J1622" i="10"/>
  <c r="L1622" i="10" s="1"/>
  <c r="J1614" i="10"/>
  <c r="L1614" i="10" s="1"/>
  <c r="J1606" i="10"/>
  <c r="L1606" i="10" s="1"/>
  <c r="J1598" i="10"/>
  <c r="L1598" i="10" s="1"/>
  <c r="J1590" i="10"/>
  <c r="L1590" i="10" s="1"/>
  <c r="J1582" i="10"/>
  <c r="L1582" i="10" s="1"/>
  <c r="J1574" i="10"/>
  <c r="L1574" i="10" s="1"/>
  <c r="J1566" i="10"/>
  <c r="L1566" i="10" s="1"/>
  <c r="J1558" i="10"/>
  <c r="L1558" i="10" s="1"/>
  <c r="J1550" i="10"/>
  <c r="L1550" i="10" s="1"/>
  <c r="J1542" i="10"/>
  <c r="L1542" i="10" s="1"/>
  <c r="J1534" i="10"/>
  <c r="L1534" i="10" s="1"/>
  <c r="J1526" i="10"/>
  <c r="L1526" i="10" s="1"/>
  <c r="J1518" i="10"/>
  <c r="L1518" i="10" s="1"/>
  <c r="J1510" i="10"/>
  <c r="L1510" i="10" s="1"/>
  <c r="J1502" i="10"/>
  <c r="L1502" i="10" s="1"/>
  <c r="J1494" i="10"/>
  <c r="L1494" i="10" s="1"/>
  <c r="J1486" i="10"/>
  <c r="L1486" i="10" s="1"/>
  <c r="J1478" i="10"/>
  <c r="L1478" i="10" s="1"/>
  <c r="J1470" i="10"/>
  <c r="L1470" i="10" s="1"/>
  <c r="J1462" i="10"/>
  <c r="L1462" i="10" s="1"/>
  <c r="J1454" i="10"/>
  <c r="L1454" i="10" s="1"/>
  <c r="J1446" i="10"/>
  <c r="L1446" i="10" s="1"/>
  <c r="J1438" i="10"/>
  <c r="L1438" i="10" s="1"/>
  <c r="J1430" i="10"/>
  <c r="L1430" i="10" s="1"/>
  <c r="J1422" i="10"/>
  <c r="L1422" i="10" s="1"/>
  <c r="J1414" i="10"/>
  <c r="L1414" i="10" s="1"/>
  <c r="J1406" i="10"/>
  <c r="L1406" i="10" s="1"/>
  <c r="J1398" i="10"/>
  <c r="L1398" i="10" s="1"/>
  <c r="J1390" i="10"/>
  <c r="L1390" i="10" s="1"/>
  <c r="J1382" i="10"/>
  <c r="L1382" i="10" s="1"/>
  <c r="J1374" i="10"/>
  <c r="L1374" i="10" s="1"/>
  <c r="J1366" i="10"/>
  <c r="L1366" i="10" s="1"/>
  <c r="J1358" i="10"/>
  <c r="L1358" i="10" s="1"/>
  <c r="J1350" i="10"/>
  <c r="L1350" i="10" s="1"/>
  <c r="J1342" i="10"/>
  <c r="L1342" i="10" s="1"/>
  <c r="J1334" i="10"/>
  <c r="L1334" i="10" s="1"/>
  <c r="J1326" i="10"/>
  <c r="L1326" i="10" s="1"/>
  <c r="J1318" i="10"/>
  <c r="L1318" i="10" s="1"/>
  <c r="J1310" i="10"/>
  <c r="L1310" i="10" s="1"/>
  <c r="J1302" i="10"/>
  <c r="L1302" i="10" s="1"/>
  <c r="J1294" i="10"/>
  <c r="L1294" i="10" s="1"/>
  <c r="J1286" i="10"/>
  <c r="L1286" i="10" s="1"/>
  <c r="J1278" i="10"/>
  <c r="L1278" i="10" s="1"/>
  <c r="J1270" i="10"/>
  <c r="L1270" i="10" s="1"/>
  <c r="J1262" i="10"/>
  <c r="L1262" i="10" s="1"/>
  <c r="J1254" i="10"/>
  <c r="L1254" i="10" s="1"/>
  <c r="J1246" i="10"/>
  <c r="L1246" i="10" s="1"/>
  <c r="J1238" i="10"/>
  <c r="L1238" i="10" s="1"/>
  <c r="J1230" i="10"/>
  <c r="L1230" i="10" s="1"/>
  <c r="J1222" i="10"/>
  <c r="L1222" i="10" s="1"/>
  <c r="J1214" i="10"/>
  <c r="L1214" i="10" s="1"/>
  <c r="J1206" i="10"/>
  <c r="L1206" i="10" s="1"/>
  <c r="J1198" i="10"/>
  <c r="L1198" i="10" s="1"/>
  <c r="J1190" i="10"/>
  <c r="L1190" i="10" s="1"/>
  <c r="J1182" i="10"/>
  <c r="L1182" i="10" s="1"/>
  <c r="J1174" i="10"/>
  <c r="L1174" i="10" s="1"/>
  <c r="J1166" i="10"/>
  <c r="L1166" i="10" s="1"/>
  <c r="J1158" i="10"/>
  <c r="L1158" i="10" s="1"/>
  <c r="J1150" i="10"/>
  <c r="L1150" i="10" s="1"/>
  <c r="J1142" i="10"/>
  <c r="L1142" i="10" s="1"/>
  <c r="J1134" i="10"/>
  <c r="L1134" i="10" s="1"/>
  <c r="J1126" i="10"/>
  <c r="L1126" i="10" s="1"/>
  <c r="J1118" i="10"/>
  <c r="L1118" i="10" s="1"/>
  <c r="J1110" i="10"/>
  <c r="L1110" i="10" s="1"/>
  <c r="J1102" i="10"/>
  <c r="L1102" i="10" s="1"/>
  <c r="J1094" i="10"/>
  <c r="L1094" i="10" s="1"/>
  <c r="J1086" i="10"/>
  <c r="L1086" i="10" s="1"/>
  <c r="J1078" i="10"/>
  <c r="L1078" i="10" s="1"/>
  <c r="J1070" i="10"/>
  <c r="L1070" i="10" s="1"/>
  <c r="J1062" i="10"/>
  <c r="L1062" i="10" s="1"/>
  <c r="J1054" i="10"/>
  <c r="L1054" i="10" s="1"/>
  <c r="J1046" i="10"/>
  <c r="L1046" i="10" s="1"/>
  <c r="J1038" i="10"/>
  <c r="L1038" i="10" s="1"/>
  <c r="J1030" i="10"/>
  <c r="L1030" i="10" s="1"/>
  <c r="J1022" i="10"/>
  <c r="L1022" i="10" s="1"/>
  <c r="J1014" i="10"/>
  <c r="L1014" i="10" s="1"/>
  <c r="J1006" i="10"/>
  <c r="L1006" i="10" s="1"/>
  <c r="J998" i="10"/>
  <c r="L998" i="10" s="1"/>
  <c r="J990" i="10"/>
  <c r="L990" i="10" s="1"/>
  <c r="J982" i="10"/>
  <c r="L982" i="10" s="1"/>
  <c r="J974" i="10"/>
  <c r="L974" i="10" s="1"/>
  <c r="J966" i="10"/>
  <c r="L966" i="10" s="1"/>
  <c r="J958" i="10"/>
  <c r="L958" i="10" s="1"/>
  <c r="J950" i="10"/>
  <c r="L950" i="10" s="1"/>
  <c r="J942" i="10"/>
  <c r="L942" i="10" s="1"/>
  <c r="J934" i="10"/>
  <c r="L934" i="10" s="1"/>
  <c r="J926" i="10"/>
  <c r="L926" i="10" s="1"/>
  <c r="J918" i="10"/>
  <c r="L918" i="10" s="1"/>
  <c r="J910" i="10"/>
  <c r="L910" i="10" s="1"/>
  <c r="J902" i="10"/>
  <c r="L902" i="10" s="1"/>
  <c r="J894" i="10"/>
  <c r="L894" i="10" s="1"/>
  <c r="J886" i="10"/>
  <c r="L886" i="10" s="1"/>
  <c r="J878" i="10"/>
  <c r="L878" i="10" s="1"/>
  <c r="J870" i="10"/>
  <c r="L870" i="10" s="1"/>
  <c r="J862" i="10"/>
  <c r="L862" i="10" s="1"/>
  <c r="J854" i="10"/>
  <c r="L854" i="10" s="1"/>
  <c r="J846" i="10"/>
  <c r="L846" i="10" s="1"/>
  <c r="J838" i="10"/>
  <c r="L838" i="10" s="1"/>
  <c r="J830" i="10"/>
  <c r="L830" i="10" s="1"/>
  <c r="J822" i="10"/>
  <c r="L822" i="10" s="1"/>
  <c r="J814" i="10"/>
  <c r="L814" i="10" s="1"/>
  <c r="J806" i="10"/>
  <c r="L806" i="10" s="1"/>
  <c r="J798" i="10"/>
  <c r="L798" i="10" s="1"/>
  <c r="J790" i="10"/>
  <c r="L790" i="10" s="1"/>
  <c r="J782" i="10"/>
  <c r="L782" i="10" s="1"/>
  <c r="J774" i="10"/>
  <c r="L774" i="10" s="1"/>
  <c r="J766" i="10"/>
  <c r="L766" i="10" s="1"/>
  <c r="J758" i="10"/>
  <c r="L758" i="10" s="1"/>
  <c r="J750" i="10"/>
  <c r="L750" i="10" s="1"/>
  <c r="J742" i="10"/>
  <c r="L742" i="10" s="1"/>
  <c r="J734" i="10"/>
  <c r="L734" i="10" s="1"/>
  <c r="J726" i="10"/>
  <c r="L726" i="10" s="1"/>
  <c r="J718" i="10"/>
  <c r="L718" i="10" s="1"/>
  <c r="J710" i="10"/>
  <c r="L710" i="10" s="1"/>
  <c r="J702" i="10"/>
  <c r="L702" i="10" s="1"/>
  <c r="J694" i="10"/>
  <c r="L694" i="10" s="1"/>
  <c r="J686" i="10"/>
  <c r="L686" i="10" s="1"/>
  <c r="J678" i="10"/>
  <c r="L678" i="10" s="1"/>
  <c r="J670" i="10"/>
  <c r="L670" i="10" s="1"/>
  <c r="J662" i="10"/>
  <c r="L662" i="10" s="1"/>
  <c r="J654" i="10"/>
  <c r="L654" i="10" s="1"/>
  <c r="J646" i="10"/>
  <c r="L646" i="10" s="1"/>
  <c r="J638" i="10"/>
  <c r="L638" i="10" s="1"/>
  <c r="J630" i="10"/>
  <c r="L630" i="10" s="1"/>
  <c r="J622" i="10"/>
  <c r="L622" i="10" s="1"/>
  <c r="J614" i="10"/>
  <c r="L614" i="10" s="1"/>
  <c r="J606" i="10"/>
  <c r="L606" i="10" s="1"/>
  <c r="J598" i="10"/>
  <c r="L598" i="10" s="1"/>
  <c r="J590" i="10"/>
  <c r="L590" i="10" s="1"/>
  <c r="J582" i="10"/>
  <c r="L582" i="10" s="1"/>
  <c r="J574" i="10"/>
  <c r="L574" i="10" s="1"/>
  <c r="J566" i="10"/>
  <c r="L566" i="10" s="1"/>
  <c r="J558" i="10"/>
  <c r="L558" i="10" s="1"/>
  <c r="J550" i="10"/>
  <c r="L550" i="10" s="1"/>
  <c r="J542" i="10"/>
  <c r="L542" i="10" s="1"/>
  <c r="J534" i="10"/>
  <c r="L534" i="10" s="1"/>
  <c r="J526" i="10"/>
  <c r="L526" i="10" s="1"/>
  <c r="J518" i="10"/>
  <c r="L518" i="10" s="1"/>
  <c r="J510" i="10"/>
  <c r="L510" i="10" s="1"/>
  <c r="J502" i="10"/>
  <c r="L502" i="10" s="1"/>
  <c r="J494" i="10"/>
  <c r="L494" i="10" s="1"/>
  <c r="J486" i="10"/>
  <c r="L486" i="10" s="1"/>
  <c r="J478" i="10"/>
  <c r="L478" i="10" s="1"/>
  <c r="J470" i="10"/>
  <c r="L470" i="10" s="1"/>
  <c r="J462" i="10"/>
  <c r="L462" i="10" s="1"/>
  <c r="J454" i="10"/>
  <c r="L454" i="10" s="1"/>
  <c r="J446" i="10"/>
  <c r="L446" i="10" s="1"/>
  <c r="J438" i="10"/>
  <c r="L438" i="10" s="1"/>
  <c r="J430" i="10"/>
  <c r="L430" i="10" s="1"/>
  <c r="J422" i="10"/>
  <c r="L422" i="10" s="1"/>
  <c r="J414" i="10"/>
  <c r="L414" i="10" s="1"/>
  <c r="J406" i="10"/>
  <c r="L406" i="10" s="1"/>
  <c r="J398" i="10"/>
  <c r="L398" i="10" s="1"/>
  <c r="J390" i="10"/>
  <c r="L390" i="10" s="1"/>
  <c r="J382" i="10"/>
  <c r="L382" i="10" s="1"/>
  <c r="J374" i="10"/>
  <c r="L374" i="10" s="1"/>
  <c r="J366" i="10"/>
  <c r="L366" i="10" s="1"/>
  <c r="J358" i="10"/>
  <c r="L358" i="10" s="1"/>
  <c r="J350" i="10"/>
  <c r="L350" i="10" s="1"/>
  <c r="J342" i="10"/>
  <c r="L342" i="10" s="1"/>
  <c r="J334" i="10"/>
  <c r="L334" i="10" s="1"/>
  <c r="J326" i="10"/>
  <c r="L326" i="10" s="1"/>
  <c r="J318" i="10"/>
  <c r="L318" i="10" s="1"/>
  <c r="J310" i="10"/>
  <c r="L310" i="10" s="1"/>
  <c r="J302" i="10"/>
  <c r="L302" i="10" s="1"/>
  <c r="J294" i="10"/>
  <c r="L294" i="10" s="1"/>
  <c r="J286" i="10"/>
  <c r="L286" i="10" s="1"/>
  <c r="J278" i="10"/>
  <c r="L278" i="10" s="1"/>
  <c r="J270" i="10"/>
  <c r="L270" i="10" s="1"/>
  <c r="J262" i="10"/>
  <c r="L262" i="10" s="1"/>
  <c r="J254" i="10"/>
  <c r="L254" i="10" s="1"/>
  <c r="J246" i="10"/>
  <c r="L246" i="10" s="1"/>
  <c r="J238" i="10"/>
  <c r="L238" i="10" s="1"/>
  <c r="J230" i="10"/>
  <c r="L230" i="10" s="1"/>
  <c r="J222" i="10"/>
  <c r="L222" i="10" s="1"/>
  <c r="J214" i="10"/>
  <c r="L214" i="10" s="1"/>
  <c r="J206" i="10"/>
  <c r="L206" i="10" s="1"/>
  <c r="J198" i="10"/>
  <c r="L198" i="10" s="1"/>
  <c r="J190" i="10"/>
  <c r="L190" i="10" s="1"/>
  <c r="J182" i="10"/>
  <c r="L182" i="10" s="1"/>
  <c r="J174" i="10"/>
  <c r="L174" i="10" s="1"/>
  <c r="J166" i="10"/>
  <c r="L166" i="10" s="1"/>
  <c r="J158" i="10"/>
  <c r="L158" i="10" s="1"/>
  <c r="J150" i="10"/>
  <c r="L150" i="10" s="1"/>
  <c r="J142" i="10"/>
  <c r="L142" i="10" s="1"/>
  <c r="J134" i="10"/>
  <c r="L134" i="10" s="1"/>
  <c r="J126" i="10"/>
  <c r="L126" i="10" s="1"/>
  <c r="J118" i="10"/>
  <c r="L118" i="10" s="1"/>
  <c r="J110" i="10"/>
  <c r="L110" i="10" s="1"/>
  <c r="J102" i="10"/>
  <c r="L102" i="10" s="1"/>
  <c r="J94" i="10"/>
  <c r="L94" i="10" s="1"/>
  <c r="J86" i="10"/>
  <c r="L86" i="10" s="1"/>
  <c r="J78" i="10"/>
  <c r="L78" i="10" s="1"/>
  <c r="J70" i="10"/>
  <c r="L70" i="10" s="1"/>
  <c r="J62" i="10"/>
  <c r="L62" i="10" s="1"/>
  <c r="J54" i="10"/>
  <c r="L54" i="10" s="1"/>
  <c r="J46" i="10"/>
  <c r="L46" i="10" s="1"/>
  <c r="J38" i="10"/>
  <c r="L38" i="10" s="1"/>
  <c r="J30" i="10"/>
  <c r="L30" i="10" s="1"/>
  <c r="J22" i="10"/>
  <c r="L22" i="10" s="1"/>
  <c r="J5869" i="10"/>
  <c r="L5869" i="10" s="1"/>
  <c r="J5861" i="10"/>
  <c r="L5861" i="10" s="1"/>
  <c r="J5853" i="10"/>
  <c r="L5853" i="10" s="1"/>
  <c r="J5845" i="10"/>
  <c r="L5845" i="10" s="1"/>
  <c r="J5837" i="10"/>
  <c r="L5837" i="10" s="1"/>
  <c r="J5829" i="10"/>
  <c r="L5829" i="10" s="1"/>
  <c r="J5821" i="10"/>
  <c r="L5821" i="10" s="1"/>
  <c r="J5813" i="10"/>
  <c r="L5813" i="10" s="1"/>
  <c r="J5805" i="10"/>
  <c r="L5805" i="10" s="1"/>
  <c r="J5797" i="10"/>
  <c r="L5797" i="10" s="1"/>
  <c r="J5789" i="10"/>
  <c r="L5789" i="10" s="1"/>
  <c r="J5781" i="10"/>
  <c r="L5781" i="10" s="1"/>
  <c r="J5773" i="10"/>
  <c r="L5773" i="10" s="1"/>
  <c r="J5765" i="10"/>
  <c r="L5765" i="10" s="1"/>
  <c r="J5757" i="10"/>
  <c r="L5757" i="10" s="1"/>
  <c r="J5749" i="10"/>
  <c r="L5749" i="10" s="1"/>
  <c r="J5741" i="10"/>
  <c r="L5741" i="10" s="1"/>
  <c r="J5733" i="10"/>
  <c r="L5733" i="10" s="1"/>
  <c r="J5725" i="10"/>
  <c r="L5725" i="10" s="1"/>
  <c r="J5717" i="10"/>
  <c r="L5717" i="10" s="1"/>
  <c r="J5709" i="10"/>
  <c r="L5709" i="10" s="1"/>
  <c r="J5701" i="10"/>
  <c r="L5701" i="10" s="1"/>
  <c r="J5693" i="10"/>
  <c r="L5693" i="10" s="1"/>
  <c r="J5685" i="10"/>
  <c r="L5685" i="10" s="1"/>
  <c r="J5677" i="10"/>
  <c r="L5677" i="10" s="1"/>
  <c r="J5669" i="10"/>
  <c r="L5669" i="10" s="1"/>
  <c r="J5661" i="10"/>
  <c r="L5661" i="10" s="1"/>
  <c r="J5653" i="10"/>
  <c r="L5653" i="10" s="1"/>
  <c r="J5645" i="10"/>
  <c r="L5645" i="10" s="1"/>
  <c r="J5637" i="10"/>
  <c r="L5637" i="10" s="1"/>
  <c r="J5629" i="10"/>
  <c r="L5629" i="10" s="1"/>
  <c r="J5621" i="10"/>
  <c r="L5621" i="10" s="1"/>
  <c r="J5613" i="10"/>
  <c r="L5613" i="10" s="1"/>
  <c r="J5605" i="10"/>
  <c r="L5605" i="10" s="1"/>
  <c r="J5597" i="10"/>
  <c r="L5597" i="10" s="1"/>
  <c r="J5589" i="10"/>
  <c r="L5589" i="10" s="1"/>
  <c r="J5581" i="10"/>
  <c r="L5581" i="10" s="1"/>
  <c r="J5573" i="10"/>
  <c r="L5573" i="10" s="1"/>
  <c r="J5565" i="10"/>
  <c r="L5565" i="10" s="1"/>
  <c r="J5557" i="10"/>
  <c r="L5557" i="10" s="1"/>
  <c r="J5549" i="10"/>
  <c r="L5549" i="10" s="1"/>
  <c r="J5541" i="10"/>
  <c r="L5541" i="10" s="1"/>
  <c r="J5533" i="10"/>
  <c r="L5533" i="10" s="1"/>
  <c r="J5525" i="10"/>
  <c r="L5525" i="10" s="1"/>
  <c r="J5517" i="10"/>
  <c r="L5517" i="10" s="1"/>
  <c r="J5509" i="10"/>
  <c r="L5509" i="10" s="1"/>
  <c r="J5501" i="10"/>
  <c r="L5501" i="10" s="1"/>
  <c r="J5493" i="10"/>
  <c r="L5493" i="10" s="1"/>
  <c r="J5485" i="10"/>
  <c r="L5485" i="10" s="1"/>
  <c r="J5477" i="10"/>
  <c r="L5477" i="10" s="1"/>
  <c r="J5469" i="10"/>
  <c r="L5469" i="10" s="1"/>
  <c r="J5461" i="10"/>
  <c r="L5461" i="10" s="1"/>
  <c r="J5453" i="10"/>
  <c r="L5453" i="10" s="1"/>
  <c r="J5445" i="10"/>
  <c r="L5445" i="10" s="1"/>
  <c r="J5437" i="10"/>
  <c r="L5437" i="10" s="1"/>
  <c r="J5429" i="10"/>
  <c r="L5429" i="10" s="1"/>
  <c r="J5421" i="10"/>
  <c r="L5421" i="10" s="1"/>
  <c r="J5413" i="10"/>
  <c r="L5413" i="10" s="1"/>
  <c r="J5405" i="10"/>
  <c r="L5405" i="10" s="1"/>
  <c r="J5397" i="10"/>
  <c r="L5397" i="10" s="1"/>
  <c r="J5389" i="10"/>
  <c r="L5389" i="10" s="1"/>
  <c r="J5381" i="10"/>
  <c r="L5381" i="10" s="1"/>
  <c r="J5373" i="10"/>
  <c r="L5373" i="10" s="1"/>
  <c r="J5365" i="10"/>
  <c r="L5365" i="10" s="1"/>
  <c r="J5357" i="10"/>
  <c r="L5357" i="10" s="1"/>
  <c r="J5349" i="10"/>
  <c r="L5349" i="10" s="1"/>
  <c r="J5341" i="10"/>
  <c r="L5341" i="10" s="1"/>
  <c r="J5333" i="10"/>
  <c r="L5333" i="10" s="1"/>
  <c r="J5325" i="10"/>
  <c r="L5325" i="10" s="1"/>
  <c r="J5317" i="10"/>
  <c r="L5317" i="10" s="1"/>
  <c r="J5309" i="10"/>
  <c r="L5309" i="10" s="1"/>
  <c r="J5301" i="10"/>
  <c r="L5301" i="10" s="1"/>
  <c r="J5293" i="10"/>
  <c r="L5293" i="10" s="1"/>
  <c r="J5285" i="10"/>
  <c r="L5285" i="10" s="1"/>
  <c r="J5277" i="10"/>
  <c r="L5277" i="10" s="1"/>
  <c r="J5269" i="10"/>
  <c r="L5269" i="10" s="1"/>
  <c r="J5261" i="10"/>
  <c r="L5261" i="10" s="1"/>
  <c r="J5253" i="10"/>
  <c r="L5253" i="10" s="1"/>
  <c r="J5245" i="10"/>
  <c r="L5245" i="10" s="1"/>
  <c r="J5237" i="10"/>
  <c r="L5237" i="10" s="1"/>
  <c r="J5229" i="10"/>
  <c r="L5229" i="10" s="1"/>
  <c r="J5221" i="10"/>
  <c r="L5221" i="10" s="1"/>
  <c r="J5213" i="10"/>
  <c r="L5213" i="10" s="1"/>
  <c r="J5205" i="10"/>
  <c r="L5205" i="10" s="1"/>
  <c r="J5197" i="10"/>
  <c r="L5197" i="10" s="1"/>
  <c r="J5189" i="10"/>
  <c r="L5189" i="10" s="1"/>
  <c r="J5181" i="10"/>
  <c r="L5181" i="10" s="1"/>
  <c r="J5173" i="10"/>
  <c r="L5173" i="10" s="1"/>
  <c r="J5165" i="10"/>
  <c r="L5165" i="10" s="1"/>
  <c r="J5157" i="10"/>
  <c r="L5157" i="10" s="1"/>
  <c r="J5149" i="10"/>
  <c r="L5149" i="10" s="1"/>
  <c r="J5141" i="10"/>
  <c r="L5141" i="10" s="1"/>
  <c r="J5133" i="10"/>
  <c r="L5133" i="10" s="1"/>
  <c r="J5125" i="10"/>
  <c r="L5125" i="10" s="1"/>
  <c r="J5117" i="10"/>
  <c r="L5117" i="10" s="1"/>
  <c r="J5109" i="10"/>
  <c r="L5109" i="10" s="1"/>
  <c r="J5101" i="10"/>
  <c r="L5101" i="10" s="1"/>
  <c r="J5093" i="10"/>
  <c r="L5093" i="10" s="1"/>
  <c r="J5085" i="10"/>
  <c r="L5085" i="10" s="1"/>
  <c r="J5077" i="10"/>
  <c r="L5077" i="10" s="1"/>
  <c r="J5069" i="10"/>
  <c r="L5069" i="10" s="1"/>
  <c r="J5061" i="10"/>
  <c r="L5061" i="10" s="1"/>
  <c r="J5053" i="10"/>
  <c r="L5053" i="10" s="1"/>
  <c r="J5045" i="10"/>
  <c r="L5045" i="10" s="1"/>
  <c r="J5037" i="10"/>
  <c r="L5037" i="10" s="1"/>
  <c r="J5029" i="10"/>
  <c r="L5029" i="10" s="1"/>
  <c r="J5021" i="10"/>
  <c r="L5021" i="10" s="1"/>
  <c r="J5013" i="10"/>
  <c r="L5013" i="10" s="1"/>
  <c r="J5005" i="10"/>
  <c r="L5005" i="10" s="1"/>
  <c r="J4997" i="10"/>
  <c r="L4997" i="10" s="1"/>
  <c r="J4989" i="10"/>
  <c r="L4989" i="10" s="1"/>
  <c r="J4981" i="10"/>
  <c r="L4981" i="10" s="1"/>
  <c r="J4973" i="10"/>
  <c r="L4973" i="10" s="1"/>
  <c r="J4965" i="10"/>
  <c r="L4965" i="10" s="1"/>
  <c r="J4957" i="10"/>
  <c r="L4957" i="10" s="1"/>
  <c r="J4949" i="10"/>
  <c r="L4949" i="10" s="1"/>
  <c r="J4941" i="10"/>
  <c r="L4941" i="10" s="1"/>
  <c r="J4933" i="10"/>
  <c r="L4933" i="10" s="1"/>
  <c r="J4925" i="10"/>
  <c r="L4925" i="10" s="1"/>
  <c r="J4917" i="10"/>
  <c r="L4917" i="10" s="1"/>
  <c r="J4909" i="10"/>
  <c r="L4909" i="10" s="1"/>
  <c r="J4901" i="10"/>
  <c r="L4901" i="10" s="1"/>
  <c r="J4893" i="10"/>
  <c r="L4893" i="10" s="1"/>
  <c r="J4885" i="10"/>
  <c r="L4885" i="10" s="1"/>
  <c r="J4877" i="10"/>
  <c r="L4877" i="10" s="1"/>
  <c r="J4869" i="10"/>
  <c r="L4869" i="10" s="1"/>
  <c r="J4861" i="10"/>
  <c r="L4861" i="10" s="1"/>
  <c r="J4853" i="10"/>
  <c r="L4853" i="10" s="1"/>
  <c r="J4845" i="10"/>
  <c r="L4845" i="10" s="1"/>
  <c r="J4837" i="10"/>
  <c r="L4837" i="10" s="1"/>
  <c r="J4829" i="10"/>
  <c r="L4829" i="10" s="1"/>
  <c r="J4821" i="10"/>
  <c r="L4821" i="10" s="1"/>
  <c r="J4813" i="10"/>
  <c r="L4813" i="10" s="1"/>
  <c r="J4805" i="10"/>
  <c r="L4805" i="10" s="1"/>
  <c r="J4797" i="10"/>
  <c r="L4797" i="10" s="1"/>
  <c r="J4789" i="10"/>
  <c r="L4789" i="10" s="1"/>
  <c r="J4781" i="10"/>
  <c r="L4781" i="10" s="1"/>
  <c r="J4773" i="10"/>
  <c r="L4773" i="10" s="1"/>
  <c r="J4765" i="10"/>
  <c r="L4765" i="10" s="1"/>
  <c r="J4757" i="10"/>
  <c r="L4757" i="10" s="1"/>
  <c r="J4749" i="10"/>
  <c r="L4749" i="10" s="1"/>
  <c r="J4741" i="10"/>
  <c r="L4741" i="10" s="1"/>
  <c r="J4733" i="10"/>
  <c r="L4733" i="10" s="1"/>
  <c r="J4725" i="10"/>
  <c r="L4725" i="10" s="1"/>
  <c r="J4717" i="10"/>
  <c r="L4717" i="10" s="1"/>
  <c r="J4709" i="10"/>
  <c r="L4709" i="10" s="1"/>
  <c r="J4701" i="10"/>
  <c r="L4701" i="10" s="1"/>
  <c r="J4693" i="10"/>
  <c r="L4693" i="10" s="1"/>
  <c r="J4685" i="10"/>
  <c r="L4685" i="10" s="1"/>
  <c r="J4677" i="10"/>
  <c r="L4677" i="10" s="1"/>
  <c r="J4669" i="10"/>
  <c r="L4669" i="10" s="1"/>
  <c r="J4661" i="10"/>
  <c r="L4661" i="10" s="1"/>
  <c r="J4653" i="10"/>
  <c r="L4653" i="10" s="1"/>
  <c r="J4645" i="10"/>
  <c r="L4645" i="10" s="1"/>
  <c r="J4637" i="10"/>
  <c r="L4637" i="10" s="1"/>
  <c r="J4629" i="10"/>
  <c r="L4629" i="10" s="1"/>
  <c r="J4621" i="10"/>
  <c r="L4621" i="10" s="1"/>
  <c r="J4613" i="10"/>
  <c r="L4613" i="10" s="1"/>
  <c r="J4605" i="10"/>
  <c r="L4605" i="10" s="1"/>
  <c r="J4597" i="10"/>
  <c r="L4597" i="10" s="1"/>
  <c r="J4589" i="10"/>
  <c r="L4589" i="10" s="1"/>
  <c r="J4581" i="10"/>
  <c r="L4581" i="10" s="1"/>
  <c r="J4573" i="10"/>
  <c r="L4573" i="10" s="1"/>
  <c r="J4565" i="10"/>
  <c r="L4565" i="10" s="1"/>
  <c r="J4557" i="10"/>
  <c r="L4557" i="10" s="1"/>
  <c r="J4549" i="10"/>
  <c r="L4549" i="10" s="1"/>
  <c r="J4541" i="10"/>
  <c r="L4541" i="10" s="1"/>
  <c r="J4533" i="10"/>
  <c r="L4533" i="10" s="1"/>
  <c r="J4525" i="10"/>
  <c r="L4525" i="10" s="1"/>
  <c r="J4517" i="10"/>
  <c r="L4517" i="10" s="1"/>
  <c r="J4509" i="10"/>
  <c r="L4509" i="10" s="1"/>
  <c r="J4501" i="10"/>
  <c r="L4501" i="10" s="1"/>
  <c r="J4493" i="10"/>
  <c r="L4493" i="10" s="1"/>
  <c r="J4485" i="10"/>
  <c r="L4485" i="10" s="1"/>
  <c r="J4477" i="10"/>
  <c r="L4477" i="10" s="1"/>
  <c r="J4469" i="10"/>
  <c r="L4469" i="10" s="1"/>
  <c r="J4461" i="10"/>
  <c r="L4461" i="10" s="1"/>
  <c r="J4453" i="10"/>
  <c r="L4453" i="10" s="1"/>
  <c r="J4445" i="10"/>
  <c r="L4445" i="10" s="1"/>
  <c r="J4437" i="10"/>
  <c r="L4437" i="10" s="1"/>
  <c r="J4429" i="10"/>
  <c r="L4429" i="10" s="1"/>
  <c r="J4421" i="10"/>
  <c r="L4421" i="10" s="1"/>
  <c r="J4413" i="10"/>
  <c r="L4413" i="10" s="1"/>
  <c r="J4405" i="10"/>
  <c r="L4405" i="10" s="1"/>
  <c r="J4397" i="10"/>
  <c r="L4397" i="10" s="1"/>
  <c r="J4389" i="10"/>
  <c r="L4389" i="10" s="1"/>
  <c r="J4381" i="10"/>
  <c r="L4381" i="10" s="1"/>
  <c r="J4373" i="10"/>
  <c r="L4373" i="10" s="1"/>
  <c r="J4365" i="10"/>
  <c r="L4365" i="10" s="1"/>
  <c r="J4357" i="10"/>
  <c r="L4357" i="10" s="1"/>
  <c r="J4349" i="10"/>
  <c r="L4349" i="10" s="1"/>
  <c r="J4341" i="10"/>
  <c r="L4341" i="10" s="1"/>
  <c r="J4333" i="10"/>
  <c r="L4333" i="10" s="1"/>
  <c r="J4325" i="10"/>
  <c r="L4325" i="10" s="1"/>
  <c r="J4317" i="10"/>
  <c r="L4317" i="10" s="1"/>
  <c r="J4309" i="10"/>
  <c r="L4309" i="10" s="1"/>
  <c r="J4301" i="10"/>
  <c r="L4301" i="10" s="1"/>
  <c r="J4293" i="10"/>
  <c r="L4293" i="10" s="1"/>
  <c r="J4285" i="10"/>
  <c r="L4285" i="10" s="1"/>
  <c r="J4277" i="10"/>
  <c r="L4277" i="10" s="1"/>
  <c r="J4269" i="10"/>
  <c r="L4269" i="10" s="1"/>
  <c r="J4261" i="10"/>
  <c r="L4261" i="10" s="1"/>
  <c r="J4253" i="10"/>
  <c r="L4253" i="10" s="1"/>
  <c r="J4245" i="10"/>
  <c r="L4245" i="10" s="1"/>
  <c r="J4237" i="10"/>
  <c r="L4237" i="10" s="1"/>
  <c r="J4229" i="10"/>
  <c r="L4229" i="10" s="1"/>
  <c r="J4221" i="10"/>
  <c r="L4221" i="10" s="1"/>
  <c r="J4213" i="10"/>
  <c r="L4213" i="10" s="1"/>
  <c r="J4205" i="10"/>
  <c r="L4205" i="10" s="1"/>
  <c r="J4197" i="10"/>
  <c r="L4197" i="10" s="1"/>
  <c r="J4189" i="10"/>
  <c r="L4189" i="10" s="1"/>
  <c r="J4181" i="10"/>
  <c r="L4181" i="10" s="1"/>
  <c r="J4173" i="10"/>
  <c r="L4173" i="10" s="1"/>
  <c r="J4165" i="10"/>
  <c r="L4165" i="10" s="1"/>
  <c r="J4157" i="10"/>
  <c r="L4157" i="10" s="1"/>
  <c r="J4149" i="10"/>
  <c r="L4149" i="10" s="1"/>
  <c r="J4141" i="10"/>
  <c r="L4141" i="10" s="1"/>
  <c r="J4133" i="10"/>
  <c r="L4133" i="10" s="1"/>
  <c r="J4125" i="10"/>
  <c r="L4125" i="10" s="1"/>
  <c r="J4117" i="10"/>
  <c r="L4117" i="10" s="1"/>
  <c r="J4109" i="10"/>
  <c r="L4109" i="10" s="1"/>
  <c r="J4101" i="10"/>
  <c r="L4101" i="10" s="1"/>
  <c r="J4093" i="10"/>
  <c r="L4093" i="10" s="1"/>
  <c r="J4085" i="10"/>
  <c r="L4085" i="10" s="1"/>
  <c r="J4077" i="10"/>
  <c r="L4077" i="10" s="1"/>
  <c r="J4069" i="10"/>
  <c r="L4069" i="10" s="1"/>
  <c r="J4061" i="10"/>
  <c r="L4061" i="10" s="1"/>
  <c r="J4053" i="10"/>
  <c r="L4053" i="10" s="1"/>
  <c r="J4045" i="10"/>
  <c r="L4045" i="10" s="1"/>
  <c r="J4037" i="10"/>
  <c r="L4037" i="10" s="1"/>
  <c r="J4029" i="10"/>
  <c r="L4029" i="10" s="1"/>
  <c r="J4021" i="10"/>
  <c r="L4021" i="10" s="1"/>
  <c r="J4013" i="10"/>
  <c r="L4013" i="10" s="1"/>
  <c r="J4005" i="10"/>
  <c r="L4005" i="10" s="1"/>
  <c r="J3997" i="10"/>
  <c r="L3997" i="10" s="1"/>
  <c r="J3989" i="10"/>
  <c r="L3989" i="10" s="1"/>
  <c r="J3981" i="10"/>
  <c r="L3981" i="10" s="1"/>
  <c r="J3973" i="10"/>
  <c r="L3973" i="10" s="1"/>
  <c r="J3965" i="10"/>
  <c r="L3965" i="10" s="1"/>
  <c r="J3957" i="10"/>
  <c r="L3957" i="10" s="1"/>
  <c r="J3949" i="10"/>
  <c r="L3949" i="10" s="1"/>
  <c r="J3941" i="10"/>
  <c r="L3941" i="10" s="1"/>
  <c r="J3933" i="10"/>
  <c r="L3933" i="10" s="1"/>
  <c r="J3925" i="10"/>
  <c r="L3925" i="10" s="1"/>
  <c r="J3917" i="10"/>
  <c r="L3917" i="10" s="1"/>
  <c r="J3909" i="10"/>
  <c r="L3909" i="10" s="1"/>
  <c r="J3901" i="10"/>
  <c r="L3901" i="10" s="1"/>
  <c r="J3893" i="10"/>
  <c r="L3893" i="10" s="1"/>
  <c r="J3885" i="10"/>
  <c r="L3885" i="10" s="1"/>
  <c r="J3877" i="10"/>
  <c r="L3877" i="10" s="1"/>
  <c r="J3869" i="10"/>
  <c r="L3869" i="10" s="1"/>
  <c r="J3861" i="10"/>
  <c r="L3861" i="10" s="1"/>
  <c r="J3853" i="10"/>
  <c r="L3853" i="10" s="1"/>
  <c r="J3845" i="10"/>
  <c r="L3845" i="10" s="1"/>
  <c r="J3837" i="10"/>
  <c r="L3837" i="10" s="1"/>
  <c r="J3829" i="10"/>
  <c r="L3829" i="10" s="1"/>
  <c r="J3821" i="10"/>
  <c r="L3821" i="10" s="1"/>
  <c r="J3813" i="10"/>
  <c r="L3813" i="10" s="1"/>
  <c r="J3805" i="10"/>
  <c r="L3805" i="10" s="1"/>
  <c r="J3797" i="10"/>
  <c r="L3797" i="10" s="1"/>
  <c r="J3789" i="10"/>
  <c r="L3789" i="10" s="1"/>
  <c r="J3781" i="10"/>
  <c r="L3781" i="10" s="1"/>
  <c r="J3773" i="10"/>
  <c r="L3773" i="10" s="1"/>
  <c r="J3765" i="10"/>
  <c r="L3765" i="10" s="1"/>
  <c r="J3757" i="10"/>
  <c r="L3757" i="10" s="1"/>
  <c r="J3749" i="10"/>
  <c r="L3749" i="10" s="1"/>
  <c r="J3741" i="10"/>
  <c r="L3741" i="10" s="1"/>
  <c r="J3733" i="10"/>
  <c r="L3733" i="10" s="1"/>
  <c r="J3725" i="10"/>
  <c r="L3725" i="10" s="1"/>
  <c r="J3717" i="10"/>
  <c r="L3717" i="10" s="1"/>
  <c r="J3709" i="10"/>
  <c r="L3709" i="10" s="1"/>
  <c r="J3701" i="10"/>
  <c r="L3701" i="10" s="1"/>
  <c r="J3693" i="10"/>
  <c r="L3693" i="10" s="1"/>
  <c r="J3685" i="10"/>
  <c r="L3685" i="10" s="1"/>
  <c r="J3677" i="10"/>
  <c r="L3677" i="10" s="1"/>
  <c r="J3669" i="10"/>
  <c r="L3669" i="10" s="1"/>
  <c r="J3661" i="10"/>
  <c r="L3661" i="10" s="1"/>
  <c r="J3653" i="10"/>
  <c r="L3653" i="10" s="1"/>
  <c r="J3645" i="10"/>
  <c r="L3645" i="10" s="1"/>
  <c r="J3637" i="10"/>
  <c r="L3637" i="10" s="1"/>
  <c r="J3629" i="10"/>
  <c r="L3629" i="10" s="1"/>
  <c r="J3621" i="10"/>
  <c r="L3621" i="10" s="1"/>
  <c r="J3613" i="10"/>
  <c r="L3613" i="10" s="1"/>
  <c r="J3605" i="10"/>
  <c r="L3605" i="10" s="1"/>
  <c r="J3597" i="10"/>
  <c r="L3597" i="10" s="1"/>
  <c r="J3589" i="10"/>
  <c r="L3589" i="10" s="1"/>
  <c r="J3581" i="10"/>
  <c r="L3581" i="10" s="1"/>
  <c r="J3573" i="10"/>
  <c r="L3573" i="10" s="1"/>
  <c r="J3565" i="10"/>
  <c r="L3565" i="10" s="1"/>
  <c r="J3557" i="10"/>
  <c r="L3557" i="10" s="1"/>
  <c r="J3549" i="10"/>
  <c r="L3549" i="10" s="1"/>
  <c r="J3541" i="10"/>
  <c r="L3541" i="10" s="1"/>
  <c r="J3533" i="10"/>
  <c r="L3533" i="10" s="1"/>
  <c r="J3525" i="10"/>
  <c r="L3525" i="10" s="1"/>
  <c r="J3517" i="10"/>
  <c r="L3517" i="10" s="1"/>
  <c r="J3509" i="10"/>
  <c r="L3509" i="10" s="1"/>
  <c r="J3501" i="10"/>
  <c r="L3501" i="10" s="1"/>
  <c r="J3493" i="10"/>
  <c r="L3493" i="10" s="1"/>
  <c r="J3485" i="10"/>
  <c r="L3485" i="10" s="1"/>
  <c r="J3477" i="10"/>
  <c r="L3477" i="10" s="1"/>
  <c r="J3469" i="10"/>
  <c r="L3469" i="10" s="1"/>
  <c r="J3461" i="10"/>
  <c r="L3461" i="10" s="1"/>
  <c r="J3453" i="10"/>
  <c r="L3453" i="10" s="1"/>
  <c r="J3445" i="10"/>
  <c r="L3445" i="10" s="1"/>
  <c r="J3437" i="10"/>
  <c r="L3437" i="10" s="1"/>
  <c r="J3429" i="10"/>
  <c r="L3429" i="10" s="1"/>
  <c r="J3421" i="10"/>
  <c r="L3421" i="10" s="1"/>
  <c r="J3413" i="10"/>
  <c r="L3413" i="10" s="1"/>
  <c r="J3405" i="10"/>
  <c r="L3405" i="10" s="1"/>
  <c r="J3397" i="10"/>
  <c r="L3397" i="10" s="1"/>
  <c r="J3389" i="10"/>
  <c r="L3389" i="10" s="1"/>
  <c r="J3381" i="10"/>
  <c r="L3381" i="10" s="1"/>
  <c r="J3373" i="10"/>
  <c r="L3373" i="10" s="1"/>
  <c r="J3365" i="10"/>
  <c r="L3365" i="10" s="1"/>
  <c r="J3357" i="10"/>
  <c r="L3357" i="10" s="1"/>
  <c r="J3349" i="10"/>
  <c r="L3349" i="10" s="1"/>
  <c r="J3341" i="10"/>
  <c r="L3341" i="10" s="1"/>
  <c r="J3333" i="10"/>
  <c r="L3333" i="10" s="1"/>
  <c r="J3325" i="10"/>
  <c r="L3325" i="10" s="1"/>
  <c r="J3317" i="10"/>
  <c r="L3317" i="10" s="1"/>
  <c r="J3309" i="10"/>
  <c r="L3309" i="10" s="1"/>
  <c r="J3301" i="10"/>
  <c r="L3301" i="10" s="1"/>
  <c r="J3293" i="10"/>
  <c r="L3293" i="10" s="1"/>
  <c r="J3285" i="10"/>
  <c r="L3285" i="10" s="1"/>
  <c r="J3277" i="10"/>
  <c r="L3277" i="10" s="1"/>
  <c r="J3269" i="10"/>
  <c r="L3269" i="10" s="1"/>
  <c r="J3261" i="10"/>
  <c r="L3261" i="10" s="1"/>
  <c r="J3253" i="10"/>
  <c r="L3253" i="10" s="1"/>
  <c r="J3245" i="10"/>
  <c r="L3245" i="10" s="1"/>
  <c r="J3237" i="10"/>
  <c r="L3237" i="10" s="1"/>
  <c r="J3229" i="10"/>
  <c r="L3229" i="10" s="1"/>
  <c r="J3221" i="10"/>
  <c r="L3221" i="10" s="1"/>
  <c r="J3213" i="10"/>
  <c r="L3213" i="10" s="1"/>
  <c r="J3205" i="10"/>
  <c r="L3205" i="10" s="1"/>
  <c r="J3197" i="10"/>
  <c r="L3197" i="10" s="1"/>
  <c r="J3189" i="10"/>
  <c r="L3189" i="10" s="1"/>
  <c r="J3181" i="10"/>
  <c r="L3181" i="10" s="1"/>
  <c r="J3173" i="10"/>
  <c r="L3173" i="10" s="1"/>
  <c r="J3165" i="10"/>
  <c r="L3165" i="10" s="1"/>
  <c r="J3157" i="10"/>
  <c r="L3157" i="10" s="1"/>
  <c r="J3149" i="10"/>
  <c r="L3149" i="10" s="1"/>
  <c r="J3141" i="10"/>
  <c r="L3141" i="10" s="1"/>
  <c r="J3133" i="10"/>
  <c r="L3133" i="10" s="1"/>
  <c r="J3125" i="10"/>
  <c r="L3125" i="10" s="1"/>
  <c r="J3117" i="10"/>
  <c r="L3117" i="10" s="1"/>
  <c r="J3109" i="10"/>
  <c r="L3109" i="10" s="1"/>
  <c r="J3101" i="10"/>
  <c r="L3101" i="10" s="1"/>
  <c r="J3093" i="10"/>
  <c r="L3093" i="10" s="1"/>
  <c r="J3085" i="10"/>
  <c r="L3085" i="10" s="1"/>
  <c r="J3077" i="10"/>
  <c r="L3077" i="10" s="1"/>
  <c r="J3069" i="10"/>
  <c r="L3069" i="10" s="1"/>
  <c r="J3061" i="10"/>
  <c r="L3061" i="10" s="1"/>
  <c r="J3053" i="10"/>
  <c r="L3053" i="10" s="1"/>
  <c r="J3045" i="10"/>
  <c r="L3045" i="10" s="1"/>
  <c r="J3037" i="10"/>
  <c r="L3037" i="10" s="1"/>
  <c r="J3029" i="10"/>
  <c r="L3029" i="10" s="1"/>
  <c r="J3021" i="10"/>
  <c r="L3021" i="10" s="1"/>
  <c r="J3013" i="10"/>
  <c r="L3013" i="10" s="1"/>
  <c r="J3005" i="10"/>
  <c r="L3005" i="10" s="1"/>
  <c r="J2997" i="10"/>
  <c r="L2997" i="10" s="1"/>
  <c r="J2989" i="10"/>
  <c r="L2989" i="10" s="1"/>
  <c r="J2981" i="10"/>
  <c r="L2981" i="10" s="1"/>
  <c r="J2973" i="10"/>
  <c r="L2973" i="10" s="1"/>
  <c r="J2965" i="10"/>
  <c r="L2965" i="10" s="1"/>
  <c r="J2957" i="10"/>
  <c r="L2957" i="10" s="1"/>
  <c r="J2949" i="10"/>
  <c r="L2949" i="10" s="1"/>
  <c r="J2941" i="10"/>
  <c r="L2941" i="10" s="1"/>
  <c r="J2933" i="10"/>
  <c r="L2933" i="10" s="1"/>
  <c r="J2925" i="10"/>
  <c r="L2925" i="10" s="1"/>
  <c r="J2917" i="10"/>
  <c r="L2917" i="10" s="1"/>
  <c r="J2909" i="10"/>
  <c r="L2909" i="10" s="1"/>
  <c r="J2901" i="10"/>
  <c r="L2901" i="10" s="1"/>
  <c r="J2893" i="10"/>
  <c r="L2893" i="10" s="1"/>
  <c r="J2885" i="10"/>
  <c r="L2885" i="10" s="1"/>
  <c r="J2877" i="10"/>
  <c r="L2877" i="10" s="1"/>
  <c r="J2869" i="10"/>
  <c r="L2869" i="10" s="1"/>
  <c r="J2861" i="10"/>
  <c r="L2861" i="10" s="1"/>
  <c r="J2853" i="10"/>
  <c r="L2853" i="10" s="1"/>
  <c r="J2845" i="10"/>
  <c r="L2845" i="10" s="1"/>
  <c r="J2837" i="10"/>
  <c r="L2837" i="10" s="1"/>
  <c r="J2829" i="10"/>
  <c r="L2829" i="10" s="1"/>
  <c r="J2821" i="10"/>
  <c r="L2821" i="10" s="1"/>
  <c r="J2813" i="10"/>
  <c r="L2813" i="10" s="1"/>
  <c r="J2805" i="10"/>
  <c r="L2805" i="10" s="1"/>
  <c r="J2797" i="10"/>
  <c r="L2797" i="10" s="1"/>
  <c r="J2789" i="10"/>
  <c r="L2789" i="10" s="1"/>
  <c r="J2781" i="10"/>
  <c r="L2781" i="10" s="1"/>
  <c r="J2773" i="10"/>
  <c r="L2773" i="10" s="1"/>
  <c r="J2765" i="10"/>
  <c r="L2765" i="10" s="1"/>
  <c r="J2757" i="10"/>
  <c r="L2757" i="10" s="1"/>
  <c r="J2749" i="10"/>
  <c r="L2749" i="10" s="1"/>
  <c r="J2741" i="10"/>
  <c r="L2741" i="10" s="1"/>
  <c r="J2733" i="10"/>
  <c r="L2733" i="10" s="1"/>
  <c r="J2725" i="10"/>
  <c r="L2725" i="10" s="1"/>
  <c r="J2717" i="10"/>
  <c r="L2717" i="10" s="1"/>
  <c r="J2709" i="10"/>
  <c r="L2709" i="10" s="1"/>
  <c r="J2701" i="10"/>
  <c r="L2701" i="10" s="1"/>
  <c r="J2693" i="10"/>
  <c r="L2693" i="10" s="1"/>
  <c r="J2685" i="10"/>
  <c r="L2685" i="10" s="1"/>
  <c r="J2677" i="10"/>
  <c r="L2677" i="10" s="1"/>
  <c r="J2669" i="10"/>
  <c r="L2669" i="10" s="1"/>
  <c r="J2661" i="10"/>
  <c r="L2661" i="10" s="1"/>
  <c r="J2653" i="10"/>
  <c r="L2653" i="10" s="1"/>
  <c r="J2645" i="10"/>
  <c r="L2645" i="10" s="1"/>
  <c r="J2637" i="10"/>
  <c r="L2637" i="10" s="1"/>
  <c r="J2629" i="10"/>
  <c r="L2629" i="10" s="1"/>
  <c r="J2621" i="10"/>
  <c r="L2621" i="10" s="1"/>
  <c r="J2613" i="10"/>
  <c r="L2613" i="10" s="1"/>
  <c r="J2605" i="10"/>
  <c r="L2605" i="10" s="1"/>
  <c r="J2597" i="10"/>
  <c r="L2597" i="10" s="1"/>
  <c r="J2589" i="10"/>
  <c r="L2589" i="10" s="1"/>
  <c r="J2581" i="10"/>
  <c r="L2581" i="10" s="1"/>
  <c r="J2573" i="10"/>
  <c r="L2573" i="10" s="1"/>
  <c r="J2565" i="10"/>
  <c r="L2565" i="10" s="1"/>
  <c r="J2557" i="10"/>
  <c r="L2557" i="10" s="1"/>
  <c r="J2549" i="10"/>
  <c r="L2549" i="10" s="1"/>
  <c r="J2541" i="10"/>
  <c r="L2541" i="10" s="1"/>
  <c r="J2533" i="10"/>
  <c r="L2533" i="10" s="1"/>
  <c r="J2525" i="10"/>
  <c r="L2525" i="10" s="1"/>
  <c r="J2517" i="10"/>
  <c r="L2517" i="10" s="1"/>
  <c r="J2509" i="10"/>
  <c r="L2509" i="10" s="1"/>
  <c r="J2501" i="10"/>
  <c r="L2501" i="10" s="1"/>
  <c r="J2493" i="10"/>
  <c r="L2493" i="10" s="1"/>
  <c r="J2485" i="10"/>
  <c r="L2485" i="10" s="1"/>
  <c r="J2477" i="10"/>
  <c r="L2477" i="10" s="1"/>
  <c r="J2469" i="10"/>
  <c r="L2469" i="10" s="1"/>
  <c r="J2461" i="10"/>
  <c r="L2461" i="10" s="1"/>
  <c r="J2453" i="10"/>
  <c r="L2453" i="10" s="1"/>
  <c r="J2445" i="10"/>
  <c r="L2445" i="10" s="1"/>
  <c r="J2437" i="10"/>
  <c r="L2437" i="10" s="1"/>
  <c r="J2429" i="10"/>
  <c r="L2429" i="10" s="1"/>
  <c r="J2421" i="10"/>
  <c r="L2421" i="10" s="1"/>
  <c r="J2413" i="10"/>
  <c r="L2413" i="10" s="1"/>
  <c r="J2405" i="10"/>
  <c r="L2405" i="10" s="1"/>
  <c r="J2397" i="10"/>
  <c r="L2397" i="10" s="1"/>
  <c r="J2389" i="10"/>
  <c r="L2389" i="10" s="1"/>
  <c r="J2381" i="10"/>
  <c r="L2381" i="10" s="1"/>
  <c r="J2373" i="10"/>
  <c r="L2373" i="10" s="1"/>
  <c r="J2365" i="10"/>
  <c r="L2365" i="10" s="1"/>
  <c r="J2357" i="10"/>
  <c r="L2357" i="10" s="1"/>
  <c r="J2349" i="10"/>
  <c r="L2349" i="10" s="1"/>
  <c r="J2341" i="10"/>
  <c r="L2341" i="10" s="1"/>
  <c r="J2333" i="10"/>
  <c r="L2333" i="10" s="1"/>
  <c r="J2325" i="10"/>
  <c r="L2325" i="10" s="1"/>
  <c r="J2317" i="10"/>
  <c r="L2317" i="10" s="1"/>
  <c r="J2309" i="10"/>
  <c r="L2309" i="10" s="1"/>
  <c r="J2301" i="10"/>
  <c r="L2301" i="10" s="1"/>
  <c r="J2293" i="10"/>
  <c r="L2293" i="10" s="1"/>
  <c r="J2285" i="10"/>
  <c r="L2285" i="10" s="1"/>
  <c r="J2277" i="10"/>
  <c r="L2277" i="10" s="1"/>
  <c r="J2269" i="10"/>
  <c r="L2269" i="10" s="1"/>
  <c r="J2261" i="10"/>
  <c r="L2261" i="10" s="1"/>
  <c r="J2253" i="10"/>
  <c r="L2253" i="10" s="1"/>
  <c r="J2245" i="10"/>
  <c r="L2245" i="10" s="1"/>
  <c r="J2237" i="10"/>
  <c r="L2237" i="10" s="1"/>
  <c r="J2229" i="10"/>
  <c r="L2229" i="10" s="1"/>
  <c r="J2221" i="10"/>
  <c r="L2221" i="10" s="1"/>
  <c r="J2213" i="10"/>
  <c r="L2213" i="10" s="1"/>
  <c r="J2205" i="10"/>
  <c r="L2205" i="10" s="1"/>
  <c r="J2197" i="10"/>
  <c r="L2197" i="10" s="1"/>
  <c r="J2189" i="10"/>
  <c r="L2189" i="10" s="1"/>
  <c r="J2181" i="10"/>
  <c r="L2181" i="10" s="1"/>
  <c r="J2173" i="10"/>
  <c r="L2173" i="10" s="1"/>
  <c r="J2165" i="10"/>
  <c r="L2165" i="10" s="1"/>
  <c r="J2157" i="10"/>
  <c r="L2157" i="10" s="1"/>
  <c r="J2149" i="10"/>
  <c r="L2149" i="10" s="1"/>
  <c r="J2141" i="10"/>
  <c r="L2141" i="10" s="1"/>
  <c r="J2133" i="10"/>
  <c r="L2133" i="10" s="1"/>
  <c r="J2125" i="10"/>
  <c r="L2125" i="10" s="1"/>
  <c r="J2117" i="10"/>
  <c r="L2117" i="10" s="1"/>
  <c r="J2109" i="10"/>
  <c r="L2109" i="10" s="1"/>
  <c r="J2101" i="10"/>
  <c r="L2101" i="10" s="1"/>
  <c r="J2093" i="10"/>
  <c r="L2093" i="10" s="1"/>
  <c r="J2085" i="10"/>
  <c r="L2085" i="10" s="1"/>
  <c r="J2077" i="10"/>
  <c r="L2077" i="10" s="1"/>
  <c r="J2069" i="10"/>
  <c r="L2069" i="10" s="1"/>
  <c r="J2061" i="10"/>
  <c r="L2061" i="10" s="1"/>
  <c r="J2053" i="10"/>
  <c r="L2053" i="10" s="1"/>
  <c r="J2045" i="10"/>
  <c r="L2045" i="10" s="1"/>
  <c r="J2037" i="10"/>
  <c r="L2037" i="10" s="1"/>
  <c r="J2029" i="10"/>
  <c r="L2029" i="10" s="1"/>
  <c r="J2021" i="10"/>
  <c r="L2021" i="10" s="1"/>
  <c r="J2013" i="10"/>
  <c r="L2013" i="10" s="1"/>
  <c r="J2005" i="10"/>
  <c r="L2005" i="10" s="1"/>
  <c r="J1997" i="10"/>
  <c r="L1997" i="10" s="1"/>
  <c r="J1989" i="10"/>
  <c r="L1989" i="10" s="1"/>
  <c r="J1981" i="10"/>
  <c r="L1981" i="10" s="1"/>
  <c r="J1973" i="10"/>
  <c r="L1973" i="10" s="1"/>
  <c r="J1965" i="10"/>
  <c r="L1965" i="10" s="1"/>
  <c r="J1957" i="10"/>
  <c r="L1957" i="10" s="1"/>
  <c r="J1949" i="10"/>
  <c r="L1949" i="10" s="1"/>
  <c r="J1941" i="10"/>
  <c r="L1941" i="10" s="1"/>
  <c r="J1933" i="10"/>
  <c r="L1933" i="10" s="1"/>
  <c r="J1925" i="10"/>
  <c r="L1925" i="10" s="1"/>
  <c r="J1917" i="10"/>
  <c r="L1917" i="10" s="1"/>
  <c r="J1909" i="10"/>
  <c r="L1909" i="10" s="1"/>
  <c r="J1901" i="10"/>
  <c r="L1901" i="10" s="1"/>
  <c r="J1893" i="10"/>
  <c r="L1893" i="10" s="1"/>
  <c r="J1885" i="10"/>
  <c r="L1885" i="10" s="1"/>
  <c r="J1877" i="10"/>
  <c r="L1877" i="10" s="1"/>
  <c r="J1869" i="10"/>
  <c r="L1869" i="10" s="1"/>
  <c r="J1861" i="10"/>
  <c r="L1861" i="10" s="1"/>
  <c r="J1853" i="10"/>
  <c r="L1853" i="10" s="1"/>
  <c r="J1845" i="10"/>
  <c r="L1845" i="10" s="1"/>
  <c r="J1837" i="10"/>
  <c r="L1837" i="10" s="1"/>
  <c r="J1829" i="10"/>
  <c r="L1829" i="10" s="1"/>
  <c r="J1821" i="10"/>
  <c r="L1821" i="10" s="1"/>
  <c r="J1813" i="10"/>
  <c r="L1813" i="10" s="1"/>
  <c r="J1805" i="10"/>
  <c r="L1805" i="10" s="1"/>
  <c r="J1797" i="10"/>
  <c r="L1797" i="10" s="1"/>
  <c r="J1789" i="10"/>
  <c r="L1789" i="10" s="1"/>
  <c r="J1781" i="10"/>
  <c r="L1781" i="10" s="1"/>
  <c r="J1773" i="10"/>
  <c r="L1773" i="10" s="1"/>
  <c r="J1765" i="10"/>
  <c r="L1765" i="10" s="1"/>
  <c r="J1757" i="10"/>
  <c r="L1757" i="10" s="1"/>
  <c r="J1749" i="10"/>
  <c r="L1749" i="10" s="1"/>
  <c r="J1741" i="10"/>
  <c r="L1741" i="10" s="1"/>
  <c r="J1733" i="10"/>
  <c r="L1733" i="10" s="1"/>
  <c r="J1725" i="10"/>
  <c r="L1725" i="10" s="1"/>
  <c r="J1717" i="10"/>
  <c r="L1717" i="10" s="1"/>
  <c r="J1709" i="10"/>
  <c r="L1709" i="10" s="1"/>
  <c r="J1701" i="10"/>
  <c r="L1701" i="10" s="1"/>
  <c r="J1693" i="10"/>
  <c r="L1693" i="10" s="1"/>
  <c r="J1685" i="10"/>
  <c r="L1685" i="10" s="1"/>
  <c r="J1677" i="10"/>
  <c r="L1677" i="10" s="1"/>
  <c r="J1669" i="10"/>
  <c r="L1669" i="10" s="1"/>
  <c r="J1661" i="10"/>
  <c r="L1661" i="10" s="1"/>
  <c r="J1653" i="10"/>
  <c r="L1653" i="10" s="1"/>
  <c r="J1645" i="10"/>
  <c r="L1645" i="10" s="1"/>
  <c r="J1637" i="10"/>
  <c r="L1637" i="10" s="1"/>
  <c r="J1629" i="10"/>
  <c r="L1629" i="10" s="1"/>
  <c r="J1621" i="10"/>
  <c r="L1621" i="10" s="1"/>
  <c r="J1613" i="10"/>
  <c r="L1613" i="10" s="1"/>
  <c r="J1605" i="10"/>
  <c r="L1605" i="10" s="1"/>
  <c r="J1597" i="10"/>
  <c r="L1597" i="10" s="1"/>
  <c r="J1589" i="10"/>
  <c r="L1589" i="10" s="1"/>
  <c r="J1581" i="10"/>
  <c r="L1581" i="10" s="1"/>
  <c r="J1573" i="10"/>
  <c r="L1573" i="10" s="1"/>
  <c r="J1565" i="10"/>
  <c r="L1565" i="10" s="1"/>
  <c r="J1557" i="10"/>
  <c r="L1557" i="10" s="1"/>
  <c r="J1549" i="10"/>
  <c r="L1549" i="10" s="1"/>
  <c r="J1541" i="10"/>
  <c r="L1541" i="10" s="1"/>
  <c r="J1533" i="10"/>
  <c r="L1533" i="10" s="1"/>
  <c r="J1525" i="10"/>
  <c r="L1525" i="10" s="1"/>
  <c r="J1517" i="10"/>
  <c r="L1517" i="10" s="1"/>
  <c r="J1509" i="10"/>
  <c r="L1509" i="10" s="1"/>
  <c r="J1501" i="10"/>
  <c r="L1501" i="10" s="1"/>
  <c r="J1493" i="10"/>
  <c r="L1493" i="10" s="1"/>
  <c r="J1485" i="10"/>
  <c r="L1485" i="10" s="1"/>
  <c r="J1477" i="10"/>
  <c r="L1477" i="10" s="1"/>
  <c r="J1469" i="10"/>
  <c r="L1469" i="10" s="1"/>
  <c r="J1461" i="10"/>
  <c r="L1461" i="10" s="1"/>
  <c r="J1453" i="10"/>
  <c r="L1453" i="10" s="1"/>
  <c r="J1445" i="10"/>
  <c r="L1445" i="10" s="1"/>
  <c r="J1437" i="10"/>
  <c r="L1437" i="10" s="1"/>
  <c r="J1429" i="10"/>
  <c r="L1429" i="10" s="1"/>
  <c r="J1421" i="10"/>
  <c r="L1421" i="10" s="1"/>
  <c r="J1413" i="10"/>
  <c r="L1413" i="10" s="1"/>
  <c r="J1405" i="10"/>
  <c r="L1405" i="10" s="1"/>
  <c r="J1397" i="10"/>
  <c r="L1397" i="10" s="1"/>
  <c r="J1389" i="10"/>
  <c r="L1389" i="10" s="1"/>
  <c r="J1381" i="10"/>
  <c r="L1381" i="10" s="1"/>
  <c r="J1373" i="10"/>
  <c r="L1373" i="10" s="1"/>
  <c r="J1365" i="10"/>
  <c r="L1365" i="10" s="1"/>
  <c r="J1357" i="10"/>
  <c r="L1357" i="10" s="1"/>
  <c r="J1349" i="10"/>
  <c r="L1349" i="10" s="1"/>
  <c r="J1341" i="10"/>
  <c r="L1341" i="10" s="1"/>
  <c r="J1333" i="10"/>
  <c r="L1333" i="10" s="1"/>
  <c r="J1325" i="10"/>
  <c r="L1325" i="10" s="1"/>
  <c r="J1317" i="10"/>
  <c r="L1317" i="10" s="1"/>
  <c r="J1309" i="10"/>
  <c r="L1309" i="10" s="1"/>
  <c r="J1301" i="10"/>
  <c r="L1301" i="10" s="1"/>
  <c r="J1293" i="10"/>
  <c r="L1293" i="10" s="1"/>
  <c r="J1285" i="10"/>
  <c r="L1285" i="10" s="1"/>
  <c r="J1277" i="10"/>
  <c r="L1277" i="10" s="1"/>
  <c r="J1269" i="10"/>
  <c r="L1269" i="10" s="1"/>
  <c r="J1261" i="10"/>
  <c r="L1261" i="10" s="1"/>
  <c r="J1253" i="10"/>
  <c r="L1253" i="10" s="1"/>
  <c r="J1245" i="10"/>
  <c r="L1245" i="10" s="1"/>
  <c r="J1237" i="10"/>
  <c r="L1237" i="10" s="1"/>
  <c r="J1229" i="10"/>
  <c r="L1229" i="10" s="1"/>
  <c r="J1221" i="10"/>
  <c r="L1221" i="10" s="1"/>
  <c r="J1213" i="10"/>
  <c r="L1213" i="10" s="1"/>
  <c r="J1205" i="10"/>
  <c r="L1205" i="10" s="1"/>
  <c r="J1197" i="10"/>
  <c r="L1197" i="10" s="1"/>
  <c r="J1189" i="10"/>
  <c r="L1189" i="10" s="1"/>
  <c r="J1181" i="10"/>
  <c r="L1181" i="10" s="1"/>
  <c r="J1173" i="10"/>
  <c r="L1173" i="10" s="1"/>
  <c r="J1165" i="10"/>
  <c r="L1165" i="10" s="1"/>
  <c r="J1157" i="10"/>
  <c r="L1157" i="10" s="1"/>
  <c r="J1149" i="10"/>
  <c r="L1149" i="10" s="1"/>
  <c r="J1141" i="10"/>
  <c r="L1141" i="10" s="1"/>
  <c r="J1133" i="10"/>
  <c r="L1133" i="10" s="1"/>
  <c r="J1125" i="10"/>
  <c r="L1125" i="10" s="1"/>
  <c r="J1117" i="10"/>
  <c r="L1117" i="10" s="1"/>
  <c r="J1109" i="10"/>
  <c r="L1109" i="10" s="1"/>
  <c r="J1101" i="10"/>
  <c r="L1101" i="10" s="1"/>
  <c r="J1093" i="10"/>
  <c r="L1093" i="10" s="1"/>
  <c r="J1085" i="10"/>
  <c r="L1085" i="10" s="1"/>
  <c r="J1077" i="10"/>
  <c r="L1077" i="10" s="1"/>
  <c r="J1069" i="10"/>
  <c r="L1069" i="10" s="1"/>
  <c r="J1061" i="10"/>
  <c r="L1061" i="10" s="1"/>
  <c r="J1053" i="10"/>
  <c r="L1053" i="10" s="1"/>
  <c r="J1045" i="10"/>
  <c r="L1045" i="10" s="1"/>
  <c r="J1037" i="10"/>
  <c r="L1037" i="10" s="1"/>
  <c r="J1029" i="10"/>
  <c r="L1029" i="10" s="1"/>
  <c r="J1021" i="10"/>
  <c r="L1021" i="10" s="1"/>
  <c r="J1013" i="10"/>
  <c r="L1013" i="10" s="1"/>
  <c r="J1005" i="10"/>
  <c r="L1005" i="10" s="1"/>
  <c r="J997" i="10"/>
  <c r="L997" i="10" s="1"/>
  <c r="J989" i="10"/>
  <c r="L989" i="10" s="1"/>
  <c r="J981" i="10"/>
  <c r="L981" i="10" s="1"/>
  <c r="J973" i="10"/>
  <c r="L973" i="10" s="1"/>
  <c r="J965" i="10"/>
  <c r="L965" i="10" s="1"/>
  <c r="J957" i="10"/>
  <c r="L957" i="10" s="1"/>
  <c r="J949" i="10"/>
  <c r="L949" i="10" s="1"/>
  <c r="J941" i="10"/>
  <c r="L941" i="10" s="1"/>
  <c r="J933" i="10"/>
  <c r="L933" i="10" s="1"/>
  <c r="J925" i="10"/>
  <c r="L925" i="10" s="1"/>
  <c r="J917" i="10"/>
  <c r="L917" i="10" s="1"/>
  <c r="J909" i="10"/>
  <c r="L909" i="10" s="1"/>
  <c r="J901" i="10"/>
  <c r="L901" i="10" s="1"/>
  <c r="J893" i="10"/>
  <c r="L893" i="10" s="1"/>
  <c r="J885" i="10"/>
  <c r="L885" i="10" s="1"/>
  <c r="J877" i="10"/>
  <c r="L877" i="10" s="1"/>
  <c r="J869" i="10"/>
  <c r="L869" i="10" s="1"/>
  <c r="J861" i="10"/>
  <c r="L861" i="10" s="1"/>
  <c r="J853" i="10"/>
  <c r="L853" i="10" s="1"/>
  <c r="J845" i="10"/>
  <c r="L845" i="10" s="1"/>
  <c r="J837" i="10"/>
  <c r="L837" i="10" s="1"/>
  <c r="J829" i="10"/>
  <c r="L829" i="10" s="1"/>
  <c r="J821" i="10"/>
  <c r="L821" i="10" s="1"/>
  <c r="J813" i="10"/>
  <c r="L813" i="10" s="1"/>
  <c r="J805" i="10"/>
  <c r="L805" i="10" s="1"/>
  <c r="J797" i="10"/>
  <c r="L797" i="10" s="1"/>
  <c r="J789" i="10"/>
  <c r="L789" i="10" s="1"/>
  <c r="J781" i="10"/>
  <c r="L781" i="10" s="1"/>
  <c r="J773" i="10"/>
  <c r="L773" i="10" s="1"/>
  <c r="J765" i="10"/>
  <c r="L765" i="10" s="1"/>
  <c r="J757" i="10"/>
  <c r="L757" i="10" s="1"/>
  <c r="J749" i="10"/>
  <c r="L749" i="10" s="1"/>
  <c r="J741" i="10"/>
  <c r="L741" i="10" s="1"/>
  <c r="J733" i="10"/>
  <c r="L733" i="10" s="1"/>
  <c r="J725" i="10"/>
  <c r="L725" i="10" s="1"/>
  <c r="J717" i="10"/>
  <c r="L717" i="10" s="1"/>
  <c r="J709" i="10"/>
  <c r="L709" i="10" s="1"/>
  <c r="J701" i="10"/>
  <c r="L701" i="10" s="1"/>
  <c r="J693" i="10"/>
  <c r="L693" i="10" s="1"/>
  <c r="J685" i="10"/>
  <c r="L685" i="10" s="1"/>
  <c r="J677" i="10"/>
  <c r="L677" i="10" s="1"/>
  <c r="J669" i="10"/>
  <c r="L669" i="10" s="1"/>
  <c r="J661" i="10"/>
  <c r="L661" i="10" s="1"/>
  <c r="J653" i="10"/>
  <c r="L653" i="10" s="1"/>
  <c r="J645" i="10"/>
  <c r="L645" i="10" s="1"/>
  <c r="J637" i="10"/>
  <c r="L637" i="10" s="1"/>
  <c r="J629" i="10"/>
  <c r="L629" i="10" s="1"/>
  <c r="J621" i="10"/>
  <c r="L621" i="10" s="1"/>
  <c r="J613" i="10"/>
  <c r="L613" i="10" s="1"/>
  <c r="J605" i="10"/>
  <c r="L605" i="10" s="1"/>
  <c r="J597" i="10"/>
  <c r="L597" i="10" s="1"/>
  <c r="J589" i="10"/>
  <c r="L589" i="10" s="1"/>
  <c r="J581" i="10"/>
  <c r="L581" i="10" s="1"/>
  <c r="J573" i="10"/>
  <c r="L573" i="10" s="1"/>
  <c r="J565" i="10"/>
  <c r="L565" i="10" s="1"/>
  <c r="J557" i="10"/>
  <c r="L557" i="10" s="1"/>
  <c r="J549" i="10"/>
  <c r="L549" i="10" s="1"/>
  <c r="J541" i="10"/>
  <c r="L541" i="10" s="1"/>
  <c r="J533" i="10"/>
  <c r="L533" i="10" s="1"/>
  <c r="J525" i="10"/>
  <c r="L525" i="10" s="1"/>
  <c r="J517" i="10"/>
  <c r="L517" i="10" s="1"/>
  <c r="J509" i="10"/>
  <c r="L509" i="10" s="1"/>
  <c r="J501" i="10"/>
  <c r="L501" i="10" s="1"/>
  <c r="J493" i="10"/>
  <c r="L493" i="10" s="1"/>
  <c r="J485" i="10"/>
  <c r="L485" i="10" s="1"/>
  <c r="J477" i="10"/>
  <c r="L477" i="10" s="1"/>
  <c r="J469" i="10"/>
  <c r="L469" i="10" s="1"/>
  <c r="J461" i="10"/>
  <c r="L461" i="10" s="1"/>
  <c r="J453" i="10"/>
  <c r="L453" i="10" s="1"/>
  <c r="J445" i="10"/>
  <c r="L445" i="10" s="1"/>
  <c r="J437" i="10"/>
  <c r="L437" i="10" s="1"/>
  <c r="J429" i="10"/>
  <c r="L429" i="10" s="1"/>
  <c r="J421" i="10"/>
  <c r="L421" i="10" s="1"/>
  <c r="J413" i="10"/>
  <c r="L413" i="10" s="1"/>
  <c r="J405" i="10"/>
  <c r="L405" i="10" s="1"/>
  <c r="J397" i="10"/>
  <c r="L397" i="10" s="1"/>
  <c r="J389" i="10"/>
  <c r="L389" i="10" s="1"/>
  <c r="J381" i="10"/>
  <c r="L381" i="10" s="1"/>
  <c r="J373" i="10"/>
  <c r="L373" i="10" s="1"/>
  <c r="J365" i="10"/>
  <c r="L365" i="10" s="1"/>
  <c r="J357" i="10"/>
  <c r="L357" i="10" s="1"/>
  <c r="J349" i="10"/>
  <c r="L349" i="10" s="1"/>
  <c r="J341" i="10"/>
  <c r="L341" i="10" s="1"/>
  <c r="J333" i="10"/>
  <c r="L333" i="10" s="1"/>
  <c r="J325" i="10"/>
  <c r="L325" i="10" s="1"/>
  <c r="J317" i="10"/>
  <c r="L317" i="10" s="1"/>
  <c r="J309" i="10"/>
  <c r="L309" i="10" s="1"/>
  <c r="J301" i="10"/>
  <c r="L301" i="10" s="1"/>
  <c r="J293" i="10"/>
  <c r="L293" i="10" s="1"/>
  <c r="J285" i="10"/>
  <c r="L285" i="10" s="1"/>
  <c r="J277" i="10"/>
  <c r="L277" i="10" s="1"/>
  <c r="J269" i="10"/>
  <c r="L269" i="10" s="1"/>
  <c r="J261" i="10"/>
  <c r="L261" i="10" s="1"/>
  <c r="J253" i="10"/>
  <c r="L253" i="10" s="1"/>
  <c r="J245" i="10"/>
  <c r="L245" i="10" s="1"/>
  <c r="J237" i="10"/>
  <c r="L237" i="10" s="1"/>
  <c r="J229" i="10"/>
  <c r="L229" i="10" s="1"/>
  <c r="J221" i="10"/>
  <c r="L221" i="10" s="1"/>
  <c r="J213" i="10"/>
  <c r="L213" i="10" s="1"/>
  <c r="J205" i="10"/>
  <c r="L205" i="10" s="1"/>
  <c r="J197" i="10"/>
  <c r="L197" i="10" s="1"/>
  <c r="J189" i="10"/>
  <c r="L189" i="10" s="1"/>
  <c r="J181" i="10"/>
  <c r="L181" i="10" s="1"/>
  <c r="J173" i="10"/>
  <c r="L173" i="10" s="1"/>
  <c r="J165" i="10"/>
  <c r="L165" i="10" s="1"/>
  <c r="J157" i="10"/>
  <c r="L157" i="10" s="1"/>
  <c r="J149" i="10"/>
  <c r="L149" i="10" s="1"/>
  <c r="J141" i="10"/>
  <c r="L141" i="10" s="1"/>
  <c r="J133" i="10"/>
  <c r="L133" i="10" s="1"/>
  <c r="J125" i="10"/>
  <c r="L125" i="10" s="1"/>
  <c r="J117" i="10"/>
  <c r="L117" i="10" s="1"/>
  <c r="J109" i="10"/>
  <c r="L109" i="10" s="1"/>
  <c r="J101" i="10"/>
  <c r="L101" i="10" s="1"/>
  <c r="J93" i="10"/>
  <c r="L93" i="10" s="1"/>
  <c r="J85" i="10"/>
  <c r="L85" i="10" s="1"/>
  <c r="J77" i="10"/>
  <c r="L77" i="10" s="1"/>
  <c r="J69" i="10"/>
  <c r="L69" i="10" s="1"/>
  <c r="J61" i="10"/>
  <c r="L61" i="10" s="1"/>
  <c r="J53" i="10"/>
  <c r="L53" i="10" s="1"/>
  <c r="J45" i="10"/>
  <c r="L45" i="10" s="1"/>
  <c r="J37" i="10"/>
  <c r="L37" i="10" s="1"/>
  <c r="J29" i="10"/>
  <c r="L29" i="10" s="1"/>
  <c r="J21" i="10"/>
  <c r="L21" i="10" s="1"/>
  <c r="J5804" i="10"/>
  <c r="L5804" i="10" s="1"/>
  <c r="J5796" i="10"/>
  <c r="L5796" i="10" s="1"/>
  <c r="J5788" i="10"/>
  <c r="L5788" i="10" s="1"/>
  <c r="J5780" i="10"/>
  <c r="L5780" i="10" s="1"/>
  <c r="J5772" i="10"/>
  <c r="L5772" i="10" s="1"/>
  <c r="J5764" i="10"/>
  <c r="L5764" i="10" s="1"/>
  <c r="J5756" i="10"/>
  <c r="L5756" i="10" s="1"/>
  <c r="J5748" i="10"/>
  <c r="L5748" i="10" s="1"/>
  <c r="J5740" i="10"/>
  <c r="L5740" i="10" s="1"/>
  <c r="J5732" i="10"/>
  <c r="L5732" i="10" s="1"/>
  <c r="J5724" i="10"/>
  <c r="L5724" i="10" s="1"/>
  <c r="J5716" i="10"/>
  <c r="L5716" i="10" s="1"/>
  <c r="J5708" i="10"/>
  <c r="L5708" i="10" s="1"/>
  <c r="J5700" i="10"/>
  <c r="L5700" i="10" s="1"/>
  <c r="J5692" i="10"/>
  <c r="L5692" i="10" s="1"/>
  <c r="J5684" i="10"/>
  <c r="L5684" i="10" s="1"/>
  <c r="J5676" i="10"/>
  <c r="L5676" i="10" s="1"/>
  <c r="J5668" i="10"/>
  <c r="L5668" i="10" s="1"/>
  <c r="J5660" i="10"/>
  <c r="L5660" i="10" s="1"/>
  <c r="J5652" i="10"/>
  <c r="L5652" i="10" s="1"/>
  <c r="J5644" i="10"/>
  <c r="L5644" i="10" s="1"/>
  <c r="J5636" i="10"/>
  <c r="L5636" i="10" s="1"/>
  <c r="J5628" i="10"/>
  <c r="L5628" i="10" s="1"/>
  <c r="J5620" i="10"/>
  <c r="L5620" i="10" s="1"/>
  <c r="J5612" i="10"/>
  <c r="L5612" i="10" s="1"/>
  <c r="J5604" i="10"/>
  <c r="L5604" i="10" s="1"/>
  <c r="J5596" i="10"/>
  <c r="L5596" i="10" s="1"/>
  <c r="J5588" i="10"/>
  <c r="L5588" i="10" s="1"/>
  <c r="J5580" i="10"/>
  <c r="L5580" i="10" s="1"/>
  <c r="J5572" i="10"/>
  <c r="L5572" i="10" s="1"/>
  <c r="J5564" i="10"/>
  <c r="L5564" i="10" s="1"/>
  <c r="J5556" i="10"/>
  <c r="L5556" i="10" s="1"/>
  <c r="J5548" i="10"/>
  <c r="L5548" i="10" s="1"/>
  <c r="J5540" i="10"/>
  <c r="L5540" i="10" s="1"/>
  <c r="J5532" i="10"/>
  <c r="L5532" i="10" s="1"/>
  <c r="J5524" i="10"/>
  <c r="L5524" i="10" s="1"/>
  <c r="J5516" i="10"/>
  <c r="L5516" i="10" s="1"/>
  <c r="J5508" i="10"/>
  <c r="L5508" i="10" s="1"/>
  <c r="J5500" i="10"/>
  <c r="L5500" i="10" s="1"/>
  <c r="J5492" i="10"/>
  <c r="L5492" i="10" s="1"/>
  <c r="J5484" i="10"/>
  <c r="L5484" i="10" s="1"/>
  <c r="J5476" i="10"/>
  <c r="L5476" i="10" s="1"/>
  <c r="J5468" i="10"/>
  <c r="L5468" i="10" s="1"/>
  <c r="J5460" i="10"/>
  <c r="L5460" i="10" s="1"/>
  <c r="J5452" i="10"/>
  <c r="L5452" i="10" s="1"/>
  <c r="J5444" i="10"/>
  <c r="L5444" i="10" s="1"/>
  <c r="J5436" i="10"/>
  <c r="L5436" i="10" s="1"/>
  <c r="J5428" i="10"/>
  <c r="L5428" i="10" s="1"/>
  <c r="J5420" i="10"/>
  <c r="L5420" i="10" s="1"/>
  <c r="J5412" i="10"/>
  <c r="L5412" i="10" s="1"/>
  <c r="J5404" i="10"/>
  <c r="L5404" i="10" s="1"/>
  <c r="J5396" i="10"/>
  <c r="L5396" i="10" s="1"/>
  <c r="J5388" i="10"/>
  <c r="L5388" i="10" s="1"/>
  <c r="J5380" i="10"/>
  <c r="L5380" i="10" s="1"/>
  <c r="J5372" i="10"/>
  <c r="L5372" i="10" s="1"/>
  <c r="J5364" i="10"/>
  <c r="L5364" i="10" s="1"/>
  <c r="J5356" i="10"/>
  <c r="L5356" i="10" s="1"/>
  <c r="J5348" i="10"/>
  <c r="L5348" i="10" s="1"/>
  <c r="J5340" i="10"/>
  <c r="L5340" i="10" s="1"/>
  <c r="J5332" i="10"/>
  <c r="L5332" i="10" s="1"/>
  <c r="J5324" i="10"/>
  <c r="L5324" i="10" s="1"/>
  <c r="J5316" i="10"/>
  <c r="L5316" i="10" s="1"/>
  <c r="J5308" i="10"/>
  <c r="L5308" i="10" s="1"/>
  <c r="J5300" i="10"/>
  <c r="L5300" i="10" s="1"/>
  <c r="J5292" i="10"/>
  <c r="L5292" i="10" s="1"/>
  <c r="J5284" i="10"/>
  <c r="L5284" i="10" s="1"/>
  <c r="J5276" i="10"/>
  <c r="L5276" i="10" s="1"/>
  <c r="J5268" i="10"/>
  <c r="L5268" i="10" s="1"/>
  <c r="J5260" i="10"/>
  <c r="L5260" i="10" s="1"/>
  <c r="J5252" i="10"/>
  <c r="L5252" i="10" s="1"/>
  <c r="J5244" i="10"/>
  <c r="L5244" i="10" s="1"/>
  <c r="J5236" i="10"/>
  <c r="L5236" i="10" s="1"/>
  <c r="J5228" i="10"/>
  <c r="L5228" i="10" s="1"/>
  <c r="J5220" i="10"/>
  <c r="L5220" i="10" s="1"/>
  <c r="J5212" i="10"/>
  <c r="L5212" i="10" s="1"/>
  <c r="J5204" i="10"/>
  <c r="L5204" i="10" s="1"/>
  <c r="J5196" i="10"/>
  <c r="L5196" i="10" s="1"/>
  <c r="J5188" i="10"/>
  <c r="L5188" i="10" s="1"/>
  <c r="J5180" i="10"/>
  <c r="L5180" i="10" s="1"/>
  <c r="J5172" i="10"/>
  <c r="L5172" i="10" s="1"/>
  <c r="J5164" i="10"/>
  <c r="L5164" i="10" s="1"/>
  <c r="J5156" i="10"/>
  <c r="L5156" i="10" s="1"/>
  <c r="J5148" i="10"/>
  <c r="L5148" i="10" s="1"/>
  <c r="J5140" i="10"/>
  <c r="L5140" i="10" s="1"/>
  <c r="J5132" i="10"/>
  <c r="L5132" i="10" s="1"/>
  <c r="J5124" i="10"/>
  <c r="L5124" i="10" s="1"/>
  <c r="J5116" i="10"/>
  <c r="L5116" i="10" s="1"/>
  <c r="J5108" i="10"/>
  <c r="L5108" i="10" s="1"/>
  <c r="J5100" i="10"/>
  <c r="L5100" i="10" s="1"/>
  <c r="J5092" i="10"/>
  <c r="L5092" i="10" s="1"/>
  <c r="J5084" i="10"/>
  <c r="L5084" i="10" s="1"/>
  <c r="J5076" i="10"/>
  <c r="L5076" i="10" s="1"/>
  <c r="J5068" i="10"/>
  <c r="L5068" i="10" s="1"/>
  <c r="J5060" i="10"/>
  <c r="L5060" i="10" s="1"/>
  <c r="J5052" i="10"/>
  <c r="L5052" i="10" s="1"/>
  <c r="J5044" i="10"/>
  <c r="L5044" i="10" s="1"/>
  <c r="J5036" i="10"/>
  <c r="L5036" i="10" s="1"/>
  <c r="J5028" i="10"/>
  <c r="L5028" i="10" s="1"/>
  <c r="J5020" i="10"/>
  <c r="L5020" i="10" s="1"/>
  <c r="J5012" i="10"/>
  <c r="L5012" i="10" s="1"/>
  <c r="J5004" i="10"/>
  <c r="L5004" i="10" s="1"/>
  <c r="J4996" i="10"/>
  <c r="L4996" i="10" s="1"/>
  <c r="J4988" i="10"/>
  <c r="L4988" i="10" s="1"/>
  <c r="J4980" i="10"/>
  <c r="L4980" i="10" s="1"/>
  <c r="J4972" i="10"/>
  <c r="L4972" i="10" s="1"/>
  <c r="J4964" i="10"/>
  <c r="L4964" i="10" s="1"/>
  <c r="J4956" i="10"/>
  <c r="L4956" i="10" s="1"/>
  <c r="J4948" i="10"/>
  <c r="L4948" i="10" s="1"/>
  <c r="J4940" i="10"/>
  <c r="L4940" i="10" s="1"/>
  <c r="J4932" i="10"/>
  <c r="L4932" i="10" s="1"/>
  <c r="J4924" i="10"/>
  <c r="L4924" i="10" s="1"/>
  <c r="J4916" i="10"/>
  <c r="L4916" i="10" s="1"/>
  <c r="J4908" i="10"/>
  <c r="L4908" i="10" s="1"/>
  <c r="J4900" i="10"/>
  <c r="L4900" i="10" s="1"/>
  <c r="J4892" i="10"/>
  <c r="L4892" i="10" s="1"/>
  <c r="J4884" i="10"/>
  <c r="L4884" i="10" s="1"/>
  <c r="J4876" i="10"/>
  <c r="L4876" i="10" s="1"/>
  <c r="J4868" i="10"/>
  <c r="L4868" i="10" s="1"/>
  <c r="J4860" i="10"/>
  <c r="L4860" i="10" s="1"/>
  <c r="J4852" i="10"/>
  <c r="L4852" i="10" s="1"/>
  <c r="J4844" i="10"/>
  <c r="L4844" i="10" s="1"/>
  <c r="J4836" i="10"/>
  <c r="L4836" i="10" s="1"/>
  <c r="J4828" i="10"/>
  <c r="L4828" i="10" s="1"/>
  <c r="J4820" i="10"/>
  <c r="L4820" i="10" s="1"/>
  <c r="J4812" i="10"/>
  <c r="L4812" i="10" s="1"/>
  <c r="J4804" i="10"/>
  <c r="L4804" i="10" s="1"/>
  <c r="J4796" i="10"/>
  <c r="L4796" i="10" s="1"/>
  <c r="J4788" i="10"/>
  <c r="L4788" i="10" s="1"/>
  <c r="J4780" i="10"/>
  <c r="L4780" i="10" s="1"/>
  <c r="J4772" i="10"/>
  <c r="L4772" i="10" s="1"/>
  <c r="J4764" i="10"/>
  <c r="L4764" i="10" s="1"/>
  <c r="J4756" i="10"/>
  <c r="L4756" i="10" s="1"/>
  <c r="J4748" i="10"/>
  <c r="L4748" i="10" s="1"/>
  <c r="J4740" i="10"/>
  <c r="L4740" i="10" s="1"/>
  <c r="J4732" i="10"/>
  <c r="L4732" i="10" s="1"/>
  <c r="J4724" i="10"/>
  <c r="L4724" i="10" s="1"/>
  <c r="J4716" i="10"/>
  <c r="L4716" i="10" s="1"/>
  <c r="J4708" i="10"/>
  <c r="L4708" i="10" s="1"/>
  <c r="J4700" i="10"/>
  <c r="L4700" i="10" s="1"/>
  <c r="J4692" i="10"/>
  <c r="L4692" i="10" s="1"/>
  <c r="J4684" i="10"/>
  <c r="L4684" i="10" s="1"/>
  <c r="J4676" i="10"/>
  <c r="L4676" i="10" s="1"/>
  <c r="J4668" i="10"/>
  <c r="L4668" i="10" s="1"/>
  <c r="J4660" i="10"/>
  <c r="L4660" i="10" s="1"/>
  <c r="J4652" i="10"/>
  <c r="L4652" i="10" s="1"/>
  <c r="J4644" i="10"/>
  <c r="L4644" i="10" s="1"/>
  <c r="J4636" i="10"/>
  <c r="L4636" i="10" s="1"/>
  <c r="J4628" i="10"/>
  <c r="L4628" i="10" s="1"/>
  <c r="J4620" i="10"/>
  <c r="L4620" i="10" s="1"/>
  <c r="J4612" i="10"/>
  <c r="L4612" i="10" s="1"/>
  <c r="J4604" i="10"/>
  <c r="L4604" i="10" s="1"/>
  <c r="J4596" i="10"/>
  <c r="L4596" i="10" s="1"/>
  <c r="J4588" i="10"/>
  <c r="L4588" i="10" s="1"/>
  <c r="J4580" i="10"/>
  <c r="L4580" i="10" s="1"/>
  <c r="J4572" i="10"/>
  <c r="L4572" i="10" s="1"/>
  <c r="J4564" i="10"/>
  <c r="L4564" i="10" s="1"/>
  <c r="J4556" i="10"/>
  <c r="L4556" i="10" s="1"/>
  <c r="J4548" i="10"/>
  <c r="L4548" i="10" s="1"/>
  <c r="J4540" i="10"/>
  <c r="L4540" i="10" s="1"/>
  <c r="J4532" i="10"/>
  <c r="L4532" i="10" s="1"/>
  <c r="J4524" i="10"/>
  <c r="L4524" i="10" s="1"/>
  <c r="J4516" i="10"/>
  <c r="L4516" i="10" s="1"/>
  <c r="J4508" i="10"/>
  <c r="L4508" i="10" s="1"/>
  <c r="J4500" i="10"/>
  <c r="L4500" i="10" s="1"/>
  <c r="J4492" i="10"/>
  <c r="L4492" i="10" s="1"/>
  <c r="J4484" i="10"/>
  <c r="L4484" i="10" s="1"/>
  <c r="J4476" i="10"/>
  <c r="L4476" i="10" s="1"/>
  <c r="J4468" i="10"/>
  <c r="L4468" i="10" s="1"/>
  <c r="J4460" i="10"/>
  <c r="L4460" i="10" s="1"/>
  <c r="J4452" i="10"/>
  <c r="L4452" i="10" s="1"/>
  <c r="J4444" i="10"/>
  <c r="L4444" i="10" s="1"/>
  <c r="J4436" i="10"/>
  <c r="L4436" i="10" s="1"/>
  <c r="J4428" i="10"/>
  <c r="L4428" i="10" s="1"/>
  <c r="J4420" i="10"/>
  <c r="L4420" i="10" s="1"/>
  <c r="J4412" i="10"/>
  <c r="L4412" i="10" s="1"/>
  <c r="J4404" i="10"/>
  <c r="L4404" i="10" s="1"/>
  <c r="J4396" i="10"/>
  <c r="L4396" i="10" s="1"/>
  <c r="J4388" i="10"/>
  <c r="L4388" i="10" s="1"/>
  <c r="J4380" i="10"/>
  <c r="L4380" i="10" s="1"/>
  <c r="J4372" i="10"/>
  <c r="L4372" i="10" s="1"/>
  <c r="J4364" i="10"/>
  <c r="L4364" i="10" s="1"/>
  <c r="J4356" i="10"/>
  <c r="L4356" i="10" s="1"/>
  <c r="J4348" i="10"/>
  <c r="L4348" i="10" s="1"/>
  <c r="J4340" i="10"/>
  <c r="L4340" i="10" s="1"/>
  <c r="J4332" i="10"/>
  <c r="L4332" i="10" s="1"/>
  <c r="J4324" i="10"/>
  <c r="L4324" i="10" s="1"/>
  <c r="J4316" i="10"/>
  <c r="L4316" i="10" s="1"/>
  <c r="J4308" i="10"/>
  <c r="L4308" i="10" s="1"/>
  <c r="J4300" i="10"/>
  <c r="L4300" i="10" s="1"/>
  <c r="J4292" i="10"/>
  <c r="L4292" i="10" s="1"/>
  <c r="J4284" i="10"/>
  <c r="L4284" i="10" s="1"/>
  <c r="J4276" i="10"/>
  <c r="L4276" i="10" s="1"/>
  <c r="J4268" i="10"/>
  <c r="L4268" i="10" s="1"/>
  <c r="J4260" i="10"/>
  <c r="L4260" i="10" s="1"/>
  <c r="J4252" i="10"/>
  <c r="L4252" i="10" s="1"/>
  <c r="J4244" i="10"/>
  <c r="L4244" i="10" s="1"/>
  <c r="J4236" i="10"/>
  <c r="L4236" i="10" s="1"/>
  <c r="J4228" i="10"/>
  <c r="L4228" i="10" s="1"/>
  <c r="J4220" i="10"/>
  <c r="L4220" i="10" s="1"/>
  <c r="J4212" i="10"/>
  <c r="L4212" i="10" s="1"/>
  <c r="J4204" i="10"/>
  <c r="L4204" i="10" s="1"/>
  <c r="J4196" i="10"/>
  <c r="L4196" i="10" s="1"/>
  <c r="J4188" i="10"/>
  <c r="L4188" i="10" s="1"/>
  <c r="J4180" i="10"/>
  <c r="L4180" i="10" s="1"/>
  <c r="J4172" i="10"/>
  <c r="L4172" i="10" s="1"/>
  <c r="J4164" i="10"/>
  <c r="L4164" i="10" s="1"/>
  <c r="J4156" i="10"/>
  <c r="L4156" i="10" s="1"/>
  <c r="J4148" i="10"/>
  <c r="L4148" i="10" s="1"/>
  <c r="J4140" i="10"/>
  <c r="L4140" i="10" s="1"/>
  <c r="J4132" i="10"/>
  <c r="L4132" i="10" s="1"/>
  <c r="J4124" i="10"/>
  <c r="L4124" i="10" s="1"/>
  <c r="J4116" i="10"/>
  <c r="L4116" i="10" s="1"/>
  <c r="J4108" i="10"/>
  <c r="L4108" i="10" s="1"/>
  <c r="J4100" i="10"/>
  <c r="L4100" i="10" s="1"/>
  <c r="J4092" i="10"/>
  <c r="L4092" i="10" s="1"/>
  <c r="J4084" i="10"/>
  <c r="L4084" i="10" s="1"/>
  <c r="J4076" i="10"/>
  <c r="L4076" i="10" s="1"/>
  <c r="J4068" i="10"/>
  <c r="L4068" i="10" s="1"/>
  <c r="J4060" i="10"/>
  <c r="L4060" i="10" s="1"/>
  <c r="J4052" i="10"/>
  <c r="L4052" i="10" s="1"/>
  <c r="J4044" i="10"/>
  <c r="L4044" i="10" s="1"/>
  <c r="J4036" i="10"/>
  <c r="L4036" i="10" s="1"/>
  <c r="J4028" i="10"/>
  <c r="L4028" i="10" s="1"/>
  <c r="J4020" i="10"/>
  <c r="L4020" i="10" s="1"/>
  <c r="J4012" i="10"/>
  <c r="L4012" i="10" s="1"/>
  <c r="J4004" i="10"/>
  <c r="L4004" i="10" s="1"/>
  <c r="J3996" i="10"/>
  <c r="L3996" i="10" s="1"/>
  <c r="J3988" i="10"/>
  <c r="L3988" i="10" s="1"/>
  <c r="J3980" i="10"/>
  <c r="L3980" i="10" s="1"/>
  <c r="J3972" i="10"/>
  <c r="L3972" i="10" s="1"/>
  <c r="J3964" i="10"/>
  <c r="L3964" i="10" s="1"/>
  <c r="J3956" i="10"/>
  <c r="L3956" i="10" s="1"/>
  <c r="J3948" i="10"/>
  <c r="L3948" i="10" s="1"/>
  <c r="J3940" i="10"/>
  <c r="L3940" i="10" s="1"/>
  <c r="J3932" i="10"/>
  <c r="L3932" i="10" s="1"/>
  <c r="J3924" i="10"/>
  <c r="L3924" i="10" s="1"/>
  <c r="J3916" i="10"/>
  <c r="L3916" i="10" s="1"/>
  <c r="J3908" i="10"/>
  <c r="L3908" i="10" s="1"/>
  <c r="J3900" i="10"/>
  <c r="L3900" i="10" s="1"/>
  <c r="J3892" i="10"/>
  <c r="L3892" i="10" s="1"/>
  <c r="J3884" i="10"/>
  <c r="L3884" i="10" s="1"/>
  <c r="J3876" i="10"/>
  <c r="L3876" i="10" s="1"/>
  <c r="J3868" i="10"/>
  <c r="L3868" i="10" s="1"/>
  <c r="J3860" i="10"/>
  <c r="L3860" i="10" s="1"/>
  <c r="J3852" i="10"/>
  <c r="L3852" i="10" s="1"/>
  <c r="J3844" i="10"/>
  <c r="L3844" i="10" s="1"/>
  <c r="J3836" i="10"/>
  <c r="L3836" i="10" s="1"/>
  <c r="J3828" i="10"/>
  <c r="L3828" i="10" s="1"/>
  <c r="J3820" i="10"/>
  <c r="L3820" i="10" s="1"/>
  <c r="J3812" i="10"/>
  <c r="L3812" i="10" s="1"/>
  <c r="J3804" i="10"/>
  <c r="L3804" i="10" s="1"/>
  <c r="J3796" i="10"/>
  <c r="L3796" i="10" s="1"/>
  <c r="J3788" i="10"/>
  <c r="L3788" i="10" s="1"/>
  <c r="J3780" i="10"/>
  <c r="L3780" i="10" s="1"/>
  <c r="J3772" i="10"/>
  <c r="L3772" i="10" s="1"/>
  <c r="J3764" i="10"/>
  <c r="L3764" i="10" s="1"/>
  <c r="J3756" i="10"/>
  <c r="L3756" i="10" s="1"/>
  <c r="J3748" i="10"/>
  <c r="L3748" i="10" s="1"/>
  <c r="J3740" i="10"/>
  <c r="L3740" i="10" s="1"/>
  <c r="J3732" i="10"/>
  <c r="L3732" i="10" s="1"/>
  <c r="J3724" i="10"/>
  <c r="L3724" i="10" s="1"/>
  <c r="J3716" i="10"/>
  <c r="L3716" i="10" s="1"/>
  <c r="J3708" i="10"/>
  <c r="L3708" i="10" s="1"/>
  <c r="J3700" i="10"/>
  <c r="L3700" i="10" s="1"/>
  <c r="J3692" i="10"/>
  <c r="L3692" i="10" s="1"/>
  <c r="J3684" i="10"/>
  <c r="L3684" i="10" s="1"/>
  <c r="J3676" i="10"/>
  <c r="L3676" i="10" s="1"/>
  <c r="J3668" i="10"/>
  <c r="L3668" i="10" s="1"/>
  <c r="J3660" i="10"/>
  <c r="L3660" i="10" s="1"/>
  <c r="J3652" i="10"/>
  <c r="L3652" i="10" s="1"/>
  <c r="J3644" i="10"/>
  <c r="L3644" i="10" s="1"/>
  <c r="J3636" i="10"/>
  <c r="L3636" i="10" s="1"/>
  <c r="J3628" i="10"/>
  <c r="L3628" i="10" s="1"/>
  <c r="J3620" i="10"/>
  <c r="L3620" i="10" s="1"/>
  <c r="J3612" i="10"/>
  <c r="L3612" i="10" s="1"/>
  <c r="J3604" i="10"/>
  <c r="L3604" i="10" s="1"/>
  <c r="J3596" i="10"/>
  <c r="L3596" i="10" s="1"/>
  <c r="J3588" i="10"/>
  <c r="L3588" i="10" s="1"/>
  <c r="J3580" i="10"/>
  <c r="L3580" i="10" s="1"/>
  <c r="J3572" i="10"/>
  <c r="L3572" i="10" s="1"/>
  <c r="J3564" i="10"/>
  <c r="L3564" i="10" s="1"/>
  <c r="J3556" i="10"/>
  <c r="L3556" i="10" s="1"/>
  <c r="J3548" i="10"/>
  <c r="L3548" i="10" s="1"/>
  <c r="J3540" i="10"/>
  <c r="L3540" i="10" s="1"/>
  <c r="J3532" i="10"/>
  <c r="L3532" i="10" s="1"/>
  <c r="J3524" i="10"/>
  <c r="L3524" i="10" s="1"/>
  <c r="J3516" i="10"/>
  <c r="L3516" i="10" s="1"/>
  <c r="J3508" i="10"/>
  <c r="L3508" i="10" s="1"/>
  <c r="J3500" i="10"/>
  <c r="L3500" i="10" s="1"/>
  <c r="J3492" i="10"/>
  <c r="L3492" i="10" s="1"/>
  <c r="J3484" i="10"/>
  <c r="L3484" i="10" s="1"/>
  <c r="J3476" i="10"/>
  <c r="L3476" i="10" s="1"/>
  <c r="J3468" i="10"/>
  <c r="L3468" i="10" s="1"/>
  <c r="J3460" i="10"/>
  <c r="L3460" i="10" s="1"/>
  <c r="J3452" i="10"/>
  <c r="L3452" i="10" s="1"/>
  <c r="J3444" i="10"/>
  <c r="L3444" i="10" s="1"/>
  <c r="J3436" i="10"/>
  <c r="L3436" i="10" s="1"/>
  <c r="J3428" i="10"/>
  <c r="L3428" i="10" s="1"/>
  <c r="J3420" i="10"/>
  <c r="L3420" i="10" s="1"/>
  <c r="J3412" i="10"/>
  <c r="L3412" i="10" s="1"/>
  <c r="J3404" i="10"/>
  <c r="L3404" i="10" s="1"/>
  <c r="J3396" i="10"/>
  <c r="L3396" i="10" s="1"/>
  <c r="J3388" i="10"/>
  <c r="L3388" i="10" s="1"/>
  <c r="J3380" i="10"/>
  <c r="L3380" i="10" s="1"/>
  <c r="J3372" i="10"/>
  <c r="L3372" i="10" s="1"/>
  <c r="J3364" i="10"/>
  <c r="L3364" i="10" s="1"/>
  <c r="J3356" i="10"/>
  <c r="L3356" i="10" s="1"/>
  <c r="J3348" i="10"/>
  <c r="L3348" i="10" s="1"/>
  <c r="J3340" i="10"/>
  <c r="L3340" i="10" s="1"/>
  <c r="J3332" i="10"/>
  <c r="L3332" i="10" s="1"/>
  <c r="J3324" i="10"/>
  <c r="L3324" i="10" s="1"/>
  <c r="J3316" i="10"/>
  <c r="L3316" i="10" s="1"/>
  <c r="J3308" i="10"/>
  <c r="L3308" i="10" s="1"/>
  <c r="J3300" i="10"/>
  <c r="L3300" i="10" s="1"/>
  <c r="J3292" i="10"/>
  <c r="L3292" i="10" s="1"/>
  <c r="J3284" i="10"/>
  <c r="L3284" i="10" s="1"/>
  <c r="J3276" i="10"/>
  <c r="L3276" i="10" s="1"/>
  <c r="J3268" i="10"/>
  <c r="L3268" i="10" s="1"/>
  <c r="J3260" i="10"/>
  <c r="L3260" i="10" s="1"/>
  <c r="J3252" i="10"/>
  <c r="L3252" i="10" s="1"/>
  <c r="J3244" i="10"/>
  <c r="L3244" i="10" s="1"/>
  <c r="J3236" i="10"/>
  <c r="L3236" i="10" s="1"/>
  <c r="J3228" i="10"/>
  <c r="L3228" i="10" s="1"/>
  <c r="J3220" i="10"/>
  <c r="L3220" i="10" s="1"/>
  <c r="J3212" i="10"/>
  <c r="L3212" i="10" s="1"/>
  <c r="J3204" i="10"/>
  <c r="L3204" i="10" s="1"/>
  <c r="J3196" i="10"/>
  <c r="L3196" i="10" s="1"/>
  <c r="J3188" i="10"/>
  <c r="L3188" i="10" s="1"/>
  <c r="J3180" i="10"/>
  <c r="L3180" i="10" s="1"/>
  <c r="J3172" i="10"/>
  <c r="L3172" i="10" s="1"/>
  <c r="J3164" i="10"/>
  <c r="L3164" i="10" s="1"/>
  <c r="J3156" i="10"/>
  <c r="L3156" i="10" s="1"/>
  <c r="J3148" i="10"/>
  <c r="L3148" i="10" s="1"/>
  <c r="J3140" i="10"/>
  <c r="L3140" i="10" s="1"/>
  <c r="J3132" i="10"/>
  <c r="L3132" i="10" s="1"/>
  <c r="J3124" i="10"/>
  <c r="L3124" i="10" s="1"/>
  <c r="J3116" i="10"/>
  <c r="L3116" i="10" s="1"/>
  <c r="J3108" i="10"/>
  <c r="L3108" i="10" s="1"/>
  <c r="J3100" i="10"/>
  <c r="L3100" i="10" s="1"/>
  <c r="J3092" i="10"/>
  <c r="L3092" i="10" s="1"/>
  <c r="J3084" i="10"/>
  <c r="L3084" i="10" s="1"/>
  <c r="J3076" i="10"/>
  <c r="L3076" i="10" s="1"/>
  <c r="J3068" i="10"/>
  <c r="L3068" i="10" s="1"/>
  <c r="J3060" i="10"/>
  <c r="L3060" i="10" s="1"/>
  <c r="J3052" i="10"/>
  <c r="L3052" i="10" s="1"/>
  <c r="J3044" i="10"/>
  <c r="L3044" i="10" s="1"/>
  <c r="J3036" i="10"/>
  <c r="L3036" i="10" s="1"/>
  <c r="J3028" i="10"/>
  <c r="L3028" i="10" s="1"/>
  <c r="J3020" i="10"/>
  <c r="L3020" i="10" s="1"/>
  <c r="J3012" i="10"/>
  <c r="L3012" i="10" s="1"/>
  <c r="J3004" i="10"/>
  <c r="L3004" i="10" s="1"/>
  <c r="J2996" i="10"/>
  <c r="L2996" i="10" s="1"/>
  <c r="J2988" i="10"/>
  <c r="L2988" i="10" s="1"/>
  <c r="J2980" i="10"/>
  <c r="L2980" i="10" s="1"/>
  <c r="J2972" i="10"/>
  <c r="L2972" i="10" s="1"/>
  <c r="J2964" i="10"/>
  <c r="L2964" i="10" s="1"/>
  <c r="J2956" i="10"/>
  <c r="L2956" i="10" s="1"/>
  <c r="J2948" i="10"/>
  <c r="L2948" i="10" s="1"/>
  <c r="J2940" i="10"/>
  <c r="L2940" i="10" s="1"/>
  <c r="J2932" i="10"/>
  <c r="L2932" i="10" s="1"/>
  <c r="J2924" i="10"/>
  <c r="L2924" i="10" s="1"/>
  <c r="J2916" i="10"/>
  <c r="L2916" i="10" s="1"/>
  <c r="J2908" i="10"/>
  <c r="L2908" i="10" s="1"/>
  <c r="J2900" i="10"/>
  <c r="L2900" i="10" s="1"/>
  <c r="J2892" i="10"/>
  <c r="L2892" i="10" s="1"/>
  <c r="J2884" i="10"/>
  <c r="L2884" i="10" s="1"/>
  <c r="J2876" i="10"/>
  <c r="L2876" i="10" s="1"/>
  <c r="J2868" i="10"/>
  <c r="L2868" i="10" s="1"/>
  <c r="J2860" i="10"/>
  <c r="L2860" i="10" s="1"/>
  <c r="J2852" i="10"/>
  <c r="L2852" i="10" s="1"/>
  <c r="J2844" i="10"/>
  <c r="L2844" i="10" s="1"/>
  <c r="J2836" i="10"/>
  <c r="L2836" i="10" s="1"/>
  <c r="J2828" i="10"/>
  <c r="L2828" i="10" s="1"/>
  <c r="J2820" i="10"/>
  <c r="L2820" i="10" s="1"/>
  <c r="J2812" i="10"/>
  <c r="L2812" i="10" s="1"/>
  <c r="J2804" i="10"/>
  <c r="L2804" i="10" s="1"/>
  <c r="J2796" i="10"/>
  <c r="L2796" i="10" s="1"/>
  <c r="J2788" i="10"/>
  <c r="L2788" i="10" s="1"/>
  <c r="J2780" i="10"/>
  <c r="L2780" i="10" s="1"/>
  <c r="J2772" i="10"/>
  <c r="L2772" i="10" s="1"/>
  <c r="J2764" i="10"/>
  <c r="L2764" i="10" s="1"/>
  <c r="J2756" i="10"/>
  <c r="L2756" i="10" s="1"/>
  <c r="J2748" i="10"/>
  <c r="L2748" i="10" s="1"/>
  <c r="J2740" i="10"/>
  <c r="L2740" i="10" s="1"/>
  <c r="J2732" i="10"/>
  <c r="L2732" i="10" s="1"/>
  <c r="J2724" i="10"/>
  <c r="L2724" i="10" s="1"/>
  <c r="J2716" i="10"/>
  <c r="L2716" i="10" s="1"/>
  <c r="J2708" i="10"/>
  <c r="L2708" i="10" s="1"/>
  <c r="J2700" i="10"/>
  <c r="L2700" i="10" s="1"/>
  <c r="J2692" i="10"/>
  <c r="L2692" i="10" s="1"/>
  <c r="J2684" i="10"/>
  <c r="L2684" i="10" s="1"/>
  <c r="J2676" i="10"/>
  <c r="L2676" i="10" s="1"/>
  <c r="J2668" i="10"/>
  <c r="L2668" i="10" s="1"/>
  <c r="J2660" i="10"/>
  <c r="L2660" i="10" s="1"/>
  <c r="J2652" i="10"/>
  <c r="L2652" i="10" s="1"/>
  <c r="J2644" i="10"/>
  <c r="L2644" i="10" s="1"/>
  <c r="J2636" i="10"/>
  <c r="L2636" i="10" s="1"/>
  <c r="J2628" i="10"/>
  <c r="L2628" i="10" s="1"/>
  <c r="J2620" i="10"/>
  <c r="L2620" i="10" s="1"/>
  <c r="J2612" i="10"/>
  <c r="L2612" i="10" s="1"/>
  <c r="J2604" i="10"/>
  <c r="L2604" i="10" s="1"/>
  <c r="J2596" i="10"/>
  <c r="L2596" i="10" s="1"/>
  <c r="J2588" i="10"/>
  <c r="L2588" i="10" s="1"/>
  <c r="J2580" i="10"/>
  <c r="L2580" i="10" s="1"/>
  <c r="J2572" i="10"/>
  <c r="L2572" i="10" s="1"/>
  <c r="J2564" i="10"/>
  <c r="L2564" i="10" s="1"/>
  <c r="J2556" i="10"/>
  <c r="L2556" i="10" s="1"/>
  <c r="J2548" i="10"/>
  <c r="L2548" i="10" s="1"/>
  <c r="J2540" i="10"/>
  <c r="L2540" i="10" s="1"/>
  <c r="J2532" i="10"/>
  <c r="L2532" i="10" s="1"/>
  <c r="J2524" i="10"/>
  <c r="L2524" i="10" s="1"/>
  <c r="J2516" i="10"/>
  <c r="L2516" i="10" s="1"/>
  <c r="J2508" i="10"/>
  <c r="L2508" i="10" s="1"/>
  <c r="J2500" i="10"/>
  <c r="L2500" i="10" s="1"/>
  <c r="J2492" i="10"/>
  <c r="L2492" i="10" s="1"/>
  <c r="J2484" i="10"/>
  <c r="L2484" i="10" s="1"/>
  <c r="J2476" i="10"/>
  <c r="L2476" i="10" s="1"/>
  <c r="J2468" i="10"/>
  <c r="L2468" i="10" s="1"/>
  <c r="J2460" i="10"/>
  <c r="L2460" i="10" s="1"/>
  <c r="J2452" i="10"/>
  <c r="L2452" i="10" s="1"/>
  <c r="J2444" i="10"/>
  <c r="L2444" i="10" s="1"/>
  <c r="J2436" i="10"/>
  <c r="L2436" i="10" s="1"/>
  <c r="J2428" i="10"/>
  <c r="L2428" i="10" s="1"/>
  <c r="J2420" i="10"/>
  <c r="L2420" i="10" s="1"/>
  <c r="J2412" i="10"/>
  <c r="L2412" i="10" s="1"/>
  <c r="J2404" i="10"/>
  <c r="L2404" i="10" s="1"/>
  <c r="J2396" i="10"/>
  <c r="L2396" i="10" s="1"/>
  <c r="J2388" i="10"/>
  <c r="L2388" i="10" s="1"/>
  <c r="J2380" i="10"/>
  <c r="L2380" i="10" s="1"/>
  <c r="J2372" i="10"/>
  <c r="L2372" i="10" s="1"/>
  <c r="J2364" i="10"/>
  <c r="L2364" i="10" s="1"/>
  <c r="J2356" i="10"/>
  <c r="L2356" i="10" s="1"/>
  <c r="J2348" i="10"/>
  <c r="L2348" i="10" s="1"/>
  <c r="J2340" i="10"/>
  <c r="L2340" i="10" s="1"/>
  <c r="J2332" i="10"/>
  <c r="L2332" i="10" s="1"/>
  <c r="J2324" i="10"/>
  <c r="L2324" i="10" s="1"/>
  <c r="J2316" i="10"/>
  <c r="L2316" i="10" s="1"/>
  <c r="J2308" i="10"/>
  <c r="L2308" i="10" s="1"/>
  <c r="J2300" i="10"/>
  <c r="L2300" i="10" s="1"/>
  <c r="J2292" i="10"/>
  <c r="L2292" i="10" s="1"/>
  <c r="J2284" i="10"/>
  <c r="L2284" i="10" s="1"/>
  <c r="J2276" i="10"/>
  <c r="L2276" i="10" s="1"/>
  <c r="J2268" i="10"/>
  <c r="L2268" i="10" s="1"/>
  <c r="J2260" i="10"/>
  <c r="L2260" i="10" s="1"/>
  <c r="J2252" i="10"/>
  <c r="L2252" i="10" s="1"/>
  <c r="J2244" i="10"/>
  <c r="L2244" i="10" s="1"/>
  <c r="J2236" i="10"/>
  <c r="L2236" i="10" s="1"/>
  <c r="J2228" i="10"/>
  <c r="L2228" i="10" s="1"/>
  <c r="J2220" i="10"/>
  <c r="L2220" i="10" s="1"/>
  <c r="J2212" i="10"/>
  <c r="L2212" i="10" s="1"/>
  <c r="J2204" i="10"/>
  <c r="L2204" i="10" s="1"/>
  <c r="J2196" i="10"/>
  <c r="L2196" i="10" s="1"/>
  <c r="J2188" i="10"/>
  <c r="L2188" i="10" s="1"/>
  <c r="J2180" i="10"/>
  <c r="L2180" i="10" s="1"/>
  <c r="J2172" i="10"/>
  <c r="L2172" i="10" s="1"/>
  <c r="J2164" i="10"/>
  <c r="L2164" i="10" s="1"/>
  <c r="J2156" i="10"/>
  <c r="L2156" i="10" s="1"/>
  <c r="J2148" i="10"/>
  <c r="L2148" i="10" s="1"/>
  <c r="J2140" i="10"/>
  <c r="L2140" i="10" s="1"/>
  <c r="J2132" i="10"/>
  <c r="L2132" i="10" s="1"/>
  <c r="J2124" i="10"/>
  <c r="L2124" i="10" s="1"/>
  <c r="J2116" i="10"/>
  <c r="L2116" i="10" s="1"/>
  <c r="J2108" i="10"/>
  <c r="L2108" i="10" s="1"/>
  <c r="J2100" i="10"/>
  <c r="L2100" i="10" s="1"/>
  <c r="J2092" i="10"/>
  <c r="L2092" i="10" s="1"/>
  <c r="J2084" i="10"/>
  <c r="L2084" i="10" s="1"/>
  <c r="J2076" i="10"/>
  <c r="L2076" i="10" s="1"/>
  <c r="J2068" i="10"/>
  <c r="L2068" i="10" s="1"/>
  <c r="J2060" i="10"/>
  <c r="L2060" i="10" s="1"/>
  <c r="J2052" i="10"/>
  <c r="L2052" i="10" s="1"/>
  <c r="J2044" i="10"/>
  <c r="L2044" i="10" s="1"/>
  <c r="J2036" i="10"/>
  <c r="L2036" i="10" s="1"/>
  <c r="J2028" i="10"/>
  <c r="L2028" i="10" s="1"/>
  <c r="J2020" i="10"/>
  <c r="L2020" i="10" s="1"/>
  <c r="J2012" i="10"/>
  <c r="L2012" i="10" s="1"/>
  <c r="J2004" i="10"/>
  <c r="L2004" i="10" s="1"/>
  <c r="J1996" i="10"/>
  <c r="L1996" i="10" s="1"/>
  <c r="J1988" i="10"/>
  <c r="L1988" i="10" s="1"/>
  <c r="J1980" i="10"/>
  <c r="L1980" i="10" s="1"/>
  <c r="J1972" i="10"/>
  <c r="L1972" i="10" s="1"/>
  <c r="J1964" i="10"/>
  <c r="L1964" i="10" s="1"/>
  <c r="J1956" i="10"/>
  <c r="L1956" i="10" s="1"/>
  <c r="J1948" i="10"/>
  <c r="L1948" i="10" s="1"/>
  <c r="J1940" i="10"/>
  <c r="L1940" i="10" s="1"/>
  <c r="J1932" i="10"/>
  <c r="L1932" i="10" s="1"/>
  <c r="J1924" i="10"/>
  <c r="L1924" i="10" s="1"/>
  <c r="J1916" i="10"/>
  <c r="L1916" i="10" s="1"/>
  <c r="J1908" i="10"/>
  <c r="L1908" i="10" s="1"/>
  <c r="J1900" i="10"/>
  <c r="L1900" i="10" s="1"/>
  <c r="J1892" i="10"/>
  <c r="L1892" i="10" s="1"/>
  <c r="J1884" i="10"/>
  <c r="L1884" i="10" s="1"/>
  <c r="J1876" i="10"/>
  <c r="L1876" i="10" s="1"/>
  <c r="J1868" i="10"/>
  <c r="L1868" i="10" s="1"/>
  <c r="J1860" i="10"/>
  <c r="L1860" i="10" s="1"/>
  <c r="J1852" i="10"/>
  <c r="L1852" i="10" s="1"/>
  <c r="J1844" i="10"/>
  <c r="L1844" i="10" s="1"/>
  <c r="J1836" i="10"/>
  <c r="L1836" i="10" s="1"/>
  <c r="J1828" i="10"/>
  <c r="L1828" i="10" s="1"/>
  <c r="J1820" i="10"/>
  <c r="L1820" i="10" s="1"/>
  <c r="J1812" i="10"/>
  <c r="L1812" i="10" s="1"/>
  <c r="J1804" i="10"/>
  <c r="L1804" i="10" s="1"/>
  <c r="J1796" i="10"/>
  <c r="L1796" i="10" s="1"/>
  <c r="J1788" i="10"/>
  <c r="L1788" i="10" s="1"/>
  <c r="J1780" i="10"/>
  <c r="L1780" i="10" s="1"/>
  <c r="J1772" i="10"/>
  <c r="L1772" i="10" s="1"/>
  <c r="J1764" i="10"/>
  <c r="L1764" i="10" s="1"/>
  <c r="J1756" i="10"/>
  <c r="L1756" i="10" s="1"/>
  <c r="J1748" i="10"/>
  <c r="L1748" i="10" s="1"/>
  <c r="J1740" i="10"/>
  <c r="L1740" i="10" s="1"/>
  <c r="J1732" i="10"/>
  <c r="L1732" i="10" s="1"/>
  <c r="J1724" i="10"/>
  <c r="L1724" i="10" s="1"/>
  <c r="J1716" i="10"/>
  <c r="L1716" i="10" s="1"/>
  <c r="J1708" i="10"/>
  <c r="L1708" i="10" s="1"/>
  <c r="J1700" i="10"/>
  <c r="L1700" i="10" s="1"/>
  <c r="J1692" i="10"/>
  <c r="L1692" i="10" s="1"/>
  <c r="J1684" i="10"/>
  <c r="L1684" i="10" s="1"/>
  <c r="J1676" i="10"/>
  <c r="L1676" i="10" s="1"/>
  <c r="J1668" i="10"/>
  <c r="L1668" i="10" s="1"/>
  <c r="J1660" i="10"/>
  <c r="L1660" i="10" s="1"/>
  <c r="J1652" i="10"/>
  <c r="L1652" i="10" s="1"/>
  <c r="J1644" i="10"/>
  <c r="L1644" i="10" s="1"/>
  <c r="J1636" i="10"/>
  <c r="L1636" i="10" s="1"/>
  <c r="J1628" i="10"/>
  <c r="L1628" i="10" s="1"/>
  <c r="J1620" i="10"/>
  <c r="L1620" i="10" s="1"/>
  <c r="J1612" i="10"/>
  <c r="L1612" i="10" s="1"/>
  <c r="J1604" i="10"/>
  <c r="L1604" i="10" s="1"/>
  <c r="J1596" i="10"/>
  <c r="L1596" i="10" s="1"/>
  <c r="J1588" i="10"/>
  <c r="L1588" i="10" s="1"/>
  <c r="J1580" i="10"/>
  <c r="L1580" i="10" s="1"/>
  <c r="J1572" i="10"/>
  <c r="L1572" i="10" s="1"/>
  <c r="J1564" i="10"/>
  <c r="L1564" i="10" s="1"/>
  <c r="J1556" i="10"/>
  <c r="L1556" i="10" s="1"/>
  <c r="J1548" i="10"/>
  <c r="L1548" i="10" s="1"/>
  <c r="J1540" i="10"/>
  <c r="L1540" i="10" s="1"/>
  <c r="J1532" i="10"/>
  <c r="L1532" i="10" s="1"/>
  <c r="J1524" i="10"/>
  <c r="L1524" i="10" s="1"/>
  <c r="J1516" i="10"/>
  <c r="L1516" i="10" s="1"/>
  <c r="J1508" i="10"/>
  <c r="L1508" i="10" s="1"/>
  <c r="J1500" i="10"/>
  <c r="L1500" i="10" s="1"/>
  <c r="J1492" i="10"/>
  <c r="L1492" i="10" s="1"/>
  <c r="J1484" i="10"/>
  <c r="L1484" i="10" s="1"/>
  <c r="J1476" i="10"/>
  <c r="L1476" i="10" s="1"/>
  <c r="J1468" i="10"/>
  <c r="L1468" i="10" s="1"/>
  <c r="J1460" i="10"/>
  <c r="L1460" i="10" s="1"/>
  <c r="J1452" i="10"/>
  <c r="L1452" i="10" s="1"/>
  <c r="J1444" i="10"/>
  <c r="L1444" i="10" s="1"/>
  <c r="J1436" i="10"/>
  <c r="L1436" i="10" s="1"/>
  <c r="J1428" i="10"/>
  <c r="L1428" i="10" s="1"/>
  <c r="J1420" i="10"/>
  <c r="L1420" i="10" s="1"/>
  <c r="J1412" i="10"/>
  <c r="L1412" i="10" s="1"/>
  <c r="J1404" i="10"/>
  <c r="L1404" i="10" s="1"/>
  <c r="J1396" i="10"/>
  <c r="L1396" i="10" s="1"/>
  <c r="J1388" i="10"/>
  <c r="L1388" i="10" s="1"/>
  <c r="J1380" i="10"/>
  <c r="L1380" i="10" s="1"/>
  <c r="J1372" i="10"/>
  <c r="L1372" i="10" s="1"/>
  <c r="J1364" i="10"/>
  <c r="L1364" i="10" s="1"/>
  <c r="J1356" i="10"/>
  <c r="L1356" i="10" s="1"/>
  <c r="J1348" i="10"/>
  <c r="L1348" i="10" s="1"/>
  <c r="J1340" i="10"/>
  <c r="L1340" i="10" s="1"/>
  <c r="J1332" i="10"/>
  <c r="L1332" i="10" s="1"/>
  <c r="J1324" i="10"/>
  <c r="L1324" i="10" s="1"/>
  <c r="J1316" i="10"/>
  <c r="L1316" i="10" s="1"/>
  <c r="J1308" i="10"/>
  <c r="L1308" i="10" s="1"/>
  <c r="J1300" i="10"/>
  <c r="L1300" i="10" s="1"/>
  <c r="J1292" i="10"/>
  <c r="L1292" i="10" s="1"/>
  <c r="J1284" i="10"/>
  <c r="L1284" i="10" s="1"/>
  <c r="J1276" i="10"/>
  <c r="L1276" i="10" s="1"/>
  <c r="J1268" i="10"/>
  <c r="L1268" i="10" s="1"/>
  <c r="J1260" i="10"/>
  <c r="L1260" i="10" s="1"/>
  <c r="J1252" i="10"/>
  <c r="L1252" i="10" s="1"/>
  <c r="J1244" i="10"/>
  <c r="L1244" i="10" s="1"/>
  <c r="J1236" i="10"/>
  <c r="L1236" i="10" s="1"/>
  <c r="J1228" i="10"/>
  <c r="L1228" i="10" s="1"/>
  <c r="J1220" i="10"/>
  <c r="L1220" i="10" s="1"/>
  <c r="J1212" i="10"/>
  <c r="L1212" i="10" s="1"/>
  <c r="J1204" i="10"/>
  <c r="L1204" i="10" s="1"/>
  <c r="J1196" i="10"/>
  <c r="L1196" i="10" s="1"/>
  <c r="J1188" i="10"/>
  <c r="L1188" i="10" s="1"/>
  <c r="J1180" i="10"/>
  <c r="L1180" i="10" s="1"/>
  <c r="J1172" i="10"/>
  <c r="L1172" i="10" s="1"/>
  <c r="J1164" i="10"/>
  <c r="L1164" i="10" s="1"/>
  <c r="J1156" i="10"/>
  <c r="L1156" i="10" s="1"/>
  <c r="J1148" i="10"/>
  <c r="L1148" i="10" s="1"/>
  <c r="J1140" i="10"/>
  <c r="L1140" i="10" s="1"/>
  <c r="J1132" i="10"/>
  <c r="L1132" i="10" s="1"/>
  <c r="J1124" i="10"/>
  <c r="L1124" i="10" s="1"/>
  <c r="J1116" i="10"/>
  <c r="L1116" i="10" s="1"/>
  <c r="J1108" i="10"/>
  <c r="L1108" i="10" s="1"/>
  <c r="J1100" i="10"/>
  <c r="L1100" i="10" s="1"/>
  <c r="J1092" i="10"/>
  <c r="L1092" i="10" s="1"/>
  <c r="J1084" i="10"/>
  <c r="L1084" i="10" s="1"/>
  <c r="J1076" i="10"/>
  <c r="L1076" i="10" s="1"/>
  <c r="J1068" i="10"/>
  <c r="L1068" i="10" s="1"/>
  <c r="J1060" i="10"/>
  <c r="L1060" i="10" s="1"/>
  <c r="J1052" i="10"/>
  <c r="L1052" i="10" s="1"/>
  <c r="J1044" i="10"/>
  <c r="L1044" i="10" s="1"/>
  <c r="J1036" i="10"/>
  <c r="L1036" i="10" s="1"/>
  <c r="J1028" i="10"/>
  <c r="L1028" i="10" s="1"/>
  <c r="J1020" i="10"/>
  <c r="L1020" i="10" s="1"/>
  <c r="J1012" i="10"/>
  <c r="L1012" i="10" s="1"/>
  <c r="J1004" i="10"/>
  <c r="L1004" i="10" s="1"/>
  <c r="J996" i="10"/>
  <c r="L996" i="10" s="1"/>
  <c r="J988" i="10"/>
  <c r="L988" i="10" s="1"/>
  <c r="J980" i="10"/>
  <c r="L980" i="10" s="1"/>
  <c r="J972" i="10"/>
  <c r="L972" i="10" s="1"/>
  <c r="J964" i="10"/>
  <c r="L964" i="10" s="1"/>
  <c r="J956" i="10"/>
  <c r="L956" i="10" s="1"/>
  <c r="J948" i="10"/>
  <c r="L948" i="10" s="1"/>
  <c r="J940" i="10"/>
  <c r="L940" i="10" s="1"/>
  <c r="J932" i="10"/>
  <c r="L932" i="10" s="1"/>
  <c r="J924" i="10"/>
  <c r="L924" i="10" s="1"/>
  <c r="J916" i="10"/>
  <c r="L916" i="10" s="1"/>
  <c r="J908" i="10"/>
  <c r="L908" i="10" s="1"/>
  <c r="J900" i="10"/>
  <c r="L900" i="10" s="1"/>
  <c r="J892" i="10"/>
  <c r="L892" i="10" s="1"/>
  <c r="J884" i="10"/>
  <c r="L884" i="10" s="1"/>
  <c r="J876" i="10"/>
  <c r="L876" i="10" s="1"/>
  <c r="J868" i="10"/>
  <c r="L868" i="10" s="1"/>
  <c r="J860" i="10"/>
  <c r="L860" i="10" s="1"/>
  <c r="J852" i="10"/>
  <c r="L852" i="10" s="1"/>
  <c r="J844" i="10"/>
  <c r="L844" i="10" s="1"/>
  <c r="J836" i="10"/>
  <c r="L836" i="10" s="1"/>
  <c r="J828" i="10"/>
  <c r="L828" i="10" s="1"/>
  <c r="J820" i="10"/>
  <c r="L820" i="10" s="1"/>
  <c r="J812" i="10"/>
  <c r="L812" i="10" s="1"/>
  <c r="J804" i="10"/>
  <c r="L804" i="10" s="1"/>
  <c r="J796" i="10"/>
  <c r="L796" i="10" s="1"/>
  <c r="J788" i="10"/>
  <c r="L788" i="10" s="1"/>
  <c r="J780" i="10"/>
  <c r="L780" i="10" s="1"/>
  <c r="J772" i="10"/>
  <c r="L772" i="10" s="1"/>
  <c r="J764" i="10"/>
  <c r="L764" i="10" s="1"/>
  <c r="J756" i="10"/>
  <c r="L756" i="10" s="1"/>
  <c r="J748" i="10"/>
  <c r="L748" i="10" s="1"/>
  <c r="J740" i="10"/>
  <c r="L740" i="10" s="1"/>
  <c r="J732" i="10"/>
  <c r="L732" i="10" s="1"/>
  <c r="J724" i="10"/>
  <c r="L724" i="10" s="1"/>
  <c r="J716" i="10"/>
  <c r="L716" i="10" s="1"/>
  <c r="J708" i="10"/>
  <c r="L708" i="10" s="1"/>
  <c r="J700" i="10"/>
  <c r="L700" i="10" s="1"/>
  <c r="J692" i="10"/>
  <c r="L692" i="10" s="1"/>
  <c r="J684" i="10"/>
  <c r="L684" i="10" s="1"/>
  <c r="J676" i="10"/>
  <c r="L676" i="10" s="1"/>
  <c r="J668" i="10"/>
  <c r="L668" i="10" s="1"/>
  <c r="J660" i="10"/>
  <c r="L660" i="10" s="1"/>
  <c r="J652" i="10"/>
  <c r="L652" i="10" s="1"/>
  <c r="J644" i="10"/>
  <c r="L644" i="10" s="1"/>
  <c r="J636" i="10"/>
  <c r="L636" i="10" s="1"/>
  <c r="J628" i="10"/>
  <c r="L628" i="10" s="1"/>
  <c r="J620" i="10"/>
  <c r="L620" i="10" s="1"/>
  <c r="J612" i="10"/>
  <c r="L612" i="10" s="1"/>
  <c r="J604" i="10"/>
  <c r="L604" i="10" s="1"/>
  <c r="J596" i="10"/>
  <c r="L596" i="10" s="1"/>
  <c r="J588" i="10"/>
  <c r="L588" i="10" s="1"/>
  <c r="J580" i="10"/>
  <c r="L580" i="10" s="1"/>
  <c r="J572" i="10"/>
  <c r="L572" i="10" s="1"/>
  <c r="J564" i="10"/>
  <c r="L564" i="10" s="1"/>
  <c r="J556" i="10"/>
  <c r="L556" i="10" s="1"/>
  <c r="J548" i="10"/>
  <c r="L548" i="10" s="1"/>
  <c r="J540" i="10"/>
  <c r="L540" i="10" s="1"/>
  <c r="J532" i="10"/>
  <c r="L532" i="10" s="1"/>
  <c r="J524" i="10"/>
  <c r="L524" i="10" s="1"/>
  <c r="J516" i="10"/>
  <c r="L516" i="10" s="1"/>
  <c r="J508" i="10"/>
  <c r="L508" i="10" s="1"/>
  <c r="J500" i="10"/>
  <c r="L500" i="10" s="1"/>
  <c r="J492" i="10"/>
  <c r="L492" i="10" s="1"/>
  <c r="J484" i="10"/>
  <c r="L484" i="10" s="1"/>
  <c r="J476" i="10"/>
  <c r="L476" i="10" s="1"/>
  <c r="J468" i="10"/>
  <c r="L468" i="10" s="1"/>
  <c r="J460" i="10"/>
  <c r="L460" i="10" s="1"/>
  <c r="J452" i="10"/>
  <c r="L452" i="10" s="1"/>
  <c r="J444" i="10"/>
  <c r="L444" i="10" s="1"/>
  <c r="J436" i="10"/>
  <c r="L436" i="10" s="1"/>
  <c r="J428" i="10"/>
  <c r="L428" i="10" s="1"/>
  <c r="J420" i="10"/>
  <c r="L420" i="10" s="1"/>
  <c r="J412" i="10"/>
  <c r="L412" i="10" s="1"/>
  <c r="J404" i="10"/>
  <c r="L404" i="10" s="1"/>
  <c r="J396" i="10"/>
  <c r="L396" i="10" s="1"/>
  <c r="J388" i="10"/>
  <c r="L388" i="10" s="1"/>
  <c r="J380" i="10"/>
  <c r="L380" i="10" s="1"/>
  <c r="J372" i="10"/>
  <c r="L372" i="10" s="1"/>
  <c r="J364" i="10"/>
  <c r="L364" i="10" s="1"/>
  <c r="J356" i="10"/>
  <c r="L356" i="10" s="1"/>
  <c r="J348" i="10"/>
  <c r="L348" i="10" s="1"/>
  <c r="J340" i="10"/>
  <c r="L340" i="10" s="1"/>
  <c r="J332" i="10"/>
  <c r="L332" i="10" s="1"/>
  <c r="J324" i="10"/>
  <c r="L324" i="10" s="1"/>
  <c r="J316" i="10"/>
  <c r="L316" i="10" s="1"/>
  <c r="J308" i="10"/>
  <c r="L308" i="10" s="1"/>
  <c r="J300" i="10"/>
  <c r="L300" i="10" s="1"/>
  <c r="J292" i="10"/>
  <c r="L292" i="10" s="1"/>
  <c r="J284" i="10"/>
  <c r="L284" i="10" s="1"/>
  <c r="J276" i="10"/>
  <c r="L276" i="10" s="1"/>
  <c r="J268" i="10"/>
  <c r="L268" i="10" s="1"/>
  <c r="J260" i="10"/>
  <c r="L260" i="10" s="1"/>
  <c r="J252" i="10"/>
  <c r="L252" i="10" s="1"/>
  <c r="J244" i="10"/>
  <c r="L244" i="10" s="1"/>
  <c r="J236" i="10"/>
  <c r="L236" i="10" s="1"/>
  <c r="J228" i="10"/>
  <c r="L228" i="10" s="1"/>
  <c r="J220" i="10"/>
  <c r="L220" i="10" s="1"/>
  <c r="J212" i="10"/>
  <c r="L212" i="10" s="1"/>
  <c r="J204" i="10"/>
  <c r="L204" i="10" s="1"/>
  <c r="J196" i="10"/>
  <c r="L196" i="10" s="1"/>
  <c r="J188" i="10"/>
  <c r="L188" i="10" s="1"/>
  <c r="J180" i="10"/>
  <c r="L180" i="10" s="1"/>
  <c r="J172" i="10"/>
  <c r="L172" i="10" s="1"/>
  <c r="J164" i="10"/>
  <c r="L164" i="10" s="1"/>
  <c r="J156" i="10"/>
  <c r="L156" i="10" s="1"/>
  <c r="J148" i="10"/>
  <c r="L148" i="10" s="1"/>
  <c r="J140" i="10"/>
  <c r="L140" i="10" s="1"/>
  <c r="J132" i="10"/>
  <c r="L132" i="10" s="1"/>
  <c r="J124" i="10"/>
  <c r="L124" i="10" s="1"/>
  <c r="J116" i="10"/>
  <c r="L116" i="10" s="1"/>
  <c r="J108" i="10"/>
  <c r="L108" i="10" s="1"/>
  <c r="J100" i="10"/>
  <c r="L100" i="10" s="1"/>
  <c r="J92" i="10"/>
  <c r="L92" i="10" s="1"/>
  <c r="J84" i="10"/>
  <c r="L84" i="10" s="1"/>
  <c r="J76" i="10"/>
  <c r="L76" i="10" s="1"/>
  <c r="J68" i="10"/>
  <c r="L68" i="10" s="1"/>
  <c r="J60" i="10"/>
  <c r="L60" i="10" s="1"/>
  <c r="J52" i="10"/>
  <c r="L52" i="10" s="1"/>
  <c r="J44" i="10"/>
  <c r="L44" i="10" s="1"/>
  <c r="J36" i="10"/>
  <c r="L36" i="10" s="1"/>
  <c r="J28" i="10"/>
  <c r="L28" i="10" s="1"/>
  <c r="J20" i="10"/>
  <c r="L20" i="10" s="1"/>
  <c r="L14" i="10"/>
  <c r="M14" i="10" s="1"/>
  <c r="O20" i="10" l="1"/>
  <c r="O52" i="10"/>
  <c r="O148" i="10"/>
  <c r="O180" i="10"/>
  <c r="O276" i="10"/>
  <c r="O308" i="10"/>
  <c r="O404" i="10"/>
  <c r="O436" i="10"/>
  <c r="O532" i="10"/>
  <c r="O564" i="10"/>
  <c r="O660" i="10"/>
  <c r="O692" i="10"/>
  <c r="O788" i="10"/>
  <c r="O820" i="10"/>
  <c r="O916" i="10"/>
  <c r="O948" i="10"/>
  <c r="O1044" i="10"/>
  <c r="O1076" i="10"/>
  <c r="O1172" i="10"/>
  <c r="O1204" i="10"/>
  <c r="O1300" i="10"/>
  <c r="O1332" i="10"/>
  <c r="O1428" i="10"/>
  <c r="O1460" i="10"/>
  <c r="O1556" i="10"/>
  <c r="O1588" i="10"/>
  <c r="O1684" i="10"/>
  <c r="O1716" i="10"/>
  <c r="O1812" i="10"/>
  <c r="O1844" i="10"/>
  <c r="O1940" i="10"/>
  <c r="O1972" i="10"/>
  <c r="O2068" i="10"/>
  <c r="O2100" i="10"/>
  <c r="O2196" i="10"/>
  <c r="O2228" i="10"/>
  <c r="O2324" i="10"/>
  <c r="O2356" i="10"/>
  <c r="O2452" i="10"/>
  <c r="O2484" i="10"/>
  <c r="O2580" i="10"/>
  <c r="O2612" i="10"/>
  <c r="O2708" i="10"/>
  <c r="O2740" i="10"/>
  <c r="O2836" i="10"/>
  <c r="O2868" i="10"/>
  <c r="P2868" i="10" s="1"/>
  <c r="O2964" i="10"/>
  <c r="P2964" i="10" s="1"/>
  <c r="O2996" i="10"/>
  <c r="P2996" i="10" s="1"/>
  <c r="O3092" i="10"/>
  <c r="P3092" i="10" s="1"/>
  <c r="O3124" i="10"/>
  <c r="P3124" i="10" s="1"/>
  <c r="O3220" i="10"/>
  <c r="P3220" i="10" s="1"/>
  <c r="O3252" i="10"/>
  <c r="P3252" i="10" s="1"/>
  <c r="O3348" i="10"/>
  <c r="P3348" i="10" s="1"/>
  <c r="O3380" i="10"/>
  <c r="P3380" i="10" s="1"/>
  <c r="O3476" i="10"/>
  <c r="P3476" i="10" s="1"/>
  <c r="O3508" i="10"/>
  <c r="P3508" i="10" s="1"/>
  <c r="O3604" i="10"/>
  <c r="P3604" i="10" s="1"/>
  <c r="O3636" i="10"/>
  <c r="P3636" i="10" s="1"/>
  <c r="O3732" i="10"/>
  <c r="P3732" i="10" s="1"/>
  <c r="O3764" i="10"/>
  <c r="P3764" i="10" s="1"/>
  <c r="O3860" i="10"/>
  <c r="P3860" i="10" s="1"/>
  <c r="O3892" i="10"/>
  <c r="P3892" i="10" s="1"/>
  <c r="O3988" i="10"/>
  <c r="P3988" i="10" s="1"/>
  <c r="O4020" i="10"/>
  <c r="P4020" i="10" s="1"/>
  <c r="O4116" i="10"/>
  <c r="P4116" i="10" s="1"/>
  <c r="O4148" i="10"/>
  <c r="P4148" i="10" s="1"/>
  <c r="O4244" i="10"/>
  <c r="P4244" i="10" s="1"/>
  <c r="O4276" i="10"/>
  <c r="P4276" i="10" s="1"/>
  <c r="O4372" i="10"/>
  <c r="P4372" i="10" s="1"/>
  <c r="O4404" i="10"/>
  <c r="P4404" i="10" s="1"/>
  <c r="O4500" i="10"/>
  <c r="P4500" i="10" s="1"/>
  <c r="O4532" i="10"/>
  <c r="P4532" i="10" s="1"/>
  <c r="O4628" i="10"/>
  <c r="P4628" i="10" s="1"/>
  <c r="O4660" i="10"/>
  <c r="P4660" i="10" s="1"/>
  <c r="O4756" i="10"/>
  <c r="P4756" i="10" s="1"/>
  <c r="O4788" i="10"/>
  <c r="P4788" i="10" s="1"/>
  <c r="O4884" i="10"/>
  <c r="P4884" i="10" s="1"/>
  <c r="O4916" i="10"/>
  <c r="P4916" i="10" s="1"/>
  <c r="O5012" i="10"/>
  <c r="P5012" i="10" s="1"/>
  <c r="O5044" i="10"/>
  <c r="P5044" i="10" s="1"/>
  <c r="O5140" i="10"/>
  <c r="P5140" i="10" s="1"/>
  <c r="O5172" i="10"/>
  <c r="P5172" i="10" s="1"/>
  <c r="O5268" i="10"/>
  <c r="P5268" i="10" s="1"/>
  <c r="O5300" i="10"/>
  <c r="P5300" i="10" s="1"/>
  <c r="O5396" i="10"/>
  <c r="P5396" i="10" s="1"/>
  <c r="O5428" i="10"/>
  <c r="P5428" i="10" s="1"/>
  <c r="O5460" i="10"/>
  <c r="P5460" i="10" s="1"/>
  <c r="O5524" i="10"/>
  <c r="P5524" i="10" s="1"/>
  <c r="O5556" i="10"/>
  <c r="P5556" i="10" s="1"/>
  <c r="O5588" i="10"/>
  <c r="P5588" i="10" s="1"/>
  <c r="O5652" i="10"/>
  <c r="P5652" i="10" s="1"/>
  <c r="O5684" i="10"/>
  <c r="P5684" i="10" s="1"/>
  <c r="O5716" i="10"/>
  <c r="P5716" i="10" s="1"/>
  <c r="O53" i="10"/>
  <c r="O117" i="10"/>
  <c r="O309" i="10"/>
  <c r="O373" i="10"/>
  <c r="O565" i="10"/>
  <c r="O629" i="10"/>
  <c r="O821" i="10"/>
  <c r="O885" i="10"/>
  <c r="O1077" i="10"/>
  <c r="O1141" i="10"/>
  <c r="O1333" i="10"/>
  <c r="O1397" i="10"/>
  <c r="O1589" i="10"/>
  <c r="O1653" i="10"/>
  <c r="O1845" i="10"/>
  <c r="O1909" i="10"/>
  <c r="O2101" i="10"/>
  <c r="O2165" i="10"/>
  <c r="O2357" i="10"/>
  <c r="O2421" i="10"/>
  <c r="O2613" i="10"/>
  <c r="O2677" i="10"/>
  <c r="O2869" i="10"/>
  <c r="P2869" i="10" s="1"/>
  <c r="O2933" i="10"/>
  <c r="P2933" i="10" s="1"/>
  <c r="O3125" i="10"/>
  <c r="P3125" i="10" s="1"/>
  <c r="O3189" i="10"/>
  <c r="P3189" i="10" s="1"/>
  <c r="O3381" i="10"/>
  <c r="P3381" i="10" s="1"/>
  <c r="O3445" i="10"/>
  <c r="P3445" i="10" s="1"/>
  <c r="O3637" i="10"/>
  <c r="P3637" i="10" s="1"/>
  <c r="O3701" i="10"/>
  <c r="P3701" i="10" s="1"/>
  <c r="O3893" i="10"/>
  <c r="P3893" i="10" s="1"/>
  <c r="O3957" i="10"/>
  <c r="P3957" i="10" s="1"/>
  <c r="O4149" i="10"/>
  <c r="P4149" i="10" s="1"/>
  <c r="O4213" i="10"/>
  <c r="P4213" i="10" s="1"/>
  <c r="O4405" i="10"/>
  <c r="P4405" i="10" s="1"/>
  <c r="O4469" i="10"/>
  <c r="P4469" i="10" s="1"/>
  <c r="O4661" i="10"/>
  <c r="P4661" i="10" s="1"/>
  <c r="O4725" i="10"/>
  <c r="P4725" i="10" s="1"/>
  <c r="O4917" i="10"/>
  <c r="P4917" i="10" s="1"/>
  <c r="O4981" i="10"/>
  <c r="P4981" i="10" s="1"/>
  <c r="O5173" i="10"/>
  <c r="P5173" i="10" s="1"/>
  <c r="O5237" i="10"/>
  <c r="P5237" i="10" s="1"/>
  <c r="O5365" i="10"/>
  <c r="P5365" i="10" s="1"/>
  <c r="O5429" i="10"/>
  <c r="P5429" i="10" s="1"/>
  <c r="O5493" i="10"/>
  <c r="P5493" i="10" s="1"/>
  <c r="O5621" i="10"/>
  <c r="P5621" i="10" s="1"/>
  <c r="O5685" i="10"/>
  <c r="P5685" i="10" s="1"/>
  <c r="O5749" i="10"/>
  <c r="P5749" i="10" s="1"/>
  <c r="O22" i="10"/>
  <c r="O54" i="10"/>
  <c r="O86" i="10"/>
  <c r="O150" i="10"/>
  <c r="O182" i="10"/>
  <c r="O214" i="10"/>
  <c r="O278" i="10"/>
  <c r="O310" i="10"/>
  <c r="O342" i="10"/>
  <c r="O406" i="10"/>
  <c r="O438" i="10"/>
  <c r="O470" i="10"/>
  <c r="O534" i="10"/>
  <c r="O566" i="10"/>
  <c r="O598" i="10"/>
  <c r="O662" i="10"/>
  <c r="O694" i="10"/>
  <c r="O726" i="10"/>
  <c r="O790" i="10"/>
  <c r="O822" i="10"/>
  <c r="O854" i="10"/>
  <c r="O918" i="10"/>
  <c r="O950" i="10"/>
  <c r="O982" i="10"/>
  <c r="O1046" i="10"/>
  <c r="O1078" i="10"/>
  <c r="O1110" i="10"/>
  <c r="O1174" i="10"/>
  <c r="O1206" i="10"/>
  <c r="O1238" i="10"/>
  <c r="O1302" i="10"/>
  <c r="O1334" i="10"/>
  <c r="O1366" i="10"/>
  <c r="O1430" i="10"/>
  <c r="O1462" i="10"/>
  <c r="O1494" i="10"/>
  <c r="O1558" i="10"/>
  <c r="O1590" i="10"/>
  <c r="O1622" i="10"/>
  <c r="O1686" i="10"/>
  <c r="O1718" i="10"/>
  <c r="O1750" i="10"/>
  <c r="O1814" i="10"/>
  <c r="O1846" i="10"/>
  <c r="O1878" i="10"/>
  <c r="O1942" i="10"/>
  <c r="O1974" i="10"/>
  <c r="O2006" i="10"/>
  <c r="O2070" i="10"/>
  <c r="O2102" i="10"/>
  <c r="O2134" i="10"/>
  <c r="O2198" i="10"/>
  <c r="O2230" i="10"/>
  <c r="O2262" i="10"/>
  <c r="O2326" i="10"/>
  <c r="O2358" i="10"/>
  <c r="O2390" i="10"/>
  <c r="O2454" i="10"/>
  <c r="O2486" i="10"/>
  <c r="O2518" i="10"/>
  <c r="O2582" i="10"/>
  <c r="O2614" i="10"/>
  <c r="O2646" i="10"/>
  <c r="O2710" i="10"/>
  <c r="O2742" i="10"/>
  <c r="O2774" i="10"/>
  <c r="O2838" i="10"/>
  <c r="O2870" i="10"/>
  <c r="P2870" i="10" s="1"/>
  <c r="O2902" i="10"/>
  <c r="P2902" i="10" s="1"/>
  <c r="O2966" i="10"/>
  <c r="P2966" i="10" s="1"/>
  <c r="O2998" i="10"/>
  <c r="P2998" i="10" s="1"/>
  <c r="O3030" i="10"/>
  <c r="P3030" i="10" s="1"/>
  <c r="O3094" i="10"/>
  <c r="P3094" i="10" s="1"/>
  <c r="O3126" i="10"/>
  <c r="P3126" i="10" s="1"/>
  <c r="O3158" i="10"/>
  <c r="P3158" i="10" s="1"/>
  <c r="O3222" i="10"/>
  <c r="P3222" i="10" s="1"/>
  <c r="O3254" i="10"/>
  <c r="P3254" i="10" s="1"/>
  <c r="O3286" i="10"/>
  <c r="P3286" i="10" s="1"/>
  <c r="O3350" i="10"/>
  <c r="P3350" i="10" s="1"/>
  <c r="O3382" i="10"/>
  <c r="P3382" i="10" s="1"/>
  <c r="O3414" i="10"/>
  <c r="P3414" i="10" s="1"/>
  <c r="O3478" i="10"/>
  <c r="P3478" i="10" s="1"/>
  <c r="O3510" i="10"/>
  <c r="P3510" i="10" s="1"/>
  <c r="O3542" i="10"/>
  <c r="P3542" i="10" s="1"/>
  <c r="O3606" i="10"/>
  <c r="P3606" i="10" s="1"/>
  <c r="O3638" i="10"/>
  <c r="P3638" i="10" s="1"/>
  <c r="O3670" i="10"/>
  <c r="P3670" i="10" s="1"/>
  <c r="O3734" i="10"/>
  <c r="P3734" i="10" s="1"/>
  <c r="O3766" i="10"/>
  <c r="P3766" i="10" s="1"/>
  <c r="O3798" i="10"/>
  <c r="P3798" i="10" s="1"/>
  <c r="O3862" i="10"/>
  <c r="P3862" i="10" s="1"/>
  <c r="O3894" i="10"/>
  <c r="P3894" i="10" s="1"/>
  <c r="O3926" i="10"/>
  <c r="P3926" i="10" s="1"/>
  <c r="O3990" i="10"/>
  <c r="P3990" i="10" s="1"/>
  <c r="O4022" i="10"/>
  <c r="P4022" i="10" s="1"/>
  <c r="O4054" i="10"/>
  <c r="P4054" i="10" s="1"/>
  <c r="O4118" i="10"/>
  <c r="P4118" i="10" s="1"/>
  <c r="O4150" i="10"/>
  <c r="P4150" i="10" s="1"/>
  <c r="O4182" i="10"/>
  <c r="P4182" i="10" s="1"/>
  <c r="O4246" i="10"/>
  <c r="P4246" i="10" s="1"/>
  <c r="O4278" i="10"/>
  <c r="P4278" i="10" s="1"/>
  <c r="O4310" i="10"/>
  <c r="P4310" i="10" s="1"/>
  <c r="O4374" i="10"/>
  <c r="P4374" i="10" s="1"/>
  <c r="O4406" i="10"/>
  <c r="P4406" i="10" s="1"/>
  <c r="O4438" i="10"/>
  <c r="P4438" i="10" s="1"/>
  <c r="O4502" i="10"/>
  <c r="P4502" i="10" s="1"/>
  <c r="O4534" i="10"/>
  <c r="P4534" i="10" s="1"/>
  <c r="O4566" i="10"/>
  <c r="P4566" i="10" s="1"/>
  <c r="O4630" i="10"/>
  <c r="P4630" i="10" s="1"/>
  <c r="O4662" i="10"/>
  <c r="P4662" i="10" s="1"/>
  <c r="O4694" i="10"/>
  <c r="P4694" i="10" s="1"/>
  <c r="O4758" i="10"/>
  <c r="P4758" i="10" s="1"/>
  <c r="O4790" i="10"/>
  <c r="P4790" i="10" s="1"/>
  <c r="O4822" i="10"/>
  <c r="P4822" i="10" s="1"/>
  <c r="O4886" i="10"/>
  <c r="P4886" i="10" s="1"/>
  <c r="O4918" i="10"/>
  <c r="P4918" i="10" s="1"/>
  <c r="O4950" i="10"/>
  <c r="P4950" i="10" s="1"/>
  <c r="O5014" i="10"/>
  <c r="P5014" i="10" s="1"/>
  <c r="O5046" i="10"/>
  <c r="P5046" i="10" s="1"/>
  <c r="O5078" i="10"/>
  <c r="P5078" i="10" s="1"/>
  <c r="O5142" i="10"/>
  <c r="P5142" i="10" s="1"/>
  <c r="O5174" i="10"/>
  <c r="P5174" i="10" s="1"/>
  <c r="O5206" i="10"/>
  <c r="P5206" i="10" s="1"/>
  <c r="O5270" i="10"/>
  <c r="P5270" i="10" s="1"/>
  <c r="O5302" i="10"/>
  <c r="P5302" i="10" s="1"/>
  <c r="O5334" i="10"/>
  <c r="P5334" i="10" s="1"/>
  <c r="O5430" i="10"/>
  <c r="P5430" i="10" s="1"/>
  <c r="O5558" i="10"/>
  <c r="P5558" i="10" s="1"/>
  <c r="O5686" i="10"/>
  <c r="P5686" i="10" s="1"/>
  <c r="O47" i="10"/>
  <c r="O111" i="10"/>
  <c r="O143" i="10"/>
  <c r="O175" i="10"/>
  <c r="O239" i="10"/>
  <c r="O271" i="10"/>
  <c r="O303" i="10"/>
  <c r="O367" i="10"/>
  <c r="O399" i="10"/>
  <c r="O431" i="10"/>
  <c r="O495" i="10"/>
  <c r="O527" i="10"/>
  <c r="O559" i="10"/>
  <c r="O623" i="10"/>
  <c r="O655" i="10"/>
  <c r="O687" i="10"/>
  <c r="O751" i="10"/>
  <c r="O783" i="10"/>
  <c r="O815" i="10"/>
  <c r="O879" i="10"/>
  <c r="O911" i="10"/>
  <c r="O943" i="10"/>
  <c r="O1007" i="10"/>
  <c r="O1039" i="10"/>
  <c r="O1071" i="10"/>
  <c r="O1135" i="10"/>
  <c r="O1167" i="10"/>
  <c r="O1199" i="10"/>
  <c r="O1263" i="10"/>
  <c r="O1295" i="10"/>
  <c r="O1327" i="10"/>
  <c r="O1391" i="10"/>
  <c r="O1423" i="10"/>
  <c r="O1455" i="10"/>
  <c r="O1519" i="10"/>
  <c r="O1551" i="10"/>
  <c r="O1583" i="10"/>
  <c r="O1647" i="10"/>
  <c r="O1679" i="10"/>
  <c r="O1711" i="10"/>
  <c r="O1775" i="10"/>
  <c r="O1807" i="10"/>
  <c r="O1839" i="10"/>
  <c r="O1903" i="10"/>
  <c r="O1935" i="10"/>
  <c r="O1967" i="10"/>
  <c r="O2031" i="10"/>
  <c r="O2063" i="10"/>
  <c r="O2095" i="10"/>
  <c r="O2159" i="10"/>
  <c r="O2191" i="10"/>
  <c r="O2223" i="10"/>
  <c r="O2287" i="10"/>
  <c r="O2319" i="10"/>
  <c r="O2351" i="10"/>
  <c r="O2415" i="10"/>
  <c r="O2447" i="10"/>
  <c r="O2479" i="10"/>
  <c r="O2543" i="10"/>
  <c r="O2575" i="10"/>
  <c r="O2607" i="10"/>
  <c r="O2671" i="10"/>
  <c r="O2703" i="10"/>
  <c r="O2735" i="10"/>
  <c r="O2799" i="10"/>
  <c r="O2831" i="10"/>
  <c r="O2863" i="10"/>
  <c r="P2863" i="10" s="1"/>
  <c r="O2927" i="10"/>
  <c r="P2927" i="10" s="1"/>
  <c r="O2959" i="10"/>
  <c r="P2959" i="10" s="1"/>
  <c r="O2991" i="10"/>
  <c r="P2991" i="10" s="1"/>
  <c r="O3055" i="10"/>
  <c r="P3055" i="10" s="1"/>
  <c r="O3087" i="10"/>
  <c r="P3087" i="10" s="1"/>
  <c r="O3119" i="10"/>
  <c r="P3119" i="10" s="1"/>
  <c r="O3183" i="10"/>
  <c r="P3183" i="10" s="1"/>
  <c r="O3215" i="10"/>
  <c r="P3215" i="10" s="1"/>
  <c r="O3247" i="10"/>
  <c r="P3247" i="10" s="1"/>
  <c r="O3311" i="10"/>
  <c r="P3311" i="10" s="1"/>
  <c r="O3343" i="10"/>
  <c r="P3343" i="10" s="1"/>
  <c r="O3375" i="10"/>
  <c r="P3375" i="10" s="1"/>
  <c r="O3439" i="10"/>
  <c r="P3439" i="10" s="1"/>
  <c r="O3471" i="10"/>
  <c r="P3471" i="10" s="1"/>
  <c r="O3503" i="10"/>
  <c r="P3503" i="10" s="1"/>
  <c r="O3567" i="10"/>
  <c r="P3567" i="10" s="1"/>
  <c r="O3599" i="10"/>
  <c r="P3599" i="10" s="1"/>
  <c r="O3631" i="10"/>
  <c r="P3631" i="10" s="1"/>
  <c r="O3695" i="10"/>
  <c r="P3695" i="10" s="1"/>
  <c r="O3727" i="10"/>
  <c r="P3727" i="10" s="1"/>
  <c r="O3759" i="10"/>
  <c r="P3759" i="10" s="1"/>
  <c r="O3823" i="10"/>
  <c r="P3823" i="10" s="1"/>
  <c r="O3855" i="10"/>
  <c r="P3855" i="10" s="1"/>
  <c r="O3887" i="10"/>
  <c r="P3887" i="10" s="1"/>
  <c r="O3951" i="10"/>
  <c r="P3951" i="10" s="1"/>
  <c r="O3983" i="10"/>
  <c r="P3983" i="10" s="1"/>
  <c r="O4015" i="10"/>
  <c r="P4015" i="10" s="1"/>
  <c r="O4079" i="10"/>
  <c r="P4079" i="10" s="1"/>
  <c r="O4111" i="10"/>
  <c r="P4111" i="10" s="1"/>
  <c r="O4143" i="10"/>
  <c r="P4143" i="10" s="1"/>
  <c r="O4207" i="10"/>
  <c r="P4207" i="10" s="1"/>
  <c r="O4239" i="10"/>
  <c r="P4239" i="10" s="1"/>
  <c r="O4271" i="10"/>
  <c r="P4271" i="10" s="1"/>
  <c r="O4335" i="10"/>
  <c r="P4335" i="10" s="1"/>
  <c r="O4367" i="10"/>
  <c r="P4367" i="10" s="1"/>
  <c r="O4399" i="10"/>
  <c r="P4399" i="10" s="1"/>
  <c r="O4463" i="10"/>
  <c r="P4463" i="10" s="1"/>
  <c r="O4495" i="10"/>
  <c r="P4495" i="10" s="1"/>
  <c r="O4527" i="10"/>
  <c r="P4527" i="10" s="1"/>
  <c r="O4591" i="10"/>
  <c r="P4591" i="10" s="1"/>
  <c r="O4623" i="10"/>
  <c r="P4623" i="10" s="1"/>
  <c r="O4655" i="10"/>
  <c r="P4655" i="10" s="1"/>
  <c r="O4719" i="10"/>
  <c r="P4719" i="10" s="1"/>
  <c r="O4751" i="10"/>
  <c r="P4751" i="10" s="1"/>
  <c r="O4783" i="10"/>
  <c r="P4783" i="10" s="1"/>
  <c r="O4847" i="10"/>
  <c r="P4847" i="10" s="1"/>
  <c r="O4879" i="10"/>
  <c r="P4879" i="10" s="1"/>
  <c r="O4911" i="10"/>
  <c r="P4911" i="10" s="1"/>
  <c r="O4975" i="10"/>
  <c r="P4975" i="10" s="1"/>
  <c r="O5007" i="10"/>
  <c r="P5007" i="10" s="1"/>
  <c r="O5039" i="10"/>
  <c r="P5039" i="10" s="1"/>
  <c r="O5103" i="10"/>
  <c r="P5103" i="10" s="1"/>
  <c r="O5135" i="10"/>
  <c r="P5135" i="10" s="1"/>
  <c r="O5167" i="10"/>
  <c r="P5167" i="10" s="1"/>
  <c r="O5231" i="10"/>
  <c r="P5231" i="10" s="1"/>
  <c r="O5263" i="10"/>
  <c r="P5263" i="10" s="1"/>
  <c r="O5295" i="10"/>
  <c r="P5295" i="10" s="1"/>
  <c r="O5359" i="10"/>
  <c r="P5359" i="10" s="1"/>
  <c r="O5391" i="10"/>
  <c r="P5391" i="10" s="1"/>
  <c r="O5423" i="10"/>
  <c r="P5423" i="10" s="1"/>
  <c r="O5487" i="10"/>
  <c r="P5487" i="10" s="1"/>
  <c r="O5519" i="10"/>
  <c r="P5519" i="10" s="1"/>
  <c r="O5551" i="10"/>
  <c r="P5551" i="10" s="1"/>
  <c r="O5615" i="10"/>
  <c r="P5615" i="10" s="1"/>
  <c r="O5647" i="10"/>
  <c r="P5647" i="10" s="1"/>
  <c r="O5679" i="10"/>
  <c r="P5679" i="10" s="1"/>
  <c r="O5743" i="10"/>
  <c r="P5743" i="10" s="1"/>
  <c r="O5775" i="10"/>
  <c r="P5775" i="10" s="1"/>
  <c r="O5807" i="10"/>
  <c r="P5807" i="10" s="1"/>
  <c r="O64" i="10"/>
  <c r="O96" i="10"/>
  <c r="O128" i="10"/>
  <c r="O192" i="10"/>
  <c r="O224" i="10"/>
  <c r="O256" i="10"/>
  <c r="O320" i="10"/>
  <c r="O352" i="10"/>
  <c r="O384" i="10"/>
  <c r="O448" i="10"/>
  <c r="O480" i="10"/>
  <c r="O512" i="10"/>
  <c r="O576" i="10"/>
  <c r="O608" i="10"/>
  <c r="O640" i="10"/>
  <c r="O704" i="10"/>
  <c r="O736" i="10"/>
  <c r="O768" i="10"/>
  <c r="O832" i="10"/>
  <c r="O864" i="10"/>
  <c r="O896" i="10"/>
  <c r="O960" i="10"/>
  <c r="O992" i="10"/>
  <c r="O1024" i="10"/>
  <c r="O1088" i="10"/>
  <c r="O1120" i="10"/>
  <c r="O1152" i="10"/>
  <c r="O1216" i="10"/>
  <c r="O1248" i="10"/>
  <c r="O1280" i="10"/>
  <c r="O1344" i="10"/>
  <c r="O1376" i="10"/>
  <c r="O1408" i="10"/>
  <c r="O1472" i="10"/>
  <c r="O1504" i="10"/>
  <c r="O1536" i="10"/>
  <c r="O1600" i="10"/>
  <c r="O1632" i="10"/>
  <c r="O1664" i="10"/>
  <c r="O1728" i="10"/>
  <c r="O1760" i="10"/>
  <c r="O1792" i="10"/>
  <c r="O1856" i="10"/>
  <c r="O1888" i="10"/>
  <c r="O1920" i="10"/>
  <c r="O1984" i="10"/>
  <c r="O2016" i="10"/>
  <c r="O2048" i="10"/>
  <c r="O2112" i="10"/>
  <c r="O2144" i="10"/>
  <c r="O2176" i="10"/>
  <c r="O2240" i="10"/>
  <c r="O2272" i="10"/>
  <c r="O2304" i="10"/>
  <c r="O2368" i="10"/>
  <c r="O2400" i="10"/>
  <c r="O2432" i="10"/>
  <c r="O2496" i="10"/>
  <c r="O2528" i="10"/>
  <c r="O2560" i="10"/>
  <c r="O2624" i="10"/>
  <c r="O2656" i="10"/>
  <c r="O2688" i="10"/>
  <c r="O2752" i="10"/>
  <c r="O2784" i="10"/>
  <c r="O2816" i="10"/>
  <c r="O2880" i="10"/>
  <c r="P2880" i="10" s="1"/>
  <c r="O2912" i="10"/>
  <c r="P2912" i="10" s="1"/>
  <c r="O2944" i="10"/>
  <c r="P2944" i="10" s="1"/>
  <c r="O3008" i="10"/>
  <c r="P3008" i="10" s="1"/>
  <c r="O3040" i="10"/>
  <c r="P3040" i="10" s="1"/>
  <c r="O3072" i="10"/>
  <c r="P3072" i="10" s="1"/>
  <c r="O3136" i="10"/>
  <c r="P3136" i="10" s="1"/>
  <c r="O3168" i="10"/>
  <c r="P3168" i="10" s="1"/>
  <c r="O3200" i="10"/>
  <c r="P3200" i="10" s="1"/>
  <c r="O3264" i="10"/>
  <c r="P3264" i="10" s="1"/>
  <c r="O3296" i="10"/>
  <c r="P3296" i="10" s="1"/>
  <c r="O3328" i="10"/>
  <c r="P3328" i="10" s="1"/>
  <c r="O3392" i="10"/>
  <c r="P3392" i="10" s="1"/>
  <c r="O3424" i="10"/>
  <c r="P3424" i="10" s="1"/>
  <c r="O3456" i="10"/>
  <c r="P3456" i="10" s="1"/>
  <c r="O3520" i="10"/>
  <c r="P3520" i="10" s="1"/>
  <c r="O3552" i="10"/>
  <c r="P3552" i="10" s="1"/>
  <c r="O3584" i="10"/>
  <c r="P3584" i="10" s="1"/>
  <c r="O3648" i="10"/>
  <c r="P3648" i="10" s="1"/>
  <c r="O3680" i="10"/>
  <c r="P3680" i="10" s="1"/>
  <c r="O3712" i="10"/>
  <c r="P3712" i="10" s="1"/>
  <c r="O3776" i="10"/>
  <c r="P3776" i="10" s="1"/>
  <c r="O3808" i="10"/>
  <c r="P3808" i="10" s="1"/>
  <c r="O3840" i="10"/>
  <c r="P3840" i="10" s="1"/>
  <c r="O3904" i="10"/>
  <c r="P3904" i="10" s="1"/>
  <c r="O3936" i="10"/>
  <c r="P3936" i="10" s="1"/>
  <c r="O3968" i="10"/>
  <c r="P3968" i="10" s="1"/>
  <c r="O4032" i="10"/>
  <c r="P4032" i="10" s="1"/>
  <c r="O4064" i="10"/>
  <c r="P4064" i="10" s="1"/>
  <c r="O4096" i="10"/>
  <c r="P4096" i="10" s="1"/>
  <c r="O4160" i="10"/>
  <c r="P4160" i="10" s="1"/>
  <c r="O4192" i="10"/>
  <c r="P4192" i="10" s="1"/>
  <c r="O4224" i="10"/>
  <c r="P4224" i="10" s="1"/>
  <c r="O4288" i="10"/>
  <c r="P4288" i="10" s="1"/>
  <c r="O4320" i="10"/>
  <c r="P4320" i="10" s="1"/>
  <c r="O4352" i="10"/>
  <c r="P4352" i="10" s="1"/>
  <c r="O4416" i="10"/>
  <c r="P4416" i="10" s="1"/>
  <c r="O4448" i="10"/>
  <c r="P4448" i="10" s="1"/>
  <c r="O4480" i="10"/>
  <c r="P4480" i="10" s="1"/>
  <c r="O4544" i="10"/>
  <c r="P4544" i="10" s="1"/>
  <c r="O4576" i="10"/>
  <c r="P4576" i="10" s="1"/>
  <c r="O4608" i="10"/>
  <c r="P4608" i="10" s="1"/>
  <c r="O4672" i="10"/>
  <c r="P4672" i="10" s="1"/>
  <c r="O4704" i="10"/>
  <c r="P4704" i="10" s="1"/>
  <c r="O4736" i="10"/>
  <c r="P4736" i="10" s="1"/>
  <c r="O4800" i="10"/>
  <c r="P4800" i="10" s="1"/>
  <c r="O4832" i="10"/>
  <c r="P4832" i="10" s="1"/>
  <c r="O4864" i="10"/>
  <c r="P4864" i="10" s="1"/>
  <c r="O4928" i="10"/>
  <c r="P4928" i="10" s="1"/>
  <c r="O4960" i="10"/>
  <c r="P4960" i="10" s="1"/>
  <c r="O4992" i="10"/>
  <c r="P4992" i="10" s="1"/>
  <c r="O5056" i="10"/>
  <c r="P5056" i="10" s="1"/>
  <c r="O5088" i="10"/>
  <c r="P5088" i="10" s="1"/>
  <c r="O5120" i="10"/>
  <c r="P5120" i="10" s="1"/>
  <c r="O5184" i="10"/>
  <c r="P5184" i="10" s="1"/>
  <c r="O5216" i="10"/>
  <c r="P5216" i="10" s="1"/>
  <c r="O5248" i="10"/>
  <c r="P5248" i="10" s="1"/>
  <c r="O5312" i="10"/>
  <c r="P5312" i="10" s="1"/>
  <c r="O5344" i="10"/>
  <c r="P5344" i="10" s="1"/>
  <c r="O5376" i="10"/>
  <c r="P5376" i="10" s="1"/>
  <c r="O5440" i="10"/>
  <c r="P5440" i="10" s="1"/>
  <c r="O5472" i="10"/>
  <c r="P5472" i="10" s="1"/>
  <c r="O5504" i="10"/>
  <c r="P5504" i="10" s="1"/>
  <c r="O5568" i="10"/>
  <c r="P5568" i="10" s="1"/>
  <c r="O5600" i="10"/>
  <c r="P5600" i="10" s="1"/>
  <c r="O5632" i="10"/>
  <c r="P5632" i="10" s="1"/>
  <c r="O5696" i="10"/>
  <c r="P5696" i="10" s="1"/>
  <c r="O5728" i="10"/>
  <c r="P5728" i="10" s="1"/>
  <c r="O5760" i="10"/>
  <c r="P5760" i="10" s="1"/>
  <c r="O5824" i="10"/>
  <c r="P5824" i="10" s="1"/>
  <c r="O33" i="10"/>
  <c r="O65" i="10"/>
  <c r="O129" i="10"/>
  <c r="O161" i="10"/>
  <c r="O193" i="10"/>
  <c r="O257" i="10"/>
  <c r="O289" i="10"/>
  <c r="O321" i="10"/>
  <c r="O385" i="10"/>
  <c r="O417" i="10"/>
  <c r="O449" i="10"/>
  <c r="O513" i="10"/>
  <c r="O545" i="10"/>
  <c r="O577" i="10"/>
  <c r="O641" i="10"/>
  <c r="O673" i="10"/>
  <c r="O705" i="10"/>
  <c r="O769" i="10"/>
  <c r="O801" i="10"/>
  <c r="O833" i="10"/>
  <c r="O897" i="10"/>
  <c r="O929" i="10"/>
  <c r="O961" i="10"/>
  <c r="O1025" i="10"/>
  <c r="O1057" i="10"/>
  <c r="O1089" i="10"/>
  <c r="O1153" i="10"/>
  <c r="O1185" i="10"/>
  <c r="O1217" i="10"/>
  <c r="O1281" i="10"/>
  <c r="O1313" i="10"/>
  <c r="O1345" i="10"/>
  <c r="O1409" i="10"/>
  <c r="O1441" i="10"/>
  <c r="O1473" i="10"/>
  <c r="O1537" i="10"/>
  <c r="O1569" i="10"/>
  <c r="O1601" i="10"/>
  <c r="O1665" i="10"/>
  <c r="O1697" i="10"/>
  <c r="O1729" i="10"/>
  <c r="O1793" i="10"/>
  <c r="O1825" i="10"/>
  <c r="O1857" i="10"/>
  <c r="O1921" i="10"/>
  <c r="O1953" i="10"/>
  <c r="O1985" i="10"/>
  <c r="O2049" i="10"/>
  <c r="O2081" i="10"/>
  <c r="O2113" i="10"/>
  <c r="O2177" i="10"/>
  <c r="O2209" i="10"/>
  <c r="O2241" i="10"/>
  <c r="O2305" i="10"/>
  <c r="O2337" i="10"/>
  <c r="O2369" i="10"/>
  <c r="O2433" i="10"/>
  <c r="O2465" i="10"/>
  <c r="O2497" i="10"/>
  <c r="O2561" i="10"/>
  <c r="O2593" i="10"/>
  <c r="O2625" i="10"/>
  <c r="O2689" i="10"/>
  <c r="O2721" i="10"/>
  <c r="O2753" i="10"/>
  <c r="O2817" i="10"/>
  <c r="O2849" i="10"/>
  <c r="P2849" i="10" s="1"/>
  <c r="O2881" i="10"/>
  <c r="P2881" i="10" s="1"/>
  <c r="O2945" i="10"/>
  <c r="P2945" i="10" s="1"/>
  <c r="O2977" i="10"/>
  <c r="P2977" i="10" s="1"/>
  <c r="O3009" i="10"/>
  <c r="P3009" i="10" s="1"/>
  <c r="O3073" i="10"/>
  <c r="P3073" i="10" s="1"/>
  <c r="O3105" i="10"/>
  <c r="P3105" i="10" s="1"/>
  <c r="O3137" i="10"/>
  <c r="P3137" i="10" s="1"/>
  <c r="O3201" i="10"/>
  <c r="P3201" i="10" s="1"/>
  <c r="O3233" i="10"/>
  <c r="P3233" i="10" s="1"/>
  <c r="O3265" i="10"/>
  <c r="P3265" i="10" s="1"/>
  <c r="O3329" i="10"/>
  <c r="P3329" i="10" s="1"/>
  <c r="O3361" i="10"/>
  <c r="P3361" i="10" s="1"/>
  <c r="O3393" i="10"/>
  <c r="P3393" i="10" s="1"/>
  <c r="O3457" i="10"/>
  <c r="P3457" i="10" s="1"/>
  <c r="O3489" i="10"/>
  <c r="P3489" i="10" s="1"/>
  <c r="O3521" i="10"/>
  <c r="P3521" i="10" s="1"/>
  <c r="O3585" i="10"/>
  <c r="P3585" i="10" s="1"/>
  <c r="O3617" i="10"/>
  <c r="P3617" i="10" s="1"/>
  <c r="O3649" i="10"/>
  <c r="P3649" i="10" s="1"/>
  <c r="O3713" i="10"/>
  <c r="P3713" i="10" s="1"/>
  <c r="O3745" i="10"/>
  <c r="P3745" i="10" s="1"/>
  <c r="O3777" i="10"/>
  <c r="P3777" i="10" s="1"/>
  <c r="O3841" i="10"/>
  <c r="P3841" i="10" s="1"/>
  <c r="O3873" i="10"/>
  <c r="P3873" i="10" s="1"/>
  <c r="O3905" i="10"/>
  <c r="P3905" i="10" s="1"/>
  <c r="O3969" i="10"/>
  <c r="P3969" i="10" s="1"/>
  <c r="O4001" i="10"/>
  <c r="P4001" i="10" s="1"/>
  <c r="O4033" i="10"/>
  <c r="P4033" i="10" s="1"/>
  <c r="O4097" i="10"/>
  <c r="P4097" i="10" s="1"/>
  <c r="O4129" i="10"/>
  <c r="P4129" i="10" s="1"/>
  <c r="O4161" i="10"/>
  <c r="P4161" i="10" s="1"/>
  <c r="O4225" i="10"/>
  <c r="P4225" i="10" s="1"/>
  <c r="O4257" i="10"/>
  <c r="P4257" i="10" s="1"/>
  <c r="O4289" i="10"/>
  <c r="P4289" i="10" s="1"/>
  <c r="O4353" i="10"/>
  <c r="P4353" i="10" s="1"/>
  <c r="O4385" i="10"/>
  <c r="P4385" i="10" s="1"/>
  <c r="O4417" i="10"/>
  <c r="P4417" i="10" s="1"/>
  <c r="O4481" i="10"/>
  <c r="P4481" i="10" s="1"/>
  <c r="O4513" i="10"/>
  <c r="P4513" i="10" s="1"/>
  <c r="O4545" i="10"/>
  <c r="P4545" i="10" s="1"/>
  <c r="O4609" i="10"/>
  <c r="P4609" i="10" s="1"/>
  <c r="O4641" i="10"/>
  <c r="P4641" i="10" s="1"/>
  <c r="O4673" i="10"/>
  <c r="P4673" i="10" s="1"/>
  <c r="O4737" i="10"/>
  <c r="P4737" i="10" s="1"/>
  <c r="O4769" i="10"/>
  <c r="P4769" i="10" s="1"/>
  <c r="O4801" i="10"/>
  <c r="P4801" i="10" s="1"/>
  <c r="O4865" i="10"/>
  <c r="P4865" i="10" s="1"/>
  <c r="O18" i="10"/>
  <c r="O50" i="10"/>
  <c r="O114" i="10"/>
  <c r="O6093" i="10"/>
  <c r="P6093" i="10" s="1"/>
  <c r="O6157" i="10"/>
  <c r="P6157" i="10" s="1"/>
  <c r="O6221" i="10"/>
  <c r="P6221" i="10" s="1"/>
  <c r="O6349" i="10"/>
  <c r="P6349" i="10" s="1"/>
  <c r="O6413" i="10"/>
  <c r="P6413" i="10" s="1"/>
  <c r="O6477" i="10"/>
  <c r="P6477" i="10" s="1"/>
  <c r="O6605" i="10"/>
  <c r="P6605" i="10" s="1"/>
  <c r="O6669" i="10"/>
  <c r="P6669" i="10" s="1"/>
  <c r="O6733" i="10"/>
  <c r="P6733" i="10" s="1"/>
  <c r="O6861" i="10"/>
  <c r="P6861" i="10" s="1"/>
  <c r="O6925" i="10"/>
  <c r="P6925" i="10" s="1"/>
  <c r="O6989" i="10"/>
  <c r="P6989" i="10" s="1"/>
  <c r="O7117" i="10"/>
  <c r="P7117" i="10" s="1"/>
  <c r="O7181" i="10"/>
  <c r="P7181" i="10" s="1"/>
  <c r="O7245" i="10"/>
  <c r="P7245" i="10" s="1"/>
  <c r="O7373" i="10"/>
  <c r="P7373" i="10" s="1"/>
  <c r="O7437" i="10"/>
  <c r="P7437" i="10" s="1"/>
  <c r="O413" i="10"/>
  <c r="O861" i="10"/>
  <c r="O1757" i="10"/>
  <c r="O2013" i="10"/>
  <c r="O3805" i="10"/>
  <c r="P3805" i="10" s="1"/>
  <c r="O4381" i="10"/>
  <c r="P4381" i="10" s="1"/>
  <c r="O146" i="10"/>
  <c r="O178" i="10"/>
  <c r="O274" i="10"/>
  <c r="O306" i="10"/>
  <c r="O338" i="10"/>
  <c r="O402" i="10"/>
  <c r="O434" i="10"/>
  <c r="O466" i="10"/>
  <c r="O530" i="10"/>
  <c r="O562" i="10"/>
  <c r="O594" i="10"/>
  <c r="O658" i="10"/>
  <c r="O690" i="10"/>
  <c r="O722" i="10"/>
  <c r="O786" i="10"/>
  <c r="O818" i="10"/>
  <c r="O850" i="10"/>
  <c r="O914" i="10"/>
  <c r="O946" i="10"/>
  <c r="O978" i="10"/>
  <c r="O1042" i="10"/>
  <c r="O1074" i="10"/>
  <c r="O1106" i="10"/>
  <c r="O1170" i="10"/>
  <c r="O1202" i="10"/>
  <c r="O1234" i="10"/>
  <c r="O1298" i="10"/>
  <c r="O1330" i="10"/>
  <c r="O1362" i="10"/>
  <c r="O1426" i="10"/>
  <c r="O1458" i="10"/>
  <c r="O1490" i="10"/>
  <c r="O1554" i="10"/>
  <c r="O1586" i="10"/>
  <c r="O1618" i="10"/>
  <c r="O1682" i="10"/>
  <c r="O1714" i="10"/>
  <c r="O1746" i="10"/>
  <c r="O1810" i="10"/>
  <c r="O1842" i="10"/>
  <c r="O1874" i="10"/>
  <c r="O1938" i="10"/>
  <c r="O1970" i="10"/>
  <c r="O2002" i="10"/>
  <c r="O2066" i="10"/>
  <c r="O2098" i="10"/>
  <c r="O2130" i="10"/>
  <c r="O2194" i="10"/>
  <c r="O2226" i="10"/>
  <c r="O2258" i="10"/>
  <c r="O2322" i="10"/>
  <c r="O2354" i="10"/>
  <c r="O2386" i="10"/>
  <c r="O2450" i="10"/>
  <c r="O2482" i="10"/>
  <c r="O2514" i="10"/>
  <c r="O2578" i="10"/>
  <c r="O2610" i="10"/>
  <c r="O2642" i="10"/>
  <c r="O2706" i="10"/>
  <c r="O2738" i="10"/>
  <c r="O2770" i="10"/>
  <c r="O2834" i="10"/>
  <c r="O2866" i="10"/>
  <c r="P2866" i="10" s="1"/>
  <c r="O2898" i="10"/>
  <c r="P2898" i="10" s="1"/>
  <c r="O2962" i="10"/>
  <c r="P2962" i="10" s="1"/>
  <c r="O2994" i="10"/>
  <c r="P2994" i="10" s="1"/>
  <c r="O3026" i="10"/>
  <c r="P3026" i="10" s="1"/>
  <c r="O3090" i="10"/>
  <c r="P3090" i="10" s="1"/>
  <c r="O3122" i="10"/>
  <c r="P3122" i="10" s="1"/>
  <c r="O3154" i="10"/>
  <c r="P3154" i="10" s="1"/>
  <c r="O3218" i="10"/>
  <c r="P3218" i="10" s="1"/>
  <c r="O3250" i="10"/>
  <c r="P3250" i="10" s="1"/>
  <c r="O3282" i="10"/>
  <c r="P3282" i="10" s="1"/>
  <c r="O3346" i="10"/>
  <c r="P3346" i="10" s="1"/>
  <c r="O3378" i="10"/>
  <c r="P3378" i="10" s="1"/>
  <c r="O3410" i="10"/>
  <c r="P3410" i="10" s="1"/>
  <c r="O3474" i="10"/>
  <c r="P3474" i="10" s="1"/>
  <c r="O3506" i="10"/>
  <c r="P3506" i="10" s="1"/>
  <c r="O3538" i="10"/>
  <c r="P3538" i="10" s="1"/>
  <c r="O3602" i="10"/>
  <c r="P3602" i="10" s="1"/>
  <c r="O3634" i="10"/>
  <c r="P3634" i="10" s="1"/>
  <c r="O3666" i="10"/>
  <c r="P3666" i="10" s="1"/>
  <c r="O3730" i="10"/>
  <c r="P3730" i="10" s="1"/>
  <c r="O3762" i="10"/>
  <c r="P3762" i="10" s="1"/>
  <c r="O3794" i="10"/>
  <c r="P3794" i="10" s="1"/>
  <c r="O3858" i="10"/>
  <c r="P3858" i="10" s="1"/>
  <c r="O3890" i="10"/>
  <c r="P3890" i="10" s="1"/>
  <c r="O3922" i="10"/>
  <c r="P3922" i="10" s="1"/>
  <c r="O3986" i="10"/>
  <c r="P3986" i="10" s="1"/>
  <c r="O4018" i="10"/>
  <c r="P4018" i="10" s="1"/>
  <c r="O4050" i="10"/>
  <c r="P4050" i="10" s="1"/>
  <c r="O4114" i="10"/>
  <c r="P4114" i="10" s="1"/>
  <c r="O4146" i="10"/>
  <c r="P4146" i="10" s="1"/>
  <c r="O4178" i="10"/>
  <c r="P4178" i="10" s="1"/>
  <c r="O4242" i="10"/>
  <c r="P4242" i="10" s="1"/>
  <c r="O4274" i="10"/>
  <c r="P4274" i="10" s="1"/>
  <c r="O4306" i="10"/>
  <c r="P4306" i="10" s="1"/>
  <c r="O4370" i="10"/>
  <c r="P4370" i="10" s="1"/>
  <c r="O4402" i="10"/>
  <c r="P4402" i="10" s="1"/>
  <c r="O4434" i="10"/>
  <c r="P4434" i="10" s="1"/>
  <c r="O4498" i="10"/>
  <c r="P4498" i="10" s="1"/>
  <c r="O4530" i="10"/>
  <c r="P4530" i="10" s="1"/>
  <c r="O4562" i="10"/>
  <c r="P4562" i="10" s="1"/>
  <c r="O4626" i="10"/>
  <c r="P4626" i="10" s="1"/>
  <c r="O4658" i="10"/>
  <c r="P4658" i="10" s="1"/>
  <c r="O4690" i="10"/>
  <c r="P4690" i="10" s="1"/>
  <c r="O4754" i="10"/>
  <c r="P4754" i="10" s="1"/>
  <c r="O4786" i="10"/>
  <c r="P4786" i="10" s="1"/>
  <c r="O4818" i="10"/>
  <c r="P4818" i="10" s="1"/>
  <c r="O4882" i="10"/>
  <c r="P4882" i="10" s="1"/>
  <c r="O4914" i="10"/>
  <c r="P4914" i="10" s="1"/>
  <c r="O4946" i="10"/>
  <c r="P4946" i="10" s="1"/>
  <c r="O5010" i="10"/>
  <c r="P5010" i="10" s="1"/>
  <c r="O5042" i="10"/>
  <c r="P5042" i="10" s="1"/>
  <c r="O5074" i="10"/>
  <c r="P5074" i="10" s="1"/>
  <c r="O5138" i="10"/>
  <c r="P5138" i="10" s="1"/>
  <c r="O5170" i="10"/>
  <c r="P5170" i="10" s="1"/>
  <c r="O5202" i="10"/>
  <c r="P5202" i="10" s="1"/>
  <c r="O5266" i="10"/>
  <c r="P5266" i="10" s="1"/>
  <c r="O5298" i="10"/>
  <c r="P5298" i="10" s="1"/>
  <c r="O5330" i="10"/>
  <c r="P5330" i="10" s="1"/>
  <c r="O5394" i="10"/>
  <c r="P5394" i="10" s="1"/>
  <c r="O5426" i="10"/>
  <c r="P5426" i="10" s="1"/>
  <c r="O5458" i="10"/>
  <c r="P5458" i="10" s="1"/>
  <c r="O5522" i="10"/>
  <c r="P5522" i="10" s="1"/>
  <c r="O5554" i="10"/>
  <c r="P5554" i="10" s="1"/>
  <c r="O5586" i="10"/>
  <c r="P5586" i="10" s="1"/>
  <c r="O5650" i="10"/>
  <c r="P5650" i="10" s="1"/>
  <c r="O5682" i="10"/>
  <c r="P5682" i="10" s="1"/>
  <c r="O5714" i="10"/>
  <c r="P5714" i="10" s="1"/>
  <c r="O19" i="10"/>
  <c r="O51" i="10"/>
  <c r="O83" i="10"/>
  <c r="O147" i="10"/>
  <c r="O179" i="10"/>
  <c r="O211" i="10"/>
  <c r="O275" i="10"/>
  <c r="O307" i="10"/>
  <c r="O339" i="10"/>
  <c r="O403" i="10"/>
  <c r="O435" i="10"/>
  <c r="O467" i="10"/>
  <c r="O531" i="10"/>
  <c r="O563" i="10"/>
  <c r="O595" i="10"/>
  <c r="O659" i="10"/>
  <c r="O691" i="10"/>
  <c r="O723" i="10"/>
  <c r="O787" i="10"/>
  <c r="O819" i="10"/>
  <c r="O851" i="10"/>
  <c r="O915" i="10"/>
  <c r="O947" i="10"/>
  <c r="O979" i="10"/>
  <c r="O1043" i="10"/>
  <c r="O1075" i="10"/>
  <c r="O1107" i="10"/>
  <c r="O1171" i="10"/>
  <c r="O1203" i="10"/>
  <c r="O1235" i="10"/>
  <c r="O1299" i="10"/>
  <c r="O1331" i="10"/>
  <c r="O1363" i="10"/>
  <c r="O1427" i="10"/>
  <c r="O1459" i="10"/>
  <c r="O1491" i="10"/>
  <c r="O1555" i="10"/>
  <c r="O1587" i="10"/>
  <c r="O1619" i="10"/>
  <c r="O1683" i="10"/>
  <c r="O1715" i="10"/>
  <c r="O1747" i="10"/>
  <c r="O1811" i="10"/>
  <c r="O1843" i="10"/>
  <c r="O1875" i="10"/>
  <c r="O1939" i="10"/>
  <c r="O1971" i="10"/>
  <c r="O2003" i="10"/>
  <c r="O2067" i="10"/>
  <c r="O2099" i="10"/>
  <c r="O2131" i="10"/>
  <c r="O2195" i="10"/>
  <c r="O2227" i="10"/>
  <c r="O2259" i="10"/>
  <c r="O2323" i="10"/>
  <c r="O2355" i="10"/>
  <c r="O2387" i="10"/>
  <c r="O2451" i="10"/>
  <c r="O2483" i="10"/>
  <c r="O2515" i="10"/>
  <c r="O2579" i="10"/>
  <c r="O2611" i="10"/>
  <c r="O2643" i="10"/>
  <c r="O2707" i="10"/>
  <c r="O2739" i="10"/>
  <c r="O2771" i="10"/>
  <c r="O2835" i="10"/>
  <c r="O2867" i="10"/>
  <c r="P2867" i="10" s="1"/>
  <c r="O2899" i="10"/>
  <c r="P2899" i="10" s="1"/>
  <c r="O2963" i="10"/>
  <c r="P2963" i="10" s="1"/>
  <c r="O2995" i="10"/>
  <c r="P2995" i="10" s="1"/>
  <c r="O3027" i="10"/>
  <c r="P3027" i="10" s="1"/>
  <c r="O3091" i="10"/>
  <c r="P3091" i="10" s="1"/>
  <c r="O3123" i="10"/>
  <c r="P3123" i="10" s="1"/>
  <c r="O3155" i="10"/>
  <c r="P3155" i="10" s="1"/>
  <c r="O3219" i="10"/>
  <c r="P3219" i="10" s="1"/>
  <c r="O3251" i="10"/>
  <c r="P3251" i="10" s="1"/>
  <c r="O3283" i="10"/>
  <c r="P3283" i="10" s="1"/>
  <c r="O3347" i="10"/>
  <c r="P3347" i="10" s="1"/>
  <c r="O3379" i="10"/>
  <c r="P3379" i="10" s="1"/>
  <c r="O3411" i="10"/>
  <c r="P3411" i="10" s="1"/>
  <c r="O3475" i="10"/>
  <c r="P3475" i="10" s="1"/>
  <c r="O3507" i="10"/>
  <c r="P3507" i="10" s="1"/>
  <c r="O3539" i="10"/>
  <c r="P3539" i="10" s="1"/>
  <c r="O3603" i="10"/>
  <c r="P3603" i="10" s="1"/>
  <c r="O3635" i="10"/>
  <c r="P3635" i="10" s="1"/>
  <c r="O3667" i="10"/>
  <c r="P3667" i="10" s="1"/>
  <c r="O3731" i="10"/>
  <c r="P3731" i="10" s="1"/>
  <c r="O3763" i="10"/>
  <c r="P3763" i="10" s="1"/>
  <c r="O3795" i="10"/>
  <c r="P3795" i="10" s="1"/>
  <c r="O3859" i="10"/>
  <c r="P3859" i="10" s="1"/>
  <c r="O3891" i="10"/>
  <c r="P3891" i="10" s="1"/>
  <c r="O3923" i="10"/>
  <c r="P3923" i="10" s="1"/>
  <c r="O3987" i="10"/>
  <c r="P3987" i="10" s="1"/>
  <c r="O4019" i="10"/>
  <c r="P4019" i="10" s="1"/>
  <c r="O4051" i="10"/>
  <c r="P4051" i="10" s="1"/>
  <c r="O4115" i="10"/>
  <c r="P4115" i="10" s="1"/>
  <c r="O4147" i="10"/>
  <c r="P4147" i="10" s="1"/>
  <c r="O4179" i="10"/>
  <c r="P4179" i="10" s="1"/>
  <c r="O4243" i="10"/>
  <c r="P4243" i="10" s="1"/>
  <c r="O4275" i="10"/>
  <c r="P4275" i="10" s="1"/>
  <c r="O4307" i="10"/>
  <c r="P4307" i="10" s="1"/>
  <c r="O4371" i="10"/>
  <c r="P4371" i="10" s="1"/>
  <c r="O4403" i="10"/>
  <c r="P4403" i="10" s="1"/>
  <c r="O4435" i="10"/>
  <c r="P4435" i="10" s="1"/>
  <c r="O4499" i="10"/>
  <c r="P4499" i="10" s="1"/>
  <c r="O4531" i="10"/>
  <c r="P4531" i="10" s="1"/>
  <c r="O4563" i="10"/>
  <c r="P4563" i="10" s="1"/>
  <c r="O4627" i="10"/>
  <c r="P4627" i="10" s="1"/>
  <c r="O4659" i="10"/>
  <c r="P4659" i="10" s="1"/>
  <c r="O4691" i="10"/>
  <c r="P4691" i="10" s="1"/>
  <c r="O4755" i="10"/>
  <c r="P4755" i="10" s="1"/>
  <c r="O4787" i="10"/>
  <c r="P4787" i="10" s="1"/>
  <c r="O4819" i="10"/>
  <c r="P4819" i="10" s="1"/>
  <c r="O4883" i="10"/>
  <c r="P4883" i="10" s="1"/>
  <c r="O4915" i="10"/>
  <c r="P4915" i="10" s="1"/>
  <c r="O4947" i="10"/>
  <c r="P4947" i="10" s="1"/>
  <c r="O5011" i="10"/>
  <c r="P5011" i="10" s="1"/>
  <c r="O5043" i="10"/>
  <c r="P5043" i="10" s="1"/>
  <c r="O5075" i="10"/>
  <c r="P5075" i="10" s="1"/>
  <c r="O5139" i="10"/>
  <c r="P5139" i="10" s="1"/>
  <c r="O5171" i="10"/>
  <c r="P5171" i="10" s="1"/>
  <c r="O5203" i="10"/>
  <c r="P5203" i="10" s="1"/>
  <c r="O5267" i="10"/>
  <c r="P5267" i="10" s="1"/>
  <c r="O5299" i="10"/>
  <c r="P5299" i="10" s="1"/>
  <c r="O5331" i="10"/>
  <c r="P5331" i="10" s="1"/>
  <c r="O5395" i="10"/>
  <c r="P5395" i="10" s="1"/>
  <c r="O6062" i="10"/>
  <c r="P6062" i="10" s="1"/>
  <c r="O6094" i="10"/>
  <c r="P6094" i="10" s="1"/>
  <c r="O6126" i="10"/>
  <c r="P6126" i="10" s="1"/>
  <c r="O6190" i="10"/>
  <c r="P6190" i="10" s="1"/>
  <c r="O6222" i="10"/>
  <c r="P6222" i="10" s="1"/>
  <c r="O6254" i="10"/>
  <c r="P6254" i="10" s="1"/>
  <c r="O6318" i="10"/>
  <c r="P6318" i="10" s="1"/>
  <c r="O6350" i="10"/>
  <c r="P6350" i="10" s="1"/>
  <c r="O6382" i="10"/>
  <c r="P6382" i="10" s="1"/>
  <c r="O6446" i="10"/>
  <c r="P6446" i="10" s="1"/>
  <c r="O6478" i="10"/>
  <c r="P6478" i="10" s="1"/>
  <c r="O6510" i="10"/>
  <c r="P6510" i="10" s="1"/>
  <c r="O6574" i="10"/>
  <c r="P6574" i="10" s="1"/>
  <c r="O6606" i="10"/>
  <c r="P6606" i="10" s="1"/>
  <c r="O6638" i="10"/>
  <c r="P6638" i="10" s="1"/>
  <c r="O6702" i="10"/>
  <c r="P6702" i="10" s="1"/>
  <c r="O6734" i="10"/>
  <c r="P6734" i="10" s="1"/>
  <c r="O6766" i="10"/>
  <c r="P6766" i="10" s="1"/>
  <c r="O6830" i="10"/>
  <c r="P6830" i="10" s="1"/>
  <c r="O6862" i="10"/>
  <c r="P6862" i="10" s="1"/>
  <c r="O6894" i="10"/>
  <c r="P6894" i="10" s="1"/>
  <c r="O6958" i="10"/>
  <c r="P6958" i="10" s="1"/>
  <c r="O6990" i="10"/>
  <c r="P6990" i="10" s="1"/>
  <c r="O7022" i="10"/>
  <c r="P7022" i="10" s="1"/>
  <c r="O7086" i="10"/>
  <c r="P7086" i="10" s="1"/>
  <c r="O7118" i="10"/>
  <c r="P7118" i="10" s="1"/>
  <c r="O7150" i="10"/>
  <c r="P7150" i="10" s="1"/>
  <c r="O7214" i="10"/>
  <c r="P7214" i="10" s="1"/>
  <c r="O7246" i="10"/>
  <c r="P7246" i="10" s="1"/>
  <c r="O7278" i="10"/>
  <c r="P7278" i="10" s="1"/>
  <c r="O7342" i="10"/>
  <c r="P7342" i="10" s="1"/>
  <c r="O7374" i="10"/>
  <c r="P7374" i="10" s="1"/>
  <c r="O7406" i="10"/>
  <c r="P7406" i="10" s="1"/>
  <c r="O5815" i="10"/>
  <c r="P5815" i="10" s="1"/>
  <c r="O5847" i="10"/>
  <c r="P5847" i="10" s="1"/>
  <c r="O5879" i="10"/>
  <c r="P5879" i="10" s="1"/>
  <c r="O5943" i="10"/>
  <c r="P5943" i="10" s="1"/>
  <c r="O5975" i="10"/>
  <c r="P5975" i="10" s="1"/>
  <c r="O6007" i="10"/>
  <c r="P6007" i="10" s="1"/>
  <c r="O6071" i="10"/>
  <c r="P6071" i="10" s="1"/>
  <c r="O6103" i="10"/>
  <c r="P6103" i="10" s="1"/>
  <c r="O6135" i="10"/>
  <c r="P6135" i="10" s="1"/>
  <c r="O6199" i="10"/>
  <c r="P6199" i="10" s="1"/>
  <c r="O6231" i="10"/>
  <c r="P6231" i="10" s="1"/>
  <c r="O6263" i="10"/>
  <c r="P6263" i="10" s="1"/>
  <c r="O6327" i="10"/>
  <c r="P6327" i="10" s="1"/>
  <c r="O6359" i="10"/>
  <c r="P6359" i="10" s="1"/>
  <c r="O6391" i="10"/>
  <c r="P6391" i="10" s="1"/>
  <c r="O6455" i="10"/>
  <c r="P6455" i="10" s="1"/>
  <c r="O6487" i="10"/>
  <c r="P6487" i="10" s="1"/>
  <c r="O6519" i="10"/>
  <c r="P6519" i="10" s="1"/>
  <c r="O6583" i="10"/>
  <c r="P6583" i="10" s="1"/>
  <c r="O6615" i="10"/>
  <c r="P6615" i="10" s="1"/>
  <c r="O6647" i="10"/>
  <c r="P6647" i="10" s="1"/>
  <c r="O6711" i="10"/>
  <c r="P6711" i="10" s="1"/>
  <c r="O6743" i="10"/>
  <c r="P6743" i="10" s="1"/>
  <c r="O6775" i="10"/>
  <c r="P6775" i="10" s="1"/>
  <c r="O6839" i="10"/>
  <c r="P6839" i="10" s="1"/>
  <c r="O6871" i="10"/>
  <c r="P6871" i="10" s="1"/>
  <c r="O6903" i="10"/>
  <c r="P6903" i="10" s="1"/>
  <c r="O6967" i="10"/>
  <c r="P6967" i="10" s="1"/>
  <c r="O6999" i="10"/>
  <c r="P6999" i="10" s="1"/>
  <c r="O7031" i="10"/>
  <c r="P7031" i="10" s="1"/>
  <c r="O7095" i="10"/>
  <c r="P7095" i="10" s="1"/>
  <c r="O7127" i="10"/>
  <c r="P7127" i="10" s="1"/>
  <c r="O7159" i="10"/>
  <c r="P7159" i="10" s="1"/>
  <c r="O7223" i="10"/>
  <c r="P7223" i="10" s="1"/>
  <c r="O7255" i="10"/>
  <c r="P7255" i="10" s="1"/>
  <c r="O7287" i="10"/>
  <c r="P7287" i="10" s="1"/>
  <c r="O7351" i="10"/>
  <c r="P7351" i="10" s="1"/>
  <c r="O7383" i="10"/>
  <c r="P7383" i="10" s="1"/>
  <c r="O7415" i="10"/>
  <c r="P7415" i="10" s="1"/>
  <c r="O5856" i="10"/>
  <c r="P5856" i="10" s="1"/>
  <c r="O5888" i="10"/>
  <c r="P5888" i="10" s="1"/>
  <c r="O5920" i="10"/>
  <c r="P5920" i="10" s="1"/>
  <c r="O5984" i="10"/>
  <c r="P5984" i="10" s="1"/>
  <c r="O6016" i="10"/>
  <c r="P6016" i="10" s="1"/>
  <c r="O6048" i="10"/>
  <c r="P6048" i="10" s="1"/>
  <c r="O6112" i="10"/>
  <c r="P6112" i="10" s="1"/>
  <c r="O6144" i="10"/>
  <c r="P6144" i="10" s="1"/>
  <c r="O6176" i="10"/>
  <c r="P6176" i="10" s="1"/>
  <c r="O6240" i="10"/>
  <c r="P6240" i="10" s="1"/>
  <c r="O6272" i="10"/>
  <c r="P6272" i="10" s="1"/>
  <c r="O6304" i="10"/>
  <c r="P6304" i="10" s="1"/>
  <c r="O6368" i="10"/>
  <c r="P6368" i="10" s="1"/>
  <c r="O6400" i="10"/>
  <c r="P6400" i="10" s="1"/>
  <c r="O6432" i="10"/>
  <c r="P6432" i="10" s="1"/>
  <c r="O6496" i="10"/>
  <c r="P6496" i="10" s="1"/>
  <c r="O6528" i="10"/>
  <c r="P6528" i="10" s="1"/>
  <c r="O6560" i="10"/>
  <c r="P6560" i="10" s="1"/>
  <c r="O6624" i="10"/>
  <c r="P6624" i="10" s="1"/>
  <c r="O6656" i="10"/>
  <c r="P6656" i="10" s="1"/>
  <c r="O6688" i="10"/>
  <c r="P6688" i="10" s="1"/>
  <c r="O6752" i="10"/>
  <c r="P6752" i="10" s="1"/>
  <c r="O6784" i="10"/>
  <c r="P6784" i="10" s="1"/>
  <c r="O6816" i="10"/>
  <c r="P6816" i="10" s="1"/>
  <c r="O6880" i="10"/>
  <c r="P6880" i="10" s="1"/>
  <c r="O6912" i="10"/>
  <c r="P6912" i="10" s="1"/>
  <c r="O6944" i="10"/>
  <c r="P6944" i="10" s="1"/>
  <c r="O7008" i="10"/>
  <c r="P7008" i="10" s="1"/>
  <c r="O7040" i="10"/>
  <c r="P7040" i="10" s="1"/>
  <c r="O7072" i="10"/>
  <c r="P7072" i="10" s="1"/>
  <c r="O7136" i="10"/>
  <c r="P7136" i="10" s="1"/>
  <c r="O7168" i="10"/>
  <c r="P7168" i="10" s="1"/>
  <c r="O7200" i="10"/>
  <c r="P7200" i="10" s="1"/>
  <c r="O7264" i="10"/>
  <c r="P7264" i="10" s="1"/>
  <c r="O7296" i="10"/>
  <c r="P7296" i="10" s="1"/>
  <c r="O7328" i="10"/>
  <c r="P7328" i="10" s="1"/>
  <c r="O7392" i="10"/>
  <c r="P7392" i="10" s="1"/>
  <c r="O7424" i="10"/>
  <c r="P7424" i="10" s="1"/>
  <c r="O7456" i="10"/>
  <c r="P7456" i="10" s="1"/>
  <c r="O4953" i="10"/>
  <c r="P4953" i="10" s="1"/>
  <c r="O4985" i="10"/>
  <c r="P4985" i="10" s="1"/>
  <c r="O5017" i="10"/>
  <c r="P5017" i="10" s="1"/>
  <c r="O5081" i="10"/>
  <c r="P5081" i="10" s="1"/>
  <c r="O5113" i="10"/>
  <c r="P5113" i="10" s="1"/>
  <c r="O5145" i="10"/>
  <c r="P5145" i="10" s="1"/>
  <c r="O5209" i="10"/>
  <c r="P5209" i="10" s="1"/>
  <c r="O5241" i="10"/>
  <c r="P5241" i="10" s="1"/>
  <c r="O5273" i="10"/>
  <c r="P5273" i="10" s="1"/>
  <c r="O5337" i="10"/>
  <c r="P5337" i="10" s="1"/>
  <c r="O5369" i="10"/>
  <c r="P5369" i="10" s="1"/>
  <c r="O5401" i="10"/>
  <c r="P5401" i="10" s="1"/>
  <c r="O5465" i="10"/>
  <c r="P5465" i="10" s="1"/>
  <c r="O5497" i="10"/>
  <c r="P5497" i="10" s="1"/>
  <c r="O5529" i="10"/>
  <c r="P5529" i="10" s="1"/>
  <c r="O5593" i="10"/>
  <c r="P5593" i="10" s="1"/>
  <c r="O5625" i="10"/>
  <c r="P5625" i="10" s="1"/>
  <c r="O5657" i="10"/>
  <c r="P5657" i="10" s="1"/>
  <c r="O5721" i="10"/>
  <c r="P5721" i="10" s="1"/>
  <c r="O5753" i="10"/>
  <c r="P5753" i="10" s="1"/>
  <c r="O6041" i="10"/>
  <c r="P6041" i="10" s="1"/>
  <c r="O6105" i="10"/>
  <c r="P6105" i="10" s="1"/>
  <c r="O6137" i="10"/>
  <c r="P6137" i="10" s="1"/>
  <c r="O6169" i="10"/>
  <c r="P6169" i="10" s="1"/>
  <c r="O6233" i="10"/>
  <c r="P6233" i="10" s="1"/>
  <c r="O6265" i="10"/>
  <c r="P6265" i="10" s="1"/>
  <c r="O6297" i="10"/>
  <c r="P6297" i="10" s="1"/>
  <c r="O6361" i="10"/>
  <c r="P6361" i="10" s="1"/>
  <c r="O6393" i="10"/>
  <c r="P6393" i="10" s="1"/>
  <c r="O6425" i="10"/>
  <c r="P6425" i="10" s="1"/>
  <c r="O6489" i="10"/>
  <c r="P6489" i="10" s="1"/>
  <c r="O6521" i="10"/>
  <c r="P6521" i="10" s="1"/>
  <c r="O6553" i="10"/>
  <c r="P6553" i="10" s="1"/>
  <c r="O6617" i="10"/>
  <c r="P6617" i="10" s="1"/>
  <c r="O6649" i="10"/>
  <c r="P6649" i="10" s="1"/>
  <c r="O6681" i="10"/>
  <c r="P6681" i="10" s="1"/>
  <c r="O6745" i="10"/>
  <c r="P6745" i="10" s="1"/>
  <c r="O6777" i="10"/>
  <c r="P6777" i="10" s="1"/>
  <c r="O6809" i="10"/>
  <c r="P6809" i="10" s="1"/>
  <c r="O6873" i="10"/>
  <c r="P6873" i="10" s="1"/>
  <c r="O6905" i="10"/>
  <c r="P6905" i="10" s="1"/>
  <c r="O6937" i="10"/>
  <c r="P6937" i="10" s="1"/>
  <c r="O7001" i="10"/>
  <c r="P7001" i="10" s="1"/>
  <c r="O7033" i="10"/>
  <c r="P7033" i="10" s="1"/>
  <c r="O7065" i="10"/>
  <c r="P7065" i="10" s="1"/>
  <c r="O7129" i="10"/>
  <c r="P7129" i="10" s="1"/>
  <c r="O7161" i="10"/>
  <c r="P7161" i="10" s="1"/>
  <c r="O7193" i="10"/>
  <c r="P7193" i="10" s="1"/>
  <c r="O7257" i="10"/>
  <c r="P7257" i="10" s="1"/>
  <c r="O7289" i="10"/>
  <c r="P7289" i="10" s="1"/>
  <c r="O7321" i="10"/>
  <c r="P7321" i="10" s="1"/>
  <c r="O7385" i="10"/>
  <c r="P7385" i="10" s="1"/>
  <c r="O7417" i="10"/>
  <c r="P7417" i="10" s="1"/>
  <c r="O7449" i="10"/>
  <c r="P7449" i="10" s="1"/>
  <c r="O6018" i="10"/>
  <c r="P6018" i="10" s="1"/>
  <c r="O6082" i="10"/>
  <c r="P6082" i="10" s="1"/>
  <c r="O6114" i="10"/>
  <c r="P6114" i="10" s="1"/>
  <c r="O6146" i="10"/>
  <c r="P6146" i="10" s="1"/>
  <c r="O6210" i="10"/>
  <c r="P6210" i="10" s="1"/>
  <c r="O6242" i="10"/>
  <c r="P6242" i="10" s="1"/>
  <c r="O6274" i="10"/>
  <c r="P6274" i="10" s="1"/>
  <c r="O6338" i="10"/>
  <c r="P6338" i="10" s="1"/>
  <c r="O6370" i="10"/>
  <c r="P6370" i="10" s="1"/>
  <c r="O6402" i="10"/>
  <c r="P6402" i="10" s="1"/>
  <c r="O6466" i="10"/>
  <c r="P6466" i="10" s="1"/>
  <c r="O6498" i="10"/>
  <c r="P6498" i="10" s="1"/>
  <c r="O6530" i="10"/>
  <c r="P6530" i="10" s="1"/>
  <c r="O6594" i="10"/>
  <c r="P6594" i="10" s="1"/>
  <c r="O6626" i="10"/>
  <c r="P6626" i="10" s="1"/>
  <c r="O6658" i="10"/>
  <c r="P6658" i="10" s="1"/>
  <c r="O6722" i="10"/>
  <c r="P6722" i="10" s="1"/>
  <c r="O6754" i="10"/>
  <c r="P6754" i="10" s="1"/>
  <c r="O6786" i="10"/>
  <c r="P6786" i="10" s="1"/>
  <c r="O6850" i="10"/>
  <c r="P6850" i="10" s="1"/>
  <c r="O6882" i="10"/>
  <c r="P6882" i="10" s="1"/>
  <c r="O6914" i="10"/>
  <c r="P6914" i="10" s="1"/>
  <c r="O6978" i="10"/>
  <c r="P6978" i="10" s="1"/>
  <c r="O7010" i="10"/>
  <c r="P7010" i="10" s="1"/>
  <c r="O7042" i="10"/>
  <c r="P7042" i="10" s="1"/>
  <c r="O7106" i="10"/>
  <c r="P7106" i="10" s="1"/>
  <c r="O7138" i="10"/>
  <c r="P7138" i="10" s="1"/>
  <c r="O7170" i="10"/>
  <c r="P7170" i="10" s="1"/>
  <c r="O7234" i="10"/>
  <c r="P7234" i="10" s="1"/>
  <c r="O7266" i="10"/>
  <c r="P7266" i="10" s="1"/>
  <c r="O7298" i="10"/>
  <c r="P7298" i="10" s="1"/>
  <c r="O7362" i="10"/>
  <c r="P7362" i="10" s="1"/>
  <c r="O7394" i="10"/>
  <c r="P7394" i="10" s="1"/>
  <c r="O7426" i="10"/>
  <c r="P7426" i="10" s="1"/>
  <c r="O5435" i="10"/>
  <c r="P5435" i="10" s="1"/>
  <c r="O5467" i="10"/>
  <c r="P5467" i="10" s="1"/>
  <c r="O5499" i="10"/>
  <c r="P5499" i="10" s="1"/>
  <c r="O5563" i="10"/>
  <c r="P5563" i="10" s="1"/>
  <c r="O5595" i="10"/>
  <c r="P5595" i="10" s="1"/>
  <c r="O5627" i="10"/>
  <c r="P5627" i="10" s="1"/>
  <c r="O5691" i="10"/>
  <c r="P5691" i="10" s="1"/>
  <c r="O5723" i="10"/>
  <c r="P5723" i="10" s="1"/>
  <c r="O5755" i="10"/>
  <c r="P5755" i="10" s="1"/>
  <c r="O6075" i="10"/>
  <c r="P6075" i="10" s="1"/>
  <c r="O6107" i="10"/>
  <c r="P6107" i="10" s="1"/>
  <c r="O6139" i="10"/>
  <c r="P6139" i="10" s="1"/>
  <c r="O6203" i="10"/>
  <c r="P6203" i="10" s="1"/>
  <c r="O6235" i="10"/>
  <c r="P6235" i="10" s="1"/>
  <c r="O6267" i="10"/>
  <c r="P6267" i="10" s="1"/>
  <c r="O6331" i="10"/>
  <c r="P6331" i="10" s="1"/>
  <c r="O6363" i="10"/>
  <c r="P6363" i="10" s="1"/>
  <c r="O6395" i="10"/>
  <c r="P6395" i="10" s="1"/>
  <c r="O6459" i="10"/>
  <c r="P6459" i="10" s="1"/>
  <c r="O6491" i="10"/>
  <c r="P6491" i="10" s="1"/>
  <c r="O6523" i="10"/>
  <c r="P6523" i="10" s="1"/>
  <c r="O6587" i="10"/>
  <c r="P6587" i="10" s="1"/>
  <c r="O6619" i="10"/>
  <c r="P6619" i="10" s="1"/>
  <c r="O6651" i="10"/>
  <c r="P6651" i="10" s="1"/>
  <c r="O6715" i="10"/>
  <c r="P6715" i="10" s="1"/>
  <c r="O6747" i="10"/>
  <c r="P6747" i="10" s="1"/>
  <c r="O6779" i="10"/>
  <c r="P6779" i="10" s="1"/>
  <c r="O6843" i="10"/>
  <c r="P6843" i="10" s="1"/>
  <c r="O6875" i="10"/>
  <c r="P6875" i="10" s="1"/>
  <c r="O6907" i="10"/>
  <c r="P6907" i="10" s="1"/>
  <c r="O6971" i="10"/>
  <c r="P6971" i="10" s="1"/>
  <c r="O7003" i="10"/>
  <c r="P7003" i="10" s="1"/>
  <c r="O7035" i="10"/>
  <c r="P7035" i="10" s="1"/>
  <c r="O7099" i="10"/>
  <c r="P7099" i="10" s="1"/>
  <c r="O7131" i="10"/>
  <c r="P7131" i="10" s="1"/>
  <c r="O7163" i="10"/>
  <c r="P7163" i="10" s="1"/>
  <c r="O7227" i="10"/>
  <c r="P7227" i="10" s="1"/>
  <c r="O7259" i="10"/>
  <c r="P7259" i="10" s="1"/>
  <c r="O7291" i="10"/>
  <c r="P7291" i="10" s="1"/>
  <c r="O7355" i="10"/>
  <c r="P7355" i="10" s="1"/>
  <c r="O7387" i="10"/>
  <c r="P7387" i="10" s="1"/>
  <c r="O7419" i="10"/>
  <c r="P7419" i="10" s="1"/>
  <c r="O6020" i="10"/>
  <c r="P6020" i="10" s="1"/>
  <c r="O6084" i="10"/>
  <c r="P6084" i="10" s="1"/>
  <c r="O6116" i="10"/>
  <c r="P6116" i="10" s="1"/>
  <c r="O6148" i="10"/>
  <c r="P6148" i="10" s="1"/>
  <c r="O6212" i="10"/>
  <c r="P6212" i="10" s="1"/>
  <c r="O6244" i="10"/>
  <c r="P6244" i="10" s="1"/>
  <c r="O6276" i="10"/>
  <c r="P6276" i="10" s="1"/>
  <c r="O6340" i="10"/>
  <c r="P6340" i="10" s="1"/>
  <c r="O6372" i="10"/>
  <c r="P6372" i="10" s="1"/>
  <c r="O6404" i="10"/>
  <c r="P6404" i="10" s="1"/>
  <c r="O6468" i="10"/>
  <c r="P6468" i="10" s="1"/>
  <c r="O6500" i="10"/>
  <c r="P6500" i="10" s="1"/>
  <c r="O6532" i="10"/>
  <c r="P6532" i="10" s="1"/>
  <c r="O6596" i="10"/>
  <c r="P6596" i="10" s="1"/>
  <c r="O6628" i="10"/>
  <c r="P6628" i="10" s="1"/>
  <c r="O6660" i="10"/>
  <c r="P6660" i="10" s="1"/>
  <c r="O6724" i="10"/>
  <c r="P6724" i="10" s="1"/>
  <c r="O6756" i="10"/>
  <c r="P6756" i="10" s="1"/>
  <c r="O6788" i="10"/>
  <c r="P6788" i="10" s="1"/>
  <c r="O6852" i="10"/>
  <c r="P6852" i="10" s="1"/>
  <c r="O6884" i="10"/>
  <c r="P6884" i="10" s="1"/>
  <c r="O6916" i="10"/>
  <c r="P6916" i="10" s="1"/>
  <c r="O6980" i="10"/>
  <c r="P6980" i="10" s="1"/>
  <c r="O7012" i="10"/>
  <c r="P7012" i="10" s="1"/>
  <c r="O7044" i="10"/>
  <c r="P7044" i="10" s="1"/>
  <c r="O7108" i="10"/>
  <c r="P7108" i="10" s="1"/>
  <c r="O7140" i="10"/>
  <c r="P7140" i="10" s="1"/>
  <c r="O7172" i="10"/>
  <c r="P7172" i="10" s="1"/>
  <c r="O7236" i="10"/>
  <c r="P7236" i="10" s="1"/>
  <c r="O7268" i="10"/>
  <c r="P7268" i="10" s="1"/>
  <c r="O7300" i="10"/>
  <c r="P7300" i="10" s="1"/>
  <c r="O7364" i="10"/>
  <c r="P7364" i="10" s="1"/>
  <c r="O7396" i="10"/>
  <c r="P7396" i="10" s="1"/>
  <c r="O7428" i="10"/>
  <c r="P7428" i="10" s="1"/>
  <c r="O6061" i="10"/>
  <c r="P6061" i="10" s="1"/>
  <c r="O6189" i="10"/>
  <c r="P6189" i="10" s="1"/>
  <c r="O6253" i="10"/>
  <c r="P6253" i="10" s="1"/>
  <c r="O6317" i="10"/>
  <c r="P6317" i="10" s="1"/>
  <c r="O6445" i="10"/>
  <c r="P6445" i="10" s="1"/>
  <c r="O6509" i="10"/>
  <c r="P6509" i="10" s="1"/>
  <c r="O6573" i="10"/>
  <c r="P6573" i="10" s="1"/>
  <c r="O6701" i="10"/>
  <c r="P6701" i="10" s="1"/>
  <c r="O6765" i="10"/>
  <c r="P6765" i="10" s="1"/>
  <c r="O6829" i="10"/>
  <c r="P6829" i="10" s="1"/>
  <c r="O6957" i="10"/>
  <c r="P6957" i="10" s="1"/>
  <c r="O7021" i="10"/>
  <c r="P7021" i="10" s="1"/>
  <c r="O7085" i="10"/>
  <c r="P7085" i="10" s="1"/>
  <c r="O7213" i="10"/>
  <c r="P7213" i="10" s="1"/>
  <c r="O7277" i="10"/>
  <c r="P7277" i="10" s="1"/>
  <c r="O7341" i="10"/>
  <c r="P7341" i="10" s="1"/>
  <c r="O669" i="10"/>
  <c r="O797" i="10"/>
  <c r="O1309" i="10"/>
  <c r="O4125" i="10"/>
  <c r="P4125" i="10" s="1"/>
  <c r="O4573" i="10"/>
  <c r="P4573" i="10" s="1"/>
  <c r="O4829" i="10"/>
  <c r="P4829" i="10" s="1"/>
  <c r="O5277" i="10"/>
  <c r="P5277" i="10" s="1"/>
  <c r="O5725" i="10"/>
  <c r="P5725" i="10" s="1"/>
  <c r="O28" i="10"/>
  <c r="O92" i="10"/>
  <c r="O124" i="10"/>
  <c r="O156" i="10"/>
  <c r="O220" i="10"/>
  <c r="O252" i="10"/>
  <c r="O284" i="10"/>
  <c r="O348" i="10"/>
  <c r="O380" i="10"/>
  <c r="O412" i="10"/>
  <c r="O476" i="10"/>
  <c r="O508" i="10"/>
  <c r="O540" i="10"/>
  <c r="O604" i="10"/>
  <c r="O636" i="10"/>
  <c r="O668" i="10"/>
  <c r="O732" i="10"/>
  <c r="O764" i="10"/>
  <c r="O796" i="10"/>
  <c r="O860" i="10"/>
  <c r="O892" i="10"/>
  <c r="O924" i="10"/>
  <c r="O988" i="10"/>
  <c r="O1020" i="10"/>
  <c r="O1052" i="10"/>
  <c r="O1116" i="10"/>
  <c r="O1148" i="10"/>
  <c r="O1180" i="10"/>
  <c r="O1244" i="10"/>
  <c r="O1276" i="10"/>
  <c r="O1308" i="10"/>
  <c r="O1372" i="10"/>
  <c r="O1404" i="10"/>
  <c r="O1436" i="10"/>
  <c r="O1500" i="10"/>
  <c r="O1532" i="10"/>
  <c r="O1564" i="10"/>
  <c r="O1628" i="10"/>
  <c r="O1660" i="10"/>
  <c r="O1692" i="10"/>
  <c r="O1756" i="10"/>
  <c r="O1788" i="10"/>
  <c r="O1820" i="10"/>
  <c r="O1884" i="10"/>
  <c r="O1916" i="10"/>
  <c r="O1948" i="10"/>
  <c r="O2012" i="10"/>
  <c r="O2044" i="10"/>
  <c r="O2076" i="10"/>
  <c r="O2140" i="10"/>
  <c r="O2172" i="10"/>
  <c r="O2204" i="10"/>
  <c r="O2268" i="10"/>
  <c r="O2300" i="10"/>
  <c r="O2332" i="10"/>
  <c r="O2396" i="10"/>
  <c r="O2428" i="10"/>
  <c r="O2460" i="10"/>
  <c r="O2524" i="10"/>
  <c r="O2556" i="10"/>
  <c r="O2588" i="10"/>
  <c r="O2652" i="10"/>
  <c r="O2684" i="10"/>
  <c r="O2716" i="10"/>
  <c r="O2780" i="10"/>
  <c r="O2812" i="10"/>
  <c r="O2844" i="10"/>
  <c r="O2908" i="10"/>
  <c r="P2908" i="10" s="1"/>
  <c r="O2940" i="10"/>
  <c r="P2940" i="10" s="1"/>
  <c r="O2972" i="10"/>
  <c r="P2972" i="10" s="1"/>
  <c r="O3036" i="10"/>
  <c r="P3036" i="10" s="1"/>
  <c r="O3068" i="10"/>
  <c r="P3068" i="10" s="1"/>
  <c r="O3100" i="10"/>
  <c r="P3100" i="10" s="1"/>
  <c r="O3164" i="10"/>
  <c r="P3164" i="10" s="1"/>
  <c r="O3196" i="10"/>
  <c r="P3196" i="10" s="1"/>
  <c r="O3228" i="10"/>
  <c r="P3228" i="10" s="1"/>
  <c r="O3292" i="10"/>
  <c r="P3292" i="10" s="1"/>
  <c r="O3324" i="10"/>
  <c r="P3324" i="10" s="1"/>
  <c r="O3356" i="10"/>
  <c r="P3356" i="10" s="1"/>
  <c r="O3420" i="10"/>
  <c r="P3420" i="10" s="1"/>
  <c r="O3452" i="10"/>
  <c r="P3452" i="10" s="1"/>
  <c r="O3484" i="10"/>
  <c r="P3484" i="10" s="1"/>
  <c r="O3548" i="10"/>
  <c r="P3548" i="10" s="1"/>
  <c r="O3580" i="10"/>
  <c r="P3580" i="10" s="1"/>
  <c r="O3612" i="10"/>
  <c r="P3612" i="10" s="1"/>
  <c r="O3676" i="10"/>
  <c r="P3676" i="10" s="1"/>
  <c r="O3708" i="10"/>
  <c r="P3708" i="10" s="1"/>
  <c r="O3740" i="10"/>
  <c r="P3740" i="10" s="1"/>
  <c r="O3804" i="10"/>
  <c r="P3804" i="10" s="1"/>
  <c r="O3836" i="10"/>
  <c r="P3836" i="10" s="1"/>
  <c r="O3868" i="10"/>
  <c r="P3868" i="10" s="1"/>
  <c r="O3932" i="10"/>
  <c r="P3932" i="10" s="1"/>
  <c r="O3964" i="10"/>
  <c r="P3964" i="10" s="1"/>
  <c r="O3996" i="10"/>
  <c r="P3996" i="10" s="1"/>
  <c r="O4060" i="10"/>
  <c r="P4060" i="10" s="1"/>
  <c r="O4092" i="10"/>
  <c r="P4092" i="10" s="1"/>
  <c r="O4124" i="10"/>
  <c r="P4124" i="10" s="1"/>
  <c r="O4188" i="10"/>
  <c r="P4188" i="10" s="1"/>
  <c r="O4220" i="10"/>
  <c r="P4220" i="10" s="1"/>
  <c r="O4252" i="10"/>
  <c r="P4252" i="10" s="1"/>
  <c r="O4316" i="10"/>
  <c r="P4316" i="10" s="1"/>
  <c r="O4348" i="10"/>
  <c r="P4348" i="10" s="1"/>
  <c r="O4380" i="10"/>
  <c r="P4380" i="10" s="1"/>
  <c r="O4444" i="10"/>
  <c r="P4444" i="10" s="1"/>
  <c r="O4476" i="10"/>
  <c r="P4476" i="10" s="1"/>
  <c r="O4508" i="10"/>
  <c r="P4508" i="10" s="1"/>
  <c r="O4572" i="10"/>
  <c r="P4572" i="10" s="1"/>
  <c r="O4604" i="10"/>
  <c r="P4604" i="10" s="1"/>
  <c r="O4636" i="10"/>
  <c r="P4636" i="10" s="1"/>
  <c r="O4700" i="10"/>
  <c r="P4700" i="10" s="1"/>
  <c r="O4732" i="10"/>
  <c r="P4732" i="10" s="1"/>
  <c r="O4764" i="10"/>
  <c r="P4764" i="10" s="1"/>
  <c r="O4828" i="10"/>
  <c r="P4828" i="10" s="1"/>
  <c r="O4860" i="10"/>
  <c r="P4860" i="10" s="1"/>
  <c r="O4892" i="10"/>
  <c r="P4892" i="10" s="1"/>
  <c r="O4956" i="10"/>
  <c r="P4956" i="10" s="1"/>
  <c r="O4988" i="10"/>
  <c r="P4988" i="10" s="1"/>
  <c r="O5020" i="10"/>
  <c r="P5020" i="10" s="1"/>
  <c r="O5084" i="10"/>
  <c r="P5084" i="10" s="1"/>
  <c r="O5116" i="10"/>
  <c r="P5116" i="10" s="1"/>
  <c r="O5148" i="10"/>
  <c r="P5148" i="10" s="1"/>
  <c r="O5212" i="10"/>
  <c r="P5212" i="10" s="1"/>
  <c r="O5244" i="10"/>
  <c r="P5244" i="10" s="1"/>
  <c r="O5276" i="10"/>
  <c r="P5276" i="10" s="1"/>
  <c r="O5340" i="10"/>
  <c r="P5340" i="10" s="1"/>
  <c r="O5372" i="10"/>
  <c r="P5372" i="10" s="1"/>
  <c r="O5404" i="10"/>
  <c r="P5404" i="10" s="1"/>
  <c r="O5468" i="10"/>
  <c r="P5468" i="10" s="1"/>
  <c r="O5500" i="10"/>
  <c r="P5500" i="10" s="1"/>
  <c r="O5532" i="10"/>
  <c r="P5532" i="10" s="1"/>
  <c r="O5596" i="10"/>
  <c r="P5596" i="10" s="1"/>
  <c r="O5628" i="10"/>
  <c r="P5628" i="10" s="1"/>
  <c r="O5660" i="10"/>
  <c r="P5660" i="10" s="1"/>
  <c r="O5724" i="10"/>
  <c r="P5724" i="10" s="1"/>
  <c r="O5756" i="10"/>
  <c r="P5756" i="10" s="1"/>
  <c r="O125" i="10"/>
  <c r="O189" i="10"/>
  <c r="O253" i="10"/>
  <c r="O381" i="10"/>
  <c r="O445" i="10"/>
  <c r="O509" i="10"/>
  <c r="O637" i="10"/>
  <c r="O701" i="10"/>
  <c r="O765" i="10"/>
  <c r="O893" i="10"/>
  <c r="O957" i="10"/>
  <c r="O1021" i="10"/>
  <c r="O1149" i="10"/>
  <c r="O1213" i="10"/>
  <c r="O1277" i="10"/>
  <c r="O1405" i="10"/>
  <c r="O1469" i="10"/>
  <c r="O1533" i="10"/>
  <c r="O1661" i="10"/>
  <c r="O1725" i="10"/>
  <c r="O1789" i="10"/>
  <c r="O1917" i="10"/>
  <c r="O1981" i="10"/>
  <c r="O2045" i="10"/>
  <c r="O2173" i="10"/>
  <c r="O2237" i="10"/>
  <c r="O2301" i="10"/>
  <c r="O2429" i="10"/>
  <c r="O2493" i="10"/>
  <c r="O2557" i="10"/>
  <c r="O2685" i="10"/>
  <c r="O2749" i="10"/>
  <c r="O2813" i="10"/>
  <c r="O2941" i="10"/>
  <c r="P2941" i="10" s="1"/>
  <c r="O3005" i="10"/>
  <c r="P3005" i="10" s="1"/>
  <c r="O3069" i="10"/>
  <c r="P3069" i="10" s="1"/>
  <c r="O3197" i="10"/>
  <c r="P3197" i="10" s="1"/>
  <c r="O3261" i="10"/>
  <c r="P3261" i="10" s="1"/>
  <c r="O3325" i="10"/>
  <c r="P3325" i="10" s="1"/>
  <c r="O3453" i="10"/>
  <c r="P3453" i="10" s="1"/>
  <c r="O3517" i="10"/>
  <c r="P3517" i="10" s="1"/>
  <c r="O3581" i="10"/>
  <c r="P3581" i="10" s="1"/>
  <c r="O3709" i="10"/>
  <c r="P3709" i="10" s="1"/>
  <c r="O3773" i="10"/>
  <c r="P3773" i="10" s="1"/>
  <c r="O3837" i="10"/>
  <c r="P3837" i="10" s="1"/>
  <c r="O3965" i="10"/>
  <c r="P3965" i="10" s="1"/>
  <c r="O4029" i="10"/>
  <c r="P4029" i="10" s="1"/>
  <c r="O4093" i="10"/>
  <c r="P4093" i="10" s="1"/>
  <c r="O4221" i="10"/>
  <c r="P4221" i="10" s="1"/>
  <c r="O4285" i="10"/>
  <c r="P4285" i="10" s="1"/>
  <c r="O4349" i="10"/>
  <c r="P4349" i="10" s="1"/>
  <c r="O4477" i="10"/>
  <c r="P4477" i="10" s="1"/>
  <c r="O4541" i="10"/>
  <c r="P4541" i="10" s="1"/>
  <c r="O4605" i="10"/>
  <c r="P4605" i="10" s="1"/>
  <c r="O4733" i="10"/>
  <c r="P4733" i="10" s="1"/>
  <c r="O4797" i="10"/>
  <c r="P4797" i="10" s="1"/>
  <c r="O4861" i="10"/>
  <c r="P4861" i="10" s="1"/>
  <c r="O4989" i="10"/>
  <c r="P4989" i="10" s="1"/>
  <c r="O5053" i="10"/>
  <c r="P5053" i="10" s="1"/>
  <c r="O5117" i="10"/>
  <c r="P5117" i="10" s="1"/>
  <c r="O5245" i="10"/>
  <c r="P5245" i="10" s="1"/>
  <c r="O5309" i="10"/>
  <c r="P5309" i="10" s="1"/>
  <c r="O5373" i="10"/>
  <c r="P5373" i="10" s="1"/>
  <c r="O5501" i="10"/>
  <c r="P5501" i="10" s="1"/>
  <c r="O5565" i="10"/>
  <c r="P5565" i="10" s="1"/>
  <c r="O5629" i="10"/>
  <c r="P5629" i="10" s="1"/>
  <c r="O5757" i="10"/>
  <c r="P5757" i="10" s="1"/>
  <c r="O30" i="10"/>
  <c r="O94" i="10"/>
  <c r="O126" i="10"/>
  <c r="O158" i="10"/>
  <c r="O222" i="10"/>
  <c r="O254" i="10"/>
  <c r="O286" i="10"/>
  <c r="O350" i="10"/>
  <c r="O382" i="10"/>
  <c r="O414" i="10"/>
  <c r="O478" i="10"/>
  <c r="O510" i="10"/>
  <c r="O542" i="10"/>
  <c r="O606" i="10"/>
  <c r="O638" i="10"/>
  <c r="O670" i="10"/>
  <c r="O734" i="10"/>
  <c r="O766" i="10"/>
  <c r="O798" i="10"/>
  <c r="O862" i="10"/>
  <c r="O894" i="10"/>
  <c r="O926" i="10"/>
  <c r="O990" i="10"/>
  <c r="O1022" i="10"/>
  <c r="O1054" i="10"/>
  <c r="O1118" i="10"/>
  <c r="O1150" i="10"/>
  <c r="O1182" i="10"/>
  <c r="O1246" i="10"/>
  <c r="O1278" i="10"/>
  <c r="O1310" i="10"/>
  <c r="O1374" i="10"/>
  <c r="O1406" i="10"/>
  <c r="O1438" i="10"/>
  <c r="O1502" i="10"/>
  <c r="O1534" i="10"/>
  <c r="O1566" i="10"/>
  <c r="O1630" i="10"/>
  <c r="O1662" i="10"/>
  <c r="O1694" i="10"/>
  <c r="O1758" i="10"/>
  <c r="O1790" i="10"/>
  <c r="O1822" i="10"/>
  <c r="O1886" i="10"/>
  <c r="O1918" i="10"/>
  <c r="O1950" i="10"/>
  <c r="O2014" i="10"/>
  <c r="O2046" i="10"/>
  <c r="O2078" i="10"/>
  <c r="O2142" i="10"/>
  <c r="O2174" i="10"/>
  <c r="O2206" i="10"/>
  <c r="O2270" i="10"/>
  <c r="O2302" i="10"/>
  <c r="O2334" i="10"/>
  <c r="O2398" i="10"/>
  <c r="O2430" i="10"/>
  <c r="O2462" i="10"/>
  <c r="O2526" i="10"/>
  <c r="O2558" i="10"/>
  <c r="O2590" i="10"/>
  <c r="O2654" i="10"/>
  <c r="O2686" i="10"/>
  <c r="O2718" i="10"/>
  <c r="O2782" i="10"/>
  <c r="O2814" i="10"/>
  <c r="O2846" i="10"/>
  <c r="O2910" i="10"/>
  <c r="P2910" i="10" s="1"/>
  <c r="O2942" i="10"/>
  <c r="P2942" i="10" s="1"/>
  <c r="O2974" i="10"/>
  <c r="P2974" i="10" s="1"/>
  <c r="O3038" i="10"/>
  <c r="P3038" i="10" s="1"/>
  <c r="O3070" i="10"/>
  <c r="P3070" i="10" s="1"/>
  <c r="O3102" i="10"/>
  <c r="P3102" i="10" s="1"/>
  <c r="O3166" i="10"/>
  <c r="P3166" i="10" s="1"/>
  <c r="O3198" i="10"/>
  <c r="P3198" i="10" s="1"/>
  <c r="O3230" i="10"/>
  <c r="P3230" i="10" s="1"/>
  <c r="O3294" i="10"/>
  <c r="P3294" i="10" s="1"/>
  <c r="O3326" i="10"/>
  <c r="P3326" i="10" s="1"/>
  <c r="O3358" i="10"/>
  <c r="P3358" i="10" s="1"/>
  <c r="O3422" i="10"/>
  <c r="P3422" i="10" s="1"/>
  <c r="O3454" i="10"/>
  <c r="P3454" i="10" s="1"/>
  <c r="O3486" i="10"/>
  <c r="P3486" i="10" s="1"/>
  <c r="O3550" i="10"/>
  <c r="P3550" i="10" s="1"/>
  <c r="O3582" i="10"/>
  <c r="P3582" i="10" s="1"/>
  <c r="O3614" i="10"/>
  <c r="P3614" i="10" s="1"/>
  <c r="O3678" i="10"/>
  <c r="P3678" i="10" s="1"/>
  <c r="O3710" i="10"/>
  <c r="P3710" i="10" s="1"/>
  <c r="O3742" i="10"/>
  <c r="P3742" i="10" s="1"/>
  <c r="O3806" i="10"/>
  <c r="P3806" i="10" s="1"/>
  <c r="O3838" i="10"/>
  <c r="P3838" i="10" s="1"/>
  <c r="O3870" i="10"/>
  <c r="P3870" i="10" s="1"/>
  <c r="O3934" i="10"/>
  <c r="P3934" i="10" s="1"/>
  <c r="O3966" i="10"/>
  <c r="P3966" i="10" s="1"/>
  <c r="O3998" i="10"/>
  <c r="P3998" i="10" s="1"/>
  <c r="O4062" i="10"/>
  <c r="P4062" i="10" s="1"/>
  <c r="O4094" i="10"/>
  <c r="P4094" i="10" s="1"/>
  <c r="O4126" i="10"/>
  <c r="P4126" i="10" s="1"/>
  <c r="O4190" i="10"/>
  <c r="P4190" i="10" s="1"/>
  <c r="O4222" i="10"/>
  <c r="P4222" i="10" s="1"/>
  <c r="O4254" i="10"/>
  <c r="P4254" i="10" s="1"/>
  <c r="O4318" i="10"/>
  <c r="P4318" i="10" s="1"/>
  <c r="O4350" i="10"/>
  <c r="P4350" i="10" s="1"/>
  <c r="O4382" i="10"/>
  <c r="P4382" i="10" s="1"/>
  <c r="O4446" i="10"/>
  <c r="P4446" i="10" s="1"/>
  <c r="O4478" i="10"/>
  <c r="P4478" i="10" s="1"/>
  <c r="O4510" i="10"/>
  <c r="P4510" i="10" s="1"/>
  <c r="O4574" i="10"/>
  <c r="P4574" i="10" s="1"/>
  <c r="O4606" i="10"/>
  <c r="P4606" i="10" s="1"/>
  <c r="O4638" i="10"/>
  <c r="P4638" i="10" s="1"/>
  <c r="O4702" i="10"/>
  <c r="P4702" i="10" s="1"/>
  <c r="O4734" i="10"/>
  <c r="P4734" i="10" s="1"/>
  <c r="O4766" i="10"/>
  <c r="P4766" i="10" s="1"/>
  <c r="O5406" i="10"/>
  <c r="P5406" i="10" s="1"/>
  <c r="O5470" i="10"/>
  <c r="P5470" i="10" s="1"/>
  <c r="O5502" i="10"/>
  <c r="P5502" i="10" s="1"/>
  <c r="O5534" i="10"/>
  <c r="P5534" i="10" s="1"/>
  <c r="O5598" i="10"/>
  <c r="P5598" i="10" s="1"/>
  <c r="O5630" i="10"/>
  <c r="P5630" i="10" s="1"/>
  <c r="O5662" i="10"/>
  <c r="P5662" i="10" s="1"/>
  <c r="O5726" i="10"/>
  <c r="P5726" i="10" s="1"/>
  <c r="O5758" i="10"/>
  <c r="P5758" i="10" s="1"/>
  <c r="O55" i="10"/>
  <c r="O87" i="10"/>
  <c r="O119" i="10"/>
  <c r="O183" i="10"/>
  <c r="O215" i="10"/>
  <c r="O247" i="10"/>
  <c r="O311" i="10"/>
  <c r="O343" i="10"/>
  <c r="O375" i="10"/>
  <c r="O439" i="10"/>
  <c r="O471" i="10"/>
  <c r="O503" i="10"/>
  <c r="O567" i="10"/>
  <c r="O599" i="10"/>
  <c r="O631" i="10"/>
  <c r="O695" i="10"/>
  <c r="O727" i="10"/>
  <c r="O759" i="10"/>
  <c r="O823" i="10"/>
  <c r="O855" i="10"/>
  <c r="O887" i="10"/>
  <c r="O951" i="10"/>
  <c r="O983" i="10"/>
  <c r="O1015" i="10"/>
  <c r="O1079" i="10"/>
  <c r="O1111" i="10"/>
  <c r="O1143" i="10"/>
  <c r="O1207" i="10"/>
  <c r="O1239" i="10"/>
  <c r="O1271" i="10"/>
  <c r="O1335" i="10"/>
  <c r="O1367" i="10"/>
  <c r="O1399" i="10"/>
  <c r="O1463" i="10"/>
  <c r="O1495" i="10"/>
  <c r="O1527" i="10"/>
  <c r="O1591" i="10"/>
  <c r="O1623" i="10"/>
  <c r="O1655" i="10"/>
  <c r="O1719" i="10"/>
  <c r="O1751" i="10"/>
  <c r="O1783" i="10"/>
  <c r="O1847" i="10"/>
  <c r="O1879" i="10"/>
  <c r="O1911" i="10"/>
  <c r="O1975" i="10"/>
  <c r="O2007" i="10"/>
  <c r="O2039" i="10"/>
  <c r="O2103" i="10"/>
  <c r="O2135" i="10"/>
  <c r="O2167" i="10"/>
  <c r="O2231" i="10"/>
  <c r="O2263" i="10"/>
  <c r="O2295" i="10"/>
  <c r="O2359" i="10"/>
  <c r="O2391" i="10"/>
  <c r="O2423" i="10"/>
  <c r="O2487" i="10"/>
  <c r="O2519" i="10"/>
  <c r="O2551" i="10"/>
  <c r="O2615" i="10"/>
  <c r="O2647" i="10"/>
  <c r="O2679" i="10"/>
  <c r="O2743" i="10"/>
  <c r="O2775" i="10"/>
  <c r="O2807" i="10"/>
  <c r="O2871" i="10"/>
  <c r="P2871" i="10" s="1"/>
  <c r="O2903" i="10"/>
  <c r="P2903" i="10" s="1"/>
  <c r="O2935" i="10"/>
  <c r="P2935" i="10" s="1"/>
  <c r="O2999" i="10"/>
  <c r="P2999" i="10" s="1"/>
  <c r="O3031" i="10"/>
  <c r="P3031" i="10" s="1"/>
  <c r="O3063" i="10"/>
  <c r="P3063" i="10" s="1"/>
  <c r="O3127" i="10"/>
  <c r="P3127" i="10" s="1"/>
  <c r="O3159" i="10"/>
  <c r="P3159" i="10" s="1"/>
  <c r="O3191" i="10"/>
  <c r="P3191" i="10" s="1"/>
  <c r="O3255" i="10"/>
  <c r="P3255" i="10" s="1"/>
  <c r="O3287" i="10"/>
  <c r="P3287" i="10" s="1"/>
  <c r="O3319" i="10"/>
  <c r="P3319" i="10" s="1"/>
  <c r="O3383" i="10"/>
  <c r="P3383" i="10" s="1"/>
  <c r="O3415" i="10"/>
  <c r="P3415" i="10" s="1"/>
  <c r="O3447" i="10"/>
  <c r="P3447" i="10" s="1"/>
  <c r="O3511" i="10"/>
  <c r="P3511" i="10" s="1"/>
  <c r="O3543" i="10"/>
  <c r="P3543" i="10" s="1"/>
  <c r="O3575" i="10"/>
  <c r="P3575" i="10" s="1"/>
  <c r="O3671" i="10"/>
  <c r="P3671" i="10" s="1"/>
  <c r="O3703" i="10"/>
  <c r="P3703" i="10" s="1"/>
  <c r="O3799" i="10"/>
  <c r="P3799" i="10" s="1"/>
  <c r="O3831" i="10"/>
  <c r="P3831" i="10" s="1"/>
  <c r="O3927" i="10"/>
  <c r="P3927" i="10" s="1"/>
  <c r="O3959" i="10"/>
  <c r="P3959" i="10" s="1"/>
  <c r="O4055" i="10"/>
  <c r="P4055" i="10" s="1"/>
  <c r="O4087" i="10"/>
  <c r="P4087" i="10" s="1"/>
  <c r="O4183" i="10"/>
  <c r="P4183" i="10" s="1"/>
  <c r="O4215" i="10"/>
  <c r="P4215" i="10" s="1"/>
  <c r="O4311" i="10"/>
  <c r="P4311" i="10" s="1"/>
  <c r="O4343" i="10"/>
  <c r="P4343" i="10" s="1"/>
  <c r="O4439" i="10"/>
  <c r="P4439" i="10" s="1"/>
  <c r="O4471" i="10"/>
  <c r="P4471" i="10" s="1"/>
  <c r="O4567" i="10"/>
  <c r="P4567" i="10" s="1"/>
  <c r="O4599" i="10"/>
  <c r="P4599" i="10" s="1"/>
  <c r="O4695" i="10"/>
  <c r="P4695" i="10" s="1"/>
  <c r="O4727" i="10"/>
  <c r="P4727" i="10" s="1"/>
  <c r="O4823" i="10"/>
  <c r="P4823" i="10" s="1"/>
  <c r="O4855" i="10"/>
  <c r="P4855" i="10" s="1"/>
  <c r="O4951" i="10"/>
  <c r="P4951" i="10" s="1"/>
  <c r="O4983" i="10"/>
  <c r="P4983" i="10" s="1"/>
  <c r="O5079" i="10"/>
  <c r="P5079" i="10" s="1"/>
  <c r="O5111" i="10"/>
  <c r="P5111" i="10" s="1"/>
  <c r="O5207" i="10"/>
  <c r="P5207" i="10" s="1"/>
  <c r="O5239" i="10"/>
  <c r="P5239" i="10" s="1"/>
  <c r="O5335" i="10"/>
  <c r="P5335" i="10" s="1"/>
  <c r="O5367" i="10"/>
  <c r="P5367" i="10" s="1"/>
  <c r="O5463" i="10"/>
  <c r="P5463" i="10" s="1"/>
  <c r="O5495" i="10"/>
  <c r="P5495" i="10" s="1"/>
  <c r="O5591" i="10"/>
  <c r="P5591" i="10" s="1"/>
  <c r="O5623" i="10"/>
  <c r="P5623" i="10" s="1"/>
  <c r="O5719" i="10"/>
  <c r="P5719" i="10" s="1"/>
  <c r="O5751" i="10"/>
  <c r="P5751" i="10" s="1"/>
  <c r="O40" i="10"/>
  <c r="O72" i="10"/>
  <c r="O168" i="10"/>
  <c r="O200" i="10"/>
  <c r="O264" i="10"/>
  <c r="O296" i="10"/>
  <c r="O328" i="10"/>
  <c r="O392" i="10"/>
  <c r="O424" i="10"/>
  <c r="O456" i="10"/>
  <c r="O520" i="10"/>
  <c r="O552" i="10"/>
  <c r="O584" i="10"/>
  <c r="O648" i="10"/>
  <c r="O680" i="10"/>
  <c r="O712" i="10"/>
  <c r="O776" i="10"/>
  <c r="O808" i="10"/>
  <c r="O840" i="10"/>
  <c r="O904" i="10"/>
  <c r="O936" i="10"/>
  <c r="O968" i="10"/>
  <c r="O1032" i="10"/>
  <c r="O1064" i="10"/>
  <c r="O1096" i="10"/>
  <c r="O1160" i="10"/>
  <c r="O1192" i="10"/>
  <c r="O1224" i="10"/>
  <c r="O1288" i="10"/>
  <c r="O1320" i="10"/>
  <c r="O1352" i="10"/>
  <c r="O1416" i="10"/>
  <c r="O1448" i="10"/>
  <c r="O1480" i="10"/>
  <c r="O1544" i="10"/>
  <c r="O1576" i="10"/>
  <c r="O1608" i="10"/>
  <c r="O1672" i="10"/>
  <c r="O1704" i="10"/>
  <c r="O1736" i="10"/>
  <c r="O1800" i="10"/>
  <c r="O1832" i="10"/>
  <c r="O1864" i="10"/>
  <c r="O1928" i="10"/>
  <c r="O1960" i="10"/>
  <c r="O1992" i="10"/>
  <c r="O2056" i="10"/>
  <c r="O2088" i="10"/>
  <c r="O2120" i="10"/>
  <c r="O2184" i="10"/>
  <c r="O2216" i="10"/>
  <c r="O2248" i="10"/>
  <c r="O2312" i="10"/>
  <c r="O2344" i="10"/>
  <c r="O2376" i="10"/>
  <c r="O2440" i="10"/>
  <c r="O2472" i="10"/>
  <c r="O2504" i="10"/>
  <c r="O2568" i="10"/>
  <c r="O2600" i="10"/>
  <c r="O2632" i="10"/>
  <c r="O2696" i="10"/>
  <c r="O2728" i="10"/>
  <c r="O2760" i="10"/>
  <c r="O2824" i="10"/>
  <c r="O2856" i="10"/>
  <c r="P2856" i="10" s="1"/>
  <c r="O2888" i="10"/>
  <c r="P2888" i="10" s="1"/>
  <c r="O2952" i="10"/>
  <c r="P2952" i="10" s="1"/>
  <c r="O2984" i="10"/>
  <c r="P2984" i="10" s="1"/>
  <c r="O3016" i="10"/>
  <c r="P3016" i="10" s="1"/>
  <c r="O3080" i="10"/>
  <c r="P3080" i="10" s="1"/>
  <c r="O3112" i="10"/>
  <c r="P3112" i="10" s="1"/>
  <c r="O3144" i="10"/>
  <c r="P3144" i="10" s="1"/>
  <c r="O3208" i="10"/>
  <c r="P3208" i="10" s="1"/>
  <c r="O3240" i="10"/>
  <c r="P3240" i="10" s="1"/>
  <c r="O3272" i="10"/>
  <c r="P3272" i="10" s="1"/>
  <c r="O3336" i="10"/>
  <c r="P3336" i="10" s="1"/>
  <c r="O3368" i="10"/>
  <c r="P3368" i="10" s="1"/>
  <c r="O3400" i="10"/>
  <c r="P3400" i="10" s="1"/>
  <c r="O3464" i="10"/>
  <c r="P3464" i="10" s="1"/>
  <c r="O3496" i="10"/>
  <c r="P3496" i="10" s="1"/>
  <c r="O3528" i="10"/>
  <c r="P3528" i="10" s="1"/>
  <c r="O3592" i="10"/>
  <c r="P3592" i="10" s="1"/>
  <c r="O3624" i="10"/>
  <c r="P3624" i="10" s="1"/>
  <c r="O3656" i="10"/>
  <c r="P3656" i="10" s="1"/>
  <c r="O3720" i="10"/>
  <c r="P3720" i="10" s="1"/>
  <c r="O3752" i="10"/>
  <c r="P3752" i="10" s="1"/>
  <c r="O3784" i="10"/>
  <c r="P3784" i="10" s="1"/>
  <c r="O3848" i="10"/>
  <c r="P3848" i="10" s="1"/>
  <c r="O3880" i="10"/>
  <c r="P3880" i="10" s="1"/>
  <c r="O3912" i="10"/>
  <c r="P3912" i="10" s="1"/>
  <c r="O3976" i="10"/>
  <c r="P3976" i="10" s="1"/>
  <c r="O4008" i="10"/>
  <c r="P4008" i="10" s="1"/>
  <c r="O4040" i="10"/>
  <c r="P4040" i="10" s="1"/>
  <c r="O4104" i="10"/>
  <c r="P4104" i="10" s="1"/>
  <c r="O4136" i="10"/>
  <c r="P4136" i="10" s="1"/>
  <c r="O4168" i="10"/>
  <c r="P4168" i="10" s="1"/>
  <c r="O4232" i="10"/>
  <c r="P4232" i="10" s="1"/>
  <c r="O4264" i="10"/>
  <c r="P4264" i="10" s="1"/>
  <c r="O4296" i="10"/>
  <c r="P4296" i="10" s="1"/>
  <c r="O4360" i="10"/>
  <c r="P4360" i="10" s="1"/>
  <c r="O4392" i="10"/>
  <c r="P4392" i="10" s="1"/>
  <c r="O4424" i="10"/>
  <c r="P4424" i="10" s="1"/>
  <c r="O4488" i="10"/>
  <c r="P4488" i="10" s="1"/>
  <c r="O4520" i="10"/>
  <c r="P4520" i="10" s="1"/>
  <c r="O4552" i="10"/>
  <c r="P4552" i="10" s="1"/>
  <c r="O4616" i="10"/>
  <c r="P4616" i="10" s="1"/>
  <c r="O4648" i="10"/>
  <c r="P4648" i="10" s="1"/>
  <c r="O4680" i="10"/>
  <c r="P4680" i="10" s="1"/>
  <c r="O4744" i="10"/>
  <c r="P4744" i="10" s="1"/>
  <c r="O4776" i="10"/>
  <c r="P4776" i="10" s="1"/>
  <c r="O4808" i="10"/>
  <c r="P4808" i="10" s="1"/>
  <c r="O4872" i="10"/>
  <c r="P4872" i="10" s="1"/>
  <c r="O4904" i="10"/>
  <c r="P4904" i="10" s="1"/>
  <c r="O4936" i="10"/>
  <c r="P4936" i="10" s="1"/>
  <c r="O5000" i="10"/>
  <c r="P5000" i="10" s="1"/>
  <c r="O5032" i="10"/>
  <c r="P5032" i="10" s="1"/>
  <c r="O5064" i="10"/>
  <c r="P5064" i="10" s="1"/>
  <c r="O5128" i="10"/>
  <c r="P5128" i="10" s="1"/>
  <c r="O5160" i="10"/>
  <c r="P5160" i="10" s="1"/>
  <c r="O5192" i="10"/>
  <c r="P5192" i="10" s="1"/>
  <c r="O5256" i="10"/>
  <c r="P5256" i="10" s="1"/>
  <c r="O5288" i="10"/>
  <c r="P5288" i="10" s="1"/>
  <c r="O5320" i="10"/>
  <c r="P5320" i="10" s="1"/>
  <c r="O5384" i="10"/>
  <c r="P5384" i="10" s="1"/>
  <c r="O5448" i="10"/>
  <c r="P5448" i="10" s="1"/>
  <c r="O5512" i="10"/>
  <c r="P5512" i="10" s="1"/>
  <c r="O5576" i="10"/>
  <c r="P5576" i="10" s="1"/>
  <c r="O5640" i="10"/>
  <c r="P5640" i="10" s="1"/>
  <c r="O5704" i="10"/>
  <c r="P5704" i="10" s="1"/>
  <c r="O5768" i="10"/>
  <c r="P5768" i="10" s="1"/>
  <c r="O5800" i="10"/>
  <c r="P5800" i="10" s="1"/>
  <c r="O5832" i="10"/>
  <c r="P5832" i="10" s="1"/>
  <c r="O73" i="10"/>
  <c r="O105" i="10"/>
  <c r="O137" i="10"/>
  <c r="O201" i="10"/>
  <c r="O233" i="10"/>
  <c r="O265" i="10"/>
  <c r="O329" i="10"/>
  <c r="O361" i="10"/>
  <c r="O393" i="10"/>
  <c r="O457" i="10"/>
  <c r="O489" i="10"/>
  <c r="O521" i="10"/>
  <c r="O585" i="10"/>
  <c r="O617" i="10"/>
  <c r="O649" i="10"/>
  <c r="O713" i="10"/>
  <c r="O745" i="10"/>
  <c r="O777" i="10"/>
  <c r="O841" i="10"/>
  <c r="O873" i="10"/>
  <c r="O905" i="10"/>
  <c r="O969" i="10"/>
  <c r="O1001" i="10"/>
  <c r="O1033" i="10"/>
  <c r="O1097" i="10"/>
  <c r="O1129" i="10"/>
  <c r="O1161" i="10"/>
  <c r="O1225" i="10"/>
  <c r="O1257" i="10"/>
  <c r="O1289" i="10"/>
  <c r="O1353" i="10"/>
  <c r="O1385" i="10"/>
  <c r="O1417" i="10"/>
  <c r="O1481" i="10"/>
  <c r="O1513" i="10"/>
  <c r="O1545" i="10"/>
  <c r="O1609" i="10"/>
  <c r="O1641" i="10"/>
  <c r="O1673" i="10"/>
  <c r="O1737" i="10"/>
  <c r="O1769" i="10"/>
  <c r="O1801" i="10"/>
  <c r="O1865" i="10"/>
  <c r="O1897" i="10"/>
  <c r="O1929" i="10"/>
  <c r="O1993" i="10"/>
  <c r="O2025" i="10"/>
  <c r="O2057" i="10"/>
  <c r="O2121" i="10"/>
  <c r="O2153" i="10"/>
  <c r="O2185" i="10"/>
  <c r="O2249" i="10"/>
  <c r="O2281" i="10"/>
  <c r="O2313" i="10"/>
  <c r="O2377" i="10"/>
  <c r="O2409" i="10"/>
  <c r="O2441" i="10"/>
  <c r="O2505" i="10"/>
  <c r="O2537" i="10"/>
  <c r="O2569" i="10"/>
  <c r="O2633" i="10"/>
  <c r="O2665" i="10"/>
  <c r="O2697" i="10"/>
  <c r="O2761" i="10"/>
  <c r="O2793" i="10"/>
  <c r="O2825" i="10"/>
  <c r="O2889" i="10"/>
  <c r="P2889" i="10" s="1"/>
  <c r="O2921" i="10"/>
  <c r="P2921" i="10" s="1"/>
  <c r="O2953" i="10"/>
  <c r="P2953" i="10" s="1"/>
  <c r="O3017" i="10"/>
  <c r="P3017" i="10" s="1"/>
  <c r="O3049" i="10"/>
  <c r="P3049" i="10" s="1"/>
  <c r="O3081" i="10"/>
  <c r="P3081" i="10" s="1"/>
  <c r="O3145" i="10"/>
  <c r="P3145" i="10" s="1"/>
  <c r="O3177" i="10"/>
  <c r="P3177" i="10" s="1"/>
  <c r="O3209" i="10"/>
  <c r="P3209" i="10" s="1"/>
  <c r="O3273" i="10"/>
  <c r="P3273" i="10" s="1"/>
  <c r="O3305" i="10"/>
  <c r="P3305" i="10" s="1"/>
  <c r="O3337" i="10"/>
  <c r="P3337" i="10" s="1"/>
  <c r="O3401" i="10"/>
  <c r="P3401" i="10" s="1"/>
  <c r="O3433" i="10"/>
  <c r="P3433" i="10" s="1"/>
  <c r="O3465" i="10"/>
  <c r="P3465" i="10" s="1"/>
  <c r="O3529" i="10"/>
  <c r="P3529" i="10" s="1"/>
  <c r="O3561" i="10"/>
  <c r="P3561" i="10" s="1"/>
  <c r="O3593" i="10"/>
  <c r="P3593" i="10" s="1"/>
  <c r="O3657" i="10"/>
  <c r="P3657" i="10" s="1"/>
  <c r="O3689" i="10"/>
  <c r="P3689" i="10" s="1"/>
  <c r="O3721" i="10"/>
  <c r="P3721" i="10" s="1"/>
  <c r="O3785" i="10"/>
  <c r="P3785" i="10" s="1"/>
  <c r="O3817" i="10"/>
  <c r="P3817" i="10" s="1"/>
  <c r="O3849" i="10"/>
  <c r="P3849" i="10" s="1"/>
  <c r="O3913" i="10"/>
  <c r="P3913" i="10" s="1"/>
  <c r="O3945" i="10"/>
  <c r="P3945" i="10" s="1"/>
  <c r="O3977" i="10"/>
  <c r="P3977" i="10" s="1"/>
  <c r="O4041" i="10"/>
  <c r="P4041" i="10" s="1"/>
  <c r="O4073" i="10"/>
  <c r="P4073" i="10" s="1"/>
  <c r="O4105" i="10"/>
  <c r="P4105" i="10" s="1"/>
  <c r="O4169" i="10"/>
  <c r="P4169" i="10" s="1"/>
  <c r="O4201" i="10"/>
  <c r="P4201" i="10" s="1"/>
  <c r="O4233" i="10"/>
  <c r="P4233" i="10" s="1"/>
  <c r="O4297" i="10"/>
  <c r="P4297" i="10" s="1"/>
  <c r="O4329" i="10"/>
  <c r="P4329" i="10" s="1"/>
  <c r="O4361" i="10"/>
  <c r="P4361" i="10" s="1"/>
  <c r="O4425" i="10"/>
  <c r="P4425" i="10" s="1"/>
  <c r="O4457" i="10"/>
  <c r="P4457" i="10" s="1"/>
  <c r="O4489" i="10"/>
  <c r="P4489" i="10" s="1"/>
  <c r="O4553" i="10"/>
  <c r="P4553" i="10" s="1"/>
  <c r="O4585" i="10"/>
  <c r="P4585" i="10" s="1"/>
  <c r="O4617" i="10"/>
  <c r="P4617" i="10" s="1"/>
  <c r="O4681" i="10"/>
  <c r="P4681" i="10" s="1"/>
  <c r="O4713" i="10"/>
  <c r="P4713" i="10" s="1"/>
  <c r="O4745" i="10"/>
  <c r="P4745" i="10" s="1"/>
  <c r="O4809" i="10"/>
  <c r="P4809" i="10" s="1"/>
  <c r="O4841" i="10"/>
  <c r="P4841" i="10" s="1"/>
  <c r="O4873" i="10"/>
  <c r="P4873" i="10" s="1"/>
  <c r="O58" i="10"/>
  <c r="O90" i="10"/>
  <c r="O122" i="10"/>
  <c r="O6037" i="10"/>
  <c r="P6037" i="10" s="1"/>
  <c r="O6101" i="10"/>
  <c r="P6101" i="10" s="1"/>
  <c r="O6229" i="10"/>
  <c r="P6229" i="10" s="1"/>
  <c r="O6293" i="10"/>
  <c r="P6293" i="10" s="1"/>
  <c r="O6357" i="10"/>
  <c r="P6357" i="10" s="1"/>
  <c r="O6485" i="10"/>
  <c r="P6485" i="10" s="1"/>
  <c r="O6549" i="10"/>
  <c r="P6549" i="10" s="1"/>
  <c r="O6613" i="10"/>
  <c r="P6613" i="10" s="1"/>
  <c r="O6741" i="10"/>
  <c r="P6741" i="10" s="1"/>
  <c r="O6805" i="10"/>
  <c r="P6805" i="10" s="1"/>
  <c r="O6869" i="10"/>
  <c r="P6869" i="10" s="1"/>
  <c r="O6997" i="10"/>
  <c r="P6997" i="10" s="1"/>
  <c r="O7061" i="10"/>
  <c r="P7061" i="10" s="1"/>
  <c r="O7125" i="10"/>
  <c r="P7125" i="10" s="1"/>
  <c r="O7253" i="10"/>
  <c r="P7253" i="10" s="1"/>
  <c r="O7317" i="10"/>
  <c r="P7317" i="10" s="1"/>
  <c r="O7381" i="10"/>
  <c r="P7381" i="10" s="1"/>
  <c r="O157" i="10"/>
  <c r="O349" i="10"/>
  <c r="O541" i="10"/>
  <c r="O1053" i="10"/>
  <c r="O1245" i="10"/>
  <c r="O1565" i="10"/>
  <c r="O2909" i="10"/>
  <c r="P2909" i="10" s="1"/>
  <c r="O3229" i="10"/>
  <c r="P3229" i="10" s="1"/>
  <c r="O3741" i="10"/>
  <c r="P3741" i="10" s="1"/>
  <c r="O4061" i="10"/>
  <c r="P4061" i="10" s="1"/>
  <c r="O4253" i="10"/>
  <c r="P4253" i="10" s="1"/>
  <c r="O4637" i="10"/>
  <c r="P4637" i="10" s="1"/>
  <c r="O5341" i="10"/>
  <c r="P5341" i="10" s="1"/>
  <c r="O154" i="10"/>
  <c r="O186" i="10"/>
  <c r="O250" i="10"/>
  <c r="O282" i="10"/>
  <c r="O314" i="10"/>
  <c r="O378" i="10"/>
  <c r="O410" i="10"/>
  <c r="O442" i="10"/>
  <c r="O506" i="10"/>
  <c r="O538" i="10"/>
  <c r="O570" i="10"/>
  <c r="O634" i="10"/>
  <c r="O666" i="10"/>
  <c r="O698" i="10"/>
  <c r="O762" i="10"/>
  <c r="O794" i="10"/>
  <c r="O826" i="10"/>
  <c r="O890" i="10"/>
  <c r="O922" i="10"/>
  <c r="O954" i="10"/>
  <c r="O1018" i="10"/>
  <c r="O1050" i="10"/>
  <c r="O1082" i="10"/>
  <c r="O1146" i="10"/>
  <c r="O1178" i="10"/>
  <c r="O1210" i="10"/>
  <c r="O1274" i="10"/>
  <c r="O1306" i="10"/>
  <c r="O1338" i="10"/>
  <c r="O1402" i="10"/>
  <c r="O1434" i="10"/>
  <c r="O1466" i="10"/>
  <c r="O1530" i="10"/>
  <c r="O1562" i="10"/>
  <c r="O1594" i="10"/>
  <c r="O1658" i="10"/>
  <c r="O1690" i="10"/>
  <c r="O1722" i="10"/>
  <c r="O1786" i="10"/>
  <c r="O1818" i="10"/>
  <c r="O1850" i="10"/>
  <c r="O1914" i="10"/>
  <c r="O1946" i="10"/>
  <c r="O1978" i="10"/>
  <c r="O2042" i="10"/>
  <c r="O2074" i="10"/>
  <c r="O2106" i="10"/>
  <c r="O2170" i="10"/>
  <c r="O2202" i="10"/>
  <c r="O2234" i="10"/>
  <c r="O2298" i="10"/>
  <c r="O2330" i="10"/>
  <c r="O2362" i="10"/>
  <c r="O2426" i="10"/>
  <c r="O2458" i="10"/>
  <c r="O2490" i="10"/>
  <c r="O2554" i="10"/>
  <c r="O2586" i="10"/>
  <c r="O2618" i="10"/>
  <c r="O2682" i="10"/>
  <c r="O2714" i="10"/>
  <c r="O2746" i="10"/>
  <c r="O2810" i="10"/>
  <c r="O2842" i="10"/>
  <c r="O2874" i="10"/>
  <c r="P2874" i="10" s="1"/>
  <c r="O2938" i="10"/>
  <c r="P2938" i="10" s="1"/>
  <c r="O2970" i="10"/>
  <c r="P2970" i="10" s="1"/>
  <c r="O3002" i="10"/>
  <c r="P3002" i="10" s="1"/>
  <c r="O3066" i="10"/>
  <c r="P3066" i="10" s="1"/>
  <c r="O3098" i="10"/>
  <c r="P3098" i="10" s="1"/>
  <c r="O3130" i="10"/>
  <c r="P3130" i="10" s="1"/>
  <c r="O3194" i="10"/>
  <c r="P3194" i="10" s="1"/>
  <c r="O3226" i="10"/>
  <c r="P3226" i="10" s="1"/>
  <c r="O3258" i="10"/>
  <c r="P3258" i="10" s="1"/>
  <c r="O3322" i="10"/>
  <c r="P3322" i="10" s="1"/>
  <c r="O3354" i="10"/>
  <c r="P3354" i="10" s="1"/>
  <c r="O3386" i="10"/>
  <c r="P3386" i="10" s="1"/>
  <c r="O3450" i="10"/>
  <c r="P3450" i="10" s="1"/>
  <c r="O3482" i="10"/>
  <c r="P3482" i="10" s="1"/>
  <c r="O3514" i="10"/>
  <c r="P3514" i="10" s="1"/>
  <c r="O3578" i="10"/>
  <c r="P3578" i="10" s="1"/>
  <c r="O3610" i="10"/>
  <c r="P3610" i="10" s="1"/>
  <c r="O3642" i="10"/>
  <c r="P3642" i="10" s="1"/>
  <c r="O3706" i="10"/>
  <c r="P3706" i="10" s="1"/>
  <c r="O3738" i="10"/>
  <c r="P3738" i="10" s="1"/>
  <c r="O3770" i="10"/>
  <c r="P3770" i="10" s="1"/>
  <c r="O3834" i="10"/>
  <c r="P3834" i="10" s="1"/>
  <c r="O3866" i="10"/>
  <c r="P3866" i="10" s="1"/>
  <c r="O3898" i="10"/>
  <c r="P3898" i="10" s="1"/>
  <c r="O3962" i="10"/>
  <c r="P3962" i="10" s="1"/>
  <c r="O3994" i="10"/>
  <c r="P3994" i="10" s="1"/>
  <c r="O4026" i="10"/>
  <c r="P4026" i="10" s="1"/>
  <c r="O4090" i="10"/>
  <c r="P4090" i="10" s="1"/>
  <c r="O4122" i="10"/>
  <c r="P4122" i="10" s="1"/>
  <c r="O4154" i="10"/>
  <c r="P4154" i="10" s="1"/>
  <c r="O4218" i="10"/>
  <c r="P4218" i="10" s="1"/>
  <c r="O4250" i="10"/>
  <c r="P4250" i="10" s="1"/>
  <c r="O4282" i="10"/>
  <c r="P4282" i="10" s="1"/>
  <c r="O4346" i="10"/>
  <c r="P4346" i="10" s="1"/>
  <c r="O4378" i="10"/>
  <c r="P4378" i="10" s="1"/>
  <c r="O4410" i="10"/>
  <c r="P4410" i="10" s="1"/>
  <c r="O4474" i="10"/>
  <c r="P4474" i="10" s="1"/>
  <c r="O4506" i="10"/>
  <c r="P4506" i="10" s="1"/>
  <c r="O4538" i="10"/>
  <c r="P4538" i="10" s="1"/>
  <c r="O4602" i="10"/>
  <c r="P4602" i="10" s="1"/>
  <c r="O4634" i="10"/>
  <c r="P4634" i="10" s="1"/>
  <c r="O4666" i="10"/>
  <c r="P4666" i="10" s="1"/>
  <c r="O4730" i="10"/>
  <c r="P4730" i="10" s="1"/>
  <c r="O4762" i="10"/>
  <c r="P4762" i="10" s="1"/>
  <c r="O4794" i="10"/>
  <c r="P4794" i="10" s="1"/>
  <c r="O4858" i="10"/>
  <c r="P4858" i="10" s="1"/>
  <c r="O4890" i="10"/>
  <c r="P4890" i="10" s="1"/>
  <c r="O4922" i="10"/>
  <c r="P4922" i="10" s="1"/>
  <c r="O4986" i="10"/>
  <c r="P4986" i="10" s="1"/>
  <c r="O5018" i="10"/>
  <c r="P5018" i="10" s="1"/>
  <c r="O5050" i="10"/>
  <c r="P5050" i="10" s="1"/>
  <c r="O5114" i="10"/>
  <c r="P5114" i="10" s="1"/>
  <c r="O5146" i="10"/>
  <c r="P5146" i="10" s="1"/>
  <c r="O5178" i="10"/>
  <c r="P5178" i="10" s="1"/>
  <c r="O5242" i="10"/>
  <c r="P5242" i="10" s="1"/>
  <c r="O5274" i="10"/>
  <c r="P5274" i="10" s="1"/>
  <c r="O5306" i="10"/>
  <c r="P5306" i="10" s="1"/>
  <c r="O5370" i="10"/>
  <c r="P5370" i="10" s="1"/>
  <c r="O5402" i="10"/>
  <c r="P5402" i="10" s="1"/>
  <c r="O5434" i="10"/>
  <c r="P5434" i="10" s="1"/>
  <c r="O5498" i="10"/>
  <c r="P5498" i="10" s="1"/>
  <c r="O5530" i="10"/>
  <c r="P5530" i="10" s="1"/>
  <c r="O5562" i="10"/>
  <c r="P5562" i="10" s="1"/>
  <c r="O5626" i="10"/>
  <c r="P5626" i="10" s="1"/>
  <c r="O5658" i="10"/>
  <c r="P5658" i="10" s="1"/>
  <c r="O5690" i="10"/>
  <c r="P5690" i="10" s="1"/>
  <c r="O5754" i="10"/>
  <c r="P5754" i="10" s="1"/>
  <c r="O27" i="10"/>
  <c r="O59" i="10"/>
  <c r="O123" i="10"/>
  <c r="O155" i="10"/>
  <c r="O187" i="10"/>
  <c r="O251" i="10"/>
  <c r="O283" i="10"/>
  <c r="O315" i="10"/>
  <c r="O379" i="10"/>
  <c r="O411" i="10"/>
  <c r="O443" i="10"/>
  <c r="O507" i="10"/>
  <c r="O539" i="10"/>
  <c r="O571" i="10"/>
  <c r="O635" i="10"/>
  <c r="O667" i="10"/>
  <c r="O699" i="10"/>
  <c r="O763" i="10"/>
  <c r="O795" i="10"/>
  <c r="O827" i="10"/>
  <c r="O891" i="10"/>
  <c r="O923" i="10"/>
  <c r="O955" i="10"/>
  <c r="O1019" i="10"/>
  <c r="O1051" i="10"/>
  <c r="O1083" i="10"/>
  <c r="O1147" i="10"/>
  <c r="O1179" i="10"/>
  <c r="O1211" i="10"/>
  <c r="O1275" i="10"/>
  <c r="O1307" i="10"/>
  <c r="O1339" i="10"/>
  <c r="O1403" i="10"/>
  <c r="O1435" i="10"/>
  <c r="O1467" i="10"/>
  <c r="O1531" i="10"/>
  <c r="O1563" i="10"/>
  <c r="O1595" i="10"/>
  <c r="O1659" i="10"/>
  <c r="O1691" i="10"/>
  <c r="O1723" i="10"/>
  <c r="O1787" i="10"/>
  <c r="O1819" i="10"/>
  <c r="O1851" i="10"/>
  <c r="O1915" i="10"/>
  <c r="O1947" i="10"/>
  <c r="O1979" i="10"/>
  <c r="O2043" i="10"/>
  <c r="O2075" i="10"/>
  <c r="O2107" i="10"/>
  <c r="O2171" i="10"/>
  <c r="O2203" i="10"/>
  <c r="O2235" i="10"/>
  <c r="O2299" i="10"/>
  <c r="O2331" i="10"/>
  <c r="O2363" i="10"/>
  <c r="O2427" i="10"/>
  <c r="O2459" i="10"/>
  <c r="O2491" i="10"/>
  <c r="O2555" i="10"/>
  <c r="O2587" i="10"/>
  <c r="O2619" i="10"/>
  <c r="O2683" i="10"/>
  <c r="O2715" i="10"/>
  <c r="O2747" i="10"/>
  <c r="O2811" i="10"/>
  <c r="O2843" i="10"/>
  <c r="O2875" i="10"/>
  <c r="P2875" i="10" s="1"/>
  <c r="O2939" i="10"/>
  <c r="P2939" i="10" s="1"/>
  <c r="O2971" i="10"/>
  <c r="P2971" i="10" s="1"/>
  <c r="O3003" i="10"/>
  <c r="P3003" i="10" s="1"/>
  <c r="O3067" i="10"/>
  <c r="P3067" i="10" s="1"/>
  <c r="O3099" i="10"/>
  <c r="P3099" i="10" s="1"/>
  <c r="O3131" i="10"/>
  <c r="P3131" i="10" s="1"/>
  <c r="O3195" i="10"/>
  <c r="P3195" i="10" s="1"/>
  <c r="O3227" i="10"/>
  <c r="P3227" i="10" s="1"/>
  <c r="O3259" i="10"/>
  <c r="P3259" i="10" s="1"/>
  <c r="O3323" i="10"/>
  <c r="P3323" i="10" s="1"/>
  <c r="O3355" i="10"/>
  <c r="P3355" i="10" s="1"/>
  <c r="O3387" i="10"/>
  <c r="P3387" i="10" s="1"/>
  <c r="O3451" i="10"/>
  <c r="P3451" i="10" s="1"/>
  <c r="O3483" i="10"/>
  <c r="P3483" i="10" s="1"/>
  <c r="O3515" i="10"/>
  <c r="P3515" i="10" s="1"/>
  <c r="O3579" i="10"/>
  <c r="P3579" i="10" s="1"/>
  <c r="O3611" i="10"/>
  <c r="P3611" i="10" s="1"/>
  <c r="O3643" i="10"/>
  <c r="P3643" i="10" s="1"/>
  <c r="O3707" i="10"/>
  <c r="P3707" i="10" s="1"/>
  <c r="O3739" i="10"/>
  <c r="P3739" i="10" s="1"/>
  <c r="O3771" i="10"/>
  <c r="P3771" i="10" s="1"/>
  <c r="O3835" i="10"/>
  <c r="P3835" i="10" s="1"/>
  <c r="O3867" i="10"/>
  <c r="P3867" i="10" s="1"/>
  <c r="O3899" i="10"/>
  <c r="P3899" i="10" s="1"/>
  <c r="O3963" i="10"/>
  <c r="P3963" i="10" s="1"/>
  <c r="O3995" i="10"/>
  <c r="P3995" i="10" s="1"/>
  <c r="O4027" i="10"/>
  <c r="P4027" i="10" s="1"/>
  <c r="O4091" i="10"/>
  <c r="P4091" i="10" s="1"/>
  <c r="O4123" i="10"/>
  <c r="P4123" i="10" s="1"/>
  <c r="O4155" i="10"/>
  <c r="P4155" i="10" s="1"/>
  <c r="O4219" i="10"/>
  <c r="P4219" i="10" s="1"/>
  <c r="O4251" i="10"/>
  <c r="P4251" i="10" s="1"/>
  <c r="O4283" i="10"/>
  <c r="P4283" i="10" s="1"/>
  <c r="O4347" i="10"/>
  <c r="P4347" i="10" s="1"/>
  <c r="O4379" i="10"/>
  <c r="P4379" i="10" s="1"/>
  <c r="O4411" i="10"/>
  <c r="P4411" i="10" s="1"/>
  <c r="O4475" i="10"/>
  <c r="P4475" i="10" s="1"/>
  <c r="O4507" i="10"/>
  <c r="P4507" i="10" s="1"/>
  <c r="O4539" i="10"/>
  <c r="P4539" i="10" s="1"/>
  <c r="O4603" i="10"/>
  <c r="P4603" i="10" s="1"/>
  <c r="O4635" i="10"/>
  <c r="P4635" i="10" s="1"/>
  <c r="O4667" i="10"/>
  <c r="P4667" i="10" s="1"/>
  <c r="O4731" i="10"/>
  <c r="P4731" i="10" s="1"/>
  <c r="O4763" i="10"/>
  <c r="P4763" i="10" s="1"/>
  <c r="O4795" i="10"/>
  <c r="P4795" i="10" s="1"/>
  <c r="O4859" i="10"/>
  <c r="P4859" i="10" s="1"/>
  <c r="O4891" i="10"/>
  <c r="P4891" i="10" s="1"/>
  <c r="O4923" i="10"/>
  <c r="P4923" i="10" s="1"/>
  <c r="O4987" i="10"/>
  <c r="P4987" i="10" s="1"/>
  <c r="O5019" i="10"/>
  <c r="P5019" i="10" s="1"/>
  <c r="O5051" i="10"/>
  <c r="P5051" i="10" s="1"/>
  <c r="O5115" i="10"/>
  <c r="P5115" i="10" s="1"/>
  <c r="O5147" i="10"/>
  <c r="P5147" i="10" s="1"/>
  <c r="O5179" i="10"/>
  <c r="P5179" i="10" s="1"/>
  <c r="O5243" i="10"/>
  <c r="P5243" i="10" s="1"/>
  <c r="O5275" i="10"/>
  <c r="P5275" i="10" s="1"/>
  <c r="O5307" i="10"/>
  <c r="P5307" i="10" s="1"/>
  <c r="O5371" i="10"/>
  <c r="P5371" i="10" s="1"/>
  <c r="O5403" i="10"/>
  <c r="P5403" i="10" s="1"/>
  <c r="O6038" i="10"/>
  <c r="P6038" i="10" s="1"/>
  <c r="O6070" i="10"/>
  <c r="P6070" i="10" s="1"/>
  <c r="O6102" i="10"/>
  <c r="P6102" i="10" s="1"/>
  <c r="O6166" i="10"/>
  <c r="P6166" i="10" s="1"/>
  <c r="O6198" i="10"/>
  <c r="P6198" i="10" s="1"/>
  <c r="O6230" i="10"/>
  <c r="P6230" i="10" s="1"/>
  <c r="O6294" i="10"/>
  <c r="P6294" i="10" s="1"/>
  <c r="O6326" i="10"/>
  <c r="P6326" i="10" s="1"/>
  <c r="O6358" i="10"/>
  <c r="P6358" i="10" s="1"/>
  <c r="O6422" i="10"/>
  <c r="P6422" i="10" s="1"/>
  <c r="O6454" i="10"/>
  <c r="P6454" i="10" s="1"/>
  <c r="O6486" i="10"/>
  <c r="P6486" i="10" s="1"/>
  <c r="O6550" i="10"/>
  <c r="P6550" i="10" s="1"/>
  <c r="O6582" i="10"/>
  <c r="P6582" i="10" s="1"/>
  <c r="O6614" i="10"/>
  <c r="P6614" i="10" s="1"/>
  <c r="O6678" i="10"/>
  <c r="P6678" i="10" s="1"/>
  <c r="O6710" i="10"/>
  <c r="P6710" i="10" s="1"/>
  <c r="O6742" i="10"/>
  <c r="P6742" i="10" s="1"/>
  <c r="O6806" i="10"/>
  <c r="P6806" i="10" s="1"/>
  <c r="O6838" i="10"/>
  <c r="P6838" i="10" s="1"/>
  <c r="O6870" i="10"/>
  <c r="P6870" i="10" s="1"/>
  <c r="O6934" i="10"/>
  <c r="P6934" i="10" s="1"/>
  <c r="O6966" i="10"/>
  <c r="P6966" i="10" s="1"/>
  <c r="O6998" i="10"/>
  <c r="P6998" i="10" s="1"/>
  <c r="O7062" i="10"/>
  <c r="P7062" i="10" s="1"/>
  <c r="O7094" i="10"/>
  <c r="P7094" i="10" s="1"/>
  <c r="O7126" i="10"/>
  <c r="P7126" i="10" s="1"/>
  <c r="O7190" i="10"/>
  <c r="P7190" i="10" s="1"/>
  <c r="O7222" i="10"/>
  <c r="P7222" i="10" s="1"/>
  <c r="O7254" i="10"/>
  <c r="P7254" i="10" s="1"/>
  <c r="O7318" i="10"/>
  <c r="P7318" i="10" s="1"/>
  <c r="O7350" i="10"/>
  <c r="P7350" i="10" s="1"/>
  <c r="O7382" i="10"/>
  <c r="P7382" i="10" s="1"/>
  <c r="O7446" i="10"/>
  <c r="P7446" i="10" s="1"/>
  <c r="O5823" i="10"/>
  <c r="P5823" i="10" s="1"/>
  <c r="O5855" i="10"/>
  <c r="P5855" i="10" s="1"/>
  <c r="O5919" i="10"/>
  <c r="P5919" i="10" s="1"/>
  <c r="O5951" i="10"/>
  <c r="P5951" i="10" s="1"/>
  <c r="O5983" i="10"/>
  <c r="P5983" i="10" s="1"/>
  <c r="O6047" i="10"/>
  <c r="P6047" i="10" s="1"/>
  <c r="O6079" i="10"/>
  <c r="P6079" i="10" s="1"/>
  <c r="O6111" i="10"/>
  <c r="P6111" i="10" s="1"/>
  <c r="O6175" i="10"/>
  <c r="P6175" i="10" s="1"/>
  <c r="O6207" i="10"/>
  <c r="P6207" i="10" s="1"/>
  <c r="O6239" i="10"/>
  <c r="P6239" i="10" s="1"/>
  <c r="O6303" i="10"/>
  <c r="P6303" i="10" s="1"/>
  <c r="O6335" i="10"/>
  <c r="P6335" i="10" s="1"/>
  <c r="O6367" i="10"/>
  <c r="P6367" i="10" s="1"/>
  <c r="O6431" i="10"/>
  <c r="P6431" i="10" s="1"/>
  <c r="O6463" i="10"/>
  <c r="P6463" i="10" s="1"/>
  <c r="O6495" i="10"/>
  <c r="P6495" i="10" s="1"/>
  <c r="O6559" i="10"/>
  <c r="P6559" i="10" s="1"/>
  <c r="O6591" i="10"/>
  <c r="P6591" i="10" s="1"/>
  <c r="O6623" i="10"/>
  <c r="P6623" i="10" s="1"/>
  <c r="O6687" i="10"/>
  <c r="P6687" i="10" s="1"/>
  <c r="O6719" i="10"/>
  <c r="P6719" i="10" s="1"/>
  <c r="O6751" i="10"/>
  <c r="P6751" i="10" s="1"/>
  <c r="O6815" i="10"/>
  <c r="P6815" i="10" s="1"/>
  <c r="O6847" i="10"/>
  <c r="P6847" i="10" s="1"/>
  <c r="O6879" i="10"/>
  <c r="P6879" i="10" s="1"/>
  <c r="O6943" i="10"/>
  <c r="P6943" i="10" s="1"/>
  <c r="O6975" i="10"/>
  <c r="P6975" i="10" s="1"/>
  <c r="O7007" i="10"/>
  <c r="P7007" i="10" s="1"/>
  <c r="O7071" i="10"/>
  <c r="P7071" i="10" s="1"/>
  <c r="O7103" i="10"/>
  <c r="P7103" i="10" s="1"/>
  <c r="O7135" i="10"/>
  <c r="P7135" i="10" s="1"/>
  <c r="O7199" i="10"/>
  <c r="P7199" i="10" s="1"/>
  <c r="O7231" i="10"/>
  <c r="P7231" i="10" s="1"/>
  <c r="O7263" i="10"/>
  <c r="P7263" i="10" s="1"/>
  <c r="O7327" i="10"/>
  <c r="P7327" i="10" s="1"/>
  <c r="O7359" i="10"/>
  <c r="P7359" i="10" s="1"/>
  <c r="O7391" i="10"/>
  <c r="P7391" i="10" s="1"/>
  <c r="O7455" i="10"/>
  <c r="P7455" i="10" s="1"/>
  <c r="O5864" i="10"/>
  <c r="P5864" i="10" s="1"/>
  <c r="O5896" i="10"/>
  <c r="P5896" i="10" s="1"/>
  <c r="O5960" i="10"/>
  <c r="P5960" i="10" s="1"/>
  <c r="O5992" i="10"/>
  <c r="P5992" i="10" s="1"/>
  <c r="O6024" i="10"/>
  <c r="P6024" i="10" s="1"/>
  <c r="O6088" i="10"/>
  <c r="P6088" i="10" s="1"/>
  <c r="O6120" i="10"/>
  <c r="P6120" i="10" s="1"/>
  <c r="O6152" i="10"/>
  <c r="P6152" i="10" s="1"/>
  <c r="O6216" i="10"/>
  <c r="P6216" i="10" s="1"/>
  <c r="O6248" i="10"/>
  <c r="P6248" i="10" s="1"/>
  <c r="O6280" i="10"/>
  <c r="P6280" i="10" s="1"/>
  <c r="O6312" i="10"/>
  <c r="P6312" i="10" s="1"/>
  <c r="O6344" i="10"/>
  <c r="P6344" i="10" s="1"/>
  <c r="O6376" i="10"/>
  <c r="P6376" i="10" s="1"/>
  <c r="O6408" i="10"/>
  <c r="P6408" i="10" s="1"/>
  <c r="O6440" i="10"/>
  <c r="P6440" i="10" s="1"/>
  <c r="O6472" i="10"/>
  <c r="P6472" i="10" s="1"/>
  <c r="O6504" i="10"/>
  <c r="P6504" i="10" s="1"/>
  <c r="O6536" i="10"/>
  <c r="P6536" i="10" s="1"/>
  <c r="O6568" i="10"/>
  <c r="P6568" i="10" s="1"/>
  <c r="O6600" i="10"/>
  <c r="P6600" i="10" s="1"/>
  <c r="O6632" i="10"/>
  <c r="P6632" i="10" s="1"/>
  <c r="O6664" i="10"/>
  <c r="P6664" i="10" s="1"/>
  <c r="O6696" i="10"/>
  <c r="P6696" i="10" s="1"/>
  <c r="O6728" i="10"/>
  <c r="P6728" i="10" s="1"/>
  <c r="O6760" i="10"/>
  <c r="P6760" i="10" s="1"/>
  <c r="O6792" i="10"/>
  <c r="P6792" i="10" s="1"/>
  <c r="O6824" i="10"/>
  <c r="P6824" i="10" s="1"/>
  <c r="O6856" i="10"/>
  <c r="P6856" i="10" s="1"/>
  <c r="O6888" i="10"/>
  <c r="P6888" i="10" s="1"/>
  <c r="O6920" i="10"/>
  <c r="P6920" i="10" s="1"/>
  <c r="O6952" i="10"/>
  <c r="P6952" i="10" s="1"/>
  <c r="O6984" i="10"/>
  <c r="P6984" i="10" s="1"/>
  <c r="O7016" i="10"/>
  <c r="P7016" i="10" s="1"/>
  <c r="O7048" i="10"/>
  <c r="P7048" i="10" s="1"/>
  <c r="O7080" i="10"/>
  <c r="P7080" i="10" s="1"/>
  <c r="O7112" i="10"/>
  <c r="P7112" i="10" s="1"/>
  <c r="O7144" i="10"/>
  <c r="P7144" i="10" s="1"/>
  <c r="O7176" i="10"/>
  <c r="P7176" i="10" s="1"/>
  <c r="O7208" i="10"/>
  <c r="P7208" i="10" s="1"/>
  <c r="O7240" i="10"/>
  <c r="P7240" i="10" s="1"/>
  <c r="O7272" i="10"/>
  <c r="P7272" i="10" s="1"/>
  <c r="O7304" i="10"/>
  <c r="P7304" i="10" s="1"/>
  <c r="O7336" i="10"/>
  <c r="P7336" i="10" s="1"/>
  <c r="O7368" i="10"/>
  <c r="P7368" i="10" s="1"/>
  <c r="O7400" i="10"/>
  <c r="P7400" i="10" s="1"/>
  <c r="O7432" i="10"/>
  <c r="P7432" i="10" s="1"/>
  <c r="O4897" i="10"/>
  <c r="P4897" i="10" s="1"/>
  <c r="O4929" i="10"/>
  <c r="P4929" i="10" s="1"/>
  <c r="O4961" i="10"/>
  <c r="P4961" i="10" s="1"/>
  <c r="O4993" i="10"/>
  <c r="P4993" i="10" s="1"/>
  <c r="O5025" i="10"/>
  <c r="P5025" i="10" s="1"/>
  <c r="O5057" i="10"/>
  <c r="P5057" i="10" s="1"/>
  <c r="O5089" i="10"/>
  <c r="P5089" i="10" s="1"/>
  <c r="O5121" i="10"/>
  <c r="P5121" i="10" s="1"/>
  <c r="O5153" i="10"/>
  <c r="P5153" i="10" s="1"/>
  <c r="O5185" i="10"/>
  <c r="P5185" i="10" s="1"/>
  <c r="O5217" i="10"/>
  <c r="P5217" i="10" s="1"/>
  <c r="O5249" i="10"/>
  <c r="P5249" i="10" s="1"/>
  <c r="O5281" i="10"/>
  <c r="P5281" i="10" s="1"/>
  <c r="O5313" i="10"/>
  <c r="P5313" i="10" s="1"/>
  <c r="O5345" i="10"/>
  <c r="P5345" i="10" s="1"/>
  <c r="O5377" i="10"/>
  <c r="P5377" i="10" s="1"/>
  <c r="O5409" i="10"/>
  <c r="P5409" i="10" s="1"/>
  <c r="O5441" i="10"/>
  <c r="P5441" i="10" s="1"/>
  <c r="O5473" i="10"/>
  <c r="P5473" i="10" s="1"/>
  <c r="O5505" i="10"/>
  <c r="P5505" i="10" s="1"/>
  <c r="O5537" i="10"/>
  <c r="P5537" i="10" s="1"/>
  <c r="O5569" i="10"/>
  <c r="P5569" i="10" s="1"/>
  <c r="O5601" i="10"/>
  <c r="P5601" i="10" s="1"/>
  <c r="O5633" i="10"/>
  <c r="P5633" i="10" s="1"/>
  <c r="O5665" i="10"/>
  <c r="P5665" i="10" s="1"/>
  <c r="O5697" i="10"/>
  <c r="P5697" i="10" s="1"/>
  <c r="O5729" i="10"/>
  <c r="P5729" i="10" s="1"/>
  <c r="O5761" i="10"/>
  <c r="P5761" i="10" s="1"/>
  <c r="O6017" i="10"/>
  <c r="P6017" i="10" s="1"/>
  <c r="O6049" i="10"/>
  <c r="P6049" i="10" s="1"/>
  <c r="O6081" i="10"/>
  <c r="P6081" i="10" s="1"/>
  <c r="O6113" i="10"/>
  <c r="P6113" i="10" s="1"/>
  <c r="O6145" i="10"/>
  <c r="P6145" i="10" s="1"/>
  <c r="O6177" i="10"/>
  <c r="P6177" i="10" s="1"/>
  <c r="O6209" i="10"/>
  <c r="P6209" i="10" s="1"/>
  <c r="O6241" i="10"/>
  <c r="P6241" i="10" s="1"/>
  <c r="O6273" i="10"/>
  <c r="P6273" i="10" s="1"/>
  <c r="O6305" i="10"/>
  <c r="P6305" i="10" s="1"/>
  <c r="O6337" i="10"/>
  <c r="P6337" i="10" s="1"/>
  <c r="O6369" i="10"/>
  <c r="P6369" i="10" s="1"/>
  <c r="O6401" i="10"/>
  <c r="P6401" i="10" s="1"/>
  <c r="O6433" i="10"/>
  <c r="P6433" i="10" s="1"/>
  <c r="O6465" i="10"/>
  <c r="P6465" i="10" s="1"/>
  <c r="O6497" i="10"/>
  <c r="P6497" i="10" s="1"/>
  <c r="O6529" i="10"/>
  <c r="P6529" i="10" s="1"/>
  <c r="O6561" i="10"/>
  <c r="P6561" i="10" s="1"/>
  <c r="O6593" i="10"/>
  <c r="P6593" i="10" s="1"/>
  <c r="O6625" i="10"/>
  <c r="P6625" i="10" s="1"/>
  <c r="O6657" i="10"/>
  <c r="P6657" i="10" s="1"/>
  <c r="O6689" i="10"/>
  <c r="P6689" i="10" s="1"/>
  <c r="O6721" i="10"/>
  <c r="P6721" i="10" s="1"/>
  <c r="O6753" i="10"/>
  <c r="P6753" i="10" s="1"/>
  <c r="O6785" i="10"/>
  <c r="P6785" i="10" s="1"/>
  <c r="O6817" i="10"/>
  <c r="P6817" i="10" s="1"/>
  <c r="O6849" i="10"/>
  <c r="P6849" i="10" s="1"/>
  <c r="O6881" i="10"/>
  <c r="P6881" i="10" s="1"/>
  <c r="O6913" i="10"/>
  <c r="P6913" i="10" s="1"/>
  <c r="O6945" i="10"/>
  <c r="P6945" i="10" s="1"/>
  <c r="O6977" i="10"/>
  <c r="P6977" i="10" s="1"/>
  <c r="O7009" i="10"/>
  <c r="P7009" i="10" s="1"/>
  <c r="O7041" i="10"/>
  <c r="P7041" i="10" s="1"/>
  <c r="O7073" i="10"/>
  <c r="P7073" i="10" s="1"/>
  <c r="O7105" i="10"/>
  <c r="P7105" i="10" s="1"/>
  <c r="O7137" i="10"/>
  <c r="P7137" i="10" s="1"/>
  <c r="O7169" i="10"/>
  <c r="P7169" i="10" s="1"/>
  <c r="O7201" i="10"/>
  <c r="P7201" i="10" s="1"/>
  <c r="O7233" i="10"/>
  <c r="P7233" i="10" s="1"/>
  <c r="O7265" i="10"/>
  <c r="P7265" i="10" s="1"/>
  <c r="O7297" i="10"/>
  <c r="P7297" i="10" s="1"/>
  <c r="O7329" i="10"/>
  <c r="P7329" i="10" s="1"/>
  <c r="O7361" i="10"/>
  <c r="P7361" i="10" s="1"/>
  <c r="O7393" i="10"/>
  <c r="P7393" i="10" s="1"/>
  <c r="O7425" i="10"/>
  <c r="P7425" i="10" s="1"/>
  <c r="O7457" i="10"/>
  <c r="P7457" i="10" s="1"/>
  <c r="O6026" i="10"/>
  <c r="P6026" i="10" s="1"/>
  <c r="O6058" i="10"/>
  <c r="P6058" i="10" s="1"/>
  <c r="O6090" i="10"/>
  <c r="P6090" i="10" s="1"/>
  <c r="O6122" i="10"/>
  <c r="P6122" i="10" s="1"/>
  <c r="O6154" i="10"/>
  <c r="P6154" i="10" s="1"/>
  <c r="O6186" i="10"/>
  <c r="P6186" i="10" s="1"/>
  <c r="O6218" i="10"/>
  <c r="P6218" i="10" s="1"/>
  <c r="O6250" i="10"/>
  <c r="P6250" i="10" s="1"/>
  <c r="O6282" i="10"/>
  <c r="P6282" i="10" s="1"/>
  <c r="O6314" i="10"/>
  <c r="P6314" i="10" s="1"/>
  <c r="O6346" i="10"/>
  <c r="P6346" i="10" s="1"/>
  <c r="O6378" i="10"/>
  <c r="P6378" i="10" s="1"/>
  <c r="O6410" i="10"/>
  <c r="P6410" i="10" s="1"/>
  <c r="O6442" i="10"/>
  <c r="P6442" i="10" s="1"/>
  <c r="O6474" i="10"/>
  <c r="P6474" i="10" s="1"/>
  <c r="O6506" i="10"/>
  <c r="P6506" i="10" s="1"/>
  <c r="O6538" i="10"/>
  <c r="P6538" i="10" s="1"/>
  <c r="O6570" i="10"/>
  <c r="P6570" i="10" s="1"/>
  <c r="O6602" i="10"/>
  <c r="P6602" i="10" s="1"/>
  <c r="O6634" i="10"/>
  <c r="P6634" i="10" s="1"/>
  <c r="O6666" i="10"/>
  <c r="P6666" i="10" s="1"/>
  <c r="O6698" i="10"/>
  <c r="P6698" i="10" s="1"/>
  <c r="O6730" i="10"/>
  <c r="P6730" i="10" s="1"/>
  <c r="O6762" i="10"/>
  <c r="P6762" i="10" s="1"/>
  <c r="O6794" i="10"/>
  <c r="P6794" i="10" s="1"/>
  <c r="O6826" i="10"/>
  <c r="P6826" i="10" s="1"/>
  <c r="O6858" i="10"/>
  <c r="P6858" i="10" s="1"/>
  <c r="O6890" i="10"/>
  <c r="P6890" i="10" s="1"/>
  <c r="O6922" i="10"/>
  <c r="P6922" i="10" s="1"/>
  <c r="O6954" i="10"/>
  <c r="P6954" i="10" s="1"/>
  <c r="O6986" i="10"/>
  <c r="P6986" i="10" s="1"/>
  <c r="O7018" i="10"/>
  <c r="P7018" i="10" s="1"/>
  <c r="O7050" i="10"/>
  <c r="P7050" i="10" s="1"/>
  <c r="O7082" i="10"/>
  <c r="P7082" i="10" s="1"/>
  <c r="O7114" i="10"/>
  <c r="P7114" i="10" s="1"/>
  <c r="O7146" i="10"/>
  <c r="P7146" i="10" s="1"/>
  <c r="O7178" i="10"/>
  <c r="P7178" i="10" s="1"/>
  <c r="O7210" i="10"/>
  <c r="P7210" i="10" s="1"/>
  <c r="O7242" i="10"/>
  <c r="P7242" i="10" s="1"/>
  <c r="O7274" i="10"/>
  <c r="P7274" i="10" s="1"/>
  <c r="O7306" i="10"/>
  <c r="P7306" i="10" s="1"/>
  <c r="O7338" i="10"/>
  <c r="P7338" i="10" s="1"/>
  <c r="O7370" i="10"/>
  <c r="P7370" i="10" s="1"/>
  <c r="O7402" i="10"/>
  <c r="P7402" i="10" s="1"/>
  <c r="O7434" i="10"/>
  <c r="P7434" i="10" s="1"/>
  <c r="O5411" i="10"/>
  <c r="P5411" i="10" s="1"/>
  <c r="O5443" i="10"/>
  <c r="P5443" i="10" s="1"/>
  <c r="O5475" i="10"/>
  <c r="P5475" i="10" s="1"/>
  <c r="O5507" i="10"/>
  <c r="P5507" i="10" s="1"/>
  <c r="O5539" i="10"/>
  <c r="P5539" i="10" s="1"/>
  <c r="O5571" i="10"/>
  <c r="P5571" i="10" s="1"/>
  <c r="O5603" i="10"/>
  <c r="P5603" i="10" s="1"/>
  <c r="O5635" i="10"/>
  <c r="P5635" i="10" s="1"/>
  <c r="O5667" i="10"/>
  <c r="P5667" i="10" s="1"/>
  <c r="O5699" i="10"/>
  <c r="P5699" i="10" s="1"/>
  <c r="O5731" i="10"/>
  <c r="P5731" i="10" s="1"/>
  <c r="O5763" i="10"/>
  <c r="P5763" i="10" s="1"/>
  <c r="O6019" i="10"/>
  <c r="P6019" i="10" s="1"/>
  <c r="O6051" i="10"/>
  <c r="P6051" i="10" s="1"/>
  <c r="O6083" i="10"/>
  <c r="P6083" i="10" s="1"/>
  <c r="O6115" i="10"/>
  <c r="P6115" i="10" s="1"/>
  <c r="O6147" i="10"/>
  <c r="P6147" i="10" s="1"/>
  <c r="O6179" i="10"/>
  <c r="P6179" i="10" s="1"/>
  <c r="O6211" i="10"/>
  <c r="P6211" i="10" s="1"/>
  <c r="O6243" i="10"/>
  <c r="P6243" i="10" s="1"/>
  <c r="O6275" i="10"/>
  <c r="P6275" i="10" s="1"/>
  <c r="O6307" i="10"/>
  <c r="P6307" i="10" s="1"/>
  <c r="O6339" i="10"/>
  <c r="P6339" i="10" s="1"/>
  <c r="O6371" i="10"/>
  <c r="P6371" i="10" s="1"/>
  <c r="O6403" i="10"/>
  <c r="P6403" i="10" s="1"/>
  <c r="O6435" i="10"/>
  <c r="P6435" i="10" s="1"/>
  <c r="O6467" i="10"/>
  <c r="P6467" i="10" s="1"/>
  <c r="O6499" i="10"/>
  <c r="P6499" i="10" s="1"/>
  <c r="O6531" i="10"/>
  <c r="P6531" i="10" s="1"/>
  <c r="O6563" i="10"/>
  <c r="P6563" i="10" s="1"/>
  <c r="O6595" i="10"/>
  <c r="P6595" i="10" s="1"/>
  <c r="O6627" i="10"/>
  <c r="P6627" i="10" s="1"/>
  <c r="O6659" i="10"/>
  <c r="P6659" i="10" s="1"/>
  <c r="O6691" i="10"/>
  <c r="P6691" i="10" s="1"/>
  <c r="O6723" i="10"/>
  <c r="P6723" i="10" s="1"/>
  <c r="O6755" i="10"/>
  <c r="P6755" i="10" s="1"/>
  <c r="O6787" i="10"/>
  <c r="P6787" i="10" s="1"/>
  <c r="O6819" i="10"/>
  <c r="P6819" i="10" s="1"/>
  <c r="O6851" i="10"/>
  <c r="P6851" i="10" s="1"/>
  <c r="O6883" i="10"/>
  <c r="P6883" i="10" s="1"/>
  <c r="O6915" i="10"/>
  <c r="P6915" i="10" s="1"/>
  <c r="O6947" i="10"/>
  <c r="P6947" i="10" s="1"/>
  <c r="O6979" i="10"/>
  <c r="P6979" i="10" s="1"/>
  <c r="O7011" i="10"/>
  <c r="P7011" i="10" s="1"/>
  <c r="O7043" i="10"/>
  <c r="P7043" i="10" s="1"/>
  <c r="O7075" i="10"/>
  <c r="P7075" i="10" s="1"/>
  <c r="O7107" i="10"/>
  <c r="P7107" i="10" s="1"/>
  <c r="O7139" i="10"/>
  <c r="P7139" i="10" s="1"/>
  <c r="O7171" i="10"/>
  <c r="P7171" i="10" s="1"/>
  <c r="O7203" i="10"/>
  <c r="P7203" i="10" s="1"/>
  <c r="O7235" i="10"/>
  <c r="P7235" i="10" s="1"/>
  <c r="O7267" i="10"/>
  <c r="P7267" i="10" s="1"/>
  <c r="O7299" i="10"/>
  <c r="P7299" i="10" s="1"/>
  <c r="O7331" i="10"/>
  <c r="P7331" i="10" s="1"/>
  <c r="O7363" i="10"/>
  <c r="P7363" i="10" s="1"/>
  <c r="O7395" i="10"/>
  <c r="P7395" i="10" s="1"/>
  <c r="O7427" i="10"/>
  <c r="P7427" i="10" s="1"/>
  <c r="O7459" i="10"/>
  <c r="P7459" i="10" s="1"/>
  <c r="O6028" i="10"/>
  <c r="P6028" i="10" s="1"/>
  <c r="O6060" i="10"/>
  <c r="P6060" i="10" s="1"/>
  <c r="O6092" i="10"/>
  <c r="P6092" i="10" s="1"/>
  <c r="O6124" i="10"/>
  <c r="P6124" i="10" s="1"/>
  <c r="O6156" i="10"/>
  <c r="P6156" i="10" s="1"/>
  <c r="O6188" i="10"/>
  <c r="P6188" i="10" s="1"/>
  <c r="O6220" i="10"/>
  <c r="P6220" i="10" s="1"/>
  <c r="O6252" i="10"/>
  <c r="P6252" i="10" s="1"/>
  <c r="O6284" i="10"/>
  <c r="P6284" i="10" s="1"/>
  <c r="O6316" i="10"/>
  <c r="P6316" i="10" s="1"/>
  <c r="O6348" i="10"/>
  <c r="P6348" i="10" s="1"/>
  <c r="O6380" i="10"/>
  <c r="P6380" i="10" s="1"/>
  <c r="O6412" i="10"/>
  <c r="P6412" i="10" s="1"/>
  <c r="O6444" i="10"/>
  <c r="P6444" i="10" s="1"/>
  <c r="O6476" i="10"/>
  <c r="P6476" i="10" s="1"/>
  <c r="O6508" i="10"/>
  <c r="P6508" i="10" s="1"/>
  <c r="O6540" i="10"/>
  <c r="P6540" i="10" s="1"/>
  <c r="O6572" i="10"/>
  <c r="P6572" i="10" s="1"/>
  <c r="O6604" i="10"/>
  <c r="P6604" i="10" s="1"/>
  <c r="O6636" i="10"/>
  <c r="P6636" i="10" s="1"/>
  <c r="O6668" i="10"/>
  <c r="P6668" i="10" s="1"/>
  <c r="O6700" i="10"/>
  <c r="P6700" i="10" s="1"/>
  <c r="O6732" i="10"/>
  <c r="P6732" i="10" s="1"/>
  <c r="O6764" i="10"/>
  <c r="P6764" i="10" s="1"/>
  <c r="O6796" i="10"/>
  <c r="P6796" i="10" s="1"/>
  <c r="O6828" i="10"/>
  <c r="P6828" i="10" s="1"/>
  <c r="O6860" i="10"/>
  <c r="P6860" i="10" s="1"/>
  <c r="O6892" i="10"/>
  <c r="P6892" i="10" s="1"/>
  <c r="O6924" i="10"/>
  <c r="P6924" i="10" s="1"/>
  <c r="O6956" i="10"/>
  <c r="P6956" i="10" s="1"/>
  <c r="O6988" i="10"/>
  <c r="P6988" i="10" s="1"/>
  <c r="O7020" i="10"/>
  <c r="P7020" i="10" s="1"/>
  <c r="O7052" i="10"/>
  <c r="P7052" i="10" s="1"/>
  <c r="O7084" i="10"/>
  <c r="P7084" i="10" s="1"/>
  <c r="O7116" i="10"/>
  <c r="P7116" i="10" s="1"/>
  <c r="O7148" i="10"/>
  <c r="P7148" i="10" s="1"/>
  <c r="O7180" i="10"/>
  <c r="P7180" i="10" s="1"/>
  <c r="O7212" i="10"/>
  <c r="P7212" i="10" s="1"/>
  <c r="O7244" i="10"/>
  <c r="P7244" i="10" s="1"/>
  <c r="O7276" i="10"/>
  <c r="P7276" i="10" s="1"/>
  <c r="O7308" i="10"/>
  <c r="P7308" i="10" s="1"/>
  <c r="O7340" i="10"/>
  <c r="P7340" i="10" s="1"/>
  <c r="O7372" i="10"/>
  <c r="P7372" i="10" s="1"/>
  <c r="O7404" i="10"/>
  <c r="P7404" i="10" s="1"/>
  <c r="O7436" i="10"/>
  <c r="P7436" i="10" s="1"/>
  <c r="O6069" i="10"/>
  <c r="P6069" i="10" s="1"/>
  <c r="O6133" i="10"/>
  <c r="P6133" i="10" s="1"/>
  <c r="O6197" i="10"/>
  <c r="P6197" i="10" s="1"/>
  <c r="O6261" i="10"/>
  <c r="P6261" i="10" s="1"/>
  <c r="O6325" i="10"/>
  <c r="P6325" i="10" s="1"/>
  <c r="O6389" i="10"/>
  <c r="P6389" i="10" s="1"/>
  <c r="O6453" i="10"/>
  <c r="P6453" i="10" s="1"/>
  <c r="O6517" i="10"/>
  <c r="P6517" i="10" s="1"/>
  <c r="O6581" i="10"/>
  <c r="P6581" i="10" s="1"/>
  <c r="O6645" i="10"/>
  <c r="P6645" i="10" s="1"/>
  <c r="O6709" i="10"/>
  <c r="P6709" i="10" s="1"/>
  <c r="O6773" i="10"/>
  <c r="P6773" i="10" s="1"/>
  <c r="O6837" i="10"/>
  <c r="P6837" i="10" s="1"/>
  <c r="O6901" i="10"/>
  <c r="P6901" i="10" s="1"/>
  <c r="O6965" i="10"/>
  <c r="P6965" i="10" s="1"/>
  <c r="O7029" i="10"/>
  <c r="P7029" i="10" s="1"/>
  <c r="O7093" i="10"/>
  <c r="P7093" i="10" s="1"/>
  <c r="O7157" i="10"/>
  <c r="P7157" i="10" s="1"/>
  <c r="O7221" i="10"/>
  <c r="P7221" i="10" s="1"/>
  <c r="O7285" i="10"/>
  <c r="P7285" i="10" s="1"/>
  <c r="O7349" i="10"/>
  <c r="P7349" i="10" s="1"/>
  <c r="O7413" i="10"/>
  <c r="P7413" i="10" s="1"/>
  <c r="O1181" i="10"/>
  <c r="O1437" i="10"/>
  <c r="O1693" i="10"/>
  <c r="O2141" i="10"/>
  <c r="O2397" i="10"/>
  <c r="O3293" i="10"/>
  <c r="P3293" i="10" s="1"/>
  <c r="O3549" i="10"/>
  <c r="P3549" i="10" s="1"/>
  <c r="O4189" i="10"/>
  <c r="P4189" i="10" s="1"/>
  <c r="O4445" i="10"/>
  <c r="P4445" i="10" s="1"/>
  <c r="O5085" i="10"/>
  <c r="P5085" i="10" s="1"/>
  <c r="O5469" i="10"/>
  <c r="P5469" i="10" s="1"/>
  <c r="O36" i="10"/>
  <c r="O68" i="10"/>
  <c r="O100" i="10"/>
  <c r="O132" i="10"/>
  <c r="O164" i="10"/>
  <c r="O196" i="10"/>
  <c r="O228" i="10"/>
  <c r="O260" i="10"/>
  <c r="O292" i="10"/>
  <c r="O324" i="10"/>
  <c r="O356" i="10"/>
  <c r="O388" i="10"/>
  <c r="O420" i="10"/>
  <c r="O452" i="10"/>
  <c r="O484" i="10"/>
  <c r="O516" i="10"/>
  <c r="O548" i="10"/>
  <c r="O580" i="10"/>
  <c r="O612" i="10"/>
  <c r="O644" i="10"/>
  <c r="O676" i="10"/>
  <c r="O708" i="10"/>
  <c r="O740" i="10"/>
  <c r="O772" i="10"/>
  <c r="O804" i="10"/>
  <c r="O836" i="10"/>
  <c r="O868" i="10"/>
  <c r="O900" i="10"/>
  <c r="O932" i="10"/>
  <c r="O964" i="10"/>
  <c r="O996" i="10"/>
  <c r="O1028" i="10"/>
  <c r="O1060" i="10"/>
  <c r="O1092" i="10"/>
  <c r="O1124" i="10"/>
  <c r="O1156" i="10"/>
  <c r="O1188" i="10"/>
  <c r="O1220" i="10"/>
  <c r="O1252" i="10"/>
  <c r="O1284" i="10"/>
  <c r="O1316" i="10"/>
  <c r="O1348" i="10"/>
  <c r="O1380" i="10"/>
  <c r="O1412" i="10"/>
  <c r="O1444" i="10"/>
  <c r="O1476" i="10"/>
  <c r="O1508" i="10"/>
  <c r="O1540" i="10"/>
  <c r="O1572" i="10"/>
  <c r="O1604" i="10"/>
  <c r="O1636" i="10"/>
  <c r="O1668" i="10"/>
  <c r="O1700" i="10"/>
  <c r="O1732" i="10"/>
  <c r="O1764" i="10"/>
  <c r="O1796" i="10"/>
  <c r="O1828" i="10"/>
  <c r="O1860" i="10"/>
  <c r="O1892" i="10"/>
  <c r="O1924" i="10"/>
  <c r="O1956" i="10"/>
  <c r="O1988" i="10"/>
  <c r="O2020" i="10"/>
  <c r="O2052" i="10"/>
  <c r="O2084" i="10"/>
  <c r="O2116" i="10"/>
  <c r="O2148" i="10"/>
  <c r="O2180" i="10"/>
  <c r="O2212" i="10"/>
  <c r="O2244" i="10"/>
  <c r="O2276" i="10"/>
  <c r="O2308" i="10"/>
  <c r="O2340" i="10"/>
  <c r="O2372" i="10"/>
  <c r="O2404" i="10"/>
  <c r="O2436" i="10"/>
  <c r="O2468" i="10"/>
  <c r="O2500" i="10"/>
  <c r="O2532" i="10"/>
  <c r="O2564" i="10"/>
  <c r="O2596" i="10"/>
  <c r="O2628" i="10"/>
  <c r="O2660" i="10"/>
  <c r="O2692" i="10"/>
  <c r="O2724" i="10"/>
  <c r="O2756" i="10"/>
  <c r="O2788" i="10"/>
  <c r="O2820" i="10"/>
  <c r="O2852" i="10"/>
  <c r="P2852" i="10" s="1"/>
  <c r="O2884" i="10"/>
  <c r="P2884" i="10" s="1"/>
  <c r="O2916" i="10"/>
  <c r="P2916" i="10" s="1"/>
  <c r="O2948" i="10"/>
  <c r="P2948" i="10" s="1"/>
  <c r="O2980" i="10"/>
  <c r="P2980" i="10" s="1"/>
  <c r="O3012" i="10"/>
  <c r="P3012" i="10" s="1"/>
  <c r="O3044" i="10"/>
  <c r="P3044" i="10" s="1"/>
  <c r="O3076" i="10"/>
  <c r="P3076" i="10" s="1"/>
  <c r="O3108" i="10"/>
  <c r="P3108" i="10" s="1"/>
  <c r="O3140" i="10"/>
  <c r="P3140" i="10" s="1"/>
  <c r="O3172" i="10"/>
  <c r="P3172" i="10" s="1"/>
  <c r="O3204" i="10"/>
  <c r="P3204" i="10" s="1"/>
  <c r="O3236" i="10"/>
  <c r="P3236" i="10" s="1"/>
  <c r="O3268" i="10"/>
  <c r="P3268" i="10" s="1"/>
  <c r="O3300" i="10"/>
  <c r="P3300" i="10" s="1"/>
  <c r="O3332" i="10"/>
  <c r="P3332" i="10" s="1"/>
  <c r="O3364" i="10"/>
  <c r="P3364" i="10" s="1"/>
  <c r="O3396" i="10"/>
  <c r="P3396" i="10" s="1"/>
  <c r="O3428" i="10"/>
  <c r="P3428" i="10" s="1"/>
  <c r="O3460" i="10"/>
  <c r="P3460" i="10" s="1"/>
  <c r="O3492" i="10"/>
  <c r="P3492" i="10" s="1"/>
  <c r="O3524" i="10"/>
  <c r="P3524" i="10" s="1"/>
  <c r="O3556" i="10"/>
  <c r="P3556" i="10" s="1"/>
  <c r="O3588" i="10"/>
  <c r="P3588" i="10" s="1"/>
  <c r="O3620" i="10"/>
  <c r="P3620" i="10" s="1"/>
  <c r="O3652" i="10"/>
  <c r="P3652" i="10" s="1"/>
  <c r="O3684" i="10"/>
  <c r="P3684" i="10" s="1"/>
  <c r="O3716" i="10"/>
  <c r="P3716" i="10" s="1"/>
  <c r="O3748" i="10"/>
  <c r="P3748" i="10" s="1"/>
  <c r="O3780" i="10"/>
  <c r="P3780" i="10" s="1"/>
  <c r="O3812" i="10"/>
  <c r="P3812" i="10" s="1"/>
  <c r="O3844" i="10"/>
  <c r="P3844" i="10" s="1"/>
  <c r="O3876" i="10"/>
  <c r="P3876" i="10" s="1"/>
  <c r="O3908" i="10"/>
  <c r="P3908" i="10" s="1"/>
  <c r="O3940" i="10"/>
  <c r="P3940" i="10" s="1"/>
  <c r="O3972" i="10"/>
  <c r="P3972" i="10" s="1"/>
  <c r="O4004" i="10"/>
  <c r="P4004" i="10" s="1"/>
  <c r="O4036" i="10"/>
  <c r="P4036" i="10" s="1"/>
  <c r="O4068" i="10"/>
  <c r="P4068" i="10" s="1"/>
  <c r="O4100" i="10"/>
  <c r="P4100" i="10" s="1"/>
  <c r="O4132" i="10"/>
  <c r="P4132" i="10" s="1"/>
  <c r="O4164" i="10"/>
  <c r="P4164" i="10" s="1"/>
  <c r="O4196" i="10"/>
  <c r="P4196" i="10" s="1"/>
  <c r="O4228" i="10"/>
  <c r="P4228" i="10" s="1"/>
  <c r="O4260" i="10"/>
  <c r="P4260" i="10" s="1"/>
  <c r="O4292" i="10"/>
  <c r="P4292" i="10" s="1"/>
  <c r="O4324" i="10"/>
  <c r="P4324" i="10" s="1"/>
  <c r="O4356" i="10"/>
  <c r="P4356" i="10" s="1"/>
  <c r="O4388" i="10"/>
  <c r="P4388" i="10" s="1"/>
  <c r="O4420" i="10"/>
  <c r="P4420" i="10" s="1"/>
  <c r="O4452" i="10"/>
  <c r="P4452" i="10" s="1"/>
  <c r="O4484" i="10"/>
  <c r="P4484" i="10" s="1"/>
  <c r="O4516" i="10"/>
  <c r="P4516" i="10" s="1"/>
  <c r="O4548" i="10"/>
  <c r="P4548" i="10" s="1"/>
  <c r="O4580" i="10"/>
  <c r="P4580" i="10" s="1"/>
  <c r="O4612" i="10"/>
  <c r="P4612" i="10" s="1"/>
  <c r="O4644" i="10"/>
  <c r="P4644" i="10" s="1"/>
  <c r="O4676" i="10"/>
  <c r="P4676" i="10" s="1"/>
  <c r="O4708" i="10"/>
  <c r="P4708" i="10" s="1"/>
  <c r="O4740" i="10"/>
  <c r="P4740" i="10" s="1"/>
  <c r="O4772" i="10"/>
  <c r="P4772" i="10" s="1"/>
  <c r="O4804" i="10"/>
  <c r="P4804" i="10" s="1"/>
  <c r="O4836" i="10"/>
  <c r="P4836" i="10" s="1"/>
  <c r="O4868" i="10"/>
  <c r="P4868" i="10" s="1"/>
  <c r="O4900" i="10"/>
  <c r="P4900" i="10" s="1"/>
  <c r="O4932" i="10"/>
  <c r="P4932" i="10" s="1"/>
  <c r="O4964" i="10"/>
  <c r="P4964" i="10" s="1"/>
  <c r="O4996" i="10"/>
  <c r="P4996" i="10" s="1"/>
  <c r="O5028" i="10"/>
  <c r="P5028" i="10" s="1"/>
  <c r="O5060" i="10"/>
  <c r="P5060" i="10" s="1"/>
  <c r="O5092" i="10"/>
  <c r="P5092" i="10" s="1"/>
  <c r="O5124" i="10"/>
  <c r="P5124" i="10" s="1"/>
  <c r="O5156" i="10"/>
  <c r="P5156" i="10" s="1"/>
  <c r="O5188" i="10"/>
  <c r="P5188" i="10" s="1"/>
  <c r="O5220" i="10"/>
  <c r="P5220" i="10" s="1"/>
  <c r="O5252" i="10"/>
  <c r="P5252" i="10" s="1"/>
  <c r="O5284" i="10"/>
  <c r="P5284" i="10" s="1"/>
  <c r="O5316" i="10"/>
  <c r="P5316" i="10" s="1"/>
  <c r="O5348" i="10"/>
  <c r="P5348" i="10" s="1"/>
  <c r="O5380" i="10"/>
  <c r="P5380" i="10" s="1"/>
  <c r="O5412" i="10"/>
  <c r="P5412" i="10" s="1"/>
  <c r="O5444" i="10"/>
  <c r="P5444" i="10" s="1"/>
  <c r="O5476" i="10"/>
  <c r="P5476" i="10" s="1"/>
  <c r="O5508" i="10"/>
  <c r="P5508" i="10" s="1"/>
  <c r="O5540" i="10"/>
  <c r="P5540" i="10" s="1"/>
  <c r="O5572" i="10"/>
  <c r="P5572" i="10" s="1"/>
  <c r="O5604" i="10"/>
  <c r="P5604" i="10" s="1"/>
  <c r="O5636" i="10"/>
  <c r="P5636" i="10" s="1"/>
  <c r="O5668" i="10"/>
  <c r="P5668" i="10" s="1"/>
  <c r="O5700" i="10"/>
  <c r="P5700" i="10" s="1"/>
  <c r="O5732" i="10"/>
  <c r="P5732" i="10" s="1"/>
  <c r="O5764" i="10"/>
  <c r="P5764" i="10" s="1"/>
  <c r="O37" i="10"/>
  <c r="O69" i="10"/>
  <c r="O101" i="10"/>
  <c r="O133" i="10"/>
  <c r="O165" i="10"/>
  <c r="O197" i="10"/>
  <c r="O229" i="10"/>
  <c r="O261" i="10"/>
  <c r="O293" i="10"/>
  <c r="O325" i="10"/>
  <c r="O357" i="10"/>
  <c r="O389" i="10"/>
  <c r="O421" i="10"/>
  <c r="O453" i="10"/>
  <c r="O485" i="10"/>
  <c r="O517" i="10"/>
  <c r="O549" i="10"/>
  <c r="O581" i="10"/>
  <c r="O613" i="10"/>
  <c r="O645" i="10"/>
  <c r="O677" i="10"/>
  <c r="O709" i="10"/>
  <c r="O741" i="10"/>
  <c r="O773" i="10"/>
  <c r="O805" i="10"/>
  <c r="O837" i="10"/>
  <c r="O869" i="10"/>
  <c r="O901" i="10"/>
  <c r="O933" i="10"/>
  <c r="O965" i="10"/>
  <c r="O997" i="10"/>
  <c r="O1029" i="10"/>
  <c r="O1061" i="10"/>
  <c r="O1093" i="10"/>
  <c r="O1125" i="10"/>
  <c r="O1157" i="10"/>
  <c r="O1189" i="10"/>
  <c r="O1221" i="10"/>
  <c r="O1253" i="10"/>
  <c r="O1285" i="10"/>
  <c r="O1317" i="10"/>
  <c r="O1349" i="10"/>
  <c r="O1381" i="10"/>
  <c r="O1413" i="10"/>
  <c r="O1445" i="10"/>
  <c r="O1477" i="10"/>
  <c r="O1509" i="10"/>
  <c r="O1541" i="10"/>
  <c r="O1573" i="10"/>
  <c r="O1605" i="10"/>
  <c r="O1637" i="10"/>
  <c r="O1669" i="10"/>
  <c r="O1701" i="10"/>
  <c r="O1733" i="10"/>
  <c r="O1765" i="10"/>
  <c r="O1797" i="10"/>
  <c r="O1829" i="10"/>
  <c r="O1861" i="10"/>
  <c r="O1893" i="10"/>
  <c r="O1925" i="10"/>
  <c r="O1957" i="10"/>
  <c r="O1989" i="10"/>
  <c r="O2021" i="10"/>
  <c r="O2053" i="10"/>
  <c r="O2085" i="10"/>
  <c r="O2117" i="10"/>
  <c r="O2149" i="10"/>
  <c r="O2181" i="10"/>
  <c r="O2213" i="10"/>
  <c r="O2245" i="10"/>
  <c r="O2277" i="10"/>
  <c r="O2309" i="10"/>
  <c r="O2341" i="10"/>
  <c r="O2373" i="10"/>
  <c r="O2405" i="10"/>
  <c r="O2437" i="10"/>
  <c r="O2469" i="10"/>
  <c r="O2501" i="10"/>
  <c r="O2533" i="10"/>
  <c r="O2565" i="10"/>
  <c r="O2597" i="10"/>
  <c r="O2629" i="10"/>
  <c r="O2661" i="10"/>
  <c r="O2693" i="10"/>
  <c r="O2725" i="10"/>
  <c r="O2757" i="10"/>
  <c r="O2789" i="10"/>
  <c r="O2821" i="10"/>
  <c r="O2853" i="10"/>
  <c r="P2853" i="10" s="1"/>
  <c r="O2885" i="10"/>
  <c r="P2885" i="10" s="1"/>
  <c r="O2917" i="10"/>
  <c r="P2917" i="10" s="1"/>
  <c r="O2949" i="10"/>
  <c r="P2949" i="10" s="1"/>
  <c r="O2981" i="10"/>
  <c r="P2981" i="10" s="1"/>
  <c r="O3013" i="10"/>
  <c r="P3013" i="10" s="1"/>
  <c r="O3045" i="10"/>
  <c r="P3045" i="10" s="1"/>
  <c r="O3077" i="10"/>
  <c r="P3077" i="10" s="1"/>
  <c r="O3109" i="10"/>
  <c r="P3109" i="10" s="1"/>
  <c r="O3141" i="10"/>
  <c r="P3141" i="10" s="1"/>
  <c r="O3173" i="10"/>
  <c r="P3173" i="10" s="1"/>
  <c r="O3205" i="10"/>
  <c r="P3205" i="10" s="1"/>
  <c r="O3237" i="10"/>
  <c r="P3237" i="10" s="1"/>
  <c r="O3269" i="10"/>
  <c r="P3269" i="10" s="1"/>
  <c r="O3301" i="10"/>
  <c r="P3301" i="10" s="1"/>
  <c r="O3333" i="10"/>
  <c r="P3333" i="10" s="1"/>
  <c r="O3365" i="10"/>
  <c r="P3365" i="10" s="1"/>
  <c r="O3397" i="10"/>
  <c r="P3397" i="10" s="1"/>
  <c r="O3429" i="10"/>
  <c r="P3429" i="10" s="1"/>
  <c r="O3461" i="10"/>
  <c r="P3461" i="10" s="1"/>
  <c r="O3493" i="10"/>
  <c r="P3493" i="10" s="1"/>
  <c r="O3525" i="10"/>
  <c r="P3525" i="10" s="1"/>
  <c r="O3557" i="10"/>
  <c r="P3557" i="10" s="1"/>
  <c r="O3589" i="10"/>
  <c r="P3589" i="10" s="1"/>
  <c r="O3621" i="10"/>
  <c r="P3621" i="10" s="1"/>
  <c r="O3653" i="10"/>
  <c r="P3653" i="10" s="1"/>
  <c r="O3685" i="10"/>
  <c r="P3685" i="10" s="1"/>
  <c r="O3717" i="10"/>
  <c r="P3717" i="10" s="1"/>
  <c r="O3749" i="10"/>
  <c r="P3749" i="10" s="1"/>
  <c r="O3781" i="10"/>
  <c r="P3781" i="10" s="1"/>
  <c r="O3813" i="10"/>
  <c r="P3813" i="10" s="1"/>
  <c r="O3845" i="10"/>
  <c r="P3845" i="10" s="1"/>
  <c r="O3877" i="10"/>
  <c r="P3877" i="10" s="1"/>
  <c r="O3909" i="10"/>
  <c r="P3909" i="10" s="1"/>
  <c r="O3941" i="10"/>
  <c r="P3941" i="10" s="1"/>
  <c r="O3973" i="10"/>
  <c r="P3973" i="10" s="1"/>
  <c r="O4005" i="10"/>
  <c r="P4005" i="10" s="1"/>
  <c r="O4037" i="10"/>
  <c r="P4037" i="10" s="1"/>
  <c r="O4069" i="10"/>
  <c r="P4069" i="10" s="1"/>
  <c r="O4101" i="10"/>
  <c r="P4101" i="10" s="1"/>
  <c r="O4133" i="10"/>
  <c r="P4133" i="10" s="1"/>
  <c r="O4165" i="10"/>
  <c r="P4165" i="10" s="1"/>
  <c r="O4197" i="10"/>
  <c r="P4197" i="10" s="1"/>
  <c r="O4229" i="10"/>
  <c r="P4229" i="10" s="1"/>
  <c r="O4261" i="10"/>
  <c r="P4261" i="10" s="1"/>
  <c r="O4293" i="10"/>
  <c r="P4293" i="10" s="1"/>
  <c r="O4325" i="10"/>
  <c r="P4325" i="10" s="1"/>
  <c r="O4357" i="10"/>
  <c r="P4357" i="10" s="1"/>
  <c r="O4389" i="10"/>
  <c r="P4389" i="10" s="1"/>
  <c r="O4421" i="10"/>
  <c r="P4421" i="10" s="1"/>
  <c r="O4453" i="10"/>
  <c r="P4453" i="10" s="1"/>
  <c r="O4485" i="10"/>
  <c r="P4485" i="10" s="1"/>
  <c r="O4517" i="10"/>
  <c r="P4517" i="10" s="1"/>
  <c r="O4549" i="10"/>
  <c r="P4549" i="10" s="1"/>
  <c r="O4581" i="10"/>
  <c r="P4581" i="10" s="1"/>
  <c r="O4613" i="10"/>
  <c r="P4613" i="10" s="1"/>
  <c r="O4645" i="10"/>
  <c r="P4645" i="10" s="1"/>
  <c r="O4677" i="10"/>
  <c r="P4677" i="10" s="1"/>
  <c r="O4709" i="10"/>
  <c r="P4709" i="10" s="1"/>
  <c r="O4741" i="10"/>
  <c r="P4741" i="10" s="1"/>
  <c r="O4773" i="10"/>
  <c r="P4773" i="10" s="1"/>
  <c r="O4805" i="10"/>
  <c r="P4805" i="10" s="1"/>
  <c r="O4837" i="10"/>
  <c r="P4837" i="10" s="1"/>
  <c r="O4869" i="10"/>
  <c r="P4869" i="10" s="1"/>
  <c r="O4901" i="10"/>
  <c r="P4901" i="10" s="1"/>
  <c r="O4933" i="10"/>
  <c r="P4933" i="10" s="1"/>
  <c r="O4965" i="10"/>
  <c r="P4965" i="10" s="1"/>
  <c r="O4997" i="10"/>
  <c r="P4997" i="10" s="1"/>
  <c r="O5029" i="10"/>
  <c r="P5029" i="10" s="1"/>
  <c r="O5061" i="10"/>
  <c r="P5061" i="10" s="1"/>
  <c r="O5093" i="10"/>
  <c r="P5093" i="10" s="1"/>
  <c r="O5125" i="10"/>
  <c r="P5125" i="10" s="1"/>
  <c r="O5157" i="10"/>
  <c r="P5157" i="10" s="1"/>
  <c r="O5189" i="10"/>
  <c r="P5189" i="10" s="1"/>
  <c r="O5221" i="10"/>
  <c r="P5221" i="10" s="1"/>
  <c r="O5253" i="10"/>
  <c r="P5253" i="10" s="1"/>
  <c r="O5285" i="10"/>
  <c r="P5285" i="10" s="1"/>
  <c r="O5317" i="10"/>
  <c r="P5317" i="10" s="1"/>
  <c r="O5349" i="10"/>
  <c r="P5349" i="10" s="1"/>
  <c r="O5381" i="10"/>
  <c r="P5381" i="10" s="1"/>
  <c r="O5413" i="10"/>
  <c r="P5413" i="10" s="1"/>
  <c r="O5445" i="10"/>
  <c r="P5445" i="10" s="1"/>
  <c r="O5477" i="10"/>
  <c r="P5477" i="10" s="1"/>
  <c r="O5509" i="10"/>
  <c r="P5509" i="10" s="1"/>
  <c r="O5541" i="10"/>
  <c r="P5541" i="10" s="1"/>
  <c r="O5573" i="10"/>
  <c r="P5573" i="10" s="1"/>
  <c r="O5605" i="10"/>
  <c r="P5605" i="10" s="1"/>
  <c r="O5637" i="10"/>
  <c r="P5637" i="10" s="1"/>
  <c r="O5669" i="10"/>
  <c r="P5669" i="10" s="1"/>
  <c r="O5701" i="10"/>
  <c r="P5701" i="10" s="1"/>
  <c r="O5733" i="10"/>
  <c r="P5733" i="10" s="1"/>
  <c r="O5765" i="10"/>
  <c r="P5765" i="10" s="1"/>
  <c r="O38" i="10"/>
  <c r="O102" i="10"/>
  <c r="O166" i="10"/>
  <c r="O230" i="10"/>
  <c r="O294" i="10"/>
  <c r="O358" i="10"/>
  <c r="O422" i="10"/>
  <c r="O486" i="10"/>
  <c r="O550" i="10"/>
  <c r="O614" i="10"/>
  <c r="O678" i="10"/>
  <c r="O742" i="10"/>
  <c r="O806" i="10"/>
  <c r="O870" i="10"/>
  <c r="O934" i="10"/>
  <c r="O998" i="10"/>
  <c r="O1062" i="10"/>
  <c r="O1126" i="10"/>
  <c r="O1190" i="10"/>
  <c r="O1254" i="10"/>
  <c r="O1318" i="10"/>
  <c r="O1382" i="10"/>
  <c r="O1446" i="10"/>
  <c r="O1510" i="10"/>
  <c r="O1574" i="10"/>
  <c r="O1638" i="10"/>
  <c r="O1702" i="10"/>
  <c r="O1766" i="10"/>
  <c r="O1830" i="10"/>
  <c r="O1894" i="10"/>
  <c r="O1958" i="10"/>
  <c r="O2022" i="10"/>
  <c r="O2086" i="10"/>
  <c r="O2150" i="10"/>
  <c r="O2214" i="10"/>
  <c r="O2278" i="10"/>
  <c r="O2342" i="10"/>
  <c r="O2406" i="10"/>
  <c r="O2470" i="10"/>
  <c r="O2534" i="10"/>
  <c r="O2598" i="10"/>
  <c r="O2662" i="10"/>
  <c r="O2726" i="10"/>
  <c r="O2790" i="10"/>
  <c r="O2854" i="10"/>
  <c r="P2854" i="10" s="1"/>
  <c r="O2918" i="10"/>
  <c r="P2918" i="10" s="1"/>
  <c r="O2982" i="10"/>
  <c r="P2982" i="10" s="1"/>
  <c r="O3046" i="10"/>
  <c r="P3046" i="10" s="1"/>
  <c r="O3110" i="10"/>
  <c r="P3110" i="10" s="1"/>
  <c r="O3174" i="10"/>
  <c r="P3174" i="10" s="1"/>
  <c r="O3238" i="10"/>
  <c r="P3238" i="10" s="1"/>
  <c r="O3302" i="10"/>
  <c r="P3302" i="10" s="1"/>
  <c r="O3366" i="10"/>
  <c r="P3366" i="10" s="1"/>
  <c r="O3430" i="10"/>
  <c r="P3430" i="10" s="1"/>
  <c r="O3494" i="10"/>
  <c r="P3494" i="10" s="1"/>
  <c r="O3558" i="10"/>
  <c r="P3558" i="10" s="1"/>
  <c r="O3622" i="10"/>
  <c r="P3622" i="10" s="1"/>
  <c r="O3686" i="10"/>
  <c r="P3686" i="10" s="1"/>
  <c r="O3750" i="10"/>
  <c r="P3750" i="10" s="1"/>
  <c r="O3814" i="10"/>
  <c r="P3814" i="10" s="1"/>
  <c r="O3878" i="10"/>
  <c r="P3878" i="10" s="1"/>
  <c r="O3942" i="10"/>
  <c r="P3942" i="10" s="1"/>
  <c r="O4006" i="10"/>
  <c r="P4006" i="10" s="1"/>
  <c r="O4070" i="10"/>
  <c r="P4070" i="10" s="1"/>
  <c r="O4134" i="10"/>
  <c r="P4134" i="10" s="1"/>
  <c r="O4198" i="10"/>
  <c r="P4198" i="10" s="1"/>
  <c r="O4262" i="10"/>
  <c r="P4262" i="10" s="1"/>
  <c r="O4326" i="10"/>
  <c r="P4326" i="10" s="1"/>
  <c r="O4390" i="10"/>
  <c r="P4390" i="10" s="1"/>
  <c r="O4454" i="10"/>
  <c r="P4454" i="10" s="1"/>
  <c r="O4518" i="10"/>
  <c r="P4518" i="10" s="1"/>
  <c r="O4582" i="10"/>
  <c r="P4582" i="10" s="1"/>
  <c r="O4646" i="10"/>
  <c r="P4646" i="10" s="1"/>
  <c r="O4710" i="10"/>
  <c r="P4710" i="10" s="1"/>
  <c r="O4774" i="10"/>
  <c r="P4774" i="10" s="1"/>
  <c r="O4806" i="10"/>
  <c r="P4806" i="10" s="1"/>
  <c r="O4838" i="10"/>
  <c r="P4838" i="10" s="1"/>
  <c r="O4870" i="10"/>
  <c r="P4870" i="10" s="1"/>
  <c r="O4902" i="10"/>
  <c r="P4902" i="10" s="1"/>
  <c r="O4934" i="10"/>
  <c r="P4934" i="10" s="1"/>
  <c r="O4966" i="10"/>
  <c r="P4966" i="10" s="1"/>
  <c r="O4998" i="10"/>
  <c r="P4998" i="10" s="1"/>
  <c r="O5030" i="10"/>
  <c r="P5030" i="10" s="1"/>
  <c r="O5062" i="10"/>
  <c r="P5062" i="10" s="1"/>
  <c r="O5094" i="10"/>
  <c r="P5094" i="10" s="1"/>
  <c r="O5126" i="10"/>
  <c r="P5126" i="10" s="1"/>
  <c r="O5158" i="10"/>
  <c r="P5158" i="10" s="1"/>
  <c r="O5190" i="10"/>
  <c r="P5190" i="10" s="1"/>
  <c r="O5222" i="10"/>
  <c r="P5222" i="10" s="1"/>
  <c r="O5254" i="10"/>
  <c r="P5254" i="10" s="1"/>
  <c r="O5286" i="10"/>
  <c r="P5286" i="10" s="1"/>
  <c r="O5318" i="10"/>
  <c r="P5318" i="10" s="1"/>
  <c r="O5350" i="10"/>
  <c r="P5350" i="10" s="1"/>
  <c r="O5382" i="10"/>
  <c r="P5382" i="10" s="1"/>
  <c r="O5414" i="10"/>
  <c r="P5414" i="10" s="1"/>
  <c r="O5446" i="10"/>
  <c r="P5446" i="10" s="1"/>
  <c r="O5478" i="10"/>
  <c r="P5478" i="10" s="1"/>
  <c r="O5510" i="10"/>
  <c r="P5510" i="10" s="1"/>
  <c r="O5542" i="10"/>
  <c r="P5542" i="10" s="1"/>
  <c r="O5574" i="10"/>
  <c r="P5574" i="10" s="1"/>
  <c r="O5606" i="10"/>
  <c r="P5606" i="10" s="1"/>
  <c r="O5638" i="10"/>
  <c r="P5638" i="10" s="1"/>
  <c r="O5670" i="10"/>
  <c r="P5670" i="10" s="1"/>
  <c r="O5702" i="10"/>
  <c r="P5702" i="10" s="1"/>
  <c r="O5734" i="10"/>
  <c r="P5734" i="10" s="1"/>
  <c r="O5766" i="10"/>
  <c r="P5766" i="10" s="1"/>
  <c r="O31" i="10"/>
  <c r="O63" i="10"/>
  <c r="O95" i="10"/>
  <c r="O127" i="10"/>
  <c r="O159" i="10"/>
  <c r="O191" i="10"/>
  <c r="O223" i="10"/>
  <c r="O255" i="10"/>
  <c r="O287" i="10"/>
  <c r="O319" i="10"/>
  <c r="O351" i="10"/>
  <c r="O383" i="10"/>
  <c r="O415" i="10"/>
  <c r="O447" i="10"/>
  <c r="O479" i="10"/>
  <c r="O511" i="10"/>
  <c r="O543" i="10"/>
  <c r="O575" i="10"/>
  <c r="O607" i="10"/>
  <c r="O639" i="10"/>
  <c r="O671" i="10"/>
  <c r="O703" i="10"/>
  <c r="O735" i="10"/>
  <c r="O767" i="10"/>
  <c r="O799" i="10"/>
  <c r="O831" i="10"/>
  <c r="O863" i="10"/>
  <c r="O895" i="10"/>
  <c r="O927" i="10"/>
  <c r="O959" i="10"/>
  <c r="O991" i="10"/>
  <c r="O1023" i="10"/>
  <c r="O1055" i="10"/>
  <c r="O1087" i="10"/>
  <c r="O1119" i="10"/>
  <c r="O1151" i="10"/>
  <c r="O1183" i="10"/>
  <c r="O1215" i="10"/>
  <c r="O1247" i="10"/>
  <c r="O1279" i="10"/>
  <c r="O1311" i="10"/>
  <c r="O1343" i="10"/>
  <c r="O1375" i="10"/>
  <c r="O1407" i="10"/>
  <c r="O1439" i="10"/>
  <c r="O1471" i="10"/>
  <c r="O1503" i="10"/>
  <c r="O1535" i="10"/>
  <c r="O1567" i="10"/>
  <c r="O1599" i="10"/>
  <c r="O1631" i="10"/>
  <c r="O1663" i="10"/>
  <c r="O1695" i="10"/>
  <c r="O1727" i="10"/>
  <c r="O1759" i="10"/>
  <c r="O1791" i="10"/>
  <c r="O1823" i="10"/>
  <c r="O1855" i="10"/>
  <c r="O1887" i="10"/>
  <c r="O1919" i="10"/>
  <c r="O1951" i="10"/>
  <c r="O1983" i="10"/>
  <c r="O2015" i="10"/>
  <c r="O2047" i="10"/>
  <c r="O2079" i="10"/>
  <c r="O2111" i="10"/>
  <c r="O2143" i="10"/>
  <c r="O2175" i="10"/>
  <c r="O2207" i="10"/>
  <c r="O2239" i="10"/>
  <c r="O2271" i="10"/>
  <c r="O2303" i="10"/>
  <c r="O2335" i="10"/>
  <c r="O2367" i="10"/>
  <c r="O2399" i="10"/>
  <c r="O2431" i="10"/>
  <c r="O2463" i="10"/>
  <c r="O2495" i="10"/>
  <c r="O2527" i="10"/>
  <c r="O2559" i="10"/>
  <c r="O2591" i="10"/>
  <c r="O2623" i="10"/>
  <c r="O2655" i="10"/>
  <c r="O2687" i="10"/>
  <c r="O2719" i="10"/>
  <c r="O2751" i="10"/>
  <c r="O2783" i="10"/>
  <c r="O2815" i="10"/>
  <c r="O2847" i="10"/>
  <c r="P2847" i="10" s="1"/>
  <c r="O2879" i="10"/>
  <c r="P2879" i="10" s="1"/>
  <c r="O2911" i="10"/>
  <c r="P2911" i="10" s="1"/>
  <c r="O2943" i="10"/>
  <c r="P2943" i="10" s="1"/>
  <c r="O2975" i="10"/>
  <c r="P2975" i="10" s="1"/>
  <c r="O3007" i="10"/>
  <c r="P3007" i="10" s="1"/>
  <c r="O3039" i="10"/>
  <c r="P3039" i="10" s="1"/>
  <c r="O3071" i="10"/>
  <c r="P3071" i="10" s="1"/>
  <c r="O3103" i="10"/>
  <c r="P3103" i="10" s="1"/>
  <c r="O3135" i="10"/>
  <c r="P3135" i="10" s="1"/>
  <c r="O3167" i="10"/>
  <c r="P3167" i="10" s="1"/>
  <c r="O3199" i="10"/>
  <c r="P3199" i="10" s="1"/>
  <c r="O3231" i="10"/>
  <c r="P3231" i="10" s="1"/>
  <c r="O3263" i="10"/>
  <c r="P3263" i="10" s="1"/>
  <c r="O3295" i="10"/>
  <c r="P3295" i="10" s="1"/>
  <c r="O3327" i="10"/>
  <c r="P3327" i="10" s="1"/>
  <c r="O3359" i="10"/>
  <c r="P3359" i="10" s="1"/>
  <c r="O3391" i="10"/>
  <c r="P3391" i="10" s="1"/>
  <c r="O3423" i="10"/>
  <c r="P3423" i="10" s="1"/>
  <c r="O3455" i="10"/>
  <c r="P3455" i="10" s="1"/>
  <c r="O3487" i="10"/>
  <c r="P3487" i="10" s="1"/>
  <c r="O3519" i="10"/>
  <c r="P3519" i="10" s="1"/>
  <c r="O3551" i="10"/>
  <c r="P3551" i="10" s="1"/>
  <c r="O3583" i="10"/>
  <c r="P3583" i="10" s="1"/>
  <c r="O3615" i="10"/>
  <c r="P3615" i="10" s="1"/>
  <c r="O3647" i="10"/>
  <c r="P3647" i="10" s="1"/>
  <c r="O3679" i="10"/>
  <c r="P3679" i="10" s="1"/>
  <c r="O3711" i="10"/>
  <c r="P3711" i="10" s="1"/>
  <c r="O3743" i="10"/>
  <c r="P3743" i="10" s="1"/>
  <c r="O3775" i="10"/>
  <c r="P3775" i="10" s="1"/>
  <c r="O3807" i="10"/>
  <c r="P3807" i="10" s="1"/>
  <c r="O3839" i="10"/>
  <c r="P3839" i="10" s="1"/>
  <c r="O3871" i="10"/>
  <c r="P3871" i="10" s="1"/>
  <c r="O3903" i="10"/>
  <c r="P3903" i="10" s="1"/>
  <c r="O3935" i="10"/>
  <c r="P3935" i="10" s="1"/>
  <c r="O3967" i="10"/>
  <c r="P3967" i="10" s="1"/>
  <c r="O3999" i="10"/>
  <c r="P3999" i="10" s="1"/>
  <c r="O4031" i="10"/>
  <c r="P4031" i="10" s="1"/>
  <c r="O4063" i="10"/>
  <c r="P4063" i="10" s="1"/>
  <c r="O4095" i="10"/>
  <c r="P4095" i="10" s="1"/>
  <c r="O4127" i="10"/>
  <c r="P4127" i="10" s="1"/>
  <c r="O4159" i="10"/>
  <c r="P4159" i="10" s="1"/>
  <c r="O4191" i="10"/>
  <c r="P4191" i="10" s="1"/>
  <c r="O4223" i="10"/>
  <c r="P4223" i="10" s="1"/>
  <c r="O4255" i="10"/>
  <c r="P4255" i="10" s="1"/>
  <c r="O4287" i="10"/>
  <c r="P4287" i="10" s="1"/>
  <c r="O4319" i="10"/>
  <c r="P4319" i="10" s="1"/>
  <c r="O4351" i="10"/>
  <c r="P4351" i="10" s="1"/>
  <c r="O4383" i="10"/>
  <c r="P4383" i="10" s="1"/>
  <c r="O4415" i="10"/>
  <c r="P4415" i="10" s="1"/>
  <c r="O4447" i="10"/>
  <c r="P4447" i="10" s="1"/>
  <c r="O4479" i="10"/>
  <c r="P4479" i="10" s="1"/>
  <c r="O4511" i="10"/>
  <c r="P4511" i="10" s="1"/>
  <c r="O4543" i="10"/>
  <c r="P4543" i="10" s="1"/>
  <c r="O4575" i="10"/>
  <c r="P4575" i="10" s="1"/>
  <c r="O4607" i="10"/>
  <c r="P4607" i="10" s="1"/>
  <c r="O4639" i="10"/>
  <c r="P4639" i="10" s="1"/>
  <c r="O4671" i="10"/>
  <c r="P4671" i="10" s="1"/>
  <c r="O4703" i="10"/>
  <c r="P4703" i="10" s="1"/>
  <c r="O4735" i="10"/>
  <c r="P4735" i="10" s="1"/>
  <c r="O4767" i="10"/>
  <c r="P4767" i="10" s="1"/>
  <c r="O4799" i="10"/>
  <c r="P4799" i="10" s="1"/>
  <c r="O4831" i="10"/>
  <c r="P4831" i="10" s="1"/>
  <c r="O4863" i="10"/>
  <c r="P4863" i="10" s="1"/>
  <c r="O4895" i="10"/>
  <c r="P4895" i="10" s="1"/>
  <c r="O4927" i="10"/>
  <c r="P4927" i="10" s="1"/>
  <c r="O4959" i="10"/>
  <c r="P4959" i="10" s="1"/>
  <c r="O4991" i="10"/>
  <c r="P4991" i="10" s="1"/>
  <c r="O5023" i="10"/>
  <c r="P5023" i="10" s="1"/>
  <c r="O5055" i="10"/>
  <c r="P5055" i="10" s="1"/>
  <c r="O5087" i="10"/>
  <c r="P5087" i="10" s="1"/>
  <c r="O5119" i="10"/>
  <c r="P5119" i="10" s="1"/>
  <c r="O5151" i="10"/>
  <c r="P5151" i="10" s="1"/>
  <c r="O5183" i="10"/>
  <c r="P5183" i="10" s="1"/>
  <c r="O5215" i="10"/>
  <c r="P5215" i="10" s="1"/>
  <c r="O5247" i="10"/>
  <c r="P5247" i="10" s="1"/>
  <c r="O5279" i="10"/>
  <c r="P5279" i="10" s="1"/>
  <c r="O5311" i="10"/>
  <c r="P5311" i="10" s="1"/>
  <c r="O5343" i="10"/>
  <c r="P5343" i="10" s="1"/>
  <c r="O5375" i="10"/>
  <c r="P5375" i="10" s="1"/>
  <c r="O5407" i="10"/>
  <c r="P5407" i="10" s="1"/>
  <c r="O5439" i="10"/>
  <c r="P5439" i="10" s="1"/>
  <c r="O5471" i="10"/>
  <c r="P5471" i="10" s="1"/>
  <c r="O5503" i="10"/>
  <c r="P5503" i="10" s="1"/>
  <c r="O5535" i="10"/>
  <c r="P5535" i="10" s="1"/>
  <c r="O5567" i="10"/>
  <c r="P5567" i="10" s="1"/>
  <c r="O5599" i="10"/>
  <c r="P5599" i="10" s="1"/>
  <c r="O5631" i="10"/>
  <c r="P5631" i="10" s="1"/>
  <c r="O5663" i="10"/>
  <c r="P5663" i="10" s="1"/>
  <c r="O5695" i="10"/>
  <c r="P5695" i="10" s="1"/>
  <c r="O5727" i="10"/>
  <c r="P5727" i="10" s="1"/>
  <c r="O5759" i="10"/>
  <c r="P5759" i="10" s="1"/>
  <c r="O5791" i="10"/>
  <c r="P5791" i="10" s="1"/>
  <c r="O16" i="10"/>
  <c r="O48" i="10"/>
  <c r="O80" i="10"/>
  <c r="O112" i="10"/>
  <c r="O144" i="10"/>
  <c r="O176" i="10"/>
  <c r="O208" i="10"/>
  <c r="O240" i="10"/>
  <c r="O272" i="10"/>
  <c r="O304" i="10"/>
  <c r="O336" i="10"/>
  <c r="O368" i="10"/>
  <c r="O400" i="10"/>
  <c r="O432" i="10"/>
  <c r="O464" i="10"/>
  <c r="O496" i="10"/>
  <c r="O528" i="10"/>
  <c r="O560" i="10"/>
  <c r="O592" i="10"/>
  <c r="O624" i="10"/>
  <c r="O656" i="10"/>
  <c r="O688" i="10"/>
  <c r="O720" i="10"/>
  <c r="O752" i="10"/>
  <c r="O784" i="10"/>
  <c r="O816" i="10"/>
  <c r="O848" i="10"/>
  <c r="O880" i="10"/>
  <c r="O912" i="10"/>
  <c r="O944" i="10"/>
  <c r="O976" i="10"/>
  <c r="O1008" i="10"/>
  <c r="O1040" i="10"/>
  <c r="O1072" i="10"/>
  <c r="O1104" i="10"/>
  <c r="O1136" i="10"/>
  <c r="O1168" i="10"/>
  <c r="O1200" i="10"/>
  <c r="O1232" i="10"/>
  <c r="O1264" i="10"/>
  <c r="O1296" i="10"/>
  <c r="O1328" i="10"/>
  <c r="O1360" i="10"/>
  <c r="O1392" i="10"/>
  <c r="O1424" i="10"/>
  <c r="O1456" i="10"/>
  <c r="O1488" i="10"/>
  <c r="O1520" i="10"/>
  <c r="O1552" i="10"/>
  <c r="O1584" i="10"/>
  <c r="O1616" i="10"/>
  <c r="O1648" i="10"/>
  <c r="O1680" i="10"/>
  <c r="O1712" i="10"/>
  <c r="O1744" i="10"/>
  <c r="O1776" i="10"/>
  <c r="O1808" i="10"/>
  <c r="O1840" i="10"/>
  <c r="O1872" i="10"/>
  <c r="O1904" i="10"/>
  <c r="O1936" i="10"/>
  <c r="O1968" i="10"/>
  <c r="O2000" i="10"/>
  <c r="O2032" i="10"/>
  <c r="O2064" i="10"/>
  <c r="O2096" i="10"/>
  <c r="O2128" i="10"/>
  <c r="O2160" i="10"/>
  <c r="O2192" i="10"/>
  <c r="O2224" i="10"/>
  <c r="O2256" i="10"/>
  <c r="O2288" i="10"/>
  <c r="O2320" i="10"/>
  <c r="O2352" i="10"/>
  <c r="O2384" i="10"/>
  <c r="O2416" i="10"/>
  <c r="O2448" i="10"/>
  <c r="O2480" i="10"/>
  <c r="O2512" i="10"/>
  <c r="O2544" i="10"/>
  <c r="O2576" i="10"/>
  <c r="O2608" i="10"/>
  <c r="O2640" i="10"/>
  <c r="O2672" i="10"/>
  <c r="O2704" i="10"/>
  <c r="O2736" i="10"/>
  <c r="O2768" i="10"/>
  <c r="O2800" i="10"/>
  <c r="O2832" i="10"/>
  <c r="O2864" i="10"/>
  <c r="P2864" i="10" s="1"/>
  <c r="O2896" i="10"/>
  <c r="P2896" i="10" s="1"/>
  <c r="O2928" i="10"/>
  <c r="P2928" i="10" s="1"/>
  <c r="O2960" i="10"/>
  <c r="P2960" i="10" s="1"/>
  <c r="O2992" i="10"/>
  <c r="P2992" i="10" s="1"/>
  <c r="O3024" i="10"/>
  <c r="P3024" i="10" s="1"/>
  <c r="O3056" i="10"/>
  <c r="P3056" i="10" s="1"/>
  <c r="O3088" i="10"/>
  <c r="P3088" i="10" s="1"/>
  <c r="O3120" i="10"/>
  <c r="P3120" i="10" s="1"/>
  <c r="O3152" i="10"/>
  <c r="P3152" i="10" s="1"/>
  <c r="O3184" i="10"/>
  <c r="P3184" i="10" s="1"/>
  <c r="O3216" i="10"/>
  <c r="P3216" i="10" s="1"/>
  <c r="O3248" i="10"/>
  <c r="P3248" i="10" s="1"/>
  <c r="O3280" i="10"/>
  <c r="P3280" i="10" s="1"/>
  <c r="O3312" i="10"/>
  <c r="P3312" i="10" s="1"/>
  <c r="O3344" i="10"/>
  <c r="P3344" i="10" s="1"/>
  <c r="O3376" i="10"/>
  <c r="P3376" i="10" s="1"/>
  <c r="O3408" i="10"/>
  <c r="P3408" i="10" s="1"/>
  <c r="O3440" i="10"/>
  <c r="P3440" i="10" s="1"/>
  <c r="O3472" i="10"/>
  <c r="P3472" i="10" s="1"/>
  <c r="O3504" i="10"/>
  <c r="P3504" i="10" s="1"/>
  <c r="O3536" i="10"/>
  <c r="P3536" i="10" s="1"/>
  <c r="O3568" i="10"/>
  <c r="P3568" i="10" s="1"/>
  <c r="O3600" i="10"/>
  <c r="P3600" i="10" s="1"/>
  <c r="O3632" i="10"/>
  <c r="P3632" i="10" s="1"/>
  <c r="O3664" i="10"/>
  <c r="P3664" i="10" s="1"/>
  <c r="O3696" i="10"/>
  <c r="P3696" i="10" s="1"/>
  <c r="O3728" i="10"/>
  <c r="P3728" i="10" s="1"/>
  <c r="O3760" i="10"/>
  <c r="P3760" i="10" s="1"/>
  <c r="O3792" i="10"/>
  <c r="P3792" i="10" s="1"/>
  <c r="O3824" i="10"/>
  <c r="P3824" i="10" s="1"/>
  <c r="O3856" i="10"/>
  <c r="P3856" i="10" s="1"/>
  <c r="O3888" i="10"/>
  <c r="P3888" i="10" s="1"/>
  <c r="O3920" i="10"/>
  <c r="P3920" i="10" s="1"/>
  <c r="O3952" i="10"/>
  <c r="P3952" i="10" s="1"/>
  <c r="O3984" i="10"/>
  <c r="P3984" i="10" s="1"/>
  <c r="O4016" i="10"/>
  <c r="P4016" i="10" s="1"/>
  <c r="O4048" i="10"/>
  <c r="P4048" i="10" s="1"/>
  <c r="O4080" i="10"/>
  <c r="P4080" i="10" s="1"/>
  <c r="O4112" i="10"/>
  <c r="P4112" i="10" s="1"/>
  <c r="O4144" i="10"/>
  <c r="P4144" i="10" s="1"/>
  <c r="O4176" i="10"/>
  <c r="P4176" i="10" s="1"/>
  <c r="O4208" i="10"/>
  <c r="P4208" i="10" s="1"/>
  <c r="O4240" i="10"/>
  <c r="P4240" i="10" s="1"/>
  <c r="O4272" i="10"/>
  <c r="P4272" i="10" s="1"/>
  <c r="O4304" i="10"/>
  <c r="P4304" i="10" s="1"/>
  <c r="O4336" i="10"/>
  <c r="P4336" i="10" s="1"/>
  <c r="O4368" i="10"/>
  <c r="P4368" i="10" s="1"/>
  <c r="O4400" i="10"/>
  <c r="P4400" i="10" s="1"/>
  <c r="O4432" i="10"/>
  <c r="P4432" i="10" s="1"/>
  <c r="O4464" i="10"/>
  <c r="P4464" i="10" s="1"/>
  <c r="O4496" i="10"/>
  <c r="P4496" i="10" s="1"/>
  <c r="O4528" i="10"/>
  <c r="P4528" i="10" s="1"/>
  <c r="O4560" i="10"/>
  <c r="P4560" i="10" s="1"/>
  <c r="O4592" i="10"/>
  <c r="P4592" i="10" s="1"/>
  <c r="O4624" i="10"/>
  <c r="P4624" i="10" s="1"/>
  <c r="O4656" i="10"/>
  <c r="P4656" i="10" s="1"/>
  <c r="O4688" i="10"/>
  <c r="P4688" i="10" s="1"/>
  <c r="O4720" i="10"/>
  <c r="P4720" i="10" s="1"/>
  <c r="O4752" i="10"/>
  <c r="P4752" i="10" s="1"/>
  <c r="O4784" i="10"/>
  <c r="P4784" i="10" s="1"/>
  <c r="O4816" i="10"/>
  <c r="P4816" i="10" s="1"/>
  <c r="O4848" i="10"/>
  <c r="P4848" i="10" s="1"/>
  <c r="O4880" i="10"/>
  <c r="P4880" i="10" s="1"/>
  <c r="O4912" i="10"/>
  <c r="P4912" i="10" s="1"/>
  <c r="O4944" i="10"/>
  <c r="P4944" i="10" s="1"/>
  <c r="O4976" i="10"/>
  <c r="P4976" i="10" s="1"/>
  <c r="O5008" i="10"/>
  <c r="P5008" i="10" s="1"/>
  <c r="O5040" i="10"/>
  <c r="P5040" i="10" s="1"/>
  <c r="O5072" i="10"/>
  <c r="P5072" i="10" s="1"/>
  <c r="O5104" i="10"/>
  <c r="P5104" i="10" s="1"/>
  <c r="O5136" i="10"/>
  <c r="P5136" i="10" s="1"/>
  <c r="O5168" i="10"/>
  <c r="P5168" i="10" s="1"/>
  <c r="O5200" i="10"/>
  <c r="P5200" i="10" s="1"/>
  <c r="O5232" i="10"/>
  <c r="P5232" i="10" s="1"/>
  <c r="O5264" i="10"/>
  <c r="P5264" i="10" s="1"/>
  <c r="O5296" i="10"/>
  <c r="P5296" i="10" s="1"/>
  <c r="O5328" i="10"/>
  <c r="P5328" i="10" s="1"/>
  <c r="O5360" i="10"/>
  <c r="P5360" i="10" s="1"/>
  <c r="O5392" i="10"/>
  <c r="P5392" i="10" s="1"/>
  <c r="O5424" i="10"/>
  <c r="P5424" i="10" s="1"/>
  <c r="O5456" i="10"/>
  <c r="P5456" i="10" s="1"/>
  <c r="O5488" i="10"/>
  <c r="P5488" i="10" s="1"/>
  <c r="O5520" i="10"/>
  <c r="P5520" i="10" s="1"/>
  <c r="O5552" i="10"/>
  <c r="P5552" i="10" s="1"/>
  <c r="O5584" i="10"/>
  <c r="P5584" i="10" s="1"/>
  <c r="O5616" i="10"/>
  <c r="P5616" i="10" s="1"/>
  <c r="O5648" i="10"/>
  <c r="P5648" i="10" s="1"/>
  <c r="O5680" i="10"/>
  <c r="P5680" i="10" s="1"/>
  <c r="O5712" i="10"/>
  <c r="P5712" i="10" s="1"/>
  <c r="O5744" i="10"/>
  <c r="P5744" i="10" s="1"/>
  <c r="O5776" i="10"/>
  <c r="P5776" i="10" s="1"/>
  <c r="O5808" i="10"/>
  <c r="P5808" i="10" s="1"/>
  <c r="O17" i="10"/>
  <c r="O49" i="10"/>
  <c r="O81" i="10"/>
  <c r="O113" i="10"/>
  <c r="O145" i="10"/>
  <c r="O177" i="10"/>
  <c r="O209" i="10"/>
  <c r="O241" i="10"/>
  <c r="O273" i="10"/>
  <c r="O305" i="10"/>
  <c r="O337" i="10"/>
  <c r="O369" i="10"/>
  <c r="O401" i="10"/>
  <c r="O433" i="10"/>
  <c r="O465" i="10"/>
  <c r="O497" i="10"/>
  <c r="O529" i="10"/>
  <c r="O561" i="10"/>
  <c r="O593" i="10"/>
  <c r="O625" i="10"/>
  <c r="O657" i="10"/>
  <c r="O689" i="10"/>
  <c r="O721" i="10"/>
  <c r="O753" i="10"/>
  <c r="O785" i="10"/>
  <c r="O817" i="10"/>
  <c r="O849" i="10"/>
  <c r="O881" i="10"/>
  <c r="O913" i="10"/>
  <c r="O945" i="10"/>
  <c r="O977" i="10"/>
  <c r="O1009" i="10"/>
  <c r="O1041" i="10"/>
  <c r="O1073" i="10"/>
  <c r="O1105" i="10"/>
  <c r="O1137" i="10"/>
  <c r="O1169" i="10"/>
  <c r="O1201" i="10"/>
  <c r="O1233" i="10"/>
  <c r="O1265" i="10"/>
  <c r="O1297" i="10"/>
  <c r="O1329" i="10"/>
  <c r="O1361" i="10"/>
  <c r="O1393" i="10"/>
  <c r="O1425" i="10"/>
  <c r="O1457" i="10"/>
  <c r="O1489" i="10"/>
  <c r="O1521" i="10"/>
  <c r="O1553" i="10"/>
  <c r="O1585" i="10"/>
  <c r="O1617" i="10"/>
  <c r="O1649" i="10"/>
  <c r="O1681" i="10"/>
  <c r="O1713" i="10"/>
  <c r="O1745" i="10"/>
  <c r="O1777" i="10"/>
  <c r="O1809" i="10"/>
  <c r="O1841" i="10"/>
  <c r="O1873" i="10"/>
  <c r="O1905" i="10"/>
  <c r="O1937" i="10"/>
  <c r="O1969" i="10"/>
  <c r="O2001" i="10"/>
  <c r="O2033" i="10"/>
  <c r="O2065" i="10"/>
  <c r="O2097" i="10"/>
  <c r="O2129" i="10"/>
  <c r="O2161" i="10"/>
  <c r="O2193" i="10"/>
  <c r="O2225" i="10"/>
  <c r="O2257" i="10"/>
  <c r="O2289" i="10"/>
  <c r="O2321" i="10"/>
  <c r="O2353" i="10"/>
  <c r="O2385" i="10"/>
  <c r="O2417" i="10"/>
  <c r="O2449" i="10"/>
  <c r="O2481" i="10"/>
  <c r="O2513" i="10"/>
  <c r="O2545" i="10"/>
  <c r="O2577" i="10"/>
  <c r="O2609" i="10"/>
  <c r="O2641" i="10"/>
  <c r="O2673" i="10"/>
  <c r="O2705" i="10"/>
  <c r="O2737" i="10"/>
  <c r="O2769" i="10"/>
  <c r="O2801" i="10"/>
  <c r="O2833" i="10"/>
  <c r="O2865" i="10"/>
  <c r="P2865" i="10" s="1"/>
  <c r="O2897" i="10"/>
  <c r="P2897" i="10" s="1"/>
  <c r="O2929" i="10"/>
  <c r="P2929" i="10" s="1"/>
  <c r="O2961" i="10"/>
  <c r="P2961" i="10" s="1"/>
  <c r="O2993" i="10"/>
  <c r="P2993" i="10" s="1"/>
  <c r="O3025" i="10"/>
  <c r="P3025" i="10" s="1"/>
  <c r="O3057" i="10"/>
  <c r="P3057" i="10" s="1"/>
  <c r="O3089" i="10"/>
  <c r="P3089" i="10" s="1"/>
  <c r="O3121" i="10"/>
  <c r="P3121" i="10" s="1"/>
  <c r="O3153" i="10"/>
  <c r="P3153" i="10" s="1"/>
  <c r="O3185" i="10"/>
  <c r="P3185" i="10" s="1"/>
  <c r="O3217" i="10"/>
  <c r="P3217" i="10" s="1"/>
  <c r="O3249" i="10"/>
  <c r="P3249" i="10" s="1"/>
  <c r="O3281" i="10"/>
  <c r="P3281" i="10" s="1"/>
  <c r="O3313" i="10"/>
  <c r="P3313" i="10" s="1"/>
  <c r="O3345" i="10"/>
  <c r="P3345" i="10" s="1"/>
  <c r="O3377" i="10"/>
  <c r="P3377" i="10" s="1"/>
  <c r="O3409" i="10"/>
  <c r="P3409" i="10" s="1"/>
  <c r="O3441" i="10"/>
  <c r="P3441" i="10" s="1"/>
  <c r="O3473" i="10"/>
  <c r="P3473" i="10" s="1"/>
  <c r="O3505" i="10"/>
  <c r="P3505" i="10" s="1"/>
  <c r="O3537" i="10"/>
  <c r="P3537" i="10" s="1"/>
  <c r="O3569" i="10"/>
  <c r="P3569" i="10" s="1"/>
  <c r="O3601" i="10"/>
  <c r="P3601" i="10" s="1"/>
  <c r="O3633" i="10"/>
  <c r="P3633" i="10" s="1"/>
  <c r="O3665" i="10"/>
  <c r="P3665" i="10" s="1"/>
  <c r="O3697" i="10"/>
  <c r="P3697" i="10" s="1"/>
  <c r="O3729" i="10"/>
  <c r="P3729" i="10" s="1"/>
  <c r="O3761" i="10"/>
  <c r="P3761" i="10" s="1"/>
  <c r="O3793" i="10"/>
  <c r="P3793" i="10" s="1"/>
  <c r="O3825" i="10"/>
  <c r="P3825" i="10" s="1"/>
  <c r="O3857" i="10"/>
  <c r="P3857" i="10" s="1"/>
  <c r="O3889" i="10"/>
  <c r="P3889" i="10" s="1"/>
  <c r="O3921" i="10"/>
  <c r="P3921" i="10" s="1"/>
  <c r="O3953" i="10"/>
  <c r="P3953" i="10" s="1"/>
  <c r="O3985" i="10"/>
  <c r="P3985" i="10" s="1"/>
  <c r="O4017" i="10"/>
  <c r="P4017" i="10" s="1"/>
  <c r="O4049" i="10"/>
  <c r="P4049" i="10" s="1"/>
  <c r="O4081" i="10"/>
  <c r="P4081" i="10" s="1"/>
  <c r="O4113" i="10"/>
  <c r="P4113" i="10" s="1"/>
  <c r="O4145" i="10"/>
  <c r="P4145" i="10" s="1"/>
  <c r="O4177" i="10"/>
  <c r="P4177" i="10" s="1"/>
  <c r="O4209" i="10"/>
  <c r="P4209" i="10" s="1"/>
  <c r="O4241" i="10"/>
  <c r="P4241" i="10" s="1"/>
  <c r="O4273" i="10"/>
  <c r="P4273" i="10" s="1"/>
  <c r="O4305" i="10"/>
  <c r="P4305" i="10" s="1"/>
  <c r="O4337" i="10"/>
  <c r="P4337" i="10" s="1"/>
  <c r="O4369" i="10"/>
  <c r="P4369" i="10" s="1"/>
  <c r="O4401" i="10"/>
  <c r="P4401" i="10" s="1"/>
  <c r="O4433" i="10"/>
  <c r="P4433" i="10" s="1"/>
  <c r="O4465" i="10"/>
  <c r="P4465" i="10" s="1"/>
  <c r="O4497" i="10"/>
  <c r="P4497" i="10" s="1"/>
  <c r="O4529" i="10"/>
  <c r="P4529" i="10" s="1"/>
  <c r="O4561" i="10"/>
  <c r="P4561" i="10" s="1"/>
  <c r="O4593" i="10"/>
  <c r="P4593" i="10" s="1"/>
  <c r="O4625" i="10"/>
  <c r="P4625" i="10" s="1"/>
  <c r="O4657" i="10"/>
  <c r="P4657" i="10" s="1"/>
  <c r="O4689" i="10"/>
  <c r="P4689" i="10" s="1"/>
  <c r="O4721" i="10"/>
  <c r="P4721" i="10" s="1"/>
  <c r="O4753" i="10"/>
  <c r="P4753" i="10" s="1"/>
  <c r="O4785" i="10"/>
  <c r="P4785" i="10" s="1"/>
  <c r="O4817" i="10"/>
  <c r="P4817" i="10" s="1"/>
  <c r="O4849" i="10"/>
  <c r="P4849" i="10" s="1"/>
  <c r="O4881" i="10"/>
  <c r="P4881" i="10" s="1"/>
  <c r="O34" i="10"/>
  <c r="O66" i="10"/>
  <c r="O98" i="10"/>
  <c r="O130" i="10"/>
  <c r="O6045" i="10"/>
  <c r="P6045" i="10" s="1"/>
  <c r="O6109" i="10"/>
  <c r="P6109" i="10" s="1"/>
  <c r="O6173" i="10"/>
  <c r="P6173" i="10" s="1"/>
  <c r="O6237" i="10"/>
  <c r="P6237" i="10" s="1"/>
  <c r="O6301" i="10"/>
  <c r="P6301" i="10" s="1"/>
  <c r="O6365" i="10"/>
  <c r="P6365" i="10" s="1"/>
  <c r="O6429" i="10"/>
  <c r="P6429" i="10" s="1"/>
  <c r="O6493" i="10"/>
  <c r="P6493" i="10" s="1"/>
  <c r="O6557" i="10"/>
  <c r="P6557" i="10" s="1"/>
  <c r="O6621" i="10"/>
  <c r="P6621" i="10" s="1"/>
  <c r="O6685" i="10"/>
  <c r="P6685" i="10" s="1"/>
  <c r="O6749" i="10"/>
  <c r="P6749" i="10" s="1"/>
  <c r="O6813" i="10"/>
  <c r="P6813" i="10" s="1"/>
  <c r="O6877" i="10"/>
  <c r="P6877" i="10" s="1"/>
  <c r="O6941" i="10"/>
  <c r="P6941" i="10" s="1"/>
  <c r="O7005" i="10"/>
  <c r="P7005" i="10" s="1"/>
  <c r="O7069" i="10"/>
  <c r="P7069" i="10" s="1"/>
  <c r="O7133" i="10"/>
  <c r="P7133" i="10" s="1"/>
  <c r="O7197" i="10"/>
  <c r="P7197" i="10" s="1"/>
  <c r="O7261" i="10"/>
  <c r="P7261" i="10" s="1"/>
  <c r="O7325" i="10"/>
  <c r="P7325" i="10" s="1"/>
  <c r="O7389" i="10"/>
  <c r="P7389" i="10" s="1"/>
  <c r="O7453" i="10"/>
  <c r="P7453" i="10" s="1"/>
  <c r="O285" i="10"/>
  <c r="O733" i="10"/>
  <c r="O989" i="10"/>
  <c r="O2333" i="10"/>
  <c r="O2589" i="10"/>
  <c r="O2845" i="10"/>
  <c r="O3037" i="10"/>
  <c r="P3037" i="10" s="1"/>
  <c r="O3613" i="10"/>
  <c r="P3613" i="10" s="1"/>
  <c r="O3997" i="10"/>
  <c r="P3997" i="10" s="1"/>
  <c r="O4765" i="10"/>
  <c r="P4765" i="10" s="1"/>
  <c r="O4957" i="10"/>
  <c r="P4957" i="10" s="1"/>
  <c r="O5213" i="10"/>
  <c r="P5213" i="10" s="1"/>
  <c r="O5405" i="10"/>
  <c r="P5405" i="10" s="1"/>
  <c r="O5661" i="10"/>
  <c r="P5661" i="10" s="1"/>
  <c r="O77" i="10"/>
  <c r="O141" i="10"/>
  <c r="O205" i="10"/>
  <c r="O269" i="10"/>
  <c r="O333" i="10"/>
  <c r="O397" i="10"/>
  <c r="O461" i="10"/>
  <c r="O525" i="10"/>
  <c r="O589" i="10"/>
  <c r="O653" i="10"/>
  <c r="O717" i="10"/>
  <c r="O781" i="10"/>
  <c r="O845" i="10"/>
  <c r="O909" i="10"/>
  <c r="O973" i="10"/>
  <c r="O1037" i="10"/>
  <c r="O1101" i="10"/>
  <c r="O1165" i="10"/>
  <c r="O1229" i="10"/>
  <c r="O1293" i="10"/>
  <c r="O1357" i="10"/>
  <c r="O1421" i="10"/>
  <c r="O1485" i="10"/>
  <c r="O1549" i="10"/>
  <c r="O1613" i="10"/>
  <c r="O1677" i="10"/>
  <c r="O1741" i="10"/>
  <c r="O1805" i="10"/>
  <c r="O1869" i="10"/>
  <c r="O1933" i="10"/>
  <c r="O1997" i="10"/>
  <c r="O2061" i="10"/>
  <c r="O2125" i="10"/>
  <c r="O2189" i="10"/>
  <c r="O2253" i="10"/>
  <c r="O2317" i="10"/>
  <c r="O2381" i="10"/>
  <c r="O2445" i="10"/>
  <c r="O2509" i="10"/>
  <c r="O2573" i="10"/>
  <c r="O2637" i="10"/>
  <c r="O2701" i="10"/>
  <c r="O2765" i="10"/>
  <c r="O2829" i="10"/>
  <c r="O2893" i="10"/>
  <c r="P2893" i="10" s="1"/>
  <c r="O2957" i="10"/>
  <c r="P2957" i="10" s="1"/>
  <c r="O3021" i="10"/>
  <c r="P3021" i="10" s="1"/>
  <c r="O3085" i="10"/>
  <c r="P3085" i="10" s="1"/>
  <c r="O3149" i="10"/>
  <c r="P3149" i="10" s="1"/>
  <c r="O3213" i="10"/>
  <c r="P3213" i="10" s="1"/>
  <c r="O3277" i="10"/>
  <c r="P3277" i="10" s="1"/>
  <c r="O3341" i="10"/>
  <c r="P3341" i="10" s="1"/>
  <c r="O3405" i="10"/>
  <c r="P3405" i="10" s="1"/>
  <c r="O3469" i="10"/>
  <c r="P3469" i="10" s="1"/>
  <c r="O3533" i="10"/>
  <c r="P3533" i="10" s="1"/>
  <c r="O3597" i="10"/>
  <c r="P3597" i="10" s="1"/>
  <c r="O3661" i="10"/>
  <c r="P3661" i="10" s="1"/>
  <c r="O3725" i="10"/>
  <c r="P3725" i="10" s="1"/>
  <c r="O3789" i="10"/>
  <c r="P3789" i="10" s="1"/>
  <c r="O3853" i="10"/>
  <c r="P3853" i="10" s="1"/>
  <c r="O3917" i="10"/>
  <c r="P3917" i="10" s="1"/>
  <c r="O3981" i="10"/>
  <c r="P3981" i="10" s="1"/>
  <c r="O4045" i="10"/>
  <c r="P4045" i="10" s="1"/>
  <c r="O4109" i="10"/>
  <c r="P4109" i="10" s="1"/>
  <c r="O4173" i="10"/>
  <c r="P4173" i="10" s="1"/>
  <c r="O4237" i="10"/>
  <c r="P4237" i="10" s="1"/>
  <c r="O4301" i="10"/>
  <c r="P4301" i="10" s="1"/>
  <c r="O4365" i="10"/>
  <c r="P4365" i="10" s="1"/>
  <c r="O4429" i="10"/>
  <c r="P4429" i="10" s="1"/>
  <c r="O4493" i="10"/>
  <c r="P4493" i="10" s="1"/>
  <c r="O4557" i="10"/>
  <c r="P4557" i="10" s="1"/>
  <c r="O4621" i="10"/>
  <c r="P4621" i="10" s="1"/>
  <c r="O4685" i="10"/>
  <c r="P4685" i="10" s="1"/>
  <c r="O4749" i="10"/>
  <c r="P4749" i="10" s="1"/>
  <c r="O4813" i="10"/>
  <c r="P4813" i="10" s="1"/>
  <c r="O4877" i="10"/>
  <c r="P4877" i="10" s="1"/>
  <c r="O4941" i="10"/>
  <c r="P4941" i="10" s="1"/>
  <c r="O5005" i="10"/>
  <c r="P5005" i="10" s="1"/>
  <c r="O5069" i="10"/>
  <c r="P5069" i="10" s="1"/>
  <c r="O5133" i="10"/>
  <c r="P5133" i="10" s="1"/>
  <c r="O5197" i="10"/>
  <c r="P5197" i="10" s="1"/>
  <c r="O5261" i="10"/>
  <c r="P5261" i="10" s="1"/>
  <c r="O5325" i="10"/>
  <c r="P5325" i="10" s="1"/>
  <c r="O5389" i="10"/>
  <c r="P5389" i="10" s="1"/>
  <c r="O5453" i="10"/>
  <c r="P5453" i="10" s="1"/>
  <c r="O5517" i="10"/>
  <c r="P5517" i="10" s="1"/>
  <c r="O5581" i="10"/>
  <c r="P5581" i="10" s="1"/>
  <c r="O5645" i="10"/>
  <c r="P5645" i="10" s="1"/>
  <c r="O5709" i="10"/>
  <c r="P5709" i="10" s="1"/>
  <c r="H27" i="22"/>
  <c r="L138" i="10"/>
  <c r="I27" i="22" s="1"/>
  <c r="O162" i="10"/>
  <c r="O194" i="10"/>
  <c r="O226" i="10"/>
  <c r="O258" i="10"/>
  <c r="O290" i="10"/>
  <c r="O322" i="10"/>
  <c r="O354" i="10"/>
  <c r="O386" i="10"/>
  <c r="O418" i="10"/>
  <c r="O450" i="10"/>
  <c r="O482" i="10"/>
  <c r="O514" i="10"/>
  <c r="O546" i="10"/>
  <c r="O578" i="10"/>
  <c r="O610" i="10"/>
  <c r="O642" i="10"/>
  <c r="O674" i="10"/>
  <c r="O706" i="10"/>
  <c r="O738" i="10"/>
  <c r="O770" i="10"/>
  <c r="O802" i="10"/>
  <c r="O834" i="10"/>
  <c r="O866" i="10"/>
  <c r="O898" i="10"/>
  <c r="O930" i="10"/>
  <c r="O962" i="10"/>
  <c r="O994" i="10"/>
  <c r="O1026" i="10"/>
  <c r="O1058" i="10"/>
  <c r="O1090" i="10"/>
  <c r="O1122" i="10"/>
  <c r="O1154" i="10"/>
  <c r="O1186" i="10"/>
  <c r="O1218" i="10"/>
  <c r="O1250" i="10"/>
  <c r="O1282" i="10"/>
  <c r="O1314" i="10"/>
  <c r="O1346" i="10"/>
  <c r="O1378" i="10"/>
  <c r="O1410" i="10"/>
  <c r="O1442" i="10"/>
  <c r="O1474" i="10"/>
  <c r="O1506" i="10"/>
  <c r="O1538" i="10"/>
  <c r="O1570" i="10"/>
  <c r="O1602" i="10"/>
  <c r="O1634" i="10"/>
  <c r="O1666" i="10"/>
  <c r="O1698" i="10"/>
  <c r="O1730" i="10"/>
  <c r="O1762" i="10"/>
  <c r="O1794" i="10"/>
  <c r="O1826" i="10"/>
  <c r="O1858" i="10"/>
  <c r="O1890" i="10"/>
  <c r="O1922" i="10"/>
  <c r="O1954" i="10"/>
  <c r="O1986" i="10"/>
  <c r="O2018" i="10"/>
  <c r="O2050" i="10"/>
  <c r="O2082" i="10"/>
  <c r="O2114" i="10"/>
  <c r="O2146" i="10"/>
  <c r="O2178" i="10"/>
  <c r="O2210" i="10"/>
  <c r="O2242" i="10"/>
  <c r="O2274" i="10"/>
  <c r="O2306" i="10"/>
  <c r="O2338" i="10"/>
  <c r="O2370" i="10"/>
  <c r="O2402" i="10"/>
  <c r="O2434" i="10"/>
  <c r="O2466" i="10"/>
  <c r="O2498" i="10"/>
  <c r="O2530" i="10"/>
  <c r="O2562" i="10"/>
  <c r="O2594" i="10"/>
  <c r="O2626" i="10"/>
  <c r="O2658" i="10"/>
  <c r="O2690" i="10"/>
  <c r="O2722" i="10"/>
  <c r="O2754" i="10"/>
  <c r="O2786" i="10"/>
  <c r="O2818" i="10"/>
  <c r="O2850" i="10"/>
  <c r="P2850" i="10" s="1"/>
  <c r="O2882" i="10"/>
  <c r="P2882" i="10" s="1"/>
  <c r="O2914" i="10"/>
  <c r="P2914" i="10" s="1"/>
  <c r="O2946" i="10"/>
  <c r="P2946" i="10" s="1"/>
  <c r="O2978" i="10"/>
  <c r="P2978" i="10" s="1"/>
  <c r="O3010" i="10"/>
  <c r="P3010" i="10" s="1"/>
  <c r="O3042" i="10"/>
  <c r="P3042" i="10" s="1"/>
  <c r="O3074" i="10"/>
  <c r="P3074" i="10" s="1"/>
  <c r="O3106" i="10"/>
  <c r="P3106" i="10" s="1"/>
  <c r="O3138" i="10"/>
  <c r="P3138" i="10" s="1"/>
  <c r="O3170" i="10"/>
  <c r="P3170" i="10" s="1"/>
  <c r="O3202" i="10"/>
  <c r="P3202" i="10" s="1"/>
  <c r="O3234" i="10"/>
  <c r="P3234" i="10" s="1"/>
  <c r="O3266" i="10"/>
  <c r="P3266" i="10" s="1"/>
  <c r="O3298" i="10"/>
  <c r="P3298" i="10" s="1"/>
  <c r="O3330" i="10"/>
  <c r="P3330" i="10" s="1"/>
  <c r="O3362" i="10"/>
  <c r="P3362" i="10" s="1"/>
  <c r="O3394" i="10"/>
  <c r="P3394" i="10" s="1"/>
  <c r="O3426" i="10"/>
  <c r="P3426" i="10" s="1"/>
  <c r="O3458" i="10"/>
  <c r="P3458" i="10" s="1"/>
  <c r="O3490" i="10"/>
  <c r="P3490" i="10" s="1"/>
  <c r="O3522" i="10"/>
  <c r="P3522" i="10" s="1"/>
  <c r="O3554" i="10"/>
  <c r="P3554" i="10" s="1"/>
  <c r="O3586" i="10"/>
  <c r="P3586" i="10" s="1"/>
  <c r="O3618" i="10"/>
  <c r="P3618" i="10" s="1"/>
  <c r="O3650" i="10"/>
  <c r="P3650" i="10" s="1"/>
  <c r="O3682" i="10"/>
  <c r="P3682" i="10" s="1"/>
  <c r="O3714" i="10"/>
  <c r="P3714" i="10" s="1"/>
  <c r="O3746" i="10"/>
  <c r="P3746" i="10" s="1"/>
  <c r="O3778" i="10"/>
  <c r="P3778" i="10" s="1"/>
  <c r="O3810" i="10"/>
  <c r="P3810" i="10" s="1"/>
  <c r="O3842" i="10"/>
  <c r="P3842" i="10" s="1"/>
  <c r="O3874" i="10"/>
  <c r="P3874" i="10" s="1"/>
  <c r="O3906" i="10"/>
  <c r="P3906" i="10" s="1"/>
  <c r="O3938" i="10"/>
  <c r="P3938" i="10" s="1"/>
  <c r="O3970" i="10"/>
  <c r="P3970" i="10" s="1"/>
  <c r="O4002" i="10"/>
  <c r="P4002" i="10" s="1"/>
  <c r="O4034" i="10"/>
  <c r="P4034" i="10" s="1"/>
  <c r="O4066" i="10"/>
  <c r="P4066" i="10" s="1"/>
  <c r="O4098" i="10"/>
  <c r="P4098" i="10" s="1"/>
  <c r="O4130" i="10"/>
  <c r="P4130" i="10" s="1"/>
  <c r="O4162" i="10"/>
  <c r="P4162" i="10" s="1"/>
  <c r="O4194" i="10"/>
  <c r="P4194" i="10" s="1"/>
  <c r="O4226" i="10"/>
  <c r="P4226" i="10" s="1"/>
  <c r="O4258" i="10"/>
  <c r="P4258" i="10" s="1"/>
  <c r="O4290" i="10"/>
  <c r="P4290" i="10" s="1"/>
  <c r="O4322" i="10"/>
  <c r="P4322" i="10" s="1"/>
  <c r="O4354" i="10"/>
  <c r="P4354" i="10" s="1"/>
  <c r="O4386" i="10"/>
  <c r="P4386" i="10" s="1"/>
  <c r="O4418" i="10"/>
  <c r="P4418" i="10" s="1"/>
  <c r="O4450" i="10"/>
  <c r="P4450" i="10" s="1"/>
  <c r="O4482" i="10"/>
  <c r="P4482" i="10" s="1"/>
  <c r="O4514" i="10"/>
  <c r="P4514" i="10" s="1"/>
  <c r="O4546" i="10"/>
  <c r="P4546" i="10" s="1"/>
  <c r="O4578" i="10"/>
  <c r="P4578" i="10" s="1"/>
  <c r="O4610" i="10"/>
  <c r="P4610" i="10" s="1"/>
  <c r="O4642" i="10"/>
  <c r="P4642" i="10" s="1"/>
  <c r="O4674" i="10"/>
  <c r="P4674" i="10" s="1"/>
  <c r="O4706" i="10"/>
  <c r="P4706" i="10" s="1"/>
  <c r="O4738" i="10"/>
  <c r="P4738" i="10" s="1"/>
  <c r="O4770" i="10"/>
  <c r="P4770" i="10" s="1"/>
  <c r="O4802" i="10"/>
  <c r="P4802" i="10" s="1"/>
  <c r="O4834" i="10"/>
  <c r="P4834" i="10" s="1"/>
  <c r="O4866" i="10"/>
  <c r="P4866" i="10" s="1"/>
  <c r="O4898" i="10"/>
  <c r="P4898" i="10" s="1"/>
  <c r="O4930" i="10"/>
  <c r="P4930" i="10" s="1"/>
  <c r="O4962" i="10"/>
  <c r="P4962" i="10" s="1"/>
  <c r="O4994" i="10"/>
  <c r="P4994" i="10" s="1"/>
  <c r="O5026" i="10"/>
  <c r="P5026" i="10" s="1"/>
  <c r="O5058" i="10"/>
  <c r="P5058" i="10" s="1"/>
  <c r="O5090" i="10"/>
  <c r="P5090" i="10" s="1"/>
  <c r="O5122" i="10"/>
  <c r="P5122" i="10" s="1"/>
  <c r="O5154" i="10"/>
  <c r="P5154" i="10" s="1"/>
  <c r="O5186" i="10"/>
  <c r="P5186" i="10" s="1"/>
  <c r="O5218" i="10"/>
  <c r="P5218" i="10" s="1"/>
  <c r="O5250" i="10"/>
  <c r="P5250" i="10" s="1"/>
  <c r="O5282" i="10"/>
  <c r="P5282" i="10" s="1"/>
  <c r="O5314" i="10"/>
  <c r="P5314" i="10" s="1"/>
  <c r="O5346" i="10"/>
  <c r="P5346" i="10" s="1"/>
  <c r="O5378" i="10"/>
  <c r="P5378" i="10" s="1"/>
  <c r="O5410" i="10"/>
  <c r="P5410" i="10" s="1"/>
  <c r="O5442" i="10"/>
  <c r="P5442" i="10" s="1"/>
  <c r="O5474" i="10"/>
  <c r="P5474" i="10" s="1"/>
  <c r="O5506" i="10"/>
  <c r="P5506" i="10" s="1"/>
  <c r="O5538" i="10"/>
  <c r="P5538" i="10" s="1"/>
  <c r="O5570" i="10"/>
  <c r="P5570" i="10" s="1"/>
  <c r="O5602" i="10"/>
  <c r="P5602" i="10" s="1"/>
  <c r="O5634" i="10"/>
  <c r="P5634" i="10" s="1"/>
  <c r="O5666" i="10"/>
  <c r="P5666" i="10" s="1"/>
  <c r="O5698" i="10"/>
  <c r="P5698" i="10" s="1"/>
  <c r="O5730" i="10"/>
  <c r="P5730" i="10" s="1"/>
  <c r="O5762" i="10"/>
  <c r="P5762" i="10" s="1"/>
  <c r="O35" i="10"/>
  <c r="O67" i="10"/>
  <c r="O99" i="10"/>
  <c r="O131" i="10"/>
  <c r="O163" i="10"/>
  <c r="O195" i="10"/>
  <c r="O227" i="10"/>
  <c r="O259" i="10"/>
  <c r="O291" i="10"/>
  <c r="O323" i="10"/>
  <c r="O355" i="10"/>
  <c r="O387" i="10"/>
  <c r="O419" i="10"/>
  <c r="O451" i="10"/>
  <c r="O483" i="10"/>
  <c r="O515" i="10"/>
  <c r="O547" i="10"/>
  <c r="O579" i="10"/>
  <c r="O611" i="10"/>
  <c r="O643" i="10"/>
  <c r="O675" i="10"/>
  <c r="O707" i="10"/>
  <c r="O739" i="10"/>
  <c r="O771" i="10"/>
  <c r="O803" i="10"/>
  <c r="O835" i="10"/>
  <c r="O867" i="10"/>
  <c r="O899" i="10"/>
  <c r="O931" i="10"/>
  <c r="O963" i="10"/>
  <c r="O995" i="10"/>
  <c r="O1027" i="10"/>
  <c r="O1059" i="10"/>
  <c r="O1091" i="10"/>
  <c r="O1123" i="10"/>
  <c r="O1155" i="10"/>
  <c r="O1187" i="10"/>
  <c r="O1219" i="10"/>
  <c r="O1251" i="10"/>
  <c r="O1283" i="10"/>
  <c r="O1315" i="10"/>
  <c r="O1347" i="10"/>
  <c r="O1379" i="10"/>
  <c r="O1411" i="10"/>
  <c r="O1443" i="10"/>
  <c r="O1475" i="10"/>
  <c r="O1507" i="10"/>
  <c r="O1539" i="10"/>
  <c r="O1571" i="10"/>
  <c r="O1603" i="10"/>
  <c r="O1635" i="10"/>
  <c r="O1667" i="10"/>
  <c r="O1699" i="10"/>
  <c r="O1731" i="10"/>
  <c r="O1763" i="10"/>
  <c r="O1795" i="10"/>
  <c r="O1827" i="10"/>
  <c r="O1859" i="10"/>
  <c r="O1891" i="10"/>
  <c r="O1923" i="10"/>
  <c r="O1955" i="10"/>
  <c r="O1987" i="10"/>
  <c r="O2019" i="10"/>
  <c r="O2051" i="10"/>
  <c r="O2083" i="10"/>
  <c r="O2115" i="10"/>
  <c r="O2147" i="10"/>
  <c r="O2179" i="10"/>
  <c r="O2211" i="10"/>
  <c r="O2243" i="10"/>
  <c r="O2275" i="10"/>
  <c r="O2307" i="10"/>
  <c r="O2339" i="10"/>
  <c r="O2371" i="10"/>
  <c r="O2403" i="10"/>
  <c r="O2435" i="10"/>
  <c r="O2467" i="10"/>
  <c r="O2499" i="10"/>
  <c r="O2531" i="10"/>
  <c r="O2563" i="10"/>
  <c r="O2595" i="10"/>
  <c r="O2627" i="10"/>
  <c r="O2659" i="10"/>
  <c r="O2691" i="10"/>
  <c r="O2723" i="10"/>
  <c r="O2755" i="10"/>
  <c r="O2787" i="10"/>
  <c r="O2819" i="10"/>
  <c r="O2851" i="10"/>
  <c r="P2851" i="10" s="1"/>
  <c r="O2883" i="10"/>
  <c r="P2883" i="10" s="1"/>
  <c r="O2915" i="10"/>
  <c r="P2915" i="10" s="1"/>
  <c r="O2947" i="10"/>
  <c r="P2947" i="10" s="1"/>
  <c r="O2979" i="10"/>
  <c r="P2979" i="10" s="1"/>
  <c r="O3011" i="10"/>
  <c r="P3011" i="10" s="1"/>
  <c r="O3043" i="10"/>
  <c r="P3043" i="10" s="1"/>
  <c r="O3075" i="10"/>
  <c r="P3075" i="10" s="1"/>
  <c r="O3107" i="10"/>
  <c r="P3107" i="10" s="1"/>
  <c r="O3139" i="10"/>
  <c r="P3139" i="10" s="1"/>
  <c r="O3171" i="10"/>
  <c r="P3171" i="10" s="1"/>
  <c r="O3203" i="10"/>
  <c r="P3203" i="10" s="1"/>
  <c r="O3235" i="10"/>
  <c r="P3235" i="10" s="1"/>
  <c r="O3267" i="10"/>
  <c r="P3267" i="10" s="1"/>
  <c r="O3299" i="10"/>
  <c r="P3299" i="10" s="1"/>
  <c r="O3331" i="10"/>
  <c r="P3331" i="10" s="1"/>
  <c r="O3363" i="10"/>
  <c r="P3363" i="10" s="1"/>
  <c r="O3395" i="10"/>
  <c r="P3395" i="10" s="1"/>
  <c r="O3427" i="10"/>
  <c r="P3427" i="10" s="1"/>
  <c r="O3459" i="10"/>
  <c r="P3459" i="10" s="1"/>
  <c r="O3491" i="10"/>
  <c r="P3491" i="10" s="1"/>
  <c r="O3523" i="10"/>
  <c r="P3523" i="10" s="1"/>
  <c r="O3555" i="10"/>
  <c r="P3555" i="10" s="1"/>
  <c r="O3587" i="10"/>
  <c r="P3587" i="10" s="1"/>
  <c r="O3619" i="10"/>
  <c r="P3619" i="10" s="1"/>
  <c r="O3651" i="10"/>
  <c r="P3651" i="10" s="1"/>
  <c r="O3683" i="10"/>
  <c r="P3683" i="10" s="1"/>
  <c r="O3715" i="10"/>
  <c r="P3715" i="10" s="1"/>
  <c r="O3747" i="10"/>
  <c r="P3747" i="10" s="1"/>
  <c r="O3779" i="10"/>
  <c r="P3779" i="10" s="1"/>
  <c r="O3811" i="10"/>
  <c r="P3811" i="10" s="1"/>
  <c r="O3843" i="10"/>
  <c r="P3843" i="10" s="1"/>
  <c r="O3875" i="10"/>
  <c r="P3875" i="10" s="1"/>
  <c r="O3907" i="10"/>
  <c r="P3907" i="10" s="1"/>
  <c r="O3939" i="10"/>
  <c r="P3939" i="10" s="1"/>
  <c r="O3971" i="10"/>
  <c r="P3971" i="10" s="1"/>
  <c r="O4003" i="10"/>
  <c r="P4003" i="10" s="1"/>
  <c r="O4035" i="10"/>
  <c r="P4035" i="10" s="1"/>
  <c r="O4067" i="10"/>
  <c r="P4067" i="10" s="1"/>
  <c r="O4099" i="10"/>
  <c r="P4099" i="10" s="1"/>
  <c r="O4131" i="10"/>
  <c r="P4131" i="10" s="1"/>
  <c r="O4163" i="10"/>
  <c r="P4163" i="10" s="1"/>
  <c r="O4195" i="10"/>
  <c r="P4195" i="10" s="1"/>
  <c r="O4227" i="10"/>
  <c r="P4227" i="10" s="1"/>
  <c r="O4259" i="10"/>
  <c r="P4259" i="10" s="1"/>
  <c r="O4291" i="10"/>
  <c r="P4291" i="10" s="1"/>
  <c r="O4323" i="10"/>
  <c r="P4323" i="10" s="1"/>
  <c r="O4355" i="10"/>
  <c r="P4355" i="10" s="1"/>
  <c r="O4387" i="10"/>
  <c r="P4387" i="10" s="1"/>
  <c r="O4419" i="10"/>
  <c r="P4419" i="10" s="1"/>
  <c r="O4451" i="10"/>
  <c r="P4451" i="10" s="1"/>
  <c r="O4483" i="10"/>
  <c r="P4483" i="10" s="1"/>
  <c r="O4515" i="10"/>
  <c r="P4515" i="10" s="1"/>
  <c r="O4547" i="10"/>
  <c r="P4547" i="10" s="1"/>
  <c r="O4579" i="10"/>
  <c r="P4579" i="10" s="1"/>
  <c r="O4611" i="10"/>
  <c r="P4611" i="10" s="1"/>
  <c r="O4643" i="10"/>
  <c r="P4643" i="10" s="1"/>
  <c r="O4675" i="10"/>
  <c r="P4675" i="10" s="1"/>
  <c r="O4707" i="10"/>
  <c r="P4707" i="10" s="1"/>
  <c r="O4739" i="10"/>
  <c r="P4739" i="10" s="1"/>
  <c r="O4771" i="10"/>
  <c r="P4771" i="10" s="1"/>
  <c r="O4803" i="10"/>
  <c r="P4803" i="10" s="1"/>
  <c r="O4835" i="10"/>
  <c r="P4835" i="10" s="1"/>
  <c r="O4867" i="10"/>
  <c r="P4867" i="10" s="1"/>
  <c r="O4899" i="10"/>
  <c r="P4899" i="10" s="1"/>
  <c r="O4931" i="10"/>
  <c r="P4931" i="10" s="1"/>
  <c r="O4963" i="10"/>
  <c r="P4963" i="10" s="1"/>
  <c r="O4995" i="10"/>
  <c r="P4995" i="10" s="1"/>
  <c r="O5027" i="10"/>
  <c r="P5027" i="10" s="1"/>
  <c r="O5059" i="10"/>
  <c r="P5059" i="10" s="1"/>
  <c r="O5091" i="10"/>
  <c r="P5091" i="10" s="1"/>
  <c r="O5123" i="10"/>
  <c r="P5123" i="10" s="1"/>
  <c r="O5155" i="10"/>
  <c r="P5155" i="10" s="1"/>
  <c r="O5187" i="10"/>
  <c r="P5187" i="10" s="1"/>
  <c r="O5219" i="10"/>
  <c r="P5219" i="10" s="1"/>
  <c r="O5251" i="10"/>
  <c r="P5251" i="10" s="1"/>
  <c r="O5283" i="10"/>
  <c r="P5283" i="10" s="1"/>
  <c r="O5315" i="10"/>
  <c r="P5315" i="10" s="1"/>
  <c r="O5347" i="10"/>
  <c r="P5347" i="10" s="1"/>
  <c r="O5379" i="10"/>
  <c r="P5379" i="10" s="1"/>
  <c r="O6014" i="10"/>
  <c r="P6014" i="10" s="1"/>
  <c r="O6046" i="10"/>
  <c r="P6046" i="10" s="1"/>
  <c r="O6078" i="10"/>
  <c r="P6078" i="10" s="1"/>
  <c r="O6110" i="10"/>
  <c r="P6110" i="10" s="1"/>
  <c r="O6142" i="10"/>
  <c r="P6142" i="10" s="1"/>
  <c r="O6174" i="10"/>
  <c r="P6174" i="10" s="1"/>
  <c r="O6206" i="10"/>
  <c r="P6206" i="10" s="1"/>
  <c r="O6238" i="10"/>
  <c r="P6238" i="10" s="1"/>
  <c r="O6270" i="10"/>
  <c r="P6270" i="10" s="1"/>
  <c r="O6302" i="10"/>
  <c r="P6302" i="10" s="1"/>
  <c r="O6334" i="10"/>
  <c r="P6334" i="10" s="1"/>
  <c r="O6366" i="10"/>
  <c r="P6366" i="10" s="1"/>
  <c r="O6398" i="10"/>
  <c r="P6398" i="10" s="1"/>
  <c r="O6430" i="10"/>
  <c r="P6430" i="10" s="1"/>
  <c r="O6462" i="10"/>
  <c r="P6462" i="10" s="1"/>
  <c r="O6494" i="10"/>
  <c r="P6494" i="10" s="1"/>
  <c r="O6526" i="10"/>
  <c r="P6526" i="10" s="1"/>
  <c r="O6558" i="10"/>
  <c r="P6558" i="10" s="1"/>
  <c r="O6590" i="10"/>
  <c r="P6590" i="10" s="1"/>
  <c r="O6622" i="10"/>
  <c r="P6622" i="10" s="1"/>
  <c r="O6654" i="10"/>
  <c r="P6654" i="10" s="1"/>
  <c r="O6686" i="10"/>
  <c r="P6686" i="10" s="1"/>
  <c r="O6718" i="10"/>
  <c r="P6718" i="10" s="1"/>
  <c r="O6750" i="10"/>
  <c r="P6750" i="10" s="1"/>
  <c r="O6782" i="10"/>
  <c r="P6782" i="10" s="1"/>
  <c r="O6814" i="10"/>
  <c r="P6814" i="10" s="1"/>
  <c r="O6846" i="10"/>
  <c r="P6846" i="10" s="1"/>
  <c r="O6878" i="10"/>
  <c r="P6878" i="10" s="1"/>
  <c r="O6910" i="10"/>
  <c r="P6910" i="10" s="1"/>
  <c r="O6942" i="10"/>
  <c r="P6942" i="10" s="1"/>
  <c r="O6974" i="10"/>
  <c r="P6974" i="10" s="1"/>
  <c r="O7006" i="10"/>
  <c r="P7006" i="10" s="1"/>
  <c r="O7038" i="10"/>
  <c r="P7038" i="10" s="1"/>
  <c r="O7070" i="10"/>
  <c r="P7070" i="10" s="1"/>
  <c r="O7102" i="10"/>
  <c r="P7102" i="10" s="1"/>
  <c r="O7134" i="10"/>
  <c r="P7134" i="10" s="1"/>
  <c r="O7166" i="10"/>
  <c r="P7166" i="10" s="1"/>
  <c r="O7198" i="10"/>
  <c r="P7198" i="10" s="1"/>
  <c r="O7230" i="10"/>
  <c r="P7230" i="10" s="1"/>
  <c r="O7262" i="10"/>
  <c r="P7262" i="10" s="1"/>
  <c r="O7294" i="10"/>
  <c r="P7294" i="10" s="1"/>
  <c r="O7326" i="10"/>
  <c r="P7326" i="10" s="1"/>
  <c r="O7358" i="10"/>
  <c r="P7358" i="10" s="1"/>
  <c r="O7390" i="10"/>
  <c r="P7390" i="10" s="1"/>
  <c r="O7422" i="10"/>
  <c r="P7422" i="10" s="1"/>
  <c r="O7454" i="10"/>
  <c r="P7454" i="10" s="1"/>
  <c r="O5831" i="10"/>
  <c r="P5831" i="10" s="1"/>
  <c r="O5863" i="10"/>
  <c r="P5863" i="10" s="1"/>
  <c r="O5895" i="10"/>
  <c r="P5895" i="10" s="1"/>
  <c r="O5927" i="10"/>
  <c r="P5927" i="10" s="1"/>
  <c r="O5959" i="10"/>
  <c r="P5959" i="10" s="1"/>
  <c r="O5991" i="10"/>
  <c r="P5991" i="10" s="1"/>
  <c r="O6023" i="10"/>
  <c r="P6023" i="10" s="1"/>
  <c r="O6055" i="10"/>
  <c r="P6055" i="10" s="1"/>
  <c r="O6087" i="10"/>
  <c r="P6087" i="10" s="1"/>
  <c r="O6119" i="10"/>
  <c r="P6119" i="10" s="1"/>
  <c r="O6151" i="10"/>
  <c r="P6151" i="10" s="1"/>
  <c r="O6183" i="10"/>
  <c r="P6183" i="10" s="1"/>
  <c r="O6215" i="10"/>
  <c r="P6215" i="10" s="1"/>
  <c r="O6247" i="10"/>
  <c r="P6247" i="10" s="1"/>
  <c r="O6279" i="10"/>
  <c r="P6279" i="10" s="1"/>
  <c r="O6311" i="10"/>
  <c r="P6311" i="10" s="1"/>
  <c r="O6343" i="10"/>
  <c r="P6343" i="10" s="1"/>
  <c r="O6375" i="10"/>
  <c r="P6375" i="10" s="1"/>
  <c r="O6407" i="10"/>
  <c r="P6407" i="10" s="1"/>
  <c r="O6439" i="10"/>
  <c r="P6439" i="10" s="1"/>
  <c r="O6471" i="10"/>
  <c r="P6471" i="10" s="1"/>
  <c r="O6503" i="10"/>
  <c r="P6503" i="10" s="1"/>
  <c r="O6535" i="10"/>
  <c r="P6535" i="10" s="1"/>
  <c r="O6567" i="10"/>
  <c r="P6567" i="10" s="1"/>
  <c r="O6599" i="10"/>
  <c r="P6599" i="10" s="1"/>
  <c r="O6631" i="10"/>
  <c r="P6631" i="10" s="1"/>
  <c r="O6663" i="10"/>
  <c r="P6663" i="10" s="1"/>
  <c r="O6695" i="10"/>
  <c r="P6695" i="10" s="1"/>
  <c r="O6727" i="10"/>
  <c r="P6727" i="10" s="1"/>
  <c r="O6759" i="10"/>
  <c r="P6759" i="10" s="1"/>
  <c r="O6791" i="10"/>
  <c r="P6791" i="10" s="1"/>
  <c r="O6823" i="10"/>
  <c r="P6823" i="10" s="1"/>
  <c r="O6855" i="10"/>
  <c r="P6855" i="10" s="1"/>
  <c r="O6887" i="10"/>
  <c r="P6887" i="10" s="1"/>
  <c r="O6919" i="10"/>
  <c r="P6919" i="10" s="1"/>
  <c r="O6951" i="10"/>
  <c r="P6951" i="10" s="1"/>
  <c r="O6983" i="10"/>
  <c r="P6983" i="10" s="1"/>
  <c r="O7015" i="10"/>
  <c r="P7015" i="10" s="1"/>
  <c r="O7047" i="10"/>
  <c r="P7047" i="10" s="1"/>
  <c r="O7079" i="10"/>
  <c r="P7079" i="10" s="1"/>
  <c r="O7111" i="10"/>
  <c r="P7111" i="10" s="1"/>
  <c r="O7143" i="10"/>
  <c r="P7143" i="10" s="1"/>
  <c r="O7175" i="10"/>
  <c r="P7175" i="10" s="1"/>
  <c r="O7207" i="10"/>
  <c r="P7207" i="10" s="1"/>
  <c r="O7239" i="10"/>
  <c r="P7239" i="10" s="1"/>
  <c r="O7271" i="10"/>
  <c r="P7271" i="10" s="1"/>
  <c r="O7303" i="10"/>
  <c r="P7303" i="10" s="1"/>
  <c r="O7335" i="10"/>
  <c r="P7335" i="10" s="1"/>
  <c r="O7367" i="10"/>
  <c r="P7367" i="10" s="1"/>
  <c r="O7399" i="10"/>
  <c r="P7399" i="10" s="1"/>
  <c r="O7431" i="10"/>
  <c r="P7431" i="10" s="1"/>
  <c r="O5840" i="10"/>
  <c r="P5840" i="10" s="1"/>
  <c r="O5872" i="10"/>
  <c r="P5872" i="10" s="1"/>
  <c r="O5904" i="10"/>
  <c r="P5904" i="10" s="1"/>
  <c r="O5936" i="10"/>
  <c r="P5936" i="10" s="1"/>
  <c r="O5968" i="10"/>
  <c r="P5968" i="10" s="1"/>
  <c r="O6000" i="10"/>
  <c r="P6000" i="10" s="1"/>
  <c r="O6032" i="10"/>
  <c r="P6032" i="10" s="1"/>
  <c r="O6064" i="10"/>
  <c r="P6064" i="10" s="1"/>
  <c r="O6096" i="10"/>
  <c r="P6096" i="10" s="1"/>
  <c r="O6128" i="10"/>
  <c r="P6128" i="10" s="1"/>
  <c r="O6160" i="10"/>
  <c r="P6160" i="10" s="1"/>
  <c r="O6192" i="10"/>
  <c r="P6192" i="10" s="1"/>
  <c r="O6224" i="10"/>
  <c r="P6224" i="10" s="1"/>
  <c r="O6256" i="10"/>
  <c r="P6256" i="10" s="1"/>
  <c r="O6288" i="10"/>
  <c r="P6288" i="10" s="1"/>
  <c r="O6320" i="10"/>
  <c r="P6320" i="10" s="1"/>
  <c r="O6352" i="10"/>
  <c r="P6352" i="10" s="1"/>
  <c r="O6384" i="10"/>
  <c r="P6384" i="10" s="1"/>
  <c r="O6416" i="10"/>
  <c r="P6416" i="10" s="1"/>
  <c r="O6448" i="10"/>
  <c r="P6448" i="10" s="1"/>
  <c r="O6480" i="10"/>
  <c r="P6480" i="10" s="1"/>
  <c r="O6512" i="10"/>
  <c r="P6512" i="10" s="1"/>
  <c r="O6544" i="10"/>
  <c r="P6544" i="10" s="1"/>
  <c r="O6576" i="10"/>
  <c r="P6576" i="10" s="1"/>
  <c r="O6608" i="10"/>
  <c r="P6608" i="10" s="1"/>
  <c r="O6640" i="10"/>
  <c r="P6640" i="10" s="1"/>
  <c r="O6672" i="10"/>
  <c r="P6672" i="10" s="1"/>
  <c r="O6704" i="10"/>
  <c r="P6704" i="10" s="1"/>
  <c r="O6736" i="10"/>
  <c r="P6736" i="10" s="1"/>
  <c r="O6768" i="10"/>
  <c r="P6768" i="10" s="1"/>
  <c r="O6800" i="10"/>
  <c r="P6800" i="10" s="1"/>
  <c r="O6832" i="10"/>
  <c r="P6832" i="10" s="1"/>
  <c r="O6864" i="10"/>
  <c r="P6864" i="10" s="1"/>
  <c r="O6896" i="10"/>
  <c r="P6896" i="10" s="1"/>
  <c r="O6928" i="10"/>
  <c r="P6928" i="10" s="1"/>
  <c r="O6960" i="10"/>
  <c r="P6960" i="10" s="1"/>
  <c r="O6992" i="10"/>
  <c r="P6992" i="10" s="1"/>
  <c r="O7024" i="10"/>
  <c r="P7024" i="10" s="1"/>
  <c r="O7056" i="10"/>
  <c r="P7056" i="10" s="1"/>
  <c r="O7088" i="10"/>
  <c r="P7088" i="10" s="1"/>
  <c r="O7120" i="10"/>
  <c r="P7120" i="10" s="1"/>
  <c r="O7152" i="10"/>
  <c r="P7152" i="10" s="1"/>
  <c r="O7184" i="10"/>
  <c r="P7184" i="10" s="1"/>
  <c r="O7216" i="10"/>
  <c r="P7216" i="10" s="1"/>
  <c r="O7248" i="10"/>
  <c r="P7248" i="10" s="1"/>
  <c r="O7280" i="10"/>
  <c r="P7280" i="10" s="1"/>
  <c r="O7312" i="10"/>
  <c r="P7312" i="10" s="1"/>
  <c r="O7344" i="10"/>
  <c r="P7344" i="10" s="1"/>
  <c r="O7376" i="10"/>
  <c r="P7376" i="10" s="1"/>
  <c r="O7408" i="10"/>
  <c r="P7408" i="10" s="1"/>
  <c r="O7440" i="10"/>
  <c r="P7440" i="10" s="1"/>
  <c r="O4905" i="10"/>
  <c r="P4905" i="10" s="1"/>
  <c r="O4937" i="10"/>
  <c r="P4937" i="10" s="1"/>
  <c r="O4969" i="10"/>
  <c r="P4969" i="10" s="1"/>
  <c r="O5001" i="10"/>
  <c r="P5001" i="10" s="1"/>
  <c r="O5033" i="10"/>
  <c r="P5033" i="10" s="1"/>
  <c r="O5065" i="10"/>
  <c r="P5065" i="10" s="1"/>
  <c r="O5097" i="10"/>
  <c r="P5097" i="10" s="1"/>
  <c r="O5129" i="10"/>
  <c r="P5129" i="10" s="1"/>
  <c r="O5161" i="10"/>
  <c r="P5161" i="10" s="1"/>
  <c r="O5193" i="10"/>
  <c r="P5193" i="10" s="1"/>
  <c r="O5225" i="10"/>
  <c r="P5225" i="10" s="1"/>
  <c r="O5257" i="10"/>
  <c r="P5257" i="10" s="1"/>
  <c r="O5289" i="10"/>
  <c r="P5289" i="10" s="1"/>
  <c r="O5321" i="10"/>
  <c r="P5321" i="10" s="1"/>
  <c r="O5353" i="10"/>
  <c r="P5353" i="10" s="1"/>
  <c r="O5385" i="10"/>
  <c r="P5385" i="10" s="1"/>
  <c r="O5417" i="10"/>
  <c r="P5417" i="10" s="1"/>
  <c r="O5449" i="10"/>
  <c r="P5449" i="10" s="1"/>
  <c r="O5481" i="10"/>
  <c r="P5481" i="10" s="1"/>
  <c r="O5513" i="10"/>
  <c r="P5513" i="10" s="1"/>
  <c r="O5545" i="10"/>
  <c r="P5545" i="10" s="1"/>
  <c r="O5577" i="10"/>
  <c r="P5577" i="10" s="1"/>
  <c r="O5609" i="10"/>
  <c r="P5609" i="10" s="1"/>
  <c r="O5641" i="10"/>
  <c r="P5641" i="10" s="1"/>
  <c r="O5673" i="10"/>
  <c r="P5673" i="10" s="1"/>
  <c r="O5705" i="10"/>
  <c r="P5705" i="10" s="1"/>
  <c r="O5737" i="10"/>
  <c r="P5737" i="10" s="1"/>
  <c r="O5769" i="10"/>
  <c r="P5769" i="10" s="1"/>
  <c r="O6025" i="10"/>
  <c r="P6025" i="10" s="1"/>
  <c r="O6057" i="10"/>
  <c r="P6057" i="10" s="1"/>
  <c r="O6089" i="10"/>
  <c r="P6089" i="10" s="1"/>
  <c r="O6121" i="10"/>
  <c r="P6121" i="10" s="1"/>
  <c r="O6153" i="10"/>
  <c r="P6153" i="10" s="1"/>
  <c r="O6185" i="10"/>
  <c r="P6185" i="10" s="1"/>
  <c r="O6217" i="10"/>
  <c r="P6217" i="10" s="1"/>
  <c r="O6249" i="10"/>
  <c r="P6249" i="10" s="1"/>
  <c r="O6281" i="10"/>
  <c r="P6281" i="10" s="1"/>
  <c r="O6313" i="10"/>
  <c r="P6313" i="10" s="1"/>
  <c r="O6345" i="10"/>
  <c r="P6345" i="10" s="1"/>
  <c r="O6377" i="10"/>
  <c r="P6377" i="10" s="1"/>
  <c r="O6409" i="10"/>
  <c r="P6409" i="10" s="1"/>
  <c r="O6441" i="10"/>
  <c r="P6441" i="10" s="1"/>
  <c r="O6473" i="10"/>
  <c r="P6473" i="10" s="1"/>
  <c r="O6505" i="10"/>
  <c r="P6505" i="10" s="1"/>
  <c r="O6537" i="10"/>
  <c r="P6537" i="10" s="1"/>
  <c r="O6569" i="10"/>
  <c r="P6569" i="10" s="1"/>
  <c r="O6601" i="10"/>
  <c r="P6601" i="10" s="1"/>
  <c r="O6633" i="10"/>
  <c r="P6633" i="10" s="1"/>
  <c r="O6665" i="10"/>
  <c r="P6665" i="10" s="1"/>
  <c r="O6697" i="10"/>
  <c r="P6697" i="10" s="1"/>
  <c r="O6729" i="10"/>
  <c r="P6729" i="10" s="1"/>
  <c r="O6761" i="10"/>
  <c r="P6761" i="10" s="1"/>
  <c r="O6793" i="10"/>
  <c r="P6793" i="10" s="1"/>
  <c r="O6825" i="10"/>
  <c r="P6825" i="10" s="1"/>
  <c r="O6857" i="10"/>
  <c r="P6857" i="10" s="1"/>
  <c r="O6889" i="10"/>
  <c r="P6889" i="10" s="1"/>
  <c r="O6921" i="10"/>
  <c r="P6921" i="10" s="1"/>
  <c r="O6953" i="10"/>
  <c r="P6953" i="10" s="1"/>
  <c r="O6985" i="10"/>
  <c r="P6985" i="10" s="1"/>
  <c r="O7017" i="10"/>
  <c r="P7017" i="10" s="1"/>
  <c r="O7049" i="10"/>
  <c r="P7049" i="10" s="1"/>
  <c r="O7081" i="10"/>
  <c r="P7081" i="10" s="1"/>
  <c r="O7113" i="10"/>
  <c r="P7113" i="10" s="1"/>
  <c r="O7145" i="10"/>
  <c r="P7145" i="10" s="1"/>
  <c r="O7177" i="10"/>
  <c r="P7177" i="10" s="1"/>
  <c r="O7209" i="10"/>
  <c r="P7209" i="10" s="1"/>
  <c r="O7241" i="10"/>
  <c r="P7241" i="10" s="1"/>
  <c r="O7273" i="10"/>
  <c r="P7273" i="10" s="1"/>
  <c r="O7305" i="10"/>
  <c r="P7305" i="10" s="1"/>
  <c r="O7337" i="10"/>
  <c r="P7337" i="10" s="1"/>
  <c r="O7369" i="10"/>
  <c r="P7369" i="10" s="1"/>
  <c r="O7401" i="10"/>
  <c r="P7401" i="10" s="1"/>
  <c r="O7433" i="10"/>
  <c r="P7433" i="10" s="1"/>
  <c r="O6034" i="10"/>
  <c r="P6034" i="10" s="1"/>
  <c r="O6066" i="10"/>
  <c r="P6066" i="10" s="1"/>
  <c r="O6098" i="10"/>
  <c r="P6098" i="10" s="1"/>
  <c r="O6130" i="10"/>
  <c r="P6130" i="10" s="1"/>
  <c r="O6162" i="10"/>
  <c r="P6162" i="10" s="1"/>
  <c r="O6194" i="10"/>
  <c r="P6194" i="10" s="1"/>
  <c r="O6226" i="10"/>
  <c r="P6226" i="10" s="1"/>
  <c r="O6258" i="10"/>
  <c r="P6258" i="10" s="1"/>
  <c r="O6290" i="10"/>
  <c r="P6290" i="10" s="1"/>
  <c r="O6322" i="10"/>
  <c r="P6322" i="10" s="1"/>
  <c r="O6354" i="10"/>
  <c r="P6354" i="10" s="1"/>
  <c r="O6386" i="10"/>
  <c r="P6386" i="10" s="1"/>
  <c r="O6418" i="10"/>
  <c r="P6418" i="10" s="1"/>
  <c r="O6450" i="10"/>
  <c r="P6450" i="10" s="1"/>
  <c r="O6482" i="10"/>
  <c r="P6482" i="10" s="1"/>
  <c r="O6514" i="10"/>
  <c r="P6514" i="10" s="1"/>
  <c r="O6546" i="10"/>
  <c r="P6546" i="10" s="1"/>
  <c r="O6578" i="10"/>
  <c r="P6578" i="10" s="1"/>
  <c r="O6610" i="10"/>
  <c r="P6610" i="10" s="1"/>
  <c r="O6642" i="10"/>
  <c r="P6642" i="10" s="1"/>
  <c r="O6674" i="10"/>
  <c r="P6674" i="10" s="1"/>
  <c r="O6706" i="10"/>
  <c r="P6706" i="10" s="1"/>
  <c r="O6738" i="10"/>
  <c r="P6738" i="10" s="1"/>
  <c r="O6770" i="10"/>
  <c r="P6770" i="10" s="1"/>
  <c r="O6802" i="10"/>
  <c r="P6802" i="10" s="1"/>
  <c r="O6834" i="10"/>
  <c r="P6834" i="10" s="1"/>
  <c r="O6866" i="10"/>
  <c r="P6866" i="10" s="1"/>
  <c r="O6898" i="10"/>
  <c r="P6898" i="10" s="1"/>
  <c r="O6930" i="10"/>
  <c r="P6930" i="10" s="1"/>
  <c r="O6962" i="10"/>
  <c r="P6962" i="10" s="1"/>
  <c r="O6994" i="10"/>
  <c r="P6994" i="10" s="1"/>
  <c r="O7026" i="10"/>
  <c r="P7026" i="10" s="1"/>
  <c r="O7058" i="10"/>
  <c r="P7058" i="10" s="1"/>
  <c r="O7090" i="10"/>
  <c r="P7090" i="10" s="1"/>
  <c r="O7122" i="10"/>
  <c r="P7122" i="10" s="1"/>
  <c r="O7154" i="10"/>
  <c r="P7154" i="10" s="1"/>
  <c r="O7186" i="10"/>
  <c r="P7186" i="10" s="1"/>
  <c r="O7218" i="10"/>
  <c r="P7218" i="10" s="1"/>
  <c r="O7250" i="10"/>
  <c r="P7250" i="10" s="1"/>
  <c r="O7282" i="10"/>
  <c r="P7282" i="10" s="1"/>
  <c r="O7314" i="10"/>
  <c r="P7314" i="10" s="1"/>
  <c r="O7346" i="10"/>
  <c r="P7346" i="10" s="1"/>
  <c r="O7378" i="10"/>
  <c r="P7378" i="10" s="1"/>
  <c r="O7410" i="10"/>
  <c r="P7410" i="10" s="1"/>
  <c r="O7442" i="10"/>
  <c r="P7442" i="10" s="1"/>
  <c r="O5419" i="10"/>
  <c r="P5419" i="10" s="1"/>
  <c r="O5451" i="10"/>
  <c r="P5451" i="10" s="1"/>
  <c r="O5483" i="10"/>
  <c r="P5483" i="10" s="1"/>
  <c r="O5515" i="10"/>
  <c r="P5515" i="10" s="1"/>
  <c r="O5547" i="10"/>
  <c r="P5547" i="10" s="1"/>
  <c r="O5579" i="10"/>
  <c r="P5579" i="10" s="1"/>
  <c r="O5611" i="10"/>
  <c r="P5611" i="10" s="1"/>
  <c r="O5643" i="10"/>
  <c r="P5643" i="10" s="1"/>
  <c r="O5675" i="10"/>
  <c r="P5675" i="10" s="1"/>
  <c r="O5707" i="10"/>
  <c r="P5707" i="10" s="1"/>
  <c r="O5739" i="10"/>
  <c r="P5739" i="10" s="1"/>
  <c r="O6027" i="10"/>
  <c r="P6027" i="10" s="1"/>
  <c r="O6059" i="10"/>
  <c r="P6059" i="10" s="1"/>
  <c r="O6091" i="10"/>
  <c r="P6091" i="10" s="1"/>
  <c r="O6123" i="10"/>
  <c r="P6123" i="10" s="1"/>
  <c r="O6155" i="10"/>
  <c r="P6155" i="10" s="1"/>
  <c r="O6187" i="10"/>
  <c r="P6187" i="10" s="1"/>
  <c r="O6219" i="10"/>
  <c r="P6219" i="10" s="1"/>
  <c r="O6251" i="10"/>
  <c r="P6251" i="10" s="1"/>
  <c r="O6283" i="10"/>
  <c r="P6283" i="10" s="1"/>
  <c r="O6315" i="10"/>
  <c r="P6315" i="10" s="1"/>
  <c r="O6347" i="10"/>
  <c r="P6347" i="10" s="1"/>
  <c r="O6379" i="10"/>
  <c r="P6379" i="10" s="1"/>
  <c r="O6411" i="10"/>
  <c r="P6411" i="10" s="1"/>
  <c r="O6443" i="10"/>
  <c r="P6443" i="10" s="1"/>
  <c r="O6475" i="10"/>
  <c r="P6475" i="10" s="1"/>
  <c r="O6507" i="10"/>
  <c r="P6507" i="10" s="1"/>
  <c r="O6539" i="10"/>
  <c r="P6539" i="10" s="1"/>
  <c r="O6571" i="10"/>
  <c r="P6571" i="10" s="1"/>
  <c r="O6603" i="10"/>
  <c r="P6603" i="10" s="1"/>
  <c r="O6635" i="10"/>
  <c r="P6635" i="10" s="1"/>
  <c r="O6667" i="10"/>
  <c r="P6667" i="10" s="1"/>
  <c r="O6699" i="10"/>
  <c r="P6699" i="10" s="1"/>
  <c r="O6731" i="10"/>
  <c r="P6731" i="10" s="1"/>
  <c r="O6763" i="10"/>
  <c r="P6763" i="10" s="1"/>
  <c r="O6795" i="10"/>
  <c r="P6795" i="10" s="1"/>
  <c r="O6827" i="10"/>
  <c r="P6827" i="10" s="1"/>
  <c r="O6859" i="10"/>
  <c r="P6859" i="10" s="1"/>
  <c r="O6891" i="10"/>
  <c r="P6891" i="10" s="1"/>
  <c r="O6923" i="10"/>
  <c r="P6923" i="10" s="1"/>
  <c r="O6955" i="10"/>
  <c r="P6955" i="10" s="1"/>
  <c r="O6987" i="10"/>
  <c r="P6987" i="10" s="1"/>
  <c r="O7019" i="10"/>
  <c r="P7019" i="10" s="1"/>
  <c r="O7051" i="10"/>
  <c r="P7051" i="10" s="1"/>
  <c r="O7083" i="10"/>
  <c r="P7083" i="10" s="1"/>
  <c r="O7115" i="10"/>
  <c r="P7115" i="10" s="1"/>
  <c r="O7147" i="10"/>
  <c r="P7147" i="10" s="1"/>
  <c r="O7179" i="10"/>
  <c r="P7179" i="10" s="1"/>
  <c r="O7211" i="10"/>
  <c r="P7211" i="10" s="1"/>
  <c r="O7243" i="10"/>
  <c r="P7243" i="10" s="1"/>
  <c r="O7275" i="10"/>
  <c r="P7275" i="10" s="1"/>
  <c r="O7307" i="10"/>
  <c r="P7307" i="10" s="1"/>
  <c r="O7339" i="10"/>
  <c r="P7339" i="10" s="1"/>
  <c r="O7371" i="10"/>
  <c r="P7371" i="10" s="1"/>
  <c r="O7403" i="10"/>
  <c r="P7403" i="10" s="1"/>
  <c r="O7435" i="10"/>
  <c r="P7435" i="10" s="1"/>
  <c r="O6036" i="10"/>
  <c r="P6036" i="10" s="1"/>
  <c r="O6068" i="10"/>
  <c r="P6068" i="10" s="1"/>
  <c r="O6100" i="10"/>
  <c r="P6100" i="10" s="1"/>
  <c r="O6132" i="10"/>
  <c r="P6132" i="10" s="1"/>
  <c r="O6164" i="10"/>
  <c r="P6164" i="10" s="1"/>
  <c r="O6196" i="10"/>
  <c r="P6196" i="10" s="1"/>
  <c r="O6228" i="10"/>
  <c r="P6228" i="10" s="1"/>
  <c r="O6260" i="10"/>
  <c r="P6260" i="10" s="1"/>
  <c r="O6292" i="10"/>
  <c r="P6292" i="10" s="1"/>
  <c r="O6324" i="10"/>
  <c r="P6324" i="10" s="1"/>
  <c r="O6356" i="10"/>
  <c r="P6356" i="10" s="1"/>
  <c r="O6388" i="10"/>
  <c r="P6388" i="10" s="1"/>
  <c r="O6420" i="10"/>
  <c r="P6420" i="10" s="1"/>
  <c r="O6452" i="10"/>
  <c r="P6452" i="10" s="1"/>
  <c r="O6484" i="10"/>
  <c r="P6484" i="10" s="1"/>
  <c r="O6516" i="10"/>
  <c r="P6516" i="10" s="1"/>
  <c r="O6548" i="10"/>
  <c r="P6548" i="10" s="1"/>
  <c r="O6580" i="10"/>
  <c r="P6580" i="10" s="1"/>
  <c r="O6612" i="10"/>
  <c r="P6612" i="10" s="1"/>
  <c r="O6644" i="10"/>
  <c r="P6644" i="10" s="1"/>
  <c r="O6676" i="10"/>
  <c r="P6676" i="10" s="1"/>
  <c r="O6708" i="10"/>
  <c r="P6708" i="10" s="1"/>
  <c r="O6740" i="10"/>
  <c r="P6740" i="10" s="1"/>
  <c r="O6772" i="10"/>
  <c r="P6772" i="10" s="1"/>
  <c r="O6804" i="10"/>
  <c r="P6804" i="10" s="1"/>
  <c r="O6836" i="10"/>
  <c r="P6836" i="10" s="1"/>
  <c r="O6868" i="10"/>
  <c r="P6868" i="10" s="1"/>
  <c r="O6900" i="10"/>
  <c r="P6900" i="10" s="1"/>
  <c r="O6932" i="10"/>
  <c r="P6932" i="10" s="1"/>
  <c r="O6964" i="10"/>
  <c r="P6964" i="10" s="1"/>
  <c r="O6996" i="10"/>
  <c r="P6996" i="10" s="1"/>
  <c r="O7028" i="10"/>
  <c r="P7028" i="10" s="1"/>
  <c r="O7060" i="10"/>
  <c r="P7060" i="10" s="1"/>
  <c r="O7092" i="10"/>
  <c r="P7092" i="10" s="1"/>
  <c r="O7124" i="10"/>
  <c r="P7124" i="10" s="1"/>
  <c r="O7156" i="10"/>
  <c r="P7156" i="10" s="1"/>
  <c r="O7188" i="10"/>
  <c r="P7188" i="10" s="1"/>
  <c r="O7220" i="10"/>
  <c r="P7220" i="10" s="1"/>
  <c r="O7252" i="10"/>
  <c r="P7252" i="10" s="1"/>
  <c r="O7284" i="10"/>
  <c r="P7284" i="10" s="1"/>
  <c r="O7316" i="10"/>
  <c r="P7316" i="10" s="1"/>
  <c r="O7348" i="10"/>
  <c r="P7348" i="10" s="1"/>
  <c r="O7380" i="10"/>
  <c r="P7380" i="10" s="1"/>
  <c r="O7412" i="10"/>
  <c r="P7412" i="10" s="1"/>
  <c r="O7444" i="10"/>
  <c r="P7444" i="10" s="1"/>
  <c r="O6013" i="10"/>
  <c r="P6013" i="10" s="1"/>
  <c r="O6077" i="10"/>
  <c r="P6077" i="10" s="1"/>
  <c r="O6141" i="10"/>
  <c r="P6141" i="10" s="1"/>
  <c r="O6205" i="10"/>
  <c r="P6205" i="10" s="1"/>
  <c r="O6269" i="10"/>
  <c r="P6269" i="10" s="1"/>
  <c r="O6333" i="10"/>
  <c r="P6333" i="10" s="1"/>
  <c r="O6397" i="10"/>
  <c r="P6397" i="10" s="1"/>
  <c r="O6461" i="10"/>
  <c r="P6461" i="10" s="1"/>
  <c r="O6525" i="10"/>
  <c r="P6525" i="10" s="1"/>
  <c r="O6589" i="10"/>
  <c r="P6589" i="10" s="1"/>
  <c r="O6653" i="10"/>
  <c r="P6653" i="10" s="1"/>
  <c r="O6717" i="10"/>
  <c r="P6717" i="10" s="1"/>
  <c r="O6781" i="10"/>
  <c r="P6781" i="10" s="1"/>
  <c r="O6845" i="10"/>
  <c r="P6845" i="10" s="1"/>
  <c r="O6909" i="10"/>
  <c r="P6909" i="10" s="1"/>
  <c r="O6973" i="10"/>
  <c r="P6973" i="10" s="1"/>
  <c r="O7037" i="10"/>
  <c r="P7037" i="10" s="1"/>
  <c r="O7101" i="10"/>
  <c r="P7101" i="10" s="1"/>
  <c r="O7165" i="10"/>
  <c r="P7165" i="10" s="1"/>
  <c r="O7229" i="10"/>
  <c r="P7229" i="10" s="1"/>
  <c r="O7293" i="10"/>
  <c r="P7293" i="10" s="1"/>
  <c r="O7357" i="10"/>
  <c r="P7357" i="10" s="1"/>
  <c r="O7421" i="10"/>
  <c r="P7421" i="10" s="1"/>
  <c r="O93" i="10"/>
  <c r="O477" i="10"/>
  <c r="O1629" i="10"/>
  <c r="O1821" i="10"/>
  <c r="O1949" i="10"/>
  <c r="O2461" i="10"/>
  <c r="O2653" i="10"/>
  <c r="O2781" i="10"/>
  <c r="O3165" i="10"/>
  <c r="P3165" i="10" s="1"/>
  <c r="O3421" i="10"/>
  <c r="P3421" i="10" s="1"/>
  <c r="O3485" i="10"/>
  <c r="P3485" i="10" s="1"/>
  <c r="O3677" i="10"/>
  <c r="P3677" i="10" s="1"/>
  <c r="O3869" i="10"/>
  <c r="P3869" i="10" s="1"/>
  <c r="O44" i="10"/>
  <c r="O76" i="10"/>
  <c r="O108" i="10"/>
  <c r="O140" i="10"/>
  <c r="O172" i="10"/>
  <c r="O204" i="10"/>
  <c r="O236" i="10"/>
  <c r="O268" i="10"/>
  <c r="O300" i="10"/>
  <c r="O332" i="10"/>
  <c r="O364" i="10"/>
  <c r="O396" i="10"/>
  <c r="O428" i="10"/>
  <c r="O460" i="10"/>
  <c r="O492" i="10"/>
  <c r="O524" i="10"/>
  <c r="O556" i="10"/>
  <c r="O588" i="10"/>
  <c r="O620" i="10"/>
  <c r="O652" i="10"/>
  <c r="O684" i="10"/>
  <c r="O716" i="10"/>
  <c r="O748" i="10"/>
  <c r="O780" i="10"/>
  <c r="O812" i="10"/>
  <c r="O844" i="10"/>
  <c r="O876" i="10"/>
  <c r="O908" i="10"/>
  <c r="O940" i="10"/>
  <c r="O972" i="10"/>
  <c r="O1004" i="10"/>
  <c r="O1036" i="10"/>
  <c r="O1068" i="10"/>
  <c r="O1100" i="10"/>
  <c r="O1132" i="10"/>
  <c r="O1164" i="10"/>
  <c r="O1196" i="10"/>
  <c r="O1228" i="10"/>
  <c r="O1260" i="10"/>
  <c r="O1292" i="10"/>
  <c r="O1324" i="10"/>
  <c r="O1356" i="10"/>
  <c r="O1388" i="10"/>
  <c r="O1420" i="10"/>
  <c r="O1452" i="10"/>
  <c r="O1484" i="10"/>
  <c r="O1516" i="10"/>
  <c r="O1548" i="10"/>
  <c r="O1580" i="10"/>
  <c r="O1612" i="10"/>
  <c r="O1644" i="10"/>
  <c r="O1676" i="10"/>
  <c r="O1708" i="10"/>
  <c r="O1740" i="10"/>
  <c r="O1772" i="10"/>
  <c r="O1804" i="10"/>
  <c r="O1836" i="10"/>
  <c r="O1868" i="10"/>
  <c r="O1900" i="10"/>
  <c r="O1932" i="10"/>
  <c r="O1964" i="10"/>
  <c r="O1996" i="10"/>
  <c r="O2028" i="10"/>
  <c r="O2060" i="10"/>
  <c r="O2092" i="10"/>
  <c r="O2124" i="10"/>
  <c r="O2156" i="10"/>
  <c r="O2188" i="10"/>
  <c r="O2220" i="10"/>
  <c r="O2252" i="10"/>
  <c r="O2284" i="10"/>
  <c r="O2316" i="10"/>
  <c r="O2348" i="10"/>
  <c r="O2380" i="10"/>
  <c r="O2412" i="10"/>
  <c r="O2444" i="10"/>
  <c r="O2476" i="10"/>
  <c r="O2508" i="10"/>
  <c r="O2540" i="10"/>
  <c r="O2572" i="10"/>
  <c r="O2604" i="10"/>
  <c r="O2636" i="10"/>
  <c r="O2668" i="10"/>
  <c r="O2700" i="10"/>
  <c r="O2732" i="10"/>
  <c r="O2764" i="10"/>
  <c r="O2796" i="10"/>
  <c r="O2828" i="10"/>
  <c r="O2860" i="10"/>
  <c r="P2860" i="10" s="1"/>
  <c r="O2892" i="10"/>
  <c r="P2892" i="10" s="1"/>
  <c r="O2924" i="10"/>
  <c r="P2924" i="10" s="1"/>
  <c r="O2956" i="10"/>
  <c r="P2956" i="10" s="1"/>
  <c r="O2988" i="10"/>
  <c r="P2988" i="10" s="1"/>
  <c r="O3020" i="10"/>
  <c r="P3020" i="10" s="1"/>
  <c r="O3052" i="10"/>
  <c r="P3052" i="10" s="1"/>
  <c r="O3084" i="10"/>
  <c r="P3084" i="10" s="1"/>
  <c r="O3116" i="10"/>
  <c r="P3116" i="10" s="1"/>
  <c r="O3148" i="10"/>
  <c r="P3148" i="10" s="1"/>
  <c r="O3180" i="10"/>
  <c r="P3180" i="10" s="1"/>
  <c r="O3212" i="10"/>
  <c r="P3212" i="10" s="1"/>
  <c r="O3244" i="10"/>
  <c r="P3244" i="10" s="1"/>
  <c r="O3276" i="10"/>
  <c r="P3276" i="10" s="1"/>
  <c r="O3308" i="10"/>
  <c r="P3308" i="10" s="1"/>
  <c r="O3340" i="10"/>
  <c r="P3340" i="10" s="1"/>
  <c r="O3372" i="10"/>
  <c r="P3372" i="10" s="1"/>
  <c r="O3404" i="10"/>
  <c r="P3404" i="10" s="1"/>
  <c r="O3436" i="10"/>
  <c r="P3436" i="10" s="1"/>
  <c r="O3468" i="10"/>
  <c r="P3468" i="10" s="1"/>
  <c r="O3500" i="10"/>
  <c r="P3500" i="10" s="1"/>
  <c r="O3532" i="10"/>
  <c r="P3532" i="10" s="1"/>
  <c r="O3564" i="10"/>
  <c r="P3564" i="10" s="1"/>
  <c r="O3596" i="10"/>
  <c r="P3596" i="10" s="1"/>
  <c r="O3628" i="10"/>
  <c r="P3628" i="10" s="1"/>
  <c r="O3660" i="10"/>
  <c r="P3660" i="10" s="1"/>
  <c r="O3692" i="10"/>
  <c r="P3692" i="10" s="1"/>
  <c r="O3724" i="10"/>
  <c r="P3724" i="10" s="1"/>
  <c r="O3756" i="10"/>
  <c r="P3756" i="10" s="1"/>
  <c r="O3788" i="10"/>
  <c r="P3788" i="10" s="1"/>
  <c r="O3820" i="10"/>
  <c r="P3820" i="10" s="1"/>
  <c r="O3852" i="10"/>
  <c r="P3852" i="10" s="1"/>
  <c r="O3884" i="10"/>
  <c r="P3884" i="10" s="1"/>
  <c r="O3916" i="10"/>
  <c r="P3916" i="10" s="1"/>
  <c r="O3948" i="10"/>
  <c r="P3948" i="10" s="1"/>
  <c r="O3980" i="10"/>
  <c r="P3980" i="10" s="1"/>
  <c r="O4012" i="10"/>
  <c r="P4012" i="10" s="1"/>
  <c r="O4044" i="10"/>
  <c r="P4044" i="10" s="1"/>
  <c r="O4076" i="10"/>
  <c r="P4076" i="10" s="1"/>
  <c r="O4108" i="10"/>
  <c r="P4108" i="10" s="1"/>
  <c r="O4140" i="10"/>
  <c r="P4140" i="10" s="1"/>
  <c r="O4172" i="10"/>
  <c r="P4172" i="10" s="1"/>
  <c r="O4204" i="10"/>
  <c r="P4204" i="10" s="1"/>
  <c r="O4236" i="10"/>
  <c r="P4236" i="10" s="1"/>
  <c r="O4268" i="10"/>
  <c r="P4268" i="10" s="1"/>
  <c r="O4300" i="10"/>
  <c r="P4300" i="10" s="1"/>
  <c r="O4332" i="10"/>
  <c r="P4332" i="10" s="1"/>
  <c r="O4364" i="10"/>
  <c r="P4364" i="10" s="1"/>
  <c r="O4396" i="10"/>
  <c r="P4396" i="10" s="1"/>
  <c r="O4428" i="10"/>
  <c r="P4428" i="10" s="1"/>
  <c r="O4460" i="10"/>
  <c r="P4460" i="10" s="1"/>
  <c r="O4492" i="10"/>
  <c r="P4492" i="10" s="1"/>
  <c r="O4524" i="10"/>
  <c r="P4524" i="10" s="1"/>
  <c r="O4556" i="10"/>
  <c r="P4556" i="10" s="1"/>
  <c r="O4588" i="10"/>
  <c r="P4588" i="10" s="1"/>
  <c r="O4620" i="10"/>
  <c r="P4620" i="10" s="1"/>
  <c r="O4652" i="10"/>
  <c r="P4652" i="10" s="1"/>
  <c r="O4684" i="10"/>
  <c r="P4684" i="10" s="1"/>
  <c r="O4716" i="10"/>
  <c r="P4716" i="10" s="1"/>
  <c r="O4748" i="10"/>
  <c r="P4748" i="10" s="1"/>
  <c r="O4780" i="10"/>
  <c r="P4780" i="10" s="1"/>
  <c r="O4812" i="10"/>
  <c r="P4812" i="10" s="1"/>
  <c r="O4844" i="10"/>
  <c r="P4844" i="10" s="1"/>
  <c r="O4876" i="10"/>
  <c r="P4876" i="10" s="1"/>
  <c r="O4908" i="10"/>
  <c r="P4908" i="10" s="1"/>
  <c r="O4940" i="10"/>
  <c r="P4940" i="10" s="1"/>
  <c r="O4972" i="10"/>
  <c r="P4972" i="10" s="1"/>
  <c r="O5004" i="10"/>
  <c r="P5004" i="10" s="1"/>
  <c r="O5036" i="10"/>
  <c r="P5036" i="10" s="1"/>
  <c r="O5068" i="10"/>
  <c r="P5068" i="10" s="1"/>
  <c r="O5100" i="10"/>
  <c r="P5100" i="10" s="1"/>
  <c r="O5132" i="10"/>
  <c r="P5132" i="10" s="1"/>
  <c r="O5164" i="10"/>
  <c r="P5164" i="10" s="1"/>
  <c r="O5196" i="10"/>
  <c r="P5196" i="10" s="1"/>
  <c r="O5228" i="10"/>
  <c r="P5228" i="10" s="1"/>
  <c r="O5260" i="10"/>
  <c r="P5260" i="10" s="1"/>
  <c r="O5292" i="10"/>
  <c r="P5292" i="10" s="1"/>
  <c r="O5324" i="10"/>
  <c r="P5324" i="10" s="1"/>
  <c r="O5356" i="10"/>
  <c r="P5356" i="10" s="1"/>
  <c r="O5388" i="10"/>
  <c r="P5388" i="10" s="1"/>
  <c r="O5420" i="10"/>
  <c r="P5420" i="10" s="1"/>
  <c r="O5452" i="10"/>
  <c r="P5452" i="10" s="1"/>
  <c r="O5484" i="10"/>
  <c r="P5484" i="10" s="1"/>
  <c r="O5516" i="10"/>
  <c r="P5516" i="10" s="1"/>
  <c r="O5548" i="10"/>
  <c r="P5548" i="10" s="1"/>
  <c r="O5580" i="10"/>
  <c r="P5580" i="10" s="1"/>
  <c r="O5612" i="10"/>
  <c r="P5612" i="10" s="1"/>
  <c r="O5644" i="10"/>
  <c r="P5644" i="10" s="1"/>
  <c r="O5676" i="10"/>
  <c r="P5676" i="10" s="1"/>
  <c r="O5708" i="10"/>
  <c r="P5708" i="10" s="1"/>
  <c r="O5740" i="10"/>
  <c r="P5740" i="10" s="1"/>
  <c r="O45" i="10"/>
  <c r="O109" i="10"/>
  <c r="O173" i="10"/>
  <c r="O237" i="10"/>
  <c r="O301" i="10"/>
  <c r="O365" i="10"/>
  <c r="O429" i="10"/>
  <c r="O493" i="10"/>
  <c r="O557" i="10"/>
  <c r="O621" i="10"/>
  <c r="O685" i="10"/>
  <c r="O749" i="10"/>
  <c r="O813" i="10"/>
  <c r="O877" i="10"/>
  <c r="O941" i="10"/>
  <c r="O1005" i="10"/>
  <c r="O1069" i="10"/>
  <c r="O1133" i="10"/>
  <c r="O1197" i="10"/>
  <c r="O1261" i="10"/>
  <c r="O1325" i="10"/>
  <c r="O1389" i="10"/>
  <c r="O1453" i="10"/>
  <c r="O1517" i="10"/>
  <c r="O1581" i="10"/>
  <c r="O1645" i="10"/>
  <c r="O1709" i="10"/>
  <c r="O1773" i="10"/>
  <c r="O1837" i="10"/>
  <c r="O1901" i="10"/>
  <c r="O1965" i="10"/>
  <c r="O2029" i="10"/>
  <c r="O2093" i="10"/>
  <c r="O2157" i="10"/>
  <c r="O2221" i="10"/>
  <c r="O2285" i="10"/>
  <c r="O2349" i="10"/>
  <c r="O2413" i="10"/>
  <c r="O2477" i="10"/>
  <c r="O2541" i="10"/>
  <c r="O2605" i="10"/>
  <c r="O2669" i="10"/>
  <c r="O2733" i="10"/>
  <c r="O2797" i="10"/>
  <c r="O2861" i="10"/>
  <c r="P2861" i="10" s="1"/>
  <c r="O2925" i="10"/>
  <c r="P2925" i="10" s="1"/>
  <c r="O2989" i="10"/>
  <c r="P2989" i="10" s="1"/>
  <c r="O3053" i="10"/>
  <c r="P3053" i="10" s="1"/>
  <c r="O3117" i="10"/>
  <c r="P3117" i="10" s="1"/>
  <c r="O3181" i="10"/>
  <c r="P3181" i="10" s="1"/>
  <c r="O3245" i="10"/>
  <c r="P3245" i="10" s="1"/>
  <c r="O3309" i="10"/>
  <c r="P3309" i="10" s="1"/>
  <c r="O3373" i="10"/>
  <c r="P3373" i="10" s="1"/>
  <c r="O3437" i="10"/>
  <c r="P3437" i="10" s="1"/>
  <c r="O3501" i="10"/>
  <c r="P3501" i="10" s="1"/>
  <c r="O3565" i="10"/>
  <c r="P3565" i="10" s="1"/>
  <c r="O3629" i="10"/>
  <c r="P3629" i="10" s="1"/>
  <c r="O3693" i="10"/>
  <c r="P3693" i="10" s="1"/>
  <c r="O3757" i="10"/>
  <c r="P3757" i="10" s="1"/>
  <c r="O3821" i="10"/>
  <c r="P3821" i="10" s="1"/>
  <c r="O3885" i="10"/>
  <c r="P3885" i="10" s="1"/>
  <c r="O3949" i="10"/>
  <c r="P3949" i="10" s="1"/>
  <c r="O4013" i="10"/>
  <c r="P4013" i="10" s="1"/>
  <c r="O4077" i="10"/>
  <c r="P4077" i="10" s="1"/>
  <c r="O4141" i="10"/>
  <c r="P4141" i="10" s="1"/>
  <c r="O4205" i="10"/>
  <c r="P4205" i="10" s="1"/>
  <c r="O4269" i="10"/>
  <c r="P4269" i="10" s="1"/>
  <c r="O4333" i="10"/>
  <c r="P4333" i="10" s="1"/>
  <c r="O4397" i="10"/>
  <c r="P4397" i="10" s="1"/>
  <c r="O4461" i="10"/>
  <c r="P4461" i="10" s="1"/>
  <c r="O4525" i="10"/>
  <c r="P4525" i="10" s="1"/>
  <c r="O4589" i="10"/>
  <c r="P4589" i="10" s="1"/>
  <c r="O4653" i="10"/>
  <c r="P4653" i="10" s="1"/>
  <c r="O4717" i="10"/>
  <c r="P4717" i="10" s="1"/>
  <c r="O4781" i="10"/>
  <c r="P4781" i="10" s="1"/>
  <c r="O4845" i="10"/>
  <c r="P4845" i="10" s="1"/>
  <c r="O4909" i="10"/>
  <c r="P4909" i="10" s="1"/>
  <c r="O4973" i="10"/>
  <c r="P4973" i="10" s="1"/>
  <c r="O5037" i="10"/>
  <c r="P5037" i="10" s="1"/>
  <c r="O5101" i="10"/>
  <c r="P5101" i="10" s="1"/>
  <c r="O5165" i="10"/>
  <c r="P5165" i="10" s="1"/>
  <c r="O5229" i="10"/>
  <c r="P5229" i="10" s="1"/>
  <c r="O5293" i="10"/>
  <c r="P5293" i="10" s="1"/>
  <c r="O5357" i="10"/>
  <c r="P5357" i="10" s="1"/>
  <c r="O5421" i="10"/>
  <c r="P5421" i="10" s="1"/>
  <c r="O5485" i="10"/>
  <c r="P5485" i="10" s="1"/>
  <c r="O5549" i="10"/>
  <c r="P5549" i="10" s="1"/>
  <c r="O5613" i="10"/>
  <c r="P5613" i="10" s="1"/>
  <c r="O5677" i="10"/>
  <c r="P5677" i="10" s="1"/>
  <c r="O5741" i="10"/>
  <c r="P5741" i="10" s="1"/>
  <c r="O46" i="10"/>
  <c r="O110" i="10"/>
  <c r="O174" i="10"/>
  <c r="O238" i="10"/>
  <c r="O302" i="10"/>
  <c r="O366" i="10"/>
  <c r="O430" i="10"/>
  <c r="O494" i="10"/>
  <c r="O558" i="10"/>
  <c r="O622" i="10"/>
  <c r="O686" i="10"/>
  <c r="O750" i="10"/>
  <c r="O814" i="10"/>
  <c r="O878" i="10"/>
  <c r="O942" i="10"/>
  <c r="O1006" i="10"/>
  <c r="O1070" i="10"/>
  <c r="O1134" i="10"/>
  <c r="O1198" i="10"/>
  <c r="O1262" i="10"/>
  <c r="O1326" i="10"/>
  <c r="O1390" i="10"/>
  <c r="O1454" i="10"/>
  <c r="O1518" i="10"/>
  <c r="O1582" i="10"/>
  <c r="O1646" i="10"/>
  <c r="O1710" i="10"/>
  <c r="O1774" i="10"/>
  <c r="O1838" i="10"/>
  <c r="O1902" i="10"/>
  <c r="O1966" i="10"/>
  <c r="O2030" i="10"/>
  <c r="O2094" i="10"/>
  <c r="O2158" i="10"/>
  <c r="O2222" i="10"/>
  <c r="O2286" i="10"/>
  <c r="O2350" i="10"/>
  <c r="O2414" i="10"/>
  <c r="O2478" i="10"/>
  <c r="O2542" i="10"/>
  <c r="O2606" i="10"/>
  <c r="O2670" i="10"/>
  <c r="O2734" i="10"/>
  <c r="O2798" i="10"/>
  <c r="O2862" i="10"/>
  <c r="P2862" i="10" s="1"/>
  <c r="O2926" i="10"/>
  <c r="P2926" i="10" s="1"/>
  <c r="O2990" i="10"/>
  <c r="P2990" i="10" s="1"/>
  <c r="O3054" i="10"/>
  <c r="P3054" i="10" s="1"/>
  <c r="O3118" i="10"/>
  <c r="P3118" i="10" s="1"/>
  <c r="O3182" i="10"/>
  <c r="P3182" i="10" s="1"/>
  <c r="O3246" i="10"/>
  <c r="P3246" i="10" s="1"/>
  <c r="O3310" i="10"/>
  <c r="P3310" i="10" s="1"/>
  <c r="O3374" i="10"/>
  <c r="P3374" i="10" s="1"/>
  <c r="O3438" i="10"/>
  <c r="P3438" i="10" s="1"/>
  <c r="O3502" i="10"/>
  <c r="P3502" i="10" s="1"/>
  <c r="O3566" i="10"/>
  <c r="P3566" i="10" s="1"/>
  <c r="O3630" i="10"/>
  <c r="P3630" i="10" s="1"/>
  <c r="O3694" i="10"/>
  <c r="P3694" i="10" s="1"/>
  <c r="O3758" i="10"/>
  <c r="P3758" i="10" s="1"/>
  <c r="O3822" i="10"/>
  <c r="P3822" i="10" s="1"/>
  <c r="O3886" i="10"/>
  <c r="P3886" i="10" s="1"/>
  <c r="O3950" i="10"/>
  <c r="P3950" i="10" s="1"/>
  <c r="O4014" i="10"/>
  <c r="P4014" i="10" s="1"/>
  <c r="O4078" i="10"/>
  <c r="P4078" i="10" s="1"/>
  <c r="O4142" i="10"/>
  <c r="P4142" i="10" s="1"/>
  <c r="O4206" i="10"/>
  <c r="P4206" i="10" s="1"/>
  <c r="O4270" i="10"/>
  <c r="P4270" i="10" s="1"/>
  <c r="O4334" i="10"/>
  <c r="P4334" i="10" s="1"/>
  <c r="O4398" i="10"/>
  <c r="P4398" i="10" s="1"/>
  <c r="O4462" i="10"/>
  <c r="P4462" i="10" s="1"/>
  <c r="O4526" i="10"/>
  <c r="P4526" i="10" s="1"/>
  <c r="O4590" i="10"/>
  <c r="P4590" i="10" s="1"/>
  <c r="O4654" i="10"/>
  <c r="P4654" i="10" s="1"/>
  <c r="O4718" i="10"/>
  <c r="P4718" i="10" s="1"/>
  <c r="O4782" i="10"/>
  <c r="P4782" i="10" s="1"/>
  <c r="O4814" i="10"/>
  <c r="P4814" i="10" s="1"/>
  <c r="O4846" i="10"/>
  <c r="P4846" i="10" s="1"/>
  <c r="O4878" i="10"/>
  <c r="P4878" i="10" s="1"/>
  <c r="O4910" i="10"/>
  <c r="P4910" i="10" s="1"/>
  <c r="O4942" i="10"/>
  <c r="P4942" i="10" s="1"/>
  <c r="O4974" i="10"/>
  <c r="P4974" i="10" s="1"/>
  <c r="O5006" i="10"/>
  <c r="P5006" i="10" s="1"/>
  <c r="O5038" i="10"/>
  <c r="P5038" i="10" s="1"/>
  <c r="O5070" i="10"/>
  <c r="P5070" i="10" s="1"/>
  <c r="O5102" i="10"/>
  <c r="P5102" i="10" s="1"/>
  <c r="O5134" i="10"/>
  <c r="P5134" i="10" s="1"/>
  <c r="O5166" i="10"/>
  <c r="P5166" i="10" s="1"/>
  <c r="O5198" i="10"/>
  <c r="P5198" i="10" s="1"/>
  <c r="O5230" i="10"/>
  <c r="P5230" i="10" s="1"/>
  <c r="O5262" i="10"/>
  <c r="P5262" i="10" s="1"/>
  <c r="O5294" i="10"/>
  <c r="P5294" i="10" s="1"/>
  <c r="O5326" i="10"/>
  <c r="P5326" i="10" s="1"/>
  <c r="O5358" i="10"/>
  <c r="P5358" i="10" s="1"/>
  <c r="O5390" i="10"/>
  <c r="P5390" i="10" s="1"/>
  <c r="O5454" i="10"/>
  <c r="P5454" i="10" s="1"/>
  <c r="O5518" i="10"/>
  <c r="P5518" i="10" s="1"/>
  <c r="O5582" i="10"/>
  <c r="P5582" i="10" s="1"/>
  <c r="O5646" i="10"/>
  <c r="P5646" i="10" s="1"/>
  <c r="O5710" i="10"/>
  <c r="P5710" i="10" s="1"/>
  <c r="O39" i="10"/>
  <c r="O71" i="10"/>
  <c r="O103" i="10"/>
  <c r="O135" i="10"/>
  <c r="O167" i="10"/>
  <c r="O199" i="10"/>
  <c r="O231" i="10"/>
  <c r="O263" i="10"/>
  <c r="O295" i="10"/>
  <c r="O327" i="10"/>
  <c r="O359" i="10"/>
  <c r="O391" i="10"/>
  <c r="O423" i="10"/>
  <c r="O455" i="10"/>
  <c r="O487" i="10"/>
  <c r="O519" i="10"/>
  <c r="O551" i="10"/>
  <c r="O583" i="10"/>
  <c r="O615" i="10"/>
  <c r="O647" i="10"/>
  <c r="O679" i="10"/>
  <c r="O711" i="10"/>
  <c r="O743" i="10"/>
  <c r="O775" i="10"/>
  <c r="O807" i="10"/>
  <c r="O839" i="10"/>
  <c r="O871" i="10"/>
  <c r="O903" i="10"/>
  <c r="O935" i="10"/>
  <c r="O967" i="10"/>
  <c r="O999" i="10"/>
  <c r="O1031" i="10"/>
  <c r="O1063" i="10"/>
  <c r="O1095" i="10"/>
  <c r="O1127" i="10"/>
  <c r="O1159" i="10"/>
  <c r="O1191" i="10"/>
  <c r="O1223" i="10"/>
  <c r="O1255" i="10"/>
  <c r="O1287" i="10"/>
  <c r="O1319" i="10"/>
  <c r="O1351" i="10"/>
  <c r="O1383" i="10"/>
  <c r="O1415" i="10"/>
  <c r="O1447" i="10"/>
  <c r="O1479" i="10"/>
  <c r="O1511" i="10"/>
  <c r="O1543" i="10"/>
  <c r="O1575" i="10"/>
  <c r="O1607" i="10"/>
  <c r="O1639" i="10"/>
  <c r="O1671" i="10"/>
  <c r="O1703" i="10"/>
  <c r="O1735" i="10"/>
  <c r="O1767" i="10"/>
  <c r="O1799" i="10"/>
  <c r="O1831" i="10"/>
  <c r="O1863" i="10"/>
  <c r="O1895" i="10"/>
  <c r="O1927" i="10"/>
  <c r="O1959" i="10"/>
  <c r="O1991" i="10"/>
  <c r="O2023" i="10"/>
  <c r="O2055" i="10"/>
  <c r="O2087" i="10"/>
  <c r="O2119" i="10"/>
  <c r="O2151" i="10"/>
  <c r="O2183" i="10"/>
  <c r="O2215" i="10"/>
  <c r="O2247" i="10"/>
  <c r="O2279" i="10"/>
  <c r="O2311" i="10"/>
  <c r="O2343" i="10"/>
  <c r="O2375" i="10"/>
  <c r="O2407" i="10"/>
  <c r="O2439" i="10"/>
  <c r="O2471" i="10"/>
  <c r="O2503" i="10"/>
  <c r="O2535" i="10"/>
  <c r="O2567" i="10"/>
  <c r="O2599" i="10"/>
  <c r="O2631" i="10"/>
  <c r="O2663" i="10"/>
  <c r="O2695" i="10"/>
  <c r="O2727" i="10"/>
  <c r="O2759" i="10"/>
  <c r="O2791" i="10"/>
  <c r="O2823" i="10"/>
  <c r="O2855" i="10"/>
  <c r="P2855" i="10" s="1"/>
  <c r="O2887" i="10"/>
  <c r="P2887" i="10" s="1"/>
  <c r="O2919" i="10"/>
  <c r="P2919" i="10" s="1"/>
  <c r="O2951" i="10"/>
  <c r="P2951" i="10" s="1"/>
  <c r="O2983" i="10"/>
  <c r="P2983" i="10" s="1"/>
  <c r="O3015" i="10"/>
  <c r="P3015" i="10" s="1"/>
  <c r="O3047" i="10"/>
  <c r="P3047" i="10" s="1"/>
  <c r="O3079" i="10"/>
  <c r="P3079" i="10" s="1"/>
  <c r="O3111" i="10"/>
  <c r="P3111" i="10" s="1"/>
  <c r="O3143" i="10"/>
  <c r="P3143" i="10" s="1"/>
  <c r="O3175" i="10"/>
  <c r="P3175" i="10" s="1"/>
  <c r="O3207" i="10"/>
  <c r="P3207" i="10" s="1"/>
  <c r="O3239" i="10"/>
  <c r="P3239" i="10" s="1"/>
  <c r="O3271" i="10"/>
  <c r="P3271" i="10" s="1"/>
  <c r="O3303" i="10"/>
  <c r="P3303" i="10" s="1"/>
  <c r="O3335" i="10"/>
  <c r="P3335" i="10" s="1"/>
  <c r="O3367" i="10"/>
  <c r="P3367" i="10" s="1"/>
  <c r="O3399" i="10"/>
  <c r="P3399" i="10" s="1"/>
  <c r="O3431" i="10"/>
  <c r="P3431" i="10" s="1"/>
  <c r="O3463" i="10"/>
  <c r="P3463" i="10" s="1"/>
  <c r="O3495" i="10"/>
  <c r="P3495" i="10" s="1"/>
  <c r="O3527" i="10"/>
  <c r="P3527" i="10" s="1"/>
  <c r="O3559" i="10"/>
  <c r="P3559" i="10" s="1"/>
  <c r="O3591" i="10"/>
  <c r="P3591" i="10" s="1"/>
  <c r="O3623" i="10"/>
  <c r="P3623" i="10" s="1"/>
  <c r="O3655" i="10"/>
  <c r="P3655" i="10" s="1"/>
  <c r="O3687" i="10"/>
  <c r="P3687" i="10" s="1"/>
  <c r="O3719" i="10"/>
  <c r="P3719" i="10" s="1"/>
  <c r="O3751" i="10"/>
  <c r="P3751" i="10" s="1"/>
  <c r="O3783" i="10"/>
  <c r="P3783" i="10" s="1"/>
  <c r="O3815" i="10"/>
  <c r="P3815" i="10" s="1"/>
  <c r="O3847" i="10"/>
  <c r="P3847" i="10" s="1"/>
  <c r="O3879" i="10"/>
  <c r="P3879" i="10" s="1"/>
  <c r="O3911" i="10"/>
  <c r="P3911" i="10" s="1"/>
  <c r="O3943" i="10"/>
  <c r="P3943" i="10" s="1"/>
  <c r="O3975" i="10"/>
  <c r="P3975" i="10" s="1"/>
  <c r="O4007" i="10"/>
  <c r="P4007" i="10" s="1"/>
  <c r="O4039" i="10"/>
  <c r="P4039" i="10" s="1"/>
  <c r="O4071" i="10"/>
  <c r="P4071" i="10" s="1"/>
  <c r="O4103" i="10"/>
  <c r="P4103" i="10" s="1"/>
  <c r="O4135" i="10"/>
  <c r="P4135" i="10" s="1"/>
  <c r="O4167" i="10"/>
  <c r="P4167" i="10" s="1"/>
  <c r="O4199" i="10"/>
  <c r="P4199" i="10" s="1"/>
  <c r="O4231" i="10"/>
  <c r="P4231" i="10" s="1"/>
  <c r="O4263" i="10"/>
  <c r="P4263" i="10" s="1"/>
  <c r="O4295" i="10"/>
  <c r="P4295" i="10" s="1"/>
  <c r="O4327" i="10"/>
  <c r="P4327" i="10" s="1"/>
  <c r="O4359" i="10"/>
  <c r="P4359" i="10" s="1"/>
  <c r="O4391" i="10"/>
  <c r="P4391" i="10" s="1"/>
  <c r="O4423" i="10"/>
  <c r="P4423" i="10" s="1"/>
  <c r="O4455" i="10"/>
  <c r="P4455" i="10" s="1"/>
  <c r="O4487" i="10"/>
  <c r="P4487" i="10" s="1"/>
  <c r="O4519" i="10"/>
  <c r="P4519" i="10" s="1"/>
  <c r="O4551" i="10"/>
  <c r="P4551" i="10" s="1"/>
  <c r="O4583" i="10"/>
  <c r="P4583" i="10" s="1"/>
  <c r="O4615" i="10"/>
  <c r="P4615" i="10" s="1"/>
  <c r="O4647" i="10"/>
  <c r="P4647" i="10" s="1"/>
  <c r="O4679" i="10"/>
  <c r="P4679" i="10" s="1"/>
  <c r="O4711" i="10"/>
  <c r="P4711" i="10" s="1"/>
  <c r="O4743" i="10"/>
  <c r="P4743" i="10" s="1"/>
  <c r="O4775" i="10"/>
  <c r="P4775" i="10" s="1"/>
  <c r="O4807" i="10"/>
  <c r="P4807" i="10" s="1"/>
  <c r="O4839" i="10"/>
  <c r="P4839" i="10" s="1"/>
  <c r="O4871" i="10"/>
  <c r="P4871" i="10" s="1"/>
  <c r="O4903" i="10"/>
  <c r="P4903" i="10" s="1"/>
  <c r="O4935" i="10"/>
  <c r="P4935" i="10" s="1"/>
  <c r="O4967" i="10"/>
  <c r="P4967" i="10" s="1"/>
  <c r="O4999" i="10"/>
  <c r="P4999" i="10" s="1"/>
  <c r="O5031" i="10"/>
  <c r="P5031" i="10" s="1"/>
  <c r="O5063" i="10"/>
  <c r="P5063" i="10" s="1"/>
  <c r="O5095" i="10"/>
  <c r="P5095" i="10" s="1"/>
  <c r="O5127" i="10"/>
  <c r="P5127" i="10" s="1"/>
  <c r="O5159" i="10"/>
  <c r="P5159" i="10" s="1"/>
  <c r="O5191" i="10"/>
  <c r="P5191" i="10" s="1"/>
  <c r="O5223" i="10"/>
  <c r="P5223" i="10" s="1"/>
  <c r="O5255" i="10"/>
  <c r="P5255" i="10" s="1"/>
  <c r="O5287" i="10"/>
  <c r="P5287" i="10" s="1"/>
  <c r="O5319" i="10"/>
  <c r="P5319" i="10" s="1"/>
  <c r="O5351" i="10"/>
  <c r="P5351" i="10" s="1"/>
  <c r="O5383" i="10"/>
  <c r="P5383" i="10" s="1"/>
  <c r="O5415" i="10"/>
  <c r="P5415" i="10" s="1"/>
  <c r="O5447" i="10"/>
  <c r="P5447" i="10" s="1"/>
  <c r="O5479" i="10"/>
  <c r="P5479" i="10" s="1"/>
  <c r="O5511" i="10"/>
  <c r="P5511" i="10" s="1"/>
  <c r="O5543" i="10"/>
  <c r="P5543" i="10" s="1"/>
  <c r="O5575" i="10"/>
  <c r="P5575" i="10" s="1"/>
  <c r="O5607" i="10"/>
  <c r="P5607" i="10" s="1"/>
  <c r="O5639" i="10"/>
  <c r="P5639" i="10" s="1"/>
  <c r="O5671" i="10"/>
  <c r="P5671" i="10" s="1"/>
  <c r="O5703" i="10"/>
  <c r="P5703" i="10" s="1"/>
  <c r="O5735" i="10"/>
  <c r="P5735" i="10" s="1"/>
  <c r="O5767" i="10"/>
  <c r="P5767" i="10" s="1"/>
  <c r="O5799" i="10"/>
  <c r="P5799" i="10" s="1"/>
  <c r="O24" i="10"/>
  <c r="O56" i="10"/>
  <c r="O88" i="10"/>
  <c r="O120" i="10"/>
  <c r="O152" i="10"/>
  <c r="O184" i="10"/>
  <c r="O216" i="10"/>
  <c r="O248" i="10"/>
  <c r="O280" i="10"/>
  <c r="O312" i="10"/>
  <c r="O344" i="10"/>
  <c r="O376" i="10"/>
  <c r="O408" i="10"/>
  <c r="O440" i="10"/>
  <c r="O472" i="10"/>
  <c r="O504" i="10"/>
  <c r="O536" i="10"/>
  <c r="O568" i="10"/>
  <c r="O600" i="10"/>
  <c r="O632" i="10"/>
  <c r="O664" i="10"/>
  <c r="O696" i="10"/>
  <c r="O728" i="10"/>
  <c r="O760" i="10"/>
  <c r="O792" i="10"/>
  <c r="O824" i="10"/>
  <c r="O856" i="10"/>
  <c r="O888" i="10"/>
  <c r="O920" i="10"/>
  <c r="O952" i="10"/>
  <c r="O984" i="10"/>
  <c r="O1016" i="10"/>
  <c r="O1048" i="10"/>
  <c r="O1080" i="10"/>
  <c r="O1112" i="10"/>
  <c r="O1144" i="10"/>
  <c r="O1176" i="10"/>
  <c r="O1208" i="10"/>
  <c r="O1240" i="10"/>
  <c r="O1272" i="10"/>
  <c r="O1304" i="10"/>
  <c r="O1336" i="10"/>
  <c r="O1368" i="10"/>
  <c r="O1400" i="10"/>
  <c r="O1432" i="10"/>
  <c r="O1464" i="10"/>
  <c r="O1496" i="10"/>
  <c r="O1528" i="10"/>
  <c r="O1560" i="10"/>
  <c r="O1592" i="10"/>
  <c r="O1624" i="10"/>
  <c r="O1656" i="10"/>
  <c r="O1688" i="10"/>
  <c r="O1720" i="10"/>
  <c r="O1752" i="10"/>
  <c r="O1784" i="10"/>
  <c r="O1816" i="10"/>
  <c r="O1848" i="10"/>
  <c r="O1880" i="10"/>
  <c r="O1912" i="10"/>
  <c r="O1944" i="10"/>
  <c r="O1976" i="10"/>
  <c r="O2008" i="10"/>
  <c r="O2040" i="10"/>
  <c r="O2072" i="10"/>
  <c r="O2104" i="10"/>
  <c r="O2136" i="10"/>
  <c r="O2168" i="10"/>
  <c r="O2200" i="10"/>
  <c r="O2232" i="10"/>
  <c r="O2264" i="10"/>
  <c r="O2296" i="10"/>
  <c r="O2328" i="10"/>
  <c r="O2360" i="10"/>
  <c r="O2392" i="10"/>
  <c r="O2424" i="10"/>
  <c r="O2456" i="10"/>
  <c r="O2488" i="10"/>
  <c r="O2520" i="10"/>
  <c r="O2552" i="10"/>
  <c r="O2584" i="10"/>
  <c r="O2616" i="10"/>
  <c r="O2648" i="10"/>
  <c r="O2680" i="10"/>
  <c r="O2712" i="10"/>
  <c r="O2744" i="10"/>
  <c r="O2776" i="10"/>
  <c r="O2808" i="10"/>
  <c r="O2840" i="10"/>
  <c r="O2872" i="10"/>
  <c r="P2872" i="10" s="1"/>
  <c r="O2904" i="10"/>
  <c r="P2904" i="10" s="1"/>
  <c r="O2936" i="10"/>
  <c r="P2936" i="10" s="1"/>
  <c r="O2968" i="10"/>
  <c r="P2968" i="10" s="1"/>
  <c r="O3000" i="10"/>
  <c r="P3000" i="10" s="1"/>
  <c r="O3032" i="10"/>
  <c r="P3032" i="10" s="1"/>
  <c r="O3064" i="10"/>
  <c r="P3064" i="10" s="1"/>
  <c r="O3096" i="10"/>
  <c r="P3096" i="10" s="1"/>
  <c r="O3128" i="10"/>
  <c r="P3128" i="10" s="1"/>
  <c r="O3160" i="10"/>
  <c r="P3160" i="10" s="1"/>
  <c r="O3192" i="10"/>
  <c r="P3192" i="10" s="1"/>
  <c r="O3224" i="10"/>
  <c r="P3224" i="10" s="1"/>
  <c r="O3256" i="10"/>
  <c r="P3256" i="10" s="1"/>
  <c r="O3288" i="10"/>
  <c r="P3288" i="10" s="1"/>
  <c r="O3320" i="10"/>
  <c r="P3320" i="10" s="1"/>
  <c r="O3352" i="10"/>
  <c r="P3352" i="10" s="1"/>
  <c r="O3384" i="10"/>
  <c r="P3384" i="10" s="1"/>
  <c r="O3416" i="10"/>
  <c r="P3416" i="10" s="1"/>
  <c r="O3448" i="10"/>
  <c r="P3448" i="10" s="1"/>
  <c r="O3480" i="10"/>
  <c r="P3480" i="10" s="1"/>
  <c r="O3512" i="10"/>
  <c r="P3512" i="10" s="1"/>
  <c r="O3544" i="10"/>
  <c r="P3544" i="10" s="1"/>
  <c r="O3576" i="10"/>
  <c r="P3576" i="10" s="1"/>
  <c r="O3608" i="10"/>
  <c r="P3608" i="10" s="1"/>
  <c r="O3640" i="10"/>
  <c r="P3640" i="10" s="1"/>
  <c r="O3672" i="10"/>
  <c r="P3672" i="10" s="1"/>
  <c r="O3704" i="10"/>
  <c r="P3704" i="10" s="1"/>
  <c r="O3736" i="10"/>
  <c r="P3736" i="10" s="1"/>
  <c r="O3768" i="10"/>
  <c r="P3768" i="10" s="1"/>
  <c r="O3800" i="10"/>
  <c r="P3800" i="10" s="1"/>
  <c r="O3832" i="10"/>
  <c r="P3832" i="10" s="1"/>
  <c r="O3864" i="10"/>
  <c r="P3864" i="10" s="1"/>
  <c r="O3896" i="10"/>
  <c r="P3896" i="10" s="1"/>
  <c r="O3928" i="10"/>
  <c r="P3928" i="10" s="1"/>
  <c r="O3960" i="10"/>
  <c r="P3960" i="10" s="1"/>
  <c r="O3992" i="10"/>
  <c r="P3992" i="10" s="1"/>
  <c r="O4024" i="10"/>
  <c r="P4024" i="10" s="1"/>
  <c r="O4056" i="10"/>
  <c r="P4056" i="10" s="1"/>
  <c r="O4088" i="10"/>
  <c r="P4088" i="10" s="1"/>
  <c r="O4120" i="10"/>
  <c r="P4120" i="10" s="1"/>
  <c r="O4152" i="10"/>
  <c r="P4152" i="10" s="1"/>
  <c r="O4184" i="10"/>
  <c r="P4184" i="10" s="1"/>
  <c r="O4216" i="10"/>
  <c r="P4216" i="10" s="1"/>
  <c r="O4248" i="10"/>
  <c r="P4248" i="10" s="1"/>
  <c r="O4280" i="10"/>
  <c r="P4280" i="10" s="1"/>
  <c r="O4312" i="10"/>
  <c r="P4312" i="10" s="1"/>
  <c r="O4344" i="10"/>
  <c r="P4344" i="10" s="1"/>
  <c r="O4376" i="10"/>
  <c r="P4376" i="10" s="1"/>
  <c r="O4408" i="10"/>
  <c r="P4408" i="10" s="1"/>
  <c r="O4440" i="10"/>
  <c r="P4440" i="10" s="1"/>
  <c r="O4472" i="10"/>
  <c r="P4472" i="10" s="1"/>
  <c r="O4504" i="10"/>
  <c r="P4504" i="10" s="1"/>
  <c r="O4536" i="10"/>
  <c r="P4536" i="10" s="1"/>
  <c r="O4568" i="10"/>
  <c r="P4568" i="10" s="1"/>
  <c r="O4600" i="10"/>
  <c r="P4600" i="10" s="1"/>
  <c r="O4632" i="10"/>
  <c r="P4632" i="10" s="1"/>
  <c r="O4664" i="10"/>
  <c r="P4664" i="10" s="1"/>
  <c r="O4696" i="10"/>
  <c r="P4696" i="10" s="1"/>
  <c r="O4728" i="10"/>
  <c r="P4728" i="10" s="1"/>
  <c r="O4760" i="10"/>
  <c r="P4760" i="10" s="1"/>
  <c r="O5400" i="10"/>
  <c r="P5400" i="10" s="1"/>
  <c r="O5432" i="10"/>
  <c r="P5432" i="10" s="1"/>
  <c r="O5464" i="10"/>
  <c r="P5464" i="10" s="1"/>
  <c r="O5496" i="10"/>
  <c r="P5496" i="10" s="1"/>
  <c r="O5528" i="10"/>
  <c r="P5528" i="10" s="1"/>
  <c r="O5560" i="10"/>
  <c r="P5560" i="10" s="1"/>
  <c r="O5592" i="10"/>
  <c r="P5592" i="10" s="1"/>
  <c r="O5624" i="10"/>
  <c r="P5624" i="10" s="1"/>
  <c r="O5656" i="10"/>
  <c r="P5656" i="10" s="1"/>
  <c r="O5688" i="10"/>
  <c r="P5688" i="10" s="1"/>
  <c r="O5720" i="10"/>
  <c r="P5720" i="10" s="1"/>
  <c r="O5752" i="10"/>
  <c r="P5752" i="10" s="1"/>
  <c r="O5784" i="10"/>
  <c r="P5784" i="10" s="1"/>
  <c r="O5816" i="10"/>
  <c r="P5816" i="10" s="1"/>
  <c r="O25" i="10"/>
  <c r="O57" i="10"/>
  <c r="O89" i="10"/>
  <c r="O121" i="10"/>
  <c r="O153" i="10"/>
  <c r="O185" i="10"/>
  <c r="O217" i="10"/>
  <c r="O249" i="10"/>
  <c r="O281" i="10"/>
  <c r="O313" i="10"/>
  <c r="O345" i="10"/>
  <c r="O377" i="10"/>
  <c r="O409" i="10"/>
  <c r="O441" i="10"/>
  <c r="O473" i="10"/>
  <c r="O505" i="10"/>
  <c r="O537" i="10"/>
  <c r="O569" i="10"/>
  <c r="O601" i="10"/>
  <c r="O633" i="10"/>
  <c r="O665" i="10"/>
  <c r="O697" i="10"/>
  <c r="O729" i="10"/>
  <c r="O761" i="10"/>
  <c r="O793" i="10"/>
  <c r="O825" i="10"/>
  <c r="O857" i="10"/>
  <c r="O889" i="10"/>
  <c r="O921" i="10"/>
  <c r="O953" i="10"/>
  <c r="O985" i="10"/>
  <c r="O1017" i="10"/>
  <c r="O1049" i="10"/>
  <c r="O1081" i="10"/>
  <c r="O1113" i="10"/>
  <c r="O1145" i="10"/>
  <c r="O1177" i="10"/>
  <c r="O1209" i="10"/>
  <c r="O1241" i="10"/>
  <c r="O1273" i="10"/>
  <c r="O1305" i="10"/>
  <c r="O1337" i="10"/>
  <c r="O1369" i="10"/>
  <c r="O1401" i="10"/>
  <c r="O1433" i="10"/>
  <c r="O1465" i="10"/>
  <c r="O1497" i="10"/>
  <c r="O1529" i="10"/>
  <c r="O1561" i="10"/>
  <c r="O1593" i="10"/>
  <c r="O1625" i="10"/>
  <c r="O1657" i="10"/>
  <c r="O1689" i="10"/>
  <c r="O1721" i="10"/>
  <c r="O1753" i="10"/>
  <c r="O1785" i="10"/>
  <c r="O1817" i="10"/>
  <c r="O1849" i="10"/>
  <c r="O1881" i="10"/>
  <c r="O1913" i="10"/>
  <c r="O1945" i="10"/>
  <c r="O1977" i="10"/>
  <c r="O2009" i="10"/>
  <c r="O2041" i="10"/>
  <c r="O2073" i="10"/>
  <c r="O2105" i="10"/>
  <c r="O2137" i="10"/>
  <c r="O2169" i="10"/>
  <c r="O2201" i="10"/>
  <c r="O2233" i="10"/>
  <c r="O2265" i="10"/>
  <c r="O2297" i="10"/>
  <c r="O2329" i="10"/>
  <c r="O2361" i="10"/>
  <c r="O2393" i="10"/>
  <c r="O2425" i="10"/>
  <c r="O2457" i="10"/>
  <c r="O2489" i="10"/>
  <c r="O2521" i="10"/>
  <c r="O2553" i="10"/>
  <c r="O2585" i="10"/>
  <c r="O2617" i="10"/>
  <c r="O2649" i="10"/>
  <c r="O2681" i="10"/>
  <c r="O2713" i="10"/>
  <c r="O2745" i="10"/>
  <c r="O2777" i="10"/>
  <c r="O2809" i="10"/>
  <c r="O2841" i="10"/>
  <c r="O2873" i="10"/>
  <c r="P2873" i="10" s="1"/>
  <c r="O2905" i="10"/>
  <c r="P2905" i="10" s="1"/>
  <c r="O2937" i="10"/>
  <c r="P2937" i="10" s="1"/>
  <c r="O2969" i="10"/>
  <c r="P2969" i="10" s="1"/>
  <c r="O3001" i="10"/>
  <c r="P3001" i="10" s="1"/>
  <c r="O3033" i="10"/>
  <c r="P3033" i="10" s="1"/>
  <c r="O3065" i="10"/>
  <c r="P3065" i="10" s="1"/>
  <c r="O3097" i="10"/>
  <c r="P3097" i="10" s="1"/>
  <c r="O3129" i="10"/>
  <c r="P3129" i="10" s="1"/>
  <c r="O3161" i="10"/>
  <c r="P3161" i="10" s="1"/>
  <c r="O3193" i="10"/>
  <c r="P3193" i="10" s="1"/>
  <c r="O3225" i="10"/>
  <c r="P3225" i="10" s="1"/>
  <c r="O3257" i="10"/>
  <c r="P3257" i="10" s="1"/>
  <c r="O3289" i="10"/>
  <c r="P3289" i="10" s="1"/>
  <c r="O3321" i="10"/>
  <c r="P3321" i="10" s="1"/>
  <c r="O3353" i="10"/>
  <c r="P3353" i="10" s="1"/>
  <c r="O3385" i="10"/>
  <c r="P3385" i="10" s="1"/>
  <c r="O3417" i="10"/>
  <c r="P3417" i="10" s="1"/>
  <c r="O3449" i="10"/>
  <c r="P3449" i="10" s="1"/>
  <c r="O3481" i="10"/>
  <c r="P3481" i="10" s="1"/>
  <c r="O3513" i="10"/>
  <c r="P3513" i="10" s="1"/>
  <c r="O3545" i="10"/>
  <c r="P3545" i="10" s="1"/>
  <c r="O3577" i="10"/>
  <c r="P3577" i="10" s="1"/>
  <c r="O3609" i="10"/>
  <c r="P3609" i="10" s="1"/>
  <c r="O3641" i="10"/>
  <c r="P3641" i="10" s="1"/>
  <c r="O3673" i="10"/>
  <c r="P3673" i="10" s="1"/>
  <c r="O3705" i="10"/>
  <c r="P3705" i="10" s="1"/>
  <c r="O3737" i="10"/>
  <c r="P3737" i="10" s="1"/>
  <c r="O3769" i="10"/>
  <c r="P3769" i="10" s="1"/>
  <c r="O3801" i="10"/>
  <c r="P3801" i="10" s="1"/>
  <c r="O3833" i="10"/>
  <c r="P3833" i="10" s="1"/>
  <c r="O3865" i="10"/>
  <c r="P3865" i="10" s="1"/>
  <c r="O3897" i="10"/>
  <c r="P3897" i="10" s="1"/>
  <c r="O3929" i="10"/>
  <c r="P3929" i="10" s="1"/>
  <c r="O3961" i="10"/>
  <c r="P3961" i="10" s="1"/>
  <c r="O3993" i="10"/>
  <c r="P3993" i="10" s="1"/>
  <c r="O4025" i="10"/>
  <c r="P4025" i="10" s="1"/>
  <c r="O4057" i="10"/>
  <c r="P4057" i="10" s="1"/>
  <c r="O4089" i="10"/>
  <c r="P4089" i="10" s="1"/>
  <c r="O4121" i="10"/>
  <c r="P4121" i="10" s="1"/>
  <c r="O4153" i="10"/>
  <c r="P4153" i="10" s="1"/>
  <c r="O4185" i="10"/>
  <c r="P4185" i="10" s="1"/>
  <c r="O4217" i="10"/>
  <c r="P4217" i="10" s="1"/>
  <c r="O4249" i="10"/>
  <c r="P4249" i="10" s="1"/>
  <c r="O4281" i="10"/>
  <c r="P4281" i="10" s="1"/>
  <c r="O4313" i="10"/>
  <c r="P4313" i="10" s="1"/>
  <c r="O4345" i="10"/>
  <c r="P4345" i="10" s="1"/>
  <c r="O4377" i="10"/>
  <c r="P4377" i="10" s="1"/>
  <c r="O4409" i="10"/>
  <c r="P4409" i="10" s="1"/>
  <c r="O4441" i="10"/>
  <c r="P4441" i="10" s="1"/>
  <c r="O4473" i="10"/>
  <c r="P4473" i="10" s="1"/>
  <c r="O4505" i="10"/>
  <c r="P4505" i="10" s="1"/>
  <c r="O4537" i="10"/>
  <c r="P4537" i="10" s="1"/>
  <c r="O4569" i="10"/>
  <c r="P4569" i="10" s="1"/>
  <c r="O4601" i="10"/>
  <c r="P4601" i="10" s="1"/>
  <c r="O4633" i="10"/>
  <c r="P4633" i="10" s="1"/>
  <c r="O4665" i="10"/>
  <c r="P4665" i="10" s="1"/>
  <c r="O4697" i="10"/>
  <c r="P4697" i="10" s="1"/>
  <c r="O4729" i="10"/>
  <c r="P4729" i="10" s="1"/>
  <c r="O4761" i="10"/>
  <c r="P4761" i="10" s="1"/>
  <c r="O4793" i="10"/>
  <c r="P4793" i="10" s="1"/>
  <c r="O4825" i="10"/>
  <c r="P4825" i="10" s="1"/>
  <c r="O4857" i="10"/>
  <c r="P4857" i="10" s="1"/>
  <c r="O4889" i="10"/>
  <c r="P4889" i="10" s="1"/>
  <c r="O42" i="10"/>
  <c r="O74" i="10"/>
  <c r="O106" i="10"/>
  <c r="O138" i="10"/>
  <c r="O605" i="10"/>
  <c r="O1373" i="10"/>
  <c r="O1885" i="10"/>
  <c r="O2077" i="10"/>
  <c r="O2269" i="10"/>
  <c r="O2525" i="10"/>
  <c r="O3357" i="10"/>
  <c r="P3357" i="10" s="1"/>
  <c r="O4317" i="10"/>
  <c r="P4317" i="10" s="1"/>
  <c r="O4509" i="10"/>
  <c r="P4509" i="10" s="1"/>
  <c r="O4701" i="10"/>
  <c r="P4701" i="10" s="1"/>
  <c r="O4893" i="10"/>
  <c r="P4893" i="10" s="1"/>
  <c r="O5597" i="10"/>
  <c r="P5597" i="10" s="1"/>
  <c r="O21" i="10"/>
  <c r="O85" i="10"/>
  <c r="O149" i="10"/>
  <c r="O213" i="10"/>
  <c r="O277" i="10"/>
  <c r="O341" i="10"/>
  <c r="O405" i="10"/>
  <c r="O469" i="10"/>
  <c r="O533" i="10"/>
  <c r="O597" i="10"/>
  <c r="O661" i="10"/>
  <c r="O725" i="10"/>
  <c r="O789" i="10"/>
  <c r="O853" i="10"/>
  <c r="O917" i="10"/>
  <c r="O981" i="10"/>
  <c r="O1045" i="10"/>
  <c r="O1109" i="10"/>
  <c r="O1173" i="10"/>
  <c r="O1237" i="10"/>
  <c r="O1301" i="10"/>
  <c r="O1365" i="10"/>
  <c r="O1429" i="10"/>
  <c r="O1493" i="10"/>
  <c r="O1557" i="10"/>
  <c r="O1621" i="10"/>
  <c r="O1685" i="10"/>
  <c r="O1749" i="10"/>
  <c r="O1813" i="10"/>
  <c r="O1877" i="10"/>
  <c r="O1941" i="10"/>
  <c r="O2005" i="10"/>
  <c r="O2069" i="10"/>
  <c r="O2133" i="10"/>
  <c r="O2197" i="10"/>
  <c r="O2261" i="10"/>
  <c r="O2325" i="10"/>
  <c r="O2389" i="10"/>
  <c r="O2453" i="10"/>
  <c r="O2517" i="10"/>
  <c r="O2581" i="10"/>
  <c r="O2645" i="10"/>
  <c r="O2709" i="10"/>
  <c r="O2773" i="10"/>
  <c r="O2837" i="10"/>
  <c r="O2901" i="10"/>
  <c r="P2901" i="10" s="1"/>
  <c r="O2965" i="10"/>
  <c r="P2965" i="10" s="1"/>
  <c r="O3029" i="10"/>
  <c r="P3029" i="10" s="1"/>
  <c r="O3093" i="10"/>
  <c r="P3093" i="10" s="1"/>
  <c r="O3157" i="10"/>
  <c r="P3157" i="10" s="1"/>
  <c r="O3221" i="10"/>
  <c r="P3221" i="10" s="1"/>
  <c r="O3285" i="10"/>
  <c r="P3285" i="10" s="1"/>
  <c r="O3349" i="10"/>
  <c r="P3349" i="10" s="1"/>
  <c r="O3413" i="10"/>
  <c r="P3413" i="10" s="1"/>
  <c r="O3477" i="10"/>
  <c r="P3477" i="10" s="1"/>
  <c r="O3541" i="10"/>
  <c r="P3541" i="10" s="1"/>
  <c r="O3605" i="10"/>
  <c r="P3605" i="10" s="1"/>
  <c r="O3669" i="10"/>
  <c r="P3669" i="10" s="1"/>
  <c r="O3733" i="10"/>
  <c r="P3733" i="10" s="1"/>
  <c r="O3797" i="10"/>
  <c r="P3797" i="10" s="1"/>
  <c r="O3861" i="10"/>
  <c r="P3861" i="10" s="1"/>
  <c r="O3925" i="10"/>
  <c r="P3925" i="10" s="1"/>
  <c r="O3989" i="10"/>
  <c r="P3989" i="10" s="1"/>
  <c r="O4053" i="10"/>
  <c r="P4053" i="10" s="1"/>
  <c r="O4117" i="10"/>
  <c r="P4117" i="10" s="1"/>
  <c r="O4181" i="10"/>
  <c r="P4181" i="10" s="1"/>
  <c r="O4245" i="10"/>
  <c r="P4245" i="10" s="1"/>
  <c r="O4309" i="10"/>
  <c r="P4309" i="10" s="1"/>
  <c r="O4373" i="10"/>
  <c r="P4373" i="10" s="1"/>
  <c r="O4437" i="10"/>
  <c r="P4437" i="10" s="1"/>
  <c r="O4501" i="10"/>
  <c r="P4501" i="10" s="1"/>
  <c r="O4565" i="10"/>
  <c r="P4565" i="10" s="1"/>
  <c r="O4629" i="10"/>
  <c r="P4629" i="10" s="1"/>
  <c r="O4693" i="10"/>
  <c r="P4693" i="10" s="1"/>
  <c r="O4757" i="10"/>
  <c r="P4757" i="10" s="1"/>
  <c r="O4821" i="10"/>
  <c r="P4821" i="10" s="1"/>
  <c r="O4885" i="10"/>
  <c r="P4885" i="10" s="1"/>
  <c r="O4949" i="10"/>
  <c r="P4949" i="10" s="1"/>
  <c r="O5013" i="10"/>
  <c r="P5013" i="10" s="1"/>
  <c r="O5077" i="10"/>
  <c r="P5077" i="10" s="1"/>
  <c r="O5141" i="10"/>
  <c r="P5141" i="10" s="1"/>
  <c r="O5205" i="10"/>
  <c r="P5205" i="10" s="1"/>
  <c r="O5269" i="10"/>
  <c r="P5269" i="10" s="1"/>
  <c r="O5333" i="10"/>
  <c r="P5333" i="10" s="1"/>
  <c r="O5397" i="10"/>
  <c r="P5397" i="10" s="1"/>
  <c r="O5461" i="10"/>
  <c r="P5461" i="10" s="1"/>
  <c r="O5525" i="10"/>
  <c r="P5525" i="10" s="1"/>
  <c r="O5589" i="10"/>
  <c r="P5589" i="10" s="1"/>
  <c r="O5653" i="10"/>
  <c r="P5653" i="10" s="1"/>
  <c r="O5717" i="10"/>
  <c r="P5717" i="10" s="1"/>
  <c r="O170" i="10"/>
  <c r="O202" i="10"/>
  <c r="O234" i="10"/>
  <c r="O266" i="10"/>
  <c r="O298" i="10"/>
  <c r="O330" i="10"/>
  <c r="O362" i="10"/>
  <c r="O394" i="10"/>
  <c r="O426" i="10"/>
  <c r="O458" i="10"/>
  <c r="O490" i="10"/>
  <c r="O522" i="10"/>
  <c r="O554" i="10"/>
  <c r="O586" i="10"/>
  <c r="O618" i="10"/>
  <c r="O650" i="10"/>
  <c r="O682" i="10"/>
  <c r="O714" i="10"/>
  <c r="O746" i="10"/>
  <c r="O778" i="10"/>
  <c r="O810" i="10"/>
  <c r="O842" i="10"/>
  <c r="O874" i="10"/>
  <c r="O906" i="10"/>
  <c r="O938" i="10"/>
  <c r="O970" i="10"/>
  <c r="O1002" i="10"/>
  <c r="O1034" i="10"/>
  <c r="O1066" i="10"/>
  <c r="O1098" i="10"/>
  <c r="O1130" i="10"/>
  <c r="O1162" i="10"/>
  <c r="O1194" i="10"/>
  <c r="O1226" i="10"/>
  <c r="O1258" i="10"/>
  <c r="O1290" i="10"/>
  <c r="O1322" i="10"/>
  <c r="O1354" i="10"/>
  <c r="O1386" i="10"/>
  <c r="O1418" i="10"/>
  <c r="O1450" i="10"/>
  <c r="O1482" i="10"/>
  <c r="O1514" i="10"/>
  <c r="O1546" i="10"/>
  <c r="O1578" i="10"/>
  <c r="O1610" i="10"/>
  <c r="O1642" i="10"/>
  <c r="O1674" i="10"/>
  <c r="O1706" i="10"/>
  <c r="O1738" i="10"/>
  <c r="O1770" i="10"/>
  <c r="O1802" i="10"/>
  <c r="O1834" i="10"/>
  <c r="O1866" i="10"/>
  <c r="O1898" i="10"/>
  <c r="O1930" i="10"/>
  <c r="O1962" i="10"/>
  <c r="O1994" i="10"/>
  <c r="O2026" i="10"/>
  <c r="O2058" i="10"/>
  <c r="O2090" i="10"/>
  <c r="O2122" i="10"/>
  <c r="O2154" i="10"/>
  <c r="O2186" i="10"/>
  <c r="O2218" i="10"/>
  <c r="O2250" i="10"/>
  <c r="O2282" i="10"/>
  <c r="O2314" i="10"/>
  <c r="O2346" i="10"/>
  <c r="O2378" i="10"/>
  <c r="O2410" i="10"/>
  <c r="O2442" i="10"/>
  <c r="O2474" i="10"/>
  <c r="O2506" i="10"/>
  <c r="O2538" i="10"/>
  <c r="O2570" i="10"/>
  <c r="O2602" i="10"/>
  <c r="O2634" i="10"/>
  <c r="O2666" i="10"/>
  <c r="O2698" i="10"/>
  <c r="O2730" i="10"/>
  <c r="O2762" i="10"/>
  <c r="O2794" i="10"/>
  <c r="O2826" i="10"/>
  <c r="O2858" i="10"/>
  <c r="P2858" i="10" s="1"/>
  <c r="O2890" i="10"/>
  <c r="P2890" i="10" s="1"/>
  <c r="O2922" i="10"/>
  <c r="P2922" i="10" s="1"/>
  <c r="O2954" i="10"/>
  <c r="P2954" i="10" s="1"/>
  <c r="O2986" i="10"/>
  <c r="P2986" i="10" s="1"/>
  <c r="O3018" i="10"/>
  <c r="P3018" i="10" s="1"/>
  <c r="O3050" i="10"/>
  <c r="P3050" i="10" s="1"/>
  <c r="O3082" i="10"/>
  <c r="P3082" i="10" s="1"/>
  <c r="O3114" i="10"/>
  <c r="P3114" i="10" s="1"/>
  <c r="O3146" i="10"/>
  <c r="P3146" i="10" s="1"/>
  <c r="O3178" i="10"/>
  <c r="P3178" i="10" s="1"/>
  <c r="O3210" i="10"/>
  <c r="P3210" i="10" s="1"/>
  <c r="O3242" i="10"/>
  <c r="P3242" i="10" s="1"/>
  <c r="O3274" i="10"/>
  <c r="P3274" i="10" s="1"/>
  <c r="O3306" i="10"/>
  <c r="P3306" i="10" s="1"/>
  <c r="O3338" i="10"/>
  <c r="P3338" i="10" s="1"/>
  <c r="O3370" i="10"/>
  <c r="P3370" i="10" s="1"/>
  <c r="O3402" i="10"/>
  <c r="P3402" i="10" s="1"/>
  <c r="O3434" i="10"/>
  <c r="P3434" i="10" s="1"/>
  <c r="O3466" i="10"/>
  <c r="P3466" i="10" s="1"/>
  <c r="O3498" i="10"/>
  <c r="P3498" i="10" s="1"/>
  <c r="O3530" i="10"/>
  <c r="P3530" i="10" s="1"/>
  <c r="O3562" i="10"/>
  <c r="P3562" i="10" s="1"/>
  <c r="O3594" i="10"/>
  <c r="P3594" i="10" s="1"/>
  <c r="O3626" i="10"/>
  <c r="P3626" i="10" s="1"/>
  <c r="O3658" i="10"/>
  <c r="P3658" i="10" s="1"/>
  <c r="O3690" i="10"/>
  <c r="P3690" i="10" s="1"/>
  <c r="O3722" i="10"/>
  <c r="P3722" i="10" s="1"/>
  <c r="O3754" i="10"/>
  <c r="P3754" i="10" s="1"/>
  <c r="O3786" i="10"/>
  <c r="P3786" i="10" s="1"/>
  <c r="O3818" i="10"/>
  <c r="P3818" i="10" s="1"/>
  <c r="O3850" i="10"/>
  <c r="P3850" i="10" s="1"/>
  <c r="O3882" i="10"/>
  <c r="P3882" i="10" s="1"/>
  <c r="O3914" i="10"/>
  <c r="P3914" i="10" s="1"/>
  <c r="O3946" i="10"/>
  <c r="P3946" i="10" s="1"/>
  <c r="O3978" i="10"/>
  <c r="P3978" i="10" s="1"/>
  <c r="O4010" i="10"/>
  <c r="P4010" i="10" s="1"/>
  <c r="O4042" i="10"/>
  <c r="P4042" i="10" s="1"/>
  <c r="O4074" i="10"/>
  <c r="P4074" i="10" s="1"/>
  <c r="O4106" i="10"/>
  <c r="P4106" i="10" s="1"/>
  <c r="O4138" i="10"/>
  <c r="P4138" i="10" s="1"/>
  <c r="O4170" i="10"/>
  <c r="P4170" i="10" s="1"/>
  <c r="O4202" i="10"/>
  <c r="P4202" i="10" s="1"/>
  <c r="O4234" i="10"/>
  <c r="P4234" i="10" s="1"/>
  <c r="O4266" i="10"/>
  <c r="P4266" i="10" s="1"/>
  <c r="O4298" i="10"/>
  <c r="P4298" i="10" s="1"/>
  <c r="O4330" i="10"/>
  <c r="P4330" i="10" s="1"/>
  <c r="O4362" i="10"/>
  <c r="P4362" i="10" s="1"/>
  <c r="O4394" i="10"/>
  <c r="P4394" i="10" s="1"/>
  <c r="O4426" i="10"/>
  <c r="P4426" i="10" s="1"/>
  <c r="O4458" i="10"/>
  <c r="P4458" i="10" s="1"/>
  <c r="O4490" i="10"/>
  <c r="P4490" i="10" s="1"/>
  <c r="O4522" i="10"/>
  <c r="P4522" i="10" s="1"/>
  <c r="O4554" i="10"/>
  <c r="P4554" i="10" s="1"/>
  <c r="O4586" i="10"/>
  <c r="P4586" i="10" s="1"/>
  <c r="O4618" i="10"/>
  <c r="P4618" i="10" s="1"/>
  <c r="O4650" i="10"/>
  <c r="P4650" i="10" s="1"/>
  <c r="O4682" i="10"/>
  <c r="P4682" i="10" s="1"/>
  <c r="O4714" i="10"/>
  <c r="P4714" i="10" s="1"/>
  <c r="O4746" i="10"/>
  <c r="P4746" i="10" s="1"/>
  <c r="O4778" i="10"/>
  <c r="P4778" i="10" s="1"/>
  <c r="O4810" i="10"/>
  <c r="P4810" i="10" s="1"/>
  <c r="O4842" i="10"/>
  <c r="P4842" i="10" s="1"/>
  <c r="O4874" i="10"/>
  <c r="P4874" i="10" s="1"/>
  <c r="O4906" i="10"/>
  <c r="P4906" i="10" s="1"/>
  <c r="O4938" i="10"/>
  <c r="P4938" i="10" s="1"/>
  <c r="O4970" i="10"/>
  <c r="P4970" i="10" s="1"/>
  <c r="O5002" i="10"/>
  <c r="P5002" i="10" s="1"/>
  <c r="O5034" i="10"/>
  <c r="P5034" i="10" s="1"/>
  <c r="O5066" i="10"/>
  <c r="P5066" i="10" s="1"/>
  <c r="O5098" i="10"/>
  <c r="P5098" i="10" s="1"/>
  <c r="O5130" i="10"/>
  <c r="P5130" i="10" s="1"/>
  <c r="O5162" i="10"/>
  <c r="P5162" i="10" s="1"/>
  <c r="O5194" i="10"/>
  <c r="P5194" i="10" s="1"/>
  <c r="O5226" i="10"/>
  <c r="P5226" i="10" s="1"/>
  <c r="O5258" i="10"/>
  <c r="P5258" i="10" s="1"/>
  <c r="O5290" i="10"/>
  <c r="P5290" i="10" s="1"/>
  <c r="O5322" i="10"/>
  <c r="P5322" i="10" s="1"/>
  <c r="O5354" i="10"/>
  <c r="P5354" i="10" s="1"/>
  <c r="O5386" i="10"/>
  <c r="P5386" i="10" s="1"/>
  <c r="O5418" i="10"/>
  <c r="P5418" i="10" s="1"/>
  <c r="O5450" i="10"/>
  <c r="P5450" i="10" s="1"/>
  <c r="O5482" i="10"/>
  <c r="P5482" i="10" s="1"/>
  <c r="O5514" i="10"/>
  <c r="P5514" i="10" s="1"/>
  <c r="O5546" i="10"/>
  <c r="P5546" i="10" s="1"/>
  <c r="O5578" i="10"/>
  <c r="P5578" i="10" s="1"/>
  <c r="O5610" i="10"/>
  <c r="P5610" i="10" s="1"/>
  <c r="O5642" i="10"/>
  <c r="P5642" i="10" s="1"/>
  <c r="O5674" i="10"/>
  <c r="P5674" i="10" s="1"/>
  <c r="O5706" i="10"/>
  <c r="P5706" i="10" s="1"/>
  <c r="O5738" i="10"/>
  <c r="P5738" i="10" s="1"/>
  <c r="O43" i="10"/>
  <c r="O75" i="10"/>
  <c r="O107" i="10"/>
  <c r="O139" i="10"/>
  <c r="O171" i="10"/>
  <c r="O203" i="10"/>
  <c r="O235" i="10"/>
  <c r="O267" i="10"/>
  <c r="O299" i="10"/>
  <c r="O331" i="10"/>
  <c r="O363" i="10"/>
  <c r="O395" i="10"/>
  <c r="O427" i="10"/>
  <c r="O459" i="10"/>
  <c r="O491" i="10"/>
  <c r="O523" i="10"/>
  <c r="O555" i="10"/>
  <c r="O587" i="10"/>
  <c r="O619" i="10"/>
  <c r="O651" i="10"/>
  <c r="O683" i="10"/>
  <c r="O715" i="10"/>
  <c r="O747" i="10"/>
  <c r="O779" i="10"/>
  <c r="O811" i="10"/>
  <c r="O843" i="10"/>
  <c r="O875" i="10"/>
  <c r="O907" i="10"/>
  <c r="O939" i="10"/>
  <c r="O971" i="10"/>
  <c r="O1003" i="10"/>
  <c r="O1035" i="10"/>
  <c r="O1067" i="10"/>
  <c r="O1099" i="10"/>
  <c r="O1131" i="10"/>
  <c r="O1163" i="10"/>
  <c r="O1195" i="10"/>
  <c r="O1227" i="10"/>
  <c r="O1259" i="10"/>
  <c r="O1291" i="10"/>
  <c r="O1323" i="10"/>
  <c r="O1355" i="10"/>
  <c r="O1387" i="10"/>
  <c r="O1419" i="10"/>
  <c r="O1451" i="10"/>
  <c r="O1483" i="10"/>
  <c r="O1515" i="10"/>
  <c r="O1547" i="10"/>
  <c r="O1579" i="10"/>
  <c r="O1611" i="10"/>
  <c r="O1643" i="10"/>
  <c r="O1675" i="10"/>
  <c r="O1707" i="10"/>
  <c r="O1739" i="10"/>
  <c r="O1771" i="10"/>
  <c r="O1803" i="10"/>
  <c r="O1835" i="10"/>
  <c r="O1867" i="10"/>
  <c r="O1899" i="10"/>
  <c r="O1931" i="10"/>
  <c r="O1963" i="10"/>
  <c r="O1995" i="10"/>
  <c r="O2027" i="10"/>
  <c r="O2059" i="10"/>
  <c r="O2091" i="10"/>
  <c r="O2123" i="10"/>
  <c r="O2155" i="10"/>
  <c r="O2187" i="10"/>
  <c r="O2219" i="10"/>
  <c r="O2251" i="10"/>
  <c r="O2283" i="10"/>
  <c r="O2315" i="10"/>
  <c r="O2347" i="10"/>
  <c r="O2379" i="10"/>
  <c r="O2411" i="10"/>
  <c r="O2443" i="10"/>
  <c r="O2475" i="10"/>
  <c r="O2507" i="10"/>
  <c r="O2539" i="10"/>
  <c r="O2571" i="10"/>
  <c r="O2603" i="10"/>
  <c r="O2635" i="10"/>
  <c r="O2667" i="10"/>
  <c r="O2699" i="10"/>
  <c r="O2731" i="10"/>
  <c r="O2763" i="10"/>
  <c r="O2795" i="10"/>
  <c r="O2827" i="10"/>
  <c r="O2859" i="10"/>
  <c r="P2859" i="10" s="1"/>
  <c r="O2891" i="10"/>
  <c r="P2891" i="10" s="1"/>
  <c r="O2923" i="10"/>
  <c r="P2923" i="10" s="1"/>
  <c r="O2955" i="10"/>
  <c r="P2955" i="10" s="1"/>
  <c r="O2987" i="10"/>
  <c r="P2987" i="10" s="1"/>
  <c r="O3019" i="10"/>
  <c r="P3019" i="10" s="1"/>
  <c r="O3051" i="10"/>
  <c r="P3051" i="10" s="1"/>
  <c r="O3083" i="10"/>
  <c r="P3083" i="10" s="1"/>
  <c r="O3115" i="10"/>
  <c r="P3115" i="10" s="1"/>
  <c r="O3147" i="10"/>
  <c r="P3147" i="10" s="1"/>
  <c r="O3179" i="10"/>
  <c r="P3179" i="10" s="1"/>
  <c r="O3211" i="10"/>
  <c r="P3211" i="10" s="1"/>
  <c r="O3243" i="10"/>
  <c r="P3243" i="10" s="1"/>
  <c r="O3275" i="10"/>
  <c r="P3275" i="10" s="1"/>
  <c r="O3307" i="10"/>
  <c r="P3307" i="10" s="1"/>
  <c r="O3339" i="10"/>
  <c r="P3339" i="10" s="1"/>
  <c r="O3371" i="10"/>
  <c r="P3371" i="10" s="1"/>
  <c r="O3403" i="10"/>
  <c r="P3403" i="10" s="1"/>
  <c r="O3435" i="10"/>
  <c r="P3435" i="10" s="1"/>
  <c r="O3467" i="10"/>
  <c r="P3467" i="10" s="1"/>
  <c r="O3499" i="10"/>
  <c r="P3499" i="10" s="1"/>
  <c r="O3531" i="10"/>
  <c r="P3531" i="10" s="1"/>
  <c r="O3563" i="10"/>
  <c r="P3563" i="10" s="1"/>
  <c r="O3595" i="10"/>
  <c r="P3595" i="10" s="1"/>
  <c r="O3627" i="10"/>
  <c r="P3627" i="10" s="1"/>
  <c r="O3659" i="10"/>
  <c r="P3659" i="10" s="1"/>
  <c r="O3691" i="10"/>
  <c r="P3691" i="10" s="1"/>
  <c r="O3723" i="10"/>
  <c r="P3723" i="10" s="1"/>
  <c r="O3755" i="10"/>
  <c r="P3755" i="10" s="1"/>
  <c r="O3787" i="10"/>
  <c r="P3787" i="10" s="1"/>
  <c r="O3819" i="10"/>
  <c r="P3819" i="10" s="1"/>
  <c r="O3851" i="10"/>
  <c r="P3851" i="10" s="1"/>
  <c r="O3883" i="10"/>
  <c r="P3883" i="10" s="1"/>
  <c r="O3915" i="10"/>
  <c r="P3915" i="10" s="1"/>
  <c r="O3947" i="10"/>
  <c r="P3947" i="10" s="1"/>
  <c r="O3979" i="10"/>
  <c r="P3979" i="10" s="1"/>
  <c r="O4011" i="10"/>
  <c r="P4011" i="10" s="1"/>
  <c r="O4043" i="10"/>
  <c r="P4043" i="10" s="1"/>
  <c r="O4075" i="10"/>
  <c r="P4075" i="10" s="1"/>
  <c r="O4107" i="10"/>
  <c r="P4107" i="10" s="1"/>
  <c r="O4139" i="10"/>
  <c r="P4139" i="10" s="1"/>
  <c r="O4171" i="10"/>
  <c r="P4171" i="10" s="1"/>
  <c r="O4203" i="10"/>
  <c r="P4203" i="10" s="1"/>
  <c r="O4235" i="10"/>
  <c r="P4235" i="10" s="1"/>
  <c r="O4267" i="10"/>
  <c r="P4267" i="10" s="1"/>
  <c r="O4299" i="10"/>
  <c r="P4299" i="10" s="1"/>
  <c r="O4331" i="10"/>
  <c r="P4331" i="10" s="1"/>
  <c r="O4363" i="10"/>
  <c r="P4363" i="10" s="1"/>
  <c r="O4395" i="10"/>
  <c r="P4395" i="10" s="1"/>
  <c r="O4427" i="10"/>
  <c r="P4427" i="10" s="1"/>
  <c r="O4459" i="10"/>
  <c r="P4459" i="10" s="1"/>
  <c r="O4491" i="10"/>
  <c r="P4491" i="10" s="1"/>
  <c r="O4523" i="10"/>
  <c r="P4523" i="10" s="1"/>
  <c r="O4555" i="10"/>
  <c r="P4555" i="10" s="1"/>
  <c r="O4587" i="10"/>
  <c r="P4587" i="10" s="1"/>
  <c r="O4619" i="10"/>
  <c r="P4619" i="10" s="1"/>
  <c r="O4651" i="10"/>
  <c r="P4651" i="10" s="1"/>
  <c r="O4683" i="10"/>
  <c r="P4683" i="10" s="1"/>
  <c r="O4715" i="10"/>
  <c r="P4715" i="10" s="1"/>
  <c r="O4747" i="10"/>
  <c r="P4747" i="10" s="1"/>
  <c r="O4779" i="10"/>
  <c r="P4779" i="10" s="1"/>
  <c r="O4811" i="10"/>
  <c r="P4811" i="10" s="1"/>
  <c r="O4843" i="10"/>
  <c r="P4843" i="10" s="1"/>
  <c r="O4875" i="10"/>
  <c r="P4875" i="10" s="1"/>
  <c r="O4907" i="10"/>
  <c r="P4907" i="10" s="1"/>
  <c r="O4939" i="10"/>
  <c r="P4939" i="10" s="1"/>
  <c r="O4971" i="10"/>
  <c r="P4971" i="10" s="1"/>
  <c r="O5003" i="10"/>
  <c r="P5003" i="10" s="1"/>
  <c r="O5035" i="10"/>
  <c r="P5035" i="10" s="1"/>
  <c r="O5067" i="10"/>
  <c r="P5067" i="10" s="1"/>
  <c r="O5099" i="10"/>
  <c r="P5099" i="10" s="1"/>
  <c r="O5131" i="10"/>
  <c r="P5131" i="10" s="1"/>
  <c r="O5163" i="10"/>
  <c r="P5163" i="10" s="1"/>
  <c r="O5195" i="10"/>
  <c r="P5195" i="10" s="1"/>
  <c r="O5227" i="10"/>
  <c r="P5227" i="10" s="1"/>
  <c r="O5259" i="10"/>
  <c r="P5259" i="10" s="1"/>
  <c r="O5291" i="10"/>
  <c r="P5291" i="10" s="1"/>
  <c r="O5323" i="10"/>
  <c r="P5323" i="10" s="1"/>
  <c r="O5355" i="10"/>
  <c r="P5355" i="10" s="1"/>
  <c r="O5387" i="10"/>
  <c r="P5387" i="10" s="1"/>
  <c r="O6022" i="10"/>
  <c r="P6022" i="10" s="1"/>
  <c r="O6054" i="10"/>
  <c r="P6054" i="10" s="1"/>
  <c r="O6086" i="10"/>
  <c r="P6086" i="10" s="1"/>
  <c r="O6118" i="10"/>
  <c r="P6118" i="10" s="1"/>
  <c r="O6150" i="10"/>
  <c r="P6150" i="10" s="1"/>
  <c r="O6182" i="10"/>
  <c r="P6182" i="10" s="1"/>
  <c r="O6214" i="10"/>
  <c r="P6214" i="10" s="1"/>
  <c r="O6246" i="10"/>
  <c r="P6246" i="10" s="1"/>
  <c r="O6278" i="10"/>
  <c r="P6278" i="10" s="1"/>
  <c r="O6310" i="10"/>
  <c r="P6310" i="10" s="1"/>
  <c r="O6342" i="10"/>
  <c r="P6342" i="10" s="1"/>
  <c r="O6374" i="10"/>
  <c r="P6374" i="10" s="1"/>
  <c r="O6406" i="10"/>
  <c r="P6406" i="10" s="1"/>
  <c r="O6438" i="10"/>
  <c r="P6438" i="10" s="1"/>
  <c r="O6470" i="10"/>
  <c r="P6470" i="10" s="1"/>
  <c r="O6502" i="10"/>
  <c r="P6502" i="10" s="1"/>
  <c r="O6534" i="10"/>
  <c r="P6534" i="10" s="1"/>
  <c r="O6566" i="10"/>
  <c r="P6566" i="10" s="1"/>
  <c r="O6598" i="10"/>
  <c r="P6598" i="10" s="1"/>
  <c r="O6630" i="10"/>
  <c r="P6630" i="10" s="1"/>
  <c r="O6662" i="10"/>
  <c r="P6662" i="10" s="1"/>
  <c r="O6694" i="10"/>
  <c r="P6694" i="10" s="1"/>
  <c r="O6726" i="10"/>
  <c r="P6726" i="10" s="1"/>
  <c r="O6758" i="10"/>
  <c r="P6758" i="10" s="1"/>
  <c r="O6790" i="10"/>
  <c r="P6790" i="10" s="1"/>
  <c r="O6822" i="10"/>
  <c r="P6822" i="10" s="1"/>
  <c r="O6854" i="10"/>
  <c r="P6854" i="10" s="1"/>
  <c r="O6886" i="10"/>
  <c r="P6886" i="10" s="1"/>
  <c r="O6918" i="10"/>
  <c r="P6918" i="10" s="1"/>
  <c r="O6950" i="10"/>
  <c r="P6950" i="10" s="1"/>
  <c r="O6982" i="10"/>
  <c r="P6982" i="10" s="1"/>
  <c r="O7014" i="10"/>
  <c r="P7014" i="10" s="1"/>
  <c r="O7046" i="10"/>
  <c r="P7046" i="10" s="1"/>
  <c r="O7078" i="10"/>
  <c r="P7078" i="10" s="1"/>
  <c r="O7110" i="10"/>
  <c r="P7110" i="10" s="1"/>
  <c r="O7142" i="10"/>
  <c r="P7142" i="10" s="1"/>
  <c r="O7174" i="10"/>
  <c r="P7174" i="10" s="1"/>
  <c r="O7206" i="10"/>
  <c r="P7206" i="10" s="1"/>
  <c r="O7238" i="10"/>
  <c r="P7238" i="10" s="1"/>
  <c r="O7270" i="10"/>
  <c r="P7270" i="10" s="1"/>
  <c r="O7302" i="10"/>
  <c r="P7302" i="10" s="1"/>
  <c r="O7334" i="10"/>
  <c r="P7334" i="10" s="1"/>
  <c r="O7366" i="10"/>
  <c r="P7366" i="10" s="1"/>
  <c r="O7398" i="10"/>
  <c r="P7398" i="10" s="1"/>
  <c r="O7430" i="10"/>
  <c r="P7430" i="10" s="1"/>
  <c r="O7462" i="10"/>
  <c r="P7462" i="10" s="1"/>
  <c r="O5839" i="10"/>
  <c r="P5839" i="10" s="1"/>
  <c r="O5871" i="10"/>
  <c r="P5871" i="10" s="1"/>
  <c r="O5903" i="10"/>
  <c r="P5903" i="10" s="1"/>
  <c r="O5935" i="10"/>
  <c r="P5935" i="10" s="1"/>
  <c r="O5967" i="10"/>
  <c r="P5967" i="10" s="1"/>
  <c r="O5999" i="10"/>
  <c r="P5999" i="10" s="1"/>
  <c r="O6031" i="10"/>
  <c r="P6031" i="10" s="1"/>
  <c r="O6063" i="10"/>
  <c r="P6063" i="10" s="1"/>
  <c r="O6095" i="10"/>
  <c r="P6095" i="10" s="1"/>
  <c r="O6127" i="10"/>
  <c r="P6127" i="10" s="1"/>
  <c r="O6159" i="10"/>
  <c r="P6159" i="10" s="1"/>
  <c r="O6191" i="10"/>
  <c r="P6191" i="10" s="1"/>
  <c r="O6223" i="10"/>
  <c r="P6223" i="10" s="1"/>
  <c r="O6255" i="10"/>
  <c r="P6255" i="10" s="1"/>
  <c r="O6287" i="10"/>
  <c r="P6287" i="10" s="1"/>
  <c r="O6319" i="10"/>
  <c r="P6319" i="10" s="1"/>
  <c r="O6351" i="10"/>
  <c r="P6351" i="10" s="1"/>
  <c r="O6383" i="10"/>
  <c r="P6383" i="10" s="1"/>
  <c r="O6415" i="10"/>
  <c r="P6415" i="10" s="1"/>
  <c r="O6447" i="10"/>
  <c r="P6447" i="10" s="1"/>
  <c r="O6479" i="10"/>
  <c r="P6479" i="10" s="1"/>
  <c r="O6511" i="10"/>
  <c r="P6511" i="10" s="1"/>
  <c r="O6543" i="10"/>
  <c r="P6543" i="10" s="1"/>
  <c r="O6575" i="10"/>
  <c r="P6575" i="10" s="1"/>
  <c r="O6607" i="10"/>
  <c r="P6607" i="10" s="1"/>
  <c r="O6639" i="10"/>
  <c r="P6639" i="10" s="1"/>
  <c r="O6671" i="10"/>
  <c r="P6671" i="10" s="1"/>
  <c r="O6703" i="10"/>
  <c r="P6703" i="10" s="1"/>
  <c r="O6735" i="10"/>
  <c r="P6735" i="10" s="1"/>
  <c r="O6767" i="10"/>
  <c r="P6767" i="10" s="1"/>
  <c r="O6799" i="10"/>
  <c r="P6799" i="10" s="1"/>
  <c r="O6831" i="10"/>
  <c r="P6831" i="10" s="1"/>
  <c r="O6863" i="10"/>
  <c r="P6863" i="10" s="1"/>
  <c r="O6895" i="10"/>
  <c r="P6895" i="10" s="1"/>
  <c r="O6927" i="10"/>
  <c r="P6927" i="10" s="1"/>
  <c r="O6959" i="10"/>
  <c r="P6959" i="10" s="1"/>
  <c r="O6991" i="10"/>
  <c r="P6991" i="10" s="1"/>
  <c r="O7023" i="10"/>
  <c r="P7023" i="10" s="1"/>
  <c r="O7055" i="10"/>
  <c r="P7055" i="10" s="1"/>
  <c r="O7087" i="10"/>
  <c r="P7087" i="10" s="1"/>
  <c r="O7119" i="10"/>
  <c r="P7119" i="10" s="1"/>
  <c r="O7151" i="10"/>
  <c r="P7151" i="10" s="1"/>
  <c r="O7183" i="10"/>
  <c r="P7183" i="10" s="1"/>
  <c r="O7215" i="10"/>
  <c r="P7215" i="10" s="1"/>
  <c r="O7247" i="10"/>
  <c r="P7247" i="10" s="1"/>
  <c r="O7279" i="10"/>
  <c r="P7279" i="10" s="1"/>
  <c r="O7311" i="10"/>
  <c r="P7311" i="10" s="1"/>
  <c r="O7343" i="10"/>
  <c r="P7343" i="10" s="1"/>
  <c r="O7375" i="10"/>
  <c r="P7375" i="10" s="1"/>
  <c r="O7407" i="10"/>
  <c r="P7407" i="10" s="1"/>
  <c r="O7439" i="10"/>
  <c r="P7439" i="10" s="1"/>
  <c r="O5848" i="10"/>
  <c r="P5848" i="10" s="1"/>
  <c r="O5880" i="10"/>
  <c r="P5880" i="10" s="1"/>
  <c r="O5912" i="10"/>
  <c r="P5912" i="10" s="1"/>
  <c r="O5944" i="10"/>
  <c r="P5944" i="10" s="1"/>
  <c r="O5976" i="10"/>
  <c r="P5976" i="10" s="1"/>
  <c r="O6008" i="10"/>
  <c r="P6008" i="10" s="1"/>
  <c r="O6040" i="10"/>
  <c r="P6040" i="10" s="1"/>
  <c r="O6072" i="10"/>
  <c r="P6072" i="10" s="1"/>
  <c r="O6104" i="10"/>
  <c r="P6104" i="10" s="1"/>
  <c r="O6136" i="10"/>
  <c r="P6136" i="10" s="1"/>
  <c r="O6168" i="10"/>
  <c r="P6168" i="10" s="1"/>
  <c r="O6200" i="10"/>
  <c r="P6200" i="10" s="1"/>
  <c r="O6232" i="10"/>
  <c r="P6232" i="10" s="1"/>
  <c r="O6264" i="10"/>
  <c r="P6264" i="10" s="1"/>
  <c r="O6296" i="10"/>
  <c r="P6296" i="10" s="1"/>
  <c r="O6328" i="10"/>
  <c r="P6328" i="10" s="1"/>
  <c r="O6360" i="10"/>
  <c r="P6360" i="10" s="1"/>
  <c r="O6392" i="10"/>
  <c r="P6392" i="10" s="1"/>
  <c r="O6424" i="10"/>
  <c r="P6424" i="10" s="1"/>
  <c r="O6456" i="10"/>
  <c r="P6456" i="10" s="1"/>
  <c r="O6488" i="10"/>
  <c r="P6488" i="10" s="1"/>
  <c r="O6520" i="10"/>
  <c r="P6520" i="10" s="1"/>
  <c r="O6552" i="10"/>
  <c r="P6552" i="10" s="1"/>
  <c r="O6584" i="10"/>
  <c r="P6584" i="10" s="1"/>
  <c r="O6616" i="10"/>
  <c r="P6616" i="10" s="1"/>
  <c r="O6648" i="10"/>
  <c r="P6648" i="10" s="1"/>
  <c r="O6680" i="10"/>
  <c r="P6680" i="10" s="1"/>
  <c r="O6712" i="10"/>
  <c r="P6712" i="10" s="1"/>
  <c r="O6744" i="10"/>
  <c r="P6744" i="10" s="1"/>
  <c r="O6776" i="10"/>
  <c r="P6776" i="10" s="1"/>
  <c r="O6808" i="10"/>
  <c r="P6808" i="10" s="1"/>
  <c r="O6840" i="10"/>
  <c r="P6840" i="10" s="1"/>
  <c r="O6872" i="10"/>
  <c r="P6872" i="10" s="1"/>
  <c r="O6904" i="10"/>
  <c r="P6904" i="10" s="1"/>
  <c r="O6936" i="10"/>
  <c r="P6936" i="10" s="1"/>
  <c r="O6968" i="10"/>
  <c r="P6968" i="10" s="1"/>
  <c r="O7000" i="10"/>
  <c r="P7000" i="10" s="1"/>
  <c r="O7032" i="10"/>
  <c r="P7032" i="10" s="1"/>
  <c r="O7064" i="10"/>
  <c r="P7064" i="10" s="1"/>
  <c r="O7096" i="10"/>
  <c r="P7096" i="10" s="1"/>
  <c r="O7128" i="10"/>
  <c r="P7128" i="10" s="1"/>
  <c r="O7160" i="10"/>
  <c r="P7160" i="10" s="1"/>
  <c r="O7192" i="10"/>
  <c r="P7192" i="10" s="1"/>
  <c r="O7224" i="10"/>
  <c r="P7224" i="10" s="1"/>
  <c r="O7256" i="10"/>
  <c r="P7256" i="10" s="1"/>
  <c r="O7288" i="10"/>
  <c r="P7288" i="10" s="1"/>
  <c r="O7320" i="10"/>
  <c r="P7320" i="10" s="1"/>
  <c r="O7352" i="10"/>
  <c r="P7352" i="10" s="1"/>
  <c r="O7384" i="10"/>
  <c r="P7384" i="10" s="1"/>
  <c r="O7416" i="10"/>
  <c r="P7416" i="10" s="1"/>
  <c r="O7448" i="10"/>
  <c r="P7448" i="10" s="1"/>
  <c r="O4913" i="10"/>
  <c r="P4913" i="10" s="1"/>
  <c r="O4945" i="10"/>
  <c r="P4945" i="10" s="1"/>
  <c r="O4977" i="10"/>
  <c r="P4977" i="10" s="1"/>
  <c r="O5009" i="10"/>
  <c r="P5009" i="10" s="1"/>
  <c r="O5041" i="10"/>
  <c r="P5041" i="10" s="1"/>
  <c r="O5073" i="10"/>
  <c r="P5073" i="10" s="1"/>
  <c r="O5105" i="10"/>
  <c r="P5105" i="10" s="1"/>
  <c r="O5137" i="10"/>
  <c r="P5137" i="10" s="1"/>
  <c r="O5169" i="10"/>
  <c r="P5169" i="10" s="1"/>
  <c r="O5201" i="10"/>
  <c r="P5201" i="10" s="1"/>
  <c r="O5233" i="10"/>
  <c r="P5233" i="10" s="1"/>
  <c r="O5265" i="10"/>
  <c r="P5265" i="10" s="1"/>
  <c r="O5297" i="10"/>
  <c r="P5297" i="10" s="1"/>
  <c r="O5329" i="10"/>
  <c r="P5329" i="10" s="1"/>
  <c r="O5361" i="10"/>
  <c r="P5361" i="10" s="1"/>
  <c r="O5393" i="10"/>
  <c r="P5393" i="10" s="1"/>
  <c r="O5425" i="10"/>
  <c r="P5425" i="10" s="1"/>
  <c r="O5457" i="10"/>
  <c r="P5457" i="10" s="1"/>
  <c r="O5489" i="10"/>
  <c r="P5489" i="10" s="1"/>
  <c r="O5521" i="10"/>
  <c r="P5521" i="10" s="1"/>
  <c r="O5553" i="10"/>
  <c r="P5553" i="10" s="1"/>
  <c r="O5585" i="10"/>
  <c r="P5585" i="10" s="1"/>
  <c r="O5617" i="10"/>
  <c r="P5617" i="10" s="1"/>
  <c r="O5649" i="10"/>
  <c r="P5649" i="10" s="1"/>
  <c r="O5681" i="10"/>
  <c r="P5681" i="10" s="1"/>
  <c r="O5713" i="10"/>
  <c r="P5713" i="10" s="1"/>
  <c r="O5745" i="10"/>
  <c r="P5745" i="10" s="1"/>
  <c r="O6033" i="10"/>
  <c r="P6033" i="10" s="1"/>
  <c r="O6065" i="10"/>
  <c r="P6065" i="10" s="1"/>
  <c r="O6097" i="10"/>
  <c r="P6097" i="10" s="1"/>
  <c r="O6129" i="10"/>
  <c r="P6129" i="10" s="1"/>
  <c r="O6161" i="10"/>
  <c r="P6161" i="10" s="1"/>
  <c r="O6193" i="10"/>
  <c r="P6193" i="10" s="1"/>
  <c r="O6225" i="10"/>
  <c r="P6225" i="10" s="1"/>
  <c r="O6257" i="10"/>
  <c r="P6257" i="10" s="1"/>
  <c r="O6289" i="10"/>
  <c r="P6289" i="10" s="1"/>
  <c r="O6321" i="10"/>
  <c r="P6321" i="10" s="1"/>
  <c r="O6353" i="10"/>
  <c r="P6353" i="10" s="1"/>
  <c r="O6385" i="10"/>
  <c r="P6385" i="10" s="1"/>
  <c r="O6417" i="10"/>
  <c r="P6417" i="10" s="1"/>
  <c r="O6449" i="10"/>
  <c r="P6449" i="10" s="1"/>
  <c r="O6481" i="10"/>
  <c r="P6481" i="10" s="1"/>
  <c r="O6513" i="10"/>
  <c r="P6513" i="10" s="1"/>
  <c r="O6545" i="10"/>
  <c r="P6545" i="10" s="1"/>
  <c r="O6577" i="10"/>
  <c r="P6577" i="10" s="1"/>
  <c r="O6609" i="10"/>
  <c r="P6609" i="10" s="1"/>
  <c r="O6641" i="10"/>
  <c r="P6641" i="10" s="1"/>
  <c r="O6673" i="10"/>
  <c r="P6673" i="10" s="1"/>
  <c r="O6705" i="10"/>
  <c r="P6705" i="10" s="1"/>
  <c r="O6737" i="10"/>
  <c r="P6737" i="10" s="1"/>
  <c r="O6769" i="10"/>
  <c r="P6769" i="10" s="1"/>
  <c r="O6801" i="10"/>
  <c r="P6801" i="10" s="1"/>
  <c r="O6833" i="10"/>
  <c r="P6833" i="10" s="1"/>
  <c r="O6865" i="10"/>
  <c r="P6865" i="10" s="1"/>
  <c r="O6897" i="10"/>
  <c r="P6897" i="10" s="1"/>
  <c r="O6929" i="10"/>
  <c r="P6929" i="10" s="1"/>
  <c r="O6961" i="10"/>
  <c r="P6961" i="10" s="1"/>
  <c r="O6993" i="10"/>
  <c r="P6993" i="10" s="1"/>
  <c r="O7025" i="10"/>
  <c r="P7025" i="10" s="1"/>
  <c r="O7057" i="10"/>
  <c r="P7057" i="10" s="1"/>
  <c r="O7089" i="10"/>
  <c r="P7089" i="10" s="1"/>
  <c r="O7121" i="10"/>
  <c r="P7121" i="10" s="1"/>
  <c r="O7153" i="10"/>
  <c r="P7153" i="10" s="1"/>
  <c r="O7185" i="10"/>
  <c r="P7185" i="10" s="1"/>
  <c r="O7217" i="10"/>
  <c r="P7217" i="10" s="1"/>
  <c r="O7249" i="10"/>
  <c r="P7249" i="10" s="1"/>
  <c r="O7281" i="10"/>
  <c r="P7281" i="10" s="1"/>
  <c r="O7313" i="10"/>
  <c r="P7313" i="10" s="1"/>
  <c r="O7345" i="10"/>
  <c r="P7345" i="10" s="1"/>
  <c r="O7377" i="10"/>
  <c r="P7377" i="10" s="1"/>
  <c r="O7409" i="10"/>
  <c r="P7409" i="10" s="1"/>
  <c r="O7441" i="10"/>
  <c r="P7441" i="10" s="1"/>
  <c r="O6042" i="10"/>
  <c r="P6042" i="10" s="1"/>
  <c r="O6074" i="10"/>
  <c r="P6074" i="10" s="1"/>
  <c r="O6106" i="10"/>
  <c r="P6106" i="10" s="1"/>
  <c r="O6138" i="10"/>
  <c r="P6138" i="10" s="1"/>
  <c r="O6170" i="10"/>
  <c r="P6170" i="10" s="1"/>
  <c r="O6202" i="10"/>
  <c r="P6202" i="10" s="1"/>
  <c r="O6234" i="10"/>
  <c r="P6234" i="10" s="1"/>
  <c r="O6266" i="10"/>
  <c r="P6266" i="10" s="1"/>
  <c r="O6298" i="10"/>
  <c r="P6298" i="10" s="1"/>
  <c r="O6330" i="10"/>
  <c r="P6330" i="10" s="1"/>
  <c r="O6362" i="10"/>
  <c r="P6362" i="10" s="1"/>
  <c r="O6394" i="10"/>
  <c r="P6394" i="10" s="1"/>
  <c r="O6426" i="10"/>
  <c r="P6426" i="10" s="1"/>
  <c r="O6458" i="10"/>
  <c r="P6458" i="10" s="1"/>
  <c r="O6490" i="10"/>
  <c r="P6490" i="10" s="1"/>
  <c r="O6522" i="10"/>
  <c r="P6522" i="10" s="1"/>
  <c r="O6554" i="10"/>
  <c r="P6554" i="10" s="1"/>
  <c r="O6586" i="10"/>
  <c r="P6586" i="10" s="1"/>
  <c r="O6618" i="10"/>
  <c r="P6618" i="10" s="1"/>
  <c r="O6650" i="10"/>
  <c r="P6650" i="10" s="1"/>
  <c r="O6682" i="10"/>
  <c r="P6682" i="10" s="1"/>
  <c r="O6714" i="10"/>
  <c r="P6714" i="10" s="1"/>
  <c r="O6746" i="10"/>
  <c r="P6746" i="10" s="1"/>
  <c r="O6778" i="10"/>
  <c r="P6778" i="10" s="1"/>
  <c r="O6810" i="10"/>
  <c r="P6810" i="10" s="1"/>
  <c r="O6842" i="10"/>
  <c r="P6842" i="10" s="1"/>
  <c r="O6874" i="10"/>
  <c r="P6874" i="10" s="1"/>
  <c r="O6906" i="10"/>
  <c r="P6906" i="10" s="1"/>
  <c r="O6938" i="10"/>
  <c r="P6938" i="10" s="1"/>
  <c r="O6970" i="10"/>
  <c r="P6970" i="10" s="1"/>
  <c r="O7002" i="10"/>
  <c r="P7002" i="10" s="1"/>
  <c r="O7034" i="10"/>
  <c r="P7034" i="10" s="1"/>
  <c r="O7066" i="10"/>
  <c r="P7066" i="10" s="1"/>
  <c r="O7098" i="10"/>
  <c r="P7098" i="10" s="1"/>
  <c r="O7130" i="10"/>
  <c r="P7130" i="10" s="1"/>
  <c r="O7162" i="10"/>
  <c r="P7162" i="10" s="1"/>
  <c r="O7194" i="10"/>
  <c r="P7194" i="10" s="1"/>
  <c r="O7226" i="10"/>
  <c r="P7226" i="10" s="1"/>
  <c r="O7258" i="10"/>
  <c r="P7258" i="10" s="1"/>
  <c r="O7290" i="10"/>
  <c r="P7290" i="10" s="1"/>
  <c r="O7322" i="10"/>
  <c r="P7322" i="10" s="1"/>
  <c r="O7354" i="10"/>
  <c r="P7354" i="10" s="1"/>
  <c r="O7386" i="10"/>
  <c r="P7386" i="10" s="1"/>
  <c r="O7418" i="10"/>
  <c r="P7418" i="10" s="1"/>
  <c r="O7450" i="10"/>
  <c r="P7450" i="10" s="1"/>
  <c r="O5427" i="10"/>
  <c r="P5427" i="10" s="1"/>
  <c r="O5459" i="10"/>
  <c r="P5459" i="10" s="1"/>
  <c r="O5491" i="10"/>
  <c r="P5491" i="10" s="1"/>
  <c r="O5523" i="10"/>
  <c r="P5523" i="10" s="1"/>
  <c r="O5555" i="10"/>
  <c r="P5555" i="10" s="1"/>
  <c r="O5587" i="10"/>
  <c r="P5587" i="10" s="1"/>
  <c r="O5619" i="10"/>
  <c r="P5619" i="10" s="1"/>
  <c r="O5651" i="10"/>
  <c r="P5651" i="10" s="1"/>
  <c r="O5683" i="10"/>
  <c r="P5683" i="10" s="1"/>
  <c r="O5715" i="10"/>
  <c r="P5715" i="10" s="1"/>
  <c r="O5747" i="10"/>
  <c r="P5747" i="10" s="1"/>
  <c r="O6035" i="10"/>
  <c r="P6035" i="10" s="1"/>
  <c r="O6067" i="10"/>
  <c r="P6067" i="10" s="1"/>
  <c r="O6099" i="10"/>
  <c r="P6099" i="10" s="1"/>
  <c r="O6131" i="10"/>
  <c r="P6131" i="10" s="1"/>
  <c r="O6163" i="10"/>
  <c r="P6163" i="10" s="1"/>
  <c r="O6195" i="10"/>
  <c r="P6195" i="10" s="1"/>
  <c r="O6227" i="10"/>
  <c r="P6227" i="10" s="1"/>
  <c r="O6259" i="10"/>
  <c r="P6259" i="10" s="1"/>
  <c r="O6291" i="10"/>
  <c r="P6291" i="10" s="1"/>
  <c r="O6323" i="10"/>
  <c r="P6323" i="10" s="1"/>
  <c r="O6355" i="10"/>
  <c r="P6355" i="10" s="1"/>
  <c r="O6387" i="10"/>
  <c r="P6387" i="10" s="1"/>
  <c r="O6419" i="10"/>
  <c r="P6419" i="10" s="1"/>
  <c r="O6451" i="10"/>
  <c r="P6451" i="10" s="1"/>
  <c r="O6483" i="10"/>
  <c r="P6483" i="10" s="1"/>
  <c r="O6515" i="10"/>
  <c r="P6515" i="10" s="1"/>
  <c r="O6547" i="10"/>
  <c r="P6547" i="10" s="1"/>
  <c r="O6579" i="10"/>
  <c r="P6579" i="10" s="1"/>
  <c r="O6611" i="10"/>
  <c r="P6611" i="10" s="1"/>
  <c r="O6643" i="10"/>
  <c r="P6643" i="10" s="1"/>
  <c r="O6675" i="10"/>
  <c r="P6675" i="10" s="1"/>
  <c r="O6707" i="10"/>
  <c r="P6707" i="10" s="1"/>
  <c r="O6739" i="10"/>
  <c r="P6739" i="10" s="1"/>
  <c r="O6771" i="10"/>
  <c r="P6771" i="10" s="1"/>
  <c r="O6803" i="10"/>
  <c r="P6803" i="10" s="1"/>
  <c r="O6835" i="10"/>
  <c r="P6835" i="10" s="1"/>
  <c r="O6867" i="10"/>
  <c r="P6867" i="10" s="1"/>
  <c r="O6899" i="10"/>
  <c r="P6899" i="10" s="1"/>
  <c r="O6931" i="10"/>
  <c r="P6931" i="10" s="1"/>
  <c r="O6963" i="10"/>
  <c r="P6963" i="10" s="1"/>
  <c r="O6995" i="10"/>
  <c r="P6995" i="10" s="1"/>
  <c r="O7027" i="10"/>
  <c r="P7027" i="10" s="1"/>
  <c r="O7059" i="10"/>
  <c r="P7059" i="10" s="1"/>
  <c r="O7091" i="10"/>
  <c r="P7091" i="10" s="1"/>
  <c r="O7123" i="10"/>
  <c r="P7123" i="10" s="1"/>
  <c r="O7155" i="10"/>
  <c r="P7155" i="10" s="1"/>
  <c r="O7187" i="10"/>
  <c r="P7187" i="10" s="1"/>
  <c r="O7219" i="10"/>
  <c r="P7219" i="10" s="1"/>
  <c r="O7251" i="10"/>
  <c r="P7251" i="10" s="1"/>
  <c r="O7283" i="10"/>
  <c r="P7283" i="10" s="1"/>
  <c r="O7315" i="10"/>
  <c r="P7315" i="10" s="1"/>
  <c r="O7347" i="10"/>
  <c r="P7347" i="10" s="1"/>
  <c r="O7379" i="10"/>
  <c r="P7379" i="10" s="1"/>
  <c r="O7411" i="10"/>
  <c r="P7411" i="10" s="1"/>
  <c r="O7443" i="10"/>
  <c r="P7443" i="10" s="1"/>
  <c r="O6044" i="10"/>
  <c r="P6044" i="10" s="1"/>
  <c r="O6076" i="10"/>
  <c r="P6076" i="10" s="1"/>
  <c r="O6108" i="10"/>
  <c r="P6108" i="10" s="1"/>
  <c r="O6140" i="10"/>
  <c r="P6140" i="10" s="1"/>
  <c r="O6172" i="10"/>
  <c r="P6172" i="10" s="1"/>
  <c r="O6204" i="10"/>
  <c r="P6204" i="10" s="1"/>
  <c r="O6236" i="10"/>
  <c r="P6236" i="10" s="1"/>
  <c r="O6268" i="10"/>
  <c r="P6268" i="10" s="1"/>
  <c r="O6300" i="10"/>
  <c r="P6300" i="10" s="1"/>
  <c r="O6332" i="10"/>
  <c r="P6332" i="10" s="1"/>
  <c r="O6364" i="10"/>
  <c r="P6364" i="10" s="1"/>
  <c r="O6396" i="10"/>
  <c r="P6396" i="10" s="1"/>
  <c r="O6428" i="10"/>
  <c r="P6428" i="10" s="1"/>
  <c r="O6460" i="10"/>
  <c r="P6460" i="10" s="1"/>
  <c r="O6492" i="10"/>
  <c r="P6492" i="10" s="1"/>
  <c r="O6524" i="10"/>
  <c r="P6524" i="10" s="1"/>
  <c r="O6556" i="10"/>
  <c r="P6556" i="10" s="1"/>
  <c r="O6588" i="10"/>
  <c r="P6588" i="10" s="1"/>
  <c r="O6620" i="10"/>
  <c r="P6620" i="10" s="1"/>
  <c r="O6652" i="10"/>
  <c r="P6652" i="10" s="1"/>
  <c r="O6684" i="10"/>
  <c r="P6684" i="10" s="1"/>
  <c r="O6716" i="10"/>
  <c r="P6716" i="10" s="1"/>
  <c r="O6748" i="10"/>
  <c r="P6748" i="10" s="1"/>
  <c r="O6780" i="10"/>
  <c r="P6780" i="10" s="1"/>
  <c r="O6812" i="10"/>
  <c r="P6812" i="10" s="1"/>
  <c r="O6844" i="10"/>
  <c r="P6844" i="10" s="1"/>
  <c r="O6876" i="10"/>
  <c r="P6876" i="10" s="1"/>
  <c r="O6908" i="10"/>
  <c r="P6908" i="10" s="1"/>
  <c r="O6940" i="10"/>
  <c r="P6940" i="10" s="1"/>
  <c r="O6972" i="10"/>
  <c r="P6972" i="10" s="1"/>
  <c r="O7004" i="10"/>
  <c r="P7004" i="10" s="1"/>
  <c r="O7036" i="10"/>
  <c r="P7036" i="10" s="1"/>
  <c r="O7068" i="10"/>
  <c r="P7068" i="10" s="1"/>
  <c r="O7100" i="10"/>
  <c r="P7100" i="10" s="1"/>
  <c r="O7132" i="10"/>
  <c r="P7132" i="10" s="1"/>
  <c r="O7164" i="10"/>
  <c r="P7164" i="10" s="1"/>
  <c r="O7196" i="10"/>
  <c r="P7196" i="10" s="1"/>
  <c r="O7228" i="10"/>
  <c r="P7228" i="10" s="1"/>
  <c r="O7260" i="10"/>
  <c r="P7260" i="10" s="1"/>
  <c r="O7292" i="10"/>
  <c r="P7292" i="10" s="1"/>
  <c r="O7324" i="10"/>
  <c r="P7324" i="10" s="1"/>
  <c r="O7356" i="10"/>
  <c r="P7356" i="10" s="1"/>
  <c r="O7388" i="10"/>
  <c r="P7388" i="10" s="1"/>
  <c r="O7420" i="10"/>
  <c r="P7420" i="10" s="1"/>
  <c r="O7452" i="10"/>
  <c r="P7452" i="10" s="1"/>
  <c r="O6021" i="10"/>
  <c r="P6021" i="10" s="1"/>
  <c r="O6053" i="10"/>
  <c r="P6053" i="10" s="1"/>
  <c r="O6085" i="10"/>
  <c r="P6085" i="10" s="1"/>
  <c r="O6117" i="10"/>
  <c r="P6117" i="10" s="1"/>
  <c r="O6149" i="10"/>
  <c r="P6149" i="10" s="1"/>
  <c r="O6181" i="10"/>
  <c r="P6181" i="10" s="1"/>
  <c r="O6213" i="10"/>
  <c r="P6213" i="10" s="1"/>
  <c r="O6245" i="10"/>
  <c r="P6245" i="10" s="1"/>
  <c r="O6277" i="10"/>
  <c r="P6277" i="10" s="1"/>
  <c r="O6309" i="10"/>
  <c r="P6309" i="10" s="1"/>
  <c r="O6341" i="10"/>
  <c r="P6341" i="10" s="1"/>
  <c r="O6373" i="10"/>
  <c r="P6373" i="10" s="1"/>
  <c r="O6405" i="10"/>
  <c r="P6405" i="10" s="1"/>
  <c r="O6437" i="10"/>
  <c r="P6437" i="10" s="1"/>
  <c r="O6469" i="10"/>
  <c r="P6469" i="10" s="1"/>
  <c r="O6501" i="10"/>
  <c r="P6501" i="10" s="1"/>
  <c r="O6533" i="10"/>
  <c r="P6533" i="10" s="1"/>
  <c r="O6565" i="10"/>
  <c r="P6565" i="10" s="1"/>
  <c r="O6597" i="10"/>
  <c r="P6597" i="10" s="1"/>
  <c r="O6629" i="10"/>
  <c r="P6629" i="10" s="1"/>
  <c r="O6661" i="10"/>
  <c r="P6661" i="10" s="1"/>
  <c r="O6693" i="10"/>
  <c r="P6693" i="10" s="1"/>
  <c r="O6725" i="10"/>
  <c r="P6725" i="10" s="1"/>
  <c r="O6757" i="10"/>
  <c r="P6757" i="10" s="1"/>
  <c r="O6789" i="10"/>
  <c r="P6789" i="10" s="1"/>
  <c r="O6821" i="10"/>
  <c r="P6821" i="10" s="1"/>
  <c r="O6853" i="10"/>
  <c r="P6853" i="10" s="1"/>
  <c r="O6885" i="10"/>
  <c r="P6885" i="10" s="1"/>
  <c r="O6917" i="10"/>
  <c r="P6917" i="10" s="1"/>
  <c r="O6949" i="10"/>
  <c r="P6949" i="10" s="1"/>
  <c r="O6981" i="10"/>
  <c r="P6981" i="10" s="1"/>
  <c r="O7013" i="10"/>
  <c r="P7013" i="10" s="1"/>
  <c r="O7045" i="10"/>
  <c r="P7045" i="10" s="1"/>
  <c r="O7077" i="10"/>
  <c r="P7077" i="10" s="1"/>
  <c r="O7109" i="10"/>
  <c r="P7109" i="10" s="1"/>
  <c r="O7141" i="10"/>
  <c r="P7141" i="10" s="1"/>
  <c r="O7173" i="10"/>
  <c r="P7173" i="10" s="1"/>
  <c r="O7205" i="10"/>
  <c r="P7205" i="10" s="1"/>
  <c r="O7237" i="10"/>
  <c r="P7237" i="10" s="1"/>
  <c r="O7269" i="10"/>
  <c r="P7269" i="10" s="1"/>
  <c r="O7301" i="10"/>
  <c r="P7301" i="10" s="1"/>
  <c r="O7333" i="10"/>
  <c r="P7333" i="10" s="1"/>
  <c r="O7365" i="10"/>
  <c r="P7365" i="10" s="1"/>
  <c r="O7397" i="10"/>
  <c r="P7397" i="10" s="1"/>
  <c r="O7429" i="10"/>
  <c r="P7429" i="10" s="1"/>
  <c r="O7461" i="10"/>
  <c r="P7461" i="10" s="1"/>
  <c r="C6781" i="26" l="1"/>
  <c r="Q6789" i="10"/>
  <c r="D6781" i="26" s="1"/>
  <c r="C6676" i="26"/>
  <c r="Q6684" i="10"/>
  <c r="D6676" i="26" s="1"/>
  <c r="C7325" i="26"/>
  <c r="Q7333" i="10"/>
  <c r="D7325" i="26" s="1"/>
  <c r="C7069" i="26"/>
  <c r="Q7077" i="10"/>
  <c r="D7069" i="26" s="1"/>
  <c r="C6813" i="26"/>
  <c r="Q6821" i="10"/>
  <c r="D6813" i="26" s="1"/>
  <c r="C6557" i="26"/>
  <c r="Q6565" i="10"/>
  <c r="D6557" i="26" s="1"/>
  <c r="C6301" i="26"/>
  <c r="Q6309" i="10"/>
  <c r="D6301" i="26" s="1"/>
  <c r="C6045" i="26"/>
  <c r="Q6053" i="10"/>
  <c r="D6045" i="26" s="1"/>
  <c r="Q7260" i="10"/>
  <c r="D7252" i="26" s="1"/>
  <c r="C7252" i="26"/>
  <c r="C6996" i="26"/>
  <c r="Q7004" i="10"/>
  <c r="D6996" i="26" s="1"/>
  <c r="C6740" i="26"/>
  <c r="Q6748" i="10"/>
  <c r="D6740" i="26" s="1"/>
  <c r="C6484" i="26"/>
  <c r="Q6492" i="10"/>
  <c r="D6484" i="26" s="1"/>
  <c r="C6228" i="26"/>
  <c r="Q6236" i="10"/>
  <c r="D6228" i="26" s="1"/>
  <c r="Q7411" i="10"/>
  <c r="D7403" i="26" s="1"/>
  <c r="C7403" i="26"/>
  <c r="Q7155" i="10"/>
  <c r="D7147" i="26" s="1"/>
  <c r="C7147" i="26"/>
  <c r="Q6899" i="10"/>
  <c r="D6891" i="26" s="1"/>
  <c r="C6891" i="26"/>
  <c r="Q6643" i="10"/>
  <c r="D6635" i="26" s="1"/>
  <c r="C6635" i="26"/>
  <c r="Q6387" i="10"/>
  <c r="D6379" i="26" s="1"/>
  <c r="C6379" i="26"/>
  <c r="Q6131" i="10"/>
  <c r="D6123" i="26" s="1"/>
  <c r="C6123" i="26"/>
  <c r="Q5619" i="10"/>
  <c r="D5611" i="26" s="1"/>
  <c r="C5611" i="26"/>
  <c r="C7410" i="26"/>
  <c r="Q7418" i="10"/>
  <c r="D7410" i="26" s="1"/>
  <c r="C7154" i="26"/>
  <c r="Q7162" i="10"/>
  <c r="D7154" i="26" s="1"/>
  <c r="C6898" i="26"/>
  <c r="Q6906" i="10"/>
  <c r="D6898" i="26" s="1"/>
  <c r="C6642" i="26"/>
  <c r="Q6650" i="10"/>
  <c r="D6642" i="26" s="1"/>
  <c r="C6386" i="26"/>
  <c r="Q6394" i="10"/>
  <c r="D6386" i="26" s="1"/>
  <c r="C6130" i="26"/>
  <c r="Q6138" i="10"/>
  <c r="D6130" i="26" s="1"/>
  <c r="C7305" i="26"/>
  <c r="Q7313" i="10"/>
  <c r="D7305" i="26" s="1"/>
  <c r="C7049" i="26"/>
  <c r="Q7057" i="10"/>
  <c r="D7049" i="26" s="1"/>
  <c r="C6793" i="26"/>
  <c r="Q6801" i="10"/>
  <c r="D6793" i="26" s="1"/>
  <c r="C6537" i="26"/>
  <c r="Q6545" i="10"/>
  <c r="D6537" i="26" s="1"/>
  <c r="C6281" i="26"/>
  <c r="Q6289" i="10"/>
  <c r="D6281" i="26" s="1"/>
  <c r="C6025" i="26"/>
  <c r="Q6033" i="10"/>
  <c r="D6025" i="26" s="1"/>
  <c r="C5513" i="26"/>
  <c r="Q5521" i="10"/>
  <c r="D5513" i="26" s="1"/>
  <c r="C5257" i="26"/>
  <c r="Q5265" i="10"/>
  <c r="D5257" i="26" s="1"/>
  <c r="C5001" i="26"/>
  <c r="Q5009" i="10"/>
  <c r="D5001" i="26" s="1"/>
  <c r="C7312" i="26"/>
  <c r="Q7320" i="10"/>
  <c r="D7312" i="26" s="1"/>
  <c r="C7056" i="26"/>
  <c r="Q7064" i="10"/>
  <c r="D7056" i="26" s="1"/>
  <c r="C6800" i="26"/>
  <c r="Q6808" i="10"/>
  <c r="D6800" i="26" s="1"/>
  <c r="C6544" i="26"/>
  <c r="Q6552" i="10"/>
  <c r="D6544" i="26" s="1"/>
  <c r="C6288" i="26"/>
  <c r="Q6296" i="10"/>
  <c r="D6288" i="26" s="1"/>
  <c r="C6032" i="26"/>
  <c r="Q6040" i="10"/>
  <c r="D6032" i="26" s="1"/>
  <c r="C7399" i="26"/>
  <c r="Q7407" i="10"/>
  <c r="D7399" i="26" s="1"/>
  <c r="C7143" i="26"/>
  <c r="Q7151" i="10"/>
  <c r="D7143" i="26" s="1"/>
  <c r="C6887" i="26"/>
  <c r="Q6895" i="10"/>
  <c r="D6887" i="26" s="1"/>
  <c r="C6631" i="26"/>
  <c r="Q6639" i="10"/>
  <c r="D6631" i="26" s="1"/>
  <c r="C6375" i="26"/>
  <c r="Q6383" i="10"/>
  <c r="D6375" i="26" s="1"/>
  <c r="C6119" i="26"/>
  <c r="Q6127" i="10"/>
  <c r="D6119" i="26" s="1"/>
  <c r="C5863" i="26"/>
  <c r="Q5871" i="10"/>
  <c r="D5863" i="26" s="1"/>
  <c r="C7262" i="26"/>
  <c r="Q7270" i="10"/>
  <c r="D7262" i="26" s="1"/>
  <c r="C7006" i="26"/>
  <c r="Q7014" i="10"/>
  <c r="D7006" i="26" s="1"/>
  <c r="C6750" i="26"/>
  <c r="Q6758" i="10"/>
  <c r="D6750" i="26" s="1"/>
  <c r="C6494" i="26"/>
  <c r="Q6502" i="10"/>
  <c r="D6494" i="26" s="1"/>
  <c r="C6238" i="26"/>
  <c r="Q6246" i="10"/>
  <c r="D6238" i="26" s="1"/>
  <c r="C5379" i="26"/>
  <c r="Q5387" i="10"/>
  <c r="D5379" i="26" s="1"/>
  <c r="C5123" i="26"/>
  <c r="Q5131" i="10"/>
  <c r="D5123" i="26" s="1"/>
  <c r="C4867" i="26"/>
  <c r="Q4875" i="10"/>
  <c r="D4867" i="26" s="1"/>
  <c r="C4611" i="26"/>
  <c r="Q4619" i="10"/>
  <c r="D4611" i="26" s="1"/>
  <c r="C4355" i="26"/>
  <c r="Q4363" i="10"/>
  <c r="D4355" i="26" s="1"/>
  <c r="C4099" i="26"/>
  <c r="Q4107" i="10"/>
  <c r="D4099" i="26" s="1"/>
  <c r="Q3851" i="10"/>
  <c r="D3843" i="26" s="1"/>
  <c r="C3843" i="26"/>
  <c r="Q3595" i="10"/>
  <c r="D3587" i="26" s="1"/>
  <c r="C3587" i="26"/>
  <c r="Q3339" i="10"/>
  <c r="D3331" i="26" s="1"/>
  <c r="C3331" i="26"/>
  <c r="Q3083" i="10"/>
  <c r="D3075" i="26" s="1"/>
  <c r="C3075" i="26"/>
  <c r="C5730" i="26"/>
  <c r="Q5738" i="10"/>
  <c r="D5730" i="26" s="1"/>
  <c r="C5474" i="26"/>
  <c r="Q5482" i="10"/>
  <c r="D5474" i="26" s="1"/>
  <c r="C5218" i="26"/>
  <c r="Q5226" i="10"/>
  <c r="D5218" i="26" s="1"/>
  <c r="C4962" i="26"/>
  <c r="Q4970" i="10"/>
  <c r="D4962" i="26" s="1"/>
  <c r="C4706" i="26"/>
  <c r="Q4714" i="10"/>
  <c r="D4706" i="26" s="1"/>
  <c r="C4450" i="26"/>
  <c r="Q4458" i="10"/>
  <c r="D4450" i="26" s="1"/>
  <c r="C4194" i="26"/>
  <c r="Q4202" i="10"/>
  <c r="D4194" i="26" s="1"/>
  <c r="Q3946" i="10"/>
  <c r="D3938" i="26" s="1"/>
  <c r="C3938" i="26"/>
  <c r="Q3690" i="10"/>
  <c r="D3682" i="26" s="1"/>
  <c r="C3682" i="26"/>
  <c r="Q3434" i="10"/>
  <c r="D3426" i="26" s="1"/>
  <c r="C3426" i="26"/>
  <c r="Q3178" i="10"/>
  <c r="D3170" i="26" s="1"/>
  <c r="C3170" i="26"/>
  <c r="Q2922" i="10"/>
  <c r="D2914" i="26" s="1"/>
  <c r="C2914" i="26"/>
  <c r="C5645" i="26"/>
  <c r="Q5653" i="10"/>
  <c r="D5645" i="26" s="1"/>
  <c r="C5133" i="26"/>
  <c r="Q5141" i="10"/>
  <c r="D5133" i="26" s="1"/>
  <c r="C4621" i="26"/>
  <c r="Q4629" i="10"/>
  <c r="D4621" i="26" s="1"/>
  <c r="C4109" i="26"/>
  <c r="Q4117" i="10"/>
  <c r="D4109" i="26" s="1"/>
  <c r="C3597" i="26"/>
  <c r="Q3605" i="10"/>
  <c r="D3597" i="26" s="1"/>
  <c r="C3085" i="26"/>
  <c r="Q3093" i="10"/>
  <c r="D3085" i="26" s="1"/>
  <c r="C4657" i="26"/>
  <c r="Q4665" i="10"/>
  <c r="D4657" i="26" s="1"/>
  <c r="C4401" i="26"/>
  <c r="Q4409" i="10"/>
  <c r="D4401" i="26" s="1"/>
  <c r="C4145" i="26"/>
  <c r="Q4153" i="10"/>
  <c r="D4145" i="26" s="1"/>
  <c r="Q3897" i="10"/>
  <c r="D3889" i="26" s="1"/>
  <c r="C3889" i="26"/>
  <c r="Q3641" i="10"/>
  <c r="D3633" i="26" s="1"/>
  <c r="C3633" i="26"/>
  <c r="Q3385" i="10"/>
  <c r="D3377" i="26" s="1"/>
  <c r="C3377" i="26"/>
  <c r="Q3129" i="10"/>
  <c r="D3121" i="26" s="1"/>
  <c r="C3121" i="26"/>
  <c r="Q2873" i="10"/>
  <c r="D2865" i="26" s="1"/>
  <c r="C2865" i="26"/>
  <c r="C5616" i="26"/>
  <c r="Q5624" i="10"/>
  <c r="D5616" i="26" s="1"/>
  <c r="C4752" i="26"/>
  <c r="Q4760" i="10"/>
  <c r="D4752" i="26" s="1"/>
  <c r="C4496" i="26"/>
  <c r="Q4504" i="10"/>
  <c r="D4496" i="26" s="1"/>
  <c r="C4240" i="26"/>
  <c r="Q4248" i="10"/>
  <c r="D4240" i="26" s="1"/>
  <c r="C3984" i="26"/>
  <c r="Q3992" i="10"/>
  <c r="D3984" i="26" s="1"/>
  <c r="Q3736" i="10"/>
  <c r="D3728" i="26" s="1"/>
  <c r="C3728" i="26"/>
  <c r="Q3480" i="10"/>
  <c r="D3472" i="26" s="1"/>
  <c r="C3472" i="26"/>
  <c r="Q3224" i="10"/>
  <c r="D3216" i="26" s="1"/>
  <c r="C3216" i="26"/>
  <c r="Q2968" i="10"/>
  <c r="D2960" i="26" s="1"/>
  <c r="C2960" i="26"/>
  <c r="C5695" i="26"/>
  <c r="Q5703" i="10"/>
  <c r="D5695" i="26" s="1"/>
  <c r="C5439" i="26"/>
  <c r="Q5447" i="10"/>
  <c r="D5439" i="26" s="1"/>
  <c r="C5183" i="26"/>
  <c r="Q5191" i="10"/>
  <c r="D5183" i="26" s="1"/>
  <c r="C4927" i="26"/>
  <c r="Q4935" i="10"/>
  <c r="D4927" i="26" s="1"/>
  <c r="C4671" i="26"/>
  <c r="Q4679" i="10"/>
  <c r="D4671" i="26" s="1"/>
  <c r="C4415" i="26"/>
  <c r="Q4423" i="10"/>
  <c r="D4415" i="26" s="1"/>
  <c r="C4159" i="26"/>
  <c r="Q4167" i="10"/>
  <c r="D4159" i="26" s="1"/>
  <c r="Q3911" i="10"/>
  <c r="D3903" i="26" s="1"/>
  <c r="C3903" i="26"/>
  <c r="Q3655" i="10"/>
  <c r="D3647" i="26" s="1"/>
  <c r="C3647" i="26"/>
  <c r="Q3399" i="10"/>
  <c r="D3391" i="26" s="1"/>
  <c r="C3391" i="26"/>
  <c r="Q3143" i="10"/>
  <c r="D3135" i="26" s="1"/>
  <c r="C3135" i="26"/>
  <c r="Q2887" i="10"/>
  <c r="D2879" i="26" s="1"/>
  <c r="C2879" i="26"/>
  <c r="C5350" i="26"/>
  <c r="Q5358" i="10"/>
  <c r="D5350" i="26" s="1"/>
  <c r="C5094" i="26"/>
  <c r="Q5102" i="10"/>
  <c r="D5094" i="26" s="1"/>
  <c r="C4838" i="26"/>
  <c r="Q4846" i="10"/>
  <c r="D4838" i="26" s="1"/>
  <c r="C4390" i="26"/>
  <c r="Q4398" i="10"/>
  <c r="D4390" i="26" s="1"/>
  <c r="Q3886" i="10"/>
  <c r="D3878" i="26" s="1"/>
  <c r="C3878" i="26"/>
  <c r="Q3374" i="10"/>
  <c r="D3366" i="26" s="1"/>
  <c r="C3366" i="26"/>
  <c r="Q2862" i="10"/>
  <c r="D2854" i="26" s="1"/>
  <c r="C2854" i="26"/>
  <c r="C5541" i="26"/>
  <c r="Q5549" i="10"/>
  <c r="D5541" i="26" s="1"/>
  <c r="C5029" i="26"/>
  <c r="Q5037" i="10"/>
  <c r="D5029" i="26" s="1"/>
  <c r="C4517" i="26"/>
  <c r="Q4525" i="10"/>
  <c r="D4517" i="26" s="1"/>
  <c r="C4005" i="26"/>
  <c r="Q4013" i="10"/>
  <c r="D4005" i="26" s="1"/>
  <c r="C3493" i="26"/>
  <c r="Q3501" i="10"/>
  <c r="D3493" i="26" s="1"/>
  <c r="C2981" i="26"/>
  <c r="Q2989" i="10"/>
  <c r="D2981" i="26" s="1"/>
  <c r="C5700" i="26"/>
  <c r="Q5708" i="10"/>
  <c r="D5700" i="26" s="1"/>
  <c r="C5444" i="26"/>
  <c r="Q5452" i="10"/>
  <c r="D5444" i="26" s="1"/>
  <c r="C5188" i="26"/>
  <c r="Q5196" i="10"/>
  <c r="D5188" i="26" s="1"/>
  <c r="C4932" i="26"/>
  <c r="Q4940" i="10"/>
  <c r="D4932" i="26" s="1"/>
  <c r="C4676" i="26"/>
  <c r="Q4684" i="10"/>
  <c r="D4676" i="26" s="1"/>
  <c r="C4420" i="26"/>
  <c r="Q4428" i="10"/>
  <c r="D4420" i="26" s="1"/>
  <c r="C4164" i="26"/>
  <c r="Q4172" i="10"/>
  <c r="D4164" i="26" s="1"/>
  <c r="C3908" i="26"/>
  <c r="Q3916" i="10"/>
  <c r="D3908" i="26" s="1"/>
  <c r="C3652" i="26"/>
  <c r="Q3660" i="10"/>
  <c r="D3652" i="26" s="1"/>
  <c r="C3396" i="26"/>
  <c r="Q3404" i="10"/>
  <c r="D3396" i="26" s="1"/>
  <c r="C3140" i="26"/>
  <c r="Q3148" i="10"/>
  <c r="D3140" i="26" s="1"/>
  <c r="C2884" i="26"/>
  <c r="Q2892" i="10"/>
  <c r="D2884" i="26" s="1"/>
  <c r="C7349" i="26"/>
  <c r="Q7357" i="10"/>
  <c r="D7349" i="26" s="1"/>
  <c r="C6837" i="26"/>
  <c r="Q6845" i="10"/>
  <c r="D6837" i="26" s="1"/>
  <c r="C6325" i="26"/>
  <c r="Q6333" i="10"/>
  <c r="D6325" i="26" s="1"/>
  <c r="Q7380" i="10"/>
  <c r="D7372" i="26" s="1"/>
  <c r="C7372" i="26"/>
  <c r="C7116" i="26"/>
  <c r="Q7124" i="10"/>
  <c r="D7116" i="26" s="1"/>
  <c r="C6860" i="26"/>
  <c r="Q6868" i="10"/>
  <c r="D6860" i="26" s="1"/>
  <c r="C6604" i="26"/>
  <c r="Q6612" i="10"/>
  <c r="D6604" i="26" s="1"/>
  <c r="C6348" i="26"/>
  <c r="Q6356" i="10"/>
  <c r="D6348" i="26" s="1"/>
  <c r="C6092" i="26"/>
  <c r="Q6100" i="10"/>
  <c r="D6092" i="26" s="1"/>
  <c r="C7267" i="26"/>
  <c r="Q7275" i="10"/>
  <c r="D7267" i="26" s="1"/>
  <c r="Q7019" i="10"/>
  <c r="D7011" i="26" s="1"/>
  <c r="C7011" i="26"/>
  <c r="Q6763" i="10"/>
  <c r="D6755" i="26" s="1"/>
  <c r="C6755" i="26"/>
  <c r="Q6507" i="10"/>
  <c r="D6499" i="26" s="1"/>
  <c r="C6499" i="26"/>
  <c r="Q6251" i="10"/>
  <c r="D6243" i="26" s="1"/>
  <c r="C6243" i="26"/>
  <c r="Q5739" i="10"/>
  <c r="D5731" i="26" s="1"/>
  <c r="C5731" i="26"/>
  <c r="Q5483" i="10"/>
  <c r="D5475" i="26" s="1"/>
  <c r="C5475" i="26"/>
  <c r="C7274" i="26"/>
  <c r="Q7282" i="10"/>
  <c r="D7274" i="26" s="1"/>
  <c r="C7018" i="26"/>
  <c r="Q7026" i="10"/>
  <c r="D7018" i="26" s="1"/>
  <c r="C6762" i="26"/>
  <c r="Q6770" i="10"/>
  <c r="D6762" i="26" s="1"/>
  <c r="C6506" i="26"/>
  <c r="Q6514" i="10"/>
  <c r="D6506" i="26" s="1"/>
  <c r="C6250" i="26"/>
  <c r="Q6258" i="10"/>
  <c r="D6250" i="26" s="1"/>
  <c r="C7425" i="26"/>
  <c r="Q7433" i="10"/>
  <c r="D7425" i="26" s="1"/>
  <c r="C7169" i="26"/>
  <c r="Q7177" i="10"/>
  <c r="D7169" i="26" s="1"/>
  <c r="C6913" i="26"/>
  <c r="Q6921" i="10"/>
  <c r="D6913" i="26" s="1"/>
  <c r="C6657" i="26"/>
  <c r="Q6665" i="10"/>
  <c r="D6657" i="26" s="1"/>
  <c r="C6401" i="26"/>
  <c r="Q6409" i="10"/>
  <c r="D6401" i="26" s="1"/>
  <c r="C6145" i="26"/>
  <c r="Q6153" i="10"/>
  <c r="D6145" i="26" s="1"/>
  <c r="C5665" i="26"/>
  <c r="Q5673" i="10"/>
  <c r="D5665" i="26" s="1"/>
  <c r="C5409" i="26"/>
  <c r="Q5417" i="10"/>
  <c r="D5409" i="26" s="1"/>
  <c r="C5153" i="26"/>
  <c r="Q5161" i="10"/>
  <c r="D5153" i="26" s="1"/>
  <c r="C4897" i="26"/>
  <c r="Q4905" i="10"/>
  <c r="D4897" i="26" s="1"/>
  <c r="C7208" i="26"/>
  <c r="Q7216" i="10"/>
  <c r="D7208" i="26" s="1"/>
  <c r="C6952" i="26"/>
  <c r="Q6960" i="10"/>
  <c r="D6952" i="26" s="1"/>
  <c r="C6696" i="26"/>
  <c r="Q6704" i="10"/>
  <c r="D6696" i="26" s="1"/>
  <c r="C6440" i="26"/>
  <c r="Q6448" i="10"/>
  <c r="D6440" i="26" s="1"/>
  <c r="C6184" i="26"/>
  <c r="Q6192" i="10"/>
  <c r="D6184" i="26" s="1"/>
  <c r="C5928" i="26"/>
  <c r="Q5936" i="10"/>
  <c r="D5928" i="26" s="1"/>
  <c r="C7295" i="26"/>
  <c r="Q7303" i="10"/>
  <c r="D7295" i="26" s="1"/>
  <c r="C7039" i="26"/>
  <c r="Q7047" i="10"/>
  <c r="D7039" i="26" s="1"/>
  <c r="C6783" i="26"/>
  <c r="Q6791" i="10"/>
  <c r="D6783" i="26" s="1"/>
  <c r="C6527" i="26"/>
  <c r="Q6535" i="10"/>
  <c r="D6527" i="26" s="1"/>
  <c r="C6271" i="26"/>
  <c r="Q6279" i="10"/>
  <c r="D6271" i="26" s="1"/>
  <c r="C6015" i="26"/>
  <c r="Q6023" i="10"/>
  <c r="D6015" i="26" s="1"/>
  <c r="C7414" i="26"/>
  <c r="Q7422" i="10"/>
  <c r="D7414" i="26" s="1"/>
  <c r="C7158" i="26"/>
  <c r="Q7166" i="10"/>
  <c r="D7158" i="26" s="1"/>
  <c r="C6902" i="26"/>
  <c r="Q6910" i="10"/>
  <c r="D6902" i="26" s="1"/>
  <c r="C6646" i="26"/>
  <c r="Q6654" i="10"/>
  <c r="D6646" i="26" s="1"/>
  <c r="C6390" i="26"/>
  <c r="Q6398" i="10"/>
  <c r="D6390" i="26" s="1"/>
  <c r="C6134" i="26"/>
  <c r="Q6142" i="10"/>
  <c r="D6134" i="26" s="1"/>
  <c r="C5275" i="26"/>
  <c r="Q5283" i="10"/>
  <c r="D5275" i="26" s="1"/>
  <c r="C5019" i="26"/>
  <c r="Q5027" i="10"/>
  <c r="D5019" i="26" s="1"/>
  <c r="C4763" i="26"/>
  <c r="Q4771" i="10"/>
  <c r="D4763" i="26" s="1"/>
  <c r="C4507" i="26"/>
  <c r="Q4515" i="10"/>
  <c r="D4507" i="26" s="1"/>
  <c r="C4251" i="26"/>
  <c r="Q4259" i="10"/>
  <c r="D4251" i="26" s="1"/>
  <c r="C3995" i="26"/>
  <c r="Q4003" i="10"/>
  <c r="D3995" i="26" s="1"/>
  <c r="Q3747" i="10"/>
  <c r="D3739" i="26" s="1"/>
  <c r="C3739" i="26"/>
  <c r="Q3491" i="10"/>
  <c r="D3483" i="26" s="1"/>
  <c r="C3483" i="26"/>
  <c r="Q3235" i="10"/>
  <c r="D3227" i="26" s="1"/>
  <c r="C3227" i="26"/>
  <c r="Q2979" i="10"/>
  <c r="D2971" i="26" s="1"/>
  <c r="C2971" i="26"/>
  <c r="C5658" i="26"/>
  <c r="Q5666" i="10"/>
  <c r="D5658" i="26" s="1"/>
  <c r="C5402" i="26"/>
  <c r="Q5410" i="10"/>
  <c r="D5402" i="26" s="1"/>
  <c r="C5146" i="26"/>
  <c r="Q5154" i="10"/>
  <c r="D5146" i="26" s="1"/>
  <c r="C4890" i="26"/>
  <c r="Q4898" i="10"/>
  <c r="D4890" i="26" s="1"/>
  <c r="C4634" i="26"/>
  <c r="Q4642" i="10"/>
  <c r="D4634" i="26" s="1"/>
  <c r="C4378" i="26"/>
  <c r="Q4386" i="10"/>
  <c r="D4378" i="26" s="1"/>
  <c r="C4122" i="26"/>
  <c r="Q4130" i="10"/>
  <c r="D4122" i="26" s="1"/>
  <c r="Q3874" i="10"/>
  <c r="D3866" i="26" s="1"/>
  <c r="C3866" i="26"/>
  <c r="Q3618" i="10"/>
  <c r="D3610" i="26" s="1"/>
  <c r="C3610" i="26"/>
  <c r="Q3362" i="10"/>
  <c r="D3354" i="26" s="1"/>
  <c r="C3354" i="26"/>
  <c r="Q3106" i="10"/>
  <c r="D3098" i="26" s="1"/>
  <c r="C3098" i="26"/>
  <c r="Q2850" i="10"/>
  <c r="D2842" i="26" s="1"/>
  <c r="C2842" i="26"/>
  <c r="C5637" i="26"/>
  <c r="Q5645" i="10"/>
  <c r="D5637" i="26" s="1"/>
  <c r="C5125" i="26"/>
  <c r="Q5133" i="10"/>
  <c r="D5125" i="26" s="1"/>
  <c r="C4613" i="26"/>
  <c r="Q4621" i="10"/>
  <c r="D4613" i="26" s="1"/>
  <c r="C4101" i="26"/>
  <c r="Q4109" i="10"/>
  <c r="D4101" i="26" s="1"/>
  <c r="C3589" i="26"/>
  <c r="Q3597" i="10"/>
  <c r="D3589" i="26" s="1"/>
  <c r="C3077" i="26"/>
  <c r="Q3085" i="10"/>
  <c r="D3077" i="26" s="1"/>
  <c r="C5653" i="26"/>
  <c r="Q5661" i="10"/>
  <c r="D5653" i="26" s="1"/>
  <c r="C7317" i="26"/>
  <c r="Q7325" i="10"/>
  <c r="D7317" i="26" s="1"/>
  <c r="C6805" i="26"/>
  <c r="Q6813" i="10"/>
  <c r="D6805" i="26" s="1"/>
  <c r="C6293" i="26"/>
  <c r="Q6301" i="10"/>
  <c r="D6293" i="26" s="1"/>
  <c r="C4649" i="26"/>
  <c r="Q4657" i="10"/>
  <c r="D4649" i="26" s="1"/>
  <c r="C4393" i="26"/>
  <c r="Q4401" i="10"/>
  <c r="D4393" i="26" s="1"/>
  <c r="C4137" i="26"/>
  <c r="Q4145" i="10"/>
  <c r="D4137" i="26" s="1"/>
  <c r="Q3889" i="10"/>
  <c r="D3881" i="26" s="1"/>
  <c r="C3881" i="26"/>
  <c r="Q3633" i="10"/>
  <c r="D3625" i="26" s="1"/>
  <c r="C3625" i="26"/>
  <c r="Q3377" i="10"/>
  <c r="D3369" i="26" s="1"/>
  <c r="C3369" i="26"/>
  <c r="Q3121" i="10"/>
  <c r="D3113" i="26" s="1"/>
  <c r="C3113" i="26"/>
  <c r="Q2865" i="10"/>
  <c r="D2857" i="26" s="1"/>
  <c r="C2857" i="26"/>
  <c r="C5608" i="26"/>
  <c r="Q5616" i="10"/>
  <c r="D5608" i="26" s="1"/>
  <c r="C5352" i="26"/>
  <c r="Q5360" i="10"/>
  <c r="D5352" i="26" s="1"/>
  <c r="C5096" i="26"/>
  <c r="Q5104" i="10"/>
  <c r="D5096" i="26" s="1"/>
  <c r="C4840" i="26"/>
  <c r="Q4848" i="10"/>
  <c r="D4840" i="26" s="1"/>
  <c r="C4584" i="26"/>
  <c r="Q4592" i="10"/>
  <c r="D4584" i="26" s="1"/>
  <c r="C4328" i="26"/>
  <c r="Q4336" i="10"/>
  <c r="D4328" i="26" s="1"/>
  <c r="C4072" i="26"/>
  <c r="Q4080" i="10"/>
  <c r="D4072" i="26" s="1"/>
  <c r="Q3824" i="10"/>
  <c r="D3816" i="26" s="1"/>
  <c r="C3816" i="26"/>
  <c r="Q3568" i="10"/>
  <c r="D3560" i="26" s="1"/>
  <c r="C3560" i="26"/>
  <c r="Q3312" i="10"/>
  <c r="D3304" i="26" s="1"/>
  <c r="C3304" i="26"/>
  <c r="Q3056" i="10"/>
  <c r="D3048" i="26" s="1"/>
  <c r="C3048" i="26"/>
  <c r="C5783" i="26"/>
  <c r="Q5791" i="10"/>
  <c r="D5783" i="26" s="1"/>
  <c r="C5527" i="26"/>
  <c r="Q5535" i="10"/>
  <c r="D5527" i="26" s="1"/>
  <c r="C5271" i="26"/>
  <c r="Q5279" i="10"/>
  <c r="D5271" i="26" s="1"/>
  <c r="C5015" i="26"/>
  <c r="Q5023" i="10"/>
  <c r="D5015" i="26" s="1"/>
  <c r="C4759" i="26"/>
  <c r="Q4767" i="10"/>
  <c r="D4759" i="26" s="1"/>
  <c r="C4503" i="26"/>
  <c r="Q4511" i="10"/>
  <c r="D4503" i="26" s="1"/>
  <c r="C4247" i="26"/>
  <c r="Q4255" i="10"/>
  <c r="D4247" i="26" s="1"/>
  <c r="C3991" i="26"/>
  <c r="Q3999" i="10"/>
  <c r="D3991" i="26" s="1"/>
  <c r="Q3743" i="10"/>
  <c r="D3735" i="26" s="1"/>
  <c r="C3735" i="26"/>
  <c r="Q3487" i="10"/>
  <c r="D3479" i="26" s="1"/>
  <c r="C3479" i="26"/>
  <c r="Q3231" i="10"/>
  <c r="D3223" i="26" s="1"/>
  <c r="C3223" i="26"/>
  <c r="Q2975" i="10"/>
  <c r="D2967" i="26" s="1"/>
  <c r="C2967" i="26"/>
  <c r="C5662" i="26"/>
  <c r="Q5670" i="10"/>
  <c r="D5662" i="26" s="1"/>
  <c r="C5406" i="26"/>
  <c r="Q5414" i="10"/>
  <c r="D5406" i="26" s="1"/>
  <c r="C5150" i="26"/>
  <c r="Q5158" i="10"/>
  <c r="D5150" i="26" s="1"/>
  <c r="C4894" i="26"/>
  <c r="Q4902" i="10"/>
  <c r="D4894" i="26" s="1"/>
  <c r="C4510" i="26"/>
  <c r="Q4518" i="10"/>
  <c r="D4510" i="26" s="1"/>
  <c r="C3998" i="26"/>
  <c r="Q4006" i="10"/>
  <c r="D3998" i="26" s="1"/>
  <c r="Q3494" i="10"/>
  <c r="D3486" i="26" s="1"/>
  <c r="C3486" i="26"/>
  <c r="Q2982" i="10"/>
  <c r="D2974" i="26" s="1"/>
  <c r="C2974" i="26"/>
  <c r="C5725" i="26"/>
  <c r="Q5733" i="10"/>
  <c r="D5725" i="26" s="1"/>
  <c r="C5469" i="26"/>
  <c r="Q5477" i="10"/>
  <c r="D5469" i="26" s="1"/>
  <c r="C5213" i="26"/>
  <c r="Q5221" i="10"/>
  <c r="D5213" i="26" s="1"/>
  <c r="C4957" i="26"/>
  <c r="Q4965" i="10"/>
  <c r="D4957" i="26" s="1"/>
  <c r="C4701" i="26"/>
  <c r="Q4709" i="10"/>
  <c r="D4701" i="26" s="1"/>
  <c r="C4445" i="26"/>
  <c r="Q4453" i="10"/>
  <c r="D4445" i="26" s="1"/>
  <c r="C4189" i="26"/>
  <c r="Q4197" i="10"/>
  <c r="D4189" i="26" s="1"/>
  <c r="C3933" i="26"/>
  <c r="Q3941" i="10"/>
  <c r="D3933" i="26" s="1"/>
  <c r="C3677" i="26"/>
  <c r="Q3685" i="10"/>
  <c r="D3677" i="26" s="1"/>
  <c r="C3421" i="26"/>
  <c r="Q3429" i="10"/>
  <c r="D3421" i="26" s="1"/>
  <c r="C3165" i="26"/>
  <c r="Q3173" i="10"/>
  <c r="D3165" i="26" s="1"/>
  <c r="C2909" i="26"/>
  <c r="Q2917" i="10"/>
  <c r="D2909" i="26" s="1"/>
  <c r="C5596" i="26"/>
  <c r="Q5604" i="10"/>
  <c r="D5596" i="26" s="1"/>
  <c r="C5340" i="26"/>
  <c r="Q5348" i="10"/>
  <c r="D5340" i="26" s="1"/>
  <c r="C5084" i="26"/>
  <c r="Q5092" i="10"/>
  <c r="D5084" i="26" s="1"/>
  <c r="C4828" i="26"/>
  <c r="Q4836" i="10"/>
  <c r="D4828" i="26" s="1"/>
  <c r="C4572" i="26"/>
  <c r="Q4580" i="10"/>
  <c r="D4572" i="26" s="1"/>
  <c r="C4316" i="26"/>
  <c r="Q4324" i="10"/>
  <c r="D4316" i="26" s="1"/>
  <c r="C4060" i="26"/>
  <c r="Q4068" i="10"/>
  <c r="D4060" i="26" s="1"/>
  <c r="C3804" i="26"/>
  <c r="Q3812" i="10"/>
  <c r="D3804" i="26" s="1"/>
  <c r="C3548" i="26"/>
  <c r="Q3556" i="10"/>
  <c r="D3548" i="26" s="1"/>
  <c r="C3292" i="26"/>
  <c r="Q3300" i="10"/>
  <c r="D3292" i="26" s="1"/>
  <c r="C3036" i="26"/>
  <c r="Q3044" i="10"/>
  <c r="D3036" i="26" s="1"/>
  <c r="C5077" i="26"/>
  <c r="Q5085" i="10"/>
  <c r="D5077" i="26" s="1"/>
  <c r="C7021" i="26"/>
  <c r="Q7029" i="10"/>
  <c r="D7021" i="26" s="1"/>
  <c r="C6509" i="26"/>
  <c r="Q6517" i="10"/>
  <c r="D6509" i="26" s="1"/>
  <c r="C7428" i="26"/>
  <c r="Q7436" i="10"/>
  <c r="D7428" i="26" s="1"/>
  <c r="C7172" i="26"/>
  <c r="Q7180" i="10"/>
  <c r="D7172" i="26" s="1"/>
  <c r="C6916" i="26"/>
  <c r="Q6924" i="10"/>
  <c r="D6916" i="26" s="1"/>
  <c r="C6660" i="26"/>
  <c r="Q6668" i="10"/>
  <c r="D6660" i="26" s="1"/>
  <c r="C6404" i="26"/>
  <c r="Q6412" i="10"/>
  <c r="D6404" i="26" s="1"/>
  <c r="C6148" i="26"/>
  <c r="Q6156" i="10"/>
  <c r="D6148" i="26" s="1"/>
  <c r="C7355" i="26"/>
  <c r="Q7363" i="10"/>
  <c r="D7355" i="26" s="1"/>
  <c r="Q7107" i="10"/>
  <c r="D7099" i="26" s="1"/>
  <c r="C7099" i="26"/>
  <c r="Q6851" i="10"/>
  <c r="D6843" i="26" s="1"/>
  <c r="C6843" i="26"/>
  <c r="Q6595" i="10"/>
  <c r="D6587" i="26" s="1"/>
  <c r="C6587" i="26"/>
  <c r="Q6339" i="10"/>
  <c r="D6331" i="26" s="1"/>
  <c r="C6331" i="26"/>
  <c r="Q6083" i="10"/>
  <c r="D6075" i="26" s="1"/>
  <c r="C6075" i="26"/>
  <c r="C5595" i="26"/>
  <c r="Q5603" i="10"/>
  <c r="D5595" i="26" s="1"/>
  <c r="C7394" i="26"/>
  <c r="Q7402" i="10"/>
  <c r="D7394" i="26" s="1"/>
  <c r="C7138" i="26"/>
  <c r="Q7146" i="10"/>
  <c r="D7138" i="26" s="1"/>
  <c r="C6882" i="26"/>
  <c r="Q6890" i="10"/>
  <c r="D6882" i="26" s="1"/>
  <c r="C6626" i="26"/>
  <c r="Q6634" i="10"/>
  <c r="D6626" i="26" s="1"/>
  <c r="C6370" i="26"/>
  <c r="Q6378" i="10"/>
  <c r="D6370" i="26" s="1"/>
  <c r="C6114" i="26"/>
  <c r="Q6122" i="10"/>
  <c r="D6114" i="26" s="1"/>
  <c r="C7321" i="26"/>
  <c r="Q7329" i="10"/>
  <c r="D7321" i="26" s="1"/>
  <c r="C7065" i="26"/>
  <c r="Q7073" i="10"/>
  <c r="D7065" i="26" s="1"/>
  <c r="C6809" i="26"/>
  <c r="Q6817" i="10"/>
  <c r="D6809" i="26" s="1"/>
  <c r="C6553" i="26"/>
  <c r="Q6561" i="10"/>
  <c r="D6553" i="26" s="1"/>
  <c r="C6297" i="26"/>
  <c r="Q6305" i="10"/>
  <c r="D6297" i="26" s="1"/>
  <c r="C6041" i="26"/>
  <c r="Q6049" i="10"/>
  <c r="D6041" i="26" s="1"/>
  <c r="C5561" i="26"/>
  <c r="Q5569" i="10"/>
  <c r="D5561" i="26" s="1"/>
  <c r="C5305" i="26"/>
  <c r="Q5313" i="10"/>
  <c r="D5305" i="26" s="1"/>
  <c r="C5049" i="26"/>
  <c r="Q5057" i="10"/>
  <c r="D5049" i="26" s="1"/>
  <c r="C7360" i="26"/>
  <c r="Q7368" i="10"/>
  <c r="D7360" i="26" s="1"/>
  <c r="C7104" i="26"/>
  <c r="Q7112" i="10"/>
  <c r="D7104" i="26" s="1"/>
  <c r="C6848" i="26"/>
  <c r="Q6856" i="10"/>
  <c r="D6848" i="26" s="1"/>
  <c r="C6592" i="26"/>
  <c r="Q6600" i="10"/>
  <c r="D6592" i="26" s="1"/>
  <c r="C6336" i="26"/>
  <c r="Q6344" i="10"/>
  <c r="D6336" i="26" s="1"/>
  <c r="C6016" i="26"/>
  <c r="Q6024" i="10"/>
  <c r="D6016" i="26" s="1"/>
  <c r="C7319" i="26"/>
  <c r="Q7327" i="10"/>
  <c r="D7319" i="26" s="1"/>
  <c r="C6967" i="26"/>
  <c r="Q6975" i="10"/>
  <c r="D6967" i="26" s="1"/>
  <c r="C6615" i="26"/>
  <c r="Q6623" i="10"/>
  <c r="D6615" i="26" s="1"/>
  <c r="C6295" i="26"/>
  <c r="Q6303" i="10"/>
  <c r="D6295" i="26" s="1"/>
  <c r="C5943" i="26"/>
  <c r="Q5951" i="10"/>
  <c r="D5943" i="26" s="1"/>
  <c r="C7246" i="26"/>
  <c r="Q7254" i="10"/>
  <c r="D7246" i="26" s="1"/>
  <c r="C6926" i="26"/>
  <c r="Q6934" i="10"/>
  <c r="D6926" i="26" s="1"/>
  <c r="C6574" i="26"/>
  <c r="Q6582" i="10"/>
  <c r="D6574" i="26" s="1"/>
  <c r="C6222" i="26"/>
  <c r="Q6230" i="10"/>
  <c r="D6222" i="26" s="1"/>
  <c r="Q5307" i="10"/>
  <c r="D5299" i="26" s="1"/>
  <c r="C5299" i="26"/>
  <c r="Q4987" i="10"/>
  <c r="D4979" i="26" s="1"/>
  <c r="C4979" i="26"/>
  <c r="C4627" i="26"/>
  <c r="Q4635" i="10"/>
  <c r="D4627" i="26" s="1"/>
  <c r="Q4283" i="10"/>
  <c r="D4275" i="26" s="1"/>
  <c r="C4275" i="26"/>
  <c r="Q3963" i="10"/>
  <c r="D3955" i="26" s="1"/>
  <c r="C3955" i="26"/>
  <c r="Q3611" i="10"/>
  <c r="D3603" i="26" s="1"/>
  <c r="C3603" i="26"/>
  <c r="Q3259" i="10"/>
  <c r="D3251" i="26" s="1"/>
  <c r="C3251" i="26"/>
  <c r="Q2939" i="10"/>
  <c r="D2931" i="26" s="1"/>
  <c r="C2931" i="26"/>
  <c r="C5618" i="26"/>
  <c r="Q5626" i="10"/>
  <c r="D5618" i="26" s="1"/>
  <c r="C5266" i="26"/>
  <c r="Q5274" i="10"/>
  <c r="D5266" i="26" s="1"/>
  <c r="C4914" i="26"/>
  <c r="Q4922" i="10"/>
  <c r="D4914" i="26" s="1"/>
  <c r="C4594" i="26"/>
  <c r="Q4602" i="10"/>
  <c r="D4594" i="26" s="1"/>
  <c r="C4242" i="26"/>
  <c r="Q4250" i="10"/>
  <c r="D4242" i="26" s="1"/>
  <c r="Q3898" i="10"/>
  <c r="D3890" i="26" s="1"/>
  <c r="C3890" i="26"/>
  <c r="E3890" i="26" s="1"/>
  <c r="Q3578" i="10"/>
  <c r="D3570" i="26" s="1"/>
  <c r="C3570" i="26"/>
  <c r="Q3226" i="10"/>
  <c r="D3218" i="26" s="1"/>
  <c r="C3218" i="26"/>
  <c r="Q2874" i="10"/>
  <c r="D2866" i="26" s="1"/>
  <c r="C2866" i="26"/>
  <c r="E2866" i="26" s="1"/>
  <c r="C7245" i="26"/>
  <c r="Q7253" i="10"/>
  <c r="D7245" i="26" s="1"/>
  <c r="C6541" i="26"/>
  <c r="Q6549" i="10"/>
  <c r="D6541" i="26" s="1"/>
  <c r="C4609" i="26"/>
  <c r="Q4617" i="10"/>
  <c r="D4609" i="26" s="1"/>
  <c r="C4289" i="26"/>
  <c r="Q4297" i="10"/>
  <c r="D4289" i="26" s="1"/>
  <c r="C3937" i="26"/>
  <c r="Q3945" i="10"/>
  <c r="D3937" i="26" s="1"/>
  <c r="Q3593" i="10"/>
  <c r="D3585" i="26" s="1"/>
  <c r="C3585" i="26"/>
  <c r="Q3273" i="10"/>
  <c r="D3265" i="26" s="1"/>
  <c r="C3265" i="26"/>
  <c r="Q2921" i="10"/>
  <c r="D2913" i="26" s="1"/>
  <c r="C2913" i="26"/>
  <c r="C5632" i="26"/>
  <c r="Q5640" i="10"/>
  <c r="D5632" i="26" s="1"/>
  <c r="C5184" i="26"/>
  <c r="E5184" i="26" s="1"/>
  <c r="Q5192" i="10"/>
  <c r="D5184" i="26" s="1"/>
  <c r="C4864" i="26"/>
  <c r="Q4872" i="10"/>
  <c r="D4864" i="26" s="1"/>
  <c r="C4512" i="26"/>
  <c r="Q4520" i="10"/>
  <c r="D4512" i="26" s="1"/>
  <c r="C4160" i="26"/>
  <c r="E4160" i="26" s="1"/>
  <c r="Q4168" i="10"/>
  <c r="D4160" i="26" s="1"/>
  <c r="Q3848" i="10"/>
  <c r="D3840" i="26" s="1"/>
  <c r="C3840" i="26"/>
  <c r="Q3496" i="10"/>
  <c r="D3488" i="26" s="1"/>
  <c r="C3488" i="26"/>
  <c r="Q3144" i="10"/>
  <c r="D3136" i="26" s="1"/>
  <c r="C3136" i="26"/>
  <c r="C5327" i="26"/>
  <c r="Q5335" i="10"/>
  <c r="D5327" i="26" s="1"/>
  <c r="C4815" i="26"/>
  <c r="Q4823" i="10"/>
  <c r="D4815" i="26" s="1"/>
  <c r="C4303" i="26"/>
  <c r="Q4311" i="10"/>
  <c r="D4303" i="26" s="1"/>
  <c r="Q3799" i="10"/>
  <c r="D3791" i="26" s="1"/>
  <c r="C3791" i="26"/>
  <c r="Q3383" i="10"/>
  <c r="D3375" i="26" s="1"/>
  <c r="C3375" i="26"/>
  <c r="Q3031" i="10"/>
  <c r="D3023" i="26" s="1"/>
  <c r="C3023" i="26"/>
  <c r="C5718" i="26"/>
  <c r="Q5726" i="10"/>
  <c r="D5718" i="26" s="1"/>
  <c r="C4758" i="26"/>
  <c r="Q4766" i="10"/>
  <c r="D4758" i="26" s="1"/>
  <c r="C4438" i="26"/>
  <c r="Q4446" i="10"/>
  <c r="D4438" i="26" s="1"/>
  <c r="C4086" i="26"/>
  <c r="Q4094" i="10"/>
  <c r="D4086" i="26" s="1"/>
  <c r="Q3742" i="10"/>
  <c r="D3734" i="26" s="1"/>
  <c r="C3734" i="26"/>
  <c r="Q3422" i="10"/>
  <c r="D3414" i="26" s="1"/>
  <c r="C3414" i="26"/>
  <c r="Q3070" i="10"/>
  <c r="D3062" i="26" s="1"/>
  <c r="C3062" i="26"/>
  <c r="C5749" i="26"/>
  <c r="Q5757" i="10"/>
  <c r="D5749" i="26" s="1"/>
  <c r="C5045" i="26"/>
  <c r="Q5053" i="10"/>
  <c r="D5045" i="26" s="1"/>
  <c r="C4341" i="26"/>
  <c r="Q4349" i="10"/>
  <c r="D4341" i="26" s="1"/>
  <c r="C3701" i="26"/>
  <c r="Q3709" i="10"/>
  <c r="D3701" i="26" s="1"/>
  <c r="C2997" i="26"/>
  <c r="Q3005" i="10"/>
  <c r="D2997" i="26" s="1"/>
  <c r="C5524" i="26"/>
  <c r="Q5532" i="10"/>
  <c r="D5524" i="26" s="1"/>
  <c r="C5204" i="26"/>
  <c r="Q5212" i="10"/>
  <c r="D5204" i="26" s="1"/>
  <c r="C4852" i="26"/>
  <c r="Q4860" i="10"/>
  <c r="D4852" i="26" s="1"/>
  <c r="C4500" i="26"/>
  <c r="Q4508" i="10"/>
  <c r="D4500" i="26" s="1"/>
  <c r="C4180" i="26"/>
  <c r="Q4188" i="10"/>
  <c r="D4180" i="26" s="1"/>
  <c r="C3828" i="26"/>
  <c r="Q3836" i="10"/>
  <c r="D3828" i="26" s="1"/>
  <c r="C3476" i="26"/>
  <c r="Q3484" i="10"/>
  <c r="D3476" i="26" s="1"/>
  <c r="C3156" i="26"/>
  <c r="Q3164" i="10"/>
  <c r="D3156" i="26" s="1"/>
  <c r="C6821" i="26"/>
  <c r="Q6829" i="10"/>
  <c r="D6821" i="26" s="1"/>
  <c r="C6181" i="26"/>
  <c r="Q6189" i="10"/>
  <c r="D6181" i="26" s="1"/>
  <c r="C7164" i="26"/>
  <c r="Q7172" i="10"/>
  <c r="D7164" i="26" s="1"/>
  <c r="C6844" i="26"/>
  <c r="Q6852" i="10"/>
  <c r="D6844" i="26" s="1"/>
  <c r="C6492" i="26"/>
  <c r="Q6500" i="10"/>
  <c r="D6492" i="26" s="1"/>
  <c r="C6140" i="26"/>
  <c r="Q6148" i="10"/>
  <c r="D6140" i="26" s="1"/>
  <c r="Q7259" i="10"/>
  <c r="D7251" i="26" s="1"/>
  <c r="C7251" i="26"/>
  <c r="Q6907" i="10"/>
  <c r="D6899" i="26" s="1"/>
  <c r="C6899" i="26"/>
  <c r="Q6587" i="10"/>
  <c r="D6579" i="26" s="1"/>
  <c r="C6579" i="26"/>
  <c r="C6227" i="26"/>
  <c r="Q6235" i="10"/>
  <c r="D6227" i="26" s="1"/>
  <c r="Q5627" i="10"/>
  <c r="D5619" i="26" s="1"/>
  <c r="C5619" i="26"/>
  <c r="C7354" i="26"/>
  <c r="Q7362" i="10"/>
  <c r="D7354" i="26" s="1"/>
  <c r="C7002" i="26"/>
  <c r="Q7010" i="10"/>
  <c r="D7002" i="26" s="1"/>
  <c r="C6650" i="26"/>
  <c r="Q6658" i="10"/>
  <c r="D6650" i="26" s="1"/>
  <c r="C6330" i="26"/>
  <c r="Q6338" i="10"/>
  <c r="D6330" i="26" s="1"/>
  <c r="C7441" i="26"/>
  <c r="Q7449" i="10"/>
  <c r="D7441" i="26" s="1"/>
  <c r="C7121" i="26"/>
  <c r="Q7129" i="10"/>
  <c r="D7121" i="26" s="1"/>
  <c r="C6769" i="26"/>
  <c r="Q6777" i="10"/>
  <c r="D6769" i="26" s="1"/>
  <c r="C6417" i="26"/>
  <c r="Q6425" i="10"/>
  <c r="D6417" i="26" s="1"/>
  <c r="C6097" i="26"/>
  <c r="Q6105" i="10"/>
  <c r="D6097" i="26" s="1"/>
  <c r="C5489" i="26"/>
  <c r="Q5497" i="10"/>
  <c r="D5489" i="26" s="1"/>
  <c r="C5137" i="26"/>
  <c r="Q5145" i="10"/>
  <c r="D5137" i="26" s="1"/>
  <c r="C7384" i="26"/>
  <c r="Q7392" i="10"/>
  <c r="D7384" i="26" s="1"/>
  <c r="C7032" i="26"/>
  <c r="Q7040" i="10"/>
  <c r="D7032" i="26" s="1"/>
  <c r="C6680" i="26"/>
  <c r="Q6688" i="10"/>
  <c r="D6680" i="26" s="1"/>
  <c r="C6360" i="26"/>
  <c r="Q6368" i="10"/>
  <c r="D6360" i="26" s="1"/>
  <c r="C6008" i="26"/>
  <c r="Q6016" i="10"/>
  <c r="D6008" i="26" s="1"/>
  <c r="C7279" i="26"/>
  <c r="Q7287" i="10"/>
  <c r="D7279" i="26" s="1"/>
  <c r="C6959" i="26"/>
  <c r="Q6967" i="10"/>
  <c r="D6959" i="26" s="1"/>
  <c r="C6607" i="26"/>
  <c r="Q6615" i="10"/>
  <c r="D6607" i="26" s="1"/>
  <c r="C6255" i="26"/>
  <c r="Q6263" i="10"/>
  <c r="D6255" i="26" s="1"/>
  <c r="C5935" i="26"/>
  <c r="Q5943" i="10"/>
  <c r="D5935" i="26" s="1"/>
  <c r="C7238" i="26"/>
  <c r="Q7246" i="10"/>
  <c r="D7238" i="26" s="1"/>
  <c r="C6886" i="26"/>
  <c r="Q6894" i="10"/>
  <c r="D6886" i="26" s="1"/>
  <c r="C6566" i="26"/>
  <c r="Q6574" i="10"/>
  <c r="D6566" i="26" s="1"/>
  <c r="C6214" i="26"/>
  <c r="Q6222" i="10"/>
  <c r="D6214" i="26" s="1"/>
  <c r="C5259" i="26"/>
  <c r="Q5267" i="10"/>
  <c r="D5259" i="26" s="1"/>
  <c r="Q4915" i="10"/>
  <c r="D4907" i="26" s="1"/>
  <c r="C4907" i="26"/>
  <c r="C4555" i="26"/>
  <c r="Q4563" i="10"/>
  <c r="D4555" i="26" s="1"/>
  <c r="C4235" i="26"/>
  <c r="Q4243" i="10"/>
  <c r="D4235" i="26" s="1"/>
  <c r="Q3891" i="10"/>
  <c r="D3883" i="26" s="1"/>
  <c r="C3883" i="26"/>
  <c r="Q3539" i="10"/>
  <c r="D3531" i="26" s="1"/>
  <c r="C3531" i="26"/>
  <c r="Q3219" i="10"/>
  <c r="D3211" i="26" s="1"/>
  <c r="C3211" i="26"/>
  <c r="Q2867" i="10"/>
  <c r="D2859" i="26" s="1"/>
  <c r="C2859" i="26"/>
  <c r="C5546" i="26"/>
  <c r="Q5554" i="10"/>
  <c r="D5546" i="26" s="1"/>
  <c r="C5194" i="26"/>
  <c r="Q5202" i="10"/>
  <c r="D5194" i="26" s="1"/>
  <c r="C4874" i="26"/>
  <c r="Q4882" i="10"/>
  <c r="D4874" i="26" s="1"/>
  <c r="C4522" i="26"/>
  <c r="Q4530" i="10"/>
  <c r="D4522" i="26" s="1"/>
  <c r="C4170" i="26"/>
  <c r="Q4178" i="10"/>
  <c r="D4170" i="26" s="1"/>
  <c r="Q3858" i="10"/>
  <c r="D3850" i="26" s="1"/>
  <c r="C3850" i="26"/>
  <c r="Q3506" i="10"/>
  <c r="D3498" i="26" s="1"/>
  <c r="C3498" i="26"/>
  <c r="Q3154" i="10"/>
  <c r="D3146" i="26" s="1"/>
  <c r="C3146" i="26"/>
  <c r="C3797" i="26"/>
  <c r="Q3805" i="10"/>
  <c r="D3797" i="26" s="1"/>
  <c r="C7173" i="26"/>
  <c r="Q7181" i="10"/>
  <c r="D7173" i="26" s="1"/>
  <c r="C6469" i="26"/>
  <c r="Q6477" i="10"/>
  <c r="D6469" i="26" s="1"/>
  <c r="C4537" i="26"/>
  <c r="Q4545" i="10"/>
  <c r="D4537" i="26" s="1"/>
  <c r="C4217" i="26"/>
  <c r="Q4225" i="10"/>
  <c r="D4217" i="26" s="1"/>
  <c r="Q3873" i="10"/>
  <c r="D3865" i="26" s="1"/>
  <c r="C3865" i="26"/>
  <c r="Q3521" i="10"/>
  <c r="D3513" i="26" s="1"/>
  <c r="C3513" i="26"/>
  <c r="Q3201" i="10"/>
  <c r="D3193" i="26" s="1"/>
  <c r="C3193" i="26"/>
  <c r="Q2849" i="10"/>
  <c r="D2841" i="26" s="1"/>
  <c r="C2841" i="26"/>
  <c r="C5592" i="26"/>
  <c r="Q5600" i="10"/>
  <c r="D5592" i="26" s="1"/>
  <c r="C5240" i="26"/>
  <c r="Q5248" i="10"/>
  <c r="D5240" i="26" s="1"/>
  <c r="C4920" i="26"/>
  <c r="Q4928" i="10"/>
  <c r="D4920" i="26" s="1"/>
  <c r="C4568" i="26"/>
  <c r="Q4576" i="10"/>
  <c r="D4568" i="26" s="1"/>
  <c r="C4216" i="26"/>
  <c r="Q4224" i="10"/>
  <c r="D4216" i="26" s="1"/>
  <c r="Q3904" i="10"/>
  <c r="D3896" i="26" s="1"/>
  <c r="C3896" i="26"/>
  <c r="Q3552" i="10"/>
  <c r="D3544" i="26" s="1"/>
  <c r="C3544" i="26"/>
  <c r="Q3200" i="10"/>
  <c r="D3192" i="26" s="1"/>
  <c r="C3192" i="26"/>
  <c r="Q2880" i="10"/>
  <c r="D2872" i="26" s="1"/>
  <c r="C2872" i="26"/>
  <c r="C5607" i="26"/>
  <c r="Q5615" i="10"/>
  <c r="D5607" i="26" s="1"/>
  <c r="C5255" i="26"/>
  <c r="Q5263" i="10"/>
  <c r="D5255" i="26" s="1"/>
  <c r="C4903" i="26"/>
  <c r="Q4911" i="10"/>
  <c r="D4903" i="26" s="1"/>
  <c r="C4583" i="26"/>
  <c r="Q4591" i="10"/>
  <c r="D4583" i="26" s="1"/>
  <c r="C4231" i="26"/>
  <c r="Q4239" i="10"/>
  <c r="D4231" i="26" s="1"/>
  <c r="Q3887" i="10"/>
  <c r="D3879" i="26" s="1"/>
  <c r="C3879" i="26"/>
  <c r="E3879" i="26" s="1"/>
  <c r="Q3567" i="10"/>
  <c r="D3559" i="26" s="1"/>
  <c r="C3559" i="26"/>
  <c r="Q3215" i="10"/>
  <c r="D3207" i="26" s="1"/>
  <c r="C3207" i="26"/>
  <c r="Q2863" i="10"/>
  <c r="D2855" i="26" s="1"/>
  <c r="C2855" i="26"/>
  <c r="E2855" i="26" s="1"/>
  <c r="C5262" i="26"/>
  <c r="Q5270" i="10"/>
  <c r="D5262" i="26" s="1"/>
  <c r="C4910" i="26"/>
  <c r="Q4918" i="10"/>
  <c r="D4910" i="26" s="1"/>
  <c r="C4558" i="26"/>
  <c r="Q4566" i="10"/>
  <c r="D4558" i="26" s="1"/>
  <c r="C4238" i="26"/>
  <c r="Q4246" i="10"/>
  <c r="D4238" i="26" s="1"/>
  <c r="Q3894" i="10"/>
  <c r="D3886" i="26" s="1"/>
  <c r="C3886" i="26"/>
  <c r="Q3542" i="10"/>
  <c r="D3534" i="26" s="1"/>
  <c r="C3534" i="26"/>
  <c r="Q3222" i="10"/>
  <c r="D3214" i="26" s="1"/>
  <c r="C3214" i="26"/>
  <c r="Q2870" i="10"/>
  <c r="D2862" i="26" s="1"/>
  <c r="C2862" i="26"/>
  <c r="C5421" i="26"/>
  <c r="Q5429" i="10"/>
  <c r="D5421" i="26" s="1"/>
  <c r="C4461" i="26"/>
  <c r="Q4469" i="10"/>
  <c r="D4461" i="26" s="1"/>
  <c r="C3437" i="26"/>
  <c r="Q3445" i="10"/>
  <c r="D3437" i="26" s="1"/>
  <c r="C5548" i="26"/>
  <c r="Q5556" i="10"/>
  <c r="D5548" i="26" s="1"/>
  <c r="C5132" i="26"/>
  <c r="Q5140" i="10"/>
  <c r="D5132" i="26" s="1"/>
  <c r="C4620" i="26"/>
  <c r="Q4628" i="10"/>
  <c r="D4620" i="26" s="1"/>
  <c r="C4108" i="26"/>
  <c r="Q4116" i="10"/>
  <c r="D4108" i="26" s="1"/>
  <c r="C3596" i="26"/>
  <c r="Q3604" i="10"/>
  <c r="D3596" i="26" s="1"/>
  <c r="C3084" i="26"/>
  <c r="Q3092" i="10"/>
  <c r="D3084" i="26" s="1"/>
  <c r="C6013" i="26"/>
  <c r="Q6021" i="10"/>
  <c r="D6013" i="26" s="1"/>
  <c r="Q7228" i="10"/>
  <c r="D7220" i="26" s="1"/>
  <c r="C7220" i="26"/>
  <c r="C6964" i="26"/>
  <c r="Q6972" i="10"/>
  <c r="D6964" i="26" s="1"/>
  <c r="C6708" i="26"/>
  <c r="Q6716" i="10"/>
  <c r="D6708" i="26" s="1"/>
  <c r="C6452" i="26"/>
  <c r="Q6460" i="10"/>
  <c r="D6452" i="26" s="1"/>
  <c r="C6196" i="26"/>
  <c r="Q6204" i="10"/>
  <c r="D6196" i="26" s="1"/>
  <c r="Q7379" i="10"/>
  <c r="D7371" i="26" s="1"/>
  <c r="C7371" i="26"/>
  <c r="C7115" i="26"/>
  <c r="Q7123" i="10"/>
  <c r="D7115" i="26" s="1"/>
  <c r="C6859" i="26"/>
  <c r="Q6867" i="10"/>
  <c r="D6859" i="26" s="1"/>
  <c r="C6603" i="26"/>
  <c r="Q6611" i="10"/>
  <c r="D6603" i="26" s="1"/>
  <c r="C6347" i="26"/>
  <c r="Q6355" i="10"/>
  <c r="D6347" i="26" s="1"/>
  <c r="C6091" i="26"/>
  <c r="Q6099" i="10"/>
  <c r="D6091" i="26" s="1"/>
  <c r="C5579" i="26"/>
  <c r="Q5587" i="10"/>
  <c r="D5579" i="26" s="1"/>
  <c r="C7378" i="26"/>
  <c r="Q7386" i="10"/>
  <c r="D7378" i="26" s="1"/>
  <c r="C7122" i="26"/>
  <c r="Q7130" i="10"/>
  <c r="D7122" i="26" s="1"/>
  <c r="C6866" i="26"/>
  <c r="Q6874" i="10"/>
  <c r="D6866" i="26" s="1"/>
  <c r="C6610" i="26"/>
  <c r="Q6618" i="10"/>
  <c r="D6610" i="26" s="1"/>
  <c r="C6354" i="26"/>
  <c r="Q6362" i="10"/>
  <c r="D6354" i="26" s="1"/>
  <c r="C6098" i="26"/>
  <c r="Q6106" i="10"/>
  <c r="D6098" i="26" s="1"/>
  <c r="C7273" i="26"/>
  <c r="Q7281" i="10"/>
  <c r="D7273" i="26" s="1"/>
  <c r="C7017" i="26"/>
  <c r="Q7025" i="10"/>
  <c r="D7017" i="26" s="1"/>
  <c r="C6761" i="26"/>
  <c r="Q6769" i="10"/>
  <c r="D6761" i="26" s="1"/>
  <c r="C6505" i="26"/>
  <c r="Q6513" i="10"/>
  <c r="D6505" i="26" s="1"/>
  <c r="C6249" i="26"/>
  <c r="Q6257" i="10"/>
  <c r="D6249" i="26" s="1"/>
  <c r="C5737" i="26"/>
  <c r="Q5745" i="10"/>
  <c r="D5737" i="26" s="1"/>
  <c r="C5481" i="26"/>
  <c r="Q5489" i="10"/>
  <c r="D5481" i="26" s="1"/>
  <c r="C5225" i="26"/>
  <c r="Q5233" i="10"/>
  <c r="D5225" i="26" s="1"/>
  <c r="C4969" i="26"/>
  <c r="Q4977" i="10"/>
  <c r="D4969" i="26" s="1"/>
  <c r="C7280" i="26"/>
  <c r="Q7288" i="10"/>
  <c r="D7280" i="26" s="1"/>
  <c r="C7024" i="26"/>
  <c r="Q7032" i="10"/>
  <c r="D7024" i="26" s="1"/>
  <c r="C6768" i="26"/>
  <c r="Q6776" i="10"/>
  <c r="D6768" i="26" s="1"/>
  <c r="C6512" i="26"/>
  <c r="Q6520" i="10"/>
  <c r="D6512" i="26" s="1"/>
  <c r="C6256" i="26"/>
  <c r="E6256" i="26" s="1"/>
  <c r="Q6264" i="10"/>
  <c r="D6256" i="26" s="1"/>
  <c r="C6000" i="26"/>
  <c r="Q6008" i="10"/>
  <c r="D6000" i="26" s="1"/>
  <c r="C7367" i="26"/>
  <c r="Q7375" i="10"/>
  <c r="D7367" i="26" s="1"/>
  <c r="C7111" i="26"/>
  <c r="Q7119" i="10"/>
  <c r="D7111" i="26" s="1"/>
  <c r="C6855" i="26"/>
  <c r="Q6863" i="10"/>
  <c r="D6855" i="26" s="1"/>
  <c r="C6599" i="26"/>
  <c r="Q6607" i="10"/>
  <c r="D6599" i="26" s="1"/>
  <c r="C6343" i="26"/>
  <c r="Q6351" i="10"/>
  <c r="D6343" i="26" s="1"/>
  <c r="C6087" i="26"/>
  <c r="Q6095" i="10"/>
  <c r="D6087" i="26" s="1"/>
  <c r="C5831" i="26"/>
  <c r="Q5839" i="10"/>
  <c r="D5831" i="26" s="1"/>
  <c r="C7230" i="26"/>
  <c r="Q7238" i="10"/>
  <c r="D7230" i="26" s="1"/>
  <c r="C6974" i="26"/>
  <c r="Q6982" i="10"/>
  <c r="D6974" i="26" s="1"/>
  <c r="C6718" i="26"/>
  <c r="Q6726" i="10"/>
  <c r="D6718" i="26" s="1"/>
  <c r="C6462" i="26"/>
  <c r="Q6470" i="10"/>
  <c r="D6462" i="26" s="1"/>
  <c r="C6206" i="26"/>
  <c r="Q6214" i="10"/>
  <c r="D6206" i="26" s="1"/>
  <c r="Q5355" i="10"/>
  <c r="D5347" i="26" s="1"/>
  <c r="C5347" i="26"/>
  <c r="Q5099" i="10"/>
  <c r="D5091" i="26" s="1"/>
  <c r="C5091" i="26"/>
  <c r="Q4843" i="10"/>
  <c r="D4835" i="26" s="1"/>
  <c r="C4835" i="26"/>
  <c r="Q4587" i="10"/>
  <c r="D4579" i="26" s="1"/>
  <c r="C4579" i="26"/>
  <c r="Q4331" i="10"/>
  <c r="D4323" i="26" s="1"/>
  <c r="C4323" i="26"/>
  <c r="Q4075" i="10"/>
  <c r="D4067" i="26" s="1"/>
  <c r="C4067" i="26"/>
  <c r="Q3819" i="10"/>
  <c r="D3811" i="26" s="1"/>
  <c r="C3811" i="26"/>
  <c r="Q3563" i="10"/>
  <c r="D3555" i="26" s="1"/>
  <c r="C3555" i="26"/>
  <c r="Q3307" i="10"/>
  <c r="D3299" i="26" s="1"/>
  <c r="C3299" i="26"/>
  <c r="Q3051" i="10"/>
  <c r="D3043" i="26" s="1"/>
  <c r="C3043" i="26"/>
  <c r="C5698" i="26"/>
  <c r="Q5706" i="10"/>
  <c r="D5698" i="26" s="1"/>
  <c r="C5442" i="26"/>
  <c r="Q5450" i="10"/>
  <c r="D5442" i="26" s="1"/>
  <c r="C5186" i="26"/>
  <c r="Q5194" i="10"/>
  <c r="D5186" i="26" s="1"/>
  <c r="C4930" i="26"/>
  <c r="Q4938" i="10"/>
  <c r="D4930" i="26" s="1"/>
  <c r="C4674" i="26"/>
  <c r="Q4682" i="10"/>
  <c r="D4674" i="26" s="1"/>
  <c r="C4418" i="26"/>
  <c r="Q4426" i="10"/>
  <c r="D4418" i="26" s="1"/>
  <c r="C4162" i="26"/>
  <c r="Q4170" i="10"/>
  <c r="D4162" i="26" s="1"/>
  <c r="Q3914" i="10"/>
  <c r="D3906" i="26" s="1"/>
  <c r="C3906" i="26"/>
  <c r="Q3658" i="10"/>
  <c r="D3650" i="26" s="1"/>
  <c r="C3650" i="26"/>
  <c r="Q3402" i="10"/>
  <c r="D3394" i="26" s="1"/>
  <c r="C3394" i="26"/>
  <c r="Q3146" i="10"/>
  <c r="D3138" i="26" s="1"/>
  <c r="C3138" i="26"/>
  <c r="Q2890" i="10"/>
  <c r="D2882" i="26" s="1"/>
  <c r="C2882" i="26"/>
  <c r="C5581" i="26"/>
  <c r="Q5589" i="10"/>
  <c r="D5581" i="26" s="1"/>
  <c r="C5069" i="26"/>
  <c r="Q5077" i="10"/>
  <c r="D5069" i="26" s="1"/>
  <c r="C4557" i="26"/>
  <c r="Q4565" i="10"/>
  <c r="D4557" i="26" s="1"/>
  <c r="C4045" i="26"/>
  <c r="Q4053" i="10"/>
  <c r="D4045" i="26" s="1"/>
  <c r="C3533" i="26"/>
  <c r="Q3541" i="10"/>
  <c r="D3533" i="26" s="1"/>
  <c r="C3021" i="26"/>
  <c r="Q3029" i="10"/>
  <c r="D3021" i="26" s="1"/>
  <c r="C5589" i="26"/>
  <c r="Q5597" i="10"/>
  <c r="D5589" i="26" s="1"/>
  <c r="C4881" i="26"/>
  <c r="Q4889" i="10"/>
  <c r="D4881" i="26" s="1"/>
  <c r="C4625" i="26"/>
  <c r="Q4633" i="10"/>
  <c r="D4625" i="26" s="1"/>
  <c r="C4369" i="26"/>
  <c r="Q4377" i="10"/>
  <c r="D4369" i="26" s="1"/>
  <c r="C4113" i="26"/>
  <c r="Q4121" i="10"/>
  <c r="D4113" i="26" s="1"/>
  <c r="Q3865" i="10"/>
  <c r="D3857" i="26" s="1"/>
  <c r="C3857" i="26"/>
  <c r="Q3609" i="10"/>
  <c r="D3601" i="26" s="1"/>
  <c r="C3601" i="26"/>
  <c r="Q3353" i="10"/>
  <c r="D3345" i="26" s="1"/>
  <c r="C3345" i="26"/>
  <c r="Q3097" i="10"/>
  <c r="D3089" i="26" s="1"/>
  <c r="C3089" i="26"/>
  <c r="C5584" i="26"/>
  <c r="Q5592" i="10"/>
  <c r="D5584" i="26" s="1"/>
  <c r="C4720" i="26"/>
  <c r="Q4728" i="10"/>
  <c r="D4720" i="26" s="1"/>
  <c r="C4464" i="26"/>
  <c r="Q4472" i="10"/>
  <c r="D4464" i="26" s="1"/>
  <c r="C4208" i="26"/>
  <c r="Q4216" i="10"/>
  <c r="D4208" i="26" s="1"/>
  <c r="C3952" i="26"/>
  <c r="Q3960" i="10"/>
  <c r="D3952" i="26" s="1"/>
  <c r="Q3704" i="10"/>
  <c r="D3696" i="26" s="1"/>
  <c r="C3696" i="26"/>
  <c r="Q3448" i="10"/>
  <c r="D3440" i="26" s="1"/>
  <c r="C3440" i="26"/>
  <c r="Q3192" i="10"/>
  <c r="D3184" i="26" s="1"/>
  <c r="C3184" i="26"/>
  <c r="Q2936" i="10"/>
  <c r="D2928" i="26" s="1"/>
  <c r="C2928" i="26"/>
  <c r="C5663" i="26"/>
  <c r="Q5671" i="10"/>
  <c r="D5663" i="26" s="1"/>
  <c r="C5407" i="26"/>
  <c r="Q5415" i="10"/>
  <c r="D5407" i="26" s="1"/>
  <c r="C5151" i="26"/>
  <c r="E5151" i="26" s="1"/>
  <c r="Q5159" i="10"/>
  <c r="D5151" i="26" s="1"/>
  <c r="C4895" i="26"/>
  <c r="E4895" i="26" s="1"/>
  <c r="Q4903" i="10"/>
  <c r="D4895" i="26" s="1"/>
  <c r="C4639" i="26"/>
  <c r="Q4647" i="10"/>
  <c r="D4639" i="26" s="1"/>
  <c r="C4383" i="26"/>
  <c r="Q4391" i="10"/>
  <c r="D4383" i="26" s="1"/>
  <c r="C4127" i="26"/>
  <c r="Q4135" i="10"/>
  <c r="D4127" i="26" s="1"/>
  <c r="Q3879" i="10"/>
  <c r="D3871" i="26" s="1"/>
  <c r="C3871" i="26"/>
  <c r="Q3623" i="10"/>
  <c r="D3615" i="26" s="1"/>
  <c r="C3615" i="26"/>
  <c r="Q3367" i="10"/>
  <c r="D3359" i="26" s="1"/>
  <c r="C3359" i="26"/>
  <c r="Q3111" i="10"/>
  <c r="D3103" i="26" s="1"/>
  <c r="C3103" i="26"/>
  <c r="Q2855" i="10"/>
  <c r="D2847" i="26" s="1"/>
  <c r="C2847" i="26"/>
  <c r="C5318" i="26"/>
  <c r="Q5326" i="10"/>
  <c r="D5318" i="26" s="1"/>
  <c r="C5062" i="26"/>
  <c r="Q5070" i="10"/>
  <c r="D5062" i="26" s="1"/>
  <c r="C4806" i="26"/>
  <c r="Q4814" i="10"/>
  <c r="D4806" i="26" s="1"/>
  <c r="C4326" i="26"/>
  <c r="Q4334" i="10"/>
  <c r="D4326" i="26" s="1"/>
  <c r="Q3822" i="10"/>
  <c r="D3814" i="26" s="1"/>
  <c r="C3814" i="26"/>
  <c r="Q3310" i="10"/>
  <c r="D3302" i="26" s="1"/>
  <c r="C3302" i="26"/>
  <c r="C5477" i="26"/>
  <c r="Q5485" i="10"/>
  <c r="D5477" i="26" s="1"/>
  <c r="C4965" i="26"/>
  <c r="Q4973" i="10"/>
  <c r="D4965" i="26" s="1"/>
  <c r="C4453" i="26"/>
  <c r="Q4461" i="10"/>
  <c r="D4453" i="26" s="1"/>
  <c r="C3941" i="26"/>
  <c r="Q3949" i="10"/>
  <c r="D3941" i="26" s="1"/>
  <c r="C3429" i="26"/>
  <c r="Q3437" i="10"/>
  <c r="D3429" i="26" s="1"/>
  <c r="C2917" i="26"/>
  <c r="Q2925" i="10"/>
  <c r="D2917" i="26" s="1"/>
  <c r="C5668" i="26"/>
  <c r="Q5676" i="10"/>
  <c r="D5668" i="26" s="1"/>
  <c r="C5412" i="26"/>
  <c r="Q5420" i="10"/>
  <c r="D5412" i="26" s="1"/>
  <c r="C5156" i="26"/>
  <c r="Q5164" i="10"/>
  <c r="D5156" i="26" s="1"/>
  <c r="C4900" i="26"/>
  <c r="Q4908" i="10"/>
  <c r="D4900" i="26" s="1"/>
  <c r="C4644" i="26"/>
  <c r="Q4652" i="10"/>
  <c r="D4644" i="26" s="1"/>
  <c r="C4388" i="26"/>
  <c r="Q4396" i="10"/>
  <c r="D4388" i="26" s="1"/>
  <c r="C4132" i="26"/>
  <c r="Q4140" i="10"/>
  <c r="D4132" i="26" s="1"/>
  <c r="C3876" i="26"/>
  <c r="Q3884" i="10"/>
  <c r="D3876" i="26" s="1"/>
  <c r="C3620" i="26"/>
  <c r="Q3628" i="10"/>
  <c r="D3620" i="26" s="1"/>
  <c r="C3364" i="26"/>
  <c r="Q3372" i="10"/>
  <c r="D3364" i="26" s="1"/>
  <c r="C3108" i="26"/>
  <c r="Q3116" i="10"/>
  <c r="D3108" i="26" s="1"/>
  <c r="C2852" i="26"/>
  <c r="Q2860" i="10"/>
  <c r="D2852" i="26" s="1"/>
  <c r="C7285" i="26"/>
  <c r="Q7293" i="10"/>
  <c r="D7285" i="26" s="1"/>
  <c r="C6773" i="26"/>
  <c r="Q6781" i="10"/>
  <c r="D6773" i="26" s="1"/>
  <c r="C6261" i="26"/>
  <c r="Q6269" i="10"/>
  <c r="D6261" i="26" s="1"/>
  <c r="Q7348" i="10"/>
  <c r="D7340" i="26" s="1"/>
  <c r="C7340" i="26"/>
  <c r="C7084" i="26"/>
  <c r="Q7092" i="10"/>
  <c r="D7084" i="26" s="1"/>
  <c r="C6828" i="26"/>
  <c r="Q6836" i="10"/>
  <c r="D6828" i="26" s="1"/>
  <c r="C6572" i="26"/>
  <c r="Q6580" i="10"/>
  <c r="D6572" i="26" s="1"/>
  <c r="C6316" i="26"/>
  <c r="Q6324" i="10"/>
  <c r="D6316" i="26" s="1"/>
  <c r="C6060" i="26"/>
  <c r="Q6068" i="10"/>
  <c r="D6060" i="26" s="1"/>
  <c r="C7235" i="26"/>
  <c r="Q7243" i="10"/>
  <c r="D7235" i="26" s="1"/>
  <c r="C6979" i="26"/>
  <c r="Q6987" i="10"/>
  <c r="D6979" i="26" s="1"/>
  <c r="C6723" i="26"/>
  <c r="Q6731" i="10"/>
  <c r="D6723" i="26" s="1"/>
  <c r="C6467" i="26"/>
  <c r="Q6475" i="10"/>
  <c r="D6467" i="26" s="1"/>
  <c r="C6211" i="26"/>
  <c r="Q6219" i="10"/>
  <c r="D6211" i="26" s="1"/>
  <c r="C5699" i="26"/>
  <c r="Q5707" i="10"/>
  <c r="D5699" i="26" s="1"/>
  <c r="C5443" i="26"/>
  <c r="Q5451" i="10"/>
  <c r="D5443" i="26" s="1"/>
  <c r="C7242" i="26"/>
  <c r="Q7250" i="10"/>
  <c r="D7242" i="26" s="1"/>
  <c r="C6986" i="26"/>
  <c r="Q6994" i="10"/>
  <c r="D6986" i="26" s="1"/>
  <c r="C6730" i="26"/>
  <c r="Q6738" i="10"/>
  <c r="D6730" i="26" s="1"/>
  <c r="C6474" i="26"/>
  <c r="Q6482" i="10"/>
  <c r="D6474" i="26" s="1"/>
  <c r="C6218" i="26"/>
  <c r="Q6226" i="10"/>
  <c r="D6218" i="26" s="1"/>
  <c r="C7393" i="26"/>
  <c r="Q7401" i="10"/>
  <c r="D7393" i="26" s="1"/>
  <c r="C7137" i="26"/>
  <c r="Q7145" i="10"/>
  <c r="D7137" i="26" s="1"/>
  <c r="C6881" i="26"/>
  <c r="Q6889" i="10"/>
  <c r="D6881" i="26" s="1"/>
  <c r="C6625" i="26"/>
  <c r="Q6633" i="10"/>
  <c r="D6625" i="26" s="1"/>
  <c r="C6369" i="26"/>
  <c r="Q6377" i="10"/>
  <c r="D6369" i="26" s="1"/>
  <c r="C6113" i="26"/>
  <c r="Q6121" i="10"/>
  <c r="D6113" i="26" s="1"/>
  <c r="C5633" i="26"/>
  <c r="Q5641" i="10"/>
  <c r="D5633" i="26" s="1"/>
  <c r="C5377" i="26"/>
  <c r="Q5385" i="10"/>
  <c r="D5377" i="26" s="1"/>
  <c r="C5121" i="26"/>
  <c r="Q5129" i="10"/>
  <c r="D5121" i="26" s="1"/>
  <c r="C7432" i="26"/>
  <c r="Q7440" i="10"/>
  <c r="D7432" i="26" s="1"/>
  <c r="C7176" i="26"/>
  <c r="Q7184" i="10"/>
  <c r="D7176" i="26" s="1"/>
  <c r="C6920" i="26"/>
  <c r="Q6928" i="10"/>
  <c r="D6920" i="26" s="1"/>
  <c r="C6664" i="26"/>
  <c r="Q6672" i="10"/>
  <c r="D6664" i="26" s="1"/>
  <c r="C6408" i="26"/>
  <c r="Q6416" i="10"/>
  <c r="D6408" i="26" s="1"/>
  <c r="C6152" i="26"/>
  <c r="Q6160" i="10"/>
  <c r="D6152" i="26" s="1"/>
  <c r="C5896" i="26"/>
  <c r="Q5904" i="10"/>
  <c r="D5896" i="26" s="1"/>
  <c r="C7263" i="26"/>
  <c r="Q7271" i="10"/>
  <c r="D7263" i="26" s="1"/>
  <c r="C7007" i="26"/>
  <c r="Q7015" i="10"/>
  <c r="D7007" i="26" s="1"/>
  <c r="C6751" i="26"/>
  <c r="Q6759" i="10"/>
  <c r="D6751" i="26" s="1"/>
  <c r="C6495" i="26"/>
  <c r="Q6503" i="10"/>
  <c r="D6495" i="26" s="1"/>
  <c r="C6239" i="26"/>
  <c r="E6239" i="26" s="1"/>
  <c r="Q6247" i="10"/>
  <c r="D6239" i="26" s="1"/>
  <c r="C5983" i="26"/>
  <c r="Q5991" i="10"/>
  <c r="D5983" i="26" s="1"/>
  <c r="C7382" i="26"/>
  <c r="Q7390" i="10"/>
  <c r="D7382" i="26" s="1"/>
  <c r="C7126" i="26"/>
  <c r="Q7134" i="10"/>
  <c r="D7126" i="26" s="1"/>
  <c r="C6870" i="26"/>
  <c r="Q6878" i="10"/>
  <c r="D6870" i="26" s="1"/>
  <c r="C6614" i="26"/>
  <c r="Q6622" i="10"/>
  <c r="D6614" i="26" s="1"/>
  <c r="C6358" i="26"/>
  <c r="Q6366" i="10"/>
  <c r="D6358" i="26" s="1"/>
  <c r="C6102" i="26"/>
  <c r="Q6110" i="10"/>
  <c r="D6102" i="26" s="1"/>
  <c r="Q5251" i="10"/>
  <c r="D5243" i="26" s="1"/>
  <c r="C5243" i="26"/>
  <c r="Q4995" i="10"/>
  <c r="D4987" i="26" s="1"/>
  <c r="C4987" i="26"/>
  <c r="Q4739" i="10"/>
  <c r="D4731" i="26" s="1"/>
  <c r="C4731" i="26"/>
  <c r="Q4483" i="10"/>
  <c r="D4475" i="26" s="1"/>
  <c r="C4475" i="26"/>
  <c r="Q4227" i="10"/>
  <c r="D4219" i="26" s="1"/>
  <c r="C4219" i="26"/>
  <c r="Q3971" i="10"/>
  <c r="D3963" i="26" s="1"/>
  <c r="C3963" i="26"/>
  <c r="Q3715" i="10"/>
  <c r="D3707" i="26" s="1"/>
  <c r="C3707" i="26"/>
  <c r="Q3459" i="10"/>
  <c r="D3451" i="26" s="1"/>
  <c r="C3451" i="26"/>
  <c r="Q3203" i="10"/>
  <c r="D3195" i="26" s="1"/>
  <c r="C3195" i="26"/>
  <c r="Q2947" i="10"/>
  <c r="D2939" i="26" s="1"/>
  <c r="C2939" i="26"/>
  <c r="C5626" i="26"/>
  <c r="Q5634" i="10"/>
  <c r="D5626" i="26" s="1"/>
  <c r="C5370" i="26"/>
  <c r="Q5378" i="10"/>
  <c r="D5370" i="26" s="1"/>
  <c r="C5114" i="26"/>
  <c r="Q5122" i="10"/>
  <c r="D5114" i="26" s="1"/>
  <c r="C4858" i="26"/>
  <c r="Q4866" i="10"/>
  <c r="D4858" i="26" s="1"/>
  <c r="C4602" i="26"/>
  <c r="Q4610" i="10"/>
  <c r="D4602" i="26" s="1"/>
  <c r="C4346" i="26"/>
  <c r="Q4354" i="10"/>
  <c r="D4346" i="26" s="1"/>
  <c r="C4090" i="26"/>
  <c r="Q4098" i="10"/>
  <c r="D4090" i="26" s="1"/>
  <c r="Q3842" i="10"/>
  <c r="D3834" i="26" s="1"/>
  <c r="C3834" i="26"/>
  <c r="Q3586" i="10"/>
  <c r="D3578" i="26" s="1"/>
  <c r="C3578" i="26"/>
  <c r="Q3330" i="10"/>
  <c r="D3322" i="26" s="1"/>
  <c r="C3322" i="26"/>
  <c r="Q3074" i="10"/>
  <c r="D3066" i="26" s="1"/>
  <c r="C3066" i="26"/>
  <c r="C5573" i="26"/>
  <c r="Q5581" i="10"/>
  <c r="D5573" i="26" s="1"/>
  <c r="C5061" i="26"/>
  <c r="Q5069" i="10"/>
  <c r="D5061" i="26" s="1"/>
  <c r="C4549" i="26"/>
  <c r="Q4557" i="10"/>
  <c r="D4549" i="26" s="1"/>
  <c r="C4037" i="26"/>
  <c r="Q4045" i="10"/>
  <c r="D4037" i="26" s="1"/>
  <c r="C3525" i="26"/>
  <c r="Q3533" i="10"/>
  <c r="D3525" i="26" s="1"/>
  <c r="C3013" i="26"/>
  <c r="Q3021" i="10"/>
  <c r="D3013" i="26" s="1"/>
  <c r="C5397" i="26"/>
  <c r="Q5405" i="10"/>
  <c r="D5397" i="26" s="1"/>
  <c r="C7253" i="26"/>
  <c r="Q7261" i="10"/>
  <c r="D7253" i="26" s="1"/>
  <c r="C6741" i="26"/>
  <c r="Q6749" i="10"/>
  <c r="D6741" i="26" s="1"/>
  <c r="C6229" i="26"/>
  <c r="Q6237" i="10"/>
  <c r="D6229" i="26" s="1"/>
  <c r="C4873" i="26"/>
  <c r="Q4881" i="10"/>
  <c r="D4873" i="26" s="1"/>
  <c r="C4617" i="26"/>
  <c r="Q4625" i="10"/>
  <c r="D4617" i="26" s="1"/>
  <c r="C4361" i="26"/>
  <c r="Q4369" i="10"/>
  <c r="D4361" i="26" s="1"/>
  <c r="C4105" i="26"/>
  <c r="Q4113" i="10"/>
  <c r="D4105" i="26" s="1"/>
  <c r="Q3857" i="10"/>
  <c r="D3849" i="26" s="1"/>
  <c r="C3849" i="26"/>
  <c r="Q3601" i="10"/>
  <c r="D3593" i="26" s="1"/>
  <c r="C3593" i="26"/>
  <c r="Q3345" i="10"/>
  <c r="D3337" i="26" s="1"/>
  <c r="C3337" i="26"/>
  <c r="Q3089" i="10"/>
  <c r="D3081" i="26" s="1"/>
  <c r="C3081" i="26"/>
  <c r="C5576" i="26"/>
  <c r="Q5584" i="10"/>
  <c r="D5576" i="26" s="1"/>
  <c r="C5320" i="26"/>
  <c r="Q5328" i="10"/>
  <c r="D5320" i="26" s="1"/>
  <c r="C5064" i="26"/>
  <c r="Q5072" i="10"/>
  <c r="D5064" i="26" s="1"/>
  <c r="C4808" i="26"/>
  <c r="Q4816" i="10"/>
  <c r="D4808" i="26" s="1"/>
  <c r="C4552" i="26"/>
  <c r="Q4560" i="10"/>
  <c r="D4552" i="26" s="1"/>
  <c r="C4296" i="26"/>
  <c r="Q4304" i="10"/>
  <c r="D4296" i="26" s="1"/>
  <c r="C4040" i="26"/>
  <c r="Q4048" i="10"/>
  <c r="D4040" i="26" s="1"/>
  <c r="Q3792" i="10"/>
  <c r="D3784" i="26" s="1"/>
  <c r="C3784" i="26"/>
  <c r="Q3536" i="10"/>
  <c r="D3528" i="26" s="1"/>
  <c r="C3528" i="26"/>
  <c r="Q3280" i="10"/>
  <c r="D3272" i="26" s="1"/>
  <c r="C3272" i="26"/>
  <c r="Q3024" i="10"/>
  <c r="D3016" i="26" s="1"/>
  <c r="C3016" i="26"/>
  <c r="C5751" i="26"/>
  <c r="Q5759" i="10"/>
  <c r="D5751" i="26" s="1"/>
  <c r="C5495" i="26"/>
  <c r="Q5503" i="10"/>
  <c r="D5495" i="26" s="1"/>
  <c r="C5239" i="26"/>
  <c r="Q5247" i="10"/>
  <c r="D5239" i="26" s="1"/>
  <c r="C4983" i="26"/>
  <c r="Q4991" i="10"/>
  <c r="D4983" i="26" s="1"/>
  <c r="C4727" i="26"/>
  <c r="Q4735" i="10"/>
  <c r="D4727" i="26" s="1"/>
  <c r="C4471" i="26"/>
  <c r="Q4479" i="10"/>
  <c r="D4471" i="26" s="1"/>
  <c r="C4215" i="26"/>
  <c r="Q4223" i="10"/>
  <c r="D4215" i="26" s="1"/>
  <c r="C3959" i="26"/>
  <c r="Q3967" i="10"/>
  <c r="D3959" i="26" s="1"/>
  <c r="Q3711" i="10"/>
  <c r="D3703" i="26" s="1"/>
  <c r="C3703" i="26"/>
  <c r="Q3455" i="10"/>
  <c r="D3447" i="26" s="1"/>
  <c r="C3447" i="26"/>
  <c r="Q3199" i="10"/>
  <c r="D3191" i="26" s="1"/>
  <c r="C3191" i="26"/>
  <c r="Q2943" i="10"/>
  <c r="D2935" i="26" s="1"/>
  <c r="C2935" i="26"/>
  <c r="C5630" i="26"/>
  <c r="Q5638" i="10"/>
  <c r="D5630" i="26" s="1"/>
  <c r="C5374" i="26"/>
  <c r="Q5382" i="10"/>
  <c r="D5374" i="26" s="1"/>
  <c r="C5118" i="26"/>
  <c r="Q5126" i="10"/>
  <c r="D5118" i="26" s="1"/>
  <c r="C4862" i="26"/>
  <c r="Q4870" i="10"/>
  <c r="D4862" i="26" s="1"/>
  <c r="C4446" i="26"/>
  <c r="E4446" i="26" s="1"/>
  <c r="Q4454" i="10"/>
  <c r="D4446" i="26" s="1"/>
  <c r="C3934" i="26"/>
  <c r="E3934" i="26" s="1"/>
  <c r="Q3942" i="10"/>
  <c r="D3934" i="26" s="1"/>
  <c r="Q3430" i="10"/>
  <c r="D3422" i="26" s="1"/>
  <c r="C3422" i="26"/>
  <c r="E3422" i="26" s="1"/>
  <c r="Q2918" i="10"/>
  <c r="D2910" i="26" s="1"/>
  <c r="C2910" i="26"/>
  <c r="E2910" i="26" s="1"/>
  <c r="C5693" i="26"/>
  <c r="Q5701" i="10"/>
  <c r="D5693" i="26" s="1"/>
  <c r="C5437" i="26"/>
  <c r="Q5445" i="10"/>
  <c r="D5437" i="26" s="1"/>
  <c r="C5181" i="26"/>
  <c r="Q5189" i="10"/>
  <c r="D5181" i="26" s="1"/>
  <c r="C4925" i="26"/>
  <c r="Q4933" i="10"/>
  <c r="D4925" i="26" s="1"/>
  <c r="C4669" i="26"/>
  <c r="Q4677" i="10"/>
  <c r="D4669" i="26" s="1"/>
  <c r="C4413" i="26"/>
  <c r="Q4421" i="10"/>
  <c r="D4413" i="26" s="1"/>
  <c r="C4157" i="26"/>
  <c r="Q4165" i="10"/>
  <c r="D4157" i="26" s="1"/>
  <c r="C3901" i="26"/>
  <c r="Q3909" i="10"/>
  <c r="D3901" i="26" s="1"/>
  <c r="C3645" i="26"/>
  <c r="Q3653" i="10"/>
  <c r="D3645" i="26" s="1"/>
  <c r="C3389" i="26"/>
  <c r="Q3397" i="10"/>
  <c r="D3389" i="26" s="1"/>
  <c r="C3133" i="26"/>
  <c r="Q3141" i="10"/>
  <c r="D3133" i="26" s="1"/>
  <c r="C2877" i="26"/>
  <c r="Q2885" i="10"/>
  <c r="D2877" i="26" s="1"/>
  <c r="C5564" i="26"/>
  <c r="Q5572" i="10"/>
  <c r="D5564" i="26" s="1"/>
  <c r="C5308" i="26"/>
  <c r="Q5316" i="10"/>
  <c r="D5308" i="26" s="1"/>
  <c r="C5052" i="26"/>
  <c r="Q5060" i="10"/>
  <c r="D5052" i="26" s="1"/>
  <c r="C4796" i="26"/>
  <c r="Q4804" i="10"/>
  <c r="D4796" i="26" s="1"/>
  <c r="C4540" i="26"/>
  <c r="Q4548" i="10"/>
  <c r="D4540" i="26" s="1"/>
  <c r="C4284" i="26"/>
  <c r="Q4292" i="10"/>
  <c r="D4284" i="26" s="1"/>
  <c r="C4028" i="26"/>
  <c r="Q4036" i="10"/>
  <c r="D4028" i="26" s="1"/>
  <c r="C3772" i="26"/>
  <c r="Q3780" i="10"/>
  <c r="D3772" i="26" s="1"/>
  <c r="C3516" i="26"/>
  <c r="Q3524" i="10"/>
  <c r="D3516" i="26" s="1"/>
  <c r="C3260" i="26"/>
  <c r="Q3268" i="10"/>
  <c r="D3260" i="26" s="1"/>
  <c r="C3004" i="26"/>
  <c r="Q3012" i="10"/>
  <c r="D3004" i="26" s="1"/>
  <c r="C4437" i="26"/>
  <c r="Q4445" i="10"/>
  <c r="D4437" i="26" s="1"/>
  <c r="C6957" i="26"/>
  <c r="Q6965" i="10"/>
  <c r="D6957" i="26" s="1"/>
  <c r="C6445" i="26"/>
  <c r="Q6453" i="10"/>
  <c r="D6445" i="26" s="1"/>
  <c r="C7396" i="26"/>
  <c r="Q7404" i="10"/>
  <c r="D7396" i="26" s="1"/>
  <c r="C7140" i="26"/>
  <c r="Q7148" i="10"/>
  <c r="D7140" i="26" s="1"/>
  <c r="C6884" i="26"/>
  <c r="Q6892" i="10"/>
  <c r="D6884" i="26" s="1"/>
  <c r="C6628" i="26"/>
  <c r="Q6636" i="10"/>
  <c r="D6628" i="26" s="1"/>
  <c r="C6372" i="26"/>
  <c r="Q6380" i="10"/>
  <c r="D6372" i="26" s="1"/>
  <c r="C6116" i="26"/>
  <c r="Q6124" i="10"/>
  <c r="D6116" i="26" s="1"/>
  <c r="C7323" i="26"/>
  <c r="Q7331" i="10"/>
  <c r="D7323" i="26" s="1"/>
  <c r="C7067" i="26"/>
  <c r="Q7075" i="10"/>
  <c r="D7067" i="26" s="1"/>
  <c r="C6811" i="26"/>
  <c r="Q6819" i="10"/>
  <c r="D6811" i="26" s="1"/>
  <c r="C6555" i="26"/>
  <c r="Q6563" i="10"/>
  <c r="D6555" i="26" s="1"/>
  <c r="C6299" i="26"/>
  <c r="Q6307" i="10"/>
  <c r="D6299" i="26" s="1"/>
  <c r="C6043" i="26"/>
  <c r="Q6051" i="10"/>
  <c r="D6043" i="26" s="1"/>
  <c r="Q5571" i="10"/>
  <c r="D5563" i="26" s="1"/>
  <c r="C5563" i="26"/>
  <c r="C7362" i="26"/>
  <c r="Q7370" i="10"/>
  <c r="D7362" i="26" s="1"/>
  <c r="C7106" i="26"/>
  <c r="Q7114" i="10"/>
  <c r="D7106" i="26" s="1"/>
  <c r="C6850" i="26"/>
  <c r="Q6858" i="10"/>
  <c r="D6850" i="26" s="1"/>
  <c r="C6594" i="26"/>
  <c r="Q6602" i="10"/>
  <c r="D6594" i="26" s="1"/>
  <c r="C6338" i="26"/>
  <c r="Q6346" i="10"/>
  <c r="D6338" i="26" s="1"/>
  <c r="C6082" i="26"/>
  <c r="Q6090" i="10"/>
  <c r="D6082" i="26" s="1"/>
  <c r="C7289" i="26"/>
  <c r="Q7297" i="10"/>
  <c r="D7289" i="26" s="1"/>
  <c r="C7033" i="26"/>
  <c r="Q7041" i="10"/>
  <c r="D7033" i="26" s="1"/>
  <c r="C6777" i="26"/>
  <c r="Q6785" i="10"/>
  <c r="D6777" i="26" s="1"/>
  <c r="C6521" i="26"/>
  <c r="Q6529" i="10"/>
  <c r="D6521" i="26" s="1"/>
  <c r="C6265" i="26"/>
  <c r="Q6273" i="10"/>
  <c r="D6265" i="26" s="1"/>
  <c r="C6009" i="26"/>
  <c r="Q6017" i="10"/>
  <c r="D6009" i="26" s="1"/>
  <c r="C5529" i="26"/>
  <c r="Q5537" i="10"/>
  <c r="D5529" i="26" s="1"/>
  <c r="C5273" i="26"/>
  <c r="Q5281" i="10"/>
  <c r="D5273" i="26" s="1"/>
  <c r="C5017" i="26"/>
  <c r="Q5025" i="10"/>
  <c r="D5017" i="26" s="1"/>
  <c r="C7328" i="26"/>
  <c r="Q7336" i="10"/>
  <c r="D7328" i="26" s="1"/>
  <c r="C7072" i="26"/>
  <c r="Q7080" i="10"/>
  <c r="D7072" i="26" s="1"/>
  <c r="C6816" i="26"/>
  <c r="Q6824" i="10"/>
  <c r="D6816" i="26" s="1"/>
  <c r="C6560" i="26"/>
  <c r="Q6568" i="10"/>
  <c r="D6560" i="26" s="1"/>
  <c r="C6304" i="26"/>
  <c r="Q6312" i="10"/>
  <c r="D6304" i="26" s="1"/>
  <c r="C5984" i="26"/>
  <c r="Q5992" i="10"/>
  <c r="D5984" i="26" s="1"/>
  <c r="C7255" i="26"/>
  <c r="Q7263" i="10"/>
  <c r="D7255" i="26" s="1"/>
  <c r="C6935" i="26"/>
  <c r="Q6943" i="10"/>
  <c r="D6935" i="26" s="1"/>
  <c r="C6583" i="26"/>
  <c r="Q6591" i="10"/>
  <c r="D6583" i="26" s="1"/>
  <c r="C6231" i="26"/>
  <c r="Q6239" i="10"/>
  <c r="D6231" i="26" s="1"/>
  <c r="C5911" i="26"/>
  <c r="Q5919" i="10"/>
  <c r="D5911" i="26" s="1"/>
  <c r="C7214" i="26"/>
  <c r="Q7222" i="10"/>
  <c r="D7214" i="26" s="1"/>
  <c r="C6862" i="26"/>
  <c r="Q6870" i="10"/>
  <c r="D6862" i="26" s="1"/>
  <c r="C6542" i="26"/>
  <c r="Q6550" i="10"/>
  <c r="D6542" i="26" s="1"/>
  <c r="C6190" i="26"/>
  <c r="Q6198" i="10"/>
  <c r="D6190" i="26" s="1"/>
  <c r="C5267" i="26"/>
  <c r="Q5275" i="10"/>
  <c r="D5267" i="26" s="1"/>
  <c r="Q4923" i="10"/>
  <c r="D4915" i="26" s="1"/>
  <c r="C4915" i="26"/>
  <c r="E4915" i="26" s="1"/>
  <c r="Q4603" i="10"/>
  <c r="D4595" i="26" s="1"/>
  <c r="C4595" i="26"/>
  <c r="C4243" i="26"/>
  <c r="E4243" i="26" s="1"/>
  <c r="Q4251" i="10"/>
  <c r="D4243" i="26" s="1"/>
  <c r="Q3899" i="10"/>
  <c r="D3891" i="26" s="1"/>
  <c r="C3891" i="26"/>
  <c r="E3891" i="26" s="1"/>
  <c r="Q3579" i="10"/>
  <c r="D3571" i="26" s="1"/>
  <c r="C3571" i="26"/>
  <c r="E3571" i="26" s="1"/>
  <c r="Q3227" i="10"/>
  <c r="D3219" i="26" s="1"/>
  <c r="C3219" i="26"/>
  <c r="Q2875" i="10"/>
  <c r="D2867" i="26" s="1"/>
  <c r="C2867" i="26"/>
  <c r="E2867" i="26" s="1"/>
  <c r="C5554" i="26"/>
  <c r="Q5562" i="10"/>
  <c r="D5554" i="26" s="1"/>
  <c r="C5234" i="26"/>
  <c r="Q5242" i="10"/>
  <c r="D5234" i="26" s="1"/>
  <c r="C4882" i="26"/>
  <c r="E4882" i="26" s="1"/>
  <c r="Q4890" i="10"/>
  <c r="D4882" i="26" s="1"/>
  <c r="C4530" i="26"/>
  <c r="Q4538" i="10"/>
  <c r="D4530" i="26" s="1"/>
  <c r="C4210" i="26"/>
  <c r="Q4218" i="10"/>
  <c r="D4210" i="26" s="1"/>
  <c r="Q3866" i="10"/>
  <c r="D3858" i="26" s="1"/>
  <c r="C3858" i="26"/>
  <c r="E3858" i="26" s="1"/>
  <c r="Q3514" i="10"/>
  <c r="D3506" i="26" s="1"/>
  <c r="C3506" i="26"/>
  <c r="Q3194" i="10"/>
  <c r="D3186" i="26" s="1"/>
  <c r="C3186" i="26"/>
  <c r="C5333" i="26"/>
  <c r="Q5341" i="10"/>
  <c r="D5333" i="26" s="1"/>
  <c r="C7117" i="26"/>
  <c r="Q7125" i="10"/>
  <c r="D7117" i="26" s="1"/>
  <c r="C6477" i="26"/>
  <c r="Q6485" i="10"/>
  <c r="D6477" i="26" s="1"/>
  <c r="C4577" i="26"/>
  <c r="Q4585" i="10"/>
  <c r="D4577" i="26" s="1"/>
  <c r="C4225" i="26"/>
  <c r="Q4233" i="10"/>
  <c r="D4225" i="26" s="1"/>
  <c r="Q3913" i="10"/>
  <c r="D3905" i="26" s="1"/>
  <c r="C3905" i="26"/>
  <c r="Q3561" i="10"/>
  <c r="D3553" i="26" s="1"/>
  <c r="C3553" i="26"/>
  <c r="Q3209" i="10"/>
  <c r="D3201" i="26" s="1"/>
  <c r="C3201" i="26"/>
  <c r="Q2889" i="10"/>
  <c r="D2881" i="26" s="1"/>
  <c r="C2881" i="26"/>
  <c r="C5568" i="26"/>
  <c r="Q5576" i="10"/>
  <c r="D5568" i="26" s="1"/>
  <c r="C5152" i="26"/>
  <c r="E5152" i="26" s="1"/>
  <c r="Q5160" i="10"/>
  <c r="D5152" i="26" s="1"/>
  <c r="C4800" i="26"/>
  <c r="Q4808" i="10"/>
  <c r="D4800" i="26" s="1"/>
  <c r="C4480" i="26"/>
  <c r="Q4488" i="10"/>
  <c r="D4480" i="26" s="1"/>
  <c r="C4128" i="26"/>
  <c r="E4128" i="26" s="1"/>
  <c r="Q4136" i="10"/>
  <c r="D4128" i="26" s="1"/>
  <c r="Q3784" i="10"/>
  <c r="D3776" i="26" s="1"/>
  <c r="C3776" i="26"/>
  <c r="Q3464" i="10"/>
  <c r="D3456" i="26" s="1"/>
  <c r="C3456" i="26"/>
  <c r="Q3112" i="10"/>
  <c r="D3104" i="26" s="1"/>
  <c r="C3104" i="26"/>
  <c r="E3104" i="26" s="1"/>
  <c r="C5743" i="26"/>
  <c r="Q5751" i="10"/>
  <c r="D5743" i="26" s="1"/>
  <c r="C5231" i="26"/>
  <c r="Q5239" i="10"/>
  <c r="D5231" i="26" s="1"/>
  <c r="C4719" i="26"/>
  <c r="Q4727" i="10"/>
  <c r="D4719" i="26" s="1"/>
  <c r="C4207" i="26"/>
  <c r="Q4215" i="10"/>
  <c r="D4207" i="26" s="1"/>
  <c r="Q3703" i="10"/>
  <c r="D3695" i="26" s="1"/>
  <c r="C3695" i="26"/>
  <c r="Q3319" i="10"/>
  <c r="D3311" i="26" s="1"/>
  <c r="C3311" i="26"/>
  <c r="Q2999" i="10"/>
  <c r="D2991" i="26" s="1"/>
  <c r="C2991" i="26"/>
  <c r="C5654" i="26"/>
  <c r="Q5662" i="10"/>
  <c r="D5654" i="26" s="1"/>
  <c r="C4726" i="26"/>
  <c r="Q4734" i="10"/>
  <c r="D4726" i="26" s="1"/>
  <c r="C4374" i="26"/>
  <c r="Q4382" i="10"/>
  <c r="D4374" i="26" s="1"/>
  <c r="C4054" i="26"/>
  <c r="Q4062" i="10"/>
  <c r="D4054" i="26" s="1"/>
  <c r="Q3710" i="10"/>
  <c r="D3702" i="26" s="1"/>
  <c r="C3702" i="26"/>
  <c r="E3702" i="26" s="1"/>
  <c r="Q3358" i="10"/>
  <c r="D3350" i="26" s="1"/>
  <c r="C3350" i="26"/>
  <c r="Q3038" i="10"/>
  <c r="D3030" i="26" s="1"/>
  <c r="C3030" i="26"/>
  <c r="C5621" i="26"/>
  <c r="Q5629" i="10"/>
  <c r="D5621" i="26" s="1"/>
  <c r="C4981" i="26"/>
  <c r="Q4989" i="10"/>
  <c r="D4981" i="26" s="1"/>
  <c r="C4277" i="26"/>
  <c r="Q4285" i="10"/>
  <c r="D4277" i="26" s="1"/>
  <c r="C3573" i="26"/>
  <c r="Q3581" i="10"/>
  <c r="D3573" i="26" s="1"/>
  <c r="C2933" i="26"/>
  <c r="Q2941" i="10"/>
  <c r="D2933" i="26" s="1"/>
  <c r="C5492" i="26"/>
  <c r="Q5500" i="10"/>
  <c r="D5492" i="26" s="1"/>
  <c r="C5140" i="26"/>
  <c r="Q5148" i="10"/>
  <c r="D5140" i="26" s="1"/>
  <c r="C4820" i="26"/>
  <c r="Q4828" i="10"/>
  <c r="D4820" i="26" s="1"/>
  <c r="C4468" i="26"/>
  <c r="Q4476" i="10"/>
  <c r="D4468" i="26" s="1"/>
  <c r="C4116" i="26"/>
  <c r="Q4124" i="10"/>
  <c r="D4116" i="26" s="1"/>
  <c r="C3796" i="26"/>
  <c r="Q3804" i="10"/>
  <c r="D3796" i="26" s="1"/>
  <c r="C3444" i="26"/>
  <c r="Q3452" i="10"/>
  <c r="D3444" i="26" s="1"/>
  <c r="C3092" i="26"/>
  <c r="Q3100" i="10"/>
  <c r="D3092" i="26" s="1"/>
  <c r="C6757" i="26"/>
  <c r="Q6765" i="10"/>
  <c r="D6757" i="26" s="1"/>
  <c r="C6053" i="26"/>
  <c r="Q6061" i="10"/>
  <c r="D6053" i="26" s="1"/>
  <c r="C7132" i="26"/>
  <c r="Q7140" i="10"/>
  <c r="D7132" i="26" s="1"/>
  <c r="C6780" i="26"/>
  <c r="Q6788" i="10"/>
  <c r="D6780" i="26" s="1"/>
  <c r="C6460" i="26"/>
  <c r="Q6468" i="10"/>
  <c r="D6460" i="26" s="1"/>
  <c r="C6108" i="26"/>
  <c r="Q6116" i="10"/>
  <c r="D6108" i="26" s="1"/>
  <c r="Q7227" i="10"/>
  <c r="D7219" i="26" s="1"/>
  <c r="C7219" i="26"/>
  <c r="C6867" i="26"/>
  <c r="Q6875" i="10"/>
  <c r="D6867" i="26" s="1"/>
  <c r="Q6523" i="10"/>
  <c r="D6515" i="26" s="1"/>
  <c r="C6515" i="26"/>
  <c r="Q6203" i="10"/>
  <c r="D6195" i="26" s="1"/>
  <c r="C6195" i="26"/>
  <c r="C5587" i="26"/>
  <c r="Q5595" i="10"/>
  <c r="D5587" i="26" s="1"/>
  <c r="C7290" i="26"/>
  <c r="Q7298" i="10"/>
  <c r="D7290" i="26" s="1"/>
  <c r="C6970" i="26"/>
  <c r="Q6978" i="10"/>
  <c r="D6970" i="26" s="1"/>
  <c r="C6618" i="26"/>
  <c r="Q6626" i="10"/>
  <c r="D6618" i="26" s="1"/>
  <c r="C6266" i="26"/>
  <c r="Q6274" i="10"/>
  <c r="D6266" i="26" s="1"/>
  <c r="C7409" i="26"/>
  <c r="Q7417" i="10"/>
  <c r="D7409" i="26" s="1"/>
  <c r="C7057" i="26"/>
  <c r="Q7065" i="10"/>
  <c r="D7057" i="26" s="1"/>
  <c r="C6737" i="26"/>
  <c r="Q6745" i="10"/>
  <c r="D6737" i="26" s="1"/>
  <c r="C6385" i="26"/>
  <c r="Q6393" i="10"/>
  <c r="D6385" i="26" s="1"/>
  <c r="C6033" i="26"/>
  <c r="Q6041" i="10"/>
  <c r="D6033" i="26" s="1"/>
  <c r="C5457" i="26"/>
  <c r="Q5465" i="10"/>
  <c r="D5457" i="26" s="1"/>
  <c r="C5105" i="26"/>
  <c r="Q5113" i="10"/>
  <c r="D5105" i="26" s="1"/>
  <c r="C7320" i="26"/>
  <c r="Q7328" i="10"/>
  <c r="D7320" i="26" s="1"/>
  <c r="C7000" i="26"/>
  <c r="Q7008" i="10"/>
  <c r="D7000" i="26" s="1"/>
  <c r="C6648" i="26"/>
  <c r="Q6656" i="10"/>
  <c r="D6648" i="26" s="1"/>
  <c r="C6296" i="26"/>
  <c r="E6296" i="26" s="1"/>
  <c r="Q6304" i="10"/>
  <c r="D6296" i="26" s="1"/>
  <c r="C5976" i="26"/>
  <c r="Q5984" i="10"/>
  <c r="D5976" i="26" s="1"/>
  <c r="C7247" i="26"/>
  <c r="Q7255" i="10"/>
  <c r="D7247" i="26" s="1"/>
  <c r="C6895" i="26"/>
  <c r="Q6903" i="10"/>
  <c r="D6895" i="26" s="1"/>
  <c r="C6575" i="26"/>
  <c r="Q6583" i="10"/>
  <c r="D6575" i="26" s="1"/>
  <c r="C6223" i="26"/>
  <c r="Q6231" i="10"/>
  <c r="D6223" i="26" s="1"/>
  <c r="C5871" i="26"/>
  <c r="Q5879" i="10"/>
  <c r="D5871" i="26" s="1"/>
  <c r="C7206" i="26"/>
  <c r="Q7214" i="10"/>
  <c r="D7206" i="26" s="1"/>
  <c r="C6854" i="26"/>
  <c r="Q6862" i="10"/>
  <c r="D6854" i="26" s="1"/>
  <c r="C6502" i="26"/>
  <c r="Q6510" i="10"/>
  <c r="D6502" i="26" s="1"/>
  <c r="C6182" i="26"/>
  <c r="Q6190" i="10"/>
  <c r="D6182" i="26" s="1"/>
  <c r="C5195" i="26"/>
  <c r="E5195" i="26" s="1"/>
  <c r="Q5203" i="10"/>
  <c r="D5195" i="26" s="1"/>
  <c r="C4875" i="26"/>
  <c r="E4875" i="26" s="1"/>
  <c r="Q4883" i="10"/>
  <c r="D4875" i="26" s="1"/>
  <c r="Q4531" i="10"/>
  <c r="D4523" i="26" s="1"/>
  <c r="C4523" i="26"/>
  <c r="E4523" i="26" s="1"/>
  <c r="C4171" i="26"/>
  <c r="Q4179" i="10"/>
  <c r="D4171" i="26" s="1"/>
  <c r="Q3859" i="10"/>
  <c r="D3851" i="26" s="1"/>
  <c r="C3851" i="26"/>
  <c r="E3851" i="26" s="1"/>
  <c r="Q3507" i="10"/>
  <c r="D3499" i="26" s="1"/>
  <c r="C3499" i="26"/>
  <c r="E3499" i="26" s="1"/>
  <c r="Q3155" i="10"/>
  <c r="D3147" i="26" s="1"/>
  <c r="C3147" i="26"/>
  <c r="C5514" i="26"/>
  <c r="Q5522" i="10"/>
  <c r="D5514" i="26" s="1"/>
  <c r="C5162" i="26"/>
  <c r="Q5170" i="10"/>
  <c r="D5162" i="26" s="1"/>
  <c r="C4810" i="26"/>
  <c r="Q4818" i="10"/>
  <c r="D4810" i="26" s="1"/>
  <c r="C4490" i="26"/>
  <c r="Q4498" i="10"/>
  <c r="D4490" i="26" s="1"/>
  <c r="C4138" i="26"/>
  <c r="Q4146" i="10"/>
  <c r="D4138" i="26" s="1"/>
  <c r="Q3794" i="10"/>
  <c r="D3786" i="26" s="1"/>
  <c r="C3786" i="26"/>
  <c r="Q3474" i="10"/>
  <c r="D3466" i="26" s="1"/>
  <c r="C3466" i="26"/>
  <c r="Q3122" i="10"/>
  <c r="D3114" i="26" s="1"/>
  <c r="C3114" i="26"/>
  <c r="E3114" i="26" s="1"/>
  <c r="C7109" i="26"/>
  <c r="Q7117" i="10"/>
  <c r="D7109" i="26" s="1"/>
  <c r="C6405" i="26"/>
  <c r="Q6413" i="10"/>
  <c r="D6405" i="26" s="1"/>
  <c r="C4857" i="26"/>
  <c r="Q4865" i="10"/>
  <c r="D4857" i="26" s="1"/>
  <c r="C4505" i="26"/>
  <c r="Q4513" i="10"/>
  <c r="D4505" i="26" s="1"/>
  <c r="C4153" i="26"/>
  <c r="Q4161" i="10"/>
  <c r="D4153" i="26" s="1"/>
  <c r="Q3841" i="10"/>
  <c r="D3833" i="26" s="1"/>
  <c r="C3833" i="26"/>
  <c r="Q3489" i="10"/>
  <c r="D3481" i="26" s="1"/>
  <c r="C3481" i="26"/>
  <c r="Q3137" i="10"/>
  <c r="D3129" i="26" s="1"/>
  <c r="C3129" i="26"/>
  <c r="C5560" i="26"/>
  <c r="Q5568" i="10"/>
  <c r="D5560" i="26" s="1"/>
  <c r="C5208" i="26"/>
  <c r="Q5216" i="10"/>
  <c r="D5208" i="26" s="1"/>
  <c r="C4856" i="26"/>
  <c r="Q4864" i="10"/>
  <c r="D4856" i="26" s="1"/>
  <c r="C4536" i="26"/>
  <c r="Q4544" i="10"/>
  <c r="D4536" i="26" s="1"/>
  <c r="C4184" i="26"/>
  <c r="Q4192" i="10"/>
  <c r="D4184" i="26" s="1"/>
  <c r="Q3840" i="10"/>
  <c r="D3832" i="26" s="1"/>
  <c r="C3832" i="26"/>
  <c r="Q3520" i="10"/>
  <c r="D3512" i="26" s="1"/>
  <c r="C3512" i="26"/>
  <c r="Q3168" i="10"/>
  <c r="D3160" i="26" s="1"/>
  <c r="C3160" i="26"/>
  <c r="C5543" i="26"/>
  <c r="Q5551" i="10"/>
  <c r="D5543" i="26" s="1"/>
  <c r="C5223" i="26"/>
  <c r="Q5231" i="10"/>
  <c r="D5223" i="26" s="1"/>
  <c r="C4871" i="26"/>
  <c r="Q4879" i="10"/>
  <c r="D4871" i="26" s="1"/>
  <c r="C4519" i="26"/>
  <c r="Q4527" i="10"/>
  <c r="D4519" i="26" s="1"/>
  <c r="C4199" i="26"/>
  <c r="Q4207" i="10"/>
  <c r="D4199" i="26" s="1"/>
  <c r="Q3855" i="10"/>
  <c r="D3847" i="26" s="1"/>
  <c r="C3847" i="26"/>
  <c r="Q3503" i="10"/>
  <c r="D3495" i="26" s="1"/>
  <c r="C3495" i="26"/>
  <c r="Q3183" i="10"/>
  <c r="D3175" i="26" s="1"/>
  <c r="C3175" i="26"/>
  <c r="C5198" i="26"/>
  <c r="Q5206" i="10"/>
  <c r="D5198" i="26" s="1"/>
  <c r="C4878" i="26"/>
  <c r="Q4886" i="10"/>
  <c r="D4878" i="26" s="1"/>
  <c r="C4526" i="26"/>
  <c r="Q4534" i="10"/>
  <c r="D4526" i="26" s="1"/>
  <c r="C4174" i="26"/>
  <c r="Q4182" i="10"/>
  <c r="D4174" i="26" s="1"/>
  <c r="Q3862" i="10"/>
  <c r="D3854" i="26" s="1"/>
  <c r="C3854" i="26"/>
  <c r="Q3510" i="10"/>
  <c r="D3502" i="26" s="1"/>
  <c r="C3502" i="26"/>
  <c r="Q3158" i="10"/>
  <c r="D3150" i="26" s="1"/>
  <c r="C3150" i="26"/>
  <c r="C5357" i="26"/>
  <c r="Q5365" i="10"/>
  <c r="D5357" i="26" s="1"/>
  <c r="C4397" i="26"/>
  <c r="Q4405" i="10"/>
  <c r="D4397" i="26" s="1"/>
  <c r="C3373" i="26"/>
  <c r="Q3381" i="10"/>
  <c r="D3373" i="26" s="1"/>
  <c r="C5516" i="26"/>
  <c r="Q5524" i="10"/>
  <c r="D5516" i="26" s="1"/>
  <c r="C5036" i="26"/>
  <c r="Q5044" i="10"/>
  <c r="D5036" i="26" s="1"/>
  <c r="C4524" i="26"/>
  <c r="E4524" i="26" s="1"/>
  <c r="Q4532" i="10"/>
  <c r="D4524" i="26" s="1"/>
  <c r="C4012" i="26"/>
  <c r="Q4020" i="10"/>
  <c r="D4012" i="26" s="1"/>
  <c r="C3500" i="26"/>
  <c r="E3500" i="26" s="1"/>
  <c r="Q3508" i="10"/>
  <c r="D3500" i="26" s="1"/>
  <c r="C2988" i="26"/>
  <c r="Q2996" i="10"/>
  <c r="D2988" i="26" s="1"/>
  <c r="C7293" i="26"/>
  <c r="Q7301" i="10"/>
  <c r="D7293" i="26" s="1"/>
  <c r="C6493" i="26"/>
  <c r="Q6501" i="10"/>
  <c r="D6493" i="26" s="1"/>
  <c r="C6420" i="26"/>
  <c r="Q6428" i="10"/>
  <c r="D6420" i="26" s="1"/>
  <c r="C6164" i="26"/>
  <c r="Q6172" i="10"/>
  <c r="D6164" i="26" s="1"/>
  <c r="Q7347" i="10"/>
  <c r="D7339" i="26" s="1"/>
  <c r="C7339" i="26"/>
  <c r="Q7091" i="10"/>
  <c r="D7083" i="26" s="1"/>
  <c r="C7083" i="26"/>
  <c r="Q6835" i="10"/>
  <c r="D6827" i="26" s="1"/>
  <c r="C6827" i="26"/>
  <c r="Q6579" i="10"/>
  <c r="D6571" i="26" s="1"/>
  <c r="C6571" i="26"/>
  <c r="Q6323" i="10"/>
  <c r="D6315" i="26" s="1"/>
  <c r="C6315" i="26"/>
  <c r="Q6067" i="10"/>
  <c r="D6059" i="26" s="1"/>
  <c r="C6059" i="26"/>
  <c r="Q5555" i="10"/>
  <c r="D5547" i="26" s="1"/>
  <c r="C5547" i="26"/>
  <c r="C7346" i="26"/>
  <c r="Q7354" i="10"/>
  <c r="D7346" i="26" s="1"/>
  <c r="C7090" i="26"/>
  <c r="Q7098" i="10"/>
  <c r="D7090" i="26" s="1"/>
  <c r="C6834" i="26"/>
  <c r="Q6842" i="10"/>
  <c r="D6834" i="26" s="1"/>
  <c r="C6578" i="26"/>
  <c r="Q6586" i="10"/>
  <c r="D6578" i="26" s="1"/>
  <c r="C6322" i="26"/>
  <c r="Q6330" i="10"/>
  <c r="D6322" i="26" s="1"/>
  <c r="C6066" i="26"/>
  <c r="Q6074" i="10"/>
  <c r="D6066" i="26" s="1"/>
  <c r="C7241" i="26"/>
  <c r="Q7249" i="10"/>
  <c r="D7241" i="26" s="1"/>
  <c r="C6985" i="26"/>
  <c r="Q6993" i="10"/>
  <c r="D6985" i="26" s="1"/>
  <c r="C6729" i="26"/>
  <c r="Q6737" i="10"/>
  <c r="D6729" i="26" s="1"/>
  <c r="C6473" i="26"/>
  <c r="Q6481" i="10"/>
  <c r="D6473" i="26" s="1"/>
  <c r="C6217" i="26"/>
  <c r="Q6225" i="10"/>
  <c r="D6217" i="26" s="1"/>
  <c r="C5705" i="26"/>
  <c r="Q5713" i="10"/>
  <c r="D5705" i="26" s="1"/>
  <c r="C5449" i="26"/>
  <c r="Q5457" i="10"/>
  <c r="D5449" i="26" s="1"/>
  <c r="C5193" i="26"/>
  <c r="Q5201" i="10"/>
  <c r="D5193" i="26" s="1"/>
  <c r="C4937" i="26"/>
  <c r="Q4945" i="10"/>
  <c r="D4937" i="26" s="1"/>
  <c r="C7248" i="26"/>
  <c r="Q7256" i="10"/>
  <c r="D7248" i="26" s="1"/>
  <c r="C6992" i="26"/>
  <c r="Q7000" i="10"/>
  <c r="D6992" i="26" s="1"/>
  <c r="C6736" i="26"/>
  <c r="Q6744" i="10"/>
  <c r="D6736" i="26" s="1"/>
  <c r="C6480" i="26"/>
  <c r="Q6488" i="10"/>
  <c r="D6480" i="26" s="1"/>
  <c r="C6224" i="26"/>
  <c r="Q6232" i="10"/>
  <c r="D6224" i="26" s="1"/>
  <c r="C5968" i="26"/>
  <c r="Q5976" i="10"/>
  <c r="D5968" i="26" s="1"/>
  <c r="C7335" i="26"/>
  <c r="Q7343" i="10"/>
  <c r="D7335" i="26" s="1"/>
  <c r="C7079" i="26"/>
  <c r="Q7087" i="10"/>
  <c r="D7079" i="26" s="1"/>
  <c r="C6823" i="26"/>
  <c r="Q6831" i="10"/>
  <c r="D6823" i="26" s="1"/>
  <c r="C6567" i="26"/>
  <c r="Q6575" i="10"/>
  <c r="D6567" i="26" s="1"/>
  <c r="C6311" i="26"/>
  <c r="Q6319" i="10"/>
  <c r="D6311" i="26" s="1"/>
  <c r="C6055" i="26"/>
  <c r="Q6063" i="10"/>
  <c r="D6055" i="26" s="1"/>
  <c r="C7454" i="26"/>
  <c r="Q7462" i="10"/>
  <c r="D7454" i="26" s="1"/>
  <c r="C7198" i="26"/>
  <c r="Q7206" i="10"/>
  <c r="D7198" i="26" s="1"/>
  <c r="C6942" i="26"/>
  <c r="Q6950" i="10"/>
  <c r="D6942" i="26" s="1"/>
  <c r="C6686" i="26"/>
  <c r="Q6694" i="10"/>
  <c r="D6686" i="26" s="1"/>
  <c r="C6430" i="26"/>
  <c r="Q6438" i="10"/>
  <c r="D6430" i="26" s="1"/>
  <c r="C6174" i="26"/>
  <c r="Q6182" i="10"/>
  <c r="D6174" i="26" s="1"/>
  <c r="C5315" i="26"/>
  <c r="Q5323" i="10"/>
  <c r="D5315" i="26" s="1"/>
  <c r="C5059" i="26"/>
  <c r="Q5067" i="10"/>
  <c r="D5059" i="26" s="1"/>
  <c r="C4803" i="26"/>
  <c r="Q4811" i="10"/>
  <c r="D4803" i="26" s="1"/>
  <c r="C4547" i="26"/>
  <c r="Q4555" i="10"/>
  <c r="D4547" i="26" s="1"/>
  <c r="C4291" i="26"/>
  <c r="Q4299" i="10"/>
  <c r="D4291" i="26" s="1"/>
  <c r="C4035" i="26"/>
  <c r="Q4043" i="10"/>
  <c r="D4035" i="26" s="1"/>
  <c r="Q3787" i="10"/>
  <c r="D3779" i="26" s="1"/>
  <c r="C3779" i="26"/>
  <c r="Q3531" i="10"/>
  <c r="D3523" i="26" s="1"/>
  <c r="C3523" i="26"/>
  <c r="Q3275" i="10"/>
  <c r="D3267" i="26" s="1"/>
  <c r="C3267" i="26"/>
  <c r="Q3019" i="10"/>
  <c r="D3011" i="26" s="1"/>
  <c r="C3011" i="26"/>
  <c r="C5666" i="26"/>
  <c r="E5666" i="26" s="1"/>
  <c r="Q5674" i="10"/>
  <c r="D5666" i="26" s="1"/>
  <c r="C5410" i="26"/>
  <c r="Q5418" i="10"/>
  <c r="D5410" i="26" s="1"/>
  <c r="C5154" i="26"/>
  <c r="E5154" i="26" s="1"/>
  <c r="Q5162" i="10"/>
  <c r="D5154" i="26" s="1"/>
  <c r="C4898" i="26"/>
  <c r="E4898" i="26" s="1"/>
  <c r="Q4906" i="10"/>
  <c r="D4898" i="26" s="1"/>
  <c r="C4642" i="26"/>
  <c r="Q4650" i="10"/>
  <c r="D4642" i="26" s="1"/>
  <c r="C4386" i="26"/>
  <c r="Q4394" i="10"/>
  <c r="D4386" i="26" s="1"/>
  <c r="C4130" i="26"/>
  <c r="Q4138" i="10"/>
  <c r="D4130" i="26" s="1"/>
  <c r="Q3882" i="10"/>
  <c r="D3874" i="26" s="1"/>
  <c r="C3874" i="26"/>
  <c r="Q3626" i="10"/>
  <c r="D3618" i="26" s="1"/>
  <c r="C3618" i="26"/>
  <c r="Q3370" i="10"/>
  <c r="D3362" i="26" s="1"/>
  <c r="C3362" i="26"/>
  <c r="Q3114" i="10"/>
  <c r="D3106" i="26" s="1"/>
  <c r="C3106" i="26"/>
  <c r="Q2858" i="10"/>
  <c r="D2850" i="26" s="1"/>
  <c r="C2850" i="26"/>
  <c r="C5517" i="26"/>
  <c r="Q5525" i="10"/>
  <c r="D5517" i="26" s="1"/>
  <c r="C5005" i="26"/>
  <c r="Q5013" i="10"/>
  <c r="D5005" i="26" s="1"/>
  <c r="C4493" i="26"/>
  <c r="Q4501" i="10"/>
  <c r="D4493" i="26" s="1"/>
  <c r="C3981" i="26"/>
  <c r="Q3989" i="10"/>
  <c r="D3981" i="26" s="1"/>
  <c r="C3469" i="26"/>
  <c r="Q3477" i="10"/>
  <c r="D3469" i="26" s="1"/>
  <c r="C2957" i="26"/>
  <c r="Q2965" i="10"/>
  <c r="D2957" i="26" s="1"/>
  <c r="C4885" i="26"/>
  <c r="Q4893" i="10"/>
  <c r="D4885" i="26" s="1"/>
  <c r="C4849" i="26"/>
  <c r="Q4857" i="10"/>
  <c r="D4849" i="26" s="1"/>
  <c r="C4593" i="26"/>
  <c r="Q4601" i="10"/>
  <c r="D4593" i="26" s="1"/>
  <c r="C4337" i="26"/>
  <c r="Q4345" i="10"/>
  <c r="D4337" i="26" s="1"/>
  <c r="C4081" i="26"/>
  <c r="Q4089" i="10"/>
  <c r="D4081" i="26" s="1"/>
  <c r="Q3833" i="10"/>
  <c r="D3825" i="26" s="1"/>
  <c r="C3825" i="26"/>
  <c r="Q3577" i="10"/>
  <c r="D3569" i="26" s="1"/>
  <c r="C3569" i="26"/>
  <c r="Q3321" i="10"/>
  <c r="D3313" i="26" s="1"/>
  <c r="C3313" i="26"/>
  <c r="Q3065" i="10"/>
  <c r="D3057" i="26" s="1"/>
  <c r="C3057" i="26"/>
  <c r="C5808" i="26"/>
  <c r="Q5816" i="10"/>
  <c r="D5808" i="26" s="1"/>
  <c r="C5552" i="26"/>
  <c r="Q5560" i="10"/>
  <c r="D5552" i="26" s="1"/>
  <c r="C4688" i="26"/>
  <c r="Q4696" i="10"/>
  <c r="D4688" i="26" s="1"/>
  <c r="C4432" i="26"/>
  <c r="Q4440" i="10"/>
  <c r="D4432" i="26" s="1"/>
  <c r="C4176" i="26"/>
  <c r="Q4184" i="10"/>
  <c r="D4176" i="26" s="1"/>
  <c r="Q3928" i="10"/>
  <c r="D3920" i="26" s="1"/>
  <c r="C3920" i="26"/>
  <c r="Q3672" i="10"/>
  <c r="D3664" i="26" s="1"/>
  <c r="C3664" i="26"/>
  <c r="Q3416" i="10"/>
  <c r="D3408" i="26" s="1"/>
  <c r="C3408" i="26"/>
  <c r="Q3160" i="10"/>
  <c r="D3152" i="26" s="1"/>
  <c r="C3152" i="26"/>
  <c r="Q2904" i="10"/>
  <c r="D2896" i="26" s="1"/>
  <c r="C2896" i="26"/>
  <c r="C5631" i="26"/>
  <c r="Q5639" i="10"/>
  <c r="D5631" i="26" s="1"/>
  <c r="C5375" i="26"/>
  <c r="Q5383" i="10"/>
  <c r="D5375" i="26" s="1"/>
  <c r="C5119" i="26"/>
  <c r="E5119" i="26" s="1"/>
  <c r="Q5127" i="10"/>
  <c r="D5119" i="26" s="1"/>
  <c r="C4863" i="26"/>
  <c r="E4863" i="26" s="1"/>
  <c r="Q4871" i="10"/>
  <c r="D4863" i="26" s="1"/>
  <c r="C4607" i="26"/>
  <c r="Q4615" i="10"/>
  <c r="D4607" i="26" s="1"/>
  <c r="C4351" i="26"/>
  <c r="Q4359" i="10"/>
  <c r="D4351" i="26" s="1"/>
  <c r="C4095" i="26"/>
  <c r="Q4103" i="10"/>
  <c r="D4095" i="26" s="1"/>
  <c r="Q3847" i="10"/>
  <c r="D3839" i="26" s="1"/>
  <c r="C3839" i="26"/>
  <c r="Q3591" i="10"/>
  <c r="D3583" i="26" s="1"/>
  <c r="C3583" i="26"/>
  <c r="Q3335" i="10"/>
  <c r="D3327" i="26" s="1"/>
  <c r="C3327" i="26"/>
  <c r="Q3079" i="10"/>
  <c r="D3071" i="26" s="1"/>
  <c r="C3071" i="26"/>
  <c r="C5702" i="26"/>
  <c r="Q5710" i="10"/>
  <c r="D5702" i="26" s="1"/>
  <c r="C5286" i="26"/>
  <c r="Q5294" i="10"/>
  <c r="D5286" i="26" s="1"/>
  <c r="C5030" i="26"/>
  <c r="E5030" i="26" s="1"/>
  <c r="Q5038" i="10"/>
  <c r="D5030" i="26" s="1"/>
  <c r="C4774" i="26"/>
  <c r="Q4782" i="10"/>
  <c r="D4774" i="26" s="1"/>
  <c r="C4262" i="26"/>
  <c r="Q4270" i="10"/>
  <c r="D4262" i="26" s="1"/>
  <c r="Q3758" i="10"/>
  <c r="D3750" i="26" s="1"/>
  <c r="C3750" i="26"/>
  <c r="Q3246" i="10"/>
  <c r="D3238" i="26" s="1"/>
  <c r="C3238" i="26"/>
  <c r="C5413" i="26"/>
  <c r="Q5421" i="10"/>
  <c r="D5413" i="26" s="1"/>
  <c r="C4901" i="26"/>
  <c r="E4901" i="26" s="1"/>
  <c r="Q4909" i="10"/>
  <c r="D4901" i="26" s="1"/>
  <c r="C4389" i="26"/>
  <c r="E4389" i="26" s="1"/>
  <c r="Q4397" i="10"/>
  <c r="D4389" i="26" s="1"/>
  <c r="C3877" i="26"/>
  <c r="E3877" i="26" s="1"/>
  <c r="Q3885" i="10"/>
  <c r="D3877" i="26" s="1"/>
  <c r="C3365" i="26"/>
  <c r="Q3373" i="10"/>
  <c r="D3365" i="26" s="1"/>
  <c r="C2853" i="26"/>
  <c r="Q2861" i="10"/>
  <c r="D2853" i="26" s="1"/>
  <c r="C5636" i="26"/>
  <c r="Q5644" i="10"/>
  <c r="D5636" i="26" s="1"/>
  <c r="C5380" i="26"/>
  <c r="Q5388" i="10"/>
  <c r="D5380" i="26" s="1"/>
  <c r="C5124" i="26"/>
  <c r="E5124" i="26" s="1"/>
  <c r="Q5132" i="10"/>
  <c r="D5124" i="26" s="1"/>
  <c r="C4868" i="26"/>
  <c r="E4868" i="26" s="1"/>
  <c r="Q4876" i="10"/>
  <c r="D4868" i="26" s="1"/>
  <c r="C4612" i="26"/>
  <c r="E4612" i="26" s="1"/>
  <c r="Q4620" i="10"/>
  <c r="D4612" i="26" s="1"/>
  <c r="C4356" i="26"/>
  <c r="E4356" i="26" s="1"/>
  <c r="Q4364" i="10"/>
  <c r="D4356" i="26" s="1"/>
  <c r="C4100" i="26"/>
  <c r="E4100" i="26" s="1"/>
  <c r="Q4108" i="10"/>
  <c r="D4100" i="26" s="1"/>
  <c r="C3844" i="26"/>
  <c r="E3844" i="26" s="1"/>
  <c r="Q3852" i="10"/>
  <c r="D3844" i="26" s="1"/>
  <c r="C3588" i="26"/>
  <c r="Q3596" i="10"/>
  <c r="D3588" i="26" s="1"/>
  <c r="C3332" i="26"/>
  <c r="Q3340" i="10"/>
  <c r="D3332" i="26" s="1"/>
  <c r="C3076" i="26"/>
  <c r="Q3084" i="10"/>
  <c r="D3076" i="26" s="1"/>
  <c r="C3861" i="26"/>
  <c r="Q3869" i="10"/>
  <c r="D3861" i="26" s="1"/>
  <c r="C7221" i="26"/>
  <c r="Q7229" i="10"/>
  <c r="D7221" i="26" s="1"/>
  <c r="C6709" i="26"/>
  <c r="Q6717" i="10"/>
  <c r="D6709" i="26" s="1"/>
  <c r="C6197" i="26"/>
  <c r="Q6205" i="10"/>
  <c r="D6197" i="26" s="1"/>
  <c r="Q7316" i="10"/>
  <c r="D7308" i="26" s="1"/>
  <c r="C7308" i="26"/>
  <c r="C7052" i="26"/>
  <c r="Q7060" i="10"/>
  <c r="D7052" i="26" s="1"/>
  <c r="C6796" i="26"/>
  <c r="Q6804" i="10"/>
  <c r="D6796" i="26" s="1"/>
  <c r="C6540" i="26"/>
  <c r="Q6548" i="10"/>
  <c r="D6540" i="26" s="1"/>
  <c r="C6284" i="26"/>
  <c r="Q6292" i="10"/>
  <c r="D6284" i="26" s="1"/>
  <c r="C6028" i="26"/>
  <c r="Q6036" i="10"/>
  <c r="D6028" i="26" s="1"/>
  <c r="Q7211" i="10"/>
  <c r="D7203" i="26" s="1"/>
  <c r="C7203" i="26"/>
  <c r="Q6955" i="10"/>
  <c r="D6947" i="26" s="1"/>
  <c r="C6947" i="26"/>
  <c r="Q6699" i="10"/>
  <c r="D6691" i="26" s="1"/>
  <c r="C6691" i="26"/>
  <c r="Q6443" i="10"/>
  <c r="D6435" i="26" s="1"/>
  <c r="C6435" i="26"/>
  <c r="Q6187" i="10"/>
  <c r="D6179" i="26" s="1"/>
  <c r="C6179" i="26"/>
  <c r="Q5675" i="10"/>
  <c r="D5667" i="26" s="1"/>
  <c r="C5667" i="26"/>
  <c r="E5667" i="26" s="1"/>
  <c r="Q5419" i="10"/>
  <c r="D5411" i="26" s="1"/>
  <c r="C5411" i="26"/>
  <c r="C7210" i="26"/>
  <c r="Q7218" i="10"/>
  <c r="D7210" i="26" s="1"/>
  <c r="C6954" i="26"/>
  <c r="Q6962" i="10"/>
  <c r="D6954" i="26" s="1"/>
  <c r="C6698" i="26"/>
  <c r="Q6706" i="10"/>
  <c r="D6698" i="26" s="1"/>
  <c r="C6442" i="26"/>
  <c r="Q6450" i="10"/>
  <c r="D6442" i="26" s="1"/>
  <c r="C6186" i="26"/>
  <c r="Q6194" i="10"/>
  <c r="D6186" i="26" s="1"/>
  <c r="C7361" i="26"/>
  <c r="Q7369" i="10"/>
  <c r="D7361" i="26" s="1"/>
  <c r="C7105" i="26"/>
  <c r="Q7113" i="10"/>
  <c r="D7105" i="26" s="1"/>
  <c r="C6849" i="26"/>
  <c r="Q6857" i="10"/>
  <c r="D6849" i="26" s="1"/>
  <c r="C6593" i="26"/>
  <c r="Q6601" i="10"/>
  <c r="D6593" i="26" s="1"/>
  <c r="C6337" i="26"/>
  <c r="Q6345" i="10"/>
  <c r="D6337" i="26" s="1"/>
  <c r="C6081" i="26"/>
  <c r="Q6089" i="10"/>
  <c r="D6081" i="26" s="1"/>
  <c r="C5601" i="26"/>
  <c r="Q5609" i="10"/>
  <c r="D5601" i="26" s="1"/>
  <c r="C5345" i="26"/>
  <c r="Q5353" i="10"/>
  <c r="D5345" i="26" s="1"/>
  <c r="C5089" i="26"/>
  <c r="Q5097" i="10"/>
  <c r="D5089" i="26" s="1"/>
  <c r="C7400" i="26"/>
  <c r="Q7408" i="10"/>
  <c r="D7400" i="26" s="1"/>
  <c r="C7144" i="26"/>
  <c r="Q7152" i="10"/>
  <c r="D7144" i="26" s="1"/>
  <c r="C6888" i="26"/>
  <c r="Q6896" i="10"/>
  <c r="D6888" i="26" s="1"/>
  <c r="C6632" i="26"/>
  <c r="Q6640" i="10"/>
  <c r="D6632" i="26" s="1"/>
  <c r="C6376" i="26"/>
  <c r="Q6384" i="10"/>
  <c r="D6376" i="26" s="1"/>
  <c r="C6120" i="26"/>
  <c r="Q6128" i="10"/>
  <c r="D6120" i="26" s="1"/>
  <c r="C5864" i="26"/>
  <c r="Q5872" i="10"/>
  <c r="D5864" i="26" s="1"/>
  <c r="C7231" i="26"/>
  <c r="Q7239" i="10"/>
  <c r="D7231" i="26" s="1"/>
  <c r="C6975" i="26"/>
  <c r="Q6983" i="10"/>
  <c r="D6975" i="26" s="1"/>
  <c r="C6719" i="26"/>
  <c r="Q6727" i="10"/>
  <c r="D6719" i="26" s="1"/>
  <c r="C6463" i="26"/>
  <c r="Q6471" i="10"/>
  <c r="D6463" i="26" s="1"/>
  <c r="C6207" i="26"/>
  <c r="Q6215" i="10"/>
  <c r="D6207" i="26" s="1"/>
  <c r="C5951" i="26"/>
  <c r="Q5959" i="10"/>
  <c r="D5951" i="26" s="1"/>
  <c r="C7350" i="26"/>
  <c r="Q7358" i="10"/>
  <c r="D7350" i="26" s="1"/>
  <c r="C7094" i="26"/>
  <c r="Q7102" i="10"/>
  <c r="D7094" i="26" s="1"/>
  <c r="C6838" i="26"/>
  <c r="Q6846" i="10"/>
  <c r="D6838" i="26" s="1"/>
  <c r="C6582" i="26"/>
  <c r="Q6590" i="10"/>
  <c r="D6582" i="26" s="1"/>
  <c r="C6326" i="26"/>
  <c r="Q6334" i="10"/>
  <c r="D6326" i="26" s="1"/>
  <c r="C6070" i="26"/>
  <c r="Q6078" i="10"/>
  <c r="D6070" i="26" s="1"/>
  <c r="C5211" i="26"/>
  <c r="Q5219" i="10"/>
  <c r="D5211" i="26" s="1"/>
  <c r="C4955" i="26"/>
  <c r="Q4963" i="10"/>
  <c r="D4955" i="26" s="1"/>
  <c r="C4699" i="26"/>
  <c r="Q4707" i="10"/>
  <c r="D4699" i="26" s="1"/>
  <c r="C4443" i="26"/>
  <c r="Q4451" i="10"/>
  <c r="D4443" i="26" s="1"/>
  <c r="C4187" i="26"/>
  <c r="Q4195" i="10"/>
  <c r="D4187" i="26" s="1"/>
  <c r="Q3939" i="10"/>
  <c r="D3931" i="26" s="1"/>
  <c r="C3931" i="26"/>
  <c r="Q3683" i="10"/>
  <c r="D3675" i="26" s="1"/>
  <c r="C3675" i="26"/>
  <c r="Q3427" i="10"/>
  <c r="D3419" i="26" s="1"/>
  <c r="C3419" i="26"/>
  <c r="Q3171" i="10"/>
  <c r="D3163" i="26" s="1"/>
  <c r="C3163" i="26"/>
  <c r="Q2915" i="10"/>
  <c r="D2907" i="26" s="1"/>
  <c r="C2907" i="26"/>
  <c r="C5594" i="26"/>
  <c r="Q5602" i="10"/>
  <c r="D5594" i="26" s="1"/>
  <c r="C5338" i="26"/>
  <c r="Q5346" i="10"/>
  <c r="D5338" i="26" s="1"/>
  <c r="C5082" i="26"/>
  <c r="Q5090" i="10"/>
  <c r="D5082" i="26" s="1"/>
  <c r="C4826" i="26"/>
  <c r="Q4834" i="10"/>
  <c r="D4826" i="26" s="1"/>
  <c r="C4570" i="26"/>
  <c r="Q4578" i="10"/>
  <c r="D4570" i="26" s="1"/>
  <c r="C4314" i="26"/>
  <c r="Q4322" i="10"/>
  <c r="D4314" i="26" s="1"/>
  <c r="C4058" i="26"/>
  <c r="Q4066" i="10"/>
  <c r="D4058" i="26" s="1"/>
  <c r="Q3810" i="10"/>
  <c r="D3802" i="26" s="1"/>
  <c r="C3802" i="26"/>
  <c r="Q3554" i="10"/>
  <c r="D3546" i="26" s="1"/>
  <c r="C3546" i="26"/>
  <c r="Q3298" i="10"/>
  <c r="D3290" i="26" s="1"/>
  <c r="C3290" i="26"/>
  <c r="Q3042" i="10"/>
  <c r="D3034" i="26" s="1"/>
  <c r="C3034" i="26"/>
  <c r="C5509" i="26"/>
  <c r="Q5517" i="10"/>
  <c r="D5509" i="26" s="1"/>
  <c r="C4997" i="26"/>
  <c r="Q5005" i="10"/>
  <c r="D4997" i="26" s="1"/>
  <c r="C4485" i="26"/>
  <c r="Q4493" i="10"/>
  <c r="D4485" i="26" s="1"/>
  <c r="C3973" i="26"/>
  <c r="Q3981" i="10"/>
  <c r="D3973" i="26" s="1"/>
  <c r="C3461" i="26"/>
  <c r="Q3469" i="10"/>
  <c r="D3461" i="26" s="1"/>
  <c r="C2949" i="26"/>
  <c r="Q2957" i="10"/>
  <c r="D2949" i="26" s="1"/>
  <c r="C5205" i="26"/>
  <c r="E5205" i="26" s="1"/>
  <c r="Q5213" i="10"/>
  <c r="D5205" i="26" s="1"/>
  <c r="C7189" i="26"/>
  <c r="Q7197" i="10"/>
  <c r="D7189" i="26" s="1"/>
  <c r="C6677" i="26"/>
  <c r="Q6685" i="10"/>
  <c r="D6677" i="26" s="1"/>
  <c r="C6165" i="26"/>
  <c r="Q6173" i="10"/>
  <c r="D6165" i="26" s="1"/>
  <c r="C4841" i="26"/>
  <c r="Q4849" i="10"/>
  <c r="D4841" i="26" s="1"/>
  <c r="C4585" i="26"/>
  <c r="Q4593" i="10"/>
  <c r="D4585" i="26" s="1"/>
  <c r="C4329" i="26"/>
  <c r="E4329" i="26" s="1"/>
  <c r="Q4337" i="10"/>
  <c r="D4329" i="26" s="1"/>
  <c r="C4073" i="26"/>
  <c r="E4073" i="26" s="1"/>
  <c r="Q4081" i="10"/>
  <c r="D4073" i="26" s="1"/>
  <c r="Q3825" i="10"/>
  <c r="D3817" i="26" s="1"/>
  <c r="C3817" i="26"/>
  <c r="Q3569" i="10"/>
  <c r="D3561" i="26" s="1"/>
  <c r="C3561" i="26"/>
  <c r="E3561" i="26" s="1"/>
  <c r="Q3313" i="10"/>
  <c r="D3305" i="26" s="1"/>
  <c r="C3305" i="26"/>
  <c r="Q3057" i="10"/>
  <c r="D3049" i="26" s="1"/>
  <c r="C3049" i="26"/>
  <c r="E3049" i="26" s="1"/>
  <c r="C5800" i="26"/>
  <c r="Q5808" i="10"/>
  <c r="D5800" i="26" s="1"/>
  <c r="C5544" i="26"/>
  <c r="Q5552" i="10"/>
  <c r="D5544" i="26" s="1"/>
  <c r="C5288" i="26"/>
  <c r="Q5296" i="10"/>
  <c r="D5288" i="26" s="1"/>
  <c r="C5032" i="26"/>
  <c r="Q5040" i="10"/>
  <c r="D5032" i="26" s="1"/>
  <c r="C4776" i="26"/>
  <c r="Q4784" i="10"/>
  <c r="D4776" i="26" s="1"/>
  <c r="C4520" i="26"/>
  <c r="E4520" i="26" s="1"/>
  <c r="Q4528" i="10"/>
  <c r="D4520" i="26" s="1"/>
  <c r="C4264" i="26"/>
  <c r="Q4272" i="10"/>
  <c r="D4264" i="26" s="1"/>
  <c r="C4008" i="26"/>
  <c r="Q4016" i="10"/>
  <c r="D4008" i="26" s="1"/>
  <c r="Q3760" i="10"/>
  <c r="D3752" i="26" s="1"/>
  <c r="C3752" i="26"/>
  <c r="Q3504" i="10"/>
  <c r="D3496" i="26" s="1"/>
  <c r="C3496" i="26"/>
  <c r="E3496" i="26" s="1"/>
  <c r="Q3248" i="10"/>
  <c r="D3240" i="26" s="1"/>
  <c r="C3240" i="26"/>
  <c r="Q2992" i="10"/>
  <c r="D2984" i="26" s="1"/>
  <c r="C2984" i="26"/>
  <c r="C5719" i="26"/>
  <c r="Q5727" i="10"/>
  <c r="D5719" i="26" s="1"/>
  <c r="C5463" i="26"/>
  <c r="Q5471" i="10"/>
  <c r="D5463" i="26" s="1"/>
  <c r="C5207" i="26"/>
  <c r="Q5215" i="10"/>
  <c r="D5207" i="26" s="1"/>
  <c r="C4951" i="26"/>
  <c r="Q4959" i="10"/>
  <c r="D4951" i="26" s="1"/>
  <c r="C4695" i="26"/>
  <c r="Q4703" i="10"/>
  <c r="D4695" i="26" s="1"/>
  <c r="C4439" i="26"/>
  <c r="Q4447" i="10"/>
  <c r="D4439" i="26" s="1"/>
  <c r="C4183" i="26"/>
  <c r="Q4191" i="10"/>
  <c r="D4183" i="26" s="1"/>
  <c r="Q3935" i="10"/>
  <c r="D3927" i="26" s="1"/>
  <c r="C3927" i="26"/>
  <c r="Q3679" i="10"/>
  <c r="D3671" i="26" s="1"/>
  <c r="C3671" i="26"/>
  <c r="Q3423" i="10"/>
  <c r="D3415" i="26" s="1"/>
  <c r="C3415" i="26"/>
  <c r="E3415" i="26" s="1"/>
  <c r="Q3167" i="10"/>
  <c r="D3159" i="26" s="1"/>
  <c r="C3159" i="26"/>
  <c r="Q2911" i="10"/>
  <c r="D2903" i="26" s="1"/>
  <c r="C2903" i="26"/>
  <c r="C5598" i="26"/>
  <c r="Q5606" i="10"/>
  <c r="D5598" i="26" s="1"/>
  <c r="C5342" i="26"/>
  <c r="Q5350" i="10"/>
  <c r="D5342" i="26" s="1"/>
  <c r="C5086" i="26"/>
  <c r="Q5094" i="10"/>
  <c r="D5086" i="26" s="1"/>
  <c r="C4830" i="26"/>
  <c r="Q4838" i="10"/>
  <c r="D4830" i="26" s="1"/>
  <c r="C4382" i="26"/>
  <c r="Q4390" i="10"/>
  <c r="D4382" i="26" s="1"/>
  <c r="Q3878" i="10"/>
  <c r="D3870" i="26" s="1"/>
  <c r="C3870" i="26"/>
  <c r="Q3366" i="10"/>
  <c r="D3358" i="26" s="1"/>
  <c r="C3358" i="26"/>
  <c r="Q2854" i="10"/>
  <c r="D2846" i="26" s="1"/>
  <c r="C2846" i="26"/>
  <c r="C5661" i="26"/>
  <c r="Q5669" i="10"/>
  <c r="D5661" i="26" s="1"/>
  <c r="C5405" i="26"/>
  <c r="Q5413" i="10"/>
  <c r="D5405" i="26" s="1"/>
  <c r="C5149" i="26"/>
  <c r="Q5157" i="10"/>
  <c r="D5149" i="26" s="1"/>
  <c r="C4893" i="26"/>
  <c r="Q4901" i="10"/>
  <c r="D4893" i="26" s="1"/>
  <c r="C4637" i="26"/>
  <c r="Q4645" i="10"/>
  <c r="D4637" i="26" s="1"/>
  <c r="C4381" i="26"/>
  <c r="Q4389" i="10"/>
  <c r="D4381" i="26" s="1"/>
  <c r="C4125" i="26"/>
  <c r="Q4133" i="10"/>
  <c r="D4125" i="26" s="1"/>
  <c r="C3869" i="26"/>
  <c r="Q3877" i="10"/>
  <c r="D3869" i="26" s="1"/>
  <c r="C3613" i="26"/>
  <c r="Q3621" i="10"/>
  <c r="D3613" i="26" s="1"/>
  <c r="C3357" i="26"/>
  <c r="Q3365" i="10"/>
  <c r="D3357" i="26" s="1"/>
  <c r="C3101" i="26"/>
  <c r="Q3109" i="10"/>
  <c r="D3101" i="26" s="1"/>
  <c r="C2845" i="26"/>
  <c r="Q2853" i="10"/>
  <c r="D2845" i="26" s="1"/>
  <c r="C5532" i="26"/>
  <c r="Q5540" i="10"/>
  <c r="D5532" i="26" s="1"/>
  <c r="C5276" i="26"/>
  <c r="E5276" i="26" s="1"/>
  <c r="Q5284" i="10"/>
  <c r="D5276" i="26" s="1"/>
  <c r="C5020" i="26"/>
  <c r="E5020" i="26" s="1"/>
  <c r="Q5028" i="10"/>
  <c r="D5020" i="26" s="1"/>
  <c r="C4764" i="26"/>
  <c r="E4764" i="26" s="1"/>
  <c r="Q4772" i="10"/>
  <c r="D4764" i="26" s="1"/>
  <c r="C4508" i="26"/>
  <c r="E4508" i="26" s="1"/>
  <c r="Q4516" i="10"/>
  <c r="D4508" i="26" s="1"/>
  <c r="C4252" i="26"/>
  <c r="Q4260" i="10"/>
  <c r="D4252" i="26" s="1"/>
  <c r="C3996" i="26"/>
  <c r="E3996" i="26" s="1"/>
  <c r="Q4004" i="10"/>
  <c r="D3996" i="26" s="1"/>
  <c r="C3740" i="26"/>
  <c r="E3740" i="26" s="1"/>
  <c r="Q3748" i="10"/>
  <c r="D3740" i="26" s="1"/>
  <c r="C3484" i="26"/>
  <c r="E3484" i="26" s="1"/>
  <c r="Q3492" i="10"/>
  <c r="D3484" i="26" s="1"/>
  <c r="C3228" i="26"/>
  <c r="E3228" i="26" s="1"/>
  <c r="Q3236" i="10"/>
  <c r="D3228" i="26" s="1"/>
  <c r="C2972" i="26"/>
  <c r="E2972" i="26" s="1"/>
  <c r="Q2980" i="10"/>
  <c r="D2972" i="26" s="1"/>
  <c r="C4181" i="26"/>
  <c r="E4181" i="26" s="1"/>
  <c r="Q4189" i="10"/>
  <c r="D4181" i="26" s="1"/>
  <c r="C7405" i="26"/>
  <c r="Q7413" i="10"/>
  <c r="D7405" i="26" s="1"/>
  <c r="C6893" i="26"/>
  <c r="Q6901" i="10"/>
  <c r="D6893" i="26" s="1"/>
  <c r="C6381" i="26"/>
  <c r="Q6389" i="10"/>
  <c r="D6381" i="26" s="1"/>
  <c r="C7364" i="26"/>
  <c r="Q7372" i="10"/>
  <c r="D7364" i="26" s="1"/>
  <c r="C7108" i="26"/>
  <c r="Q7116" i="10"/>
  <c r="D7108" i="26" s="1"/>
  <c r="C6852" i="26"/>
  <c r="Q6860" i="10"/>
  <c r="D6852" i="26" s="1"/>
  <c r="C6596" i="26"/>
  <c r="Q6604" i="10"/>
  <c r="D6596" i="26" s="1"/>
  <c r="C6340" i="26"/>
  <c r="Q6348" i="10"/>
  <c r="D6340" i="26" s="1"/>
  <c r="C6084" i="26"/>
  <c r="Q6092" i="10"/>
  <c r="D6084" i="26" s="1"/>
  <c r="C7291" i="26"/>
  <c r="Q7299" i="10"/>
  <c r="D7291" i="26" s="1"/>
  <c r="Q7043" i="10"/>
  <c r="D7035" i="26" s="1"/>
  <c r="C7035" i="26"/>
  <c r="Q6787" i="10"/>
  <c r="D6779" i="26" s="1"/>
  <c r="C6779" i="26"/>
  <c r="Q6531" i="10"/>
  <c r="D6523" i="26" s="1"/>
  <c r="C6523" i="26"/>
  <c r="Q6275" i="10"/>
  <c r="D6267" i="26" s="1"/>
  <c r="C6267" i="26"/>
  <c r="Q6019" i="10"/>
  <c r="D6011" i="26" s="1"/>
  <c r="C6011" i="26"/>
  <c r="C5531" i="26"/>
  <c r="Q5539" i="10"/>
  <c r="D5531" i="26" s="1"/>
  <c r="C7330" i="26"/>
  <c r="Q7338" i="10"/>
  <c r="D7330" i="26" s="1"/>
  <c r="C7074" i="26"/>
  <c r="Q7082" i="10"/>
  <c r="D7074" i="26" s="1"/>
  <c r="C6818" i="26"/>
  <c r="Q6826" i="10"/>
  <c r="D6818" i="26" s="1"/>
  <c r="C6562" i="26"/>
  <c r="Q6570" i="10"/>
  <c r="D6562" i="26" s="1"/>
  <c r="C6306" i="26"/>
  <c r="Q6314" i="10"/>
  <c r="D6306" i="26" s="1"/>
  <c r="C6050" i="26"/>
  <c r="Q6058" i="10"/>
  <c r="D6050" i="26" s="1"/>
  <c r="C7257" i="26"/>
  <c r="Q7265" i="10"/>
  <c r="D7257" i="26" s="1"/>
  <c r="C7001" i="26"/>
  <c r="Q7009" i="10"/>
  <c r="D7001" i="26" s="1"/>
  <c r="C6745" i="26"/>
  <c r="Q6753" i="10"/>
  <c r="D6745" i="26" s="1"/>
  <c r="C6489" i="26"/>
  <c r="Q6497" i="10"/>
  <c r="D6489" i="26" s="1"/>
  <c r="C6233" i="26"/>
  <c r="Q6241" i="10"/>
  <c r="D6233" i="26" s="1"/>
  <c r="C5753" i="26"/>
  <c r="Q5761" i="10"/>
  <c r="D5753" i="26" s="1"/>
  <c r="C5497" i="26"/>
  <c r="Q5505" i="10"/>
  <c r="D5497" i="26" s="1"/>
  <c r="C5241" i="26"/>
  <c r="E5241" i="26" s="1"/>
  <c r="Q5249" i="10"/>
  <c r="D5241" i="26" s="1"/>
  <c r="C4985" i="26"/>
  <c r="Q4993" i="10"/>
  <c r="D4985" i="26" s="1"/>
  <c r="C7296" i="26"/>
  <c r="Q7304" i="10"/>
  <c r="D7296" i="26" s="1"/>
  <c r="C7040" i="26"/>
  <c r="Q7048" i="10"/>
  <c r="D7040" i="26" s="1"/>
  <c r="C6784" i="26"/>
  <c r="Q6792" i="10"/>
  <c r="D6784" i="26" s="1"/>
  <c r="C6528" i="26"/>
  <c r="Q6536" i="10"/>
  <c r="D6528" i="26" s="1"/>
  <c r="C6272" i="26"/>
  <c r="Q6280" i="10"/>
  <c r="D6272" i="26" s="1"/>
  <c r="C5952" i="26"/>
  <c r="Q5960" i="10"/>
  <c r="D5952" i="26" s="1"/>
  <c r="C7223" i="26"/>
  <c r="Q7231" i="10"/>
  <c r="D7223" i="26" s="1"/>
  <c r="C6871" i="26"/>
  <c r="Q6879" i="10"/>
  <c r="D6871" i="26" s="1"/>
  <c r="C6551" i="26"/>
  <c r="Q6559" i="10"/>
  <c r="D6551" i="26" s="1"/>
  <c r="C6199" i="26"/>
  <c r="Q6207" i="10"/>
  <c r="D6199" i="26" s="1"/>
  <c r="C5847" i="26"/>
  <c r="Q5855" i="10"/>
  <c r="D5847" i="26" s="1"/>
  <c r="C7182" i="26"/>
  <c r="Q7190" i="10"/>
  <c r="D7182" i="26" s="1"/>
  <c r="C6830" i="26"/>
  <c r="Q6838" i="10"/>
  <c r="D6830" i="26" s="1"/>
  <c r="C6478" i="26"/>
  <c r="Q6486" i="10"/>
  <c r="D6478" i="26" s="1"/>
  <c r="C6158" i="26"/>
  <c r="Q6166" i="10"/>
  <c r="D6158" i="26" s="1"/>
  <c r="Q5243" i="10"/>
  <c r="D5235" i="26" s="1"/>
  <c r="C5235" i="26"/>
  <c r="E5235" i="26" s="1"/>
  <c r="C4883" i="26"/>
  <c r="E4883" i="26" s="1"/>
  <c r="Q4891" i="10"/>
  <c r="D4883" i="26" s="1"/>
  <c r="Q4539" i="10"/>
  <c r="D4531" i="26" s="1"/>
  <c r="C4531" i="26"/>
  <c r="E4531" i="26" s="1"/>
  <c r="Q4219" i="10"/>
  <c r="D4211" i="26" s="1"/>
  <c r="C4211" i="26"/>
  <c r="Q3867" i="10"/>
  <c r="D3859" i="26" s="1"/>
  <c r="C3859" i="26"/>
  <c r="E3859" i="26" s="1"/>
  <c r="Q3515" i="10"/>
  <c r="D3507" i="26" s="1"/>
  <c r="C3507" i="26"/>
  <c r="E3507" i="26" s="1"/>
  <c r="Q3195" i="10"/>
  <c r="D3187" i="26" s="1"/>
  <c r="C3187" i="26"/>
  <c r="E3187" i="26" s="1"/>
  <c r="C5522" i="26"/>
  <c r="Q5530" i="10"/>
  <c r="D5522" i="26" s="1"/>
  <c r="C5170" i="26"/>
  <c r="Q5178" i="10"/>
  <c r="D5170" i="26" s="1"/>
  <c r="C4850" i="26"/>
  <c r="E4850" i="26" s="1"/>
  <c r="Q4858" i="10"/>
  <c r="D4850" i="26" s="1"/>
  <c r="C4498" i="26"/>
  <c r="Q4506" i="10"/>
  <c r="D4498" i="26" s="1"/>
  <c r="C4146" i="26"/>
  <c r="E4146" i="26" s="1"/>
  <c r="Q4154" i="10"/>
  <c r="D4146" i="26" s="1"/>
  <c r="Q3834" i="10"/>
  <c r="D3826" i="26" s="1"/>
  <c r="C3826" i="26"/>
  <c r="E3826" i="26" s="1"/>
  <c r="Q3482" i="10"/>
  <c r="D3474" i="26" s="1"/>
  <c r="C3474" i="26"/>
  <c r="Q3130" i="10"/>
  <c r="D3122" i="26" s="1"/>
  <c r="C3122" i="26"/>
  <c r="C4629" i="26"/>
  <c r="Q4637" i="10"/>
  <c r="D4629" i="26" s="1"/>
  <c r="C7053" i="26"/>
  <c r="Q7061" i="10"/>
  <c r="D7053" i="26" s="1"/>
  <c r="C6349" i="26"/>
  <c r="Q6357" i="10"/>
  <c r="D6349" i="26" s="1"/>
  <c r="C4865" i="26"/>
  <c r="E4865" i="26" s="1"/>
  <c r="Q4873" i="10"/>
  <c r="D4865" i="26" s="1"/>
  <c r="C4545" i="26"/>
  <c r="Q4553" i="10"/>
  <c r="D4545" i="26" s="1"/>
  <c r="C4193" i="26"/>
  <c r="Q4201" i="10"/>
  <c r="D4193" i="26" s="1"/>
  <c r="Q3849" i="10"/>
  <c r="D3841" i="26" s="1"/>
  <c r="C3841" i="26"/>
  <c r="E3841" i="26" s="1"/>
  <c r="Q3529" i="10"/>
  <c r="D3521" i="26" s="1"/>
  <c r="C3521" i="26"/>
  <c r="Q3177" i="10"/>
  <c r="D3169" i="26" s="1"/>
  <c r="C3169" i="26"/>
  <c r="C5504" i="26"/>
  <c r="Q5512" i="10"/>
  <c r="D5504" i="26" s="1"/>
  <c r="C5120" i="26"/>
  <c r="E5120" i="26" s="1"/>
  <c r="Q5128" i="10"/>
  <c r="D5120" i="26" s="1"/>
  <c r="C4768" i="26"/>
  <c r="Q4776" i="10"/>
  <c r="D4768" i="26" s="1"/>
  <c r="C4416" i="26"/>
  <c r="E4416" i="26" s="1"/>
  <c r="Q4424" i="10"/>
  <c r="D4416" i="26" s="1"/>
  <c r="C4096" i="26"/>
  <c r="Q4104" i="10"/>
  <c r="D4096" i="26" s="1"/>
  <c r="Q3752" i="10"/>
  <c r="D3744" i="26" s="1"/>
  <c r="C3744" i="26"/>
  <c r="Q3400" i="10"/>
  <c r="D3392" i="26" s="1"/>
  <c r="C3392" i="26"/>
  <c r="E3392" i="26" s="1"/>
  <c r="Q3080" i="10"/>
  <c r="D3072" i="26" s="1"/>
  <c r="C3072" i="26"/>
  <c r="C5711" i="26"/>
  <c r="Q5719" i="10"/>
  <c r="D5711" i="26" s="1"/>
  <c r="C5199" i="26"/>
  <c r="E5199" i="26" s="1"/>
  <c r="Q5207" i="10"/>
  <c r="D5199" i="26" s="1"/>
  <c r="C4687" i="26"/>
  <c r="Q4695" i="10"/>
  <c r="D4687" i="26" s="1"/>
  <c r="C4175" i="26"/>
  <c r="E4175" i="26" s="1"/>
  <c r="Q4183" i="10"/>
  <c r="D4175" i="26" s="1"/>
  <c r="Q3671" i="10"/>
  <c r="D3663" i="26" s="1"/>
  <c r="C3663" i="26"/>
  <c r="Q3287" i="10"/>
  <c r="D3279" i="26" s="1"/>
  <c r="C3279" i="26"/>
  <c r="Q2935" i="10"/>
  <c r="D2927" i="26" s="1"/>
  <c r="C2927" i="26"/>
  <c r="C5622" i="26"/>
  <c r="Q5630" i="10"/>
  <c r="D5622" i="26" s="1"/>
  <c r="C4694" i="26"/>
  <c r="Q4702" i="10"/>
  <c r="D4694" i="26" s="1"/>
  <c r="C4342" i="26"/>
  <c r="E4342" i="26" s="1"/>
  <c r="Q4350" i="10"/>
  <c r="D4342" i="26" s="1"/>
  <c r="C3990" i="26"/>
  <c r="Q3998" i="10"/>
  <c r="D3990" i="26" s="1"/>
  <c r="Q3678" i="10"/>
  <c r="D3670" i="26" s="1"/>
  <c r="C3670" i="26"/>
  <c r="Q3326" i="10"/>
  <c r="D3318" i="26" s="1"/>
  <c r="C3318" i="26"/>
  <c r="Q2974" i="10"/>
  <c r="D2966" i="26" s="1"/>
  <c r="C2966" i="26"/>
  <c r="C5557" i="26"/>
  <c r="Q5565" i="10"/>
  <c r="D5557" i="26" s="1"/>
  <c r="C4853" i="26"/>
  <c r="E4853" i="26" s="1"/>
  <c r="Q4861" i="10"/>
  <c r="D4853" i="26" s="1"/>
  <c r="C4213" i="26"/>
  <c r="Q4221" i="10"/>
  <c r="D4213" i="26" s="1"/>
  <c r="C3509" i="26"/>
  <c r="Q3517" i="10"/>
  <c r="D3509" i="26" s="1"/>
  <c r="C5460" i="26"/>
  <c r="Q5468" i="10"/>
  <c r="D5460" i="26" s="1"/>
  <c r="C5108" i="26"/>
  <c r="Q5116" i="10"/>
  <c r="D5108" i="26" s="1"/>
  <c r="C4756" i="26"/>
  <c r="Q4764" i="10"/>
  <c r="D4756" i="26" s="1"/>
  <c r="C4436" i="26"/>
  <c r="Q4444" i="10"/>
  <c r="D4436" i="26" s="1"/>
  <c r="C4084" i="26"/>
  <c r="Q4092" i="10"/>
  <c r="D4084" i="26" s="1"/>
  <c r="C3732" i="26"/>
  <c r="Q3740" i="10"/>
  <c r="D3732" i="26" s="1"/>
  <c r="C3412" i="26"/>
  <c r="Q3420" i="10"/>
  <c r="D3412" i="26" s="1"/>
  <c r="C3060" i="26"/>
  <c r="Q3068" i="10"/>
  <c r="D3060" i="26" s="1"/>
  <c r="C5717" i="26"/>
  <c r="Q5725" i="10"/>
  <c r="D5717" i="26" s="1"/>
  <c r="C7333" i="26"/>
  <c r="Q7341" i="10"/>
  <c r="D7333" i="26" s="1"/>
  <c r="C6693" i="26"/>
  <c r="Q6701" i="10"/>
  <c r="D6693" i="26" s="1"/>
  <c r="C7420" i="26"/>
  <c r="Q7428" i="10"/>
  <c r="D7420" i="26" s="1"/>
  <c r="C7100" i="26"/>
  <c r="Q7108" i="10"/>
  <c r="D7100" i="26" s="1"/>
  <c r="C6748" i="26"/>
  <c r="Q6756" i="10"/>
  <c r="D6748" i="26" s="1"/>
  <c r="C6396" i="26"/>
  <c r="Q6404" i="10"/>
  <c r="D6396" i="26" s="1"/>
  <c r="C6076" i="26"/>
  <c r="Q6084" i="10"/>
  <c r="D6076" i="26" s="1"/>
  <c r="Q7163" i="10"/>
  <c r="D7155" i="26" s="1"/>
  <c r="C7155" i="26"/>
  <c r="Q6843" i="10"/>
  <c r="D6835" i="26" s="1"/>
  <c r="C6835" i="26"/>
  <c r="C6483" i="26"/>
  <c r="Q6491" i="10"/>
  <c r="D6483" i="26" s="1"/>
  <c r="Q6139" i="10"/>
  <c r="D6131" i="26" s="1"/>
  <c r="C6131" i="26"/>
  <c r="Q5563" i="10"/>
  <c r="D5555" i="26" s="1"/>
  <c r="C5555" i="26"/>
  <c r="C7258" i="26"/>
  <c r="Q7266" i="10"/>
  <c r="D7258" i="26" s="1"/>
  <c r="C6906" i="26"/>
  <c r="Q6914" i="10"/>
  <c r="D6906" i="26" s="1"/>
  <c r="C6586" i="26"/>
  <c r="Q6594" i="10"/>
  <c r="D6586" i="26" s="1"/>
  <c r="C6234" i="26"/>
  <c r="Q6242" i="10"/>
  <c r="D6234" i="26" s="1"/>
  <c r="C7377" i="26"/>
  <c r="Q7385" i="10"/>
  <c r="D7377" i="26" s="1"/>
  <c r="C7025" i="26"/>
  <c r="Q7033" i="10"/>
  <c r="D7025" i="26" s="1"/>
  <c r="C6673" i="26"/>
  <c r="Q6681" i="10"/>
  <c r="D6673" i="26" s="1"/>
  <c r="C6353" i="26"/>
  <c r="Q6361" i="10"/>
  <c r="D6353" i="26" s="1"/>
  <c r="C5745" i="26"/>
  <c r="Q5753" i="10"/>
  <c r="D5745" i="26" s="1"/>
  <c r="C5393" i="26"/>
  <c r="Q5401" i="10"/>
  <c r="D5393" i="26" s="1"/>
  <c r="C5073" i="26"/>
  <c r="Q5081" i="10"/>
  <c r="D5073" i="26" s="1"/>
  <c r="C7288" i="26"/>
  <c r="Q7296" i="10"/>
  <c r="D7288" i="26" s="1"/>
  <c r="C6936" i="26"/>
  <c r="Q6944" i="10"/>
  <c r="D6936" i="26" s="1"/>
  <c r="C6616" i="26"/>
  <c r="Q6624" i="10"/>
  <c r="D6616" i="26" s="1"/>
  <c r="C6264" i="26"/>
  <c r="Q6272" i="10"/>
  <c r="D6264" i="26" s="1"/>
  <c r="C5912" i="26"/>
  <c r="Q5920" i="10"/>
  <c r="D5912" i="26" s="1"/>
  <c r="C7215" i="26"/>
  <c r="Q7223" i="10"/>
  <c r="D7215" i="26" s="1"/>
  <c r="C6863" i="26"/>
  <c r="Q6871" i="10"/>
  <c r="D6863" i="26" s="1"/>
  <c r="C6511" i="26"/>
  <c r="Q6519" i="10"/>
  <c r="D6511" i="26" s="1"/>
  <c r="C6191" i="26"/>
  <c r="Q6199" i="10"/>
  <c r="D6191" i="26" s="1"/>
  <c r="C5839" i="26"/>
  <c r="Q5847" i="10"/>
  <c r="D5839" i="26" s="1"/>
  <c r="C7142" i="26"/>
  <c r="Q7150" i="10"/>
  <c r="D7142" i="26" s="1"/>
  <c r="C6822" i="26"/>
  <c r="E6822" i="26" s="1"/>
  <c r="Q6830" i="10"/>
  <c r="D6822" i="26" s="1"/>
  <c r="C6470" i="26"/>
  <c r="Q6478" i="10"/>
  <c r="D6470" i="26" s="1"/>
  <c r="C6118" i="26"/>
  <c r="Q6126" i="10"/>
  <c r="D6118" i="26" s="1"/>
  <c r="Q5171" i="10"/>
  <c r="D5163" i="26" s="1"/>
  <c r="C5163" i="26"/>
  <c r="E5163" i="26" s="1"/>
  <c r="C4811" i="26"/>
  <c r="E4811" i="26" s="1"/>
  <c r="Q4819" i="10"/>
  <c r="D4811" i="26" s="1"/>
  <c r="C4491" i="26"/>
  <c r="E4491" i="26" s="1"/>
  <c r="Q4499" i="10"/>
  <c r="D4491" i="26" s="1"/>
  <c r="Q4147" i="10"/>
  <c r="D4139" i="26" s="1"/>
  <c r="C4139" i="26"/>
  <c r="Q3795" i="10"/>
  <c r="D3787" i="26" s="1"/>
  <c r="C3787" i="26"/>
  <c r="E3787" i="26" s="1"/>
  <c r="Q3475" i="10"/>
  <c r="D3467" i="26" s="1"/>
  <c r="C3467" i="26"/>
  <c r="E3467" i="26" s="1"/>
  <c r="Q3123" i="10"/>
  <c r="D3115" i="26" s="1"/>
  <c r="C3115" i="26"/>
  <c r="E3115" i="26" s="1"/>
  <c r="C5450" i="26"/>
  <c r="Q5458" i="10"/>
  <c r="D5450" i="26" s="1"/>
  <c r="C5130" i="26"/>
  <c r="Q5138" i="10"/>
  <c r="D5130" i="26" s="1"/>
  <c r="C4778" i="26"/>
  <c r="Q4786" i="10"/>
  <c r="D4778" i="26" s="1"/>
  <c r="C4426" i="26"/>
  <c r="Q4434" i="10"/>
  <c r="D4426" i="26" s="1"/>
  <c r="C4106" i="26"/>
  <c r="E4106" i="26" s="1"/>
  <c r="Q4114" i="10"/>
  <c r="D4106" i="26" s="1"/>
  <c r="Q3762" i="10"/>
  <c r="D3754" i="26" s="1"/>
  <c r="C3754" i="26"/>
  <c r="Q3410" i="10"/>
  <c r="D3402" i="26" s="1"/>
  <c r="C3402" i="26"/>
  <c r="Q3090" i="10"/>
  <c r="D3082" i="26" s="1"/>
  <c r="C3082" i="26"/>
  <c r="C6981" i="26"/>
  <c r="Q6989" i="10"/>
  <c r="D6981" i="26" s="1"/>
  <c r="C6341" i="26"/>
  <c r="Q6349" i="10"/>
  <c r="D6341" i="26" s="1"/>
  <c r="C4793" i="26"/>
  <c r="Q4801" i="10"/>
  <c r="D4793" i="26" s="1"/>
  <c r="C4473" i="26"/>
  <c r="Q4481" i="10"/>
  <c r="D4473" i="26" s="1"/>
  <c r="C4121" i="26"/>
  <c r="Q4129" i="10"/>
  <c r="D4121" i="26" s="1"/>
  <c r="Q3777" i="10"/>
  <c r="D3769" i="26" s="1"/>
  <c r="C3769" i="26"/>
  <c r="Q3457" i="10"/>
  <c r="D3449" i="26" s="1"/>
  <c r="C3449" i="26"/>
  <c r="Q3105" i="10"/>
  <c r="D3097" i="26" s="1"/>
  <c r="C3097" i="26"/>
  <c r="C5496" i="26"/>
  <c r="Q5504" i="10"/>
  <c r="D5496" i="26" s="1"/>
  <c r="C5176" i="26"/>
  <c r="Q5184" i="10"/>
  <c r="D5176" i="26" s="1"/>
  <c r="C4824" i="26"/>
  <c r="Q4832" i="10"/>
  <c r="D4824" i="26" s="1"/>
  <c r="C4472" i="26"/>
  <c r="Q4480" i="10"/>
  <c r="D4472" i="26" s="1"/>
  <c r="C4152" i="26"/>
  <c r="Q4160" i="10"/>
  <c r="D4152" i="26" s="1"/>
  <c r="Q3808" i="10"/>
  <c r="D3800" i="26" s="1"/>
  <c r="C3800" i="26"/>
  <c r="Q3456" i="10"/>
  <c r="D3448" i="26" s="1"/>
  <c r="C3448" i="26"/>
  <c r="Q3136" i="10"/>
  <c r="D3128" i="26" s="1"/>
  <c r="C3128" i="26"/>
  <c r="C5511" i="26"/>
  <c r="Q5519" i="10"/>
  <c r="D5511" i="26" s="1"/>
  <c r="C5159" i="26"/>
  <c r="Q5167" i="10"/>
  <c r="D5159" i="26" s="1"/>
  <c r="C4839" i="26"/>
  <c r="E4839" i="26" s="1"/>
  <c r="Q4847" i="10"/>
  <c r="D4839" i="26" s="1"/>
  <c r="C4487" i="26"/>
  <c r="Q4495" i="10"/>
  <c r="D4487" i="26" s="1"/>
  <c r="C4135" i="26"/>
  <c r="Q4143" i="10"/>
  <c r="D4135" i="26" s="1"/>
  <c r="Q3823" i="10"/>
  <c r="D3815" i="26" s="1"/>
  <c r="C3815" i="26"/>
  <c r="E3815" i="26" s="1"/>
  <c r="Q3471" i="10"/>
  <c r="D3463" i="26" s="1"/>
  <c r="C3463" i="26"/>
  <c r="Q3119" i="10"/>
  <c r="D3111" i="26" s="1"/>
  <c r="C3111" i="26"/>
  <c r="C5166" i="26"/>
  <c r="Q5174" i="10"/>
  <c r="D5166" i="26" s="1"/>
  <c r="C4814" i="26"/>
  <c r="Q4822" i="10"/>
  <c r="D4814" i="26" s="1"/>
  <c r="C4494" i="26"/>
  <c r="E4494" i="26" s="1"/>
  <c r="Q4502" i="10"/>
  <c r="D4494" i="26" s="1"/>
  <c r="C4142" i="26"/>
  <c r="Q4150" i="10"/>
  <c r="D4142" i="26" s="1"/>
  <c r="Q3798" i="10"/>
  <c r="D3790" i="26" s="1"/>
  <c r="C3790" i="26"/>
  <c r="Q3478" i="10"/>
  <c r="D3470" i="26" s="1"/>
  <c r="C3470" i="26"/>
  <c r="E3470" i="26" s="1"/>
  <c r="Q3126" i="10"/>
  <c r="D3118" i="26" s="1"/>
  <c r="C3118" i="26"/>
  <c r="C5229" i="26"/>
  <c r="Q5237" i="10"/>
  <c r="D5229" i="26" s="1"/>
  <c r="C4205" i="26"/>
  <c r="Q4213" i="10"/>
  <c r="D4205" i="26" s="1"/>
  <c r="C3181" i="26"/>
  <c r="Q3189" i="10"/>
  <c r="D3181" i="26" s="1"/>
  <c r="C5452" i="26"/>
  <c r="Q5460" i="10"/>
  <c r="D5452" i="26" s="1"/>
  <c r="C5004" i="26"/>
  <c r="Q5012" i="10"/>
  <c r="D5004" i="26" s="1"/>
  <c r="C4492" i="26"/>
  <c r="Q4500" i="10"/>
  <c r="D4492" i="26" s="1"/>
  <c r="C3980" i="26"/>
  <c r="Q3988" i="10"/>
  <c r="D3980" i="26" s="1"/>
  <c r="C3468" i="26"/>
  <c r="E3468" i="26" s="1"/>
  <c r="Q3476" i="10"/>
  <c r="D3468" i="26" s="1"/>
  <c r="C2956" i="26"/>
  <c r="Q2964" i="10"/>
  <c r="D2956" i="26" s="1"/>
  <c r="C6525" i="26"/>
  <c r="Q6533" i="10"/>
  <c r="D6525" i="26" s="1"/>
  <c r="C6749" i="26"/>
  <c r="Q6757" i="10"/>
  <c r="D6749" i="26" s="1"/>
  <c r="C7229" i="26"/>
  <c r="Q7237" i="10"/>
  <c r="D7229" i="26" s="1"/>
  <c r="C6717" i="26"/>
  <c r="Q6725" i="10"/>
  <c r="D6717" i="26" s="1"/>
  <c r="C6461" i="26"/>
  <c r="Q6469" i="10"/>
  <c r="D6461" i="26" s="1"/>
  <c r="C6205" i="26"/>
  <c r="Q6213" i="10"/>
  <c r="D6205" i="26" s="1"/>
  <c r="Q7420" i="10"/>
  <c r="D7412" i="26" s="1"/>
  <c r="C7412" i="26"/>
  <c r="C7156" i="26"/>
  <c r="Q7164" i="10"/>
  <c r="D7156" i="26" s="1"/>
  <c r="C6900" i="26"/>
  <c r="Q6908" i="10"/>
  <c r="D6900" i="26" s="1"/>
  <c r="C6644" i="26"/>
  <c r="Q6652" i="10"/>
  <c r="D6644" i="26" s="1"/>
  <c r="C6388" i="26"/>
  <c r="Q6396" i="10"/>
  <c r="D6388" i="26" s="1"/>
  <c r="C6132" i="26"/>
  <c r="Q6140" i="10"/>
  <c r="D6132" i="26" s="1"/>
  <c r="Q7315" i="10"/>
  <c r="D7307" i="26" s="1"/>
  <c r="C7307" i="26"/>
  <c r="C7051" i="26"/>
  <c r="Q7059" i="10"/>
  <c r="D7051" i="26" s="1"/>
  <c r="C6795" i="26"/>
  <c r="Q6803" i="10"/>
  <c r="D6795" i="26" s="1"/>
  <c r="C6539" i="26"/>
  <c r="Q6547" i="10"/>
  <c r="D6539" i="26" s="1"/>
  <c r="C6283" i="26"/>
  <c r="Q6291" i="10"/>
  <c r="D6283" i="26" s="1"/>
  <c r="C6027" i="26"/>
  <c r="Q6035" i="10"/>
  <c r="D6027" i="26" s="1"/>
  <c r="C5515" i="26"/>
  <c r="Q5523" i="10"/>
  <c r="D5515" i="26" s="1"/>
  <c r="C7314" i="26"/>
  <c r="Q7322" i="10"/>
  <c r="D7314" i="26" s="1"/>
  <c r="C7058" i="26"/>
  <c r="Q7066" i="10"/>
  <c r="D7058" i="26" s="1"/>
  <c r="C6802" i="26"/>
  <c r="Q6810" i="10"/>
  <c r="D6802" i="26" s="1"/>
  <c r="C6546" i="26"/>
  <c r="Q6554" i="10"/>
  <c r="D6546" i="26" s="1"/>
  <c r="C6290" i="26"/>
  <c r="Q6298" i="10"/>
  <c r="D6290" i="26" s="1"/>
  <c r="C6034" i="26"/>
  <c r="Q6042" i="10"/>
  <c r="D6034" i="26" s="1"/>
  <c r="C7209" i="26"/>
  <c r="Q7217" i="10"/>
  <c r="D7209" i="26" s="1"/>
  <c r="C6953" i="26"/>
  <c r="Q6961" i="10"/>
  <c r="D6953" i="26" s="1"/>
  <c r="C6697" i="26"/>
  <c r="Q6705" i="10"/>
  <c r="D6697" i="26" s="1"/>
  <c r="C6441" i="26"/>
  <c r="Q6449" i="10"/>
  <c r="D6441" i="26" s="1"/>
  <c r="C6185" i="26"/>
  <c r="Q6193" i="10"/>
  <c r="D6185" i="26" s="1"/>
  <c r="C5673" i="26"/>
  <c r="Q5681" i="10"/>
  <c r="D5673" i="26" s="1"/>
  <c r="C5417" i="26"/>
  <c r="Q5425" i="10"/>
  <c r="D5417" i="26" s="1"/>
  <c r="C5161" i="26"/>
  <c r="Q5169" i="10"/>
  <c r="D5161" i="26" s="1"/>
  <c r="C4905" i="26"/>
  <c r="Q4913" i="10"/>
  <c r="D4905" i="26" s="1"/>
  <c r="C7216" i="26"/>
  <c r="Q7224" i="10"/>
  <c r="D7216" i="26" s="1"/>
  <c r="C6960" i="26"/>
  <c r="Q6968" i="10"/>
  <c r="D6960" i="26" s="1"/>
  <c r="C6704" i="26"/>
  <c r="Q6712" i="10"/>
  <c r="D6704" i="26" s="1"/>
  <c r="C6448" i="26"/>
  <c r="Q6456" i="10"/>
  <c r="D6448" i="26" s="1"/>
  <c r="C6192" i="26"/>
  <c r="Q6200" i="10"/>
  <c r="D6192" i="26" s="1"/>
  <c r="C5936" i="26"/>
  <c r="Q5944" i="10"/>
  <c r="D5936" i="26" s="1"/>
  <c r="C7303" i="26"/>
  <c r="Q7311" i="10"/>
  <c r="D7303" i="26" s="1"/>
  <c r="C7047" i="26"/>
  <c r="Q7055" i="10"/>
  <c r="D7047" i="26" s="1"/>
  <c r="C6791" i="26"/>
  <c r="Q6799" i="10"/>
  <c r="D6791" i="26" s="1"/>
  <c r="C6535" i="26"/>
  <c r="Q6543" i="10"/>
  <c r="D6535" i="26" s="1"/>
  <c r="C6279" i="26"/>
  <c r="Q6287" i="10"/>
  <c r="D6279" i="26" s="1"/>
  <c r="C6023" i="26"/>
  <c r="Q6031" i="10"/>
  <c r="D6023" i="26" s="1"/>
  <c r="C7422" i="26"/>
  <c r="Q7430" i="10"/>
  <c r="D7422" i="26" s="1"/>
  <c r="C7166" i="26"/>
  <c r="Q7174" i="10"/>
  <c r="D7166" i="26" s="1"/>
  <c r="C6910" i="26"/>
  <c r="Q6918" i="10"/>
  <c r="D6910" i="26" s="1"/>
  <c r="C6654" i="26"/>
  <c r="Q6662" i="10"/>
  <c r="D6654" i="26" s="1"/>
  <c r="C6398" i="26"/>
  <c r="Q6406" i="10"/>
  <c r="D6398" i="26" s="1"/>
  <c r="C6142" i="26"/>
  <c r="Q6150" i="10"/>
  <c r="D6142" i="26" s="1"/>
  <c r="Q5291" i="10"/>
  <c r="D5283" i="26" s="1"/>
  <c r="C5283" i="26"/>
  <c r="Q5035" i="10"/>
  <c r="D5027" i="26" s="1"/>
  <c r="C5027" i="26"/>
  <c r="Q4779" i="10"/>
  <c r="D4771" i="26" s="1"/>
  <c r="C4771" i="26"/>
  <c r="Q4523" i="10"/>
  <c r="D4515" i="26" s="1"/>
  <c r="C4515" i="26"/>
  <c r="Q4267" i="10"/>
  <c r="D4259" i="26" s="1"/>
  <c r="C4259" i="26"/>
  <c r="Q4011" i="10"/>
  <c r="D4003" i="26" s="1"/>
  <c r="C4003" i="26"/>
  <c r="Q3755" i="10"/>
  <c r="D3747" i="26" s="1"/>
  <c r="C3747" i="26"/>
  <c r="Q3499" i="10"/>
  <c r="D3491" i="26" s="1"/>
  <c r="C3491" i="26"/>
  <c r="Q3243" i="10"/>
  <c r="D3235" i="26" s="1"/>
  <c r="C3235" i="26"/>
  <c r="Q2987" i="10"/>
  <c r="D2979" i="26" s="1"/>
  <c r="C2979" i="26"/>
  <c r="C5634" i="26"/>
  <c r="Q5642" i="10"/>
  <c r="D5634" i="26" s="1"/>
  <c r="C5378" i="26"/>
  <c r="Q5386" i="10"/>
  <c r="D5378" i="26" s="1"/>
  <c r="C5122" i="26"/>
  <c r="E5122" i="26" s="1"/>
  <c r="Q5130" i="10"/>
  <c r="D5122" i="26" s="1"/>
  <c r="C4866" i="26"/>
  <c r="E4866" i="26" s="1"/>
  <c r="Q4874" i="10"/>
  <c r="D4866" i="26" s="1"/>
  <c r="C4610" i="26"/>
  <c r="E4610" i="26" s="1"/>
  <c r="Q4618" i="10"/>
  <c r="D4610" i="26" s="1"/>
  <c r="C4354" i="26"/>
  <c r="Q4362" i="10"/>
  <c r="D4354" i="26" s="1"/>
  <c r="C4098" i="26"/>
  <c r="Q4106" i="10"/>
  <c r="D4098" i="26" s="1"/>
  <c r="Q3850" i="10"/>
  <c r="D3842" i="26" s="1"/>
  <c r="C3842" i="26"/>
  <c r="Q3594" i="10"/>
  <c r="D3586" i="26" s="1"/>
  <c r="C3586" i="26"/>
  <c r="E3586" i="26" s="1"/>
  <c r="Q3338" i="10"/>
  <c r="D3330" i="26" s="1"/>
  <c r="C3330" i="26"/>
  <c r="Q3082" i="10"/>
  <c r="D3074" i="26" s="1"/>
  <c r="C3074" i="26"/>
  <c r="C5453" i="26"/>
  <c r="Q5461" i="10"/>
  <c r="D5453" i="26" s="1"/>
  <c r="C4941" i="26"/>
  <c r="Q4949" i="10"/>
  <c r="D4941" i="26" s="1"/>
  <c r="C4429" i="26"/>
  <c r="Q4437" i="10"/>
  <c r="D4429" i="26" s="1"/>
  <c r="C3917" i="26"/>
  <c r="Q3925" i="10"/>
  <c r="D3917" i="26" s="1"/>
  <c r="C3405" i="26"/>
  <c r="Q3413" i="10"/>
  <c r="D3405" i="26" s="1"/>
  <c r="C2893" i="26"/>
  <c r="Q2901" i="10"/>
  <c r="D2893" i="26" s="1"/>
  <c r="C4693" i="26"/>
  <c r="Q4701" i="10"/>
  <c r="D4693" i="26" s="1"/>
  <c r="C4817" i="26"/>
  <c r="Q4825" i="10"/>
  <c r="D4817" i="26" s="1"/>
  <c r="C4561" i="26"/>
  <c r="Q4569" i="10"/>
  <c r="D4561" i="26" s="1"/>
  <c r="C4305" i="26"/>
  <c r="Q4313" i="10"/>
  <c r="D4305" i="26" s="1"/>
  <c r="C4049" i="26"/>
  <c r="Q4057" i="10"/>
  <c r="D4049" i="26" s="1"/>
  <c r="Q3801" i="10"/>
  <c r="D3793" i="26" s="1"/>
  <c r="C3793" i="26"/>
  <c r="Q3545" i="10"/>
  <c r="D3537" i="26" s="1"/>
  <c r="C3537" i="26"/>
  <c r="Q3289" i="10"/>
  <c r="D3281" i="26" s="1"/>
  <c r="C3281" i="26"/>
  <c r="Q3033" i="10"/>
  <c r="D3025" i="26" s="1"/>
  <c r="C3025" i="26"/>
  <c r="C5776" i="26"/>
  <c r="Q5784" i="10"/>
  <c r="D5776" i="26" s="1"/>
  <c r="C5520" i="26"/>
  <c r="Q5528" i="10"/>
  <c r="D5520" i="26" s="1"/>
  <c r="C4656" i="26"/>
  <c r="Q4664" i="10"/>
  <c r="D4656" i="26" s="1"/>
  <c r="C4400" i="26"/>
  <c r="Q4408" i="10"/>
  <c r="D4400" i="26" s="1"/>
  <c r="C4144" i="26"/>
  <c r="Q4152" i="10"/>
  <c r="D4144" i="26" s="1"/>
  <c r="Q3896" i="10"/>
  <c r="D3888" i="26" s="1"/>
  <c r="C3888" i="26"/>
  <c r="Q3640" i="10"/>
  <c r="D3632" i="26" s="1"/>
  <c r="C3632" i="26"/>
  <c r="Q3384" i="10"/>
  <c r="D3376" i="26" s="1"/>
  <c r="C3376" i="26"/>
  <c r="Q3128" i="10"/>
  <c r="D3120" i="26" s="1"/>
  <c r="C3120" i="26"/>
  <c r="Q2872" i="10"/>
  <c r="D2864" i="26" s="1"/>
  <c r="C2864" i="26"/>
  <c r="C5599" i="26"/>
  <c r="Q5607" i="10"/>
  <c r="D5599" i="26" s="1"/>
  <c r="C5343" i="26"/>
  <c r="Q5351" i="10"/>
  <c r="D5343" i="26" s="1"/>
  <c r="C5087" i="26"/>
  <c r="Q5095" i="10"/>
  <c r="D5087" i="26" s="1"/>
  <c r="C4831" i="26"/>
  <c r="Q4839" i="10"/>
  <c r="D4831" i="26" s="1"/>
  <c r="C4575" i="26"/>
  <c r="Q4583" i="10"/>
  <c r="D4575" i="26" s="1"/>
  <c r="C4319" i="26"/>
  <c r="Q4327" i="10"/>
  <c r="D4319" i="26" s="1"/>
  <c r="C4063" i="26"/>
  <c r="Q4071" i="10"/>
  <c r="D4063" i="26" s="1"/>
  <c r="Q3815" i="10"/>
  <c r="D3807" i="26" s="1"/>
  <c r="C3807" i="26"/>
  <c r="Q3559" i="10"/>
  <c r="D3551" i="26" s="1"/>
  <c r="C3551" i="26"/>
  <c r="Q3303" i="10"/>
  <c r="D3295" i="26" s="1"/>
  <c r="C3295" i="26"/>
  <c r="Q3047" i="10"/>
  <c r="D3039" i="26" s="1"/>
  <c r="C3039" i="26"/>
  <c r="C5638" i="26"/>
  <c r="Q5646" i="10"/>
  <c r="D5638" i="26" s="1"/>
  <c r="C5254" i="26"/>
  <c r="Q5262" i="10"/>
  <c r="D5254" i="26" s="1"/>
  <c r="C4998" i="26"/>
  <c r="Q5006" i="10"/>
  <c r="D4998" i="26" s="1"/>
  <c r="C4710" i="26"/>
  <c r="Q4718" i="10"/>
  <c r="D4710" i="26" s="1"/>
  <c r="C4198" i="26"/>
  <c r="Q4206" i="10"/>
  <c r="D4198" i="26" s="1"/>
  <c r="Q3694" i="10"/>
  <c r="D3686" i="26" s="1"/>
  <c r="C3686" i="26"/>
  <c r="Q3182" i="10"/>
  <c r="D3174" i="26" s="1"/>
  <c r="C3174" i="26"/>
  <c r="C5349" i="26"/>
  <c r="Q5357" i="10"/>
  <c r="D5349" i="26" s="1"/>
  <c r="C4837" i="26"/>
  <c r="Q4845" i="10"/>
  <c r="D4837" i="26" s="1"/>
  <c r="C4325" i="26"/>
  <c r="Q4333" i="10"/>
  <c r="D4325" i="26" s="1"/>
  <c r="C3813" i="26"/>
  <c r="Q3821" i="10"/>
  <c r="D3813" i="26" s="1"/>
  <c r="C3301" i="26"/>
  <c r="Q3309" i="10"/>
  <c r="D3301" i="26" s="1"/>
  <c r="C5604" i="26"/>
  <c r="Q5612" i="10"/>
  <c r="D5604" i="26" s="1"/>
  <c r="C5348" i="26"/>
  <c r="Q5356" i="10"/>
  <c r="D5348" i="26" s="1"/>
  <c r="C5092" i="26"/>
  <c r="E5092" i="26" s="1"/>
  <c r="Q5100" i="10"/>
  <c r="D5092" i="26" s="1"/>
  <c r="C4836" i="26"/>
  <c r="E4836" i="26" s="1"/>
  <c r="Q4844" i="10"/>
  <c r="D4836" i="26" s="1"/>
  <c r="C4580" i="26"/>
  <c r="E4580" i="26" s="1"/>
  <c r="Q4588" i="10"/>
  <c r="D4580" i="26" s="1"/>
  <c r="C4324" i="26"/>
  <c r="E4324" i="26" s="1"/>
  <c r="Q4332" i="10"/>
  <c r="D4324" i="26" s="1"/>
  <c r="C4068" i="26"/>
  <c r="E4068" i="26" s="1"/>
  <c r="Q4076" i="10"/>
  <c r="D4068" i="26" s="1"/>
  <c r="C3812" i="26"/>
  <c r="E3812" i="26" s="1"/>
  <c r="Q3820" i="10"/>
  <c r="D3812" i="26" s="1"/>
  <c r="C3556" i="26"/>
  <c r="E3556" i="26" s="1"/>
  <c r="Q3564" i="10"/>
  <c r="D3556" i="26" s="1"/>
  <c r="C3300" i="26"/>
  <c r="Q3308" i="10"/>
  <c r="D3300" i="26" s="1"/>
  <c r="C3044" i="26"/>
  <c r="E3044" i="26" s="1"/>
  <c r="Q3052" i="10"/>
  <c r="D3044" i="26" s="1"/>
  <c r="C3669" i="26"/>
  <c r="Q3677" i="10"/>
  <c r="D3669" i="26" s="1"/>
  <c r="C7157" i="26"/>
  <c r="Q7165" i="10"/>
  <c r="D7157" i="26" s="1"/>
  <c r="C6645" i="26"/>
  <c r="Q6653" i="10"/>
  <c r="D6645" i="26" s="1"/>
  <c r="C6133" i="26"/>
  <c r="Q6141" i="10"/>
  <c r="D6133" i="26" s="1"/>
  <c r="Q7284" i="10"/>
  <c r="D7276" i="26" s="1"/>
  <c r="C7276" i="26"/>
  <c r="C7020" i="26"/>
  <c r="Q7028" i="10"/>
  <c r="D7020" i="26" s="1"/>
  <c r="C6764" i="26"/>
  <c r="Q6772" i="10"/>
  <c r="D6764" i="26" s="1"/>
  <c r="C6508" i="26"/>
  <c r="Q6516" i="10"/>
  <c r="D6508" i="26" s="1"/>
  <c r="C6252" i="26"/>
  <c r="Q6260" i="10"/>
  <c r="D6252" i="26" s="1"/>
  <c r="C7427" i="26"/>
  <c r="Q7435" i="10"/>
  <c r="D7427" i="26" s="1"/>
  <c r="C7171" i="26"/>
  <c r="Q7179" i="10"/>
  <c r="D7171" i="26" s="1"/>
  <c r="C6915" i="26"/>
  <c r="Q6923" i="10"/>
  <c r="D6915" i="26" s="1"/>
  <c r="C6659" i="26"/>
  <c r="Q6667" i="10"/>
  <c r="D6659" i="26" s="1"/>
  <c r="C6403" i="26"/>
  <c r="Q6411" i="10"/>
  <c r="D6403" i="26" s="1"/>
  <c r="C6147" i="26"/>
  <c r="Q6155" i="10"/>
  <c r="D6147" i="26" s="1"/>
  <c r="C5635" i="26"/>
  <c r="Q5643" i="10"/>
  <c r="D5635" i="26" s="1"/>
  <c r="C7434" i="26"/>
  <c r="Q7442" i="10"/>
  <c r="D7434" i="26" s="1"/>
  <c r="C7178" i="26"/>
  <c r="Q7186" i="10"/>
  <c r="D7178" i="26" s="1"/>
  <c r="C6922" i="26"/>
  <c r="Q6930" i="10"/>
  <c r="D6922" i="26" s="1"/>
  <c r="C6666" i="26"/>
  <c r="Q6674" i="10"/>
  <c r="D6666" i="26" s="1"/>
  <c r="C6410" i="26"/>
  <c r="Q6418" i="10"/>
  <c r="D6410" i="26" s="1"/>
  <c r="C6154" i="26"/>
  <c r="Q6162" i="10"/>
  <c r="D6154" i="26" s="1"/>
  <c r="C7329" i="26"/>
  <c r="Q7337" i="10"/>
  <c r="D7329" i="26" s="1"/>
  <c r="C7073" i="26"/>
  <c r="Q7081" i="10"/>
  <c r="D7073" i="26" s="1"/>
  <c r="C6817" i="26"/>
  <c r="E6817" i="26" s="1"/>
  <c r="Q6825" i="10"/>
  <c r="D6817" i="26" s="1"/>
  <c r="C6561" i="26"/>
  <c r="Q6569" i="10"/>
  <c r="D6561" i="26" s="1"/>
  <c r="C6305" i="26"/>
  <c r="E6305" i="26" s="1"/>
  <c r="Q6313" i="10"/>
  <c r="D6305" i="26" s="1"/>
  <c r="C6049" i="26"/>
  <c r="Q6057" i="10"/>
  <c r="D6049" i="26" s="1"/>
  <c r="C5569" i="26"/>
  <c r="Q5577" i="10"/>
  <c r="D5569" i="26" s="1"/>
  <c r="C5313" i="26"/>
  <c r="Q5321" i="10"/>
  <c r="D5313" i="26" s="1"/>
  <c r="C5057" i="26"/>
  <c r="Q5065" i="10"/>
  <c r="D5057" i="26" s="1"/>
  <c r="C7368" i="26"/>
  <c r="Q7376" i="10"/>
  <c r="D7368" i="26" s="1"/>
  <c r="C7112" i="26"/>
  <c r="Q7120" i="10"/>
  <c r="D7112" i="26" s="1"/>
  <c r="C6856" i="26"/>
  <c r="Q6864" i="10"/>
  <c r="D6856" i="26" s="1"/>
  <c r="C6600" i="26"/>
  <c r="Q6608" i="10"/>
  <c r="D6600" i="26" s="1"/>
  <c r="C6344" i="26"/>
  <c r="Q6352" i="10"/>
  <c r="D6344" i="26" s="1"/>
  <c r="C6088" i="26"/>
  <c r="Q6096" i="10"/>
  <c r="D6088" i="26" s="1"/>
  <c r="C5832" i="26"/>
  <c r="Q5840" i="10"/>
  <c r="D5832" i="26" s="1"/>
  <c r="C7199" i="26"/>
  <c r="Q7207" i="10"/>
  <c r="D7199" i="26" s="1"/>
  <c r="C6943" i="26"/>
  <c r="Q6951" i="10"/>
  <c r="D6943" i="26" s="1"/>
  <c r="C6687" i="26"/>
  <c r="Q6695" i="10"/>
  <c r="D6687" i="26" s="1"/>
  <c r="C6431" i="26"/>
  <c r="Q6439" i="10"/>
  <c r="D6431" i="26" s="1"/>
  <c r="C6175" i="26"/>
  <c r="Q6183" i="10"/>
  <c r="D6175" i="26" s="1"/>
  <c r="C5919" i="26"/>
  <c r="Q5927" i="10"/>
  <c r="D5919" i="26" s="1"/>
  <c r="C7318" i="26"/>
  <c r="Q7326" i="10"/>
  <c r="D7318" i="26" s="1"/>
  <c r="C7062" i="26"/>
  <c r="Q7070" i="10"/>
  <c r="D7062" i="26" s="1"/>
  <c r="C6806" i="26"/>
  <c r="Q6814" i="10"/>
  <c r="D6806" i="26" s="1"/>
  <c r="C6550" i="26"/>
  <c r="Q6558" i="10"/>
  <c r="D6550" i="26" s="1"/>
  <c r="C6294" i="26"/>
  <c r="E6294" i="26" s="1"/>
  <c r="Q6302" i="10"/>
  <c r="D6294" i="26" s="1"/>
  <c r="C6038" i="26"/>
  <c r="Q6046" i="10"/>
  <c r="D6038" i="26" s="1"/>
  <c r="Q5187" i="10"/>
  <c r="D5179" i="26" s="1"/>
  <c r="C5179" i="26"/>
  <c r="Q4931" i="10"/>
  <c r="D4923" i="26" s="1"/>
  <c r="C4923" i="26"/>
  <c r="Q4675" i="10"/>
  <c r="D4667" i="26" s="1"/>
  <c r="C4667" i="26"/>
  <c r="Q4419" i="10"/>
  <c r="D4411" i="26" s="1"/>
  <c r="C4411" i="26"/>
  <c r="Q4163" i="10"/>
  <c r="D4155" i="26" s="1"/>
  <c r="C4155" i="26"/>
  <c r="Q3907" i="10"/>
  <c r="D3899" i="26" s="1"/>
  <c r="C3899" i="26"/>
  <c r="Q3651" i="10"/>
  <c r="D3643" i="26" s="1"/>
  <c r="C3643" i="26"/>
  <c r="Q3395" i="10"/>
  <c r="D3387" i="26" s="1"/>
  <c r="C3387" i="26"/>
  <c r="Q3139" i="10"/>
  <c r="D3131" i="26" s="1"/>
  <c r="C3131" i="26"/>
  <c r="Q2883" i="10"/>
  <c r="D2875" i="26" s="1"/>
  <c r="C2875" i="26"/>
  <c r="C5562" i="26"/>
  <c r="Q5570" i="10"/>
  <c r="D5562" i="26" s="1"/>
  <c r="C5306" i="26"/>
  <c r="E5306" i="26" s="1"/>
  <c r="Q5314" i="10"/>
  <c r="D5306" i="26" s="1"/>
  <c r="C5050" i="26"/>
  <c r="E5050" i="26" s="1"/>
  <c r="Q5058" i="10"/>
  <c r="D5050" i="26" s="1"/>
  <c r="C4794" i="26"/>
  <c r="Q4802" i="10"/>
  <c r="D4794" i="26" s="1"/>
  <c r="C4538" i="26"/>
  <c r="E4538" i="26" s="1"/>
  <c r="Q4546" i="10"/>
  <c r="D4538" i="26" s="1"/>
  <c r="C4282" i="26"/>
  <c r="Q4290" i="10"/>
  <c r="D4282" i="26" s="1"/>
  <c r="C4026" i="26"/>
  <c r="Q4034" i="10"/>
  <c r="D4026" i="26" s="1"/>
  <c r="Q3778" i="10"/>
  <c r="D3770" i="26" s="1"/>
  <c r="C3770" i="26"/>
  <c r="Q3522" i="10"/>
  <c r="D3514" i="26" s="1"/>
  <c r="C3514" i="26"/>
  <c r="Q3266" i="10"/>
  <c r="D3258" i="26" s="1"/>
  <c r="C3258" i="26"/>
  <c r="Q3010" i="10"/>
  <c r="D3002" i="26" s="1"/>
  <c r="C3002" i="26"/>
  <c r="C5445" i="26"/>
  <c r="Q5453" i="10"/>
  <c r="D5445" i="26" s="1"/>
  <c r="C4933" i="26"/>
  <c r="E4933" i="26" s="1"/>
  <c r="Q4941" i="10"/>
  <c r="D4933" i="26" s="1"/>
  <c r="C4421" i="26"/>
  <c r="E4421" i="26" s="1"/>
  <c r="Q4429" i="10"/>
  <c r="D4421" i="26" s="1"/>
  <c r="C3909" i="26"/>
  <c r="E3909" i="26" s="1"/>
  <c r="Q3917" i="10"/>
  <c r="D3909" i="26" s="1"/>
  <c r="C3397" i="26"/>
  <c r="E3397" i="26" s="1"/>
  <c r="Q3405" i="10"/>
  <c r="D3397" i="26" s="1"/>
  <c r="C2885" i="26"/>
  <c r="Q2893" i="10"/>
  <c r="D2885" i="26" s="1"/>
  <c r="C4949" i="26"/>
  <c r="Q4957" i="10"/>
  <c r="D4949" i="26" s="1"/>
  <c r="C7125" i="26"/>
  <c r="Q7133" i="10"/>
  <c r="D7125" i="26" s="1"/>
  <c r="C6613" i="26"/>
  <c r="Q6621" i="10"/>
  <c r="D6613" i="26" s="1"/>
  <c r="C6101" i="26"/>
  <c r="Q6109" i="10"/>
  <c r="D6101" i="26" s="1"/>
  <c r="C4809" i="26"/>
  <c r="E4809" i="26" s="1"/>
  <c r="Q4817" i="10"/>
  <c r="D4809" i="26" s="1"/>
  <c r="C4553" i="26"/>
  <c r="E4553" i="26" s="1"/>
  <c r="Q4561" i="10"/>
  <c r="D4553" i="26" s="1"/>
  <c r="C4297" i="26"/>
  <c r="E4297" i="26" s="1"/>
  <c r="Q4305" i="10"/>
  <c r="D4297" i="26" s="1"/>
  <c r="C4041" i="26"/>
  <c r="E4041" i="26" s="1"/>
  <c r="Q4049" i="10"/>
  <c r="D4041" i="26" s="1"/>
  <c r="Q3793" i="10"/>
  <c r="D3785" i="26" s="1"/>
  <c r="C3785" i="26"/>
  <c r="E3785" i="26" s="1"/>
  <c r="Q3537" i="10"/>
  <c r="D3529" i="26" s="1"/>
  <c r="C3529" i="26"/>
  <c r="Q3281" i="10"/>
  <c r="D3273" i="26" s="1"/>
  <c r="C3273" i="26"/>
  <c r="Q3025" i="10"/>
  <c r="D3017" i="26" s="1"/>
  <c r="C3017" i="26"/>
  <c r="E3017" i="26" s="1"/>
  <c r="C5768" i="26"/>
  <c r="Q5776" i="10"/>
  <c r="D5768" i="26" s="1"/>
  <c r="C5512" i="26"/>
  <c r="Q5520" i="10"/>
  <c r="D5512" i="26" s="1"/>
  <c r="C5256" i="26"/>
  <c r="Q5264" i="10"/>
  <c r="D5256" i="26" s="1"/>
  <c r="C5000" i="26"/>
  <c r="Q5008" i="10"/>
  <c r="D5000" i="26" s="1"/>
  <c r="C4744" i="26"/>
  <c r="Q4752" i="10"/>
  <c r="D4744" i="26" s="1"/>
  <c r="C4488" i="26"/>
  <c r="E4488" i="26" s="1"/>
  <c r="Q4496" i="10"/>
  <c r="D4488" i="26" s="1"/>
  <c r="C4232" i="26"/>
  <c r="E4232" i="26" s="1"/>
  <c r="Q4240" i="10"/>
  <c r="D4232" i="26" s="1"/>
  <c r="C3976" i="26"/>
  <c r="Q3984" i="10"/>
  <c r="D3976" i="26" s="1"/>
  <c r="Q3728" i="10"/>
  <c r="D3720" i="26" s="1"/>
  <c r="C3720" i="26"/>
  <c r="Q3472" i="10"/>
  <c r="D3464" i="26" s="1"/>
  <c r="C3464" i="26"/>
  <c r="Q3216" i="10"/>
  <c r="D3208" i="26" s="1"/>
  <c r="C3208" i="26"/>
  <c r="Q2960" i="10"/>
  <c r="D2952" i="26" s="1"/>
  <c r="C2952" i="26"/>
  <c r="C5687" i="26"/>
  <c r="Q5695" i="10"/>
  <c r="D5687" i="26" s="1"/>
  <c r="C5431" i="26"/>
  <c r="Q5439" i="10"/>
  <c r="D5431" i="26" s="1"/>
  <c r="C5175" i="26"/>
  <c r="Q5183" i="10"/>
  <c r="D5175" i="26" s="1"/>
  <c r="C4919" i="26"/>
  <c r="Q4927" i="10"/>
  <c r="D4919" i="26" s="1"/>
  <c r="C4663" i="26"/>
  <c r="Q4671" i="10"/>
  <c r="D4663" i="26" s="1"/>
  <c r="C4407" i="26"/>
  <c r="Q4415" i="10"/>
  <c r="D4407" i="26" s="1"/>
  <c r="C4151" i="26"/>
  <c r="Q4159" i="10"/>
  <c r="D4151" i="26" s="1"/>
  <c r="Q3903" i="10"/>
  <c r="D3895" i="26" s="1"/>
  <c r="C3895" i="26"/>
  <c r="Q3647" i="10"/>
  <c r="D3639" i="26" s="1"/>
  <c r="C3639" i="26"/>
  <c r="Q3391" i="10"/>
  <c r="D3383" i="26" s="1"/>
  <c r="C3383" i="26"/>
  <c r="Q3135" i="10"/>
  <c r="D3127" i="26" s="1"/>
  <c r="C3127" i="26"/>
  <c r="Q2879" i="10"/>
  <c r="D2871" i="26" s="1"/>
  <c r="C2871" i="26"/>
  <c r="C5566" i="26"/>
  <c r="Q5574" i="10"/>
  <c r="D5566" i="26" s="1"/>
  <c r="C5310" i="26"/>
  <c r="Q5318" i="10"/>
  <c r="D5310" i="26" s="1"/>
  <c r="C5054" i="26"/>
  <c r="Q5062" i="10"/>
  <c r="D5054" i="26" s="1"/>
  <c r="C4798" i="26"/>
  <c r="Q4806" i="10"/>
  <c r="D4798" i="26" s="1"/>
  <c r="C4318" i="26"/>
  <c r="Q4326" i="10"/>
  <c r="D4318" i="26" s="1"/>
  <c r="Q3814" i="10"/>
  <c r="D3806" i="26" s="1"/>
  <c r="C3806" i="26"/>
  <c r="Q3302" i="10"/>
  <c r="D3294" i="26" s="1"/>
  <c r="C3294" i="26"/>
  <c r="C5629" i="26"/>
  <c r="Q5637" i="10"/>
  <c r="D5629" i="26" s="1"/>
  <c r="C5373" i="26"/>
  <c r="Q5381" i="10"/>
  <c r="D5373" i="26" s="1"/>
  <c r="C5117" i="26"/>
  <c r="Q5125" i="10"/>
  <c r="D5117" i="26" s="1"/>
  <c r="C4861" i="26"/>
  <c r="Q4869" i="10"/>
  <c r="D4861" i="26" s="1"/>
  <c r="C4605" i="26"/>
  <c r="Q4613" i="10"/>
  <c r="D4605" i="26" s="1"/>
  <c r="C4349" i="26"/>
  <c r="Q4357" i="10"/>
  <c r="D4349" i="26" s="1"/>
  <c r="C4093" i="26"/>
  <c r="Q4101" i="10"/>
  <c r="D4093" i="26" s="1"/>
  <c r="C3837" i="26"/>
  <c r="Q3845" i="10"/>
  <c r="D3837" i="26" s="1"/>
  <c r="C3581" i="26"/>
  <c r="Q3589" i="10"/>
  <c r="D3581" i="26" s="1"/>
  <c r="C3325" i="26"/>
  <c r="Q3333" i="10"/>
  <c r="D3325" i="26" s="1"/>
  <c r="C3069" i="26"/>
  <c r="Q3077" i="10"/>
  <c r="D3069" i="26" s="1"/>
  <c r="C5756" i="26"/>
  <c r="Q5764" i="10"/>
  <c r="D5756" i="26" s="1"/>
  <c r="C5500" i="26"/>
  <c r="Q5508" i="10"/>
  <c r="D5500" i="26" s="1"/>
  <c r="C5244" i="26"/>
  <c r="E5244" i="26" s="1"/>
  <c r="Q5252" i="10"/>
  <c r="D5244" i="26" s="1"/>
  <c r="C4988" i="26"/>
  <c r="E4988" i="26" s="1"/>
  <c r="Q4996" i="10"/>
  <c r="D4988" i="26" s="1"/>
  <c r="C4732" i="26"/>
  <c r="E4732" i="26" s="1"/>
  <c r="Q4740" i="10"/>
  <c r="D4732" i="26" s="1"/>
  <c r="C4476" i="26"/>
  <c r="Q4484" i="10"/>
  <c r="D4476" i="26" s="1"/>
  <c r="C4220" i="26"/>
  <c r="E4220" i="26" s="1"/>
  <c r="Q4228" i="10"/>
  <c r="D4220" i="26" s="1"/>
  <c r="C3964" i="26"/>
  <c r="E3964" i="26" s="1"/>
  <c r="Q3972" i="10"/>
  <c r="D3964" i="26" s="1"/>
  <c r="C3708" i="26"/>
  <c r="E3708" i="26" s="1"/>
  <c r="Q3716" i="10"/>
  <c r="D3708" i="26" s="1"/>
  <c r="C3452" i="26"/>
  <c r="Q3460" i="10"/>
  <c r="D3452" i="26" s="1"/>
  <c r="C3196" i="26"/>
  <c r="E3196" i="26" s="1"/>
  <c r="Q3204" i="10"/>
  <c r="D3196" i="26" s="1"/>
  <c r="C2940" i="26"/>
  <c r="Q2948" i="10"/>
  <c r="D2940" i="26" s="1"/>
  <c r="C3541" i="26"/>
  <c r="Q3549" i="10"/>
  <c r="D3541" i="26" s="1"/>
  <c r="C7341" i="26"/>
  <c r="Q7349" i="10"/>
  <c r="D7341" i="26" s="1"/>
  <c r="C6829" i="26"/>
  <c r="Q6837" i="10"/>
  <c r="D6829" i="26" s="1"/>
  <c r="C6317" i="26"/>
  <c r="Q6325" i="10"/>
  <c r="D6317" i="26" s="1"/>
  <c r="C7332" i="26"/>
  <c r="Q7340" i="10"/>
  <c r="D7332" i="26" s="1"/>
  <c r="C7076" i="26"/>
  <c r="Q7084" i="10"/>
  <c r="D7076" i="26" s="1"/>
  <c r="C6820" i="26"/>
  <c r="Q6828" i="10"/>
  <c r="D6820" i="26" s="1"/>
  <c r="C6564" i="26"/>
  <c r="Q6572" i="10"/>
  <c r="D6564" i="26" s="1"/>
  <c r="C6308" i="26"/>
  <c r="Q6316" i="10"/>
  <c r="D6308" i="26" s="1"/>
  <c r="C6052" i="26"/>
  <c r="Q6060" i="10"/>
  <c r="D6052" i="26" s="1"/>
  <c r="C7259" i="26"/>
  <c r="Q7267" i="10"/>
  <c r="D7259" i="26" s="1"/>
  <c r="C7003" i="26"/>
  <c r="Q7011" i="10"/>
  <c r="D7003" i="26" s="1"/>
  <c r="C6747" i="26"/>
  <c r="Q6755" i="10"/>
  <c r="D6747" i="26" s="1"/>
  <c r="C6491" i="26"/>
  <c r="Q6499" i="10"/>
  <c r="D6491" i="26" s="1"/>
  <c r="C6235" i="26"/>
  <c r="Q6243" i="10"/>
  <c r="D6235" i="26" s="1"/>
  <c r="Q5763" i="10"/>
  <c r="D5755" i="26" s="1"/>
  <c r="C5755" i="26"/>
  <c r="Q5507" i="10"/>
  <c r="D5499" i="26" s="1"/>
  <c r="C5499" i="26"/>
  <c r="C7298" i="26"/>
  <c r="Q7306" i="10"/>
  <c r="D7298" i="26" s="1"/>
  <c r="C7042" i="26"/>
  <c r="Q7050" i="10"/>
  <c r="D7042" i="26" s="1"/>
  <c r="C6786" i="26"/>
  <c r="Q6794" i="10"/>
  <c r="D6786" i="26" s="1"/>
  <c r="C6530" i="26"/>
  <c r="Q6538" i="10"/>
  <c r="D6530" i="26" s="1"/>
  <c r="C6274" i="26"/>
  <c r="Q6282" i="10"/>
  <c r="D6274" i="26" s="1"/>
  <c r="C6018" i="26"/>
  <c r="Q6026" i="10"/>
  <c r="D6018" i="26" s="1"/>
  <c r="C7225" i="26"/>
  <c r="Q7233" i="10"/>
  <c r="D7225" i="26" s="1"/>
  <c r="C6969" i="26"/>
  <c r="Q6977" i="10"/>
  <c r="D6969" i="26" s="1"/>
  <c r="C6713" i="26"/>
  <c r="Q6721" i="10"/>
  <c r="D6713" i="26" s="1"/>
  <c r="C6457" i="26"/>
  <c r="Q6465" i="10"/>
  <c r="D6457" i="26" s="1"/>
  <c r="C6201" i="26"/>
  <c r="Q6209" i="10"/>
  <c r="D6201" i="26" s="1"/>
  <c r="C5721" i="26"/>
  <c r="Q5729" i="10"/>
  <c r="D5721" i="26" s="1"/>
  <c r="C5465" i="26"/>
  <c r="Q5473" i="10"/>
  <c r="D5465" i="26" s="1"/>
  <c r="C5209" i="26"/>
  <c r="E5209" i="26" s="1"/>
  <c r="Q5217" i="10"/>
  <c r="D5209" i="26" s="1"/>
  <c r="C4953" i="26"/>
  <c r="Q4961" i="10"/>
  <c r="D4953" i="26" s="1"/>
  <c r="C7264" i="26"/>
  <c r="Q7272" i="10"/>
  <c r="D7264" i="26" s="1"/>
  <c r="C7008" i="26"/>
  <c r="Q7016" i="10"/>
  <c r="D7008" i="26" s="1"/>
  <c r="C6752" i="26"/>
  <c r="Q6760" i="10"/>
  <c r="D6752" i="26" s="1"/>
  <c r="C6496" i="26"/>
  <c r="Q6504" i="10"/>
  <c r="D6496" i="26" s="1"/>
  <c r="C6240" i="26"/>
  <c r="E6240" i="26" s="1"/>
  <c r="Q6248" i="10"/>
  <c r="D6240" i="26" s="1"/>
  <c r="C5888" i="26"/>
  <c r="Q5896" i="10"/>
  <c r="D5888" i="26" s="1"/>
  <c r="C7191" i="26"/>
  <c r="Q7199" i="10"/>
  <c r="D7191" i="26" s="1"/>
  <c r="C6839" i="26"/>
  <c r="Q6847" i="10"/>
  <c r="D6839" i="26" s="1"/>
  <c r="C6487" i="26"/>
  <c r="Q6495" i="10"/>
  <c r="D6487" i="26" s="1"/>
  <c r="C6167" i="26"/>
  <c r="Q6175" i="10"/>
  <c r="D6167" i="26" s="1"/>
  <c r="C5815" i="26"/>
  <c r="Q5823" i="10"/>
  <c r="D5815" i="26" s="1"/>
  <c r="C7118" i="26"/>
  <c r="Q7126" i="10"/>
  <c r="D7118" i="26" s="1"/>
  <c r="C6798" i="26"/>
  <c r="Q6806" i="10"/>
  <c r="D6798" i="26" s="1"/>
  <c r="C6446" i="26"/>
  <c r="Q6454" i="10"/>
  <c r="D6446" i="26" s="1"/>
  <c r="C6094" i="26"/>
  <c r="Q6102" i="10"/>
  <c r="D6094" i="26" s="1"/>
  <c r="Q5179" i="10"/>
  <c r="D5171" i="26" s="1"/>
  <c r="C5171" i="26"/>
  <c r="Q4859" i="10"/>
  <c r="D4851" i="26" s="1"/>
  <c r="C4851" i="26"/>
  <c r="C4499" i="26"/>
  <c r="E4499" i="26" s="1"/>
  <c r="Q4507" i="10"/>
  <c r="D4499" i="26" s="1"/>
  <c r="Q4155" i="10"/>
  <c r="D4147" i="26" s="1"/>
  <c r="C4147" i="26"/>
  <c r="E4147" i="26" s="1"/>
  <c r="Q3835" i="10"/>
  <c r="D3827" i="26" s="1"/>
  <c r="C3827" i="26"/>
  <c r="Q3483" i="10"/>
  <c r="D3475" i="26" s="1"/>
  <c r="C3475" i="26"/>
  <c r="Q3131" i="10"/>
  <c r="D3123" i="26" s="1"/>
  <c r="C3123" i="26"/>
  <c r="C5490" i="26"/>
  <c r="Q5498" i="10"/>
  <c r="D5490" i="26" s="1"/>
  <c r="C5138" i="26"/>
  <c r="E5138" i="26" s="1"/>
  <c r="Q5146" i="10"/>
  <c r="D5138" i="26" s="1"/>
  <c r="C4786" i="26"/>
  <c r="Q4794" i="10"/>
  <c r="D4786" i="26" s="1"/>
  <c r="C4466" i="26"/>
  <c r="Q4474" i="10"/>
  <c r="D4466" i="26" s="1"/>
  <c r="C4114" i="26"/>
  <c r="E4114" i="26" s="1"/>
  <c r="Q4122" i="10"/>
  <c r="D4114" i="26" s="1"/>
  <c r="Q3770" i="10"/>
  <c r="D3762" i="26" s="1"/>
  <c r="C3762" i="26"/>
  <c r="Q3450" i="10"/>
  <c r="D3442" i="26" s="1"/>
  <c r="C3442" i="26"/>
  <c r="Q3098" i="10"/>
  <c r="D3090" i="26" s="1"/>
  <c r="C3090" i="26"/>
  <c r="E3090" i="26" s="1"/>
  <c r="C4245" i="26"/>
  <c r="Q4253" i="10"/>
  <c r="D4245" i="26" s="1"/>
  <c r="C6989" i="26"/>
  <c r="Q6997" i="10"/>
  <c r="D6989" i="26" s="1"/>
  <c r="C6285" i="26"/>
  <c r="Q6293" i="10"/>
  <c r="D6285" i="26" s="1"/>
  <c r="C4833" i="26"/>
  <c r="Q4841" i="10"/>
  <c r="D4833" i="26" s="1"/>
  <c r="C4481" i="26"/>
  <c r="Q4489" i="10"/>
  <c r="D4481" i="26" s="1"/>
  <c r="C4161" i="26"/>
  <c r="E4161" i="26" s="1"/>
  <c r="Q4169" i="10"/>
  <c r="D4161" i="26" s="1"/>
  <c r="Q3817" i="10"/>
  <c r="D3809" i="26" s="1"/>
  <c r="C3809" i="26"/>
  <c r="Q3465" i="10"/>
  <c r="D3457" i="26" s="1"/>
  <c r="C3457" i="26"/>
  <c r="Q3145" i="10"/>
  <c r="D3137" i="26" s="1"/>
  <c r="C3137" i="26"/>
  <c r="C5440" i="26"/>
  <c r="Q5448" i="10"/>
  <c r="D5440" i="26" s="1"/>
  <c r="C5056" i="26"/>
  <c r="Q5064" i="10"/>
  <c r="D5056" i="26" s="1"/>
  <c r="C4736" i="26"/>
  <c r="Q4744" i="10"/>
  <c r="D4736" i="26" s="1"/>
  <c r="C4384" i="26"/>
  <c r="E4384" i="26" s="1"/>
  <c r="Q4392" i="10"/>
  <c r="D4384" i="26" s="1"/>
  <c r="C4032" i="26"/>
  <c r="Q4040" i="10"/>
  <c r="D4032" i="26" s="1"/>
  <c r="Q3720" i="10"/>
  <c r="D3712" i="26" s="1"/>
  <c r="C3712" i="26"/>
  <c r="Q3368" i="10"/>
  <c r="D3360" i="26" s="1"/>
  <c r="C3360" i="26"/>
  <c r="Q3016" i="10"/>
  <c r="D3008" i="26" s="1"/>
  <c r="C3008" i="26"/>
  <c r="C5615" i="26"/>
  <c r="Q5623" i="10"/>
  <c r="D5615" i="26" s="1"/>
  <c r="C5103" i="26"/>
  <c r="Q5111" i="10"/>
  <c r="D5103" i="26" s="1"/>
  <c r="C4591" i="26"/>
  <c r="Q4599" i="10"/>
  <c r="D4591" i="26" s="1"/>
  <c r="C4079" i="26"/>
  <c r="Q4087" i="10"/>
  <c r="D4079" i="26" s="1"/>
  <c r="Q3575" i="10"/>
  <c r="D3567" i="26" s="1"/>
  <c r="C3567" i="26"/>
  <c r="Q3255" i="10"/>
  <c r="D3247" i="26" s="1"/>
  <c r="C3247" i="26"/>
  <c r="Q2903" i="10"/>
  <c r="D2895" i="26" s="1"/>
  <c r="C2895" i="26"/>
  <c r="C5590" i="26"/>
  <c r="Q5598" i="10"/>
  <c r="D5590" i="26" s="1"/>
  <c r="C4630" i="26"/>
  <c r="E4630" i="26" s="1"/>
  <c r="Q4638" i="10"/>
  <c r="D4630" i="26" s="1"/>
  <c r="C4310" i="26"/>
  <c r="Q4318" i="10"/>
  <c r="D4310" i="26" s="1"/>
  <c r="C3958" i="26"/>
  <c r="Q3966" i="10"/>
  <c r="D3958" i="26" s="1"/>
  <c r="Q3614" i="10"/>
  <c r="D3606" i="26" s="1"/>
  <c r="C3606" i="26"/>
  <c r="Q3294" i="10"/>
  <c r="D3286" i="26" s="1"/>
  <c r="C3286" i="26"/>
  <c r="Q2942" i="10"/>
  <c r="D2934" i="26" s="1"/>
  <c r="C2934" i="26"/>
  <c r="E2934" i="26" s="1"/>
  <c r="C5493" i="26"/>
  <c r="Q5501" i="10"/>
  <c r="D5493" i="26" s="1"/>
  <c r="C4789" i="26"/>
  <c r="Q4797" i="10"/>
  <c r="D4789" i="26" s="1"/>
  <c r="C4085" i="26"/>
  <c r="E4085" i="26" s="1"/>
  <c r="Q4093" i="10"/>
  <c r="D4085" i="26" s="1"/>
  <c r="C3445" i="26"/>
  <c r="E3445" i="26" s="1"/>
  <c r="Q3453" i="10"/>
  <c r="D3445" i="26" s="1"/>
  <c r="C5748" i="26"/>
  <c r="Q5756" i="10"/>
  <c r="D5748" i="26" s="1"/>
  <c r="C5396" i="26"/>
  <c r="Q5404" i="10"/>
  <c r="D5396" i="26" s="1"/>
  <c r="C5076" i="26"/>
  <c r="Q5084" i="10"/>
  <c r="D5076" i="26" s="1"/>
  <c r="C4724" i="26"/>
  <c r="Q4732" i="10"/>
  <c r="D4724" i="26" s="1"/>
  <c r="C4372" i="26"/>
  <c r="Q4380" i="10"/>
  <c r="D4372" i="26" s="1"/>
  <c r="C4052" i="26"/>
  <c r="Q4060" i="10"/>
  <c r="D4052" i="26" s="1"/>
  <c r="C3700" i="26"/>
  <c r="Q3708" i="10"/>
  <c r="D3700" i="26" s="1"/>
  <c r="C3348" i="26"/>
  <c r="Q3356" i="10"/>
  <c r="D3348" i="26" s="1"/>
  <c r="C3028" i="26"/>
  <c r="Q3036" i="10"/>
  <c r="D3028" i="26" s="1"/>
  <c r="C5269" i="26"/>
  <c r="Q5277" i="10"/>
  <c r="D5269" i="26" s="1"/>
  <c r="C7269" i="26"/>
  <c r="Q7277" i="10"/>
  <c r="D7269" i="26" s="1"/>
  <c r="C6565" i="26"/>
  <c r="Q6573" i="10"/>
  <c r="D6565" i="26" s="1"/>
  <c r="C7388" i="26"/>
  <c r="Q7396" i="10"/>
  <c r="D7388" i="26" s="1"/>
  <c r="C7036" i="26"/>
  <c r="Q7044" i="10"/>
  <c r="D7036" i="26" s="1"/>
  <c r="C6716" i="26"/>
  <c r="Q6724" i="10"/>
  <c r="D6716" i="26" s="1"/>
  <c r="C6364" i="26"/>
  <c r="Q6372" i="10"/>
  <c r="D6364" i="26" s="1"/>
  <c r="C6012" i="26"/>
  <c r="Q6020" i="10"/>
  <c r="D6012" i="26" s="1"/>
  <c r="C7123" i="26"/>
  <c r="Q7131" i="10"/>
  <c r="D7123" i="26" s="1"/>
  <c r="Q6779" i="10"/>
  <c r="D6771" i="26" s="1"/>
  <c r="C6771" i="26"/>
  <c r="Q6459" i="10"/>
  <c r="D6451" i="26" s="1"/>
  <c r="C6451" i="26"/>
  <c r="C6099" i="26"/>
  <c r="Q6107" i="10"/>
  <c r="D6099" i="26" s="1"/>
  <c r="Q5499" i="10"/>
  <c r="D5491" i="26" s="1"/>
  <c r="C5491" i="26"/>
  <c r="C7226" i="26"/>
  <c r="Q7234" i="10"/>
  <c r="D7226" i="26" s="1"/>
  <c r="C6874" i="26"/>
  <c r="Q6882" i="10"/>
  <c r="D6874" i="26" s="1"/>
  <c r="C6522" i="26"/>
  <c r="Q6530" i="10"/>
  <c r="D6522" i="26" s="1"/>
  <c r="C6202" i="26"/>
  <c r="Q6210" i="10"/>
  <c r="D6202" i="26" s="1"/>
  <c r="C7313" i="26"/>
  <c r="Q7321" i="10"/>
  <c r="D7313" i="26" s="1"/>
  <c r="C6993" i="26"/>
  <c r="Q7001" i="10"/>
  <c r="D6993" i="26" s="1"/>
  <c r="C6641" i="26"/>
  <c r="Q6649" i="10"/>
  <c r="D6641" i="26" s="1"/>
  <c r="C6289" i="26"/>
  <c r="E6289" i="26" s="1"/>
  <c r="Q6297" i="10"/>
  <c r="D6289" i="26" s="1"/>
  <c r="C5713" i="26"/>
  <c r="Q5721" i="10"/>
  <c r="D5713" i="26" s="1"/>
  <c r="C5361" i="26"/>
  <c r="Q5369" i="10"/>
  <c r="D5361" i="26" s="1"/>
  <c r="C5009" i="26"/>
  <c r="Q5017" i="10"/>
  <c r="D5009" i="26" s="1"/>
  <c r="C7256" i="26"/>
  <c r="Q7264" i="10"/>
  <c r="D7256" i="26" s="1"/>
  <c r="C6904" i="26"/>
  <c r="Q6912" i="10"/>
  <c r="D6904" i="26" s="1"/>
  <c r="C6552" i="26"/>
  <c r="Q6560" i="10"/>
  <c r="D6552" i="26" s="1"/>
  <c r="C6232" i="26"/>
  <c r="Q6240" i="10"/>
  <c r="D6232" i="26" s="1"/>
  <c r="C5880" i="26"/>
  <c r="Q5888" i="10"/>
  <c r="D5880" i="26" s="1"/>
  <c r="C7151" i="26"/>
  <c r="Q7159" i="10"/>
  <c r="D7151" i="26" s="1"/>
  <c r="C6831" i="26"/>
  <c r="Q6839" i="10"/>
  <c r="D6831" i="26" s="1"/>
  <c r="C6479" i="26"/>
  <c r="Q6487" i="10"/>
  <c r="D6479" i="26" s="1"/>
  <c r="C6127" i="26"/>
  <c r="Q6135" i="10"/>
  <c r="D6127" i="26" s="1"/>
  <c r="C5807" i="26"/>
  <c r="Q5815" i="10"/>
  <c r="D5807" i="26" s="1"/>
  <c r="C7110" i="26"/>
  <c r="Q7118" i="10"/>
  <c r="D7110" i="26" s="1"/>
  <c r="C6758" i="26"/>
  <c r="Q6766" i="10"/>
  <c r="D6758" i="26" s="1"/>
  <c r="C6438" i="26"/>
  <c r="Q6446" i="10"/>
  <c r="D6438" i="26" s="1"/>
  <c r="C6086" i="26"/>
  <c r="Q6094" i="10"/>
  <c r="D6086" i="26" s="1"/>
  <c r="C5131" i="26"/>
  <c r="Q5139" i="10"/>
  <c r="D5131" i="26" s="1"/>
  <c r="Q4787" i="10"/>
  <c r="D4779" i="26" s="1"/>
  <c r="C4779" i="26"/>
  <c r="C4427" i="26"/>
  <c r="Q4435" i="10"/>
  <c r="D4427" i="26" s="1"/>
  <c r="C4107" i="26"/>
  <c r="E4107" i="26" s="1"/>
  <c r="Q4115" i="10"/>
  <c r="D4107" i="26" s="1"/>
  <c r="Q3763" i="10"/>
  <c r="D3755" i="26" s="1"/>
  <c r="C3755" i="26"/>
  <c r="Q3411" i="10"/>
  <c r="D3403" i="26" s="1"/>
  <c r="C3403" i="26"/>
  <c r="Q3091" i="10"/>
  <c r="D3083" i="26" s="1"/>
  <c r="C3083" i="26"/>
  <c r="E3083" i="26" s="1"/>
  <c r="C5418" i="26"/>
  <c r="Q5426" i="10"/>
  <c r="D5418" i="26" s="1"/>
  <c r="C5066" i="26"/>
  <c r="Q5074" i="10"/>
  <c r="D5066" i="26" s="1"/>
  <c r="C4746" i="26"/>
  <c r="Q4754" i="10"/>
  <c r="D4746" i="26" s="1"/>
  <c r="C4394" i="26"/>
  <c r="E4394" i="26" s="1"/>
  <c r="Q4402" i="10"/>
  <c r="D4394" i="26" s="1"/>
  <c r="C4042" i="26"/>
  <c r="E4042" i="26" s="1"/>
  <c r="Q4050" i="10"/>
  <c r="D4042" i="26" s="1"/>
  <c r="Q3730" i="10"/>
  <c r="D3722" i="26" s="1"/>
  <c r="C3722" i="26"/>
  <c r="Q3378" i="10"/>
  <c r="D3370" i="26" s="1"/>
  <c r="C3370" i="26"/>
  <c r="Q3026" i="10"/>
  <c r="D3018" i="26" s="1"/>
  <c r="C3018" i="26"/>
  <c r="E3018" i="26" s="1"/>
  <c r="C6917" i="26"/>
  <c r="Q6925" i="10"/>
  <c r="D6917" i="26" s="1"/>
  <c r="C6213" i="26"/>
  <c r="Q6221" i="10"/>
  <c r="D6213" i="26" s="1"/>
  <c r="C4761" i="26"/>
  <c r="Q4769" i="10"/>
  <c r="D4761" i="26" s="1"/>
  <c r="C4409" i="26"/>
  <c r="Q4417" i="10"/>
  <c r="D4409" i="26" s="1"/>
  <c r="C4089" i="26"/>
  <c r="Q4097" i="10"/>
  <c r="D4089" i="26" s="1"/>
  <c r="Q3745" i="10"/>
  <c r="D3737" i="26" s="1"/>
  <c r="C3737" i="26"/>
  <c r="Q3393" i="10"/>
  <c r="D3385" i="26" s="1"/>
  <c r="C3385" i="26"/>
  <c r="Q3073" i="10"/>
  <c r="D3065" i="26" s="1"/>
  <c r="C3065" i="26"/>
  <c r="C5816" i="26"/>
  <c r="Q5824" i="10"/>
  <c r="D5816" i="26" s="1"/>
  <c r="C5464" i="26"/>
  <c r="Q5472" i="10"/>
  <c r="D5464" i="26" s="1"/>
  <c r="C5112" i="26"/>
  <c r="Q5120" i="10"/>
  <c r="D5112" i="26" s="1"/>
  <c r="C4792" i="26"/>
  <c r="Q4800" i="10"/>
  <c r="D4792" i="26" s="1"/>
  <c r="C4440" i="26"/>
  <c r="Q4448" i="10"/>
  <c r="D4440" i="26" s="1"/>
  <c r="C4088" i="26"/>
  <c r="Q4096" i="10"/>
  <c r="D4088" i="26" s="1"/>
  <c r="Q3776" i="10"/>
  <c r="D3768" i="26" s="1"/>
  <c r="C3768" i="26"/>
  <c r="Q3424" i="10"/>
  <c r="D3416" i="26" s="1"/>
  <c r="C3416" i="26"/>
  <c r="E3416" i="26" s="1"/>
  <c r="Q3072" i="10"/>
  <c r="D3064" i="26" s="1"/>
  <c r="C3064" i="26"/>
  <c r="C5799" i="26"/>
  <c r="Q5807" i="10"/>
  <c r="D5799" i="26" s="1"/>
  <c r="C5479" i="26"/>
  <c r="Q5487" i="10"/>
  <c r="D5479" i="26" s="1"/>
  <c r="C5127" i="26"/>
  <c r="Q5135" i="10"/>
  <c r="D5127" i="26" s="1"/>
  <c r="C4775" i="26"/>
  <c r="E4775" i="26" s="1"/>
  <c r="Q4783" i="10"/>
  <c r="D4775" i="26" s="1"/>
  <c r="C4455" i="26"/>
  <c r="Q4463" i="10"/>
  <c r="D4455" i="26" s="1"/>
  <c r="C4103" i="26"/>
  <c r="Q4111" i="10"/>
  <c r="D4103" i="26" s="1"/>
  <c r="Q3759" i="10"/>
  <c r="D3751" i="26" s="1"/>
  <c r="C3751" i="26"/>
  <c r="Q3439" i="10"/>
  <c r="D3431" i="26" s="1"/>
  <c r="C3431" i="26"/>
  <c r="Q3087" i="10"/>
  <c r="D3079" i="26" s="1"/>
  <c r="C3079" i="26"/>
  <c r="C5678" i="26"/>
  <c r="Q5686" i="10"/>
  <c r="D5678" i="26" s="1"/>
  <c r="C5134" i="26"/>
  <c r="E5134" i="26" s="1"/>
  <c r="Q5142" i="10"/>
  <c r="D5134" i="26" s="1"/>
  <c r="C4782" i="26"/>
  <c r="Q4790" i="10"/>
  <c r="D4782" i="26" s="1"/>
  <c r="C4430" i="26"/>
  <c r="Q4438" i="10"/>
  <c r="D4430" i="26" s="1"/>
  <c r="C4110" i="26"/>
  <c r="E4110" i="26" s="1"/>
  <c r="Q4118" i="10"/>
  <c r="D4110" i="26" s="1"/>
  <c r="Q3766" i="10"/>
  <c r="D3758" i="26" s="1"/>
  <c r="C3758" i="26"/>
  <c r="Q3414" i="10"/>
  <c r="D3406" i="26" s="1"/>
  <c r="C3406" i="26"/>
  <c r="E3406" i="26" s="1"/>
  <c r="Q3094" i="10"/>
  <c r="D3086" i="26" s="1"/>
  <c r="C3086" i="26"/>
  <c r="E3086" i="26" s="1"/>
  <c r="C5165" i="26"/>
  <c r="Q5173" i="10"/>
  <c r="D5165" i="26" s="1"/>
  <c r="C4141" i="26"/>
  <c r="Q4149" i="10"/>
  <c r="D4141" i="26" s="1"/>
  <c r="C3117" i="26"/>
  <c r="Q3125" i="10"/>
  <c r="D3117" i="26" s="1"/>
  <c r="C5420" i="26"/>
  <c r="Q5428" i="10"/>
  <c r="D5420" i="26" s="1"/>
  <c r="C4908" i="26"/>
  <c r="E4908" i="26" s="1"/>
  <c r="Q4916" i="10"/>
  <c r="D4908" i="26" s="1"/>
  <c r="C4396" i="26"/>
  <c r="Q4404" i="10"/>
  <c r="D4396" i="26" s="1"/>
  <c r="C3884" i="26"/>
  <c r="E3884" i="26" s="1"/>
  <c r="Q3892" i="10"/>
  <c r="D3884" i="26" s="1"/>
  <c r="C3372" i="26"/>
  <c r="Q3380" i="10"/>
  <c r="D3372" i="26" s="1"/>
  <c r="C2860" i="26"/>
  <c r="E2860" i="26" s="1"/>
  <c r="Q2868" i="10"/>
  <c r="D2860" i="26" s="1"/>
  <c r="C7037" i="26"/>
  <c r="Q7045" i="10"/>
  <c r="D7037" i="26" s="1"/>
  <c r="C6932" i="26"/>
  <c r="Q6940" i="10"/>
  <c r="D6932" i="26" s="1"/>
  <c r="C7197" i="26"/>
  <c r="Q7205" i="10"/>
  <c r="D7197" i="26" s="1"/>
  <c r="C6941" i="26"/>
  <c r="Q6949" i="10"/>
  <c r="D6941" i="26" s="1"/>
  <c r="C6685" i="26"/>
  <c r="Q6693" i="10"/>
  <c r="D6685" i="26" s="1"/>
  <c r="C6429" i="26"/>
  <c r="Q6437" i="10"/>
  <c r="D6429" i="26" s="1"/>
  <c r="C6173" i="26"/>
  <c r="Q6181" i="10"/>
  <c r="D6173" i="26" s="1"/>
  <c r="Q7388" i="10"/>
  <c r="D7380" i="26" s="1"/>
  <c r="C7380" i="26"/>
  <c r="C7124" i="26"/>
  <c r="Q7132" i="10"/>
  <c r="D7124" i="26" s="1"/>
  <c r="C6868" i="26"/>
  <c r="Q6876" i="10"/>
  <c r="D6868" i="26" s="1"/>
  <c r="C6612" i="26"/>
  <c r="Q6620" i="10"/>
  <c r="D6612" i="26" s="1"/>
  <c r="C6356" i="26"/>
  <c r="Q6364" i="10"/>
  <c r="D6356" i="26" s="1"/>
  <c r="C6100" i="26"/>
  <c r="Q6108" i="10"/>
  <c r="D6100" i="26" s="1"/>
  <c r="Q7283" i="10"/>
  <c r="D7275" i="26" s="1"/>
  <c r="C7275" i="26"/>
  <c r="Q7027" i="10"/>
  <c r="D7019" i="26" s="1"/>
  <c r="C7019" i="26"/>
  <c r="Q6771" i="10"/>
  <c r="D6763" i="26" s="1"/>
  <c r="C6763" i="26"/>
  <c r="Q6515" i="10"/>
  <c r="D6507" i="26" s="1"/>
  <c r="C6507" i="26"/>
  <c r="Q6259" i="10"/>
  <c r="D6251" i="26" s="1"/>
  <c r="C6251" i="26"/>
  <c r="E6251" i="26" s="1"/>
  <c r="Q5747" i="10"/>
  <c r="D5739" i="26" s="1"/>
  <c r="C5739" i="26"/>
  <c r="Q5491" i="10"/>
  <c r="D5483" i="26" s="1"/>
  <c r="C5483" i="26"/>
  <c r="C7282" i="26"/>
  <c r="Q7290" i="10"/>
  <c r="D7282" i="26" s="1"/>
  <c r="C7026" i="26"/>
  <c r="Q7034" i="10"/>
  <c r="D7026" i="26" s="1"/>
  <c r="C6770" i="26"/>
  <c r="Q6778" i="10"/>
  <c r="D6770" i="26" s="1"/>
  <c r="C6514" i="26"/>
  <c r="Q6522" i="10"/>
  <c r="D6514" i="26" s="1"/>
  <c r="C6258" i="26"/>
  <c r="Q6266" i="10"/>
  <c r="D6258" i="26" s="1"/>
  <c r="C7433" i="26"/>
  <c r="Q7441" i="10"/>
  <c r="D7433" i="26" s="1"/>
  <c r="C7177" i="26"/>
  <c r="Q7185" i="10"/>
  <c r="D7177" i="26" s="1"/>
  <c r="C6921" i="26"/>
  <c r="Q6929" i="10"/>
  <c r="D6921" i="26" s="1"/>
  <c r="C6665" i="26"/>
  <c r="Q6673" i="10"/>
  <c r="D6665" i="26" s="1"/>
  <c r="C6409" i="26"/>
  <c r="Q6417" i="10"/>
  <c r="D6409" i="26" s="1"/>
  <c r="C6153" i="26"/>
  <c r="Q6161" i="10"/>
  <c r="D6153" i="26" s="1"/>
  <c r="C5641" i="26"/>
  <c r="Q5649" i="10"/>
  <c r="D5641" i="26" s="1"/>
  <c r="C5385" i="26"/>
  <c r="Q5393" i="10"/>
  <c r="D5385" i="26" s="1"/>
  <c r="C5129" i="26"/>
  <c r="Q5137" i="10"/>
  <c r="D5129" i="26" s="1"/>
  <c r="C7440" i="26"/>
  <c r="Q7448" i="10"/>
  <c r="D7440" i="26" s="1"/>
  <c r="C7184" i="26"/>
  <c r="Q7192" i="10"/>
  <c r="D7184" i="26" s="1"/>
  <c r="C6928" i="26"/>
  <c r="Q6936" i="10"/>
  <c r="D6928" i="26" s="1"/>
  <c r="C6672" i="26"/>
  <c r="Q6680" i="10"/>
  <c r="D6672" i="26" s="1"/>
  <c r="C6416" i="26"/>
  <c r="Q6424" i="10"/>
  <c r="D6416" i="26" s="1"/>
  <c r="C6160" i="26"/>
  <c r="Q6168" i="10"/>
  <c r="D6160" i="26" s="1"/>
  <c r="C5904" i="26"/>
  <c r="Q5912" i="10"/>
  <c r="D5904" i="26" s="1"/>
  <c r="C7271" i="26"/>
  <c r="Q7279" i="10"/>
  <c r="D7271" i="26" s="1"/>
  <c r="C7015" i="26"/>
  <c r="Q7023" i="10"/>
  <c r="D7015" i="26" s="1"/>
  <c r="C6759" i="26"/>
  <c r="Q6767" i="10"/>
  <c r="D6759" i="26" s="1"/>
  <c r="C6503" i="26"/>
  <c r="Q6511" i="10"/>
  <c r="D6503" i="26" s="1"/>
  <c r="C6247" i="26"/>
  <c r="Q6255" i="10"/>
  <c r="D6247" i="26" s="1"/>
  <c r="C5991" i="26"/>
  <c r="Q5999" i="10"/>
  <c r="D5991" i="26" s="1"/>
  <c r="C7390" i="26"/>
  <c r="Q7398" i="10"/>
  <c r="D7390" i="26" s="1"/>
  <c r="C7134" i="26"/>
  <c r="Q7142" i="10"/>
  <c r="D7134" i="26" s="1"/>
  <c r="C6878" i="26"/>
  <c r="Q6886" i="10"/>
  <c r="D6878" i="26" s="1"/>
  <c r="C6622" i="26"/>
  <c r="Q6630" i="10"/>
  <c r="D6622" i="26" s="1"/>
  <c r="C6366" i="26"/>
  <c r="Q6374" i="10"/>
  <c r="D6366" i="26" s="1"/>
  <c r="C6110" i="26"/>
  <c r="Q6118" i="10"/>
  <c r="D6110" i="26" s="1"/>
  <c r="C5251" i="26"/>
  <c r="Q5259" i="10"/>
  <c r="D5251" i="26" s="1"/>
  <c r="C4995" i="26"/>
  <c r="Q5003" i="10"/>
  <c r="D4995" i="26" s="1"/>
  <c r="C4739" i="26"/>
  <c r="Q4747" i="10"/>
  <c r="D4739" i="26" s="1"/>
  <c r="C4483" i="26"/>
  <c r="Q4491" i="10"/>
  <c r="D4483" i="26" s="1"/>
  <c r="C4227" i="26"/>
  <c r="Q4235" i="10"/>
  <c r="D4227" i="26" s="1"/>
  <c r="C3971" i="26"/>
  <c r="Q3979" i="10"/>
  <c r="D3971" i="26" s="1"/>
  <c r="Q3723" i="10"/>
  <c r="D3715" i="26" s="1"/>
  <c r="C3715" i="26"/>
  <c r="Q3467" i="10"/>
  <c r="D3459" i="26" s="1"/>
  <c r="C3459" i="26"/>
  <c r="Q3211" i="10"/>
  <c r="D3203" i="26" s="1"/>
  <c r="C3203" i="26"/>
  <c r="Q2955" i="10"/>
  <c r="D2947" i="26" s="1"/>
  <c r="C2947" i="26"/>
  <c r="C5602" i="26"/>
  <c r="Q5610" i="10"/>
  <c r="D5602" i="26" s="1"/>
  <c r="C5346" i="26"/>
  <c r="Q5354" i="10"/>
  <c r="D5346" i="26" s="1"/>
  <c r="C5090" i="26"/>
  <c r="E5090" i="26" s="1"/>
  <c r="Q5098" i="10"/>
  <c r="D5090" i="26" s="1"/>
  <c r="C4834" i="26"/>
  <c r="E4834" i="26" s="1"/>
  <c r="Q4842" i="10"/>
  <c r="D4834" i="26" s="1"/>
  <c r="C4578" i="26"/>
  <c r="E4578" i="26" s="1"/>
  <c r="Q4586" i="10"/>
  <c r="D4578" i="26" s="1"/>
  <c r="C4322" i="26"/>
  <c r="Q4330" i="10"/>
  <c r="D4322" i="26" s="1"/>
  <c r="C4066" i="26"/>
  <c r="Q4074" i="10"/>
  <c r="D4066" i="26" s="1"/>
  <c r="Q3818" i="10"/>
  <c r="D3810" i="26" s="1"/>
  <c r="C3810" i="26"/>
  <c r="Q3562" i="10"/>
  <c r="D3554" i="26" s="1"/>
  <c r="C3554" i="26"/>
  <c r="E3554" i="26" s="1"/>
  <c r="Q3306" i="10"/>
  <c r="D3298" i="26" s="1"/>
  <c r="C3298" i="26"/>
  <c r="Q3050" i="10"/>
  <c r="D3042" i="26" s="1"/>
  <c r="C3042" i="26"/>
  <c r="C5389" i="26"/>
  <c r="Q5397" i="10"/>
  <c r="D5389" i="26" s="1"/>
  <c r="C4877" i="26"/>
  <c r="Q4885" i="10"/>
  <c r="D4877" i="26" s="1"/>
  <c r="C4365" i="26"/>
  <c r="Q4373" i="10"/>
  <c r="D4365" i="26" s="1"/>
  <c r="C3853" i="26"/>
  <c r="Q3861" i="10"/>
  <c r="D3853" i="26" s="1"/>
  <c r="C3341" i="26"/>
  <c r="Q3349" i="10"/>
  <c r="D3341" i="26" s="1"/>
  <c r="C4501" i="26"/>
  <c r="E4501" i="26" s="1"/>
  <c r="Q4509" i="10"/>
  <c r="D4501" i="26" s="1"/>
  <c r="C4785" i="26"/>
  <c r="Q4793" i="10"/>
  <c r="D4785" i="26" s="1"/>
  <c r="C4529" i="26"/>
  <c r="Q4537" i="10"/>
  <c r="D4529" i="26" s="1"/>
  <c r="C4273" i="26"/>
  <c r="Q4281" i="10"/>
  <c r="D4273" i="26" s="1"/>
  <c r="C4017" i="26"/>
  <c r="Q4025" i="10"/>
  <c r="D4017" i="26" s="1"/>
  <c r="Q3769" i="10"/>
  <c r="D3761" i="26" s="1"/>
  <c r="C3761" i="26"/>
  <c r="Q3513" i="10"/>
  <c r="D3505" i="26" s="1"/>
  <c r="C3505" i="26"/>
  <c r="Q3257" i="10"/>
  <c r="D3249" i="26" s="1"/>
  <c r="C3249" i="26"/>
  <c r="Q3001" i="10"/>
  <c r="D2993" i="26" s="1"/>
  <c r="C2993" i="26"/>
  <c r="C5744" i="26"/>
  <c r="Q5752" i="10"/>
  <c r="D5744" i="26" s="1"/>
  <c r="C5488" i="26"/>
  <c r="Q5496" i="10"/>
  <c r="D5488" i="26" s="1"/>
  <c r="C4624" i="26"/>
  <c r="Q4632" i="10"/>
  <c r="D4624" i="26" s="1"/>
  <c r="C4368" i="26"/>
  <c r="Q4376" i="10"/>
  <c r="D4368" i="26" s="1"/>
  <c r="C4112" i="26"/>
  <c r="Q4120" i="10"/>
  <c r="D4112" i="26" s="1"/>
  <c r="Q3864" i="10"/>
  <c r="D3856" i="26" s="1"/>
  <c r="C3856" i="26"/>
  <c r="Q3608" i="10"/>
  <c r="D3600" i="26" s="1"/>
  <c r="C3600" i="26"/>
  <c r="Q3352" i="10"/>
  <c r="D3344" i="26" s="1"/>
  <c r="C3344" i="26"/>
  <c r="Q3096" i="10"/>
  <c r="D3088" i="26" s="1"/>
  <c r="C3088" i="26"/>
  <c r="C5567" i="26"/>
  <c r="Q5575" i="10"/>
  <c r="D5567" i="26" s="1"/>
  <c r="C5311" i="26"/>
  <c r="Q5319" i="10"/>
  <c r="D5311" i="26" s="1"/>
  <c r="C5055" i="26"/>
  <c r="Q5063" i="10"/>
  <c r="D5055" i="26" s="1"/>
  <c r="C4799" i="26"/>
  <c r="E4799" i="26" s="1"/>
  <c r="Q4807" i="10"/>
  <c r="D4799" i="26" s="1"/>
  <c r="C4543" i="26"/>
  <c r="Q4551" i="10"/>
  <c r="D4543" i="26" s="1"/>
  <c r="C4287" i="26"/>
  <c r="Q4295" i="10"/>
  <c r="D4287" i="26" s="1"/>
  <c r="C4031" i="26"/>
  <c r="Q4039" i="10"/>
  <c r="D4031" i="26" s="1"/>
  <c r="Q3783" i="10"/>
  <c r="D3775" i="26" s="1"/>
  <c r="C3775" i="26"/>
  <c r="Q3527" i="10"/>
  <c r="D3519" i="26" s="1"/>
  <c r="C3519" i="26"/>
  <c r="Q3271" i="10"/>
  <c r="D3263" i="26" s="1"/>
  <c r="C3263" i="26"/>
  <c r="Q3015" i="10"/>
  <c r="D3007" i="26" s="1"/>
  <c r="C3007" i="26"/>
  <c r="C5574" i="26"/>
  <c r="Q5582" i="10"/>
  <c r="D5574" i="26" s="1"/>
  <c r="C5222" i="26"/>
  <c r="Q5230" i="10"/>
  <c r="D5222" i="26" s="1"/>
  <c r="C4966" i="26"/>
  <c r="E4966" i="26" s="1"/>
  <c r="Q4974" i="10"/>
  <c r="D4966" i="26" s="1"/>
  <c r="C4646" i="26"/>
  <c r="Q4654" i="10"/>
  <c r="D4646" i="26" s="1"/>
  <c r="C4134" i="26"/>
  <c r="Q4142" i="10"/>
  <c r="D4134" i="26" s="1"/>
  <c r="Q3630" i="10"/>
  <c r="D3622" i="26" s="1"/>
  <c r="C3622" i="26"/>
  <c r="Q3118" i="10"/>
  <c r="D3110" i="26" s="1"/>
  <c r="C3110" i="26"/>
  <c r="C5285" i="26"/>
  <c r="Q5293" i="10"/>
  <c r="D5285" i="26" s="1"/>
  <c r="C4773" i="26"/>
  <c r="Q4781" i="10"/>
  <c r="D4773" i="26" s="1"/>
  <c r="C4261" i="26"/>
  <c r="Q4269" i="10"/>
  <c r="D4261" i="26" s="1"/>
  <c r="C3749" i="26"/>
  <c r="Q3757" i="10"/>
  <c r="D3749" i="26" s="1"/>
  <c r="C3237" i="26"/>
  <c r="Q3245" i="10"/>
  <c r="D3237" i="26" s="1"/>
  <c r="C5572" i="26"/>
  <c r="Q5580" i="10"/>
  <c r="D5572" i="26" s="1"/>
  <c r="C5316" i="26"/>
  <c r="Q5324" i="10"/>
  <c r="D5316" i="26" s="1"/>
  <c r="C5060" i="26"/>
  <c r="E5060" i="26" s="1"/>
  <c r="Q5068" i="10"/>
  <c r="D5060" i="26" s="1"/>
  <c r="C4804" i="26"/>
  <c r="E4804" i="26" s="1"/>
  <c r="Q4812" i="10"/>
  <c r="D4804" i="26" s="1"/>
  <c r="C4548" i="26"/>
  <c r="E4548" i="26" s="1"/>
  <c r="Q4556" i="10"/>
  <c r="D4548" i="26" s="1"/>
  <c r="C4292" i="26"/>
  <c r="E4292" i="26" s="1"/>
  <c r="Q4300" i="10"/>
  <c r="D4292" i="26" s="1"/>
  <c r="C4036" i="26"/>
  <c r="E4036" i="26" s="1"/>
  <c r="Q4044" i="10"/>
  <c r="D4036" i="26" s="1"/>
  <c r="C3780" i="26"/>
  <c r="E3780" i="26" s="1"/>
  <c r="Q3788" i="10"/>
  <c r="D3780" i="26" s="1"/>
  <c r="C3524" i="26"/>
  <c r="Q3532" i="10"/>
  <c r="D3524" i="26" s="1"/>
  <c r="C3268" i="26"/>
  <c r="E3268" i="26" s="1"/>
  <c r="Q3276" i="10"/>
  <c r="D3268" i="26" s="1"/>
  <c r="C3012" i="26"/>
  <c r="E3012" i="26" s="1"/>
  <c r="Q3020" i="10"/>
  <c r="D3012" i="26" s="1"/>
  <c r="C3477" i="26"/>
  <c r="E3477" i="26" s="1"/>
  <c r="Q3485" i="10"/>
  <c r="D3477" i="26" s="1"/>
  <c r="C7093" i="26"/>
  <c r="Q7101" i="10"/>
  <c r="D7093" i="26" s="1"/>
  <c r="C6581" i="26"/>
  <c r="Q6589" i="10"/>
  <c r="D6581" i="26" s="1"/>
  <c r="C6069" i="26"/>
  <c r="Q6077" i="10"/>
  <c r="D6069" i="26" s="1"/>
  <c r="Q7252" i="10"/>
  <c r="D7244" i="26" s="1"/>
  <c r="C7244" i="26"/>
  <c r="C6988" i="26"/>
  <c r="Q6996" i="10"/>
  <c r="D6988" i="26" s="1"/>
  <c r="C6732" i="26"/>
  <c r="Q6740" i="10"/>
  <c r="D6732" i="26" s="1"/>
  <c r="C6476" i="26"/>
  <c r="Q6484" i="10"/>
  <c r="D6476" i="26" s="1"/>
  <c r="C6220" i="26"/>
  <c r="Q6228" i="10"/>
  <c r="D6220" i="26" s="1"/>
  <c r="C7395" i="26"/>
  <c r="Q7403" i="10"/>
  <c r="D7395" i="26" s="1"/>
  <c r="Q7147" i="10"/>
  <c r="D7139" i="26" s="1"/>
  <c r="C7139" i="26"/>
  <c r="Q6891" i="10"/>
  <c r="D6883" i="26" s="1"/>
  <c r="C6883" i="26"/>
  <c r="Q6635" i="10"/>
  <c r="D6627" i="26" s="1"/>
  <c r="C6627" i="26"/>
  <c r="Q6379" i="10"/>
  <c r="D6371" i="26" s="1"/>
  <c r="C6371" i="26"/>
  <c r="Q6123" i="10"/>
  <c r="D6115" i="26" s="1"/>
  <c r="C6115" i="26"/>
  <c r="Q5611" i="10"/>
  <c r="D5603" i="26" s="1"/>
  <c r="C5603" i="26"/>
  <c r="C7402" i="26"/>
  <c r="Q7410" i="10"/>
  <c r="D7402" i="26" s="1"/>
  <c r="C7146" i="26"/>
  <c r="Q7154" i="10"/>
  <c r="D7146" i="26" s="1"/>
  <c r="C6890" i="26"/>
  <c r="Q6898" i="10"/>
  <c r="D6890" i="26" s="1"/>
  <c r="C6634" i="26"/>
  <c r="Q6642" i="10"/>
  <c r="D6634" i="26" s="1"/>
  <c r="C6378" i="26"/>
  <c r="Q6386" i="10"/>
  <c r="D6378" i="26" s="1"/>
  <c r="C6122" i="26"/>
  <c r="Q6130" i="10"/>
  <c r="D6122" i="26" s="1"/>
  <c r="C7297" i="26"/>
  <c r="Q7305" i="10"/>
  <c r="D7297" i="26" s="1"/>
  <c r="C7041" i="26"/>
  <c r="Q7049" i="10"/>
  <c r="D7041" i="26" s="1"/>
  <c r="C6785" i="26"/>
  <c r="Q6793" i="10"/>
  <c r="D6785" i="26" s="1"/>
  <c r="C6529" i="26"/>
  <c r="Q6537" i="10"/>
  <c r="D6529" i="26" s="1"/>
  <c r="C6273" i="26"/>
  <c r="Q6281" i="10"/>
  <c r="D6273" i="26" s="1"/>
  <c r="C6017" i="26"/>
  <c r="Q6025" i="10"/>
  <c r="D6017" i="26" s="1"/>
  <c r="C5537" i="26"/>
  <c r="Q5545" i="10"/>
  <c r="D5537" i="26" s="1"/>
  <c r="C5281" i="26"/>
  <c r="Q5289" i="10"/>
  <c r="D5281" i="26" s="1"/>
  <c r="C5025" i="26"/>
  <c r="Q5033" i="10"/>
  <c r="D5025" i="26" s="1"/>
  <c r="C7336" i="26"/>
  <c r="Q7344" i="10"/>
  <c r="D7336" i="26" s="1"/>
  <c r="C7080" i="26"/>
  <c r="Q7088" i="10"/>
  <c r="D7080" i="26" s="1"/>
  <c r="C6824" i="26"/>
  <c r="E6824" i="26" s="1"/>
  <c r="Q6832" i="10"/>
  <c r="D6824" i="26" s="1"/>
  <c r="C6568" i="26"/>
  <c r="Q6576" i="10"/>
  <c r="D6568" i="26" s="1"/>
  <c r="C6312" i="26"/>
  <c r="Q6320" i="10"/>
  <c r="D6312" i="26" s="1"/>
  <c r="C6056" i="26"/>
  <c r="Q6064" i="10"/>
  <c r="D6056" i="26" s="1"/>
  <c r="C7423" i="26"/>
  <c r="Q7431" i="10"/>
  <c r="D7423" i="26" s="1"/>
  <c r="C7167" i="26"/>
  <c r="Q7175" i="10"/>
  <c r="D7167" i="26" s="1"/>
  <c r="C6911" i="26"/>
  <c r="Q6919" i="10"/>
  <c r="D6911" i="26" s="1"/>
  <c r="C6655" i="26"/>
  <c r="Q6663" i="10"/>
  <c r="D6655" i="26" s="1"/>
  <c r="C6399" i="26"/>
  <c r="Q6407" i="10"/>
  <c r="D6399" i="26" s="1"/>
  <c r="C6143" i="26"/>
  <c r="Q6151" i="10"/>
  <c r="D6143" i="26" s="1"/>
  <c r="C5887" i="26"/>
  <c r="Q5895" i="10"/>
  <c r="D5887" i="26" s="1"/>
  <c r="C7286" i="26"/>
  <c r="Q7294" i="10"/>
  <c r="D7286" i="26" s="1"/>
  <c r="C7030" i="26"/>
  <c r="Q7038" i="10"/>
  <c r="D7030" i="26" s="1"/>
  <c r="C6774" i="26"/>
  <c r="Q6782" i="10"/>
  <c r="D6774" i="26" s="1"/>
  <c r="C6518" i="26"/>
  <c r="Q6526" i="10"/>
  <c r="D6518" i="26" s="1"/>
  <c r="C6262" i="26"/>
  <c r="Q6270" i="10"/>
  <c r="D6262" i="26" s="1"/>
  <c r="C6006" i="26"/>
  <c r="Q6014" i="10"/>
  <c r="D6006" i="26" s="1"/>
  <c r="C5147" i="26"/>
  <c r="E5147" i="26" s="1"/>
  <c r="Q5155" i="10"/>
  <c r="D5147" i="26" s="1"/>
  <c r="C4891" i="26"/>
  <c r="E4891" i="26" s="1"/>
  <c r="Q4899" i="10"/>
  <c r="D4891" i="26" s="1"/>
  <c r="C4635" i="26"/>
  <c r="E4635" i="26" s="1"/>
  <c r="Q4643" i="10"/>
  <c r="D4635" i="26" s="1"/>
  <c r="C4379" i="26"/>
  <c r="E4379" i="26" s="1"/>
  <c r="Q4387" i="10"/>
  <c r="D4379" i="26" s="1"/>
  <c r="C4123" i="26"/>
  <c r="E4123" i="26" s="1"/>
  <c r="Q4131" i="10"/>
  <c r="D4123" i="26" s="1"/>
  <c r="Q3875" i="10"/>
  <c r="D3867" i="26" s="1"/>
  <c r="C3867" i="26"/>
  <c r="E3867" i="26" s="1"/>
  <c r="Q3619" i="10"/>
  <c r="D3611" i="26" s="1"/>
  <c r="C3611" i="26"/>
  <c r="E3611" i="26" s="1"/>
  <c r="Q3363" i="10"/>
  <c r="D3355" i="26" s="1"/>
  <c r="C3355" i="26"/>
  <c r="E3355" i="26" s="1"/>
  <c r="Q3107" i="10"/>
  <c r="D3099" i="26" s="1"/>
  <c r="C3099" i="26"/>
  <c r="E3099" i="26" s="1"/>
  <c r="Q2851" i="10"/>
  <c r="D2843" i="26" s="1"/>
  <c r="C2843" i="26"/>
  <c r="C5530" i="26"/>
  <c r="Q5538" i="10"/>
  <c r="D5530" i="26" s="1"/>
  <c r="C5274" i="26"/>
  <c r="E5274" i="26" s="1"/>
  <c r="Q5282" i="10"/>
  <c r="D5274" i="26" s="1"/>
  <c r="C5018" i="26"/>
  <c r="E5018" i="26" s="1"/>
  <c r="Q5026" i="10"/>
  <c r="D5018" i="26" s="1"/>
  <c r="C4762" i="26"/>
  <c r="E4762" i="26" s="1"/>
  <c r="Q4770" i="10"/>
  <c r="D4762" i="26" s="1"/>
  <c r="C4506" i="26"/>
  <c r="E4506" i="26" s="1"/>
  <c r="Q4514" i="10"/>
  <c r="D4506" i="26" s="1"/>
  <c r="C4250" i="26"/>
  <c r="Q4258" i="10"/>
  <c r="D4250" i="26" s="1"/>
  <c r="C3994" i="26"/>
  <c r="Q4002" i="10"/>
  <c r="D3994" i="26" s="1"/>
  <c r="Q3746" i="10"/>
  <c r="D3738" i="26" s="1"/>
  <c r="C3738" i="26"/>
  <c r="Q3490" i="10"/>
  <c r="D3482" i="26" s="1"/>
  <c r="C3482" i="26"/>
  <c r="E3482" i="26" s="1"/>
  <c r="Q3234" i="10"/>
  <c r="D3226" i="26" s="1"/>
  <c r="C3226" i="26"/>
  <c r="Q2978" i="10"/>
  <c r="D2970" i="26" s="1"/>
  <c r="C2970" i="26"/>
  <c r="C5381" i="26"/>
  <c r="Q5389" i="10"/>
  <c r="D5381" i="26" s="1"/>
  <c r="C4869" i="26"/>
  <c r="Q4877" i="10"/>
  <c r="D4869" i="26" s="1"/>
  <c r="C4357" i="26"/>
  <c r="Q4365" i="10"/>
  <c r="D4357" i="26" s="1"/>
  <c r="C3845" i="26"/>
  <c r="E3845" i="26" s="1"/>
  <c r="Q3853" i="10"/>
  <c r="D3845" i="26" s="1"/>
  <c r="C3333" i="26"/>
  <c r="Q3341" i="10"/>
  <c r="D3333" i="26" s="1"/>
  <c r="C4757" i="26"/>
  <c r="Q4765" i="10"/>
  <c r="D4757" i="26" s="1"/>
  <c r="C7061" i="26"/>
  <c r="Q7069" i="10"/>
  <c r="D7061" i="26" s="1"/>
  <c r="C6549" i="26"/>
  <c r="Q6557" i="10"/>
  <c r="D6549" i="26" s="1"/>
  <c r="C6037" i="26"/>
  <c r="Q6045" i="10"/>
  <c r="D6037" i="26" s="1"/>
  <c r="C4777" i="26"/>
  <c r="E4777" i="26" s="1"/>
  <c r="Q4785" i="10"/>
  <c r="D4777" i="26" s="1"/>
  <c r="C4521" i="26"/>
  <c r="E4521" i="26" s="1"/>
  <c r="Q4529" i="10"/>
  <c r="D4521" i="26" s="1"/>
  <c r="C4265" i="26"/>
  <c r="E4265" i="26" s="1"/>
  <c r="Q4273" i="10"/>
  <c r="D4265" i="26" s="1"/>
  <c r="C4009" i="26"/>
  <c r="Q4017" i="10"/>
  <c r="D4009" i="26" s="1"/>
  <c r="Q3761" i="10"/>
  <c r="D3753" i="26" s="1"/>
  <c r="C3753" i="26"/>
  <c r="Q3505" i="10"/>
  <c r="D3497" i="26" s="1"/>
  <c r="C3497" i="26"/>
  <c r="E3497" i="26" s="1"/>
  <c r="Q3249" i="10"/>
  <c r="D3241" i="26" s="1"/>
  <c r="C3241" i="26"/>
  <c r="E3241" i="26" s="1"/>
  <c r="Q2993" i="10"/>
  <c r="D2985" i="26" s="1"/>
  <c r="C2985" i="26"/>
  <c r="C5736" i="26"/>
  <c r="Q5744" i="10"/>
  <c r="D5736" i="26" s="1"/>
  <c r="C5480" i="26"/>
  <c r="Q5488" i="10"/>
  <c r="D5480" i="26" s="1"/>
  <c r="C5224" i="26"/>
  <c r="E5224" i="26" s="1"/>
  <c r="Q5232" i="10"/>
  <c r="D5224" i="26" s="1"/>
  <c r="C4968" i="26"/>
  <c r="Q4976" i="10"/>
  <c r="D4968" i="26" s="1"/>
  <c r="C4712" i="26"/>
  <c r="Q4720" i="10"/>
  <c r="D4712" i="26" s="1"/>
  <c r="C4456" i="26"/>
  <c r="Q4464" i="10"/>
  <c r="D4456" i="26" s="1"/>
  <c r="C4200" i="26"/>
  <c r="E4200" i="26" s="1"/>
  <c r="Q4208" i="10"/>
  <c r="D4200" i="26" s="1"/>
  <c r="C3944" i="26"/>
  <c r="Q3952" i="10"/>
  <c r="D3944" i="26" s="1"/>
  <c r="Q3696" i="10"/>
  <c r="D3688" i="26" s="1"/>
  <c r="C3688" i="26"/>
  <c r="Q3440" i="10"/>
  <c r="D3432" i="26" s="1"/>
  <c r="C3432" i="26"/>
  <c r="Q3184" i="10"/>
  <c r="D3176" i="26" s="1"/>
  <c r="C3176" i="26"/>
  <c r="Q2928" i="10"/>
  <c r="D2920" i="26" s="1"/>
  <c r="C2920" i="26"/>
  <c r="C5655" i="26"/>
  <c r="Q5663" i="10"/>
  <c r="D5655" i="26" s="1"/>
  <c r="C5399" i="26"/>
  <c r="Q5407" i="10"/>
  <c r="D5399" i="26" s="1"/>
  <c r="C5143" i="26"/>
  <c r="Q5151" i="10"/>
  <c r="D5143" i="26" s="1"/>
  <c r="C4887" i="26"/>
  <c r="Q4895" i="10"/>
  <c r="D4887" i="26" s="1"/>
  <c r="C4631" i="26"/>
  <c r="Q4639" i="10"/>
  <c r="D4631" i="26" s="1"/>
  <c r="C4375" i="26"/>
  <c r="Q4383" i="10"/>
  <c r="D4375" i="26" s="1"/>
  <c r="C4119" i="26"/>
  <c r="Q4127" i="10"/>
  <c r="D4119" i="26" s="1"/>
  <c r="Q3871" i="10"/>
  <c r="D3863" i="26" s="1"/>
  <c r="C3863" i="26"/>
  <c r="Q3615" i="10"/>
  <c r="D3607" i="26" s="1"/>
  <c r="C3607" i="26"/>
  <c r="Q3359" i="10"/>
  <c r="D3351" i="26" s="1"/>
  <c r="C3351" i="26"/>
  <c r="E3351" i="26" s="1"/>
  <c r="Q3103" i="10"/>
  <c r="D3095" i="26" s="1"/>
  <c r="C3095" i="26"/>
  <c r="Q2847" i="10"/>
  <c r="D2839" i="26" s="1"/>
  <c r="C2839" i="26"/>
  <c r="C5534" i="26"/>
  <c r="Q5542" i="10"/>
  <c r="D5534" i="26" s="1"/>
  <c r="C5278" i="26"/>
  <c r="Q5286" i="10"/>
  <c r="D5278" i="26" s="1"/>
  <c r="C5022" i="26"/>
  <c r="Q5030" i="10"/>
  <c r="D5022" i="26" s="1"/>
  <c r="C4766" i="26"/>
  <c r="Q4774" i="10"/>
  <c r="D4766" i="26" s="1"/>
  <c r="C4254" i="26"/>
  <c r="Q4262" i="10"/>
  <c r="D4254" i="26" s="1"/>
  <c r="Q3750" i="10"/>
  <c r="D3742" i="26" s="1"/>
  <c r="C3742" i="26"/>
  <c r="Q3238" i="10"/>
  <c r="D3230" i="26" s="1"/>
  <c r="C3230" i="26"/>
  <c r="C5597" i="26"/>
  <c r="Q5605" i="10"/>
  <c r="D5597" i="26" s="1"/>
  <c r="C5341" i="26"/>
  <c r="Q5349" i="10"/>
  <c r="D5341" i="26" s="1"/>
  <c r="C5085" i="26"/>
  <c r="E5085" i="26" s="1"/>
  <c r="Q5093" i="10"/>
  <c r="D5085" i="26" s="1"/>
  <c r="C4829" i="26"/>
  <c r="E4829" i="26" s="1"/>
  <c r="Q4837" i="10"/>
  <c r="D4829" i="26" s="1"/>
  <c r="C4573" i="26"/>
  <c r="E4573" i="26" s="1"/>
  <c r="Q4581" i="10"/>
  <c r="D4573" i="26" s="1"/>
  <c r="C4317" i="26"/>
  <c r="E4317" i="26" s="1"/>
  <c r="Q4325" i="10"/>
  <c r="D4317" i="26" s="1"/>
  <c r="C4061" i="26"/>
  <c r="E4061" i="26" s="1"/>
  <c r="Q4069" i="10"/>
  <c r="D4061" i="26" s="1"/>
  <c r="C3805" i="26"/>
  <c r="E3805" i="26" s="1"/>
  <c r="Q3813" i="10"/>
  <c r="D3805" i="26" s="1"/>
  <c r="C3549" i="26"/>
  <c r="E3549" i="26" s="1"/>
  <c r="Q3557" i="10"/>
  <c r="D3549" i="26" s="1"/>
  <c r="C3293" i="26"/>
  <c r="Q3301" i="10"/>
  <c r="D3293" i="26" s="1"/>
  <c r="C3037" i="26"/>
  <c r="E3037" i="26" s="1"/>
  <c r="Q3045" i="10"/>
  <c r="D3037" i="26" s="1"/>
  <c r="C5724" i="26"/>
  <c r="Q5732" i="10"/>
  <c r="D5724" i="26" s="1"/>
  <c r="C5468" i="26"/>
  <c r="Q5476" i="10"/>
  <c r="D5468" i="26" s="1"/>
  <c r="C5212" i="26"/>
  <c r="E5212" i="26" s="1"/>
  <c r="Q5220" i="10"/>
  <c r="D5212" i="26" s="1"/>
  <c r="C4956" i="26"/>
  <c r="E4956" i="26" s="1"/>
  <c r="Q4964" i="10"/>
  <c r="D4956" i="26" s="1"/>
  <c r="C4700" i="26"/>
  <c r="E4700" i="26" s="1"/>
  <c r="Q4708" i="10"/>
  <c r="D4700" i="26" s="1"/>
  <c r="C4444" i="26"/>
  <c r="E4444" i="26" s="1"/>
  <c r="Q4452" i="10"/>
  <c r="D4444" i="26" s="1"/>
  <c r="C4188" i="26"/>
  <c r="E4188" i="26" s="1"/>
  <c r="Q4196" i="10"/>
  <c r="D4188" i="26" s="1"/>
  <c r="C3932" i="26"/>
  <c r="E3932" i="26" s="1"/>
  <c r="Q3940" i="10"/>
  <c r="D3932" i="26" s="1"/>
  <c r="C3676" i="26"/>
  <c r="E3676" i="26" s="1"/>
  <c r="Q3684" i="10"/>
  <c r="D3676" i="26" s="1"/>
  <c r="C3420" i="26"/>
  <c r="E3420" i="26" s="1"/>
  <c r="Q3428" i="10"/>
  <c r="D3420" i="26" s="1"/>
  <c r="C3164" i="26"/>
  <c r="Q3172" i="10"/>
  <c r="D3164" i="26" s="1"/>
  <c r="C2908" i="26"/>
  <c r="E2908" i="26" s="1"/>
  <c r="Q2916" i="10"/>
  <c r="D2908" i="26" s="1"/>
  <c r="C3285" i="26"/>
  <c r="Q3293" i="10"/>
  <c r="D3285" i="26" s="1"/>
  <c r="C7277" i="26"/>
  <c r="Q7285" i="10"/>
  <c r="D7277" i="26" s="1"/>
  <c r="C6765" i="26"/>
  <c r="Q6773" i="10"/>
  <c r="D6765" i="26" s="1"/>
  <c r="C6253" i="26"/>
  <c r="Q6261" i="10"/>
  <c r="D6253" i="26" s="1"/>
  <c r="C7300" i="26"/>
  <c r="Q7308" i="10"/>
  <c r="D7300" i="26" s="1"/>
  <c r="C7044" i="26"/>
  <c r="Q7052" i="10"/>
  <c r="D7044" i="26" s="1"/>
  <c r="C6788" i="26"/>
  <c r="Q6796" i="10"/>
  <c r="D6788" i="26" s="1"/>
  <c r="C6532" i="26"/>
  <c r="Q6540" i="10"/>
  <c r="D6532" i="26" s="1"/>
  <c r="C6276" i="26"/>
  <c r="Q6284" i="10"/>
  <c r="D6276" i="26" s="1"/>
  <c r="C6020" i="26"/>
  <c r="Q6028" i="10"/>
  <c r="D6020" i="26" s="1"/>
  <c r="C7227" i="26"/>
  <c r="Q7235" i="10"/>
  <c r="D7227" i="26" s="1"/>
  <c r="Q6979" i="10"/>
  <c r="D6971" i="26" s="1"/>
  <c r="C6971" i="26"/>
  <c r="Q6723" i="10"/>
  <c r="D6715" i="26" s="1"/>
  <c r="C6715" i="26"/>
  <c r="Q6467" i="10"/>
  <c r="D6459" i="26" s="1"/>
  <c r="C6459" i="26"/>
  <c r="Q6211" i="10"/>
  <c r="D6203" i="26" s="1"/>
  <c r="C6203" i="26"/>
  <c r="C5723" i="26"/>
  <c r="Q5731" i="10"/>
  <c r="D5723" i="26" s="1"/>
  <c r="C5467" i="26"/>
  <c r="Q5475" i="10"/>
  <c r="D5467" i="26" s="1"/>
  <c r="C7266" i="26"/>
  <c r="Q7274" i="10"/>
  <c r="D7266" i="26" s="1"/>
  <c r="C7010" i="26"/>
  <c r="Q7018" i="10"/>
  <c r="D7010" i="26" s="1"/>
  <c r="C6754" i="26"/>
  <c r="Q6762" i="10"/>
  <c r="D6754" i="26" s="1"/>
  <c r="C6498" i="26"/>
  <c r="Q6506" i="10"/>
  <c r="D6498" i="26" s="1"/>
  <c r="C6242" i="26"/>
  <c r="Q6250" i="10"/>
  <c r="D6242" i="26" s="1"/>
  <c r="C7449" i="26"/>
  <c r="Q7457" i="10"/>
  <c r="D7449" i="26" s="1"/>
  <c r="C7193" i="26"/>
  <c r="Q7201" i="10"/>
  <c r="D7193" i="26" s="1"/>
  <c r="C6937" i="26"/>
  <c r="Q6945" i="10"/>
  <c r="D6937" i="26" s="1"/>
  <c r="C6681" i="26"/>
  <c r="Q6689" i="10"/>
  <c r="D6681" i="26" s="1"/>
  <c r="C6425" i="26"/>
  <c r="Q6433" i="10"/>
  <c r="D6425" i="26" s="1"/>
  <c r="C6169" i="26"/>
  <c r="Q6177" i="10"/>
  <c r="D6169" i="26" s="1"/>
  <c r="C5689" i="26"/>
  <c r="Q5697" i="10"/>
  <c r="D5689" i="26" s="1"/>
  <c r="C5433" i="26"/>
  <c r="Q5441" i="10"/>
  <c r="D5433" i="26" s="1"/>
  <c r="C5177" i="26"/>
  <c r="E5177" i="26" s="1"/>
  <c r="Q5185" i="10"/>
  <c r="D5177" i="26" s="1"/>
  <c r="C4921" i="26"/>
  <c r="E4921" i="26" s="1"/>
  <c r="Q4929" i="10"/>
  <c r="D4921" i="26" s="1"/>
  <c r="C7232" i="26"/>
  <c r="Q7240" i="10"/>
  <c r="D7232" i="26" s="1"/>
  <c r="C6976" i="26"/>
  <c r="Q6984" i="10"/>
  <c r="D6976" i="26" s="1"/>
  <c r="C6720" i="26"/>
  <c r="Q6728" i="10"/>
  <c r="D6720" i="26" s="1"/>
  <c r="C6464" i="26"/>
  <c r="Q6472" i="10"/>
  <c r="D6464" i="26" s="1"/>
  <c r="C6208" i="26"/>
  <c r="Q6216" i="10"/>
  <c r="D6208" i="26" s="1"/>
  <c r="C5856" i="26"/>
  <c r="Q5864" i="10"/>
  <c r="D5856" i="26" s="1"/>
  <c r="C7127" i="26"/>
  <c r="Q7135" i="10"/>
  <c r="D7127" i="26" s="1"/>
  <c r="C6807" i="26"/>
  <c r="Q6815" i="10"/>
  <c r="D6807" i="26" s="1"/>
  <c r="C6455" i="26"/>
  <c r="Q6463" i="10"/>
  <c r="D6455" i="26" s="1"/>
  <c r="C6103" i="26"/>
  <c r="Q6111" i="10"/>
  <c r="D6103" i="26" s="1"/>
  <c r="C7438" i="26"/>
  <c r="Q7446" i="10"/>
  <c r="D7438" i="26" s="1"/>
  <c r="C7086" i="26"/>
  <c r="Q7094" i="10"/>
  <c r="D7086" i="26" s="1"/>
  <c r="C6734" i="26"/>
  <c r="Q6742" i="10"/>
  <c r="D6734" i="26" s="1"/>
  <c r="C6414" i="26"/>
  <c r="Q6422" i="10"/>
  <c r="D6414" i="26" s="1"/>
  <c r="C6062" i="26"/>
  <c r="Q6070" i="10"/>
  <c r="D6062" i="26" s="1"/>
  <c r="C5139" i="26"/>
  <c r="Q5147" i="10"/>
  <c r="D5139" i="26" s="1"/>
  <c r="Q4795" i="10"/>
  <c r="D4787" i="26" s="1"/>
  <c r="C4787" i="26"/>
  <c r="Q4475" i="10"/>
  <c r="D4467" i="26" s="1"/>
  <c r="C4467" i="26"/>
  <c r="C4115" i="26"/>
  <c r="Q4123" i="10"/>
  <c r="D4115" i="26" s="1"/>
  <c r="Q3771" i="10"/>
  <c r="D3763" i="26" s="1"/>
  <c r="C3763" i="26"/>
  <c r="Q3451" i="10"/>
  <c r="D3443" i="26" s="1"/>
  <c r="C3443" i="26"/>
  <c r="Q3099" i="10"/>
  <c r="D3091" i="26" s="1"/>
  <c r="C3091" i="26"/>
  <c r="E3091" i="26" s="1"/>
  <c r="C5426" i="26"/>
  <c r="Q5434" i="10"/>
  <c r="D5426" i="26" s="1"/>
  <c r="C5106" i="26"/>
  <c r="E5106" i="26" s="1"/>
  <c r="Q5114" i="10"/>
  <c r="D5106" i="26" s="1"/>
  <c r="C4754" i="26"/>
  <c r="Q4762" i="10"/>
  <c r="D4754" i="26" s="1"/>
  <c r="C4402" i="26"/>
  <c r="E4402" i="26" s="1"/>
  <c r="Q4410" i="10"/>
  <c r="D4402" i="26" s="1"/>
  <c r="C4082" i="26"/>
  <c r="E4082" i="26" s="1"/>
  <c r="Q4090" i="10"/>
  <c r="D4082" i="26" s="1"/>
  <c r="Q3738" i="10"/>
  <c r="D3730" i="26" s="1"/>
  <c r="C3730" i="26"/>
  <c r="Q3386" i="10"/>
  <c r="D3378" i="26" s="1"/>
  <c r="C3378" i="26"/>
  <c r="Q3066" i="10"/>
  <c r="D3058" i="26" s="1"/>
  <c r="C3058" i="26"/>
  <c r="E3058" i="26" s="1"/>
  <c r="C4053" i="26"/>
  <c r="Q4061" i="10"/>
  <c r="D4053" i="26" s="1"/>
  <c r="C6861" i="26"/>
  <c r="Q6869" i="10"/>
  <c r="D6861" i="26" s="1"/>
  <c r="C6221" i="26"/>
  <c r="Q6229" i="10"/>
  <c r="D6221" i="26" s="1"/>
  <c r="C4801" i="26"/>
  <c r="E4801" i="26" s="1"/>
  <c r="Q4809" i="10"/>
  <c r="D4801" i="26" s="1"/>
  <c r="C4449" i="26"/>
  <c r="Q4457" i="10"/>
  <c r="D4449" i="26" s="1"/>
  <c r="C4097" i="26"/>
  <c r="E4097" i="26" s="1"/>
  <c r="Q4105" i="10"/>
  <c r="D4097" i="26" s="1"/>
  <c r="Q3785" i="10"/>
  <c r="D3777" i="26" s="1"/>
  <c r="C3777" i="26"/>
  <c r="Q3433" i="10"/>
  <c r="D3425" i="26" s="1"/>
  <c r="C3425" i="26"/>
  <c r="Q3081" i="10"/>
  <c r="D3073" i="26" s="1"/>
  <c r="C3073" i="26"/>
  <c r="C5824" i="26"/>
  <c r="Q5832" i="10"/>
  <c r="D5824" i="26" s="1"/>
  <c r="C5376" i="26"/>
  <c r="Q5384" i="10"/>
  <c r="D5376" i="26" s="1"/>
  <c r="C5024" i="26"/>
  <c r="Q5032" i="10"/>
  <c r="D5024" i="26" s="1"/>
  <c r="C4672" i="26"/>
  <c r="E4672" i="26" s="1"/>
  <c r="Q4680" i="10"/>
  <c r="D4672" i="26" s="1"/>
  <c r="C4352" i="26"/>
  <c r="E4352" i="26" s="1"/>
  <c r="Q4360" i="10"/>
  <c r="D4352" i="26" s="1"/>
  <c r="C4000" i="26"/>
  <c r="Q4008" i="10"/>
  <c r="D4000" i="26" s="1"/>
  <c r="Q3656" i="10"/>
  <c r="D3648" i="26" s="1"/>
  <c r="C3648" i="26"/>
  <c r="Q3336" i="10"/>
  <c r="D3328" i="26" s="1"/>
  <c r="C3328" i="26"/>
  <c r="Q2984" i="10"/>
  <c r="D2976" i="26" s="1"/>
  <c r="C2976" i="26"/>
  <c r="C5583" i="26"/>
  <c r="Q5591" i="10"/>
  <c r="D5583" i="26" s="1"/>
  <c r="C5071" i="26"/>
  <c r="Q5079" i="10"/>
  <c r="D5071" i="26" s="1"/>
  <c r="C4559" i="26"/>
  <c r="E4559" i="26" s="1"/>
  <c r="Q4567" i="10"/>
  <c r="D4559" i="26" s="1"/>
  <c r="C4047" i="26"/>
  <c r="Q4055" i="10"/>
  <c r="D4047" i="26" s="1"/>
  <c r="Q3543" i="10"/>
  <c r="D3535" i="26" s="1"/>
  <c r="C3535" i="26"/>
  <c r="E3535" i="26" s="1"/>
  <c r="Q3191" i="10"/>
  <c r="D3183" i="26" s="1"/>
  <c r="C3183" i="26"/>
  <c r="Q2871" i="10"/>
  <c r="D2863" i="26" s="1"/>
  <c r="C2863" i="26"/>
  <c r="E2863" i="26" s="1"/>
  <c r="C5526" i="26"/>
  <c r="Q5534" i="10"/>
  <c r="D5526" i="26" s="1"/>
  <c r="C4598" i="26"/>
  <c r="Q4606" i="10"/>
  <c r="D4598" i="26" s="1"/>
  <c r="C4246" i="26"/>
  <c r="Q4254" i="10"/>
  <c r="D4246" i="26" s="1"/>
  <c r="Q3934" i="10"/>
  <c r="D3926" i="26" s="1"/>
  <c r="C3926" i="26"/>
  <c r="Q3582" i="10"/>
  <c r="D3574" i="26" s="1"/>
  <c r="C3574" i="26"/>
  <c r="E3574" i="26" s="1"/>
  <c r="Q3230" i="10"/>
  <c r="D3222" i="26" s="1"/>
  <c r="C3222" i="26"/>
  <c r="Q2910" i="10"/>
  <c r="D2902" i="26" s="1"/>
  <c r="C2902" i="26"/>
  <c r="C5365" i="26"/>
  <c r="Q5373" i="10"/>
  <c r="D5365" i="26" s="1"/>
  <c r="C4725" i="26"/>
  <c r="Q4733" i="10"/>
  <c r="D4725" i="26" s="1"/>
  <c r="C4021" i="26"/>
  <c r="Q4029" i="10"/>
  <c r="D4021" i="26" s="1"/>
  <c r="C3317" i="26"/>
  <c r="Q3325" i="10"/>
  <c r="D3317" i="26" s="1"/>
  <c r="C5716" i="26"/>
  <c r="Q5724" i="10"/>
  <c r="D5716" i="26" s="1"/>
  <c r="C5364" i="26"/>
  <c r="Q5372" i="10"/>
  <c r="D5364" i="26" s="1"/>
  <c r="C5012" i="26"/>
  <c r="Q5020" i="10"/>
  <c r="D5012" i="26" s="1"/>
  <c r="C4692" i="26"/>
  <c r="Q4700" i="10"/>
  <c r="D4692" i="26" s="1"/>
  <c r="C4340" i="26"/>
  <c r="Q4348" i="10"/>
  <c r="D4340" i="26" s="1"/>
  <c r="C3988" i="26"/>
  <c r="Q3996" i="10"/>
  <c r="D3988" i="26" s="1"/>
  <c r="C3668" i="26"/>
  <c r="Q3676" i="10"/>
  <c r="D3668" i="26" s="1"/>
  <c r="C3316" i="26"/>
  <c r="Q3324" i="10"/>
  <c r="D3316" i="26" s="1"/>
  <c r="C2964" i="26"/>
  <c r="Q2972" i="10"/>
  <c r="D2964" i="26" s="1"/>
  <c r="C4821" i="26"/>
  <c r="E4821" i="26" s="1"/>
  <c r="Q4829" i="10"/>
  <c r="D4821" i="26" s="1"/>
  <c r="C7205" i="26"/>
  <c r="Q7213" i="10"/>
  <c r="D7205" i="26" s="1"/>
  <c r="C6501" i="26"/>
  <c r="Q6509" i="10"/>
  <c r="D6501" i="26" s="1"/>
  <c r="C7356" i="26"/>
  <c r="Q7364" i="10"/>
  <c r="D7356" i="26" s="1"/>
  <c r="C7004" i="26"/>
  <c r="Q7012" i="10"/>
  <c r="D7004" i="26" s="1"/>
  <c r="C6652" i="26"/>
  <c r="Q6660" i="10"/>
  <c r="D6652" i="26" s="1"/>
  <c r="C6332" i="26"/>
  <c r="Q6340" i="10"/>
  <c r="D6332" i="26" s="1"/>
  <c r="Q7419" i="10"/>
  <c r="D7411" i="26" s="1"/>
  <c r="C7411" i="26"/>
  <c r="Q7099" i="10"/>
  <c r="D7091" i="26" s="1"/>
  <c r="C7091" i="26"/>
  <c r="C6739" i="26"/>
  <c r="Q6747" i="10"/>
  <c r="D6739" i="26" s="1"/>
  <c r="Q6395" i="10"/>
  <c r="D6387" i="26" s="1"/>
  <c r="C6387" i="26"/>
  <c r="Q6075" i="10"/>
  <c r="D6067" i="26" s="1"/>
  <c r="C6067" i="26"/>
  <c r="C5459" i="26"/>
  <c r="Q5467" i="10"/>
  <c r="D5459" i="26" s="1"/>
  <c r="C7162" i="26"/>
  <c r="Q7170" i="10"/>
  <c r="D7162" i="26" s="1"/>
  <c r="C6842" i="26"/>
  <c r="Q6850" i="10"/>
  <c r="D6842" i="26" s="1"/>
  <c r="C6490" i="26"/>
  <c r="Q6498" i="10"/>
  <c r="D6490" i="26" s="1"/>
  <c r="C6138" i="26"/>
  <c r="Q6146" i="10"/>
  <c r="D6138" i="26" s="1"/>
  <c r="C7281" i="26"/>
  <c r="Q7289" i="10"/>
  <c r="D7281" i="26" s="1"/>
  <c r="C6929" i="26"/>
  <c r="Q6937" i="10"/>
  <c r="D6929" i="26" s="1"/>
  <c r="C6609" i="26"/>
  <c r="Q6617" i="10"/>
  <c r="D6609" i="26" s="1"/>
  <c r="C6257" i="26"/>
  <c r="E6257" i="26" s="1"/>
  <c r="Q6265" i="10"/>
  <c r="D6257" i="26" s="1"/>
  <c r="C5649" i="26"/>
  <c r="Q5657" i="10"/>
  <c r="D5649" i="26" s="1"/>
  <c r="C5329" i="26"/>
  <c r="Q5337" i="10"/>
  <c r="D5329" i="26" s="1"/>
  <c r="C4977" i="26"/>
  <c r="Q4985" i="10"/>
  <c r="D4977" i="26" s="1"/>
  <c r="C7192" i="26"/>
  <c r="Q7200" i="10"/>
  <c r="D7192" i="26" s="1"/>
  <c r="C6872" i="26"/>
  <c r="Q6880" i="10"/>
  <c r="D6872" i="26" s="1"/>
  <c r="C6520" i="26"/>
  <c r="Q6528" i="10"/>
  <c r="D6520" i="26" s="1"/>
  <c r="C6168" i="26"/>
  <c r="Q6176" i="10"/>
  <c r="D6168" i="26" s="1"/>
  <c r="C5848" i="26"/>
  <c r="Q5856" i="10"/>
  <c r="D5848" i="26" s="1"/>
  <c r="C7119" i="26"/>
  <c r="Q7127" i="10"/>
  <c r="D7119" i="26" s="1"/>
  <c r="C6767" i="26"/>
  <c r="Q6775" i="10"/>
  <c r="D6767" i="26" s="1"/>
  <c r="C6447" i="26"/>
  <c r="Q6455" i="10"/>
  <c r="D6447" i="26" s="1"/>
  <c r="C6095" i="26"/>
  <c r="Q6103" i="10"/>
  <c r="D6095" i="26" s="1"/>
  <c r="C7398" i="26"/>
  <c r="Q7406" i="10"/>
  <c r="D7398" i="26" s="1"/>
  <c r="C7078" i="26"/>
  <c r="Q7086" i="10"/>
  <c r="D7078" i="26" s="1"/>
  <c r="C6726" i="26"/>
  <c r="Q6734" i="10"/>
  <c r="D6726" i="26" s="1"/>
  <c r="C6374" i="26"/>
  <c r="Q6382" i="10"/>
  <c r="D6374" i="26" s="1"/>
  <c r="C6054" i="26"/>
  <c r="Q6062" i="10"/>
  <c r="D6054" i="26" s="1"/>
  <c r="C5067" i="26"/>
  <c r="Q5075" i="10"/>
  <c r="D5067" i="26" s="1"/>
  <c r="C4747" i="26"/>
  <c r="E4747" i="26" s="1"/>
  <c r="Q4755" i="10"/>
  <c r="D4747" i="26" s="1"/>
  <c r="Q4403" i="10"/>
  <c r="D4395" i="26" s="1"/>
  <c r="C4395" i="26"/>
  <c r="E4395" i="26" s="1"/>
  <c r="C4043" i="26"/>
  <c r="E4043" i="26" s="1"/>
  <c r="Q4051" i="10"/>
  <c r="D4043" i="26" s="1"/>
  <c r="Q3731" i="10"/>
  <c r="D3723" i="26" s="1"/>
  <c r="C3723" i="26"/>
  <c r="Q3379" i="10"/>
  <c r="D3371" i="26" s="1"/>
  <c r="C3371" i="26"/>
  <c r="Q3027" i="10"/>
  <c r="D3019" i="26" s="1"/>
  <c r="C3019" i="26"/>
  <c r="E3019" i="26" s="1"/>
  <c r="C5706" i="26"/>
  <c r="Q5714" i="10"/>
  <c r="D5706" i="26" s="1"/>
  <c r="C5386" i="26"/>
  <c r="Q5394" i="10"/>
  <c r="D5386" i="26" s="1"/>
  <c r="C5034" i="26"/>
  <c r="Q5042" i="10"/>
  <c r="D5034" i="26" s="1"/>
  <c r="C4682" i="26"/>
  <c r="Q4690" i="10"/>
  <c r="D4682" i="26" s="1"/>
  <c r="C4362" i="26"/>
  <c r="Q4370" i="10"/>
  <c r="D4362" i="26" s="1"/>
  <c r="C4010" i="26"/>
  <c r="E4010" i="26" s="1"/>
  <c r="Q4018" i="10"/>
  <c r="D4010" i="26" s="1"/>
  <c r="Q3666" i="10"/>
  <c r="D3658" i="26" s="1"/>
  <c r="C3658" i="26"/>
  <c r="Q3346" i="10"/>
  <c r="D3338" i="26" s="1"/>
  <c r="C3338" i="26"/>
  <c r="Q2994" i="10"/>
  <c r="D2986" i="26" s="1"/>
  <c r="C2986" i="26"/>
  <c r="C6853" i="26"/>
  <c r="Q6861" i="10"/>
  <c r="D6853" i="26" s="1"/>
  <c r="C6149" i="26"/>
  <c r="Q6157" i="10"/>
  <c r="D6149" i="26" s="1"/>
  <c r="C4729" i="26"/>
  <c r="Q4737" i="10"/>
  <c r="D4729" i="26" s="1"/>
  <c r="C4377" i="26"/>
  <c r="Q4385" i="10"/>
  <c r="D4377" i="26" s="1"/>
  <c r="C4025" i="26"/>
  <c r="Q4033" i="10"/>
  <c r="D4025" i="26" s="1"/>
  <c r="Q3713" i="10"/>
  <c r="D3705" i="26" s="1"/>
  <c r="C3705" i="26"/>
  <c r="Q3361" i="10"/>
  <c r="D3353" i="26" s="1"/>
  <c r="C3353" i="26"/>
  <c r="Q3009" i="10"/>
  <c r="D3001" i="26" s="1"/>
  <c r="C3001" i="26"/>
  <c r="C5752" i="26"/>
  <c r="Q5760" i="10"/>
  <c r="D5752" i="26" s="1"/>
  <c r="C5432" i="26"/>
  <c r="Q5440" i="10"/>
  <c r="D5432" i="26" s="1"/>
  <c r="C5080" i="26"/>
  <c r="Q5088" i="10"/>
  <c r="D5080" i="26" s="1"/>
  <c r="C4728" i="26"/>
  <c r="E4728" i="26" s="1"/>
  <c r="Q4736" i="10"/>
  <c r="D4728" i="26" s="1"/>
  <c r="C4408" i="26"/>
  <c r="Q4416" i="10"/>
  <c r="D4408" i="26" s="1"/>
  <c r="C4056" i="26"/>
  <c r="Q4064" i="10"/>
  <c r="D4056" i="26" s="1"/>
  <c r="Q3712" i="10"/>
  <c r="D3704" i="26" s="1"/>
  <c r="C3704" i="26"/>
  <c r="E3704" i="26" s="1"/>
  <c r="Q3392" i="10"/>
  <c r="D3384" i="26" s="1"/>
  <c r="C3384" i="26"/>
  <c r="Q3040" i="10"/>
  <c r="D3032" i="26" s="1"/>
  <c r="C3032" i="26"/>
  <c r="C5767" i="26"/>
  <c r="Q5775" i="10"/>
  <c r="D5767" i="26" s="1"/>
  <c r="C5415" i="26"/>
  <c r="Q5423" i="10"/>
  <c r="D5415" i="26" s="1"/>
  <c r="C5095" i="26"/>
  <c r="E5095" i="26" s="1"/>
  <c r="Q5103" i="10"/>
  <c r="D5095" i="26" s="1"/>
  <c r="C4743" i="26"/>
  <c r="Q4751" i="10"/>
  <c r="D4743" i="26" s="1"/>
  <c r="C4391" i="26"/>
  <c r="E4391" i="26" s="1"/>
  <c r="Q4399" i="10"/>
  <c r="D4391" i="26" s="1"/>
  <c r="C4071" i="26"/>
  <c r="Q4079" i="10"/>
  <c r="D4071" i="26" s="1"/>
  <c r="Q3727" i="10"/>
  <c r="D3719" i="26" s="1"/>
  <c r="C3719" i="26"/>
  <c r="Q3375" i="10"/>
  <c r="D3367" i="26" s="1"/>
  <c r="C3367" i="26"/>
  <c r="Q3055" i="10"/>
  <c r="D3047" i="26" s="1"/>
  <c r="C3047" i="26"/>
  <c r="C5550" i="26"/>
  <c r="Q5558" i="10"/>
  <c r="D5550" i="26" s="1"/>
  <c r="C5070" i="26"/>
  <c r="E5070" i="26" s="1"/>
  <c r="Q5078" i="10"/>
  <c r="D5070" i="26" s="1"/>
  <c r="C4750" i="26"/>
  <c r="Q4758" i="10"/>
  <c r="D4750" i="26" s="1"/>
  <c r="C4398" i="26"/>
  <c r="E4398" i="26" s="1"/>
  <c r="Q4406" i="10"/>
  <c r="D4398" i="26" s="1"/>
  <c r="C4046" i="26"/>
  <c r="E4046" i="26" s="1"/>
  <c r="Q4054" i="10"/>
  <c r="D4046" i="26" s="1"/>
  <c r="Q3734" i="10"/>
  <c r="D3726" i="26" s="1"/>
  <c r="C3726" i="26"/>
  <c r="Q3382" i="10"/>
  <c r="D3374" i="26" s="1"/>
  <c r="C3374" i="26"/>
  <c r="Q3030" i="10"/>
  <c r="D3022" i="26" s="1"/>
  <c r="C3022" i="26"/>
  <c r="E3022" i="26" s="1"/>
  <c r="C5741" i="26"/>
  <c r="Q5749" i="10"/>
  <c r="D5741" i="26" s="1"/>
  <c r="C4973" i="26"/>
  <c r="Q4981" i="10"/>
  <c r="D4973" i="26" s="1"/>
  <c r="C3949" i="26"/>
  <c r="Q3957" i="10"/>
  <c r="D3949" i="26" s="1"/>
  <c r="C2925" i="26"/>
  <c r="Q2933" i="10"/>
  <c r="D2925" i="26" s="1"/>
  <c r="C5708" i="26"/>
  <c r="Q5716" i="10"/>
  <c r="D5708" i="26" s="1"/>
  <c r="C5388" i="26"/>
  <c r="Q5396" i="10"/>
  <c r="D5388" i="26" s="1"/>
  <c r="C4876" i="26"/>
  <c r="E4876" i="26" s="1"/>
  <c r="Q4884" i="10"/>
  <c r="D4876" i="26" s="1"/>
  <c r="C4364" i="26"/>
  <c r="Q4372" i="10"/>
  <c r="D4364" i="26" s="1"/>
  <c r="C3852" i="26"/>
  <c r="E3852" i="26" s="1"/>
  <c r="Q3860" i="10"/>
  <c r="D3852" i="26" s="1"/>
  <c r="C3340" i="26"/>
  <c r="Q3348" i="10"/>
  <c r="D3340" i="26" s="1"/>
  <c r="C6269" i="26"/>
  <c r="Q6277" i="10"/>
  <c r="D6269" i="26" s="1"/>
  <c r="C7188" i="26"/>
  <c r="Q7196" i="10"/>
  <c r="D7188" i="26" s="1"/>
  <c r="C7421" i="26"/>
  <c r="Q7429" i="10"/>
  <c r="D7421" i="26" s="1"/>
  <c r="C7165" i="26"/>
  <c r="Q7173" i="10"/>
  <c r="D7165" i="26" s="1"/>
  <c r="C6909" i="26"/>
  <c r="Q6917" i="10"/>
  <c r="D6909" i="26" s="1"/>
  <c r="C6653" i="26"/>
  <c r="Q6661" i="10"/>
  <c r="D6653" i="26" s="1"/>
  <c r="C6397" i="26"/>
  <c r="Q6405" i="10"/>
  <c r="D6397" i="26" s="1"/>
  <c r="C6141" i="26"/>
  <c r="Q6149" i="10"/>
  <c r="D6141" i="26" s="1"/>
  <c r="Q7356" i="10"/>
  <c r="D7348" i="26" s="1"/>
  <c r="C7348" i="26"/>
  <c r="C7092" i="26"/>
  <c r="Q7100" i="10"/>
  <c r="D7092" i="26" s="1"/>
  <c r="C6836" i="26"/>
  <c r="Q6844" i="10"/>
  <c r="D6836" i="26" s="1"/>
  <c r="C6580" i="26"/>
  <c r="Q6588" i="10"/>
  <c r="D6580" i="26" s="1"/>
  <c r="C6324" i="26"/>
  <c r="Q6332" i="10"/>
  <c r="D6324" i="26" s="1"/>
  <c r="C6068" i="26"/>
  <c r="Q6076" i="10"/>
  <c r="D6068" i="26" s="1"/>
  <c r="Q7251" i="10"/>
  <c r="D7243" i="26" s="1"/>
  <c r="C7243" i="26"/>
  <c r="C6987" i="26"/>
  <c r="Q6995" i="10"/>
  <c r="D6987" i="26" s="1"/>
  <c r="C6731" i="26"/>
  <c r="Q6739" i="10"/>
  <c r="D6731" i="26" s="1"/>
  <c r="C6475" i="26"/>
  <c r="Q6483" i="10"/>
  <c r="D6475" i="26" s="1"/>
  <c r="C6219" i="26"/>
  <c r="Q6227" i="10"/>
  <c r="D6219" i="26" s="1"/>
  <c r="C5707" i="26"/>
  <c r="Q5715" i="10"/>
  <c r="D5707" i="26" s="1"/>
  <c r="C5451" i="26"/>
  <c r="Q5459" i="10"/>
  <c r="D5451" i="26" s="1"/>
  <c r="C7250" i="26"/>
  <c r="Q7258" i="10"/>
  <c r="D7250" i="26" s="1"/>
  <c r="C6994" i="26"/>
  <c r="Q7002" i="10"/>
  <c r="D6994" i="26" s="1"/>
  <c r="C6738" i="26"/>
  <c r="Q6746" i="10"/>
  <c r="D6738" i="26" s="1"/>
  <c r="C6482" i="26"/>
  <c r="Q6490" i="10"/>
  <c r="D6482" i="26" s="1"/>
  <c r="C6226" i="26"/>
  <c r="Q6234" i="10"/>
  <c r="D6226" i="26" s="1"/>
  <c r="C7401" i="26"/>
  <c r="Q7409" i="10"/>
  <c r="D7401" i="26" s="1"/>
  <c r="C7145" i="26"/>
  <c r="Q7153" i="10"/>
  <c r="D7145" i="26" s="1"/>
  <c r="C6889" i="26"/>
  <c r="Q6897" i="10"/>
  <c r="D6889" i="26" s="1"/>
  <c r="C6633" i="26"/>
  <c r="Q6641" i="10"/>
  <c r="D6633" i="26" s="1"/>
  <c r="C6377" i="26"/>
  <c r="Q6385" i="10"/>
  <c r="D6377" i="26" s="1"/>
  <c r="C6121" i="26"/>
  <c r="Q6129" i="10"/>
  <c r="D6121" i="26" s="1"/>
  <c r="C5609" i="26"/>
  <c r="Q5617" i="10"/>
  <c r="D5609" i="26" s="1"/>
  <c r="C5353" i="26"/>
  <c r="Q5361" i="10"/>
  <c r="D5353" i="26" s="1"/>
  <c r="C5097" i="26"/>
  <c r="E5097" i="26" s="1"/>
  <c r="Q5105" i="10"/>
  <c r="D5097" i="26" s="1"/>
  <c r="C7408" i="26"/>
  <c r="Q7416" i="10"/>
  <c r="D7408" i="26" s="1"/>
  <c r="C7152" i="26"/>
  <c r="Q7160" i="10"/>
  <c r="D7152" i="26" s="1"/>
  <c r="C6896" i="26"/>
  <c r="Q6904" i="10"/>
  <c r="D6896" i="26" s="1"/>
  <c r="C6640" i="26"/>
  <c r="Q6648" i="10"/>
  <c r="D6640" i="26" s="1"/>
  <c r="C6384" i="26"/>
  <c r="Q6392" i="10"/>
  <c r="D6384" i="26" s="1"/>
  <c r="C6128" i="26"/>
  <c r="Q6136" i="10"/>
  <c r="D6128" i="26" s="1"/>
  <c r="C5872" i="26"/>
  <c r="Q5880" i="10"/>
  <c r="D5872" i="26" s="1"/>
  <c r="C7239" i="26"/>
  <c r="Q7247" i="10"/>
  <c r="D7239" i="26" s="1"/>
  <c r="C6983" i="26"/>
  <c r="Q6991" i="10"/>
  <c r="D6983" i="26" s="1"/>
  <c r="C6727" i="26"/>
  <c r="Q6735" i="10"/>
  <c r="D6727" i="26" s="1"/>
  <c r="C6471" i="26"/>
  <c r="Q6479" i="10"/>
  <c r="D6471" i="26" s="1"/>
  <c r="C6215" i="26"/>
  <c r="Q6223" i="10"/>
  <c r="D6215" i="26" s="1"/>
  <c r="C5959" i="26"/>
  <c r="Q5967" i="10"/>
  <c r="D5959" i="26" s="1"/>
  <c r="C7358" i="26"/>
  <c r="Q7366" i="10"/>
  <c r="D7358" i="26" s="1"/>
  <c r="C7102" i="26"/>
  <c r="Q7110" i="10"/>
  <c r="D7102" i="26" s="1"/>
  <c r="C6846" i="26"/>
  <c r="Q6854" i="10"/>
  <c r="D6846" i="26" s="1"/>
  <c r="C6590" i="26"/>
  <c r="Q6598" i="10"/>
  <c r="D6590" i="26" s="1"/>
  <c r="C6334" i="26"/>
  <c r="Q6342" i="10"/>
  <c r="D6334" i="26" s="1"/>
  <c r="C6078" i="26"/>
  <c r="Q6086" i="10"/>
  <c r="D6078" i="26" s="1"/>
  <c r="Q5227" i="10"/>
  <c r="D5219" i="26" s="1"/>
  <c r="C5219" i="26"/>
  <c r="E5219" i="26" s="1"/>
  <c r="Q4971" i="10"/>
  <c r="D4963" i="26" s="1"/>
  <c r="C4963" i="26"/>
  <c r="E4963" i="26" s="1"/>
  <c r="Q4715" i="10"/>
  <c r="D4707" i="26" s="1"/>
  <c r="C4707" i="26"/>
  <c r="E4707" i="26" s="1"/>
  <c r="Q4459" i="10"/>
  <c r="D4451" i="26" s="1"/>
  <c r="C4451" i="26"/>
  <c r="E4451" i="26" s="1"/>
  <c r="Q4203" i="10"/>
  <c r="D4195" i="26" s="1"/>
  <c r="C4195" i="26"/>
  <c r="E4195" i="26" s="1"/>
  <c r="Q3947" i="10"/>
  <c r="D3939" i="26" s="1"/>
  <c r="C3939" i="26"/>
  <c r="E3939" i="26" s="1"/>
  <c r="Q3691" i="10"/>
  <c r="D3683" i="26" s="1"/>
  <c r="C3683" i="26"/>
  <c r="E3683" i="26" s="1"/>
  <c r="Q3435" i="10"/>
  <c r="D3427" i="26" s="1"/>
  <c r="C3427" i="26"/>
  <c r="E3427" i="26" s="1"/>
  <c r="Q3179" i="10"/>
  <c r="D3171" i="26" s="1"/>
  <c r="C3171" i="26"/>
  <c r="Q2923" i="10"/>
  <c r="D2915" i="26" s="1"/>
  <c r="C2915" i="26"/>
  <c r="E2915" i="26" s="1"/>
  <c r="C5570" i="26"/>
  <c r="Q5578" i="10"/>
  <c r="D5570" i="26" s="1"/>
  <c r="C5314" i="26"/>
  <c r="Q5322" i="10"/>
  <c r="D5314" i="26" s="1"/>
  <c r="C5058" i="26"/>
  <c r="Q5066" i="10"/>
  <c r="D5058" i="26" s="1"/>
  <c r="C4802" i="26"/>
  <c r="Q4810" i="10"/>
  <c r="D4802" i="26" s="1"/>
  <c r="C4546" i="26"/>
  <c r="E4546" i="26" s="1"/>
  <c r="Q4554" i="10"/>
  <c r="D4546" i="26" s="1"/>
  <c r="C4290" i="26"/>
  <c r="E4290" i="26" s="1"/>
  <c r="Q4298" i="10"/>
  <c r="D4290" i="26" s="1"/>
  <c r="C4034" i="26"/>
  <c r="Q4042" i="10"/>
  <c r="D4034" i="26" s="1"/>
  <c r="Q3786" i="10"/>
  <c r="D3778" i="26" s="1"/>
  <c r="C3778" i="26"/>
  <c r="Q3530" i="10"/>
  <c r="D3522" i="26" s="1"/>
  <c r="C3522" i="26"/>
  <c r="Q3274" i="10"/>
  <c r="D3266" i="26" s="1"/>
  <c r="C3266" i="26"/>
  <c r="E3266" i="26" s="1"/>
  <c r="Q3018" i="10"/>
  <c r="D3010" i="26" s="1"/>
  <c r="C3010" i="26"/>
  <c r="C5325" i="26"/>
  <c r="Q5333" i="10"/>
  <c r="D5325" i="26" s="1"/>
  <c r="C4813" i="26"/>
  <c r="Q4821" i="10"/>
  <c r="D4813" i="26" s="1"/>
  <c r="C4301" i="26"/>
  <c r="Q4309" i="10"/>
  <c r="D4301" i="26" s="1"/>
  <c r="C3789" i="26"/>
  <c r="Q3797" i="10"/>
  <c r="D3789" i="26" s="1"/>
  <c r="C3277" i="26"/>
  <c r="Q3285" i="10"/>
  <c r="D3277" i="26" s="1"/>
  <c r="C4309" i="26"/>
  <c r="Q4317" i="10"/>
  <c r="D4309" i="26" s="1"/>
  <c r="C4753" i="26"/>
  <c r="E4753" i="26" s="1"/>
  <c r="Q4761" i="10"/>
  <c r="D4753" i="26" s="1"/>
  <c r="C4497" i="26"/>
  <c r="E4497" i="26" s="1"/>
  <c r="Q4505" i="10"/>
  <c r="D4497" i="26" s="1"/>
  <c r="C4241" i="26"/>
  <c r="E4241" i="26" s="1"/>
  <c r="Q4249" i="10"/>
  <c r="D4241" i="26" s="1"/>
  <c r="C3985" i="26"/>
  <c r="E3985" i="26" s="1"/>
  <c r="Q3993" i="10"/>
  <c r="D3985" i="26" s="1"/>
  <c r="Q3737" i="10"/>
  <c r="D3729" i="26" s="1"/>
  <c r="C3729" i="26"/>
  <c r="E3729" i="26" s="1"/>
  <c r="Q3481" i="10"/>
  <c r="D3473" i="26" s="1"/>
  <c r="C3473" i="26"/>
  <c r="E3473" i="26" s="1"/>
  <c r="Q3225" i="10"/>
  <c r="D3217" i="26" s="1"/>
  <c r="C3217" i="26"/>
  <c r="E3217" i="26" s="1"/>
  <c r="Q2969" i="10"/>
  <c r="D2961" i="26" s="1"/>
  <c r="C2961" i="26"/>
  <c r="C5712" i="26"/>
  <c r="Q5720" i="10"/>
  <c r="D5712" i="26" s="1"/>
  <c r="C5456" i="26"/>
  <c r="Q5464" i="10"/>
  <c r="D5456" i="26" s="1"/>
  <c r="C4592" i="26"/>
  <c r="Q4600" i="10"/>
  <c r="D4592" i="26" s="1"/>
  <c r="C4336" i="26"/>
  <c r="Q4344" i="10"/>
  <c r="D4336" i="26" s="1"/>
  <c r="C4080" i="26"/>
  <c r="Q4088" i="10"/>
  <c r="D4080" i="26" s="1"/>
  <c r="Q3832" i="10"/>
  <c r="D3824" i="26" s="1"/>
  <c r="C3824" i="26"/>
  <c r="Q3576" i="10"/>
  <c r="D3568" i="26" s="1"/>
  <c r="C3568" i="26"/>
  <c r="Q3320" i="10"/>
  <c r="D3312" i="26" s="1"/>
  <c r="C3312" i="26"/>
  <c r="Q3064" i="10"/>
  <c r="D3056" i="26" s="1"/>
  <c r="C3056" i="26"/>
  <c r="C5791" i="26"/>
  <c r="Q5799" i="10"/>
  <c r="D5791" i="26" s="1"/>
  <c r="C5535" i="26"/>
  <c r="Q5543" i="10"/>
  <c r="D5535" i="26" s="1"/>
  <c r="C5279" i="26"/>
  <c r="Q5287" i="10"/>
  <c r="D5279" i="26" s="1"/>
  <c r="C5023" i="26"/>
  <c r="Q5031" i="10"/>
  <c r="D5023" i="26" s="1"/>
  <c r="C4767" i="26"/>
  <c r="Q4775" i="10"/>
  <c r="D4767" i="26" s="1"/>
  <c r="C4511" i="26"/>
  <c r="E4511" i="26" s="1"/>
  <c r="Q4519" i="10"/>
  <c r="D4511" i="26" s="1"/>
  <c r="C4255" i="26"/>
  <c r="Q4263" i="10"/>
  <c r="D4255" i="26" s="1"/>
  <c r="C3999" i="26"/>
  <c r="E3999" i="26" s="1"/>
  <c r="Q4007" i="10"/>
  <c r="D3999" i="26" s="1"/>
  <c r="Q3751" i="10"/>
  <c r="D3743" i="26" s="1"/>
  <c r="C3743" i="26"/>
  <c r="E3743" i="26" s="1"/>
  <c r="Q3495" i="10"/>
  <c r="D3487" i="26" s="1"/>
  <c r="C3487" i="26"/>
  <c r="E3487" i="26" s="1"/>
  <c r="Q3239" i="10"/>
  <c r="D3231" i="26" s="1"/>
  <c r="C3231" i="26"/>
  <c r="Q2983" i="10"/>
  <c r="D2975" i="26" s="1"/>
  <c r="C2975" i="26"/>
  <c r="E2975" i="26" s="1"/>
  <c r="C5510" i="26"/>
  <c r="Q5518" i="10"/>
  <c r="D5510" i="26" s="1"/>
  <c r="C5190" i="26"/>
  <c r="Q5198" i="10"/>
  <c r="D5190" i="26" s="1"/>
  <c r="C4934" i="26"/>
  <c r="E4934" i="26" s="1"/>
  <c r="Q4942" i="10"/>
  <c r="D4934" i="26" s="1"/>
  <c r="C4582" i="26"/>
  <c r="Q4590" i="10"/>
  <c r="D4582" i="26" s="1"/>
  <c r="C4070" i="26"/>
  <c r="Q4078" i="10"/>
  <c r="D4070" i="26" s="1"/>
  <c r="Q3566" i="10"/>
  <c r="D3558" i="26" s="1"/>
  <c r="C3558" i="26"/>
  <c r="Q3054" i="10"/>
  <c r="D3046" i="26" s="1"/>
  <c r="C3046" i="26"/>
  <c r="C5733" i="26"/>
  <c r="Q5741" i="10"/>
  <c r="D5733" i="26" s="1"/>
  <c r="C5221" i="26"/>
  <c r="Q5229" i="10"/>
  <c r="D5221" i="26" s="1"/>
  <c r="C4709" i="26"/>
  <c r="Q4717" i="10"/>
  <c r="D4709" i="26" s="1"/>
  <c r="C4197" i="26"/>
  <c r="Q4205" i="10"/>
  <c r="D4197" i="26" s="1"/>
  <c r="C3685" i="26"/>
  <c r="Q3693" i="10"/>
  <c r="D3685" i="26" s="1"/>
  <c r="C3173" i="26"/>
  <c r="Q3181" i="10"/>
  <c r="D3173" i="26" s="1"/>
  <c r="C5540" i="26"/>
  <c r="Q5548" i="10"/>
  <c r="D5540" i="26" s="1"/>
  <c r="C5284" i="26"/>
  <c r="Q5292" i="10"/>
  <c r="D5284" i="26" s="1"/>
  <c r="C5028" i="26"/>
  <c r="E5028" i="26" s="1"/>
  <c r="Q5036" i="10"/>
  <c r="D5028" i="26" s="1"/>
  <c r="C4772" i="26"/>
  <c r="Q4780" i="10"/>
  <c r="D4772" i="26" s="1"/>
  <c r="C4516" i="26"/>
  <c r="E4516" i="26" s="1"/>
  <c r="Q4524" i="10"/>
  <c r="D4516" i="26" s="1"/>
  <c r="C4260" i="26"/>
  <c r="Q4268" i="10"/>
  <c r="D4260" i="26" s="1"/>
  <c r="C4004" i="26"/>
  <c r="E4004" i="26" s="1"/>
  <c r="Q4012" i="10"/>
  <c r="D4004" i="26" s="1"/>
  <c r="C3748" i="26"/>
  <c r="Q3756" i="10"/>
  <c r="D3748" i="26" s="1"/>
  <c r="C3492" i="26"/>
  <c r="E3492" i="26" s="1"/>
  <c r="Q3500" i="10"/>
  <c r="D3492" i="26" s="1"/>
  <c r="C3236" i="26"/>
  <c r="Q3244" i="10"/>
  <c r="D3236" i="26" s="1"/>
  <c r="C2980" i="26"/>
  <c r="E2980" i="26" s="1"/>
  <c r="Q2988" i="10"/>
  <c r="D2980" i="26" s="1"/>
  <c r="C3413" i="26"/>
  <c r="Q3421" i="10"/>
  <c r="D3413" i="26" s="1"/>
  <c r="C7029" i="26"/>
  <c r="Q7037" i="10"/>
  <c r="D7029" i="26" s="1"/>
  <c r="C6517" i="26"/>
  <c r="Q6525" i="10"/>
  <c r="D6517" i="26" s="1"/>
  <c r="C6005" i="26"/>
  <c r="Q6013" i="10"/>
  <c r="D6005" i="26" s="1"/>
  <c r="C7212" i="26"/>
  <c r="Q7220" i="10"/>
  <c r="D7212" i="26" s="1"/>
  <c r="C6956" i="26"/>
  <c r="Q6964" i="10"/>
  <c r="D6956" i="26" s="1"/>
  <c r="C6700" i="26"/>
  <c r="Q6708" i="10"/>
  <c r="D6700" i="26" s="1"/>
  <c r="C6444" i="26"/>
  <c r="Q6452" i="10"/>
  <c r="D6444" i="26" s="1"/>
  <c r="C6188" i="26"/>
  <c r="Q6196" i="10"/>
  <c r="D6188" i="26" s="1"/>
  <c r="C7363" i="26"/>
  <c r="Q7371" i="10"/>
  <c r="D7363" i="26" s="1"/>
  <c r="C7107" i="26"/>
  <c r="Q7115" i="10"/>
  <c r="D7107" i="26" s="1"/>
  <c r="C6851" i="26"/>
  <c r="Q6859" i="10"/>
  <c r="D6851" i="26" s="1"/>
  <c r="C6595" i="26"/>
  <c r="Q6603" i="10"/>
  <c r="D6595" i="26" s="1"/>
  <c r="C6339" i="26"/>
  <c r="Q6347" i="10"/>
  <c r="D6339" i="26" s="1"/>
  <c r="C6083" i="26"/>
  <c r="Q6091" i="10"/>
  <c r="D6083" i="26" s="1"/>
  <c r="C5571" i="26"/>
  <c r="Q5579" i="10"/>
  <c r="D5571" i="26" s="1"/>
  <c r="C7370" i="26"/>
  <c r="Q7378" i="10"/>
  <c r="D7370" i="26" s="1"/>
  <c r="C7114" i="26"/>
  <c r="Q7122" i="10"/>
  <c r="D7114" i="26" s="1"/>
  <c r="C6858" i="26"/>
  <c r="Q6866" i="10"/>
  <c r="D6858" i="26" s="1"/>
  <c r="C6602" i="26"/>
  <c r="Q6610" i="10"/>
  <c r="D6602" i="26" s="1"/>
  <c r="C6346" i="26"/>
  <c r="Q6354" i="10"/>
  <c r="D6346" i="26" s="1"/>
  <c r="C6090" i="26"/>
  <c r="Q6098" i="10"/>
  <c r="D6090" i="26" s="1"/>
  <c r="C7265" i="26"/>
  <c r="Q7273" i="10"/>
  <c r="D7265" i="26" s="1"/>
  <c r="C7009" i="26"/>
  <c r="Q7017" i="10"/>
  <c r="D7009" i="26" s="1"/>
  <c r="C6753" i="26"/>
  <c r="Q6761" i="10"/>
  <c r="D6753" i="26" s="1"/>
  <c r="C6497" i="26"/>
  <c r="Q6505" i="10"/>
  <c r="D6497" i="26" s="1"/>
  <c r="C6241" i="26"/>
  <c r="Q6249" i="10"/>
  <c r="D6241" i="26" s="1"/>
  <c r="C5761" i="26"/>
  <c r="Q5769" i="10"/>
  <c r="D5761" i="26" s="1"/>
  <c r="C5505" i="26"/>
  <c r="Q5513" i="10"/>
  <c r="D5505" i="26" s="1"/>
  <c r="C5249" i="26"/>
  <c r="Q5257" i="10"/>
  <c r="D5249" i="26" s="1"/>
  <c r="C4993" i="26"/>
  <c r="Q5001" i="10"/>
  <c r="D4993" i="26" s="1"/>
  <c r="C7304" i="26"/>
  <c r="Q7312" i="10"/>
  <c r="D7304" i="26" s="1"/>
  <c r="C7048" i="26"/>
  <c r="Q7056" i="10"/>
  <c r="D7048" i="26" s="1"/>
  <c r="C6792" i="26"/>
  <c r="Q6800" i="10"/>
  <c r="D6792" i="26" s="1"/>
  <c r="C6536" i="26"/>
  <c r="Q6544" i="10"/>
  <c r="D6536" i="26" s="1"/>
  <c r="C6280" i="26"/>
  <c r="Q6288" i="10"/>
  <c r="D6280" i="26" s="1"/>
  <c r="C6024" i="26"/>
  <c r="Q6032" i="10"/>
  <c r="D6024" i="26" s="1"/>
  <c r="C7391" i="26"/>
  <c r="Q7399" i="10"/>
  <c r="D7391" i="26" s="1"/>
  <c r="C7135" i="26"/>
  <c r="Q7143" i="10"/>
  <c r="D7135" i="26" s="1"/>
  <c r="C6879" i="26"/>
  <c r="Q6887" i="10"/>
  <c r="D6879" i="26" s="1"/>
  <c r="C6623" i="26"/>
  <c r="Q6631" i="10"/>
  <c r="D6623" i="26" s="1"/>
  <c r="C6367" i="26"/>
  <c r="Q6375" i="10"/>
  <c r="D6367" i="26" s="1"/>
  <c r="C6111" i="26"/>
  <c r="Q6119" i="10"/>
  <c r="D6111" i="26" s="1"/>
  <c r="C5855" i="26"/>
  <c r="Q5863" i="10"/>
  <c r="D5855" i="26" s="1"/>
  <c r="C7254" i="26"/>
  <c r="Q7262" i="10"/>
  <c r="D7254" i="26" s="1"/>
  <c r="C6998" i="26"/>
  <c r="Q7006" i="10"/>
  <c r="D6998" i="26" s="1"/>
  <c r="C6742" i="26"/>
  <c r="Q6750" i="10"/>
  <c r="D6742" i="26" s="1"/>
  <c r="C6486" i="26"/>
  <c r="Q6494" i="10"/>
  <c r="D6486" i="26" s="1"/>
  <c r="C6230" i="26"/>
  <c r="Q6238" i="10"/>
  <c r="D6230" i="26" s="1"/>
  <c r="Q5379" i="10"/>
  <c r="D5371" i="26" s="1"/>
  <c r="C5371" i="26"/>
  <c r="Q5123" i="10"/>
  <c r="D5115" i="26" s="1"/>
  <c r="C5115" i="26"/>
  <c r="E5115" i="26" s="1"/>
  <c r="Q4867" i="10"/>
  <c r="D4859" i="26" s="1"/>
  <c r="C4859" i="26"/>
  <c r="E4859" i="26" s="1"/>
  <c r="Q4611" i="10"/>
  <c r="D4603" i="26" s="1"/>
  <c r="C4603" i="26"/>
  <c r="E4603" i="26" s="1"/>
  <c r="Q4355" i="10"/>
  <c r="D4347" i="26" s="1"/>
  <c r="C4347" i="26"/>
  <c r="E4347" i="26" s="1"/>
  <c r="Q4099" i="10"/>
  <c r="D4091" i="26" s="1"/>
  <c r="C4091" i="26"/>
  <c r="E4091" i="26" s="1"/>
  <c r="Q3843" i="10"/>
  <c r="D3835" i="26" s="1"/>
  <c r="C3835" i="26"/>
  <c r="E3835" i="26" s="1"/>
  <c r="Q3587" i="10"/>
  <c r="D3579" i="26" s="1"/>
  <c r="C3579" i="26"/>
  <c r="Q3331" i="10"/>
  <c r="D3323" i="26" s="1"/>
  <c r="C3323" i="26"/>
  <c r="Q3075" i="10"/>
  <c r="D3067" i="26" s="1"/>
  <c r="C3067" i="26"/>
  <c r="E3067" i="26" s="1"/>
  <c r="C5754" i="26"/>
  <c r="Q5762" i="10"/>
  <c r="D5754" i="26" s="1"/>
  <c r="C5498" i="26"/>
  <c r="Q5506" i="10"/>
  <c r="D5498" i="26" s="1"/>
  <c r="C5242" i="26"/>
  <c r="E5242" i="26" s="1"/>
  <c r="Q5250" i="10"/>
  <c r="D5242" i="26" s="1"/>
  <c r="C4986" i="26"/>
  <c r="E4986" i="26" s="1"/>
  <c r="Q4994" i="10"/>
  <c r="D4986" i="26" s="1"/>
  <c r="C4730" i="26"/>
  <c r="Q4738" i="10"/>
  <c r="D4730" i="26" s="1"/>
  <c r="C4474" i="26"/>
  <c r="Q4482" i="10"/>
  <c r="D4474" i="26" s="1"/>
  <c r="C4218" i="26"/>
  <c r="E4218" i="26" s="1"/>
  <c r="Q4226" i="10"/>
  <c r="D4218" i="26" s="1"/>
  <c r="C3962" i="26"/>
  <c r="Q3970" i="10"/>
  <c r="D3962" i="26" s="1"/>
  <c r="Q3714" i="10"/>
  <c r="D3706" i="26" s="1"/>
  <c r="C3706" i="26"/>
  <c r="E3706" i="26" s="1"/>
  <c r="Q3458" i="10"/>
  <c r="D3450" i="26" s="1"/>
  <c r="C3450" i="26"/>
  <c r="Q3202" i="10"/>
  <c r="D3194" i="26" s="1"/>
  <c r="C3194" i="26"/>
  <c r="E3194" i="26" s="1"/>
  <c r="Q2946" i="10"/>
  <c r="D2938" i="26" s="1"/>
  <c r="C2938" i="26"/>
  <c r="C5317" i="26"/>
  <c r="Q5325" i="10"/>
  <c r="D5317" i="26" s="1"/>
  <c r="C4805" i="26"/>
  <c r="Q4813" i="10"/>
  <c r="D4805" i="26" s="1"/>
  <c r="C4293" i="26"/>
  <c r="Q4301" i="10"/>
  <c r="D4293" i="26" s="1"/>
  <c r="C3781" i="26"/>
  <c r="Q3789" i="10"/>
  <c r="D3781" i="26" s="1"/>
  <c r="C3269" i="26"/>
  <c r="Q3277" i="10"/>
  <c r="D3269" i="26" s="1"/>
  <c r="C3989" i="26"/>
  <c r="Q3997" i="10"/>
  <c r="D3989" i="26" s="1"/>
  <c r="C6997" i="26"/>
  <c r="Q7005" i="10"/>
  <c r="D6997" i="26" s="1"/>
  <c r="C6485" i="26"/>
  <c r="Q6493" i="10"/>
  <c r="D6485" i="26" s="1"/>
  <c r="C4745" i="26"/>
  <c r="E4745" i="26" s="1"/>
  <c r="Q4753" i="10"/>
  <c r="D4745" i="26" s="1"/>
  <c r="C4489" i="26"/>
  <c r="Q4497" i="10"/>
  <c r="D4489" i="26" s="1"/>
  <c r="C4233" i="26"/>
  <c r="Q4241" i="10"/>
  <c r="D4233" i="26" s="1"/>
  <c r="C3977" i="26"/>
  <c r="E3977" i="26" s="1"/>
  <c r="Q3985" i="10"/>
  <c r="D3977" i="26" s="1"/>
  <c r="Q3729" i="10"/>
  <c r="D3721" i="26" s="1"/>
  <c r="C3721" i="26"/>
  <c r="Q3473" i="10"/>
  <c r="D3465" i="26" s="1"/>
  <c r="C3465" i="26"/>
  <c r="Q3217" i="10"/>
  <c r="D3209" i="26" s="1"/>
  <c r="C3209" i="26"/>
  <c r="Q2961" i="10"/>
  <c r="D2953" i="26" s="1"/>
  <c r="C2953" i="26"/>
  <c r="C5704" i="26"/>
  <c r="Q5712" i="10"/>
  <c r="D5704" i="26" s="1"/>
  <c r="C5448" i="26"/>
  <c r="Q5456" i="10"/>
  <c r="D5448" i="26" s="1"/>
  <c r="C5192" i="26"/>
  <c r="Q5200" i="10"/>
  <c r="D5192" i="26" s="1"/>
  <c r="C4936" i="26"/>
  <c r="Q4944" i="10"/>
  <c r="D4936" i="26" s="1"/>
  <c r="C4680" i="26"/>
  <c r="Q4688" i="10"/>
  <c r="D4680" i="26" s="1"/>
  <c r="C4424" i="26"/>
  <c r="Q4432" i="10"/>
  <c r="D4424" i="26" s="1"/>
  <c r="C4168" i="26"/>
  <c r="Q4176" i="10"/>
  <c r="D4168" i="26" s="1"/>
  <c r="Q3920" i="10"/>
  <c r="D3912" i="26" s="1"/>
  <c r="C3912" i="26"/>
  <c r="Q3664" i="10"/>
  <c r="D3656" i="26" s="1"/>
  <c r="C3656" i="26"/>
  <c r="Q3408" i="10"/>
  <c r="D3400" i="26" s="1"/>
  <c r="C3400" i="26"/>
  <c r="Q3152" i="10"/>
  <c r="D3144" i="26" s="1"/>
  <c r="C3144" i="26"/>
  <c r="Q2896" i="10"/>
  <c r="D2888" i="26" s="1"/>
  <c r="C2888" i="26"/>
  <c r="C5623" i="26"/>
  <c r="Q5631" i="10"/>
  <c r="D5623" i="26" s="1"/>
  <c r="C5367" i="26"/>
  <c r="Q5375" i="10"/>
  <c r="D5367" i="26" s="1"/>
  <c r="C5111" i="26"/>
  <c r="Q5119" i="10"/>
  <c r="D5111" i="26" s="1"/>
  <c r="C4855" i="26"/>
  <c r="Q4863" i="10"/>
  <c r="D4855" i="26" s="1"/>
  <c r="C4599" i="26"/>
  <c r="Q4607" i="10"/>
  <c r="D4599" i="26" s="1"/>
  <c r="C4343" i="26"/>
  <c r="Q4351" i="10"/>
  <c r="D4343" i="26" s="1"/>
  <c r="C4087" i="26"/>
  <c r="E4087" i="26" s="1"/>
  <c r="Q4095" i="10"/>
  <c r="D4087" i="26" s="1"/>
  <c r="Q3839" i="10"/>
  <c r="D3831" i="26" s="1"/>
  <c r="C3831" i="26"/>
  <c r="Q3583" i="10"/>
  <c r="D3575" i="26" s="1"/>
  <c r="C3575" i="26"/>
  <c r="Q3327" i="10"/>
  <c r="D3319" i="26" s="1"/>
  <c r="C3319" i="26"/>
  <c r="Q3071" i="10"/>
  <c r="D3063" i="26" s="1"/>
  <c r="C3063" i="26"/>
  <c r="E3063" i="26" s="1"/>
  <c r="C5758" i="26"/>
  <c r="Q5766" i="10"/>
  <c r="D5758" i="26" s="1"/>
  <c r="C5502" i="26"/>
  <c r="Q5510" i="10"/>
  <c r="D5502" i="26" s="1"/>
  <c r="C5246" i="26"/>
  <c r="Q5254" i="10"/>
  <c r="D5246" i="26" s="1"/>
  <c r="C4990" i="26"/>
  <c r="Q4998" i="10"/>
  <c r="D4990" i="26" s="1"/>
  <c r="C4702" i="26"/>
  <c r="E4702" i="26" s="1"/>
  <c r="Q4710" i="10"/>
  <c r="D4702" i="26" s="1"/>
  <c r="C4190" i="26"/>
  <c r="E4190" i="26" s="1"/>
  <c r="Q4198" i="10"/>
  <c r="D4190" i="26" s="1"/>
  <c r="Q3686" i="10"/>
  <c r="D3678" i="26" s="1"/>
  <c r="C3678" i="26"/>
  <c r="E3678" i="26" s="1"/>
  <c r="Q3174" i="10"/>
  <c r="D3166" i="26" s="1"/>
  <c r="C3166" i="26"/>
  <c r="C5565" i="26"/>
  <c r="Q5573" i="10"/>
  <c r="D5565" i="26" s="1"/>
  <c r="C5309" i="26"/>
  <c r="Q5317" i="10"/>
  <c r="D5309" i="26" s="1"/>
  <c r="C5053" i="26"/>
  <c r="E5053" i="26" s="1"/>
  <c r="Q5061" i="10"/>
  <c r="D5053" i="26" s="1"/>
  <c r="C4797" i="26"/>
  <c r="E4797" i="26" s="1"/>
  <c r="Q4805" i="10"/>
  <c r="D4797" i="26" s="1"/>
  <c r="C4541" i="26"/>
  <c r="E4541" i="26" s="1"/>
  <c r="Q4549" i="10"/>
  <c r="D4541" i="26" s="1"/>
  <c r="C4285" i="26"/>
  <c r="E4285" i="26" s="1"/>
  <c r="Q4293" i="10"/>
  <c r="D4285" i="26" s="1"/>
  <c r="C4029" i="26"/>
  <c r="E4029" i="26" s="1"/>
  <c r="Q4037" i="10"/>
  <c r="D4029" i="26" s="1"/>
  <c r="C3773" i="26"/>
  <c r="Q3781" i="10"/>
  <c r="D3773" i="26" s="1"/>
  <c r="C3517" i="26"/>
  <c r="Q3525" i="10"/>
  <c r="D3517" i="26" s="1"/>
  <c r="C3261" i="26"/>
  <c r="Q3269" i="10"/>
  <c r="D3261" i="26" s="1"/>
  <c r="C3005" i="26"/>
  <c r="E3005" i="26" s="1"/>
  <c r="Q3013" i="10"/>
  <c r="D3005" i="26" s="1"/>
  <c r="C5692" i="26"/>
  <c r="Q5700" i="10"/>
  <c r="D5692" i="26" s="1"/>
  <c r="C5436" i="26"/>
  <c r="Q5444" i="10"/>
  <c r="D5436" i="26" s="1"/>
  <c r="C5180" i="26"/>
  <c r="Q5188" i="10"/>
  <c r="D5180" i="26" s="1"/>
  <c r="C4924" i="26"/>
  <c r="E4924" i="26" s="1"/>
  <c r="Q4932" i="10"/>
  <c r="D4924" i="26" s="1"/>
  <c r="C4668" i="26"/>
  <c r="Q4676" i="10"/>
  <c r="D4668" i="26" s="1"/>
  <c r="C4412" i="26"/>
  <c r="E4412" i="26" s="1"/>
  <c r="Q4420" i="10"/>
  <c r="D4412" i="26" s="1"/>
  <c r="C4156" i="26"/>
  <c r="Q4164" i="10"/>
  <c r="D4156" i="26" s="1"/>
  <c r="C3900" i="26"/>
  <c r="E3900" i="26" s="1"/>
  <c r="Q3908" i="10"/>
  <c r="D3900" i="26" s="1"/>
  <c r="C3644" i="26"/>
  <c r="Q3652" i="10"/>
  <c r="D3644" i="26" s="1"/>
  <c r="C3388" i="26"/>
  <c r="Q3396" i="10"/>
  <c r="D3388" i="26" s="1"/>
  <c r="C3132" i="26"/>
  <c r="Q3140" i="10"/>
  <c r="D3132" i="26" s="1"/>
  <c r="C2876" i="26"/>
  <c r="Q2884" i="10"/>
  <c r="D2876" i="26" s="1"/>
  <c r="C7213" i="26"/>
  <c r="Q7221" i="10"/>
  <c r="D7213" i="26" s="1"/>
  <c r="C6701" i="26"/>
  <c r="Q6709" i="10"/>
  <c r="D6701" i="26" s="1"/>
  <c r="C6189" i="26"/>
  <c r="Q6197" i="10"/>
  <c r="D6189" i="26" s="1"/>
  <c r="C7268" i="26"/>
  <c r="Q7276" i="10"/>
  <c r="D7268" i="26" s="1"/>
  <c r="C7012" i="26"/>
  <c r="Q7020" i="10"/>
  <c r="D7012" i="26" s="1"/>
  <c r="C6756" i="26"/>
  <c r="Q6764" i="10"/>
  <c r="D6756" i="26" s="1"/>
  <c r="C6500" i="26"/>
  <c r="Q6508" i="10"/>
  <c r="D6500" i="26" s="1"/>
  <c r="C6244" i="26"/>
  <c r="E6244" i="26" s="1"/>
  <c r="Q6252" i="10"/>
  <c r="D6244" i="26" s="1"/>
  <c r="C7451" i="26"/>
  <c r="Q7459" i="10"/>
  <c r="D7451" i="26" s="1"/>
  <c r="C7195" i="26"/>
  <c r="Q7203" i="10"/>
  <c r="D7195" i="26" s="1"/>
  <c r="C6939" i="26"/>
  <c r="Q6947" i="10"/>
  <c r="D6939" i="26" s="1"/>
  <c r="C6683" i="26"/>
  <c r="Q6691" i="10"/>
  <c r="D6683" i="26" s="1"/>
  <c r="C6427" i="26"/>
  <c r="Q6435" i="10"/>
  <c r="D6427" i="26" s="1"/>
  <c r="C6171" i="26"/>
  <c r="Q6179" i="10"/>
  <c r="D6171" i="26" s="1"/>
  <c r="Q5699" i="10"/>
  <c r="D5691" i="26" s="1"/>
  <c r="C5691" i="26"/>
  <c r="Q5443" i="10"/>
  <c r="D5435" i="26" s="1"/>
  <c r="C5435" i="26"/>
  <c r="C7234" i="26"/>
  <c r="Q7242" i="10"/>
  <c r="D7234" i="26" s="1"/>
  <c r="C6978" i="26"/>
  <c r="Q6986" i="10"/>
  <c r="D6978" i="26" s="1"/>
  <c r="C6722" i="26"/>
  <c r="Q6730" i="10"/>
  <c r="D6722" i="26" s="1"/>
  <c r="C6466" i="26"/>
  <c r="Q6474" i="10"/>
  <c r="D6466" i="26" s="1"/>
  <c r="C6210" i="26"/>
  <c r="Q6218" i="10"/>
  <c r="D6210" i="26" s="1"/>
  <c r="C7417" i="26"/>
  <c r="Q7425" i="10"/>
  <c r="D7417" i="26" s="1"/>
  <c r="C7161" i="26"/>
  <c r="Q7169" i="10"/>
  <c r="D7161" i="26" s="1"/>
  <c r="C6905" i="26"/>
  <c r="Q6913" i="10"/>
  <c r="D6905" i="26" s="1"/>
  <c r="C6649" i="26"/>
  <c r="Q6657" i="10"/>
  <c r="D6649" i="26" s="1"/>
  <c r="C6393" i="26"/>
  <c r="Q6401" i="10"/>
  <c r="D6393" i="26" s="1"/>
  <c r="C6137" i="26"/>
  <c r="Q6145" i="10"/>
  <c r="D6137" i="26" s="1"/>
  <c r="C5657" i="26"/>
  <c r="Q5665" i="10"/>
  <c r="D5657" i="26" s="1"/>
  <c r="C5401" i="26"/>
  <c r="Q5409" i="10"/>
  <c r="D5401" i="26" s="1"/>
  <c r="C5145" i="26"/>
  <c r="Q5153" i="10"/>
  <c r="D5145" i="26" s="1"/>
  <c r="C4889" i="26"/>
  <c r="Q4897" i="10"/>
  <c r="D4889" i="26" s="1"/>
  <c r="C7200" i="26"/>
  <c r="Q7208" i="10"/>
  <c r="D7200" i="26" s="1"/>
  <c r="C6944" i="26"/>
  <c r="Q6952" i="10"/>
  <c r="D6944" i="26" s="1"/>
  <c r="C6688" i="26"/>
  <c r="Q6696" i="10"/>
  <c r="D6688" i="26" s="1"/>
  <c r="C6432" i="26"/>
  <c r="Q6440" i="10"/>
  <c r="D6432" i="26" s="1"/>
  <c r="C6144" i="26"/>
  <c r="Q6152" i="10"/>
  <c r="D6144" i="26" s="1"/>
  <c r="C7447" i="26"/>
  <c r="Q7455" i="10"/>
  <c r="D7447" i="26" s="1"/>
  <c r="C7095" i="26"/>
  <c r="Q7103" i="10"/>
  <c r="D7095" i="26" s="1"/>
  <c r="C6743" i="26"/>
  <c r="Q6751" i="10"/>
  <c r="D6743" i="26" s="1"/>
  <c r="C6423" i="26"/>
  <c r="Q6431" i="10"/>
  <c r="D6423" i="26" s="1"/>
  <c r="C6071" i="26"/>
  <c r="Q6079" i="10"/>
  <c r="D6071" i="26" s="1"/>
  <c r="C7374" i="26"/>
  <c r="Q7382" i="10"/>
  <c r="D7374" i="26" s="1"/>
  <c r="C7054" i="26"/>
  <c r="Q7062" i="10"/>
  <c r="D7054" i="26" s="1"/>
  <c r="C6702" i="26"/>
  <c r="Q6710" i="10"/>
  <c r="D6702" i="26" s="1"/>
  <c r="C6350" i="26"/>
  <c r="Q6358" i="10"/>
  <c r="D6350" i="26" s="1"/>
  <c r="C6030" i="26"/>
  <c r="Q6038" i="10"/>
  <c r="D6030" i="26" s="1"/>
  <c r="Q5115" i="10"/>
  <c r="D5107" i="26" s="1"/>
  <c r="C5107" i="26"/>
  <c r="C4755" i="26"/>
  <c r="Q4763" i="10"/>
  <c r="D4755" i="26" s="1"/>
  <c r="Q4411" i="10"/>
  <c r="D4403" i="26" s="1"/>
  <c r="C4403" i="26"/>
  <c r="Q4091" i="10"/>
  <c r="D4083" i="26" s="1"/>
  <c r="C4083" i="26"/>
  <c r="E4083" i="26" s="1"/>
  <c r="Q3739" i="10"/>
  <c r="D3731" i="26" s="1"/>
  <c r="C3731" i="26"/>
  <c r="Q3387" i="10"/>
  <c r="D3379" i="26" s="1"/>
  <c r="C3379" i="26"/>
  <c r="Q3067" i="10"/>
  <c r="D3059" i="26" s="1"/>
  <c r="C3059" i="26"/>
  <c r="C5746" i="26"/>
  <c r="Q5754" i="10"/>
  <c r="D5746" i="26" s="1"/>
  <c r="C5394" i="26"/>
  <c r="Q5402" i="10"/>
  <c r="D5394" i="26" s="1"/>
  <c r="C5042" i="26"/>
  <c r="Q5050" i="10"/>
  <c r="D5042" i="26" s="1"/>
  <c r="C4722" i="26"/>
  <c r="Q4730" i="10"/>
  <c r="D4722" i="26" s="1"/>
  <c r="C4370" i="26"/>
  <c r="Q4378" i="10"/>
  <c r="D4370" i="26" s="1"/>
  <c r="C4018" i="26"/>
  <c r="Q4026" i="10"/>
  <c r="D4018" i="26" s="1"/>
  <c r="Q3706" i="10"/>
  <c r="D3698" i="26" s="1"/>
  <c r="C3698" i="26"/>
  <c r="Q3354" i="10"/>
  <c r="D3346" i="26" s="1"/>
  <c r="C3346" i="26"/>
  <c r="E3346" i="26" s="1"/>
  <c r="Q3002" i="10"/>
  <c r="D2994" i="26" s="1"/>
  <c r="C2994" i="26"/>
  <c r="E2994" i="26" s="1"/>
  <c r="C3733" i="26"/>
  <c r="E3733" i="26" s="1"/>
  <c r="Q3741" i="10"/>
  <c r="D3733" i="26" s="1"/>
  <c r="C6797" i="26"/>
  <c r="Q6805" i="10"/>
  <c r="D6797" i="26" s="1"/>
  <c r="C6093" i="26"/>
  <c r="Q6101" i="10"/>
  <c r="D6093" i="26" s="1"/>
  <c r="C4737" i="26"/>
  <c r="E4737" i="26" s="1"/>
  <c r="Q4745" i="10"/>
  <c r="D4737" i="26" s="1"/>
  <c r="C4417" i="26"/>
  <c r="E4417" i="26" s="1"/>
  <c r="Q4425" i="10"/>
  <c r="D4417" i="26" s="1"/>
  <c r="C4065" i="26"/>
  <c r="Q4073" i="10"/>
  <c r="D4065" i="26" s="1"/>
  <c r="Q3721" i="10"/>
  <c r="D3713" i="26" s="1"/>
  <c r="C3713" i="26"/>
  <c r="Q3401" i="10"/>
  <c r="D3393" i="26" s="1"/>
  <c r="C3393" i="26"/>
  <c r="E3393" i="26" s="1"/>
  <c r="Q3049" i="10"/>
  <c r="D3041" i="26" s="1"/>
  <c r="C3041" i="26"/>
  <c r="C5792" i="26"/>
  <c r="Q5800" i="10"/>
  <c r="D5792" i="26" s="1"/>
  <c r="C5312" i="26"/>
  <c r="Q5320" i="10"/>
  <c r="D5312" i="26" s="1"/>
  <c r="C4992" i="26"/>
  <c r="Q5000" i="10"/>
  <c r="D4992" i="26" s="1"/>
  <c r="C4640" i="26"/>
  <c r="Q4648" i="10"/>
  <c r="D4640" i="26" s="1"/>
  <c r="C4288" i="26"/>
  <c r="E4288" i="26" s="1"/>
  <c r="Q4296" i="10"/>
  <c r="D4288" i="26" s="1"/>
  <c r="C3968" i="26"/>
  <c r="Q3976" i="10"/>
  <c r="D3968" i="26" s="1"/>
  <c r="Q3624" i="10"/>
  <c r="D3616" i="26" s="1"/>
  <c r="C3616" i="26"/>
  <c r="E3616" i="26" s="1"/>
  <c r="Q3272" i="10"/>
  <c r="D3264" i="26" s="1"/>
  <c r="C3264" i="26"/>
  <c r="Q2952" i="10"/>
  <c r="D2944" i="26" s="1"/>
  <c r="C2944" i="26"/>
  <c r="C5487" i="26"/>
  <c r="Q5495" i="10"/>
  <c r="D5487" i="26" s="1"/>
  <c r="C4975" i="26"/>
  <c r="Q4983" i="10"/>
  <c r="D4975" i="26" s="1"/>
  <c r="C4463" i="26"/>
  <c r="Q4471" i="10"/>
  <c r="D4463" i="26" s="1"/>
  <c r="C3951" i="26"/>
  <c r="Q3959" i="10"/>
  <c r="D3951" i="26" s="1"/>
  <c r="Q3511" i="10"/>
  <c r="D3503" i="26" s="1"/>
  <c r="C3503" i="26"/>
  <c r="E3503" i="26" s="1"/>
  <c r="Q3159" i="10"/>
  <c r="D3151" i="26" s="1"/>
  <c r="C3151" i="26"/>
  <c r="C5494" i="26"/>
  <c r="Q5502" i="10"/>
  <c r="D5494" i="26" s="1"/>
  <c r="C4566" i="26"/>
  <c r="Q4574" i="10"/>
  <c r="D4566" i="26" s="1"/>
  <c r="C4214" i="26"/>
  <c r="E4214" i="26" s="1"/>
  <c r="Q4222" i="10"/>
  <c r="D4214" i="26" s="1"/>
  <c r="Q3870" i="10"/>
  <c r="D3862" i="26" s="1"/>
  <c r="C3862" i="26"/>
  <c r="Q3550" i="10"/>
  <c r="D3542" i="26" s="1"/>
  <c r="C3542" i="26"/>
  <c r="Q3198" i="10"/>
  <c r="D3190" i="26" s="1"/>
  <c r="C3190" i="26"/>
  <c r="C5301" i="26"/>
  <c r="Q5309" i="10"/>
  <c r="D5301" i="26" s="1"/>
  <c r="C4597" i="26"/>
  <c r="Q4605" i="10"/>
  <c r="D4597" i="26" s="1"/>
  <c r="C3957" i="26"/>
  <c r="Q3965" i="10"/>
  <c r="D3957" i="26" s="1"/>
  <c r="C3253" i="26"/>
  <c r="Q3261" i="10"/>
  <c r="D3253" i="26" s="1"/>
  <c r="C5652" i="26"/>
  <c r="Q5660" i="10"/>
  <c r="D5652" i="26" s="1"/>
  <c r="C5332" i="26"/>
  <c r="Q5340" i="10"/>
  <c r="D5332" i="26" s="1"/>
  <c r="C4980" i="26"/>
  <c r="E4980" i="26" s="1"/>
  <c r="Q4988" i="10"/>
  <c r="D4980" i="26" s="1"/>
  <c r="C4628" i="26"/>
  <c r="E4628" i="26" s="1"/>
  <c r="Q4636" i="10"/>
  <c r="D4628" i="26" s="1"/>
  <c r="C4308" i="26"/>
  <c r="Q4316" i="10"/>
  <c r="D4308" i="26" s="1"/>
  <c r="C3956" i="26"/>
  <c r="E3956" i="26" s="1"/>
  <c r="Q3964" i="10"/>
  <c r="D3956" i="26" s="1"/>
  <c r="C3604" i="26"/>
  <c r="Q3612" i="10"/>
  <c r="D3604" i="26" s="1"/>
  <c r="C3284" i="26"/>
  <c r="Q3292" i="10"/>
  <c r="D3284" i="26" s="1"/>
  <c r="C2932" i="26"/>
  <c r="E2932" i="26" s="1"/>
  <c r="Q2940" i="10"/>
  <c r="D2932" i="26" s="1"/>
  <c r="C4565" i="26"/>
  <c r="Q4573" i="10"/>
  <c r="D4565" i="26" s="1"/>
  <c r="C7077" i="26"/>
  <c r="Q7085" i="10"/>
  <c r="D7077" i="26" s="1"/>
  <c r="C6437" i="26"/>
  <c r="Q6445" i="10"/>
  <c r="D6437" i="26" s="1"/>
  <c r="C7292" i="26"/>
  <c r="Q7300" i="10"/>
  <c r="D7292" i="26" s="1"/>
  <c r="C6972" i="26"/>
  <c r="Q6980" i="10"/>
  <c r="D6972" i="26" s="1"/>
  <c r="C6620" i="26"/>
  <c r="Q6628" i="10"/>
  <c r="D6620" i="26" s="1"/>
  <c r="C6268" i="26"/>
  <c r="Q6276" i="10"/>
  <c r="D6268" i="26" s="1"/>
  <c r="Q7387" i="10"/>
  <c r="D7379" i="26" s="1"/>
  <c r="C7379" i="26"/>
  <c r="Q7035" i="10"/>
  <c r="D7027" i="26" s="1"/>
  <c r="C7027" i="26"/>
  <c r="Q6715" i="10"/>
  <c r="D6707" i="26" s="1"/>
  <c r="C6707" i="26"/>
  <c r="C6355" i="26"/>
  <c r="Q6363" i="10"/>
  <c r="D6355" i="26" s="1"/>
  <c r="Q5755" i="10"/>
  <c r="D5747" i="26" s="1"/>
  <c r="C5747" i="26"/>
  <c r="Q5435" i="10"/>
  <c r="D5427" i="26" s="1"/>
  <c r="C5427" i="26"/>
  <c r="C7130" i="26"/>
  <c r="Q7138" i="10"/>
  <c r="D7130" i="26" s="1"/>
  <c r="C6778" i="26"/>
  <c r="Q6786" i="10"/>
  <c r="D6778" i="26" s="1"/>
  <c r="C6458" i="26"/>
  <c r="Q6466" i="10"/>
  <c r="D6458" i="26" s="1"/>
  <c r="C6106" i="26"/>
  <c r="Q6114" i="10"/>
  <c r="D6106" i="26" s="1"/>
  <c r="C7249" i="26"/>
  <c r="Q7257" i="10"/>
  <c r="D7249" i="26" s="1"/>
  <c r="C6897" i="26"/>
  <c r="Q6905" i="10"/>
  <c r="D6897" i="26" s="1"/>
  <c r="C6545" i="26"/>
  <c r="Q6553" i="10"/>
  <c r="D6545" i="26" s="1"/>
  <c r="C6225" i="26"/>
  <c r="Q6233" i="10"/>
  <c r="D6225" i="26" s="1"/>
  <c r="C5617" i="26"/>
  <c r="Q5625" i="10"/>
  <c r="D5617" i="26" s="1"/>
  <c r="C5265" i="26"/>
  <c r="Q5273" i="10"/>
  <c r="D5265" i="26" s="1"/>
  <c r="C4945" i="26"/>
  <c r="Q4953" i="10"/>
  <c r="D4945" i="26" s="1"/>
  <c r="C7160" i="26"/>
  <c r="Q7168" i="10"/>
  <c r="D7160" i="26" s="1"/>
  <c r="C6808" i="26"/>
  <c r="Q6816" i="10"/>
  <c r="D6808" i="26" s="1"/>
  <c r="C6488" i="26"/>
  <c r="Q6496" i="10"/>
  <c r="D6488" i="26" s="1"/>
  <c r="C6136" i="26"/>
  <c r="Q6144" i="10"/>
  <c r="D6136" i="26" s="1"/>
  <c r="C7407" i="26"/>
  <c r="Q7415" i="10"/>
  <c r="D7407" i="26" s="1"/>
  <c r="C7087" i="26"/>
  <c r="Q7095" i="10"/>
  <c r="D7087" i="26" s="1"/>
  <c r="C6735" i="26"/>
  <c r="Q6743" i="10"/>
  <c r="D6735" i="26" s="1"/>
  <c r="C6383" i="26"/>
  <c r="Q6391" i="10"/>
  <c r="D6383" i="26" s="1"/>
  <c r="C6063" i="26"/>
  <c r="Q6071" i="10"/>
  <c r="D6063" i="26" s="1"/>
  <c r="C7366" i="26"/>
  <c r="Q7374" i="10"/>
  <c r="D7366" i="26" s="1"/>
  <c r="C7014" i="26"/>
  <c r="Q7022" i="10"/>
  <c r="D7014" i="26" s="1"/>
  <c r="C6694" i="26"/>
  <c r="Q6702" i="10"/>
  <c r="D6694" i="26" s="1"/>
  <c r="C6342" i="26"/>
  <c r="Q6350" i="10"/>
  <c r="D6342" i="26" s="1"/>
  <c r="C5387" i="26"/>
  <c r="Q5395" i="10"/>
  <c r="D5387" i="26" s="1"/>
  <c r="Q5043" i="10"/>
  <c r="D5035" i="26" s="1"/>
  <c r="C5035" i="26"/>
  <c r="E5035" i="26" s="1"/>
  <c r="C4683" i="26"/>
  <c r="Q4691" i="10"/>
  <c r="D4683" i="26" s="1"/>
  <c r="C4363" i="26"/>
  <c r="Q4371" i="10"/>
  <c r="D4363" i="26" s="1"/>
  <c r="Q4019" i="10"/>
  <c r="D4011" i="26" s="1"/>
  <c r="C4011" i="26"/>
  <c r="Q3667" i="10"/>
  <c r="D3659" i="26" s="1"/>
  <c r="C3659" i="26"/>
  <c r="Q3347" i="10"/>
  <c r="D3339" i="26" s="1"/>
  <c r="C3339" i="26"/>
  <c r="Q2995" i="10"/>
  <c r="D2987" i="26" s="1"/>
  <c r="C2987" i="26"/>
  <c r="C5674" i="26"/>
  <c r="Q5682" i="10"/>
  <c r="D5674" i="26" s="1"/>
  <c r="C5322" i="26"/>
  <c r="Q5330" i="10"/>
  <c r="D5322" i="26" s="1"/>
  <c r="C5002" i="26"/>
  <c r="E5002" i="26" s="1"/>
  <c r="Q5010" i="10"/>
  <c r="D5002" i="26" s="1"/>
  <c r="C4650" i="26"/>
  <c r="Q4658" i="10"/>
  <c r="D4650" i="26" s="1"/>
  <c r="C4298" i="26"/>
  <c r="Q4306" i="10"/>
  <c r="D4298" i="26" s="1"/>
  <c r="C3978" i="26"/>
  <c r="Q3986" i="10"/>
  <c r="D3978" i="26" s="1"/>
  <c r="Q3634" i="10"/>
  <c r="D3626" i="26" s="1"/>
  <c r="C3626" i="26"/>
  <c r="E3626" i="26" s="1"/>
  <c r="Q3282" i="10"/>
  <c r="D3274" i="26" s="1"/>
  <c r="C3274" i="26"/>
  <c r="Q2962" i="10"/>
  <c r="D2954" i="26" s="1"/>
  <c r="C2954" i="26"/>
  <c r="C7429" i="26"/>
  <c r="Q7437" i="10"/>
  <c r="D7429" i="26" s="1"/>
  <c r="C6725" i="26"/>
  <c r="Q6733" i="10"/>
  <c r="D6725" i="26" s="1"/>
  <c r="C6085" i="26"/>
  <c r="Q6093" i="10"/>
  <c r="D6085" i="26" s="1"/>
  <c r="C4665" i="26"/>
  <c r="Q4673" i="10"/>
  <c r="D4665" i="26" s="1"/>
  <c r="C4345" i="26"/>
  <c r="Q4353" i="10"/>
  <c r="D4345" i="26" s="1"/>
  <c r="C3993" i="26"/>
  <c r="Q4001" i="10"/>
  <c r="D3993" i="26" s="1"/>
  <c r="Q3649" i="10"/>
  <c r="D3641" i="26" s="1"/>
  <c r="C3641" i="26"/>
  <c r="Q3329" i="10"/>
  <c r="D3321" i="26" s="1"/>
  <c r="C3321" i="26"/>
  <c r="Q2977" i="10"/>
  <c r="D2969" i="26" s="1"/>
  <c r="C2969" i="26"/>
  <c r="C5720" i="26"/>
  <c r="Q5728" i="10"/>
  <c r="D5720" i="26" s="1"/>
  <c r="C5368" i="26"/>
  <c r="Q5376" i="10"/>
  <c r="D5368" i="26" s="1"/>
  <c r="C5048" i="26"/>
  <c r="Q5056" i="10"/>
  <c r="D5048" i="26" s="1"/>
  <c r="C4696" i="26"/>
  <c r="E4696" i="26" s="1"/>
  <c r="Q4704" i="10"/>
  <c r="D4696" i="26" s="1"/>
  <c r="C4344" i="26"/>
  <c r="Q4352" i="10"/>
  <c r="D4344" i="26" s="1"/>
  <c r="C4024" i="26"/>
  <c r="Q4032" i="10"/>
  <c r="D4024" i="26" s="1"/>
  <c r="Q3680" i="10"/>
  <c r="D3672" i="26" s="1"/>
  <c r="C3672" i="26"/>
  <c r="E3672" i="26" s="1"/>
  <c r="Q3328" i="10"/>
  <c r="D3320" i="26" s="1"/>
  <c r="C3320" i="26"/>
  <c r="Q3008" i="10"/>
  <c r="D3000" i="26" s="1"/>
  <c r="C3000" i="26"/>
  <c r="C5735" i="26"/>
  <c r="Q5743" i="10"/>
  <c r="D5735" i="26" s="1"/>
  <c r="C5383" i="26"/>
  <c r="Q5391" i="10"/>
  <c r="D5383" i="26" s="1"/>
  <c r="C5031" i="26"/>
  <c r="E5031" i="26" s="1"/>
  <c r="Q5039" i="10"/>
  <c r="D5031" i="26" s="1"/>
  <c r="C4711" i="26"/>
  <c r="Q4719" i="10"/>
  <c r="D4711" i="26" s="1"/>
  <c r="C4359" i="26"/>
  <c r="Q4367" i="10"/>
  <c r="D4359" i="26" s="1"/>
  <c r="C4007" i="26"/>
  <c r="Q4015" i="10"/>
  <c r="D4007" i="26" s="1"/>
  <c r="Q3695" i="10"/>
  <c r="D3687" i="26" s="1"/>
  <c r="C3687" i="26"/>
  <c r="Q3343" i="10"/>
  <c r="D3335" i="26" s="1"/>
  <c r="C3335" i="26"/>
  <c r="Q2991" i="10"/>
  <c r="D2983" i="26" s="1"/>
  <c r="C2983" i="26"/>
  <c r="C5422" i="26"/>
  <c r="Q5430" i="10"/>
  <c r="D5422" i="26" s="1"/>
  <c r="C5038" i="26"/>
  <c r="Q5046" i="10"/>
  <c r="D5038" i="26" s="1"/>
  <c r="C4686" i="26"/>
  <c r="Q4694" i="10"/>
  <c r="D4686" i="26" s="1"/>
  <c r="C4366" i="26"/>
  <c r="Q4374" i="10"/>
  <c r="D4366" i="26" s="1"/>
  <c r="C4014" i="26"/>
  <c r="Q4022" i="10"/>
  <c r="D4014" i="26" s="1"/>
  <c r="Q3670" i="10"/>
  <c r="D3662" i="26" s="1"/>
  <c r="C3662" i="26"/>
  <c r="Q3350" i="10"/>
  <c r="D3342" i="26" s="1"/>
  <c r="C3342" i="26"/>
  <c r="Q2998" i="10"/>
  <c r="D2990" i="26" s="1"/>
  <c r="C2990" i="26"/>
  <c r="C5677" i="26"/>
  <c r="Q5685" i="10"/>
  <c r="D5677" i="26" s="1"/>
  <c r="C4909" i="26"/>
  <c r="E4909" i="26" s="1"/>
  <c r="Q4917" i="10"/>
  <c r="D4909" i="26" s="1"/>
  <c r="C3885" i="26"/>
  <c r="Q3893" i="10"/>
  <c r="D3885" i="26" s="1"/>
  <c r="C2861" i="26"/>
  <c r="E2861" i="26" s="1"/>
  <c r="Q2869" i="10"/>
  <c r="D2861" i="26" s="1"/>
  <c r="C5676" i="26"/>
  <c r="Q5684" i="10"/>
  <c r="D5676" i="26" s="1"/>
  <c r="C5292" i="26"/>
  <c r="Q5300" i="10"/>
  <c r="D5292" i="26" s="1"/>
  <c r="C4780" i="26"/>
  <c r="E4780" i="26" s="1"/>
  <c r="Q4788" i="10"/>
  <c r="D4780" i="26" s="1"/>
  <c r="C4268" i="26"/>
  <c r="Q4276" i="10"/>
  <c r="D4268" i="26" s="1"/>
  <c r="C3756" i="26"/>
  <c r="Q3764" i="10"/>
  <c r="D3756" i="26" s="1"/>
  <c r="C3244" i="26"/>
  <c r="Q3252" i="10"/>
  <c r="D3244" i="26" s="1"/>
  <c r="C7005" i="26"/>
  <c r="Q7013" i="10"/>
  <c r="D7005" i="26" s="1"/>
  <c r="C6237" i="26"/>
  <c r="Q6245" i="10"/>
  <c r="D6237" i="26" s="1"/>
  <c r="C6973" i="26"/>
  <c r="Q6981" i="10"/>
  <c r="D6973" i="26" s="1"/>
  <c r="C7389" i="26"/>
  <c r="Q7397" i="10"/>
  <c r="D7389" i="26" s="1"/>
  <c r="C7133" i="26"/>
  <c r="Q7141" i="10"/>
  <c r="D7133" i="26" s="1"/>
  <c r="C6877" i="26"/>
  <c r="Q6885" i="10"/>
  <c r="D6877" i="26" s="1"/>
  <c r="C6621" i="26"/>
  <c r="Q6629" i="10"/>
  <c r="D6621" i="26" s="1"/>
  <c r="C6365" i="26"/>
  <c r="Q6373" i="10"/>
  <c r="D6365" i="26" s="1"/>
  <c r="C6109" i="26"/>
  <c r="Q6117" i="10"/>
  <c r="D6109" i="26" s="1"/>
  <c r="Q7324" i="10"/>
  <c r="D7316" i="26" s="1"/>
  <c r="C7316" i="26"/>
  <c r="C7060" i="26"/>
  <c r="Q7068" i="10"/>
  <c r="D7060" i="26" s="1"/>
  <c r="C6804" i="26"/>
  <c r="Q6812" i="10"/>
  <c r="D6804" i="26" s="1"/>
  <c r="C6548" i="26"/>
  <c r="Q6556" i="10"/>
  <c r="D6548" i="26" s="1"/>
  <c r="C6292" i="26"/>
  <c r="Q6300" i="10"/>
  <c r="D6292" i="26" s="1"/>
  <c r="C6036" i="26"/>
  <c r="Q6044" i="10"/>
  <c r="D6036" i="26" s="1"/>
  <c r="Q7219" i="10"/>
  <c r="D7211" i="26" s="1"/>
  <c r="C7211" i="26"/>
  <c r="Q6963" i="10"/>
  <c r="D6955" i="26" s="1"/>
  <c r="C6955" i="26"/>
  <c r="Q6707" i="10"/>
  <c r="D6699" i="26" s="1"/>
  <c r="C6699" i="26"/>
  <c r="Q6451" i="10"/>
  <c r="D6443" i="26" s="1"/>
  <c r="C6443" i="26"/>
  <c r="Q6195" i="10"/>
  <c r="D6187" i="26" s="1"/>
  <c r="C6187" i="26"/>
  <c r="Q5683" i="10"/>
  <c r="D5675" i="26" s="1"/>
  <c r="C5675" i="26"/>
  <c r="Q5427" i="10"/>
  <c r="D5419" i="26" s="1"/>
  <c r="C5419" i="26"/>
  <c r="C7218" i="26"/>
  <c r="Q7226" i="10"/>
  <c r="D7218" i="26" s="1"/>
  <c r="C6962" i="26"/>
  <c r="Q6970" i="10"/>
  <c r="D6962" i="26" s="1"/>
  <c r="C6706" i="26"/>
  <c r="Q6714" i="10"/>
  <c r="D6706" i="26" s="1"/>
  <c r="C6450" i="26"/>
  <c r="Q6458" i="10"/>
  <c r="D6450" i="26" s="1"/>
  <c r="C6194" i="26"/>
  <c r="Q6202" i="10"/>
  <c r="D6194" i="26" s="1"/>
  <c r="C7369" i="26"/>
  <c r="Q7377" i="10"/>
  <c r="D7369" i="26" s="1"/>
  <c r="C7113" i="26"/>
  <c r="Q7121" i="10"/>
  <c r="D7113" i="26" s="1"/>
  <c r="C6857" i="26"/>
  <c r="Q6865" i="10"/>
  <c r="D6857" i="26" s="1"/>
  <c r="C6601" i="26"/>
  <c r="Q6609" i="10"/>
  <c r="D6601" i="26" s="1"/>
  <c r="C6345" i="26"/>
  <c r="Q6353" i="10"/>
  <c r="D6345" i="26" s="1"/>
  <c r="C6089" i="26"/>
  <c r="Q6097" i="10"/>
  <c r="D6089" i="26" s="1"/>
  <c r="C5577" i="26"/>
  <c r="Q5585" i="10"/>
  <c r="D5577" i="26" s="1"/>
  <c r="C5321" i="26"/>
  <c r="Q5329" i="10"/>
  <c r="D5321" i="26" s="1"/>
  <c r="C5065" i="26"/>
  <c r="E5065" i="26" s="1"/>
  <c r="Q5073" i="10"/>
  <c r="D5065" i="26" s="1"/>
  <c r="C7376" i="26"/>
  <c r="Q7384" i="10"/>
  <c r="D7376" i="26" s="1"/>
  <c r="C7120" i="26"/>
  <c r="Q7128" i="10"/>
  <c r="D7120" i="26" s="1"/>
  <c r="C6864" i="26"/>
  <c r="Q6872" i="10"/>
  <c r="D6864" i="26" s="1"/>
  <c r="C6608" i="26"/>
  <c r="Q6616" i="10"/>
  <c r="D6608" i="26" s="1"/>
  <c r="C6352" i="26"/>
  <c r="Q6360" i="10"/>
  <c r="D6352" i="26" s="1"/>
  <c r="C6096" i="26"/>
  <c r="Q6104" i="10"/>
  <c r="D6096" i="26" s="1"/>
  <c r="C5840" i="26"/>
  <c r="Q5848" i="10"/>
  <c r="D5840" i="26" s="1"/>
  <c r="C7207" i="26"/>
  <c r="Q7215" i="10"/>
  <c r="D7207" i="26" s="1"/>
  <c r="C6951" i="26"/>
  <c r="Q6959" i="10"/>
  <c r="D6951" i="26" s="1"/>
  <c r="C6695" i="26"/>
  <c r="Q6703" i="10"/>
  <c r="D6695" i="26" s="1"/>
  <c r="C6439" i="26"/>
  <c r="Q6447" i="10"/>
  <c r="D6439" i="26" s="1"/>
  <c r="C6183" i="26"/>
  <c r="Q6191" i="10"/>
  <c r="D6183" i="26" s="1"/>
  <c r="C5927" i="26"/>
  <c r="Q5935" i="10"/>
  <c r="D5927" i="26" s="1"/>
  <c r="C7326" i="26"/>
  <c r="Q7334" i="10"/>
  <c r="D7326" i="26" s="1"/>
  <c r="C7070" i="26"/>
  <c r="Q7078" i="10"/>
  <c r="D7070" i="26" s="1"/>
  <c r="C6814" i="26"/>
  <c r="E6814" i="26" s="1"/>
  <c r="Q6822" i="10"/>
  <c r="D6814" i="26" s="1"/>
  <c r="C6558" i="26"/>
  <c r="Q6566" i="10"/>
  <c r="D6558" i="26" s="1"/>
  <c r="C6302" i="26"/>
  <c r="E6302" i="26" s="1"/>
  <c r="Q6310" i="10"/>
  <c r="D6302" i="26" s="1"/>
  <c r="C6046" i="26"/>
  <c r="Q6054" i="10"/>
  <c r="D6046" i="26" s="1"/>
  <c r="C5187" i="26"/>
  <c r="E5187" i="26" s="1"/>
  <c r="Q5195" i="10"/>
  <c r="D5187" i="26" s="1"/>
  <c r="C4931" i="26"/>
  <c r="E4931" i="26" s="1"/>
  <c r="Q4939" i="10"/>
  <c r="D4931" i="26" s="1"/>
  <c r="C4675" i="26"/>
  <c r="E4675" i="26" s="1"/>
  <c r="Q4683" i="10"/>
  <c r="D4675" i="26" s="1"/>
  <c r="C4419" i="26"/>
  <c r="E4419" i="26" s="1"/>
  <c r="Q4427" i="10"/>
  <c r="D4419" i="26" s="1"/>
  <c r="C4163" i="26"/>
  <c r="E4163" i="26" s="1"/>
  <c r="Q4171" i="10"/>
  <c r="D4163" i="26" s="1"/>
  <c r="Q3915" i="10"/>
  <c r="D3907" i="26" s="1"/>
  <c r="C3907" i="26"/>
  <c r="E3907" i="26" s="1"/>
  <c r="Q3659" i="10"/>
  <c r="D3651" i="26" s="1"/>
  <c r="C3651" i="26"/>
  <c r="Q3403" i="10"/>
  <c r="D3395" i="26" s="1"/>
  <c r="C3395" i="26"/>
  <c r="E3395" i="26" s="1"/>
  <c r="Q3147" i="10"/>
  <c r="D3139" i="26" s="1"/>
  <c r="C3139" i="26"/>
  <c r="Q2891" i="10"/>
  <c r="D2883" i="26" s="1"/>
  <c r="C2883" i="26"/>
  <c r="C5538" i="26"/>
  <c r="Q5546" i="10"/>
  <c r="D5538" i="26" s="1"/>
  <c r="C5282" i="26"/>
  <c r="E5282" i="26" s="1"/>
  <c r="Q5290" i="10"/>
  <c r="D5282" i="26" s="1"/>
  <c r="C5026" i="26"/>
  <c r="Q5034" i="10"/>
  <c r="D5026" i="26" s="1"/>
  <c r="C4770" i="26"/>
  <c r="Q4778" i="10"/>
  <c r="D4770" i="26" s="1"/>
  <c r="C4514" i="26"/>
  <c r="Q4522" i="10"/>
  <c r="D4514" i="26" s="1"/>
  <c r="C4258" i="26"/>
  <c r="Q4266" i="10"/>
  <c r="D4258" i="26" s="1"/>
  <c r="C4002" i="26"/>
  <c r="Q4010" i="10"/>
  <c r="D4002" i="26" s="1"/>
  <c r="Q3754" i="10"/>
  <c r="D3746" i="26" s="1"/>
  <c r="C3746" i="26"/>
  <c r="Q3498" i="10"/>
  <c r="D3490" i="26" s="1"/>
  <c r="C3490" i="26"/>
  <c r="Q3242" i="10"/>
  <c r="D3234" i="26" s="1"/>
  <c r="C3234" i="26"/>
  <c r="Q2986" i="10"/>
  <c r="D2978" i="26" s="1"/>
  <c r="C2978" i="26"/>
  <c r="C5261" i="26"/>
  <c r="Q5269" i="10"/>
  <c r="D5261" i="26" s="1"/>
  <c r="C4749" i="26"/>
  <c r="Q4757" i="10"/>
  <c r="D4749" i="26" s="1"/>
  <c r="C4237" i="26"/>
  <c r="Q4245" i="10"/>
  <c r="D4237" i="26" s="1"/>
  <c r="C3725" i="26"/>
  <c r="Q3733" i="10"/>
  <c r="D3725" i="26" s="1"/>
  <c r="C3213" i="26"/>
  <c r="Q3221" i="10"/>
  <c r="D3213" i="26" s="1"/>
  <c r="C3349" i="26"/>
  <c r="Q3357" i="10"/>
  <c r="D3349" i="26" s="1"/>
  <c r="C4721" i="26"/>
  <c r="E4721" i="26" s="1"/>
  <c r="Q4729" i="10"/>
  <c r="D4721" i="26" s="1"/>
  <c r="C4465" i="26"/>
  <c r="Q4473" i="10"/>
  <c r="D4465" i="26" s="1"/>
  <c r="C4209" i="26"/>
  <c r="E4209" i="26" s="1"/>
  <c r="Q4217" i="10"/>
  <c r="D4209" i="26" s="1"/>
  <c r="C3953" i="26"/>
  <c r="E3953" i="26" s="1"/>
  <c r="Q3961" i="10"/>
  <c r="D3953" i="26" s="1"/>
  <c r="Q3705" i="10"/>
  <c r="D3697" i="26" s="1"/>
  <c r="C3697" i="26"/>
  <c r="Q3449" i="10"/>
  <c r="D3441" i="26" s="1"/>
  <c r="C3441" i="26"/>
  <c r="E3441" i="26" s="1"/>
  <c r="Q3193" i="10"/>
  <c r="D3185" i="26" s="1"/>
  <c r="C3185" i="26"/>
  <c r="Q2937" i="10"/>
  <c r="D2929" i="26" s="1"/>
  <c r="C2929" i="26"/>
  <c r="E2929" i="26" s="1"/>
  <c r="C5680" i="26"/>
  <c r="Q5688" i="10"/>
  <c r="D5680" i="26" s="1"/>
  <c r="C5424" i="26"/>
  <c r="Q5432" i="10"/>
  <c r="D5424" i="26" s="1"/>
  <c r="C4560" i="26"/>
  <c r="E4560" i="26" s="1"/>
  <c r="Q4568" i="10"/>
  <c r="D4560" i="26" s="1"/>
  <c r="C4304" i="26"/>
  <c r="E4304" i="26" s="1"/>
  <c r="Q4312" i="10"/>
  <c r="D4304" i="26" s="1"/>
  <c r="C4048" i="26"/>
  <c r="Q4056" i="10"/>
  <c r="D4048" i="26" s="1"/>
  <c r="Q3800" i="10"/>
  <c r="D3792" i="26" s="1"/>
  <c r="C3792" i="26"/>
  <c r="E3792" i="26" s="1"/>
  <c r="Q3544" i="10"/>
  <c r="D3536" i="26" s="1"/>
  <c r="C3536" i="26"/>
  <c r="Q3288" i="10"/>
  <c r="D3280" i="26" s="1"/>
  <c r="C3280" i="26"/>
  <c r="Q3032" i="10"/>
  <c r="D3024" i="26" s="1"/>
  <c r="C3024" i="26"/>
  <c r="E3024" i="26" s="1"/>
  <c r="C5759" i="26"/>
  <c r="Q5767" i="10"/>
  <c r="D5759" i="26" s="1"/>
  <c r="C5503" i="26"/>
  <c r="Q5511" i="10"/>
  <c r="D5503" i="26" s="1"/>
  <c r="C5247" i="26"/>
  <c r="Q5255" i="10"/>
  <c r="D5247" i="26" s="1"/>
  <c r="C4991" i="26"/>
  <c r="Q4999" i="10"/>
  <c r="D4991" i="26" s="1"/>
  <c r="C4735" i="26"/>
  <c r="Q4743" i="10"/>
  <c r="D4735" i="26" s="1"/>
  <c r="C4479" i="26"/>
  <c r="Q4487" i="10"/>
  <c r="D4479" i="26" s="1"/>
  <c r="C4223" i="26"/>
  <c r="Q4231" i="10"/>
  <c r="D4223" i="26" s="1"/>
  <c r="C3967" i="26"/>
  <c r="Q3975" i="10"/>
  <c r="D3967" i="26" s="1"/>
  <c r="Q3719" i="10"/>
  <c r="D3711" i="26" s="1"/>
  <c r="C3711" i="26"/>
  <c r="Q3463" i="10"/>
  <c r="D3455" i="26" s="1"/>
  <c r="C3455" i="26"/>
  <c r="Q3207" i="10"/>
  <c r="D3199" i="26" s="1"/>
  <c r="C3199" i="26"/>
  <c r="Q2951" i="10"/>
  <c r="D2943" i="26" s="1"/>
  <c r="C2943" i="26"/>
  <c r="C5446" i="26"/>
  <c r="Q5454" i="10"/>
  <c r="D5446" i="26" s="1"/>
  <c r="C5158" i="26"/>
  <c r="Q5166" i="10"/>
  <c r="D5158" i="26" s="1"/>
  <c r="C4902" i="26"/>
  <c r="E4902" i="26" s="1"/>
  <c r="Q4910" i="10"/>
  <c r="D4902" i="26" s="1"/>
  <c r="C4518" i="26"/>
  <c r="E4518" i="26" s="1"/>
  <c r="Q4526" i="10"/>
  <c r="D4518" i="26" s="1"/>
  <c r="C4006" i="26"/>
  <c r="E4006" i="26" s="1"/>
  <c r="Q4014" i="10"/>
  <c r="D4006" i="26" s="1"/>
  <c r="Q3502" i="10"/>
  <c r="D3494" i="26" s="1"/>
  <c r="C3494" i="26"/>
  <c r="E3494" i="26" s="1"/>
  <c r="Q2990" i="10"/>
  <c r="D2982" i="26" s="1"/>
  <c r="C2982" i="26"/>
  <c r="E2982" i="26" s="1"/>
  <c r="C5669" i="26"/>
  <c r="E5669" i="26" s="1"/>
  <c r="Q5677" i="10"/>
  <c r="D5669" i="26" s="1"/>
  <c r="C5157" i="26"/>
  <c r="E5157" i="26" s="1"/>
  <c r="Q5165" i="10"/>
  <c r="D5157" i="26" s="1"/>
  <c r="C4645" i="26"/>
  <c r="Q4653" i="10"/>
  <c r="D4645" i="26" s="1"/>
  <c r="C4133" i="26"/>
  <c r="E4133" i="26" s="1"/>
  <c r="Q4141" i="10"/>
  <c r="D4133" i="26" s="1"/>
  <c r="C3621" i="26"/>
  <c r="E3621" i="26" s="1"/>
  <c r="Q3629" i="10"/>
  <c r="D3621" i="26" s="1"/>
  <c r="C3109" i="26"/>
  <c r="E3109" i="26" s="1"/>
  <c r="Q3117" i="10"/>
  <c r="D3109" i="26" s="1"/>
  <c r="C5508" i="26"/>
  <c r="Q5516" i="10"/>
  <c r="D5508" i="26" s="1"/>
  <c r="C5252" i="26"/>
  <c r="Q5260" i="10"/>
  <c r="D5252" i="26" s="1"/>
  <c r="C4996" i="26"/>
  <c r="E4996" i="26" s="1"/>
  <c r="Q5004" i="10"/>
  <c r="D4996" i="26" s="1"/>
  <c r="C4740" i="26"/>
  <c r="E4740" i="26" s="1"/>
  <c r="Q4748" i="10"/>
  <c r="D4740" i="26" s="1"/>
  <c r="C4484" i="26"/>
  <c r="Q4492" i="10"/>
  <c r="D4484" i="26" s="1"/>
  <c r="C4228" i="26"/>
  <c r="Q4236" i="10"/>
  <c r="D4228" i="26" s="1"/>
  <c r="C3972" i="26"/>
  <c r="E3972" i="26" s="1"/>
  <c r="Q3980" i="10"/>
  <c r="D3972" i="26" s="1"/>
  <c r="C3716" i="26"/>
  <c r="Q3724" i="10"/>
  <c r="D3716" i="26" s="1"/>
  <c r="C3460" i="26"/>
  <c r="Q3468" i="10"/>
  <c r="D3460" i="26" s="1"/>
  <c r="C3204" i="26"/>
  <c r="Q3212" i="10"/>
  <c r="D3204" i="26" s="1"/>
  <c r="C2948" i="26"/>
  <c r="Q2956" i="10"/>
  <c r="D2948" i="26" s="1"/>
  <c r="C3157" i="26"/>
  <c r="Q3165" i="10"/>
  <c r="D3157" i="26" s="1"/>
  <c r="C6965" i="26"/>
  <c r="Q6973" i="10"/>
  <c r="D6965" i="26" s="1"/>
  <c r="C6453" i="26"/>
  <c r="Q6461" i="10"/>
  <c r="D6453" i="26" s="1"/>
  <c r="Q7444" i="10"/>
  <c r="D7436" i="26" s="1"/>
  <c r="C7436" i="26"/>
  <c r="C7180" i="26"/>
  <c r="Q7188" i="10"/>
  <c r="D7180" i="26" s="1"/>
  <c r="C6924" i="26"/>
  <c r="Q6932" i="10"/>
  <c r="D6924" i="26" s="1"/>
  <c r="C6668" i="26"/>
  <c r="Q6676" i="10"/>
  <c r="D6668" i="26" s="1"/>
  <c r="C6412" i="26"/>
  <c r="Q6420" i="10"/>
  <c r="D6412" i="26" s="1"/>
  <c r="C6156" i="26"/>
  <c r="Q6164" i="10"/>
  <c r="D6156" i="26" s="1"/>
  <c r="C7331" i="26"/>
  <c r="Q7339" i="10"/>
  <c r="D7331" i="26" s="1"/>
  <c r="Q7083" i="10"/>
  <c r="D7075" i="26" s="1"/>
  <c r="C7075" i="26"/>
  <c r="Q6827" i="10"/>
  <c r="D6819" i="26" s="1"/>
  <c r="C6819" i="26"/>
  <c r="E6819" i="26" s="1"/>
  <c r="Q6571" i="10"/>
  <c r="D6563" i="26" s="1"/>
  <c r="C6563" i="26"/>
  <c r="Q6315" i="10"/>
  <c r="D6307" i="26" s="1"/>
  <c r="C6307" i="26"/>
  <c r="Q6059" i="10"/>
  <c r="D6051" i="26" s="1"/>
  <c r="C6051" i="26"/>
  <c r="Q5547" i="10"/>
  <c r="D5539" i="26" s="1"/>
  <c r="C5539" i="26"/>
  <c r="C7338" i="26"/>
  <c r="Q7346" i="10"/>
  <c r="D7338" i="26" s="1"/>
  <c r="C7082" i="26"/>
  <c r="Q7090" i="10"/>
  <c r="D7082" i="26" s="1"/>
  <c r="C6826" i="26"/>
  <c r="Q6834" i="10"/>
  <c r="D6826" i="26" s="1"/>
  <c r="C6570" i="26"/>
  <c r="Q6578" i="10"/>
  <c r="D6570" i="26" s="1"/>
  <c r="C6314" i="26"/>
  <c r="Q6322" i="10"/>
  <c r="D6314" i="26" s="1"/>
  <c r="C6058" i="26"/>
  <c r="Q6066" i="10"/>
  <c r="D6058" i="26" s="1"/>
  <c r="C7233" i="26"/>
  <c r="Q7241" i="10"/>
  <c r="D7233" i="26" s="1"/>
  <c r="C6977" i="26"/>
  <c r="Q6985" i="10"/>
  <c r="D6977" i="26" s="1"/>
  <c r="C6721" i="26"/>
  <c r="Q6729" i="10"/>
  <c r="D6721" i="26" s="1"/>
  <c r="C6465" i="26"/>
  <c r="Q6473" i="10"/>
  <c r="D6465" i="26" s="1"/>
  <c r="C6209" i="26"/>
  <c r="Q6217" i="10"/>
  <c r="D6209" i="26" s="1"/>
  <c r="C5729" i="26"/>
  <c r="Q5737" i="10"/>
  <c r="D5729" i="26" s="1"/>
  <c r="C5473" i="26"/>
  <c r="Q5481" i="10"/>
  <c r="D5473" i="26" s="1"/>
  <c r="C5217" i="26"/>
  <c r="Q5225" i="10"/>
  <c r="D5217" i="26" s="1"/>
  <c r="C4961" i="26"/>
  <c r="Q4969" i="10"/>
  <c r="D4961" i="26" s="1"/>
  <c r="C7272" i="26"/>
  <c r="Q7280" i="10"/>
  <c r="D7272" i="26" s="1"/>
  <c r="C7016" i="26"/>
  <c r="Q7024" i="10"/>
  <c r="D7016" i="26" s="1"/>
  <c r="C6760" i="26"/>
  <c r="Q6768" i="10"/>
  <c r="D6760" i="26" s="1"/>
  <c r="C6504" i="26"/>
  <c r="Q6512" i="10"/>
  <c r="D6504" i="26" s="1"/>
  <c r="C6248" i="26"/>
  <c r="Q6256" i="10"/>
  <c r="D6248" i="26" s="1"/>
  <c r="C5992" i="26"/>
  <c r="Q6000" i="10"/>
  <c r="D5992" i="26" s="1"/>
  <c r="C7359" i="26"/>
  <c r="Q7367" i="10"/>
  <c r="D7359" i="26" s="1"/>
  <c r="C7103" i="26"/>
  <c r="Q7111" i="10"/>
  <c r="D7103" i="26" s="1"/>
  <c r="C6847" i="26"/>
  <c r="Q6855" i="10"/>
  <c r="D6847" i="26" s="1"/>
  <c r="C6591" i="26"/>
  <c r="Q6599" i="10"/>
  <c r="D6591" i="26" s="1"/>
  <c r="C6335" i="26"/>
  <c r="Q6343" i="10"/>
  <c r="D6335" i="26" s="1"/>
  <c r="C6079" i="26"/>
  <c r="Q6087" i="10"/>
  <c r="D6079" i="26" s="1"/>
  <c r="C5823" i="26"/>
  <c r="Q5831" i="10"/>
  <c r="D5823" i="26" s="1"/>
  <c r="C7222" i="26"/>
  <c r="Q7230" i="10"/>
  <c r="D7222" i="26" s="1"/>
  <c r="C6966" i="26"/>
  <c r="Q6974" i="10"/>
  <c r="D6966" i="26" s="1"/>
  <c r="C6710" i="26"/>
  <c r="Q6718" i="10"/>
  <c r="D6710" i="26" s="1"/>
  <c r="C6454" i="26"/>
  <c r="Q6462" i="10"/>
  <c r="D6454" i="26" s="1"/>
  <c r="C6198" i="26"/>
  <c r="Q6206" i="10"/>
  <c r="D6198" i="26" s="1"/>
  <c r="C5339" i="26"/>
  <c r="Q5347" i="10"/>
  <c r="D5339" i="26" s="1"/>
  <c r="C5083" i="26"/>
  <c r="E5083" i="26" s="1"/>
  <c r="Q5091" i="10"/>
  <c r="D5083" i="26" s="1"/>
  <c r="C4827" i="26"/>
  <c r="E4827" i="26" s="1"/>
  <c r="Q4835" i="10"/>
  <c r="D4827" i="26" s="1"/>
  <c r="C4571" i="26"/>
  <c r="E4571" i="26" s="1"/>
  <c r="Q4579" i="10"/>
  <c r="D4571" i="26" s="1"/>
  <c r="C4315" i="26"/>
  <c r="E4315" i="26" s="1"/>
  <c r="Q4323" i="10"/>
  <c r="D4315" i="26" s="1"/>
  <c r="C4059" i="26"/>
  <c r="E4059" i="26" s="1"/>
  <c r="Q4067" i="10"/>
  <c r="D4059" i="26" s="1"/>
  <c r="Q3811" i="10"/>
  <c r="D3803" i="26" s="1"/>
  <c r="C3803" i="26"/>
  <c r="E3803" i="26" s="1"/>
  <c r="Q3555" i="10"/>
  <c r="D3547" i="26" s="1"/>
  <c r="C3547" i="26"/>
  <c r="E3547" i="26" s="1"/>
  <c r="Q3299" i="10"/>
  <c r="D3291" i="26" s="1"/>
  <c r="C3291" i="26"/>
  <c r="Q3043" i="10"/>
  <c r="D3035" i="26" s="1"/>
  <c r="C3035" i="26"/>
  <c r="E3035" i="26" s="1"/>
  <c r="C5722" i="26"/>
  <c r="Q5730" i="10"/>
  <c r="D5722" i="26" s="1"/>
  <c r="C5466" i="26"/>
  <c r="Q5474" i="10"/>
  <c r="D5466" i="26" s="1"/>
  <c r="C5210" i="26"/>
  <c r="E5210" i="26" s="1"/>
  <c r="Q5218" i="10"/>
  <c r="D5210" i="26" s="1"/>
  <c r="C4954" i="26"/>
  <c r="Q4962" i="10"/>
  <c r="D4954" i="26" s="1"/>
  <c r="C4698" i="26"/>
  <c r="Q4706" i="10"/>
  <c r="D4698" i="26" s="1"/>
  <c r="C4442" i="26"/>
  <c r="Q4450" i="10"/>
  <c r="D4442" i="26" s="1"/>
  <c r="C4186" i="26"/>
  <c r="Q4194" i="10"/>
  <c r="D4186" i="26" s="1"/>
  <c r="Q3938" i="10"/>
  <c r="D3930" i="26" s="1"/>
  <c r="C3930" i="26"/>
  <c r="Q3682" i="10"/>
  <c r="D3674" i="26" s="1"/>
  <c r="C3674" i="26"/>
  <c r="Q3426" i="10"/>
  <c r="D3418" i="26" s="1"/>
  <c r="C3418" i="26"/>
  <c r="Q3170" i="10"/>
  <c r="D3162" i="26" s="1"/>
  <c r="C3162" i="26"/>
  <c r="Q2914" i="10"/>
  <c r="D2906" i="26" s="1"/>
  <c r="C2906" i="26"/>
  <c r="C5253" i="26"/>
  <c r="Q5261" i="10"/>
  <c r="D5253" i="26" s="1"/>
  <c r="C4741" i="26"/>
  <c r="Q4749" i="10"/>
  <c r="D4741" i="26" s="1"/>
  <c r="C4229" i="26"/>
  <c r="Q4237" i="10"/>
  <c r="D4229" i="26" s="1"/>
  <c r="C3717" i="26"/>
  <c r="Q3725" i="10"/>
  <c r="D3717" i="26" s="1"/>
  <c r="C3205" i="26"/>
  <c r="Q3213" i="10"/>
  <c r="D3205" i="26" s="1"/>
  <c r="C3605" i="26"/>
  <c r="Q3613" i="10"/>
  <c r="D3605" i="26" s="1"/>
  <c r="C7445" i="26"/>
  <c r="Q7453" i="10"/>
  <c r="D7445" i="26" s="1"/>
  <c r="C6933" i="26"/>
  <c r="Q6941" i="10"/>
  <c r="D6933" i="26" s="1"/>
  <c r="C6421" i="26"/>
  <c r="Q6429" i="10"/>
  <c r="D6421" i="26" s="1"/>
  <c r="C4713" i="26"/>
  <c r="Q4721" i="10"/>
  <c r="D4713" i="26" s="1"/>
  <c r="C4457" i="26"/>
  <c r="E4457" i="26" s="1"/>
  <c r="Q4465" i="10"/>
  <c r="D4457" i="26" s="1"/>
  <c r="C4201" i="26"/>
  <c r="Q4209" i="10"/>
  <c r="D4201" i="26" s="1"/>
  <c r="C3945" i="26"/>
  <c r="E3945" i="26" s="1"/>
  <c r="Q3953" i="10"/>
  <c r="D3945" i="26" s="1"/>
  <c r="Q3697" i="10"/>
  <c r="D3689" i="26" s="1"/>
  <c r="C3689" i="26"/>
  <c r="Q3441" i="10"/>
  <c r="D3433" i="26" s="1"/>
  <c r="C3433" i="26"/>
  <c r="E3433" i="26" s="1"/>
  <c r="Q3185" i="10"/>
  <c r="D3177" i="26" s="1"/>
  <c r="C3177" i="26"/>
  <c r="Q2929" i="10"/>
  <c r="D2921" i="26" s="1"/>
  <c r="C2921" i="26"/>
  <c r="E2921" i="26" s="1"/>
  <c r="C5672" i="26"/>
  <c r="Q5680" i="10"/>
  <c r="D5672" i="26" s="1"/>
  <c r="C5416" i="26"/>
  <c r="Q5424" i="10"/>
  <c r="D5416" i="26" s="1"/>
  <c r="C5160" i="26"/>
  <c r="E5160" i="26" s="1"/>
  <c r="Q5168" i="10"/>
  <c r="D5160" i="26" s="1"/>
  <c r="C4904" i="26"/>
  <c r="E4904" i="26" s="1"/>
  <c r="Q4912" i="10"/>
  <c r="D4904" i="26" s="1"/>
  <c r="C4648" i="26"/>
  <c r="Q4656" i="10"/>
  <c r="D4648" i="26" s="1"/>
  <c r="C4392" i="26"/>
  <c r="E4392" i="26" s="1"/>
  <c r="Q4400" i="10"/>
  <c r="D4392" i="26" s="1"/>
  <c r="C4136" i="26"/>
  <c r="Q4144" i="10"/>
  <c r="D4136" i="26" s="1"/>
  <c r="Q3888" i="10"/>
  <c r="D3880" i="26" s="1"/>
  <c r="C3880" i="26"/>
  <c r="E3880" i="26" s="1"/>
  <c r="Q3632" i="10"/>
  <c r="D3624" i="26" s="1"/>
  <c r="C3624" i="26"/>
  <c r="Q3376" i="10"/>
  <c r="D3368" i="26" s="1"/>
  <c r="C3368" i="26"/>
  <c r="Q3120" i="10"/>
  <c r="D3112" i="26" s="1"/>
  <c r="C3112" i="26"/>
  <c r="E3112" i="26" s="1"/>
  <c r="Q2864" i="10"/>
  <c r="D2856" i="26" s="1"/>
  <c r="C2856" i="26"/>
  <c r="E2856" i="26" s="1"/>
  <c r="C5591" i="26"/>
  <c r="Q5599" i="10"/>
  <c r="D5591" i="26" s="1"/>
  <c r="C5335" i="26"/>
  <c r="Q5343" i="10"/>
  <c r="D5335" i="26" s="1"/>
  <c r="C5079" i="26"/>
  <c r="Q5087" i="10"/>
  <c r="D5079" i="26" s="1"/>
  <c r="C4823" i="26"/>
  <c r="Q4831" i="10"/>
  <c r="D4823" i="26" s="1"/>
  <c r="C4567" i="26"/>
  <c r="Q4575" i="10"/>
  <c r="D4567" i="26" s="1"/>
  <c r="C4311" i="26"/>
  <c r="Q4319" i="10"/>
  <c r="D4311" i="26" s="1"/>
  <c r="C4055" i="26"/>
  <c r="E4055" i="26" s="1"/>
  <c r="Q4063" i="10"/>
  <c r="D4055" i="26" s="1"/>
  <c r="Q3807" i="10"/>
  <c r="D3799" i="26" s="1"/>
  <c r="C3799" i="26"/>
  <c r="Q3551" i="10"/>
  <c r="D3543" i="26" s="1"/>
  <c r="C3543" i="26"/>
  <c r="E3543" i="26" s="1"/>
  <c r="Q3295" i="10"/>
  <c r="D3287" i="26" s="1"/>
  <c r="C3287" i="26"/>
  <c r="Q3039" i="10"/>
  <c r="D3031" i="26" s="1"/>
  <c r="C3031" i="26"/>
  <c r="E3031" i="26" s="1"/>
  <c r="C5726" i="26"/>
  <c r="Q5734" i="10"/>
  <c r="D5726" i="26" s="1"/>
  <c r="C5470" i="26"/>
  <c r="Q5478" i="10"/>
  <c r="D5470" i="26" s="1"/>
  <c r="C5214" i="26"/>
  <c r="E5214" i="26" s="1"/>
  <c r="Q5222" i="10"/>
  <c r="D5214" i="26" s="1"/>
  <c r="C4958" i="26"/>
  <c r="E4958" i="26" s="1"/>
  <c r="Q4966" i="10"/>
  <c r="D4958" i="26" s="1"/>
  <c r="C4638" i="26"/>
  <c r="Q4646" i="10"/>
  <c r="D4638" i="26" s="1"/>
  <c r="C4126" i="26"/>
  <c r="E4126" i="26" s="1"/>
  <c r="Q4134" i="10"/>
  <c r="D4126" i="26" s="1"/>
  <c r="Q3622" i="10"/>
  <c r="D3614" i="26" s="1"/>
  <c r="C3614" i="26"/>
  <c r="E3614" i="26" s="1"/>
  <c r="Q3110" i="10"/>
  <c r="D3102" i="26" s="1"/>
  <c r="C3102" i="26"/>
  <c r="E3102" i="26" s="1"/>
  <c r="C5533" i="26"/>
  <c r="Q5541" i="10"/>
  <c r="D5533" i="26" s="1"/>
  <c r="C5277" i="26"/>
  <c r="E5277" i="26" s="1"/>
  <c r="Q5285" i="10"/>
  <c r="D5277" i="26" s="1"/>
  <c r="C5021" i="26"/>
  <c r="E5021" i="26" s="1"/>
  <c r="Q5029" i="10"/>
  <c r="D5021" i="26" s="1"/>
  <c r="C4765" i="26"/>
  <c r="E4765" i="26" s="1"/>
  <c r="Q4773" i="10"/>
  <c r="D4765" i="26" s="1"/>
  <c r="C4509" i="26"/>
  <c r="E4509" i="26" s="1"/>
  <c r="Q4517" i="10"/>
  <c r="D4509" i="26" s="1"/>
  <c r="C4253" i="26"/>
  <c r="Q4261" i="10"/>
  <c r="D4253" i="26" s="1"/>
  <c r="C3997" i="26"/>
  <c r="E3997" i="26" s="1"/>
  <c r="Q4005" i="10"/>
  <c r="D3997" i="26" s="1"/>
  <c r="C3741" i="26"/>
  <c r="E3741" i="26" s="1"/>
  <c r="Q3749" i="10"/>
  <c r="D3741" i="26" s="1"/>
  <c r="C3485" i="26"/>
  <c r="E3485" i="26" s="1"/>
  <c r="Q3493" i="10"/>
  <c r="D3485" i="26" s="1"/>
  <c r="C3229" i="26"/>
  <c r="E3229" i="26" s="1"/>
  <c r="Q3237" i="10"/>
  <c r="D3229" i="26" s="1"/>
  <c r="C2973" i="26"/>
  <c r="E2973" i="26" s="1"/>
  <c r="Q2981" i="10"/>
  <c r="D2973" i="26" s="1"/>
  <c r="C5660" i="26"/>
  <c r="Q5668" i="10"/>
  <c r="D5660" i="26" s="1"/>
  <c r="C5404" i="26"/>
  <c r="Q5412" i="10"/>
  <c r="D5404" i="26" s="1"/>
  <c r="C5148" i="26"/>
  <c r="Q5156" i="10"/>
  <c r="D5148" i="26" s="1"/>
  <c r="C4892" i="26"/>
  <c r="E4892" i="26" s="1"/>
  <c r="Q4900" i="10"/>
  <c r="D4892" i="26" s="1"/>
  <c r="C4636" i="26"/>
  <c r="Q4644" i="10"/>
  <c r="D4636" i="26" s="1"/>
  <c r="C4380" i="26"/>
  <c r="E4380" i="26" s="1"/>
  <c r="Q4388" i="10"/>
  <c r="D4380" i="26" s="1"/>
  <c r="C4124" i="26"/>
  <c r="Q4132" i="10"/>
  <c r="D4124" i="26" s="1"/>
  <c r="C3868" i="26"/>
  <c r="E3868" i="26" s="1"/>
  <c r="Q3876" i="10"/>
  <c r="D3868" i="26" s="1"/>
  <c r="C3612" i="26"/>
  <c r="Q3620" i="10"/>
  <c r="D3612" i="26" s="1"/>
  <c r="C3356" i="26"/>
  <c r="Q3364" i="10"/>
  <c r="D3356" i="26" s="1"/>
  <c r="C3100" i="26"/>
  <c r="Q3108" i="10"/>
  <c r="D3100" i="26" s="1"/>
  <c r="C2844" i="26"/>
  <c r="Q2852" i="10"/>
  <c r="D2844" i="26" s="1"/>
  <c r="C7149" i="26"/>
  <c r="Q7157" i="10"/>
  <c r="D7149" i="26" s="1"/>
  <c r="C6637" i="26"/>
  <c r="Q6645" i="10"/>
  <c r="D6637" i="26" s="1"/>
  <c r="C6125" i="26"/>
  <c r="Q6133" i="10"/>
  <c r="D6125" i="26" s="1"/>
  <c r="C7236" i="26"/>
  <c r="Q7244" i="10"/>
  <c r="D7236" i="26" s="1"/>
  <c r="C6980" i="26"/>
  <c r="Q6988" i="10"/>
  <c r="D6980" i="26" s="1"/>
  <c r="C6724" i="26"/>
  <c r="Q6732" i="10"/>
  <c r="D6724" i="26" s="1"/>
  <c r="C6468" i="26"/>
  <c r="Q6476" i="10"/>
  <c r="D6468" i="26" s="1"/>
  <c r="C6212" i="26"/>
  <c r="Q6220" i="10"/>
  <c r="D6212" i="26" s="1"/>
  <c r="C7419" i="26"/>
  <c r="Q7427" i="10"/>
  <c r="D7419" i="26" s="1"/>
  <c r="Q7171" i="10"/>
  <c r="D7163" i="26" s="1"/>
  <c r="C7163" i="26"/>
  <c r="Q6915" i="10"/>
  <c r="D6907" i="26" s="1"/>
  <c r="C6907" i="26"/>
  <c r="Q6659" i="10"/>
  <c r="D6651" i="26" s="1"/>
  <c r="C6651" i="26"/>
  <c r="Q6403" i="10"/>
  <c r="D6395" i="26" s="1"/>
  <c r="C6395" i="26"/>
  <c r="Q6147" i="10"/>
  <c r="D6139" i="26" s="1"/>
  <c r="C6139" i="26"/>
  <c r="C5659" i="26"/>
  <c r="Q5667" i="10"/>
  <c r="D5659" i="26" s="1"/>
  <c r="C5403" i="26"/>
  <c r="Q5411" i="10"/>
  <c r="D5403" i="26" s="1"/>
  <c r="C7202" i="26"/>
  <c r="Q7210" i="10"/>
  <c r="D7202" i="26" s="1"/>
  <c r="C6946" i="26"/>
  <c r="Q6954" i="10"/>
  <c r="D6946" i="26" s="1"/>
  <c r="C6690" i="26"/>
  <c r="Q6698" i="10"/>
  <c r="D6690" i="26" s="1"/>
  <c r="C6434" i="26"/>
  <c r="Q6442" i="10"/>
  <c r="D6434" i="26" s="1"/>
  <c r="C6178" i="26"/>
  <c r="Q6186" i="10"/>
  <c r="D6178" i="26" s="1"/>
  <c r="C7385" i="26"/>
  <c r="Q7393" i="10"/>
  <c r="D7385" i="26" s="1"/>
  <c r="C7129" i="26"/>
  <c r="Q7137" i="10"/>
  <c r="D7129" i="26" s="1"/>
  <c r="C6873" i="26"/>
  <c r="Q6881" i="10"/>
  <c r="D6873" i="26" s="1"/>
  <c r="C6617" i="26"/>
  <c r="Q6625" i="10"/>
  <c r="D6617" i="26" s="1"/>
  <c r="C6361" i="26"/>
  <c r="Q6369" i="10"/>
  <c r="D6361" i="26" s="1"/>
  <c r="C6105" i="26"/>
  <c r="Q6113" i="10"/>
  <c r="D6105" i="26" s="1"/>
  <c r="C5625" i="26"/>
  <c r="Q5633" i="10"/>
  <c r="D5625" i="26" s="1"/>
  <c r="C5369" i="26"/>
  <c r="Q5377" i="10"/>
  <c r="D5369" i="26" s="1"/>
  <c r="C5113" i="26"/>
  <c r="E5113" i="26" s="1"/>
  <c r="Q5121" i="10"/>
  <c r="D5113" i="26" s="1"/>
  <c r="C7424" i="26"/>
  <c r="Q7432" i="10"/>
  <c r="D7424" i="26" s="1"/>
  <c r="C7168" i="26"/>
  <c r="Q7176" i="10"/>
  <c r="D7168" i="26" s="1"/>
  <c r="C6912" i="26"/>
  <c r="Q6920" i="10"/>
  <c r="D6912" i="26" s="1"/>
  <c r="C6656" i="26"/>
  <c r="Q6664" i="10"/>
  <c r="D6656" i="26" s="1"/>
  <c r="C6400" i="26"/>
  <c r="Q6408" i="10"/>
  <c r="D6400" i="26" s="1"/>
  <c r="C6112" i="26"/>
  <c r="Q6120" i="10"/>
  <c r="D6112" i="26" s="1"/>
  <c r="C7383" i="26"/>
  <c r="Q7391" i="10"/>
  <c r="D7383" i="26" s="1"/>
  <c r="C7063" i="26"/>
  <c r="Q7071" i="10"/>
  <c r="D7063" i="26" s="1"/>
  <c r="C6711" i="26"/>
  <c r="Q6719" i="10"/>
  <c r="D6711" i="26" s="1"/>
  <c r="C6359" i="26"/>
  <c r="Q6367" i="10"/>
  <c r="D6359" i="26" s="1"/>
  <c r="C6039" i="26"/>
  <c r="Q6047" i="10"/>
  <c r="D6039" i="26" s="1"/>
  <c r="C7342" i="26"/>
  <c r="Q7350" i="10"/>
  <c r="D7342" i="26" s="1"/>
  <c r="C6990" i="26"/>
  <c r="Q6998" i="10"/>
  <c r="D6990" i="26" s="1"/>
  <c r="C6670" i="26"/>
  <c r="Q6678" i="10"/>
  <c r="D6670" i="26" s="1"/>
  <c r="C6318" i="26"/>
  <c r="Q6326" i="10"/>
  <c r="D6318" i="26" s="1"/>
  <c r="C5395" i="26"/>
  <c r="Q5403" i="10"/>
  <c r="D5395" i="26" s="1"/>
  <c r="Q5051" i="10"/>
  <c r="D5043" i="26" s="1"/>
  <c r="C5043" i="26"/>
  <c r="E5043" i="26" s="1"/>
  <c r="Q4731" i="10"/>
  <c r="D4723" i="26" s="1"/>
  <c r="C4723" i="26"/>
  <c r="C4371" i="26"/>
  <c r="Q4379" i="10"/>
  <c r="D4371" i="26" s="1"/>
  <c r="Q4027" i="10"/>
  <c r="D4019" i="26" s="1"/>
  <c r="C4019" i="26"/>
  <c r="E4019" i="26" s="1"/>
  <c r="Q3707" i="10"/>
  <c r="D3699" i="26" s="1"/>
  <c r="C3699" i="26"/>
  <c r="Q3355" i="10"/>
  <c r="D3347" i="26" s="1"/>
  <c r="C3347" i="26"/>
  <c r="Q3003" i="10"/>
  <c r="D2995" i="26" s="1"/>
  <c r="C2995" i="26"/>
  <c r="E2995" i="26" s="1"/>
  <c r="C5682" i="26"/>
  <c r="Q5690" i="10"/>
  <c r="D5682" i="26" s="1"/>
  <c r="C5362" i="26"/>
  <c r="Q5370" i="10"/>
  <c r="D5362" i="26" s="1"/>
  <c r="C5010" i="26"/>
  <c r="E5010" i="26" s="1"/>
  <c r="Q5018" i="10"/>
  <c r="D5010" i="26" s="1"/>
  <c r="C4658" i="26"/>
  <c r="Q4666" i="10"/>
  <c r="D4658" i="26" s="1"/>
  <c r="C4338" i="26"/>
  <c r="E4338" i="26" s="1"/>
  <c r="Q4346" i="10"/>
  <c r="D4338" i="26" s="1"/>
  <c r="C3986" i="26"/>
  <c r="Q3994" i="10"/>
  <c r="D3986" i="26" s="1"/>
  <c r="Q3642" i="10"/>
  <c r="D3634" i="26" s="1"/>
  <c r="C3634" i="26"/>
  <c r="E3634" i="26" s="1"/>
  <c r="Q3322" i="10"/>
  <c r="D3314" i="26" s="1"/>
  <c r="C3314" i="26"/>
  <c r="Q2970" i="10"/>
  <c r="D2962" i="26" s="1"/>
  <c r="C2962" i="26"/>
  <c r="C3221" i="26"/>
  <c r="Q3229" i="10"/>
  <c r="D3221" i="26" s="1"/>
  <c r="C7373" i="26"/>
  <c r="Q7381" i="10"/>
  <c r="D7373" i="26" s="1"/>
  <c r="C6733" i="26"/>
  <c r="Q6741" i="10"/>
  <c r="D6733" i="26" s="1"/>
  <c r="C6029" i="26"/>
  <c r="Q6037" i="10"/>
  <c r="D6029" i="26" s="1"/>
  <c r="C4705" i="26"/>
  <c r="Q4713" i="10"/>
  <c r="D4705" i="26" s="1"/>
  <c r="C4353" i="26"/>
  <c r="E4353" i="26" s="1"/>
  <c r="Q4361" i="10"/>
  <c r="D4353" i="26" s="1"/>
  <c r="C4033" i="26"/>
  <c r="Q4041" i="10"/>
  <c r="D4033" i="26" s="1"/>
  <c r="Q3689" i="10"/>
  <c r="D3681" i="26" s="1"/>
  <c r="C3681" i="26"/>
  <c r="Q3337" i="10"/>
  <c r="D3329" i="26" s="1"/>
  <c r="C3329" i="26"/>
  <c r="Q3017" i="10"/>
  <c r="D3009" i="26" s="1"/>
  <c r="C3009" i="26"/>
  <c r="E3009" i="26" s="1"/>
  <c r="C5760" i="26"/>
  <c r="Q5768" i="10"/>
  <c r="D5760" i="26" s="1"/>
  <c r="C5280" i="26"/>
  <c r="Q5288" i="10"/>
  <c r="D5280" i="26" s="1"/>
  <c r="C4928" i="26"/>
  <c r="E4928" i="26" s="1"/>
  <c r="Q4936" i="10"/>
  <c r="D4928" i="26" s="1"/>
  <c r="C4608" i="26"/>
  <c r="E4608" i="26" s="1"/>
  <c r="Q4616" i="10"/>
  <c r="D4608" i="26" s="1"/>
  <c r="C4256" i="26"/>
  <c r="Q4264" i="10"/>
  <c r="D4256" i="26" s="1"/>
  <c r="Q3912" i="10"/>
  <c r="D3904" i="26" s="1"/>
  <c r="C3904" i="26"/>
  <c r="E3904" i="26" s="1"/>
  <c r="Q3592" i="10"/>
  <c r="D3584" i="26" s="1"/>
  <c r="C3584" i="26"/>
  <c r="E3584" i="26" s="1"/>
  <c r="Q3240" i="10"/>
  <c r="D3232" i="26" s="1"/>
  <c r="C3232" i="26"/>
  <c r="Q2888" i="10"/>
  <c r="D2880" i="26" s="1"/>
  <c r="C2880" i="26"/>
  <c r="C5455" i="26"/>
  <c r="Q5463" i="10"/>
  <c r="D5455" i="26" s="1"/>
  <c r="C4943" i="26"/>
  <c r="Q4951" i="10"/>
  <c r="D4943" i="26" s="1"/>
  <c r="C4431" i="26"/>
  <c r="E4431" i="26" s="1"/>
  <c r="Q4439" i="10"/>
  <c r="D4431" i="26" s="1"/>
  <c r="Q3927" i="10"/>
  <c r="D3919" i="26" s="1"/>
  <c r="C3919" i="26"/>
  <c r="Q3447" i="10"/>
  <c r="D3439" i="26" s="1"/>
  <c r="C3439" i="26"/>
  <c r="Q3127" i="10"/>
  <c r="D3119" i="26" s="1"/>
  <c r="C3119" i="26"/>
  <c r="C5462" i="26"/>
  <c r="Q5470" i="10"/>
  <c r="D5462" i="26" s="1"/>
  <c r="C4502" i="26"/>
  <c r="Q4510" i="10"/>
  <c r="D4502" i="26" s="1"/>
  <c r="C4182" i="26"/>
  <c r="E4182" i="26" s="1"/>
  <c r="Q4190" i="10"/>
  <c r="D4182" i="26" s="1"/>
  <c r="Q3838" i="10"/>
  <c r="D3830" i="26" s="1"/>
  <c r="C3830" i="26"/>
  <c r="Q3486" i="10"/>
  <c r="D3478" i="26" s="1"/>
  <c r="C3478" i="26"/>
  <c r="E3478" i="26" s="1"/>
  <c r="Q3166" i="10"/>
  <c r="D3158" i="26" s="1"/>
  <c r="C3158" i="26"/>
  <c r="C5237" i="26"/>
  <c r="Q5245" i="10"/>
  <c r="D5237" i="26" s="1"/>
  <c r="C4533" i="26"/>
  <c r="Q4541" i="10"/>
  <c r="D4533" i="26" s="1"/>
  <c r="C3829" i="26"/>
  <c r="E3829" i="26" s="1"/>
  <c r="Q3837" i="10"/>
  <c r="D3829" i="26" s="1"/>
  <c r="C3189" i="26"/>
  <c r="Q3197" i="10"/>
  <c r="D3189" i="26" s="1"/>
  <c r="C5620" i="26"/>
  <c r="Q5628" i="10"/>
  <c r="D5620" i="26" s="1"/>
  <c r="C5268" i="26"/>
  <c r="Q5276" i="10"/>
  <c r="D5268" i="26" s="1"/>
  <c r="C4948" i="26"/>
  <c r="Q4956" i="10"/>
  <c r="D4948" i="26" s="1"/>
  <c r="C4596" i="26"/>
  <c r="Q4604" i="10"/>
  <c r="D4596" i="26" s="1"/>
  <c r="C4244" i="26"/>
  <c r="E4244" i="26" s="1"/>
  <c r="Q4252" i="10"/>
  <c r="D4244" i="26" s="1"/>
  <c r="C3924" i="26"/>
  <c r="Q3932" i="10"/>
  <c r="D3924" i="26" s="1"/>
  <c r="C3572" i="26"/>
  <c r="E3572" i="26" s="1"/>
  <c r="Q3580" i="10"/>
  <c r="D3572" i="26" s="1"/>
  <c r="C3220" i="26"/>
  <c r="E3220" i="26" s="1"/>
  <c r="Q3228" i="10"/>
  <c r="D3220" i="26" s="1"/>
  <c r="C2900" i="26"/>
  <c r="Q2908" i="10"/>
  <c r="D2900" i="26" s="1"/>
  <c r="C4117" i="26"/>
  <c r="E4117" i="26" s="1"/>
  <c r="Q4125" i="10"/>
  <c r="D4117" i="26" s="1"/>
  <c r="C7013" i="26"/>
  <c r="Q7021" i="10"/>
  <c r="D7013" i="26" s="1"/>
  <c r="C6309" i="26"/>
  <c r="Q6317" i="10"/>
  <c r="D6309" i="26" s="1"/>
  <c r="C7260" i="26"/>
  <c r="Q7268" i="10"/>
  <c r="D7260" i="26" s="1"/>
  <c r="C6908" i="26"/>
  <c r="Q6916" i="10"/>
  <c r="D6908" i="26" s="1"/>
  <c r="C6588" i="26"/>
  <c r="Q6596" i="10"/>
  <c r="D6588" i="26" s="1"/>
  <c r="C6236" i="26"/>
  <c r="Q6244" i="10"/>
  <c r="D6236" i="26" s="1"/>
  <c r="Q7355" i="10"/>
  <c r="D7347" i="26" s="1"/>
  <c r="C7347" i="26"/>
  <c r="C6995" i="26"/>
  <c r="Q7003" i="10"/>
  <c r="D6995" i="26" s="1"/>
  <c r="Q6651" i="10"/>
  <c r="D6643" i="26" s="1"/>
  <c r="C6643" i="26"/>
  <c r="Q6331" i="10"/>
  <c r="D6323" i="26" s="1"/>
  <c r="C6323" i="26"/>
  <c r="C5715" i="26"/>
  <c r="Q5723" i="10"/>
  <c r="D5715" i="26" s="1"/>
  <c r="C7418" i="26"/>
  <c r="Q7426" i="10"/>
  <c r="D7418" i="26" s="1"/>
  <c r="C7098" i="26"/>
  <c r="Q7106" i="10"/>
  <c r="D7098" i="26" s="1"/>
  <c r="C6746" i="26"/>
  <c r="Q6754" i="10"/>
  <c r="D6746" i="26" s="1"/>
  <c r="C6394" i="26"/>
  <c r="Q6402" i="10"/>
  <c r="D6394" i="26" s="1"/>
  <c r="C6074" i="26"/>
  <c r="Q6082" i="10"/>
  <c r="D6074" i="26" s="1"/>
  <c r="C7185" i="26"/>
  <c r="Q7193" i="10"/>
  <c r="D7185" i="26" s="1"/>
  <c r="C6865" i="26"/>
  <c r="Q6873" i="10"/>
  <c r="D6865" i="26" s="1"/>
  <c r="C6513" i="26"/>
  <c r="Q6521" i="10"/>
  <c r="D6513" i="26" s="1"/>
  <c r="C6161" i="26"/>
  <c r="Q6169" i="10"/>
  <c r="D6161" i="26" s="1"/>
  <c r="C5585" i="26"/>
  <c r="Q5593" i="10"/>
  <c r="D5585" i="26" s="1"/>
  <c r="C5233" i="26"/>
  <c r="Q5241" i="10"/>
  <c r="D5233" i="26" s="1"/>
  <c r="C7448" i="26"/>
  <c r="Q7456" i="10"/>
  <c r="D7448" i="26" s="1"/>
  <c r="C7128" i="26"/>
  <c r="Q7136" i="10"/>
  <c r="D7128" i="26" s="1"/>
  <c r="C6776" i="26"/>
  <c r="Q6784" i="10"/>
  <c r="D6776" i="26" s="1"/>
  <c r="C6424" i="26"/>
  <c r="Q6432" i="10"/>
  <c r="D6424" i="26" s="1"/>
  <c r="C6104" i="26"/>
  <c r="Q6112" i="10"/>
  <c r="D6104" i="26" s="1"/>
  <c r="C7375" i="26"/>
  <c r="Q7383" i="10"/>
  <c r="D7375" i="26" s="1"/>
  <c r="C7023" i="26"/>
  <c r="Q7031" i="10"/>
  <c r="D7023" i="26" s="1"/>
  <c r="C6703" i="26"/>
  <c r="Q6711" i="10"/>
  <c r="D6703" i="26" s="1"/>
  <c r="C6351" i="26"/>
  <c r="Q6359" i="10"/>
  <c r="D6351" i="26" s="1"/>
  <c r="C5999" i="26"/>
  <c r="Q6007" i="10"/>
  <c r="D5999" i="26" s="1"/>
  <c r="C7334" i="26"/>
  <c r="Q7342" i="10"/>
  <c r="D7334" i="26" s="1"/>
  <c r="C6982" i="26"/>
  <c r="Q6990" i="10"/>
  <c r="D6982" i="26" s="1"/>
  <c r="C6630" i="26"/>
  <c r="Q6638" i="10"/>
  <c r="D6630" i="26" s="1"/>
  <c r="C6310" i="26"/>
  <c r="Q6318" i="10"/>
  <c r="D6310" i="26" s="1"/>
  <c r="C5323" i="26"/>
  <c r="Q5331" i="10"/>
  <c r="D5323" i="26" s="1"/>
  <c r="C5003" i="26"/>
  <c r="Q5011" i="10"/>
  <c r="D5003" i="26" s="1"/>
  <c r="Q4659" i="10"/>
  <c r="D4651" i="26" s="1"/>
  <c r="C4651" i="26"/>
  <c r="C4299" i="26"/>
  <c r="E4299" i="26" s="1"/>
  <c r="Q4307" i="10"/>
  <c r="D4299" i="26" s="1"/>
  <c r="C3979" i="26"/>
  <c r="Q3987" i="10"/>
  <c r="D3979" i="26" s="1"/>
  <c r="Q3635" i="10"/>
  <c r="D3627" i="26" s="1"/>
  <c r="C3627" i="26"/>
  <c r="Q3283" i="10"/>
  <c r="D3275" i="26" s="1"/>
  <c r="C3275" i="26"/>
  <c r="Q2963" i="10"/>
  <c r="D2955" i="26" s="1"/>
  <c r="C2955" i="26"/>
  <c r="C5642" i="26"/>
  <c r="Q5650" i="10"/>
  <c r="D5642" i="26" s="1"/>
  <c r="C5290" i="26"/>
  <c r="Q5298" i="10"/>
  <c r="D5290" i="26" s="1"/>
  <c r="C4938" i="26"/>
  <c r="E4938" i="26" s="1"/>
  <c r="Q4946" i="10"/>
  <c r="D4938" i="26" s="1"/>
  <c r="C4618" i="26"/>
  <c r="E4618" i="26" s="1"/>
  <c r="Q4626" i="10"/>
  <c r="D4618" i="26" s="1"/>
  <c r="C4266" i="26"/>
  <c r="E4266" i="26" s="1"/>
  <c r="Q4274" i="10"/>
  <c r="D4266" i="26" s="1"/>
  <c r="Q3922" i="10"/>
  <c r="D3914" i="26" s="1"/>
  <c r="C3914" i="26"/>
  <c r="Q3602" i="10"/>
  <c r="D3594" i="26" s="1"/>
  <c r="C3594" i="26"/>
  <c r="Q3250" i="10"/>
  <c r="D3242" i="26" s="1"/>
  <c r="C3242" i="26"/>
  <c r="Q2898" i="10"/>
  <c r="D2890" i="26" s="1"/>
  <c r="C2890" i="26"/>
  <c r="C7365" i="26"/>
  <c r="Q7373" i="10"/>
  <c r="D7365" i="26" s="1"/>
  <c r="C6661" i="26"/>
  <c r="Q6669" i="10"/>
  <c r="D6661" i="26" s="1"/>
  <c r="C4633" i="26"/>
  <c r="Q4641" i="10"/>
  <c r="D4633" i="26" s="1"/>
  <c r="C4281" i="26"/>
  <c r="Q4289" i="10"/>
  <c r="D4281" i="26" s="1"/>
  <c r="C3961" i="26"/>
  <c r="Q3969" i="10"/>
  <c r="D3961" i="26" s="1"/>
  <c r="Q3617" i="10"/>
  <c r="D3609" i="26" s="1"/>
  <c r="C3609" i="26"/>
  <c r="Q3265" i="10"/>
  <c r="D3257" i="26" s="1"/>
  <c r="C3257" i="26"/>
  <c r="Q2945" i="10"/>
  <c r="D2937" i="26" s="1"/>
  <c r="C2937" i="26"/>
  <c r="C5688" i="26"/>
  <c r="Q5696" i="10"/>
  <c r="D5688" i="26" s="1"/>
  <c r="C5336" i="26"/>
  <c r="Q5344" i="10"/>
  <c r="D5336" i="26" s="1"/>
  <c r="C4984" i="26"/>
  <c r="E4984" i="26" s="1"/>
  <c r="Q4992" i="10"/>
  <c r="D4984" i="26" s="1"/>
  <c r="C4664" i="26"/>
  <c r="Q4672" i="10"/>
  <c r="D4664" i="26" s="1"/>
  <c r="C4312" i="26"/>
  <c r="Q4320" i="10"/>
  <c r="D4312" i="26" s="1"/>
  <c r="C3960" i="26"/>
  <c r="E3960" i="26" s="1"/>
  <c r="Q3968" i="10"/>
  <c r="D3960" i="26" s="1"/>
  <c r="Q3648" i="10"/>
  <c r="D3640" i="26" s="1"/>
  <c r="C3640" i="26"/>
  <c r="Q3296" i="10"/>
  <c r="D3288" i="26" s="1"/>
  <c r="C3288" i="26"/>
  <c r="Q2944" i="10"/>
  <c r="D2936" i="26" s="1"/>
  <c r="C2936" i="26"/>
  <c r="E2936" i="26" s="1"/>
  <c r="C5671" i="26"/>
  <c r="Q5679" i="10"/>
  <c r="D5671" i="26" s="1"/>
  <c r="C5351" i="26"/>
  <c r="Q5359" i="10"/>
  <c r="D5351" i="26" s="1"/>
  <c r="C4999" i="26"/>
  <c r="E4999" i="26" s="1"/>
  <c r="Q5007" i="10"/>
  <c r="D4999" i="26" s="1"/>
  <c r="C4647" i="26"/>
  <c r="Q4655" i="10"/>
  <c r="D4647" i="26" s="1"/>
  <c r="C4327" i="26"/>
  <c r="E4327" i="26" s="1"/>
  <c r="Q4335" i="10"/>
  <c r="D4327" i="26" s="1"/>
  <c r="C3975" i="26"/>
  <c r="Q3983" i="10"/>
  <c r="D3975" i="26" s="1"/>
  <c r="Q3631" i="10"/>
  <c r="D3623" i="26" s="1"/>
  <c r="C3623" i="26"/>
  <c r="Q3311" i="10"/>
  <c r="D3303" i="26" s="1"/>
  <c r="C3303" i="26"/>
  <c r="Q2959" i="10"/>
  <c r="D2951" i="26" s="1"/>
  <c r="C2951" i="26"/>
  <c r="C5326" i="26"/>
  <c r="Q5334" i="10"/>
  <c r="D5326" i="26" s="1"/>
  <c r="C5006" i="26"/>
  <c r="E5006" i="26" s="1"/>
  <c r="Q5014" i="10"/>
  <c r="D5006" i="26" s="1"/>
  <c r="C4654" i="26"/>
  <c r="Q4662" i="10"/>
  <c r="D4654" i="26" s="1"/>
  <c r="C4302" i="26"/>
  <c r="E4302" i="26" s="1"/>
  <c r="Q4310" i="10"/>
  <c r="D4302" i="26" s="1"/>
  <c r="C3982" i="26"/>
  <c r="E3982" i="26" s="1"/>
  <c r="Q3990" i="10"/>
  <c r="D3982" i="26" s="1"/>
  <c r="Q3638" i="10"/>
  <c r="D3630" i="26" s="1"/>
  <c r="C3630" i="26"/>
  <c r="Q3286" i="10"/>
  <c r="D3278" i="26" s="1"/>
  <c r="C3278" i="26"/>
  <c r="Q2966" i="10"/>
  <c r="D2958" i="26" s="1"/>
  <c r="C2958" i="26"/>
  <c r="C5613" i="26"/>
  <c r="Q5621" i="10"/>
  <c r="D5613" i="26" s="1"/>
  <c r="C4717" i="26"/>
  <c r="Q4725" i="10"/>
  <c r="D4717" i="26" s="1"/>
  <c r="C3693" i="26"/>
  <c r="Q3701" i="10"/>
  <c r="D3693" i="26" s="1"/>
  <c r="C5644" i="26"/>
  <c r="Q5652" i="10"/>
  <c r="D5644" i="26" s="1"/>
  <c r="C5260" i="26"/>
  <c r="Q5268" i="10"/>
  <c r="D5260" i="26" s="1"/>
  <c r="C4748" i="26"/>
  <c r="E4748" i="26" s="1"/>
  <c r="Q4756" i="10"/>
  <c r="D4748" i="26" s="1"/>
  <c r="C4236" i="26"/>
  <c r="E4236" i="26" s="1"/>
  <c r="Q4244" i="10"/>
  <c r="D4236" i="26" s="1"/>
  <c r="C3724" i="26"/>
  <c r="Q3732" i="10"/>
  <c r="D3724" i="26" s="1"/>
  <c r="C3212" i="26"/>
  <c r="Q3220" i="10"/>
  <c r="D3212" i="26" s="1"/>
  <c r="C7261" i="26"/>
  <c r="Q7269" i="10"/>
  <c r="D7261" i="26" s="1"/>
  <c r="Q7452" i="10"/>
  <c r="D7444" i="26" s="1"/>
  <c r="C7444" i="26"/>
  <c r="C7453" i="26"/>
  <c r="Q7461" i="10"/>
  <c r="D7453" i="26" s="1"/>
  <c r="C7357" i="26"/>
  <c r="Q7365" i="10"/>
  <c r="D7357" i="26" s="1"/>
  <c r="C7101" i="26"/>
  <c r="Q7109" i="10"/>
  <c r="D7101" i="26" s="1"/>
  <c r="C6845" i="26"/>
  <c r="Q6853" i="10"/>
  <c r="D6845" i="26" s="1"/>
  <c r="C6589" i="26"/>
  <c r="Q6597" i="10"/>
  <c r="D6589" i="26" s="1"/>
  <c r="C6333" i="26"/>
  <c r="Q6341" i="10"/>
  <c r="D6333" i="26" s="1"/>
  <c r="C6077" i="26"/>
  <c r="Q6085" i="10"/>
  <c r="D6077" i="26" s="1"/>
  <c r="Q7292" i="10"/>
  <c r="D7284" i="26" s="1"/>
  <c r="C7284" i="26"/>
  <c r="C7028" i="26"/>
  <c r="Q7036" i="10"/>
  <c r="D7028" i="26" s="1"/>
  <c r="C6772" i="26"/>
  <c r="Q6780" i="10"/>
  <c r="D6772" i="26" s="1"/>
  <c r="C6516" i="26"/>
  <c r="Q6524" i="10"/>
  <c r="D6516" i="26" s="1"/>
  <c r="C6260" i="26"/>
  <c r="Q6268" i="10"/>
  <c r="D6260" i="26" s="1"/>
  <c r="Q7443" i="10"/>
  <c r="D7435" i="26" s="1"/>
  <c r="C7435" i="26"/>
  <c r="C7179" i="26"/>
  <c r="Q7187" i="10"/>
  <c r="D7179" i="26" s="1"/>
  <c r="C6923" i="26"/>
  <c r="Q6931" i="10"/>
  <c r="D6923" i="26" s="1"/>
  <c r="C6667" i="26"/>
  <c r="Q6675" i="10"/>
  <c r="D6667" i="26" s="1"/>
  <c r="C6411" i="26"/>
  <c r="Q6419" i="10"/>
  <c r="D6411" i="26" s="1"/>
  <c r="C6155" i="26"/>
  <c r="Q6163" i="10"/>
  <c r="D6155" i="26" s="1"/>
  <c r="C5643" i="26"/>
  <c r="Q5651" i="10"/>
  <c r="D5643" i="26" s="1"/>
  <c r="C7442" i="26"/>
  <c r="Q7450" i="10"/>
  <c r="D7442" i="26" s="1"/>
  <c r="C7186" i="26"/>
  <c r="Q7194" i="10"/>
  <c r="D7186" i="26" s="1"/>
  <c r="C6930" i="26"/>
  <c r="Q6938" i="10"/>
  <c r="D6930" i="26" s="1"/>
  <c r="C6674" i="26"/>
  <c r="Q6682" i="10"/>
  <c r="D6674" i="26" s="1"/>
  <c r="C6418" i="26"/>
  <c r="Q6426" i="10"/>
  <c r="D6418" i="26" s="1"/>
  <c r="C6162" i="26"/>
  <c r="Q6170" i="10"/>
  <c r="D6162" i="26" s="1"/>
  <c r="C7337" i="26"/>
  <c r="Q7345" i="10"/>
  <c r="D7337" i="26" s="1"/>
  <c r="C7081" i="26"/>
  <c r="Q7089" i="10"/>
  <c r="D7081" i="26" s="1"/>
  <c r="C6825" i="26"/>
  <c r="E6825" i="26" s="1"/>
  <c r="Q6833" i="10"/>
  <c r="D6825" i="26" s="1"/>
  <c r="C6569" i="26"/>
  <c r="Q6577" i="10"/>
  <c r="D6569" i="26" s="1"/>
  <c r="C6313" i="26"/>
  <c r="Q6321" i="10"/>
  <c r="D6313" i="26" s="1"/>
  <c r="C6057" i="26"/>
  <c r="Q6065" i="10"/>
  <c r="D6057" i="26" s="1"/>
  <c r="C5545" i="26"/>
  <c r="Q5553" i="10"/>
  <c r="D5545" i="26" s="1"/>
  <c r="C5289" i="26"/>
  <c r="E5289" i="26" s="1"/>
  <c r="Q5297" i="10"/>
  <c r="D5289" i="26" s="1"/>
  <c r="C5033" i="26"/>
  <c r="E5033" i="26" s="1"/>
  <c r="Q5041" i="10"/>
  <c r="D5033" i="26" s="1"/>
  <c r="C7344" i="26"/>
  <c r="Q7352" i="10"/>
  <c r="D7344" i="26" s="1"/>
  <c r="C7088" i="26"/>
  <c r="Q7096" i="10"/>
  <c r="D7088" i="26" s="1"/>
  <c r="C6832" i="26"/>
  <c r="Q6840" i="10"/>
  <c r="D6832" i="26" s="1"/>
  <c r="C6576" i="26"/>
  <c r="Q6584" i="10"/>
  <c r="D6576" i="26" s="1"/>
  <c r="C6320" i="26"/>
  <c r="Q6328" i="10"/>
  <c r="D6320" i="26" s="1"/>
  <c r="C6064" i="26"/>
  <c r="Q6072" i="10"/>
  <c r="D6064" i="26" s="1"/>
  <c r="C7431" i="26"/>
  <c r="Q7439" i="10"/>
  <c r="D7431" i="26" s="1"/>
  <c r="C7175" i="26"/>
  <c r="Q7183" i="10"/>
  <c r="D7175" i="26" s="1"/>
  <c r="C6919" i="26"/>
  <c r="Q6927" i="10"/>
  <c r="D6919" i="26" s="1"/>
  <c r="C6663" i="26"/>
  <c r="Q6671" i="10"/>
  <c r="D6663" i="26" s="1"/>
  <c r="C6407" i="26"/>
  <c r="Q6415" i="10"/>
  <c r="D6407" i="26" s="1"/>
  <c r="C6151" i="26"/>
  <c r="Q6159" i="10"/>
  <c r="D6151" i="26" s="1"/>
  <c r="C5895" i="26"/>
  <c r="Q5903" i="10"/>
  <c r="D5895" i="26" s="1"/>
  <c r="C7294" i="26"/>
  <c r="Q7302" i="10"/>
  <c r="D7294" i="26" s="1"/>
  <c r="C7038" i="26"/>
  <c r="Q7046" i="10"/>
  <c r="D7038" i="26" s="1"/>
  <c r="C6782" i="26"/>
  <c r="Q6790" i="10"/>
  <c r="D6782" i="26" s="1"/>
  <c r="C6526" i="26"/>
  <c r="Q6534" i="10"/>
  <c r="D6526" i="26" s="1"/>
  <c r="C6270" i="26"/>
  <c r="Q6278" i="10"/>
  <c r="D6270" i="26" s="1"/>
  <c r="C6014" i="26"/>
  <c r="Q6022" i="10"/>
  <c r="D6014" i="26" s="1"/>
  <c r="Q5163" i="10"/>
  <c r="D5155" i="26" s="1"/>
  <c r="C5155" i="26"/>
  <c r="E5155" i="26" s="1"/>
  <c r="Q4907" i="10"/>
  <c r="D4899" i="26" s="1"/>
  <c r="C4899" i="26"/>
  <c r="E4899" i="26" s="1"/>
  <c r="Q4651" i="10"/>
  <c r="D4643" i="26" s="1"/>
  <c r="C4643" i="26"/>
  <c r="Q4395" i="10"/>
  <c r="D4387" i="26" s="1"/>
  <c r="C4387" i="26"/>
  <c r="E4387" i="26" s="1"/>
  <c r="Q4139" i="10"/>
  <c r="D4131" i="26" s="1"/>
  <c r="C4131" i="26"/>
  <c r="E4131" i="26" s="1"/>
  <c r="Q3883" i="10"/>
  <c r="D3875" i="26" s="1"/>
  <c r="C3875" i="26"/>
  <c r="E3875" i="26" s="1"/>
  <c r="Q3627" i="10"/>
  <c r="D3619" i="26" s="1"/>
  <c r="C3619" i="26"/>
  <c r="E3619" i="26" s="1"/>
  <c r="Q3371" i="10"/>
  <c r="D3363" i="26" s="1"/>
  <c r="C3363" i="26"/>
  <c r="Q3115" i="10"/>
  <c r="D3107" i="26" s="1"/>
  <c r="C3107" i="26"/>
  <c r="E3107" i="26" s="1"/>
  <c r="Q2859" i="10"/>
  <c r="D2851" i="26" s="1"/>
  <c r="C2851" i="26"/>
  <c r="C5506" i="26"/>
  <c r="Q5514" i="10"/>
  <c r="D5506" i="26" s="1"/>
  <c r="C5250" i="26"/>
  <c r="Q5258" i="10"/>
  <c r="D5250" i="26" s="1"/>
  <c r="C4994" i="26"/>
  <c r="Q5002" i="10"/>
  <c r="D4994" i="26" s="1"/>
  <c r="C4738" i="26"/>
  <c r="Q4746" i="10"/>
  <c r="D4738" i="26" s="1"/>
  <c r="C4482" i="26"/>
  <c r="E4482" i="26" s="1"/>
  <c r="Q4490" i="10"/>
  <c r="D4482" i="26" s="1"/>
  <c r="C4226" i="26"/>
  <c r="E4226" i="26" s="1"/>
  <c r="Q4234" i="10"/>
  <c r="D4226" i="26" s="1"/>
  <c r="C3970" i="26"/>
  <c r="Q3978" i="10"/>
  <c r="D3970" i="26" s="1"/>
  <c r="Q3722" i="10"/>
  <c r="D3714" i="26" s="1"/>
  <c r="C3714" i="26"/>
  <c r="Q3466" i="10"/>
  <c r="D3458" i="26" s="1"/>
  <c r="C3458" i="26"/>
  <c r="Q3210" i="10"/>
  <c r="D3202" i="26" s="1"/>
  <c r="C3202" i="26"/>
  <c r="E3202" i="26" s="1"/>
  <c r="Q2954" i="10"/>
  <c r="D2946" i="26" s="1"/>
  <c r="C2946" i="26"/>
  <c r="C5709" i="26"/>
  <c r="Q5717" i="10"/>
  <c r="D5709" i="26" s="1"/>
  <c r="C5197" i="26"/>
  <c r="Q5205" i="10"/>
  <c r="D5197" i="26" s="1"/>
  <c r="C4685" i="26"/>
  <c r="Q4693" i="10"/>
  <c r="D4685" i="26" s="1"/>
  <c r="C4173" i="26"/>
  <c r="Q4181" i="10"/>
  <c r="D4173" i="26" s="1"/>
  <c r="C3661" i="26"/>
  <c r="Q3669" i="10"/>
  <c r="D3661" i="26" s="1"/>
  <c r="C3149" i="26"/>
  <c r="Q3157" i="10"/>
  <c r="D3149" i="26" s="1"/>
  <c r="C4689" i="26"/>
  <c r="E4689" i="26" s="1"/>
  <c r="Q4697" i="10"/>
  <c r="D4689" i="26" s="1"/>
  <c r="C4433" i="26"/>
  <c r="E4433" i="26" s="1"/>
  <c r="Q4441" i="10"/>
  <c r="D4433" i="26" s="1"/>
  <c r="C4177" i="26"/>
  <c r="E4177" i="26" s="1"/>
  <c r="Q4185" i="10"/>
  <c r="D4177" i="26" s="1"/>
  <c r="Q3929" i="10"/>
  <c r="D3921" i="26" s="1"/>
  <c r="C3921" i="26"/>
  <c r="E3921" i="26" s="1"/>
  <c r="Q3673" i="10"/>
  <c r="D3665" i="26" s="1"/>
  <c r="C3665" i="26"/>
  <c r="Q3417" i="10"/>
  <c r="D3409" i="26" s="1"/>
  <c r="C3409" i="26"/>
  <c r="E3409" i="26" s="1"/>
  <c r="Q3161" i="10"/>
  <c r="D3153" i="26" s="1"/>
  <c r="C3153" i="26"/>
  <c r="Q2905" i="10"/>
  <c r="D2897" i="26" s="1"/>
  <c r="C2897" i="26"/>
  <c r="E2897" i="26" s="1"/>
  <c r="C5648" i="26"/>
  <c r="Q5656" i="10"/>
  <c r="D5648" i="26" s="1"/>
  <c r="C5392" i="26"/>
  <c r="Q5400" i="10"/>
  <c r="D5392" i="26" s="1"/>
  <c r="C4528" i="26"/>
  <c r="Q4536" i="10"/>
  <c r="D4528" i="26" s="1"/>
  <c r="C4272" i="26"/>
  <c r="Q4280" i="10"/>
  <c r="D4272" i="26" s="1"/>
  <c r="C4016" i="26"/>
  <c r="Q4024" i="10"/>
  <c r="D4016" i="26" s="1"/>
  <c r="Q3768" i="10"/>
  <c r="D3760" i="26" s="1"/>
  <c r="C3760" i="26"/>
  <c r="Q3512" i="10"/>
  <c r="D3504" i="26" s="1"/>
  <c r="C3504" i="26"/>
  <c r="Q3256" i="10"/>
  <c r="D3248" i="26" s="1"/>
  <c r="C3248" i="26"/>
  <c r="Q3000" i="10"/>
  <c r="D2992" i="26" s="1"/>
  <c r="C2992" i="26"/>
  <c r="E2992" i="26" s="1"/>
  <c r="C5727" i="26"/>
  <c r="Q5735" i="10"/>
  <c r="D5727" i="26" s="1"/>
  <c r="C5471" i="26"/>
  <c r="Q5479" i="10"/>
  <c r="D5471" i="26" s="1"/>
  <c r="C5215" i="26"/>
  <c r="Q5223" i="10"/>
  <c r="D5215" i="26" s="1"/>
  <c r="C4959" i="26"/>
  <c r="E4959" i="26" s="1"/>
  <c r="Q4967" i="10"/>
  <c r="D4959" i="26" s="1"/>
  <c r="C4703" i="26"/>
  <c r="Q4711" i="10"/>
  <c r="D4703" i="26" s="1"/>
  <c r="C4447" i="26"/>
  <c r="E4447" i="26" s="1"/>
  <c r="Q4455" i="10"/>
  <c r="D4447" i="26" s="1"/>
  <c r="C4191" i="26"/>
  <c r="E4191" i="26" s="1"/>
  <c r="Q4199" i="10"/>
  <c r="D4191" i="26" s="1"/>
  <c r="C3935" i="26"/>
  <c r="E3935" i="26" s="1"/>
  <c r="Q3943" i="10"/>
  <c r="D3935" i="26" s="1"/>
  <c r="Q3687" i="10"/>
  <c r="D3679" i="26" s="1"/>
  <c r="C3679" i="26"/>
  <c r="E3679" i="26" s="1"/>
  <c r="Q3431" i="10"/>
  <c r="D3423" i="26" s="1"/>
  <c r="C3423" i="26"/>
  <c r="E3423" i="26" s="1"/>
  <c r="Q3175" i="10"/>
  <c r="D3167" i="26" s="1"/>
  <c r="C3167" i="26"/>
  <c r="Q2919" i="10"/>
  <c r="D2911" i="26" s="1"/>
  <c r="C2911" i="26"/>
  <c r="E2911" i="26" s="1"/>
  <c r="C5382" i="26"/>
  <c r="Q5390" i="10"/>
  <c r="D5382" i="26" s="1"/>
  <c r="C5126" i="26"/>
  <c r="E5126" i="26" s="1"/>
  <c r="Q5134" i="10"/>
  <c r="D5126" i="26" s="1"/>
  <c r="C4870" i="26"/>
  <c r="Q4878" i="10"/>
  <c r="D4870" i="26" s="1"/>
  <c r="C4454" i="26"/>
  <c r="E4454" i="26" s="1"/>
  <c r="Q4462" i="10"/>
  <c r="D4454" i="26" s="1"/>
  <c r="C3942" i="26"/>
  <c r="E3942" i="26" s="1"/>
  <c r="Q3950" i="10"/>
  <c r="D3942" i="26" s="1"/>
  <c r="Q3438" i="10"/>
  <c r="D3430" i="26" s="1"/>
  <c r="C3430" i="26"/>
  <c r="E3430" i="26" s="1"/>
  <c r="Q2926" i="10"/>
  <c r="D2918" i="26" s="1"/>
  <c r="C2918" i="26"/>
  <c r="E2918" i="26" s="1"/>
  <c r="C5605" i="26"/>
  <c r="Q5613" i="10"/>
  <c r="D5605" i="26" s="1"/>
  <c r="C5093" i="26"/>
  <c r="E5093" i="26" s="1"/>
  <c r="Q5101" i="10"/>
  <c r="D5093" i="26" s="1"/>
  <c r="C4581" i="26"/>
  <c r="E4581" i="26" s="1"/>
  <c r="Q4589" i="10"/>
  <c r="D4581" i="26" s="1"/>
  <c r="C4069" i="26"/>
  <c r="E4069" i="26" s="1"/>
  <c r="Q4077" i="10"/>
  <c r="D4069" i="26" s="1"/>
  <c r="C3557" i="26"/>
  <c r="E3557" i="26" s="1"/>
  <c r="Q3565" i="10"/>
  <c r="D3557" i="26" s="1"/>
  <c r="C3045" i="26"/>
  <c r="E3045" i="26" s="1"/>
  <c r="Q3053" i="10"/>
  <c r="D3045" i="26" s="1"/>
  <c r="C5732" i="26"/>
  <c r="Q5740" i="10"/>
  <c r="D5732" i="26" s="1"/>
  <c r="C5476" i="26"/>
  <c r="Q5484" i="10"/>
  <c r="D5476" i="26" s="1"/>
  <c r="C5220" i="26"/>
  <c r="E5220" i="26" s="1"/>
  <c r="Q5228" i="10"/>
  <c r="D5220" i="26" s="1"/>
  <c r="C4964" i="26"/>
  <c r="Q4972" i="10"/>
  <c r="D4964" i="26" s="1"/>
  <c r="C4708" i="26"/>
  <c r="Q4716" i="10"/>
  <c r="D4708" i="26" s="1"/>
  <c r="C4452" i="26"/>
  <c r="E4452" i="26" s="1"/>
  <c r="Q4460" i="10"/>
  <c r="D4452" i="26" s="1"/>
  <c r="C4196" i="26"/>
  <c r="E4196" i="26" s="1"/>
  <c r="Q4204" i="10"/>
  <c r="D4196" i="26" s="1"/>
  <c r="C3940" i="26"/>
  <c r="Q3948" i="10"/>
  <c r="D3940" i="26" s="1"/>
  <c r="C3684" i="26"/>
  <c r="Q3692" i="10"/>
  <c r="D3684" i="26" s="1"/>
  <c r="C3428" i="26"/>
  <c r="E3428" i="26" s="1"/>
  <c r="Q3436" i="10"/>
  <c r="D3428" i="26" s="1"/>
  <c r="C3172" i="26"/>
  <c r="Q3180" i="10"/>
  <c r="D3172" i="26" s="1"/>
  <c r="C2916" i="26"/>
  <c r="Q2924" i="10"/>
  <c r="D2916" i="26" s="1"/>
  <c r="C7413" i="26"/>
  <c r="Q7421" i="10"/>
  <c r="D7413" i="26" s="1"/>
  <c r="C6901" i="26"/>
  <c r="Q6909" i="10"/>
  <c r="D6901" i="26" s="1"/>
  <c r="C6389" i="26"/>
  <c r="Q6397" i="10"/>
  <c r="D6389" i="26" s="1"/>
  <c r="Q7412" i="10"/>
  <c r="D7404" i="26" s="1"/>
  <c r="C7404" i="26"/>
  <c r="C7148" i="26"/>
  <c r="Q7156" i="10"/>
  <c r="D7148" i="26" s="1"/>
  <c r="C6892" i="26"/>
  <c r="Q6900" i="10"/>
  <c r="D6892" i="26" s="1"/>
  <c r="C6636" i="26"/>
  <c r="Q6644" i="10"/>
  <c r="D6636" i="26" s="1"/>
  <c r="C6380" i="26"/>
  <c r="Q6388" i="10"/>
  <c r="D6380" i="26" s="1"/>
  <c r="C6124" i="26"/>
  <c r="Q6132" i="10"/>
  <c r="D6124" i="26" s="1"/>
  <c r="C7299" i="26"/>
  <c r="Q7307" i="10"/>
  <c r="D7299" i="26" s="1"/>
  <c r="C7043" i="26"/>
  <c r="Q7051" i="10"/>
  <c r="D7043" i="26" s="1"/>
  <c r="C6787" i="26"/>
  <c r="Q6795" i="10"/>
  <c r="D6787" i="26" s="1"/>
  <c r="C6531" i="26"/>
  <c r="Q6539" i="10"/>
  <c r="D6531" i="26" s="1"/>
  <c r="C6275" i="26"/>
  <c r="Q6283" i="10"/>
  <c r="D6275" i="26" s="1"/>
  <c r="C6019" i="26"/>
  <c r="Q6027" i="10"/>
  <c r="D6019" i="26" s="1"/>
  <c r="C5507" i="26"/>
  <c r="Q5515" i="10"/>
  <c r="D5507" i="26" s="1"/>
  <c r="C7306" i="26"/>
  <c r="Q7314" i="10"/>
  <c r="D7306" i="26" s="1"/>
  <c r="C7050" i="26"/>
  <c r="Q7058" i="10"/>
  <c r="D7050" i="26" s="1"/>
  <c r="C6794" i="26"/>
  <c r="Q6802" i="10"/>
  <c r="D6794" i="26" s="1"/>
  <c r="C6538" i="26"/>
  <c r="Q6546" i="10"/>
  <c r="D6538" i="26" s="1"/>
  <c r="C6282" i="26"/>
  <c r="Q6290" i="10"/>
  <c r="D6282" i="26" s="1"/>
  <c r="C6026" i="26"/>
  <c r="Q6034" i="10"/>
  <c r="D6026" i="26" s="1"/>
  <c r="C7201" i="26"/>
  <c r="Q7209" i="10"/>
  <c r="D7201" i="26" s="1"/>
  <c r="C6945" i="26"/>
  <c r="Q6953" i="10"/>
  <c r="D6945" i="26" s="1"/>
  <c r="C6689" i="26"/>
  <c r="Q6697" i="10"/>
  <c r="D6689" i="26" s="1"/>
  <c r="C6433" i="26"/>
  <c r="Q6441" i="10"/>
  <c r="D6433" i="26" s="1"/>
  <c r="C6177" i="26"/>
  <c r="Q6185" i="10"/>
  <c r="D6177" i="26" s="1"/>
  <c r="C5697" i="26"/>
  <c r="Q5705" i="10"/>
  <c r="D5697" i="26" s="1"/>
  <c r="C5441" i="26"/>
  <c r="Q5449" i="10"/>
  <c r="D5441" i="26" s="1"/>
  <c r="C5185" i="26"/>
  <c r="E5185" i="26" s="1"/>
  <c r="Q5193" i="10"/>
  <c r="D5185" i="26" s="1"/>
  <c r="C4929" i="26"/>
  <c r="Q4937" i="10"/>
  <c r="D4929" i="26" s="1"/>
  <c r="C7240" i="26"/>
  <c r="Q7248" i="10"/>
  <c r="D7240" i="26" s="1"/>
  <c r="C6984" i="26"/>
  <c r="Q6992" i="10"/>
  <c r="D6984" i="26" s="1"/>
  <c r="C6728" i="26"/>
  <c r="Q6736" i="10"/>
  <c r="D6728" i="26" s="1"/>
  <c r="C6472" i="26"/>
  <c r="Q6480" i="10"/>
  <c r="D6472" i="26" s="1"/>
  <c r="C6216" i="26"/>
  <c r="Q6224" i="10"/>
  <c r="D6216" i="26" s="1"/>
  <c r="C5960" i="26"/>
  <c r="Q5968" i="10"/>
  <c r="D5960" i="26" s="1"/>
  <c r="C7327" i="26"/>
  <c r="Q7335" i="10"/>
  <c r="D7327" i="26" s="1"/>
  <c r="C7071" i="26"/>
  <c r="Q7079" i="10"/>
  <c r="D7071" i="26" s="1"/>
  <c r="C6815" i="26"/>
  <c r="Q6823" i="10"/>
  <c r="D6815" i="26" s="1"/>
  <c r="C6559" i="26"/>
  <c r="Q6567" i="10"/>
  <c r="D6559" i="26" s="1"/>
  <c r="C6303" i="26"/>
  <c r="Q6311" i="10"/>
  <c r="D6303" i="26" s="1"/>
  <c r="C6047" i="26"/>
  <c r="Q6055" i="10"/>
  <c r="D6047" i="26" s="1"/>
  <c r="C7446" i="26"/>
  <c r="Q7454" i="10"/>
  <c r="D7446" i="26" s="1"/>
  <c r="C7190" i="26"/>
  <c r="Q7198" i="10"/>
  <c r="D7190" i="26" s="1"/>
  <c r="C6934" i="26"/>
  <c r="Q6942" i="10"/>
  <c r="D6934" i="26" s="1"/>
  <c r="C6678" i="26"/>
  <c r="Q6686" i="10"/>
  <c r="D6678" i="26" s="1"/>
  <c r="C6422" i="26"/>
  <c r="Q6430" i="10"/>
  <c r="D6422" i="26" s="1"/>
  <c r="C6166" i="26"/>
  <c r="Q6174" i="10"/>
  <c r="D6166" i="26" s="1"/>
  <c r="Q5315" i="10"/>
  <c r="D5307" i="26" s="1"/>
  <c r="C5307" i="26"/>
  <c r="E5307" i="26" s="1"/>
  <c r="Q5059" i="10"/>
  <c r="D5051" i="26" s="1"/>
  <c r="C5051" i="26"/>
  <c r="E5051" i="26" s="1"/>
  <c r="Q4803" i="10"/>
  <c r="D4795" i="26" s="1"/>
  <c r="C4795" i="26"/>
  <c r="E4795" i="26" s="1"/>
  <c r="Q4547" i="10"/>
  <c r="D4539" i="26" s="1"/>
  <c r="C4539" i="26"/>
  <c r="Q4291" i="10"/>
  <c r="D4283" i="26" s="1"/>
  <c r="C4283" i="26"/>
  <c r="E4283" i="26" s="1"/>
  <c r="Q4035" i="10"/>
  <c r="D4027" i="26" s="1"/>
  <c r="C4027" i="26"/>
  <c r="E4027" i="26" s="1"/>
  <c r="Q3779" i="10"/>
  <c r="D3771" i="26" s="1"/>
  <c r="C3771" i="26"/>
  <c r="Q3523" i="10"/>
  <c r="D3515" i="26" s="1"/>
  <c r="C3515" i="26"/>
  <c r="Q3267" i="10"/>
  <c r="D3259" i="26" s="1"/>
  <c r="C3259" i="26"/>
  <c r="Q3011" i="10"/>
  <c r="D3003" i="26" s="1"/>
  <c r="C3003" i="26"/>
  <c r="E3003" i="26" s="1"/>
  <c r="C5690" i="26"/>
  <c r="Q5698" i="10"/>
  <c r="D5690" i="26" s="1"/>
  <c r="C5434" i="26"/>
  <c r="Q5442" i="10"/>
  <c r="D5434" i="26" s="1"/>
  <c r="C5178" i="26"/>
  <c r="E5178" i="26" s="1"/>
  <c r="Q5186" i="10"/>
  <c r="D5178" i="26" s="1"/>
  <c r="C4922" i="26"/>
  <c r="E4922" i="26" s="1"/>
  <c r="Q4930" i="10"/>
  <c r="D4922" i="26" s="1"/>
  <c r="C4666" i="26"/>
  <c r="Q4674" i="10"/>
  <c r="D4666" i="26" s="1"/>
  <c r="C4410" i="26"/>
  <c r="E4410" i="26" s="1"/>
  <c r="Q4418" i="10"/>
  <c r="D4410" i="26" s="1"/>
  <c r="C4154" i="26"/>
  <c r="E4154" i="26" s="1"/>
  <c r="Q4162" i="10"/>
  <c r="D4154" i="26" s="1"/>
  <c r="Q3906" i="10"/>
  <c r="D3898" i="26" s="1"/>
  <c r="C3898" i="26"/>
  <c r="Q3650" i="10"/>
  <c r="D3642" i="26" s="1"/>
  <c r="C3642" i="26"/>
  <c r="Q3394" i="10"/>
  <c r="D3386" i="26" s="1"/>
  <c r="C3386" i="26"/>
  <c r="Q3138" i="10"/>
  <c r="D3130" i="26" s="1"/>
  <c r="C3130" i="26"/>
  <c r="Q2882" i="10"/>
  <c r="D2874" i="26" s="1"/>
  <c r="C2874" i="26"/>
  <c r="C5701" i="26"/>
  <c r="Q5709" i="10"/>
  <c r="D5701" i="26" s="1"/>
  <c r="C5189" i="26"/>
  <c r="E5189" i="26" s="1"/>
  <c r="Q5197" i="10"/>
  <c r="D5189" i="26" s="1"/>
  <c r="C4677" i="26"/>
  <c r="E4677" i="26" s="1"/>
  <c r="Q4685" i="10"/>
  <c r="D4677" i="26" s="1"/>
  <c r="C4165" i="26"/>
  <c r="E4165" i="26" s="1"/>
  <c r="Q4173" i="10"/>
  <c r="D4165" i="26" s="1"/>
  <c r="C3653" i="26"/>
  <c r="Q3661" i="10"/>
  <c r="D3653" i="26" s="1"/>
  <c r="C3141" i="26"/>
  <c r="Q3149" i="10"/>
  <c r="D3141" i="26" s="1"/>
  <c r="C3029" i="26"/>
  <c r="E3029" i="26" s="1"/>
  <c r="Q3037" i="10"/>
  <c r="D3029" i="26" s="1"/>
  <c r="C7381" i="26"/>
  <c r="Q7389" i="10"/>
  <c r="D7381" i="26" s="1"/>
  <c r="C6869" i="26"/>
  <c r="Q6877" i="10"/>
  <c r="D6869" i="26" s="1"/>
  <c r="C6357" i="26"/>
  <c r="Q6365" i="10"/>
  <c r="D6357" i="26" s="1"/>
  <c r="C4681" i="26"/>
  <c r="E4681" i="26" s="1"/>
  <c r="Q4689" i="10"/>
  <c r="D4681" i="26" s="1"/>
  <c r="C4425" i="26"/>
  <c r="E4425" i="26" s="1"/>
  <c r="Q4433" i="10"/>
  <c r="D4425" i="26" s="1"/>
  <c r="C4169" i="26"/>
  <c r="Q4177" i="10"/>
  <c r="D4169" i="26" s="1"/>
  <c r="Q3921" i="10"/>
  <c r="D3913" i="26" s="1"/>
  <c r="C3913" i="26"/>
  <c r="Q3665" i="10"/>
  <c r="D3657" i="26" s="1"/>
  <c r="C3657" i="26"/>
  <c r="Q3409" i="10"/>
  <c r="D3401" i="26" s="1"/>
  <c r="C3401" i="26"/>
  <c r="E3401" i="26" s="1"/>
  <c r="Q3153" i="10"/>
  <c r="D3145" i="26" s="1"/>
  <c r="C3145" i="26"/>
  <c r="Q2897" i="10"/>
  <c r="D2889" i="26" s="1"/>
  <c r="C2889" i="26"/>
  <c r="C5640" i="26"/>
  <c r="Q5648" i="10"/>
  <c r="D5640" i="26" s="1"/>
  <c r="C5384" i="26"/>
  <c r="Q5392" i="10"/>
  <c r="D5384" i="26" s="1"/>
  <c r="C5128" i="26"/>
  <c r="E5128" i="26" s="1"/>
  <c r="Q5136" i="10"/>
  <c r="D5128" i="26" s="1"/>
  <c r="C4872" i="26"/>
  <c r="E4872" i="26" s="1"/>
  <c r="Q4880" i="10"/>
  <c r="D4872" i="26" s="1"/>
  <c r="C4616" i="26"/>
  <c r="Q4624" i="10"/>
  <c r="D4616" i="26" s="1"/>
  <c r="C4360" i="26"/>
  <c r="Q4368" i="10"/>
  <c r="D4360" i="26" s="1"/>
  <c r="C4104" i="26"/>
  <c r="E4104" i="26" s="1"/>
  <c r="Q4112" i="10"/>
  <c r="D4104" i="26" s="1"/>
  <c r="Q3856" i="10"/>
  <c r="D3848" i="26" s="1"/>
  <c r="C3848" i="26"/>
  <c r="E3848" i="26" s="1"/>
  <c r="Q3600" i="10"/>
  <c r="D3592" i="26" s="1"/>
  <c r="C3592" i="26"/>
  <c r="Q3344" i="10"/>
  <c r="D3336" i="26" s="1"/>
  <c r="C3336" i="26"/>
  <c r="Q3088" i="10"/>
  <c r="D3080" i="26" s="1"/>
  <c r="C3080" i="26"/>
  <c r="C5559" i="26"/>
  <c r="Q5567" i="10"/>
  <c r="D5559" i="26" s="1"/>
  <c r="C5303" i="26"/>
  <c r="Q5311" i="10"/>
  <c r="D5303" i="26" s="1"/>
  <c r="C5047" i="26"/>
  <c r="Q5055" i="10"/>
  <c r="D5047" i="26" s="1"/>
  <c r="C4791" i="26"/>
  <c r="Q4799" i="10"/>
  <c r="D4791" i="26" s="1"/>
  <c r="C4535" i="26"/>
  <c r="Q4543" i="10"/>
  <c r="D4535" i="26" s="1"/>
  <c r="C4279" i="26"/>
  <c r="Q4287" i="10"/>
  <c r="D4279" i="26" s="1"/>
  <c r="C4023" i="26"/>
  <c r="Q4031" i="10"/>
  <c r="D4023" i="26" s="1"/>
  <c r="Q3775" i="10"/>
  <c r="D3767" i="26" s="1"/>
  <c r="C3767" i="26"/>
  <c r="Q3519" i="10"/>
  <c r="D3511" i="26" s="1"/>
  <c r="C3511" i="26"/>
  <c r="Q3263" i="10"/>
  <c r="D3255" i="26" s="1"/>
  <c r="C3255" i="26"/>
  <c r="Q3007" i="10"/>
  <c r="D2999" i="26" s="1"/>
  <c r="C2999" i="26"/>
  <c r="C5694" i="26"/>
  <c r="Q5702" i="10"/>
  <c r="D5694" i="26" s="1"/>
  <c r="C5438" i="26"/>
  <c r="Q5446" i="10"/>
  <c r="D5438" i="26" s="1"/>
  <c r="C5182" i="26"/>
  <c r="E5182" i="26" s="1"/>
  <c r="Q5190" i="10"/>
  <c r="D5182" i="26" s="1"/>
  <c r="C4926" i="26"/>
  <c r="E4926" i="26" s="1"/>
  <c r="Q4934" i="10"/>
  <c r="D4926" i="26" s="1"/>
  <c r="C4574" i="26"/>
  <c r="Q4582" i="10"/>
  <c r="D4574" i="26" s="1"/>
  <c r="C4062" i="26"/>
  <c r="E4062" i="26" s="1"/>
  <c r="Q4070" i="10"/>
  <c r="D4062" i="26" s="1"/>
  <c r="Q3558" i="10"/>
  <c r="D3550" i="26" s="1"/>
  <c r="C3550" i="26"/>
  <c r="Q3046" i="10"/>
  <c r="D3038" i="26" s="1"/>
  <c r="C3038" i="26"/>
  <c r="E3038" i="26" s="1"/>
  <c r="C5757" i="26"/>
  <c r="Q5765" i="10"/>
  <c r="D5757" i="26" s="1"/>
  <c r="C5501" i="26"/>
  <c r="Q5509" i="10"/>
  <c r="D5501" i="26" s="1"/>
  <c r="C5245" i="26"/>
  <c r="E5245" i="26" s="1"/>
  <c r="Q5253" i="10"/>
  <c r="D5245" i="26" s="1"/>
  <c r="C4989" i="26"/>
  <c r="E4989" i="26" s="1"/>
  <c r="Q4997" i="10"/>
  <c r="D4989" i="26" s="1"/>
  <c r="C4733" i="26"/>
  <c r="Q4741" i="10"/>
  <c r="D4733" i="26" s="1"/>
  <c r="C4477" i="26"/>
  <c r="Q4485" i="10"/>
  <c r="D4477" i="26" s="1"/>
  <c r="C4221" i="26"/>
  <c r="E4221" i="26" s="1"/>
  <c r="Q4229" i="10"/>
  <c r="D4221" i="26" s="1"/>
  <c r="C3965" i="26"/>
  <c r="E3965" i="26" s="1"/>
  <c r="Q3973" i="10"/>
  <c r="D3965" i="26" s="1"/>
  <c r="C3709" i="26"/>
  <c r="Q3717" i="10"/>
  <c r="D3709" i="26" s="1"/>
  <c r="C3453" i="26"/>
  <c r="Q3461" i="10"/>
  <c r="D3453" i="26" s="1"/>
  <c r="C3197" i="26"/>
  <c r="E3197" i="26" s="1"/>
  <c r="Q3205" i="10"/>
  <c r="D3197" i="26" s="1"/>
  <c r="C2941" i="26"/>
  <c r="Q2949" i="10"/>
  <c r="D2941" i="26" s="1"/>
  <c r="C5628" i="26"/>
  <c r="Q5636" i="10"/>
  <c r="D5628" i="26" s="1"/>
  <c r="C5372" i="26"/>
  <c r="Q5380" i="10"/>
  <c r="D5372" i="26" s="1"/>
  <c r="C5116" i="26"/>
  <c r="Q5124" i="10"/>
  <c r="D5116" i="26" s="1"/>
  <c r="C4860" i="26"/>
  <c r="E4860" i="26" s="1"/>
  <c r="Q4868" i="10"/>
  <c r="D4860" i="26" s="1"/>
  <c r="C4604" i="26"/>
  <c r="E4604" i="26" s="1"/>
  <c r="Q4612" i="10"/>
  <c r="D4604" i="26" s="1"/>
  <c r="C4348" i="26"/>
  <c r="E4348" i="26" s="1"/>
  <c r="Q4356" i="10"/>
  <c r="D4348" i="26" s="1"/>
  <c r="C4092" i="26"/>
  <c r="Q4100" i="10"/>
  <c r="D4092" i="26" s="1"/>
  <c r="C3836" i="26"/>
  <c r="E3836" i="26" s="1"/>
  <c r="Q3844" i="10"/>
  <c r="D3836" i="26" s="1"/>
  <c r="C3580" i="26"/>
  <c r="Q3588" i="10"/>
  <c r="D3580" i="26" s="1"/>
  <c r="C3324" i="26"/>
  <c r="Q3332" i="10"/>
  <c r="D3324" i="26" s="1"/>
  <c r="C3068" i="26"/>
  <c r="Q3076" i="10"/>
  <c r="D3068" i="26" s="1"/>
  <c r="C5461" i="26"/>
  <c r="Q5469" i="10"/>
  <c r="D5461" i="26" s="1"/>
  <c r="C7085" i="26"/>
  <c r="Q7093" i="10"/>
  <c r="D7085" i="26" s="1"/>
  <c r="C6573" i="26"/>
  <c r="Q6581" i="10"/>
  <c r="D6573" i="26" s="1"/>
  <c r="C6061" i="26"/>
  <c r="Q6069" i="10"/>
  <c r="D6061" i="26" s="1"/>
  <c r="C7204" i="26"/>
  <c r="Q7212" i="10"/>
  <c r="D7204" i="26" s="1"/>
  <c r="C6948" i="26"/>
  <c r="Q6956" i="10"/>
  <c r="D6948" i="26" s="1"/>
  <c r="C6692" i="26"/>
  <c r="Q6700" i="10"/>
  <c r="D6692" i="26" s="1"/>
  <c r="C6436" i="26"/>
  <c r="Q6444" i="10"/>
  <c r="D6436" i="26" s="1"/>
  <c r="C6180" i="26"/>
  <c r="Q6188" i="10"/>
  <c r="D6180" i="26" s="1"/>
  <c r="C7387" i="26"/>
  <c r="Q7395" i="10"/>
  <c r="D7387" i="26" s="1"/>
  <c r="C7131" i="26"/>
  <c r="Q7139" i="10"/>
  <c r="D7131" i="26" s="1"/>
  <c r="C6875" i="26"/>
  <c r="Q6883" i="10"/>
  <c r="D6875" i="26" s="1"/>
  <c r="C6619" i="26"/>
  <c r="Q6627" i="10"/>
  <c r="D6619" i="26" s="1"/>
  <c r="C6363" i="26"/>
  <c r="Q6371" i="10"/>
  <c r="D6363" i="26" s="1"/>
  <c r="C6107" i="26"/>
  <c r="Q6115" i="10"/>
  <c r="D6107" i="26" s="1"/>
  <c r="Q5635" i="10"/>
  <c r="D5627" i="26" s="1"/>
  <c r="C5627" i="26"/>
  <c r="C7426" i="26"/>
  <c r="Q7434" i="10"/>
  <c r="D7426" i="26" s="1"/>
  <c r="C7170" i="26"/>
  <c r="Q7178" i="10"/>
  <c r="D7170" i="26" s="1"/>
  <c r="C6914" i="26"/>
  <c r="Q6922" i="10"/>
  <c r="D6914" i="26" s="1"/>
  <c r="C6658" i="26"/>
  <c r="Q6666" i="10"/>
  <c r="D6658" i="26" s="1"/>
  <c r="C6402" i="26"/>
  <c r="Q6410" i="10"/>
  <c r="D6402" i="26" s="1"/>
  <c r="C6146" i="26"/>
  <c r="Q6154" i="10"/>
  <c r="D6146" i="26" s="1"/>
  <c r="C7353" i="26"/>
  <c r="Q7361" i="10"/>
  <c r="D7353" i="26" s="1"/>
  <c r="C7097" i="26"/>
  <c r="Q7105" i="10"/>
  <c r="D7097" i="26" s="1"/>
  <c r="C6841" i="26"/>
  <c r="Q6849" i="10"/>
  <c r="D6841" i="26" s="1"/>
  <c r="C6585" i="26"/>
  <c r="Q6593" i="10"/>
  <c r="D6585" i="26" s="1"/>
  <c r="C6329" i="26"/>
  <c r="Q6337" i="10"/>
  <c r="D6329" i="26" s="1"/>
  <c r="C6073" i="26"/>
  <c r="Q6081" i="10"/>
  <c r="D6073" i="26" s="1"/>
  <c r="C5593" i="26"/>
  <c r="Q5601" i="10"/>
  <c r="D5593" i="26" s="1"/>
  <c r="C5337" i="26"/>
  <c r="Q5345" i="10"/>
  <c r="D5337" i="26" s="1"/>
  <c r="C5081" i="26"/>
  <c r="E5081" i="26" s="1"/>
  <c r="Q5089" i="10"/>
  <c r="D5081" i="26" s="1"/>
  <c r="C7392" i="26"/>
  <c r="Q7400" i="10"/>
  <c r="D7392" i="26" s="1"/>
  <c r="C7136" i="26"/>
  <c r="Q7144" i="10"/>
  <c r="D7136" i="26" s="1"/>
  <c r="C6880" i="26"/>
  <c r="Q6888" i="10"/>
  <c r="D6880" i="26" s="1"/>
  <c r="C6624" i="26"/>
  <c r="Q6632" i="10"/>
  <c r="D6624" i="26" s="1"/>
  <c r="C6368" i="26"/>
  <c r="Q6376" i="10"/>
  <c r="D6368" i="26" s="1"/>
  <c r="C6080" i="26"/>
  <c r="Q6088" i="10"/>
  <c r="D6080" i="26" s="1"/>
  <c r="C7351" i="26"/>
  <c r="Q7359" i="10"/>
  <c r="D7351" i="26" s="1"/>
  <c r="C6999" i="26"/>
  <c r="Q7007" i="10"/>
  <c r="D6999" i="26" s="1"/>
  <c r="C6679" i="26"/>
  <c r="Q6687" i="10"/>
  <c r="D6679" i="26" s="1"/>
  <c r="C6327" i="26"/>
  <c r="Q6335" i="10"/>
  <c r="D6327" i="26" s="1"/>
  <c r="C5975" i="26"/>
  <c r="Q5983" i="10"/>
  <c r="D5975" i="26" s="1"/>
  <c r="C7310" i="26"/>
  <c r="Q7318" i="10"/>
  <c r="D7310" i="26" s="1"/>
  <c r="C6958" i="26"/>
  <c r="Q6966" i="10"/>
  <c r="D6958" i="26" s="1"/>
  <c r="C6606" i="26"/>
  <c r="Q6614" i="10"/>
  <c r="D6606" i="26" s="1"/>
  <c r="C6286" i="26"/>
  <c r="Q6294" i="10"/>
  <c r="D6286" i="26" s="1"/>
  <c r="Q5371" i="10"/>
  <c r="D5363" i="26" s="1"/>
  <c r="C5363" i="26"/>
  <c r="C5011" i="26"/>
  <c r="Q5019" i="10"/>
  <c r="D5011" i="26" s="1"/>
  <c r="Q4667" i="10"/>
  <c r="D4659" i="26" s="1"/>
  <c r="C4659" i="26"/>
  <c r="Q4347" i="10"/>
  <c r="D4339" i="26" s="1"/>
  <c r="C4339" i="26"/>
  <c r="E4339" i="26" s="1"/>
  <c r="C3987" i="26"/>
  <c r="Q3995" i="10"/>
  <c r="D3987" i="26" s="1"/>
  <c r="Q3643" i="10"/>
  <c r="D3635" i="26" s="1"/>
  <c r="C3635" i="26"/>
  <c r="Q3323" i="10"/>
  <c r="D3315" i="26" s="1"/>
  <c r="C3315" i="26"/>
  <c r="Q2971" i="10"/>
  <c r="D2963" i="26" s="1"/>
  <c r="C2963" i="26"/>
  <c r="C5650" i="26"/>
  <c r="Q5658" i="10"/>
  <c r="D5650" i="26" s="1"/>
  <c r="C5298" i="26"/>
  <c r="Q5306" i="10"/>
  <c r="D5298" i="26" s="1"/>
  <c r="C4978" i="26"/>
  <c r="E4978" i="26" s="1"/>
  <c r="Q4986" i="10"/>
  <c r="D4978" i="26" s="1"/>
  <c r="C4626" i="26"/>
  <c r="E4626" i="26" s="1"/>
  <c r="Q4634" i="10"/>
  <c r="D4626" i="26" s="1"/>
  <c r="C4274" i="26"/>
  <c r="E4274" i="26" s="1"/>
  <c r="Q4282" i="10"/>
  <c r="D4274" i="26" s="1"/>
  <c r="C3954" i="26"/>
  <c r="Q3962" i="10"/>
  <c r="D3954" i="26" s="1"/>
  <c r="Q3610" i="10"/>
  <c r="D3602" i="26" s="1"/>
  <c r="C3602" i="26"/>
  <c r="Q3258" i="10"/>
  <c r="D3250" i="26" s="1"/>
  <c r="C3250" i="26"/>
  <c r="Q2938" i="10"/>
  <c r="D2930" i="26" s="1"/>
  <c r="C2930" i="26"/>
  <c r="C2901" i="26"/>
  <c r="Q2909" i="10"/>
  <c r="D2901" i="26" s="1"/>
  <c r="C7309" i="26"/>
  <c r="Q7317" i="10"/>
  <c r="D7309" i="26" s="1"/>
  <c r="C6605" i="26"/>
  <c r="Q6613" i="10"/>
  <c r="D6605" i="26" s="1"/>
  <c r="C4673" i="26"/>
  <c r="E4673" i="26" s="1"/>
  <c r="Q4681" i="10"/>
  <c r="D4673" i="26" s="1"/>
  <c r="C4321" i="26"/>
  <c r="Q4329" i="10"/>
  <c r="D4321" i="26" s="1"/>
  <c r="C3969" i="26"/>
  <c r="Q3977" i="10"/>
  <c r="D3969" i="26" s="1"/>
  <c r="Q3657" i="10"/>
  <c r="D3649" i="26" s="1"/>
  <c r="C3649" i="26"/>
  <c r="Q3305" i="10"/>
  <c r="D3297" i="26" s="1"/>
  <c r="C3297" i="26"/>
  <c r="Q2953" i="10"/>
  <c r="D2945" i="26" s="1"/>
  <c r="C2945" i="26"/>
  <c r="C5696" i="26"/>
  <c r="Q5704" i="10"/>
  <c r="D5696" i="26" s="1"/>
  <c r="C5248" i="26"/>
  <c r="Q5256" i="10"/>
  <c r="D5248" i="26" s="1"/>
  <c r="C4896" i="26"/>
  <c r="E4896" i="26" s="1"/>
  <c r="Q4904" i="10"/>
  <c r="D4896" i="26" s="1"/>
  <c r="C4544" i="26"/>
  <c r="Q4552" i="10"/>
  <c r="D4544" i="26" s="1"/>
  <c r="C4224" i="26"/>
  <c r="Q4232" i="10"/>
  <c r="D4224" i="26" s="1"/>
  <c r="Q3880" i="10"/>
  <c r="D3872" i="26" s="1"/>
  <c r="C3872" i="26"/>
  <c r="E3872" i="26" s="1"/>
  <c r="Q3528" i="10"/>
  <c r="D3520" i="26" s="1"/>
  <c r="C3520" i="26"/>
  <c r="Q3208" i="10"/>
  <c r="D3200" i="26" s="1"/>
  <c r="C3200" i="26"/>
  <c r="Q2856" i="10"/>
  <c r="D2848" i="26" s="1"/>
  <c r="C2848" i="26"/>
  <c r="C5359" i="26"/>
  <c r="Q5367" i="10"/>
  <c r="D5359" i="26" s="1"/>
  <c r="C4847" i="26"/>
  <c r="Q4855" i="10"/>
  <c r="D4847" i="26" s="1"/>
  <c r="C4335" i="26"/>
  <c r="Q4343" i="10"/>
  <c r="D4335" i="26" s="1"/>
  <c r="Q3831" i="10"/>
  <c r="D3823" i="26" s="1"/>
  <c r="C3823" i="26"/>
  <c r="Q3415" i="10"/>
  <c r="D3407" i="26" s="1"/>
  <c r="C3407" i="26"/>
  <c r="Q3063" i="10"/>
  <c r="D3055" i="26" s="1"/>
  <c r="C3055" i="26"/>
  <c r="C5750" i="26"/>
  <c r="Q5758" i="10"/>
  <c r="D5750" i="26" s="1"/>
  <c r="C5398" i="26"/>
  <c r="Q5406" i="10"/>
  <c r="D5398" i="26" s="1"/>
  <c r="C4470" i="26"/>
  <c r="Q4478" i="10"/>
  <c r="D4470" i="26" s="1"/>
  <c r="C4118" i="26"/>
  <c r="Q4126" i="10"/>
  <c r="D4118" i="26" s="1"/>
  <c r="Q3806" i="10"/>
  <c r="D3798" i="26" s="1"/>
  <c r="C3798" i="26"/>
  <c r="E3798" i="26" s="1"/>
  <c r="Q3454" i="10"/>
  <c r="D3446" i="26" s="1"/>
  <c r="C3446" i="26"/>
  <c r="E3446" i="26" s="1"/>
  <c r="Q3102" i="10"/>
  <c r="D3094" i="26" s="1"/>
  <c r="C3094" i="26"/>
  <c r="C5109" i="26"/>
  <c r="E5109" i="26" s="1"/>
  <c r="Q5117" i="10"/>
  <c r="D5109" i="26" s="1"/>
  <c r="C4469" i="26"/>
  <c r="Q4477" i="10"/>
  <c r="D4469" i="26" s="1"/>
  <c r="C3765" i="26"/>
  <c r="Q3773" i="10"/>
  <c r="D3765" i="26" s="1"/>
  <c r="C3061" i="26"/>
  <c r="E3061" i="26" s="1"/>
  <c r="Q3069" i="10"/>
  <c r="D3061" i="26" s="1"/>
  <c r="C5588" i="26"/>
  <c r="Q5596" i="10"/>
  <c r="D5588" i="26" s="1"/>
  <c r="C5236" i="26"/>
  <c r="E5236" i="26" s="1"/>
  <c r="Q5244" i="10"/>
  <c r="D5236" i="26" s="1"/>
  <c r="C4884" i="26"/>
  <c r="E4884" i="26" s="1"/>
  <c r="Q4892" i="10"/>
  <c r="D4884" i="26" s="1"/>
  <c r="C4564" i="26"/>
  <c r="Q4572" i="10"/>
  <c r="D4564" i="26" s="1"/>
  <c r="C4212" i="26"/>
  <c r="E4212" i="26" s="1"/>
  <c r="Q4220" i="10"/>
  <c r="D4212" i="26" s="1"/>
  <c r="C3860" i="26"/>
  <c r="E3860" i="26" s="1"/>
  <c r="Q3868" i="10"/>
  <c r="D3860" i="26" s="1"/>
  <c r="C3540" i="26"/>
  <c r="Q3548" i="10"/>
  <c r="D3540" i="26" s="1"/>
  <c r="C3188" i="26"/>
  <c r="E3188" i="26" s="1"/>
  <c r="Q3196" i="10"/>
  <c r="D3188" i="26" s="1"/>
  <c r="C6949" i="26"/>
  <c r="Q6957" i="10"/>
  <c r="D6949" i="26" s="1"/>
  <c r="C6245" i="26"/>
  <c r="E6245" i="26" s="1"/>
  <c r="Q6253" i="10"/>
  <c r="D6245" i="26" s="1"/>
  <c r="C7228" i="26"/>
  <c r="Q7236" i="10"/>
  <c r="D7228" i="26" s="1"/>
  <c r="C6876" i="26"/>
  <c r="Q6884" i="10"/>
  <c r="D6876" i="26" s="1"/>
  <c r="C6524" i="26"/>
  <c r="Q6532" i="10"/>
  <c r="D6524" i="26" s="1"/>
  <c r="C6204" i="26"/>
  <c r="Q6212" i="10"/>
  <c r="D6204" i="26" s="1"/>
  <c r="Q7291" i="10"/>
  <c r="D7283" i="26" s="1"/>
  <c r="C7283" i="26"/>
  <c r="Q6971" i="10"/>
  <c r="D6963" i="26" s="1"/>
  <c r="C6963" i="26"/>
  <c r="C6611" i="26"/>
  <c r="Q6619" i="10"/>
  <c r="D6611" i="26" s="1"/>
  <c r="Q6267" i="10"/>
  <c r="D6259" i="26" s="1"/>
  <c r="C6259" i="26"/>
  <c r="E6259" i="26" s="1"/>
  <c r="Q5691" i="10"/>
  <c r="D5683" i="26" s="1"/>
  <c r="C5683" i="26"/>
  <c r="C7386" i="26"/>
  <c r="Q7394" i="10"/>
  <c r="D7386" i="26" s="1"/>
  <c r="C7034" i="26"/>
  <c r="Q7042" i="10"/>
  <c r="D7034" i="26" s="1"/>
  <c r="C6714" i="26"/>
  <c r="Q6722" i="10"/>
  <c r="D6714" i="26" s="1"/>
  <c r="C6362" i="26"/>
  <c r="Q6370" i="10"/>
  <c r="D6362" i="26" s="1"/>
  <c r="C6010" i="26"/>
  <c r="Q6018" i="10"/>
  <c r="D6010" i="26" s="1"/>
  <c r="C7153" i="26"/>
  <c r="Q7161" i="10"/>
  <c r="D7153" i="26" s="1"/>
  <c r="C6801" i="26"/>
  <c r="Q6809" i="10"/>
  <c r="D6801" i="26" s="1"/>
  <c r="C6481" i="26"/>
  <c r="Q6489" i="10"/>
  <c r="D6481" i="26" s="1"/>
  <c r="C6129" i="26"/>
  <c r="Q6137" i="10"/>
  <c r="D6129" i="26" s="1"/>
  <c r="C5521" i="26"/>
  <c r="Q5529" i="10"/>
  <c r="D5521" i="26" s="1"/>
  <c r="C5201" i="26"/>
  <c r="Q5209" i="10"/>
  <c r="D5201" i="26" s="1"/>
  <c r="C7416" i="26"/>
  <c r="Q7424" i="10"/>
  <c r="D7416" i="26" s="1"/>
  <c r="C7064" i="26"/>
  <c r="Q7072" i="10"/>
  <c r="D7064" i="26" s="1"/>
  <c r="C6744" i="26"/>
  <c r="Q6752" i="10"/>
  <c r="D6744" i="26" s="1"/>
  <c r="C6392" i="26"/>
  <c r="Q6400" i="10"/>
  <c r="D6392" i="26" s="1"/>
  <c r="C6040" i="26"/>
  <c r="Q6048" i="10"/>
  <c r="D6040" i="26" s="1"/>
  <c r="C7343" i="26"/>
  <c r="Q7351" i="10"/>
  <c r="D7343" i="26" s="1"/>
  <c r="C6991" i="26"/>
  <c r="Q6999" i="10"/>
  <c r="D6991" i="26" s="1"/>
  <c r="C6639" i="26"/>
  <c r="Q6647" i="10"/>
  <c r="D6639" i="26" s="1"/>
  <c r="C6319" i="26"/>
  <c r="Q6327" i="10"/>
  <c r="D6319" i="26" s="1"/>
  <c r="C5967" i="26"/>
  <c r="Q5975" i="10"/>
  <c r="D5967" i="26" s="1"/>
  <c r="C7270" i="26"/>
  <c r="Q7278" i="10"/>
  <c r="D7270" i="26" s="1"/>
  <c r="C6950" i="26"/>
  <c r="Q6958" i="10"/>
  <c r="D6950" i="26" s="1"/>
  <c r="C6598" i="26"/>
  <c r="Q6606" i="10"/>
  <c r="D6598" i="26" s="1"/>
  <c r="C6246" i="26"/>
  <c r="Q6254" i="10"/>
  <c r="D6246" i="26" s="1"/>
  <c r="Q5299" i="10"/>
  <c r="D5291" i="26" s="1"/>
  <c r="C5291" i="26"/>
  <c r="E5291" i="26" s="1"/>
  <c r="C4939" i="26"/>
  <c r="E4939" i="26" s="1"/>
  <c r="Q4947" i="10"/>
  <c r="D4939" i="26" s="1"/>
  <c r="C4619" i="26"/>
  <c r="Q4627" i="10"/>
  <c r="D4619" i="26" s="1"/>
  <c r="Q4275" i="10"/>
  <c r="D4267" i="26" s="1"/>
  <c r="C4267" i="26"/>
  <c r="Q3923" i="10"/>
  <c r="D3915" i="26" s="1"/>
  <c r="C3915" i="26"/>
  <c r="Q3603" i="10"/>
  <c r="D3595" i="26" s="1"/>
  <c r="C3595" i="26"/>
  <c r="E3595" i="26" s="1"/>
  <c r="Q3251" i="10"/>
  <c r="D3243" i="26" s="1"/>
  <c r="C3243" i="26"/>
  <c r="E3243" i="26" s="1"/>
  <c r="Q2899" i="10"/>
  <c r="D2891" i="26" s="1"/>
  <c r="C2891" i="26"/>
  <c r="C5578" i="26"/>
  <c r="Q5586" i="10"/>
  <c r="D5578" i="26" s="1"/>
  <c r="C5258" i="26"/>
  <c r="Q5266" i="10"/>
  <c r="D5258" i="26" s="1"/>
  <c r="C4906" i="26"/>
  <c r="E4906" i="26" s="1"/>
  <c r="Q4914" i="10"/>
  <c r="D4906" i="26" s="1"/>
  <c r="C4554" i="26"/>
  <c r="E4554" i="26" s="1"/>
  <c r="Q4562" i="10"/>
  <c r="D4554" i="26" s="1"/>
  <c r="C4234" i="26"/>
  <c r="E4234" i="26" s="1"/>
  <c r="Q4242" i="10"/>
  <c r="D4234" i="26" s="1"/>
  <c r="Q3890" i="10"/>
  <c r="D3882" i="26" s="1"/>
  <c r="C3882" i="26"/>
  <c r="E3882" i="26" s="1"/>
  <c r="Q3538" i="10"/>
  <c r="D3530" i="26" s="1"/>
  <c r="C3530" i="26"/>
  <c r="Q3218" i="10"/>
  <c r="D3210" i="26" s="1"/>
  <c r="C3210" i="26"/>
  <c r="Q2866" i="10"/>
  <c r="D2858" i="26" s="1"/>
  <c r="C2858" i="26"/>
  <c r="E2858" i="26" s="1"/>
  <c r="C4373" i="26"/>
  <c r="Q4381" i="10"/>
  <c r="D4373" i="26" s="1"/>
  <c r="C7237" i="26"/>
  <c r="Q7245" i="10"/>
  <c r="D7237" i="26" s="1"/>
  <c r="C6597" i="26"/>
  <c r="Q6605" i="10"/>
  <c r="D6597" i="26" s="1"/>
  <c r="C4601" i="26"/>
  <c r="Q4609" i="10"/>
  <c r="D4601" i="26" s="1"/>
  <c r="C4249" i="26"/>
  <c r="Q4257" i="10"/>
  <c r="D4249" i="26" s="1"/>
  <c r="Q3905" i="10"/>
  <c r="D3897" i="26" s="1"/>
  <c r="C3897" i="26"/>
  <c r="E3897" i="26" s="1"/>
  <c r="Q3585" i="10"/>
  <c r="D3577" i="26" s="1"/>
  <c r="C3577" i="26"/>
  <c r="Q3233" i="10"/>
  <c r="D3225" i="26" s="1"/>
  <c r="C3225" i="26"/>
  <c r="Q2881" i="10"/>
  <c r="D2873" i="26" s="1"/>
  <c r="C2873" i="26"/>
  <c r="C5624" i="26"/>
  <c r="Q5632" i="10"/>
  <c r="D5624" i="26" s="1"/>
  <c r="C5304" i="26"/>
  <c r="Q5312" i="10"/>
  <c r="D5304" i="26" s="1"/>
  <c r="C4952" i="26"/>
  <c r="E4952" i="26" s="1"/>
  <c r="Q4960" i="10"/>
  <c r="D4952" i="26" s="1"/>
  <c r="C4600" i="26"/>
  <c r="E4600" i="26" s="1"/>
  <c r="Q4608" i="10"/>
  <c r="D4600" i="26" s="1"/>
  <c r="C4280" i="26"/>
  <c r="Q4288" i="10"/>
  <c r="D4280" i="26" s="1"/>
  <c r="Q3936" i="10"/>
  <c r="D3928" i="26" s="1"/>
  <c r="C3928" i="26"/>
  <c r="E3928" i="26" s="1"/>
  <c r="Q3584" i="10"/>
  <c r="D3576" i="26" s="1"/>
  <c r="C3576" i="26"/>
  <c r="E3576" i="26" s="1"/>
  <c r="Q3264" i="10"/>
  <c r="D3256" i="26" s="1"/>
  <c r="C3256" i="26"/>
  <c r="Q2912" i="10"/>
  <c r="D2904" i="26" s="1"/>
  <c r="C2904" i="26"/>
  <c r="E2904" i="26" s="1"/>
  <c r="C5639" i="26"/>
  <c r="Q5647" i="10"/>
  <c r="D5639" i="26" s="1"/>
  <c r="C5287" i="26"/>
  <c r="E5287" i="26" s="1"/>
  <c r="Q5295" i="10"/>
  <c r="D5287" i="26" s="1"/>
  <c r="C4967" i="26"/>
  <c r="E4967" i="26" s="1"/>
  <c r="Q4975" i="10"/>
  <c r="D4967" i="26" s="1"/>
  <c r="C4615" i="26"/>
  <c r="Q4623" i="10"/>
  <c r="D4615" i="26" s="1"/>
  <c r="C4263" i="26"/>
  <c r="E4263" i="26" s="1"/>
  <c r="Q4271" i="10"/>
  <c r="D4263" i="26" s="1"/>
  <c r="C3943" i="26"/>
  <c r="Q3951" i="10"/>
  <c r="D3943" i="26" s="1"/>
  <c r="Q3599" i="10"/>
  <c r="D3591" i="26" s="1"/>
  <c r="C3591" i="26"/>
  <c r="Q3247" i="10"/>
  <c r="D3239" i="26" s="1"/>
  <c r="C3239" i="26"/>
  <c r="E3239" i="26" s="1"/>
  <c r="Q2927" i="10"/>
  <c r="D2919" i="26" s="1"/>
  <c r="C2919" i="26"/>
  <c r="C5294" i="26"/>
  <c r="Q5302" i="10"/>
  <c r="D5294" i="26" s="1"/>
  <c r="C4942" i="26"/>
  <c r="E4942" i="26" s="1"/>
  <c r="Q4950" i="10"/>
  <c r="D4942" i="26" s="1"/>
  <c r="C4622" i="26"/>
  <c r="E4622" i="26" s="1"/>
  <c r="Q4630" i="10"/>
  <c r="D4622" i="26" s="1"/>
  <c r="C4270" i="26"/>
  <c r="Q4278" i="10"/>
  <c r="D4270" i="26" s="1"/>
  <c r="Q3926" i="10"/>
  <c r="D3918" i="26" s="1"/>
  <c r="C3918" i="26"/>
  <c r="E3918" i="26" s="1"/>
  <c r="Q3606" i="10"/>
  <c r="D3598" i="26" s="1"/>
  <c r="C3598" i="26"/>
  <c r="E3598" i="26" s="1"/>
  <c r="Q3254" i="10"/>
  <c r="D3246" i="26" s="1"/>
  <c r="C3246" i="26"/>
  <c r="Q2902" i="10"/>
  <c r="D2894" i="26" s="1"/>
  <c r="C2894" i="26"/>
  <c r="E2894" i="26" s="1"/>
  <c r="C5485" i="26"/>
  <c r="Q5493" i="10"/>
  <c r="D5485" i="26" s="1"/>
  <c r="C4653" i="26"/>
  <c r="Q4661" i="10"/>
  <c r="D4653" i="26" s="1"/>
  <c r="C3629" i="26"/>
  <c r="Q3637" i="10"/>
  <c r="D3629" i="26" s="1"/>
  <c r="C5580" i="26"/>
  <c r="Q5588" i="10"/>
  <c r="D5580" i="26" s="1"/>
  <c r="C5164" i="26"/>
  <c r="E5164" i="26" s="1"/>
  <c r="Q5172" i="10"/>
  <c r="D5164" i="26" s="1"/>
  <c r="C4652" i="26"/>
  <c r="Q4660" i="10"/>
  <c r="D4652" i="26" s="1"/>
  <c r="C4140" i="26"/>
  <c r="Q4148" i="10"/>
  <c r="D4140" i="26" s="1"/>
  <c r="C3628" i="26"/>
  <c r="Q3636" i="10"/>
  <c r="D3628" i="26" s="1"/>
  <c r="C3116" i="26"/>
  <c r="E3116" i="26" s="1"/>
  <c r="Q3124" i="10"/>
  <c r="D3116" i="26" s="1"/>
  <c r="O136" i="10"/>
  <c r="O15" i="10"/>
  <c r="O5687" i="10"/>
  <c r="P5687" i="10" s="1"/>
  <c r="O5559" i="10"/>
  <c r="P5559" i="10" s="1"/>
  <c r="O5431" i="10"/>
  <c r="P5431" i="10" s="1"/>
  <c r="O5303" i="10"/>
  <c r="P5303" i="10" s="1"/>
  <c r="O5175" i="10"/>
  <c r="P5175" i="10" s="1"/>
  <c r="O5047" i="10"/>
  <c r="P5047" i="10" s="1"/>
  <c r="O4919" i="10"/>
  <c r="P4919" i="10" s="1"/>
  <c r="O4791" i="10"/>
  <c r="P4791" i="10" s="1"/>
  <c r="O4663" i="10"/>
  <c r="P4663" i="10" s="1"/>
  <c r="O4535" i="10"/>
  <c r="P4535" i="10" s="1"/>
  <c r="O4407" i="10"/>
  <c r="P4407" i="10" s="1"/>
  <c r="O4279" i="10"/>
  <c r="P4279" i="10" s="1"/>
  <c r="O4151" i="10"/>
  <c r="P4151" i="10" s="1"/>
  <c r="O4023" i="10"/>
  <c r="P4023" i="10" s="1"/>
  <c r="O3895" i="10"/>
  <c r="P3895" i="10" s="1"/>
  <c r="O3767" i="10"/>
  <c r="P3767" i="10" s="1"/>
  <c r="O3639" i="10"/>
  <c r="P3639" i="10" s="1"/>
  <c r="O6006" i="10"/>
  <c r="P6006" i="10" s="1"/>
  <c r="O5878" i="10"/>
  <c r="P5878" i="10" s="1"/>
  <c r="O5909" i="10"/>
  <c r="P5909" i="10" s="1"/>
  <c r="O5736" i="10"/>
  <c r="P5736" i="10" s="1"/>
  <c r="O5608" i="10"/>
  <c r="P5608" i="10" s="1"/>
  <c r="O5480" i="10"/>
  <c r="P5480" i="10" s="1"/>
  <c r="O5310" i="10"/>
  <c r="P5310" i="10" s="1"/>
  <c r="O5182" i="10"/>
  <c r="P5182" i="10" s="1"/>
  <c r="O5054" i="10"/>
  <c r="P5054" i="10" s="1"/>
  <c r="O4926" i="10"/>
  <c r="P4926" i="10" s="1"/>
  <c r="O4798" i="10"/>
  <c r="P4798" i="10" s="1"/>
  <c r="O5924" i="10"/>
  <c r="P5924" i="10" s="1"/>
  <c r="O5915" i="10"/>
  <c r="P5915" i="10" s="1"/>
  <c r="O5787" i="10"/>
  <c r="P5787" i="10" s="1"/>
  <c r="O5922" i="10"/>
  <c r="P5922" i="10" s="1"/>
  <c r="O5794" i="10"/>
  <c r="P5794" i="10" s="1"/>
  <c r="O5945" i="10"/>
  <c r="P5945" i="10" s="1"/>
  <c r="O5817" i="10"/>
  <c r="P5817" i="10" s="1"/>
  <c r="O5902" i="10"/>
  <c r="P5902" i="10" s="1"/>
  <c r="O5853" i="10"/>
  <c r="P5853" i="10" s="1"/>
  <c r="O5813" i="10"/>
  <c r="P5813" i="10" s="1"/>
  <c r="O210" i="10"/>
  <c r="O5533" i="10"/>
  <c r="P5533" i="10" s="1"/>
  <c r="O2717" i="10"/>
  <c r="O1117" i="10"/>
  <c r="O29" i="10"/>
  <c r="O5332" i="10"/>
  <c r="P5332" i="10" s="1"/>
  <c r="O5204" i="10"/>
  <c r="P5204" i="10" s="1"/>
  <c r="O5076" i="10"/>
  <c r="P5076" i="10" s="1"/>
  <c r="O4948" i="10"/>
  <c r="P4948" i="10" s="1"/>
  <c r="O4820" i="10"/>
  <c r="P4820" i="10" s="1"/>
  <c r="O4692" i="10"/>
  <c r="P4692" i="10" s="1"/>
  <c r="O4564" i="10"/>
  <c r="P4564" i="10" s="1"/>
  <c r="O4436" i="10"/>
  <c r="P4436" i="10" s="1"/>
  <c r="O4308" i="10"/>
  <c r="P4308" i="10" s="1"/>
  <c r="O4180" i="10"/>
  <c r="P4180" i="10" s="1"/>
  <c r="O4052" i="10"/>
  <c r="P4052" i="10" s="1"/>
  <c r="O3924" i="10"/>
  <c r="P3924" i="10" s="1"/>
  <c r="O3796" i="10"/>
  <c r="P3796" i="10" s="1"/>
  <c r="O3668" i="10"/>
  <c r="P3668" i="10" s="1"/>
  <c r="O3540" i="10"/>
  <c r="P3540" i="10" s="1"/>
  <c r="O3412" i="10"/>
  <c r="P3412" i="10" s="1"/>
  <c r="O3284" i="10"/>
  <c r="P3284" i="10" s="1"/>
  <c r="O3156" i="10"/>
  <c r="P3156" i="10" s="1"/>
  <c r="O3028" i="10"/>
  <c r="P3028" i="10" s="1"/>
  <c r="O2900" i="10"/>
  <c r="P2900" i="10" s="1"/>
  <c r="O2772" i="10"/>
  <c r="O2644" i="10"/>
  <c r="O2516" i="10"/>
  <c r="O2388" i="10"/>
  <c r="O2260" i="10"/>
  <c r="O2132" i="10"/>
  <c r="O2004" i="10"/>
  <c r="O1876" i="10"/>
  <c r="O1748" i="10"/>
  <c r="O1620" i="10"/>
  <c r="O1492" i="10"/>
  <c r="O1364" i="10"/>
  <c r="O1236" i="10"/>
  <c r="O1108" i="10"/>
  <c r="O980" i="10"/>
  <c r="O852" i="10"/>
  <c r="O724" i="10"/>
  <c r="O596" i="10"/>
  <c r="O468" i="10"/>
  <c r="O340" i="10"/>
  <c r="O212" i="10"/>
  <c r="O84" i="10"/>
  <c r="O5109" i="10"/>
  <c r="P5109" i="10" s="1"/>
  <c r="O4853" i="10"/>
  <c r="P4853" i="10" s="1"/>
  <c r="O4597" i="10"/>
  <c r="P4597" i="10" s="1"/>
  <c r="O4341" i="10"/>
  <c r="P4341" i="10" s="1"/>
  <c r="O4085" i="10"/>
  <c r="P4085" i="10" s="1"/>
  <c r="O3829" i="10"/>
  <c r="P3829" i="10" s="1"/>
  <c r="O3573" i="10"/>
  <c r="P3573" i="10" s="1"/>
  <c r="O3317" i="10"/>
  <c r="P3317" i="10" s="1"/>
  <c r="O3061" i="10"/>
  <c r="P3061" i="10" s="1"/>
  <c r="O2805" i="10"/>
  <c r="O2549" i="10"/>
  <c r="O2293" i="10"/>
  <c r="O2037" i="10"/>
  <c r="O1781" i="10"/>
  <c r="O1525" i="10"/>
  <c r="O1269" i="10"/>
  <c r="O1013" i="10"/>
  <c r="O757" i="10"/>
  <c r="O501" i="10"/>
  <c r="O245" i="10"/>
  <c r="O14" i="10"/>
  <c r="P14" i="10" s="1"/>
  <c r="T6501" i="10"/>
  <c r="S6501" i="10"/>
  <c r="S6940" i="10"/>
  <c r="T6940" i="10"/>
  <c r="T7205" i="10"/>
  <c r="S7205" i="10"/>
  <c r="T6821" i="10"/>
  <c r="S6821" i="10"/>
  <c r="T6309" i="10"/>
  <c r="S6309" i="10"/>
  <c r="S7260" i="10"/>
  <c r="T7260" i="10"/>
  <c r="T6748" i="10"/>
  <c r="S6748" i="10"/>
  <c r="T6108" i="10"/>
  <c r="S6108" i="10"/>
  <c r="S7123" i="10"/>
  <c r="T7123" i="10"/>
  <c r="T6611" i="10"/>
  <c r="S6611" i="10"/>
  <c r="S6227" i="10"/>
  <c r="T6227" i="10"/>
  <c r="S7386" i="10"/>
  <c r="T7386" i="10"/>
  <c r="S6746" i="10"/>
  <c r="T6746" i="10"/>
  <c r="S7429" i="10"/>
  <c r="T7429" i="10"/>
  <c r="S7173" i="10"/>
  <c r="T7173" i="10"/>
  <c r="T6917" i="10"/>
  <c r="S6917" i="10"/>
  <c r="S6661" i="10"/>
  <c r="T6661" i="10"/>
  <c r="S6405" i="10"/>
  <c r="T6405" i="10"/>
  <c r="S6149" i="10"/>
  <c r="T6149" i="10"/>
  <c r="S7228" i="10"/>
  <c r="T7228" i="10"/>
  <c r="S6972" i="10"/>
  <c r="T6972" i="10"/>
  <c r="S6716" i="10"/>
  <c r="T6716" i="10"/>
  <c r="S6460" i="10"/>
  <c r="T6460" i="10"/>
  <c r="S6204" i="10"/>
  <c r="T6204" i="10"/>
  <c r="S7347" i="10"/>
  <c r="T7347" i="10"/>
  <c r="S7091" i="10"/>
  <c r="T7091" i="10"/>
  <c r="S6835" i="10"/>
  <c r="T6835" i="10"/>
  <c r="S6579" i="10"/>
  <c r="T6579" i="10"/>
  <c r="S6323" i="10"/>
  <c r="T6323" i="10"/>
  <c r="S6067" i="10"/>
  <c r="T6067" i="10"/>
  <c r="S5555" i="10"/>
  <c r="T5555" i="10"/>
  <c r="S7354" i="10"/>
  <c r="T7354" i="10"/>
  <c r="S7098" i="10"/>
  <c r="T7098" i="10"/>
  <c r="S6842" i="10"/>
  <c r="T6842" i="10"/>
  <c r="T6586" i="10"/>
  <c r="S6586" i="10"/>
  <c r="S6330" i="10"/>
  <c r="T6330" i="10"/>
  <c r="S6074" i="10"/>
  <c r="T6074" i="10"/>
  <c r="S7377" i="10"/>
  <c r="T7377" i="10"/>
  <c r="S7121" i="10"/>
  <c r="T7121" i="10"/>
  <c r="S6865" i="10"/>
  <c r="T6865" i="10"/>
  <c r="S6609" i="10"/>
  <c r="T6609" i="10"/>
  <c r="T6353" i="10"/>
  <c r="S6353" i="10"/>
  <c r="S6097" i="10"/>
  <c r="T6097" i="10"/>
  <c r="S5713" i="10"/>
  <c r="T5713" i="10"/>
  <c r="S5457" i="10"/>
  <c r="T5457" i="10"/>
  <c r="S5201" i="10"/>
  <c r="T5201" i="10"/>
  <c r="S4945" i="10"/>
  <c r="T4945" i="10"/>
  <c r="T7256" i="10"/>
  <c r="S7256" i="10"/>
  <c r="T7000" i="10"/>
  <c r="S7000" i="10"/>
  <c r="T6744" i="10"/>
  <c r="S6744" i="10"/>
  <c r="S6488" i="10"/>
  <c r="T6488" i="10"/>
  <c r="S6232" i="10"/>
  <c r="T6232" i="10"/>
  <c r="S5976" i="10"/>
  <c r="T5976" i="10"/>
  <c r="T7343" i="10"/>
  <c r="S7343" i="10"/>
  <c r="T7087" i="10"/>
  <c r="S7087" i="10"/>
  <c r="T6831" i="10"/>
  <c r="S6831" i="10"/>
  <c r="S6575" i="10"/>
  <c r="T6575" i="10"/>
  <c r="S6319" i="10"/>
  <c r="T6319" i="10"/>
  <c r="S6063" i="10"/>
  <c r="T6063" i="10"/>
  <c r="T7462" i="10"/>
  <c r="S7462" i="10"/>
  <c r="T7206" i="10"/>
  <c r="S7206" i="10"/>
  <c r="T6950" i="10"/>
  <c r="S6950" i="10"/>
  <c r="T6694" i="10"/>
  <c r="S6694" i="10"/>
  <c r="T6438" i="10"/>
  <c r="S6438" i="10"/>
  <c r="T6310" i="10"/>
  <c r="S6310" i="10"/>
  <c r="T6182" i="10"/>
  <c r="S6182" i="10"/>
  <c r="T6054" i="10"/>
  <c r="S6054" i="10"/>
  <c r="S5387" i="10"/>
  <c r="T5387" i="10"/>
  <c r="S5259" i="10"/>
  <c r="T5259" i="10"/>
  <c r="S5131" i="10"/>
  <c r="T5131" i="10"/>
  <c r="S5003" i="10"/>
  <c r="T5003" i="10"/>
  <c r="S4875" i="10"/>
  <c r="T4875" i="10"/>
  <c r="S4747" i="10"/>
  <c r="T4747" i="10"/>
  <c r="S4619" i="10"/>
  <c r="T4619" i="10"/>
  <c r="S4491" i="10"/>
  <c r="T4491" i="10"/>
  <c r="S4363" i="10"/>
  <c r="T4363" i="10"/>
  <c r="S4235" i="10"/>
  <c r="T4235" i="10"/>
  <c r="S4107" i="10"/>
  <c r="T4107" i="10"/>
  <c r="S3979" i="10"/>
  <c r="T3979" i="10"/>
  <c r="S3851" i="10"/>
  <c r="T3851" i="10"/>
  <c r="S3723" i="10"/>
  <c r="T3723" i="10"/>
  <c r="S3595" i="10"/>
  <c r="T3595" i="10"/>
  <c r="S3467" i="10"/>
  <c r="T3467" i="10"/>
  <c r="S3211" i="10"/>
  <c r="T3211" i="10"/>
  <c r="S3083" i="10"/>
  <c r="T3083" i="10"/>
  <c r="S2955" i="10"/>
  <c r="T2955" i="10"/>
  <c r="S5642" i="10"/>
  <c r="T5642" i="10"/>
  <c r="S5514" i="10"/>
  <c r="T5514" i="10"/>
  <c r="S5386" i="10"/>
  <c r="T5386" i="10"/>
  <c r="S5258" i="10"/>
  <c r="T5258" i="10"/>
  <c r="S5130" i="10"/>
  <c r="T5130" i="10"/>
  <c r="S5002" i="10"/>
  <c r="T5002" i="10"/>
  <c r="T4874" i="10"/>
  <c r="S4874" i="10"/>
  <c r="S4746" i="10"/>
  <c r="T4746" i="10"/>
  <c r="S4618" i="10"/>
  <c r="T4618" i="10"/>
  <c r="S4490" i="10"/>
  <c r="T4490" i="10"/>
  <c r="S4362" i="10"/>
  <c r="T4362" i="10"/>
  <c r="S4234" i="10"/>
  <c r="T4234" i="10"/>
  <c r="S4106" i="10"/>
  <c r="T4106" i="10"/>
  <c r="S3978" i="10"/>
  <c r="T3978" i="10"/>
  <c r="S3850" i="10"/>
  <c r="T3850" i="10"/>
  <c r="T3722" i="10"/>
  <c r="S3722" i="10"/>
  <c r="T3594" i="10"/>
  <c r="S3594" i="10"/>
  <c r="S3466" i="10"/>
  <c r="T3466" i="10"/>
  <c r="S3338" i="10"/>
  <c r="T3338" i="10"/>
  <c r="S3210" i="10"/>
  <c r="T3210" i="10"/>
  <c r="S3082" i="10"/>
  <c r="T3082" i="10"/>
  <c r="S2954" i="10"/>
  <c r="T2954" i="10"/>
  <c r="S5589" i="10"/>
  <c r="T5589" i="10"/>
  <c r="S5333" i="10"/>
  <c r="T5333" i="10"/>
  <c r="S5077" i="10"/>
  <c r="T5077" i="10"/>
  <c r="S4821" i="10"/>
  <c r="T4821" i="10"/>
  <c r="S4565" i="10"/>
  <c r="T4565" i="10"/>
  <c r="S4309" i="10"/>
  <c r="T4309" i="10"/>
  <c r="S4053" i="10"/>
  <c r="T4053" i="10"/>
  <c r="S3797" i="10"/>
  <c r="T3797" i="10"/>
  <c r="S3541" i="10"/>
  <c r="T3541" i="10"/>
  <c r="S3285" i="10"/>
  <c r="T3285" i="10"/>
  <c r="S3029" i="10"/>
  <c r="T3029" i="10"/>
  <c r="S5597" i="10"/>
  <c r="T5597" i="10"/>
  <c r="S4317" i="10"/>
  <c r="T4317" i="10"/>
  <c r="S4889" i="10"/>
  <c r="T4889" i="10"/>
  <c r="S4761" i="10"/>
  <c r="T4761" i="10"/>
  <c r="S4633" i="10"/>
  <c r="T4633" i="10"/>
  <c r="S4505" i="10"/>
  <c r="T4505" i="10"/>
  <c r="S4377" i="10"/>
  <c r="T4377" i="10"/>
  <c r="S4249" i="10"/>
  <c r="T4249" i="10"/>
  <c r="S4121" i="10"/>
  <c r="T4121" i="10"/>
  <c r="S3993" i="10"/>
  <c r="T3993" i="10"/>
  <c r="T3865" i="10"/>
  <c r="S3865" i="10"/>
  <c r="T3737" i="10"/>
  <c r="S3737" i="10"/>
  <c r="T3609" i="10"/>
  <c r="S3609" i="10"/>
  <c r="S3481" i="10"/>
  <c r="T3481" i="10"/>
  <c r="S3353" i="10"/>
  <c r="T3353" i="10"/>
  <c r="S3225" i="10"/>
  <c r="T3225" i="10"/>
  <c r="S3097" i="10"/>
  <c r="T3097" i="10"/>
  <c r="S2969" i="10"/>
  <c r="T2969" i="10"/>
  <c r="S5720" i="10"/>
  <c r="T5720" i="10"/>
  <c r="S5592" i="10"/>
  <c r="T5592" i="10"/>
  <c r="S5464" i="10"/>
  <c r="T5464" i="10"/>
  <c r="S4696" i="10"/>
  <c r="T4696" i="10"/>
  <c r="S4568" i="10"/>
  <c r="T4568" i="10"/>
  <c r="S4440" i="10"/>
  <c r="T4440" i="10"/>
  <c r="S4312" i="10"/>
  <c r="T4312" i="10"/>
  <c r="S4184" i="10"/>
  <c r="T4184" i="10"/>
  <c r="S4056" i="10"/>
  <c r="T4056" i="10"/>
  <c r="S3928" i="10"/>
  <c r="T3928" i="10"/>
  <c r="S3800" i="10"/>
  <c r="T3800" i="10"/>
  <c r="T3672" i="10"/>
  <c r="S3672" i="10"/>
  <c r="S3544" i="10"/>
  <c r="T3544" i="10"/>
  <c r="S3416" i="10"/>
  <c r="T3416" i="10"/>
  <c r="S3288" i="10"/>
  <c r="T3288" i="10"/>
  <c r="S3160" i="10"/>
  <c r="T3160" i="10"/>
  <c r="S3032" i="10"/>
  <c r="T3032" i="10"/>
  <c r="S2904" i="10"/>
  <c r="T2904" i="10"/>
  <c r="S5767" i="10"/>
  <c r="T5767" i="10"/>
  <c r="S5639" i="10"/>
  <c r="T5639" i="10"/>
  <c r="S5511" i="10"/>
  <c r="T5511" i="10"/>
  <c r="S5383" i="10"/>
  <c r="T5383" i="10"/>
  <c r="S5255" i="10"/>
  <c r="T5255" i="10"/>
  <c r="S5127" i="10"/>
  <c r="T5127" i="10"/>
  <c r="S4999" i="10"/>
  <c r="T4999" i="10"/>
  <c r="S4871" i="10"/>
  <c r="T4871" i="10"/>
  <c r="S4743" i="10"/>
  <c r="T4743" i="10"/>
  <c r="S4615" i="10"/>
  <c r="T4615" i="10"/>
  <c r="S4487" i="10"/>
  <c r="T4487" i="10"/>
  <c r="S4359" i="10"/>
  <c r="T4359" i="10"/>
  <c r="S4231" i="10"/>
  <c r="T4231" i="10"/>
  <c r="S4103" i="10"/>
  <c r="T4103" i="10"/>
  <c r="S3975" i="10"/>
  <c r="T3975" i="10"/>
  <c r="S3847" i="10"/>
  <c r="T3847" i="10"/>
  <c r="S3719" i="10"/>
  <c r="T3719" i="10"/>
  <c r="S3591" i="10"/>
  <c r="T3591" i="10"/>
  <c r="S3463" i="10"/>
  <c r="T3463" i="10"/>
  <c r="S3335" i="10"/>
  <c r="T3335" i="10"/>
  <c r="S3207" i="10"/>
  <c r="T3207" i="10"/>
  <c r="S3079" i="10"/>
  <c r="T3079" i="10"/>
  <c r="S2951" i="10"/>
  <c r="T2951" i="10"/>
  <c r="S5294" i="10"/>
  <c r="T5294" i="10"/>
  <c r="S5166" i="10"/>
  <c r="T5166" i="10"/>
  <c r="S5038" i="10"/>
  <c r="T5038" i="10"/>
  <c r="S4910" i="10"/>
  <c r="T4910" i="10"/>
  <c r="S4782" i="10"/>
  <c r="T4782" i="10"/>
  <c r="S4526" i="10"/>
  <c r="T4526" i="10"/>
  <c r="S4398" i="10"/>
  <c r="T4398" i="10"/>
  <c r="S4270" i="10"/>
  <c r="T4270" i="10"/>
  <c r="S4142" i="10"/>
  <c r="T4142" i="10"/>
  <c r="S4014" i="10"/>
  <c r="T4014" i="10"/>
  <c r="S3886" i="10"/>
  <c r="T3886" i="10"/>
  <c r="S3758" i="10"/>
  <c r="T3758" i="10"/>
  <c r="S3630" i="10"/>
  <c r="T3630" i="10"/>
  <c r="S3502" i="10"/>
  <c r="T3502" i="10"/>
  <c r="S3374" i="10"/>
  <c r="T3374" i="10"/>
  <c r="S3246" i="10"/>
  <c r="T3246" i="10"/>
  <c r="S3118" i="10"/>
  <c r="T3118" i="10"/>
  <c r="S2990" i="10"/>
  <c r="T2990" i="10"/>
  <c r="S2862" i="10"/>
  <c r="T2862" i="10"/>
  <c r="S5677" i="10"/>
  <c r="T5677" i="10"/>
  <c r="S5421" i="10"/>
  <c r="T5421" i="10"/>
  <c r="S5165" i="10"/>
  <c r="T5165" i="10"/>
  <c r="S4909" i="10"/>
  <c r="T4909" i="10"/>
  <c r="S4653" i="10"/>
  <c r="T4653" i="10"/>
  <c r="S4397" i="10"/>
  <c r="T4397" i="10"/>
  <c r="S4141" i="10"/>
  <c r="T4141" i="10"/>
  <c r="S3885" i="10"/>
  <c r="T3885" i="10"/>
  <c r="S3629" i="10"/>
  <c r="T3629" i="10"/>
  <c r="T3373" i="10"/>
  <c r="S3373" i="10"/>
  <c r="S3117" i="10"/>
  <c r="T3117" i="10"/>
  <c r="S2861" i="10"/>
  <c r="T2861" i="10"/>
  <c r="S5708" i="10"/>
  <c r="T5708" i="10"/>
  <c r="S5580" i="10"/>
  <c r="T5580" i="10"/>
  <c r="S5452" i="10"/>
  <c r="T5452" i="10"/>
  <c r="S5324" i="10"/>
  <c r="T5324" i="10"/>
  <c r="S5196" i="10"/>
  <c r="T5196" i="10"/>
  <c r="S5068" i="10"/>
  <c r="T5068" i="10"/>
  <c r="S4940" i="10"/>
  <c r="T4940" i="10"/>
  <c r="S4812" i="10"/>
  <c r="T4812" i="10"/>
  <c r="S4684" i="10"/>
  <c r="T4684" i="10"/>
  <c r="S4556" i="10"/>
  <c r="T4556" i="10"/>
  <c r="S4428" i="10"/>
  <c r="T4428" i="10"/>
  <c r="S4300" i="10"/>
  <c r="T4300" i="10"/>
  <c r="S4172" i="10"/>
  <c r="T4172" i="10"/>
  <c r="S4044" i="10"/>
  <c r="T4044" i="10"/>
  <c r="S3916" i="10"/>
  <c r="T3916" i="10"/>
  <c r="S3788" i="10"/>
  <c r="T3788" i="10"/>
  <c r="T3660" i="10"/>
  <c r="S3660" i="10"/>
  <c r="S3532" i="10"/>
  <c r="T3532" i="10"/>
  <c r="S3404" i="10"/>
  <c r="T3404" i="10"/>
  <c r="S3276" i="10"/>
  <c r="T3276" i="10"/>
  <c r="S3148" i="10"/>
  <c r="T3148" i="10"/>
  <c r="S3020" i="10"/>
  <c r="T3020" i="10"/>
  <c r="S2892" i="10"/>
  <c r="T2892" i="10"/>
  <c r="S3677" i="10"/>
  <c r="T3677" i="10"/>
  <c r="T7421" i="10"/>
  <c r="S7421" i="10"/>
  <c r="S7165" i="10"/>
  <c r="T7165" i="10"/>
  <c r="T6909" i="10"/>
  <c r="S6909" i="10"/>
  <c r="T6653" i="10"/>
  <c r="S6653" i="10"/>
  <c r="S6397" i="10"/>
  <c r="T6397" i="10"/>
  <c r="S6141" i="10"/>
  <c r="T6141" i="10"/>
  <c r="T7348" i="10"/>
  <c r="S7348" i="10"/>
  <c r="T7220" i="10"/>
  <c r="S7220" i="10"/>
  <c r="T7092" i="10"/>
  <c r="S7092" i="10"/>
  <c r="T6964" i="10"/>
  <c r="S6964" i="10"/>
  <c r="T6836" i="10"/>
  <c r="S6836" i="10"/>
  <c r="S6708" i="10"/>
  <c r="T6708" i="10"/>
  <c r="T6580" i="10"/>
  <c r="S6580" i="10"/>
  <c r="T6452" i="10"/>
  <c r="S6452" i="10"/>
  <c r="S6324" i="10"/>
  <c r="T6324" i="10"/>
  <c r="S6196" i="10"/>
  <c r="T6196" i="10"/>
  <c r="T6068" i="10"/>
  <c r="S6068" i="10"/>
  <c r="S7339" i="10"/>
  <c r="T7339" i="10"/>
  <c r="S7211" i="10"/>
  <c r="T7211" i="10"/>
  <c r="S7083" i="10"/>
  <c r="T7083" i="10"/>
  <c r="S6955" i="10"/>
  <c r="T6955" i="10"/>
  <c r="S6827" i="10"/>
  <c r="T6827" i="10"/>
  <c r="S6699" i="10"/>
  <c r="T6699" i="10"/>
  <c r="S6571" i="10"/>
  <c r="T6571" i="10"/>
  <c r="S6443" i="10"/>
  <c r="T6443" i="10"/>
  <c r="T6315" i="10"/>
  <c r="S6315" i="10"/>
  <c r="T6187" i="10"/>
  <c r="S6187" i="10"/>
  <c r="T6059" i="10"/>
  <c r="S6059" i="10"/>
  <c r="S5675" i="10"/>
  <c r="T5675" i="10"/>
  <c r="S5547" i="10"/>
  <c r="T5547" i="10"/>
  <c r="S5419" i="10"/>
  <c r="T5419" i="10"/>
  <c r="T7346" i="10"/>
  <c r="S7346" i="10"/>
  <c r="T7218" i="10"/>
  <c r="S7218" i="10"/>
  <c r="T7090" i="10"/>
  <c r="S7090" i="10"/>
  <c r="T6962" i="10"/>
  <c r="S6962" i="10"/>
  <c r="T6834" i="10"/>
  <c r="S6834" i="10"/>
  <c r="T6706" i="10"/>
  <c r="S6706" i="10"/>
  <c r="T6578" i="10"/>
  <c r="S6578" i="10"/>
  <c r="T6450" i="10"/>
  <c r="S6450" i="10"/>
  <c r="T6322" i="10"/>
  <c r="S6322" i="10"/>
  <c r="T6194" i="10"/>
  <c r="S6194" i="10"/>
  <c r="S6066" i="10"/>
  <c r="T6066" i="10"/>
  <c r="S7369" i="10"/>
  <c r="T7369" i="10"/>
  <c r="T7241" i="10"/>
  <c r="S7241" i="10"/>
  <c r="T7113" i="10"/>
  <c r="S7113" i="10"/>
  <c r="S6985" i="10"/>
  <c r="T6985" i="10"/>
  <c r="S6857" i="10"/>
  <c r="T6857" i="10"/>
  <c r="T6729" i="10"/>
  <c r="S6729" i="10"/>
  <c r="S6601" i="10"/>
  <c r="T6601" i="10"/>
  <c r="S6473" i="10"/>
  <c r="T6473" i="10"/>
  <c r="T6345" i="10"/>
  <c r="S6345" i="10"/>
  <c r="S6217" i="10"/>
  <c r="T6217" i="10"/>
  <c r="S6089" i="10"/>
  <c r="T6089" i="10"/>
  <c r="S5705" i="10"/>
  <c r="T5705" i="10"/>
  <c r="S5577" i="10"/>
  <c r="T5577" i="10"/>
  <c r="S5449" i="10"/>
  <c r="T5449" i="10"/>
  <c r="S5321" i="10"/>
  <c r="T5321" i="10"/>
  <c r="S5193" i="10"/>
  <c r="T5193" i="10"/>
  <c r="S5065" i="10"/>
  <c r="T5065" i="10"/>
  <c r="S4937" i="10"/>
  <c r="T4937" i="10"/>
  <c r="S7376" i="10"/>
  <c r="T7376" i="10"/>
  <c r="S7248" i="10"/>
  <c r="T7248" i="10"/>
  <c r="S7120" i="10"/>
  <c r="T7120" i="10"/>
  <c r="S6992" i="10"/>
  <c r="T6992" i="10"/>
  <c r="S6864" i="10"/>
  <c r="T6864" i="10"/>
  <c r="S6736" i="10"/>
  <c r="T6736" i="10"/>
  <c r="S6608" i="10"/>
  <c r="T6608" i="10"/>
  <c r="S6480" i="10"/>
  <c r="T6480" i="10"/>
  <c r="S6352" i="10"/>
  <c r="T6352" i="10"/>
  <c r="S6224" i="10"/>
  <c r="T6224" i="10"/>
  <c r="S6096" i="10"/>
  <c r="T6096" i="10"/>
  <c r="S5968" i="10"/>
  <c r="T5968" i="10"/>
  <c r="S5840" i="10"/>
  <c r="T5840" i="10"/>
  <c r="S7335" i="10"/>
  <c r="T7335" i="10"/>
  <c r="S7207" i="10"/>
  <c r="T7207" i="10"/>
  <c r="S7079" i="10"/>
  <c r="T7079" i="10"/>
  <c r="S6951" i="10"/>
  <c r="T6951" i="10"/>
  <c r="S6823" i="10"/>
  <c r="T6823" i="10"/>
  <c r="S6695" i="10"/>
  <c r="T6695" i="10"/>
  <c r="S6567" i="10"/>
  <c r="T6567" i="10"/>
  <c r="S6439" i="10"/>
  <c r="T6439" i="10"/>
  <c r="S6311" i="10"/>
  <c r="T6311" i="10"/>
  <c r="S6183" i="10"/>
  <c r="T6183" i="10"/>
  <c r="S6055" i="10"/>
  <c r="T6055" i="10"/>
  <c r="S5927" i="10"/>
  <c r="T5927" i="10"/>
  <c r="S7454" i="10"/>
  <c r="T7454" i="10"/>
  <c r="S7326" i="10"/>
  <c r="T7326" i="10"/>
  <c r="S7198" i="10"/>
  <c r="T7198" i="10"/>
  <c r="S7070" i="10"/>
  <c r="T7070" i="10"/>
  <c r="S6942" i="10"/>
  <c r="T6942" i="10"/>
  <c r="S6814" i="10"/>
  <c r="T6814" i="10"/>
  <c r="S6686" i="10"/>
  <c r="T6686" i="10"/>
  <c r="S6558" i="10"/>
  <c r="T6558" i="10"/>
  <c r="S6430" i="10"/>
  <c r="T6430" i="10"/>
  <c r="S6302" i="10"/>
  <c r="T6302" i="10"/>
  <c r="S6174" i="10"/>
  <c r="T6174" i="10"/>
  <c r="S6046" i="10"/>
  <c r="T6046" i="10"/>
  <c r="S5379" i="10"/>
  <c r="T5379" i="10"/>
  <c r="S5251" i="10"/>
  <c r="T5251" i="10"/>
  <c r="S5123" i="10"/>
  <c r="T5123" i="10"/>
  <c r="S4995" i="10"/>
  <c r="T4995" i="10"/>
  <c r="S4867" i="10"/>
  <c r="T4867" i="10"/>
  <c r="S4739" i="10"/>
  <c r="T4739" i="10"/>
  <c r="S4611" i="10"/>
  <c r="T4611" i="10"/>
  <c r="S4483" i="10"/>
  <c r="T4483" i="10"/>
  <c r="S4355" i="10"/>
  <c r="T4355" i="10"/>
  <c r="S4227" i="10"/>
  <c r="T4227" i="10"/>
  <c r="S4099" i="10"/>
  <c r="T4099" i="10"/>
  <c r="S3971" i="10"/>
  <c r="T3971" i="10"/>
  <c r="S3843" i="10"/>
  <c r="T3843" i="10"/>
  <c r="S3715" i="10"/>
  <c r="T3715" i="10"/>
  <c r="S3587" i="10"/>
  <c r="T3587" i="10"/>
  <c r="S3459" i="10"/>
  <c r="T3459" i="10"/>
  <c r="S3331" i="10"/>
  <c r="T3331" i="10"/>
  <c r="S3203" i="10"/>
  <c r="T3203" i="10"/>
  <c r="S3075" i="10"/>
  <c r="T3075" i="10"/>
  <c r="S2947" i="10"/>
  <c r="T2947" i="10"/>
  <c r="T5762" i="10"/>
  <c r="S5762" i="10"/>
  <c r="T5634" i="10"/>
  <c r="S5634" i="10"/>
  <c r="T5506" i="10"/>
  <c r="S5506" i="10"/>
  <c r="T5378" i="10"/>
  <c r="S5378" i="10"/>
  <c r="T5250" i="10"/>
  <c r="S5250" i="10"/>
  <c r="T5122" i="10"/>
  <c r="S5122" i="10"/>
  <c r="T4994" i="10"/>
  <c r="S4994" i="10"/>
  <c r="T4866" i="10"/>
  <c r="S4866" i="10"/>
  <c r="S4738" i="10"/>
  <c r="T4738" i="10"/>
  <c r="S4610" i="10"/>
  <c r="T4610" i="10"/>
  <c r="S4482" i="10"/>
  <c r="T4482" i="10"/>
  <c r="S4354" i="10"/>
  <c r="T4354" i="10"/>
  <c r="S4226" i="10"/>
  <c r="T4226" i="10"/>
  <c r="S4098" i="10"/>
  <c r="T4098" i="10"/>
  <c r="S3970" i="10"/>
  <c r="T3970" i="10"/>
  <c r="T3842" i="10"/>
  <c r="S3842" i="10"/>
  <c r="S3714" i="10"/>
  <c r="T3714" i="10"/>
  <c r="S3586" i="10"/>
  <c r="T3586" i="10"/>
  <c r="S3458" i="10"/>
  <c r="T3458" i="10"/>
  <c r="S3330" i="10"/>
  <c r="T3330" i="10"/>
  <c r="S3202" i="10"/>
  <c r="T3202" i="10"/>
  <c r="S3074" i="10"/>
  <c r="T3074" i="10"/>
  <c r="S2946" i="10"/>
  <c r="T2946" i="10"/>
  <c r="S5645" i="10"/>
  <c r="T5645" i="10"/>
  <c r="S5389" i="10"/>
  <c r="T5389" i="10"/>
  <c r="S5133" i="10"/>
  <c r="T5133" i="10"/>
  <c r="S4877" i="10"/>
  <c r="T4877" i="10"/>
  <c r="S4621" i="10"/>
  <c r="T4621" i="10"/>
  <c r="S4365" i="10"/>
  <c r="T4365" i="10"/>
  <c r="S4109" i="10"/>
  <c r="T4109" i="10"/>
  <c r="S3853" i="10"/>
  <c r="T3853" i="10"/>
  <c r="S3597" i="10"/>
  <c r="T3597" i="10"/>
  <c r="S3341" i="10"/>
  <c r="T3341" i="10"/>
  <c r="S3085" i="10"/>
  <c r="T3085" i="10"/>
  <c r="S5661" i="10"/>
  <c r="T5661" i="10"/>
  <c r="S4765" i="10"/>
  <c r="T4765" i="10"/>
  <c r="S7325" i="10"/>
  <c r="T7325" i="10"/>
  <c r="S7069" i="10"/>
  <c r="T7069" i="10"/>
  <c r="S6813" i="10"/>
  <c r="T6813" i="10"/>
  <c r="S6557" i="10"/>
  <c r="T6557" i="10"/>
  <c r="T6301" i="10"/>
  <c r="S6301" i="10"/>
  <c r="S6045" i="10"/>
  <c r="T6045" i="10"/>
  <c r="S4849" i="10"/>
  <c r="T4849" i="10"/>
  <c r="S4721" i="10"/>
  <c r="T4721" i="10"/>
  <c r="S4593" i="10"/>
  <c r="T4593" i="10"/>
  <c r="S4465" i="10"/>
  <c r="T4465" i="10"/>
  <c r="S4337" i="10"/>
  <c r="T4337" i="10"/>
  <c r="S4209" i="10"/>
  <c r="T4209" i="10"/>
  <c r="S4081" i="10"/>
  <c r="T4081" i="10"/>
  <c r="S3953" i="10"/>
  <c r="T3953" i="10"/>
  <c r="S3825" i="10"/>
  <c r="T3825" i="10"/>
  <c r="T3697" i="10"/>
  <c r="S3697" i="10"/>
  <c r="T3569" i="10"/>
  <c r="S3569" i="10"/>
  <c r="S3441" i="10"/>
  <c r="T3441" i="10"/>
  <c r="S3313" i="10"/>
  <c r="T3313" i="10"/>
  <c r="S3185" i="10"/>
  <c r="T3185" i="10"/>
  <c r="S3057" i="10"/>
  <c r="T3057" i="10"/>
  <c r="S2929" i="10"/>
  <c r="T2929" i="10"/>
  <c r="S5808" i="10"/>
  <c r="T5808" i="10"/>
  <c r="S5680" i="10"/>
  <c r="T5680" i="10"/>
  <c r="S5552" i="10"/>
  <c r="T5552" i="10"/>
  <c r="S5424" i="10"/>
  <c r="T5424" i="10"/>
  <c r="S5296" i="10"/>
  <c r="T5296" i="10"/>
  <c r="S5168" i="10"/>
  <c r="T5168" i="10"/>
  <c r="S5040" i="10"/>
  <c r="T5040" i="10"/>
  <c r="S4912" i="10"/>
  <c r="T4912" i="10"/>
  <c r="S4784" i="10"/>
  <c r="T4784" i="10"/>
  <c r="S4656" i="10"/>
  <c r="T4656" i="10"/>
  <c r="S4528" i="10"/>
  <c r="T4528" i="10"/>
  <c r="S4400" i="10"/>
  <c r="T4400" i="10"/>
  <c r="S4272" i="10"/>
  <c r="T4272" i="10"/>
  <c r="S4144" i="10"/>
  <c r="T4144" i="10"/>
  <c r="S4016" i="10"/>
  <c r="T4016" i="10"/>
  <c r="S3888" i="10"/>
  <c r="T3888" i="10"/>
  <c r="S3760" i="10"/>
  <c r="T3760" i="10"/>
  <c r="S3632" i="10"/>
  <c r="T3632" i="10"/>
  <c r="T3504" i="10"/>
  <c r="S3504" i="10"/>
  <c r="T3376" i="10"/>
  <c r="S3376" i="10"/>
  <c r="S3248" i="10"/>
  <c r="T3248" i="10"/>
  <c r="S3120" i="10"/>
  <c r="T3120" i="10"/>
  <c r="S2992" i="10"/>
  <c r="T2992" i="10"/>
  <c r="T2864" i="10"/>
  <c r="S2864" i="10"/>
  <c r="S5727" i="10"/>
  <c r="T5727" i="10"/>
  <c r="S5599" i="10"/>
  <c r="T5599" i="10"/>
  <c r="S5471" i="10"/>
  <c r="T5471" i="10"/>
  <c r="S5343" i="10"/>
  <c r="T5343" i="10"/>
  <c r="S5215" i="10"/>
  <c r="T5215" i="10"/>
  <c r="S5087" i="10"/>
  <c r="T5087" i="10"/>
  <c r="S4959" i="10"/>
  <c r="T4959" i="10"/>
  <c r="S4831" i="10"/>
  <c r="T4831" i="10"/>
  <c r="S4703" i="10"/>
  <c r="T4703" i="10"/>
  <c r="S4575" i="10"/>
  <c r="T4575" i="10"/>
  <c r="S4447" i="10"/>
  <c r="T4447" i="10"/>
  <c r="S4319" i="10"/>
  <c r="T4319" i="10"/>
  <c r="S4191" i="10"/>
  <c r="T4191" i="10"/>
  <c r="S4063" i="10"/>
  <c r="T4063" i="10"/>
  <c r="S3935" i="10"/>
  <c r="T3935" i="10"/>
  <c r="S3807" i="10"/>
  <c r="T3807" i="10"/>
  <c r="S3679" i="10"/>
  <c r="T3679" i="10"/>
  <c r="S3551" i="10"/>
  <c r="T3551" i="10"/>
  <c r="S3423" i="10"/>
  <c r="T3423" i="10"/>
  <c r="S3295" i="10"/>
  <c r="T3295" i="10"/>
  <c r="S3167" i="10"/>
  <c r="T3167" i="10"/>
  <c r="S3039" i="10"/>
  <c r="T3039" i="10"/>
  <c r="S2911" i="10"/>
  <c r="T2911" i="10"/>
  <c r="S5766" i="10"/>
  <c r="T5766" i="10"/>
  <c r="S5638" i="10"/>
  <c r="T5638" i="10"/>
  <c r="S5510" i="10"/>
  <c r="T5510" i="10"/>
  <c r="S5382" i="10"/>
  <c r="T5382" i="10"/>
  <c r="S5254" i="10"/>
  <c r="T5254" i="10"/>
  <c r="S5126" i="10"/>
  <c r="T5126" i="10"/>
  <c r="S4998" i="10"/>
  <c r="T4998" i="10"/>
  <c r="S4870" i="10"/>
  <c r="T4870" i="10"/>
  <c r="S5733" i="10"/>
  <c r="T5733" i="10"/>
  <c r="S5605" i="10"/>
  <c r="T5605" i="10"/>
  <c r="S5477" i="10"/>
  <c r="T5477" i="10"/>
  <c r="S5349" i="10"/>
  <c r="T5349" i="10"/>
  <c r="S5221" i="10"/>
  <c r="T5221" i="10"/>
  <c r="S5093" i="10"/>
  <c r="T5093" i="10"/>
  <c r="S4965" i="10"/>
  <c r="T4965" i="10"/>
  <c r="S4837" i="10"/>
  <c r="T4837" i="10"/>
  <c r="S4709" i="10"/>
  <c r="T4709" i="10"/>
  <c r="S4581" i="10"/>
  <c r="T4581" i="10"/>
  <c r="S4453" i="10"/>
  <c r="T4453" i="10"/>
  <c r="S4325" i="10"/>
  <c r="T4325" i="10"/>
  <c r="S4197" i="10"/>
  <c r="T4197" i="10"/>
  <c r="S4069" i="10"/>
  <c r="T4069" i="10"/>
  <c r="S3941" i="10"/>
  <c r="T3941" i="10"/>
  <c r="S3813" i="10"/>
  <c r="T3813" i="10"/>
  <c r="S3685" i="10"/>
  <c r="T3685" i="10"/>
  <c r="S3557" i="10"/>
  <c r="T3557" i="10"/>
  <c r="S3429" i="10"/>
  <c r="T3429" i="10"/>
  <c r="S3301" i="10"/>
  <c r="T3301" i="10"/>
  <c r="S3173" i="10"/>
  <c r="T3173" i="10"/>
  <c r="S3045" i="10"/>
  <c r="T3045" i="10"/>
  <c r="S2917" i="10"/>
  <c r="T2917" i="10"/>
  <c r="S5764" i="10"/>
  <c r="T5764" i="10"/>
  <c r="S5636" i="10"/>
  <c r="T5636" i="10"/>
  <c r="S5508" i="10"/>
  <c r="T5508" i="10"/>
  <c r="S5380" i="10"/>
  <c r="T5380" i="10"/>
  <c r="S5252" i="10"/>
  <c r="T5252" i="10"/>
  <c r="S5124" i="10"/>
  <c r="T5124" i="10"/>
  <c r="S4996" i="10"/>
  <c r="T4996" i="10"/>
  <c r="S4868" i="10"/>
  <c r="T4868" i="10"/>
  <c r="S4740" i="10"/>
  <c r="T4740" i="10"/>
  <c r="S4612" i="10"/>
  <c r="T4612" i="10"/>
  <c r="S4484" i="10"/>
  <c r="T4484" i="10"/>
  <c r="S4356" i="10"/>
  <c r="T4356" i="10"/>
  <c r="S4228" i="10"/>
  <c r="T4228" i="10"/>
  <c r="S4100" i="10"/>
  <c r="T4100" i="10"/>
  <c r="S3972" i="10"/>
  <c r="T3972" i="10"/>
  <c r="T3844" i="10"/>
  <c r="S3844" i="10"/>
  <c r="S3716" i="10"/>
  <c r="T3716" i="10"/>
  <c r="S3588" i="10"/>
  <c r="T3588" i="10"/>
  <c r="S3460" i="10"/>
  <c r="T3460" i="10"/>
  <c r="S3332" i="10"/>
  <c r="T3332" i="10"/>
  <c r="S3204" i="10"/>
  <c r="T3204" i="10"/>
  <c r="S3076" i="10"/>
  <c r="T3076" i="10"/>
  <c r="S2948" i="10"/>
  <c r="T2948" i="10"/>
  <c r="S5469" i="10"/>
  <c r="T5469" i="10"/>
  <c r="S3549" i="10"/>
  <c r="T3549" i="10"/>
  <c r="S7349" i="10"/>
  <c r="T7349" i="10"/>
  <c r="S7093" i="10"/>
  <c r="T7093" i="10"/>
  <c r="S6837" i="10"/>
  <c r="T6837" i="10"/>
  <c r="S6581" i="10"/>
  <c r="T6581" i="10"/>
  <c r="S6325" i="10"/>
  <c r="T6325" i="10"/>
  <c r="S6069" i="10"/>
  <c r="T6069" i="10"/>
  <c r="S7436" i="10"/>
  <c r="T7436" i="10"/>
  <c r="S7308" i="10"/>
  <c r="T7308" i="10"/>
  <c r="S7180" i="10"/>
  <c r="T7180" i="10"/>
  <c r="S7052" i="10"/>
  <c r="T7052" i="10"/>
  <c r="S6924" i="10"/>
  <c r="T6924" i="10"/>
  <c r="S6796" i="10"/>
  <c r="T6796" i="10"/>
  <c r="S6668" i="10"/>
  <c r="T6668" i="10"/>
  <c r="S6540" i="10"/>
  <c r="T6540" i="10"/>
  <c r="S6412" i="10"/>
  <c r="T6412" i="10"/>
  <c r="S6284" i="10"/>
  <c r="T6284" i="10"/>
  <c r="T6156" i="10"/>
  <c r="S6156" i="10"/>
  <c r="S6028" i="10"/>
  <c r="T6028" i="10"/>
  <c r="S7427" i="10"/>
  <c r="T7427" i="10"/>
  <c r="S7299" i="10"/>
  <c r="T7299" i="10"/>
  <c r="S7171" i="10"/>
  <c r="T7171" i="10"/>
  <c r="S7043" i="10"/>
  <c r="T7043" i="10"/>
  <c r="S6915" i="10"/>
  <c r="T6915" i="10"/>
  <c r="S6787" i="10"/>
  <c r="T6787" i="10"/>
  <c r="S6659" i="10"/>
  <c r="T6659" i="10"/>
  <c r="S6531" i="10"/>
  <c r="T6531" i="10"/>
  <c r="S6403" i="10"/>
  <c r="T6403" i="10"/>
  <c r="S6275" i="10"/>
  <c r="T6275" i="10"/>
  <c r="S6147" i="10"/>
  <c r="T6147" i="10"/>
  <c r="S6019" i="10"/>
  <c r="T6019" i="10"/>
  <c r="S5763" i="10"/>
  <c r="T5763" i="10"/>
  <c r="S5635" i="10"/>
  <c r="T5635" i="10"/>
  <c r="S5507" i="10"/>
  <c r="T5507" i="10"/>
  <c r="S7434" i="10"/>
  <c r="T7434" i="10"/>
  <c r="T7306" i="10"/>
  <c r="S7306" i="10"/>
  <c r="S7178" i="10"/>
  <c r="T7178" i="10"/>
  <c r="S7050" i="10"/>
  <c r="T7050" i="10"/>
  <c r="S6922" i="10"/>
  <c r="T6922" i="10"/>
  <c r="S6794" i="10"/>
  <c r="T6794" i="10"/>
  <c r="S6666" i="10"/>
  <c r="T6666" i="10"/>
  <c r="S6538" i="10"/>
  <c r="T6538" i="10"/>
  <c r="T6410" i="10"/>
  <c r="S6410" i="10"/>
  <c r="S6282" i="10"/>
  <c r="T6282" i="10"/>
  <c r="T6154" i="10"/>
  <c r="S6154" i="10"/>
  <c r="S6026" i="10"/>
  <c r="T6026" i="10"/>
  <c r="S7457" i="10"/>
  <c r="T7457" i="10"/>
  <c r="T7329" i="10"/>
  <c r="S7329" i="10"/>
  <c r="S7201" i="10"/>
  <c r="T7201" i="10"/>
  <c r="T7073" i="10"/>
  <c r="S7073" i="10"/>
  <c r="S6945" i="10"/>
  <c r="T6945" i="10"/>
  <c r="S6817" i="10"/>
  <c r="T6817" i="10"/>
  <c r="S6689" i="10"/>
  <c r="T6689" i="10"/>
  <c r="S6561" i="10"/>
  <c r="T6561" i="10"/>
  <c r="T6433" i="10"/>
  <c r="S6433" i="10"/>
  <c r="T6305" i="10"/>
  <c r="S6305" i="10"/>
  <c r="S6177" i="10"/>
  <c r="T6177" i="10"/>
  <c r="S6049" i="10"/>
  <c r="T6049" i="10"/>
  <c r="S5665" i="10"/>
  <c r="T5665" i="10"/>
  <c r="S5537" i="10"/>
  <c r="T5537" i="10"/>
  <c r="S5409" i="10"/>
  <c r="T5409" i="10"/>
  <c r="S5281" i="10"/>
  <c r="T5281" i="10"/>
  <c r="S5153" i="10"/>
  <c r="T5153" i="10"/>
  <c r="S5025" i="10"/>
  <c r="T5025" i="10"/>
  <c r="S4897" i="10"/>
  <c r="T4897" i="10"/>
  <c r="S7336" i="10"/>
  <c r="T7336" i="10"/>
  <c r="S7208" i="10"/>
  <c r="T7208" i="10"/>
  <c r="S7080" i="10"/>
  <c r="T7080" i="10"/>
  <c r="S6952" i="10"/>
  <c r="T6952" i="10"/>
  <c r="S6824" i="10"/>
  <c r="T6824" i="10"/>
  <c r="S6696" i="10"/>
  <c r="T6696" i="10"/>
  <c r="S6568" i="10"/>
  <c r="T6568" i="10"/>
  <c r="S6440" i="10"/>
  <c r="T6440" i="10"/>
  <c r="S6312" i="10"/>
  <c r="T6312" i="10"/>
  <c r="O6184" i="10"/>
  <c r="P6184" i="10" s="1"/>
  <c r="O6056" i="10"/>
  <c r="P6056" i="10" s="1"/>
  <c r="O5928" i="10"/>
  <c r="P5928" i="10" s="1"/>
  <c r="O7423" i="10"/>
  <c r="P7423" i="10" s="1"/>
  <c r="O7295" i="10"/>
  <c r="P7295" i="10" s="1"/>
  <c r="O7167" i="10"/>
  <c r="P7167" i="10" s="1"/>
  <c r="O7039" i="10"/>
  <c r="P7039" i="10" s="1"/>
  <c r="O6911" i="10"/>
  <c r="P6911" i="10" s="1"/>
  <c r="O6783" i="10"/>
  <c r="P6783" i="10" s="1"/>
  <c r="O6655" i="10"/>
  <c r="P6655" i="10" s="1"/>
  <c r="O6527" i="10"/>
  <c r="P6527" i="10" s="1"/>
  <c r="O6399" i="10"/>
  <c r="P6399" i="10" s="1"/>
  <c r="O6271" i="10"/>
  <c r="P6271" i="10" s="1"/>
  <c r="O6143" i="10"/>
  <c r="P6143" i="10" s="1"/>
  <c r="O6015" i="10"/>
  <c r="P6015" i="10" s="1"/>
  <c r="O5887" i="10"/>
  <c r="P5887" i="10" s="1"/>
  <c r="O7414" i="10"/>
  <c r="P7414" i="10" s="1"/>
  <c r="O7286" i="10"/>
  <c r="P7286" i="10" s="1"/>
  <c r="O7158" i="10"/>
  <c r="P7158" i="10" s="1"/>
  <c r="O7030" i="10"/>
  <c r="P7030" i="10" s="1"/>
  <c r="O6902" i="10"/>
  <c r="P6902" i="10" s="1"/>
  <c r="O6774" i="10"/>
  <c r="P6774" i="10" s="1"/>
  <c r="O6646" i="10"/>
  <c r="P6646" i="10" s="1"/>
  <c r="O6518" i="10"/>
  <c r="P6518" i="10" s="1"/>
  <c r="O6390" i="10"/>
  <c r="P6390" i="10" s="1"/>
  <c r="O6262" i="10"/>
  <c r="P6262" i="10" s="1"/>
  <c r="O6134" i="10"/>
  <c r="P6134" i="10" s="1"/>
  <c r="O5339" i="10"/>
  <c r="P5339" i="10" s="1"/>
  <c r="O5211" i="10"/>
  <c r="P5211" i="10" s="1"/>
  <c r="O5083" i="10"/>
  <c r="P5083" i="10" s="1"/>
  <c r="O4955" i="10"/>
  <c r="P4955" i="10" s="1"/>
  <c r="O4827" i="10"/>
  <c r="P4827" i="10" s="1"/>
  <c r="O4699" i="10"/>
  <c r="P4699" i="10" s="1"/>
  <c r="O4571" i="10"/>
  <c r="P4571" i="10" s="1"/>
  <c r="O4443" i="10"/>
  <c r="P4443" i="10" s="1"/>
  <c r="O4315" i="10"/>
  <c r="P4315" i="10" s="1"/>
  <c r="O4187" i="10"/>
  <c r="P4187" i="10" s="1"/>
  <c r="O4059" i="10"/>
  <c r="P4059" i="10" s="1"/>
  <c r="O3931" i="10"/>
  <c r="P3931" i="10" s="1"/>
  <c r="O3803" i="10"/>
  <c r="P3803" i="10" s="1"/>
  <c r="O3675" i="10"/>
  <c r="P3675" i="10" s="1"/>
  <c r="O3547" i="10"/>
  <c r="P3547" i="10" s="1"/>
  <c r="O3419" i="10"/>
  <c r="P3419" i="10" s="1"/>
  <c r="O3291" i="10"/>
  <c r="P3291" i="10" s="1"/>
  <c r="O3163" i="10"/>
  <c r="P3163" i="10" s="1"/>
  <c r="O3035" i="10"/>
  <c r="P3035" i="10" s="1"/>
  <c r="O2907" i="10"/>
  <c r="P2907" i="10" s="1"/>
  <c r="O2779" i="10"/>
  <c r="O2651" i="10"/>
  <c r="O2523" i="10"/>
  <c r="O2395" i="10"/>
  <c r="O2267" i="10"/>
  <c r="O2139" i="10"/>
  <c r="O2011" i="10"/>
  <c r="O1883" i="10"/>
  <c r="O1755" i="10"/>
  <c r="O1627" i="10"/>
  <c r="O1499" i="10"/>
  <c r="O1371" i="10"/>
  <c r="O1243" i="10"/>
  <c r="O1115" i="10"/>
  <c r="O987" i="10"/>
  <c r="O859" i="10"/>
  <c r="O731" i="10"/>
  <c r="O603" i="10"/>
  <c r="O475" i="10"/>
  <c r="O347" i="10"/>
  <c r="O219" i="10"/>
  <c r="O91" i="10"/>
  <c r="O5722" i="10"/>
  <c r="P5722" i="10" s="1"/>
  <c r="O5594" i="10"/>
  <c r="P5594" i="10" s="1"/>
  <c r="O5466" i="10"/>
  <c r="P5466" i="10" s="1"/>
  <c r="O5338" i="10"/>
  <c r="P5338" i="10" s="1"/>
  <c r="O5210" i="10"/>
  <c r="P5210" i="10" s="1"/>
  <c r="O5082" i="10"/>
  <c r="P5082" i="10" s="1"/>
  <c r="O4954" i="10"/>
  <c r="P4954" i="10" s="1"/>
  <c r="O4826" i="10"/>
  <c r="P4826" i="10" s="1"/>
  <c r="O4698" i="10"/>
  <c r="P4698" i="10" s="1"/>
  <c r="O4570" i="10"/>
  <c r="P4570" i="10" s="1"/>
  <c r="O4442" i="10"/>
  <c r="P4442" i="10" s="1"/>
  <c r="O4314" i="10"/>
  <c r="P4314" i="10" s="1"/>
  <c r="O4186" i="10"/>
  <c r="P4186" i="10" s="1"/>
  <c r="O4058" i="10"/>
  <c r="P4058" i="10" s="1"/>
  <c r="O3930" i="10"/>
  <c r="P3930" i="10" s="1"/>
  <c r="O3802" i="10"/>
  <c r="P3802" i="10" s="1"/>
  <c r="O3674" i="10"/>
  <c r="P3674" i="10" s="1"/>
  <c r="O3546" i="10"/>
  <c r="P3546" i="10" s="1"/>
  <c r="O3418" i="10"/>
  <c r="P3418" i="10" s="1"/>
  <c r="O3290" i="10"/>
  <c r="P3290" i="10" s="1"/>
  <c r="O3162" i="10"/>
  <c r="P3162" i="10" s="1"/>
  <c r="O3034" i="10"/>
  <c r="P3034" i="10" s="1"/>
  <c r="O2906" i="10"/>
  <c r="P2906" i="10" s="1"/>
  <c r="O2778" i="10"/>
  <c r="O2650" i="10"/>
  <c r="O2522" i="10"/>
  <c r="O2394" i="10"/>
  <c r="O2266" i="10"/>
  <c r="O2138" i="10"/>
  <c r="O2010" i="10"/>
  <c r="O1882" i="10"/>
  <c r="O1754" i="10"/>
  <c r="O1626" i="10"/>
  <c r="O1498" i="10"/>
  <c r="O1370" i="10"/>
  <c r="O1242" i="10"/>
  <c r="O1114" i="10"/>
  <c r="O986" i="10"/>
  <c r="O858" i="10"/>
  <c r="O730" i="10"/>
  <c r="O602" i="10"/>
  <c r="O474" i="10"/>
  <c r="O346" i="10"/>
  <c r="O218" i="10"/>
  <c r="O5149" i="10"/>
  <c r="P5149" i="10" s="1"/>
  <c r="O3933" i="10"/>
  <c r="P3933" i="10" s="1"/>
  <c r="O2205" i="10"/>
  <c r="O925" i="10"/>
  <c r="O7445" i="10"/>
  <c r="P7445" i="10" s="1"/>
  <c r="O7189" i="10"/>
  <c r="P7189" i="10" s="1"/>
  <c r="O6933" i="10"/>
  <c r="P6933" i="10" s="1"/>
  <c r="O6677" i="10"/>
  <c r="P6677" i="10" s="1"/>
  <c r="O6421" i="10"/>
  <c r="P6421" i="10" s="1"/>
  <c r="O6165" i="10"/>
  <c r="P6165" i="10" s="1"/>
  <c r="O26" i="10"/>
  <c r="O4777" i="10"/>
  <c r="P4777" i="10" s="1"/>
  <c r="O4649" i="10"/>
  <c r="P4649" i="10" s="1"/>
  <c r="O4521" i="10"/>
  <c r="P4521" i="10" s="1"/>
  <c r="O4393" i="10"/>
  <c r="P4393" i="10" s="1"/>
  <c r="O4265" i="10"/>
  <c r="P4265" i="10" s="1"/>
  <c r="O4137" i="10"/>
  <c r="P4137" i="10" s="1"/>
  <c r="O4009" i="10"/>
  <c r="P4009" i="10" s="1"/>
  <c r="O3881" i="10"/>
  <c r="P3881" i="10" s="1"/>
  <c r="O3753" i="10"/>
  <c r="P3753" i="10" s="1"/>
  <c r="O3625" i="10"/>
  <c r="P3625" i="10" s="1"/>
  <c r="O3497" i="10"/>
  <c r="P3497" i="10" s="1"/>
  <c r="O3369" i="10"/>
  <c r="P3369" i="10" s="1"/>
  <c r="O3241" i="10"/>
  <c r="P3241" i="10" s="1"/>
  <c r="O3113" i="10"/>
  <c r="P3113" i="10" s="1"/>
  <c r="O2985" i="10"/>
  <c r="P2985" i="10" s="1"/>
  <c r="O2857" i="10"/>
  <c r="P2857" i="10" s="1"/>
  <c r="O2729" i="10"/>
  <c r="O2601" i="10"/>
  <c r="O2473" i="10"/>
  <c r="O2345" i="10"/>
  <c r="O2217" i="10"/>
  <c r="O2089" i="10"/>
  <c r="O1961" i="10"/>
  <c r="O1833" i="10"/>
  <c r="O1705" i="10"/>
  <c r="O1577" i="10"/>
  <c r="O1449" i="10"/>
  <c r="O1321" i="10"/>
  <c r="O1193" i="10"/>
  <c r="O1065" i="10"/>
  <c r="O937" i="10"/>
  <c r="O809" i="10"/>
  <c r="O681" i="10"/>
  <c r="O553" i="10"/>
  <c r="O425" i="10"/>
  <c r="O297" i="10"/>
  <c r="O169" i="10"/>
  <c r="O41" i="10"/>
  <c r="O5352" i="10"/>
  <c r="P5352" i="10" s="1"/>
  <c r="O5224" i="10"/>
  <c r="P5224" i="10" s="1"/>
  <c r="O5096" i="10"/>
  <c r="P5096" i="10" s="1"/>
  <c r="O4968" i="10"/>
  <c r="P4968" i="10" s="1"/>
  <c r="O4840" i="10"/>
  <c r="P4840" i="10" s="1"/>
  <c r="O4712" i="10"/>
  <c r="P4712" i="10" s="1"/>
  <c r="O4584" i="10"/>
  <c r="P4584" i="10" s="1"/>
  <c r="O4456" i="10"/>
  <c r="P4456" i="10" s="1"/>
  <c r="O4328" i="10"/>
  <c r="P4328" i="10" s="1"/>
  <c r="O4200" i="10"/>
  <c r="P4200" i="10" s="1"/>
  <c r="O4072" i="10"/>
  <c r="P4072" i="10" s="1"/>
  <c r="O3944" i="10"/>
  <c r="P3944" i="10" s="1"/>
  <c r="O3816" i="10"/>
  <c r="P3816" i="10" s="1"/>
  <c r="O3688" i="10"/>
  <c r="P3688" i="10" s="1"/>
  <c r="O3560" i="10"/>
  <c r="P3560" i="10" s="1"/>
  <c r="O3432" i="10"/>
  <c r="P3432" i="10" s="1"/>
  <c r="O3304" i="10"/>
  <c r="P3304" i="10" s="1"/>
  <c r="O3176" i="10"/>
  <c r="P3176" i="10" s="1"/>
  <c r="O3048" i="10"/>
  <c r="P3048" i="10" s="1"/>
  <c r="O2920" i="10"/>
  <c r="P2920" i="10" s="1"/>
  <c r="O2792" i="10"/>
  <c r="O2664" i="10"/>
  <c r="O2536" i="10"/>
  <c r="O2408" i="10"/>
  <c r="O2280" i="10"/>
  <c r="O2152" i="10"/>
  <c r="O2024" i="10"/>
  <c r="O1896" i="10"/>
  <c r="O1768" i="10"/>
  <c r="O1640" i="10"/>
  <c r="O1512" i="10"/>
  <c r="O1384" i="10"/>
  <c r="O1256" i="10"/>
  <c r="O1128" i="10"/>
  <c r="O1000" i="10"/>
  <c r="O872" i="10"/>
  <c r="O744" i="10"/>
  <c r="O616" i="10"/>
  <c r="O488" i="10"/>
  <c r="O360" i="10"/>
  <c r="O232" i="10"/>
  <c r="O104" i="10"/>
  <c r="O5783" i="10"/>
  <c r="P5783" i="10" s="1"/>
  <c r="O5655" i="10"/>
  <c r="P5655" i="10" s="1"/>
  <c r="O5527" i="10"/>
  <c r="P5527" i="10" s="1"/>
  <c r="O5399" i="10"/>
  <c r="P5399" i="10" s="1"/>
  <c r="O5271" i="10"/>
  <c r="P5271" i="10" s="1"/>
  <c r="O5143" i="10"/>
  <c r="P5143" i="10" s="1"/>
  <c r="O5015" i="10"/>
  <c r="P5015" i="10" s="1"/>
  <c r="O4887" i="10"/>
  <c r="P4887" i="10" s="1"/>
  <c r="O4759" i="10"/>
  <c r="P4759" i="10" s="1"/>
  <c r="O4631" i="10"/>
  <c r="P4631" i="10" s="1"/>
  <c r="O4503" i="10"/>
  <c r="P4503" i="10" s="1"/>
  <c r="O4375" i="10"/>
  <c r="P4375" i="10" s="1"/>
  <c r="O4247" i="10"/>
  <c r="P4247" i="10" s="1"/>
  <c r="O4119" i="10"/>
  <c r="P4119" i="10" s="1"/>
  <c r="O3991" i="10"/>
  <c r="P3991" i="10" s="1"/>
  <c r="O3863" i="10"/>
  <c r="P3863" i="10" s="1"/>
  <c r="O3735" i="10"/>
  <c r="P3735" i="10" s="1"/>
  <c r="O3607" i="10"/>
  <c r="P3607" i="10" s="1"/>
  <c r="O3479" i="10"/>
  <c r="P3479" i="10" s="1"/>
  <c r="O3351" i="10"/>
  <c r="P3351" i="10" s="1"/>
  <c r="O3223" i="10"/>
  <c r="P3223" i="10" s="1"/>
  <c r="O3095" i="10"/>
  <c r="P3095" i="10" s="1"/>
  <c r="O2967" i="10"/>
  <c r="P2967" i="10" s="1"/>
  <c r="O2839" i="10"/>
  <c r="O2711" i="10"/>
  <c r="O2583" i="10"/>
  <c r="O2455" i="10"/>
  <c r="O2327" i="10"/>
  <c r="O2199" i="10"/>
  <c r="O2071" i="10"/>
  <c r="O1943" i="10"/>
  <c r="O1815" i="10"/>
  <c r="O1687" i="10"/>
  <c r="O1559" i="10"/>
  <c r="O1431" i="10"/>
  <c r="O1303" i="10"/>
  <c r="O1175" i="10"/>
  <c r="O1047" i="10"/>
  <c r="O919" i="10"/>
  <c r="O791" i="10"/>
  <c r="O663" i="10"/>
  <c r="O535" i="10"/>
  <c r="O407" i="10"/>
  <c r="O279" i="10"/>
  <c r="O151" i="10"/>
  <c r="O23" i="10"/>
  <c r="O5694" i="10"/>
  <c r="P5694" i="10" s="1"/>
  <c r="O5566" i="10"/>
  <c r="P5566" i="10" s="1"/>
  <c r="O5438" i="10"/>
  <c r="P5438" i="10" s="1"/>
  <c r="O4670" i="10"/>
  <c r="P4670" i="10" s="1"/>
  <c r="O4542" i="10"/>
  <c r="P4542" i="10" s="1"/>
  <c r="O4414" i="10"/>
  <c r="P4414" i="10" s="1"/>
  <c r="O4286" i="10"/>
  <c r="P4286" i="10" s="1"/>
  <c r="O4158" i="10"/>
  <c r="P4158" i="10" s="1"/>
  <c r="O4030" i="10"/>
  <c r="P4030" i="10" s="1"/>
  <c r="O3902" i="10"/>
  <c r="P3902" i="10" s="1"/>
  <c r="O3774" i="10"/>
  <c r="P3774" i="10" s="1"/>
  <c r="O3646" i="10"/>
  <c r="P3646" i="10" s="1"/>
  <c r="O3518" i="10"/>
  <c r="P3518" i="10" s="1"/>
  <c r="O3390" i="10"/>
  <c r="P3390" i="10" s="1"/>
  <c r="O3262" i="10"/>
  <c r="P3262" i="10" s="1"/>
  <c r="O3134" i="10"/>
  <c r="P3134" i="10" s="1"/>
  <c r="O3006" i="10"/>
  <c r="P3006" i="10" s="1"/>
  <c r="O2878" i="10"/>
  <c r="P2878" i="10" s="1"/>
  <c r="O2750" i="10"/>
  <c r="O2622" i="10"/>
  <c r="O2494" i="10"/>
  <c r="O2366" i="10"/>
  <c r="O2238" i="10"/>
  <c r="O2110" i="10"/>
  <c r="O1982" i="10"/>
  <c r="O1854" i="10"/>
  <c r="O1726" i="10"/>
  <c r="O1598" i="10"/>
  <c r="O1470" i="10"/>
  <c r="O1342" i="10"/>
  <c r="O1214" i="10"/>
  <c r="O1086" i="10"/>
  <c r="O958" i="10"/>
  <c r="O830" i="10"/>
  <c r="O702" i="10"/>
  <c r="O574" i="10"/>
  <c r="O446" i="10"/>
  <c r="O318" i="10"/>
  <c r="O190" i="10"/>
  <c r="O62" i="10"/>
  <c r="O5693" i="10"/>
  <c r="P5693" i="10" s="1"/>
  <c r="O5437" i="10"/>
  <c r="P5437" i="10" s="1"/>
  <c r="O5181" i="10"/>
  <c r="P5181" i="10" s="1"/>
  <c r="O4925" i="10"/>
  <c r="P4925" i="10" s="1"/>
  <c r="O4669" i="10"/>
  <c r="P4669" i="10" s="1"/>
  <c r="O4413" i="10"/>
  <c r="P4413" i="10" s="1"/>
  <c r="O4157" i="10"/>
  <c r="P4157" i="10" s="1"/>
  <c r="O3901" i="10"/>
  <c r="P3901" i="10" s="1"/>
  <c r="O3645" i="10"/>
  <c r="P3645" i="10" s="1"/>
  <c r="O3389" i="10"/>
  <c r="P3389" i="10" s="1"/>
  <c r="O3133" i="10"/>
  <c r="P3133" i="10" s="1"/>
  <c r="O2877" i="10"/>
  <c r="P2877" i="10" s="1"/>
  <c r="O2621" i="10"/>
  <c r="O2365" i="10"/>
  <c r="O2109" i="10"/>
  <c r="O1853" i="10"/>
  <c r="O1597" i="10"/>
  <c r="O1341" i="10"/>
  <c r="O1085" i="10"/>
  <c r="O829" i="10"/>
  <c r="O573" i="10"/>
  <c r="O317" i="10"/>
  <c r="O61" i="10"/>
  <c r="O5692" i="10"/>
  <c r="P5692" i="10" s="1"/>
  <c r="O5564" i="10"/>
  <c r="P5564" i="10" s="1"/>
  <c r="O5436" i="10"/>
  <c r="P5436" i="10" s="1"/>
  <c r="O5308" i="10"/>
  <c r="P5308" i="10" s="1"/>
  <c r="O5180" i="10"/>
  <c r="P5180" i="10" s="1"/>
  <c r="O5052" i="10"/>
  <c r="P5052" i="10" s="1"/>
  <c r="O4924" i="10"/>
  <c r="P4924" i="10" s="1"/>
  <c r="O4796" i="10"/>
  <c r="P4796" i="10" s="1"/>
  <c r="O4668" i="10"/>
  <c r="P4668" i="10" s="1"/>
  <c r="O4540" i="10"/>
  <c r="P4540" i="10" s="1"/>
  <c r="O4412" i="10"/>
  <c r="P4412" i="10" s="1"/>
  <c r="O4284" i="10"/>
  <c r="P4284" i="10" s="1"/>
  <c r="O4156" i="10"/>
  <c r="P4156" i="10" s="1"/>
  <c r="O4028" i="10"/>
  <c r="P4028" i="10" s="1"/>
  <c r="O3900" i="10"/>
  <c r="P3900" i="10" s="1"/>
  <c r="O3772" i="10"/>
  <c r="P3772" i="10" s="1"/>
  <c r="O3644" i="10"/>
  <c r="P3644" i="10" s="1"/>
  <c r="O3516" i="10"/>
  <c r="P3516" i="10" s="1"/>
  <c r="O3388" i="10"/>
  <c r="P3388" i="10" s="1"/>
  <c r="O3260" i="10"/>
  <c r="P3260" i="10" s="1"/>
  <c r="O3132" i="10"/>
  <c r="P3132" i="10" s="1"/>
  <c r="O3004" i="10"/>
  <c r="P3004" i="10" s="1"/>
  <c r="O2876" i="10"/>
  <c r="P2876" i="10" s="1"/>
  <c r="O2748" i="10"/>
  <c r="O2620" i="10"/>
  <c r="O2492" i="10"/>
  <c r="O2364" i="10"/>
  <c r="O2236" i="10"/>
  <c r="O2108" i="10"/>
  <c r="O1980" i="10"/>
  <c r="O1852" i="10"/>
  <c r="O1724" i="10"/>
  <c r="O1596" i="10"/>
  <c r="O1468" i="10"/>
  <c r="O1340" i="10"/>
  <c r="O1212" i="10"/>
  <c r="O1084" i="10"/>
  <c r="O956" i="10"/>
  <c r="O828" i="10"/>
  <c r="O700" i="10"/>
  <c r="O572" i="10"/>
  <c r="O444" i="10"/>
  <c r="O316" i="10"/>
  <c r="O188" i="10"/>
  <c r="O60" i="10"/>
  <c r="O5021" i="10"/>
  <c r="P5021" i="10" s="1"/>
  <c r="O3101" i="10"/>
  <c r="P3101" i="10" s="1"/>
  <c r="O7405" i="10"/>
  <c r="P7405" i="10" s="1"/>
  <c r="O7149" i="10"/>
  <c r="P7149" i="10" s="1"/>
  <c r="O6893" i="10"/>
  <c r="P6893" i="10" s="1"/>
  <c r="O6637" i="10"/>
  <c r="P6637" i="10" s="1"/>
  <c r="O6381" i="10"/>
  <c r="P6381" i="10" s="1"/>
  <c r="O6125" i="10"/>
  <c r="P6125" i="10" s="1"/>
  <c r="O7460" i="10"/>
  <c r="P7460" i="10" s="1"/>
  <c r="O7332" i="10"/>
  <c r="P7332" i="10" s="1"/>
  <c r="O7204" i="10"/>
  <c r="P7204" i="10" s="1"/>
  <c r="O7076" i="10"/>
  <c r="P7076" i="10" s="1"/>
  <c r="O6948" i="10"/>
  <c r="P6948" i="10" s="1"/>
  <c r="O6820" i="10"/>
  <c r="P6820" i="10" s="1"/>
  <c r="O6692" i="10"/>
  <c r="P6692" i="10" s="1"/>
  <c r="O6564" i="10"/>
  <c r="P6564" i="10" s="1"/>
  <c r="O6436" i="10"/>
  <c r="P6436" i="10" s="1"/>
  <c r="O6308" i="10"/>
  <c r="P6308" i="10" s="1"/>
  <c r="O6180" i="10"/>
  <c r="P6180" i="10" s="1"/>
  <c r="O6052" i="10"/>
  <c r="P6052" i="10" s="1"/>
  <c r="O7451" i="10"/>
  <c r="P7451" i="10" s="1"/>
  <c r="O7323" i="10"/>
  <c r="P7323" i="10" s="1"/>
  <c r="O7195" i="10"/>
  <c r="P7195" i="10" s="1"/>
  <c r="O7067" i="10"/>
  <c r="P7067" i="10" s="1"/>
  <c r="O6939" i="10"/>
  <c r="P6939" i="10" s="1"/>
  <c r="O6811" i="10"/>
  <c r="P6811" i="10" s="1"/>
  <c r="O6683" i="10"/>
  <c r="P6683" i="10" s="1"/>
  <c r="O6555" i="10"/>
  <c r="P6555" i="10" s="1"/>
  <c r="O6427" i="10"/>
  <c r="P6427" i="10" s="1"/>
  <c r="O6299" i="10"/>
  <c r="P6299" i="10" s="1"/>
  <c r="O6171" i="10"/>
  <c r="P6171" i="10" s="1"/>
  <c r="O6043" i="10"/>
  <c r="P6043" i="10" s="1"/>
  <c r="O5659" i="10"/>
  <c r="P5659" i="10" s="1"/>
  <c r="O5531" i="10"/>
  <c r="P5531" i="10" s="1"/>
  <c r="O7458" i="10"/>
  <c r="P7458" i="10" s="1"/>
  <c r="O7330" i="10"/>
  <c r="P7330" i="10" s="1"/>
  <c r="O7202" i="10"/>
  <c r="P7202" i="10" s="1"/>
  <c r="O7074" i="10"/>
  <c r="P7074" i="10" s="1"/>
  <c r="O6946" i="10"/>
  <c r="P6946" i="10" s="1"/>
  <c r="O6818" i="10"/>
  <c r="P6818" i="10" s="1"/>
  <c r="O6690" i="10"/>
  <c r="P6690" i="10" s="1"/>
  <c r="O6562" i="10"/>
  <c r="P6562" i="10" s="1"/>
  <c r="O6434" i="10"/>
  <c r="P6434" i="10" s="1"/>
  <c r="O6306" i="10"/>
  <c r="P6306" i="10" s="1"/>
  <c r="O6178" i="10"/>
  <c r="P6178" i="10" s="1"/>
  <c r="O6050" i="10"/>
  <c r="P6050" i="10" s="1"/>
  <c r="O7353" i="10"/>
  <c r="P7353" i="10" s="1"/>
  <c r="O7225" i="10"/>
  <c r="P7225" i="10" s="1"/>
  <c r="O7097" i="10"/>
  <c r="P7097" i="10" s="1"/>
  <c r="O6969" i="10"/>
  <c r="P6969" i="10" s="1"/>
  <c r="O6841" i="10"/>
  <c r="P6841" i="10" s="1"/>
  <c r="O6713" i="10"/>
  <c r="P6713" i="10" s="1"/>
  <c r="O6585" i="10"/>
  <c r="P6585" i="10" s="1"/>
  <c r="O6457" i="10"/>
  <c r="P6457" i="10" s="1"/>
  <c r="O6329" i="10"/>
  <c r="P6329" i="10" s="1"/>
  <c r="O6201" i="10"/>
  <c r="P6201" i="10" s="1"/>
  <c r="O6073" i="10"/>
  <c r="P6073" i="10" s="1"/>
  <c r="O5689" i="10"/>
  <c r="P5689" i="10" s="1"/>
  <c r="O5561" i="10"/>
  <c r="P5561" i="10" s="1"/>
  <c r="O5433" i="10"/>
  <c r="P5433" i="10" s="1"/>
  <c r="O5305" i="10"/>
  <c r="P5305" i="10" s="1"/>
  <c r="O5177" i="10"/>
  <c r="P5177" i="10" s="1"/>
  <c r="O5049" i="10"/>
  <c r="P5049" i="10" s="1"/>
  <c r="O4921" i="10"/>
  <c r="P4921" i="10" s="1"/>
  <c r="O7360" i="10"/>
  <c r="P7360" i="10" s="1"/>
  <c r="O7232" i="10"/>
  <c r="P7232" i="10" s="1"/>
  <c r="O7104" i="10"/>
  <c r="P7104" i="10" s="1"/>
  <c r="O6976" i="10"/>
  <c r="P6976" i="10" s="1"/>
  <c r="O6848" i="10"/>
  <c r="P6848" i="10" s="1"/>
  <c r="O6720" i="10"/>
  <c r="P6720" i="10" s="1"/>
  <c r="O6592" i="10"/>
  <c r="P6592" i="10" s="1"/>
  <c r="O6464" i="10"/>
  <c r="P6464" i="10" s="1"/>
  <c r="O6336" i="10"/>
  <c r="P6336" i="10" s="1"/>
  <c r="O6208" i="10"/>
  <c r="P6208" i="10" s="1"/>
  <c r="O6080" i="10"/>
  <c r="P6080" i="10" s="1"/>
  <c r="O5952" i="10"/>
  <c r="P5952" i="10" s="1"/>
  <c r="O7447" i="10"/>
  <c r="P7447" i="10" s="1"/>
  <c r="O7319" i="10"/>
  <c r="P7319" i="10" s="1"/>
  <c r="O7191" i="10"/>
  <c r="P7191" i="10" s="1"/>
  <c r="O7063" i="10"/>
  <c r="P7063" i="10" s="1"/>
  <c r="O6935" i="10"/>
  <c r="P6935" i="10" s="1"/>
  <c r="O6807" i="10"/>
  <c r="P6807" i="10" s="1"/>
  <c r="O6679" i="10"/>
  <c r="P6679" i="10" s="1"/>
  <c r="O6551" i="10"/>
  <c r="P6551" i="10" s="1"/>
  <c r="O6423" i="10"/>
  <c r="P6423" i="10" s="1"/>
  <c r="O6295" i="10"/>
  <c r="P6295" i="10" s="1"/>
  <c r="O6167" i="10"/>
  <c r="P6167" i="10" s="1"/>
  <c r="O6039" i="10"/>
  <c r="P6039" i="10" s="1"/>
  <c r="O5911" i="10"/>
  <c r="P5911" i="10" s="1"/>
  <c r="O7438" i="10"/>
  <c r="P7438" i="10" s="1"/>
  <c r="O7310" i="10"/>
  <c r="P7310" i="10" s="1"/>
  <c r="O7182" i="10"/>
  <c r="P7182" i="10" s="1"/>
  <c r="O7054" i="10"/>
  <c r="P7054" i="10" s="1"/>
  <c r="O6926" i="10"/>
  <c r="P6926" i="10" s="1"/>
  <c r="O6798" i="10"/>
  <c r="P6798" i="10" s="1"/>
  <c r="O6670" i="10"/>
  <c r="P6670" i="10" s="1"/>
  <c r="O6542" i="10"/>
  <c r="P6542" i="10" s="1"/>
  <c r="O6414" i="10"/>
  <c r="P6414" i="10" s="1"/>
  <c r="O6286" i="10"/>
  <c r="P6286" i="10" s="1"/>
  <c r="O6158" i="10"/>
  <c r="P6158" i="10" s="1"/>
  <c r="O6030" i="10"/>
  <c r="P6030" i="10" s="1"/>
  <c r="O5363" i="10"/>
  <c r="P5363" i="10" s="1"/>
  <c r="O5235" i="10"/>
  <c r="P5235" i="10" s="1"/>
  <c r="O5107" i="10"/>
  <c r="P5107" i="10" s="1"/>
  <c r="O4979" i="10"/>
  <c r="P4979" i="10" s="1"/>
  <c r="O4851" i="10"/>
  <c r="P4851" i="10" s="1"/>
  <c r="O4723" i="10"/>
  <c r="P4723" i="10" s="1"/>
  <c r="O4595" i="10"/>
  <c r="P4595" i="10" s="1"/>
  <c r="O4467" i="10"/>
  <c r="P4467" i="10" s="1"/>
  <c r="O4339" i="10"/>
  <c r="P4339" i="10" s="1"/>
  <c r="O4211" i="10"/>
  <c r="P4211" i="10" s="1"/>
  <c r="O4083" i="10"/>
  <c r="P4083" i="10" s="1"/>
  <c r="O3955" i="10"/>
  <c r="P3955" i="10" s="1"/>
  <c r="O3827" i="10"/>
  <c r="P3827" i="10" s="1"/>
  <c r="O3699" i="10"/>
  <c r="P3699" i="10" s="1"/>
  <c r="O3571" i="10"/>
  <c r="P3571" i="10" s="1"/>
  <c r="O3443" i="10"/>
  <c r="P3443" i="10" s="1"/>
  <c r="O3315" i="10"/>
  <c r="P3315" i="10" s="1"/>
  <c r="O3187" i="10"/>
  <c r="P3187" i="10" s="1"/>
  <c r="O3059" i="10"/>
  <c r="P3059" i="10" s="1"/>
  <c r="O2931" i="10"/>
  <c r="P2931" i="10" s="1"/>
  <c r="O2803" i="10"/>
  <c r="O2675" i="10"/>
  <c r="O2547" i="10"/>
  <c r="O2419" i="10"/>
  <c r="O2291" i="10"/>
  <c r="O2163" i="10"/>
  <c r="O2035" i="10"/>
  <c r="O1907" i="10"/>
  <c r="O1779" i="10"/>
  <c r="O1651" i="10"/>
  <c r="O1523" i="10"/>
  <c r="O1395" i="10"/>
  <c r="O1267" i="10"/>
  <c r="O1139" i="10"/>
  <c r="O1011" i="10"/>
  <c r="O883" i="10"/>
  <c r="O755" i="10"/>
  <c r="O627" i="10"/>
  <c r="O499" i="10"/>
  <c r="O371" i="10"/>
  <c r="O243" i="10"/>
  <c r="O115" i="10"/>
  <c r="O5746" i="10"/>
  <c r="P5746" i="10" s="1"/>
  <c r="O5618" i="10"/>
  <c r="P5618" i="10" s="1"/>
  <c r="O5490" i="10"/>
  <c r="P5490" i="10" s="1"/>
  <c r="O5362" i="10"/>
  <c r="P5362" i="10" s="1"/>
  <c r="O5234" i="10"/>
  <c r="P5234" i="10" s="1"/>
  <c r="O5106" i="10"/>
  <c r="P5106" i="10" s="1"/>
  <c r="O4978" i="10"/>
  <c r="P4978" i="10" s="1"/>
  <c r="O4850" i="10"/>
  <c r="P4850" i="10" s="1"/>
  <c r="O4722" i="10"/>
  <c r="P4722" i="10" s="1"/>
  <c r="O4594" i="10"/>
  <c r="P4594" i="10" s="1"/>
  <c r="O4466" i="10"/>
  <c r="P4466" i="10" s="1"/>
  <c r="O4338" i="10"/>
  <c r="P4338" i="10" s="1"/>
  <c r="O4210" i="10"/>
  <c r="P4210" i="10" s="1"/>
  <c r="O4082" i="10"/>
  <c r="P4082" i="10" s="1"/>
  <c r="O3954" i="10"/>
  <c r="P3954" i="10" s="1"/>
  <c r="O3826" i="10"/>
  <c r="P3826" i="10" s="1"/>
  <c r="O3698" i="10"/>
  <c r="P3698" i="10" s="1"/>
  <c r="O3570" i="10"/>
  <c r="P3570" i="10" s="1"/>
  <c r="O3442" i="10"/>
  <c r="P3442" i="10" s="1"/>
  <c r="O3314" i="10"/>
  <c r="P3314" i="10" s="1"/>
  <c r="O3186" i="10"/>
  <c r="P3186" i="10" s="1"/>
  <c r="O3058" i="10"/>
  <c r="P3058" i="10" s="1"/>
  <c r="O2930" i="10"/>
  <c r="P2930" i="10" s="1"/>
  <c r="O2802" i="10"/>
  <c r="O2674" i="10"/>
  <c r="O2546" i="10"/>
  <c r="O2418" i="10"/>
  <c r="O2290" i="10"/>
  <c r="O2162" i="10"/>
  <c r="O2034" i="10"/>
  <c r="O1906" i="10"/>
  <c r="O1778" i="10"/>
  <c r="O1650" i="10"/>
  <c r="O1522" i="10"/>
  <c r="O1394" i="10"/>
  <c r="O1266" i="10"/>
  <c r="O1138" i="10"/>
  <c r="O1010" i="10"/>
  <c r="O882" i="10"/>
  <c r="O754" i="10"/>
  <c r="O626" i="10"/>
  <c r="O498" i="10"/>
  <c r="O370" i="10"/>
  <c r="O242" i="10"/>
  <c r="O2973" i="10"/>
  <c r="P2973" i="10" s="1"/>
  <c r="O1501" i="10"/>
  <c r="O221" i="10"/>
  <c r="O7309" i="10"/>
  <c r="P7309" i="10" s="1"/>
  <c r="O7053" i="10"/>
  <c r="P7053" i="10" s="1"/>
  <c r="O6797" i="10"/>
  <c r="P6797" i="10" s="1"/>
  <c r="O6541" i="10"/>
  <c r="P6541" i="10" s="1"/>
  <c r="O6285" i="10"/>
  <c r="P6285" i="10" s="1"/>
  <c r="O6029" i="10"/>
  <c r="P6029" i="10" s="1"/>
  <c r="O82" i="10"/>
  <c r="O4833" i="10"/>
  <c r="P4833" i="10" s="1"/>
  <c r="O4705" i="10"/>
  <c r="P4705" i="10" s="1"/>
  <c r="O4577" i="10"/>
  <c r="P4577" i="10" s="1"/>
  <c r="O4449" i="10"/>
  <c r="P4449" i="10" s="1"/>
  <c r="O4321" i="10"/>
  <c r="P4321" i="10" s="1"/>
  <c r="O4193" i="10"/>
  <c r="P4193" i="10" s="1"/>
  <c r="O4065" i="10"/>
  <c r="P4065" i="10" s="1"/>
  <c r="O3937" i="10"/>
  <c r="P3937" i="10" s="1"/>
  <c r="O3809" i="10"/>
  <c r="P3809" i="10" s="1"/>
  <c r="O3681" i="10"/>
  <c r="P3681" i="10" s="1"/>
  <c r="O3553" i="10"/>
  <c r="P3553" i="10" s="1"/>
  <c r="O3425" i="10"/>
  <c r="P3425" i="10" s="1"/>
  <c r="O3297" i="10"/>
  <c r="P3297" i="10" s="1"/>
  <c r="O3169" i="10"/>
  <c r="P3169" i="10" s="1"/>
  <c r="O3041" i="10"/>
  <c r="P3041" i="10" s="1"/>
  <c r="O2913" i="10"/>
  <c r="P2913" i="10" s="1"/>
  <c r="O2785" i="10"/>
  <c r="O2657" i="10"/>
  <c r="O2529" i="10"/>
  <c r="O2401" i="10"/>
  <c r="O2273" i="10"/>
  <c r="O2145" i="10"/>
  <c r="O2017" i="10"/>
  <c r="O1889" i="10"/>
  <c r="O1761" i="10"/>
  <c r="O1633" i="10"/>
  <c r="O1505" i="10"/>
  <c r="O1377" i="10"/>
  <c r="O1249" i="10"/>
  <c r="O1121" i="10"/>
  <c r="O993" i="10"/>
  <c r="O865" i="10"/>
  <c r="O737" i="10"/>
  <c r="O609" i="10"/>
  <c r="O481" i="10"/>
  <c r="O353" i="10"/>
  <c r="O225" i="10"/>
  <c r="O97" i="10"/>
  <c r="O5792" i="10"/>
  <c r="P5792" i="10" s="1"/>
  <c r="O5664" i="10"/>
  <c r="P5664" i="10" s="1"/>
  <c r="O5536" i="10"/>
  <c r="P5536" i="10" s="1"/>
  <c r="O5408" i="10"/>
  <c r="P5408" i="10" s="1"/>
  <c r="O5280" i="10"/>
  <c r="P5280" i="10" s="1"/>
  <c r="O5152" i="10"/>
  <c r="P5152" i="10" s="1"/>
  <c r="O5024" i="10"/>
  <c r="P5024" i="10" s="1"/>
  <c r="O4896" i="10"/>
  <c r="P4896" i="10" s="1"/>
  <c r="O4768" i="10"/>
  <c r="P4768" i="10" s="1"/>
  <c r="O4640" i="10"/>
  <c r="P4640" i="10" s="1"/>
  <c r="O4512" i="10"/>
  <c r="P4512" i="10" s="1"/>
  <c r="O4384" i="10"/>
  <c r="P4384" i="10" s="1"/>
  <c r="O4256" i="10"/>
  <c r="P4256" i="10" s="1"/>
  <c r="O4128" i="10"/>
  <c r="P4128" i="10" s="1"/>
  <c r="O4000" i="10"/>
  <c r="P4000" i="10" s="1"/>
  <c r="O3872" i="10"/>
  <c r="P3872" i="10" s="1"/>
  <c r="O3744" i="10"/>
  <c r="P3744" i="10" s="1"/>
  <c r="O3616" i="10"/>
  <c r="P3616" i="10" s="1"/>
  <c r="O3488" i="10"/>
  <c r="P3488" i="10" s="1"/>
  <c r="O3360" i="10"/>
  <c r="P3360" i="10" s="1"/>
  <c r="O3232" i="10"/>
  <c r="P3232" i="10" s="1"/>
  <c r="O3104" i="10"/>
  <c r="P3104" i="10" s="1"/>
  <c r="O2976" i="10"/>
  <c r="P2976" i="10" s="1"/>
  <c r="O2848" i="10"/>
  <c r="P2848" i="10" s="1"/>
  <c r="O2720" i="10"/>
  <c r="O2592" i="10"/>
  <c r="O2464" i="10"/>
  <c r="O2336" i="10"/>
  <c r="O2208" i="10"/>
  <c r="O2080" i="10"/>
  <c r="O1952" i="10"/>
  <c r="O1824" i="10"/>
  <c r="O1696" i="10"/>
  <c r="O1568" i="10"/>
  <c r="O1440" i="10"/>
  <c r="O1312" i="10"/>
  <c r="O1184" i="10"/>
  <c r="O1056" i="10"/>
  <c r="O928" i="10"/>
  <c r="O800" i="10"/>
  <c r="O672" i="10"/>
  <c r="O544" i="10"/>
  <c r="O416" i="10"/>
  <c r="O288" i="10"/>
  <c r="O160" i="10"/>
  <c r="O32" i="10"/>
  <c r="O5711" i="10"/>
  <c r="P5711" i="10" s="1"/>
  <c r="O5583" i="10"/>
  <c r="P5583" i="10" s="1"/>
  <c r="O5455" i="10"/>
  <c r="P5455" i="10" s="1"/>
  <c r="O5327" i="10"/>
  <c r="P5327" i="10" s="1"/>
  <c r="O5199" i="10"/>
  <c r="P5199" i="10" s="1"/>
  <c r="O5071" i="10"/>
  <c r="P5071" i="10" s="1"/>
  <c r="O4943" i="10"/>
  <c r="P4943" i="10" s="1"/>
  <c r="O4815" i="10"/>
  <c r="P4815" i="10" s="1"/>
  <c r="O4687" i="10"/>
  <c r="P4687" i="10" s="1"/>
  <c r="O4559" i="10"/>
  <c r="P4559" i="10" s="1"/>
  <c r="O4431" i="10"/>
  <c r="P4431" i="10" s="1"/>
  <c r="O4303" i="10"/>
  <c r="P4303" i="10" s="1"/>
  <c r="O4175" i="10"/>
  <c r="P4175" i="10" s="1"/>
  <c r="O4047" i="10"/>
  <c r="P4047" i="10" s="1"/>
  <c r="O3919" i="10"/>
  <c r="P3919" i="10" s="1"/>
  <c r="O3791" i="10"/>
  <c r="P3791" i="10" s="1"/>
  <c r="O3663" i="10"/>
  <c r="P3663" i="10" s="1"/>
  <c r="O3535" i="10"/>
  <c r="P3535" i="10" s="1"/>
  <c r="O3407" i="10"/>
  <c r="P3407" i="10" s="1"/>
  <c r="O3279" i="10"/>
  <c r="P3279" i="10" s="1"/>
  <c r="O3151" i="10"/>
  <c r="P3151" i="10" s="1"/>
  <c r="O3023" i="10"/>
  <c r="P3023" i="10" s="1"/>
  <c r="O2895" i="10"/>
  <c r="P2895" i="10" s="1"/>
  <c r="O2767" i="10"/>
  <c r="O2639" i="10"/>
  <c r="O2511" i="10"/>
  <c r="O2383" i="10"/>
  <c r="O2255" i="10"/>
  <c r="O2127" i="10"/>
  <c r="O1999" i="10"/>
  <c r="O1871" i="10"/>
  <c r="O1743" i="10"/>
  <c r="O1615" i="10"/>
  <c r="O1487" i="10"/>
  <c r="O1359" i="10"/>
  <c r="O1231" i="10"/>
  <c r="O1103" i="10"/>
  <c r="O975" i="10"/>
  <c r="O847" i="10"/>
  <c r="O719" i="10"/>
  <c r="O591" i="10"/>
  <c r="O463" i="10"/>
  <c r="O335" i="10"/>
  <c r="O207" i="10"/>
  <c r="O79" i="10"/>
  <c r="O5750" i="10"/>
  <c r="P5750" i="10" s="1"/>
  <c r="O5622" i="10"/>
  <c r="P5622" i="10" s="1"/>
  <c r="O5494" i="10"/>
  <c r="P5494" i="10" s="1"/>
  <c r="O5366" i="10"/>
  <c r="P5366" i="10" s="1"/>
  <c r="O5238" i="10"/>
  <c r="P5238" i="10" s="1"/>
  <c r="O5110" i="10"/>
  <c r="P5110" i="10" s="1"/>
  <c r="O4982" i="10"/>
  <c r="P4982" i="10" s="1"/>
  <c r="O4854" i="10"/>
  <c r="P4854" i="10" s="1"/>
  <c r="O4726" i="10"/>
  <c r="P4726" i="10" s="1"/>
  <c r="O4598" i="10"/>
  <c r="P4598" i="10" s="1"/>
  <c r="O4470" i="10"/>
  <c r="P4470" i="10" s="1"/>
  <c r="O4342" i="10"/>
  <c r="P4342" i="10" s="1"/>
  <c r="O4214" i="10"/>
  <c r="P4214" i="10" s="1"/>
  <c r="O4086" i="10"/>
  <c r="P4086" i="10" s="1"/>
  <c r="O3958" i="10"/>
  <c r="P3958" i="10" s="1"/>
  <c r="O3830" i="10"/>
  <c r="P3830" i="10" s="1"/>
  <c r="O3702" i="10"/>
  <c r="P3702" i="10" s="1"/>
  <c r="O3574" i="10"/>
  <c r="P3574" i="10" s="1"/>
  <c r="O3446" i="10"/>
  <c r="P3446" i="10" s="1"/>
  <c r="O3318" i="10"/>
  <c r="P3318" i="10" s="1"/>
  <c r="O3190" i="10"/>
  <c r="P3190" i="10" s="1"/>
  <c r="O3062" i="10"/>
  <c r="P3062" i="10" s="1"/>
  <c r="O2934" i="10"/>
  <c r="P2934" i="10" s="1"/>
  <c r="O2806" i="10"/>
  <c r="O2678" i="10"/>
  <c r="O2550" i="10"/>
  <c r="O2422" i="10"/>
  <c r="O2294" i="10"/>
  <c r="O2166" i="10"/>
  <c r="O2038" i="10"/>
  <c r="O1910" i="10"/>
  <c r="O1782" i="10"/>
  <c r="O1654" i="10"/>
  <c r="O1526" i="10"/>
  <c r="O1398" i="10"/>
  <c r="O1270" i="10"/>
  <c r="O1142" i="10"/>
  <c r="O1014" i="10"/>
  <c r="O886" i="10"/>
  <c r="O758" i="10"/>
  <c r="O630" i="10"/>
  <c r="O502" i="10"/>
  <c r="O374" i="10"/>
  <c r="O246" i="10"/>
  <c r="O118" i="10"/>
  <c r="O5557" i="10"/>
  <c r="P5557" i="10" s="1"/>
  <c r="O5301" i="10"/>
  <c r="P5301" i="10" s="1"/>
  <c r="O5045" i="10"/>
  <c r="P5045" i="10" s="1"/>
  <c r="O4789" i="10"/>
  <c r="P4789" i="10" s="1"/>
  <c r="O4533" i="10"/>
  <c r="P4533" i="10" s="1"/>
  <c r="O4277" i="10"/>
  <c r="P4277" i="10" s="1"/>
  <c r="O4021" i="10"/>
  <c r="P4021" i="10" s="1"/>
  <c r="O3765" i="10"/>
  <c r="P3765" i="10" s="1"/>
  <c r="O3509" i="10"/>
  <c r="P3509" i="10" s="1"/>
  <c r="O3253" i="10"/>
  <c r="P3253" i="10" s="1"/>
  <c r="O2997" i="10"/>
  <c r="P2997" i="10" s="1"/>
  <c r="O2741" i="10"/>
  <c r="O2485" i="10"/>
  <c r="O2229" i="10"/>
  <c r="O1973" i="10"/>
  <c r="O1717" i="10"/>
  <c r="O1461" i="10"/>
  <c r="O1205" i="10"/>
  <c r="O949" i="10"/>
  <c r="O693" i="10"/>
  <c r="O437" i="10"/>
  <c r="O181" i="10"/>
  <c r="O5748" i="10"/>
  <c r="P5748" i="10" s="1"/>
  <c r="O5620" i="10"/>
  <c r="P5620" i="10" s="1"/>
  <c r="O5492" i="10"/>
  <c r="P5492" i="10" s="1"/>
  <c r="O5364" i="10"/>
  <c r="P5364" i="10" s="1"/>
  <c r="O5236" i="10"/>
  <c r="P5236" i="10" s="1"/>
  <c r="O5108" i="10"/>
  <c r="P5108" i="10" s="1"/>
  <c r="O4980" i="10"/>
  <c r="P4980" i="10" s="1"/>
  <c r="O4852" i="10"/>
  <c r="P4852" i="10" s="1"/>
  <c r="O4724" i="10"/>
  <c r="P4724" i="10" s="1"/>
  <c r="O4596" i="10"/>
  <c r="P4596" i="10" s="1"/>
  <c r="O4468" i="10"/>
  <c r="P4468" i="10" s="1"/>
  <c r="O4340" i="10"/>
  <c r="P4340" i="10" s="1"/>
  <c r="O4212" i="10"/>
  <c r="P4212" i="10" s="1"/>
  <c r="O4084" i="10"/>
  <c r="P4084" i="10" s="1"/>
  <c r="O3956" i="10"/>
  <c r="P3956" i="10" s="1"/>
  <c r="O3828" i="10"/>
  <c r="P3828" i="10" s="1"/>
  <c r="O3700" i="10"/>
  <c r="P3700" i="10" s="1"/>
  <c r="O3572" i="10"/>
  <c r="P3572" i="10" s="1"/>
  <c r="O3444" i="10"/>
  <c r="P3444" i="10" s="1"/>
  <c r="O3316" i="10"/>
  <c r="P3316" i="10" s="1"/>
  <c r="O3188" i="10"/>
  <c r="P3188" i="10" s="1"/>
  <c r="O3060" i="10"/>
  <c r="P3060" i="10" s="1"/>
  <c r="O2932" i="10"/>
  <c r="P2932" i="10" s="1"/>
  <c r="O2804" i="10"/>
  <c r="O2676" i="10"/>
  <c r="O2548" i="10"/>
  <c r="O2420" i="10"/>
  <c r="O2292" i="10"/>
  <c r="O2164" i="10"/>
  <c r="O2036" i="10"/>
  <c r="O1908" i="10"/>
  <c r="O1780" i="10"/>
  <c r="O1652" i="10"/>
  <c r="O1524" i="10"/>
  <c r="O1396" i="10"/>
  <c r="O1268" i="10"/>
  <c r="O1140" i="10"/>
  <c r="O1012" i="10"/>
  <c r="O884" i="10"/>
  <c r="O756" i="10"/>
  <c r="O628" i="10"/>
  <c r="O500" i="10"/>
  <c r="O372" i="10"/>
  <c r="O244" i="10"/>
  <c r="O116" i="10"/>
  <c r="T6885" i="10"/>
  <c r="S6885" i="10"/>
  <c r="T7068" i="10"/>
  <c r="S7068" i="10"/>
  <c r="S7461" i="10"/>
  <c r="T7461" i="10"/>
  <c r="S7077" i="10"/>
  <c r="T7077" i="10"/>
  <c r="S6565" i="10"/>
  <c r="T6565" i="10"/>
  <c r="S6053" i="10"/>
  <c r="T6053" i="10"/>
  <c r="T7132" i="10"/>
  <c r="S7132" i="10"/>
  <c r="T6620" i="10"/>
  <c r="S6620" i="10"/>
  <c r="T6236" i="10"/>
  <c r="S6236" i="10"/>
  <c r="T7251" i="10"/>
  <c r="S7251" i="10"/>
  <c r="S6739" i="10"/>
  <c r="T6739" i="10"/>
  <c r="T6483" i="10"/>
  <c r="S6483" i="10"/>
  <c r="S5715" i="10"/>
  <c r="T5715" i="10"/>
  <c r="S7258" i="10"/>
  <c r="T7258" i="10"/>
  <c r="S6874" i="10"/>
  <c r="T6874" i="10"/>
  <c r="T7409" i="10"/>
  <c r="S7409" i="10"/>
  <c r="S7301" i="10"/>
  <c r="T7301" i="10"/>
  <c r="T7045" i="10"/>
  <c r="S7045" i="10"/>
  <c r="S6789" i="10"/>
  <c r="T6789" i="10"/>
  <c r="S6533" i="10"/>
  <c r="T6533" i="10"/>
  <c r="S6277" i="10"/>
  <c r="T6277" i="10"/>
  <c r="S6021" i="10"/>
  <c r="T6021" i="10"/>
  <c r="S7356" i="10"/>
  <c r="T7356" i="10"/>
  <c r="S7100" i="10"/>
  <c r="T7100" i="10"/>
  <c r="S6844" i="10"/>
  <c r="T6844" i="10"/>
  <c r="S6588" i="10"/>
  <c r="T6588" i="10"/>
  <c r="S6332" i="10"/>
  <c r="T6332" i="10"/>
  <c r="S6076" i="10"/>
  <c r="T6076" i="10"/>
  <c r="S7219" i="10"/>
  <c r="T7219" i="10"/>
  <c r="S6963" i="10"/>
  <c r="T6963" i="10"/>
  <c r="S6707" i="10"/>
  <c r="T6707" i="10"/>
  <c r="S6451" i="10"/>
  <c r="T6451" i="10"/>
  <c r="S6195" i="10"/>
  <c r="T6195" i="10"/>
  <c r="S5683" i="10"/>
  <c r="T5683" i="10"/>
  <c r="S5427" i="10"/>
  <c r="T5427" i="10"/>
  <c r="S7226" i="10"/>
  <c r="T7226" i="10"/>
  <c r="S6970" i="10"/>
  <c r="T6970" i="10"/>
  <c r="S6714" i="10"/>
  <c r="T6714" i="10"/>
  <c r="S6458" i="10"/>
  <c r="T6458" i="10"/>
  <c r="S6202" i="10"/>
  <c r="T6202" i="10"/>
  <c r="S7249" i="10"/>
  <c r="T7249" i="10"/>
  <c r="S6993" i="10"/>
  <c r="T6993" i="10"/>
  <c r="S6737" i="10"/>
  <c r="T6737" i="10"/>
  <c r="T6481" i="10"/>
  <c r="S6481" i="10"/>
  <c r="S6225" i="10"/>
  <c r="T6225" i="10"/>
  <c r="S5585" i="10"/>
  <c r="T5585" i="10"/>
  <c r="S5329" i="10"/>
  <c r="T5329" i="10"/>
  <c r="S5073" i="10"/>
  <c r="T5073" i="10"/>
  <c r="T7384" i="10"/>
  <c r="S7384" i="10"/>
  <c r="T7128" i="10"/>
  <c r="S7128" i="10"/>
  <c r="T6872" i="10"/>
  <c r="S6872" i="10"/>
  <c r="S6616" i="10"/>
  <c r="T6616" i="10"/>
  <c r="S6360" i="10"/>
  <c r="T6360" i="10"/>
  <c r="S6104" i="10"/>
  <c r="T6104" i="10"/>
  <c r="S5848" i="10"/>
  <c r="T5848" i="10"/>
  <c r="T7215" i="10"/>
  <c r="S7215" i="10"/>
  <c r="T6959" i="10"/>
  <c r="S6959" i="10"/>
  <c r="T6703" i="10"/>
  <c r="S6703" i="10"/>
  <c r="S6447" i="10"/>
  <c r="T6447" i="10"/>
  <c r="S6191" i="10"/>
  <c r="T6191" i="10"/>
  <c r="S5935" i="10"/>
  <c r="T5935" i="10"/>
  <c r="T7334" i="10"/>
  <c r="S7334" i="10"/>
  <c r="T7078" i="10"/>
  <c r="S7078" i="10"/>
  <c r="T6822" i="10"/>
  <c r="S6822" i="10"/>
  <c r="T6566" i="10"/>
  <c r="S6566" i="10"/>
  <c r="S3339" i="10"/>
  <c r="T3339" i="10"/>
  <c r="S4654" i="10"/>
  <c r="T4654" i="10"/>
  <c r="O5893" i="10"/>
  <c r="P5893" i="10" s="1"/>
  <c r="O5948" i="10"/>
  <c r="P5948" i="10" s="1"/>
  <c r="O5820" i="10"/>
  <c r="P5820" i="10" s="1"/>
  <c r="O5939" i="10"/>
  <c r="P5939" i="10" s="1"/>
  <c r="O5811" i="10"/>
  <c r="P5811" i="10" s="1"/>
  <c r="O5946" i="10"/>
  <c r="P5946" i="10" s="1"/>
  <c r="O5818" i="10"/>
  <c r="P5818" i="10" s="1"/>
  <c r="O5969" i="10"/>
  <c r="P5969" i="10" s="1"/>
  <c r="O5841" i="10"/>
  <c r="P5841" i="10" s="1"/>
  <c r="O5926" i="10"/>
  <c r="P5926" i="10" s="1"/>
  <c r="O5770" i="10"/>
  <c r="P5770" i="10" s="1"/>
  <c r="O5845" i="10"/>
  <c r="P5845" i="10" s="1"/>
  <c r="O5336" i="10"/>
  <c r="P5336" i="10" s="1"/>
  <c r="O5208" i="10"/>
  <c r="P5208" i="10" s="1"/>
  <c r="O5080" i="10"/>
  <c r="P5080" i="10" s="1"/>
  <c r="O4952" i="10"/>
  <c r="P4952" i="10" s="1"/>
  <c r="O4824" i="10"/>
  <c r="P4824" i="10" s="1"/>
  <c r="O5806" i="10"/>
  <c r="P5806" i="10" s="1"/>
  <c r="O5678" i="10"/>
  <c r="P5678" i="10" s="1"/>
  <c r="O5550" i="10"/>
  <c r="P5550" i="10" s="1"/>
  <c r="O5422" i="10"/>
  <c r="P5422" i="10" s="1"/>
  <c r="O5885" i="10"/>
  <c r="P5885" i="10" s="1"/>
  <c r="O5940" i="10"/>
  <c r="P5940" i="10" s="1"/>
  <c r="O5812" i="10"/>
  <c r="P5812" i="10" s="1"/>
  <c r="O5931" i="10"/>
  <c r="P5931" i="10" s="1"/>
  <c r="O5803" i="10"/>
  <c r="P5803" i="10" s="1"/>
  <c r="O5938" i="10"/>
  <c r="P5938" i="10" s="1"/>
  <c r="O5810" i="10"/>
  <c r="P5810" i="10" s="1"/>
  <c r="O5961" i="10"/>
  <c r="P5961" i="10" s="1"/>
  <c r="O5833" i="10"/>
  <c r="P5833" i="10" s="1"/>
  <c r="O5918" i="10"/>
  <c r="P5918" i="10" s="1"/>
  <c r="O4742" i="10"/>
  <c r="P4742" i="10" s="1"/>
  <c r="O4614" i="10"/>
  <c r="P4614" i="10" s="1"/>
  <c r="O4486" i="10"/>
  <c r="P4486" i="10" s="1"/>
  <c r="O4358" i="10"/>
  <c r="P4358" i="10" s="1"/>
  <c r="O4230" i="10"/>
  <c r="P4230" i="10" s="1"/>
  <c r="O4102" i="10"/>
  <c r="P4102" i="10" s="1"/>
  <c r="O3974" i="10"/>
  <c r="P3974" i="10" s="1"/>
  <c r="O3846" i="10"/>
  <c r="P3846" i="10" s="1"/>
  <c r="O3718" i="10"/>
  <c r="P3718" i="10" s="1"/>
  <c r="O3590" i="10"/>
  <c r="P3590" i="10" s="1"/>
  <c r="O3462" i="10"/>
  <c r="P3462" i="10" s="1"/>
  <c r="O3334" i="10"/>
  <c r="P3334" i="10" s="1"/>
  <c r="O3206" i="10"/>
  <c r="P3206" i="10" s="1"/>
  <c r="O3078" i="10"/>
  <c r="P3078" i="10" s="1"/>
  <c r="O2950" i="10"/>
  <c r="P2950" i="10" s="1"/>
  <c r="O2822" i="10"/>
  <c r="O2694" i="10"/>
  <c r="O2566" i="10"/>
  <c r="O2438" i="10"/>
  <c r="O2310" i="10"/>
  <c r="O2182" i="10"/>
  <c r="O2054" i="10"/>
  <c r="O1926" i="10"/>
  <c r="O1798" i="10"/>
  <c r="O1670" i="10"/>
  <c r="O1542" i="10"/>
  <c r="O1414" i="10"/>
  <c r="O1286" i="10"/>
  <c r="O1158" i="10"/>
  <c r="O1030" i="10"/>
  <c r="O902" i="10"/>
  <c r="O774" i="10"/>
  <c r="O646" i="10"/>
  <c r="O518" i="10"/>
  <c r="O390" i="10"/>
  <c r="O262" i="10"/>
  <c r="O134" i="10"/>
  <c r="O5861" i="10"/>
  <c r="P5861" i="10" s="1"/>
  <c r="O5900" i="10"/>
  <c r="P5900" i="10" s="1"/>
  <c r="O5891" i="10"/>
  <c r="P5891" i="10" s="1"/>
  <c r="O5898" i="10"/>
  <c r="P5898" i="10" s="1"/>
  <c r="O5921" i="10"/>
  <c r="P5921" i="10" s="1"/>
  <c r="O5793" i="10"/>
  <c r="P5793" i="10" s="1"/>
  <c r="S6006" i="10"/>
  <c r="T6006" i="10"/>
  <c r="S5878" i="10"/>
  <c r="T5878" i="10"/>
  <c r="S5608" i="10"/>
  <c r="T5608" i="10"/>
  <c r="S5480" i="10"/>
  <c r="T5480" i="10"/>
  <c r="T5310" i="10"/>
  <c r="S5310" i="10"/>
  <c r="T5054" i="10"/>
  <c r="S5054" i="10"/>
  <c r="T4926" i="10"/>
  <c r="S4926" i="10"/>
  <c r="S5915" i="10"/>
  <c r="T5915" i="10"/>
  <c r="S5787" i="10"/>
  <c r="T5787" i="10"/>
  <c r="T5922" i="10"/>
  <c r="S5922" i="10"/>
  <c r="S5945" i="10"/>
  <c r="T5945" i="10"/>
  <c r="S5817" i="10"/>
  <c r="T5817" i="10"/>
  <c r="T5902" i="10"/>
  <c r="S5813" i="10"/>
  <c r="T5813" i="10"/>
  <c r="S7013" i="10"/>
  <c r="T7013" i="10"/>
  <c r="T7452" i="10"/>
  <c r="S7452" i="10"/>
  <c r="S6812" i="10"/>
  <c r="T6812" i="10"/>
  <c r="T6300" i="10"/>
  <c r="S6300" i="10"/>
  <c r="T6044" i="10"/>
  <c r="S6044" i="10"/>
  <c r="S7315" i="10"/>
  <c r="T7315" i="10"/>
  <c r="S7059" i="10"/>
  <c r="T7059" i="10"/>
  <c r="T6675" i="10"/>
  <c r="S6675" i="10"/>
  <c r="T6419" i="10"/>
  <c r="S6419" i="10"/>
  <c r="T6035" i="10"/>
  <c r="S6035" i="10"/>
  <c r="S7450" i="10"/>
  <c r="T7450" i="10"/>
  <c r="S7194" i="10"/>
  <c r="T7194" i="10"/>
  <c r="S6938" i="10"/>
  <c r="T6938" i="10"/>
  <c r="S6682" i="10"/>
  <c r="T6682" i="10"/>
  <c r="S6426" i="10"/>
  <c r="T6426" i="10"/>
  <c r="S6170" i="10"/>
  <c r="T6170" i="10"/>
  <c r="T7217" i="10"/>
  <c r="S7217" i="10"/>
  <c r="S6961" i="10"/>
  <c r="T6961" i="10"/>
  <c r="S6705" i="10"/>
  <c r="T6705" i="10"/>
  <c r="S6449" i="10"/>
  <c r="T6449" i="10"/>
  <c r="T6193" i="10"/>
  <c r="S6193" i="10"/>
  <c r="S5553" i="10"/>
  <c r="T5553" i="10"/>
  <c r="S5297" i="10"/>
  <c r="T5297" i="10"/>
  <c r="S4913" i="10"/>
  <c r="T4913" i="10"/>
  <c r="S7224" i="10"/>
  <c r="T7224" i="10"/>
  <c r="S6968" i="10"/>
  <c r="T6968" i="10"/>
  <c r="S6712" i="10"/>
  <c r="T6712" i="10"/>
  <c r="S6456" i="10"/>
  <c r="T6456" i="10"/>
  <c r="S6200" i="10"/>
  <c r="T6200" i="10"/>
  <c r="S7439" i="10"/>
  <c r="T7439" i="10"/>
  <c r="S7311" i="10"/>
  <c r="T7311" i="10"/>
  <c r="S7055" i="10"/>
  <c r="T7055" i="10"/>
  <c r="S6799" i="10"/>
  <c r="T6799" i="10"/>
  <c r="S6415" i="10"/>
  <c r="T6415" i="10"/>
  <c r="S6159" i="10"/>
  <c r="T6159" i="10"/>
  <c r="S5903" i="10"/>
  <c r="T5903" i="10"/>
  <c r="S7302" i="10"/>
  <c r="T7302" i="10"/>
  <c r="S7174" i="10"/>
  <c r="T7174" i="10"/>
  <c r="S6918" i="10"/>
  <c r="T6918" i="10"/>
  <c r="S6662" i="10"/>
  <c r="T6662" i="10"/>
  <c r="S6406" i="10"/>
  <c r="T6406" i="10"/>
  <c r="S6150" i="10"/>
  <c r="T6150" i="10"/>
  <c r="S5099" i="10"/>
  <c r="T5099" i="10"/>
  <c r="S5226" i="10"/>
  <c r="T5226" i="10"/>
  <c r="T4970" i="10"/>
  <c r="S4970" i="10"/>
  <c r="S4586" i="10"/>
  <c r="T4586" i="10"/>
  <c r="S4330" i="10"/>
  <c r="T4330" i="10"/>
  <c r="S4074" i="10"/>
  <c r="T4074" i="10"/>
  <c r="S3818" i="10"/>
  <c r="T3818" i="10"/>
  <c r="S3562" i="10"/>
  <c r="T3562" i="10"/>
  <c r="S3306" i="10"/>
  <c r="T3306" i="10"/>
  <c r="S3050" i="10"/>
  <c r="T3050" i="10"/>
  <c r="S5269" i="10"/>
  <c r="T5269" i="10"/>
  <c r="S4757" i="10"/>
  <c r="T4757" i="10"/>
  <c r="T4245" i="10"/>
  <c r="S4245" i="10"/>
  <c r="S3733" i="10"/>
  <c r="T3733" i="10"/>
  <c r="S3221" i="10"/>
  <c r="T3221" i="10"/>
  <c r="S3357" i="10"/>
  <c r="T3357" i="10"/>
  <c r="S4729" i="10"/>
  <c r="T4729" i="10"/>
  <c r="S4345" i="10"/>
  <c r="T4345" i="10"/>
  <c r="S4089" i="10"/>
  <c r="T4089" i="10"/>
  <c r="T3833" i="10"/>
  <c r="S3833" i="10"/>
  <c r="S3705" i="10"/>
  <c r="T3705" i="10"/>
  <c r="S3321" i="10"/>
  <c r="T3321" i="10"/>
  <c r="S3193" i="10"/>
  <c r="T3193" i="10"/>
  <c r="S2937" i="10"/>
  <c r="T2937" i="10"/>
  <c r="S5688" i="10"/>
  <c r="T5688" i="10"/>
  <c r="S5432" i="10"/>
  <c r="T5432" i="10"/>
  <c r="S4664" i="10"/>
  <c r="T4664" i="10"/>
  <c r="S4408" i="10"/>
  <c r="T4408" i="10"/>
  <c r="S4152" i="10"/>
  <c r="T4152" i="10"/>
  <c r="S4024" i="10"/>
  <c r="T4024" i="10"/>
  <c r="T3768" i="10"/>
  <c r="S3768" i="10"/>
  <c r="S3512" i="10"/>
  <c r="T3512" i="10"/>
  <c r="S3256" i="10"/>
  <c r="T3256" i="10"/>
  <c r="S3000" i="10"/>
  <c r="T3000" i="10"/>
  <c r="S5735" i="10"/>
  <c r="T5735" i="10"/>
  <c r="S5479" i="10"/>
  <c r="T5479" i="10"/>
  <c r="S5223" i="10"/>
  <c r="T5223" i="10"/>
  <c r="S4967" i="10"/>
  <c r="T4967" i="10"/>
  <c r="S4711" i="10"/>
  <c r="T4711" i="10"/>
  <c r="S4455" i="10"/>
  <c r="T4455" i="10"/>
  <c r="S4199" i="10"/>
  <c r="T4199" i="10"/>
  <c r="S3943" i="10"/>
  <c r="T3943" i="10"/>
  <c r="S3687" i="10"/>
  <c r="T3687" i="10"/>
  <c r="S3431" i="10"/>
  <c r="T3431" i="10"/>
  <c r="S3175" i="10"/>
  <c r="T3175" i="10"/>
  <c r="S2919" i="10"/>
  <c r="T2919" i="10"/>
  <c r="S5518" i="10"/>
  <c r="T5518" i="10"/>
  <c r="S5390" i="10"/>
  <c r="T5390" i="10"/>
  <c r="S5134" i="10"/>
  <c r="T5134" i="10"/>
  <c r="S4878" i="10"/>
  <c r="T4878" i="10"/>
  <c r="S5613" i="10"/>
  <c r="T5613" i="10"/>
  <c r="S5101" i="10"/>
  <c r="T5101" i="10"/>
  <c r="S4589" i="10"/>
  <c r="T4589" i="10"/>
  <c r="S4077" i="10"/>
  <c r="T4077" i="10"/>
  <c r="S3565" i="10"/>
  <c r="T3565" i="10"/>
  <c r="S3309" i="10"/>
  <c r="T3309" i="10"/>
  <c r="S5548" i="10"/>
  <c r="T5548" i="10"/>
  <c r="S5292" i="10"/>
  <c r="T5292" i="10"/>
  <c r="S5036" i="10"/>
  <c r="T5036" i="10"/>
  <c r="T4780" i="10"/>
  <c r="S4780" i="10"/>
  <c r="S4524" i="10"/>
  <c r="T4524" i="10"/>
  <c r="T4268" i="10"/>
  <c r="S4268" i="10"/>
  <c r="T4140" i="10"/>
  <c r="S4140" i="10"/>
  <c r="T3884" i="10"/>
  <c r="S3884" i="10"/>
  <c r="S3628" i="10"/>
  <c r="T3628" i="10"/>
  <c r="S3372" i="10"/>
  <c r="T3372" i="10"/>
  <c r="S3116" i="10"/>
  <c r="T3116" i="10"/>
  <c r="S2988" i="10"/>
  <c r="T2988" i="10"/>
  <c r="S7357" i="10"/>
  <c r="T7357" i="10"/>
  <c r="S6845" i="10"/>
  <c r="T6845" i="10"/>
  <c r="T6589" i="10"/>
  <c r="S6589" i="10"/>
  <c r="S6077" i="10"/>
  <c r="T6077" i="10"/>
  <c r="S7316" i="10"/>
  <c r="T7316" i="10"/>
  <c r="S7060" i="10"/>
  <c r="T7060" i="10"/>
  <c r="S6804" i="10"/>
  <c r="T6804" i="10"/>
  <c r="S6292" i="10"/>
  <c r="T6292" i="10"/>
  <c r="S6164" i="10"/>
  <c r="T6164" i="10"/>
  <c r="S7435" i="10"/>
  <c r="T7435" i="10"/>
  <c r="S7307" i="10"/>
  <c r="T7307" i="10"/>
  <c r="S7051" i="10"/>
  <c r="T7051" i="10"/>
  <c r="S6795" i="10"/>
  <c r="T6795" i="10"/>
  <c r="S6539" i="10"/>
  <c r="T6539" i="10"/>
  <c r="S6283" i="10"/>
  <c r="T6283" i="10"/>
  <c r="S6027" i="10"/>
  <c r="T6027" i="10"/>
  <c r="S5515" i="10"/>
  <c r="T5515" i="10"/>
  <c r="S7186" i="10"/>
  <c r="T7186" i="10"/>
  <c r="S6930" i="10"/>
  <c r="T6930" i="10"/>
  <c r="S6674" i="10"/>
  <c r="T6674" i="10"/>
  <c r="S6418" i="10"/>
  <c r="T6418" i="10"/>
  <c r="S6162" i="10"/>
  <c r="T6162" i="10"/>
  <c r="S7337" i="10"/>
  <c r="T7337" i="10"/>
  <c r="S7081" i="10"/>
  <c r="T7081" i="10"/>
  <c r="S6825" i="10"/>
  <c r="T6825" i="10"/>
  <c r="T6569" i="10"/>
  <c r="S6569" i="10"/>
  <c r="S6313" i="10"/>
  <c r="T6313" i="10"/>
  <c r="T6057" i="10"/>
  <c r="S6057" i="10"/>
  <c r="S5545" i="10"/>
  <c r="T5545" i="10"/>
  <c r="S5417" i="10"/>
  <c r="T5417" i="10"/>
  <c r="S5161" i="10"/>
  <c r="T5161" i="10"/>
  <c r="S4905" i="10"/>
  <c r="T4905" i="10"/>
  <c r="S7216" i="10"/>
  <c r="T7216" i="10"/>
  <c r="S6960" i="10"/>
  <c r="T6960" i="10"/>
  <c r="S6704" i="10"/>
  <c r="T6704" i="10"/>
  <c r="T6448" i="10"/>
  <c r="S6448" i="10"/>
  <c r="T6192" i="10"/>
  <c r="S6192" i="10"/>
  <c r="S5936" i="10"/>
  <c r="T5936" i="10"/>
  <c r="S7303" i="10"/>
  <c r="T7303" i="10"/>
  <c r="S7047" i="10"/>
  <c r="T7047" i="10"/>
  <c r="T6407" i="10"/>
  <c r="S6407" i="10"/>
  <c r="S2915" i="10"/>
  <c r="T2915" i="10"/>
  <c r="T5602" i="10"/>
  <c r="S5602" i="10"/>
  <c r="T5346" i="10"/>
  <c r="S5346" i="10"/>
  <c r="T5090" i="10"/>
  <c r="S5090" i="10"/>
  <c r="T4834" i="10"/>
  <c r="S4834" i="10"/>
  <c r="S4578" i="10"/>
  <c r="T4578" i="10"/>
  <c r="S4322" i="10"/>
  <c r="T4322" i="10"/>
  <c r="S4066" i="10"/>
  <c r="T4066" i="10"/>
  <c r="T3810" i="10"/>
  <c r="S3810" i="10"/>
  <c r="T3554" i="10"/>
  <c r="S3554" i="10"/>
  <c r="S3426" i="10"/>
  <c r="T3426" i="10"/>
  <c r="S3170" i="10"/>
  <c r="T3170" i="10"/>
  <c r="S3042" i="10"/>
  <c r="T3042" i="10"/>
  <c r="S2914" i="10"/>
  <c r="T2914" i="10"/>
  <c r="S5581" i="10"/>
  <c r="T5581" i="10"/>
  <c r="S5325" i="10"/>
  <c r="T5325" i="10"/>
  <c r="S5069" i="10"/>
  <c r="T5069" i="10"/>
  <c r="S4813" i="10"/>
  <c r="T4813" i="10"/>
  <c r="S4557" i="10"/>
  <c r="T4557" i="10"/>
  <c r="S4301" i="10"/>
  <c r="T4301" i="10"/>
  <c r="S4045" i="10"/>
  <c r="T4045" i="10"/>
  <c r="S3789" i="10"/>
  <c r="T3789" i="10"/>
  <c r="S3533" i="10"/>
  <c r="T3533" i="10"/>
  <c r="S3277" i="10"/>
  <c r="T3277" i="10"/>
  <c r="S3021" i="10"/>
  <c r="T3021" i="10"/>
  <c r="S5405" i="10"/>
  <c r="T5405" i="10"/>
  <c r="S3997" i="10"/>
  <c r="T3997" i="10"/>
  <c r="S7261" i="10"/>
  <c r="T7261" i="10"/>
  <c r="S7005" i="10"/>
  <c r="T7005" i="10"/>
  <c r="S6493" i="10"/>
  <c r="T6493" i="10"/>
  <c r="S6237" i="10"/>
  <c r="T6237" i="10"/>
  <c r="S4817" i="10"/>
  <c r="T4817" i="10"/>
  <c r="S4689" i="10"/>
  <c r="T4689" i="10"/>
  <c r="S4561" i="10"/>
  <c r="T4561" i="10"/>
  <c r="S4433" i="10"/>
  <c r="T4433" i="10"/>
  <c r="S4305" i="10"/>
  <c r="T4305" i="10"/>
  <c r="S4177" i="10"/>
  <c r="T4177" i="10"/>
  <c r="S4049" i="10"/>
  <c r="T4049" i="10"/>
  <c r="S3921" i="10"/>
  <c r="T3921" i="10"/>
  <c r="S3793" i="10"/>
  <c r="T3793" i="10"/>
  <c r="S3665" i="10"/>
  <c r="T3665" i="10"/>
  <c r="S3537" i="10"/>
  <c r="T3537" i="10"/>
  <c r="S3409" i="10"/>
  <c r="T3409" i="10"/>
  <c r="S3281" i="10"/>
  <c r="T3281" i="10"/>
  <c r="S3153" i="10"/>
  <c r="T3153" i="10"/>
  <c r="S3025" i="10"/>
  <c r="T3025" i="10"/>
  <c r="S2897" i="10"/>
  <c r="T2897" i="10"/>
  <c r="S5776" i="10"/>
  <c r="T5776" i="10"/>
  <c r="S5648" i="10"/>
  <c r="T5648" i="10"/>
  <c r="S5520" i="10"/>
  <c r="T5520" i="10"/>
  <c r="S5392" i="10"/>
  <c r="T5392" i="10"/>
  <c r="S5264" i="10"/>
  <c r="T5264" i="10"/>
  <c r="S5136" i="10"/>
  <c r="T5136" i="10"/>
  <c r="S5008" i="10"/>
  <c r="T5008" i="10"/>
  <c r="S4880" i="10"/>
  <c r="T4880" i="10"/>
  <c r="S4752" i="10"/>
  <c r="T4752" i="10"/>
  <c r="S4624" i="10"/>
  <c r="T4624" i="10"/>
  <c r="S4496" i="10"/>
  <c r="T4496" i="10"/>
  <c r="S4368" i="10"/>
  <c r="T4368" i="10"/>
  <c r="S4240" i="10"/>
  <c r="T4240" i="10"/>
  <c r="S4112" i="10"/>
  <c r="T4112" i="10"/>
  <c r="S3984" i="10"/>
  <c r="T3984" i="10"/>
  <c r="S3856" i="10"/>
  <c r="T3856" i="10"/>
  <c r="S3728" i="10"/>
  <c r="T3728" i="10"/>
  <c r="S3600" i="10"/>
  <c r="T3600" i="10"/>
  <c r="S3472" i="10"/>
  <c r="T3472" i="10"/>
  <c r="S3344" i="10"/>
  <c r="T3344" i="10"/>
  <c r="S3216" i="10"/>
  <c r="T3216" i="10"/>
  <c r="S3088" i="10"/>
  <c r="T3088" i="10"/>
  <c r="S2960" i="10"/>
  <c r="T2960" i="10"/>
  <c r="S5695" i="10"/>
  <c r="T5695" i="10"/>
  <c r="S5567" i="10"/>
  <c r="T5567" i="10"/>
  <c r="S5439" i="10"/>
  <c r="T5439" i="10"/>
  <c r="S5311" i="10"/>
  <c r="T5311" i="10"/>
  <c r="S5183" i="10"/>
  <c r="T5183" i="10"/>
  <c r="S5055" i="10"/>
  <c r="T5055" i="10"/>
  <c r="S4927" i="10"/>
  <c r="T4927" i="10"/>
  <c r="S4799" i="10"/>
  <c r="T4799" i="10"/>
  <c r="S4671" i="10"/>
  <c r="T4671" i="10"/>
  <c r="S4543" i="10"/>
  <c r="T4543" i="10"/>
  <c r="S4415" i="10"/>
  <c r="T4415" i="10"/>
  <c r="S4287" i="10"/>
  <c r="T4287" i="10"/>
  <c r="S4159" i="10"/>
  <c r="T4159" i="10"/>
  <c r="S4031" i="10"/>
  <c r="T4031" i="10"/>
  <c r="S3903" i="10"/>
  <c r="T3903" i="10"/>
  <c r="S3775" i="10"/>
  <c r="T3775" i="10"/>
  <c r="S3647" i="10"/>
  <c r="T3647" i="10"/>
  <c r="S3519" i="10"/>
  <c r="T3519" i="10"/>
  <c r="S3391" i="10"/>
  <c r="T3391" i="10"/>
  <c r="S3263" i="10"/>
  <c r="T3263" i="10"/>
  <c r="S3135" i="10"/>
  <c r="T3135" i="10"/>
  <c r="S3007" i="10"/>
  <c r="T3007" i="10"/>
  <c r="S2879" i="10"/>
  <c r="T2879" i="10"/>
  <c r="S5734" i="10"/>
  <c r="T5734" i="10"/>
  <c r="S5606" i="10"/>
  <c r="T5606" i="10"/>
  <c r="S5478" i="10"/>
  <c r="T5478" i="10"/>
  <c r="S5350" i="10"/>
  <c r="T5350" i="10"/>
  <c r="S5222" i="10"/>
  <c r="T5222" i="10"/>
  <c r="S5094" i="10"/>
  <c r="T5094" i="10"/>
  <c r="S4966" i="10"/>
  <c r="T4966" i="10"/>
  <c r="S4838" i="10"/>
  <c r="T4838" i="10"/>
  <c r="S4710" i="10"/>
  <c r="T4710" i="10"/>
  <c r="T4582" i="10"/>
  <c r="S4582" i="10"/>
  <c r="T4454" i="10"/>
  <c r="S4454" i="10"/>
  <c r="S4326" i="10"/>
  <c r="T4326" i="10"/>
  <c r="T4198" i="10"/>
  <c r="S4198" i="10"/>
  <c r="S4070" i="10"/>
  <c r="T4070" i="10"/>
  <c r="S3942" i="10"/>
  <c r="T3942" i="10"/>
  <c r="S3814" i="10"/>
  <c r="T3814" i="10"/>
  <c r="S3686" i="10"/>
  <c r="T3686" i="10"/>
  <c r="S3558" i="10"/>
  <c r="T3558" i="10"/>
  <c r="S3430" i="10"/>
  <c r="T3430" i="10"/>
  <c r="S3302" i="10"/>
  <c r="T3302" i="10"/>
  <c r="S3174" i="10"/>
  <c r="T3174" i="10"/>
  <c r="S3046" i="10"/>
  <c r="T3046" i="10"/>
  <c r="S2918" i="10"/>
  <c r="T2918" i="10"/>
  <c r="S5701" i="10"/>
  <c r="T5701" i="10"/>
  <c r="S5573" i="10"/>
  <c r="T5573" i="10"/>
  <c r="S5445" i="10"/>
  <c r="T5445" i="10"/>
  <c r="S5317" i="10"/>
  <c r="T5317" i="10"/>
  <c r="S5189" i="10"/>
  <c r="T5189" i="10"/>
  <c r="S5061" i="10"/>
  <c r="T5061" i="10"/>
  <c r="S4933" i="10"/>
  <c r="T4933" i="10"/>
  <c r="S4805" i="10"/>
  <c r="T4805" i="10"/>
  <c r="S4677" i="10"/>
  <c r="T4677" i="10"/>
  <c r="S4549" i="10"/>
  <c r="T4549" i="10"/>
  <c r="S4421" i="10"/>
  <c r="T4421" i="10"/>
  <c r="S4293" i="10"/>
  <c r="T4293" i="10"/>
  <c r="S4165" i="10"/>
  <c r="T4165" i="10"/>
  <c r="S4037" i="10"/>
  <c r="T4037" i="10"/>
  <c r="S3909" i="10"/>
  <c r="T3909" i="10"/>
  <c r="S3781" i="10"/>
  <c r="T3781" i="10"/>
  <c r="S3653" i="10"/>
  <c r="T3653" i="10"/>
  <c r="S3525" i="10"/>
  <c r="T3525" i="10"/>
  <c r="S3397" i="10"/>
  <c r="T3397" i="10"/>
  <c r="S3269" i="10"/>
  <c r="T3269" i="10"/>
  <c r="S3141" i="10"/>
  <c r="T3141" i="10"/>
  <c r="S3013" i="10"/>
  <c r="T3013" i="10"/>
  <c r="S2885" i="10"/>
  <c r="T2885" i="10"/>
  <c r="S5732" i="10"/>
  <c r="T5732" i="10"/>
  <c r="S5604" i="10"/>
  <c r="T5604" i="10"/>
  <c r="S5476" i="10"/>
  <c r="T5476" i="10"/>
  <c r="S5348" i="10"/>
  <c r="T5348" i="10"/>
  <c r="S5220" i="10"/>
  <c r="T5220" i="10"/>
  <c r="S5092" i="10"/>
  <c r="T5092" i="10"/>
  <c r="S4964" i="10"/>
  <c r="T4964" i="10"/>
  <c r="S4836" i="10"/>
  <c r="T4836" i="10"/>
  <c r="S4708" i="10"/>
  <c r="T4708" i="10"/>
  <c r="S4580" i="10"/>
  <c r="T4580" i="10"/>
  <c r="T4452" i="10"/>
  <c r="S4452" i="10"/>
  <c r="T4324" i="10"/>
  <c r="S4324" i="10"/>
  <c r="T4196" i="10"/>
  <c r="S4196" i="10"/>
  <c r="T4068" i="10"/>
  <c r="S4068" i="10"/>
  <c r="S3940" i="10"/>
  <c r="T3940" i="10"/>
  <c r="T3812" i="10"/>
  <c r="S3812" i="10"/>
  <c r="S3684" i="10"/>
  <c r="T3684" i="10"/>
  <c r="T3556" i="10"/>
  <c r="S3556" i="10"/>
  <c r="S3428" i="10"/>
  <c r="T3428" i="10"/>
  <c r="S3300" i="10"/>
  <c r="T3300" i="10"/>
  <c r="S3172" i="10"/>
  <c r="T3172" i="10"/>
  <c r="S3044" i="10"/>
  <c r="T3044" i="10"/>
  <c r="S2916" i="10"/>
  <c r="T2916" i="10"/>
  <c r="S5085" i="10"/>
  <c r="T5085" i="10"/>
  <c r="S3293" i="10"/>
  <c r="T3293" i="10"/>
  <c r="S7285" i="10"/>
  <c r="T7285" i="10"/>
  <c r="T7029" i="10"/>
  <c r="S7029" i="10"/>
  <c r="S6773" i="10"/>
  <c r="T6773" i="10"/>
  <c r="S6517" i="10"/>
  <c r="T6517" i="10"/>
  <c r="S6261" i="10"/>
  <c r="T6261" i="10"/>
  <c r="S7404" i="10"/>
  <c r="T7404" i="10"/>
  <c r="S7276" i="10"/>
  <c r="T7276" i="10"/>
  <c r="S7148" i="10"/>
  <c r="T7148" i="10"/>
  <c r="S7020" i="10"/>
  <c r="T7020" i="10"/>
  <c r="S6892" i="10"/>
  <c r="T6892" i="10"/>
  <c r="S6764" i="10"/>
  <c r="T6764" i="10"/>
  <c r="S6636" i="10"/>
  <c r="T6636" i="10"/>
  <c r="S6508" i="10"/>
  <c r="T6508" i="10"/>
  <c r="S6380" i="10"/>
  <c r="T6380" i="10"/>
  <c r="S6252" i="10"/>
  <c r="T6252" i="10"/>
  <c r="S6124" i="10"/>
  <c r="T6124" i="10"/>
  <c r="T7395" i="10"/>
  <c r="S7395" i="10"/>
  <c r="T7267" i="10"/>
  <c r="S7267" i="10"/>
  <c r="T7139" i="10"/>
  <c r="S7139" i="10"/>
  <c r="T7011" i="10"/>
  <c r="S7011" i="10"/>
  <c r="T6883" i="10"/>
  <c r="S6883" i="10"/>
  <c r="T6755" i="10"/>
  <c r="S6755" i="10"/>
  <c r="T6627" i="10"/>
  <c r="S6627" i="10"/>
  <c r="T6499" i="10"/>
  <c r="S6499" i="10"/>
  <c r="T6371" i="10"/>
  <c r="S6371" i="10"/>
  <c r="T6243" i="10"/>
  <c r="S6243" i="10"/>
  <c r="T6115" i="10"/>
  <c r="S6115" i="10"/>
  <c r="S5731" i="10"/>
  <c r="T5731" i="10"/>
  <c r="S5603" i="10"/>
  <c r="T5603" i="10"/>
  <c r="S5475" i="10"/>
  <c r="T5475" i="10"/>
  <c r="S7402" i="10"/>
  <c r="T7402" i="10"/>
  <c r="S7274" i="10"/>
  <c r="T7274" i="10"/>
  <c r="S7146" i="10"/>
  <c r="T7146" i="10"/>
  <c r="S7018" i="10"/>
  <c r="T7018" i="10"/>
  <c r="S6890" i="10"/>
  <c r="T6890" i="10"/>
  <c r="S6762" i="10"/>
  <c r="T6762" i="10"/>
  <c r="S6634" i="10"/>
  <c r="T6634" i="10"/>
  <c r="S6506" i="10"/>
  <c r="T6506" i="10"/>
  <c r="S6378" i="10"/>
  <c r="T6378" i="10"/>
  <c r="S6250" i="10"/>
  <c r="T6250" i="10"/>
  <c r="S6122" i="10"/>
  <c r="T6122" i="10"/>
  <c r="S7425" i="10"/>
  <c r="T7425" i="10"/>
  <c r="S7297" i="10"/>
  <c r="T7297" i="10"/>
  <c r="S7169" i="10"/>
  <c r="T7169" i="10"/>
  <c r="S7041" i="10"/>
  <c r="T7041" i="10"/>
  <c r="S6913" i="10"/>
  <c r="T6913" i="10"/>
  <c r="S6785" i="10"/>
  <c r="T6785" i="10"/>
  <c r="S6657" i="10"/>
  <c r="T6657" i="10"/>
  <c r="T6529" i="10"/>
  <c r="S6529" i="10"/>
  <c r="S6401" i="10"/>
  <c r="T6401" i="10"/>
  <c r="S6273" i="10"/>
  <c r="T6273" i="10"/>
  <c r="T6145" i="10"/>
  <c r="S6145" i="10"/>
  <c r="S6017" i="10"/>
  <c r="T6017" i="10"/>
  <c r="S5761" i="10"/>
  <c r="T5761" i="10"/>
  <c r="S5633" i="10"/>
  <c r="T5633" i="10"/>
  <c r="S5505" i="10"/>
  <c r="T5505" i="10"/>
  <c r="S5377" i="10"/>
  <c r="T5377" i="10"/>
  <c r="S5249" i="10"/>
  <c r="T5249" i="10"/>
  <c r="S5121" i="10"/>
  <c r="T5121" i="10"/>
  <c r="S4993" i="10"/>
  <c r="T4993" i="10"/>
  <c r="T7432" i="10"/>
  <c r="S7432" i="10"/>
  <c r="S7304" i="10"/>
  <c r="T7304" i="10"/>
  <c r="T7176" i="10"/>
  <c r="S7176" i="10"/>
  <c r="T7048" i="10"/>
  <c r="S7048" i="10"/>
  <c r="T6920" i="10"/>
  <c r="S6920" i="10"/>
  <c r="T6792" i="10"/>
  <c r="S6792" i="10"/>
  <c r="T6664" i="10"/>
  <c r="S6664" i="10"/>
  <c r="T6536" i="10"/>
  <c r="S6536" i="10"/>
  <c r="S6408" i="10"/>
  <c r="T6408" i="10"/>
  <c r="T6280" i="10"/>
  <c r="S6280" i="10"/>
  <c r="T6152" i="10"/>
  <c r="S6152" i="10"/>
  <c r="T6024" i="10"/>
  <c r="S6024" i="10"/>
  <c r="S5896" i="10"/>
  <c r="T5896" i="10"/>
  <c r="S7391" i="10"/>
  <c r="T7391" i="10"/>
  <c r="T7263" i="10"/>
  <c r="S7263" i="10"/>
  <c r="T7135" i="10"/>
  <c r="S7135" i="10"/>
  <c r="T7007" i="10"/>
  <c r="S7007" i="10"/>
  <c r="S6879" i="10"/>
  <c r="T6879" i="10"/>
  <c r="S6751" i="10"/>
  <c r="T6751" i="10"/>
  <c r="T6623" i="10"/>
  <c r="S6623" i="10"/>
  <c r="S6495" i="10"/>
  <c r="T6495" i="10"/>
  <c r="S6367" i="10"/>
  <c r="T6367" i="10"/>
  <c r="S6239" i="10"/>
  <c r="T6239" i="10"/>
  <c r="T6111" i="10"/>
  <c r="S6111" i="10"/>
  <c r="S5983" i="10"/>
  <c r="T5983" i="10"/>
  <c r="S5855" i="10"/>
  <c r="T5855" i="10"/>
  <c r="S7382" i="10"/>
  <c r="T7382" i="10"/>
  <c r="T7254" i="10"/>
  <c r="S7254" i="10"/>
  <c r="T7126" i="10"/>
  <c r="S7126" i="10"/>
  <c r="T6998" i="10"/>
  <c r="S6998" i="10"/>
  <c r="T6870" i="10"/>
  <c r="S6870" i="10"/>
  <c r="S6742" i="10"/>
  <c r="T6742" i="10"/>
  <c r="T6614" i="10"/>
  <c r="S6614" i="10"/>
  <c r="S6486" i="10"/>
  <c r="T6486" i="10"/>
  <c r="S6358" i="10"/>
  <c r="T6358" i="10"/>
  <c r="S6230" i="10"/>
  <c r="T6230" i="10"/>
  <c r="T6102" i="10"/>
  <c r="S6102" i="10"/>
  <c r="S5307" i="10"/>
  <c r="T5307" i="10"/>
  <c r="S5179" i="10"/>
  <c r="T5179" i="10"/>
  <c r="S5051" i="10"/>
  <c r="T5051" i="10"/>
  <c r="S4923" i="10"/>
  <c r="T4923" i="10"/>
  <c r="S4795" i="10"/>
  <c r="T4795" i="10"/>
  <c r="S4667" i="10"/>
  <c r="T4667" i="10"/>
  <c r="S4539" i="10"/>
  <c r="T4539" i="10"/>
  <c r="S4411" i="10"/>
  <c r="T4411" i="10"/>
  <c r="S4283" i="10"/>
  <c r="T4283" i="10"/>
  <c r="S4155" i="10"/>
  <c r="T4155" i="10"/>
  <c r="S4027" i="10"/>
  <c r="T4027" i="10"/>
  <c r="S3899" i="10"/>
  <c r="T3899" i="10"/>
  <c r="S3771" i="10"/>
  <c r="T3771" i="10"/>
  <c r="S3643" i="10"/>
  <c r="T3643" i="10"/>
  <c r="S3515" i="10"/>
  <c r="T3515" i="10"/>
  <c r="S3387" i="10"/>
  <c r="T3387" i="10"/>
  <c r="S3259" i="10"/>
  <c r="T3259" i="10"/>
  <c r="S3131" i="10"/>
  <c r="T3131" i="10"/>
  <c r="S3003" i="10"/>
  <c r="T3003" i="10"/>
  <c r="S2875" i="10"/>
  <c r="T2875" i="10"/>
  <c r="S5690" i="10"/>
  <c r="T5690" i="10"/>
  <c r="S5562" i="10"/>
  <c r="T5562" i="10"/>
  <c r="S5434" i="10"/>
  <c r="T5434" i="10"/>
  <c r="S5306" i="10"/>
  <c r="T5306" i="10"/>
  <c r="S5178" i="10"/>
  <c r="T5178" i="10"/>
  <c r="S5050" i="10"/>
  <c r="T5050" i="10"/>
  <c r="T4922" i="10"/>
  <c r="S4922" i="10"/>
  <c r="S4794" i="10"/>
  <c r="T4794" i="10"/>
  <c r="S4666" i="10"/>
  <c r="T4666" i="10"/>
  <c r="S4538" i="10"/>
  <c r="T4538" i="10"/>
  <c r="S4410" i="10"/>
  <c r="T4410" i="10"/>
  <c r="S4282" i="10"/>
  <c r="T4282" i="10"/>
  <c r="S4154" i="10"/>
  <c r="T4154" i="10"/>
  <c r="S4026" i="10"/>
  <c r="T4026" i="10"/>
  <c r="S3898" i="10"/>
  <c r="T3898" i="10"/>
  <c r="S3770" i="10"/>
  <c r="T3770" i="10"/>
  <c r="S3642" i="10"/>
  <c r="T3642" i="10"/>
  <c r="S3514" i="10"/>
  <c r="T3514" i="10"/>
  <c r="S3386" i="10"/>
  <c r="T3386" i="10"/>
  <c r="S3258" i="10"/>
  <c r="T3258" i="10"/>
  <c r="S3130" i="10"/>
  <c r="T3130" i="10"/>
  <c r="S3002" i="10"/>
  <c r="T3002" i="10"/>
  <c r="S2874" i="10"/>
  <c r="T2874" i="10"/>
  <c r="S4637" i="10"/>
  <c r="T4637" i="10"/>
  <c r="S3741" i="10"/>
  <c r="T3741" i="10"/>
  <c r="S7381" i="10"/>
  <c r="T7381" i="10"/>
  <c r="S7125" i="10"/>
  <c r="T7125" i="10"/>
  <c r="S6869" i="10"/>
  <c r="T6869" i="10"/>
  <c r="T6613" i="10"/>
  <c r="S6613" i="10"/>
  <c r="S6357" i="10"/>
  <c r="T6357" i="10"/>
  <c r="T6101" i="10"/>
  <c r="S6101" i="10"/>
  <c r="S4873" i="10"/>
  <c r="T4873" i="10"/>
  <c r="S4745" i="10"/>
  <c r="T4745" i="10"/>
  <c r="S4617" i="10"/>
  <c r="T4617" i="10"/>
  <c r="S4489" i="10"/>
  <c r="T4489" i="10"/>
  <c r="S4361" i="10"/>
  <c r="T4361" i="10"/>
  <c r="S4233" i="10"/>
  <c r="T4233" i="10"/>
  <c r="S4105" i="10"/>
  <c r="T4105" i="10"/>
  <c r="S3977" i="10"/>
  <c r="T3977" i="10"/>
  <c r="S3849" i="10"/>
  <c r="T3849" i="10"/>
  <c r="S3721" i="10"/>
  <c r="T3721" i="10"/>
  <c r="S3593" i="10"/>
  <c r="T3593" i="10"/>
  <c r="S3465" i="10"/>
  <c r="T3465" i="10"/>
  <c r="S3337" i="10"/>
  <c r="T3337" i="10"/>
  <c r="S3209" i="10"/>
  <c r="T3209" i="10"/>
  <c r="S3081" i="10"/>
  <c r="T3081" i="10"/>
  <c r="S2953" i="10"/>
  <c r="T2953" i="10"/>
  <c r="S5832" i="10"/>
  <c r="T5832" i="10"/>
  <c r="S5704" i="10"/>
  <c r="T5704" i="10"/>
  <c r="S5576" i="10"/>
  <c r="T5576" i="10"/>
  <c r="S5448" i="10"/>
  <c r="T5448" i="10"/>
  <c r="S5320" i="10"/>
  <c r="T5320" i="10"/>
  <c r="S5192" i="10"/>
  <c r="T5192" i="10"/>
  <c r="S5064" i="10"/>
  <c r="T5064" i="10"/>
  <c r="S4936" i="10"/>
  <c r="T4936" i="10"/>
  <c r="S4808" i="10"/>
  <c r="T4808" i="10"/>
  <c r="S4680" i="10"/>
  <c r="T4680" i="10"/>
  <c r="S4552" i="10"/>
  <c r="T4552" i="10"/>
  <c r="S4424" i="10"/>
  <c r="T4424" i="10"/>
  <c r="S4296" i="10"/>
  <c r="T4296" i="10"/>
  <c r="S4168" i="10"/>
  <c r="T4168" i="10"/>
  <c r="S4040" i="10"/>
  <c r="T4040" i="10"/>
  <c r="S3912" i="10"/>
  <c r="T3912" i="10"/>
  <c r="S3784" i="10"/>
  <c r="T3784" i="10"/>
  <c r="S3656" i="10"/>
  <c r="T3656" i="10"/>
  <c r="S3528" i="10"/>
  <c r="T3528" i="10"/>
  <c r="S3400" i="10"/>
  <c r="T3400" i="10"/>
  <c r="S3272" i="10"/>
  <c r="T3272" i="10"/>
  <c r="S3144" i="10"/>
  <c r="T3144" i="10"/>
  <c r="S3016" i="10"/>
  <c r="T3016" i="10"/>
  <c r="S2888" i="10"/>
  <c r="T2888" i="10"/>
  <c r="S5751" i="10"/>
  <c r="T5751" i="10"/>
  <c r="S5623" i="10"/>
  <c r="T5623" i="10"/>
  <c r="S5495" i="10"/>
  <c r="T5495" i="10"/>
  <c r="S5367" i="10"/>
  <c r="T5367" i="10"/>
  <c r="S5239" i="10"/>
  <c r="T5239" i="10"/>
  <c r="S5111" i="10"/>
  <c r="T5111" i="10"/>
  <c r="S4983" i="10"/>
  <c r="T4983" i="10"/>
  <c r="S4855" i="10"/>
  <c r="T4855" i="10"/>
  <c r="S4727" i="10"/>
  <c r="T4727" i="10"/>
  <c r="S4599" i="10"/>
  <c r="T4599" i="10"/>
  <c r="S4471" i="10"/>
  <c r="T4471" i="10"/>
  <c r="S4343" i="10"/>
  <c r="T4343" i="10"/>
  <c r="S4215" i="10"/>
  <c r="T4215" i="10"/>
  <c r="S4087" i="10"/>
  <c r="T4087" i="10"/>
  <c r="S3959" i="10"/>
  <c r="T3959" i="10"/>
  <c r="S3831" i="10"/>
  <c r="T3831" i="10"/>
  <c r="S3703" i="10"/>
  <c r="T3703" i="10"/>
  <c r="S3575" i="10"/>
  <c r="T3575" i="10"/>
  <c r="S3447" i="10"/>
  <c r="T3447" i="10"/>
  <c r="S3319" i="10"/>
  <c r="T3319" i="10"/>
  <c r="S3191" i="10"/>
  <c r="T3191" i="10"/>
  <c r="S3063" i="10"/>
  <c r="T3063" i="10"/>
  <c r="S2935" i="10"/>
  <c r="T2935" i="10"/>
  <c r="S5662" i="10"/>
  <c r="T5662" i="10"/>
  <c r="S5534" i="10"/>
  <c r="T5534" i="10"/>
  <c r="S5406" i="10"/>
  <c r="T5406" i="10"/>
  <c r="S4766" i="10"/>
  <c r="T4766" i="10"/>
  <c r="S4638" i="10"/>
  <c r="T4638" i="10"/>
  <c r="S4510" i="10"/>
  <c r="T4510" i="10"/>
  <c r="S4382" i="10"/>
  <c r="T4382" i="10"/>
  <c r="S4254" i="10"/>
  <c r="T4254" i="10"/>
  <c r="S4126" i="10"/>
  <c r="T4126" i="10"/>
  <c r="S3998" i="10"/>
  <c r="T3998" i="10"/>
  <c r="S3870" i="10"/>
  <c r="T3870" i="10"/>
  <c r="S3742" i="10"/>
  <c r="T3742" i="10"/>
  <c r="S3614" i="10"/>
  <c r="T3614" i="10"/>
  <c r="S3486" i="10"/>
  <c r="T3486" i="10"/>
  <c r="S3358" i="10"/>
  <c r="T3358" i="10"/>
  <c r="S3230" i="10"/>
  <c r="T3230" i="10"/>
  <c r="S3102" i="10"/>
  <c r="T3102" i="10"/>
  <c r="S2974" i="10"/>
  <c r="T2974" i="10"/>
  <c r="S5629" i="10"/>
  <c r="T5629" i="10"/>
  <c r="S5373" i="10"/>
  <c r="T5373" i="10"/>
  <c r="S5117" i="10"/>
  <c r="T5117" i="10"/>
  <c r="S4861" i="10"/>
  <c r="T4861" i="10"/>
  <c r="T4605" i="10"/>
  <c r="S4605" i="10"/>
  <c r="S4349" i="10"/>
  <c r="T4349" i="10"/>
  <c r="S4093" i="10"/>
  <c r="T4093" i="10"/>
  <c r="S3837" i="10"/>
  <c r="T3837" i="10"/>
  <c r="S3581" i="10"/>
  <c r="T3581" i="10"/>
  <c r="S3325" i="10"/>
  <c r="T3325" i="10"/>
  <c r="S3069" i="10"/>
  <c r="T3069" i="10"/>
  <c r="S5660" i="10"/>
  <c r="T5660" i="10"/>
  <c r="S5532" i="10"/>
  <c r="T5532" i="10"/>
  <c r="S5404" i="10"/>
  <c r="T5404" i="10"/>
  <c r="S5276" i="10"/>
  <c r="T5276" i="10"/>
  <c r="S5148" i="10"/>
  <c r="T5148" i="10"/>
  <c r="S5020" i="10"/>
  <c r="T5020" i="10"/>
  <c r="S4892" i="10"/>
  <c r="T4892" i="10"/>
  <c r="S4764" i="10"/>
  <c r="T4764" i="10"/>
  <c r="S4636" i="10"/>
  <c r="T4636" i="10"/>
  <c r="S4508" i="10"/>
  <c r="T4508" i="10"/>
  <c r="S4380" i="10"/>
  <c r="T4380" i="10"/>
  <c r="S4252" i="10"/>
  <c r="T4252" i="10"/>
  <c r="S4124" i="10"/>
  <c r="T4124" i="10"/>
  <c r="S3996" i="10"/>
  <c r="T3996" i="10"/>
  <c r="S3868" i="10"/>
  <c r="T3868" i="10"/>
  <c r="S3740" i="10"/>
  <c r="T3740" i="10"/>
  <c r="S3612" i="10"/>
  <c r="T3612" i="10"/>
  <c r="S3484" i="10"/>
  <c r="T3484" i="10"/>
  <c r="S3356" i="10"/>
  <c r="T3356" i="10"/>
  <c r="S3228" i="10"/>
  <c r="T3228" i="10"/>
  <c r="S3100" i="10"/>
  <c r="T3100" i="10"/>
  <c r="S2972" i="10"/>
  <c r="T2972" i="10"/>
  <c r="S4829" i="10"/>
  <c r="T4829" i="10"/>
  <c r="S7341" i="10"/>
  <c r="T7341" i="10"/>
  <c r="S7085" i="10"/>
  <c r="T7085" i="10"/>
  <c r="S6829" i="10"/>
  <c r="T6829" i="10"/>
  <c r="S6573" i="10"/>
  <c r="T6573" i="10"/>
  <c r="S6317" i="10"/>
  <c r="T6317" i="10"/>
  <c r="S6061" i="10"/>
  <c r="T6061" i="10"/>
  <c r="T7428" i="10"/>
  <c r="S7428" i="10"/>
  <c r="T7300" i="10"/>
  <c r="S7300" i="10"/>
  <c r="T7172" i="10"/>
  <c r="S7172" i="10"/>
  <c r="T7044" i="10"/>
  <c r="S7044" i="10"/>
  <c r="T6916" i="10"/>
  <c r="S6916" i="10"/>
  <c r="T6788" i="10"/>
  <c r="S6788" i="10"/>
  <c r="T6660" i="10"/>
  <c r="S6660" i="10"/>
  <c r="S6532" i="10"/>
  <c r="T6532" i="10"/>
  <c r="S6404" i="10"/>
  <c r="T6404" i="10"/>
  <c r="S6276" i="10"/>
  <c r="T6276" i="10"/>
  <c r="S6148" i="10"/>
  <c r="T6148" i="10"/>
  <c r="S6020" i="10"/>
  <c r="T6020" i="10"/>
  <c r="S7419" i="10"/>
  <c r="T7419" i="10"/>
  <c r="T7291" i="10"/>
  <c r="S7291" i="10"/>
  <c r="S7163" i="10"/>
  <c r="T7163" i="10"/>
  <c r="S7035" i="10"/>
  <c r="T7035" i="10"/>
  <c r="S6907" i="10"/>
  <c r="T6907" i="10"/>
  <c r="S6779" i="10"/>
  <c r="T6779" i="10"/>
  <c r="S6651" i="10"/>
  <c r="T6651" i="10"/>
  <c r="S6523" i="10"/>
  <c r="T6523" i="10"/>
  <c r="T6395" i="10"/>
  <c r="S6395" i="10"/>
  <c r="S6267" i="10"/>
  <c r="T6267" i="10"/>
  <c r="S6139" i="10"/>
  <c r="T6139" i="10"/>
  <c r="S5755" i="10"/>
  <c r="T5755" i="10"/>
  <c r="S5627" i="10"/>
  <c r="T5627" i="10"/>
  <c r="S5499" i="10"/>
  <c r="T5499" i="10"/>
  <c r="S7426" i="10"/>
  <c r="T7426" i="10"/>
  <c r="S7298" i="10"/>
  <c r="T7298" i="10"/>
  <c r="S7170" i="10"/>
  <c r="T7170" i="10"/>
  <c r="S7042" i="10"/>
  <c r="T7042" i="10"/>
  <c r="S6914" i="10"/>
  <c r="T6914" i="10"/>
  <c r="S6786" i="10"/>
  <c r="T6786" i="10"/>
  <c r="S6658" i="10"/>
  <c r="T6658" i="10"/>
  <c r="S6530" i="10"/>
  <c r="T6530" i="10"/>
  <c r="S6402" i="10"/>
  <c r="T6402" i="10"/>
  <c r="S6274" i="10"/>
  <c r="T6274" i="10"/>
  <c r="S6146" i="10"/>
  <c r="T6146" i="10"/>
  <c r="S6018" i="10"/>
  <c r="T6018" i="10"/>
  <c r="S7449" i="10"/>
  <c r="T7449" i="10"/>
  <c r="T7321" i="10"/>
  <c r="S7321" i="10"/>
  <c r="T7193" i="10"/>
  <c r="S7193" i="10"/>
  <c r="T7065" i="10"/>
  <c r="S7065" i="10"/>
  <c r="T6937" i="10"/>
  <c r="S6937" i="10"/>
  <c r="T6809" i="10"/>
  <c r="S6809" i="10"/>
  <c r="T6681" i="10"/>
  <c r="S6681" i="10"/>
  <c r="T6553" i="10"/>
  <c r="S6553" i="10"/>
  <c r="S6425" i="10"/>
  <c r="T6425" i="10"/>
  <c r="S6297" i="10"/>
  <c r="T6297" i="10"/>
  <c r="T6169" i="10"/>
  <c r="S6169" i="10"/>
  <c r="T6041" i="10"/>
  <c r="S6041" i="10"/>
  <c r="S5657" i="10"/>
  <c r="T5657" i="10"/>
  <c r="S5529" i="10"/>
  <c r="T5529" i="10"/>
  <c r="S5401" i="10"/>
  <c r="T5401" i="10"/>
  <c r="S5273" i="10"/>
  <c r="T5273" i="10"/>
  <c r="S5145" i="10"/>
  <c r="T5145" i="10"/>
  <c r="S5017" i="10"/>
  <c r="T5017" i="10"/>
  <c r="S7456" i="10"/>
  <c r="T7456" i="10"/>
  <c r="S7328" i="10"/>
  <c r="T7328" i="10"/>
  <c r="S7200" i="10"/>
  <c r="T7200" i="10"/>
  <c r="S7072" i="10"/>
  <c r="T7072" i="10"/>
  <c r="S6944" i="10"/>
  <c r="T6944" i="10"/>
  <c r="S6816" i="10"/>
  <c r="T6816" i="10"/>
  <c r="S6688" i="10"/>
  <c r="T6688" i="10"/>
  <c r="T6560" i="10"/>
  <c r="S6560" i="10"/>
  <c r="T6432" i="10"/>
  <c r="S6432" i="10"/>
  <c r="T6304" i="10"/>
  <c r="S6304" i="10"/>
  <c r="S6176" i="10"/>
  <c r="T6176" i="10"/>
  <c r="T6048" i="10"/>
  <c r="S6048" i="10"/>
  <c r="S5920" i="10"/>
  <c r="T5920" i="10"/>
  <c r="S7415" i="10"/>
  <c r="T7415" i="10"/>
  <c r="S7287" i="10"/>
  <c r="T7287" i="10"/>
  <c r="S7159" i="10"/>
  <c r="T7159" i="10"/>
  <c r="S7031" i="10"/>
  <c r="T7031" i="10"/>
  <c r="S6903" i="10"/>
  <c r="T6903" i="10"/>
  <c r="S6775" i="10"/>
  <c r="T6775" i="10"/>
  <c r="S6647" i="10"/>
  <c r="T6647" i="10"/>
  <c r="T6519" i="10"/>
  <c r="S6519" i="10"/>
  <c r="T6391" i="10"/>
  <c r="S6391" i="10"/>
  <c r="S6263" i="10"/>
  <c r="T6263" i="10"/>
  <c r="T6135" i="10"/>
  <c r="S6135" i="10"/>
  <c r="S6007" i="10"/>
  <c r="T6007" i="10"/>
  <c r="S5879" i="10"/>
  <c r="T5879" i="10"/>
  <c r="S7406" i="10"/>
  <c r="T7406" i="10"/>
  <c r="S7278" i="10"/>
  <c r="T7278" i="10"/>
  <c r="S7150" i="10"/>
  <c r="T7150" i="10"/>
  <c r="S7022" i="10"/>
  <c r="T7022" i="10"/>
  <c r="S6894" i="10"/>
  <c r="T6894" i="10"/>
  <c r="S6766" i="10"/>
  <c r="T6766" i="10"/>
  <c r="S6638" i="10"/>
  <c r="T6638" i="10"/>
  <c r="S6510" i="10"/>
  <c r="T6510" i="10"/>
  <c r="S6382" i="10"/>
  <c r="T6382" i="10"/>
  <c r="S6254" i="10"/>
  <c r="T6254" i="10"/>
  <c r="S6126" i="10"/>
  <c r="T6126" i="10"/>
  <c r="S5331" i="10"/>
  <c r="T5331" i="10"/>
  <c r="S5203" i="10"/>
  <c r="T5203" i="10"/>
  <c r="S5075" i="10"/>
  <c r="T5075" i="10"/>
  <c r="S4947" i="10"/>
  <c r="T4947" i="10"/>
  <c r="S4819" i="10"/>
  <c r="T4819" i="10"/>
  <c r="S4691" i="10"/>
  <c r="T4691" i="10"/>
  <c r="S4563" i="10"/>
  <c r="T4563" i="10"/>
  <c r="S4435" i="10"/>
  <c r="T4435" i="10"/>
  <c r="S4307" i="10"/>
  <c r="T4307" i="10"/>
  <c r="S4179" i="10"/>
  <c r="T4179" i="10"/>
  <c r="S4051" i="10"/>
  <c r="T4051" i="10"/>
  <c r="S3923" i="10"/>
  <c r="T3923" i="10"/>
  <c r="S3795" i="10"/>
  <c r="T3795" i="10"/>
  <c r="S3667" i="10"/>
  <c r="T3667" i="10"/>
  <c r="S3539" i="10"/>
  <c r="T3539" i="10"/>
  <c r="S3411" i="10"/>
  <c r="T3411" i="10"/>
  <c r="S3283" i="10"/>
  <c r="T3283" i="10"/>
  <c r="S3155" i="10"/>
  <c r="T3155" i="10"/>
  <c r="S3027" i="10"/>
  <c r="T3027" i="10"/>
  <c r="S2899" i="10"/>
  <c r="T2899" i="10"/>
  <c r="S5714" i="10"/>
  <c r="T5714" i="10"/>
  <c r="S5586" i="10"/>
  <c r="T5586" i="10"/>
  <c r="S5458" i="10"/>
  <c r="T5458" i="10"/>
  <c r="S5330" i="10"/>
  <c r="T5330" i="10"/>
  <c r="S5202" i="10"/>
  <c r="T5202" i="10"/>
  <c r="S5074" i="10"/>
  <c r="T5074" i="10"/>
  <c r="T4946" i="10"/>
  <c r="S4946" i="10"/>
  <c r="T4818" i="10"/>
  <c r="S4818" i="10"/>
  <c r="S4690" i="10"/>
  <c r="T4690" i="10"/>
  <c r="S4562" i="10"/>
  <c r="T4562" i="10"/>
  <c r="S4434" i="10"/>
  <c r="T4434" i="10"/>
  <c r="S4306" i="10"/>
  <c r="T4306" i="10"/>
  <c r="S4178" i="10"/>
  <c r="T4178" i="10"/>
  <c r="S4050" i="10"/>
  <c r="T4050" i="10"/>
  <c r="S3922" i="10"/>
  <c r="T3922" i="10"/>
  <c r="S3794" i="10"/>
  <c r="T3794" i="10"/>
  <c r="S3666" i="10"/>
  <c r="T3666" i="10"/>
  <c r="T3538" i="10"/>
  <c r="S3538" i="10"/>
  <c r="S3410" i="10"/>
  <c r="T3410" i="10"/>
  <c r="S3282" i="10"/>
  <c r="T3282" i="10"/>
  <c r="S3154" i="10"/>
  <c r="T3154" i="10"/>
  <c r="S3026" i="10"/>
  <c r="T3026" i="10"/>
  <c r="S2898" i="10"/>
  <c r="T2898" i="10"/>
  <c r="S5533" i="10"/>
  <c r="T5533" i="10"/>
  <c r="S7245" i="10"/>
  <c r="T7245" i="10"/>
  <c r="T6989" i="10"/>
  <c r="S6989" i="10"/>
  <c r="S6733" i="10"/>
  <c r="T6733" i="10"/>
  <c r="T6477" i="10"/>
  <c r="S6477" i="10"/>
  <c r="S6221" i="10"/>
  <c r="T6221" i="10"/>
  <c r="S4801" i="10"/>
  <c r="T4801" i="10"/>
  <c r="S4673" i="10"/>
  <c r="T4673" i="10"/>
  <c r="S4545" i="10"/>
  <c r="T4545" i="10"/>
  <c r="S4417" i="10"/>
  <c r="T4417" i="10"/>
  <c r="S4289" i="10"/>
  <c r="T4289" i="10"/>
  <c r="S4161" i="10"/>
  <c r="T4161" i="10"/>
  <c r="S4033" i="10"/>
  <c r="T4033" i="10"/>
  <c r="S3905" i="10"/>
  <c r="T3905" i="10"/>
  <c r="S3777" i="10"/>
  <c r="T3777" i="10"/>
  <c r="S3649" i="10"/>
  <c r="T3649" i="10"/>
  <c r="S3521" i="10"/>
  <c r="T3521" i="10"/>
  <c r="S3393" i="10"/>
  <c r="T3393" i="10"/>
  <c r="S3265" i="10"/>
  <c r="T3265" i="10"/>
  <c r="S3137" i="10"/>
  <c r="T3137" i="10"/>
  <c r="S3009" i="10"/>
  <c r="T3009" i="10"/>
  <c r="S2881" i="10"/>
  <c r="T2881" i="10"/>
  <c r="S5760" i="10"/>
  <c r="T5760" i="10"/>
  <c r="S5632" i="10"/>
  <c r="T5632" i="10"/>
  <c r="S5504" i="10"/>
  <c r="T5504" i="10"/>
  <c r="S5376" i="10"/>
  <c r="T5376" i="10"/>
  <c r="S5248" i="10"/>
  <c r="T5248" i="10"/>
  <c r="S5120" i="10"/>
  <c r="T5120" i="10"/>
  <c r="S4992" i="10"/>
  <c r="T4992" i="10"/>
  <c r="S4864" i="10"/>
  <c r="T4864" i="10"/>
  <c r="S4736" i="10"/>
  <c r="T4736" i="10"/>
  <c r="S4608" i="10"/>
  <c r="T4608" i="10"/>
  <c r="S4480" i="10"/>
  <c r="T4480" i="10"/>
  <c r="S4352" i="10"/>
  <c r="T4352" i="10"/>
  <c r="S4224" i="10"/>
  <c r="T4224" i="10"/>
  <c r="S4096" i="10"/>
  <c r="T4096" i="10"/>
  <c r="S3968" i="10"/>
  <c r="T3968" i="10"/>
  <c r="S3840" i="10"/>
  <c r="T3840" i="10"/>
  <c r="S3712" i="10"/>
  <c r="T3712" i="10"/>
  <c r="S3584" i="10"/>
  <c r="T3584" i="10"/>
  <c r="S3456" i="10"/>
  <c r="T3456" i="10"/>
  <c r="S3328" i="10"/>
  <c r="T3328" i="10"/>
  <c r="S3200" i="10"/>
  <c r="T3200" i="10"/>
  <c r="S3072" i="10"/>
  <c r="T3072" i="10"/>
  <c r="S2944" i="10"/>
  <c r="T2944" i="10"/>
  <c r="S5807" i="10"/>
  <c r="T5807" i="10"/>
  <c r="S5679" i="10"/>
  <c r="T5679" i="10"/>
  <c r="S5551" i="10"/>
  <c r="T5551" i="10"/>
  <c r="S5423" i="10"/>
  <c r="T5423" i="10"/>
  <c r="S5295" i="10"/>
  <c r="T5295" i="10"/>
  <c r="S5167" i="10"/>
  <c r="T5167" i="10"/>
  <c r="S5039" i="10"/>
  <c r="T5039" i="10"/>
  <c r="S4911" i="10"/>
  <c r="T4911" i="10"/>
  <c r="S4783" i="10"/>
  <c r="T4783" i="10"/>
  <c r="S4655" i="10"/>
  <c r="T4655" i="10"/>
  <c r="S4527" i="10"/>
  <c r="T4527" i="10"/>
  <c r="S4399" i="10"/>
  <c r="T4399" i="10"/>
  <c r="S4271" i="10"/>
  <c r="T4271" i="10"/>
  <c r="S4143" i="10"/>
  <c r="T4143" i="10"/>
  <c r="S4015" i="10"/>
  <c r="T4015" i="10"/>
  <c r="S3887" i="10"/>
  <c r="T3887" i="10"/>
  <c r="S3759" i="10"/>
  <c r="T3759" i="10"/>
  <c r="S3631" i="10"/>
  <c r="T3631" i="10"/>
  <c r="S3503" i="10"/>
  <c r="T3503" i="10"/>
  <c r="S3375" i="10"/>
  <c r="T3375" i="10"/>
  <c r="S3247" i="10"/>
  <c r="T3247" i="10"/>
  <c r="S3119" i="10"/>
  <c r="T3119" i="10"/>
  <c r="S2991" i="10"/>
  <c r="T2991" i="10"/>
  <c r="S2863" i="10"/>
  <c r="T2863" i="10"/>
  <c r="S5334" i="10"/>
  <c r="T5334" i="10"/>
  <c r="S5206" i="10"/>
  <c r="T5206" i="10"/>
  <c r="S5078" i="10"/>
  <c r="T5078" i="10"/>
  <c r="S4950" i="10"/>
  <c r="T4950" i="10"/>
  <c r="S4822" i="10"/>
  <c r="T4822" i="10"/>
  <c r="S4694" i="10"/>
  <c r="T4694" i="10"/>
  <c r="S4566" i="10"/>
  <c r="T4566" i="10"/>
  <c r="S4438" i="10"/>
  <c r="T4438" i="10"/>
  <c r="S4310" i="10"/>
  <c r="T4310" i="10"/>
  <c r="S4182" i="10"/>
  <c r="T4182" i="10"/>
  <c r="S4054" i="10"/>
  <c r="T4054" i="10"/>
  <c r="T3926" i="10"/>
  <c r="S3926" i="10"/>
  <c r="S3798" i="10"/>
  <c r="T3798" i="10"/>
  <c r="S3670" i="10"/>
  <c r="T3670" i="10"/>
  <c r="S3542" i="10"/>
  <c r="T3542" i="10"/>
  <c r="S3414" i="10"/>
  <c r="T3414" i="10"/>
  <c r="S3286" i="10"/>
  <c r="T3286" i="10"/>
  <c r="S3158" i="10"/>
  <c r="T3158" i="10"/>
  <c r="S3030" i="10"/>
  <c r="T3030" i="10"/>
  <c r="S2902" i="10"/>
  <c r="T2902" i="10"/>
  <c r="S5749" i="10"/>
  <c r="T5749" i="10"/>
  <c r="S5493" i="10"/>
  <c r="T5493" i="10"/>
  <c r="S5237" i="10"/>
  <c r="T5237" i="10"/>
  <c r="S4981" i="10"/>
  <c r="T4981" i="10"/>
  <c r="S4725" i="10"/>
  <c r="T4725" i="10"/>
  <c r="S4469" i="10"/>
  <c r="T4469" i="10"/>
  <c r="S4213" i="10"/>
  <c r="T4213" i="10"/>
  <c r="S3957" i="10"/>
  <c r="T3957" i="10"/>
  <c r="S3701" i="10"/>
  <c r="T3701" i="10"/>
  <c r="S3445" i="10"/>
  <c r="T3445" i="10"/>
  <c r="S3189" i="10"/>
  <c r="T3189" i="10"/>
  <c r="S2933" i="10"/>
  <c r="T2933" i="10"/>
  <c r="S5716" i="10"/>
  <c r="T5716" i="10"/>
  <c r="S5588" i="10"/>
  <c r="T5588" i="10"/>
  <c r="S5460" i="10"/>
  <c r="T5460" i="10"/>
  <c r="S5332" i="10"/>
  <c r="T5332" i="10"/>
  <c r="S5076" i="10"/>
  <c r="T5076" i="10"/>
  <c r="S4948" i="10"/>
  <c r="T4948" i="10"/>
  <c r="S4820" i="10"/>
  <c r="T4820" i="10"/>
  <c r="T4692" i="10"/>
  <c r="S4564" i="10"/>
  <c r="T4564" i="10"/>
  <c r="T4436" i="10"/>
  <c r="S4436" i="10"/>
  <c r="T4308" i="10"/>
  <c r="S4308" i="10"/>
  <c r="T4052" i="10"/>
  <c r="S4052" i="10"/>
  <c r="S3924" i="10"/>
  <c r="T3924" i="10"/>
  <c r="S3796" i="10"/>
  <c r="T3796" i="10"/>
  <c r="T3668" i="10"/>
  <c r="S3540" i="10"/>
  <c r="T3540" i="10"/>
  <c r="S3412" i="10"/>
  <c r="T3412" i="10"/>
  <c r="S3284" i="10"/>
  <c r="T3284" i="10"/>
  <c r="S3028" i="10"/>
  <c r="T3028" i="10"/>
  <c r="S2900" i="10"/>
  <c r="T2900" i="10"/>
  <c r="S7141" i="10"/>
  <c r="T7141" i="10"/>
  <c r="S6373" i="10"/>
  <c r="T6373" i="10"/>
  <c r="S7196" i="10"/>
  <c r="T7196" i="10"/>
  <c r="S6684" i="10"/>
  <c r="T6684" i="10"/>
  <c r="T6172" i="10"/>
  <c r="S6172" i="10"/>
  <c r="S7443" i="10"/>
  <c r="T7443" i="10"/>
  <c r="S7187" i="10"/>
  <c r="T7187" i="10"/>
  <c r="S6931" i="10"/>
  <c r="T6931" i="10"/>
  <c r="T6803" i="10"/>
  <c r="S6803" i="10"/>
  <c r="S6547" i="10"/>
  <c r="T6547" i="10"/>
  <c r="T6291" i="10"/>
  <c r="S6291" i="10"/>
  <c r="T6163" i="10"/>
  <c r="S6163" i="10"/>
  <c r="S5651" i="10"/>
  <c r="T5651" i="10"/>
  <c r="S5523" i="10"/>
  <c r="T5523" i="10"/>
  <c r="S7322" i="10"/>
  <c r="T7322" i="10"/>
  <c r="S7066" i="10"/>
  <c r="T7066" i="10"/>
  <c r="S6810" i="10"/>
  <c r="T6810" i="10"/>
  <c r="S6554" i="10"/>
  <c r="T6554" i="10"/>
  <c r="S6298" i="10"/>
  <c r="T6298" i="10"/>
  <c r="S6042" i="10"/>
  <c r="T6042" i="10"/>
  <c r="T7345" i="10"/>
  <c r="S7345" i="10"/>
  <c r="T7089" i="10"/>
  <c r="S7089" i="10"/>
  <c r="S6833" i="10"/>
  <c r="T6833" i="10"/>
  <c r="S6577" i="10"/>
  <c r="T6577" i="10"/>
  <c r="S6321" i="10"/>
  <c r="T6321" i="10"/>
  <c r="S6065" i="10"/>
  <c r="T6065" i="10"/>
  <c r="S5681" i="10"/>
  <c r="T5681" i="10"/>
  <c r="S5425" i="10"/>
  <c r="T5425" i="10"/>
  <c r="S5169" i="10"/>
  <c r="T5169" i="10"/>
  <c r="S5041" i="10"/>
  <c r="T5041" i="10"/>
  <c r="S7352" i="10"/>
  <c r="T7352" i="10"/>
  <c r="S7096" i="10"/>
  <c r="T7096" i="10"/>
  <c r="S6840" i="10"/>
  <c r="T6840" i="10"/>
  <c r="S6584" i="10"/>
  <c r="T6584" i="10"/>
  <c r="S6328" i="10"/>
  <c r="T6328" i="10"/>
  <c r="S6072" i="10"/>
  <c r="T6072" i="10"/>
  <c r="S5944" i="10"/>
  <c r="T5944" i="10"/>
  <c r="S7183" i="10"/>
  <c r="T7183" i="10"/>
  <c r="S6927" i="10"/>
  <c r="T6927" i="10"/>
  <c r="S6671" i="10"/>
  <c r="T6671" i="10"/>
  <c r="S6543" i="10"/>
  <c r="T6543" i="10"/>
  <c r="S6287" i="10"/>
  <c r="T6287" i="10"/>
  <c r="S6031" i="10"/>
  <c r="T6031" i="10"/>
  <c r="S7430" i="10"/>
  <c r="T7430" i="10"/>
  <c r="S7046" i="10"/>
  <c r="T7046" i="10"/>
  <c r="S6790" i="10"/>
  <c r="T6790" i="10"/>
  <c r="S6534" i="10"/>
  <c r="T6534" i="10"/>
  <c r="S6278" i="10"/>
  <c r="T6278" i="10"/>
  <c r="S6022" i="10"/>
  <c r="T6022" i="10"/>
  <c r="S5355" i="10"/>
  <c r="T5355" i="10"/>
  <c r="S5227" i="10"/>
  <c r="T5227" i="10"/>
  <c r="S4971" i="10"/>
  <c r="T4971" i="10"/>
  <c r="S4843" i="10"/>
  <c r="T4843" i="10"/>
  <c r="S4715" i="10"/>
  <c r="T4715" i="10"/>
  <c r="S4587" i="10"/>
  <c r="T4587" i="10"/>
  <c r="S4459" i="10"/>
  <c r="T4459" i="10"/>
  <c r="S4331" i="10"/>
  <c r="T4331" i="10"/>
  <c r="S4203" i="10"/>
  <c r="T4203" i="10"/>
  <c r="S4075" i="10"/>
  <c r="T4075" i="10"/>
  <c r="S3947" i="10"/>
  <c r="T3947" i="10"/>
  <c r="S3819" i="10"/>
  <c r="T3819" i="10"/>
  <c r="S3691" i="10"/>
  <c r="T3691" i="10"/>
  <c r="S3563" i="10"/>
  <c r="T3563" i="10"/>
  <c r="S3435" i="10"/>
  <c r="T3435" i="10"/>
  <c r="S3307" i="10"/>
  <c r="T3307" i="10"/>
  <c r="S3179" i="10"/>
  <c r="T3179" i="10"/>
  <c r="S3051" i="10"/>
  <c r="T3051" i="10"/>
  <c r="S2923" i="10"/>
  <c r="T2923" i="10"/>
  <c r="S5738" i="10"/>
  <c r="T5738" i="10"/>
  <c r="S5610" i="10"/>
  <c r="T5610" i="10"/>
  <c r="S5482" i="10"/>
  <c r="T5482" i="10"/>
  <c r="S5354" i="10"/>
  <c r="T5354" i="10"/>
  <c r="S5098" i="10"/>
  <c r="T5098" i="10"/>
  <c r="T4842" i="10"/>
  <c r="S4842" i="10"/>
  <c r="S4714" i="10"/>
  <c r="T4714" i="10"/>
  <c r="S4458" i="10"/>
  <c r="T4458" i="10"/>
  <c r="S4202" i="10"/>
  <c r="T4202" i="10"/>
  <c r="S3946" i="10"/>
  <c r="T3946" i="10"/>
  <c r="S3690" i="10"/>
  <c r="T3690" i="10"/>
  <c r="S3434" i="10"/>
  <c r="T3434" i="10"/>
  <c r="S3178" i="10"/>
  <c r="T3178" i="10"/>
  <c r="S2922" i="10"/>
  <c r="T2922" i="10"/>
  <c r="S5525" i="10"/>
  <c r="T5525" i="10"/>
  <c r="S5013" i="10"/>
  <c r="T5013" i="10"/>
  <c r="S4501" i="10"/>
  <c r="T4501" i="10"/>
  <c r="T3989" i="10"/>
  <c r="S3989" i="10"/>
  <c r="S3477" i="10"/>
  <c r="T3477" i="10"/>
  <c r="S2965" i="10"/>
  <c r="T2965" i="10"/>
  <c r="S4893" i="10"/>
  <c r="T4893" i="10"/>
  <c r="S4857" i="10"/>
  <c r="T4857" i="10"/>
  <c r="S4601" i="10"/>
  <c r="T4601" i="10"/>
  <c r="S4473" i="10"/>
  <c r="T4473" i="10"/>
  <c r="S4217" i="10"/>
  <c r="T4217" i="10"/>
  <c r="S3961" i="10"/>
  <c r="T3961" i="10"/>
  <c r="S3577" i="10"/>
  <c r="T3577" i="10"/>
  <c r="S3449" i="10"/>
  <c r="T3449" i="10"/>
  <c r="S3065" i="10"/>
  <c r="T3065" i="10"/>
  <c r="S5816" i="10"/>
  <c r="T5816" i="10"/>
  <c r="S5560" i="10"/>
  <c r="T5560" i="10"/>
  <c r="S4536" i="10"/>
  <c r="T4536" i="10"/>
  <c r="S4280" i="10"/>
  <c r="T4280" i="10"/>
  <c r="S3896" i="10"/>
  <c r="T3896" i="10"/>
  <c r="S3640" i="10"/>
  <c r="T3640" i="10"/>
  <c r="S3384" i="10"/>
  <c r="T3384" i="10"/>
  <c r="S3128" i="10"/>
  <c r="T3128" i="10"/>
  <c r="S2872" i="10"/>
  <c r="T2872" i="10"/>
  <c r="S5607" i="10"/>
  <c r="T5607" i="10"/>
  <c r="S5351" i="10"/>
  <c r="T5351" i="10"/>
  <c r="S5095" i="10"/>
  <c r="T5095" i="10"/>
  <c r="S4839" i="10"/>
  <c r="T4839" i="10"/>
  <c r="S4583" i="10"/>
  <c r="T4583" i="10"/>
  <c r="S4327" i="10"/>
  <c r="T4327" i="10"/>
  <c r="S4071" i="10"/>
  <c r="T4071" i="10"/>
  <c r="S3815" i="10"/>
  <c r="T3815" i="10"/>
  <c r="S3559" i="10"/>
  <c r="T3559" i="10"/>
  <c r="S3303" i="10"/>
  <c r="T3303" i="10"/>
  <c r="S3047" i="10"/>
  <c r="T3047" i="10"/>
  <c r="S5646" i="10"/>
  <c r="T5646" i="10"/>
  <c r="S5262" i="10"/>
  <c r="T5262" i="10"/>
  <c r="S5006" i="10"/>
  <c r="T5006" i="10"/>
  <c r="S5357" i="10"/>
  <c r="T5357" i="10"/>
  <c r="S4845" i="10"/>
  <c r="T4845" i="10"/>
  <c r="S4333" i="10"/>
  <c r="T4333" i="10"/>
  <c r="S3821" i="10"/>
  <c r="T3821" i="10"/>
  <c r="T3053" i="10"/>
  <c r="S3053" i="10"/>
  <c r="S5676" i="10"/>
  <c r="T5676" i="10"/>
  <c r="S5420" i="10"/>
  <c r="T5420" i="10"/>
  <c r="S5164" i="10"/>
  <c r="T5164" i="10"/>
  <c r="S4908" i="10"/>
  <c r="T4908" i="10"/>
  <c r="S4652" i="10"/>
  <c r="T4652" i="10"/>
  <c r="T4396" i="10"/>
  <c r="S4396" i="10"/>
  <c r="T4012" i="10"/>
  <c r="S4012" i="10"/>
  <c r="S3756" i="10"/>
  <c r="T3756" i="10"/>
  <c r="S3500" i="10"/>
  <c r="T3500" i="10"/>
  <c r="S3244" i="10"/>
  <c r="T3244" i="10"/>
  <c r="S2860" i="10"/>
  <c r="T2860" i="10"/>
  <c r="S3485" i="10"/>
  <c r="T3485" i="10"/>
  <c r="S7101" i="10"/>
  <c r="T7101" i="10"/>
  <c r="S6333" i="10"/>
  <c r="T6333" i="10"/>
  <c r="S7444" i="10"/>
  <c r="T7444" i="10"/>
  <c r="S7188" i="10"/>
  <c r="T7188" i="10"/>
  <c r="S6932" i="10"/>
  <c r="T6932" i="10"/>
  <c r="S6676" i="10"/>
  <c r="T6676" i="10"/>
  <c r="S6548" i="10"/>
  <c r="T6548" i="10"/>
  <c r="S6420" i="10"/>
  <c r="T6420" i="10"/>
  <c r="S6036" i="10"/>
  <c r="T6036" i="10"/>
  <c r="S7179" i="10"/>
  <c r="T7179" i="10"/>
  <c r="S6923" i="10"/>
  <c r="T6923" i="10"/>
  <c r="S6667" i="10"/>
  <c r="T6667" i="10"/>
  <c r="S6411" i="10"/>
  <c r="T6411" i="10"/>
  <c r="S6155" i="10"/>
  <c r="T6155" i="10"/>
  <c r="S5643" i="10"/>
  <c r="T5643" i="10"/>
  <c r="S7442" i="10"/>
  <c r="T7442" i="10"/>
  <c r="S7314" i="10"/>
  <c r="T7314" i="10"/>
  <c r="S7058" i="10"/>
  <c r="T7058" i="10"/>
  <c r="S6802" i="10"/>
  <c r="T6802" i="10"/>
  <c r="S6546" i="10"/>
  <c r="T6546" i="10"/>
  <c r="S6290" i="10"/>
  <c r="T6290" i="10"/>
  <c r="T6034" i="10"/>
  <c r="S6034" i="10"/>
  <c r="S7209" i="10"/>
  <c r="T7209" i="10"/>
  <c r="S6953" i="10"/>
  <c r="T6953" i="10"/>
  <c r="S6697" i="10"/>
  <c r="T6697" i="10"/>
  <c r="S6441" i="10"/>
  <c r="T6441" i="10"/>
  <c r="S6185" i="10"/>
  <c r="T6185" i="10"/>
  <c r="S5673" i="10"/>
  <c r="T5673" i="10"/>
  <c r="S5289" i="10"/>
  <c r="T5289" i="10"/>
  <c r="S5033" i="10"/>
  <c r="T5033" i="10"/>
  <c r="S7344" i="10"/>
  <c r="T7344" i="10"/>
  <c r="S7088" i="10"/>
  <c r="T7088" i="10"/>
  <c r="T6832" i="10"/>
  <c r="S6832" i="10"/>
  <c r="T6576" i="10"/>
  <c r="S6576" i="10"/>
  <c r="T6320" i="10"/>
  <c r="S6320" i="10"/>
  <c r="T6064" i="10"/>
  <c r="S6064" i="10"/>
  <c r="S7431" i="10"/>
  <c r="T7431" i="10"/>
  <c r="S7175" i="10"/>
  <c r="T7175" i="10"/>
  <c r="S6919" i="10"/>
  <c r="T6919" i="10"/>
  <c r="T6791" i="10"/>
  <c r="S6791" i="10"/>
  <c r="T6663" i="10"/>
  <c r="S6663" i="10"/>
  <c r="T6535" i="10"/>
  <c r="S6535" i="10"/>
  <c r="T6279" i="10"/>
  <c r="S6279" i="10"/>
  <c r="T6151" i="10"/>
  <c r="S6151" i="10"/>
  <c r="T6023" i="10"/>
  <c r="S6023" i="10"/>
  <c r="S5895" i="10"/>
  <c r="T5895" i="10"/>
  <c r="S7422" i="10"/>
  <c r="T7422" i="10"/>
  <c r="S7294" i="10"/>
  <c r="T7294" i="10"/>
  <c r="T7166" i="10"/>
  <c r="S7166" i="10"/>
  <c r="T7038" i="10"/>
  <c r="S7038" i="10"/>
  <c r="S6910" i="10"/>
  <c r="T6910" i="10"/>
  <c r="T6782" i="10"/>
  <c r="S6782" i="10"/>
  <c r="T6654" i="10"/>
  <c r="S6654" i="10"/>
  <c r="S6526" i="10"/>
  <c r="T6526" i="10"/>
  <c r="S6398" i="10"/>
  <c r="T6398" i="10"/>
  <c r="T6270" i="10"/>
  <c r="S6270" i="10"/>
  <c r="S6142" i="10"/>
  <c r="T6142" i="10"/>
  <c r="S6014" i="10"/>
  <c r="T6014" i="10"/>
  <c r="S5347" i="10"/>
  <c r="T5347" i="10"/>
  <c r="S5219" i="10"/>
  <c r="T5219" i="10"/>
  <c r="S5091" i="10"/>
  <c r="T5091" i="10"/>
  <c r="S4963" i="10"/>
  <c r="T4963" i="10"/>
  <c r="S4835" i="10"/>
  <c r="T4835" i="10"/>
  <c r="S4707" i="10"/>
  <c r="T4707" i="10"/>
  <c r="S4579" i="10"/>
  <c r="T4579" i="10"/>
  <c r="S4451" i="10"/>
  <c r="T4451" i="10"/>
  <c r="S4323" i="10"/>
  <c r="T4323" i="10"/>
  <c r="S4195" i="10"/>
  <c r="T4195" i="10"/>
  <c r="S4067" i="10"/>
  <c r="T4067" i="10"/>
  <c r="S3939" i="10"/>
  <c r="T3939" i="10"/>
  <c r="S3811" i="10"/>
  <c r="T3811" i="10"/>
  <c r="S3683" i="10"/>
  <c r="T3683" i="10"/>
  <c r="S3555" i="10"/>
  <c r="T3555" i="10"/>
  <c r="S3427" i="10"/>
  <c r="T3427" i="10"/>
  <c r="S3299" i="10"/>
  <c r="T3299" i="10"/>
  <c r="S3171" i="10"/>
  <c r="T3171" i="10"/>
  <c r="S3043" i="10"/>
  <c r="T3043" i="10"/>
  <c r="T5730" i="10"/>
  <c r="S5730" i="10"/>
  <c r="T5474" i="10"/>
  <c r="S5474" i="10"/>
  <c r="T5218" i="10"/>
  <c r="S5218" i="10"/>
  <c r="T4962" i="10"/>
  <c r="S4962" i="10"/>
  <c r="S4706" i="10"/>
  <c r="T4706" i="10"/>
  <c r="S4450" i="10"/>
  <c r="T4450" i="10"/>
  <c r="S4194" i="10"/>
  <c r="T4194" i="10"/>
  <c r="S3938" i="10"/>
  <c r="T3938" i="10"/>
  <c r="S3682" i="10"/>
  <c r="T3682" i="10"/>
  <c r="S3298" i="10"/>
  <c r="T3298" i="10"/>
  <c r="S6749" i="10"/>
  <c r="T6749" i="10"/>
  <c r="O5989" i="10"/>
  <c r="P5989" i="10" s="1"/>
  <c r="O5916" i="10"/>
  <c r="P5916" i="10" s="1"/>
  <c r="O5907" i="10"/>
  <c r="P5907" i="10" s="1"/>
  <c r="O5779" i="10"/>
  <c r="P5779" i="10" s="1"/>
  <c r="O5914" i="10"/>
  <c r="P5914" i="10" s="1"/>
  <c r="O5786" i="10"/>
  <c r="P5786" i="10" s="1"/>
  <c r="O5937" i="10"/>
  <c r="P5937" i="10" s="1"/>
  <c r="O5809" i="10"/>
  <c r="P5809" i="10" s="1"/>
  <c r="O5894" i="10"/>
  <c r="P5894" i="10" s="1"/>
  <c r="O5781" i="10"/>
  <c r="P5781" i="10" s="1"/>
  <c r="O5304" i="10"/>
  <c r="P5304" i="10" s="1"/>
  <c r="O5176" i="10"/>
  <c r="P5176" i="10" s="1"/>
  <c r="O5048" i="10"/>
  <c r="P5048" i="10" s="1"/>
  <c r="O4920" i="10"/>
  <c r="P4920" i="10" s="1"/>
  <c r="O4792" i="10"/>
  <c r="P4792" i="10" s="1"/>
  <c r="O5774" i="10"/>
  <c r="P5774" i="10" s="1"/>
  <c r="O4750" i="10"/>
  <c r="P4750" i="10" s="1"/>
  <c r="O4622" i="10"/>
  <c r="P4622" i="10" s="1"/>
  <c r="O4494" i="10"/>
  <c r="P4494" i="10" s="1"/>
  <c r="O4366" i="10"/>
  <c r="P4366" i="10" s="1"/>
  <c r="O4238" i="10"/>
  <c r="P4238" i="10" s="1"/>
  <c r="O4110" i="10"/>
  <c r="P4110" i="10" s="1"/>
  <c r="O3982" i="10"/>
  <c r="P3982" i="10" s="1"/>
  <c r="O3854" i="10"/>
  <c r="P3854" i="10" s="1"/>
  <c r="O3726" i="10"/>
  <c r="P3726" i="10" s="1"/>
  <c r="O3598" i="10"/>
  <c r="P3598" i="10" s="1"/>
  <c r="O3470" i="10"/>
  <c r="P3470" i="10" s="1"/>
  <c r="O3342" i="10"/>
  <c r="P3342" i="10" s="1"/>
  <c r="O3214" i="10"/>
  <c r="P3214" i="10" s="1"/>
  <c r="O3086" i="10"/>
  <c r="P3086" i="10" s="1"/>
  <c r="O2958" i="10"/>
  <c r="P2958" i="10" s="1"/>
  <c r="O2830" i="10"/>
  <c r="O2702" i="10"/>
  <c r="O2574" i="10"/>
  <c r="O2446" i="10"/>
  <c r="O2318" i="10"/>
  <c r="O2190" i="10"/>
  <c r="O2062" i="10"/>
  <c r="O1934" i="10"/>
  <c r="O1806" i="10"/>
  <c r="O1678" i="10"/>
  <c r="O1550" i="10"/>
  <c r="O1422" i="10"/>
  <c r="O1294" i="10"/>
  <c r="O1166" i="10"/>
  <c r="O1038" i="10"/>
  <c r="O910" i="10"/>
  <c r="O782" i="10"/>
  <c r="O654" i="10"/>
  <c r="O526" i="10"/>
  <c r="O398" i="10"/>
  <c r="O270" i="10"/>
  <c r="O142" i="10"/>
  <c r="O5869" i="10"/>
  <c r="P5869" i="10" s="1"/>
  <c r="O5804" i="10"/>
  <c r="P5804" i="10" s="1"/>
  <c r="O5908" i="10"/>
  <c r="P5908" i="10" s="1"/>
  <c r="O5899" i="10"/>
  <c r="P5899" i="10" s="1"/>
  <c r="O5771" i="10"/>
  <c r="P5771" i="10" s="1"/>
  <c r="O5906" i="10"/>
  <c r="P5906" i="10" s="1"/>
  <c r="O5778" i="10"/>
  <c r="P5778" i="10" s="1"/>
  <c r="O5929" i="10"/>
  <c r="P5929" i="10" s="1"/>
  <c r="O5801" i="10"/>
  <c r="P5801" i="10" s="1"/>
  <c r="O5886" i="10"/>
  <c r="P5886" i="10" s="1"/>
  <c r="O5837" i="10"/>
  <c r="P5837" i="10" s="1"/>
  <c r="O5981" i="10"/>
  <c r="P5981" i="10" s="1"/>
  <c r="O5829" i="10"/>
  <c r="P5829" i="10" s="1"/>
  <c r="O6005" i="10"/>
  <c r="P6005" i="10" s="1"/>
  <c r="O5996" i="10"/>
  <c r="P5996" i="10" s="1"/>
  <c r="O5868" i="10"/>
  <c r="P5868" i="10" s="1"/>
  <c r="O5987" i="10"/>
  <c r="P5987" i="10" s="1"/>
  <c r="O5859" i="10"/>
  <c r="P5859" i="10" s="1"/>
  <c r="O5994" i="10"/>
  <c r="P5994" i="10" s="1"/>
  <c r="O5866" i="10"/>
  <c r="P5866" i="10" s="1"/>
  <c r="O5889" i="10"/>
  <c r="P5889" i="10" s="1"/>
  <c r="O5974" i="10"/>
  <c r="P5974" i="10" s="1"/>
  <c r="O5846" i="10"/>
  <c r="P5846" i="10" s="1"/>
  <c r="O5790" i="10"/>
  <c r="P5790" i="10" s="1"/>
  <c r="O5278" i="10"/>
  <c r="P5278" i="10" s="1"/>
  <c r="O5150" i="10"/>
  <c r="P5150" i="10" s="1"/>
  <c r="O5022" i="10"/>
  <c r="P5022" i="10" s="1"/>
  <c r="O4894" i="10"/>
  <c r="P4894" i="10" s="1"/>
  <c r="O5788" i="10"/>
  <c r="P5788" i="10" s="1"/>
  <c r="O5892" i="10"/>
  <c r="P5892" i="10" s="1"/>
  <c r="O6011" i="10"/>
  <c r="P6011" i="10" s="1"/>
  <c r="O5883" i="10"/>
  <c r="P5883" i="10" s="1"/>
  <c r="O5890" i="10"/>
  <c r="P5890" i="10" s="1"/>
  <c r="O5913" i="10"/>
  <c r="P5913" i="10" s="1"/>
  <c r="O5785" i="10"/>
  <c r="P5785" i="10" s="1"/>
  <c r="O5998" i="10"/>
  <c r="P5998" i="10" s="1"/>
  <c r="O5870" i="10"/>
  <c r="P5870" i="10" s="1"/>
  <c r="O5965" i="10"/>
  <c r="P5965" i="10" s="1"/>
  <c r="O5718" i="10"/>
  <c r="P5718" i="10" s="1"/>
  <c r="O5590" i="10"/>
  <c r="P5590" i="10" s="1"/>
  <c r="O5462" i="10"/>
  <c r="P5462" i="10" s="1"/>
  <c r="T6757" i="10"/>
  <c r="S6757" i="10"/>
  <c r="T6428" i="10"/>
  <c r="S6428" i="10"/>
  <c r="T7365" i="10"/>
  <c r="S7365" i="10"/>
  <c r="S7109" i="10"/>
  <c r="T7109" i="10"/>
  <c r="S6853" i="10"/>
  <c r="T6853" i="10"/>
  <c r="S6597" i="10"/>
  <c r="T6597" i="10"/>
  <c r="S6341" i="10"/>
  <c r="T6341" i="10"/>
  <c r="T6213" i="10"/>
  <c r="S6213" i="10"/>
  <c r="S7292" i="10"/>
  <c r="T7292" i="10"/>
  <c r="S7036" i="10"/>
  <c r="T7036" i="10"/>
  <c r="S6780" i="10"/>
  <c r="T6780" i="10"/>
  <c r="S6524" i="10"/>
  <c r="T6524" i="10"/>
  <c r="S6268" i="10"/>
  <c r="T6268" i="10"/>
  <c r="S7411" i="10"/>
  <c r="T7411" i="10"/>
  <c r="S7155" i="10"/>
  <c r="T7155" i="10"/>
  <c r="S6899" i="10"/>
  <c r="T6899" i="10"/>
  <c r="S6643" i="10"/>
  <c r="T6643" i="10"/>
  <c r="S6387" i="10"/>
  <c r="T6387" i="10"/>
  <c r="S6259" i="10"/>
  <c r="T6259" i="10"/>
  <c r="S5619" i="10"/>
  <c r="T5619" i="10"/>
  <c r="S7418" i="10"/>
  <c r="T7418" i="10"/>
  <c r="S7162" i="10"/>
  <c r="T7162" i="10"/>
  <c r="S6906" i="10"/>
  <c r="T6906" i="10"/>
  <c r="S6650" i="10"/>
  <c r="T6650" i="10"/>
  <c r="S6394" i="10"/>
  <c r="T6394" i="10"/>
  <c r="S6138" i="10"/>
  <c r="T6138" i="10"/>
  <c r="S7441" i="10"/>
  <c r="T7441" i="10"/>
  <c r="S7185" i="10"/>
  <c r="T7185" i="10"/>
  <c r="S6929" i="10"/>
  <c r="T6929" i="10"/>
  <c r="S6673" i="10"/>
  <c r="T6673" i="10"/>
  <c r="S6417" i="10"/>
  <c r="T6417" i="10"/>
  <c r="S6161" i="10"/>
  <c r="T6161" i="10"/>
  <c r="S5649" i="10"/>
  <c r="T5649" i="10"/>
  <c r="S5393" i="10"/>
  <c r="T5393" i="10"/>
  <c r="S5137" i="10"/>
  <c r="T5137" i="10"/>
  <c r="T7448" i="10"/>
  <c r="S7448" i="10"/>
  <c r="T7192" i="10"/>
  <c r="S7192" i="10"/>
  <c r="T6936" i="10"/>
  <c r="S6936" i="10"/>
  <c r="T6680" i="10"/>
  <c r="S6680" i="10"/>
  <c r="S6424" i="10"/>
  <c r="T6424" i="10"/>
  <c r="S6168" i="10"/>
  <c r="T6168" i="10"/>
  <c r="S5912" i="10"/>
  <c r="T5912" i="10"/>
  <c r="T7279" i="10"/>
  <c r="S7279" i="10"/>
  <c r="T7023" i="10"/>
  <c r="S7023" i="10"/>
  <c r="T6767" i="10"/>
  <c r="S6767" i="10"/>
  <c r="T6639" i="10"/>
  <c r="S6639" i="10"/>
  <c r="S6383" i="10"/>
  <c r="T6383" i="10"/>
  <c r="S5999" i="10"/>
  <c r="T5999" i="10"/>
  <c r="T7398" i="10"/>
  <c r="S7398" i="10"/>
  <c r="T7142" i="10"/>
  <c r="S7142" i="10"/>
  <c r="T6886" i="10"/>
  <c r="S6886" i="10"/>
  <c r="T6630" i="10"/>
  <c r="S6630" i="10"/>
  <c r="T6374" i="10"/>
  <c r="S6374" i="10"/>
  <c r="T6118" i="10"/>
  <c r="S6118" i="10"/>
  <c r="S5195" i="10"/>
  <c r="T5195" i="10"/>
  <c r="S4939" i="10"/>
  <c r="T4939" i="10"/>
  <c r="S4683" i="10"/>
  <c r="T4683" i="10"/>
  <c r="S4427" i="10"/>
  <c r="T4427" i="10"/>
  <c r="S4043" i="10"/>
  <c r="T4043" i="10"/>
  <c r="S3787" i="10"/>
  <c r="T3787" i="10"/>
  <c r="S3531" i="10"/>
  <c r="T3531" i="10"/>
  <c r="S3275" i="10"/>
  <c r="T3275" i="10"/>
  <c r="S3019" i="10"/>
  <c r="T3019" i="10"/>
  <c r="S5706" i="10"/>
  <c r="T5706" i="10"/>
  <c r="S5322" i="10"/>
  <c r="T5322" i="10"/>
  <c r="S5066" i="10"/>
  <c r="T5066" i="10"/>
  <c r="S4682" i="10"/>
  <c r="T4682" i="10"/>
  <c r="S4426" i="10"/>
  <c r="T4426" i="10"/>
  <c r="S4170" i="10"/>
  <c r="T4170" i="10"/>
  <c r="S3914" i="10"/>
  <c r="T3914" i="10"/>
  <c r="S3530" i="10"/>
  <c r="T3530" i="10"/>
  <c r="S3274" i="10"/>
  <c r="T3274" i="10"/>
  <c r="S3018" i="10"/>
  <c r="T3018" i="10"/>
  <c r="S5461" i="10"/>
  <c r="T5461" i="10"/>
  <c r="S4693" i="10"/>
  <c r="T4693" i="10"/>
  <c r="T4181" i="10"/>
  <c r="S4181" i="10"/>
  <c r="S3669" i="10"/>
  <c r="T3669" i="10"/>
  <c r="S3157" i="10"/>
  <c r="T3157" i="10"/>
  <c r="S4701" i="10"/>
  <c r="T4701" i="10"/>
  <c r="S4825" i="10"/>
  <c r="T4825" i="10"/>
  <c r="S4441" i="10"/>
  <c r="T4441" i="10"/>
  <c r="S4185" i="10"/>
  <c r="T4185" i="10"/>
  <c r="S4057" i="10"/>
  <c r="T4057" i="10"/>
  <c r="T3801" i="10"/>
  <c r="S3801" i="10"/>
  <c r="S3545" i="10"/>
  <c r="T3545" i="10"/>
  <c r="S3161" i="10"/>
  <c r="T3161" i="10"/>
  <c r="S2905" i="10"/>
  <c r="T2905" i="10"/>
  <c r="S5656" i="10"/>
  <c r="T5656" i="10"/>
  <c r="S5400" i="10"/>
  <c r="T5400" i="10"/>
  <c r="S4632" i="10"/>
  <c r="T4632" i="10"/>
  <c r="S4376" i="10"/>
  <c r="T4376" i="10"/>
  <c r="S4248" i="10"/>
  <c r="T4248" i="10"/>
  <c r="S3992" i="10"/>
  <c r="T3992" i="10"/>
  <c r="S3736" i="10"/>
  <c r="T3736" i="10"/>
  <c r="S3480" i="10"/>
  <c r="T3480" i="10"/>
  <c r="S3224" i="10"/>
  <c r="T3224" i="10"/>
  <c r="S2968" i="10"/>
  <c r="T2968" i="10"/>
  <c r="S5703" i="10"/>
  <c r="T5703" i="10"/>
  <c r="S5447" i="10"/>
  <c r="T5447" i="10"/>
  <c r="S5191" i="10"/>
  <c r="T5191" i="10"/>
  <c r="S4935" i="10"/>
  <c r="T4935" i="10"/>
  <c r="S4807" i="10"/>
  <c r="T4807" i="10"/>
  <c r="S4551" i="10"/>
  <c r="T4551" i="10"/>
  <c r="S4295" i="10"/>
  <c r="T4295" i="10"/>
  <c r="S3911" i="10"/>
  <c r="T3911" i="10"/>
  <c r="S3655" i="10"/>
  <c r="T3655" i="10"/>
  <c r="S3399" i="10"/>
  <c r="T3399" i="10"/>
  <c r="S3143" i="10"/>
  <c r="T3143" i="10"/>
  <c r="S3015" i="10"/>
  <c r="T3015" i="10"/>
  <c r="S5358" i="10"/>
  <c r="T5358" i="10"/>
  <c r="S5102" i="10"/>
  <c r="T5102" i="10"/>
  <c r="S4846" i="10"/>
  <c r="T4846" i="10"/>
  <c r="S4590" i="10"/>
  <c r="T4590" i="10"/>
  <c r="S4206" i="10"/>
  <c r="T4206" i="10"/>
  <c r="S4078" i="10"/>
  <c r="T4078" i="10"/>
  <c r="S3694" i="10"/>
  <c r="T3694" i="10"/>
  <c r="S3438" i="10"/>
  <c r="T3438" i="10"/>
  <c r="S3182" i="10"/>
  <c r="T3182" i="10"/>
  <c r="S2926" i="10"/>
  <c r="T2926" i="10"/>
  <c r="S5293" i="10"/>
  <c r="T5293" i="10"/>
  <c r="S5037" i="10"/>
  <c r="T5037" i="10"/>
  <c r="S4525" i="10"/>
  <c r="T4525" i="10"/>
  <c r="S4013" i="10"/>
  <c r="T4013" i="10"/>
  <c r="T3501" i="10"/>
  <c r="S3501" i="10"/>
  <c r="S3245" i="10"/>
  <c r="T3245" i="10"/>
  <c r="S5644" i="10"/>
  <c r="T5644" i="10"/>
  <c r="S5516" i="10"/>
  <c r="T5516" i="10"/>
  <c r="S5260" i="10"/>
  <c r="T5260" i="10"/>
  <c r="S5004" i="10"/>
  <c r="T5004" i="10"/>
  <c r="S4748" i="10"/>
  <c r="T4748" i="10"/>
  <c r="S4620" i="10"/>
  <c r="T4620" i="10"/>
  <c r="S4236" i="10"/>
  <c r="T4236" i="10"/>
  <c r="S3980" i="10"/>
  <c r="T3980" i="10"/>
  <c r="T3724" i="10"/>
  <c r="S3724" i="10"/>
  <c r="S3468" i="10"/>
  <c r="T3468" i="10"/>
  <c r="S3212" i="10"/>
  <c r="T3212" i="10"/>
  <c r="S2956" i="10"/>
  <c r="T2956" i="10"/>
  <c r="T7293" i="10"/>
  <c r="S7293" i="10"/>
  <c r="S6781" i="10"/>
  <c r="T6781" i="10"/>
  <c r="T6269" i="10"/>
  <c r="S6269" i="10"/>
  <c r="S7412" i="10"/>
  <c r="T7412" i="10"/>
  <c r="T7156" i="10"/>
  <c r="S7156" i="10"/>
  <c r="T6900" i="10"/>
  <c r="S6900" i="10"/>
  <c r="T6644" i="10"/>
  <c r="S6644" i="10"/>
  <c r="S6388" i="10"/>
  <c r="T6388" i="10"/>
  <c r="S6132" i="10"/>
  <c r="T6132" i="10"/>
  <c r="S7275" i="10"/>
  <c r="T7275" i="10"/>
  <c r="S7019" i="10"/>
  <c r="T7019" i="10"/>
  <c r="S6763" i="10"/>
  <c r="T6763" i="10"/>
  <c r="S6379" i="10"/>
  <c r="T6379" i="10"/>
  <c r="S6123" i="10"/>
  <c r="T6123" i="10"/>
  <c r="S5739" i="10"/>
  <c r="T5739" i="10"/>
  <c r="S5483" i="10"/>
  <c r="T5483" i="10"/>
  <c r="T7282" i="10"/>
  <c r="S7282" i="10"/>
  <c r="T7026" i="10"/>
  <c r="S7026" i="10"/>
  <c r="T6770" i="10"/>
  <c r="S6770" i="10"/>
  <c r="T6514" i="10"/>
  <c r="S6514" i="10"/>
  <c r="T6130" i="10"/>
  <c r="S6130" i="10"/>
  <c r="T7305" i="10"/>
  <c r="S7305" i="10"/>
  <c r="T7049" i="10"/>
  <c r="S7049" i="10"/>
  <c r="S6793" i="10"/>
  <c r="T6793" i="10"/>
  <c r="S6537" i="10"/>
  <c r="T6537" i="10"/>
  <c r="S6281" i="10"/>
  <c r="T6281" i="10"/>
  <c r="S6025" i="10"/>
  <c r="T6025" i="10"/>
  <c r="S5641" i="10"/>
  <c r="T5641" i="10"/>
  <c r="S5385" i="10"/>
  <c r="T5385" i="10"/>
  <c r="S5129" i="10"/>
  <c r="T5129" i="10"/>
  <c r="S7440" i="10"/>
  <c r="T7440" i="10"/>
  <c r="S7184" i="10"/>
  <c r="T7184" i="10"/>
  <c r="S6800" i="10"/>
  <c r="T6800" i="10"/>
  <c r="S6672" i="10"/>
  <c r="T6672" i="10"/>
  <c r="S6416" i="10"/>
  <c r="T6416" i="10"/>
  <c r="S6160" i="10"/>
  <c r="T6160" i="10"/>
  <c r="S5904" i="10"/>
  <c r="T5904" i="10"/>
  <c r="S7271" i="10"/>
  <c r="T7271" i="10"/>
  <c r="S7015" i="10"/>
  <c r="T7015" i="10"/>
  <c r="S6759" i="10"/>
  <c r="T6759" i="10"/>
  <c r="S6503" i="10"/>
  <c r="T6503" i="10"/>
  <c r="S6247" i="10"/>
  <c r="T6247" i="10"/>
  <c r="S6119" i="10"/>
  <c r="T6119" i="10"/>
  <c r="S5863" i="10"/>
  <c r="T5863" i="10"/>
  <c r="S7262" i="10"/>
  <c r="T7262" i="10"/>
  <c r="S6878" i="10"/>
  <c r="T6878" i="10"/>
  <c r="S6750" i="10"/>
  <c r="T6750" i="10"/>
  <c r="S6494" i="10"/>
  <c r="T6494" i="10"/>
  <c r="S6238" i="10"/>
  <c r="T6238" i="10"/>
  <c r="S5315" i="10"/>
  <c r="T5315" i="10"/>
  <c r="S5059" i="10"/>
  <c r="T5059" i="10"/>
  <c r="S4803" i="10"/>
  <c r="T4803" i="10"/>
  <c r="S4547" i="10"/>
  <c r="T4547" i="10"/>
  <c r="S4291" i="10"/>
  <c r="T4291" i="10"/>
  <c r="S4035" i="10"/>
  <c r="T4035" i="10"/>
  <c r="S3779" i="10"/>
  <c r="T3779" i="10"/>
  <c r="S3523" i="10"/>
  <c r="T3523" i="10"/>
  <c r="S3267" i="10"/>
  <c r="T3267" i="10"/>
  <c r="S3011" i="10"/>
  <c r="T3011" i="10"/>
  <c r="T5570" i="10"/>
  <c r="S5570" i="10"/>
  <c r="T5314" i="10"/>
  <c r="S5314" i="10"/>
  <c r="T5186" i="10"/>
  <c r="S5186" i="10"/>
  <c r="T4930" i="10"/>
  <c r="S4930" i="10"/>
  <c r="S4546" i="10"/>
  <c r="T4546" i="10"/>
  <c r="S4290" i="10"/>
  <c r="T4290" i="10"/>
  <c r="S4034" i="10"/>
  <c r="T4034" i="10"/>
  <c r="S3778" i="10"/>
  <c r="T3778" i="10"/>
  <c r="S3266" i="10"/>
  <c r="T3266" i="10"/>
  <c r="S5261" i="10"/>
  <c r="T5261" i="10"/>
  <c r="S5005" i="10"/>
  <c r="T5005" i="10"/>
  <c r="S4493" i="10"/>
  <c r="T4493" i="10"/>
  <c r="S3981" i="10"/>
  <c r="T3981" i="10"/>
  <c r="S3469" i="10"/>
  <c r="T3469" i="10"/>
  <c r="S2957" i="10"/>
  <c r="T2957" i="10"/>
  <c r="S5213" i="10"/>
  <c r="T5213" i="10"/>
  <c r="S3613" i="10"/>
  <c r="T3613" i="10"/>
  <c r="T7453" i="10"/>
  <c r="S7453" i="10"/>
  <c r="S7197" i="10"/>
  <c r="T7197" i="10"/>
  <c r="T6941" i="10"/>
  <c r="S6941" i="10"/>
  <c r="S6685" i="10"/>
  <c r="T6685" i="10"/>
  <c r="T6429" i="10"/>
  <c r="S6429" i="10"/>
  <c r="S6173" i="10"/>
  <c r="T6173" i="10"/>
  <c r="S4785" i="10"/>
  <c r="T4785" i="10"/>
  <c r="S4657" i="10"/>
  <c r="T4657" i="10"/>
  <c r="S4529" i="10"/>
  <c r="T4529" i="10"/>
  <c r="S4401" i="10"/>
  <c r="T4401" i="10"/>
  <c r="S4273" i="10"/>
  <c r="T4273" i="10"/>
  <c r="S4145" i="10"/>
  <c r="T4145" i="10"/>
  <c r="S4017" i="10"/>
  <c r="T4017" i="10"/>
  <c r="S3889" i="10"/>
  <c r="T3889" i="10"/>
  <c r="S3761" i="10"/>
  <c r="T3761" i="10"/>
  <c r="S3633" i="10"/>
  <c r="T3633" i="10"/>
  <c r="S3505" i="10"/>
  <c r="T3505" i="10"/>
  <c r="S3377" i="10"/>
  <c r="T3377" i="10"/>
  <c r="S3249" i="10"/>
  <c r="T3249" i="10"/>
  <c r="S3121" i="10"/>
  <c r="T3121" i="10"/>
  <c r="S2993" i="10"/>
  <c r="T2993" i="10"/>
  <c r="T2865" i="10"/>
  <c r="S2865" i="10"/>
  <c r="S5744" i="10"/>
  <c r="T5744" i="10"/>
  <c r="S5616" i="10"/>
  <c r="T5616" i="10"/>
  <c r="S5488" i="10"/>
  <c r="T5488" i="10"/>
  <c r="S5360" i="10"/>
  <c r="T5360" i="10"/>
  <c r="S5232" i="10"/>
  <c r="T5232" i="10"/>
  <c r="S5104" i="10"/>
  <c r="T5104" i="10"/>
  <c r="S4976" i="10"/>
  <c r="T4976" i="10"/>
  <c r="S4848" i="10"/>
  <c r="T4848" i="10"/>
  <c r="S4720" i="10"/>
  <c r="T4720" i="10"/>
  <c r="S4592" i="10"/>
  <c r="T4592" i="10"/>
  <c r="S4464" i="10"/>
  <c r="T4464" i="10"/>
  <c r="S4336" i="10"/>
  <c r="T4336" i="10"/>
  <c r="S4208" i="10"/>
  <c r="T4208" i="10"/>
  <c r="S4080" i="10"/>
  <c r="T4080" i="10"/>
  <c r="S3952" i="10"/>
  <c r="T3952" i="10"/>
  <c r="S3824" i="10"/>
  <c r="T3824" i="10"/>
  <c r="S3696" i="10"/>
  <c r="T3696" i="10"/>
  <c r="S3568" i="10"/>
  <c r="T3568" i="10"/>
  <c r="S3440" i="10"/>
  <c r="T3440" i="10"/>
  <c r="S3312" i="10"/>
  <c r="T3312" i="10"/>
  <c r="S3184" i="10"/>
  <c r="T3184" i="10"/>
  <c r="S3056" i="10"/>
  <c r="T3056" i="10"/>
  <c r="S2928" i="10"/>
  <c r="T2928" i="10"/>
  <c r="S5791" i="10"/>
  <c r="T5791" i="10"/>
  <c r="S5663" i="10"/>
  <c r="T5663" i="10"/>
  <c r="S5535" i="10"/>
  <c r="T5535" i="10"/>
  <c r="S5407" i="10"/>
  <c r="T5407" i="10"/>
  <c r="S5279" i="10"/>
  <c r="T5279" i="10"/>
  <c r="S5151" i="10"/>
  <c r="T5151" i="10"/>
  <c r="S5023" i="10"/>
  <c r="T5023" i="10"/>
  <c r="S4895" i="10"/>
  <c r="T4895" i="10"/>
  <c r="S4767" i="10"/>
  <c r="T4767" i="10"/>
  <c r="S4639" i="10"/>
  <c r="T4639" i="10"/>
  <c r="S4511" i="10"/>
  <c r="T4511" i="10"/>
  <c r="S4383" i="10"/>
  <c r="T4383" i="10"/>
  <c r="S4255" i="10"/>
  <c r="T4255" i="10"/>
  <c r="S4127" i="10"/>
  <c r="T4127" i="10"/>
  <c r="S3999" i="10"/>
  <c r="T3999" i="10"/>
  <c r="S3871" i="10"/>
  <c r="T3871" i="10"/>
  <c r="S3743" i="10"/>
  <c r="T3743" i="10"/>
  <c r="S3615" i="10"/>
  <c r="T3615" i="10"/>
  <c r="S3487" i="10"/>
  <c r="T3487" i="10"/>
  <c r="S3359" i="10"/>
  <c r="T3359" i="10"/>
  <c r="S3231" i="10"/>
  <c r="T3231" i="10"/>
  <c r="S3103" i="10"/>
  <c r="T3103" i="10"/>
  <c r="S2975" i="10"/>
  <c r="T2975" i="10"/>
  <c r="S2847" i="10"/>
  <c r="T2847" i="10"/>
  <c r="S5702" i="10"/>
  <c r="T5702" i="10"/>
  <c r="S5574" i="10"/>
  <c r="T5574" i="10"/>
  <c r="S5446" i="10"/>
  <c r="T5446" i="10"/>
  <c r="S5318" i="10"/>
  <c r="T5318" i="10"/>
  <c r="S5190" i="10"/>
  <c r="T5190" i="10"/>
  <c r="S5062" i="10"/>
  <c r="T5062" i="10"/>
  <c r="S4934" i="10"/>
  <c r="T4934" i="10"/>
  <c r="S4806" i="10"/>
  <c r="T4806" i="10"/>
  <c r="S5669" i="10"/>
  <c r="T5669" i="10"/>
  <c r="S5541" i="10"/>
  <c r="T5541" i="10"/>
  <c r="S5413" i="10"/>
  <c r="T5413" i="10"/>
  <c r="S5285" i="10"/>
  <c r="T5285" i="10"/>
  <c r="S5157" i="10"/>
  <c r="T5157" i="10"/>
  <c r="S5029" i="10"/>
  <c r="T5029" i="10"/>
  <c r="S4901" i="10"/>
  <c r="T4901" i="10"/>
  <c r="S4773" i="10"/>
  <c r="T4773" i="10"/>
  <c r="S4645" i="10"/>
  <c r="T4645" i="10"/>
  <c r="S4517" i="10"/>
  <c r="T4517" i="10"/>
  <c r="S4389" i="10"/>
  <c r="T4389" i="10"/>
  <c r="S4261" i="10"/>
  <c r="T4261" i="10"/>
  <c r="S4133" i="10"/>
  <c r="T4133" i="10"/>
  <c r="S4005" i="10"/>
  <c r="T4005" i="10"/>
  <c r="S3877" i="10"/>
  <c r="T3877" i="10"/>
  <c r="S3749" i="10"/>
  <c r="T3749" i="10"/>
  <c r="T3621" i="10"/>
  <c r="S3621" i="10"/>
  <c r="S3493" i="10"/>
  <c r="T3493" i="10"/>
  <c r="S3365" i="10"/>
  <c r="T3365" i="10"/>
  <c r="S3237" i="10"/>
  <c r="T3237" i="10"/>
  <c r="S3109" i="10"/>
  <c r="T3109" i="10"/>
  <c r="S2981" i="10"/>
  <c r="T2981" i="10"/>
  <c r="S2853" i="10"/>
  <c r="T2853" i="10"/>
  <c r="S5700" i="10"/>
  <c r="T5700" i="10"/>
  <c r="S5572" i="10"/>
  <c r="T5572" i="10"/>
  <c r="S5444" i="10"/>
  <c r="T5444" i="10"/>
  <c r="S5316" i="10"/>
  <c r="T5316" i="10"/>
  <c r="S5188" i="10"/>
  <c r="T5188" i="10"/>
  <c r="S5060" i="10"/>
  <c r="T5060" i="10"/>
  <c r="S4932" i="10"/>
  <c r="T4932" i="10"/>
  <c r="S4804" i="10"/>
  <c r="T4804" i="10"/>
  <c r="S4676" i="10"/>
  <c r="T4676" i="10"/>
  <c r="S4548" i="10"/>
  <c r="T4548" i="10"/>
  <c r="S4420" i="10"/>
  <c r="T4420" i="10"/>
  <c r="S4292" i="10"/>
  <c r="T4292" i="10"/>
  <c r="S4164" i="10"/>
  <c r="T4164" i="10"/>
  <c r="S4036" i="10"/>
  <c r="T4036" i="10"/>
  <c r="S3908" i="10"/>
  <c r="T3908" i="10"/>
  <c r="S3780" i="10"/>
  <c r="T3780" i="10"/>
  <c r="S3652" i="10"/>
  <c r="T3652" i="10"/>
  <c r="S3524" i="10"/>
  <c r="T3524" i="10"/>
  <c r="S3396" i="10"/>
  <c r="T3396" i="10"/>
  <c r="S3268" i="10"/>
  <c r="T3268" i="10"/>
  <c r="S3140" i="10"/>
  <c r="T3140" i="10"/>
  <c r="S3012" i="10"/>
  <c r="T3012" i="10"/>
  <c r="S2884" i="10"/>
  <c r="T2884" i="10"/>
  <c r="S4445" i="10"/>
  <c r="T4445" i="10"/>
  <c r="S7221" i="10"/>
  <c r="T7221" i="10"/>
  <c r="S6965" i="10"/>
  <c r="T6965" i="10"/>
  <c r="S6709" i="10"/>
  <c r="T6709" i="10"/>
  <c r="S6453" i="10"/>
  <c r="T6453" i="10"/>
  <c r="S6197" i="10"/>
  <c r="T6197" i="10"/>
  <c r="S7372" i="10"/>
  <c r="T7372" i="10"/>
  <c r="S7244" i="10"/>
  <c r="T7244" i="10"/>
  <c r="S7116" i="10"/>
  <c r="T7116" i="10"/>
  <c r="S6988" i="10"/>
  <c r="T6988" i="10"/>
  <c r="S6860" i="10"/>
  <c r="T6860" i="10"/>
  <c r="S6732" i="10"/>
  <c r="T6732" i="10"/>
  <c r="S6604" i="10"/>
  <c r="T6604" i="10"/>
  <c r="T6476" i="10"/>
  <c r="S6476" i="10"/>
  <c r="T6348" i="10"/>
  <c r="S6348" i="10"/>
  <c r="S6220" i="10"/>
  <c r="T6220" i="10"/>
  <c r="T6092" i="10"/>
  <c r="S6092" i="10"/>
  <c r="S7363" i="10"/>
  <c r="T7363" i="10"/>
  <c r="S7235" i="10"/>
  <c r="T7235" i="10"/>
  <c r="S7107" i="10"/>
  <c r="T7107" i="10"/>
  <c r="S6979" i="10"/>
  <c r="T6979" i="10"/>
  <c r="S6851" i="10"/>
  <c r="T6851" i="10"/>
  <c r="S6723" i="10"/>
  <c r="T6723" i="10"/>
  <c r="S6595" i="10"/>
  <c r="T6595" i="10"/>
  <c r="S6467" i="10"/>
  <c r="T6467" i="10"/>
  <c r="S6339" i="10"/>
  <c r="T6339" i="10"/>
  <c r="S6211" i="10"/>
  <c r="T6211" i="10"/>
  <c r="S6083" i="10"/>
  <c r="T6083" i="10"/>
  <c r="S5699" i="10"/>
  <c r="T5699" i="10"/>
  <c r="S5571" i="10"/>
  <c r="T5571" i="10"/>
  <c r="S5443" i="10"/>
  <c r="T5443" i="10"/>
  <c r="S7370" i="10"/>
  <c r="T7370" i="10"/>
  <c r="T7242" i="10"/>
  <c r="S7242" i="10"/>
  <c r="S7114" i="10"/>
  <c r="T7114" i="10"/>
  <c r="S6986" i="10"/>
  <c r="T6986" i="10"/>
  <c r="S6858" i="10"/>
  <c r="T6858" i="10"/>
  <c r="S6730" i="10"/>
  <c r="T6730" i="10"/>
  <c r="T6602" i="10"/>
  <c r="S6602" i="10"/>
  <c r="T6474" i="10"/>
  <c r="S6474" i="10"/>
  <c r="S6346" i="10"/>
  <c r="T6346" i="10"/>
  <c r="T6218" i="10"/>
  <c r="S6218" i="10"/>
  <c r="S6090" i="10"/>
  <c r="T6090" i="10"/>
  <c r="S7393" i="10"/>
  <c r="T7393" i="10"/>
  <c r="S7265" i="10"/>
  <c r="T7265" i="10"/>
  <c r="T7137" i="10"/>
  <c r="S7137" i="10"/>
  <c r="S7009" i="10"/>
  <c r="T7009" i="10"/>
  <c r="S6881" i="10"/>
  <c r="T6881" i="10"/>
  <c r="S6753" i="10"/>
  <c r="T6753" i="10"/>
  <c r="S6625" i="10"/>
  <c r="T6625" i="10"/>
  <c r="S6497" i="10"/>
  <c r="T6497" i="10"/>
  <c r="S6369" i="10"/>
  <c r="T6369" i="10"/>
  <c r="S6241" i="10"/>
  <c r="T6241" i="10"/>
  <c r="S6113" i="10"/>
  <c r="T6113" i="10"/>
  <c r="S5729" i="10"/>
  <c r="T5729" i="10"/>
  <c r="S5601" i="10"/>
  <c r="T5601" i="10"/>
  <c r="S5473" i="10"/>
  <c r="T5473" i="10"/>
  <c r="S5345" i="10"/>
  <c r="T5345" i="10"/>
  <c r="S5217" i="10"/>
  <c r="T5217" i="10"/>
  <c r="S5089" i="10"/>
  <c r="T5089" i="10"/>
  <c r="S4961" i="10"/>
  <c r="T4961" i="10"/>
  <c r="S7400" i="10"/>
  <c r="T7400" i="10"/>
  <c r="S7272" i="10"/>
  <c r="T7272" i="10"/>
  <c r="S7144" i="10"/>
  <c r="T7144" i="10"/>
  <c r="S7016" i="10"/>
  <c r="T7016" i="10"/>
  <c r="S6888" i="10"/>
  <c r="T6888" i="10"/>
  <c r="S6760" i="10"/>
  <c r="T6760" i="10"/>
  <c r="S6632" i="10"/>
  <c r="T6632" i="10"/>
  <c r="S6504" i="10"/>
  <c r="T6504" i="10"/>
  <c r="S6376" i="10"/>
  <c r="T6376" i="10"/>
  <c r="S6248" i="10"/>
  <c r="T6248" i="10"/>
  <c r="S6120" i="10"/>
  <c r="T6120" i="10"/>
  <c r="S5992" i="10"/>
  <c r="T5992" i="10"/>
  <c r="S5864" i="10"/>
  <c r="T5864" i="10"/>
  <c r="S7359" i="10"/>
  <c r="T7359" i="10"/>
  <c r="S7231" i="10"/>
  <c r="T7231" i="10"/>
  <c r="S7103" i="10"/>
  <c r="T7103" i="10"/>
  <c r="S6975" i="10"/>
  <c r="T6975" i="10"/>
  <c r="S6847" i="10"/>
  <c r="T6847" i="10"/>
  <c r="S6719" i="10"/>
  <c r="T6719" i="10"/>
  <c r="S6591" i="10"/>
  <c r="T6591" i="10"/>
  <c r="S6463" i="10"/>
  <c r="T6463" i="10"/>
  <c r="S6335" i="10"/>
  <c r="T6335" i="10"/>
  <c r="S6207" i="10"/>
  <c r="T6207" i="10"/>
  <c r="S6079" i="10"/>
  <c r="T6079" i="10"/>
  <c r="S5951" i="10"/>
  <c r="T5951" i="10"/>
  <c r="S5823" i="10"/>
  <c r="T5823" i="10"/>
  <c r="S7350" i="10"/>
  <c r="T7350" i="10"/>
  <c r="S7222" i="10"/>
  <c r="T7222" i="10"/>
  <c r="S7094" i="10"/>
  <c r="T7094" i="10"/>
  <c r="S6966" i="10"/>
  <c r="T6966" i="10"/>
  <c r="S6838" i="10"/>
  <c r="T6838" i="10"/>
  <c r="S6710" i="10"/>
  <c r="T6710" i="10"/>
  <c r="S6582" i="10"/>
  <c r="T6582" i="10"/>
  <c r="S6454" i="10"/>
  <c r="T6454" i="10"/>
  <c r="S6326" i="10"/>
  <c r="T6326" i="10"/>
  <c r="S6198" i="10"/>
  <c r="T6198" i="10"/>
  <c r="S6070" i="10"/>
  <c r="T6070" i="10"/>
  <c r="S5403" i="10"/>
  <c r="T5403" i="10"/>
  <c r="S5275" i="10"/>
  <c r="T5275" i="10"/>
  <c r="S5147" i="10"/>
  <c r="T5147" i="10"/>
  <c r="S5019" i="10"/>
  <c r="T5019" i="10"/>
  <c r="S4891" i="10"/>
  <c r="T4891" i="10"/>
  <c r="S4763" i="10"/>
  <c r="T4763" i="10"/>
  <c r="S4635" i="10"/>
  <c r="T4635" i="10"/>
  <c r="S4507" i="10"/>
  <c r="T4507" i="10"/>
  <c r="S4379" i="10"/>
  <c r="T4379" i="10"/>
  <c r="S4251" i="10"/>
  <c r="T4251" i="10"/>
  <c r="S4123" i="10"/>
  <c r="T4123" i="10"/>
  <c r="S3995" i="10"/>
  <c r="T3995" i="10"/>
  <c r="S3867" i="10"/>
  <c r="T3867" i="10"/>
  <c r="S3739" i="10"/>
  <c r="T3739" i="10"/>
  <c r="S3611" i="10"/>
  <c r="T3611" i="10"/>
  <c r="S3483" i="10"/>
  <c r="T3483" i="10"/>
  <c r="S3355" i="10"/>
  <c r="T3355" i="10"/>
  <c r="S3227" i="10"/>
  <c r="T3227" i="10"/>
  <c r="S3099" i="10"/>
  <c r="T3099" i="10"/>
  <c r="S2971" i="10"/>
  <c r="T2971" i="10"/>
  <c r="S5658" i="10"/>
  <c r="T5658" i="10"/>
  <c r="S5530" i="10"/>
  <c r="T5530" i="10"/>
  <c r="S5402" i="10"/>
  <c r="T5402" i="10"/>
  <c r="S5274" i="10"/>
  <c r="T5274" i="10"/>
  <c r="S5146" i="10"/>
  <c r="T5146" i="10"/>
  <c r="S5018" i="10"/>
  <c r="T5018" i="10"/>
  <c r="T4890" i="10"/>
  <c r="S4890" i="10"/>
  <c r="S4762" i="10"/>
  <c r="T4762" i="10"/>
  <c r="S4634" i="10"/>
  <c r="T4634" i="10"/>
  <c r="S4506" i="10"/>
  <c r="T4506" i="10"/>
  <c r="S4378" i="10"/>
  <c r="T4378" i="10"/>
  <c r="S4250" i="10"/>
  <c r="T4250" i="10"/>
  <c r="S4122" i="10"/>
  <c r="T4122" i="10"/>
  <c r="S3994" i="10"/>
  <c r="T3994" i="10"/>
  <c r="S3866" i="10"/>
  <c r="T3866" i="10"/>
  <c r="S3738" i="10"/>
  <c r="T3738" i="10"/>
  <c r="S3610" i="10"/>
  <c r="T3610" i="10"/>
  <c r="S3482" i="10"/>
  <c r="T3482" i="10"/>
  <c r="S3354" i="10"/>
  <c r="T3354" i="10"/>
  <c r="S3226" i="10"/>
  <c r="T3226" i="10"/>
  <c r="S3098" i="10"/>
  <c r="T3098" i="10"/>
  <c r="S2970" i="10"/>
  <c r="T2970" i="10"/>
  <c r="S4253" i="10"/>
  <c r="T4253" i="10"/>
  <c r="S3229" i="10"/>
  <c r="T3229" i="10"/>
  <c r="S7317" i="10"/>
  <c r="T7317" i="10"/>
  <c r="T7061" i="10"/>
  <c r="S7061" i="10"/>
  <c r="S6805" i="10"/>
  <c r="T6805" i="10"/>
  <c r="S6549" i="10"/>
  <c r="T6549" i="10"/>
  <c r="S6293" i="10"/>
  <c r="T6293" i="10"/>
  <c r="S6037" i="10"/>
  <c r="T6037" i="10"/>
  <c r="S4841" i="10"/>
  <c r="T4841" i="10"/>
  <c r="S4713" i="10"/>
  <c r="T4713" i="10"/>
  <c r="S4585" i="10"/>
  <c r="T4585" i="10"/>
  <c r="S4457" i="10"/>
  <c r="T4457" i="10"/>
  <c r="S4329" i="10"/>
  <c r="T4329" i="10"/>
  <c r="S4201" i="10"/>
  <c r="T4201" i="10"/>
  <c r="S4073" i="10"/>
  <c r="T4073" i="10"/>
  <c r="S3945" i="10"/>
  <c r="T3945" i="10"/>
  <c r="S3817" i="10"/>
  <c r="T3817" i="10"/>
  <c r="S3689" i="10"/>
  <c r="T3689" i="10"/>
  <c r="S3561" i="10"/>
  <c r="T3561" i="10"/>
  <c r="S3433" i="10"/>
  <c r="T3433" i="10"/>
  <c r="S3305" i="10"/>
  <c r="T3305" i="10"/>
  <c r="S3177" i="10"/>
  <c r="T3177" i="10"/>
  <c r="S3049" i="10"/>
  <c r="T3049" i="10"/>
  <c r="S2921" i="10"/>
  <c r="T2921" i="10"/>
  <c r="S5800" i="10"/>
  <c r="T5800" i="10"/>
  <c r="S5288" i="10"/>
  <c r="T5288" i="10"/>
  <c r="S5160" i="10"/>
  <c r="T5160" i="10"/>
  <c r="S5032" i="10"/>
  <c r="T5032" i="10"/>
  <c r="S4904" i="10"/>
  <c r="T4904" i="10"/>
  <c r="S4776" i="10"/>
  <c r="T4776" i="10"/>
  <c r="S4648" i="10"/>
  <c r="T4648" i="10"/>
  <c r="S4520" i="10"/>
  <c r="T4520" i="10"/>
  <c r="S4392" i="10"/>
  <c r="T4392" i="10"/>
  <c r="S4264" i="10"/>
  <c r="T4264" i="10"/>
  <c r="S4136" i="10"/>
  <c r="T4136" i="10"/>
  <c r="S4008" i="10"/>
  <c r="T4008" i="10"/>
  <c r="S3880" i="10"/>
  <c r="T3880" i="10"/>
  <c r="S3752" i="10"/>
  <c r="T3752" i="10"/>
  <c r="S3624" i="10"/>
  <c r="T3624" i="10"/>
  <c r="S3496" i="10"/>
  <c r="T3496" i="10"/>
  <c r="S3368" i="10"/>
  <c r="T3368" i="10"/>
  <c r="S3240" i="10"/>
  <c r="T3240" i="10"/>
  <c r="S3112" i="10"/>
  <c r="T3112" i="10"/>
  <c r="S2984" i="10"/>
  <c r="T2984" i="10"/>
  <c r="S2856" i="10"/>
  <c r="T2856" i="10"/>
  <c r="S5719" i="10"/>
  <c r="T5719" i="10"/>
  <c r="S5591" i="10"/>
  <c r="T5591" i="10"/>
  <c r="S5463" i="10"/>
  <c r="T5463" i="10"/>
  <c r="S5335" i="10"/>
  <c r="T5335" i="10"/>
  <c r="S5207" i="10"/>
  <c r="T5207" i="10"/>
  <c r="S5079" i="10"/>
  <c r="T5079" i="10"/>
  <c r="S4951" i="10"/>
  <c r="T4951" i="10"/>
  <c r="S4823" i="10"/>
  <c r="T4823" i="10"/>
  <c r="S4695" i="10"/>
  <c r="T4695" i="10"/>
  <c r="S4567" i="10"/>
  <c r="T4567" i="10"/>
  <c r="S4439" i="10"/>
  <c r="T4439" i="10"/>
  <c r="S4311" i="10"/>
  <c r="T4311" i="10"/>
  <c r="S4183" i="10"/>
  <c r="T4183" i="10"/>
  <c r="S4055" i="10"/>
  <c r="T4055" i="10"/>
  <c r="S3927" i="10"/>
  <c r="T3927" i="10"/>
  <c r="S3799" i="10"/>
  <c r="T3799" i="10"/>
  <c r="S3671" i="10"/>
  <c r="T3671" i="10"/>
  <c r="S3543" i="10"/>
  <c r="T3543" i="10"/>
  <c r="S3415" i="10"/>
  <c r="T3415" i="10"/>
  <c r="S3287" i="10"/>
  <c r="T3287" i="10"/>
  <c r="S3159" i="10"/>
  <c r="T3159" i="10"/>
  <c r="S3031" i="10"/>
  <c r="T3031" i="10"/>
  <c r="S2903" i="10"/>
  <c r="T2903" i="10"/>
  <c r="T5758" i="10"/>
  <c r="S5758" i="10"/>
  <c r="T5630" i="10"/>
  <c r="S5630" i="10"/>
  <c r="T5502" i="10"/>
  <c r="S5502" i="10"/>
  <c r="S4734" i="10"/>
  <c r="T4734" i="10"/>
  <c r="T4606" i="10"/>
  <c r="S4606" i="10"/>
  <c r="T4478" i="10"/>
  <c r="S4478" i="10"/>
  <c r="T4350" i="10"/>
  <c r="S4350" i="10"/>
  <c r="S4222" i="10"/>
  <c r="T4222" i="10"/>
  <c r="S4094" i="10"/>
  <c r="T4094" i="10"/>
  <c r="S3966" i="10"/>
  <c r="T3966" i="10"/>
  <c r="S3838" i="10"/>
  <c r="T3838" i="10"/>
  <c r="S3710" i="10"/>
  <c r="T3710" i="10"/>
  <c r="S3582" i="10"/>
  <c r="T3582" i="10"/>
  <c r="S3454" i="10"/>
  <c r="T3454" i="10"/>
  <c r="S3326" i="10"/>
  <c r="T3326" i="10"/>
  <c r="S3198" i="10"/>
  <c r="T3198" i="10"/>
  <c r="S3070" i="10"/>
  <c r="T3070" i="10"/>
  <c r="S2942" i="10"/>
  <c r="T2942" i="10"/>
  <c r="S5565" i="10"/>
  <c r="T5565" i="10"/>
  <c r="S5309" i="10"/>
  <c r="T5309" i="10"/>
  <c r="S5053" i="10"/>
  <c r="T5053" i="10"/>
  <c r="T4797" i="10"/>
  <c r="S4797" i="10"/>
  <c r="T4541" i="10"/>
  <c r="S4541" i="10"/>
  <c r="T4285" i="10"/>
  <c r="S4285" i="10"/>
  <c r="T4029" i="10"/>
  <c r="S4029" i="10"/>
  <c r="S3773" i="10"/>
  <c r="T3773" i="10"/>
  <c r="S3517" i="10"/>
  <c r="T3517" i="10"/>
  <c r="S3261" i="10"/>
  <c r="T3261" i="10"/>
  <c r="S3005" i="10"/>
  <c r="T3005" i="10"/>
  <c r="S5756" i="10"/>
  <c r="T5756" i="10"/>
  <c r="S5628" i="10"/>
  <c r="T5628" i="10"/>
  <c r="S5500" i="10"/>
  <c r="T5500" i="10"/>
  <c r="S5372" i="10"/>
  <c r="T5372" i="10"/>
  <c r="S5244" i="10"/>
  <c r="T5244" i="10"/>
  <c r="S5116" i="10"/>
  <c r="T5116" i="10"/>
  <c r="S4988" i="10"/>
  <c r="T4988" i="10"/>
  <c r="S4860" i="10"/>
  <c r="T4860" i="10"/>
  <c r="S4732" i="10"/>
  <c r="T4732" i="10"/>
  <c r="S4604" i="10"/>
  <c r="T4604" i="10"/>
  <c r="T4476" i="10"/>
  <c r="S4476" i="10"/>
  <c r="T4348" i="10"/>
  <c r="S4348" i="10"/>
  <c r="T4220" i="10"/>
  <c r="S4220" i="10"/>
  <c r="T4092" i="10"/>
  <c r="S4092" i="10"/>
  <c r="S3964" i="10"/>
  <c r="T3964" i="10"/>
  <c r="S3836" i="10"/>
  <c r="T3836" i="10"/>
  <c r="S3708" i="10"/>
  <c r="T3708" i="10"/>
  <c r="S3580" i="10"/>
  <c r="T3580" i="10"/>
  <c r="S3452" i="10"/>
  <c r="T3452" i="10"/>
  <c r="S3324" i="10"/>
  <c r="T3324" i="10"/>
  <c r="S3196" i="10"/>
  <c r="T3196" i="10"/>
  <c r="S3068" i="10"/>
  <c r="T3068" i="10"/>
  <c r="S2940" i="10"/>
  <c r="T2940" i="10"/>
  <c r="S5725" i="10"/>
  <c r="T5725" i="10"/>
  <c r="S4573" i="10"/>
  <c r="T4573" i="10"/>
  <c r="S7277" i="10"/>
  <c r="T7277" i="10"/>
  <c r="S7021" i="10"/>
  <c r="T7021" i="10"/>
  <c r="S6765" i="10"/>
  <c r="T6765" i="10"/>
  <c r="S6509" i="10"/>
  <c r="T6509" i="10"/>
  <c r="S6253" i="10"/>
  <c r="T6253" i="10"/>
  <c r="S7396" i="10"/>
  <c r="T7396" i="10"/>
  <c r="S7268" i="10"/>
  <c r="T7268" i="10"/>
  <c r="S7140" i="10"/>
  <c r="T7140" i="10"/>
  <c r="S7012" i="10"/>
  <c r="T7012" i="10"/>
  <c r="S6884" i="10"/>
  <c r="T6884" i="10"/>
  <c r="S6756" i="10"/>
  <c r="T6756" i="10"/>
  <c r="S6628" i="10"/>
  <c r="T6628" i="10"/>
  <c r="S6500" i="10"/>
  <c r="T6500" i="10"/>
  <c r="S6372" i="10"/>
  <c r="T6372" i="10"/>
  <c r="S6244" i="10"/>
  <c r="T6244" i="10"/>
  <c r="S6116" i="10"/>
  <c r="T6116" i="10"/>
  <c r="S7387" i="10"/>
  <c r="T7387" i="10"/>
  <c r="S7259" i="10"/>
  <c r="T7259" i="10"/>
  <c r="S7131" i="10"/>
  <c r="T7131" i="10"/>
  <c r="S7003" i="10"/>
  <c r="T7003" i="10"/>
  <c r="S6875" i="10"/>
  <c r="T6875" i="10"/>
  <c r="S6747" i="10"/>
  <c r="T6747" i="10"/>
  <c r="S6619" i="10"/>
  <c r="T6619" i="10"/>
  <c r="S6491" i="10"/>
  <c r="T6491" i="10"/>
  <c r="S6363" i="10"/>
  <c r="T6363" i="10"/>
  <c r="S6235" i="10"/>
  <c r="T6235" i="10"/>
  <c r="S6107" i="10"/>
  <c r="T6107" i="10"/>
  <c r="S5723" i="10"/>
  <c r="T5723" i="10"/>
  <c r="S5595" i="10"/>
  <c r="T5595" i="10"/>
  <c r="S5467" i="10"/>
  <c r="T5467" i="10"/>
  <c r="S7394" i="10"/>
  <c r="T7394" i="10"/>
  <c r="S7266" i="10"/>
  <c r="T7266" i="10"/>
  <c r="S7138" i="10"/>
  <c r="T7138" i="10"/>
  <c r="S7010" i="10"/>
  <c r="T7010" i="10"/>
  <c r="T6882" i="10"/>
  <c r="S6882" i="10"/>
  <c r="T6754" i="10"/>
  <c r="S6754" i="10"/>
  <c r="T6626" i="10"/>
  <c r="S6626" i="10"/>
  <c r="T6498" i="10"/>
  <c r="S6498" i="10"/>
  <c r="T6370" i="10"/>
  <c r="S6370" i="10"/>
  <c r="T6242" i="10"/>
  <c r="S6242" i="10"/>
  <c r="S6114" i="10"/>
  <c r="T6114" i="10"/>
  <c r="S7417" i="10"/>
  <c r="T7417" i="10"/>
  <c r="S7289" i="10"/>
  <c r="T7289" i="10"/>
  <c r="S7161" i="10"/>
  <c r="T7161" i="10"/>
  <c r="S7033" i="10"/>
  <c r="T7033" i="10"/>
  <c r="S6905" i="10"/>
  <c r="T6905" i="10"/>
  <c r="S6777" i="10"/>
  <c r="T6777" i="10"/>
  <c r="S6649" i="10"/>
  <c r="T6649" i="10"/>
  <c r="S6521" i="10"/>
  <c r="T6521" i="10"/>
  <c r="T6393" i="10"/>
  <c r="S6393" i="10"/>
  <c r="S6265" i="10"/>
  <c r="T6265" i="10"/>
  <c r="S6137" i="10"/>
  <c r="T6137" i="10"/>
  <c r="S5753" i="10"/>
  <c r="T5753" i="10"/>
  <c r="S5625" i="10"/>
  <c r="T5625" i="10"/>
  <c r="S5497" i="10"/>
  <c r="T5497" i="10"/>
  <c r="S5369" i="10"/>
  <c r="T5369" i="10"/>
  <c r="S5241" i="10"/>
  <c r="T5241" i="10"/>
  <c r="S5113" i="10"/>
  <c r="T5113" i="10"/>
  <c r="S4985" i="10"/>
  <c r="T4985" i="10"/>
  <c r="S7424" i="10"/>
  <c r="T7424" i="10"/>
  <c r="S7296" i="10"/>
  <c r="T7296" i="10"/>
  <c r="S7168" i="10"/>
  <c r="T7168" i="10"/>
  <c r="S7040" i="10"/>
  <c r="T7040" i="10"/>
  <c r="S6912" i="10"/>
  <c r="T6912" i="10"/>
  <c r="S6784" i="10"/>
  <c r="T6784" i="10"/>
  <c r="S6656" i="10"/>
  <c r="T6656" i="10"/>
  <c r="S6528" i="10"/>
  <c r="T6528" i="10"/>
  <c r="S6400" i="10"/>
  <c r="T6400" i="10"/>
  <c r="S6272" i="10"/>
  <c r="T6272" i="10"/>
  <c r="S6144" i="10"/>
  <c r="T6144" i="10"/>
  <c r="S6016" i="10"/>
  <c r="T6016" i="10"/>
  <c r="S5888" i="10"/>
  <c r="T5888" i="10"/>
  <c r="S7383" i="10"/>
  <c r="T7383" i="10"/>
  <c r="S7255" i="10"/>
  <c r="T7255" i="10"/>
  <c r="S7127" i="10"/>
  <c r="T7127" i="10"/>
  <c r="S6999" i="10"/>
  <c r="T6999" i="10"/>
  <c r="S6871" i="10"/>
  <c r="T6871" i="10"/>
  <c r="S6743" i="10"/>
  <c r="T6743" i="10"/>
  <c r="S6615" i="10"/>
  <c r="T6615" i="10"/>
  <c r="S6487" i="10"/>
  <c r="T6487" i="10"/>
  <c r="S6359" i="10"/>
  <c r="T6359" i="10"/>
  <c r="S6231" i="10"/>
  <c r="T6231" i="10"/>
  <c r="S6103" i="10"/>
  <c r="T6103" i="10"/>
  <c r="S5975" i="10"/>
  <c r="T5975" i="10"/>
  <c r="S5847" i="10"/>
  <c r="T5847" i="10"/>
  <c r="S7374" i="10"/>
  <c r="T7374" i="10"/>
  <c r="S7246" i="10"/>
  <c r="T7246" i="10"/>
  <c r="S7118" i="10"/>
  <c r="T7118" i="10"/>
  <c r="S6990" i="10"/>
  <c r="T6990" i="10"/>
  <c r="S6862" i="10"/>
  <c r="T6862" i="10"/>
  <c r="S6734" i="10"/>
  <c r="T6734" i="10"/>
  <c r="S6606" i="10"/>
  <c r="T6606" i="10"/>
  <c r="S6478" i="10"/>
  <c r="T6478" i="10"/>
  <c r="S6350" i="10"/>
  <c r="T6350" i="10"/>
  <c r="S6222" i="10"/>
  <c r="T6222" i="10"/>
  <c r="S6094" i="10"/>
  <c r="T6094" i="10"/>
  <c r="S5299" i="10"/>
  <c r="T5299" i="10"/>
  <c r="S5171" i="10"/>
  <c r="T5171" i="10"/>
  <c r="S5043" i="10"/>
  <c r="T5043" i="10"/>
  <c r="S4915" i="10"/>
  <c r="T4915" i="10"/>
  <c r="S4787" i="10"/>
  <c r="T4787" i="10"/>
  <c r="S4659" i="10"/>
  <c r="T4659" i="10"/>
  <c r="S4531" i="10"/>
  <c r="T4531" i="10"/>
  <c r="S4403" i="10"/>
  <c r="T4403" i="10"/>
  <c r="S4275" i="10"/>
  <c r="T4275" i="10"/>
  <c r="S4147" i="10"/>
  <c r="T4147" i="10"/>
  <c r="S4019" i="10"/>
  <c r="T4019" i="10"/>
  <c r="S3891" i="10"/>
  <c r="T3891" i="10"/>
  <c r="S3763" i="10"/>
  <c r="T3763" i="10"/>
  <c r="S3635" i="10"/>
  <c r="T3635" i="10"/>
  <c r="S3507" i="10"/>
  <c r="T3507" i="10"/>
  <c r="S3379" i="10"/>
  <c r="T3379" i="10"/>
  <c r="S3251" i="10"/>
  <c r="T3251" i="10"/>
  <c r="S3123" i="10"/>
  <c r="T3123" i="10"/>
  <c r="S2995" i="10"/>
  <c r="T2995" i="10"/>
  <c r="S2867" i="10"/>
  <c r="T2867" i="10"/>
  <c r="T5682" i="10"/>
  <c r="S5682" i="10"/>
  <c r="T5554" i="10"/>
  <c r="S5554" i="10"/>
  <c r="T5426" i="10"/>
  <c r="S5426" i="10"/>
  <c r="T5298" i="10"/>
  <c r="S5298" i="10"/>
  <c r="T5170" i="10"/>
  <c r="S5170" i="10"/>
  <c r="T5042" i="10"/>
  <c r="S5042" i="10"/>
  <c r="T4914" i="10"/>
  <c r="S4914" i="10"/>
  <c r="S4786" i="10"/>
  <c r="T4786" i="10"/>
  <c r="S4658" i="10"/>
  <c r="T4658" i="10"/>
  <c r="S4530" i="10"/>
  <c r="T4530" i="10"/>
  <c r="S4402" i="10"/>
  <c r="T4402" i="10"/>
  <c r="S4274" i="10"/>
  <c r="T4274" i="10"/>
  <c r="S4146" i="10"/>
  <c r="T4146" i="10"/>
  <c r="S4018" i="10"/>
  <c r="T4018" i="10"/>
  <c r="S3890" i="10"/>
  <c r="T3890" i="10"/>
  <c r="S3762" i="10"/>
  <c r="T3762" i="10"/>
  <c r="S3634" i="10"/>
  <c r="T3634" i="10"/>
  <c r="S3506" i="10"/>
  <c r="T3506" i="10"/>
  <c r="S3378" i="10"/>
  <c r="T3378" i="10"/>
  <c r="S3250" i="10"/>
  <c r="T3250" i="10"/>
  <c r="S3122" i="10"/>
  <c r="T3122" i="10"/>
  <c r="S2994" i="10"/>
  <c r="T2994" i="10"/>
  <c r="S2866" i="10"/>
  <c r="T2866" i="10"/>
  <c r="S4381" i="10"/>
  <c r="T4381" i="10"/>
  <c r="S7437" i="10"/>
  <c r="T7437" i="10"/>
  <c r="T7181" i="10"/>
  <c r="S7181" i="10"/>
  <c r="T6925" i="10"/>
  <c r="S6925" i="10"/>
  <c r="S6669" i="10"/>
  <c r="T6669" i="10"/>
  <c r="S6413" i="10"/>
  <c r="T6413" i="10"/>
  <c r="T6157" i="10"/>
  <c r="S6157" i="10"/>
  <c r="S4769" i="10"/>
  <c r="T4769" i="10"/>
  <c r="S4641" i="10"/>
  <c r="T4641" i="10"/>
  <c r="S4513" i="10"/>
  <c r="T4513" i="10"/>
  <c r="S4385" i="10"/>
  <c r="T4385" i="10"/>
  <c r="S4257" i="10"/>
  <c r="T4257" i="10"/>
  <c r="S4129" i="10"/>
  <c r="T4129" i="10"/>
  <c r="S4001" i="10"/>
  <c r="T4001" i="10"/>
  <c r="S3873" i="10"/>
  <c r="T3873" i="10"/>
  <c r="S3745" i="10"/>
  <c r="T3745" i="10"/>
  <c r="S3617" i="10"/>
  <c r="T3617" i="10"/>
  <c r="S3489" i="10"/>
  <c r="T3489" i="10"/>
  <c r="S3361" i="10"/>
  <c r="T3361" i="10"/>
  <c r="S3233" i="10"/>
  <c r="T3233" i="10"/>
  <c r="S3105" i="10"/>
  <c r="T3105" i="10"/>
  <c r="S2977" i="10"/>
  <c r="T2977" i="10"/>
  <c r="S2849" i="10"/>
  <c r="T2849" i="10"/>
  <c r="S5728" i="10"/>
  <c r="T5728" i="10"/>
  <c r="S5600" i="10"/>
  <c r="T5600" i="10"/>
  <c r="S5472" i="10"/>
  <c r="T5472" i="10"/>
  <c r="S5344" i="10"/>
  <c r="T5344" i="10"/>
  <c r="S5216" i="10"/>
  <c r="T5216" i="10"/>
  <c r="S5088" i="10"/>
  <c r="T5088" i="10"/>
  <c r="S4960" i="10"/>
  <c r="T4960" i="10"/>
  <c r="S4832" i="10"/>
  <c r="T4832" i="10"/>
  <c r="S4704" i="10"/>
  <c r="T4704" i="10"/>
  <c r="S4576" i="10"/>
  <c r="T4576" i="10"/>
  <c r="S4448" i="10"/>
  <c r="T4448" i="10"/>
  <c r="S4320" i="10"/>
  <c r="T4320" i="10"/>
  <c r="S4192" i="10"/>
  <c r="T4192" i="10"/>
  <c r="S4064" i="10"/>
  <c r="T4064" i="10"/>
  <c r="S3936" i="10"/>
  <c r="T3936" i="10"/>
  <c r="S3808" i="10"/>
  <c r="T3808" i="10"/>
  <c r="S3680" i="10"/>
  <c r="T3680" i="10"/>
  <c r="S3552" i="10"/>
  <c r="T3552" i="10"/>
  <c r="S3424" i="10"/>
  <c r="T3424" i="10"/>
  <c r="S3296" i="10"/>
  <c r="T3296" i="10"/>
  <c r="S3168" i="10"/>
  <c r="T3168" i="10"/>
  <c r="S3040" i="10"/>
  <c r="T3040" i="10"/>
  <c r="S2912" i="10"/>
  <c r="T2912" i="10"/>
  <c r="S5775" i="10"/>
  <c r="T5775" i="10"/>
  <c r="S5647" i="10"/>
  <c r="T5647" i="10"/>
  <c r="S5519" i="10"/>
  <c r="T5519" i="10"/>
  <c r="S5391" i="10"/>
  <c r="T5391" i="10"/>
  <c r="S5263" i="10"/>
  <c r="T5263" i="10"/>
  <c r="S5135" i="10"/>
  <c r="T5135" i="10"/>
  <c r="S5007" i="10"/>
  <c r="T5007" i="10"/>
  <c r="S4879" i="10"/>
  <c r="T4879" i="10"/>
  <c r="S4751" i="10"/>
  <c r="T4751" i="10"/>
  <c r="S4623" i="10"/>
  <c r="T4623" i="10"/>
  <c r="S4495" i="10"/>
  <c r="T4495" i="10"/>
  <c r="S4367" i="10"/>
  <c r="T4367" i="10"/>
  <c r="S4239" i="10"/>
  <c r="T4239" i="10"/>
  <c r="S4111" i="10"/>
  <c r="T4111" i="10"/>
  <c r="S3983" i="10"/>
  <c r="T3983" i="10"/>
  <c r="S3855" i="10"/>
  <c r="T3855" i="10"/>
  <c r="S3727" i="10"/>
  <c r="T3727" i="10"/>
  <c r="S3599" i="10"/>
  <c r="T3599" i="10"/>
  <c r="S3471" i="10"/>
  <c r="T3471" i="10"/>
  <c r="S3343" i="10"/>
  <c r="T3343" i="10"/>
  <c r="S3215" i="10"/>
  <c r="T3215" i="10"/>
  <c r="S3087" i="10"/>
  <c r="T3087" i="10"/>
  <c r="S2959" i="10"/>
  <c r="T2959" i="10"/>
  <c r="S5686" i="10"/>
  <c r="T5686" i="10"/>
  <c r="S5558" i="10"/>
  <c r="T5558" i="10"/>
  <c r="S5430" i="10"/>
  <c r="T5430" i="10"/>
  <c r="S5302" i="10"/>
  <c r="T5302" i="10"/>
  <c r="S5174" i="10"/>
  <c r="T5174" i="10"/>
  <c r="S5046" i="10"/>
  <c r="T5046" i="10"/>
  <c r="S4918" i="10"/>
  <c r="T4918" i="10"/>
  <c r="S4790" i="10"/>
  <c r="T4790" i="10"/>
  <c r="S4662" i="10"/>
  <c r="T4662" i="10"/>
  <c r="S4534" i="10"/>
  <c r="T4534" i="10"/>
  <c r="S4406" i="10"/>
  <c r="T4406" i="10"/>
  <c r="S4278" i="10"/>
  <c r="T4278" i="10"/>
  <c r="S4150" i="10"/>
  <c r="T4150" i="10"/>
  <c r="S4022" i="10"/>
  <c r="T4022" i="10"/>
  <c r="T3894" i="10"/>
  <c r="S3894" i="10"/>
  <c r="S3766" i="10"/>
  <c r="T3766" i="10"/>
  <c r="S3638" i="10"/>
  <c r="T3638" i="10"/>
  <c r="S3510" i="10"/>
  <c r="T3510" i="10"/>
  <c r="S3382" i="10"/>
  <c r="T3382" i="10"/>
  <c r="S3254" i="10"/>
  <c r="T3254" i="10"/>
  <c r="S3126" i="10"/>
  <c r="T3126" i="10"/>
  <c r="S2998" i="10"/>
  <c r="T2998" i="10"/>
  <c r="S2870" i="10"/>
  <c r="T2870" i="10"/>
  <c r="S5685" i="10"/>
  <c r="T5685" i="10"/>
  <c r="S5429" i="10"/>
  <c r="T5429" i="10"/>
  <c r="S5173" i="10"/>
  <c r="T5173" i="10"/>
  <c r="S4917" i="10"/>
  <c r="T4917" i="10"/>
  <c r="S4661" i="10"/>
  <c r="T4661" i="10"/>
  <c r="S4405" i="10"/>
  <c r="T4405" i="10"/>
  <c r="S4149" i="10"/>
  <c r="T4149" i="10"/>
  <c r="T3893" i="10"/>
  <c r="S3893" i="10"/>
  <c r="S3637" i="10"/>
  <c r="T3637" i="10"/>
  <c r="S3381" i="10"/>
  <c r="T3381" i="10"/>
  <c r="S3125" i="10"/>
  <c r="T3125" i="10"/>
  <c r="S2869" i="10"/>
  <c r="T2869" i="10"/>
  <c r="S5684" i="10"/>
  <c r="T5684" i="10"/>
  <c r="S5556" i="10"/>
  <c r="T5556" i="10"/>
  <c r="S5428" i="10"/>
  <c r="T5428" i="10"/>
  <c r="S5300" i="10"/>
  <c r="T5300" i="10"/>
  <c r="S5172" i="10"/>
  <c r="T5172" i="10"/>
  <c r="S5044" i="10"/>
  <c r="T5044" i="10"/>
  <c r="S4916" i="10"/>
  <c r="T4916" i="10"/>
  <c r="S4788" i="10"/>
  <c r="T4788" i="10"/>
  <c r="S4660" i="10"/>
  <c r="T4660" i="10"/>
  <c r="S4532" i="10"/>
  <c r="T4532" i="10"/>
  <c r="S4404" i="10"/>
  <c r="T4404" i="10"/>
  <c r="S4276" i="10"/>
  <c r="T4276" i="10"/>
  <c r="S4148" i="10"/>
  <c r="T4148" i="10"/>
  <c r="S4020" i="10"/>
  <c r="T4020" i="10"/>
  <c r="S3892" i="10"/>
  <c r="T3892" i="10"/>
  <c r="S3764" i="10"/>
  <c r="T3764" i="10"/>
  <c r="S3636" i="10"/>
  <c r="T3636" i="10"/>
  <c r="S3508" i="10"/>
  <c r="T3508" i="10"/>
  <c r="S3380" i="10"/>
  <c r="T3380" i="10"/>
  <c r="S3252" i="10"/>
  <c r="T3252" i="10"/>
  <c r="S3124" i="10"/>
  <c r="T3124" i="10"/>
  <c r="S2996" i="10"/>
  <c r="T2996" i="10"/>
  <c r="S2868" i="10"/>
  <c r="T2868" i="10"/>
  <c r="T6629" i="10"/>
  <c r="S6629" i="10"/>
  <c r="S7324" i="10"/>
  <c r="T7324" i="10"/>
  <c r="T6556" i="10"/>
  <c r="S6556" i="10"/>
  <c r="S7237" i="10"/>
  <c r="T7237" i="10"/>
  <c r="S6981" i="10"/>
  <c r="T6981" i="10"/>
  <c r="S6725" i="10"/>
  <c r="T6725" i="10"/>
  <c r="T6469" i="10"/>
  <c r="S6469" i="10"/>
  <c r="T6085" i="10"/>
  <c r="S6085" i="10"/>
  <c r="T7420" i="10"/>
  <c r="S7420" i="10"/>
  <c r="S7164" i="10"/>
  <c r="T7164" i="10"/>
  <c r="S6908" i="10"/>
  <c r="T6908" i="10"/>
  <c r="S6652" i="10"/>
  <c r="T6652" i="10"/>
  <c r="S6396" i="10"/>
  <c r="T6396" i="10"/>
  <c r="S6140" i="10"/>
  <c r="T6140" i="10"/>
  <c r="S7283" i="10"/>
  <c r="T7283" i="10"/>
  <c r="S7027" i="10"/>
  <c r="T7027" i="10"/>
  <c r="S6771" i="10"/>
  <c r="T6771" i="10"/>
  <c r="S6515" i="10"/>
  <c r="T6515" i="10"/>
  <c r="S6131" i="10"/>
  <c r="T6131" i="10"/>
  <c r="S5747" i="10"/>
  <c r="T5747" i="10"/>
  <c r="S5491" i="10"/>
  <c r="T5491" i="10"/>
  <c r="S7290" i="10"/>
  <c r="T7290" i="10"/>
  <c r="S7034" i="10"/>
  <c r="T7034" i="10"/>
  <c r="S6778" i="10"/>
  <c r="T6778" i="10"/>
  <c r="S6522" i="10"/>
  <c r="T6522" i="10"/>
  <c r="S6266" i="10"/>
  <c r="T6266" i="10"/>
  <c r="S7313" i="10"/>
  <c r="T7313" i="10"/>
  <c r="S7057" i="10"/>
  <c r="T7057" i="10"/>
  <c r="S6801" i="10"/>
  <c r="T6801" i="10"/>
  <c r="S6545" i="10"/>
  <c r="T6545" i="10"/>
  <c r="S6289" i="10"/>
  <c r="T6289" i="10"/>
  <c r="S6033" i="10"/>
  <c r="T6033" i="10"/>
  <c r="S5521" i="10"/>
  <c r="T5521" i="10"/>
  <c r="S5265" i="10"/>
  <c r="T5265" i="10"/>
  <c r="S5009" i="10"/>
  <c r="T5009" i="10"/>
  <c r="T7320" i="10"/>
  <c r="S7320" i="10"/>
  <c r="T7064" i="10"/>
  <c r="S7064" i="10"/>
  <c r="S6808" i="10"/>
  <c r="T6808" i="10"/>
  <c r="S6552" i="10"/>
  <c r="T6552" i="10"/>
  <c r="S6296" i="10"/>
  <c r="T6296" i="10"/>
  <c r="S6040" i="10"/>
  <c r="T6040" i="10"/>
  <c r="T7407" i="10"/>
  <c r="S7407" i="10"/>
  <c r="T7151" i="10"/>
  <c r="S7151" i="10"/>
  <c r="T6895" i="10"/>
  <c r="S6895" i="10"/>
  <c r="S6511" i="10"/>
  <c r="T6511" i="10"/>
  <c r="S6255" i="10"/>
  <c r="T6255" i="10"/>
  <c r="S6127" i="10"/>
  <c r="T6127" i="10"/>
  <c r="S5871" i="10"/>
  <c r="T5871" i="10"/>
  <c r="T7270" i="10"/>
  <c r="S7270" i="10"/>
  <c r="T7014" i="10"/>
  <c r="S7014" i="10"/>
  <c r="T6758" i="10"/>
  <c r="S6758" i="10"/>
  <c r="T6502" i="10"/>
  <c r="S6502" i="10"/>
  <c r="T6246" i="10"/>
  <c r="S6246" i="10"/>
  <c r="S5323" i="10"/>
  <c r="T5323" i="10"/>
  <c r="S5067" i="10"/>
  <c r="T5067" i="10"/>
  <c r="S4811" i="10"/>
  <c r="T4811" i="10"/>
  <c r="S4555" i="10"/>
  <c r="T4555" i="10"/>
  <c r="S4299" i="10"/>
  <c r="T4299" i="10"/>
  <c r="S4171" i="10"/>
  <c r="T4171" i="10"/>
  <c r="S3915" i="10"/>
  <c r="T3915" i="10"/>
  <c r="S3659" i="10"/>
  <c r="T3659" i="10"/>
  <c r="S3403" i="10"/>
  <c r="T3403" i="10"/>
  <c r="S3147" i="10"/>
  <c r="T3147" i="10"/>
  <c r="S2891" i="10"/>
  <c r="T2891" i="10"/>
  <c r="S5578" i="10"/>
  <c r="T5578" i="10"/>
  <c r="S5450" i="10"/>
  <c r="T5450" i="10"/>
  <c r="S5194" i="10"/>
  <c r="T5194" i="10"/>
  <c r="T4938" i="10"/>
  <c r="S4938" i="10"/>
  <c r="T4810" i="10"/>
  <c r="S4810" i="10"/>
  <c r="S4554" i="10"/>
  <c r="T4554" i="10"/>
  <c r="S4298" i="10"/>
  <c r="T4298" i="10"/>
  <c r="S4042" i="10"/>
  <c r="T4042" i="10"/>
  <c r="S3786" i="10"/>
  <c r="T3786" i="10"/>
  <c r="T3658" i="10"/>
  <c r="S3658" i="10"/>
  <c r="S3402" i="10"/>
  <c r="T3402" i="10"/>
  <c r="S3146" i="10"/>
  <c r="T3146" i="10"/>
  <c r="S2890" i="10"/>
  <c r="T2890" i="10"/>
  <c r="S5717" i="10"/>
  <c r="T5717" i="10"/>
  <c r="S5205" i="10"/>
  <c r="T5205" i="10"/>
  <c r="S4949" i="10"/>
  <c r="T4949" i="10"/>
  <c r="S4437" i="10"/>
  <c r="T4437" i="10"/>
  <c r="T3925" i="10"/>
  <c r="S3925" i="10"/>
  <c r="S3413" i="10"/>
  <c r="T3413" i="10"/>
  <c r="S2901" i="10"/>
  <c r="T2901" i="10"/>
  <c r="S4697" i="10"/>
  <c r="T4697" i="10"/>
  <c r="S4569" i="10"/>
  <c r="T4569" i="10"/>
  <c r="S4313" i="10"/>
  <c r="T4313" i="10"/>
  <c r="S3929" i="10"/>
  <c r="T3929" i="10"/>
  <c r="T3673" i="10"/>
  <c r="S3673" i="10"/>
  <c r="S3417" i="10"/>
  <c r="T3417" i="10"/>
  <c r="S3289" i="10"/>
  <c r="T3289" i="10"/>
  <c r="S3033" i="10"/>
  <c r="T3033" i="10"/>
  <c r="S5784" i="10"/>
  <c r="T5784" i="10"/>
  <c r="S5528" i="10"/>
  <c r="T5528" i="10"/>
  <c r="S4760" i="10"/>
  <c r="T4760" i="10"/>
  <c r="S4504" i="10"/>
  <c r="T4504" i="10"/>
  <c r="S4120" i="10"/>
  <c r="T4120" i="10"/>
  <c r="S3864" i="10"/>
  <c r="T3864" i="10"/>
  <c r="S3608" i="10"/>
  <c r="T3608" i="10"/>
  <c r="S3352" i="10"/>
  <c r="T3352" i="10"/>
  <c r="S3096" i="10"/>
  <c r="T3096" i="10"/>
  <c r="S5575" i="10"/>
  <c r="T5575" i="10"/>
  <c r="S5319" i="10"/>
  <c r="T5319" i="10"/>
  <c r="S5063" i="10"/>
  <c r="T5063" i="10"/>
  <c r="S4679" i="10"/>
  <c r="T4679" i="10"/>
  <c r="S4423" i="10"/>
  <c r="T4423" i="10"/>
  <c r="S4167" i="10"/>
  <c r="T4167" i="10"/>
  <c r="S4039" i="10"/>
  <c r="T4039" i="10"/>
  <c r="S3783" i="10"/>
  <c r="T3783" i="10"/>
  <c r="S3527" i="10"/>
  <c r="T3527" i="10"/>
  <c r="S3271" i="10"/>
  <c r="T3271" i="10"/>
  <c r="S2887" i="10"/>
  <c r="T2887" i="10"/>
  <c r="S5230" i="10"/>
  <c r="T5230" i="10"/>
  <c r="S4974" i="10"/>
  <c r="T4974" i="10"/>
  <c r="S4718" i="10"/>
  <c r="T4718" i="10"/>
  <c r="S4462" i="10"/>
  <c r="T4462" i="10"/>
  <c r="S4334" i="10"/>
  <c r="T4334" i="10"/>
  <c r="S3950" i="10"/>
  <c r="T3950" i="10"/>
  <c r="S3822" i="10"/>
  <c r="T3822" i="10"/>
  <c r="S3566" i="10"/>
  <c r="T3566" i="10"/>
  <c r="S3310" i="10"/>
  <c r="T3310" i="10"/>
  <c r="S3054" i="10"/>
  <c r="T3054" i="10"/>
  <c r="S5549" i="10"/>
  <c r="T5549" i="10"/>
  <c r="S4781" i="10"/>
  <c r="T4781" i="10"/>
  <c r="S4269" i="10"/>
  <c r="T4269" i="10"/>
  <c r="S3757" i="10"/>
  <c r="T3757" i="10"/>
  <c r="S2989" i="10"/>
  <c r="T2989" i="10"/>
  <c r="S5388" i="10"/>
  <c r="T5388" i="10"/>
  <c r="S5132" i="10"/>
  <c r="T5132" i="10"/>
  <c r="S4876" i="10"/>
  <c r="T4876" i="10"/>
  <c r="S4492" i="10"/>
  <c r="T4492" i="10"/>
  <c r="S4364" i="10"/>
  <c r="T4364" i="10"/>
  <c r="S4108" i="10"/>
  <c r="T4108" i="10"/>
  <c r="S3852" i="10"/>
  <c r="T3852" i="10"/>
  <c r="S3596" i="10"/>
  <c r="T3596" i="10"/>
  <c r="S3340" i="10"/>
  <c r="T3340" i="10"/>
  <c r="S3084" i="10"/>
  <c r="T3084" i="10"/>
  <c r="S3421" i="10"/>
  <c r="T3421" i="10"/>
  <c r="S7037" i="10"/>
  <c r="T7037" i="10"/>
  <c r="T6525" i="10"/>
  <c r="S6525" i="10"/>
  <c r="S6013" i="10"/>
  <c r="T6013" i="10"/>
  <c r="S7284" i="10"/>
  <c r="T7284" i="10"/>
  <c r="T7028" i="10"/>
  <c r="S7028" i="10"/>
  <c r="T6772" i="10"/>
  <c r="S6772" i="10"/>
  <c r="S6516" i="10"/>
  <c r="T6516" i="10"/>
  <c r="S6260" i="10"/>
  <c r="T6260" i="10"/>
  <c r="S7403" i="10"/>
  <c r="T7403" i="10"/>
  <c r="S7147" i="10"/>
  <c r="T7147" i="10"/>
  <c r="S6891" i="10"/>
  <c r="T6891" i="10"/>
  <c r="S6635" i="10"/>
  <c r="T6635" i="10"/>
  <c r="T6507" i="10"/>
  <c r="S6507" i="10"/>
  <c r="T6251" i="10"/>
  <c r="S6251" i="10"/>
  <c r="S5611" i="10"/>
  <c r="T5611" i="10"/>
  <c r="T7410" i="10"/>
  <c r="S7410" i="10"/>
  <c r="T7154" i="10"/>
  <c r="S7154" i="10"/>
  <c r="T6898" i="10"/>
  <c r="S6898" i="10"/>
  <c r="T6642" i="10"/>
  <c r="S6642" i="10"/>
  <c r="T6386" i="10"/>
  <c r="S6386" i="10"/>
  <c r="T6258" i="10"/>
  <c r="S6258" i="10"/>
  <c r="T7433" i="10"/>
  <c r="S7433" i="10"/>
  <c r="T7177" i="10"/>
  <c r="S7177" i="10"/>
  <c r="T6921" i="10"/>
  <c r="S6921" i="10"/>
  <c r="T6665" i="10"/>
  <c r="S6665" i="10"/>
  <c r="S6409" i="10"/>
  <c r="T6409" i="10"/>
  <c r="S6153" i="10"/>
  <c r="T6153" i="10"/>
  <c r="S5769" i="10"/>
  <c r="T5769" i="10"/>
  <c r="S5513" i="10"/>
  <c r="T5513" i="10"/>
  <c r="S5257" i="10"/>
  <c r="T5257" i="10"/>
  <c r="S5001" i="10"/>
  <c r="T5001" i="10"/>
  <c r="S7312" i="10"/>
  <c r="T7312" i="10"/>
  <c r="S7056" i="10"/>
  <c r="T7056" i="10"/>
  <c r="S6928" i="10"/>
  <c r="T6928" i="10"/>
  <c r="S6544" i="10"/>
  <c r="T6544" i="10"/>
  <c r="S6288" i="10"/>
  <c r="T6288" i="10"/>
  <c r="S6032" i="10"/>
  <c r="T6032" i="10"/>
  <c r="S7399" i="10"/>
  <c r="T7399" i="10"/>
  <c r="S7143" i="10"/>
  <c r="T7143" i="10"/>
  <c r="S6887" i="10"/>
  <c r="T6887" i="10"/>
  <c r="S6631" i="10"/>
  <c r="T6631" i="10"/>
  <c r="S6375" i="10"/>
  <c r="T6375" i="10"/>
  <c r="S5991" i="10"/>
  <c r="T5991" i="10"/>
  <c r="S7390" i="10"/>
  <c r="T7390" i="10"/>
  <c r="S7134" i="10"/>
  <c r="T7134" i="10"/>
  <c r="S7006" i="10"/>
  <c r="T7006" i="10"/>
  <c r="S6622" i="10"/>
  <c r="T6622" i="10"/>
  <c r="S6366" i="10"/>
  <c r="T6366" i="10"/>
  <c r="S6110" i="10"/>
  <c r="T6110" i="10"/>
  <c r="S5187" i="10"/>
  <c r="T5187" i="10"/>
  <c r="S4931" i="10"/>
  <c r="T4931" i="10"/>
  <c r="S4675" i="10"/>
  <c r="T4675" i="10"/>
  <c r="S4419" i="10"/>
  <c r="T4419" i="10"/>
  <c r="S4163" i="10"/>
  <c r="T4163" i="10"/>
  <c r="S3907" i="10"/>
  <c r="T3907" i="10"/>
  <c r="S3651" i="10"/>
  <c r="T3651" i="10"/>
  <c r="S3395" i="10"/>
  <c r="T3395" i="10"/>
  <c r="S3139" i="10"/>
  <c r="T3139" i="10"/>
  <c r="S2883" i="10"/>
  <c r="T2883" i="10"/>
  <c r="T5698" i="10"/>
  <c r="S5698" i="10"/>
  <c r="T5442" i="10"/>
  <c r="S5442" i="10"/>
  <c r="T5058" i="10"/>
  <c r="S5058" i="10"/>
  <c r="S4802" i="10"/>
  <c r="T4802" i="10"/>
  <c r="S4674" i="10"/>
  <c r="T4674" i="10"/>
  <c r="S4418" i="10"/>
  <c r="T4418" i="10"/>
  <c r="S4162" i="10"/>
  <c r="T4162" i="10"/>
  <c r="S3906" i="10"/>
  <c r="T3906" i="10"/>
  <c r="S3650" i="10"/>
  <c r="T3650" i="10"/>
  <c r="S3522" i="10"/>
  <c r="T3522" i="10"/>
  <c r="S3394" i="10"/>
  <c r="T3394" i="10"/>
  <c r="S3138" i="10"/>
  <c r="T3138" i="10"/>
  <c r="S3010" i="10"/>
  <c r="T3010" i="10"/>
  <c r="S2882" i="10"/>
  <c r="T2882" i="10"/>
  <c r="S5517" i="10"/>
  <c r="T5517" i="10"/>
  <c r="S4749" i="10"/>
  <c r="T4749" i="10"/>
  <c r="S4237" i="10"/>
  <c r="T4237" i="10"/>
  <c r="S3725" i="10"/>
  <c r="T3725" i="10"/>
  <c r="S3213" i="10"/>
  <c r="T3213" i="10"/>
  <c r="O5957" i="10"/>
  <c r="P5957" i="10" s="1"/>
  <c r="O6012" i="10"/>
  <c r="P6012" i="10" s="1"/>
  <c r="O5884" i="10"/>
  <c r="P5884" i="10" s="1"/>
  <c r="O6003" i="10"/>
  <c r="P6003" i="10" s="1"/>
  <c r="O5875" i="10"/>
  <c r="P5875" i="10" s="1"/>
  <c r="O6010" i="10"/>
  <c r="P6010" i="10" s="1"/>
  <c r="O5882" i="10"/>
  <c r="P5882" i="10" s="1"/>
  <c r="O5905" i="10"/>
  <c r="P5905" i="10" s="1"/>
  <c r="O5777" i="10"/>
  <c r="P5777" i="10" s="1"/>
  <c r="O5990" i="10"/>
  <c r="P5990" i="10" s="1"/>
  <c r="O5862" i="10"/>
  <c r="P5862" i="10" s="1"/>
  <c r="O5272" i="10"/>
  <c r="P5272" i="10" s="1"/>
  <c r="O5144" i="10"/>
  <c r="P5144" i="10" s="1"/>
  <c r="O5016" i="10"/>
  <c r="P5016" i="10" s="1"/>
  <c r="O4888" i="10"/>
  <c r="P4888" i="10" s="1"/>
  <c r="O5742" i="10"/>
  <c r="P5742" i="10" s="1"/>
  <c r="O5614" i="10"/>
  <c r="P5614" i="10" s="1"/>
  <c r="O5486" i="10"/>
  <c r="P5486" i="10" s="1"/>
  <c r="O5805" i="10"/>
  <c r="P5805" i="10" s="1"/>
  <c r="O5772" i="10"/>
  <c r="P5772" i="10" s="1"/>
  <c r="O5789" i="10"/>
  <c r="P5789" i="10" s="1"/>
  <c r="O6004" i="10"/>
  <c r="P6004" i="10" s="1"/>
  <c r="O5876" i="10"/>
  <c r="P5876" i="10" s="1"/>
  <c r="O5995" i="10"/>
  <c r="P5995" i="10" s="1"/>
  <c r="O5867" i="10"/>
  <c r="P5867" i="10" s="1"/>
  <c r="O6002" i="10"/>
  <c r="P6002" i="10" s="1"/>
  <c r="O5874" i="10"/>
  <c r="P5874" i="10" s="1"/>
  <c r="O5897" i="10"/>
  <c r="P5897" i="10" s="1"/>
  <c r="O5982" i="10"/>
  <c r="P5982" i="10" s="1"/>
  <c r="O5854" i="10"/>
  <c r="P5854" i="10" s="1"/>
  <c r="O5773" i="10"/>
  <c r="P5773" i="10" s="1"/>
  <c r="O5917" i="10"/>
  <c r="P5917" i="10" s="1"/>
  <c r="O4678" i="10"/>
  <c r="P4678" i="10" s="1"/>
  <c r="O4550" i="10"/>
  <c r="P4550" i="10" s="1"/>
  <c r="O4422" i="10"/>
  <c r="P4422" i="10" s="1"/>
  <c r="O4294" i="10"/>
  <c r="P4294" i="10" s="1"/>
  <c r="O4166" i="10"/>
  <c r="P4166" i="10" s="1"/>
  <c r="O4038" i="10"/>
  <c r="P4038" i="10" s="1"/>
  <c r="O3910" i="10"/>
  <c r="P3910" i="10" s="1"/>
  <c r="O3782" i="10"/>
  <c r="P3782" i="10" s="1"/>
  <c r="O3654" i="10"/>
  <c r="P3654" i="10" s="1"/>
  <c r="O3526" i="10"/>
  <c r="P3526" i="10" s="1"/>
  <c r="O3398" i="10"/>
  <c r="P3398" i="10" s="1"/>
  <c r="O3270" i="10"/>
  <c r="P3270" i="10" s="1"/>
  <c r="O3142" i="10"/>
  <c r="P3142" i="10" s="1"/>
  <c r="O3014" i="10"/>
  <c r="P3014" i="10" s="1"/>
  <c r="O2886" i="10"/>
  <c r="P2886" i="10" s="1"/>
  <c r="O2758" i="10"/>
  <c r="O2630" i="10"/>
  <c r="O2502" i="10"/>
  <c r="O2374" i="10"/>
  <c r="O2246" i="10"/>
  <c r="O2118" i="10"/>
  <c r="O1990" i="10"/>
  <c r="O1862" i="10"/>
  <c r="O1734" i="10"/>
  <c r="O1606" i="10"/>
  <c r="O1478" i="10"/>
  <c r="O1350" i="10"/>
  <c r="O1222" i="10"/>
  <c r="O1094" i="10"/>
  <c r="O966" i="10"/>
  <c r="O838" i="10"/>
  <c r="O710" i="10"/>
  <c r="O582" i="10"/>
  <c r="O454" i="10"/>
  <c r="O326" i="10"/>
  <c r="O198" i="10"/>
  <c r="O70" i="10"/>
  <c r="O5797" i="10"/>
  <c r="P5797" i="10" s="1"/>
  <c r="O5941" i="10"/>
  <c r="P5941" i="10" s="1"/>
  <c r="O5964" i="10"/>
  <c r="P5964" i="10" s="1"/>
  <c r="O5836" i="10"/>
  <c r="P5836" i="10" s="1"/>
  <c r="O5955" i="10"/>
  <c r="P5955" i="10" s="1"/>
  <c r="O5827" i="10"/>
  <c r="P5827" i="10" s="1"/>
  <c r="O5962" i="10"/>
  <c r="P5962" i="10" s="1"/>
  <c r="O5834" i="10"/>
  <c r="P5834" i="10" s="1"/>
  <c r="O5985" i="10"/>
  <c r="P5985" i="10" s="1"/>
  <c r="O5857" i="10"/>
  <c r="P5857" i="10" s="1"/>
  <c r="O5942" i="10"/>
  <c r="P5942" i="10" s="1"/>
  <c r="O5672" i="10"/>
  <c r="P5672" i="10" s="1"/>
  <c r="O5544" i="10"/>
  <c r="P5544" i="10" s="1"/>
  <c r="O5416" i="10"/>
  <c r="P5416" i="10" s="1"/>
  <c r="O5374" i="10"/>
  <c r="P5374" i="10" s="1"/>
  <c r="O5246" i="10"/>
  <c r="P5246" i="10" s="1"/>
  <c r="O5118" i="10"/>
  <c r="P5118" i="10" s="1"/>
  <c r="O4990" i="10"/>
  <c r="P4990" i="10" s="1"/>
  <c r="O4862" i="10"/>
  <c r="P4862" i="10" s="1"/>
  <c r="O5821" i="10"/>
  <c r="P5821" i="10" s="1"/>
  <c r="O5997" i="10"/>
  <c r="P5997" i="10" s="1"/>
  <c r="O5988" i="10"/>
  <c r="P5988" i="10" s="1"/>
  <c r="O5860" i="10"/>
  <c r="P5860" i="10" s="1"/>
  <c r="O5979" i="10"/>
  <c r="P5979" i="10" s="1"/>
  <c r="O5851" i="10"/>
  <c r="P5851" i="10" s="1"/>
  <c r="O5986" i="10"/>
  <c r="P5986" i="10" s="1"/>
  <c r="O5858" i="10"/>
  <c r="P5858" i="10" s="1"/>
  <c r="O6009" i="10"/>
  <c r="P6009" i="10" s="1"/>
  <c r="O5881" i="10"/>
  <c r="P5881" i="10" s="1"/>
  <c r="O5966" i="10"/>
  <c r="P5966" i="10" s="1"/>
  <c r="O5838" i="10"/>
  <c r="P5838" i="10" s="1"/>
  <c r="O5901" i="10"/>
  <c r="P5901" i="10" s="1"/>
  <c r="O5814" i="10"/>
  <c r="P5814" i="10" s="1"/>
  <c r="S7269" i="10"/>
  <c r="T7269" i="10"/>
  <c r="S6117" i="10"/>
  <c r="T6117" i="10"/>
  <c r="S6949" i="10"/>
  <c r="T6949" i="10"/>
  <c r="S6437" i="10"/>
  <c r="T6437" i="10"/>
  <c r="S7388" i="10"/>
  <c r="T7388" i="10"/>
  <c r="S6876" i="10"/>
  <c r="T6876" i="10"/>
  <c r="T6364" i="10"/>
  <c r="S6364" i="10"/>
  <c r="T6867" i="10"/>
  <c r="S6867" i="10"/>
  <c r="T6099" i="10"/>
  <c r="S6099" i="10"/>
  <c r="S5459" i="10"/>
  <c r="T5459" i="10"/>
  <c r="S7002" i="10"/>
  <c r="T7002" i="10"/>
  <c r="S6490" i="10"/>
  <c r="T6490" i="10"/>
  <c r="S6234" i="10"/>
  <c r="T6234" i="10"/>
  <c r="T7281" i="10"/>
  <c r="S7281" i="10"/>
  <c r="T7025" i="10"/>
  <c r="S7025" i="10"/>
  <c r="T6769" i="10"/>
  <c r="S6769" i="10"/>
  <c r="S6385" i="10"/>
  <c r="T6385" i="10"/>
  <c r="T6129" i="10"/>
  <c r="S6129" i="10"/>
  <c r="S5745" i="10"/>
  <c r="T5745" i="10"/>
  <c r="S5617" i="10"/>
  <c r="T5617" i="10"/>
  <c r="S5361" i="10"/>
  <c r="T5361" i="10"/>
  <c r="S5105" i="10"/>
  <c r="T5105" i="10"/>
  <c r="S7288" i="10"/>
  <c r="T7288" i="10"/>
  <c r="S7032" i="10"/>
  <c r="T7032" i="10"/>
  <c r="S6776" i="10"/>
  <c r="T6776" i="10"/>
  <c r="S6520" i="10"/>
  <c r="T6520" i="10"/>
  <c r="S6392" i="10"/>
  <c r="T6392" i="10"/>
  <c r="S6136" i="10"/>
  <c r="T6136" i="10"/>
  <c r="S5880" i="10"/>
  <c r="T5880" i="10"/>
  <c r="S7247" i="10"/>
  <c r="T7247" i="10"/>
  <c r="S6991" i="10"/>
  <c r="T6991" i="10"/>
  <c r="S6863" i="10"/>
  <c r="T6863" i="10"/>
  <c r="S6607" i="10"/>
  <c r="T6607" i="10"/>
  <c r="S6351" i="10"/>
  <c r="T6351" i="10"/>
  <c r="S6095" i="10"/>
  <c r="T6095" i="10"/>
  <c r="S5839" i="10"/>
  <c r="T5839" i="10"/>
  <c r="S7238" i="10"/>
  <c r="T7238" i="10"/>
  <c r="S6982" i="10"/>
  <c r="T6982" i="10"/>
  <c r="S6726" i="10"/>
  <c r="T6726" i="10"/>
  <c r="S6470" i="10"/>
  <c r="T6470" i="10"/>
  <c r="S6214" i="10"/>
  <c r="T6214" i="10"/>
  <c r="S5163" i="10"/>
  <c r="T5163" i="10"/>
  <c r="S4907" i="10"/>
  <c r="T4907" i="10"/>
  <c r="S4779" i="10"/>
  <c r="T4779" i="10"/>
  <c r="S4523" i="10"/>
  <c r="T4523" i="10"/>
  <c r="S4267" i="10"/>
  <c r="T4267" i="10"/>
  <c r="S4011" i="10"/>
  <c r="T4011" i="10"/>
  <c r="S3883" i="10"/>
  <c r="T3883" i="10"/>
  <c r="S3627" i="10"/>
  <c r="T3627" i="10"/>
  <c r="S3371" i="10"/>
  <c r="T3371" i="10"/>
  <c r="S3243" i="10"/>
  <c r="T3243" i="10"/>
  <c r="S2987" i="10"/>
  <c r="T2987" i="10"/>
  <c r="S5546" i="10"/>
  <c r="T5546" i="10"/>
  <c r="S5290" i="10"/>
  <c r="T5290" i="10"/>
  <c r="S5034" i="10"/>
  <c r="T5034" i="10"/>
  <c r="S4778" i="10"/>
  <c r="T4778" i="10"/>
  <c r="S4522" i="10"/>
  <c r="T4522" i="10"/>
  <c r="S4266" i="10"/>
  <c r="T4266" i="10"/>
  <c r="S4010" i="10"/>
  <c r="T4010" i="10"/>
  <c r="S3754" i="10"/>
  <c r="T3754" i="10"/>
  <c r="S3498" i="10"/>
  <c r="T3498" i="10"/>
  <c r="S3242" i="10"/>
  <c r="T3242" i="10"/>
  <c r="S2986" i="10"/>
  <c r="T2986" i="10"/>
  <c r="S5653" i="10"/>
  <c r="T5653" i="10"/>
  <c r="S5141" i="10"/>
  <c r="T5141" i="10"/>
  <c r="T4629" i="10"/>
  <c r="S4629" i="10"/>
  <c r="T4117" i="10"/>
  <c r="S4117" i="10"/>
  <c r="S3605" i="10"/>
  <c r="T3605" i="10"/>
  <c r="S3093" i="10"/>
  <c r="T3093" i="10"/>
  <c r="S4509" i="10"/>
  <c r="T4509" i="10"/>
  <c r="S4793" i="10"/>
  <c r="T4793" i="10"/>
  <c r="S4537" i="10"/>
  <c r="T4537" i="10"/>
  <c r="S4281" i="10"/>
  <c r="T4281" i="10"/>
  <c r="S3897" i="10"/>
  <c r="T3897" i="10"/>
  <c r="T3769" i="10"/>
  <c r="S3769" i="10"/>
  <c r="S3385" i="10"/>
  <c r="T3385" i="10"/>
  <c r="S3129" i="10"/>
  <c r="T3129" i="10"/>
  <c r="S3001" i="10"/>
  <c r="T3001" i="10"/>
  <c r="S5752" i="10"/>
  <c r="T5752" i="10"/>
  <c r="S5496" i="10"/>
  <c r="T5496" i="10"/>
  <c r="S4600" i="10"/>
  <c r="T4600" i="10"/>
  <c r="S4344" i="10"/>
  <c r="T4344" i="10"/>
  <c r="S4088" i="10"/>
  <c r="T4088" i="10"/>
  <c r="S3832" i="10"/>
  <c r="T3832" i="10"/>
  <c r="S3576" i="10"/>
  <c r="T3576" i="10"/>
  <c r="S3448" i="10"/>
  <c r="T3448" i="10"/>
  <c r="S3192" i="10"/>
  <c r="T3192" i="10"/>
  <c r="S2936" i="10"/>
  <c r="T2936" i="10"/>
  <c r="S5671" i="10"/>
  <c r="T5671" i="10"/>
  <c r="S5415" i="10"/>
  <c r="T5415" i="10"/>
  <c r="S5159" i="10"/>
  <c r="T5159" i="10"/>
  <c r="S5031" i="10"/>
  <c r="T5031" i="10"/>
  <c r="S4775" i="10"/>
  <c r="T4775" i="10"/>
  <c r="S4519" i="10"/>
  <c r="T4519" i="10"/>
  <c r="S4263" i="10"/>
  <c r="T4263" i="10"/>
  <c r="S4007" i="10"/>
  <c r="T4007" i="10"/>
  <c r="S3879" i="10"/>
  <c r="T3879" i="10"/>
  <c r="S3623" i="10"/>
  <c r="T3623" i="10"/>
  <c r="S3367" i="10"/>
  <c r="T3367" i="10"/>
  <c r="S3111" i="10"/>
  <c r="T3111" i="10"/>
  <c r="S2855" i="10"/>
  <c r="T2855" i="10"/>
  <c r="S5582" i="10"/>
  <c r="T5582" i="10"/>
  <c r="S5454" i="10"/>
  <c r="T5454" i="10"/>
  <c r="S5198" i="10"/>
  <c r="T5198" i="10"/>
  <c r="S4942" i="10"/>
  <c r="T4942" i="10"/>
  <c r="S5741" i="10"/>
  <c r="T5741" i="10"/>
  <c r="S5229" i="10"/>
  <c r="T5229" i="10"/>
  <c r="S4717" i="10"/>
  <c r="T4717" i="10"/>
  <c r="S4205" i="10"/>
  <c r="T4205" i="10"/>
  <c r="S3693" i="10"/>
  <c r="T3693" i="10"/>
  <c r="T3181" i="10"/>
  <c r="S3181" i="10"/>
  <c r="S5612" i="10"/>
  <c r="T5612" i="10"/>
  <c r="S5356" i="10"/>
  <c r="T5356" i="10"/>
  <c r="S5228" i="10"/>
  <c r="T5228" i="10"/>
  <c r="S4972" i="10"/>
  <c r="T4972" i="10"/>
  <c r="T4716" i="10"/>
  <c r="S4716" i="10"/>
  <c r="T4460" i="10"/>
  <c r="S4460" i="10"/>
  <c r="T4204" i="10"/>
  <c r="S4204" i="10"/>
  <c r="S3948" i="10"/>
  <c r="T3948" i="10"/>
  <c r="S3820" i="10"/>
  <c r="T3820" i="10"/>
  <c r="S3564" i="10"/>
  <c r="T3564" i="10"/>
  <c r="S3308" i="10"/>
  <c r="T3308" i="10"/>
  <c r="S3052" i="10"/>
  <c r="T3052" i="10"/>
  <c r="S3869" i="10"/>
  <c r="T3869" i="10"/>
  <c r="T6973" i="10"/>
  <c r="S6973" i="10"/>
  <c r="T6461" i="10"/>
  <c r="S6461" i="10"/>
  <c r="S7380" i="10"/>
  <c r="T7380" i="10"/>
  <c r="S6996" i="10"/>
  <c r="T6996" i="10"/>
  <c r="S6740" i="10"/>
  <c r="T6740" i="10"/>
  <c r="S6612" i="10"/>
  <c r="T6612" i="10"/>
  <c r="S6356" i="10"/>
  <c r="T6356" i="10"/>
  <c r="S6228" i="10"/>
  <c r="T6228" i="10"/>
  <c r="S7243" i="10"/>
  <c r="T7243" i="10"/>
  <c r="S6987" i="10"/>
  <c r="T6987" i="10"/>
  <c r="S6731" i="10"/>
  <c r="T6731" i="10"/>
  <c r="S6475" i="10"/>
  <c r="T6475" i="10"/>
  <c r="S6347" i="10"/>
  <c r="T6347" i="10"/>
  <c r="S6091" i="10"/>
  <c r="T6091" i="10"/>
  <c r="S5579" i="10"/>
  <c r="T5579" i="10"/>
  <c r="S7378" i="10"/>
  <c r="T7378" i="10"/>
  <c r="S7122" i="10"/>
  <c r="T7122" i="10"/>
  <c r="S6866" i="10"/>
  <c r="T6866" i="10"/>
  <c r="S6610" i="10"/>
  <c r="T6610" i="10"/>
  <c r="S6354" i="10"/>
  <c r="T6354" i="10"/>
  <c r="S6098" i="10"/>
  <c r="T6098" i="10"/>
  <c r="S7401" i="10"/>
  <c r="T7401" i="10"/>
  <c r="S7145" i="10"/>
  <c r="T7145" i="10"/>
  <c r="S6889" i="10"/>
  <c r="T6889" i="10"/>
  <c r="S6761" i="10"/>
  <c r="T6761" i="10"/>
  <c r="T6505" i="10"/>
  <c r="S6505" i="10"/>
  <c r="S6249" i="10"/>
  <c r="T6249" i="10"/>
  <c r="S5737" i="10"/>
  <c r="T5737" i="10"/>
  <c r="S5481" i="10"/>
  <c r="T5481" i="10"/>
  <c r="S5225" i="10"/>
  <c r="T5225" i="10"/>
  <c r="S4969" i="10"/>
  <c r="T4969" i="10"/>
  <c r="S7280" i="10"/>
  <c r="T7280" i="10"/>
  <c r="S7024" i="10"/>
  <c r="T7024" i="10"/>
  <c r="S6768" i="10"/>
  <c r="T6768" i="10"/>
  <c r="T6512" i="10"/>
  <c r="S6512" i="10"/>
  <c r="T6256" i="10"/>
  <c r="S6256" i="10"/>
  <c r="S6000" i="10"/>
  <c r="T6000" i="10"/>
  <c r="S7367" i="10"/>
  <c r="T7367" i="10"/>
  <c r="T7111" i="10"/>
  <c r="S7111" i="10"/>
  <c r="S6983" i="10"/>
  <c r="T6983" i="10"/>
  <c r="S6727" i="10"/>
  <c r="T6727" i="10"/>
  <c r="T6471" i="10"/>
  <c r="S6471" i="10"/>
  <c r="T6215" i="10"/>
  <c r="S6215" i="10"/>
  <c r="S5959" i="10"/>
  <c r="T5959" i="10"/>
  <c r="S7358" i="10"/>
  <c r="T7358" i="10"/>
  <c r="S7102" i="10"/>
  <c r="T7102" i="10"/>
  <c r="S6846" i="10"/>
  <c r="T6846" i="10"/>
  <c r="S6718" i="10"/>
  <c r="T6718" i="10"/>
  <c r="S6462" i="10"/>
  <c r="T6462" i="10"/>
  <c r="T6206" i="10"/>
  <c r="S6206" i="10"/>
  <c r="S5283" i="10"/>
  <c r="T5283" i="10"/>
  <c r="S5027" i="10"/>
  <c r="T5027" i="10"/>
  <c r="S4899" i="10"/>
  <c r="T4899" i="10"/>
  <c r="S4643" i="10"/>
  <c r="T4643" i="10"/>
  <c r="S4387" i="10"/>
  <c r="T4387" i="10"/>
  <c r="S4131" i="10"/>
  <c r="T4131" i="10"/>
  <c r="S3875" i="10"/>
  <c r="T3875" i="10"/>
  <c r="S3619" i="10"/>
  <c r="T3619" i="10"/>
  <c r="S3363" i="10"/>
  <c r="T3363" i="10"/>
  <c r="S3235" i="10"/>
  <c r="T3235" i="10"/>
  <c r="S2979" i="10"/>
  <c r="T2979" i="10"/>
  <c r="T5538" i="10"/>
  <c r="S5538" i="10"/>
  <c r="T5282" i="10"/>
  <c r="S5282" i="10"/>
  <c r="T5026" i="10"/>
  <c r="S5026" i="10"/>
  <c r="S4770" i="10"/>
  <c r="T4770" i="10"/>
  <c r="S4642" i="10"/>
  <c r="T4642" i="10"/>
  <c r="S4386" i="10"/>
  <c r="T4386" i="10"/>
  <c r="S4130" i="10"/>
  <c r="T4130" i="10"/>
  <c r="T3874" i="10"/>
  <c r="S3874" i="10"/>
  <c r="S3618" i="10"/>
  <c r="T3618" i="10"/>
  <c r="S3490" i="10"/>
  <c r="T3490" i="10"/>
  <c r="S3234" i="10"/>
  <c r="T3234" i="10"/>
  <c r="S2978" i="10"/>
  <c r="T2978" i="10"/>
  <c r="S5453" i="10"/>
  <c r="T5453" i="10"/>
  <c r="S5197" i="10"/>
  <c r="T5197" i="10"/>
  <c r="S4685" i="10"/>
  <c r="T4685" i="10"/>
  <c r="S4173" i="10"/>
  <c r="T4173" i="10"/>
  <c r="S3661" i="10"/>
  <c r="T3661" i="10"/>
  <c r="S3149" i="10"/>
  <c r="T3149" i="10"/>
  <c r="S3037" i="10"/>
  <c r="T3037" i="10"/>
  <c r="S7389" i="10"/>
  <c r="T7389" i="10"/>
  <c r="T6877" i="10"/>
  <c r="S6877" i="10"/>
  <c r="T6365" i="10"/>
  <c r="S6365" i="10"/>
  <c r="S6109" i="10"/>
  <c r="T6109" i="10"/>
  <c r="S4881" i="10"/>
  <c r="T4881" i="10"/>
  <c r="S4753" i="10"/>
  <c r="T4753" i="10"/>
  <c r="S4625" i="10"/>
  <c r="T4625" i="10"/>
  <c r="S4497" i="10"/>
  <c r="T4497" i="10"/>
  <c r="S4369" i="10"/>
  <c r="T4369" i="10"/>
  <c r="S4241" i="10"/>
  <c r="T4241" i="10"/>
  <c r="S4113" i="10"/>
  <c r="T4113" i="10"/>
  <c r="S3985" i="10"/>
  <c r="T3985" i="10"/>
  <c r="S3857" i="10"/>
  <c r="T3857" i="10"/>
  <c r="S3729" i="10"/>
  <c r="T3729" i="10"/>
  <c r="S3601" i="10"/>
  <c r="T3601" i="10"/>
  <c r="S3473" i="10"/>
  <c r="T3473" i="10"/>
  <c r="S3345" i="10"/>
  <c r="T3345" i="10"/>
  <c r="T3217" i="10"/>
  <c r="S3217" i="10"/>
  <c r="T3089" i="10"/>
  <c r="S3089" i="10"/>
  <c r="T2961" i="10"/>
  <c r="S2961" i="10"/>
  <c r="S5712" i="10"/>
  <c r="T5712" i="10"/>
  <c r="S5584" i="10"/>
  <c r="T5584" i="10"/>
  <c r="S5456" i="10"/>
  <c r="T5456" i="10"/>
  <c r="S5328" i="10"/>
  <c r="T5328" i="10"/>
  <c r="S5200" i="10"/>
  <c r="T5200" i="10"/>
  <c r="S5072" i="10"/>
  <c r="T5072" i="10"/>
  <c r="S4944" i="10"/>
  <c r="T4944" i="10"/>
  <c r="S4816" i="10"/>
  <c r="T4816" i="10"/>
  <c r="S4688" i="10"/>
  <c r="T4688" i="10"/>
  <c r="S4560" i="10"/>
  <c r="T4560" i="10"/>
  <c r="S4432" i="10"/>
  <c r="T4432" i="10"/>
  <c r="S4304" i="10"/>
  <c r="T4304" i="10"/>
  <c r="S4176" i="10"/>
  <c r="T4176" i="10"/>
  <c r="S4048" i="10"/>
  <c r="T4048" i="10"/>
  <c r="S3920" i="10"/>
  <c r="T3920" i="10"/>
  <c r="S3792" i="10"/>
  <c r="T3792" i="10"/>
  <c r="S3664" i="10"/>
  <c r="T3664" i="10"/>
  <c r="S3536" i="10"/>
  <c r="T3536" i="10"/>
  <c r="S3408" i="10"/>
  <c r="T3408" i="10"/>
  <c r="S3280" i="10"/>
  <c r="T3280" i="10"/>
  <c r="S3152" i="10"/>
  <c r="T3152" i="10"/>
  <c r="S3024" i="10"/>
  <c r="T3024" i="10"/>
  <c r="S5759" i="10"/>
  <c r="T5759" i="10"/>
  <c r="S5631" i="10"/>
  <c r="T5631" i="10"/>
  <c r="S5503" i="10"/>
  <c r="T5503" i="10"/>
  <c r="S5375" i="10"/>
  <c r="T5375" i="10"/>
  <c r="S5247" i="10"/>
  <c r="T5247" i="10"/>
  <c r="S5119" i="10"/>
  <c r="T5119" i="10"/>
  <c r="S4991" i="10"/>
  <c r="T4991" i="10"/>
  <c r="S4863" i="10"/>
  <c r="T4863" i="10"/>
  <c r="S4735" i="10"/>
  <c r="T4735" i="10"/>
  <c r="S4607" i="10"/>
  <c r="T4607" i="10"/>
  <c r="S4479" i="10"/>
  <c r="T4479" i="10"/>
  <c r="S4351" i="10"/>
  <c r="T4351" i="10"/>
  <c r="S4223" i="10"/>
  <c r="T4223" i="10"/>
  <c r="S4095" i="10"/>
  <c r="T4095" i="10"/>
  <c r="S3967" i="10"/>
  <c r="T3967" i="10"/>
  <c r="S3839" i="10"/>
  <c r="T3839" i="10"/>
  <c r="S3711" i="10"/>
  <c r="T3711" i="10"/>
  <c r="S3583" i="10"/>
  <c r="T3583" i="10"/>
  <c r="S3455" i="10"/>
  <c r="T3455" i="10"/>
  <c r="S3327" i="10"/>
  <c r="T3327" i="10"/>
  <c r="S3199" i="10"/>
  <c r="T3199" i="10"/>
  <c r="S3071" i="10"/>
  <c r="T3071" i="10"/>
  <c r="S2943" i="10"/>
  <c r="T2943" i="10"/>
  <c r="S5670" i="10"/>
  <c r="T5670" i="10"/>
  <c r="S5542" i="10"/>
  <c r="T5542" i="10"/>
  <c r="S5414" i="10"/>
  <c r="T5414" i="10"/>
  <c r="S5286" i="10"/>
  <c r="T5286" i="10"/>
  <c r="S5158" i="10"/>
  <c r="T5158" i="10"/>
  <c r="S5030" i="10"/>
  <c r="T5030" i="10"/>
  <c r="S4902" i="10"/>
  <c r="T4902" i="10"/>
  <c r="S4774" i="10"/>
  <c r="T4774" i="10"/>
  <c r="S4646" i="10"/>
  <c r="T4646" i="10"/>
  <c r="T4518" i="10"/>
  <c r="S4518" i="10"/>
  <c r="S4390" i="10"/>
  <c r="T4390" i="10"/>
  <c r="T4262" i="10"/>
  <c r="S4262" i="10"/>
  <c r="S4134" i="10"/>
  <c r="T4134" i="10"/>
  <c r="T4006" i="10"/>
  <c r="S4006" i="10"/>
  <c r="S3878" i="10"/>
  <c r="T3878" i="10"/>
  <c r="S3750" i="10"/>
  <c r="T3750" i="10"/>
  <c r="S3622" i="10"/>
  <c r="T3622" i="10"/>
  <c r="S3494" i="10"/>
  <c r="T3494" i="10"/>
  <c r="S3366" i="10"/>
  <c r="T3366" i="10"/>
  <c r="S3238" i="10"/>
  <c r="T3238" i="10"/>
  <c r="S3110" i="10"/>
  <c r="T3110" i="10"/>
  <c r="S2982" i="10"/>
  <c r="T2982" i="10"/>
  <c r="S2854" i="10"/>
  <c r="T2854" i="10"/>
  <c r="S5765" i="10"/>
  <c r="T5765" i="10"/>
  <c r="S5637" i="10"/>
  <c r="T5637" i="10"/>
  <c r="S5509" i="10"/>
  <c r="T5509" i="10"/>
  <c r="S5381" i="10"/>
  <c r="T5381" i="10"/>
  <c r="S5253" i="10"/>
  <c r="T5253" i="10"/>
  <c r="S5125" i="10"/>
  <c r="T5125" i="10"/>
  <c r="S4997" i="10"/>
  <c r="T4997" i="10"/>
  <c r="S4869" i="10"/>
  <c r="T4869" i="10"/>
  <c r="S4741" i="10"/>
  <c r="T4741" i="10"/>
  <c r="S4613" i="10"/>
  <c r="T4613" i="10"/>
  <c r="S4485" i="10"/>
  <c r="T4485" i="10"/>
  <c r="S4357" i="10"/>
  <c r="T4357" i="10"/>
  <c r="S4229" i="10"/>
  <c r="T4229" i="10"/>
  <c r="S4101" i="10"/>
  <c r="T4101" i="10"/>
  <c r="S3973" i="10"/>
  <c r="T3973" i="10"/>
  <c r="S3845" i="10"/>
  <c r="T3845" i="10"/>
  <c r="S3717" i="10"/>
  <c r="T3717" i="10"/>
  <c r="S3589" i="10"/>
  <c r="T3589" i="10"/>
  <c r="S3461" i="10"/>
  <c r="T3461" i="10"/>
  <c r="S3333" i="10"/>
  <c r="T3333" i="10"/>
  <c r="S3205" i="10"/>
  <c r="T3205" i="10"/>
  <c r="S3077" i="10"/>
  <c r="T3077" i="10"/>
  <c r="S2949" i="10"/>
  <c r="T2949" i="10"/>
  <c r="S5668" i="10"/>
  <c r="T5668" i="10"/>
  <c r="S5540" i="10"/>
  <c r="T5540" i="10"/>
  <c r="S5412" i="10"/>
  <c r="T5412" i="10"/>
  <c r="S5284" i="10"/>
  <c r="T5284" i="10"/>
  <c r="S5156" i="10"/>
  <c r="T5156" i="10"/>
  <c r="S5028" i="10"/>
  <c r="T5028" i="10"/>
  <c r="S4900" i="10"/>
  <c r="T4900" i="10"/>
  <c r="S4772" i="10"/>
  <c r="T4772" i="10"/>
  <c r="S4644" i="10"/>
  <c r="T4644" i="10"/>
  <c r="T4516" i="10"/>
  <c r="S4516" i="10"/>
  <c r="T4388" i="10"/>
  <c r="S4388" i="10"/>
  <c r="T4260" i="10"/>
  <c r="S4260" i="10"/>
  <c r="T4132" i="10"/>
  <c r="S4132" i="10"/>
  <c r="T4004" i="10"/>
  <c r="S4004" i="10"/>
  <c r="S3876" i="10"/>
  <c r="T3876" i="10"/>
  <c r="S3748" i="10"/>
  <c r="T3748" i="10"/>
  <c r="T3620" i="10"/>
  <c r="S3620" i="10"/>
  <c r="S3492" i="10"/>
  <c r="T3492" i="10"/>
  <c r="S3364" i="10"/>
  <c r="T3364" i="10"/>
  <c r="S3236" i="10"/>
  <c r="T3236" i="10"/>
  <c r="S3108" i="10"/>
  <c r="T3108" i="10"/>
  <c r="S2980" i="10"/>
  <c r="T2980" i="10"/>
  <c r="S2852" i="10"/>
  <c r="T2852" i="10"/>
  <c r="S4189" i="10"/>
  <c r="T4189" i="10"/>
  <c r="S7413" i="10"/>
  <c r="T7413" i="10"/>
  <c r="S7157" i="10"/>
  <c r="T7157" i="10"/>
  <c r="S6901" i="10"/>
  <c r="T6901" i="10"/>
  <c r="T6645" i="10"/>
  <c r="S6645" i="10"/>
  <c r="T6389" i="10"/>
  <c r="S6389" i="10"/>
  <c r="S6133" i="10"/>
  <c r="T6133" i="10"/>
  <c r="S7340" i="10"/>
  <c r="T7340" i="10"/>
  <c r="S7212" i="10"/>
  <c r="T7212" i="10"/>
  <c r="S7084" i="10"/>
  <c r="T7084" i="10"/>
  <c r="S6956" i="10"/>
  <c r="T6956" i="10"/>
  <c r="S6828" i="10"/>
  <c r="T6828" i="10"/>
  <c r="S6700" i="10"/>
  <c r="T6700" i="10"/>
  <c r="S6572" i="10"/>
  <c r="T6572" i="10"/>
  <c r="S6444" i="10"/>
  <c r="T6444" i="10"/>
  <c r="S6316" i="10"/>
  <c r="T6316" i="10"/>
  <c r="S6188" i="10"/>
  <c r="T6188" i="10"/>
  <c r="S6060" i="10"/>
  <c r="T6060" i="10"/>
  <c r="T7459" i="10"/>
  <c r="S7459" i="10"/>
  <c r="T7331" i="10"/>
  <c r="S7331" i="10"/>
  <c r="T7203" i="10"/>
  <c r="S7203" i="10"/>
  <c r="T7075" i="10"/>
  <c r="S7075" i="10"/>
  <c r="T6947" i="10"/>
  <c r="S6947" i="10"/>
  <c r="T6819" i="10"/>
  <c r="S6819" i="10"/>
  <c r="T6691" i="10"/>
  <c r="S6691" i="10"/>
  <c r="T6563" i="10"/>
  <c r="S6563" i="10"/>
  <c r="T6435" i="10"/>
  <c r="S6435" i="10"/>
  <c r="T6307" i="10"/>
  <c r="S6307" i="10"/>
  <c r="T6179" i="10"/>
  <c r="S6179" i="10"/>
  <c r="T6051" i="10"/>
  <c r="S6051" i="10"/>
  <c r="S5667" i="10"/>
  <c r="T5667" i="10"/>
  <c r="S5539" i="10"/>
  <c r="T5539" i="10"/>
  <c r="S5411" i="10"/>
  <c r="T5411" i="10"/>
  <c r="S7338" i="10"/>
  <c r="T7338" i="10"/>
  <c r="S7210" i="10"/>
  <c r="T7210" i="10"/>
  <c r="S7082" i="10"/>
  <c r="T7082" i="10"/>
  <c r="S6954" i="10"/>
  <c r="T6954" i="10"/>
  <c r="S6826" i="10"/>
  <c r="T6826" i="10"/>
  <c r="S6698" i="10"/>
  <c r="T6698" i="10"/>
  <c r="S6570" i="10"/>
  <c r="T6570" i="10"/>
  <c r="S6442" i="10"/>
  <c r="T6442" i="10"/>
  <c r="S6314" i="10"/>
  <c r="T6314" i="10"/>
  <c r="S6186" i="10"/>
  <c r="T6186" i="10"/>
  <c r="S6058" i="10"/>
  <c r="T6058" i="10"/>
  <c r="S7361" i="10"/>
  <c r="T7361" i="10"/>
  <c r="S7233" i="10"/>
  <c r="T7233" i="10"/>
  <c r="S7105" i="10"/>
  <c r="T7105" i="10"/>
  <c r="S6977" i="10"/>
  <c r="T6977" i="10"/>
  <c r="S6849" i="10"/>
  <c r="T6849" i="10"/>
  <c r="S6721" i="10"/>
  <c r="T6721" i="10"/>
  <c r="S6593" i="10"/>
  <c r="T6593" i="10"/>
  <c r="S6465" i="10"/>
  <c r="T6465" i="10"/>
  <c r="S6337" i="10"/>
  <c r="T6337" i="10"/>
  <c r="S6209" i="10"/>
  <c r="T6209" i="10"/>
  <c r="S6081" i="10"/>
  <c r="T6081" i="10"/>
  <c r="S5697" i="10"/>
  <c r="T5697" i="10"/>
  <c r="S5569" i="10"/>
  <c r="T5569" i="10"/>
  <c r="S5441" i="10"/>
  <c r="T5441" i="10"/>
  <c r="S5313" i="10"/>
  <c r="T5313" i="10"/>
  <c r="S5185" i="10"/>
  <c r="T5185" i="10"/>
  <c r="S5057" i="10"/>
  <c r="T5057" i="10"/>
  <c r="S4929" i="10"/>
  <c r="T4929" i="10"/>
  <c r="T7368" i="10"/>
  <c r="S7368" i="10"/>
  <c r="T7240" i="10"/>
  <c r="S7240" i="10"/>
  <c r="T7112" i="10"/>
  <c r="S7112" i="10"/>
  <c r="T6984" i="10"/>
  <c r="S6984" i="10"/>
  <c r="T6856" i="10"/>
  <c r="S6856" i="10"/>
  <c r="S6728" i="10"/>
  <c r="T6728" i="10"/>
  <c r="S6600" i="10"/>
  <c r="T6600" i="10"/>
  <c r="S6472" i="10"/>
  <c r="T6472" i="10"/>
  <c r="T6344" i="10"/>
  <c r="S6344" i="10"/>
  <c r="S6216" i="10"/>
  <c r="T6216" i="10"/>
  <c r="S6088" i="10"/>
  <c r="T6088" i="10"/>
  <c r="S5960" i="10"/>
  <c r="T5960" i="10"/>
  <c r="T7455" i="10"/>
  <c r="S7455" i="10"/>
  <c r="S7327" i="10"/>
  <c r="T7327" i="10"/>
  <c r="S7199" i="10"/>
  <c r="T7199" i="10"/>
  <c r="T7071" i="10"/>
  <c r="S7071" i="10"/>
  <c r="T6943" i="10"/>
  <c r="S6943" i="10"/>
  <c r="T6815" i="10"/>
  <c r="S6815" i="10"/>
  <c r="T6687" i="10"/>
  <c r="S6687" i="10"/>
  <c r="T6559" i="10"/>
  <c r="S6559" i="10"/>
  <c r="S6431" i="10"/>
  <c r="T6431" i="10"/>
  <c r="T6303" i="10"/>
  <c r="S6303" i="10"/>
  <c r="S6175" i="10"/>
  <c r="T6175" i="10"/>
  <c r="S6047" i="10"/>
  <c r="T6047" i="10"/>
  <c r="S5919" i="10"/>
  <c r="T5919" i="10"/>
  <c r="T7446" i="10"/>
  <c r="S7446" i="10"/>
  <c r="T7318" i="10"/>
  <c r="S7318" i="10"/>
  <c r="T7190" i="10"/>
  <c r="S7190" i="10"/>
  <c r="T7062" i="10"/>
  <c r="S7062" i="10"/>
  <c r="T6934" i="10"/>
  <c r="S6934" i="10"/>
  <c r="T6806" i="10"/>
  <c r="S6806" i="10"/>
  <c r="S6678" i="10"/>
  <c r="T6678" i="10"/>
  <c r="S6550" i="10"/>
  <c r="T6550" i="10"/>
  <c r="T6422" i="10"/>
  <c r="S6422" i="10"/>
  <c r="T6294" i="10"/>
  <c r="S6294" i="10"/>
  <c r="T6166" i="10"/>
  <c r="S6166" i="10"/>
  <c r="S6038" i="10"/>
  <c r="T6038" i="10"/>
  <c r="S5371" i="10"/>
  <c r="T5371" i="10"/>
  <c r="S5243" i="10"/>
  <c r="T5243" i="10"/>
  <c r="S5115" i="10"/>
  <c r="T5115" i="10"/>
  <c r="S4987" i="10"/>
  <c r="T4987" i="10"/>
  <c r="S4859" i="10"/>
  <c r="T4859" i="10"/>
  <c r="S4731" i="10"/>
  <c r="T4731" i="10"/>
  <c r="S4603" i="10"/>
  <c r="T4603" i="10"/>
  <c r="S4475" i="10"/>
  <c r="T4475" i="10"/>
  <c r="S4347" i="10"/>
  <c r="T4347" i="10"/>
  <c r="S4219" i="10"/>
  <c r="T4219" i="10"/>
  <c r="S4091" i="10"/>
  <c r="T4091" i="10"/>
  <c r="S3963" i="10"/>
  <c r="T3963" i="10"/>
  <c r="S3835" i="10"/>
  <c r="T3835" i="10"/>
  <c r="S3707" i="10"/>
  <c r="T3707" i="10"/>
  <c r="S3579" i="10"/>
  <c r="T3579" i="10"/>
  <c r="S3451" i="10"/>
  <c r="T3451" i="10"/>
  <c r="S3323" i="10"/>
  <c r="T3323" i="10"/>
  <c r="S3195" i="10"/>
  <c r="T3195" i="10"/>
  <c r="S3067" i="10"/>
  <c r="T3067" i="10"/>
  <c r="S2939" i="10"/>
  <c r="T2939" i="10"/>
  <c r="S5754" i="10"/>
  <c r="T5754" i="10"/>
  <c r="S5626" i="10"/>
  <c r="T5626" i="10"/>
  <c r="S5498" i="10"/>
  <c r="T5498" i="10"/>
  <c r="S5370" i="10"/>
  <c r="T5370" i="10"/>
  <c r="S5242" i="10"/>
  <c r="T5242" i="10"/>
  <c r="S5114" i="10"/>
  <c r="T5114" i="10"/>
  <c r="S4986" i="10"/>
  <c r="T4986" i="10"/>
  <c r="T4858" i="10"/>
  <c r="S4858" i="10"/>
  <c r="S4730" i="10"/>
  <c r="T4730" i="10"/>
  <c r="S4602" i="10"/>
  <c r="T4602" i="10"/>
  <c r="S4474" i="10"/>
  <c r="T4474" i="10"/>
  <c r="S4346" i="10"/>
  <c r="T4346" i="10"/>
  <c r="S4218" i="10"/>
  <c r="T4218" i="10"/>
  <c r="S4090" i="10"/>
  <c r="T4090" i="10"/>
  <c r="S3962" i="10"/>
  <c r="T3962" i="10"/>
  <c r="S3834" i="10"/>
  <c r="T3834" i="10"/>
  <c r="S3706" i="10"/>
  <c r="T3706" i="10"/>
  <c r="S3578" i="10"/>
  <c r="T3578" i="10"/>
  <c r="S3450" i="10"/>
  <c r="T3450" i="10"/>
  <c r="S3322" i="10"/>
  <c r="T3322" i="10"/>
  <c r="S3194" i="10"/>
  <c r="T3194" i="10"/>
  <c r="S3066" i="10"/>
  <c r="T3066" i="10"/>
  <c r="S2938" i="10"/>
  <c r="T2938" i="10"/>
  <c r="S5341" i="10"/>
  <c r="T5341" i="10"/>
  <c r="S4061" i="10"/>
  <c r="T4061" i="10"/>
  <c r="S2909" i="10"/>
  <c r="T2909" i="10"/>
  <c r="T7253" i="10"/>
  <c r="S7253" i="10"/>
  <c r="S6997" i="10"/>
  <c r="T6997" i="10"/>
  <c r="S6741" i="10"/>
  <c r="T6741" i="10"/>
  <c r="S6485" i="10"/>
  <c r="T6485" i="10"/>
  <c r="S6229" i="10"/>
  <c r="T6229" i="10"/>
  <c r="S4809" i="10"/>
  <c r="T4809" i="10"/>
  <c r="S4681" i="10"/>
  <c r="T4681" i="10"/>
  <c r="S4553" i="10"/>
  <c r="T4553" i="10"/>
  <c r="S4425" i="10"/>
  <c r="T4425" i="10"/>
  <c r="S4297" i="10"/>
  <c r="T4297" i="10"/>
  <c r="S4169" i="10"/>
  <c r="T4169" i="10"/>
  <c r="S4041" i="10"/>
  <c r="T4041" i="10"/>
  <c r="S3913" i="10"/>
  <c r="T3913" i="10"/>
  <c r="S3785" i="10"/>
  <c r="T3785" i="10"/>
  <c r="S3657" i="10"/>
  <c r="T3657" i="10"/>
  <c r="S3529" i="10"/>
  <c r="T3529" i="10"/>
  <c r="S3401" i="10"/>
  <c r="T3401" i="10"/>
  <c r="S3273" i="10"/>
  <c r="T3273" i="10"/>
  <c r="S3145" i="10"/>
  <c r="T3145" i="10"/>
  <c r="S3017" i="10"/>
  <c r="T3017" i="10"/>
  <c r="S2889" i="10"/>
  <c r="T2889" i="10"/>
  <c r="S5768" i="10"/>
  <c r="T5768" i="10"/>
  <c r="S5640" i="10"/>
  <c r="T5640" i="10"/>
  <c r="S5512" i="10"/>
  <c r="T5512" i="10"/>
  <c r="S5384" i="10"/>
  <c r="T5384" i="10"/>
  <c r="S5256" i="10"/>
  <c r="T5256" i="10"/>
  <c r="S5128" i="10"/>
  <c r="T5128" i="10"/>
  <c r="S5000" i="10"/>
  <c r="T5000" i="10"/>
  <c r="S4872" i="10"/>
  <c r="T4872" i="10"/>
  <c r="S4744" i="10"/>
  <c r="T4744" i="10"/>
  <c r="S4616" i="10"/>
  <c r="T4616" i="10"/>
  <c r="S4488" i="10"/>
  <c r="T4488" i="10"/>
  <c r="S4360" i="10"/>
  <c r="T4360" i="10"/>
  <c r="S4232" i="10"/>
  <c r="T4232" i="10"/>
  <c r="S4104" i="10"/>
  <c r="T4104" i="10"/>
  <c r="S3976" i="10"/>
  <c r="T3976" i="10"/>
  <c r="S3848" i="10"/>
  <c r="T3848" i="10"/>
  <c r="S3720" i="10"/>
  <c r="T3720" i="10"/>
  <c r="S3592" i="10"/>
  <c r="T3592" i="10"/>
  <c r="S3464" i="10"/>
  <c r="T3464" i="10"/>
  <c r="S3336" i="10"/>
  <c r="T3336" i="10"/>
  <c r="S3208" i="10"/>
  <c r="T3208" i="10"/>
  <c r="S3080" i="10"/>
  <c r="T3080" i="10"/>
  <c r="S2952" i="10"/>
  <c r="T2952" i="10"/>
  <c r="S5687" i="10"/>
  <c r="T5687" i="10"/>
  <c r="S5559" i="10"/>
  <c r="T5559" i="10"/>
  <c r="S5431" i="10"/>
  <c r="T5431" i="10"/>
  <c r="S5303" i="10"/>
  <c r="T5303" i="10"/>
  <c r="S5175" i="10"/>
  <c r="T5175" i="10"/>
  <c r="S5047" i="10"/>
  <c r="T5047" i="10"/>
  <c r="S4919" i="10"/>
  <c r="T4919" i="10"/>
  <c r="S4791" i="10"/>
  <c r="T4791" i="10"/>
  <c r="S4663" i="10"/>
  <c r="T4663" i="10"/>
  <c r="S4535" i="10"/>
  <c r="T4535" i="10"/>
  <c r="S4407" i="10"/>
  <c r="T4407" i="10"/>
  <c r="S4279" i="10"/>
  <c r="T4279" i="10"/>
  <c r="S4151" i="10"/>
  <c r="T4151" i="10"/>
  <c r="S4023" i="10"/>
  <c r="T4023" i="10"/>
  <c r="S3895" i="10"/>
  <c r="T3895" i="10"/>
  <c r="S3767" i="10"/>
  <c r="T3767" i="10"/>
  <c r="S3639" i="10"/>
  <c r="T3639" i="10"/>
  <c r="S3511" i="10"/>
  <c r="T3511" i="10"/>
  <c r="S3383" i="10"/>
  <c r="T3383" i="10"/>
  <c r="S3255" i="10"/>
  <c r="T3255" i="10"/>
  <c r="S3127" i="10"/>
  <c r="T3127" i="10"/>
  <c r="S2999" i="10"/>
  <c r="T2999" i="10"/>
  <c r="S2871" i="10"/>
  <c r="T2871" i="10"/>
  <c r="S5726" i="10"/>
  <c r="T5726" i="10"/>
  <c r="S5598" i="10"/>
  <c r="T5598" i="10"/>
  <c r="S5470" i="10"/>
  <c r="T5470" i="10"/>
  <c r="S4702" i="10"/>
  <c r="T4702" i="10"/>
  <c r="S4574" i="10"/>
  <c r="T4574" i="10"/>
  <c r="S4446" i="10"/>
  <c r="T4446" i="10"/>
  <c r="S4318" i="10"/>
  <c r="T4318" i="10"/>
  <c r="S4190" i="10"/>
  <c r="T4190" i="10"/>
  <c r="S4062" i="10"/>
  <c r="T4062" i="10"/>
  <c r="S3934" i="10"/>
  <c r="T3934" i="10"/>
  <c r="S3806" i="10"/>
  <c r="T3806" i="10"/>
  <c r="S3678" i="10"/>
  <c r="T3678" i="10"/>
  <c r="S3550" i="10"/>
  <c r="T3550" i="10"/>
  <c r="S3422" i="10"/>
  <c r="T3422" i="10"/>
  <c r="S3294" i="10"/>
  <c r="T3294" i="10"/>
  <c r="S3166" i="10"/>
  <c r="T3166" i="10"/>
  <c r="S3038" i="10"/>
  <c r="T3038" i="10"/>
  <c r="S2910" i="10"/>
  <c r="T2910" i="10"/>
  <c r="S5757" i="10"/>
  <c r="T5757" i="10"/>
  <c r="S5501" i="10"/>
  <c r="T5501" i="10"/>
  <c r="S5245" i="10"/>
  <c r="T5245" i="10"/>
  <c r="S4989" i="10"/>
  <c r="T4989" i="10"/>
  <c r="S4733" i="10"/>
  <c r="T4733" i="10"/>
  <c r="S4477" i="10"/>
  <c r="T4477" i="10"/>
  <c r="S4221" i="10"/>
  <c r="T4221" i="10"/>
  <c r="S3965" i="10"/>
  <c r="T3965" i="10"/>
  <c r="S3709" i="10"/>
  <c r="T3709" i="10"/>
  <c r="S3453" i="10"/>
  <c r="T3453" i="10"/>
  <c r="S3197" i="10"/>
  <c r="T3197" i="10"/>
  <c r="S2941" i="10"/>
  <c r="T2941" i="10"/>
  <c r="S5724" i="10"/>
  <c r="T5724" i="10"/>
  <c r="S5596" i="10"/>
  <c r="T5596" i="10"/>
  <c r="S5468" i="10"/>
  <c r="T5468" i="10"/>
  <c r="S5340" i="10"/>
  <c r="T5340" i="10"/>
  <c r="S5212" i="10"/>
  <c r="T5212" i="10"/>
  <c r="S5084" i="10"/>
  <c r="T5084" i="10"/>
  <c r="S4956" i="10"/>
  <c r="T4956" i="10"/>
  <c r="S4828" i="10"/>
  <c r="T4828" i="10"/>
  <c r="S4700" i="10"/>
  <c r="T4700" i="10"/>
  <c r="S4572" i="10"/>
  <c r="T4572" i="10"/>
  <c r="S4444" i="10"/>
  <c r="T4444" i="10"/>
  <c r="S4316" i="10"/>
  <c r="T4316" i="10"/>
  <c r="S4188" i="10"/>
  <c r="T4188" i="10"/>
  <c r="S4060" i="10"/>
  <c r="T4060" i="10"/>
  <c r="S3932" i="10"/>
  <c r="T3932" i="10"/>
  <c r="S3804" i="10"/>
  <c r="T3804" i="10"/>
  <c r="S3676" i="10"/>
  <c r="T3676" i="10"/>
  <c r="S3548" i="10"/>
  <c r="T3548" i="10"/>
  <c r="S3420" i="10"/>
  <c r="T3420" i="10"/>
  <c r="S3292" i="10"/>
  <c r="T3292" i="10"/>
  <c r="S3164" i="10"/>
  <c r="T3164" i="10"/>
  <c r="S3036" i="10"/>
  <c r="T3036" i="10"/>
  <c r="S2908" i="10"/>
  <c r="T2908" i="10"/>
  <c r="S5277" i="10"/>
  <c r="T5277" i="10"/>
  <c r="S4125" i="10"/>
  <c r="T4125" i="10"/>
  <c r="S7213" i="10"/>
  <c r="T7213" i="10"/>
  <c r="S6957" i="10"/>
  <c r="T6957" i="10"/>
  <c r="S6701" i="10"/>
  <c r="T6701" i="10"/>
  <c r="S6445" i="10"/>
  <c r="T6445" i="10"/>
  <c r="S6189" i="10"/>
  <c r="T6189" i="10"/>
  <c r="T7364" i="10"/>
  <c r="S7364" i="10"/>
  <c r="T7236" i="10"/>
  <c r="S7236" i="10"/>
  <c r="T7108" i="10"/>
  <c r="S7108" i="10"/>
  <c r="T6980" i="10"/>
  <c r="S6980" i="10"/>
  <c r="T6852" i="10"/>
  <c r="S6852" i="10"/>
  <c r="T6724" i="10"/>
  <c r="S6724" i="10"/>
  <c r="S6596" i="10"/>
  <c r="T6596" i="10"/>
  <c r="S6468" i="10"/>
  <c r="T6468" i="10"/>
  <c r="S6340" i="10"/>
  <c r="T6340" i="10"/>
  <c r="S6212" i="10"/>
  <c r="T6212" i="10"/>
  <c r="S6084" i="10"/>
  <c r="T6084" i="10"/>
  <c r="S7355" i="10"/>
  <c r="T7355" i="10"/>
  <c r="S7227" i="10"/>
  <c r="T7227" i="10"/>
  <c r="S7099" i="10"/>
  <c r="T7099" i="10"/>
  <c r="T6971" i="10"/>
  <c r="S6971" i="10"/>
  <c r="T6843" i="10"/>
  <c r="S6843" i="10"/>
  <c r="T6715" i="10"/>
  <c r="S6715" i="10"/>
  <c r="T6587" i="10"/>
  <c r="S6587" i="10"/>
  <c r="S6459" i="10"/>
  <c r="T6459" i="10"/>
  <c r="S6331" i="10"/>
  <c r="T6331" i="10"/>
  <c r="S6203" i="10"/>
  <c r="T6203" i="10"/>
  <c r="T6075" i="10"/>
  <c r="S6075" i="10"/>
  <c r="S5691" i="10"/>
  <c r="T5691" i="10"/>
  <c r="S5563" i="10"/>
  <c r="T5563" i="10"/>
  <c r="S5435" i="10"/>
  <c r="T5435" i="10"/>
  <c r="S7362" i="10"/>
  <c r="T7362" i="10"/>
  <c r="S7234" i="10"/>
  <c r="T7234" i="10"/>
  <c r="S7106" i="10"/>
  <c r="T7106" i="10"/>
  <c r="S6978" i="10"/>
  <c r="T6978" i="10"/>
  <c r="S6850" i="10"/>
  <c r="T6850" i="10"/>
  <c r="S6722" i="10"/>
  <c r="T6722" i="10"/>
  <c r="S6594" i="10"/>
  <c r="T6594" i="10"/>
  <c r="S6466" i="10"/>
  <c r="T6466" i="10"/>
  <c r="S6338" i="10"/>
  <c r="T6338" i="10"/>
  <c r="S6210" i="10"/>
  <c r="T6210" i="10"/>
  <c r="S6082" i="10"/>
  <c r="T6082" i="10"/>
  <c r="T7385" i="10"/>
  <c r="S7385" i="10"/>
  <c r="S7257" i="10"/>
  <c r="T7257" i="10"/>
  <c r="T7129" i="10"/>
  <c r="S7129" i="10"/>
  <c r="T7001" i="10"/>
  <c r="S7001" i="10"/>
  <c r="T6873" i="10"/>
  <c r="S6873" i="10"/>
  <c r="T6745" i="10"/>
  <c r="S6745" i="10"/>
  <c r="S6617" i="10"/>
  <c r="T6617" i="10"/>
  <c r="S6489" i="10"/>
  <c r="T6489" i="10"/>
  <c r="S6361" i="10"/>
  <c r="T6361" i="10"/>
  <c r="S6233" i="10"/>
  <c r="T6233" i="10"/>
  <c r="S6105" i="10"/>
  <c r="T6105" i="10"/>
  <c r="S5721" i="10"/>
  <c r="T5721" i="10"/>
  <c r="S5593" i="10"/>
  <c r="T5593" i="10"/>
  <c r="S5465" i="10"/>
  <c r="T5465" i="10"/>
  <c r="S5337" i="10"/>
  <c r="T5337" i="10"/>
  <c r="S5209" i="10"/>
  <c r="T5209" i="10"/>
  <c r="S5081" i="10"/>
  <c r="T5081" i="10"/>
  <c r="S4953" i="10"/>
  <c r="T4953" i="10"/>
  <c r="S7392" i="10"/>
  <c r="T7392" i="10"/>
  <c r="S7264" i="10"/>
  <c r="T7264" i="10"/>
  <c r="S7136" i="10"/>
  <c r="T7136" i="10"/>
  <c r="S7008" i="10"/>
  <c r="T7008" i="10"/>
  <c r="S6880" i="10"/>
  <c r="T6880" i="10"/>
  <c r="S6752" i="10"/>
  <c r="T6752" i="10"/>
  <c r="S6624" i="10"/>
  <c r="T6624" i="10"/>
  <c r="T6496" i="10"/>
  <c r="S6496" i="10"/>
  <c r="S6368" i="10"/>
  <c r="T6368" i="10"/>
  <c r="T6240" i="10"/>
  <c r="S6240" i="10"/>
  <c r="T6112" i="10"/>
  <c r="S6112" i="10"/>
  <c r="S5984" i="10"/>
  <c r="T5984" i="10"/>
  <c r="S5856" i="10"/>
  <c r="T5856" i="10"/>
  <c r="S7351" i="10"/>
  <c r="T7351" i="10"/>
  <c r="S7223" i="10"/>
  <c r="T7223" i="10"/>
  <c r="S7095" i="10"/>
  <c r="T7095" i="10"/>
  <c r="S6967" i="10"/>
  <c r="T6967" i="10"/>
  <c r="S6839" i="10"/>
  <c r="T6839" i="10"/>
  <c r="S6711" i="10"/>
  <c r="T6711" i="10"/>
  <c r="T6583" i="10"/>
  <c r="S6583" i="10"/>
  <c r="S6455" i="10"/>
  <c r="T6455" i="10"/>
  <c r="T6327" i="10"/>
  <c r="S6327" i="10"/>
  <c r="T6199" i="10"/>
  <c r="S6199" i="10"/>
  <c r="T6071" i="10"/>
  <c r="S6071" i="10"/>
  <c r="S5943" i="10"/>
  <c r="T5943" i="10"/>
  <c r="S5815" i="10"/>
  <c r="T5815" i="10"/>
  <c r="S7342" i="10"/>
  <c r="T7342" i="10"/>
  <c r="S7214" i="10"/>
  <c r="T7214" i="10"/>
  <c r="S7086" i="10"/>
  <c r="T7086" i="10"/>
  <c r="S6958" i="10"/>
  <c r="T6958" i="10"/>
  <c r="S6830" i="10"/>
  <c r="T6830" i="10"/>
  <c r="S6702" i="10"/>
  <c r="T6702" i="10"/>
  <c r="S6574" i="10"/>
  <c r="T6574" i="10"/>
  <c r="S6446" i="10"/>
  <c r="T6446" i="10"/>
  <c r="S6318" i="10"/>
  <c r="T6318" i="10"/>
  <c r="S6190" i="10"/>
  <c r="T6190" i="10"/>
  <c r="S6062" i="10"/>
  <c r="T6062" i="10"/>
  <c r="S5395" i="10"/>
  <c r="T5395" i="10"/>
  <c r="S5267" i="10"/>
  <c r="T5267" i="10"/>
  <c r="S5139" i="10"/>
  <c r="T5139" i="10"/>
  <c r="S5011" i="10"/>
  <c r="T5011" i="10"/>
  <c r="S4883" i="10"/>
  <c r="T4883" i="10"/>
  <c r="S4755" i="10"/>
  <c r="T4755" i="10"/>
  <c r="S4627" i="10"/>
  <c r="T4627" i="10"/>
  <c r="S4499" i="10"/>
  <c r="T4499" i="10"/>
  <c r="S4371" i="10"/>
  <c r="T4371" i="10"/>
  <c r="S4243" i="10"/>
  <c r="T4243" i="10"/>
  <c r="S4115" i="10"/>
  <c r="T4115" i="10"/>
  <c r="S3987" i="10"/>
  <c r="T3987" i="10"/>
  <c r="S3859" i="10"/>
  <c r="T3859" i="10"/>
  <c r="S3731" i="10"/>
  <c r="T3731" i="10"/>
  <c r="S3603" i="10"/>
  <c r="T3603" i="10"/>
  <c r="S3475" i="10"/>
  <c r="T3475" i="10"/>
  <c r="S3347" i="10"/>
  <c r="T3347" i="10"/>
  <c r="S3219" i="10"/>
  <c r="T3219" i="10"/>
  <c r="S3091" i="10"/>
  <c r="T3091" i="10"/>
  <c r="S2963" i="10"/>
  <c r="T2963" i="10"/>
  <c r="S5650" i="10"/>
  <c r="T5650" i="10"/>
  <c r="S5522" i="10"/>
  <c r="T5522" i="10"/>
  <c r="S5394" i="10"/>
  <c r="T5394" i="10"/>
  <c r="S5266" i="10"/>
  <c r="T5266" i="10"/>
  <c r="S5138" i="10"/>
  <c r="T5138" i="10"/>
  <c r="S5010" i="10"/>
  <c r="T5010" i="10"/>
  <c r="T4882" i="10"/>
  <c r="S4882" i="10"/>
  <c r="S4754" i="10"/>
  <c r="T4754" i="10"/>
  <c r="S4626" i="10"/>
  <c r="T4626" i="10"/>
  <c r="S4498" i="10"/>
  <c r="T4498" i="10"/>
  <c r="S4370" i="10"/>
  <c r="T4370" i="10"/>
  <c r="S4242" i="10"/>
  <c r="T4242" i="10"/>
  <c r="S4114" i="10"/>
  <c r="T4114" i="10"/>
  <c r="S3986" i="10"/>
  <c r="T3986" i="10"/>
  <c r="S3858" i="10"/>
  <c r="T3858" i="10"/>
  <c r="S3730" i="10"/>
  <c r="T3730" i="10"/>
  <c r="S3602" i="10"/>
  <c r="T3602" i="10"/>
  <c r="S3474" i="10"/>
  <c r="T3474" i="10"/>
  <c r="S3346" i="10"/>
  <c r="T3346" i="10"/>
  <c r="S3218" i="10"/>
  <c r="T3218" i="10"/>
  <c r="S3090" i="10"/>
  <c r="T3090" i="10"/>
  <c r="S2962" i="10"/>
  <c r="T2962" i="10"/>
  <c r="S3805" i="10"/>
  <c r="T3805" i="10"/>
  <c r="T7373" i="10"/>
  <c r="S7373" i="10"/>
  <c r="S7117" i="10"/>
  <c r="T7117" i="10"/>
  <c r="S6861" i="10"/>
  <c r="T6861" i="10"/>
  <c r="S6605" i="10"/>
  <c r="T6605" i="10"/>
  <c r="T6349" i="10"/>
  <c r="S6349" i="10"/>
  <c r="S6093" i="10"/>
  <c r="T6093" i="10"/>
  <c r="S4865" i="10"/>
  <c r="T4865" i="10"/>
  <c r="S4737" i="10"/>
  <c r="T4737" i="10"/>
  <c r="S4609" i="10"/>
  <c r="T4609" i="10"/>
  <c r="S4481" i="10"/>
  <c r="T4481" i="10"/>
  <c r="S4353" i="10"/>
  <c r="T4353" i="10"/>
  <c r="S4225" i="10"/>
  <c r="T4225" i="10"/>
  <c r="S4097" i="10"/>
  <c r="T4097" i="10"/>
  <c r="S3969" i="10"/>
  <c r="T3969" i="10"/>
  <c r="S3841" i="10"/>
  <c r="T3841" i="10"/>
  <c r="S3713" i="10"/>
  <c r="T3713" i="10"/>
  <c r="S3585" i="10"/>
  <c r="T3585" i="10"/>
  <c r="S3457" i="10"/>
  <c r="T3457" i="10"/>
  <c r="S3329" i="10"/>
  <c r="T3329" i="10"/>
  <c r="S3201" i="10"/>
  <c r="T3201" i="10"/>
  <c r="S3073" i="10"/>
  <c r="T3073" i="10"/>
  <c r="S2945" i="10"/>
  <c r="T2945" i="10"/>
  <c r="S5824" i="10"/>
  <c r="T5824" i="10"/>
  <c r="S5696" i="10"/>
  <c r="T5696" i="10"/>
  <c r="S5568" i="10"/>
  <c r="T5568" i="10"/>
  <c r="S5440" i="10"/>
  <c r="T5440" i="10"/>
  <c r="S5312" i="10"/>
  <c r="T5312" i="10"/>
  <c r="S5184" i="10"/>
  <c r="T5184" i="10"/>
  <c r="S5056" i="10"/>
  <c r="T5056" i="10"/>
  <c r="S4928" i="10"/>
  <c r="T4928" i="10"/>
  <c r="S4800" i="10"/>
  <c r="T4800" i="10"/>
  <c r="S4672" i="10"/>
  <c r="T4672" i="10"/>
  <c r="S4544" i="10"/>
  <c r="T4544" i="10"/>
  <c r="S4416" i="10"/>
  <c r="T4416" i="10"/>
  <c r="S4288" i="10"/>
  <c r="T4288" i="10"/>
  <c r="S4160" i="10"/>
  <c r="T4160" i="10"/>
  <c r="S4032" i="10"/>
  <c r="T4032" i="10"/>
  <c r="S3904" i="10"/>
  <c r="T3904" i="10"/>
  <c r="S3776" i="10"/>
  <c r="T3776" i="10"/>
  <c r="S3648" i="10"/>
  <c r="T3648" i="10"/>
  <c r="S3520" i="10"/>
  <c r="T3520" i="10"/>
  <c r="S3392" i="10"/>
  <c r="T3392" i="10"/>
  <c r="S3264" i="10"/>
  <c r="T3264" i="10"/>
  <c r="S3136" i="10"/>
  <c r="T3136" i="10"/>
  <c r="S3008" i="10"/>
  <c r="T3008" i="10"/>
  <c r="T2880" i="10"/>
  <c r="S2880" i="10"/>
  <c r="S5743" i="10"/>
  <c r="T5743" i="10"/>
  <c r="S5615" i="10"/>
  <c r="T5615" i="10"/>
  <c r="S5487" i="10"/>
  <c r="T5487" i="10"/>
  <c r="S5359" i="10"/>
  <c r="T5359" i="10"/>
  <c r="S5231" i="10"/>
  <c r="T5231" i="10"/>
  <c r="S5103" i="10"/>
  <c r="T5103" i="10"/>
  <c r="S4975" i="10"/>
  <c r="T4975" i="10"/>
  <c r="S4847" i="10"/>
  <c r="T4847" i="10"/>
  <c r="S4719" i="10"/>
  <c r="T4719" i="10"/>
  <c r="S4591" i="10"/>
  <c r="T4591" i="10"/>
  <c r="S4463" i="10"/>
  <c r="T4463" i="10"/>
  <c r="S4335" i="10"/>
  <c r="T4335" i="10"/>
  <c r="S4207" i="10"/>
  <c r="T4207" i="10"/>
  <c r="S4079" i="10"/>
  <c r="T4079" i="10"/>
  <c r="S3951" i="10"/>
  <c r="T3951" i="10"/>
  <c r="S3823" i="10"/>
  <c r="T3823" i="10"/>
  <c r="S3695" i="10"/>
  <c r="T3695" i="10"/>
  <c r="S3567" i="10"/>
  <c r="T3567" i="10"/>
  <c r="S3439" i="10"/>
  <c r="T3439" i="10"/>
  <c r="S3311" i="10"/>
  <c r="T3311" i="10"/>
  <c r="S3183" i="10"/>
  <c r="T3183" i="10"/>
  <c r="S3055" i="10"/>
  <c r="T3055" i="10"/>
  <c r="S2927" i="10"/>
  <c r="T2927" i="10"/>
  <c r="S5270" i="10"/>
  <c r="T5270" i="10"/>
  <c r="S5142" i="10"/>
  <c r="T5142" i="10"/>
  <c r="S5014" i="10"/>
  <c r="T5014" i="10"/>
  <c r="S4886" i="10"/>
  <c r="T4886" i="10"/>
  <c r="S4758" i="10"/>
  <c r="T4758" i="10"/>
  <c r="S4630" i="10"/>
  <c r="T4630" i="10"/>
  <c r="S4502" i="10"/>
  <c r="T4502" i="10"/>
  <c r="S4374" i="10"/>
  <c r="T4374" i="10"/>
  <c r="S4246" i="10"/>
  <c r="T4246" i="10"/>
  <c r="S4118" i="10"/>
  <c r="T4118" i="10"/>
  <c r="S3990" i="10"/>
  <c r="T3990" i="10"/>
  <c r="S3862" i="10"/>
  <c r="T3862" i="10"/>
  <c r="S3734" i="10"/>
  <c r="T3734" i="10"/>
  <c r="S3606" i="10"/>
  <c r="T3606" i="10"/>
  <c r="S3478" i="10"/>
  <c r="T3478" i="10"/>
  <c r="S3350" i="10"/>
  <c r="T3350" i="10"/>
  <c r="S3222" i="10"/>
  <c r="T3222" i="10"/>
  <c r="S3094" i="10"/>
  <c r="T3094" i="10"/>
  <c r="S2966" i="10"/>
  <c r="T2966" i="10"/>
  <c r="S5621" i="10"/>
  <c r="T5621" i="10"/>
  <c r="S5365" i="10"/>
  <c r="T5365" i="10"/>
  <c r="S5109" i="10"/>
  <c r="T5109" i="10"/>
  <c r="S4853" i="10"/>
  <c r="T4853" i="10"/>
  <c r="S4597" i="10"/>
  <c r="T4597" i="10"/>
  <c r="T4341" i="10"/>
  <c r="S4085" i="10"/>
  <c r="T4085" i="10"/>
  <c r="S3829" i="10"/>
  <c r="T3829" i="10"/>
  <c r="S3573" i="10"/>
  <c r="T3573" i="10"/>
  <c r="S3317" i="10"/>
  <c r="T3317" i="10"/>
  <c r="S3061" i="10"/>
  <c r="T3061" i="10"/>
  <c r="S5652" i="10"/>
  <c r="T5652" i="10"/>
  <c r="S5524" i="10"/>
  <c r="T5524" i="10"/>
  <c r="S5396" i="10"/>
  <c r="T5396" i="10"/>
  <c r="S5268" i="10"/>
  <c r="T5268" i="10"/>
  <c r="S5140" i="10"/>
  <c r="T5140" i="10"/>
  <c r="S5012" i="10"/>
  <c r="T5012" i="10"/>
  <c r="S4884" i="10"/>
  <c r="T4884" i="10"/>
  <c r="S4756" i="10"/>
  <c r="T4756" i="10"/>
  <c r="T4628" i="10"/>
  <c r="S4628" i="10"/>
  <c r="T4500" i="10"/>
  <c r="S4500" i="10"/>
  <c r="T4372" i="10"/>
  <c r="S4372" i="10"/>
  <c r="T4244" i="10"/>
  <c r="S4244" i="10"/>
  <c r="T4116" i="10"/>
  <c r="S4116" i="10"/>
  <c r="T3988" i="10"/>
  <c r="S3988" i="10"/>
  <c r="S3860" i="10"/>
  <c r="T3860" i="10"/>
  <c r="S3732" i="10"/>
  <c r="T3732" i="10"/>
  <c r="S3604" i="10"/>
  <c r="T3604" i="10"/>
  <c r="S3476" i="10"/>
  <c r="T3476" i="10"/>
  <c r="S3348" i="10"/>
  <c r="T3348" i="10"/>
  <c r="S3220" i="10"/>
  <c r="T3220" i="10"/>
  <c r="S3092" i="10"/>
  <c r="T3092" i="10"/>
  <c r="S2964" i="10"/>
  <c r="T2964" i="10"/>
  <c r="S7397" i="10"/>
  <c r="T7397" i="10"/>
  <c r="S6245" i="10"/>
  <c r="T6245" i="10"/>
  <c r="S7333" i="10"/>
  <c r="T7333" i="10"/>
  <c r="S6693" i="10"/>
  <c r="T6693" i="10"/>
  <c r="S6181" i="10"/>
  <c r="T6181" i="10"/>
  <c r="S7004" i="10"/>
  <c r="T7004" i="10"/>
  <c r="T6492" i="10"/>
  <c r="S6492" i="10"/>
  <c r="T7379" i="10"/>
  <c r="S7379" i="10"/>
  <c r="T6995" i="10"/>
  <c r="S6995" i="10"/>
  <c r="T6355" i="10"/>
  <c r="S6355" i="10"/>
  <c r="S5587" i="10"/>
  <c r="T5587" i="10"/>
  <c r="S7130" i="10"/>
  <c r="T7130" i="10"/>
  <c r="S6618" i="10"/>
  <c r="T6618" i="10"/>
  <c r="S6362" i="10"/>
  <c r="T6362" i="10"/>
  <c r="S6106" i="10"/>
  <c r="T6106" i="10"/>
  <c r="T7153" i="10"/>
  <c r="S7153" i="10"/>
  <c r="T6897" i="10"/>
  <c r="S6897" i="10"/>
  <c r="T6641" i="10"/>
  <c r="S6641" i="10"/>
  <c r="S6513" i="10"/>
  <c r="T6513" i="10"/>
  <c r="T6257" i="10"/>
  <c r="S6257" i="10"/>
  <c r="S5489" i="10"/>
  <c r="T5489" i="10"/>
  <c r="S5233" i="10"/>
  <c r="T5233" i="10"/>
  <c r="S4977" i="10"/>
  <c r="T4977" i="10"/>
  <c r="S7416" i="10"/>
  <c r="T7416" i="10"/>
  <c r="S7160" i="10"/>
  <c r="T7160" i="10"/>
  <c r="S6904" i="10"/>
  <c r="T6904" i="10"/>
  <c r="S6648" i="10"/>
  <c r="T6648" i="10"/>
  <c r="S6264" i="10"/>
  <c r="T6264" i="10"/>
  <c r="S6008" i="10"/>
  <c r="T6008" i="10"/>
  <c r="S7375" i="10"/>
  <c r="T7375" i="10"/>
  <c r="S7119" i="10"/>
  <c r="T7119" i="10"/>
  <c r="S6735" i="10"/>
  <c r="T6735" i="10"/>
  <c r="S6479" i="10"/>
  <c r="T6479" i="10"/>
  <c r="S6223" i="10"/>
  <c r="T6223" i="10"/>
  <c r="S5967" i="10"/>
  <c r="T5967" i="10"/>
  <c r="S7366" i="10"/>
  <c r="T7366" i="10"/>
  <c r="S7110" i="10"/>
  <c r="T7110" i="10"/>
  <c r="S6854" i="10"/>
  <c r="T6854" i="10"/>
  <c r="S6598" i="10"/>
  <c r="T6598" i="10"/>
  <c r="S6342" i="10"/>
  <c r="T6342" i="10"/>
  <c r="S6086" i="10"/>
  <c r="T6086" i="10"/>
  <c r="S5291" i="10"/>
  <c r="T5291" i="10"/>
  <c r="S5035" i="10"/>
  <c r="T5035" i="10"/>
  <c r="S4651" i="10"/>
  <c r="T4651" i="10"/>
  <c r="S4395" i="10"/>
  <c r="T4395" i="10"/>
  <c r="S4139" i="10"/>
  <c r="T4139" i="10"/>
  <c r="S3755" i="10"/>
  <c r="T3755" i="10"/>
  <c r="S3499" i="10"/>
  <c r="T3499" i="10"/>
  <c r="S3115" i="10"/>
  <c r="T3115" i="10"/>
  <c r="S2859" i="10"/>
  <c r="T2859" i="10"/>
  <c r="S5674" i="10"/>
  <c r="T5674" i="10"/>
  <c r="S5418" i="10"/>
  <c r="T5418" i="10"/>
  <c r="S5162" i="10"/>
  <c r="T5162" i="10"/>
  <c r="T4906" i="10"/>
  <c r="S4906" i="10"/>
  <c r="S4650" i="10"/>
  <c r="T4650" i="10"/>
  <c r="S4394" i="10"/>
  <c r="T4394" i="10"/>
  <c r="S4138" i="10"/>
  <c r="T4138" i="10"/>
  <c r="S3882" i="10"/>
  <c r="T3882" i="10"/>
  <c r="S3626" i="10"/>
  <c r="T3626" i="10"/>
  <c r="S3370" i="10"/>
  <c r="T3370" i="10"/>
  <c r="S3114" i="10"/>
  <c r="T3114" i="10"/>
  <c r="S2858" i="10"/>
  <c r="T2858" i="10"/>
  <c r="S5397" i="10"/>
  <c r="T5397" i="10"/>
  <c r="S4885" i="10"/>
  <c r="T4885" i="10"/>
  <c r="T4373" i="10"/>
  <c r="S4373" i="10"/>
  <c r="S3861" i="10"/>
  <c r="T3861" i="10"/>
  <c r="S3349" i="10"/>
  <c r="T3349" i="10"/>
  <c r="S4665" i="10"/>
  <c r="T4665" i="10"/>
  <c r="S4409" i="10"/>
  <c r="T4409" i="10"/>
  <c r="S4153" i="10"/>
  <c r="T4153" i="10"/>
  <c r="S4025" i="10"/>
  <c r="T4025" i="10"/>
  <c r="S3641" i="10"/>
  <c r="T3641" i="10"/>
  <c r="S3513" i="10"/>
  <c r="T3513" i="10"/>
  <c r="S3257" i="10"/>
  <c r="T3257" i="10"/>
  <c r="S2873" i="10"/>
  <c r="T2873" i="10"/>
  <c r="S5624" i="10"/>
  <c r="T5624" i="10"/>
  <c r="S4728" i="10"/>
  <c r="T4728" i="10"/>
  <c r="S4472" i="10"/>
  <c r="T4472" i="10"/>
  <c r="S4216" i="10"/>
  <c r="T4216" i="10"/>
  <c r="S3960" i="10"/>
  <c r="T3960" i="10"/>
  <c r="S3704" i="10"/>
  <c r="T3704" i="10"/>
  <c r="S3320" i="10"/>
  <c r="T3320" i="10"/>
  <c r="S3064" i="10"/>
  <c r="T3064" i="10"/>
  <c r="S5799" i="10"/>
  <c r="T5799" i="10"/>
  <c r="S5543" i="10"/>
  <c r="T5543" i="10"/>
  <c r="S5287" i="10"/>
  <c r="T5287" i="10"/>
  <c r="S4903" i="10"/>
  <c r="T4903" i="10"/>
  <c r="S4647" i="10"/>
  <c r="T4647" i="10"/>
  <c r="S4391" i="10"/>
  <c r="T4391" i="10"/>
  <c r="S4135" i="10"/>
  <c r="T4135" i="10"/>
  <c r="S3751" i="10"/>
  <c r="T3751" i="10"/>
  <c r="S3495" i="10"/>
  <c r="T3495" i="10"/>
  <c r="S3239" i="10"/>
  <c r="T3239" i="10"/>
  <c r="S2983" i="10"/>
  <c r="T2983" i="10"/>
  <c r="S5710" i="10"/>
  <c r="T5710" i="10"/>
  <c r="S5326" i="10"/>
  <c r="T5326" i="10"/>
  <c r="S5070" i="10"/>
  <c r="T5070" i="10"/>
  <c r="S4814" i="10"/>
  <c r="T4814" i="10"/>
  <c r="S5485" i="10"/>
  <c r="T5485" i="10"/>
  <c r="S4973" i="10"/>
  <c r="T4973" i="10"/>
  <c r="S4461" i="10"/>
  <c r="T4461" i="10"/>
  <c r="S3949" i="10"/>
  <c r="T3949" i="10"/>
  <c r="S3437" i="10"/>
  <c r="T3437" i="10"/>
  <c r="S2925" i="10"/>
  <c r="T2925" i="10"/>
  <c r="S5740" i="10"/>
  <c r="T5740" i="10"/>
  <c r="S5484" i="10"/>
  <c r="T5484" i="10"/>
  <c r="S5100" i="10"/>
  <c r="T5100" i="10"/>
  <c r="S4844" i="10"/>
  <c r="T4844" i="10"/>
  <c r="S4588" i="10"/>
  <c r="T4588" i="10"/>
  <c r="T4332" i="10"/>
  <c r="S4332" i="10"/>
  <c r="T4076" i="10"/>
  <c r="S4076" i="10"/>
  <c r="S3692" i="10"/>
  <c r="T3692" i="10"/>
  <c r="S3436" i="10"/>
  <c r="T3436" i="10"/>
  <c r="S3180" i="10"/>
  <c r="T3180" i="10"/>
  <c r="S2924" i="10"/>
  <c r="T2924" i="10"/>
  <c r="S3165" i="10"/>
  <c r="T3165" i="10"/>
  <c r="S7229" i="10"/>
  <c r="T7229" i="10"/>
  <c r="S6717" i="10"/>
  <c r="T6717" i="10"/>
  <c r="S6205" i="10"/>
  <c r="T6205" i="10"/>
  <c r="S7252" i="10"/>
  <c r="T7252" i="10"/>
  <c r="S7124" i="10"/>
  <c r="T7124" i="10"/>
  <c r="S6868" i="10"/>
  <c r="T6868" i="10"/>
  <c r="S6484" i="10"/>
  <c r="T6484" i="10"/>
  <c r="S6100" i="10"/>
  <c r="T6100" i="10"/>
  <c r="S7371" i="10"/>
  <c r="T7371" i="10"/>
  <c r="S7115" i="10"/>
  <c r="T7115" i="10"/>
  <c r="S6859" i="10"/>
  <c r="T6859" i="10"/>
  <c r="S6603" i="10"/>
  <c r="T6603" i="10"/>
  <c r="S6219" i="10"/>
  <c r="T6219" i="10"/>
  <c r="S5707" i="10"/>
  <c r="T5707" i="10"/>
  <c r="S5451" i="10"/>
  <c r="T5451" i="10"/>
  <c r="S7250" i="10"/>
  <c r="T7250" i="10"/>
  <c r="S6994" i="10"/>
  <c r="T6994" i="10"/>
  <c r="S6738" i="10"/>
  <c r="T6738" i="10"/>
  <c r="S6482" i="10"/>
  <c r="T6482" i="10"/>
  <c r="S6226" i="10"/>
  <c r="T6226" i="10"/>
  <c r="S7273" i="10"/>
  <c r="T7273" i="10"/>
  <c r="S7017" i="10"/>
  <c r="T7017" i="10"/>
  <c r="S6633" i="10"/>
  <c r="T6633" i="10"/>
  <c r="S6377" i="10"/>
  <c r="T6377" i="10"/>
  <c r="S6121" i="10"/>
  <c r="T6121" i="10"/>
  <c r="S5609" i="10"/>
  <c r="T5609" i="10"/>
  <c r="S5353" i="10"/>
  <c r="T5353" i="10"/>
  <c r="S5097" i="10"/>
  <c r="T5097" i="10"/>
  <c r="S7408" i="10"/>
  <c r="T7408" i="10"/>
  <c r="T7152" i="10"/>
  <c r="S7152" i="10"/>
  <c r="S6896" i="10"/>
  <c r="T6896" i="10"/>
  <c r="S6640" i="10"/>
  <c r="T6640" i="10"/>
  <c r="T6384" i="10"/>
  <c r="S6384" i="10"/>
  <c r="T6128" i="10"/>
  <c r="S6128" i="10"/>
  <c r="S5872" i="10"/>
  <c r="T5872" i="10"/>
  <c r="S7239" i="10"/>
  <c r="T7239" i="10"/>
  <c r="T6855" i="10"/>
  <c r="S6855" i="10"/>
  <c r="T6599" i="10"/>
  <c r="S6599" i="10"/>
  <c r="T6343" i="10"/>
  <c r="S6343" i="10"/>
  <c r="T6087" i="10"/>
  <c r="S6087" i="10"/>
  <c r="S5831" i="10"/>
  <c r="T5831" i="10"/>
  <c r="S7230" i="10"/>
  <c r="T7230" i="10"/>
  <c r="S6974" i="10"/>
  <c r="T6974" i="10"/>
  <c r="S6590" i="10"/>
  <c r="T6590" i="10"/>
  <c r="T6334" i="10"/>
  <c r="S6334" i="10"/>
  <c r="T6078" i="10"/>
  <c r="S6078" i="10"/>
  <c r="S5155" i="10"/>
  <c r="T5155" i="10"/>
  <c r="S4771" i="10"/>
  <c r="T4771" i="10"/>
  <c r="S4515" i="10"/>
  <c r="T4515" i="10"/>
  <c r="S4259" i="10"/>
  <c r="T4259" i="10"/>
  <c r="S4003" i="10"/>
  <c r="T4003" i="10"/>
  <c r="S3747" i="10"/>
  <c r="T3747" i="10"/>
  <c r="S3491" i="10"/>
  <c r="T3491" i="10"/>
  <c r="S3107" i="10"/>
  <c r="T3107" i="10"/>
  <c r="S2851" i="10"/>
  <c r="T2851" i="10"/>
  <c r="T5666" i="10"/>
  <c r="S5666" i="10"/>
  <c r="T5410" i="10"/>
  <c r="S5410" i="10"/>
  <c r="T5154" i="10"/>
  <c r="S5154" i="10"/>
  <c r="T4898" i="10"/>
  <c r="S4898" i="10"/>
  <c r="S4514" i="10"/>
  <c r="T4514" i="10"/>
  <c r="S4258" i="10"/>
  <c r="T4258" i="10"/>
  <c r="S4002" i="10"/>
  <c r="T4002" i="10"/>
  <c r="T3746" i="10"/>
  <c r="S3746" i="10"/>
  <c r="S3362" i="10"/>
  <c r="T3362" i="10"/>
  <c r="S3106" i="10"/>
  <c r="T3106" i="10"/>
  <c r="S2850" i="10"/>
  <c r="T2850" i="10"/>
  <c r="S5709" i="10"/>
  <c r="T5709" i="10"/>
  <c r="S4941" i="10"/>
  <c r="T4941" i="10"/>
  <c r="S4429" i="10"/>
  <c r="T4429" i="10"/>
  <c r="S3917" i="10"/>
  <c r="T3917" i="10"/>
  <c r="S3405" i="10"/>
  <c r="T3405" i="10"/>
  <c r="S2893" i="10"/>
  <c r="T2893" i="10"/>
  <c r="S4957" i="10"/>
  <c r="T4957" i="10"/>
  <c r="S7133" i="10"/>
  <c r="T7133" i="10"/>
  <c r="S6621" i="10"/>
  <c r="T6621" i="10"/>
  <c r="T2896" i="10"/>
  <c r="S2896" i="10"/>
  <c r="O5925" i="10"/>
  <c r="P5925" i="10" s="1"/>
  <c r="O5980" i="10"/>
  <c r="P5980" i="10" s="1"/>
  <c r="O5852" i="10"/>
  <c r="P5852" i="10" s="1"/>
  <c r="O5971" i="10"/>
  <c r="P5971" i="10" s="1"/>
  <c r="O5843" i="10"/>
  <c r="P5843" i="10" s="1"/>
  <c r="O5978" i="10"/>
  <c r="P5978" i="10" s="1"/>
  <c r="O5850" i="10"/>
  <c r="P5850" i="10" s="1"/>
  <c r="O6001" i="10"/>
  <c r="P6001" i="10" s="1"/>
  <c r="O5873" i="10"/>
  <c r="P5873" i="10" s="1"/>
  <c r="O5958" i="10"/>
  <c r="P5958" i="10" s="1"/>
  <c r="O5830" i="10"/>
  <c r="P5830" i="10" s="1"/>
  <c r="O5368" i="10"/>
  <c r="P5368" i="10" s="1"/>
  <c r="O5240" i="10"/>
  <c r="P5240" i="10" s="1"/>
  <c r="O5112" i="10"/>
  <c r="P5112" i="10" s="1"/>
  <c r="O4984" i="10"/>
  <c r="P4984" i="10" s="1"/>
  <c r="O4856" i="10"/>
  <c r="P4856" i="10" s="1"/>
  <c r="O4686" i="10"/>
  <c r="P4686" i="10" s="1"/>
  <c r="O4558" i="10"/>
  <c r="P4558" i="10" s="1"/>
  <c r="O4430" i="10"/>
  <c r="P4430" i="10" s="1"/>
  <c r="O4302" i="10"/>
  <c r="P4302" i="10" s="1"/>
  <c r="O4174" i="10"/>
  <c r="P4174" i="10" s="1"/>
  <c r="O4046" i="10"/>
  <c r="P4046" i="10" s="1"/>
  <c r="O3918" i="10"/>
  <c r="P3918" i="10" s="1"/>
  <c r="O3790" i="10"/>
  <c r="P3790" i="10" s="1"/>
  <c r="O3662" i="10"/>
  <c r="P3662" i="10" s="1"/>
  <c r="O3534" i="10"/>
  <c r="P3534" i="10" s="1"/>
  <c r="O3406" i="10"/>
  <c r="P3406" i="10" s="1"/>
  <c r="O3278" i="10"/>
  <c r="P3278" i="10" s="1"/>
  <c r="O3150" i="10"/>
  <c r="P3150" i="10" s="1"/>
  <c r="O3022" i="10"/>
  <c r="P3022" i="10" s="1"/>
  <c r="O2894" i="10"/>
  <c r="P2894" i="10" s="1"/>
  <c r="O2766" i="10"/>
  <c r="O2638" i="10"/>
  <c r="O2510" i="10"/>
  <c r="O2382" i="10"/>
  <c r="O2254" i="10"/>
  <c r="O2126" i="10"/>
  <c r="O1998" i="10"/>
  <c r="O1870" i="10"/>
  <c r="O1742" i="10"/>
  <c r="O1614" i="10"/>
  <c r="O1486" i="10"/>
  <c r="O1358" i="10"/>
  <c r="O1230" i="10"/>
  <c r="O1102" i="10"/>
  <c r="O974" i="10"/>
  <c r="O846" i="10"/>
  <c r="O718" i="10"/>
  <c r="O590" i="10"/>
  <c r="O462" i="10"/>
  <c r="O334" i="10"/>
  <c r="O206" i="10"/>
  <c r="O78" i="10"/>
  <c r="O5949" i="10"/>
  <c r="P5949" i="10" s="1"/>
  <c r="O5972" i="10"/>
  <c r="P5972" i="10" s="1"/>
  <c r="O5844" i="10"/>
  <c r="P5844" i="10" s="1"/>
  <c r="O5963" i="10"/>
  <c r="P5963" i="10" s="1"/>
  <c r="O5835" i="10"/>
  <c r="P5835" i="10" s="1"/>
  <c r="O5970" i="10"/>
  <c r="P5970" i="10" s="1"/>
  <c r="O5842" i="10"/>
  <c r="P5842" i="10" s="1"/>
  <c r="O5993" i="10"/>
  <c r="P5993" i="10" s="1"/>
  <c r="O5865" i="10"/>
  <c r="P5865" i="10" s="1"/>
  <c r="O5950" i="10"/>
  <c r="P5950" i="10" s="1"/>
  <c r="O5822" i="10"/>
  <c r="P5822" i="10" s="1"/>
  <c r="O5798" i="10"/>
  <c r="P5798" i="10" s="1"/>
  <c r="O5796" i="10"/>
  <c r="P5796" i="10" s="1"/>
  <c r="O5877" i="10"/>
  <c r="P5877" i="10" s="1"/>
  <c r="O5932" i="10"/>
  <c r="P5932" i="10" s="1"/>
  <c r="O5923" i="10"/>
  <c r="P5923" i="10" s="1"/>
  <c r="O5795" i="10"/>
  <c r="P5795" i="10" s="1"/>
  <c r="O5930" i="10"/>
  <c r="P5930" i="10" s="1"/>
  <c r="O5802" i="10"/>
  <c r="P5802" i="10" s="1"/>
  <c r="O5953" i="10"/>
  <c r="P5953" i="10" s="1"/>
  <c r="O5825" i="10"/>
  <c r="P5825" i="10" s="1"/>
  <c r="O5910" i="10"/>
  <c r="P5910" i="10" s="1"/>
  <c r="O5973" i="10"/>
  <c r="P5973" i="10" s="1"/>
  <c r="O5342" i="10"/>
  <c r="P5342" i="10" s="1"/>
  <c r="O5214" i="10"/>
  <c r="P5214" i="10" s="1"/>
  <c r="O5086" i="10"/>
  <c r="P5086" i="10" s="1"/>
  <c r="O4958" i="10"/>
  <c r="P4958" i="10" s="1"/>
  <c r="O4830" i="10"/>
  <c r="P4830" i="10" s="1"/>
  <c r="O5933" i="10"/>
  <c r="P5933" i="10" s="1"/>
  <c r="O5956" i="10"/>
  <c r="P5956" i="10" s="1"/>
  <c r="O5828" i="10"/>
  <c r="P5828" i="10" s="1"/>
  <c r="O5947" i="10"/>
  <c r="P5947" i="10" s="1"/>
  <c r="O5819" i="10"/>
  <c r="P5819" i="10" s="1"/>
  <c r="O5954" i="10"/>
  <c r="P5954" i="10" s="1"/>
  <c r="O5826" i="10"/>
  <c r="P5826" i="10" s="1"/>
  <c r="O5977" i="10"/>
  <c r="P5977" i="10" s="1"/>
  <c r="O5849" i="10"/>
  <c r="P5849" i="10" s="1"/>
  <c r="O5934" i="10"/>
  <c r="P5934" i="10" s="1"/>
  <c r="O5782" i="10"/>
  <c r="P5782" i="10" s="1"/>
  <c r="O5654" i="10"/>
  <c r="P5654" i="10" s="1"/>
  <c r="O5526" i="10"/>
  <c r="P5526" i="10" s="1"/>
  <c r="O5398" i="10"/>
  <c r="P5398" i="10" s="1"/>
  <c r="O5780" i="10"/>
  <c r="P5780" i="10" s="1"/>
  <c r="S14" i="10"/>
  <c r="T14" i="10"/>
  <c r="E2891" i="26" l="1"/>
  <c r="E4267" i="26"/>
  <c r="E3242" i="26"/>
  <c r="E3119" i="26"/>
  <c r="E3687" i="26"/>
  <c r="E3465" i="26"/>
  <c r="E3450" i="26"/>
  <c r="E2916" i="26"/>
  <c r="E3940" i="26"/>
  <c r="E4964" i="26"/>
  <c r="E3100" i="26"/>
  <c r="E4124" i="26"/>
  <c r="E5148" i="26"/>
  <c r="E5026" i="26"/>
  <c r="E4755" i="26"/>
  <c r="E4489" i="26"/>
  <c r="E3748" i="26"/>
  <c r="E4772" i="26"/>
  <c r="E5058" i="26"/>
  <c r="E5139" i="26"/>
  <c r="E4831" i="26"/>
  <c r="E4096" i="26"/>
  <c r="E3403" i="26"/>
  <c r="E4779" i="26"/>
  <c r="E4211" i="26"/>
  <c r="E3969" i="26"/>
  <c r="E5250" i="26"/>
  <c r="E4991" i="26"/>
  <c r="E4156" i="26"/>
  <c r="E5180" i="26"/>
  <c r="E5023" i="26"/>
  <c r="E4631" i="26"/>
  <c r="E4869" i="26"/>
  <c r="E4171" i="26"/>
  <c r="E3635" i="26"/>
  <c r="E3627" i="26"/>
  <c r="E3862" i="26"/>
  <c r="E3231" i="26"/>
  <c r="E3475" i="26"/>
  <c r="E4851" i="26"/>
  <c r="E3817" i="26"/>
  <c r="E3219" i="26"/>
  <c r="E4544" i="26"/>
  <c r="E5011" i="26"/>
  <c r="E5003" i="26"/>
  <c r="E4033" i="26"/>
  <c r="E4201" i="26"/>
  <c r="E4954" i="26"/>
  <c r="E4228" i="26"/>
  <c r="E4408" i="26"/>
  <c r="E4009" i="26"/>
  <c r="E4794" i="26"/>
  <c r="E4998" i="26"/>
  <c r="E4841" i="26"/>
  <c r="E3504" i="26"/>
  <c r="E3623" i="26"/>
  <c r="E3347" i="26"/>
  <c r="E4723" i="26"/>
  <c r="E3536" i="26"/>
  <c r="E3568" i="26"/>
  <c r="E3827" i="26"/>
  <c r="E5171" i="26"/>
  <c r="E3448" i="26"/>
  <c r="E3699" i="26"/>
  <c r="E3530" i="26"/>
  <c r="E3594" i="26"/>
  <c r="E2919" i="26"/>
  <c r="E3407" i="26"/>
  <c r="E2930" i="26"/>
  <c r="E3550" i="26"/>
  <c r="E4011" i="26"/>
  <c r="E3542" i="26"/>
  <c r="E3842" i="26"/>
  <c r="E4994" i="26"/>
  <c r="E4502" i="26"/>
  <c r="E5280" i="26"/>
  <c r="E4298" i="26"/>
  <c r="E4018" i="26"/>
  <c r="E4224" i="26"/>
  <c r="E5248" i="26"/>
  <c r="E3709" i="26"/>
  <c r="E4733" i="26"/>
  <c r="E6303" i="26"/>
  <c r="E4870" i="26"/>
  <c r="E5215" i="26"/>
  <c r="E3612" i="26"/>
  <c r="E4311" i="26"/>
  <c r="E3349" i="26"/>
  <c r="E3781" i="26"/>
  <c r="E6241" i="26"/>
  <c r="E3236" i="26"/>
  <c r="E4260" i="26"/>
  <c r="E5284" i="26"/>
  <c r="E5067" i="26"/>
  <c r="E4757" i="26"/>
  <c r="E5055" i="26"/>
  <c r="E5131" i="26"/>
  <c r="E3200" i="26"/>
  <c r="E3913" i="26"/>
  <c r="E4539" i="26"/>
  <c r="E3830" i="26"/>
  <c r="E3232" i="26"/>
  <c r="E3689" i="26"/>
  <c r="E3059" i="26"/>
  <c r="E4403" i="26"/>
  <c r="E3443" i="26"/>
  <c r="E4787" i="26"/>
  <c r="E3738" i="26"/>
  <c r="E3810" i="26"/>
  <c r="E3762" i="26"/>
  <c r="E4574" i="26"/>
  <c r="E3684" i="26"/>
  <c r="E4708" i="26"/>
  <c r="E4636" i="26"/>
  <c r="E4713" i="26"/>
  <c r="E4484" i="26"/>
  <c r="E3885" i="26"/>
  <c r="E4711" i="26"/>
  <c r="E4668" i="26"/>
  <c r="E4233" i="26"/>
  <c r="E4089" i="26"/>
  <c r="E3813" i="26"/>
  <c r="E3630" i="26"/>
  <c r="E2976" i="26"/>
  <c r="E3730" i="26"/>
  <c r="E3042" i="26"/>
  <c r="E3065" i="26"/>
  <c r="E3008" i="26"/>
  <c r="E3670" i="26"/>
  <c r="E3870" i="26"/>
  <c r="E3954" i="26"/>
  <c r="E4092" i="26"/>
  <c r="E5116" i="26"/>
  <c r="E4703" i="26"/>
  <c r="E4738" i="26"/>
  <c r="E3986" i="26"/>
  <c r="E6248" i="26"/>
  <c r="E4343" i="26"/>
  <c r="E4805" i="26"/>
  <c r="E3413" i="26"/>
  <c r="E4725" i="26"/>
  <c r="E6253" i="26"/>
  <c r="C5646" i="26"/>
  <c r="Q5654" i="10"/>
  <c r="D5646" i="26" s="1"/>
  <c r="Q5947" i="10"/>
  <c r="D5939" i="26" s="1"/>
  <c r="C5939" i="26"/>
  <c r="C5334" i="26"/>
  <c r="Q5342" i="10"/>
  <c r="D5334" i="26" s="1"/>
  <c r="C5915" i="26"/>
  <c r="Q5923" i="10"/>
  <c r="D5915" i="26" s="1"/>
  <c r="C5985" i="26"/>
  <c r="Q5993" i="10"/>
  <c r="D5985" i="26" s="1"/>
  <c r="Q3150" i="10"/>
  <c r="D3142" i="26" s="1"/>
  <c r="C3142" i="26"/>
  <c r="C4166" i="26"/>
  <c r="E4166" i="26" s="1"/>
  <c r="Q4174" i="10"/>
  <c r="D4166" i="26" s="1"/>
  <c r="C5232" i="26"/>
  <c r="E5232" i="26" s="1"/>
  <c r="Q5240" i="10"/>
  <c r="D5232" i="26" s="1"/>
  <c r="C5835" i="26"/>
  <c r="Q5843" i="10"/>
  <c r="D5835" i="26" s="1"/>
  <c r="C5830" i="26"/>
  <c r="Q5838" i="10"/>
  <c r="D5830" i="26" s="1"/>
  <c r="C5852" i="26"/>
  <c r="Q5860" i="10"/>
  <c r="D5852" i="26" s="1"/>
  <c r="C5366" i="26"/>
  <c r="Q5374" i="10"/>
  <c r="D5366" i="26" s="1"/>
  <c r="C5954" i="26"/>
  <c r="Q5962" i="10"/>
  <c r="D5954" i="26" s="1"/>
  <c r="Q3270" i="10"/>
  <c r="D3262" i="26" s="1"/>
  <c r="C3262" i="26"/>
  <c r="C4286" i="26"/>
  <c r="E4286" i="26" s="1"/>
  <c r="Q4294" i="10"/>
  <c r="D4286" i="26" s="1"/>
  <c r="C5889" i="26"/>
  <c r="Q5897" i="10"/>
  <c r="D5889" i="26" s="1"/>
  <c r="C5764" i="26"/>
  <c r="Q5772" i="10"/>
  <c r="D5764" i="26" s="1"/>
  <c r="C5264" i="26"/>
  <c r="Q5272" i="10"/>
  <c r="D5264" i="26" s="1"/>
  <c r="Q6003" i="10"/>
  <c r="D5995" i="26" s="1"/>
  <c r="C5995" i="26"/>
  <c r="C5777" i="26"/>
  <c r="Q5785" i="10"/>
  <c r="D5777" i="26" s="1"/>
  <c r="C5014" i="26"/>
  <c r="Q5022" i="10"/>
  <c r="D5014" i="26" s="1"/>
  <c r="C5986" i="26"/>
  <c r="Q5994" i="10"/>
  <c r="D5986" i="26" s="1"/>
  <c r="C5829" i="26"/>
  <c r="Q5837" i="10"/>
  <c r="D5829" i="26" s="1"/>
  <c r="C5900" i="26"/>
  <c r="Q5908" i="10"/>
  <c r="D5900" i="26" s="1"/>
  <c r="Q3854" i="10"/>
  <c r="D3846" i="26" s="1"/>
  <c r="C3846" i="26"/>
  <c r="E3846" i="26" s="1"/>
  <c r="C5766" i="26"/>
  <c r="Q5774" i="10"/>
  <c r="D5766" i="26" s="1"/>
  <c r="C5801" i="26"/>
  <c r="Q5809" i="10"/>
  <c r="D5801" i="26" s="1"/>
  <c r="Q5891" i="10"/>
  <c r="D5883" i="26" s="1"/>
  <c r="C5883" i="26"/>
  <c r="Q3846" i="10"/>
  <c r="D3838" i="26" s="1"/>
  <c r="C3838" i="26"/>
  <c r="E3838" i="26" s="1"/>
  <c r="C5910" i="26"/>
  <c r="Q5918" i="10"/>
  <c r="D5910" i="26" s="1"/>
  <c r="C5932" i="26"/>
  <c r="Q5940" i="10"/>
  <c r="D5932" i="26" s="1"/>
  <c r="C5072" i="26"/>
  <c r="E5072" i="26" s="1"/>
  <c r="Q5080" i="10"/>
  <c r="D5072" i="26" s="1"/>
  <c r="C5810" i="26"/>
  <c r="Q5818" i="10"/>
  <c r="D5810" i="26" s="1"/>
  <c r="C3564" i="26"/>
  <c r="Q3572" i="10"/>
  <c r="D3564" i="26" s="1"/>
  <c r="C4588" i="26"/>
  <c r="Q4596" i="10"/>
  <c r="D4588" i="26" s="1"/>
  <c r="C5612" i="26"/>
  <c r="Q5620" i="10"/>
  <c r="D5612" i="26" s="1"/>
  <c r="C3757" i="26"/>
  <c r="E3757" i="26" s="1"/>
  <c r="Q3765" i="10"/>
  <c r="D3757" i="26" s="1"/>
  <c r="Q3190" i="10"/>
  <c r="D3182" i="26" s="1"/>
  <c r="C3182" i="26"/>
  <c r="C4206" i="26"/>
  <c r="E4206" i="26" s="1"/>
  <c r="Q4214" i="10"/>
  <c r="D4206" i="26" s="1"/>
  <c r="C5230" i="26"/>
  <c r="E5230" i="26" s="1"/>
  <c r="Q5238" i="10"/>
  <c r="D5230" i="26" s="1"/>
  <c r="Q3535" i="10"/>
  <c r="D3527" i="26" s="1"/>
  <c r="C3527" i="26"/>
  <c r="C4551" i="26"/>
  <c r="Q4559" i="10"/>
  <c r="D4551" i="26" s="1"/>
  <c r="C5575" i="26"/>
  <c r="Q5583" i="10"/>
  <c r="D5575" i="26" s="1"/>
  <c r="Q2848" i="10"/>
  <c r="D2840" i="26" s="1"/>
  <c r="C2840" i="26"/>
  <c r="Q3872" i="10"/>
  <c r="D3864" i="26" s="1"/>
  <c r="C3864" i="26"/>
  <c r="E3864" i="26" s="1"/>
  <c r="C4888" i="26"/>
  <c r="E4888" i="26" s="1"/>
  <c r="Q4896" i="10"/>
  <c r="D4888" i="26" s="1"/>
  <c r="Q3169" i="10"/>
  <c r="D3161" i="26" s="1"/>
  <c r="C3161" i="26"/>
  <c r="C4185" i="26"/>
  <c r="E4185" i="26" s="1"/>
  <c r="Q4193" i="10"/>
  <c r="D4185" i="26" s="1"/>
  <c r="C6277" i="26"/>
  <c r="Q6285" i="10"/>
  <c r="D6277" i="26" s="1"/>
  <c r="Q3314" i="10"/>
  <c r="D3306" i="26" s="1"/>
  <c r="C3306" i="26"/>
  <c r="C4330" i="26"/>
  <c r="E4330" i="26" s="1"/>
  <c r="Q4338" i="10"/>
  <c r="D4330" i="26" s="1"/>
  <c r="C5354" i="26"/>
  <c r="Q5362" i="10"/>
  <c r="D5354" i="26" s="1"/>
  <c r="Q3699" i="10"/>
  <c r="D3691" i="26" s="1"/>
  <c r="C3691" i="26"/>
  <c r="Q4723" i="10"/>
  <c r="D4715" i="26" s="1"/>
  <c r="C4715" i="26"/>
  <c r="C6278" i="26"/>
  <c r="Q6286" i="10"/>
  <c r="D6278" i="26" s="1"/>
  <c r="C7302" i="26"/>
  <c r="Q7310" i="10"/>
  <c r="D7302" i="26" s="1"/>
  <c r="C6671" i="26"/>
  <c r="Q6679" i="10"/>
  <c r="D6671" i="26" s="1"/>
  <c r="C6072" i="26"/>
  <c r="Q6080" i="10"/>
  <c r="D6072" i="26" s="1"/>
  <c r="C7096" i="26"/>
  <c r="Q7104" i="10"/>
  <c r="D7096" i="26" s="1"/>
  <c r="C5553" i="26"/>
  <c r="Q5561" i="10"/>
  <c r="D5553" i="26" s="1"/>
  <c r="C6833" i="26"/>
  <c r="Q6841" i="10"/>
  <c r="D6833" i="26" s="1"/>
  <c r="C6426" i="26"/>
  <c r="Q6434" i="10"/>
  <c r="D6426" i="26" s="1"/>
  <c r="C7450" i="26"/>
  <c r="Q7458" i="10"/>
  <c r="D7450" i="26" s="1"/>
  <c r="C6675" i="26"/>
  <c r="Q6683" i="10"/>
  <c r="D6675" i="26" s="1"/>
  <c r="C6172" i="26"/>
  <c r="Q6180" i="10"/>
  <c r="D6172" i="26" s="1"/>
  <c r="C7196" i="26"/>
  <c r="Q7204" i="10"/>
  <c r="D7196" i="26" s="1"/>
  <c r="C7397" i="26"/>
  <c r="Q7405" i="10"/>
  <c r="D7397" i="26" s="1"/>
  <c r="C3764" i="26"/>
  <c r="Q3772" i="10"/>
  <c r="D3764" i="26" s="1"/>
  <c r="C4788" i="26"/>
  <c r="E4788" i="26" s="1"/>
  <c r="Q4796" i="10"/>
  <c r="D4788" i="26" s="1"/>
  <c r="C4149" i="26"/>
  <c r="Q4157" i="10"/>
  <c r="D4149" i="26" s="1"/>
  <c r="Q3262" i="10"/>
  <c r="D3254" i="26" s="1"/>
  <c r="C3254" i="26"/>
  <c r="C4278" i="26"/>
  <c r="E4278" i="26" s="1"/>
  <c r="Q4286" i="10"/>
  <c r="D4278" i="26" s="1"/>
  <c r="Q3223" i="10"/>
  <c r="D3215" i="26" s="1"/>
  <c r="C3215" i="26"/>
  <c r="C4239" i="26"/>
  <c r="E4239" i="26" s="1"/>
  <c r="Q4247" i="10"/>
  <c r="D4239" i="26" s="1"/>
  <c r="C5263" i="26"/>
  <c r="Q5271" i="10"/>
  <c r="D5263" i="26" s="1"/>
  <c r="Q3560" i="10"/>
  <c r="D3552" i="26" s="1"/>
  <c r="E3553" i="26" s="1"/>
  <c r="C3552" i="26"/>
  <c r="E3552" i="26" s="1"/>
  <c r="C4576" i="26"/>
  <c r="E4576" i="26" s="1"/>
  <c r="Q4584" i="10"/>
  <c r="D4576" i="26" s="1"/>
  <c r="Q3241" i="10"/>
  <c r="D3233" i="26" s="1"/>
  <c r="E3234" i="26" s="1"/>
  <c r="C3233" i="26"/>
  <c r="E3233" i="26" s="1"/>
  <c r="C4257" i="26"/>
  <c r="Q4265" i="10"/>
  <c r="D4257" i="26" s="1"/>
  <c r="C6669" i="26"/>
  <c r="Q6677" i="10"/>
  <c r="D6669" i="26" s="1"/>
  <c r="Q3290" i="10"/>
  <c r="D3282" i="26" s="1"/>
  <c r="C3282" i="26"/>
  <c r="C4306" i="26"/>
  <c r="E4306" i="26" s="1"/>
  <c r="Q4314" i="10"/>
  <c r="D4306" i="26" s="1"/>
  <c r="C5330" i="26"/>
  <c r="Q5338" i="10"/>
  <c r="D5330" i="26" s="1"/>
  <c r="Q3675" i="10"/>
  <c r="D3667" i="26" s="1"/>
  <c r="E3668" i="26" s="1"/>
  <c r="C3667" i="26"/>
  <c r="C4691" i="26"/>
  <c r="Q4699" i="10"/>
  <c r="D4691" i="26" s="1"/>
  <c r="C6382" i="26"/>
  <c r="Q6390" i="10"/>
  <c r="D6382" i="26" s="1"/>
  <c r="C7406" i="26"/>
  <c r="Q7414" i="10"/>
  <c r="D7406" i="26" s="1"/>
  <c r="C6775" i="26"/>
  <c r="Q6783" i="10"/>
  <c r="D6775" i="26" s="1"/>
  <c r="C6176" i="26"/>
  <c r="Q6184" i="10"/>
  <c r="D6176" i="26" s="1"/>
  <c r="C3821" i="26"/>
  <c r="Q3829" i="10"/>
  <c r="D3821" i="26" s="1"/>
  <c r="C3404" i="26"/>
  <c r="E3404" i="26" s="1"/>
  <c r="Q3412" i="10"/>
  <c r="D3404" i="26" s="1"/>
  <c r="C4428" i="26"/>
  <c r="E4428" i="26" s="1"/>
  <c r="Q4436" i="10"/>
  <c r="D4428" i="26" s="1"/>
  <c r="C5809" i="26"/>
  <c r="Q5817" i="10"/>
  <c r="D5809" i="26" s="1"/>
  <c r="C4918" i="26"/>
  <c r="Q4926" i="10"/>
  <c r="D4918" i="26" s="1"/>
  <c r="C5870" i="26"/>
  <c r="Q5878" i="10"/>
  <c r="D5870" i="26" s="1"/>
  <c r="C4399" i="26"/>
  <c r="E4399" i="26" s="1"/>
  <c r="Q4407" i="10"/>
  <c r="D4399" i="26" s="1"/>
  <c r="C5423" i="26"/>
  <c r="Q5431" i="10"/>
  <c r="D5423" i="26" s="1"/>
  <c r="F3577" i="26"/>
  <c r="E3577" i="26"/>
  <c r="F3210" i="26"/>
  <c r="E3210" i="26"/>
  <c r="F6963" i="26"/>
  <c r="E6963" i="26"/>
  <c r="F3297" i="26"/>
  <c r="E3297" i="26"/>
  <c r="F5363" i="26"/>
  <c r="E5363" i="26"/>
  <c r="F3255" i="26"/>
  <c r="E3255" i="26"/>
  <c r="F3592" i="26"/>
  <c r="E3592" i="26"/>
  <c r="F2874" i="26"/>
  <c r="E2874" i="26"/>
  <c r="E3898" i="26"/>
  <c r="F3665" i="26"/>
  <c r="E3665" i="26"/>
  <c r="F3288" i="26"/>
  <c r="E3288" i="26"/>
  <c r="E2937" i="26"/>
  <c r="E2890" i="26"/>
  <c r="F6643" i="26"/>
  <c r="E6643" i="26"/>
  <c r="F3158" i="26"/>
  <c r="E3158" i="26"/>
  <c r="E3919" i="26"/>
  <c r="F2962" i="26"/>
  <c r="E2962" i="26"/>
  <c r="F6139" i="26"/>
  <c r="E6139" i="26"/>
  <c r="F7163" i="26"/>
  <c r="E7163" i="26"/>
  <c r="F3177" i="26"/>
  <c r="E3177" i="26"/>
  <c r="F6051" i="26"/>
  <c r="E6051" i="26"/>
  <c r="F7075" i="26"/>
  <c r="E7075" i="26"/>
  <c r="F2943" i="26"/>
  <c r="E2943" i="26"/>
  <c r="F3697" i="26"/>
  <c r="E3697" i="26"/>
  <c r="F6443" i="26"/>
  <c r="E6443" i="26"/>
  <c r="F3321" i="26"/>
  <c r="E3321" i="26"/>
  <c r="F2954" i="26"/>
  <c r="E2954" i="26"/>
  <c r="F6707" i="26"/>
  <c r="E6707" i="26"/>
  <c r="F3264" i="26"/>
  <c r="E3264" i="26"/>
  <c r="E3731" i="26"/>
  <c r="E5107" i="26"/>
  <c r="F5691" i="26"/>
  <c r="E5691" i="26"/>
  <c r="E3575" i="26"/>
  <c r="F3656" i="26"/>
  <c r="E3656" i="26"/>
  <c r="F3721" i="26"/>
  <c r="E3721" i="26"/>
  <c r="E3056" i="26"/>
  <c r="E3047" i="26"/>
  <c r="E3705" i="26"/>
  <c r="F3658" i="26"/>
  <c r="E3658" i="26"/>
  <c r="F3371" i="26"/>
  <c r="E3371" i="26"/>
  <c r="F6067" i="26"/>
  <c r="E6067" i="26"/>
  <c r="F7411" i="26"/>
  <c r="E7411" i="26"/>
  <c r="F3328" i="26"/>
  <c r="E3328" i="26"/>
  <c r="F3073" i="26"/>
  <c r="E3073" i="26"/>
  <c r="F6203" i="26"/>
  <c r="E6203" i="26"/>
  <c r="F3607" i="26"/>
  <c r="E3607" i="26"/>
  <c r="E3432" i="26"/>
  <c r="E3226" i="26"/>
  <c r="F6371" i="26"/>
  <c r="E6371" i="26"/>
  <c r="F3775" i="26"/>
  <c r="E3775" i="26"/>
  <c r="E3761" i="26"/>
  <c r="F3298" i="26"/>
  <c r="E3298" i="26"/>
  <c r="F3203" i="26"/>
  <c r="E3203" i="26"/>
  <c r="F5739" i="26"/>
  <c r="E5739" i="26"/>
  <c r="F7019" i="26"/>
  <c r="E7019" i="26"/>
  <c r="F3768" i="26"/>
  <c r="E3768" i="26"/>
  <c r="F3385" i="26"/>
  <c r="E3385" i="26"/>
  <c r="F3370" i="26"/>
  <c r="E3370" i="26"/>
  <c r="E2895" i="26"/>
  <c r="F3360" i="26"/>
  <c r="E3360" i="26"/>
  <c r="F3457" i="26"/>
  <c r="E3457" i="26"/>
  <c r="F3123" i="26"/>
  <c r="E3123" i="26"/>
  <c r="F2952" i="26"/>
  <c r="E2952" i="26"/>
  <c r="C5774" i="26"/>
  <c r="Q5782" i="10"/>
  <c r="D5774" i="26" s="1"/>
  <c r="C5820" i="26"/>
  <c r="Q5828" i="10"/>
  <c r="D5820" i="26" s="1"/>
  <c r="C5965" i="26"/>
  <c r="Q5973" i="10"/>
  <c r="D5965" i="26" s="1"/>
  <c r="C5924" i="26"/>
  <c r="Q5932" i="10"/>
  <c r="D5924" i="26" s="1"/>
  <c r="C5834" i="26"/>
  <c r="Q5842" i="10"/>
  <c r="D5834" i="26" s="1"/>
  <c r="Q3278" i="10"/>
  <c r="D3270" i="26" s="1"/>
  <c r="C3270" i="26"/>
  <c r="C4294" i="26"/>
  <c r="E4294" i="26" s="1"/>
  <c r="Q4302" i="10"/>
  <c r="D4294" i="26" s="1"/>
  <c r="C5360" i="26"/>
  <c r="Q5368" i="10"/>
  <c r="D5360" i="26" s="1"/>
  <c r="C5963" i="26"/>
  <c r="Q5971" i="10"/>
  <c r="D5963" i="26" s="1"/>
  <c r="C5958" i="26"/>
  <c r="Q5966" i="10"/>
  <c r="D5958" i="26" s="1"/>
  <c r="C5980" i="26"/>
  <c r="Q5988" i="10"/>
  <c r="D5980" i="26" s="1"/>
  <c r="C5408" i="26"/>
  <c r="Q5416" i="10"/>
  <c r="D5408" i="26" s="1"/>
  <c r="Q5827" i="10"/>
  <c r="D5819" i="26" s="1"/>
  <c r="C5819" i="26"/>
  <c r="Q3398" i="10"/>
  <c r="D3390" i="26" s="1"/>
  <c r="C3390" i="26"/>
  <c r="E3390" i="26" s="1"/>
  <c r="C4414" i="26"/>
  <c r="E4414" i="26" s="1"/>
  <c r="Q4422" i="10"/>
  <c r="D4414" i="26" s="1"/>
  <c r="C5866" i="26"/>
  <c r="Q5874" i="10"/>
  <c r="D5866" i="26" s="1"/>
  <c r="C5797" i="26"/>
  <c r="Q5805" i="10"/>
  <c r="D5797" i="26" s="1"/>
  <c r="C5854" i="26"/>
  <c r="Q5862" i="10"/>
  <c r="D5854" i="26" s="1"/>
  <c r="C5876" i="26"/>
  <c r="Q5884" i="10"/>
  <c r="D5876" i="26" s="1"/>
  <c r="C5905" i="26"/>
  <c r="Q5913" i="10"/>
  <c r="D5905" i="26" s="1"/>
  <c r="C5142" i="26"/>
  <c r="Q5150" i="10"/>
  <c r="D5142" i="26" s="1"/>
  <c r="C5851" i="26"/>
  <c r="Q5859" i="10"/>
  <c r="D5851" i="26" s="1"/>
  <c r="C5878" i="26"/>
  <c r="Q5886" i="10"/>
  <c r="D5878" i="26" s="1"/>
  <c r="C5796" i="26"/>
  <c r="Q5804" i="10"/>
  <c r="D5796" i="26" s="1"/>
  <c r="Q2958" i="10"/>
  <c r="D2950" i="26" s="1"/>
  <c r="C2950" i="26"/>
  <c r="C3974" i="26"/>
  <c r="E3974" i="26" s="1"/>
  <c r="Q3982" i="10"/>
  <c r="D3974" i="26" s="1"/>
  <c r="C4784" i="26"/>
  <c r="Q4792" i="10"/>
  <c r="D4784" i="26" s="1"/>
  <c r="C5929" i="26"/>
  <c r="Q5937" i="10"/>
  <c r="D5929" i="26" s="1"/>
  <c r="C5892" i="26"/>
  <c r="Q5900" i="10"/>
  <c r="D5892" i="26" s="1"/>
  <c r="Q2950" i="10"/>
  <c r="D2942" i="26" s="1"/>
  <c r="C2942" i="26"/>
  <c r="C3966" i="26"/>
  <c r="E3966" i="26" s="1"/>
  <c r="Q3974" i="10"/>
  <c r="D3966" i="26" s="1"/>
  <c r="C5825" i="26"/>
  <c r="Q5833" i="10"/>
  <c r="D5825" i="26" s="1"/>
  <c r="C5877" i="26"/>
  <c r="Q5885" i="10"/>
  <c r="D5877" i="26" s="1"/>
  <c r="C5200" i="26"/>
  <c r="E5200" i="26" s="1"/>
  <c r="Q5208" i="10"/>
  <c r="D5200" i="26" s="1"/>
  <c r="C5938" i="26"/>
  <c r="Q5946" i="10"/>
  <c r="D5938" i="26" s="1"/>
  <c r="C3692" i="26"/>
  <c r="Q3700" i="10"/>
  <c r="D3692" i="26" s="1"/>
  <c r="C4716" i="26"/>
  <c r="Q4724" i="10"/>
  <c r="D4716" i="26" s="1"/>
  <c r="C5740" i="26"/>
  <c r="Q5748" i="10"/>
  <c r="D5740" i="26" s="1"/>
  <c r="C4013" i="26"/>
  <c r="E4013" i="26" s="1"/>
  <c r="Q4021" i="10"/>
  <c r="D4013" i="26" s="1"/>
  <c r="Q3318" i="10"/>
  <c r="D3310" i="26" s="1"/>
  <c r="C3310" i="26"/>
  <c r="C4334" i="26"/>
  <c r="Q4342" i="10"/>
  <c r="D4334" i="26" s="1"/>
  <c r="C5358" i="26"/>
  <c r="Q5366" i="10"/>
  <c r="D5358" i="26" s="1"/>
  <c r="Q3663" i="10"/>
  <c r="D3655" i="26" s="1"/>
  <c r="C3655" i="26"/>
  <c r="C4679" i="26"/>
  <c r="Q4687" i="10"/>
  <c r="D4679" i="26" s="1"/>
  <c r="C5703" i="26"/>
  <c r="Q5711" i="10"/>
  <c r="D5703" i="26" s="1"/>
  <c r="Q2976" i="10"/>
  <c r="D2968" i="26" s="1"/>
  <c r="C2968" i="26"/>
  <c r="E2968" i="26" s="1"/>
  <c r="C3992" i="26"/>
  <c r="E3992" i="26" s="1"/>
  <c r="Q4000" i="10"/>
  <c r="D3992" i="26" s="1"/>
  <c r="C5016" i="26"/>
  <c r="E5016" i="26" s="1"/>
  <c r="Q5024" i="10"/>
  <c r="D5016" i="26" s="1"/>
  <c r="Q3297" i="10"/>
  <c r="D3289" i="26" s="1"/>
  <c r="C3289" i="26"/>
  <c r="C4313" i="26"/>
  <c r="E4313" i="26" s="1"/>
  <c r="Q4321" i="10"/>
  <c r="D4313" i="26" s="1"/>
  <c r="C6533" i="26"/>
  <c r="Q6541" i="10"/>
  <c r="D6533" i="26" s="1"/>
  <c r="Q3442" i="10"/>
  <c r="D3434" i="26" s="1"/>
  <c r="C3434" i="26"/>
  <c r="E3434" i="26" s="1"/>
  <c r="C4458" i="26"/>
  <c r="E4458" i="26" s="1"/>
  <c r="Q4466" i="10"/>
  <c r="D4458" i="26" s="1"/>
  <c r="C5482" i="26"/>
  <c r="Q5490" i="10"/>
  <c r="D5482" i="26" s="1"/>
  <c r="Q3827" i="10"/>
  <c r="D3819" i="26" s="1"/>
  <c r="C3819" i="26"/>
  <c r="Q4851" i="10"/>
  <c r="D4843" i="26" s="1"/>
  <c r="C4843" i="26"/>
  <c r="C6406" i="26"/>
  <c r="Q6414" i="10"/>
  <c r="D6406" i="26" s="1"/>
  <c r="C7430" i="26"/>
  <c r="Q7438" i="10"/>
  <c r="D7430" i="26" s="1"/>
  <c r="C6799" i="26"/>
  <c r="Q6807" i="10"/>
  <c r="D6799" i="26" s="1"/>
  <c r="C6200" i="26"/>
  <c r="Q6208" i="10"/>
  <c r="D6200" i="26" s="1"/>
  <c r="C7224" i="26"/>
  <c r="Q7232" i="10"/>
  <c r="D7224" i="26" s="1"/>
  <c r="C5681" i="26"/>
  <c r="Q5689" i="10"/>
  <c r="D5681" i="26" s="1"/>
  <c r="C6961" i="26"/>
  <c r="Q6969" i="10"/>
  <c r="D6961" i="26" s="1"/>
  <c r="C6554" i="26"/>
  <c r="Q6562" i="10"/>
  <c r="D6554" i="26" s="1"/>
  <c r="C5523" i="26"/>
  <c r="Q5531" i="10"/>
  <c r="D5523" i="26" s="1"/>
  <c r="C6803" i="26"/>
  <c r="Q6811" i="10"/>
  <c r="D6803" i="26" s="1"/>
  <c r="C6300" i="26"/>
  <c r="E6300" i="26" s="1"/>
  <c r="Q6308" i="10"/>
  <c r="D6300" i="26" s="1"/>
  <c r="C7324" i="26"/>
  <c r="Q7332" i="10"/>
  <c r="D7324" i="26" s="1"/>
  <c r="C3093" i="26"/>
  <c r="E3093" i="26" s="1"/>
  <c r="Q3101" i="10"/>
  <c r="D3093" i="26" s="1"/>
  <c r="C2868" i="26"/>
  <c r="E2868" i="26" s="1"/>
  <c r="Q2876" i="10"/>
  <c r="D2868" i="26" s="1"/>
  <c r="C3892" i="26"/>
  <c r="E3892" i="26" s="1"/>
  <c r="Q3900" i="10"/>
  <c r="D3892" i="26" s="1"/>
  <c r="C4916" i="26"/>
  <c r="E4916" i="26" s="1"/>
  <c r="Q4924" i="10"/>
  <c r="D4916" i="26" s="1"/>
  <c r="C4405" i="26"/>
  <c r="Q4413" i="10"/>
  <c r="D4405" i="26" s="1"/>
  <c r="Q3390" i="10"/>
  <c r="D3382" i="26" s="1"/>
  <c r="C3382" i="26"/>
  <c r="C4406" i="26"/>
  <c r="Q4414" i="10"/>
  <c r="D4406" i="26" s="1"/>
  <c r="Q3351" i="10"/>
  <c r="D3343" i="26" s="1"/>
  <c r="E3344" i="26" s="1"/>
  <c r="C3343" i="26"/>
  <c r="C4367" i="26"/>
  <c r="Q4375" i="10"/>
  <c r="D4367" i="26" s="1"/>
  <c r="C5391" i="26"/>
  <c r="Q5399" i="10"/>
  <c r="D5391" i="26" s="1"/>
  <c r="Q3688" i="10"/>
  <c r="D3680" i="26" s="1"/>
  <c r="C3680" i="26"/>
  <c r="E3680" i="26" s="1"/>
  <c r="C4704" i="26"/>
  <c r="E4704" i="26" s="1"/>
  <c r="Q4712" i="10"/>
  <c r="D4704" i="26" s="1"/>
  <c r="Q3369" i="10"/>
  <c r="D3361" i="26" s="1"/>
  <c r="C3361" i="26"/>
  <c r="C4385" i="26"/>
  <c r="E4385" i="26" s="1"/>
  <c r="Q4393" i="10"/>
  <c r="D4385" i="26" s="1"/>
  <c r="C6925" i="26"/>
  <c r="Q6933" i="10"/>
  <c r="D6925" i="26" s="1"/>
  <c r="Q3418" i="10"/>
  <c r="D3410" i="26" s="1"/>
  <c r="C3410" i="26"/>
  <c r="E3410" i="26" s="1"/>
  <c r="C4434" i="26"/>
  <c r="E4434" i="26" s="1"/>
  <c r="Q4442" i="10"/>
  <c r="D4434" i="26" s="1"/>
  <c r="C5458" i="26"/>
  <c r="Q5466" i="10"/>
  <c r="D5458" i="26" s="1"/>
  <c r="Q3803" i="10"/>
  <c r="D3795" i="26" s="1"/>
  <c r="C3795" i="26"/>
  <c r="C4819" i="26"/>
  <c r="Q4827" i="10"/>
  <c r="D4819" i="26" s="1"/>
  <c r="C6510" i="26"/>
  <c r="Q6518" i="10"/>
  <c r="D6510" i="26" s="1"/>
  <c r="C5879" i="26"/>
  <c r="Q5887" i="10"/>
  <c r="D5879" i="26" s="1"/>
  <c r="C6903" i="26"/>
  <c r="Q6911" i="10"/>
  <c r="D6903" i="26" s="1"/>
  <c r="C4077" i="26"/>
  <c r="Q4085" i="10"/>
  <c r="D4077" i="26" s="1"/>
  <c r="C3532" i="26"/>
  <c r="E3532" i="26" s="1"/>
  <c r="Q3540" i="10"/>
  <c r="D3532" i="26" s="1"/>
  <c r="C4556" i="26"/>
  <c r="E4556" i="26" s="1"/>
  <c r="Q4564" i="10"/>
  <c r="D4556" i="26" s="1"/>
  <c r="C5937" i="26"/>
  <c r="Q5945" i="10"/>
  <c r="D5937" i="26" s="1"/>
  <c r="C5046" i="26"/>
  <c r="E5046" i="26" s="1"/>
  <c r="Q5054" i="10"/>
  <c r="D5046" i="26" s="1"/>
  <c r="C5998" i="26"/>
  <c r="Q6006" i="10"/>
  <c r="D5998" i="26" s="1"/>
  <c r="C4527" i="26"/>
  <c r="E4527" i="26" s="1"/>
  <c r="Q4535" i="10"/>
  <c r="D4527" i="26" s="1"/>
  <c r="C5551" i="26"/>
  <c r="Q5559" i="10"/>
  <c r="D5551" i="26" s="1"/>
  <c r="E3628" i="26"/>
  <c r="F5580" i="26"/>
  <c r="E5580" i="26"/>
  <c r="F5639" i="26"/>
  <c r="E5639" i="26"/>
  <c r="E5304" i="26"/>
  <c r="F6597" i="26"/>
  <c r="E6597" i="26"/>
  <c r="E6246" i="26"/>
  <c r="F7343" i="26"/>
  <c r="E7343" i="26"/>
  <c r="F7064" i="26"/>
  <c r="E7064" i="26"/>
  <c r="F6129" i="26"/>
  <c r="E6129" i="26"/>
  <c r="F6010" i="26"/>
  <c r="E6010" i="26"/>
  <c r="F7386" i="26"/>
  <c r="E7386" i="26"/>
  <c r="F6876" i="26"/>
  <c r="E6876" i="26"/>
  <c r="F4470" i="26"/>
  <c r="E4470" i="26"/>
  <c r="F5359" i="26"/>
  <c r="E5359" i="26"/>
  <c r="F5650" i="26"/>
  <c r="E5650" i="26"/>
  <c r="E3987" i="26"/>
  <c r="F7310" i="26"/>
  <c r="E7310" i="26"/>
  <c r="F6999" i="26"/>
  <c r="E6999" i="26"/>
  <c r="F6624" i="26"/>
  <c r="E6624" i="26"/>
  <c r="F6329" i="26"/>
  <c r="E6329" i="26"/>
  <c r="F7353" i="26"/>
  <c r="E7353" i="26"/>
  <c r="F6914" i="26"/>
  <c r="E6914" i="26"/>
  <c r="F6107" i="26"/>
  <c r="E6107" i="26"/>
  <c r="F7131" i="26"/>
  <c r="E7131" i="26"/>
  <c r="F6692" i="26"/>
  <c r="E6692" i="26"/>
  <c r="F6573" i="26"/>
  <c r="E6573" i="26"/>
  <c r="F3324" i="26"/>
  <c r="E3324" i="26"/>
  <c r="F5372" i="26"/>
  <c r="E5372" i="26"/>
  <c r="F3453" i="26"/>
  <c r="E3453" i="26"/>
  <c r="F4477" i="26"/>
  <c r="E4477" i="26"/>
  <c r="E4616" i="26"/>
  <c r="F5640" i="26"/>
  <c r="E5640" i="26"/>
  <c r="F7381" i="26"/>
  <c r="E7381" i="26"/>
  <c r="F6678" i="26"/>
  <c r="E6678" i="26"/>
  <c r="F6047" i="26"/>
  <c r="E6047" i="26"/>
  <c r="F7071" i="26"/>
  <c r="E7071" i="26"/>
  <c r="F6472" i="26"/>
  <c r="E6472" i="26"/>
  <c r="E4929" i="26"/>
  <c r="F6177" i="26"/>
  <c r="E6177" i="26"/>
  <c r="F7201" i="26"/>
  <c r="E7201" i="26"/>
  <c r="F6794" i="26"/>
  <c r="E6794" i="26"/>
  <c r="F6019" i="26"/>
  <c r="E6019" i="26"/>
  <c r="F7043" i="26"/>
  <c r="E7043" i="26"/>
  <c r="F6636" i="26"/>
  <c r="E6636" i="26"/>
  <c r="F6389" i="26"/>
  <c r="E6389" i="26"/>
  <c r="F3172" i="26"/>
  <c r="E3172" i="26"/>
  <c r="F5605" i="26"/>
  <c r="E5605" i="26"/>
  <c r="F5648" i="26"/>
  <c r="E5648" i="26"/>
  <c r="E3970" i="26"/>
  <c r="F6782" i="26"/>
  <c r="E6782" i="26"/>
  <c r="F6151" i="26"/>
  <c r="E6151" i="26"/>
  <c r="F7175" i="26"/>
  <c r="E7175" i="26"/>
  <c r="F6576" i="26"/>
  <c r="E6576" i="26"/>
  <c r="F6313" i="26"/>
  <c r="E6313" i="26"/>
  <c r="F7337" i="26"/>
  <c r="E7337" i="26"/>
  <c r="F6930" i="26"/>
  <c r="E6930" i="26"/>
  <c r="F6155" i="26"/>
  <c r="E6155" i="26"/>
  <c r="F7179" i="26"/>
  <c r="E7179" i="26"/>
  <c r="F6772" i="26"/>
  <c r="E6772" i="26"/>
  <c r="F6333" i="26"/>
  <c r="E6333" i="26"/>
  <c r="F7357" i="26"/>
  <c r="E7357" i="26"/>
  <c r="F3212" i="26"/>
  <c r="E3212" i="26"/>
  <c r="F5260" i="26"/>
  <c r="E5260" i="26"/>
  <c r="F5613" i="26"/>
  <c r="E5613" i="26"/>
  <c r="F5326" i="26"/>
  <c r="E5326" i="26"/>
  <c r="E3975" i="26"/>
  <c r="F4664" i="26"/>
  <c r="E4664" i="26"/>
  <c r="E4281" i="26"/>
  <c r="F5642" i="26"/>
  <c r="E5642" i="26"/>
  <c r="E3979" i="26"/>
  <c r="F5323" i="26"/>
  <c r="E5323" i="26"/>
  <c r="F7334" i="26"/>
  <c r="E7334" i="26"/>
  <c r="F7023" i="26"/>
  <c r="E7023" i="26"/>
  <c r="F6776" i="26"/>
  <c r="E6776" i="26"/>
  <c r="F5585" i="26"/>
  <c r="E5585" i="26"/>
  <c r="F7185" i="26"/>
  <c r="E7185" i="26"/>
  <c r="F7098" i="26"/>
  <c r="E7098" i="26"/>
  <c r="F6588" i="26"/>
  <c r="E6588" i="26"/>
  <c r="F7013" i="26"/>
  <c r="E7013" i="26"/>
  <c r="F5455" i="26"/>
  <c r="E5455" i="26"/>
  <c r="F6029" i="26"/>
  <c r="E6029" i="26"/>
  <c r="F5682" i="26"/>
  <c r="E5682" i="26"/>
  <c r="F5395" i="26"/>
  <c r="E5395" i="26"/>
  <c r="F7342" i="26"/>
  <c r="E7342" i="26"/>
  <c r="F7063" i="26"/>
  <c r="E7063" i="26"/>
  <c r="F6656" i="26"/>
  <c r="E6656" i="26"/>
  <c r="F6361" i="26"/>
  <c r="E6361" i="26"/>
  <c r="F7385" i="26"/>
  <c r="E7385" i="26"/>
  <c r="F6946" i="26"/>
  <c r="E6946" i="26"/>
  <c r="F6724" i="26"/>
  <c r="E6724" i="26"/>
  <c r="F6637" i="26"/>
  <c r="E6637" i="26"/>
  <c r="F3356" i="26"/>
  <c r="E3356" i="26"/>
  <c r="F4136" i="26"/>
  <c r="E4136" i="26"/>
  <c r="F6933" i="26"/>
  <c r="E6933" i="26"/>
  <c r="F3717" i="26"/>
  <c r="E3717" i="26"/>
  <c r="F6710" i="26"/>
  <c r="E6710" i="26"/>
  <c r="F6079" i="26"/>
  <c r="E6079" i="26"/>
  <c r="F7103" i="26"/>
  <c r="E7103" i="26"/>
  <c r="F6504" i="26"/>
  <c r="E6504" i="26"/>
  <c r="F6209" i="26"/>
  <c r="E6209" i="26"/>
  <c r="F7233" i="26"/>
  <c r="E7233" i="26"/>
  <c r="E6826" i="26"/>
  <c r="F6668" i="26"/>
  <c r="E6668" i="26"/>
  <c r="F6453" i="26"/>
  <c r="E6453" i="26"/>
  <c r="F3204" i="26"/>
  <c r="E3204" i="26"/>
  <c r="E3967" i="26"/>
  <c r="E4048" i="26"/>
  <c r="F5680" i="26"/>
  <c r="E5680" i="26"/>
  <c r="E4237" i="26"/>
  <c r="E4258" i="26"/>
  <c r="F6046" i="26"/>
  <c r="E6046" i="26"/>
  <c r="F7070" i="26"/>
  <c r="E7070" i="26"/>
  <c r="F6439" i="26"/>
  <c r="E6439" i="26"/>
  <c r="F5840" i="26"/>
  <c r="E5840" i="26"/>
  <c r="F6864" i="26"/>
  <c r="E6864" i="26"/>
  <c r="F5321" i="26"/>
  <c r="E5321" i="26"/>
  <c r="F6601" i="26"/>
  <c r="E6601" i="26"/>
  <c r="F6194" i="26"/>
  <c r="E6194" i="26"/>
  <c r="F7218" i="26"/>
  <c r="E7218" i="26"/>
  <c r="F6036" i="26"/>
  <c r="E6036" i="26"/>
  <c r="F7060" i="26"/>
  <c r="E7060" i="26"/>
  <c r="F6621" i="26"/>
  <c r="E6621" i="26"/>
  <c r="F6973" i="26"/>
  <c r="E6973" i="26"/>
  <c r="E3756" i="26"/>
  <c r="F5676" i="26"/>
  <c r="E5676" i="26"/>
  <c r="F5677" i="26"/>
  <c r="E5677" i="26"/>
  <c r="E4014" i="26"/>
  <c r="F5422" i="26"/>
  <c r="E5422" i="26"/>
  <c r="E4007" i="26"/>
  <c r="F5383" i="26"/>
  <c r="E5383" i="26"/>
  <c r="E5048" i="26"/>
  <c r="F4665" i="26"/>
  <c r="E4665" i="26"/>
  <c r="F5674" i="26"/>
  <c r="E5674" i="26"/>
  <c r="F5387" i="26"/>
  <c r="E5387" i="26"/>
  <c r="F7366" i="26"/>
  <c r="E7366" i="26"/>
  <c r="F7087" i="26"/>
  <c r="E7087" i="26"/>
  <c r="F6808" i="26"/>
  <c r="E6808" i="26"/>
  <c r="F5617" i="26"/>
  <c r="E5617" i="26"/>
  <c r="F7249" i="26"/>
  <c r="E7249" i="26"/>
  <c r="F7130" i="26"/>
  <c r="E7130" i="26"/>
  <c r="F6620" i="26"/>
  <c r="E6620" i="26"/>
  <c r="F7077" i="26"/>
  <c r="E7077" i="26"/>
  <c r="F3604" i="26"/>
  <c r="E3604" i="26"/>
  <c r="E3957" i="26"/>
  <c r="F5494" i="26"/>
  <c r="E5494" i="26"/>
  <c r="F4463" i="26"/>
  <c r="E4463" i="26"/>
  <c r="F4640" i="26"/>
  <c r="E4640" i="26"/>
  <c r="F5394" i="26"/>
  <c r="E5394" i="26"/>
  <c r="F7054" i="26"/>
  <c r="E7054" i="26"/>
  <c r="F6743" i="26"/>
  <c r="E6743" i="26"/>
  <c r="F6432" i="26"/>
  <c r="E6432" i="26"/>
  <c r="E4889" i="26"/>
  <c r="F6137" i="26"/>
  <c r="E6137" i="26"/>
  <c r="F7161" i="26"/>
  <c r="E7161" i="26"/>
  <c r="F6722" i="26"/>
  <c r="E6722" i="26"/>
  <c r="F6939" i="26"/>
  <c r="E6939" i="26"/>
  <c r="F6500" i="26"/>
  <c r="E6500" i="26"/>
  <c r="F6189" i="26"/>
  <c r="E6189" i="26"/>
  <c r="F3132" i="26"/>
  <c r="E3132" i="26"/>
  <c r="F3261" i="26"/>
  <c r="E3261" i="26"/>
  <c r="F5309" i="26"/>
  <c r="E5309" i="26"/>
  <c r="F5502" i="26"/>
  <c r="E5502" i="26"/>
  <c r="E4599" i="26"/>
  <c r="F5623" i="26"/>
  <c r="E5623" i="26"/>
  <c r="F5704" i="26"/>
  <c r="E5704" i="26"/>
  <c r="F3269" i="26"/>
  <c r="E3269" i="26"/>
  <c r="F5317" i="26"/>
  <c r="E5317" i="26"/>
  <c r="E4730" i="26"/>
  <c r="F5754" i="26"/>
  <c r="E5754" i="26"/>
  <c r="F6486" i="26"/>
  <c r="E6486" i="26"/>
  <c r="F5855" i="26"/>
  <c r="E5855" i="26"/>
  <c r="F6879" i="26"/>
  <c r="E6879" i="26"/>
  <c r="F6280" i="26"/>
  <c r="E6280" i="26"/>
  <c r="F7304" i="26"/>
  <c r="E7304" i="26"/>
  <c r="F5761" i="26"/>
  <c r="E5761" i="26"/>
  <c r="F7009" i="26"/>
  <c r="E7009" i="26"/>
  <c r="F6602" i="26"/>
  <c r="E6602" i="26"/>
  <c r="F5571" i="26"/>
  <c r="E5571" i="26"/>
  <c r="F6851" i="26"/>
  <c r="E6851" i="26"/>
  <c r="F6444" i="26"/>
  <c r="E6444" i="26"/>
  <c r="F6005" i="26"/>
  <c r="E6005" i="26"/>
  <c r="E3685" i="26"/>
  <c r="F5733" i="26"/>
  <c r="E5733" i="26"/>
  <c r="F4582" i="26"/>
  <c r="E4582" i="26"/>
  <c r="E4080" i="26"/>
  <c r="F5712" i="26"/>
  <c r="E5712" i="26"/>
  <c r="F5314" i="26"/>
  <c r="E5314" i="26"/>
  <c r="F6078" i="26"/>
  <c r="E6078" i="26"/>
  <c r="F7102" i="26"/>
  <c r="E7102" i="26"/>
  <c r="F6471" i="26"/>
  <c r="E6471" i="26"/>
  <c r="F5872" i="26"/>
  <c r="E5872" i="26"/>
  <c r="F6896" i="26"/>
  <c r="E6896" i="26"/>
  <c r="F5353" i="26"/>
  <c r="E5353" i="26"/>
  <c r="F6633" i="26"/>
  <c r="E6633" i="26"/>
  <c r="F6226" i="26"/>
  <c r="E6226" i="26"/>
  <c r="F7250" i="26"/>
  <c r="E7250" i="26"/>
  <c r="F6475" i="26"/>
  <c r="E6475" i="26"/>
  <c r="F6068" i="26"/>
  <c r="E6068" i="26"/>
  <c r="F7092" i="26"/>
  <c r="E7092" i="26"/>
  <c r="F6653" i="26"/>
  <c r="E6653" i="26"/>
  <c r="F7188" i="26"/>
  <c r="E7188" i="26"/>
  <c r="F4364" i="26"/>
  <c r="E4364" i="26"/>
  <c r="F5767" i="26"/>
  <c r="E5767" i="26"/>
  <c r="E4056" i="26"/>
  <c r="F5432" i="26"/>
  <c r="E5432" i="26"/>
  <c r="F6149" i="26"/>
  <c r="E6149" i="26"/>
  <c r="E5034" i="26"/>
  <c r="F6726" i="26"/>
  <c r="E6726" i="26"/>
  <c r="F6447" i="26"/>
  <c r="E6447" i="26"/>
  <c r="F6168" i="26"/>
  <c r="E6168" i="26"/>
  <c r="F6609" i="26"/>
  <c r="E6609" i="26"/>
  <c r="F6490" i="26"/>
  <c r="E6490" i="26"/>
  <c r="F7356" i="26"/>
  <c r="E7356" i="26"/>
  <c r="E2964" i="26"/>
  <c r="E4340" i="26"/>
  <c r="F5716" i="26"/>
  <c r="E5716" i="26"/>
  <c r="F5365" i="26"/>
  <c r="E5365" i="26"/>
  <c r="E4053" i="26"/>
  <c r="F5426" i="26"/>
  <c r="E5426" i="26"/>
  <c r="E4115" i="26"/>
  <c r="F6062" i="26"/>
  <c r="E6062" i="26"/>
  <c r="F7438" i="26"/>
  <c r="E7438" i="26"/>
  <c r="F7127" i="26"/>
  <c r="E7127" i="26"/>
  <c r="F6720" i="26"/>
  <c r="E6720" i="26"/>
  <c r="F6425" i="26"/>
  <c r="E6425" i="26"/>
  <c r="F7449" i="26"/>
  <c r="E7449" i="26"/>
  <c r="F7010" i="26"/>
  <c r="E7010" i="26"/>
  <c r="F7227" i="26"/>
  <c r="E7227" i="26"/>
  <c r="F6788" i="26"/>
  <c r="E6788" i="26"/>
  <c r="F6765" i="26"/>
  <c r="E6765" i="26"/>
  <c r="F3164" i="26"/>
  <c r="E3164" i="26"/>
  <c r="F3293" i="26"/>
  <c r="E3293" i="26"/>
  <c r="F5341" i="26"/>
  <c r="E5341" i="26"/>
  <c r="F4254" i="26"/>
  <c r="E4254" i="26"/>
  <c r="F5534" i="26"/>
  <c r="E5534" i="26"/>
  <c r="F5399" i="26"/>
  <c r="E5399" i="26"/>
  <c r="E4456" i="26"/>
  <c r="F5480" i="26"/>
  <c r="E5480" i="26"/>
  <c r="F7061" i="26"/>
  <c r="E7061" i="26"/>
  <c r="F4357" i="26"/>
  <c r="E4357" i="26"/>
  <c r="E4250" i="26"/>
  <c r="F6006" i="26"/>
  <c r="E6006" i="26"/>
  <c r="F7030" i="26"/>
  <c r="E7030" i="26"/>
  <c r="F6399" i="26"/>
  <c r="E6399" i="26"/>
  <c r="F7423" i="26"/>
  <c r="E7423" i="26"/>
  <c r="E5281" i="26"/>
  <c r="F6529" i="26"/>
  <c r="E6529" i="26"/>
  <c r="F6122" i="26"/>
  <c r="E6122" i="26"/>
  <c r="F7146" i="26"/>
  <c r="E7146" i="26"/>
  <c r="F7395" i="26"/>
  <c r="E7395" i="26"/>
  <c r="F6988" i="26"/>
  <c r="E6988" i="26"/>
  <c r="F7093" i="26"/>
  <c r="E7093" i="26"/>
  <c r="F3524" i="26"/>
  <c r="E3524" i="26"/>
  <c r="F5572" i="26"/>
  <c r="E5572" i="26"/>
  <c r="E4773" i="26"/>
  <c r="F4134" i="26"/>
  <c r="E4134" i="26"/>
  <c r="F5574" i="26"/>
  <c r="E5574" i="26"/>
  <c r="F5744" i="26"/>
  <c r="E5744" i="26"/>
  <c r="E4785" i="26"/>
  <c r="F4365" i="26"/>
  <c r="E4365" i="26"/>
  <c r="E4322" i="26"/>
  <c r="F5346" i="26"/>
  <c r="E5346" i="26"/>
  <c r="E4227" i="26"/>
  <c r="E4995" i="26"/>
  <c r="F6622" i="26"/>
  <c r="E6622" i="26"/>
  <c r="F5991" i="26"/>
  <c r="E5991" i="26"/>
  <c r="F7015" i="26"/>
  <c r="E7015" i="26"/>
  <c r="F6416" i="26"/>
  <c r="E6416" i="26"/>
  <c r="F7440" i="26"/>
  <c r="E7440" i="26"/>
  <c r="F6153" i="26"/>
  <c r="E6153" i="26"/>
  <c r="F7177" i="26"/>
  <c r="E7177" i="26"/>
  <c r="F6770" i="26"/>
  <c r="E6770" i="26"/>
  <c r="F6612" i="26"/>
  <c r="E6612" i="26"/>
  <c r="F6173" i="26"/>
  <c r="E6173" i="26"/>
  <c r="F7197" i="26"/>
  <c r="E7197" i="26"/>
  <c r="F3372" i="26"/>
  <c r="E3372" i="26"/>
  <c r="F5420" i="26"/>
  <c r="E5420" i="26"/>
  <c r="E4430" i="26"/>
  <c r="F5678" i="26"/>
  <c r="E5678" i="26"/>
  <c r="F5479" i="26"/>
  <c r="E5479" i="26"/>
  <c r="E5112" i="26"/>
  <c r="E4746" i="26"/>
  <c r="F6758" i="26"/>
  <c r="E6758" i="26"/>
  <c r="F6479" i="26"/>
  <c r="E6479" i="26"/>
  <c r="F6232" i="26"/>
  <c r="E6232" i="26"/>
  <c r="F6641" i="26"/>
  <c r="E6641" i="26"/>
  <c r="F6522" i="26"/>
  <c r="E6522" i="26"/>
  <c r="F6099" i="26"/>
  <c r="E6099" i="26"/>
  <c r="F6012" i="26"/>
  <c r="E6012" i="26"/>
  <c r="F7388" i="26"/>
  <c r="E7388" i="26"/>
  <c r="F4372" i="26"/>
  <c r="E4372" i="26"/>
  <c r="F5748" i="26"/>
  <c r="E5748" i="26"/>
  <c r="F5493" i="26"/>
  <c r="E5493" i="26"/>
  <c r="E3958" i="26"/>
  <c r="F4591" i="26"/>
  <c r="E4591" i="26"/>
  <c r="E4736" i="26"/>
  <c r="F4466" i="26"/>
  <c r="E4466" i="26"/>
  <c r="F6446" i="26"/>
  <c r="E6446" i="26"/>
  <c r="F6167" i="26"/>
  <c r="E6167" i="26"/>
  <c r="F5888" i="26"/>
  <c r="E5888" i="26"/>
  <c r="F7008" i="26"/>
  <c r="E7008" i="26"/>
  <c r="F5465" i="26"/>
  <c r="E5465" i="26"/>
  <c r="F6713" i="26"/>
  <c r="E6713" i="26"/>
  <c r="F6274" i="26"/>
  <c r="E6274" i="26"/>
  <c r="F7298" i="26"/>
  <c r="E7298" i="26"/>
  <c r="F6491" i="26"/>
  <c r="E6491" i="26"/>
  <c r="F6052" i="26"/>
  <c r="E6052" i="26"/>
  <c r="F7076" i="26"/>
  <c r="E7076" i="26"/>
  <c r="F7341" i="26"/>
  <c r="E7341" i="26"/>
  <c r="F3452" i="26"/>
  <c r="E3452" i="26"/>
  <c r="F4476" i="26"/>
  <c r="E4476" i="26"/>
  <c r="F5500" i="26"/>
  <c r="E5500" i="26"/>
  <c r="E3581" i="26"/>
  <c r="E4605" i="26"/>
  <c r="F5629" i="26"/>
  <c r="E5629" i="26"/>
  <c r="E4798" i="26"/>
  <c r="E4919" i="26"/>
  <c r="C5926" i="26"/>
  <c r="Q5934" i="10"/>
  <c r="D5926" i="26" s="1"/>
  <c r="C5948" i="26"/>
  <c r="Q5956" i="10"/>
  <c r="D5948" i="26" s="1"/>
  <c r="C5902" i="26"/>
  <c r="Q5910" i="10"/>
  <c r="D5902" i="26" s="1"/>
  <c r="C5869" i="26"/>
  <c r="Q5877" i="10"/>
  <c r="D5869" i="26" s="1"/>
  <c r="C5962" i="26"/>
  <c r="Q5970" i="10"/>
  <c r="D5962" i="26" s="1"/>
  <c r="Q3406" i="10"/>
  <c r="D3398" i="26" s="1"/>
  <c r="C3398" i="26"/>
  <c r="E3398" i="26" s="1"/>
  <c r="C4422" i="26"/>
  <c r="E4422" i="26" s="1"/>
  <c r="Q4430" i="10"/>
  <c r="D4422" i="26" s="1"/>
  <c r="C5822" i="26"/>
  <c r="Q5830" i="10"/>
  <c r="D5822" i="26" s="1"/>
  <c r="C5844" i="26"/>
  <c r="Q5852" i="10"/>
  <c r="D5844" i="26" s="1"/>
  <c r="C5873" i="26"/>
  <c r="Q5881" i="10"/>
  <c r="D5873" i="26" s="1"/>
  <c r="C5989" i="26"/>
  <c r="Q5997" i="10"/>
  <c r="D5989" i="26" s="1"/>
  <c r="C5536" i="26"/>
  <c r="Q5544" i="10"/>
  <c r="D5536" i="26" s="1"/>
  <c r="Q5955" i="10"/>
  <c r="D5947" i="26" s="1"/>
  <c r="C5947" i="26"/>
  <c r="Q3526" i="10"/>
  <c r="D3518" i="26" s="1"/>
  <c r="C3518" i="26"/>
  <c r="C4542" i="26"/>
  <c r="E4542" i="26" s="1"/>
  <c r="Q4550" i="10"/>
  <c r="D4542" i="26" s="1"/>
  <c r="C5994" i="26"/>
  <c r="Q6002" i="10"/>
  <c r="D5994" i="26" s="1"/>
  <c r="C5478" i="26"/>
  <c r="Q5486" i="10"/>
  <c r="D5478" i="26" s="1"/>
  <c r="C5982" i="26"/>
  <c r="Q5990" i="10"/>
  <c r="D5982" i="26" s="1"/>
  <c r="C6004" i="26"/>
  <c r="Q6012" i="10"/>
  <c r="D6004" i="26" s="1"/>
  <c r="C5454" i="26"/>
  <c r="Q5462" i="10"/>
  <c r="D5454" i="26" s="1"/>
  <c r="C5882" i="26"/>
  <c r="Q5890" i="10"/>
  <c r="D5882" i="26" s="1"/>
  <c r="C5270" i="26"/>
  <c r="Q5278" i="10"/>
  <c r="D5270" i="26" s="1"/>
  <c r="C5979" i="26"/>
  <c r="Q5987" i="10"/>
  <c r="D5979" i="26" s="1"/>
  <c r="C5793" i="26"/>
  <c r="Q5801" i="10"/>
  <c r="D5793" i="26" s="1"/>
  <c r="C5861" i="26"/>
  <c r="Q5869" i="10"/>
  <c r="D5861" i="26" s="1"/>
  <c r="Q3086" i="10"/>
  <c r="D3078" i="26" s="1"/>
  <c r="C3078" i="26"/>
  <c r="C4102" i="26"/>
  <c r="E4102" i="26" s="1"/>
  <c r="Q4110" i="10"/>
  <c r="D4102" i="26" s="1"/>
  <c r="C4912" i="26"/>
  <c r="Q4920" i="10"/>
  <c r="D4912" i="26" s="1"/>
  <c r="C5778" i="26"/>
  <c r="Q5786" i="10"/>
  <c r="D5778" i="26" s="1"/>
  <c r="C5853" i="26"/>
  <c r="Q5861" i="10"/>
  <c r="D5853" i="26" s="1"/>
  <c r="Q3078" i="10"/>
  <c r="D3070" i="26" s="1"/>
  <c r="C3070" i="26"/>
  <c r="C4094" i="26"/>
  <c r="E4094" i="26" s="1"/>
  <c r="Q4102" i="10"/>
  <c r="D4094" i="26" s="1"/>
  <c r="C5953" i="26"/>
  <c r="Q5961" i="10"/>
  <c r="D5953" i="26" s="1"/>
  <c r="C5414" i="26"/>
  <c r="Q5422" i="10"/>
  <c r="D5414" i="26" s="1"/>
  <c r="C5328" i="26"/>
  <c r="Q5336" i="10"/>
  <c r="D5328" i="26" s="1"/>
  <c r="Q5811" i="10"/>
  <c r="D5803" i="26" s="1"/>
  <c r="C5803" i="26"/>
  <c r="C3820" i="26"/>
  <c r="E3820" i="26" s="1"/>
  <c r="Q3828" i="10"/>
  <c r="D3820" i="26" s="1"/>
  <c r="C4844" i="26"/>
  <c r="Q4852" i="10"/>
  <c r="D4844" i="26" s="1"/>
  <c r="C4269" i="26"/>
  <c r="E4269" i="26" s="1"/>
  <c r="Q4277" i="10"/>
  <c r="D4269" i="26" s="1"/>
  <c r="Q3446" i="10"/>
  <c r="D3438" i="26" s="1"/>
  <c r="C3438" i="26"/>
  <c r="E3438" i="26" s="1"/>
  <c r="C4462" i="26"/>
  <c r="Q4470" i="10"/>
  <c r="D4462" i="26" s="1"/>
  <c r="C5486" i="26"/>
  <c r="Q5494" i="10"/>
  <c r="D5486" i="26" s="1"/>
  <c r="Q3791" i="10"/>
  <c r="D3783" i="26" s="1"/>
  <c r="C3783" i="26"/>
  <c r="C4807" i="26"/>
  <c r="E4807" i="26" s="1"/>
  <c r="Q4815" i="10"/>
  <c r="D4807" i="26" s="1"/>
  <c r="Q3104" i="10"/>
  <c r="D3096" i="26" s="1"/>
  <c r="C3096" i="26"/>
  <c r="E3096" i="26" s="1"/>
  <c r="C4120" i="26"/>
  <c r="E4120" i="26" s="1"/>
  <c r="Q4128" i="10"/>
  <c r="D4120" i="26" s="1"/>
  <c r="C5144" i="26"/>
  <c r="E5144" i="26" s="1"/>
  <c r="Q5152" i="10"/>
  <c r="D5144" i="26" s="1"/>
  <c r="Q3425" i="10"/>
  <c r="D3417" i="26" s="1"/>
  <c r="C3417" i="26"/>
  <c r="E3417" i="26" s="1"/>
  <c r="C4441" i="26"/>
  <c r="Q4449" i="10"/>
  <c r="D4441" i="26" s="1"/>
  <c r="C6789" i="26"/>
  <c r="Q6797" i="10"/>
  <c r="D6789" i="26" s="1"/>
  <c r="Q3570" i="10"/>
  <c r="D3562" i="26" s="1"/>
  <c r="C3562" i="26"/>
  <c r="E3562" i="26" s="1"/>
  <c r="C4586" i="26"/>
  <c r="Q4594" i="10"/>
  <c r="D4586" i="26" s="1"/>
  <c r="C5610" i="26"/>
  <c r="Q5618" i="10"/>
  <c r="D5610" i="26" s="1"/>
  <c r="Q2931" i="10"/>
  <c r="D2923" i="26" s="1"/>
  <c r="C2923" i="26"/>
  <c r="Q3955" i="10"/>
  <c r="D3947" i="26" s="1"/>
  <c r="C3947" i="26"/>
  <c r="Q4979" i="10"/>
  <c r="D4971" i="26" s="1"/>
  <c r="C4971" i="26"/>
  <c r="C6534" i="26"/>
  <c r="Q6542" i="10"/>
  <c r="D6534" i="26" s="1"/>
  <c r="C5903" i="26"/>
  <c r="Q5911" i="10"/>
  <c r="D5903" i="26" s="1"/>
  <c r="C6927" i="26"/>
  <c r="Q6935" i="10"/>
  <c r="D6927" i="26" s="1"/>
  <c r="C6328" i="26"/>
  <c r="Q6336" i="10"/>
  <c r="D6328" i="26" s="1"/>
  <c r="C7352" i="26"/>
  <c r="Q7360" i="10"/>
  <c r="D7352" i="26" s="1"/>
  <c r="C6065" i="26"/>
  <c r="Q6073" i="10"/>
  <c r="D6065" i="26" s="1"/>
  <c r="C7089" i="26"/>
  <c r="Q7097" i="10"/>
  <c r="D7089" i="26" s="1"/>
  <c r="C6682" i="26"/>
  <c r="Q6690" i="10"/>
  <c r="D6682" i="26" s="1"/>
  <c r="C5651" i="26"/>
  <c r="Q5659" i="10"/>
  <c r="D5651" i="26" s="1"/>
  <c r="C6931" i="26"/>
  <c r="Q6939" i="10"/>
  <c r="D6931" i="26" s="1"/>
  <c r="C6428" i="26"/>
  <c r="Q6436" i="10"/>
  <c r="D6428" i="26" s="1"/>
  <c r="C7452" i="26"/>
  <c r="Q7460" i="10"/>
  <c r="D7452" i="26" s="1"/>
  <c r="C5013" i="26"/>
  <c r="E5013" i="26" s="1"/>
  <c r="Q5021" i="10"/>
  <c r="D5013" i="26" s="1"/>
  <c r="C2996" i="26"/>
  <c r="E2996" i="26" s="1"/>
  <c r="Q3004" i="10"/>
  <c r="D2996" i="26" s="1"/>
  <c r="C4020" i="26"/>
  <c r="E4020" i="26" s="1"/>
  <c r="Q4028" i="10"/>
  <c r="D4020" i="26" s="1"/>
  <c r="C5044" i="26"/>
  <c r="E5044" i="26" s="1"/>
  <c r="Q5052" i="10"/>
  <c r="D5044" i="26" s="1"/>
  <c r="C4661" i="26"/>
  <c r="Q4669" i="10"/>
  <c r="D4661" i="26" s="1"/>
  <c r="Q3518" i="10"/>
  <c r="D3510" i="26" s="1"/>
  <c r="C3510" i="26"/>
  <c r="E3510" i="26" s="1"/>
  <c r="C4534" i="26"/>
  <c r="E4534" i="26" s="1"/>
  <c r="Q4542" i="10"/>
  <c r="D4534" i="26" s="1"/>
  <c r="Q3479" i="10"/>
  <c r="D3471" i="26" s="1"/>
  <c r="C3471" i="26"/>
  <c r="E3471" i="26" s="1"/>
  <c r="C4495" i="26"/>
  <c r="E4495" i="26" s="1"/>
  <c r="Q4503" i="10"/>
  <c r="D4495" i="26" s="1"/>
  <c r="C5519" i="26"/>
  <c r="Q5527" i="10"/>
  <c r="D5519" i="26" s="1"/>
  <c r="Q3816" i="10"/>
  <c r="D3808" i="26" s="1"/>
  <c r="E3809" i="26" s="1"/>
  <c r="C3808" i="26"/>
  <c r="E3808" i="26" s="1"/>
  <c r="C4832" i="26"/>
  <c r="E4832" i="26" s="1"/>
  <c r="Q4840" i="10"/>
  <c r="D4832" i="26" s="1"/>
  <c r="Q3497" i="10"/>
  <c r="D3489" i="26" s="1"/>
  <c r="C3489" i="26"/>
  <c r="E3489" i="26" s="1"/>
  <c r="C4513" i="26"/>
  <c r="E4513" i="26" s="1"/>
  <c r="Q4521" i="10"/>
  <c r="D4513" i="26" s="1"/>
  <c r="C7181" i="26"/>
  <c r="Q7189" i="10"/>
  <c r="D7181" i="26" s="1"/>
  <c r="Q3546" i="10"/>
  <c r="D3538" i="26" s="1"/>
  <c r="C3538" i="26"/>
  <c r="E3538" i="26" s="1"/>
  <c r="C4562" i="26"/>
  <c r="E4562" i="26" s="1"/>
  <c r="Q4570" i="10"/>
  <c r="D4562" i="26" s="1"/>
  <c r="C5586" i="26"/>
  <c r="Q5594" i="10"/>
  <c r="D5586" i="26" s="1"/>
  <c r="Q2907" i="10"/>
  <c r="D2899" i="26" s="1"/>
  <c r="C2899" i="26"/>
  <c r="Q3931" i="10"/>
  <c r="D3923" i="26" s="1"/>
  <c r="C3923" i="26"/>
  <c r="C4947" i="26"/>
  <c r="Q4955" i="10"/>
  <c r="D4947" i="26" s="1"/>
  <c r="C6638" i="26"/>
  <c r="Q6646" i="10"/>
  <c r="D6638" i="26" s="1"/>
  <c r="C6007" i="26"/>
  <c r="Q6015" i="10"/>
  <c r="D6007" i="26" s="1"/>
  <c r="C7031" i="26"/>
  <c r="Q7039" i="10"/>
  <c r="D7031" i="26" s="1"/>
  <c r="C4333" i="26"/>
  <c r="Q4341" i="10"/>
  <c r="D4333" i="26" s="1"/>
  <c r="C3660" i="26"/>
  <c r="Q3668" i="10"/>
  <c r="D3660" i="26" s="1"/>
  <c r="C4684" i="26"/>
  <c r="E4684" i="26" s="1"/>
  <c r="Q4692" i="10"/>
  <c r="D4684" i="26" s="1"/>
  <c r="T5794" i="10"/>
  <c r="C5786" i="26"/>
  <c r="Q5794" i="10"/>
  <c r="D5786" i="26" s="1"/>
  <c r="T5182" i="10"/>
  <c r="C5174" i="26"/>
  <c r="Q5182" i="10"/>
  <c r="D5174" i="26" s="1"/>
  <c r="Q3639" i="10"/>
  <c r="D3631" i="26" s="1"/>
  <c r="C3631" i="26"/>
  <c r="E3631" i="26" s="1"/>
  <c r="C4655" i="26"/>
  <c r="Q4663" i="10"/>
  <c r="D4655" i="26" s="1"/>
  <c r="C5679" i="26"/>
  <c r="Q5687" i="10"/>
  <c r="D5679" i="26" s="1"/>
  <c r="F3246" i="26"/>
  <c r="E3246" i="26"/>
  <c r="F5683" i="26"/>
  <c r="E5683" i="26"/>
  <c r="F7283" i="26"/>
  <c r="E7283" i="26"/>
  <c r="F2848" i="26"/>
  <c r="E2848" i="26"/>
  <c r="F3649" i="26"/>
  <c r="E3649" i="26"/>
  <c r="F3250" i="26"/>
  <c r="E3250" i="26"/>
  <c r="F2963" i="26"/>
  <c r="E2963" i="26"/>
  <c r="F3657" i="26"/>
  <c r="E3657" i="26"/>
  <c r="F3130" i="26"/>
  <c r="E3130" i="26"/>
  <c r="F3259" i="26"/>
  <c r="E3259" i="26"/>
  <c r="F3167" i="26"/>
  <c r="E3167" i="26"/>
  <c r="F3248" i="26"/>
  <c r="E3248" i="26"/>
  <c r="F3458" i="26"/>
  <c r="E3458" i="26"/>
  <c r="F3363" i="26"/>
  <c r="E3363" i="26"/>
  <c r="F7435" i="26"/>
  <c r="E7435" i="26"/>
  <c r="F2958" i="26"/>
  <c r="E2958" i="26"/>
  <c r="F2951" i="26"/>
  <c r="E2951" i="26"/>
  <c r="F3640" i="26"/>
  <c r="E3640" i="26"/>
  <c r="F3257" i="26"/>
  <c r="E3257" i="26"/>
  <c r="F2955" i="26"/>
  <c r="E2955" i="26"/>
  <c r="F2880" i="26"/>
  <c r="E2880" i="26"/>
  <c r="F3314" i="26"/>
  <c r="E3314" i="26"/>
  <c r="F6395" i="26"/>
  <c r="E6395" i="26"/>
  <c r="F3287" i="26"/>
  <c r="E3287" i="26"/>
  <c r="F3368" i="26"/>
  <c r="E3368" i="26"/>
  <c r="F3162" i="26"/>
  <c r="E3162" i="26"/>
  <c r="F3291" i="26"/>
  <c r="E3291" i="26"/>
  <c r="F6307" i="26"/>
  <c r="E6307" i="26"/>
  <c r="F3280" i="26"/>
  <c r="E3280" i="26"/>
  <c r="F3651" i="26"/>
  <c r="E3651" i="26"/>
  <c r="F5419" i="26"/>
  <c r="E5419" i="26"/>
  <c r="F6699" i="26"/>
  <c r="E6699" i="26"/>
  <c r="F7316" i="26"/>
  <c r="E7316" i="26"/>
  <c r="F2983" i="26"/>
  <c r="E2983" i="26"/>
  <c r="F3641" i="26"/>
  <c r="E3641" i="26"/>
  <c r="F3274" i="26"/>
  <c r="E3274" i="26"/>
  <c r="F2987" i="26"/>
  <c r="E2987" i="26"/>
  <c r="F5427" i="26"/>
  <c r="E5427" i="26"/>
  <c r="F7027" i="26"/>
  <c r="E7027" i="26"/>
  <c r="F3151" i="26"/>
  <c r="E3151" i="26"/>
  <c r="E3831" i="26"/>
  <c r="F2888" i="26"/>
  <c r="E2888" i="26"/>
  <c r="F2953" i="26"/>
  <c r="E2953" i="26"/>
  <c r="F2938" i="26"/>
  <c r="E2938" i="26"/>
  <c r="E3046" i="26"/>
  <c r="F3312" i="26"/>
  <c r="E3312" i="26"/>
  <c r="F2961" i="26"/>
  <c r="E2961" i="26"/>
  <c r="F3522" i="26"/>
  <c r="E3522" i="26"/>
  <c r="F7348" i="26"/>
  <c r="E7348" i="26"/>
  <c r="F3374" i="26"/>
  <c r="E3374" i="26"/>
  <c r="F3367" i="26"/>
  <c r="E3367" i="26"/>
  <c r="E3032" i="26"/>
  <c r="F3723" i="26"/>
  <c r="E3723" i="26"/>
  <c r="F6387" i="26"/>
  <c r="E6387" i="26"/>
  <c r="E2902" i="26"/>
  <c r="F3183" i="26"/>
  <c r="E3183" i="26"/>
  <c r="F3648" i="26"/>
  <c r="E3648" i="26"/>
  <c r="F4467" i="26"/>
  <c r="E4467" i="26"/>
  <c r="F6459" i="26"/>
  <c r="E6459" i="26"/>
  <c r="F2839" i="26"/>
  <c r="E2839" i="26"/>
  <c r="E3863" i="26"/>
  <c r="E3688" i="26"/>
  <c r="F3753" i="26"/>
  <c r="E3753" i="26"/>
  <c r="F6627" i="26"/>
  <c r="E6627" i="26"/>
  <c r="F7244" i="26"/>
  <c r="E7244" i="26"/>
  <c r="E2993" i="26"/>
  <c r="F3459" i="26"/>
  <c r="E3459" i="26"/>
  <c r="F7275" i="26"/>
  <c r="E7275" i="26"/>
  <c r="F3079" i="26"/>
  <c r="E3079" i="26"/>
  <c r="F3722" i="26"/>
  <c r="E3722" i="26"/>
  <c r="F3755" i="26"/>
  <c r="E3755" i="26"/>
  <c r="F6451" i="26"/>
  <c r="E6451" i="26"/>
  <c r="F3247" i="26"/>
  <c r="E3247" i="26"/>
  <c r="F3712" i="26"/>
  <c r="E3712" i="26"/>
  <c r="E3442" i="26"/>
  <c r="F5499" i="26"/>
  <c r="E5499" i="26"/>
  <c r="F3294" i="26"/>
  <c r="E3294" i="26"/>
  <c r="F3127" i="26"/>
  <c r="E3127" i="26"/>
  <c r="F3208" i="26"/>
  <c r="E3208" i="26"/>
  <c r="F3273" i="26"/>
  <c r="E3273" i="26"/>
  <c r="F3514" i="26"/>
  <c r="E3514" i="26"/>
  <c r="F3643" i="26"/>
  <c r="E3643" i="26"/>
  <c r="E4667" i="26"/>
  <c r="F7276" i="26"/>
  <c r="E7276" i="26"/>
  <c r="E3039" i="26"/>
  <c r="E3120" i="26"/>
  <c r="E3793" i="26"/>
  <c r="F3074" i="26"/>
  <c r="E3074" i="26"/>
  <c r="E3235" i="26"/>
  <c r="E4259" i="26"/>
  <c r="E5283" i="26"/>
  <c r="F7307" i="26"/>
  <c r="E7307" i="26"/>
  <c r="E3790" i="26"/>
  <c r="F3754" i="26"/>
  <c r="E3754" i="26"/>
  <c r="C5841" i="26"/>
  <c r="Q5849" i="10"/>
  <c r="D5841" i="26" s="1"/>
  <c r="C5925" i="26"/>
  <c r="Q5933" i="10"/>
  <c r="D5925" i="26" s="1"/>
  <c r="C5817" i="26"/>
  <c r="Q5825" i="10"/>
  <c r="D5817" i="26" s="1"/>
  <c r="C5788" i="26"/>
  <c r="Q5796" i="10"/>
  <c r="D5788" i="26" s="1"/>
  <c r="C5827" i="26"/>
  <c r="Q5835" i="10"/>
  <c r="D5827" i="26" s="1"/>
  <c r="Q3534" i="10"/>
  <c r="D3526" i="26" s="1"/>
  <c r="C3526" i="26"/>
  <c r="C4550" i="26"/>
  <c r="E4550" i="26" s="1"/>
  <c r="Q4558" i="10"/>
  <c r="D4550" i="26" s="1"/>
  <c r="C5950" i="26"/>
  <c r="Q5958" i="10"/>
  <c r="D5950" i="26" s="1"/>
  <c r="C5972" i="26"/>
  <c r="Q5980" i="10"/>
  <c r="D5972" i="26" s="1"/>
  <c r="C6001" i="26"/>
  <c r="Q6009" i="10"/>
  <c r="D6001" i="26" s="1"/>
  <c r="C5813" i="26"/>
  <c r="Q5821" i="10"/>
  <c r="D5813" i="26" s="1"/>
  <c r="C5664" i="26"/>
  <c r="Q5672" i="10"/>
  <c r="D5664" i="26" s="1"/>
  <c r="C5828" i="26"/>
  <c r="Q5836" i="10"/>
  <c r="D5828" i="26" s="1"/>
  <c r="Q3654" i="10"/>
  <c r="D3646" i="26" s="1"/>
  <c r="C3646" i="26"/>
  <c r="C4670" i="26"/>
  <c r="E4670" i="26" s="1"/>
  <c r="Q4678" i="10"/>
  <c r="D4670" i="26" s="1"/>
  <c r="Q5867" i="10"/>
  <c r="D5859" i="26" s="1"/>
  <c r="C5859" i="26"/>
  <c r="C5606" i="26"/>
  <c r="Q5614" i="10"/>
  <c r="D5606" i="26" s="1"/>
  <c r="C5769" i="26"/>
  <c r="Q5777" i="10"/>
  <c r="D5769" i="26" s="1"/>
  <c r="C5949" i="26"/>
  <c r="Q5957" i="10"/>
  <c r="D5949" i="26" s="1"/>
  <c r="C5582" i="26"/>
  <c r="Q5590" i="10"/>
  <c r="D5582" i="26" s="1"/>
  <c r="Q5883" i="10"/>
  <c r="D5875" i="26" s="1"/>
  <c r="C5875" i="26"/>
  <c r="C5782" i="26"/>
  <c r="Q5790" i="10"/>
  <c r="D5782" i="26" s="1"/>
  <c r="C5860" i="26"/>
  <c r="Q5868" i="10"/>
  <c r="D5860" i="26" s="1"/>
  <c r="C5921" i="26"/>
  <c r="Q5929" i="10"/>
  <c r="D5921" i="26" s="1"/>
  <c r="Q3214" i="10"/>
  <c r="D3206" i="26" s="1"/>
  <c r="C3206" i="26"/>
  <c r="C4230" i="26"/>
  <c r="E4230" i="26" s="1"/>
  <c r="Q4238" i="10"/>
  <c r="D4230" i="26" s="1"/>
  <c r="C5040" i="26"/>
  <c r="Q5048" i="10"/>
  <c r="D5040" i="26" s="1"/>
  <c r="C5906" i="26"/>
  <c r="Q5914" i="10"/>
  <c r="D5906" i="26" s="1"/>
  <c r="Q3206" i="10"/>
  <c r="D3198" i="26" s="1"/>
  <c r="C3198" i="26"/>
  <c r="E3198" i="26" s="1"/>
  <c r="C4222" i="26"/>
  <c r="E4222" i="26" s="1"/>
  <c r="Q4230" i="10"/>
  <c r="D4222" i="26" s="1"/>
  <c r="C5802" i="26"/>
  <c r="Q5810" i="10"/>
  <c r="D5802" i="26" s="1"/>
  <c r="C5542" i="26"/>
  <c r="Q5550" i="10"/>
  <c r="D5542" i="26" s="1"/>
  <c r="C5837" i="26"/>
  <c r="Q5845" i="10"/>
  <c r="D5837" i="26" s="1"/>
  <c r="Q5939" i="10"/>
  <c r="D5931" i="26" s="1"/>
  <c r="C5931" i="26"/>
  <c r="C2924" i="26"/>
  <c r="E2924" i="26" s="1"/>
  <c r="Q2932" i="10"/>
  <c r="D2924" i="26" s="1"/>
  <c r="C3948" i="26"/>
  <c r="Q3956" i="10"/>
  <c r="D3948" i="26" s="1"/>
  <c r="C4972" i="26"/>
  <c r="E4972" i="26" s="1"/>
  <c r="Q4980" i="10"/>
  <c r="D4972" i="26" s="1"/>
  <c r="C4525" i="26"/>
  <c r="E4525" i="26" s="1"/>
  <c r="Q4533" i="10"/>
  <c r="D4525" i="26" s="1"/>
  <c r="Q3574" i="10"/>
  <c r="D3566" i="26" s="1"/>
  <c r="C3566" i="26"/>
  <c r="C4590" i="26"/>
  <c r="Q4598" i="10"/>
  <c r="D4590" i="26" s="1"/>
  <c r="C5614" i="26"/>
  <c r="Q5622" i="10"/>
  <c r="D5614" i="26" s="1"/>
  <c r="Q2895" i="10"/>
  <c r="D2887" i="26" s="1"/>
  <c r="C2887" i="26"/>
  <c r="Q3919" i="10"/>
  <c r="D3911" i="26" s="1"/>
  <c r="C3911" i="26"/>
  <c r="C4935" i="26"/>
  <c r="E4935" i="26" s="1"/>
  <c r="Q4943" i="10"/>
  <c r="D4935" i="26" s="1"/>
  <c r="Q3232" i="10"/>
  <c r="D3224" i="26" s="1"/>
  <c r="E3225" i="26" s="1"/>
  <c r="C3224" i="26"/>
  <c r="E3224" i="26" s="1"/>
  <c r="C4248" i="26"/>
  <c r="E4248" i="26" s="1"/>
  <c r="Q4256" i="10"/>
  <c r="D4248" i="26" s="1"/>
  <c r="C5272" i="26"/>
  <c r="E5272" i="26" s="1"/>
  <c r="Q5280" i="10"/>
  <c r="D5272" i="26" s="1"/>
  <c r="Q3553" i="10"/>
  <c r="D3545" i="26" s="1"/>
  <c r="C3545" i="26"/>
  <c r="E3545" i="26" s="1"/>
  <c r="C4569" i="26"/>
  <c r="E4569" i="26" s="1"/>
  <c r="Q4577" i="10"/>
  <c r="D4569" i="26" s="1"/>
  <c r="C7045" i="26"/>
  <c r="Q7053" i="10"/>
  <c r="D7045" i="26" s="1"/>
  <c r="Q3698" i="10"/>
  <c r="D3690" i="26" s="1"/>
  <c r="C3690" i="26"/>
  <c r="E3690" i="26" s="1"/>
  <c r="C4714" i="26"/>
  <c r="E4714" i="26" s="1"/>
  <c r="Q4722" i="10"/>
  <c r="D4714" i="26" s="1"/>
  <c r="C5738" i="26"/>
  <c r="Q5746" i="10"/>
  <c r="D5738" i="26" s="1"/>
  <c r="Q3059" i="10"/>
  <c r="D3051" i="26" s="1"/>
  <c r="C3051" i="26"/>
  <c r="Q4083" i="10"/>
  <c r="D4075" i="26" s="1"/>
  <c r="C4075" i="26"/>
  <c r="Q5107" i="10"/>
  <c r="D5099" i="26" s="1"/>
  <c r="C5099" i="26"/>
  <c r="C6662" i="26"/>
  <c r="Q6670" i="10"/>
  <c r="D6662" i="26" s="1"/>
  <c r="C6031" i="26"/>
  <c r="Q6039" i="10"/>
  <c r="D6031" i="26" s="1"/>
  <c r="C7055" i="26"/>
  <c r="Q7063" i="10"/>
  <c r="D7055" i="26" s="1"/>
  <c r="C6456" i="26"/>
  <c r="Q6464" i="10"/>
  <c r="D6456" i="26" s="1"/>
  <c r="C4913" i="26"/>
  <c r="E4913" i="26" s="1"/>
  <c r="Q4921" i="10"/>
  <c r="D4913" i="26" s="1"/>
  <c r="C6193" i="26"/>
  <c r="Q6201" i="10"/>
  <c r="D6193" i="26" s="1"/>
  <c r="C7217" i="26"/>
  <c r="Q7225" i="10"/>
  <c r="D7217" i="26" s="1"/>
  <c r="C6810" i="26"/>
  <c r="Q6818" i="10"/>
  <c r="D6810" i="26" s="1"/>
  <c r="C6035" i="26"/>
  <c r="Q6043" i="10"/>
  <c r="D6035" i="26" s="1"/>
  <c r="C7059" i="26"/>
  <c r="Q7067" i="10"/>
  <c r="D7059" i="26" s="1"/>
  <c r="C6556" i="26"/>
  <c r="Q6564" i="10"/>
  <c r="D6556" i="26" s="1"/>
  <c r="C6117" i="26"/>
  <c r="Q6125" i="10"/>
  <c r="D6117" i="26" s="1"/>
  <c r="C3124" i="26"/>
  <c r="Q3132" i="10"/>
  <c r="D3124" i="26" s="1"/>
  <c r="C4148" i="26"/>
  <c r="E4148" i="26" s="1"/>
  <c r="Q4156" i="10"/>
  <c r="D4148" i="26" s="1"/>
  <c r="C5172" i="26"/>
  <c r="E5172" i="26" s="1"/>
  <c r="Q5180" i="10"/>
  <c r="D5172" i="26" s="1"/>
  <c r="C2869" i="26"/>
  <c r="E2869" i="26" s="1"/>
  <c r="Q2877" i="10"/>
  <c r="D2869" i="26" s="1"/>
  <c r="C4917" i="26"/>
  <c r="E4917" i="26" s="1"/>
  <c r="Q4925" i="10"/>
  <c r="D4917" i="26" s="1"/>
  <c r="Q3646" i="10"/>
  <c r="D3638" i="26" s="1"/>
  <c r="C3638" i="26"/>
  <c r="C4662" i="26"/>
  <c r="Q4670" i="10"/>
  <c r="D4662" i="26" s="1"/>
  <c r="Q3607" i="10"/>
  <c r="D3599" i="26" s="1"/>
  <c r="C3599" i="26"/>
  <c r="E3599" i="26" s="1"/>
  <c r="C4623" i="26"/>
  <c r="E4623" i="26" s="1"/>
  <c r="Q4631" i="10"/>
  <c r="D4623" i="26" s="1"/>
  <c r="C5647" i="26"/>
  <c r="Q5655" i="10"/>
  <c r="D5647" i="26" s="1"/>
  <c r="Q2920" i="10"/>
  <c r="D2912" i="26" s="1"/>
  <c r="C2912" i="26"/>
  <c r="E2912" i="26" s="1"/>
  <c r="C3936" i="26"/>
  <c r="E3936" i="26" s="1"/>
  <c r="Q3944" i="10"/>
  <c r="D3936" i="26" s="1"/>
  <c r="C4960" i="26"/>
  <c r="E4960" i="26" s="1"/>
  <c r="Q4968" i="10"/>
  <c r="D4960" i="26" s="1"/>
  <c r="Q3625" i="10"/>
  <c r="D3617" i="26" s="1"/>
  <c r="E3618" i="26" s="1"/>
  <c r="C3617" i="26"/>
  <c r="E3617" i="26" s="1"/>
  <c r="C4641" i="26"/>
  <c r="Q4649" i="10"/>
  <c r="D4641" i="26" s="1"/>
  <c r="C7437" i="26"/>
  <c r="Q7445" i="10"/>
  <c r="D7437" i="26" s="1"/>
  <c r="Q3674" i="10"/>
  <c r="D3666" i="26" s="1"/>
  <c r="C3666" i="26"/>
  <c r="C4690" i="26"/>
  <c r="E4690" i="26" s="1"/>
  <c r="Q4698" i="10"/>
  <c r="D4690" i="26" s="1"/>
  <c r="C5714" i="26"/>
  <c r="Q5722" i="10"/>
  <c r="D5714" i="26" s="1"/>
  <c r="Q3035" i="10"/>
  <c r="D3027" i="26" s="1"/>
  <c r="C3027" i="26"/>
  <c r="C4051" i="26"/>
  <c r="Q4059" i="10"/>
  <c r="D4051" i="26" s="1"/>
  <c r="C5075" i="26"/>
  <c r="E5076" i="26" s="1"/>
  <c r="Q5083" i="10"/>
  <c r="D5075" i="26" s="1"/>
  <c r="C6766" i="26"/>
  <c r="Q6774" i="10"/>
  <c r="D6766" i="26" s="1"/>
  <c r="C6135" i="26"/>
  <c r="Q6143" i="10"/>
  <c r="D6135" i="26" s="1"/>
  <c r="C7159" i="26"/>
  <c r="Q7167" i="10"/>
  <c r="D7159" i="26" s="1"/>
  <c r="C4589" i="26"/>
  <c r="Q4597" i="10"/>
  <c r="D4589" i="26" s="1"/>
  <c r="C3788" i="26"/>
  <c r="E3788" i="26" s="1"/>
  <c r="Q3796" i="10"/>
  <c r="D3788" i="26" s="1"/>
  <c r="C4812" i="26"/>
  <c r="E4812" i="26" s="1"/>
  <c r="Q4820" i="10"/>
  <c r="D4812" i="26" s="1"/>
  <c r="C5525" i="26"/>
  <c r="Q5533" i="10"/>
  <c r="D5525" i="26" s="1"/>
  <c r="C5914" i="26"/>
  <c r="Q5922" i="10"/>
  <c r="D5914" i="26" s="1"/>
  <c r="C5302" i="26"/>
  <c r="E5302" i="26" s="1"/>
  <c r="Q5310" i="10"/>
  <c r="D5302" i="26" s="1"/>
  <c r="Q3767" i="10"/>
  <c r="D3759" i="26" s="1"/>
  <c r="C3759" i="26"/>
  <c r="E3759" i="26" s="1"/>
  <c r="C4783" i="26"/>
  <c r="E4783" i="26" s="1"/>
  <c r="Q4791" i="10"/>
  <c r="D4783" i="26" s="1"/>
  <c r="F4140" i="26"/>
  <c r="E4140" i="26"/>
  <c r="E3629" i="26"/>
  <c r="E4280" i="26"/>
  <c r="F5624" i="26"/>
  <c r="E5624" i="26"/>
  <c r="F7237" i="26"/>
  <c r="E7237" i="26"/>
  <c r="E4619" i="26"/>
  <c r="F6598" i="26"/>
  <c r="E6598" i="26"/>
  <c r="F6319" i="26"/>
  <c r="E6319" i="26"/>
  <c r="F6040" i="26"/>
  <c r="E6040" i="26"/>
  <c r="F7416" i="26"/>
  <c r="E7416" i="26"/>
  <c r="F6481" i="26"/>
  <c r="E6481" i="26"/>
  <c r="F6362" i="26"/>
  <c r="E6362" i="26"/>
  <c r="F7228" i="26"/>
  <c r="E7228" i="26"/>
  <c r="F3765" i="26"/>
  <c r="E3765" i="26"/>
  <c r="F5398" i="26"/>
  <c r="E5398" i="26"/>
  <c r="F6605" i="26"/>
  <c r="E6605" i="26"/>
  <c r="F6286" i="26"/>
  <c r="E6286" i="26"/>
  <c r="F5975" i="26"/>
  <c r="E5975" i="26"/>
  <c r="F7351" i="26"/>
  <c r="E7351" i="26"/>
  <c r="F6880" i="26"/>
  <c r="E6880" i="26"/>
  <c r="F5337" i="26"/>
  <c r="E5337" i="26"/>
  <c r="F6585" i="26"/>
  <c r="E6585" i="26"/>
  <c r="F6146" i="26"/>
  <c r="E6146" i="26"/>
  <c r="F7170" i="26"/>
  <c r="E7170" i="26"/>
  <c r="F6363" i="26"/>
  <c r="E6363" i="26"/>
  <c r="F7387" i="26"/>
  <c r="E7387" i="26"/>
  <c r="F6948" i="26"/>
  <c r="E6948" i="26"/>
  <c r="F7085" i="26"/>
  <c r="E7085" i="26"/>
  <c r="E3580" i="26"/>
  <c r="F5628" i="26"/>
  <c r="E5628" i="26"/>
  <c r="F5501" i="26"/>
  <c r="E5501" i="26"/>
  <c r="F5438" i="26"/>
  <c r="E5438" i="26"/>
  <c r="E4535" i="26"/>
  <c r="F5559" i="26"/>
  <c r="E5559" i="26"/>
  <c r="F6934" i="26"/>
  <c r="E6934" i="26"/>
  <c r="F7327" i="26"/>
  <c r="E7327" i="26"/>
  <c r="F6728" i="26"/>
  <c r="E6728" i="26"/>
  <c r="F6433" i="26"/>
  <c r="E6433" i="26"/>
  <c r="F6026" i="26"/>
  <c r="E6026" i="26"/>
  <c r="F7050" i="26"/>
  <c r="E7050" i="26"/>
  <c r="F6275" i="26"/>
  <c r="E6275" i="26"/>
  <c r="F7299" i="26"/>
  <c r="E7299" i="26"/>
  <c r="F6892" i="26"/>
  <c r="E6892" i="26"/>
  <c r="F6901" i="26"/>
  <c r="E6901" i="26"/>
  <c r="F5476" i="26"/>
  <c r="E5476" i="26"/>
  <c r="F3149" i="26"/>
  <c r="E3149" i="26"/>
  <c r="F6014" i="26"/>
  <c r="E6014" i="26"/>
  <c r="F7038" i="26"/>
  <c r="E7038" i="26"/>
  <c r="F6407" i="26"/>
  <c r="E6407" i="26"/>
  <c r="F7431" i="26"/>
  <c r="E7431" i="26"/>
  <c r="F6832" i="26"/>
  <c r="E6832" i="26"/>
  <c r="F6569" i="26"/>
  <c r="E6569" i="26"/>
  <c r="F6162" i="26"/>
  <c r="E6162" i="26"/>
  <c r="F7186" i="26"/>
  <c r="E7186" i="26"/>
  <c r="F6411" i="26"/>
  <c r="E6411" i="26"/>
  <c r="F7028" i="26"/>
  <c r="E7028" i="26"/>
  <c r="F6589" i="26"/>
  <c r="E6589" i="26"/>
  <c r="F7453" i="26"/>
  <c r="E7453" i="26"/>
  <c r="F3724" i="26"/>
  <c r="E3724" i="26"/>
  <c r="F5644" i="26"/>
  <c r="E5644" i="26"/>
  <c r="F5351" i="26"/>
  <c r="E5351" i="26"/>
  <c r="F6310" i="26"/>
  <c r="E6310" i="26"/>
  <c r="F5999" i="26"/>
  <c r="E5999" i="26"/>
  <c r="F7375" i="26"/>
  <c r="E7375" i="26"/>
  <c r="F7128" i="26"/>
  <c r="E7128" i="26"/>
  <c r="F6161" i="26"/>
  <c r="E6161" i="26"/>
  <c r="F6074" i="26"/>
  <c r="E6074" i="26"/>
  <c r="F7418" i="26"/>
  <c r="E7418" i="26"/>
  <c r="F6995" i="26"/>
  <c r="E6995" i="26"/>
  <c r="F6908" i="26"/>
  <c r="E6908" i="26"/>
  <c r="E3924" i="26"/>
  <c r="F5268" i="26"/>
  <c r="E5268" i="26"/>
  <c r="F5462" i="26"/>
  <c r="E5462" i="26"/>
  <c r="F4256" i="26"/>
  <c r="E4256" i="26"/>
  <c r="F5760" i="26"/>
  <c r="E5760" i="26"/>
  <c r="F6733" i="26"/>
  <c r="E6733" i="26"/>
  <c r="F4658" i="26"/>
  <c r="E4658" i="26"/>
  <c r="F4371" i="26"/>
  <c r="E4371" i="26"/>
  <c r="F6318" i="26"/>
  <c r="E6318" i="26"/>
  <c r="F6039" i="26"/>
  <c r="E6039" i="26"/>
  <c r="F7383" i="26"/>
  <c r="E7383" i="26"/>
  <c r="F6912" i="26"/>
  <c r="E6912" i="26"/>
  <c r="F5369" i="26"/>
  <c r="E5369" i="26"/>
  <c r="F6617" i="26"/>
  <c r="E6617" i="26"/>
  <c r="F6178" i="26"/>
  <c r="E6178" i="26"/>
  <c r="F7202" i="26"/>
  <c r="E7202" i="26"/>
  <c r="F7419" i="26"/>
  <c r="E7419" i="26"/>
  <c r="F6980" i="26"/>
  <c r="E6980" i="26"/>
  <c r="F7149" i="26"/>
  <c r="E7149" i="26"/>
  <c r="F4253" i="26"/>
  <c r="E4253" i="26"/>
  <c r="F5335" i="26"/>
  <c r="E5335" i="26"/>
  <c r="F5416" i="26"/>
  <c r="E5416" i="26"/>
  <c r="F7445" i="26"/>
  <c r="E7445" i="26"/>
  <c r="E4229" i="26"/>
  <c r="F5339" i="26"/>
  <c r="E5339" i="26"/>
  <c r="F6966" i="26"/>
  <c r="E6966" i="26"/>
  <c r="F6335" i="26"/>
  <c r="E6335" i="26"/>
  <c r="F7359" i="26"/>
  <c r="E7359" i="26"/>
  <c r="F6760" i="26"/>
  <c r="E6760" i="26"/>
  <c r="F6465" i="26"/>
  <c r="E6465" i="26"/>
  <c r="F6058" i="26"/>
  <c r="E6058" i="26"/>
  <c r="F7082" i="26"/>
  <c r="E7082" i="26"/>
  <c r="F7331" i="26"/>
  <c r="E7331" i="26"/>
  <c r="F6924" i="26"/>
  <c r="E6924" i="26"/>
  <c r="F6965" i="26"/>
  <c r="E6965" i="26"/>
  <c r="F5252" i="26"/>
  <c r="E5252" i="26"/>
  <c r="E5247" i="26"/>
  <c r="E4749" i="26"/>
  <c r="F5538" i="26"/>
  <c r="E5538" i="26"/>
  <c r="F7326" i="26"/>
  <c r="E7326" i="26"/>
  <c r="F6695" i="26"/>
  <c r="E6695" i="26"/>
  <c r="F6096" i="26"/>
  <c r="E6096" i="26"/>
  <c r="F7120" i="26"/>
  <c r="E7120" i="26"/>
  <c r="F5577" i="26"/>
  <c r="E5577" i="26"/>
  <c r="F6857" i="26"/>
  <c r="E6857" i="26"/>
  <c r="F6450" i="26"/>
  <c r="E6450" i="26"/>
  <c r="F6877" i="26"/>
  <c r="E6877" i="26"/>
  <c r="F6237" i="26"/>
  <c r="E6237" i="26"/>
  <c r="E4268" i="26"/>
  <c r="F4366" i="26"/>
  <c r="E4366" i="26"/>
  <c r="F4359" i="26"/>
  <c r="E4359" i="26"/>
  <c r="F5735" i="26"/>
  <c r="E5735" i="26"/>
  <c r="E4024" i="26"/>
  <c r="F5368" i="26"/>
  <c r="E5368" i="26"/>
  <c r="F6085" i="26"/>
  <c r="E6085" i="26"/>
  <c r="F4650" i="26"/>
  <c r="E4650" i="26"/>
  <c r="F4363" i="26"/>
  <c r="E4363" i="26"/>
  <c r="F6342" i="26"/>
  <c r="E6342" i="26"/>
  <c r="F6063" i="26"/>
  <c r="E6063" i="26"/>
  <c r="F7407" i="26"/>
  <c r="E7407" i="26"/>
  <c r="F7160" i="26"/>
  <c r="E7160" i="26"/>
  <c r="F6225" i="26"/>
  <c r="E6225" i="26"/>
  <c r="F6106" i="26"/>
  <c r="E6106" i="26"/>
  <c r="F6972" i="26"/>
  <c r="E6972" i="26"/>
  <c r="E4565" i="26"/>
  <c r="F5332" i="26"/>
  <c r="E5332" i="26"/>
  <c r="F4597" i="26"/>
  <c r="E4597" i="26"/>
  <c r="E4992" i="26"/>
  <c r="F4370" i="26"/>
  <c r="E4370" i="26"/>
  <c r="F5746" i="26"/>
  <c r="E5746" i="26"/>
  <c r="F6030" i="26"/>
  <c r="E6030" i="26"/>
  <c r="F7374" i="26"/>
  <c r="E7374" i="26"/>
  <c r="F7095" i="26"/>
  <c r="E7095" i="26"/>
  <c r="F6688" i="26"/>
  <c r="E6688" i="26"/>
  <c r="F6393" i="26"/>
  <c r="E6393" i="26"/>
  <c r="F7417" i="26"/>
  <c r="E7417" i="26"/>
  <c r="F6978" i="26"/>
  <c r="E6978" i="26"/>
  <c r="F6171" i="26"/>
  <c r="E6171" i="26"/>
  <c r="F7195" i="26"/>
  <c r="E7195" i="26"/>
  <c r="F6756" i="26"/>
  <c r="E6756" i="26"/>
  <c r="F6701" i="26"/>
  <c r="E6701" i="26"/>
  <c r="F3388" i="26"/>
  <c r="E3388" i="26"/>
  <c r="F5436" i="26"/>
  <c r="E5436" i="26"/>
  <c r="F3517" i="26"/>
  <c r="E3517" i="26"/>
  <c r="F5565" i="26"/>
  <c r="E5565" i="26"/>
  <c r="F5758" i="26"/>
  <c r="E5758" i="26"/>
  <c r="E4936" i="26"/>
  <c r="F6485" i="26"/>
  <c r="E6485" i="26"/>
  <c r="E3962" i="26"/>
  <c r="F6742" i="26"/>
  <c r="E6742" i="26"/>
  <c r="F6111" i="26"/>
  <c r="E6111" i="26"/>
  <c r="F7135" i="26"/>
  <c r="E7135" i="26"/>
  <c r="F6536" i="26"/>
  <c r="E6536" i="26"/>
  <c r="E4993" i="26"/>
  <c r="F7265" i="26"/>
  <c r="E7265" i="26"/>
  <c r="F6858" i="26"/>
  <c r="E6858" i="26"/>
  <c r="F6083" i="26"/>
  <c r="E6083" i="26"/>
  <c r="F7107" i="26"/>
  <c r="E7107" i="26"/>
  <c r="F6700" i="26"/>
  <c r="E6700" i="26"/>
  <c r="F6517" i="26"/>
  <c r="E6517" i="26"/>
  <c r="E4197" i="26"/>
  <c r="F4255" i="26"/>
  <c r="E4255" i="26"/>
  <c r="E5279" i="26"/>
  <c r="E4336" i="26"/>
  <c r="E4309" i="26"/>
  <c r="F5570" i="26"/>
  <c r="E5570" i="26"/>
  <c r="F6334" i="26"/>
  <c r="E6334" i="26"/>
  <c r="F7358" i="26"/>
  <c r="E7358" i="26"/>
  <c r="F6727" i="26"/>
  <c r="E6727" i="26"/>
  <c r="F6128" i="26"/>
  <c r="E6128" i="26"/>
  <c r="F7152" i="26"/>
  <c r="E7152" i="26"/>
  <c r="F5609" i="26"/>
  <c r="E5609" i="26"/>
  <c r="F6889" i="26"/>
  <c r="E6889" i="26"/>
  <c r="F6482" i="26"/>
  <c r="E6482" i="26"/>
  <c r="F5451" i="26"/>
  <c r="E5451" i="26"/>
  <c r="F6731" i="26"/>
  <c r="E6731" i="26"/>
  <c r="F6324" i="26"/>
  <c r="E6324" i="26"/>
  <c r="F6909" i="26"/>
  <c r="E6909" i="26"/>
  <c r="F6269" i="26"/>
  <c r="E6269" i="26"/>
  <c r="E3949" i="26"/>
  <c r="E4750" i="26"/>
  <c r="F5752" i="26"/>
  <c r="E5752" i="26"/>
  <c r="E4025" i="26"/>
  <c r="F6853" i="26"/>
  <c r="E6853" i="26"/>
  <c r="F5386" i="26"/>
  <c r="E5386" i="26"/>
  <c r="F7078" i="26"/>
  <c r="E7078" i="26"/>
  <c r="F6767" i="26"/>
  <c r="E6767" i="26"/>
  <c r="F6520" i="26"/>
  <c r="E6520" i="26"/>
  <c r="F5329" i="26"/>
  <c r="E5329" i="26"/>
  <c r="F6929" i="26"/>
  <c r="E6929" i="26"/>
  <c r="F6842" i="26"/>
  <c r="E6842" i="26"/>
  <c r="F6332" i="26"/>
  <c r="E6332" i="26"/>
  <c r="F6501" i="26"/>
  <c r="E6501" i="26"/>
  <c r="F3316" i="26"/>
  <c r="E3316" i="26"/>
  <c r="E4692" i="26"/>
  <c r="F3317" i="26"/>
  <c r="E3317" i="26"/>
  <c r="E4246" i="26"/>
  <c r="E5071" i="26"/>
  <c r="E5024" i="26"/>
  <c r="F6414" i="26"/>
  <c r="E6414" i="26"/>
  <c r="F6103" i="26"/>
  <c r="E6103" i="26"/>
  <c r="F5856" i="26"/>
  <c r="E5856" i="26"/>
  <c r="F6976" i="26"/>
  <c r="E6976" i="26"/>
  <c r="F5433" i="26"/>
  <c r="E5433" i="26"/>
  <c r="F6681" i="26"/>
  <c r="E6681" i="26"/>
  <c r="E6242" i="26"/>
  <c r="F7266" i="26"/>
  <c r="E7266" i="26"/>
  <c r="F6020" i="26"/>
  <c r="E6020" i="26"/>
  <c r="F7044" i="26"/>
  <c r="E7044" i="26"/>
  <c r="F7277" i="26"/>
  <c r="E7277" i="26"/>
  <c r="F5468" i="26"/>
  <c r="E5468" i="26"/>
  <c r="F5597" i="26"/>
  <c r="E5597" i="26"/>
  <c r="E4766" i="26"/>
  <c r="F5655" i="26"/>
  <c r="E5655" i="26"/>
  <c r="E4712" i="26"/>
  <c r="F5736" i="26"/>
  <c r="E5736" i="26"/>
  <c r="F5530" i="26"/>
  <c r="E5530" i="26"/>
  <c r="F6262" i="26"/>
  <c r="E6262" i="26"/>
  <c r="F7286" i="26"/>
  <c r="E7286" i="26"/>
  <c r="F6655" i="26"/>
  <c r="E6655" i="26"/>
  <c r="F6056" i="26"/>
  <c r="E6056" i="26"/>
  <c r="F7080" i="26"/>
  <c r="E7080" i="26"/>
  <c r="F5537" i="26"/>
  <c r="E5537" i="26"/>
  <c r="F6785" i="26"/>
  <c r="E6785" i="26"/>
  <c r="F6378" i="26"/>
  <c r="E6378" i="26"/>
  <c r="F7402" i="26"/>
  <c r="E7402" i="26"/>
  <c r="F6220" i="26"/>
  <c r="E6220" i="26"/>
  <c r="E3237" i="26"/>
  <c r="E5285" i="26"/>
  <c r="F4646" i="26"/>
  <c r="E4646" i="26"/>
  <c r="F4368" i="26"/>
  <c r="E4368" i="26"/>
  <c r="E4017" i="26"/>
  <c r="E4877" i="26"/>
  <c r="E4483" i="26"/>
  <c r="E5251" i="26"/>
  <c r="F6878" i="26"/>
  <c r="E6878" i="26"/>
  <c r="E6247" i="26"/>
  <c r="F7271" i="26"/>
  <c r="E7271" i="26"/>
  <c r="F6672" i="26"/>
  <c r="E6672" i="26"/>
  <c r="E5129" i="26"/>
  <c r="F6409" i="26"/>
  <c r="E6409" i="26"/>
  <c r="F7433" i="26"/>
  <c r="E7433" i="26"/>
  <c r="F7026" i="26"/>
  <c r="E7026" i="26"/>
  <c r="F6868" i="26"/>
  <c r="E6868" i="26"/>
  <c r="F6429" i="26"/>
  <c r="E6429" i="26"/>
  <c r="F6932" i="26"/>
  <c r="E6932" i="26"/>
  <c r="E3117" i="26"/>
  <c r="E4455" i="26"/>
  <c r="F5799" i="26"/>
  <c r="E5799" i="26"/>
  <c r="E4088" i="26"/>
  <c r="F5464" i="26"/>
  <c r="E5464" i="26"/>
  <c r="F6213" i="26"/>
  <c r="E6213" i="26"/>
  <c r="E5066" i="26"/>
  <c r="F7110" i="26"/>
  <c r="E7110" i="26"/>
  <c r="F6831" i="26"/>
  <c r="E6831" i="26"/>
  <c r="F6552" i="26"/>
  <c r="E6552" i="26"/>
  <c r="F5361" i="26"/>
  <c r="E5361" i="26"/>
  <c r="F6993" i="26"/>
  <c r="E6993" i="26"/>
  <c r="F6874" i="26"/>
  <c r="E6874" i="26"/>
  <c r="F6364" i="26"/>
  <c r="E6364" i="26"/>
  <c r="F6565" i="26"/>
  <c r="E6565" i="26"/>
  <c r="E3348" i="26"/>
  <c r="E4724" i="26"/>
  <c r="E4310" i="26"/>
  <c r="E5056" i="26"/>
  <c r="F6285" i="26"/>
  <c r="E6285" i="26"/>
  <c r="E4786" i="26"/>
  <c r="F6798" i="26"/>
  <c r="E6798" i="26"/>
  <c r="F6487" i="26"/>
  <c r="E6487" i="26"/>
  <c r="F7264" i="26"/>
  <c r="E7264" i="26"/>
  <c r="F5721" i="26"/>
  <c r="E5721" i="26"/>
  <c r="F6969" i="26"/>
  <c r="E6969" i="26"/>
  <c r="F6530" i="26"/>
  <c r="E6530" i="26"/>
  <c r="F6747" i="26"/>
  <c r="E6747" i="26"/>
  <c r="F6308" i="26"/>
  <c r="E6308" i="26"/>
  <c r="F7332" i="26"/>
  <c r="E7332" i="26"/>
  <c r="E3541" i="26"/>
  <c r="F5756" i="26"/>
  <c r="E5756" i="26"/>
  <c r="E3837" i="26"/>
  <c r="E4861" i="26"/>
  <c r="E5054" i="26"/>
  <c r="E5175" i="26"/>
  <c r="C5969" i="26"/>
  <c r="E5969" i="26" s="1"/>
  <c r="Q5977" i="10"/>
  <c r="D5969" i="26" s="1"/>
  <c r="C4822" i="26"/>
  <c r="E4822" i="26" s="1"/>
  <c r="Q4830" i="10"/>
  <c r="D4822" i="26" s="1"/>
  <c r="C5945" i="26"/>
  <c r="Q5953" i="10"/>
  <c r="D5945" i="26" s="1"/>
  <c r="C5790" i="26"/>
  <c r="Q5798" i="10"/>
  <c r="D5790" i="26" s="1"/>
  <c r="C5955" i="26"/>
  <c r="Q5963" i="10"/>
  <c r="D5955" i="26" s="1"/>
  <c r="Q3662" i="10"/>
  <c r="D3654" i="26" s="1"/>
  <c r="C3654" i="26"/>
  <c r="C4678" i="26"/>
  <c r="E4678" i="26" s="1"/>
  <c r="Q4686" i="10"/>
  <c r="D4678" i="26" s="1"/>
  <c r="C5865" i="26"/>
  <c r="Q5873" i="10"/>
  <c r="D5865" i="26" s="1"/>
  <c r="C5917" i="26"/>
  <c r="Q5925" i="10"/>
  <c r="D5917" i="26" s="1"/>
  <c r="C5850" i="26"/>
  <c r="Q5858" i="10"/>
  <c r="D5850" i="26" s="1"/>
  <c r="C4854" i="26"/>
  <c r="E4854" i="26" s="1"/>
  <c r="Q4862" i="10"/>
  <c r="D4854" i="26" s="1"/>
  <c r="C5934" i="26"/>
  <c r="Q5942" i="10"/>
  <c r="D5934" i="26" s="1"/>
  <c r="C5956" i="26"/>
  <c r="Q5964" i="10"/>
  <c r="D5956" i="26" s="1"/>
  <c r="Q3782" i="10"/>
  <c r="D3774" i="26" s="1"/>
  <c r="C3774" i="26"/>
  <c r="C5909" i="26"/>
  <c r="Q5917" i="10"/>
  <c r="D5909" i="26" s="1"/>
  <c r="Q5995" i="10"/>
  <c r="D5987" i="26" s="1"/>
  <c r="C5987" i="26"/>
  <c r="C5734" i="26"/>
  <c r="Q5742" i="10"/>
  <c r="D5734" i="26" s="1"/>
  <c r="C5897" i="26"/>
  <c r="Q5905" i="10"/>
  <c r="D5897" i="26" s="1"/>
  <c r="C5710" i="26"/>
  <c r="Q5718" i="10"/>
  <c r="D5710" i="26" s="1"/>
  <c r="Q6011" i="10"/>
  <c r="D6003" i="26" s="1"/>
  <c r="C6003" i="26"/>
  <c r="C5838" i="26"/>
  <c r="Q5846" i="10"/>
  <c r="D5838" i="26" s="1"/>
  <c r="C5988" i="26"/>
  <c r="Q5996" i="10"/>
  <c r="D5988" i="26" s="1"/>
  <c r="C5770" i="26"/>
  <c r="Q5778" i="10"/>
  <c r="D5770" i="26" s="1"/>
  <c r="Q3342" i="10"/>
  <c r="D3334" i="26" s="1"/>
  <c r="C3334" i="26"/>
  <c r="C4358" i="26"/>
  <c r="Q4366" i="10"/>
  <c r="D4358" i="26" s="1"/>
  <c r="C5168" i="26"/>
  <c r="Q5176" i="10"/>
  <c r="D5168" i="26" s="1"/>
  <c r="C5771" i="26"/>
  <c r="Q5779" i="10"/>
  <c r="D5771" i="26" s="1"/>
  <c r="Q3334" i="10"/>
  <c r="D3326" i="26" s="1"/>
  <c r="C3326" i="26"/>
  <c r="C4350" i="26"/>
  <c r="E4350" i="26" s="1"/>
  <c r="Q4358" i="10"/>
  <c r="D4350" i="26" s="1"/>
  <c r="C5930" i="26"/>
  <c r="Q5938" i="10"/>
  <c r="D5930" i="26" s="1"/>
  <c r="C5670" i="26"/>
  <c r="E5670" i="26" s="1"/>
  <c r="Q5678" i="10"/>
  <c r="D5670" i="26" s="1"/>
  <c r="C5762" i="26"/>
  <c r="Q5770" i="10"/>
  <c r="D5762" i="26" s="1"/>
  <c r="C5812" i="26"/>
  <c r="Q5820" i="10"/>
  <c r="D5812" i="26" s="1"/>
  <c r="C3052" i="26"/>
  <c r="Q3060" i="10"/>
  <c r="D3052" i="26" s="1"/>
  <c r="C4076" i="26"/>
  <c r="E4076" i="26" s="1"/>
  <c r="Q4084" i="10"/>
  <c r="D4076" i="26" s="1"/>
  <c r="C5100" i="26"/>
  <c r="E5100" i="26" s="1"/>
  <c r="Q5108" i="10"/>
  <c r="D5100" i="26" s="1"/>
  <c r="C4781" i="26"/>
  <c r="E4781" i="26" s="1"/>
  <c r="Q4789" i="10"/>
  <c r="D4781" i="26" s="1"/>
  <c r="Q3702" i="10"/>
  <c r="D3694" i="26" s="1"/>
  <c r="C3694" i="26"/>
  <c r="C4718" i="26"/>
  <c r="E4718" i="26" s="1"/>
  <c r="Q4726" i="10"/>
  <c r="D4718" i="26" s="1"/>
  <c r="C5742" i="26"/>
  <c r="Q5750" i="10"/>
  <c r="D5742" i="26" s="1"/>
  <c r="Q3023" i="10"/>
  <c r="D3015" i="26" s="1"/>
  <c r="C3015" i="26"/>
  <c r="C4039" i="26"/>
  <c r="E4040" i="26" s="1"/>
  <c r="Q4047" i="10"/>
  <c r="D4039" i="26" s="1"/>
  <c r="C5063" i="26"/>
  <c r="E5063" i="26" s="1"/>
  <c r="Q5071" i="10"/>
  <c r="D5063" i="26" s="1"/>
  <c r="Q3360" i="10"/>
  <c r="D3352" i="26" s="1"/>
  <c r="C3352" i="26"/>
  <c r="E3352" i="26" s="1"/>
  <c r="C4376" i="26"/>
  <c r="E4376" i="26" s="1"/>
  <c r="Q4384" i="10"/>
  <c r="D4376" i="26" s="1"/>
  <c r="C5400" i="26"/>
  <c r="Q5408" i="10"/>
  <c r="D5400" i="26" s="1"/>
  <c r="Q3681" i="10"/>
  <c r="D3673" i="26" s="1"/>
  <c r="C3673" i="26"/>
  <c r="E3673" i="26" s="1"/>
  <c r="C4697" i="26"/>
  <c r="E4697" i="26" s="1"/>
  <c r="Q4705" i="10"/>
  <c r="D4697" i="26" s="1"/>
  <c r="C7301" i="26"/>
  <c r="Q7309" i="10"/>
  <c r="D7301" i="26" s="1"/>
  <c r="Q3826" i="10"/>
  <c r="D3818" i="26" s="1"/>
  <c r="C3818" i="26"/>
  <c r="E3818" i="26" s="1"/>
  <c r="C4842" i="26"/>
  <c r="E4842" i="26" s="1"/>
  <c r="Q4850" i="10"/>
  <c r="D4842" i="26" s="1"/>
  <c r="Q3187" i="10"/>
  <c r="D3179" i="26" s="1"/>
  <c r="C3179" i="26"/>
  <c r="Q4211" i="10"/>
  <c r="D4203" i="26" s="1"/>
  <c r="C4203" i="26"/>
  <c r="Q5235" i="10"/>
  <c r="D5227" i="26" s="1"/>
  <c r="C5227" i="26"/>
  <c r="C6790" i="26"/>
  <c r="Q6798" i="10"/>
  <c r="D6790" i="26" s="1"/>
  <c r="C6159" i="26"/>
  <c r="Q6167" i="10"/>
  <c r="D6159" i="26" s="1"/>
  <c r="C7183" i="26"/>
  <c r="Q7191" i="10"/>
  <c r="D7183" i="26" s="1"/>
  <c r="C6584" i="26"/>
  <c r="Q6592" i="10"/>
  <c r="D6584" i="26" s="1"/>
  <c r="C5041" i="26"/>
  <c r="E5041" i="26" s="1"/>
  <c r="Q5049" i="10"/>
  <c r="D5041" i="26" s="1"/>
  <c r="C6321" i="26"/>
  <c r="Q6329" i="10"/>
  <c r="D6321" i="26" s="1"/>
  <c r="C7345" i="26"/>
  <c r="Q7353" i="10"/>
  <c r="D7345" i="26" s="1"/>
  <c r="C6938" i="26"/>
  <c r="Q6946" i="10"/>
  <c r="D6938" i="26" s="1"/>
  <c r="C6163" i="26"/>
  <c r="Q6171" i="10"/>
  <c r="D6163" i="26" s="1"/>
  <c r="C7187" i="26"/>
  <c r="Q7195" i="10"/>
  <c r="D7187" i="26" s="1"/>
  <c r="C6684" i="26"/>
  <c r="Q6692" i="10"/>
  <c r="D6684" i="26" s="1"/>
  <c r="C6373" i="26"/>
  <c r="Q6381" i="10"/>
  <c r="D6373" i="26" s="1"/>
  <c r="C3252" i="26"/>
  <c r="Q3260" i="10"/>
  <c r="D3252" i="26" s="1"/>
  <c r="C4276" i="26"/>
  <c r="E4276" i="26" s="1"/>
  <c r="Q4284" i="10"/>
  <c r="D4276" i="26" s="1"/>
  <c r="C5300" i="26"/>
  <c r="E5300" i="26" s="1"/>
  <c r="Q5308" i="10"/>
  <c r="D5300" i="26" s="1"/>
  <c r="C3125" i="26"/>
  <c r="Q3133" i="10"/>
  <c r="D3125" i="26" s="1"/>
  <c r="C5173" i="26"/>
  <c r="E5173" i="26" s="1"/>
  <c r="Q5181" i="10"/>
  <c r="D5173" i="26" s="1"/>
  <c r="Q3774" i="10"/>
  <c r="D3766" i="26" s="1"/>
  <c r="C3766" i="26"/>
  <c r="C5430" i="26"/>
  <c r="Q5438" i="10"/>
  <c r="D5430" i="26" s="1"/>
  <c r="Q3735" i="10"/>
  <c r="D3727" i="26" s="1"/>
  <c r="C3727" i="26"/>
  <c r="C4751" i="26"/>
  <c r="E4751" i="26" s="1"/>
  <c r="Q4759" i="10"/>
  <c r="D4751" i="26" s="1"/>
  <c r="C5775" i="26"/>
  <c r="Q5783" i="10"/>
  <c r="D5775" i="26" s="1"/>
  <c r="Q3048" i="10"/>
  <c r="D3040" i="26" s="1"/>
  <c r="C3040" i="26"/>
  <c r="E3040" i="26" s="1"/>
  <c r="C4064" i="26"/>
  <c r="E4064" i="26" s="1"/>
  <c r="Q4072" i="10"/>
  <c r="D4064" i="26" s="1"/>
  <c r="C5088" i="26"/>
  <c r="E5088" i="26" s="1"/>
  <c r="Q5096" i="10"/>
  <c r="D5088" i="26" s="1"/>
  <c r="Q3753" i="10"/>
  <c r="D3745" i="26" s="1"/>
  <c r="C3745" i="26"/>
  <c r="E3745" i="26" s="1"/>
  <c r="C4769" i="26"/>
  <c r="E4769" i="26" s="1"/>
  <c r="Q4777" i="10"/>
  <c r="D4769" i="26" s="1"/>
  <c r="Q3802" i="10"/>
  <c r="D3794" i="26" s="1"/>
  <c r="C3794" i="26"/>
  <c r="E3794" i="26" s="1"/>
  <c r="C4818" i="26"/>
  <c r="E4818" i="26" s="1"/>
  <c r="Q4826" i="10"/>
  <c r="D4818" i="26" s="1"/>
  <c r="Q3163" i="10"/>
  <c r="D3155" i="26" s="1"/>
  <c r="C3155" i="26"/>
  <c r="C4179" i="26"/>
  <c r="Q4187" i="10"/>
  <c r="D4179" i="26" s="1"/>
  <c r="C5203" i="26"/>
  <c r="Q5211" i="10"/>
  <c r="D5203" i="26" s="1"/>
  <c r="C6894" i="26"/>
  <c r="Q6902" i="10"/>
  <c r="D6894" i="26" s="1"/>
  <c r="C6263" i="26"/>
  <c r="Q6271" i="10"/>
  <c r="D6263" i="26" s="1"/>
  <c r="C7287" i="26"/>
  <c r="Q7295" i="10"/>
  <c r="D7287" i="26" s="1"/>
  <c r="C4845" i="26"/>
  <c r="E4845" i="26" s="1"/>
  <c r="Q4853" i="10"/>
  <c r="D4845" i="26" s="1"/>
  <c r="C2892" i="26"/>
  <c r="E2892" i="26" s="1"/>
  <c r="Q2900" i="10"/>
  <c r="D2892" i="26" s="1"/>
  <c r="C3916" i="26"/>
  <c r="Q3924" i="10"/>
  <c r="D3916" i="26" s="1"/>
  <c r="C4940" i="26"/>
  <c r="E4940" i="26" s="1"/>
  <c r="Q4948" i="10"/>
  <c r="D4940" i="26" s="1"/>
  <c r="C5779" i="26"/>
  <c r="Q5787" i="10"/>
  <c r="D5779" i="26" s="1"/>
  <c r="C5472" i="26"/>
  <c r="Q5480" i="10"/>
  <c r="D5472" i="26" s="1"/>
  <c r="Q3895" i="10"/>
  <c r="D3887" i="26" s="1"/>
  <c r="C3887" i="26"/>
  <c r="E3887" i="26" s="1"/>
  <c r="C4911" i="26"/>
  <c r="E4911" i="26" s="1"/>
  <c r="Q4919" i="10"/>
  <c r="D4911" i="26" s="1"/>
  <c r="F3591" i="26"/>
  <c r="E3591" i="26"/>
  <c r="F3256" i="26"/>
  <c r="E3256" i="26"/>
  <c r="F2873" i="26"/>
  <c r="E2873" i="26"/>
  <c r="F3602" i="26"/>
  <c r="E3602" i="26"/>
  <c r="F3315" i="26"/>
  <c r="E3315" i="26"/>
  <c r="F4659" i="26"/>
  <c r="E4659" i="26"/>
  <c r="F3767" i="26"/>
  <c r="E3767" i="26"/>
  <c r="F3080" i="26"/>
  <c r="E3080" i="26"/>
  <c r="F2889" i="26"/>
  <c r="E2889" i="26"/>
  <c r="F3386" i="26"/>
  <c r="E3386" i="26"/>
  <c r="F3515" i="26"/>
  <c r="E3515" i="26"/>
  <c r="F3153" i="26"/>
  <c r="E3153" i="26"/>
  <c r="F3714" i="26"/>
  <c r="E3714" i="26"/>
  <c r="F4643" i="26"/>
  <c r="E4643" i="26"/>
  <c r="F7284" i="26"/>
  <c r="E7284" i="26"/>
  <c r="F7444" i="26"/>
  <c r="E7444" i="26"/>
  <c r="F3278" i="26"/>
  <c r="E3278" i="26"/>
  <c r="F3303" i="26"/>
  <c r="E3303" i="26"/>
  <c r="F3275" i="26"/>
  <c r="E3275" i="26"/>
  <c r="F4651" i="26"/>
  <c r="E4651" i="26"/>
  <c r="F7347" i="26"/>
  <c r="E7347" i="26"/>
  <c r="F6651" i="26"/>
  <c r="E6651" i="26"/>
  <c r="E3624" i="26"/>
  <c r="E3418" i="26"/>
  <c r="F6563" i="26"/>
  <c r="E6563" i="26"/>
  <c r="F3455" i="26"/>
  <c r="E3455" i="26"/>
  <c r="F3185" i="26"/>
  <c r="E3185" i="26"/>
  <c r="E3746" i="26"/>
  <c r="F2883" i="26"/>
  <c r="E2883" i="26"/>
  <c r="F5675" i="26"/>
  <c r="E5675" i="26"/>
  <c r="F6955" i="26"/>
  <c r="E6955" i="26"/>
  <c r="F3342" i="26"/>
  <c r="E3342" i="26"/>
  <c r="F3335" i="26"/>
  <c r="E3335" i="26"/>
  <c r="E3000" i="26"/>
  <c r="F3339" i="26"/>
  <c r="E3339" i="26"/>
  <c r="F5747" i="26"/>
  <c r="E5747" i="26"/>
  <c r="F7379" i="26"/>
  <c r="E7379" i="26"/>
  <c r="F3713" i="26"/>
  <c r="E3713" i="26"/>
  <c r="F3166" i="26"/>
  <c r="E3166" i="26"/>
  <c r="F3144" i="26"/>
  <c r="E3144" i="26"/>
  <c r="F3209" i="26"/>
  <c r="E3209" i="26"/>
  <c r="F3323" i="26"/>
  <c r="E3323" i="26"/>
  <c r="F5371" i="26"/>
  <c r="E5371" i="26"/>
  <c r="E3558" i="26"/>
  <c r="F3778" i="26"/>
  <c r="E3778" i="26"/>
  <c r="F3726" i="26"/>
  <c r="E3726" i="26"/>
  <c r="F3719" i="26"/>
  <c r="E3719" i="26"/>
  <c r="F3384" i="26"/>
  <c r="E3384" i="26"/>
  <c r="E3001" i="26"/>
  <c r="F2986" i="26"/>
  <c r="E2986" i="26"/>
  <c r="E3222" i="26"/>
  <c r="F3777" i="26"/>
  <c r="E3777" i="26"/>
  <c r="F3378" i="26"/>
  <c r="E3378" i="26"/>
  <c r="F6715" i="26"/>
  <c r="E6715" i="26"/>
  <c r="E3230" i="26"/>
  <c r="E3095" i="26"/>
  <c r="E2920" i="26"/>
  <c r="F2985" i="26"/>
  <c r="E2985" i="26"/>
  <c r="F2843" i="26"/>
  <c r="E2843" i="26"/>
  <c r="F5603" i="26"/>
  <c r="E5603" i="26"/>
  <c r="F6883" i="26"/>
  <c r="E6883" i="26"/>
  <c r="E3110" i="26"/>
  <c r="F3263" i="26"/>
  <c r="E3263" i="26"/>
  <c r="E3600" i="26"/>
  <c r="F3249" i="26"/>
  <c r="E3249" i="26"/>
  <c r="F3715" i="26"/>
  <c r="E3715" i="26"/>
  <c r="F6507" i="26"/>
  <c r="E6507" i="26"/>
  <c r="E3758" i="26"/>
  <c r="E3431" i="26"/>
  <c r="E3064" i="26"/>
  <c r="F6771" i="26"/>
  <c r="E6771" i="26"/>
  <c r="F3286" i="26"/>
  <c r="E3286" i="26"/>
  <c r="E3567" i="26"/>
  <c r="F5755" i="26"/>
  <c r="E5755" i="26"/>
  <c r="E3806" i="26"/>
  <c r="F3383" i="26"/>
  <c r="E3383" i="26"/>
  <c r="E3464" i="26"/>
  <c r="F3529" i="26"/>
  <c r="E3529" i="26"/>
  <c r="E3002" i="26"/>
  <c r="F3770" i="26"/>
  <c r="E3770" i="26"/>
  <c r="F2875" i="26"/>
  <c r="E2875" i="26"/>
  <c r="E3899" i="26"/>
  <c r="E4923" i="26"/>
  <c r="F3174" i="26"/>
  <c r="E3174" i="26"/>
  <c r="F3295" i="26"/>
  <c r="E3295" i="26"/>
  <c r="F3376" i="26"/>
  <c r="E3376" i="26"/>
  <c r="E3025" i="26"/>
  <c r="F3330" i="26"/>
  <c r="E3330" i="26"/>
  <c r="E3491" i="26"/>
  <c r="E4515" i="26"/>
  <c r="E3111" i="26"/>
  <c r="F3128" i="26"/>
  <c r="E3128" i="26"/>
  <c r="C5772" i="26"/>
  <c r="Q5780" i="10"/>
  <c r="D5772" i="26" s="1"/>
  <c r="C5818" i="26"/>
  <c r="Q5826" i="10"/>
  <c r="D5818" i="26" s="1"/>
  <c r="C4950" i="26"/>
  <c r="E4950" i="26" s="1"/>
  <c r="Q4958" i="10"/>
  <c r="D4950" i="26" s="1"/>
  <c r="C5794" i="26"/>
  <c r="Q5802" i="10"/>
  <c r="D5794" i="26" s="1"/>
  <c r="C5814" i="26"/>
  <c r="Q5822" i="10"/>
  <c r="D5814" i="26" s="1"/>
  <c r="C5836" i="26"/>
  <c r="Q5844" i="10"/>
  <c r="D5836" i="26" s="1"/>
  <c r="Q3790" i="10"/>
  <c r="D3782" i="26" s="1"/>
  <c r="C3782" i="26"/>
  <c r="E3782" i="26" s="1"/>
  <c r="C4848" i="26"/>
  <c r="E4848" i="26" s="1"/>
  <c r="Q4856" i="10"/>
  <c r="D4848" i="26" s="1"/>
  <c r="C5993" i="26"/>
  <c r="Q6001" i="10"/>
  <c r="D5993" i="26" s="1"/>
  <c r="C5978" i="26"/>
  <c r="Q5986" i="10"/>
  <c r="D5978" i="26" s="1"/>
  <c r="C4982" i="26"/>
  <c r="E4982" i="26" s="1"/>
  <c r="Q4990" i="10"/>
  <c r="D4982" i="26" s="1"/>
  <c r="C5849" i="26"/>
  <c r="Q5857" i="10"/>
  <c r="D5849" i="26" s="1"/>
  <c r="C5933" i="26"/>
  <c r="Q5941" i="10"/>
  <c r="D5933" i="26" s="1"/>
  <c r="Q2886" i="10"/>
  <c r="D2878" i="26" s="1"/>
  <c r="C2878" i="26"/>
  <c r="Q3910" i="10"/>
  <c r="D3902" i="26" s="1"/>
  <c r="C3902" i="26"/>
  <c r="E3902" i="26" s="1"/>
  <c r="C5765" i="26"/>
  <c r="Q5773" i="10"/>
  <c r="D5765" i="26" s="1"/>
  <c r="C5868" i="26"/>
  <c r="Q5876" i="10"/>
  <c r="D5868" i="26" s="1"/>
  <c r="C4880" i="26"/>
  <c r="Q4888" i="10"/>
  <c r="D4880" i="26" s="1"/>
  <c r="C5874" i="26"/>
  <c r="Q5882" i="10"/>
  <c r="D5874" i="26" s="1"/>
  <c r="C5957" i="26"/>
  <c r="Q5965" i="10"/>
  <c r="D5957" i="26" s="1"/>
  <c r="C5884" i="26"/>
  <c r="Q5892" i="10"/>
  <c r="D5884" i="26" s="1"/>
  <c r="C5966" i="26"/>
  <c r="E5966" i="26" s="1"/>
  <c r="Q5974" i="10"/>
  <c r="D5966" i="26" s="1"/>
  <c r="C5997" i="26"/>
  <c r="Q6005" i="10"/>
  <c r="D5997" i="26" s="1"/>
  <c r="C5898" i="26"/>
  <c r="Q5906" i="10"/>
  <c r="D5898" i="26" s="1"/>
  <c r="Q3470" i="10"/>
  <c r="D3462" i="26" s="1"/>
  <c r="C3462" i="26"/>
  <c r="C4486" i="26"/>
  <c r="E4486" i="26" s="1"/>
  <c r="Q4494" i="10"/>
  <c r="D4486" i="26" s="1"/>
  <c r="C5296" i="26"/>
  <c r="Q5304" i="10"/>
  <c r="D5296" i="26" s="1"/>
  <c r="C5899" i="26"/>
  <c r="Q5907" i="10"/>
  <c r="D5899" i="26" s="1"/>
  <c r="C5785" i="26"/>
  <c r="Q5793" i="10"/>
  <c r="D5785" i="26" s="1"/>
  <c r="Q3462" i="10"/>
  <c r="D3454" i="26" s="1"/>
  <c r="C3454" i="26"/>
  <c r="C4478" i="26"/>
  <c r="Q4486" i="10"/>
  <c r="D4478" i="26" s="1"/>
  <c r="Q5803" i="10"/>
  <c r="D5795" i="26" s="1"/>
  <c r="C5795" i="26"/>
  <c r="C5798" i="26"/>
  <c r="Q5806" i="10"/>
  <c r="D5798" i="26" s="1"/>
  <c r="C5918" i="26"/>
  <c r="Q5926" i="10"/>
  <c r="D5918" i="26" s="1"/>
  <c r="C5940" i="26"/>
  <c r="Q5948" i="10"/>
  <c r="D5940" i="26" s="1"/>
  <c r="C3180" i="26"/>
  <c r="Q3188" i="10"/>
  <c r="D3180" i="26" s="1"/>
  <c r="C4204" i="26"/>
  <c r="E4204" i="26" s="1"/>
  <c r="Q4212" i="10"/>
  <c r="D4204" i="26" s="1"/>
  <c r="C5228" i="26"/>
  <c r="E5229" i="26" s="1"/>
  <c r="Q5236" i="10"/>
  <c r="D5228" i="26" s="1"/>
  <c r="C2989" i="26"/>
  <c r="Q2997" i="10"/>
  <c r="D2989" i="26" s="1"/>
  <c r="C5037" i="26"/>
  <c r="E5037" i="26" s="1"/>
  <c r="Q5045" i="10"/>
  <c r="D5037" i="26" s="1"/>
  <c r="Q3830" i="10"/>
  <c r="D3822" i="26" s="1"/>
  <c r="C3822" i="26"/>
  <c r="E3822" i="26" s="1"/>
  <c r="C4846" i="26"/>
  <c r="E4846" i="26" s="1"/>
  <c r="Q4854" i="10"/>
  <c r="D4846" i="26" s="1"/>
  <c r="Q3151" i="10"/>
  <c r="D3143" i="26" s="1"/>
  <c r="C3143" i="26"/>
  <c r="C4167" i="26"/>
  <c r="E4167" i="26" s="1"/>
  <c r="Q4175" i="10"/>
  <c r="D4167" i="26" s="1"/>
  <c r="C5191" i="26"/>
  <c r="E5191" i="26" s="1"/>
  <c r="Q5199" i="10"/>
  <c r="D5191" i="26" s="1"/>
  <c r="Q3488" i="10"/>
  <c r="D3480" i="26" s="1"/>
  <c r="C3480" i="26"/>
  <c r="E3480" i="26" s="1"/>
  <c r="C4504" i="26"/>
  <c r="E4504" i="26" s="1"/>
  <c r="Q4512" i="10"/>
  <c r="D4504" i="26" s="1"/>
  <c r="C5528" i="26"/>
  <c r="Q5536" i="10"/>
  <c r="D5528" i="26" s="1"/>
  <c r="Q3809" i="10"/>
  <c r="D3801" i="26" s="1"/>
  <c r="C3801" i="26"/>
  <c r="E3801" i="26" s="1"/>
  <c r="C4825" i="26"/>
  <c r="E4825" i="26" s="1"/>
  <c r="Q4833" i="10"/>
  <c r="D4825" i="26" s="1"/>
  <c r="Q2930" i="10"/>
  <c r="D2922" i="26" s="1"/>
  <c r="C2922" i="26"/>
  <c r="E2922" i="26" s="1"/>
  <c r="C3946" i="26"/>
  <c r="E3946" i="26" s="1"/>
  <c r="Q3954" i="10"/>
  <c r="D3946" i="26" s="1"/>
  <c r="C4970" i="26"/>
  <c r="E4970" i="26" s="1"/>
  <c r="Q4978" i="10"/>
  <c r="D4970" i="26" s="1"/>
  <c r="Q3315" i="10"/>
  <c r="D3307" i="26" s="1"/>
  <c r="C3307" i="26"/>
  <c r="Q4339" i="10"/>
  <c r="D4331" i="26" s="1"/>
  <c r="C4331" i="26"/>
  <c r="E4331" i="26" s="1"/>
  <c r="Q5363" i="10"/>
  <c r="D5355" i="26" s="1"/>
  <c r="C5355" i="26"/>
  <c r="C6918" i="26"/>
  <c r="Q6926" i="10"/>
  <c r="D6918" i="26" s="1"/>
  <c r="C6287" i="26"/>
  <c r="Q6295" i="10"/>
  <c r="D6287" i="26" s="1"/>
  <c r="C7311" i="26"/>
  <c r="Q7319" i="10"/>
  <c r="D7311" i="26" s="1"/>
  <c r="C6712" i="26"/>
  <c r="Q6720" i="10"/>
  <c r="D6712" i="26" s="1"/>
  <c r="C5169" i="26"/>
  <c r="Q5177" i="10"/>
  <c r="D5169" i="26" s="1"/>
  <c r="C6449" i="26"/>
  <c r="Q6457" i="10"/>
  <c r="D6449" i="26" s="1"/>
  <c r="C6042" i="26"/>
  <c r="Q6050" i="10"/>
  <c r="D6042" i="26" s="1"/>
  <c r="C7066" i="26"/>
  <c r="Q7074" i="10"/>
  <c r="D7066" i="26" s="1"/>
  <c r="C6291" i="26"/>
  <c r="E6291" i="26" s="1"/>
  <c r="Q6299" i="10"/>
  <c r="D6291" i="26" s="1"/>
  <c r="Q7323" i="10"/>
  <c r="D7315" i="26" s="1"/>
  <c r="C7315" i="26"/>
  <c r="C6812" i="26"/>
  <c r="Q6820" i="10"/>
  <c r="D6812" i="26" s="1"/>
  <c r="E6813" i="26" s="1"/>
  <c r="C6629" i="26"/>
  <c r="Q6637" i="10"/>
  <c r="D6629" i="26" s="1"/>
  <c r="C3380" i="26"/>
  <c r="Q3388" i="10"/>
  <c r="D3380" i="26" s="1"/>
  <c r="C4404" i="26"/>
  <c r="E4404" i="26" s="1"/>
  <c r="Q4412" i="10"/>
  <c r="D4404" i="26" s="1"/>
  <c r="C5428" i="26"/>
  <c r="Q5436" i="10"/>
  <c r="D5428" i="26" s="1"/>
  <c r="C3381" i="26"/>
  <c r="Q3389" i="10"/>
  <c r="D3381" i="26" s="1"/>
  <c r="C5429" i="26"/>
  <c r="Q5437" i="10"/>
  <c r="D5429" i="26" s="1"/>
  <c r="Q2878" i="10"/>
  <c r="D2870" i="26" s="1"/>
  <c r="C2870" i="26"/>
  <c r="E2870" i="26" s="1"/>
  <c r="Q3902" i="10"/>
  <c r="D3894" i="26" s="1"/>
  <c r="C3894" i="26"/>
  <c r="C5558" i="26"/>
  <c r="Q5566" i="10"/>
  <c r="D5558" i="26" s="1"/>
  <c r="Q3863" i="10"/>
  <c r="D3855" i="26" s="1"/>
  <c r="C3855" i="26"/>
  <c r="E3855" i="26" s="1"/>
  <c r="C4879" i="26"/>
  <c r="E4879" i="26" s="1"/>
  <c r="Q4887" i="10"/>
  <c r="D4879" i="26" s="1"/>
  <c r="Q3176" i="10"/>
  <c r="D3168" i="26" s="1"/>
  <c r="C3168" i="26"/>
  <c r="C4192" i="26"/>
  <c r="E4192" i="26" s="1"/>
  <c r="Q4200" i="10"/>
  <c r="D4192" i="26" s="1"/>
  <c r="C5216" i="26"/>
  <c r="E5216" i="26" s="1"/>
  <c r="Q5224" i="10"/>
  <c r="D5216" i="26" s="1"/>
  <c r="Q2857" i="10"/>
  <c r="D2849" i="26" s="1"/>
  <c r="C2849" i="26"/>
  <c r="Q3881" i="10"/>
  <c r="D3873" i="26" s="1"/>
  <c r="C3873" i="26"/>
  <c r="E3873" i="26" s="1"/>
  <c r="Q2906" i="10"/>
  <c r="D2898" i="26" s="1"/>
  <c r="C2898" i="26"/>
  <c r="E2898" i="26" s="1"/>
  <c r="Q3930" i="10"/>
  <c r="D3922" i="26" s="1"/>
  <c r="C3922" i="26"/>
  <c r="E3922" i="26" s="1"/>
  <c r="C4946" i="26"/>
  <c r="E4946" i="26" s="1"/>
  <c r="Q4954" i="10"/>
  <c r="D4946" i="26" s="1"/>
  <c r="Q3291" i="10"/>
  <c r="D3283" i="26" s="1"/>
  <c r="C3283" i="26"/>
  <c r="C4307" i="26"/>
  <c r="E4307" i="26" s="1"/>
  <c r="Q4315" i="10"/>
  <c r="D4307" i="26" s="1"/>
  <c r="C5331" i="26"/>
  <c r="Q5339" i="10"/>
  <c r="D5331" i="26" s="1"/>
  <c r="C7022" i="26"/>
  <c r="Q7030" i="10"/>
  <c r="D7022" i="26" s="1"/>
  <c r="C6391" i="26"/>
  <c r="Q6399" i="10"/>
  <c r="D6391" i="26" s="1"/>
  <c r="C7415" i="26"/>
  <c r="Q7423" i="10"/>
  <c r="D7415" i="26" s="1"/>
  <c r="C3053" i="26"/>
  <c r="Q3061" i="10"/>
  <c r="D3053" i="26" s="1"/>
  <c r="C5101" i="26"/>
  <c r="E5101" i="26" s="1"/>
  <c r="Q5109" i="10"/>
  <c r="D5101" i="26" s="1"/>
  <c r="C3020" i="26"/>
  <c r="E3020" i="26" s="1"/>
  <c r="Q3028" i="10"/>
  <c r="D3020" i="26" s="1"/>
  <c r="C4044" i="26"/>
  <c r="E4044" i="26" s="1"/>
  <c r="Q4052" i="10"/>
  <c r="D4044" i="26" s="1"/>
  <c r="C5068" i="26"/>
  <c r="E5068" i="26" s="1"/>
  <c r="Q5076" i="10"/>
  <c r="D5068" i="26" s="1"/>
  <c r="C5805" i="26"/>
  <c r="Q5813" i="10"/>
  <c r="D5805" i="26" s="1"/>
  <c r="C5907" i="26"/>
  <c r="Q5915" i="10"/>
  <c r="D5907" i="26" s="1"/>
  <c r="C5600" i="26"/>
  <c r="Q5608" i="10"/>
  <c r="D5600" i="26" s="1"/>
  <c r="C4015" i="26"/>
  <c r="E4015" i="26" s="1"/>
  <c r="Q4023" i="10"/>
  <c r="D4015" i="26" s="1"/>
  <c r="C5039" i="26"/>
  <c r="E5039" i="26" s="1"/>
  <c r="Q5047" i="10"/>
  <c r="D5039" i="26" s="1"/>
  <c r="F4652" i="26"/>
  <c r="E4652" i="26"/>
  <c r="F4653" i="26"/>
  <c r="E4653" i="26"/>
  <c r="F4373" i="26"/>
  <c r="E4373" i="26"/>
  <c r="F5258" i="26"/>
  <c r="E5258" i="26"/>
  <c r="F6950" i="26"/>
  <c r="E6950" i="26"/>
  <c r="F6639" i="26"/>
  <c r="E6639" i="26"/>
  <c r="F6392" i="26"/>
  <c r="E6392" i="26"/>
  <c r="E5201" i="26"/>
  <c r="F6801" i="26"/>
  <c r="E6801" i="26"/>
  <c r="F6714" i="26"/>
  <c r="E6714" i="26"/>
  <c r="F6204" i="26"/>
  <c r="E6204" i="26"/>
  <c r="F4469" i="26"/>
  <c r="E4469" i="26"/>
  <c r="F5750" i="26"/>
  <c r="E5750" i="26"/>
  <c r="E4335" i="26"/>
  <c r="F5696" i="26"/>
  <c r="E5696" i="26"/>
  <c r="F7309" i="26"/>
  <c r="E7309" i="26"/>
  <c r="F6606" i="26"/>
  <c r="E6606" i="26"/>
  <c r="F6327" i="26"/>
  <c r="E6327" i="26"/>
  <c r="F6080" i="26"/>
  <c r="E6080" i="26"/>
  <c r="F7136" i="26"/>
  <c r="E7136" i="26"/>
  <c r="F5593" i="26"/>
  <c r="E5593" i="26"/>
  <c r="F6841" i="26"/>
  <c r="E6841" i="26"/>
  <c r="F6402" i="26"/>
  <c r="E6402" i="26"/>
  <c r="F7426" i="26"/>
  <c r="E7426" i="26"/>
  <c r="F6619" i="26"/>
  <c r="E6619" i="26"/>
  <c r="F6180" i="26"/>
  <c r="E6180" i="26"/>
  <c r="F7204" i="26"/>
  <c r="E7204" i="26"/>
  <c r="F5461" i="26"/>
  <c r="E5461" i="26"/>
  <c r="F2941" i="26"/>
  <c r="E2941" i="26"/>
  <c r="F5757" i="26"/>
  <c r="E5757" i="26"/>
  <c r="F5694" i="26"/>
  <c r="E5694" i="26"/>
  <c r="F6357" i="26"/>
  <c r="E6357" i="26"/>
  <c r="F3141" i="26"/>
  <c r="E3141" i="26"/>
  <c r="F5434" i="26"/>
  <c r="E5434" i="26"/>
  <c r="F6166" i="26"/>
  <c r="E6166" i="26"/>
  <c r="F7190" i="26"/>
  <c r="E7190" i="26"/>
  <c r="F6559" i="26"/>
  <c r="E6559" i="26"/>
  <c r="E5960" i="26"/>
  <c r="F6984" i="26"/>
  <c r="E6984" i="26"/>
  <c r="F5441" i="26"/>
  <c r="E5441" i="26"/>
  <c r="F6689" i="26"/>
  <c r="E6689" i="26"/>
  <c r="F6282" i="26"/>
  <c r="E6282" i="26"/>
  <c r="F7306" i="26"/>
  <c r="E7306" i="26"/>
  <c r="F6531" i="26"/>
  <c r="E6531" i="26"/>
  <c r="F6124" i="26"/>
  <c r="E6124" i="26"/>
  <c r="F7148" i="26"/>
  <c r="E7148" i="26"/>
  <c r="F7413" i="26"/>
  <c r="E7413" i="26"/>
  <c r="F5732" i="26"/>
  <c r="E5732" i="26"/>
  <c r="F5471" i="26"/>
  <c r="E5471" i="26"/>
  <c r="E4528" i="26"/>
  <c r="F3661" i="26"/>
  <c r="E3661" i="26"/>
  <c r="F5709" i="26"/>
  <c r="E5709" i="26"/>
  <c r="F5506" i="26"/>
  <c r="E5506" i="26"/>
  <c r="F6270" i="26"/>
  <c r="E6270" i="26"/>
  <c r="F7294" i="26"/>
  <c r="E7294" i="26"/>
  <c r="F6663" i="26"/>
  <c r="E6663" i="26"/>
  <c r="F6064" i="26"/>
  <c r="E6064" i="26"/>
  <c r="F7088" i="26"/>
  <c r="E7088" i="26"/>
  <c r="F5545" i="26"/>
  <c r="E5545" i="26"/>
  <c r="F6418" i="26"/>
  <c r="E6418" i="26"/>
  <c r="F7442" i="26"/>
  <c r="E7442" i="26"/>
  <c r="F6667" i="26"/>
  <c r="E6667" i="26"/>
  <c r="E6260" i="26"/>
  <c r="F6845" i="26"/>
  <c r="E6845" i="26"/>
  <c r="F3693" i="26"/>
  <c r="E3693" i="26"/>
  <c r="F4654" i="26"/>
  <c r="E4654" i="26"/>
  <c r="F5336" i="26"/>
  <c r="E5336" i="26"/>
  <c r="F6661" i="26"/>
  <c r="E6661" i="26"/>
  <c r="F6630" i="26"/>
  <c r="E6630" i="26"/>
  <c r="F6351" i="26"/>
  <c r="E6351" i="26"/>
  <c r="F6104" i="26"/>
  <c r="E6104" i="26"/>
  <c r="F7448" i="26"/>
  <c r="E7448" i="26"/>
  <c r="F6513" i="26"/>
  <c r="E6513" i="26"/>
  <c r="F6394" i="26"/>
  <c r="E6394" i="26"/>
  <c r="F5715" i="26"/>
  <c r="E5715" i="26"/>
  <c r="F7260" i="26"/>
  <c r="E7260" i="26"/>
  <c r="E2900" i="26"/>
  <c r="F5620" i="26"/>
  <c r="E5620" i="26"/>
  <c r="F7373" i="26"/>
  <c r="E7373" i="26"/>
  <c r="F6670" i="26"/>
  <c r="E6670" i="26"/>
  <c r="F6359" i="26"/>
  <c r="E6359" i="26"/>
  <c r="F6112" i="26"/>
  <c r="E6112" i="26"/>
  <c r="F7168" i="26"/>
  <c r="E7168" i="26"/>
  <c r="F5625" i="26"/>
  <c r="E5625" i="26"/>
  <c r="F6873" i="26"/>
  <c r="E6873" i="26"/>
  <c r="F6434" i="26"/>
  <c r="E6434" i="26"/>
  <c r="F5403" i="26"/>
  <c r="E5403" i="26"/>
  <c r="F6212" i="26"/>
  <c r="E6212" i="26"/>
  <c r="F7236" i="26"/>
  <c r="E7236" i="26"/>
  <c r="F2844" i="26"/>
  <c r="E2844" i="26"/>
  <c r="F5404" i="26"/>
  <c r="E5404" i="26"/>
  <c r="F5533" i="26"/>
  <c r="E5533" i="26"/>
  <c r="F5470" i="26"/>
  <c r="E5470" i="26"/>
  <c r="E4567" i="26"/>
  <c r="F5591" i="26"/>
  <c r="E5591" i="26"/>
  <c r="F4648" i="26"/>
  <c r="E4648" i="26"/>
  <c r="E5672" i="26"/>
  <c r="F3605" i="26"/>
  <c r="E3605" i="26"/>
  <c r="E4741" i="26"/>
  <c r="F4442" i="26"/>
  <c r="E4442" i="26"/>
  <c r="F5466" i="26"/>
  <c r="E5466" i="26"/>
  <c r="F6198" i="26"/>
  <c r="E6198" i="26"/>
  <c r="F7222" i="26"/>
  <c r="E7222" i="26"/>
  <c r="F6591" i="26"/>
  <c r="E6591" i="26"/>
  <c r="F5992" i="26"/>
  <c r="E5992" i="26"/>
  <c r="F7016" i="26"/>
  <c r="E7016" i="26"/>
  <c r="F5473" i="26"/>
  <c r="E5473" i="26"/>
  <c r="F6721" i="26"/>
  <c r="E6721" i="26"/>
  <c r="F6314" i="26"/>
  <c r="E6314" i="26"/>
  <c r="F7338" i="26"/>
  <c r="E7338" i="26"/>
  <c r="F6156" i="26"/>
  <c r="E6156" i="26"/>
  <c r="F7180" i="26"/>
  <c r="E7180" i="26"/>
  <c r="F3157" i="26"/>
  <c r="E3157" i="26"/>
  <c r="F3460" i="26"/>
  <c r="E3460" i="26"/>
  <c r="F5508" i="26"/>
  <c r="E5508" i="26"/>
  <c r="F4645" i="26"/>
  <c r="E4645" i="26"/>
  <c r="E5158" i="26"/>
  <c r="F4479" i="26"/>
  <c r="E4479" i="26"/>
  <c r="F5503" i="26"/>
  <c r="E5503" i="26"/>
  <c r="F3213" i="26"/>
  <c r="E3213" i="26"/>
  <c r="F5261" i="26"/>
  <c r="E5261" i="26"/>
  <c r="F6558" i="26"/>
  <c r="E6558" i="26"/>
  <c r="F5927" i="26"/>
  <c r="E5927" i="26"/>
  <c r="F6951" i="26"/>
  <c r="E6951" i="26"/>
  <c r="F6352" i="26"/>
  <c r="E6352" i="26"/>
  <c r="F7376" i="26"/>
  <c r="E7376" i="26"/>
  <c r="F6089" i="26"/>
  <c r="E6089" i="26"/>
  <c r="F7113" i="26"/>
  <c r="E7113" i="26"/>
  <c r="F6706" i="26"/>
  <c r="E6706" i="26"/>
  <c r="F6548" i="26"/>
  <c r="E6548" i="26"/>
  <c r="F6109" i="26"/>
  <c r="E6109" i="26"/>
  <c r="F7133" i="26"/>
  <c r="E7133" i="26"/>
  <c r="F7005" i="26"/>
  <c r="E7005" i="26"/>
  <c r="E4686" i="26"/>
  <c r="E4344" i="26"/>
  <c r="F5720" i="26"/>
  <c r="E5720" i="26"/>
  <c r="E3993" i="26"/>
  <c r="F6725" i="26"/>
  <c r="E6725" i="26"/>
  <c r="E4683" i="26"/>
  <c r="F6694" i="26"/>
  <c r="E6694" i="26"/>
  <c r="F6383" i="26"/>
  <c r="E6383" i="26"/>
  <c r="F6136" i="26"/>
  <c r="E6136" i="26"/>
  <c r="F6545" i="26"/>
  <c r="E6545" i="26"/>
  <c r="F6458" i="26"/>
  <c r="E6458" i="26"/>
  <c r="F7292" i="26"/>
  <c r="E7292" i="26"/>
  <c r="F5652" i="26"/>
  <c r="E5652" i="26"/>
  <c r="F5487" i="26"/>
  <c r="E5487" i="26"/>
  <c r="E3968" i="26"/>
  <c r="F5312" i="26"/>
  <c r="E5312" i="26"/>
  <c r="F6093" i="26"/>
  <c r="E6093" i="26"/>
  <c r="E4722" i="26"/>
  <c r="F6350" i="26"/>
  <c r="E6350" i="26"/>
  <c r="F6071" i="26"/>
  <c r="E6071" i="26"/>
  <c r="F7447" i="26"/>
  <c r="E7447" i="26"/>
  <c r="F6944" i="26"/>
  <c r="E6944" i="26"/>
  <c r="F5401" i="26"/>
  <c r="E5401" i="26"/>
  <c r="F6649" i="26"/>
  <c r="E6649" i="26"/>
  <c r="F6210" i="26"/>
  <c r="E6210" i="26"/>
  <c r="F7234" i="26"/>
  <c r="E7234" i="26"/>
  <c r="F6427" i="26"/>
  <c r="E6427" i="26"/>
  <c r="F7451" i="26"/>
  <c r="E7451" i="26"/>
  <c r="F7012" i="26"/>
  <c r="E7012" i="26"/>
  <c r="F7213" i="26"/>
  <c r="E7213" i="26"/>
  <c r="F3644" i="26"/>
  <c r="E3644" i="26"/>
  <c r="F5692" i="26"/>
  <c r="E5692" i="26"/>
  <c r="F3773" i="26"/>
  <c r="E3773" i="26"/>
  <c r="E4990" i="26"/>
  <c r="E4168" i="26"/>
  <c r="F6997" i="26"/>
  <c r="E6997" i="26"/>
  <c r="E4293" i="26"/>
  <c r="F6998" i="26"/>
  <c r="E6998" i="26"/>
  <c r="F6367" i="26"/>
  <c r="E6367" i="26"/>
  <c r="F7391" i="26"/>
  <c r="E7391" i="26"/>
  <c r="F6792" i="26"/>
  <c r="E6792" i="26"/>
  <c r="E5249" i="26"/>
  <c r="F6497" i="26"/>
  <c r="E6497" i="26"/>
  <c r="F6090" i="26"/>
  <c r="E6090" i="26"/>
  <c r="F7114" i="26"/>
  <c r="E7114" i="26"/>
  <c r="F6339" i="26"/>
  <c r="E6339" i="26"/>
  <c r="F7363" i="26"/>
  <c r="E7363" i="26"/>
  <c r="F6956" i="26"/>
  <c r="E6956" i="26"/>
  <c r="F7029" i="26"/>
  <c r="E7029" i="26"/>
  <c r="F5540" i="26"/>
  <c r="E5540" i="26"/>
  <c r="E4709" i="26"/>
  <c r="E5190" i="26"/>
  <c r="F5535" i="26"/>
  <c r="E5535" i="26"/>
  <c r="F4592" i="26"/>
  <c r="E4592" i="26"/>
  <c r="F3277" i="26"/>
  <c r="E3277" i="26"/>
  <c r="F5325" i="26"/>
  <c r="E5325" i="26"/>
  <c r="E4802" i="26"/>
  <c r="F6590" i="26"/>
  <c r="E6590" i="26"/>
  <c r="F5959" i="26"/>
  <c r="E5959" i="26"/>
  <c r="F6983" i="26"/>
  <c r="E6983" i="26"/>
  <c r="F6384" i="26"/>
  <c r="E6384" i="26"/>
  <c r="F7408" i="26"/>
  <c r="E7408" i="26"/>
  <c r="F6121" i="26"/>
  <c r="E6121" i="26"/>
  <c r="F7145" i="26"/>
  <c r="E7145" i="26"/>
  <c r="F6738" i="26"/>
  <c r="E6738" i="26"/>
  <c r="F5707" i="26"/>
  <c r="E5707" i="26"/>
  <c r="F6987" i="26"/>
  <c r="E6987" i="26"/>
  <c r="F6580" i="26"/>
  <c r="E6580" i="26"/>
  <c r="F6141" i="26"/>
  <c r="E6141" i="26"/>
  <c r="F7165" i="26"/>
  <c r="E7165" i="26"/>
  <c r="F3340" i="26"/>
  <c r="E3340" i="26"/>
  <c r="F5388" i="26"/>
  <c r="E5388" i="26"/>
  <c r="E4377" i="26"/>
  <c r="F4362" i="26"/>
  <c r="E4362" i="26"/>
  <c r="F5706" i="26"/>
  <c r="E5706" i="26"/>
  <c r="F6054" i="26"/>
  <c r="E6054" i="26"/>
  <c r="F7398" i="26"/>
  <c r="E7398" i="26"/>
  <c r="F7119" i="26"/>
  <c r="E7119" i="26"/>
  <c r="F6872" i="26"/>
  <c r="E6872" i="26"/>
  <c r="F5649" i="26"/>
  <c r="E5649" i="26"/>
  <c r="F7281" i="26"/>
  <c r="E7281" i="26"/>
  <c r="F7162" i="26"/>
  <c r="E7162" i="26"/>
  <c r="F6739" i="26"/>
  <c r="E6739" i="26"/>
  <c r="F6652" i="26"/>
  <c r="E6652" i="26"/>
  <c r="F7205" i="26"/>
  <c r="E7205" i="26"/>
  <c r="E5012" i="26"/>
  <c r="E4021" i="26"/>
  <c r="F4598" i="26"/>
  <c r="E4598" i="26"/>
  <c r="F5583" i="26"/>
  <c r="E5583" i="26"/>
  <c r="E4000" i="26"/>
  <c r="F5376" i="26"/>
  <c r="E5376" i="26"/>
  <c r="F6221" i="26"/>
  <c r="E6221" i="26"/>
  <c r="E4754" i="26"/>
  <c r="F6734" i="26"/>
  <c r="E6734" i="26"/>
  <c r="F6455" i="26"/>
  <c r="E6455" i="26"/>
  <c r="F6208" i="26"/>
  <c r="E6208" i="26"/>
  <c r="F7232" i="26"/>
  <c r="E7232" i="26"/>
  <c r="F5689" i="26"/>
  <c r="E5689" i="26"/>
  <c r="F6937" i="26"/>
  <c r="E6937" i="26"/>
  <c r="F6498" i="26"/>
  <c r="E6498" i="26"/>
  <c r="F5467" i="26"/>
  <c r="E5467" i="26"/>
  <c r="F6276" i="26"/>
  <c r="E6276" i="26"/>
  <c r="F7300" i="26"/>
  <c r="E7300" i="26"/>
  <c r="F3285" i="26"/>
  <c r="E3285" i="26"/>
  <c r="F5724" i="26"/>
  <c r="E5724" i="26"/>
  <c r="E5022" i="26"/>
  <c r="E4119" i="26"/>
  <c r="E5143" i="26"/>
  <c r="E3944" i="26"/>
  <c r="E4968" i="26"/>
  <c r="F6037" i="26"/>
  <c r="E6037" i="26"/>
  <c r="F3333" i="26"/>
  <c r="E3333" i="26"/>
  <c r="F5381" i="26"/>
  <c r="E5381" i="26"/>
  <c r="F6518" i="26"/>
  <c r="E6518" i="26"/>
  <c r="F5887" i="26"/>
  <c r="E5887" i="26"/>
  <c r="F6911" i="26"/>
  <c r="E6911" i="26"/>
  <c r="F6312" i="26"/>
  <c r="E6312" i="26"/>
  <c r="F7336" i="26"/>
  <c r="E7336" i="26"/>
  <c r="F6017" i="26"/>
  <c r="E6017" i="26"/>
  <c r="F7041" i="26"/>
  <c r="E7041" i="26"/>
  <c r="F6634" i="26"/>
  <c r="E6634" i="26"/>
  <c r="F6476" i="26"/>
  <c r="E6476" i="26"/>
  <c r="F6069" i="26"/>
  <c r="E6069" i="26"/>
  <c r="F3749" i="26"/>
  <c r="E3749" i="26"/>
  <c r="E4287" i="26"/>
  <c r="F5311" i="26"/>
  <c r="E5311" i="26"/>
  <c r="E4273" i="26"/>
  <c r="F3341" i="26"/>
  <c r="E3341" i="26"/>
  <c r="F5389" i="26"/>
  <c r="E5389" i="26"/>
  <c r="F5602" i="26"/>
  <c r="E5602" i="26"/>
  <c r="E4739" i="26"/>
  <c r="F6110" i="26"/>
  <c r="E6110" i="26"/>
  <c r="F7134" i="26"/>
  <c r="E7134" i="26"/>
  <c r="F6503" i="26"/>
  <c r="E6503" i="26"/>
  <c r="F5904" i="26"/>
  <c r="E5904" i="26"/>
  <c r="F6928" i="26"/>
  <c r="E6928" i="26"/>
  <c r="F5385" i="26"/>
  <c r="E5385" i="26"/>
  <c r="F6665" i="26"/>
  <c r="E6665" i="26"/>
  <c r="E6258" i="26"/>
  <c r="F7282" i="26"/>
  <c r="E7282" i="26"/>
  <c r="F6100" i="26"/>
  <c r="E6100" i="26"/>
  <c r="F7124" i="26"/>
  <c r="E7124" i="26"/>
  <c r="F6685" i="26"/>
  <c r="E6685" i="26"/>
  <c r="F7037" i="26"/>
  <c r="E7037" i="26"/>
  <c r="E4396" i="26"/>
  <c r="F4141" i="26"/>
  <c r="E4141" i="26"/>
  <c r="E4782" i="26"/>
  <c r="F4440" i="26"/>
  <c r="E4440" i="26"/>
  <c r="F5816" i="26"/>
  <c r="E5816" i="26"/>
  <c r="F6917" i="26"/>
  <c r="E6917" i="26"/>
  <c r="F5418" i="26"/>
  <c r="E5418" i="26"/>
  <c r="F6086" i="26"/>
  <c r="E6086" i="26"/>
  <c r="F5807" i="26"/>
  <c r="E5807" i="26"/>
  <c r="F7151" i="26"/>
  <c r="E7151" i="26"/>
  <c r="F6904" i="26"/>
  <c r="E6904" i="26"/>
  <c r="F5713" i="26"/>
  <c r="E5713" i="26"/>
  <c r="F7313" i="26"/>
  <c r="E7313" i="26"/>
  <c r="F7226" i="26"/>
  <c r="E7226" i="26"/>
  <c r="F6716" i="26"/>
  <c r="E6716" i="26"/>
  <c r="F7269" i="26"/>
  <c r="E7269" i="26"/>
  <c r="E3700" i="26"/>
  <c r="F5615" i="26"/>
  <c r="E5615" i="26"/>
  <c r="E4032" i="26"/>
  <c r="F5440" i="26"/>
  <c r="E5440" i="26"/>
  <c r="F6989" i="26"/>
  <c r="E6989" i="26"/>
  <c r="F7118" i="26"/>
  <c r="E7118" i="26"/>
  <c r="F6839" i="26"/>
  <c r="E6839" i="26"/>
  <c r="F6496" i="26"/>
  <c r="E6496" i="26"/>
  <c r="E4953" i="26"/>
  <c r="F6201" i="26"/>
  <c r="E6201" i="26"/>
  <c r="F7225" i="26"/>
  <c r="E7225" i="26"/>
  <c r="F6786" i="26"/>
  <c r="E6786" i="26"/>
  <c r="F7003" i="26"/>
  <c r="E7003" i="26"/>
  <c r="F6564" i="26"/>
  <c r="E6564" i="26"/>
  <c r="F6317" i="26"/>
  <c r="E6317" i="26"/>
  <c r="F2940" i="26"/>
  <c r="E2940" i="26"/>
  <c r="F3069" i="26"/>
  <c r="E3069" i="26"/>
  <c r="E4093" i="26"/>
  <c r="E5117" i="26"/>
  <c r="F5310" i="26"/>
  <c r="E5310" i="26"/>
  <c r="E4407" i="26"/>
  <c r="F5431" i="26"/>
  <c r="E5431" i="26"/>
  <c r="F5512" i="26"/>
  <c r="E5512" i="26"/>
  <c r="F7125" i="26"/>
  <c r="E7125" i="26"/>
  <c r="F6550" i="26"/>
  <c r="E6550" i="26"/>
  <c r="F5919" i="26"/>
  <c r="E5919" i="26"/>
  <c r="F6943" i="26"/>
  <c r="E6943" i="26"/>
  <c r="F6344" i="26"/>
  <c r="E6344" i="26"/>
  <c r="F7368" i="26"/>
  <c r="E7368" i="26"/>
  <c r="F6049" i="26"/>
  <c r="E6049" i="26"/>
  <c r="F7073" i="26"/>
  <c r="E7073" i="26"/>
  <c r="F6666" i="26"/>
  <c r="E6666" i="26"/>
  <c r="F5635" i="26"/>
  <c r="E5635" i="26"/>
  <c r="F6915" i="26"/>
  <c r="E6915" i="26"/>
  <c r="F6508" i="26"/>
  <c r="E6508" i="26"/>
  <c r="F6133" i="26"/>
  <c r="E6133" i="26"/>
  <c r="E4319" i="26"/>
  <c r="F5343" i="26"/>
  <c r="E5343" i="26"/>
  <c r="E4400" i="26"/>
  <c r="E4049" i="26"/>
  <c r="E4693" i="26"/>
  <c r="E4354" i="26"/>
  <c r="F5378" i="26"/>
  <c r="E5378" i="26"/>
  <c r="F6142" i="26"/>
  <c r="E6142" i="26"/>
  <c r="F7166" i="26"/>
  <c r="E7166" i="26"/>
  <c r="F6535" i="26"/>
  <c r="E6535" i="26"/>
  <c r="F5936" i="26"/>
  <c r="E5936" i="26"/>
  <c r="F6960" i="26"/>
  <c r="E6960" i="26"/>
  <c r="F5417" i="26"/>
  <c r="E5417" i="26"/>
  <c r="F6697" i="26"/>
  <c r="E6697" i="26"/>
  <c r="E6290" i="26"/>
  <c r="F7314" i="26"/>
  <c r="E7314" i="26"/>
  <c r="F6539" i="26"/>
  <c r="E6539" i="26"/>
  <c r="F6132" i="26"/>
  <c r="E6132" i="26"/>
  <c r="F7156" i="26"/>
  <c r="E7156" i="26"/>
  <c r="F6717" i="26"/>
  <c r="E6717" i="26"/>
  <c r="F2956" i="26"/>
  <c r="E2956" i="26"/>
  <c r="E5004" i="26"/>
  <c r="F4142" i="26"/>
  <c r="E4142" i="26"/>
  <c r="E4487" i="26"/>
  <c r="F4472" i="26"/>
  <c r="E4472" i="26"/>
  <c r="F6981" i="26"/>
  <c r="E6981" i="26"/>
  <c r="F5450" i="26"/>
  <c r="E5450" i="26"/>
  <c r="F6118" i="26"/>
  <c r="E6118" i="26"/>
  <c r="F5839" i="26"/>
  <c r="E5839" i="26"/>
  <c r="F7215" i="26"/>
  <c r="E7215" i="26"/>
  <c r="F6936" i="26"/>
  <c r="E6936" i="26"/>
  <c r="F5745" i="26"/>
  <c r="E5745" i="26"/>
  <c r="F7377" i="26"/>
  <c r="E7377" i="26"/>
  <c r="F7258" i="26"/>
  <c r="E7258" i="26"/>
  <c r="F6748" i="26"/>
  <c r="E6748" i="26"/>
  <c r="F7333" i="26"/>
  <c r="E7333" i="26"/>
  <c r="E3732" i="26"/>
  <c r="E5108" i="26"/>
  <c r="E4213" i="26"/>
  <c r="E4694" i="26"/>
  <c r="F5711" i="26"/>
  <c r="E5711" i="26"/>
  <c r="F5504" i="26"/>
  <c r="E5504" i="26"/>
  <c r="F7053" i="26"/>
  <c r="E7053" i="26"/>
  <c r="E5170" i="26"/>
  <c r="F7182" i="26"/>
  <c r="E7182" i="26"/>
  <c r="F6871" i="26"/>
  <c r="E6871" i="26"/>
  <c r="F6528" i="26"/>
  <c r="E6528" i="26"/>
  <c r="E4985" i="26"/>
  <c r="F6233" i="26"/>
  <c r="E6233" i="26"/>
  <c r="F7257" i="26"/>
  <c r="E7257" i="26"/>
  <c r="E6818" i="26"/>
  <c r="F6596" i="26"/>
  <c r="E6596" i="26"/>
  <c r="F6381" i="26"/>
  <c r="E6381" i="26"/>
  <c r="E3101" i="26"/>
  <c r="E4125" i="26"/>
  <c r="E5149" i="26"/>
  <c r="E5086" i="26"/>
  <c r="E4183" i="26"/>
  <c r="E4264" i="26"/>
  <c r="E5288" i="26"/>
  <c r="C5390" i="26"/>
  <c r="Q5398" i="10"/>
  <c r="D5390" i="26" s="1"/>
  <c r="C5946" i="26"/>
  <c r="Q5954" i="10"/>
  <c r="D5946" i="26" s="1"/>
  <c r="C5078" i="26"/>
  <c r="E5078" i="26" s="1"/>
  <c r="Q5086" i="10"/>
  <c r="D5078" i="26" s="1"/>
  <c r="C5922" i="26"/>
  <c r="Q5930" i="10"/>
  <c r="D5922" i="26" s="1"/>
  <c r="C5942" i="26"/>
  <c r="Q5950" i="10"/>
  <c r="D5942" i="26" s="1"/>
  <c r="C5964" i="26"/>
  <c r="E5964" i="26" s="1"/>
  <c r="Q5972" i="10"/>
  <c r="D5964" i="26" s="1"/>
  <c r="Q2894" i="10"/>
  <c r="D2886" i="26" s="1"/>
  <c r="C2886" i="26"/>
  <c r="Q3918" i="10"/>
  <c r="D3910" i="26" s="1"/>
  <c r="C3910" i="26"/>
  <c r="E3910" i="26" s="1"/>
  <c r="C4976" i="26"/>
  <c r="E4976" i="26" s="1"/>
  <c r="Q4984" i="10"/>
  <c r="D4976" i="26" s="1"/>
  <c r="C5842" i="26"/>
  <c r="Q5850" i="10"/>
  <c r="D5842" i="26" s="1"/>
  <c r="C5806" i="26"/>
  <c r="Q5814" i="10"/>
  <c r="D5806" i="26" s="1"/>
  <c r="C5843" i="26"/>
  <c r="Q5851" i="10"/>
  <c r="D5843" i="26" s="1"/>
  <c r="C5110" i="26"/>
  <c r="E5110" i="26" s="1"/>
  <c r="Q5118" i="10"/>
  <c r="D5110" i="26" s="1"/>
  <c r="C5977" i="26"/>
  <c r="Q5985" i="10"/>
  <c r="D5977" i="26" s="1"/>
  <c r="C5789" i="26"/>
  <c r="Q5797" i="10"/>
  <c r="D5789" i="26" s="1"/>
  <c r="Q3014" i="10"/>
  <c r="D3006" i="26" s="1"/>
  <c r="C3006" i="26"/>
  <c r="E3006" i="26" s="1"/>
  <c r="C4030" i="26"/>
  <c r="E4030" i="26" s="1"/>
  <c r="Q4038" i="10"/>
  <c r="D4030" i="26" s="1"/>
  <c r="C5846" i="26"/>
  <c r="Q5854" i="10"/>
  <c r="D5846" i="26" s="1"/>
  <c r="C5996" i="26"/>
  <c r="Q6004" i="10"/>
  <c r="D5996" i="26" s="1"/>
  <c r="C5008" i="26"/>
  <c r="Q5016" i="10"/>
  <c r="D5008" i="26" s="1"/>
  <c r="C6002" i="26"/>
  <c r="Q6010" i="10"/>
  <c r="D6002" i="26" s="1"/>
  <c r="C5862" i="26"/>
  <c r="Q5870" i="10"/>
  <c r="D5862" i="26" s="1"/>
  <c r="C5780" i="26"/>
  <c r="Q5788" i="10"/>
  <c r="D5780" i="26" s="1"/>
  <c r="C5881" i="26"/>
  <c r="Q5889" i="10"/>
  <c r="D5881" i="26" s="1"/>
  <c r="C5821" i="26"/>
  <c r="Q5829" i="10"/>
  <c r="D5821" i="26" s="1"/>
  <c r="C5763" i="26"/>
  <c r="Q5771" i="10"/>
  <c r="D5763" i="26" s="1"/>
  <c r="Q3598" i="10"/>
  <c r="D3590" i="26" s="1"/>
  <c r="C3590" i="26"/>
  <c r="C4614" i="26"/>
  <c r="E4614" i="26" s="1"/>
  <c r="Q4622" i="10"/>
  <c r="D4614" i="26" s="1"/>
  <c r="C5773" i="26"/>
  <c r="Q5781" i="10"/>
  <c r="D5773" i="26" s="1"/>
  <c r="C5908" i="26"/>
  <c r="Q5916" i="10"/>
  <c r="D5908" i="26" s="1"/>
  <c r="C5913" i="26"/>
  <c r="Q5921" i="10"/>
  <c r="D5913" i="26" s="1"/>
  <c r="Q3590" i="10"/>
  <c r="D3582" i="26" s="1"/>
  <c r="C3582" i="26"/>
  <c r="E3582" i="26" s="1"/>
  <c r="C4606" i="26"/>
  <c r="E4606" i="26" s="1"/>
  <c r="Q4614" i="10"/>
  <c r="D4606" i="26" s="1"/>
  <c r="Q5931" i="10"/>
  <c r="D5923" i="26" s="1"/>
  <c r="C5923" i="26"/>
  <c r="C4816" i="26"/>
  <c r="E4816" i="26" s="1"/>
  <c r="Q4824" i="10"/>
  <c r="D4816" i="26" s="1"/>
  <c r="C5833" i="26"/>
  <c r="Q5841" i="10"/>
  <c r="D5833" i="26" s="1"/>
  <c r="C5885" i="26"/>
  <c r="Q5893" i="10"/>
  <c r="D5885" i="26" s="1"/>
  <c r="C3308" i="26"/>
  <c r="Q3316" i="10"/>
  <c r="D3308" i="26" s="1"/>
  <c r="C4332" i="26"/>
  <c r="Q4340" i="10"/>
  <c r="D4332" i="26" s="1"/>
  <c r="C5356" i="26"/>
  <c r="Q5364" i="10"/>
  <c r="D5356" i="26" s="1"/>
  <c r="C3245" i="26"/>
  <c r="E3245" i="26" s="1"/>
  <c r="Q3253" i="10"/>
  <c r="D3245" i="26" s="1"/>
  <c r="C5293" i="26"/>
  <c r="E5293" i="26" s="1"/>
  <c r="Q5301" i="10"/>
  <c r="D5293" i="26" s="1"/>
  <c r="Q2934" i="10"/>
  <c r="D2926" i="26" s="1"/>
  <c r="C2926" i="26"/>
  <c r="E2926" i="26" s="1"/>
  <c r="C3950" i="26"/>
  <c r="E3950" i="26" s="1"/>
  <c r="Q3958" i="10"/>
  <c r="D3950" i="26" s="1"/>
  <c r="C4974" i="26"/>
  <c r="E4974" i="26" s="1"/>
  <c r="Q4982" i="10"/>
  <c r="D4974" i="26" s="1"/>
  <c r="Q3279" i="10"/>
  <c r="D3271" i="26" s="1"/>
  <c r="C3271" i="26"/>
  <c r="C4295" i="26"/>
  <c r="E4295" i="26" s="1"/>
  <c r="Q4303" i="10"/>
  <c r="D4295" i="26" s="1"/>
  <c r="C5319" i="26"/>
  <c r="Q5327" i="10"/>
  <c r="D5319" i="26" s="1"/>
  <c r="Q3616" i="10"/>
  <c r="D3608" i="26" s="1"/>
  <c r="C3608" i="26"/>
  <c r="C4632" i="26"/>
  <c r="E4632" i="26" s="1"/>
  <c r="Q4640" i="10"/>
  <c r="D4632" i="26" s="1"/>
  <c r="C5656" i="26"/>
  <c r="Q5664" i="10"/>
  <c r="D5656" i="26" s="1"/>
  <c r="Q2913" i="10"/>
  <c r="D2905" i="26" s="1"/>
  <c r="C2905" i="26"/>
  <c r="E2905" i="26" s="1"/>
  <c r="Q3937" i="10"/>
  <c r="D3929" i="26" s="1"/>
  <c r="C3929" i="26"/>
  <c r="E3929" i="26" s="1"/>
  <c r="Q3058" i="10"/>
  <c r="D3050" i="26" s="1"/>
  <c r="C3050" i="26"/>
  <c r="E3050" i="26" s="1"/>
  <c r="C4074" i="26"/>
  <c r="E4074" i="26" s="1"/>
  <c r="Q4082" i="10"/>
  <c r="D4074" i="26" s="1"/>
  <c r="C5098" i="26"/>
  <c r="E5098" i="26" s="1"/>
  <c r="Q5106" i="10"/>
  <c r="D5098" i="26" s="1"/>
  <c r="Q3443" i="10"/>
  <c r="D3435" i="26" s="1"/>
  <c r="C3435" i="26"/>
  <c r="Q4467" i="10"/>
  <c r="D4459" i="26" s="1"/>
  <c r="C4459" i="26"/>
  <c r="E4459" i="26" s="1"/>
  <c r="C6022" i="26"/>
  <c r="Q6030" i="10"/>
  <c r="D6022" i="26" s="1"/>
  <c r="C7046" i="26"/>
  <c r="Q7054" i="10"/>
  <c r="D7046" i="26" s="1"/>
  <c r="C6415" i="26"/>
  <c r="Q6423" i="10"/>
  <c r="D6415" i="26" s="1"/>
  <c r="C7439" i="26"/>
  <c r="Q7447" i="10"/>
  <c r="D7439" i="26" s="1"/>
  <c r="C6840" i="26"/>
  <c r="Q6848" i="10"/>
  <c r="D6840" i="26" s="1"/>
  <c r="C5297" i="26"/>
  <c r="Q5305" i="10"/>
  <c r="D5297" i="26" s="1"/>
  <c r="C6577" i="26"/>
  <c r="Q6585" i="10"/>
  <c r="D6577" i="26" s="1"/>
  <c r="C6170" i="26"/>
  <c r="Q6178" i="10"/>
  <c r="D6170" i="26" s="1"/>
  <c r="C7194" i="26"/>
  <c r="Q7202" i="10"/>
  <c r="D7194" i="26" s="1"/>
  <c r="C6419" i="26"/>
  <c r="Q6427" i="10"/>
  <c r="D6419" i="26" s="1"/>
  <c r="Q7451" i="10"/>
  <c r="D7443" i="26" s="1"/>
  <c r="C7443" i="26"/>
  <c r="C6940" i="26"/>
  <c r="Q6948" i="10"/>
  <c r="D6940" i="26" s="1"/>
  <c r="C6885" i="26"/>
  <c r="Q6893" i="10"/>
  <c r="D6885" i="26" s="1"/>
  <c r="C3508" i="26"/>
  <c r="E3508" i="26" s="1"/>
  <c r="Q3516" i="10"/>
  <c r="D3508" i="26" s="1"/>
  <c r="C4532" i="26"/>
  <c r="E4532" i="26" s="1"/>
  <c r="Q4540" i="10"/>
  <c r="D4532" i="26" s="1"/>
  <c r="C5556" i="26"/>
  <c r="Q5564" i="10"/>
  <c r="D5556" i="26" s="1"/>
  <c r="C3637" i="26"/>
  <c r="Q3645" i="10"/>
  <c r="D3637" i="26" s="1"/>
  <c r="C5685" i="26"/>
  <c r="Q5693" i="10"/>
  <c r="D5685" i="26" s="1"/>
  <c r="Q3006" i="10"/>
  <c r="D2998" i="26" s="1"/>
  <c r="E2999" i="26" s="1"/>
  <c r="C2998" i="26"/>
  <c r="E2998" i="26" s="1"/>
  <c r="C4022" i="26"/>
  <c r="E4022" i="26" s="1"/>
  <c r="Q4030" i="10"/>
  <c r="D4022" i="26" s="1"/>
  <c r="C5686" i="26"/>
  <c r="Q5694" i="10"/>
  <c r="D5686" i="26" s="1"/>
  <c r="Q2967" i="10"/>
  <c r="D2959" i="26" s="1"/>
  <c r="C2959" i="26"/>
  <c r="C3983" i="26"/>
  <c r="E3983" i="26" s="1"/>
  <c r="Q3991" i="10"/>
  <c r="D3983" i="26" s="1"/>
  <c r="C5007" i="26"/>
  <c r="E5007" i="26" s="1"/>
  <c r="Q5015" i="10"/>
  <c r="D5007" i="26" s="1"/>
  <c r="Q3304" i="10"/>
  <c r="D3296" i="26" s="1"/>
  <c r="C3296" i="26"/>
  <c r="C4320" i="26"/>
  <c r="E4320" i="26" s="1"/>
  <c r="Q4328" i="10"/>
  <c r="D4320" i="26" s="1"/>
  <c r="C5344" i="26"/>
  <c r="Q5352" i="10"/>
  <c r="D5344" i="26" s="1"/>
  <c r="Q2985" i="10"/>
  <c r="D2977" i="26" s="1"/>
  <c r="C2977" i="26"/>
  <c r="E2977" i="26" s="1"/>
  <c r="C4001" i="26"/>
  <c r="E4001" i="26" s="1"/>
  <c r="Q4009" i="10"/>
  <c r="D4001" i="26" s="1"/>
  <c r="C6157" i="26"/>
  <c r="Q6165" i="10"/>
  <c r="D6157" i="26" s="1"/>
  <c r="C3925" i="26"/>
  <c r="E3925" i="26" s="1"/>
  <c r="Q3933" i="10"/>
  <c r="D3925" i="26" s="1"/>
  <c r="Q3034" i="10"/>
  <c r="D3026" i="26" s="1"/>
  <c r="C3026" i="26"/>
  <c r="E3026" i="26" s="1"/>
  <c r="C4050" i="26"/>
  <c r="E4050" i="26" s="1"/>
  <c r="Q4058" i="10"/>
  <c r="D4050" i="26" s="1"/>
  <c r="C5074" i="26"/>
  <c r="E5074" i="26" s="1"/>
  <c r="Q5082" i="10"/>
  <c r="D5074" i="26" s="1"/>
  <c r="Q3419" i="10"/>
  <c r="D3411" i="26" s="1"/>
  <c r="C3411" i="26"/>
  <c r="C4435" i="26"/>
  <c r="E4435" i="26" s="1"/>
  <c r="Q4443" i="10"/>
  <c r="D4435" i="26" s="1"/>
  <c r="C6126" i="26"/>
  <c r="Q6134" i="10"/>
  <c r="D6126" i="26" s="1"/>
  <c r="C7150" i="26"/>
  <c r="Q7158" i="10"/>
  <c r="D7150" i="26" s="1"/>
  <c r="C6519" i="26"/>
  <c r="Q6527" i="10"/>
  <c r="D6519" i="26" s="1"/>
  <c r="C5920" i="26"/>
  <c r="Q5928" i="10"/>
  <c r="D5920" i="26" s="1"/>
  <c r="C3309" i="26"/>
  <c r="Q3317" i="10"/>
  <c r="D3309" i="26" s="1"/>
  <c r="S3156" i="10"/>
  <c r="C3148" i="26"/>
  <c r="Q3156" i="10"/>
  <c r="D3148" i="26" s="1"/>
  <c r="S4180" i="10"/>
  <c r="C4172" i="26"/>
  <c r="E4172" i="26" s="1"/>
  <c r="Q4180" i="10"/>
  <c r="D4172" i="26" s="1"/>
  <c r="S5204" i="10"/>
  <c r="C5196" i="26"/>
  <c r="E5196" i="26" s="1"/>
  <c r="Q5204" i="10"/>
  <c r="D5196" i="26" s="1"/>
  <c r="T5853" i="10"/>
  <c r="C5845" i="26"/>
  <c r="Q5853" i="10"/>
  <c r="D5845" i="26" s="1"/>
  <c r="S5924" i="10"/>
  <c r="C5916" i="26"/>
  <c r="Q5924" i="10"/>
  <c r="D5916" i="26" s="1"/>
  <c r="S5736" i="10"/>
  <c r="C5728" i="26"/>
  <c r="Q5736" i="10"/>
  <c r="D5728" i="26" s="1"/>
  <c r="C4143" i="26"/>
  <c r="Q4151" i="10"/>
  <c r="D4143" i="26" s="1"/>
  <c r="C5167" i="26"/>
  <c r="E5167" i="26" s="1"/>
  <c r="Q5175" i="10"/>
  <c r="D5167" i="26" s="1"/>
  <c r="F3915" i="26"/>
  <c r="E3915" i="26"/>
  <c r="F3520" i="26"/>
  <c r="E3520" i="26"/>
  <c r="F2945" i="26"/>
  <c r="E2945" i="26"/>
  <c r="F5627" i="26"/>
  <c r="E5627" i="26"/>
  <c r="F3336" i="26"/>
  <c r="E3336" i="26"/>
  <c r="F3145" i="26"/>
  <c r="E3145" i="26"/>
  <c r="F3642" i="26"/>
  <c r="E3642" i="26"/>
  <c r="F3771" i="26"/>
  <c r="E3771" i="26"/>
  <c r="F7404" i="26"/>
  <c r="E7404" i="26"/>
  <c r="E3760" i="26"/>
  <c r="F2946" i="26"/>
  <c r="E2946" i="26"/>
  <c r="F2851" i="26"/>
  <c r="E2851" i="26"/>
  <c r="F3914" i="26"/>
  <c r="E3914" i="26"/>
  <c r="F6323" i="26"/>
  <c r="E6323" i="26"/>
  <c r="E3439" i="26"/>
  <c r="F3329" i="26"/>
  <c r="E3329" i="26"/>
  <c r="F6907" i="26"/>
  <c r="E6907" i="26"/>
  <c r="E3799" i="26"/>
  <c r="E3674" i="26"/>
  <c r="F5539" i="26"/>
  <c r="E5539" i="26"/>
  <c r="F7436" i="26"/>
  <c r="E7436" i="26"/>
  <c r="E2978" i="26"/>
  <c r="F3139" i="26"/>
  <c r="E3139" i="26"/>
  <c r="F6187" i="26"/>
  <c r="E6187" i="26"/>
  <c r="F7211" i="26"/>
  <c r="E7211" i="26"/>
  <c r="F3662" i="26"/>
  <c r="E3662" i="26"/>
  <c r="F3320" i="26"/>
  <c r="E3320" i="26"/>
  <c r="E2969" i="26"/>
  <c r="F3659" i="26"/>
  <c r="E3659" i="26"/>
  <c r="E3190" i="26"/>
  <c r="F2944" i="26"/>
  <c r="E2944" i="26"/>
  <c r="F3698" i="26"/>
  <c r="E3698" i="26"/>
  <c r="F3379" i="26"/>
  <c r="E3379" i="26"/>
  <c r="F5435" i="26"/>
  <c r="E5435" i="26"/>
  <c r="F3319" i="26"/>
  <c r="E3319" i="26"/>
  <c r="F3579" i="26"/>
  <c r="E3579" i="26"/>
  <c r="E3824" i="26"/>
  <c r="E3010" i="26"/>
  <c r="F3171" i="26"/>
  <c r="E3171" i="26"/>
  <c r="F7243" i="26"/>
  <c r="E7243" i="26"/>
  <c r="E3353" i="26"/>
  <c r="F3338" i="26"/>
  <c r="E3338" i="26"/>
  <c r="F7091" i="26"/>
  <c r="E7091" i="26"/>
  <c r="F3763" i="26"/>
  <c r="E3763" i="26"/>
  <c r="F6971" i="26"/>
  <c r="E6971" i="26"/>
  <c r="E3742" i="26"/>
  <c r="F3176" i="26"/>
  <c r="E3176" i="26"/>
  <c r="E2970" i="26"/>
  <c r="F6115" i="26"/>
  <c r="E6115" i="26"/>
  <c r="F7139" i="26"/>
  <c r="E7139" i="26"/>
  <c r="E3622" i="26"/>
  <c r="F3519" i="26"/>
  <c r="E3519" i="26"/>
  <c r="E3856" i="26"/>
  <c r="E3505" i="26"/>
  <c r="F2947" i="26"/>
  <c r="E2947" i="26"/>
  <c r="F5483" i="26"/>
  <c r="E5483" i="26"/>
  <c r="F6763" i="26"/>
  <c r="E6763" i="26"/>
  <c r="F7380" i="26"/>
  <c r="E7380" i="26"/>
  <c r="F3751" i="26"/>
  <c r="E3751" i="26"/>
  <c r="F5491" i="26"/>
  <c r="E5491" i="26"/>
  <c r="F3606" i="26"/>
  <c r="E3606" i="26"/>
  <c r="F3137" i="26"/>
  <c r="E3137" i="26"/>
  <c r="F3639" i="26"/>
  <c r="E3639" i="26"/>
  <c r="F3720" i="26"/>
  <c r="E3720" i="26"/>
  <c r="F3131" i="26"/>
  <c r="E3131" i="26"/>
  <c r="E4155" i="26"/>
  <c r="E5179" i="26"/>
  <c r="E3686" i="26"/>
  <c r="E3551" i="26"/>
  <c r="F3281" i="26"/>
  <c r="E3281" i="26"/>
  <c r="E3747" i="26"/>
  <c r="E4771" i="26"/>
  <c r="F7412" i="26"/>
  <c r="E7412" i="26"/>
  <c r="E3118" i="26"/>
  <c r="F3463" i="26"/>
  <c r="E3463" i="26"/>
  <c r="E3449" i="26"/>
  <c r="F3082" i="26"/>
  <c r="E3082" i="26"/>
  <c r="F5555" i="26"/>
  <c r="E5555" i="26"/>
  <c r="F7155" i="26"/>
  <c r="E7155" i="26"/>
  <c r="F3072" i="26"/>
  <c r="E3072" i="26"/>
  <c r="F3169" i="26"/>
  <c r="E3169" i="26"/>
  <c r="F6267" i="26"/>
  <c r="E6267" i="26"/>
  <c r="F3290" i="26"/>
  <c r="E3290" i="26"/>
  <c r="E3419" i="26"/>
  <c r="F6435" i="26"/>
  <c r="E6435" i="26"/>
  <c r="F3750" i="26"/>
  <c r="E3750" i="26"/>
  <c r="C5518" i="26"/>
  <c r="Q5526" i="10"/>
  <c r="D5518" i="26" s="1"/>
  <c r="Q5819" i="10"/>
  <c r="D5811" i="26" s="1"/>
  <c r="C5811" i="26"/>
  <c r="C5206" i="26"/>
  <c r="E5206" i="26" s="1"/>
  <c r="Q5214" i="10"/>
  <c r="D5206" i="26" s="1"/>
  <c r="C5787" i="26"/>
  <c r="Q5795" i="10"/>
  <c r="D5787" i="26" s="1"/>
  <c r="C5857" i="26"/>
  <c r="Q5865" i="10"/>
  <c r="D5857" i="26" s="1"/>
  <c r="C5941" i="26"/>
  <c r="Q5949" i="10"/>
  <c r="D5941" i="26" s="1"/>
  <c r="Q3022" i="10"/>
  <c r="D3014" i="26" s="1"/>
  <c r="C3014" i="26"/>
  <c r="E3014" i="26" s="1"/>
  <c r="C4038" i="26"/>
  <c r="E4038" i="26" s="1"/>
  <c r="Q4046" i="10"/>
  <c r="D4038" i="26" s="1"/>
  <c r="C5104" i="26"/>
  <c r="E5104" i="26" s="1"/>
  <c r="Q5112" i="10"/>
  <c r="D5104" i="26" s="1"/>
  <c r="C5970" i="26"/>
  <c r="E5970" i="26" s="1"/>
  <c r="Q5978" i="10"/>
  <c r="D5970" i="26" s="1"/>
  <c r="C5893" i="26"/>
  <c r="Q5901" i="10"/>
  <c r="D5893" i="26" s="1"/>
  <c r="C5971" i="26"/>
  <c r="Q5979" i="10"/>
  <c r="D5971" i="26" s="1"/>
  <c r="C5238" i="26"/>
  <c r="E5238" i="26" s="1"/>
  <c r="Q5246" i="10"/>
  <c r="D5238" i="26" s="1"/>
  <c r="C5826" i="26"/>
  <c r="Q5834" i="10"/>
  <c r="D5826" i="26" s="1"/>
  <c r="Q3142" i="10"/>
  <c r="D3134" i="26" s="1"/>
  <c r="C3134" i="26"/>
  <c r="C4158" i="26"/>
  <c r="E4158" i="26" s="1"/>
  <c r="Q4166" i="10"/>
  <c r="D4158" i="26" s="1"/>
  <c r="C5974" i="26"/>
  <c r="Q5982" i="10"/>
  <c r="D5974" i="26" s="1"/>
  <c r="C5781" i="26"/>
  <c r="Q5789" i="10"/>
  <c r="D5781" i="26" s="1"/>
  <c r="C5136" i="26"/>
  <c r="Q5144" i="10"/>
  <c r="D5136" i="26" s="1"/>
  <c r="E5137" i="26" s="1"/>
  <c r="Q5875" i="10"/>
  <c r="D5867" i="26" s="1"/>
  <c r="C5867" i="26"/>
  <c r="C5990" i="26"/>
  <c r="Q5998" i="10"/>
  <c r="D5990" i="26" s="1"/>
  <c r="C4886" i="26"/>
  <c r="E4886" i="26" s="1"/>
  <c r="Q4894" i="10"/>
  <c r="D4886" i="26" s="1"/>
  <c r="C5858" i="26"/>
  <c r="Q5866" i="10"/>
  <c r="D5858" i="26" s="1"/>
  <c r="C5973" i="26"/>
  <c r="Q5981" i="10"/>
  <c r="D5973" i="26" s="1"/>
  <c r="C5891" i="26"/>
  <c r="Q5899" i="10"/>
  <c r="D5891" i="26" s="1"/>
  <c r="Q3726" i="10"/>
  <c r="D3718" i="26" s="1"/>
  <c r="C3718" i="26"/>
  <c r="C4742" i="26"/>
  <c r="E4742" i="26" s="1"/>
  <c r="Q4750" i="10"/>
  <c r="D4742" i="26" s="1"/>
  <c r="C5886" i="26"/>
  <c r="Q5894" i="10"/>
  <c r="D5886" i="26" s="1"/>
  <c r="C5981" i="26"/>
  <c r="Q5989" i="10"/>
  <c r="D5981" i="26" s="1"/>
  <c r="C5890" i="26"/>
  <c r="Q5898" i="10"/>
  <c r="D5890" i="26" s="1"/>
  <c r="Q3718" i="10"/>
  <c r="D3710" i="26" s="1"/>
  <c r="C3710" i="26"/>
  <c r="E3710" i="26" s="1"/>
  <c r="C4734" i="26"/>
  <c r="E4734" i="26" s="1"/>
  <c r="Q4742" i="10"/>
  <c r="D4734" i="26" s="1"/>
  <c r="C5804" i="26"/>
  <c r="Q5812" i="10"/>
  <c r="D5804" i="26" s="1"/>
  <c r="C4944" i="26"/>
  <c r="E4944" i="26" s="1"/>
  <c r="Q4952" i="10"/>
  <c r="D4944" i="26" s="1"/>
  <c r="C5961" i="26"/>
  <c r="E5961" i="26" s="1"/>
  <c r="Q5969" i="10"/>
  <c r="D5961" i="26" s="1"/>
  <c r="C3436" i="26"/>
  <c r="E3436" i="26" s="1"/>
  <c r="Q3444" i="10"/>
  <c r="D3436" i="26" s="1"/>
  <c r="C4460" i="26"/>
  <c r="Q4468" i="10"/>
  <c r="D4460" i="26" s="1"/>
  <c r="C5484" i="26"/>
  <c r="Q5492" i="10"/>
  <c r="D5484" i="26" s="1"/>
  <c r="C3501" i="26"/>
  <c r="E3501" i="26" s="1"/>
  <c r="Q3509" i="10"/>
  <c r="D3501" i="26" s="1"/>
  <c r="C5549" i="26"/>
  <c r="Q5557" i="10"/>
  <c r="D5549" i="26" s="1"/>
  <c r="Q3062" i="10"/>
  <c r="D3054" i="26" s="1"/>
  <c r="C3054" i="26"/>
  <c r="C4078" i="26"/>
  <c r="Q4086" i="10"/>
  <c r="D4078" i="26" s="1"/>
  <c r="C5102" i="26"/>
  <c r="Q5110" i="10"/>
  <c r="D5102" i="26" s="1"/>
  <c r="Q3407" i="10"/>
  <c r="D3399" i="26" s="1"/>
  <c r="E3400" i="26" s="1"/>
  <c r="C3399" i="26"/>
  <c r="E3399" i="26" s="1"/>
  <c r="C4423" i="26"/>
  <c r="E4423" i="26" s="1"/>
  <c r="Q4431" i="10"/>
  <c r="D4423" i="26" s="1"/>
  <c r="C5447" i="26"/>
  <c r="Q5455" i="10"/>
  <c r="D5447" i="26" s="1"/>
  <c r="Q3744" i="10"/>
  <c r="D3736" i="26" s="1"/>
  <c r="C3736" i="26"/>
  <c r="E3736" i="26" s="1"/>
  <c r="C4760" i="26"/>
  <c r="E4760" i="26" s="1"/>
  <c r="Q4768" i="10"/>
  <c r="D4760" i="26" s="1"/>
  <c r="C5784" i="26"/>
  <c r="Q5792" i="10"/>
  <c r="D5784" i="26" s="1"/>
  <c r="Q3041" i="10"/>
  <c r="D3033" i="26" s="1"/>
  <c r="C3033" i="26"/>
  <c r="E3033" i="26" s="1"/>
  <c r="C4057" i="26"/>
  <c r="E4057" i="26" s="1"/>
  <c r="Q4065" i="10"/>
  <c r="D4057" i="26" s="1"/>
  <c r="C6021" i="26"/>
  <c r="Q6029" i="10"/>
  <c r="D6021" i="26" s="1"/>
  <c r="C2965" i="26"/>
  <c r="E2965" i="26" s="1"/>
  <c r="Q2973" i="10"/>
  <c r="D2965" i="26" s="1"/>
  <c r="Q3186" i="10"/>
  <c r="D3178" i="26" s="1"/>
  <c r="C3178" i="26"/>
  <c r="C4202" i="26"/>
  <c r="E4202" i="26" s="1"/>
  <c r="Q4210" i="10"/>
  <c r="D4202" i="26" s="1"/>
  <c r="C5226" i="26"/>
  <c r="E5226" i="26" s="1"/>
  <c r="Q5234" i="10"/>
  <c r="D5226" i="26" s="1"/>
  <c r="Q3571" i="10"/>
  <c r="D3563" i="26" s="1"/>
  <c r="C3563" i="26"/>
  <c r="Q4595" i="10"/>
  <c r="D4587" i="26" s="1"/>
  <c r="C4587" i="26"/>
  <c r="C6150" i="26"/>
  <c r="Q6158" i="10"/>
  <c r="D6150" i="26" s="1"/>
  <c r="C7174" i="26"/>
  <c r="Q7182" i="10"/>
  <c r="D7174" i="26" s="1"/>
  <c r="C6543" i="26"/>
  <c r="Q6551" i="10"/>
  <c r="D6543" i="26" s="1"/>
  <c r="C5944" i="26"/>
  <c r="Q5952" i="10"/>
  <c r="D5944" i="26" s="1"/>
  <c r="C6968" i="26"/>
  <c r="Q6976" i="10"/>
  <c r="D6968" i="26" s="1"/>
  <c r="C5425" i="26"/>
  <c r="Q5433" i="10"/>
  <c r="D5425" i="26" s="1"/>
  <c r="C6705" i="26"/>
  <c r="Q6713" i="10"/>
  <c r="D6705" i="26" s="1"/>
  <c r="C6298" i="26"/>
  <c r="E6298" i="26" s="1"/>
  <c r="Q6306" i="10"/>
  <c r="D6298" i="26" s="1"/>
  <c r="C7322" i="26"/>
  <c r="Q7330" i="10"/>
  <c r="D7322" i="26" s="1"/>
  <c r="C6547" i="26"/>
  <c r="Q6555" i="10"/>
  <c r="D6547" i="26" s="1"/>
  <c r="C6044" i="26"/>
  <c r="Q6052" i="10"/>
  <c r="D6044" i="26" s="1"/>
  <c r="C7068" i="26"/>
  <c r="Q7076" i="10"/>
  <c r="D7068" i="26" s="1"/>
  <c r="C7141" i="26"/>
  <c r="Q7149" i="10"/>
  <c r="D7141" i="26" s="1"/>
  <c r="C3636" i="26"/>
  <c r="E3636" i="26" s="1"/>
  <c r="Q3644" i="10"/>
  <c r="D3636" i="26" s="1"/>
  <c r="C4660" i="26"/>
  <c r="Q4668" i="10"/>
  <c r="D4660" i="26" s="1"/>
  <c r="C5684" i="26"/>
  <c r="Q5692" i="10"/>
  <c r="D5684" i="26" s="1"/>
  <c r="C3893" i="26"/>
  <c r="E3893" i="26" s="1"/>
  <c r="Q3901" i="10"/>
  <c r="D3893" i="26" s="1"/>
  <c r="Q3134" i="10"/>
  <c r="D3126" i="26" s="1"/>
  <c r="C3126" i="26"/>
  <c r="C4150" i="26"/>
  <c r="E4150" i="26" s="1"/>
  <c r="Q4158" i="10"/>
  <c r="D4150" i="26" s="1"/>
  <c r="Q3095" i="10"/>
  <c r="D3087" i="26" s="1"/>
  <c r="C3087" i="26"/>
  <c r="E3087" i="26" s="1"/>
  <c r="C4111" i="26"/>
  <c r="E4111" i="26" s="1"/>
  <c r="Q4119" i="10"/>
  <c r="D4111" i="26" s="1"/>
  <c r="C5135" i="26"/>
  <c r="E5135" i="26" s="1"/>
  <c r="Q5143" i="10"/>
  <c r="D5135" i="26" s="1"/>
  <c r="Q3432" i="10"/>
  <c r="D3424" i="26" s="1"/>
  <c r="C3424" i="26"/>
  <c r="E3424" i="26" s="1"/>
  <c r="C4448" i="26"/>
  <c r="E4448" i="26" s="1"/>
  <c r="Q4456" i="10"/>
  <c r="D4448" i="26" s="1"/>
  <c r="Q3113" i="10"/>
  <c r="D3105" i="26" s="1"/>
  <c r="C3105" i="26"/>
  <c r="E3105" i="26" s="1"/>
  <c r="C4129" i="26"/>
  <c r="E4129" i="26" s="1"/>
  <c r="Q4137" i="10"/>
  <c r="D4129" i="26" s="1"/>
  <c r="C6413" i="26"/>
  <c r="Q6421" i="10"/>
  <c r="D6413" i="26" s="1"/>
  <c r="C5141" i="26"/>
  <c r="E5141" i="26" s="1"/>
  <c r="Q5149" i="10"/>
  <c r="D5141" i="26" s="1"/>
  <c r="Q3162" i="10"/>
  <c r="D3154" i="26" s="1"/>
  <c r="C3154" i="26"/>
  <c r="C4178" i="26"/>
  <c r="E4178" i="26" s="1"/>
  <c r="Q4186" i="10"/>
  <c r="D4178" i="26" s="1"/>
  <c r="C5202" i="26"/>
  <c r="E5202" i="26" s="1"/>
  <c r="Q5210" i="10"/>
  <c r="D5202" i="26" s="1"/>
  <c r="Q3547" i="10"/>
  <c r="D3539" i="26" s="1"/>
  <c r="C3539" i="26"/>
  <c r="E3539" i="26" s="1"/>
  <c r="C4563" i="26"/>
  <c r="Q4571" i="10"/>
  <c r="D4563" i="26" s="1"/>
  <c r="C6254" i="26"/>
  <c r="E6254" i="26" s="1"/>
  <c r="Q6262" i="10"/>
  <c r="D6254" i="26" s="1"/>
  <c r="C7278" i="26"/>
  <c r="Q7286" i="10"/>
  <c r="D7278" i="26" s="1"/>
  <c r="C6647" i="26"/>
  <c r="Q6655" i="10"/>
  <c r="D6647" i="26" s="1"/>
  <c r="C6048" i="26"/>
  <c r="Q6056" i="10"/>
  <c r="D6048" i="26" s="1"/>
  <c r="C3565" i="26"/>
  <c r="E3565" i="26" s="1"/>
  <c r="Q3573" i="10"/>
  <c r="D3565" i="26" s="1"/>
  <c r="C3276" i="26"/>
  <c r="Q3284" i="10"/>
  <c r="D3276" i="26" s="1"/>
  <c r="C4300" i="26"/>
  <c r="E4300" i="26" s="1"/>
  <c r="Q4308" i="10"/>
  <c r="D4300" i="26" s="1"/>
  <c r="C5324" i="26"/>
  <c r="Q5332" i="10"/>
  <c r="D5324" i="26" s="1"/>
  <c r="S5902" i="10"/>
  <c r="C5894" i="26"/>
  <c r="Q5902" i="10"/>
  <c r="D5894" i="26" s="1"/>
  <c r="S4798" i="10"/>
  <c r="C4790" i="26"/>
  <c r="E4790" i="26" s="1"/>
  <c r="Q4798" i="10"/>
  <c r="D4790" i="26" s="1"/>
  <c r="S5909" i="10"/>
  <c r="C5901" i="26"/>
  <c r="Q5909" i="10"/>
  <c r="D5901" i="26" s="1"/>
  <c r="C4271" i="26"/>
  <c r="E4271" i="26" s="1"/>
  <c r="Q4279" i="10"/>
  <c r="D4271" i="26" s="1"/>
  <c r="C5295" i="26"/>
  <c r="E5295" i="26" s="1"/>
  <c r="Q5303" i="10"/>
  <c r="D5295" i="26" s="1"/>
  <c r="F5485" i="26"/>
  <c r="E5485" i="26"/>
  <c r="E5294" i="26"/>
  <c r="E3943" i="26"/>
  <c r="E4601" i="26"/>
  <c r="F5578" i="26"/>
  <c r="E5578" i="26"/>
  <c r="F7270" i="26"/>
  <c r="E7270" i="26"/>
  <c r="F6991" i="26"/>
  <c r="E6991" i="26"/>
  <c r="F6744" i="26"/>
  <c r="E6744" i="26"/>
  <c r="F5521" i="26"/>
  <c r="E5521" i="26"/>
  <c r="F7153" i="26"/>
  <c r="E7153" i="26"/>
  <c r="F7034" i="26"/>
  <c r="E7034" i="26"/>
  <c r="F6611" i="26"/>
  <c r="E6611" i="26"/>
  <c r="F6524" i="26"/>
  <c r="E6524" i="26"/>
  <c r="F6949" i="26"/>
  <c r="E6949" i="26"/>
  <c r="F5588" i="26"/>
  <c r="E5588" i="26"/>
  <c r="E4118" i="26"/>
  <c r="E2901" i="26"/>
  <c r="F6958" i="26"/>
  <c r="E6958" i="26"/>
  <c r="F6679" i="26"/>
  <c r="E6679" i="26"/>
  <c r="F6368" i="26"/>
  <c r="E6368" i="26"/>
  <c r="F7392" i="26"/>
  <c r="E7392" i="26"/>
  <c r="F6073" i="26"/>
  <c r="E6073" i="26"/>
  <c r="F7097" i="26"/>
  <c r="E7097" i="26"/>
  <c r="F6658" i="26"/>
  <c r="E6658" i="26"/>
  <c r="F6875" i="26"/>
  <c r="E6875" i="26"/>
  <c r="F6436" i="26"/>
  <c r="E6436" i="26"/>
  <c r="F6061" i="26"/>
  <c r="E6061" i="26"/>
  <c r="F3068" i="26"/>
  <c r="E3068" i="26"/>
  <c r="E4023" i="26"/>
  <c r="F4360" i="26"/>
  <c r="E4360" i="26"/>
  <c r="F5384" i="26"/>
  <c r="E5384" i="26"/>
  <c r="F4169" i="26"/>
  <c r="E4169" i="26"/>
  <c r="F6869" i="26"/>
  <c r="E6869" i="26"/>
  <c r="F3653" i="26"/>
  <c r="E3653" i="26"/>
  <c r="F5701" i="26"/>
  <c r="E5701" i="26"/>
  <c r="F4666" i="26"/>
  <c r="E4666" i="26"/>
  <c r="F5690" i="26"/>
  <c r="E5690" i="26"/>
  <c r="F6422" i="26"/>
  <c r="E6422" i="26"/>
  <c r="F7446" i="26"/>
  <c r="E7446" i="26"/>
  <c r="E6815" i="26"/>
  <c r="F6216" i="26"/>
  <c r="E6216" i="26"/>
  <c r="F7240" i="26"/>
  <c r="E7240" i="26"/>
  <c r="F5697" i="26"/>
  <c r="E5697" i="26"/>
  <c r="F6945" i="26"/>
  <c r="E6945" i="26"/>
  <c r="F6538" i="26"/>
  <c r="E6538" i="26"/>
  <c r="F5507" i="26"/>
  <c r="E5507" i="26"/>
  <c r="F6787" i="26"/>
  <c r="E6787" i="26"/>
  <c r="F6380" i="26"/>
  <c r="E6380" i="26"/>
  <c r="F5382" i="26"/>
  <c r="E5382" i="26"/>
  <c r="F5727" i="26"/>
  <c r="E5727" i="26"/>
  <c r="F5392" i="26"/>
  <c r="E5392" i="26"/>
  <c r="E4173" i="26"/>
  <c r="F6526" i="26"/>
  <c r="E6526" i="26"/>
  <c r="F5895" i="26"/>
  <c r="E5895" i="26"/>
  <c r="F6919" i="26"/>
  <c r="E6919" i="26"/>
  <c r="F6320" i="26"/>
  <c r="E6320" i="26"/>
  <c r="F7344" i="26"/>
  <c r="E7344" i="26"/>
  <c r="F6057" i="26"/>
  <c r="E6057" i="26"/>
  <c r="F7081" i="26"/>
  <c r="E7081" i="26"/>
  <c r="F6674" i="26"/>
  <c r="E6674" i="26"/>
  <c r="F5643" i="26"/>
  <c r="E5643" i="26"/>
  <c r="F6923" i="26"/>
  <c r="E6923" i="26"/>
  <c r="F6516" i="26"/>
  <c r="E6516" i="26"/>
  <c r="F6077" i="26"/>
  <c r="E6077" i="26"/>
  <c r="F7101" i="26"/>
  <c r="E7101" i="26"/>
  <c r="F7261" i="26"/>
  <c r="E7261" i="26"/>
  <c r="E4717" i="26"/>
  <c r="F4647" i="26"/>
  <c r="E4647" i="26"/>
  <c r="E4312" i="26"/>
  <c r="F5688" i="26"/>
  <c r="E5688" i="26"/>
  <c r="E3961" i="26"/>
  <c r="F7365" i="26"/>
  <c r="E7365" i="26"/>
  <c r="E5290" i="26"/>
  <c r="F6982" i="26"/>
  <c r="E6982" i="26"/>
  <c r="F6703" i="26"/>
  <c r="E6703" i="26"/>
  <c r="F6424" i="26"/>
  <c r="E6424" i="26"/>
  <c r="F6865" i="26"/>
  <c r="E6865" i="26"/>
  <c r="F6746" i="26"/>
  <c r="E6746" i="26"/>
  <c r="F6236" i="26"/>
  <c r="E6236" i="26"/>
  <c r="F6309" i="26"/>
  <c r="E6309" i="26"/>
  <c r="F4596" i="26"/>
  <c r="E4596" i="26"/>
  <c r="E3189" i="26"/>
  <c r="E5237" i="26"/>
  <c r="E4943" i="26"/>
  <c r="E3221" i="26"/>
  <c r="F5362" i="26"/>
  <c r="E5362" i="26"/>
  <c r="F6990" i="26"/>
  <c r="E6990" i="26"/>
  <c r="F6711" i="26"/>
  <c r="E6711" i="26"/>
  <c r="F6400" i="26"/>
  <c r="E6400" i="26"/>
  <c r="F7424" i="26"/>
  <c r="E7424" i="26"/>
  <c r="F6105" i="26"/>
  <c r="E6105" i="26"/>
  <c r="F7129" i="26"/>
  <c r="E7129" i="26"/>
  <c r="F6690" i="26"/>
  <c r="E6690" i="26"/>
  <c r="F5659" i="26"/>
  <c r="E5659" i="26"/>
  <c r="F6468" i="26"/>
  <c r="E6468" i="26"/>
  <c r="F6125" i="26"/>
  <c r="E6125" i="26"/>
  <c r="F5660" i="26"/>
  <c r="E5660" i="26"/>
  <c r="F4638" i="26"/>
  <c r="E4638" i="26"/>
  <c r="F5726" i="26"/>
  <c r="E5726" i="26"/>
  <c r="F6421" i="26"/>
  <c r="E6421" i="26"/>
  <c r="F3205" i="26"/>
  <c r="E3205" i="26"/>
  <c r="F5253" i="26"/>
  <c r="E5253" i="26"/>
  <c r="E4698" i="26"/>
  <c r="F5722" i="26"/>
  <c r="E5722" i="26"/>
  <c r="F6454" i="26"/>
  <c r="E6454" i="26"/>
  <c r="F5823" i="26"/>
  <c r="E5823" i="26"/>
  <c r="F6847" i="26"/>
  <c r="E6847" i="26"/>
  <c r="F7272" i="26"/>
  <c r="E7272" i="26"/>
  <c r="F5729" i="26"/>
  <c r="E5729" i="26"/>
  <c r="F6977" i="26"/>
  <c r="E6977" i="26"/>
  <c r="F6570" i="26"/>
  <c r="E6570" i="26"/>
  <c r="F6412" i="26"/>
  <c r="E6412" i="26"/>
  <c r="F2948" i="26"/>
  <c r="E2948" i="26"/>
  <c r="F3716" i="26"/>
  <c r="E3716" i="26"/>
  <c r="F5446" i="26"/>
  <c r="E5446" i="26"/>
  <c r="F5759" i="26"/>
  <c r="E5759" i="26"/>
  <c r="F5424" i="26"/>
  <c r="E5424" i="26"/>
  <c r="F4465" i="26"/>
  <c r="E4465" i="26"/>
  <c r="F3725" i="26"/>
  <c r="E3725" i="26"/>
  <c r="F6183" i="26"/>
  <c r="E6183" i="26"/>
  <c r="F7207" i="26"/>
  <c r="E7207" i="26"/>
  <c r="F6608" i="26"/>
  <c r="E6608" i="26"/>
  <c r="F6345" i="26"/>
  <c r="E6345" i="26"/>
  <c r="F7369" i="26"/>
  <c r="E7369" i="26"/>
  <c r="F6962" i="26"/>
  <c r="E6962" i="26"/>
  <c r="F6804" i="26"/>
  <c r="E6804" i="26"/>
  <c r="F6365" i="26"/>
  <c r="E6365" i="26"/>
  <c r="F7389" i="26"/>
  <c r="E7389" i="26"/>
  <c r="E3244" i="26"/>
  <c r="E5292" i="26"/>
  <c r="E5038" i="26"/>
  <c r="E4345" i="26"/>
  <c r="F7429" i="26"/>
  <c r="E7429" i="26"/>
  <c r="E3978" i="26"/>
  <c r="F5322" i="26"/>
  <c r="E5322" i="26"/>
  <c r="F7014" i="26"/>
  <c r="E7014" i="26"/>
  <c r="F6735" i="26"/>
  <c r="E6735" i="26"/>
  <c r="F6488" i="26"/>
  <c r="E6488" i="26"/>
  <c r="F5265" i="26"/>
  <c r="E5265" i="26"/>
  <c r="F6897" i="26"/>
  <c r="E6897" i="26"/>
  <c r="F6778" i="26"/>
  <c r="E6778" i="26"/>
  <c r="F6355" i="26"/>
  <c r="E6355" i="26"/>
  <c r="F6268" i="26"/>
  <c r="E6268" i="26"/>
  <c r="F6437" i="26"/>
  <c r="E6437" i="26"/>
  <c r="F3284" i="26"/>
  <c r="E3284" i="26"/>
  <c r="F3253" i="26"/>
  <c r="E3253" i="26"/>
  <c r="E4566" i="26"/>
  <c r="E3951" i="26"/>
  <c r="F5792" i="26"/>
  <c r="E5792" i="26"/>
  <c r="E4065" i="26"/>
  <c r="F6797" i="26"/>
  <c r="E6797" i="26"/>
  <c r="F6702" i="26"/>
  <c r="E6702" i="26"/>
  <c r="F6423" i="26"/>
  <c r="E6423" i="26"/>
  <c r="F6144" i="26"/>
  <c r="E6144" i="26"/>
  <c r="F7200" i="26"/>
  <c r="E7200" i="26"/>
  <c r="F5657" i="26"/>
  <c r="E5657" i="26"/>
  <c r="F6905" i="26"/>
  <c r="E6905" i="26"/>
  <c r="F6466" i="26"/>
  <c r="E6466" i="26"/>
  <c r="F6683" i="26"/>
  <c r="E6683" i="26"/>
  <c r="F7268" i="26"/>
  <c r="E7268" i="26"/>
  <c r="F2876" i="26"/>
  <c r="E2876" i="26"/>
  <c r="E5246" i="26"/>
  <c r="F5367" i="26"/>
  <c r="E5367" i="26"/>
  <c r="E4424" i="26"/>
  <c r="F5448" i="26"/>
  <c r="E5448" i="26"/>
  <c r="E3989" i="26"/>
  <c r="F4474" i="26"/>
  <c r="E4474" i="26"/>
  <c r="F5498" i="26"/>
  <c r="E5498" i="26"/>
  <c r="F6230" i="26"/>
  <c r="E6230" i="26"/>
  <c r="F7254" i="26"/>
  <c r="E7254" i="26"/>
  <c r="F6623" i="26"/>
  <c r="E6623" i="26"/>
  <c r="F6024" i="26"/>
  <c r="E6024" i="26"/>
  <c r="F7048" i="26"/>
  <c r="E7048" i="26"/>
  <c r="F5505" i="26"/>
  <c r="E5505" i="26"/>
  <c r="F6753" i="26"/>
  <c r="E6753" i="26"/>
  <c r="F6346" i="26"/>
  <c r="E6346" i="26"/>
  <c r="F7370" i="26"/>
  <c r="E7370" i="26"/>
  <c r="F6595" i="26"/>
  <c r="E6595" i="26"/>
  <c r="F6188" i="26"/>
  <c r="E6188" i="26"/>
  <c r="F7212" i="26"/>
  <c r="E7212" i="26"/>
  <c r="F3173" i="26"/>
  <c r="E3173" i="26"/>
  <c r="E5221" i="26"/>
  <c r="E4070" i="26"/>
  <c r="F5510" i="26"/>
  <c r="E5510" i="26"/>
  <c r="E4767" i="26"/>
  <c r="F5791" i="26"/>
  <c r="E5791" i="26"/>
  <c r="F5456" i="26"/>
  <c r="E5456" i="26"/>
  <c r="E3789" i="26"/>
  <c r="E4034" i="26"/>
  <c r="F6846" i="26"/>
  <c r="E6846" i="26"/>
  <c r="F6215" i="26"/>
  <c r="E6215" i="26"/>
  <c r="F7239" i="26"/>
  <c r="E7239" i="26"/>
  <c r="F6640" i="26"/>
  <c r="E6640" i="26"/>
  <c r="F6377" i="26"/>
  <c r="E6377" i="26"/>
  <c r="F7401" i="26"/>
  <c r="E7401" i="26"/>
  <c r="F6994" i="26"/>
  <c r="E6994" i="26"/>
  <c r="F6219" i="26"/>
  <c r="E6219" i="26"/>
  <c r="F6836" i="26"/>
  <c r="E6836" i="26"/>
  <c r="F6397" i="26"/>
  <c r="E6397" i="26"/>
  <c r="F7421" i="26"/>
  <c r="E7421" i="26"/>
  <c r="F5708" i="26"/>
  <c r="E5708" i="26"/>
  <c r="F5741" i="26"/>
  <c r="E5741" i="26"/>
  <c r="F5550" i="26"/>
  <c r="E5550" i="26"/>
  <c r="E4071" i="26"/>
  <c r="F5415" i="26"/>
  <c r="E5415" i="26"/>
  <c r="E5080" i="26"/>
  <c r="E4729" i="26"/>
  <c r="E4682" i="26"/>
  <c r="F6374" i="26"/>
  <c r="E6374" i="26"/>
  <c r="F6095" i="26"/>
  <c r="E6095" i="26"/>
  <c r="F5848" i="26"/>
  <c r="E5848" i="26"/>
  <c r="F7192" i="26"/>
  <c r="E7192" i="26"/>
  <c r="F6138" i="26"/>
  <c r="E6138" i="26"/>
  <c r="F5459" i="26"/>
  <c r="E5459" i="26"/>
  <c r="F7004" i="26"/>
  <c r="E7004" i="26"/>
  <c r="E3988" i="26"/>
  <c r="F5364" i="26"/>
  <c r="E5364" i="26"/>
  <c r="F5526" i="26"/>
  <c r="E5526" i="26"/>
  <c r="E4047" i="26"/>
  <c r="F5824" i="26"/>
  <c r="E5824" i="26"/>
  <c r="F6861" i="26"/>
  <c r="E6861" i="26"/>
  <c r="F7086" i="26"/>
  <c r="E7086" i="26"/>
  <c r="F6807" i="26"/>
  <c r="E6807" i="26"/>
  <c r="F6464" i="26"/>
  <c r="E6464" i="26"/>
  <c r="F6169" i="26"/>
  <c r="E6169" i="26"/>
  <c r="F7193" i="26"/>
  <c r="E7193" i="26"/>
  <c r="F6754" i="26"/>
  <c r="E6754" i="26"/>
  <c r="F5723" i="26"/>
  <c r="E5723" i="26"/>
  <c r="F6532" i="26"/>
  <c r="E6532" i="26"/>
  <c r="E5278" i="26"/>
  <c r="F4375" i="26"/>
  <c r="E4375" i="26"/>
  <c r="F6549" i="26"/>
  <c r="E6549" i="26"/>
  <c r="E3994" i="26"/>
  <c r="F6774" i="26"/>
  <c r="E6774" i="26"/>
  <c r="F6143" i="26"/>
  <c r="E6143" i="26"/>
  <c r="F7167" i="26"/>
  <c r="E7167" i="26"/>
  <c r="F6568" i="26"/>
  <c r="E6568" i="26"/>
  <c r="E5025" i="26"/>
  <c r="F6273" i="26"/>
  <c r="E6273" i="26"/>
  <c r="F7297" i="26"/>
  <c r="E7297" i="26"/>
  <c r="F6890" i="26"/>
  <c r="E6890" i="26"/>
  <c r="F6732" i="26"/>
  <c r="E6732" i="26"/>
  <c r="F6581" i="26"/>
  <c r="E6581" i="26"/>
  <c r="F5316" i="26"/>
  <c r="E5316" i="26"/>
  <c r="E4261" i="26"/>
  <c r="E5222" i="26"/>
  <c r="F5567" i="26"/>
  <c r="E5567" i="26"/>
  <c r="F5488" i="26"/>
  <c r="E5488" i="26"/>
  <c r="E4529" i="26"/>
  <c r="E3853" i="26"/>
  <c r="E4066" i="26"/>
  <c r="E3971" i="26"/>
  <c r="F6366" i="26"/>
  <c r="E6366" i="26"/>
  <c r="F7390" i="26"/>
  <c r="E7390" i="26"/>
  <c r="F6759" i="26"/>
  <c r="E6759" i="26"/>
  <c r="F6160" i="26"/>
  <c r="E6160" i="26"/>
  <c r="F7184" i="26"/>
  <c r="E7184" i="26"/>
  <c r="F5641" i="26"/>
  <c r="E5641" i="26"/>
  <c r="F6921" i="26"/>
  <c r="E6921" i="26"/>
  <c r="F6514" i="26"/>
  <c r="E6514" i="26"/>
  <c r="F6356" i="26"/>
  <c r="E6356" i="26"/>
  <c r="F6941" i="26"/>
  <c r="E6941" i="26"/>
  <c r="E5165" i="26"/>
  <c r="E5127" i="26"/>
  <c r="E4792" i="26"/>
  <c r="E4409" i="26"/>
  <c r="E4427" i="26"/>
  <c r="F6438" i="26"/>
  <c r="E6438" i="26"/>
  <c r="F6127" i="26"/>
  <c r="E6127" i="26"/>
  <c r="F5880" i="26"/>
  <c r="E5880" i="26"/>
  <c r="F7256" i="26"/>
  <c r="E7256" i="26"/>
  <c r="F6202" i="26"/>
  <c r="E6202" i="26"/>
  <c r="F7123" i="26"/>
  <c r="E7123" i="26"/>
  <c r="F7036" i="26"/>
  <c r="E7036" i="26"/>
  <c r="F5269" i="26"/>
  <c r="E5269" i="26"/>
  <c r="F5396" i="26"/>
  <c r="E5396" i="26"/>
  <c r="E4789" i="26"/>
  <c r="F5590" i="26"/>
  <c r="E5590" i="26"/>
  <c r="E4079" i="26"/>
  <c r="E4481" i="26"/>
  <c r="E4245" i="26"/>
  <c r="F5490" i="26"/>
  <c r="E5490" i="26"/>
  <c r="F6094" i="26"/>
  <c r="E6094" i="26"/>
  <c r="F5815" i="26"/>
  <c r="E5815" i="26"/>
  <c r="F7191" i="26"/>
  <c r="E7191" i="26"/>
  <c r="F6752" i="26"/>
  <c r="E6752" i="26"/>
  <c r="F6457" i="26"/>
  <c r="E6457" i="26"/>
  <c r="F6018" i="26"/>
  <c r="E6018" i="26"/>
  <c r="F7042" i="26"/>
  <c r="E7042" i="26"/>
  <c r="F6235" i="26"/>
  <c r="E6235" i="26"/>
  <c r="F7259" i="26"/>
  <c r="E7259" i="26"/>
  <c r="E6820" i="26"/>
  <c r="F6829" i="26"/>
  <c r="E6829" i="26"/>
  <c r="F3325" i="26"/>
  <c r="E3325" i="26"/>
  <c r="E4349" i="26"/>
  <c r="F5373" i="26"/>
  <c r="E5373" i="26"/>
  <c r="E4318" i="26"/>
  <c r="F5566" i="26"/>
  <c r="E5566" i="26"/>
  <c r="F4663" i="26"/>
  <c r="E4663" i="26"/>
  <c r="F5687" i="26"/>
  <c r="E5687" i="26"/>
  <c r="E4744" i="26"/>
  <c r="F5768" i="26"/>
  <c r="E5768" i="26"/>
  <c r="E4949" i="26"/>
  <c r="F3258" i="26"/>
  <c r="E3258" i="26"/>
  <c r="F3387" i="26"/>
  <c r="E3387" i="26"/>
  <c r="E4411" i="26"/>
  <c r="E3807" i="26"/>
  <c r="E2864" i="26"/>
  <c r="E3888" i="26"/>
  <c r="E3537" i="26"/>
  <c r="E2979" i="26"/>
  <c r="E4003" i="26"/>
  <c r="E5027" i="26"/>
  <c r="E3800" i="26"/>
  <c r="F3769" i="26"/>
  <c r="E3769" i="26"/>
  <c r="E3402" i="26"/>
  <c r="F6131" i="26"/>
  <c r="E6131" i="26"/>
  <c r="F3521" i="26"/>
  <c r="E3521" i="26"/>
  <c r="F3122" i="26"/>
  <c r="E3122" i="26"/>
  <c r="F6523" i="26"/>
  <c r="E6523" i="26"/>
  <c r="E3671" i="26"/>
  <c r="F3752" i="26"/>
  <c r="E3752" i="26"/>
  <c r="E3546" i="26"/>
  <c r="E3675" i="26"/>
  <c r="F5411" i="26"/>
  <c r="E5411" i="26"/>
  <c r="F6691" i="26"/>
  <c r="E6691" i="26"/>
  <c r="F7308" i="26"/>
  <c r="E7308" i="26"/>
  <c r="E3839" i="26"/>
  <c r="E2896" i="26"/>
  <c r="F3664" i="26"/>
  <c r="E3664" i="26"/>
  <c r="F3313" i="26"/>
  <c r="E3313" i="26"/>
  <c r="F3362" i="26"/>
  <c r="E3362" i="26"/>
  <c r="F3523" i="26"/>
  <c r="E3523" i="26"/>
  <c r="F6571" i="26"/>
  <c r="E6571" i="26"/>
  <c r="F3175" i="26"/>
  <c r="E3175" i="26"/>
  <c r="F3160" i="26"/>
  <c r="E3160" i="26"/>
  <c r="F3129" i="26"/>
  <c r="E3129" i="26"/>
  <c r="F3147" i="26"/>
  <c r="E3147" i="26"/>
  <c r="F7219" i="26"/>
  <c r="E7219" i="26"/>
  <c r="E3030" i="26"/>
  <c r="F3311" i="26"/>
  <c r="E3311" i="26"/>
  <c r="F3776" i="26"/>
  <c r="E3776" i="26"/>
  <c r="E3506" i="26"/>
  <c r="F4595" i="26"/>
  <c r="E4595" i="26"/>
  <c r="E2935" i="26"/>
  <c r="E3016" i="26"/>
  <c r="F3337" i="26"/>
  <c r="E3337" i="26"/>
  <c r="E3834" i="26"/>
  <c r="F2939" i="26"/>
  <c r="E2939" i="26"/>
  <c r="E3963" i="26"/>
  <c r="E4987" i="26"/>
  <c r="E3103" i="26"/>
  <c r="F3184" i="26"/>
  <c r="E3184" i="26"/>
  <c r="E3089" i="26"/>
  <c r="F3138" i="26"/>
  <c r="E3138" i="26"/>
  <c r="E3043" i="26"/>
  <c r="E4067" i="26"/>
  <c r="E5091" i="26"/>
  <c r="E3886" i="26"/>
  <c r="E3544" i="26"/>
  <c r="E3193" i="26"/>
  <c r="F3146" i="26"/>
  <c r="E3146" i="26"/>
  <c r="E2859" i="26"/>
  <c r="F6899" i="26"/>
  <c r="E6899" i="26"/>
  <c r="E3023" i="26"/>
  <c r="E3840" i="26"/>
  <c r="E3585" i="26"/>
  <c r="E3570" i="26"/>
  <c r="F3251" i="26"/>
  <c r="E3251" i="26"/>
  <c r="F6587" i="26"/>
  <c r="E6587" i="26"/>
  <c r="E2974" i="26"/>
  <c r="E2967" i="26"/>
  <c r="E3048" i="26"/>
  <c r="E3113" i="26"/>
  <c r="E3610" i="26"/>
  <c r="E3739" i="26"/>
  <c r="F5475" i="26"/>
  <c r="E5475" i="26"/>
  <c r="F6755" i="26"/>
  <c r="E6755" i="26"/>
  <c r="F7372" i="26"/>
  <c r="E7372" i="26"/>
  <c r="F3366" i="26"/>
  <c r="E3366" i="26"/>
  <c r="E3391" i="26"/>
  <c r="E3472" i="26"/>
  <c r="E3121" i="26"/>
  <c r="E3682" i="26"/>
  <c r="E3843" i="26"/>
  <c r="F5611" i="26"/>
  <c r="E5611" i="26"/>
  <c r="F6891" i="26"/>
  <c r="E6891" i="26"/>
  <c r="E3976" i="26"/>
  <c r="E5000" i="26"/>
  <c r="F6101" i="26"/>
  <c r="E6101" i="26"/>
  <c r="F2885" i="26"/>
  <c r="E2885" i="26"/>
  <c r="E4282" i="26"/>
  <c r="F6038" i="26"/>
  <c r="E6038" i="26"/>
  <c r="F7062" i="26"/>
  <c r="E7062" i="26"/>
  <c r="F6431" i="26"/>
  <c r="E6431" i="26"/>
  <c r="F5832" i="26"/>
  <c r="E5832" i="26"/>
  <c r="F6856" i="26"/>
  <c r="E6856" i="26"/>
  <c r="F5313" i="26"/>
  <c r="E5313" i="26"/>
  <c r="F6561" i="26"/>
  <c r="E6561" i="26"/>
  <c r="F6154" i="26"/>
  <c r="E6154" i="26"/>
  <c r="F7178" i="26"/>
  <c r="E7178" i="26"/>
  <c r="F6403" i="26"/>
  <c r="E6403" i="26"/>
  <c r="F7427" i="26"/>
  <c r="E7427" i="26"/>
  <c r="F7020" i="26"/>
  <c r="E7020" i="26"/>
  <c r="F7157" i="26"/>
  <c r="E7157" i="26"/>
  <c r="F5604" i="26"/>
  <c r="E5604" i="26"/>
  <c r="E4837" i="26"/>
  <c r="E4198" i="26"/>
  <c r="F5638" i="26"/>
  <c r="E5638" i="26"/>
  <c r="F5520" i="26"/>
  <c r="E5520" i="26"/>
  <c r="E4561" i="26"/>
  <c r="E3405" i="26"/>
  <c r="F5453" i="26"/>
  <c r="E5453" i="26"/>
  <c r="F6654" i="26"/>
  <c r="E6654" i="26"/>
  <c r="F6023" i="26"/>
  <c r="E6023" i="26"/>
  <c r="F7047" i="26"/>
  <c r="E7047" i="26"/>
  <c r="F6448" i="26"/>
  <c r="E6448" i="26"/>
  <c r="E4905" i="26"/>
  <c r="F6185" i="26"/>
  <c r="E6185" i="26"/>
  <c r="F7209" i="26"/>
  <c r="E7209" i="26"/>
  <c r="F6802" i="26"/>
  <c r="E6802" i="26"/>
  <c r="F6027" i="26"/>
  <c r="E6027" i="26"/>
  <c r="F7051" i="26"/>
  <c r="E7051" i="26"/>
  <c r="F6644" i="26"/>
  <c r="E6644" i="26"/>
  <c r="F6205" i="26"/>
  <c r="E6205" i="26"/>
  <c r="F6749" i="26"/>
  <c r="E6749" i="26"/>
  <c r="E3980" i="26"/>
  <c r="F3181" i="26"/>
  <c r="E3181" i="26"/>
  <c r="E4814" i="26"/>
  <c r="E5159" i="26"/>
  <c r="E5176" i="26"/>
  <c r="E4793" i="26"/>
  <c r="E4778" i="26"/>
  <c r="F6511" i="26"/>
  <c r="E6511" i="26"/>
  <c r="F6264" i="26"/>
  <c r="E6264" i="26"/>
  <c r="F6673" i="26"/>
  <c r="E6673" i="26"/>
  <c r="F6586" i="26"/>
  <c r="E6586" i="26"/>
  <c r="F6076" i="26"/>
  <c r="E6076" i="26"/>
  <c r="F7420" i="26"/>
  <c r="E7420" i="26"/>
  <c r="E3060" i="26"/>
  <c r="E4436" i="26"/>
  <c r="E3509" i="26"/>
  <c r="F5557" i="26"/>
  <c r="E5557" i="26"/>
  <c r="E3990" i="26"/>
  <c r="E4687" i="26"/>
  <c r="E4768" i="26"/>
  <c r="E4498" i="26"/>
  <c r="F6478" i="26"/>
  <c r="E6478" i="26"/>
  <c r="F6199" i="26"/>
  <c r="E6199" i="26"/>
  <c r="F5952" i="26"/>
  <c r="E5952" i="26"/>
  <c r="F7040" i="26"/>
  <c r="E7040" i="26"/>
  <c r="F5497" i="26"/>
  <c r="E5497" i="26"/>
  <c r="F6745" i="26"/>
  <c r="E6745" i="26"/>
  <c r="F6306" i="26"/>
  <c r="E6306" i="26"/>
  <c r="F7330" i="26"/>
  <c r="E7330" i="26"/>
  <c r="F6084" i="26"/>
  <c r="E6084" i="26"/>
  <c r="F7108" i="26"/>
  <c r="E7108" i="26"/>
  <c r="F7405" i="26"/>
  <c r="E7405" i="26"/>
  <c r="F5532" i="26"/>
  <c r="E5532" i="26"/>
  <c r="E3613" i="26"/>
  <c r="E4637" i="26"/>
  <c r="F5661" i="26"/>
  <c r="E5661" i="26"/>
  <c r="E4382" i="26"/>
  <c r="F5598" i="26"/>
  <c r="E5598" i="26"/>
  <c r="E4695" i="26"/>
  <c r="F5719" i="26"/>
  <c r="E5719" i="26"/>
  <c r="E4776" i="26"/>
  <c r="F5800" i="26"/>
  <c r="E5800" i="26"/>
  <c r="F6165" i="26"/>
  <c r="E6165" i="26"/>
  <c r="F2949" i="26"/>
  <c r="E2949" i="26"/>
  <c r="E4997" i="26"/>
  <c r="F5594" i="26"/>
  <c r="E5594" i="26"/>
  <c r="E4699" i="26"/>
  <c r="F6326" i="26"/>
  <c r="E6326" i="26"/>
  <c r="F7350" i="26"/>
  <c r="E7350" i="26"/>
  <c r="F6719" i="26"/>
  <c r="E6719" i="26"/>
  <c r="F6120" i="26"/>
  <c r="E6120" i="26"/>
  <c r="F7144" i="26"/>
  <c r="E7144" i="26"/>
  <c r="F5601" i="26"/>
  <c r="E5601" i="26"/>
  <c r="F6849" i="26"/>
  <c r="E6849" i="26"/>
  <c r="F6442" i="26"/>
  <c r="E6442" i="26"/>
  <c r="F6284" i="26"/>
  <c r="E6284" i="26"/>
  <c r="E3861" i="26"/>
  <c r="F2853" i="26"/>
  <c r="E2853" i="26"/>
  <c r="E4262" i="26"/>
  <c r="F5702" i="26"/>
  <c r="E5702" i="26"/>
  <c r="E4688" i="26"/>
  <c r="E4337" i="26"/>
  <c r="F2957" i="26"/>
  <c r="E2957" i="26"/>
  <c r="E5005" i="26"/>
  <c r="E4386" i="26"/>
  <c r="F5410" i="26"/>
  <c r="E5410" i="26"/>
  <c r="E4547" i="26"/>
  <c r="F6174" i="26"/>
  <c r="E6174" i="26"/>
  <c r="F7198" i="26"/>
  <c r="E7198" i="26"/>
  <c r="F6567" i="26"/>
  <c r="E6567" i="26"/>
  <c r="E5968" i="26"/>
  <c r="F6992" i="26"/>
  <c r="E6992" i="26"/>
  <c r="F5449" i="26"/>
  <c r="E5449" i="26"/>
  <c r="F6729" i="26"/>
  <c r="E6729" i="26"/>
  <c r="F6322" i="26"/>
  <c r="E6322" i="26"/>
  <c r="F7346" i="26"/>
  <c r="E7346" i="26"/>
  <c r="F6164" i="26"/>
  <c r="E6164" i="26"/>
  <c r="F2988" i="26"/>
  <c r="E2988" i="26"/>
  <c r="E5036" i="26"/>
  <c r="F5357" i="26"/>
  <c r="E5357" i="26"/>
  <c r="E4174" i="26"/>
  <c r="E4519" i="26"/>
  <c r="E4536" i="26"/>
  <c r="E4490" i="26"/>
  <c r="F6502" i="26"/>
  <c r="E6502" i="26"/>
  <c r="F6223" i="26"/>
  <c r="E6223" i="26"/>
  <c r="F5976" i="26"/>
  <c r="E5976" i="26"/>
  <c r="F7320" i="26"/>
  <c r="E7320" i="26"/>
  <c r="F6385" i="26"/>
  <c r="E6385" i="26"/>
  <c r="F6266" i="26"/>
  <c r="E6266" i="26"/>
  <c r="F5587" i="26"/>
  <c r="E5587" i="26"/>
  <c r="F7132" i="26"/>
  <c r="E7132" i="26"/>
  <c r="E3444" i="26"/>
  <c r="E4820" i="26"/>
  <c r="E3573" i="26"/>
  <c r="F4374" i="26"/>
  <c r="E4374" i="26"/>
  <c r="F6477" i="26"/>
  <c r="E6477" i="26"/>
  <c r="F6542" i="26"/>
  <c r="E6542" i="26"/>
  <c r="F6231" i="26"/>
  <c r="E6231" i="26"/>
  <c r="F5984" i="26"/>
  <c r="E5984" i="26"/>
  <c r="F7072" i="26"/>
  <c r="E7072" i="26"/>
  <c r="F5529" i="26"/>
  <c r="E5529" i="26"/>
  <c r="F6777" i="26"/>
  <c r="E6777" i="26"/>
  <c r="F6338" i="26"/>
  <c r="E6338" i="26"/>
  <c r="F7362" i="26"/>
  <c r="E7362" i="26"/>
  <c r="F6555" i="26"/>
  <c r="E6555" i="26"/>
  <c r="F6116" i="26"/>
  <c r="E6116" i="26"/>
  <c r="F7140" i="26"/>
  <c r="E7140" i="26"/>
  <c r="F4437" i="26"/>
  <c r="E4437" i="26"/>
  <c r="F3772" i="26"/>
  <c r="E3772" i="26"/>
  <c r="E4796" i="26"/>
  <c r="F2877" i="26"/>
  <c r="E2877" i="26"/>
  <c r="E3901" i="26"/>
  <c r="E4925" i="26"/>
  <c r="E4862" i="26"/>
  <c r="E3959" i="26"/>
  <c r="E4983" i="26"/>
  <c r="E5064" i="26"/>
  <c r="F4361" i="26"/>
  <c r="E4361" i="26"/>
  <c r="F6741" i="26"/>
  <c r="E6741" i="26"/>
  <c r="F3525" i="26"/>
  <c r="E3525" i="26"/>
  <c r="F5573" i="26"/>
  <c r="E5573" i="26"/>
  <c r="E4858" i="26"/>
  <c r="F6614" i="26"/>
  <c r="E6614" i="26"/>
  <c r="F5983" i="26"/>
  <c r="E5983" i="26"/>
  <c r="F7007" i="26"/>
  <c r="E7007" i="26"/>
  <c r="F6408" i="26"/>
  <c r="E6408" i="26"/>
  <c r="F7432" i="26"/>
  <c r="E7432" i="26"/>
  <c r="F6113" i="26"/>
  <c r="E6113" i="26"/>
  <c r="F7137" i="26"/>
  <c r="E7137" i="26"/>
  <c r="F6730" i="26"/>
  <c r="E6730" i="26"/>
  <c r="F5699" i="26"/>
  <c r="E5699" i="26"/>
  <c r="F6979" i="26"/>
  <c r="E6979" i="26"/>
  <c r="F6572" i="26"/>
  <c r="E6572" i="26"/>
  <c r="F6261" i="26"/>
  <c r="E6261" i="26"/>
  <c r="E3108" i="26"/>
  <c r="E4132" i="26"/>
  <c r="E5156" i="26"/>
  <c r="E3429" i="26"/>
  <c r="F5477" i="26"/>
  <c r="E5477" i="26"/>
  <c r="E4806" i="26"/>
  <c r="E4127" i="26"/>
  <c r="E4208" i="26"/>
  <c r="E4113" i="26"/>
  <c r="F5589" i="26"/>
  <c r="E5589" i="26"/>
  <c r="E4557" i="26"/>
  <c r="E4162" i="26"/>
  <c r="E5186" i="26"/>
  <c r="F6718" i="26"/>
  <c r="E6718" i="26"/>
  <c r="F6087" i="26"/>
  <c r="E6087" i="26"/>
  <c r="F7111" i="26"/>
  <c r="E7111" i="26"/>
  <c r="F6512" i="26"/>
  <c r="E6512" i="26"/>
  <c r="E4969" i="26"/>
  <c r="E6249" i="26"/>
  <c r="F7273" i="26"/>
  <c r="E7273" i="26"/>
  <c r="F6866" i="26"/>
  <c r="E6866" i="26"/>
  <c r="F6091" i="26"/>
  <c r="E6091" i="26"/>
  <c r="F7115" i="26"/>
  <c r="E7115" i="26"/>
  <c r="F6708" i="26"/>
  <c r="E6708" i="26"/>
  <c r="E3084" i="26"/>
  <c r="E5132" i="26"/>
  <c r="F5421" i="26"/>
  <c r="E5421" i="26"/>
  <c r="F5262" i="26"/>
  <c r="E5262" i="26"/>
  <c r="F5255" i="26"/>
  <c r="E5255" i="26"/>
  <c r="E4920" i="26"/>
  <c r="E4537" i="26"/>
  <c r="E4522" i="26"/>
  <c r="E4235" i="26"/>
  <c r="F6214" i="26"/>
  <c r="E6214" i="26"/>
  <c r="F5935" i="26"/>
  <c r="E5935" i="26"/>
  <c r="F7279" i="26"/>
  <c r="E7279" i="26"/>
  <c r="F7032" i="26"/>
  <c r="E7032" i="26"/>
  <c r="F6097" i="26"/>
  <c r="E6097" i="26"/>
  <c r="F7441" i="26"/>
  <c r="E7441" i="26"/>
  <c r="F7354" i="26"/>
  <c r="E7354" i="26"/>
  <c r="F6844" i="26"/>
  <c r="E6844" i="26"/>
  <c r="F3156" i="26"/>
  <c r="E3156" i="26"/>
  <c r="E4500" i="26"/>
  <c r="E2997" i="26"/>
  <c r="F5749" i="26"/>
  <c r="E5749" i="26"/>
  <c r="E4086" i="26"/>
  <c r="E4815" i="26"/>
  <c r="F6541" i="26"/>
  <c r="E6541" i="26"/>
  <c r="E4627" i="26"/>
  <c r="F6574" i="26"/>
  <c r="E6574" i="26"/>
  <c r="E6295" i="26"/>
  <c r="F6016" i="26"/>
  <c r="E6016" i="26"/>
  <c r="F7104" i="26"/>
  <c r="E7104" i="26"/>
  <c r="F5561" i="26"/>
  <c r="E5561" i="26"/>
  <c r="F6809" i="26"/>
  <c r="E6809" i="26"/>
  <c r="F6370" i="26"/>
  <c r="E6370" i="26"/>
  <c r="F7394" i="26"/>
  <c r="E7394" i="26"/>
  <c r="F6148" i="26"/>
  <c r="E6148" i="26"/>
  <c r="F7172" i="26"/>
  <c r="E7172" i="26"/>
  <c r="E5077" i="26"/>
  <c r="E3804" i="26"/>
  <c r="E4828" i="26"/>
  <c r="E2909" i="26"/>
  <c r="E3933" i="26"/>
  <c r="E4957" i="26"/>
  <c r="E4894" i="26"/>
  <c r="E3991" i="26"/>
  <c r="E5015" i="26"/>
  <c r="E4072" i="26"/>
  <c r="E5096" i="26"/>
  <c r="F4137" i="26"/>
  <c r="E4137" i="26"/>
  <c r="F6805" i="26"/>
  <c r="E6805" i="26"/>
  <c r="F3589" i="26"/>
  <c r="E3589" i="26"/>
  <c r="F5637" i="26"/>
  <c r="E5637" i="26"/>
  <c r="E4634" i="26"/>
  <c r="F5658" i="26"/>
  <c r="E5658" i="26"/>
  <c r="E4763" i="26"/>
  <c r="F6390" i="26"/>
  <c r="E6390" i="26"/>
  <c r="F7414" i="26"/>
  <c r="E7414" i="26"/>
  <c r="F6783" i="26"/>
  <c r="E6783" i="26"/>
  <c r="F6184" i="26"/>
  <c r="E6184" i="26"/>
  <c r="F7208" i="26"/>
  <c r="E7208" i="26"/>
  <c r="E5665" i="26"/>
  <c r="F6913" i="26"/>
  <c r="E6913" i="26"/>
  <c r="F6506" i="26"/>
  <c r="E6506" i="26"/>
  <c r="F6348" i="26"/>
  <c r="E6348" i="26"/>
  <c r="F2884" i="26"/>
  <c r="E2884" i="26"/>
  <c r="E3908" i="26"/>
  <c r="E4932" i="26"/>
  <c r="E2981" i="26"/>
  <c r="E5029" i="26"/>
  <c r="E5094" i="26"/>
  <c r="E4415" i="26"/>
  <c r="F5439" i="26"/>
  <c r="E5439" i="26"/>
  <c r="E4145" i="26"/>
  <c r="E3597" i="26"/>
  <c r="F5645" i="26"/>
  <c r="E5645" i="26"/>
  <c r="E4706" i="26"/>
  <c r="F5730" i="26"/>
  <c r="E5730" i="26"/>
  <c r="E4867" i="26"/>
  <c r="F6494" i="26"/>
  <c r="E6494" i="26"/>
  <c r="F5863" i="26"/>
  <c r="E5863" i="26"/>
  <c r="F6887" i="26"/>
  <c r="E6887" i="26"/>
  <c r="E6288" i="26"/>
  <c r="F7312" i="26"/>
  <c r="E7312" i="26"/>
  <c r="F6025" i="26"/>
  <c r="E6025" i="26"/>
  <c r="F7049" i="26"/>
  <c r="E7049" i="26"/>
  <c r="F6642" i="26"/>
  <c r="E6642" i="26"/>
  <c r="F6484" i="26"/>
  <c r="E6484" i="26"/>
  <c r="F6045" i="26"/>
  <c r="E6045" i="26"/>
  <c r="F7069" i="26"/>
  <c r="E7069" i="26"/>
  <c r="E2966" i="26"/>
  <c r="F3279" i="26"/>
  <c r="E3279" i="26"/>
  <c r="E3744" i="26"/>
  <c r="E3474" i="26"/>
  <c r="F6779" i="26"/>
  <c r="E6779" i="26"/>
  <c r="F2846" i="26"/>
  <c r="E2846" i="26"/>
  <c r="E2903" i="26"/>
  <c r="E3927" i="26"/>
  <c r="F2984" i="26"/>
  <c r="E2984" i="26"/>
  <c r="E3802" i="26"/>
  <c r="E2907" i="26"/>
  <c r="E3931" i="26"/>
  <c r="F6947" i="26"/>
  <c r="E6947" i="26"/>
  <c r="F3071" i="26"/>
  <c r="E3071" i="26"/>
  <c r="F3152" i="26"/>
  <c r="E3152" i="26"/>
  <c r="E3920" i="26"/>
  <c r="E3569" i="26"/>
  <c r="E3779" i="26"/>
  <c r="F5547" i="26"/>
  <c r="E5547" i="26"/>
  <c r="E6827" i="26"/>
  <c r="F3150" i="26"/>
  <c r="E3150" i="26"/>
  <c r="E3495" i="26"/>
  <c r="E3512" i="26"/>
  <c r="E3481" i="26"/>
  <c r="E3466" i="26"/>
  <c r="F6195" i="26"/>
  <c r="E6195" i="26"/>
  <c r="E3350" i="26"/>
  <c r="F3695" i="26"/>
  <c r="E3695" i="26"/>
  <c r="E3905" i="26"/>
  <c r="F5563" i="26"/>
  <c r="E5563" i="26"/>
  <c r="E3191" i="26"/>
  <c r="F3272" i="26"/>
  <c r="E3272" i="26"/>
  <c r="F3593" i="26"/>
  <c r="E3593" i="26"/>
  <c r="E3066" i="26"/>
  <c r="E3195" i="26"/>
  <c r="E4219" i="26"/>
  <c r="E5243" i="26"/>
  <c r="F3302" i="26"/>
  <c r="E3302" i="26"/>
  <c r="F3359" i="26"/>
  <c r="E3359" i="26"/>
  <c r="E3440" i="26"/>
  <c r="E3345" i="26"/>
  <c r="E3394" i="26"/>
  <c r="F3299" i="26"/>
  <c r="E3299" i="26"/>
  <c r="E4323" i="26"/>
  <c r="F5347" i="26"/>
  <c r="E5347" i="26"/>
  <c r="F7371" i="26"/>
  <c r="E7371" i="26"/>
  <c r="E2862" i="26"/>
  <c r="E3896" i="26"/>
  <c r="F3513" i="26"/>
  <c r="E3513" i="26"/>
  <c r="E3498" i="26"/>
  <c r="F3211" i="26"/>
  <c r="E3211" i="26"/>
  <c r="F5619" i="26"/>
  <c r="E5619" i="26"/>
  <c r="F7251" i="26"/>
  <c r="E7251" i="26"/>
  <c r="E3062" i="26"/>
  <c r="F3375" i="26"/>
  <c r="E3375" i="26"/>
  <c r="F3603" i="26"/>
  <c r="E3603" i="26"/>
  <c r="E4979" i="26"/>
  <c r="F6843" i="26"/>
  <c r="E6843" i="26"/>
  <c r="E3486" i="26"/>
  <c r="E3223" i="26"/>
  <c r="F3304" i="26"/>
  <c r="E3304" i="26"/>
  <c r="F3369" i="26"/>
  <c r="E3369" i="26"/>
  <c r="F2842" i="26"/>
  <c r="E2842" i="26"/>
  <c r="E3866" i="26"/>
  <c r="E2971" i="26"/>
  <c r="F5731" i="26"/>
  <c r="E5731" i="26"/>
  <c r="F7011" i="26"/>
  <c r="E7011" i="26"/>
  <c r="E3878" i="26"/>
  <c r="F3647" i="26"/>
  <c r="E3647" i="26"/>
  <c r="F3728" i="26"/>
  <c r="E3728" i="26"/>
  <c r="F3377" i="26"/>
  <c r="E3377" i="26"/>
  <c r="E2914" i="26"/>
  <c r="E3938" i="26"/>
  <c r="F3075" i="26"/>
  <c r="E3075" i="26"/>
  <c r="F6123" i="26"/>
  <c r="E6123" i="26"/>
  <c r="F7147" i="26"/>
  <c r="E7147" i="26"/>
  <c r="F5256" i="26"/>
  <c r="E5256" i="26"/>
  <c r="F6613" i="26"/>
  <c r="E6613" i="26"/>
  <c r="F5445" i="26"/>
  <c r="E5445" i="26"/>
  <c r="F5562" i="26"/>
  <c r="E5562" i="26"/>
  <c r="F7318" i="26"/>
  <c r="E7318" i="26"/>
  <c r="F6687" i="26"/>
  <c r="E6687" i="26"/>
  <c r="F6088" i="26"/>
  <c r="E6088" i="26"/>
  <c r="F7112" i="26"/>
  <c r="E7112" i="26"/>
  <c r="F5569" i="26"/>
  <c r="E5569" i="26"/>
  <c r="F6410" i="26"/>
  <c r="E6410" i="26"/>
  <c r="F7434" i="26"/>
  <c r="E7434" i="26"/>
  <c r="F6659" i="26"/>
  <c r="E6659" i="26"/>
  <c r="E6252" i="26"/>
  <c r="E3669" i="26"/>
  <c r="F3301" i="26"/>
  <c r="E3301" i="26"/>
  <c r="F5349" i="26"/>
  <c r="E5349" i="26"/>
  <c r="E4710" i="26"/>
  <c r="E4063" i="26"/>
  <c r="E5087" i="26"/>
  <c r="F4144" i="26"/>
  <c r="E4144" i="26"/>
  <c r="F5776" i="26"/>
  <c r="E5776" i="26"/>
  <c r="E3917" i="26"/>
  <c r="E4098" i="26"/>
  <c r="F6910" i="26"/>
  <c r="E6910" i="26"/>
  <c r="F6279" i="26"/>
  <c r="E6279" i="26"/>
  <c r="F7303" i="26"/>
  <c r="E7303" i="26"/>
  <c r="F6704" i="26"/>
  <c r="E6704" i="26"/>
  <c r="E5161" i="26"/>
  <c r="F6441" i="26"/>
  <c r="E6441" i="26"/>
  <c r="F6034" i="26"/>
  <c r="E6034" i="26"/>
  <c r="F7058" i="26"/>
  <c r="E7058" i="26"/>
  <c r="F6283" i="26"/>
  <c r="E6283" i="26"/>
  <c r="F6900" i="26"/>
  <c r="E6900" i="26"/>
  <c r="F6461" i="26"/>
  <c r="E6461" i="26"/>
  <c r="F6525" i="26"/>
  <c r="E6525" i="26"/>
  <c r="E4492" i="26"/>
  <c r="E4205" i="26"/>
  <c r="E5166" i="26"/>
  <c r="F4135" i="26"/>
  <c r="E4135" i="26"/>
  <c r="F5511" i="26"/>
  <c r="E5511" i="26"/>
  <c r="E4152" i="26"/>
  <c r="F5496" i="26"/>
  <c r="E5496" i="26"/>
  <c r="E4121" i="26"/>
  <c r="F6341" i="26"/>
  <c r="E6341" i="26"/>
  <c r="E5130" i="26"/>
  <c r="F7142" i="26"/>
  <c r="E7142" i="26"/>
  <c r="F6863" i="26"/>
  <c r="E6863" i="26"/>
  <c r="F6616" i="26"/>
  <c r="E6616" i="26"/>
  <c r="F5393" i="26"/>
  <c r="E5393" i="26"/>
  <c r="F7025" i="26"/>
  <c r="E7025" i="26"/>
  <c r="F6906" i="26"/>
  <c r="E6906" i="26"/>
  <c r="F6483" i="26"/>
  <c r="E6483" i="26"/>
  <c r="F6396" i="26"/>
  <c r="E6396" i="26"/>
  <c r="F6693" i="26"/>
  <c r="E6693" i="26"/>
  <c r="E3412" i="26"/>
  <c r="E4756" i="26"/>
  <c r="F6349" i="26"/>
  <c r="E6349" i="26"/>
  <c r="F6830" i="26"/>
  <c r="E6830" i="26"/>
  <c r="F6551" i="26"/>
  <c r="E6551" i="26"/>
  <c r="F6272" i="26"/>
  <c r="E6272" i="26"/>
  <c r="F7296" i="26"/>
  <c r="E7296" i="26"/>
  <c r="F5753" i="26"/>
  <c r="E5753" i="26"/>
  <c r="F7001" i="26"/>
  <c r="E7001" i="26"/>
  <c r="F6562" i="26"/>
  <c r="E6562" i="26"/>
  <c r="F5531" i="26"/>
  <c r="E5531" i="26"/>
  <c r="F6340" i="26"/>
  <c r="E6340" i="26"/>
  <c r="F7364" i="26"/>
  <c r="E7364" i="26"/>
  <c r="F2845" i="26"/>
  <c r="E2845" i="26"/>
  <c r="E3869" i="26"/>
  <c r="E4893" i="26"/>
  <c r="E4830" i="26"/>
  <c r="E4951" i="26"/>
  <c r="E4008" i="26"/>
  <c r="E5032" i="26"/>
  <c r="F4585" i="26"/>
  <c r="E4585" i="26"/>
  <c r="F6677" i="26"/>
  <c r="E6677" i="26"/>
  <c r="F3461" i="26"/>
  <c r="E3461" i="26"/>
  <c r="F5509" i="26"/>
  <c r="E5509" i="26"/>
  <c r="E4955" i="26"/>
  <c r="F6582" i="26"/>
  <c r="E6582" i="26"/>
  <c r="F5951" i="26"/>
  <c r="E5951" i="26"/>
  <c r="F6975" i="26"/>
  <c r="E6975" i="26"/>
  <c r="F6376" i="26"/>
  <c r="E6376" i="26"/>
  <c r="F7400" i="26"/>
  <c r="E7400" i="26"/>
  <c r="F6081" i="26"/>
  <c r="E6081" i="26"/>
  <c r="F7105" i="26"/>
  <c r="E7105" i="26"/>
  <c r="F6698" i="26"/>
  <c r="E6698" i="26"/>
  <c r="F6540" i="26"/>
  <c r="E6540" i="26"/>
  <c r="F6197" i="26"/>
  <c r="E6197" i="26"/>
  <c r="F3076" i="26"/>
  <c r="E3076" i="26"/>
  <c r="F3365" i="26"/>
  <c r="E3365" i="26"/>
  <c r="F5413" i="26"/>
  <c r="E5413" i="26"/>
  <c r="E4774" i="26"/>
  <c r="E4095" i="26"/>
  <c r="F5552" i="26"/>
  <c r="E5552" i="26"/>
  <c r="F4593" i="26"/>
  <c r="E4593" i="26"/>
  <c r="E3469" i="26"/>
  <c r="F5517" i="26"/>
  <c r="E5517" i="26"/>
  <c r="F4642" i="26"/>
  <c r="E4642" i="26"/>
  <c r="E4803" i="26"/>
  <c r="F6430" i="26"/>
  <c r="E6430" i="26"/>
  <c r="F7454" i="26"/>
  <c r="E7454" i="26"/>
  <c r="E6823" i="26"/>
  <c r="F6224" i="26"/>
  <c r="E6224" i="26"/>
  <c r="F7248" i="26"/>
  <c r="E7248" i="26"/>
  <c r="F5705" i="26"/>
  <c r="E5705" i="26"/>
  <c r="F6985" i="26"/>
  <c r="E6985" i="26"/>
  <c r="F6578" i="26"/>
  <c r="E6578" i="26"/>
  <c r="F6420" i="26"/>
  <c r="E6420" i="26"/>
  <c r="F5516" i="26"/>
  <c r="E5516" i="26"/>
  <c r="E4871" i="26"/>
  <c r="E4856" i="26"/>
  <c r="E4857" i="26"/>
  <c r="E4810" i="26"/>
  <c r="F6854" i="26"/>
  <c r="E6854" i="26"/>
  <c r="F6575" i="26"/>
  <c r="E6575" i="26"/>
  <c r="E5105" i="26"/>
  <c r="F6737" i="26"/>
  <c r="E6737" i="26"/>
  <c r="F6618" i="26"/>
  <c r="E6618" i="26"/>
  <c r="F6108" i="26"/>
  <c r="E6108" i="26"/>
  <c r="F6053" i="26"/>
  <c r="E6053" i="26"/>
  <c r="E3796" i="26"/>
  <c r="E5140" i="26"/>
  <c r="E4277" i="26"/>
  <c r="E4726" i="26"/>
  <c r="F5743" i="26"/>
  <c r="E5743" i="26"/>
  <c r="F5568" i="26"/>
  <c r="E5568" i="26"/>
  <c r="F7117" i="26"/>
  <c r="E7117" i="26"/>
  <c r="E5234" i="26"/>
  <c r="F6862" i="26"/>
  <c r="E6862" i="26"/>
  <c r="F6583" i="26"/>
  <c r="E6583" i="26"/>
  <c r="E6304" i="26"/>
  <c r="F7328" i="26"/>
  <c r="E7328" i="26"/>
  <c r="F6009" i="26"/>
  <c r="E6009" i="26"/>
  <c r="F7033" i="26"/>
  <c r="E7033" i="26"/>
  <c r="F6594" i="26"/>
  <c r="E6594" i="26"/>
  <c r="F6811" i="26"/>
  <c r="E6811" i="26"/>
  <c r="F6372" i="26"/>
  <c r="E6372" i="26"/>
  <c r="F7396" i="26"/>
  <c r="E7396" i="26"/>
  <c r="E3004" i="26"/>
  <c r="E4028" i="26"/>
  <c r="E5052" i="26"/>
  <c r="F3133" i="26"/>
  <c r="E3133" i="26"/>
  <c r="E4157" i="26"/>
  <c r="E5181" i="26"/>
  <c r="E5118" i="26"/>
  <c r="E4215" i="26"/>
  <c r="E5239" i="26"/>
  <c r="F5320" i="26"/>
  <c r="E5320" i="26"/>
  <c r="E4617" i="26"/>
  <c r="F7253" i="26"/>
  <c r="E7253" i="26"/>
  <c r="E4037" i="26"/>
  <c r="E4090" i="26"/>
  <c r="E5114" i="26"/>
  <c r="F6870" i="26"/>
  <c r="E6870" i="26"/>
  <c r="F7263" i="26"/>
  <c r="E7263" i="26"/>
  <c r="F6664" i="26"/>
  <c r="E6664" i="26"/>
  <c r="E5121" i="26"/>
  <c r="F6369" i="26"/>
  <c r="E6369" i="26"/>
  <c r="F7393" i="26"/>
  <c r="E7393" i="26"/>
  <c r="F6986" i="26"/>
  <c r="E6986" i="26"/>
  <c r="F6211" i="26"/>
  <c r="E6211" i="26"/>
  <c r="F7235" i="26"/>
  <c r="E7235" i="26"/>
  <c r="F6828" i="26"/>
  <c r="E6828" i="26"/>
  <c r="F6773" i="26"/>
  <c r="E6773" i="26"/>
  <c r="F3364" i="26"/>
  <c r="E3364" i="26"/>
  <c r="E4388" i="26"/>
  <c r="F5412" i="26"/>
  <c r="E5412" i="26"/>
  <c r="E3941" i="26"/>
  <c r="E5062" i="26"/>
  <c r="E4383" i="26"/>
  <c r="F5407" i="26"/>
  <c r="E5407" i="26"/>
  <c r="F4464" i="26"/>
  <c r="E4464" i="26"/>
  <c r="F4369" i="26"/>
  <c r="E4369" i="26"/>
  <c r="E3021" i="26"/>
  <c r="E4418" i="26"/>
  <c r="F5442" i="26"/>
  <c r="E5442" i="26"/>
  <c r="F6974" i="26"/>
  <c r="E6974" i="26"/>
  <c r="F6343" i="26"/>
  <c r="E6343" i="26"/>
  <c r="F7367" i="26"/>
  <c r="E7367" i="26"/>
  <c r="F6768" i="26"/>
  <c r="E6768" i="26"/>
  <c r="E5225" i="26"/>
  <c r="F6505" i="26"/>
  <c r="E6505" i="26"/>
  <c r="F6098" i="26"/>
  <c r="E6098" i="26"/>
  <c r="F7122" i="26"/>
  <c r="E7122" i="26"/>
  <c r="F6347" i="26"/>
  <c r="E6347" i="26"/>
  <c r="F6964" i="26"/>
  <c r="E6964" i="26"/>
  <c r="E3596" i="26"/>
  <c r="F5548" i="26"/>
  <c r="E5548" i="26"/>
  <c r="E4238" i="26"/>
  <c r="F5607" i="26"/>
  <c r="E5607" i="26"/>
  <c r="E5240" i="26"/>
  <c r="F6469" i="26"/>
  <c r="E6469" i="26"/>
  <c r="E4874" i="26"/>
  <c r="E4555" i="26"/>
  <c r="F6566" i="26"/>
  <c r="E6566" i="26"/>
  <c r="E6255" i="26"/>
  <c r="F6008" i="26"/>
  <c r="E6008" i="26"/>
  <c r="F7384" i="26"/>
  <c r="E7384" i="26"/>
  <c r="F6417" i="26"/>
  <c r="E6417" i="26"/>
  <c r="F6330" i="26"/>
  <c r="E6330" i="26"/>
  <c r="F7164" i="26"/>
  <c r="E7164" i="26"/>
  <c r="E3476" i="26"/>
  <c r="E4852" i="26"/>
  <c r="E3701" i="26"/>
  <c r="F4438" i="26"/>
  <c r="E4438" i="26"/>
  <c r="F5327" i="26"/>
  <c r="E5327" i="26"/>
  <c r="F5632" i="26"/>
  <c r="E5632" i="26"/>
  <c r="E3937" i="26"/>
  <c r="F7245" i="26"/>
  <c r="E7245" i="26"/>
  <c r="F5266" i="26"/>
  <c r="E5266" i="26"/>
  <c r="F6926" i="26"/>
  <c r="E6926" i="26"/>
  <c r="F6615" i="26"/>
  <c r="E6615" i="26"/>
  <c r="F6336" i="26"/>
  <c r="E6336" i="26"/>
  <c r="F7360" i="26"/>
  <c r="E7360" i="26"/>
  <c r="F6041" i="26"/>
  <c r="E6041" i="26"/>
  <c r="F7065" i="26"/>
  <c r="E7065" i="26"/>
  <c r="F6626" i="26"/>
  <c r="E6626" i="26"/>
  <c r="F5595" i="26"/>
  <c r="E5595" i="26"/>
  <c r="F6404" i="26"/>
  <c r="E6404" i="26"/>
  <c r="F7428" i="26"/>
  <c r="E7428" i="26"/>
  <c r="E3036" i="26"/>
  <c r="E4060" i="26"/>
  <c r="E5084" i="26"/>
  <c r="F3165" i="26"/>
  <c r="E3165" i="26"/>
  <c r="E4189" i="26"/>
  <c r="E5213" i="26"/>
  <c r="E5150" i="26"/>
  <c r="E4247" i="26"/>
  <c r="E5271" i="26"/>
  <c r="E4328" i="26"/>
  <c r="F5352" i="26"/>
  <c r="E5352" i="26"/>
  <c r="E4393" i="26"/>
  <c r="F7317" i="26"/>
  <c r="E7317" i="26"/>
  <c r="E4101" i="26"/>
  <c r="E4890" i="26"/>
  <c r="E3995" i="26"/>
  <c r="E5019" i="26"/>
  <c r="F6646" i="26"/>
  <c r="E6646" i="26"/>
  <c r="F6015" i="26"/>
  <c r="E6015" i="26"/>
  <c r="F7039" i="26"/>
  <c r="E7039" i="26"/>
  <c r="F6440" i="26"/>
  <c r="E6440" i="26"/>
  <c r="E4897" i="26"/>
  <c r="F6145" i="26"/>
  <c r="E6145" i="26"/>
  <c r="F7169" i="26"/>
  <c r="E7169" i="26"/>
  <c r="F6762" i="26"/>
  <c r="E6762" i="26"/>
  <c r="F6604" i="26"/>
  <c r="E6604" i="26"/>
  <c r="F6325" i="26"/>
  <c r="E6325" i="26"/>
  <c r="F3140" i="26"/>
  <c r="E3140" i="26"/>
  <c r="E4164" i="26"/>
  <c r="E5188" i="26"/>
  <c r="E3493" i="26"/>
  <c r="F5541" i="26"/>
  <c r="E5541" i="26"/>
  <c r="F5350" i="26"/>
  <c r="E5350" i="26"/>
  <c r="F5695" i="26"/>
  <c r="E5695" i="26"/>
  <c r="E4401" i="26"/>
  <c r="E4109" i="26"/>
  <c r="E4962" i="26"/>
  <c r="E4099" i="26"/>
  <c r="E5123" i="26"/>
  <c r="F6750" i="26"/>
  <c r="E6750" i="26"/>
  <c r="F6119" i="26"/>
  <c r="E6119" i="26"/>
  <c r="F7143" i="26"/>
  <c r="E7143" i="26"/>
  <c r="F6544" i="26"/>
  <c r="E6544" i="26"/>
  <c r="E5001" i="26"/>
  <c r="F6281" i="26"/>
  <c r="E6281" i="26"/>
  <c r="F7305" i="26"/>
  <c r="E7305" i="26"/>
  <c r="F6898" i="26"/>
  <c r="E6898" i="26"/>
  <c r="F6740" i="26"/>
  <c r="E6740" i="26"/>
  <c r="E6301" i="26"/>
  <c r="F7325" i="26"/>
  <c r="E7325" i="26"/>
  <c r="F4139" i="26"/>
  <c r="E4139" i="26"/>
  <c r="F6835" i="26"/>
  <c r="E6835" i="26"/>
  <c r="F3318" i="26"/>
  <c r="E3318" i="26"/>
  <c r="F3663" i="26"/>
  <c r="E3663" i="26"/>
  <c r="F6011" i="26"/>
  <c r="E6011" i="26"/>
  <c r="F7035" i="26"/>
  <c r="E7035" i="26"/>
  <c r="F3358" i="26"/>
  <c r="E3358" i="26"/>
  <c r="F3159" i="26"/>
  <c r="E3159" i="26"/>
  <c r="E3240" i="26"/>
  <c r="F3305" i="26"/>
  <c r="E3305" i="26"/>
  <c r="E3034" i="26"/>
  <c r="F3163" i="26"/>
  <c r="E3163" i="26"/>
  <c r="F6179" i="26"/>
  <c r="E6179" i="26"/>
  <c r="F7203" i="26"/>
  <c r="E7203" i="26"/>
  <c r="E3238" i="26"/>
  <c r="F3327" i="26"/>
  <c r="E3327" i="26"/>
  <c r="E3408" i="26"/>
  <c r="E3825" i="26"/>
  <c r="F2850" i="26"/>
  <c r="E2850" i="26"/>
  <c r="E3011" i="26"/>
  <c r="F6059" i="26"/>
  <c r="E6059" i="26"/>
  <c r="F7083" i="26"/>
  <c r="E7083" i="26"/>
  <c r="E3847" i="26"/>
  <c r="E3832" i="26"/>
  <c r="E3833" i="26"/>
  <c r="E3786" i="26"/>
  <c r="F6515" i="26"/>
  <c r="E6515" i="26"/>
  <c r="F2881" i="26"/>
  <c r="E2881" i="26"/>
  <c r="E3447" i="26"/>
  <c r="F3528" i="26"/>
  <c r="E3528" i="26"/>
  <c r="E3849" i="26"/>
  <c r="F3322" i="26"/>
  <c r="E3322" i="26"/>
  <c r="F3451" i="26"/>
  <c r="E3451" i="26"/>
  <c r="F4475" i="26"/>
  <c r="E4475" i="26"/>
  <c r="E3814" i="26"/>
  <c r="E3615" i="26"/>
  <c r="F3696" i="26"/>
  <c r="E3696" i="26"/>
  <c r="E3601" i="26"/>
  <c r="F3650" i="26"/>
  <c r="E3650" i="26"/>
  <c r="E3555" i="26"/>
  <c r="E4579" i="26"/>
  <c r="F7220" i="26"/>
  <c r="E7220" i="26"/>
  <c r="F3214" i="26"/>
  <c r="E3214" i="26"/>
  <c r="F3207" i="26"/>
  <c r="E3207" i="26"/>
  <c r="F2872" i="26"/>
  <c r="E2872" i="26"/>
  <c r="E3865" i="26"/>
  <c r="E3850" i="26"/>
  <c r="E3531" i="26"/>
  <c r="E4907" i="26"/>
  <c r="E3414" i="26"/>
  <c r="E3791" i="26"/>
  <c r="F3136" i="26"/>
  <c r="E3136" i="26"/>
  <c r="E2913" i="26"/>
  <c r="E3955" i="26"/>
  <c r="E5299" i="26"/>
  <c r="F6075" i="26"/>
  <c r="E6075" i="26"/>
  <c r="F7099" i="26"/>
  <c r="E7099" i="26"/>
  <c r="E3479" i="26"/>
  <c r="E3560" i="26"/>
  <c r="E3625" i="26"/>
  <c r="E3098" i="26"/>
  <c r="E3227" i="26"/>
  <c r="E6243" i="26"/>
  <c r="F2879" i="26"/>
  <c r="E2879" i="26"/>
  <c r="F2960" i="26"/>
  <c r="E2960" i="26"/>
  <c r="E3633" i="26"/>
  <c r="F3170" i="26"/>
  <c r="E3170" i="26"/>
  <c r="F3331" i="26"/>
  <c r="E3331" i="26"/>
  <c r="F6379" i="26"/>
  <c r="E6379" i="26"/>
  <c r="F7403" i="26"/>
  <c r="E7403" i="26"/>
  <c r="F7189" i="26"/>
  <c r="E7189" i="26"/>
  <c r="E3973" i="26"/>
  <c r="E5082" i="26"/>
  <c r="E4187" i="26"/>
  <c r="E5211" i="26"/>
  <c r="F6838" i="26"/>
  <c r="E6838" i="26"/>
  <c r="F6207" i="26"/>
  <c r="E6207" i="26"/>
  <c r="F7231" i="26"/>
  <c r="E7231" i="26"/>
  <c r="F6632" i="26"/>
  <c r="E6632" i="26"/>
  <c r="F6337" i="26"/>
  <c r="E6337" i="26"/>
  <c r="F7361" i="26"/>
  <c r="E7361" i="26"/>
  <c r="F6954" i="26"/>
  <c r="E6954" i="26"/>
  <c r="F6796" i="26"/>
  <c r="E6796" i="26"/>
  <c r="F6709" i="26"/>
  <c r="E6709" i="26"/>
  <c r="F3332" i="26"/>
  <c r="E3332" i="26"/>
  <c r="F5380" i="26"/>
  <c r="E5380" i="26"/>
  <c r="E4351" i="26"/>
  <c r="F5375" i="26"/>
  <c r="E5375" i="26"/>
  <c r="E4176" i="26"/>
  <c r="F5808" i="26"/>
  <c r="E5808" i="26"/>
  <c r="E4849" i="26"/>
  <c r="E3981" i="26"/>
  <c r="E4035" i="26"/>
  <c r="E5059" i="26"/>
  <c r="F6686" i="26"/>
  <c r="E6686" i="26"/>
  <c r="F6055" i="26"/>
  <c r="E6055" i="26"/>
  <c r="F7079" i="26"/>
  <c r="E7079" i="26"/>
  <c r="F6480" i="26"/>
  <c r="E6480" i="26"/>
  <c r="E4937" i="26"/>
  <c r="F6217" i="26"/>
  <c r="E6217" i="26"/>
  <c r="F7241" i="26"/>
  <c r="E7241" i="26"/>
  <c r="F6834" i="26"/>
  <c r="E6834" i="26"/>
  <c r="F6493" i="26"/>
  <c r="E6493" i="26"/>
  <c r="E4012" i="26"/>
  <c r="F3373" i="26"/>
  <c r="E3373" i="26"/>
  <c r="E4878" i="26"/>
  <c r="E5223" i="26"/>
  <c r="E5208" i="26"/>
  <c r="F6405" i="26"/>
  <c r="E6405" i="26"/>
  <c r="E5162" i="26"/>
  <c r="F7206" i="26"/>
  <c r="E7206" i="26"/>
  <c r="F6895" i="26"/>
  <c r="E6895" i="26"/>
  <c r="F6648" i="26"/>
  <c r="E6648" i="26"/>
  <c r="F5457" i="26"/>
  <c r="E5457" i="26"/>
  <c r="F7057" i="26"/>
  <c r="E7057" i="26"/>
  <c r="F6970" i="26"/>
  <c r="E6970" i="26"/>
  <c r="F6460" i="26"/>
  <c r="E6460" i="26"/>
  <c r="F6757" i="26"/>
  <c r="E6757" i="26"/>
  <c r="E4116" i="26"/>
  <c r="F5492" i="26"/>
  <c r="E5492" i="26"/>
  <c r="E4981" i="26"/>
  <c r="F5654" i="26"/>
  <c r="E5654" i="26"/>
  <c r="E4207" i="26"/>
  <c r="F4480" i="26"/>
  <c r="E4480" i="26"/>
  <c r="E4225" i="26"/>
  <c r="F5333" i="26"/>
  <c r="E5333" i="26"/>
  <c r="E4210" i="26"/>
  <c r="F5554" i="26"/>
  <c r="E5554" i="26"/>
  <c r="F5267" i="26"/>
  <c r="E5267" i="26"/>
  <c r="F7214" i="26"/>
  <c r="E7214" i="26"/>
  <c r="F6935" i="26"/>
  <c r="E6935" i="26"/>
  <c r="F6560" i="26"/>
  <c r="E6560" i="26"/>
  <c r="F6265" i="26"/>
  <c r="E6265" i="26"/>
  <c r="F7289" i="26"/>
  <c r="E7289" i="26"/>
  <c r="F6850" i="26"/>
  <c r="E6850" i="26"/>
  <c r="F6043" i="26"/>
  <c r="E6043" i="26"/>
  <c r="F7067" i="26"/>
  <c r="E7067" i="26"/>
  <c r="F6628" i="26"/>
  <c r="E6628" i="26"/>
  <c r="F6445" i="26"/>
  <c r="E6445" i="26"/>
  <c r="F3260" i="26"/>
  <c r="E3260" i="26"/>
  <c r="E4284" i="26"/>
  <c r="F5308" i="26"/>
  <c r="E5308" i="26"/>
  <c r="F3389" i="26"/>
  <c r="E3389" i="26"/>
  <c r="E4413" i="26"/>
  <c r="F5437" i="26"/>
  <c r="E5437" i="26"/>
  <c r="F5374" i="26"/>
  <c r="E5374" i="26"/>
  <c r="F4471" i="26"/>
  <c r="E4471" i="26"/>
  <c r="F5495" i="26"/>
  <c r="E5495" i="26"/>
  <c r="E4552" i="26"/>
  <c r="F5576" i="26"/>
  <c r="E5576" i="26"/>
  <c r="E4873" i="26"/>
  <c r="F5397" i="26"/>
  <c r="E5397" i="26"/>
  <c r="E4549" i="26"/>
  <c r="E4346" i="26"/>
  <c r="F5370" i="26"/>
  <c r="E5370" i="26"/>
  <c r="F6102" i="26"/>
  <c r="E6102" i="26"/>
  <c r="F7126" i="26"/>
  <c r="E7126" i="26"/>
  <c r="F6495" i="26"/>
  <c r="E6495" i="26"/>
  <c r="F5896" i="26"/>
  <c r="E5896" i="26"/>
  <c r="F6920" i="26"/>
  <c r="E6920" i="26"/>
  <c r="F5377" i="26"/>
  <c r="E5377" i="26"/>
  <c r="F6625" i="26"/>
  <c r="E6625" i="26"/>
  <c r="F6218" i="26"/>
  <c r="E6218" i="26"/>
  <c r="F7242" i="26"/>
  <c r="E7242" i="26"/>
  <c r="F6467" i="26"/>
  <c r="E6467" i="26"/>
  <c r="F6060" i="26"/>
  <c r="E6060" i="26"/>
  <c r="F7084" i="26"/>
  <c r="E7084" i="26"/>
  <c r="F7285" i="26"/>
  <c r="E7285" i="26"/>
  <c r="E3620" i="26"/>
  <c r="F4644" i="26"/>
  <c r="E4644" i="26"/>
  <c r="E5668" i="26"/>
  <c r="E4453" i="26"/>
  <c r="F5318" i="26"/>
  <c r="E5318" i="26"/>
  <c r="F4639" i="26"/>
  <c r="E4639" i="26"/>
  <c r="F5663" i="26"/>
  <c r="E5663" i="26"/>
  <c r="E4720" i="26"/>
  <c r="E4625" i="26"/>
  <c r="E3533" i="26"/>
  <c r="F5581" i="26"/>
  <c r="E5581" i="26"/>
  <c r="E4674" i="26"/>
  <c r="F6206" i="26"/>
  <c r="E6206" i="26"/>
  <c r="F7230" i="26"/>
  <c r="E7230" i="26"/>
  <c r="F6599" i="26"/>
  <c r="E6599" i="26"/>
  <c r="F6000" i="26"/>
  <c r="E6000" i="26"/>
  <c r="F7024" i="26"/>
  <c r="E7024" i="26"/>
  <c r="F5481" i="26"/>
  <c r="E5481" i="26"/>
  <c r="F6761" i="26"/>
  <c r="E6761" i="26"/>
  <c r="F6354" i="26"/>
  <c r="E6354" i="26"/>
  <c r="F7378" i="26"/>
  <c r="E7378" i="26"/>
  <c r="F6603" i="26"/>
  <c r="E6603" i="26"/>
  <c r="F6196" i="26"/>
  <c r="E6196" i="26"/>
  <c r="E4108" i="26"/>
  <c r="E3437" i="26"/>
  <c r="E4558" i="26"/>
  <c r="F4583" i="26"/>
  <c r="E4583" i="26"/>
  <c r="F4216" i="26"/>
  <c r="E4216" i="26"/>
  <c r="F5592" i="26"/>
  <c r="E5592" i="26"/>
  <c r="F7173" i="26"/>
  <c r="E7173" i="26"/>
  <c r="E5194" i="26"/>
  <c r="F6886" i="26"/>
  <c r="E6886" i="26"/>
  <c r="F6607" i="26"/>
  <c r="E6607" i="26"/>
  <c r="F6360" i="26"/>
  <c r="E6360" i="26"/>
  <c r="F6769" i="26"/>
  <c r="E6769" i="26"/>
  <c r="F6650" i="26"/>
  <c r="E6650" i="26"/>
  <c r="F6227" i="26"/>
  <c r="E6227" i="26"/>
  <c r="F6140" i="26"/>
  <c r="E6140" i="26"/>
  <c r="F6181" i="26"/>
  <c r="E6181" i="26"/>
  <c r="E3828" i="26"/>
  <c r="E5204" i="26"/>
  <c r="E4341" i="26"/>
  <c r="E4758" i="26"/>
  <c r="E4512" i="26"/>
  <c r="E4289" i="26"/>
  <c r="E4242" i="26"/>
  <c r="F5618" i="26"/>
  <c r="E5618" i="26"/>
  <c r="F7246" i="26"/>
  <c r="E7246" i="26"/>
  <c r="F6967" i="26"/>
  <c r="E6967" i="26"/>
  <c r="F6592" i="26"/>
  <c r="E6592" i="26"/>
  <c r="E5049" i="26"/>
  <c r="E6297" i="26"/>
  <c r="F7321" i="26"/>
  <c r="E7321" i="26"/>
  <c r="F6882" i="26"/>
  <c r="E6882" i="26"/>
  <c r="F6660" i="26"/>
  <c r="E6660" i="26"/>
  <c r="F6509" i="26"/>
  <c r="E6509" i="26"/>
  <c r="F3292" i="26"/>
  <c r="E3292" i="26"/>
  <c r="E4316" i="26"/>
  <c r="F5340" i="26"/>
  <c r="E5340" i="26"/>
  <c r="E3421" i="26"/>
  <c r="E4445" i="26"/>
  <c r="F5469" i="26"/>
  <c r="E5469" i="26"/>
  <c r="E3998" i="26"/>
  <c r="F5406" i="26"/>
  <c r="E5406" i="26"/>
  <c r="E4503" i="26"/>
  <c r="F5527" i="26"/>
  <c r="E5527" i="26"/>
  <c r="F4584" i="26"/>
  <c r="E4584" i="26"/>
  <c r="F5608" i="26"/>
  <c r="E5608" i="26"/>
  <c r="F4649" i="26"/>
  <c r="E4649" i="26"/>
  <c r="F5653" i="26"/>
  <c r="E5653" i="26"/>
  <c r="E4613" i="26"/>
  <c r="E4122" i="26"/>
  <c r="E5146" i="26"/>
  <c r="E4251" i="26"/>
  <c r="E5275" i="26"/>
  <c r="F6902" i="26"/>
  <c r="E6902" i="26"/>
  <c r="F6271" i="26"/>
  <c r="E6271" i="26"/>
  <c r="F7295" i="26"/>
  <c r="E7295" i="26"/>
  <c r="F6696" i="26"/>
  <c r="E6696" i="26"/>
  <c r="E5153" i="26"/>
  <c r="F6401" i="26"/>
  <c r="E6401" i="26"/>
  <c r="F7425" i="26"/>
  <c r="E7425" i="26"/>
  <c r="F7018" i="26"/>
  <c r="E7018" i="26"/>
  <c r="F7267" i="26"/>
  <c r="E7267" i="26"/>
  <c r="F6860" i="26"/>
  <c r="E6860" i="26"/>
  <c r="F6837" i="26"/>
  <c r="E6837" i="26"/>
  <c r="E3396" i="26"/>
  <c r="E4420" i="26"/>
  <c r="F5444" i="26"/>
  <c r="E5444" i="26"/>
  <c r="E4005" i="26"/>
  <c r="E4390" i="26"/>
  <c r="E4927" i="26"/>
  <c r="E3984" i="26"/>
  <c r="F5616" i="26"/>
  <c r="E5616" i="26"/>
  <c r="F4657" i="26"/>
  <c r="E4657" i="26"/>
  <c r="E4621" i="26"/>
  <c r="E4194" i="26"/>
  <c r="E5218" i="26"/>
  <c r="E4355" i="26"/>
  <c r="F5379" i="26"/>
  <c r="E5379" i="26"/>
  <c r="F7006" i="26"/>
  <c r="E7006" i="26"/>
  <c r="F6375" i="26"/>
  <c r="E6375" i="26"/>
  <c r="F7399" i="26"/>
  <c r="E7399" i="26"/>
  <c r="F6800" i="26"/>
  <c r="E6800" i="26"/>
  <c r="F5257" i="26"/>
  <c r="E5257" i="26"/>
  <c r="F6537" i="26"/>
  <c r="E6537" i="26"/>
  <c r="F6130" i="26"/>
  <c r="E6130" i="26"/>
  <c r="F7154" i="26"/>
  <c r="E7154" i="26"/>
  <c r="F6996" i="26"/>
  <c r="E6996" i="26"/>
  <c r="F6557" i="26"/>
  <c r="E6557" i="26"/>
  <c r="F6676" i="26"/>
  <c r="E6676" i="26"/>
  <c r="E3057" i="26"/>
  <c r="E3267" i="26"/>
  <c r="F6315" i="26"/>
  <c r="E6315" i="26"/>
  <c r="F7339" i="26"/>
  <c r="E7339" i="26"/>
  <c r="E3854" i="26"/>
  <c r="E2991" i="26"/>
  <c r="F3456" i="26"/>
  <c r="E3456" i="26"/>
  <c r="E3201" i="26"/>
  <c r="E3186" i="26"/>
  <c r="E3703" i="26"/>
  <c r="F3081" i="26"/>
  <c r="E3081" i="26"/>
  <c r="F3578" i="26"/>
  <c r="E3578" i="26"/>
  <c r="E3707" i="26"/>
  <c r="E4731" i="26"/>
  <c r="F7340" i="26"/>
  <c r="E7340" i="26"/>
  <c r="F2847" i="26"/>
  <c r="E2847" i="26"/>
  <c r="E3871" i="26"/>
  <c r="E2928" i="26"/>
  <c r="E3857" i="26"/>
  <c r="F2882" i="26"/>
  <c r="E2882" i="26"/>
  <c r="E3906" i="26"/>
  <c r="E3811" i="26"/>
  <c r="E4835" i="26"/>
  <c r="E3534" i="26"/>
  <c r="E3559" i="26"/>
  <c r="E3192" i="26"/>
  <c r="F2841" i="26"/>
  <c r="E2841" i="26"/>
  <c r="E3883" i="26"/>
  <c r="F6579" i="26"/>
  <c r="E6579" i="26"/>
  <c r="E3734" i="26"/>
  <c r="E3488" i="26"/>
  <c r="E3265" i="26"/>
  <c r="E3218" i="26"/>
  <c r="E2931" i="26"/>
  <c r="E4275" i="26"/>
  <c r="F6331" i="26"/>
  <c r="E6331" i="26"/>
  <c r="E3735" i="26"/>
  <c r="E3816" i="26"/>
  <c r="E2857" i="26"/>
  <c r="E3881" i="26"/>
  <c r="E3354" i="26"/>
  <c r="E3483" i="26"/>
  <c r="F6499" i="26"/>
  <c r="E6499" i="26"/>
  <c r="E2854" i="26"/>
  <c r="F3135" i="26"/>
  <c r="E3135" i="26"/>
  <c r="E3216" i="26"/>
  <c r="E2865" i="26"/>
  <c r="E3889" i="26"/>
  <c r="E3426" i="26"/>
  <c r="F3587" i="26"/>
  <c r="E3587" i="26"/>
  <c r="F6635" i="26"/>
  <c r="E6635" i="26"/>
  <c r="F7252" i="26"/>
  <c r="E7252" i="26"/>
  <c r="E4026" i="26"/>
  <c r="F6806" i="26"/>
  <c r="E6806" i="26"/>
  <c r="F6175" i="26"/>
  <c r="E6175" i="26"/>
  <c r="F7199" i="26"/>
  <c r="E7199" i="26"/>
  <c r="F6600" i="26"/>
  <c r="E6600" i="26"/>
  <c r="E5057" i="26"/>
  <c r="F7329" i="26"/>
  <c r="E7329" i="26"/>
  <c r="F6922" i="26"/>
  <c r="E6922" i="26"/>
  <c r="F6147" i="26"/>
  <c r="E6147" i="26"/>
  <c r="F7171" i="26"/>
  <c r="E7171" i="26"/>
  <c r="F6764" i="26"/>
  <c r="E6764" i="26"/>
  <c r="F6645" i="26"/>
  <c r="E6645" i="26"/>
  <c r="F3300" i="26"/>
  <c r="E3300" i="26"/>
  <c r="F5348" i="26"/>
  <c r="E5348" i="26"/>
  <c r="E4325" i="26"/>
  <c r="F5254" i="26"/>
  <c r="E5254" i="26"/>
  <c r="E4575" i="26"/>
  <c r="F5599" i="26"/>
  <c r="E5599" i="26"/>
  <c r="F4656" i="26"/>
  <c r="E4656" i="26"/>
  <c r="E4305" i="26"/>
  <c r="E4941" i="26"/>
  <c r="F5634" i="26"/>
  <c r="E5634" i="26"/>
  <c r="F6398" i="26"/>
  <c r="E6398" i="26"/>
  <c r="F7422" i="26"/>
  <c r="E7422" i="26"/>
  <c r="F6791" i="26"/>
  <c r="E6791" i="26"/>
  <c r="F6192" i="26"/>
  <c r="E6192" i="26"/>
  <c r="F7216" i="26"/>
  <c r="E7216" i="26"/>
  <c r="E5673" i="26"/>
  <c r="F6953" i="26"/>
  <c r="E6953" i="26"/>
  <c r="F6546" i="26"/>
  <c r="E6546" i="26"/>
  <c r="F5515" i="26"/>
  <c r="E5515" i="26"/>
  <c r="F6795" i="26"/>
  <c r="E6795" i="26"/>
  <c r="F6388" i="26"/>
  <c r="E6388" i="26"/>
  <c r="F7229" i="26"/>
  <c r="E7229" i="26"/>
  <c r="F5452" i="26"/>
  <c r="E5452" i="26"/>
  <c r="E4824" i="26"/>
  <c r="F4473" i="26"/>
  <c r="E4473" i="26"/>
  <c r="E4426" i="26"/>
  <c r="F6470" i="26"/>
  <c r="E6470" i="26"/>
  <c r="F6191" i="26"/>
  <c r="E6191" i="26"/>
  <c r="F5912" i="26"/>
  <c r="E5912" i="26"/>
  <c r="F7288" i="26"/>
  <c r="E7288" i="26"/>
  <c r="F6353" i="26"/>
  <c r="E6353" i="26"/>
  <c r="F6234" i="26"/>
  <c r="E6234" i="26"/>
  <c r="F7100" i="26"/>
  <c r="E7100" i="26"/>
  <c r="F5717" i="26"/>
  <c r="E5717" i="26"/>
  <c r="E4084" i="26"/>
  <c r="F5460" i="26"/>
  <c r="E5460" i="26"/>
  <c r="F5622" i="26"/>
  <c r="E5622" i="26"/>
  <c r="E4545" i="26"/>
  <c r="E4629" i="26"/>
  <c r="F5522" i="26"/>
  <c r="E5522" i="26"/>
  <c r="F6158" i="26"/>
  <c r="E6158" i="26"/>
  <c r="F5847" i="26"/>
  <c r="E5847" i="26"/>
  <c r="F7223" i="26"/>
  <c r="E7223" i="26"/>
  <c r="F6784" i="26"/>
  <c r="E6784" i="26"/>
  <c r="F6489" i="26"/>
  <c r="E6489" i="26"/>
  <c r="F6050" i="26"/>
  <c r="E6050" i="26"/>
  <c r="F7074" i="26"/>
  <c r="E7074" i="26"/>
  <c r="F7291" i="26"/>
  <c r="E7291" i="26"/>
  <c r="F6852" i="26"/>
  <c r="E6852" i="26"/>
  <c r="F6893" i="26"/>
  <c r="E6893" i="26"/>
  <c r="F4252" i="26"/>
  <c r="E4252" i="26"/>
  <c r="F3357" i="26"/>
  <c r="E3357" i="26"/>
  <c r="E4381" i="26"/>
  <c r="F5405" i="26"/>
  <c r="E5405" i="26"/>
  <c r="F5342" i="26"/>
  <c r="E5342" i="26"/>
  <c r="F4439" i="26"/>
  <c r="E4439" i="26"/>
  <c r="F5463" i="26"/>
  <c r="E5463" i="26"/>
  <c r="F5544" i="26"/>
  <c r="E5544" i="26"/>
  <c r="E4485" i="26"/>
  <c r="E4314" i="26"/>
  <c r="F5338" i="26"/>
  <c r="E5338" i="26"/>
  <c r="E4443" i="26"/>
  <c r="F6070" i="26"/>
  <c r="E6070" i="26"/>
  <c r="F7094" i="26"/>
  <c r="E7094" i="26"/>
  <c r="F6463" i="26"/>
  <c r="E6463" i="26"/>
  <c r="F5864" i="26"/>
  <c r="E5864" i="26"/>
  <c r="F6888" i="26"/>
  <c r="E6888" i="26"/>
  <c r="F5345" i="26"/>
  <c r="E5345" i="26"/>
  <c r="F6593" i="26"/>
  <c r="E6593" i="26"/>
  <c r="F6186" i="26"/>
  <c r="E6186" i="26"/>
  <c r="F7210" i="26"/>
  <c r="E7210" i="26"/>
  <c r="F6028" i="26"/>
  <c r="E6028" i="26"/>
  <c r="F7052" i="26"/>
  <c r="E7052" i="26"/>
  <c r="F7221" i="26"/>
  <c r="E7221" i="26"/>
  <c r="F3588" i="26"/>
  <c r="E3588" i="26"/>
  <c r="F5636" i="26"/>
  <c r="E5636" i="26"/>
  <c r="E5286" i="26"/>
  <c r="E4607" i="26"/>
  <c r="F5631" i="26"/>
  <c r="E5631" i="26"/>
  <c r="E4432" i="26"/>
  <c r="E4081" i="26"/>
  <c r="E4885" i="26"/>
  <c r="E4493" i="26"/>
  <c r="E4130" i="26"/>
  <c r="E4291" i="26"/>
  <c r="F5315" i="26"/>
  <c r="E5315" i="26"/>
  <c r="F6942" i="26"/>
  <c r="E6942" i="26"/>
  <c r="F6311" i="26"/>
  <c r="E6311" i="26"/>
  <c r="F7335" i="26"/>
  <c r="E7335" i="26"/>
  <c r="F6736" i="26"/>
  <c r="E6736" i="26"/>
  <c r="E5193" i="26"/>
  <c r="F6473" i="26"/>
  <c r="E6473" i="26"/>
  <c r="F6066" i="26"/>
  <c r="E6066" i="26"/>
  <c r="F7090" i="26"/>
  <c r="E7090" i="26"/>
  <c r="F7293" i="26"/>
  <c r="E7293" i="26"/>
  <c r="E4397" i="26"/>
  <c r="E5198" i="26"/>
  <c r="E4199" i="26"/>
  <c r="F5543" i="26"/>
  <c r="E5543" i="26"/>
  <c r="E4184" i="26"/>
  <c r="F5560" i="26"/>
  <c r="E5560" i="26"/>
  <c r="E4153" i="26"/>
  <c r="F7109" i="26"/>
  <c r="E7109" i="26"/>
  <c r="F4138" i="26"/>
  <c r="E4138" i="26"/>
  <c r="F5514" i="26"/>
  <c r="E5514" i="26"/>
  <c r="F6182" i="26"/>
  <c r="E6182" i="26"/>
  <c r="F5871" i="26"/>
  <c r="E5871" i="26"/>
  <c r="F7247" i="26"/>
  <c r="E7247" i="26"/>
  <c r="F7000" i="26"/>
  <c r="E7000" i="26"/>
  <c r="F6033" i="26"/>
  <c r="E6033" i="26"/>
  <c r="F7409" i="26"/>
  <c r="E7409" i="26"/>
  <c r="F7290" i="26"/>
  <c r="E7290" i="26"/>
  <c r="F6867" i="26"/>
  <c r="E6867" i="26"/>
  <c r="F6780" i="26"/>
  <c r="E6780" i="26"/>
  <c r="E3092" i="26"/>
  <c r="F4468" i="26"/>
  <c r="E4468" i="26"/>
  <c r="E2933" i="26"/>
  <c r="F5621" i="26"/>
  <c r="E5621" i="26"/>
  <c r="E4054" i="26"/>
  <c r="E4800" i="26"/>
  <c r="E4577" i="26"/>
  <c r="E4530" i="26"/>
  <c r="F6190" i="26"/>
  <c r="E6190" i="26"/>
  <c r="F5911" i="26"/>
  <c r="E5911" i="26"/>
  <c r="F7255" i="26"/>
  <c r="E7255" i="26"/>
  <c r="E6816" i="26"/>
  <c r="E5273" i="26"/>
  <c r="F6521" i="26"/>
  <c r="E6521" i="26"/>
  <c r="F6082" i="26"/>
  <c r="E6082" i="26"/>
  <c r="F7106" i="26"/>
  <c r="E7106" i="26"/>
  <c r="E6299" i="26"/>
  <c r="F7323" i="26"/>
  <c r="E7323" i="26"/>
  <c r="F6884" i="26"/>
  <c r="E6884" i="26"/>
  <c r="F6957" i="26"/>
  <c r="E6957" i="26"/>
  <c r="F3516" i="26"/>
  <c r="E3516" i="26"/>
  <c r="E4540" i="26"/>
  <c r="F5564" i="26"/>
  <c r="E5564" i="26"/>
  <c r="F3645" i="26"/>
  <c r="E3645" i="26"/>
  <c r="E4669" i="26"/>
  <c r="F5693" i="26"/>
  <c r="E5693" i="26"/>
  <c r="F5630" i="26"/>
  <c r="E5630" i="26"/>
  <c r="E4727" i="26"/>
  <c r="F5751" i="26"/>
  <c r="E5751" i="26"/>
  <c r="E4808" i="26"/>
  <c r="E4105" i="26"/>
  <c r="F6229" i="26"/>
  <c r="E6229" i="26"/>
  <c r="E3013" i="26"/>
  <c r="E5061" i="26"/>
  <c r="E4602" i="26"/>
  <c r="F5626" i="26"/>
  <c r="E5626" i="26"/>
  <c r="F6358" i="26"/>
  <c r="E6358" i="26"/>
  <c r="F7382" i="26"/>
  <c r="E7382" i="26"/>
  <c r="F6751" i="26"/>
  <c r="E6751" i="26"/>
  <c r="F6152" i="26"/>
  <c r="E6152" i="26"/>
  <c r="F7176" i="26"/>
  <c r="E7176" i="26"/>
  <c r="F5633" i="26"/>
  <c r="E5633" i="26"/>
  <c r="F6881" i="26"/>
  <c r="E6881" i="26"/>
  <c r="F6474" i="26"/>
  <c r="E6474" i="26"/>
  <c r="F5443" i="26"/>
  <c r="E5443" i="26"/>
  <c r="F6723" i="26"/>
  <c r="E6723" i="26"/>
  <c r="F6316" i="26"/>
  <c r="E6316" i="26"/>
  <c r="F2852" i="26"/>
  <c r="E2852" i="26"/>
  <c r="E3876" i="26"/>
  <c r="E4900" i="26"/>
  <c r="E2917" i="26"/>
  <c r="E4965" i="26"/>
  <c r="E4326" i="26"/>
  <c r="E3952" i="26"/>
  <c r="F5584" i="26"/>
  <c r="E5584" i="26"/>
  <c r="E4045" i="26"/>
  <c r="E4930" i="26"/>
  <c r="F5698" i="26"/>
  <c r="E5698" i="26"/>
  <c r="F6462" i="26"/>
  <c r="E6462" i="26"/>
  <c r="F5831" i="26"/>
  <c r="E5831" i="26"/>
  <c r="F6855" i="26"/>
  <c r="E6855" i="26"/>
  <c r="F7280" i="26"/>
  <c r="E7280" i="26"/>
  <c r="F5737" i="26"/>
  <c r="E5737" i="26"/>
  <c r="F7017" i="26"/>
  <c r="E7017" i="26"/>
  <c r="F6610" i="26"/>
  <c r="E6610" i="26"/>
  <c r="F5579" i="26"/>
  <c r="E5579" i="26"/>
  <c r="F6859" i="26"/>
  <c r="E6859" i="26"/>
  <c r="F6452" i="26"/>
  <c r="E6452" i="26"/>
  <c r="F6013" i="26"/>
  <c r="E6013" i="26"/>
  <c r="E4620" i="26"/>
  <c r="F4461" i="26"/>
  <c r="E4461" i="26"/>
  <c r="E4910" i="26"/>
  <c r="E4903" i="26"/>
  <c r="E4568" i="26"/>
  <c r="E4217" i="26"/>
  <c r="E3797" i="26"/>
  <c r="E4170" i="26"/>
  <c r="F5546" i="26"/>
  <c r="E5546" i="26"/>
  <c r="F5259" i="26"/>
  <c r="E5259" i="26"/>
  <c r="F7238" i="26"/>
  <c r="E7238" i="26"/>
  <c r="F6959" i="26"/>
  <c r="E6959" i="26"/>
  <c r="F6680" i="26"/>
  <c r="E6680" i="26"/>
  <c r="F5489" i="26"/>
  <c r="E5489" i="26"/>
  <c r="F7121" i="26"/>
  <c r="E7121" i="26"/>
  <c r="F7002" i="26"/>
  <c r="E7002" i="26"/>
  <c r="F6492" i="26"/>
  <c r="E6492" i="26"/>
  <c r="E6821" i="26"/>
  <c r="E4180" i="26"/>
  <c r="F5524" i="26"/>
  <c r="E5524" i="26"/>
  <c r="E5045" i="26"/>
  <c r="F5718" i="26"/>
  <c r="E5718" i="26"/>
  <c r="E4303" i="26"/>
  <c r="E4864" i="26"/>
  <c r="E4609" i="26"/>
  <c r="F4594" i="26"/>
  <c r="E4594" i="26"/>
  <c r="F6222" i="26"/>
  <c r="E6222" i="26"/>
  <c r="F5943" i="26"/>
  <c r="E5943" i="26"/>
  <c r="F7319" i="26"/>
  <c r="E7319" i="26"/>
  <c r="F6848" i="26"/>
  <c r="E6848" i="26"/>
  <c r="E5305" i="26"/>
  <c r="F6553" i="26"/>
  <c r="E6553" i="26"/>
  <c r="F6114" i="26"/>
  <c r="E6114" i="26"/>
  <c r="F7138" i="26"/>
  <c r="E7138" i="26"/>
  <c r="F7355" i="26"/>
  <c r="E7355" i="26"/>
  <c r="F6916" i="26"/>
  <c r="E6916" i="26"/>
  <c r="F7021" i="26"/>
  <c r="E7021" i="26"/>
  <c r="E3548" i="26"/>
  <c r="E4572" i="26"/>
  <c r="F5596" i="26"/>
  <c r="E5596" i="26"/>
  <c r="E3677" i="26"/>
  <c r="E4701" i="26"/>
  <c r="F5725" i="26"/>
  <c r="E5725" i="26"/>
  <c r="E4510" i="26"/>
  <c r="F5662" i="26"/>
  <c r="E5662" i="26"/>
  <c r="E4759" i="26"/>
  <c r="F5783" i="26"/>
  <c r="E5783" i="26"/>
  <c r="E4840" i="26"/>
  <c r="E6293" i="26"/>
  <c r="F3077" i="26"/>
  <c r="E3077" i="26"/>
  <c r="E5125" i="26"/>
  <c r="E4378" i="26"/>
  <c r="F5402" i="26"/>
  <c r="E5402" i="26"/>
  <c r="E4507" i="26"/>
  <c r="F6134" i="26"/>
  <c r="E6134" i="26"/>
  <c r="F7158" i="26"/>
  <c r="E7158" i="26"/>
  <c r="F6527" i="26"/>
  <c r="E6527" i="26"/>
  <c r="F5928" i="26"/>
  <c r="E5928" i="26"/>
  <c r="F6952" i="26"/>
  <c r="E6952" i="26"/>
  <c r="F5409" i="26"/>
  <c r="E5409" i="26"/>
  <c r="F6657" i="26"/>
  <c r="E6657" i="26"/>
  <c r="E6250" i="26"/>
  <c r="F7274" i="26"/>
  <c r="E7274" i="26"/>
  <c r="F6092" i="26"/>
  <c r="E6092" i="26"/>
  <c r="F7116" i="26"/>
  <c r="E7116" i="26"/>
  <c r="F7349" i="26"/>
  <c r="E7349" i="26"/>
  <c r="F3652" i="26"/>
  <c r="E3652" i="26"/>
  <c r="E4676" i="26"/>
  <c r="F5700" i="26"/>
  <c r="E5700" i="26"/>
  <c r="E4517" i="26"/>
  <c r="E4838" i="26"/>
  <c r="E5183" i="26"/>
  <c r="E4240" i="26"/>
  <c r="E3085" i="26"/>
  <c r="E5133" i="26"/>
  <c r="E4450" i="26"/>
  <c r="F5474" i="26"/>
  <c r="E5474" i="26"/>
  <c r="E4611" i="26"/>
  <c r="F6238" i="26"/>
  <c r="E6238" i="26"/>
  <c r="F7262" i="26"/>
  <c r="E7262" i="26"/>
  <c r="F6631" i="26"/>
  <c r="E6631" i="26"/>
  <c r="F6032" i="26"/>
  <c r="E6032" i="26"/>
  <c r="F7056" i="26"/>
  <c r="E7056" i="26"/>
  <c r="F5513" i="26"/>
  <c r="E5513" i="26"/>
  <c r="F6793" i="26"/>
  <c r="E6793" i="26"/>
  <c r="F6386" i="26"/>
  <c r="E6386" i="26"/>
  <c r="F7410" i="26"/>
  <c r="E7410" i="26"/>
  <c r="F6228" i="26"/>
  <c r="E6228" i="26"/>
  <c r="F6781" i="26"/>
  <c r="E6781" i="26"/>
  <c r="C6" i="26"/>
  <c r="Q14" i="10"/>
  <c r="D6" i="26" s="1"/>
  <c r="T4180" i="10"/>
  <c r="T3156" i="10"/>
  <c r="S5853" i="10"/>
  <c r="T4798" i="10"/>
  <c r="T5736" i="10"/>
  <c r="T5924" i="10"/>
  <c r="T5909" i="10"/>
  <c r="T5204" i="10"/>
  <c r="S4341" i="10"/>
  <c r="S3668" i="10"/>
  <c r="S4692" i="10"/>
  <c r="S5794" i="10"/>
  <c r="S5182" i="10"/>
  <c r="S3022" i="10"/>
  <c r="T3022" i="10"/>
  <c r="S5398" i="10"/>
  <c r="T5398" i="10"/>
  <c r="T5954" i="10"/>
  <c r="S5954" i="10"/>
  <c r="S5086" i="10"/>
  <c r="T5086" i="10"/>
  <c r="S5930" i="10"/>
  <c r="T5930" i="10"/>
  <c r="T5950" i="10"/>
  <c r="S5950" i="10"/>
  <c r="S5972" i="10"/>
  <c r="T5972" i="10"/>
  <c r="S2894" i="10"/>
  <c r="T2894" i="10"/>
  <c r="S3918" i="10"/>
  <c r="T3918" i="10"/>
  <c r="S4984" i="10"/>
  <c r="T4984" i="10"/>
  <c r="S5850" i="10"/>
  <c r="T5850" i="10"/>
  <c r="T5858" i="10"/>
  <c r="S5858" i="10"/>
  <c r="T4862" i="10"/>
  <c r="S4862" i="10"/>
  <c r="S5942" i="10"/>
  <c r="T5942" i="10"/>
  <c r="S5964" i="10"/>
  <c r="T5964" i="10"/>
  <c r="S3782" i="10"/>
  <c r="T3782" i="10"/>
  <c r="S5917" i="10"/>
  <c r="T5917" i="10"/>
  <c r="S5995" i="10"/>
  <c r="T5995" i="10"/>
  <c r="S5742" i="10"/>
  <c r="T5742" i="10"/>
  <c r="S5905" i="10"/>
  <c r="T5905" i="10"/>
  <c r="S5965" i="10"/>
  <c r="T5965" i="10"/>
  <c r="S5892" i="10"/>
  <c r="T5892" i="10"/>
  <c r="S5974" i="10"/>
  <c r="T5974" i="10"/>
  <c r="S6005" i="10"/>
  <c r="T6005" i="10"/>
  <c r="S5906" i="10"/>
  <c r="T5906" i="10"/>
  <c r="S3470" i="10"/>
  <c r="T3470" i="10"/>
  <c r="S4494" i="10"/>
  <c r="T4494" i="10"/>
  <c r="S5304" i="10"/>
  <c r="T5304" i="10"/>
  <c r="S5907" i="10"/>
  <c r="T5907" i="10"/>
  <c r="S3334" i="10"/>
  <c r="T3334" i="10"/>
  <c r="S4358" i="10"/>
  <c r="T4358" i="10"/>
  <c r="T5938" i="10"/>
  <c r="S5938" i="10"/>
  <c r="S5678" i="10"/>
  <c r="T5678" i="10"/>
  <c r="S5770" i="10"/>
  <c r="T5770" i="10"/>
  <c r="S5820" i="10"/>
  <c r="T5820" i="10"/>
  <c r="S3700" i="10"/>
  <c r="T3700" i="10"/>
  <c r="S4724" i="10"/>
  <c r="T4724" i="10"/>
  <c r="S5748" i="10"/>
  <c r="T5748" i="10"/>
  <c r="S4021" i="10"/>
  <c r="T4021" i="10"/>
  <c r="S3318" i="10"/>
  <c r="T3318" i="10"/>
  <c r="S4342" i="10"/>
  <c r="T4342" i="10"/>
  <c r="S5366" i="10"/>
  <c r="T5366" i="10"/>
  <c r="S3663" i="10"/>
  <c r="T3663" i="10"/>
  <c r="S4687" i="10"/>
  <c r="T4687" i="10"/>
  <c r="S5711" i="10"/>
  <c r="T5711" i="10"/>
  <c r="S2976" i="10"/>
  <c r="T2976" i="10"/>
  <c r="S4000" i="10"/>
  <c r="T4000" i="10"/>
  <c r="S5024" i="10"/>
  <c r="T5024" i="10"/>
  <c r="T3297" i="10"/>
  <c r="S3297" i="10"/>
  <c r="S4321" i="10"/>
  <c r="T4321" i="10"/>
  <c r="S6541" i="10"/>
  <c r="T6541" i="10"/>
  <c r="S3442" i="10"/>
  <c r="T3442" i="10"/>
  <c r="S4466" i="10"/>
  <c r="T4466" i="10"/>
  <c r="T5490" i="10"/>
  <c r="S5490" i="10"/>
  <c r="S3827" i="10"/>
  <c r="T3827" i="10"/>
  <c r="S4851" i="10"/>
  <c r="T4851" i="10"/>
  <c r="S6414" i="10"/>
  <c r="T6414" i="10"/>
  <c r="S7438" i="10"/>
  <c r="T7438" i="10"/>
  <c r="S6807" i="10"/>
  <c r="T6807" i="10"/>
  <c r="S6208" i="10"/>
  <c r="T6208" i="10"/>
  <c r="S7232" i="10"/>
  <c r="T7232" i="10"/>
  <c r="S5689" i="10"/>
  <c r="T5689" i="10"/>
  <c r="S6969" i="10"/>
  <c r="T6969" i="10"/>
  <c r="T6562" i="10"/>
  <c r="S6562" i="10"/>
  <c r="S5531" i="10"/>
  <c r="T5531" i="10"/>
  <c r="S6811" i="10"/>
  <c r="T6811" i="10"/>
  <c r="S6308" i="10"/>
  <c r="T6308" i="10"/>
  <c r="S7332" i="10"/>
  <c r="T7332" i="10"/>
  <c r="S3101" i="10"/>
  <c r="T3101" i="10"/>
  <c r="S2876" i="10"/>
  <c r="T2876" i="10"/>
  <c r="S3900" i="10"/>
  <c r="T3900" i="10"/>
  <c r="S4924" i="10"/>
  <c r="T4924" i="10"/>
  <c r="S4413" i="10"/>
  <c r="T4413" i="10"/>
  <c r="S3390" i="10"/>
  <c r="T3390" i="10"/>
  <c r="T4414" i="10"/>
  <c r="S4414" i="10"/>
  <c r="S3351" i="10"/>
  <c r="T3351" i="10"/>
  <c r="S4375" i="10"/>
  <c r="T4375" i="10"/>
  <c r="S5399" i="10"/>
  <c r="T5399" i="10"/>
  <c r="S3688" i="10"/>
  <c r="T3688" i="10"/>
  <c r="S4712" i="10"/>
  <c r="T4712" i="10"/>
  <c r="S3369" i="10"/>
  <c r="T3369" i="10"/>
  <c r="S4393" i="10"/>
  <c r="T4393" i="10"/>
  <c r="T6933" i="10"/>
  <c r="S6933" i="10"/>
  <c r="S3418" i="10"/>
  <c r="T3418" i="10"/>
  <c r="S4442" i="10"/>
  <c r="T4442" i="10"/>
  <c r="S5466" i="10"/>
  <c r="T5466" i="10"/>
  <c r="S3803" i="10"/>
  <c r="T3803" i="10"/>
  <c r="S4827" i="10"/>
  <c r="T4827" i="10"/>
  <c r="S6518" i="10"/>
  <c r="T6518" i="10"/>
  <c r="S5887" i="10"/>
  <c r="T5887" i="10"/>
  <c r="S6911" i="10"/>
  <c r="T6911" i="10"/>
  <c r="S5865" i="10"/>
  <c r="T5865" i="10"/>
  <c r="T5986" i="10"/>
  <c r="S5986" i="10"/>
  <c r="T4990" i="10"/>
  <c r="S4990" i="10"/>
  <c r="S5857" i="10"/>
  <c r="T5857" i="10"/>
  <c r="S5941" i="10"/>
  <c r="T5941" i="10"/>
  <c r="S2886" i="10"/>
  <c r="T2886" i="10"/>
  <c r="S3910" i="10"/>
  <c r="T3910" i="10"/>
  <c r="S5773" i="10"/>
  <c r="T5773" i="10"/>
  <c r="S5876" i="10"/>
  <c r="T5876" i="10"/>
  <c r="S4888" i="10"/>
  <c r="T4888" i="10"/>
  <c r="S5882" i="10"/>
  <c r="T5882" i="10"/>
  <c r="S5870" i="10"/>
  <c r="T5870" i="10"/>
  <c r="S5788" i="10"/>
  <c r="T5788" i="10"/>
  <c r="S5889" i="10"/>
  <c r="T5889" i="10"/>
  <c r="S5829" i="10"/>
  <c r="T5829" i="10"/>
  <c r="S5771" i="10"/>
  <c r="T5771" i="10"/>
  <c r="S3598" i="10"/>
  <c r="T3598" i="10"/>
  <c r="S4622" i="10"/>
  <c r="T4622" i="10"/>
  <c r="S5781" i="10"/>
  <c r="T5781" i="10"/>
  <c r="S5916" i="10"/>
  <c r="T5916" i="10"/>
  <c r="S5793" i="10"/>
  <c r="T5793" i="10"/>
  <c r="S3462" i="10"/>
  <c r="T3462" i="10"/>
  <c r="S4486" i="10"/>
  <c r="T4486" i="10"/>
  <c r="S5803" i="10"/>
  <c r="T5803" i="10"/>
  <c r="S5806" i="10"/>
  <c r="T5806" i="10"/>
  <c r="S5926" i="10"/>
  <c r="T5926" i="10"/>
  <c r="S5948" i="10"/>
  <c r="T5948" i="10"/>
  <c r="S3828" i="10"/>
  <c r="T3828" i="10"/>
  <c r="S4852" i="10"/>
  <c r="T4852" i="10"/>
  <c r="S4277" i="10"/>
  <c r="T4277" i="10"/>
  <c r="S3446" i="10"/>
  <c r="T3446" i="10"/>
  <c r="S4470" i="10"/>
  <c r="T4470" i="10"/>
  <c r="S5494" i="10"/>
  <c r="T5494" i="10"/>
  <c r="S3791" i="10"/>
  <c r="T3791" i="10"/>
  <c r="S4815" i="10"/>
  <c r="T4815" i="10"/>
  <c r="S3104" i="10"/>
  <c r="T3104" i="10"/>
  <c r="S4128" i="10"/>
  <c r="T4128" i="10"/>
  <c r="S5152" i="10"/>
  <c r="T5152" i="10"/>
  <c r="S3425" i="10"/>
  <c r="T3425" i="10"/>
  <c r="S4449" i="10"/>
  <c r="T4449" i="10"/>
  <c r="S6797" i="10"/>
  <c r="T6797" i="10"/>
  <c r="T3570" i="10"/>
  <c r="S3570" i="10"/>
  <c r="S4594" i="10"/>
  <c r="T4594" i="10"/>
  <c r="T5618" i="10"/>
  <c r="S5618" i="10"/>
  <c r="S2931" i="10"/>
  <c r="T2931" i="10"/>
  <c r="S3955" i="10"/>
  <c r="T3955" i="10"/>
  <c r="S4979" i="10"/>
  <c r="T4979" i="10"/>
  <c r="S6542" i="10"/>
  <c r="T6542" i="10"/>
  <c r="S5911" i="10"/>
  <c r="T5911" i="10"/>
  <c r="S6935" i="10"/>
  <c r="T6935" i="10"/>
  <c r="S6336" i="10"/>
  <c r="T6336" i="10"/>
  <c r="S7360" i="10"/>
  <c r="T7360" i="10"/>
  <c r="S6073" i="10"/>
  <c r="T6073" i="10"/>
  <c r="S7097" i="10"/>
  <c r="T7097" i="10"/>
  <c r="T6690" i="10"/>
  <c r="S6690" i="10"/>
  <c r="S5659" i="10"/>
  <c r="T5659" i="10"/>
  <c r="S6939" i="10"/>
  <c r="T6939" i="10"/>
  <c r="S6436" i="10"/>
  <c r="T6436" i="10"/>
  <c r="S7460" i="10"/>
  <c r="T7460" i="10"/>
  <c r="S5021" i="10"/>
  <c r="T5021" i="10"/>
  <c r="S3004" i="10"/>
  <c r="T3004" i="10"/>
  <c r="T4028" i="10"/>
  <c r="S4028" i="10"/>
  <c r="S5052" i="10"/>
  <c r="T5052" i="10"/>
  <c r="S4669" i="10"/>
  <c r="T4669" i="10"/>
  <c r="S3518" i="10"/>
  <c r="T3518" i="10"/>
  <c r="T4542" i="10"/>
  <c r="S4542" i="10"/>
  <c r="S3479" i="10"/>
  <c r="T3479" i="10"/>
  <c r="S4503" i="10"/>
  <c r="T4503" i="10"/>
  <c r="S5527" i="10"/>
  <c r="T5527" i="10"/>
  <c r="S3816" i="10"/>
  <c r="T3816" i="10"/>
  <c r="S4840" i="10"/>
  <c r="T4840" i="10"/>
  <c r="S3497" i="10"/>
  <c r="T3497" i="10"/>
  <c r="S4521" i="10"/>
  <c r="T4521" i="10"/>
  <c r="S7189" i="10"/>
  <c r="T7189" i="10"/>
  <c r="S3546" i="10"/>
  <c r="T3546" i="10"/>
  <c r="S4570" i="10"/>
  <c r="T4570" i="10"/>
  <c r="S5594" i="10"/>
  <c r="T5594" i="10"/>
  <c r="S2907" i="10"/>
  <c r="T2907" i="10"/>
  <c r="S3931" i="10"/>
  <c r="T3931" i="10"/>
  <c r="S4955" i="10"/>
  <c r="T4955" i="10"/>
  <c r="S6646" i="10"/>
  <c r="T6646" i="10"/>
  <c r="S6015" i="10"/>
  <c r="T6015" i="10"/>
  <c r="S7039" i="10"/>
  <c r="T7039" i="10"/>
  <c r="S5819" i="10"/>
  <c r="T5819" i="10"/>
  <c r="S5112" i="10"/>
  <c r="T5112" i="10"/>
  <c r="S5654" i="10"/>
  <c r="T5654" i="10"/>
  <c r="S5947" i="10"/>
  <c r="T5947" i="10"/>
  <c r="S5342" i="10"/>
  <c r="T5342" i="10"/>
  <c r="S5923" i="10"/>
  <c r="T5923" i="10"/>
  <c r="S5993" i="10"/>
  <c r="T5993" i="10"/>
  <c r="S3150" i="10"/>
  <c r="T3150" i="10"/>
  <c r="S4174" i="10"/>
  <c r="T4174" i="10"/>
  <c r="S5240" i="10"/>
  <c r="T5240" i="10"/>
  <c r="S5843" i="10"/>
  <c r="T5843" i="10"/>
  <c r="S5814" i="10"/>
  <c r="T5814" i="10"/>
  <c r="S5851" i="10"/>
  <c r="T5851" i="10"/>
  <c r="T5118" i="10"/>
  <c r="S5118" i="10"/>
  <c r="S5985" i="10"/>
  <c r="T5985" i="10"/>
  <c r="S5797" i="10"/>
  <c r="T5797" i="10"/>
  <c r="S3014" i="10"/>
  <c r="T3014" i="10"/>
  <c r="S4038" i="10"/>
  <c r="T4038" i="10"/>
  <c r="S5854" i="10"/>
  <c r="T5854" i="10"/>
  <c r="S6004" i="10"/>
  <c r="T6004" i="10"/>
  <c r="S5016" i="10"/>
  <c r="T5016" i="10"/>
  <c r="S6010" i="10"/>
  <c r="T6010" i="10"/>
  <c r="S5998" i="10"/>
  <c r="T5998" i="10"/>
  <c r="S4894" i="10"/>
  <c r="T4894" i="10"/>
  <c r="S5866" i="10"/>
  <c r="T5866" i="10"/>
  <c r="S5981" i="10"/>
  <c r="T5981" i="10"/>
  <c r="S5899" i="10"/>
  <c r="T5899" i="10"/>
  <c r="S3726" i="10"/>
  <c r="T3726" i="10"/>
  <c r="S4750" i="10"/>
  <c r="T4750" i="10"/>
  <c r="S5894" i="10"/>
  <c r="T5894" i="10"/>
  <c r="S5989" i="10"/>
  <c r="T5989" i="10"/>
  <c r="S5921" i="10"/>
  <c r="T5921" i="10"/>
  <c r="S3590" i="10"/>
  <c r="T3590" i="10"/>
  <c r="S4614" i="10"/>
  <c r="T4614" i="10"/>
  <c r="S5931" i="10"/>
  <c r="T5931" i="10"/>
  <c r="S4824" i="10"/>
  <c r="T4824" i="10"/>
  <c r="S5841" i="10"/>
  <c r="T5841" i="10"/>
  <c r="S5893" i="10"/>
  <c r="T5893" i="10"/>
  <c r="S2932" i="10"/>
  <c r="T2932" i="10"/>
  <c r="S3956" i="10"/>
  <c r="T3956" i="10"/>
  <c r="S4980" i="10"/>
  <c r="T4980" i="10"/>
  <c r="S4533" i="10"/>
  <c r="T4533" i="10"/>
  <c r="S3574" i="10"/>
  <c r="T3574" i="10"/>
  <c r="S4598" i="10"/>
  <c r="T4598" i="10"/>
  <c r="S5622" i="10"/>
  <c r="T5622" i="10"/>
  <c r="S2895" i="10"/>
  <c r="T2895" i="10"/>
  <c r="S3919" i="10"/>
  <c r="T3919" i="10"/>
  <c r="S4943" i="10"/>
  <c r="T4943" i="10"/>
  <c r="S3232" i="10"/>
  <c r="T3232" i="10"/>
  <c r="S4256" i="10"/>
  <c r="T4256" i="10"/>
  <c r="S5280" i="10"/>
  <c r="T5280" i="10"/>
  <c r="S3553" i="10"/>
  <c r="T3553" i="10"/>
  <c r="S4577" i="10"/>
  <c r="T4577" i="10"/>
  <c r="S7053" i="10"/>
  <c r="T7053" i="10"/>
  <c r="T3698" i="10"/>
  <c r="S3698" i="10"/>
  <c r="S4722" i="10"/>
  <c r="T4722" i="10"/>
  <c r="T5746" i="10"/>
  <c r="S5746" i="10"/>
  <c r="S3059" i="10"/>
  <c r="T3059" i="10"/>
  <c r="S4083" i="10"/>
  <c r="T4083" i="10"/>
  <c r="S5107" i="10"/>
  <c r="T5107" i="10"/>
  <c r="S6670" i="10"/>
  <c r="T6670" i="10"/>
  <c r="S6039" i="10"/>
  <c r="T6039" i="10"/>
  <c r="S7063" i="10"/>
  <c r="T7063" i="10"/>
  <c r="S6464" i="10"/>
  <c r="T6464" i="10"/>
  <c r="S4921" i="10"/>
  <c r="T4921" i="10"/>
  <c r="S6201" i="10"/>
  <c r="T6201" i="10"/>
  <c r="S7225" i="10"/>
  <c r="T7225" i="10"/>
  <c r="S6818" i="10"/>
  <c r="T6818" i="10"/>
  <c r="S6043" i="10"/>
  <c r="T6043" i="10"/>
  <c r="S7067" i="10"/>
  <c r="T7067" i="10"/>
  <c r="S6564" i="10"/>
  <c r="T6564" i="10"/>
  <c r="T6125" i="10"/>
  <c r="S6125" i="10"/>
  <c r="S3132" i="10"/>
  <c r="T3132" i="10"/>
  <c r="T4156" i="10"/>
  <c r="S4156" i="10"/>
  <c r="S5180" i="10"/>
  <c r="T5180" i="10"/>
  <c r="T2877" i="10"/>
  <c r="S2877" i="10"/>
  <c r="S4925" i="10"/>
  <c r="T4925" i="10"/>
  <c r="S3646" i="10"/>
  <c r="T3646" i="10"/>
  <c r="S4670" i="10"/>
  <c r="T4670" i="10"/>
  <c r="S3607" i="10"/>
  <c r="T3607" i="10"/>
  <c r="S4631" i="10"/>
  <c r="T4631" i="10"/>
  <c r="S5655" i="10"/>
  <c r="T5655" i="10"/>
  <c r="S2920" i="10"/>
  <c r="T2920" i="10"/>
  <c r="S3944" i="10"/>
  <c r="T3944" i="10"/>
  <c r="S4968" i="10"/>
  <c r="T4968" i="10"/>
  <c r="S3625" i="10"/>
  <c r="T3625" i="10"/>
  <c r="S4649" i="10"/>
  <c r="T4649" i="10"/>
  <c r="S7445" i="10"/>
  <c r="T7445" i="10"/>
  <c r="S3674" i="10"/>
  <c r="T3674" i="10"/>
  <c r="S4698" i="10"/>
  <c r="T4698" i="10"/>
  <c r="S5722" i="10"/>
  <c r="T5722" i="10"/>
  <c r="S3035" i="10"/>
  <c r="T3035" i="10"/>
  <c r="S4059" i="10"/>
  <c r="T4059" i="10"/>
  <c r="S5083" i="10"/>
  <c r="T5083" i="10"/>
  <c r="S6774" i="10"/>
  <c r="T6774" i="10"/>
  <c r="S6143" i="10"/>
  <c r="T6143" i="10"/>
  <c r="S7167" i="10"/>
  <c r="T7167" i="10"/>
  <c r="S4046" i="10"/>
  <c r="T4046" i="10"/>
  <c r="S5782" i="10"/>
  <c r="T5782" i="10"/>
  <c r="S5828" i="10"/>
  <c r="T5828" i="10"/>
  <c r="S5973" i="10"/>
  <c r="T5973" i="10"/>
  <c r="S5932" i="10"/>
  <c r="T5932" i="10"/>
  <c r="S5842" i="10"/>
  <c r="T5842" i="10"/>
  <c r="S3278" i="10"/>
  <c r="T3278" i="10"/>
  <c r="S4302" i="10"/>
  <c r="T4302" i="10"/>
  <c r="S5368" i="10"/>
  <c r="T5368" i="10"/>
  <c r="S5971" i="10"/>
  <c r="T5971" i="10"/>
  <c r="S5901" i="10"/>
  <c r="T5901" i="10"/>
  <c r="S5979" i="10"/>
  <c r="T5979" i="10"/>
  <c r="T5246" i="10"/>
  <c r="S5246" i="10"/>
  <c r="S5834" i="10"/>
  <c r="T5834" i="10"/>
  <c r="S3142" i="10"/>
  <c r="T3142" i="10"/>
  <c r="S4166" i="10"/>
  <c r="T4166" i="10"/>
  <c r="S5982" i="10"/>
  <c r="T5982" i="10"/>
  <c r="S5789" i="10"/>
  <c r="T5789" i="10"/>
  <c r="S5144" i="10"/>
  <c r="T5144" i="10"/>
  <c r="S5875" i="10"/>
  <c r="T5875" i="10"/>
  <c r="S5785" i="10"/>
  <c r="T5785" i="10"/>
  <c r="S5022" i="10"/>
  <c r="T5022" i="10"/>
  <c r="S5994" i="10"/>
  <c r="T5994" i="10"/>
  <c r="S5837" i="10"/>
  <c r="T5837" i="10"/>
  <c r="S5908" i="10"/>
  <c r="T5908" i="10"/>
  <c r="S3854" i="10"/>
  <c r="T3854" i="10"/>
  <c r="S5774" i="10"/>
  <c r="T5774" i="10"/>
  <c r="S5809" i="10"/>
  <c r="T5809" i="10"/>
  <c r="S5898" i="10"/>
  <c r="T5898" i="10"/>
  <c r="S3718" i="10"/>
  <c r="T3718" i="10"/>
  <c r="S4742" i="10"/>
  <c r="T4742" i="10"/>
  <c r="S5812" i="10"/>
  <c r="T5812" i="10"/>
  <c r="S4952" i="10"/>
  <c r="T4952" i="10"/>
  <c r="S5969" i="10"/>
  <c r="T5969" i="10"/>
  <c r="S3060" i="10"/>
  <c r="T3060" i="10"/>
  <c r="S4084" i="10"/>
  <c r="T4084" i="10"/>
  <c r="S5108" i="10"/>
  <c r="T5108" i="10"/>
  <c r="S4789" i="10"/>
  <c r="T4789" i="10"/>
  <c r="S3702" i="10"/>
  <c r="T3702" i="10"/>
  <c r="S4726" i="10"/>
  <c r="T4726" i="10"/>
  <c r="S5750" i="10"/>
  <c r="T5750" i="10"/>
  <c r="S3023" i="10"/>
  <c r="T3023" i="10"/>
  <c r="S4047" i="10"/>
  <c r="T4047" i="10"/>
  <c r="S5071" i="10"/>
  <c r="T5071" i="10"/>
  <c r="S3360" i="10"/>
  <c r="T3360" i="10"/>
  <c r="S4384" i="10"/>
  <c r="T4384" i="10"/>
  <c r="S5408" i="10"/>
  <c r="T5408" i="10"/>
  <c r="S3681" i="10"/>
  <c r="T3681" i="10"/>
  <c r="S4705" i="10"/>
  <c r="T4705" i="10"/>
  <c r="S7309" i="10"/>
  <c r="T7309" i="10"/>
  <c r="S3826" i="10"/>
  <c r="T3826" i="10"/>
  <c r="T4850" i="10"/>
  <c r="S4850" i="10"/>
  <c r="S3187" i="10"/>
  <c r="T3187" i="10"/>
  <c r="S4211" i="10"/>
  <c r="T4211" i="10"/>
  <c r="S5235" i="10"/>
  <c r="T5235" i="10"/>
  <c r="S6798" i="10"/>
  <c r="T6798" i="10"/>
  <c r="S6167" i="10"/>
  <c r="T6167" i="10"/>
  <c r="S7191" i="10"/>
  <c r="T7191" i="10"/>
  <c r="S6592" i="10"/>
  <c r="T6592" i="10"/>
  <c r="S5049" i="10"/>
  <c r="T5049" i="10"/>
  <c r="T6329" i="10"/>
  <c r="S6329" i="10"/>
  <c r="S7353" i="10"/>
  <c r="T7353" i="10"/>
  <c r="T6946" i="10"/>
  <c r="S6946" i="10"/>
  <c r="S6171" i="10"/>
  <c r="T6171" i="10"/>
  <c r="S7195" i="10"/>
  <c r="T7195" i="10"/>
  <c r="S6692" i="10"/>
  <c r="T6692" i="10"/>
  <c r="S6381" i="10"/>
  <c r="T6381" i="10"/>
  <c r="S3260" i="10"/>
  <c r="T3260" i="10"/>
  <c r="T4284" i="10"/>
  <c r="S4284" i="10"/>
  <c r="S5308" i="10"/>
  <c r="T5308" i="10"/>
  <c r="S3133" i="10"/>
  <c r="T3133" i="10"/>
  <c r="S5181" i="10"/>
  <c r="T5181" i="10"/>
  <c r="S3774" i="10"/>
  <c r="T3774" i="10"/>
  <c r="T5438" i="10"/>
  <c r="S5438" i="10"/>
  <c r="S3735" i="10"/>
  <c r="T3735" i="10"/>
  <c r="S4759" i="10"/>
  <c r="T4759" i="10"/>
  <c r="S5783" i="10"/>
  <c r="T5783" i="10"/>
  <c r="S3048" i="10"/>
  <c r="T3048" i="10"/>
  <c r="S4072" i="10"/>
  <c r="T4072" i="10"/>
  <c r="S5096" i="10"/>
  <c r="T5096" i="10"/>
  <c r="S3753" i="10"/>
  <c r="T3753" i="10"/>
  <c r="S4777" i="10"/>
  <c r="T4777" i="10"/>
  <c r="S3802" i="10"/>
  <c r="T3802" i="10"/>
  <c r="T4826" i="10"/>
  <c r="S4826" i="10"/>
  <c r="S3163" i="10"/>
  <c r="T3163" i="10"/>
  <c r="S4187" i="10"/>
  <c r="T4187" i="10"/>
  <c r="S5211" i="10"/>
  <c r="T5211" i="10"/>
  <c r="S6902" i="10"/>
  <c r="T6902" i="10"/>
  <c r="S6271" i="10"/>
  <c r="T6271" i="10"/>
  <c r="S7295" i="10"/>
  <c r="T7295" i="10"/>
  <c r="S5214" i="10"/>
  <c r="T5214" i="10"/>
  <c r="S5978" i="10"/>
  <c r="T5978" i="10"/>
  <c r="S5934" i="10"/>
  <c r="T5934" i="10"/>
  <c r="S5956" i="10"/>
  <c r="T5956" i="10"/>
  <c r="S5910" i="10"/>
  <c r="T5910" i="10"/>
  <c r="S5877" i="10"/>
  <c r="T5877" i="10"/>
  <c r="S5970" i="10"/>
  <c r="T5970" i="10"/>
  <c r="S3406" i="10"/>
  <c r="T3406" i="10"/>
  <c r="S4430" i="10"/>
  <c r="T4430" i="10"/>
  <c r="S5830" i="10"/>
  <c r="T5830" i="10"/>
  <c r="S5852" i="10"/>
  <c r="T5852" i="10"/>
  <c r="S5838" i="10"/>
  <c r="T5838" i="10"/>
  <c r="S5860" i="10"/>
  <c r="T5860" i="10"/>
  <c r="T5374" i="10"/>
  <c r="S5374" i="10"/>
  <c r="S5962" i="10"/>
  <c r="T5962" i="10"/>
  <c r="S3270" i="10"/>
  <c r="T3270" i="10"/>
  <c r="S4294" i="10"/>
  <c r="T4294" i="10"/>
  <c r="S5897" i="10"/>
  <c r="T5897" i="10"/>
  <c r="S5772" i="10"/>
  <c r="T5772" i="10"/>
  <c r="S5272" i="10"/>
  <c r="T5272" i="10"/>
  <c r="S6003" i="10"/>
  <c r="T6003" i="10"/>
  <c r="S5913" i="10"/>
  <c r="T5913" i="10"/>
  <c r="S5150" i="10"/>
  <c r="T5150" i="10"/>
  <c r="S5859" i="10"/>
  <c r="T5859" i="10"/>
  <c r="T5886" i="10"/>
  <c r="S5886" i="10"/>
  <c r="S5804" i="10"/>
  <c r="T5804" i="10"/>
  <c r="S2958" i="10"/>
  <c r="T2958" i="10"/>
  <c r="S3982" i="10"/>
  <c r="T3982" i="10"/>
  <c r="S4792" i="10"/>
  <c r="T4792" i="10"/>
  <c r="S5937" i="10"/>
  <c r="T5937" i="10"/>
  <c r="S5891" i="10"/>
  <c r="T5891" i="10"/>
  <c r="S3846" i="10"/>
  <c r="T3846" i="10"/>
  <c r="S5918" i="10"/>
  <c r="T5918" i="10"/>
  <c r="S5940" i="10"/>
  <c r="T5940" i="10"/>
  <c r="S5080" i="10"/>
  <c r="T5080" i="10"/>
  <c r="S5818" i="10"/>
  <c r="T5818" i="10"/>
  <c r="S3188" i="10"/>
  <c r="T3188" i="10"/>
  <c r="S4212" i="10"/>
  <c r="T4212" i="10"/>
  <c r="S5236" i="10"/>
  <c r="T5236" i="10"/>
  <c r="S2997" i="10"/>
  <c r="T2997" i="10"/>
  <c r="S5045" i="10"/>
  <c r="T5045" i="10"/>
  <c r="S3830" i="10"/>
  <c r="T3830" i="10"/>
  <c r="S4854" i="10"/>
  <c r="T4854" i="10"/>
  <c r="S3151" i="10"/>
  <c r="T3151" i="10"/>
  <c r="S4175" i="10"/>
  <c r="T4175" i="10"/>
  <c r="S5199" i="10"/>
  <c r="T5199" i="10"/>
  <c r="S3488" i="10"/>
  <c r="T3488" i="10"/>
  <c r="S4512" i="10"/>
  <c r="T4512" i="10"/>
  <c r="S5536" i="10"/>
  <c r="T5536" i="10"/>
  <c r="S3809" i="10"/>
  <c r="T3809" i="10"/>
  <c r="S4833" i="10"/>
  <c r="T4833" i="10"/>
  <c r="S2930" i="10"/>
  <c r="T2930" i="10"/>
  <c r="S3954" i="10"/>
  <c r="T3954" i="10"/>
  <c r="T4978" i="10"/>
  <c r="S4978" i="10"/>
  <c r="S3315" i="10"/>
  <c r="T3315" i="10"/>
  <c r="S4339" i="10"/>
  <c r="T4339" i="10"/>
  <c r="S5363" i="10"/>
  <c r="T5363" i="10"/>
  <c r="S6926" i="10"/>
  <c r="T6926" i="10"/>
  <c r="S6295" i="10"/>
  <c r="T6295" i="10"/>
  <c r="S7319" i="10"/>
  <c r="T7319" i="10"/>
  <c r="S6720" i="10"/>
  <c r="T6720" i="10"/>
  <c r="S5177" i="10"/>
  <c r="T5177" i="10"/>
  <c r="T6457" i="10"/>
  <c r="S6457" i="10"/>
  <c r="T6050" i="10"/>
  <c r="S6050" i="10"/>
  <c r="T7074" i="10"/>
  <c r="S7074" i="10"/>
  <c r="S6299" i="10"/>
  <c r="T6299" i="10"/>
  <c r="S7323" i="10"/>
  <c r="T7323" i="10"/>
  <c r="S6820" i="10"/>
  <c r="T6820" i="10"/>
  <c r="S6637" i="10"/>
  <c r="T6637" i="10"/>
  <c r="S3388" i="10"/>
  <c r="T3388" i="10"/>
  <c r="T4412" i="10"/>
  <c r="S4412" i="10"/>
  <c r="S5436" i="10"/>
  <c r="T5436" i="10"/>
  <c r="S3389" i="10"/>
  <c r="T3389" i="10"/>
  <c r="S5437" i="10"/>
  <c r="T5437" i="10"/>
  <c r="S2878" i="10"/>
  <c r="T2878" i="10"/>
  <c r="S3902" i="10"/>
  <c r="T3902" i="10"/>
  <c r="T5566" i="10"/>
  <c r="S5566" i="10"/>
  <c r="S3863" i="10"/>
  <c r="T3863" i="10"/>
  <c r="S4887" i="10"/>
  <c r="T4887" i="10"/>
  <c r="S3176" i="10"/>
  <c r="T3176" i="10"/>
  <c r="S4200" i="10"/>
  <c r="T4200" i="10"/>
  <c r="S5224" i="10"/>
  <c r="T5224" i="10"/>
  <c r="S2857" i="10"/>
  <c r="T2857" i="10"/>
  <c r="S3881" i="10"/>
  <c r="T3881" i="10"/>
  <c r="S2906" i="10"/>
  <c r="T2906" i="10"/>
  <c r="S3930" i="10"/>
  <c r="T3930" i="10"/>
  <c r="T4954" i="10"/>
  <c r="S4954" i="10"/>
  <c r="S3291" i="10"/>
  <c r="T3291" i="10"/>
  <c r="S4315" i="10"/>
  <c r="T4315" i="10"/>
  <c r="S5339" i="10"/>
  <c r="T5339" i="10"/>
  <c r="S7030" i="10"/>
  <c r="T7030" i="10"/>
  <c r="S6399" i="10"/>
  <c r="T6399" i="10"/>
  <c r="S7423" i="10"/>
  <c r="T7423" i="10"/>
  <c r="S5949" i="10"/>
  <c r="T5949" i="10"/>
  <c r="S5849" i="10"/>
  <c r="T5849" i="10"/>
  <c r="S5933" i="10"/>
  <c r="T5933" i="10"/>
  <c r="S5825" i="10"/>
  <c r="T5825" i="10"/>
  <c r="S5796" i="10"/>
  <c r="T5796" i="10"/>
  <c r="S5835" i="10"/>
  <c r="T5835" i="10"/>
  <c r="S3534" i="10"/>
  <c r="T3534" i="10"/>
  <c r="S4558" i="10"/>
  <c r="T4558" i="10"/>
  <c r="S5958" i="10"/>
  <c r="T5958" i="10"/>
  <c r="S5980" i="10"/>
  <c r="T5980" i="10"/>
  <c r="S5966" i="10"/>
  <c r="T5966" i="10"/>
  <c r="S5988" i="10"/>
  <c r="T5988" i="10"/>
  <c r="S5416" i="10"/>
  <c r="T5416" i="10"/>
  <c r="S5827" i="10"/>
  <c r="T5827" i="10"/>
  <c r="S3398" i="10"/>
  <c r="T3398" i="10"/>
  <c r="S4422" i="10"/>
  <c r="T4422" i="10"/>
  <c r="T5874" i="10"/>
  <c r="S5874" i="10"/>
  <c r="S5805" i="10"/>
  <c r="T5805" i="10"/>
  <c r="S5862" i="10"/>
  <c r="T5862" i="10"/>
  <c r="S5884" i="10"/>
  <c r="T5884" i="10"/>
  <c r="S5462" i="10"/>
  <c r="T5462" i="10"/>
  <c r="T5890" i="10"/>
  <c r="S5890" i="10"/>
  <c r="S5278" i="10"/>
  <c r="T5278" i="10"/>
  <c r="S5987" i="10"/>
  <c r="T5987" i="10"/>
  <c r="S5801" i="10"/>
  <c r="T5801" i="10"/>
  <c r="S5869" i="10"/>
  <c r="T5869" i="10"/>
  <c r="S3086" i="10"/>
  <c r="T3086" i="10"/>
  <c r="S4110" i="10"/>
  <c r="T4110" i="10"/>
  <c r="S4920" i="10"/>
  <c r="T4920" i="10"/>
  <c r="S5786" i="10"/>
  <c r="T5786" i="10"/>
  <c r="S5900" i="10"/>
  <c r="T5900" i="10"/>
  <c r="S2950" i="10"/>
  <c r="T2950" i="10"/>
  <c r="S3974" i="10"/>
  <c r="T3974" i="10"/>
  <c r="S5833" i="10"/>
  <c r="T5833" i="10"/>
  <c r="S5885" i="10"/>
  <c r="T5885" i="10"/>
  <c r="S5208" i="10"/>
  <c r="T5208" i="10"/>
  <c r="S5946" i="10"/>
  <c r="T5946" i="10"/>
  <c r="S3316" i="10"/>
  <c r="T3316" i="10"/>
  <c r="S4340" i="10"/>
  <c r="T4340" i="10"/>
  <c r="S5364" i="10"/>
  <c r="T5364" i="10"/>
  <c r="S3253" i="10"/>
  <c r="T3253" i="10"/>
  <c r="S5301" i="10"/>
  <c r="T5301" i="10"/>
  <c r="S2934" i="10"/>
  <c r="T2934" i="10"/>
  <c r="S3958" i="10"/>
  <c r="T3958" i="10"/>
  <c r="S4982" i="10"/>
  <c r="T4982" i="10"/>
  <c r="S3279" i="10"/>
  <c r="T3279" i="10"/>
  <c r="S4303" i="10"/>
  <c r="T4303" i="10"/>
  <c r="S5327" i="10"/>
  <c r="T5327" i="10"/>
  <c r="S3616" i="10"/>
  <c r="T3616" i="10"/>
  <c r="S4640" i="10"/>
  <c r="T4640" i="10"/>
  <c r="S5664" i="10"/>
  <c r="T5664" i="10"/>
  <c r="S2913" i="10"/>
  <c r="T2913" i="10"/>
  <c r="S3937" i="10"/>
  <c r="T3937" i="10"/>
  <c r="S3058" i="10"/>
  <c r="T3058" i="10"/>
  <c r="S4082" i="10"/>
  <c r="T4082" i="10"/>
  <c r="T5106" i="10"/>
  <c r="S5106" i="10"/>
  <c r="S3443" i="10"/>
  <c r="T3443" i="10"/>
  <c r="S4467" i="10"/>
  <c r="T4467" i="10"/>
  <c r="S6030" i="10"/>
  <c r="T6030" i="10"/>
  <c r="S7054" i="10"/>
  <c r="T7054" i="10"/>
  <c r="S6423" i="10"/>
  <c r="T6423" i="10"/>
  <c r="S7447" i="10"/>
  <c r="T7447" i="10"/>
  <c r="S6848" i="10"/>
  <c r="T6848" i="10"/>
  <c r="S5305" i="10"/>
  <c r="T5305" i="10"/>
  <c r="S6585" i="10"/>
  <c r="T6585" i="10"/>
  <c r="S6178" i="10"/>
  <c r="T6178" i="10"/>
  <c r="T7202" i="10"/>
  <c r="S7202" i="10"/>
  <c r="S6427" i="10"/>
  <c r="T6427" i="10"/>
  <c r="S7451" i="10"/>
  <c r="T7451" i="10"/>
  <c r="S6948" i="10"/>
  <c r="T6948" i="10"/>
  <c r="S6893" i="10"/>
  <c r="T6893" i="10"/>
  <c r="S3516" i="10"/>
  <c r="T3516" i="10"/>
  <c r="S4540" i="10"/>
  <c r="T4540" i="10"/>
  <c r="S5564" i="10"/>
  <c r="T5564" i="10"/>
  <c r="S3645" i="10"/>
  <c r="T3645" i="10"/>
  <c r="S5693" i="10"/>
  <c r="T5693" i="10"/>
  <c r="S3006" i="10"/>
  <c r="T3006" i="10"/>
  <c r="T4030" i="10"/>
  <c r="S4030" i="10"/>
  <c r="T5694" i="10"/>
  <c r="S5694" i="10"/>
  <c r="S2967" i="10"/>
  <c r="T2967" i="10"/>
  <c r="S3991" i="10"/>
  <c r="T3991" i="10"/>
  <c r="S5015" i="10"/>
  <c r="T5015" i="10"/>
  <c r="S3304" i="10"/>
  <c r="T3304" i="10"/>
  <c r="S4328" i="10"/>
  <c r="T4328" i="10"/>
  <c r="S5352" i="10"/>
  <c r="T5352" i="10"/>
  <c r="S2985" i="10"/>
  <c r="T2985" i="10"/>
  <c r="S4009" i="10"/>
  <c r="T4009" i="10"/>
  <c r="S6165" i="10"/>
  <c r="T6165" i="10"/>
  <c r="S3933" i="10"/>
  <c r="T3933" i="10"/>
  <c r="S3034" i="10"/>
  <c r="T3034" i="10"/>
  <c r="S4058" i="10"/>
  <c r="T4058" i="10"/>
  <c r="S5082" i="10"/>
  <c r="T5082" i="10"/>
  <c r="S3419" i="10"/>
  <c r="T3419" i="10"/>
  <c r="S4443" i="10"/>
  <c r="T4443" i="10"/>
  <c r="S6134" i="10"/>
  <c r="T6134" i="10"/>
  <c r="S7158" i="10"/>
  <c r="T7158" i="10"/>
  <c r="S6527" i="10"/>
  <c r="T6527" i="10"/>
  <c r="S5928" i="10"/>
  <c r="T5928" i="10"/>
  <c r="S5795" i="10"/>
  <c r="T5795" i="10"/>
  <c r="S5977" i="10"/>
  <c r="T5977" i="10"/>
  <c r="S4830" i="10"/>
  <c r="T4830" i="10"/>
  <c r="S5953" i="10"/>
  <c r="T5953" i="10"/>
  <c r="S5798" i="10"/>
  <c r="T5798" i="10"/>
  <c r="S5963" i="10"/>
  <c r="T5963" i="10"/>
  <c r="S3662" i="10"/>
  <c r="T3662" i="10"/>
  <c r="S4686" i="10"/>
  <c r="T4686" i="10"/>
  <c r="S5873" i="10"/>
  <c r="T5873" i="10"/>
  <c r="S5925" i="10"/>
  <c r="T5925" i="10"/>
  <c r="S5881" i="10"/>
  <c r="T5881" i="10"/>
  <c r="S5997" i="10"/>
  <c r="T5997" i="10"/>
  <c r="S5544" i="10"/>
  <c r="T5544" i="10"/>
  <c r="S5955" i="10"/>
  <c r="T5955" i="10"/>
  <c r="S3526" i="10"/>
  <c r="T3526" i="10"/>
  <c r="S4550" i="10"/>
  <c r="T4550" i="10"/>
  <c r="T6002" i="10"/>
  <c r="S6002" i="10"/>
  <c r="S5486" i="10"/>
  <c r="T5486" i="10"/>
  <c r="S5990" i="10"/>
  <c r="T5990" i="10"/>
  <c r="S6012" i="10"/>
  <c r="T6012" i="10"/>
  <c r="S5590" i="10"/>
  <c r="T5590" i="10"/>
  <c r="S5883" i="10"/>
  <c r="T5883" i="10"/>
  <c r="S5790" i="10"/>
  <c r="T5790" i="10"/>
  <c r="S5868" i="10"/>
  <c r="T5868" i="10"/>
  <c r="S5929" i="10"/>
  <c r="T5929" i="10"/>
  <c r="S3214" i="10"/>
  <c r="T3214" i="10"/>
  <c r="S4238" i="10"/>
  <c r="T4238" i="10"/>
  <c r="S5048" i="10"/>
  <c r="T5048" i="10"/>
  <c r="S5914" i="10"/>
  <c r="T5914" i="10"/>
  <c r="S5861" i="10"/>
  <c r="T5861" i="10"/>
  <c r="S3078" i="10"/>
  <c r="T3078" i="10"/>
  <c r="S4102" i="10"/>
  <c r="T4102" i="10"/>
  <c r="S5961" i="10"/>
  <c r="T5961" i="10"/>
  <c r="S5422" i="10"/>
  <c r="T5422" i="10"/>
  <c r="S5336" i="10"/>
  <c r="T5336" i="10"/>
  <c r="S5811" i="10"/>
  <c r="T5811" i="10"/>
  <c r="S3444" i="10"/>
  <c r="T3444" i="10"/>
  <c r="S4468" i="10"/>
  <c r="T4468" i="10"/>
  <c r="S5492" i="10"/>
  <c r="T5492" i="10"/>
  <c r="S3509" i="10"/>
  <c r="T3509" i="10"/>
  <c r="S5557" i="10"/>
  <c r="T5557" i="10"/>
  <c r="S3062" i="10"/>
  <c r="T3062" i="10"/>
  <c r="S4086" i="10"/>
  <c r="T4086" i="10"/>
  <c r="S5110" i="10"/>
  <c r="T5110" i="10"/>
  <c r="S3407" i="10"/>
  <c r="T3407" i="10"/>
  <c r="S4431" i="10"/>
  <c r="T4431" i="10"/>
  <c r="S5455" i="10"/>
  <c r="T5455" i="10"/>
  <c r="S3744" i="10"/>
  <c r="T3744" i="10"/>
  <c r="S4768" i="10"/>
  <c r="T4768" i="10"/>
  <c r="S5792" i="10"/>
  <c r="T5792" i="10"/>
  <c r="T3041" i="10"/>
  <c r="S3041" i="10"/>
  <c r="S4065" i="10"/>
  <c r="T4065" i="10"/>
  <c r="S6029" i="10"/>
  <c r="T6029" i="10"/>
  <c r="S2973" i="10"/>
  <c r="T2973" i="10"/>
  <c r="S3186" i="10"/>
  <c r="T3186" i="10"/>
  <c r="S4210" i="10"/>
  <c r="T4210" i="10"/>
  <c r="T5234" i="10"/>
  <c r="S5234" i="10"/>
  <c r="S3571" i="10"/>
  <c r="T3571" i="10"/>
  <c r="S4595" i="10"/>
  <c r="T4595" i="10"/>
  <c r="S6158" i="10"/>
  <c r="T6158" i="10"/>
  <c r="S7182" i="10"/>
  <c r="T7182" i="10"/>
  <c r="S6551" i="10"/>
  <c r="T6551" i="10"/>
  <c r="S5952" i="10"/>
  <c r="T5952" i="10"/>
  <c r="S6976" i="10"/>
  <c r="T6976" i="10"/>
  <c r="S5433" i="10"/>
  <c r="T5433" i="10"/>
  <c r="S6713" i="10"/>
  <c r="T6713" i="10"/>
  <c r="S6306" i="10"/>
  <c r="T6306" i="10"/>
  <c r="T7330" i="10"/>
  <c r="S7330" i="10"/>
  <c r="S6555" i="10"/>
  <c r="T6555" i="10"/>
  <c r="S6052" i="10"/>
  <c r="T6052" i="10"/>
  <c r="S7076" i="10"/>
  <c r="T7076" i="10"/>
  <c r="S7149" i="10"/>
  <c r="T7149" i="10"/>
  <c r="S3644" i="10"/>
  <c r="T3644" i="10"/>
  <c r="S4668" i="10"/>
  <c r="T4668" i="10"/>
  <c r="S5692" i="10"/>
  <c r="T5692" i="10"/>
  <c r="S3901" i="10"/>
  <c r="T3901" i="10"/>
  <c r="S3134" i="10"/>
  <c r="T3134" i="10"/>
  <c r="S4158" i="10"/>
  <c r="T4158" i="10"/>
  <c r="S3095" i="10"/>
  <c r="T3095" i="10"/>
  <c r="S4119" i="10"/>
  <c r="T4119" i="10"/>
  <c r="S5143" i="10"/>
  <c r="T5143" i="10"/>
  <c r="S3432" i="10"/>
  <c r="T3432" i="10"/>
  <c r="S4456" i="10"/>
  <c r="T4456" i="10"/>
  <c r="S3113" i="10"/>
  <c r="T3113" i="10"/>
  <c r="S4137" i="10"/>
  <c r="T4137" i="10"/>
  <c r="T6421" i="10"/>
  <c r="S6421" i="10"/>
  <c r="S5149" i="10"/>
  <c r="T5149" i="10"/>
  <c r="S3162" i="10"/>
  <c r="T3162" i="10"/>
  <c r="S4186" i="10"/>
  <c r="T4186" i="10"/>
  <c r="S5210" i="10"/>
  <c r="T5210" i="10"/>
  <c r="S3547" i="10"/>
  <c r="T3547" i="10"/>
  <c r="S4571" i="10"/>
  <c r="T4571" i="10"/>
  <c r="S6262" i="10"/>
  <c r="T6262" i="10"/>
  <c r="S7286" i="10"/>
  <c r="T7286" i="10"/>
  <c r="S6655" i="10"/>
  <c r="T6655" i="10"/>
  <c r="S6056" i="10"/>
  <c r="T6056" i="10"/>
  <c r="S5526" i="10"/>
  <c r="T5526" i="10"/>
  <c r="S5780" i="10"/>
  <c r="T5780" i="10"/>
  <c r="T5826" i="10"/>
  <c r="S5826" i="10"/>
  <c r="S4958" i="10"/>
  <c r="T4958" i="10"/>
  <c r="S5802" i="10"/>
  <c r="T5802" i="10"/>
  <c r="T5822" i="10"/>
  <c r="S5822" i="10"/>
  <c r="S5844" i="10"/>
  <c r="T5844" i="10"/>
  <c r="S3790" i="10"/>
  <c r="T3790" i="10"/>
  <c r="S4856" i="10"/>
  <c r="T4856" i="10"/>
  <c r="S6001" i="10"/>
  <c r="T6001" i="10"/>
  <c r="S6009" i="10"/>
  <c r="T6009" i="10"/>
  <c r="S5821" i="10"/>
  <c r="T5821" i="10"/>
  <c r="S5672" i="10"/>
  <c r="T5672" i="10"/>
  <c r="S5836" i="10"/>
  <c r="T5836" i="10"/>
  <c r="S3654" i="10"/>
  <c r="T3654" i="10"/>
  <c r="S4678" i="10"/>
  <c r="T4678" i="10"/>
  <c r="S5867" i="10"/>
  <c r="T5867" i="10"/>
  <c r="S5614" i="10"/>
  <c r="T5614" i="10"/>
  <c r="S5777" i="10"/>
  <c r="T5777" i="10"/>
  <c r="S5957" i="10"/>
  <c r="T5957" i="10"/>
  <c r="S5718" i="10"/>
  <c r="T5718" i="10"/>
  <c r="S6011" i="10"/>
  <c r="T6011" i="10"/>
  <c r="S5846" i="10"/>
  <c r="T5846" i="10"/>
  <c r="S5996" i="10"/>
  <c r="T5996" i="10"/>
  <c r="S5778" i="10"/>
  <c r="T5778" i="10"/>
  <c r="S3342" i="10"/>
  <c r="T3342" i="10"/>
  <c r="S4366" i="10"/>
  <c r="T4366" i="10"/>
  <c r="S5176" i="10"/>
  <c r="T5176" i="10"/>
  <c r="S5779" i="10"/>
  <c r="T5779" i="10"/>
  <c r="S3206" i="10"/>
  <c r="T3206" i="10"/>
  <c r="S4230" i="10"/>
  <c r="T4230" i="10"/>
  <c r="T5810" i="10"/>
  <c r="S5810" i="10"/>
  <c r="S5550" i="10"/>
  <c r="T5550" i="10"/>
  <c r="S5845" i="10"/>
  <c r="T5845" i="10"/>
  <c r="S5939" i="10"/>
  <c r="T5939" i="10"/>
  <c r="S3572" i="10"/>
  <c r="T3572" i="10"/>
  <c r="S4596" i="10"/>
  <c r="T4596" i="10"/>
  <c r="S5620" i="10"/>
  <c r="T5620" i="10"/>
  <c r="S3765" i="10"/>
  <c r="T3765" i="10"/>
  <c r="S3190" i="10"/>
  <c r="T3190" i="10"/>
  <c r="S4214" i="10"/>
  <c r="T4214" i="10"/>
  <c r="S5238" i="10"/>
  <c r="T5238" i="10"/>
  <c r="S3535" i="10"/>
  <c r="T3535" i="10"/>
  <c r="S4559" i="10"/>
  <c r="T4559" i="10"/>
  <c r="S5583" i="10"/>
  <c r="T5583" i="10"/>
  <c r="S2848" i="10"/>
  <c r="T2848" i="10"/>
  <c r="S3872" i="10"/>
  <c r="T3872" i="10"/>
  <c r="S4896" i="10"/>
  <c r="T4896" i="10"/>
  <c r="T3169" i="10"/>
  <c r="S3169" i="10"/>
  <c r="S4193" i="10"/>
  <c r="T4193" i="10"/>
  <c r="S6285" i="10"/>
  <c r="T6285" i="10"/>
  <c r="S3314" i="10"/>
  <c r="T3314" i="10"/>
  <c r="S4338" i="10"/>
  <c r="T4338" i="10"/>
  <c r="T5362" i="10"/>
  <c r="S5362" i="10"/>
  <c r="S3699" i="10"/>
  <c r="T3699" i="10"/>
  <c r="S4723" i="10"/>
  <c r="T4723" i="10"/>
  <c r="S6286" i="10"/>
  <c r="T6286" i="10"/>
  <c r="S7310" i="10"/>
  <c r="T7310" i="10"/>
  <c r="S6679" i="10"/>
  <c r="T6679" i="10"/>
  <c r="S6080" i="10"/>
  <c r="T6080" i="10"/>
  <c r="S7104" i="10"/>
  <c r="T7104" i="10"/>
  <c r="S5561" i="10"/>
  <c r="T5561" i="10"/>
  <c r="S6841" i="10"/>
  <c r="T6841" i="10"/>
  <c r="T6434" i="10"/>
  <c r="S6434" i="10"/>
  <c r="S7458" i="10"/>
  <c r="T7458" i="10"/>
  <c r="S6683" i="10"/>
  <c r="T6683" i="10"/>
  <c r="S6180" i="10"/>
  <c r="T6180" i="10"/>
  <c r="S7204" i="10"/>
  <c r="T7204" i="10"/>
  <c r="S7405" i="10"/>
  <c r="T7405" i="10"/>
  <c r="S3772" i="10"/>
  <c r="T3772" i="10"/>
  <c r="S4796" i="10"/>
  <c r="T4796" i="10"/>
  <c r="S4157" i="10"/>
  <c r="T4157" i="10"/>
  <c r="S3262" i="10"/>
  <c r="T3262" i="10"/>
  <c r="S4286" i="10"/>
  <c r="T4286" i="10"/>
  <c r="S3223" i="10"/>
  <c r="T3223" i="10"/>
  <c r="S4247" i="10"/>
  <c r="T4247" i="10"/>
  <c r="S5271" i="10"/>
  <c r="T5271" i="10"/>
  <c r="S3560" i="10"/>
  <c r="T3560" i="10"/>
  <c r="S4584" i="10"/>
  <c r="T4584" i="10"/>
  <c r="S3241" i="10"/>
  <c r="T3241" i="10"/>
  <c r="S4265" i="10"/>
  <c r="T4265" i="10"/>
  <c r="S6677" i="10"/>
  <c r="T6677" i="10"/>
  <c r="S3290" i="10"/>
  <c r="T3290" i="10"/>
  <c r="S4314" i="10"/>
  <c r="T4314" i="10"/>
  <c r="S5338" i="10"/>
  <c r="T5338" i="10"/>
  <c r="S3675" i="10"/>
  <c r="T3675" i="10"/>
  <c r="S4699" i="10"/>
  <c r="T4699" i="10"/>
  <c r="S6390" i="10"/>
  <c r="T6390" i="10"/>
  <c r="S7414" i="10"/>
  <c r="T7414" i="10"/>
  <c r="S6783" i="10"/>
  <c r="T6783" i="10"/>
  <c r="S6184" i="10"/>
  <c r="T6184" i="10"/>
  <c r="E4881" i="26" l="1"/>
  <c r="E4296" i="26"/>
  <c r="E4496" i="26"/>
  <c r="E3097" i="26"/>
  <c r="E4752" i="26"/>
  <c r="E5042" i="26"/>
  <c r="E4685" i="26"/>
  <c r="E5145" i="26"/>
  <c r="E4543" i="26"/>
  <c r="E4231" i="26"/>
  <c r="E3490" i="26"/>
  <c r="E4719" i="26"/>
  <c r="E4526" i="26"/>
  <c r="E4847" i="26"/>
  <c r="E4514" i="26"/>
  <c r="E5089" i="26"/>
  <c r="E4826" i="26"/>
  <c r="E4563" i="26"/>
  <c r="E3106" i="26"/>
  <c r="E5102" i="26"/>
  <c r="E5069" i="26"/>
  <c r="E3052" i="26"/>
  <c r="E4179" i="26"/>
  <c r="E5168" i="26"/>
  <c r="E4077" i="26"/>
  <c r="E4819" i="26"/>
  <c r="E4679" i="26"/>
  <c r="E3711" i="26"/>
  <c r="E4505" i="26"/>
  <c r="E4791" i="26"/>
  <c r="E5664" i="26"/>
  <c r="E3007" i="26"/>
  <c r="E4406" i="26"/>
  <c r="E4321" i="26"/>
  <c r="E5298" i="26"/>
  <c r="E3947" i="26"/>
  <c r="E3783" i="26"/>
  <c r="E4833" i="26"/>
  <c r="E4002" i="26"/>
  <c r="E4817" i="26"/>
  <c r="E5207" i="26"/>
  <c r="E4716" i="26"/>
  <c r="E4308" i="26"/>
  <c r="E4193" i="26"/>
  <c r="F5971" i="26"/>
  <c r="E5971" i="26"/>
  <c r="F3168" i="26"/>
  <c r="E3168" i="26"/>
  <c r="F6584" i="26"/>
  <c r="E6584" i="26"/>
  <c r="F7159" i="26"/>
  <c r="E7159" i="26"/>
  <c r="F5813" i="26"/>
  <c r="E5813" i="26"/>
  <c r="E5073" i="26"/>
  <c r="F5901" i="26"/>
  <c r="E5901" i="26"/>
  <c r="F3154" i="26"/>
  <c r="E3154" i="26"/>
  <c r="F5867" i="26"/>
  <c r="E5867" i="26"/>
  <c r="E3583" i="26"/>
  <c r="F5728" i="26"/>
  <c r="E5728" i="26"/>
  <c r="F7150" i="26"/>
  <c r="E7150" i="26"/>
  <c r="F6157" i="26"/>
  <c r="E6157" i="26"/>
  <c r="F5685" i="26"/>
  <c r="E5685" i="26"/>
  <c r="F6419" i="26"/>
  <c r="E6419" i="26"/>
  <c r="E5297" i="26"/>
  <c r="F7046" i="26"/>
  <c r="E7046" i="26"/>
  <c r="F5319" i="26"/>
  <c r="E5319" i="26"/>
  <c r="F5356" i="26"/>
  <c r="E5356" i="26"/>
  <c r="F5833" i="26"/>
  <c r="E5833" i="26"/>
  <c r="F5908" i="26"/>
  <c r="E5908" i="26"/>
  <c r="F5763" i="26"/>
  <c r="E5763" i="26"/>
  <c r="F5862" i="26"/>
  <c r="E5862" i="26"/>
  <c r="F5846" i="26"/>
  <c r="E5846" i="26"/>
  <c r="F5977" i="26"/>
  <c r="E5977" i="26"/>
  <c r="F5922" i="26"/>
  <c r="E5922" i="26"/>
  <c r="E5192" i="26"/>
  <c r="F5805" i="26"/>
  <c r="E5805" i="26"/>
  <c r="F7415" i="26"/>
  <c r="E7415" i="26"/>
  <c r="F5558" i="26"/>
  <c r="E5558" i="26"/>
  <c r="F3381" i="26"/>
  <c r="E3381" i="26"/>
  <c r="F6629" i="26"/>
  <c r="E6629" i="26"/>
  <c r="F7066" i="26"/>
  <c r="E7066" i="26"/>
  <c r="F6712" i="26"/>
  <c r="E6712" i="26"/>
  <c r="F5528" i="26"/>
  <c r="E5528" i="26"/>
  <c r="F3180" i="26"/>
  <c r="E3180" i="26"/>
  <c r="F5899" i="26"/>
  <c r="E5899" i="26"/>
  <c r="F5898" i="26"/>
  <c r="E5898" i="26"/>
  <c r="F5957" i="26"/>
  <c r="E5957" i="26"/>
  <c r="F5765" i="26"/>
  <c r="E5765" i="26"/>
  <c r="F5849" i="26"/>
  <c r="E5849" i="26"/>
  <c r="F5836" i="26"/>
  <c r="E5836" i="26"/>
  <c r="F5818" i="26"/>
  <c r="E5818" i="26"/>
  <c r="E5227" i="26"/>
  <c r="F3694" i="26"/>
  <c r="E3694" i="26"/>
  <c r="F3774" i="26"/>
  <c r="E3774" i="26"/>
  <c r="F3654" i="26"/>
  <c r="E3654" i="26"/>
  <c r="E4186" i="26"/>
  <c r="E4615" i="26"/>
  <c r="E3666" i="26"/>
  <c r="F3206" i="26"/>
  <c r="E3206" i="26"/>
  <c r="F5875" i="26"/>
  <c r="E5875" i="26"/>
  <c r="E3737" i="26"/>
  <c r="E3425" i="26"/>
  <c r="F4655" i="26"/>
  <c r="E4655" i="26"/>
  <c r="F6638" i="26"/>
  <c r="E6638" i="26"/>
  <c r="F7181" i="26"/>
  <c r="E7181" i="26"/>
  <c r="F7452" i="26"/>
  <c r="E7452" i="26"/>
  <c r="F6682" i="26"/>
  <c r="E6682" i="26"/>
  <c r="F6328" i="26"/>
  <c r="E6328" i="26"/>
  <c r="F4586" i="26"/>
  <c r="E4586" i="26"/>
  <c r="F5270" i="26"/>
  <c r="E5270" i="26"/>
  <c r="F5994" i="26"/>
  <c r="E5994" i="26"/>
  <c r="F5536" i="26"/>
  <c r="E5536" i="26"/>
  <c r="F5948" i="26"/>
  <c r="E5948" i="26"/>
  <c r="E3343" i="26"/>
  <c r="E4843" i="26"/>
  <c r="F3310" i="26"/>
  <c r="E3310" i="26"/>
  <c r="F3270" i="26"/>
  <c r="E3270" i="26"/>
  <c r="E3681" i="26"/>
  <c r="E3667" i="26"/>
  <c r="F2840" i="26"/>
  <c r="E2840" i="26"/>
  <c r="F5883" i="26"/>
  <c r="E5883" i="26"/>
  <c r="F7141" i="26"/>
  <c r="E7141" i="26"/>
  <c r="F6150" i="26"/>
  <c r="E6150" i="26"/>
  <c r="F7287" i="26"/>
  <c r="E7287" i="26"/>
  <c r="F5430" i="26"/>
  <c r="E5430" i="26"/>
  <c r="F5930" i="26"/>
  <c r="E5930" i="26"/>
  <c r="F5738" i="26"/>
  <c r="E5738" i="26"/>
  <c r="F5889" i="26"/>
  <c r="E5889" i="26"/>
  <c r="E4671" i="26"/>
  <c r="E5233" i="26"/>
  <c r="F4587" i="26"/>
  <c r="E4587" i="26"/>
  <c r="F3178" i="26"/>
  <c r="E3178" i="26"/>
  <c r="F3134" i="26"/>
  <c r="E3134" i="26"/>
  <c r="F3309" i="26"/>
  <c r="E3309" i="26"/>
  <c r="F6126" i="26"/>
  <c r="E6126" i="26"/>
  <c r="F5686" i="26"/>
  <c r="E5686" i="26"/>
  <c r="E3637" i="26"/>
  <c r="F6885" i="26"/>
  <c r="E6885" i="26"/>
  <c r="F7194" i="26"/>
  <c r="E7194" i="26"/>
  <c r="F6840" i="26"/>
  <c r="E6840" i="26"/>
  <c r="F6022" i="26"/>
  <c r="E6022" i="26"/>
  <c r="F5656" i="26"/>
  <c r="E5656" i="26"/>
  <c r="E4332" i="26"/>
  <c r="F5913" i="26"/>
  <c r="E5913" i="26"/>
  <c r="F5773" i="26"/>
  <c r="E5773" i="26"/>
  <c r="F5821" i="26"/>
  <c r="E5821" i="26"/>
  <c r="F6002" i="26"/>
  <c r="E6002" i="26"/>
  <c r="E4973" i="26"/>
  <c r="E5111" i="26"/>
  <c r="E5301" i="26"/>
  <c r="E4249" i="26"/>
  <c r="E3053" i="26"/>
  <c r="F6391" i="26"/>
  <c r="E6391" i="26"/>
  <c r="F5428" i="26"/>
  <c r="E5428" i="26"/>
  <c r="E6812" i="26"/>
  <c r="F6042" i="26"/>
  <c r="E6042" i="26"/>
  <c r="F7311" i="26"/>
  <c r="E7311" i="26"/>
  <c r="E2989" i="26"/>
  <c r="F5940" i="26"/>
  <c r="E5940" i="26"/>
  <c r="F4478" i="26"/>
  <c r="E4478" i="26"/>
  <c r="E5296" i="26"/>
  <c r="F5997" i="26"/>
  <c r="E5997" i="26"/>
  <c r="F5874" i="26"/>
  <c r="E5874" i="26"/>
  <c r="F5993" i="26"/>
  <c r="E5993" i="26"/>
  <c r="F5814" i="26"/>
  <c r="E5814" i="26"/>
  <c r="F5772" i="26"/>
  <c r="E5772" i="26"/>
  <c r="F3155" i="26"/>
  <c r="E3155" i="26"/>
  <c r="F3766" i="26"/>
  <c r="E3766" i="26"/>
  <c r="E4203" i="26"/>
  <c r="E3015" i="26"/>
  <c r="E5103" i="26"/>
  <c r="E4031" i="26"/>
  <c r="E4887" i="26"/>
  <c r="E4975" i="26"/>
  <c r="E6292" i="26"/>
  <c r="E4633" i="26"/>
  <c r="E3027" i="26"/>
  <c r="E5099" i="26"/>
  <c r="F3646" i="26"/>
  <c r="E3646" i="26"/>
  <c r="F3526" i="26"/>
  <c r="E3526" i="26"/>
  <c r="E3199" i="26"/>
  <c r="E4947" i="26"/>
  <c r="F5586" i="26"/>
  <c r="E5586" i="26"/>
  <c r="F5519" i="26"/>
  <c r="E5519" i="26"/>
  <c r="F6428" i="26"/>
  <c r="E6428" i="26"/>
  <c r="F7089" i="26"/>
  <c r="E7089" i="26"/>
  <c r="F6927" i="26"/>
  <c r="E6927" i="26"/>
  <c r="F5328" i="26"/>
  <c r="E5328" i="26"/>
  <c r="F5778" i="26"/>
  <c r="E5778" i="26"/>
  <c r="F5861" i="26"/>
  <c r="E5861" i="26"/>
  <c r="F5882" i="26"/>
  <c r="E5882" i="26"/>
  <c r="F6004" i="26"/>
  <c r="E6004" i="26"/>
  <c r="F5989" i="26"/>
  <c r="E5989" i="26"/>
  <c r="F5844" i="26"/>
  <c r="E5844" i="26"/>
  <c r="E5962" i="26"/>
  <c r="F5926" i="26"/>
  <c r="E5926" i="26"/>
  <c r="E2925" i="26"/>
  <c r="E4564" i="26"/>
  <c r="E3795" i="26"/>
  <c r="E3819" i="26"/>
  <c r="F3655" i="26"/>
  <c r="E3655" i="26"/>
  <c r="E3041" i="26"/>
  <c r="F3254" i="26"/>
  <c r="E3254" i="26"/>
  <c r="F3161" i="26"/>
  <c r="E3161" i="26"/>
  <c r="F5995" i="26"/>
  <c r="E5995" i="26"/>
  <c r="F5886" i="26"/>
  <c r="E5886" i="26"/>
  <c r="F5787" i="26"/>
  <c r="E5787" i="26"/>
  <c r="E3894" i="26"/>
  <c r="F6684" i="26"/>
  <c r="E6684" i="26"/>
  <c r="F5400" i="26"/>
  <c r="E5400" i="26"/>
  <c r="F5988" i="26"/>
  <c r="E5988" i="26"/>
  <c r="F5817" i="26"/>
  <c r="E5817" i="26"/>
  <c r="F7324" i="26"/>
  <c r="E7324" i="26"/>
  <c r="F6200" i="26"/>
  <c r="E6200" i="26"/>
  <c r="F5825" i="26"/>
  <c r="E5825" i="26"/>
  <c r="F5796" i="26"/>
  <c r="E5796" i="26"/>
  <c r="F5408" i="26"/>
  <c r="E5408" i="26"/>
  <c r="F3764" i="26"/>
  <c r="E3764" i="26"/>
  <c r="F5553" i="26"/>
  <c r="E5553" i="26"/>
  <c r="F5915" i="26"/>
  <c r="E5915" i="26"/>
  <c r="E3903" i="26"/>
  <c r="E5047" i="26"/>
  <c r="F6647" i="26"/>
  <c r="E6647" i="26"/>
  <c r="F5684" i="26"/>
  <c r="E5684" i="26"/>
  <c r="F7068" i="26"/>
  <c r="E7068" i="26"/>
  <c r="F5944" i="26"/>
  <c r="E5944" i="26"/>
  <c r="F5447" i="26"/>
  <c r="E5447" i="26"/>
  <c r="E4078" i="26"/>
  <c r="F5484" i="26"/>
  <c r="E5484" i="26"/>
  <c r="F5858" i="26"/>
  <c r="E5858" i="26"/>
  <c r="E5136" i="26"/>
  <c r="F5893" i="26"/>
  <c r="E5893" i="26"/>
  <c r="F5916" i="26"/>
  <c r="E5916" i="26"/>
  <c r="F3271" i="26"/>
  <c r="E3271" i="26"/>
  <c r="F5923" i="26"/>
  <c r="E5923" i="26"/>
  <c r="E4770" i="26"/>
  <c r="F2849" i="26"/>
  <c r="E2849" i="26"/>
  <c r="F7315" i="26"/>
  <c r="E7315" i="26"/>
  <c r="F3307" i="26"/>
  <c r="E3307" i="26"/>
  <c r="F3454" i="26"/>
  <c r="E3454" i="26"/>
  <c r="F2878" i="26"/>
  <c r="E2878" i="26"/>
  <c r="F5779" i="26"/>
  <c r="E5779" i="26"/>
  <c r="F6263" i="26"/>
  <c r="E6263" i="26"/>
  <c r="F5775" i="26"/>
  <c r="E5775" i="26"/>
  <c r="F7187" i="26"/>
  <c r="E7187" i="26"/>
  <c r="F6321" i="26"/>
  <c r="E6321" i="26"/>
  <c r="F7183" i="26"/>
  <c r="E7183" i="26"/>
  <c r="F7301" i="26"/>
  <c r="E7301" i="26"/>
  <c r="F5812" i="26"/>
  <c r="E5812" i="26"/>
  <c r="F4358" i="26"/>
  <c r="E4358" i="26"/>
  <c r="F5838" i="26"/>
  <c r="E5838" i="26"/>
  <c r="F5734" i="26"/>
  <c r="E5734" i="26"/>
  <c r="F5956" i="26"/>
  <c r="E5956" i="26"/>
  <c r="F5917" i="26"/>
  <c r="E5917" i="26"/>
  <c r="F5955" i="26"/>
  <c r="E5955" i="26"/>
  <c r="E4813" i="26"/>
  <c r="E4855" i="26"/>
  <c r="E3540" i="26"/>
  <c r="F5914" i="26"/>
  <c r="E5914" i="26"/>
  <c r="F4589" i="26"/>
  <c r="E4589" i="26"/>
  <c r="F6135" i="26"/>
  <c r="E6135" i="26"/>
  <c r="F7437" i="26"/>
  <c r="E7437" i="26"/>
  <c r="F6117" i="26"/>
  <c r="E6117" i="26"/>
  <c r="F6810" i="26"/>
  <c r="E6810" i="26"/>
  <c r="F6456" i="26"/>
  <c r="E6456" i="26"/>
  <c r="F4590" i="26"/>
  <c r="E4590" i="26"/>
  <c r="E3948" i="26"/>
  <c r="F5542" i="26"/>
  <c r="E5542" i="26"/>
  <c r="F5906" i="26"/>
  <c r="E5906" i="26"/>
  <c r="F5921" i="26"/>
  <c r="E5921" i="26"/>
  <c r="F5582" i="26"/>
  <c r="E5582" i="26"/>
  <c r="F5769" i="26"/>
  <c r="E5769" i="26"/>
  <c r="F6001" i="26"/>
  <c r="E6001" i="26"/>
  <c r="F5925" i="26"/>
  <c r="E5925" i="26"/>
  <c r="E3923" i="26"/>
  <c r="E2923" i="26"/>
  <c r="F3518" i="26"/>
  <c r="E3518" i="26"/>
  <c r="E4103" i="26"/>
  <c r="E4112" i="26"/>
  <c r="E4977" i="26"/>
  <c r="E4301" i="26"/>
  <c r="E5079" i="26"/>
  <c r="F5551" i="26"/>
  <c r="E5551" i="26"/>
  <c r="F5937" i="26"/>
  <c r="E5937" i="26"/>
  <c r="F6903" i="26"/>
  <c r="E6903" i="26"/>
  <c r="F6925" i="26"/>
  <c r="E6925" i="26"/>
  <c r="F6961" i="26"/>
  <c r="E6961" i="26"/>
  <c r="F6799" i="26"/>
  <c r="E6799" i="26"/>
  <c r="F6533" i="26"/>
  <c r="E6533" i="26"/>
  <c r="F5938" i="26"/>
  <c r="E5938" i="26"/>
  <c r="E4784" i="26"/>
  <c r="F5878" i="26"/>
  <c r="E5878" i="26"/>
  <c r="F5876" i="26"/>
  <c r="E5876" i="26"/>
  <c r="F5980" i="26"/>
  <c r="E5980" i="26"/>
  <c r="E5963" i="26"/>
  <c r="F5834" i="26"/>
  <c r="E5834" i="26"/>
  <c r="F5774" i="26"/>
  <c r="E5774" i="26"/>
  <c r="F5870" i="26"/>
  <c r="E5870" i="26"/>
  <c r="F7406" i="26"/>
  <c r="E7406" i="26"/>
  <c r="F5330" i="26"/>
  <c r="E5330" i="26"/>
  <c r="F4257" i="26"/>
  <c r="E4257" i="26"/>
  <c r="F5263" i="26"/>
  <c r="E5263" i="26"/>
  <c r="F7397" i="26"/>
  <c r="E7397" i="26"/>
  <c r="F7450" i="26"/>
  <c r="E7450" i="26"/>
  <c r="F7096" i="26"/>
  <c r="E7096" i="26"/>
  <c r="F6278" i="26"/>
  <c r="E6278" i="26"/>
  <c r="F5575" i="26"/>
  <c r="E5575" i="26"/>
  <c r="F4588" i="26"/>
  <c r="E4588" i="26"/>
  <c r="F5932" i="26"/>
  <c r="E5932" i="26"/>
  <c r="F5801" i="26"/>
  <c r="E5801" i="26"/>
  <c r="F5829" i="26"/>
  <c r="E5829" i="26"/>
  <c r="F5852" i="26"/>
  <c r="E5852" i="26"/>
  <c r="F5334" i="26"/>
  <c r="E5334" i="26"/>
  <c r="F6968" i="26"/>
  <c r="E6968" i="26"/>
  <c r="F5897" i="26"/>
  <c r="E5897" i="26"/>
  <c r="E4051" i="26"/>
  <c r="F3124" i="26"/>
  <c r="E3124" i="26"/>
  <c r="F5837" i="26"/>
  <c r="E5837" i="26"/>
  <c r="F5949" i="26"/>
  <c r="E5949" i="26"/>
  <c r="F3070" i="26"/>
  <c r="E3070" i="26"/>
  <c r="F5900" i="26"/>
  <c r="E5900" i="26"/>
  <c r="E4159" i="26"/>
  <c r="E2893" i="26"/>
  <c r="E4058" i="26"/>
  <c r="E3874" i="26"/>
  <c r="E4914" i="26"/>
  <c r="E4570" i="26"/>
  <c r="E2927" i="26"/>
  <c r="E4705" i="26"/>
  <c r="E3563" i="26"/>
  <c r="E3054" i="26"/>
  <c r="F3718" i="26"/>
  <c r="E3718" i="26"/>
  <c r="F5811" i="26"/>
  <c r="E5811" i="26"/>
  <c r="F5920" i="26"/>
  <c r="E5920" i="26"/>
  <c r="F5556" i="26"/>
  <c r="E5556" i="26"/>
  <c r="F6940" i="26"/>
  <c r="E6940" i="26"/>
  <c r="F6170" i="26"/>
  <c r="E6170" i="26"/>
  <c r="F7439" i="26"/>
  <c r="E7439" i="26"/>
  <c r="F3308" i="26"/>
  <c r="E3308" i="26"/>
  <c r="F5881" i="26"/>
  <c r="E5881" i="26"/>
  <c r="E5008" i="26"/>
  <c r="F5843" i="26"/>
  <c r="E5843" i="26"/>
  <c r="F5842" i="26"/>
  <c r="E5842" i="26"/>
  <c r="F5946" i="26"/>
  <c r="E5946" i="26"/>
  <c r="E4945" i="26"/>
  <c r="F5600" i="26"/>
  <c r="E5600" i="26"/>
  <c r="F7022" i="26"/>
  <c r="E7022" i="26"/>
  <c r="F6449" i="26"/>
  <c r="E6449" i="26"/>
  <c r="F6287" i="26"/>
  <c r="E6287" i="26"/>
  <c r="E5228" i="26"/>
  <c r="F5918" i="26"/>
  <c r="E5918" i="26"/>
  <c r="E4880" i="26"/>
  <c r="F5978" i="26"/>
  <c r="E5978" i="26"/>
  <c r="F5794" i="26"/>
  <c r="E5794" i="26"/>
  <c r="F3179" i="26"/>
  <c r="E3179" i="26"/>
  <c r="F3326" i="26"/>
  <c r="E3326" i="26"/>
  <c r="F3334" i="26"/>
  <c r="E3334" i="26"/>
  <c r="F6003" i="26"/>
  <c r="E6003" i="26"/>
  <c r="F5987" i="26"/>
  <c r="E5987" i="26"/>
  <c r="E4743" i="26"/>
  <c r="E4533" i="26"/>
  <c r="E4272" i="26"/>
  <c r="E4075" i="26"/>
  <c r="E3911" i="26"/>
  <c r="E3566" i="26"/>
  <c r="E3912" i="26"/>
  <c r="E5174" i="26"/>
  <c r="F3660" i="26"/>
  <c r="E3660" i="26"/>
  <c r="F7031" i="26"/>
  <c r="E7031" i="26"/>
  <c r="F4661" i="26"/>
  <c r="E4661" i="26"/>
  <c r="F6931" i="26"/>
  <c r="E6931" i="26"/>
  <c r="F6065" i="26"/>
  <c r="E6065" i="26"/>
  <c r="F5903" i="26"/>
  <c r="E5903" i="26"/>
  <c r="F6789" i="26"/>
  <c r="E6789" i="26"/>
  <c r="F5486" i="26"/>
  <c r="E5486" i="26"/>
  <c r="E4844" i="26"/>
  <c r="F5414" i="26"/>
  <c r="E5414" i="26"/>
  <c r="F5853" i="26"/>
  <c r="E5853" i="26"/>
  <c r="E4912" i="26"/>
  <c r="F5793" i="26"/>
  <c r="E5793" i="26"/>
  <c r="F5454" i="26"/>
  <c r="E5454" i="26"/>
  <c r="F5982" i="26"/>
  <c r="E5982" i="26"/>
  <c r="F5873" i="26"/>
  <c r="E5873" i="26"/>
  <c r="F5822" i="26"/>
  <c r="E5822" i="26"/>
  <c r="F5869" i="26"/>
  <c r="E5869" i="26"/>
  <c r="E3028" i="26"/>
  <c r="E4961" i="26"/>
  <c r="E4016" i="26"/>
  <c r="F3382" i="26"/>
  <c r="E3382" i="26"/>
  <c r="F2942" i="26"/>
  <c r="E2942" i="26"/>
  <c r="E4715" i="26"/>
  <c r="F3306" i="26"/>
  <c r="E3306" i="26"/>
  <c r="F3182" i="26"/>
  <c r="E3182" i="26"/>
  <c r="F3262" i="26"/>
  <c r="E3262" i="26"/>
  <c r="F3142" i="26"/>
  <c r="E3142" i="26"/>
  <c r="F5939" i="26"/>
  <c r="E5939" i="26"/>
  <c r="F5324" i="26"/>
  <c r="E5324" i="26"/>
  <c r="F5973" i="26"/>
  <c r="E5973" i="26"/>
  <c r="F3296" i="26"/>
  <c r="E3296" i="26"/>
  <c r="F2886" i="26"/>
  <c r="E2886" i="26"/>
  <c r="F3283" i="26"/>
  <c r="E3283" i="26"/>
  <c r="F3143" i="26"/>
  <c r="E3143" i="26"/>
  <c r="F7345" i="26"/>
  <c r="E7345" i="26"/>
  <c r="F5850" i="26"/>
  <c r="E5850" i="26"/>
  <c r="F6035" i="26"/>
  <c r="E6035" i="26"/>
  <c r="E5231" i="26"/>
  <c r="F3276" i="26"/>
  <c r="E3276" i="26"/>
  <c r="F7278" i="26"/>
  <c r="E7278" i="26"/>
  <c r="F6413" i="26"/>
  <c r="E6413" i="26"/>
  <c r="F4660" i="26"/>
  <c r="E4660" i="26"/>
  <c r="F6044" i="26"/>
  <c r="E6044" i="26"/>
  <c r="F6705" i="26"/>
  <c r="E6705" i="26"/>
  <c r="F6543" i="26"/>
  <c r="E6543" i="26"/>
  <c r="F5784" i="26"/>
  <c r="E5784" i="26"/>
  <c r="F4460" i="26"/>
  <c r="E4460" i="26"/>
  <c r="F5890" i="26"/>
  <c r="E5890" i="26"/>
  <c r="F5781" i="26"/>
  <c r="E5781" i="26"/>
  <c r="F5826" i="26"/>
  <c r="E5826" i="26"/>
  <c r="F5941" i="26"/>
  <c r="E5941" i="26"/>
  <c r="E3411" i="26"/>
  <c r="F7443" i="26"/>
  <c r="E7443" i="26"/>
  <c r="E3435" i="26"/>
  <c r="E3608" i="26"/>
  <c r="F3590" i="26"/>
  <c r="E3590" i="26"/>
  <c r="E5671" i="26"/>
  <c r="F3462" i="26"/>
  <c r="E3462" i="26"/>
  <c r="F6894" i="26"/>
  <c r="E6894" i="26"/>
  <c r="F3252" i="26"/>
  <c r="E3252" i="26"/>
  <c r="F6163" i="26"/>
  <c r="E6163" i="26"/>
  <c r="F6159" i="26"/>
  <c r="E6159" i="26"/>
  <c r="F5742" i="26"/>
  <c r="E5742" i="26"/>
  <c r="F5762" i="26"/>
  <c r="E5762" i="26"/>
  <c r="F5934" i="26"/>
  <c r="E5934" i="26"/>
  <c r="F5865" i="26"/>
  <c r="E5865" i="26"/>
  <c r="F5790" i="26"/>
  <c r="E5790" i="26"/>
  <c r="E4151" i="26"/>
  <c r="E5217" i="26"/>
  <c r="F5525" i="26"/>
  <c r="E5525" i="26"/>
  <c r="F6766" i="26"/>
  <c r="E6766" i="26"/>
  <c r="F5714" i="26"/>
  <c r="E5714" i="26"/>
  <c r="F4641" i="26"/>
  <c r="E4641" i="26"/>
  <c r="F4662" i="26"/>
  <c r="E4662" i="26"/>
  <c r="F6556" i="26"/>
  <c r="E6556" i="26"/>
  <c r="F7217" i="26"/>
  <c r="E7217" i="26"/>
  <c r="F7055" i="26"/>
  <c r="E7055" i="26"/>
  <c r="F5802" i="26"/>
  <c r="E5802" i="26"/>
  <c r="E5040" i="26"/>
  <c r="F5860" i="26"/>
  <c r="E5860" i="26"/>
  <c r="F5606" i="26"/>
  <c r="E5606" i="26"/>
  <c r="F5828" i="26"/>
  <c r="E5828" i="26"/>
  <c r="F5972" i="26"/>
  <c r="E5972" i="26"/>
  <c r="F5827" i="26"/>
  <c r="E5827" i="26"/>
  <c r="F5841" i="26"/>
  <c r="E5841" i="26"/>
  <c r="E3511" i="26"/>
  <c r="E2899" i="26"/>
  <c r="F5947" i="26"/>
  <c r="E5947" i="26"/>
  <c r="E4680" i="26"/>
  <c r="E5303" i="26"/>
  <c r="F5879" i="26"/>
  <c r="E5879" i="26"/>
  <c r="F5458" i="26"/>
  <c r="E5458" i="26"/>
  <c r="F5391" i="26"/>
  <c r="E5391" i="26"/>
  <c r="F6803" i="26"/>
  <c r="E6803" i="26"/>
  <c r="F5681" i="26"/>
  <c r="E5681" i="26"/>
  <c r="F7430" i="26"/>
  <c r="E7430" i="26"/>
  <c r="F5482" i="26"/>
  <c r="E5482" i="26"/>
  <c r="F5358" i="26"/>
  <c r="E5358" i="26"/>
  <c r="F5740" i="26"/>
  <c r="E5740" i="26"/>
  <c r="F5851" i="26"/>
  <c r="E5851" i="26"/>
  <c r="F5854" i="26"/>
  <c r="E5854" i="26"/>
  <c r="F5958" i="26"/>
  <c r="E5958" i="26"/>
  <c r="F5360" i="26"/>
  <c r="E5360" i="26"/>
  <c r="F5924" i="26"/>
  <c r="E5924" i="26"/>
  <c r="E3926" i="26"/>
  <c r="E4918" i="26"/>
  <c r="E3821" i="26"/>
  <c r="F6382" i="26"/>
  <c r="E6382" i="26"/>
  <c r="E4149" i="26"/>
  <c r="F7196" i="26"/>
  <c r="E7196" i="26"/>
  <c r="F6426" i="26"/>
  <c r="E6426" i="26"/>
  <c r="F6072" i="26"/>
  <c r="E6072" i="26"/>
  <c r="E4551" i="26"/>
  <c r="E3564" i="26"/>
  <c r="F5910" i="26"/>
  <c r="E5910" i="26"/>
  <c r="F5766" i="26"/>
  <c r="E5766" i="26"/>
  <c r="F5986" i="26"/>
  <c r="E5986" i="26"/>
  <c r="F5264" i="26"/>
  <c r="E5264" i="26"/>
  <c r="F5830" i="26"/>
  <c r="E5830" i="26"/>
  <c r="F6048" i="26"/>
  <c r="E6048" i="26"/>
  <c r="F7322" i="26"/>
  <c r="E7322" i="26"/>
  <c r="F5472" i="26"/>
  <c r="E5472" i="26"/>
  <c r="E4039" i="26"/>
  <c r="E5197" i="26"/>
  <c r="F6662" i="26"/>
  <c r="E6662" i="26"/>
  <c r="F5614" i="26"/>
  <c r="E5614" i="26"/>
  <c r="F5366" i="26"/>
  <c r="E5366" i="26"/>
  <c r="E5017" i="26"/>
  <c r="E3502" i="26"/>
  <c r="E4052" i="26"/>
  <c r="E4735" i="26"/>
  <c r="E4823" i="26"/>
  <c r="F5894" i="26"/>
  <c r="E5894" i="26"/>
  <c r="F3126" i="26"/>
  <c r="E3126" i="26"/>
  <c r="E3632" i="26"/>
  <c r="F4143" i="26"/>
  <c r="E4143" i="26"/>
  <c r="F5845" i="26"/>
  <c r="E5845" i="26"/>
  <c r="F6519" i="26"/>
  <c r="E6519" i="26"/>
  <c r="F5344" i="26"/>
  <c r="E5344" i="26"/>
  <c r="F6577" i="26"/>
  <c r="E6577" i="26"/>
  <c r="F6415" i="26"/>
  <c r="E6415" i="26"/>
  <c r="F5885" i="26"/>
  <c r="E5885" i="26"/>
  <c r="F5780" i="26"/>
  <c r="E5780" i="26"/>
  <c r="F5996" i="26"/>
  <c r="E5996" i="26"/>
  <c r="F5789" i="26"/>
  <c r="E5789" i="26"/>
  <c r="F5806" i="26"/>
  <c r="E5806" i="26"/>
  <c r="F5942" i="26"/>
  <c r="E5942" i="26"/>
  <c r="F5390" i="26"/>
  <c r="E5390" i="26"/>
  <c r="E4429" i="26"/>
  <c r="F5907" i="26"/>
  <c r="E5907" i="26"/>
  <c r="F5331" i="26"/>
  <c r="E5331" i="26"/>
  <c r="F5429" i="26"/>
  <c r="E5429" i="26"/>
  <c r="F3380" i="26"/>
  <c r="E3380" i="26"/>
  <c r="E5169" i="26"/>
  <c r="F6918" i="26"/>
  <c r="E6918" i="26"/>
  <c r="F5798" i="26"/>
  <c r="E5798" i="26"/>
  <c r="F5785" i="26"/>
  <c r="E5785" i="26"/>
  <c r="F5884" i="26"/>
  <c r="E5884" i="26"/>
  <c r="F5868" i="26"/>
  <c r="E5868" i="26"/>
  <c r="F5933" i="26"/>
  <c r="E5933" i="26"/>
  <c r="F3727" i="26"/>
  <c r="E3727" i="26"/>
  <c r="E4223" i="26"/>
  <c r="E3638" i="26"/>
  <c r="E3051" i="26"/>
  <c r="F2887" i="26"/>
  <c r="E2887" i="26"/>
  <c r="F5931" i="26"/>
  <c r="E5931" i="26"/>
  <c r="F5859" i="26"/>
  <c r="E5859" i="26"/>
  <c r="E2990" i="26"/>
  <c r="E3823" i="26"/>
  <c r="F5679" i="26"/>
  <c r="E5679" i="26"/>
  <c r="E4333" i="26"/>
  <c r="F6007" i="26"/>
  <c r="E6007" i="26"/>
  <c r="F5651" i="26"/>
  <c r="E5651" i="26"/>
  <c r="F7352" i="26"/>
  <c r="E7352" i="26"/>
  <c r="F6534" i="26"/>
  <c r="E6534" i="26"/>
  <c r="F5610" i="26"/>
  <c r="E5610" i="26"/>
  <c r="F4441" i="26"/>
  <c r="E4441" i="26"/>
  <c r="F4462" i="26"/>
  <c r="E4462" i="26"/>
  <c r="F5953" i="26"/>
  <c r="E5953" i="26"/>
  <c r="F5979" i="26"/>
  <c r="E5979" i="26"/>
  <c r="F5478" i="26"/>
  <c r="E5478" i="26"/>
  <c r="F5902" i="26"/>
  <c r="E5902" i="26"/>
  <c r="E4449" i="26"/>
  <c r="E4948" i="26"/>
  <c r="E4279" i="26"/>
  <c r="E4270" i="26"/>
  <c r="F3361" i="26"/>
  <c r="E3361" i="26"/>
  <c r="F3289" i="26"/>
  <c r="E3289" i="26"/>
  <c r="F2950" i="26"/>
  <c r="E2950" i="26"/>
  <c r="F5819" i="26"/>
  <c r="E5819" i="26"/>
  <c r="E3895" i="26"/>
  <c r="E3088" i="26"/>
  <c r="E3930" i="26"/>
  <c r="F3282" i="26"/>
  <c r="E3282" i="26"/>
  <c r="F3215" i="26"/>
  <c r="E3215" i="26"/>
  <c r="F3691" i="26"/>
  <c r="E3691" i="26"/>
  <c r="F3527" i="26"/>
  <c r="E3527" i="26"/>
  <c r="F6554" i="26"/>
  <c r="E6554" i="26"/>
  <c r="F3692" i="26"/>
  <c r="E3692" i="26"/>
  <c r="F5929" i="26"/>
  <c r="E5929" i="26"/>
  <c r="F5905" i="26"/>
  <c r="E5905" i="26"/>
  <c r="F5866" i="26"/>
  <c r="E5866" i="26"/>
  <c r="F5820" i="26"/>
  <c r="E5820" i="26"/>
  <c r="F6775" i="26"/>
  <c r="E6775" i="26"/>
  <c r="F6669" i="26"/>
  <c r="E6669" i="26"/>
  <c r="F6675" i="26"/>
  <c r="E6675" i="26"/>
  <c r="F7302" i="26"/>
  <c r="E7302" i="26"/>
  <c r="F5354" i="26"/>
  <c r="E5354" i="26"/>
  <c r="F5612" i="26"/>
  <c r="E5612" i="26"/>
  <c r="F5777" i="26"/>
  <c r="E5777" i="26"/>
  <c r="E3784" i="26"/>
  <c r="F6547" i="26"/>
  <c r="E6547" i="26"/>
  <c r="F5425" i="26"/>
  <c r="E5425" i="26"/>
  <c r="F7174" i="26"/>
  <c r="E7174" i="26"/>
  <c r="F6021" i="26"/>
  <c r="E6021" i="26"/>
  <c r="F5549" i="26"/>
  <c r="E5549" i="26"/>
  <c r="F5804" i="26"/>
  <c r="E5804" i="26"/>
  <c r="F5981" i="26"/>
  <c r="E5981" i="26"/>
  <c r="F5891" i="26"/>
  <c r="E5891" i="26"/>
  <c r="F5990" i="26"/>
  <c r="E5990" i="26"/>
  <c r="F5974" i="26"/>
  <c r="E5974" i="26"/>
  <c r="F5857" i="26"/>
  <c r="E5857" i="26"/>
  <c r="F5518" i="26"/>
  <c r="E5518" i="26"/>
  <c r="E3055" i="26"/>
  <c r="F3148" i="26"/>
  <c r="E3148" i="26"/>
  <c r="F2959" i="26"/>
  <c r="E2959" i="26"/>
  <c r="E4624" i="26"/>
  <c r="F5355" i="26"/>
  <c r="E5355" i="26"/>
  <c r="F5795" i="26"/>
  <c r="E5795" i="26"/>
  <c r="E3609" i="26"/>
  <c r="F3916" i="26"/>
  <c r="E3916" i="26"/>
  <c r="E5203" i="26"/>
  <c r="F3125" i="26"/>
  <c r="E3125" i="26"/>
  <c r="F6373" i="26"/>
  <c r="E6373" i="26"/>
  <c r="F6938" i="26"/>
  <c r="E6938" i="26"/>
  <c r="F6790" i="26"/>
  <c r="E6790" i="26"/>
  <c r="F5771" i="26"/>
  <c r="E5771" i="26"/>
  <c r="F5770" i="26"/>
  <c r="E5770" i="26"/>
  <c r="F5710" i="26"/>
  <c r="E5710" i="26"/>
  <c r="F5909" i="26"/>
  <c r="E5909" i="26"/>
  <c r="F5945" i="26"/>
  <c r="E5945" i="26"/>
  <c r="E5075" i="26"/>
  <c r="F5647" i="26"/>
  <c r="E5647" i="26"/>
  <c r="F7059" i="26"/>
  <c r="E7059" i="26"/>
  <c r="F6193" i="26"/>
  <c r="E6193" i="26"/>
  <c r="F6031" i="26"/>
  <c r="E6031" i="26"/>
  <c r="F7045" i="26"/>
  <c r="E7045" i="26"/>
  <c r="F5782" i="26"/>
  <c r="E5782" i="26"/>
  <c r="F5950" i="26"/>
  <c r="E5950" i="26"/>
  <c r="F5788" i="26"/>
  <c r="E5788" i="26"/>
  <c r="F5786" i="26"/>
  <c r="E5786" i="26"/>
  <c r="E4971" i="26"/>
  <c r="F5803" i="26"/>
  <c r="E5803" i="26"/>
  <c r="F3078" i="26"/>
  <c r="E3078" i="26"/>
  <c r="E5009" i="26"/>
  <c r="E4761" i="26"/>
  <c r="E5967" i="26"/>
  <c r="F5998" i="26"/>
  <c r="E5998" i="26"/>
  <c r="F6510" i="26"/>
  <c r="E6510" i="26"/>
  <c r="F4367" i="26"/>
  <c r="E4367" i="26"/>
  <c r="E4405" i="26"/>
  <c r="F5523" i="26"/>
  <c r="E5523" i="26"/>
  <c r="F7224" i="26"/>
  <c r="E7224" i="26"/>
  <c r="F6406" i="26"/>
  <c r="E6406" i="26"/>
  <c r="F5703" i="26"/>
  <c r="E5703" i="26"/>
  <c r="E4334" i="26"/>
  <c r="F5877" i="26"/>
  <c r="E5877" i="26"/>
  <c r="F5892" i="26"/>
  <c r="E5892" i="26"/>
  <c r="E5142" i="26"/>
  <c r="F5797" i="26"/>
  <c r="E5797" i="26"/>
  <c r="E5965" i="26"/>
  <c r="E2871" i="26"/>
  <c r="E2906" i="26"/>
  <c r="E3094" i="26"/>
  <c r="F5423" i="26"/>
  <c r="E5423" i="26"/>
  <c r="F5809" i="26"/>
  <c r="E5809" i="26"/>
  <c r="F6176" i="26"/>
  <c r="E6176" i="26"/>
  <c r="E4691" i="26"/>
  <c r="F6172" i="26"/>
  <c r="E6172" i="26"/>
  <c r="F6833" i="26"/>
  <c r="E6833" i="26"/>
  <c r="F6671" i="26"/>
  <c r="E6671" i="26"/>
  <c r="F6277" i="26"/>
  <c r="E6277" i="26"/>
  <c r="F5810" i="26"/>
  <c r="E5810" i="26"/>
  <c r="E5014" i="26"/>
  <c r="F5764" i="26"/>
  <c r="E5764" i="26"/>
  <c r="F5954" i="26"/>
  <c r="E5954" i="26"/>
  <c r="F5835" i="26"/>
  <c r="E5835" i="26"/>
  <c r="F5985" i="26"/>
  <c r="E5985" i="26"/>
  <c r="F5646" i="26"/>
  <c r="E5646" i="26"/>
  <c r="G5" i="26"/>
  <c r="F6" i="26"/>
  <c r="E6" i="26"/>
  <c r="C14" i="10" l="1"/>
  <c r="C15" i="10"/>
  <c r="C16" i="10"/>
  <c r="C17" i="10"/>
  <c r="C18" i="10"/>
  <c r="C19" i="10"/>
  <c r="C20" i="10"/>
  <c r="C21" i="10"/>
  <c r="C22" i="10"/>
  <c r="C23" i="10"/>
  <c r="C24" i="10"/>
  <c r="C25" i="10"/>
  <c r="C26" i="10"/>
  <c r="C27" i="10"/>
  <c r="C28" i="10"/>
  <c r="C29" i="10"/>
  <c r="C30" i="10"/>
  <c r="C31" i="10"/>
  <c r="C32" i="10"/>
  <c r="C33" i="10"/>
  <c r="C34" i="10"/>
  <c r="C35" i="10"/>
  <c r="C36" i="10"/>
  <c r="C37" i="10"/>
  <c r="C38" i="10"/>
  <c r="C39" i="10"/>
  <c r="C40" i="10"/>
  <c r="C41" i="10"/>
  <c r="C42" i="10"/>
  <c r="C43" i="10"/>
  <c r="C44" i="10"/>
  <c r="C45" i="10"/>
  <c r="C46" i="10"/>
  <c r="C47" i="10"/>
  <c r="C48" i="10"/>
  <c r="C49" i="10"/>
  <c r="C50" i="10"/>
  <c r="C51" i="10"/>
  <c r="C52" i="10"/>
  <c r="C53" i="10"/>
  <c r="C54" i="10"/>
  <c r="C55" i="10"/>
  <c r="C56" i="10"/>
  <c r="C57" i="10"/>
  <c r="C58" i="10"/>
  <c r="C59" i="10"/>
  <c r="C60" i="10"/>
  <c r="C61" i="10"/>
  <c r="C62" i="10"/>
  <c r="C63" i="10"/>
  <c r="C64" i="10"/>
  <c r="C65" i="10"/>
  <c r="C66" i="10"/>
  <c r="C67" i="10"/>
  <c r="C68" i="10"/>
  <c r="C69" i="10"/>
  <c r="C70" i="10"/>
  <c r="C71" i="10"/>
  <c r="C72" i="10"/>
  <c r="C73" i="10"/>
  <c r="C74" i="10"/>
  <c r="C75" i="10"/>
  <c r="C76" i="10"/>
  <c r="C77" i="10"/>
  <c r="C78" i="10"/>
  <c r="C79" i="10"/>
  <c r="C80" i="10"/>
  <c r="C81" i="10"/>
  <c r="C82" i="10"/>
  <c r="C83" i="10"/>
  <c r="C84" i="10"/>
  <c r="C85" i="10"/>
  <c r="C86" i="10"/>
  <c r="C87" i="10"/>
  <c r="C88" i="10"/>
  <c r="C89" i="10"/>
  <c r="C90" i="10"/>
  <c r="C91" i="10"/>
  <c r="C92" i="10"/>
  <c r="C93" i="10"/>
  <c r="C94" i="10"/>
  <c r="C95" i="10"/>
  <c r="C96" i="10"/>
  <c r="C97" i="10"/>
  <c r="C98" i="10"/>
  <c r="C99" i="10"/>
  <c r="C100" i="10"/>
  <c r="C101" i="10"/>
  <c r="C102" i="10"/>
  <c r="C103" i="10"/>
  <c r="C104" i="10"/>
  <c r="C105" i="10"/>
  <c r="C106" i="10"/>
  <c r="C107" i="10"/>
  <c r="C108" i="10"/>
  <c r="C109" i="10"/>
  <c r="C110" i="10"/>
  <c r="C111" i="10"/>
  <c r="C112" i="10"/>
  <c r="C113" i="10"/>
  <c r="C114" i="10"/>
  <c r="C115" i="10"/>
  <c r="C116" i="10"/>
  <c r="C117" i="10"/>
  <c r="C118" i="10"/>
  <c r="C119" i="10"/>
  <c r="C120" i="10"/>
  <c r="C121" i="10"/>
  <c r="C122" i="10"/>
  <c r="C123" i="10"/>
  <c r="C124" i="10"/>
  <c r="C125" i="10"/>
  <c r="C126" i="10"/>
  <c r="C127" i="10"/>
  <c r="C128" i="10"/>
  <c r="C129" i="10"/>
  <c r="C130" i="10"/>
  <c r="C131" i="10"/>
  <c r="C132" i="10"/>
  <c r="C133" i="10"/>
  <c r="C134" i="10"/>
  <c r="C135" i="10"/>
  <c r="C136" i="10"/>
  <c r="C137" i="10"/>
  <c r="C138" i="10"/>
  <c r="D27" i="22" s="1"/>
  <c r="D27" i="14" s="1"/>
  <c r="C139" i="10"/>
  <c r="C140" i="10"/>
  <c r="C141" i="10"/>
  <c r="C142" i="10"/>
  <c r="C143" i="10"/>
  <c r="C144" i="10"/>
  <c r="C145" i="10"/>
  <c r="C146" i="10"/>
  <c r="C147" i="10"/>
  <c r="C148" i="10"/>
  <c r="C149" i="10"/>
  <c r="C150" i="10"/>
  <c r="C151" i="10"/>
  <c r="C152" i="10"/>
  <c r="C153" i="10"/>
  <c r="C154" i="10"/>
  <c r="C155" i="10"/>
  <c r="C156" i="10"/>
  <c r="C157" i="10"/>
  <c r="C158" i="10"/>
  <c r="C159" i="10"/>
  <c r="C160" i="10"/>
  <c r="C161" i="10"/>
  <c r="C162" i="10"/>
  <c r="C163" i="10"/>
  <c r="C164" i="10"/>
  <c r="C165" i="10"/>
  <c r="C166" i="10"/>
  <c r="C167" i="10"/>
  <c r="C168" i="10"/>
  <c r="C169" i="10"/>
  <c r="C170" i="10"/>
  <c r="C171" i="10"/>
  <c r="C172" i="10"/>
  <c r="C173" i="10"/>
  <c r="C174" i="10"/>
  <c r="C175" i="10"/>
  <c r="C176" i="10"/>
  <c r="C177" i="10"/>
  <c r="C178" i="10"/>
  <c r="C179" i="10"/>
  <c r="C180" i="10"/>
  <c r="C181" i="10"/>
  <c r="C182" i="10"/>
  <c r="C183" i="10"/>
  <c r="C184" i="10"/>
  <c r="C185" i="10"/>
  <c r="C186" i="10"/>
  <c r="C187" i="10"/>
  <c r="C188" i="10"/>
  <c r="C189" i="10"/>
  <c r="C190" i="10"/>
  <c r="C191" i="10"/>
  <c r="C192" i="10"/>
  <c r="C193" i="10"/>
  <c r="C194" i="10"/>
  <c r="C195" i="10"/>
  <c r="C196" i="10"/>
  <c r="C197" i="10"/>
  <c r="C198" i="10"/>
  <c r="C199" i="10"/>
  <c r="C200" i="10"/>
  <c r="C201" i="10"/>
  <c r="C202" i="10"/>
  <c r="C203" i="10"/>
  <c r="C204" i="10"/>
  <c r="C205" i="10"/>
  <c r="C206" i="10"/>
  <c r="C207" i="10"/>
  <c r="C208" i="10"/>
  <c r="C209" i="10"/>
  <c r="C210" i="10"/>
  <c r="C211" i="10"/>
  <c r="C212" i="10"/>
  <c r="C213" i="10"/>
  <c r="C214" i="10"/>
  <c r="C215" i="10"/>
  <c r="C216" i="10"/>
  <c r="C217" i="10"/>
  <c r="C218" i="10"/>
  <c r="C219" i="10"/>
  <c r="C220" i="10"/>
  <c r="C221" i="10"/>
  <c r="C222" i="10"/>
  <c r="C223" i="10"/>
  <c r="C224" i="10"/>
  <c r="C225" i="10"/>
  <c r="C226" i="10"/>
  <c r="C227" i="10"/>
  <c r="C228" i="10"/>
  <c r="C229" i="10"/>
  <c r="C230" i="10"/>
  <c r="C231" i="10"/>
  <c r="C232" i="10"/>
  <c r="C233" i="10"/>
  <c r="C234" i="10"/>
  <c r="C235" i="10"/>
  <c r="C236" i="10"/>
  <c r="C237" i="10"/>
  <c r="C238" i="10"/>
  <c r="C239" i="10"/>
  <c r="C240" i="10"/>
  <c r="C241" i="10"/>
  <c r="C242" i="10"/>
  <c r="C243" i="10"/>
  <c r="C244" i="10"/>
  <c r="C245" i="10"/>
  <c r="C246" i="10"/>
  <c r="C247" i="10"/>
  <c r="C248" i="10"/>
  <c r="C249" i="10"/>
  <c r="C250" i="10"/>
  <c r="C251" i="10"/>
  <c r="C252" i="10"/>
  <c r="C253" i="10"/>
  <c r="C254" i="10"/>
  <c r="C255" i="10"/>
  <c r="C256" i="10"/>
  <c r="C257" i="10"/>
  <c r="C258" i="10"/>
  <c r="C259" i="10"/>
  <c r="C260" i="10"/>
  <c r="C261" i="10"/>
  <c r="C262" i="10"/>
  <c r="C263" i="10"/>
  <c r="C264" i="10"/>
  <c r="C265" i="10"/>
  <c r="C266" i="10"/>
  <c r="C267" i="10"/>
  <c r="C268" i="10"/>
  <c r="C269" i="10"/>
  <c r="C270" i="10"/>
  <c r="C271" i="10"/>
  <c r="C272" i="10"/>
  <c r="C273" i="10"/>
  <c r="C274" i="10"/>
  <c r="C275" i="10"/>
  <c r="C276" i="10"/>
  <c r="C277" i="10"/>
  <c r="C278" i="10"/>
  <c r="C279" i="10"/>
  <c r="C280" i="10"/>
  <c r="C281" i="10"/>
  <c r="C282" i="10"/>
  <c r="C283" i="10"/>
  <c r="C284" i="10"/>
  <c r="C285" i="10"/>
  <c r="C286" i="10"/>
  <c r="C287" i="10"/>
  <c r="C288" i="10"/>
  <c r="C289" i="10"/>
  <c r="C290" i="10"/>
  <c r="C291" i="10"/>
  <c r="C292" i="10"/>
  <c r="C293" i="10"/>
  <c r="C294" i="10"/>
  <c r="C295" i="10"/>
  <c r="C296" i="10"/>
  <c r="C297" i="10"/>
  <c r="C298" i="10"/>
  <c r="C299" i="10"/>
  <c r="C300" i="10"/>
  <c r="C301" i="10"/>
  <c r="C302" i="10"/>
  <c r="C303" i="10"/>
  <c r="C304" i="10"/>
  <c r="C305" i="10"/>
  <c r="C306" i="10"/>
  <c r="C307" i="10"/>
  <c r="C308" i="10"/>
  <c r="C309" i="10"/>
  <c r="C310" i="10"/>
  <c r="C311" i="10"/>
  <c r="C312" i="10"/>
  <c r="C313" i="10"/>
  <c r="C314" i="10"/>
  <c r="C315" i="10"/>
  <c r="C316" i="10"/>
  <c r="C317" i="10"/>
  <c r="C318" i="10"/>
  <c r="C319" i="10"/>
  <c r="C320" i="10"/>
  <c r="C321" i="10"/>
  <c r="C322" i="10"/>
  <c r="C323" i="10"/>
  <c r="C324" i="10"/>
  <c r="C325" i="10"/>
  <c r="C326" i="10"/>
  <c r="C327" i="10"/>
  <c r="C328" i="10"/>
  <c r="C329" i="10"/>
  <c r="C330" i="10"/>
  <c r="C331" i="10"/>
  <c r="C332" i="10"/>
  <c r="C333" i="10"/>
  <c r="C334" i="10"/>
  <c r="C335" i="10"/>
  <c r="C336" i="10"/>
  <c r="C337" i="10"/>
  <c r="C338" i="10"/>
  <c r="C339" i="10"/>
  <c r="C340" i="10"/>
  <c r="C341" i="10"/>
  <c r="C342" i="10"/>
  <c r="C343" i="10"/>
  <c r="C344" i="10"/>
  <c r="C345" i="10"/>
  <c r="C346" i="10"/>
  <c r="C347" i="10"/>
  <c r="C348" i="10"/>
  <c r="C349" i="10"/>
  <c r="C350" i="10"/>
  <c r="C351" i="10"/>
  <c r="C352" i="10"/>
  <c r="C353" i="10"/>
  <c r="C354" i="10"/>
  <c r="C355" i="10"/>
  <c r="C356" i="10"/>
  <c r="C357" i="10"/>
  <c r="C358" i="10"/>
  <c r="C359" i="10"/>
  <c r="C360" i="10"/>
  <c r="C361" i="10"/>
  <c r="C362" i="10"/>
  <c r="C363" i="10"/>
  <c r="C364" i="10"/>
  <c r="C365" i="10"/>
  <c r="C366" i="10"/>
  <c r="C367" i="10"/>
  <c r="C368" i="10"/>
  <c r="C369" i="10"/>
  <c r="C370" i="10"/>
  <c r="C371" i="10"/>
  <c r="C372" i="10"/>
  <c r="C373" i="10"/>
  <c r="C374" i="10"/>
  <c r="C375" i="10"/>
  <c r="C376" i="10"/>
  <c r="C377" i="10"/>
  <c r="C378" i="10"/>
  <c r="C379" i="10"/>
  <c r="C380" i="10"/>
  <c r="C381" i="10"/>
  <c r="C382" i="10"/>
  <c r="C383" i="10"/>
  <c r="C384" i="10"/>
  <c r="C385" i="10"/>
  <c r="C386" i="10"/>
  <c r="C387" i="10"/>
  <c r="C388" i="10"/>
  <c r="C389" i="10"/>
  <c r="C390" i="10"/>
  <c r="C391" i="10"/>
  <c r="C392" i="10"/>
  <c r="C393" i="10"/>
  <c r="C394" i="10"/>
  <c r="C395" i="10"/>
  <c r="C396" i="10"/>
  <c r="C397" i="10"/>
  <c r="C398" i="10"/>
  <c r="C399" i="10"/>
  <c r="C400" i="10"/>
  <c r="C401" i="10"/>
  <c r="C402" i="10"/>
  <c r="C403" i="10"/>
  <c r="C404" i="10"/>
  <c r="C405" i="10"/>
  <c r="C406" i="10"/>
  <c r="C407" i="10"/>
  <c r="C408" i="10"/>
  <c r="C409" i="10"/>
  <c r="C410" i="10"/>
  <c r="C411" i="10"/>
  <c r="C412" i="10"/>
  <c r="C413" i="10"/>
  <c r="C414" i="10"/>
  <c r="C415" i="10"/>
  <c r="C416" i="10"/>
  <c r="C417" i="10"/>
  <c r="C418" i="10"/>
  <c r="C419" i="10"/>
  <c r="C420" i="10"/>
  <c r="C421" i="10"/>
  <c r="C422" i="10"/>
  <c r="C423" i="10"/>
  <c r="C424" i="10"/>
  <c r="C425" i="10"/>
  <c r="C426" i="10"/>
  <c r="C427" i="10"/>
  <c r="C428" i="10"/>
  <c r="C429" i="10"/>
  <c r="C430" i="10"/>
  <c r="C431" i="10"/>
  <c r="C432" i="10"/>
  <c r="C433" i="10"/>
  <c r="C434" i="10"/>
  <c r="C435" i="10"/>
  <c r="C436" i="10"/>
  <c r="C437" i="10"/>
  <c r="C438" i="10"/>
  <c r="C439" i="10"/>
  <c r="C440" i="10"/>
  <c r="C441" i="10"/>
  <c r="C442" i="10"/>
  <c r="C443" i="10"/>
  <c r="C444" i="10"/>
  <c r="C445" i="10"/>
  <c r="C446" i="10"/>
  <c r="C447" i="10"/>
  <c r="C448" i="10"/>
  <c r="C449" i="10"/>
  <c r="C450" i="10"/>
  <c r="C451" i="10"/>
  <c r="C452" i="10"/>
  <c r="C453" i="10"/>
  <c r="C454" i="10"/>
  <c r="C455" i="10"/>
  <c r="C456" i="10"/>
  <c r="C457" i="10"/>
  <c r="C458" i="10"/>
  <c r="C459" i="10"/>
  <c r="C460" i="10"/>
  <c r="C461" i="10"/>
  <c r="C462" i="10"/>
  <c r="C463" i="10"/>
  <c r="C464" i="10"/>
  <c r="C465" i="10"/>
  <c r="C466" i="10"/>
  <c r="C467" i="10"/>
  <c r="C468" i="10"/>
  <c r="C469" i="10"/>
  <c r="C470" i="10"/>
  <c r="C471" i="10"/>
  <c r="C472" i="10"/>
  <c r="C473" i="10"/>
  <c r="C474" i="10"/>
  <c r="C475" i="10"/>
  <c r="C476" i="10"/>
  <c r="C477" i="10"/>
  <c r="C478" i="10"/>
  <c r="C479" i="10"/>
  <c r="C480" i="10"/>
  <c r="C481" i="10"/>
  <c r="C482" i="10"/>
  <c r="C483" i="10"/>
  <c r="C484" i="10"/>
  <c r="C485" i="10"/>
  <c r="C486" i="10"/>
  <c r="C487" i="10"/>
  <c r="C488" i="10"/>
  <c r="C489" i="10"/>
  <c r="C490" i="10"/>
  <c r="C491" i="10"/>
  <c r="C492" i="10"/>
  <c r="C493" i="10"/>
  <c r="C494" i="10"/>
  <c r="C495" i="10"/>
  <c r="C496" i="10"/>
  <c r="C497" i="10"/>
  <c r="C498" i="10"/>
  <c r="C499" i="10"/>
  <c r="C500" i="10"/>
  <c r="C501" i="10"/>
  <c r="C502" i="10"/>
  <c r="C503" i="10"/>
  <c r="C504" i="10"/>
  <c r="C505" i="10"/>
  <c r="C506" i="10"/>
  <c r="C507" i="10"/>
  <c r="C508" i="10"/>
  <c r="C509" i="10"/>
  <c r="C510" i="10"/>
  <c r="C511" i="10"/>
  <c r="C512" i="10"/>
  <c r="C513" i="10"/>
  <c r="C514" i="10"/>
  <c r="C515" i="10"/>
  <c r="C516" i="10"/>
  <c r="C517" i="10"/>
  <c r="C518" i="10"/>
  <c r="C519" i="10"/>
  <c r="C520" i="10"/>
  <c r="C521" i="10"/>
  <c r="C522" i="10"/>
  <c r="C523" i="10"/>
  <c r="C524" i="10"/>
  <c r="C525" i="10"/>
  <c r="C526" i="10"/>
  <c r="C527" i="10"/>
  <c r="C528" i="10"/>
  <c r="C529" i="10"/>
  <c r="C530" i="10"/>
  <c r="C531" i="10"/>
  <c r="C532" i="10"/>
  <c r="C533" i="10"/>
  <c r="C534" i="10"/>
  <c r="C535" i="10"/>
  <c r="C536" i="10"/>
  <c r="C537" i="10"/>
  <c r="C538" i="10"/>
  <c r="C539" i="10"/>
  <c r="C540" i="10"/>
  <c r="C541" i="10"/>
  <c r="C542" i="10"/>
  <c r="C543" i="10"/>
  <c r="C544" i="10"/>
  <c r="C545" i="10"/>
  <c r="C546" i="10"/>
  <c r="C547" i="10"/>
  <c r="C548" i="10"/>
  <c r="C549" i="10"/>
  <c r="C550" i="10"/>
  <c r="C551" i="10"/>
  <c r="C552" i="10"/>
  <c r="C553" i="10"/>
  <c r="C554" i="10"/>
  <c r="C555" i="10"/>
  <c r="C556" i="10"/>
  <c r="C557" i="10"/>
  <c r="C558" i="10"/>
  <c r="C559" i="10"/>
  <c r="C560" i="10"/>
  <c r="C561" i="10"/>
  <c r="C562" i="10"/>
  <c r="C563" i="10"/>
  <c r="C564" i="10"/>
  <c r="C565" i="10"/>
  <c r="C566" i="10"/>
  <c r="C567" i="10"/>
  <c r="C568" i="10"/>
  <c r="C569" i="10"/>
  <c r="C570" i="10"/>
  <c r="C571" i="10"/>
  <c r="C572" i="10"/>
  <c r="C573" i="10"/>
  <c r="C574" i="10"/>
  <c r="C575" i="10"/>
  <c r="C576" i="10"/>
  <c r="C577" i="10"/>
  <c r="C578" i="10"/>
  <c r="C579" i="10"/>
  <c r="C580" i="10"/>
  <c r="C581" i="10"/>
  <c r="C582" i="10"/>
  <c r="C583" i="10"/>
  <c r="C584" i="10"/>
  <c r="C585" i="10"/>
  <c r="C586" i="10"/>
  <c r="C587" i="10"/>
  <c r="C588" i="10"/>
  <c r="C589" i="10"/>
  <c r="C590" i="10"/>
  <c r="C591" i="10"/>
  <c r="C592" i="10"/>
  <c r="C593" i="10"/>
  <c r="C594" i="10"/>
  <c r="C595" i="10"/>
  <c r="C596" i="10"/>
  <c r="C597" i="10"/>
  <c r="C598" i="10"/>
  <c r="C599" i="10"/>
  <c r="C600" i="10"/>
  <c r="C601" i="10"/>
  <c r="C602" i="10"/>
  <c r="C603" i="10"/>
  <c r="C604" i="10"/>
  <c r="C605" i="10"/>
  <c r="C606" i="10"/>
  <c r="C607" i="10"/>
  <c r="C608" i="10"/>
  <c r="C609" i="10"/>
  <c r="C610" i="10"/>
  <c r="C611" i="10"/>
  <c r="C612" i="10"/>
  <c r="C613" i="10"/>
  <c r="C614" i="10"/>
  <c r="C615" i="10"/>
  <c r="C616" i="10"/>
  <c r="C617" i="10"/>
  <c r="C618" i="10"/>
  <c r="C619" i="10"/>
  <c r="C620" i="10"/>
  <c r="C621" i="10"/>
  <c r="C622" i="10"/>
  <c r="C623" i="10"/>
  <c r="C624" i="10"/>
  <c r="C625" i="10"/>
  <c r="C626" i="10"/>
  <c r="C627" i="10"/>
  <c r="C628" i="10"/>
  <c r="C629" i="10"/>
  <c r="C630" i="10"/>
  <c r="C631" i="10"/>
  <c r="C632" i="10"/>
  <c r="C633" i="10"/>
  <c r="C634" i="10"/>
  <c r="C635" i="10"/>
  <c r="C636" i="10"/>
  <c r="C637" i="10"/>
  <c r="C638" i="10"/>
  <c r="C639" i="10"/>
  <c r="C640" i="10"/>
  <c r="C641" i="10"/>
  <c r="C642" i="10"/>
  <c r="C643" i="10"/>
  <c r="C644" i="10"/>
  <c r="C645" i="10"/>
  <c r="C646" i="10"/>
  <c r="C647" i="10"/>
  <c r="C648" i="10"/>
  <c r="C649" i="10"/>
  <c r="C650" i="10"/>
  <c r="C651" i="10"/>
  <c r="C652" i="10"/>
  <c r="C653" i="10"/>
  <c r="C654" i="10"/>
  <c r="C655" i="10"/>
  <c r="C656" i="10"/>
  <c r="C657" i="10"/>
  <c r="C658" i="10"/>
  <c r="C659" i="10"/>
  <c r="C660" i="10"/>
  <c r="C661" i="10"/>
  <c r="C662" i="10"/>
  <c r="C663" i="10"/>
  <c r="C664" i="10"/>
  <c r="C665" i="10"/>
  <c r="C666" i="10"/>
  <c r="C667" i="10"/>
  <c r="C668" i="10"/>
  <c r="C669" i="10"/>
  <c r="C670" i="10"/>
  <c r="C671" i="10"/>
  <c r="C672" i="10"/>
  <c r="C673" i="10"/>
  <c r="C674" i="10"/>
  <c r="C675" i="10"/>
  <c r="C676" i="10"/>
  <c r="C677" i="10"/>
  <c r="C678" i="10"/>
  <c r="C679" i="10"/>
  <c r="C680" i="10"/>
  <c r="C681" i="10"/>
  <c r="C682" i="10"/>
  <c r="C683" i="10"/>
  <c r="C684" i="10"/>
  <c r="C685" i="10"/>
  <c r="C686" i="10"/>
  <c r="C687" i="10"/>
  <c r="C688" i="10"/>
  <c r="C689" i="10"/>
  <c r="C690" i="10"/>
  <c r="C691" i="10"/>
  <c r="C692" i="10"/>
  <c r="C693" i="10"/>
  <c r="C694" i="10"/>
  <c r="C695" i="10"/>
  <c r="C696" i="10"/>
  <c r="C697" i="10"/>
  <c r="C698" i="10"/>
  <c r="C699" i="10"/>
  <c r="C700" i="10"/>
  <c r="C701" i="10"/>
  <c r="C702" i="10"/>
  <c r="C703" i="10"/>
  <c r="C704" i="10"/>
  <c r="C705" i="10"/>
  <c r="C706" i="10"/>
  <c r="C707" i="10"/>
  <c r="C708" i="10"/>
  <c r="C709" i="10"/>
  <c r="C710" i="10"/>
  <c r="C711" i="10"/>
  <c r="C712" i="10"/>
  <c r="C713" i="10"/>
  <c r="C714" i="10"/>
  <c r="C715" i="10"/>
  <c r="C716" i="10"/>
  <c r="C717" i="10"/>
  <c r="C718" i="10"/>
  <c r="C719" i="10"/>
  <c r="C720" i="10"/>
  <c r="C721" i="10"/>
  <c r="C722" i="10"/>
  <c r="C723" i="10"/>
  <c r="C724" i="10"/>
  <c r="C725" i="10"/>
  <c r="C726" i="10"/>
  <c r="C727" i="10"/>
  <c r="C728" i="10"/>
  <c r="C729" i="10"/>
  <c r="C730" i="10"/>
  <c r="C731" i="10"/>
  <c r="C732" i="10"/>
  <c r="C733" i="10"/>
  <c r="C734" i="10"/>
  <c r="C735" i="10"/>
  <c r="C736" i="10"/>
  <c r="C737" i="10"/>
  <c r="C738" i="10"/>
  <c r="C739" i="10"/>
  <c r="C740" i="10"/>
  <c r="C741" i="10"/>
  <c r="C742" i="10"/>
  <c r="C743" i="10"/>
  <c r="C744" i="10"/>
  <c r="C745" i="10"/>
  <c r="C746" i="10"/>
  <c r="C747" i="10"/>
  <c r="C748" i="10"/>
  <c r="C749" i="10"/>
  <c r="C750" i="10"/>
  <c r="C751" i="10"/>
  <c r="C752" i="10"/>
  <c r="C753" i="10"/>
  <c r="C754" i="10"/>
  <c r="C755" i="10"/>
  <c r="C756" i="10"/>
  <c r="C757" i="10"/>
  <c r="C758" i="10"/>
  <c r="C759" i="10"/>
  <c r="C760" i="10"/>
  <c r="C761" i="10"/>
  <c r="C762" i="10"/>
  <c r="C763" i="10"/>
  <c r="C764" i="10"/>
  <c r="C765" i="10"/>
  <c r="C766" i="10"/>
  <c r="C767" i="10"/>
  <c r="C768" i="10"/>
  <c r="C769" i="10"/>
  <c r="C770" i="10"/>
  <c r="C771" i="10"/>
  <c r="C772" i="10"/>
  <c r="C773" i="10"/>
  <c r="C774" i="10"/>
  <c r="C775" i="10"/>
  <c r="C776" i="10"/>
  <c r="C777" i="10"/>
  <c r="C778" i="10"/>
  <c r="C779" i="10"/>
  <c r="C780" i="10"/>
  <c r="C781" i="10"/>
  <c r="C782" i="10"/>
  <c r="C783" i="10"/>
  <c r="C784" i="10"/>
  <c r="C785" i="10"/>
  <c r="C786" i="10"/>
  <c r="C787" i="10"/>
  <c r="C788" i="10"/>
  <c r="C789" i="10"/>
  <c r="C790" i="10"/>
  <c r="C791" i="10"/>
  <c r="C792" i="10"/>
  <c r="C793" i="10"/>
  <c r="C794" i="10"/>
  <c r="C795" i="10"/>
  <c r="C796" i="10"/>
  <c r="C797" i="10"/>
  <c r="C798" i="10"/>
  <c r="C799" i="10"/>
  <c r="C800" i="10"/>
  <c r="C801" i="10"/>
  <c r="C802" i="10"/>
  <c r="C803" i="10"/>
  <c r="C804" i="10"/>
  <c r="C805" i="10"/>
  <c r="C806" i="10"/>
  <c r="C807" i="10"/>
  <c r="C808" i="10"/>
  <c r="C809" i="10"/>
  <c r="C810" i="10"/>
  <c r="C811" i="10"/>
  <c r="C812" i="10"/>
  <c r="C813" i="10"/>
  <c r="C814" i="10"/>
  <c r="C815" i="10"/>
  <c r="C816" i="10"/>
  <c r="C817" i="10"/>
  <c r="C818" i="10"/>
  <c r="C819" i="10"/>
  <c r="C820" i="10"/>
  <c r="C821" i="10"/>
  <c r="C822" i="10"/>
  <c r="C823" i="10"/>
  <c r="C824" i="10"/>
  <c r="C825" i="10"/>
  <c r="C826" i="10"/>
  <c r="C827" i="10"/>
  <c r="C828" i="10"/>
  <c r="C829" i="10"/>
  <c r="C830" i="10"/>
  <c r="C831" i="10"/>
  <c r="C832" i="10"/>
  <c r="C833" i="10"/>
  <c r="C834" i="10"/>
  <c r="C835" i="10"/>
  <c r="C836" i="10"/>
  <c r="C837" i="10"/>
  <c r="C838" i="10"/>
  <c r="C839" i="10"/>
  <c r="C840" i="10"/>
  <c r="C841" i="10"/>
  <c r="C842" i="10"/>
  <c r="C843" i="10"/>
  <c r="C844" i="10"/>
  <c r="C845" i="10"/>
  <c r="C846" i="10"/>
  <c r="C847" i="10"/>
  <c r="C848" i="10"/>
  <c r="C849" i="10"/>
  <c r="C850" i="10"/>
  <c r="C851" i="10"/>
  <c r="C852" i="10"/>
  <c r="C853" i="10"/>
  <c r="C854" i="10"/>
  <c r="C855" i="10"/>
  <c r="C856" i="10"/>
  <c r="C857" i="10"/>
  <c r="C858" i="10"/>
  <c r="C859" i="10"/>
  <c r="C860" i="10"/>
  <c r="C861" i="10"/>
  <c r="C862" i="10"/>
  <c r="C863" i="10"/>
  <c r="C864" i="10"/>
  <c r="C865" i="10"/>
  <c r="C866" i="10"/>
  <c r="C867" i="10"/>
  <c r="C868" i="10"/>
  <c r="C869" i="10"/>
  <c r="C870" i="10"/>
  <c r="C871" i="10"/>
  <c r="C872" i="10"/>
  <c r="C873" i="10"/>
  <c r="C874" i="10"/>
  <c r="C875" i="10"/>
  <c r="C876" i="10"/>
  <c r="C877" i="10"/>
  <c r="C878" i="10"/>
  <c r="C879" i="10"/>
  <c r="C880" i="10"/>
  <c r="C881" i="10"/>
  <c r="C882" i="10"/>
  <c r="C883" i="10"/>
  <c r="C884" i="10"/>
  <c r="C885" i="10"/>
  <c r="C886" i="10"/>
  <c r="C887" i="10"/>
  <c r="C888" i="10"/>
  <c r="C889" i="10"/>
  <c r="C890" i="10"/>
  <c r="C891" i="10"/>
  <c r="C892" i="10"/>
  <c r="C893" i="10"/>
  <c r="C894" i="10"/>
  <c r="C895" i="10"/>
  <c r="C896" i="10"/>
  <c r="C897" i="10"/>
  <c r="C898" i="10"/>
  <c r="C899" i="10"/>
  <c r="C900" i="10"/>
  <c r="C901" i="10"/>
  <c r="C902" i="10"/>
  <c r="C903" i="10"/>
  <c r="C904" i="10"/>
  <c r="C905" i="10"/>
  <c r="C906" i="10"/>
  <c r="C907" i="10"/>
  <c r="C908" i="10"/>
  <c r="C909" i="10"/>
  <c r="C910" i="10"/>
  <c r="C911" i="10"/>
  <c r="C912" i="10"/>
  <c r="C913" i="10"/>
  <c r="C914" i="10"/>
  <c r="C915" i="10"/>
  <c r="C916" i="10"/>
  <c r="C917" i="10"/>
  <c r="C918" i="10"/>
  <c r="C919" i="10"/>
  <c r="C920" i="10"/>
  <c r="C921" i="10"/>
  <c r="C922" i="10"/>
  <c r="C923" i="10"/>
  <c r="C924" i="10"/>
  <c r="C925" i="10"/>
  <c r="C926" i="10"/>
  <c r="C927" i="10"/>
  <c r="C928" i="10"/>
  <c r="C929" i="10"/>
  <c r="C930" i="10"/>
  <c r="C931" i="10"/>
  <c r="C932" i="10"/>
  <c r="C933" i="10"/>
  <c r="C934" i="10"/>
  <c r="C935" i="10"/>
  <c r="C936" i="10"/>
  <c r="C937" i="10"/>
  <c r="C938" i="10"/>
  <c r="C939" i="10"/>
  <c r="C940" i="10"/>
  <c r="C941" i="10"/>
  <c r="C942" i="10"/>
  <c r="C943" i="10"/>
  <c r="C944" i="10"/>
  <c r="C945" i="10"/>
  <c r="C946" i="10"/>
  <c r="C947" i="10"/>
  <c r="C948" i="10"/>
  <c r="C949" i="10"/>
  <c r="C950" i="10"/>
  <c r="C951" i="10"/>
  <c r="C952" i="10"/>
  <c r="C953" i="10"/>
  <c r="C954" i="10"/>
  <c r="C955" i="10"/>
  <c r="C956" i="10"/>
  <c r="C957" i="10"/>
  <c r="C958" i="10"/>
  <c r="C959" i="10"/>
  <c r="C960" i="10"/>
  <c r="C961" i="10"/>
  <c r="C962" i="10"/>
  <c r="C963" i="10"/>
  <c r="C964" i="10"/>
  <c r="C965" i="10"/>
  <c r="C966" i="10"/>
  <c r="C967" i="10"/>
  <c r="C968" i="10"/>
  <c r="C969" i="10"/>
  <c r="C970" i="10"/>
  <c r="C971" i="10"/>
  <c r="C972" i="10"/>
  <c r="C973" i="10"/>
  <c r="C974" i="10"/>
  <c r="C975" i="10"/>
  <c r="C976" i="10"/>
  <c r="C977" i="10"/>
  <c r="C978" i="10"/>
  <c r="C979" i="10"/>
  <c r="C980" i="10"/>
  <c r="C981" i="10"/>
  <c r="C982" i="10"/>
  <c r="C983" i="10"/>
  <c r="C984" i="10"/>
  <c r="C985" i="10"/>
  <c r="C986" i="10"/>
  <c r="C987" i="10"/>
  <c r="C988" i="10"/>
  <c r="C989" i="10"/>
  <c r="C990" i="10"/>
  <c r="C991" i="10"/>
  <c r="C992" i="10"/>
  <c r="C993" i="10"/>
  <c r="C994" i="10"/>
  <c r="C995" i="10"/>
  <c r="C996" i="10"/>
  <c r="C997" i="10"/>
  <c r="C998" i="10"/>
  <c r="C999" i="10"/>
  <c r="C1000" i="10"/>
  <c r="C1001" i="10"/>
  <c r="C1002" i="10"/>
  <c r="C1003" i="10"/>
  <c r="C1004" i="10"/>
  <c r="C1005" i="10"/>
  <c r="C1006" i="10"/>
  <c r="C1007" i="10"/>
  <c r="C1008" i="10"/>
  <c r="C1009" i="10"/>
  <c r="C1010" i="10"/>
  <c r="C1011" i="10"/>
  <c r="C1012" i="10"/>
  <c r="C1013" i="10"/>
  <c r="C1014" i="10"/>
  <c r="C1015" i="10"/>
  <c r="C1016" i="10"/>
  <c r="C1017" i="10"/>
  <c r="C1018" i="10"/>
  <c r="C1019" i="10"/>
  <c r="C1020" i="10"/>
  <c r="C1021" i="10"/>
  <c r="C1022" i="10"/>
  <c r="C1023" i="10"/>
  <c r="C1024" i="10"/>
  <c r="C1025" i="10"/>
  <c r="C1026" i="10"/>
  <c r="C1027" i="10"/>
  <c r="C1028" i="10"/>
  <c r="C1029" i="10"/>
  <c r="C1030" i="10"/>
  <c r="C1031" i="10"/>
  <c r="C1032" i="10"/>
  <c r="C1033" i="10"/>
  <c r="C1034" i="10"/>
  <c r="C1035" i="10"/>
  <c r="C1036" i="10"/>
  <c r="C1037" i="10"/>
  <c r="C1038" i="10"/>
  <c r="C1039" i="10"/>
  <c r="C1040" i="10"/>
  <c r="C1041" i="10"/>
  <c r="C1042" i="10"/>
  <c r="C1043" i="10"/>
  <c r="C1044" i="10"/>
  <c r="C1045" i="10"/>
  <c r="C1046" i="10"/>
  <c r="C1047" i="10"/>
  <c r="C1048" i="10"/>
  <c r="C1049" i="10"/>
  <c r="C1050" i="10"/>
  <c r="C1051" i="10"/>
  <c r="C1052" i="10"/>
  <c r="C1053" i="10"/>
  <c r="C1054" i="10"/>
  <c r="C1055" i="10"/>
  <c r="C1056" i="10"/>
  <c r="C1057" i="10"/>
  <c r="C1058" i="10"/>
  <c r="C1059" i="10"/>
  <c r="C1060" i="10"/>
  <c r="C1061" i="10"/>
  <c r="C1062" i="10"/>
  <c r="C1063" i="10"/>
  <c r="C1064" i="10"/>
  <c r="C1065" i="10"/>
  <c r="C1066" i="10"/>
  <c r="C1067" i="10"/>
  <c r="C1068" i="10"/>
  <c r="C1069" i="10"/>
  <c r="C1070" i="10"/>
  <c r="C1071" i="10"/>
  <c r="C1072" i="10"/>
  <c r="C1073" i="10"/>
  <c r="C1074" i="10"/>
  <c r="C1075" i="10"/>
  <c r="C1076" i="10"/>
  <c r="C1077" i="10"/>
  <c r="C1078" i="10"/>
  <c r="C1079" i="10"/>
  <c r="C1080" i="10"/>
  <c r="C1081" i="10"/>
  <c r="C1082" i="10"/>
  <c r="C1083" i="10"/>
  <c r="C1084" i="10"/>
  <c r="C1085" i="10"/>
  <c r="C1086" i="10"/>
  <c r="C1087" i="10"/>
  <c r="C1088" i="10"/>
  <c r="C1089" i="10"/>
  <c r="C1090" i="10"/>
  <c r="C1091" i="10"/>
  <c r="C1092" i="10"/>
  <c r="C1093" i="10"/>
  <c r="C1094" i="10"/>
  <c r="C1095" i="10"/>
  <c r="C1096" i="10"/>
  <c r="C1097" i="10"/>
  <c r="C1098" i="10"/>
  <c r="C1099" i="10"/>
  <c r="C1100" i="10"/>
  <c r="C1101" i="10"/>
  <c r="C1102" i="10"/>
  <c r="C1103" i="10"/>
  <c r="C1104" i="10"/>
  <c r="C1105" i="10"/>
  <c r="C1106" i="10"/>
  <c r="C1107" i="10"/>
  <c r="C1108" i="10"/>
  <c r="C1109" i="10"/>
  <c r="C1110" i="10"/>
  <c r="C1111" i="10"/>
  <c r="C1112" i="10"/>
  <c r="C1113" i="10"/>
  <c r="C1114" i="10"/>
  <c r="C1115" i="10"/>
  <c r="C1116" i="10"/>
  <c r="C1117" i="10"/>
  <c r="C1118" i="10"/>
  <c r="C1119" i="10"/>
  <c r="C1120" i="10"/>
  <c r="C1121" i="10"/>
  <c r="C1122" i="10"/>
  <c r="C1123" i="10"/>
  <c r="C1124" i="10"/>
  <c r="C1125" i="10"/>
  <c r="C1126" i="10"/>
  <c r="C1127" i="10"/>
  <c r="C1128" i="10"/>
  <c r="C1129" i="10"/>
  <c r="C1130" i="10"/>
  <c r="C1131" i="10"/>
  <c r="C1132" i="10"/>
  <c r="C1133" i="10"/>
  <c r="C1134" i="10"/>
  <c r="C1135" i="10"/>
  <c r="C1136" i="10"/>
  <c r="C1137" i="10"/>
  <c r="C1138" i="10"/>
  <c r="C1139" i="10"/>
  <c r="C1140" i="10"/>
  <c r="C1141" i="10"/>
  <c r="C1142" i="10"/>
  <c r="C1143" i="10"/>
  <c r="C1144" i="10"/>
  <c r="C1145" i="10"/>
  <c r="C1146" i="10"/>
  <c r="C1147" i="10"/>
  <c r="C1148" i="10"/>
  <c r="C1149" i="10"/>
  <c r="C1150" i="10"/>
  <c r="C1151" i="10"/>
  <c r="C1152" i="10"/>
  <c r="C1153" i="10"/>
  <c r="C1154" i="10"/>
  <c r="C1155" i="10"/>
  <c r="C1156" i="10"/>
  <c r="C1157" i="10"/>
  <c r="C1158" i="10"/>
  <c r="C1159" i="10"/>
  <c r="C1160" i="10"/>
  <c r="C1161" i="10"/>
  <c r="C1162" i="10"/>
  <c r="C1163" i="10"/>
  <c r="C1164" i="10"/>
  <c r="C1165" i="10"/>
  <c r="C1166" i="10"/>
  <c r="C1167" i="10"/>
  <c r="C1168" i="10"/>
  <c r="C1169" i="10"/>
  <c r="C1170" i="10"/>
  <c r="C1171" i="10"/>
  <c r="C1172" i="10"/>
  <c r="C1173" i="10"/>
  <c r="C1174" i="10"/>
  <c r="C1175" i="10"/>
  <c r="C1176" i="10"/>
  <c r="C1177" i="10"/>
  <c r="C1178" i="10"/>
  <c r="C1179" i="10"/>
  <c r="C1180" i="10"/>
  <c r="C1181" i="10"/>
  <c r="C1182" i="10"/>
  <c r="C1183" i="10"/>
  <c r="C1184" i="10"/>
  <c r="C1185" i="10"/>
  <c r="C1186" i="10"/>
  <c r="C1187" i="10"/>
  <c r="C1188" i="10"/>
  <c r="C1189" i="10"/>
  <c r="C1190" i="10"/>
  <c r="C1191" i="10"/>
  <c r="C1192" i="10"/>
  <c r="C1193" i="10"/>
  <c r="C1194" i="10"/>
  <c r="C1195" i="10"/>
  <c r="C1196" i="10"/>
  <c r="C1197" i="10"/>
  <c r="C1198" i="10"/>
  <c r="C1199" i="10"/>
  <c r="C1200" i="10"/>
  <c r="C1201" i="10"/>
  <c r="C1202" i="10"/>
  <c r="C1203" i="10"/>
  <c r="C1204" i="10"/>
  <c r="C1205" i="10"/>
  <c r="C1206" i="10"/>
  <c r="C1207" i="10"/>
  <c r="C1208" i="10"/>
  <c r="C1209" i="10"/>
  <c r="C1210" i="10"/>
  <c r="C1211" i="10"/>
  <c r="C1212" i="10"/>
  <c r="C1213" i="10"/>
  <c r="C1214" i="10"/>
  <c r="C1215" i="10"/>
  <c r="C1216" i="10"/>
  <c r="C1217" i="10"/>
  <c r="C1218" i="10"/>
  <c r="C1219" i="10"/>
  <c r="C1220" i="10"/>
  <c r="C1221" i="10"/>
  <c r="C1222" i="10"/>
  <c r="C1223" i="10"/>
  <c r="C1224" i="10"/>
  <c r="C1225" i="10"/>
  <c r="C1226" i="10"/>
  <c r="C1227" i="10"/>
  <c r="C1228" i="10"/>
  <c r="C1229" i="10"/>
  <c r="C1230" i="10"/>
  <c r="C1231" i="10"/>
  <c r="C1232" i="10"/>
  <c r="C1233" i="10"/>
  <c r="C1234" i="10"/>
  <c r="C1235" i="10"/>
  <c r="C1236" i="10"/>
  <c r="C1237" i="10"/>
  <c r="C1238" i="10"/>
  <c r="C1239" i="10"/>
  <c r="C1240" i="10"/>
  <c r="C1241" i="10"/>
  <c r="C1242" i="10"/>
  <c r="C1243" i="10"/>
  <c r="C1244" i="10"/>
  <c r="C1245" i="10"/>
  <c r="C1246" i="10"/>
  <c r="C1247" i="10"/>
  <c r="C1248" i="10"/>
  <c r="C1249" i="10"/>
  <c r="C1250" i="10"/>
  <c r="C1251" i="10"/>
  <c r="C1252" i="10"/>
  <c r="C1253" i="10"/>
  <c r="C1254" i="10"/>
  <c r="C1255" i="10"/>
  <c r="C1256" i="10"/>
  <c r="C1257" i="10"/>
  <c r="C1258" i="10"/>
  <c r="C1259" i="10"/>
  <c r="C1260" i="10"/>
  <c r="C1261" i="10"/>
  <c r="C1262" i="10"/>
  <c r="C1263" i="10"/>
  <c r="C1264" i="10"/>
  <c r="C1265" i="10"/>
  <c r="C1266" i="10"/>
  <c r="C1267" i="10"/>
  <c r="C1268" i="10"/>
  <c r="C1269" i="10"/>
  <c r="C1270" i="10"/>
  <c r="C1271" i="10"/>
  <c r="C1272" i="10"/>
  <c r="C1273" i="10"/>
  <c r="C1274" i="10"/>
  <c r="C1275" i="10"/>
  <c r="C1276" i="10"/>
  <c r="C1277" i="10"/>
  <c r="C1278" i="10"/>
  <c r="C1279" i="10"/>
  <c r="C1280" i="10"/>
  <c r="C1281" i="10"/>
  <c r="C1282" i="10"/>
  <c r="C1283" i="10"/>
  <c r="C1284" i="10"/>
  <c r="C1285" i="10"/>
  <c r="C1286" i="10"/>
  <c r="C1287" i="10"/>
  <c r="C1288" i="10"/>
  <c r="C1289" i="10"/>
  <c r="C1290" i="10"/>
  <c r="C1291" i="10"/>
  <c r="C1292" i="10"/>
  <c r="C1293" i="10"/>
  <c r="C1294" i="10"/>
  <c r="C1295" i="10"/>
  <c r="C1296" i="10"/>
  <c r="C1297" i="10"/>
  <c r="C1298" i="10"/>
  <c r="C1299" i="10"/>
  <c r="C1300" i="10"/>
  <c r="C1301" i="10"/>
  <c r="C1302" i="10"/>
  <c r="C1303" i="10"/>
  <c r="C1304" i="10"/>
  <c r="C1305" i="10"/>
  <c r="C1306" i="10"/>
  <c r="C1307" i="10"/>
  <c r="C1308" i="10"/>
  <c r="C1309" i="10"/>
  <c r="C1310" i="10"/>
  <c r="C1311" i="10"/>
  <c r="C1312" i="10"/>
  <c r="C1313" i="10"/>
  <c r="C1314" i="10"/>
  <c r="C1315" i="10"/>
  <c r="C1316" i="10"/>
  <c r="C1317" i="10"/>
  <c r="C1318" i="10"/>
  <c r="C1319" i="10"/>
  <c r="C1320" i="10"/>
  <c r="C1321" i="10"/>
  <c r="C1322" i="10"/>
  <c r="C1323" i="10"/>
  <c r="C1324" i="10"/>
  <c r="C1325" i="10"/>
  <c r="C1326" i="10"/>
  <c r="C1327" i="10"/>
  <c r="C1328" i="10"/>
  <c r="C1329" i="10"/>
  <c r="C1330" i="10"/>
  <c r="C1331" i="10"/>
  <c r="C1332" i="10"/>
  <c r="C1333" i="10"/>
  <c r="C1334" i="10"/>
  <c r="C1335" i="10"/>
  <c r="C1336" i="10"/>
  <c r="C1337" i="10"/>
  <c r="C1338" i="10"/>
  <c r="C1339" i="10"/>
  <c r="C1340" i="10"/>
  <c r="C1341" i="10"/>
  <c r="C1342" i="10"/>
  <c r="C1343" i="10"/>
  <c r="C1344" i="10"/>
  <c r="C1345" i="10"/>
  <c r="C1346" i="10"/>
  <c r="C1347" i="10"/>
  <c r="C1348" i="10"/>
  <c r="C1349" i="10"/>
  <c r="C1350" i="10"/>
  <c r="C1351" i="10"/>
  <c r="C1352" i="10"/>
  <c r="C1353" i="10"/>
  <c r="C1354" i="10"/>
  <c r="C1355" i="10"/>
  <c r="C1356" i="10"/>
  <c r="C1357" i="10"/>
  <c r="C1358" i="10"/>
  <c r="C1359" i="10"/>
  <c r="C1360" i="10"/>
  <c r="C1361" i="10"/>
  <c r="C1362" i="10"/>
  <c r="C1363" i="10"/>
  <c r="C1364" i="10"/>
  <c r="C1365" i="10"/>
  <c r="C1366" i="10"/>
  <c r="C1367" i="10"/>
  <c r="C1368" i="10"/>
  <c r="C1369" i="10"/>
  <c r="C1370" i="10"/>
  <c r="C1371" i="10"/>
  <c r="C1372" i="10"/>
  <c r="C1373" i="10"/>
  <c r="C1374" i="10"/>
  <c r="C1375" i="10"/>
  <c r="C1376" i="10"/>
  <c r="C1377" i="10"/>
  <c r="C1378" i="10"/>
  <c r="C1379" i="10"/>
  <c r="C1380" i="10"/>
  <c r="C1381" i="10"/>
  <c r="C1382" i="10"/>
  <c r="C1383" i="10"/>
  <c r="C1384" i="10"/>
  <c r="C1385" i="10"/>
  <c r="C1386" i="10"/>
  <c r="C1387" i="10"/>
  <c r="C1388" i="10"/>
  <c r="C1389" i="10"/>
  <c r="C1390" i="10"/>
  <c r="C1391" i="10"/>
  <c r="C1392" i="10"/>
  <c r="C1393" i="10"/>
  <c r="C1394" i="10"/>
  <c r="C1395" i="10"/>
  <c r="C1396" i="10"/>
  <c r="C1397" i="10"/>
  <c r="C1398" i="10"/>
  <c r="C1399" i="10"/>
  <c r="C1400" i="10"/>
  <c r="C1401" i="10"/>
  <c r="C1402" i="10"/>
  <c r="C1403" i="10"/>
  <c r="C1404" i="10"/>
  <c r="C1405" i="10"/>
  <c r="C1406" i="10"/>
  <c r="C1407" i="10"/>
  <c r="C1408" i="10"/>
  <c r="C1409" i="10"/>
  <c r="C1410" i="10"/>
  <c r="C1411" i="10"/>
  <c r="C1412" i="10"/>
  <c r="C1413" i="10"/>
  <c r="C1414" i="10"/>
  <c r="C1415" i="10"/>
  <c r="C1416" i="10"/>
  <c r="C1417" i="10"/>
  <c r="C1418" i="10"/>
  <c r="C1419" i="10"/>
  <c r="C1420" i="10"/>
  <c r="C1421" i="10"/>
  <c r="C1422" i="10"/>
  <c r="C1423" i="10"/>
  <c r="C1424" i="10"/>
  <c r="C1425" i="10"/>
  <c r="C1426" i="10"/>
  <c r="C1427" i="10"/>
  <c r="C1428" i="10"/>
  <c r="C1429" i="10"/>
  <c r="C1430" i="10"/>
  <c r="C1431" i="10"/>
  <c r="C1432" i="10"/>
  <c r="C1433" i="10"/>
  <c r="C1434" i="10"/>
  <c r="C1435" i="10"/>
  <c r="C1436" i="10"/>
  <c r="C1437" i="10"/>
  <c r="C1438" i="10"/>
  <c r="C1439" i="10"/>
  <c r="C1440" i="10"/>
  <c r="C1441" i="10"/>
  <c r="C1442" i="10"/>
  <c r="C1443" i="10"/>
  <c r="C1444" i="10"/>
  <c r="C1445" i="10"/>
  <c r="C1446" i="10"/>
  <c r="C1447" i="10"/>
  <c r="C1448" i="10"/>
  <c r="C1449" i="10"/>
  <c r="C1450" i="10"/>
  <c r="C1451" i="10"/>
  <c r="C1452" i="10"/>
  <c r="C1453" i="10"/>
  <c r="C1454" i="10"/>
  <c r="C1455" i="10"/>
  <c r="C1456" i="10"/>
  <c r="C1457" i="10"/>
  <c r="C1458" i="10"/>
  <c r="C1459" i="10"/>
  <c r="C1460" i="10"/>
  <c r="C1461" i="10"/>
  <c r="C1462" i="10"/>
  <c r="C1463" i="10"/>
  <c r="C1464" i="10"/>
  <c r="C1465" i="10"/>
  <c r="C1466" i="10"/>
  <c r="C1467" i="10"/>
  <c r="C1468" i="10"/>
  <c r="C1469" i="10"/>
  <c r="C1470" i="10"/>
  <c r="C1471" i="10"/>
  <c r="C1472" i="10"/>
  <c r="C1473" i="10"/>
  <c r="C1474" i="10"/>
  <c r="C1475" i="10"/>
  <c r="C1476" i="10"/>
  <c r="C1477" i="10"/>
  <c r="C1478" i="10"/>
  <c r="C1479" i="10"/>
  <c r="C1480" i="10"/>
  <c r="C1481" i="10"/>
  <c r="C1482" i="10"/>
  <c r="C1483" i="10"/>
  <c r="C1484" i="10"/>
  <c r="C1485" i="10"/>
  <c r="C1486" i="10"/>
  <c r="C1487" i="10"/>
  <c r="C1488" i="10"/>
  <c r="C1489" i="10"/>
  <c r="C1490" i="10"/>
  <c r="C1491" i="10"/>
  <c r="C1492" i="10"/>
  <c r="C1493" i="10"/>
  <c r="C1494" i="10"/>
  <c r="C1495" i="10"/>
  <c r="C1496" i="10"/>
  <c r="C1497" i="10"/>
  <c r="C1498" i="10"/>
  <c r="C1499" i="10"/>
  <c r="C1500" i="10"/>
  <c r="C1501" i="10"/>
  <c r="C1502" i="10"/>
  <c r="C1503" i="10"/>
  <c r="C1504" i="10"/>
  <c r="C1505" i="10"/>
  <c r="C1506" i="10"/>
  <c r="C1507" i="10"/>
  <c r="C1508" i="10"/>
  <c r="C1509" i="10"/>
  <c r="C1510" i="10"/>
  <c r="C1511" i="10"/>
  <c r="C1512" i="10"/>
  <c r="C1513" i="10"/>
  <c r="C1514" i="10"/>
  <c r="C1515" i="10"/>
  <c r="C1516" i="10"/>
  <c r="C1517" i="10"/>
  <c r="C1518" i="10"/>
  <c r="C1519" i="10"/>
  <c r="C1520" i="10"/>
  <c r="C1521" i="10"/>
  <c r="C1522" i="10"/>
  <c r="C1523" i="10"/>
  <c r="C1524" i="10"/>
  <c r="C1525" i="10"/>
  <c r="C1526" i="10"/>
  <c r="C1527" i="10"/>
  <c r="C1528" i="10"/>
  <c r="C1529" i="10"/>
  <c r="C1530" i="10"/>
  <c r="C1531" i="10"/>
  <c r="C1532" i="10"/>
  <c r="C1533" i="10"/>
  <c r="C1534" i="10"/>
  <c r="C1535" i="10"/>
  <c r="C1536" i="10"/>
  <c r="C1537" i="10"/>
  <c r="C1538" i="10"/>
  <c r="C1539" i="10"/>
  <c r="C1540" i="10"/>
  <c r="C1541" i="10"/>
  <c r="C1542" i="10"/>
  <c r="C1543" i="10"/>
  <c r="C1544" i="10"/>
  <c r="C1545" i="10"/>
  <c r="C1546" i="10"/>
  <c r="C1547" i="10"/>
  <c r="C1548" i="10"/>
  <c r="C1549" i="10"/>
  <c r="C1550" i="10"/>
  <c r="C1551" i="10"/>
  <c r="C1552" i="10"/>
  <c r="C1553" i="10"/>
  <c r="C1554" i="10"/>
  <c r="C1555" i="10"/>
  <c r="C1556" i="10"/>
  <c r="C1557" i="10"/>
  <c r="C1558" i="10"/>
  <c r="C1559" i="10"/>
  <c r="C1560" i="10"/>
  <c r="C1561" i="10"/>
  <c r="C1562" i="10"/>
  <c r="C1563" i="10"/>
  <c r="C1564" i="10"/>
  <c r="C1565" i="10"/>
  <c r="C1566" i="10"/>
  <c r="C1567" i="10"/>
  <c r="C1568" i="10"/>
  <c r="C1569" i="10"/>
  <c r="C1570" i="10"/>
  <c r="C1571" i="10"/>
  <c r="C1572" i="10"/>
  <c r="C1573" i="10"/>
  <c r="C1574" i="10"/>
  <c r="C1575" i="10"/>
  <c r="C1576" i="10"/>
  <c r="C1577" i="10"/>
  <c r="C1578" i="10"/>
  <c r="C1579" i="10"/>
  <c r="C1580" i="10"/>
  <c r="C1581" i="10"/>
  <c r="C1582" i="10"/>
  <c r="C1583" i="10"/>
  <c r="C1584" i="10"/>
  <c r="C1585" i="10"/>
  <c r="C1586" i="10"/>
  <c r="C1587" i="10"/>
  <c r="C1588" i="10"/>
  <c r="C1589" i="10"/>
  <c r="C1590" i="10"/>
  <c r="C1591" i="10"/>
  <c r="C1592" i="10"/>
  <c r="C1593" i="10"/>
  <c r="C1594" i="10"/>
  <c r="C1595" i="10"/>
  <c r="C1596" i="10"/>
  <c r="C1597" i="10"/>
  <c r="C1598" i="10"/>
  <c r="C1599" i="10"/>
  <c r="C1600" i="10"/>
  <c r="C1601" i="10"/>
  <c r="C1602" i="10"/>
  <c r="C1603" i="10"/>
  <c r="C1604" i="10"/>
  <c r="C1605" i="10"/>
  <c r="C1606" i="10"/>
  <c r="C1607" i="10"/>
  <c r="C1608" i="10"/>
  <c r="C1609" i="10"/>
  <c r="C1610" i="10"/>
  <c r="C1611" i="10"/>
  <c r="C1612" i="10"/>
  <c r="C1613" i="10"/>
  <c r="C1614" i="10"/>
  <c r="C1615" i="10"/>
  <c r="C1616" i="10"/>
  <c r="C1617" i="10"/>
  <c r="C1618" i="10"/>
  <c r="C1619" i="10"/>
  <c r="C1620" i="10"/>
  <c r="C1621" i="10"/>
  <c r="C1622" i="10"/>
  <c r="C1623" i="10"/>
  <c r="C1624" i="10"/>
  <c r="C1625" i="10"/>
  <c r="C1626" i="10"/>
  <c r="C1627" i="10"/>
  <c r="C1628" i="10"/>
  <c r="C1629" i="10"/>
  <c r="C1630" i="10"/>
  <c r="C1631" i="10"/>
  <c r="C1632" i="10"/>
  <c r="C1633" i="10"/>
  <c r="C1634" i="10"/>
  <c r="C1635" i="10"/>
  <c r="C1636" i="10"/>
  <c r="C1637" i="10"/>
  <c r="C1638" i="10"/>
  <c r="C1639" i="10"/>
  <c r="C1640" i="10"/>
  <c r="C1641" i="10"/>
  <c r="C1642" i="10"/>
  <c r="C1643" i="10"/>
  <c r="C1644" i="10"/>
  <c r="C1645" i="10"/>
  <c r="C1646" i="10"/>
  <c r="C1647" i="10"/>
  <c r="C1648" i="10"/>
  <c r="C1649" i="10"/>
  <c r="C1650" i="10"/>
  <c r="C1651" i="10"/>
  <c r="C1652" i="10"/>
  <c r="C1653" i="10"/>
  <c r="C1654" i="10"/>
  <c r="C1655" i="10"/>
  <c r="C1656" i="10"/>
  <c r="C1657" i="10"/>
  <c r="C1658" i="10"/>
  <c r="C1659" i="10"/>
  <c r="C1660" i="10"/>
  <c r="C1661" i="10"/>
  <c r="C1662" i="10"/>
  <c r="C1663" i="10"/>
  <c r="C1664" i="10"/>
  <c r="C1665" i="10"/>
  <c r="C1666" i="10"/>
  <c r="C1667" i="10"/>
  <c r="C1668" i="10"/>
  <c r="C1669" i="10"/>
  <c r="C1670" i="10"/>
  <c r="C1671" i="10"/>
  <c r="C1672" i="10"/>
  <c r="C1673" i="10"/>
  <c r="C1674" i="10"/>
  <c r="C1675" i="10"/>
  <c r="C1676" i="10"/>
  <c r="C1677" i="10"/>
  <c r="C1678" i="10"/>
  <c r="C1679" i="10"/>
  <c r="C1680" i="10"/>
  <c r="C1681" i="10"/>
  <c r="C1682" i="10"/>
  <c r="C1683" i="10"/>
  <c r="C1684" i="10"/>
  <c r="C1685" i="10"/>
  <c r="C1686" i="10"/>
  <c r="C1687" i="10"/>
  <c r="C1688" i="10"/>
  <c r="C1689" i="10"/>
  <c r="C1690" i="10"/>
  <c r="C1691" i="10"/>
  <c r="C1692" i="10"/>
  <c r="C1693" i="10"/>
  <c r="C1694" i="10"/>
  <c r="C1695" i="10"/>
  <c r="C1696" i="10"/>
  <c r="C1697" i="10"/>
  <c r="C1698" i="10"/>
  <c r="C1699" i="10"/>
  <c r="C1700" i="10"/>
  <c r="C1701" i="10"/>
  <c r="C1702" i="10"/>
  <c r="C1703" i="10"/>
  <c r="C1704" i="10"/>
  <c r="C1705" i="10"/>
  <c r="C1706" i="10"/>
  <c r="C1707" i="10"/>
  <c r="C1708" i="10"/>
  <c r="C1709" i="10"/>
  <c r="C1710" i="10"/>
  <c r="C1711" i="10"/>
  <c r="C1712" i="10"/>
  <c r="C1713" i="10"/>
  <c r="C1714" i="10"/>
  <c r="C1715" i="10"/>
  <c r="C1716" i="10"/>
  <c r="C1717" i="10"/>
  <c r="C1718" i="10"/>
  <c r="C1719" i="10"/>
  <c r="C1720" i="10"/>
  <c r="C1721" i="10"/>
  <c r="C1722" i="10"/>
  <c r="C1723" i="10"/>
  <c r="C1724" i="10"/>
  <c r="C1725" i="10"/>
  <c r="C1726" i="10"/>
  <c r="C1727" i="10"/>
  <c r="C1728" i="10"/>
  <c r="C1729" i="10"/>
  <c r="C1730" i="10"/>
  <c r="C1731" i="10"/>
  <c r="C1732" i="10"/>
  <c r="C1733" i="10"/>
  <c r="C1734" i="10"/>
  <c r="C1735" i="10"/>
  <c r="C1736" i="10"/>
  <c r="C1737" i="10"/>
  <c r="C1738" i="10"/>
  <c r="C1739" i="10"/>
  <c r="C1740" i="10"/>
  <c r="C1741" i="10"/>
  <c r="C1742" i="10"/>
  <c r="C1743" i="10"/>
  <c r="C1744" i="10"/>
  <c r="C1745" i="10"/>
  <c r="C1746" i="10"/>
  <c r="C1747" i="10"/>
  <c r="C1748" i="10"/>
  <c r="C1749" i="10"/>
  <c r="C1750" i="10"/>
  <c r="C1751" i="10"/>
  <c r="C1752" i="10"/>
  <c r="C1753" i="10"/>
  <c r="C1754" i="10"/>
  <c r="C1755" i="10"/>
  <c r="C1756" i="10"/>
  <c r="C1757" i="10"/>
  <c r="C1758" i="10"/>
  <c r="C1759" i="10"/>
  <c r="C1760" i="10"/>
  <c r="C1761" i="10"/>
  <c r="C1762" i="10"/>
  <c r="C1763" i="10"/>
  <c r="C1764" i="10"/>
  <c r="C1765" i="10"/>
  <c r="C1766" i="10"/>
  <c r="C1767" i="10"/>
  <c r="C1768" i="10"/>
  <c r="C1769" i="10"/>
  <c r="C1770" i="10"/>
  <c r="C1771" i="10"/>
  <c r="C1772" i="10"/>
  <c r="C1773" i="10"/>
  <c r="C1774" i="10"/>
  <c r="C1775" i="10"/>
  <c r="C1776" i="10"/>
  <c r="C1777" i="10"/>
  <c r="C1778" i="10"/>
  <c r="C1779" i="10"/>
  <c r="C1780" i="10"/>
  <c r="C1781" i="10"/>
  <c r="C1782" i="10"/>
  <c r="C1783" i="10"/>
  <c r="C1784" i="10"/>
  <c r="C1785" i="10"/>
  <c r="C1786" i="10"/>
  <c r="C1787" i="10"/>
  <c r="C1788" i="10"/>
  <c r="C1789" i="10"/>
  <c r="C1790" i="10"/>
  <c r="C1791" i="10"/>
  <c r="C1792" i="10"/>
  <c r="C1793" i="10"/>
  <c r="C1794" i="10"/>
  <c r="C1795" i="10"/>
  <c r="C1796" i="10"/>
  <c r="C1797" i="10"/>
  <c r="C1798" i="10"/>
  <c r="C1799" i="10"/>
  <c r="C1800" i="10"/>
  <c r="C1801" i="10"/>
  <c r="C1802" i="10"/>
  <c r="C1803" i="10"/>
  <c r="C1804" i="10"/>
  <c r="C1805" i="10"/>
  <c r="C1806" i="10"/>
  <c r="C1807" i="10"/>
  <c r="C1808" i="10"/>
  <c r="C1809" i="10"/>
  <c r="C1810" i="10"/>
  <c r="C1811" i="10"/>
  <c r="C1812" i="10"/>
  <c r="C1813" i="10"/>
  <c r="C1814" i="10"/>
  <c r="C1815" i="10"/>
  <c r="C1816" i="10"/>
  <c r="C1817" i="10"/>
  <c r="C1818" i="10"/>
  <c r="C1819" i="10"/>
  <c r="C1820" i="10"/>
  <c r="C1821" i="10"/>
  <c r="C1822" i="10"/>
  <c r="C1823" i="10"/>
  <c r="C1824" i="10"/>
  <c r="C1825" i="10"/>
  <c r="C1826" i="10"/>
  <c r="C1827" i="10"/>
  <c r="C1828" i="10"/>
  <c r="C1829" i="10"/>
  <c r="C1830" i="10"/>
  <c r="C1831" i="10"/>
  <c r="C1832" i="10"/>
  <c r="C1833" i="10"/>
  <c r="C1834" i="10"/>
  <c r="C1835" i="10"/>
  <c r="C1836" i="10"/>
  <c r="C1837" i="10"/>
  <c r="C1838" i="10"/>
  <c r="C1839" i="10"/>
  <c r="C1840" i="10"/>
  <c r="C1841" i="10"/>
  <c r="C1842" i="10"/>
  <c r="C1843" i="10"/>
  <c r="C1844" i="10"/>
  <c r="C1845" i="10"/>
  <c r="C1846" i="10"/>
  <c r="C1847" i="10"/>
  <c r="C1848" i="10"/>
  <c r="C1849" i="10"/>
  <c r="C1850" i="10"/>
  <c r="C1851" i="10"/>
  <c r="C1852" i="10"/>
  <c r="C1853" i="10"/>
  <c r="C1854" i="10"/>
  <c r="C1855" i="10"/>
  <c r="C1856" i="10"/>
  <c r="C1857" i="10"/>
  <c r="C1858" i="10"/>
  <c r="C1859" i="10"/>
  <c r="C1860" i="10"/>
  <c r="C1861" i="10"/>
  <c r="C1862" i="10"/>
  <c r="C1863" i="10"/>
  <c r="C1864" i="10"/>
  <c r="C1865" i="10"/>
  <c r="C1866" i="10"/>
  <c r="C1867" i="10"/>
  <c r="C1868" i="10"/>
  <c r="C1869" i="10"/>
  <c r="C1870" i="10"/>
  <c r="C1871" i="10"/>
  <c r="C1872" i="10"/>
  <c r="C1873" i="10"/>
  <c r="C1874" i="10"/>
  <c r="C1875" i="10"/>
  <c r="C1876" i="10"/>
  <c r="C1877" i="10"/>
  <c r="C1878" i="10"/>
  <c r="C1879" i="10"/>
  <c r="C1880" i="10"/>
  <c r="C1881" i="10"/>
  <c r="C1882" i="10"/>
  <c r="C1883" i="10"/>
  <c r="C1884" i="10"/>
  <c r="C1885" i="10"/>
  <c r="C1886" i="10"/>
  <c r="C1887" i="10"/>
  <c r="C1888" i="10"/>
  <c r="C1889" i="10"/>
  <c r="C1890" i="10"/>
  <c r="C1891" i="10"/>
  <c r="C1892" i="10"/>
  <c r="C1893" i="10"/>
  <c r="C1894" i="10"/>
  <c r="C1895" i="10"/>
  <c r="C1896" i="10"/>
  <c r="C1897" i="10"/>
  <c r="C1898" i="10"/>
  <c r="C1899" i="10"/>
  <c r="C1900" i="10"/>
  <c r="C1901" i="10"/>
  <c r="C1902" i="10"/>
  <c r="C1903" i="10"/>
  <c r="C1904" i="10"/>
  <c r="C1905" i="10"/>
  <c r="C1906" i="10"/>
  <c r="C1907" i="10"/>
  <c r="C1908" i="10"/>
  <c r="C1909" i="10"/>
  <c r="C1910" i="10"/>
  <c r="C1911" i="10"/>
  <c r="C1912" i="10"/>
  <c r="C1913" i="10"/>
  <c r="C1914" i="10"/>
  <c r="C1915" i="10"/>
  <c r="C1916" i="10"/>
  <c r="C1917" i="10"/>
  <c r="C1918" i="10"/>
  <c r="C1919" i="10"/>
  <c r="C1920" i="10"/>
  <c r="C1921" i="10"/>
  <c r="C1922" i="10"/>
  <c r="C1923" i="10"/>
  <c r="C1924" i="10"/>
  <c r="C1925" i="10"/>
  <c r="C1926" i="10"/>
  <c r="C1927" i="10"/>
  <c r="C1928" i="10"/>
  <c r="C1929" i="10"/>
  <c r="C1930" i="10"/>
  <c r="C1931" i="10"/>
  <c r="C1932" i="10"/>
  <c r="C1933" i="10"/>
  <c r="C1934" i="10"/>
  <c r="C1935" i="10"/>
  <c r="C1936" i="10"/>
  <c r="C1937" i="10"/>
  <c r="C1938" i="10"/>
  <c r="C1939" i="10"/>
  <c r="C1940" i="10"/>
  <c r="C1941" i="10"/>
  <c r="C1942" i="10"/>
  <c r="C1943" i="10"/>
  <c r="C1944" i="10"/>
  <c r="C1945" i="10"/>
  <c r="C1946" i="10"/>
  <c r="C1947" i="10"/>
  <c r="C1948" i="10"/>
  <c r="C1949" i="10"/>
  <c r="C1950" i="10"/>
  <c r="C1951" i="10"/>
  <c r="C1952" i="10"/>
  <c r="C1953" i="10"/>
  <c r="C1954" i="10"/>
  <c r="C1955" i="10"/>
  <c r="C1956" i="10"/>
  <c r="C1957" i="10"/>
  <c r="C1958" i="10"/>
  <c r="C1959" i="10"/>
  <c r="C1960" i="10"/>
  <c r="C1961" i="10"/>
  <c r="C1962" i="10"/>
  <c r="C1963" i="10"/>
  <c r="C1964" i="10"/>
  <c r="C1965" i="10"/>
  <c r="C1966" i="10"/>
  <c r="C1967" i="10"/>
  <c r="C1968" i="10"/>
  <c r="C1969" i="10"/>
  <c r="C1970" i="10"/>
  <c r="C1971" i="10"/>
  <c r="C1972" i="10"/>
  <c r="C1973" i="10"/>
  <c r="C1974" i="10"/>
  <c r="C1975" i="10"/>
  <c r="C1976" i="10"/>
  <c r="C1977" i="10"/>
  <c r="C1978" i="10"/>
  <c r="C1979" i="10"/>
  <c r="C1980" i="10"/>
  <c r="C1981" i="10"/>
  <c r="C1982" i="10"/>
  <c r="C1983" i="10"/>
  <c r="C1984" i="10"/>
  <c r="C1985" i="10"/>
  <c r="C1986" i="10"/>
  <c r="C1987" i="10"/>
  <c r="C1988" i="10"/>
  <c r="C1989" i="10"/>
  <c r="C1990" i="10"/>
  <c r="C1991" i="10"/>
  <c r="C1992" i="10"/>
  <c r="C1993" i="10"/>
  <c r="C1994" i="10"/>
  <c r="C1995" i="10"/>
  <c r="C1996" i="10"/>
  <c r="C1997" i="10"/>
  <c r="C1998" i="10"/>
  <c r="C1999" i="10"/>
  <c r="C2000" i="10"/>
  <c r="C2001" i="10"/>
  <c r="C2002" i="10"/>
  <c r="C2003" i="10"/>
  <c r="C2004" i="10"/>
  <c r="C2005" i="10"/>
  <c r="C2006" i="10"/>
  <c r="C2007" i="10"/>
  <c r="C2008" i="10"/>
  <c r="C2009" i="10"/>
  <c r="C2010" i="10"/>
  <c r="C2011" i="10"/>
  <c r="C2012" i="10"/>
  <c r="C2013" i="10"/>
  <c r="C2014" i="10"/>
  <c r="C2015" i="10"/>
  <c r="C2016" i="10"/>
  <c r="C2017" i="10"/>
  <c r="C2018" i="10"/>
  <c r="C2019" i="10"/>
  <c r="C2020" i="10"/>
  <c r="C2021" i="10"/>
  <c r="C2022" i="10"/>
  <c r="C2023" i="10"/>
  <c r="C2024" i="10"/>
  <c r="C2025" i="10"/>
  <c r="C2026" i="10"/>
  <c r="C2027" i="10"/>
  <c r="C2028" i="10"/>
  <c r="C2029" i="10"/>
  <c r="C2030" i="10"/>
  <c r="C2031" i="10"/>
  <c r="C2032" i="10"/>
  <c r="C2033" i="10"/>
  <c r="C2034" i="10"/>
  <c r="C2035" i="10"/>
  <c r="C2036" i="10"/>
  <c r="C2037" i="10"/>
  <c r="C2038" i="10"/>
  <c r="C2039" i="10"/>
  <c r="C2040" i="10"/>
  <c r="C2041" i="10"/>
  <c r="C2042" i="10"/>
  <c r="C2043" i="10"/>
  <c r="C2044" i="10"/>
  <c r="C2045" i="10"/>
  <c r="C2046" i="10"/>
  <c r="C2047" i="10"/>
  <c r="C2048" i="10"/>
  <c r="C2049" i="10"/>
  <c r="C2050" i="10"/>
  <c r="C2051" i="10"/>
  <c r="C2052" i="10"/>
  <c r="C2053" i="10"/>
  <c r="C2054" i="10"/>
  <c r="C2055" i="10"/>
  <c r="C2056" i="10"/>
  <c r="C2057" i="10"/>
  <c r="C2058" i="10"/>
  <c r="C2059" i="10"/>
  <c r="C2060" i="10"/>
  <c r="C2061" i="10"/>
  <c r="C2062" i="10"/>
  <c r="C2063" i="10"/>
  <c r="C2064" i="10"/>
  <c r="C2065" i="10"/>
  <c r="C2066" i="10"/>
  <c r="C2067" i="10"/>
  <c r="C2068" i="10"/>
  <c r="C2069" i="10"/>
  <c r="C2070" i="10"/>
  <c r="C2071" i="10"/>
  <c r="C2072" i="10"/>
  <c r="C2073" i="10"/>
  <c r="C2074" i="10"/>
  <c r="C2075" i="10"/>
  <c r="C2076" i="10"/>
  <c r="C2077" i="10"/>
  <c r="C2078" i="10"/>
  <c r="C2079" i="10"/>
  <c r="C2080" i="10"/>
  <c r="C2081" i="10"/>
  <c r="C2082" i="10"/>
  <c r="C2083" i="10"/>
  <c r="C2084" i="10"/>
  <c r="C2085" i="10"/>
  <c r="C2086" i="10"/>
  <c r="C2087" i="10"/>
  <c r="C2088" i="10"/>
  <c r="C2089" i="10"/>
  <c r="C2090" i="10"/>
  <c r="C2091" i="10"/>
  <c r="C2092" i="10"/>
  <c r="C2093" i="10"/>
  <c r="C2094" i="10"/>
  <c r="C2095" i="10"/>
  <c r="C2096" i="10"/>
  <c r="C2097" i="10"/>
  <c r="C2098" i="10"/>
  <c r="C2099" i="10"/>
  <c r="C2100" i="10"/>
  <c r="C2101" i="10"/>
  <c r="C2102" i="10"/>
  <c r="C2103" i="10"/>
  <c r="C2104" i="10"/>
  <c r="C2105" i="10"/>
  <c r="C2106" i="10"/>
  <c r="C2107" i="10"/>
  <c r="C2108" i="10"/>
  <c r="C2109" i="10"/>
  <c r="C2110" i="10"/>
  <c r="C2111" i="10"/>
  <c r="C2112" i="10"/>
  <c r="C2113" i="10"/>
  <c r="C2114" i="10"/>
  <c r="C2115" i="10"/>
  <c r="C2116" i="10"/>
  <c r="C2117" i="10"/>
  <c r="C2118" i="10"/>
  <c r="C2119" i="10"/>
  <c r="C2120" i="10"/>
  <c r="C2121" i="10"/>
  <c r="C2122" i="10"/>
  <c r="C2123" i="10"/>
  <c r="C2124" i="10"/>
  <c r="C2125" i="10"/>
  <c r="C2126" i="10"/>
  <c r="C2127" i="10"/>
  <c r="C2128" i="10"/>
  <c r="C2129" i="10"/>
  <c r="C2130" i="10"/>
  <c r="C2131" i="10"/>
  <c r="C2132" i="10"/>
  <c r="C2133" i="10"/>
  <c r="C2134" i="10"/>
  <c r="C2135" i="10"/>
  <c r="C2136" i="10"/>
  <c r="C2137" i="10"/>
  <c r="C2138" i="10"/>
  <c r="C2139" i="10"/>
  <c r="C2140" i="10"/>
  <c r="C2141" i="10"/>
  <c r="C2142" i="10"/>
  <c r="C2143" i="10"/>
  <c r="C2144" i="10"/>
  <c r="C2145" i="10"/>
  <c r="C2146" i="10"/>
  <c r="C2147" i="10"/>
  <c r="C2148" i="10"/>
  <c r="C2149" i="10"/>
  <c r="C2150" i="10"/>
  <c r="C2151" i="10"/>
  <c r="C2152" i="10"/>
  <c r="C2153" i="10"/>
  <c r="C2154" i="10"/>
  <c r="C2155" i="10"/>
  <c r="C2156" i="10"/>
  <c r="C2157" i="10"/>
  <c r="C2158" i="10"/>
  <c r="C2159" i="10"/>
  <c r="C2160" i="10"/>
  <c r="C2161" i="10"/>
  <c r="C2162" i="10"/>
  <c r="C2163" i="10"/>
  <c r="C2164" i="10"/>
  <c r="C2165" i="10"/>
  <c r="C2166" i="10"/>
  <c r="C2167" i="10"/>
  <c r="C2168" i="10"/>
  <c r="C2169" i="10"/>
  <c r="C2170" i="10"/>
  <c r="C2171" i="10"/>
  <c r="C2172" i="10"/>
  <c r="C2173" i="10"/>
  <c r="C2174" i="10"/>
  <c r="C2175" i="10"/>
  <c r="C2176" i="10"/>
  <c r="C2177" i="10"/>
  <c r="C2178" i="10"/>
  <c r="C2179" i="10"/>
  <c r="C2180" i="10"/>
  <c r="C2181" i="10"/>
  <c r="C2182" i="10"/>
  <c r="C2183" i="10"/>
  <c r="C2184" i="10"/>
  <c r="C2185" i="10"/>
  <c r="C2186" i="10"/>
  <c r="C2187" i="10"/>
  <c r="C2188" i="10"/>
  <c r="C2189" i="10"/>
  <c r="C2190" i="10"/>
  <c r="C2191" i="10"/>
  <c r="C2192" i="10"/>
  <c r="C2193" i="10"/>
  <c r="C2194" i="10"/>
  <c r="C2195" i="10"/>
  <c r="C2196" i="10"/>
  <c r="C2197" i="10"/>
  <c r="C2198" i="10"/>
  <c r="C2199" i="10"/>
  <c r="C2200" i="10"/>
  <c r="C2201" i="10"/>
  <c r="C2202" i="10"/>
  <c r="C2203" i="10"/>
  <c r="C2204" i="10"/>
  <c r="C2205" i="10"/>
  <c r="C2206" i="10"/>
  <c r="C2207" i="10"/>
  <c r="C2208" i="10"/>
  <c r="C2209" i="10"/>
  <c r="C2210" i="10"/>
  <c r="C2211" i="10"/>
  <c r="C2212" i="10"/>
  <c r="C2213" i="10"/>
  <c r="C2214" i="10"/>
  <c r="C2215" i="10"/>
  <c r="C2216" i="10"/>
  <c r="C2217" i="10"/>
  <c r="C2218" i="10"/>
  <c r="C2219" i="10"/>
  <c r="C2220" i="10"/>
  <c r="C2221" i="10"/>
  <c r="C2222" i="10"/>
  <c r="C2223" i="10"/>
  <c r="C2224" i="10"/>
  <c r="C2225" i="10"/>
  <c r="C2226" i="10"/>
  <c r="C2227" i="10"/>
  <c r="C2228" i="10"/>
  <c r="C2229" i="10"/>
  <c r="C2230" i="10"/>
  <c r="C2231" i="10"/>
  <c r="C2232" i="10"/>
  <c r="C2233" i="10"/>
  <c r="C2234" i="10"/>
  <c r="C2235" i="10"/>
  <c r="C2236" i="10"/>
  <c r="C2237" i="10"/>
  <c r="C2238" i="10"/>
  <c r="C2239" i="10"/>
  <c r="C2240" i="10"/>
  <c r="C2241" i="10"/>
  <c r="C2242" i="10"/>
  <c r="C2243" i="10"/>
  <c r="C2244" i="10"/>
  <c r="C2245" i="10"/>
  <c r="C2246" i="10"/>
  <c r="C2247" i="10"/>
  <c r="C2248" i="10"/>
  <c r="C2249" i="10"/>
  <c r="C2250" i="10"/>
  <c r="C2251" i="10"/>
  <c r="C2252" i="10"/>
  <c r="C2253" i="10"/>
  <c r="C2254" i="10"/>
  <c r="C2255" i="10"/>
  <c r="C2256" i="10"/>
  <c r="C2257" i="10"/>
  <c r="C2258" i="10"/>
  <c r="C2259" i="10"/>
  <c r="C2260" i="10"/>
  <c r="C2261" i="10"/>
  <c r="C2262" i="10"/>
  <c r="C2263" i="10"/>
  <c r="C2264" i="10"/>
  <c r="C2265" i="10"/>
  <c r="C2266" i="10"/>
  <c r="C2267" i="10"/>
  <c r="C2268" i="10"/>
  <c r="C2269" i="10"/>
  <c r="C2270" i="10"/>
  <c r="C2271" i="10"/>
  <c r="C2272" i="10"/>
  <c r="C2273" i="10"/>
  <c r="C2274" i="10"/>
  <c r="C2275" i="10"/>
  <c r="C2276" i="10"/>
  <c r="C2277" i="10"/>
  <c r="C2278" i="10"/>
  <c r="C2279" i="10"/>
  <c r="C2280" i="10"/>
  <c r="C2281" i="10"/>
  <c r="C2282" i="10"/>
  <c r="C2283" i="10"/>
  <c r="C2284" i="10"/>
  <c r="C2285" i="10"/>
  <c r="C2286" i="10"/>
  <c r="C2287" i="10"/>
  <c r="C2288" i="10"/>
  <c r="C2289" i="10"/>
  <c r="C2290" i="10"/>
  <c r="C2291" i="10"/>
  <c r="C2292" i="10"/>
  <c r="C2293" i="10"/>
  <c r="C2294" i="10"/>
  <c r="C2295" i="10"/>
  <c r="C2296" i="10"/>
  <c r="C2297" i="10"/>
  <c r="C2298" i="10"/>
  <c r="C2299" i="10"/>
  <c r="C2300" i="10"/>
  <c r="C2301" i="10"/>
  <c r="C2302" i="10"/>
  <c r="C2303" i="10"/>
  <c r="C2304" i="10"/>
  <c r="C2305" i="10"/>
  <c r="C2306" i="10"/>
  <c r="C2307" i="10"/>
  <c r="C2308" i="10"/>
  <c r="C2309" i="10"/>
  <c r="C2310" i="10"/>
  <c r="C2311" i="10"/>
  <c r="C2312" i="10"/>
  <c r="C2313" i="10"/>
  <c r="C2314" i="10"/>
  <c r="C2315" i="10"/>
  <c r="C2316" i="10"/>
  <c r="C2317" i="10"/>
  <c r="C2318" i="10"/>
  <c r="C2319" i="10"/>
  <c r="C2320" i="10"/>
  <c r="C2321" i="10"/>
  <c r="C2322" i="10"/>
  <c r="C2323" i="10"/>
  <c r="C2324" i="10"/>
  <c r="C2325" i="10"/>
  <c r="C2326" i="10"/>
  <c r="C2327" i="10"/>
  <c r="C2328" i="10"/>
  <c r="C2329" i="10"/>
  <c r="C2330" i="10"/>
  <c r="C2331" i="10"/>
  <c r="C2332" i="10"/>
  <c r="C2333" i="10"/>
  <c r="C2334" i="10"/>
  <c r="C2335" i="10"/>
  <c r="C2336" i="10"/>
  <c r="C2337" i="10"/>
  <c r="C2338" i="10"/>
  <c r="C2339" i="10"/>
  <c r="C2340" i="10"/>
  <c r="C2341" i="10"/>
  <c r="C2342" i="10"/>
  <c r="C2343" i="10"/>
  <c r="C2344" i="10"/>
  <c r="C2345" i="10"/>
  <c r="C2346" i="10"/>
  <c r="C2347" i="10"/>
  <c r="C2348" i="10"/>
  <c r="C2349" i="10"/>
  <c r="C2350" i="10"/>
  <c r="C2351" i="10"/>
  <c r="C2352" i="10"/>
  <c r="C2353" i="10"/>
  <c r="C2354" i="10"/>
  <c r="C2355" i="10"/>
  <c r="C2356" i="10"/>
  <c r="C2357" i="10"/>
  <c r="C2358" i="10"/>
  <c r="C2359" i="10"/>
  <c r="C2360" i="10"/>
  <c r="C2361" i="10"/>
  <c r="C2362" i="10"/>
  <c r="C2363" i="10"/>
  <c r="C2364" i="10"/>
  <c r="C2365" i="10"/>
  <c r="C2366" i="10"/>
  <c r="C2367" i="10"/>
  <c r="C2368" i="10"/>
  <c r="C2369" i="10"/>
  <c r="C2370" i="10"/>
  <c r="C2371" i="10"/>
  <c r="C2372" i="10"/>
  <c r="C2373" i="10"/>
  <c r="C2374" i="10"/>
  <c r="C2375" i="10"/>
  <c r="C2376" i="10"/>
  <c r="C2377" i="10"/>
  <c r="C2378" i="10"/>
  <c r="C2379" i="10"/>
  <c r="C2380" i="10"/>
  <c r="C2381" i="10"/>
  <c r="C2382" i="10"/>
  <c r="C2383" i="10"/>
  <c r="C2384" i="10"/>
  <c r="C2385" i="10"/>
  <c r="C2386" i="10"/>
  <c r="C2387" i="10"/>
  <c r="C2388" i="10"/>
  <c r="C2389" i="10"/>
  <c r="C2390" i="10"/>
  <c r="C2391" i="10"/>
  <c r="C2392" i="10"/>
  <c r="C2393" i="10"/>
  <c r="C2394" i="10"/>
  <c r="C2395" i="10"/>
  <c r="C2396" i="10"/>
  <c r="C2397" i="10"/>
  <c r="C2398" i="10"/>
  <c r="C2399" i="10"/>
  <c r="C2400" i="10"/>
  <c r="C2401" i="10"/>
  <c r="C2402" i="10"/>
  <c r="C2403" i="10"/>
  <c r="C2404" i="10"/>
  <c r="C2405" i="10"/>
  <c r="C2406" i="10"/>
  <c r="C2407" i="10"/>
  <c r="C2408" i="10"/>
  <c r="C2409" i="10"/>
  <c r="C2410" i="10"/>
  <c r="C2411" i="10"/>
  <c r="C2412" i="10"/>
  <c r="C2413" i="10"/>
  <c r="C2414" i="10"/>
  <c r="C2415" i="10"/>
  <c r="C2416" i="10"/>
  <c r="C2417" i="10"/>
  <c r="C2418" i="10"/>
  <c r="C2419" i="10"/>
  <c r="C2420" i="10"/>
  <c r="C2421" i="10"/>
  <c r="C2422" i="10"/>
  <c r="C2423" i="10"/>
  <c r="C2424" i="10"/>
  <c r="C2425" i="10"/>
  <c r="C2426" i="10"/>
  <c r="C2427" i="10"/>
  <c r="C2428" i="10"/>
  <c r="C2429" i="10"/>
  <c r="C2430" i="10"/>
  <c r="C2431" i="10"/>
  <c r="C2432" i="10"/>
  <c r="C2433" i="10"/>
  <c r="C2434" i="10"/>
  <c r="C2435" i="10"/>
  <c r="C2436" i="10"/>
  <c r="C2437" i="10"/>
  <c r="C2438" i="10"/>
  <c r="C2439" i="10"/>
  <c r="C2440" i="10"/>
  <c r="C2441" i="10"/>
  <c r="C2442" i="10"/>
  <c r="C2443" i="10"/>
  <c r="C2444" i="10"/>
  <c r="C2445" i="10"/>
  <c r="C2446" i="10"/>
  <c r="C2447" i="10"/>
  <c r="C2448" i="10"/>
  <c r="C2449" i="10"/>
  <c r="C2450" i="10"/>
  <c r="C2451" i="10"/>
  <c r="C2452" i="10"/>
  <c r="C2453" i="10"/>
  <c r="C2454" i="10"/>
  <c r="C2455" i="10"/>
  <c r="C2456" i="10"/>
  <c r="C2457" i="10"/>
  <c r="C2458" i="10"/>
  <c r="C2459" i="10"/>
  <c r="C2460" i="10"/>
  <c r="C2461" i="10"/>
  <c r="C2462" i="10"/>
  <c r="C2463" i="10"/>
  <c r="C2464" i="10"/>
  <c r="C2465" i="10"/>
  <c r="C2466" i="10"/>
  <c r="C2467" i="10"/>
  <c r="C2468" i="10"/>
  <c r="C2469" i="10"/>
  <c r="C2470" i="10"/>
  <c r="C2471" i="10"/>
  <c r="C2472" i="10"/>
  <c r="C2473" i="10"/>
  <c r="C2474" i="10"/>
  <c r="C2475" i="10"/>
  <c r="C2476" i="10"/>
  <c r="C2477" i="10"/>
  <c r="C2478" i="10"/>
  <c r="C2479" i="10"/>
  <c r="C2480" i="10"/>
  <c r="C2481" i="10"/>
  <c r="C2482" i="10"/>
  <c r="C2483" i="10"/>
  <c r="C2484" i="10"/>
  <c r="C2485" i="10"/>
  <c r="C2486" i="10"/>
  <c r="C2487" i="10"/>
  <c r="C2488" i="10"/>
  <c r="C2489" i="10"/>
  <c r="C2490" i="10"/>
  <c r="C2491" i="10"/>
  <c r="C2492" i="10"/>
  <c r="C2493" i="10"/>
  <c r="C2494" i="10"/>
  <c r="C2495" i="10"/>
  <c r="C2496" i="10"/>
  <c r="C2497" i="10"/>
  <c r="C2498" i="10"/>
  <c r="C2499" i="10"/>
  <c r="C2500" i="10"/>
  <c r="C2501" i="10"/>
  <c r="C2502" i="10"/>
  <c r="C2503" i="10"/>
  <c r="C2504" i="10"/>
  <c r="C2505" i="10"/>
  <c r="C2506" i="10"/>
  <c r="C2507" i="10"/>
  <c r="C2508" i="10"/>
  <c r="C2509" i="10"/>
  <c r="C2510" i="10"/>
  <c r="C2511" i="10"/>
  <c r="C2512" i="10"/>
  <c r="C2513" i="10"/>
  <c r="C2514" i="10"/>
  <c r="C2515" i="10"/>
  <c r="C2516" i="10"/>
  <c r="C2517" i="10"/>
  <c r="C2518" i="10"/>
  <c r="C2519" i="10"/>
  <c r="C2520" i="10"/>
  <c r="C2521" i="10"/>
  <c r="C2522" i="10"/>
  <c r="C2523" i="10"/>
  <c r="C2524" i="10"/>
  <c r="C2525" i="10"/>
  <c r="C2526" i="10"/>
  <c r="C2527" i="10"/>
  <c r="C2528" i="10"/>
  <c r="C2529" i="10"/>
  <c r="C2530" i="10"/>
  <c r="C2531" i="10"/>
  <c r="C2532" i="10"/>
  <c r="C2533" i="10"/>
  <c r="C2534" i="10"/>
  <c r="C2535" i="10"/>
  <c r="C2536" i="10"/>
  <c r="C2537" i="10"/>
  <c r="C2538" i="10"/>
  <c r="C2539" i="10"/>
  <c r="C2540" i="10"/>
  <c r="C2541" i="10"/>
  <c r="C2542" i="10"/>
  <c r="C2543" i="10"/>
  <c r="C2544" i="10"/>
  <c r="C2545" i="10"/>
  <c r="C2546" i="10"/>
  <c r="C2547" i="10"/>
  <c r="C2548" i="10"/>
  <c r="C2549" i="10"/>
  <c r="C2550" i="10"/>
  <c r="C2551" i="10"/>
  <c r="C2552" i="10"/>
  <c r="C2553" i="10"/>
  <c r="C2554" i="10"/>
  <c r="C2555" i="10"/>
  <c r="C2556" i="10"/>
  <c r="C2557" i="10"/>
  <c r="C2558" i="10"/>
  <c r="C2559" i="10"/>
  <c r="C2560" i="10"/>
  <c r="C2561" i="10"/>
  <c r="C2562" i="10"/>
  <c r="C2563" i="10"/>
  <c r="C2564" i="10"/>
  <c r="C2565" i="10"/>
  <c r="C2566" i="10"/>
  <c r="C2567" i="10"/>
  <c r="C2568" i="10"/>
  <c r="C2569" i="10"/>
  <c r="C2570" i="10"/>
  <c r="C2571" i="10"/>
  <c r="C2572" i="10"/>
  <c r="C2573" i="10"/>
  <c r="C2574" i="10"/>
  <c r="C2575" i="10"/>
  <c r="C2576" i="10"/>
  <c r="C2577" i="10"/>
  <c r="C2578" i="10"/>
  <c r="C2579" i="10"/>
  <c r="C2580" i="10"/>
  <c r="C2581" i="10"/>
  <c r="C2582" i="10"/>
  <c r="C2583" i="10"/>
  <c r="C2584" i="10"/>
  <c r="C2585" i="10"/>
  <c r="C2586" i="10"/>
  <c r="C2587" i="10"/>
  <c r="C2588" i="10"/>
  <c r="C2589" i="10"/>
  <c r="C2590" i="10"/>
  <c r="C2591" i="10"/>
  <c r="C2592" i="10"/>
  <c r="C2593" i="10"/>
  <c r="C2594" i="10"/>
  <c r="C2595" i="10"/>
  <c r="C2596" i="10"/>
  <c r="C2597" i="10"/>
  <c r="C2598" i="10"/>
  <c r="C2599" i="10"/>
  <c r="C2600" i="10"/>
  <c r="C2601" i="10"/>
  <c r="C2602" i="10"/>
  <c r="C2603" i="10"/>
  <c r="C2604" i="10"/>
  <c r="C2605" i="10"/>
  <c r="C2606" i="10"/>
  <c r="C2607" i="10"/>
  <c r="C2608" i="10"/>
  <c r="C2609" i="10"/>
  <c r="C2610" i="10"/>
  <c r="C2611" i="10"/>
  <c r="C2612" i="10"/>
  <c r="C2613" i="10"/>
  <c r="C2614" i="10"/>
  <c r="C2615" i="10"/>
  <c r="C2616" i="10"/>
  <c r="C2617" i="10"/>
  <c r="C2618" i="10"/>
  <c r="C2619" i="10"/>
  <c r="C2620" i="10"/>
  <c r="C2621" i="10"/>
  <c r="C2622" i="10"/>
  <c r="C2623" i="10"/>
  <c r="C2624" i="10"/>
  <c r="C2625" i="10"/>
  <c r="C2626" i="10"/>
  <c r="C2627" i="10"/>
  <c r="C2628" i="10"/>
  <c r="C2629" i="10"/>
  <c r="C2630" i="10"/>
  <c r="C2631" i="10"/>
  <c r="C2632" i="10"/>
  <c r="C2633" i="10"/>
  <c r="C2634" i="10"/>
  <c r="C2635" i="10"/>
  <c r="C2636" i="10"/>
  <c r="C2637" i="10"/>
  <c r="C2638" i="10"/>
  <c r="C2639" i="10"/>
  <c r="C2640" i="10"/>
  <c r="C2641" i="10"/>
  <c r="C2642" i="10"/>
  <c r="C2643" i="10"/>
  <c r="C2644" i="10"/>
  <c r="C2645" i="10"/>
  <c r="C2646" i="10"/>
  <c r="C2647" i="10"/>
  <c r="C2648" i="10"/>
  <c r="C2649" i="10"/>
  <c r="C2650" i="10"/>
  <c r="C2651" i="10"/>
  <c r="C2652" i="10"/>
  <c r="C2653" i="10"/>
  <c r="C2654" i="10"/>
  <c r="C2655" i="10"/>
  <c r="C2656" i="10"/>
  <c r="C2657" i="10"/>
  <c r="C2658" i="10"/>
  <c r="C2659" i="10"/>
  <c r="C2660" i="10"/>
  <c r="C2661" i="10"/>
  <c r="C2662" i="10"/>
  <c r="C2663" i="10"/>
  <c r="C2664" i="10"/>
  <c r="C2665" i="10"/>
  <c r="C2666" i="10"/>
  <c r="C2667" i="10"/>
  <c r="C2668" i="10"/>
  <c r="C2669" i="10"/>
  <c r="C2670" i="10"/>
  <c r="C2671" i="10"/>
  <c r="C2672" i="10"/>
  <c r="C2673" i="10"/>
  <c r="C2674" i="10"/>
  <c r="C2675" i="10"/>
  <c r="C2676" i="10"/>
  <c r="C2677" i="10"/>
  <c r="C2678" i="10"/>
  <c r="C2679" i="10"/>
  <c r="C2680" i="10"/>
  <c r="C2681" i="10"/>
  <c r="C2682" i="10"/>
  <c r="C2683" i="10"/>
  <c r="C2684" i="10"/>
  <c r="C2685" i="10"/>
  <c r="C2686" i="10"/>
  <c r="C2687" i="10"/>
  <c r="C2688" i="10"/>
  <c r="C2689" i="10"/>
  <c r="C2690" i="10"/>
  <c r="C2691" i="10"/>
  <c r="C2692" i="10"/>
  <c r="C2693" i="10"/>
  <c r="C2694" i="10"/>
  <c r="C2695" i="10"/>
  <c r="C2696" i="10"/>
  <c r="C2697" i="10"/>
  <c r="C2698" i="10"/>
  <c r="C2699" i="10"/>
  <c r="C2700" i="10"/>
  <c r="C2701" i="10"/>
  <c r="C2702" i="10"/>
  <c r="C2703" i="10"/>
  <c r="C2704" i="10"/>
  <c r="C2705" i="10"/>
  <c r="C2706" i="10"/>
  <c r="C2707" i="10"/>
  <c r="C2708" i="10"/>
  <c r="C2709" i="10"/>
  <c r="C2710" i="10"/>
  <c r="C2711" i="10"/>
  <c r="C2712" i="10"/>
  <c r="C2713" i="10"/>
  <c r="C2714" i="10"/>
  <c r="C2715" i="10"/>
  <c r="C2716" i="10"/>
  <c r="C2717" i="10"/>
  <c r="C2718" i="10"/>
  <c r="C2719" i="10"/>
  <c r="C2720" i="10"/>
  <c r="C2721" i="10"/>
  <c r="C2722" i="10"/>
  <c r="C2723" i="10"/>
  <c r="C2724" i="10"/>
  <c r="C2725" i="10"/>
  <c r="C2726" i="10"/>
  <c r="C2727" i="10"/>
  <c r="C2728" i="10"/>
  <c r="C2729" i="10"/>
  <c r="C2730" i="10"/>
  <c r="C2731" i="10"/>
  <c r="C2732" i="10"/>
  <c r="C2733" i="10"/>
  <c r="C2734" i="10"/>
  <c r="C2735" i="10"/>
  <c r="C2736" i="10"/>
  <c r="C2737" i="10"/>
  <c r="C2738" i="10"/>
  <c r="C2739" i="10"/>
  <c r="C2740" i="10"/>
  <c r="C2741" i="10"/>
  <c r="C2742" i="10"/>
  <c r="C2743" i="10"/>
  <c r="C2744" i="10"/>
  <c r="C2745" i="10"/>
  <c r="C2746" i="10"/>
  <c r="C2747" i="10"/>
  <c r="C2748" i="10"/>
  <c r="C2749" i="10"/>
  <c r="C2750" i="10"/>
  <c r="C2751" i="10"/>
  <c r="C2752" i="10"/>
  <c r="C2753" i="10"/>
  <c r="C2754" i="10"/>
  <c r="C2755" i="10"/>
  <c r="C2756" i="10"/>
  <c r="C2757" i="10"/>
  <c r="C2758" i="10"/>
  <c r="C2759" i="10"/>
  <c r="C2760" i="10"/>
  <c r="C2761" i="10"/>
  <c r="C2762" i="10"/>
  <c r="C2763" i="10"/>
  <c r="C2764" i="10"/>
  <c r="C2765" i="10"/>
  <c r="C2766" i="10"/>
  <c r="C2767" i="10"/>
  <c r="C2768" i="10"/>
  <c r="C2769" i="10"/>
  <c r="C2770" i="10"/>
  <c r="C2771" i="10"/>
  <c r="C2772" i="10"/>
  <c r="C2773" i="10"/>
  <c r="C2774" i="10"/>
  <c r="C2775" i="10"/>
  <c r="C2776" i="10"/>
  <c r="C2777" i="10"/>
  <c r="C2778" i="10"/>
  <c r="C2779" i="10"/>
  <c r="C2780" i="10"/>
  <c r="C2781" i="10"/>
  <c r="C2782" i="10"/>
  <c r="C2783" i="10"/>
  <c r="C2784" i="10"/>
  <c r="C2785" i="10"/>
  <c r="C2786" i="10"/>
  <c r="C2787" i="10"/>
  <c r="C2788" i="10"/>
  <c r="C2789" i="10"/>
  <c r="C2790" i="10"/>
  <c r="C2791" i="10"/>
  <c r="C2792" i="10"/>
  <c r="C2793" i="10"/>
  <c r="C2794" i="10"/>
  <c r="C2795" i="10"/>
  <c r="C2796" i="10"/>
  <c r="C2797" i="10"/>
  <c r="C2798" i="10"/>
  <c r="C2799" i="10"/>
  <c r="C2800" i="10"/>
  <c r="C2801" i="10"/>
  <c r="C2802" i="10"/>
  <c r="C2803" i="10"/>
  <c r="C2804" i="10"/>
  <c r="C2805" i="10"/>
  <c r="C2806" i="10"/>
  <c r="C2807" i="10"/>
  <c r="C2808" i="10"/>
  <c r="C2809" i="10"/>
  <c r="C2810" i="10"/>
  <c r="C2811" i="10"/>
  <c r="C2812" i="10"/>
  <c r="C2813" i="10"/>
  <c r="C2814" i="10"/>
  <c r="C2815" i="10"/>
  <c r="C2816" i="10"/>
  <c r="C2817" i="10"/>
  <c r="C2818" i="10"/>
  <c r="C2819" i="10"/>
  <c r="C2820" i="10"/>
  <c r="C2821" i="10"/>
  <c r="C2822" i="10"/>
  <c r="C2823" i="10"/>
  <c r="C2824" i="10"/>
  <c r="C2825" i="10"/>
  <c r="C2826" i="10"/>
  <c r="C2827" i="10"/>
  <c r="C2828" i="10"/>
  <c r="C2829" i="10"/>
  <c r="C2830" i="10"/>
  <c r="C2831" i="10"/>
  <c r="C2832" i="10"/>
  <c r="C2833" i="10"/>
  <c r="C2834" i="10"/>
  <c r="C2835" i="10"/>
  <c r="C2836" i="10"/>
  <c r="C2837" i="10"/>
  <c r="C2838" i="10"/>
  <c r="C2839" i="10"/>
  <c r="C2840" i="10"/>
  <c r="C2841" i="10"/>
  <c r="C2842" i="10"/>
  <c r="C2843" i="10"/>
  <c r="C2844" i="10"/>
  <c r="C2845" i="10"/>
  <c r="C2846" i="10"/>
  <c r="C2847" i="10"/>
  <c r="C2848" i="10"/>
  <c r="C2849" i="10"/>
  <c r="C2850" i="10"/>
  <c r="C2851" i="10"/>
  <c r="C2852" i="10"/>
  <c r="C2853" i="10"/>
  <c r="C2854" i="10"/>
  <c r="C2855" i="10"/>
  <c r="C2856" i="10"/>
  <c r="C2857" i="10"/>
  <c r="C2858" i="10"/>
  <c r="C2859" i="10"/>
  <c r="C2860" i="10"/>
  <c r="C2861" i="10"/>
  <c r="C2862" i="10"/>
  <c r="C2863" i="10"/>
  <c r="C2864" i="10"/>
  <c r="C2865" i="10"/>
  <c r="C2866" i="10"/>
  <c r="C2867" i="10"/>
  <c r="C2868" i="10"/>
  <c r="C2869" i="10"/>
  <c r="C2870" i="10"/>
  <c r="C2871" i="10"/>
  <c r="C2872" i="10"/>
  <c r="C2873" i="10"/>
  <c r="C2874" i="10"/>
  <c r="C2875" i="10"/>
  <c r="C2876" i="10"/>
  <c r="C2877" i="10"/>
  <c r="C2878" i="10"/>
  <c r="C2879" i="10"/>
  <c r="C2880" i="10"/>
  <c r="C2881" i="10"/>
  <c r="C2882" i="10"/>
  <c r="C2883" i="10"/>
  <c r="C2884" i="10"/>
  <c r="C2885" i="10"/>
  <c r="C2886" i="10"/>
  <c r="C2887" i="10"/>
  <c r="C2888" i="10"/>
  <c r="C2889" i="10"/>
  <c r="C2890" i="10"/>
  <c r="C2891" i="10"/>
  <c r="C2892" i="10"/>
  <c r="C2893" i="10"/>
  <c r="C2894" i="10"/>
  <c r="C2895" i="10"/>
  <c r="C2896" i="10"/>
  <c r="C2897" i="10"/>
  <c r="C2898" i="10"/>
  <c r="C2899" i="10"/>
  <c r="C2900" i="10"/>
  <c r="C2901" i="10"/>
  <c r="C2902" i="10"/>
  <c r="C2903" i="10"/>
  <c r="C2904" i="10"/>
  <c r="C2905" i="10"/>
  <c r="C2906" i="10"/>
  <c r="C2907" i="10"/>
  <c r="C2908" i="10"/>
  <c r="C2909" i="10"/>
  <c r="C2910" i="10"/>
  <c r="C2911" i="10"/>
  <c r="C2912" i="10"/>
  <c r="C2913" i="10"/>
  <c r="C2914" i="10"/>
  <c r="C2915" i="10"/>
  <c r="C2916" i="10"/>
  <c r="C2917" i="10"/>
  <c r="C2918" i="10"/>
  <c r="C2919" i="10"/>
  <c r="C2920" i="10"/>
  <c r="C2921" i="10"/>
  <c r="C2922" i="10"/>
  <c r="C2923" i="10"/>
  <c r="C2924" i="10"/>
  <c r="C2925" i="10"/>
  <c r="C2926" i="10"/>
  <c r="C2927" i="10"/>
  <c r="C2928" i="10"/>
  <c r="C2929" i="10"/>
  <c r="C2930" i="10"/>
  <c r="C2931" i="10"/>
  <c r="C2932" i="10"/>
  <c r="C2933" i="10"/>
  <c r="C2934" i="10"/>
  <c r="C2935" i="10"/>
  <c r="C2936" i="10"/>
  <c r="C2937" i="10"/>
  <c r="C2938" i="10"/>
  <c r="C2939" i="10"/>
  <c r="C2940" i="10"/>
  <c r="C2941" i="10"/>
  <c r="C2942" i="10"/>
  <c r="C2943" i="10"/>
  <c r="C2944" i="10"/>
  <c r="C2945" i="10"/>
  <c r="C2946" i="10"/>
  <c r="C2947" i="10"/>
  <c r="C2948" i="10"/>
  <c r="C2949" i="10"/>
  <c r="C2950" i="10"/>
  <c r="C2951" i="10"/>
  <c r="C2952" i="10"/>
  <c r="C2953" i="10"/>
  <c r="C2954" i="10"/>
  <c r="C2955" i="10"/>
  <c r="C2956" i="10"/>
  <c r="C2957" i="10"/>
  <c r="C2958" i="10"/>
  <c r="C2959" i="10"/>
  <c r="C2960" i="10"/>
  <c r="C2961" i="10"/>
  <c r="C2962" i="10"/>
  <c r="C2963" i="10"/>
  <c r="C2964" i="10"/>
  <c r="C2965" i="10"/>
  <c r="C2966" i="10"/>
  <c r="C2967" i="10"/>
  <c r="C2968" i="10"/>
  <c r="C2969" i="10"/>
  <c r="C2970" i="10"/>
  <c r="C2971" i="10"/>
  <c r="C2972" i="10"/>
  <c r="C2973" i="10"/>
  <c r="C2974" i="10"/>
  <c r="C2975" i="10"/>
  <c r="C2976" i="10"/>
  <c r="C2977" i="10"/>
  <c r="C2978" i="10"/>
  <c r="C2979" i="10"/>
  <c r="C2980" i="10"/>
  <c r="C2981" i="10"/>
  <c r="C2982" i="10"/>
  <c r="C2983" i="10"/>
  <c r="C2984" i="10"/>
  <c r="C2985" i="10"/>
  <c r="C2986" i="10"/>
  <c r="C2987" i="10"/>
  <c r="C2988" i="10"/>
  <c r="C2989" i="10"/>
  <c r="C2990" i="10"/>
  <c r="C2991" i="10"/>
  <c r="C2992" i="10"/>
  <c r="C2993" i="10"/>
  <c r="C2994" i="10"/>
  <c r="C2995" i="10"/>
  <c r="C2996" i="10"/>
  <c r="C2997" i="10"/>
  <c r="C2998" i="10"/>
  <c r="C2999" i="10"/>
  <c r="C3000" i="10"/>
  <c r="C3001" i="10"/>
  <c r="C3002" i="10"/>
  <c r="C3003" i="10"/>
  <c r="C3004" i="10"/>
  <c r="C3005" i="10"/>
  <c r="C3006" i="10"/>
  <c r="C3007" i="10"/>
  <c r="C3008" i="10"/>
  <c r="C3009" i="10"/>
  <c r="C3010" i="10"/>
  <c r="C3011" i="10"/>
  <c r="C3012" i="10"/>
  <c r="C3013" i="10"/>
  <c r="C3014" i="10"/>
  <c r="C3015" i="10"/>
  <c r="C3016" i="10"/>
  <c r="C3017" i="10"/>
  <c r="C3018" i="10"/>
  <c r="C3019" i="10"/>
  <c r="C3020" i="10"/>
  <c r="C3021" i="10"/>
  <c r="C3022" i="10"/>
  <c r="C3023" i="10"/>
  <c r="C3024" i="10"/>
  <c r="C3025" i="10"/>
  <c r="C3026" i="10"/>
  <c r="C3027" i="10"/>
  <c r="C3028" i="10"/>
  <c r="C3029" i="10"/>
  <c r="C3030" i="10"/>
  <c r="C3031" i="10"/>
  <c r="C3032" i="10"/>
  <c r="C3033" i="10"/>
  <c r="C3034" i="10"/>
  <c r="C3035" i="10"/>
  <c r="C3036" i="10"/>
  <c r="C3037" i="10"/>
  <c r="C3038" i="10"/>
  <c r="C3039" i="10"/>
  <c r="C3040" i="10"/>
  <c r="C3041" i="10"/>
  <c r="C3042" i="10"/>
  <c r="C3043" i="10"/>
  <c r="C3044" i="10"/>
  <c r="C3045" i="10"/>
  <c r="C3046" i="10"/>
  <c r="C3047" i="10"/>
  <c r="C3048" i="10"/>
  <c r="C3049" i="10"/>
  <c r="C3050" i="10"/>
  <c r="C3051" i="10"/>
  <c r="C3052" i="10"/>
  <c r="C3053" i="10"/>
  <c r="C3054" i="10"/>
  <c r="C3055" i="10"/>
  <c r="C3056" i="10"/>
  <c r="C3057" i="10"/>
  <c r="C3058" i="10"/>
  <c r="C3059" i="10"/>
  <c r="C3060" i="10"/>
  <c r="C3061" i="10"/>
  <c r="C3062" i="10"/>
  <c r="C3063" i="10"/>
  <c r="C3064" i="10"/>
  <c r="C3065" i="10"/>
  <c r="C3066" i="10"/>
  <c r="C3067" i="10"/>
  <c r="C3068" i="10"/>
  <c r="C3069" i="10"/>
  <c r="C3070" i="10"/>
  <c r="C3071" i="10"/>
  <c r="C3072" i="10"/>
  <c r="C3073" i="10"/>
  <c r="C3074" i="10"/>
  <c r="C3075" i="10"/>
  <c r="C3076" i="10"/>
  <c r="C3077" i="10"/>
  <c r="C3078" i="10"/>
  <c r="C3079" i="10"/>
  <c r="C3080" i="10"/>
  <c r="C3081" i="10"/>
  <c r="C3082" i="10"/>
  <c r="C3083" i="10"/>
  <c r="C3084" i="10"/>
  <c r="C3085" i="10"/>
  <c r="C3086" i="10"/>
  <c r="C3087" i="10"/>
  <c r="C3088" i="10"/>
  <c r="C3089" i="10"/>
  <c r="C3090" i="10"/>
  <c r="C3091" i="10"/>
  <c r="C3092" i="10"/>
  <c r="C3093" i="10"/>
  <c r="C3094" i="10"/>
  <c r="C3095" i="10"/>
  <c r="C3096" i="10"/>
  <c r="C3097" i="10"/>
  <c r="C3098" i="10"/>
  <c r="C3099" i="10"/>
  <c r="C3100" i="10"/>
  <c r="C3101" i="10"/>
  <c r="C3102" i="10"/>
  <c r="C3103" i="10"/>
  <c r="C3104" i="10"/>
  <c r="C3105" i="10"/>
  <c r="C3106" i="10"/>
  <c r="C3107" i="10"/>
  <c r="C3108" i="10"/>
  <c r="C3109" i="10"/>
  <c r="C3110" i="10"/>
  <c r="C3111" i="10"/>
  <c r="C3112" i="10"/>
  <c r="C3113" i="10"/>
  <c r="C3114" i="10"/>
  <c r="C3115" i="10"/>
  <c r="C3116" i="10"/>
  <c r="C3117" i="10"/>
  <c r="C3118" i="10"/>
  <c r="C3119" i="10"/>
  <c r="C3120" i="10"/>
  <c r="C3121" i="10"/>
  <c r="C3122" i="10"/>
  <c r="C3123" i="10"/>
  <c r="C3124" i="10"/>
  <c r="C3125" i="10"/>
  <c r="C3126" i="10"/>
  <c r="C3127" i="10"/>
  <c r="C3128" i="10"/>
  <c r="C3129" i="10"/>
  <c r="C3130" i="10"/>
  <c r="C3131" i="10"/>
  <c r="C3132" i="10"/>
  <c r="C3133" i="10"/>
  <c r="C3134" i="10"/>
  <c r="C3135" i="10"/>
  <c r="C3136" i="10"/>
  <c r="C3137" i="10"/>
  <c r="C3138" i="10"/>
  <c r="C3139" i="10"/>
  <c r="C3140" i="10"/>
  <c r="C3141" i="10"/>
  <c r="C3142" i="10"/>
  <c r="C3143" i="10"/>
  <c r="C3144" i="10"/>
  <c r="C3145" i="10"/>
  <c r="C3146" i="10"/>
  <c r="C3147" i="10"/>
  <c r="C3148" i="10"/>
  <c r="C3149" i="10"/>
  <c r="C3150" i="10"/>
  <c r="C3151" i="10"/>
  <c r="C3152" i="10"/>
  <c r="C3153" i="10"/>
  <c r="C3154" i="10"/>
  <c r="C3155" i="10"/>
  <c r="C3156" i="10"/>
  <c r="C3157" i="10"/>
  <c r="C3158" i="10"/>
  <c r="C3159" i="10"/>
  <c r="C3160" i="10"/>
  <c r="C3161" i="10"/>
  <c r="C3162" i="10"/>
  <c r="C3163" i="10"/>
  <c r="C3164" i="10"/>
  <c r="C3165" i="10"/>
  <c r="C3166" i="10"/>
  <c r="C3167" i="10"/>
  <c r="C3168" i="10"/>
  <c r="C3169" i="10"/>
  <c r="C3170" i="10"/>
  <c r="C3171" i="10"/>
  <c r="C3172" i="10"/>
  <c r="C3173" i="10"/>
  <c r="C3174" i="10"/>
  <c r="C3175" i="10"/>
  <c r="C3176" i="10"/>
  <c r="C3177" i="10"/>
  <c r="C3178" i="10"/>
  <c r="C3179" i="10"/>
  <c r="C3180" i="10"/>
  <c r="C3181" i="10"/>
  <c r="C3182" i="10"/>
  <c r="C3183" i="10"/>
  <c r="C3184" i="10"/>
  <c r="C3185" i="10"/>
  <c r="C3186" i="10"/>
  <c r="C3187" i="10"/>
  <c r="C3188" i="10"/>
  <c r="C3189" i="10"/>
  <c r="C3190" i="10"/>
  <c r="C3191" i="10"/>
  <c r="C3192" i="10"/>
  <c r="C3193" i="10"/>
  <c r="C3194" i="10"/>
  <c r="C3195" i="10"/>
  <c r="C3196" i="10"/>
  <c r="C3197" i="10"/>
  <c r="C3198" i="10"/>
  <c r="C3199" i="10"/>
  <c r="C3200" i="10"/>
  <c r="C3201" i="10"/>
  <c r="C3202" i="10"/>
  <c r="C3203" i="10"/>
  <c r="C3204" i="10"/>
  <c r="C3205" i="10"/>
  <c r="C3206" i="10"/>
  <c r="C3207" i="10"/>
  <c r="C3208" i="10"/>
  <c r="C3209" i="10"/>
  <c r="C3210" i="10"/>
  <c r="C3211" i="10"/>
  <c r="C3212" i="10"/>
  <c r="C3213" i="10"/>
  <c r="C3214" i="10"/>
  <c r="C3215" i="10"/>
  <c r="C3216" i="10"/>
  <c r="C3217" i="10"/>
  <c r="C3218" i="10"/>
  <c r="C3219" i="10"/>
  <c r="C3220" i="10"/>
  <c r="C3221" i="10"/>
  <c r="C3222" i="10"/>
  <c r="C3223" i="10"/>
  <c r="C3224" i="10"/>
  <c r="C3225" i="10"/>
  <c r="C3226" i="10"/>
  <c r="C3227" i="10"/>
  <c r="C3228" i="10"/>
  <c r="C3229" i="10"/>
  <c r="C3230" i="10"/>
  <c r="C3231" i="10"/>
  <c r="C3232" i="10"/>
  <c r="C3233" i="10"/>
  <c r="C3234" i="10"/>
  <c r="C3235" i="10"/>
  <c r="C3236" i="10"/>
  <c r="C3237" i="10"/>
  <c r="C3238" i="10"/>
  <c r="C3239" i="10"/>
  <c r="C3240" i="10"/>
  <c r="C3241" i="10"/>
  <c r="C3242" i="10"/>
  <c r="C3243" i="10"/>
  <c r="C3244" i="10"/>
  <c r="C3245" i="10"/>
  <c r="C3246" i="10"/>
  <c r="C3247" i="10"/>
  <c r="C3248" i="10"/>
  <c r="C3249" i="10"/>
  <c r="C3250" i="10"/>
  <c r="C3251" i="10"/>
  <c r="C3252" i="10"/>
  <c r="C3253" i="10"/>
  <c r="C3254" i="10"/>
  <c r="C3255" i="10"/>
  <c r="C3256" i="10"/>
  <c r="C3257" i="10"/>
  <c r="C3258" i="10"/>
  <c r="C3259" i="10"/>
  <c r="C3260" i="10"/>
  <c r="C3261" i="10"/>
  <c r="C3262" i="10"/>
  <c r="C3263" i="10"/>
  <c r="C3264" i="10"/>
  <c r="C3265" i="10"/>
  <c r="C3266" i="10"/>
  <c r="C3267" i="10"/>
  <c r="C3268" i="10"/>
  <c r="C3269" i="10"/>
  <c r="C3270" i="10"/>
  <c r="C3271" i="10"/>
  <c r="C3272" i="10"/>
  <c r="C3273" i="10"/>
  <c r="C3274" i="10"/>
  <c r="C3275" i="10"/>
  <c r="C3276" i="10"/>
  <c r="C3277" i="10"/>
  <c r="C3278" i="10"/>
  <c r="C3279" i="10"/>
  <c r="C3280" i="10"/>
  <c r="C3281" i="10"/>
  <c r="C3282" i="10"/>
  <c r="C3283" i="10"/>
  <c r="C3284" i="10"/>
  <c r="C3285" i="10"/>
  <c r="C3286" i="10"/>
  <c r="C3287" i="10"/>
  <c r="C3288" i="10"/>
  <c r="C3289" i="10"/>
  <c r="C3290" i="10"/>
  <c r="C3291" i="10"/>
  <c r="C3292" i="10"/>
  <c r="C3293" i="10"/>
  <c r="C3294" i="10"/>
  <c r="C3295" i="10"/>
  <c r="C3296" i="10"/>
  <c r="C3297" i="10"/>
  <c r="C3298" i="10"/>
  <c r="C3299" i="10"/>
  <c r="C3300" i="10"/>
  <c r="C3301" i="10"/>
  <c r="C3302" i="10"/>
  <c r="C3303" i="10"/>
  <c r="C3304" i="10"/>
  <c r="C3305" i="10"/>
  <c r="C3306" i="10"/>
  <c r="C3307" i="10"/>
  <c r="C3308" i="10"/>
  <c r="C3309" i="10"/>
  <c r="C3310" i="10"/>
  <c r="C3311" i="10"/>
  <c r="C3312" i="10"/>
  <c r="C3313" i="10"/>
  <c r="C3314" i="10"/>
  <c r="C3315" i="10"/>
  <c r="C3316" i="10"/>
  <c r="C3317" i="10"/>
  <c r="C3318" i="10"/>
  <c r="C3319" i="10"/>
  <c r="C3320" i="10"/>
  <c r="C3321" i="10"/>
  <c r="C3322" i="10"/>
  <c r="C3323" i="10"/>
  <c r="C3324" i="10"/>
  <c r="C3325" i="10"/>
  <c r="C3326" i="10"/>
  <c r="C3327" i="10"/>
  <c r="C3328" i="10"/>
  <c r="C3329" i="10"/>
  <c r="C3330" i="10"/>
  <c r="C3331" i="10"/>
  <c r="C3332" i="10"/>
  <c r="C3333" i="10"/>
  <c r="C3334" i="10"/>
  <c r="C3335" i="10"/>
  <c r="C3336" i="10"/>
  <c r="C3337" i="10"/>
  <c r="C3338" i="10"/>
  <c r="C3339" i="10"/>
  <c r="C3340" i="10"/>
  <c r="C3341" i="10"/>
  <c r="C3342" i="10"/>
  <c r="C3343" i="10"/>
  <c r="C3344" i="10"/>
  <c r="C3345" i="10"/>
  <c r="C3346" i="10"/>
  <c r="C3347" i="10"/>
  <c r="C3348" i="10"/>
  <c r="C3349" i="10"/>
  <c r="C3350" i="10"/>
  <c r="C3351" i="10"/>
  <c r="C3352" i="10"/>
  <c r="C3353" i="10"/>
  <c r="C3354" i="10"/>
  <c r="C3355" i="10"/>
  <c r="C3356" i="10"/>
  <c r="C3357" i="10"/>
  <c r="C3358" i="10"/>
  <c r="C3359" i="10"/>
  <c r="C3360" i="10"/>
  <c r="C3361" i="10"/>
  <c r="C3362" i="10"/>
  <c r="C3363" i="10"/>
  <c r="C3364" i="10"/>
  <c r="C3365" i="10"/>
  <c r="C3366" i="10"/>
  <c r="C3367" i="10"/>
  <c r="C3368" i="10"/>
  <c r="C3369" i="10"/>
  <c r="C3370" i="10"/>
  <c r="C3371" i="10"/>
  <c r="C3372" i="10"/>
  <c r="C3373" i="10"/>
  <c r="C3374" i="10"/>
  <c r="C3375" i="10"/>
  <c r="C3376" i="10"/>
  <c r="C3377" i="10"/>
  <c r="C3378" i="10"/>
  <c r="C3379" i="10"/>
  <c r="C3380" i="10"/>
  <c r="C3381" i="10"/>
  <c r="C3382" i="10"/>
  <c r="C3383" i="10"/>
  <c r="C3384" i="10"/>
  <c r="C3385" i="10"/>
  <c r="C3386" i="10"/>
  <c r="C3387" i="10"/>
  <c r="C3388" i="10"/>
  <c r="C3389" i="10"/>
  <c r="C3390" i="10"/>
  <c r="C3391" i="10"/>
  <c r="C3392" i="10"/>
  <c r="C3393" i="10"/>
  <c r="C3394" i="10"/>
  <c r="C3395" i="10"/>
  <c r="C3396" i="10"/>
  <c r="C3397" i="10"/>
  <c r="C3398" i="10"/>
  <c r="C3399" i="10"/>
  <c r="C3400" i="10"/>
  <c r="C3401" i="10"/>
  <c r="C3402" i="10"/>
  <c r="C3403" i="10"/>
  <c r="C3404" i="10"/>
  <c r="C3405" i="10"/>
  <c r="C3406" i="10"/>
  <c r="C3407" i="10"/>
  <c r="C3408" i="10"/>
  <c r="C3409" i="10"/>
  <c r="C3410" i="10"/>
  <c r="C3411" i="10"/>
  <c r="C3412" i="10"/>
  <c r="C3413" i="10"/>
  <c r="C3414" i="10"/>
  <c r="C3415" i="10"/>
  <c r="C3416" i="10"/>
  <c r="C3417" i="10"/>
  <c r="C3418" i="10"/>
  <c r="C3419" i="10"/>
  <c r="C3420" i="10"/>
  <c r="C3421" i="10"/>
  <c r="C3422" i="10"/>
  <c r="C3423" i="10"/>
  <c r="C3424" i="10"/>
  <c r="C3425" i="10"/>
  <c r="C3426" i="10"/>
  <c r="C3427" i="10"/>
  <c r="C3428" i="10"/>
  <c r="C3429" i="10"/>
  <c r="C3430" i="10"/>
  <c r="C3431" i="10"/>
  <c r="C3432" i="10"/>
  <c r="C3433" i="10"/>
  <c r="C3434" i="10"/>
  <c r="C3435" i="10"/>
  <c r="C3436" i="10"/>
  <c r="C3437" i="10"/>
  <c r="C3438" i="10"/>
  <c r="C3439" i="10"/>
  <c r="C3440" i="10"/>
  <c r="C3441" i="10"/>
  <c r="C3442" i="10"/>
  <c r="C3443" i="10"/>
  <c r="C3444" i="10"/>
  <c r="C3445" i="10"/>
  <c r="C3446" i="10"/>
  <c r="C3447" i="10"/>
  <c r="C3448" i="10"/>
  <c r="C3449" i="10"/>
  <c r="C3450" i="10"/>
  <c r="C3451" i="10"/>
  <c r="C3452" i="10"/>
  <c r="C3453" i="10"/>
  <c r="C3454" i="10"/>
  <c r="C3455" i="10"/>
  <c r="C3456" i="10"/>
  <c r="C3457" i="10"/>
  <c r="C3458" i="10"/>
  <c r="C3459" i="10"/>
  <c r="C3460" i="10"/>
  <c r="C3461" i="10"/>
  <c r="C3462" i="10"/>
  <c r="C3463" i="10"/>
  <c r="C3464" i="10"/>
  <c r="C3465" i="10"/>
  <c r="C3466" i="10"/>
  <c r="C3467" i="10"/>
  <c r="C3468" i="10"/>
  <c r="C3469" i="10"/>
  <c r="C3470" i="10"/>
  <c r="C3471" i="10"/>
  <c r="C3472" i="10"/>
  <c r="C3473" i="10"/>
  <c r="C3474" i="10"/>
  <c r="C3475" i="10"/>
  <c r="C3476" i="10"/>
  <c r="C3477" i="10"/>
  <c r="C3478" i="10"/>
  <c r="C3479" i="10"/>
  <c r="C3480" i="10"/>
  <c r="C3481" i="10"/>
  <c r="C3482" i="10"/>
  <c r="C3483" i="10"/>
  <c r="C3484" i="10"/>
  <c r="C3485" i="10"/>
  <c r="C3486" i="10"/>
  <c r="C3487" i="10"/>
  <c r="C3488" i="10"/>
  <c r="C3489" i="10"/>
  <c r="C3490" i="10"/>
  <c r="C3491" i="10"/>
  <c r="C3492" i="10"/>
  <c r="C3493" i="10"/>
  <c r="C3494" i="10"/>
  <c r="C3495" i="10"/>
  <c r="C3496" i="10"/>
  <c r="C3497" i="10"/>
  <c r="C3498" i="10"/>
  <c r="C3499" i="10"/>
  <c r="C3500" i="10"/>
  <c r="C3501" i="10"/>
  <c r="C3502" i="10"/>
  <c r="C3503" i="10"/>
  <c r="C3504" i="10"/>
  <c r="C3505" i="10"/>
  <c r="C3506" i="10"/>
  <c r="C3507" i="10"/>
  <c r="C3508" i="10"/>
  <c r="C3509" i="10"/>
  <c r="C3510" i="10"/>
  <c r="C3511" i="10"/>
  <c r="C3512" i="10"/>
  <c r="C3513" i="10"/>
  <c r="C3514" i="10"/>
  <c r="C3515" i="10"/>
  <c r="C3516" i="10"/>
  <c r="C3517" i="10"/>
  <c r="C3518" i="10"/>
  <c r="C3519" i="10"/>
  <c r="C3520" i="10"/>
  <c r="C3521" i="10"/>
  <c r="C3522" i="10"/>
  <c r="C3523" i="10"/>
  <c r="C3524" i="10"/>
  <c r="C3525" i="10"/>
  <c r="C3526" i="10"/>
  <c r="C3527" i="10"/>
  <c r="C3528" i="10"/>
  <c r="C3529" i="10"/>
  <c r="C3530" i="10"/>
  <c r="C3531" i="10"/>
  <c r="C3532" i="10"/>
  <c r="C3533" i="10"/>
  <c r="C3534" i="10"/>
  <c r="C3535" i="10"/>
  <c r="C3536" i="10"/>
  <c r="C3537" i="10"/>
  <c r="C3538" i="10"/>
  <c r="C3539" i="10"/>
  <c r="C3540" i="10"/>
  <c r="C3541" i="10"/>
  <c r="C3542" i="10"/>
  <c r="C3543" i="10"/>
  <c r="C3544" i="10"/>
  <c r="C3545" i="10"/>
  <c r="C3546" i="10"/>
  <c r="C3547" i="10"/>
  <c r="C3548" i="10"/>
  <c r="C3549" i="10"/>
  <c r="C3550" i="10"/>
  <c r="C3551" i="10"/>
  <c r="C3552" i="10"/>
  <c r="C3553" i="10"/>
  <c r="C3554" i="10"/>
  <c r="C3555" i="10"/>
  <c r="C3556" i="10"/>
  <c r="C3557" i="10"/>
  <c r="C3558" i="10"/>
  <c r="C3559" i="10"/>
  <c r="C3560" i="10"/>
  <c r="C3561" i="10"/>
  <c r="C3562" i="10"/>
  <c r="C3563" i="10"/>
  <c r="C3564" i="10"/>
  <c r="C3565" i="10"/>
  <c r="C3566" i="10"/>
  <c r="C3567" i="10"/>
  <c r="C3568" i="10"/>
  <c r="C3569" i="10"/>
  <c r="C3570" i="10"/>
  <c r="C3571" i="10"/>
  <c r="C3572" i="10"/>
  <c r="C3573" i="10"/>
  <c r="C3574" i="10"/>
  <c r="C3575" i="10"/>
  <c r="C3576" i="10"/>
  <c r="C3577" i="10"/>
  <c r="C3578" i="10"/>
  <c r="C3579" i="10"/>
  <c r="C3580" i="10"/>
  <c r="C3581" i="10"/>
  <c r="C3582" i="10"/>
  <c r="C3583" i="10"/>
  <c r="C3584" i="10"/>
  <c r="C3585" i="10"/>
  <c r="C3586" i="10"/>
  <c r="C3587" i="10"/>
  <c r="C3588" i="10"/>
  <c r="C3589" i="10"/>
  <c r="C3590" i="10"/>
  <c r="C3591" i="10"/>
  <c r="C3592" i="10"/>
  <c r="C3593" i="10"/>
  <c r="C3594" i="10"/>
  <c r="C3595" i="10"/>
  <c r="C3596" i="10"/>
  <c r="C3597" i="10"/>
  <c r="C3598" i="10"/>
  <c r="C3599" i="10"/>
  <c r="C3600" i="10"/>
  <c r="C3601" i="10"/>
  <c r="C3602" i="10"/>
  <c r="C3603" i="10"/>
  <c r="C3604" i="10"/>
  <c r="C3605" i="10"/>
  <c r="C3606" i="10"/>
  <c r="C3607" i="10"/>
  <c r="C3608" i="10"/>
  <c r="C3609" i="10"/>
  <c r="C3610" i="10"/>
  <c r="C3611" i="10"/>
  <c r="C3612" i="10"/>
  <c r="C3613" i="10"/>
  <c r="C3614" i="10"/>
  <c r="C3615" i="10"/>
  <c r="C3616" i="10"/>
  <c r="C3617" i="10"/>
  <c r="C3618" i="10"/>
  <c r="C3619" i="10"/>
  <c r="C3620" i="10"/>
  <c r="C3621" i="10"/>
  <c r="C3622" i="10"/>
  <c r="C3623" i="10"/>
  <c r="C3624" i="10"/>
  <c r="C3625" i="10"/>
  <c r="C3626" i="10"/>
  <c r="C3627" i="10"/>
  <c r="C3628" i="10"/>
  <c r="C3629" i="10"/>
  <c r="C3630" i="10"/>
  <c r="C3631" i="10"/>
  <c r="C3632" i="10"/>
  <c r="C3633" i="10"/>
  <c r="C3634" i="10"/>
  <c r="C3635" i="10"/>
  <c r="C3636" i="10"/>
  <c r="C3637" i="10"/>
  <c r="C3638" i="10"/>
  <c r="C3639" i="10"/>
  <c r="C3640" i="10"/>
  <c r="C3641" i="10"/>
  <c r="C3642" i="10"/>
  <c r="C3643" i="10"/>
  <c r="C3644" i="10"/>
  <c r="C3645" i="10"/>
  <c r="C3646" i="10"/>
  <c r="C3647" i="10"/>
  <c r="C3648" i="10"/>
  <c r="C3649" i="10"/>
  <c r="C3650" i="10"/>
  <c r="C3651" i="10"/>
  <c r="C3652" i="10"/>
  <c r="C3653" i="10"/>
  <c r="C3654" i="10"/>
  <c r="C3655" i="10"/>
  <c r="C3656" i="10"/>
  <c r="C3657" i="10"/>
  <c r="C3658" i="10"/>
  <c r="C3659" i="10"/>
  <c r="C3660" i="10"/>
  <c r="C3661" i="10"/>
  <c r="C3662" i="10"/>
  <c r="C3663" i="10"/>
  <c r="C3664" i="10"/>
  <c r="C3665" i="10"/>
  <c r="C3666" i="10"/>
  <c r="C3667" i="10"/>
  <c r="C3668" i="10"/>
  <c r="C3669" i="10"/>
  <c r="C3670" i="10"/>
  <c r="C3671" i="10"/>
  <c r="C3672" i="10"/>
  <c r="C3673" i="10"/>
  <c r="C3674" i="10"/>
  <c r="C3675" i="10"/>
  <c r="C3676" i="10"/>
  <c r="C3677" i="10"/>
  <c r="C3678" i="10"/>
  <c r="C3679" i="10"/>
  <c r="C3680" i="10"/>
  <c r="C3681" i="10"/>
  <c r="C3682" i="10"/>
  <c r="C3683" i="10"/>
  <c r="C3684" i="10"/>
  <c r="C3685" i="10"/>
  <c r="C3686" i="10"/>
  <c r="C3687" i="10"/>
  <c r="C3688" i="10"/>
  <c r="C3689" i="10"/>
  <c r="C3690" i="10"/>
  <c r="C3691" i="10"/>
  <c r="C3692" i="10"/>
  <c r="C3693" i="10"/>
  <c r="C3694" i="10"/>
  <c r="C3695" i="10"/>
  <c r="C3696" i="10"/>
  <c r="C3697" i="10"/>
  <c r="C3698" i="10"/>
  <c r="C3699" i="10"/>
  <c r="C3700" i="10"/>
  <c r="C3701" i="10"/>
  <c r="C3702" i="10"/>
  <c r="C3703" i="10"/>
  <c r="C3704" i="10"/>
  <c r="C3705" i="10"/>
  <c r="C3706" i="10"/>
  <c r="C3707" i="10"/>
  <c r="C3708" i="10"/>
  <c r="C3709" i="10"/>
  <c r="C3710" i="10"/>
  <c r="C3711" i="10"/>
  <c r="C3712" i="10"/>
  <c r="C3713" i="10"/>
  <c r="C3714" i="10"/>
  <c r="C3715" i="10"/>
  <c r="C3716" i="10"/>
  <c r="C3717" i="10"/>
  <c r="C3718" i="10"/>
  <c r="C3719" i="10"/>
  <c r="C3720" i="10"/>
  <c r="C3721" i="10"/>
  <c r="C3722" i="10"/>
  <c r="C3723" i="10"/>
  <c r="C3724" i="10"/>
  <c r="C3725" i="10"/>
  <c r="C3726" i="10"/>
  <c r="C3727" i="10"/>
  <c r="C3728" i="10"/>
  <c r="C3729" i="10"/>
  <c r="C3730" i="10"/>
  <c r="C3731" i="10"/>
  <c r="C3732" i="10"/>
  <c r="C3733" i="10"/>
  <c r="C3734" i="10"/>
  <c r="C3735" i="10"/>
  <c r="C3736" i="10"/>
  <c r="C3737" i="10"/>
  <c r="C3738" i="10"/>
  <c r="C3739" i="10"/>
  <c r="C3740" i="10"/>
  <c r="C3741" i="10"/>
  <c r="C3742" i="10"/>
  <c r="C3743" i="10"/>
  <c r="C3744" i="10"/>
  <c r="C3745" i="10"/>
  <c r="C3746" i="10"/>
  <c r="C3747" i="10"/>
  <c r="C3748" i="10"/>
  <c r="C3749" i="10"/>
  <c r="C3750" i="10"/>
  <c r="C3751" i="10"/>
  <c r="C3752" i="10"/>
  <c r="C3753" i="10"/>
  <c r="C3754" i="10"/>
  <c r="C3755" i="10"/>
  <c r="C3756" i="10"/>
  <c r="C3757" i="10"/>
  <c r="C3758" i="10"/>
  <c r="C3759" i="10"/>
  <c r="C3760" i="10"/>
  <c r="C3761" i="10"/>
  <c r="C3762" i="10"/>
  <c r="C3763" i="10"/>
  <c r="C3764" i="10"/>
  <c r="C3765" i="10"/>
  <c r="C3766" i="10"/>
  <c r="C3767" i="10"/>
  <c r="C3768" i="10"/>
  <c r="C3769" i="10"/>
  <c r="C3770" i="10"/>
  <c r="C3771" i="10"/>
  <c r="C3772" i="10"/>
  <c r="C3773" i="10"/>
  <c r="C3774" i="10"/>
  <c r="C3775" i="10"/>
  <c r="C3776" i="10"/>
  <c r="C3777" i="10"/>
  <c r="C3778" i="10"/>
  <c r="C3779" i="10"/>
  <c r="C3780" i="10"/>
  <c r="C3781" i="10"/>
  <c r="C3782" i="10"/>
  <c r="C3783" i="10"/>
  <c r="C3784" i="10"/>
  <c r="C3785" i="10"/>
  <c r="C3786" i="10"/>
  <c r="C3787" i="10"/>
  <c r="C3788" i="10"/>
  <c r="C3789" i="10"/>
  <c r="C3790" i="10"/>
  <c r="C3791" i="10"/>
  <c r="C3792" i="10"/>
  <c r="C3793" i="10"/>
  <c r="C3794" i="10"/>
  <c r="C3795" i="10"/>
  <c r="C3796" i="10"/>
  <c r="C3797" i="10"/>
  <c r="C3798" i="10"/>
  <c r="C3799" i="10"/>
  <c r="C3800" i="10"/>
  <c r="C3801" i="10"/>
  <c r="C3802" i="10"/>
  <c r="C3803" i="10"/>
  <c r="C3804" i="10"/>
  <c r="C3805" i="10"/>
  <c r="C3806" i="10"/>
  <c r="C3807" i="10"/>
  <c r="C3808" i="10"/>
  <c r="C3809" i="10"/>
  <c r="C3810" i="10"/>
  <c r="C3811" i="10"/>
  <c r="C3812" i="10"/>
  <c r="C3813" i="10"/>
  <c r="C3814" i="10"/>
  <c r="C3815" i="10"/>
  <c r="C3816" i="10"/>
  <c r="C3817" i="10"/>
  <c r="C3818" i="10"/>
  <c r="C3819" i="10"/>
  <c r="C3820" i="10"/>
  <c r="C3821" i="10"/>
  <c r="C3822" i="10"/>
  <c r="C3823" i="10"/>
  <c r="C3824" i="10"/>
  <c r="C3825" i="10"/>
  <c r="C3826" i="10"/>
  <c r="C3827" i="10"/>
  <c r="C3828" i="10"/>
  <c r="C3829" i="10"/>
  <c r="C3830" i="10"/>
  <c r="C3831" i="10"/>
  <c r="C3832" i="10"/>
  <c r="C3833" i="10"/>
  <c r="C3834" i="10"/>
  <c r="C3835" i="10"/>
  <c r="C3836" i="10"/>
  <c r="C3837" i="10"/>
  <c r="C3838" i="10"/>
  <c r="C3839" i="10"/>
  <c r="C3840" i="10"/>
  <c r="C3841" i="10"/>
  <c r="C3842" i="10"/>
  <c r="C3843" i="10"/>
  <c r="C3844" i="10"/>
  <c r="C3845" i="10"/>
  <c r="C3846" i="10"/>
  <c r="C3847" i="10"/>
  <c r="C3848" i="10"/>
  <c r="C3849" i="10"/>
  <c r="C3850" i="10"/>
  <c r="C3851" i="10"/>
  <c r="C3852" i="10"/>
  <c r="C3853" i="10"/>
  <c r="C3854" i="10"/>
  <c r="C3855" i="10"/>
  <c r="C3856" i="10"/>
  <c r="C3857" i="10"/>
  <c r="C3858" i="10"/>
  <c r="C3859" i="10"/>
  <c r="C3860" i="10"/>
  <c r="C3861" i="10"/>
  <c r="C3862" i="10"/>
  <c r="C3863" i="10"/>
  <c r="C3864" i="10"/>
  <c r="C3865" i="10"/>
  <c r="C3866" i="10"/>
  <c r="C3867" i="10"/>
  <c r="C3868" i="10"/>
  <c r="C3869" i="10"/>
  <c r="C3870" i="10"/>
  <c r="C3871" i="10"/>
  <c r="C3872" i="10"/>
  <c r="C3873" i="10"/>
  <c r="C3874" i="10"/>
  <c r="C3875" i="10"/>
  <c r="C3876" i="10"/>
  <c r="C3877" i="10"/>
  <c r="C3878" i="10"/>
  <c r="C3879" i="10"/>
  <c r="C3880" i="10"/>
  <c r="C3881" i="10"/>
  <c r="C3882" i="10"/>
  <c r="C3883" i="10"/>
  <c r="C3884" i="10"/>
  <c r="C3885" i="10"/>
  <c r="C3886" i="10"/>
  <c r="C3887" i="10"/>
  <c r="C3888" i="10"/>
  <c r="C3889" i="10"/>
  <c r="C3890" i="10"/>
  <c r="C3891" i="10"/>
  <c r="C3892" i="10"/>
  <c r="C3893" i="10"/>
  <c r="C3894" i="10"/>
  <c r="C3895" i="10"/>
  <c r="C3896" i="10"/>
  <c r="C3897" i="10"/>
  <c r="C3898" i="10"/>
  <c r="C3899" i="10"/>
  <c r="C3900" i="10"/>
  <c r="C3901" i="10"/>
  <c r="C3902" i="10"/>
  <c r="C3903" i="10"/>
  <c r="C3904" i="10"/>
  <c r="C3905" i="10"/>
  <c r="C3906" i="10"/>
  <c r="C3907" i="10"/>
  <c r="C3908" i="10"/>
  <c r="C3909" i="10"/>
  <c r="C3910" i="10"/>
  <c r="C3911" i="10"/>
  <c r="C3912" i="10"/>
  <c r="C3913" i="10"/>
  <c r="C3914" i="10"/>
  <c r="C3915" i="10"/>
  <c r="C3916" i="10"/>
  <c r="C3917" i="10"/>
  <c r="C3918" i="10"/>
  <c r="C3919" i="10"/>
  <c r="C3920" i="10"/>
  <c r="C3921" i="10"/>
  <c r="C3922" i="10"/>
  <c r="C3923" i="10"/>
  <c r="C3924" i="10"/>
  <c r="C3925" i="10"/>
  <c r="C3926" i="10"/>
  <c r="C3927" i="10"/>
  <c r="C3928" i="10"/>
  <c r="C3929" i="10"/>
  <c r="C3930" i="10"/>
  <c r="C3931" i="10"/>
  <c r="C3932" i="10"/>
  <c r="C3933" i="10"/>
  <c r="C3934" i="10"/>
  <c r="C3935" i="10"/>
  <c r="C3936" i="10"/>
  <c r="C3937" i="10"/>
  <c r="C3938" i="10"/>
  <c r="C3939" i="10"/>
  <c r="C3940" i="10"/>
  <c r="C3941" i="10"/>
  <c r="C3942" i="10"/>
  <c r="C3943" i="10"/>
  <c r="C3944" i="10"/>
  <c r="C3945" i="10"/>
  <c r="C3946" i="10"/>
  <c r="C3947" i="10"/>
  <c r="C3948" i="10"/>
  <c r="C3949" i="10"/>
  <c r="C3950" i="10"/>
  <c r="C3951" i="10"/>
  <c r="C3952" i="10"/>
  <c r="C3953" i="10"/>
  <c r="C3954" i="10"/>
  <c r="C3955" i="10"/>
  <c r="C3956" i="10"/>
  <c r="C3957" i="10"/>
  <c r="C3958" i="10"/>
  <c r="C3959" i="10"/>
  <c r="C3960" i="10"/>
  <c r="C3961" i="10"/>
  <c r="C3962" i="10"/>
  <c r="C3963" i="10"/>
  <c r="C3964" i="10"/>
  <c r="C3965" i="10"/>
  <c r="C3966" i="10"/>
  <c r="C3967" i="10"/>
  <c r="C3968" i="10"/>
  <c r="C3969" i="10"/>
  <c r="C3970" i="10"/>
  <c r="C3971" i="10"/>
  <c r="C3972" i="10"/>
  <c r="C3973" i="10"/>
  <c r="C3974" i="10"/>
  <c r="C3975" i="10"/>
  <c r="C3976" i="10"/>
  <c r="C3977" i="10"/>
  <c r="C3978" i="10"/>
  <c r="C3979" i="10"/>
  <c r="C3980" i="10"/>
  <c r="C3981" i="10"/>
  <c r="C3982" i="10"/>
  <c r="C3983" i="10"/>
  <c r="C3984" i="10"/>
  <c r="C3985" i="10"/>
  <c r="C3986" i="10"/>
  <c r="C3987" i="10"/>
  <c r="C3988" i="10"/>
  <c r="C3989" i="10"/>
  <c r="C3990" i="10"/>
  <c r="C3991" i="10"/>
  <c r="C3992" i="10"/>
  <c r="C3993" i="10"/>
  <c r="C3994" i="10"/>
  <c r="C3995" i="10"/>
  <c r="C3996" i="10"/>
  <c r="C3997" i="10"/>
  <c r="C3998" i="10"/>
  <c r="C3999" i="10"/>
  <c r="C4000" i="10"/>
  <c r="C4001" i="10"/>
  <c r="C4002" i="10"/>
  <c r="C4003" i="10"/>
  <c r="C4004" i="10"/>
  <c r="C4005" i="10"/>
  <c r="C4006" i="10"/>
  <c r="C4007" i="10"/>
  <c r="C4008" i="10"/>
  <c r="C4009" i="10"/>
  <c r="C4010" i="10"/>
  <c r="C4011" i="10"/>
  <c r="C4012" i="10"/>
  <c r="C4013" i="10"/>
  <c r="C4014" i="10"/>
  <c r="C4015" i="10"/>
  <c r="C4016" i="10"/>
  <c r="C4017" i="10"/>
  <c r="C4018" i="10"/>
  <c r="C4019" i="10"/>
  <c r="C4020" i="10"/>
  <c r="C4021" i="10"/>
  <c r="C4022" i="10"/>
  <c r="C4023" i="10"/>
  <c r="C4024" i="10"/>
  <c r="C4025" i="10"/>
  <c r="C4026" i="10"/>
  <c r="C4027" i="10"/>
  <c r="C4028" i="10"/>
  <c r="C4029" i="10"/>
  <c r="C4030" i="10"/>
  <c r="C4031" i="10"/>
  <c r="C4032" i="10"/>
  <c r="C4033" i="10"/>
  <c r="C4034" i="10"/>
  <c r="C4035" i="10"/>
  <c r="C4036" i="10"/>
  <c r="C4037" i="10"/>
  <c r="C4038" i="10"/>
  <c r="C4039" i="10"/>
  <c r="C4040" i="10"/>
  <c r="C4041" i="10"/>
  <c r="C4042" i="10"/>
  <c r="C4043" i="10"/>
  <c r="C4044" i="10"/>
  <c r="C4045" i="10"/>
  <c r="C4046" i="10"/>
  <c r="C4047" i="10"/>
  <c r="C4048" i="10"/>
  <c r="C4049" i="10"/>
  <c r="C4050" i="10"/>
  <c r="C4051" i="10"/>
  <c r="C4052" i="10"/>
  <c r="C4053" i="10"/>
  <c r="C4054" i="10"/>
  <c r="C4055" i="10"/>
  <c r="C4056" i="10"/>
  <c r="C4057" i="10"/>
  <c r="C4058" i="10"/>
  <c r="C4059" i="10"/>
  <c r="C4060" i="10"/>
  <c r="C4061" i="10"/>
  <c r="C4062" i="10"/>
  <c r="C4063" i="10"/>
  <c r="C4064" i="10"/>
  <c r="C4065" i="10"/>
  <c r="C4066" i="10"/>
  <c r="C4067" i="10"/>
  <c r="C4068" i="10"/>
  <c r="C4069" i="10"/>
  <c r="C4070" i="10"/>
  <c r="C4071" i="10"/>
  <c r="C4072" i="10"/>
  <c r="C4073" i="10"/>
  <c r="C4074" i="10"/>
  <c r="C4075" i="10"/>
  <c r="C4076" i="10"/>
  <c r="C4077" i="10"/>
  <c r="C4078" i="10"/>
  <c r="C4079" i="10"/>
  <c r="C4080" i="10"/>
  <c r="C4081" i="10"/>
  <c r="C4082" i="10"/>
  <c r="C4083" i="10"/>
  <c r="C4084" i="10"/>
  <c r="C4085" i="10"/>
  <c r="C4086" i="10"/>
  <c r="C4087" i="10"/>
  <c r="C4088" i="10"/>
  <c r="C4089" i="10"/>
  <c r="C4090" i="10"/>
  <c r="C4091" i="10"/>
  <c r="C4092" i="10"/>
  <c r="C4093" i="10"/>
  <c r="C4094" i="10"/>
  <c r="C4095" i="10"/>
  <c r="C4096" i="10"/>
  <c r="C4097" i="10"/>
  <c r="C4098" i="10"/>
  <c r="C4099" i="10"/>
  <c r="C4100" i="10"/>
  <c r="C4101" i="10"/>
  <c r="C4102" i="10"/>
  <c r="C4103" i="10"/>
  <c r="C4104" i="10"/>
  <c r="C4105" i="10"/>
  <c r="C4106" i="10"/>
  <c r="C4107" i="10"/>
  <c r="C4108" i="10"/>
  <c r="C4109" i="10"/>
  <c r="C4110" i="10"/>
  <c r="C4111" i="10"/>
  <c r="C4112" i="10"/>
  <c r="C4113" i="10"/>
  <c r="C4114" i="10"/>
  <c r="C4115" i="10"/>
  <c r="C4116" i="10"/>
  <c r="C4117" i="10"/>
  <c r="C4118" i="10"/>
  <c r="C4119" i="10"/>
  <c r="C4120" i="10"/>
  <c r="C4121" i="10"/>
  <c r="C4122" i="10"/>
  <c r="C4123" i="10"/>
  <c r="C4124" i="10"/>
  <c r="C4125" i="10"/>
  <c r="C4126" i="10"/>
  <c r="C4127" i="10"/>
  <c r="C4128" i="10"/>
  <c r="C4129" i="10"/>
  <c r="C4130" i="10"/>
  <c r="C4131" i="10"/>
  <c r="C4132" i="10"/>
  <c r="C4133" i="10"/>
  <c r="C4134" i="10"/>
  <c r="C4135" i="10"/>
  <c r="C4136" i="10"/>
  <c r="C4137" i="10"/>
  <c r="C4138" i="10"/>
  <c r="C4139" i="10"/>
  <c r="C4140" i="10"/>
  <c r="C4141" i="10"/>
  <c r="C4142" i="10"/>
  <c r="C4143" i="10"/>
  <c r="C4144" i="10"/>
  <c r="C4145" i="10"/>
  <c r="C4146" i="10"/>
  <c r="C4147" i="10"/>
  <c r="C4148" i="10"/>
  <c r="C4149" i="10"/>
  <c r="C4150" i="10"/>
  <c r="C4151" i="10"/>
  <c r="C4152" i="10"/>
  <c r="C4153" i="10"/>
  <c r="C4154" i="10"/>
  <c r="C4155" i="10"/>
  <c r="C4156" i="10"/>
  <c r="C4157" i="10"/>
  <c r="C4158" i="10"/>
  <c r="C4159" i="10"/>
  <c r="C4160" i="10"/>
  <c r="C4161" i="10"/>
  <c r="C4162" i="10"/>
  <c r="C4163" i="10"/>
  <c r="C4164" i="10"/>
  <c r="C4165" i="10"/>
  <c r="C4166" i="10"/>
  <c r="C4167" i="10"/>
  <c r="C4168" i="10"/>
  <c r="C4169" i="10"/>
  <c r="C4170" i="10"/>
  <c r="C4171" i="10"/>
  <c r="C4172" i="10"/>
  <c r="C4173" i="10"/>
  <c r="C4174" i="10"/>
  <c r="C4175" i="10"/>
  <c r="C4176" i="10"/>
  <c r="C4177" i="10"/>
  <c r="C4178" i="10"/>
  <c r="C4179" i="10"/>
  <c r="C4180" i="10"/>
  <c r="C4181" i="10"/>
  <c r="C4182" i="10"/>
  <c r="C4183" i="10"/>
  <c r="C4184" i="10"/>
  <c r="C4185" i="10"/>
  <c r="C4186" i="10"/>
  <c r="C4187" i="10"/>
  <c r="C4188" i="10"/>
  <c r="C4189" i="10"/>
  <c r="C4190" i="10"/>
  <c r="C4191" i="10"/>
  <c r="C4192" i="10"/>
  <c r="C4193" i="10"/>
  <c r="C4194" i="10"/>
  <c r="C4195" i="10"/>
  <c r="C4196" i="10"/>
  <c r="C4197" i="10"/>
  <c r="C4198" i="10"/>
  <c r="C4199" i="10"/>
  <c r="C4200" i="10"/>
  <c r="C4201" i="10"/>
  <c r="C4202" i="10"/>
  <c r="C4203" i="10"/>
  <c r="C4204" i="10"/>
  <c r="C4205" i="10"/>
  <c r="C4206" i="10"/>
  <c r="C4207" i="10"/>
  <c r="C4208" i="10"/>
  <c r="C4209" i="10"/>
  <c r="C4210" i="10"/>
  <c r="C4211" i="10"/>
  <c r="C4212" i="10"/>
  <c r="C4213" i="10"/>
  <c r="C4214" i="10"/>
  <c r="C4215" i="10"/>
  <c r="C4216" i="10"/>
  <c r="C4217" i="10"/>
  <c r="C4218" i="10"/>
  <c r="C4219" i="10"/>
  <c r="C4220" i="10"/>
  <c r="C4221" i="10"/>
  <c r="C4222" i="10"/>
  <c r="C4223" i="10"/>
  <c r="C4224" i="10"/>
  <c r="C4225" i="10"/>
  <c r="C4226" i="10"/>
  <c r="C4227" i="10"/>
  <c r="C4228" i="10"/>
  <c r="C4229" i="10"/>
  <c r="C4230" i="10"/>
  <c r="C4231" i="10"/>
  <c r="C4232" i="10"/>
  <c r="C4233" i="10"/>
  <c r="C4234" i="10"/>
  <c r="C4235" i="10"/>
  <c r="C4236" i="10"/>
  <c r="C4237" i="10"/>
  <c r="C4238" i="10"/>
  <c r="C4239" i="10"/>
  <c r="C4240" i="10"/>
  <c r="C4241" i="10"/>
  <c r="C4242" i="10"/>
  <c r="C4243" i="10"/>
  <c r="C4244" i="10"/>
  <c r="C4245" i="10"/>
  <c r="C4246" i="10"/>
  <c r="C4247" i="10"/>
  <c r="C4248" i="10"/>
  <c r="C4249" i="10"/>
  <c r="C4250" i="10"/>
  <c r="C4251" i="10"/>
  <c r="C4252" i="10"/>
  <c r="C4253" i="10"/>
  <c r="C4254" i="10"/>
  <c r="C4255" i="10"/>
  <c r="C4256" i="10"/>
  <c r="C4257" i="10"/>
  <c r="C4258" i="10"/>
  <c r="C4259" i="10"/>
  <c r="C4260" i="10"/>
  <c r="C4261" i="10"/>
  <c r="C4262" i="10"/>
  <c r="C4263" i="10"/>
  <c r="C4264" i="10"/>
  <c r="C4265" i="10"/>
  <c r="C4266" i="10"/>
  <c r="C4267" i="10"/>
  <c r="C4268" i="10"/>
  <c r="C4269" i="10"/>
  <c r="C4270" i="10"/>
  <c r="C4271" i="10"/>
  <c r="C4272" i="10"/>
  <c r="C4273" i="10"/>
  <c r="C4274" i="10"/>
  <c r="C4275" i="10"/>
  <c r="C4276" i="10"/>
  <c r="C4277" i="10"/>
  <c r="C4278" i="10"/>
  <c r="C4279" i="10"/>
  <c r="C4280" i="10"/>
  <c r="C4281" i="10"/>
  <c r="C4282" i="10"/>
  <c r="C4283" i="10"/>
  <c r="C4284" i="10"/>
  <c r="C4285" i="10"/>
  <c r="C4286" i="10"/>
  <c r="C4287" i="10"/>
  <c r="C4288" i="10"/>
  <c r="C4289" i="10"/>
  <c r="C4290" i="10"/>
  <c r="C4291" i="10"/>
  <c r="C4292" i="10"/>
  <c r="C4293" i="10"/>
  <c r="C4294" i="10"/>
  <c r="C4295" i="10"/>
  <c r="C4296" i="10"/>
  <c r="C4297" i="10"/>
  <c r="C4298" i="10"/>
  <c r="C4299" i="10"/>
  <c r="C4300" i="10"/>
  <c r="C4301" i="10"/>
  <c r="C4302" i="10"/>
  <c r="C4303" i="10"/>
  <c r="C4304" i="10"/>
  <c r="C4305" i="10"/>
  <c r="C4306" i="10"/>
  <c r="C4307" i="10"/>
  <c r="C4308" i="10"/>
  <c r="C4309" i="10"/>
  <c r="C4310" i="10"/>
  <c r="C4311" i="10"/>
  <c r="C4312" i="10"/>
  <c r="C4313" i="10"/>
  <c r="C4314" i="10"/>
  <c r="C4315" i="10"/>
  <c r="C4316" i="10"/>
  <c r="C4317" i="10"/>
  <c r="C4318" i="10"/>
  <c r="C4319" i="10"/>
  <c r="C4320" i="10"/>
  <c r="C4321" i="10"/>
  <c r="C4322" i="10"/>
  <c r="C4323" i="10"/>
  <c r="C4324" i="10"/>
  <c r="C4325" i="10"/>
  <c r="C4326" i="10"/>
  <c r="C4327" i="10"/>
  <c r="C4328" i="10"/>
  <c r="C4329" i="10"/>
  <c r="C4330" i="10"/>
  <c r="C4331" i="10"/>
  <c r="C4332" i="10"/>
  <c r="C4333" i="10"/>
  <c r="C4334" i="10"/>
  <c r="C4335" i="10"/>
  <c r="C4336" i="10"/>
  <c r="C4337" i="10"/>
  <c r="C4338" i="10"/>
  <c r="C4339" i="10"/>
  <c r="C4340" i="10"/>
  <c r="C4341" i="10"/>
  <c r="C4342" i="10"/>
  <c r="C4343" i="10"/>
  <c r="C4344" i="10"/>
  <c r="C4345" i="10"/>
  <c r="C4346" i="10"/>
  <c r="C4347" i="10"/>
  <c r="C4348" i="10"/>
  <c r="C4349" i="10"/>
  <c r="C4350" i="10"/>
  <c r="C4351" i="10"/>
  <c r="C4352" i="10"/>
  <c r="C4353" i="10"/>
  <c r="C4354" i="10"/>
  <c r="C4355" i="10"/>
  <c r="C4356" i="10"/>
  <c r="C4357" i="10"/>
  <c r="C4358" i="10"/>
  <c r="C4359" i="10"/>
  <c r="C4360" i="10"/>
  <c r="C4361" i="10"/>
  <c r="C4362" i="10"/>
  <c r="C4363" i="10"/>
  <c r="C4364" i="10"/>
  <c r="C4365" i="10"/>
  <c r="C4366" i="10"/>
  <c r="C4367" i="10"/>
  <c r="C4368" i="10"/>
  <c r="C4369" i="10"/>
  <c r="C4370" i="10"/>
  <c r="C4371" i="10"/>
  <c r="C4372" i="10"/>
  <c r="C4373" i="10"/>
  <c r="C4374" i="10"/>
  <c r="C4375" i="10"/>
  <c r="C4376" i="10"/>
  <c r="C4377" i="10"/>
  <c r="C4378" i="10"/>
  <c r="C4379" i="10"/>
  <c r="C4380" i="10"/>
  <c r="C4381" i="10"/>
  <c r="C4382" i="10"/>
  <c r="C4383" i="10"/>
  <c r="C4384" i="10"/>
  <c r="C4385" i="10"/>
  <c r="C4386" i="10"/>
  <c r="C4387" i="10"/>
  <c r="C4388" i="10"/>
  <c r="C4389" i="10"/>
  <c r="C4390" i="10"/>
  <c r="C4391" i="10"/>
  <c r="C4392" i="10"/>
  <c r="C4393" i="10"/>
  <c r="C4394" i="10"/>
  <c r="C4395" i="10"/>
  <c r="C4396" i="10"/>
  <c r="C4397" i="10"/>
  <c r="C4398" i="10"/>
  <c r="C4399" i="10"/>
  <c r="C4400" i="10"/>
  <c r="C4401" i="10"/>
  <c r="C4402" i="10"/>
  <c r="C4403" i="10"/>
  <c r="C4404" i="10"/>
  <c r="C4405" i="10"/>
  <c r="C4406" i="10"/>
  <c r="C4407" i="10"/>
  <c r="C4408" i="10"/>
  <c r="C4409" i="10"/>
  <c r="C4410" i="10"/>
  <c r="C4411" i="10"/>
  <c r="C4412" i="10"/>
  <c r="C4413" i="10"/>
  <c r="C4414" i="10"/>
  <c r="C4415" i="10"/>
  <c r="C4416" i="10"/>
  <c r="C4417" i="10"/>
  <c r="C4418" i="10"/>
  <c r="C4419" i="10"/>
  <c r="C4420" i="10"/>
  <c r="C4421" i="10"/>
  <c r="C4422" i="10"/>
  <c r="C4423" i="10"/>
  <c r="C4424" i="10"/>
  <c r="C4425" i="10"/>
  <c r="C4426" i="10"/>
  <c r="C4427" i="10"/>
  <c r="C4428" i="10"/>
  <c r="C4429" i="10"/>
  <c r="C4430" i="10"/>
  <c r="C4431" i="10"/>
  <c r="C4432" i="10"/>
  <c r="C4433" i="10"/>
  <c r="C4434" i="10"/>
  <c r="C4435" i="10"/>
  <c r="C4436" i="10"/>
  <c r="C4437" i="10"/>
  <c r="C4438" i="10"/>
  <c r="C4439" i="10"/>
  <c r="C4440" i="10"/>
  <c r="C4441" i="10"/>
  <c r="C4442" i="10"/>
  <c r="C4443" i="10"/>
  <c r="C4444" i="10"/>
  <c r="C4445" i="10"/>
  <c r="C4446" i="10"/>
  <c r="C4447" i="10"/>
  <c r="C4448" i="10"/>
  <c r="C4449" i="10"/>
  <c r="C4450" i="10"/>
  <c r="C4451" i="10"/>
  <c r="C4452" i="10"/>
  <c r="C4453" i="10"/>
  <c r="C4454" i="10"/>
  <c r="C4455" i="10"/>
  <c r="C4456" i="10"/>
  <c r="C4457" i="10"/>
  <c r="C4458" i="10"/>
  <c r="C4459" i="10"/>
  <c r="C4460" i="10"/>
  <c r="C4461" i="10"/>
  <c r="C4462" i="10"/>
  <c r="C4463" i="10"/>
  <c r="C4464" i="10"/>
  <c r="C4465" i="10"/>
  <c r="C4466" i="10"/>
  <c r="C4467" i="10"/>
  <c r="C4468" i="10"/>
  <c r="C4469" i="10"/>
  <c r="C4470" i="10"/>
  <c r="C4471" i="10"/>
  <c r="C4472" i="10"/>
  <c r="C4473" i="10"/>
  <c r="C4474" i="10"/>
  <c r="C4475" i="10"/>
  <c r="C4476" i="10"/>
  <c r="C4477" i="10"/>
  <c r="C4478" i="10"/>
  <c r="C4479" i="10"/>
  <c r="C4480" i="10"/>
  <c r="C4481" i="10"/>
  <c r="C4482" i="10"/>
  <c r="C4483" i="10"/>
  <c r="C4484" i="10"/>
  <c r="C4485" i="10"/>
  <c r="C4486" i="10"/>
  <c r="C4487" i="10"/>
  <c r="C4488" i="10"/>
  <c r="C4489" i="10"/>
  <c r="C4490" i="10"/>
  <c r="C4491" i="10"/>
  <c r="C4492" i="10"/>
  <c r="C4493" i="10"/>
  <c r="C4494" i="10"/>
  <c r="C4495" i="10"/>
  <c r="C4496" i="10"/>
  <c r="C4497" i="10"/>
  <c r="C4498" i="10"/>
  <c r="C4499" i="10"/>
  <c r="C4500" i="10"/>
  <c r="C4501" i="10"/>
  <c r="C4502" i="10"/>
  <c r="C4503" i="10"/>
  <c r="C4504" i="10"/>
  <c r="C4505" i="10"/>
  <c r="C4506" i="10"/>
  <c r="C4507" i="10"/>
  <c r="C4508" i="10"/>
  <c r="C4509" i="10"/>
  <c r="C4510" i="10"/>
  <c r="C4511" i="10"/>
  <c r="C4512" i="10"/>
  <c r="C4513" i="10"/>
  <c r="C4514" i="10"/>
  <c r="C4515" i="10"/>
  <c r="C4516" i="10"/>
  <c r="C4517" i="10"/>
  <c r="C4518" i="10"/>
  <c r="C4519" i="10"/>
  <c r="C4520" i="10"/>
  <c r="C4521" i="10"/>
  <c r="C4522" i="10"/>
  <c r="C4523" i="10"/>
  <c r="C4524" i="10"/>
  <c r="C4525" i="10"/>
  <c r="C4526" i="10"/>
  <c r="C4527" i="10"/>
  <c r="C4528" i="10"/>
  <c r="C4529" i="10"/>
  <c r="C4530" i="10"/>
  <c r="C4531" i="10"/>
  <c r="C4532" i="10"/>
  <c r="C4533" i="10"/>
  <c r="C4534" i="10"/>
  <c r="C4535" i="10"/>
  <c r="C4536" i="10"/>
  <c r="C4537" i="10"/>
  <c r="C4538" i="10"/>
  <c r="C4539" i="10"/>
  <c r="C4540" i="10"/>
  <c r="C4541" i="10"/>
  <c r="C4542" i="10"/>
  <c r="C4543" i="10"/>
  <c r="C4544" i="10"/>
  <c r="C4545" i="10"/>
  <c r="C4546" i="10"/>
  <c r="C4547" i="10"/>
  <c r="C4548" i="10"/>
  <c r="C4549" i="10"/>
  <c r="C4550" i="10"/>
  <c r="C4551" i="10"/>
  <c r="C4552" i="10"/>
  <c r="C4553" i="10"/>
  <c r="C4554" i="10"/>
  <c r="C4555" i="10"/>
  <c r="C4556" i="10"/>
  <c r="C4557" i="10"/>
  <c r="C4558" i="10"/>
  <c r="C4559" i="10"/>
  <c r="C4560" i="10"/>
  <c r="C4561" i="10"/>
  <c r="C4562" i="10"/>
  <c r="C4563" i="10"/>
  <c r="C4564" i="10"/>
  <c r="C4565" i="10"/>
  <c r="C4566" i="10"/>
  <c r="C4567" i="10"/>
  <c r="C4568" i="10"/>
  <c r="C4569" i="10"/>
  <c r="C4570" i="10"/>
  <c r="C4571" i="10"/>
  <c r="C4572" i="10"/>
  <c r="C4573" i="10"/>
  <c r="C4574" i="10"/>
  <c r="C4575" i="10"/>
  <c r="C4576" i="10"/>
  <c r="C4577" i="10"/>
  <c r="C4578" i="10"/>
  <c r="C4579" i="10"/>
  <c r="C4580" i="10"/>
  <c r="C4581" i="10"/>
  <c r="C4582" i="10"/>
  <c r="C4583" i="10"/>
  <c r="C4584" i="10"/>
  <c r="C4585" i="10"/>
  <c r="C4586" i="10"/>
  <c r="C4587" i="10"/>
  <c r="C4588" i="10"/>
  <c r="C4589" i="10"/>
  <c r="C4590" i="10"/>
  <c r="C4591" i="10"/>
  <c r="C4592" i="10"/>
  <c r="C4593" i="10"/>
  <c r="C4594" i="10"/>
  <c r="C4595" i="10"/>
  <c r="C4596" i="10"/>
  <c r="C4597" i="10"/>
  <c r="C4598" i="10"/>
  <c r="C4599" i="10"/>
  <c r="C4600" i="10"/>
  <c r="C4601" i="10"/>
  <c r="C4602" i="10"/>
  <c r="C4603" i="10"/>
  <c r="C4604" i="10"/>
  <c r="C4605" i="10"/>
  <c r="C4606" i="10"/>
  <c r="C4607" i="10"/>
  <c r="C4608" i="10"/>
  <c r="C4609" i="10"/>
  <c r="C4610" i="10"/>
  <c r="C4611" i="10"/>
  <c r="C4612" i="10"/>
  <c r="C4613" i="10"/>
  <c r="C4614" i="10"/>
  <c r="C4615" i="10"/>
  <c r="C4616" i="10"/>
  <c r="C4617" i="10"/>
  <c r="C4618" i="10"/>
  <c r="C4619" i="10"/>
  <c r="C4620" i="10"/>
  <c r="C4621" i="10"/>
  <c r="C4622" i="10"/>
  <c r="C4623" i="10"/>
  <c r="C4624" i="10"/>
  <c r="C4625" i="10"/>
  <c r="C4626" i="10"/>
  <c r="C4627" i="10"/>
  <c r="C4628" i="10"/>
  <c r="C4629" i="10"/>
  <c r="C4630" i="10"/>
  <c r="C4631" i="10"/>
  <c r="C4632" i="10"/>
  <c r="C4633" i="10"/>
  <c r="C4634" i="10"/>
  <c r="C4635" i="10"/>
  <c r="C4636" i="10"/>
  <c r="C4637" i="10"/>
  <c r="C4638" i="10"/>
  <c r="C4639" i="10"/>
  <c r="C4640" i="10"/>
  <c r="C4641" i="10"/>
  <c r="C4642" i="10"/>
  <c r="C4643" i="10"/>
  <c r="C4644" i="10"/>
  <c r="C4645" i="10"/>
  <c r="C4646" i="10"/>
  <c r="C4647" i="10"/>
  <c r="C4648" i="10"/>
  <c r="C4649" i="10"/>
  <c r="C4650" i="10"/>
  <c r="C4651" i="10"/>
  <c r="C4652" i="10"/>
  <c r="C4653" i="10"/>
  <c r="C4654" i="10"/>
  <c r="C4655" i="10"/>
  <c r="C4656" i="10"/>
  <c r="C4657" i="10"/>
  <c r="C4658" i="10"/>
  <c r="C4659" i="10"/>
  <c r="C4660" i="10"/>
  <c r="C4661" i="10"/>
  <c r="C4662" i="10"/>
  <c r="C4663" i="10"/>
  <c r="C4664" i="10"/>
  <c r="C4665" i="10"/>
  <c r="C4666" i="10"/>
  <c r="C4667" i="10"/>
  <c r="C4668" i="10"/>
  <c r="C4669" i="10"/>
  <c r="C4670" i="10"/>
  <c r="C4671" i="10"/>
  <c r="C4672" i="10"/>
  <c r="C4673" i="10"/>
  <c r="C4674" i="10"/>
  <c r="C4675" i="10"/>
  <c r="C4676" i="10"/>
  <c r="C4677" i="10"/>
  <c r="C4678" i="10"/>
  <c r="C4679" i="10"/>
  <c r="C4680" i="10"/>
  <c r="C4681" i="10"/>
  <c r="C4682" i="10"/>
  <c r="C4683" i="10"/>
  <c r="C4684" i="10"/>
  <c r="C4685" i="10"/>
  <c r="C4686" i="10"/>
  <c r="C4687" i="10"/>
  <c r="C4688" i="10"/>
  <c r="C4689" i="10"/>
  <c r="C4690" i="10"/>
  <c r="C4691" i="10"/>
  <c r="C4692" i="10"/>
  <c r="C4693" i="10"/>
  <c r="C4694" i="10"/>
  <c r="C4695" i="10"/>
  <c r="C4696" i="10"/>
  <c r="C4697" i="10"/>
  <c r="C4698" i="10"/>
  <c r="C4699" i="10"/>
  <c r="C4700" i="10"/>
  <c r="C4701" i="10"/>
  <c r="C4702" i="10"/>
  <c r="C4703" i="10"/>
  <c r="C4704" i="10"/>
  <c r="C4705" i="10"/>
  <c r="C4706" i="10"/>
  <c r="C4707" i="10"/>
  <c r="C4708" i="10"/>
  <c r="C4709" i="10"/>
  <c r="C4710" i="10"/>
  <c r="C4711" i="10"/>
  <c r="C4712" i="10"/>
  <c r="C4713" i="10"/>
  <c r="C4714" i="10"/>
  <c r="C4715" i="10"/>
  <c r="C4716" i="10"/>
  <c r="C4717" i="10"/>
  <c r="C4718" i="10"/>
  <c r="C4719" i="10"/>
  <c r="C4720" i="10"/>
  <c r="C4721" i="10"/>
  <c r="C4722" i="10"/>
  <c r="C4723" i="10"/>
  <c r="C4724" i="10"/>
  <c r="C4725" i="10"/>
  <c r="C4726" i="10"/>
  <c r="C4727" i="10"/>
  <c r="C4728" i="10"/>
  <c r="C4729" i="10"/>
  <c r="C4730" i="10"/>
  <c r="C4731" i="10"/>
  <c r="C4732" i="10"/>
  <c r="C4733" i="10"/>
  <c r="C4734" i="10"/>
  <c r="C4735" i="10"/>
  <c r="C4736" i="10"/>
  <c r="C4737" i="10"/>
  <c r="C4738" i="10"/>
  <c r="C4739" i="10"/>
  <c r="C4740" i="10"/>
  <c r="C4741" i="10"/>
  <c r="C4742" i="10"/>
  <c r="C4743" i="10"/>
  <c r="C4744" i="10"/>
  <c r="C4745" i="10"/>
  <c r="C4746" i="10"/>
  <c r="C4747" i="10"/>
  <c r="C4748" i="10"/>
  <c r="C4749" i="10"/>
  <c r="C4750" i="10"/>
  <c r="C4751" i="10"/>
  <c r="C4752" i="10"/>
  <c r="C4753" i="10"/>
  <c r="C4754" i="10"/>
  <c r="C4755" i="10"/>
  <c r="C4756" i="10"/>
  <c r="C4757" i="10"/>
  <c r="C4758" i="10"/>
  <c r="C4759" i="10"/>
  <c r="C4760" i="10"/>
  <c r="C4761" i="10"/>
  <c r="C4762" i="10"/>
  <c r="C4763" i="10"/>
  <c r="C4764" i="10"/>
  <c r="C4765" i="10"/>
  <c r="C4766" i="10"/>
  <c r="C4767" i="10"/>
  <c r="C4768" i="10"/>
  <c r="C4769" i="10"/>
  <c r="C4770" i="10"/>
  <c r="C4771" i="10"/>
  <c r="C4772" i="10"/>
  <c r="C4773" i="10"/>
  <c r="C4774" i="10"/>
  <c r="C4775" i="10"/>
  <c r="C4776" i="10"/>
  <c r="C4777" i="10"/>
  <c r="C4778" i="10"/>
  <c r="C4779" i="10"/>
  <c r="C4780" i="10"/>
  <c r="C4781" i="10"/>
  <c r="C4782" i="10"/>
  <c r="C4783" i="10"/>
  <c r="C4784" i="10"/>
  <c r="C4785" i="10"/>
  <c r="C4786" i="10"/>
  <c r="C4787" i="10"/>
  <c r="C4788" i="10"/>
  <c r="C4789" i="10"/>
  <c r="C4790" i="10"/>
  <c r="C4791" i="10"/>
  <c r="C4792" i="10"/>
  <c r="C4793" i="10"/>
  <c r="C4794" i="10"/>
  <c r="C4795" i="10"/>
  <c r="C4796" i="10"/>
  <c r="C4797" i="10"/>
  <c r="C4798" i="10"/>
  <c r="C4799" i="10"/>
  <c r="C4800" i="10"/>
  <c r="C4801" i="10"/>
  <c r="C4802" i="10"/>
  <c r="C4803" i="10"/>
  <c r="C4804" i="10"/>
  <c r="C4805" i="10"/>
  <c r="C4806" i="10"/>
  <c r="C4807" i="10"/>
  <c r="C4808" i="10"/>
  <c r="C4809" i="10"/>
  <c r="C4810" i="10"/>
  <c r="C4811" i="10"/>
  <c r="C4812" i="10"/>
  <c r="C4813" i="10"/>
  <c r="C4814" i="10"/>
  <c r="C4815" i="10"/>
  <c r="C4816" i="10"/>
  <c r="C4817" i="10"/>
  <c r="C4818" i="10"/>
  <c r="C4819" i="10"/>
  <c r="C4820" i="10"/>
  <c r="C4821" i="10"/>
  <c r="C4822" i="10"/>
  <c r="C4823" i="10"/>
  <c r="C4824" i="10"/>
  <c r="C4825" i="10"/>
  <c r="C4826" i="10"/>
  <c r="C4827" i="10"/>
  <c r="C4828" i="10"/>
  <c r="C4829" i="10"/>
  <c r="C4830" i="10"/>
  <c r="C4831" i="10"/>
  <c r="C4832" i="10"/>
  <c r="C4833" i="10"/>
  <c r="C4834" i="10"/>
  <c r="C4835" i="10"/>
  <c r="C4836" i="10"/>
  <c r="C4837" i="10"/>
  <c r="C4838" i="10"/>
  <c r="C4839" i="10"/>
  <c r="C4840" i="10"/>
  <c r="C4841" i="10"/>
  <c r="C4842" i="10"/>
  <c r="C4843" i="10"/>
  <c r="C4844" i="10"/>
  <c r="C4845" i="10"/>
  <c r="C4846" i="10"/>
  <c r="C4847" i="10"/>
  <c r="C4848" i="10"/>
  <c r="C4849" i="10"/>
  <c r="C4850" i="10"/>
  <c r="C4851" i="10"/>
  <c r="C4852" i="10"/>
  <c r="C4853" i="10"/>
  <c r="C4854" i="10"/>
  <c r="C4855" i="10"/>
  <c r="C4856" i="10"/>
  <c r="C4857" i="10"/>
  <c r="C4858" i="10"/>
  <c r="C4859" i="10"/>
  <c r="C4860" i="10"/>
  <c r="C4861" i="10"/>
  <c r="C4862" i="10"/>
  <c r="C4863" i="10"/>
  <c r="C4864" i="10"/>
  <c r="C4865" i="10"/>
  <c r="C4866" i="10"/>
  <c r="C4867" i="10"/>
  <c r="C4868" i="10"/>
  <c r="C4869" i="10"/>
  <c r="C4870" i="10"/>
  <c r="C4871" i="10"/>
  <c r="C4872" i="10"/>
  <c r="C4873" i="10"/>
  <c r="C4874" i="10"/>
  <c r="C4875" i="10"/>
  <c r="C4876" i="10"/>
  <c r="C4877" i="10"/>
  <c r="C4878" i="10"/>
  <c r="C4879" i="10"/>
  <c r="C4880" i="10"/>
  <c r="C4881" i="10"/>
  <c r="C4882" i="10"/>
  <c r="C4883" i="10"/>
  <c r="C4884" i="10"/>
  <c r="C4885" i="10"/>
  <c r="C4886" i="10"/>
  <c r="C4887" i="10"/>
  <c r="C4888" i="10"/>
  <c r="C4889" i="10"/>
  <c r="C4890" i="10"/>
  <c r="C4891" i="10"/>
  <c r="C4892" i="10"/>
  <c r="C4893" i="10"/>
  <c r="C4894" i="10"/>
  <c r="C4895" i="10"/>
  <c r="C4896" i="10"/>
  <c r="C4897" i="10"/>
  <c r="C4898" i="10"/>
  <c r="C4899" i="10"/>
  <c r="C4900" i="10"/>
  <c r="C4901" i="10"/>
  <c r="C4902" i="10"/>
  <c r="C4903" i="10"/>
  <c r="C4904" i="10"/>
  <c r="C4905" i="10"/>
  <c r="C4906" i="10"/>
  <c r="C4907" i="10"/>
  <c r="C4908" i="10"/>
  <c r="C4909" i="10"/>
  <c r="C4910" i="10"/>
  <c r="C4911" i="10"/>
  <c r="C4912" i="10"/>
  <c r="C4913" i="10"/>
  <c r="C4914" i="10"/>
  <c r="C4915" i="10"/>
  <c r="C4916" i="10"/>
  <c r="C4917" i="10"/>
  <c r="C4918" i="10"/>
  <c r="C4919" i="10"/>
  <c r="C4920" i="10"/>
  <c r="C4921" i="10"/>
  <c r="C4922" i="10"/>
  <c r="C4923" i="10"/>
  <c r="C4924" i="10"/>
  <c r="C4925" i="10"/>
  <c r="C4926" i="10"/>
  <c r="C4927" i="10"/>
  <c r="C4928" i="10"/>
  <c r="C4929" i="10"/>
  <c r="C4930" i="10"/>
  <c r="C4931" i="10"/>
  <c r="C4932" i="10"/>
  <c r="C4933" i="10"/>
  <c r="C4934" i="10"/>
  <c r="C4935" i="10"/>
  <c r="C4936" i="10"/>
  <c r="C4937" i="10"/>
  <c r="C4938" i="10"/>
  <c r="C4939" i="10"/>
  <c r="C4940" i="10"/>
  <c r="C4941" i="10"/>
  <c r="C4942" i="10"/>
  <c r="C4943" i="10"/>
  <c r="C4944" i="10"/>
  <c r="C4945" i="10"/>
  <c r="C4946" i="10"/>
  <c r="C4947" i="10"/>
  <c r="C4948" i="10"/>
  <c r="C4949" i="10"/>
  <c r="C4950" i="10"/>
  <c r="C4951" i="10"/>
  <c r="C4952" i="10"/>
  <c r="C4953" i="10"/>
  <c r="C4954" i="10"/>
  <c r="C4955" i="10"/>
  <c r="C4956" i="10"/>
  <c r="C4957" i="10"/>
  <c r="C4958" i="10"/>
  <c r="C4959" i="10"/>
  <c r="C4960" i="10"/>
  <c r="C4961" i="10"/>
  <c r="C4962" i="10"/>
  <c r="C4963" i="10"/>
  <c r="C4964" i="10"/>
  <c r="C4965" i="10"/>
  <c r="C4966" i="10"/>
  <c r="C4967" i="10"/>
  <c r="C4968" i="10"/>
  <c r="C4969" i="10"/>
  <c r="C4970" i="10"/>
  <c r="C4971" i="10"/>
  <c r="C4972" i="10"/>
  <c r="C4973" i="10"/>
  <c r="C4974" i="10"/>
  <c r="C4975" i="10"/>
  <c r="C4976" i="10"/>
  <c r="C4977" i="10"/>
  <c r="C4978" i="10"/>
  <c r="C4979" i="10"/>
  <c r="C4980" i="10"/>
  <c r="C4981" i="10"/>
  <c r="C4982" i="10"/>
  <c r="C4983" i="10"/>
  <c r="C4984" i="10"/>
  <c r="C4985" i="10"/>
  <c r="C4986" i="10"/>
  <c r="C4987" i="10"/>
  <c r="C4988" i="10"/>
  <c r="C4989" i="10"/>
  <c r="C4990" i="10"/>
  <c r="C4991" i="10"/>
  <c r="C4992" i="10"/>
  <c r="C4993" i="10"/>
  <c r="C4994" i="10"/>
  <c r="C4995" i="10"/>
  <c r="C4996" i="10"/>
  <c r="C4997" i="10"/>
  <c r="C4998" i="10"/>
  <c r="C4999" i="10"/>
  <c r="C5000" i="10"/>
  <c r="C5001" i="10"/>
  <c r="C5002" i="10"/>
  <c r="C5003" i="10"/>
  <c r="C5004" i="10"/>
  <c r="C5005" i="10"/>
  <c r="C5006" i="10"/>
  <c r="C5007" i="10"/>
  <c r="C5008" i="10"/>
  <c r="C5009" i="10"/>
  <c r="C5010" i="10"/>
  <c r="C5011" i="10"/>
  <c r="C5012" i="10"/>
  <c r="C5013" i="10"/>
  <c r="C5014" i="10"/>
  <c r="C5015" i="10"/>
  <c r="C5016" i="10"/>
  <c r="C5017" i="10"/>
  <c r="C5018" i="10"/>
  <c r="C5019" i="10"/>
  <c r="C5020" i="10"/>
  <c r="C5021" i="10"/>
  <c r="C5022" i="10"/>
  <c r="C5023" i="10"/>
  <c r="C5024" i="10"/>
  <c r="C5025" i="10"/>
  <c r="C5026" i="10"/>
  <c r="C5027" i="10"/>
  <c r="C5028" i="10"/>
  <c r="C5029" i="10"/>
  <c r="C5030" i="10"/>
  <c r="C5031" i="10"/>
  <c r="C5032" i="10"/>
  <c r="C5033" i="10"/>
  <c r="C5034" i="10"/>
  <c r="C5035" i="10"/>
  <c r="C5036" i="10"/>
  <c r="C5037" i="10"/>
  <c r="C5038" i="10"/>
  <c r="C5039" i="10"/>
  <c r="C5040" i="10"/>
  <c r="C5041" i="10"/>
  <c r="C5042" i="10"/>
  <c r="C5043" i="10"/>
  <c r="C5044" i="10"/>
  <c r="C5045" i="10"/>
  <c r="C5046" i="10"/>
  <c r="C5047" i="10"/>
  <c r="C5048" i="10"/>
  <c r="C5049" i="10"/>
  <c r="C5050" i="10"/>
  <c r="C5051" i="10"/>
  <c r="C5052" i="10"/>
  <c r="C5053" i="10"/>
  <c r="C5054" i="10"/>
  <c r="C5055" i="10"/>
  <c r="C5056" i="10"/>
  <c r="C5057" i="10"/>
  <c r="C5058" i="10"/>
  <c r="C5059" i="10"/>
  <c r="C5060" i="10"/>
  <c r="C5061" i="10"/>
  <c r="C5062" i="10"/>
  <c r="C5063" i="10"/>
  <c r="C5064" i="10"/>
  <c r="C5065" i="10"/>
  <c r="C5066" i="10"/>
  <c r="C5067" i="10"/>
  <c r="C5068" i="10"/>
  <c r="C5069" i="10"/>
  <c r="C5070" i="10"/>
  <c r="C5071" i="10"/>
  <c r="C5072" i="10"/>
  <c r="C5073" i="10"/>
  <c r="C5074" i="10"/>
  <c r="C5075" i="10"/>
  <c r="C5076" i="10"/>
  <c r="C5077" i="10"/>
  <c r="C5078" i="10"/>
  <c r="C5079" i="10"/>
  <c r="C5080" i="10"/>
  <c r="C5081" i="10"/>
  <c r="C5082" i="10"/>
  <c r="C5083" i="10"/>
  <c r="C5084" i="10"/>
  <c r="C5085" i="10"/>
  <c r="C5086" i="10"/>
  <c r="C5087" i="10"/>
  <c r="C5088" i="10"/>
  <c r="C5089" i="10"/>
  <c r="C5090" i="10"/>
  <c r="C5091" i="10"/>
  <c r="C5092" i="10"/>
  <c r="C5093" i="10"/>
  <c r="C5094" i="10"/>
  <c r="C5095" i="10"/>
  <c r="C5096" i="10"/>
  <c r="C5097" i="10"/>
  <c r="C5098" i="10"/>
  <c r="C5099" i="10"/>
  <c r="C5100" i="10"/>
  <c r="C5101" i="10"/>
  <c r="C5102" i="10"/>
  <c r="C5103" i="10"/>
  <c r="C5104" i="10"/>
  <c r="C5105" i="10"/>
  <c r="C5106" i="10"/>
  <c r="C5107" i="10"/>
  <c r="C5108" i="10"/>
  <c r="C5109" i="10"/>
  <c r="C5110" i="10"/>
  <c r="C5111" i="10"/>
  <c r="C5112" i="10"/>
  <c r="C5113" i="10"/>
  <c r="C5114" i="10"/>
  <c r="C5115" i="10"/>
  <c r="C5116" i="10"/>
  <c r="C5117" i="10"/>
  <c r="C5118" i="10"/>
  <c r="C5119" i="10"/>
  <c r="C5120" i="10"/>
  <c r="C5121" i="10"/>
  <c r="C5122" i="10"/>
  <c r="C5123" i="10"/>
  <c r="C5124" i="10"/>
  <c r="C5125" i="10"/>
  <c r="C5126" i="10"/>
  <c r="C5127" i="10"/>
  <c r="C5128" i="10"/>
  <c r="C5129" i="10"/>
  <c r="C5130" i="10"/>
  <c r="C5131" i="10"/>
  <c r="C5132" i="10"/>
  <c r="C5133" i="10"/>
  <c r="C5134" i="10"/>
  <c r="C5135" i="10"/>
  <c r="C5136" i="10"/>
  <c r="C5137" i="10"/>
  <c r="C5138" i="10"/>
  <c r="C5139" i="10"/>
  <c r="C5140" i="10"/>
  <c r="C5141" i="10"/>
  <c r="C5142" i="10"/>
  <c r="C5143" i="10"/>
  <c r="C5144" i="10"/>
  <c r="C5145" i="10"/>
  <c r="C5146" i="10"/>
  <c r="C5147" i="10"/>
  <c r="C5148" i="10"/>
  <c r="C5149" i="10"/>
  <c r="C5150" i="10"/>
  <c r="C5151" i="10"/>
  <c r="C5152" i="10"/>
  <c r="C5153" i="10"/>
  <c r="C5154" i="10"/>
  <c r="C5155" i="10"/>
  <c r="C5156" i="10"/>
  <c r="C5157" i="10"/>
  <c r="C5158" i="10"/>
  <c r="C5159" i="10"/>
  <c r="C5160" i="10"/>
  <c r="C5161" i="10"/>
  <c r="C5162" i="10"/>
  <c r="C5163" i="10"/>
  <c r="C5164" i="10"/>
  <c r="C5165" i="10"/>
  <c r="C5166" i="10"/>
  <c r="C5167" i="10"/>
  <c r="C5168" i="10"/>
  <c r="C5169" i="10"/>
  <c r="C5170" i="10"/>
  <c r="C5171" i="10"/>
  <c r="C5172" i="10"/>
  <c r="C5173" i="10"/>
  <c r="C5174" i="10"/>
  <c r="C5175" i="10"/>
  <c r="C5176" i="10"/>
  <c r="C5177" i="10"/>
  <c r="C5178" i="10"/>
  <c r="C5179" i="10"/>
  <c r="C5180" i="10"/>
  <c r="C5181" i="10"/>
  <c r="C5182" i="10"/>
  <c r="C5183" i="10"/>
  <c r="C5184" i="10"/>
  <c r="C5185" i="10"/>
  <c r="C5186" i="10"/>
  <c r="C5187" i="10"/>
  <c r="C5188" i="10"/>
  <c r="C5189" i="10"/>
  <c r="C5190" i="10"/>
  <c r="C5191" i="10"/>
  <c r="C5192" i="10"/>
  <c r="C5193" i="10"/>
  <c r="C5194" i="10"/>
  <c r="C5195" i="10"/>
  <c r="C5196" i="10"/>
  <c r="C5197" i="10"/>
  <c r="C5198" i="10"/>
  <c r="C5199" i="10"/>
  <c r="C5200" i="10"/>
  <c r="C5201" i="10"/>
  <c r="C5202" i="10"/>
  <c r="C5203" i="10"/>
  <c r="C5204" i="10"/>
  <c r="C5205" i="10"/>
  <c r="C5206" i="10"/>
  <c r="C5207" i="10"/>
  <c r="C5208" i="10"/>
  <c r="C5209" i="10"/>
  <c r="C5210" i="10"/>
  <c r="C5211" i="10"/>
  <c r="C5212" i="10"/>
  <c r="C5213" i="10"/>
  <c r="C5214" i="10"/>
  <c r="C5215" i="10"/>
  <c r="C5216" i="10"/>
  <c r="C5217" i="10"/>
  <c r="C5218" i="10"/>
  <c r="C5219" i="10"/>
  <c r="C5220" i="10"/>
  <c r="C5221" i="10"/>
  <c r="C5222" i="10"/>
  <c r="C5223" i="10"/>
  <c r="C5224" i="10"/>
  <c r="C5225" i="10"/>
  <c r="C5226" i="10"/>
  <c r="C5227" i="10"/>
  <c r="C5228" i="10"/>
  <c r="C5229" i="10"/>
  <c r="C5230" i="10"/>
  <c r="C5231" i="10"/>
  <c r="C5232" i="10"/>
  <c r="C5233" i="10"/>
  <c r="C5234" i="10"/>
  <c r="C5235" i="10"/>
  <c r="C5236" i="10"/>
  <c r="C5237" i="10"/>
  <c r="C5238" i="10"/>
  <c r="C5239" i="10"/>
  <c r="C5240" i="10"/>
  <c r="C5241" i="10"/>
  <c r="C5242" i="10"/>
  <c r="C5243" i="10"/>
  <c r="C5244" i="10"/>
  <c r="C5245" i="10"/>
  <c r="C5246" i="10"/>
  <c r="C5247" i="10"/>
  <c r="C5248" i="10"/>
  <c r="C5249" i="10"/>
  <c r="C5250" i="10"/>
  <c r="C5251" i="10"/>
  <c r="C5252" i="10"/>
  <c r="C5253" i="10"/>
  <c r="C5254" i="10"/>
  <c r="C5255" i="10"/>
  <c r="C5256" i="10"/>
  <c r="C5257" i="10"/>
  <c r="C5258" i="10"/>
  <c r="C5259" i="10"/>
  <c r="C5260" i="10"/>
  <c r="C5261" i="10"/>
  <c r="C5262" i="10"/>
  <c r="C5263" i="10"/>
  <c r="C5264" i="10"/>
  <c r="C5265" i="10"/>
  <c r="C5266" i="10"/>
  <c r="C5267" i="10"/>
  <c r="C5268" i="10"/>
  <c r="C5269" i="10"/>
  <c r="C5270" i="10"/>
  <c r="C5271" i="10"/>
  <c r="C5272" i="10"/>
  <c r="C5273" i="10"/>
  <c r="C5274" i="10"/>
  <c r="C5275" i="10"/>
  <c r="C5276" i="10"/>
  <c r="C5277" i="10"/>
  <c r="C5278" i="10"/>
  <c r="C5279" i="10"/>
  <c r="C5280" i="10"/>
  <c r="C5281" i="10"/>
  <c r="C5282" i="10"/>
  <c r="C5283" i="10"/>
  <c r="C5284" i="10"/>
  <c r="C5285" i="10"/>
  <c r="C5286" i="10"/>
  <c r="C5287" i="10"/>
  <c r="C5288" i="10"/>
  <c r="C5289" i="10"/>
  <c r="C5290" i="10"/>
  <c r="C5291" i="10"/>
  <c r="C5292" i="10"/>
  <c r="C5293" i="10"/>
  <c r="C5294" i="10"/>
  <c r="C5295" i="10"/>
  <c r="C5296" i="10"/>
  <c r="C5297" i="10"/>
  <c r="C5298" i="10"/>
  <c r="C5299" i="10"/>
  <c r="C5300" i="10"/>
  <c r="C5301" i="10"/>
  <c r="C5302" i="10"/>
  <c r="C5303" i="10"/>
  <c r="C5304" i="10"/>
  <c r="C5305" i="10"/>
  <c r="C5306" i="10"/>
  <c r="C5307" i="10"/>
  <c r="C5308" i="10"/>
  <c r="C5309" i="10"/>
  <c r="C5310" i="10"/>
  <c r="C5311" i="10"/>
  <c r="C5312" i="10"/>
  <c r="C5313" i="10"/>
  <c r="C5314" i="10"/>
  <c r="C5315" i="10"/>
  <c r="C5316" i="10"/>
  <c r="C5317" i="10"/>
  <c r="C5318" i="10"/>
  <c r="C5319" i="10"/>
  <c r="C5320" i="10"/>
  <c r="C5321" i="10"/>
  <c r="C5322" i="10"/>
  <c r="C5323" i="10"/>
  <c r="C5324" i="10"/>
  <c r="C5325" i="10"/>
  <c r="C5326" i="10"/>
  <c r="C5327" i="10"/>
  <c r="C5328" i="10"/>
  <c r="C5329" i="10"/>
  <c r="C5330" i="10"/>
  <c r="C5331" i="10"/>
  <c r="C5332" i="10"/>
  <c r="C5333" i="10"/>
  <c r="C5334" i="10"/>
  <c r="C5335" i="10"/>
  <c r="C5336" i="10"/>
  <c r="C5337" i="10"/>
  <c r="C5338" i="10"/>
  <c r="C5339" i="10"/>
  <c r="C5340" i="10"/>
  <c r="C5341" i="10"/>
  <c r="C5342" i="10"/>
  <c r="C5343" i="10"/>
  <c r="C5344" i="10"/>
  <c r="C5345" i="10"/>
  <c r="C5346" i="10"/>
  <c r="C5347" i="10"/>
  <c r="C5348" i="10"/>
  <c r="C5349" i="10"/>
  <c r="C5350" i="10"/>
  <c r="C5351" i="10"/>
  <c r="C5352" i="10"/>
  <c r="C5353" i="10"/>
  <c r="C5354" i="10"/>
  <c r="C5355" i="10"/>
  <c r="C5356" i="10"/>
  <c r="C5357" i="10"/>
  <c r="C5358" i="10"/>
  <c r="C5359" i="10"/>
  <c r="C5360" i="10"/>
  <c r="C5361" i="10"/>
  <c r="C5362" i="10"/>
  <c r="C5363" i="10"/>
  <c r="C5364" i="10"/>
  <c r="C5365" i="10"/>
  <c r="C5366" i="10"/>
  <c r="C5367" i="10"/>
  <c r="C5368" i="10"/>
  <c r="C5369" i="10"/>
  <c r="C5370" i="10"/>
  <c r="C5371" i="10"/>
  <c r="C5372" i="10"/>
  <c r="C5373" i="10"/>
  <c r="C5374" i="10"/>
  <c r="C5375" i="10"/>
  <c r="C5376" i="10"/>
  <c r="C5377" i="10"/>
  <c r="C5378" i="10"/>
  <c r="C5379" i="10"/>
  <c r="C5380" i="10"/>
  <c r="C5381" i="10"/>
  <c r="C5382" i="10"/>
  <c r="C5383" i="10"/>
  <c r="C5384" i="10"/>
  <c r="C5385" i="10"/>
  <c r="C5386" i="10"/>
  <c r="C5387" i="10"/>
  <c r="C5388" i="10"/>
  <c r="C5389" i="10"/>
  <c r="C5390" i="10"/>
  <c r="C5391" i="10"/>
  <c r="C5392" i="10"/>
  <c r="C5393" i="10"/>
  <c r="C5394" i="10"/>
  <c r="C5395" i="10"/>
  <c r="C5396" i="10"/>
  <c r="C5397" i="10"/>
  <c r="C5398" i="10"/>
  <c r="C5399" i="10"/>
  <c r="C5400" i="10"/>
  <c r="C5401" i="10"/>
  <c r="C5402" i="10"/>
  <c r="C5403" i="10"/>
  <c r="C5404" i="10"/>
  <c r="C5405" i="10"/>
  <c r="C5406" i="10"/>
  <c r="C5407" i="10"/>
  <c r="C5408" i="10"/>
  <c r="C5409" i="10"/>
  <c r="C5410" i="10"/>
  <c r="C5411" i="10"/>
  <c r="C5412" i="10"/>
  <c r="C5413" i="10"/>
  <c r="C5414" i="10"/>
  <c r="C5415" i="10"/>
  <c r="C5416" i="10"/>
  <c r="C5417" i="10"/>
  <c r="C5418" i="10"/>
  <c r="C5419" i="10"/>
  <c r="C5420" i="10"/>
  <c r="C5421" i="10"/>
  <c r="C5422" i="10"/>
  <c r="C5423" i="10"/>
  <c r="C5424" i="10"/>
  <c r="C5425" i="10"/>
  <c r="C5426" i="10"/>
  <c r="C5427" i="10"/>
  <c r="C5428" i="10"/>
  <c r="C5429" i="10"/>
  <c r="C5430" i="10"/>
  <c r="C5431" i="10"/>
  <c r="C5432" i="10"/>
  <c r="C5433" i="10"/>
  <c r="C5434" i="10"/>
  <c r="C5435" i="10"/>
  <c r="C5436" i="10"/>
  <c r="C5437" i="10"/>
  <c r="C5438" i="10"/>
  <c r="C5439" i="10"/>
  <c r="C5440" i="10"/>
  <c r="C5441" i="10"/>
  <c r="C5442" i="10"/>
  <c r="C5443" i="10"/>
  <c r="C5444" i="10"/>
  <c r="C5445" i="10"/>
  <c r="C5446" i="10"/>
  <c r="C5447" i="10"/>
  <c r="C5448" i="10"/>
  <c r="C5449" i="10"/>
  <c r="C5450" i="10"/>
  <c r="C5451" i="10"/>
  <c r="C5452" i="10"/>
  <c r="C5453" i="10"/>
  <c r="C5454" i="10"/>
  <c r="C5455" i="10"/>
  <c r="C5456" i="10"/>
  <c r="C5457" i="10"/>
  <c r="C5458" i="10"/>
  <c r="C5459" i="10"/>
  <c r="C5460" i="10"/>
  <c r="C5461" i="10"/>
  <c r="C5462" i="10"/>
  <c r="C5463" i="10"/>
  <c r="C5464" i="10"/>
  <c r="C5465" i="10"/>
  <c r="C5466" i="10"/>
  <c r="C5467" i="10"/>
  <c r="C5468" i="10"/>
  <c r="C5469" i="10"/>
  <c r="C5470" i="10"/>
  <c r="C5471" i="10"/>
  <c r="C5472" i="10"/>
  <c r="C5473" i="10"/>
  <c r="C5474" i="10"/>
  <c r="C5475" i="10"/>
  <c r="C5476" i="10"/>
  <c r="C5477" i="10"/>
  <c r="C5478" i="10"/>
  <c r="C5479" i="10"/>
  <c r="C5480" i="10"/>
  <c r="C5481" i="10"/>
  <c r="C5482" i="10"/>
  <c r="C5483" i="10"/>
  <c r="C5484" i="10"/>
  <c r="C5485" i="10"/>
  <c r="C5486" i="10"/>
  <c r="C5487" i="10"/>
  <c r="C5488" i="10"/>
  <c r="C5489" i="10"/>
  <c r="C5490" i="10"/>
  <c r="C5491" i="10"/>
  <c r="C5492" i="10"/>
  <c r="C5493" i="10"/>
  <c r="C5494" i="10"/>
  <c r="C5495" i="10"/>
  <c r="C5496" i="10"/>
  <c r="C5497" i="10"/>
  <c r="C5498" i="10"/>
  <c r="C5499" i="10"/>
  <c r="C5500" i="10"/>
  <c r="C5501" i="10"/>
  <c r="C5502" i="10"/>
  <c r="C5503" i="10"/>
  <c r="C5504" i="10"/>
  <c r="C5505" i="10"/>
  <c r="C5506" i="10"/>
  <c r="C5507" i="10"/>
  <c r="C5508" i="10"/>
  <c r="C5509" i="10"/>
  <c r="C5510" i="10"/>
  <c r="C5511" i="10"/>
  <c r="C5512" i="10"/>
  <c r="C5513" i="10"/>
  <c r="C5514" i="10"/>
  <c r="C5515" i="10"/>
  <c r="C5516" i="10"/>
  <c r="C5517" i="10"/>
  <c r="C5518" i="10"/>
  <c r="C5519" i="10"/>
  <c r="C5520" i="10"/>
  <c r="C5521" i="10"/>
  <c r="C5522" i="10"/>
  <c r="C5523" i="10"/>
  <c r="C5524" i="10"/>
  <c r="C5525" i="10"/>
  <c r="C5526" i="10"/>
  <c r="C5527" i="10"/>
  <c r="C5528" i="10"/>
  <c r="C5529" i="10"/>
  <c r="C5530" i="10"/>
  <c r="C5531" i="10"/>
  <c r="C5532" i="10"/>
  <c r="C5533" i="10"/>
  <c r="C5534" i="10"/>
  <c r="C5535" i="10"/>
  <c r="C5536" i="10"/>
  <c r="C5537" i="10"/>
  <c r="C5538" i="10"/>
  <c r="C5539" i="10"/>
  <c r="C5540" i="10"/>
  <c r="C5541" i="10"/>
  <c r="C5542" i="10"/>
  <c r="C5543" i="10"/>
  <c r="C5544" i="10"/>
  <c r="C5545" i="10"/>
  <c r="C5546" i="10"/>
  <c r="C5547" i="10"/>
  <c r="C5548" i="10"/>
  <c r="C5549" i="10"/>
  <c r="C5550" i="10"/>
  <c r="C5551" i="10"/>
  <c r="C5552" i="10"/>
  <c r="C5553" i="10"/>
  <c r="C5554" i="10"/>
  <c r="C5555" i="10"/>
  <c r="C5556" i="10"/>
  <c r="C5557" i="10"/>
  <c r="C5558" i="10"/>
  <c r="C5559" i="10"/>
  <c r="C5560" i="10"/>
  <c r="C5561" i="10"/>
  <c r="C5562" i="10"/>
  <c r="C5563" i="10"/>
  <c r="C5564" i="10"/>
  <c r="C5565" i="10"/>
  <c r="C5566" i="10"/>
  <c r="C5567" i="10"/>
  <c r="C5568" i="10"/>
  <c r="C5569" i="10"/>
  <c r="C5570" i="10"/>
  <c r="C5571" i="10"/>
  <c r="C5572" i="10"/>
  <c r="C5573" i="10"/>
  <c r="C5574" i="10"/>
  <c r="C5575" i="10"/>
  <c r="C5576" i="10"/>
  <c r="C5577" i="10"/>
  <c r="C5578" i="10"/>
  <c r="C5579" i="10"/>
  <c r="C5580" i="10"/>
  <c r="C5581" i="10"/>
  <c r="C5582" i="10"/>
  <c r="C5583" i="10"/>
  <c r="C5584" i="10"/>
  <c r="C5585" i="10"/>
  <c r="C5586" i="10"/>
  <c r="C5587" i="10"/>
  <c r="C5588" i="10"/>
  <c r="C5589" i="10"/>
  <c r="C5590" i="10"/>
  <c r="C5591" i="10"/>
  <c r="C5592" i="10"/>
  <c r="C5593" i="10"/>
  <c r="C5594" i="10"/>
  <c r="C5595" i="10"/>
  <c r="C5596" i="10"/>
  <c r="C5597" i="10"/>
  <c r="C5598" i="10"/>
  <c r="C5599" i="10"/>
  <c r="C5600" i="10"/>
  <c r="C5601" i="10"/>
  <c r="C5602" i="10"/>
  <c r="C5603" i="10"/>
  <c r="C5604" i="10"/>
  <c r="C5605" i="10"/>
  <c r="C5606" i="10"/>
  <c r="C5607" i="10"/>
  <c r="C5608" i="10"/>
  <c r="C5609" i="10"/>
  <c r="C5610" i="10"/>
  <c r="C5611" i="10"/>
  <c r="C5612" i="10"/>
  <c r="C5613" i="10"/>
  <c r="C5614" i="10"/>
  <c r="C5615" i="10"/>
  <c r="C5616" i="10"/>
  <c r="C5617" i="10"/>
  <c r="C5618" i="10"/>
  <c r="C5619" i="10"/>
  <c r="C5620" i="10"/>
  <c r="C5621" i="10"/>
  <c r="C5622" i="10"/>
  <c r="C5623" i="10"/>
  <c r="C5624" i="10"/>
  <c r="C5625" i="10"/>
  <c r="C5626" i="10"/>
  <c r="C5627" i="10"/>
  <c r="C5628" i="10"/>
  <c r="C5629" i="10"/>
  <c r="C5630" i="10"/>
  <c r="C5631" i="10"/>
  <c r="C5632" i="10"/>
  <c r="C5633" i="10"/>
  <c r="C5634" i="10"/>
  <c r="C5635" i="10"/>
  <c r="C5636" i="10"/>
  <c r="C5637" i="10"/>
  <c r="C5638" i="10"/>
  <c r="C5639" i="10"/>
  <c r="C5640" i="10"/>
  <c r="C5641" i="10"/>
  <c r="C5642" i="10"/>
  <c r="C5643" i="10"/>
  <c r="C5644" i="10"/>
  <c r="C5645" i="10"/>
  <c r="C5646" i="10"/>
  <c r="C5647" i="10"/>
  <c r="C5648" i="10"/>
  <c r="C5649" i="10"/>
  <c r="C5650" i="10"/>
  <c r="C5651" i="10"/>
  <c r="C5652" i="10"/>
  <c r="C5653" i="10"/>
  <c r="C5654" i="10"/>
  <c r="C5655" i="10"/>
  <c r="C5656" i="10"/>
  <c r="C5657" i="10"/>
  <c r="C5658" i="10"/>
  <c r="C5659" i="10"/>
  <c r="C5660" i="10"/>
  <c r="C5661" i="10"/>
  <c r="C5662" i="10"/>
  <c r="C5663" i="10"/>
  <c r="C5664" i="10"/>
  <c r="C5665" i="10"/>
  <c r="C5666" i="10"/>
  <c r="C5667" i="10"/>
  <c r="C5668" i="10"/>
  <c r="C5669" i="10"/>
  <c r="C5670" i="10"/>
  <c r="C5671" i="10"/>
  <c r="C5672" i="10"/>
  <c r="C5673" i="10"/>
  <c r="C5674" i="10"/>
  <c r="C5675" i="10"/>
  <c r="C5676" i="10"/>
  <c r="C5677" i="10"/>
  <c r="C5678" i="10"/>
  <c r="C5679" i="10"/>
  <c r="C5680" i="10"/>
  <c r="C5681" i="10"/>
  <c r="C5682" i="10"/>
  <c r="C5683" i="10"/>
  <c r="C5684" i="10"/>
  <c r="C5685" i="10"/>
  <c r="C5686" i="10"/>
  <c r="C5687" i="10"/>
  <c r="C5688" i="10"/>
  <c r="C5689" i="10"/>
  <c r="C5690" i="10"/>
  <c r="C5691" i="10"/>
  <c r="C5692" i="10"/>
  <c r="C5693" i="10"/>
  <c r="C5694" i="10"/>
  <c r="C5695" i="10"/>
  <c r="C5696" i="10"/>
  <c r="C5697" i="10"/>
  <c r="C5698" i="10"/>
  <c r="C5699" i="10"/>
  <c r="C5700" i="10"/>
  <c r="C5701" i="10"/>
  <c r="C5702" i="10"/>
  <c r="C5703" i="10"/>
  <c r="C5704" i="10"/>
  <c r="C5705" i="10"/>
  <c r="C5706" i="10"/>
  <c r="C5707" i="10"/>
  <c r="C5708" i="10"/>
  <c r="C5709" i="10"/>
  <c r="C5710" i="10"/>
  <c r="C5711" i="10"/>
  <c r="C5712" i="10"/>
  <c r="C5713" i="10"/>
  <c r="C5714" i="10"/>
  <c r="C5715" i="10"/>
  <c r="C5716" i="10"/>
  <c r="C5717" i="10"/>
  <c r="C5718" i="10"/>
  <c r="C5719" i="10"/>
  <c r="C5720" i="10"/>
  <c r="C5721" i="10"/>
  <c r="C5722" i="10"/>
  <c r="C5723" i="10"/>
  <c r="C5724" i="10"/>
  <c r="C5725" i="10"/>
  <c r="C5726" i="10"/>
  <c r="C5727" i="10"/>
  <c r="C5728" i="10"/>
  <c r="C5729" i="10"/>
  <c r="C5730" i="10"/>
  <c r="C5731" i="10"/>
  <c r="C5732" i="10"/>
  <c r="C5733" i="10"/>
  <c r="C5734" i="10"/>
  <c r="C5735" i="10"/>
  <c r="C5736" i="10"/>
  <c r="C5737" i="10"/>
  <c r="C5738" i="10"/>
  <c r="C5739" i="10"/>
  <c r="C5740" i="10"/>
  <c r="C5741" i="10"/>
  <c r="C5742" i="10"/>
  <c r="C5743" i="10"/>
  <c r="C5744" i="10"/>
  <c r="C5745" i="10"/>
  <c r="C5746" i="10"/>
  <c r="C5747" i="10"/>
  <c r="C5748" i="10"/>
  <c r="C5749" i="10"/>
  <c r="C5750" i="10"/>
  <c r="C5751" i="10"/>
  <c r="C5752" i="10"/>
  <c r="C5753" i="10"/>
  <c r="C5754" i="10"/>
  <c r="C5755" i="10"/>
  <c r="C5756" i="10"/>
  <c r="C5757" i="10"/>
  <c r="C5758" i="10"/>
  <c r="C5759" i="10"/>
  <c r="C5760" i="10"/>
  <c r="C5761" i="10"/>
  <c r="C5762" i="10"/>
  <c r="C5763" i="10"/>
  <c r="C5764" i="10"/>
  <c r="C5765" i="10"/>
  <c r="C5766" i="10"/>
  <c r="C5767" i="10"/>
  <c r="C5768" i="10"/>
  <c r="C5769" i="10"/>
  <c r="C5770" i="10"/>
  <c r="C5771" i="10"/>
  <c r="C5772" i="10"/>
  <c r="C5773" i="10"/>
  <c r="C5774" i="10"/>
  <c r="C5775" i="10"/>
  <c r="C5776" i="10"/>
  <c r="C5777" i="10"/>
  <c r="C5778" i="10"/>
  <c r="C5779" i="10"/>
  <c r="C5780" i="10"/>
  <c r="C5781" i="10"/>
  <c r="C5782" i="10"/>
  <c r="C5783" i="10"/>
  <c r="C5784" i="10"/>
  <c r="C5785" i="10"/>
  <c r="C5786" i="10"/>
  <c r="C5787" i="10"/>
  <c r="C5788" i="10"/>
  <c r="C5789" i="10"/>
  <c r="C5790" i="10"/>
  <c r="C5791" i="10"/>
  <c r="C5792" i="10"/>
  <c r="C5793" i="10"/>
  <c r="C5794" i="10"/>
  <c r="C5795" i="10"/>
  <c r="C5796" i="10"/>
  <c r="C5797" i="10"/>
  <c r="C5798" i="10"/>
  <c r="C5799" i="10"/>
  <c r="C5800" i="10"/>
  <c r="C5801" i="10"/>
  <c r="C5802" i="10"/>
  <c r="C5803" i="10"/>
  <c r="C5804" i="10"/>
  <c r="C5805" i="10"/>
  <c r="C5806" i="10"/>
  <c r="C5807" i="10"/>
  <c r="C5808" i="10"/>
  <c r="C5809" i="10"/>
  <c r="C5810" i="10"/>
  <c r="C5811" i="10"/>
  <c r="C5812" i="10"/>
  <c r="C5813" i="10"/>
  <c r="C5814" i="10"/>
  <c r="C5815" i="10"/>
  <c r="C5816" i="10"/>
  <c r="C5817" i="10"/>
  <c r="C5818" i="10"/>
  <c r="C5819" i="10"/>
  <c r="C5820" i="10"/>
  <c r="C5821" i="10"/>
  <c r="C5822" i="10"/>
  <c r="C5823" i="10"/>
  <c r="C5824" i="10"/>
  <c r="C5825" i="10"/>
  <c r="C5826" i="10"/>
  <c r="C5827" i="10"/>
  <c r="C5828" i="10"/>
  <c r="C5829" i="10"/>
  <c r="C5830" i="10"/>
  <c r="C5831" i="10"/>
  <c r="C5832" i="10"/>
  <c r="C5833" i="10"/>
  <c r="C5834" i="10"/>
  <c r="C5835" i="10"/>
  <c r="C5836" i="10"/>
  <c r="C5837" i="10"/>
  <c r="C5838" i="10"/>
  <c r="C5839" i="10"/>
  <c r="C5840" i="10"/>
  <c r="C5841" i="10"/>
  <c r="C5842" i="10"/>
  <c r="C5843" i="10"/>
  <c r="C5844" i="10"/>
  <c r="C5845" i="10"/>
  <c r="C5846" i="10"/>
  <c r="C5847" i="10"/>
  <c r="C5848" i="10"/>
  <c r="C5849" i="10"/>
  <c r="C5850" i="10"/>
  <c r="C5851" i="10"/>
  <c r="C5852" i="10"/>
  <c r="C5853" i="10"/>
  <c r="C5854" i="10"/>
  <c r="C5855" i="10"/>
  <c r="C5856" i="10"/>
  <c r="C5857" i="10"/>
  <c r="C5858" i="10"/>
  <c r="C5859" i="10"/>
  <c r="C5860" i="10"/>
  <c r="C5861" i="10"/>
  <c r="C5862" i="10"/>
  <c r="C5863" i="10"/>
  <c r="C5864" i="10"/>
  <c r="C5865" i="10"/>
  <c r="C5866" i="10"/>
  <c r="C5867" i="10"/>
  <c r="C5868" i="10"/>
  <c r="C5869" i="10"/>
  <c r="C5870" i="10"/>
  <c r="C5871" i="10"/>
  <c r="C5872" i="10"/>
  <c r="C5873" i="10"/>
  <c r="C5874" i="10"/>
  <c r="C5875" i="10"/>
  <c r="C5876" i="10"/>
  <c r="C5877" i="10"/>
  <c r="C5878" i="10"/>
  <c r="C5879" i="10"/>
  <c r="C5880" i="10"/>
  <c r="C5881" i="10"/>
  <c r="C5882" i="10"/>
  <c r="C5883" i="10"/>
  <c r="C5884" i="10"/>
  <c r="C5885" i="10"/>
  <c r="C5886" i="10"/>
  <c r="C5887" i="10"/>
  <c r="C5888" i="10"/>
  <c r="C5889" i="10"/>
  <c r="C5890" i="10"/>
  <c r="C5891" i="10"/>
  <c r="C5892" i="10"/>
  <c r="C5893" i="10"/>
  <c r="C5894" i="10"/>
  <c r="C5895" i="10"/>
  <c r="C5896" i="10"/>
  <c r="C5897" i="10"/>
  <c r="C5898" i="10"/>
  <c r="C5899" i="10"/>
  <c r="C5900" i="10"/>
  <c r="C5901" i="10"/>
  <c r="C5902" i="10"/>
  <c r="C5903" i="10"/>
  <c r="C5904" i="10"/>
  <c r="C5905" i="10"/>
  <c r="C5906" i="10"/>
  <c r="C5907" i="10"/>
  <c r="C5908" i="10"/>
  <c r="C5909" i="10"/>
  <c r="C5910" i="10"/>
  <c r="C5911" i="10"/>
  <c r="C5912" i="10"/>
  <c r="C5913" i="10"/>
  <c r="C5914" i="10"/>
  <c r="C5915" i="10"/>
  <c r="C5916" i="10"/>
  <c r="C5917" i="10"/>
  <c r="C5918" i="10"/>
  <c r="C5919" i="10"/>
  <c r="C5920" i="10"/>
  <c r="C5921" i="10"/>
  <c r="C5922" i="10"/>
  <c r="C5923" i="10"/>
  <c r="C5924" i="10"/>
  <c r="C5925" i="10"/>
  <c r="C5926" i="10"/>
  <c r="C5927" i="10"/>
  <c r="C5928" i="10"/>
  <c r="C5929" i="10"/>
  <c r="C5930" i="10"/>
  <c r="C5931" i="10"/>
  <c r="C5932" i="10"/>
  <c r="C5933" i="10"/>
  <c r="C5934" i="10"/>
  <c r="C5935" i="10"/>
  <c r="C5936" i="10"/>
  <c r="C5937" i="10"/>
  <c r="C5938" i="10"/>
  <c r="C5939" i="10"/>
  <c r="C5940" i="10"/>
  <c r="C5941" i="10"/>
  <c r="C5942" i="10"/>
  <c r="C5943" i="10"/>
  <c r="C5944" i="10"/>
  <c r="C5945" i="10"/>
  <c r="C5946" i="10"/>
  <c r="C5947" i="10"/>
  <c r="C5948" i="10"/>
  <c r="C5949" i="10"/>
  <c r="C5950" i="10"/>
  <c r="C5951" i="10"/>
  <c r="C5952" i="10"/>
  <c r="C5953" i="10"/>
  <c r="C5954" i="10"/>
  <c r="C5955" i="10"/>
  <c r="C5956" i="10"/>
  <c r="C5957" i="10"/>
  <c r="C5958" i="10"/>
  <c r="C5959" i="10"/>
  <c r="C5960" i="10"/>
  <c r="C5961" i="10"/>
  <c r="C5962" i="10"/>
  <c r="C5963" i="10"/>
  <c r="C5964" i="10"/>
  <c r="C5965" i="10"/>
  <c r="C5966" i="10"/>
  <c r="C5967" i="10"/>
  <c r="C5968" i="10"/>
  <c r="C5969" i="10"/>
  <c r="C5970" i="10"/>
  <c r="C5971" i="10"/>
  <c r="C5972" i="10"/>
  <c r="C5973" i="10"/>
  <c r="C5974" i="10"/>
  <c r="C5975" i="10"/>
  <c r="C5976" i="10"/>
  <c r="C5977" i="10"/>
  <c r="C5978" i="10"/>
  <c r="C5979" i="10"/>
  <c r="C5980" i="10"/>
  <c r="C5981" i="10"/>
  <c r="C5982" i="10"/>
  <c r="C5983" i="10"/>
  <c r="C5984" i="10"/>
  <c r="C5985" i="10"/>
  <c r="C5986" i="10"/>
  <c r="C5987" i="10"/>
  <c r="C5988" i="10"/>
  <c r="C5989" i="10"/>
  <c r="C5990" i="10"/>
  <c r="C5991" i="10"/>
  <c r="C5992" i="10"/>
  <c r="C5993" i="10"/>
  <c r="C5994" i="10"/>
  <c r="C5995" i="10"/>
  <c r="C5996" i="10"/>
  <c r="C5997" i="10"/>
  <c r="C5998" i="10"/>
  <c r="C5999" i="10"/>
  <c r="C6000" i="10"/>
  <c r="C6001" i="10"/>
  <c r="C6002" i="10"/>
  <c r="C6003" i="10"/>
  <c r="C6004" i="10"/>
  <c r="C6005" i="10"/>
  <c r="C6006" i="10"/>
  <c r="C6007" i="10"/>
  <c r="C6008" i="10"/>
  <c r="C6009" i="10"/>
  <c r="C6010" i="10"/>
  <c r="C6011" i="10"/>
  <c r="C6012" i="10"/>
  <c r="C6013" i="10"/>
  <c r="C6014" i="10"/>
  <c r="C6015" i="10"/>
  <c r="C6016" i="10"/>
  <c r="C6017" i="10"/>
  <c r="C6018" i="10"/>
  <c r="C6019" i="10"/>
  <c r="C6020" i="10"/>
  <c r="C6021" i="10"/>
  <c r="C6022" i="10"/>
  <c r="C6023" i="10"/>
  <c r="C6024" i="10"/>
  <c r="C6025" i="10"/>
  <c r="C6026" i="10"/>
  <c r="C6027" i="10"/>
  <c r="C6028" i="10"/>
  <c r="C6029" i="10"/>
  <c r="C6030" i="10"/>
  <c r="C6031" i="10"/>
  <c r="C6032" i="10"/>
  <c r="C6033" i="10"/>
  <c r="C6034" i="10"/>
  <c r="C6035" i="10"/>
  <c r="C6036" i="10"/>
  <c r="C6037" i="10"/>
  <c r="C6038" i="10"/>
  <c r="C6039" i="10"/>
  <c r="C6040" i="10"/>
  <c r="C6041" i="10"/>
  <c r="C6042" i="10"/>
  <c r="C6043" i="10"/>
  <c r="C6044" i="10"/>
  <c r="C6045" i="10"/>
  <c r="C6046" i="10"/>
  <c r="C6047" i="10"/>
  <c r="C6048" i="10"/>
  <c r="C6049" i="10"/>
  <c r="C6050" i="10"/>
  <c r="C6051" i="10"/>
  <c r="C6052" i="10"/>
  <c r="C6053" i="10"/>
  <c r="C6054" i="10"/>
  <c r="C6055" i="10"/>
  <c r="C6056" i="10"/>
  <c r="C6057" i="10"/>
  <c r="C6058" i="10"/>
  <c r="C6059" i="10"/>
  <c r="C6060" i="10"/>
  <c r="C6061" i="10"/>
  <c r="C6062" i="10"/>
  <c r="C6063" i="10"/>
  <c r="C6064" i="10"/>
  <c r="C6065" i="10"/>
  <c r="C6066" i="10"/>
  <c r="C6067" i="10"/>
  <c r="C6068" i="10"/>
  <c r="C6069" i="10"/>
  <c r="C6070" i="10"/>
  <c r="C6071" i="10"/>
  <c r="C6072" i="10"/>
  <c r="C6073" i="10"/>
  <c r="C6074" i="10"/>
  <c r="C6075" i="10"/>
  <c r="C6076" i="10"/>
  <c r="C6077" i="10"/>
  <c r="C6078" i="10"/>
  <c r="C6079" i="10"/>
  <c r="C6080" i="10"/>
  <c r="C6081" i="10"/>
  <c r="C6082" i="10"/>
  <c r="C6083" i="10"/>
  <c r="C6084" i="10"/>
  <c r="C6085" i="10"/>
  <c r="C6086" i="10"/>
  <c r="C6087" i="10"/>
  <c r="C6088" i="10"/>
  <c r="C6089" i="10"/>
  <c r="C6090" i="10"/>
  <c r="C6091" i="10"/>
  <c r="C6092" i="10"/>
  <c r="C6093" i="10"/>
  <c r="C6094" i="10"/>
  <c r="C6095" i="10"/>
  <c r="C6096" i="10"/>
  <c r="C6097" i="10"/>
  <c r="C6098" i="10"/>
  <c r="C6099" i="10"/>
  <c r="C6100" i="10"/>
  <c r="C6101" i="10"/>
  <c r="C6102" i="10"/>
  <c r="C6103" i="10"/>
  <c r="C6104" i="10"/>
  <c r="C6105" i="10"/>
  <c r="C6106" i="10"/>
  <c r="C6107" i="10"/>
  <c r="C6108" i="10"/>
  <c r="C6109" i="10"/>
  <c r="C6110" i="10"/>
  <c r="C6111" i="10"/>
  <c r="C6112" i="10"/>
  <c r="C6113" i="10"/>
  <c r="C6114" i="10"/>
  <c r="C6115" i="10"/>
  <c r="C6116" i="10"/>
  <c r="C6117" i="10"/>
  <c r="C6118" i="10"/>
  <c r="C6119" i="10"/>
  <c r="C6120" i="10"/>
  <c r="C6121" i="10"/>
  <c r="C6122" i="10"/>
  <c r="C6123" i="10"/>
  <c r="C6124" i="10"/>
  <c r="C6125" i="10"/>
  <c r="C6126" i="10"/>
  <c r="C6127" i="10"/>
  <c r="C6128" i="10"/>
  <c r="C6129" i="10"/>
  <c r="C6130" i="10"/>
  <c r="C6131" i="10"/>
  <c r="C6132" i="10"/>
  <c r="C6133" i="10"/>
  <c r="C6134" i="10"/>
  <c r="C6135" i="10"/>
  <c r="C6136" i="10"/>
  <c r="C6137" i="10"/>
  <c r="C6138" i="10"/>
  <c r="C6139" i="10"/>
  <c r="C6140" i="10"/>
  <c r="C6141" i="10"/>
  <c r="C6142" i="10"/>
  <c r="C6143" i="10"/>
  <c r="C6144" i="10"/>
  <c r="C6145" i="10"/>
  <c r="C6146" i="10"/>
  <c r="C6147" i="10"/>
  <c r="C6148" i="10"/>
  <c r="C6149" i="10"/>
  <c r="C6150" i="10"/>
  <c r="C6151" i="10"/>
  <c r="C6152" i="10"/>
  <c r="C6153" i="10"/>
  <c r="C6154" i="10"/>
  <c r="C6155" i="10"/>
  <c r="C6156" i="10"/>
  <c r="C6157" i="10"/>
  <c r="C6158" i="10"/>
  <c r="C6159" i="10"/>
  <c r="C6160" i="10"/>
  <c r="C6161" i="10"/>
  <c r="C6162" i="10"/>
  <c r="C6163" i="10"/>
  <c r="C6164" i="10"/>
  <c r="C6165" i="10"/>
  <c r="C6166" i="10"/>
  <c r="C6167" i="10"/>
  <c r="C6168" i="10"/>
  <c r="C6169" i="10"/>
  <c r="C6170" i="10"/>
  <c r="C6171" i="10"/>
  <c r="C6172" i="10"/>
  <c r="C6173" i="10"/>
  <c r="C6174" i="10"/>
  <c r="C6175" i="10"/>
  <c r="C6176" i="10"/>
  <c r="C6177" i="10"/>
  <c r="C6178" i="10"/>
  <c r="C6179" i="10"/>
  <c r="C6180" i="10"/>
  <c r="C6181" i="10"/>
  <c r="C6182" i="10"/>
  <c r="C6183" i="10"/>
  <c r="C6184" i="10"/>
  <c r="C6185" i="10"/>
  <c r="C6186" i="10"/>
  <c r="C6187" i="10"/>
  <c r="C6188" i="10"/>
  <c r="C6189" i="10"/>
  <c r="C6190" i="10"/>
  <c r="C6191" i="10"/>
  <c r="C6192" i="10"/>
  <c r="C6193" i="10"/>
  <c r="C6194" i="10"/>
  <c r="C6195" i="10"/>
  <c r="C6196" i="10"/>
  <c r="C6197" i="10"/>
  <c r="C6198" i="10"/>
  <c r="C6199" i="10"/>
  <c r="C6200" i="10"/>
  <c r="C6201" i="10"/>
  <c r="C6202" i="10"/>
  <c r="C6203" i="10"/>
  <c r="C6204" i="10"/>
  <c r="C6205" i="10"/>
  <c r="C6206" i="10"/>
  <c r="C6207" i="10"/>
  <c r="C6208" i="10"/>
  <c r="C6209" i="10"/>
  <c r="C6210" i="10"/>
  <c r="C6211" i="10"/>
  <c r="C6212" i="10"/>
  <c r="C6213" i="10"/>
  <c r="C6214" i="10"/>
  <c r="C6215" i="10"/>
  <c r="C6216" i="10"/>
  <c r="C6217" i="10"/>
  <c r="C6218" i="10"/>
  <c r="C6219" i="10"/>
  <c r="C6220" i="10"/>
  <c r="C6221" i="10"/>
  <c r="C6222" i="10"/>
  <c r="C6223" i="10"/>
  <c r="C6224" i="10"/>
  <c r="C6225" i="10"/>
  <c r="C6226" i="10"/>
  <c r="C6227" i="10"/>
  <c r="C6228" i="10"/>
  <c r="C6229" i="10"/>
  <c r="C6230" i="10"/>
  <c r="C6231" i="10"/>
  <c r="C6232" i="10"/>
  <c r="C6233" i="10"/>
  <c r="C6234" i="10"/>
  <c r="C6235" i="10"/>
  <c r="C6236" i="10"/>
  <c r="C6237" i="10"/>
  <c r="C6238" i="10"/>
  <c r="C6239" i="10"/>
  <c r="C6240" i="10"/>
  <c r="C6241" i="10"/>
  <c r="C6242" i="10"/>
  <c r="C6243" i="10"/>
  <c r="C6244" i="10"/>
  <c r="C6245" i="10"/>
  <c r="C6246" i="10"/>
  <c r="C6247" i="10"/>
  <c r="C6248" i="10"/>
  <c r="C6249" i="10"/>
  <c r="C6250" i="10"/>
  <c r="C6251" i="10"/>
  <c r="C6252" i="10"/>
  <c r="C6253" i="10"/>
  <c r="C6254" i="10"/>
  <c r="C6255" i="10"/>
  <c r="C6256" i="10"/>
  <c r="C6257" i="10"/>
  <c r="C6258" i="10"/>
  <c r="C6259" i="10"/>
  <c r="C6260" i="10"/>
  <c r="C6261" i="10"/>
  <c r="C6262" i="10"/>
  <c r="C6263" i="10"/>
  <c r="C6264" i="10"/>
  <c r="C6265" i="10"/>
  <c r="C6266" i="10"/>
  <c r="C6267" i="10"/>
  <c r="C6268" i="10"/>
  <c r="C6269" i="10"/>
  <c r="C6270" i="10"/>
  <c r="C6271" i="10"/>
  <c r="C6272" i="10"/>
  <c r="C6273" i="10"/>
  <c r="C6274" i="10"/>
  <c r="C6275" i="10"/>
  <c r="C6276" i="10"/>
  <c r="C6277" i="10"/>
  <c r="C6278" i="10"/>
  <c r="C6279" i="10"/>
  <c r="C6280" i="10"/>
  <c r="C6281" i="10"/>
  <c r="C6282" i="10"/>
  <c r="C6283" i="10"/>
  <c r="C6284" i="10"/>
  <c r="C6285" i="10"/>
  <c r="C6286" i="10"/>
  <c r="C6287" i="10"/>
  <c r="C6288" i="10"/>
  <c r="C6289" i="10"/>
  <c r="C6290" i="10"/>
  <c r="C6291" i="10"/>
  <c r="C6292" i="10"/>
  <c r="C6293" i="10"/>
  <c r="C6294" i="10"/>
  <c r="C6295" i="10"/>
  <c r="C6296" i="10"/>
  <c r="C6297" i="10"/>
  <c r="C6298" i="10"/>
  <c r="C6299" i="10"/>
  <c r="C6300" i="10"/>
  <c r="C6301" i="10"/>
  <c r="C6302" i="10"/>
  <c r="C6303" i="10"/>
  <c r="C6304" i="10"/>
  <c r="C6305" i="10"/>
  <c r="C6306" i="10"/>
  <c r="C6307" i="10"/>
  <c r="C6308" i="10"/>
  <c r="C6309" i="10"/>
  <c r="C6310" i="10"/>
  <c r="C6311" i="10"/>
  <c r="C6312" i="10"/>
  <c r="C6313" i="10"/>
  <c r="C6314" i="10"/>
  <c r="C6315" i="10"/>
  <c r="C6316" i="10"/>
  <c r="C6317" i="10"/>
  <c r="C6318" i="10"/>
  <c r="C6319" i="10"/>
  <c r="C6320" i="10"/>
  <c r="C6321" i="10"/>
  <c r="C6322" i="10"/>
  <c r="C6323" i="10"/>
  <c r="C6324" i="10"/>
  <c r="C6325" i="10"/>
  <c r="C6326" i="10"/>
  <c r="C6327" i="10"/>
  <c r="C6328" i="10"/>
  <c r="C6329" i="10"/>
  <c r="C6330" i="10"/>
  <c r="C6331" i="10"/>
  <c r="C6332" i="10"/>
  <c r="C6333" i="10"/>
  <c r="C6334" i="10"/>
  <c r="C6335" i="10"/>
  <c r="C6336" i="10"/>
  <c r="C6337" i="10"/>
  <c r="C6338" i="10"/>
  <c r="C6339" i="10"/>
  <c r="C6340" i="10"/>
  <c r="C6341" i="10"/>
  <c r="C6342" i="10"/>
  <c r="C6343" i="10"/>
  <c r="C6344" i="10"/>
  <c r="C6345" i="10"/>
  <c r="C6346" i="10"/>
  <c r="C6347" i="10"/>
  <c r="C6348" i="10"/>
  <c r="C6349" i="10"/>
  <c r="C6350" i="10"/>
  <c r="C6351" i="10"/>
  <c r="C6352" i="10"/>
  <c r="C6353" i="10"/>
  <c r="C6354" i="10"/>
  <c r="C6355" i="10"/>
  <c r="C6356" i="10"/>
  <c r="C6357" i="10"/>
  <c r="C6358" i="10"/>
  <c r="C6359" i="10"/>
  <c r="C6360" i="10"/>
  <c r="C6361" i="10"/>
  <c r="C6362" i="10"/>
  <c r="C6363" i="10"/>
  <c r="C6364" i="10"/>
  <c r="C6365" i="10"/>
  <c r="C6366" i="10"/>
  <c r="C6367" i="10"/>
  <c r="C6368" i="10"/>
  <c r="C6369" i="10"/>
  <c r="C6370" i="10"/>
  <c r="C6371" i="10"/>
  <c r="C6372" i="10"/>
  <c r="C6373" i="10"/>
  <c r="C6374" i="10"/>
  <c r="C6375" i="10"/>
  <c r="C6376" i="10"/>
  <c r="C6377" i="10"/>
  <c r="C6378" i="10"/>
  <c r="C6379" i="10"/>
  <c r="C6380" i="10"/>
  <c r="C6381" i="10"/>
  <c r="C6382" i="10"/>
  <c r="C6383" i="10"/>
  <c r="C6384" i="10"/>
  <c r="C6385" i="10"/>
  <c r="C6386" i="10"/>
  <c r="C6387" i="10"/>
  <c r="C6388" i="10"/>
  <c r="C6389" i="10"/>
  <c r="C6390" i="10"/>
  <c r="C6391" i="10"/>
  <c r="C6392" i="10"/>
  <c r="C6393" i="10"/>
  <c r="C6394" i="10"/>
  <c r="C6395" i="10"/>
  <c r="C6396" i="10"/>
  <c r="C6397" i="10"/>
  <c r="C6398" i="10"/>
  <c r="C6399" i="10"/>
  <c r="C6400" i="10"/>
  <c r="C6401" i="10"/>
  <c r="C6402" i="10"/>
  <c r="C6403" i="10"/>
  <c r="C6404" i="10"/>
  <c r="C6405" i="10"/>
  <c r="C6406" i="10"/>
  <c r="C6407" i="10"/>
  <c r="C6408" i="10"/>
  <c r="C6409" i="10"/>
  <c r="C6410" i="10"/>
  <c r="C6411" i="10"/>
  <c r="C6412" i="10"/>
  <c r="C6413" i="10"/>
  <c r="C6414" i="10"/>
  <c r="C6415" i="10"/>
  <c r="C6416" i="10"/>
  <c r="C6417" i="10"/>
  <c r="C6418" i="10"/>
  <c r="C6419" i="10"/>
  <c r="C6420" i="10"/>
  <c r="C6421" i="10"/>
  <c r="C6422" i="10"/>
  <c r="C6423" i="10"/>
  <c r="C6424" i="10"/>
  <c r="C6425" i="10"/>
  <c r="C6426" i="10"/>
  <c r="C6427" i="10"/>
  <c r="C6428" i="10"/>
  <c r="C6429" i="10"/>
  <c r="C6430" i="10"/>
  <c r="C6431" i="10"/>
  <c r="C6432" i="10"/>
  <c r="C6433" i="10"/>
  <c r="C6434" i="10"/>
  <c r="C6435" i="10"/>
  <c r="C6436" i="10"/>
  <c r="C6437" i="10"/>
  <c r="C6438" i="10"/>
  <c r="C6439" i="10"/>
  <c r="C6440" i="10"/>
  <c r="C6441" i="10"/>
  <c r="C6442" i="10"/>
  <c r="C6443" i="10"/>
  <c r="C6444" i="10"/>
  <c r="C6445" i="10"/>
  <c r="C6446" i="10"/>
  <c r="C6447" i="10"/>
  <c r="C6448" i="10"/>
  <c r="C6449" i="10"/>
  <c r="C6450" i="10"/>
  <c r="C6451" i="10"/>
  <c r="C6452" i="10"/>
  <c r="C6453" i="10"/>
  <c r="C6454" i="10"/>
  <c r="C6455" i="10"/>
  <c r="C6456" i="10"/>
  <c r="C6457" i="10"/>
  <c r="C6458" i="10"/>
  <c r="C6459" i="10"/>
  <c r="C6460" i="10"/>
  <c r="C6461" i="10"/>
  <c r="C6462" i="10"/>
  <c r="C6463" i="10"/>
  <c r="C6464" i="10"/>
  <c r="C6465" i="10"/>
  <c r="C6466" i="10"/>
  <c r="C6467" i="10"/>
  <c r="C6468" i="10"/>
  <c r="C6469" i="10"/>
  <c r="C6470" i="10"/>
  <c r="C6471" i="10"/>
  <c r="C6472" i="10"/>
  <c r="C6473" i="10"/>
  <c r="C6474" i="10"/>
  <c r="C6475" i="10"/>
  <c r="C6476" i="10"/>
  <c r="C6477" i="10"/>
  <c r="C6478" i="10"/>
  <c r="C6479" i="10"/>
  <c r="C6480" i="10"/>
  <c r="C6481" i="10"/>
  <c r="C6482" i="10"/>
  <c r="C6483" i="10"/>
  <c r="C6484" i="10"/>
  <c r="C6485" i="10"/>
  <c r="C6486" i="10"/>
  <c r="C6487" i="10"/>
  <c r="C6488" i="10"/>
  <c r="C6489" i="10"/>
  <c r="C6490" i="10"/>
  <c r="C6491" i="10"/>
  <c r="C6492" i="10"/>
  <c r="C6493" i="10"/>
  <c r="C6494" i="10"/>
  <c r="C6495" i="10"/>
  <c r="C6496" i="10"/>
  <c r="C6497" i="10"/>
  <c r="C6498" i="10"/>
  <c r="C6499" i="10"/>
  <c r="C6500" i="10"/>
  <c r="C6501" i="10"/>
  <c r="C6502" i="10"/>
  <c r="C6503" i="10"/>
  <c r="C6504" i="10"/>
  <c r="C6505" i="10"/>
  <c r="C6506" i="10"/>
  <c r="C6507" i="10"/>
  <c r="C6508" i="10"/>
  <c r="C6509" i="10"/>
  <c r="C6510" i="10"/>
  <c r="C6511" i="10"/>
  <c r="C6512" i="10"/>
  <c r="C6513" i="10"/>
  <c r="C6514" i="10"/>
  <c r="C6515" i="10"/>
  <c r="C6516" i="10"/>
  <c r="C6517" i="10"/>
  <c r="C6518" i="10"/>
  <c r="C6519" i="10"/>
  <c r="C6520" i="10"/>
  <c r="C6521" i="10"/>
  <c r="C6522" i="10"/>
  <c r="C6523" i="10"/>
  <c r="C6524" i="10"/>
  <c r="C6525" i="10"/>
  <c r="C6526" i="10"/>
  <c r="C6527" i="10"/>
  <c r="C6528" i="10"/>
  <c r="C6529" i="10"/>
  <c r="C6530" i="10"/>
  <c r="C6531" i="10"/>
  <c r="C6532" i="10"/>
  <c r="C6533" i="10"/>
  <c r="C6534" i="10"/>
  <c r="C6535" i="10"/>
  <c r="C6536" i="10"/>
  <c r="C6537" i="10"/>
  <c r="C6538" i="10"/>
  <c r="C6539" i="10"/>
  <c r="C6540" i="10"/>
  <c r="C6541" i="10"/>
  <c r="C6542" i="10"/>
  <c r="C6543" i="10"/>
  <c r="C6544" i="10"/>
  <c r="C6545" i="10"/>
  <c r="C6546" i="10"/>
  <c r="C6547" i="10"/>
  <c r="C6548" i="10"/>
  <c r="C6549" i="10"/>
  <c r="C6550" i="10"/>
  <c r="C6551" i="10"/>
  <c r="C6552" i="10"/>
  <c r="C6553" i="10"/>
  <c r="C6554" i="10"/>
  <c r="C6555" i="10"/>
  <c r="C6556" i="10"/>
  <c r="C6557" i="10"/>
  <c r="C6558" i="10"/>
  <c r="C6559" i="10"/>
  <c r="C6560" i="10"/>
  <c r="C6561" i="10"/>
  <c r="C6562" i="10"/>
  <c r="C6563" i="10"/>
  <c r="C6564" i="10"/>
  <c r="C6565" i="10"/>
  <c r="C6566" i="10"/>
  <c r="C6567" i="10"/>
  <c r="C6568" i="10"/>
  <c r="C6569" i="10"/>
  <c r="C6570" i="10"/>
  <c r="C6571" i="10"/>
  <c r="C6572" i="10"/>
  <c r="C6573" i="10"/>
  <c r="C6574" i="10"/>
  <c r="C6575" i="10"/>
  <c r="C6576" i="10"/>
  <c r="C6577" i="10"/>
  <c r="C6578" i="10"/>
  <c r="C6579" i="10"/>
  <c r="C6580" i="10"/>
  <c r="C6581" i="10"/>
  <c r="C6582" i="10"/>
  <c r="C6583" i="10"/>
  <c r="C6584" i="10"/>
  <c r="C6585" i="10"/>
  <c r="C6586" i="10"/>
  <c r="C6587" i="10"/>
  <c r="C6588" i="10"/>
  <c r="C6589" i="10"/>
  <c r="C6590" i="10"/>
  <c r="C6591" i="10"/>
  <c r="C6592" i="10"/>
  <c r="C6593" i="10"/>
  <c r="C6594" i="10"/>
  <c r="C6595" i="10"/>
  <c r="C6596" i="10"/>
  <c r="C6597" i="10"/>
  <c r="C6598" i="10"/>
  <c r="C6599" i="10"/>
  <c r="C6600" i="10"/>
  <c r="C6601" i="10"/>
  <c r="C6602" i="10"/>
  <c r="C6603" i="10"/>
  <c r="C6604" i="10"/>
  <c r="C6605" i="10"/>
  <c r="C6606" i="10"/>
  <c r="C6607" i="10"/>
  <c r="C6608" i="10"/>
  <c r="C6609" i="10"/>
  <c r="C6610" i="10"/>
  <c r="C6611" i="10"/>
  <c r="C6612" i="10"/>
  <c r="C6613" i="10"/>
  <c r="C6614" i="10"/>
  <c r="C6615" i="10"/>
  <c r="C6616" i="10"/>
  <c r="C6617" i="10"/>
  <c r="C6618" i="10"/>
  <c r="C6619" i="10"/>
  <c r="C6620" i="10"/>
  <c r="C6621" i="10"/>
  <c r="C6622" i="10"/>
  <c r="C6623" i="10"/>
  <c r="C6624" i="10"/>
  <c r="C6625" i="10"/>
  <c r="C6626" i="10"/>
  <c r="C6627" i="10"/>
  <c r="C6628" i="10"/>
  <c r="C6629" i="10"/>
  <c r="C6630" i="10"/>
  <c r="C6631" i="10"/>
  <c r="C6632" i="10"/>
  <c r="C6633" i="10"/>
  <c r="C6634" i="10"/>
  <c r="C6635" i="10"/>
  <c r="C6636" i="10"/>
  <c r="C6637" i="10"/>
  <c r="C6638" i="10"/>
  <c r="C6639" i="10"/>
  <c r="C6640" i="10"/>
  <c r="C6641" i="10"/>
  <c r="C6642" i="10"/>
  <c r="C6643" i="10"/>
  <c r="C6644" i="10"/>
  <c r="C6645" i="10"/>
  <c r="C6646" i="10"/>
  <c r="C6647" i="10"/>
  <c r="C6648" i="10"/>
  <c r="C6649" i="10"/>
  <c r="C6650" i="10"/>
  <c r="C6651" i="10"/>
  <c r="C6652" i="10"/>
  <c r="C6653" i="10"/>
  <c r="C6654" i="10"/>
  <c r="C6655" i="10"/>
  <c r="C6656" i="10"/>
  <c r="C6657" i="10"/>
  <c r="C6658" i="10"/>
  <c r="C6659" i="10"/>
  <c r="C6660" i="10"/>
  <c r="C6661" i="10"/>
  <c r="C6662" i="10"/>
  <c r="C6663" i="10"/>
  <c r="C6664" i="10"/>
  <c r="C6665" i="10"/>
  <c r="C6666" i="10"/>
  <c r="C6667" i="10"/>
  <c r="C6668" i="10"/>
  <c r="C6669" i="10"/>
  <c r="C6670" i="10"/>
  <c r="C6671" i="10"/>
  <c r="C6672" i="10"/>
  <c r="C6673" i="10"/>
  <c r="C6674" i="10"/>
  <c r="C6675" i="10"/>
  <c r="C6676" i="10"/>
  <c r="C6677" i="10"/>
  <c r="C6678" i="10"/>
  <c r="C6679" i="10"/>
  <c r="C6680" i="10"/>
  <c r="C6681" i="10"/>
  <c r="C6682" i="10"/>
  <c r="C6683" i="10"/>
  <c r="C6684" i="10"/>
  <c r="C6685" i="10"/>
  <c r="C6686" i="10"/>
  <c r="C6687" i="10"/>
  <c r="C6688" i="10"/>
  <c r="C6689" i="10"/>
  <c r="C6690" i="10"/>
  <c r="C6691" i="10"/>
  <c r="C6692" i="10"/>
  <c r="C6693" i="10"/>
  <c r="C6694" i="10"/>
  <c r="C6695" i="10"/>
  <c r="C6696" i="10"/>
  <c r="C6697" i="10"/>
  <c r="C6698" i="10"/>
  <c r="C6699" i="10"/>
  <c r="C6700" i="10"/>
  <c r="C6701" i="10"/>
  <c r="C6702" i="10"/>
  <c r="C6703" i="10"/>
  <c r="C6704" i="10"/>
  <c r="C6705" i="10"/>
  <c r="C6706" i="10"/>
  <c r="C6707" i="10"/>
  <c r="C6708" i="10"/>
  <c r="C6709" i="10"/>
  <c r="C6710" i="10"/>
  <c r="C6711" i="10"/>
  <c r="C6712" i="10"/>
  <c r="C6713" i="10"/>
  <c r="C6714" i="10"/>
  <c r="C6715" i="10"/>
  <c r="C6716" i="10"/>
  <c r="C6717" i="10"/>
  <c r="C6718" i="10"/>
  <c r="C6719" i="10"/>
  <c r="C6720" i="10"/>
  <c r="C6721" i="10"/>
  <c r="C6722" i="10"/>
  <c r="C6723" i="10"/>
  <c r="C6724" i="10"/>
  <c r="C6725" i="10"/>
  <c r="C6726" i="10"/>
  <c r="C6727" i="10"/>
  <c r="C6728" i="10"/>
  <c r="C6729" i="10"/>
  <c r="C6730" i="10"/>
  <c r="C6731" i="10"/>
  <c r="C6732" i="10"/>
  <c r="C6733" i="10"/>
  <c r="C6734" i="10"/>
  <c r="C6735" i="10"/>
  <c r="C6736" i="10"/>
  <c r="C6737" i="10"/>
  <c r="C6738" i="10"/>
  <c r="C6739" i="10"/>
  <c r="C6740" i="10"/>
  <c r="C6741" i="10"/>
  <c r="C6742" i="10"/>
  <c r="C6743" i="10"/>
  <c r="C6744" i="10"/>
  <c r="C6745" i="10"/>
  <c r="C6746" i="10"/>
  <c r="C6747" i="10"/>
  <c r="C6748" i="10"/>
  <c r="C6749" i="10"/>
  <c r="C6750" i="10"/>
  <c r="C6751" i="10"/>
  <c r="C6752" i="10"/>
  <c r="C6753" i="10"/>
  <c r="C6754" i="10"/>
  <c r="C6755" i="10"/>
  <c r="C6756" i="10"/>
  <c r="C6757" i="10"/>
  <c r="C6758" i="10"/>
  <c r="C6759" i="10"/>
  <c r="C6760" i="10"/>
  <c r="C6761" i="10"/>
  <c r="C6762" i="10"/>
  <c r="C6763" i="10"/>
  <c r="C6764" i="10"/>
  <c r="C6765" i="10"/>
  <c r="C6766" i="10"/>
  <c r="C6767" i="10"/>
  <c r="C6768" i="10"/>
  <c r="C6769" i="10"/>
  <c r="C6770" i="10"/>
  <c r="C6771" i="10"/>
  <c r="C6772" i="10"/>
  <c r="C6773" i="10"/>
  <c r="C6774" i="10"/>
  <c r="C6775" i="10"/>
  <c r="C6776" i="10"/>
  <c r="C6777" i="10"/>
  <c r="C6778" i="10"/>
  <c r="C6779" i="10"/>
  <c r="C6780" i="10"/>
  <c r="C6781" i="10"/>
  <c r="C6782" i="10"/>
  <c r="C6783" i="10"/>
  <c r="C6784" i="10"/>
  <c r="C6785" i="10"/>
  <c r="C6786" i="10"/>
  <c r="C6787" i="10"/>
  <c r="C6788" i="10"/>
  <c r="C6789" i="10"/>
  <c r="C6790" i="10"/>
  <c r="C6791" i="10"/>
  <c r="C6792" i="10"/>
  <c r="C6793" i="10"/>
  <c r="C6794" i="10"/>
  <c r="C6795" i="10"/>
  <c r="C6796" i="10"/>
  <c r="C6797" i="10"/>
  <c r="C6798" i="10"/>
  <c r="C6799" i="10"/>
  <c r="C6800" i="10"/>
  <c r="C6801" i="10"/>
  <c r="C6802" i="10"/>
  <c r="C6803" i="10"/>
  <c r="C6804" i="10"/>
  <c r="C6805" i="10"/>
  <c r="C6806" i="10"/>
  <c r="C6807" i="10"/>
  <c r="C6808" i="10"/>
  <c r="C6809" i="10"/>
  <c r="C6810" i="10"/>
  <c r="C6811" i="10"/>
  <c r="C6812" i="10"/>
  <c r="C6813" i="10"/>
  <c r="C6814" i="10"/>
  <c r="C6815" i="10"/>
  <c r="C6816" i="10"/>
  <c r="C6817" i="10"/>
  <c r="C6818" i="10"/>
  <c r="C6819" i="10"/>
  <c r="C6820" i="10"/>
  <c r="C6821" i="10"/>
  <c r="C6822" i="10"/>
  <c r="C6823" i="10"/>
  <c r="C6824" i="10"/>
  <c r="C6825" i="10"/>
  <c r="C6826" i="10"/>
  <c r="C6827" i="10"/>
  <c r="C6828" i="10"/>
  <c r="C6829" i="10"/>
  <c r="C6830" i="10"/>
  <c r="C6831" i="10"/>
  <c r="C6832" i="10"/>
  <c r="C6833" i="10"/>
  <c r="C6834" i="10"/>
  <c r="C6835" i="10"/>
  <c r="C6836" i="10"/>
  <c r="C6837" i="10"/>
  <c r="C6838" i="10"/>
  <c r="C6839" i="10"/>
  <c r="C6840" i="10"/>
  <c r="C6841" i="10"/>
  <c r="C6842" i="10"/>
  <c r="C6843" i="10"/>
  <c r="C6844" i="10"/>
  <c r="C6845" i="10"/>
  <c r="C6846" i="10"/>
  <c r="C6847" i="10"/>
  <c r="C6848" i="10"/>
  <c r="C6849" i="10"/>
  <c r="C6850" i="10"/>
  <c r="C6851" i="10"/>
  <c r="C6852" i="10"/>
  <c r="C6853" i="10"/>
  <c r="C6854" i="10"/>
  <c r="C6855" i="10"/>
  <c r="C6856" i="10"/>
  <c r="C6857" i="10"/>
  <c r="C6858" i="10"/>
  <c r="C6859" i="10"/>
  <c r="C6860" i="10"/>
  <c r="C6861" i="10"/>
  <c r="C6862" i="10"/>
  <c r="C6863" i="10"/>
  <c r="C6864" i="10"/>
  <c r="C6865" i="10"/>
  <c r="C6866" i="10"/>
  <c r="C6867" i="10"/>
  <c r="C6868" i="10"/>
  <c r="C6869" i="10"/>
  <c r="C6870" i="10"/>
  <c r="C6871" i="10"/>
  <c r="C6872" i="10"/>
  <c r="C6873" i="10"/>
  <c r="C6874" i="10"/>
  <c r="C6875" i="10"/>
  <c r="C6876" i="10"/>
  <c r="C6877" i="10"/>
  <c r="C6878" i="10"/>
  <c r="C6879" i="10"/>
  <c r="C6880" i="10"/>
  <c r="C6881" i="10"/>
  <c r="C6882" i="10"/>
  <c r="C6883" i="10"/>
  <c r="C6884" i="10"/>
  <c r="C6885" i="10"/>
  <c r="C6886" i="10"/>
  <c r="C6887" i="10"/>
  <c r="C6888" i="10"/>
  <c r="C6889" i="10"/>
  <c r="C6890" i="10"/>
  <c r="C6891" i="10"/>
  <c r="C6892" i="10"/>
  <c r="C6893" i="10"/>
  <c r="C6894" i="10"/>
  <c r="C6895" i="10"/>
  <c r="C6896" i="10"/>
  <c r="C6897" i="10"/>
  <c r="C6898" i="10"/>
  <c r="C6899" i="10"/>
  <c r="C6900" i="10"/>
  <c r="C6901" i="10"/>
  <c r="C6902" i="10"/>
  <c r="C6903" i="10"/>
  <c r="C6904" i="10"/>
  <c r="C6905" i="10"/>
  <c r="C6906" i="10"/>
  <c r="C6907" i="10"/>
  <c r="C6908" i="10"/>
  <c r="C6909" i="10"/>
  <c r="C6910" i="10"/>
  <c r="C6911" i="10"/>
  <c r="C6912" i="10"/>
  <c r="C6913" i="10"/>
  <c r="C6914" i="10"/>
  <c r="C6915" i="10"/>
  <c r="C6916" i="10"/>
  <c r="C6917" i="10"/>
  <c r="C6918" i="10"/>
  <c r="C6919" i="10"/>
  <c r="C6920" i="10"/>
  <c r="C6921" i="10"/>
  <c r="C6922" i="10"/>
  <c r="C6923" i="10"/>
  <c r="C6924" i="10"/>
  <c r="C6925" i="10"/>
  <c r="C6926" i="10"/>
  <c r="C6927" i="10"/>
  <c r="C6928" i="10"/>
  <c r="C6929" i="10"/>
  <c r="C6930" i="10"/>
  <c r="C6931" i="10"/>
  <c r="C6932" i="10"/>
  <c r="C6933" i="10"/>
  <c r="C6934" i="10"/>
  <c r="C6935" i="10"/>
  <c r="C6936" i="10"/>
  <c r="C6937" i="10"/>
  <c r="C6938" i="10"/>
  <c r="C6939" i="10"/>
  <c r="C6940" i="10"/>
  <c r="C6941" i="10"/>
  <c r="C6942" i="10"/>
  <c r="C6943" i="10"/>
  <c r="C6944" i="10"/>
  <c r="C6945" i="10"/>
  <c r="C6946" i="10"/>
  <c r="C6947" i="10"/>
  <c r="C6948" i="10"/>
  <c r="C6949" i="10"/>
  <c r="C6950" i="10"/>
  <c r="C6951" i="10"/>
  <c r="C6952" i="10"/>
  <c r="C6953" i="10"/>
  <c r="C6954" i="10"/>
  <c r="C6955" i="10"/>
  <c r="C6956" i="10"/>
  <c r="C6957" i="10"/>
  <c r="C6958" i="10"/>
  <c r="C6959" i="10"/>
  <c r="C6960" i="10"/>
  <c r="C6961" i="10"/>
  <c r="C6962" i="10"/>
  <c r="C6963" i="10"/>
  <c r="C6964" i="10"/>
  <c r="C6965" i="10"/>
  <c r="C6966" i="10"/>
  <c r="C6967" i="10"/>
  <c r="C6968" i="10"/>
  <c r="C6969" i="10"/>
  <c r="C6970" i="10"/>
  <c r="C6971" i="10"/>
  <c r="C6972" i="10"/>
  <c r="C6973" i="10"/>
  <c r="C6974" i="10"/>
  <c r="C6975" i="10"/>
  <c r="C6976" i="10"/>
  <c r="C6977" i="10"/>
  <c r="C6978" i="10"/>
  <c r="C6979" i="10"/>
  <c r="C6980" i="10"/>
  <c r="C6981" i="10"/>
  <c r="C6982" i="10"/>
  <c r="C6983" i="10"/>
  <c r="C6984" i="10"/>
  <c r="C6985" i="10"/>
  <c r="C6986" i="10"/>
  <c r="C6987" i="10"/>
  <c r="C6988" i="10"/>
  <c r="C6989" i="10"/>
  <c r="C6990" i="10"/>
  <c r="C6991" i="10"/>
  <c r="C6992" i="10"/>
  <c r="C6993" i="10"/>
  <c r="C6994" i="10"/>
  <c r="C6995" i="10"/>
  <c r="C6996" i="10"/>
  <c r="C6997" i="10"/>
  <c r="C6998" i="10"/>
  <c r="C6999" i="10"/>
  <c r="C7000" i="10"/>
  <c r="C7001" i="10"/>
  <c r="C7002" i="10"/>
  <c r="C7003" i="10"/>
  <c r="C7004" i="10"/>
  <c r="C7005" i="10"/>
  <c r="C7006" i="10"/>
  <c r="C7007" i="10"/>
  <c r="C7008" i="10"/>
  <c r="C7009" i="10"/>
  <c r="C7010" i="10"/>
  <c r="C7011" i="10"/>
  <c r="C7012" i="10"/>
  <c r="C7013" i="10"/>
  <c r="C7014" i="10"/>
  <c r="C7015" i="10"/>
  <c r="C7016" i="10"/>
  <c r="C7017" i="10"/>
  <c r="C7018" i="10"/>
  <c r="C7019" i="10"/>
  <c r="C7020" i="10"/>
  <c r="C7021" i="10"/>
  <c r="C7022" i="10"/>
  <c r="C7023" i="10"/>
  <c r="C7024" i="10"/>
  <c r="C7025" i="10"/>
  <c r="C7026" i="10"/>
  <c r="C7027" i="10"/>
  <c r="C7028" i="10"/>
  <c r="C7029" i="10"/>
  <c r="C7030" i="10"/>
  <c r="C7031" i="10"/>
  <c r="C7032" i="10"/>
  <c r="C7033" i="10"/>
  <c r="C7034" i="10"/>
  <c r="C7035" i="10"/>
  <c r="C7036" i="10"/>
  <c r="C7037" i="10"/>
  <c r="C7038" i="10"/>
  <c r="C7039" i="10"/>
  <c r="C7040" i="10"/>
  <c r="C7041" i="10"/>
  <c r="C7042" i="10"/>
  <c r="C7043" i="10"/>
  <c r="C7044" i="10"/>
  <c r="C7045" i="10"/>
  <c r="C7046" i="10"/>
  <c r="C7047" i="10"/>
  <c r="C7048" i="10"/>
  <c r="C7049" i="10"/>
  <c r="C7050" i="10"/>
  <c r="C7051" i="10"/>
  <c r="C7052" i="10"/>
  <c r="C7053" i="10"/>
  <c r="C7054" i="10"/>
  <c r="C7055" i="10"/>
  <c r="C7056" i="10"/>
  <c r="C7057" i="10"/>
  <c r="C7058" i="10"/>
  <c r="C7059" i="10"/>
  <c r="C7060" i="10"/>
  <c r="C7061" i="10"/>
  <c r="C7062" i="10"/>
  <c r="C7063" i="10"/>
  <c r="C7064" i="10"/>
  <c r="C7065" i="10"/>
  <c r="C7066" i="10"/>
  <c r="C7067" i="10"/>
  <c r="C7068" i="10"/>
  <c r="C7069" i="10"/>
  <c r="C7070" i="10"/>
  <c r="C7071" i="10"/>
  <c r="C7072" i="10"/>
  <c r="C7073" i="10"/>
  <c r="C7074" i="10"/>
  <c r="C7075" i="10"/>
  <c r="C7076" i="10"/>
  <c r="C7077" i="10"/>
  <c r="C7078" i="10"/>
  <c r="C7079" i="10"/>
  <c r="C7080" i="10"/>
  <c r="C7081" i="10"/>
  <c r="C7082" i="10"/>
  <c r="C7083" i="10"/>
  <c r="C7084" i="10"/>
  <c r="C7085" i="10"/>
  <c r="C7086" i="10"/>
  <c r="C7087" i="10"/>
  <c r="C7088" i="10"/>
  <c r="C7089" i="10"/>
  <c r="C7090" i="10"/>
  <c r="C7091" i="10"/>
  <c r="C7092" i="10"/>
  <c r="C7093" i="10"/>
  <c r="C7094" i="10"/>
  <c r="C7095" i="10"/>
  <c r="C7096" i="10"/>
  <c r="C7097" i="10"/>
  <c r="C7098" i="10"/>
  <c r="C7099" i="10"/>
  <c r="C7100" i="10"/>
  <c r="C7101" i="10"/>
  <c r="C7102" i="10"/>
  <c r="C7103" i="10"/>
  <c r="C7104" i="10"/>
  <c r="C7105" i="10"/>
  <c r="C7106" i="10"/>
  <c r="C7107" i="10"/>
  <c r="C7108" i="10"/>
  <c r="C7109" i="10"/>
  <c r="C7110" i="10"/>
  <c r="C7111" i="10"/>
  <c r="C7112" i="10"/>
  <c r="C7113" i="10"/>
  <c r="C7114" i="10"/>
  <c r="C7115" i="10"/>
  <c r="C7116" i="10"/>
  <c r="C7117" i="10"/>
  <c r="C7118" i="10"/>
  <c r="C7119" i="10"/>
  <c r="C7120" i="10"/>
  <c r="C7121" i="10"/>
  <c r="C7122" i="10"/>
  <c r="C7123" i="10"/>
  <c r="C7124" i="10"/>
  <c r="C7125" i="10"/>
  <c r="C7126" i="10"/>
  <c r="C7127" i="10"/>
  <c r="C7128" i="10"/>
  <c r="C7129" i="10"/>
  <c r="C7130" i="10"/>
  <c r="C7131" i="10"/>
  <c r="C7132" i="10"/>
  <c r="C7133" i="10"/>
  <c r="C7134" i="10"/>
  <c r="C7135" i="10"/>
  <c r="C7136" i="10"/>
  <c r="C7137" i="10"/>
  <c r="C7138" i="10"/>
  <c r="C7139" i="10"/>
  <c r="C7140" i="10"/>
  <c r="C7141" i="10"/>
  <c r="C7142" i="10"/>
  <c r="C7143" i="10"/>
  <c r="C7144" i="10"/>
  <c r="C7145" i="10"/>
  <c r="C7146" i="10"/>
  <c r="C7147" i="10"/>
  <c r="C7148" i="10"/>
  <c r="C7149" i="10"/>
  <c r="C7150" i="10"/>
  <c r="C7151" i="10"/>
  <c r="C7152" i="10"/>
  <c r="C7153" i="10"/>
  <c r="C7154" i="10"/>
  <c r="C7155" i="10"/>
  <c r="C7156" i="10"/>
  <c r="C7157" i="10"/>
  <c r="C7158" i="10"/>
  <c r="C7159" i="10"/>
  <c r="C7160" i="10"/>
  <c r="C7161" i="10"/>
  <c r="C7162" i="10"/>
  <c r="C7163" i="10"/>
  <c r="C7164" i="10"/>
  <c r="C7165" i="10"/>
  <c r="C7166" i="10"/>
  <c r="C7167" i="10"/>
  <c r="C7168" i="10"/>
  <c r="C7169" i="10"/>
  <c r="C7170" i="10"/>
  <c r="C7171" i="10"/>
  <c r="C7172" i="10"/>
  <c r="C7173" i="10"/>
  <c r="C7174" i="10"/>
  <c r="C7175" i="10"/>
  <c r="C7176" i="10"/>
  <c r="C7177" i="10"/>
  <c r="C7178" i="10"/>
  <c r="C7179" i="10"/>
  <c r="C7180" i="10"/>
  <c r="C7181" i="10"/>
  <c r="C7182" i="10"/>
  <c r="C7183" i="10"/>
  <c r="C7184" i="10"/>
  <c r="C7185" i="10"/>
  <c r="C7186" i="10"/>
  <c r="C7187" i="10"/>
  <c r="C7188" i="10"/>
  <c r="C7189" i="10"/>
  <c r="C7190" i="10"/>
  <c r="C7191" i="10"/>
  <c r="C7192" i="10"/>
  <c r="C7193" i="10"/>
  <c r="C7194" i="10"/>
  <c r="C7195" i="10"/>
  <c r="C7196" i="10"/>
  <c r="C7197" i="10"/>
  <c r="C7198" i="10"/>
  <c r="C7199" i="10"/>
  <c r="C7200" i="10"/>
  <c r="C7201" i="10"/>
  <c r="C7202" i="10"/>
  <c r="C7203" i="10"/>
  <c r="C7204" i="10"/>
  <c r="C7205" i="10"/>
  <c r="C7206" i="10"/>
  <c r="C7207" i="10"/>
  <c r="C7208" i="10"/>
  <c r="C7209" i="10"/>
  <c r="C7210" i="10"/>
  <c r="C7211" i="10"/>
  <c r="C7212" i="10"/>
  <c r="C7213" i="10"/>
  <c r="C7214" i="10"/>
  <c r="C7215" i="10"/>
  <c r="C7216" i="10"/>
  <c r="C7217" i="10"/>
  <c r="C7218" i="10"/>
  <c r="C7219" i="10"/>
  <c r="C7220" i="10"/>
  <c r="C7221" i="10"/>
  <c r="C7222" i="10"/>
  <c r="C7223" i="10"/>
  <c r="C7224" i="10"/>
  <c r="C7225" i="10"/>
  <c r="C7226" i="10"/>
  <c r="C7227" i="10"/>
  <c r="C7228" i="10"/>
  <c r="C7229" i="10"/>
  <c r="C7230" i="10"/>
  <c r="C7231" i="10"/>
  <c r="C7232" i="10"/>
  <c r="C7233" i="10"/>
  <c r="C7234" i="10"/>
  <c r="C7235" i="10"/>
  <c r="C7236" i="10"/>
  <c r="C7237" i="10"/>
  <c r="C7238" i="10"/>
  <c r="C7239" i="10"/>
  <c r="C7240" i="10"/>
  <c r="C7241" i="10"/>
  <c r="C7242" i="10"/>
  <c r="C7243" i="10"/>
  <c r="C7244" i="10"/>
  <c r="C7245" i="10"/>
  <c r="C7246" i="10"/>
  <c r="C7247" i="10"/>
  <c r="C7248" i="10"/>
  <c r="C7249" i="10"/>
  <c r="C7250" i="10"/>
  <c r="C7251" i="10"/>
  <c r="C7252" i="10"/>
  <c r="C7253" i="10"/>
  <c r="C7254" i="10"/>
  <c r="C7255" i="10"/>
  <c r="C7256" i="10"/>
  <c r="C7257" i="10"/>
  <c r="C7258" i="10"/>
  <c r="C7259" i="10"/>
  <c r="C7260" i="10"/>
  <c r="C7261" i="10"/>
  <c r="C7262" i="10"/>
  <c r="C7263" i="10"/>
  <c r="C7264" i="10"/>
  <c r="C7265" i="10"/>
  <c r="C7266" i="10"/>
  <c r="C7267" i="10"/>
  <c r="C7268" i="10"/>
  <c r="C7269" i="10"/>
  <c r="C7270" i="10"/>
  <c r="C7271" i="10"/>
  <c r="C7272" i="10"/>
  <c r="C7273" i="10"/>
  <c r="C7274" i="10"/>
  <c r="C7275" i="10"/>
  <c r="C7276" i="10"/>
  <c r="C7277" i="10"/>
  <c r="C7278" i="10"/>
  <c r="C7279" i="10"/>
  <c r="C7280" i="10"/>
  <c r="C7281" i="10"/>
  <c r="C7282" i="10"/>
  <c r="C7283" i="10"/>
  <c r="C7284" i="10"/>
  <c r="C7285" i="10"/>
  <c r="C7286" i="10"/>
  <c r="C7287" i="10"/>
  <c r="C7288" i="10"/>
  <c r="C7289" i="10"/>
  <c r="C7290" i="10"/>
  <c r="C7291" i="10"/>
  <c r="C7292" i="10"/>
  <c r="C7293" i="10"/>
  <c r="C7294" i="10"/>
  <c r="C7295" i="10"/>
  <c r="C7296" i="10"/>
  <c r="C7297" i="10"/>
  <c r="C7298" i="10"/>
  <c r="C7299" i="10"/>
  <c r="C7300" i="10"/>
  <c r="C7301" i="10"/>
  <c r="C7302" i="10"/>
  <c r="C7303" i="10"/>
  <c r="C7304" i="10"/>
  <c r="C7305" i="10"/>
  <c r="C7306" i="10"/>
  <c r="C7307" i="10"/>
  <c r="C7308" i="10"/>
  <c r="C7309" i="10"/>
  <c r="C7310" i="10"/>
  <c r="C7311" i="10"/>
  <c r="C7312" i="10"/>
  <c r="C7313" i="10"/>
  <c r="C7314" i="10"/>
  <c r="C7315" i="10"/>
  <c r="C7316" i="10"/>
  <c r="C7317" i="10"/>
  <c r="C7318" i="10"/>
  <c r="C7319" i="10"/>
  <c r="C7320" i="10"/>
  <c r="C7321" i="10"/>
  <c r="C7322" i="10"/>
  <c r="C7323" i="10"/>
  <c r="C7324" i="10"/>
  <c r="C7325" i="10"/>
  <c r="C7326" i="10"/>
  <c r="C7327" i="10"/>
  <c r="C7328" i="10"/>
  <c r="C7329" i="10"/>
  <c r="C7330" i="10"/>
  <c r="C7331" i="10"/>
  <c r="C7332" i="10"/>
  <c r="C7333" i="10"/>
  <c r="C7334" i="10"/>
  <c r="C7335" i="10"/>
  <c r="C7336" i="10"/>
  <c r="C7337" i="10"/>
  <c r="C7338" i="10"/>
  <c r="C7339" i="10"/>
  <c r="C7340" i="10"/>
  <c r="C7341" i="10"/>
  <c r="C7342" i="10"/>
  <c r="C7343" i="10"/>
  <c r="C7344" i="10"/>
  <c r="C7345" i="10"/>
  <c r="C7346" i="10"/>
  <c r="C7347" i="10"/>
  <c r="C7348" i="10"/>
  <c r="C7349" i="10"/>
  <c r="C7350" i="10"/>
  <c r="C7351" i="10"/>
  <c r="C7352" i="10"/>
  <c r="C7353" i="10"/>
  <c r="C7354" i="10"/>
  <c r="C7355" i="10"/>
  <c r="C7356" i="10"/>
  <c r="C7357" i="10"/>
  <c r="C7358" i="10"/>
  <c r="C7359" i="10"/>
  <c r="C7360" i="10"/>
  <c r="C7361" i="10"/>
  <c r="C7362" i="10"/>
  <c r="C7363" i="10"/>
  <c r="C7364" i="10"/>
  <c r="C7365" i="10"/>
  <c r="C7366" i="10"/>
  <c r="C7367" i="10"/>
  <c r="C7368" i="10"/>
  <c r="C7369" i="10"/>
  <c r="C7370" i="10"/>
  <c r="C7371" i="10"/>
  <c r="C7372" i="10"/>
  <c r="C7373" i="10"/>
  <c r="C7374" i="10"/>
  <c r="C7375" i="10"/>
  <c r="C7376" i="10"/>
  <c r="C7377" i="10"/>
  <c r="C7378" i="10"/>
  <c r="C7379" i="10"/>
  <c r="C7380" i="10"/>
  <c r="C7381" i="10"/>
  <c r="C7382" i="10"/>
  <c r="C7383" i="10"/>
  <c r="C7384" i="10"/>
  <c r="C7385" i="10"/>
  <c r="C7386" i="10"/>
  <c r="C7387" i="10"/>
  <c r="C7388" i="10"/>
  <c r="C7389" i="10"/>
  <c r="C7390" i="10"/>
  <c r="C7391" i="10"/>
  <c r="C7392" i="10"/>
  <c r="C7393" i="10"/>
  <c r="C7394" i="10"/>
  <c r="C7395" i="10"/>
  <c r="C7396" i="10"/>
  <c r="C7397" i="10"/>
  <c r="C7398" i="10"/>
  <c r="C7399" i="10"/>
  <c r="C7400" i="10"/>
  <c r="C7401" i="10"/>
  <c r="C7402" i="10"/>
  <c r="C7403" i="10"/>
  <c r="C7404" i="10"/>
  <c r="C7405" i="10"/>
  <c r="C7406" i="10"/>
  <c r="C7407" i="10"/>
  <c r="C7408" i="10"/>
  <c r="C7409" i="10"/>
  <c r="C7410" i="10"/>
  <c r="C7411" i="10"/>
  <c r="C7412" i="10"/>
  <c r="C7413" i="10"/>
  <c r="C7414" i="10"/>
  <c r="C7415" i="10"/>
  <c r="C7416" i="10"/>
  <c r="C7417" i="10"/>
  <c r="C7418" i="10"/>
  <c r="C7419" i="10"/>
  <c r="C7420" i="10"/>
  <c r="C7421" i="10"/>
  <c r="C7422" i="10"/>
  <c r="C7423" i="10"/>
  <c r="C7424" i="10"/>
  <c r="C7425" i="10"/>
  <c r="C7426" i="10"/>
  <c r="C7427" i="10"/>
  <c r="C7428" i="10"/>
  <c r="C7429" i="10"/>
  <c r="C7430" i="10"/>
  <c r="C7431" i="10"/>
  <c r="C7432" i="10"/>
  <c r="C7433" i="10"/>
  <c r="C7434" i="10"/>
  <c r="C7435" i="10"/>
  <c r="C7436" i="10"/>
  <c r="C7437" i="10"/>
  <c r="C7438" i="10"/>
  <c r="C7439" i="10"/>
  <c r="C7440" i="10"/>
  <c r="C7441" i="10"/>
  <c r="C7442" i="10"/>
  <c r="C7443" i="10"/>
  <c r="C7444" i="10"/>
  <c r="C7445" i="10"/>
  <c r="C7446" i="10"/>
  <c r="C7447" i="10"/>
  <c r="C7448" i="10"/>
  <c r="C7449" i="10"/>
  <c r="C7450" i="10"/>
  <c r="C7451" i="10"/>
  <c r="C7452" i="10"/>
  <c r="C7453" i="10"/>
  <c r="C7454" i="10"/>
  <c r="C7455" i="10"/>
  <c r="C7456" i="10"/>
  <c r="C7457" i="10"/>
  <c r="C7458" i="10"/>
  <c r="C7459" i="10"/>
  <c r="C7460" i="10"/>
  <c r="C7461" i="10"/>
  <c r="C7462" i="10"/>
  <c r="C13" i="10"/>
  <c r="B6" i="25" l="1"/>
  <c r="C6" i="25" s="1"/>
  <c r="A5" i="25"/>
  <c r="A6" i="25" l="1"/>
  <c r="EY27" i="14"/>
  <c r="EL27" i="14"/>
  <c r="BL28" i="14"/>
  <c r="DY28" i="14" s="1"/>
  <c r="BY27" i="14"/>
  <c r="BL27" i="14"/>
  <c r="DY27" i="14" s="1"/>
  <c r="AY27" i="14"/>
  <c r="CL27" i="14" s="1"/>
  <c r="A5" i="23"/>
  <c r="DL27" i="14" l="1"/>
  <c r="CY27" i="14"/>
  <c r="C28" i="22"/>
  <c r="C28" i="6" s="1"/>
  <c r="C28" i="7" s="1"/>
  <c r="BA13" i="14" a="1"/>
  <c r="BA13" i="14" s="1"/>
  <c r="F27" i="6"/>
  <c r="P28" i="7"/>
  <c r="P29" i="7"/>
  <c r="P30" i="7"/>
  <c r="P31" i="7"/>
  <c r="P32" i="7"/>
  <c r="P33" i="7"/>
  <c r="P34" i="7"/>
  <c r="P35" i="7"/>
  <c r="P36" i="7"/>
  <c r="P37" i="7"/>
  <c r="P38" i="7"/>
  <c r="P39" i="7"/>
  <c r="P40" i="7"/>
  <c r="P41" i="7"/>
  <c r="P42" i="7"/>
  <c r="P43" i="7"/>
  <c r="P44" i="7"/>
  <c r="P45" i="7"/>
  <c r="P46" i="7"/>
  <c r="P47" i="7"/>
  <c r="P48" i="7"/>
  <c r="P49" i="7"/>
  <c r="P50" i="7"/>
  <c r="P51" i="7"/>
  <c r="P52" i="7"/>
  <c r="P53" i="7"/>
  <c r="P54" i="7"/>
  <c r="P55" i="7"/>
  <c r="P56" i="7"/>
  <c r="P57" i="7"/>
  <c r="P58" i="7"/>
  <c r="P59" i="7"/>
  <c r="P60" i="7"/>
  <c r="P61" i="7"/>
  <c r="P62" i="7"/>
  <c r="P63" i="7"/>
  <c r="P64" i="7"/>
  <c r="P65" i="7"/>
  <c r="P66" i="7"/>
  <c r="P67" i="7"/>
  <c r="P68" i="7"/>
  <c r="P69" i="7"/>
  <c r="P70" i="7"/>
  <c r="P71" i="7"/>
  <c r="P72" i="7"/>
  <c r="P73" i="7"/>
  <c r="P74" i="7"/>
  <c r="P75" i="7"/>
  <c r="P76" i="7"/>
  <c r="P77" i="7"/>
  <c r="P78" i="7"/>
  <c r="P79" i="7"/>
  <c r="P80" i="7"/>
  <c r="P81" i="7"/>
  <c r="P82" i="7"/>
  <c r="P27" i="7"/>
  <c r="C27" i="6"/>
  <c r="C27" i="7" s="1"/>
  <c r="H28" i="14"/>
  <c r="U28" i="14"/>
  <c r="H29" i="14"/>
  <c r="U29" i="14"/>
  <c r="H30" i="14"/>
  <c r="U30" i="14"/>
  <c r="H31" i="14"/>
  <c r="U31" i="14"/>
  <c r="H32" i="14"/>
  <c r="U32" i="14"/>
  <c r="H33" i="14"/>
  <c r="U33" i="14"/>
  <c r="H34" i="14"/>
  <c r="U34" i="14"/>
  <c r="H35" i="14"/>
  <c r="U35" i="14"/>
  <c r="H36" i="14"/>
  <c r="U36" i="14"/>
  <c r="H37" i="14"/>
  <c r="U37" i="14"/>
  <c r="H38" i="14"/>
  <c r="U38" i="14"/>
  <c r="H39" i="14"/>
  <c r="U39" i="14"/>
  <c r="H40" i="14"/>
  <c r="U40" i="14"/>
  <c r="H41" i="14"/>
  <c r="U41" i="14"/>
  <c r="H42" i="14"/>
  <c r="U42" i="14"/>
  <c r="H43" i="14"/>
  <c r="U43" i="14"/>
  <c r="H44" i="14"/>
  <c r="U44" i="14"/>
  <c r="H45" i="14"/>
  <c r="U45" i="14"/>
  <c r="H46" i="14"/>
  <c r="U46" i="14"/>
  <c r="H47" i="14"/>
  <c r="U47" i="14"/>
  <c r="H48" i="14"/>
  <c r="U48" i="14"/>
  <c r="H49" i="14"/>
  <c r="U49" i="14"/>
  <c r="H50" i="14"/>
  <c r="U50" i="14"/>
  <c r="H51" i="14"/>
  <c r="U51" i="14"/>
  <c r="H52" i="14"/>
  <c r="U52" i="14"/>
  <c r="H53" i="14"/>
  <c r="U53" i="14"/>
  <c r="H54" i="14"/>
  <c r="U54" i="14"/>
  <c r="H55" i="14"/>
  <c r="U55" i="14"/>
  <c r="H56" i="14"/>
  <c r="U56" i="14"/>
  <c r="H57" i="14"/>
  <c r="U57" i="14"/>
  <c r="H58" i="14"/>
  <c r="U58" i="14"/>
  <c r="H59" i="14"/>
  <c r="U59" i="14"/>
  <c r="H60" i="14"/>
  <c r="U60" i="14"/>
  <c r="H61" i="14"/>
  <c r="U61" i="14"/>
  <c r="H62" i="14"/>
  <c r="U62" i="14"/>
  <c r="H63" i="14"/>
  <c r="U63" i="14"/>
  <c r="H64" i="14"/>
  <c r="U64" i="14"/>
  <c r="H65" i="14"/>
  <c r="U65" i="14"/>
  <c r="H66" i="14"/>
  <c r="U66" i="14"/>
  <c r="H67" i="14"/>
  <c r="U67" i="14"/>
  <c r="H68" i="14"/>
  <c r="U68" i="14"/>
  <c r="H69" i="14"/>
  <c r="U69" i="14"/>
  <c r="H70" i="14"/>
  <c r="U70" i="14"/>
  <c r="H71" i="14"/>
  <c r="U71" i="14"/>
  <c r="H72" i="14"/>
  <c r="U72" i="14"/>
  <c r="H73" i="14"/>
  <c r="U73" i="14"/>
  <c r="H74" i="14"/>
  <c r="U74" i="14"/>
  <c r="H75" i="14"/>
  <c r="U75" i="14"/>
  <c r="H76" i="14"/>
  <c r="U76" i="14"/>
  <c r="H77" i="14"/>
  <c r="U77" i="14"/>
  <c r="H78" i="14"/>
  <c r="U78" i="14"/>
  <c r="H79" i="14"/>
  <c r="U79" i="14"/>
  <c r="H80" i="14"/>
  <c r="U80" i="14"/>
  <c r="H81" i="14"/>
  <c r="U81" i="14"/>
  <c r="H82" i="14"/>
  <c r="U82" i="14"/>
  <c r="U27" i="14"/>
  <c r="H27" i="14"/>
  <c r="I25" i="14"/>
  <c r="J25" i="14"/>
  <c r="K25" i="14"/>
  <c r="L25" i="14"/>
  <c r="M25" i="14"/>
  <c r="N25" i="14"/>
  <c r="O25" i="14"/>
  <c r="P25" i="14"/>
  <c r="Q25" i="14"/>
  <c r="R25" i="14"/>
  <c r="S25" i="14"/>
  <c r="T25" i="14"/>
  <c r="U25" i="14"/>
  <c r="V25" i="14"/>
  <c r="W25" i="14"/>
  <c r="X25" i="14"/>
  <c r="Y25" i="14"/>
  <c r="Z25" i="14"/>
  <c r="AA25" i="14"/>
  <c r="AB25" i="14"/>
  <c r="AC25" i="14"/>
  <c r="AD25" i="14"/>
  <c r="AE25" i="14"/>
  <c r="AF25" i="14"/>
  <c r="AG25" i="14"/>
  <c r="H25" i="14"/>
  <c r="I24" i="14"/>
  <c r="J24" i="14"/>
  <c r="K24" i="14"/>
  <c r="L24" i="14"/>
  <c r="M24" i="14"/>
  <c r="N24" i="14"/>
  <c r="O24" i="14"/>
  <c r="P24" i="14"/>
  <c r="Q24" i="14"/>
  <c r="R24" i="14"/>
  <c r="S24" i="14"/>
  <c r="T24" i="14"/>
  <c r="U24" i="14"/>
  <c r="V24" i="14"/>
  <c r="W24" i="14"/>
  <c r="X24" i="14"/>
  <c r="Y24" i="14"/>
  <c r="Z24" i="14"/>
  <c r="AA24" i="14"/>
  <c r="AB24" i="14"/>
  <c r="AC24" i="14"/>
  <c r="AD24" i="14"/>
  <c r="AE24" i="14"/>
  <c r="AF24" i="14"/>
  <c r="AG24" i="14"/>
  <c r="H24" i="14"/>
  <c r="C28" i="14"/>
  <c r="B7" i="23" s="1"/>
  <c r="C7" i="23" s="1"/>
  <c r="C27" i="14"/>
  <c r="B6" i="23" s="1"/>
  <c r="C6" i="23" s="1"/>
  <c r="B26" i="22"/>
  <c r="R14" i="22"/>
  <c r="Z28" i="7"/>
  <c r="Z29" i="7"/>
  <c r="Z30" i="7"/>
  <c r="Z31" i="7"/>
  <c r="Z32" i="7"/>
  <c r="Z33" i="7"/>
  <c r="Z34" i="7"/>
  <c r="Z35" i="7"/>
  <c r="Z36" i="7"/>
  <c r="Z37" i="7"/>
  <c r="Z38" i="7"/>
  <c r="Z39" i="7"/>
  <c r="Z40" i="7"/>
  <c r="Z41" i="7"/>
  <c r="Z42" i="7"/>
  <c r="Z43" i="7"/>
  <c r="Z44" i="7"/>
  <c r="Z45" i="7"/>
  <c r="Z46" i="7"/>
  <c r="Z47" i="7"/>
  <c r="Z48" i="7"/>
  <c r="Z49" i="7"/>
  <c r="Z50" i="7"/>
  <c r="Z51" i="7"/>
  <c r="Z52" i="7"/>
  <c r="Z53" i="7"/>
  <c r="Z54" i="7"/>
  <c r="Z55" i="7"/>
  <c r="Z56" i="7"/>
  <c r="Z57" i="7"/>
  <c r="Z58" i="7"/>
  <c r="Z59" i="7"/>
  <c r="Z60" i="7"/>
  <c r="Z61" i="7"/>
  <c r="Z62" i="7"/>
  <c r="Z63" i="7"/>
  <c r="Z64" i="7"/>
  <c r="Z65" i="7"/>
  <c r="Z66" i="7"/>
  <c r="Z67" i="7"/>
  <c r="Z68" i="7"/>
  <c r="Z69" i="7"/>
  <c r="Z70" i="7"/>
  <c r="Z71" i="7"/>
  <c r="Z72" i="7"/>
  <c r="Z73" i="7"/>
  <c r="Z74" i="7"/>
  <c r="Z75" i="7"/>
  <c r="Z76" i="7"/>
  <c r="Z77" i="7"/>
  <c r="Z78" i="7"/>
  <c r="Z79" i="7"/>
  <c r="Z80" i="7"/>
  <c r="Z81" i="7"/>
  <c r="Z82" i="7"/>
  <c r="Z27" i="7"/>
  <c r="I8" i="10"/>
  <c r="L6" i="10" s="1"/>
  <c r="FL27" i="14" l="1"/>
  <c r="GL27" i="14"/>
  <c r="HL27" i="14"/>
  <c r="FY27" i="14"/>
  <c r="HY27" i="14"/>
  <c r="GY27" i="14"/>
  <c r="B28" i="22"/>
  <c r="B28" i="6" s="1"/>
  <c r="B28" i="7" s="1"/>
  <c r="H28" i="22"/>
  <c r="J28" i="22"/>
  <c r="G28" i="22"/>
  <c r="F28" i="6" s="1"/>
  <c r="F28" i="7" s="1"/>
  <c r="I28" i="22"/>
  <c r="D28" i="22"/>
  <c r="D28" i="6" s="1"/>
  <c r="D28" i="7" s="1"/>
  <c r="B7" i="25"/>
  <c r="C7" i="25" s="1"/>
  <c r="C29" i="22"/>
  <c r="A6" i="23"/>
  <c r="A7" i="23"/>
  <c r="F27" i="7"/>
  <c r="B26" i="6"/>
  <c r="B26" i="7" s="1"/>
  <c r="D27" i="6"/>
  <c r="D27" i="7" s="1"/>
  <c r="B29" i="22"/>
  <c r="B29" i="6" s="1"/>
  <c r="B29" i="7" s="1"/>
  <c r="B27" i="22"/>
  <c r="B27" i="6" s="1"/>
  <c r="B27" i="7" s="1"/>
  <c r="D28" i="14" l="1"/>
  <c r="A7" i="25"/>
  <c r="G29" i="22"/>
  <c r="F29" i="6" s="1"/>
  <c r="F29" i="7" s="1"/>
  <c r="H29" i="22"/>
  <c r="J29" i="22"/>
  <c r="I29" i="22"/>
  <c r="D29" i="22"/>
  <c r="C30" i="22"/>
  <c r="B8" i="25"/>
  <c r="C8" i="25" s="1"/>
  <c r="C29" i="6"/>
  <c r="C29" i="14"/>
  <c r="B8" i="23" s="1"/>
  <c r="A8" i="23" l="1"/>
  <c r="C8" i="23"/>
  <c r="G30" i="22"/>
  <c r="F30" i="6" s="1"/>
  <c r="F30" i="7" s="1"/>
  <c r="H30" i="22"/>
  <c r="I30" i="22"/>
  <c r="J30" i="22"/>
  <c r="D30" i="22"/>
  <c r="D29" i="6"/>
  <c r="D29" i="7" s="1"/>
  <c r="D29" i="14"/>
  <c r="C29" i="7"/>
  <c r="A8" i="25"/>
  <c r="B9" i="25"/>
  <c r="C9" i="25" s="1"/>
  <c r="C30" i="14"/>
  <c r="B9" i="23" s="1"/>
  <c r="C30" i="6"/>
  <c r="B30" i="22"/>
  <c r="B30" i="6" s="1"/>
  <c r="B30" i="7" s="1"/>
  <c r="C31" i="22"/>
  <c r="A9" i="23" l="1"/>
  <c r="C9" i="23"/>
  <c r="I31" i="22"/>
  <c r="G31" i="22"/>
  <c r="F31" i="6" s="1"/>
  <c r="F31" i="7" s="1"/>
  <c r="J31" i="22"/>
  <c r="H31" i="22"/>
  <c r="D31" i="22"/>
  <c r="B10" i="25"/>
  <c r="C10" i="25" s="1"/>
  <c r="B31" i="22"/>
  <c r="B31" i="6" s="1"/>
  <c r="B31" i="7" s="1"/>
  <c r="C31" i="14"/>
  <c r="B10" i="23" s="1"/>
  <c r="C10" i="23" s="1"/>
  <c r="C32" i="22"/>
  <c r="C31" i="6"/>
  <c r="A9" i="25"/>
  <c r="C30" i="7"/>
  <c r="D30" i="6"/>
  <c r="D30" i="7" s="1"/>
  <c r="D30" i="14"/>
  <c r="I32" i="22" l="1"/>
  <c r="G32" i="22"/>
  <c r="F32" i="6" s="1"/>
  <c r="F32" i="7" s="1"/>
  <c r="J32" i="22"/>
  <c r="H32" i="22"/>
  <c r="D32" i="22"/>
  <c r="A10" i="25"/>
  <c r="B11" i="25"/>
  <c r="C11" i="25" s="1"/>
  <c r="C32" i="6"/>
  <c r="C32" i="14"/>
  <c r="B11" i="23" s="1"/>
  <c r="C11" i="23" s="1"/>
  <c r="C33" i="22"/>
  <c r="B32" i="22"/>
  <c r="B32" i="6" s="1"/>
  <c r="B32" i="7" s="1"/>
  <c r="D31" i="6"/>
  <c r="D31" i="7" s="1"/>
  <c r="D31" i="14"/>
  <c r="A10" i="23"/>
  <c r="C31" i="7"/>
  <c r="J33" i="22" l="1"/>
  <c r="I33" i="22"/>
  <c r="G33" i="22"/>
  <c r="F33" i="6" s="1"/>
  <c r="F33" i="7" s="1"/>
  <c r="H33" i="22"/>
  <c r="D33" i="22"/>
  <c r="A11" i="25"/>
  <c r="A11" i="23"/>
  <c r="B12" i="25"/>
  <c r="C12" i="25" s="1"/>
  <c r="B33" i="22"/>
  <c r="B33" i="6" s="1"/>
  <c r="B33" i="7" s="1"/>
  <c r="C33" i="14"/>
  <c r="B12" i="23" s="1"/>
  <c r="C12" i="23" s="1"/>
  <c r="C33" i="6"/>
  <c r="C34" i="22"/>
  <c r="D32" i="14"/>
  <c r="D32" i="6"/>
  <c r="D32" i="7" s="1"/>
  <c r="C32" i="7"/>
  <c r="H34" i="22" l="1"/>
  <c r="J34" i="22"/>
  <c r="I34" i="22"/>
  <c r="G34" i="22"/>
  <c r="F34" i="6" s="1"/>
  <c r="F34" i="7" s="1"/>
  <c r="D34" i="22"/>
  <c r="A12" i="23"/>
  <c r="C33" i="7"/>
  <c r="A12" i="25"/>
  <c r="D33" i="6"/>
  <c r="D33" i="7" s="1"/>
  <c r="D33" i="14"/>
  <c r="B13" i="25"/>
  <c r="C13" i="25" s="1"/>
  <c r="C35" i="22"/>
  <c r="B34" i="22"/>
  <c r="B34" i="6" s="1"/>
  <c r="B34" i="7" s="1"/>
  <c r="C34" i="6"/>
  <c r="C34" i="14"/>
  <c r="B13" i="23" s="1"/>
  <c r="A13" i="23" l="1"/>
  <c r="C13" i="23"/>
  <c r="H35" i="22"/>
  <c r="J35" i="22"/>
  <c r="I35" i="22"/>
  <c r="G35" i="22"/>
  <c r="F35" i="6" s="1"/>
  <c r="F35" i="7" s="1"/>
  <c r="D35" i="22"/>
  <c r="A13" i="25"/>
  <c r="D34" i="6"/>
  <c r="D34" i="7" s="1"/>
  <c r="D34" i="14"/>
  <c r="B14" i="25"/>
  <c r="C14" i="25" s="1"/>
  <c r="C36" i="22"/>
  <c r="B35" i="22"/>
  <c r="B35" i="6" s="1"/>
  <c r="B35" i="7" s="1"/>
  <c r="C35" i="6"/>
  <c r="C35" i="14"/>
  <c r="B14" i="23" s="1"/>
  <c r="C14" i="23" s="1"/>
  <c r="C34" i="7"/>
  <c r="H36" i="22" l="1"/>
  <c r="J36" i="22"/>
  <c r="G36" i="22"/>
  <c r="F36" i="6" s="1"/>
  <c r="F36" i="7" s="1"/>
  <c r="I36" i="22"/>
  <c r="D36" i="22"/>
  <c r="B15" i="25"/>
  <c r="C15" i="25" s="1"/>
  <c r="C37" i="22"/>
  <c r="C36" i="14"/>
  <c r="B15" i="23" s="1"/>
  <c r="C15" i="23" s="1"/>
  <c r="C36" i="6"/>
  <c r="B36" i="22"/>
  <c r="B36" i="6" s="1"/>
  <c r="B36" i="7" s="1"/>
  <c r="D35" i="6"/>
  <c r="D35" i="7" s="1"/>
  <c r="D35" i="14"/>
  <c r="A14" i="25"/>
  <c r="C35" i="7"/>
  <c r="A14" i="23"/>
  <c r="G37" i="22" l="1"/>
  <c r="F37" i="6" s="1"/>
  <c r="F37" i="7" s="1"/>
  <c r="H37" i="22"/>
  <c r="J37" i="22"/>
  <c r="I37" i="22"/>
  <c r="D37" i="22"/>
  <c r="A15" i="23"/>
  <c r="A15" i="25"/>
  <c r="C36" i="7"/>
  <c r="D36" i="14"/>
  <c r="D36" i="6"/>
  <c r="D36" i="7" s="1"/>
  <c r="B16" i="25"/>
  <c r="C16" i="25" s="1"/>
  <c r="B37" i="22"/>
  <c r="B37" i="6" s="1"/>
  <c r="B37" i="7" s="1"/>
  <c r="C37" i="14"/>
  <c r="B16" i="23" s="1"/>
  <c r="C16" i="23" s="1"/>
  <c r="C38" i="22"/>
  <c r="C37" i="6"/>
  <c r="G38" i="22" l="1"/>
  <c r="F38" i="6" s="1"/>
  <c r="F38" i="7" s="1"/>
  <c r="H38" i="22"/>
  <c r="I38" i="22"/>
  <c r="J38" i="22"/>
  <c r="D38" i="22"/>
  <c r="A16" i="23"/>
  <c r="D37" i="14"/>
  <c r="D37" i="6"/>
  <c r="D37" i="7" s="1"/>
  <c r="C37" i="7"/>
  <c r="A16" i="25"/>
  <c r="B17" i="25"/>
  <c r="C17" i="25" s="1"/>
  <c r="C38" i="6"/>
  <c r="B38" i="22"/>
  <c r="B38" i="6" s="1"/>
  <c r="B38" i="7" s="1"/>
  <c r="C39" i="22"/>
  <c r="C38" i="14"/>
  <c r="B17" i="23" s="1"/>
  <c r="C17" i="23" s="1"/>
  <c r="I39" i="22" l="1"/>
  <c r="G39" i="22"/>
  <c r="F39" i="6" s="1"/>
  <c r="F39" i="7" s="1"/>
  <c r="J39" i="22"/>
  <c r="H39" i="22"/>
  <c r="D39" i="22"/>
  <c r="A17" i="23"/>
  <c r="B18" i="25"/>
  <c r="C18" i="25" s="1"/>
  <c r="C39" i="6"/>
  <c r="B39" i="22"/>
  <c r="B39" i="6" s="1"/>
  <c r="B39" i="7" s="1"/>
  <c r="C40" i="22"/>
  <c r="C39" i="14"/>
  <c r="B18" i="23" s="1"/>
  <c r="C18" i="23" s="1"/>
  <c r="D38" i="14"/>
  <c r="D38" i="6"/>
  <c r="D38" i="7" s="1"/>
  <c r="C38" i="7"/>
  <c r="A17" i="25"/>
  <c r="I40" i="22" l="1"/>
  <c r="G40" i="22"/>
  <c r="F40" i="6" s="1"/>
  <c r="F40" i="7" s="1"/>
  <c r="J40" i="22"/>
  <c r="H40" i="22"/>
  <c r="D40" i="22"/>
  <c r="A18" i="23"/>
  <c r="C39" i="7"/>
  <c r="D39" i="14"/>
  <c r="D39" i="6"/>
  <c r="D39" i="7" s="1"/>
  <c r="A18" i="25"/>
  <c r="B19" i="25"/>
  <c r="C19" i="25" s="1"/>
  <c r="C40" i="6"/>
  <c r="C41" i="22"/>
  <c r="C40" i="14"/>
  <c r="B19" i="23" s="1"/>
  <c r="C19" i="23" s="1"/>
  <c r="B40" i="22"/>
  <c r="B40" i="6" s="1"/>
  <c r="B40" i="7" s="1"/>
  <c r="J41" i="22" l="1"/>
  <c r="I41" i="22"/>
  <c r="G41" i="22"/>
  <c r="F41" i="6" s="1"/>
  <c r="F41" i="7" s="1"/>
  <c r="H41" i="22"/>
  <c r="D41" i="22"/>
  <c r="B20" i="25"/>
  <c r="C20" i="25" s="1"/>
  <c r="C42" i="22"/>
  <c r="C41" i="14"/>
  <c r="B20" i="23" s="1"/>
  <c r="C41" i="6"/>
  <c r="B41" i="22"/>
  <c r="B41" i="6" s="1"/>
  <c r="B41" i="7" s="1"/>
  <c r="D40" i="6"/>
  <c r="D40" i="7" s="1"/>
  <c r="D40" i="14"/>
  <c r="A19" i="23"/>
  <c r="C40" i="7"/>
  <c r="A19" i="25"/>
  <c r="A20" i="23" l="1"/>
  <c r="C20" i="23"/>
  <c r="H42" i="22"/>
  <c r="J42" i="22"/>
  <c r="I42" i="22"/>
  <c r="G42" i="22"/>
  <c r="F42" i="6" s="1"/>
  <c r="F42" i="7" s="1"/>
  <c r="D42" i="22"/>
  <c r="D41" i="14"/>
  <c r="D41" i="6"/>
  <c r="D41" i="7" s="1"/>
  <c r="B21" i="25"/>
  <c r="C21" i="25" s="1"/>
  <c r="C43" i="22"/>
  <c r="C42" i="14"/>
  <c r="B21" i="23" s="1"/>
  <c r="C21" i="23" s="1"/>
  <c r="B42" i="22"/>
  <c r="B42" i="6" s="1"/>
  <c r="B42" i="7" s="1"/>
  <c r="C42" i="6"/>
  <c r="C41" i="7"/>
  <c r="A20" i="25"/>
  <c r="H43" i="22" l="1"/>
  <c r="J43" i="22"/>
  <c r="I43" i="22"/>
  <c r="G43" i="22"/>
  <c r="F43" i="6" s="1"/>
  <c r="F43" i="7" s="1"/>
  <c r="D43" i="22"/>
  <c r="A21" i="23"/>
  <c r="D42" i="6"/>
  <c r="D42" i="7" s="1"/>
  <c r="D42" i="14"/>
  <c r="B22" i="25"/>
  <c r="C22" i="25" s="1"/>
  <c r="B43" i="22"/>
  <c r="B43" i="6" s="1"/>
  <c r="B43" i="7" s="1"/>
  <c r="C43" i="6"/>
  <c r="C44" i="22"/>
  <c r="C43" i="14"/>
  <c r="B22" i="23" s="1"/>
  <c r="A21" i="25"/>
  <c r="C42" i="7"/>
  <c r="A22" i="23" l="1"/>
  <c r="C22" i="23"/>
  <c r="H44" i="22"/>
  <c r="J44" i="22"/>
  <c r="G44" i="22"/>
  <c r="F44" i="6" s="1"/>
  <c r="F44" i="7" s="1"/>
  <c r="I44" i="22"/>
  <c r="D44" i="22"/>
  <c r="B23" i="25"/>
  <c r="C23" i="25" s="1"/>
  <c r="C44" i="6"/>
  <c r="C45" i="22"/>
  <c r="B44" i="22"/>
  <c r="B44" i="6" s="1"/>
  <c r="B44" i="7" s="1"/>
  <c r="C44" i="14"/>
  <c r="B23" i="23" s="1"/>
  <c r="A22" i="25"/>
  <c r="C43" i="7"/>
  <c r="D43" i="14"/>
  <c r="D43" i="6"/>
  <c r="D43" i="7" s="1"/>
  <c r="A23" i="23" l="1"/>
  <c r="C23" i="23"/>
  <c r="G45" i="22"/>
  <c r="F45" i="6" s="1"/>
  <c r="F45" i="7" s="1"/>
  <c r="H45" i="22"/>
  <c r="J45" i="22"/>
  <c r="I45" i="22"/>
  <c r="D45" i="22"/>
  <c r="C44" i="7"/>
  <c r="D44" i="14"/>
  <c r="D44" i="6"/>
  <c r="D44" i="7" s="1"/>
  <c r="A23" i="25"/>
  <c r="B24" i="25"/>
  <c r="C24" i="25" s="1"/>
  <c r="C45" i="14"/>
  <c r="B24" i="23" s="1"/>
  <c r="C45" i="6"/>
  <c r="B45" i="22"/>
  <c r="B45" i="6" s="1"/>
  <c r="B45" i="7" s="1"/>
  <c r="C46" i="22"/>
  <c r="A24" i="23" l="1"/>
  <c r="C24" i="23"/>
  <c r="G46" i="22"/>
  <c r="F46" i="6" s="1"/>
  <c r="F46" i="7" s="1"/>
  <c r="I46" i="22"/>
  <c r="J46" i="22"/>
  <c r="H46" i="22"/>
  <c r="D46" i="22"/>
  <c r="C45" i="7"/>
  <c r="B25" i="25"/>
  <c r="C25" i="25" s="1"/>
  <c r="C46" i="6"/>
  <c r="C47" i="22"/>
  <c r="C46" i="14"/>
  <c r="B25" i="23" s="1"/>
  <c r="C25" i="23" s="1"/>
  <c r="B46" i="22"/>
  <c r="B46" i="6" s="1"/>
  <c r="B46" i="7" s="1"/>
  <c r="A24" i="25"/>
  <c r="D45" i="6"/>
  <c r="D45" i="7" s="1"/>
  <c r="D45" i="14"/>
  <c r="I47" i="22" l="1"/>
  <c r="G47" i="22"/>
  <c r="H47" i="22"/>
  <c r="J47" i="22"/>
  <c r="D47" i="22"/>
  <c r="F47" i="6"/>
  <c r="F47" i="7" s="1"/>
  <c r="A25" i="23"/>
  <c r="D46" i="14"/>
  <c r="D46" i="6"/>
  <c r="D46" i="7" s="1"/>
  <c r="B26" i="25"/>
  <c r="C26" i="25" s="1"/>
  <c r="B47" i="22"/>
  <c r="B47" i="6" s="1"/>
  <c r="B47" i="7" s="1"/>
  <c r="C48" i="22"/>
  <c r="C47" i="14"/>
  <c r="B26" i="23" s="1"/>
  <c r="C26" i="23" s="1"/>
  <c r="C47" i="6"/>
  <c r="C46" i="7"/>
  <c r="A25" i="25"/>
  <c r="I48" i="22" l="1"/>
  <c r="G48" i="22"/>
  <c r="J48" i="22"/>
  <c r="H48" i="22"/>
  <c r="D48" i="22"/>
  <c r="F48" i="6"/>
  <c r="F48" i="7" s="1"/>
  <c r="A26" i="23"/>
  <c r="B27" i="25"/>
  <c r="C27" i="25" s="1"/>
  <c r="C48" i="14"/>
  <c r="B27" i="23" s="1"/>
  <c r="C27" i="23" s="1"/>
  <c r="C48" i="6"/>
  <c r="B48" i="22"/>
  <c r="B48" i="6" s="1"/>
  <c r="B48" i="7" s="1"/>
  <c r="C49" i="22"/>
  <c r="D47" i="6"/>
  <c r="D47" i="7" s="1"/>
  <c r="D47" i="14"/>
  <c r="A26" i="25"/>
  <c r="C47" i="7"/>
  <c r="A27" i="23"/>
  <c r="J49" i="22" l="1"/>
  <c r="I49" i="22"/>
  <c r="G49" i="22"/>
  <c r="F49" i="6" s="1"/>
  <c r="F49" i="7" s="1"/>
  <c r="H49" i="22"/>
  <c r="D49" i="22"/>
  <c r="B28" i="25"/>
  <c r="C28" i="25" s="1"/>
  <c r="C49" i="14"/>
  <c r="B28" i="23" s="1"/>
  <c r="C28" i="23" s="1"/>
  <c r="C49" i="6"/>
  <c r="B49" i="22"/>
  <c r="B49" i="6" s="1"/>
  <c r="B49" i="7" s="1"/>
  <c r="C50" i="22"/>
  <c r="C48" i="7"/>
  <c r="D48" i="14"/>
  <c r="D48" i="6"/>
  <c r="D48" i="7" s="1"/>
  <c r="A27" i="25"/>
  <c r="H50" i="22" l="1"/>
  <c r="J50" i="22"/>
  <c r="I50" i="22"/>
  <c r="G50" i="22"/>
  <c r="F50" i="6" s="1"/>
  <c r="F50" i="7" s="1"/>
  <c r="D50" i="22"/>
  <c r="A28" i="23"/>
  <c r="C49" i="7"/>
  <c r="D49" i="6"/>
  <c r="D49" i="7" s="1"/>
  <c r="D49" i="14"/>
  <c r="B29" i="25"/>
  <c r="C29" i="25" s="1"/>
  <c r="C50" i="6"/>
  <c r="B50" i="22"/>
  <c r="B50" i="6" s="1"/>
  <c r="B50" i="7" s="1"/>
  <c r="C51" i="22"/>
  <c r="C50" i="14"/>
  <c r="B29" i="23" s="1"/>
  <c r="A28" i="25"/>
  <c r="A29" i="23" l="1"/>
  <c r="C29" i="23"/>
  <c r="H51" i="22"/>
  <c r="J51" i="22"/>
  <c r="I51" i="22"/>
  <c r="D51" i="22"/>
  <c r="G51" i="22"/>
  <c r="F51" i="6" s="1"/>
  <c r="F51" i="7" s="1"/>
  <c r="C50" i="7"/>
  <c r="A29" i="25"/>
  <c r="D50" i="6"/>
  <c r="D50" i="7" s="1"/>
  <c r="D50" i="14"/>
  <c r="B30" i="25"/>
  <c r="C30" i="25" s="1"/>
  <c r="C51" i="6"/>
  <c r="B51" i="22"/>
  <c r="B51" i="6" s="1"/>
  <c r="B51" i="7" s="1"/>
  <c r="C52" i="22"/>
  <c r="C51" i="14"/>
  <c r="B30" i="23" s="1"/>
  <c r="C30" i="23" s="1"/>
  <c r="H52" i="22" l="1"/>
  <c r="J52" i="22"/>
  <c r="G52" i="22"/>
  <c r="F52" i="6" s="1"/>
  <c r="F52" i="7" s="1"/>
  <c r="I52" i="22"/>
  <c r="D52" i="22"/>
  <c r="A30" i="23"/>
  <c r="D51" i="6"/>
  <c r="D51" i="7" s="1"/>
  <c r="D51" i="14"/>
  <c r="A30" i="25"/>
  <c r="B31" i="25"/>
  <c r="C31" i="25" s="1"/>
  <c r="C52" i="14"/>
  <c r="B31" i="23" s="1"/>
  <c r="C52" i="6"/>
  <c r="C53" i="22"/>
  <c r="B52" i="22"/>
  <c r="B52" i="6" s="1"/>
  <c r="B52" i="7" s="1"/>
  <c r="C51" i="7"/>
  <c r="A31" i="23" l="1"/>
  <c r="C31" i="23"/>
  <c r="G53" i="22"/>
  <c r="F53" i="6" s="1"/>
  <c r="F53" i="7" s="1"/>
  <c r="H53" i="22"/>
  <c r="J53" i="22"/>
  <c r="I53" i="22"/>
  <c r="D53" i="22"/>
  <c r="A31" i="25"/>
  <c r="B32" i="25"/>
  <c r="C32" i="25" s="1"/>
  <c r="C54" i="22"/>
  <c r="B53" i="22"/>
  <c r="B53" i="6" s="1"/>
  <c r="B53" i="7" s="1"/>
  <c r="C53" i="14"/>
  <c r="B32" i="23" s="1"/>
  <c r="C32" i="23" s="1"/>
  <c r="C53" i="6"/>
  <c r="C52" i="7"/>
  <c r="D52" i="14"/>
  <c r="D52" i="6"/>
  <c r="D52" i="7" s="1"/>
  <c r="G54" i="22" l="1"/>
  <c r="F54" i="6" s="1"/>
  <c r="F54" i="7" s="1"/>
  <c r="I54" i="22"/>
  <c r="J54" i="22"/>
  <c r="H54" i="22"/>
  <c r="D54" i="22"/>
  <c r="A32" i="23"/>
  <c r="B33" i="25"/>
  <c r="C33" i="25" s="1"/>
  <c r="C55" i="22"/>
  <c r="C54" i="6"/>
  <c r="C54" i="14"/>
  <c r="B33" i="23" s="1"/>
  <c r="C33" i="23" s="1"/>
  <c r="B54" i="22"/>
  <c r="B54" i="6" s="1"/>
  <c r="B54" i="7" s="1"/>
  <c r="D53" i="6"/>
  <c r="D53" i="7" s="1"/>
  <c r="D53" i="14"/>
  <c r="C53" i="7"/>
  <c r="A32" i="25"/>
  <c r="I55" i="22" l="1"/>
  <c r="F55" i="22"/>
  <c r="G55" i="22"/>
  <c r="F55" i="6" s="1"/>
  <c r="F55" i="7" s="1"/>
  <c r="K55" i="22"/>
  <c r="J55" i="22"/>
  <c r="H55" i="22"/>
  <c r="D55" i="22"/>
  <c r="E55" i="22"/>
  <c r="M55" i="22" s="1"/>
  <c r="A33" i="23"/>
  <c r="D54" i="6"/>
  <c r="D54" i="7" s="1"/>
  <c r="D54" i="14"/>
  <c r="C54" i="7"/>
  <c r="B34" i="25"/>
  <c r="B55" i="22"/>
  <c r="B55" i="6" s="1"/>
  <c r="B55" i="7" s="1"/>
  <c r="C55" i="6"/>
  <c r="I55" i="6" s="1"/>
  <c r="C55" i="14"/>
  <c r="B34" i="23" s="1"/>
  <c r="C56" i="22"/>
  <c r="A33" i="25"/>
  <c r="C34" i="25" l="1"/>
  <c r="D34" i="25"/>
  <c r="A34" i="23"/>
  <c r="C34" i="23"/>
  <c r="D34" i="23"/>
  <c r="I56" i="22"/>
  <c r="F56" i="22"/>
  <c r="G56" i="22"/>
  <c r="F56" i="6" s="1"/>
  <c r="F56" i="7" s="1"/>
  <c r="J56" i="22"/>
  <c r="H56" i="22"/>
  <c r="K56" i="22"/>
  <c r="D56" i="22"/>
  <c r="E56" i="22"/>
  <c r="M56" i="22" s="1"/>
  <c r="B35" i="25"/>
  <c r="C57" i="22"/>
  <c r="C56" i="14"/>
  <c r="B35" i="23" s="1"/>
  <c r="A35" i="23" s="1"/>
  <c r="C56" i="6"/>
  <c r="I56" i="6" s="1"/>
  <c r="B56" i="22"/>
  <c r="B56" i="6" s="1"/>
  <c r="B56" i="7" s="1"/>
  <c r="D55" i="14"/>
  <c r="D55" i="6"/>
  <c r="D55" i="7" s="1"/>
  <c r="A34" i="25"/>
  <c r="C55" i="7"/>
  <c r="C35" i="25" l="1"/>
  <c r="D35" i="25"/>
  <c r="C35" i="23"/>
  <c r="D35" i="23"/>
  <c r="J57" i="22"/>
  <c r="I57" i="22"/>
  <c r="G57" i="22"/>
  <c r="F57" i="6" s="1"/>
  <c r="F57" i="7" s="1"/>
  <c r="H57" i="22"/>
  <c r="F57" i="22"/>
  <c r="K57" i="22"/>
  <c r="E57" i="22"/>
  <c r="D57" i="22"/>
  <c r="C56" i="7"/>
  <c r="D56" i="6"/>
  <c r="D56" i="7" s="1"/>
  <c r="D56" i="14"/>
  <c r="B36" i="25"/>
  <c r="B57" i="22"/>
  <c r="B57" i="6" s="1"/>
  <c r="B57" i="7" s="1"/>
  <c r="C57" i="14"/>
  <c r="B36" i="23" s="1"/>
  <c r="C57" i="6"/>
  <c r="I57" i="6" s="1"/>
  <c r="C58" i="22"/>
  <c r="A35" i="25"/>
  <c r="M57" i="22" l="1"/>
  <c r="A36" i="23"/>
  <c r="C36" i="23"/>
  <c r="D36" i="23"/>
  <c r="C36" i="25"/>
  <c r="D36" i="25"/>
  <c r="H58" i="22"/>
  <c r="J58" i="22"/>
  <c r="I58" i="22"/>
  <c r="K58" i="22"/>
  <c r="F58" i="22"/>
  <c r="G58" i="22"/>
  <c r="F58" i="6" s="1"/>
  <c r="F58" i="7" s="1"/>
  <c r="D58" i="22"/>
  <c r="E58" i="22"/>
  <c r="M58" i="22" s="1"/>
  <c r="C57" i="7"/>
  <c r="D57" i="6"/>
  <c r="D57" i="7" s="1"/>
  <c r="D57" i="14"/>
  <c r="A36" i="25"/>
  <c r="B37" i="25"/>
  <c r="C58" i="6"/>
  <c r="I58" i="6" s="1"/>
  <c r="C58" i="14"/>
  <c r="B37" i="23" s="1"/>
  <c r="B58" i="22"/>
  <c r="B58" i="6" s="1"/>
  <c r="B58" i="7" s="1"/>
  <c r="C59" i="22"/>
  <c r="C37" i="25" l="1"/>
  <c r="D37" i="25"/>
  <c r="A37" i="23"/>
  <c r="C37" i="23"/>
  <c r="D37" i="23"/>
  <c r="K59" i="22"/>
  <c r="H59" i="22"/>
  <c r="J59" i="22"/>
  <c r="I59" i="22"/>
  <c r="G59" i="22"/>
  <c r="F59" i="6" s="1"/>
  <c r="F59" i="7" s="1"/>
  <c r="F59" i="22"/>
  <c r="D59" i="22"/>
  <c r="E59" i="22"/>
  <c r="M59" i="22" s="1"/>
  <c r="C58" i="7"/>
  <c r="B38" i="25"/>
  <c r="C59" i="6"/>
  <c r="I59" i="6" s="1"/>
  <c r="C59" i="14"/>
  <c r="B38" i="23" s="1"/>
  <c r="B59" i="22"/>
  <c r="B59" i="6" s="1"/>
  <c r="B59" i="7" s="1"/>
  <c r="C60" i="22"/>
  <c r="D58" i="6"/>
  <c r="D58" i="7" s="1"/>
  <c r="D58" i="14"/>
  <c r="A37" i="25"/>
  <c r="A38" i="23" l="1"/>
  <c r="C38" i="23"/>
  <c r="D38" i="23"/>
  <c r="C38" i="25"/>
  <c r="D38" i="25"/>
  <c r="K60" i="22"/>
  <c r="H60" i="22"/>
  <c r="J60" i="22"/>
  <c r="G60" i="22"/>
  <c r="F60" i="6" s="1"/>
  <c r="F60" i="7" s="1"/>
  <c r="I60" i="22"/>
  <c r="F60" i="22"/>
  <c r="D60" i="22"/>
  <c r="E60" i="22"/>
  <c r="M60" i="22" s="1"/>
  <c r="B39" i="25"/>
  <c r="C60" i="14"/>
  <c r="B39" i="23" s="1"/>
  <c r="C60" i="6"/>
  <c r="I60" i="6" s="1"/>
  <c r="B60" i="22"/>
  <c r="B60" i="6" s="1"/>
  <c r="B60" i="7" s="1"/>
  <c r="C61" i="22"/>
  <c r="C59" i="7"/>
  <c r="A38" i="25"/>
  <c r="D59" i="6"/>
  <c r="D59" i="7" s="1"/>
  <c r="D59" i="14"/>
  <c r="C39" i="25" l="1"/>
  <c r="D39" i="25"/>
  <c r="A39" i="23"/>
  <c r="C39" i="23"/>
  <c r="D39" i="23"/>
  <c r="G61" i="22"/>
  <c r="F61" i="6" s="1"/>
  <c r="F61" i="7" s="1"/>
  <c r="K61" i="22"/>
  <c r="H61" i="22"/>
  <c r="J61" i="22"/>
  <c r="F61" i="22"/>
  <c r="I61" i="22"/>
  <c r="D61" i="22"/>
  <c r="E61" i="22"/>
  <c r="M61" i="22" s="1"/>
  <c r="B40" i="25"/>
  <c r="B61" i="22"/>
  <c r="B61" i="6" s="1"/>
  <c r="B61" i="7" s="1"/>
  <c r="C61" i="6"/>
  <c r="I61" i="6" s="1"/>
  <c r="C62" i="22"/>
  <c r="C61" i="14"/>
  <c r="B40" i="23" s="1"/>
  <c r="A39" i="25"/>
  <c r="C60" i="7"/>
  <c r="D60" i="6"/>
  <c r="D60" i="7" s="1"/>
  <c r="D60" i="14"/>
  <c r="C40" i="23" l="1"/>
  <c r="D40" i="23"/>
  <c r="C40" i="25"/>
  <c r="D40" i="25"/>
  <c r="F62" i="22"/>
  <c r="G62" i="22"/>
  <c r="F62" i="6" s="1"/>
  <c r="F62" i="7" s="1"/>
  <c r="K62" i="22"/>
  <c r="I62" i="22"/>
  <c r="J62" i="22"/>
  <c r="H62" i="22"/>
  <c r="D62" i="22"/>
  <c r="E62" i="22"/>
  <c r="M62" i="22" s="1"/>
  <c r="A40" i="23"/>
  <c r="D61" i="6"/>
  <c r="D61" i="7" s="1"/>
  <c r="D61" i="14"/>
  <c r="A40" i="25"/>
  <c r="B41" i="25"/>
  <c r="C62" i="14"/>
  <c r="B41" i="23" s="1"/>
  <c r="C62" i="6"/>
  <c r="I62" i="6" s="1"/>
  <c r="B62" i="22"/>
  <c r="B62" i="6" s="1"/>
  <c r="B62" i="7" s="1"/>
  <c r="C63" i="22"/>
  <c r="C61" i="7"/>
  <c r="C41" i="23" l="1"/>
  <c r="D41" i="23"/>
  <c r="C41" i="25"/>
  <c r="D41" i="25"/>
  <c r="I63" i="22"/>
  <c r="F63" i="22"/>
  <c r="G63" i="22"/>
  <c r="F63" i="6" s="1"/>
  <c r="F63" i="7" s="1"/>
  <c r="K63" i="22"/>
  <c r="J63" i="22"/>
  <c r="H63" i="22"/>
  <c r="D63" i="22"/>
  <c r="E63" i="22"/>
  <c r="M63" i="22" s="1"/>
  <c r="A41" i="23"/>
  <c r="B42" i="25"/>
  <c r="C64" i="22"/>
  <c r="C63" i="6"/>
  <c r="I63" i="6" s="1"/>
  <c r="B63" i="22"/>
  <c r="B63" i="6" s="1"/>
  <c r="B63" i="7" s="1"/>
  <c r="C63" i="14"/>
  <c r="B42" i="23" s="1"/>
  <c r="A41" i="25"/>
  <c r="C62" i="7"/>
  <c r="D62" i="6"/>
  <c r="D62" i="7" s="1"/>
  <c r="D62" i="14"/>
  <c r="C42" i="25" l="1"/>
  <c r="D42" i="25"/>
  <c r="C42" i="23"/>
  <c r="D42" i="23"/>
  <c r="E41" i="23"/>
  <c r="I64" i="22"/>
  <c r="F64" i="22"/>
  <c r="G64" i="22"/>
  <c r="F64" i="6" s="1"/>
  <c r="F64" i="7" s="1"/>
  <c r="J64" i="22"/>
  <c r="K64" i="22"/>
  <c r="H64" i="22"/>
  <c r="E64" i="22"/>
  <c r="D64" i="22"/>
  <c r="A42" i="23"/>
  <c r="B43" i="25"/>
  <c r="C64" i="6"/>
  <c r="I64" i="6" s="1"/>
  <c r="C65" i="22"/>
  <c r="E41" i="25" s="1"/>
  <c r="C64" i="14"/>
  <c r="B64" i="22"/>
  <c r="B64" i="6" s="1"/>
  <c r="B64" i="7" s="1"/>
  <c r="D63" i="6"/>
  <c r="D63" i="7" s="1"/>
  <c r="D63" i="14"/>
  <c r="A42" i="25"/>
  <c r="C63" i="7"/>
  <c r="M64" i="22" l="1"/>
  <c r="F34" i="23"/>
  <c r="E34" i="23"/>
  <c r="F35" i="23"/>
  <c r="E35" i="23"/>
  <c r="E36" i="23"/>
  <c r="F36" i="23"/>
  <c r="F39" i="23"/>
  <c r="E39" i="23"/>
  <c r="F40" i="23"/>
  <c r="E40" i="23"/>
  <c r="E34" i="25"/>
  <c r="E35" i="25"/>
  <c r="E36" i="25"/>
  <c r="E39" i="25"/>
  <c r="E40" i="25"/>
  <c r="C43" i="25"/>
  <c r="D43" i="25"/>
  <c r="E43" i="25" s="1"/>
  <c r="F41" i="23"/>
  <c r="J65" i="22"/>
  <c r="I65" i="22"/>
  <c r="G65" i="22"/>
  <c r="F65" i="6" s="1"/>
  <c r="F65" i="7" s="1"/>
  <c r="H65" i="22"/>
  <c r="K65" i="22"/>
  <c r="E65" i="22"/>
  <c r="F65" i="22"/>
  <c r="D65" i="22"/>
  <c r="B44" i="25"/>
  <c r="C65" i="14"/>
  <c r="B44" i="23" s="1"/>
  <c r="C65" i="6"/>
  <c r="I65" i="6" s="1"/>
  <c r="C66" i="22"/>
  <c r="B65" i="22"/>
  <c r="B65" i="6" s="1"/>
  <c r="B65" i="7" s="1"/>
  <c r="D64" i="6"/>
  <c r="D64" i="7" s="1"/>
  <c r="D64" i="14"/>
  <c r="A43" i="25"/>
  <c r="C64" i="7"/>
  <c r="B43" i="23"/>
  <c r="A44" i="23"/>
  <c r="V42" i="23" l="1"/>
  <c r="Z42" i="23"/>
  <c r="M65" i="22"/>
  <c r="N42" i="23"/>
  <c r="R42" i="23"/>
  <c r="AD42" i="23"/>
  <c r="C43" i="23"/>
  <c r="D43" i="23"/>
  <c r="L42" i="23"/>
  <c r="X42" i="23"/>
  <c r="C44" i="23"/>
  <c r="D44" i="23"/>
  <c r="AB37" i="23"/>
  <c r="V37" i="23"/>
  <c r="P37" i="23"/>
  <c r="J37" i="23"/>
  <c r="R37" i="23"/>
  <c r="L37" i="23"/>
  <c r="F37" i="23"/>
  <c r="X37" i="23"/>
  <c r="Z37" i="23"/>
  <c r="N37" i="23"/>
  <c r="H37" i="23"/>
  <c r="T37" i="23"/>
  <c r="AD37" i="23"/>
  <c r="V38" i="23"/>
  <c r="F38" i="23"/>
  <c r="T38" i="23"/>
  <c r="J38" i="23"/>
  <c r="R38" i="23"/>
  <c r="AB38" i="23"/>
  <c r="X38" i="23"/>
  <c r="Z38" i="23"/>
  <c r="L38" i="23"/>
  <c r="N38" i="23"/>
  <c r="H38" i="23"/>
  <c r="AD38" i="23"/>
  <c r="P38" i="23"/>
  <c r="C44" i="25"/>
  <c r="D44" i="25"/>
  <c r="E44" i="25" s="1"/>
  <c r="H42" i="23"/>
  <c r="P42" i="23"/>
  <c r="T42" i="23"/>
  <c r="F42" i="23"/>
  <c r="AB42" i="23"/>
  <c r="J42" i="23"/>
  <c r="H66" i="22"/>
  <c r="J66" i="22"/>
  <c r="I66" i="22"/>
  <c r="K66" i="22"/>
  <c r="F66" i="22"/>
  <c r="G66" i="22"/>
  <c r="F66" i="6" s="1"/>
  <c r="F66" i="7" s="1"/>
  <c r="D66" i="22"/>
  <c r="E66" i="22"/>
  <c r="M66" i="22" s="1"/>
  <c r="D65" i="6"/>
  <c r="D65" i="7" s="1"/>
  <c r="D65" i="14"/>
  <c r="B45" i="25"/>
  <c r="B66" i="22"/>
  <c r="B66" i="6" s="1"/>
  <c r="B66" i="7" s="1"/>
  <c r="C66" i="6"/>
  <c r="I66" i="6" s="1"/>
  <c r="C67" i="22"/>
  <c r="C66" i="14"/>
  <c r="B45" i="23" s="1"/>
  <c r="C65" i="7"/>
  <c r="A43" i="23"/>
  <c r="A44" i="25"/>
  <c r="F43" i="23" l="1"/>
  <c r="E43" i="23"/>
  <c r="C45" i="23"/>
  <c r="D45" i="23"/>
  <c r="C45" i="25"/>
  <c r="D45" i="25"/>
  <c r="K67" i="22"/>
  <c r="H67" i="22"/>
  <c r="J67" i="22"/>
  <c r="I67" i="22"/>
  <c r="F67" i="22"/>
  <c r="G67" i="22"/>
  <c r="F67" i="6" s="1"/>
  <c r="F67" i="7" s="1"/>
  <c r="D67" i="22"/>
  <c r="E67" i="22"/>
  <c r="M67" i="22" s="1"/>
  <c r="A45" i="23"/>
  <c r="B46" i="25"/>
  <c r="C68" i="22"/>
  <c r="C67" i="14"/>
  <c r="B46" i="23" s="1"/>
  <c r="B67" i="22"/>
  <c r="B67" i="6" s="1"/>
  <c r="B67" i="7" s="1"/>
  <c r="C67" i="6"/>
  <c r="I67" i="6" s="1"/>
  <c r="C66" i="7"/>
  <c r="D66" i="14"/>
  <c r="D66" i="6"/>
  <c r="D66" i="7" s="1"/>
  <c r="A45" i="25"/>
  <c r="C46" i="25" l="1"/>
  <c r="D46" i="25"/>
  <c r="A46" i="23"/>
  <c r="C46" i="23"/>
  <c r="D46" i="23"/>
  <c r="K68" i="22"/>
  <c r="H68" i="22"/>
  <c r="J68" i="22"/>
  <c r="G68" i="22"/>
  <c r="F68" i="6" s="1"/>
  <c r="F68" i="7" s="1"/>
  <c r="F68" i="22"/>
  <c r="I68" i="22"/>
  <c r="D68" i="22"/>
  <c r="E68" i="22"/>
  <c r="D67" i="14"/>
  <c r="D67" i="6"/>
  <c r="D67" i="7" s="1"/>
  <c r="B47" i="25"/>
  <c r="C69" i="22"/>
  <c r="B68" i="22"/>
  <c r="B68" i="6" s="1"/>
  <c r="B68" i="7" s="1"/>
  <c r="C68" i="6"/>
  <c r="I68" i="6" s="1"/>
  <c r="C68" i="14"/>
  <c r="B47" i="23" s="1"/>
  <c r="C67" i="7"/>
  <c r="A46" i="25"/>
  <c r="C47" i="25" l="1"/>
  <c r="D47" i="25"/>
  <c r="C47" i="23"/>
  <c r="D47" i="23"/>
  <c r="M68" i="22"/>
  <c r="G69" i="22"/>
  <c r="K69" i="22"/>
  <c r="H69" i="22"/>
  <c r="J69" i="22"/>
  <c r="F69" i="22"/>
  <c r="I69" i="22"/>
  <c r="D69" i="22"/>
  <c r="E69" i="22"/>
  <c r="F69" i="6"/>
  <c r="F69" i="7" s="1"/>
  <c r="A47" i="23"/>
  <c r="C68" i="7"/>
  <c r="D68" i="14"/>
  <c r="D68" i="6"/>
  <c r="D68" i="7" s="1"/>
  <c r="A47" i="25"/>
  <c r="B48" i="25"/>
  <c r="C69" i="6"/>
  <c r="I69" i="6" s="1"/>
  <c r="C69" i="14"/>
  <c r="B48" i="23" s="1"/>
  <c r="B69" i="22"/>
  <c r="B69" i="6" s="1"/>
  <c r="B69" i="7" s="1"/>
  <c r="C70" i="22"/>
  <c r="C48" i="25" l="1"/>
  <c r="D48" i="25"/>
  <c r="A48" i="23"/>
  <c r="C48" i="23"/>
  <c r="D48" i="23"/>
  <c r="M69" i="22"/>
  <c r="F70" i="22"/>
  <c r="G70" i="22"/>
  <c r="F70" i="6" s="1"/>
  <c r="F70" i="7" s="1"/>
  <c r="K70" i="22"/>
  <c r="I70" i="22"/>
  <c r="H70" i="22"/>
  <c r="J70" i="22"/>
  <c r="D70" i="22"/>
  <c r="E70" i="22"/>
  <c r="C69" i="7"/>
  <c r="B49" i="25"/>
  <c r="C71" i="22"/>
  <c r="B70" i="22"/>
  <c r="B70" i="6" s="1"/>
  <c r="B70" i="7" s="1"/>
  <c r="C70" i="6"/>
  <c r="I70" i="6" s="1"/>
  <c r="C70" i="14"/>
  <c r="B49" i="23" s="1"/>
  <c r="A48" i="25"/>
  <c r="D69" i="14"/>
  <c r="D69" i="6"/>
  <c r="D69" i="7" s="1"/>
  <c r="C49" i="25" l="1"/>
  <c r="D49" i="25"/>
  <c r="C49" i="23"/>
  <c r="D49" i="23"/>
  <c r="M70" i="22"/>
  <c r="I71" i="22"/>
  <c r="F71" i="22"/>
  <c r="G71" i="22"/>
  <c r="F71" i="6" s="1"/>
  <c r="F71" i="7" s="1"/>
  <c r="K71" i="22"/>
  <c r="H71" i="22"/>
  <c r="J71" i="22"/>
  <c r="D71" i="22"/>
  <c r="E71" i="22"/>
  <c r="A49" i="23"/>
  <c r="B50" i="25"/>
  <c r="C71" i="14"/>
  <c r="B50" i="23" s="1"/>
  <c r="B71" i="22"/>
  <c r="B71" i="6" s="1"/>
  <c r="B71" i="7" s="1"/>
  <c r="C71" i="6"/>
  <c r="I71" i="6" s="1"/>
  <c r="C72" i="22"/>
  <c r="D70" i="6"/>
  <c r="D70" i="7" s="1"/>
  <c r="D70" i="14"/>
  <c r="A49" i="25"/>
  <c r="C70" i="7"/>
  <c r="M71" i="22" l="1"/>
  <c r="A50" i="23"/>
  <c r="C50" i="23"/>
  <c r="D50" i="23"/>
  <c r="C50" i="25"/>
  <c r="D50" i="25"/>
  <c r="I72" i="22"/>
  <c r="F72" i="22"/>
  <c r="G72" i="22"/>
  <c r="F72" i="6" s="1"/>
  <c r="F72" i="7" s="1"/>
  <c r="J72" i="22"/>
  <c r="K72" i="22"/>
  <c r="H72" i="22"/>
  <c r="D72" i="22"/>
  <c r="E72" i="22"/>
  <c r="M72" i="22" s="1"/>
  <c r="C71" i="7"/>
  <c r="D71" i="6"/>
  <c r="D71" i="7" s="1"/>
  <c r="D71" i="14"/>
  <c r="B51" i="25"/>
  <c r="C72" i="6"/>
  <c r="I72" i="6" s="1"/>
  <c r="B72" i="22"/>
  <c r="B72" i="6" s="1"/>
  <c r="B72" i="7" s="1"/>
  <c r="C73" i="22"/>
  <c r="C72" i="14"/>
  <c r="B51" i="23" s="1"/>
  <c r="A50" i="25"/>
  <c r="C51" i="23" l="1"/>
  <c r="D51" i="23"/>
  <c r="C51" i="25"/>
  <c r="D51" i="25"/>
  <c r="J73" i="22"/>
  <c r="I73" i="22"/>
  <c r="G73" i="22"/>
  <c r="F73" i="6" s="1"/>
  <c r="F73" i="7" s="1"/>
  <c r="H73" i="22"/>
  <c r="K73" i="22"/>
  <c r="F73" i="22"/>
  <c r="E73" i="22"/>
  <c r="D73" i="22"/>
  <c r="B52" i="25"/>
  <c r="B73" i="22"/>
  <c r="B73" i="6" s="1"/>
  <c r="B73" i="7" s="1"/>
  <c r="C73" i="6"/>
  <c r="I73" i="6" s="1"/>
  <c r="C74" i="22"/>
  <c r="C73" i="14"/>
  <c r="D72" i="6"/>
  <c r="D72" i="7" s="1"/>
  <c r="D72" i="14"/>
  <c r="A51" i="23"/>
  <c r="C72" i="7"/>
  <c r="A51" i="25"/>
  <c r="C52" i="25" l="1"/>
  <c r="D52" i="25"/>
  <c r="M73" i="22"/>
  <c r="H74" i="22"/>
  <c r="J74" i="22"/>
  <c r="I74" i="22"/>
  <c r="K74" i="22"/>
  <c r="G74" i="22"/>
  <c r="F74" i="6" s="1"/>
  <c r="F74" i="7" s="1"/>
  <c r="F74" i="22"/>
  <c r="D74" i="22"/>
  <c r="E74" i="22"/>
  <c r="C73" i="7"/>
  <c r="D73" i="6"/>
  <c r="D73" i="7" s="1"/>
  <c r="D73" i="14"/>
  <c r="B52" i="23"/>
  <c r="B53" i="25"/>
  <c r="C74" i="14"/>
  <c r="B53" i="23" s="1"/>
  <c r="B74" i="22"/>
  <c r="B74" i="6" s="1"/>
  <c r="B74" i="7" s="1"/>
  <c r="C74" i="6"/>
  <c r="I74" i="6" s="1"/>
  <c r="C75" i="22"/>
  <c r="A52" i="25"/>
  <c r="C52" i="23" l="1"/>
  <c r="D52" i="23"/>
  <c r="C53" i="23"/>
  <c r="D53" i="23"/>
  <c r="C53" i="25"/>
  <c r="D53" i="25"/>
  <c r="M74" i="22"/>
  <c r="K75" i="22"/>
  <c r="H75" i="22"/>
  <c r="J75" i="22"/>
  <c r="I75" i="22"/>
  <c r="G75" i="22"/>
  <c r="F75" i="6" s="1"/>
  <c r="F75" i="7" s="1"/>
  <c r="F75" i="22"/>
  <c r="D75" i="22"/>
  <c r="E75" i="22"/>
  <c r="A53" i="23"/>
  <c r="B54" i="25"/>
  <c r="C75" i="6"/>
  <c r="I75" i="6" s="1"/>
  <c r="C76" i="22"/>
  <c r="C75" i="14"/>
  <c r="B54" i="23" s="1"/>
  <c r="B75" i="22"/>
  <c r="B75" i="6" s="1"/>
  <c r="B75" i="7" s="1"/>
  <c r="A52" i="23"/>
  <c r="C74" i="7"/>
  <c r="A53" i="25"/>
  <c r="D74" i="14"/>
  <c r="D74" i="6"/>
  <c r="D74" i="7" s="1"/>
  <c r="C54" i="25" l="1"/>
  <c r="D54" i="25"/>
  <c r="C54" i="23"/>
  <c r="D54" i="23"/>
  <c r="M75" i="22"/>
  <c r="K76" i="22"/>
  <c r="H76" i="22"/>
  <c r="J76" i="22"/>
  <c r="G76" i="22"/>
  <c r="F76" i="6" s="1"/>
  <c r="F76" i="7" s="1"/>
  <c r="I76" i="22"/>
  <c r="F76" i="22"/>
  <c r="D76" i="22"/>
  <c r="E76" i="22"/>
  <c r="A54" i="23"/>
  <c r="C75" i="7"/>
  <c r="A54" i="25"/>
  <c r="D75" i="14"/>
  <c r="D75" i="6"/>
  <c r="D75" i="7" s="1"/>
  <c r="B55" i="25"/>
  <c r="C76" i="6"/>
  <c r="I76" i="6" s="1"/>
  <c r="C77" i="22"/>
  <c r="B76" i="22"/>
  <c r="B76" i="6" s="1"/>
  <c r="B76" i="7" s="1"/>
  <c r="C76" i="14"/>
  <c r="B55" i="23" s="1"/>
  <c r="C55" i="25" l="1"/>
  <c r="D55" i="25"/>
  <c r="C55" i="23"/>
  <c r="D55" i="23"/>
  <c r="M76" i="22"/>
  <c r="G77" i="22"/>
  <c r="F77" i="6" s="1"/>
  <c r="F77" i="7" s="1"/>
  <c r="K77" i="22"/>
  <c r="H77" i="22"/>
  <c r="J77" i="22"/>
  <c r="F77" i="22"/>
  <c r="I77" i="22"/>
  <c r="D77" i="22"/>
  <c r="E77" i="22"/>
  <c r="A55" i="25"/>
  <c r="A55" i="23"/>
  <c r="C76" i="7"/>
  <c r="B56" i="25"/>
  <c r="C77" i="14"/>
  <c r="B56" i="23" s="1"/>
  <c r="C77" i="6"/>
  <c r="I77" i="6" s="1"/>
  <c r="B77" i="22"/>
  <c r="B77" i="6" s="1"/>
  <c r="B77" i="7" s="1"/>
  <c r="C78" i="22"/>
  <c r="D76" i="6"/>
  <c r="D76" i="7" s="1"/>
  <c r="D76" i="14"/>
  <c r="A56" i="23" l="1"/>
  <c r="C56" i="23"/>
  <c r="D56" i="23"/>
  <c r="C56" i="25"/>
  <c r="D56" i="25"/>
  <c r="M77" i="22"/>
  <c r="F78" i="22"/>
  <c r="G78" i="22"/>
  <c r="F78" i="6" s="1"/>
  <c r="F78" i="7" s="1"/>
  <c r="K78" i="22"/>
  <c r="I78" i="22"/>
  <c r="H78" i="22"/>
  <c r="J78" i="22"/>
  <c r="D78" i="22"/>
  <c r="E78" i="22"/>
  <c r="C77" i="7"/>
  <c r="B57" i="25"/>
  <c r="C78" i="6"/>
  <c r="I78" i="6" s="1"/>
  <c r="C79" i="22"/>
  <c r="B78" i="22"/>
  <c r="B78" i="6" s="1"/>
  <c r="B78" i="7" s="1"/>
  <c r="C78" i="14"/>
  <c r="A56" i="25"/>
  <c r="D77" i="6"/>
  <c r="D77" i="7" s="1"/>
  <c r="D77" i="14"/>
  <c r="C57" i="25" l="1"/>
  <c r="D57" i="25"/>
  <c r="M78" i="22"/>
  <c r="I79" i="22"/>
  <c r="F79" i="22"/>
  <c r="G79" i="22"/>
  <c r="F79" i="6" s="1"/>
  <c r="F79" i="7" s="1"/>
  <c r="K79" i="22"/>
  <c r="H79" i="22"/>
  <c r="J79" i="22"/>
  <c r="D79" i="22"/>
  <c r="E79" i="22"/>
  <c r="M79" i="22" s="1"/>
  <c r="B58" i="25"/>
  <c r="C79" i="6"/>
  <c r="I79" i="6" s="1"/>
  <c r="B79" i="22"/>
  <c r="B79" i="6" s="1"/>
  <c r="B79" i="7" s="1"/>
  <c r="C80" i="22"/>
  <c r="C79" i="14"/>
  <c r="B58" i="23" s="1"/>
  <c r="C78" i="7"/>
  <c r="B57" i="23"/>
  <c r="A57" i="25"/>
  <c r="D78" i="6"/>
  <c r="D78" i="7" s="1"/>
  <c r="D78" i="14"/>
  <c r="C57" i="23" l="1"/>
  <c r="D57" i="23"/>
  <c r="C58" i="25"/>
  <c r="D58" i="25"/>
  <c r="C58" i="23"/>
  <c r="D58" i="23"/>
  <c r="A58" i="23"/>
  <c r="I80" i="22"/>
  <c r="F80" i="22"/>
  <c r="G80" i="22"/>
  <c r="F80" i="6" s="1"/>
  <c r="F80" i="7" s="1"/>
  <c r="J80" i="22"/>
  <c r="K80" i="22"/>
  <c r="H80" i="22"/>
  <c r="D80" i="22"/>
  <c r="E80" i="22"/>
  <c r="M80" i="22" s="1"/>
  <c r="B59" i="25"/>
  <c r="C80" i="14"/>
  <c r="B59" i="23" s="1"/>
  <c r="B80" i="22"/>
  <c r="B80" i="6" s="1"/>
  <c r="B80" i="7" s="1"/>
  <c r="C81" i="22"/>
  <c r="C80" i="6"/>
  <c r="I80" i="6" s="1"/>
  <c r="A57" i="23"/>
  <c r="C79" i="7"/>
  <c r="D79" i="6"/>
  <c r="D79" i="7" s="1"/>
  <c r="D79" i="14"/>
  <c r="A58" i="25"/>
  <c r="C59" i="23" l="1"/>
  <c r="D59" i="23"/>
  <c r="A59" i="23"/>
  <c r="C59" i="25"/>
  <c r="D59" i="25"/>
  <c r="J81" i="22"/>
  <c r="I81" i="22"/>
  <c r="G81" i="22"/>
  <c r="F81" i="6" s="1"/>
  <c r="F81" i="7" s="1"/>
  <c r="H81" i="22"/>
  <c r="K81" i="22"/>
  <c r="F81" i="22"/>
  <c r="E81" i="22"/>
  <c r="M81" i="22" s="1"/>
  <c r="D81" i="22"/>
  <c r="C80" i="7"/>
  <c r="A59" i="25"/>
  <c r="B60" i="25"/>
  <c r="C82" i="22"/>
  <c r="C81" i="6"/>
  <c r="I81" i="6" s="1"/>
  <c r="B81" i="22"/>
  <c r="B81" i="6" s="1"/>
  <c r="B81" i="7" s="1"/>
  <c r="C81" i="14"/>
  <c r="B60" i="23" s="1"/>
  <c r="D80" i="6"/>
  <c r="D80" i="7" s="1"/>
  <c r="D80" i="14"/>
  <c r="J28" i="7"/>
  <c r="J29" i="7"/>
  <c r="J30" i="7"/>
  <c r="J31" i="7"/>
  <c r="J32" i="7"/>
  <c r="J33" i="7"/>
  <c r="J34" i="7"/>
  <c r="J35" i="7"/>
  <c r="J36" i="7"/>
  <c r="J37" i="7"/>
  <c r="J38" i="7"/>
  <c r="J39" i="7"/>
  <c r="J40" i="7"/>
  <c r="J41" i="7"/>
  <c r="J42" i="7"/>
  <c r="J43" i="7"/>
  <c r="J44" i="7"/>
  <c r="J45" i="7"/>
  <c r="J46" i="7"/>
  <c r="J47" i="7"/>
  <c r="J48" i="7"/>
  <c r="J49" i="7"/>
  <c r="J50" i="7"/>
  <c r="J51" i="7"/>
  <c r="J52" i="7"/>
  <c r="J53" i="7"/>
  <c r="J54" i="7"/>
  <c r="J55" i="7"/>
  <c r="J56" i="7"/>
  <c r="J57" i="7"/>
  <c r="J58" i="7"/>
  <c r="J59" i="7"/>
  <c r="J60" i="7"/>
  <c r="J61" i="7"/>
  <c r="J62" i="7"/>
  <c r="J63" i="7"/>
  <c r="J64" i="7"/>
  <c r="J65" i="7"/>
  <c r="J66" i="7"/>
  <c r="J67" i="7"/>
  <c r="J68" i="7"/>
  <c r="J69" i="7"/>
  <c r="J70" i="7"/>
  <c r="J71" i="7"/>
  <c r="J72" i="7"/>
  <c r="J73" i="7"/>
  <c r="J74" i="7"/>
  <c r="J75" i="7"/>
  <c r="J76" i="7"/>
  <c r="J77" i="7"/>
  <c r="J78" i="7"/>
  <c r="J79" i="7"/>
  <c r="J80" i="7"/>
  <c r="J81" i="7"/>
  <c r="J82" i="7"/>
  <c r="J27" i="7"/>
  <c r="J28" i="6"/>
  <c r="AA28" i="6" s="1"/>
  <c r="J29" i="6"/>
  <c r="AA29" i="6" s="1"/>
  <c r="J30" i="6"/>
  <c r="AA30" i="6" s="1"/>
  <c r="J31" i="6"/>
  <c r="AA31" i="6" s="1"/>
  <c r="J32" i="6"/>
  <c r="AA32" i="6" s="1"/>
  <c r="J33" i="6"/>
  <c r="AA33" i="6" s="1"/>
  <c r="J34" i="6"/>
  <c r="AA34" i="6" s="1"/>
  <c r="J35" i="6"/>
  <c r="AA35" i="6" s="1"/>
  <c r="J36" i="6"/>
  <c r="AA36" i="6" s="1"/>
  <c r="J37" i="6"/>
  <c r="AA37" i="6" s="1"/>
  <c r="J38" i="6"/>
  <c r="AA38" i="6" s="1"/>
  <c r="J39" i="6"/>
  <c r="AA39" i="6" s="1"/>
  <c r="J40" i="6"/>
  <c r="AA40" i="6" s="1"/>
  <c r="J41" i="6"/>
  <c r="AA41" i="6" s="1"/>
  <c r="J42" i="6"/>
  <c r="AA42" i="6" s="1"/>
  <c r="J43" i="6"/>
  <c r="AA43" i="6" s="1"/>
  <c r="J44" i="6"/>
  <c r="AA44" i="6" s="1"/>
  <c r="J45" i="6"/>
  <c r="AA45" i="6" s="1"/>
  <c r="J46" i="6"/>
  <c r="AA46" i="6" s="1"/>
  <c r="J47" i="6"/>
  <c r="AA47" i="6" s="1"/>
  <c r="J48" i="6"/>
  <c r="AA48" i="6" s="1"/>
  <c r="J49" i="6"/>
  <c r="AA49" i="6" s="1"/>
  <c r="J50" i="6"/>
  <c r="AA50" i="6" s="1"/>
  <c r="J51" i="6"/>
  <c r="AA51" i="6" s="1"/>
  <c r="J52" i="6"/>
  <c r="AA52" i="6" s="1"/>
  <c r="J53" i="6"/>
  <c r="AA53" i="6" s="1"/>
  <c r="J54" i="6"/>
  <c r="AA54" i="6" s="1"/>
  <c r="J55" i="6"/>
  <c r="AA55" i="6" s="1"/>
  <c r="J56" i="6"/>
  <c r="AA56" i="6" s="1"/>
  <c r="J57" i="6"/>
  <c r="AA57" i="6" s="1"/>
  <c r="J58" i="6"/>
  <c r="AA58" i="6" s="1"/>
  <c r="J59" i="6"/>
  <c r="AA59" i="6" s="1"/>
  <c r="J60" i="6"/>
  <c r="AA60" i="6" s="1"/>
  <c r="J61" i="6"/>
  <c r="AA61" i="6" s="1"/>
  <c r="J62" i="6"/>
  <c r="AA62" i="6" s="1"/>
  <c r="J63" i="6"/>
  <c r="AA63" i="6" s="1"/>
  <c r="J64" i="6"/>
  <c r="AA64" i="6" s="1"/>
  <c r="J65" i="6"/>
  <c r="AA65" i="6" s="1"/>
  <c r="J66" i="6"/>
  <c r="AA66" i="6" s="1"/>
  <c r="J67" i="6"/>
  <c r="AA67" i="6" s="1"/>
  <c r="J68" i="6"/>
  <c r="AA68" i="6" s="1"/>
  <c r="J69" i="6"/>
  <c r="AA69" i="6" s="1"/>
  <c r="J70" i="6"/>
  <c r="AA70" i="6" s="1"/>
  <c r="J71" i="6"/>
  <c r="AA71" i="6" s="1"/>
  <c r="J72" i="6"/>
  <c r="AA72" i="6" s="1"/>
  <c r="J73" i="6"/>
  <c r="AA73" i="6" s="1"/>
  <c r="J74" i="6"/>
  <c r="AA74" i="6" s="1"/>
  <c r="J75" i="6"/>
  <c r="AA75" i="6" s="1"/>
  <c r="J76" i="6"/>
  <c r="AA76" i="6" s="1"/>
  <c r="J77" i="6"/>
  <c r="AA77" i="6" s="1"/>
  <c r="J78" i="6"/>
  <c r="AA78" i="6" s="1"/>
  <c r="J79" i="6"/>
  <c r="AA79" i="6" s="1"/>
  <c r="J80" i="6"/>
  <c r="AA80" i="6" s="1"/>
  <c r="J81" i="6"/>
  <c r="AA81" i="6" s="1"/>
  <c r="J82" i="6"/>
  <c r="AA82" i="6" s="1"/>
  <c r="J27" i="6"/>
  <c r="AA27" i="6" s="1"/>
  <c r="AY28" i="14"/>
  <c r="C60" i="23" l="1"/>
  <c r="D60" i="23"/>
  <c r="A60" i="23"/>
  <c r="C60" i="25"/>
  <c r="D60" i="25"/>
  <c r="H82" i="22"/>
  <c r="J82" i="22"/>
  <c r="C83" i="22"/>
  <c r="I82" i="22"/>
  <c r="K82" i="22"/>
  <c r="F82" i="22"/>
  <c r="G82" i="22"/>
  <c r="F82" i="6" s="1"/>
  <c r="F82" i="7" s="1"/>
  <c r="D82" i="22"/>
  <c r="E82" i="22"/>
  <c r="M82" i="22" s="1"/>
  <c r="A60" i="25"/>
  <c r="C81" i="7"/>
  <c r="B61" i="25"/>
  <c r="B82" i="22"/>
  <c r="B82" i="6" s="1"/>
  <c r="B82" i="7" s="1"/>
  <c r="C82" i="6"/>
  <c r="I82" i="6" s="1"/>
  <c r="C82" i="14"/>
  <c r="B61" i="23" s="1"/>
  <c r="D81" i="6"/>
  <c r="D81" i="7" s="1"/>
  <c r="D81" i="14"/>
  <c r="AB75" i="6"/>
  <c r="AA75" i="7"/>
  <c r="AB67" i="6"/>
  <c r="AA67" i="7"/>
  <c r="AB59" i="6"/>
  <c r="AA59" i="7"/>
  <c r="AB51" i="6"/>
  <c r="AA51" i="7"/>
  <c r="AB43" i="6"/>
  <c r="AA43" i="7"/>
  <c r="AB35" i="6"/>
  <c r="AA35" i="7"/>
  <c r="AB82" i="6"/>
  <c r="AA82" i="7"/>
  <c r="AB50" i="6"/>
  <c r="AA50" i="7"/>
  <c r="AB42" i="6"/>
  <c r="AA42" i="7"/>
  <c r="AB34" i="6"/>
  <c r="AA34" i="7"/>
  <c r="AB81" i="6"/>
  <c r="AA81" i="7"/>
  <c r="AB73" i="6"/>
  <c r="AA73" i="7"/>
  <c r="AB65" i="6"/>
  <c r="AA65" i="7"/>
  <c r="AB57" i="6"/>
  <c r="AA57" i="7"/>
  <c r="AB49" i="6"/>
  <c r="AA49" i="7"/>
  <c r="AB41" i="6"/>
  <c r="AA41" i="7"/>
  <c r="AB33" i="6"/>
  <c r="AA33" i="7"/>
  <c r="AB58" i="6"/>
  <c r="AA58" i="7"/>
  <c r="AB80" i="6"/>
  <c r="AA80" i="7"/>
  <c r="AB72" i="6"/>
  <c r="AA72" i="7"/>
  <c r="AB64" i="6"/>
  <c r="AA64" i="7"/>
  <c r="AB56" i="6"/>
  <c r="AA56" i="7"/>
  <c r="AB48" i="6"/>
  <c r="AA48" i="7"/>
  <c r="AB40" i="6"/>
  <c r="AA40" i="7"/>
  <c r="AB32" i="6"/>
  <c r="AA32" i="7"/>
  <c r="AB66" i="6"/>
  <c r="AA66" i="7"/>
  <c r="AB79" i="6"/>
  <c r="AA79" i="7"/>
  <c r="AB71" i="6"/>
  <c r="AA71" i="7"/>
  <c r="AB63" i="6"/>
  <c r="AA63" i="7"/>
  <c r="AB55" i="6"/>
  <c r="AA55" i="7"/>
  <c r="AB47" i="6"/>
  <c r="AA47" i="7"/>
  <c r="AB39" i="6"/>
  <c r="AA39" i="7"/>
  <c r="AB31" i="6"/>
  <c r="AA31" i="7"/>
  <c r="AB78" i="6"/>
  <c r="AA78" i="7"/>
  <c r="AB70" i="6"/>
  <c r="AA70" i="7"/>
  <c r="AB62" i="6"/>
  <c r="AA62" i="7"/>
  <c r="AB54" i="6"/>
  <c r="AA54" i="7"/>
  <c r="AB46" i="6"/>
  <c r="AA46" i="7"/>
  <c r="AB38" i="6"/>
  <c r="AA38" i="7"/>
  <c r="AB30" i="6"/>
  <c r="AA30" i="7"/>
  <c r="AB74" i="6"/>
  <c r="AA74" i="7"/>
  <c r="AA27" i="7"/>
  <c r="AB27" i="6"/>
  <c r="AB77" i="6"/>
  <c r="AA77" i="7"/>
  <c r="AB69" i="6"/>
  <c r="AA69" i="7"/>
  <c r="AB61" i="6"/>
  <c r="AA61" i="7"/>
  <c r="AB53" i="6"/>
  <c r="AA53" i="7"/>
  <c r="AB45" i="6"/>
  <c r="AA45" i="7"/>
  <c r="AB37" i="6"/>
  <c r="AA37" i="7"/>
  <c r="AB29" i="6"/>
  <c r="AA29" i="7"/>
  <c r="AB76" i="6"/>
  <c r="AA76" i="7"/>
  <c r="AB68" i="6"/>
  <c r="AA68" i="7"/>
  <c r="AB60" i="6"/>
  <c r="AA60" i="7"/>
  <c r="AB52" i="6"/>
  <c r="AA52" i="7"/>
  <c r="AB44" i="6"/>
  <c r="AA44" i="7"/>
  <c r="AB36" i="6"/>
  <c r="AA36" i="7"/>
  <c r="AB28" i="6"/>
  <c r="AA28" i="7"/>
  <c r="C61" i="23" l="1"/>
  <c r="D61" i="23"/>
  <c r="A61" i="23"/>
  <c r="C61" i="25"/>
  <c r="D61" i="25"/>
  <c r="B62" i="25"/>
  <c r="C83" i="6"/>
  <c r="C83" i="14"/>
  <c r="C84" i="22"/>
  <c r="K83" i="22"/>
  <c r="D83" i="22"/>
  <c r="H83" i="22"/>
  <c r="G83" i="6" s="1"/>
  <c r="G83" i="7" s="1"/>
  <c r="E83" i="22"/>
  <c r="J83" i="22"/>
  <c r="L83" i="22"/>
  <c r="AY83" i="22" s="1"/>
  <c r="T83" i="14" s="1"/>
  <c r="I83" i="22"/>
  <c r="H83" i="6" s="1"/>
  <c r="H83" i="7" s="1"/>
  <c r="F83" i="22"/>
  <c r="G83" i="22"/>
  <c r="F83" i="6" s="1"/>
  <c r="F83" i="7" s="1"/>
  <c r="B83" i="22"/>
  <c r="B83" i="6" s="1"/>
  <c r="B83" i="7" s="1"/>
  <c r="A61" i="25"/>
  <c r="C82" i="7"/>
  <c r="D82" i="6"/>
  <c r="D82" i="7" s="1"/>
  <c r="D82" i="14"/>
  <c r="AC47" i="6"/>
  <c r="AB47" i="7"/>
  <c r="AC79" i="6"/>
  <c r="AB79" i="7"/>
  <c r="AC66" i="6"/>
  <c r="AB66" i="7"/>
  <c r="AC32" i="6"/>
  <c r="AB32" i="7"/>
  <c r="AC64" i="6"/>
  <c r="AB64" i="7"/>
  <c r="AC49" i="6"/>
  <c r="AB49" i="7"/>
  <c r="AC81" i="6"/>
  <c r="AB81" i="7"/>
  <c r="AC82" i="6"/>
  <c r="AB82" i="7"/>
  <c r="AC51" i="6"/>
  <c r="AB51" i="7"/>
  <c r="AC61" i="6"/>
  <c r="AB61" i="7"/>
  <c r="AC52" i="6"/>
  <c r="AB52" i="7"/>
  <c r="AC37" i="6"/>
  <c r="AB37" i="7"/>
  <c r="AC69" i="6"/>
  <c r="AB69" i="7"/>
  <c r="AC30" i="6"/>
  <c r="AB30" i="7"/>
  <c r="AC62" i="6"/>
  <c r="AB62" i="7"/>
  <c r="AC55" i="6"/>
  <c r="AB55" i="7"/>
  <c r="AC40" i="6"/>
  <c r="AB40" i="7"/>
  <c r="AC72" i="6"/>
  <c r="AB72" i="7"/>
  <c r="AC57" i="6"/>
  <c r="AB57" i="7"/>
  <c r="AC34" i="6"/>
  <c r="AB34" i="7"/>
  <c r="AC59" i="6"/>
  <c r="AB59" i="7"/>
  <c r="AC76" i="6"/>
  <c r="AB76" i="7"/>
  <c r="AC27" i="6"/>
  <c r="AB27" i="7"/>
  <c r="AC44" i="6"/>
  <c r="AB44" i="7"/>
  <c r="AC28" i="6"/>
  <c r="AB28" i="7"/>
  <c r="AC60" i="6"/>
  <c r="AB60" i="7"/>
  <c r="AC45" i="6"/>
  <c r="AB45" i="7"/>
  <c r="AC77" i="6"/>
  <c r="AB77" i="7"/>
  <c r="AC38" i="6"/>
  <c r="AB38" i="7"/>
  <c r="AC70" i="6"/>
  <c r="AB70" i="7"/>
  <c r="AC31" i="6"/>
  <c r="AB31" i="7"/>
  <c r="AC63" i="6"/>
  <c r="AB63" i="7"/>
  <c r="AC48" i="6"/>
  <c r="AB48" i="7"/>
  <c r="AC80" i="6"/>
  <c r="AB80" i="7"/>
  <c r="AC58" i="6"/>
  <c r="AB58" i="7"/>
  <c r="AC33" i="6"/>
  <c r="AB33" i="7"/>
  <c r="AC65" i="6"/>
  <c r="AB65" i="7"/>
  <c r="AC42" i="6"/>
  <c r="AB42" i="7"/>
  <c r="AC35" i="6"/>
  <c r="AB35" i="7"/>
  <c r="AC67" i="6"/>
  <c r="AB67" i="7"/>
  <c r="AC54" i="6"/>
  <c r="AB54" i="7"/>
  <c r="AC29" i="6"/>
  <c r="AB29" i="7"/>
  <c r="AC36" i="6"/>
  <c r="AB36" i="7"/>
  <c r="AC68" i="6"/>
  <c r="AB68" i="7"/>
  <c r="AC53" i="6"/>
  <c r="AB53" i="7"/>
  <c r="AC74" i="6"/>
  <c r="AB74" i="7"/>
  <c r="AC46" i="6"/>
  <c r="AB46" i="7"/>
  <c r="AC78" i="6"/>
  <c r="AB78" i="7"/>
  <c r="AC39" i="6"/>
  <c r="AB39" i="7"/>
  <c r="AC71" i="6"/>
  <c r="AB71" i="7"/>
  <c r="AC56" i="6"/>
  <c r="AB56" i="7"/>
  <c r="AC41" i="6"/>
  <c r="AB41" i="7"/>
  <c r="AC73" i="6"/>
  <c r="AB73" i="7"/>
  <c r="AC50" i="6"/>
  <c r="AB50" i="7"/>
  <c r="AC43" i="6"/>
  <c r="AB43" i="7"/>
  <c r="AC75" i="6"/>
  <c r="AB75" i="7"/>
  <c r="C62" i="25" l="1"/>
  <c r="D62" i="25"/>
  <c r="A62" i="25"/>
  <c r="D83" i="6"/>
  <c r="D83" i="14"/>
  <c r="B63" i="25"/>
  <c r="C84" i="6"/>
  <c r="C84" i="14"/>
  <c r="E45" i="25"/>
  <c r="E46" i="25"/>
  <c r="E47" i="25"/>
  <c r="E48" i="25"/>
  <c r="E49" i="25"/>
  <c r="E50" i="25"/>
  <c r="E51" i="25"/>
  <c r="E52" i="25"/>
  <c r="E53" i="25"/>
  <c r="E54" i="25"/>
  <c r="E55" i="25"/>
  <c r="E56" i="25"/>
  <c r="E57" i="25"/>
  <c r="B62" i="23"/>
  <c r="F83" i="14"/>
  <c r="AH83" i="14" s="1"/>
  <c r="E44" i="23"/>
  <c r="F44" i="23"/>
  <c r="E45" i="23"/>
  <c r="F45" i="23"/>
  <c r="E46" i="23"/>
  <c r="F46" i="23"/>
  <c r="F47" i="23"/>
  <c r="E47" i="23"/>
  <c r="E48" i="23"/>
  <c r="F48" i="23"/>
  <c r="E49" i="23"/>
  <c r="F49" i="23"/>
  <c r="E50" i="23"/>
  <c r="F50" i="23"/>
  <c r="E51" i="23"/>
  <c r="F51" i="23"/>
  <c r="E53" i="23"/>
  <c r="F53" i="23"/>
  <c r="F52" i="23"/>
  <c r="E52" i="23"/>
  <c r="F54" i="23"/>
  <c r="E54" i="23"/>
  <c r="F55" i="23"/>
  <c r="E55" i="23"/>
  <c r="E56" i="23"/>
  <c r="F56" i="23"/>
  <c r="E57" i="23"/>
  <c r="F57" i="23"/>
  <c r="V61" i="23"/>
  <c r="H61" i="23"/>
  <c r="C83" i="7"/>
  <c r="F61" i="23" s="1"/>
  <c r="I83" i="6"/>
  <c r="E83" i="14"/>
  <c r="M83" i="22"/>
  <c r="E83" i="6"/>
  <c r="E83" i="7" s="1"/>
  <c r="AB83" i="22" a="1"/>
  <c r="AB83" i="22" s="1"/>
  <c r="AO83" i="22" s="1"/>
  <c r="J83" i="14" s="1"/>
  <c r="AD83" i="22" a="1"/>
  <c r="AD83" i="22" s="1"/>
  <c r="AQ83" i="22" s="1"/>
  <c r="L83" i="14" s="1"/>
  <c r="AF83" i="22" a="1"/>
  <c r="AF83" i="22" s="1"/>
  <c r="AS83" i="22" s="1"/>
  <c r="N83" i="14" s="1"/>
  <c r="AJ83" i="22" a="1"/>
  <c r="AJ83" i="22" s="1"/>
  <c r="AW83" i="22" s="1"/>
  <c r="R83" i="14" s="1"/>
  <c r="AC83" i="22" a="1"/>
  <c r="AC83" i="22" s="1"/>
  <c r="AP83" i="22" s="1"/>
  <c r="K83" i="14" s="1"/>
  <c r="AI83" i="22" a="1"/>
  <c r="AI83" i="22" s="1"/>
  <c r="AV83" i="22" s="1"/>
  <c r="Q83" i="14" s="1"/>
  <c r="AG83" i="22" a="1"/>
  <c r="AG83" i="22" s="1"/>
  <c r="AT83" i="22" s="1"/>
  <c r="O83" i="14" s="1"/>
  <c r="AA83" i="22" a="1"/>
  <c r="AA83" i="22" s="1"/>
  <c r="AN83" i="22" s="1"/>
  <c r="I83" i="14" s="1"/>
  <c r="AH83" i="22" a="1"/>
  <c r="AH83" i="22" s="1"/>
  <c r="AU83" i="22" s="1"/>
  <c r="P83" i="14" s="1"/>
  <c r="AK83" i="22" a="1"/>
  <c r="AK83" i="22" s="1"/>
  <c r="AX83" i="22" s="1"/>
  <c r="S83" i="14" s="1"/>
  <c r="AE83" i="22" a="1"/>
  <c r="AE83" i="22" s="1"/>
  <c r="AR83" i="22" s="1"/>
  <c r="M83" i="14" s="1"/>
  <c r="P83" i="22"/>
  <c r="Q83" i="22" s="1"/>
  <c r="C85" i="22"/>
  <c r="L84" i="22"/>
  <c r="AY84" i="22" s="1"/>
  <c r="T84" i="14" s="1"/>
  <c r="K84" i="22"/>
  <c r="H84" i="22"/>
  <c r="G84" i="6" s="1"/>
  <c r="G84" i="7" s="1"/>
  <c r="J84" i="22"/>
  <c r="G84" i="22"/>
  <c r="F84" i="6" s="1"/>
  <c r="F84" i="7" s="1"/>
  <c r="F84" i="22"/>
  <c r="I84" i="22"/>
  <c r="H84" i="6" s="1"/>
  <c r="H84" i="7" s="1"/>
  <c r="D84" i="22"/>
  <c r="E84" i="22"/>
  <c r="B84" i="22"/>
  <c r="B84" i="6" s="1"/>
  <c r="B84" i="7" s="1"/>
  <c r="AD43" i="6"/>
  <c r="AC43" i="7"/>
  <c r="AD41" i="6"/>
  <c r="AC41" i="7"/>
  <c r="AD78" i="6"/>
  <c r="AC78" i="7"/>
  <c r="AD74" i="6"/>
  <c r="AC74" i="7"/>
  <c r="AD53" i="6"/>
  <c r="AC53" i="7"/>
  <c r="AD35" i="6"/>
  <c r="AC35" i="7"/>
  <c r="AD33" i="6"/>
  <c r="AC33" i="7"/>
  <c r="AD70" i="6"/>
  <c r="AC70" i="7"/>
  <c r="AD60" i="6"/>
  <c r="AC60" i="7"/>
  <c r="AD44" i="6"/>
  <c r="AC44" i="7"/>
  <c r="AD59" i="6"/>
  <c r="AC59" i="7"/>
  <c r="AD34" i="6"/>
  <c r="AC34" i="7"/>
  <c r="AD57" i="6"/>
  <c r="AC57" i="7"/>
  <c r="AD40" i="6"/>
  <c r="AC40" i="7"/>
  <c r="AD69" i="6"/>
  <c r="AC69" i="7"/>
  <c r="AD82" i="6"/>
  <c r="AC82" i="7"/>
  <c r="AD81" i="6"/>
  <c r="AC81" i="7"/>
  <c r="AD64" i="6"/>
  <c r="AC64" i="7"/>
  <c r="AD71" i="6"/>
  <c r="AC71" i="7"/>
  <c r="AD46" i="6"/>
  <c r="AC46" i="7"/>
  <c r="AD68" i="6"/>
  <c r="AC68" i="7"/>
  <c r="AD63" i="6"/>
  <c r="AC63" i="7"/>
  <c r="AD38" i="6"/>
  <c r="AC38" i="7"/>
  <c r="AD28" i="6"/>
  <c r="AC28" i="7"/>
  <c r="AD27" i="6"/>
  <c r="AC27" i="7"/>
  <c r="AD62" i="6"/>
  <c r="AC62" i="7"/>
  <c r="AD37" i="6"/>
  <c r="AC37" i="7"/>
  <c r="AD51" i="6"/>
  <c r="AC51" i="7"/>
  <c r="AD49" i="6"/>
  <c r="AC49" i="7"/>
  <c r="AD32" i="6"/>
  <c r="AC32" i="7"/>
  <c r="AD39" i="6"/>
  <c r="AC39" i="7"/>
  <c r="AD36" i="6"/>
  <c r="AC36" i="7"/>
  <c r="AD54" i="6"/>
  <c r="AC54" i="7"/>
  <c r="AD80" i="6"/>
  <c r="AC80" i="7"/>
  <c r="AD31" i="6"/>
  <c r="AC31" i="7"/>
  <c r="AD77" i="6"/>
  <c r="AC77" i="7"/>
  <c r="AD76" i="6"/>
  <c r="AC76" i="7"/>
  <c r="AD55" i="6"/>
  <c r="AC55" i="7"/>
  <c r="AD30" i="6"/>
  <c r="AC30" i="7"/>
  <c r="AD52" i="6"/>
  <c r="AC52" i="7"/>
  <c r="AD79" i="6"/>
  <c r="AC79" i="7"/>
  <c r="AD75" i="6"/>
  <c r="AC75" i="7"/>
  <c r="AD50" i="6"/>
  <c r="AC50" i="7"/>
  <c r="AD73" i="6"/>
  <c r="AC73" i="7"/>
  <c r="AD56" i="6"/>
  <c r="AC56" i="7"/>
  <c r="AD29" i="6"/>
  <c r="AC29" i="7"/>
  <c r="AD67" i="6"/>
  <c r="AC67" i="7"/>
  <c r="AD42" i="6"/>
  <c r="AC42" i="7"/>
  <c r="AD65" i="6"/>
  <c r="AC65" i="7"/>
  <c r="AD58" i="6"/>
  <c r="AC58" i="7"/>
  <c r="AD48" i="6"/>
  <c r="AC48" i="7"/>
  <c r="AD45" i="6"/>
  <c r="AC45" i="7"/>
  <c r="AD72" i="6"/>
  <c r="AC72" i="7"/>
  <c r="AD61" i="6"/>
  <c r="AC61" i="7"/>
  <c r="AD66" i="6"/>
  <c r="AC66" i="7"/>
  <c r="AD47" i="6"/>
  <c r="AC47" i="7"/>
  <c r="L61" i="23" l="1"/>
  <c r="N61" i="23"/>
  <c r="X61" i="23"/>
  <c r="P61" i="23"/>
  <c r="R61" i="23"/>
  <c r="J61" i="23"/>
  <c r="AD61" i="23"/>
  <c r="D62" i="23"/>
  <c r="C62" i="23"/>
  <c r="A62" i="23"/>
  <c r="C84" i="7"/>
  <c r="I84" i="6"/>
  <c r="T61" i="23"/>
  <c r="C63" i="25"/>
  <c r="D63" i="25"/>
  <c r="A63" i="25"/>
  <c r="X58" i="23"/>
  <c r="P58" i="23"/>
  <c r="R58" i="23"/>
  <c r="L58" i="23"/>
  <c r="H58" i="23"/>
  <c r="AD58" i="23"/>
  <c r="Z58" i="23"/>
  <c r="AB58" i="23"/>
  <c r="V58" i="23"/>
  <c r="N58" i="23"/>
  <c r="J58" i="23"/>
  <c r="T58" i="23"/>
  <c r="F58" i="23"/>
  <c r="H59" i="23"/>
  <c r="AD59" i="23"/>
  <c r="X59" i="23"/>
  <c r="P59" i="23"/>
  <c r="Z59" i="23"/>
  <c r="R59" i="23"/>
  <c r="L59" i="23"/>
  <c r="AB59" i="23"/>
  <c r="N59" i="23"/>
  <c r="V59" i="23"/>
  <c r="F59" i="23"/>
  <c r="T59" i="23"/>
  <c r="J59" i="23"/>
  <c r="Z60" i="23"/>
  <c r="N60" i="23"/>
  <c r="V60" i="23"/>
  <c r="AB60" i="23"/>
  <c r="J60" i="23"/>
  <c r="X60" i="23"/>
  <c r="F60" i="23"/>
  <c r="R60" i="23"/>
  <c r="P60" i="23"/>
  <c r="T60" i="23"/>
  <c r="AD60" i="23"/>
  <c r="L60" i="23"/>
  <c r="H60" i="23"/>
  <c r="Z61" i="23"/>
  <c r="AB61" i="23"/>
  <c r="D83" i="7"/>
  <c r="X83" i="6"/>
  <c r="D84" i="14"/>
  <c r="D84" i="6"/>
  <c r="L62" i="25"/>
  <c r="R62" i="25"/>
  <c r="AB62" i="25"/>
  <c r="J62" i="25"/>
  <c r="T62" i="25"/>
  <c r="Z62" i="25"/>
  <c r="P62" i="25"/>
  <c r="AD62" i="25"/>
  <c r="H62" i="25"/>
  <c r="V62" i="25"/>
  <c r="N62" i="25"/>
  <c r="F62" i="25"/>
  <c r="X62" i="25"/>
  <c r="B64" i="25"/>
  <c r="C85" i="6"/>
  <c r="C85" i="14"/>
  <c r="I83" i="7"/>
  <c r="K83" i="6"/>
  <c r="K83" i="7" s="1"/>
  <c r="Q83" i="6"/>
  <c r="Y83" i="6"/>
  <c r="Y83" i="7" s="1"/>
  <c r="L83" i="6"/>
  <c r="F84" i="14"/>
  <c r="AH84" i="14" s="1"/>
  <c r="B63" i="23"/>
  <c r="P84" i="22"/>
  <c r="Q84" i="22" s="1"/>
  <c r="E84" i="6"/>
  <c r="E84" i="7" s="1"/>
  <c r="E84" i="14"/>
  <c r="M84" i="22"/>
  <c r="C86" i="22"/>
  <c r="G85" i="22"/>
  <c r="F85" i="6" s="1"/>
  <c r="F85" i="7" s="1"/>
  <c r="L85" i="22"/>
  <c r="AY85" i="22" s="1"/>
  <c r="T85" i="14" s="1"/>
  <c r="K85" i="22"/>
  <c r="H85" i="22"/>
  <c r="G85" i="6" s="1"/>
  <c r="G85" i="7" s="1"/>
  <c r="J85" i="22"/>
  <c r="F85" i="22"/>
  <c r="I85" i="22"/>
  <c r="H85" i="6" s="1"/>
  <c r="H85" i="7" s="1"/>
  <c r="D85" i="22"/>
  <c r="E85" i="22"/>
  <c r="B85" i="22"/>
  <c r="B85" i="6" s="1"/>
  <c r="B85" i="7" s="1"/>
  <c r="R83" i="22"/>
  <c r="X83" i="22" s="1"/>
  <c r="Y83" i="22" s="1"/>
  <c r="Z83" i="22" s="1"/>
  <c r="G83" i="14" s="1"/>
  <c r="R84" i="22"/>
  <c r="X84" i="22" s="1"/>
  <c r="Y84" i="22" s="1"/>
  <c r="Z84" i="22" s="1"/>
  <c r="G84" i="14" s="1"/>
  <c r="AG84" i="22" a="1"/>
  <c r="AG84" i="22" s="1"/>
  <c r="AT84" i="22" s="1"/>
  <c r="O84" i="14" s="1"/>
  <c r="AF84" i="22" a="1"/>
  <c r="AF84" i="22" s="1"/>
  <c r="AS84" i="22" s="1"/>
  <c r="N84" i="14" s="1"/>
  <c r="AH84" i="22" a="1"/>
  <c r="AH84" i="22" s="1"/>
  <c r="AU84" i="22" s="1"/>
  <c r="P84" i="14" s="1"/>
  <c r="AI84" i="22" a="1"/>
  <c r="AI84" i="22" s="1"/>
  <c r="AV84" i="22" s="1"/>
  <c r="Q84" i="14" s="1"/>
  <c r="AE84" i="22" a="1"/>
  <c r="AE84" i="22" s="1"/>
  <c r="AR84" i="22" s="1"/>
  <c r="M84" i="14" s="1"/>
  <c r="AB84" i="22" a="1"/>
  <c r="AB84" i="22" s="1"/>
  <c r="AO84" i="22" s="1"/>
  <c r="J84" i="14" s="1"/>
  <c r="AC84" i="22" a="1"/>
  <c r="AC84" i="22" s="1"/>
  <c r="AP84" i="22" s="1"/>
  <c r="K84" i="14" s="1"/>
  <c r="AD84" i="22" a="1"/>
  <c r="AD84" i="22" s="1"/>
  <c r="AQ84" i="22" s="1"/>
  <c r="L84" i="14" s="1"/>
  <c r="AK84" i="22" a="1"/>
  <c r="AK84" i="22" s="1"/>
  <c r="AX84" i="22" s="1"/>
  <c r="S84" i="14" s="1"/>
  <c r="AA84" i="22" a="1"/>
  <c r="AA84" i="22" s="1"/>
  <c r="AN84" i="22" s="1"/>
  <c r="I84" i="14" s="1"/>
  <c r="AJ84" i="22" a="1"/>
  <c r="AJ84" i="22" s="1"/>
  <c r="AW84" i="22" s="1"/>
  <c r="R84" i="14" s="1"/>
  <c r="AE31" i="6"/>
  <c r="AD31" i="7"/>
  <c r="AE32" i="6"/>
  <c r="AD32" i="7"/>
  <c r="AE51" i="6"/>
  <c r="AD51" i="7"/>
  <c r="AE37" i="6"/>
  <c r="AD37" i="7"/>
  <c r="AE64" i="6"/>
  <c r="AD64" i="7"/>
  <c r="AE82" i="6"/>
  <c r="AD82" i="7"/>
  <c r="AE69" i="6"/>
  <c r="AD69" i="7"/>
  <c r="AE33" i="6"/>
  <c r="AD33" i="7"/>
  <c r="AE43" i="6"/>
  <c r="AD43" i="7"/>
  <c r="AE47" i="6"/>
  <c r="AD47" i="7"/>
  <c r="AE48" i="6"/>
  <c r="AD48" i="7"/>
  <c r="AE42" i="6"/>
  <c r="AD42" i="7"/>
  <c r="AE67" i="6"/>
  <c r="AD67" i="7"/>
  <c r="AE29" i="6"/>
  <c r="AD29" i="7"/>
  <c r="AE73" i="6"/>
  <c r="AD73" i="7"/>
  <c r="AE52" i="6"/>
  <c r="AD52" i="7"/>
  <c r="AE30" i="6"/>
  <c r="AD30" i="7"/>
  <c r="AE55" i="6"/>
  <c r="AD55" i="7"/>
  <c r="AE54" i="6"/>
  <c r="AD54" i="7"/>
  <c r="AE28" i="6"/>
  <c r="AD28" i="7"/>
  <c r="AE38" i="6"/>
  <c r="AD38" i="7"/>
  <c r="AE63" i="6"/>
  <c r="AD63" i="7"/>
  <c r="AE57" i="6"/>
  <c r="AD57" i="7"/>
  <c r="AE60" i="6"/>
  <c r="AD60" i="7"/>
  <c r="AE70" i="6"/>
  <c r="AD70" i="7"/>
  <c r="AE53" i="6"/>
  <c r="AD53" i="7"/>
  <c r="AE72" i="6"/>
  <c r="AD72" i="7"/>
  <c r="AE45" i="6"/>
  <c r="AD45" i="7"/>
  <c r="AE79" i="6"/>
  <c r="AD79" i="7"/>
  <c r="AE76" i="6"/>
  <c r="AD76" i="7"/>
  <c r="AE80" i="6"/>
  <c r="AD80" i="7"/>
  <c r="AE36" i="6"/>
  <c r="AD36" i="7"/>
  <c r="AE39" i="6"/>
  <c r="AD39" i="7"/>
  <c r="AE49" i="6"/>
  <c r="AD49" i="7"/>
  <c r="AE62" i="6"/>
  <c r="AD62" i="7"/>
  <c r="AE27" i="6"/>
  <c r="AD27" i="7"/>
  <c r="AE81" i="6"/>
  <c r="AD81" i="7"/>
  <c r="AE44" i="6"/>
  <c r="AD44" i="7"/>
  <c r="AE35" i="6"/>
  <c r="AD35" i="7"/>
  <c r="AE41" i="6"/>
  <c r="AD41" i="7"/>
  <c r="AE66" i="6"/>
  <c r="AD66" i="7"/>
  <c r="AE61" i="6"/>
  <c r="AD61" i="7"/>
  <c r="AE58" i="6"/>
  <c r="AD58" i="7"/>
  <c r="AE65" i="6"/>
  <c r="AD65" i="7"/>
  <c r="AE56" i="6"/>
  <c r="AD56" i="7"/>
  <c r="AE50" i="6"/>
  <c r="AD50" i="7"/>
  <c r="AE75" i="6"/>
  <c r="AD75" i="7"/>
  <c r="AE77" i="6"/>
  <c r="AD77" i="7"/>
  <c r="AE68" i="6"/>
  <c r="AD68" i="7"/>
  <c r="AE46" i="6"/>
  <c r="AD46" i="7"/>
  <c r="AE71" i="6"/>
  <c r="AD71" i="7"/>
  <c r="AE40" i="6"/>
  <c r="AD40" i="7"/>
  <c r="AE34" i="6"/>
  <c r="AD34" i="7"/>
  <c r="AE59" i="6"/>
  <c r="AD59" i="7"/>
  <c r="AE74" i="6"/>
  <c r="AD74" i="7"/>
  <c r="AE78" i="6"/>
  <c r="AD78" i="7"/>
  <c r="D85" i="6" l="1"/>
  <c r="D85" i="14"/>
  <c r="B65" i="25"/>
  <c r="C86" i="6"/>
  <c r="C86" i="14"/>
  <c r="Q83" i="7"/>
  <c r="I84" i="7"/>
  <c r="Q84" i="6"/>
  <c r="Y84" i="6"/>
  <c r="Y84" i="7" s="1"/>
  <c r="L84" i="6"/>
  <c r="K84" i="6"/>
  <c r="K84" i="7" s="1"/>
  <c r="L63" i="25"/>
  <c r="N63" i="25"/>
  <c r="V63" i="25"/>
  <c r="X63" i="25"/>
  <c r="F63" i="25"/>
  <c r="AB63" i="25"/>
  <c r="AD63" i="25"/>
  <c r="H63" i="25"/>
  <c r="P63" i="25"/>
  <c r="T63" i="25"/>
  <c r="Z63" i="25"/>
  <c r="R63" i="25"/>
  <c r="J63" i="25"/>
  <c r="F85" i="14"/>
  <c r="AH85" i="14" s="1"/>
  <c r="B64" i="23"/>
  <c r="D84" i="7"/>
  <c r="X84" i="6"/>
  <c r="C63" i="23"/>
  <c r="D63" i="23"/>
  <c r="A63" i="23"/>
  <c r="C85" i="7"/>
  <c r="I85" i="6"/>
  <c r="AB62" i="23"/>
  <c r="X62" i="23"/>
  <c r="Z62" i="23"/>
  <c r="AD62" i="23"/>
  <c r="R62" i="23"/>
  <c r="T62" i="23"/>
  <c r="N62" i="23"/>
  <c r="P62" i="23"/>
  <c r="V62" i="23"/>
  <c r="H62" i="23"/>
  <c r="J62" i="23"/>
  <c r="L62" i="23"/>
  <c r="F62" i="23"/>
  <c r="C64" i="25"/>
  <c r="D64" i="25"/>
  <c r="A64" i="25"/>
  <c r="L83" i="7"/>
  <c r="M83" i="6"/>
  <c r="M83" i="7" s="1"/>
  <c r="N83" i="6"/>
  <c r="E85" i="14"/>
  <c r="E85" i="6"/>
  <c r="E85" i="7" s="1"/>
  <c r="M85" i="22"/>
  <c r="P85" i="22"/>
  <c r="Q85" i="22" s="1"/>
  <c r="BK84" i="22"/>
  <c r="AF84" i="14" s="1"/>
  <c r="AT84" i="14" s="1"/>
  <c r="BG84" i="22"/>
  <c r="AB84" i="14" s="1"/>
  <c r="AP84" i="14" s="1"/>
  <c r="BH84" i="22"/>
  <c r="AC84" i="14" s="1"/>
  <c r="AQ84" i="14" s="1"/>
  <c r="BD84" i="22"/>
  <c r="Y84" i="14" s="1"/>
  <c r="AM84" i="14" s="1"/>
  <c r="BA84" i="22"/>
  <c r="V84" i="14" s="1"/>
  <c r="AJ84" i="14" s="1"/>
  <c r="BE84" i="22"/>
  <c r="Z84" i="14" s="1"/>
  <c r="AN84" i="14" s="1"/>
  <c r="BI84" i="22"/>
  <c r="AD84" i="14" s="1"/>
  <c r="AR84" i="14" s="1"/>
  <c r="BL84" i="22"/>
  <c r="AG84" i="14" s="1"/>
  <c r="AU84" i="14" s="1"/>
  <c r="BJ84" i="22"/>
  <c r="AE84" i="14" s="1"/>
  <c r="AS84" i="14" s="1"/>
  <c r="BC84" i="22"/>
  <c r="X84" i="14" s="1"/>
  <c r="AL84" i="14" s="1"/>
  <c r="BB84" i="22"/>
  <c r="W84" i="14" s="1"/>
  <c r="AK84" i="14" s="1"/>
  <c r="BF84" i="22"/>
  <c r="AA84" i="14" s="1"/>
  <c r="AO84" i="14" s="1"/>
  <c r="AB85" i="22" a="1"/>
  <c r="AB85" i="22" s="1"/>
  <c r="AO85" i="22" s="1"/>
  <c r="J85" i="14" s="1"/>
  <c r="AD85" i="22" a="1"/>
  <c r="AD85" i="22" s="1"/>
  <c r="AQ85" i="22" s="1"/>
  <c r="L85" i="14" s="1"/>
  <c r="AJ85" i="22" a="1"/>
  <c r="AJ85" i="22" s="1"/>
  <c r="AW85" i="22" s="1"/>
  <c r="R85" i="14" s="1"/>
  <c r="AF85" i="22" a="1"/>
  <c r="AF85" i="22" s="1"/>
  <c r="AS85" i="22" s="1"/>
  <c r="N85" i="14" s="1"/>
  <c r="AK85" i="22" a="1"/>
  <c r="AK85" i="22" s="1"/>
  <c r="AX85" i="22" s="1"/>
  <c r="S85" i="14" s="1"/>
  <c r="AG85" i="22" a="1"/>
  <c r="AG85" i="22" s="1"/>
  <c r="AT85" i="22" s="1"/>
  <c r="O85" i="14" s="1"/>
  <c r="AC85" i="22" a="1"/>
  <c r="AC85" i="22" s="1"/>
  <c r="AP85" i="22" s="1"/>
  <c r="K85" i="14" s="1"/>
  <c r="AI85" i="22" a="1"/>
  <c r="AI85" i="22" s="1"/>
  <c r="AV85" i="22" s="1"/>
  <c r="Q85" i="14" s="1"/>
  <c r="AE85" i="22" a="1"/>
  <c r="AE85" i="22" s="1"/>
  <c r="AR85" i="22" s="1"/>
  <c r="M85" i="14" s="1"/>
  <c r="AA85" i="22" a="1"/>
  <c r="AA85" i="22" s="1"/>
  <c r="AN85" i="22" s="1"/>
  <c r="I85" i="14" s="1"/>
  <c r="AH85" i="22" a="1"/>
  <c r="AH85" i="22" s="1"/>
  <c r="AU85" i="22" s="1"/>
  <c r="P85" i="14" s="1"/>
  <c r="BJ83" i="22"/>
  <c r="AE83" i="14" s="1"/>
  <c r="AS83" i="14" s="1"/>
  <c r="BI83" i="22"/>
  <c r="AD83" i="14" s="1"/>
  <c r="AR83" i="14" s="1"/>
  <c r="BE83" i="22"/>
  <c r="Z83" i="14" s="1"/>
  <c r="AN83" i="14" s="1"/>
  <c r="BK83" i="22"/>
  <c r="AF83" i="14" s="1"/>
  <c r="AT83" i="14" s="1"/>
  <c r="BH83" i="22"/>
  <c r="AC83" i="14" s="1"/>
  <c r="AQ83" i="14" s="1"/>
  <c r="BD83" i="22"/>
  <c r="Y83" i="14" s="1"/>
  <c r="AM83" i="14" s="1"/>
  <c r="BL83" i="22"/>
  <c r="AG83" i="14" s="1"/>
  <c r="AU83" i="14" s="1"/>
  <c r="BF83" i="22"/>
  <c r="AA83" i="14" s="1"/>
  <c r="AO83" i="14" s="1"/>
  <c r="BA83" i="22"/>
  <c r="V83" i="14" s="1"/>
  <c r="AJ83" i="14" s="1"/>
  <c r="BC83" i="22"/>
  <c r="X83" i="14" s="1"/>
  <c r="AL83" i="14" s="1"/>
  <c r="BB83" i="22"/>
  <c r="W83" i="14" s="1"/>
  <c r="AK83" i="14" s="1"/>
  <c r="BG83" i="22"/>
  <c r="AB83" i="14" s="1"/>
  <c r="AP83" i="14" s="1"/>
  <c r="C87" i="22"/>
  <c r="F86" i="22"/>
  <c r="G86" i="22"/>
  <c r="F86" i="6" s="1"/>
  <c r="F86" i="7" s="1"/>
  <c r="K86" i="22"/>
  <c r="I86" i="22"/>
  <c r="H86" i="6" s="1"/>
  <c r="H86" i="7" s="1"/>
  <c r="L86" i="22"/>
  <c r="AY86" i="22" s="1"/>
  <c r="T86" i="14" s="1"/>
  <c r="J86" i="22"/>
  <c r="D86" i="22"/>
  <c r="E86" i="22"/>
  <c r="H86" i="22"/>
  <c r="G86" i="6" s="1"/>
  <c r="G86" i="7" s="1"/>
  <c r="B86" i="22"/>
  <c r="B86" i="6" s="1"/>
  <c r="B86" i="7" s="1"/>
  <c r="AF34" i="6"/>
  <c r="AE34" i="7"/>
  <c r="AF40" i="6"/>
  <c r="AE40" i="7"/>
  <c r="AF71" i="6"/>
  <c r="AE71" i="7"/>
  <c r="AF50" i="6"/>
  <c r="AE50" i="7"/>
  <c r="AF56" i="6"/>
  <c r="AE56" i="7"/>
  <c r="AF81" i="6"/>
  <c r="AE81" i="7"/>
  <c r="AF76" i="6"/>
  <c r="AE76" i="7"/>
  <c r="AF45" i="6"/>
  <c r="AE45" i="7"/>
  <c r="AF72" i="6"/>
  <c r="AE72" i="7"/>
  <c r="AF53" i="6"/>
  <c r="AE53" i="7"/>
  <c r="AF55" i="6"/>
  <c r="AE55" i="7"/>
  <c r="AF69" i="6"/>
  <c r="AE69" i="7"/>
  <c r="AF65" i="6"/>
  <c r="AE65" i="7"/>
  <c r="AF61" i="6"/>
  <c r="AE61" i="7"/>
  <c r="AF44" i="6"/>
  <c r="AE44" i="7"/>
  <c r="AF49" i="6"/>
  <c r="AE49" i="7"/>
  <c r="AF36" i="6"/>
  <c r="AE36" i="7"/>
  <c r="AF70" i="6"/>
  <c r="AE70" i="7"/>
  <c r="AF60" i="6"/>
  <c r="AE60" i="7"/>
  <c r="AF57" i="6"/>
  <c r="AE57" i="7"/>
  <c r="AF73" i="6"/>
  <c r="AE73" i="7"/>
  <c r="AF67" i="6"/>
  <c r="AE67" i="7"/>
  <c r="AF37" i="6"/>
  <c r="AE37" i="7"/>
  <c r="AF51" i="6"/>
  <c r="AE51" i="7"/>
  <c r="AF31" i="6"/>
  <c r="AE31" i="7"/>
  <c r="AF78" i="6"/>
  <c r="AE78" i="7"/>
  <c r="AF59" i="6"/>
  <c r="AE59" i="7"/>
  <c r="AF77" i="6"/>
  <c r="AE77" i="7"/>
  <c r="AF75" i="6"/>
  <c r="AE75" i="7"/>
  <c r="AF58" i="6"/>
  <c r="AE58" i="7"/>
  <c r="AF66" i="6"/>
  <c r="AE66" i="7"/>
  <c r="AF27" i="6"/>
  <c r="AG27" i="6" s="1"/>
  <c r="AH27" i="6" s="1"/>
  <c r="AI27" i="6" s="1"/>
  <c r="AJ27" i="6" s="1"/>
  <c r="AK27" i="6" s="1"/>
  <c r="AE27" i="7"/>
  <c r="AF39" i="6"/>
  <c r="AE39" i="7"/>
  <c r="AF38" i="6"/>
  <c r="AE38" i="7"/>
  <c r="AF28" i="6"/>
  <c r="AE28" i="7"/>
  <c r="AF33" i="6"/>
  <c r="AE33" i="7"/>
  <c r="AF82" i="6"/>
  <c r="AE82" i="7"/>
  <c r="AF64" i="6"/>
  <c r="AE64" i="7"/>
  <c r="AF74" i="6"/>
  <c r="AE74" i="7"/>
  <c r="AF46" i="6"/>
  <c r="AE46" i="7"/>
  <c r="AF68" i="6"/>
  <c r="AE68" i="7"/>
  <c r="AF41" i="6"/>
  <c r="AE41" i="7"/>
  <c r="AF35" i="6"/>
  <c r="AE35" i="7"/>
  <c r="AF62" i="6"/>
  <c r="AE62" i="7"/>
  <c r="AF80" i="6"/>
  <c r="AE80" i="7"/>
  <c r="AF79" i="6"/>
  <c r="AE79" i="7"/>
  <c r="AF63" i="6"/>
  <c r="AE63" i="7"/>
  <c r="AF54" i="6"/>
  <c r="AE54" i="7"/>
  <c r="AF30" i="6"/>
  <c r="AE30" i="7"/>
  <c r="AF52" i="6"/>
  <c r="AE52" i="7"/>
  <c r="AF29" i="6"/>
  <c r="AE29" i="7"/>
  <c r="AF42" i="6"/>
  <c r="AE42" i="7"/>
  <c r="AF48" i="6"/>
  <c r="AE48" i="7"/>
  <c r="AF47" i="6"/>
  <c r="AE47" i="7"/>
  <c r="AF43" i="6"/>
  <c r="AE43" i="7"/>
  <c r="AF32" i="6"/>
  <c r="AE32" i="7"/>
  <c r="D86" i="6" l="1"/>
  <c r="D86" i="14"/>
  <c r="J64" i="25"/>
  <c r="T64" i="25"/>
  <c r="Z64" i="25"/>
  <c r="AB64" i="25"/>
  <c r="L64" i="25"/>
  <c r="R64" i="25"/>
  <c r="AD64" i="25"/>
  <c r="V64" i="25"/>
  <c r="N64" i="25"/>
  <c r="X64" i="25"/>
  <c r="F64" i="25"/>
  <c r="P64" i="25"/>
  <c r="H64" i="25"/>
  <c r="B65" i="23"/>
  <c r="F86" i="14"/>
  <c r="AH86" i="14" s="1"/>
  <c r="C86" i="7"/>
  <c r="I86" i="6"/>
  <c r="D64" i="23"/>
  <c r="C64" i="23"/>
  <c r="A64" i="23"/>
  <c r="L84" i="7"/>
  <c r="M84" i="6"/>
  <c r="M84" i="7" s="1"/>
  <c r="N84" i="6"/>
  <c r="C65" i="25"/>
  <c r="D65" i="25"/>
  <c r="A65" i="25"/>
  <c r="O83" i="6"/>
  <c r="N83" i="7"/>
  <c r="I85" i="7"/>
  <c r="K85" i="6"/>
  <c r="K85" i="7" s="1"/>
  <c r="Q85" i="6"/>
  <c r="Q85" i="7" s="1"/>
  <c r="L85" i="6"/>
  <c r="Y85" i="6"/>
  <c r="Y85" i="7" s="1"/>
  <c r="B66" i="25"/>
  <c r="C87" i="6"/>
  <c r="C87" i="14"/>
  <c r="Q84" i="7"/>
  <c r="D85" i="7"/>
  <c r="X85" i="6"/>
  <c r="R85" i="22"/>
  <c r="X85" i="22" s="1"/>
  <c r="Y85" i="22" s="1"/>
  <c r="Z85" i="22" s="1"/>
  <c r="G85" i="14" s="1"/>
  <c r="M86" i="22"/>
  <c r="E86" i="14"/>
  <c r="E86" i="6"/>
  <c r="E86" i="7" s="1"/>
  <c r="CE83" i="14"/>
  <c r="BR83" i="14"/>
  <c r="BE83" i="14"/>
  <c r="CK83" i="14"/>
  <c r="BX83" i="14"/>
  <c r="BK83" i="14"/>
  <c r="BD84" i="14"/>
  <c r="CD84" i="14"/>
  <c r="BQ84" i="14"/>
  <c r="BH84" i="14"/>
  <c r="CH84" i="14"/>
  <c r="BU84" i="14"/>
  <c r="CC83" i="14"/>
  <c r="BP83" i="14"/>
  <c r="BC83" i="14"/>
  <c r="AZ84" i="14"/>
  <c r="BM84" i="14"/>
  <c r="BZ84" i="14"/>
  <c r="BP84" i="14"/>
  <c r="BC84" i="14"/>
  <c r="CC84" i="14"/>
  <c r="BF83" i="14"/>
  <c r="CF83" i="14"/>
  <c r="BS83" i="14"/>
  <c r="CJ83" i="14"/>
  <c r="BW83" i="14"/>
  <c r="BJ83" i="14"/>
  <c r="BN84" i="14"/>
  <c r="BA84" i="14"/>
  <c r="CA84" i="14"/>
  <c r="BG84" i="14"/>
  <c r="CG84" i="14"/>
  <c r="BT84" i="14"/>
  <c r="CE84" i="14"/>
  <c r="BR84" i="14"/>
  <c r="BE84" i="14"/>
  <c r="BA83" i="14"/>
  <c r="CA83" i="14"/>
  <c r="BN83" i="14"/>
  <c r="BD83" i="14"/>
  <c r="CD83" i="14"/>
  <c r="BQ83" i="14"/>
  <c r="BO84" i="14"/>
  <c r="BB84" i="14"/>
  <c r="CB84" i="14"/>
  <c r="CF84" i="14"/>
  <c r="BS84" i="14"/>
  <c r="BF84" i="14"/>
  <c r="BB83" i="14"/>
  <c r="CB83" i="14"/>
  <c r="BO83" i="14"/>
  <c r="BU83" i="14"/>
  <c r="BH83" i="14"/>
  <c r="CH83" i="14"/>
  <c r="BV84" i="14"/>
  <c r="BI84" i="14"/>
  <c r="CI84" i="14"/>
  <c r="CJ84" i="14"/>
  <c r="BJ84" i="14"/>
  <c r="BW84" i="14"/>
  <c r="BT83" i="14"/>
  <c r="BG83" i="14"/>
  <c r="CG83" i="14"/>
  <c r="BM83" i="14"/>
  <c r="AZ83" i="14"/>
  <c r="BZ83" i="14"/>
  <c r="CI83" i="14"/>
  <c r="BV83" i="14"/>
  <c r="BI83" i="14"/>
  <c r="BX84" i="14"/>
  <c r="BK84" i="14"/>
  <c r="CK84" i="14"/>
  <c r="C88" i="22"/>
  <c r="I87" i="22"/>
  <c r="H87" i="6" s="1"/>
  <c r="H87" i="7" s="1"/>
  <c r="F87" i="22"/>
  <c r="G87" i="22"/>
  <c r="F87" i="6" s="1"/>
  <c r="F87" i="7" s="1"/>
  <c r="K87" i="22"/>
  <c r="L87" i="22"/>
  <c r="AY87" i="22" s="1"/>
  <c r="T87" i="14" s="1"/>
  <c r="J87" i="22"/>
  <c r="D87" i="22"/>
  <c r="E87" i="22"/>
  <c r="H87" i="22"/>
  <c r="G87" i="6" s="1"/>
  <c r="G87" i="7" s="1"/>
  <c r="B87" i="22"/>
  <c r="B87" i="6" s="1"/>
  <c r="B87" i="7" s="1"/>
  <c r="BF85" i="22"/>
  <c r="AA85" i="14" s="1"/>
  <c r="AO85" i="14" s="1"/>
  <c r="BJ85" i="22"/>
  <c r="AE85" i="14" s="1"/>
  <c r="AS85" i="14" s="1"/>
  <c r="BH85" i="22"/>
  <c r="AC85" i="14" s="1"/>
  <c r="AQ85" i="14" s="1"/>
  <c r="BC85" i="22"/>
  <c r="X85" i="14" s="1"/>
  <c r="AL85" i="14" s="1"/>
  <c r="BA85" i="22"/>
  <c r="V85" i="14" s="1"/>
  <c r="AJ85" i="14" s="1"/>
  <c r="BK85" i="22"/>
  <c r="AF85" i="14" s="1"/>
  <c r="AT85" i="14" s="1"/>
  <c r="BD85" i="22"/>
  <c r="Y85" i="14" s="1"/>
  <c r="AM85" i="14" s="1"/>
  <c r="BL85" i="22"/>
  <c r="AG85" i="14" s="1"/>
  <c r="AU85" i="14" s="1"/>
  <c r="BB85" i="22"/>
  <c r="W85" i="14" s="1"/>
  <c r="AK85" i="14" s="1"/>
  <c r="BE85" i="22"/>
  <c r="Z85" i="14" s="1"/>
  <c r="AN85" i="14" s="1"/>
  <c r="BI85" i="22"/>
  <c r="AD85" i="14" s="1"/>
  <c r="AR85" i="14" s="1"/>
  <c r="BG85" i="22"/>
  <c r="AB85" i="14" s="1"/>
  <c r="AP85" i="14" s="1"/>
  <c r="AB86" i="22" a="1"/>
  <c r="AB86" i="22" s="1"/>
  <c r="AO86" i="22" s="1"/>
  <c r="J86" i="14" s="1"/>
  <c r="AA86" i="22" a="1"/>
  <c r="AA86" i="22" s="1"/>
  <c r="AN86" i="22" s="1"/>
  <c r="I86" i="14" s="1"/>
  <c r="AI86" i="22" a="1"/>
  <c r="AI86" i="22" s="1"/>
  <c r="AV86" i="22" s="1"/>
  <c r="Q86" i="14" s="1"/>
  <c r="AC86" i="22" a="1"/>
  <c r="AC86" i="22" s="1"/>
  <c r="AP86" i="22" s="1"/>
  <c r="K86" i="14" s="1"/>
  <c r="AG86" i="22" a="1"/>
  <c r="AG86" i="22" s="1"/>
  <c r="AT86" i="22" s="1"/>
  <c r="O86" i="14" s="1"/>
  <c r="AJ86" i="22" a="1"/>
  <c r="AJ86" i="22" s="1"/>
  <c r="AW86" i="22" s="1"/>
  <c r="R86" i="14" s="1"/>
  <c r="AF86" i="22" a="1"/>
  <c r="AF86" i="22" s="1"/>
  <c r="AS86" i="22" s="1"/>
  <c r="N86" i="14" s="1"/>
  <c r="AH86" i="22" a="1"/>
  <c r="AH86" i="22" s="1"/>
  <c r="AU86" i="22" s="1"/>
  <c r="P86" i="14" s="1"/>
  <c r="AD86" i="22" a="1"/>
  <c r="AD86" i="22" s="1"/>
  <c r="AQ86" i="22" s="1"/>
  <c r="L86" i="14" s="1"/>
  <c r="AK86" i="22" a="1"/>
  <c r="AK86" i="22" s="1"/>
  <c r="AX86" i="22" s="1"/>
  <c r="S86" i="14" s="1"/>
  <c r="AE86" i="22" a="1"/>
  <c r="AE86" i="22" s="1"/>
  <c r="AR86" i="22" s="1"/>
  <c r="M86" i="14" s="1"/>
  <c r="P86" i="22"/>
  <c r="Q86" i="22" s="1"/>
  <c r="AK27" i="7"/>
  <c r="AL27" i="6"/>
  <c r="AL27" i="7" s="1"/>
  <c r="AG29" i="6"/>
  <c r="AF29" i="7"/>
  <c r="AG52" i="6"/>
  <c r="AF52" i="7"/>
  <c r="AG54" i="6"/>
  <c r="AF54" i="7"/>
  <c r="AG33" i="6"/>
  <c r="AF33" i="7"/>
  <c r="AG38" i="6"/>
  <c r="AF38" i="7"/>
  <c r="AG77" i="6"/>
  <c r="AF77" i="7"/>
  <c r="AG53" i="6"/>
  <c r="AF53" i="7"/>
  <c r="AG76" i="6"/>
  <c r="AF76" i="7"/>
  <c r="AG47" i="6"/>
  <c r="AF47" i="7"/>
  <c r="AG42" i="6"/>
  <c r="AF42" i="7"/>
  <c r="AG63" i="6"/>
  <c r="AF63" i="7"/>
  <c r="AG79" i="6"/>
  <c r="AF79" i="7"/>
  <c r="AG41" i="6"/>
  <c r="AF41" i="7"/>
  <c r="AG28" i="6"/>
  <c r="AF28" i="7"/>
  <c r="AG66" i="6"/>
  <c r="AF66" i="7"/>
  <c r="AG75" i="6"/>
  <c r="AF75" i="7"/>
  <c r="AG59" i="6"/>
  <c r="AF59" i="7"/>
  <c r="AG31" i="6"/>
  <c r="AF31" i="7"/>
  <c r="AG70" i="6"/>
  <c r="AF70" i="7"/>
  <c r="AG44" i="6"/>
  <c r="AF44" i="7"/>
  <c r="AG50" i="6"/>
  <c r="AF50" i="7"/>
  <c r="AG71" i="6"/>
  <c r="AF71" i="7"/>
  <c r="AG34" i="6"/>
  <c r="AF34" i="7"/>
  <c r="AG32" i="6"/>
  <c r="AF32" i="7"/>
  <c r="AG43" i="6"/>
  <c r="AF43" i="7"/>
  <c r="AG48" i="6"/>
  <c r="AF48" i="7"/>
  <c r="AG80" i="6"/>
  <c r="AF80" i="7"/>
  <c r="AG35" i="6"/>
  <c r="AF35" i="7"/>
  <c r="AG46" i="6"/>
  <c r="AF46" i="7"/>
  <c r="AG74" i="6"/>
  <c r="AF74" i="7"/>
  <c r="AG82" i="6"/>
  <c r="AF82" i="7"/>
  <c r="AG39" i="6"/>
  <c r="AF39" i="7"/>
  <c r="AG58" i="6"/>
  <c r="AF58" i="7"/>
  <c r="AG37" i="6"/>
  <c r="AF37" i="7"/>
  <c r="AG73" i="6"/>
  <c r="AF73" i="7"/>
  <c r="AG57" i="6"/>
  <c r="AF57" i="7"/>
  <c r="AG60" i="6"/>
  <c r="AF60" i="7"/>
  <c r="AG36" i="6"/>
  <c r="AF36" i="7"/>
  <c r="AG49" i="6"/>
  <c r="AF49" i="7"/>
  <c r="AG69" i="6"/>
  <c r="AF69" i="7"/>
  <c r="AG55" i="6"/>
  <c r="AF55" i="7"/>
  <c r="AG45" i="6"/>
  <c r="AF45" i="7"/>
  <c r="AG81" i="6"/>
  <c r="AF81" i="7"/>
  <c r="AG56" i="6"/>
  <c r="AF56" i="7"/>
  <c r="AG40" i="6"/>
  <c r="AF40" i="7"/>
  <c r="AG30" i="6"/>
  <c r="AF30" i="7"/>
  <c r="AG62" i="6"/>
  <c r="AF62" i="7"/>
  <c r="AG68" i="6"/>
  <c r="AF68" i="7"/>
  <c r="AG64" i="6"/>
  <c r="AF64" i="7"/>
  <c r="AG78" i="6"/>
  <c r="AF78" i="7"/>
  <c r="AG51" i="6"/>
  <c r="AF51" i="7"/>
  <c r="AG67" i="6"/>
  <c r="AF67" i="7"/>
  <c r="AG61" i="6"/>
  <c r="AF61" i="7"/>
  <c r="AG65" i="6"/>
  <c r="AF65" i="7"/>
  <c r="AG72" i="6"/>
  <c r="AF72" i="7"/>
  <c r="D87" i="6" l="1"/>
  <c r="D87" i="14"/>
  <c r="C87" i="7"/>
  <c r="I87" i="6"/>
  <c r="O83" i="7"/>
  <c r="R83" i="6"/>
  <c r="S83" i="6"/>
  <c r="S83" i="7" s="1"/>
  <c r="T83" i="6"/>
  <c r="D66" i="25"/>
  <c r="C66" i="25"/>
  <c r="A66" i="25"/>
  <c r="F65" i="25"/>
  <c r="AB65" i="25"/>
  <c r="H65" i="25"/>
  <c r="P65" i="25"/>
  <c r="T65" i="25"/>
  <c r="V65" i="25"/>
  <c r="L65" i="25"/>
  <c r="N65" i="25"/>
  <c r="X65" i="25"/>
  <c r="AD65" i="25"/>
  <c r="J65" i="25"/>
  <c r="Z65" i="25"/>
  <c r="R65" i="25"/>
  <c r="I86" i="7"/>
  <c r="Q86" i="6"/>
  <c r="Y86" i="6"/>
  <c r="Y86" i="7" s="1"/>
  <c r="K86" i="6"/>
  <c r="K86" i="7" s="1"/>
  <c r="L86" i="6"/>
  <c r="L85" i="7"/>
  <c r="N85" i="6"/>
  <c r="M85" i="6"/>
  <c r="M85" i="7" s="1"/>
  <c r="O84" i="6"/>
  <c r="N84" i="7"/>
  <c r="C65" i="23"/>
  <c r="D65" i="23"/>
  <c r="A65" i="23"/>
  <c r="C88" i="6"/>
  <c r="B67" i="25"/>
  <c r="C88" i="14"/>
  <c r="F87" i="14"/>
  <c r="AH87" i="14" s="1"/>
  <c r="B66" i="23"/>
  <c r="D86" i="7"/>
  <c r="X86" i="6"/>
  <c r="M87" i="22"/>
  <c r="E87" i="14"/>
  <c r="E87" i="6"/>
  <c r="E87" i="7" s="1"/>
  <c r="DZ83" i="14"/>
  <c r="GZ83" i="14" s="1"/>
  <c r="DM83" i="14"/>
  <c r="GM83" i="14" s="1"/>
  <c r="DD83" i="14"/>
  <c r="GD83" i="14" s="1"/>
  <c r="CQ83" i="14"/>
  <c r="FQ83" i="14" s="1"/>
  <c r="CM84" i="14"/>
  <c r="FM84" i="14" s="1"/>
  <c r="CZ84" i="14"/>
  <c r="FZ84" i="14" s="1"/>
  <c r="BS85" i="14"/>
  <c r="BF85" i="14"/>
  <c r="CF85" i="14"/>
  <c r="BO85" i="14"/>
  <c r="BB85" i="14"/>
  <c r="CB85" i="14"/>
  <c r="DK84" i="14"/>
  <c r="GK84" i="14" s="1"/>
  <c r="CX84" i="14"/>
  <c r="FX84" i="14" s="1"/>
  <c r="FG83" i="14"/>
  <c r="IG83" i="14" s="1"/>
  <c r="ET83" i="14"/>
  <c r="HT83" i="14" s="1"/>
  <c r="EI84" i="14"/>
  <c r="HI84" i="14" s="1"/>
  <c r="DV84" i="14"/>
  <c r="GV84" i="14" s="1"/>
  <c r="DS84" i="14"/>
  <c r="GS84" i="14" s="1"/>
  <c r="EF84" i="14"/>
  <c r="HF84" i="14" s="1"/>
  <c r="EA83" i="14"/>
  <c r="HA83" i="14" s="1"/>
  <c r="DN83" i="14"/>
  <c r="GN83" i="14" s="1"/>
  <c r="CT84" i="14"/>
  <c r="FT84" i="14" s="1"/>
  <c r="DG84" i="14"/>
  <c r="GG84" i="14" s="1"/>
  <c r="FF83" i="14"/>
  <c r="IF83" i="14" s="1"/>
  <c r="ES83" i="14"/>
  <c r="HS83" i="14" s="1"/>
  <c r="DC83" i="14"/>
  <c r="GC83" i="14" s="1"/>
  <c r="CP83" i="14"/>
  <c r="FP83" i="14" s="1"/>
  <c r="DD84" i="14"/>
  <c r="GD84" i="14" s="1"/>
  <c r="CQ84" i="14"/>
  <c r="FQ84" i="14" s="1"/>
  <c r="AZ85" i="14"/>
  <c r="BZ85" i="14"/>
  <c r="BM85" i="14"/>
  <c r="FG84" i="14"/>
  <c r="IG84" i="14" s="1"/>
  <c r="ET84" i="14"/>
  <c r="HT84" i="14" s="1"/>
  <c r="EQ84" i="14"/>
  <c r="HQ84" i="14" s="1"/>
  <c r="FD84" i="14"/>
  <c r="ID84" i="14" s="1"/>
  <c r="BH85" i="14"/>
  <c r="BU85" i="14"/>
  <c r="CH85" i="14"/>
  <c r="CG85" i="14"/>
  <c r="BT85" i="14"/>
  <c r="BG85" i="14"/>
  <c r="DX84" i="14"/>
  <c r="GX84" i="14" s="1"/>
  <c r="EK84" i="14"/>
  <c r="HK84" i="14" s="1"/>
  <c r="CT83" i="14"/>
  <c r="FT83" i="14" s="1"/>
  <c r="DG83" i="14"/>
  <c r="GG83" i="14" s="1"/>
  <c r="FH83" i="14"/>
  <c r="IH83" i="14" s="1"/>
  <c r="EU83" i="14"/>
  <c r="HU83" i="14" s="1"/>
  <c r="FF84" i="14"/>
  <c r="IF84" i="14" s="1"/>
  <c r="ES84" i="14"/>
  <c r="HS84" i="14" s="1"/>
  <c r="EN83" i="14"/>
  <c r="HN83" i="14" s="1"/>
  <c r="FA83" i="14"/>
  <c r="IA83" i="14" s="1"/>
  <c r="FA84" i="14"/>
  <c r="IA84" i="14" s="1"/>
  <c r="EN84" i="14"/>
  <c r="HN84" i="14" s="1"/>
  <c r="CS83" i="14"/>
  <c r="FS83" i="14" s="1"/>
  <c r="DF83" i="14"/>
  <c r="GF83" i="14" s="1"/>
  <c r="DP83" i="14"/>
  <c r="GP83" i="14" s="1"/>
  <c r="EC83" i="14"/>
  <c r="HC83" i="14" s="1"/>
  <c r="DK83" i="14"/>
  <c r="GK83" i="14" s="1"/>
  <c r="CX83" i="14"/>
  <c r="FX83" i="14" s="1"/>
  <c r="DF84" i="14"/>
  <c r="GF84" i="14" s="1"/>
  <c r="CS84" i="14"/>
  <c r="FS84" i="14" s="1"/>
  <c r="DI83" i="14"/>
  <c r="GI83" i="14" s="1"/>
  <c r="CV83" i="14"/>
  <c r="FV83" i="14" s="1"/>
  <c r="DA83" i="14"/>
  <c r="GA83" i="14" s="1"/>
  <c r="CN83" i="14"/>
  <c r="FN83" i="14" s="1"/>
  <c r="EP83" i="14"/>
  <c r="HP83" i="14" s="1"/>
  <c r="FC83" i="14"/>
  <c r="IC83" i="14" s="1"/>
  <c r="BA85" i="14"/>
  <c r="CA85" i="14"/>
  <c r="BN85" i="14"/>
  <c r="BR85" i="14"/>
  <c r="BE85" i="14"/>
  <c r="CE85" i="14"/>
  <c r="EI83" i="14"/>
  <c r="HI83" i="14" s="1"/>
  <c r="DV83" i="14"/>
  <c r="GV83" i="14" s="1"/>
  <c r="EJ84" i="14"/>
  <c r="HJ84" i="14" s="1"/>
  <c r="DW84" i="14"/>
  <c r="GW84" i="14" s="1"/>
  <c r="EH83" i="14"/>
  <c r="HH83" i="14" s="1"/>
  <c r="DU83" i="14"/>
  <c r="GU83" i="14" s="1"/>
  <c r="DB84" i="14"/>
  <c r="GB84" i="14" s="1"/>
  <c r="CO84" i="14"/>
  <c r="FO84" i="14" s="1"/>
  <c r="DE84" i="14"/>
  <c r="GE84" i="14" s="1"/>
  <c r="CR84" i="14"/>
  <c r="FR84" i="14" s="1"/>
  <c r="EA84" i="14"/>
  <c r="HA84" i="14" s="1"/>
  <c r="DN84" i="14"/>
  <c r="GN84" i="14" s="1"/>
  <c r="DC84" i="14"/>
  <c r="GC84" i="14" s="1"/>
  <c r="CP84" i="14"/>
  <c r="FP84" i="14" s="1"/>
  <c r="EH84" i="14"/>
  <c r="HH84" i="14" s="1"/>
  <c r="DU84" i="14"/>
  <c r="GU84" i="14" s="1"/>
  <c r="EX83" i="14"/>
  <c r="HX83" i="14" s="1"/>
  <c r="FK83" i="14"/>
  <c r="IK83" i="14" s="1"/>
  <c r="EF83" i="14"/>
  <c r="HF83" i="14" s="1"/>
  <c r="DS83" i="14"/>
  <c r="GS83" i="14" s="1"/>
  <c r="EG83" i="14"/>
  <c r="HG83" i="14" s="1"/>
  <c r="DT83" i="14"/>
  <c r="GT83" i="14" s="1"/>
  <c r="CN84" i="14"/>
  <c r="FN84" i="14" s="1"/>
  <c r="DA84" i="14"/>
  <c r="GA84" i="14" s="1"/>
  <c r="BX85" i="14"/>
  <c r="BK85" i="14"/>
  <c r="CK85" i="14"/>
  <c r="EV83" i="14"/>
  <c r="HV83" i="14" s="1"/>
  <c r="FI83" i="14"/>
  <c r="II83" i="14" s="1"/>
  <c r="DJ84" i="14"/>
  <c r="GJ84" i="14" s="1"/>
  <c r="CW84" i="14"/>
  <c r="FW84" i="14" s="1"/>
  <c r="EB83" i="14"/>
  <c r="HB83" i="14" s="1"/>
  <c r="DO83" i="14"/>
  <c r="GO83" i="14" s="1"/>
  <c r="EB84" i="14"/>
  <c r="HB84" i="14" s="1"/>
  <c r="DO84" i="14"/>
  <c r="GO84" i="14" s="1"/>
  <c r="EE84" i="14"/>
  <c r="HE84" i="14" s="1"/>
  <c r="DR84" i="14"/>
  <c r="GR84" i="14" s="1"/>
  <c r="CW83" i="14"/>
  <c r="FW83" i="14" s="1"/>
  <c r="DJ83" i="14"/>
  <c r="GJ83" i="14" s="1"/>
  <c r="EC84" i="14"/>
  <c r="HC84" i="14" s="1"/>
  <c r="DP84" i="14"/>
  <c r="GP84" i="14" s="1"/>
  <c r="FH84" i="14"/>
  <c r="IH84" i="14" s="1"/>
  <c r="EU84" i="14"/>
  <c r="HU84" i="14" s="1"/>
  <c r="CR83" i="14"/>
  <c r="FR83" i="14" s="1"/>
  <c r="DE83" i="14"/>
  <c r="GE83" i="14" s="1"/>
  <c r="EX84" i="14"/>
  <c r="HX84" i="14" s="1"/>
  <c r="FK84" i="14"/>
  <c r="IK84" i="14" s="1"/>
  <c r="CD85" i="14"/>
  <c r="BD85" i="14"/>
  <c r="BQ85" i="14"/>
  <c r="FB84" i="14"/>
  <c r="IB84" i="14" s="1"/>
  <c r="EO84" i="14"/>
  <c r="HO84" i="14" s="1"/>
  <c r="DX83" i="14"/>
  <c r="GX83" i="14" s="1"/>
  <c r="EK83" i="14"/>
  <c r="HK83" i="14" s="1"/>
  <c r="BP85" i="14"/>
  <c r="BC85" i="14"/>
  <c r="CC85" i="14"/>
  <c r="EZ83" i="14"/>
  <c r="HZ83" i="14" s="1"/>
  <c r="EM83" i="14"/>
  <c r="HM83" i="14" s="1"/>
  <c r="EW84" i="14"/>
  <c r="HW84" i="14" s="1"/>
  <c r="FJ84" i="14"/>
  <c r="IJ84" i="14" s="1"/>
  <c r="EO83" i="14"/>
  <c r="HO83" i="14" s="1"/>
  <c r="FB83" i="14"/>
  <c r="IB83" i="14" s="1"/>
  <c r="DQ83" i="14"/>
  <c r="GQ83" i="14" s="1"/>
  <c r="ED83" i="14"/>
  <c r="HD83" i="14" s="1"/>
  <c r="ER84" i="14"/>
  <c r="HR84" i="14" s="1"/>
  <c r="FE84" i="14"/>
  <c r="IE84" i="14" s="1"/>
  <c r="EJ83" i="14"/>
  <c r="HJ83" i="14" s="1"/>
  <c r="DW83" i="14"/>
  <c r="GW83" i="14" s="1"/>
  <c r="EZ84" i="14"/>
  <c r="HZ84" i="14" s="1"/>
  <c r="EM84" i="14"/>
  <c r="HM84" i="14" s="1"/>
  <c r="CU84" i="14"/>
  <c r="FU84" i="14" s="1"/>
  <c r="DH84" i="14"/>
  <c r="GH84" i="14" s="1"/>
  <c r="DR83" i="14"/>
  <c r="GR83" i="14" s="1"/>
  <c r="EE83" i="14"/>
  <c r="HE83" i="14" s="1"/>
  <c r="CV84" i="14"/>
  <c r="FV84" i="14" s="1"/>
  <c r="DI84" i="14"/>
  <c r="GI84" i="14" s="1"/>
  <c r="BV85" i="14"/>
  <c r="BI85" i="14"/>
  <c r="CI85" i="14"/>
  <c r="DH83" i="14"/>
  <c r="GH83" i="14" s="1"/>
  <c r="CU83" i="14"/>
  <c r="FU83" i="14" s="1"/>
  <c r="EP84" i="14"/>
  <c r="HP84" i="14" s="1"/>
  <c r="FC84" i="14"/>
  <c r="IC84" i="14" s="1"/>
  <c r="BJ85" i="14"/>
  <c r="CJ85" i="14"/>
  <c r="BW85" i="14"/>
  <c r="CZ83" i="14"/>
  <c r="FZ83" i="14" s="1"/>
  <c r="CM83" i="14"/>
  <c r="FM83" i="14" s="1"/>
  <c r="EV84" i="14"/>
  <c r="HV84" i="14" s="1"/>
  <c r="FI84" i="14"/>
  <c r="II84" i="14" s="1"/>
  <c r="DB83" i="14"/>
  <c r="GB83" i="14" s="1"/>
  <c r="CO83" i="14"/>
  <c r="FO83" i="14" s="1"/>
  <c r="FD83" i="14"/>
  <c r="ID83" i="14" s="1"/>
  <c r="EQ83" i="14"/>
  <c r="HQ83" i="14" s="1"/>
  <c r="DT84" i="14"/>
  <c r="GT84" i="14" s="1"/>
  <c r="EG84" i="14"/>
  <c r="HG84" i="14" s="1"/>
  <c r="EW83" i="14"/>
  <c r="HW83" i="14" s="1"/>
  <c r="FJ83" i="14"/>
  <c r="IJ83" i="14" s="1"/>
  <c r="DM84" i="14"/>
  <c r="GM84" i="14" s="1"/>
  <c r="DZ84" i="14"/>
  <c r="GZ84" i="14" s="1"/>
  <c r="ED84" i="14"/>
  <c r="HD84" i="14" s="1"/>
  <c r="DQ84" i="14"/>
  <c r="GQ84" i="14" s="1"/>
  <c r="FE83" i="14"/>
  <c r="IE83" i="14" s="1"/>
  <c r="ER83" i="14"/>
  <c r="HR83" i="14" s="1"/>
  <c r="AG87" i="22" a="1"/>
  <c r="AG87" i="22" s="1"/>
  <c r="AT87" i="22" s="1"/>
  <c r="O87" i="14" s="1"/>
  <c r="AC87" i="22" a="1"/>
  <c r="AC87" i="22" s="1"/>
  <c r="AP87" i="22" s="1"/>
  <c r="K87" i="14" s="1"/>
  <c r="AA87" i="22" a="1"/>
  <c r="AA87" i="22" s="1"/>
  <c r="AN87" i="22" s="1"/>
  <c r="I87" i="14" s="1"/>
  <c r="AJ87" i="22" a="1"/>
  <c r="AJ87" i="22" s="1"/>
  <c r="AW87" i="22" s="1"/>
  <c r="R87" i="14" s="1"/>
  <c r="AF87" i="22" a="1"/>
  <c r="AF87" i="22" s="1"/>
  <c r="AS87" i="22" s="1"/>
  <c r="N87" i="14" s="1"/>
  <c r="AK87" i="22" a="1"/>
  <c r="AK87" i="22" s="1"/>
  <c r="AX87" i="22" s="1"/>
  <c r="S87" i="14" s="1"/>
  <c r="AB87" i="22" a="1"/>
  <c r="AB87" i="22" s="1"/>
  <c r="AO87" i="22" s="1"/>
  <c r="J87" i="14" s="1"/>
  <c r="AI87" i="22" a="1"/>
  <c r="AI87" i="22" s="1"/>
  <c r="AV87" i="22" s="1"/>
  <c r="Q87" i="14" s="1"/>
  <c r="AE87" i="22" a="1"/>
  <c r="AE87" i="22" s="1"/>
  <c r="AR87" i="22" s="1"/>
  <c r="M87" i="14" s="1"/>
  <c r="AH87" i="22" a="1"/>
  <c r="AH87" i="22" s="1"/>
  <c r="AU87" i="22" s="1"/>
  <c r="P87" i="14" s="1"/>
  <c r="AD87" i="22" a="1"/>
  <c r="AD87" i="22" s="1"/>
  <c r="AQ87" i="22" s="1"/>
  <c r="L87" i="14" s="1"/>
  <c r="R86" i="22"/>
  <c r="X86" i="22" s="1"/>
  <c r="Y86" i="22" s="1"/>
  <c r="Z86" i="22" s="1"/>
  <c r="G86" i="14" s="1"/>
  <c r="P87" i="22"/>
  <c r="Q87" i="22" s="1"/>
  <c r="C89" i="22"/>
  <c r="I88" i="22"/>
  <c r="H88" i="6" s="1"/>
  <c r="H88" i="7" s="1"/>
  <c r="F88" i="22"/>
  <c r="G88" i="22"/>
  <c r="F88" i="6" s="1"/>
  <c r="F88" i="7" s="1"/>
  <c r="J88" i="22"/>
  <c r="H88" i="22"/>
  <c r="G88" i="6" s="1"/>
  <c r="G88" i="7" s="1"/>
  <c r="E88" i="22"/>
  <c r="L88" i="22"/>
  <c r="AY88" i="22" s="1"/>
  <c r="T88" i="14" s="1"/>
  <c r="D88" i="22"/>
  <c r="K88" i="22"/>
  <c r="B88" i="22"/>
  <c r="B88" i="6" s="1"/>
  <c r="B88" i="7" s="1"/>
  <c r="AH78" i="6"/>
  <c r="AG78" i="7"/>
  <c r="AH40" i="6"/>
  <c r="AG40" i="7"/>
  <c r="AH45" i="6"/>
  <c r="AG45" i="7"/>
  <c r="AH60" i="6"/>
  <c r="AG60" i="7"/>
  <c r="AH73" i="6"/>
  <c r="AG73" i="7"/>
  <c r="AH58" i="6"/>
  <c r="AG58" i="7"/>
  <c r="AH57" i="6"/>
  <c r="AG57" i="7"/>
  <c r="AH82" i="6"/>
  <c r="AG82" i="7"/>
  <c r="AH46" i="6"/>
  <c r="AG46" i="7"/>
  <c r="AH43" i="6"/>
  <c r="AG43" i="7"/>
  <c r="AH44" i="6"/>
  <c r="AG44" i="7"/>
  <c r="AH75" i="6"/>
  <c r="AG75" i="7"/>
  <c r="AH28" i="6"/>
  <c r="AG28" i="7"/>
  <c r="AH63" i="6"/>
  <c r="AG63" i="7"/>
  <c r="AH47" i="6"/>
  <c r="AG47" i="7"/>
  <c r="AH54" i="6"/>
  <c r="AG54" i="7"/>
  <c r="AH72" i="6"/>
  <c r="AG72" i="7"/>
  <c r="AH64" i="6"/>
  <c r="AG64" i="7"/>
  <c r="AH68" i="6"/>
  <c r="AG68" i="7"/>
  <c r="AH67" i="6"/>
  <c r="AG67" i="7"/>
  <c r="AH51" i="6"/>
  <c r="AG51" i="7"/>
  <c r="AH30" i="6"/>
  <c r="AG30" i="7"/>
  <c r="AH69" i="6"/>
  <c r="AG69" i="7"/>
  <c r="AH37" i="6"/>
  <c r="AG37" i="7"/>
  <c r="AH74" i="6"/>
  <c r="AG74" i="7"/>
  <c r="AH48" i="6"/>
  <c r="AG48" i="7"/>
  <c r="AH32" i="6"/>
  <c r="AG32" i="7"/>
  <c r="AH71" i="6"/>
  <c r="AG71" i="7"/>
  <c r="AH31" i="6"/>
  <c r="AG31" i="7"/>
  <c r="AH59" i="6"/>
  <c r="AG59" i="7"/>
  <c r="AH41" i="6"/>
  <c r="AG41" i="7"/>
  <c r="AH79" i="6"/>
  <c r="AG79" i="7"/>
  <c r="AH42" i="6"/>
  <c r="AG42" i="7"/>
  <c r="AH76" i="6"/>
  <c r="AG76" i="7"/>
  <c r="AH61" i="6"/>
  <c r="AG61" i="7"/>
  <c r="AH62" i="6"/>
  <c r="AG62" i="7"/>
  <c r="AH56" i="6"/>
  <c r="AG56" i="7"/>
  <c r="AH81" i="6"/>
  <c r="AG81" i="7"/>
  <c r="AH55" i="6"/>
  <c r="AG55" i="7"/>
  <c r="AH49" i="6"/>
  <c r="AG49" i="7"/>
  <c r="AH36" i="6"/>
  <c r="AG36" i="7"/>
  <c r="AH39" i="6"/>
  <c r="AG39" i="7"/>
  <c r="AH80" i="6"/>
  <c r="AG80" i="7"/>
  <c r="AH50" i="6"/>
  <c r="AG50" i="7"/>
  <c r="AH66" i="6"/>
  <c r="AG66" i="7"/>
  <c r="AH77" i="6"/>
  <c r="AG77" i="7"/>
  <c r="AH38" i="6"/>
  <c r="AG38" i="7"/>
  <c r="AH33" i="6"/>
  <c r="AG33" i="7"/>
  <c r="AH52" i="6"/>
  <c r="AG52" i="7"/>
  <c r="AH65" i="6"/>
  <c r="AG65" i="7"/>
  <c r="AH35" i="6"/>
  <c r="AG35" i="7"/>
  <c r="AH34" i="6"/>
  <c r="AG34" i="7"/>
  <c r="AH70" i="6"/>
  <c r="AG70" i="7"/>
  <c r="AH53" i="6"/>
  <c r="AG53" i="7"/>
  <c r="AH29" i="6"/>
  <c r="AG29" i="7"/>
  <c r="L86" i="7" l="1"/>
  <c r="N86" i="6"/>
  <c r="M86" i="6"/>
  <c r="F88" i="14"/>
  <c r="AH88" i="14" s="1"/>
  <c r="B67" i="23"/>
  <c r="R83" i="7"/>
  <c r="U83" i="6"/>
  <c r="C67" i="25"/>
  <c r="D67" i="25"/>
  <c r="A67" i="25"/>
  <c r="C88" i="7"/>
  <c r="I88" i="6"/>
  <c r="Q86" i="7"/>
  <c r="I87" i="7"/>
  <c r="Q87" i="6"/>
  <c r="L87" i="6"/>
  <c r="Y87" i="6"/>
  <c r="Y87" i="7" s="1"/>
  <c r="K87" i="6"/>
  <c r="K87" i="7" s="1"/>
  <c r="D88" i="14"/>
  <c r="D88" i="6"/>
  <c r="C89" i="6"/>
  <c r="C89" i="14"/>
  <c r="B68" i="25"/>
  <c r="O84" i="7"/>
  <c r="R84" i="6"/>
  <c r="S84" i="6"/>
  <c r="S84" i="7" s="1"/>
  <c r="T84" i="6"/>
  <c r="D66" i="23"/>
  <c r="C66" i="23"/>
  <c r="A66" i="23"/>
  <c r="O85" i="6"/>
  <c r="N85" i="7"/>
  <c r="AB66" i="25"/>
  <c r="L66" i="25"/>
  <c r="R66" i="25"/>
  <c r="T66" i="25"/>
  <c r="J66" i="25"/>
  <c r="Z66" i="25"/>
  <c r="X66" i="25"/>
  <c r="P66" i="25"/>
  <c r="AD66" i="25"/>
  <c r="H66" i="25"/>
  <c r="V66" i="25"/>
  <c r="N66" i="25"/>
  <c r="F66" i="25"/>
  <c r="D87" i="7"/>
  <c r="X87" i="6"/>
  <c r="T83" i="7"/>
  <c r="V83" i="6"/>
  <c r="V83" i="7" s="1"/>
  <c r="E88" i="6"/>
  <c r="E88" i="7" s="1"/>
  <c r="E88" i="14"/>
  <c r="M88" i="22"/>
  <c r="DF85" i="14"/>
  <c r="GF85" i="14" s="1"/>
  <c r="CS85" i="14"/>
  <c r="FS85" i="14" s="1"/>
  <c r="FA85" i="14"/>
  <c r="IA85" i="14" s="1"/>
  <c r="EN85" i="14"/>
  <c r="HN85" i="14" s="1"/>
  <c r="DU85" i="14"/>
  <c r="GU85" i="14" s="1"/>
  <c r="EH85" i="14"/>
  <c r="HH85" i="14" s="1"/>
  <c r="CZ85" i="14"/>
  <c r="FZ85" i="14" s="1"/>
  <c r="CM85" i="14"/>
  <c r="FM85" i="14" s="1"/>
  <c r="EF85" i="14"/>
  <c r="HF85" i="14" s="1"/>
  <c r="DS85" i="14"/>
  <c r="GS85" i="14" s="1"/>
  <c r="DN85" i="14"/>
  <c r="GN85" i="14" s="1"/>
  <c r="EA85" i="14"/>
  <c r="HA85" i="14" s="1"/>
  <c r="FK85" i="14"/>
  <c r="IK85" i="14" s="1"/>
  <c r="EX85" i="14"/>
  <c r="HX85" i="14" s="1"/>
  <c r="CN85" i="14"/>
  <c r="FN85" i="14" s="1"/>
  <c r="DA85" i="14"/>
  <c r="GA85" i="14" s="1"/>
  <c r="DH85" i="14"/>
  <c r="GH85" i="14" s="1"/>
  <c r="CU85" i="14"/>
  <c r="FU85" i="14" s="1"/>
  <c r="ED85" i="14"/>
  <c r="HD85" i="14" s="1"/>
  <c r="DQ85" i="14"/>
  <c r="GQ85" i="14" s="1"/>
  <c r="CX85" i="14"/>
  <c r="FX85" i="14" s="1"/>
  <c r="DK85" i="14"/>
  <c r="GK85" i="14" s="1"/>
  <c r="EM85" i="14"/>
  <c r="HM85" i="14" s="1"/>
  <c r="EZ85" i="14"/>
  <c r="HZ85" i="14" s="1"/>
  <c r="FC85" i="14"/>
  <c r="IC85" i="14" s="1"/>
  <c r="EP85" i="14"/>
  <c r="HP85" i="14" s="1"/>
  <c r="DD85" i="14"/>
  <c r="GD85" i="14" s="1"/>
  <c r="CQ85" i="14"/>
  <c r="FQ85" i="14" s="1"/>
  <c r="EK85" i="14"/>
  <c r="HK85" i="14" s="1"/>
  <c r="DX85" i="14"/>
  <c r="GX85" i="14" s="1"/>
  <c r="EO85" i="14"/>
  <c r="HO85" i="14" s="1"/>
  <c r="FB85" i="14"/>
  <c r="IB85" i="14" s="1"/>
  <c r="FH85" i="14"/>
  <c r="IH85" i="14" s="1"/>
  <c r="EU85" i="14"/>
  <c r="HU85" i="14" s="1"/>
  <c r="FI85" i="14"/>
  <c r="II85" i="14" s="1"/>
  <c r="EV85" i="14"/>
  <c r="HV85" i="14" s="1"/>
  <c r="CP85" i="14"/>
  <c r="FP85" i="14" s="1"/>
  <c r="DC85" i="14"/>
  <c r="GC85" i="14" s="1"/>
  <c r="FD85" i="14"/>
  <c r="ID85" i="14" s="1"/>
  <c r="EQ85" i="14"/>
  <c r="HQ85" i="14" s="1"/>
  <c r="ER85" i="14"/>
  <c r="HR85" i="14" s="1"/>
  <c r="FE85" i="14"/>
  <c r="IE85" i="14" s="1"/>
  <c r="DG85" i="14"/>
  <c r="GG85" i="14" s="1"/>
  <c r="CT85" i="14"/>
  <c r="FT85" i="14" s="1"/>
  <c r="CO85" i="14"/>
  <c r="FO85" i="14" s="1"/>
  <c r="DB85" i="14"/>
  <c r="GB85" i="14" s="1"/>
  <c r="EJ85" i="14"/>
  <c r="HJ85" i="14" s="1"/>
  <c r="DW85" i="14"/>
  <c r="GW85" i="14" s="1"/>
  <c r="CV85" i="14"/>
  <c r="FV85" i="14" s="1"/>
  <c r="DI85" i="14"/>
  <c r="GI85" i="14" s="1"/>
  <c r="EC85" i="14"/>
  <c r="HC85" i="14" s="1"/>
  <c r="DP85" i="14"/>
  <c r="GP85" i="14" s="1"/>
  <c r="DE85" i="14"/>
  <c r="GE85" i="14" s="1"/>
  <c r="CR85" i="14"/>
  <c r="FR85" i="14" s="1"/>
  <c r="DT85" i="14"/>
  <c r="GT85" i="14" s="1"/>
  <c r="EG85" i="14"/>
  <c r="HG85" i="14" s="1"/>
  <c r="EB85" i="14"/>
  <c r="HB85" i="14" s="1"/>
  <c r="DO85" i="14"/>
  <c r="GO85" i="14" s="1"/>
  <c r="CW85" i="14"/>
  <c r="FW85" i="14" s="1"/>
  <c r="DJ85" i="14"/>
  <c r="GJ85" i="14" s="1"/>
  <c r="FJ85" i="14"/>
  <c r="IJ85" i="14" s="1"/>
  <c r="EW85" i="14"/>
  <c r="HW85" i="14" s="1"/>
  <c r="DV85" i="14"/>
  <c r="GV85" i="14" s="1"/>
  <c r="EI85" i="14"/>
  <c r="HI85" i="14" s="1"/>
  <c r="EE85" i="14"/>
  <c r="HE85" i="14" s="1"/>
  <c r="DR85" i="14"/>
  <c r="GR85" i="14" s="1"/>
  <c r="ET85" i="14"/>
  <c r="HT85" i="14" s="1"/>
  <c r="FG85" i="14"/>
  <c r="IG85" i="14" s="1"/>
  <c r="DM85" i="14"/>
  <c r="GM85" i="14" s="1"/>
  <c r="DZ85" i="14"/>
  <c r="GZ85" i="14" s="1"/>
  <c r="ES85" i="14"/>
  <c r="HS85" i="14" s="1"/>
  <c r="FF85" i="14"/>
  <c r="IF85" i="14" s="1"/>
  <c r="P88" i="22"/>
  <c r="Q88" i="22" s="1"/>
  <c r="R88" i="22" s="1"/>
  <c r="X88" i="22" s="1"/>
  <c r="Y88" i="22" s="1"/>
  <c r="Z88" i="22" s="1"/>
  <c r="G88" i="14" s="1"/>
  <c r="R87" i="22"/>
  <c r="X87" i="22" s="1"/>
  <c r="Y87" i="22" s="1"/>
  <c r="Z87" i="22" s="1"/>
  <c r="G87" i="14" s="1"/>
  <c r="BL86" i="22"/>
  <c r="AG86" i="14" s="1"/>
  <c r="AU86" i="14" s="1"/>
  <c r="BI86" i="22"/>
  <c r="AD86" i="14" s="1"/>
  <c r="AR86" i="14" s="1"/>
  <c r="BH86" i="22"/>
  <c r="AC86" i="14" s="1"/>
  <c r="AQ86" i="14" s="1"/>
  <c r="BB86" i="22"/>
  <c r="W86" i="14" s="1"/>
  <c r="AK86" i="14" s="1"/>
  <c r="BF86" i="22"/>
  <c r="AA86" i="14" s="1"/>
  <c r="AO86" i="14" s="1"/>
  <c r="BJ86" i="22"/>
  <c r="AE86" i="14" s="1"/>
  <c r="AS86" i="14" s="1"/>
  <c r="BG86" i="22"/>
  <c r="AB86" i="14" s="1"/>
  <c r="AP86" i="14" s="1"/>
  <c r="BK86" i="22"/>
  <c r="AF86" i="14" s="1"/>
  <c r="AT86" i="14" s="1"/>
  <c r="BD86" i="22"/>
  <c r="Y86" i="14" s="1"/>
  <c r="AM86" i="14" s="1"/>
  <c r="BC86" i="22"/>
  <c r="X86" i="14" s="1"/>
  <c r="AL86" i="14" s="1"/>
  <c r="BA86" i="22"/>
  <c r="V86" i="14" s="1"/>
  <c r="AJ86" i="14" s="1"/>
  <c r="BE86" i="22"/>
  <c r="Z86" i="14" s="1"/>
  <c r="AN86" i="14" s="1"/>
  <c r="AF88" i="22" a="1"/>
  <c r="AF88" i="22" s="1"/>
  <c r="AS88" i="22" s="1"/>
  <c r="N88" i="14" s="1"/>
  <c r="AE88" i="22" a="1"/>
  <c r="AE88" i="22" s="1"/>
  <c r="AR88" i="22" s="1"/>
  <c r="M88" i="14" s="1"/>
  <c r="AI88" i="22" a="1"/>
  <c r="AI88" i="22" s="1"/>
  <c r="AV88" i="22" s="1"/>
  <c r="Q88" i="14" s="1"/>
  <c r="AC88" i="22" a="1"/>
  <c r="AC88" i="22" s="1"/>
  <c r="AP88" i="22" s="1"/>
  <c r="K88" i="14" s="1"/>
  <c r="AG88" i="22" a="1"/>
  <c r="AG88" i="22" s="1"/>
  <c r="AT88" i="22" s="1"/>
  <c r="O88" i="14" s="1"/>
  <c r="AK88" i="22" a="1"/>
  <c r="AK88" i="22" s="1"/>
  <c r="AX88" i="22" s="1"/>
  <c r="S88" i="14" s="1"/>
  <c r="AH88" i="22" a="1"/>
  <c r="AH88" i="22" s="1"/>
  <c r="AU88" i="22" s="1"/>
  <c r="P88" i="14" s="1"/>
  <c r="AA88" i="22" a="1"/>
  <c r="AA88" i="22" s="1"/>
  <c r="AN88" i="22" s="1"/>
  <c r="I88" i="14" s="1"/>
  <c r="AD88" i="22" a="1"/>
  <c r="AD88" i="22" s="1"/>
  <c r="AQ88" i="22" s="1"/>
  <c r="L88" i="14" s="1"/>
  <c r="AB88" i="22" a="1"/>
  <c r="AB88" i="22" s="1"/>
  <c r="AO88" i="22" s="1"/>
  <c r="J88" i="14" s="1"/>
  <c r="AJ88" i="22" a="1"/>
  <c r="AJ88" i="22" s="1"/>
  <c r="AW88" i="22" s="1"/>
  <c r="R88" i="14" s="1"/>
  <c r="C90" i="22"/>
  <c r="J89" i="22"/>
  <c r="I89" i="22"/>
  <c r="H89" i="6" s="1"/>
  <c r="H89" i="7" s="1"/>
  <c r="G89" i="22"/>
  <c r="F89" i="6" s="1"/>
  <c r="F89" i="7" s="1"/>
  <c r="H89" i="22"/>
  <c r="G89" i="6" s="1"/>
  <c r="G89" i="7" s="1"/>
  <c r="F89" i="22"/>
  <c r="D89" i="22"/>
  <c r="E89" i="22"/>
  <c r="L89" i="22"/>
  <c r="AY89" i="22" s="1"/>
  <c r="T89" i="14" s="1"/>
  <c r="K89" i="22"/>
  <c r="B89" i="22"/>
  <c r="B89" i="6" s="1"/>
  <c r="B89" i="7" s="1"/>
  <c r="AI66" i="6"/>
  <c r="AI66" i="7" s="1"/>
  <c r="AH66" i="7"/>
  <c r="AI29" i="6"/>
  <c r="AI29" i="7" s="1"/>
  <c r="AH29" i="7"/>
  <c r="AI53" i="6"/>
  <c r="AI53" i="7" s="1"/>
  <c r="AH53" i="7"/>
  <c r="AI70" i="6"/>
  <c r="AI70" i="7" s="1"/>
  <c r="AH70" i="7"/>
  <c r="AI35" i="6"/>
  <c r="AI35" i="7" s="1"/>
  <c r="AH35" i="7"/>
  <c r="AI65" i="6"/>
  <c r="AI65" i="7" s="1"/>
  <c r="AH65" i="7"/>
  <c r="AI62" i="6"/>
  <c r="AI62" i="7" s="1"/>
  <c r="AH62" i="7"/>
  <c r="AI59" i="6"/>
  <c r="AI59" i="7" s="1"/>
  <c r="AH59" i="7"/>
  <c r="AI31" i="6"/>
  <c r="AI31" i="7" s="1"/>
  <c r="AH31" i="7"/>
  <c r="AI69" i="6"/>
  <c r="AI69" i="7" s="1"/>
  <c r="AH69" i="7"/>
  <c r="AI51" i="6"/>
  <c r="AI51" i="7" s="1"/>
  <c r="AH51" i="7"/>
  <c r="AI67" i="6"/>
  <c r="AI67" i="7" s="1"/>
  <c r="AH67" i="7"/>
  <c r="AI68" i="6"/>
  <c r="AI68" i="7" s="1"/>
  <c r="AH68" i="7"/>
  <c r="AI54" i="6"/>
  <c r="AI54" i="7" s="1"/>
  <c r="AH54" i="7"/>
  <c r="AI47" i="6"/>
  <c r="AI47" i="7" s="1"/>
  <c r="AH47" i="7"/>
  <c r="AI43" i="6"/>
  <c r="AI43" i="7" s="1"/>
  <c r="AH43" i="7"/>
  <c r="AI46" i="6"/>
  <c r="AI46" i="7" s="1"/>
  <c r="AH46" i="7"/>
  <c r="AI73" i="6"/>
  <c r="AI73" i="7" s="1"/>
  <c r="AH73" i="7"/>
  <c r="AI33" i="6"/>
  <c r="AI33" i="7" s="1"/>
  <c r="AH33" i="7"/>
  <c r="AI80" i="6"/>
  <c r="AI80" i="7" s="1"/>
  <c r="AH80" i="7"/>
  <c r="AI55" i="6"/>
  <c r="AI55" i="7" s="1"/>
  <c r="AH55" i="7"/>
  <c r="AI42" i="6"/>
  <c r="AI42" i="7" s="1"/>
  <c r="AH42" i="7"/>
  <c r="AI32" i="6"/>
  <c r="AI32" i="7" s="1"/>
  <c r="AH32" i="7"/>
  <c r="AI48" i="6"/>
  <c r="AI48" i="7" s="1"/>
  <c r="AH48" i="7"/>
  <c r="AI74" i="6"/>
  <c r="AI74" i="7" s="1"/>
  <c r="AH74" i="7"/>
  <c r="AI37" i="6"/>
  <c r="AI37" i="7" s="1"/>
  <c r="AH37" i="7"/>
  <c r="AI30" i="6"/>
  <c r="AI30" i="7" s="1"/>
  <c r="AH30" i="7"/>
  <c r="AI40" i="6"/>
  <c r="AI40" i="7" s="1"/>
  <c r="AH40" i="7"/>
  <c r="AI78" i="6"/>
  <c r="AI78" i="7" s="1"/>
  <c r="AH78" i="7"/>
  <c r="AI34" i="6"/>
  <c r="AI34" i="7" s="1"/>
  <c r="AH34" i="7"/>
  <c r="AI52" i="6"/>
  <c r="AI52" i="7" s="1"/>
  <c r="AH52" i="7"/>
  <c r="AI38" i="6"/>
  <c r="AI38" i="7" s="1"/>
  <c r="AH38" i="7"/>
  <c r="AI77" i="6"/>
  <c r="AI77" i="7" s="1"/>
  <c r="AH77" i="7"/>
  <c r="AI50" i="6"/>
  <c r="AI50" i="7" s="1"/>
  <c r="AH50" i="7"/>
  <c r="AI39" i="6"/>
  <c r="AI39" i="7" s="1"/>
  <c r="AH39" i="7"/>
  <c r="AI36" i="6"/>
  <c r="AI36" i="7" s="1"/>
  <c r="AH36" i="7"/>
  <c r="AI81" i="6"/>
  <c r="AI81" i="7" s="1"/>
  <c r="AH81" i="7"/>
  <c r="AI61" i="6"/>
  <c r="AI61" i="7" s="1"/>
  <c r="AH61" i="7"/>
  <c r="AI79" i="6"/>
  <c r="AI79" i="7" s="1"/>
  <c r="AH79" i="7"/>
  <c r="AI41" i="6"/>
  <c r="AI41" i="7" s="1"/>
  <c r="AH41" i="7"/>
  <c r="AI71" i="6"/>
  <c r="AI71" i="7" s="1"/>
  <c r="AH71" i="7"/>
  <c r="AI72" i="6"/>
  <c r="AI72" i="7" s="1"/>
  <c r="AH72" i="7"/>
  <c r="AI75" i="6"/>
  <c r="AI75" i="7" s="1"/>
  <c r="AH75" i="7"/>
  <c r="AI44" i="6"/>
  <c r="AI44" i="7" s="1"/>
  <c r="AH44" i="7"/>
  <c r="AI82" i="6"/>
  <c r="AI82" i="7" s="1"/>
  <c r="AH82" i="7"/>
  <c r="AI58" i="6"/>
  <c r="AI58" i="7" s="1"/>
  <c r="AH58" i="7"/>
  <c r="AI45" i="6"/>
  <c r="AI45" i="7" s="1"/>
  <c r="AH45" i="7"/>
  <c r="AI49" i="6"/>
  <c r="AI49" i="7" s="1"/>
  <c r="AH49" i="7"/>
  <c r="AI56" i="6"/>
  <c r="AI56" i="7" s="1"/>
  <c r="AH56" i="7"/>
  <c r="AI76" i="6"/>
  <c r="AI76" i="7" s="1"/>
  <c r="AH76" i="7"/>
  <c r="AI64" i="6"/>
  <c r="AI64" i="7" s="1"/>
  <c r="AH64" i="7"/>
  <c r="AI63" i="6"/>
  <c r="AI63" i="7" s="1"/>
  <c r="AH63" i="7"/>
  <c r="AI28" i="6"/>
  <c r="AI28" i="7" s="1"/>
  <c r="AH28" i="7"/>
  <c r="AI57" i="6"/>
  <c r="AI57" i="7" s="1"/>
  <c r="AH57" i="7"/>
  <c r="AI60" i="6"/>
  <c r="AI60" i="7" s="1"/>
  <c r="AH60" i="7"/>
  <c r="T85" i="6" l="1"/>
  <c r="O85" i="7"/>
  <c r="S85" i="6"/>
  <c r="S85" i="7" s="1"/>
  <c r="R85" i="6"/>
  <c r="C68" i="25"/>
  <c r="D68" i="25"/>
  <c r="A68" i="25"/>
  <c r="Q87" i="7"/>
  <c r="F89" i="14"/>
  <c r="AH89" i="14" s="1"/>
  <c r="B68" i="23"/>
  <c r="W83" i="6"/>
  <c r="U83" i="7"/>
  <c r="B69" i="25"/>
  <c r="C90" i="6"/>
  <c r="C90" i="14"/>
  <c r="C89" i="7"/>
  <c r="I89" i="6"/>
  <c r="D88" i="7"/>
  <c r="X88" i="6"/>
  <c r="C67" i="23"/>
  <c r="D67" i="23"/>
  <c r="A67" i="23"/>
  <c r="T84" i="7"/>
  <c r="V84" i="6"/>
  <c r="V84" i="7" s="1"/>
  <c r="I88" i="7"/>
  <c r="L88" i="6"/>
  <c r="K88" i="6"/>
  <c r="K88" i="7" s="1"/>
  <c r="Y88" i="6"/>
  <c r="Y88" i="7" s="1"/>
  <c r="Q88" i="6"/>
  <c r="D89" i="6"/>
  <c r="D89" i="14"/>
  <c r="M86" i="7"/>
  <c r="R84" i="7"/>
  <c r="U84" i="6"/>
  <c r="O86" i="6"/>
  <c r="N86" i="7"/>
  <c r="L87" i="7"/>
  <c r="N87" i="6"/>
  <c r="M87" i="6"/>
  <c r="M87" i="7" s="1"/>
  <c r="V67" i="25"/>
  <c r="L67" i="25"/>
  <c r="N67" i="25"/>
  <c r="P67" i="25"/>
  <c r="AD67" i="25"/>
  <c r="AB67" i="25"/>
  <c r="F67" i="25"/>
  <c r="H67" i="25"/>
  <c r="T67" i="25"/>
  <c r="X67" i="25"/>
  <c r="R67" i="25"/>
  <c r="J67" i="25"/>
  <c r="Z67" i="25"/>
  <c r="E89" i="14"/>
  <c r="M89" i="22"/>
  <c r="E89" i="6"/>
  <c r="E89" i="7" s="1"/>
  <c r="BV86" i="14"/>
  <c r="BI86" i="14"/>
  <c r="CI86" i="14"/>
  <c r="BE86" i="14"/>
  <c r="CE86" i="14"/>
  <c r="BR86" i="14"/>
  <c r="CD86" i="14"/>
  <c r="BD86" i="14"/>
  <c r="BQ86" i="14"/>
  <c r="BA86" i="14"/>
  <c r="BN86" i="14"/>
  <c r="CA86" i="14"/>
  <c r="BM86" i="14"/>
  <c r="BZ86" i="14"/>
  <c r="AZ86" i="14"/>
  <c r="BT86" i="14"/>
  <c r="CG86" i="14"/>
  <c r="BG86" i="14"/>
  <c r="BB86" i="14"/>
  <c r="BO86" i="14"/>
  <c r="CB86" i="14"/>
  <c r="BU86" i="14"/>
  <c r="CH86" i="14"/>
  <c r="BH86" i="14"/>
  <c r="BP86" i="14"/>
  <c r="CC86" i="14"/>
  <c r="BC86" i="14"/>
  <c r="BK86" i="14"/>
  <c r="BX86" i="14"/>
  <c r="CK86" i="14"/>
  <c r="BJ86" i="14"/>
  <c r="BW86" i="14"/>
  <c r="CJ86" i="14"/>
  <c r="BS86" i="14"/>
  <c r="CF86" i="14"/>
  <c r="BF86" i="14"/>
  <c r="BI88" i="22"/>
  <c r="AD88" i="14" s="1"/>
  <c r="AR88" i="14" s="1"/>
  <c r="BK88" i="22"/>
  <c r="AF88" i="14" s="1"/>
  <c r="AT88" i="14" s="1"/>
  <c r="BA88" i="22"/>
  <c r="V88" i="14" s="1"/>
  <c r="AJ88" i="14" s="1"/>
  <c r="BB88" i="22"/>
  <c r="W88" i="14" s="1"/>
  <c r="AK88" i="14" s="1"/>
  <c r="BD88" i="22"/>
  <c r="Y88" i="14" s="1"/>
  <c r="AM88" i="14" s="1"/>
  <c r="BH88" i="22"/>
  <c r="AC88" i="14" s="1"/>
  <c r="AQ88" i="14" s="1"/>
  <c r="BJ88" i="22"/>
  <c r="AE88" i="14" s="1"/>
  <c r="AS88" i="14" s="1"/>
  <c r="BL88" i="22"/>
  <c r="AG88" i="14" s="1"/>
  <c r="AU88" i="14" s="1"/>
  <c r="BE88" i="22"/>
  <c r="Z88" i="14" s="1"/>
  <c r="AN88" i="14" s="1"/>
  <c r="BF88" i="22"/>
  <c r="AA88" i="14" s="1"/>
  <c r="AO88" i="14" s="1"/>
  <c r="BC88" i="22"/>
  <c r="X88" i="14" s="1"/>
  <c r="AL88" i="14" s="1"/>
  <c r="BG88" i="22"/>
  <c r="AB88" i="14" s="1"/>
  <c r="AP88" i="14" s="1"/>
  <c r="AA89" i="22" a="1"/>
  <c r="AA89" i="22" s="1"/>
  <c r="AN89" i="22" s="1"/>
  <c r="I89" i="14" s="1"/>
  <c r="AD89" i="22" a="1"/>
  <c r="AD89" i="22" s="1"/>
  <c r="AQ89" i="22" s="1"/>
  <c r="L89" i="14" s="1"/>
  <c r="AH89" i="22" a="1"/>
  <c r="AH89" i="22" s="1"/>
  <c r="AU89" i="22" s="1"/>
  <c r="P89" i="14" s="1"/>
  <c r="AI89" i="22" a="1"/>
  <c r="AI89" i="22" s="1"/>
  <c r="AV89" i="22" s="1"/>
  <c r="Q89" i="14" s="1"/>
  <c r="AB89" i="22" a="1"/>
  <c r="AB89" i="22" s="1"/>
  <c r="AO89" i="22" s="1"/>
  <c r="J89" i="14" s="1"/>
  <c r="AE89" i="22" a="1"/>
  <c r="AE89" i="22" s="1"/>
  <c r="AR89" i="22" s="1"/>
  <c r="M89" i="14" s="1"/>
  <c r="AJ89" i="22" a="1"/>
  <c r="AJ89" i="22" s="1"/>
  <c r="AW89" i="22" s="1"/>
  <c r="R89" i="14" s="1"/>
  <c r="AC89" i="22" a="1"/>
  <c r="AC89" i="22" s="1"/>
  <c r="AP89" i="22" s="1"/>
  <c r="K89" i="14" s="1"/>
  <c r="AF89" i="22" a="1"/>
  <c r="AF89" i="22" s="1"/>
  <c r="AS89" i="22" s="1"/>
  <c r="N89" i="14" s="1"/>
  <c r="AG89" i="22" a="1"/>
  <c r="AG89" i="22" s="1"/>
  <c r="AT89" i="22" s="1"/>
  <c r="O89" i="14" s="1"/>
  <c r="AK89" i="22" a="1"/>
  <c r="AK89" i="22" s="1"/>
  <c r="AX89" i="22" s="1"/>
  <c r="S89" i="14" s="1"/>
  <c r="C91" i="22"/>
  <c r="H90" i="22"/>
  <c r="G90" i="6" s="1"/>
  <c r="G90" i="7" s="1"/>
  <c r="D90" i="22"/>
  <c r="J90" i="22"/>
  <c r="E90" i="22"/>
  <c r="L90" i="22"/>
  <c r="AY90" i="22" s="1"/>
  <c r="T90" i="14" s="1"/>
  <c r="I90" i="22"/>
  <c r="H90" i="6" s="1"/>
  <c r="H90" i="7" s="1"/>
  <c r="K90" i="22"/>
  <c r="AF90" i="22" s="1" a="1"/>
  <c r="AF90" i="22" s="1"/>
  <c r="AS90" i="22" s="1"/>
  <c r="N90" i="14" s="1"/>
  <c r="F90" i="22"/>
  <c r="G90" i="22"/>
  <c r="F90" i="6" s="1"/>
  <c r="F90" i="7" s="1"/>
  <c r="B90" i="22"/>
  <c r="B90" i="6" s="1"/>
  <c r="B90" i="7" s="1"/>
  <c r="P89" i="22"/>
  <c r="Q89" i="22" s="1"/>
  <c r="BE87" i="22"/>
  <c r="Z87" i="14" s="1"/>
  <c r="AN87" i="14" s="1"/>
  <c r="BF87" i="22"/>
  <c r="AA87" i="14" s="1"/>
  <c r="AO87" i="14" s="1"/>
  <c r="BG87" i="22"/>
  <c r="AB87" i="14" s="1"/>
  <c r="AP87" i="14" s="1"/>
  <c r="BD87" i="22"/>
  <c r="Y87" i="14" s="1"/>
  <c r="AM87" i="14" s="1"/>
  <c r="BK87" i="22"/>
  <c r="AF87" i="14" s="1"/>
  <c r="AT87" i="14" s="1"/>
  <c r="BH87" i="22"/>
  <c r="AC87" i="14" s="1"/>
  <c r="AQ87" i="14" s="1"/>
  <c r="BA87" i="22"/>
  <c r="V87" i="14" s="1"/>
  <c r="AJ87" i="14" s="1"/>
  <c r="BL87" i="22"/>
  <c r="AG87" i="14" s="1"/>
  <c r="AU87" i="14" s="1"/>
  <c r="BI87" i="22"/>
  <c r="AD87" i="14" s="1"/>
  <c r="AR87" i="14" s="1"/>
  <c r="BB87" i="22"/>
  <c r="W87" i="14" s="1"/>
  <c r="AK87" i="14" s="1"/>
  <c r="BJ87" i="22"/>
  <c r="AE87" i="14" s="1"/>
  <c r="AS87" i="14" s="1"/>
  <c r="BC87" i="22"/>
  <c r="X87" i="14" s="1"/>
  <c r="AL87" i="14" s="1"/>
  <c r="AJ75" i="6"/>
  <c r="AJ64" i="6"/>
  <c r="AJ76" i="6"/>
  <c r="AJ56" i="6"/>
  <c r="AJ57" i="6"/>
  <c r="AJ60" i="6"/>
  <c r="AJ49" i="6"/>
  <c r="AJ58" i="6"/>
  <c r="AJ44" i="6"/>
  <c r="AJ71" i="6"/>
  <c r="AJ61" i="6"/>
  <c r="AJ38" i="6"/>
  <c r="AJ52" i="6"/>
  <c r="AJ34" i="6"/>
  <c r="AJ78" i="6"/>
  <c r="AJ68" i="6"/>
  <c r="AJ67" i="6"/>
  <c r="AJ59" i="6"/>
  <c r="AJ53" i="6"/>
  <c r="AJ63" i="6"/>
  <c r="AJ45" i="6"/>
  <c r="AJ82" i="6"/>
  <c r="AJ79" i="6"/>
  <c r="AJ39" i="6"/>
  <c r="AJ50" i="6"/>
  <c r="AJ32" i="6"/>
  <c r="AJ55" i="6"/>
  <c r="AJ33" i="6"/>
  <c r="AJ73" i="6"/>
  <c r="AJ54" i="6"/>
  <c r="AJ51" i="6"/>
  <c r="AJ81" i="6"/>
  <c r="AJ36" i="6"/>
  <c r="AJ46" i="6"/>
  <c r="AJ43" i="6"/>
  <c r="AJ47" i="6"/>
  <c r="AJ62" i="6"/>
  <c r="AJ65" i="6"/>
  <c r="AJ35" i="6"/>
  <c r="AJ29" i="6"/>
  <c r="AJ66" i="6"/>
  <c r="AJ28" i="6"/>
  <c r="AJ72" i="6"/>
  <c r="AJ41" i="6"/>
  <c r="AJ77" i="6"/>
  <c r="AJ40" i="6"/>
  <c r="AJ30" i="6"/>
  <c r="AJ37" i="6"/>
  <c r="AJ74" i="6"/>
  <c r="AJ48" i="6"/>
  <c r="AJ42" i="6"/>
  <c r="AJ80" i="6"/>
  <c r="AJ69" i="6"/>
  <c r="AJ31" i="6"/>
  <c r="AJ70" i="6"/>
  <c r="D90" i="6" l="1"/>
  <c r="D90" i="14"/>
  <c r="Q88" i="7"/>
  <c r="B69" i="23"/>
  <c r="F90" i="14"/>
  <c r="AH90" i="14" s="1"/>
  <c r="S86" i="6"/>
  <c r="S86" i="7" s="1"/>
  <c r="O86" i="7"/>
  <c r="T86" i="6"/>
  <c r="C90" i="7"/>
  <c r="I90" i="6"/>
  <c r="B70" i="25"/>
  <c r="C91" i="6"/>
  <c r="C91" i="14"/>
  <c r="W84" i="6"/>
  <c r="U84" i="7"/>
  <c r="C69" i="25"/>
  <c r="D69" i="25"/>
  <c r="A69" i="25"/>
  <c r="T68" i="25"/>
  <c r="J68" i="25"/>
  <c r="L68" i="25"/>
  <c r="R68" i="25"/>
  <c r="Z68" i="25"/>
  <c r="AB68" i="25"/>
  <c r="H68" i="25"/>
  <c r="AD68" i="25"/>
  <c r="V68" i="25"/>
  <c r="N68" i="25"/>
  <c r="X68" i="25"/>
  <c r="F68" i="25"/>
  <c r="P68" i="25"/>
  <c r="L88" i="7"/>
  <c r="N88" i="6"/>
  <c r="M88" i="6"/>
  <c r="M88" i="7" s="1"/>
  <c r="W83" i="7"/>
  <c r="AX83" i="6"/>
  <c r="AA62" i="25" s="1"/>
  <c r="AP83" i="6"/>
  <c r="K62" i="25" s="1"/>
  <c r="AN83" i="6"/>
  <c r="G62" i="25" s="1"/>
  <c r="AW83" i="6"/>
  <c r="Y62" i="25" s="1"/>
  <c r="AY83" i="6"/>
  <c r="AC62" i="25" s="1"/>
  <c r="AR83" i="6"/>
  <c r="O62" i="25" s="1"/>
  <c r="AO83" i="6"/>
  <c r="I62" i="25" s="1"/>
  <c r="AQ83" i="6"/>
  <c r="M62" i="25" s="1"/>
  <c r="AT83" i="6"/>
  <c r="S62" i="25" s="1"/>
  <c r="AU83" i="6"/>
  <c r="U62" i="25" s="1"/>
  <c r="AS83" i="6"/>
  <c r="Q62" i="25" s="1"/>
  <c r="AV83" i="6"/>
  <c r="W62" i="25" s="1"/>
  <c r="AM83" i="6"/>
  <c r="E62" i="25" s="1"/>
  <c r="R85" i="7"/>
  <c r="U85" i="6"/>
  <c r="R86" i="6"/>
  <c r="D68" i="23"/>
  <c r="C68" i="23"/>
  <c r="A68" i="23"/>
  <c r="O87" i="6"/>
  <c r="N87" i="7"/>
  <c r="I89" i="7"/>
  <c r="L89" i="6"/>
  <c r="Q89" i="6"/>
  <c r="Y89" i="6"/>
  <c r="Y89" i="7" s="1"/>
  <c r="K89" i="6"/>
  <c r="K89" i="7" s="1"/>
  <c r="D89" i="7"/>
  <c r="X89" i="6"/>
  <c r="T85" i="7"/>
  <c r="V85" i="6"/>
  <c r="V85" i="7" s="1"/>
  <c r="E90" i="6"/>
  <c r="E90" i="7" s="1"/>
  <c r="M90" i="22"/>
  <c r="E90" i="14"/>
  <c r="DD86" i="14"/>
  <c r="GD86" i="14" s="1"/>
  <c r="CQ86" i="14"/>
  <c r="FQ86" i="14" s="1"/>
  <c r="CK87" i="14"/>
  <c r="BX87" i="14"/>
  <c r="BK87" i="14"/>
  <c r="BB88" i="14"/>
  <c r="BO88" i="14"/>
  <c r="CB88" i="14"/>
  <c r="BZ88" i="14"/>
  <c r="BM88" i="14"/>
  <c r="AZ88" i="14"/>
  <c r="CW86" i="14"/>
  <c r="FW86" i="14" s="1"/>
  <c r="DJ86" i="14"/>
  <c r="GJ86" i="14" s="1"/>
  <c r="EU86" i="14"/>
  <c r="HU86" i="14" s="1"/>
  <c r="FH86" i="14"/>
  <c r="IH86" i="14" s="1"/>
  <c r="CM86" i="14"/>
  <c r="FM86" i="14" s="1"/>
  <c r="CZ86" i="14"/>
  <c r="FZ86" i="14" s="1"/>
  <c r="FD86" i="14"/>
  <c r="ID86" i="14" s="1"/>
  <c r="EQ86" i="14"/>
  <c r="HQ86" i="14" s="1"/>
  <c r="EG86" i="14"/>
  <c r="HG86" i="14" s="1"/>
  <c r="DT86" i="14"/>
  <c r="GT86" i="14" s="1"/>
  <c r="BM87" i="14"/>
  <c r="AZ87" i="14"/>
  <c r="BZ87" i="14"/>
  <c r="BR88" i="14"/>
  <c r="CE88" i="14"/>
  <c r="BE88" i="14"/>
  <c r="CJ88" i="14"/>
  <c r="BJ88" i="14"/>
  <c r="BW88" i="14"/>
  <c r="FK86" i="14"/>
  <c r="IK86" i="14" s="1"/>
  <c r="EX86" i="14"/>
  <c r="HX86" i="14" s="1"/>
  <c r="EH86" i="14"/>
  <c r="HH86" i="14" s="1"/>
  <c r="DU86" i="14"/>
  <c r="GU86" i="14" s="1"/>
  <c r="EM86" i="14"/>
  <c r="HM86" i="14" s="1"/>
  <c r="EZ86" i="14"/>
  <c r="HZ86" i="14" s="1"/>
  <c r="EE86" i="14"/>
  <c r="HE86" i="14" s="1"/>
  <c r="DR86" i="14"/>
  <c r="GR86" i="14" s="1"/>
  <c r="CH87" i="14"/>
  <c r="BU87" i="14"/>
  <c r="BH87" i="14"/>
  <c r="CU86" i="14"/>
  <c r="FU86" i="14" s="1"/>
  <c r="DH86" i="14"/>
  <c r="GH86" i="14" s="1"/>
  <c r="CG87" i="14"/>
  <c r="BG87" i="14"/>
  <c r="BT87" i="14"/>
  <c r="BQ88" i="14"/>
  <c r="CD88" i="14"/>
  <c r="BD88" i="14"/>
  <c r="CH88" i="14"/>
  <c r="BU88" i="14"/>
  <c r="BH88" i="14"/>
  <c r="DX86" i="14"/>
  <c r="GX86" i="14" s="1"/>
  <c r="EK86" i="14"/>
  <c r="HK86" i="14" s="1"/>
  <c r="FB86" i="14"/>
  <c r="IB86" i="14" s="1"/>
  <c r="EO86" i="14"/>
  <c r="HO86" i="14" s="1"/>
  <c r="DM86" i="14"/>
  <c r="GM86" i="14" s="1"/>
  <c r="DZ86" i="14"/>
  <c r="GZ86" i="14" s="1"/>
  <c r="FE86" i="14"/>
  <c r="IE86" i="14" s="1"/>
  <c r="ER86" i="14"/>
  <c r="HR86" i="14" s="1"/>
  <c r="CF88" i="14"/>
  <c r="BF88" i="14"/>
  <c r="BS88" i="14"/>
  <c r="DW86" i="14"/>
  <c r="GW86" i="14" s="1"/>
  <c r="EJ86" i="14"/>
  <c r="HJ86" i="14" s="1"/>
  <c r="CJ87" i="14"/>
  <c r="BW87" i="14"/>
  <c r="BJ87" i="14"/>
  <c r="BX88" i="14"/>
  <c r="BK88" i="14"/>
  <c r="CK88" i="14"/>
  <c r="CS86" i="14"/>
  <c r="FS86" i="14" s="1"/>
  <c r="DF86" i="14"/>
  <c r="GF86" i="14" s="1"/>
  <c r="CX86" i="14"/>
  <c r="FX86" i="14" s="1"/>
  <c r="DK86" i="14"/>
  <c r="GK86" i="14" s="1"/>
  <c r="DO86" i="14"/>
  <c r="GO86" i="14" s="1"/>
  <c r="EB86" i="14"/>
  <c r="HB86" i="14" s="1"/>
  <c r="EN86" i="14"/>
  <c r="HN86" i="14" s="1"/>
  <c r="FA86" i="14"/>
  <c r="IA86" i="14" s="1"/>
  <c r="DE86" i="14"/>
  <c r="GE86" i="14" s="1"/>
  <c r="CR86" i="14"/>
  <c r="FR86" i="14" s="1"/>
  <c r="BB87" i="14"/>
  <c r="CB87" i="14"/>
  <c r="BO87" i="14"/>
  <c r="BP87" i="14"/>
  <c r="BC87" i="14"/>
  <c r="CC87" i="14"/>
  <c r="BV88" i="14"/>
  <c r="CI88" i="14"/>
  <c r="BI88" i="14"/>
  <c r="FF86" i="14"/>
  <c r="IF86" i="14" s="1"/>
  <c r="ES86" i="14"/>
  <c r="HS86" i="14" s="1"/>
  <c r="CP86" i="14"/>
  <c r="FP86" i="14" s="1"/>
  <c r="DC86" i="14"/>
  <c r="GC86" i="14" s="1"/>
  <c r="CO86" i="14"/>
  <c r="FO86" i="14" s="1"/>
  <c r="DB86" i="14"/>
  <c r="GB86" i="14" s="1"/>
  <c r="DN86" i="14"/>
  <c r="GN86" i="14" s="1"/>
  <c r="EA86" i="14"/>
  <c r="HA86" i="14" s="1"/>
  <c r="EV86" i="14"/>
  <c r="HV86" i="14" s="1"/>
  <c r="FI86" i="14"/>
  <c r="II86" i="14" s="1"/>
  <c r="BQ87" i="14"/>
  <c r="BD87" i="14"/>
  <c r="CD87" i="14"/>
  <c r="BI87" i="14"/>
  <c r="CI87" i="14"/>
  <c r="BV87" i="14"/>
  <c r="BS87" i="14"/>
  <c r="BF87" i="14"/>
  <c r="CF87" i="14"/>
  <c r="CG88" i="14"/>
  <c r="BG88" i="14"/>
  <c r="BT88" i="14"/>
  <c r="EF86" i="14"/>
  <c r="HF86" i="14" s="1"/>
  <c r="DS86" i="14"/>
  <c r="GS86" i="14" s="1"/>
  <c r="FC86" i="14"/>
  <c r="IC86" i="14" s="1"/>
  <c r="EP86" i="14"/>
  <c r="HP86" i="14" s="1"/>
  <c r="CT86" i="14"/>
  <c r="FT86" i="14" s="1"/>
  <c r="DG86" i="14"/>
  <c r="GG86" i="14" s="1"/>
  <c r="DA86" i="14"/>
  <c r="GA86" i="14" s="1"/>
  <c r="CN86" i="14"/>
  <c r="FN86" i="14" s="1"/>
  <c r="DI86" i="14"/>
  <c r="GI86" i="14" s="1"/>
  <c r="CV86" i="14"/>
  <c r="FV86" i="14" s="1"/>
  <c r="BN88" i="14"/>
  <c r="BA88" i="14"/>
  <c r="CA88" i="14"/>
  <c r="BA87" i="14"/>
  <c r="BN87" i="14"/>
  <c r="CA87" i="14"/>
  <c r="BE87" i="14"/>
  <c r="CE87" i="14"/>
  <c r="BR87" i="14"/>
  <c r="BC88" i="14"/>
  <c r="BP88" i="14"/>
  <c r="CC88" i="14"/>
  <c r="FJ86" i="14"/>
  <c r="IJ86" i="14" s="1"/>
  <c r="EW86" i="14"/>
  <c r="HW86" i="14" s="1"/>
  <c r="DP86" i="14"/>
  <c r="GP86" i="14" s="1"/>
  <c r="EC86" i="14"/>
  <c r="HC86" i="14" s="1"/>
  <c r="ET86" i="14"/>
  <c r="HT86" i="14" s="1"/>
  <c r="FG86" i="14"/>
  <c r="IG86" i="14" s="1"/>
  <c r="DQ86" i="14"/>
  <c r="GQ86" i="14" s="1"/>
  <c r="ED86" i="14"/>
  <c r="HD86" i="14" s="1"/>
  <c r="DV86" i="14"/>
  <c r="GV86" i="14" s="1"/>
  <c r="EI86" i="14"/>
  <c r="HI86" i="14" s="1"/>
  <c r="P90" i="22"/>
  <c r="Q90" i="22" s="1"/>
  <c r="C92" i="22"/>
  <c r="K91" i="22"/>
  <c r="L91" i="22"/>
  <c r="AY91" i="22" s="1"/>
  <c r="T91" i="14" s="1"/>
  <c r="H91" i="22"/>
  <c r="G91" i="6" s="1"/>
  <c r="G91" i="7" s="1"/>
  <c r="J91" i="22"/>
  <c r="I91" i="22"/>
  <c r="H91" i="6" s="1"/>
  <c r="H91" i="7" s="1"/>
  <c r="E91" i="22"/>
  <c r="G91" i="22"/>
  <c r="F91" i="6" s="1"/>
  <c r="F91" i="7" s="1"/>
  <c r="F91" i="22"/>
  <c r="D91" i="22"/>
  <c r="B91" i="22"/>
  <c r="B91" i="6" s="1"/>
  <c r="B91" i="7" s="1"/>
  <c r="R89" i="22"/>
  <c r="X89" i="22" s="1"/>
  <c r="Y89" i="22" s="1"/>
  <c r="Z89" i="22" s="1"/>
  <c r="G89" i="14" s="1"/>
  <c r="AB90" i="22" a="1"/>
  <c r="AB90" i="22" s="1"/>
  <c r="AO90" i="22" s="1"/>
  <c r="J90" i="14" s="1"/>
  <c r="AE90" i="22" a="1"/>
  <c r="AE90" i="22" s="1"/>
  <c r="AR90" i="22" s="1"/>
  <c r="M90" i="14" s="1"/>
  <c r="AH90" i="22" a="1"/>
  <c r="AH90" i="22" s="1"/>
  <c r="AU90" i="22" s="1"/>
  <c r="P90" i="14" s="1"/>
  <c r="AA90" i="22" a="1"/>
  <c r="AA90" i="22" s="1"/>
  <c r="AN90" i="22" s="1"/>
  <c r="I90" i="14" s="1"/>
  <c r="AG90" i="22" a="1"/>
  <c r="AG90" i="22" s="1"/>
  <c r="AT90" i="22" s="1"/>
  <c r="O90" i="14" s="1"/>
  <c r="AJ90" i="22" a="1"/>
  <c r="AJ90" i="22" s="1"/>
  <c r="AW90" i="22" s="1"/>
  <c r="R90" i="14" s="1"/>
  <c r="AK90" i="22" a="1"/>
  <c r="AK90" i="22" s="1"/>
  <c r="AX90" i="22" s="1"/>
  <c r="S90" i="14" s="1"/>
  <c r="AI90" i="22" a="1"/>
  <c r="AI90" i="22" s="1"/>
  <c r="AV90" i="22" s="1"/>
  <c r="Q90" i="14" s="1"/>
  <c r="AD90" i="22" a="1"/>
  <c r="AD90" i="22" s="1"/>
  <c r="AQ90" i="22" s="1"/>
  <c r="L90" i="14" s="1"/>
  <c r="AC90" i="22" a="1"/>
  <c r="AC90" i="22" s="1"/>
  <c r="AP90" i="22" s="1"/>
  <c r="K90" i="14" s="1"/>
  <c r="AK29" i="6"/>
  <c r="AJ29" i="7"/>
  <c r="AJ35" i="7"/>
  <c r="AK35" i="6"/>
  <c r="AK51" i="6"/>
  <c r="AJ51" i="7"/>
  <c r="AJ79" i="7"/>
  <c r="AK79" i="6"/>
  <c r="AK78" i="6"/>
  <c r="AJ78" i="7"/>
  <c r="AJ49" i="7"/>
  <c r="AK49" i="6"/>
  <c r="AK37" i="6"/>
  <c r="AJ37" i="7"/>
  <c r="AK65" i="6"/>
  <c r="AJ65" i="7"/>
  <c r="AK82" i="6"/>
  <c r="AJ82" i="7"/>
  <c r="AK34" i="6"/>
  <c r="AJ34" i="7"/>
  <c r="AK60" i="6"/>
  <c r="AJ60" i="7"/>
  <c r="AJ39" i="7"/>
  <c r="AK39" i="6"/>
  <c r="AJ30" i="7"/>
  <c r="AK30" i="6"/>
  <c r="AK69" i="6"/>
  <c r="AJ69" i="7"/>
  <c r="AJ77" i="7"/>
  <c r="AK77" i="6"/>
  <c r="AK62" i="6"/>
  <c r="AJ62" i="7"/>
  <c r="AK73" i="6"/>
  <c r="AJ73" i="7"/>
  <c r="AJ45" i="7"/>
  <c r="AK45" i="6"/>
  <c r="AK52" i="6"/>
  <c r="AJ52" i="7"/>
  <c r="AK57" i="6"/>
  <c r="AJ57" i="7"/>
  <c r="AK58" i="6"/>
  <c r="AJ58" i="7"/>
  <c r="AJ31" i="7"/>
  <c r="AK31" i="6"/>
  <c r="AJ41" i="7"/>
  <c r="AK41" i="6"/>
  <c r="AJ47" i="7"/>
  <c r="AK47" i="6"/>
  <c r="AK33" i="6"/>
  <c r="AJ33" i="7"/>
  <c r="AJ63" i="7"/>
  <c r="AK63" i="6"/>
  <c r="AJ38" i="7"/>
  <c r="AK38" i="6"/>
  <c r="AK56" i="6"/>
  <c r="AJ56" i="7"/>
  <c r="AJ68" i="7"/>
  <c r="AK68" i="6"/>
  <c r="AJ40" i="7"/>
  <c r="AK40" i="6"/>
  <c r="AJ72" i="7"/>
  <c r="AK72" i="6"/>
  <c r="AJ43" i="7"/>
  <c r="AK43" i="6"/>
  <c r="AJ55" i="7"/>
  <c r="AK55" i="6"/>
  <c r="AK53" i="6"/>
  <c r="AJ53" i="7"/>
  <c r="AK61" i="6"/>
  <c r="AJ61" i="7"/>
  <c r="AJ76" i="7"/>
  <c r="AK76" i="6"/>
  <c r="AJ81" i="7"/>
  <c r="AK81" i="6"/>
  <c r="AJ54" i="7"/>
  <c r="AK54" i="6"/>
  <c r="AJ80" i="7"/>
  <c r="AK80" i="6"/>
  <c r="AK42" i="6"/>
  <c r="AJ42" i="7"/>
  <c r="AJ48" i="7"/>
  <c r="AK48" i="6"/>
  <c r="AK28" i="6"/>
  <c r="AJ28" i="7"/>
  <c r="AK46" i="6"/>
  <c r="AJ46" i="7"/>
  <c r="AK32" i="6"/>
  <c r="AJ32" i="7"/>
  <c r="AJ59" i="7"/>
  <c r="AK59" i="6"/>
  <c r="AJ71" i="7"/>
  <c r="AK71" i="6"/>
  <c r="AK64" i="6"/>
  <c r="AJ64" i="7"/>
  <c r="AJ70" i="7"/>
  <c r="AK70" i="6"/>
  <c r="AK74" i="6"/>
  <c r="AJ74" i="7"/>
  <c r="AK66" i="6"/>
  <c r="AJ66" i="7"/>
  <c r="AJ36" i="7"/>
  <c r="AK36" i="6"/>
  <c r="AK50" i="6"/>
  <c r="AJ50" i="7"/>
  <c r="AJ67" i="7"/>
  <c r="AK67" i="6"/>
  <c r="AJ44" i="7"/>
  <c r="AK44" i="6"/>
  <c r="AJ75" i="7"/>
  <c r="AK75" i="6"/>
  <c r="BY29" i="14"/>
  <c r="BY30" i="14"/>
  <c r="BY31" i="14"/>
  <c r="BY32" i="14"/>
  <c r="BY33" i="14"/>
  <c r="BY34" i="14"/>
  <c r="BY35" i="14"/>
  <c r="BY36" i="14"/>
  <c r="BY37" i="14"/>
  <c r="BY38" i="14"/>
  <c r="BY39" i="14"/>
  <c r="BY40" i="14"/>
  <c r="BY41" i="14"/>
  <c r="BY42" i="14"/>
  <c r="BY43" i="14"/>
  <c r="BY44" i="14"/>
  <c r="BY45" i="14"/>
  <c r="BY46" i="14"/>
  <c r="BY47" i="14"/>
  <c r="BY48" i="14"/>
  <c r="BY49" i="14"/>
  <c r="BY50" i="14"/>
  <c r="BY51" i="14"/>
  <c r="BY52" i="14"/>
  <c r="BY53" i="14"/>
  <c r="BY54" i="14"/>
  <c r="BY55" i="14"/>
  <c r="BY56" i="14"/>
  <c r="BY57" i="14"/>
  <c r="BY58" i="14"/>
  <c r="BY59" i="14"/>
  <c r="BY60" i="14"/>
  <c r="BY61" i="14"/>
  <c r="BY62" i="14"/>
  <c r="BY63" i="14"/>
  <c r="BY64" i="14"/>
  <c r="BY65" i="14"/>
  <c r="BY66" i="14"/>
  <c r="BY67" i="14"/>
  <c r="BY68" i="14"/>
  <c r="BY69" i="14"/>
  <c r="BY70" i="14"/>
  <c r="BY71" i="14"/>
  <c r="BY72" i="14"/>
  <c r="BY73" i="14"/>
  <c r="BY74" i="14"/>
  <c r="BY75" i="14"/>
  <c r="BY76" i="14"/>
  <c r="BY77" i="14"/>
  <c r="BY78" i="14"/>
  <c r="BY79" i="14"/>
  <c r="BY80" i="14"/>
  <c r="BY81" i="14"/>
  <c r="BY82" i="14"/>
  <c r="BL29" i="14"/>
  <c r="BL30" i="14"/>
  <c r="BL31" i="14"/>
  <c r="BL32" i="14"/>
  <c r="BL33" i="14"/>
  <c r="BL34" i="14"/>
  <c r="BL35" i="14"/>
  <c r="BL36" i="14"/>
  <c r="BL37" i="14"/>
  <c r="BL38" i="14"/>
  <c r="BL39" i="14"/>
  <c r="BL40" i="14"/>
  <c r="BL41" i="14"/>
  <c r="BL42" i="14"/>
  <c r="BL43" i="14"/>
  <c r="BL44" i="14"/>
  <c r="BL45" i="14"/>
  <c r="BL46" i="14"/>
  <c r="BL47" i="14"/>
  <c r="BL48" i="14"/>
  <c r="BL49" i="14"/>
  <c r="BL50" i="14"/>
  <c r="BL51" i="14"/>
  <c r="BL52" i="14"/>
  <c r="BL53" i="14"/>
  <c r="BL54" i="14"/>
  <c r="BL55" i="14"/>
  <c r="BL56" i="14"/>
  <c r="BL57" i="14"/>
  <c r="BL58" i="14"/>
  <c r="BL59" i="14"/>
  <c r="BL60" i="14"/>
  <c r="BL61" i="14"/>
  <c r="BL62" i="14"/>
  <c r="BL63" i="14"/>
  <c r="BL64" i="14"/>
  <c r="BL65" i="14"/>
  <c r="BL66" i="14"/>
  <c r="BL67" i="14"/>
  <c r="BL68" i="14"/>
  <c r="BL69" i="14"/>
  <c r="BL70" i="14"/>
  <c r="BL71" i="14"/>
  <c r="BL72" i="14"/>
  <c r="BL73" i="14"/>
  <c r="BL74" i="14"/>
  <c r="BL75" i="14"/>
  <c r="BL76" i="14"/>
  <c r="BL77" i="14"/>
  <c r="BL78" i="14"/>
  <c r="BL79" i="14"/>
  <c r="BL80" i="14"/>
  <c r="BL81" i="14"/>
  <c r="BL82" i="14"/>
  <c r="AY29" i="14"/>
  <c r="AY30" i="14"/>
  <c r="AY31" i="14"/>
  <c r="AY32" i="14"/>
  <c r="AY33" i="14"/>
  <c r="AY34" i="14"/>
  <c r="AY35" i="14"/>
  <c r="AY36" i="14"/>
  <c r="AY37" i="14"/>
  <c r="AY38" i="14"/>
  <c r="AY39" i="14"/>
  <c r="AY40" i="14"/>
  <c r="AY41" i="14"/>
  <c r="AY42" i="14"/>
  <c r="AY43" i="14"/>
  <c r="AY44" i="14"/>
  <c r="AY45" i="14"/>
  <c r="AY46" i="14"/>
  <c r="AY47" i="14"/>
  <c r="AY48" i="14"/>
  <c r="AY49" i="14"/>
  <c r="AY50" i="14"/>
  <c r="AY51" i="14"/>
  <c r="AY52" i="14"/>
  <c r="AY53" i="14"/>
  <c r="AY54" i="14"/>
  <c r="AY55" i="14"/>
  <c r="AY56" i="14"/>
  <c r="AY57" i="14"/>
  <c r="AY58" i="14"/>
  <c r="AY59" i="14"/>
  <c r="AY60" i="14"/>
  <c r="AY61" i="14"/>
  <c r="AY62" i="14"/>
  <c r="AY63" i="14"/>
  <c r="AY64" i="14"/>
  <c r="AY65" i="14"/>
  <c r="AY66" i="14"/>
  <c r="AY67" i="14"/>
  <c r="AY68" i="14"/>
  <c r="AY69" i="14"/>
  <c r="AY70" i="14"/>
  <c r="AY71" i="14"/>
  <c r="AY72" i="14"/>
  <c r="AY73" i="14"/>
  <c r="AY74" i="14"/>
  <c r="AY75" i="14"/>
  <c r="AY76" i="14"/>
  <c r="AY77" i="14"/>
  <c r="AY78" i="14"/>
  <c r="AY79" i="14"/>
  <c r="AY80" i="14"/>
  <c r="AY81" i="14"/>
  <c r="AY82" i="14"/>
  <c r="BY28" i="14"/>
  <c r="B26" i="14"/>
  <c r="B88" i="14" l="1"/>
  <c r="B85" i="14"/>
  <c r="B84" i="14"/>
  <c r="B89" i="14"/>
  <c r="B87" i="14"/>
  <c r="B83" i="14"/>
  <c r="B86" i="14"/>
  <c r="Q89" i="7"/>
  <c r="R86" i="7"/>
  <c r="U86" i="6"/>
  <c r="AO83" i="7"/>
  <c r="I62" i="23" s="1"/>
  <c r="AP83" i="7"/>
  <c r="K62" i="23" s="1"/>
  <c r="AX83" i="7"/>
  <c r="AA62" i="23" s="1"/>
  <c r="AV83" i="7"/>
  <c r="W62" i="23" s="1"/>
  <c r="AW83" i="7"/>
  <c r="Y62" i="23" s="1"/>
  <c r="AN83" i="7"/>
  <c r="G62" i="23" s="1"/>
  <c r="AU83" i="7"/>
  <c r="U62" i="23" s="1"/>
  <c r="AY83" i="7"/>
  <c r="AC62" i="23" s="1"/>
  <c r="AM83" i="7"/>
  <c r="E62" i="23" s="1"/>
  <c r="AT83" i="7"/>
  <c r="S62" i="23" s="1"/>
  <c r="AS83" i="7"/>
  <c r="Q62" i="23" s="1"/>
  <c r="AQ83" i="7"/>
  <c r="M62" i="23" s="1"/>
  <c r="AR83" i="7"/>
  <c r="O62" i="23" s="1"/>
  <c r="C70" i="25"/>
  <c r="D70" i="25"/>
  <c r="A70" i="25"/>
  <c r="B90" i="14"/>
  <c r="L89" i="7"/>
  <c r="M89" i="6"/>
  <c r="M89" i="7" s="1"/>
  <c r="N89" i="6"/>
  <c r="W85" i="6"/>
  <c r="U85" i="7"/>
  <c r="I90" i="7"/>
  <c r="Y90" i="6"/>
  <c r="Y90" i="7" s="1"/>
  <c r="L90" i="6"/>
  <c r="K90" i="6"/>
  <c r="K90" i="7" s="1"/>
  <c r="Q90" i="6"/>
  <c r="O88" i="6"/>
  <c r="N88" i="7"/>
  <c r="P69" i="25"/>
  <c r="F69" i="25"/>
  <c r="AB69" i="25"/>
  <c r="H69" i="25"/>
  <c r="AD69" i="25"/>
  <c r="L69" i="25"/>
  <c r="X69" i="25"/>
  <c r="N69" i="25"/>
  <c r="T69" i="25"/>
  <c r="V69" i="25"/>
  <c r="Z69" i="25"/>
  <c r="R69" i="25"/>
  <c r="J69" i="25"/>
  <c r="T86" i="7"/>
  <c r="V86" i="6"/>
  <c r="V86" i="7" s="1"/>
  <c r="D91" i="14"/>
  <c r="D91" i="6"/>
  <c r="O87" i="7"/>
  <c r="S87" i="6"/>
  <c r="S87" i="7" s="1"/>
  <c r="R87" i="6"/>
  <c r="T87" i="6"/>
  <c r="B71" i="25"/>
  <c r="C92" i="6"/>
  <c r="C92" i="14"/>
  <c r="W84" i="7"/>
  <c r="AX84" i="6"/>
  <c r="AO84" i="6"/>
  <c r="AQ84" i="6"/>
  <c r="AS84" i="6"/>
  <c r="AT84" i="6"/>
  <c r="AY84" i="6"/>
  <c r="AN84" i="6"/>
  <c r="AW84" i="6"/>
  <c r="AR84" i="6"/>
  <c r="AM84" i="6"/>
  <c r="E63" i="25" s="1"/>
  <c r="AV84" i="6"/>
  <c r="AP84" i="6"/>
  <c r="AU84" i="6"/>
  <c r="B91" i="14"/>
  <c r="B70" i="23"/>
  <c r="F91" i="14"/>
  <c r="AH91" i="14" s="1"/>
  <c r="D90" i="7"/>
  <c r="X90" i="6"/>
  <c r="C91" i="7"/>
  <c r="I91" i="6"/>
  <c r="C69" i="23"/>
  <c r="D69" i="23"/>
  <c r="A69" i="23"/>
  <c r="M91" i="22"/>
  <c r="E91" i="14"/>
  <c r="E91" i="6"/>
  <c r="E91" i="7" s="1"/>
  <c r="DI87" i="14"/>
  <c r="GI87" i="14" s="1"/>
  <c r="CV87" i="14"/>
  <c r="FV87" i="14" s="1"/>
  <c r="FB88" i="14"/>
  <c r="IB88" i="14" s="1"/>
  <c r="EO88" i="14"/>
  <c r="HO88" i="14" s="1"/>
  <c r="EA87" i="14"/>
  <c r="HA87" i="14" s="1"/>
  <c r="DN87" i="14"/>
  <c r="GN87" i="14" s="1"/>
  <c r="DG88" i="14"/>
  <c r="GG88" i="14" s="1"/>
  <c r="CT88" i="14"/>
  <c r="FT88" i="14" s="1"/>
  <c r="EQ87" i="14"/>
  <c r="HQ87" i="14" s="1"/>
  <c r="FD87" i="14"/>
  <c r="ID87" i="14" s="1"/>
  <c r="EP87" i="14"/>
  <c r="HP87" i="14" s="1"/>
  <c r="FC87" i="14"/>
  <c r="IC87" i="14" s="1"/>
  <c r="FK88" i="14"/>
  <c r="IK88" i="14" s="1"/>
  <c r="EX88" i="14"/>
  <c r="HX88" i="14" s="1"/>
  <c r="DS88" i="14"/>
  <c r="GS88" i="14" s="1"/>
  <c r="EF88" i="14"/>
  <c r="HF88" i="14" s="1"/>
  <c r="ED88" i="14"/>
  <c r="HD88" i="14" s="1"/>
  <c r="DQ88" i="14"/>
  <c r="GQ88" i="14" s="1"/>
  <c r="FH87" i="14"/>
  <c r="IH87" i="14" s="1"/>
  <c r="EU87" i="14"/>
  <c r="HU87" i="14" s="1"/>
  <c r="CZ87" i="14"/>
  <c r="FZ87" i="14" s="1"/>
  <c r="CM87" i="14"/>
  <c r="FM87" i="14" s="1"/>
  <c r="EB88" i="14"/>
  <c r="HB88" i="14" s="1"/>
  <c r="DO88" i="14"/>
  <c r="GO88" i="14" s="1"/>
  <c r="EI88" i="14"/>
  <c r="HI88" i="14" s="1"/>
  <c r="DV88" i="14"/>
  <c r="GV88" i="14" s="1"/>
  <c r="EP88" i="14"/>
  <c r="HP88" i="14" s="1"/>
  <c r="FC88" i="14"/>
  <c r="IC88" i="14" s="1"/>
  <c r="DA87" i="14"/>
  <c r="GA87" i="14" s="1"/>
  <c r="CN87" i="14"/>
  <c r="FN87" i="14" s="1"/>
  <c r="ET88" i="14"/>
  <c r="HT88" i="14" s="1"/>
  <c r="FG88" i="14"/>
  <c r="IG88" i="14" s="1"/>
  <c r="DD87" i="14"/>
  <c r="GD87" i="14" s="1"/>
  <c r="CQ87" i="14"/>
  <c r="FQ87" i="14" s="1"/>
  <c r="DC87" i="14"/>
  <c r="GC87" i="14" s="1"/>
  <c r="CP87" i="14"/>
  <c r="FP87" i="14" s="1"/>
  <c r="CX88" i="14"/>
  <c r="FX88" i="14" s="1"/>
  <c r="DK88" i="14"/>
  <c r="GK88" i="14" s="1"/>
  <c r="DF88" i="14"/>
  <c r="GF88" i="14" s="1"/>
  <c r="CS88" i="14"/>
  <c r="FS88" i="14" s="1"/>
  <c r="EG87" i="14"/>
  <c r="HG87" i="14" s="1"/>
  <c r="DT87" i="14"/>
  <c r="GT87" i="14" s="1"/>
  <c r="EJ88" i="14"/>
  <c r="HJ88" i="14" s="1"/>
  <c r="DW88" i="14"/>
  <c r="GW88" i="14" s="1"/>
  <c r="DM87" i="14"/>
  <c r="GM87" i="14" s="1"/>
  <c r="DZ87" i="14"/>
  <c r="GZ87" i="14" s="1"/>
  <c r="CO88" i="14"/>
  <c r="FO88" i="14" s="1"/>
  <c r="DB88" i="14"/>
  <c r="GB88" i="14" s="1"/>
  <c r="EN87" i="14"/>
  <c r="HN87" i="14" s="1"/>
  <c r="FA87" i="14"/>
  <c r="IA87" i="14" s="1"/>
  <c r="DP88" i="14"/>
  <c r="GP88" i="14" s="1"/>
  <c r="EC88" i="14"/>
  <c r="HC88" i="14" s="1"/>
  <c r="FA88" i="14"/>
  <c r="IA88" i="14" s="1"/>
  <c r="EN88" i="14"/>
  <c r="HN88" i="14" s="1"/>
  <c r="FF87" i="14"/>
  <c r="IF87" i="14" s="1"/>
  <c r="ES87" i="14"/>
  <c r="HS87" i="14" s="1"/>
  <c r="DQ87" i="14"/>
  <c r="GQ87" i="14" s="1"/>
  <c r="ED87" i="14"/>
  <c r="HD87" i="14" s="1"/>
  <c r="EC87" i="14"/>
  <c r="HC87" i="14" s="1"/>
  <c r="DP87" i="14"/>
  <c r="GP87" i="14" s="1"/>
  <c r="DX88" i="14"/>
  <c r="GX88" i="14" s="1"/>
  <c r="EK88" i="14"/>
  <c r="HK88" i="14" s="1"/>
  <c r="FF88" i="14"/>
  <c r="IF88" i="14" s="1"/>
  <c r="ES88" i="14"/>
  <c r="HS88" i="14" s="1"/>
  <c r="DG87" i="14"/>
  <c r="GG87" i="14" s="1"/>
  <c r="CT87" i="14"/>
  <c r="FT87" i="14" s="1"/>
  <c r="CW88" i="14"/>
  <c r="FW88" i="14" s="1"/>
  <c r="DJ88" i="14"/>
  <c r="GJ88" i="14" s="1"/>
  <c r="DK87" i="14"/>
  <c r="GK87" i="14" s="1"/>
  <c r="CX87" i="14"/>
  <c r="FX87" i="14" s="1"/>
  <c r="EH87" i="14"/>
  <c r="HH87" i="14" s="1"/>
  <c r="DU87" i="14"/>
  <c r="GU87" i="14" s="1"/>
  <c r="CP88" i="14"/>
  <c r="FP88" i="14" s="1"/>
  <c r="DC88" i="14"/>
  <c r="GC88" i="14" s="1"/>
  <c r="CN88" i="14"/>
  <c r="FN88" i="14" s="1"/>
  <c r="DA88" i="14"/>
  <c r="GA88" i="14" s="1"/>
  <c r="CS87" i="14"/>
  <c r="FS87" i="14" s="1"/>
  <c r="DF87" i="14"/>
  <c r="GF87" i="14" s="1"/>
  <c r="EB87" i="14"/>
  <c r="HB87" i="14" s="1"/>
  <c r="DO87" i="14"/>
  <c r="GO87" i="14" s="1"/>
  <c r="DJ87" i="14"/>
  <c r="GJ87" i="14" s="1"/>
  <c r="CW87" i="14"/>
  <c r="FW87" i="14" s="1"/>
  <c r="DH88" i="14"/>
  <c r="GH88" i="14" s="1"/>
  <c r="CU88" i="14"/>
  <c r="FU88" i="14" s="1"/>
  <c r="FG87" i="14"/>
  <c r="IG87" i="14" s="1"/>
  <c r="ET87" i="14"/>
  <c r="HT87" i="14" s="1"/>
  <c r="FJ88" i="14"/>
  <c r="IJ88" i="14" s="1"/>
  <c r="EW88" i="14"/>
  <c r="HW88" i="14" s="1"/>
  <c r="DX87" i="14"/>
  <c r="GX87" i="14" s="1"/>
  <c r="EK87" i="14"/>
  <c r="HK87" i="14" s="1"/>
  <c r="EG88" i="14"/>
  <c r="HG88" i="14" s="1"/>
  <c r="DT88" i="14"/>
  <c r="GT88" i="14" s="1"/>
  <c r="EZ87" i="14"/>
  <c r="HZ87" i="14" s="1"/>
  <c r="EM87" i="14"/>
  <c r="HM87" i="14" s="1"/>
  <c r="DR87" i="14"/>
  <c r="GR87" i="14" s="1"/>
  <c r="EE87" i="14"/>
  <c r="HE87" i="14" s="1"/>
  <c r="DN88" i="14"/>
  <c r="GN88" i="14" s="1"/>
  <c r="EA88" i="14"/>
  <c r="HA88" i="14" s="1"/>
  <c r="DS87" i="14"/>
  <c r="GS87" i="14" s="1"/>
  <c r="EF87" i="14"/>
  <c r="HF87" i="14" s="1"/>
  <c r="EO87" i="14"/>
  <c r="HO87" i="14" s="1"/>
  <c r="FB87" i="14"/>
  <c r="IB87" i="14" s="1"/>
  <c r="EJ87" i="14"/>
  <c r="HJ87" i="14" s="1"/>
  <c r="DW87" i="14"/>
  <c r="GW87" i="14" s="1"/>
  <c r="EH88" i="14"/>
  <c r="HH88" i="14" s="1"/>
  <c r="DU88" i="14"/>
  <c r="GU88" i="14" s="1"/>
  <c r="DE88" i="14"/>
  <c r="GE88" i="14" s="1"/>
  <c r="CR88" i="14"/>
  <c r="FR88" i="14" s="1"/>
  <c r="CZ88" i="14"/>
  <c r="FZ88" i="14" s="1"/>
  <c r="CM88" i="14"/>
  <c r="FM88" i="14" s="1"/>
  <c r="EX87" i="14"/>
  <c r="HX87" i="14" s="1"/>
  <c r="FK87" i="14"/>
  <c r="IK87" i="14" s="1"/>
  <c r="FE87" i="14"/>
  <c r="IE87" i="14" s="1"/>
  <c r="ER87" i="14"/>
  <c r="HR87" i="14" s="1"/>
  <c r="EI87" i="14"/>
  <c r="HI87" i="14" s="1"/>
  <c r="DV87" i="14"/>
  <c r="GV87" i="14" s="1"/>
  <c r="CV88" i="14"/>
  <c r="FV88" i="14" s="1"/>
  <c r="DI88" i="14"/>
  <c r="GI88" i="14" s="1"/>
  <c r="DB87" i="14"/>
  <c r="GB87" i="14" s="1"/>
  <c r="CO87" i="14"/>
  <c r="FO87" i="14" s="1"/>
  <c r="EW87" i="14"/>
  <c r="HW87" i="14" s="1"/>
  <c r="FJ87" i="14"/>
  <c r="IJ87" i="14" s="1"/>
  <c r="FH88" i="14"/>
  <c r="IH88" i="14" s="1"/>
  <c r="EU88" i="14"/>
  <c r="HU88" i="14" s="1"/>
  <c r="ER88" i="14"/>
  <c r="HR88" i="14" s="1"/>
  <c r="FE88" i="14"/>
  <c r="IE88" i="14" s="1"/>
  <c r="DZ88" i="14"/>
  <c r="GZ88" i="14" s="1"/>
  <c r="DM88" i="14"/>
  <c r="GM88" i="14" s="1"/>
  <c r="EQ88" i="14"/>
  <c r="HQ88" i="14" s="1"/>
  <c r="FD88" i="14"/>
  <c r="ID88" i="14" s="1"/>
  <c r="CR87" i="14"/>
  <c r="FR87" i="14" s="1"/>
  <c r="DE87" i="14"/>
  <c r="GE87" i="14" s="1"/>
  <c r="FI87" i="14"/>
  <c r="II87" i="14" s="1"/>
  <c r="EV87" i="14"/>
  <c r="HV87" i="14" s="1"/>
  <c r="FI88" i="14"/>
  <c r="II88" i="14" s="1"/>
  <c r="EV88" i="14"/>
  <c r="HV88" i="14" s="1"/>
  <c r="CQ88" i="14"/>
  <c r="FQ88" i="14" s="1"/>
  <c r="DD88" i="14"/>
  <c r="GD88" i="14" s="1"/>
  <c r="CU87" i="14"/>
  <c r="FU87" i="14" s="1"/>
  <c r="DH87" i="14"/>
  <c r="GH87" i="14" s="1"/>
  <c r="DR88" i="14"/>
  <c r="GR88" i="14" s="1"/>
  <c r="EE88" i="14"/>
  <c r="HE88" i="14" s="1"/>
  <c r="EZ88" i="14"/>
  <c r="HZ88" i="14" s="1"/>
  <c r="EM88" i="14"/>
  <c r="HM88" i="14" s="1"/>
  <c r="BD89" i="22"/>
  <c r="Y89" i="14" s="1"/>
  <c r="AM89" i="14" s="1"/>
  <c r="BA89" i="22"/>
  <c r="V89" i="14" s="1"/>
  <c r="AJ89" i="14" s="1"/>
  <c r="BG89" i="22"/>
  <c r="AB89" i="14" s="1"/>
  <c r="AP89" i="14" s="1"/>
  <c r="BI89" i="22"/>
  <c r="AD89" i="14" s="1"/>
  <c r="AR89" i="14" s="1"/>
  <c r="BJ89" i="22"/>
  <c r="AE89" i="14" s="1"/>
  <c r="AS89" i="14" s="1"/>
  <c r="BE89" i="22"/>
  <c r="Z89" i="14" s="1"/>
  <c r="AN89" i="14" s="1"/>
  <c r="BB89" i="22"/>
  <c r="W89" i="14" s="1"/>
  <c r="AK89" i="14" s="1"/>
  <c r="BF89" i="22"/>
  <c r="AA89" i="14" s="1"/>
  <c r="AO89" i="14" s="1"/>
  <c r="BC89" i="22"/>
  <c r="X89" i="14" s="1"/>
  <c r="AL89" i="14" s="1"/>
  <c r="BH89" i="22"/>
  <c r="AC89" i="14" s="1"/>
  <c r="AQ89" i="14" s="1"/>
  <c r="BK89" i="22"/>
  <c r="AF89" i="14" s="1"/>
  <c r="AT89" i="14" s="1"/>
  <c r="BL89" i="22"/>
  <c r="AG89" i="14" s="1"/>
  <c r="AU89" i="14" s="1"/>
  <c r="AA91" i="22" a="1"/>
  <c r="AA91" i="22" s="1"/>
  <c r="AN91" i="22" s="1"/>
  <c r="I91" i="14" s="1"/>
  <c r="AD91" i="22" a="1"/>
  <c r="AD91" i="22" s="1"/>
  <c r="AQ91" i="22" s="1"/>
  <c r="L91" i="14" s="1"/>
  <c r="AH91" i="22" a="1"/>
  <c r="AH91" i="22" s="1"/>
  <c r="AU91" i="22" s="1"/>
  <c r="P91" i="14" s="1"/>
  <c r="AG91" i="22" a="1"/>
  <c r="AG91" i="22" s="1"/>
  <c r="AT91" i="22" s="1"/>
  <c r="O91" i="14" s="1"/>
  <c r="AB91" i="22" a="1"/>
  <c r="AB91" i="22" s="1"/>
  <c r="AO91" i="22" s="1"/>
  <c r="J91" i="14" s="1"/>
  <c r="AF91" i="22" a="1"/>
  <c r="AF91" i="22" s="1"/>
  <c r="AS91" i="22" s="1"/>
  <c r="N91" i="14" s="1"/>
  <c r="AI91" i="22" a="1"/>
  <c r="AI91" i="22" s="1"/>
  <c r="AV91" i="22" s="1"/>
  <c r="Q91" i="14" s="1"/>
  <c r="AE91" i="22" a="1"/>
  <c r="AE91" i="22" s="1"/>
  <c r="AR91" i="22" s="1"/>
  <c r="M91" i="14" s="1"/>
  <c r="AJ91" i="22" a="1"/>
  <c r="AJ91" i="22" s="1"/>
  <c r="AW91" i="22" s="1"/>
  <c r="R91" i="14" s="1"/>
  <c r="AK91" i="22" a="1"/>
  <c r="AK91" i="22" s="1"/>
  <c r="AX91" i="22" s="1"/>
  <c r="S91" i="14" s="1"/>
  <c r="AC91" i="22" a="1"/>
  <c r="AC91" i="22" s="1"/>
  <c r="AP91" i="22" s="1"/>
  <c r="K91" i="14" s="1"/>
  <c r="P91" i="22"/>
  <c r="Q91" i="22" s="1"/>
  <c r="C93" i="22"/>
  <c r="K92" i="22"/>
  <c r="H92" i="22"/>
  <c r="G92" i="6" s="1"/>
  <c r="G92" i="7" s="1"/>
  <c r="J92" i="22"/>
  <c r="G92" i="22"/>
  <c r="F92" i="6" s="1"/>
  <c r="F92" i="7" s="1"/>
  <c r="E92" i="22"/>
  <c r="L92" i="22"/>
  <c r="AY92" i="22" s="1"/>
  <c r="T92" i="14" s="1"/>
  <c r="I92" i="22"/>
  <c r="H92" i="6" s="1"/>
  <c r="H92" i="7" s="1"/>
  <c r="F92" i="22"/>
  <c r="D92" i="22"/>
  <c r="B92" i="22"/>
  <c r="B92" i="6" s="1"/>
  <c r="B92" i="7" s="1"/>
  <c r="R90" i="22"/>
  <c r="X90" i="22" s="1"/>
  <c r="Y90" i="22" s="1"/>
  <c r="Z90" i="22" s="1"/>
  <c r="G90" i="14" s="1"/>
  <c r="AL70" i="6"/>
  <c r="AL70" i="7" s="1"/>
  <c r="AK70" i="7"/>
  <c r="AK43" i="7"/>
  <c r="AL43" i="6"/>
  <c r="AL43" i="7" s="1"/>
  <c r="AK47" i="7"/>
  <c r="AL47" i="6"/>
  <c r="AL47" i="7" s="1"/>
  <c r="AK39" i="7"/>
  <c r="AL39" i="6"/>
  <c r="AL39" i="7" s="1"/>
  <c r="AK79" i="7"/>
  <c r="AL79" i="6"/>
  <c r="AL79" i="7" s="1"/>
  <c r="AL50" i="6"/>
  <c r="AL50" i="7" s="1"/>
  <c r="AK50" i="7"/>
  <c r="AL32" i="6"/>
  <c r="AL32" i="7" s="1"/>
  <c r="AK32" i="7"/>
  <c r="AL42" i="6"/>
  <c r="AL42" i="7" s="1"/>
  <c r="AK42" i="7"/>
  <c r="AK56" i="7"/>
  <c r="AL56" i="6"/>
  <c r="AL56" i="7" s="1"/>
  <c r="AK57" i="7"/>
  <c r="AL57" i="6"/>
  <c r="AL57" i="7" s="1"/>
  <c r="AL62" i="6"/>
  <c r="AL62" i="7" s="1"/>
  <c r="AK62" i="7"/>
  <c r="AL65" i="6"/>
  <c r="AL65" i="7" s="1"/>
  <c r="AK65" i="7"/>
  <c r="AK76" i="7"/>
  <c r="AL76" i="6"/>
  <c r="AL76" i="7" s="1"/>
  <c r="AK75" i="7"/>
  <c r="AL75" i="6"/>
  <c r="AL75" i="7" s="1"/>
  <c r="AK36" i="7"/>
  <c r="AL36" i="6"/>
  <c r="AL36" i="7" s="1"/>
  <c r="AK80" i="7"/>
  <c r="AL80" i="6"/>
  <c r="AL80" i="7" s="1"/>
  <c r="AK72" i="7"/>
  <c r="AL72" i="6"/>
  <c r="AL72" i="7" s="1"/>
  <c r="AL38" i="6"/>
  <c r="AL38" i="7" s="1"/>
  <c r="AK38" i="7"/>
  <c r="AL41" i="6"/>
  <c r="AL41" i="7" s="1"/>
  <c r="AK41" i="7"/>
  <c r="AK77" i="7"/>
  <c r="AL77" i="6"/>
  <c r="AL77" i="7" s="1"/>
  <c r="AK51" i="7"/>
  <c r="AL51" i="6"/>
  <c r="AL51" i="7" s="1"/>
  <c r="AK44" i="7"/>
  <c r="AL44" i="6"/>
  <c r="AL44" i="7" s="1"/>
  <c r="AK71" i="7"/>
  <c r="AL71" i="6"/>
  <c r="AL71" i="7" s="1"/>
  <c r="AL54" i="6"/>
  <c r="AL54" i="7" s="1"/>
  <c r="AK54" i="7"/>
  <c r="AK40" i="7"/>
  <c r="AL40" i="6"/>
  <c r="AL40" i="7" s="1"/>
  <c r="AK63" i="7"/>
  <c r="AL63" i="6"/>
  <c r="AL63" i="7" s="1"/>
  <c r="AK31" i="7"/>
  <c r="AL31" i="6"/>
  <c r="AL31" i="7" s="1"/>
  <c r="AK45" i="7"/>
  <c r="AL45" i="6"/>
  <c r="AL45" i="7" s="1"/>
  <c r="AK49" i="7"/>
  <c r="AL49" i="6"/>
  <c r="AL49" i="7" s="1"/>
  <c r="AK35" i="7"/>
  <c r="AL35" i="6"/>
  <c r="AL35" i="7" s="1"/>
  <c r="AL46" i="6"/>
  <c r="AL46" i="7" s="1"/>
  <c r="AK46" i="7"/>
  <c r="AL37" i="6"/>
  <c r="AL37" i="7" s="1"/>
  <c r="AK37" i="7"/>
  <c r="AL66" i="6"/>
  <c r="AL66" i="7" s="1"/>
  <c r="AK66" i="7"/>
  <c r="AL28" i="6"/>
  <c r="AL28" i="7" s="1"/>
  <c r="AK28" i="7"/>
  <c r="AK53" i="7"/>
  <c r="AL53" i="6"/>
  <c r="AL53" i="7" s="1"/>
  <c r="AL69" i="6"/>
  <c r="AL69" i="7" s="1"/>
  <c r="AK69" i="7"/>
  <c r="AL34" i="6"/>
  <c r="AL34" i="7" s="1"/>
  <c r="AK34" i="7"/>
  <c r="AL64" i="6"/>
  <c r="AL64" i="7" s="1"/>
  <c r="AK64" i="7"/>
  <c r="AL61" i="6"/>
  <c r="AL61" i="7" s="1"/>
  <c r="AK61" i="7"/>
  <c r="AK52" i="7"/>
  <c r="AL52" i="6"/>
  <c r="AL52" i="7" s="1"/>
  <c r="AK67" i="7"/>
  <c r="AL67" i="6"/>
  <c r="AL67" i="7" s="1"/>
  <c r="AK59" i="7"/>
  <c r="AL59" i="6"/>
  <c r="AL59" i="7" s="1"/>
  <c r="AK48" i="7"/>
  <c r="AL48" i="6"/>
  <c r="AL48" i="7" s="1"/>
  <c r="AK81" i="7"/>
  <c r="AL81" i="6"/>
  <c r="AL81" i="7" s="1"/>
  <c r="AK55" i="7"/>
  <c r="AL55" i="6"/>
  <c r="AL55" i="7" s="1"/>
  <c r="AK68" i="7"/>
  <c r="AL68" i="6"/>
  <c r="AL68" i="7" s="1"/>
  <c r="AL30" i="6"/>
  <c r="AL30" i="7" s="1"/>
  <c r="AK30" i="7"/>
  <c r="AL60" i="6"/>
  <c r="AL60" i="7" s="1"/>
  <c r="AK60" i="7"/>
  <c r="AL74" i="6"/>
  <c r="AL74" i="7" s="1"/>
  <c r="AK74" i="7"/>
  <c r="AL33" i="6"/>
  <c r="AL33" i="7" s="1"/>
  <c r="AK33" i="7"/>
  <c r="AL58" i="6"/>
  <c r="AL58" i="7" s="1"/>
  <c r="AK58" i="7"/>
  <c r="AL73" i="6"/>
  <c r="AL73" i="7" s="1"/>
  <c r="AK73" i="7"/>
  <c r="AL82" i="6"/>
  <c r="AL82" i="7" s="1"/>
  <c r="AK82" i="7"/>
  <c r="AL78" i="6"/>
  <c r="AL78" i="7" s="1"/>
  <c r="AK78" i="7"/>
  <c r="AL29" i="6"/>
  <c r="AL29" i="7" s="1"/>
  <c r="AK29" i="7"/>
  <c r="B92" i="14" l="1"/>
  <c r="B71" i="23"/>
  <c r="F92" i="14"/>
  <c r="AH92" i="14" s="1"/>
  <c r="Q63" i="25"/>
  <c r="C92" i="7"/>
  <c r="I92" i="6"/>
  <c r="D91" i="7"/>
  <c r="X91" i="6"/>
  <c r="L90" i="7"/>
  <c r="M90" i="6"/>
  <c r="M90" i="7" s="1"/>
  <c r="N90" i="6"/>
  <c r="W63" i="25"/>
  <c r="C71" i="25"/>
  <c r="D71" i="25"/>
  <c r="A71" i="25"/>
  <c r="T87" i="7"/>
  <c r="V87" i="6"/>
  <c r="V87" i="7" s="1"/>
  <c r="O88" i="7"/>
  <c r="S88" i="6"/>
  <c r="S88" i="7" s="1"/>
  <c r="R88" i="6"/>
  <c r="T88" i="6"/>
  <c r="AA63" i="25"/>
  <c r="R87" i="7"/>
  <c r="U87" i="6"/>
  <c r="U86" i="7"/>
  <c r="W86" i="6"/>
  <c r="D92" i="14"/>
  <c r="D92" i="6"/>
  <c r="C93" i="6"/>
  <c r="I63" i="25" s="1"/>
  <c r="C93" i="14"/>
  <c r="B72" i="25"/>
  <c r="Y63" i="25"/>
  <c r="AT84" i="7"/>
  <c r="AU84" i="7"/>
  <c r="AN84" i="7"/>
  <c r="AV84" i="7"/>
  <c r="AM84" i="7"/>
  <c r="AY84" i="7"/>
  <c r="AX84" i="7"/>
  <c r="AQ84" i="7"/>
  <c r="AP84" i="7"/>
  <c r="AW84" i="7"/>
  <c r="AO84" i="7"/>
  <c r="AS84" i="7"/>
  <c r="AR84" i="7"/>
  <c r="W85" i="7"/>
  <c r="AW85" i="6"/>
  <c r="Y64" i="25" s="1"/>
  <c r="AN85" i="6"/>
  <c r="G64" i="25" s="1"/>
  <c r="AP85" i="6"/>
  <c r="K64" i="25" s="1"/>
  <c r="AO85" i="6"/>
  <c r="I64" i="25" s="1"/>
  <c r="AQ85" i="6"/>
  <c r="M64" i="25" s="1"/>
  <c r="AV85" i="6"/>
  <c r="W64" i="25" s="1"/>
  <c r="AY85" i="6"/>
  <c r="AC64" i="25" s="1"/>
  <c r="AM85" i="6"/>
  <c r="AS85" i="6"/>
  <c r="Q64" i="25" s="1"/>
  <c r="AX85" i="6"/>
  <c r="AA64" i="25" s="1"/>
  <c r="AT85" i="6"/>
  <c r="S64" i="25" s="1"/>
  <c r="AU85" i="6"/>
  <c r="U64" i="25" s="1"/>
  <c r="AR85" i="6"/>
  <c r="O64" i="25" s="1"/>
  <c r="L70" i="25"/>
  <c r="AB70" i="25"/>
  <c r="J70" i="25"/>
  <c r="R70" i="25"/>
  <c r="T70" i="25"/>
  <c r="Z70" i="25"/>
  <c r="X70" i="25"/>
  <c r="P70" i="25"/>
  <c r="AD70" i="25"/>
  <c r="H70" i="25"/>
  <c r="V70" i="25"/>
  <c r="N70" i="25"/>
  <c r="F70" i="25"/>
  <c r="D70" i="23"/>
  <c r="C70" i="23"/>
  <c r="A70" i="23"/>
  <c r="G63" i="25"/>
  <c r="O89" i="6"/>
  <c r="N89" i="7"/>
  <c r="I91" i="7"/>
  <c r="Q91" i="6"/>
  <c r="L91" i="6"/>
  <c r="K91" i="6"/>
  <c r="K91" i="7" s="1"/>
  <c r="Y91" i="6"/>
  <c r="Y91" i="7" s="1"/>
  <c r="AC63" i="25"/>
  <c r="Q90" i="7"/>
  <c r="E92" i="6"/>
  <c r="E92" i="7" s="1"/>
  <c r="E92" i="14"/>
  <c r="M92" i="22"/>
  <c r="BR89" i="14"/>
  <c r="BE89" i="14"/>
  <c r="CE89" i="14"/>
  <c r="CA89" i="14"/>
  <c r="BN89" i="14"/>
  <c r="BA89" i="14"/>
  <c r="BD89" i="14"/>
  <c r="CD89" i="14"/>
  <c r="BQ89" i="14"/>
  <c r="BI89" i="14"/>
  <c r="CI89" i="14"/>
  <c r="BV89" i="14"/>
  <c r="BK89" i="14"/>
  <c r="CK89" i="14"/>
  <c r="BX89" i="14"/>
  <c r="CH89" i="14"/>
  <c r="BU89" i="14"/>
  <c r="BH89" i="14"/>
  <c r="BJ89" i="14"/>
  <c r="CJ89" i="14"/>
  <c r="BW89" i="14"/>
  <c r="BS89" i="14"/>
  <c r="BF89" i="14"/>
  <c r="CF89" i="14"/>
  <c r="BT89" i="14"/>
  <c r="CG89" i="14"/>
  <c r="BG89" i="14"/>
  <c r="BZ89" i="14"/>
  <c r="BM89" i="14"/>
  <c r="AZ89" i="14"/>
  <c r="CB89" i="14"/>
  <c r="BO89" i="14"/>
  <c r="BB89" i="14"/>
  <c r="BC89" i="14"/>
  <c r="CC89" i="14"/>
  <c r="BP89" i="14"/>
  <c r="P92" i="22"/>
  <c r="Q92" i="22" s="1"/>
  <c r="BH90" i="22"/>
  <c r="AC90" i="14" s="1"/>
  <c r="AQ90" i="14" s="1"/>
  <c r="BB90" i="22"/>
  <c r="W90" i="14" s="1"/>
  <c r="AK90" i="14" s="1"/>
  <c r="BI90" i="22"/>
  <c r="AD90" i="14" s="1"/>
  <c r="AR90" i="14" s="1"/>
  <c r="BD90" i="22"/>
  <c r="Y90" i="14" s="1"/>
  <c r="AM90" i="14" s="1"/>
  <c r="BE90" i="22"/>
  <c r="Z90" i="14" s="1"/>
  <c r="AN90" i="14" s="1"/>
  <c r="BJ90" i="22"/>
  <c r="AE90" i="14" s="1"/>
  <c r="AS90" i="14" s="1"/>
  <c r="BL90" i="22"/>
  <c r="AG90" i="14" s="1"/>
  <c r="AU90" i="14" s="1"/>
  <c r="BF90" i="22"/>
  <c r="AA90" i="14" s="1"/>
  <c r="AO90" i="14" s="1"/>
  <c r="BK90" i="22"/>
  <c r="AF90" i="14" s="1"/>
  <c r="AT90" i="14" s="1"/>
  <c r="BC90" i="22"/>
  <c r="X90" i="14" s="1"/>
  <c r="AL90" i="14" s="1"/>
  <c r="BG90" i="22"/>
  <c r="AB90" i="14" s="1"/>
  <c r="AP90" i="14" s="1"/>
  <c r="BA90" i="22"/>
  <c r="V90" i="14" s="1"/>
  <c r="AJ90" i="14" s="1"/>
  <c r="AG92" i="22" a="1"/>
  <c r="AG92" i="22" s="1"/>
  <c r="AT92" i="22" s="1"/>
  <c r="O92" i="14" s="1"/>
  <c r="AB92" i="22" a="1"/>
  <c r="AB92" i="22" s="1"/>
  <c r="AO92" i="22" s="1"/>
  <c r="J92" i="14" s="1"/>
  <c r="AD92" i="22" a="1"/>
  <c r="AD92" i="22" s="1"/>
  <c r="AQ92" i="22" s="1"/>
  <c r="L92" i="14" s="1"/>
  <c r="AF92" i="22" a="1"/>
  <c r="AF92" i="22" s="1"/>
  <c r="AS92" i="22" s="1"/>
  <c r="N92" i="14" s="1"/>
  <c r="AA92" i="22" a="1"/>
  <c r="AA92" i="22" s="1"/>
  <c r="AN92" i="22" s="1"/>
  <c r="I92" i="14" s="1"/>
  <c r="AH92" i="22" a="1"/>
  <c r="AH92" i="22" s="1"/>
  <c r="AU92" i="22" s="1"/>
  <c r="P92" i="14" s="1"/>
  <c r="AJ92" i="22" a="1"/>
  <c r="AJ92" i="22" s="1"/>
  <c r="AW92" i="22" s="1"/>
  <c r="R92" i="14" s="1"/>
  <c r="AI92" i="22" a="1"/>
  <c r="AI92" i="22" s="1"/>
  <c r="AV92" i="22" s="1"/>
  <c r="Q92" i="14" s="1"/>
  <c r="AK92" i="22" a="1"/>
  <c r="AK92" i="22" s="1"/>
  <c r="AX92" i="22" s="1"/>
  <c r="S92" i="14" s="1"/>
  <c r="AC92" i="22" a="1"/>
  <c r="AC92" i="22" s="1"/>
  <c r="AP92" i="22" s="1"/>
  <c r="K92" i="14" s="1"/>
  <c r="AE92" i="22" a="1"/>
  <c r="AE92" i="22" s="1"/>
  <c r="AR92" i="22" s="1"/>
  <c r="M92" i="14" s="1"/>
  <c r="R92" i="22"/>
  <c r="X92" i="22" s="1"/>
  <c r="Y92" i="22" s="1"/>
  <c r="Z92" i="22" s="1"/>
  <c r="G92" i="14" s="1"/>
  <c r="C94" i="22"/>
  <c r="G93" i="22"/>
  <c r="F93" i="6" s="1"/>
  <c r="F93" i="7" s="1"/>
  <c r="L93" i="22"/>
  <c r="AY93" i="22" s="1"/>
  <c r="T93" i="14" s="1"/>
  <c r="K93" i="22"/>
  <c r="H93" i="22"/>
  <c r="G93" i="6" s="1"/>
  <c r="G93" i="7" s="1"/>
  <c r="J93" i="22"/>
  <c r="F93" i="22"/>
  <c r="E93" i="22"/>
  <c r="I93" i="22"/>
  <c r="H93" i="6" s="1"/>
  <c r="H93" i="7" s="1"/>
  <c r="D93" i="22"/>
  <c r="B93" i="22"/>
  <c r="B93" i="6" s="1"/>
  <c r="B93" i="7" s="1"/>
  <c r="R91" i="22"/>
  <c r="X91" i="22" s="1"/>
  <c r="Y91" i="22" s="1"/>
  <c r="Z91" i="22" s="1"/>
  <c r="G91" i="14" s="1"/>
  <c r="G64" i="6"/>
  <c r="G64" i="7" s="1"/>
  <c r="G48" i="6"/>
  <c r="G48" i="7" s="1"/>
  <c r="G44" i="6"/>
  <c r="G44" i="7" s="1"/>
  <c r="G80" i="6"/>
  <c r="G80" i="7" s="1"/>
  <c r="G76" i="6"/>
  <c r="G76" i="7" s="1"/>
  <c r="G68" i="6"/>
  <c r="G68" i="7" s="1"/>
  <c r="G60" i="6"/>
  <c r="G60" i="7" s="1"/>
  <c r="G56" i="6"/>
  <c r="G56" i="7" s="1"/>
  <c r="G79" i="6"/>
  <c r="G79" i="7" s="1"/>
  <c r="G75" i="6"/>
  <c r="G75" i="7" s="1"/>
  <c r="G71" i="6"/>
  <c r="G71" i="7" s="1"/>
  <c r="G67" i="6"/>
  <c r="G67" i="7" s="1"/>
  <c r="G63" i="6"/>
  <c r="G63" i="7" s="1"/>
  <c r="G59" i="6"/>
  <c r="G59" i="7" s="1"/>
  <c r="G55" i="6"/>
  <c r="G55" i="7" s="1"/>
  <c r="G51" i="6"/>
  <c r="G51" i="7" s="1"/>
  <c r="G47" i="6"/>
  <c r="G47" i="7" s="1"/>
  <c r="G43" i="6"/>
  <c r="G43" i="7" s="1"/>
  <c r="G39" i="6"/>
  <c r="G39" i="7" s="1"/>
  <c r="G35" i="6"/>
  <c r="G35" i="7" s="1"/>
  <c r="G31" i="6"/>
  <c r="G31" i="7" s="1"/>
  <c r="G27" i="6"/>
  <c r="G27" i="7" s="1"/>
  <c r="G72" i="6"/>
  <c r="G72" i="7" s="1"/>
  <c r="G40" i="6"/>
  <c r="G40" i="7" s="1"/>
  <c r="G52" i="6"/>
  <c r="G52" i="7" s="1"/>
  <c r="G36" i="6"/>
  <c r="G36" i="7" s="1"/>
  <c r="G28" i="6"/>
  <c r="G28" i="7" s="1"/>
  <c r="G78" i="6"/>
  <c r="G78" i="7" s="1"/>
  <c r="G74" i="6"/>
  <c r="G74" i="7" s="1"/>
  <c r="G70" i="6"/>
  <c r="G70" i="7" s="1"/>
  <c r="G66" i="6"/>
  <c r="G66" i="7" s="1"/>
  <c r="G62" i="6"/>
  <c r="G62" i="7" s="1"/>
  <c r="G58" i="6"/>
  <c r="G58" i="7" s="1"/>
  <c r="G54" i="6"/>
  <c r="G54" i="7" s="1"/>
  <c r="G50" i="6"/>
  <c r="G50" i="7" s="1"/>
  <c r="G46" i="6"/>
  <c r="G46" i="7" s="1"/>
  <c r="G42" i="6"/>
  <c r="G42" i="7" s="1"/>
  <c r="G38" i="6"/>
  <c r="G38" i="7" s="1"/>
  <c r="G34" i="6"/>
  <c r="G34" i="7" s="1"/>
  <c r="G30" i="6"/>
  <c r="G30" i="7" s="1"/>
  <c r="G82" i="6"/>
  <c r="G82" i="7" s="1"/>
  <c r="G77" i="6"/>
  <c r="G77" i="7" s="1"/>
  <c r="G73" i="6"/>
  <c r="G73" i="7" s="1"/>
  <c r="G69" i="6"/>
  <c r="G69" i="7" s="1"/>
  <c r="G65" i="6"/>
  <c r="G65" i="7" s="1"/>
  <c r="G61" i="6"/>
  <c r="G61" i="7" s="1"/>
  <c r="G57" i="6"/>
  <c r="G57" i="7" s="1"/>
  <c r="G53" i="6"/>
  <c r="G53" i="7" s="1"/>
  <c r="G49" i="6"/>
  <c r="G49" i="7" s="1"/>
  <c r="G45" i="6"/>
  <c r="G45" i="7" s="1"/>
  <c r="G41" i="6"/>
  <c r="G41" i="7" s="1"/>
  <c r="G37" i="6"/>
  <c r="G37" i="7" s="1"/>
  <c r="G33" i="6"/>
  <c r="G33" i="7" s="1"/>
  <c r="G29" i="6"/>
  <c r="G29" i="7" s="1"/>
  <c r="G32" i="6"/>
  <c r="G32" i="7" s="1"/>
  <c r="G81" i="6"/>
  <c r="G81" i="7" s="1"/>
  <c r="P2812" i="10"/>
  <c r="P2012" i="10"/>
  <c r="P2712" i="10"/>
  <c r="P2312" i="10"/>
  <c r="P1512" i="10"/>
  <c r="P912" i="10"/>
  <c r="P112" i="10"/>
  <c r="P1612" i="10"/>
  <c r="P2830" i="10"/>
  <c r="P2814" i="10"/>
  <c r="P2798" i="10"/>
  <c r="P2790" i="10"/>
  <c r="P2766" i="10"/>
  <c r="P2750" i="10"/>
  <c r="P2742" i="10"/>
  <c r="P2734" i="10"/>
  <c r="P2726" i="10"/>
  <c r="P2686" i="10"/>
  <c r="P2678" i="10"/>
  <c r="P2622" i="10"/>
  <c r="P2614" i="10"/>
  <c r="P2558" i="10"/>
  <c r="P2542" i="10"/>
  <c r="P2534" i="10"/>
  <c r="P2518" i="10"/>
  <c r="P2494" i="10"/>
  <c r="P2462" i="10"/>
  <c r="P2430" i="10"/>
  <c r="P2422" i="10"/>
  <c r="P2414" i="10"/>
  <c r="P2406" i="10"/>
  <c r="P2374" i="10"/>
  <c r="P2366" i="10"/>
  <c r="P2358" i="10"/>
  <c r="P2350" i="10"/>
  <c r="P2342" i="10"/>
  <c r="P2334" i="10"/>
  <c r="P2318" i="10"/>
  <c r="P2302" i="10"/>
  <c r="P2238" i="10"/>
  <c r="P2222" i="10"/>
  <c r="P2198" i="10"/>
  <c r="P2174" i="10"/>
  <c r="P2166" i="10"/>
  <c r="P2150" i="10"/>
  <c r="P2134" i="10"/>
  <c r="P2102" i="10"/>
  <c r="P2046" i="10"/>
  <c r="P2038" i="10"/>
  <c r="P2030" i="10"/>
  <c r="P2022" i="10"/>
  <c r="P1982" i="10"/>
  <c r="P1966" i="10"/>
  <c r="P1958" i="10"/>
  <c r="P1918" i="10"/>
  <c r="P1910" i="10"/>
  <c r="P1902" i="10"/>
  <c r="P1894" i="10"/>
  <c r="P1854" i="10"/>
  <c r="P1838" i="10"/>
  <c r="P1830" i="10"/>
  <c r="P1790" i="10"/>
  <c r="P1782" i="10"/>
  <c r="P1774" i="10"/>
  <c r="P1766" i="10"/>
  <c r="P1726" i="10"/>
  <c r="P1718" i="10"/>
  <c r="P1710" i="10"/>
  <c r="P1702" i="10"/>
  <c r="P1654" i="10"/>
  <c r="P1646" i="10"/>
  <c r="P1638" i="10"/>
  <c r="P1598" i="10"/>
  <c r="P1590" i="10"/>
  <c r="P1582" i="10"/>
  <c r="P1574" i="10"/>
  <c r="P1534" i="10"/>
  <c r="P1526" i="10"/>
  <c r="P1518" i="10"/>
  <c r="P1470" i="10"/>
  <c r="P1454" i="10"/>
  <c r="P1446" i="10"/>
  <c r="P1406" i="10"/>
  <c r="P1398" i="10"/>
  <c r="P1390" i="10"/>
  <c r="P1342" i="10"/>
  <c r="P1334" i="10"/>
  <c r="P1326" i="10"/>
  <c r="P1318" i="10"/>
  <c r="P1278" i="10"/>
  <c r="P1270" i="10"/>
  <c r="P1214" i="10"/>
  <c r="P1206" i="10"/>
  <c r="P1198" i="10"/>
  <c r="P1190" i="10"/>
  <c r="P1150" i="10"/>
  <c r="P1142" i="10"/>
  <c r="P1134" i="10"/>
  <c r="P1126" i="10"/>
  <c r="P1086" i="10"/>
  <c r="P1078" i="10"/>
  <c r="P1070" i="10"/>
  <c r="P1062" i="10"/>
  <c r="P1022" i="10"/>
  <c r="P1014" i="10"/>
  <c r="P1006" i="10"/>
  <c r="P998" i="10"/>
  <c r="P958" i="10"/>
  <c r="P950" i="10"/>
  <c r="P934" i="10"/>
  <c r="P894" i="10"/>
  <c r="P886" i="10"/>
  <c r="P878" i="10"/>
  <c r="P862" i="10"/>
  <c r="P830" i="10"/>
  <c r="P822" i="10"/>
  <c r="P814" i="10"/>
  <c r="P806" i="10"/>
  <c r="P766" i="10"/>
  <c r="P758" i="10"/>
  <c r="P750" i="10"/>
  <c r="P742" i="10"/>
  <c r="P702" i="10"/>
  <c r="P694" i="10"/>
  <c r="P678" i="10"/>
  <c r="P638" i="10"/>
  <c r="P630" i="10"/>
  <c r="P622" i="10"/>
  <c r="P614" i="10"/>
  <c r="P574" i="10"/>
  <c r="P558" i="10"/>
  <c r="P510" i="10"/>
  <c r="P502" i="10"/>
  <c r="P494" i="10"/>
  <c r="P486" i="10"/>
  <c r="P446" i="10"/>
  <c r="P438" i="10"/>
  <c r="P430" i="10"/>
  <c r="P422" i="10"/>
  <c r="P382" i="10"/>
  <c r="P374" i="10"/>
  <c r="P366" i="10"/>
  <c r="P358" i="10"/>
  <c r="P318" i="10"/>
  <c r="P310" i="10"/>
  <c r="P302" i="10"/>
  <c r="P294" i="10"/>
  <c r="P254" i="10"/>
  <c r="P246" i="10"/>
  <c r="P238" i="10"/>
  <c r="P230" i="10"/>
  <c r="P190" i="10"/>
  <c r="P182" i="10"/>
  <c r="P166" i="10"/>
  <c r="P126" i="10"/>
  <c r="P118" i="10"/>
  <c r="P110" i="10"/>
  <c r="P102" i="10"/>
  <c r="P54" i="10"/>
  <c r="P46" i="10"/>
  <c r="P38" i="10"/>
  <c r="P1312" i="10"/>
  <c r="P712" i="10"/>
  <c r="P2662" i="10"/>
  <c r="P2598" i="10"/>
  <c r="P2550" i="10"/>
  <c r="P1974" i="10"/>
  <c r="P1846" i="10"/>
  <c r="P1510" i="10"/>
  <c r="P1382" i="10"/>
  <c r="P870" i="10"/>
  <c r="P812" i="10"/>
  <c r="P26" i="10"/>
  <c r="Q91" i="7" l="1"/>
  <c r="W87" i="6"/>
  <c r="U87" i="7"/>
  <c r="O90" i="6"/>
  <c r="N90" i="7"/>
  <c r="K63" i="25"/>
  <c r="D93" i="6"/>
  <c r="D93" i="14"/>
  <c r="C72" i="25"/>
  <c r="D72" i="25"/>
  <c r="A72" i="25"/>
  <c r="B73" i="25"/>
  <c r="C94" i="14"/>
  <c r="C94" i="6"/>
  <c r="B72" i="23"/>
  <c r="F93" i="14"/>
  <c r="AH93" i="14" s="1"/>
  <c r="B93" i="14"/>
  <c r="C71" i="23"/>
  <c r="D71" i="23"/>
  <c r="A71" i="23"/>
  <c r="L91" i="7"/>
  <c r="M91" i="6"/>
  <c r="M91" i="7" s="1"/>
  <c r="N91" i="6"/>
  <c r="C93" i="7"/>
  <c r="Z70" i="23" s="1"/>
  <c r="I93" i="6"/>
  <c r="O63" i="25"/>
  <c r="T70" i="23"/>
  <c r="D92" i="7"/>
  <c r="X92" i="6"/>
  <c r="T88" i="7"/>
  <c r="V88" i="6"/>
  <c r="V88" i="7" s="1"/>
  <c r="L71" i="25"/>
  <c r="V71" i="25"/>
  <c r="X71" i="25"/>
  <c r="F71" i="25"/>
  <c r="AB71" i="25"/>
  <c r="T71" i="25"/>
  <c r="AD71" i="25"/>
  <c r="P71" i="25"/>
  <c r="H71" i="25"/>
  <c r="N71" i="25"/>
  <c r="Z71" i="25"/>
  <c r="R71" i="25"/>
  <c r="J71" i="25"/>
  <c r="S63" i="25"/>
  <c r="E64" i="25"/>
  <c r="AR85" i="7"/>
  <c r="AS85" i="7"/>
  <c r="AT85" i="7"/>
  <c r="AY85" i="7"/>
  <c r="AM85" i="7"/>
  <c r="AQ85" i="7"/>
  <c r="AX85" i="7"/>
  <c r="AP85" i="7"/>
  <c r="AW85" i="7"/>
  <c r="AV85" i="7"/>
  <c r="AU85" i="7"/>
  <c r="AO85" i="7"/>
  <c r="AN85" i="7"/>
  <c r="R88" i="7"/>
  <c r="U88" i="6"/>
  <c r="I92" i="7"/>
  <c r="K92" i="6"/>
  <c r="K92" i="7" s="1"/>
  <c r="L92" i="6"/>
  <c r="Q92" i="6"/>
  <c r="Y92" i="6"/>
  <c r="Y92" i="7" s="1"/>
  <c r="U63" i="25"/>
  <c r="O89" i="7"/>
  <c r="R89" i="6"/>
  <c r="S89" i="6"/>
  <c r="S89" i="7" s="1"/>
  <c r="T89" i="6"/>
  <c r="P93" i="22"/>
  <c r="Q93" i="22" s="1"/>
  <c r="W86" i="7"/>
  <c r="AR86" i="6"/>
  <c r="O65" i="25" s="1"/>
  <c r="AS86" i="6"/>
  <c r="Q65" i="25" s="1"/>
  <c r="AV86" i="6"/>
  <c r="W65" i="25" s="1"/>
  <c r="AX86" i="6"/>
  <c r="AA65" i="25" s="1"/>
  <c r="AT86" i="6"/>
  <c r="S65" i="25" s="1"/>
  <c r="AQ86" i="6"/>
  <c r="M65" i="25" s="1"/>
  <c r="AO86" i="6"/>
  <c r="I65" i="25" s="1"/>
  <c r="AY86" i="6"/>
  <c r="AC65" i="25" s="1"/>
  <c r="AM86" i="6"/>
  <c r="E65" i="25" s="1"/>
  <c r="AW86" i="6"/>
  <c r="Y65" i="25" s="1"/>
  <c r="AU86" i="6"/>
  <c r="U65" i="25" s="1"/>
  <c r="AN86" i="6"/>
  <c r="G65" i="25" s="1"/>
  <c r="AP86" i="6"/>
  <c r="K65" i="25" s="1"/>
  <c r="M63" i="25"/>
  <c r="C366" i="26"/>
  <c r="Q374" i="10"/>
  <c r="D366" i="26" s="1"/>
  <c r="Q1534" i="10"/>
  <c r="D1526" i="26" s="1"/>
  <c r="C1526" i="26"/>
  <c r="Q2766" i="10"/>
  <c r="D2758" i="26" s="1"/>
  <c r="C2758" i="26"/>
  <c r="C804" i="26"/>
  <c r="Q812" i="10"/>
  <c r="D804" i="26" s="1"/>
  <c r="Q2662" i="10"/>
  <c r="D2654" i="26" s="1"/>
  <c r="C2654" i="26"/>
  <c r="C110" i="26"/>
  <c r="Q118" i="10"/>
  <c r="D110" i="26" s="1"/>
  <c r="C246" i="26"/>
  <c r="Q254" i="10"/>
  <c r="D246" i="26" s="1"/>
  <c r="C374" i="26"/>
  <c r="Q382" i="10"/>
  <c r="D374" i="26" s="1"/>
  <c r="C502" i="26"/>
  <c r="Q510" i="10"/>
  <c r="D502" i="26" s="1"/>
  <c r="C686" i="26"/>
  <c r="Q694" i="10"/>
  <c r="D686" i="26" s="1"/>
  <c r="C814" i="26"/>
  <c r="Q822" i="10"/>
  <c r="D814" i="26" s="1"/>
  <c r="C950" i="26"/>
  <c r="Q958" i="10"/>
  <c r="D950" i="26" s="1"/>
  <c r="C1078" i="26"/>
  <c r="Q1086" i="10"/>
  <c r="D1078" i="26" s="1"/>
  <c r="Q1214" i="10"/>
  <c r="D1206" i="26" s="1"/>
  <c r="C1206" i="26"/>
  <c r="Q1398" i="10"/>
  <c r="D1390" i="26" s="1"/>
  <c r="C1390" i="26"/>
  <c r="Q1574" i="10"/>
  <c r="D1566" i="26" s="1"/>
  <c r="C1566" i="26"/>
  <c r="Q1710" i="10"/>
  <c r="D1702" i="26" s="1"/>
  <c r="C1702" i="26"/>
  <c r="Q1838" i="10"/>
  <c r="D1830" i="26" s="1"/>
  <c r="C1830" i="26"/>
  <c r="Q1982" i="10"/>
  <c r="D1974" i="26" s="1"/>
  <c r="C1974" i="26"/>
  <c r="Q2166" i="10"/>
  <c r="D2158" i="26" s="1"/>
  <c r="C2158" i="26"/>
  <c r="Q2342" i="10"/>
  <c r="D2334" i="26" s="1"/>
  <c r="C2334" i="26"/>
  <c r="Q2430" i="10"/>
  <c r="D2422" i="26" s="1"/>
  <c r="C2422" i="26"/>
  <c r="Q2622" i="10"/>
  <c r="D2614" i="26" s="1"/>
  <c r="C2614" i="26"/>
  <c r="Q2790" i="10"/>
  <c r="D2782" i="26" s="1"/>
  <c r="C2782" i="26"/>
  <c r="Q2312" i="10"/>
  <c r="D2304" i="26" s="1"/>
  <c r="C2304" i="26"/>
  <c r="Q2598" i="10"/>
  <c r="D2590" i="26" s="1"/>
  <c r="C2590" i="26"/>
  <c r="Q1206" i="10"/>
  <c r="D1198" i="26" s="1"/>
  <c r="C1198" i="26"/>
  <c r="C862" i="26"/>
  <c r="Q870" i="10"/>
  <c r="D862" i="26" s="1"/>
  <c r="C704" i="26"/>
  <c r="Q712" i="10"/>
  <c r="D704" i="26" s="1"/>
  <c r="C118" i="26"/>
  <c r="Q126" i="10"/>
  <c r="D118" i="26" s="1"/>
  <c r="C286" i="26"/>
  <c r="Q294" i="10"/>
  <c r="D286" i="26" s="1"/>
  <c r="C414" i="26"/>
  <c r="Q422" i="10"/>
  <c r="D414" i="26" s="1"/>
  <c r="C550" i="26"/>
  <c r="Q558" i="10"/>
  <c r="D550" i="26" s="1"/>
  <c r="C694" i="26"/>
  <c r="Q702" i="10"/>
  <c r="D694" i="26" s="1"/>
  <c r="C822" i="26"/>
  <c r="Q830" i="10"/>
  <c r="D822" i="26" s="1"/>
  <c r="C990" i="26"/>
  <c r="Q998" i="10"/>
  <c r="D990" i="26" s="1"/>
  <c r="C1118" i="26"/>
  <c r="Q1126" i="10"/>
  <c r="D1118" i="26" s="1"/>
  <c r="Q1270" i="10"/>
  <c r="D1262" i="26" s="1"/>
  <c r="C1262" i="26"/>
  <c r="Q1406" i="10"/>
  <c r="D1398" i="26" s="1"/>
  <c r="C1398" i="26"/>
  <c r="Q1582" i="10"/>
  <c r="D1574" i="26" s="1"/>
  <c r="C1574" i="26"/>
  <c r="Q1718" i="10"/>
  <c r="D1710" i="26" s="1"/>
  <c r="C1710" i="26"/>
  <c r="Q1854" i="10"/>
  <c r="D1846" i="26" s="1"/>
  <c r="C1846" i="26"/>
  <c r="Q2022" i="10"/>
  <c r="D2014" i="26" s="1"/>
  <c r="C2014" i="26"/>
  <c r="Q2174" i="10"/>
  <c r="D2166" i="26" s="1"/>
  <c r="C2166" i="26"/>
  <c r="Q2350" i="10"/>
  <c r="D2342" i="26" s="1"/>
  <c r="C2342" i="26"/>
  <c r="Q2462" i="10"/>
  <c r="D2454" i="26" s="1"/>
  <c r="C2454" i="26"/>
  <c r="Q2678" i="10"/>
  <c r="D2670" i="26" s="1"/>
  <c r="C2670" i="26"/>
  <c r="Q2798" i="10"/>
  <c r="D2790" i="26" s="1"/>
  <c r="C2790" i="26"/>
  <c r="Q2712" i="10"/>
  <c r="D2704" i="26" s="1"/>
  <c r="C2704" i="26"/>
  <c r="C102" i="26"/>
  <c r="Q110" i="10"/>
  <c r="D102" i="26" s="1"/>
  <c r="C942" i="26"/>
  <c r="Q950" i="10"/>
  <c r="D942" i="26" s="1"/>
  <c r="Q2150" i="10"/>
  <c r="D2142" i="26" s="1"/>
  <c r="C2142" i="26"/>
  <c r="Q1382" i="10"/>
  <c r="D1374" i="26" s="1"/>
  <c r="C1374" i="26"/>
  <c r="Q1312" i="10"/>
  <c r="D1304" i="26" s="1"/>
  <c r="C1304" i="26"/>
  <c r="C158" i="26"/>
  <c r="Q166" i="10"/>
  <c r="D158" i="26" s="1"/>
  <c r="C294" i="26"/>
  <c r="Q302" i="10"/>
  <c r="D294" i="26" s="1"/>
  <c r="C422" i="26"/>
  <c r="Q430" i="10"/>
  <c r="D422" i="26" s="1"/>
  <c r="C566" i="26"/>
  <c r="Q574" i="10"/>
  <c r="D566" i="26" s="1"/>
  <c r="C734" i="26"/>
  <c r="Q742" i="10"/>
  <c r="D734" i="26" s="1"/>
  <c r="C854" i="26"/>
  <c r="Q862" i="10"/>
  <c r="D854" i="26" s="1"/>
  <c r="C998" i="26"/>
  <c r="Q1006" i="10"/>
  <c r="D998" i="26" s="1"/>
  <c r="C1126" i="26"/>
  <c r="Q1134" i="10"/>
  <c r="D1126" i="26" s="1"/>
  <c r="Q1278" i="10"/>
  <c r="D1270" i="26" s="1"/>
  <c r="C1270" i="26"/>
  <c r="Q1446" i="10"/>
  <c r="D1438" i="26" s="1"/>
  <c r="C1438" i="26"/>
  <c r="Q1590" i="10"/>
  <c r="D1582" i="26" s="1"/>
  <c r="C1582" i="26"/>
  <c r="Q1726" i="10"/>
  <c r="D1718" i="26" s="1"/>
  <c r="C1718" i="26"/>
  <c r="Q1894" i="10"/>
  <c r="D1886" i="26" s="1"/>
  <c r="C1886" i="26"/>
  <c r="Q2030" i="10"/>
  <c r="D2022" i="26" s="1"/>
  <c r="C2022" i="26"/>
  <c r="Q2198" i="10"/>
  <c r="D2190" i="26" s="1"/>
  <c r="C2190" i="26"/>
  <c r="Q2358" i="10"/>
  <c r="D2350" i="26" s="1"/>
  <c r="C2350" i="26"/>
  <c r="Q2494" i="10"/>
  <c r="D2486" i="26" s="1"/>
  <c r="C2486" i="26"/>
  <c r="Q2686" i="10"/>
  <c r="D2678" i="26" s="1"/>
  <c r="C2678" i="26"/>
  <c r="Q2814" i="10"/>
  <c r="D2806" i="26" s="1"/>
  <c r="C2806" i="26"/>
  <c r="C2004" i="26"/>
  <c r="Q2012" i="10"/>
  <c r="D2004" i="26" s="1"/>
  <c r="C494" i="26"/>
  <c r="Q502" i="10"/>
  <c r="D494" i="26" s="1"/>
  <c r="Q1390" i="10"/>
  <c r="D1382" i="26" s="1"/>
  <c r="C1382" i="26"/>
  <c r="Q2334" i="10"/>
  <c r="D2326" i="26" s="1"/>
  <c r="C2326" i="26"/>
  <c r="Q1510" i="10"/>
  <c r="D1502" i="26" s="1"/>
  <c r="C1502" i="26"/>
  <c r="C30" i="26"/>
  <c r="Q38" i="10"/>
  <c r="D30" i="26" s="1"/>
  <c r="C174" i="26"/>
  <c r="Q182" i="10"/>
  <c r="D174" i="26" s="1"/>
  <c r="C302" i="26"/>
  <c r="Q310" i="10"/>
  <c r="D302" i="26" s="1"/>
  <c r="C430" i="26"/>
  <c r="Q438" i="10"/>
  <c r="D430" i="26" s="1"/>
  <c r="C606" i="26"/>
  <c r="Q614" i="10"/>
  <c r="D606" i="26" s="1"/>
  <c r="C742" i="26"/>
  <c r="Q750" i="10"/>
  <c r="D742" i="26" s="1"/>
  <c r="C870" i="26"/>
  <c r="Q878" i="10"/>
  <c r="D870" i="26" s="1"/>
  <c r="C1006" i="26"/>
  <c r="Q1014" i="10"/>
  <c r="D1006" i="26" s="1"/>
  <c r="C1134" i="26"/>
  <c r="Q1142" i="10"/>
  <c r="D1134" i="26" s="1"/>
  <c r="Q1318" i="10"/>
  <c r="D1310" i="26" s="1"/>
  <c r="C1310" i="26"/>
  <c r="Q1454" i="10"/>
  <c r="D1446" i="26" s="1"/>
  <c r="C1446" i="26"/>
  <c r="Q1598" i="10"/>
  <c r="D1590" i="26" s="1"/>
  <c r="C1590" i="26"/>
  <c r="Q1766" i="10"/>
  <c r="D1758" i="26" s="1"/>
  <c r="C1758" i="26"/>
  <c r="Q1902" i="10"/>
  <c r="D1894" i="26" s="1"/>
  <c r="C1894" i="26"/>
  <c r="Q2038" i="10"/>
  <c r="D2030" i="26" s="1"/>
  <c r="C2030" i="26"/>
  <c r="Q2222" i="10"/>
  <c r="D2214" i="26" s="1"/>
  <c r="C2214" i="26"/>
  <c r="Q2366" i="10"/>
  <c r="D2358" i="26" s="1"/>
  <c r="C2358" i="26"/>
  <c r="Q2518" i="10"/>
  <c r="D2510" i="26" s="1"/>
  <c r="C2510" i="26"/>
  <c r="Q2726" i="10"/>
  <c r="D2718" i="26" s="1"/>
  <c r="C2718" i="26"/>
  <c r="Q2830" i="10"/>
  <c r="D2822" i="26" s="1"/>
  <c r="C2822" i="26"/>
  <c r="C2804" i="26"/>
  <c r="Q2812" i="10"/>
  <c r="D2804" i="26" s="1"/>
  <c r="C670" i="26"/>
  <c r="Q678" i="10"/>
  <c r="D670" i="26" s="1"/>
  <c r="Q1702" i="10"/>
  <c r="D1694" i="26" s="1"/>
  <c r="C1694" i="26"/>
  <c r="Q2614" i="10"/>
  <c r="D2606" i="26" s="1"/>
  <c r="C2606" i="26"/>
  <c r="Q1846" i="10"/>
  <c r="D1838" i="26" s="1"/>
  <c r="C1838" i="26"/>
  <c r="C38" i="26"/>
  <c r="Q46" i="10"/>
  <c r="D38" i="26" s="1"/>
  <c r="C182" i="26"/>
  <c r="Q190" i="10"/>
  <c r="D182" i="26" s="1"/>
  <c r="C310" i="26"/>
  <c r="Q318" i="10"/>
  <c r="D310" i="26" s="1"/>
  <c r="C438" i="26"/>
  <c r="Q446" i="10"/>
  <c r="D438" i="26" s="1"/>
  <c r="C614" i="26"/>
  <c r="Q622" i="10"/>
  <c r="D614" i="26" s="1"/>
  <c r="C750" i="26"/>
  <c r="Q758" i="10"/>
  <c r="D750" i="26" s="1"/>
  <c r="C878" i="26"/>
  <c r="Q886" i="10"/>
  <c r="D878" i="26" s="1"/>
  <c r="C1014" i="26"/>
  <c r="Q1022" i="10"/>
  <c r="D1014" i="26" s="1"/>
  <c r="C1142" i="26"/>
  <c r="Q1150" i="10"/>
  <c r="D1142" i="26" s="1"/>
  <c r="Q1326" i="10"/>
  <c r="D1318" i="26" s="1"/>
  <c r="C1318" i="26"/>
  <c r="Q1470" i="10"/>
  <c r="D1462" i="26" s="1"/>
  <c r="C1462" i="26"/>
  <c r="Q1638" i="10"/>
  <c r="D1630" i="26" s="1"/>
  <c r="C1630" i="26"/>
  <c r="Q1774" i="10"/>
  <c r="D1766" i="26" s="1"/>
  <c r="C1766" i="26"/>
  <c r="Q1910" i="10"/>
  <c r="D1902" i="26" s="1"/>
  <c r="C1902" i="26"/>
  <c r="Q2046" i="10"/>
  <c r="D2038" i="26" s="1"/>
  <c r="C2038" i="26"/>
  <c r="Q2238" i="10"/>
  <c r="D2230" i="26" s="1"/>
  <c r="C2230" i="26"/>
  <c r="Q2374" i="10"/>
  <c r="D2366" i="26" s="1"/>
  <c r="C2366" i="26"/>
  <c r="Q2534" i="10"/>
  <c r="D2526" i="26" s="1"/>
  <c r="C2526" i="26"/>
  <c r="Q2734" i="10"/>
  <c r="D2726" i="26" s="1"/>
  <c r="C2726" i="26"/>
  <c r="C1604" i="26"/>
  <c r="Q1612" i="10"/>
  <c r="D1604" i="26" s="1"/>
  <c r="C18" i="26"/>
  <c r="Q26" i="10"/>
  <c r="D18" i="26" s="1"/>
  <c r="C806" i="26"/>
  <c r="Q814" i="10"/>
  <c r="D806" i="26" s="1"/>
  <c r="Q1830" i="10"/>
  <c r="D1822" i="26" s="1"/>
  <c r="C1822" i="26"/>
  <c r="Q2422" i="10"/>
  <c r="D2414" i="26" s="1"/>
  <c r="C2414" i="26"/>
  <c r="Q1974" i="10"/>
  <c r="D1966" i="26" s="1"/>
  <c r="C1966" i="26"/>
  <c r="C46" i="26"/>
  <c r="Q54" i="10"/>
  <c r="D46" i="26" s="1"/>
  <c r="C222" i="26"/>
  <c r="Q230" i="10"/>
  <c r="D222" i="26" s="1"/>
  <c r="C350" i="26"/>
  <c r="Q358" i="10"/>
  <c r="D350" i="26" s="1"/>
  <c r="C478" i="26"/>
  <c r="Q486" i="10"/>
  <c r="D478" i="26" s="1"/>
  <c r="C622" i="26"/>
  <c r="Q630" i="10"/>
  <c r="D622" i="26" s="1"/>
  <c r="C758" i="26"/>
  <c r="Q766" i="10"/>
  <c r="D758" i="26" s="1"/>
  <c r="C886" i="26"/>
  <c r="Q894" i="10"/>
  <c r="D886" i="26" s="1"/>
  <c r="C1054" i="26"/>
  <c r="Q1062" i="10"/>
  <c r="D1054" i="26" s="1"/>
  <c r="Q1190" i="10"/>
  <c r="D1182" i="26" s="1"/>
  <c r="C1182" i="26"/>
  <c r="Q1334" i="10"/>
  <c r="D1326" i="26" s="1"/>
  <c r="C1326" i="26"/>
  <c r="Q1518" i="10"/>
  <c r="D1510" i="26" s="1"/>
  <c r="C1510" i="26"/>
  <c r="Q1646" i="10"/>
  <c r="D1638" i="26" s="1"/>
  <c r="C1638" i="26"/>
  <c r="Q1782" i="10"/>
  <c r="D1774" i="26" s="1"/>
  <c r="C1774" i="26"/>
  <c r="Q1918" i="10"/>
  <c r="D1910" i="26" s="1"/>
  <c r="C1910" i="26"/>
  <c r="Q2102" i="10"/>
  <c r="D2094" i="26" s="1"/>
  <c r="C2094" i="26"/>
  <c r="D28" i="23"/>
  <c r="D28" i="25"/>
  <c r="Q2302" i="10"/>
  <c r="D2294" i="26" s="1"/>
  <c r="C2294" i="26"/>
  <c r="Q2406" i="10"/>
  <c r="D2398" i="26" s="1"/>
  <c r="C2398" i="26"/>
  <c r="Q2542" i="10"/>
  <c r="D2534" i="26" s="1"/>
  <c r="C2534" i="26"/>
  <c r="Q2742" i="10"/>
  <c r="D2734" i="26" s="1"/>
  <c r="C2734" i="26"/>
  <c r="C104" i="26"/>
  <c r="Q112" i="10"/>
  <c r="D104" i="26" s="1"/>
  <c r="C238" i="26"/>
  <c r="Q246" i="10"/>
  <c r="D238" i="26" s="1"/>
  <c r="C1070" i="26"/>
  <c r="Q1078" i="10"/>
  <c r="D1070" i="26" s="1"/>
  <c r="Q1966" i="10"/>
  <c r="D1958" i="26" s="1"/>
  <c r="C1958" i="26"/>
  <c r="Q1512" i="10"/>
  <c r="D1504" i="26" s="1"/>
  <c r="C1504" i="26"/>
  <c r="Q2550" i="10"/>
  <c r="D2542" i="26" s="1"/>
  <c r="C2542" i="26"/>
  <c r="C94" i="26"/>
  <c r="Q102" i="10"/>
  <c r="D94" i="26" s="1"/>
  <c r="C230" i="26"/>
  <c r="Q238" i="10"/>
  <c r="D230" i="26" s="1"/>
  <c r="C358" i="26"/>
  <c r="Q366" i="10"/>
  <c r="D358" i="26" s="1"/>
  <c r="C486" i="26"/>
  <c r="Q494" i="10"/>
  <c r="D486" i="26" s="1"/>
  <c r="C630" i="26"/>
  <c r="Q638" i="10"/>
  <c r="D630" i="26" s="1"/>
  <c r="C798" i="26"/>
  <c r="Q806" i="10"/>
  <c r="D798" i="26" s="1"/>
  <c r="C926" i="26"/>
  <c r="Q934" i="10"/>
  <c r="D926" i="26" s="1"/>
  <c r="C1062" i="26"/>
  <c r="Q1070" i="10"/>
  <c r="D1062" i="26" s="1"/>
  <c r="Q1198" i="10"/>
  <c r="D1190" i="26" s="1"/>
  <c r="C1190" i="26"/>
  <c r="Q1342" i="10"/>
  <c r="D1334" i="26" s="1"/>
  <c r="C1334" i="26"/>
  <c r="Q1526" i="10"/>
  <c r="D1518" i="26" s="1"/>
  <c r="C1518" i="26"/>
  <c r="Q1654" i="10"/>
  <c r="D1646" i="26" s="1"/>
  <c r="C1646" i="26"/>
  <c r="Q1790" i="10"/>
  <c r="D1782" i="26" s="1"/>
  <c r="C1782" i="26"/>
  <c r="Q1958" i="10"/>
  <c r="D1950" i="26" s="1"/>
  <c r="C1950" i="26"/>
  <c r="Q2134" i="10"/>
  <c r="D2126" i="26" s="1"/>
  <c r="C2126" i="26"/>
  <c r="Q2318" i="10"/>
  <c r="D2310" i="26" s="1"/>
  <c r="C2310" i="26"/>
  <c r="Q2414" i="10"/>
  <c r="D2406" i="26" s="1"/>
  <c r="C2406" i="26"/>
  <c r="Q2558" i="10"/>
  <c r="D2550" i="26" s="1"/>
  <c r="C2550" i="26"/>
  <c r="Q2750" i="10"/>
  <c r="D2742" i="26" s="1"/>
  <c r="C2742" i="26"/>
  <c r="C904" i="26"/>
  <c r="Q912" i="10"/>
  <c r="D904" i="26" s="1"/>
  <c r="E93" i="14"/>
  <c r="M93" i="22"/>
  <c r="E93" i="6"/>
  <c r="E93" i="7" s="1"/>
  <c r="FD89" i="14"/>
  <c r="ID89" i="14" s="1"/>
  <c r="EQ89" i="14"/>
  <c r="HQ89" i="14" s="1"/>
  <c r="BB90" i="14"/>
  <c r="BO90" i="14"/>
  <c r="CB90" i="14"/>
  <c r="BN90" i="14"/>
  <c r="BA90" i="14"/>
  <c r="CA90" i="14"/>
  <c r="FB89" i="14"/>
  <c r="IB89" i="14" s="1"/>
  <c r="EO89" i="14"/>
  <c r="HO89" i="14" s="1"/>
  <c r="DF89" i="14"/>
  <c r="GF89" i="14" s="1"/>
  <c r="CS89" i="14"/>
  <c r="FS89" i="14" s="1"/>
  <c r="DX89" i="14"/>
  <c r="GX89" i="14" s="1"/>
  <c r="EK89" i="14"/>
  <c r="HK89" i="14" s="1"/>
  <c r="CQ89" i="14"/>
  <c r="FQ89" i="14" s="1"/>
  <c r="DD89" i="14"/>
  <c r="GD89" i="14" s="1"/>
  <c r="EU89" i="14"/>
  <c r="HU89" i="14" s="1"/>
  <c r="FH89" i="14"/>
  <c r="IH89" i="14" s="1"/>
  <c r="BW90" i="14"/>
  <c r="CJ90" i="14"/>
  <c r="BJ90" i="14"/>
  <c r="CG90" i="14"/>
  <c r="BG90" i="14"/>
  <c r="BT90" i="14"/>
  <c r="CZ89" i="14"/>
  <c r="FZ89" i="14" s="1"/>
  <c r="CM89" i="14"/>
  <c r="FM89" i="14" s="1"/>
  <c r="EF89" i="14"/>
  <c r="HF89" i="14" s="1"/>
  <c r="DS89" i="14"/>
  <c r="GS89" i="14" s="1"/>
  <c r="FK89" i="14"/>
  <c r="IK89" i="14" s="1"/>
  <c r="EX89" i="14"/>
  <c r="HX89" i="14" s="1"/>
  <c r="DA89" i="14"/>
  <c r="GA89" i="14" s="1"/>
  <c r="CN89" i="14"/>
  <c r="FN89" i="14" s="1"/>
  <c r="DO89" i="14"/>
  <c r="GO89" i="14" s="1"/>
  <c r="EB89" i="14"/>
  <c r="HB89" i="14" s="1"/>
  <c r="CE90" i="14"/>
  <c r="BR90" i="14"/>
  <c r="BE90" i="14"/>
  <c r="DZ89" i="14"/>
  <c r="GZ89" i="14" s="1"/>
  <c r="DM89" i="14"/>
  <c r="GM89" i="14" s="1"/>
  <c r="DW89" i="14"/>
  <c r="GW89" i="14" s="1"/>
  <c r="EJ89" i="14"/>
  <c r="HJ89" i="14" s="1"/>
  <c r="DK89" i="14"/>
  <c r="GK89" i="14" s="1"/>
  <c r="CX89" i="14"/>
  <c r="FX89" i="14" s="1"/>
  <c r="DN89" i="14"/>
  <c r="GN89" i="14" s="1"/>
  <c r="EA89" i="14"/>
  <c r="HA89" i="14" s="1"/>
  <c r="BH90" i="14"/>
  <c r="BU90" i="14"/>
  <c r="CH90" i="14"/>
  <c r="CK90" i="14"/>
  <c r="BK90" i="14"/>
  <c r="BX90" i="14"/>
  <c r="DP89" i="14"/>
  <c r="GP89" i="14" s="1"/>
  <c r="EC89" i="14"/>
  <c r="HC89" i="14" s="1"/>
  <c r="EM89" i="14"/>
  <c r="HM89" i="14" s="1"/>
  <c r="EZ89" i="14"/>
  <c r="HZ89" i="14" s="1"/>
  <c r="FJ89" i="14"/>
  <c r="IJ89" i="14" s="1"/>
  <c r="EW89" i="14"/>
  <c r="HW89" i="14" s="1"/>
  <c r="DV89" i="14"/>
  <c r="GV89" i="14" s="1"/>
  <c r="EI89" i="14"/>
  <c r="HI89" i="14" s="1"/>
  <c r="FA89" i="14"/>
  <c r="IA89" i="14" s="1"/>
  <c r="EN89" i="14"/>
  <c r="HN89" i="14" s="1"/>
  <c r="CF90" i="14"/>
  <c r="BF90" i="14"/>
  <c r="BS90" i="14"/>
  <c r="BV90" i="14"/>
  <c r="CI90" i="14"/>
  <c r="BI90" i="14"/>
  <c r="FC89" i="14"/>
  <c r="IC89" i="14" s="1"/>
  <c r="EP89" i="14"/>
  <c r="HP89" i="14" s="1"/>
  <c r="DG89" i="14"/>
  <c r="GG89" i="14" s="1"/>
  <c r="CT89" i="14"/>
  <c r="FT89" i="14" s="1"/>
  <c r="DJ89" i="14"/>
  <c r="GJ89" i="14" s="1"/>
  <c r="CW89" i="14"/>
  <c r="FW89" i="14" s="1"/>
  <c r="EV89" i="14"/>
  <c r="HV89" i="14" s="1"/>
  <c r="FI89" i="14"/>
  <c r="II89" i="14" s="1"/>
  <c r="ER89" i="14"/>
  <c r="HR89" i="14" s="1"/>
  <c r="FE89" i="14"/>
  <c r="IE89" i="14" s="1"/>
  <c r="BQ90" i="14"/>
  <c r="CD90" i="14"/>
  <c r="BD90" i="14"/>
  <c r="CP89" i="14"/>
  <c r="FP89" i="14" s="1"/>
  <c r="DC89" i="14"/>
  <c r="GC89" i="14" s="1"/>
  <c r="ET89" i="14"/>
  <c r="HT89" i="14" s="1"/>
  <c r="FG89" i="14"/>
  <c r="IG89" i="14" s="1"/>
  <c r="DH89" i="14"/>
  <c r="GH89" i="14" s="1"/>
  <c r="CU89" i="14"/>
  <c r="FU89" i="14" s="1"/>
  <c r="CV89" i="14"/>
  <c r="FV89" i="14" s="1"/>
  <c r="DI89" i="14"/>
  <c r="GI89" i="14" s="1"/>
  <c r="CR89" i="14"/>
  <c r="FR89" i="14" s="1"/>
  <c r="DE89" i="14"/>
  <c r="GE89" i="14" s="1"/>
  <c r="FF89" i="14"/>
  <c r="IF89" i="14" s="1"/>
  <c r="ES89" i="14"/>
  <c r="HS89" i="14" s="1"/>
  <c r="BZ90" i="14"/>
  <c r="AZ90" i="14"/>
  <c r="BM90" i="14"/>
  <c r="CC90" i="14"/>
  <c r="BC90" i="14"/>
  <c r="BP90" i="14"/>
  <c r="DB89" i="14"/>
  <c r="GB89" i="14" s="1"/>
  <c r="CO89" i="14"/>
  <c r="FO89" i="14" s="1"/>
  <c r="EG89" i="14"/>
  <c r="HG89" i="14" s="1"/>
  <c r="DT89" i="14"/>
  <c r="GT89" i="14" s="1"/>
  <c r="EH89" i="14"/>
  <c r="HH89" i="14" s="1"/>
  <c r="DU89" i="14"/>
  <c r="GU89" i="14" s="1"/>
  <c r="ED89" i="14"/>
  <c r="HD89" i="14" s="1"/>
  <c r="DQ89" i="14"/>
  <c r="GQ89" i="14" s="1"/>
  <c r="DR89" i="14"/>
  <c r="GR89" i="14" s="1"/>
  <c r="EE89" i="14"/>
  <c r="HE89" i="14" s="1"/>
  <c r="S622" i="10"/>
  <c r="S1638" i="10"/>
  <c r="S2734" i="10"/>
  <c r="S1510" i="10"/>
  <c r="S38" i="10"/>
  <c r="S182" i="10"/>
  <c r="S310" i="10"/>
  <c r="S438" i="10"/>
  <c r="S614" i="10"/>
  <c r="S750" i="10"/>
  <c r="S878" i="10"/>
  <c r="S1014" i="10"/>
  <c r="S1142" i="10"/>
  <c r="S1318" i="10"/>
  <c r="S1454" i="10"/>
  <c r="S1598" i="10"/>
  <c r="S1766" i="10"/>
  <c r="S1902" i="10"/>
  <c r="S2038" i="10"/>
  <c r="S2222" i="10"/>
  <c r="S2366" i="10"/>
  <c r="S2518" i="10"/>
  <c r="S2726" i="10"/>
  <c r="S2830" i="10"/>
  <c r="S2812" i="10"/>
  <c r="AF93" i="22" a="1"/>
  <c r="AF93" i="22" s="1"/>
  <c r="AS93" i="22" s="1"/>
  <c r="N93" i="14" s="1"/>
  <c r="AC93" i="22" a="1"/>
  <c r="AC93" i="22" s="1"/>
  <c r="AP93" i="22" s="1"/>
  <c r="K93" i="14" s="1"/>
  <c r="AD93" i="22" a="1"/>
  <c r="AD93" i="22" s="1"/>
  <c r="AQ93" i="22" s="1"/>
  <c r="L93" i="14" s="1"/>
  <c r="AJ93" i="22" a="1"/>
  <c r="AJ93" i="22" s="1"/>
  <c r="AW93" i="22" s="1"/>
  <c r="R93" i="14" s="1"/>
  <c r="AB93" i="22" a="1"/>
  <c r="AB93" i="22" s="1"/>
  <c r="AO93" i="22" s="1"/>
  <c r="J93" i="14" s="1"/>
  <c r="AH93" i="22" a="1"/>
  <c r="AH93" i="22" s="1"/>
  <c r="AU93" i="22" s="1"/>
  <c r="P93" i="14" s="1"/>
  <c r="AK93" i="22" a="1"/>
  <c r="AK93" i="22" s="1"/>
  <c r="AX93" i="22" s="1"/>
  <c r="S93" i="14" s="1"/>
  <c r="AA93" i="22" a="1"/>
  <c r="AA93" i="22" s="1"/>
  <c r="AN93" i="22" s="1"/>
  <c r="I93" i="14" s="1"/>
  <c r="AE93" i="22" a="1"/>
  <c r="AE93" i="22" s="1"/>
  <c r="AR93" i="22" s="1"/>
  <c r="M93" i="14" s="1"/>
  <c r="AG93" i="22" a="1"/>
  <c r="AG93" i="22" s="1"/>
  <c r="AT93" i="22" s="1"/>
  <c r="O93" i="14" s="1"/>
  <c r="AI93" i="22" a="1"/>
  <c r="AI93" i="22" s="1"/>
  <c r="AV93" i="22" s="1"/>
  <c r="Q93" i="14" s="1"/>
  <c r="S190" i="10"/>
  <c r="S1150" i="10"/>
  <c r="S2046" i="10"/>
  <c r="S1974" i="10"/>
  <c r="S54" i="10"/>
  <c r="S230" i="10"/>
  <c r="S358" i="10"/>
  <c r="S486" i="10"/>
  <c r="S630" i="10"/>
  <c r="S766" i="10"/>
  <c r="S894" i="10"/>
  <c r="S1062" i="10"/>
  <c r="S1190" i="10"/>
  <c r="S1334" i="10"/>
  <c r="S1518" i="10"/>
  <c r="S1646" i="10"/>
  <c r="S1782" i="10"/>
  <c r="S1918" i="10"/>
  <c r="S2102" i="10"/>
  <c r="S2302" i="10"/>
  <c r="K49" i="22" s="1"/>
  <c r="F49" i="22"/>
  <c r="E49" i="22"/>
  <c r="M49" i="22" s="1"/>
  <c r="S2406" i="10"/>
  <c r="S2542" i="10"/>
  <c r="S2742" i="10"/>
  <c r="S112" i="10"/>
  <c r="S46" i="10"/>
  <c r="S1022" i="10"/>
  <c r="S2238" i="10"/>
  <c r="S2550" i="10"/>
  <c r="S102" i="10"/>
  <c r="S238" i="10"/>
  <c r="S366" i="10"/>
  <c r="S494" i="10"/>
  <c r="S638" i="10"/>
  <c r="S806" i="10"/>
  <c r="S934" i="10"/>
  <c r="S1070" i="10"/>
  <c r="S1198" i="10"/>
  <c r="S1342" i="10"/>
  <c r="S1526" i="10"/>
  <c r="S1654" i="10"/>
  <c r="S1790" i="10"/>
  <c r="S1958" i="10"/>
  <c r="S2134" i="10"/>
  <c r="S2318" i="10"/>
  <c r="S2414" i="10"/>
  <c r="S2558" i="10"/>
  <c r="S2750" i="10"/>
  <c r="S912" i="10"/>
  <c r="S758" i="10"/>
  <c r="S1774" i="10"/>
  <c r="S1612" i="10"/>
  <c r="S26" i="10"/>
  <c r="S2598" i="10"/>
  <c r="S110" i="10"/>
  <c r="S246" i="10"/>
  <c r="S374" i="10"/>
  <c r="S502" i="10"/>
  <c r="S678" i="10"/>
  <c r="S814" i="10"/>
  <c r="S950" i="10"/>
  <c r="S1078" i="10"/>
  <c r="S1206" i="10"/>
  <c r="S1390" i="10"/>
  <c r="S1534" i="10"/>
  <c r="S1702" i="10"/>
  <c r="S1830" i="10"/>
  <c r="S1966" i="10"/>
  <c r="S2150" i="10"/>
  <c r="S2334" i="10"/>
  <c r="S2422" i="10"/>
  <c r="S2614" i="10"/>
  <c r="S2766" i="10"/>
  <c r="S1512" i="10"/>
  <c r="S446" i="10"/>
  <c r="S1470" i="10"/>
  <c r="S2534" i="10"/>
  <c r="S812" i="10"/>
  <c r="S2662" i="10"/>
  <c r="S118" i="10"/>
  <c r="S254" i="10"/>
  <c r="S382" i="10"/>
  <c r="S510" i="10"/>
  <c r="S694" i="10"/>
  <c r="S822" i="10"/>
  <c r="S958" i="10"/>
  <c r="S1086" i="10"/>
  <c r="S1214" i="10"/>
  <c r="S1398" i="10"/>
  <c r="S1574" i="10"/>
  <c r="S1710" i="10"/>
  <c r="S1838" i="10"/>
  <c r="S1982" i="10"/>
  <c r="S2166" i="10"/>
  <c r="S2342" i="10"/>
  <c r="S2430" i="10"/>
  <c r="S2622" i="10"/>
  <c r="S2790" i="10"/>
  <c r="S2312" i="10"/>
  <c r="C95" i="22"/>
  <c r="F94" i="22"/>
  <c r="G94" i="22"/>
  <c r="F94" i="6" s="1"/>
  <c r="F94" i="7" s="1"/>
  <c r="K94" i="22"/>
  <c r="I94" i="22"/>
  <c r="H94" i="6" s="1"/>
  <c r="H94" i="7" s="1"/>
  <c r="L94" i="22"/>
  <c r="AY94" i="22" s="1"/>
  <c r="T94" i="14" s="1"/>
  <c r="D94" i="22"/>
  <c r="H94" i="22"/>
  <c r="G94" i="6" s="1"/>
  <c r="G94" i="7" s="1"/>
  <c r="E94" i="22"/>
  <c r="J94" i="22"/>
  <c r="B94" i="22"/>
  <c r="B94" i="6" s="1"/>
  <c r="B94" i="7" s="1"/>
  <c r="S1846" i="10"/>
  <c r="S886" i="10"/>
  <c r="S1910" i="10"/>
  <c r="BE91" i="22"/>
  <c r="Z91" i="14" s="1"/>
  <c r="AN91" i="14" s="1"/>
  <c r="BJ91" i="22"/>
  <c r="AE91" i="14" s="1"/>
  <c r="AS91" i="14" s="1"/>
  <c r="BD91" i="22"/>
  <c r="Y91" i="14" s="1"/>
  <c r="AM91" i="14" s="1"/>
  <c r="BL91" i="22"/>
  <c r="AG91" i="14" s="1"/>
  <c r="AU91" i="14" s="1"/>
  <c r="BG91" i="22"/>
  <c r="AB91" i="14" s="1"/>
  <c r="AP91" i="14" s="1"/>
  <c r="BK91" i="22"/>
  <c r="AF91" i="14" s="1"/>
  <c r="AT91" i="14" s="1"/>
  <c r="BF91" i="22"/>
  <c r="AA91" i="14" s="1"/>
  <c r="AO91" i="14" s="1"/>
  <c r="BH91" i="22"/>
  <c r="AC91" i="14" s="1"/>
  <c r="AQ91" i="14" s="1"/>
  <c r="BC91" i="22"/>
  <c r="X91" i="14" s="1"/>
  <c r="AL91" i="14" s="1"/>
  <c r="BI91" i="22"/>
  <c r="AD91" i="14" s="1"/>
  <c r="AR91" i="14" s="1"/>
  <c r="BB91" i="22"/>
  <c r="W91" i="14" s="1"/>
  <c r="AK91" i="14" s="1"/>
  <c r="BA91" i="22"/>
  <c r="V91" i="14" s="1"/>
  <c r="AJ91" i="14" s="1"/>
  <c r="S870" i="10"/>
  <c r="S712" i="10"/>
  <c r="S126" i="10"/>
  <c r="S294" i="10"/>
  <c r="S422" i="10"/>
  <c r="S558" i="10"/>
  <c r="S702" i="10"/>
  <c r="S830" i="10"/>
  <c r="S998" i="10"/>
  <c r="S1126" i="10"/>
  <c r="S1270" i="10"/>
  <c r="S1406" i="10"/>
  <c r="S1582" i="10"/>
  <c r="S1718" i="10"/>
  <c r="S1854" i="10"/>
  <c r="S2022" i="10"/>
  <c r="S2174" i="10"/>
  <c r="S2350" i="10"/>
  <c r="S2462" i="10"/>
  <c r="S2678" i="10"/>
  <c r="S2798" i="10"/>
  <c r="S2712" i="10"/>
  <c r="S318" i="10"/>
  <c r="S1326" i="10"/>
  <c r="S2374" i="10"/>
  <c r="S1382" i="10"/>
  <c r="S1312" i="10"/>
  <c r="S166" i="10"/>
  <c r="S302" i="10"/>
  <c r="S430" i="10"/>
  <c r="S574" i="10"/>
  <c r="S742" i="10"/>
  <c r="S862" i="10"/>
  <c r="S1006" i="10"/>
  <c r="S1134" i="10"/>
  <c r="S1278" i="10"/>
  <c r="S1446" i="10"/>
  <c r="S1590" i="10"/>
  <c r="S1726" i="10"/>
  <c r="S1894" i="10"/>
  <c r="S2030" i="10"/>
  <c r="S2198" i="10"/>
  <c r="S2358" i="10"/>
  <c r="S2494" i="10"/>
  <c r="S2686" i="10"/>
  <c r="S2814" i="10"/>
  <c r="S2012" i="10"/>
  <c r="R93" i="22"/>
  <c r="X93" i="22" s="1"/>
  <c r="Y93" i="22" s="1"/>
  <c r="Z93" i="22" s="1"/>
  <c r="G93" i="14" s="1"/>
  <c r="BC92" i="22"/>
  <c r="X92" i="14" s="1"/>
  <c r="AL92" i="14" s="1"/>
  <c r="BE92" i="22"/>
  <c r="Z92" i="14" s="1"/>
  <c r="AN92" i="14" s="1"/>
  <c r="BG92" i="22"/>
  <c r="AB92" i="14" s="1"/>
  <c r="AP92" i="14" s="1"/>
  <c r="BH92" i="22"/>
  <c r="AC92" i="14" s="1"/>
  <c r="AQ92" i="14" s="1"/>
  <c r="BD92" i="22"/>
  <c r="Y92" i="14" s="1"/>
  <c r="AM92" i="14" s="1"/>
  <c r="BL92" i="22"/>
  <c r="AG92" i="14" s="1"/>
  <c r="AU92" i="14" s="1"/>
  <c r="BF92" i="22"/>
  <c r="AA92" i="14" s="1"/>
  <c r="AO92" i="14" s="1"/>
  <c r="BA92" i="22"/>
  <c r="V92" i="14" s="1"/>
  <c r="AJ92" i="14" s="1"/>
  <c r="BJ92" i="22"/>
  <c r="AE92" i="14" s="1"/>
  <c r="AS92" i="14" s="1"/>
  <c r="BK92" i="22"/>
  <c r="AF92" i="14" s="1"/>
  <c r="AT92" i="14" s="1"/>
  <c r="BB92" i="22"/>
  <c r="W92" i="14" s="1"/>
  <c r="AK92" i="14" s="1"/>
  <c r="BI92" i="22"/>
  <c r="AD92" i="14" s="1"/>
  <c r="AR92" i="14" s="1"/>
  <c r="H43" i="6"/>
  <c r="H43" i="7" s="1"/>
  <c r="H75" i="6"/>
  <c r="H48" i="6"/>
  <c r="H80" i="6"/>
  <c r="H80" i="7" s="1"/>
  <c r="H54" i="6"/>
  <c r="H54" i="7" s="1"/>
  <c r="H50" i="6"/>
  <c r="H50" i="7" s="1"/>
  <c r="H70" i="6"/>
  <c r="H70" i="7" s="1"/>
  <c r="H30" i="6"/>
  <c r="H30" i="7" s="1"/>
  <c r="H61" i="6"/>
  <c r="H61" i="7" s="1"/>
  <c r="H41" i="6"/>
  <c r="H45" i="6"/>
  <c r="H77" i="6"/>
  <c r="H74" i="6"/>
  <c r="H74" i="7" s="1"/>
  <c r="H47" i="6"/>
  <c r="H47" i="7" s="1"/>
  <c r="H79" i="6"/>
  <c r="H79" i="7" s="1"/>
  <c r="H52" i="6"/>
  <c r="H52" i="7" s="1"/>
  <c r="H37" i="6"/>
  <c r="H37" i="7" s="1"/>
  <c r="H39" i="6"/>
  <c r="H44" i="6"/>
  <c r="H73" i="6"/>
  <c r="H73" i="7" s="1"/>
  <c r="H49" i="6"/>
  <c r="H49" i="7" s="1"/>
  <c r="H81" i="6"/>
  <c r="H81" i="7" s="1"/>
  <c r="H78" i="6"/>
  <c r="H78" i="7" s="1"/>
  <c r="H51" i="6"/>
  <c r="H51" i="7" s="1"/>
  <c r="H58" i="6"/>
  <c r="H58" i="7" s="1"/>
  <c r="H56" i="6"/>
  <c r="H66" i="6"/>
  <c r="H66" i="7" s="1"/>
  <c r="H82" i="6"/>
  <c r="H82" i="7" s="1"/>
  <c r="H69" i="6"/>
  <c r="H69" i="7" s="1"/>
  <c r="H71" i="6"/>
  <c r="H71" i="7" s="1"/>
  <c r="H55" i="6"/>
  <c r="H55" i="7" s="1"/>
  <c r="H28" i="6"/>
  <c r="H28" i="7" s="1"/>
  <c r="H60" i="6"/>
  <c r="H60" i="7" s="1"/>
  <c r="H42" i="6"/>
  <c r="H34" i="6"/>
  <c r="H34" i="7" s="1"/>
  <c r="H46" i="6"/>
  <c r="H46" i="7" s="1"/>
  <c r="H76" i="6"/>
  <c r="H76" i="7" s="1"/>
  <c r="H53" i="6"/>
  <c r="H53" i="7" s="1"/>
  <c r="H57" i="6"/>
  <c r="H57" i="7" s="1"/>
  <c r="H27" i="6"/>
  <c r="H27" i="7" s="1"/>
  <c r="H59" i="6"/>
  <c r="H59" i="7" s="1"/>
  <c r="H32" i="6"/>
  <c r="H32" i="7" s="1"/>
  <c r="H64" i="6"/>
  <c r="H62" i="6"/>
  <c r="H62" i="7" s="1"/>
  <c r="H29" i="6"/>
  <c r="H29" i="7" s="1"/>
  <c r="H36" i="6"/>
  <c r="H36" i="7" s="1"/>
  <c r="H68" i="6"/>
  <c r="H68" i="7" s="1"/>
  <c r="H31" i="6"/>
  <c r="H31" i="7" s="1"/>
  <c r="H63" i="6"/>
  <c r="H63" i="7" s="1"/>
  <c r="H33" i="6"/>
  <c r="H33" i="7" s="1"/>
  <c r="H65" i="6"/>
  <c r="H65" i="7" s="1"/>
  <c r="H35" i="6"/>
  <c r="H35" i="7" s="1"/>
  <c r="H67" i="6"/>
  <c r="H67" i="7" s="1"/>
  <c r="H40" i="6"/>
  <c r="H40" i="7" s="1"/>
  <c r="H72" i="6"/>
  <c r="H72" i="7" s="1"/>
  <c r="H38" i="6"/>
  <c r="H38" i="7" s="1"/>
  <c r="P990" i="10"/>
  <c r="P1758" i="10"/>
  <c r="P2398" i="10"/>
  <c r="P2654" i="10"/>
  <c r="P24" i="10"/>
  <c r="P664" i="10"/>
  <c r="P1624" i="10"/>
  <c r="P2136" i="10"/>
  <c r="P1900" i="10"/>
  <c r="P571" i="10"/>
  <c r="P1211" i="10"/>
  <c r="P1851" i="10"/>
  <c r="P604" i="10"/>
  <c r="P253" i="10"/>
  <c r="P957" i="10"/>
  <c r="P1661" i="10"/>
  <c r="P2237" i="10"/>
  <c r="P2620" i="10"/>
  <c r="P1182" i="10"/>
  <c r="P2270" i="10"/>
  <c r="P2846" i="10"/>
  <c r="P408" i="10"/>
  <c r="P728" i="10"/>
  <c r="P1816" i="10"/>
  <c r="P2648" i="10"/>
  <c r="P852" i="10"/>
  <c r="P635" i="10"/>
  <c r="P1339" i="10"/>
  <c r="P2043" i="10"/>
  <c r="P2491" i="10"/>
  <c r="P1213" i="10"/>
  <c r="P1853" i="10"/>
  <c r="P2557" i="10"/>
  <c r="P1246" i="10"/>
  <c r="P2014" i="10"/>
  <c r="P2590" i="10"/>
  <c r="P996" i="10"/>
  <c r="P536" i="10"/>
  <c r="P1048" i="10"/>
  <c r="P2264" i="10"/>
  <c r="P468" i="10"/>
  <c r="P187" i="10"/>
  <c r="P891" i="10"/>
  <c r="P1403" i="10"/>
  <c r="P1915" i="10"/>
  <c r="P2235" i="10"/>
  <c r="P2555" i="10"/>
  <c r="P61" i="10"/>
  <c r="P701" i="10"/>
  <c r="P1789" i="10"/>
  <c r="P2365" i="10"/>
  <c r="P174" i="10"/>
  <c r="P686" i="10"/>
  <c r="P942" i="10"/>
  <c r="P2158" i="10"/>
  <c r="P1118" i="10"/>
  <c r="P2526" i="10"/>
  <c r="P2604" i="10"/>
  <c r="P2164" i="10"/>
  <c r="P792" i="10"/>
  <c r="P1496" i="10"/>
  <c r="P1944" i="10"/>
  <c r="P2584" i="10"/>
  <c r="P620" i="10"/>
  <c r="P763" i="10"/>
  <c r="P1467" i="10"/>
  <c r="P2363" i="10"/>
  <c r="P1884" i="10"/>
  <c r="P445" i="10"/>
  <c r="P1597" i="10"/>
  <c r="P2173" i="10"/>
  <c r="P2813" i="10"/>
  <c r="P670" i="10"/>
  <c r="P1694" i="10"/>
  <c r="P2206" i="10"/>
  <c r="P2718" i="10"/>
  <c r="P55" i="10"/>
  <c r="P924" i="10"/>
  <c r="P856" i="10"/>
  <c r="P1368" i="10"/>
  <c r="P1020" i="10"/>
  <c r="P59" i="10"/>
  <c r="P379" i="10"/>
  <c r="P1787" i="10"/>
  <c r="P2299" i="10"/>
  <c r="P2691" i="10"/>
  <c r="P381" i="10"/>
  <c r="P1469" i="10"/>
  <c r="P2109" i="10"/>
  <c r="P1332" i="10"/>
  <c r="P478" i="10"/>
  <c r="P1310" i="10"/>
  <c r="P1822" i="10"/>
  <c r="P332" i="10"/>
  <c r="P88" i="10"/>
  <c r="P600" i="10"/>
  <c r="P1304" i="10"/>
  <c r="P1752" i="10"/>
  <c r="P1572" i="10"/>
  <c r="P2052" i="10"/>
  <c r="P443" i="10"/>
  <c r="P1595" i="10"/>
  <c r="P2107" i="10"/>
  <c r="P1556" i="10"/>
  <c r="P637" i="10"/>
  <c r="P1341" i="10"/>
  <c r="P1725" i="10"/>
  <c r="P2045" i="10"/>
  <c r="P2621" i="10"/>
  <c r="P287" i="10"/>
  <c r="P1699" i="10"/>
  <c r="P165" i="10"/>
  <c r="P229" i="10"/>
  <c r="P421" i="10"/>
  <c r="P485" i="10"/>
  <c r="P741" i="10"/>
  <c r="P933" i="10"/>
  <c r="P997" i="10"/>
  <c r="P1253" i="10"/>
  <c r="P1445" i="10"/>
  <c r="P1509" i="10"/>
  <c r="P1701" i="10"/>
  <c r="P1957" i="10"/>
  <c r="P2021" i="10"/>
  <c r="P2213" i="10"/>
  <c r="P2469" i="10"/>
  <c r="P2533" i="10"/>
  <c r="P2725" i="10"/>
  <c r="P2789" i="10"/>
  <c r="P20" i="10"/>
  <c r="P1732" i="10"/>
  <c r="P1566" i="10"/>
  <c r="P2142" i="10"/>
  <c r="P2782" i="10"/>
  <c r="P2196" i="10"/>
  <c r="P1540" i="10"/>
  <c r="P280" i="10"/>
  <c r="P984" i="10"/>
  <c r="P1880" i="10"/>
  <c r="P132" i="10"/>
  <c r="P315" i="10"/>
  <c r="P1019" i="10"/>
  <c r="P1659" i="10"/>
  <c r="P276" i="10"/>
  <c r="P2492" i="10"/>
  <c r="P829" i="10"/>
  <c r="P1533" i="10"/>
  <c r="P1917" i="10"/>
  <c r="P2301" i="10"/>
  <c r="P2749" i="10"/>
  <c r="P1980" i="10"/>
  <c r="P526" i="10"/>
  <c r="P590" i="10"/>
  <c r="P1102" i="10"/>
  <c r="P1550" i="10"/>
  <c r="P1614" i="10"/>
  <c r="P2126" i="10"/>
  <c r="P2574" i="10"/>
  <c r="P236" i="10"/>
  <c r="P39" i="10"/>
  <c r="P167" i="10"/>
  <c r="P295" i="10"/>
  <c r="P359" i="10"/>
  <c r="P423" i="10"/>
  <c r="P487" i="10"/>
  <c r="P551" i="10"/>
  <c r="P615" i="10"/>
  <c r="P679" i="10"/>
  <c r="P743" i="10"/>
  <c r="P807" i="10"/>
  <c r="P871" i="10"/>
  <c r="P935" i="10"/>
  <c r="P999" i="10"/>
  <c r="P1063" i="10"/>
  <c r="P1127" i="10"/>
  <c r="P1191" i="10"/>
  <c r="P1255" i="10"/>
  <c r="P1319" i="10"/>
  <c r="P1383" i="10"/>
  <c r="P1447" i="10"/>
  <c r="P1511" i="10"/>
  <c r="P1575" i="10"/>
  <c r="P1639" i="10"/>
  <c r="P1703" i="10"/>
  <c r="P1831" i="10"/>
  <c r="P1959" i="10"/>
  <c r="P2087" i="10"/>
  <c r="P2151" i="10"/>
  <c r="P2215" i="10"/>
  <c r="P2279" i="10"/>
  <c r="P2343" i="10"/>
  <c r="P2407" i="10"/>
  <c r="P2471" i="10"/>
  <c r="P2535" i="10"/>
  <c r="P2599" i="10"/>
  <c r="P2663" i="10"/>
  <c r="P2791" i="10"/>
  <c r="P148" i="10"/>
  <c r="P2020" i="10"/>
  <c r="P72" i="10"/>
  <c r="P136" i="10"/>
  <c r="P200" i="10"/>
  <c r="P264" i="10"/>
  <c r="P328" i="10"/>
  <c r="P392" i="10"/>
  <c r="P520" i="10"/>
  <c r="P648" i="10"/>
  <c r="P776" i="10"/>
  <c r="P840" i="10"/>
  <c r="P904" i="10"/>
  <c r="P968" i="10"/>
  <c r="P1096" i="10"/>
  <c r="P1160" i="10"/>
  <c r="P1224" i="10"/>
  <c r="P1288" i="10"/>
  <c r="P1416" i="10"/>
  <c r="P1480" i="10"/>
  <c r="P1544" i="10"/>
  <c r="P1608" i="10"/>
  <c r="P1736" i="10"/>
  <c r="P1800" i="10"/>
  <c r="P1928" i="10"/>
  <c r="P1992" i="10"/>
  <c r="P2056" i="10"/>
  <c r="P2120" i="10"/>
  <c r="P2184" i="10"/>
  <c r="P2248" i="10"/>
  <c r="P2376" i="10"/>
  <c r="P2440" i="10"/>
  <c r="P2504" i="10"/>
  <c r="P2568" i="10"/>
  <c r="P2632" i="10"/>
  <c r="P2696" i="10"/>
  <c r="P2760" i="10"/>
  <c r="P348" i="10"/>
  <c r="P868" i="10"/>
  <c r="P1436" i="10"/>
  <c r="P2460" i="10"/>
  <c r="P252" i="10"/>
  <c r="P724" i="10"/>
  <c r="P1276" i="10"/>
  <c r="P1772" i="10"/>
  <c r="P2244" i="10"/>
  <c r="P484" i="10"/>
  <c r="P964" i="10"/>
  <c r="P1492" i="10"/>
  <c r="P1932" i="10"/>
  <c r="P2428" i="10"/>
  <c r="P43" i="10"/>
  <c r="P107" i="10"/>
  <c r="P171" i="10"/>
  <c r="P235" i="10"/>
  <c r="P299" i="10"/>
  <c r="P427" i="10"/>
  <c r="P555" i="10"/>
  <c r="P619" i="10"/>
  <c r="P683" i="10"/>
  <c r="P747" i="10"/>
  <c r="P811" i="10"/>
  <c r="P875" i="10"/>
  <c r="P1003" i="10"/>
  <c r="P1131" i="10"/>
  <c r="P1195" i="10"/>
  <c r="P1259" i="10"/>
  <c r="P1323" i="10"/>
  <c r="P1451" i="10"/>
  <c r="P1579" i="10"/>
  <c r="P1643" i="10"/>
  <c r="P1707" i="10"/>
  <c r="P1771" i="10"/>
  <c r="P1899" i="10"/>
  <c r="P2027" i="10"/>
  <c r="P2091" i="10"/>
  <c r="P2155" i="10"/>
  <c r="P2219" i="10"/>
  <c r="P2347" i="10"/>
  <c r="P2475" i="10"/>
  <c r="P2539" i="10"/>
  <c r="P2603" i="10"/>
  <c r="P2667" i="10"/>
  <c r="P836" i="10"/>
  <c r="P1116" i="10"/>
  <c r="P1452" i="10"/>
  <c r="P1780" i="10"/>
  <c r="P2420" i="10"/>
  <c r="P45" i="10"/>
  <c r="P109" i="10"/>
  <c r="P173" i="10"/>
  <c r="P237" i="10"/>
  <c r="P301" i="10"/>
  <c r="P365" i="10"/>
  <c r="P429" i="10"/>
  <c r="P493" i="10"/>
  <c r="P557" i="10"/>
  <c r="P621" i="10"/>
  <c r="P749" i="10"/>
  <c r="P813" i="10"/>
  <c r="P877" i="10"/>
  <c r="P941" i="10"/>
  <c r="P1005" i="10"/>
  <c r="P1069" i="10"/>
  <c r="P1133" i="10"/>
  <c r="P1261" i="10"/>
  <c r="P1325" i="10"/>
  <c r="P1453" i="10"/>
  <c r="P1517" i="10"/>
  <c r="P1645" i="10"/>
  <c r="P1709" i="10"/>
  <c r="P1837" i="10"/>
  <c r="P1965" i="10"/>
  <c r="P2029" i="10"/>
  <c r="P2157" i="10"/>
  <c r="P2221" i="10"/>
  <c r="P2349" i="10"/>
  <c r="P2413" i="10"/>
  <c r="P2541" i="10"/>
  <c r="P2605" i="10"/>
  <c r="P2669" i="10"/>
  <c r="P2733" i="10"/>
  <c r="P2797" i="10"/>
  <c r="P1204" i="10"/>
  <c r="P2468" i="10"/>
  <c r="P243" i="10"/>
  <c r="P579" i="10"/>
  <c r="P1267" i="10"/>
  <c r="P1715" i="10"/>
  <c r="P1939" i="10"/>
  <c r="P2283" i="10"/>
  <c r="P2619" i="10"/>
  <c r="P188" i="10"/>
  <c r="P364" i="10"/>
  <c r="P668" i="10"/>
  <c r="P980" i="10"/>
  <c r="P1252" i="10"/>
  <c r="P1500" i="10"/>
  <c r="P1796" i="10"/>
  <c r="P2004" i="10"/>
  <c r="P2228" i="10"/>
  <c r="P2524" i="10"/>
  <c r="P189" i="10"/>
  <c r="P469" i="10"/>
  <c r="P677" i="10"/>
  <c r="P973" i="10"/>
  <c r="P1189" i="10"/>
  <c r="P1557" i="10"/>
  <c r="P1869" i="10"/>
  <c r="P2277" i="10"/>
  <c r="P2477" i="10"/>
  <c r="P2765" i="10"/>
  <c r="P79" i="10"/>
  <c r="P431" i="10"/>
  <c r="P1199" i="10"/>
  <c r="P1607" i="10"/>
  <c r="P2023" i="10"/>
  <c r="P2287" i="10"/>
  <c r="P2559" i="10"/>
  <c r="P104" i="10"/>
  <c r="P216" i="10"/>
  <c r="P680" i="10"/>
  <c r="P800" i="10"/>
  <c r="P1128" i="10"/>
  <c r="P1240" i="10"/>
  <c r="P1432" i="10"/>
  <c r="P1864" i="10"/>
  <c r="P2200" i="10"/>
  <c r="P2592" i="10"/>
  <c r="P196" i="10"/>
  <c r="P556" i="10"/>
  <c r="P884" i="10"/>
  <c r="P1764" i="10"/>
  <c r="P2436" i="10"/>
  <c r="P95" i="10"/>
  <c r="P223" i="10"/>
  <c r="P415" i="10"/>
  <c r="P607" i="10"/>
  <c r="P799" i="10"/>
  <c r="P2591" i="10"/>
  <c r="P2783" i="10"/>
  <c r="P708" i="10"/>
  <c r="P1940" i="10"/>
  <c r="P2652" i="10"/>
  <c r="P128" i="10"/>
  <c r="P192" i="10"/>
  <c r="P256" i="10"/>
  <c r="P320" i="10"/>
  <c r="P384" i="10"/>
  <c r="P448" i="10"/>
  <c r="P576" i="10"/>
  <c r="P704" i="10"/>
  <c r="P1088" i="10"/>
  <c r="P1280" i="10"/>
  <c r="P1408" i="10"/>
  <c r="P1536" i="10"/>
  <c r="P1664" i="10"/>
  <c r="P1792" i="10"/>
  <c r="P1920" i="10"/>
  <c r="P2048" i="10"/>
  <c r="P2240" i="10"/>
  <c r="P2432" i="10"/>
  <c r="P2624" i="10"/>
  <c r="P2752" i="10"/>
  <c r="P292" i="10"/>
  <c r="P2396" i="10"/>
  <c r="P1196" i="10"/>
  <c r="P2188" i="10"/>
  <c r="P1444" i="10"/>
  <c r="P163" i="10"/>
  <c r="P419" i="10"/>
  <c r="P611" i="10"/>
  <c r="P803" i="10"/>
  <c r="P931" i="10"/>
  <c r="P1123" i="10"/>
  <c r="P1315" i="10"/>
  <c r="P1507" i="10"/>
  <c r="P1763" i="10"/>
  <c r="P1891" i="10"/>
  <c r="P2083" i="10"/>
  <c r="P2275" i="10"/>
  <c r="P2531" i="10"/>
  <c r="P140" i="10"/>
  <c r="P2380" i="10"/>
  <c r="P293" i="10"/>
  <c r="P869" i="10"/>
  <c r="P1125" i="10"/>
  <c r="P1317" i="10"/>
  <c r="P2085" i="10"/>
  <c r="P2597" i="10"/>
  <c r="P1132" i="10"/>
  <c r="P2694" i="10"/>
  <c r="P1067" i="10"/>
  <c r="P1515" i="10"/>
  <c r="P1963" i="10"/>
  <c r="P2411" i="10"/>
  <c r="P300" i="10"/>
  <c r="P1108" i="10"/>
  <c r="P2540" i="10"/>
  <c r="P685" i="10"/>
  <c r="P1485" i="10"/>
  <c r="P1773" i="10"/>
  <c r="P2285" i="10"/>
  <c r="P2693" i="10"/>
  <c r="P103" i="10"/>
  <c r="P447" i="10"/>
  <c r="P959" i="10"/>
  <c r="P1351" i="10"/>
  <c r="P1615" i="10"/>
  <c r="P2047" i="10"/>
  <c r="P2303" i="10"/>
  <c r="P2839" i="10"/>
  <c r="P352" i="10"/>
  <c r="P584" i="10"/>
  <c r="P920" i="10"/>
  <c r="P1248" i="10"/>
  <c r="P1872" i="10"/>
  <c r="P2480" i="10"/>
  <c r="P2832" i="10"/>
  <c r="P932" i="10"/>
  <c r="P1804" i="10"/>
  <c r="P2484" i="10"/>
  <c r="P2724" i="10"/>
  <c r="P2758" i="10"/>
  <c r="P2702" i="10"/>
  <c r="P259" i="10"/>
  <c r="P499" i="10"/>
  <c r="P723" i="10"/>
  <c r="P947" i="10"/>
  <c r="P1075" i="10"/>
  <c r="P1283" i="10"/>
  <c r="P1523" i="10"/>
  <c r="P1731" i="10"/>
  <c r="P1971" i="10"/>
  <c r="P2179" i="10"/>
  <c r="P2419" i="10"/>
  <c r="P2643" i="10"/>
  <c r="P2795" i="10"/>
  <c r="P76" i="10"/>
  <c r="P212" i="10"/>
  <c r="P308" i="10"/>
  <c r="P388" i="10"/>
  <c r="P684" i="10"/>
  <c r="P796" i="10"/>
  <c r="P1268" i="10"/>
  <c r="P1412" i="10"/>
  <c r="P1524" i="10"/>
  <c r="P1596" i="10"/>
  <c r="P1708" i="10"/>
  <c r="P1844" i="10"/>
  <c r="P2564" i="10"/>
  <c r="P2700" i="10"/>
  <c r="P2836" i="10"/>
  <c r="P205" i="10"/>
  <c r="P405" i="10"/>
  <c r="P589" i="10"/>
  <c r="P781" i="10"/>
  <c r="P909" i="10"/>
  <c r="P1101" i="10"/>
  <c r="P1293" i="10"/>
  <c r="P1413" i="10"/>
  <c r="P1493" i="10"/>
  <c r="P1997" i="10"/>
  <c r="P2501" i="10"/>
  <c r="P2581" i="10"/>
  <c r="P2701" i="10"/>
  <c r="T422" i="10"/>
  <c r="P111" i="10"/>
  <c r="P239" i="10"/>
  <c r="P327" i="10"/>
  <c r="P455" i="10"/>
  <c r="P583" i="10"/>
  <c r="P711" i="10"/>
  <c r="P839" i="10"/>
  <c r="P967" i="10"/>
  <c r="P1095" i="10"/>
  <c r="P1791" i="10"/>
  <c r="P1927" i="10"/>
  <c r="P2055" i="10"/>
  <c r="P2191" i="10"/>
  <c r="P2311" i="10"/>
  <c r="P232" i="10"/>
  <c r="P360" i="10"/>
  <c r="P480" i="10"/>
  <c r="P928" i="10"/>
  <c r="P1256" i="10"/>
  <c r="P1448" i="10"/>
  <c r="P1576" i="10"/>
  <c r="P1696" i="10"/>
  <c r="P2088" i="10"/>
  <c r="P2216" i="10"/>
  <c r="P2320" i="10"/>
  <c r="P2408" i="10"/>
  <c r="P2728" i="10"/>
  <c r="P636" i="10"/>
  <c r="P2148" i="10"/>
  <c r="P2556" i="10"/>
  <c r="P495" i="10"/>
  <c r="P623" i="10"/>
  <c r="P751" i="10"/>
  <c r="P1007" i="10"/>
  <c r="P1263" i="10"/>
  <c r="P1327" i="10"/>
  <c r="P1455" i="10"/>
  <c r="P1583" i="10"/>
  <c r="P1647" i="10"/>
  <c r="P1775" i="10"/>
  <c r="P1839" i="10"/>
  <c r="P1903" i="10"/>
  <c r="P2031" i="10"/>
  <c r="P2095" i="10"/>
  <c r="P2159" i="10"/>
  <c r="P2351" i="10"/>
  <c r="P2415" i="10"/>
  <c r="P2543" i="10"/>
  <c r="P2607" i="10"/>
  <c r="P2671" i="10"/>
  <c r="P2799" i="10"/>
  <c r="P16" i="10"/>
  <c r="P80" i="10"/>
  <c r="P144" i="10"/>
  <c r="P272" i="10"/>
  <c r="P336" i="10"/>
  <c r="P400" i="10"/>
  <c r="P528" i="10"/>
  <c r="P592" i="10"/>
  <c r="P656" i="10"/>
  <c r="P720" i="10"/>
  <c r="P784" i="10"/>
  <c r="P976" i="10"/>
  <c r="P1040" i="10"/>
  <c r="P1104" i="10"/>
  <c r="P1168" i="10"/>
  <c r="P1488" i="10"/>
  <c r="P1552" i="10"/>
  <c r="P1680" i="10"/>
  <c r="P2000" i="10"/>
  <c r="P2064" i="10"/>
  <c r="P2128" i="10"/>
  <c r="P2192" i="10"/>
  <c r="P2576" i="10"/>
  <c r="P2640" i="10"/>
  <c r="P51" i="10"/>
  <c r="P244" i="10"/>
  <c r="P876" i="10"/>
  <c r="P1516" i="10"/>
  <c r="P1836" i="10"/>
  <c r="P2156" i="10"/>
  <c r="P2452" i="10"/>
  <c r="P181" i="10"/>
  <c r="P245" i="10"/>
  <c r="P373" i="10"/>
  <c r="P437" i="10"/>
  <c r="P501" i="10"/>
  <c r="P565" i="10"/>
  <c r="P629" i="10"/>
  <c r="P693" i="10"/>
  <c r="P757" i="10"/>
  <c r="P821" i="10"/>
  <c r="P885" i="10"/>
  <c r="P949" i="10"/>
  <c r="P1013" i="10"/>
  <c r="P1077" i="10"/>
  <c r="P1141" i="10"/>
  <c r="P1269" i="10"/>
  <c r="P1333" i="10"/>
  <c r="P1397" i="10"/>
  <c r="P1461" i="10"/>
  <c r="P1525" i="10"/>
  <c r="P1653" i="10"/>
  <c r="P1717" i="10"/>
  <c r="P1845" i="10"/>
  <c r="P1973" i="10"/>
  <c r="P2229" i="10"/>
  <c r="P2421" i="10"/>
  <c r="P2549" i="10"/>
  <c r="P2677" i="10"/>
  <c r="P2805" i="10"/>
  <c r="P566" i="10"/>
  <c r="P2182" i="10"/>
  <c r="P2582" i="10"/>
  <c r="P451" i="10"/>
  <c r="P819" i="10"/>
  <c r="P1027" i="10"/>
  <c r="P1603" i="10"/>
  <c r="P2051" i="10"/>
  <c r="P2499" i="10"/>
  <c r="P52" i="10"/>
  <c r="P516" i="10"/>
  <c r="P892" i="10"/>
  <c r="P1580" i="10"/>
  <c r="P1916" i="10"/>
  <c r="P2316" i="10"/>
  <c r="P77" i="10"/>
  <c r="P269" i="10"/>
  <c r="P573" i="10"/>
  <c r="P765" i="10"/>
  <c r="P1085" i="10"/>
  <c r="P1389" i="10"/>
  <c r="P1477" i="10"/>
  <c r="P1765" i="10"/>
  <c r="P2181" i="10"/>
  <c r="P2685" i="10"/>
  <c r="P303" i="10"/>
  <c r="P815" i="10"/>
  <c r="P1071" i="10"/>
  <c r="P1479" i="10"/>
  <c r="P1895" i="10"/>
  <c r="P2831" i="10"/>
  <c r="P456" i="10"/>
  <c r="P1008" i="10"/>
  <c r="P131" i="10"/>
  <c r="P707" i="10"/>
  <c r="P1619" i="10"/>
  <c r="P2171" i="10"/>
  <c r="P2771" i="10"/>
  <c r="P372" i="10"/>
  <c r="P988" i="10"/>
  <c r="P1676" i="10"/>
  <c r="P2236" i="10"/>
  <c r="P2820" i="10"/>
  <c r="P1093" i="10"/>
  <c r="P1581" i="10"/>
  <c r="P1901" i="10"/>
  <c r="P2189" i="10"/>
  <c r="P2493" i="10"/>
  <c r="P319" i="10"/>
  <c r="P703" i="10"/>
  <c r="P1919" i="10"/>
  <c r="P2567" i="10"/>
  <c r="P1032" i="10"/>
  <c r="P1360" i="10"/>
  <c r="P1568" i="10"/>
  <c r="P1688" i="10"/>
  <c r="P1960" i="10"/>
  <c r="P2080" i="10"/>
  <c r="P2400" i="10"/>
  <c r="P2720" i="10"/>
  <c r="P2840" i="10"/>
  <c r="P2606" i="10"/>
  <c r="P2382" i="10"/>
  <c r="P2566" i="10"/>
  <c r="P2190" i="10"/>
  <c r="P363" i="10"/>
  <c r="P699" i="10"/>
  <c r="P915" i="10"/>
  <c r="P1147" i="10"/>
  <c r="P1475" i="10"/>
  <c r="P1835" i="10"/>
  <c r="P2163" i="10"/>
  <c r="P2371" i="10"/>
  <c r="P2723" i="10"/>
  <c r="P284" i="10"/>
  <c r="P1100" i="10"/>
  <c r="P1348" i="10"/>
  <c r="P1660" i="10"/>
  <c r="P2116" i="10"/>
  <c r="P389" i="10"/>
  <c r="P893" i="10"/>
  <c r="P1277" i="10"/>
  <c r="P1981" i="10"/>
  <c r="P2069" i="10"/>
  <c r="P2373" i="10"/>
  <c r="P2565" i="10"/>
  <c r="P199" i="10"/>
  <c r="P687" i="10"/>
  <c r="P1343" i="10"/>
  <c r="P1735" i="10"/>
  <c r="P2175" i="10"/>
  <c r="P2695" i="10"/>
  <c r="P344" i="10"/>
  <c r="P1352" i="10"/>
  <c r="P1560" i="10"/>
  <c r="P1768" i="10"/>
  <c r="P1952" i="10"/>
  <c r="P2072" i="10"/>
  <c r="P2280" i="10"/>
  <c r="P2472" i="10"/>
  <c r="P2824" i="10"/>
  <c r="P1156" i="10"/>
  <c r="P1428" i="10"/>
  <c r="P2084" i="10"/>
  <c r="P31" i="10"/>
  <c r="P159" i="10"/>
  <c r="P351" i="10"/>
  <c r="P543" i="10"/>
  <c r="P671" i="10"/>
  <c r="P735" i="10"/>
  <c r="P863" i="10"/>
  <c r="P927" i="10"/>
  <c r="P991" i="10"/>
  <c r="P1055" i="10"/>
  <c r="P1183" i="10"/>
  <c r="P1247" i="10"/>
  <c r="P1311" i="10"/>
  <c r="P1375" i="10"/>
  <c r="P1439" i="10"/>
  <c r="P1503" i="10"/>
  <c r="P1567" i="10"/>
  <c r="P1695" i="10"/>
  <c r="P1759" i="10"/>
  <c r="P1823" i="10"/>
  <c r="P1887" i="10"/>
  <c r="P1951" i="10"/>
  <c r="P2015" i="10"/>
  <c r="P2079" i="10"/>
  <c r="P2207" i="10"/>
  <c r="P2271" i="10"/>
  <c r="P2399" i="10"/>
  <c r="P2463" i="10"/>
  <c r="P2527" i="10"/>
  <c r="P2655" i="10"/>
  <c r="P92" i="10"/>
  <c r="P1316" i="10"/>
  <c r="P64" i="10"/>
  <c r="P640" i="10"/>
  <c r="P768" i="10"/>
  <c r="P896" i="10"/>
  <c r="P1344" i="10"/>
  <c r="P1600" i="10"/>
  <c r="P1728" i="10"/>
  <c r="P1984" i="10"/>
  <c r="P2176" i="10"/>
  <c r="P2368" i="10"/>
  <c r="P2560" i="10"/>
  <c r="P2688" i="10"/>
  <c r="P1852" i="10"/>
  <c r="P660" i="10"/>
  <c r="P428" i="10"/>
  <c r="P1876" i="10"/>
  <c r="P99" i="10"/>
  <c r="P291" i="10"/>
  <c r="P483" i="10"/>
  <c r="P995" i="10"/>
  <c r="P1187" i="10"/>
  <c r="P1379" i="10"/>
  <c r="P1571" i="10"/>
  <c r="P1955" i="10"/>
  <c r="P2147" i="10"/>
  <c r="P2403" i="10"/>
  <c r="P2755" i="10"/>
  <c r="P804" i="10"/>
  <c r="P1740" i="10"/>
  <c r="P101" i="10"/>
  <c r="P549" i="10"/>
  <c r="P805" i="10"/>
  <c r="P1573" i="10"/>
  <c r="P2405" i="10"/>
  <c r="P2404" i="10"/>
  <c r="P550" i="10"/>
  <c r="P1254" i="10"/>
  <c r="P371" i="10"/>
  <c r="P827" i="10"/>
  <c r="P1275" i="10"/>
  <c r="P2291" i="10"/>
  <c r="P2627" i="10"/>
  <c r="P68" i="10"/>
  <c r="P524" i="10"/>
  <c r="P900" i="10"/>
  <c r="P1396" i="10"/>
  <c r="P1924" i="10"/>
  <c r="P85" i="10"/>
  <c r="P397" i="10"/>
  <c r="P773" i="10"/>
  <c r="P1197" i="10"/>
  <c r="P1405" i="10"/>
  <c r="P1989" i="10"/>
  <c r="P2381" i="10"/>
  <c r="P231" i="10"/>
  <c r="P575" i="10"/>
  <c r="P831" i="10"/>
  <c r="P1087" i="10"/>
  <c r="P1487" i="10"/>
  <c r="P1767" i="10"/>
  <c r="P2183" i="10"/>
  <c r="P2727" i="10"/>
  <c r="P224" i="10"/>
  <c r="P472" i="10"/>
  <c r="P808" i="10"/>
  <c r="P1136" i="10"/>
  <c r="P1440" i="10"/>
  <c r="P1776" i="10"/>
  <c r="P2600" i="10"/>
  <c r="P588" i="10"/>
  <c r="P1460" i="10"/>
  <c r="P627" i="10"/>
  <c r="P851" i="10"/>
  <c r="P1531" i="10"/>
  <c r="P1859" i="10"/>
  <c r="P2099" i="10"/>
  <c r="P2427" i="10"/>
  <c r="P84" i="10"/>
  <c r="P316" i="10"/>
  <c r="P564" i="10"/>
  <c r="P940" i="10"/>
  <c r="P1004" i="10"/>
  <c r="P1604" i="10"/>
  <c r="P1860" i="10"/>
  <c r="P2028" i="10"/>
  <c r="P2252" i="10"/>
  <c r="P2588" i="10"/>
  <c r="P317" i="10"/>
  <c r="P1021" i="10"/>
  <c r="P1221" i="10"/>
  <c r="P1421" i="10"/>
  <c r="P1925" i="10"/>
  <c r="P2117" i="10"/>
  <c r="P2309" i="10"/>
  <c r="P255" i="10"/>
  <c r="P463" i="10"/>
  <c r="P1391" i="10"/>
  <c r="P1519" i="10"/>
  <c r="P1935" i="10"/>
  <c r="P152" i="10"/>
  <c r="P368" i="10"/>
  <c r="P608" i="10"/>
  <c r="P936" i="10"/>
  <c r="P1176" i="10"/>
  <c r="P1376" i="10"/>
  <c r="P1704" i="10"/>
  <c r="P2224" i="10"/>
  <c r="P2328" i="10"/>
  <c r="P2520" i="10"/>
  <c r="P2776" i="10"/>
  <c r="P307" i="10"/>
  <c r="P403" i="10"/>
  <c r="P755" i="10"/>
  <c r="P963" i="10"/>
  <c r="P1091" i="10"/>
  <c r="P1331" i="10"/>
  <c r="P1427" i="10"/>
  <c r="P1539" i="10"/>
  <c r="P1779" i="10"/>
  <c r="P2227" i="10"/>
  <c r="P2323" i="10"/>
  <c r="P2435" i="10"/>
  <c r="P2675" i="10"/>
  <c r="P2843" i="10"/>
  <c r="P420" i="10"/>
  <c r="P700" i="10"/>
  <c r="P1284" i="10"/>
  <c r="P1748" i="10"/>
  <c r="P1964" i="10"/>
  <c r="P2260" i="10"/>
  <c r="P2748" i="10"/>
  <c r="P133" i="10"/>
  <c r="P325" i="10"/>
  <c r="P717" i="10"/>
  <c r="P1029" i="10"/>
  <c r="P1229" i="10"/>
  <c r="P1429" i="10"/>
  <c r="P1613" i="10"/>
  <c r="P1805" i="10"/>
  <c r="P1933" i="10"/>
  <c r="P2317" i="10"/>
  <c r="P2437" i="10"/>
  <c r="P2517" i="10"/>
  <c r="P47" i="10"/>
  <c r="P135" i="10"/>
  <c r="P263" i="10"/>
  <c r="P367" i="10"/>
  <c r="P639" i="10"/>
  <c r="P767" i="10"/>
  <c r="P879" i="10"/>
  <c r="P1151" i="10"/>
  <c r="P1279" i="10"/>
  <c r="P1407" i="10"/>
  <c r="P1535" i="10"/>
  <c r="P1671" i="10"/>
  <c r="P2223" i="10"/>
  <c r="P2367" i="10"/>
  <c r="P2495" i="10"/>
  <c r="P2631" i="10"/>
  <c r="P2759" i="10"/>
  <c r="P40" i="10"/>
  <c r="P160" i="10"/>
  <c r="P616" i="10"/>
  <c r="P744" i="10"/>
  <c r="P1064" i="10"/>
  <c r="P1184" i="10"/>
  <c r="P1296" i="10"/>
  <c r="P1384" i="10"/>
  <c r="P1896" i="10"/>
  <c r="P2016" i="10"/>
  <c r="P2336" i="10"/>
  <c r="P2528" i="10"/>
  <c r="P2768" i="10"/>
  <c r="P1476" i="10"/>
  <c r="P67" i="10"/>
  <c r="P260" i="10"/>
  <c r="P820" i="10"/>
  <c r="P1404" i="10"/>
  <c r="P70" i="10"/>
  <c r="P134" i="10"/>
  <c r="P198" i="10"/>
  <c r="P454" i="10"/>
  <c r="P518" i="10"/>
  <c r="P582" i="10"/>
  <c r="P646" i="10"/>
  <c r="P710" i="10"/>
  <c r="P838" i="10"/>
  <c r="P902" i="10"/>
  <c r="P966" i="10"/>
  <c r="P1030" i="10"/>
  <c r="P1094" i="10"/>
  <c r="P1350" i="10"/>
  <c r="P1478" i="10"/>
  <c r="P1542" i="10"/>
  <c r="P1606" i="10"/>
  <c r="P1670" i="10"/>
  <c r="P1734" i="10"/>
  <c r="P1798" i="10"/>
  <c r="P1990" i="10"/>
  <c r="P2054" i="10"/>
  <c r="P2246" i="10"/>
  <c r="P2438" i="10"/>
  <c r="P2630" i="10"/>
  <c r="P2774" i="10"/>
  <c r="P2390" i="10"/>
  <c r="P2304" i="10"/>
  <c r="P2816" i="10"/>
  <c r="P1364" i="10"/>
  <c r="P180" i="10"/>
  <c r="P1716" i="10"/>
  <c r="P2764" i="10"/>
  <c r="P2364" i="10"/>
  <c r="P227" i="10"/>
  <c r="P355" i="10"/>
  <c r="P547" i="10"/>
  <c r="P675" i="10"/>
  <c r="P867" i="10"/>
  <c r="P1059" i="10"/>
  <c r="P1443" i="10"/>
  <c r="P1635" i="10"/>
  <c r="P1827" i="10"/>
  <c r="P2019" i="10"/>
  <c r="P2211" i="10"/>
  <c r="P2339" i="10"/>
  <c r="P2467" i="10"/>
  <c r="P508" i="10"/>
  <c r="P1084" i="10"/>
  <c r="P2076" i="10"/>
  <c r="P37" i="10"/>
  <c r="P357" i="10"/>
  <c r="P613" i="10"/>
  <c r="P1061" i="10"/>
  <c r="P1637" i="10"/>
  <c r="P1893" i="10"/>
  <c r="P2149" i="10"/>
  <c r="P2341" i="10"/>
  <c r="P2661" i="10"/>
  <c r="P540" i="10"/>
  <c r="P2502" i="10"/>
  <c r="P251" i="10"/>
  <c r="P491" i="10"/>
  <c r="P939" i="10"/>
  <c r="P1395" i="10"/>
  <c r="P1723" i="10"/>
  <c r="P2067" i="10"/>
  <c r="P2515" i="10"/>
  <c r="P204" i="10"/>
  <c r="P676" i="10"/>
  <c r="P772" i="10"/>
  <c r="P1260" i="10"/>
  <c r="P1588" i="10"/>
  <c r="P1828" i="10"/>
  <c r="P2140" i="10"/>
  <c r="P2692" i="10"/>
  <c r="P197" i="10"/>
  <c r="P581" i="10"/>
  <c r="P901" i="10"/>
  <c r="P1285" i="10"/>
  <c r="P1685" i="10"/>
  <c r="P2093" i="10"/>
  <c r="P2573" i="10"/>
  <c r="P1188" i="10"/>
  <c r="P179" i="10"/>
  <c r="P387" i="10"/>
  <c r="P507" i="10"/>
  <c r="P955" i="10"/>
  <c r="P1203" i="10"/>
  <c r="P1411" i="10"/>
  <c r="P1651" i="10"/>
  <c r="P2307" i="10"/>
  <c r="P2547" i="10"/>
  <c r="P2819" i="10"/>
  <c r="P220" i="10"/>
  <c r="P404" i="10"/>
  <c r="P1180" i="10"/>
  <c r="P1532" i="10"/>
  <c r="P2172" i="10"/>
  <c r="P2740" i="10"/>
  <c r="P125" i="10"/>
  <c r="P213" i="10"/>
  <c r="P509" i="10"/>
  <c r="P709" i="10"/>
  <c r="P917" i="10"/>
  <c r="P1301" i="10"/>
  <c r="P1605" i="10"/>
  <c r="P1797" i="10"/>
  <c r="P2429" i="10"/>
  <c r="P2509" i="10"/>
  <c r="P2709" i="10"/>
  <c r="P127" i="10"/>
  <c r="P975" i="10"/>
  <c r="P1663" i="10"/>
  <c r="P1799" i="10"/>
  <c r="P2479" i="10"/>
  <c r="P2623" i="10"/>
  <c r="P32" i="10"/>
  <c r="P488" i="10"/>
  <c r="P736" i="10"/>
  <c r="P848" i="10"/>
  <c r="P1056" i="10"/>
  <c r="P1808" i="10"/>
  <c r="P2008" i="10"/>
  <c r="P2416" i="10"/>
  <c r="P75" i="10"/>
  <c r="P195" i="10"/>
  <c r="P643" i="10"/>
  <c r="P883" i="10"/>
  <c r="P1219" i="10"/>
  <c r="P1667" i="10"/>
  <c r="P1907" i="10"/>
  <c r="P2115" i="10"/>
  <c r="P2563" i="10"/>
  <c r="P340" i="10"/>
  <c r="P612" i="10"/>
  <c r="P956" i="10"/>
  <c r="P1028" i="10"/>
  <c r="P1212" i="10"/>
  <c r="P1300" i="10"/>
  <c r="P1468" i="10"/>
  <c r="P1620" i="10"/>
  <c r="P1892" i="10"/>
  <c r="P1972" i="10"/>
  <c r="P2092" i="10"/>
  <c r="P2204" i="10"/>
  <c r="P2276" i="10"/>
  <c r="P2780" i="10"/>
  <c r="P141" i="10"/>
  <c r="P333" i="10"/>
  <c r="P525" i="10"/>
  <c r="P645" i="10"/>
  <c r="P725" i="10"/>
  <c r="P837" i="10"/>
  <c r="P1037" i="10"/>
  <c r="P1733" i="10"/>
  <c r="P1941" i="10"/>
  <c r="P2133" i="10"/>
  <c r="P2245" i="10"/>
  <c r="P2325" i="10"/>
  <c r="P2445" i="10"/>
  <c r="P2629" i="10"/>
  <c r="P271" i="10"/>
  <c r="P511" i="10"/>
  <c r="P647" i="10"/>
  <c r="P775" i="10"/>
  <c r="P895" i="10"/>
  <c r="P1023" i="10"/>
  <c r="P1159" i="10"/>
  <c r="P1287" i="10"/>
  <c r="P1543" i="10"/>
  <c r="P1967" i="10"/>
  <c r="P2111" i="10"/>
  <c r="P2239" i="10"/>
  <c r="P2375" i="10"/>
  <c r="P2503" i="10"/>
  <c r="P2639" i="10"/>
  <c r="P288" i="10"/>
  <c r="P752" i="10"/>
  <c r="P864" i="10"/>
  <c r="P1192" i="10"/>
  <c r="P1392" i="10"/>
  <c r="P1504" i="10"/>
  <c r="P1744" i="10"/>
  <c r="P2024" i="10"/>
  <c r="P2144" i="10"/>
  <c r="P2256" i="10"/>
  <c r="P2344" i="10"/>
  <c r="P2448" i="10"/>
  <c r="P2536" i="10"/>
  <c r="P2656" i="10"/>
  <c r="P60" i="10"/>
  <c r="P1060" i="10"/>
  <c r="P1324" i="10"/>
  <c r="P436" i="10"/>
  <c r="P1076" i="10"/>
  <c r="P2292" i="10"/>
  <c r="P580" i="10"/>
  <c r="P2180" i="10"/>
  <c r="P459" i="10"/>
  <c r="P587" i="10"/>
  <c r="P715" i="10"/>
  <c r="P1163" i="10"/>
  <c r="P1931" i="10"/>
  <c r="P78" i="10"/>
  <c r="P142" i="10"/>
  <c r="P206" i="10"/>
  <c r="P270" i="10"/>
  <c r="P398" i="10"/>
  <c r="P654" i="10"/>
  <c r="P782" i="10"/>
  <c r="P846" i="10"/>
  <c r="P910" i="10"/>
  <c r="P974" i="10"/>
  <c r="P1166" i="10"/>
  <c r="P1230" i="10"/>
  <c r="P1294" i="10"/>
  <c r="P1422" i="10"/>
  <c r="P1486" i="10"/>
  <c r="P1742" i="10"/>
  <c r="P1806" i="10"/>
  <c r="P1934" i="10"/>
  <c r="P2086" i="10"/>
  <c r="P2806" i="10"/>
  <c r="P2230" i="10"/>
  <c r="P211" i="10"/>
  <c r="P323" i="10"/>
  <c r="P435" i="10"/>
  <c r="P563" i="10"/>
  <c r="P771" i="10"/>
  <c r="P1011" i="10"/>
  <c r="P1235" i="10"/>
  <c r="P1347" i="10"/>
  <c r="P1459" i="10"/>
  <c r="P1587" i="10"/>
  <c r="P1795" i="10"/>
  <c r="P2035" i="10"/>
  <c r="P2131" i="10"/>
  <c r="P2243" i="10"/>
  <c r="P2355" i="10"/>
  <c r="P2483" i="10"/>
  <c r="P2699" i="10"/>
  <c r="P36" i="10"/>
  <c r="P268" i="10"/>
  <c r="P740" i="10"/>
  <c r="P1036" i="10"/>
  <c r="P1220" i="10"/>
  <c r="P1308" i="10"/>
  <c r="P1484" i="10"/>
  <c r="P1628" i="10"/>
  <c r="P2100" i="10"/>
  <c r="P2212" i="10"/>
  <c r="P2628" i="10"/>
  <c r="P2788" i="10"/>
  <c r="P453" i="10"/>
  <c r="P533" i="10"/>
  <c r="P653" i="10"/>
  <c r="P845" i="10"/>
  <c r="P1045" i="10"/>
  <c r="P1349" i="10"/>
  <c r="P1541" i="10"/>
  <c r="P1741" i="10"/>
  <c r="P2053" i="10"/>
  <c r="P2253" i="10"/>
  <c r="P2453" i="10"/>
  <c r="P2637" i="10"/>
  <c r="P63" i="10"/>
  <c r="P391" i="10"/>
  <c r="P519" i="10"/>
  <c r="P655" i="10"/>
  <c r="P783" i="10"/>
  <c r="P903" i="10"/>
  <c r="P1031" i="10"/>
  <c r="P1167" i="10"/>
  <c r="P1711" i="10"/>
  <c r="P1855" i="10"/>
  <c r="P1983" i="10"/>
  <c r="P2119" i="10"/>
  <c r="P2247" i="10"/>
  <c r="P2383" i="10"/>
  <c r="P2511" i="10"/>
  <c r="P296" i="10"/>
  <c r="P416" i="10"/>
  <c r="P544" i="10"/>
  <c r="P872" i="10"/>
  <c r="P992" i="10"/>
  <c r="P1112" i="10"/>
  <c r="P1632" i="10"/>
  <c r="P1832" i="10"/>
  <c r="P1936" i="10"/>
  <c r="P2032" i="10"/>
  <c r="P2152" i="10"/>
  <c r="P2664" i="10"/>
  <c r="P2792" i="10"/>
  <c r="T630" i="10"/>
  <c r="P100" i="10"/>
  <c r="P1996" i="10"/>
  <c r="P2332" i="10"/>
  <c r="P143" i="10"/>
  <c r="P207" i="10"/>
  <c r="P399" i="10"/>
  <c r="P527" i="10"/>
  <c r="P591" i="10"/>
  <c r="P719" i="10"/>
  <c r="P847" i="10"/>
  <c r="P911" i="10"/>
  <c r="P1039" i="10"/>
  <c r="P1231" i="10"/>
  <c r="P1359" i="10"/>
  <c r="P1423" i="10"/>
  <c r="P1551" i="10"/>
  <c r="P1679" i="10"/>
  <c r="P1743" i="10"/>
  <c r="P1871" i="10"/>
  <c r="P2127" i="10"/>
  <c r="P2255" i="10"/>
  <c r="P2319" i="10"/>
  <c r="P2447" i="10"/>
  <c r="P2575" i="10"/>
  <c r="P2703" i="10"/>
  <c r="P2767" i="10"/>
  <c r="P2356" i="10"/>
  <c r="P48" i="10"/>
  <c r="P176" i="10"/>
  <c r="P240" i="10"/>
  <c r="P304" i="10"/>
  <c r="P432" i="10"/>
  <c r="P496" i="10"/>
  <c r="P688" i="10"/>
  <c r="P816" i="10"/>
  <c r="P880" i="10"/>
  <c r="P944" i="10"/>
  <c r="P1072" i="10"/>
  <c r="P1200" i="10"/>
  <c r="P1264" i="10"/>
  <c r="P1456" i="10"/>
  <c r="P1520" i="10"/>
  <c r="P1648" i="10"/>
  <c r="P1904" i="10"/>
  <c r="P1968" i="10"/>
  <c r="P2096" i="10"/>
  <c r="P2160" i="10"/>
  <c r="P2352" i="10"/>
  <c r="P2544" i="10"/>
  <c r="P2672" i="10"/>
  <c r="P2736" i="10"/>
  <c r="P652" i="10"/>
  <c r="P1236" i="10"/>
  <c r="P532" i="10"/>
  <c r="P2644" i="10"/>
  <c r="P324" i="10"/>
  <c r="P1756" i="10"/>
  <c r="P147" i="10"/>
  <c r="P275" i="10"/>
  <c r="P467" i="10"/>
  <c r="P531" i="10"/>
  <c r="P787" i="10"/>
  <c r="P979" i="10"/>
  <c r="P1043" i="10"/>
  <c r="P1171" i="10"/>
  <c r="P1299" i="10"/>
  <c r="P1491" i="10"/>
  <c r="P1555" i="10"/>
  <c r="P1747" i="10"/>
  <c r="P1875" i="10"/>
  <c r="P2003" i="10"/>
  <c r="P2195" i="10"/>
  <c r="P2387" i="10"/>
  <c r="P2451" i="10"/>
  <c r="P2579" i="10"/>
  <c r="P1340" i="10"/>
  <c r="P21" i="10"/>
  <c r="P149" i="10"/>
  <c r="P341" i="10"/>
  <c r="P597" i="10"/>
  <c r="P789" i="10"/>
  <c r="P853" i="10"/>
  <c r="P1173" i="10"/>
  <c r="P1365" i="10"/>
  <c r="P1621" i="10"/>
  <c r="P1813" i="10"/>
  <c r="P1877" i="10"/>
  <c r="P2005" i="10"/>
  <c r="P2197" i="10"/>
  <c r="P2645" i="10"/>
  <c r="P2837" i="10"/>
  <c r="P396" i="10"/>
  <c r="P1564" i="10"/>
  <c r="P22" i="10"/>
  <c r="P86" i="10"/>
  <c r="P150" i="10"/>
  <c r="P278" i="10"/>
  <c r="P342" i="10"/>
  <c r="P406" i="10"/>
  <c r="P470" i="10"/>
  <c r="P534" i="10"/>
  <c r="P598" i="10"/>
  <c r="P726" i="10"/>
  <c r="P854" i="10"/>
  <c r="P918" i="10"/>
  <c r="P982" i="10"/>
  <c r="P1046" i="10"/>
  <c r="P1110" i="10"/>
  <c r="P1174" i="10"/>
  <c r="P1238" i="10"/>
  <c r="P1366" i="10"/>
  <c r="P1430" i="10"/>
  <c r="P1494" i="10"/>
  <c r="P1558" i="10"/>
  <c r="P1622" i="10"/>
  <c r="P1686" i="10"/>
  <c r="P1750" i="10"/>
  <c r="P1878" i="10"/>
  <c r="P1942" i="10"/>
  <c r="P2006" i="10"/>
  <c r="P2094" i="10"/>
  <c r="P2294" i="10"/>
  <c r="P2486" i="10"/>
  <c r="P2070" i="10"/>
  <c r="P2646" i="10"/>
  <c r="P2822" i="10"/>
  <c r="P2254" i="10"/>
  <c r="P2446" i="10"/>
  <c r="P2638" i="10"/>
  <c r="P2838" i="10"/>
  <c r="P115" i="10"/>
  <c r="P691" i="10"/>
  <c r="P899" i="10"/>
  <c r="P1139" i="10"/>
  <c r="P1363" i="10"/>
  <c r="P1811" i="10"/>
  <c r="P1923" i="10"/>
  <c r="P2259" i="10"/>
  <c r="P2707" i="10"/>
  <c r="P44" i="10"/>
  <c r="P172" i="10"/>
  <c r="P356" i="10"/>
  <c r="P492" i="10"/>
  <c r="P644" i="10"/>
  <c r="P748" i="10"/>
  <c r="P1068" i="10"/>
  <c r="P1244" i="10"/>
  <c r="P1636" i="10"/>
  <c r="P1788" i="10"/>
  <c r="P1908" i="10"/>
  <c r="P1988" i="10"/>
  <c r="P2108" i="10"/>
  <c r="P2308" i="10"/>
  <c r="P2508" i="10"/>
  <c r="P2668" i="10"/>
  <c r="P2804" i="10"/>
  <c r="P69" i="10"/>
  <c r="P261" i="10"/>
  <c r="P461" i="10"/>
  <c r="P965" i="10"/>
  <c r="P1165" i="10"/>
  <c r="P1357" i="10"/>
  <c r="P1549" i="10"/>
  <c r="P1669" i="10"/>
  <c r="P1749" i="10"/>
  <c r="P1861" i="10"/>
  <c r="P2261" i="10"/>
  <c r="P2757" i="10"/>
  <c r="P2062" i="10"/>
  <c r="P71" i="10"/>
  <c r="P191" i="10"/>
  <c r="P1471" i="10"/>
  <c r="P1727" i="10"/>
  <c r="P1863" i="10"/>
  <c r="P1991" i="10"/>
  <c r="P2687" i="10"/>
  <c r="P2823" i="10"/>
  <c r="P96" i="10"/>
  <c r="P208" i="10"/>
  <c r="P552" i="10"/>
  <c r="P672" i="10"/>
  <c r="P1000" i="10"/>
  <c r="P1120" i="10"/>
  <c r="P1232" i="10"/>
  <c r="P1320" i="10"/>
  <c r="P1424" i="10"/>
  <c r="P1760" i="10"/>
  <c r="P1840" i="10"/>
  <c r="P2272" i="10"/>
  <c r="P2384" i="10"/>
  <c r="P2464" i="10"/>
  <c r="P2800" i="10"/>
  <c r="P164" i="10"/>
  <c r="P500" i="10"/>
  <c r="P1124" i="10"/>
  <c r="P1388" i="10"/>
  <c r="P1724" i="10"/>
  <c r="P2044" i="10"/>
  <c r="P2388" i="10"/>
  <c r="P23" i="10"/>
  <c r="P87" i="10"/>
  <c r="P215" i="10"/>
  <c r="P279" i="10"/>
  <c r="P343" i="10"/>
  <c r="P471" i="10"/>
  <c r="P599" i="10"/>
  <c r="P663" i="10"/>
  <c r="P727" i="10"/>
  <c r="P791" i="10"/>
  <c r="P855" i="10"/>
  <c r="P983" i="10"/>
  <c r="P1047" i="10"/>
  <c r="P1111" i="10"/>
  <c r="P1175" i="10"/>
  <c r="P1239" i="10"/>
  <c r="P1367" i="10"/>
  <c r="P1431" i="10"/>
  <c r="P1495" i="10"/>
  <c r="P1559" i="10"/>
  <c r="P1623" i="10"/>
  <c r="P1751" i="10"/>
  <c r="P1943" i="10"/>
  <c r="P2007" i="10"/>
  <c r="P2135" i="10"/>
  <c r="P2263" i="10"/>
  <c r="P2327" i="10"/>
  <c r="P2391" i="10"/>
  <c r="P2455" i="10"/>
  <c r="P2519" i="10"/>
  <c r="P2583" i="10"/>
  <c r="P2647" i="10"/>
  <c r="P2711" i="10"/>
  <c r="P2775" i="10"/>
  <c r="P1228" i="10"/>
  <c r="P1868" i="10"/>
  <c r="P2580" i="10"/>
  <c r="P56" i="10"/>
  <c r="P248" i="10"/>
  <c r="P376" i="10"/>
  <c r="P440" i="10"/>
  <c r="P504" i="10"/>
  <c r="P632" i="10"/>
  <c r="P760" i="10"/>
  <c r="P824" i="10"/>
  <c r="P888" i="10"/>
  <c r="P1016" i="10"/>
  <c r="P1144" i="10"/>
  <c r="P1208" i="10"/>
  <c r="P1272" i="10"/>
  <c r="P1336" i="10"/>
  <c r="P1400" i="10"/>
  <c r="P1528" i="10"/>
  <c r="P1720" i="10"/>
  <c r="P1784" i="10"/>
  <c r="P1848" i="10"/>
  <c r="P1976" i="10"/>
  <c r="P2040" i="10"/>
  <c r="P2104" i="10"/>
  <c r="P2168" i="10"/>
  <c r="P2232" i="10"/>
  <c r="P2424" i="10"/>
  <c r="P2488" i="10"/>
  <c r="P2552" i="10"/>
  <c r="P2616" i="10"/>
  <c r="P2680" i="10"/>
  <c r="P2744" i="10"/>
  <c r="P716" i="10"/>
  <c r="P1292" i="10"/>
  <c r="P116" i="10"/>
  <c r="P1140" i="10"/>
  <c r="P1644" i="10"/>
  <c r="P2132" i="10"/>
  <c r="P2716" i="10"/>
  <c r="P2300" i="10"/>
  <c r="P27" i="10"/>
  <c r="P91" i="10"/>
  <c r="P155" i="10"/>
  <c r="P219" i="10"/>
  <c r="P411" i="10"/>
  <c r="P603" i="10"/>
  <c r="P667" i="10"/>
  <c r="P731" i="10"/>
  <c r="P859" i="10"/>
  <c r="P987" i="10"/>
  <c r="P1051" i="10"/>
  <c r="P1179" i="10"/>
  <c r="P1243" i="10"/>
  <c r="P1371" i="10"/>
  <c r="P1563" i="10"/>
  <c r="P1627" i="10"/>
  <c r="P1691" i="10"/>
  <c r="P1755" i="10"/>
  <c r="P1883" i="10"/>
  <c r="P1947" i="10"/>
  <c r="P2075" i="10"/>
  <c r="P2139" i="10"/>
  <c r="P2203" i="10"/>
  <c r="P2267" i="10"/>
  <c r="P2395" i="10"/>
  <c r="P2459" i="10"/>
  <c r="P2523" i="10"/>
  <c r="P2651" i="10"/>
  <c r="P2739" i="10"/>
  <c r="P108" i="10"/>
  <c r="P460" i="10"/>
  <c r="P764" i="10"/>
  <c r="P1044" i="10"/>
  <c r="P1380" i="10"/>
  <c r="P29" i="10"/>
  <c r="P157" i="10"/>
  <c r="P221" i="10"/>
  <c r="P285" i="10"/>
  <c r="P349" i="10"/>
  <c r="P413" i="10"/>
  <c r="P477" i="10"/>
  <c r="P541" i="10"/>
  <c r="P669" i="10"/>
  <c r="P733" i="10"/>
  <c r="P797" i="10"/>
  <c r="P861" i="10"/>
  <c r="P925" i="10"/>
  <c r="P989" i="10"/>
  <c r="P1053" i="10"/>
  <c r="P1117" i="10"/>
  <c r="P1181" i="10"/>
  <c r="P1245" i="10"/>
  <c r="P1309" i="10"/>
  <c r="P1373" i="10"/>
  <c r="P1437" i="10"/>
  <c r="P1501" i="10"/>
  <c r="P1565" i="10"/>
  <c r="P1629" i="10"/>
  <c r="P1693" i="10"/>
  <c r="P1757" i="10"/>
  <c r="P1821" i="10"/>
  <c r="P1885" i="10"/>
  <c r="P1949" i="10"/>
  <c r="P2013" i="10"/>
  <c r="P2077" i="10"/>
  <c r="P2141" i="10"/>
  <c r="P2205" i="10"/>
  <c r="P2269" i="10"/>
  <c r="P2333" i="10"/>
  <c r="P2397" i="10"/>
  <c r="P2461" i="10"/>
  <c r="P2525" i="10"/>
  <c r="P2589" i="10"/>
  <c r="P2653" i="10"/>
  <c r="P2717" i="10"/>
  <c r="P2781" i="10"/>
  <c r="P2845" i="10"/>
  <c r="P476" i="10"/>
  <c r="P1052" i="10"/>
  <c r="P2340" i="10"/>
  <c r="P30" i="10"/>
  <c r="P94" i="10"/>
  <c r="P222" i="10"/>
  <c r="P350" i="10"/>
  <c r="P414" i="10"/>
  <c r="P606" i="10"/>
  <c r="P734" i="10"/>
  <c r="P798" i="10"/>
  <c r="P926" i="10"/>
  <c r="P1054" i="10"/>
  <c r="P1374" i="10"/>
  <c r="P1502" i="10"/>
  <c r="P1630" i="10"/>
  <c r="P1886" i="10"/>
  <c r="P1950" i="10"/>
  <c r="P2118" i="10"/>
  <c r="P2326" i="10"/>
  <c r="P2510" i="10"/>
  <c r="P2110" i="10"/>
  <c r="P2286" i="10"/>
  <c r="P2478" i="10"/>
  <c r="P2670" i="10"/>
  <c r="P2078" i="10"/>
  <c r="P2278" i="10"/>
  <c r="P2470" i="10"/>
  <c r="P1712" i="10"/>
  <c r="P1462" i="10"/>
  <c r="P1012" i="10"/>
  <c r="P412" i="10"/>
  <c r="P62" i="10"/>
  <c r="P1662" i="10"/>
  <c r="P1262" i="10"/>
  <c r="T2318" i="10"/>
  <c r="T2830" i="10"/>
  <c r="T1367" i="10"/>
  <c r="T976" i="10"/>
  <c r="T2192" i="10"/>
  <c r="T2438" i="10"/>
  <c r="T2374" i="10"/>
  <c r="T1371" i="10"/>
  <c r="T1839" i="10"/>
  <c r="T932" i="10"/>
  <c r="T1804" i="10"/>
  <c r="T159" i="10"/>
  <c r="T1503" i="10"/>
  <c r="T576" i="10"/>
  <c r="T896" i="10"/>
  <c r="T1792" i="10"/>
  <c r="T2688" i="10"/>
  <c r="T2396" i="10"/>
  <c r="T931" i="10"/>
  <c r="T1443" i="10"/>
  <c r="T1763" i="10"/>
  <c r="T2275" i="10"/>
  <c r="T2531" i="10"/>
  <c r="T302" i="10"/>
  <c r="T958" i="10"/>
  <c r="T1982" i="10"/>
  <c r="T2494" i="10"/>
  <c r="T2790" i="10"/>
  <c r="T1287" i="10"/>
  <c r="T499" i="10"/>
  <c r="T1253" i="10"/>
  <c r="T166" i="10"/>
  <c r="T2430" i="10"/>
  <c r="T2798" i="10"/>
  <c r="T2543" i="10"/>
  <c r="T171" i="10"/>
  <c r="T1091" i="10"/>
  <c r="T2603" i="10"/>
  <c r="T236" i="10"/>
  <c r="T324" i="10"/>
  <c r="T564" i="10"/>
  <c r="T988" i="10"/>
  <c r="T1060" i="10"/>
  <c r="T1732" i="10"/>
  <c r="P1812" i="10"/>
  <c r="T2540" i="10"/>
  <c r="T173" i="10"/>
  <c r="T765" i="10"/>
  <c r="T1261" i="10"/>
  <c r="T1605" i="10"/>
  <c r="T1853" i="10"/>
  <c r="T2109" i="10"/>
  <c r="T102" i="10"/>
  <c r="T246" i="10"/>
  <c r="T318" i="10"/>
  <c r="P462" i="10"/>
  <c r="T614" i="10"/>
  <c r="T758" i="10"/>
  <c r="T830" i="10"/>
  <c r="T1126" i="10"/>
  <c r="T1198" i="10"/>
  <c r="T1270" i="10"/>
  <c r="T1342" i="10"/>
  <c r="T1638" i="10"/>
  <c r="T1710" i="10"/>
  <c r="T1782" i="10"/>
  <c r="T1854" i="10"/>
  <c r="T2150" i="10"/>
  <c r="T2222" i="10"/>
  <c r="T2366" i="10"/>
  <c r="E79" i="6"/>
  <c r="E79" i="7" s="1"/>
  <c r="T2734" i="10"/>
  <c r="T2806" i="10"/>
  <c r="T719" i="10"/>
  <c r="T967" i="10"/>
  <c r="T1639" i="10"/>
  <c r="T2055" i="10"/>
  <c r="T856" i="10"/>
  <c r="T928" i="10"/>
  <c r="T1296" i="10"/>
  <c r="E56" i="14"/>
  <c r="T1880" i="10"/>
  <c r="T2248" i="10"/>
  <c r="T278" i="10"/>
  <c r="T982" i="10"/>
  <c r="T1494" i="10"/>
  <c r="T2006" i="10"/>
  <c r="T2134" i="10"/>
  <c r="T2198" i="10"/>
  <c r="T2518" i="10"/>
  <c r="T2724" i="10"/>
  <c r="T1516" i="10"/>
  <c r="T437" i="10"/>
  <c r="T1333" i="10"/>
  <c r="T1397" i="10"/>
  <c r="T2229" i="10"/>
  <c r="T1579" i="10"/>
  <c r="T716" i="10"/>
  <c r="T1132" i="10"/>
  <c r="T2620" i="10"/>
  <c r="T237" i="10"/>
  <c r="T2085" i="10"/>
  <c r="T446" i="10"/>
  <c r="T886" i="10"/>
  <c r="T1326" i="10"/>
  <c r="T1838" i="10"/>
  <c r="T855" i="10"/>
  <c r="T1864" i="10"/>
  <c r="T221" i="10"/>
  <c r="T1421" i="10"/>
  <c r="T2173" i="10"/>
  <c r="T526" i="10"/>
  <c r="T894" i="10"/>
  <c r="T1702" i="10"/>
  <c r="T1127" i="10"/>
  <c r="T763" i="10"/>
  <c r="T1347" i="10"/>
  <c r="T2107" i="10"/>
  <c r="T2435" i="10"/>
  <c r="T110" i="10"/>
  <c r="T694" i="10"/>
  <c r="T1134" i="10"/>
  <c r="T1718" i="10"/>
  <c r="T2302" i="10"/>
  <c r="I49" i="6" s="1"/>
  <c r="T2598" i="10"/>
  <c r="T2814" i="10"/>
  <c r="T187" i="10"/>
  <c r="T1275" i="10"/>
  <c r="T1699" i="10"/>
  <c r="T100" i="10"/>
  <c r="T516" i="10"/>
  <c r="T1004" i="10"/>
  <c r="T1100" i="10"/>
  <c r="T1180" i="10"/>
  <c r="T1756" i="10"/>
  <c r="T1844" i="10"/>
  <c r="E66" i="6"/>
  <c r="E66" i="7" s="1"/>
  <c r="T109" i="10"/>
  <c r="T701" i="10"/>
  <c r="T1453" i="10"/>
  <c r="T1621" i="10"/>
  <c r="T1789" i="10"/>
  <c r="T2789" i="10"/>
  <c r="T46" i="10"/>
  <c r="T118" i="10"/>
  <c r="T190" i="10"/>
  <c r="P262" i="10"/>
  <c r="T486" i="10"/>
  <c r="T558" i="10"/>
  <c r="T702" i="10"/>
  <c r="T998" i="10"/>
  <c r="T1070" i="10"/>
  <c r="T1142" i="10"/>
  <c r="T1214" i="10"/>
  <c r="T1510" i="10"/>
  <c r="T1582" i="10"/>
  <c r="T1654" i="10"/>
  <c r="T1726" i="10"/>
  <c r="T2022" i="10"/>
  <c r="T2166" i="10"/>
  <c r="T2238" i="10"/>
  <c r="T2534" i="10"/>
  <c r="T2678" i="10"/>
  <c r="T2750" i="10"/>
  <c r="T815" i="10"/>
  <c r="T1487" i="10"/>
  <c r="T1384" i="10"/>
  <c r="T2336" i="10"/>
  <c r="T2480" i="10"/>
  <c r="T819" i="10"/>
  <c r="T1235" i="10"/>
  <c r="T1659" i="10"/>
  <c r="T2411" i="10"/>
  <c r="T2413" i="10"/>
  <c r="T374" i="10"/>
  <c r="T742" i="10"/>
  <c r="T1470" i="10"/>
  <c r="T1694" i="10"/>
  <c r="T2350" i="10"/>
  <c r="T1056" i="10"/>
  <c r="T724" i="10"/>
  <c r="T238" i="10"/>
  <c r="T678" i="10"/>
  <c r="T1550" i="10"/>
  <c r="T1918" i="10"/>
  <c r="T2726" i="10"/>
  <c r="T179" i="10"/>
  <c r="T1939" i="10"/>
  <c r="T2355" i="10"/>
  <c r="T836" i="10"/>
  <c r="T1580" i="10"/>
  <c r="T1828" i="10"/>
  <c r="T2788" i="10"/>
  <c r="T2365" i="10"/>
  <c r="T2533" i="10"/>
  <c r="T182" i="10"/>
  <c r="T766" i="10"/>
  <c r="T1206" i="10"/>
  <c r="T1574" i="10"/>
  <c r="T1790" i="10"/>
  <c r="P1862" i="10"/>
  <c r="T2158" i="10"/>
  <c r="T2446" i="10"/>
  <c r="T2670" i="10"/>
  <c r="T1735" i="10"/>
  <c r="T451" i="10"/>
  <c r="T1043" i="10"/>
  <c r="T1131" i="10"/>
  <c r="T1203" i="10"/>
  <c r="T348" i="10"/>
  <c r="T852" i="10"/>
  <c r="T1108" i="10"/>
  <c r="T1204" i="10"/>
  <c r="T1932" i="10"/>
  <c r="T2020" i="10"/>
  <c r="T2092" i="10"/>
  <c r="T2356" i="10"/>
  <c r="T381" i="10"/>
  <c r="T549" i="10"/>
  <c r="T621" i="10"/>
  <c r="T2133" i="10"/>
  <c r="T2557" i="10"/>
  <c r="T2709" i="10"/>
  <c r="I53" i="6" s="1"/>
  <c r="T54" i="10"/>
  <c r="T126" i="10"/>
  <c r="T494" i="10"/>
  <c r="T638" i="10"/>
  <c r="T934" i="10"/>
  <c r="T1006" i="10"/>
  <c r="T1078" i="10"/>
  <c r="T1150" i="10"/>
  <c r="T1446" i="10"/>
  <c r="T1518" i="10"/>
  <c r="T1590" i="10"/>
  <c r="E59" i="14"/>
  <c r="T1958" i="10"/>
  <c r="T2030" i="10"/>
  <c r="T2102" i="10"/>
  <c r="T2174" i="10"/>
  <c r="T2398" i="10"/>
  <c r="T2542" i="10"/>
  <c r="T2614" i="10"/>
  <c r="T2686" i="10"/>
  <c r="T2087" i="10"/>
  <c r="T2175" i="10"/>
  <c r="T2503" i="10"/>
  <c r="T1176" i="10"/>
  <c r="T1688" i="10"/>
  <c r="T1832" i="10"/>
  <c r="T2568" i="10"/>
  <c r="E80" i="6"/>
  <c r="E80" i="7" s="1"/>
  <c r="T1323" i="10"/>
  <c r="T892" i="10"/>
  <c r="T1741" i="10"/>
  <c r="T670" i="10"/>
  <c r="T1398" i="10"/>
  <c r="T1766" i="10"/>
  <c r="T2422" i="10"/>
  <c r="T615" i="10"/>
  <c r="T1535" i="10"/>
  <c r="T2300" i="10"/>
  <c r="T2333" i="10"/>
  <c r="T1331" i="10"/>
  <c r="T1835" i="10"/>
  <c r="T900" i="10"/>
  <c r="T2404" i="10"/>
  <c r="T85" i="10"/>
  <c r="T421" i="10"/>
  <c r="T382" i="10"/>
  <c r="T822" i="10"/>
  <c r="T1406" i="10"/>
  <c r="T1774" i="10"/>
  <c r="T2358" i="10"/>
  <c r="T47" i="10"/>
  <c r="T1543" i="10"/>
  <c r="T259" i="10"/>
  <c r="T683" i="10"/>
  <c r="T1851" i="10"/>
  <c r="T2195" i="10"/>
  <c r="T252" i="10"/>
  <c r="T2668" i="10"/>
  <c r="T941" i="10"/>
  <c r="T1533" i="10"/>
  <c r="T1773" i="10"/>
  <c r="T2029" i="10"/>
  <c r="T2277" i="10"/>
  <c r="T38" i="10"/>
  <c r="T254" i="10"/>
  <c r="T622" i="10"/>
  <c r="T1278" i="10"/>
  <c r="T1646" i="10"/>
  <c r="T2014" i="10"/>
  <c r="T2230" i="10"/>
  <c r="T2526" i="10"/>
  <c r="T2742" i="10"/>
  <c r="T1479" i="10"/>
  <c r="T2823" i="10"/>
  <c r="T1744" i="10"/>
  <c r="T2400" i="10"/>
  <c r="T131" i="10"/>
  <c r="T379" i="10"/>
  <c r="T555" i="10"/>
  <c r="T635" i="10"/>
  <c r="T707" i="10"/>
  <c r="T1211" i="10"/>
  <c r="T1467" i="10"/>
  <c r="T1715" i="10"/>
  <c r="T1971" i="10"/>
  <c r="T2051" i="10"/>
  <c r="T2643" i="10"/>
  <c r="T1020" i="10"/>
  <c r="T1276" i="10"/>
  <c r="T1348" i="10"/>
  <c r="T1452" i="10"/>
  <c r="T2196" i="10"/>
  <c r="T2260" i="10"/>
  <c r="T2700" i="10"/>
  <c r="T213" i="10"/>
  <c r="T637" i="10"/>
  <c r="T805" i="10"/>
  <c r="T973" i="10"/>
  <c r="T1221" i="10"/>
  <c r="T1301" i="10"/>
  <c r="T1557" i="10"/>
  <c r="T1981" i="10"/>
  <c r="T2221" i="10"/>
  <c r="T2645" i="10"/>
  <c r="T358" i="10"/>
  <c r="T430" i="10"/>
  <c r="T502" i="10"/>
  <c r="T574" i="10"/>
  <c r="T870" i="10"/>
  <c r="T1014" i="10"/>
  <c r="T1086" i="10"/>
  <c r="T1382" i="10"/>
  <c r="T1454" i="10"/>
  <c r="T1526" i="10"/>
  <c r="T1598" i="10"/>
  <c r="T1894" i="10"/>
  <c r="T1966" i="10"/>
  <c r="T2038" i="10"/>
  <c r="T2334" i="10"/>
  <c r="T2406" i="10"/>
  <c r="T2550" i="10"/>
  <c r="T2622" i="10"/>
  <c r="T263" i="10"/>
  <c r="T591" i="10"/>
  <c r="T839" i="10"/>
  <c r="T1007" i="10"/>
  <c r="T1095" i="10"/>
  <c r="T1263" i="10"/>
  <c r="T1767" i="10"/>
  <c r="T2343" i="10"/>
  <c r="T2687" i="10"/>
  <c r="T88" i="10"/>
  <c r="T160" i="10"/>
  <c r="T232" i="10"/>
  <c r="T968" i="10"/>
  <c r="T1256" i="10"/>
  <c r="T1480" i="10"/>
  <c r="P1912" i="10"/>
  <c r="T1992" i="10"/>
  <c r="I46" i="6" s="1"/>
  <c r="T2280" i="10"/>
  <c r="T2352" i="10"/>
  <c r="T2648" i="10"/>
  <c r="T2800" i="10"/>
  <c r="T1996" i="10"/>
  <c r="T580" i="10"/>
  <c r="T459" i="10"/>
  <c r="T571" i="10"/>
  <c r="T220" i="10"/>
  <c r="T636" i="10"/>
  <c r="T1388" i="10"/>
  <c r="T1788" i="10"/>
  <c r="T2245" i="10"/>
  <c r="T2661" i="10"/>
  <c r="T230" i="10"/>
  <c r="T814" i="10"/>
  <c r="T1182" i="10"/>
  <c r="T1910" i="10"/>
  <c r="T2566" i="10"/>
  <c r="T111" i="10"/>
  <c r="T840" i="10"/>
  <c r="T285" i="10"/>
  <c r="T1821" i="10"/>
  <c r="T243" i="10"/>
  <c r="T1411" i="10"/>
  <c r="T2419" i="10"/>
  <c r="T1980" i="10"/>
  <c r="T2524" i="10"/>
  <c r="T1509" i="10"/>
  <c r="T310" i="10"/>
  <c r="T750" i="10"/>
  <c r="T1190" i="10"/>
  <c r="T2654" i="10"/>
  <c r="T871" i="10"/>
  <c r="T1068" i="10"/>
  <c r="T2004" i="10"/>
  <c r="T2556" i="10"/>
  <c r="T43" i="10"/>
  <c r="T147" i="10"/>
  <c r="T387" i="10"/>
  <c r="T643" i="10"/>
  <c r="T723" i="10"/>
  <c r="T811" i="10"/>
  <c r="T891" i="10"/>
  <c r="T1219" i="10"/>
  <c r="T1395" i="10"/>
  <c r="T1899" i="10"/>
  <c r="T2067" i="10"/>
  <c r="T2483" i="10"/>
  <c r="T364" i="10"/>
  <c r="T468" i="10"/>
  <c r="T1708" i="10"/>
  <c r="T1884" i="10"/>
  <c r="T1964" i="10"/>
  <c r="T2204" i="10"/>
  <c r="T2492" i="10"/>
  <c r="T2604" i="10"/>
  <c r="T229" i="10"/>
  <c r="T485" i="10"/>
  <c r="T573" i="10"/>
  <c r="T725" i="10"/>
  <c r="T813" i="10"/>
  <c r="T1229" i="10"/>
  <c r="T1317" i="10"/>
  <c r="T1405" i="10"/>
  <c r="T1645" i="10"/>
  <c r="T1813" i="10"/>
  <c r="T1989" i="10"/>
  <c r="T2069" i="10"/>
  <c r="T2149" i="10"/>
  <c r="T2405" i="10"/>
  <c r="I50" i="6" s="1"/>
  <c r="T2493" i="10"/>
  <c r="T2733" i="10"/>
  <c r="T294" i="10"/>
  <c r="T366" i="10"/>
  <c r="T438" i="10"/>
  <c r="T510" i="10"/>
  <c r="T806" i="10"/>
  <c r="T878" i="10"/>
  <c r="T950" i="10"/>
  <c r="T1022" i="10"/>
  <c r="T1246" i="10"/>
  <c r="T1318" i="10"/>
  <c r="T1390" i="10"/>
  <c r="T1534" i="10"/>
  <c r="T1758" i="10"/>
  <c r="T1830" i="10"/>
  <c r="T1902" i="10"/>
  <c r="T1974" i="10"/>
  <c r="T2046" i="10"/>
  <c r="T2342" i="10"/>
  <c r="T2414" i="10"/>
  <c r="T2558" i="10"/>
  <c r="T103" i="10"/>
  <c r="T431" i="10"/>
  <c r="T687" i="10"/>
  <c r="T775" i="10"/>
  <c r="T1279" i="10"/>
  <c r="T1935" i="10"/>
  <c r="T2023" i="10"/>
  <c r="T2695" i="10"/>
  <c r="T96" i="10"/>
  <c r="T240" i="10"/>
  <c r="P312" i="10"/>
  <c r="T680" i="10"/>
  <c r="T1120" i="10"/>
  <c r="T1416" i="10"/>
  <c r="T1704" i="10"/>
  <c r="T2072" i="10"/>
  <c r="T2144" i="10"/>
  <c r="P2512" i="10"/>
  <c r="T2584" i="10"/>
  <c r="T2728" i="10"/>
  <c r="P662" i="10"/>
  <c r="P2262" i="10"/>
  <c r="H39" i="7"/>
  <c r="H56" i="7"/>
  <c r="H44" i="7"/>
  <c r="P512" i="10"/>
  <c r="P2112" i="10"/>
  <c r="H64" i="7"/>
  <c r="H41" i="7"/>
  <c r="H45" i="7"/>
  <c r="H77" i="7"/>
  <c r="H42" i="7"/>
  <c r="H75" i="7"/>
  <c r="H48" i="7"/>
  <c r="P962" i="10"/>
  <c r="P2562" i="10"/>
  <c r="P1162" i="10"/>
  <c r="P2762" i="10"/>
  <c r="P2412" i="10"/>
  <c r="P1362" i="10"/>
  <c r="P2612" i="10"/>
  <c r="P1562" i="10"/>
  <c r="P162" i="10"/>
  <c r="P1762" i="10"/>
  <c r="P362" i="10"/>
  <c r="P1962" i="10"/>
  <c r="P562" i="10"/>
  <c r="P2162" i="10"/>
  <c r="P762" i="10"/>
  <c r="P2362" i="10"/>
  <c r="EY28" i="14"/>
  <c r="CY40" i="14"/>
  <c r="CY29" i="14"/>
  <c r="CY30" i="14"/>
  <c r="CY31" i="14"/>
  <c r="CY32" i="14"/>
  <c r="CY33" i="14"/>
  <c r="CY34" i="14"/>
  <c r="CY35" i="14"/>
  <c r="CY36" i="14"/>
  <c r="CY37" i="14"/>
  <c r="CY38" i="14"/>
  <c r="CY39" i="14"/>
  <c r="CY41" i="14"/>
  <c r="CY42" i="14"/>
  <c r="CY43" i="14"/>
  <c r="CY44" i="14"/>
  <c r="CY45" i="14"/>
  <c r="CY46" i="14"/>
  <c r="CY47" i="14"/>
  <c r="CY48" i="14"/>
  <c r="CY49" i="14"/>
  <c r="CY50" i="14"/>
  <c r="CY51" i="14"/>
  <c r="CY52" i="14"/>
  <c r="CY53" i="14"/>
  <c r="CY54" i="14"/>
  <c r="CY55" i="14"/>
  <c r="CY56" i="14"/>
  <c r="CY57" i="14"/>
  <c r="CY58" i="14"/>
  <c r="CY59" i="14"/>
  <c r="CY60" i="14"/>
  <c r="CY61" i="14"/>
  <c r="CY62" i="14"/>
  <c r="CY63" i="14"/>
  <c r="CY64" i="14"/>
  <c r="CY65" i="14"/>
  <c r="CY66" i="14"/>
  <c r="CY67" i="14"/>
  <c r="CY68" i="14"/>
  <c r="CY69" i="14"/>
  <c r="CY70" i="14"/>
  <c r="CY71" i="14"/>
  <c r="CY72" i="14"/>
  <c r="CY73" i="14"/>
  <c r="CY74" i="14"/>
  <c r="CY75" i="14"/>
  <c r="CY76" i="14"/>
  <c r="CY77" i="14"/>
  <c r="CY78" i="14"/>
  <c r="CY79" i="14"/>
  <c r="CY80" i="14"/>
  <c r="CY81" i="14"/>
  <c r="CY82" i="14"/>
  <c r="CL28" i="14"/>
  <c r="B82" i="14"/>
  <c r="B45" i="14"/>
  <c r="L70" i="23" l="1"/>
  <c r="AD70" i="23"/>
  <c r="J70" i="23"/>
  <c r="R70" i="23"/>
  <c r="F70" i="23"/>
  <c r="V70" i="23"/>
  <c r="P70" i="23"/>
  <c r="X70" i="23"/>
  <c r="H70" i="23"/>
  <c r="AB70" i="23"/>
  <c r="N70" i="23"/>
  <c r="C95" i="14"/>
  <c r="B74" i="25"/>
  <c r="C95" i="6"/>
  <c r="AB28" i="23"/>
  <c r="X28" i="23"/>
  <c r="AD28" i="23"/>
  <c r="Z28" i="23"/>
  <c r="V28" i="23"/>
  <c r="P28" i="23"/>
  <c r="L28" i="23"/>
  <c r="N28" i="23"/>
  <c r="T28" i="23"/>
  <c r="R28" i="23"/>
  <c r="J28" i="23"/>
  <c r="F28" i="23"/>
  <c r="H28" i="23"/>
  <c r="O91" i="6"/>
  <c r="N91" i="7"/>
  <c r="D72" i="23"/>
  <c r="C72" i="23"/>
  <c r="A72" i="23"/>
  <c r="D93" i="7"/>
  <c r="X93" i="6"/>
  <c r="R89" i="7"/>
  <c r="U89" i="6"/>
  <c r="W88" i="6"/>
  <c r="U88" i="7"/>
  <c r="C94" i="7"/>
  <c r="I94" i="6"/>
  <c r="D94" i="6"/>
  <c r="D94" i="14"/>
  <c r="F94" i="14"/>
  <c r="AH94" i="14" s="1"/>
  <c r="B73" i="23"/>
  <c r="B94" i="14"/>
  <c r="C73" i="25"/>
  <c r="D73" i="25"/>
  <c r="A73" i="25"/>
  <c r="O90" i="7"/>
  <c r="R90" i="6"/>
  <c r="S90" i="6"/>
  <c r="S90" i="7" s="1"/>
  <c r="T90" i="6"/>
  <c r="AB71" i="23"/>
  <c r="V71" i="23"/>
  <c r="R71" i="23"/>
  <c r="Z71" i="23"/>
  <c r="X71" i="23"/>
  <c r="AD71" i="23"/>
  <c r="T71" i="23"/>
  <c r="P71" i="23"/>
  <c r="J71" i="23"/>
  <c r="N71" i="23"/>
  <c r="F71" i="23"/>
  <c r="L71" i="23"/>
  <c r="H71" i="23"/>
  <c r="AY86" i="7"/>
  <c r="AP86" i="7"/>
  <c r="AQ86" i="7"/>
  <c r="AR86" i="7"/>
  <c r="AX86" i="7"/>
  <c r="AU86" i="7"/>
  <c r="AM86" i="7"/>
  <c r="AW86" i="7"/>
  <c r="AV86" i="7"/>
  <c r="AO86" i="7"/>
  <c r="AN86" i="7"/>
  <c r="AT86" i="7"/>
  <c r="AS86" i="7"/>
  <c r="Q92" i="7"/>
  <c r="T72" i="25"/>
  <c r="Z72" i="25"/>
  <c r="AB72" i="25"/>
  <c r="J72" i="25"/>
  <c r="L72" i="25"/>
  <c r="R72" i="25"/>
  <c r="X72" i="25"/>
  <c r="F72" i="25"/>
  <c r="P72" i="25"/>
  <c r="H72" i="25"/>
  <c r="AD72" i="25"/>
  <c r="V72" i="25"/>
  <c r="N72" i="25"/>
  <c r="W87" i="7"/>
  <c r="AP87" i="6"/>
  <c r="K66" i="25" s="1"/>
  <c r="AW87" i="6"/>
  <c r="Y66" i="25" s="1"/>
  <c r="AX87" i="6"/>
  <c r="AA66" i="25" s="1"/>
  <c r="AU87" i="6"/>
  <c r="U66" i="25" s="1"/>
  <c r="AT87" i="6"/>
  <c r="S66" i="25" s="1"/>
  <c r="AQ87" i="6"/>
  <c r="M66" i="25" s="1"/>
  <c r="AN87" i="6"/>
  <c r="G66" i="25" s="1"/>
  <c r="AR87" i="6"/>
  <c r="O66" i="25" s="1"/>
  <c r="AV87" i="6"/>
  <c r="W66" i="25" s="1"/>
  <c r="AY87" i="6"/>
  <c r="AC66" i="25" s="1"/>
  <c r="AO87" i="6"/>
  <c r="I66" i="25" s="1"/>
  <c r="AS87" i="6"/>
  <c r="Q66" i="25" s="1"/>
  <c r="AM87" i="6"/>
  <c r="E66" i="25" s="1"/>
  <c r="L92" i="7"/>
  <c r="N92" i="6"/>
  <c r="M92" i="6"/>
  <c r="M92" i="7" s="1"/>
  <c r="I93" i="7"/>
  <c r="L93" i="6"/>
  <c r="K93" i="6"/>
  <c r="K93" i="7" s="1"/>
  <c r="Q93" i="6"/>
  <c r="Y93" i="6"/>
  <c r="Y93" i="7" s="1"/>
  <c r="T89" i="7"/>
  <c r="V89" i="6"/>
  <c r="V89" i="7" s="1"/>
  <c r="R63" i="23"/>
  <c r="O63" i="23"/>
  <c r="F63" i="23"/>
  <c r="AA63" i="23"/>
  <c r="N63" i="23"/>
  <c r="J63" i="23"/>
  <c r="AC63" i="23"/>
  <c r="V63" i="23"/>
  <c r="L63" i="23"/>
  <c r="E63" i="23"/>
  <c r="AB63" i="23"/>
  <c r="U63" i="23"/>
  <c r="P63" i="23"/>
  <c r="K63" i="23"/>
  <c r="S63" i="23"/>
  <c r="W63" i="23"/>
  <c r="G63" i="23"/>
  <c r="Z63" i="23"/>
  <c r="Q63" i="23"/>
  <c r="T63" i="23"/>
  <c r="Y63" i="23"/>
  <c r="M63" i="23"/>
  <c r="I63" i="23"/>
  <c r="AD63" i="23"/>
  <c r="X63" i="23"/>
  <c r="H63" i="23"/>
  <c r="Y64" i="23"/>
  <c r="T64" i="23"/>
  <c r="K64" i="23"/>
  <c r="AB64" i="23"/>
  <c r="P64" i="23"/>
  <c r="J64" i="23"/>
  <c r="X64" i="23"/>
  <c r="L64" i="23"/>
  <c r="F64" i="23"/>
  <c r="S64" i="23"/>
  <c r="W64" i="23"/>
  <c r="I64" i="23"/>
  <c r="AD64" i="23"/>
  <c r="AA64" i="23"/>
  <c r="O64" i="23"/>
  <c r="G64" i="23"/>
  <c r="Z64" i="23"/>
  <c r="U64" i="23"/>
  <c r="H64" i="23"/>
  <c r="E64" i="23"/>
  <c r="V64" i="23"/>
  <c r="N64" i="23"/>
  <c r="R64" i="23"/>
  <c r="AC64" i="23"/>
  <c r="Q64" i="23"/>
  <c r="M64" i="23"/>
  <c r="AD65" i="23"/>
  <c r="R65" i="23"/>
  <c r="H65" i="23"/>
  <c r="G65" i="23"/>
  <c r="Z65" i="23"/>
  <c r="V65" i="23"/>
  <c r="W65" i="23"/>
  <c r="E65" i="23"/>
  <c r="AC65" i="23"/>
  <c r="U65" i="23"/>
  <c r="O65" i="23"/>
  <c r="X65" i="23"/>
  <c r="N65" i="23"/>
  <c r="M65" i="23"/>
  <c r="T65" i="23"/>
  <c r="AA65" i="23"/>
  <c r="K65" i="23"/>
  <c r="AB65" i="23"/>
  <c r="P65" i="23"/>
  <c r="J65" i="23"/>
  <c r="Y65" i="23"/>
  <c r="L65" i="23"/>
  <c r="F65" i="23"/>
  <c r="S65" i="23"/>
  <c r="Q65" i="23"/>
  <c r="I65" i="23"/>
  <c r="J66" i="23"/>
  <c r="X66" i="23"/>
  <c r="F66" i="23"/>
  <c r="T66" i="23"/>
  <c r="P66" i="23"/>
  <c r="H66" i="23"/>
  <c r="AB66" i="23"/>
  <c r="L66" i="23"/>
  <c r="AD66" i="23"/>
  <c r="R66" i="23"/>
  <c r="Z66" i="23"/>
  <c r="V66" i="23"/>
  <c r="N66" i="23"/>
  <c r="N67" i="23"/>
  <c r="R67" i="23"/>
  <c r="F67" i="23"/>
  <c r="X67" i="23"/>
  <c r="P67" i="23"/>
  <c r="T67" i="23"/>
  <c r="L67" i="23"/>
  <c r="J67" i="23"/>
  <c r="AD67" i="23"/>
  <c r="AB67" i="23"/>
  <c r="H67" i="23"/>
  <c r="Z67" i="23"/>
  <c r="V67" i="23"/>
  <c r="P68" i="23"/>
  <c r="F68" i="23"/>
  <c r="V68" i="23"/>
  <c r="AD68" i="23"/>
  <c r="L68" i="23"/>
  <c r="H68" i="23"/>
  <c r="N68" i="23"/>
  <c r="Z68" i="23"/>
  <c r="T68" i="23"/>
  <c r="AB68" i="23"/>
  <c r="R68" i="23"/>
  <c r="X68" i="23"/>
  <c r="J68" i="23"/>
  <c r="AD69" i="23"/>
  <c r="AB69" i="23"/>
  <c r="T69" i="23"/>
  <c r="X69" i="23"/>
  <c r="V69" i="23"/>
  <c r="J69" i="23"/>
  <c r="N69" i="23"/>
  <c r="R69" i="23"/>
  <c r="F69" i="23"/>
  <c r="P69" i="23"/>
  <c r="H69" i="23"/>
  <c r="Z69" i="23"/>
  <c r="L69" i="23"/>
  <c r="C354" i="26"/>
  <c r="Q362" i="10"/>
  <c r="D354" i="26" s="1"/>
  <c r="Q1162" i="10"/>
  <c r="D1154" i="26" s="1"/>
  <c r="C1154" i="26"/>
  <c r="C504" i="26"/>
  <c r="Q512" i="10"/>
  <c r="D504" i="26" s="1"/>
  <c r="C304" i="26"/>
  <c r="Q312" i="10"/>
  <c r="D304" i="26" s="1"/>
  <c r="Q1712" i="10"/>
  <c r="D1704" i="26" s="1"/>
  <c r="C1704" i="26"/>
  <c r="Q2510" i="10"/>
  <c r="D2502" i="26" s="1"/>
  <c r="C2502" i="26"/>
  <c r="C1046" i="26"/>
  <c r="Q1054" i="10"/>
  <c r="D1046" i="26" s="1"/>
  <c r="C86" i="26"/>
  <c r="Q94" i="10"/>
  <c r="D86" i="26" s="1"/>
  <c r="C2645" i="26"/>
  <c r="Q2653" i="10"/>
  <c r="D2645" i="26" s="1"/>
  <c r="C2133" i="26"/>
  <c r="Q2141" i="10"/>
  <c r="D2133" i="26" s="1"/>
  <c r="C1621" i="26"/>
  <c r="Q1629" i="10"/>
  <c r="D1621" i="26" s="1"/>
  <c r="C1109" i="26"/>
  <c r="Q1117" i="10"/>
  <c r="D1109" i="26" s="1"/>
  <c r="C533" i="26"/>
  <c r="Q541" i="10"/>
  <c r="D533" i="26" s="1"/>
  <c r="C1372" i="26"/>
  <c r="Q1380" i="10"/>
  <c r="D1372" i="26" s="1"/>
  <c r="Q2459" i="10"/>
  <c r="D2451" i="26" s="1"/>
  <c r="C2451" i="26"/>
  <c r="Q1755" i="10"/>
  <c r="D1747" i="26" s="1"/>
  <c r="C1747" i="26"/>
  <c r="T987" i="10"/>
  <c r="C979" i="26"/>
  <c r="Q987" i="10"/>
  <c r="D979" i="26" s="1"/>
  <c r="C83" i="26"/>
  <c r="Q91" i="10"/>
  <c r="D83" i="26" s="1"/>
  <c r="C1284" i="26"/>
  <c r="Q1292" i="10"/>
  <c r="D1284" i="26" s="1"/>
  <c r="Q2232" i="10"/>
  <c r="D2224" i="26" s="1"/>
  <c r="C2224" i="26"/>
  <c r="Q1528" i="10"/>
  <c r="D1520" i="26" s="1"/>
  <c r="C1520" i="26"/>
  <c r="C816" i="26"/>
  <c r="Q824" i="10"/>
  <c r="D816" i="26" s="1"/>
  <c r="C2572" i="26"/>
  <c r="Q2580" i="10"/>
  <c r="D2572" i="26" s="1"/>
  <c r="Q2455" i="10"/>
  <c r="D2447" i="26" s="1"/>
  <c r="C2447" i="26"/>
  <c r="Q1623" i="10"/>
  <c r="D1615" i="26" s="1"/>
  <c r="C1615" i="26"/>
  <c r="C1039" i="26"/>
  <c r="Q1047" i="10"/>
  <c r="D1039" i="26" s="1"/>
  <c r="D8" i="23"/>
  <c r="D8" i="25"/>
  <c r="E8" i="25" s="1"/>
  <c r="C335" i="26"/>
  <c r="Q343" i="10"/>
  <c r="D335" i="26" s="1"/>
  <c r="C1380" i="26"/>
  <c r="Q1388" i="10"/>
  <c r="D1380" i="26" s="1"/>
  <c r="Q1840" i="10"/>
  <c r="D1832" i="26" s="1"/>
  <c r="C1832" i="26"/>
  <c r="T552" i="10"/>
  <c r="C544" i="26"/>
  <c r="Q552" i="10"/>
  <c r="D544" i="26" s="1"/>
  <c r="Q1471" i="10"/>
  <c r="D1463" i="26" s="1"/>
  <c r="C1463" i="26"/>
  <c r="C1661" i="26"/>
  <c r="Q1669" i="10"/>
  <c r="D1661" i="26" s="1"/>
  <c r="C2796" i="26"/>
  <c r="Q2804" i="10"/>
  <c r="D2796" i="26" s="1"/>
  <c r="C1628" i="26"/>
  <c r="Q1636" i="10"/>
  <c r="D1628" i="26" s="1"/>
  <c r="C36" i="26"/>
  <c r="Q44" i="10"/>
  <c r="D36" i="26" s="1"/>
  <c r="C683" i="26"/>
  <c r="Q691" i="10"/>
  <c r="D683" i="26" s="1"/>
  <c r="Q2070" i="10"/>
  <c r="D2062" i="26" s="1"/>
  <c r="C2062" i="26"/>
  <c r="Q1686" i="10"/>
  <c r="D1678" i="26" s="1"/>
  <c r="C1678" i="26"/>
  <c r="C1102" i="26"/>
  <c r="Q1110" i="10"/>
  <c r="D1102" i="26" s="1"/>
  <c r="C462" i="26"/>
  <c r="Q470" i="10"/>
  <c r="D462" i="26" s="1"/>
  <c r="C388" i="26"/>
  <c r="Q396" i="10"/>
  <c r="D388" i="26" s="1"/>
  <c r="C1357" i="26"/>
  <c r="Q1365" i="10"/>
  <c r="D1357" i="26" s="1"/>
  <c r="C1332" i="26"/>
  <c r="Q1340" i="10"/>
  <c r="D1332" i="26" s="1"/>
  <c r="Q1555" i="10"/>
  <c r="D1547" i="26" s="1"/>
  <c r="C1547" i="26"/>
  <c r="C459" i="26"/>
  <c r="Q467" i="10"/>
  <c r="D459" i="26" s="1"/>
  <c r="C644" i="26"/>
  <c r="Q652" i="10"/>
  <c r="D644" i="26" s="1"/>
  <c r="Q1904" i="10"/>
  <c r="D1896" i="26" s="1"/>
  <c r="C1896" i="26"/>
  <c r="C872" i="26"/>
  <c r="Q880" i="10"/>
  <c r="D872" i="26" s="1"/>
  <c r="C40" i="26"/>
  <c r="Q48" i="10"/>
  <c r="D40" i="26" s="1"/>
  <c r="Q2127" i="10"/>
  <c r="D2119" i="26" s="1"/>
  <c r="C2119" i="26"/>
  <c r="C1031" i="26"/>
  <c r="Q1039" i="10"/>
  <c r="D1031" i="26" s="1"/>
  <c r="C135" i="26"/>
  <c r="Q143" i="10"/>
  <c r="D135" i="26" s="1"/>
  <c r="Q2032" i="10"/>
  <c r="D2024" i="26" s="1"/>
  <c r="C2024" i="26"/>
  <c r="C408" i="26"/>
  <c r="Q416" i="10"/>
  <c r="D408" i="26" s="1"/>
  <c r="T1711" i="10"/>
  <c r="Q1711" i="10"/>
  <c r="D1703" i="26" s="1"/>
  <c r="C1703" i="26"/>
  <c r="C55" i="26"/>
  <c r="Q63" i="10"/>
  <c r="D55" i="26" s="1"/>
  <c r="Q1045" i="10"/>
  <c r="D1037" i="26" s="1"/>
  <c r="C1037" i="26"/>
  <c r="C2092" i="26"/>
  <c r="Q2100" i="10"/>
  <c r="D2092" i="26" s="1"/>
  <c r="C28" i="26"/>
  <c r="Q36" i="10"/>
  <c r="D28" i="26" s="1"/>
  <c r="Q1587" i="10"/>
  <c r="D1579" i="26" s="1"/>
  <c r="C1579" i="26"/>
  <c r="C315" i="26"/>
  <c r="Q323" i="10"/>
  <c r="D315" i="26" s="1"/>
  <c r="Q1486" i="10"/>
  <c r="D1478" i="26" s="1"/>
  <c r="C1478" i="26"/>
  <c r="C774" i="26"/>
  <c r="Q782" i="10"/>
  <c r="D774" i="26" s="1"/>
  <c r="Q1163" i="10"/>
  <c r="D1155" i="26" s="1"/>
  <c r="C1155" i="26"/>
  <c r="C428" i="26"/>
  <c r="Q436" i="10"/>
  <c r="D428" i="26" s="1"/>
  <c r="Q2256" i="10"/>
  <c r="D2248" i="26" s="1"/>
  <c r="C2248" i="26"/>
  <c r="C744" i="26"/>
  <c r="Q752" i="10"/>
  <c r="D744" i="26" s="1"/>
  <c r="Q1543" i="10"/>
  <c r="D1535" i="26" s="1"/>
  <c r="C1535" i="26"/>
  <c r="C263" i="26"/>
  <c r="Q271" i="10"/>
  <c r="D263" i="26" s="1"/>
  <c r="C1029" i="26"/>
  <c r="Q1037" i="10"/>
  <c r="D1029" i="26" s="1"/>
  <c r="C2268" i="26"/>
  <c r="Q2276" i="10"/>
  <c r="D2268" i="26" s="1"/>
  <c r="C1204" i="26"/>
  <c r="Q1212" i="10"/>
  <c r="D1204" i="26" s="1"/>
  <c r="Q1667" i="10"/>
  <c r="D1659" i="26" s="1"/>
  <c r="C1659" i="26"/>
  <c r="Q1808" i="10"/>
  <c r="D1800" i="26" s="1"/>
  <c r="C1800" i="26"/>
  <c r="T1799" i="10"/>
  <c r="Q1799" i="10"/>
  <c r="D1791" i="26" s="1"/>
  <c r="C1791" i="26"/>
  <c r="C1597" i="26"/>
  <c r="Q1605" i="10"/>
  <c r="D1597" i="26" s="1"/>
  <c r="T2172" i="10"/>
  <c r="C2164" i="26"/>
  <c r="Q2172" i="10"/>
  <c r="D2164" i="26" s="1"/>
  <c r="Q1651" i="10"/>
  <c r="D1643" i="26" s="1"/>
  <c r="C1643" i="26"/>
  <c r="C2565" i="26"/>
  <c r="Q2573" i="10"/>
  <c r="D2565" i="26" s="1"/>
  <c r="C2132" i="26"/>
  <c r="Q2140" i="10"/>
  <c r="D2132" i="26" s="1"/>
  <c r="Q2067" i="10"/>
  <c r="D2059" i="26" s="1"/>
  <c r="C2059" i="26"/>
  <c r="C2653" i="26"/>
  <c r="Q2661" i="10"/>
  <c r="D2653" i="26" s="1"/>
  <c r="C29" i="26"/>
  <c r="Q37" i="10"/>
  <c r="D29" i="26" s="1"/>
  <c r="Q1827" i="10"/>
  <c r="D1819" i="26" s="1"/>
  <c r="C1819" i="26"/>
  <c r="C219" i="26"/>
  <c r="Q227" i="10"/>
  <c r="D219" i="26" s="1"/>
  <c r="T2390" i="10"/>
  <c r="Q2390" i="10"/>
  <c r="D2382" i="26" s="1"/>
  <c r="C2382" i="26"/>
  <c r="Q1734" i="10"/>
  <c r="D1726" i="26" s="1"/>
  <c r="C1726" i="26"/>
  <c r="C958" i="26"/>
  <c r="Q966" i="10"/>
  <c r="D958" i="26" s="1"/>
  <c r="C190" i="26"/>
  <c r="Q198" i="10"/>
  <c r="D190" i="26" s="1"/>
  <c r="Q2768" i="10"/>
  <c r="D2760" i="26" s="1"/>
  <c r="C2760" i="26"/>
  <c r="C1056" i="26"/>
  <c r="Q1064" i="10"/>
  <c r="D1056" i="26" s="1"/>
  <c r="Q2367" i="10"/>
  <c r="D2359" i="26" s="1"/>
  <c r="C2359" i="26"/>
  <c r="C759" i="26"/>
  <c r="Q767" i="10"/>
  <c r="D759" i="26" s="1"/>
  <c r="C2309" i="26"/>
  <c r="Q2317" i="10"/>
  <c r="D2309" i="26" s="1"/>
  <c r="C317" i="26"/>
  <c r="Q325" i="10"/>
  <c r="D317" i="26" s="1"/>
  <c r="C412" i="26"/>
  <c r="Q420" i="10"/>
  <c r="D412" i="26" s="1"/>
  <c r="Q1427" i="10"/>
  <c r="D1419" i="26" s="1"/>
  <c r="C1419" i="26"/>
  <c r="T2520" i="10"/>
  <c r="Q2520" i="10"/>
  <c r="D2512" i="26" s="1"/>
  <c r="C2512" i="26"/>
  <c r="T368" i="10"/>
  <c r="C360" i="26"/>
  <c r="Q368" i="10"/>
  <c r="D360" i="26" s="1"/>
  <c r="C2109" i="26"/>
  <c r="Q2117" i="10"/>
  <c r="D2109" i="26" s="1"/>
  <c r="C2020" i="26"/>
  <c r="Q2028" i="10"/>
  <c r="D2020" i="26" s="1"/>
  <c r="Q2427" i="10"/>
  <c r="D2419" i="26" s="1"/>
  <c r="C2419" i="26"/>
  <c r="Q2600" i="10"/>
  <c r="D2592" i="26" s="1"/>
  <c r="C2592" i="26"/>
  <c r="Q2183" i="10"/>
  <c r="D2175" i="26" s="1"/>
  <c r="C2175" i="26"/>
  <c r="C1981" i="26"/>
  <c r="Q1989" i="10"/>
  <c r="D1981" i="26" s="1"/>
  <c r="C892" i="26"/>
  <c r="Q900" i="10"/>
  <c r="D892" i="26" s="1"/>
  <c r="Q1254" i="10"/>
  <c r="D1246" i="26" s="1"/>
  <c r="C1246" i="26"/>
  <c r="C1732" i="26"/>
  <c r="Q1740" i="10"/>
  <c r="D1732" i="26" s="1"/>
  <c r="Q1187" i="10"/>
  <c r="D1179" i="26" s="1"/>
  <c r="C1179" i="26"/>
  <c r="C1844" i="26"/>
  <c r="Q1852" i="10"/>
  <c r="D1844" i="26" s="1"/>
  <c r="Q1344" i="10"/>
  <c r="D1336" i="26" s="1"/>
  <c r="C1336" i="26"/>
  <c r="T2527" i="10"/>
  <c r="Q2527" i="10"/>
  <c r="D2519" i="26" s="1"/>
  <c r="C2519" i="26"/>
  <c r="Q1887" i="10"/>
  <c r="D1879" i="26" s="1"/>
  <c r="C1879" i="26"/>
  <c r="Q1311" i="10"/>
  <c r="D1303" i="26" s="1"/>
  <c r="C1303" i="26"/>
  <c r="C663" i="26"/>
  <c r="Q671" i="10"/>
  <c r="D663" i="26" s="1"/>
  <c r="Q2824" i="10"/>
  <c r="D2816" i="26" s="1"/>
  <c r="C2816" i="26"/>
  <c r="C336" i="26"/>
  <c r="Q344" i="10"/>
  <c r="D336" i="26" s="1"/>
  <c r="T2373" i="10"/>
  <c r="C2365" i="26"/>
  <c r="Q2373" i="10"/>
  <c r="D2365" i="26" s="1"/>
  <c r="C1340" i="26"/>
  <c r="Q1348" i="10"/>
  <c r="D1340" i="26" s="1"/>
  <c r="C1139" i="26"/>
  <c r="Q1147" i="10"/>
  <c r="D1139" i="26" s="1"/>
  <c r="Q2840" i="10"/>
  <c r="D2832" i="26" s="1"/>
  <c r="C2832" i="26"/>
  <c r="C1024" i="26"/>
  <c r="Q1032" i="10"/>
  <c r="D1024" i="26" s="1"/>
  <c r="C1573" i="26"/>
  <c r="Q1581" i="10"/>
  <c r="D1573" i="26" s="1"/>
  <c r="E1574" i="26" s="1"/>
  <c r="Q2171" i="10"/>
  <c r="D2163" i="26" s="1"/>
  <c r="C2163" i="26"/>
  <c r="Q1479" i="10"/>
  <c r="D1471" i="26" s="1"/>
  <c r="C1471" i="26"/>
  <c r="C1381" i="26"/>
  <c r="E1382" i="26" s="1"/>
  <c r="Q1389" i="10"/>
  <c r="D1381" i="26" s="1"/>
  <c r="C1572" i="26"/>
  <c r="Q1580" i="10"/>
  <c r="D1572" i="26" s="1"/>
  <c r="C811" i="26"/>
  <c r="Q819" i="10"/>
  <c r="D811" i="26" s="1"/>
  <c r="C2413" i="26"/>
  <c r="Q2421" i="10"/>
  <c r="D2413" i="26" s="1"/>
  <c r="C1389" i="26"/>
  <c r="Q1397" i="10"/>
  <c r="D1389" i="26" s="1"/>
  <c r="C813" i="26"/>
  <c r="Q821" i="10"/>
  <c r="D813" i="26" s="1"/>
  <c r="E814" i="26" s="1"/>
  <c r="C237" i="26"/>
  <c r="Q245" i="10"/>
  <c r="D237" i="26" s="1"/>
  <c r="C43" i="26"/>
  <c r="Q51" i="10"/>
  <c r="D43" i="26" s="1"/>
  <c r="Q1552" i="10"/>
  <c r="D1544" i="26" s="1"/>
  <c r="C1544" i="26"/>
  <c r="C648" i="26"/>
  <c r="Q656" i="10"/>
  <c r="D648" i="26" s="1"/>
  <c r="C8" i="26"/>
  <c r="Q16" i="10"/>
  <c r="D8" i="26" s="1"/>
  <c r="Q2095" i="10"/>
  <c r="D2087" i="26" s="1"/>
  <c r="C2087" i="26"/>
  <c r="Q1327" i="10"/>
  <c r="D1319" i="26" s="1"/>
  <c r="C1319" i="26"/>
  <c r="C628" i="26"/>
  <c r="Q636" i="10"/>
  <c r="D628" i="26" s="1"/>
  <c r="Q1448" i="10"/>
  <c r="D1440" i="26" s="1"/>
  <c r="C1440" i="26"/>
  <c r="Q2055" i="10"/>
  <c r="D2047" i="26" s="1"/>
  <c r="C2047" i="26"/>
  <c r="C447" i="26"/>
  <c r="Q455" i="10"/>
  <c r="D447" i="26" s="1"/>
  <c r="C1989" i="26"/>
  <c r="Q1997" i="10"/>
  <c r="D1989" i="26" s="1"/>
  <c r="Q405" i="10"/>
  <c r="D397" i="26" s="1"/>
  <c r="C397" i="26"/>
  <c r="C1516" i="26"/>
  <c r="Q1524" i="10"/>
  <c r="D1516" i="26" s="1"/>
  <c r="C68" i="26"/>
  <c r="Q76" i="10"/>
  <c r="D68" i="26" s="1"/>
  <c r="Q1283" i="10"/>
  <c r="D1275" i="26" s="1"/>
  <c r="C1275" i="26"/>
  <c r="C2716" i="26"/>
  <c r="Q2724" i="10"/>
  <c r="D2716" i="26" s="1"/>
  <c r="C912" i="26"/>
  <c r="Q920" i="10"/>
  <c r="D912" i="26" s="1"/>
  <c r="C951" i="26"/>
  <c r="Q959" i="10"/>
  <c r="D951" i="26" s="1"/>
  <c r="C2532" i="26"/>
  <c r="Q2540" i="10"/>
  <c r="D2532" i="26" s="1"/>
  <c r="C1124" i="26"/>
  <c r="Q1132" i="10"/>
  <c r="D1124" i="26" s="1"/>
  <c r="C132" i="26"/>
  <c r="Q140" i="10"/>
  <c r="D132" i="26" s="1"/>
  <c r="C1115" i="26"/>
  <c r="Q1123" i="10"/>
  <c r="D1115" i="26" s="1"/>
  <c r="C1188" i="26"/>
  <c r="Q1196" i="10"/>
  <c r="D1188" i="26" s="1"/>
  <c r="Q1920" i="10"/>
  <c r="D1912" i="26" s="1"/>
  <c r="C1912" i="26"/>
  <c r="C568" i="26"/>
  <c r="Q576" i="10"/>
  <c r="D568" i="26" s="1"/>
  <c r="C1932" i="26"/>
  <c r="Q1940" i="10"/>
  <c r="D1932" i="26" s="1"/>
  <c r="C87" i="26"/>
  <c r="Q95" i="10"/>
  <c r="D87" i="26" s="1"/>
  <c r="Q1864" i="10"/>
  <c r="D1856" i="26" s="1"/>
  <c r="C1856" i="26"/>
  <c r="Q2559" i="10"/>
  <c r="D2551" i="26" s="1"/>
  <c r="C2551" i="26"/>
  <c r="C2469" i="26"/>
  <c r="Q2477" i="10"/>
  <c r="D2469" i="26" s="1"/>
  <c r="C181" i="26"/>
  <c r="Q189" i="10"/>
  <c r="D181" i="26" s="1"/>
  <c r="C660" i="26"/>
  <c r="Q668" i="10"/>
  <c r="D660" i="26" s="1"/>
  <c r="C571" i="26"/>
  <c r="Q579" i="10"/>
  <c r="D571" i="26" s="1"/>
  <c r="C2533" i="26"/>
  <c r="Q2541" i="10"/>
  <c r="D2533" i="26" s="1"/>
  <c r="C1701" i="26"/>
  <c r="Q1709" i="10"/>
  <c r="D1701" i="26" s="1"/>
  <c r="E1702" i="26" s="1"/>
  <c r="C997" i="26"/>
  <c r="Q1005" i="10"/>
  <c r="D997" i="26" s="1"/>
  <c r="C421" i="26"/>
  <c r="Q429" i="10"/>
  <c r="D421" i="26" s="1"/>
  <c r="C1772" i="26"/>
  <c r="Q1780" i="10"/>
  <c r="D1772" i="26" s="1"/>
  <c r="Q2347" i="10"/>
  <c r="D2339" i="26" s="1"/>
  <c r="C2339" i="26"/>
  <c r="Q1643" i="10"/>
  <c r="D1635" i="26" s="1"/>
  <c r="C1635" i="26"/>
  <c r="C867" i="26"/>
  <c r="Q875" i="10"/>
  <c r="D867" i="26" s="1"/>
  <c r="C227" i="26"/>
  <c r="Q235" i="10"/>
  <c r="D227" i="26" s="1"/>
  <c r="C476" i="26"/>
  <c r="Q484" i="10"/>
  <c r="D476" i="26" s="1"/>
  <c r="C860" i="26"/>
  <c r="Q868" i="10"/>
  <c r="D860" i="26" s="1"/>
  <c r="Q2376" i="10"/>
  <c r="D2368" i="26" s="1"/>
  <c r="C2368" i="26"/>
  <c r="Q1736" i="10"/>
  <c r="D1728" i="26" s="1"/>
  <c r="C1728" i="26"/>
  <c r="C1088" i="26"/>
  <c r="Q1096" i="10"/>
  <c r="D1088" i="26" s="1"/>
  <c r="C320" i="26"/>
  <c r="Q328" i="10"/>
  <c r="D320" i="26" s="1"/>
  <c r="Q2663" i="10"/>
  <c r="D2655" i="26" s="1"/>
  <c r="C2655" i="26"/>
  <c r="Q2151" i="10"/>
  <c r="D2143" i="26" s="1"/>
  <c r="C2143" i="26"/>
  <c r="Q1447" i="10"/>
  <c r="D1439" i="26" s="1"/>
  <c r="C1439" i="26"/>
  <c r="C927" i="26"/>
  <c r="Q935" i="10"/>
  <c r="D927" i="26" s="1"/>
  <c r="C415" i="26"/>
  <c r="Q423" i="10"/>
  <c r="D415" i="26" s="1"/>
  <c r="Q1614" i="10"/>
  <c r="D1606" i="26" s="1"/>
  <c r="C1606" i="26"/>
  <c r="C1909" i="26"/>
  <c r="Q1917" i="10"/>
  <c r="D1909" i="26" s="1"/>
  <c r="E1910" i="26" s="1"/>
  <c r="C124" i="26"/>
  <c r="Q132" i="10"/>
  <c r="D124" i="26" s="1"/>
  <c r="Q1566" i="10"/>
  <c r="D1558" i="26" s="1"/>
  <c r="C1558" i="26"/>
  <c r="C2013" i="26"/>
  <c r="Q2021" i="10"/>
  <c r="D2013" i="26" s="1"/>
  <c r="C733" i="26"/>
  <c r="Q741" i="10"/>
  <c r="D733" i="26" s="1"/>
  <c r="E734" i="26" s="1"/>
  <c r="C2037" i="26"/>
  <c r="Q2045" i="10"/>
  <c r="D2037" i="26" s="1"/>
  <c r="C2044" i="26"/>
  <c r="Q2052" i="10"/>
  <c r="D2044" i="26" s="1"/>
  <c r="Q1310" i="10"/>
  <c r="D1302" i="26" s="1"/>
  <c r="C1302" i="26"/>
  <c r="Q1787" i="10"/>
  <c r="D1779" i="26" s="1"/>
  <c r="C1779" i="26"/>
  <c r="Q2718" i="10"/>
  <c r="D2710" i="26" s="1"/>
  <c r="C2710" i="26"/>
  <c r="C1876" i="26"/>
  <c r="Q1884" i="10"/>
  <c r="D1876" i="26" s="1"/>
  <c r="C784" i="26"/>
  <c r="Q792" i="10"/>
  <c r="D784" i="26" s="1"/>
  <c r="C166" i="26"/>
  <c r="Q174" i="10"/>
  <c r="D166" i="26" s="1"/>
  <c r="Q1403" i="10"/>
  <c r="D1395" i="26" s="1"/>
  <c r="C1395" i="26"/>
  <c r="Q2590" i="10"/>
  <c r="D2582" i="26" s="1"/>
  <c r="C2582" i="26"/>
  <c r="Q1339" i="10"/>
  <c r="D1331" i="26" s="1"/>
  <c r="C1331" i="26"/>
  <c r="Q2270" i="10"/>
  <c r="D2262" i="26" s="1"/>
  <c r="C2262" i="26"/>
  <c r="Q1851" i="10"/>
  <c r="D1843" i="26" s="1"/>
  <c r="C1843" i="26"/>
  <c r="Q2654" i="10"/>
  <c r="D2646" i="26" s="1"/>
  <c r="C2646" i="26"/>
  <c r="F2550" i="26"/>
  <c r="E2550" i="26"/>
  <c r="F2734" i="26"/>
  <c r="E2734" i="26"/>
  <c r="F2366" i="26"/>
  <c r="E2366" i="26"/>
  <c r="F2678" i="26"/>
  <c r="E2678" i="26"/>
  <c r="F2022" i="26"/>
  <c r="E2022" i="26"/>
  <c r="F2142" i="26"/>
  <c r="E2142" i="26"/>
  <c r="F2790" i="26"/>
  <c r="E2790" i="26"/>
  <c r="F2166" i="26"/>
  <c r="E2166" i="26"/>
  <c r="F2782" i="26"/>
  <c r="E2782" i="26"/>
  <c r="F2158" i="26"/>
  <c r="E2158" i="26"/>
  <c r="Q1762" i="10"/>
  <c r="D1754" i="26" s="1"/>
  <c r="C1754" i="26"/>
  <c r="Q2562" i="10"/>
  <c r="D2554" i="26" s="1"/>
  <c r="C2554" i="26"/>
  <c r="Q2512" i="10"/>
  <c r="D2504" i="26" s="1"/>
  <c r="C2504" i="26"/>
  <c r="Q1912" i="10"/>
  <c r="D1904" i="26" s="1"/>
  <c r="C1904" i="26"/>
  <c r="Q1862" i="10"/>
  <c r="D1854" i="26" s="1"/>
  <c r="C1854" i="26"/>
  <c r="Q2470" i="10"/>
  <c r="D2462" i="26" s="1"/>
  <c r="C2462" i="26"/>
  <c r="Q2326" i="10"/>
  <c r="D2318" i="26" s="1"/>
  <c r="C2318" i="26"/>
  <c r="C918" i="26"/>
  <c r="Q926" i="10"/>
  <c r="D918" i="26" s="1"/>
  <c r="C22" i="26"/>
  <c r="Q30" i="10"/>
  <c r="D22" i="26" s="1"/>
  <c r="C2581" i="26"/>
  <c r="Q2589" i="10"/>
  <c r="D2581" i="26" s="1"/>
  <c r="C2069" i="26"/>
  <c r="Q2077" i="10"/>
  <c r="D2069" i="26" s="1"/>
  <c r="C1557" i="26"/>
  <c r="Q1565" i="10"/>
  <c r="D1557" i="26" s="1"/>
  <c r="C1045" i="26"/>
  <c r="Q1053" i="10"/>
  <c r="D1045" i="26" s="1"/>
  <c r="C469" i="26"/>
  <c r="Q477" i="10"/>
  <c r="D469" i="26" s="1"/>
  <c r="C1036" i="26"/>
  <c r="Q1044" i="10"/>
  <c r="D1036" i="26" s="1"/>
  <c r="Q2395" i="10"/>
  <c r="D2387" i="26" s="1"/>
  <c r="C2387" i="26"/>
  <c r="Q1691" i="10"/>
  <c r="D1683" i="26" s="1"/>
  <c r="C1683" i="26"/>
  <c r="C851" i="26"/>
  <c r="Q859" i="10"/>
  <c r="D851" i="26" s="1"/>
  <c r="C19" i="26"/>
  <c r="Q27" i="10"/>
  <c r="D19" i="26" s="1"/>
  <c r="C708" i="26"/>
  <c r="Q716" i="10"/>
  <c r="D708" i="26" s="1"/>
  <c r="Q2168" i="10"/>
  <c r="D2160" i="26" s="1"/>
  <c r="C2160" i="26"/>
  <c r="Q1400" i="10"/>
  <c r="D1392" i="26" s="1"/>
  <c r="C1392" i="26"/>
  <c r="C752" i="26"/>
  <c r="Q760" i="10"/>
  <c r="D752" i="26" s="1"/>
  <c r="C1860" i="26"/>
  <c r="Q1868" i="10"/>
  <c r="D1860" i="26" s="1"/>
  <c r="Q2391" i="10"/>
  <c r="D2383" i="26" s="1"/>
  <c r="C2383" i="26"/>
  <c r="Q1559" i="10"/>
  <c r="D1551" i="26" s="1"/>
  <c r="C1551" i="26"/>
  <c r="C975" i="26"/>
  <c r="Q983" i="10"/>
  <c r="D975" i="26" s="1"/>
  <c r="C271" i="26"/>
  <c r="Q279" i="10"/>
  <c r="D271" i="26" s="1"/>
  <c r="D16" i="23"/>
  <c r="D16" i="25"/>
  <c r="E16" i="25" s="1"/>
  <c r="C1116" i="26"/>
  <c r="Q1124" i="10"/>
  <c r="D1116" i="26" s="1"/>
  <c r="Q1760" i="10"/>
  <c r="D1752" i="26" s="1"/>
  <c r="C1752" i="26"/>
  <c r="C200" i="26"/>
  <c r="Q208" i="10"/>
  <c r="D200" i="26" s="1"/>
  <c r="C183" i="26"/>
  <c r="Q191" i="10"/>
  <c r="D183" i="26" s="1"/>
  <c r="C1541" i="26"/>
  <c r="Q1549" i="10"/>
  <c r="D1541" i="26" s="1"/>
  <c r="C2660" i="26"/>
  <c r="Q2668" i="10"/>
  <c r="D2660" i="26" s="1"/>
  <c r="C1236" i="26"/>
  <c r="Q1244" i="10"/>
  <c r="D1236" i="26" s="1"/>
  <c r="Q2707" i="10"/>
  <c r="D2699" i="26" s="1"/>
  <c r="C2699" i="26"/>
  <c r="C107" i="26"/>
  <c r="Q115" i="10"/>
  <c r="D107" i="26" s="1"/>
  <c r="Q2486" i="10"/>
  <c r="D2478" i="26" s="1"/>
  <c r="C2478" i="26"/>
  <c r="Q1622" i="10"/>
  <c r="D1614" i="26" s="1"/>
  <c r="C1614" i="26"/>
  <c r="C1038" i="26"/>
  <c r="Q1046" i="10"/>
  <c r="D1038" i="26" s="1"/>
  <c r="C398" i="26"/>
  <c r="Q406" i="10"/>
  <c r="D398" i="26" s="1"/>
  <c r="C2829" i="26"/>
  <c r="Q2837" i="10"/>
  <c r="D2829" i="26" s="1"/>
  <c r="C1165" i="26"/>
  <c r="Q1173" i="10"/>
  <c r="D1165" i="26" s="1"/>
  <c r="Q2579" i="10"/>
  <c r="D2571" i="26" s="1"/>
  <c r="C2571" i="26"/>
  <c r="Q1491" i="10"/>
  <c r="D1483" i="26" s="1"/>
  <c r="C1483" i="26"/>
  <c r="C267" i="26"/>
  <c r="Q275" i="10"/>
  <c r="D267" i="26" s="1"/>
  <c r="Q2736" i="10"/>
  <c r="D2728" i="26" s="1"/>
  <c r="C2728" i="26"/>
  <c r="Q1648" i="10"/>
  <c r="D1640" i="26" s="1"/>
  <c r="C1640" i="26"/>
  <c r="C808" i="26"/>
  <c r="Q816" i="10"/>
  <c r="D808" i="26" s="1"/>
  <c r="C2348" i="26"/>
  <c r="Q2356" i="10"/>
  <c r="D2348" i="26" s="1"/>
  <c r="Q1871" i="10"/>
  <c r="D1863" i="26" s="1"/>
  <c r="C1863" i="26"/>
  <c r="C903" i="26"/>
  <c r="Q911" i="10"/>
  <c r="D903" i="26" s="1"/>
  <c r="C2324" i="26"/>
  <c r="Q2332" i="10"/>
  <c r="D2324" i="26" s="1"/>
  <c r="Q1936" i="10"/>
  <c r="D1928" i="26" s="1"/>
  <c r="C1928" i="26"/>
  <c r="C288" i="26"/>
  <c r="Q296" i="10"/>
  <c r="D288" i="26" s="1"/>
  <c r="Q1167" i="10"/>
  <c r="D1159" i="26" s="1"/>
  <c r="C1159" i="26"/>
  <c r="C2629" i="26"/>
  <c r="Q2637" i="10"/>
  <c r="D2629" i="26" s="1"/>
  <c r="C837" i="26"/>
  <c r="Q845" i="10"/>
  <c r="D837" i="26" s="1"/>
  <c r="C1620" i="26"/>
  <c r="Q1628" i="10"/>
  <c r="D1620" i="26" s="1"/>
  <c r="Q2699" i="10"/>
  <c r="D2691" i="26" s="1"/>
  <c r="C2691" i="26"/>
  <c r="Q1459" i="10"/>
  <c r="D1451" i="26" s="1"/>
  <c r="C1451" i="26"/>
  <c r="C203" i="26"/>
  <c r="Q211" i="10"/>
  <c r="D203" i="26" s="1"/>
  <c r="Q1422" i="10"/>
  <c r="D1414" i="26" s="1"/>
  <c r="C1414" i="26"/>
  <c r="C646" i="26"/>
  <c r="Q654" i="10"/>
  <c r="D646" i="26" s="1"/>
  <c r="C707" i="26"/>
  <c r="Q715" i="10"/>
  <c r="D707" i="26" s="1"/>
  <c r="C1316" i="26"/>
  <c r="Q1324" i="10"/>
  <c r="D1316" i="26" s="1"/>
  <c r="Q2144" i="10"/>
  <c r="D2136" i="26" s="1"/>
  <c r="C2136" i="26"/>
  <c r="C280" i="26"/>
  <c r="Q288" i="10"/>
  <c r="D280" i="26" s="1"/>
  <c r="Q1287" i="10"/>
  <c r="D1279" i="26" s="1"/>
  <c r="C1279" i="26"/>
  <c r="C2621" i="26"/>
  <c r="Q2629" i="10"/>
  <c r="D2621" i="26" s="1"/>
  <c r="C829" i="26"/>
  <c r="Q837" i="10"/>
  <c r="D829" i="26" s="1"/>
  <c r="C2196" i="26"/>
  <c r="Q2204" i="10"/>
  <c r="D2196" i="26" s="1"/>
  <c r="C1020" i="26"/>
  <c r="Q1028" i="10"/>
  <c r="D1020" i="26" s="1"/>
  <c r="Q1219" i="10"/>
  <c r="D1211" i="26" s="1"/>
  <c r="C1211" i="26"/>
  <c r="C1048" i="26"/>
  <c r="Q1056" i="10"/>
  <c r="D1048" i="26" s="1"/>
  <c r="Q1663" i="10"/>
  <c r="D1655" i="26" s="1"/>
  <c r="C1655" i="26"/>
  <c r="C1293" i="26"/>
  <c r="Q1301" i="10"/>
  <c r="D1293" i="26" s="1"/>
  <c r="C1524" i="26"/>
  <c r="Q1532" i="10"/>
  <c r="D1524" i="26" s="1"/>
  <c r="Q1411" i="10"/>
  <c r="D1403" i="26" s="1"/>
  <c r="C1403" i="26"/>
  <c r="C2085" i="26"/>
  <c r="Q2093" i="10"/>
  <c r="D2085" i="26" s="1"/>
  <c r="C1820" i="26"/>
  <c r="Q1828" i="10"/>
  <c r="D1820" i="26" s="1"/>
  <c r="Q1723" i="10"/>
  <c r="D1715" i="26" s="1"/>
  <c r="C1715" i="26"/>
  <c r="C2333" i="26"/>
  <c r="Q2341" i="10"/>
  <c r="D2333" i="26" s="1"/>
  <c r="C2068" i="26"/>
  <c r="Q2076" i="10"/>
  <c r="D2068" i="26" s="1"/>
  <c r="Q1635" i="10"/>
  <c r="D1627" i="26" s="1"/>
  <c r="C1627" i="26"/>
  <c r="C2356" i="26"/>
  <c r="Q2364" i="10"/>
  <c r="D2356" i="26" s="1"/>
  <c r="Q2774" i="10"/>
  <c r="D2766" i="26" s="1"/>
  <c r="C2766" i="26"/>
  <c r="Q1670" i="10"/>
  <c r="D1662" i="26" s="1"/>
  <c r="C1662" i="26"/>
  <c r="C894" i="26"/>
  <c r="Q902" i="10"/>
  <c r="D894" i="26" s="1"/>
  <c r="C126" i="26"/>
  <c r="Q134" i="10"/>
  <c r="D126" i="26" s="1"/>
  <c r="Q2528" i="10"/>
  <c r="D2520" i="26" s="1"/>
  <c r="C2520" i="26"/>
  <c r="C736" i="26"/>
  <c r="Q744" i="10"/>
  <c r="D736" i="26" s="1"/>
  <c r="Q2223" i="10"/>
  <c r="D2215" i="26" s="1"/>
  <c r="C2215" i="26"/>
  <c r="C631" i="26"/>
  <c r="Q639" i="10"/>
  <c r="D631" i="26" s="1"/>
  <c r="C1925" i="26"/>
  <c r="Q1933" i="10"/>
  <c r="D1925" i="26" s="1"/>
  <c r="C125" i="26"/>
  <c r="Q133" i="10"/>
  <c r="D125" i="26" s="1"/>
  <c r="Q2843" i="10"/>
  <c r="D2835" i="26" s="1"/>
  <c r="C2835" i="26"/>
  <c r="Q1331" i="10"/>
  <c r="D1323" i="26" s="1"/>
  <c r="C1323" i="26"/>
  <c r="Q2328" i="10"/>
  <c r="D2320" i="26" s="1"/>
  <c r="C2320" i="26"/>
  <c r="C144" i="26"/>
  <c r="Q152" i="10"/>
  <c r="D144" i="26" s="1"/>
  <c r="C1917" i="26"/>
  <c r="Q1925" i="10"/>
  <c r="D1917" i="26" s="1"/>
  <c r="C1852" i="26"/>
  <c r="Q1860" i="10"/>
  <c r="D1852" i="26" s="1"/>
  <c r="Q2099" i="10"/>
  <c r="D2091" i="26" s="1"/>
  <c r="C2091" i="26"/>
  <c r="Q1776" i="10"/>
  <c r="D1768" i="26" s="1"/>
  <c r="C1768" i="26"/>
  <c r="Q1767" i="10"/>
  <c r="D1759" i="26" s="1"/>
  <c r="C1759" i="26"/>
  <c r="C1397" i="26"/>
  <c r="Q1405" i="10"/>
  <c r="D1397" i="26" s="1"/>
  <c r="C516" i="26"/>
  <c r="Q524" i="10"/>
  <c r="D516" i="26" s="1"/>
  <c r="C542" i="26"/>
  <c r="Q550" i="10"/>
  <c r="D542" i="26" s="1"/>
  <c r="C796" i="26"/>
  <c r="Q804" i="10"/>
  <c r="D796" i="26" s="1"/>
  <c r="C987" i="26"/>
  <c r="Q995" i="10"/>
  <c r="D987" i="26" s="1"/>
  <c r="Q2688" i="10"/>
  <c r="D2680" i="26" s="1"/>
  <c r="C2680" i="26"/>
  <c r="C888" i="26"/>
  <c r="Q896" i="10"/>
  <c r="D888" i="26" s="1"/>
  <c r="Q2463" i="10"/>
  <c r="D2455" i="26" s="1"/>
  <c r="C2455" i="26"/>
  <c r="Q1823" i="10"/>
  <c r="D1815" i="26" s="1"/>
  <c r="C1815" i="26"/>
  <c r="Q1247" i="10"/>
  <c r="D1239" i="26" s="1"/>
  <c r="C1239" i="26"/>
  <c r="C535" i="26"/>
  <c r="Q543" i="10"/>
  <c r="D535" i="26" s="1"/>
  <c r="Q2472" i="10"/>
  <c r="D2464" i="26" s="1"/>
  <c r="C2464" i="26"/>
  <c r="Q2695" i="10"/>
  <c r="D2687" i="26" s="1"/>
  <c r="C2687" i="26"/>
  <c r="C2061" i="26"/>
  <c r="Q2069" i="10"/>
  <c r="D2061" i="26" s="1"/>
  <c r="C1092" i="26"/>
  <c r="Q1100" i="10"/>
  <c r="D1092" i="26" s="1"/>
  <c r="C907" i="26"/>
  <c r="Q915" i="10"/>
  <c r="D907" i="26" s="1"/>
  <c r="Q2720" i="10"/>
  <c r="D2712" i="26" s="1"/>
  <c r="C2712" i="26"/>
  <c r="Q2567" i="10"/>
  <c r="D2559" i="26" s="1"/>
  <c r="C2559" i="26"/>
  <c r="C1085" i="26"/>
  <c r="Q1093" i="10"/>
  <c r="D1085" i="26" s="1"/>
  <c r="Q1619" i="10"/>
  <c r="D1611" i="26" s="1"/>
  <c r="C1611" i="26"/>
  <c r="C1063" i="26"/>
  <c r="Q1071" i="10"/>
  <c r="D1063" i="26" s="1"/>
  <c r="C1077" i="26"/>
  <c r="E1078" i="26" s="1"/>
  <c r="Q1085" i="10"/>
  <c r="D1077" i="26" s="1"/>
  <c r="C884" i="26"/>
  <c r="Q892" i="10"/>
  <c r="D884" i="26" s="1"/>
  <c r="C443" i="26"/>
  <c r="Q451" i="10"/>
  <c r="D443" i="26" s="1"/>
  <c r="C2221" i="26"/>
  <c r="Q2229" i="10"/>
  <c r="D2221" i="26" s="1"/>
  <c r="C1325" i="26"/>
  <c r="E1326" i="26" s="1"/>
  <c r="Q1333" i="10"/>
  <c r="D1325" i="26" s="1"/>
  <c r="C749" i="26"/>
  <c r="Q757" i="10"/>
  <c r="D749" i="26" s="1"/>
  <c r="C173" i="26"/>
  <c r="Q181" i="10"/>
  <c r="D173" i="26" s="1"/>
  <c r="Q2640" i="10"/>
  <c r="D2632" i="26" s="1"/>
  <c r="C2632" i="26"/>
  <c r="Q1488" i="10"/>
  <c r="D1480" i="26" s="1"/>
  <c r="C1480" i="26"/>
  <c r="C584" i="26"/>
  <c r="Q592" i="10"/>
  <c r="D584" i="26" s="1"/>
  <c r="Q2799" i="10"/>
  <c r="D2791" i="26" s="1"/>
  <c r="C2791" i="26"/>
  <c r="Q2031" i="10"/>
  <c r="D2023" i="26" s="1"/>
  <c r="C2023" i="26"/>
  <c r="Q1263" i="10"/>
  <c r="D1255" i="26" s="1"/>
  <c r="C1255" i="26"/>
  <c r="Q2728" i="10"/>
  <c r="D2720" i="26" s="1"/>
  <c r="C2720" i="26"/>
  <c r="Q1256" i="10"/>
  <c r="D1248" i="26" s="1"/>
  <c r="C1248" i="26"/>
  <c r="Q1927" i="10"/>
  <c r="D1919" i="26" s="1"/>
  <c r="C1919" i="26"/>
  <c r="C319" i="26"/>
  <c r="Q327" i="10"/>
  <c r="D319" i="26" s="1"/>
  <c r="C1485" i="26"/>
  <c r="Q1493" i="10"/>
  <c r="D1485" i="26" s="1"/>
  <c r="C197" i="26"/>
  <c r="Q205" i="10"/>
  <c r="D197" i="26" s="1"/>
  <c r="C1404" i="26"/>
  <c r="Q1412" i="10"/>
  <c r="D1404" i="26" s="1"/>
  <c r="Q2795" i="10"/>
  <c r="D2787" i="26" s="1"/>
  <c r="C2787" i="26"/>
  <c r="C1067" i="26"/>
  <c r="Q1075" i="10"/>
  <c r="D1067" i="26" s="1"/>
  <c r="C2476" i="26"/>
  <c r="Q2484" i="10"/>
  <c r="D2476" i="26" s="1"/>
  <c r="C576" i="26"/>
  <c r="Q584" i="10"/>
  <c r="D576" i="26" s="1"/>
  <c r="C439" i="26"/>
  <c r="Q447" i="10"/>
  <c r="D439" i="26" s="1"/>
  <c r="C1100" i="26"/>
  <c r="Q1108" i="10"/>
  <c r="D1100" i="26" s="1"/>
  <c r="C2589" i="26"/>
  <c r="Q2597" i="10"/>
  <c r="D2589" i="26" s="1"/>
  <c r="Q2531" i="10"/>
  <c r="D2523" i="26" s="1"/>
  <c r="C2523" i="26"/>
  <c r="C923" i="26"/>
  <c r="Q931" i="10"/>
  <c r="D923" i="26" s="1"/>
  <c r="C2388" i="26"/>
  <c r="Q2396" i="10"/>
  <c r="D2388" i="26" s="1"/>
  <c r="Q1792" i="10"/>
  <c r="D1784" i="26" s="1"/>
  <c r="C1784" i="26"/>
  <c r="C440" i="26"/>
  <c r="Q448" i="10"/>
  <c r="D440" i="26" s="1"/>
  <c r="C700" i="26"/>
  <c r="Q708" i="10"/>
  <c r="D700" i="26" s="1"/>
  <c r="C2428" i="26"/>
  <c r="Q2436" i="10"/>
  <c r="D2428" i="26" s="1"/>
  <c r="Q1432" i="10"/>
  <c r="D1424" i="26" s="1"/>
  <c r="C1424" i="26"/>
  <c r="Q2287" i="10"/>
  <c r="D2279" i="26" s="1"/>
  <c r="C2279" i="26"/>
  <c r="C2269" i="26"/>
  <c r="Q2277" i="10"/>
  <c r="D2269" i="26" s="1"/>
  <c r="C2516" i="26"/>
  <c r="Q2524" i="10"/>
  <c r="D2516" i="26" s="1"/>
  <c r="C356" i="26"/>
  <c r="Q364" i="10"/>
  <c r="D356" i="26" s="1"/>
  <c r="C235" i="26"/>
  <c r="Q243" i="10"/>
  <c r="D235" i="26" s="1"/>
  <c r="C2405" i="26"/>
  <c r="Q2413" i="10"/>
  <c r="D2405" i="26" s="1"/>
  <c r="C1637" i="26"/>
  <c r="Q1645" i="10"/>
  <c r="D1637" i="26" s="1"/>
  <c r="C933" i="26"/>
  <c r="Q941" i="10"/>
  <c r="D933" i="26" s="1"/>
  <c r="C357" i="26"/>
  <c r="Q365" i="10"/>
  <c r="D357" i="26" s="1"/>
  <c r="C1444" i="26"/>
  <c r="Q1452" i="10"/>
  <c r="D1444" i="26" s="1"/>
  <c r="Q2219" i="10"/>
  <c r="D2211" i="26" s="1"/>
  <c r="C2211" i="26"/>
  <c r="Q1579" i="10"/>
  <c r="D1571" i="26" s="1"/>
  <c r="C1571" i="26"/>
  <c r="C803" i="26"/>
  <c r="Q811" i="10"/>
  <c r="D803" i="26" s="1"/>
  <c r="E804" i="26" s="1"/>
  <c r="C163" i="26"/>
  <c r="Q171" i="10"/>
  <c r="D163" i="26" s="1"/>
  <c r="C2236" i="26"/>
  <c r="Q2244" i="10"/>
  <c r="D2236" i="26" s="1"/>
  <c r="C340" i="26"/>
  <c r="Q348" i="10"/>
  <c r="D340" i="26" s="1"/>
  <c r="Q2248" i="10"/>
  <c r="D2240" i="26" s="1"/>
  <c r="C2240" i="26"/>
  <c r="Q1608" i="10"/>
  <c r="D1600" i="26" s="1"/>
  <c r="C1600" i="26"/>
  <c r="C960" i="26"/>
  <c r="Q968" i="10"/>
  <c r="D960" i="26" s="1"/>
  <c r="C256" i="26"/>
  <c r="Q264" i="10"/>
  <c r="D256" i="26" s="1"/>
  <c r="Q2599" i="10"/>
  <c r="D2591" i="26" s="1"/>
  <c r="C2591" i="26"/>
  <c r="Q2087" i="10"/>
  <c r="D2079" i="26" s="1"/>
  <c r="C2079" i="26"/>
  <c r="Q1383" i="10"/>
  <c r="D1375" i="26" s="1"/>
  <c r="C1375" i="26"/>
  <c r="C863" i="26"/>
  <c r="Q871" i="10"/>
  <c r="D863" i="26" s="1"/>
  <c r="C351" i="26"/>
  <c r="Q359" i="10"/>
  <c r="D351" i="26" s="1"/>
  <c r="Q1550" i="10"/>
  <c r="D1542" i="26" s="1"/>
  <c r="C1542" i="26"/>
  <c r="C1525" i="26"/>
  <c r="Q1533" i="10"/>
  <c r="D1525" i="26" s="1"/>
  <c r="Q1880" i="10"/>
  <c r="D1872" i="26" s="1"/>
  <c r="C1872" i="26"/>
  <c r="C1724" i="26"/>
  <c r="Q1732" i="10"/>
  <c r="D1724" i="26" s="1"/>
  <c r="C1949" i="26"/>
  <c r="Q1957" i="10"/>
  <c r="D1949" i="26" s="1"/>
  <c r="C477" i="26"/>
  <c r="Q485" i="10"/>
  <c r="D477" i="26" s="1"/>
  <c r="E478" i="26" s="1"/>
  <c r="C1717" i="26"/>
  <c r="Q1725" i="10"/>
  <c r="D1717" i="26" s="1"/>
  <c r="C1564" i="26"/>
  <c r="Q1572" i="10"/>
  <c r="D1564" i="26" s="1"/>
  <c r="C470" i="26"/>
  <c r="Q478" i="10"/>
  <c r="D470" i="26" s="1"/>
  <c r="C371" i="26"/>
  <c r="Q379" i="10"/>
  <c r="D371" i="26" s="1"/>
  <c r="Q2206" i="10"/>
  <c r="D2198" i="26" s="1"/>
  <c r="C2198" i="26"/>
  <c r="Q2363" i="10"/>
  <c r="D2355" i="26" s="1"/>
  <c r="C2355" i="26"/>
  <c r="C2156" i="26"/>
  <c r="Q2164" i="10"/>
  <c r="D2156" i="26" s="1"/>
  <c r="C2357" i="26"/>
  <c r="Q2365" i="10"/>
  <c r="D2357" i="26" s="1"/>
  <c r="C883" i="26"/>
  <c r="Q891" i="10"/>
  <c r="D883" i="26" s="1"/>
  <c r="Q2014" i="10"/>
  <c r="D2006" i="26" s="1"/>
  <c r="C2006" i="26"/>
  <c r="C627" i="26"/>
  <c r="Q635" i="10"/>
  <c r="D627" i="26" s="1"/>
  <c r="Q1182" i="10"/>
  <c r="D1174" i="26" s="1"/>
  <c r="C1174" i="26"/>
  <c r="Q1211" i="10"/>
  <c r="D1203" i="26" s="1"/>
  <c r="C1203" i="26"/>
  <c r="Q2398" i="10"/>
  <c r="D2390" i="26" s="1"/>
  <c r="C2390" i="26"/>
  <c r="F230" i="26"/>
  <c r="E230" i="26"/>
  <c r="F18" i="26"/>
  <c r="G18" i="26"/>
  <c r="E18" i="26"/>
  <c r="C154" i="26"/>
  <c r="Q162" i="10"/>
  <c r="D154" i="26" s="1"/>
  <c r="C954" i="26"/>
  <c r="Q962" i="10"/>
  <c r="D954" i="26" s="1"/>
  <c r="C454" i="26"/>
  <c r="Q462" i="10"/>
  <c r="D454" i="26" s="1"/>
  <c r="Q1262" i="10"/>
  <c r="D1254" i="26" s="1"/>
  <c r="C1254" i="26"/>
  <c r="Q2278" i="10"/>
  <c r="D2270" i="26" s="1"/>
  <c r="C2270" i="26"/>
  <c r="Q2118" i="10"/>
  <c r="D2110" i="26" s="1"/>
  <c r="C2110" i="26"/>
  <c r="C790" i="26"/>
  <c r="Q798" i="10"/>
  <c r="D790" i="26" s="1"/>
  <c r="C2332" i="26"/>
  <c r="Q2340" i="10"/>
  <c r="D2332" i="26" s="1"/>
  <c r="C2517" i="26"/>
  <c r="Q2525" i="10"/>
  <c r="D2517" i="26" s="1"/>
  <c r="C2005" i="26"/>
  <c r="Q2013" i="10"/>
  <c r="D2005" i="26" s="1"/>
  <c r="C1493" i="26"/>
  <c r="Q1501" i="10"/>
  <c r="D1493" i="26" s="1"/>
  <c r="C981" i="26"/>
  <c r="Q989" i="10"/>
  <c r="D981" i="26" s="1"/>
  <c r="C405" i="26"/>
  <c r="Q413" i="10"/>
  <c r="D405" i="26" s="1"/>
  <c r="C756" i="26"/>
  <c r="Q764" i="10"/>
  <c r="D756" i="26" s="1"/>
  <c r="Q2267" i="10"/>
  <c r="D2259" i="26" s="1"/>
  <c r="C2259" i="26"/>
  <c r="Q1627" i="10"/>
  <c r="D1619" i="26" s="1"/>
  <c r="C1619" i="26"/>
  <c r="C723" i="26"/>
  <c r="Q731" i="10"/>
  <c r="D723" i="26" s="1"/>
  <c r="C2292" i="26"/>
  <c r="Q2300" i="10"/>
  <c r="D2292" i="26" s="1"/>
  <c r="Q2744" i="10"/>
  <c r="D2736" i="26" s="1"/>
  <c r="C2736" i="26"/>
  <c r="Q2104" i="10"/>
  <c r="D2096" i="26" s="1"/>
  <c r="C2096" i="26"/>
  <c r="Q1336" i="10"/>
  <c r="D1328" i="26" s="1"/>
  <c r="C1328" i="26"/>
  <c r="C624" i="26"/>
  <c r="Q632" i="10"/>
  <c r="D624" i="26" s="1"/>
  <c r="C1220" i="26"/>
  <c r="Q1228" i="10"/>
  <c r="D1220" i="26" s="1"/>
  <c r="Q2327" i="10"/>
  <c r="D2319" i="26" s="1"/>
  <c r="C2319" i="26"/>
  <c r="Q1495" i="10"/>
  <c r="D1487" i="26" s="1"/>
  <c r="C1487" i="26"/>
  <c r="C847" i="26"/>
  <c r="Q855" i="10"/>
  <c r="D847" i="26" s="1"/>
  <c r="C207" i="26"/>
  <c r="Q215" i="10"/>
  <c r="D207" i="26" s="1"/>
  <c r="C492" i="26"/>
  <c r="Q500" i="10"/>
  <c r="D492" i="26" s="1"/>
  <c r="Q1424" i="10"/>
  <c r="D1416" i="26" s="1"/>
  <c r="C1416" i="26"/>
  <c r="C88" i="26"/>
  <c r="Q96" i="10"/>
  <c r="D88" i="26" s="1"/>
  <c r="C63" i="26"/>
  <c r="Q71" i="10"/>
  <c r="D63" i="26" s="1"/>
  <c r="C1349" i="26"/>
  <c r="Q1357" i="10"/>
  <c r="D1349" i="26" s="1"/>
  <c r="C2500" i="26"/>
  <c r="Q2508" i="10"/>
  <c r="D2500" i="26" s="1"/>
  <c r="C1060" i="26"/>
  <c r="Q1068" i="10"/>
  <c r="D1060" i="26" s="1"/>
  <c r="Q2259" i="10"/>
  <c r="D2251" i="26" s="1"/>
  <c r="C2251" i="26"/>
  <c r="Q2838" i="10"/>
  <c r="D2830" i="26" s="1"/>
  <c r="C2830" i="26"/>
  <c r="Q2294" i="10"/>
  <c r="D2286" i="26" s="1"/>
  <c r="C2286" i="26"/>
  <c r="Q1558" i="10"/>
  <c r="D1550" i="26" s="1"/>
  <c r="C1550" i="26"/>
  <c r="C974" i="26"/>
  <c r="Q982" i="10"/>
  <c r="D974" i="26" s="1"/>
  <c r="C334" i="26"/>
  <c r="Q342" i="10"/>
  <c r="D334" i="26" s="1"/>
  <c r="C2637" i="26"/>
  <c r="Q2645" i="10"/>
  <c r="D2637" i="26" s="1"/>
  <c r="C845" i="26"/>
  <c r="Q853" i="10"/>
  <c r="D845" i="26" s="1"/>
  <c r="Q2451" i="10"/>
  <c r="D2443" i="26" s="1"/>
  <c r="C2443" i="26"/>
  <c r="Q1299" i="10"/>
  <c r="D1291" i="26" s="1"/>
  <c r="C1291" i="26"/>
  <c r="C139" i="26"/>
  <c r="Q147" i="10"/>
  <c r="D139" i="26" s="1"/>
  <c r="Q2672" i="10"/>
  <c r="D2664" i="26" s="1"/>
  <c r="C2664" i="26"/>
  <c r="D20" i="23"/>
  <c r="D20" i="25"/>
  <c r="E20" i="25" s="1"/>
  <c r="Q1520" i="10"/>
  <c r="D1512" i="26" s="1"/>
  <c r="C1512" i="26"/>
  <c r="C680" i="26"/>
  <c r="Q688" i="10"/>
  <c r="D680" i="26" s="1"/>
  <c r="Q2767" i="10"/>
  <c r="D2759" i="26" s="1"/>
  <c r="C2759" i="26"/>
  <c r="Q1743" i="10"/>
  <c r="D1735" i="26" s="1"/>
  <c r="C1735" i="26"/>
  <c r="C839" i="26"/>
  <c r="Q847" i="10"/>
  <c r="D839" i="26" s="1"/>
  <c r="C1988" i="26"/>
  <c r="Q1996" i="10"/>
  <c r="D1988" i="26" s="1"/>
  <c r="Q1832" i="10"/>
  <c r="D1824" i="26" s="1"/>
  <c r="C1824" i="26"/>
  <c r="Q2511" i="10"/>
  <c r="D2503" i="26" s="1"/>
  <c r="C2503" i="26"/>
  <c r="C1023" i="26"/>
  <c r="Q1031" i="10"/>
  <c r="D1023" i="26" s="1"/>
  <c r="C2445" i="26"/>
  <c r="Q2453" i="10"/>
  <c r="D2445" i="26" s="1"/>
  <c r="C645" i="26"/>
  <c r="Q653" i="10"/>
  <c r="D645" i="26" s="1"/>
  <c r="C1476" i="26"/>
  <c r="Q1484" i="10"/>
  <c r="D1476" i="26" s="1"/>
  <c r="Q2483" i="10"/>
  <c r="D2475" i="26" s="1"/>
  <c r="C2475" i="26"/>
  <c r="Q1347" i="10"/>
  <c r="D1339" i="26" s="1"/>
  <c r="C1339" i="26"/>
  <c r="Q2230" i="10"/>
  <c r="D2222" i="26" s="1"/>
  <c r="C2222" i="26"/>
  <c r="Q1294" i="10"/>
  <c r="D1286" i="26" s="1"/>
  <c r="C1286" i="26"/>
  <c r="C390" i="26"/>
  <c r="Q398" i="10"/>
  <c r="D390" i="26" s="1"/>
  <c r="C579" i="26"/>
  <c r="Q587" i="10"/>
  <c r="D579" i="26" s="1"/>
  <c r="C1052" i="26"/>
  <c r="Q1060" i="10"/>
  <c r="D1052" i="26" s="1"/>
  <c r="Q2024" i="10"/>
  <c r="D2016" i="26" s="1"/>
  <c r="C2016" i="26"/>
  <c r="Q2639" i="10"/>
  <c r="D2631" i="26" s="1"/>
  <c r="C2631" i="26"/>
  <c r="Q1159" i="10"/>
  <c r="D1151" i="26" s="1"/>
  <c r="C1151" i="26"/>
  <c r="C2437" i="26"/>
  <c r="Q2445" i="10"/>
  <c r="D2437" i="26" s="1"/>
  <c r="C717" i="26"/>
  <c r="Q725" i="10"/>
  <c r="D717" i="26" s="1"/>
  <c r="C2084" i="26"/>
  <c r="Q2092" i="10"/>
  <c r="D2084" i="26" s="1"/>
  <c r="C948" i="26"/>
  <c r="Q956" i="10"/>
  <c r="D948" i="26" s="1"/>
  <c r="C875" i="26"/>
  <c r="Q883" i="10"/>
  <c r="D875" i="26" s="1"/>
  <c r="C840" i="26"/>
  <c r="Q848" i="10"/>
  <c r="D840" i="26" s="1"/>
  <c r="C967" i="26"/>
  <c r="Q975" i="10"/>
  <c r="D967" i="26" s="1"/>
  <c r="Q917" i="10"/>
  <c r="D909" i="26" s="1"/>
  <c r="C909" i="26"/>
  <c r="C1172" i="26"/>
  <c r="Q1180" i="10"/>
  <c r="D1172" i="26" s="1"/>
  <c r="Q1203" i="10"/>
  <c r="D1195" i="26" s="1"/>
  <c r="C1195" i="26"/>
  <c r="C1677" i="26"/>
  <c r="Q1685" i="10"/>
  <c r="D1677" i="26" s="1"/>
  <c r="C1580" i="26"/>
  <c r="Q1588" i="10"/>
  <c r="D1580" i="26" s="1"/>
  <c r="Q1395" i="10"/>
  <c r="D1387" i="26" s="1"/>
  <c r="C1387" i="26"/>
  <c r="C2141" i="26"/>
  <c r="Q2149" i="10"/>
  <c r="D2141" i="26" s="1"/>
  <c r="C1076" i="26"/>
  <c r="Q1084" i="10"/>
  <c r="D1076" i="26" s="1"/>
  <c r="Q1443" i="10"/>
  <c r="D1435" i="26" s="1"/>
  <c r="C1435" i="26"/>
  <c r="C2756" i="26"/>
  <c r="Q2764" i="10"/>
  <c r="D2756" i="26" s="1"/>
  <c r="Q2630" i="10"/>
  <c r="D2622" i="26" s="1"/>
  <c r="C2622" i="26"/>
  <c r="Q1606" i="10"/>
  <c r="D1598" i="26" s="1"/>
  <c r="C1598" i="26"/>
  <c r="C830" i="26"/>
  <c r="Q838" i="10"/>
  <c r="D830" i="26" s="1"/>
  <c r="C62" i="26"/>
  <c r="Q70" i="10"/>
  <c r="D62" i="26" s="1"/>
  <c r="Q2336" i="10"/>
  <c r="D2328" i="26" s="1"/>
  <c r="C2328" i="26"/>
  <c r="C608" i="26"/>
  <c r="Q616" i="10"/>
  <c r="D608" i="26" s="1"/>
  <c r="Q1671" i="10"/>
  <c r="D1663" i="26" s="1"/>
  <c r="C1663" i="26"/>
  <c r="C359" i="26"/>
  <c r="Q367" i="10"/>
  <c r="D359" i="26" s="1"/>
  <c r="C1797" i="26"/>
  <c r="Q1805" i="10"/>
  <c r="D1797" i="26" s="1"/>
  <c r="C2740" i="26"/>
  <c r="Q2748" i="10"/>
  <c r="D2740" i="26" s="1"/>
  <c r="Q2675" i="10"/>
  <c r="D2667" i="26" s="1"/>
  <c r="C2667" i="26"/>
  <c r="C1083" i="26"/>
  <c r="Q1091" i="10"/>
  <c r="D1083" i="26" s="1"/>
  <c r="Q2224" i="10"/>
  <c r="D2216" i="26" s="1"/>
  <c r="C2216" i="26"/>
  <c r="Q1935" i="10"/>
  <c r="D1927" i="26" s="1"/>
  <c r="C1927" i="26"/>
  <c r="C1413" i="26"/>
  <c r="Q1421" i="10"/>
  <c r="D1413" i="26" s="1"/>
  <c r="C1596" i="26"/>
  <c r="Q1604" i="10"/>
  <c r="D1596" i="26" s="1"/>
  <c r="Q1859" i="10"/>
  <c r="D1851" i="26" s="1"/>
  <c r="C1851" i="26"/>
  <c r="Q1440" i="10"/>
  <c r="D1432" i="26" s="1"/>
  <c r="C1432" i="26"/>
  <c r="Q1487" i="10"/>
  <c r="D1479" i="26" s="1"/>
  <c r="C1479" i="26"/>
  <c r="C1189" i="26"/>
  <c r="Q1197" i="10"/>
  <c r="D1189" i="26" s="1"/>
  <c r="E1190" i="26" s="1"/>
  <c r="C60" i="26"/>
  <c r="Q68" i="10"/>
  <c r="D60" i="26" s="1"/>
  <c r="C2396" i="26"/>
  <c r="Q2404" i="10"/>
  <c r="D2396" i="26" s="1"/>
  <c r="Q2755" i="10"/>
  <c r="D2747" i="26" s="1"/>
  <c r="C2747" i="26"/>
  <c r="C475" i="26"/>
  <c r="Q483" i="10"/>
  <c r="D475" i="26" s="1"/>
  <c r="Q2560" i="10"/>
  <c r="D2552" i="26" s="1"/>
  <c r="C2552" i="26"/>
  <c r="C760" i="26"/>
  <c r="Q768" i="10"/>
  <c r="D760" i="26" s="1"/>
  <c r="Q2399" i="10"/>
  <c r="D2391" i="26" s="1"/>
  <c r="C2391" i="26"/>
  <c r="Q1759" i="10"/>
  <c r="D1751" i="26" s="1"/>
  <c r="C1751" i="26"/>
  <c r="Q1183" i="10"/>
  <c r="D1175" i="26" s="1"/>
  <c r="C1175" i="26"/>
  <c r="C343" i="26"/>
  <c r="Q351" i="10"/>
  <c r="D343" i="26" s="1"/>
  <c r="Q2280" i="10"/>
  <c r="D2272" i="26" s="1"/>
  <c r="C2272" i="26"/>
  <c r="Q2175" i="10"/>
  <c r="D2167" i="26" s="1"/>
  <c r="C2167" i="26"/>
  <c r="C1973" i="26"/>
  <c r="Q1981" i="10"/>
  <c r="D1973" i="26" s="1"/>
  <c r="C276" i="26"/>
  <c r="Q284" i="10"/>
  <c r="D276" i="26" s="1"/>
  <c r="C691" i="26"/>
  <c r="Q699" i="10"/>
  <c r="D691" i="26" s="1"/>
  <c r="Q2400" i="10"/>
  <c r="D2392" i="26" s="1"/>
  <c r="C2392" i="26"/>
  <c r="Q1919" i="10"/>
  <c r="D1911" i="26" s="1"/>
  <c r="C1911" i="26"/>
  <c r="C2812" i="26"/>
  <c r="Q2820" i="10"/>
  <c r="D2812" i="26" s="1"/>
  <c r="C699" i="26"/>
  <c r="Q707" i="10"/>
  <c r="D699" i="26" s="1"/>
  <c r="C807" i="26"/>
  <c r="Q815" i="10"/>
  <c r="D807" i="26" s="1"/>
  <c r="C757" i="26"/>
  <c r="Q765" i="10"/>
  <c r="D757" i="26" s="1"/>
  <c r="C508" i="26"/>
  <c r="Q516" i="10"/>
  <c r="D508" i="26" s="1"/>
  <c r="Q2582" i="10"/>
  <c r="D2574" i="26" s="1"/>
  <c r="C2574" i="26"/>
  <c r="C1965" i="26"/>
  <c r="Q1973" i="10"/>
  <c r="D1965" i="26" s="1"/>
  <c r="C1261" i="26"/>
  <c r="Q1269" i="10"/>
  <c r="D1261" i="26" s="1"/>
  <c r="C685" i="26"/>
  <c r="Q693" i="10"/>
  <c r="D685" i="26" s="1"/>
  <c r="C2444" i="26"/>
  <c r="Q2452" i="10"/>
  <c r="D2444" i="26" s="1"/>
  <c r="Q2576" i="10"/>
  <c r="D2568" i="26" s="1"/>
  <c r="C2568" i="26"/>
  <c r="Q1168" i="10"/>
  <c r="D1160" i="26" s="1"/>
  <c r="C1160" i="26"/>
  <c r="C520" i="26"/>
  <c r="Q528" i="10"/>
  <c r="D520" i="26" s="1"/>
  <c r="Q2671" i="10"/>
  <c r="D2663" i="26" s="1"/>
  <c r="C2663" i="26"/>
  <c r="Q1903" i="10"/>
  <c r="D1895" i="26" s="1"/>
  <c r="C1895" i="26"/>
  <c r="C999" i="26"/>
  <c r="Q1007" i="10"/>
  <c r="D999" i="26" s="1"/>
  <c r="Q2408" i="10"/>
  <c r="D2400" i="26" s="1"/>
  <c r="C2400" i="26"/>
  <c r="C920" i="26"/>
  <c r="Q928" i="10"/>
  <c r="D920" i="26" s="1"/>
  <c r="Q1791" i="10"/>
  <c r="D1783" i="26" s="1"/>
  <c r="C1783" i="26"/>
  <c r="C231" i="26"/>
  <c r="Q239" i="10"/>
  <c r="D231" i="26" s="1"/>
  <c r="C1405" i="26"/>
  <c r="Q1413" i="10"/>
  <c r="D1405" i="26" s="1"/>
  <c r="C2828" i="26"/>
  <c r="Q2836" i="10"/>
  <c r="D2828" i="26" s="1"/>
  <c r="C1260" i="26"/>
  <c r="Q1268" i="10"/>
  <c r="D1260" i="26" s="1"/>
  <c r="Q2643" i="10"/>
  <c r="D2635" i="26" s="1"/>
  <c r="C2635" i="26"/>
  <c r="C939" i="26"/>
  <c r="Q947" i="10"/>
  <c r="D939" i="26" s="1"/>
  <c r="C1796" i="26"/>
  <c r="Q1804" i="10"/>
  <c r="D1796" i="26" s="1"/>
  <c r="C344" i="26"/>
  <c r="Q352" i="10"/>
  <c r="D344" i="26" s="1"/>
  <c r="C95" i="26"/>
  <c r="Q103" i="10"/>
  <c r="D95" i="26" s="1"/>
  <c r="C292" i="26"/>
  <c r="Q300" i="10"/>
  <c r="D292" i="26" s="1"/>
  <c r="C2077" i="26"/>
  <c r="Q2085" i="10"/>
  <c r="D2077" i="26" s="1"/>
  <c r="Q2275" i="10"/>
  <c r="D2267" i="26" s="1"/>
  <c r="C2267" i="26"/>
  <c r="C795" i="26"/>
  <c r="Q803" i="10"/>
  <c r="D795" i="26" s="1"/>
  <c r="C284" i="26"/>
  <c r="Q292" i="10"/>
  <c r="D284" i="26" s="1"/>
  <c r="Q1664" i="10"/>
  <c r="D1656" i="26" s="1"/>
  <c r="C1656" i="26"/>
  <c r="C376" i="26"/>
  <c r="Q384" i="10"/>
  <c r="D376" i="26" s="1"/>
  <c r="Q2783" i="10"/>
  <c r="D2775" i="26" s="1"/>
  <c r="C2775" i="26"/>
  <c r="C1756" i="26"/>
  <c r="Q1764" i="10"/>
  <c r="D1756" i="26" s="1"/>
  <c r="Q1240" i="10"/>
  <c r="D1232" i="26" s="1"/>
  <c r="C1232" i="26"/>
  <c r="Q2023" i="10"/>
  <c r="D2015" i="26" s="1"/>
  <c r="C2015" i="26"/>
  <c r="C1861" i="26"/>
  <c r="Q1869" i="10"/>
  <c r="D1861" i="26" s="1"/>
  <c r="C2220" i="26"/>
  <c r="Q2228" i="10"/>
  <c r="D2220" i="26" s="1"/>
  <c r="C180" i="26"/>
  <c r="Q188" i="10"/>
  <c r="D180" i="26" s="1"/>
  <c r="C2460" i="26"/>
  <c r="Q2468" i="10"/>
  <c r="D2460" i="26" s="1"/>
  <c r="C2341" i="26"/>
  <c r="Q2349" i="10"/>
  <c r="D2341" i="26" s="1"/>
  <c r="C1509" i="26"/>
  <c r="Q1517" i="10"/>
  <c r="D1509" i="26" s="1"/>
  <c r="C869" i="26"/>
  <c r="Q877" i="10"/>
  <c r="D869" i="26" s="1"/>
  <c r="C293" i="26"/>
  <c r="Q301" i="10"/>
  <c r="D293" i="26" s="1"/>
  <c r="C1108" i="26"/>
  <c r="Q1116" i="10"/>
  <c r="D1108" i="26" s="1"/>
  <c r="Q2155" i="10"/>
  <c r="D2147" i="26" s="1"/>
  <c r="C2147" i="26"/>
  <c r="Q1451" i="10"/>
  <c r="D1443" i="26" s="1"/>
  <c r="C1443" i="26"/>
  <c r="C739" i="26"/>
  <c r="Q747" i="10"/>
  <c r="D739" i="26" s="1"/>
  <c r="C99" i="26"/>
  <c r="Q107" i="10"/>
  <c r="D99" i="26" s="1"/>
  <c r="C1764" i="26"/>
  <c r="Q1772" i="10"/>
  <c r="D1764" i="26" s="1"/>
  <c r="Q2760" i="10"/>
  <c r="D2752" i="26" s="1"/>
  <c r="C2752" i="26"/>
  <c r="Q2184" i="10"/>
  <c r="D2176" i="26" s="1"/>
  <c r="C2176" i="26"/>
  <c r="Q1544" i="10"/>
  <c r="D1536" i="26" s="1"/>
  <c r="C1536" i="26"/>
  <c r="C896" i="26"/>
  <c r="Q904" i="10"/>
  <c r="D896" i="26" s="1"/>
  <c r="C192" i="26"/>
  <c r="Q200" i="10"/>
  <c r="D192" i="26" s="1"/>
  <c r="Q2535" i="10"/>
  <c r="D2527" i="26" s="1"/>
  <c r="C2527" i="26"/>
  <c r="Q1959" i="10"/>
  <c r="D1951" i="26" s="1"/>
  <c r="C1951" i="26"/>
  <c r="Q1319" i="10"/>
  <c r="D1311" i="26" s="1"/>
  <c r="C1311" i="26"/>
  <c r="C799" i="26"/>
  <c r="Q807" i="10"/>
  <c r="D799" i="26" s="1"/>
  <c r="C287" i="26"/>
  <c r="Q295" i="10"/>
  <c r="D287" i="26" s="1"/>
  <c r="C1094" i="26"/>
  <c r="Q1102" i="10"/>
  <c r="D1094" i="26" s="1"/>
  <c r="D13" i="23"/>
  <c r="D13" i="25"/>
  <c r="E13" i="25" s="1"/>
  <c r="C821" i="26"/>
  <c r="Q829" i="10"/>
  <c r="D821" i="26" s="1"/>
  <c r="C976" i="26"/>
  <c r="Q984" i="10"/>
  <c r="D976" i="26" s="1"/>
  <c r="C12" i="26"/>
  <c r="Q20" i="10"/>
  <c r="D12" i="26" s="1"/>
  <c r="C1693" i="26"/>
  <c r="Q1701" i="10"/>
  <c r="D1693" i="26" s="1"/>
  <c r="C413" i="26"/>
  <c r="Q421" i="10"/>
  <c r="D413" i="26" s="1"/>
  <c r="C1333" i="26"/>
  <c r="Q1341" i="10"/>
  <c r="D1333" i="26" s="1"/>
  <c r="Q1752" i="10"/>
  <c r="D1744" i="26" s="1"/>
  <c r="C1744" i="26"/>
  <c r="C1324" i="26"/>
  <c r="Q1332" i="10"/>
  <c r="D1324" i="26" s="1"/>
  <c r="C51" i="26"/>
  <c r="Q59" i="10"/>
  <c r="D51" i="26" s="1"/>
  <c r="Q1694" i="10"/>
  <c r="D1686" i="26" s="1"/>
  <c r="C1686" i="26"/>
  <c r="Q1467" i="10"/>
  <c r="D1459" i="26" s="1"/>
  <c r="C1459" i="26"/>
  <c r="C2596" i="26"/>
  <c r="Q2604" i="10"/>
  <c r="D2596" i="26" s="1"/>
  <c r="C1781" i="26"/>
  <c r="Q1789" i="10"/>
  <c r="D1781" i="26" s="1"/>
  <c r="C179" i="26"/>
  <c r="Q187" i="10"/>
  <c r="D179" i="26" s="1"/>
  <c r="Q1246" i="10"/>
  <c r="D1238" i="26" s="1"/>
  <c r="C1238" i="26"/>
  <c r="C844" i="26"/>
  <c r="Q852" i="10"/>
  <c r="D844" i="26" s="1"/>
  <c r="C2612" i="26"/>
  <c r="Q2620" i="10"/>
  <c r="D2612" i="26" s="1"/>
  <c r="C563" i="26"/>
  <c r="Q571" i="10"/>
  <c r="D563" i="26" s="1"/>
  <c r="Q1758" i="10"/>
  <c r="D1750" i="26" s="1"/>
  <c r="C1750" i="26"/>
  <c r="F2406" i="26"/>
  <c r="E2406" i="26"/>
  <c r="E1782" i="26"/>
  <c r="F2534" i="26"/>
  <c r="E2534" i="26"/>
  <c r="F2094" i="26"/>
  <c r="E2094" i="26"/>
  <c r="F2414" i="26"/>
  <c r="E2414" i="26"/>
  <c r="F2230" i="26"/>
  <c r="E2230" i="26"/>
  <c r="F2358" i="26"/>
  <c r="E2358" i="26"/>
  <c r="F2486" i="26"/>
  <c r="E2486" i="26"/>
  <c r="F1886" i="26"/>
  <c r="E1886" i="26"/>
  <c r="F2014" i="26"/>
  <c r="E2014" i="26"/>
  <c r="E1398" i="26"/>
  <c r="F2614" i="26"/>
  <c r="E2614" i="26"/>
  <c r="F2758" i="26"/>
  <c r="E2758" i="26"/>
  <c r="Q2362" i="10"/>
  <c r="D2354" i="26" s="1"/>
  <c r="C2354" i="26"/>
  <c r="Q1562" i="10"/>
  <c r="D1554" i="26" s="1"/>
  <c r="C1554" i="26"/>
  <c r="Q1662" i="10"/>
  <c r="D1654" i="26" s="1"/>
  <c r="C1654" i="26"/>
  <c r="Q2078" i="10"/>
  <c r="D2070" i="26" s="1"/>
  <c r="C2070" i="26"/>
  <c r="Q1950" i="10"/>
  <c r="D1942" i="26" s="1"/>
  <c r="C1942" i="26"/>
  <c r="D12" i="23"/>
  <c r="D12" i="25"/>
  <c r="E12" i="25" s="1"/>
  <c r="C726" i="26"/>
  <c r="Q734" i="10"/>
  <c r="D726" i="26" s="1"/>
  <c r="C1044" i="26"/>
  <c r="Q1052" i="10"/>
  <c r="D1044" i="26" s="1"/>
  <c r="C2453" i="26"/>
  <c r="Q2461" i="10"/>
  <c r="D2453" i="26" s="1"/>
  <c r="C1941" i="26"/>
  <c r="Q1949" i="10"/>
  <c r="D1941" i="26" s="1"/>
  <c r="C1429" i="26"/>
  <c r="Q1437" i="10"/>
  <c r="D1429" i="26" s="1"/>
  <c r="D14" i="23"/>
  <c r="D14" i="25"/>
  <c r="E14" i="25" s="1"/>
  <c r="C917" i="26"/>
  <c r="Q925" i="10"/>
  <c r="D917" i="26" s="1"/>
  <c r="C341" i="26"/>
  <c r="Q349" i="10"/>
  <c r="D341" i="26" s="1"/>
  <c r="C452" i="26"/>
  <c r="Q460" i="10"/>
  <c r="D452" i="26" s="1"/>
  <c r="Q2203" i="10"/>
  <c r="D2195" i="26" s="1"/>
  <c r="C2195" i="26"/>
  <c r="Q1563" i="10"/>
  <c r="D1555" i="26" s="1"/>
  <c r="C1555" i="26"/>
  <c r="C659" i="26"/>
  <c r="Q667" i="10"/>
  <c r="D659" i="26" s="1"/>
  <c r="C2708" i="26"/>
  <c r="Q2716" i="10"/>
  <c r="D2708" i="26" s="1"/>
  <c r="Q2680" i="10"/>
  <c r="D2672" i="26" s="1"/>
  <c r="C2672" i="26"/>
  <c r="Q2040" i="10"/>
  <c r="D2032" i="26" s="1"/>
  <c r="C2032" i="26"/>
  <c r="Q1272" i="10"/>
  <c r="D1264" i="26" s="1"/>
  <c r="C1264" i="26"/>
  <c r="C496" i="26"/>
  <c r="Q504" i="10"/>
  <c r="D496" i="26" s="1"/>
  <c r="Q2775" i="10"/>
  <c r="D2767" i="26" s="1"/>
  <c r="C2767" i="26"/>
  <c r="Q2263" i="10"/>
  <c r="D2255" i="26" s="1"/>
  <c r="C2255" i="26"/>
  <c r="Q1431" i="10"/>
  <c r="D1423" i="26" s="1"/>
  <c r="C1423" i="26"/>
  <c r="C783" i="26"/>
  <c r="Q791" i="10"/>
  <c r="D783" i="26" s="1"/>
  <c r="C79" i="26"/>
  <c r="Q87" i="10"/>
  <c r="D79" i="26" s="1"/>
  <c r="C156" i="26"/>
  <c r="Q164" i="10"/>
  <c r="D156" i="26" s="1"/>
  <c r="Q1320" i="10"/>
  <c r="D1312" i="26" s="1"/>
  <c r="C1312" i="26"/>
  <c r="Q2823" i="10"/>
  <c r="D2815" i="26" s="1"/>
  <c r="C2815" i="26"/>
  <c r="Q2062" i="10"/>
  <c r="D2054" i="26" s="1"/>
  <c r="C2054" i="26"/>
  <c r="C1157" i="26"/>
  <c r="Q1165" i="10"/>
  <c r="D1157" i="26" s="1"/>
  <c r="C2300" i="26"/>
  <c r="Q2308" i="10"/>
  <c r="D2300" i="26" s="1"/>
  <c r="C740" i="26"/>
  <c r="Q748" i="10"/>
  <c r="D740" i="26" s="1"/>
  <c r="Q1923" i="10"/>
  <c r="D1915" i="26" s="1"/>
  <c r="C1915" i="26"/>
  <c r="Q2638" i="10"/>
  <c r="D2630" i="26" s="1"/>
  <c r="C2630" i="26"/>
  <c r="Q2094" i="10"/>
  <c r="D2086" i="26" s="1"/>
  <c r="C2086" i="26"/>
  <c r="Q1494" i="10"/>
  <c r="D1486" i="26" s="1"/>
  <c r="C1486" i="26"/>
  <c r="C910" i="26"/>
  <c r="Q918" i="10"/>
  <c r="D910" i="26" s="1"/>
  <c r="C270" i="26"/>
  <c r="Q278" i="10"/>
  <c r="D270" i="26" s="1"/>
  <c r="C2189" i="26"/>
  <c r="Q2197" i="10"/>
  <c r="D2189" i="26" s="1"/>
  <c r="C781" i="26"/>
  <c r="Q789" i="10"/>
  <c r="D781" i="26" s="1"/>
  <c r="Q2387" i="10"/>
  <c r="D2379" i="26" s="1"/>
  <c r="C2379" i="26"/>
  <c r="Q1171" i="10"/>
  <c r="D1163" i="26" s="1"/>
  <c r="C1163" i="26"/>
  <c r="C1748" i="26"/>
  <c r="Q1756" i="10"/>
  <c r="D1748" i="26" s="1"/>
  <c r="Q2544" i="10"/>
  <c r="D2536" i="26" s="1"/>
  <c r="C2536" i="26"/>
  <c r="Q1456" i="10"/>
  <c r="D1448" i="26" s="1"/>
  <c r="C1448" i="26"/>
  <c r="C488" i="26"/>
  <c r="Q496" i="10"/>
  <c r="D488" i="26" s="1"/>
  <c r="Q2703" i="10"/>
  <c r="D2695" i="26" s="1"/>
  <c r="C2695" i="26"/>
  <c r="Q1679" i="10"/>
  <c r="D1671" i="26" s="1"/>
  <c r="C1671" i="26"/>
  <c r="C711" i="26"/>
  <c r="Q719" i="10"/>
  <c r="D711" i="26" s="1"/>
  <c r="C92" i="26"/>
  <c r="Q100" i="10"/>
  <c r="D92" i="26" s="1"/>
  <c r="Q1632" i="10"/>
  <c r="D1624" i="26" s="1"/>
  <c r="C1624" i="26"/>
  <c r="Q2383" i="10"/>
  <c r="D2375" i="26" s="1"/>
  <c r="C2375" i="26"/>
  <c r="C895" i="26"/>
  <c r="Q903" i="10"/>
  <c r="D895" i="26" s="1"/>
  <c r="C2245" i="26"/>
  <c r="Q2253" i="10"/>
  <c r="D2245" i="26" s="1"/>
  <c r="Q533" i="10"/>
  <c r="D525" i="26" s="1"/>
  <c r="C525" i="26"/>
  <c r="C1300" i="26"/>
  <c r="Q1308" i="10"/>
  <c r="D1300" i="26" s="1"/>
  <c r="Q2355" i="10"/>
  <c r="D2347" i="26" s="1"/>
  <c r="C2347" i="26"/>
  <c r="Q1235" i="10"/>
  <c r="D1227" i="26" s="1"/>
  <c r="C1227" i="26"/>
  <c r="Q2806" i="10"/>
  <c r="D2798" i="26" s="1"/>
  <c r="C2798" i="26"/>
  <c r="Q1230" i="10"/>
  <c r="D1222" i="26" s="1"/>
  <c r="C1222" i="26"/>
  <c r="C262" i="26"/>
  <c r="Q270" i="10"/>
  <c r="D262" i="26" s="1"/>
  <c r="C451" i="26"/>
  <c r="Q459" i="10"/>
  <c r="D451" i="26" s="1"/>
  <c r="C52" i="26"/>
  <c r="Q60" i="10"/>
  <c r="D52" i="26" s="1"/>
  <c r="Q1744" i="10"/>
  <c r="D1736" i="26" s="1"/>
  <c r="C1736" i="26"/>
  <c r="Q2503" i="10"/>
  <c r="D2495" i="26" s="1"/>
  <c r="C2495" i="26"/>
  <c r="C1015" i="26"/>
  <c r="Q1023" i="10"/>
  <c r="D1015" i="26" s="1"/>
  <c r="C2317" i="26"/>
  <c r="Q2325" i="10"/>
  <c r="D2317" i="26" s="1"/>
  <c r="C637" i="26"/>
  <c r="Q645" i="10"/>
  <c r="D637" i="26" s="1"/>
  <c r="C1964" i="26"/>
  <c r="Q1972" i="10"/>
  <c r="D1964" i="26" s="1"/>
  <c r="C604" i="26"/>
  <c r="Q612" i="10"/>
  <c r="D604" i="26" s="1"/>
  <c r="C635" i="26"/>
  <c r="Q643" i="10"/>
  <c r="D635" i="26" s="1"/>
  <c r="C728" i="26"/>
  <c r="Q736" i="10"/>
  <c r="D728" i="26" s="1"/>
  <c r="C119" i="26"/>
  <c r="Q127" i="10"/>
  <c r="D119" i="26" s="1"/>
  <c r="C701" i="26"/>
  <c r="Q709" i="10"/>
  <c r="D701" i="26" s="1"/>
  <c r="C396" i="26"/>
  <c r="Q404" i="10"/>
  <c r="D396" i="26" s="1"/>
  <c r="C947" i="26"/>
  <c r="Q955" i="10"/>
  <c r="D947" i="26" s="1"/>
  <c r="C1277" i="26"/>
  <c r="Q1285" i="10"/>
  <c r="D1277" i="26" s="1"/>
  <c r="C1252" i="26"/>
  <c r="Q1260" i="10"/>
  <c r="D1252" i="26" s="1"/>
  <c r="C931" i="26"/>
  <c r="Q939" i="10"/>
  <c r="D931" i="26" s="1"/>
  <c r="C1885" i="26"/>
  <c r="Q1893" i="10"/>
  <c r="D1885" i="26" s="1"/>
  <c r="C500" i="26"/>
  <c r="Q508" i="10"/>
  <c r="D500" i="26" s="1"/>
  <c r="C1051" i="26"/>
  <c r="Q1059" i="10"/>
  <c r="D1051" i="26" s="1"/>
  <c r="C1708" i="26"/>
  <c r="Q1716" i="10"/>
  <c r="D1708" i="26" s="1"/>
  <c r="Q2438" i="10"/>
  <c r="D2430" i="26" s="1"/>
  <c r="C2430" i="26"/>
  <c r="Q1542" i="10"/>
  <c r="D1534" i="26" s="1"/>
  <c r="C1534" i="26"/>
  <c r="C702" i="26"/>
  <c r="Q710" i="10"/>
  <c r="D702" i="26" s="1"/>
  <c r="C1396" i="26"/>
  <c r="Q1404" i="10"/>
  <c r="D1396" i="26" s="1"/>
  <c r="Q2016" i="10"/>
  <c r="D2008" i="26" s="1"/>
  <c r="C2008" i="26"/>
  <c r="C152" i="26"/>
  <c r="Q160" i="10"/>
  <c r="D152" i="26" s="1"/>
  <c r="Q1535" i="10"/>
  <c r="D1527" i="26" s="1"/>
  <c r="C1527" i="26"/>
  <c r="C255" i="26"/>
  <c r="Q263" i="10"/>
  <c r="D255" i="26" s="1"/>
  <c r="C1605" i="26"/>
  <c r="Q1613" i="10"/>
  <c r="D1605" i="26" s="1"/>
  <c r="C2252" i="26"/>
  <c r="Q2260" i="10"/>
  <c r="D2252" i="26" s="1"/>
  <c r="Q2435" i="10"/>
  <c r="D2427" i="26" s="1"/>
  <c r="C2427" i="26"/>
  <c r="C955" i="26"/>
  <c r="Q963" i="10"/>
  <c r="D955" i="26" s="1"/>
  <c r="Q1704" i="10"/>
  <c r="D1696" i="26" s="1"/>
  <c r="C1696" i="26"/>
  <c r="Q1519" i="10"/>
  <c r="D1511" i="26" s="1"/>
  <c r="C1511" i="26"/>
  <c r="C1213" i="26"/>
  <c r="Q1221" i="10"/>
  <c r="D1213" i="26" s="1"/>
  <c r="C996" i="26"/>
  <c r="Q1004" i="10"/>
  <c r="D996" i="26" s="1"/>
  <c r="Q1531" i="10"/>
  <c r="D1523" i="26" s="1"/>
  <c r="C1523" i="26"/>
  <c r="C1128" i="26"/>
  <c r="Q1136" i="10"/>
  <c r="D1128" i="26" s="1"/>
  <c r="C1079" i="26"/>
  <c r="Q1087" i="10"/>
  <c r="D1079" i="26" s="1"/>
  <c r="C765" i="26"/>
  <c r="Q773" i="10"/>
  <c r="D765" i="26" s="1"/>
  <c r="Q2627" i="10"/>
  <c r="D2619" i="26" s="1"/>
  <c r="C2619" i="26"/>
  <c r="D29" i="23"/>
  <c r="D29" i="25"/>
  <c r="C2397" i="26"/>
  <c r="Q2405" i="10"/>
  <c r="D2397" i="26" s="1"/>
  <c r="Q2403" i="10"/>
  <c r="D2395" i="26" s="1"/>
  <c r="C2395" i="26"/>
  <c r="C283" i="26"/>
  <c r="Q291" i="10"/>
  <c r="D283" i="26" s="1"/>
  <c r="Q2368" i="10"/>
  <c r="D2360" i="26" s="1"/>
  <c r="C2360" i="26"/>
  <c r="C632" i="26"/>
  <c r="Q640" i="10"/>
  <c r="D632" i="26" s="1"/>
  <c r="Q2271" i="10"/>
  <c r="D2263" i="26" s="1"/>
  <c r="C2263" i="26"/>
  <c r="Q1695" i="10"/>
  <c r="D1687" i="26" s="1"/>
  <c r="C1687" i="26"/>
  <c r="C1047" i="26"/>
  <c r="Q1055" i="10"/>
  <c r="D1047" i="26" s="1"/>
  <c r="C151" i="26"/>
  <c r="Q159" i="10"/>
  <c r="D151" i="26" s="1"/>
  <c r="Q2072" i="10"/>
  <c r="D2064" i="26" s="1"/>
  <c r="C2064" i="26"/>
  <c r="Q1735" i="10"/>
  <c r="D1727" i="26" s="1"/>
  <c r="C1727" i="26"/>
  <c r="C1269" i="26"/>
  <c r="Q1277" i="10"/>
  <c r="D1269" i="26" s="1"/>
  <c r="Q2723" i="10"/>
  <c r="D2715" i="26" s="1"/>
  <c r="C2715" i="26"/>
  <c r="C355" i="26"/>
  <c r="Q363" i="10"/>
  <c r="D355" i="26" s="1"/>
  <c r="Q2080" i="10"/>
  <c r="D2072" i="26" s="1"/>
  <c r="C2072" i="26"/>
  <c r="C695" i="26"/>
  <c r="Q703" i="10"/>
  <c r="D695" i="26" s="1"/>
  <c r="C2228" i="26"/>
  <c r="Q2236" i="10"/>
  <c r="D2228" i="26" s="1"/>
  <c r="C123" i="26"/>
  <c r="Q131" i="10"/>
  <c r="D123" i="26" s="1"/>
  <c r="C295" i="26"/>
  <c r="Q303" i="10"/>
  <c r="D295" i="26" s="1"/>
  <c r="C565" i="26"/>
  <c r="Q573" i="10"/>
  <c r="D565" i="26" s="1"/>
  <c r="C44" i="26"/>
  <c r="Q52" i="10"/>
  <c r="D44" i="26" s="1"/>
  <c r="Q2182" i="10"/>
  <c r="D2174" i="26" s="1"/>
  <c r="C2174" i="26"/>
  <c r="C1837" i="26"/>
  <c r="Q1845" i="10"/>
  <c r="D1837" i="26" s="1"/>
  <c r="C1133" i="26"/>
  <c r="Q1141" i="10"/>
  <c r="D1133" i="26" s="1"/>
  <c r="E1134" i="26" s="1"/>
  <c r="C621" i="26"/>
  <c r="Q629" i="10"/>
  <c r="D621" i="26" s="1"/>
  <c r="C2148" i="26"/>
  <c r="Q2156" i="10"/>
  <c r="D2148" i="26" s="1"/>
  <c r="Q2192" i="10"/>
  <c r="D2184" i="26" s="1"/>
  <c r="C2184" i="26"/>
  <c r="C1096" i="26"/>
  <c r="Q1104" i="10"/>
  <c r="D1096" i="26" s="1"/>
  <c r="C392" i="26"/>
  <c r="Q400" i="10"/>
  <c r="D392" i="26" s="1"/>
  <c r="Q2607" i="10"/>
  <c r="D2599" i="26" s="1"/>
  <c r="C2599" i="26"/>
  <c r="Q1839" i="10"/>
  <c r="D1831" i="26" s="1"/>
  <c r="C1831" i="26"/>
  <c r="C743" i="26"/>
  <c r="Q751" i="10"/>
  <c r="D743" i="26" s="1"/>
  <c r="Q2320" i="10"/>
  <c r="D2312" i="26" s="1"/>
  <c r="C2312" i="26"/>
  <c r="C472" i="26"/>
  <c r="Q480" i="10"/>
  <c r="D472" i="26" s="1"/>
  <c r="C1087" i="26"/>
  <c r="Q1095" i="10"/>
  <c r="D1087" i="26" s="1"/>
  <c r="C103" i="26"/>
  <c r="Q111" i="10"/>
  <c r="D103" i="26" s="1"/>
  <c r="C1285" i="26"/>
  <c r="Q1293" i="10"/>
  <c r="D1285" i="26" s="1"/>
  <c r="C2692" i="26"/>
  <c r="Q2700" i="10"/>
  <c r="D2692" i="26" s="1"/>
  <c r="C788" i="26"/>
  <c r="Q796" i="10"/>
  <c r="D788" i="26" s="1"/>
  <c r="Q2419" i="10"/>
  <c r="D2411" i="26" s="1"/>
  <c r="C2411" i="26"/>
  <c r="C715" i="26"/>
  <c r="Q723" i="10"/>
  <c r="D715" i="26" s="1"/>
  <c r="C924" i="26"/>
  <c r="Q932" i="10"/>
  <c r="D924" i="26" s="1"/>
  <c r="Q2839" i="10"/>
  <c r="D2831" i="26" s="1"/>
  <c r="C2831" i="26"/>
  <c r="C2685" i="26"/>
  <c r="Q2693" i="10"/>
  <c r="D2685" i="26" s="1"/>
  <c r="Q2411" i="10"/>
  <c r="D2403" i="26" s="1"/>
  <c r="C2403" i="26"/>
  <c r="C1309" i="26"/>
  <c r="Q1317" i="10"/>
  <c r="D1309" i="26" s="1"/>
  <c r="Q2083" i="10"/>
  <c r="D2075" i="26" s="1"/>
  <c r="C2075" i="26"/>
  <c r="C603" i="26"/>
  <c r="Q611" i="10"/>
  <c r="D603" i="26" s="1"/>
  <c r="Q2752" i="10"/>
  <c r="D2744" i="26" s="1"/>
  <c r="C2744" i="26"/>
  <c r="Q1536" i="10"/>
  <c r="D1528" i="26" s="1"/>
  <c r="C1528" i="26"/>
  <c r="C312" i="26"/>
  <c r="Q320" i="10"/>
  <c r="D312" i="26" s="1"/>
  <c r="Q2591" i="10"/>
  <c r="D2583" i="26" s="1"/>
  <c r="C2583" i="26"/>
  <c r="C876" i="26"/>
  <c r="Q884" i="10"/>
  <c r="D876" i="26" s="1"/>
  <c r="C1120" i="26"/>
  <c r="Q1128" i="10"/>
  <c r="D1120" i="26" s="1"/>
  <c r="Q1607" i="10"/>
  <c r="D1599" i="26" s="1"/>
  <c r="C1599" i="26"/>
  <c r="C1549" i="26"/>
  <c r="Q1557" i="10"/>
  <c r="D1549" i="26" s="1"/>
  <c r="C1996" i="26"/>
  <c r="Q2004" i="10"/>
  <c r="D1996" i="26" s="1"/>
  <c r="Q2619" i="10"/>
  <c r="D2611" i="26" s="1"/>
  <c r="C2611" i="26"/>
  <c r="C1196" i="26"/>
  <c r="Q1204" i="10"/>
  <c r="D1196" i="26" s="1"/>
  <c r="C2213" i="26"/>
  <c r="Q2221" i="10"/>
  <c r="D2213" i="26" s="1"/>
  <c r="C1445" i="26"/>
  <c r="Q1453" i="10"/>
  <c r="D1445" i="26" s="1"/>
  <c r="C805" i="26"/>
  <c r="Q813" i="10"/>
  <c r="D805" i="26" s="1"/>
  <c r="C229" i="26"/>
  <c r="Q237" i="10"/>
  <c r="D229" i="26" s="1"/>
  <c r="C828" i="26"/>
  <c r="Q836" i="10"/>
  <c r="D828" i="26" s="1"/>
  <c r="Q2091" i="10"/>
  <c r="D2083" i="26" s="1"/>
  <c r="C2083" i="26"/>
  <c r="Q1323" i="10"/>
  <c r="D1315" i="26" s="1"/>
  <c r="C1315" i="26"/>
  <c r="C675" i="26"/>
  <c r="Q683" i="10"/>
  <c r="D675" i="26" s="1"/>
  <c r="C35" i="26"/>
  <c r="Q43" i="10"/>
  <c r="D35" i="26" s="1"/>
  <c r="C1268" i="26"/>
  <c r="Q1276" i="10"/>
  <c r="D1268" i="26" s="1"/>
  <c r="Q2696" i="10"/>
  <c r="D2688" i="26" s="1"/>
  <c r="C2688" i="26"/>
  <c r="Q2120" i="10"/>
  <c r="D2112" i="26" s="1"/>
  <c r="C2112" i="26"/>
  <c r="Q1480" i="10"/>
  <c r="D1472" i="26" s="1"/>
  <c r="C1472" i="26"/>
  <c r="C832" i="26"/>
  <c r="Q840" i="10"/>
  <c r="D832" i="26" s="1"/>
  <c r="C128" i="26"/>
  <c r="Q136" i="10"/>
  <c r="D128" i="26" s="1"/>
  <c r="Q2471" i="10"/>
  <c r="D2463" i="26" s="1"/>
  <c r="C2463" i="26"/>
  <c r="Q1831" i="10"/>
  <c r="D1823" i="26" s="1"/>
  <c r="C1823" i="26"/>
  <c r="Q1255" i="10"/>
  <c r="D1247" i="26" s="1"/>
  <c r="C1247" i="26"/>
  <c r="C735" i="26"/>
  <c r="Q743" i="10"/>
  <c r="D735" i="26" s="1"/>
  <c r="C159" i="26"/>
  <c r="Q167" i="10"/>
  <c r="D159" i="26" s="1"/>
  <c r="C582" i="26"/>
  <c r="Q590" i="10"/>
  <c r="D582" i="26" s="1"/>
  <c r="C2484" i="26"/>
  <c r="Q2492" i="10"/>
  <c r="D2484" i="26" s="1"/>
  <c r="C272" i="26"/>
  <c r="Q280" i="10"/>
  <c r="D272" i="26" s="1"/>
  <c r="C2781" i="26"/>
  <c r="Q2789" i="10"/>
  <c r="D2781" i="26" s="1"/>
  <c r="C1501" i="26"/>
  <c r="Q1509" i="10"/>
  <c r="D1501" i="26" s="1"/>
  <c r="E1502" i="26" s="1"/>
  <c r="C221" i="26"/>
  <c r="Q229" i="10"/>
  <c r="D221" i="26" s="1"/>
  <c r="C629" i="26"/>
  <c r="Q637" i="10"/>
  <c r="D629" i="26" s="1"/>
  <c r="E630" i="26" s="1"/>
  <c r="Q1304" i="10"/>
  <c r="D1296" i="26" s="1"/>
  <c r="C1296" i="26"/>
  <c r="C2101" i="26"/>
  <c r="Q2109" i="10"/>
  <c r="D2101" i="26" s="1"/>
  <c r="C1012" i="26"/>
  <c r="Q1020" i="10"/>
  <c r="D1012" i="26" s="1"/>
  <c r="C662" i="26"/>
  <c r="Q670" i="10"/>
  <c r="D662" i="26" s="1"/>
  <c r="C755" i="26"/>
  <c r="Q763" i="10"/>
  <c r="D755" i="26" s="1"/>
  <c r="Q2526" i="10"/>
  <c r="D2518" i="26" s="1"/>
  <c r="C2518" i="26"/>
  <c r="C693" i="26"/>
  <c r="Q701" i="10"/>
  <c r="D693" i="26" s="1"/>
  <c r="C460" i="26"/>
  <c r="Q468" i="10"/>
  <c r="D460" i="26" s="1"/>
  <c r="C2549" i="26"/>
  <c r="Q2557" i="10"/>
  <c r="D2549" i="26" s="1"/>
  <c r="Q2648" i="10"/>
  <c r="D2640" i="26" s="1"/>
  <c r="C2640" i="26"/>
  <c r="C2229" i="26"/>
  <c r="Q2237" i="10"/>
  <c r="D2229" i="26" s="1"/>
  <c r="C1892" i="26"/>
  <c r="Q1900" i="10"/>
  <c r="D1892" i="26" s="1"/>
  <c r="C982" i="26"/>
  <c r="Q990" i="10"/>
  <c r="D982" i="26" s="1"/>
  <c r="F94" i="26"/>
  <c r="E94" i="26"/>
  <c r="F2804" i="26"/>
  <c r="E2804" i="26"/>
  <c r="E30" i="26"/>
  <c r="F158" i="26"/>
  <c r="E158" i="26"/>
  <c r="E822" i="26"/>
  <c r="F246" i="26"/>
  <c r="E246" i="26"/>
  <c r="C754" i="26"/>
  <c r="Q762" i="10"/>
  <c r="D754" i="26" s="1"/>
  <c r="C2604" i="26"/>
  <c r="Q2612" i="10"/>
  <c r="D2604" i="26" s="1"/>
  <c r="C54" i="26"/>
  <c r="Q62" i="10"/>
  <c r="D54" i="26" s="1"/>
  <c r="Q2670" i="10"/>
  <c r="D2662" i="26" s="1"/>
  <c r="C2662" i="26"/>
  <c r="Q1886" i="10"/>
  <c r="D1878" i="26" s="1"/>
  <c r="C1878" i="26"/>
  <c r="C598" i="26"/>
  <c r="Q606" i="10"/>
  <c r="D598" i="26" s="1"/>
  <c r="C468" i="26"/>
  <c r="Q476" i="10"/>
  <c r="D468" i="26" s="1"/>
  <c r="C2389" i="26"/>
  <c r="Q2397" i="10"/>
  <c r="D2389" i="26" s="1"/>
  <c r="C1877" i="26"/>
  <c r="Q1885" i="10"/>
  <c r="D1877" i="26" s="1"/>
  <c r="C1365" i="26"/>
  <c r="Q1373" i="10"/>
  <c r="D1365" i="26" s="1"/>
  <c r="C853" i="26"/>
  <c r="Q861" i="10"/>
  <c r="D853" i="26" s="1"/>
  <c r="C277" i="26"/>
  <c r="Q285" i="10"/>
  <c r="D277" i="26" s="1"/>
  <c r="C100" i="26"/>
  <c r="Q108" i="10"/>
  <c r="D100" i="26" s="1"/>
  <c r="Q2139" i="10"/>
  <c r="D2131" i="26" s="1"/>
  <c r="C2131" i="26"/>
  <c r="Q1371" i="10"/>
  <c r="D1363" i="26" s="1"/>
  <c r="C1363" i="26"/>
  <c r="C595" i="26"/>
  <c r="Q603" i="10"/>
  <c r="D595" i="26" s="1"/>
  <c r="C2124" i="26"/>
  <c r="Q2132" i="10"/>
  <c r="D2124" i="26" s="1"/>
  <c r="Q2616" i="10"/>
  <c r="D2608" i="26" s="1"/>
  <c r="C2608" i="26"/>
  <c r="Q1976" i="10"/>
  <c r="D1968" i="26" s="1"/>
  <c r="C1968" i="26"/>
  <c r="Q1208" i="10"/>
  <c r="D1200" i="26" s="1"/>
  <c r="C1200" i="26"/>
  <c r="D9" i="23"/>
  <c r="D9" i="25"/>
  <c r="E9" i="25" s="1"/>
  <c r="C432" i="26"/>
  <c r="Q440" i="10"/>
  <c r="D432" i="26" s="1"/>
  <c r="Q2711" i="10"/>
  <c r="D2703" i="26" s="1"/>
  <c r="C2703" i="26"/>
  <c r="Q2135" i="10"/>
  <c r="D2127" i="26" s="1"/>
  <c r="C2127" i="26"/>
  <c r="Q1367" i="10"/>
  <c r="D1359" i="26" s="1"/>
  <c r="C1359" i="26"/>
  <c r="C719" i="26"/>
  <c r="Q727" i="10"/>
  <c r="D719" i="26" s="1"/>
  <c r="C15" i="26"/>
  <c r="Q23" i="10"/>
  <c r="D15" i="26" s="1"/>
  <c r="Q2800" i="10"/>
  <c r="D2792" i="26" s="1"/>
  <c r="C2792" i="26"/>
  <c r="Q1232" i="10"/>
  <c r="D1224" i="26" s="1"/>
  <c r="C1224" i="26"/>
  <c r="Q2687" i="10"/>
  <c r="D2679" i="26" s="1"/>
  <c r="C2679" i="26"/>
  <c r="C2749" i="26"/>
  <c r="Q2757" i="10"/>
  <c r="D2749" i="26" s="1"/>
  <c r="C957" i="26"/>
  <c r="Q965" i="10"/>
  <c r="D957" i="26" s="1"/>
  <c r="C2100" i="26"/>
  <c r="Q2108" i="10"/>
  <c r="D2100" i="26" s="1"/>
  <c r="C636" i="26"/>
  <c r="Q644" i="10"/>
  <c r="D636" i="26" s="1"/>
  <c r="Q1811" i="10"/>
  <c r="D1803" i="26" s="1"/>
  <c r="C1803" i="26"/>
  <c r="Q2446" i="10"/>
  <c r="D2438" i="26" s="1"/>
  <c r="C2438" i="26"/>
  <c r="Q2006" i="10"/>
  <c r="D1998" i="26" s="1"/>
  <c r="C1998" i="26"/>
  <c r="Q1430" i="10"/>
  <c r="D1422" i="26" s="1"/>
  <c r="C1422" i="26"/>
  <c r="C846" i="26"/>
  <c r="Q854" i="10"/>
  <c r="D846" i="26" s="1"/>
  <c r="C142" i="26"/>
  <c r="Q150" i="10"/>
  <c r="D142" i="26" s="1"/>
  <c r="C1997" i="26"/>
  <c r="Q2005" i="10"/>
  <c r="D1997" i="26" s="1"/>
  <c r="Q597" i="10"/>
  <c r="D589" i="26" s="1"/>
  <c r="C589" i="26"/>
  <c r="Q2195" i="10"/>
  <c r="D2187" i="26" s="1"/>
  <c r="C2187" i="26"/>
  <c r="C1035" i="26"/>
  <c r="Q1043" i="10"/>
  <c r="D1035" i="26" s="1"/>
  <c r="C316" i="26"/>
  <c r="Q324" i="10"/>
  <c r="D316" i="26" s="1"/>
  <c r="Q2352" i="10"/>
  <c r="D2344" i="26" s="1"/>
  <c r="C2344" i="26"/>
  <c r="Q1264" i="10"/>
  <c r="D1256" i="26" s="1"/>
  <c r="C1256" i="26"/>
  <c r="C424" i="26"/>
  <c r="Q432" i="10"/>
  <c r="D424" i="26" s="1"/>
  <c r="Q2575" i="10"/>
  <c r="D2567" i="26" s="1"/>
  <c r="C2567" i="26"/>
  <c r="Q1551" i="10"/>
  <c r="D1543" i="26" s="1"/>
  <c r="C1543" i="26"/>
  <c r="C583" i="26"/>
  <c r="Q591" i="10"/>
  <c r="D583" i="26" s="1"/>
  <c r="C1104" i="26"/>
  <c r="Q1112" i="10"/>
  <c r="D1104" i="26" s="1"/>
  <c r="Q2247" i="10"/>
  <c r="D2239" i="26" s="1"/>
  <c r="C2239" i="26"/>
  <c r="C775" i="26"/>
  <c r="Q783" i="10"/>
  <c r="D775" i="26" s="1"/>
  <c r="C2045" i="26"/>
  <c r="Q2053" i="10"/>
  <c r="D2045" i="26" s="1"/>
  <c r="C445" i="26"/>
  <c r="Q453" i="10"/>
  <c r="D445" i="26" s="1"/>
  <c r="D17" i="23"/>
  <c r="D17" i="25"/>
  <c r="E17" i="25" s="1"/>
  <c r="C1212" i="26"/>
  <c r="Q1220" i="10"/>
  <c r="D1212" i="26" s="1"/>
  <c r="Q2243" i="10"/>
  <c r="D2235" i="26" s="1"/>
  <c r="C2235" i="26"/>
  <c r="C1003" i="26"/>
  <c r="Q1011" i="10"/>
  <c r="D1003" i="26" s="1"/>
  <c r="Q2086" i="10"/>
  <c r="D2078" i="26" s="1"/>
  <c r="C2078" i="26"/>
  <c r="Q1166" i="10"/>
  <c r="D1158" i="26" s="1"/>
  <c r="C1158" i="26"/>
  <c r="C198" i="26"/>
  <c r="Q206" i="10"/>
  <c r="D198" i="26" s="1"/>
  <c r="C2172" i="26"/>
  <c r="Q2180" i="10"/>
  <c r="D2172" i="26" s="1"/>
  <c r="Q2656" i="10"/>
  <c r="D2648" i="26" s="1"/>
  <c r="C2648" i="26"/>
  <c r="Q1504" i="10"/>
  <c r="D1496" i="26" s="1"/>
  <c r="C1496" i="26"/>
  <c r="Q2375" i="10"/>
  <c r="D2367" i="26" s="1"/>
  <c r="C2367" i="26"/>
  <c r="C887" i="26"/>
  <c r="Q895" i="10"/>
  <c r="D887" i="26" s="1"/>
  <c r="C2237" i="26"/>
  <c r="Q2245" i="10"/>
  <c r="D2237" i="26" s="1"/>
  <c r="C517" i="26"/>
  <c r="Q525" i="10"/>
  <c r="D517" i="26" s="1"/>
  <c r="C1884" i="26"/>
  <c r="Q1892" i="10"/>
  <c r="D1884" i="26" s="1"/>
  <c r="C332" i="26"/>
  <c r="Q340" i="10"/>
  <c r="D332" i="26" s="1"/>
  <c r="C187" i="26"/>
  <c r="Q195" i="10"/>
  <c r="D187" i="26" s="1"/>
  <c r="C480" i="26"/>
  <c r="Q488" i="10"/>
  <c r="D480" i="26" s="1"/>
  <c r="D32" i="23"/>
  <c r="D32" i="25"/>
  <c r="C2701" i="26"/>
  <c r="Q2709" i="10"/>
  <c r="D2701" i="26" s="1"/>
  <c r="C501" i="26"/>
  <c r="Q509" i="10"/>
  <c r="D501" i="26" s="1"/>
  <c r="E502" i="26" s="1"/>
  <c r="C212" i="26"/>
  <c r="Q220" i="10"/>
  <c r="D212" i="26" s="1"/>
  <c r="C499" i="26"/>
  <c r="Q507" i="10"/>
  <c r="D499" i="26" s="1"/>
  <c r="C893" i="26"/>
  <c r="Q901" i="10"/>
  <c r="D893" i="26" s="1"/>
  <c r="C764" i="26"/>
  <c r="Q772" i="10"/>
  <c r="D764" i="26" s="1"/>
  <c r="C483" i="26"/>
  <c r="Q491" i="10"/>
  <c r="D483" i="26" s="1"/>
  <c r="C1629" i="26"/>
  <c r="Q1637" i="10"/>
  <c r="D1629" i="26" s="1"/>
  <c r="Q2467" i="10"/>
  <c r="D2459" i="26" s="1"/>
  <c r="C2459" i="26"/>
  <c r="C859" i="26"/>
  <c r="Q867" i="10"/>
  <c r="D859" i="26" s="1"/>
  <c r="C172" i="26"/>
  <c r="Q180" i="10"/>
  <c r="D172" i="26" s="1"/>
  <c r="Q2246" i="10"/>
  <c r="D2238" i="26" s="1"/>
  <c r="C2238" i="26"/>
  <c r="Q1478" i="10"/>
  <c r="D1470" i="26" s="1"/>
  <c r="C1470" i="26"/>
  <c r="C638" i="26"/>
  <c r="Q646" i="10"/>
  <c r="D638" i="26" s="1"/>
  <c r="C812" i="26"/>
  <c r="Q820" i="10"/>
  <c r="D812" i="26" s="1"/>
  <c r="Q1896" i="10"/>
  <c r="D1888" i="26" s="1"/>
  <c r="C1888" i="26"/>
  <c r="C32" i="26"/>
  <c r="Q40" i="10"/>
  <c r="D32" i="26" s="1"/>
  <c r="Q1407" i="10"/>
  <c r="D1399" i="26" s="1"/>
  <c r="C1399" i="26"/>
  <c r="C127" i="26"/>
  <c r="Q135" i="10"/>
  <c r="D127" i="26" s="1"/>
  <c r="C1421" i="26"/>
  <c r="Q1429" i="10"/>
  <c r="D1421" i="26" s="1"/>
  <c r="C1956" i="26"/>
  <c r="Q1964" i="10"/>
  <c r="D1956" i="26" s="1"/>
  <c r="Q2323" i="10"/>
  <c r="D2315" i="26" s="1"/>
  <c r="C2315" i="26"/>
  <c r="C747" i="26"/>
  <c r="Q755" i="10"/>
  <c r="D747" i="26" s="1"/>
  <c r="Q1376" i="10"/>
  <c r="D1368" i="26" s="1"/>
  <c r="C1368" i="26"/>
  <c r="Q1391" i="10"/>
  <c r="D1383" i="26" s="1"/>
  <c r="C1383" i="26"/>
  <c r="C1013" i="26"/>
  <c r="Q1021" i="10"/>
  <c r="D1013" i="26" s="1"/>
  <c r="C932" i="26"/>
  <c r="Q940" i="10"/>
  <c r="D932" i="26" s="1"/>
  <c r="C843" i="26"/>
  <c r="Q851" i="10"/>
  <c r="D843" i="26" s="1"/>
  <c r="C800" i="26"/>
  <c r="Q808" i="10"/>
  <c r="D800" i="26" s="1"/>
  <c r="C823" i="26"/>
  <c r="Q831" i="10"/>
  <c r="D823" i="26" s="1"/>
  <c r="C389" i="26"/>
  <c r="Q397" i="10"/>
  <c r="D389" i="26" s="1"/>
  <c r="Q2291" i="10"/>
  <c r="D2283" i="26" s="1"/>
  <c r="C2283" i="26"/>
  <c r="C1565" i="26"/>
  <c r="Q1573" i="10"/>
  <c r="D1565" i="26" s="1"/>
  <c r="Q2147" i="10"/>
  <c r="D2139" i="26" s="1"/>
  <c r="C2139" i="26"/>
  <c r="C91" i="26"/>
  <c r="Q99" i="10"/>
  <c r="D91" i="26" s="1"/>
  <c r="Q2176" i="10"/>
  <c r="D2168" i="26" s="1"/>
  <c r="C2168" i="26"/>
  <c r="C56" i="26"/>
  <c r="Q64" i="10"/>
  <c r="D56" i="26" s="1"/>
  <c r="Q2207" i="10"/>
  <c r="D2199" i="26" s="1"/>
  <c r="C2199" i="26"/>
  <c r="Q1567" i="10"/>
  <c r="D1559" i="26" s="1"/>
  <c r="C1559" i="26"/>
  <c r="C983" i="26"/>
  <c r="Q991" i="10"/>
  <c r="D983" i="26" s="1"/>
  <c r="C23" i="26"/>
  <c r="Q31" i="10"/>
  <c r="D23" i="26" s="1"/>
  <c r="Q1952" i="10"/>
  <c r="D1944" i="26" s="1"/>
  <c r="C1944" i="26"/>
  <c r="Q1343" i="10"/>
  <c r="D1335" i="26" s="1"/>
  <c r="C1335" i="26"/>
  <c r="C885" i="26"/>
  <c r="Q893" i="10"/>
  <c r="D885" i="26" s="1"/>
  <c r="Q2371" i="10"/>
  <c r="D2363" i="26" s="1"/>
  <c r="C2363" i="26"/>
  <c r="Q2190" i="10"/>
  <c r="D2182" i="26" s="1"/>
  <c r="C2182" i="26"/>
  <c r="Q1960" i="10"/>
  <c r="D1952" i="26" s="1"/>
  <c r="C1952" i="26"/>
  <c r="C311" i="26"/>
  <c r="Q319" i="10"/>
  <c r="D311" i="26" s="1"/>
  <c r="C1668" i="26"/>
  <c r="Q1676" i="10"/>
  <c r="D1668" i="26" s="1"/>
  <c r="C1000" i="26"/>
  <c r="Q1008" i="10"/>
  <c r="D1000" i="26" s="1"/>
  <c r="C2677" i="26"/>
  <c r="Q2685" i="10"/>
  <c r="D2677" i="26" s="1"/>
  <c r="C261" i="26"/>
  <c r="Q269" i="10"/>
  <c r="D261" i="26" s="1"/>
  <c r="Q2499" i="10"/>
  <c r="D2491" i="26" s="1"/>
  <c r="C2491" i="26"/>
  <c r="C558" i="26"/>
  <c r="Q566" i="10"/>
  <c r="D558" i="26" s="1"/>
  <c r="C1709" i="26"/>
  <c r="Q1717" i="10"/>
  <c r="D1709" i="26" s="1"/>
  <c r="E1710" i="26" s="1"/>
  <c r="C1069" i="26"/>
  <c r="Q1077" i="10"/>
  <c r="D1069" i="26" s="1"/>
  <c r="C557" i="26"/>
  <c r="Q565" i="10"/>
  <c r="D557" i="26" s="1"/>
  <c r="C1828" i="26"/>
  <c r="Q1836" i="10"/>
  <c r="D1828" i="26" s="1"/>
  <c r="Q2128" i="10"/>
  <c r="D2120" i="26" s="1"/>
  <c r="C2120" i="26"/>
  <c r="C1032" i="26"/>
  <c r="Q1040" i="10"/>
  <c r="D1032" i="26" s="1"/>
  <c r="C328" i="26"/>
  <c r="Q336" i="10"/>
  <c r="D328" i="26" s="1"/>
  <c r="Q2543" i="10"/>
  <c r="D2535" i="26" s="1"/>
  <c r="C2535" i="26"/>
  <c r="Q1775" i="10"/>
  <c r="D1767" i="26" s="1"/>
  <c r="C1767" i="26"/>
  <c r="C615" i="26"/>
  <c r="Q623" i="10"/>
  <c r="D615" i="26" s="1"/>
  <c r="Q2216" i="10"/>
  <c r="D2208" i="26" s="1"/>
  <c r="C2208" i="26"/>
  <c r="C352" i="26"/>
  <c r="Q360" i="10"/>
  <c r="D352" i="26" s="1"/>
  <c r="C959" i="26"/>
  <c r="Q967" i="10"/>
  <c r="D959" i="26" s="1"/>
  <c r="C1093" i="26"/>
  <c r="Q1101" i="10"/>
  <c r="D1093" i="26" s="1"/>
  <c r="C2556" i="26"/>
  <c r="Q2564" i="10"/>
  <c r="D2556" i="26" s="1"/>
  <c r="C676" i="26"/>
  <c r="Q684" i="10"/>
  <c r="D676" i="26" s="1"/>
  <c r="Q2179" i="10"/>
  <c r="D2171" i="26" s="1"/>
  <c r="C2171" i="26"/>
  <c r="C491" i="26"/>
  <c r="Q499" i="10"/>
  <c r="D491" i="26" s="1"/>
  <c r="Q2832" i="10"/>
  <c r="D2824" i="26" s="1"/>
  <c r="C2824" i="26"/>
  <c r="Q2303" i="10"/>
  <c r="D2295" i="26" s="1"/>
  <c r="C2295" i="26"/>
  <c r="C2277" i="26"/>
  <c r="Q2285" i="10"/>
  <c r="D2277" i="26" s="1"/>
  <c r="Q1963" i="10"/>
  <c r="D1955" i="26" s="1"/>
  <c r="C1955" i="26"/>
  <c r="C1117" i="26"/>
  <c r="Q1125" i="10"/>
  <c r="D1117" i="26" s="1"/>
  <c r="Q1891" i="10"/>
  <c r="D1883" i="26" s="1"/>
  <c r="C1883" i="26"/>
  <c r="C411" i="26"/>
  <c r="Q419" i="10"/>
  <c r="D411" i="26" s="1"/>
  <c r="Q2624" i="10"/>
  <c r="D2616" i="26" s="1"/>
  <c r="C2616" i="26"/>
  <c r="Q1408" i="10"/>
  <c r="D1400" i="26" s="1"/>
  <c r="C1400" i="26"/>
  <c r="C248" i="26"/>
  <c r="Q256" i="10"/>
  <c r="D248" i="26" s="1"/>
  <c r="C791" i="26"/>
  <c r="Q799" i="10"/>
  <c r="D791" i="26" s="1"/>
  <c r="C548" i="26"/>
  <c r="Q556" i="10"/>
  <c r="D548" i="26" s="1"/>
  <c r="C792" i="26"/>
  <c r="Q800" i="10"/>
  <c r="D792" i="26" s="1"/>
  <c r="Q1199" i="10"/>
  <c r="D1191" i="26" s="1"/>
  <c r="C1191" i="26"/>
  <c r="C1181" i="26"/>
  <c r="Q1189" i="10"/>
  <c r="D1181" i="26" s="1"/>
  <c r="E1182" i="26" s="1"/>
  <c r="C1788" i="26"/>
  <c r="Q1796" i="10"/>
  <c r="D1788" i="26" s="1"/>
  <c r="Q2283" i="10"/>
  <c r="D2275" i="26" s="1"/>
  <c r="C2275" i="26"/>
  <c r="C2789" i="26"/>
  <c r="Q2797" i="10"/>
  <c r="D2789" i="26" s="1"/>
  <c r="C2149" i="26"/>
  <c r="Q2157" i="10"/>
  <c r="D2149" i="26" s="1"/>
  <c r="C1317" i="26"/>
  <c r="Q1325" i="10"/>
  <c r="D1317" i="26" s="1"/>
  <c r="C741" i="26"/>
  <c r="Q749" i="10"/>
  <c r="D741" i="26" s="1"/>
  <c r="C165" i="26"/>
  <c r="Q173" i="10"/>
  <c r="D165" i="26" s="1"/>
  <c r="Q2667" i="10"/>
  <c r="D2659" i="26" s="1"/>
  <c r="C2659" i="26"/>
  <c r="Q2027" i="10"/>
  <c r="D2019" i="26" s="1"/>
  <c r="C2019" i="26"/>
  <c r="Q1259" i="10"/>
  <c r="D1251" i="26" s="1"/>
  <c r="C1251" i="26"/>
  <c r="C611" i="26"/>
  <c r="Q619" i="10"/>
  <c r="D611" i="26" s="1"/>
  <c r="C2420" i="26"/>
  <c r="Q2428" i="10"/>
  <c r="D2420" i="26" s="1"/>
  <c r="C716" i="26"/>
  <c r="Q724" i="10"/>
  <c r="D716" i="26" s="1"/>
  <c r="Q2632" i="10"/>
  <c r="D2624" i="26" s="1"/>
  <c r="C2624" i="26"/>
  <c r="Q2056" i="10"/>
  <c r="D2048" i="26" s="1"/>
  <c r="C2048" i="26"/>
  <c r="Q1416" i="10"/>
  <c r="D1408" i="26" s="1"/>
  <c r="C1408" i="26"/>
  <c r="C768" i="26"/>
  <c r="Q776" i="10"/>
  <c r="D768" i="26" s="1"/>
  <c r="C64" i="26"/>
  <c r="Q72" i="10"/>
  <c r="D64" i="26" s="1"/>
  <c r="Q2407" i="10"/>
  <c r="D2399" i="26" s="1"/>
  <c r="C2399" i="26"/>
  <c r="Q1703" i="10"/>
  <c r="D1695" i="26" s="1"/>
  <c r="C1695" i="26"/>
  <c r="Q1191" i="10"/>
  <c r="D1183" i="26" s="1"/>
  <c r="C1183" i="26"/>
  <c r="C671" i="26"/>
  <c r="Q679" i="10"/>
  <c r="D671" i="26" s="1"/>
  <c r="C31" i="26"/>
  <c r="Q39" i="10"/>
  <c r="D31" i="26" s="1"/>
  <c r="C518" i="26"/>
  <c r="Q526" i="10"/>
  <c r="D518" i="26" s="1"/>
  <c r="C268" i="26"/>
  <c r="Q276" i="10"/>
  <c r="D268" i="26" s="1"/>
  <c r="C1532" i="26"/>
  <c r="Q1540" i="10"/>
  <c r="D1532" i="26" s="1"/>
  <c r="C2717" i="26"/>
  <c r="Q2725" i="10"/>
  <c r="D2717" i="26" s="1"/>
  <c r="C1437" i="26"/>
  <c r="Q1445" i="10"/>
  <c r="D1437" i="26" s="1"/>
  <c r="C157" i="26"/>
  <c r="Q165" i="10"/>
  <c r="D157" i="26" s="1"/>
  <c r="C1548" i="26"/>
  <c r="Q1556" i="10"/>
  <c r="D1548" i="26" s="1"/>
  <c r="C592" i="26"/>
  <c r="Q600" i="10"/>
  <c r="D592" i="26" s="1"/>
  <c r="C1461" i="26"/>
  <c r="Q1469" i="10"/>
  <c r="D1461" i="26" s="1"/>
  <c r="E1462" i="26" s="1"/>
  <c r="Q1368" i="10"/>
  <c r="D1360" i="26" s="1"/>
  <c r="C1360" i="26"/>
  <c r="C2805" i="26"/>
  <c r="Q2813" i="10"/>
  <c r="D2805" i="26" s="1"/>
  <c r="C612" i="26"/>
  <c r="Q620" i="10"/>
  <c r="D612" i="26" s="1"/>
  <c r="C1110" i="26"/>
  <c r="Q1118" i="10"/>
  <c r="D1110" i="26" s="1"/>
  <c r="C53" i="26"/>
  <c r="Q61" i="10"/>
  <c r="D53" i="26" s="1"/>
  <c r="Q2264" i="10"/>
  <c r="D2256" i="26" s="1"/>
  <c r="C2256" i="26"/>
  <c r="C1845" i="26"/>
  <c r="Q1853" i="10"/>
  <c r="D1845" i="26" s="1"/>
  <c r="Q1816" i="10"/>
  <c r="D1808" i="26" s="1"/>
  <c r="C1808" i="26"/>
  <c r="C1653" i="26"/>
  <c r="Q1661" i="10"/>
  <c r="D1653" i="26" s="1"/>
  <c r="Q2136" i="10"/>
  <c r="D2128" i="26" s="1"/>
  <c r="C2128" i="26"/>
  <c r="F2310" i="26"/>
  <c r="E2310" i="26"/>
  <c r="F2542" i="26"/>
  <c r="E2542" i="26"/>
  <c r="F2398" i="26"/>
  <c r="E2398" i="26"/>
  <c r="F2726" i="26"/>
  <c r="E2726" i="26"/>
  <c r="F2038" i="26"/>
  <c r="E2038" i="26"/>
  <c r="F2606" i="26"/>
  <c r="E2606" i="26"/>
  <c r="F2822" i="26"/>
  <c r="E2822" i="26"/>
  <c r="F2214" i="26"/>
  <c r="E2214" i="26"/>
  <c r="F2350" i="26"/>
  <c r="E2350" i="26"/>
  <c r="E1718" i="26"/>
  <c r="E1304" i="26"/>
  <c r="F2454" i="26"/>
  <c r="E2454" i="26"/>
  <c r="E1262" i="26"/>
  <c r="F2590" i="26"/>
  <c r="E2590" i="26"/>
  <c r="F2422" i="26"/>
  <c r="E2422" i="26"/>
  <c r="E1526" i="26"/>
  <c r="Q2162" i="10"/>
  <c r="D2154" i="26" s="1"/>
  <c r="C2154" i="26"/>
  <c r="Q1362" i="10"/>
  <c r="D1354" i="26" s="1"/>
  <c r="C1354" i="26"/>
  <c r="Q2262" i="10"/>
  <c r="D2254" i="26" s="1"/>
  <c r="C2254" i="26"/>
  <c r="D23" i="23"/>
  <c r="D23" i="25"/>
  <c r="E23" i="25" s="1"/>
  <c r="C1804" i="26"/>
  <c r="Q1812" i="10"/>
  <c r="D1804" i="26" s="1"/>
  <c r="C404" i="26"/>
  <c r="Q412" i="10"/>
  <c r="D404" i="26" s="1"/>
  <c r="Q2478" i="10"/>
  <c r="D2470" i="26" s="1"/>
  <c r="C2470" i="26"/>
  <c r="Q1630" i="10"/>
  <c r="D1622" i="26" s="1"/>
  <c r="C1622" i="26"/>
  <c r="C406" i="26"/>
  <c r="Q414" i="10"/>
  <c r="D406" i="26" s="1"/>
  <c r="C2837" i="26"/>
  <c r="Q2845" i="10"/>
  <c r="D2837" i="26" s="1"/>
  <c r="C2325" i="26"/>
  <c r="Q2333" i="10"/>
  <c r="D2325" i="26" s="1"/>
  <c r="C1813" i="26"/>
  <c r="Q1821" i="10"/>
  <c r="D1813" i="26" s="1"/>
  <c r="C1301" i="26"/>
  <c r="Q1309" i="10"/>
  <c r="D1301" i="26" s="1"/>
  <c r="C789" i="26"/>
  <c r="Q797" i="10"/>
  <c r="D789" i="26" s="1"/>
  <c r="C213" i="26"/>
  <c r="Q221" i="10"/>
  <c r="D213" i="26" s="1"/>
  <c r="Q2739" i="10"/>
  <c r="D2731" i="26" s="1"/>
  <c r="C2731" i="26"/>
  <c r="Q2075" i="10"/>
  <c r="D2067" i="26" s="1"/>
  <c r="C2067" i="26"/>
  <c r="Q1243" i="10"/>
  <c r="D1235" i="26" s="1"/>
  <c r="C1235" i="26"/>
  <c r="C403" i="26"/>
  <c r="Q411" i="10"/>
  <c r="D403" i="26" s="1"/>
  <c r="C1636" i="26"/>
  <c r="Q1644" i="10"/>
  <c r="D1636" i="26" s="1"/>
  <c r="Q2552" i="10"/>
  <c r="D2544" i="26" s="1"/>
  <c r="C2544" i="26"/>
  <c r="Q1848" i="10"/>
  <c r="D1840" i="26" s="1"/>
  <c r="C1840" i="26"/>
  <c r="C1136" i="26"/>
  <c r="Q1144" i="10"/>
  <c r="D1136" i="26" s="1"/>
  <c r="C368" i="26"/>
  <c r="Q376" i="10"/>
  <c r="D368" i="26" s="1"/>
  <c r="Q2647" i="10"/>
  <c r="D2639" i="26" s="1"/>
  <c r="C2639" i="26"/>
  <c r="Q2007" i="10"/>
  <c r="D1999" i="26" s="1"/>
  <c r="C1999" i="26"/>
  <c r="Q1239" i="10"/>
  <c r="D1231" i="26" s="1"/>
  <c r="C1231" i="26"/>
  <c r="C655" i="26"/>
  <c r="Q663" i="10"/>
  <c r="D655" i="26" s="1"/>
  <c r="C2380" i="26"/>
  <c r="Q2388" i="10"/>
  <c r="D2380" i="26" s="1"/>
  <c r="Q2464" i="10"/>
  <c r="D2456" i="26" s="1"/>
  <c r="C2456" i="26"/>
  <c r="C1112" i="26"/>
  <c r="Q1120" i="10"/>
  <c r="D1112" i="26" s="1"/>
  <c r="Q1991" i="10"/>
  <c r="D1983" i="26" s="1"/>
  <c r="C1983" i="26"/>
  <c r="C2253" i="26"/>
  <c r="Q2261" i="10"/>
  <c r="D2253" i="26" s="1"/>
  <c r="C453" i="26"/>
  <c r="Q461" i="10"/>
  <c r="D453" i="26" s="1"/>
  <c r="C1980" i="26"/>
  <c r="Q1988" i="10"/>
  <c r="D1980" i="26" s="1"/>
  <c r="C484" i="26"/>
  <c r="Q492" i="10"/>
  <c r="D484" i="26" s="1"/>
  <c r="Q1363" i="10"/>
  <c r="D1355" i="26" s="1"/>
  <c r="C1355" i="26"/>
  <c r="Q2254" i="10"/>
  <c r="D2246" i="26" s="1"/>
  <c r="C2246" i="26"/>
  <c r="Q1942" i="10"/>
  <c r="D1934" i="26" s="1"/>
  <c r="C1934" i="26"/>
  <c r="Q1366" i="10"/>
  <c r="D1358" i="26" s="1"/>
  <c r="C1358" i="26"/>
  <c r="C718" i="26"/>
  <c r="Q726" i="10"/>
  <c r="D718" i="26" s="1"/>
  <c r="C78" i="26"/>
  <c r="Q86" i="10"/>
  <c r="D78" i="26" s="1"/>
  <c r="C1869" i="26"/>
  <c r="Q1877" i="10"/>
  <c r="D1869" i="26" s="1"/>
  <c r="C333" i="26"/>
  <c r="Q341" i="10"/>
  <c r="D333" i="26" s="1"/>
  <c r="Q2003" i="10"/>
  <c r="D1995" i="26" s="1"/>
  <c r="C1995" i="26"/>
  <c r="C971" i="26"/>
  <c r="Q979" i="10"/>
  <c r="D971" i="26" s="1"/>
  <c r="C2636" i="26"/>
  <c r="Q2644" i="10"/>
  <c r="D2636" i="26" s="1"/>
  <c r="Q2160" i="10"/>
  <c r="D2152" i="26" s="1"/>
  <c r="C2152" i="26"/>
  <c r="Q1200" i="10"/>
  <c r="D1192" i="26" s="1"/>
  <c r="C1192" i="26"/>
  <c r="C296" i="26"/>
  <c r="Q304" i="10"/>
  <c r="D296" i="26" s="1"/>
  <c r="Q2447" i="10"/>
  <c r="D2439" i="26" s="1"/>
  <c r="C2439" i="26"/>
  <c r="Q1423" i="10"/>
  <c r="D1415" i="26" s="1"/>
  <c r="C1415" i="26"/>
  <c r="C519" i="26"/>
  <c r="Q527" i="10"/>
  <c r="D519" i="26" s="1"/>
  <c r="Q2792" i="10"/>
  <c r="D2784" i="26" s="1"/>
  <c r="C2784" i="26"/>
  <c r="C984" i="26"/>
  <c r="Q992" i="10"/>
  <c r="D984" i="26" s="1"/>
  <c r="Q2119" i="10"/>
  <c r="D2111" i="26" s="1"/>
  <c r="C2111" i="26"/>
  <c r="C647" i="26"/>
  <c r="Q655" i="10"/>
  <c r="D647" i="26" s="1"/>
  <c r="C1733" i="26"/>
  <c r="Q1741" i="10"/>
  <c r="D1733" i="26" s="1"/>
  <c r="C2780" i="26"/>
  <c r="Q2788" i="10"/>
  <c r="D2780" i="26" s="1"/>
  <c r="C1028" i="26"/>
  <c r="Q1036" i="10"/>
  <c r="D1028" i="26" s="1"/>
  <c r="Q2131" i="10"/>
  <c r="D2123" i="26" s="1"/>
  <c r="C2123" i="26"/>
  <c r="C763" i="26"/>
  <c r="Q771" i="10"/>
  <c r="D763" i="26" s="1"/>
  <c r="Q1934" i="10"/>
  <c r="D1926" i="26" s="1"/>
  <c r="C1926" i="26"/>
  <c r="C966" i="26"/>
  <c r="Q974" i="10"/>
  <c r="D966" i="26" s="1"/>
  <c r="C134" i="26"/>
  <c r="Q142" i="10"/>
  <c r="D134" i="26" s="1"/>
  <c r="C572" i="26"/>
  <c r="Q580" i="10"/>
  <c r="D572" i="26" s="1"/>
  <c r="Q2536" i="10"/>
  <c r="D2528" i="26" s="1"/>
  <c r="C2528" i="26"/>
  <c r="Q1392" i="10"/>
  <c r="D1384" i="26" s="1"/>
  <c r="C1384" i="26"/>
  <c r="Q2239" i="10"/>
  <c r="D2231" i="26" s="1"/>
  <c r="C2231" i="26"/>
  <c r="C767" i="26"/>
  <c r="Q775" i="10"/>
  <c r="D767" i="26" s="1"/>
  <c r="C2125" i="26"/>
  <c r="Q2133" i="10"/>
  <c r="D2125" i="26" s="1"/>
  <c r="C325" i="26"/>
  <c r="Q333" i="10"/>
  <c r="D325" i="26" s="1"/>
  <c r="C1612" i="26"/>
  <c r="Q1620" i="10"/>
  <c r="D1612" i="26" s="1"/>
  <c r="Q2563" i="10"/>
  <c r="D2555" i="26" s="1"/>
  <c r="C2555" i="26"/>
  <c r="C67" i="26"/>
  <c r="Q75" i="10"/>
  <c r="D67" i="26" s="1"/>
  <c r="C24" i="26"/>
  <c r="Q32" i="10"/>
  <c r="D24" i="26" s="1"/>
  <c r="C2501" i="26"/>
  <c r="Q2509" i="10"/>
  <c r="D2501" i="26" s="1"/>
  <c r="C205" i="26"/>
  <c r="Q213" i="10"/>
  <c r="D205" i="26" s="1"/>
  <c r="Q2819" i="10"/>
  <c r="D2811" i="26" s="1"/>
  <c r="C2811" i="26"/>
  <c r="C379" i="26"/>
  <c r="Q387" i="10"/>
  <c r="D379" i="26" s="1"/>
  <c r="C573" i="26"/>
  <c r="Q581" i="10"/>
  <c r="D573" i="26" s="1"/>
  <c r="C668" i="26"/>
  <c r="Q676" i="10"/>
  <c r="D668" i="26" s="1"/>
  <c r="C243" i="26"/>
  <c r="Q251" i="10"/>
  <c r="D243" i="26" s="1"/>
  <c r="C1053" i="26"/>
  <c r="Q1061" i="10"/>
  <c r="D1053" i="26" s="1"/>
  <c r="Q2339" i="10"/>
  <c r="D2331" i="26" s="1"/>
  <c r="C2331" i="26"/>
  <c r="C667" i="26"/>
  <c r="Q675" i="10"/>
  <c r="D667" i="26" s="1"/>
  <c r="C1356" i="26"/>
  <c r="Q1364" i="10"/>
  <c r="D1356" i="26" s="1"/>
  <c r="Q2054" i="10"/>
  <c r="D2046" i="26" s="1"/>
  <c r="C2046" i="26"/>
  <c r="Q1350" i="10"/>
  <c r="D1342" i="26" s="1"/>
  <c r="C1342" i="26"/>
  <c r="C574" i="26"/>
  <c r="Q582" i="10"/>
  <c r="D574" i="26" s="1"/>
  <c r="C252" i="26"/>
  <c r="Q260" i="10"/>
  <c r="D252" i="26" s="1"/>
  <c r="Q1384" i="10"/>
  <c r="D1376" i="26" s="1"/>
  <c r="C1376" i="26"/>
  <c r="Q2759" i="10"/>
  <c r="D2751" i="26" s="1"/>
  <c r="C2751" i="26"/>
  <c r="Q1279" i="10"/>
  <c r="D1271" i="26" s="1"/>
  <c r="C1271" i="26"/>
  <c r="C39" i="26"/>
  <c r="Q47" i="10"/>
  <c r="D39" i="26" s="1"/>
  <c r="C1221" i="26"/>
  <c r="Q1229" i="10"/>
  <c r="D1221" i="26" s="1"/>
  <c r="C1740" i="26"/>
  <c r="Q1748" i="10"/>
  <c r="D1740" i="26" s="1"/>
  <c r="Q2227" i="10"/>
  <c r="D2219" i="26" s="1"/>
  <c r="C2219" i="26"/>
  <c r="C395" i="26"/>
  <c r="Q403" i="10"/>
  <c r="D395" i="26" s="1"/>
  <c r="Q1176" i="10"/>
  <c r="D1168" i="26" s="1"/>
  <c r="C1168" i="26"/>
  <c r="C455" i="26"/>
  <c r="Q463" i="10"/>
  <c r="D455" i="26" s="1"/>
  <c r="C309" i="26"/>
  <c r="E310" i="26" s="1"/>
  <c r="Q317" i="10"/>
  <c r="D309" i="26" s="1"/>
  <c r="C556" i="26"/>
  <c r="Q564" i="10"/>
  <c r="D556" i="26" s="1"/>
  <c r="C619" i="26"/>
  <c r="Q627" i="10"/>
  <c r="D619" i="26" s="1"/>
  <c r="C464" i="26"/>
  <c r="Q472" i="10"/>
  <c r="D464" i="26" s="1"/>
  <c r="C567" i="26"/>
  <c r="Q575" i="10"/>
  <c r="D567" i="26" s="1"/>
  <c r="Q85" i="10"/>
  <c r="D77" i="26" s="1"/>
  <c r="C77" i="26"/>
  <c r="Q1275" i="10"/>
  <c r="D1267" i="26" s="1"/>
  <c r="C1267" i="26"/>
  <c r="C797" i="26"/>
  <c r="E798" i="26" s="1"/>
  <c r="Q805" i="10"/>
  <c r="D797" i="26" s="1"/>
  <c r="Q1955" i="10"/>
  <c r="D1947" i="26" s="1"/>
  <c r="C1947" i="26"/>
  <c r="C1868" i="26"/>
  <c r="Q1876" i="10"/>
  <c r="D1868" i="26" s="1"/>
  <c r="Q1984" i="10"/>
  <c r="D1976" i="26" s="1"/>
  <c r="C1976" i="26"/>
  <c r="C1308" i="26"/>
  <c r="Q1316" i="10"/>
  <c r="D1308" i="26" s="1"/>
  <c r="Q2079" i="10"/>
  <c r="D2071" i="26" s="1"/>
  <c r="C2071" i="26"/>
  <c r="Q1503" i="10"/>
  <c r="D1495" i="26" s="1"/>
  <c r="C1495" i="26"/>
  <c r="C919" i="26"/>
  <c r="Q927" i="10"/>
  <c r="D919" i="26" s="1"/>
  <c r="C2076" i="26"/>
  <c r="Q2084" i="10"/>
  <c r="D2076" i="26" s="1"/>
  <c r="Q1768" i="10"/>
  <c r="D1760" i="26" s="1"/>
  <c r="C1760" i="26"/>
  <c r="C679" i="26"/>
  <c r="Q687" i="10"/>
  <c r="D679" i="26" s="1"/>
  <c r="C381" i="26"/>
  <c r="Q389" i="10"/>
  <c r="D381" i="26" s="1"/>
  <c r="Q2163" i="10"/>
  <c r="D2155" i="26" s="1"/>
  <c r="C2155" i="26"/>
  <c r="Q2566" i="10"/>
  <c r="D2558" i="26" s="1"/>
  <c r="C2558" i="26"/>
  <c r="Q1688" i="10"/>
  <c r="D1680" i="26" s="1"/>
  <c r="C1680" i="26"/>
  <c r="C2485" i="26"/>
  <c r="Q2493" i="10"/>
  <c r="D2485" i="26" s="1"/>
  <c r="C980" i="26"/>
  <c r="Q988" i="10"/>
  <c r="D980" i="26" s="1"/>
  <c r="C448" i="26"/>
  <c r="Q456" i="10"/>
  <c r="D448" i="26" s="1"/>
  <c r="C2173" i="26"/>
  <c r="Q2181" i="10"/>
  <c r="D2173" i="26" s="1"/>
  <c r="C69" i="26"/>
  <c r="Q77" i="10"/>
  <c r="D69" i="26" s="1"/>
  <c r="Q2051" i="10"/>
  <c r="D2043" i="26" s="1"/>
  <c r="C2043" i="26"/>
  <c r="C2797" i="26"/>
  <c r="Q2805" i="10"/>
  <c r="D2797" i="26" s="1"/>
  <c r="C1645" i="26"/>
  <c r="E1646" i="26" s="1"/>
  <c r="Q1653" i="10"/>
  <c r="D1645" i="26" s="1"/>
  <c r="C1005" i="26"/>
  <c r="Q1013" i="10"/>
  <c r="D1005" i="26" s="1"/>
  <c r="C493" i="26"/>
  <c r="E494" i="26" s="1"/>
  <c r="Q501" i="10"/>
  <c r="D493" i="26" s="1"/>
  <c r="C1508" i="26"/>
  <c r="Q1516" i="10"/>
  <c r="D1508" i="26" s="1"/>
  <c r="Q2064" i="10"/>
  <c r="D2056" i="26" s="1"/>
  <c r="C2056" i="26"/>
  <c r="C968" i="26"/>
  <c r="Q976" i="10"/>
  <c r="D968" i="26" s="1"/>
  <c r="C264" i="26"/>
  <c r="Q272" i="10"/>
  <c r="D264" i="26" s="1"/>
  <c r="Q2415" i="10"/>
  <c r="D2407" i="26" s="1"/>
  <c r="C2407" i="26"/>
  <c r="Q1647" i="10"/>
  <c r="D1639" i="26" s="1"/>
  <c r="C1639" i="26"/>
  <c r="C487" i="26"/>
  <c r="Q495" i="10"/>
  <c r="D487" i="26" s="1"/>
  <c r="Q2088" i="10"/>
  <c r="D2080" i="26" s="1"/>
  <c r="C2080" i="26"/>
  <c r="C224" i="26"/>
  <c r="Q232" i="10"/>
  <c r="D224" i="26" s="1"/>
  <c r="C831" i="26"/>
  <c r="Q839" i="10"/>
  <c r="D831" i="26" s="1"/>
  <c r="C2693" i="26"/>
  <c r="Q2701" i="10"/>
  <c r="D2693" i="26" s="1"/>
  <c r="C901" i="26"/>
  <c r="Q909" i="10"/>
  <c r="D901" i="26" s="1"/>
  <c r="C1836" i="26"/>
  <c r="Q1844" i="10"/>
  <c r="D1836" i="26" s="1"/>
  <c r="C380" i="26"/>
  <c r="Q388" i="10"/>
  <c r="D380" i="26" s="1"/>
  <c r="Q1971" i="10"/>
  <c r="D1963" i="26" s="1"/>
  <c r="C1963" i="26"/>
  <c r="C251" i="26"/>
  <c r="Q259" i="10"/>
  <c r="D251" i="26" s="1"/>
  <c r="Q2480" i="10"/>
  <c r="D2472" i="26" s="1"/>
  <c r="C2472" i="26"/>
  <c r="Q2047" i="10"/>
  <c r="D2039" i="26" s="1"/>
  <c r="C2039" i="26"/>
  <c r="C1765" i="26"/>
  <c r="Q1773" i="10"/>
  <c r="D1765" i="26" s="1"/>
  <c r="Q1515" i="10"/>
  <c r="D1507" i="26" s="1"/>
  <c r="C1507" i="26"/>
  <c r="C861" i="26"/>
  <c r="Q869" i="10"/>
  <c r="D861" i="26" s="1"/>
  <c r="Q1763" i="10"/>
  <c r="D1755" i="26" s="1"/>
  <c r="C1755" i="26"/>
  <c r="C155" i="26"/>
  <c r="Q163" i="10"/>
  <c r="D155" i="26" s="1"/>
  <c r="Q2432" i="10"/>
  <c r="D2424" i="26" s="1"/>
  <c r="C2424" i="26"/>
  <c r="Q1280" i="10"/>
  <c r="D1272" i="26" s="1"/>
  <c r="C1272" i="26"/>
  <c r="C184" i="26"/>
  <c r="Q192" i="10"/>
  <c r="D184" i="26" s="1"/>
  <c r="C599" i="26"/>
  <c r="Q607" i="10"/>
  <c r="D599" i="26" s="1"/>
  <c r="C188" i="26"/>
  <c r="Q196" i="10"/>
  <c r="D188" i="26" s="1"/>
  <c r="C672" i="26"/>
  <c r="Q680" i="10"/>
  <c r="D672" i="26" s="1"/>
  <c r="C423" i="26"/>
  <c r="Q431" i="10"/>
  <c r="D423" i="26" s="1"/>
  <c r="C965" i="26"/>
  <c r="Q973" i="10"/>
  <c r="D965" i="26" s="1"/>
  <c r="C1492" i="26"/>
  <c r="Q1500" i="10"/>
  <c r="D1492" i="26" s="1"/>
  <c r="Q1939" i="10"/>
  <c r="D1931" i="26" s="1"/>
  <c r="C1931" i="26"/>
  <c r="C2725" i="26"/>
  <c r="Q2733" i="10"/>
  <c r="D2725" i="26" s="1"/>
  <c r="C2021" i="26"/>
  <c r="Q2029" i="10"/>
  <c r="D2021" i="26" s="1"/>
  <c r="C1253" i="26"/>
  <c r="Q1261" i="10"/>
  <c r="D1253" i="26" s="1"/>
  <c r="C613" i="26"/>
  <c r="Q621" i="10"/>
  <c r="D613" i="26" s="1"/>
  <c r="C101" i="26"/>
  <c r="Q109" i="10"/>
  <c r="D101" i="26" s="1"/>
  <c r="Q2603" i="10"/>
  <c r="D2595" i="26" s="1"/>
  <c r="C2595" i="26"/>
  <c r="Q1899" i="10"/>
  <c r="D1891" i="26" s="1"/>
  <c r="C1891" i="26"/>
  <c r="Q1195" i="10"/>
  <c r="D1187" i="26" s="1"/>
  <c r="C1187" i="26"/>
  <c r="C547" i="26"/>
  <c r="Q555" i="10"/>
  <c r="D547" i="26" s="1"/>
  <c r="C1924" i="26"/>
  <c r="Q1932" i="10"/>
  <c r="D1924" i="26" s="1"/>
  <c r="C244" i="26"/>
  <c r="Q252" i="10"/>
  <c r="D244" i="26" s="1"/>
  <c r="Q2568" i="10"/>
  <c r="D2560" i="26" s="1"/>
  <c r="C2560" i="26"/>
  <c r="D25" i="23"/>
  <c r="D25" i="25"/>
  <c r="E25" i="25" s="1"/>
  <c r="Q1992" i="10"/>
  <c r="D1984" i="26" s="1"/>
  <c r="C1984" i="26"/>
  <c r="Q1288" i="10"/>
  <c r="D1280" i="26" s="1"/>
  <c r="C1280" i="26"/>
  <c r="C640" i="26"/>
  <c r="Q648" i="10"/>
  <c r="D640" i="26" s="1"/>
  <c r="C2012" i="26"/>
  <c r="Q2020" i="10"/>
  <c r="D2012" i="26" s="1"/>
  <c r="Q2343" i="10"/>
  <c r="D2335" i="26" s="1"/>
  <c r="C2335" i="26"/>
  <c r="Q1639" i="10"/>
  <c r="D1631" i="26" s="1"/>
  <c r="C1631" i="26"/>
  <c r="C1119" i="26"/>
  <c r="Q1127" i="10"/>
  <c r="D1119" i="26" s="1"/>
  <c r="C607" i="26"/>
  <c r="Q615" i="10"/>
  <c r="D607" i="26" s="1"/>
  <c r="C228" i="26"/>
  <c r="Q236" i="10"/>
  <c r="D228" i="26" s="1"/>
  <c r="C1972" i="26"/>
  <c r="Q1980" i="10"/>
  <c r="D1972" i="26" s="1"/>
  <c r="Q1659" i="10"/>
  <c r="D1651" i="26" s="1"/>
  <c r="C1651" i="26"/>
  <c r="C2188" i="26"/>
  <c r="Q2196" i="10"/>
  <c r="D2188" i="26" s="1"/>
  <c r="C2525" i="26"/>
  <c r="Q2533" i="10"/>
  <c r="D2525" i="26" s="1"/>
  <c r="C1245" i="26"/>
  <c r="Q1253" i="10"/>
  <c r="D1245" i="26" s="1"/>
  <c r="Q1699" i="10"/>
  <c r="D1691" i="26" s="1"/>
  <c r="C1691" i="26"/>
  <c r="Q2107" i="10"/>
  <c r="D2099" i="26" s="1"/>
  <c r="C2099" i="26"/>
  <c r="C80" i="26"/>
  <c r="Q88" i="10"/>
  <c r="D80" i="26" s="1"/>
  <c r="C373" i="26"/>
  <c r="E374" i="26" s="1"/>
  <c r="Q381" i="10"/>
  <c r="D373" i="26" s="1"/>
  <c r="C848" i="26"/>
  <c r="Q856" i="10"/>
  <c r="D848" i="26" s="1"/>
  <c r="C2165" i="26"/>
  <c r="Q2173" i="10"/>
  <c r="D2165" i="26" s="1"/>
  <c r="Q2584" i="10"/>
  <c r="D2576" i="26" s="1"/>
  <c r="C2576" i="26"/>
  <c r="Q2158" i="10"/>
  <c r="D2150" i="26" s="1"/>
  <c r="C2150" i="26"/>
  <c r="Q2555" i="10"/>
  <c r="D2547" i="26" s="1"/>
  <c r="C2547" i="26"/>
  <c r="C1040" i="26"/>
  <c r="Q1048" i="10"/>
  <c r="D1040" i="26" s="1"/>
  <c r="C1205" i="26"/>
  <c r="Q1213" i="10"/>
  <c r="D1205" i="26" s="1"/>
  <c r="C720" i="26"/>
  <c r="Q728" i="10"/>
  <c r="D720" i="26" s="1"/>
  <c r="C949" i="26"/>
  <c r="Q957" i="10"/>
  <c r="D949" i="26" s="1"/>
  <c r="Q1624" i="10"/>
  <c r="D1616" i="26" s="1"/>
  <c r="C1616" i="26"/>
  <c r="E904" i="26"/>
  <c r="F238" i="26"/>
  <c r="E238" i="26"/>
  <c r="E758" i="26"/>
  <c r="E222" i="26"/>
  <c r="E566" i="26"/>
  <c r="F102" i="26"/>
  <c r="E102" i="26"/>
  <c r="F118" i="26"/>
  <c r="E118" i="26"/>
  <c r="E686" i="26"/>
  <c r="F110" i="26"/>
  <c r="E110" i="26"/>
  <c r="C554" i="26"/>
  <c r="Q562" i="10"/>
  <c r="D554" i="26" s="1"/>
  <c r="C2404" i="26"/>
  <c r="Q2412" i="10"/>
  <c r="D2404" i="26" s="1"/>
  <c r="C654" i="26"/>
  <c r="Q662" i="10"/>
  <c r="D654" i="26" s="1"/>
  <c r="C1004" i="26"/>
  <c r="Q1012" i="10"/>
  <c r="D1004" i="26" s="1"/>
  <c r="Q2286" i="10"/>
  <c r="D2278" i="26" s="1"/>
  <c r="C2278" i="26"/>
  <c r="Q1502" i="10"/>
  <c r="D1494" i="26" s="1"/>
  <c r="C1494" i="26"/>
  <c r="C342" i="26"/>
  <c r="Q350" i="10"/>
  <c r="D342" i="26" s="1"/>
  <c r="C2773" i="26"/>
  <c r="Q2781" i="10"/>
  <c r="D2773" i="26" s="1"/>
  <c r="C2261" i="26"/>
  <c r="Q2269" i="10"/>
  <c r="D2261" i="26" s="1"/>
  <c r="C1749" i="26"/>
  <c r="Q1757" i="10"/>
  <c r="D1749" i="26" s="1"/>
  <c r="C1237" i="26"/>
  <c r="Q1245" i="10"/>
  <c r="D1237" i="26" s="1"/>
  <c r="C725" i="26"/>
  <c r="Q733" i="10"/>
  <c r="D725" i="26" s="1"/>
  <c r="C149" i="26"/>
  <c r="Q157" i="10"/>
  <c r="D149" i="26" s="1"/>
  <c r="Q2651" i="10"/>
  <c r="D2643" i="26" s="1"/>
  <c r="C2643" i="26"/>
  <c r="Q1947" i="10"/>
  <c r="D1939" i="26" s="1"/>
  <c r="C1939" i="26"/>
  <c r="Q1179" i="10"/>
  <c r="D1171" i="26" s="1"/>
  <c r="C1171" i="26"/>
  <c r="C211" i="26"/>
  <c r="Q219" i="10"/>
  <c r="D211" i="26" s="1"/>
  <c r="C1132" i="26"/>
  <c r="Q1140" i="10"/>
  <c r="D1132" i="26" s="1"/>
  <c r="Q2488" i="10"/>
  <c r="D2480" i="26" s="1"/>
  <c r="C2480" i="26"/>
  <c r="Q1784" i="10"/>
  <c r="D1776" i="26" s="1"/>
  <c r="C1776" i="26"/>
  <c r="C1008" i="26"/>
  <c r="Q1016" i="10"/>
  <c r="D1008" i="26" s="1"/>
  <c r="C240" i="26"/>
  <c r="Q248" i="10"/>
  <c r="D240" i="26" s="1"/>
  <c r="Q2583" i="10"/>
  <c r="D2575" i="26" s="1"/>
  <c r="C2575" i="26"/>
  <c r="Q1943" i="10"/>
  <c r="D1935" i="26" s="1"/>
  <c r="C1935" i="26"/>
  <c r="Q1175" i="10"/>
  <c r="D1167" i="26" s="1"/>
  <c r="C1167" i="26"/>
  <c r="C591" i="26"/>
  <c r="Q599" i="10"/>
  <c r="D591" i="26" s="1"/>
  <c r="C2036" i="26"/>
  <c r="Q2044" i="10"/>
  <c r="D2036" i="26" s="1"/>
  <c r="T2384" i="10"/>
  <c r="Q2384" i="10"/>
  <c r="D2376" i="26" s="1"/>
  <c r="C2376" i="26"/>
  <c r="C992" i="26"/>
  <c r="Q1000" i="10"/>
  <c r="D992" i="26" s="1"/>
  <c r="Q1863" i="10"/>
  <c r="D1855" i="26" s="1"/>
  <c r="C1855" i="26"/>
  <c r="C1853" i="26"/>
  <c r="Q1861" i="10"/>
  <c r="D1853" i="26" s="1"/>
  <c r="C253" i="26"/>
  <c r="Q261" i="10"/>
  <c r="D253" i="26" s="1"/>
  <c r="C1900" i="26"/>
  <c r="Q1908" i="10"/>
  <c r="D1900" i="26" s="1"/>
  <c r="C348" i="26"/>
  <c r="Q356" i="10"/>
  <c r="D348" i="26" s="1"/>
  <c r="T1139" i="10"/>
  <c r="C1131" i="26"/>
  <c r="Q1139" i="10"/>
  <c r="D1131" i="26" s="1"/>
  <c r="Q2822" i="10"/>
  <c r="D2814" i="26" s="1"/>
  <c r="C2814" i="26"/>
  <c r="Q1878" i="10"/>
  <c r="D1870" i="26" s="1"/>
  <c r="C1870" i="26"/>
  <c r="Q1238" i="10"/>
  <c r="D1230" i="26" s="1"/>
  <c r="C1230" i="26"/>
  <c r="C590" i="26"/>
  <c r="Q598" i="10"/>
  <c r="D590" i="26" s="1"/>
  <c r="C14" i="26"/>
  <c r="Q22" i="10"/>
  <c r="D14" i="26" s="1"/>
  <c r="C1805" i="26"/>
  <c r="Q1813" i="10"/>
  <c r="D1805" i="26" s="1"/>
  <c r="T149" i="10"/>
  <c r="Q149" i="10"/>
  <c r="D141" i="26" s="1"/>
  <c r="C141" i="26"/>
  <c r="Q1875" i="10"/>
  <c r="D1867" i="26" s="1"/>
  <c r="C1867" i="26"/>
  <c r="C779" i="26"/>
  <c r="Q787" i="10"/>
  <c r="D779" i="26" s="1"/>
  <c r="C524" i="26"/>
  <c r="Q532" i="10"/>
  <c r="D524" i="26" s="1"/>
  <c r="Q2096" i="10"/>
  <c r="D2088" i="26" s="1"/>
  <c r="C2088" i="26"/>
  <c r="C1064" i="26"/>
  <c r="Q1072" i="10"/>
  <c r="D1064" i="26" s="1"/>
  <c r="C232" i="26"/>
  <c r="Q240" i="10"/>
  <c r="D232" i="26" s="1"/>
  <c r="T2319" i="10"/>
  <c r="Q2319" i="10"/>
  <c r="D2311" i="26" s="1"/>
  <c r="C2311" i="26"/>
  <c r="Q1359" i="10"/>
  <c r="D1351" i="26" s="1"/>
  <c r="C1351" i="26"/>
  <c r="C391" i="26"/>
  <c r="Q399" i="10"/>
  <c r="D391" i="26" s="1"/>
  <c r="Q2664" i="10"/>
  <c r="D2656" i="26" s="1"/>
  <c r="C2656" i="26"/>
  <c r="C864" i="26"/>
  <c r="Q872" i="10"/>
  <c r="D864" i="26" s="1"/>
  <c r="Q1983" i="10"/>
  <c r="D1975" i="26" s="1"/>
  <c r="C1975" i="26"/>
  <c r="T519" i="10"/>
  <c r="C511" i="26"/>
  <c r="Q519" i="10"/>
  <c r="D511" i="26" s="1"/>
  <c r="T1541" i="10"/>
  <c r="C1533" i="26"/>
  <c r="Q1541" i="10"/>
  <c r="D1533" i="26" s="1"/>
  <c r="C2620" i="26"/>
  <c r="Q2628" i="10"/>
  <c r="D2620" i="26" s="1"/>
  <c r="T740" i="10"/>
  <c r="C732" i="26"/>
  <c r="Q740" i="10"/>
  <c r="D732" i="26" s="1"/>
  <c r="Q2035" i="10"/>
  <c r="D2027" i="26" s="1"/>
  <c r="C2027" i="26"/>
  <c r="C555" i="26"/>
  <c r="Q563" i="10"/>
  <c r="D555" i="26" s="1"/>
  <c r="Q1806" i="10"/>
  <c r="D1798" i="26" s="1"/>
  <c r="C1798" i="26"/>
  <c r="T910" i="10"/>
  <c r="C902" i="26"/>
  <c r="Q910" i="10"/>
  <c r="D902" i="26" s="1"/>
  <c r="C70" i="26"/>
  <c r="Q78" i="10"/>
  <c r="D70" i="26" s="1"/>
  <c r="T2292" i="10"/>
  <c r="C2284" i="26"/>
  <c r="Q2292" i="10"/>
  <c r="D2284" i="26" s="1"/>
  <c r="Q2448" i="10"/>
  <c r="D2440" i="26" s="1"/>
  <c r="C2440" i="26"/>
  <c r="Q1192" i="10"/>
  <c r="D1184" i="26" s="1"/>
  <c r="C1184" i="26"/>
  <c r="T2111" i="10"/>
  <c r="Q2111" i="10"/>
  <c r="D2103" i="26" s="1"/>
  <c r="C2103" i="26"/>
  <c r="C639" i="26"/>
  <c r="Q647" i="10"/>
  <c r="D639" i="26" s="1"/>
  <c r="C1933" i="26"/>
  <c r="Q1941" i="10"/>
  <c r="D1933" i="26" s="1"/>
  <c r="T141" i="10"/>
  <c r="C133" i="26"/>
  <c r="Q141" i="10"/>
  <c r="D133" i="26" s="1"/>
  <c r="C1460" i="26"/>
  <c r="Q1468" i="10"/>
  <c r="D1460" i="26" s="1"/>
  <c r="Q2115" i="10"/>
  <c r="D2107" i="26" s="1"/>
  <c r="C2107" i="26"/>
  <c r="Q2416" i="10"/>
  <c r="D2408" i="26" s="1"/>
  <c r="C2408" i="26"/>
  <c r="T2623" i="10"/>
  <c r="Q2623" i="10"/>
  <c r="D2615" i="26" s="1"/>
  <c r="C2615" i="26"/>
  <c r="T2429" i="10"/>
  <c r="C2421" i="26"/>
  <c r="Q2429" i="10"/>
  <c r="D2421" i="26" s="1"/>
  <c r="T125" i="10"/>
  <c r="C117" i="26"/>
  <c r="Q125" i="10"/>
  <c r="D117" i="26" s="1"/>
  <c r="T2547" i="10"/>
  <c r="Q2547" i="10"/>
  <c r="D2539" i="26" s="1"/>
  <c r="C2539" i="26"/>
  <c r="C171" i="26"/>
  <c r="Q179" i="10"/>
  <c r="D171" i="26" s="1"/>
  <c r="C189" i="26"/>
  <c r="Q197" i="10"/>
  <c r="D189" i="26" s="1"/>
  <c r="C196" i="26"/>
  <c r="Q204" i="10"/>
  <c r="D196" i="26" s="1"/>
  <c r="Q2502" i="10"/>
  <c r="D2494" i="26" s="1"/>
  <c r="C2494" i="26"/>
  <c r="C605" i="26"/>
  <c r="Q613" i="10"/>
  <c r="D605" i="26" s="1"/>
  <c r="T2211" i="10"/>
  <c r="Q2211" i="10"/>
  <c r="D2203" i="26" s="1"/>
  <c r="C2203" i="26"/>
  <c r="C539" i="26"/>
  <c r="Q547" i="10"/>
  <c r="D539" i="26" s="1"/>
  <c r="Q2816" i="10"/>
  <c r="D2808" i="26" s="1"/>
  <c r="C2808" i="26"/>
  <c r="Q1990" i="10"/>
  <c r="D1982" i="26" s="1"/>
  <c r="C1982" i="26"/>
  <c r="C1086" i="26"/>
  <c r="Q1094" i="10"/>
  <c r="D1086" i="26" s="1"/>
  <c r="C510" i="26"/>
  <c r="Q518" i="10"/>
  <c r="D510" i="26" s="1"/>
  <c r="C59" i="26"/>
  <c r="Q67" i="10"/>
  <c r="D59" i="26" s="1"/>
  <c r="Q1296" i="10"/>
  <c r="D1288" i="26" s="1"/>
  <c r="C1288" i="26"/>
  <c r="T2631" i="10"/>
  <c r="Q2631" i="10"/>
  <c r="D2623" i="26" s="1"/>
  <c r="C2623" i="26"/>
  <c r="T1151" i="10"/>
  <c r="Q1151" i="10"/>
  <c r="D1143" i="26" s="1"/>
  <c r="C1143" i="26"/>
  <c r="C2509" i="26"/>
  <c r="Q2517" i="10"/>
  <c r="D2509" i="26" s="1"/>
  <c r="C1021" i="26"/>
  <c r="Q1029" i="10"/>
  <c r="D1021" i="26" s="1"/>
  <c r="C1276" i="26"/>
  <c r="Q1284" i="10"/>
  <c r="D1276" i="26" s="1"/>
  <c r="Q1779" i="10"/>
  <c r="D1771" i="26" s="1"/>
  <c r="C1771" i="26"/>
  <c r="T307" i="10"/>
  <c r="C299" i="26"/>
  <c r="Q307" i="10"/>
  <c r="D299" i="26" s="1"/>
  <c r="C928" i="26"/>
  <c r="Q936" i="10"/>
  <c r="D928" i="26" s="1"/>
  <c r="T255" i="10"/>
  <c r="C247" i="26"/>
  <c r="Q255" i="10"/>
  <c r="D247" i="26" s="1"/>
  <c r="T2588" i="10"/>
  <c r="C2580" i="26"/>
  <c r="Q2588" i="10"/>
  <c r="D2580" i="26" s="1"/>
  <c r="C308" i="26"/>
  <c r="Q316" i="10"/>
  <c r="D308" i="26" s="1"/>
  <c r="C1452" i="26"/>
  <c r="Q1460" i="10"/>
  <c r="D1452" i="26" s="1"/>
  <c r="C216" i="26"/>
  <c r="Q224" i="10"/>
  <c r="D216" i="26" s="1"/>
  <c r="C223" i="26"/>
  <c r="Q231" i="10"/>
  <c r="D223" i="26" s="1"/>
  <c r="C1916" i="26"/>
  <c r="Q1924" i="10"/>
  <c r="D1916" i="26" s="1"/>
  <c r="T827" i="10"/>
  <c r="C819" i="26"/>
  <c r="Q827" i="10"/>
  <c r="D819" i="26" s="1"/>
  <c r="C541" i="26"/>
  <c r="Q549" i="10"/>
  <c r="D541" i="26" s="1"/>
  <c r="Q1571" i="10"/>
  <c r="D1563" i="26" s="1"/>
  <c r="C1563" i="26"/>
  <c r="C420" i="26"/>
  <c r="Q428" i="10"/>
  <c r="D420" i="26" s="1"/>
  <c r="Q1728" i="10"/>
  <c r="D1720" i="26" s="1"/>
  <c r="C1720" i="26"/>
  <c r="C84" i="26"/>
  <c r="Q92" i="10"/>
  <c r="D84" i="26" s="1"/>
  <c r="Q2015" i="10"/>
  <c r="D2007" i="26" s="1"/>
  <c r="C2007" i="26"/>
  <c r="Q1439" i="10"/>
  <c r="D1431" i="26" s="1"/>
  <c r="C1431" i="26"/>
  <c r="C855" i="26"/>
  <c r="Q863" i="10"/>
  <c r="D855" i="26" s="1"/>
  <c r="C1420" i="26"/>
  <c r="Q1428" i="10"/>
  <c r="D1420" i="26" s="1"/>
  <c r="T1560" i="10"/>
  <c r="Q1560" i="10"/>
  <c r="D1552" i="26" s="1"/>
  <c r="C1552" i="26"/>
  <c r="C191" i="26"/>
  <c r="Q199" i="10"/>
  <c r="D191" i="26" s="1"/>
  <c r="C2108" i="26"/>
  <c r="Q2116" i="10"/>
  <c r="D2108" i="26" s="1"/>
  <c r="Q1835" i="10"/>
  <c r="D1827" i="26" s="1"/>
  <c r="C1827" i="26"/>
  <c r="Q2382" i="10"/>
  <c r="D2374" i="26" s="1"/>
  <c r="C2374" i="26"/>
  <c r="T1568" i="10"/>
  <c r="Q1568" i="10"/>
  <c r="D1560" i="26" s="1"/>
  <c r="C1560" i="26"/>
  <c r="T2189" i="10"/>
  <c r="C2181" i="26"/>
  <c r="Q2189" i="10"/>
  <c r="D2181" i="26" s="1"/>
  <c r="C364" i="26"/>
  <c r="Q372" i="10"/>
  <c r="D364" i="26" s="1"/>
  <c r="Q2831" i="10"/>
  <c r="D2823" i="26" s="1"/>
  <c r="C2823" i="26"/>
  <c r="T1765" i="10"/>
  <c r="C1757" i="26"/>
  <c r="E1758" i="26" s="1"/>
  <c r="Q1765" i="10"/>
  <c r="D1757" i="26" s="1"/>
  <c r="C2308" i="26"/>
  <c r="Q2316" i="10"/>
  <c r="D2308" i="26" s="1"/>
  <c r="Q1603" i="10"/>
  <c r="D1595" i="26" s="1"/>
  <c r="C1595" i="26"/>
  <c r="T2677" i="10"/>
  <c r="C2669" i="26"/>
  <c r="E2670" i="26" s="1"/>
  <c r="Q2677" i="10"/>
  <c r="D2669" i="26" s="1"/>
  <c r="C1517" i="26"/>
  <c r="Q1525" i="10"/>
  <c r="D1517" i="26" s="1"/>
  <c r="T949" i="10"/>
  <c r="C941" i="26"/>
  <c r="Q949" i="10"/>
  <c r="D941" i="26" s="1"/>
  <c r="C429" i="26"/>
  <c r="Q437" i="10"/>
  <c r="D429" i="26" s="1"/>
  <c r="C868" i="26"/>
  <c r="Q876" i="10"/>
  <c r="D868" i="26" s="1"/>
  <c r="Q2000" i="10"/>
  <c r="D1992" i="26" s="1"/>
  <c r="C1992" i="26"/>
  <c r="C776" i="26"/>
  <c r="Q784" i="10"/>
  <c r="D776" i="26" s="1"/>
  <c r="C136" i="26"/>
  <c r="Q144" i="10"/>
  <c r="D136" i="26" s="1"/>
  <c r="Q2351" i="10"/>
  <c r="D2343" i="26" s="1"/>
  <c r="C2343" i="26"/>
  <c r="Q1583" i="10"/>
  <c r="D1575" i="26" s="1"/>
  <c r="C1575" i="26"/>
  <c r="C2548" i="26"/>
  <c r="Q2556" i="10"/>
  <c r="D2548" i="26" s="1"/>
  <c r="Q1696" i="10"/>
  <c r="D1688" i="26" s="1"/>
  <c r="C1688" i="26"/>
  <c r="T2311" i="10"/>
  <c r="Q2311" i="10"/>
  <c r="D2303" i="26" s="1"/>
  <c r="C2303" i="26"/>
  <c r="T711" i="10"/>
  <c r="C703" i="26"/>
  <c r="Q711" i="10"/>
  <c r="D703" i="26" s="1"/>
  <c r="E704" i="26" s="1"/>
  <c r="T2581" i="10"/>
  <c r="C2573" i="26"/>
  <c r="Q2581" i="10"/>
  <c r="D2573" i="26" s="1"/>
  <c r="T781" i="10"/>
  <c r="C773" i="26"/>
  <c r="Q781" i="10"/>
  <c r="D773" i="26" s="1"/>
  <c r="C1700" i="26"/>
  <c r="Q1708" i="10"/>
  <c r="D1700" i="26" s="1"/>
  <c r="T308" i="10"/>
  <c r="C300" i="26"/>
  <c r="Q308" i="10"/>
  <c r="D300" i="26" s="1"/>
  <c r="T1731" i="10"/>
  <c r="Q1731" i="10"/>
  <c r="D1723" i="26" s="1"/>
  <c r="C1723" i="26"/>
  <c r="Q2702" i="10"/>
  <c r="D2694" i="26" s="1"/>
  <c r="C2694" i="26"/>
  <c r="Q1872" i="10"/>
  <c r="D1864" i="26" s="1"/>
  <c r="C1864" i="26"/>
  <c r="D21" i="23"/>
  <c r="D21" i="25"/>
  <c r="E21" i="25" s="1"/>
  <c r="Q1615" i="10"/>
  <c r="D1607" i="26" s="1"/>
  <c r="C1607" i="26"/>
  <c r="C1477" i="26"/>
  <c r="Q1485" i="10"/>
  <c r="D1477" i="26" s="1"/>
  <c r="C1059" i="26"/>
  <c r="Q1067" i="10"/>
  <c r="D1059" i="26" s="1"/>
  <c r="C285" i="26"/>
  <c r="Q293" i="10"/>
  <c r="D285" i="26" s="1"/>
  <c r="Q1507" i="10"/>
  <c r="D1499" i="26" s="1"/>
  <c r="C1499" i="26"/>
  <c r="C1436" i="26"/>
  <c r="Q1444" i="10"/>
  <c r="D1436" i="26" s="1"/>
  <c r="Q2240" i="10"/>
  <c r="D2232" i="26" s="1"/>
  <c r="C2232" i="26"/>
  <c r="C1080" i="26"/>
  <c r="Q1088" i="10"/>
  <c r="D1080" i="26" s="1"/>
  <c r="C120" i="26"/>
  <c r="Q128" i="10"/>
  <c r="D120" i="26" s="1"/>
  <c r="C407" i="26"/>
  <c r="Q415" i="10"/>
  <c r="D407" i="26" s="1"/>
  <c r="Q2592" i="10"/>
  <c r="D2584" i="26" s="1"/>
  <c r="C2584" i="26"/>
  <c r="T216" i="10"/>
  <c r="C208" i="26"/>
  <c r="Q216" i="10"/>
  <c r="D208" i="26" s="1"/>
  <c r="T79" i="10"/>
  <c r="C71" i="26"/>
  <c r="Q79" i="10"/>
  <c r="D71" i="26" s="1"/>
  <c r="T677" i="10"/>
  <c r="C669" i="26"/>
  <c r="Q677" i="10"/>
  <c r="D669" i="26" s="1"/>
  <c r="T1252" i="10"/>
  <c r="C1244" i="26"/>
  <c r="Q1252" i="10"/>
  <c r="D1244" i="26" s="1"/>
  <c r="Q1715" i="10"/>
  <c r="D1707" i="26" s="1"/>
  <c r="C1707" i="26"/>
  <c r="T2669" i="10"/>
  <c r="C2661" i="26"/>
  <c r="Q2669" i="10"/>
  <c r="D2661" i="26" s="1"/>
  <c r="T1965" i="10"/>
  <c r="C1957" i="26"/>
  <c r="Q1965" i="10"/>
  <c r="D1957" i="26" s="1"/>
  <c r="T1133" i="10"/>
  <c r="C1125" i="26"/>
  <c r="E1126" i="26" s="1"/>
  <c r="Q1133" i="10"/>
  <c r="D1125" i="26" s="1"/>
  <c r="T557" i="10"/>
  <c r="C549" i="26"/>
  <c r="Q557" i="10"/>
  <c r="D549" i="26" s="1"/>
  <c r="T45" i="10"/>
  <c r="C37" i="26"/>
  <c r="Q45" i="10"/>
  <c r="D37" i="26" s="1"/>
  <c r="T2539" i="10"/>
  <c r="Q2539" i="10"/>
  <c r="D2531" i="26" s="1"/>
  <c r="C2531" i="26"/>
  <c r="T1771" i="10"/>
  <c r="Q1771" i="10"/>
  <c r="D1763" i="26" s="1"/>
  <c r="C1763" i="26"/>
  <c r="C1123" i="26"/>
  <c r="Q1131" i="10"/>
  <c r="D1123" i="26" s="1"/>
  <c r="T427" i="10"/>
  <c r="C419" i="26"/>
  <c r="Q427" i="10"/>
  <c r="D419" i="26" s="1"/>
  <c r="T1492" i="10"/>
  <c r="C1484" i="26"/>
  <c r="Q1492" i="10"/>
  <c r="D1484" i="26" s="1"/>
  <c r="T2460" i="10"/>
  <c r="C2452" i="26"/>
  <c r="Q2460" i="10"/>
  <c r="D2452" i="26" s="1"/>
  <c r="T2504" i="10"/>
  <c r="I51" i="6" s="1"/>
  <c r="D30" i="23"/>
  <c r="D30" i="25"/>
  <c r="Q2504" i="10"/>
  <c r="D2496" i="26" s="1"/>
  <c r="C2496" i="26"/>
  <c r="T1928" i="10"/>
  <c r="Q1928" i="10"/>
  <c r="D1920" i="26" s="1"/>
  <c r="C1920" i="26"/>
  <c r="T1224" i="10"/>
  <c r="Q1224" i="10"/>
  <c r="D1216" i="26" s="1"/>
  <c r="C1216" i="26"/>
  <c r="T520" i="10"/>
  <c r="C512" i="26"/>
  <c r="Q520" i="10"/>
  <c r="D512" i="26" s="1"/>
  <c r="T148" i="10"/>
  <c r="C140" i="26"/>
  <c r="Q148" i="10"/>
  <c r="D140" i="26" s="1"/>
  <c r="T2279" i="10"/>
  <c r="Q2279" i="10"/>
  <c r="D2271" i="26" s="1"/>
  <c r="C2271" i="26"/>
  <c r="T1575" i="10"/>
  <c r="Q1575" i="10"/>
  <c r="D1567" i="26" s="1"/>
  <c r="C1567" i="26"/>
  <c r="T1063" i="10"/>
  <c r="C1055" i="26"/>
  <c r="Q1063" i="10"/>
  <c r="D1055" i="26" s="1"/>
  <c r="T551" i="10"/>
  <c r="C543" i="26"/>
  <c r="Q551" i="10"/>
  <c r="D543" i="26" s="1"/>
  <c r="Q2574" i="10"/>
  <c r="D2566" i="26" s="1"/>
  <c r="C2566" i="26"/>
  <c r="T2749" i="10"/>
  <c r="C2741" i="26"/>
  <c r="Q2749" i="10"/>
  <c r="D2741" i="26" s="1"/>
  <c r="T1019" i="10"/>
  <c r="C1011" i="26"/>
  <c r="Q1019" i="10"/>
  <c r="D1011" i="26" s="1"/>
  <c r="T2782" i="10"/>
  <c r="Q2782" i="10"/>
  <c r="D2774" i="26" s="1"/>
  <c r="C2774" i="26"/>
  <c r="T2469" i="10"/>
  <c r="C2461" i="26"/>
  <c r="Q2469" i="10"/>
  <c r="D2461" i="26" s="1"/>
  <c r="C989" i="26"/>
  <c r="Q997" i="10"/>
  <c r="D989" i="26" s="1"/>
  <c r="T287" i="10"/>
  <c r="C279" i="26"/>
  <c r="Q287" i="10"/>
  <c r="D279" i="26" s="1"/>
  <c r="Q1595" i="10"/>
  <c r="D1587" i="26" s="1"/>
  <c r="C1587" i="26"/>
  <c r="T332" i="10"/>
  <c r="C324" i="26"/>
  <c r="Q332" i="10"/>
  <c r="D324" i="26" s="1"/>
  <c r="Q2691" i="10"/>
  <c r="D2683" i="26" s="1"/>
  <c r="C2683" i="26"/>
  <c r="C916" i="26"/>
  <c r="Q924" i="10"/>
  <c r="D916" i="26" s="1"/>
  <c r="C1589" i="26"/>
  <c r="E1590" i="26" s="1"/>
  <c r="Q1597" i="10"/>
  <c r="D1589" i="26" s="1"/>
  <c r="Q1944" i="10"/>
  <c r="D1936" i="26" s="1"/>
  <c r="C1936" i="26"/>
  <c r="C934" i="26"/>
  <c r="Q942" i="10"/>
  <c r="D934" i="26" s="1"/>
  <c r="Q2235" i="10"/>
  <c r="D2227" i="26" s="1"/>
  <c r="C2227" i="26"/>
  <c r="C528" i="26"/>
  <c r="Q536" i="10"/>
  <c r="D528" i="26" s="1"/>
  <c r="Q2491" i="10"/>
  <c r="D2483" i="26" s="1"/>
  <c r="C2483" i="26"/>
  <c r="C400" i="26"/>
  <c r="Q408" i="10"/>
  <c r="D400" i="26" s="1"/>
  <c r="T253" i="10"/>
  <c r="C245" i="26"/>
  <c r="Q253" i="10"/>
  <c r="D245" i="26" s="1"/>
  <c r="C656" i="26"/>
  <c r="Q664" i="10"/>
  <c r="D656" i="26" s="1"/>
  <c r="F2742" i="26"/>
  <c r="E2742" i="26"/>
  <c r="F2126" i="26"/>
  <c r="E2126" i="26"/>
  <c r="F2294" i="26"/>
  <c r="E2294" i="26"/>
  <c r="F2526" i="26"/>
  <c r="E2526" i="26"/>
  <c r="E1318" i="26"/>
  <c r="E1694" i="26"/>
  <c r="F2718" i="26"/>
  <c r="E2718" i="26"/>
  <c r="F2030" i="26"/>
  <c r="E2030" i="26"/>
  <c r="E1446" i="26"/>
  <c r="F2326" i="26"/>
  <c r="E2326" i="26"/>
  <c r="F2806" i="26"/>
  <c r="E2806" i="26"/>
  <c r="F2190" i="26"/>
  <c r="E2190" i="26"/>
  <c r="F2704" i="26"/>
  <c r="E2704" i="26"/>
  <c r="F2342" i="26"/>
  <c r="E2342" i="26"/>
  <c r="F2304" i="26"/>
  <c r="E2304" i="26"/>
  <c r="F2334" i="26"/>
  <c r="E2334" i="26"/>
  <c r="F2654" i="26"/>
  <c r="E2654" i="26"/>
  <c r="Q1962" i="10"/>
  <c r="D1954" i="26" s="1"/>
  <c r="C1954" i="26"/>
  <c r="Q2762" i="10"/>
  <c r="D2754" i="26" s="1"/>
  <c r="C2754" i="26"/>
  <c r="Q2112" i="10"/>
  <c r="D2104" i="26" s="1"/>
  <c r="C2104" i="26"/>
  <c r="C254" i="26"/>
  <c r="Q262" i="10"/>
  <c r="D254" i="26" s="1"/>
  <c r="Q1462" i="10"/>
  <c r="D1454" i="26" s="1"/>
  <c r="C1454" i="26"/>
  <c r="Q2110" i="10"/>
  <c r="D2102" i="26" s="1"/>
  <c r="C2102" i="26"/>
  <c r="Q1374" i="10"/>
  <c r="D1366" i="26" s="1"/>
  <c r="C1366" i="26"/>
  <c r="C214" i="26"/>
  <c r="Q222" i="10"/>
  <c r="D214" i="26" s="1"/>
  <c r="C2709" i="26"/>
  <c r="Q2717" i="10"/>
  <c r="D2709" i="26" s="1"/>
  <c r="C2197" i="26"/>
  <c r="Q2205" i="10"/>
  <c r="D2197" i="26" s="1"/>
  <c r="C1685" i="26"/>
  <c r="Q1693" i="10"/>
  <c r="D1685" i="26" s="1"/>
  <c r="C1173" i="26"/>
  <c r="Q1181" i="10"/>
  <c r="D1173" i="26" s="1"/>
  <c r="C661" i="26"/>
  <c r="Q669" i="10"/>
  <c r="D661" i="26" s="1"/>
  <c r="C21" i="26"/>
  <c r="Q29" i="10"/>
  <c r="D21" i="26" s="1"/>
  <c r="Q2523" i="10"/>
  <c r="D2515" i="26" s="1"/>
  <c r="C2515" i="26"/>
  <c r="Q1883" i="10"/>
  <c r="D1875" i="26" s="1"/>
  <c r="C1875" i="26"/>
  <c r="C1043" i="26"/>
  <c r="Q1051" i="10"/>
  <c r="D1043" i="26" s="1"/>
  <c r="C147" i="26"/>
  <c r="Q155" i="10"/>
  <c r="D147" i="26" s="1"/>
  <c r="C108" i="26"/>
  <c r="Q116" i="10"/>
  <c r="D108" i="26" s="1"/>
  <c r="Q2424" i="10"/>
  <c r="D2416" i="26" s="1"/>
  <c r="C2416" i="26"/>
  <c r="Q1720" i="10"/>
  <c r="D1712" i="26" s="1"/>
  <c r="C1712" i="26"/>
  <c r="C880" i="26"/>
  <c r="Q888" i="10"/>
  <c r="D880" i="26" s="1"/>
  <c r="C48" i="26"/>
  <c r="Q56" i="10"/>
  <c r="D48" i="26" s="1"/>
  <c r="Q2519" i="10"/>
  <c r="D2511" i="26" s="1"/>
  <c r="C2511" i="26"/>
  <c r="Q1751" i="10"/>
  <c r="D1743" i="26" s="1"/>
  <c r="C1743" i="26"/>
  <c r="C1103" i="26"/>
  <c r="Q1111" i="10"/>
  <c r="D1103" i="26" s="1"/>
  <c r="C463" i="26"/>
  <c r="Q471" i="10"/>
  <c r="D463" i="26" s="1"/>
  <c r="C1716" i="26"/>
  <c r="Q1724" i="10"/>
  <c r="D1716" i="26" s="1"/>
  <c r="T2272" i="10"/>
  <c r="Q2272" i="10"/>
  <c r="D2264" i="26" s="1"/>
  <c r="C2264" i="26"/>
  <c r="C664" i="26"/>
  <c r="Q672" i="10"/>
  <c r="D664" i="26" s="1"/>
  <c r="Q1727" i="10"/>
  <c r="D1719" i="26" s="1"/>
  <c r="C1719" i="26"/>
  <c r="C1741" i="26"/>
  <c r="Q1749" i="10"/>
  <c r="D1741" i="26" s="1"/>
  <c r="C61" i="26"/>
  <c r="Q69" i="10"/>
  <c r="D61" i="26" s="1"/>
  <c r="C1780" i="26"/>
  <c r="Q1788" i="10"/>
  <c r="D1780" i="26" s="1"/>
  <c r="T172" i="10"/>
  <c r="C164" i="26"/>
  <c r="Q172" i="10"/>
  <c r="D164" i="26" s="1"/>
  <c r="C891" i="26"/>
  <c r="Q899" i="10"/>
  <c r="D891" i="26" s="1"/>
  <c r="Q2646" i="10"/>
  <c r="D2638" i="26" s="1"/>
  <c r="C2638" i="26"/>
  <c r="Q1750" i="10"/>
  <c r="D1742" i="26" s="1"/>
  <c r="C1742" i="26"/>
  <c r="Q1174" i="10"/>
  <c r="D1166" i="26" s="1"/>
  <c r="C1166" i="26"/>
  <c r="T534" i="10"/>
  <c r="C526" i="26"/>
  <c r="Q534" i="10"/>
  <c r="D526" i="26" s="1"/>
  <c r="T1564" i="10"/>
  <c r="C1556" i="26"/>
  <c r="Q1564" i="10"/>
  <c r="D1556" i="26" s="1"/>
  <c r="C1613" i="26"/>
  <c r="Q1621" i="10"/>
  <c r="D1613" i="26" s="1"/>
  <c r="Q21" i="10"/>
  <c r="D13" i="26" s="1"/>
  <c r="C13" i="26"/>
  <c r="Q1747" i="10"/>
  <c r="D1739" i="26" s="1"/>
  <c r="C1739" i="26"/>
  <c r="C523" i="26"/>
  <c r="Q531" i="10"/>
  <c r="D523" i="26" s="1"/>
  <c r="C1228" i="26"/>
  <c r="Q1236" i="10"/>
  <c r="D1228" i="26" s="1"/>
  <c r="Q1968" i="10"/>
  <c r="D1960" i="26" s="1"/>
  <c r="C1960" i="26"/>
  <c r="C936" i="26"/>
  <c r="Q944" i="10"/>
  <c r="D936" i="26" s="1"/>
  <c r="T176" i="10"/>
  <c r="C168" i="26"/>
  <c r="Q176" i="10"/>
  <c r="D168" i="26" s="1"/>
  <c r="Q2255" i="10"/>
  <c r="D2247" i="26" s="1"/>
  <c r="C2247" i="26"/>
  <c r="T1231" i="10"/>
  <c r="Q1231" i="10"/>
  <c r="D1223" i="26" s="1"/>
  <c r="C1223" i="26"/>
  <c r="C199" i="26"/>
  <c r="Q207" i="10"/>
  <c r="D199" i="26" s="1"/>
  <c r="Q2152" i="10"/>
  <c r="D2144" i="26" s="1"/>
  <c r="C2144" i="26"/>
  <c r="C536" i="26"/>
  <c r="Q544" i="10"/>
  <c r="D536" i="26" s="1"/>
  <c r="Q1855" i="10"/>
  <c r="D1847" i="26" s="1"/>
  <c r="C1847" i="26"/>
  <c r="T391" i="10"/>
  <c r="C383" i="26"/>
  <c r="Q391" i="10"/>
  <c r="D383" i="26" s="1"/>
  <c r="C1341" i="26"/>
  <c r="Q1349" i="10"/>
  <c r="D1341" i="26" s="1"/>
  <c r="C2204" i="26"/>
  <c r="Q2212" i="10"/>
  <c r="D2204" i="26" s="1"/>
  <c r="C260" i="26"/>
  <c r="Q268" i="10"/>
  <c r="D260" i="26" s="1"/>
  <c r="Q1795" i="10"/>
  <c r="D1787" i="26" s="1"/>
  <c r="C1787" i="26"/>
  <c r="C427" i="26"/>
  <c r="Q435" i="10"/>
  <c r="D427" i="26" s="1"/>
  <c r="Q1742" i="10"/>
  <c r="D1734" i="26" s="1"/>
  <c r="C1734" i="26"/>
  <c r="C838" i="26"/>
  <c r="Q846" i="10"/>
  <c r="D838" i="26" s="1"/>
  <c r="Q1931" i="10"/>
  <c r="D1923" i="26" s="1"/>
  <c r="C1923" i="26"/>
  <c r="C1068" i="26"/>
  <c r="Q1076" i="10"/>
  <c r="D1068" i="26" s="1"/>
  <c r="Q2344" i="10"/>
  <c r="D2336" i="26" s="1"/>
  <c r="C2336" i="26"/>
  <c r="C856" i="26"/>
  <c r="Q864" i="10"/>
  <c r="D856" i="26" s="1"/>
  <c r="Q1967" i="10"/>
  <c r="D1959" i="26" s="1"/>
  <c r="C1959" i="26"/>
  <c r="C503" i="26"/>
  <c r="Q511" i="10"/>
  <c r="D503" i="26" s="1"/>
  <c r="C1725" i="26"/>
  <c r="Q1733" i="10"/>
  <c r="D1725" i="26" s="1"/>
  <c r="C2772" i="26"/>
  <c r="Q2780" i="10"/>
  <c r="D2772" i="26" s="1"/>
  <c r="C1292" i="26"/>
  <c r="Q1300" i="10"/>
  <c r="D1292" i="26" s="1"/>
  <c r="Q1907" i="10"/>
  <c r="D1899" i="26" s="1"/>
  <c r="C1899" i="26"/>
  <c r="Q2008" i="10"/>
  <c r="D2000" i="26" s="1"/>
  <c r="C2000" i="26"/>
  <c r="Q2479" i="10"/>
  <c r="D2471" i="26" s="1"/>
  <c r="C2471" i="26"/>
  <c r="C1789" i="26"/>
  <c r="Q1797" i="10"/>
  <c r="D1789" i="26" s="1"/>
  <c r="C2732" i="26"/>
  <c r="Q2740" i="10"/>
  <c r="D2732" i="26" s="1"/>
  <c r="Q2307" i="10"/>
  <c r="D2299" i="26" s="1"/>
  <c r="C2299" i="26"/>
  <c r="C1180" i="26"/>
  <c r="Q1188" i="10"/>
  <c r="D1180" i="26" s="1"/>
  <c r="C2684" i="26"/>
  <c r="Q2692" i="10"/>
  <c r="D2684" i="26" s="1"/>
  <c r="Q2515" i="10"/>
  <c r="D2507" i="26" s="1"/>
  <c r="C2507" i="26"/>
  <c r="D10" i="23"/>
  <c r="D10" i="25"/>
  <c r="E10" i="25" s="1"/>
  <c r="C532" i="26"/>
  <c r="Q540" i="10"/>
  <c r="D532" i="26" s="1"/>
  <c r="C349" i="26"/>
  <c r="E350" i="26" s="1"/>
  <c r="Q357" i="10"/>
  <c r="D349" i="26" s="1"/>
  <c r="Q2019" i="10"/>
  <c r="D2011" i="26" s="1"/>
  <c r="C2011" i="26"/>
  <c r="C347" i="26"/>
  <c r="Q355" i="10"/>
  <c r="D347" i="26" s="1"/>
  <c r="Q2304" i="10"/>
  <c r="D2296" i="26" s="1"/>
  <c r="C2296" i="26"/>
  <c r="Q1798" i="10"/>
  <c r="D1790" i="26" s="1"/>
  <c r="C1790" i="26"/>
  <c r="C1022" i="26"/>
  <c r="Q1030" i="10"/>
  <c r="D1022" i="26" s="1"/>
  <c r="C446" i="26"/>
  <c r="Q454" i="10"/>
  <c r="D446" i="26" s="1"/>
  <c r="C1468" i="26"/>
  <c r="Q1476" i="10"/>
  <c r="D1468" i="26" s="1"/>
  <c r="T1184" i="10"/>
  <c r="Q1184" i="10"/>
  <c r="D1176" i="26" s="1"/>
  <c r="C1176" i="26"/>
  <c r="Q2495" i="10"/>
  <c r="D2487" i="26" s="1"/>
  <c r="C2487" i="26"/>
  <c r="C871" i="26"/>
  <c r="Q879" i="10"/>
  <c r="D871" i="26" s="1"/>
  <c r="C2429" i="26"/>
  <c r="Q2437" i="10"/>
  <c r="D2429" i="26" s="1"/>
  <c r="C709" i="26"/>
  <c r="Q717" i="10"/>
  <c r="D709" i="26" s="1"/>
  <c r="C692" i="26"/>
  <c r="Q700" i="10"/>
  <c r="D692" i="26" s="1"/>
  <c r="Q1539" i="10"/>
  <c r="D1531" i="26" s="1"/>
  <c r="C1531" i="26"/>
  <c r="Q2776" i="10"/>
  <c r="D2768" i="26" s="1"/>
  <c r="C2768" i="26"/>
  <c r="C600" i="26"/>
  <c r="Q608" i="10"/>
  <c r="D600" i="26" s="1"/>
  <c r="C2301" i="26"/>
  <c r="Q2309" i="10"/>
  <c r="D2301" i="26" s="1"/>
  <c r="C2244" i="26"/>
  <c r="Q2252" i="10"/>
  <c r="D2244" i="26" s="1"/>
  <c r="C76" i="26"/>
  <c r="Q84" i="10"/>
  <c r="D76" i="26" s="1"/>
  <c r="C580" i="26"/>
  <c r="Q588" i="10"/>
  <c r="D580" i="26" s="1"/>
  <c r="Q2727" i="10"/>
  <c r="D2719" i="26" s="1"/>
  <c r="C2719" i="26"/>
  <c r="C2373" i="26"/>
  <c r="Q2381" i="10"/>
  <c r="D2373" i="26" s="1"/>
  <c r="C1388" i="26"/>
  <c r="Q1396" i="10"/>
  <c r="D1388" i="26" s="1"/>
  <c r="C363" i="26"/>
  <c r="Q371" i="10"/>
  <c r="D363" i="26" s="1"/>
  <c r="C93" i="26"/>
  <c r="Q101" i="10"/>
  <c r="D93" i="26" s="1"/>
  <c r="Q1379" i="10"/>
  <c r="D1371" i="26" s="1"/>
  <c r="C1371" i="26"/>
  <c r="C652" i="26"/>
  <c r="Q660" i="10"/>
  <c r="D652" i="26" s="1"/>
  <c r="Q1600" i="10"/>
  <c r="D1592" i="26" s="1"/>
  <c r="C1592" i="26"/>
  <c r="Q2655" i="10"/>
  <c r="D2647" i="26" s="1"/>
  <c r="C2647" i="26"/>
  <c r="Q1951" i="10"/>
  <c r="D1943" i="26" s="1"/>
  <c r="C1943" i="26"/>
  <c r="Q1375" i="10"/>
  <c r="D1367" i="26" s="1"/>
  <c r="C1367" i="26"/>
  <c r="C727" i="26"/>
  <c r="Q735" i="10"/>
  <c r="D727" i="26" s="1"/>
  <c r="C1148" i="26"/>
  <c r="Q1156" i="10"/>
  <c r="D1148" i="26" s="1"/>
  <c r="Q1352" i="10"/>
  <c r="D1344" i="26" s="1"/>
  <c r="C1344" i="26"/>
  <c r="C2557" i="26"/>
  <c r="Q2565" i="10"/>
  <c r="D2557" i="26" s="1"/>
  <c r="C1652" i="26"/>
  <c r="Q1660" i="10"/>
  <c r="D1652" i="26" s="1"/>
  <c r="Q1475" i="10"/>
  <c r="D1467" i="26" s="1"/>
  <c r="C1467" i="26"/>
  <c r="T2606" i="10"/>
  <c r="I52" i="6" s="1"/>
  <c r="D31" i="23"/>
  <c r="D31" i="25"/>
  <c r="Q2606" i="10"/>
  <c r="D2598" i="26" s="1"/>
  <c r="C2598" i="26"/>
  <c r="Q1360" i="10"/>
  <c r="D1352" i="26" s="1"/>
  <c r="C1352" i="26"/>
  <c r="C1893" i="26"/>
  <c r="Q1901" i="10"/>
  <c r="D1893" i="26" s="1"/>
  <c r="Q2771" i="10"/>
  <c r="D2763" i="26" s="1"/>
  <c r="C2763" i="26"/>
  <c r="Q1895" i="10"/>
  <c r="D1887" i="26" s="1"/>
  <c r="C1887" i="26"/>
  <c r="C1469" i="26"/>
  <c r="Q1477" i="10"/>
  <c r="D1469" i="26" s="1"/>
  <c r="D24" i="23"/>
  <c r="D24" i="25"/>
  <c r="E24" i="25" s="1"/>
  <c r="C1908" i="26"/>
  <c r="Q1916" i="10"/>
  <c r="D1908" i="26" s="1"/>
  <c r="C1019" i="26"/>
  <c r="Q1027" i="10"/>
  <c r="D1019" i="26" s="1"/>
  <c r="C2541" i="26"/>
  <c r="Q2549" i="10"/>
  <c r="D2541" i="26" s="1"/>
  <c r="T1461" i="10"/>
  <c r="C1453" i="26"/>
  <c r="Q1461" i="10"/>
  <c r="D1453" i="26" s="1"/>
  <c r="C877" i="26"/>
  <c r="Q885" i="10"/>
  <c r="D877" i="26" s="1"/>
  <c r="T373" i="10"/>
  <c r="C365" i="26"/>
  <c r="Q373" i="10"/>
  <c r="D365" i="26" s="1"/>
  <c r="C236" i="26"/>
  <c r="Q244" i="10"/>
  <c r="D236" i="26" s="1"/>
  <c r="Q1680" i="10"/>
  <c r="D1672" i="26" s="1"/>
  <c r="C1672" i="26"/>
  <c r="C712" i="26"/>
  <c r="Q720" i="10"/>
  <c r="D712" i="26" s="1"/>
  <c r="C72" i="26"/>
  <c r="Q80" i="10"/>
  <c r="D72" i="26" s="1"/>
  <c r="Q2159" i="10"/>
  <c r="D2151" i="26" s="1"/>
  <c r="C2151" i="26"/>
  <c r="Q1455" i="10"/>
  <c r="D1447" i="26" s="1"/>
  <c r="C1447" i="26"/>
  <c r="C2140" i="26"/>
  <c r="Q2148" i="10"/>
  <c r="D2140" i="26" s="1"/>
  <c r="Q1576" i="10"/>
  <c r="D1568" i="26" s="1"/>
  <c r="C1568" i="26"/>
  <c r="Q2191" i="10"/>
  <c r="D2183" i="26" s="1"/>
  <c r="C2183" i="26"/>
  <c r="C575" i="26"/>
  <c r="Q583" i="10"/>
  <c r="D575" i="26" s="1"/>
  <c r="C2493" i="26"/>
  <c r="Q2501" i="10"/>
  <c r="D2493" i="26" s="1"/>
  <c r="C581" i="26"/>
  <c r="Q589" i="10"/>
  <c r="D581" i="26" s="1"/>
  <c r="C1588" i="26"/>
  <c r="Q1596" i="10"/>
  <c r="D1588" i="26" s="1"/>
  <c r="C204" i="26"/>
  <c r="Q212" i="10"/>
  <c r="D204" i="26" s="1"/>
  <c r="Q1523" i="10"/>
  <c r="D1515" i="26" s="1"/>
  <c r="C1515" i="26"/>
  <c r="Q2758" i="10"/>
  <c r="D2750" i="26" s="1"/>
  <c r="C2750" i="26"/>
  <c r="Q1248" i="10"/>
  <c r="D1240" i="26" s="1"/>
  <c r="C1240" i="26"/>
  <c r="Q1351" i="10"/>
  <c r="D1343" i="26" s="1"/>
  <c r="C1343" i="26"/>
  <c r="C677" i="26"/>
  <c r="Q685" i="10"/>
  <c r="D677" i="26" s="1"/>
  <c r="Q2694" i="10"/>
  <c r="D2686" i="26" s="1"/>
  <c r="C2686" i="26"/>
  <c r="C2372" i="26"/>
  <c r="Q2380" i="10"/>
  <c r="D2372" i="26" s="1"/>
  <c r="Q1315" i="10"/>
  <c r="D1307" i="26" s="1"/>
  <c r="C1307" i="26"/>
  <c r="C2180" i="26"/>
  <c r="Q2188" i="10"/>
  <c r="D2180" i="26" s="1"/>
  <c r="Q2048" i="10"/>
  <c r="D2040" i="26" s="1"/>
  <c r="C2040" i="26"/>
  <c r="C696" i="26"/>
  <c r="Q704" i="10"/>
  <c r="D696" i="26" s="1"/>
  <c r="C2644" i="26"/>
  <c r="Q2652" i="10"/>
  <c r="D2644" i="26" s="1"/>
  <c r="C215" i="26"/>
  <c r="Q223" i="10"/>
  <c r="D215" i="26" s="1"/>
  <c r="D27" i="25"/>
  <c r="D27" i="23"/>
  <c r="Q2200" i="10"/>
  <c r="D2192" i="26" s="1"/>
  <c r="C2192" i="26"/>
  <c r="C96" i="26"/>
  <c r="Q104" i="10"/>
  <c r="D96" i="26" s="1"/>
  <c r="C2757" i="26"/>
  <c r="Q2765" i="10"/>
  <c r="D2757" i="26" s="1"/>
  <c r="Q469" i="10"/>
  <c r="D461" i="26" s="1"/>
  <c r="C461" i="26"/>
  <c r="C972" i="26"/>
  <c r="Q980" i="10"/>
  <c r="D972" i="26" s="1"/>
  <c r="Q1267" i="10"/>
  <c r="D1259" i="26" s="1"/>
  <c r="C1259" i="26"/>
  <c r="C2597" i="26"/>
  <c r="Q2605" i="10"/>
  <c r="D2597" i="26" s="1"/>
  <c r="C1829" i="26"/>
  <c r="Q1837" i="10"/>
  <c r="D1829" i="26" s="1"/>
  <c r="C1061" i="26"/>
  <c r="Q1069" i="10"/>
  <c r="D1061" i="26" s="1"/>
  <c r="C485" i="26"/>
  <c r="Q493" i="10"/>
  <c r="D485" i="26" s="1"/>
  <c r="C2412" i="26"/>
  <c r="Q2420" i="10"/>
  <c r="D2412" i="26" s="1"/>
  <c r="Q2475" i="10"/>
  <c r="D2467" i="26" s="1"/>
  <c r="C2467" i="26"/>
  <c r="Q1707" i="10"/>
  <c r="D1699" i="26" s="1"/>
  <c r="C1699" i="26"/>
  <c r="C995" i="26"/>
  <c r="Q1003" i="10"/>
  <c r="D995" i="26" s="1"/>
  <c r="C291" i="26"/>
  <c r="Q299" i="10"/>
  <c r="D291" i="26" s="1"/>
  <c r="C956" i="26"/>
  <c r="Q964" i="10"/>
  <c r="D956" i="26" s="1"/>
  <c r="C1428" i="26"/>
  <c r="Q1436" i="10"/>
  <c r="D1428" i="26" s="1"/>
  <c r="Q2440" i="10"/>
  <c r="D2432" i="26" s="1"/>
  <c r="C2432" i="26"/>
  <c r="Q1800" i="10"/>
  <c r="D1792" i="26" s="1"/>
  <c r="C1792" i="26"/>
  <c r="Q1160" i="10"/>
  <c r="D1152" i="26" s="1"/>
  <c r="C1152" i="26"/>
  <c r="C384" i="26"/>
  <c r="Q392" i="10"/>
  <c r="D384" i="26" s="1"/>
  <c r="Q2791" i="10"/>
  <c r="D2783" i="26" s="1"/>
  <c r="C2783" i="26"/>
  <c r="Q2215" i="10"/>
  <c r="D2207" i="26" s="1"/>
  <c r="C2207" i="26"/>
  <c r="Q1511" i="10"/>
  <c r="D1503" i="26" s="1"/>
  <c r="C1503" i="26"/>
  <c r="E1504" i="26" s="1"/>
  <c r="C991" i="26"/>
  <c r="Q999" i="10"/>
  <c r="D991" i="26" s="1"/>
  <c r="C479" i="26"/>
  <c r="Q487" i="10"/>
  <c r="D479" i="26" s="1"/>
  <c r="Q2126" i="10"/>
  <c r="D2118" i="26" s="1"/>
  <c r="C2118" i="26"/>
  <c r="C2293" i="26"/>
  <c r="Q2301" i="10"/>
  <c r="D2293" i="26" s="1"/>
  <c r="C307" i="26"/>
  <c r="Q315" i="10"/>
  <c r="D307" i="26" s="1"/>
  <c r="Q2142" i="10"/>
  <c r="D2134" i="26" s="1"/>
  <c r="C2134" i="26"/>
  <c r="C2205" i="26"/>
  <c r="Q2213" i="10"/>
  <c r="D2205" i="26" s="1"/>
  <c r="C925" i="26"/>
  <c r="Q933" i="10"/>
  <c r="D925" i="26" s="1"/>
  <c r="C2613" i="26"/>
  <c r="Q2621" i="10"/>
  <c r="D2613" i="26" s="1"/>
  <c r="C435" i="26"/>
  <c r="Q443" i="10"/>
  <c r="D435" i="26" s="1"/>
  <c r="Q1822" i="10"/>
  <c r="D1814" i="26" s="1"/>
  <c r="C1814" i="26"/>
  <c r="Q2299" i="10"/>
  <c r="D2291" i="26" s="1"/>
  <c r="C2291" i="26"/>
  <c r="C47" i="26"/>
  <c r="G46" i="26" s="1"/>
  <c r="Q55" i="10"/>
  <c r="D47" i="26" s="1"/>
  <c r="C437" i="26"/>
  <c r="Q445" i="10"/>
  <c r="D437" i="26" s="1"/>
  <c r="Q1496" i="10"/>
  <c r="D1488" i="26" s="1"/>
  <c r="C1488" i="26"/>
  <c r="C678" i="26"/>
  <c r="Q686" i="10"/>
  <c r="D678" i="26" s="1"/>
  <c r="Q1915" i="10"/>
  <c r="D1907" i="26" s="1"/>
  <c r="C1907" i="26"/>
  <c r="T996" i="10"/>
  <c r="C988" i="26"/>
  <c r="Q996" i="10"/>
  <c r="D988" i="26" s="1"/>
  <c r="Q2043" i="10"/>
  <c r="D2035" i="26" s="1"/>
  <c r="C2035" i="26"/>
  <c r="Q2846" i="10"/>
  <c r="D2838" i="26" s="1"/>
  <c r="C2838" i="26"/>
  <c r="C596" i="26"/>
  <c r="Q604" i="10"/>
  <c r="D596" i="26" s="1"/>
  <c r="C16" i="26"/>
  <c r="Q24" i="10"/>
  <c r="D16" i="26" s="1"/>
  <c r="E358" i="26"/>
  <c r="F104" i="26"/>
  <c r="E104" i="26"/>
  <c r="E622" i="26"/>
  <c r="F46" i="26"/>
  <c r="E46" i="26"/>
  <c r="E806" i="26"/>
  <c r="E750" i="26"/>
  <c r="F182" i="26"/>
  <c r="E182" i="26"/>
  <c r="E870" i="26"/>
  <c r="E998" i="26"/>
  <c r="E422" i="26"/>
  <c r="E1118" i="26"/>
  <c r="M94" i="22"/>
  <c r="E94" i="6"/>
  <c r="E94" i="7" s="1"/>
  <c r="E94" i="14"/>
  <c r="BP92" i="14"/>
  <c r="CC92" i="14"/>
  <c r="BC92" i="14"/>
  <c r="EN90" i="14"/>
  <c r="HN90" i="14" s="1"/>
  <c r="FA90" i="14"/>
  <c r="IA90" i="14" s="1"/>
  <c r="BZ92" i="14"/>
  <c r="AZ92" i="14"/>
  <c r="BM92" i="14"/>
  <c r="AZ91" i="14"/>
  <c r="BZ91" i="14"/>
  <c r="BM91" i="14"/>
  <c r="BK91" i="14"/>
  <c r="CK91" i="14"/>
  <c r="BX91" i="14"/>
  <c r="CM90" i="14"/>
  <c r="FM90" i="14" s="1"/>
  <c r="CZ90" i="14"/>
  <c r="FZ90" i="14" s="1"/>
  <c r="DQ90" i="14"/>
  <c r="GQ90" i="14" s="1"/>
  <c r="ED90" i="14"/>
  <c r="HD90" i="14" s="1"/>
  <c r="FF90" i="14"/>
  <c r="IF90" i="14" s="1"/>
  <c r="ES90" i="14"/>
  <c r="HS90" i="14" s="1"/>
  <c r="DH90" i="14"/>
  <c r="GH90" i="14" s="1"/>
  <c r="CU90" i="14"/>
  <c r="FU90" i="14" s="1"/>
  <c r="DG90" i="14"/>
  <c r="GG90" i="14" s="1"/>
  <c r="CT90" i="14"/>
  <c r="FT90" i="14" s="1"/>
  <c r="DA90" i="14"/>
  <c r="GA90" i="14" s="1"/>
  <c r="CN90" i="14"/>
  <c r="FN90" i="14" s="1"/>
  <c r="BF91" i="14"/>
  <c r="CF91" i="14"/>
  <c r="BS91" i="14"/>
  <c r="BR92" i="14"/>
  <c r="CE92" i="14"/>
  <c r="BE92" i="14"/>
  <c r="BN91" i="14"/>
  <c r="BA91" i="14"/>
  <c r="CA91" i="14"/>
  <c r="CC91" i="14"/>
  <c r="BP91" i="14"/>
  <c r="BC91" i="14"/>
  <c r="EZ90" i="14"/>
  <c r="HZ90" i="14" s="1"/>
  <c r="EM90" i="14"/>
  <c r="HM90" i="14" s="1"/>
  <c r="DE90" i="14"/>
  <c r="GE90" i="14" s="1"/>
  <c r="CR90" i="14"/>
  <c r="FR90" i="14" s="1"/>
  <c r="FG90" i="14"/>
  <c r="IG90" i="14" s="1"/>
  <c r="ET90" i="14"/>
  <c r="HT90" i="14" s="1"/>
  <c r="DN90" i="14"/>
  <c r="GN90" i="14" s="1"/>
  <c r="EA90" i="14"/>
  <c r="HA90" i="14" s="1"/>
  <c r="FD90" i="14"/>
  <c r="ID90" i="14" s="1"/>
  <c r="EQ90" i="14"/>
  <c r="HQ90" i="14" s="1"/>
  <c r="CS90" i="14"/>
  <c r="FS90" i="14" s="1"/>
  <c r="DF90" i="14"/>
  <c r="GF90" i="14" s="1"/>
  <c r="EG90" i="14"/>
  <c r="HG90" i="14" s="1"/>
  <c r="DT90" i="14"/>
  <c r="GT90" i="14" s="1"/>
  <c r="BK92" i="14"/>
  <c r="CK92" i="14"/>
  <c r="BX92" i="14"/>
  <c r="BH91" i="14"/>
  <c r="CH91" i="14"/>
  <c r="BU91" i="14"/>
  <c r="CI91" i="14"/>
  <c r="BV91" i="14"/>
  <c r="BI91" i="14"/>
  <c r="DR90" i="14"/>
  <c r="GR90" i="14" s="1"/>
  <c r="EE90" i="14"/>
  <c r="HE90" i="14" s="1"/>
  <c r="DJ90" i="14"/>
  <c r="GJ90" i="14" s="1"/>
  <c r="CW90" i="14"/>
  <c r="FW90" i="14" s="1"/>
  <c r="EO90" i="14"/>
  <c r="HO90" i="14" s="1"/>
  <c r="FB90" i="14"/>
  <c r="IB90" i="14" s="1"/>
  <c r="BB92" i="14"/>
  <c r="BO92" i="14"/>
  <c r="CB92" i="14"/>
  <c r="BO91" i="14"/>
  <c r="BB91" i="14"/>
  <c r="CB91" i="14"/>
  <c r="CD91" i="14"/>
  <c r="BQ91" i="14"/>
  <c r="BD91" i="14"/>
  <c r="DI90" i="14"/>
  <c r="GI90" i="14" s="1"/>
  <c r="CV90" i="14"/>
  <c r="FV90" i="14" s="1"/>
  <c r="DX90" i="14"/>
  <c r="GX90" i="14" s="1"/>
  <c r="EK90" i="14"/>
  <c r="HK90" i="14" s="1"/>
  <c r="ER90" i="14"/>
  <c r="HR90" i="14" s="1"/>
  <c r="FE90" i="14"/>
  <c r="IE90" i="14" s="1"/>
  <c r="EW90" i="14"/>
  <c r="HW90" i="14" s="1"/>
  <c r="FJ90" i="14"/>
  <c r="IJ90" i="14" s="1"/>
  <c r="DO90" i="14"/>
  <c r="GO90" i="14" s="1"/>
  <c r="EB90" i="14"/>
  <c r="HB90" i="14" s="1"/>
  <c r="BV92" i="14"/>
  <c r="CI92" i="14"/>
  <c r="BI92" i="14"/>
  <c r="DZ90" i="14"/>
  <c r="GZ90" i="14" s="1"/>
  <c r="DM90" i="14"/>
  <c r="GM90" i="14" s="1"/>
  <c r="CH92" i="14"/>
  <c r="BU92" i="14"/>
  <c r="BH92" i="14"/>
  <c r="BG92" i="14"/>
  <c r="BT92" i="14"/>
  <c r="CG92" i="14"/>
  <c r="BG91" i="14"/>
  <c r="CG91" i="14"/>
  <c r="BT91" i="14"/>
  <c r="DP90" i="14"/>
  <c r="GP90" i="14" s="1"/>
  <c r="EC90" i="14"/>
  <c r="HC90" i="14" s="1"/>
  <c r="EV90" i="14"/>
  <c r="HV90" i="14" s="1"/>
  <c r="FI90" i="14"/>
  <c r="II90" i="14" s="1"/>
  <c r="CX90" i="14"/>
  <c r="FX90" i="14" s="1"/>
  <c r="DK90" i="14"/>
  <c r="GK90" i="14" s="1"/>
  <c r="DW90" i="14"/>
  <c r="GW90" i="14" s="1"/>
  <c r="EJ90" i="14"/>
  <c r="HJ90" i="14" s="1"/>
  <c r="DB90" i="14"/>
  <c r="GB90" i="14" s="1"/>
  <c r="CO90" i="14"/>
  <c r="FO90" i="14" s="1"/>
  <c r="EH90" i="14"/>
  <c r="HH90" i="14" s="1"/>
  <c r="DU90" i="14"/>
  <c r="GU90" i="14" s="1"/>
  <c r="CA92" i="14"/>
  <c r="BA92" i="14"/>
  <c r="BN92" i="14"/>
  <c r="CF92" i="14"/>
  <c r="BF92" i="14"/>
  <c r="BS92" i="14"/>
  <c r="CE91" i="14"/>
  <c r="BE91" i="14"/>
  <c r="BR91" i="14"/>
  <c r="DC90" i="14"/>
  <c r="GC90" i="14" s="1"/>
  <c r="CP90" i="14"/>
  <c r="FP90" i="14" s="1"/>
  <c r="EI90" i="14"/>
  <c r="HI90" i="14" s="1"/>
  <c r="DV90" i="14"/>
  <c r="GV90" i="14" s="1"/>
  <c r="EX90" i="14"/>
  <c r="HX90" i="14" s="1"/>
  <c r="FK90" i="14"/>
  <c r="IK90" i="14" s="1"/>
  <c r="BW92" i="14"/>
  <c r="CJ92" i="14"/>
  <c r="BJ92" i="14"/>
  <c r="BQ92" i="14"/>
  <c r="BD92" i="14"/>
  <c r="CD92" i="14"/>
  <c r="BJ91" i="14"/>
  <c r="CJ91" i="14"/>
  <c r="BW91" i="14"/>
  <c r="EP90" i="14"/>
  <c r="HP90" i="14" s="1"/>
  <c r="FC90" i="14"/>
  <c r="IC90" i="14" s="1"/>
  <c r="CQ90" i="14"/>
  <c r="FQ90" i="14" s="1"/>
  <c r="DD90" i="14"/>
  <c r="GD90" i="14" s="1"/>
  <c r="EF90" i="14"/>
  <c r="HF90" i="14" s="1"/>
  <c r="DS90" i="14"/>
  <c r="GS90" i="14" s="1"/>
  <c r="FH90" i="14"/>
  <c r="IH90" i="14" s="1"/>
  <c r="EU90" i="14"/>
  <c r="HU90" i="14" s="1"/>
  <c r="P94" i="22"/>
  <c r="Q94" i="22" s="1"/>
  <c r="S762" i="10"/>
  <c r="S2612" i="10"/>
  <c r="S662" i="10"/>
  <c r="S1712" i="10"/>
  <c r="T2510" i="10"/>
  <c r="S2510" i="10"/>
  <c r="S1054" i="10"/>
  <c r="S94" i="10"/>
  <c r="S2653" i="10"/>
  <c r="S2141" i="10"/>
  <c r="S1629" i="10"/>
  <c r="S1117" i="10"/>
  <c r="S541" i="10"/>
  <c r="S1380" i="10"/>
  <c r="S2459" i="10"/>
  <c r="T1755" i="10"/>
  <c r="S1755" i="10"/>
  <c r="S987" i="10"/>
  <c r="T91" i="10"/>
  <c r="S91" i="10"/>
  <c r="S1292" i="10"/>
  <c r="S2232" i="10"/>
  <c r="S1528" i="10"/>
  <c r="S824" i="10"/>
  <c r="S2580" i="10"/>
  <c r="T2455" i="10"/>
  <c r="S2455" i="10"/>
  <c r="S1623" i="10"/>
  <c r="S1047" i="10"/>
  <c r="S343" i="10"/>
  <c r="K29" i="22" s="1"/>
  <c r="F29" i="22"/>
  <c r="E29" i="22"/>
  <c r="S1388" i="10"/>
  <c r="S1840" i="10"/>
  <c r="S552" i="10"/>
  <c r="S1471" i="10"/>
  <c r="S1669" i="10"/>
  <c r="S2804" i="10"/>
  <c r="S1636" i="10"/>
  <c r="S44" i="10"/>
  <c r="S691" i="10"/>
  <c r="S2070" i="10"/>
  <c r="S1686" i="10"/>
  <c r="S1110" i="10"/>
  <c r="S470" i="10"/>
  <c r="T396" i="10"/>
  <c r="S396" i="10"/>
  <c r="S1365" i="10"/>
  <c r="S1340" i="10"/>
  <c r="S1555" i="10"/>
  <c r="S467" i="10"/>
  <c r="S652" i="10"/>
  <c r="S1904" i="10"/>
  <c r="S880" i="10"/>
  <c r="S48" i="10"/>
  <c r="S2127" i="10"/>
  <c r="S1039" i="10"/>
  <c r="S143" i="10"/>
  <c r="S2032" i="10"/>
  <c r="S416" i="10"/>
  <c r="S1711" i="10"/>
  <c r="S63" i="10"/>
  <c r="S1045" i="10"/>
  <c r="S2100" i="10"/>
  <c r="S36" i="10"/>
  <c r="T1587" i="10"/>
  <c r="S1587" i="10"/>
  <c r="S323" i="10"/>
  <c r="S1486" i="10"/>
  <c r="S782" i="10"/>
  <c r="S1163" i="10"/>
  <c r="S436" i="10"/>
  <c r="S2256" i="10"/>
  <c r="S752" i="10"/>
  <c r="S1543" i="10"/>
  <c r="T271" i="10"/>
  <c r="S271" i="10"/>
  <c r="S1037" i="10"/>
  <c r="S2276" i="10"/>
  <c r="S1212" i="10"/>
  <c r="T1667" i="10"/>
  <c r="S1667" i="10"/>
  <c r="S1808" i="10"/>
  <c r="S1799" i="10"/>
  <c r="S1605" i="10"/>
  <c r="S2172" i="10"/>
  <c r="S1651" i="10"/>
  <c r="T2573" i="10"/>
  <c r="S2573" i="10"/>
  <c r="S2140" i="10"/>
  <c r="S2067" i="10"/>
  <c r="S2661" i="10"/>
  <c r="S37" i="10"/>
  <c r="S1827" i="10"/>
  <c r="S227" i="10"/>
  <c r="S2390" i="10"/>
  <c r="S1734" i="10"/>
  <c r="S966" i="10"/>
  <c r="S198" i="10"/>
  <c r="S2768" i="10"/>
  <c r="S1064" i="10"/>
  <c r="S2367" i="10"/>
  <c r="S767" i="10"/>
  <c r="S2317" i="10"/>
  <c r="S325" i="10"/>
  <c r="S420" i="10"/>
  <c r="S1427" i="10"/>
  <c r="S2520" i="10"/>
  <c r="S368" i="10"/>
  <c r="T2117" i="10"/>
  <c r="S2117" i="10"/>
  <c r="S2028" i="10"/>
  <c r="S2427" i="10"/>
  <c r="S2600" i="10"/>
  <c r="S2183" i="10"/>
  <c r="S1989" i="10"/>
  <c r="S900" i="10"/>
  <c r="S1254" i="10"/>
  <c r="S1740" i="10"/>
  <c r="S1187" i="10"/>
  <c r="S1852" i="10"/>
  <c r="S1344" i="10"/>
  <c r="S2527" i="10"/>
  <c r="S1887" i="10"/>
  <c r="S1311" i="10"/>
  <c r="S671" i="10"/>
  <c r="S2824" i="10"/>
  <c r="T344" i="10"/>
  <c r="S344" i="10"/>
  <c r="S2373" i="10"/>
  <c r="S1348" i="10"/>
  <c r="S1147" i="10"/>
  <c r="S2840" i="10"/>
  <c r="S1032" i="10"/>
  <c r="S1581" i="10"/>
  <c r="S2171" i="10"/>
  <c r="S1479" i="10"/>
  <c r="S1389" i="10"/>
  <c r="S1580" i="10"/>
  <c r="S819" i="10"/>
  <c r="S2421" i="10"/>
  <c r="S1397" i="10"/>
  <c r="S821" i="10"/>
  <c r="S245" i="10"/>
  <c r="T51" i="10"/>
  <c r="S51" i="10"/>
  <c r="S1552" i="10"/>
  <c r="S656" i="10"/>
  <c r="S16" i="10"/>
  <c r="T2095" i="10"/>
  <c r="S2095" i="10"/>
  <c r="S1327" i="10"/>
  <c r="S636" i="10"/>
  <c r="S1448" i="10"/>
  <c r="S2055" i="10"/>
  <c r="S455" i="10"/>
  <c r="S1997" i="10"/>
  <c r="S405" i="10"/>
  <c r="S1524" i="10"/>
  <c r="S76" i="10"/>
  <c r="S1283" i="10"/>
  <c r="S2724" i="10"/>
  <c r="T920" i="10"/>
  <c r="S920" i="10"/>
  <c r="S959" i="10"/>
  <c r="S2540" i="10"/>
  <c r="S1132" i="10"/>
  <c r="S140" i="10"/>
  <c r="T1123" i="10"/>
  <c r="S1123" i="10"/>
  <c r="S1196" i="10"/>
  <c r="S1920" i="10"/>
  <c r="S576" i="10"/>
  <c r="S1940" i="10"/>
  <c r="S95" i="10"/>
  <c r="S1864" i="10"/>
  <c r="S2559" i="10"/>
  <c r="S2477" i="10"/>
  <c r="S189" i="10"/>
  <c r="T668" i="10"/>
  <c r="S668" i="10"/>
  <c r="S579" i="10"/>
  <c r="S2541" i="10"/>
  <c r="S1709" i="10"/>
  <c r="S1005" i="10"/>
  <c r="S429" i="10"/>
  <c r="S1780" i="10"/>
  <c r="S2347" i="10"/>
  <c r="T1643" i="10"/>
  <c r="S1643" i="10"/>
  <c r="S875" i="10"/>
  <c r="S235" i="10"/>
  <c r="S484" i="10"/>
  <c r="S868" i="10"/>
  <c r="S2376" i="10"/>
  <c r="S1736" i="10"/>
  <c r="S1096" i="10"/>
  <c r="T328" i="10"/>
  <c r="S328" i="10"/>
  <c r="S2663" i="10"/>
  <c r="S2151" i="10"/>
  <c r="S1447" i="10"/>
  <c r="T935" i="10"/>
  <c r="S935" i="10"/>
  <c r="S423" i="10"/>
  <c r="S1614" i="10"/>
  <c r="S1917" i="10"/>
  <c r="S132" i="10"/>
  <c r="S1566" i="10"/>
  <c r="S2021" i="10"/>
  <c r="S741" i="10"/>
  <c r="S2045" i="10"/>
  <c r="S2052" i="10"/>
  <c r="S1310" i="10"/>
  <c r="S1787" i="10"/>
  <c r="S2718" i="10"/>
  <c r="S1884" i="10"/>
  <c r="S792" i="10"/>
  <c r="S174" i="10"/>
  <c r="T1403" i="10"/>
  <c r="S1403" i="10"/>
  <c r="S2590" i="10"/>
  <c r="S1339" i="10"/>
  <c r="S2270" i="10"/>
  <c r="S1851" i="10"/>
  <c r="S2654" i="10"/>
  <c r="BI93" i="22"/>
  <c r="AD93" i="14" s="1"/>
  <c r="AR93" i="14" s="1"/>
  <c r="BJ93" i="22"/>
  <c r="AE93" i="14" s="1"/>
  <c r="AS93" i="14" s="1"/>
  <c r="BL93" i="22"/>
  <c r="AG93" i="14" s="1"/>
  <c r="AU93" i="14" s="1"/>
  <c r="BK93" i="22"/>
  <c r="AF93" i="14" s="1"/>
  <c r="AT93" i="14" s="1"/>
  <c r="BE93" i="22"/>
  <c r="Z93" i="14" s="1"/>
  <c r="AN93" i="14" s="1"/>
  <c r="BA93" i="22"/>
  <c r="V93" i="14" s="1"/>
  <c r="AJ93" i="14" s="1"/>
  <c r="BG93" i="22"/>
  <c r="AB93" i="14" s="1"/>
  <c r="AP93" i="14" s="1"/>
  <c r="BB93" i="22"/>
  <c r="W93" i="14" s="1"/>
  <c r="AK93" i="14" s="1"/>
  <c r="BF93" i="22"/>
  <c r="AA93" i="14" s="1"/>
  <c r="AO93" i="14" s="1"/>
  <c r="BH93" i="22"/>
  <c r="AC93" i="14" s="1"/>
  <c r="AQ93" i="14" s="1"/>
  <c r="BD93" i="22"/>
  <c r="Y93" i="14" s="1"/>
  <c r="AM93" i="14" s="1"/>
  <c r="BC93" i="22"/>
  <c r="X93" i="14" s="1"/>
  <c r="AL93" i="14" s="1"/>
  <c r="S2162" i="10"/>
  <c r="S1362" i="10"/>
  <c r="S462" i="10"/>
  <c r="S2470" i="10"/>
  <c r="S2326" i="10"/>
  <c r="S926" i="10"/>
  <c r="T30" i="10"/>
  <c r="S30" i="10"/>
  <c r="S2589" i="10"/>
  <c r="S2077" i="10"/>
  <c r="S1565" i="10"/>
  <c r="S1053" i="10"/>
  <c r="S477" i="10"/>
  <c r="S1044" i="10"/>
  <c r="S2395" i="10"/>
  <c r="S1691" i="10"/>
  <c r="S859" i="10"/>
  <c r="S27" i="10"/>
  <c r="S716" i="10"/>
  <c r="S2168" i="10"/>
  <c r="S1400" i="10"/>
  <c r="S760" i="10"/>
  <c r="T1868" i="10"/>
  <c r="S1868" i="10"/>
  <c r="S2391" i="10"/>
  <c r="S1559" i="10"/>
  <c r="S983" i="10"/>
  <c r="S279" i="10"/>
  <c r="S1124" i="10"/>
  <c r="K37" i="22" s="1"/>
  <c r="F37" i="22"/>
  <c r="E37" i="22"/>
  <c r="S1760" i="10"/>
  <c r="S208" i="10"/>
  <c r="S191" i="10"/>
  <c r="S1549" i="10"/>
  <c r="S2668" i="10"/>
  <c r="S1244" i="10"/>
  <c r="T2707" i="10"/>
  <c r="S2707" i="10"/>
  <c r="T115" i="10"/>
  <c r="S115" i="10"/>
  <c r="S2486" i="10"/>
  <c r="S1622" i="10"/>
  <c r="S1046" i="10"/>
  <c r="T406" i="10"/>
  <c r="S406" i="10"/>
  <c r="S2837" i="10"/>
  <c r="S1173" i="10"/>
  <c r="S2579" i="10"/>
  <c r="S1491" i="10"/>
  <c r="S275" i="10"/>
  <c r="S2736" i="10"/>
  <c r="T1648" i="10"/>
  <c r="S1648" i="10"/>
  <c r="S816" i="10"/>
  <c r="S2356" i="10"/>
  <c r="S1871" i="10"/>
  <c r="S911" i="10"/>
  <c r="T2332" i="10"/>
  <c r="S2332" i="10"/>
  <c r="S1936" i="10"/>
  <c r="S296" i="10"/>
  <c r="S1167" i="10"/>
  <c r="T2637" i="10"/>
  <c r="S2637" i="10"/>
  <c r="S845" i="10"/>
  <c r="S1628" i="10"/>
  <c r="S2699" i="10"/>
  <c r="S1459" i="10"/>
  <c r="S211" i="10"/>
  <c r="S1422" i="10"/>
  <c r="S654" i="10"/>
  <c r="T715" i="10"/>
  <c r="S715" i="10"/>
  <c r="S1324" i="10"/>
  <c r="S2144" i="10"/>
  <c r="S288" i="10"/>
  <c r="S1287" i="10"/>
  <c r="S2629" i="10"/>
  <c r="T837" i="10"/>
  <c r="S837" i="10"/>
  <c r="S2204" i="10"/>
  <c r="S1028" i="10"/>
  <c r="S1219" i="10"/>
  <c r="S1056" i="10"/>
  <c r="S1663" i="10"/>
  <c r="S1301" i="10"/>
  <c r="S1532" i="10"/>
  <c r="S1411" i="10"/>
  <c r="S2093" i="10"/>
  <c r="S1828" i="10"/>
  <c r="T1723" i="10"/>
  <c r="S1723" i="10"/>
  <c r="S2341" i="10"/>
  <c r="S2076" i="10"/>
  <c r="S1635" i="10"/>
  <c r="T2364" i="10"/>
  <c r="S2364" i="10"/>
  <c r="S2774" i="10"/>
  <c r="S1670" i="10"/>
  <c r="S902" i="10"/>
  <c r="S134" i="10"/>
  <c r="S2528" i="10"/>
  <c r="T744" i="10"/>
  <c r="S744" i="10"/>
  <c r="S2223" i="10"/>
  <c r="S639" i="10"/>
  <c r="S1933" i="10"/>
  <c r="S133" i="10"/>
  <c r="S2843" i="10"/>
  <c r="S1331" i="10"/>
  <c r="T2328" i="10"/>
  <c r="S2328" i="10"/>
  <c r="S152" i="10"/>
  <c r="S1925" i="10"/>
  <c r="S1860" i="10"/>
  <c r="S2099" i="10"/>
  <c r="S1776" i="10"/>
  <c r="S1767" i="10"/>
  <c r="S1405" i="10"/>
  <c r="T524" i="10"/>
  <c r="S524" i="10"/>
  <c r="S550" i="10"/>
  <c r="S804" i="10"/>
  <c r="S995" i="10"/>
  <c r="S2688" i="10"/>
  <c r="S896" i="10"/>
  <c r="S2463" i="10"/>
  <c r="S1823" i="10"/>
  <c r="S1247" i="10"/>
  <c r="S543" i="10"/>
  <c r="S2472" i="10"/>
  <c r="S2695" i="10"/>
  <c r="S2069" i="10"/>
  <c r="S1100" i="10"/>
  <c r="T915" i="10"/>
  <c r="S915" i="10"/>
  <c r="S2720" i="10"/>
  <c r="S2567" i="10"/>
  <c r="S1093" i="10"/>
  <c r="S1619" i="10"/>
  <c r="S1071" i="10"/>
  <c r="S1085" i="10"/>
  <c r="S892" i="10"/>
  <c r="S451" i="10"/>
  <c r="S2229" i="10"/>
  <c r="S1333" i="10"/>
  <c r="T757" i="10"/>
  <c r="S757" i="10"/>
  <c r="S181" i="10"/>
  <c r="S2640" i="10"/>
  <c r="S1488" i="10"/>
  <c r="S592" i="10"/>
  <c r="S2799" i="10"/>
  <c r="S2031" i="10"/>
  <c r="S1263" i="10"/>
  <c r="S2728" i="10"/>
  <c r="S1256" i="10"/>
  <c r="S1927" i="10"/>
  <c r="S327" i="10"/>
  <c r="S1493" i="10"/>
  <c r="S205" i="10"/>
  <c r="S1412" i="10"/>
  <c r="S2795" i="10"/>
  <c r="S1075" i="10"/>
  <c r="S2484" i="10"/>
  <c r="S584" i="10"/>
  <c r="S447" i="10"/>
  <c r="S1108" i="10"/>
  <c r="S2597" i="10"/>
  <c r="S2531" i="10"/>
  <c r="S931" i="10"/>
  <c r="S2396" i="10"/>
  <c r="S1792" i="10"/>
  <c r="S448" i="10"/>
  <c r="T708" i="10"/>
  <c r="S708" i="10"/>
  <c r="T2436" i="10"/>
  <c r="S2436" i="10"/>
  <c r="S1432" i="10"/>
  <c r="S2287" i="10"/>
  <c r="S2277" i="10"/>
  <c r="S2524" i="10"/>
  <c r="S364" i="10"/>
  <c r="S243" i="10"/>
  <c r="S2413" i="10"/>
  <c r="S1645" i="10"/>
  <c r="S941" i="10"/>
  <c r="S365" i="10"/>
  <c r="S1452" i="10"/>
  <c r="S2219" i="10"/>
  <c r="S1579" i="10"/>
  <c r="S811" i="10"/>
  <c r="S171" i="10"/>
  <c r="T2244" i="10"/>
  <c r="S2244" i="10"/>
  <c r="S348" i="10"/>
  <c r="S2248" i="10"/>
  <c r="S1608" i="10"/>
  <c r="S968" i="10"/>
  <c r="S264" i="10"/>
  <c r="T2599" i="10"/>
  <c r="S2599" i="10"/>
  <c r="S2087" i="10"/>
  <c r="S1383" i="10"/>
  <c r="S871" i="10"/>
  <c r="S359" i="10"/>
  <c r="S1550" i="10"/>
  <c r="S1533" i="10"/>
  <c r="S1880" i="10"/>
  <c r="S1732" i="10"/>
  <c r="S1957" i="10"/>
  <c r="S485" i="10"/>
  <c r="S1725" i="10"/>
  <c r="S1572" i="10"/>
  <c r="S478" i="10"/>
  <c r="S379" i="10"/>
  <c r="T2206" i="10"/>
  <c r="S2206" i="10"/>
  <c r="T2363" i="10"/>
  <c r="S2363" i="10"/>
  <c r="T2164" i="10"/>
  <c r="S2164" i="10"/>
  <c r="S2365" i="10"/>
  <c r="S891" i="10"/>
  <c r="S2014" i="10"/>
  <c r="S635" i="10"/>
  <c r="S1182" i="10"/>
  <c r="S1211" i="10"/>
  <c r="S2398" i="10"/>
  <c r="S562" i="10"/>
  <c r="S2412" i="10"/>
  <c r="S262" i="10"/>
  <c r="S1262" i="10"/>
  <c r="S2278" i="10"/>
  <c r="S2118" i="10"/>
  <c r="S798" i="10"/>
  <c r="T2340" i="10"/>
  <c r="S2340" i="10"/>
  <c r="S2525" i="10"/>
  <c r="S2013" i="10"/>
  <c r="S1501" i="10"/>
  <c r="S989" i="10"/>
  <c r="S413" i="10"/>
  <c r="S764" i="10"/>
  <c r="S2267" i="10"/>
  <c r="S1627" i="10"/>
  <c r="S731" i="10"/>
  <c r="S2300" i="10"/>
  <c r="S2744" i="10"/>
  <c r="S2104" i="10"/>
  <c r="S1336" i="10"/>
  <c r="S632" i="10"/>
  <c r="S1228" i="10"/>
  <c r="S2327" i="10"/>
  <c r="T1495" i="10"/>
  <c r="S1495" i="10"/>
  <c r="S855" i="10"/>
  <c r="S215" i="10"/>
  <c r="S500" i="10"/>
  <c r="S1424" i="10"/>
  <c r="S96" i="10"/>
  <c r="S71" i="10"/>
  <c r="S1357" i="10"/>
  <c r="S2508" i="10"/>
  <c r="S1068" i="10"/>
  <c r="S2259" i="10"/>
  <c r="S2838" i="10"/>
  <c r="S2294" i="10"/>
  <c r="S1558" i="10"/>
  <c r="S982" i="10"/>
  <c r="S342" i="10"/>
  <c r="S2645" i="10"/>
  <c r="S853" i="10"/>
  <c r="S2451" i="10"/>
  <c r="S1299" i="10"/>
  <c r="S147" i="10"/>
  <c r="S2672" i="10"/>
  <c r="S1520" i="10"/>
  <c r="K41" i="22" s="1"/>
  <c r="F41" i="22"/>
  <c r="E41" i="22"/>
  <c r="S688" i="10"/>
  <c r="S2767" i="10"/>
  <c r="T1743" i="10"/>
  <c r="S1743" i="10"/>
  <c r="T847" i="10"/>
  <c r="S847" i="10"/>
  <c r="S1996" i="10"/>
  <c r="S1832" i="10"/>
  <c r="S2511" i="10"/>
  <c r="S1031" i="10"/>
  <c r="S2453" i="10"/>
  <c r="S653" i="10"/>
  <c r="S1484" i="10"/>
  <c r="S2483" i="10"/>
  <c r="S1347" i="10"/>
  <c r="S2230" i="10"/>
  <c r="S1294" i="10"/>
  <c r="S398" i="10"/>
  <c r="T587" i="10"/>
  <c r="S587" i="10"/>
  <c r="S1060" i="10"/>
  <c r="S2024" i="10"/>
  <c r="S2639" i="10"/>
  <c r="S1159" i="10"/>
  <c r="S2445" i="10"/>
  <c r="S725" i="10"/>
  <c r="S2092" i="10"/>
  <c r="S956" i="10"/>
  <c r="S883" i="10"/>
  <c r="S848" i="10"/>
  <c r="S975" i="10"/>
  <c r="S917" i="10"/>
  <c r="S1180" i="10"/>
  <c r="S1203" i="10"/>
  <c r="S1685" i="10"/>
  <c r="S1588" i="10"/>
  <c r="S1395" i="10"/>
  <c r="S2149" i="10"/>
  <c r="S1084" i="10"/>
  <c r="S1443" i="10"/>
  <c r="T2764" i="10"/>
  <c r="S2764" i="10"/>
  <c r="S2630" i="10"/>
  <c r="S1606" i="10"/>
  <c r="S838" i="10"/>
  <c r="S70" i="10"/>
  <c r="S2336" i="10"/>
  <c r="S616" i="10"/>
  <c r="T1671" i="10"/>
  <c r="S1671" i="10"/>
  <c r="S367" i="10"/>
  <c r="S1805" i="10"/>
  <c r="T2748" i="10"/>
  <c r="S2748" i="10"/>
  <c r="T2675" i="10"/>
  <c r="S2675" i="10"/>
  <c r="S1091" i="10"/>
  <c r="S2224" i="10"/>
  <c r="S1935" i="10"/>
  <c r="S1421" i="10"/>
  <c r="S1604" i="10"/>
  <c r="S1859" i="10"/>
  <c r="T1440" i="10"/>
  <c r="S1440" i="10"/>
  <c r="S1487" i="10"/>
  <c r="S1197" i="10"/>
  <c r="S68" i="10"/>
  <c r="S2404" i="10"/>
  <c r="S2755" i="10"/>
  <c r="S483" i="10"/>
  <c r="S2560" i="10"/>
  <c r="S768" i="10"/>
  <c r="S2399" i="10"/>
  <c r="S1759" i="10"/>
  <c r="S1183" i="10"/>
  <c r="S351" i="10"/>
  <c r="S2280" i="10"/>
  <c r="S2175" i="10"/>
  <c r="S1981" i="10"/>
  <c r="S284" i="10"/>
  <c r="S699" i="10"/>
  <c r="S2400" i="10"/>
  <c r="S1919" i="10"/>
  <c r="S2820" i="10"/>
  <c r="S707" i="10"/>
  <c r="S815" i="10"/>
  <c r="S765" i="10"/>
  <c r="S516" i="10"/>
  <c r="S2582" i="10"/>
  <c r="S1973" i="10"/>
  <c r="S1269" i="10"/>
  <c r="S693" i="10"/>
  <c r="S2452" i="10"/>
  <c r="S2576" i="10"/>
  <c r="T1168" i="10"/>
  <c r="S1168" i="10"/>
  <c r="S528" i="10"/>
  <c r="S2671" i="10"/>
  <c r="S1903" i="10"/>
  <c r="S1007" i="10"/>
  <c r="S2408" i="10"/>
  <c r="S928" i="10"/>
  <c r="S1791" i="10"/>
  <c r="S239" i="10"/>
  <c r="S1413" i="10"/>
  <c r="S2836" i="10"/>
  <c r="S1268" i="10"/>
  <c r="S2643" i="10"/>
  <c r="S947" i="10"/>
  <c r="S1804" i="10"/>
  <c r="T352" i="10"/>
  <c r="S352" i="10"/>
  <c r="S103" i="10"/>
  <c r="S300" i="10"/>
  <c r="S2085" i="10"/>
  <c r="S2275" i="10"/>
  <c r="S803" i="10"/>
  <c r="S292" i="10"/>
  <c r="S1664" i="10"/>
  <c r="S384" i="10"/>
  <c r="T2783" i="10"/>
  <c r="S2783" i="10"/>
  <c r="S1764" i="10"/>
  <c r="S1240" i="10"/>
  <c r="S2023" i="10"/>
  <c r="S1869" i="10"/>
  <c r="T2228" i="10"/>
  <c r="S2228" i="10"/>
  <c r="S188" i="10"/>
  <c r="S2468" i="10"/>
  <c r="S2349" i="10"/>
  <c r="S1517" i="10"/>
  <c r="S877" i="10"/>
  <c r="S301" i="10"/>
  <c r="S1116" i="10"/>
  <c r="S2155" i="10"/>
  <c r="S1451" i="10"/>
  <c r="S747" i="10"/>
  <c r="T107" i="10"/>
  <c r="S107" i="10"/>
  <c r="S1772" i="10"/>
  <c r="S2760" i="10"/>
  <c r="S2184" i="10"/>
  <c r="S1544" i="10"/>
  <c r="S904" i="10"/>
  <c r="S200" i="10"/>
  <c r="S2535" i="10"/>
  <c r="S1959" i="10"/>
  <c r="S1319" i="10"/>
  <c r="S807" i="10"/>
  <c r="S295" i="10"/>
  <c r="S1102" i="10"/>
  <c r="S829" i="10"/>
  <c r="K34" i="22" s="1"/>
  <c r="F34" i="22"/>
  <c r="E34" i="22"/>
  <c r="S984" i="10"/>
  <c r="S20" i="10"/>
  <c r="S1701" i="10"/>
  <c r="S421" i="10"/>
  <c r="T1341" i="10"/>
  <c r="S1341" i="10"/>
  <c r="S1752" i="10"/>
  <c r="S1332" i="10"/>
  <c r="S59" i="10"/>
  <c r="S1694" i="10"/>
  <c r="S1467" i="10"/>
  <c r="S2604" i="10"/>
  <c r="S1789" i="10"/>
  <c r="S187" i="10"/>
  <c r="S1246" i="10"/>
  <c r="S852" i="10"/>
  <c r="S2620" i="10"/>
  <c r="S571" i="10"/>
  <c r="S1758" i="10"/>
  <c r="S1962" i="10"/>
  <c r="S2762" i="10"/>
  <c r="S1662" i="10"/>
  <c r="S2078" i="10"/>
  <c r="S1950" i="10"/>
  <c r="S734" i="10"/>
  <c r="K33" i="22" s="1"/>
  <c r="F33" i="22"/>
  <c r="E33" i="22"/>
  <c r="T1052" i="10"/>
  <c r="S1052" i="10"/>
  <c r="S2461" i="10"/>
  <c r="S1949" i="10"/>
  <c r="S1437" i="10"/>
  <c r="T925" i="10"/>
  <c r="I35" i="6" s="1"/>
  <c r="S925" i="10"/>
  <c r="K35" i="22" s="1"/>
  <c r="F35" i="22"/>
  <c r="E35" i="22"/>
  <c r="S349" i="10"/>
  <c r="S460" i="10"/>
  <c r="T2203" i="10"/>
  <c r="S2203" i="10"/>
  <c r="S1563" i="10"/>
  <c r="T667" i="10"/>
  <c r="S667" i="10"/>
  <c r="S2716" i="10"/>
  <c r="S2680" i="10"/>
  <c r="S2040" i="10"/>
  <c r="S1272" i="10"/>
  <c r="S504" i="10"/>
  <c r="S2775" i="10"/>
  <c r="S2263" i="10"/>
  <c r="S1431" i="10"/>
  <c r="S791" i="10"/>
  <c r="T87" i="10"/>
  <c r="S87" i="10"/>
  <c r="S164" i="10"/>
  <c r="S1320" i="10"/>
  <c r="S2823" i="10"/>
  <c r="S2062" i="10"/>
  <c r="S1165" i="10"/>
  <c r="S2308" i="10"/>
  <c r="S748" i="10"/>
  <c r="S1923" i="10"/>
  <c r="S2638" i="10"/>
  <c r="S2094" i="10"/>
  <c r="S1494" i="10"/>
  <c r="S918" i="10"/>
  <c r="S278" i="10"/>
  <c r="S2197" i="10"/>
  <c r="S789" i="10"/>
  <c r="S2387" i="10"/>
  <c r="S1171" i="10"/>
  <c r="S1756" i="10"/>
  <c r="S2544" i="10"/>
  <c r="S1456" i="10"/>
  <c r="S496" i="10"/>
  <c r="S2703" i="10"/>
  <c r="S1679" i="10"/>
  <c r="S719" i="10"/>
  <c r="S100" i="10"/>
  <c r="T1632" i="10"/>
  <c r="S1632" i="10"/>
  <c r="S2383" i="10"/>
  <c r="S903" i="10"/>
  <c r="S2253" i="10"/>
  <c r="S533" i="10"/>
  <c r="S1308" i="10"/>
  <c r="S2355" i="10"/>
  <c r="S1235" i="10"/>
  <c r="S2806" i="10"/>
  <c r="S1230" i="10"/>
  <c r="S270" i="10"/>
  <c r="S459" i="10"/>
  <c r="S60" i="10"/>
  <c r="S1744" i="10"/>
  <c r="S2503" i="10"/>
  <c r="S1023" i="10"/>
  <c r="S2325" i="10"/>
  <c r="T645" i="10"/>
  <c r="S645" i="10"/>
  <c r="S1972" i="10"/>
  <c r="S612" i="10"/>
  <c r="S643" i="10"/>
  <c r="S736" i="10"/>
  <c r="S127" i="10"/>
  <c r="S709" i="10"/>
  <c r="S404" i="10"/>
  <c r="S955" i="10"/>
  <c r="S1285" i="10"/>
  <c r="S1260" i="10"/>
  <c r="S939" i="10"/>
  <c r="S1893" i="10"/>
  <c r="S508" i="10"/>
  <c r="T1059" i="10"/>
  <c r="S1059" i="10"/>
  <c r="S1716" i="10"/>
  <c r="S2438" i="10"/>
  <c r="S1542" i="10"/>
  <c r="T710" i="10"/>
  <c r="S710" i="10"/>
  <c r="S1404" i="10"/>
  <c r="S2016" i="10"/>
  <c r="S160" i="10"/>
  <c r="S1535" i="10"/>
  <c r="S263" i="10"/>
  <c r="S1613" i="10"/>
  <c r="S2260" i="10"/>
  <c r="S2435" i="10"/>
  <c r="S963" i="10"/>
  <c r="S1704" i="10"/>
  <c r="S1519" i="10"/>
  <c r="S1221" i="10"/>
  <c r="S1004" i="10"/>
  <c r="T1531" i="10"/>
  <c r="S1531" i="10"/>
  <c r="S1136" i="10"/>
  <c r="S1087" i="10"/>
  <c r="S773" i="10"/>
  <c r="S2627" i="10"/>
  <c r="S2405" i="10"/>
  <c r="K50" i="22" s="1"/>
  <c r="F50" i="22"/>
  <c r="E50" i="22"/>
  <c r="M50" i="22" s="1"/>
  <c r="S2403" i="10"/>
  <c r="S291" i="10"/>
  <c r="T2368" i="10"/>
  <c r="S2368" i="10"/>
  <c r="S640" i="10"/>
  <c r="S2271" i="10"/>
  <c r="S1695" i="10"/>
  <c r="S1055" i="10"/>
  <c r="S159" i="10"/>
  <c r="S2072" i="10"/>
  <c r="S1735" i="10"/>
  <c r="S1277" i="10"/>
  <c r="T2723" i="10"/>
  <c r="S2723" i="10"/>
  <c r="S363" i="10"/>
  <c r="T2080" i="10"/>
  <c r="S2080" i="10"/>
  <c r="S703" i="10"/>
  <c r="S2236" i="10"/>
  <c r="S131" i="10"/>
  <c r="S303" i="10"/>
  <c r="S573" i="10"/>
  <c r="S52" i="10"/>
  <c r="S2182" i="10"/>
  <c r="S1845" i="10"/>
  <c r="S1141" i="10"/>
  <c r="S629" i="10"/>
  <c r="T2156" i="10"/>
  <c r="S2156" i="10"/>
  <c r="S2192" i="10"/>
  <c r="S1104" i="10"/>
  <c r="S400" i="10"/>
  <c r="S2607" i="10"/>
  <c r="S1839" i="10"/>
  <c r="S751" i="10"/>
  <c r="S2320" i="10"/>
  <c r="S480" i="10"/>
  <c r="S1095" i="10"/>
  <c r="S111" i="10"/>
  <c r="S1293" i="10"/>
  <c r="S2700" i="10"/>
  <c r="S796" i="10"/>
  <c r="S2419" i="10"/>
  <c r="S723" i="10"/>
  <c r="S932" i="10"/>
  <c r="S2839" i="10"/>
  <c r="S2693" i="10"/>
  <c r="S2411" i="10"/>
  <c r="S1317" i="10"/>
  <c r="S2083" i="10"/>
  <c r="S611" i="10"/>
  <c r="S2752" i="10"/>
  <c r="S1536" i="10"/>
  <c r="S320" i="10"/>
  <c r="S2591" i="10"/>
  <c r="S884" i="10"/>
  <c r="S1128" i="10"/>
  <c r="S1607" i="10"/>
  <c r="S1557" i="10"/>
  <c r="S2004" i="10"/>
  <c r="S2619" i="10"/>
  <c r="S1204" i="10"/>
  <c r="S2221" i="10"/>
  <c r="S1453" i="10"/>
  <c r="S813" i="10"/>
  <c r="S237" i="10"/>
  <c r="S836" i="10"/>
  <c r="S2091" i="10"/>
  <c r="S1323" i="10"/>
  <c r="S683" i="10"/>
  <c r="S43" i="10"/>
  <c r="S1276" i="10"/>
  <c r="S2696" i="10"/>
  <c r="S2120" i="10"/>
  <c r="S1480" i="10"/>
  <c r="S840" i="10"/>
  <c r="S136" i="10"/>
  <c r="S2471" i="10"/>
  <c r="S1831" i="10"/>
  <c r="S1255" i="10"/>
  <c r="S743" i="10"/>
  <c r="S167" i="10"/>
  <c r="S590" i="10"/>
  <c r="S2492" i="10"/>
  <c r="S280" i="10"/>
  <c r="S2789" i="10"/>
  <c r="S1509" i="10"/>
  <c r="S229" i="10"/>
  <c r="S637" i="10"/>
  <c r="T1304" i="10"/>
  <c r="S1304" i="10"/>
  <c r="S2109" i="10"/>
  <c r="S1020" i="10"/>
  <c r="S670" i="10"/>
  <c r="S763" i="10"/>
  <c r="S2526" i="10"/>
  <c r="S701" i="10"/>
  <c r="S468" i="10"/>
  <c r="S2557" i="10"/>
  <c r="S2648" i="10"/>
  <c r="T2237" i="10"/>
  <c r="S2237" i="10"/>
  <c r="S1900" i="10"/>
  <c r="T990" i="10"/>
  <c r="S990" i="10"/>
  <c r="S362" i="10"/>
  <c r="S1162" i="10"/>
  <c r="S2512" i="10"/>
  <c r="S1912" i="10"/>
  <c r="S62" i="10"/>
  <c r="S2670" i="10"/>
  <c r="S1886" i="10"/>
  <c r="S606" i="10"/>
  <c r="S476" i="10"/>
  <c r="S2397" i="10"/>
  <c r="S1885" i="10"/>
  <c r="S1373" i="10"/>
  <c r="S861" i="10"/>
  <c r="S285" i="10"/>
  <c r="S108" i="10"/>
  <c r="S2139" i="10"/>
  <c r="S1371" i="10"/>
  <c r="S603" i="10"/>
  <c r="T2132" i="10"/>
  <c r="S2132" i="10"/>
  <c r="S2616" i="10"/>
  <c r="S1976" i="10"/>
  <c r="S1208" i="10"/>
  <c r="S440" i="10"/>
  <c r="K30" i="22" s="1"/>
  <c r="AA30" i="22" s="1" a="1"/>
  <c r="AA30" i="22" s="1"/>
  <c r="F30" i="22"/>
  <c r="E30" i="22"/>
  <c r="E30" i="14" s="1"/>
  <c r="S2711" i="10"/>
  <c r="S2135" i="10"/>
  <c r="S1367" i="10"/>
  <c r="S727" i="10"/>
  <c r="S23" i="10"/>
  <c r="S2800" i="10"/>
  <c r="S1232" i="10"/>
  <c r="S2687" i="10"/>
  <c r="S2757" i="10"/>
  <c r="S965" i="10"/>
  <c r="S2108" i="10"/>
  <c r="S644" i="10"/>
  <c r="T1811" i="10"/>
  <c r="S1811" i="10"/>
  <c r="S2446" i="10"/>
  <c r="S2006" i="10"/>
  <c r="S1430" i="10"/>
  <c r="S854" i="10"/>
  <c r="S150" i="10"/>
  <c r="S2005" i="10"/>
  <c r="S597" i="10"/>
  <c r="S2195" i="10"/>
  <c r="S1043" i="10"/>
  <c r="S324" i="10"/>
  <c r="S2352" i="10"/>
  <c r="S1264" i="10"/>
  <c r="T432" i="10"/>
  <c r="S432" i="10"/>
  <c r="S2575" i="10"/>
  <c r="S1551" i="10"/>
  <c r="S591" i="10"/>
  <c r="S1112" i="10"/>
  <c r="S2247" i="10"/>
  <c r="S783" i="10"/>
  <c r="S2053" i="10"/>
  <c r="S453" i="10"/>
  <c r="S1220" i="10"/>
  <c r="K38" i="22" s="1"/>
  <c r="F38" i="22"/>
  <c r="E38" i="22"/>
  <c r="S2243" i="10"/>
  <c r="S1011" i="10"/>
  <c r="S2086" i="10"/>
  <c r="T1166" i="10"/>
  <c r="S1166" i="10"/>
  <c r="T206" i="10"/>
  <c r="S206" i="10"/>
  <c r="S2180" i="10"/>
  <c r="S2656" i="10"/>
  <c r="T1504" i="10"/>
  <c r="S1504" i="10"/>
  <c r="T2375" i="10"/>
  <c r="S2375" i="10"/>
  <c r="S895" i="10"/>
  <c r="S2245" i="10"/>
  <c r="S525" i="10"/>
  <c r="S1892" i="10"/>
  <c r="T340" i="10"/>
  <c r="S340" i="10"/>
  <c r="S195" i="10"/>
  <c r="S488" i="10"/>
  <c r="S2709" i="10"/>
  <c r="K53" i="22" s="1"/>
  <c r="F53" i="22"/>
  <c r="E53" i="22"/>
  <c r="M53" i="22" s="1"/>
  <c r="S509" i="10"/>
  <c r="S220" i="10"/>
  <c r="T507" i="10"/>
  <c r="S507" i="10"/>
  <c r="T901" i="10"/>
  <c r="S901" i="10"/>
  <c r="S772" i="10"/>
  <c r="T491" i="10"/>
  <c r="S491" i="10"/>
  <c r="S1637" i="10"/>
  <c r="S2467" i="10"/>
  <c r="S867" i="10"/>
  <c r="S180" i="10"/>
  <c r="S2246" i="10"/>
  <c r="T1478" i="10"/>
  <c r="S1478" i="10"/>
  <c r="S646" i="10"/>
  <c r="S820" i="10"/>
  <c r="S1896" i="10"/>
  <c r="S40" i="10"/>
  <c r="S1407" i="10"/>
  <c r="S135" i="10"/>
  <c r="S1429" i="10"/>
  <c r="S1964" i="10"/>
  <c r="S2323" i="10"/>
  <c r="S755" i="10"/>
  <c r="S1376" i="10"/>
  <c r="S1391" i="10"/>
  <c r="S1021" i="10"/>
  <c r="S940" i="10"/>
  <c r="T851" i="10"/>
  <c r="S851" i="10"/>
  <c r="S808" i="10"/>
  <c r="S831" i="10"/>
  <c r="S397" i="10"/>
  <c r="S2291" i="10"/>
  <c r="T1573" i="10"/>
  <c r="S1573" i="10"/>
  <c r="S2147" i="10"/>
  <c r="S99" i="10"/>
  <c r="S2176" i="10"/>
  <c r="S64" i="10"/>
  <c r="T2207" i="10"/>
  <c r="S2207" i="10"/>
  <c r="S1567" i="10"/>
  <c r="T991" i="10"/>
  <c r="S991" i="10"/>
  <c r="S31" i="10"/>
  <c r="S1952" i="10"/>
  <c r="S1343" i="10"/>
  <c r="S893" i="10"/>
  <c r="S2371" i="10"/>
  <c r="S2190" i="10"/>
  <c r="S1960" i="10"/>
  <c r="T319" i="10"/>
  <c r="S319" i="10"/>
  <c r="S1676" i="10"/>
  <c r="S1008" i="10"/>
  <c r="S2685" i="10"/>
  <c r="S269" i="10"/>
  <c r="T2499" i="10"/>
  <c r="S2499" i="10"/>
  <c r="T566" i="10"/>
  <c r="S566" i="10"/>
  <c r="S1717" i="10"/>
  <c r="S1077" i="10"/>
  <c r="S565" i="10"/>
  <c r="S1836" i="10"/>
  <c r="S2128" i="10"/>
  <c r="S1040" i="10"/>
  <c r="T336" i="10"/>
  <c r="S336" i="10"/>
  <c r="S2543" i="10"/>
  <c r="S1775" i="10"/>
  <c r="S623" i="10"/>
  <c r="S2216" i="10"/>
  <c r="S360" i="10"/>
  <c r="S967" i="10"/>
  <c r="T1101" i="10"/>
  <c r="S1101" i="10"/>
  <c r="S2564" i="10"/>
  <c r="S684" i="10"/>
  <c r="T2179" i="10"/>
  <c r="S2179" i="10"/>
  <c r="S499" i="10"/>
  <c r="S2832" i="10"/>
  <c r="S2303" i="10"/>
  <c r="T2285" i="10"/>
  <c r="S2285" i="10"/>
  <c r="T1963" i="10"/>
  <c r="S1963" i="10"/>
  <c r="S1125" i="10"/>
  <c r="T1891" i="10"/>
  <c r="S1891" i="10"/>
  <c r="S419" i="10"/>
  <c r="S2624" i="10"/>
  <c r="T1408" i="10"/>
  <c r="S1408" i="10"/>
  <c r="S256" i="10"/>
  <c r="S799" i="10"/>
  <c r="S556" i="10"/>
  <c r="S800" i="10"/>
  <c r="S1199" i="10"/>
  <c r="S1189" i="10"/>
  <c r="S1796" i="10"/>
  <c r="T2283" i="10"/>
  <c r="S2283" i="10"/>
  <c r="T2797" i="10"/>
  <c r="S2797" i="10"/>
  <c r="S2157" i="10"/>
  <c r="S1325" i="10"/>
  <c r="T749" i="10"/>
  <c r="S749" i="10"/>
  <c r="S173" i="10"/>
  <c r="S2667" i="10"/>
  <c r="S2027" i="10"/>
  <c r="S1259" i="10"/>
  <c r="S619" i="10"/>
  <c r="T2428" i="10"/>
  <c r="S2428" i="10"/>
  <c r="S724" i="10"/>
  <c r="S2632" i="10"/>
  <c r="S2056" i="10"/>
  <c r="S1416" i="10"/>
  <c r="S776" i="10"/>
  <c r="S72" i="10"/>
  <c r="T2407" i="10"/>
  <c r="S2407" i="10"/>
  <c r="T1703" i="10"/>
  <c r="S1703" i="10"/>
  <c r="S1191" i="10"/>
  <c r="S679" i="10"/>
  <c r="S39" i="10"/>
  <c r="S526" i="10"/>
  <c r="T276" i="10"/>
  <c r="S276" i="10"/>
  <c r="S1540" i="10"/>
  <c r="S2725" i="10"/>
  <c r="S1445" i="10"/>
  <c r="S165" i="10"/>
  <c r="S1556" i="10"/>
  <c r="T600" i="10"/>
  <c r="S600" i="10"/>
  <c r="S1469" i="10"/>
  <c r="S1368" i="10"/>
  <c r="S2813" i="10"/>
  <c r="S620" i="10"/>
  <c r="S1118" i="10"/>
  <c r="T61" i="10"/>
  <c r="S61" i="10"/>
  <c r="S2264" i="10"/>
  <c r="S1853" i="10"/>
  <c r="S1816" i="10"/>
  <c r="S1661" i="10"/>
  <c r="S2136" i="10"/>
  <c r="AC94" i="22" a="1"/>
  <c r="AC94" i="22" s="1"/>
  <c r="AP94" i="22" s="1"/>
  <c r="K94" i="14" s="1"/>
  <c r="AA94" i="22" a="1"/>
  <c r="AA94" i="22" s="1"/>
  <c r="AN94" i="22" s="1"/>
  <c r="I94" i="14" s="1"/>
  <c r="AB94" i="22" a="1"/>
  <c r="AB94" i="22" s="1"/>
  <c r="AO94" i="22" s="1"/>
  <c r="J94" i="14" s="1"/>
  <c r="AK94" i="22" a="1"/>
  <c r="AK94" i="22" s="1"/>
  <c r="AX94" i="22" s="1"/>
  <c r="S94" i="14" s="1"/>
  <c r="AE94" i="22" a="1"/>
  <c r="AE94" i="22" s="1"/>
  <c r="AR94" i="22" s="1"/>
  <c r="M94" i="14" s="1"/>
  <c r="AG94" i="22" a="1"/>
  <c r="AG94" i="22" s="1"/>
  <c r="AT94" i="22" s="1"/>
  <c r="O94" i="14" s="1"/>
  <c r="AH94" i="22" a="1"/>
  <c r="AH94" i="22" s="1"/>
  <c r="AU94" i="22" s="1"/>
  <c r="P94" i="14" s="1"/>
  <c r="AJ94" i="22" a="1"/>
  <c r="AJ94" i="22" s="1"/>
  <c r="AW94" i="22" s="1"/>
  <c r="R94" i="14" s="1"/>
  <c r="AF94" i="22" a="1"/>
  <c r="AF94" i="22" s="1"/>
  <c r="AS94" i="22" s="1"/>
  <c r="N94" i="14" s="1"/>
  <c r="AI94" i="22" a="1"/>
  <c r="AI94" i="22" s="1"/>
  <c r="AV94" i="22" s="1"/>
  <c r="Q94" i="14" s="1"/>
  <c r="AD94" i="22" a="1"/>
  <c r="AD94" i="22" s="1"/>
  <c r="AQ94" i="22" s="1"/>
  <c r="L94" i="14" s="1"/>
  <c r="R94" i="22"/>
  <c r="X94" i="22" s="1"/>
  <c r="Y94" i="22" s="1"/>
  <c r="Z94" i="22" s="1"/>
  <c r="G94" i="14" s="1"/>
  <c r="S1762" i="10"/>
  <c r="S2562" i="10"/>
  <c r="S312" i="10"/>
  <c r="S412" i="10"/>
  <c r="S2478" i="10"/>
  <c r="S1630" i="10"/>
  <c r="S414" i="10"/>
  <c r="S2845" i="10"/>
  <c r="S2333" i="10"/>
  <c r="S1821" i="10"/>
  <c r="S1309" i="10"/>
  <c r="S797" i="10"/>
  <c r="S221" i="10"/>
  <c r="S2739" i="10"/>
  <c r="S2075" i="10"/>
  <c r="T1243" i="10"/>
  <c r="S1243" i="10"/>
  <c r="S411" i="10"/>
  <c r="S1644" i="10"/>
  <c r="T2552" i="10"/>
  <c r="S2552" i="10"/>
  <c r="S1848" i="10"/>
  <c r="T1144" i="10"/>
  <c r="S1144" i="10"/>
  <c r="S376" i="10"/>
  <c r="S2647" i="10"/>
  <c r="S2007" i="10"/>
  <c r="S1239" i="10"/>
  <c r="S663" i="10"/>
  <c r="S2388" i="10"/>
  <c r="S2464" i="10"/>
  <c r="S1120" i="10"/>
  <c r="S1991" i="10"/>
  <c r="S2261" i="10"/>
  <c r="S461" i="10"/>
  <c r="S1988" i="10"/>
  <c r="S492" i="10"/>
  <c r="S1363" i="10"/>
  <c r="S2254" i="10"/>
  <c r="T1942" i="10"/>
  <c r="S1942" i="10"/>
  <c r="S1366" i="10"/>
  <c r="S726" i="10"/>
  <c r="S86" i="10"/>
  <c r="S1877" i="10"/>
  <c r="T341" i="10"/>
  <c r="S341" i="10"/>
  <c r="T2003" i="10"/>
  <c r="S2003" i="10"/>
  <c r="S979" i="10"/>
  <c r="S2644" i="10"/>
  <c r="S2160" i="10"/>
  <c r="S1200" i="10"/>
  <c r="S304" i="10"/>
  <c r="T2447" i="10"/>
  <c r="S2447" i="10"/>
  <c r="T1423" i="10"/>
  <c r="S1423" i="10"/>
  <c r="S527" i="10"/>
  <c r="T2792" i="10"/>
  <c r="S2792" i="10"/>
  <c r="S992" i="10"/>
  <c r="S2119" i="10"/>
  <c r="S655" i="10"/>
  <c r="S1741" i="10"/>
  <c r="S2788" i="10"/>
  <c r="S1036" i="10"/>
  <c r="S2131" i="10"/>
  <c r="S771" i="10"/>
  <c r="S1934" i="10"/>
  <c r="S974" i="10"/>
  <c r="S142" i="10"/>
  <c r="S580" i="10"/>
  <c r="S2536" i="10"/>
  <c r="S1392" i="10"/>
  <c r="S2239" i="10"/>
  <c r="S775" i="10"/>
  <c r="S2133" i="10"/>
  <c r="S333" i="10"/>
  <c r="S1620" i="10"/>
  <c r="S2563" i="10"/>
  <c r="S75" i="10"/>
  <c r="S32" i="10"/>
  <c r="S2509" i="10"/>
  <c r="S213" i="10"/>
  <c r="S2819" i="10"/>
  <c r="S387" i="10"/>
  <c r="S581" i="10"/>
  <c r="T676" i="10"/>
  <c r="S676" i="10"/>
  <c r="S251" i="10"/>
  <c r="T1061" i="10"/>
  <c r="S1061" i="10"/>
  <c r="S2339" i="10"/>
  <c r="S675" i="10"/>
  <c r="T1364" i="10"/>
  <c r="S1364" i="10"/>
  <c r="S2054" i="10"/>
  <c r="T1350" i="10"/>
  <c r="S1350" i="10"/>
  <c r="S582" i="10"/>
  <c r="S260" i="10"/>
  <c r="S1384" i="10"/>
  <c r="S2759" i="10"/>
  <c r="S1279" i="10"/>
  <c r="S47" i="10"/>
  <c r="S1229" i="10"/>
  <c r="S1748" i="10"/>
  <c r="S2227" i="10"/>
  <c r="S403" i="10"/>
  <c r="S1176" i="10"/>
  <c r="S463" i="10"/>
  <c r="S317" i="10"/>
  <c r="S564" i="10"/>
  <c r="S627" i="10"/>
  <c r="T472" i="10"/>
  <c r="S472" i="10"/>
  <c r="S575" i="10"/>
  <c r="S85" i="10"/>
  <c r="S1275" i="10"/>
  <c r="S805" i="10"/>
  <c r="S1955" i="10"/>
  <c r="T1876" i="10"/>
  <c r="S1876" i="10"/>
  <c r="S1984" i="10"/>
  <c r="S1316" i="10"/>
  <c r="S2079" i="10"/>
  <c r="S1503" i="10"/>
  <c r="S927" i="10"/>
  <c r="S2084" i="10"/>
  <c r="S1768" i="10"/>
  <c r="S687" i="10"/>
  <c r="T389" i="10"/>
  <c r="S389" i="10"/>
  <c r="S2163" i="10"/>
  <c r="S2566" i="10"/>
  <c r="S1688" i="10"/>
  <c r="S2493" i="10"/>
  <c r="S988" i="10"/>
  <c r="T456" i="10"/>
  <c r="S456" i="10"/>
  <c r="S2181" i="10"/>
  <c r="S77" i="10"/>
  <c r="S2051" i="10"/>
  <c r="S2805" i="10"/>
  <c r="S1653" i="10"/>
  <c r="S1013" i="10"/>
  <c r="S501" i="10"/>
  <c r="S1516" i="10"/>
  <c r="S2064" i="10"/>
  <c r="S976" i="10"/>
  <c r="S272" i="10"/>
  <c r="S2415" i="10"/>
  <c r="S1647" i="10"/>
  <c r="S495" i="10"/>
  <c r="S2088" i="10"/>
  <c r="S232" i="10"/>
  <c r="S839" i="10"/>
  <c r="T2701" i="10"/>
  <c r="S2701" i="10"/>
  <c r="S909" i="10"/>
  <c r="S1844" i="10"/>
  <c r="T388" i="10"/>
  <c r="S388" i="10"/>
  <c r="S1971" i="10"/>
  <c r="S259" i="10"/>
  <c r="S2480" i="10"/>
  <c r="T2047" i="10"/>
  <c r="S2047" i="10"/>
  <c r="S1773" i="10"/>
  <c r="S1515" i="10"/>
  <c r="S869" i="10"/>
  <c r="S1763" i="10"/>
  <c r="S163" i="10"/>
  <c r="S2432" i="10"/>
  <c r="S1280" i="10"/>
  <c r="S192" i="10"/>
  <c r="S607" i="10"/>
  <c r="S196" i="10"/>
  <c r="S680" i="10"/>
  <c r="S431" i="10"/>
  <c r="S973" i="10"/>
  <c r="T1500" i="10"/>
  <c r="S1500" i="10"/>
  <c r="S1939" i="10"/>
  <c r="S2733" i="10"/>
  <c r="S2029" i="10"/>
  <c r="S1261" i="10"/>
  <c r="S621" i="10"/>
  <c r="S109" i="10"/>
  <c r="S2603" i="10"/>
  <c r="S1899" i="10"/>
  <c r="T1195" i="10"/>
  <c r="S1195" i="10"/>
  <c r="S555" i="10"/>
  <c r="S1932" i="10"/>
  <c r="S252" i="10"/>
  <c r="S2568" i="10"/>
  <c r="S1992" i="10"/>
  <c r="K46" i="22" s="1"/>
  <c r="F46" i="22"/>
  <c r="E46" i="22"/>
  <c r="T1288" i="10"/>
  <c r="S1288" i="10"/>
  <c r="T648" i="10"/>
  <c r="S648" i="10"/>
  <c r="S2020" i="10"/>
  <c r="S2343" i="10"/>
  <c r="S1639" i="10"/>
  <c r="S1127" i="10"/>
  <c r="S615" i="10"/>
  <c r="S236" i="10"/>
  <c r="S1980" i="10"/>
  <c r="S1659" i="10"/>
  <c r="S2196" i="10"/>
  <c r="S2533" i="10"/>
  <c r="S1253" i="10"/>
  <c r="S1699" i="10"/>
  <c r="S2107" i="10"/>
  <c r="S88" i="10"/>
  <c r="S381" i="10"/>
  <c r="S856" i="10"/>
  <c r="S2173" i="10"/>
  <c r="S2584" i="10"/>
  <c r="S2158" i="10"/>
  <c r="T2555" i="10"/>
  <c r="S2555" i="10"/>
  <c r="S1048" i="10"/>
  <c r="S1213" i="10"/>
  <c r="T728" i="10"/>
  <c r="S728" i="10"/>
  <c r="S957" i="10"/>
  <c r="S1624" i="10"/>
  <c r="C96" i="22"/>
  <c r="I95" i="22"/>
  <c r="H95" i="6" s="1"/>
  <c r="H95" i="7" s="1"/>
  <c r="F95" i="22"/>
  <c r="G95" i="22"/>
  <c r="F95" i="6" s="1"/>
  <c r="F95" i="7" s="1"/>
  <c r="D95" i="22"/>
  <c r="K95" i="22"/>
  <c r="L95" i="22"/>
  <c r="AY95" i="22" s="1"/>
  <c r="T95" i="14" s="1"/>
  <c r="H95" i="22"/>
  <c r="G95" i="6" s="1"/>
  <c r="G95" i="7" s="1"/>
  <c r="J95" i="22"/>
  <c r="E95" i="22"/>
  <c r="B95" i="22"/>
  <c r="B95" i="6" s="1"/>
  <c r="B95" i="7" s="1"/>
  <c r="S162" i="10"/>
  <c r="S962" i="10"/>
  <c r="S2112" i="10"/>
  <c r="S1862" i="10"/>
  <c r="S1812" i="10"/>
  <c r="K44" i="22" s="1"/>
  <c r="F44" i="22"/>
  <c r="E44" i="22"/>
  <c r="M44" i="22" s="1"/>
  <c r="S1012" i="10"/>
  <c r="S2286" i="10"/>
  <c r="S1502" i="10"/>
  <c r="T350" i="10"/>
  <c r="S350" i="10"/>
  <c r="S2781" i="10"/>
  <c r="T2269" i="10"/>
  <c r="S2269" i="10"/>
  <c r="S1757" i="10"/>
  <c r="S1245" i="10"/>
  <c r="S733" i="10"/>
  <c r="T157" i="10"/>
  <c r="S157" i="10"/>
  <c r="S2651" i="10"/>
  <c r="S1947" i="10"/>
  <c r="S1179" i="10"/>
  <c r="S219" i="10"/>
  <c r="S1140" i="10"/>
  <c r="T2488" i="10"/>
  <c r="S2488" i="10"/>
  <c r="T1784" i="10"/>
  <c r="S1784" i="10"/>
  <c r="T1016" i="10"/>
  <c r="S1016" i="10"/>
  <c r="T248" i="10"/>
  <c r="S248" i="10"/>
  <c r="T2583" i="10"/>
  <c r="S2583" i="10"/>
  <c r="S1943" i="10"/>
  <c r="S1175" i="10"/>
  <c r="S599" i="10"/>
  <c r="S2044" i="10"/>
  <c r="S2384" i="10"/>
  <c r="S1000" i="10"/>
  <c r="S1863" i="10"/>
  <c r="S1861" i="10"/>
  <c r="S261" i="10"/>
  <c r="S1908" i="10"/>
  <c r="S356" i="10"/>
  <c r="S1139" i="10"/>
  <c r="S2822" i="10"/>
  <c r="S1878" i="10"/>
  <c r="T1238" i="10"/>
  <c r="S1238" i="10"/>
  <c r="S598" i="10"/>
  <c r="S22" i="10"/>
  <c r="S1813" i="10"/>
  <c r="S149" i="10"/>
  <c r="S1875" i="10"/>
  <c r="S787" i="10"/>
  <c r="S532" i="10"/>
  <c r="S2096" i="10"/>
  <c r="S1072" i="10"/>
  <c r="S240" i="10"/>
  <c r="S2319" i="10"/>
  <c r="T1359" i="10"/>
  <c r="S1359" i="10"/>
  <c r="S399" i="10"/>
  <c r="S2664" i="10"/>
  <c r="S872" i="10"/>
  <c r="S1983" i="10"/>
  <c r="S519" i="10"/>
  <c r="S1541" i="10"/>
  <c r="T2628" i="10"/>
  <c r="S2628" i="10"/>
  <c r="S740" i="10"/>
  <c r="S2035" i="10"/>
  <c r="S563" i="10"/>
  <c r="T1806" i="10"/>
  <c r="S1806" i="10"/>
  <c r="S910" i="10"/>
  <c r="S78" i="10"/>
  <c r="S2292" i="10"/>
  <c r="S2448" i="10"/>
  <c r="S1192" i="10"/>
  <c r="S2111" i="10"/>
  <c r="S647" i="10"/>
  <c r="S1941" i="10"/>
  <c r="S141" i="10"/>
  <c r="S1468" i="10"/>
  <c r="S2115" i="10"/>
  <c r="S2416" i="10"/>
  <c r="S2623" i="10"/>
  <c r="S2429" i="10"/>
  <c r="S125" i="10"/>
  <c r="S2547" i="10"/>
  <c r="S179" i="10"/>
  <c r="S197" i="10"/>
  <c r="S204" i="10"/>
  <c r="S2502" i="10"/>
  <c r="S613" i="10"/>
  <c r="S2211" i="10"/>
  <c r="S547" i="10"/>
  <c r="S2816" i="10"/>
  <c r="S1990" i="10"/>
  <c r="S1094" i="10"/>
  <c r="T518" i="10"/>
  <c r="S518" i="10"/>
  <c r="S67" i="10"/>
  <c r="S1296" i="10"/>
  <c r="S2631" i="10"/>
  <c r="S1151" i="10"/>
  <c r="S2517" i="10"/>
  <c r="S1029" i="10"/>
  <c r="S1284" i="10"/>
  <c r="S1779" i="10"/>
  <c r="S307" i="10"/>
  <c r="S936" i="10"/>
  <c r="S255" i="10"/>
  <c r="S2588" i="10"/>
  <c r="T316" i="10"/>
  <c r="S316" i="10"/>
  <c r="S1460" i="10"/>
  <c r="S224" i="10"/>
  <c r="S231" i="10"/>
  <c r="S1924" i="10"/>
  <c r="S827" i="10"/>
  <c r="S549" i="10"/>
  <c r="S1571" i="10"/>
  <c r="S428" i="10"/>
  <c r="S1728" i="10"/>
  <c r="T92" i="10"/>
  <c r="S92" i="10"/>
  <c r="T2015" i="10"/>
  <c r="S2015" i="10"/>
  <c r="S1439" i="10"/>
  <c r="S863" i="10"/>
  <c r="S1428" i="10"/>
  <c r="S1560" i="10"/>
  <c r="S199" i="10"/>
  <c r="S2116" i="10"/>
  <c r="S1835" i="10"/>
  <c r="S2382" i="10"/>
  <c r="S1568" i="10"/>
  <c r="S2189" i="10"/>
  <c r="S372" i="10"/>
  <c r="S2831" i="10"/>
  <c r="S1765" i="10"/>
  <c r="S2316" i="10"/>
  <c r="S1603" i="10"/>
  <c r="S2677" i="10"/>
  <c r="S1525" i="10"/>
  <c r="S949" i="10"/>
  <c r="S437" i="10"/>
  <c r="S876" i="10"/>
  <c r="S2000" i="10"/>
  <c r="S784" i="10"/>
  <c r="T144" i="10"/>
  <c r="S144" i="10"/>
  <c r="S2351" i="10"/>
  <c r="S1583" i="10"/>
  <c r="S2556" i="10"/>
  <c r="T1696" i="10"/>
  <c r="S1696" i="10"/>
  <c r="S2311" i="10"/>
  <c r="S711" i="10"/>
  <c r="S2581" i="10"/>
  <c r="S781" i="10"/>
  <c r="S1708" i="10"/>
  <c r="S308" i="10"/>
  <c r="S1731" i="10"/>
  <c r="S2702" i="10"/>
  <c r="S1872" i="10"/>
  <c r="S1615" i="10"/>
  <c r="K42" i="22" s="1"/>
  <c r="F42" i="22"/>
  <c r="E42" i="22"/>
  <c r="M42" i="22" s="1"/>
  <c r="S1485" i="10"/>
  <c r="S1067" i="10"/>
  <c r="S293" i="10"/>
  <c r="S1507" i="10"/>
  <c r="S1444" i="10"/>
  <c r="S2240" i="10"/>
  <c r="S1088" i="10"/>
  <c r="S128" i="10"/>
  <c r="S415" i="10"/>
  <c r="S2592" i="10"/>
  <c r="S216" i="10"/>
  <c r="S79" i="10"/>
  <c r="S677" i="10"/>
  <c r="S1252" i="10"/>
  <c r="S1715" i="10"/>
  <c r="S2669" i="10"/>
  <c r="S1965" i="10"/>
  <c r="S1133" i="10"/>
  <c r="S557" i="10"/>
  <c r="S45" i="10"/>
  <c r="S2539" i="10"/>
  <c r="S1771" i="10"/>
  <c r="S1131" i="10"/>
  <c r="S427" i="10"/>
  <c r="S1492" i="10"/>
  <c r="S2460" i="10"/>
  <c r="S2504" i="10"/>
  <c r="K51" i="22" s="1"/>
  <c r="F51" i="22"/>
  <c r="E51" i="22"/>
  <c r="S1928" i="10"/>
  <c r="S1224" i="10"/>
  <c r="S520" i="10"/>
  <c r="S148" i="10"/>
  <c r="S2279" i="10"/>
  <c r="S1575" i="10"/>
  <c r="S1063" i="10"/>
  <c r="S551" i="10"/>
  <c r="T2574" i="10"/>
  <c r="S2574" i="10"/>
  <c r="S2749" i="10"/>
  <c r="S1019" i="10"/>
  <c r="S2782" i="10"/>
  <c r="S2469" i="10"/>
  <c r="T997" i="10"/>
  <c r="S997" i="10"/>
  <c r="S287" i="10"/>
  <c r="T1595" i="10"/>
  <c r="S1595" i="10"/>
  <c r="S332" i="10"/>
  <c r="S2691" i="10"/>
  <c r="S924" i="10"/>
  <c r="T1597" i="10"/>
  <c r="S1597" i="10"/>
  <c r="T1944" i="10"/>
  <c r="S1944" i="10"/>
  <c r="S942" i="10"/>
  <c r="S2235" i="10"/>
  <c r="S536" i="10"/>
  <c r="S2491" i="10"/>
  <c r="S408" i="10"/>
  <c r="S253" i="10"/>
  <c r="S664" i="10"/>
  <c r="S2362" i="10"/>
  <c r="S1562" i="10"/>
  <c r="S512" i="10"/>
  <c r="S2262" i="10"/>
  <c r="S1462" i="10"/>
  <c r="S2110" i="10"/>
  <c r="T1374" i="10"/>
  <c r="S1374" i="10"/>
  <c r="T222" i="10"/>
  <c r="S222" i="10"/>
  <c r="S2717" i="10"/>
  <c r="S2205" i="10"/>
  <c r="S1693" i="10"/>
  <c r="S1181" i="10"/>
  <c r="S669" i="10"/>
  <c r="S29" i="10"/>
  <c r="S2523" i="10"/>
  <c r="S1883" i="10"/>
  <c r="S1051" i="10"/>
  <c r="S155" i="10"/>
  <c r="S116" i="10"/>
  <c r="S2424" i="10"/>
  <c r="S1720" i="10"/>
  <c r="S888" i="10"/>
  <c r="S56" i="10"/>
  <c r="S2519" i="10"/>
  <c r="S1751" i="10"/>
  <c r="S1111" i="10"/>
  <c r="T471" i="10"/>
  <c r="S471" i="10"/>
  <c r="S1724" i="10"/>
  <c r="S2272" i="10"/>
  <c r="T672" i="10"/>
  <c r="S672" i="10"/>
  <c r="T1727" i="10"/>
  <c r="S1727" i="10"/>
  <c r="S1749" i="10"/>
  <c r="S69" i="10"/>
  <c r="S1788" i="10"/>
  <c r="S172" i="10"/>
  <c r="S899" i="10"/>
  <c r="S2646" i="10"/>
  <c r="S1750" i="10"/>
  <c r="S1174" i="10"/>
  <c r="S534" i="10"/>
  <c r="S1564" i="10"/>
  <c r="S1621" i="10"/>
  <c r="S21" i="10"/>
  <c r="S1747" i="10"/>
  <c r="S531" i="10"/>
  <c r="S1236" i="10"/>
  <c r="S1968" i="10"/>
  <c r="S944" i="10"/>
  <c r="S176" i="10"/>
  <c r="S2255" i="10"/>
  <c r="S1231" i="10"/>
  <c r="S207" i="10"/>
  <c r="S2152" i="10"/>
  <c r="S544" i="10"/>
  <c r="S1855" i="10"/>
  <c r="S391" i="10"/>
  <c r="S1349" i="10"/>
  <c r="S2212" i="10"/>
  <c r="S268" i="10"/>
  <c r="S1795" i="10"/>
  <c r="S435" i="10"/>
  <c r="S1742" i="10"/>
  <c r="S846" i="10"/>
  <c r="S1931" i="10"/>
  <c r="S1076" i="10"/>
  <c r="S2344" i="10"/>
  <c r="S864" i="10"/>
  <c r="S1967" i="10"/>
  <c r="S511" i="10"/>
  <c r="S1733" i="10"/>
  <c r="S2780" i="10"/>
  <c r="S1300" i="10"/>
  <c r="T1907" i="10"/>
  <c r="S1907" i="10"/>
  <c r="S2008" i="10"/>
  <c r="S2479" i="10"/>
  <c r="S1797" i="10"/>
  <c r="S2740" i="10"/>
  <c r="T2307" i="10"/>
  <c r="S2307" i="10"/>
  <c r="S1188" i="10"/>
  <c r="S2692" i="10"/>
  <c r="S2515" i="10"/>
  <c r="S540" i="10"/>
  <c r="K31" i="22" s="1"/>
  <c r="F31" i="22"/>
  <c r="E31" i="22"/>
  <c r="T357" i="10"/>
  <c r="S357" i="10"/>
  <c r="S2019" i="10"/>
  <c r="S355" i="10"/>
  <c r="S2304" i="10"/>
  <c r="S1798" i="10"/>
  <c r="S1030" i="10"/>
  <c r="T454" i="10"/>
  <c r="S454" i="10"/>
  <c r="T1476" i="10"/>
  <c r="S1476" i="10"/>
  <c r="S1184" i="10"/>
  <c r="S2495" i="10"/>
  <c r="S879" i="10"/>
  <c r="T2437" i="10"/>
  <c r="S2437" i="10"/>
  <c r="T717" i="10"/>
  <c r="S717" i="10"/>
  <c r="T700" i="10"/>
  <c r="S700" i="10"/>
  <c r="S1539" i="10"/>
  <c r="S2776" i="10"/>
  <c r="S608" i="10"/>
  <c r="T2309" i="10"/>
  <c r="S2309" i="10"/>
  <c r="T2252" i="10"/>
  <c r="S2252" i="10"/>
  <c r="S84" i="10"/>
  <c r="S588" i="10"/>
  <c r="T2727" i="10"/>
  <c r="S2727" i="10"/>
  <c r="S2381" i="10"/>
  <c r="S1396" i="10"/>
  <c r="S371" i="10"/>
  <c r="S101" i="10"/>
  <c r="S1379" i="10"/>
  <c r="S660" i="10"/>
  <c r="S1600" i="10"/>
  <c r="S2655" i="10"/>
  <c r="S1951" i="10"/>
  <c r="S1375" i="10"/>
  <c r="S735" i="10"/>
  <c r="S1156" i="10"/>
  <c r="S1352" i="10"/>
  <c r="S2565" i="10"/>
  <c r="S1660" i="10"/>
  <c r="S1475" i="10"/>
  <c r="S2606" i="10"/>
  <c r="K52" i="22" s="1"/>
  <c r="F52" i="22"/>
  <c r="E52" i="22"/>
  <c r="M52" i="22" s="1"/>
  <c r="T1360" i="10"/>
  <c r="S1360" i="10"/>
  <c r="S1901" i="10"/>
  <c r="T2771" i="10"/>
  <c r="S2771" i="10"/>
  <c r="T1895" i="10"/>
  <c r="S1895" i="10"/>
  <c r="S1477" i="10"/>
  <c r="S1916" i="10"/>
  <c r="K45" i="22" s="1"/>
  <c r="F45" i="22"/>
  <c r="E45" i="22"/>
  <c r="T1027" i="10"/>
  <c r="S1027" i="10"/>
  <c r="T2549" i="10"/>
  <c r="S2549" i="10"/>
  <c r="S1461" i="10"/>
  <c r="S885" i="10"/>
  <c r="S373" i="10"/>
  <c r="T244" i="10"/>
  <c r="S244" i="10"/>
  <c r="S1680" i="10"/>
  <c r="S720" i="10"/>
  <c r="S80" i="10"/>
  <c r="S2159" i="10"/>
  <c r="S1455" i="10"/>
  <c r="S2148" i="10"/>
  <c r="S1576" i="10"/>
  <c r="S2191" i="10"/>
  <c r="S583" i="10"/>
  <c r="S2501" i="10"/>
  <c r="S589" i="10"/>
  <c r="T1596" i="10"/>
  <c r="S1596" i="10"/>
  <c r="S212" i="10"/>
  <c r="S1523" i="10"/>
  <c r="T2758" i="10"/>
  <c r="S2758" i="10"/>
  <c r="S1248" i="10"/>
  <c r="S1351" i="10"/>
  <c r="S685" i="10"/>
  <c r="T2694" i="10"/>
  <c r="S2694" i="10"/>
  <c r="T2380" i="10"/>
  <c r="S2380" i="10"/>
  <c r="S1315" i="10"/>
  <c r="S2188" i="10"/>
  <c r="S2048" i="10"/>
  <c r="T704" i="10"/>
  <c r="S704" i="10"/>
  <c r="S2652" i="10"/>
  <c r="S223" i="10"/>
  <c r="T2200" i="10"/>
  <c r="I48" i="6" s="1"/>
  <c r="S2200" i="10"/>
  <c r="K48" i="22" s="1"/>
  <c r="F48" i="22"/>
  <c r="E48" i="22"/>
  <c r="M48" i="22" s="1"/>
  <c r="T104" i="10"/>
  <c r="S104" i="10"/>
  <c r="S2765" i="10"/>
  <c r="T469" i="10"/>
  <c r="S469" i="10"/>
  <c r="S980" i="10"/>
  <c r="T1267" i="10"/>
  <c r="S1267" i="10"/>
  <c r="S2605" i="10"/>
  <c r="T1837" i="10"/>
  <c r="S1837" i="10"/>
  <c r="S1069" i="10"/>
  <c r="S493" i="10"/>
  <c r="S2420" i="10"/>
  <c r="S2475" i="10"/>
  <c r="S1707" i="10"/>
  <c r="S1003" i="10"/>
  <c r="S299" i="10"/>
  <c r="T964" i="10"/>
  <c r="S964" i="10"/>
  <c r="T1436" i="10"/>
  <c r="S1436" i="10"/>
  <c r="S2440" i="10"/>
  <c r="S1800" i="10"/>
  <c r="S1160" i="10"/>
  <c r="T392" i="10"/>
  <c r="S392" i="10"/>
  <c r="S2791" i="10"/>
  <c r="T2215" i="10"/>
  <c r="S2215" i="10"/>
  <c r="S1511" i="10"/>
  <c r="S999" i="10"/>
  <c r="S487" i="10"/>
  <c r="S2126" i="10"/>
  <c r="S2301" i="10"/>
  <c r="S315" i="10"/>
  <c r="S2142" i="10"/>
  <c r="S2213" i="10"/>
  <c r="T933" i="10"/>
  <c r="S933" i="10"/>
  <c r="S2621" i="10"/>
  <c r="S443" i="10"/>
  <c r="S1822" i="10"/>
  <c r="S2299" i="10"/>
  <c r="S55" i="10"/>
  <c r="S445" i="10"/>
  <c r="S1496" i="10"/>
  <c r="S686" i="10"/>
  <c r="S1915" i="10"/>
  <c r="S996" i="10"/>
  <c r="S2043" i="10"/>
  <c r="S2846" i="10"/>
  <c r="S604" i="10"/>
  <c r="S24" i="10"/>
  <c r="T1220" i="10"/>
  <c r="I38" i="6" s="1"/>
  <c r="T1455" i="10"/>
  <c r="T589" i="10"/>
  <c r="T1915" i="10"/>
  <c r="T2725" i="10"/>
  <c r="T1637" i="10"/>
  <c r="T2303" i="10"/>
  <c r="T1396" i="10"/>
  <c r="T279" i="10"/>
  <c r="T880" i="10"/>
  <c r="T1816" i="10"/>
  <c r="T72" i="10"/>
  <c r="T39" i="10"/>
  <c r="T2501" i="10"/>
  <c r="T1576" i="10"/>
  <c r="T1877" i="10"/>
  <c r="T509" i="10"/>
  <c r="T48" i="10"/>
  <c r="T1636" i="10"/>
  <c r="T2048" i="10"/>
  <c r="T1245" i="10"/>
  <c r="T165" i="10"/>
  <c r="T2479" i="10"/>
  <c r="T820" i="10"/>
  <c r="T583" i="10"/>
  <c r="T1469" i="10"/>
  <c r="T1676" i="10"/>
  <c r="T371" i="10"/>
  <c r="T2495" i="10"/>
  <c r="T453" i="10"/>
  <c r="T1952" i="10"/>
  <c r="T1000" i="10"/>
  <c r="T2261" i="10"/>
  <c r="T608" i="10"/>
  <c r="T397" i="10"/>
  <c r="T772" i="10"/>
  <c r="T1475" i="10"/>
  <c r="T2027" i="10"/>
  <c r="T679" i="10"/>
  <c r="T1540" i="10"/>
  <c r="T620" i="10"/>
  <c r="T1916" i="10"/>
  <c r="I45" i="6" s="1"/>
  <c r="T2056" i="10"/>
  <c r="T1539" i="10"/>
  <c r="T1008" i="10"/>
  <c r="T1368" i="10"/>
  <c r="T1556" i="10"/>
  <c r="T2191" i="10"/>
  <c r="T1191" i="10"/>
  <c r="T191" i="10"/>
  <c r="T2813" i="10"/>
  <c r="T1189" i="10"/>
  <c r="T2243" i="10"/>
  <c r="T1445" i="10"/>
  <c r="T1118" i="10"/>
  <c r="T2740" i="10"/>
  <c r="T2264" i="10"/>
  <c r="T1429" i="10"/>
  <c r="T99" i="10"/>
  <c r="T2656" i="10"/>
  <c r="T1523" i="10"/>
  <c r="T2008" i="10"/>
  <c r="T1315" i="10"/>
  <c r="T752" i="10"/>
  <c r="T24" i="10"/>
  <c r="T1519" i="10"/>
  <c r="T69" i="10"/>
  <c r="T604" i="10"/>
  <c r="T1444" i="10"/>
  <c r="T607" i="10"/>
  <c r="T1679" i="10"/>
  <c r="T199" i="10"/>
  <c r="T1484" i="10"/>
  <c r="T1653" i="10"/>
  <c r="T2240" i="10"/>
  <c r="T1028" i="10"/>
  <c r="T2075" i="10"/>
  <c r="T684" i="10"/>
  <c r="T747" i="10"/>
  <c r="T1110" i="10"/>
  <c r="T2824" i="10"/>
  <c r="T304" i="10"/>
  <c r="T1030" i="10"/>
  <c r="T2148" i="10"/>
  <c r="T476" i="10"/>
  <c r="T1319" i="10"/>
  <c r="T1855" i="10"/>
  <c r="T2270" i="10"/>
  <c r="T2341" i="10"/>
  <c r="T1542" i="10"/>
  <c r="T2387" i="10"/>
  <c r="T2699" i="10"/>
  <c r="T2044" i="10"/>
  <c r="T1544" i="10"/>
  <c r="T592" i="10"/>
  <c r="T2470" i="10"/>
  <c r="T1885" i="10"/>
  <c r="T1352" i="10"/>
  <c r="T584" i="10"/>
  <c r="T363" i="10"/>
  <c r="T1622" i="10"/>
  <c r="T2478" i="10"/>
  <c r="T787" i="10"/>
  <c r="T399" i="10"/>
  <c r="T78" i="10"/>
  <c r="T854" i="10"/>
  <c r="T1173" i="10"/>
  <c r="T1663" i="10"/>
  <c r="T1955" i="10"/>
  <c r="T2653" i="10"/>
  <c r="T1886" i="10"/>
  <c r="T2127" i="10"/>
  <c r="T1159" i="10"/>
  <c r="T2646" i="10"/>
  <c r="T1366" i="10"/>
  <c r="T2536" i="10"/>
  <c r="T1951" i="10"/>
  <c r="T927" i="10"/>
  <c r="T31" i="10"/>
  <c r="T1760" i="10"/>
  <c r="T691" i="10"/>
  <c r="T1878" i="10"/>
  <c r="T1136" i="10"/>
  <c r="T688" i="10"/>
  <c r="T965" i="10"/>
  <c r="T1340" i="10"/>
  <c r="T2308" i="10"/>
  <c r="T1456" i="10"/>
  <c r="T2644" i="10"/>
  <c r="T251" i="10"/>
  <c r="T1747" i="10"/>
  <c r="T581" i="10"/>
  <c r="T2517" i="10"/>
  <c r="T848" i="10"/>
  <c r="T1733" i="10"/>
  <c r="T2140" i="10"/>
  <c r="T1045" i="10"/>
  <c r="T669" i="10"/>
  <c r="T883" i="10"/>
  <c r="T2639" i="10"/>
  <c r="T22" i="10"/>
  <c r="T1339" i="10"/>
  <c r="T501" i="10"/>
  <c r="T1199" i="10"/>
  <c r="T2619" i="10"/>
  <c r="T1757" i="10"/>
  <c r="T1357" i="10"/>
  <c r="T1085" i="10"/>
  <c r="T1196" i="10"/>
  <c r="T619" i="10"/>
  <c r="T508" i="10"/>
  <c r="T2147" i="10"/>
  <c r="T291" i="10"/>
  <c r="T2560" i="10"/>
  <c r="T1040" i="10"/>
  <c r="T1349" i="10"/>
  <c r="T1620" i="10"/>
  <c r="T768" i="10"/>
  <c r="T1439" i="10"/>
  <c r="T2691" i="10"/>
  <c r="T1380" i="10"/>
  <c r="T2040" i="10"/>
  <c r="T32" i="10"/>
  <c r="T1254" i="10"/>
  <c r="T493" i="10"/>
  <c r="T999" i="10"/>
  <c r="T2151" i="10"/>
  <c r="T540" i="10"/>
  <c r="I31" i="6" s="1"/>
  <c r="T1925" i="10"/>
  <c r="T2461" i="10"/>
  <c r="T1320" i="10"/>
  <c r="T2152" i="10"/>
  <c r="T544" i="10"/>
  <c r="T1628" i="10"/>
  <c r="T36" i="10"/>
  <c r="T2256" i="10"/>
  <c r="T864" i="10"/>
  <c r="T2416" i="10"/>
  <c r="T180" i="10"/>
  <c r="T582" i="10"/>
  <c r="T1404" i="10"/>
  <c r="T639" i="10"/>
  <c r="T2427" i="10"/>
  <c r="T575" i="10"/>
  <c r="T1187" i="10"/>
  <c r="T893" i="10"/>
  <c r="T629" i="10"/>
  <c r="T959" i="10"/>
  <c r="T293" i="10"/>
  <c r="T163" i="10"/>
  <c r="T1280" i="10"/>
  <c r="T2219" i="10"/>
  <c r="T1383" i="10"/>
  <c r="T174" i="10"/>
  <c r="T2043" i="10"/>
  <c r="T2846" i="10"/>
  <c r="T664" i="10"/>
  <c r="T1624" i="10"/>
  <c r="T2397" i="10"/>
  <c r="T861" i="10"/>
  <c r="T349" i="10"/>
  <c r="T1943" i="10"/>
  <c r="T2294" i="10"/>
  <c r="T1299" i="10"/>
  <c r="T652" i="10"/>
  <c r="T1968" i="10"/>
  <c r="T2032" i="10"/>
  <c r="T2053" i="10"/>
  <c r="T533" i="10"/>
  <c r="T1459" i="10"/>
  <c r="T647" i="10"/>
  <c r="T547" i="10"/>
  <c r="T2016" i="10"/>
  <c r="T1604" i="10"/>
  <c r="T2371" i="10"/>
  <c r="T2820" i="10"/>
  <c r="T408" i="10"/>
  <c r="T957" i="10"/>
  <c r="T101" i="10"/>
  <c r="T1748" i="10"/>
  <c r="T2605" i="10"/>
  <c r="T1003" i="10"/>
  <c r="T2326" i="10"/>
  <c r="T2845" i="10"/>
  <c r="T797" i="10"/>
  <c r="T2523" i="10"/>
  <c r="T1292" i="10"/>
  <c r="T1549" i="10"/>
  <c r="T2804" i="10"/>
  <c r="T356" i="10"/>
  <c r="T1363" i="10"/>
  <c r="T2094" i="10"/>
  <c r="T944" i="10"/>
  <c r="T1936" i="10"/>
  <c r="T296" i="10"/>
  <c r="T1308" i="10"/>
  <c r="T60" i="10"/>
  <c r="T2024" i="10"/>
  <c r="T511" i="10"/>
  <c r="T1972" i="10"/>
  <c r="T956" i="10"/>
  <c r="T40" i="10"/>
  <c r="T1805" i="10"/>
  <c r="T133" i="10"/>
  <c r="T420" i="10"/>
  <c r="T1391" i="10"/>
  <c r="T1859" i="10"/>
  <c r="T703" i="10"/>
  <c r="T2486" i="10"/>
  <c r="T423" i="10"/>
  <c r="T616" i="10"/>
  <c r="T2638" i="10"/>
  <c r="T1904" i="10"/>
  <c r="T709" i="10"/>
  <c r="T1860" i="10"/>
  <c r="T2627" i="10"/>
  <c r="T2736" i="10"/>
  <c r="T288" i="10"/>
  <c r="T256" i="10"/>
  <c r="T1437" i="10"/>
  <c r="T1200" i="10"/>
  <c r="T2278" i="10"/>
  <c r="T1491" i="10"/>
  <c r="T1232" i="10"/>
  <c r="T143" i="10"/>
  <c r="T224" i="10"/>
  <c r="T1160" i="10"/>
  <c r="T525" i="10"/>
  <c r="T2509" i="10"/>
  <c r="T1309" i="10"/>
  <c r="T1072" i="10"/>
  <c r="T1669" i="10"/>
  <c r="T671" i="10"/>
  <c r="T1949" i="10"/>
  <c r="T1054" i="10"/>
  <c r="T2159" i="10"/>
  <c r="T909" i="10"/>
  <c r="T1507" i="10"/>
  <c r="T1389" i="10"/>
  <c r="T1077" i="10"/>
  <c r="T192" i="10"/>
  <c r="T2576" i="10"/>
  <c r="T2799" i="10"/>
  <c r="T2035" i="10"/>
  <c r="T2323" i="10"/>
  <c r="T2791" i="10"/>
  <c r="T1468" i="10"/>
  <c r="T1432" i="10"/>
  <c r="T653" i="10"/>
  <c r="T2271" i="10"/>
  <c r="T2432" i="10"/>
  <c r="T799" i="10"/>
  <c r="T556" i="10"/>
  <c r="T1128" i="10"/>
  <c r="T365" i="10"/>
  <c r="T1608" i="10"/>
  <c r="T264" i="10"/>
  <c r="T359" i="10"/>
  <c r="T2110" i="10"/>
  <c r="T1373" i="10"/>
  <c r="T1228" i="10"/>
  <c r="T2464" i="10"/>
  <c r="T71" i="10"/>
  <c r="T1908" i="10"/>
  <c r="T492" i="10"/>
  <c r="T597" i="10"/>
  <c r="T275" i="10"/>
  <c r="T2575" i="10"/>
  <c r="T416" i="10"/>
  <c r="T1967" i="10"/>
  <c r="T404" i="10"/>
  <c r="T2093" i="10"/>
  <c r="T37" i="10"/>
  <c r="T2019" i="10"/>
  <c r="T1619" i="10"/>
  <c r="T565" i="10"/>
  <c r="T1488" i="10"/>
  <c r="T1327" i="10"/>
  <c r="T2564" i="10"/>
  <c r="T2484" i="10"/>
  <c r="T447" i="10"/>
  <c r="T1088" i="10"/>
  <c r="T800" i="10"/>
  <c r="T295" i="10"/>
  <c r="T59" i="10"/>
  <c r="T2590" i="10"/>
  <c r="T733" i="10"/>
  <c r="T2752" i="10"/>
  <c r="T1171" i="10"/>
  <c r="T1551" i="10"/>
  <c r="T1808" i="10"/>
  <c r="T1021" i="10"/>
  <c r="T1525" i="10"/>
  <c r="T1013" i="10"/>
  <c r="T1836" i="10"/>
  <c r="T2126" i="10"/>
  <c r="T623" i="10"/>
  <c r="T2078" i="10"/>
  <c r="T926" i="10"/>
  <c r="T2781" i="10"/>
  <c r="T1336" i="10"/>
  <c r="T1991" i="10"/>
  <c r="T2672" i="10"/>
  <c r="T1924" i="10"/>
  <c r="T1660" i="10"/>
  <c r="T1071" i="10"/>
  <c r="T1903" i="10"/>
  <c r="T1448" i="10"/>
  <c r="T1920" i="10"/>
  <c r="T223" i="10"/>
  <c r="T2667" i="10"/>
  <c r="T1259" i="10"/>
  <c r="T2632" i="10"/>
  <c r="T776" i="10"/>
  <c r="T1791" i="10"/>
  <c r="T152" i="10"/>
  <c r="T2440" i="10"/>
  <c r="T1485" i="10"/>
  <c r="T867" i="10"/>
  <c r="T2031" i="10"/>
  <c r="T2592" i="10"/>
  <c r="T2299" i="10"/>
  <c r="T76" i="10"/>
  <c r="T1064" i="10"/>
  <c r="T181" i="10"/>
  <c r="T1023" i="10"/>
  <c r="T52" i="10"/>
  <c r="T1630" i="10"/>
  <c r="T2224" i="10"/>
  <c r="T315" i="10"/>
  <c r="T1707" i="10"/>
  <c r="T2840" i="10"/>
  <c r="T2629" i="10"/>
  <c r="T1197" i="10"/>
  <c r="T197" i="10"/>
  <c r="T2582" i="10"/>
  <c r="T2320" i="10"/>
  <c r="T2765" i="10"/>
  <c r="T2780" i="10"/>
  <c r="T2420" i="10"/>
  <c r="T611" i="10"/>
  <c r="T1764" i="10"/>
  <c r="T1048" i="10"/>
  <c r="T1901" i="10"/>
  <c r="T1343" i="10"/>
  <c r="T1822" i="10"/>
  <c r="T204" i="10"/>
  <c r="T963" i="10"/>
  <c r="T975" i="10"/>
  <c r="T2621" i="10"/>
  <c r="T1900" i="10"/>
  <c r="T541" i="10"/>
  <c r="T808" i="10"/>
  <c r="T2301" i="10"/>
  <c r="T1283" i="10"/>
  <c r="T627" i="10"/>
  <c r="T1647" i="10"/>
  <c r="T924" i="10"/>
  <c r="T2559" i="10"/>
  <c r="T2399" i="10"/>
  <c r="T863" i="10"/>
  <c r="T384" i="10"/>
  <c r="T1069" i="10"/>
  <c r="T1147" i="10"/>
  <c r="T563" i="10"/>
  <c r="T980" i="10"/>
  <c r="T1931" i="10"/>
  <c r="T1768" i="10"/>
  <c r="T2475" i="10"/>
  <c r="T1213" i="10"/>
  <c r="T195" i="10"/>
  <c r="T903" i="10"/>
  <c r="T443" i="10"/>
  <c r="T480" i="10"/>
  <c r="T1872" i="10"/>
  <c r="T992" i="10"/>
  <c r="T2367" i="10"/>
  <c r="T1493" i="10"/>
  <c r="T2467" i="10"/>
  <c r="T1571" i="10"/>
  <c r="T2176" i="10"/>
  <c r="T640" i="10"/>
  <c r="T1375" i="10"/>
  <c r="T2448" i="10"/>
  <c r="T1511" i="10"/>
  <c r="T2768" i="10"/>
  <c r="T1392" i="10"/>
  <c r="T1032" i="10"/>
  <c r="T1087" i="10"/>
  <c r="T205" i="10"/>
  <c r="T1029" i="10"/>
  <c r="T487" i="10"/>
  <c r="T1037" i="10"/>
  <c r="T268" i="10"/>
  <c r="T2774" i="10"/>
  <c r="T2685" i="10"/>
  <c r="T1887" i="10"/>
  <c r="T2563" i="10"/>
  <c r="T1076" i="10"/>
  <c r="T299" i="10"/>
  <c r="T736" i="10"/>
  <c r="T327" i="10"/>
  <c r="T2213" i="10"/>
  <c r="T2239" i="10"/>
  <c r="T2247" i="10"/>
  <c r="T269" i="10"/>
  <c r="T2142" i="10"/>
  <c r="T372" i="10"/>
  <c r="T879" i="10"/>
  <c r="T1800" i="10"/>
  <c r="T1536" i="10"/>
  <c r="T1680" i="10"/>
  <c r="T1179" i="10"/>
  <c r="T150" i="10"/>
  <c r="T2160" i="10"/>
  <c r="T207" i="10"/>
  <c r="T845" i="10"/>
  <c r="T75" i="10"/>
  <c r="T2692" i="10"/>
  <c r="T1460" i="10"/>
  <c r="T1379" i="10"/>
  <c r="T1277" i="10"/>
  <c r="T2567" i="10"/>
  <c r="T1264" i="10"/>
  <c r="T132" i="10"/>
  <c r="T1067" i="10"/>
  <c r="T155" i="10"/>
  <c r="T436" i="10"/>
  <c r="T1709" i="10"/>
  <c r="T550" i="10"/>
  <c r="T1581" i="10"/>
  <c r="T872" i="10"/>
  <c r="T2376" i="10"/>
  <c r="T413" i="10"/>
  <c r="T2139" i="10"/>
  <c r="T1749" i="10"/>
  <c r="T261" i="10"/>
  <c r="T644" i="10"/>
  <c r="T1923" i="10"/>
  <c r="T1686" i="10"/>
  <c r="T1174" i="10"/>
  <c r="T86" i="10"/>
  <c r="T2005" i="10"/>
  <c r="T789" i="10"/>
  <c r="T2451" i="10"/>
  <c r="T467" i="10"/>
  <c r="T1236" i="10"/>
  <c r="T2096" i="10"/>
  <c r="T2013" i="10"/>
  <c r="T531" i="10"/>
  <c r="T2453" i="10"/>
  <c r="T2445" i="10"/>
  <c r="T127" i="10"/>
  <c r="T2339" i="10"/>
  <c r="T1311" i="10"/>
  <c r="T1845" i="10"/>
  <c r="T2216" i="10"/>
  <c r="T2836" i="10"/>
  <c r="T1651" i="10"/>
  <c r="T435" i="10"/>
  <c r="T2100" i="10"/>
  <c r="T1555" i="10"/>
  <c r="T895" i="10"/>
  <c r="T189" i="10"/>
  <c r="T579" i="10"/>
  <c r="T2259" i="10"/>
  <c r="T853" i="10"/>
  <c r="T496" i="10"/>
  <c r="T1795" i="10"/>
  <c r="T2115" i="10"/>
  <c r="T613" i="10"/>
  <c r="T2028" i="10"/>
  <c r="T1984" i="10"/>
  <c r="T693" i="10"/>
  <c r="T1268" i="10"/>
  <c r="T869" i="10"/>
  <c r="T2624" i="10"/>
  <c r="T1240" i="10"/>
  <c r="T2541" i="10"/>
  <c r="T2347" i="10"/>
  <c r="T235" i="10"/>
  <c r="T1447" i="10"/>
  <c r="T1614" i="10"/>
  <c r="T2021" i="10"/>
  <c r="T1351" i="10"/>
  <c r="T2317" i="10"/>
  <c r="T2227" i="10"/>
  <c r="T284" i="10"/>
  <c r="T720" i="10"/>
  <c r="T1039" i="10"/>
  <c r="T484" i="10"/>
  <c r="T1501" i="10"/>
  <c r="T2663" i="10"/>
  <c r="T2838" i="10"/>
  <c r="T755" i="10"/>
  <c r="T1861" i="10"/>
  <c r="T1750" i="10"/>
  <c r="T783" i="10"/>
  <c r="T1532" i="10"/>
  <c r="T773" i="10"/>
  <c r="T1192" i="10"/>
  <c r="T2108" i="10"/>
  <c r="T767" i="10"/>
  <c r="T2287" i="10"/>
  <c r="T831" i="10"/>
  <c r="T748" i="10"/>
  <c r="T68" i="10"/>
  <c r="T598" i="10"/>
  <c r="T64" i="10"/>
  <c r="T2525" i="10"/>
  <c r="T2070" i="10"/>
  <c r="T1871" i="10"/>
  <c r="T735" i="10"/>
  <c r="T1780" i="10"/>
  <c r="T2119" i="10"/>
  <c r="T1413" i="10"/>
  <c r="T2579" i="10"/>
  <c r="T2720" i="10"/>
  <c r="T2767" i="10"/>
  <c r="T461" i="10"/>
  <c r="T917" i="10"/>
  <c r="T2045" i="10"/>
  <c r="T2388" i="10"/>
  <c r="T320" i="10"/>
  <c r="T164" i="10"/>
  <c r="T726" i="10"/>
  <c r="T488" i="10"/>
  <c r="T2515" i="10"/>
  <c r="T1716" i="10"/>
  <c r="T84" i="10"/>
  <c r="T2831" i="10"/>
  <c r="T495" i="10"/>
  <c r="T1075" i="10"/>
  <c r="T2591" i="10"/>
  <c r="T2477" i="10"/>
  <c r="T429" i="10"/>
  <c r="T868" i="10"/>
  <c r="T1096" i="10"/>
  <c r="T1917" i="10"/>
  <c r="T741" i="10"/>
  <c r="T2052" i="10"/>
  <c r="T1310" i="10"/>
  <c r="T2276" i="10"/>
  <c r="T1284" i="10"/>
  <c r="T1005" i="10"/>
  <c r="T989" i="10"/>
  <c r="T532" i="10"/>
  <c r="T208" i="10"/>
  <c r="T685" i="10"/>
  <c r="T239" i="10"/>
  <c r="T1471" i="10"/>
  <c r="T1566" i="10"/>
  <c r="T1502" i="10"/>
  <c r="T477" i="10"/>
  <c r="T1424" i="10"/>
  <c r="T2197" i="10"/>
  <c r="T2344" i="10"/>
  <c r="T1300" i="10"/>
  <c r="T1188" i="10"/>
  <c r="T2528" i="10"/>
  <c r="T428" i="10"/>
  <c r="T360" i="10"/>
  <c r="T2795" i="10"/>
  <c r="T884" i="10"/>
  <c r="T875" i="10"/>
  <c r="T1736" i="10"/>
  <c r="T445" i="10"/>
  <c r="T2223" i="10"/>
  <c r="T419" i="10"/>
  <c r="T2253" i="10"/>
  <c r="T655" i="10"/>
  <c r="T804" i="10"/>
  <c r="T1759" i="10"/>
  <c r="T588" i="10"/>
  <c r="T1606" i="10"/>
  <c r="T675" i="10"/>
  <c r="T2325" i="10"/>
  <c r="T1728" i="10"/>
  <c r="T323" i="10"/>
  <c r="T2703" i="10"/>
  <c r="T911" i="10"/>
  <c r="T1983" i="10"/>
  <c r="T1247" i="10"/>
  <c r="T1156" i="10"/>
  <c r="T1324" i="10"/>
  <c r="T1316" i="10"/>
  <c r="T1094" i="10"/>
  <c r="T660" i="10"/>
  <c r="T1988" i="10"/>
  <c r="T1740" i="10"/>
  <c r="T2463" i="10"/>
  <c r="T2000" i="10"/>
  <c r="T2304" i="10"/>
  <c r="T2403" i="10"/>
  <c r="T1627" i="10"/>
  <c r="T2651" i="10"/>
  <c r="T1724" i="10"/>
  <c r="T764" i="10"/>
  <c r="E55" i="6"/>
  <c r="E55" i="7" s="1"/>
  <c r="T1776" i="10"/>
  <c r="T829" i="10"/>
  <c r="I34" i="6" s="1"/>
  <c r="T1840" i="10"/>
  <c r="T816" i="10"/>
  <c r="T1772" i="10"/>
  <c r="T2184" i="10"/>
  <c r="T2236" i="10"/>
  <c r="T455" i="10"/>
  <c r="T2381" i="10"/>
  <c r="T1787" i="10"/>
  <c r="T21" i="10"/>
  <c r="T1863" i="10"/>
  <c r="T1869" i="10"/>
  <c r="T1365" i="10"/>
  <c r="T1260" i="10"/>
  <c r="T1430" i="10"/>
  <c r="T1635" i="10"/>
  <c r="T2188" i="10"/>
  <c r="T415" i="10"/>
  <c r="T196" i="10"/>
  <c r="T2415" i="10"/>
  <c r="T527" i="10"/>
  <c r="T1725" i="10"/>
  <c r="T2468" i="10"/>
  <c r="T1520" i="10"/>
  <c r="I41" i="6" s="1"/>
  <c r="T1165" i="10"/>
  <c r="T67" i="10"/>
  <c r="T2839" i="10"/>
  <c r="T1102" i="10"/>
  <c r="T188" i="10"/>
  <c r="T1451" i="10"/>
  <c r="T2544" i="10"/>
  <c r="T2693" i="10"/>
  <c r="T2116" i="10"/>
  <c r="T2452" i="10"/>
  <c r="T272" i="10"/>
  <c r="T1517" i="10"/>
  <c r="T1572" i="10"/>
  <c r="T1427" i="10"/>
  <c r="T1959" i="10"/>
  <c r="T2597" i="10"/>
  <c r="T128" i="10"/>
  <c r="T1239" i="10"/>
  <c r="T20" i="10"/>
  <c r="T1775" i="10"/>
  <c r="T1613" i="10"/>
  <c r="T2183" i="10"/>
  <c r="T1477" i="10"/>
  <c r="T1116" i="10"/>
  <c r="T1272" i="10"/>
  <c r="T2255" i="10"/>
  <c r="T2805" i="10"/>
  <c r="T1717" i="10"/>
  <c r="T918" i="10"/>
  <c r="T135" i="10"/>
  <c r="T1244" i="10"/>
  <c r="T2832" i="10"/>
  <c r="T1496" i="10"/>
  <c r="T483" i="10"/>
  <c r="T2655" i="10"/>
  <c r="T904" i="10"/>
  <c r="T1124" i="10"/>
  <c r="I37" i="6" s="1"/>
  <c r="T300" i="10"/>
  <c r="T2155" i="10"/>
  <c r="T2205" i="10"/>
  <c r="T405" i="10"/>
  <c r="T1893" i="10"/>
  <c r="T1960" i="10"/>
  <c r="T939" i="10"/>
  <c r="T2508" i="10"/>
  <c r="T751" i="10"/>
  <c r="T936" i="10"/>
  <c r="T1603" i="10"/>
  <c r="T1950" i="10"/>
  <c r="T1285" i="10"/>
  <c r="T807" i="10"/>
  <c r="T478" i="10"/>
  <c r="T94" i="10"/>
  <c r="T2760" i="10"/>
  <c r="T2316" i="10"/>
  <c r="T2843" i="10"/>
  <c r="T227" i="10"/>
  <c r="T1055" i="10"/>
  <c r="T351" i="10"/>
  <c r="T2702" i="10"/>
  <c r="T979" i="10"/>
  <c r="T1036" i="10"/>
  <c r="T2511" i="10"/>
  <c r="T2565" i="10"/>
  <c r="T301" i="10"/>
  <c r="T2819" i="10"/>
  <c r="T899" i="10"/>
  <c r="T2759" i="10"/>
  <c r="T1167" i="10"/>
  <c r="T877" i="10"/>
  <c r="T2472" i="10"/>
  <c r="T63" i="10"/>
  <c r="T2776" i="10"/>
  <c r="T1407" i="10"/>
  <c r="T1524" i="10"/>
  <c r="T940" i="10"/>
  <c r="T1141" i="10"/>
  <c r="T342" i="10"/>
  <c r="T200" i="10"/>
  <c r="T463" i="10"/>
  <c r="T2349" i="10"/>
  <c r="T2717" i="10"/>
  <c r="T1084" i="10"/>
  <c r="T1567" i="10"/>
  <c r="T215" i="10"/>
  <c r="T1607" i="10"/>
  <c r="T317" i="10"/>
  <c r="T2757" i="10"/>
  <c r="T2535" i="10"/>
  <c r="T1927" i="10"/>
  <c r="T44" i="10"/>
  <c r="T2837" i="10"/>
  <c r="T1181" i="10"/>
  <c r="T984" i="10"/>
  <c r="T1797" i="10"/>
  <c r="T1875" i="10"/>
  <c r="T1997" i="10"/>
  <c r="T2163" i="10"/>
  <c r="T2408" i="10"/>
  <c r="T1957" i="10"/>
  <c r="T1693" i="10"/>
  <c r="T760" i="10"/>
  <c r="T784" i="10"/>
  <c r="T55" i="10"/>
  <c r="T1011" i="10"/>
  <c r="T140" i="10"/>
  <c r="T1344" i="10"/>
  <c r="T2079" i="10"/>
  <c r="T536" i="10"/>
  <c r="P168" i="10"/>
  <c r="P383" i="10"/>
  <c r="P844" i="10"/>
  <c r="T2235" i="10"/>
  <c r="T2383" i="10"/>
  <c r="T1031" i="10"/>
  <c r="P2829" i="10"/>
  <c r="P1157" i="10"/>
  <c r="P2284" i="10"/>
  <c r="T2131" i="10"/>
  <c r="T771" i="10"/>
  <c r="T2091" i="10"/>
  <c r="T2696" i="10"/>
  <c r="T2120" i="10"/>
  <c r="T136" i="10"/>
  <c r="T2471" i="10"/>
  <c r="T1831" i="10"/>
  <c r="T1255" i="10"/>
  <c r="T743" i="10"/>
  <c r="T167" i="10"/>
  <c r="T590" i="10"/>
  <c r="T280" i="10"/>
  <c r="T1701" i="10"/>
  <c r="T1752" i="10"/>
  <c r="T1332" i="10"/>
  <c r="T2718" i="10"/>
  <c r="T792" i="10"/>
  <c r="T2086" i="10"/>
  <c r="P1824" i="10"/>
  <c r="T333" i="10"/>
  <c r="P1107" i="10"/>
  <c r="T686" i="10"/>
  <c r="T2136" i="10"/>
  <c r="T2286" i="10"/>
  <c r="T606" i="10"/>
  <c r="T2589" i="10"/>
  <c r="T2077" i="10"/>
  <c r="T1565" i="10"/>
  <c r="T1053" i="10"/>
  <c r="T2267" i="10"/>
  <c r="T731" i="10"/>
  <c r="T2744" i="10"/>
  <c r="P1656" i="10"/>
  <c r="T56" i="10"/>
  <c r="T2647" i="10"/>
  <c r="T2135" i="10"/>
  <c r="T1623" i="10"/>
  <c r="T1111" i="10"/>
  <c r="T599" i="10"/>
  <c r="T500" i="10"/>
  <c r="P1640" i="10"/>
  <c r="P424" i="10"/>
  <c r="P1599" i="10"/>
  <c r="P2061" i="10"/>
  <c r="P661" i="10"/>
  <c r="P2220" i="10"/>
  <c r="P972" i="10"/>
  <c r="P2611" i="10"/>
  <c r="P339" i="10"/>
  <c r="P2454" i="10"/>
  <c r="P1814" i="10"/>
  <c r="P1302" i="10"/>
  <c r="P790" i="10"/>
  <c r="P214" i="10"/>
  <c r="P2389" i="10"/>
  <c r="P981" i="10"/>
  <c r="P732" i="10"/>
  <c r="P1683" i="10"/>
  <c r="P659" i="10"/>
  <c r="P2068" i="10"/>
  <c r="P2288" i="10"/>
  <c r="P1328" i="10"/>
  <c r="P624" i="10"/>
  <c r="P1148" i="10"/>
  <c r="P1999" i="10"/>
  <c r="P1103" i="10"/>
  <c r="P335" i="10"/>
  <c r="T1940" i="10"/>
  <c r="T95" i="10"/>
  <c r="P2392" i="10"/>
  <c r="P560" i="10"/>
  <c r="P559" i="10"/>
  <c r="T1796" i="10"/>
  <c r="T2157" i="10"/>
  <c r="T1325" i="10"/>
  <c r="P1415" i="10"/>
  <c r="T2180" i="10"/>
  <c r="T16" i="10"/>
  <c r="T2088" i="10"/>
  <c r="T1293" i="10"/>
  <c r="T796" i="10"/>
  <c r="T947" i="10"/>
  <c r="T1248" i="10"/>
  <c r="T1615" i="10"/>
  <c r="I42" i="6" s="1"/>
  <c r="T1515" i="10"/>
  <c r="T1125" i="10"/>
  <c r="T2083" i="10"/>
  <c r="T803" i="10"/>
  <c r="T292" i="10"/>
  <c r="T1664" i="10"/>
  <c r="T448" i="10"/>
  <c r="P2784" i="10"/>
  <c r="T528" i="10"/>
  <c r="T1941" i="10"/>
  <c r="P1584" i="10"/>
  <c r="T1661" i="10"/>
  <c r="T821" i="10"/>
  <c r="T245" i="10"/>
  <c r="T2064" i="10"/>
  <c r="T1892" i="10"/>
  <c r="P2063" i="10"/>
  <c r="T2491" i="10"/>
  <c r="T367" i="10"/>
  <c r="T1933" i="10"/>
  <c r="T325" i="10"/>
  <c r="T1779" i="10"/>
  <c r="T403" i="10"/>
  <c r="T1376" i="10"/>
  <c r="T2099" i="10"/>
  <c r="T2600" i="10"/>
  <c r="T231" i="10"/>
  <c r="T2291" i="10"/>
  <c r="T2755" i="10"/>
  <c r="T995" i="10"/>
  <c r="T1852" i="10"/>
  <c r="T1600" i="10"/>
  <c r="T1695" i="10"/>
  <c r="T1183" i="10"/>
  <c r="T543" i="10"/>
  <c r="T699" i="10"/>
  <c r="T1919" i="10"/>
  <c r="T1093" i="10"/>
  <c r="T2171" i="10"/>
  <c r="P2431" i="10"/>
  <c r="T2181" i="10"/>
  <c r="T77" i="10"/>
  <c r="T2182" i="10"/>
  <c r="T1973" i="10"/>
  <c r="T1269" i="10"/>
  <c r="T955" i="10"/>
  <c r="T1685" i="10"/>
  <c r="T1588" i="10"/>
  <c r="T2076" i="10"/>
  <c r="T1827" i="10"/>
  <c r="T355" i="10"/>
  <c r="T2816" i="10"/>
  <c r="T2054" i="10"/>
  <c r="T260" i="10"/>
  <c r="P542" i="10"/>
  <c r="P1652" i="10"/>
  <c r="P2348" i="10"/>
  <c r="P596" i="10"/>
  <c r="P1592" i="10"/>
  <c r="P1080" i="10"/>
  <c r="P568" i="10"/>
  <c r="P2071" i="10"/>
  <c r="P535" i="10"/>
  <c r="P1998" i="10"/>
  <c r="P1358" i="10"/>
  <c r="P1414" i="10"/>
  <c r="P390" i="10"/>
  <c r="P2208" i="10"/>
  <c r="P2439" i="10"/>
  <c r="P2773" i="10"/>
  <c r="P2372" i="10"/>
  <c r="P1843" i="10"/>
  <c r="P1829" i="10"/>
  <c r="P2595" i="10"/>
  <c r="P739" i="10"/>
  <c r="P788" i="10"/>
  <c r="P1472" i="10"/>
  <c r="P2719" i="10"/>
  <c r="P2143" i="10"/>
  <c r="P1631" i="10"/>
  <c r="P1119" i="10"/>
  <c r="P479" i="10"/>
  <c r="P1215" i="10"/>
  <c r="P2676" i="10"/>
  <c r="P1205" i="10"/>
  <c r="P464" i="10"/>
  <c r="P2735" i="10"/>
  <c r="P835" i="10"/>
  <c r="P2710" i="10"/>
  <c r="P1438" i="10"/>
  <c r="P2036" i="10"/>
  <c r="P1115" i="10"/>
  <c r="P156" i="10"/>
  <c r="P718" i="10"/>
  <c r="P2821" i="10"/>
  <c r="P1237" i="10"/>
  <c r="P53" i="10"/>
  <c r="P1548" i="10"/>
  <c r="P1926" i="10"/>
  <c r="P326" i="10"/>
  <c r="P1155" i="10"/>
  <c r="P117" i="10"/>
  <c r="P548" i="10"/>
  <c r="P277" i="10"/>
  <c r="P595" i="10"/>
  <c r="P1700" i="10"/>
  <c r="P2587" i="10"/>
  <c r="P539" i="10"/>
  <c r="P2324" i="10"/>
  <c r="P1464" i="10"/>
  <c r="P952" i="10"/>
  <c r="P919" i="10"/>
  <c r="P407" i="10"/>
  <c r="P1870" i="10"/>
  <c r="P1381" i="10"/>
  <c r="P2659" i="10"/>
  <c r="P1251" i="10"/>
  <c r="P916" i="10"/>
  <c r="P2214" i="10"/>
  <c r="P1286" i="10"/>
  <c r="P774" i="10"/>
  <c r="P444" i="10"/>
  <c r="P2844" i="10"/>
  <c r="P692" i="10"/>
  <c r="P1083" i="10"/>
  <c r="P2704" i="10"/>
  <c r="P1135" i="10"/>
  <c r="P2456" i="10"/>
  <c r="P286" i="10"/>
  <c r="P2011" i="10"/>
  <c r="P1499" i="10"/>
  <c r="P475" i="10"/>
  <c r="P628" i="10"/>
  <c r="P1879" i="10"/>
  <c r="P1109" i="10"/>
  <c r="P1956" i="10"/>
  <c r="P1979" i="10"/>
  <c r="P2124" i="10"/>
  <c r="P1222" i="10"/>
  <c r="P1508" i="10"/>
  <c r="P1616" i="10"/>
  <c r="P2608" i="10"/>
  <c r="P1420" i="10"/>
  <c r="P1149" i="10"/>
  <c r="P1435" i="10"/>
  <c r="P923" i="10"/>
  <c r="P28" i="10"/>
  <c r="P1815" i="10"/>
  <c r="P1303" i="10"/>
  <c r="P1038" i="10"/>
  <c r="P334" i="10"/>
  <c r="P1158" i="10"/>
  <c r="P1387" i="10"/>
  <c r="P960" i="10"/>
  <c r="P158" i="10"/>
  <c r="P347" i="10"/>
  <c r="P228" i="10"/>
  <c r="P2360" i="10"/>
  <c r="P184" i="10"/>
  <c r="P2815" i="10"/>
  <c r="P1295" i="10"/>
  <c r="P175" i="10"/>
  <c r="P1678" i="10"/>
  <c r="P1888" i="10"/>
  <c r="P2751" i="10"/>
  <c r="P2335" i="10"/>
  <c r="P1677" i="10"/>
  <c r="P756" i="10"/>
  <c r="P123" i="10"/>
  <c r="P2310" i="10"/>
  <c r="P605" i="10"/>
  <c r="P93" i="10"/>
  <c r="P2331" i="10"/>
  <c r="P1819" i="10"/>
  <c r="P1307" i="10"/>
  <c r="P795" i="10"/>
  <c r="P283" i="10"/>
  <c r="P2808" i="10"/>
  <c r="P2296" i="10"/>
  <c r="P696" i="10"/>
  <c r="P120" i="10"/>
  <c r="P2199" i="10"/>
  <c r="P1687" i="10"/>
  <c r="P151" i="10"/>
  <c r="P828" i="10"/>
  <c r="P1807" i="10"/>
  <c r="P2125" i="10"/>
  <c r="P517" i="10"/>
  <c r="P948" i="10"/>
  <c r="P1987" i="10"/>
  <c r="P515" i="10"/>
  <c r="P1672" i="10"/>
  <c r="P943" i="10"/>
  <c r="P1223" i="10"/>
  <c r="T1558" i="10"/>
  <c r="T1046" i="10"/>
  <c r="T470" i="10"/>
  <c r="P2713" i="10"/>
  <c r="P2226" i="10"/>
  <c r="P977" i="10"/>
  <c r="P490" i="10"/>
  <c r="P2594" i="10"/>
  <c r="P1857" i="10"/>
  <c r="P1242" i="10"/>
  <c r="P1170" i="10"/>
  <c r="P1098" i="10"/>
  <c r="P450" i="10"/>
  <c r="P2225" i="10"/>
  <c r="P57" i="10"/>
  <c r="P2529" i="10"/>
  <c r="T2141" i="10"/>
  <c r="P2268" i="10"/>
  <c r="P2490" i="10"/>
  <c r="P1978" i="10"/>
  <c r="P1466" i="10"/>
  <c r="P954" i="10"/>
  <c r="P442" i="10"/>
  <c r="P2777" i="10"/>
  <c r="P2265" i="10"/>
  <c r="P1753" i="10"/>
  <c r="P1241" i="10"/>
  <c r="P729" i="10"/>
  <c r="P217" i="10"/>
  <c r="P2802" i="10"/>
  <c r="P2290" i="10"/>
  <c r="P1778" i="10"/>
  <c r="P1266" i="10"/>
  <c r="P754" i="10"/>
  <c r="P242" i="10"/>
  <c r="P2577" i="10"/>
  <c r="P2065" i="10"/>
  <c r="P1553" i="10"/>
  <c r="P1041" i="10"/>
  <c r="P529" i="10"/>
  <c r="P17" i="10"/>
  <c r="P2602" i="10"/>
  <c r="P2090" i="10"/>
  <c r="P1578" i="10"/>
  <c r="P1066" i="10"/>
  <c r="P554" i="10"/>
  <c r="P42" i="10"/>
  <c r="P2377" i="10"/>
  <c r="P1865" i="10"/>
  <c r="P1353" i="10"/>
  <c r="P841" i="10"/>
  <c r="P329" i="10"/>
  <c r="P2658" i="10"/>
  <c r="P2146" i="10"/>
  <c r="P1634" i="10"/>
  <c r="P1122" i="10"/>
  <c r="P610" i="10"/>
  <c r="P98" i="10"/>
  <c r="P2433" i="10"/>
  <c r="P1921" i="10"/>
  <c r="P1409" i="10"/>
  <c r="P897" i="10"/>
  <c r="P385" i="10"/>
  <c r="P2842" i="10"/>
  <c r="P2330" i="10"/>
  <c r="P1818" i="10"/>
  <c r="P1306" i="10"/>
  <c r="P794" i="10"/>
  <c r="P282" i="10"/>
  <c r="P2770" i="10"/>
  <c r="P2258" i="10"/>
  <c r="P1746" i="10"/>
  <c r="P1234" i="10"/>
  <c r="P722" i="10"/>
  <c r="P210" i="10"/>
  <c r="P2698" i="10"/>
  <c r="P2186" i="10"/>
  <c r="P1674" i="10"/>
  <c r="P650" i="10"/>
  <c r="P138" i="10"/>
  <c r="P2050" i="10"/>
  <c r="P1538" i="10"/>
  <c r="P1026" i="10"/>
  <c r="P514" i="10"/>
  <c r="P2551" i="10"/>
  <c r="P2039" i="10"/>
  <c r="P1527" i="10"/>
  <c r="P1015" i="10"/>
  <c r="P503" i="10"/>
  <c r="P1820" i="10"/>
  <c r="P113" i="10"/>
  <c r="P2443" i="10"/>
  <c r="P1867" i="10"/>
  <c r="P1355" i="10"/>
  <c r="P779" i="10"/>
  <c r="P2731" i="10"/>
  <c r="P2169" i="10"/>
  <c r="P1145" i="10"/>
  <c r="P1905" i="10"/>
  <c r="P1164" i="10"/>
  <c r="P2105" i="10"/>
  <c r="P1081" i="10"/>
  <c r="P121" i="10"/>
  <c r="P1073" i="10"/>
  <c r="P2572" i="10"/>
  <c r="P1201" i="10"/>
  <c r="P2345" i="10"/>
  <c r="P1833" i="10"/>
  <c r="P1321" i="10"/>
  <c r="P809" i="10"/>
  <c r="P297" i="10"/>
  <c r="P2657" i="10"/>
  <c r="P1825" i="10"/>
  <c r="P929" i="10"/>
  <c r="P97" i="10"/>
  <c r="P1024" i="10"/>
  <c r="P2081" i="10"/>
  <c r="P865" i="10"/>
  <c r="P2037" i="10"/>
  <c r="T211" i="10"/>
  <c r="T1334" i="10"/>
  <c r="T2421" i="10"/>
  <c r="T885" i="10"/>
  <c r="T876" i="10"/>
  <c r="T2395" i="10"/>
  <c r="T1883" i="10"/>
  <c r="T859" i="10"/>
  <c r="T2775" i="10"/>
  <c r="T2263" i="10"/>
  <c r="T1751" i="10"/>
  <c r="T727" i="10"/>
  <c r="T398" i="10"/>
  <c r="T838" i="10"/>
  <c r="T80" i="10"/>
  <c r="P1402" i="10"/>
  <c r="P1177" i="10"/>
  <c r="P2513" i="10"/>
  <c r="P2026" i="10"/>
  <c r="P2082" i="10"/>
  <c r="P1345" i="10"/>
  <c r="P730" i="10"/>
  <c r="P146" i="10"/>
  <c r="P2498" i="10"/>
  <c r="P1975" i="10"/>
  <c r="P1803" i="10"/>
  <c r="P689" i="10"/>
  <c r="P1257" i="10"/>
  <c r="T1104" i="10"/>
  <c r="P2715" i="10"/>
  <c r="P1850" i="10"/>
  <c r="P1338" i="10"/>
  <c r="P826" i="10"/>
  <c r="P314" i="10"/>
  <c r="P2649" i="10"/>
  <c r="P2137" i="10"/>
  <c r="P1625" i="10"/>
  <c r="P1113" i="10"/>
  <c r="P601" i="10"/>
  <c r="P89" i="10"/>
  <c r="P2674" i="10"/>
  <c r="P1650" i="10"/>
  <c r="P1138" i="10"/>
  <c r="P626" i="10"/>
  <c r="P114" i="10"/>
  <c r="P2449" i="10"/>
  <c r="P1937" i="10"/>
  <c r="P1425" i="10"/>
  <c r="P913" i="10"/>
  <c r="P401" i="10"/>
  <c r="P2636" i="10"/>
  <c r="P2474" i="10"/>
  <c r="P1450" i="10"/>
  <c r="P938" i="10"/>
  <c r="P426" i="10"/>
  <c r="P2761" i="10"/>
  <c r="P2249" i="10"/>
  <c r="P1737" i="10"/>
  <c r="P1225" i="10"/>
  <c r="P713" i="10"/>
  <c r="P201" i="10"/>
  <c r="P2530" i="10"/>
  <c r="P2018" i="10"/>
  <c r="P1506" i="10"/>
  <c r="P994" i="10"/>
  <c r="P482" i="10"/>
  <c r="P2817" i="10"/>
  <c r="P2305" i="10"/>
  <c r="P1793" i="10"/>
  <c r="P1281" i="10"/>
  <c r="P769" i="10"/>
  <c r="P257" i="10"/>
  <c r="P2714" i="10"/>
  <c r="P2202" i="10"/>
  <c r="P1690" i="10"/>
  <c r="P1178" i="10"/>
  <c r="P666" i="10"/>
  <c r="P154" i="10"/>
  <c r="P2642" i="10"/>
  <c r="P2130" i="10"/>
  <c r="P1618" i="10"/>
  <c r="P1106" i="10"/>
  <c r="P594" i="10"/>
  <c r="P82" i="10"/>
  <c r="P2570" i="10"/>
  <c r="P2058" i="10"/>
  <c r="P1546" i="10"/>
  <c r="P1034" i="10"/>
  <c r="P522" i="10"/>
  <c r="P2596" i="10"/>
  <c r="P2434" i="10"/>
  <c r="P1922" i="10"/>
  <c r="P1410" i="10"/>
  <c r="P898" i="10"/>
  <c r="P386" i="10"/>
  <c r="P2423" i="10"/>
  <c r="P1911" i="10"/>
  <c r="P1399" i="10"/>
  <c r="P887" i="10"/>
  <c r="P375" i="10"/>
  <c r="P1372" i="10"/>
  <c r="P1585" i="10"/>
  <c r="P2315" i="10"/>
  <c r="P1739" i="10"/>
  <c r="P1227" i="10"/>
  <c r="P523" i="10"/>
  <c r="P1913" i="10"/>
  <c r="P825" i="10"/>
  <c r="P1457" i="10"/>
  <c r="P780" i="10"/>
  <c r="P1849" i="10"/>
  <c r="P889" i="10"/>
  <c r="P2417" i="10"/>
  <c r="P369" i="10"/>
  <c r="P2481" i="10"/>
  <c r="P625" i="10"/>
  <c r="P2729" i="10"/>
  <c r="P2217" i="10"/>
  <c r="P1705" i="10"/>
  <c r="P1193" i="10"/>
  <c r="P681" i="10"/>
  <c r="P169" i="10"/>
  <c r="P2465" i="10"/>
  <c r="P1569" i="10"/>
  <c r="P673" i="10"/>
  <c r="P33" i="10"/>
  <c r="P1761" i="10"/>
  <c r="P545" i="10"/>
  <c r="P2613" i="10"/>
  <c r="P1781" i="10"/>
  <c r="T29" i="10"/>
  <c r="T108" i="10"/>
  <c r="T219" i="10"/>
  <c r="T1140" i="10"/>
  <c r="T2232" i="10"/>
  <c r="T632" i="10"/>
  <c r="T974" i="10"/>
  <c r="T270" i="10"/>
  <c r="T2502" i="10"/>
  <c r="T1734" i="10"/>
  <c r="T134" i="10"/>
  <c r="T966" i="10"/>
  <c r="T656" i="10"/>
  <c r="T1583" i="10"/>
  <c r="P2779" i="10"/>
  <c r="P665" i="10"/>
  <c r="P690" i="10"/>
  <c r="P1514" i="10"/>
  <c r="P1058" i="10"/>
  <c r="P321" i="10"/>
  <c r="P2194" i="10"/>
  <c r="P586" i="10"/>
  <c r="P1692" i="10"/>
  <c r="P651" i="10"/>
  <c r="P1713" i="10"/>
  <c r="P953" i="10"/>
  <c r="P2793" i="10"/>
  <c r="P1697" i="10"/>
  <c r="P737" i="10"/>
  <c r="T2711" i="10"/>
  <c r="T198" i="10"/>
  <c r="P2810" i="10"/>
  <c r="P2298" i="10"/>
  <c r="P1786" i="10"/>
  <c r="P1274" i="10"/>
  <c r="P250" i="10"/>
  <c r="P2585" i="10"/>
  <c r="P2073" i="10"/>
  <c r="P1561" i="10"/>
  <c r="P1049" i="10"/>
  <c r="P537" i="10"/>
  <c r="P25" i="10"/>
  <c r="P2610" i="10"/>
  <c r="P2098" i="10"/>
  <c r="P1586" i="10"/>
  <c r="P1074" i="10"/>
  <c r="P50" i="10"/>
  <c r="P2385" i="10"/>
  <c r="P1873" i="10"/>
  <c r="P1361" i="10"/>
  <c r="P849" i="10"/>
  <c r="P337" i="10"/>
  <c r="P2444" i="10"/>
  <c r="P2410" i="10"/>
  <c r="P1898" i="10"/>
  <c r="P1386" i="10"/>
  <c r="P874" i="10"/>
  <c r="P2697" i="10"/>
  <c r="P2185" i="10"/>
  <c r="P1673" i="10"/>
  <c r="P1161" i="10"/>
  <c r="P649" i="10"/>
  <c r="P137" i="10"/>
  <c r="P2466" i="10"/>
  <c r="P1954" i="10"/>
  <c r="P1442" i="10"/>
  <c r="P930" i="10"/>
  <c r="P418" i="10"/>
  <c r="P2753" i="10"/>
  <c r="P2241" i="10"/>
  <c r="P1729" i="10"/>
  <c r="P1217" i="10"/>
  <c r="P705" i="10"/>
  <c r="P193" i="10"/>
  <c r="P2650" i="10"/>
  <c r="P2138" i="10"/>
  <c r="P1626" i="10"/>
  <c r="P1114" i="10"/>
  <c r="P602" i="10"/>
  <c r="P90" i="10"/>
  <c r="P2578" i="10"/>
  <c r="P2066" i="10"/>
  <c r="P1554" i="10"/>
  <c r="P1042" i="10"/>
  <c r="P530" i="10"/>
  <c r="P18" i="10"/>
  <c r="P2506" i="10"/>
  <c r="P1994" i="10"/>
  <c r="P1482" i="10"/>
  <c r="P970" i="10"/>
  <c r="P458" i="10"/>
  <c r="P2787" i="10"/>
  <c r="P2370" i="10"/>
  <c r="P1858" i="10"/>
  <c r="P1346" i="10"/>
  <c r="P834" i="10"/>
  <c r="P322" i="10"/>
  <c r="P2359" i="10"/>
  <c r="P1847" i="10"/>
  <c r="P1335" i="10"/>
  <c r="P823" i="10"/>
  <c r="P311" i="10"/>
  <c r="P860" i="10"/>
  <c r="P1265" i="10"/>
  <c r="P1684" i="10"/>
  <c r="P2251" i="10"/>
  <c r="P1675" i="10"/>
  <c r="P1099" i="10"/>
  <c r="P395" i="10"/>
  <c r="P2745" i="10"/>
  <c r="P1785" i="10"/>
  <c r="P697" i="10"/>
  <c r="P2801" i="10"/>
  <c r="P1137" i="10"/>
  <c r="P2809" i="10"/>
  <c r="P1721" i="10"/>
  <c r="P761" i="10"/>
  <c r="P2161" i="10"/>
  <c r="P2289" i="10"/>
  <c r="P433" i="10"/>
  <c r="P572" i="10"/>
  <c r="P2665" i="10"/>
  <c r="P2153" i="10"/>
  <c r="P1641" i="10"/>
  <c r="P1129" i="10"/>
  <c r="P617" i="10"/>
  <c r="P105" i="10"/>
  <c r="P2337" i="10"/>
  <c r="P1441" i="10"/>
  <c r="P609" i="10"/>
  <c r="P2496" i="10"/>
  <c r="P2532" i="10"/>
  <c r="P1633" i="10"/>
  <c r="P353" i="10"/>
  <c r="P2485" i="10"/>
  <c r="P1589" i="10"/>
  <c r="T400" i="10"/>
  <c r="T2739" i="10"/>
  <c r="T1691" i="10"/>
  <c r="T2680" i="10"/>
  <c r="T2168" i="10"/>
  <c r="T2580" i="10"/>
  <c r="T1559" i="10"/>
  <c r="T1047" i="10"/>
  <c r="T23" i="10"/>
  <c r="T1486" i="10"/>
  <c r="T2630" i="10"/>
  <c r="T1670" i="10"/>
  <c r="T646" i="10"/>
  <c r="T70" i="10"/>
  <c r="T2128" i="10"/>
  <c r="P378" i="10"/>
  <c r="P2738" i="10"/>
  <c r="P1489" i="10"/>
  <c r="P1002" i="10"/>
  <c r="P1570" i="10"/>
  <c r="P2778" i="10"/>
  <c r="P2706" i="10"/>
  <c r="P2122" i="10"/>
  <c r="P1986" i="10"/>
  <c r="P1463" i="10"/>
  <c r="P1291" i="10"/>
  <c r="P233" i="10"/>
  <c r="P1953" i="10"/>
  <c r="T414" i="10"/>
  <c r="T1720" i="10"/>
  <c r="T663" i="10"/>
  <c r="T1742" i="10"/>
  <c r="P2746" i="10"/>
  <c r="P2234" i="10"/>
  <c r="P1722" i="10"/>
  <c r="P1210" i="10"/>
  <c r="P698" i="10"/>
  <c r="P186" i="10"/>
  <c r="P2521" i="10"/>
  <c r="P2009" i="10"/>
  <c r="P1497" i="10"/>
  <c r="P985" i="10"/>
  <c r="P473" i="10"/>
  <c r="P2772" i="10"/>
  <c r="P2546" i="10"/>
  <c r="P2034" i="10"/>
  <c r="P1522" i="10"/>
  <c r="P1010" i="10"/>
  <c r="P498" i="10"/>
  <c r="P2833" i="10"/>
  <c r="P2321" i="10"/>
  <c r="P1809" i="10"/>
  <c r="P1297" i="10"/>
  <c r="P785" i="10"/>
  <c r="P273" i="10"/>
  <c r="P2827" i="10"/>
  <c r="P2346" i="10"/>
  <c r="P1834" i="10"/>
  <c r="P1322" i="10"/>
  <c r="P810" i="10"/>
  <c r="P298" i="10"/>
  <c r="P2633" i="10"/>
  <c r="P2121" i="10"/>
  <c r="P1609" i="10"/>
  <c r="P1097" i="10"/>
  <c r="P585" i="10"/>
  <c r="P73" i="10"/>
  <c r="P2402" i="10"/>
  <c r="P1890" i="10"/>
  <c r="P1378" i="10"/>
  <c r="P866" i="10"/>
  <c r="P354" i="10"/>
  <c r="P2689" i="10"/>
  <c r="P2177" i="10"/>
  <c r="P1665" i="10"/>
  <c r="P1153" i="10"/>
  <c r="P641" i="10"/>
  <c r="P129" i="10"/>
  <c r="P2586" i="10"/>
  <c r="P2074" i="10"/>
  <c r="P1050" i="10"/>
  <c r="P538" i="10"/>
  <c r="P2514" i="10"/>
  <c r="P2002" i="10"/>
  <c r="P1490" i="10"/>
  <c r="P978" i="10"/>
  <c r="P466" i="10"/>
  <c r="P2796" i="10"/>
  <c r="P2442" i="10"/>
  <c r="P1930" i="10"/>
  <c r="P1418" i="10"/>
  <c r="P906" i="10"/>
  <c r="P394" i="10"/>
  <c r="P2818" i="10"/>
  <c r="P2306" i="10"/>
  <c r="P1794" i="10"/>
  <c r="P1282" i="10"/>
  <c r="P770" i="10"/>
  <c r="P258" i="10"/>
  <c r="P2807" i="10"/>
  <c r="P2295" i="10"/>
  <c r="P1783" i="10"/>
  <c r="P1271" i="10"/>
  <c r="P759" i="10"/>
  <c r="P247" i="10"/>
  <c r="P83" i="10"/>
  <c r="P1009" i="10"/>
  <c r="P1172" i="10"/>
  <c r="P2187" i="10"/>
  <c r="P1611" i="10"/>
  <c r="P1035" i="10"/>
  <c r="P331" i="10"/>
  <c r="P2681" i="10"/>
  <c r="P1657" i="10"/>
  <c r="P569" i="10"/>
  <c r="P2673" i="10"/>
  <c r="P945" i="10"/>
  <c r="P2617" i="10"/>
  <c r="P1593" i="10"/>
  <c r="P633" i="10"/>
  <c r="P1969" i="10"/>
  <c r="P49" i="10"/>
  <c r="P1668" i="10"/>
  <c r="P2033" i="10"/>
  <c r="P177" i="10"/>
  <c r="P380" i="10"/>
  <c r="P2601" i="10"/>
  <c r="P2089" i="10"/>
  <c r="P1577" i="10"/>
  <c r="P1065" i="10"/>
  <c r="P553" i="10"/>
  <c r="P2273" i="10"/>
  <c r="P1377" i="10"/>
  <c r="P481" i="10"/>
  <c r="P2785" i="10"/>
  <c r="P1505" i="10"/>
  <c r="P161" i="10"/>
  <c r="P2357" i="10"/>
  <c r="P309" i="10"/>
  <c r="T1163" i="10"/>
  <c r="T942" i="10"/>
  <c r="T2664" i="10"/>
  <c r="T2652" i="10"/>
  <c r="T2118" i="10"/>
  <c r="T603" i="10"/>
  <c r="T116" i="10"/>
  <c r="T2616" i="10"/>
  <c r="T2104" i="10"/>
  <c r="T1528" i="10"/>
  <c r="T504" i="10"/>
  <c r="T2519" i="10"/>
  <c r="T2007" i="10"/>
  <c r="T983" i="10"/>
  <c r="T1422" i="10"/>
  <c r="T846" i="10"/>
  <c r="T142" i="10"/>
  <c r="T1552" i="10"/>
  <c r="T2351" i="10"/>
  <c r="P890" i="10"/>
  <c r="P153" i="10"/>
  <c r="P178" i="10"/>
  <c r="P2538" i="10"/>
  <c r="P1801" i="10"/>
  <c r="P265" i="10"/>
  <c r="P2369" i="10"/>
  <c r="P1754" i="10"/>
  <c r="P1682" i="10"/>
  <c r="P1610" i="10"/>
  <c r="P1474" i="10"/>
  <c r="P439" i="10"/>
  <c r="P2609" i="10"/>
  <c r="P1769" i="10"/>
  <c r="P2741" i="10"/>
  <c r="T1629" i="10"/>
  <c r="T2246" i="10"/>
  <c r="P2682" i="10"/>
  <c r="P2170" i="10"/>
  <c r="P1658" i="10"/>
  <c r="P1146" i="10"/>
  <c r="P634" i="10"/>
  <c r="P122" i="10"/>
  <c r="P2457" i="10"/>
  <c r="P1945" i="10"/>
  <c r="P1433" i="10"/>
  <c r="P921" i="10"/>
  <c r="P409" i="10"/>
  <c r="P2708" i="10"/>
  <c r="P2482" i="10"/>
  <c r="P1970" i="10"/>
  <c r="P1458" i="10"/>
  <c r="P946" i="10"/>
  <c r="P434" i="10"/>
  <c r="P2769" i="10"/>
  <c r="P2257" i="10"/>
  <c r="P1745" i="10"/>
  <c r="P1233" i="10"/>
  <c r="P721" i="10"/>
  <c r="P209" i="10"/>
  <c r="P2794" i="10"/>
  <c r="P2282" i="10"/>
  <c r="P1770" i="10"/>
  <c r="P1258" i="10"/>
  <c r="P746" i="10"/>
  <c r="P234" i="10"/>
  <c r="P2569" i="10"/>
  <c r="P2057" i="10"/>
  <c r="P1545" i="10"/>
  <c r="P1033" i="10"/>
  <c r="P521" i="10"/>
  <c r="P2500" i="10"/>
  <c r="P2338" i="10"/>
  <c r="P1826" i="10"/>
  <c r="P1314" i="10"/>
  <c r="P802" i="10"/>
  <c r="P290" i="10"/>
  <c r="P2625" i="10"/>
  <c r="P2113" i="10"/>
  <c r="P1601" i="10"/>
  <c r="P1089" i="10"/>
  <c r="P577" i="10"/>
  <c r="P65" i="10"/>
  <c r="P2522" i="10"/>
  <c r="P2010" i="10"/>
  <c r="P1498" i="10"/>
  <c r="P986" i="10"/>
  <c r="P474" i="10"/>
  <c r="P2450" i="10"/>
  <c r="P1938" i="10"/>
  <c r="P1426" i="10"/>
  <c r="P914" i="10"/>
  <c r="P402" i="10"/>
  <c r="P2378" i="10"/>
  <c r="P1866" i="10"/>
  <c r="P1354" i="10"/>
  <c r="P842" i="10"/>
  <c r="P330" i="10"/>
  <c r="P2754" i="10"/>
  <c r="P2242" i="10"/>
  <c r="P1730" i="10"/>
  <c r="P1218" i="10"/>
  <c r="P706" i="10"/>
  <c r="P194" i="10"/>
  <c r="P2743" i="10"/>
  <c r="P2231" i="10"/>
  <c r="P1719" i="10"/>
  <c r="P1207" i="10"/>
  <c r="P695" i="10"/>
  <c r="P183" i="10"/>
  <c r="P19" i="10"/>
  <c r="P817" i="10"/>
  <c r="P2635" i="10"/>
  <c r="P2123" i="10"/>
  <c r="P1547" i="10"/>
  <c r="P971" i="10"/>
  <c r="P267" i="10"/>
  <c r="P2553" i="10"/>
  <c r="P1529" i="10"/>
  <c r="P441" i="10"/>
  <c r="P2545" i="10"/>
  <c r="P753" i="10"/>
  <c r="P2489" i="10"/>
  <c r="P1465" i="10"/>
  <c r="P505" i="10"/>
  <c r="P1777" i="10"/>
  <c r="P1092" i="10"/>
  <c r="P1841" i="10"/>
  <c r="P124" i="10"/>
  <c r="P2537" i="10"/>
  <c r="P2025" i="10"/>
  <c r="P1513" i="10"/>
  <c r="P1001" i="10"/>
  <c r="P489" i="10"/>
  <c r="P41" i="10"/>
  <c r="P2145" i="10"/>
  <c r="P1249" i="10"/>
  <c r="P417" i="10"/>
  <c r="P1856" i="10"/>
  <c r="P2593" i="10"/>
  <c r="P1313" i="10"/>
  <c r="P2763" i="10"/>
  <c r="P2293" i="10"/>
  <c r="P35" i="10"/>
  <c r="T1896" i="10"/>
  <c r="T798" i="10"/>
  <c r="T1563" i="10"/>
  <c r="T1051" i="10"/>
  <c r="T27" i="10"/>
  <c r="T440" i="10"/>
  <c r="I30" i="6" s="1"/>
  <c r="T1431" i="10"/>
  <c r="T782" i="10"/>
  <c r="T2084" i="10"/>
  <c r="T2671" i="10"/>
  <c r="P1914" i="10"/>
  <c r="P2201" i="10"/>
  <c r="P1714" i="10"/>
  <c r="P2001" i="10"/>
  <c r="P2828" i="10"/>
  <c r="P2825" i="10"/>
  <c r="P777" i="10"/>
  <c r="P34" i="10"/>
  <c r="P833" i="10"/>
  <c r="P218" i="10"/>
  <c r="P2634" i="10"/>
  <c r="P74" i="10"/>
  <c r="P2487" i="10"/>
  <c r="P1017" i="10"/>
  <c r="P1977" i="10"/>
  <c r="P881" i="10"/>
  <c r="P745" i="10"/>
  <c r="T1798" i="10"/>
  <c r="P2618" i="10"/>
  <c r="P2106" i="10"/>
  <c r="P1594" i="10"/>
  <c r="P1082" i="10"/>
  <c r="P570" i="10"/>
  <c r="P58" i="10"/>
  <c r="P2393" i="10"/>
  <c r="P1881" i="10"/>
  <c r="P1369" i="10"/>
  <c r="P857" i="10"/>
  <c r="P345" i="10"/>
  <c r="P2516" i="10"/>
  <c r="P2418" i="10"/>
  <c r="P1906" i="10"/>
  <c r="P1394" i="10"/>
  <c r="P882" i="10"/>
  <c r="P370" i="10"/>
  <c r="P2705" i="10"/>
  <c r="P2193" i="10"/>
  <c r="P1681" i="10"/>
  <c r="P1169" i="10"/>
  <c r="P657" i="10"/>
  <c r="P145" i="10"/>
  <c r="P2730" i="10"/>
  <c r="P2218" i="10"/>
  <c r="P1706" i="10"/>
  <c r="P1194" i="10"/>
  <c r="P682" i="10"/>
  <c r="P170" i="10"/>
  <c r="P2505" i="10"/>
  <c r="P1993" i="10"/>
  <c r="P1481" i="10"/>
  <c r="P969" i="10"/>
  <c r="P457" i="10"/>
  <c r="P2786" i="10"/>
  <c r="P2274" i="10"/>
  <c r="P1250" i="10"/>
  <c r="P738" i="10"/>
  <c r="P226" i="10"/>
  <c r="P2561" i="10"/>
  <c r="P2049" i="10"/>
  <c r="P1537" i="10"/>
  <c r="P1025" i="10"/>
  <c r="P513" i="10"/>
  <c r="P2811" i="10"/>
  <c r="P2458" i="10"/>
  <c r="P1946" i="10"/>
  <c r="P1434" i="10"/>
  <c r="P922" i="10"/>
  <c r="P410" i="10"/>
  <c r="P2803" i="10"/>
  <c r="P2386" i="10"/>
  <c r="P1874" i="10"/>
  <c r="P850" i="10"/>
  <c r="P338" i="10"/>
  <c r="P2826" i="10"/>
  <c r="P2314" i="10"/>
  <c r="P1802" i="10"/>
  <c r="P1290" i="10"/>
  <c r="P778" i="10"/>
  <c r="P266" i="10"/>
  <c r="P2690" i="10"/>
  <c r="P2178" i="10"/>
  <c r="P1666" i="10"/>
  <c r="P1154" i="10"/>
  <c r="P642" i="10"/>
  <c r="P130" i="10"/>
  <c r="P2679" i="10"/>
  <c r="P2167" i="10"/>
  <c r="P1655" i="10"/>
  <c r="P1143" i="10"/>
  <c r="P631" i="10"/>
  <c r="P119" i="10"/>
  <c r="P2476" i="10"/>
  <c r="P561" i="10"/>
  <c r="P2571" i="10"/>
  <c r="P2059" i="10"/>
  <c r="P1483" i="10"/>
  <c r="P907" i="10"/>
  <c r="P203" i="10"/>
  <c r="P2425" i="10"/>
  <c r="P1401" i="10"/>
  <c r="P313" i="10"/>
  <c r="P2353" i="10"/>
  <c r="P497" i="10"/>
  <c r="P2060" i="10"/>
  <c r="P2361" i="10"/>
  <c r="P1337" i="10"/>
  <c r="P377" i="10"/>
  <c r="P1521" i="10"/>
  <c r="P2660" i="10"/>
  <c r="P452" i="10"/>
  <c r="P1649" i="10"/>
  <c r="P2732" i="10"/>
  <c r="P2473" i="10"/>
  <c r="P1961" i="10"/>
  <c r="P1449" i="10"/>
  <c r="P937" i="10"/>
  <c r="P425" i="10"/>
  <c r="P2017" i="10"/>
  <c r="P1121" i="10"/>
  <c r="P289" i="10"/>
  <c r="P1216" i="10"/>
  <c r="P2401" i="10"/>
  <c r="P1185" i="10"/>
  <c r="P2165" i="10"/>
  <c r="P2684" i="10"/>
  <c r="T1599" i="10"/>
  <c r="T303" i="10"/>
  <c r="T1846" i="10"/>
  <c r="T1644" i="10"/>
  <c r="T734" i="10"/>
  <c r="I33" i="6" s="1"/>
  <c r="T1976" i="10"/>
  <c r="T1400" i="10"/>
  <c r="T888" i="10"/>
  <c r="T376" i="10"/>
  <c r="T2391" i="10"/>
  <c r="T343" i="10"/>
  <c r="I29" i="6" s="1"/>
  <c r="T2254" i="10"/>
  <c r="T1934" i="10"/>
  <c r="T1294" i="10"/>
  <c r="T2766" i="10"/>
  <c r="T1823" i="10"/>
  <c r="T1428" i="10"/>
  <c r="P2426" i="10"/>
  <c r="P1689" i="10"/>
  <c r="P1202" i="10"/>
  <c r="P465" i="10"/>
  <c r="P2313" i="10"/>
  <c r="P1289" i="10"/>
  <c r="P546" i="10"/>
  <c r="P2266" i="10"/>
  <c r="P658" i="10"/>
  <c r="P951" i="10"/>
  <c r="P2379" i="10"/>
  <c r="P2041" i="10"/>
  <c r="P908" i="10"/>
  <c r="P2737" i="10"/>
  <c r="P2281" i="10"/>
  <c r="P801" i="10"/>
  <c r="P832" i="10"/>
  <c r="P1909" i="10"/>
  <c r="T1117" i="10"/>
  <c r="T1208" i="10"/>
  <c r="T1175" i="10"/>
  <c r="T2382" i="10"/>
  <c r="P2554" i="10"/>
  <c r="P2042" i="10"/>
  <c r="P1530" i="10"/>
  <c r="P1018" i="10"/>
  <c r="P506" i="10"/>
  <c r="P2841" i="10"/>
  <c r="P2329" i="10"/>
  <c r="P1817" i="10"/>
  <c r="P1305" i="10"/>
  <c r="P793" i="10"/>
  <c r="P281" i="10"/>
  <c r="P2835" i="10"/>
  <c r="P2354" i="10"/>
  <c r="P1842" i="10"/>
  <c r="P1330" i="10"/>
  <c r="P818" i="10"/>
  <c r="P306" i="10"/>
  <c r="P2641" i="10"/>
  <c r="P2129" i="10"/>
  <c r="P1617" i="10"/>
  <c r="P1105" i="10"/>
  <c r="P593" i="10"/>
  <c r="P81" i="10"/>
  <c r="P2666" i="10"/>
  <c r="P2154" i="10"/>
  <c r="P1642" i="10"/>
  <c r="P1130" i="10"/>
  <c r="P618" i="10"/>
  <c r="P106" i="10"/>
  <c r="P2441" i="10"/>
  <c r="P1929" i="10"/>
  <c r="P1417" i="10"/>
  <c r="P905" i="10"/>
  <c r="P393" i="10"/>
  <c r="P2722" i="10"/>
  <c r="P2210" i="10"/>
  <c r="P1698" i="10"/>
  <c r="P1186" i="10"/>
  <c r="P674" i="10"/>
  <c r="P2497" i="10"/>
  <c r="P1985" i="10"/>
  <c r="P1473" i="10"/>
  <c r="P961" i="10"/>
  <c r="P449" i="10"/>
  <c r="P2683" i="10"/>
  <c r="P2394" i="10"/>
  <c r="P1882" i="10"/>
  <c r="P1370" i="10"/>
  <c r="P858" i="10"/>
  <c r="P346" i="10"/>
  <c r="P2834" i="10"/>
  <c r="P2322" i="10"/>
  <c r="P1810" i="10"/>
  <c r="P1298" i="10"/>
  <c r="P786" i="10"/>
  <c r="P274" i="10"/>
  <c r="P2250" i="10"/>
  <c r="P1738" i="10"/>
  <c r="P1226" i="10"/>
  <c r="P714" i="10"/>
  <c r="P202" i="10"/>
  <c r="P2626" i="10"/>
  <c r="P2114" i="10"/>
  <c r="P1602" i="10"/>
  <c r="P1090" i="10"/>
  <c r="P578" i="10"/>
  <c r="P66" i="10"/>
  <c r="P2615" i="10"/>
  <c r="P2103" i="10"/>
  <c r="P1591" i="10"/>
  <c r="P1079" i="10"/>
  <c r="P567" i="10"/>
  <c r="P1948" i="10"/>
  <c r="P2747" i="10"/>
  <c r="P305" i="10"/>
  <c r="P2507" i="10"/>
  <c r="P1995" i="10"/>
  <c r="P1419" i="10"/>
  <c r="P843" i="10"/>
  <c r="P139" i="10"/>
  <c r="P2297" i="10"/>
  <c r="P1273" i="10"/>
  <c r="P185" i="10"/>
  <c r="P2097" i="10"/>
  <c r="P241" i="10"/>
  <c r="P1356" i="10"/>
  <c r="P2233" i="10"/>
  <c r="P1209" i="10"/>
  <c r="P249" i="10"/>
  <c r="P1329" i="10"/>
  <c r="P2756" i="10"/>
  <c r="P1393" i="10"/>
  <c r="P2548" i="10"/>
  <c r="P2409" i="10"/>
  <c r="P1897" i="10"/>
  <c r="P1385" i="10"/>
  <c r="P873" i="10"/>
  <c r="P361" i="10"/>
  <c r="P2721" i="10"/>
  <c r="P1889" i="10"/>
  <c r="P993" i="10"/>
  <c r="P225" i="10"/>
  <c r="P1152" i="10"/>
  <c r="P2209" i="10"/>
  <c r="P1057" i="10"/>
  <c r="P2101" i="10"/>
  <c r="T460" i="10"/>
  <c r="T1044" i="10"/>
  <c r="T2459" i="10"/>
  <c r="T1947" i="10"/>
  <c r="T411" i="10"/>
  <c r="T2716" i="10"/>
  <c r="T2424" i="10"/>
  <c r="T1848" i="10"/>
  <c r="T824" i="10"/>
  <c r="T2327" i="10"/>
  <c r="T791" i="10"/>
  <c r="T2822" i="10"/>
  <c r="T654" i="10"/>
  <c r="T1990" i="10"/>
  <c r="T902" i="10"/>
  <c r="T1230" i="10"/>
  <c r="T2190" i="10"/>
  <c r="T2640" i="10"/>
  <c r="T2607" i="10"/>
  <c r="E79" i="14"/>
  <c r="E56" i="6"/>
  <c r="E56" i="7" s="1"/>
  <c r="E55" i="14"/>
  <c r="E59" i="6"/>
  <c r="E59" i="7" s="1"/>
  <c r="E51" i="14"/>
  <c r="E70" i="6"/>
  <c r="E70" i="7" s="1"/>
  <c r="E70" i="14"/>
  <c r="E46" i="6"/>
  <c r="E46" i="7" s="1"/>
  <c r="E46" i="14"/>
  <c r="T201" i="10"/>
  <c r="E45" i="6"/>
  <c r="E45" i="7" s="1"/>
  <c r="T1692" i="10"/>
  <c r="E33" i="6"/>
  <c r="E33" i="7" s="1"/>
  <c r="E78" i="6"/>
  <c r="E78" i="7" s="1"/>
  <c r="T2250" i="10"/>
  <c r="E66" i="14"/>
  <c r="T62" i="10"/>
  <c r="T912" i="10"/>
  <c r="T2212" i="10"/>
  <c r="T2513" i="10"/>
  <c r="E49" i="14"/>
  <c r="T1662" i="10"/>
  <c r="T1062" i="10"/>
  <c r="E53" i="6"/>
  <c r="E53" i="7" s="1"/>
  <c r="T633" i="10"/>
  <c r="E68" i="14"/>
  <c r="P48" i="22"/>
  <c r="Q48" i="22" s="1"/>
  <c r="T1112" i="10"/>
  <c r="T2812" i="10"/>
  <c r="T1312" i="10"/>
  <c r="T2462" i="10"/>
  <c r="T1412" i="10"/>
  <c r="T2312" i="10"/>
  <c r="T2708" i="10"/>
  <c r="T2743" i="10"/>
  <c r="T2635" i="10"/>
  <c r="T2545" i="10"/>
  <c r="T124" i="10"/>
  <c r="T1249" i="10"/>
  <c r="T1612" i="10"/>
  <c r="T2062" i="10"/>
  <c r="T862" i="10"/>
  <c r="T412" i="10"/>
  <c r="T712" i="10"/>
  <c r="T112" i="10"/>
  <c r="T1712" i="10"/>
  <c r="E65" i="6"/>
  <c r="E65" i="7" s="1"/>
  <c r="T1012" i="10"/>
  <c r="E37" i="6"/>
  <c r="E37" i="7" s="1"/>
  <c r="T2779" i="10"/>
  <c r="T26" i="10"/>
  <c r="E80" i="14"/>
  <c r="T1462" i="10"/>
  <c r="T212" i="10"/>
  <c r="T2662" i="10"/>
  <c r="T1262" i="10"/>
  <c r="T2338" i="10"/>
  <c r="T1089" i="10"/>
  <c r="T1745" i="10"/>
  <c r="T1954" i="10"/>
  <c r="E74" i="14"/>
  <c r="T2721" i="10"/>
  <c r="T1212" i="10"/>
  <c r="T612" i="10"/>
  <c r="T812" i="10"/>
  <c r="E41" i="6"/>
  <c r="E41" i="7" s="1"/>
  <c r="T842" i="10"/>
  <c r="T2712" i="10"/>
  <c r="T2012" i="10"/>
  <c r="T1512" i="10"/>
  <c r="E61" i="6"/>
  <c r="E61" i="7" s="1"/>
  <c r="E61" i="14"/>
  <c r="E45" i="14"/>
  <c r="E33" i="14"/>
  <c r="EL28" i="14"/>
  <c r="DY76" i="14"/>
  <c r="DL76" i="14"/>
  <c r="DY68" i="14"/>
  <c r="DL68" i="14"/>
  <c r="DY60" i="14"/>
  <c r="DL60" i="14"/>
  <c r="DY52" i="14"/>
  <c r="DL52" i="14"/>
  <c r="DY44" i="14"/>
  <c r="DL44" i="14"/>
  <c r="DY36" i="14"/>
  <c r="DL36" i="14"/>
  <c r="EY82" i="14"/>
  <c r="EL82" i="14"/>
  <c r="EY74" i="14"/>
  <c r="EL74" i="14"/>
  <c r="EY66" i="14"/>
  <c r="EL66" i="14"/>
  <c r="EY58" i="14"/>
  <c r="EL58" i="14"/>
  <c r="EY50" i="14"/>
  <c r="EL50" i="14"/>
  <c r="EY42" i="14"/>
  <c r="EL42" i="14"/>
  <c r="EY34" i="14"/>
  <c r="EL34" i="14"/>
  <c r="CL81" i="14"/>
  <c r="CL73" i="14"/>
  <c r="CL65" i="14"/>
  <c r="CL57" i="14"/>
  <c r="CL49" i="14"/>
  <c r="CL41" i="14"/>
  <c r="CL33" i="14"/>
  <c r="DL28" i="14"/>
  <c r="DY75" i="14"/>
  <c r="DL75" i="14"/>
  <c r="DY67" i="14"/>
  <c r="DL67" i="14"/>
  <c r="DY59" i="14"/>
  <c r="DL59" i="14"/>
  <c r="DY51" i="14"/>
  <c r="DL51" i="14"/>
  <c r="DY43" i="14"/>
  <c r="DL43" i="14"/>
  <c r="DY35" i="14"/>
  <c r="DL35" i="14"/>
  <c r="EY81" i="14"/>
  <c r="EL81" i="14"/>
  <c r="EY73" i="14"/>
  <c r="EL73" i="14"/>
  <c r="EY65" i="14"/>
  <c r="EL65" i="14"/>
  <c r="EY57" i="14"/>
  <c r="EL57" i="14"/>
  <c r="EY49" i="14"/>
  <c r="EL49" i="14"/>
  <c r="EY41" i="14"/>
  <c r="EL41" i="14"/>
  <c r="EY33" i="14"/>
  <c r="EL33" i="14"/>
  <c r="CL80" i="14"/>
  <c r="CL72" i="14"/>
  <c r="CL64" i="14"/>
  <c r="CL56" i="14"/>
  <c r="CL48" i="14"/>
  <c r="CL40" i="14"/>
  <c r="CL32" i="14"/>
  <c r="DY82" i="14"/>
  <c r="DL82" i="14"/>
  <c r="DY74" i="14"/>
  <c r="DL74" i="14"/>
  <c r="DY66" i="14"/>
  <c r="DL66" i="14"/>
  <c r="DY58" i="14"/>
  <c r="DL58" i="14"/>
  <c r="DY50" i="14"/>
  <c r="DL50" i="14"/>
  <c r="DY42" i="14"/>
  <c r="DL42" i="14"/>
  <c r="DY34" i="14"/>
  <c r="DL34" i="14"/>
  <c r="EY80" i="14"/>
  <c r="EL80" i="14"/>
  <c r="EY72" i="14"/>
  <c r="EL72" i="14"/>
  <c r="EY64" i="14"/>
  <c r="EL64" i="14"/>
  <c r="EY56" i="14"/>
  <c r="EL56" i="14"/>
  <c r="EY48" i="14"/>
  <c r="EL48" i="14"/>
  <c r="EY40" i="14"/>
  <c r="EL40" i="14"/>
  <c r="EY32" i="14"/>
  <c r="EL32" i="14"/>
  <c r="CL79" i="14"/>
  <c r="CL71" i="14"/>
  <c r="CL63" i="14"/>
  <c r="CL55" i="14"/>
  <c r="CL47" i="14"/>
  <c r="CL39" i="14"/>
  <c r="CL31" i="14"/>
  <c r="DY81" i="14"/>
  <c r="DL81" i="14"/>
  <c r="DY73" i="14"/>
  <c r="DL73" i="14"/>
  <c r="DY65" i="14"/>
  <c r="DL65" i="14"/>
  <c r="DY57" i="14"/>
  <c r="DL57" i="14"/>
  <c r="DY49" i="14"/>
  <c r="DL49" i="14"/>
  <c r="DY41" i="14"/>
  <c r="DL41" i="14"/>
  <c r="DY33" i="14"/>
  <c r="DL33" i="14"/>
  <c r="EY79" i="14"/>
  <c r="EL79" i="14"/>
  <c r="EY71" i="14"/>
  <c r="EL71" i="14"/>
  <c r="EY63" i="14"/>
  <c r="EL63" i="14"/>
  <c r="EY55" i="14"/>
  <c r="EL55" i="14"/>
  <c r="EY47" i="14"/>
  <c r="EL47" i="14"/>
  <c r="EY39" i="14"/>
  <c r="EL39" i="14"/>
  <c r="EY31" i="14"/>
  <c r="EL31" i="14"/>
  <c r="CL78" i="14"/>
  <c r="CL70" i="14"/>
  <c r="CL62" i="14"/>
  <c r="CL54" i="14"/>
  <c r="CL46" i="14"/>
  <c r="CL38" i="14"/>
  <c r="CL30" i="14"/>
  <c r="DY80" i="14"/>
  <c r="DL80" i="14"/>
  <c r="DY72" i="14"/>
  <c r="DL72" i="14"/>
  <c r="DY64" i="14"/>
  <c r="DL64" i="14"/>
  <c r="DY56" i="14"/>
  <c r="DL56" i="14"/>
  <c r="DY48" i="14"/>
  <c r="DL48" i="14"/>
  <c r="DY40" i="14"/>
  <c r="DL40" i="14"/>
  <c r="DY32" i="14"/>
  <c r="DL32" i="14"/>
  <c r="EY78" i="14"/>
  <c r="EL78" i="14"/>
  <c r="EY70" i="14"/>
  <c r="EL70" i="14"/>
  <c r="EY62" i="14"/>
  <c r="EL62" i="14"/>
  <c r="EY54" i="14"/>
  <c r="EL54" i="14"/>
  <c r="EY46" i="14"/>
  <c r="EL46" i="14"/>
  <c r="EY38" i="14"/>
  <c r="EL38" i="14"/>
  <c r="EY30" i="14"/>
  <c r="EL30" i="14"/>
  <c r="CL77" i="14"/>
  <c r="CL69" i="14"/>
  <c r="CL61" i="14"/>
  <c r="CL53" i="14"/>
  <c r="CL45" i="14"/>
  <c r="CL37" i="14"/>
  <c r="CL29" i="14"/>
  <c r="DY79" i="14"/>
  <c r="DL79" i="14"/>
  <c r="DY71" i="14"/>
  <c r="DL71" i="14"/>
  <c r="DY63" i="14"/>
  <c r="DL63" i="14"/>
  <c r="DY55" i="14"/>
  <c r="DL55" i="14"/>
  <c r="DY47" i="14"/>
  <c r="DL47" i="14"/>
  <c r="DY39" i="14"/>
  <c r="DL39" i="14"/>
  <c r="DY31" i="14"/>
  <c r="DL31" i="14"/>
  <c r="EY77" i="14"/>
  <c r="EL77" i="14"/>
  <c r="EY69" i="14"/>
  <c r="EL69" i="14"/>
  <c r="EY61" i="14"/>
  <c r="EL61" i="14"/>
  <c r="EY53" i="14"/>
  <c r="EL53" i="14"/>
  <c r="EY45" i="14"/>
  <c r="EL45" i="14"/>
  <c r="EY37" i="14"/>
  <c r="EL37" i="14"/>
  <c r="EY29" i="14"/>
  <c r="EL29" i="14"/>
  <c r="CL76" i="14"/>
  <c r="CL68" i="14"/>
  <c r="CL60" i="14"/>
  <c r="CL52" i="14"/>
  <c r="CL44" i="14"/>
  <c r="CL36" i="14"/>
  <c r="CY28" i="14"/>
  <c r="DY78" i="14"/>
  <c r="DL78" i="14"/>
  <c r="DY70" i="14"/>
  <c r="DL70" i="14"/>
  <c r="DY62" i="14"/>
  <c r="DL62" i="14"/>
  <c r="DY54" i="14"/>
  <c r="DL54" i="14"/>
  <c r="DY46" i="14"/>
  <c r="DL46" i="14"/>
  <c r="DY38" i="14"/>
  <c r="DL38" i="14"/>
  <c r="DY30" i="14"/>
  <c r="DL30" i="14"/>
  <c r="EY76" i="14"/>
  <c r="EL76" i="14"/>
  <c r="EY68" i="14"/>
  <c r="EL68" i="14"/>
  <c r="EY60" i="14"/>
  <c r="EL60" i="14"/>
  <c r="EY52" i="14"/>
  <c r="EL52" i="14"/>
  <c r="EY44" i="14"/>
  <c r="EL44" i="14"/>
  <c r="EY36" i="14"/>
  <c r="EL36" i="14"/>
  <c r="CL75" i="14"/>
  <c r="CL67" i="14"/>
  <c r="CL59" i="14"/>
  <c r="CL51" i="14"/>
  <c r="CL43" i="14"/>
  <c r="CL35" i="14"/>
  <c r="DL77" i="14"/>
  <c r="DY77" i="14"/>
  <c r="DL69" i="14"/>
  <c r="DY69" i="14"/>
  <c r="DL61" i="14"/>
  <c r="DY61" i="14"/>
  <c r="DL53" i="14"/>
  <c r="DY53" i="14"/>
  <c r="DY45" i="14"/>
  <c r="DL45" i="14"/>
  <c r="DY37" i="14"/>
  <c r="DL37" i="14"/>
  <c r="DY29" i="14"/>
  <c r="DL29" i="14"/>
  <c r="EY75" i="14"/>
  <c r="EL75" i="14"/>
  <c r="EY67" i="14"/>
  <c r="EL67" i="14"/>
  <c r="EY59" i="14"/>
  <c r="EL59" i="14"/>
  <c r="EY51" i="14"/>
  <c r="EL51" i="14"/>
  <c r="EY43" i="14"/>
  <c r="EL43" i="14"/>
  <c r="EY35" i="14"/>
  <c r="EL35" i="14"/>
  <c r="CL82" i="14"/>
  <c r="CL74" i="14"/>
  <c r="CL66" i="14"/>
  <c r="CL58" i="14"/>
  <c r="CL50" i="14"/>
  <c r="CL42" i="14"/>
  <c r="CL34" i="14"/>
  <c r="B77" i="14"/>
  <c r="B49" i="14"/>
  <c r="B53" i="14"/>
  <c r="B65" i="14"/>
  <c r="B50" i="14"/>
  <c r="B59" i="14"/>
  <c r="B66" i="14"/>
  <c r="B73" i="14"/>
  <c r="B34" i="14"/>
  <c r="B51" i="14"/>
  <c r="B61" i="14"/>
  <c r="B75" i="14"/>
  <c r="B74" i="14"/>
  <c r="B28" i="14"/>
  <c r="B35" i="14"/>
  <c r="B81" i="14"/>
  <c r="B57" i="14"/>
  <c r="B33" i="14"/>
  <c r="B41" i="14"/>
  <c r="B52" i="14"/>
  <c r="B42" i="14"/>
  <c r="B43" i="14"/>
  <c r="B58" i="14"/>
  <c r="B67" i="14"/>
  <c r="B27" i="14"/>
  <c r="B31" i="14"/>
  <c r="B39" i="14"/>
  <c r="B47" i="14"/>
  <c r="B36" i="14"/>
  <c r="B44" i="14"/>
  <c r="B69" i="14"/>
  <c r="B29" i="14"/>
  <c r="B37" i="14"/>
  <c r="B32" i="14"/>
  <c r="B40" i="14"/>
  <c r="B48" i="14"/>
  <c r="B56" i="14"/>
  <c r="B64" i="14"/>
  <c r="B72" i="14"/>
  <c r="B80" i="14"/>
  <c r="B30" i="14"/>
  <c r="B38" i="14"/>
  <c r="B46" i="14"/>
  <c r="B54" i="14"/>
  <c r="B62" i="14"/>
  <c r="B70" i="14"/>
  <c r="B78" i="14"/>
  <c r="B60" i="14"/>
  <c r="B68" i="14"/>
  <c r="B76" i="14"/>
  <c r="B55" i="14"/>
  <c r="B63" i="14"/>
  <c r="B71" i="14"/>
  <c r="B79" i="14"/>
  <c r="A13" i="10"/>
  <c r="A14" i="10" s="1"/>
  <c r="A15" i="10" s="1"/>
  <c r="A16" i="10" s="1"/>
  <c r="A17" i="10" s="1"/>
  <c r="A18" i="10" s="1"/>
  <c r="A19" i="10" s="1"/>
  <c r="A20" i="10" s="1"/>
  <c r="A21" i="10" s="1"/>
  <c r="A22" i="10" s="1"/>
  <c r="A23" i="10" s="1"/>
  <c r="A24" i="10" s="1"/>
  <c r="A25" i="10" s="1"/>
  <c r="A26" i="10" s="1"/>
  <c r="A27" i="10" s="1"/>
  <c r="A28" i="10" s="1"/>
  <c r="A29" i="10" s="1"/>
  <c r="A30" i="10" s="1"/>
  <c r="A31" i="10" s="1"/>
  <c r="A32" i="10" s="1"/>
  <c r="A33" i="10" s="1"/>
  <c r="A34" i="10" s="1"/>
  <c r="A35" i="10" s="1"/>
  <c r="A36" i="10" s="1"/>
  <c r="A37" i="10" s="1"/>
  <c r="A38" i="10" s="1"/>
  <c r="A39" i="10" s="1"/>
  <c r="A40" i="10" s="1"/>
  <c r="A41" i="10" s="1"/>
  <c r="A42" i="10" s="1"/>
  <c r="A43" i="10" s="1"/>
  <c r="A44" i="10" s="1"/>
  <c r="A45" i="10" s="1"/>
  <c r="A46" i="10" s="1"/>
  <c r="A47" i="10" s="1"/>
  <c r="A48" i="10" s="1"/>
  <c r="A49" i="10" s="1"/>
  <c r="A50" i="10" s="1"/>
  <c r="A51" i="10" s="1"/>
  <c r="A52" i="10" s="1"/>
  <c r="A53" i="10" s="1"/>
  <c r="A54" i="10" s="1"/>
  <c r="A55" i="10" s="1"/>
  <c r="A56" i="10" s="1"/>
  <c r="A57" i="10" s="1"/>
  <c r="A58" i="10" s="1"/>
  <c r="A59" i="10" s="1"/>
  <c r="A60" i="10" s="1"/>
  <c r="A61" i="10" s="1"/>
  <c r="A62" i="10" s="1"/>
  <c r="A63" i="10" s="1"/>
  <c r="A64" i="10" s="1"/>
  <c r="A65" i="10" s="1"/>
  <c r="A66" i="10" s="1"/>
  <c r="A67" i="10" s="1"/>
  <c r="A68" i="10" s="1"/>
  <c r="A69" i="10" s="1"/>
  <c r="A70" i="10" s="1"/>
  <c r="A71" i="10" s="1"/>
  <c r="A72" i="10" s="1"/>
  <c r="A73" i="10" s="1"/>
  <c r="A74" i="10" s="1"/>
  <c r="A75" i="10" s="1"/>
  <c r="A76" i="10" s="1"/>
  <c r="A77" i="10" s="1"/>
  <c r="A78" i="10" s="1"/>
  <c r="A79" i="10" s="1"/>
  <c r="A80" i="10" s="1"/>
  <c r="A81" i="10" s="1"/>
  <c r="A82" i="10" s="1"/>
  <c r="A83" i="10" s="1"/>
  <c r="A84" i="10" s="1"/>
  <c r="A85" i="10" s="1"/>
  <c r="A86" i="10" s="1"/>
  <c r="A87" i="10" s="1"/>
  <c r="A88" i="10" s="1"/>
  <c r="A89" i="10" s="1"/>
  <c r="A90" i="10" s="1"/>
  <c r="A91" i="10" s="1"/>
  <c r="A92" i="10" s="1"/>
  <c r="A93" i="10" s="1"/>
  <c r="A94" i="10" s="1"/>
  <c r="A95" i="10" s="1"/>
  <c r="A96" i="10" s="1"/>
  <c r="A97" i="10" s="1"/>
  <c r="A98" i="10" s="1"/>
  <c r="A99" i="10" s="1"/>
  <c r="A100" i="10" s="1"/>
  <c r="A101" i="10" s="1"/>
  <c r="A102" i="10" s="1"/>
  <c r="A103" i="10" s="1"/>
  <c r="A104" i="10" s="1"/>
  <c r="A105" i="10" s="1"/>
  <c r="A106" i="10" s="1"/>
  <c r="A107" i="10" s="1"/>
  <c r="A108" i="10" s="1"/>
  <c r="A109" i="10" s="1"/>
  <c r="A110" i="10" s="1"/>
  <c r="A111" i="10" s="1"/>
  <c r="A112" i="10" s="1"/>
  <c r="A113" i="10" s="1"/>
  <c r="A114" i="10" s="1"/>
  <c r="A115" i="10" s="1"/>
  <c r="A116" i="10" s="1"/>
  <c r="A117" i="10" s="1"/>
  <c r="A118" i="10" s="1"/>
  <c r="A119" i="10" s="1"/>
  <c r="A120" i="10" s="1"/>
  <c r="A121" i="10" s="1"/>
  <c r="A122" i="10" s="1"/>
  <c r="A123" i="10" s="1"/>
  <c r="A124" i="10" s="1"/>
  <c r="A125" i="10" s="1"/>
  <c r="A126" i="10" s="1"/>
  <c r="A127" i="10" s="1"/>
  <c r="A128" i="10" s="1"/>
  <c r="A129" i="10" s="1"/>
  <c r="A130" i="10" s="1"/>
  <c r="A131" i="10" s="1"/>
  <c r="A132" i="10" s="1"/>
  <c r="A133" i="10" s="1"/>
  <c r="A134" i="10" s="1"/>
  <c r="A135" i="10" s="1"/>
  <c r="A136" i="10" s="1"/>
  <c r="A137" i="10" s="1"/>
  <c r="A138" i="10" s="1"/>
  <c r="A139" i="10" s="1"/>
  <c r="A140" i="10" s="1"/>
  <c r="A141" i="10" s="1"/>
  <c r="A142" i="10" s="1"/>
  <c r="A143" i="10" s="1"/>
  <c r="A144" i="10" s="1"/>
  <c r="A145" i="10" s="1"/>
  <c r="A146" i="10" s="1"/>
  <c r="A147" i="10" s="1"/>
  <c r="A148" i="10" s="1"/>
  <c r="A149" i="10" s="1"/>
  <c r="A150" i="10" s="1"/>
  <c r="A151" i="10" s="1"/>
  <c r="A152" i="10" s="1"/>
  <c r="A153" i="10" s="1"/>
  <c r="A154" i="10" s="1"/>
  <c r="A155" i="10" s="1"/>
  <c r="A156" i="10" s="1"/>
  <c r="A157" i="10" s="1"/>
  <c r="A158" i="10" s="1"/>
  <c r="A159" i="10" s="1"/>
  <c r="A160" i="10" s="1"/>
  <c r="A161" i="10" s="1"/>
  <c r="A162" i="10" s="1"/>
  <c r="A163" i="10" s="1"/>
  <c r="A164" i="10" s="1"/>
  <c r="A165" i="10" s="1"/>
  <c r="A166" i="10" s="1"/>
  <c r="A167" i="10" s="1"/>
  <c r="A168" i="10" s="1"/>
  <c r="A169" i="10" s="1"/>
  <c r="A170" i="10" s="1"/>
  <c r="A171" i="10" s="1"/>
  <c r="A172" i="10" s="1"/>
  <c r="A173" i="10" s="1"/>
  <c r="A174" i="10" s="1"/>
  <c r="A175" i="10" s="1"/>
  <c r="A176" i="10" s="1"/>
  <c r="A177" i="10" s="1"/>
  <c r="A178" i="10" s="1"/>
  <c r="A179" i="10" s="1"/>
  <c r="A180" i="10" s="1"/>
  <c r="A181" i="10" s="1"/>
  <c r="A182" i="10" s="1"/>
  <c r="A183" i="10" s="1"/>
  <c r="A184" i="10" s="1"/>
  <c r="A185" i="10" s="1"/>
  <c r="A186" i="10" s="1"/>
  <c r="A187" i="10" s="1"/>
  <c r="A188" i="10" s="1"/>
  <c r="A189" i="10" s="1"/>
  <c r="A190" i="10" s="1"/>
  <c r="A191" i="10" s="1"/>
  <c r="A192" i="10" s="1"/>
  <c r="A193" i="10" s="1"/>
  <c r="A194" i="10" s="1"/>
  <c r="A195" i="10" s="1"/>
  <c r="A196" i="10" s="1"/>
  <c r="A197" i="10" s="1"/>
  <c r="A198" i="10" s="1"/>
  <c r="A199" i="10" s="1"/>
  <c r="A200" i="10" s="1"/>
  <c r="A201" i="10" s="1"/>
  <c r="A202" i="10" s="1"/>
  <c r="A203" i="10" s="1"/>
  <c r="A204" i="10" s="1"/>
  <c r="A205" i="10" s="1"/>
  <c r="A206" i="10" s="1"/>
  <c r="A207" i="10" s="1"/>
  <c r="A208" i="10" s="1"/>
  <c r="A209" i="10" s="1"/>
  <c r="A210" i="10" s="1"/>
  <c r="A211" i="10" s="1"/>
  <c r="A212" i="10" s="1"/>
  <c r="A213" i="10" s="1"/>
  <c r="A214" i="10" s="1"/>
  <c r="A215" i="10" s="1"/>
  <c r="A216" i="10" s="1"/>
  <c r="A217" i="10" s="1"/>
  <c r="A218" i="10" s="1"/>
  <c r="A219" i="10" s="1"/>
  <c r="A220" i="10" s="1"/>
  <c r="A221" i="10" s="1"/>
  <c r="A222" i="10" s="1"/>
  <c r="A223" i="10" s="1"/>
  <c r="A224" i="10" s="1"/>
  <c r="A225" i="10" s="1"/>
  <c r="A226" i="10" s="1"/>
  <c r="A227" i="10" s="1"/>
  <c r="A228" i="10" s="1"/>
  <c r="A229" i="10" s="1"/>
  <c r="A230" i="10" s="1"/>
  <c r="A231" i="10" s="1"/>
  <c r="A232" i="10" s="1"/>
  <c r="A233" i="10" s="1"/>
  <c r="A234" i="10" s="1"/>
  <c r="A235" i="10" s="1"/>
  <c r="A236" i="10" s="1"/>
  <c r="A237" i="10" s="1"/>
  <c r="A238" i="10" s="1"/>
  <c r="A239" i="10" s="1"/>
  <c r="A240" i="10" s="1"/>
  <c r="A241" i="10" s="1"/>
  <c r="A242" i="10" s="1"/>
  <c r="A243" i="10" s="1"/>
  <c r="A244" i="10" s="1"/>
  <c r="A245" i="10" s="1"/>
  <c r="A246" i="10" s="1"/>
  <c r="A247" i="10" s="1"/>
  <c r="A248" i="10" s="1"/>
  <c r="A249" i="10" s="1"/>
  <c r="A250" i="10" s="1"/>
  <c r="A251" i="10" s="1"/>
  <c r="A252" i="10" s="1"/>
  <c r="A253" i="10" s="1"/>
  <c r="A254" i="10" s="1"/>
  <c r="A255" i="10" s="1"/>
  <c r="A256" i="10" s="1"/>
  <c r="A257" i="10" s="1"/>
  <c r="A258" i="10" s="1"/>
  <c r="A259" i="10" s="1"/>
  <c r="A260" i="10" s="1"/>
  <c r="A261" i="10" s="1"/>
  <c r="A262" i="10" s="1"/>
  <c r="A263" i="10" s="1"/>
  <c r="A264" i="10" s="1"/>
  <c r="A265" i="10" s="1"/>
  <c r="A266" i="10" s="1"/>
  <c r="A267" i="10" s="1"/>
  <c r="A268" i="10" s="1"/>
  <c r="A269" i="10" s="1"/>
  <c r="A270" i="10" s="1"/>
  <c r="A271" i="10" s="1"/>
  <c r="A272" i="10" s="1"/>
  <c r="A273" i="10" s="1"/>
  <c r="A274" i="10" s="1"/>
  <c r="A275" i="10" s="1"/>
  <c r="A276" i="10" s="1"/>
  <c r="A277" i="10" s="1"/>
  <c r="A278" i="10" s="1"/>
  <c r="A279" i="10" s="1"/>
  <c r="A280" i="10" s="1"/>
  <c r="A281" i="10" s="1"/>
  <c r="A282" i="10" s="1"/>
  <c r="A283" i="10" s="1"/>
  <c r="A284" i="10" s="1"/>
  <c r="A285" i="10" s="1"/>
  <c r="A286" i="10" s="1"/>
  <c r="A287" i="10" s="1"/>
  <c r="A288" i="10" s="1"/>
  <c r="A289" i="10" s="1"/>
  <c r="A290" i="10" s="1"/>
  <c r="A291" i="10" s="1"/>
  <c r="A292" i="10" s="1"/>
  <c r="A293" i="10" s="1"/>
  <c r="A294" i="10" s="1"/>
  <c r="A295" i="10" s="1"/>
  <c r="A296" i="10" s="1"/>
  <c r="A297" i="10" s="1"/>
  <c r="A298" i="10" s="1"/>
  <c r="A299" i="10" s="1"/>
  <c r="A300" i="10" s="1"/>
  <c r="A301" i="10" s="1"/>
  <c r="A302" i="10" s="1"/>
  <c r="A303" i="10" s="1"/>
  <c r="A304" i="10" s="1"/>
  <c r="A305" i="10" s="1"/>
  <c r="A306" i="10" s="1"/>
  <c r="A307" i="10" s="1"/>
  <c r="A308" i="10" s="1"/>
  <c r="A309" i="10" s="1"/>
  <c r="A310" i="10" s="1"/>
  <c r="A311" i="10" s="1"/>
  <c r="A312" i="10" s="1"/>
  <c r="A313" i="10" s="1"/>
  <c r="A314" i="10" s="1"/>
  <c r="A315" i="10" s="1"/>
  <c r="A316" i="10" s="1"/>
  <c r="A317" i="10" s="1"/>
  <c r="A318" i="10" s="1"/>
  <c r="A319" i="10" s="1"/>
  <c r="A320" i="10" s="1"/>
  <c r="A321" i="10" s="1"/>
  <c r="A322" i="10" s="1"/>
  <c r="A323" i="10" s="1"/>
  <c r="A324" i="10" s="1"/>
  <c r="A325" i="10" s="1"/>
  <c r="A326" i="10" s="1"/>
  <c r="A327" i="10" s="1"/>
  <c r="A328" i="10" s="1"/>
  <c r="A329" i="10" s="1"/>
  <c r="A330" i="10" s="1"/>
  <c r="A331" i="10" s="1"/>
  <c r="A332" i="10" s="1"/>
  <c r="A333" i="10" s="1"/>
  <c r="A334" i="10" s="1"/>
  <c r="A335" i="10" s="1"/>
  <c r="A336" i="10" s="1"/>
  <c r="A337" i="10" s="1"/>
  <c r="A338" i="10" s="1"/>
  <c r="A339" i="10" s="1"/>
  <c r="A340" i="10" s="1"/>
  <c r="A341" i="10" s="1"/>
  <c r="A342" i="10" s="1"/>
  <c r="A343" i="10" s="1"/>
  <c r="A344" i="10" s="1"/>
  <c r="A345" i="10" s="1"/>
  <c r="A346" i="10" s="1"/>
  <c r="A347" i="10" s="1"/>
  <c r="A348" i="10" s="1"/>
  <c r="A349" i="10" s="1"/>
  <c r="A350" i="10" s="1"/>
  <c r="A351" i="10" s="1"/>
  <c r="A352" i="10" s="1"/>
  <c r="A353" i="10" s="1"/>
  <c r="A354" i="10" s="1"/>
  <c r="A355" i="10" s="1"/>
  <c r="A356" i="10" s="1"/>
  <c r="A357" i="10" s="1"/>
  <c r="A358" i="10" s="1"/>
  <c r="A359" i="10" s="1"/>
  <c r="A360" i="10" s="1"/>
  <c r="A361" i="10" s="1"/>
  <c r="A362" i="10" s="1"/>
  <c r="A363" i="10" s="1"/>
  <c r="A364" i="10" s="1"/>
  <c r="A365" i="10" s="1"/>
  <c r="A366" i="10" s="1"/>
  <c r="A367" i="10" s="1"/>
  <c r="A368" i="10" s="1"/>
  <c r="A369" i="10" s="1"/>
  <c r="A370" i="10" s="1"/>
  <c r="A371" i="10" s="1"/>
  <c r="A372" i="10" s="1"/>
  <c r="A373" i="10" s="1"/>
  <c r="A374" i="10" s="1"/>
  <c r="A375" i="10" s="1"/>
  <c r="A376" i="10" s="1"/>
  <c r="A377" i="10" s="1"/>
  <c r="A378" i="10" s="1"/>
  <c r="A379" i="10" s="1"/>
  <c r="A380" i="10" s="1"/>
  <c r="A381" i="10" s="1"/>
  <c r="A382" i="10" s="1"/>
  <c r="A383" i="10" s="1"/>
  <c r="A384" i="10" s="1"/>
  <c r="A385" i="10" s="1"/>
  <c r="A386" i="10" s="1"/>
  <c r="A387" i="10" s="1"/>
  <c r="A388" i="10" s="1"/>
  <c r="A389" i="10" s="1"/>
  <c r="A390" i="10" s="1"/>
  <c r="A391" i="10" s="1"/>
  <c r="A392" i="10" s="1"/>
  <c r="A393" i="10" s="1"/>
  <c r="A394" i="10" s="1"/>
  <c r="A395" i="10" s="1"/>
  <c r="A396" i="10" s="1"/>
  <c r="A397" i="10" s="1"/>
  <c r="A398" i="10" s="1"/>
  <c r="A399" i="10" s="1"/>
  <c r="A400" i="10" s="1"/>
  <c r="A401" i="10" s="1"/>
  <c r="A402" i="10" s="1"/>
  <c r="A403" i="10" s="1"/>
  <c r="A404" i="10" s="1"/>
  <c r="A405" i="10" s="1"/>
  <c r="A406" i="10" s="1"/>
  <c r="A407" i="10" s="1"/>
  <c r="A408" i="10" s="1"/>
  <c r="A409" i="10" s="1"/>
  <c r="A410" i="10" s="1"/>
  <c r="A411" i="10" s="1"/>
  <c r="A412" i="10" s="1"/>
  <c r="A413" i="10" s="1"/>
  <c r="A414" i="10" s="1"/>
  <c r="A415" i="10" s="1"/>
  <c r="A416" i="10" s="1"/>
  <c r="A417" i="10" s="1"/>
  <c r="A418" i="10" s="1"/>
  <c r="A419" i="10" s="1"/>
  <c r="A420" i="10" s="1"/>
  <c r="A421" i="10" s="1"/>
  <c r="A422" i="10" s="1"/>
  <c r="A423" i="10" s="1"/>
  <c r="A424" i="10" s="1"/>
  <c r="A425" i="10" s="1"/>
  <c r="A426" i="10" s="1"/>
  <c r="A427" i="10" s="1"/>
  <c r="A428" i="10" s="1"/>
  <c r="A429" i="10" s="1"/>
  <c r="A430" i="10" s="1"/>
  <c r="A431" i="10" s="1"/>
  <c r="A432" i="10" s="1"/>
  <c r="A433" i="10" s="1"/>
  <c r="A434" i="10" s="1"/>
  <c r="A435" i="10" s="1"/>
  <c r="A436" i="10" s="1"/>
  <c r="A437" i="10" s="1"/>
  <c r="A438" i="10" s="1"/>
  <c r="A439" i="10" s="1"/>
  <c r="A440" i="10" s="1"/>
  <c r="A441" i="10" s="1"/>
  <c r="A442" i="10" s="1"/>
  <c r="A443" i="10" s="1"/>
  <c r="A444" i="10" s="1"/>
  <c r="A445" i="10" s="1"/>
  <c r="A446" i="10" s="1"/>
  <c r="A447" i="10" s="1"/>
  <c r="A448" i="10" s="1"/>
  <c r="A449" i="10" s="1"/>
  <c r="A450" i="10" s="1"/>
  <c r="A451" i="10" s="1"/>
  <c r="A452" i="10" s="1"/>
  <c r="A453" i="10" s="1"/>
  <c r="A454" i="10" s="1"/>
  <c r="A455" i="10" s="1"/>
  <c r="A456" i="10" s="1"/>
  <c r="A457" i="10" s="1"/>
  <c r="A458" i="10" s="1"/>
  <c r="A459" i="10" s="1"/>
  <c r="A460" i="10" s="1"/>
  <c r="A461" i="10" s="1"/>
  <c r="A462" i="10" s="1"/>
  <c r="A463" i="10" s="1"/>
  <c r="A464" i="10" s="1"/>
  <c r="A465" i="10" s="1"/>
  <c r="A466" i="10" s="1"/>
  <c r="A467" i="10" s="1"/>
  <c r="A468" i="10" s="1"/>
  <c r="A469" i="10" s="1"/>
  <c r="A470" i="10" s="1"/>
  <c r="A471" i="10" s="1"/>
  <c r="A472" i="10" s="1"/>
  <c r="A473" i="10" s="1"/>
  <c r="A474" i="10" s="1"/>
  <c r="A475" i="10" s="1"/>
  <c r="A476" i="10" s="1"/>
  <c r="A477" i="10" s="1"/>
  <c r="A478" i="10" s="1"/>
  <c r="A479" i="10" s="1"/>
  <c r="A480" i="10" s="1"/>
  <c r="A481" i="10" s="1"/>
  <c r="A482" i="10" s="1"/>
  <c r="A483" i="10" s="1"/>
  <c r="A484" i="10" s="1"/>
  <c r="A485" i="10" s="1"/>
  <c r="A486" i="10" s="1"/>
  <c r="A487" i="10" s="1"/>
  <c r="A488" i="10" s="1"/>
  <c r="A489" i="10" s="1"/>
  <c r="A490" i="10" s="1"/>
  <c r="A491" i="10" s="1"/>
  <c r="A492" i="10" s="1"/>
  <c r="A493" i="10" s="1"/>
  <c r="A494" i="10" s="1"/>
  <c r="A495" i="10" s="1"/>
  <c r="A496" i="10" s="1"/>
  <c r="A497" i="10" s="1"/>
  <c r="A498" i="10" s="1"/>
  <c r="A499" i="10" s="1"/>
  <c r="A500" i="10" s="1"/>
  <c r="A501" i="10" s="1"/>
  <c r="A502" i="10" s="1"/>
  <c r="A503" i="10" s="1"/>
  <c r="A504" i="10" s="1"/>
  <c r="A505" i="10" s="1"/>
  <c r="A506" i="10" s="1"/>
  <c r="A507" i="10" s="1"/>
  <c r="A508" i="10" s="1"/>
  <c r="A509" i="10" s="1"/>
  <c r="A510" i="10" s="1"/>
  <c r="A511" i="10" s="1"/>
  <c r="A512" i="10" s="1"/>
  <c r="A513" i="10" s="1"/>
  <c r="A514" i="10" s="1"/>
  <c r="A515" i="10" s="1"/>
  <c r="A516" i="10" s="1"/>
  <c r="A517" i="10" s="1"/>
  <c r="A518" i="10" s="1"/>
  <c r="A519" i="10" s="1"/>
  <c r="A520" i="10" s="1"/>
  <c r="A521" i="10" s="1"/>
  <c r="A522" i="10" s="1"/>
  <c r="A523" i="10" s="1"/>
  <c r="A524" i="10" s="1"/>
  <c r="A525" i="10" s="1"/>
  <c r="A526" i="10" s="1"/>
  <c r="A527" i="10" s="1"/>
  <c r="A528" i="10" s="1"/>
  <c r="A529" i="10" s="1"/>
  <c r="A530" i="10" s="1"/>
  <c r="A531" i="10" s="1"/>
  <c r="A532" i="10" s="1"/>
  <c r="A533" i="10" s="1"/>
  <c r="A534" i="10" s="1"/>
  <c r="A535" i="10" s="1"/>
  <c r="A536" i="10" s="1"/>
  <c r="A537" i="10" s="1"/>
  <c r="A538" i="10" s="1"/>
  <c r="A539" i="10" s="1"/>
  <c r="A540" i="10" s="1"/>
  <c r="A541" i="10" s="1"/>
  <c r="A542" i="10" s="1"/>
  <c r="A543" i="10" s="1"/>
  <c r="A544" i="10" s="1"/>
  <c r="A545" i="10" s="1"/>
  <c r="A546" i="10" s="1"/>
  <c r="A547" i="10" s="1"/>
  <c r="A548" i="10" s="1"/>
  <c r="A549" i="10" s="1"/>
  <c r="A550" i="10" s="1"/>
  <c r="A551" i="10" s="1"/>
  <c r="A552" i="10" s="1"/>
  <c r="A553" i="10" s="1"/>
  <c r="A554" i="10" s="1"/>
  <c r="A555" i="10" s="1"/>
  <c r="A556" i="10" s="1"/>
  <c r="A557" i="10" s="1"/>
  <c r="A558" i="10" s="1"/>
  <c r="A559" i="10" s="1"/>
  <c r="A560" i="10" s="1"/>
  <c r="A561" i="10" s="1"/>
  <c r="A562" i="10" s="1"/>
  <c r="A563" i="10" s="1"/>
  <c r="A564" i="10" s="1"/>
  <c r="A565" i="10" s="1"/>
  <c r="A566" i="10" s="1"/>
  <c r="A567" i="10" s="1"/>
  <c r="A568" i="10" s="1"/>
  <c r="A569" i="10" s="1"/>
  <c r="A570" i="10" s="1"/>
  <c r="A571" i="10" s="1"/>
  <c r="A572" i="10" s="1"/>
  <c r="A573" i="10" s="1"/>
  <c r="A574" i="10" s="1"/>
  <c r="A575" i="10" s="1"/>
  <c r="A576" i="10" s="1"/>
  <c r="A577" i="10" s="1"/>
  <c r="A578" i="10" s="1"/>
  <c r="A579" i="10" s="1"/>
  <c r="A580" i="10" s="1"/>
  <c r="A581" i="10" s="1"/>
  <c r="A582" i="10" s="1"/>
  <c r="A583" i="10" s="1"/>
  <c r="A584" i="10" s="1"/>
  <c r="A585" i="10" s="1"/>
  <c r="A586" i="10" s="1"/>
  <c r="A587" i="10" s="1"/>
  <c r="A588" i="10" s="1"/>
  <c r="A589" i="10" s="1"/>
  <c r="A590" i="10" s="1"/>
  <c r="A591" i="10" s="1"/>
  <c r="A592" i="10" s="1"/>
  <c r="A593" i="10" s="1"/>
  <c r="A594" i="10" s="1"/>
  <c r="A595" i="10" s="1"/>
  <c r="A596" i="10" s="1"/>
  <c r="A597" i="10" s="1"/>
  <c r="A598" i="10" s="1"/>
  <c r="A599" i="10" s="1"/>
  <c r="A600" i="10" s="1"/>
  <c r="A601" i="10" s="1"/>
  <c r="A602" i="10" s="1"/>
  <c r="A603" i="10" s="1"/>
  <c r="A604" i="10" s="1"/>
  <c r="A605" i="10" s="1"/>
  <c r="A606" i="10" s="1"/>
  <c r="A607" i="10" s="1"/>
  <c r="A608" i="10" s="1"/>
  <c r="A609" i="10" s="1"/>
  <c r="A610" i="10" s="1"/>
  <c r="A611" i="10" s="1"/>
  <c r="A612" i="10" s="1"/>
  <c r="A613" i="10" s="1"/>
  <c r="A614" i="10" s="1"/>
  <c r="A615" i="10" s="1"/>
  <c r="A616" i="10" s="1"/>
  <c r="A617" i="10" s="1"/>
  <c r="A618" i="10" s="1"/>
  <c r="A619" i="10" s="1"/>
  <c r="A620" i="10" s="1"/>
  <c r="A621" i="10" s="1"/>
  <c r="A622" i="10" s="1"/>
  <c r="A623" i="10" s="1"/>
  <c r="A624" i="10" s="1"/>
  <c r="A625" i="10" s="1"/>
  <c r="A626" i="10" s="1"/>
  <c r="A627" i="10" s="1"/>
  <c r="A628" i="10" s="1"/>
  <c r="A629" i="10" s="1"/>
  <c r="A630" i="10" s="1"/>
  <c r="A631" i="10" s="1"/>
  <c r="A632" i="10" s="1"/>
  <c r="A633" i="10" s="1"/>
  <c r="A634" i="10" s="1"/>
  <c r="A635" i="10" s="1"/>
  <c r="A636" i="10" s="1"/>
  <c r="A637" i="10" s="1"/>
  <c r="A638" i="10" s="1"/>
  <c r="A639" i="10" s="1"/>
  <c r="A640" i="10" s="1"/>
  <c r="A641" i="10" s="1"/>
  <c r="A642" i="10" s="1"/>
  <c r="A643" i="10" s="1"/>
  <c r="A644" i="10" s="1"/>
  <c r="A645" i="10" s="1"/>
  <c r="A646" i="10" s="1"/>
  <c r="A647" i="10" s="1"/>
  <c r="A648" i="10" s="1"/>
  <c r="A649" i="10" s="1"/>
  <c r="A650" i="10" s="1"/>
  <c r="A651" i="10" s="1"/>
  <c r="A652" i="10" s="1"/>
  <c r="A653" i="10" s="1"/>
  <c r="A654" i="10" s="1"/>
  <c r="A655" i="10" s="1"/>
  <c r="A656" i="10" s="1"/>
  <c r="A657" i="10" s="1"/>
  <c r="A658" i="10" s="1"/>
  <c r="A659" i="10" s="1"/>
  <c r="A660" i="10" s="1"/>
  <c r="A661" i="10" s="1"/>
  <c r="A662" i="10" s="1"/>
  <c r="A663" i="10" s="1"/>
  <c r="A664" i="10" s="1"/>
  <c r="A665" i="10" s="1"/>
  <c r="A666" i="10" s="1"/>
  <c r="A667" i="10" s="1"/>
  <c r="A668" i="10" s="1"/>
  <c r="A669" i="10" s="1"/>
  <c r="A670" i="10" s="1"/>
  <c r="A671" i="10" s="1"/>
  <c r="A672" i="10" s="1"/>
  <c r="A673" i="10" s="1"/>
  <c r="A674" i="10" s="1"/>
  <c r="A675" i="10" s="1"/>
  <c r="A676" i="10" s="1"/>
  <c r="A677" i="10" s="1"/>
  <c r="A678" i="10" s="1"/>
  <c r="A679" i="10" s="1"/>
  <c r="A680" i="10" s="1"/>
  <c r="A681" i="10" s="1"/>
  <c r="A682" i="10" s="1"/>
  <c r="A683" i="10" s="1"/>
  <c r="A684" i="10" s="1"/>
  <c r="A685" i="10" s="1"/>
  <c r="A686" i="10" s="1"/>
  <c r="A687" i="10" s="1"/>
  <c r="A688" i="10" s="1"/>
  <c r="A689" i="10" s="1"/>
  <c r="A690" i="10" s="1"/>
  <c r="A691" i="10" s="1"/>
  <c r="A692" i="10" s="1"/>
  <c r="A693" i="10" s="1"/>
  <c r="A694" i="10" s="1"/>
  <c r="A695" i="10" s="1"/>
  <c r="A696" i="10" s="1"/>
  <c r="A697" i="10" s="1"/>
  <c r="A698" i="10" s="1"/>
  <c r="A699" i="10" s="1"/>
  <c r="A700" i="10" s="1"/>
  <c r="A701" i="10" s="1"/>
  <c r="A702" i="10" s="1"/>
  <c r="A703" i="10" s="1"/>
  <c r="A704" i="10" s="1"/>
  <c r="A705" i="10" s="1"/>
  <c r="A706" i="10" s="1"/>
  <c r="A707" i="10" s="1"/>
  <c r="A708" i="10" s="1"/>
  <c r="A709" i="10" s="1"/>
  <c r="A710" i="10" s="1"/>
  <c r="A711" i="10" s="1"/>
  <c r="A712" i="10" s="1"/>
  <c r="A713" i="10" s="1"/>
  <c r="A714" i="10" s="1"/>
  <c r="A715" i="10" s="1"/>
  <c r="A716" i="10" s="1"/>
  <c r="A717" i="10" s="1"/>
  <c r="A718" i="10" s="1"/>
  <c r="A719" i="10" s="1"/>
  <c r="A720" i="10" s="1"/>
  <c r="A721" i="10" s="1"/>
  <c r="A722" i="10" s="1"/>
  <c r="A723" i="10" s="1"/>
  <c r="A724" i="10" s="1"/>
  <c r="A725" i="10" s="1"/>
  <c r="A726" i="10" s="1"/>
  <c r="A727" i="10" s="1"/>
  <c r="A728" i="10" s="1"/>
  <c r="A729" i="10" s="1"/>
  <c r="A730" i="10" s="1"/>
  <c r="A731" i="10" s="1"/>
  <c r="A732" i="10" s="1"/>
  <c r="A733" i="10" s="1"/>
  <c r="A734" i="10" s="1"/>
  <c r="A735" i="10" s="1"/>
  <c r="A736" i="10" s="1"/>
  <c r="A737" i="10" s="1"/>
  <c r="A738" i="10" s="1"/>
  <c r="A739" i="10" s="1"/>
  <c r="A740" i="10" s="1"/>
  <c r="A741" i="10" s="1"/>
  <c r="A742" i="10" s="1"/>
  <c r="A743" i="10" s="1"/>
  <c r="A744" i="10" s="1"/>
  <c r="A745" i="10" s="1"/>
  <c r="A746" i="10" s="1"/>
  <c r="A747" i="10" s="1"/>
  <c r="A748" i="10" s="1"/>
  <c r="A749" i="10" s="1"/>
  <c r="A750" i="10" s="1"/>
  <c r="A751" i="10" s="1"/>
  <c r="A752" i="10" s="1"/>
  <c r="A753" i="10" s="1"/>
  <c r="A754" i="10" s="1"/>
  <c r="A755" i="10" s="1"/>
  <c r="A756" i="10" s="1"/>
  <c r="A757" i="10" s="1"/>
  <c r="A758" i="10" s="1"/>
  <c r="A759" i="10" s="1"/>
  <c r="A760" i="10" s="1"/>
  <c r="A761" i="10" s="1"/>
  <c r="A762" i="10" s="1"/>
  <c r="A763" i="10" s="1"/>
  <c r="A764" i="10" s="1"/>
  <c r="A765" i="10" s="1"/>
  <c r="A766" i="10" s="1"/>
  <c r="A767" i="10" s="1"/>
  <c r="A768" i="10" s="1"/>
  <c r="A769" i="10" s="1"/>
  <c r="A770" i="10" s="1"/>
  <c r="A771" i="10" s="1"/>
  <c r="A772" i="10" s="1"/>
  <c r="A773" i="10" s="1"/>
  <c r="A774" i="10" s="1"/>
  <c r="A775" i="10" s="1"/>
  <c r="A776" i="10" s="1"/>
  <c r="A777" i="10" s="1"/>
  <c r="A778" i="10" s="1"/>
  <c r="A779" i="10" s="1"/>
  <c r="A780" i="10" s="1"/>
  <c r="A781" i="10" s="1"/>
  <c r="A782" i="10" s="1"/>
  <c r="A783" i="10" s="1"/>
  <c r="A784" i="10" s="1"/>
  <c r="A785" i="10" s="1"/>
  <c r="A786" i="10" s="1"/>
  <c r="A787" i="10" s="1"/>
  <c r="A788" i="10" s="1"/>
  <c r="A789" i="10" s="1"/>
  <c r="A790" i="10" s="1"/>
  <c r="A791" i="10" s="1"/>
  <c r="A792" i="10" s="1"/>
  <c r="A793" i="10" s="1"/>
  <c r="A794" i="10" s="1"/>
  <c r="A795" i="10" s="1"/>
  <c r="A796" i="10" s="1"/>
  <c r="A797" i="10" s="1"/>
  <c r="A798" i="10" s="1"/>
  <c r="A799" i="10" s="1"/>
  <c r="A800" i="10" s="1"/>
  <c r="A801" i="10" s="1"/>
  <c r="A802" i="10" s="1"/>
  <c r="A803" i="10" s="1"/>
  <c r="A804" i="10" s="1"/>
  <c r="A805" i="10" s="1"/>
  <c r="A806" i="10" s="1"/>
  <c r="A807" i="10" s="1"/>
  <c r="A808" i="10" s="1"/>
  <c r="A809" i="10" s="1"/>
  <c r="A810" i="10" s="1"/>
  <c r="A811" i="10" s="1"/>
  <c r="A812" i="10" s="1"/>
  <c r="A813" i="10" s="1"/>
  <c r="A814" i="10" s="1"/>
  <c r="A815" i="10" s="1"/>
  <c r="A816" i="10" s="1"/>
  <c r="A817" i="10" s="1"/>
  <c r="A818" i="10" s="1"/>
  <c r="A819" i="10" s="1"/>
  <c r="A820" i="10" s="1"/>
  <c r="A821" i="10" s="1"/>
  <c r="A822" i="10" s="1"/>
  <c r="A823" i="10" s="1"/>
  <c r="A824" i="10" s="1"/>
  <c r="A825" i="10" s="1"/>
  <c r="A826" i="10" s="1"/>
  <c r="A827" i="10" s="1"/>
  <c r="A828" i="10" s="1"/>
  <c r="A829" i="10" s="1"/>
  <c r="A830" i="10" s="1"/>
  <c r="A831" i="10" s="1"/>
  <c r="A832" i="10" s="1"/>
  <c r="A833" i="10" s="1"/>
  <c r="A834" i="10" s="1"/>
  <c r="A835" i="10" s="1"/>
  <c r="A836" i="10" s="1"/>
  <c r="A837" i="10" s="1"/>
  <c r="A838" i="10" s="1"/>
  <c r="A839" i="10" s="1"/>
  <c r="A840" i="10" s="1"/>
  <c r="A841" i="10" s="1"/>
  <c r="A842" i="10" s="1"/>
  <c r="A843" i="10" s="1"/>
  <c r="A844" i="10" s="1"/>
  <c r="A845" i="10" s="1"/>
  <c r="A846" i="10" s="1"/>
  <c r="A847" i="10" s="1"/>
  <c r="A848" i="10" s="1"/>
  <c r="A849" i="10" s="1"/>
  <c r="A850" i="10" s="1"/>
  <c r="A851" i="10" s="1"/>
  <c r="A852" i="10" s="1"/>
  <c r="A853" i="10" s="1"/>
  <c r="A854" i="10" s="1"/>
  <c r="A855" i="10" s="1"/>
  <c r="A856" i="10" s="1"/>
  <c r="A857" i="10" s="1"/>
  <c r="A858" i="10" s="1"/>
  <c r="A859" i="10" s="1"/>
  <c r="A860" i="10" s="1"/>
  <c r="A861" i="10" s="1"/>
  <c r="A862" i="10" s="1"/>
  <c r="A863" i="10" s="1"/>
  <c r="A864" i="10" s="1"/>
  <c r="A865" i="10" s="1"/>
  <c r="A866" i="10" s="1"/>
  <c r="A867" i="10" s="1"/>
  <c r="A868" i="10" s="1"/>
  <c r="A869" i="10" s="1"/>
  <c r="A870" i="10" s="1"/>
  <c r="A871" i="10" s="1"/>
  <c r="A872" i="10" s="1"/>
  <c r="A873" i="10" s="1"/>
  <c r="A874" i="10" s="1"/>
  <c r="A875" i="10" s="1"/>
  <c r="A876" i="10" s="1"/>
  <c r="A877" i="10" s="1"/>
  <c r="A878" i="10" s="1"/>
  <c r="A879" i="10" s="1"/>
  <c r="A880" i="10" s="1"/>
  <c r="A881" i="10" s="1"/>
  <c r="A882" i="10" s="1"/>
  <c r="A883" i="10" s="1"/>
  <c r="A884" i="10" s="1"/>
  <c r="A885" i="10" s="1"/>
  <c r="A886" i="10" s="1"/>
  <c r="A887" i="10" s="1"/>
  <c r="A888" i="10" s="1"/>
  <c r="A889" i="10" s="1"/>
  <c r="A890" i="10" s="1"/>
  <c r="A891" i="10" s="1"/>
  <c r="A892" i="10" s="1"/>
  <c r="A893" i="10" s="1"/>
  <c r="A894" i="10" s="1"/>
  <c r="A895" i="10" s="1"/>
  <c r="A896" i="10" s="1"/>
  <c r="A897" i="10" s="1"/>
  <c r="A898" i="10" s="1"/>
  <c r="A899" i="10" s="1"/>
  <c r="A900" i="10" s="1"/>
  <c r="A901" i="10" s="1"/>
  <c r="A902" i="10" s="1"/>
  <c r="A903" i="10" s="1"/>
  <c r="A904" i="10" s="1"/>
  <c r="A905" i="10" s="1"/>
  <c r="A906" i="10" s="1"/>
  <c r="A907" i="10" s="1"/>
  <c r="A908" i="10" s="1"/>
  <c r="A909" i="10" s="1"/>
  <c r="A910" i="10" s="1"/>
  <c r="A911" i="10" s="1"/>
  <c r="A912" i="10" s="1"/>
  <c r="A913" i="10" s="1"/>
  <c r="A914" i="10" s="1"/>
  <c r="A915" i="10" s="1"/>
  <c r="A916" i="10" s="1"/>
  <c r="A917" i="10" s="1"/>
  <c r="A918" i="10" s="1"/>
  <c r="A919" i="10" s="1"/>
  <c r="A920" i="10" s="1"/>
  <c r="A921" i="10" s="1"/>
  <c r="A922" i="10" s="1"/>
  <c r="A923" i="10" s="1"/>
  <c r="A924" i="10" s="1"/>
  <c r="A925" i="10" s="1"/>
  <c r="A926" i="10" s="1"/>
  <c r="A927" i="10" s="1"/>
  <c r="A928" i="10" s="1"/>
  <c r="A929" i="10" s="1"/>
  <c r="A930" i="10" s="1"/>
  <c r="A931" i="10" s="1"/>
  <c r="A932" i="10" s="1"/>
  <c r="A933" i="10" s="1"/>
  <c r="A934" i="10" s="1"/>
  <c r="A935" i="10" s="1"/>
  <c r="A936" i="10" s="1"/>
  <c r="A937" i="10" s="1"/>
  <c r="A938" i="10" s="1"/>
  <c r="A939" i="10" s="1"/>
  <c r="A940" i="10" s="1"/>
  <c r="A941" i="10" s="1"/>
  <c r="A942" i="10" s="1"/>
  <c r="A943" i="10" s="1"/>
  <c r="A944" i="10" s="1"/>
  <c r="A945" i="10" s="1"/>
  <c r="A946" i="10" s="1"/>
  <c r="A947" i="10" s="1"/>
  <c r="A948" i="10" s="1"/>
  <c r="A949" i="10" s="1"/>
  <c r="A950" i="10" s="1"/>
  <c r="A951" i="10" s="1"/>
  <c r="A952" i="10" s="1"/>
  <c r="A953" i="10" s="1"/>
  <c r="A954" i="10" s="1"/>
  <c r="A955" i="10" s="1"/>
  <c r="A956" i="10" s="1"/>
  <c r="A957" i="10" s="1"/>
  <c r="A958" i="10" s="1"/>
  <c r="A959" i="10" s="1"/>
  <c r="A960" i="10" s="1"/>
  <c r="A961" i="10" s="1"/>
  <c r="A962" i="10" s="1"/>
  <c r="A963" i="10" s="1"/>
  <c r="A964" i="10" s="1"/>
  <c r="A965" i="10" s="1"/>
  <c r="A966" i="10" s="1"/>
  <c r="A967" i="10" s="1"/>
  <c r="A968" i="10" s="1"/>
  <c r="A969" i="10" s="1"/>
  <c r="A970" i="10" s="1"/>
  <c r="A971" i="10" s="1"/>
  <c r="A972" i="10" s="1"/>
  <c r="A973" i="10" s="1"/>
  <c r="A974" i="10" s="1"/>
  <c r="A975" i="10" s="1"/>
  <c r="A976" i="10" s="1"/>
  <c r="A977" i="10" s="1"/>
  <c r="A978" i="10" s="1"/>
  <c r="A979" i="10" s="1"/>
  <c r="A980" i="10" s="1"/>
  <c r="A981" i="10" s="1"/>
  <c r="A982" i="10" s="1"/>
  <c r="A983" i="10" s="1"/>
  <c r="A984" i="10" s="1"/>
  <c r="A985" i="10" s="1"/>
  <c r="A986" i="10" s="1"/>
  <c r="A987" i="10" s="1"/>
  <c r="A988" i="10" s="1"/>
  <c r="A989" i="10" s="1"/>
  <c r="A990" i="10" s="1"/>
  <c r="A991" i="10" s="1"/>
  <c r="A992" i="10" s="1"/>
  <c r="A993" i="10" s="1"/>
  <c r="A994" i="10" s="1"/>
  <c r="A995" i="10" s="1"/>
  <c r="A996" i="10" s="1"/>
  <c r="A997" i="10" s="1"/>
  <c r="A998" i="10" s="1"/>
  <c r="A999" i="10" s="1"/>
  <c r="A1000" i="10" s="1"/>
  <c r="A1001" i="10" s="1"/>
  <c r="A1002" i="10" s="1"/>
  <c r="A1003" i="10" s="1"/>
  <c r="A1004" i="10" s="1"/>
  <c r="A1005" i="10" s="1"/>
  <c r="A1006" i="10" s="1"/>
  <c r="A1007" i="10" s="1"/>
  <c r="A1008" i="10" s="1"/>
  <c r="A1009" i="10" s="1"/>
  <c r="A1010" i="10" s="1"/>
  <c r="A1011" i="10" s="1"/>
  <c r="A1012" i="10" s="1"/>
  <c r="A1013" i="10" s="1"/>
  <c r="A1014" i="10" s="1"/>
  <c r="A1015" i="10" s="1"/>
  <c r="A1016" i="10" s="1"/>
  <c r="A1017" i="10" s="1"/>
  <c r="A1018" i="10" s="1"/>
  <c r="A1019" i="10" s="1"/>
  <c r="A1020" i="10" s="1"/>
  <c r="A1021" i="10" s="1"/>
  <c r="A1022" i="10" s="1"/>
  <c r="A1023" i="10" s="1"/>
  <c r="A1024" i="10" s="1"/>
  <c r="A1025" i="10" s="1"/>
  <c r="A1026" i="10" s="1"/>
  <c r="A1027" i="10" s="1"/>
  <c r="A1028" i="10" s="1"/>
  <c r="A1029" i="10" s="1"/>
  <c r="A1030" i="10" s="1"/>
  <c r="A1031" i="10" s="1"/>
  <c r="A1032" i="10" s="1"/>
  <c r="A1033" i="10" s="1"/>
  <c r="A1034" i="10" s="1"/>
  <c r="A1035" i="10" s="1"/>
  <c r="A1036" i="10" s="1"/>
  <c r="A1037" i="10" s="1"/>
  <c r="A1038" i="10" s="1"/>
  <c r="A1039" i="10" s="1"/>
  <c r="A1040" i="10" s="1"/>
  <c r="A1041" i="10" s="1"/>
  <c r="A1042" i="10" s="1"/>
  <c r="A1043" i="10" s="1"/>
  <c r="A1044" i="10" s="1"/>
  <c r="A1045" i="10" s="1"/>
  <c r="A1046" i="10" s="1"/>
  <c r="A1047" i="10" s="1"/>
  <c r="A1048" i="10" s="1"/>
  <c r="A1049" i="10" s="1"/>
  <c r="A1050" i="10" s="1"/>
  <c r="A1051" i="10" s="1"/>
  <c r="A1052" i="10" s="1"/>
  <c r="A1053" i="10" s="1"/>
  <c r="A1054" i="10" s="1"/>
  <c r="A1055" i="10" s="1"/>
  <c r="A1056" i="10" s="1"/>
  <c r="A1057" i="10" s="1"/>
  <c r="A1058" i="10" s="1"/>
  <c r="A1059" i="10" s="1"/>
  <c r="A1060" i="10" s="1"/>
  <c r="A1061" i="10" s="1"/>
  <c r="A1062" i="10" s="1"/>
  <c r="A1063" i="10" s="1"/>
  <c r="A1064" i="10" s="1"/>
  <c r="A1065" i="10" s="1"/>
  <c r="A1066" i="10" s="1"/>
  <c r="A1067" i="10" s="1"/>
  <c r="A1068" i="10" s="1"/>
  <c r="A1069" i="10" s="1"/>
  <c r="A1070" i="10" s="1"/>
  <c r="A1071" i="10" s="1"/>
  <c r="A1072" i="10" s="1"/>
  <c r="A1073" i="10" s="1"/>
  <c r="A1074" i="10" s="1"/>
  <c r="A1075" i="10" s="1"/>
  <c r="A1076" i="10" s="1"/>
  <c r="A1077" i="10" s="1"/>
  <c r="A1078" i="10" s="1"/>
  <c r="A1079" i="10" s="1"/>
  <c r="A1080" i="10" s="1"/>
  <c r="A1081" i="10" s="1"/>
  <c r="A1082" i="10" s="1"/>
  <c r="A1083" i="10" s="1"/>
  <c r="A1084" i="10" s="1"/>
  <c r="A1085" i="10" s="1"/>
  <c r="A1086" i="10" s="1"/>
  <c r="A1087" i="10" s="1"/>
  <c r="A1088" i="10" s="1"/>
  <c r="A1089" i="10" s="1"/>
  <c r="A1090" i="10" s="1"/>
  <c r="A1091" i="10" s="1"/>
  <c r="A1092" i="10" s="1"/>
  <c r="A1093" i="10" s="1"/>
  <c r="A1094" i="10" s="1"/>
  <c r="A1095" i="10" s="1"/>
  <c r="A1096" i="10" s="1"/>
  <c r="A1097" i="10" s="1"/>
  <c r="A1098" i="10" s="1"/>
  <c r="A1099" i="10" s="1"/>
  <c r="A1100" i="10" s="1"/>
  <c r="A1101" i="10" s="1"/>
  <c r="A1102" i="10" s="1"/>
  <c r="A1103" i="10" s="1"/>
  <c r="A1104" i="10" s="1"/>
  <c r="A1105" i="10" s="1"/>
  <c r="A1106" i="10" s="1"/>
  <c r="A1107" i="10" s="1"/>
  <c r="A1108" i="10" s="1"/>
  <c r="A1109" i="10" s="1"/>
  <c r="A1110" i="10" s="1"/>
  <c r="A1111" i="10" s="1"/>
  <c r="A1112" i="10" s="1"/>
  <c r="A1113" i="10" s="1"/>
  <c r="A1114" i="10" s="1"/>
  <c r="A1115" i="10" s="1"/>
  <c r="A1116" i="10" s="1"/>
  <c r="A1117" i="10" s="1"/>
  <c r="A1118" i="10" s="1"/>
  <c r="A1119" i="10" s="1"/>
  <c r="A1120" i="10" s="1"/>
  <c r="A1121" i="10" s="1"/>
  <c r="A1122" i="10" s="1"/>
  <c r="A1123" i="10" s="1"/>
  <c r="A1124" i="10" s="1"/>
  <c r="A1125" i="10" s="1"/>
  <c r="A1126" i="10" s="1"/>
  <c r="A1127" i="10" s="1"/>
  <c r="A1128" i="10" s="1"/>
  <c r="A1129" i="10" s="1"/>
  <c r="A1130" i="10" s="1"/>
  <c r="A1131" i="10" s="1"/>
  <c r="A1132" i="10" s="1"/>
  <c r="A1133" i="10" s="1"/>
  <c r="A1134" i="10" s="1"/>
  <c r="A1135" i="10" s="1"/>
  <c r="A1136" i="10" s="1"/>
  <c r="A1137" i="10" s="1"/>
  <c r="A1138" i="10" s="1"/>
  <c r="A1139" i="10" s="1"/>
  <c r="A1140" i="10" s="1"/>
  <c r="A1141" i="10" s="1"/>
  <c r="A1142" i="10" s="1"/>
  <c r="A1143" i="10" s="1"/>
  <c r="A1144" i="10" s="1"/>
  <c r="A1145" i="10" s="1"/>
  <c r="A1146" i="10" s="1"/>
  <c r="A1147" i="10" s="1"/>
  <c r="A1148" i="10" s="1"/>
  <c r="A1149" i="10" s="1"/>
  <c r="A1150" i="10" s="1"/>
  <c r="A1151" i="10" s="1"/>
  <c r="A1152" i="10" s="1"/>
  <c r="A1153" i="10" s="1"/>
  <c r="A1154" i="10" s="1"/>
  <c r="A1155" i="10" s="1"/>
  <c r="A1156" i="10" s="1"/>
  <c r="A1157" i="10" s="1"/>
  <c r="A1158" i="10" s="1"/>
  <c r="A1159" i="10" s="1"/>
  <c r="A1160" i="10" s="1"/>
  <c r="A1161" i="10" s="1"/>
  <c r="A1162" i="10" s="1"/>
  <c r="A1163" i="10" s="1"/>
  <c r="A1164" i="10" s="1"/>
  <c r="A1165" i="10" s="1"/>
  <c r="A1166" i="10" s="1"/>
  <c r="A1167" i="10" s="1"/>
  <c r="A1168" i="10" s="1"/>
  <c r="A1169" i="10" s="1"/>
  <c r="A1170" i="10" s="1"/>
  <c r="A1171" i="10" s="1"/>
  <c r="A1172" i="10" s="1"/>
  <c r="A1173" i="10" s="1"/>
  <c r="A1174" i="10" s="1"/>
  <c r="A1175" i="10" s="1"/>
  <c r="A1176" i="10" s="1"/>
  <c r="A1177" i="10" s="1"/>
  <c r="A1178" i="10" s="1"/>
  <c r="A1179" i="10" s="1"/>
  <c r="A1180" i="10" s="1"/>
  <c r="A1181" i="10" s="1"/>
  <c r="A1182" i="10" s="1"/>
  <c r="A1183" i="10" s="1"/>
  <c r="A1184" i="10" s="1"/>
  <c r="A1185" i="10" s="1"/>
  <c r="A1186" i="10" s="1"/>
  <c r="A1187" i="10" s="1"/>
  <c r="A1188" i="10" s="1"/>
  <c r="A1189" i="10" s="1"/>
  <c r="A1190" i="10" s="1"/>
  <c r="A1191" i="10" s="1"/>
  <c r="A1192" i="10" s="1"/>
  <c r="A1193" i="10" s="1"/>
  <c r="A1194" i="10" s="1"/>
  <c r="A1195" i="10" s="1"/>
  <c r="A1196" i="10" s="1"/>
  <c r="A1197" i="10" s="1"/>
  <c r="A1198" i="10" s="1"/>
  <c r="A1199" i="10" s="1"/>
  <c r="A1200" i="10" s="1"/>
  <c r="A1201" i="10" s="1"/>
  <c r="A1202" i="10" s="1"/>
  <c r="A1203" i="10" s="1"/>
  <c r="A1204" i="10" s="1"/>
  <c r="A1205" i="10" s="1"/>
  <c r="A1206" i="10" s="1"/>
  <c r="A1207" i="10" s="1"/>
  <c r="A1208" i="10" s="1"/>
  <c r="A1209" i="10" s="1"/>
  <c r="A1210" i="10" s="1"/>
  <c r="A1211" i="10" s="1"/>
  <c r="A1212" i="10" s="1"/>
  <c r="A1213" i="10" s="1"/>
  <c r="A1214" i="10" s="1"/>
  <c r="A1215" i="10" s="1"/>
  <c r="A1216" i="10" s="1"/>
  <c r="A1217" i="10" s="1"/>
  <c r="A1218" i="10" s="1"/>
  <c r="A1219" i="10" s="1"/>
  <c r="A1220" i="10" s="1"/>
  <c r="A1221" i="10" s="1"/>
  <c r="A1222" i="10" s="1"/>
  <c r="A1223" i="10" s="1"/>
  <c r="A1224" i="10" s="1"/>
  <c r="A1225" i="10" s="1"/>
  <c r="A1226" i="10" s="1"/>
  <c r="A1227" i="10" s="1"/>
  <c r="A1228" i="10" s="1"/>
  <c r="A1229" i="10" s="1"/>
  <c r="A1230" i="10" s="1"/>
  <c r="A1231" i="10" s="1"/>
  <c r="A1232" i="10" s="1"/>
  <c r="A1233" i="10" s="1"/>
  <c r="A1234" i="10" s="1"/>
  <c r="A1235" i="10" s="1"/>
  <c r="A1236" i="10" s="1"/>
  <c r="A1237" i="10" s="1"/>
  <c r="A1238" i="10" s="1"/>
  <c r="A1239" i="10" s="1"/>
  <c r="A1240" i="10" s="1"/>
  <c r="A1241" i="10" s="1"/>
  <c r="A1242" i="10" s="1"/>
  <c r="A1243" i="10" s="1"/>
  <c r="A1244" i="10" s="1"/>
  <c r="A1245" i="10" s="1"/>
  <c r="A1246" i="10" s="1"/>
  <c r="A1247" i="10" s="1"/>
  <c r="A1248" i="10" s="1"/>
  <c r="A1249" i="10" s="1"/>
  <c r="A1250" i="10" s="1"/>
  <c r="A1251" i="10" s="1"/>
  <c r="A1252" i="10" s="1"/>
  <c r="A1253" i="10" s="1"/>
  <c r="A1254" i="10" s="1"/>
  <c r="A1255" i="10" s="1"/>
  <c r="A1256" i="10" s="1"/>
  <c r="A1257" i="10" s="1"/>
  <c r="A1258" i="10" s="1"/>
  <c r="A1259" i="10" s="1"/>
  <c r="A1260" i="10" s="1"/>
  <c r="A1261" i="10" s="1"/>
  <c r="A1262" i="10" s="1"/>
  <c r="A1263" i="10" s="1"/>
  <c r="A1264" i="10" s="1"/>
  <c r="A1265" i="10" s="1"/>
  <c r="A1266" i="10" s="1"/>
  <c r="A1267" i="10" s="1"/>
  <c r="A1268" i="10" s="1"/>
  <c r="A1269" i="10" s="1"/>
  <c r="A1270" i="10" s="1"/>
  <c r="A1271" i="10" s="1"/>
  <c r="A1272" i="10" s="1"/>
  <c r="A1273" i="10" s="1"/>
  <c r="A1274" i="10" s="1"/>
  <c r="A1275" i="10" s="1"/>
  <c r="A1276" i="10" s="1"/>
  <c r="A1277" i="10" s="1"/>
  <c r="A1278" i="10" s="1"/>
  <c r="A1279" i="10" s="1"/>
  <c r="A1280" i="10" s="1"/>
  <c r="A1281" i="10" s="1"/>
  <c r="A1282" i="10" s="1"/>
  <c r="A1283" i="10" s="1"/>
  <c r="A1284" i="10" s="1"/>
  <c r="A1285" i="10" s="1"/>
  <c r="A1286" i="10" s="1"/>
  <c r="A1287" i="10" s="1"/>
  <c r="A1288" i="10" s="1"/>
  <c r="A1289" i="10" s="1"/>
  <c r="A1290" i="10" s="1"/>
  <c r="A1291" i="10" s="1"/>
  <c r="A1292" i="10" s="1"/>
  <c r="A1293" i="10" s="1"/>
  <c r="A1294" i="10" s="1"/>
  <c r="A1295" i="10" s="1"/>
  <c r="A1296" i="10" s="1"/>
  <c r="A1297" i="10" s="1"/>
  <c r="A1298" i="10" s="1"/>
  <c r="A1299" i="10" s="1"/>
  <c r="A1300" i="10" s="1"/>
  <c r="A1301" i="10" s="1"/>
  <c r="A1302" i="10" s="1"/>
  <c r="A1303" i="10" s="1"/>
  <c r="A1304" i="10" s="1"/>
  <c r="A1305" i="10" s="1"/>
  <c r="A1306" i="10" s="1"/>
  <c r="A1307" i="10" s="1"/>
  <c r="A1308" i="10" s="1"/>
  <c r="A1309" i="10" s="1"/>
  <c r="A1310" i="10" s="1"/>
  <c r="A1311" i="10" s="1"/>
  <c r="A1312" i="10" s="1"/>
  <c r="A1313" i="10" s="1"/>
  <c r="A1314" i="10" s="1"/>
  <c r="A1315" i="10" s="1"/>
  <c r="A1316" i="10" s="1"/>
  <c r="A1317" i="10" s="1"/>
  <c r="A1318" i="10" s="1"/>
  <c r="A1319" i="10" s="1"/>
  <c r="A1320" i="10" s="1"/>
  <c r="A1321" i="10" s="1"/>
  <c r="A1322" i="10" s="1"/>
  <c r="A1323" i="10" s="1"/>
  <c r="A1324" i="10" s="1"/>
  <c r="A1325" i="10" s="1"/>
  <c r="A1326" i="10" s="1"/>
  <c r="A1327" i="10" s="1"/>
  <c r="A1328" i="10" s="1"/>
  <c r="A1329" i="10" s="1"/>
  <c r="A1330" i="10" s="1"/>
  <c r="A1331" i="10" s="1"/>
  <c r="A1332" i="10" s="1"/>
  <c r="A1333" i="10" s="1"/>
  <c r="A1334" i="10" s="1"/>
  <c r="A1335" i="10" s="1"/>
  <c r="A1336" i="10" s="1"/>
  <c r="A1337" i="10" s="1"/>
  <c r="A1338" i="10" s="1"/>
  <c r="A1339" i="10" s="1"/>
  <c r="A1340" i="10" s="1"/>
  <c r="A1341" i="10" s="1"/>
  <c r="A1342" i="10" s="1"/>
  <c r="A1343" i="10" s="1"/>
  <c r="A1344" i="10" s="1"/>
  <c r="A1345" i="10" s="1"/>
  <c r="A1346" i="10" s="1"/>
  <c r="A1347" i="10" s="1"/>
  <c r="A1348" i="10" s="1"/>
  <c r="A1349" i="10" s="1"/>
  <c r="A1350" i="10" s="1"/>
  <c r="A1351" i="10" s="1"/>
  <c r="A1352" i="10" s="1"/>
  <c r="A1353" i="10" s="1"/>
  <c r="A1354" i="10" s="1"/>
  <c r="A1355" i="10" s="1"/>
  <c r="A1356" i="10" s="1"/>
  <c r="A1357" i="10" s="1"/>
  <c r="A1358" i="10" s="1"/>
  <c r="A1359" i="10" s="1"/>
  <c r="A1360" i="10" s="1"/>
  <c r="A1361" i="10" s="1"/>
  <c r="A1362" i="10" s="1"/>
  <c r="A1363" i="10" s="1"/>
  <c r="A1364" i="10" s="1"/>
  <c r="A1365" i="10" s="1"/>
  <c r="A1366" i="10" s="1"/>
  <c r="A1367" i="10" s="1"/>
  <c r="A1368" i="10" s="1"/>
  <c r="A1369" i="10" s="1"/>
  <c r="A1370" i="10" s="1"/>
  <c r="A1371" i="10" s="1"/>
  <c r="A1372" i="10" s="1"/>
  <c r="A1373" i="10" s="1"/>
  <c r="A1374" i="10" s="1"/>
  <c r="A1375" i="10" s="1"/>
  <c r="A1376" i="10" s="1"/>
  <c r="A1377" i="10" s="1"/>
  <c r="A1378" i="10" s="1"/>
  <c r="A1379" i="10" s="1"/>
  <c r="A1380" i="10" s="1"/>
  <c r="A1381" i="10" s="1"/>
  <c r="A1382" i="10" s="1"/>
  <c r="A1383" i="10" s="1"/>
  <c r="A1384" i="10" s="1"/>
  <c r="A1385" i="10" s="1"/>
  <c r="A1386" i="10" s="1"/>
  <c r="A1387" i="10" s="1"/>
  <c r="A1388" i="10" s="1"/>
  <c r="A1389" i="10" s="1"/>
  <c r="A1390" i="10" s="1"/>
  <c r="A1391" i="10" s="1"/>
  <c r="A1392" i="10" s="1"/>
  <c r="A1393" i="10" s="1"/>
  <c r="A1394" i="10" s="1"/>
  <c r="A1395" i="10" s="1"/>
  <c r="A1396" i="10" s="1"/>
  <c r="A1397" i="10" s="1"/>
  <c r="A1398" i="10" s="1"/>
  <c r="A1399" i="10" s="1"/>
  <c r="A1400" i="10" s="1"/>
  <c r="A1401" i="10" s="1"/>
  <c r="A1402" i="10" s="1"/>
  <c r="A1403" i="10" s="1"/>
  <c r="A1404" i="10" s="1"/>
  <c r="A1405" i="10" s="1"/>
  <c r="A1406" i="10" s="1"/>
  <c r="A1407" i="10" s="1"/>
  <c r="A1408" i="10" s="1"/>
  <c r="A1409" i="10" s="1"/>
  <c r="A1410" i="10" s="1"/>
  <c r="A1411" i="10" s="1"/>
  <c r="A1412" i="10" s="1"/>
  <c r="A1413" i="10" s="1"/>
  <c r="A1414" i="10" s="1"/>
  <c r="A1415" i="10" s="1"/>
  <c r="A1416" i="10" s="1"/>
  <c r="A1417" i="10" s="1"/>
  <c r="A1418" i="10" s="1"/>
  <c r="A1419" i="10" s="1"/>
  <c r="A1420" i="10" s="1"/>
  <c r="A1421" i="10" s="1"/>
  <c r="A1422" i="10" s="1"/>
  <c r="A1423" i="10" s="1"/>
  <c r="A1424" i="10" s="1"/>
  <c r="A1425" i="10" s="1"/>
  <c r="A1426" i="10" s="1"/>
  <c r="A1427" i="10" s="1"/>
  <c r="A1428" i="10" s="1"/>
  <c r="A1429" i="10" s="1"/>
  <c r="A1430" i="10" s="1"/>
  <c r="A1431" i="10" s="1"/>
  <c r="A1432" i="10" s="1"/>
  <c r="A1433" i="10" s="1"/>
  <c r="A1434" i="10" s="1"/>
  <c r="A1435" i="10" s="1"/>
  <c r="A1436" i="10" s="1"/>
  <c r="A1437" i="10" s="1"/>
  <c r="A1438" i="10" s="1"/>
  <c r="A1439" i="10" s="1"/>
  <c r="A1440" i="10" s="1"/>
  <c r="A1441" i="10" s="1"/>
  <c r="A1442" i="10" s="1"/>
  <c r="A1443" i="10" s="1"/>
  <c r="A1444" i="10" s="1"/>
  <c r="A1445" i="10" s="1"/>
  <c r="A1446" i="10" s="1"/>
  <c r="A1447" i="10" s="1"/>
  <c r="A1448" i="10" s="1"/>
  <c r="A1449" i="10" s="1"/>
  <c r="A1450" i="10" s="1"/>
  <c r="A1451" i="10" s="1"/>
  <c r="A1452" i="10" s="1"/>
  <c r="A1453" i="10" s="1"/>
  <c r="A1454" i="10" s="1"/>
  <c r="A1455" i="10" s="1"/>
  <c r="A1456" i="10" s="1"/>
  <c r="A1457" i="10" s="1"/>
  <c r="A1458" i="10" s="1"/>
  <c r="A1459" i="10" s="1"/>
  <c r="A1460" i="10" s="1"/>
  <c r="A1461" i="10" s="1"/>
  <c r="A1462" i="10" s="1"/>
  <c r="A1463" i="10" s="1"/>
  <c r="A1464" i="10" s="1"/>
  <c r="A1465" i="10" s="1"/>
  <c r="A1466" i="10" s="1"/>
  <c r="A1467" i="10" s="1"/>
  <c r="A1468" i="10" s="1"/>
  <c r="A1469" i="10" s="1"/>
  <c r="A1470" i="10" s="1"/>
  <c r="A1471" i="10" s="1"/>
  <c r="A1472" i="10" s="1"/>
  <c r="A1473" i="10" s="1"/>
  <c r="A1474" i="10" s="1"/>
  <c r="A1475" i="10" s="1"/>
  <c r="A1476" i="10" s="1"/>
  <c r="A1477" i="10" s="1"/>
  <c r="A1478" i="10" s="1"/>
  <c r="A1479" i="10" s="1"/>
  <c r="A1480" i="10" s="1"/>
  <c r="A1481" i="10" s="1"/>
  <c r="A1482" i="10" s="1"/>
  <c r="A1483" i="10" s="1"/>
  <c r="A1484" i="10" s="1"/>
  <c r="A1485" i="10" s="1"/>
  <c r="A1486" i="10" s="1"/>
  <c r="A1487" i="10" s="1"/>
  <c r="A1488" i="10" s="1"/>
  <c r="A1489" i="10" s="1"/>
  <c r="A1490" i="10" s="1"/>
  <c r="A1491" i="10" s="1"/>
  <c r="A1492" i="10" s="1"/>
  <c r="A1493" i="10" s="1"/>
  <c r="A1494" i="10" s="1"/>
  <c r="A1495" i="10" s="1"/>
  <c r="A1496" i="10" s="1"/>
  <c r="A1497" i="10" s="1"/>
  <c r="A1498" i="10" s="1"/>
  <c r="A1499" i="10" s="1"/>
  <c r="A1500" i="10" s="1"/>
  <c r="A1501" i="10" s="1"/>
  <c r="A1502" i="10" s="1"/>
  <c r="A1503" i="10" s="1"/>
  <c r="A1504" i="10" s="1"/>
  <c r="A1505" i="10" s="1"/>
  <c r="A1506" i="10" s="1"/>
  <c r="A1507" i="10" s="1"/>
  <c r="A1508" i="10" s="1"/>
  <c r="A1509" i="10" s="1"/>
  <c r="A1510" i="10" s="1"/>
  <c r="A1511" i="10" s="1"/>
  <c r="A1512" i="10" s="1"/>
  <c r="A1513" i="10" s="1"/>
  <c r="A1514" i="10" s="1"/>
  <c r="A1515" i="10" s="1"/>
  <c r="A1516" i="10" s="1"/>
  <c r="A1517" i="10" s="1"/>
  <c r="A1518" i="10" s="1"/>
  <c r="A1519" i="10" s="1"/>
  <c r="A1520" i="10" s="1"/>
  <c r="A1521" i="10" s="1"/>
  <c r="A1522" i="10" s="1"/>
  <c r="A1523" i="10" s="1"/>
  <c r="A1524" i="10" s="1"/>
  <c r="A1525" i="10" s="1"/>
  <c r="A1526" i="10" s="1"/>
  <c r="A1527" i="10" s="1"/>
  <c r="A1528" i="10" s="1"/>
  <c r="A1529" i="10" s="1"/>
  <c r="A1530" i="10" s="1"/>
  <c r="A1531" i="10" s="1"/>
  <c r="A1532" i="10" s="1"/>
  <c r="A1533" i="10" s="1"/>
  <c r="A1534" i="10" s="1"/>
  <c r="A1535" i="10" s="1"/>
  <c r="A1536" i="10" s="1"/>
  <c r="A1537" i="10" s="1"/>
  <c r="A1538" i="10" s="1"/>
  <c r="A1539" i="10" s="1"/>
  <c r="A1540" i="10" s="1"/>
  <c r="A1541" i="10" s="1"/>
  <c r="A1542" i="10" s="1"/>
  <c r="A1543" i="10" s="1"/>
  <c r="A1544" i="10" s="1"/>
  <c r="A1545" i="10" s="1"/>
  <c r="A1546" i="10" s="1"/>
  <c r="A1547" i="10" s="1"/>
  <c r="A1548" i="10" s="1"/>
  <c r="A1549" i="10" s="1"/>
  <c r="A1550" i="10" s="1"/>
  <c r="A1551" i="10" s="1"/>
  <c r="A1552" i="10" s="1"/>
  <c r="A1553" i="10" s="1"/>
  <c r="A1554" i="10" s="1"/>
  <c r="A1555" i="10" s="1"/>
  <c r="A1556" i="10" s="1"/>
  <c r="A1557" i="10" s="1"/>
  <c r="A1558" i="10" s="1"/>
  <c r="A1559" i="10" s="1"/>
  <c r="A1560" i="10" s="1"/>
  <c r="A1561" i="10" s="1"/>
  <c r="A1562" i="10" s="1"/>
  <c r="A1563" i="10" s="1"/>
  <c r="A1564" i="10" s="1"/>
  <c r="A1565" i="10" s="1"/>
  <c r="A1566" i="10" s="1"/>
  <c r="A1567" i="10" s="1"/>
  <c r="A1568" i="10" s="1"/>
  <c r="A1569" i="10" s="1"/>
  <c r="A1570" i="10" s="1"/>
  <c r="A1571" i="10" s="1"/>
  <c r="A1572" i="10" s="1"/>
  <c r="A1573" i="10" s="1"/>
  <c r="A1574" i="10" s="1"/>
  <c r="A1575" i="10" s="1"/>
  <c r="A1576" i="10" s="1"/>
  <c r="A1577" i="10" s="1"/>
  <c r="A1578" i="10" s="1"/>
  <c r="A1579" i="10" s="1"/>
  <c r="A1580" i="10" s="1"/>
  <c r="A1581" i="10" s="1"/>
  <c r="A1582" i="10" s="1"/>
  <c r="A1583" i="10" s="1"/>
  <c r="A1584" i="10" s="1"/>
  <c r="A1585" i="10" s="1"/>
  <c r="A1586" i="10" s="1"/>
  <c r="A1587" i="10" s="1"/>
  <c r="A1588" i="10" s="1"/>
  <c r="A1589" i="10" s="1"/>
  <c r="A1590" i="10" s="1"/>
  <c r="A1591" i="10" s="1"/>
  <c r="A1592" i="10" s="1"/>
  <c r="A1593" i="10" s="1"/>
  <c r="A1594" i="10" s="1"/>
  <c r="A1595" i="10" s="1"/>
  <c r="A1596" i="10" s="1"/>
  <c r="A1597" i="10" s="1"/>
  <c r="A1598" i="10" s="1"/>
  <c r="A1599" i="10" s="1"/>
  <c r="A1600" i="10" s="1"/>
  <c r="A1601" i="10" s="1"/>
  <c r="A1602" i="10" s="1"/>
  <c r="A1603" i="10" s="1"/>
  <c r="A1604" i="10" s="1"/>
  <c r="A1605" i="10" s="1"/>
  <c r="A1606" i="10" s="1"/>
  <c r="A1607" i="10" s="1"/>
  <c r="A1608" i="10" s="1"/>
  <c r="A1609" i="10" s="1"/>
  <c r="A1610" i="10" s="1"/>
  <c r="A1611" i="10" s="1"/>
  <c r="A1612" i="10" s="1"/>
  <c r="A1613" i="10" s="1"/>
  <c r="A1614" i="10" s="1"/>
  <c r="A1615" i="10" s="1"/>
  <c r="A1616" i="10" s="1"/>
  <c r="A1617" i="10" s="1"/>
  <c r="A1618" i="10" s="1"/>
  <c r="A1619" i="10" s="1"/>
  <c r="A1620" i="10" s="1"/>
  <c r="A1621" i="10" s="1"/>
  <c r="A1622" i="10" s="1"/>
  <c r="A1623" i="10" s="1"/>
  <c r="A1624" i="10" s="1"/>
  <c r="A1625" i="10" s="1"/>
  <c r="A1626" i="10" s="1"/>
  <c r="A1627" i="10" s="1"/>
  <c r="A1628" i="10" s="1"/>
  <c r="A1629" i="10" s="1"/>
  <c r="A1630" i="10" s="1"/>
  <c r="A1631" i="10" s="1"/>
  <c r="A1632" i="10" s="1"/>
  <c r="A1633" i="10" s="1"/>
  <c r="A1634" i="10" s="1"/>
  <c r="A1635" i="10" s="1"/>
  <c r="A1636" i="10" s="1"/>
  <c r="A1637" i="10" s="1"/>
  <c r="A1638" i="10" s="1"/>
  <c r="A1639" i="10" s="1"/>
  <c r="A1640" i="10" s="1"/>
  <c r="A1641" i="10" s="1"/>
  <c r="A1642" i="10" s="1"/>
  <c r="A1643" i="10" s="1"/>
  <c r="A1644" i="10" s="1"/>
  <c r="A1645" i="10" s="1"/>
  <c r="A1646" i="10" s="1"/>
  <c r="A1647" i="10" s="1"/>
  <c r="A1648" i="10" s="1"/>
  <c r="A1649" i="10" s="1"/>
  <c r="A1650" i="10" s="1"/>
  <c r="A1651" i="10" s="1"/>
  <c r="A1652" i="10" s="1"/>
  <c r="A1653" i="10" s="1"/>
  <c r="A1654" i="10" s="1"/>
  <c r="A1655" i="10" s="1"/>
  <c r="A1656" i="10" s="1"/>
  <c r="A1657" i="10" s="1"/>
  <c r="A1658" i="10" s="1"/>
  <c r="A1659" i="10" s="1"/>
  <c r="A1660" i="10" s="1"/>
  <c r="A1661" i="10" s="1"/>
  <c r="A1662" i="10" s="1"/>
  <c r="A1663" i="10" s="1"/>
  <c r="A1664" i="10" s="1"/>
  <c r="A1665" i="10" s="1"/>
  <c r="A1666" i="10" s="1"/>
  <c r="A1667" i="10" s="1"/>
  <c r="A1668" i="10" s="1"/>
  <c r="A1669" i="10" s="1"/>
  <c r="A1670" i="10" s="1"/>
  <c r="A1671" i="10" s="1"/>
  <c r="A1672" i="10" s="1"/>
  <c r="A1673" i="10" s="1"/>
  <c r="A1674" i="10" s="1"/>
  <c r="A1675" i="10" s="1"/>
  <c r="A1676" i="10" s="1"/>
  <c r="A1677" i="10" s="1"/>
  <c r="A1678" i="10" s="1"/>
  <c r="A1679" i="10" s="1"/>
  <c r="A1680" i="10" s="1"/>
  <c r="A1681" i="10" s="1"/>
  <c r="A1682" i="10" s="1"/>
  <c r="A1683" i="10" s="1"/>
  <c r="A1684" i="10" s="1"/>
  <c r="A1685" i="10" s="1"/>
  <c r="A1686" i="10" s="1"/>
  <c r="A1687" i="10" s="1"/>
  <c r="A1688" i="10" s="1"/>
  <c r="A1689" i="10" s="1"/>
  <c r="A1690" i="10" s="1"/>
  <c r="A1691" i="10" s="1"/>
  <c r="A1692" i="10" s="1"/>
  <c r="A1693" i="10" s="1"/>
  <c r="A1694" i="10" s="1"/>
  <c r="A1695" i="10" s="1"/>
  <c r="A1696" i="10" s="1"/>
  <c r="A1697" i="10" s="1"/>
  <c r="A1698" i="10" s="1"/>
  <c r="A1699" i="10" s="1"/>
  <c r="A1700" i="10" s="1"/>
  <c r="A1701" i="10" s="1"/>
  <c r="A1702" i="10" s="1"/>
  <c r="A1703" i="10" s="1"/>
  <c r="A1704" i="10" s="1"/>
  <c r="A1705" i="10" s="1"/>
  <c r="A1706" i="10" s="1"/>
  <c r="A1707" i="10" s="1"/>
  <c r="A1708" i="10" s="1"/>
  <c r="A1709" i="10" s="1"/>
  <c r="A1710" i="10" s="1"/>
  <c r="A1711" i="10" s="1"/>
  <c r="A1712" i="10" s="1"/>
  <c r="A1713" i="10" s="1"/>
  <c r="A1714" i="10" s="1"/>
  <c r="A1715" i="10" s="1"/>
  <c r="A1716" i="10" s="1"/>
  <c r="A1717" i="10" s="1"/>
  <c r="A1718" i="10" s="1"/>
  <c r="A1719" i="10" s="1"/>
  <c r="A1720" i="10" s="1"/>
  <c r="A1721" i="10" s="1"/>
  <c r="A1722" i="10" s="1"/>
  <c r="A1723" i="10" s="1"/>
  <c r="A1724" i="10" s="1"/>
  <c r="A1725" i="10" s="1"/>
  <c r="A1726" i="10" s="1"/>
  <c r="A1727" i="10" s="1"/>
  <c r="A1728" i="10" s="1"/>
  <c r="A1729" i="10" s="1"/>
  <c r="A1730" i="10" s="1"/>
  <c r="A1731" i="10" s="1"/>
  <c r="A1732" i="10" s="1"/>
  <c r="A1733" i="10" s="1"/>
  <c r="A1734" i="10" s="1"/>
  <c r="A1735" i="10" s="1"/>
  <c r="A1736" i="10" s="1"/>
  <c r="A1737" i="10" s="1"/>
  <c r="A1738" i="10" s="1"/>
  <c r="A1739" i="10" s="1"/>
  <c r="A1740" i="10" s="1"/>
  <c r="A1741" i="10" s="1"/>
  <c r="A1742" i="10" s="1"/>
  <c r="A1743" i="10" s="1"/>
  <c r="A1744" i="10" s="1"/>
  <c r="A1745" i="10" s="1"/>
  <c r="A1746" i="10" s="1"/>
  <c r="A1747" i="10" s="1"/>
  <c r="A1748" i="10" s="1"/>
  <c r="A1749" i="10" s="1"/>
  <c r="A1750" i="10" s="1"/>
  <c r="A1751" i="10" s="1"/>
  <c r="A1752" i="10" s="1"/>
  <c r="A1753" i="10" s="1"/>
  <c r="A1754" i="10" s="1"/>
  <c r="A1755" i="10" s="1"/>
  <c r="A1756" i="10" s="1"/>
  <c r="A1757" i="10" s="1"/>
  <c r="A1758" i="10" s="1"/>
  <c r="A1759" i="10" s="1"/>
  <c r="A1760" i="10" s="1"/>
  <c r="A1761" i="10" s="1"/>
  <c r="A1762" i="10" s="1"/>
  <c r="A1763" i="10" s="1"/>
  <c r="A1764" i="10" s="1"/>
  <c r="A1765" i="10" s="1"/>
  <c r="A1766" i="10" s="1"/>
  <c r="A1767" i="10" s="1"/>
  <c r="A1768" i="10" s="1"/>
  <c r="A1769" i="10" s="1"/>
  <c r="A1770" i="10" s="1"/>
  <c r="A1771" i="10" s="1"/>
  <c r="A1772" i="10" s="1"/>
  <c r="A1773" i="10" s="1"/>
  <c r="A1774" i="10" s="1"/>
  <c r="A1775" i="10" s="1"/>
  <c r="A1776" i="10" s="1"/>
  <c r="A1777" i="10" s="1"/>
  <c r="A1778" i="10" s="1"/>
  <c r="A1779" i="10" s="1"/>
  <c r="A1780" i="10" s="1"/>
  <c r="A1781" i="10" s="1"/>
  <c r="A1782" i="10" s="1"/>
  <c r="A1783" i="10" s="1"/>
  <c r="A1784" i="10" s="1"/>
  <c r="A1785" i="10" s="1"/>
  <c r="A1786" i="10" s="1"/>
  <c r="A1787" i="10" s="1"/>
  <c r="A1788" i="10" s="1"/>
  <c r="A1789" i="10" s="1"/>
  <c r="A1790" i="10" s="1"/>
  <c r="A1791" i="10" s="1"/>
  <c r="A1792" i="10" s="1"/>
  <c r="A1793" i="10" s="1"/>
  <c r="A1794" i="10" s="1"/>
  <c r="A1795" i="10" s="1"/>
  <c r="A1796" i="10" s="1"/>
  <c r="A1797" i="10" s="1"/>
  <c r="A1798" i="10" s="1"/>
  <c r="A1799" i="10" s="1"/>
  <c r="A1800" i="10" s="1"/>
  <c r="A1801" i="10" s="1"/>
  <c r="A1802" i="10" s="1"/>
  <c r="A1803" i="10" s="1"/>
  <c r="A1804" i="10" s="1"/>
  <c r="A1805" i="10" s="1"/>
  <c r="A1806" i="10" s="1"/>
  <c r="A1807" i="10" s="1"/>
  <c r="A1808" i="10" s="1"/>
  <c r="A1809" i="10" s="1"/>
  <c r="A1810" i="10" s="1"/>
  <c r="A1811" i="10" s="1"/>
  <c r="A1812" i="10" s="1"/>
  <c r="A1813" i="10" s="1"/>
  <c r="A1814" i="10" s="1"/>
  <c r="A1815" i="10" s="1"/>
  <c r="A1816" i="10" s="1"/>
  <c r="A1817" i="10" s="1"/>
  <c r="A1818" i="10" s="1"/>
  <c r="A1819" i="10" s="1"/>
  <c r="A1820" i="10" s="1"/>
  <c r="A1821" i="10" s="1"/>
  <c r="A1822" i="10" s="1"/>
  <c r="A1823" i="10" s="1"/>
  <c r="A1824" i="10" s="1"/>
  <c r="A1825" i="10" s="1"/>
  <c r="A1826" i="10" s="1"/>
  <c r="A1827" i="10" s="1"/>
  <c r="A1828" i="10" s="1"/>
  <c r="A1829" i="10" s="1"/>
  <c r="A1830" i="10" s="1"/>
  <c r="A1831" i="10" s="1"/>
  <c r="A1832" i="10" s="1"/>
  <c r="A1833" i="10" s="1"/>
  <c r="A1834" i="10" s="1"/>
  <c r="A1835" i="10" s="1"/>
  <c r="A1836" i="10" s="1"/>
  <c r="A1837" i="10" s="1"/>
  <c r="A1838" i="10" s="1"/>
  <c r="A1839" i="10" s="1"/>
  <c r="A1840" i="10" s="1"/>
  <c r="A1841" i="10" s="1"/>
  <c r="A1842" i="10" s="1"/>
  <c r="A1843" i="10" s="1"/>
  <c r="A1844" i="10" s="1"/>
  <c r="A1845" i="10" s="1"/>
  <c r="A1846" i="10" s="1"/>
  <c r="A1847" i="10" s="1"/>
  <c r="A1848" i="10" s="1"/>
  <c r="A1849" i="10" s="1"/>
  <c r="A1850" i="10" s="1"/>
  <c r="A1851" i="10" s="1"/>
  <c r="A1852" i="10" s="1"/>
  <c r="A1853" i="10" s="1"/>
  <c r="A1854" i="10" s="1"/>
  <c r="A1855" i="10" s="1"/>
  <c r="A1856" i="10" s="1"/>
  <c r="A1857" i="10" s="1"/>
  <c r="A1858" i="10" s="1"/>
  <c r="A1859" i="10" s="1"/>
  <c r="A1860" i="10" s="1"/>
  <c r="A1861" i="10" s="1"/>
  <c r="A1862" i="10" s="1"/>
  <c r="A1863" i="10" s="1"/>
  <c r="A1864" i="10" s="1"/>
  <c r="A1865" i="10" s="1"/>
  <c r="A1866" i="10" s="1"/>
  <c r="A1867" i="10" s="1"/>
  <c r="A1868" i="10" s="1"/>
  <c r="A1869" i="10" s="1"/>
  <c r="A1870" i="10" s="1"/>
  <c r="A1871" i="10" s="1"/>
  <c r="A1872" i="10" s="1"/>
  <c r="A1873" i="10" s="1"/>
  <c r="A1874" i="10" s="1"/>
  <c r="A1875" i="10" s="1"/>
  <c r="A1876" i="10" s="1"/>
  <c r="A1877" i="10" s="1"/>
  <c r="A1878" i="10" s="1"/>
  <c r="A1879" i="10" s="1"/>
  <c r="A1880" i="10" s="1"/>
  <c r="A1881" i="10" s="1"/>
  <c r="A1882" i="10" s="1"/>
  <c r="A1883" i="10" s="1"/>
  <c r="A1884" i="10" s="1"/>
  <c r="A1885" i="10" s="1"/>
  <c r="A1886" i="10" s="1"/>
  <c r="A1887" i="10" s="1"/>
  <c r="A1888" i="10" s="1"/>
  <c r="A1889" i="10" s="1"/>
  <c r="A1890" i="10" s="1"/>
  <c r="A1891" i="10" s="1"/>
  <c r="A1892" i="10" s="1"/>
  <c r="A1893" i="10" s="1"/>
  <c r="A1894" i="10" s="1"/>
  <c r="A1895" i="10" s="1"/>
  <c r="A1896" i="10" s="1"/>
  <c r="A1897" i="10" s="1"/>
  <c r="A1898" i="10" s="1"/>
  <c r="A1899" i="10" s="1"/>
  <c r="A1900" i="10" s="1"/>
  <c r="A1901" i="10" s="1"/>
  <c r="A1902" i="10" s="1"/>
  <c r="A1903" i="10" s="1"/>
  <c r="A1904" i="10" s="1"/>
  <c r="A1905" i="10" s="1"/>
  <c r="A1906" i="10" s="1"/>
  <c r="A1907" i="10" s="1"/>
  <c r="A1908" i="10" s="1"/>
  <c r="A1909" i="10" s="1"/>
  <c r="A1910" i="10" s="1"/>
  <c r="A1911" i="10" s="1"/>
  <c r="A1912" i="10" s="1"/>
  <c r="A1913" i="10" s="1"/>
  <c r="A1914" i="10" s="1"/>
  <c r="A1915" i="10" s="1"/>
  <c r="A1916" i="10" s="1"/>
  <c r="A1917" i="10" s="1"/>
  <c r="A1918" i="10" s="1"/>
  <c r="A1919" i="10" s="1"/>
  <c r="A1920" i="10" s="1"/>
  <c r="A1921" i="10" s="1"/>
  <c r="A1922" i="10" s="1"/>
  <c r="A1923" i="10" s="1"/>
  <c r="A1924" i="10" s="1"/>
  <c r="A1925" i="10" s="1"/>
  <c r="A1926" i="10" s="1"/>
  <c r="A1927" i="10" s="1"/>
  <c r="A1928" i="10" s="1"/>
  <c r="A1929" i="10" s="1"/>
  <c r="A1930" i="10" s="1"/>
  <c r="A1931" i="10" s="1"/>
  <c r="A1932" i="10" s="1"/>
  <c r="A1933" i="10" s="1"/>
  <c r="A1934" i="10" s="1"/>
  <c r="A1935" i="10" s="1"/>
  <c r="A1936" i="10" s="1"/>
  <c r="A1937" i="10" s="1"/>
  <c r="A1938" i="10" s="1"/>
  <c r="A1939" i="10" s="1"/>
  <c r="A1940" i="10" s="1"/>
  <c r="A1941" i="10" s="1"/>
  <c r="A1942" i="10" s="1"/>
  <c r="A1943" i="10" s="1"/>
  <c r="A1944" i="10" s="1"/>
  <c r="A1945" i="10" s="1"/>
  <c r="A1946" i="10" s="1"/>
  <c r="A1947" i="10" s="1"/>
  <c r="A1948" i="10" s="1"/>
  <c r="A1949" i="10" s="1"/>
  <c r="A1950" i="10" s="1"/>
  <c r="A1951" i="10" s="1"/>
  <c r="A1952" i="10" s="1"/>
  <c r="A1953" i="10" s="1"/>
  <c r="A1954" i="10" s="1"/>
  <c r="A1955" i="10" s="1"/>
  <c r="A1956" i="10" s="1"/>
  <c r="A1957" i="10" s="1"/>
  <c r="A1958" i="10" s="1"/>
  <c r="A1959" i="10" s="1"/>
  <c r="A1960" i="10" s="1"/>
  <c r="A1961" i="10" s="1"/>
  <c r="A1962" i="10" s="1"/>
  <c r="A1963" i="10" s="1"/>
  <c r="A1964" i="10" s="1"/>
  <c r="A1965" i="10" s="1"/>
  <c r="A1966" i="10" s="1"/>
  <c r="A1967" i="10" s="1"/>
  <c r="A1968" i="10" s="1"/>
  <c r="A1969" i="10" s="1"/>
  <c r="A1970" i="10" s="1"/>
  <c r="A1971" i="10" s="1"/>
  <c r="A1972" i="10" s="1"/>
  <c r="A1973" i="10" s="1"/>
  <c r="A1974" i="10" s="1"/>
  <c r="A1975" i="10" s="1"/>
  <c r="A1976" i="10" s="1"/>
  <c r="A1977" i="10" s="1"/>
  <c r="A1978" i="10" s="1"/>
  <c r="A1979" i="10" s="1"/>
  <c r="A1980" i="10" s="1"/>
  <c r="A1981" i="10" s="1"/>
  <c r="A1982" i="10" s="1"/>
  <c r="A1983" i="10" s="1"/>
  <c r="A1984" i="10" s="1"/>
  <c r="A1985" i="10" s="1"/>
  <c r="A1986" i="10" s="1"/>
  <c r="A1987" i="10" s="1"/>
  <c r="A1988" i="10" s="1"/>
  <c r="A1989" i="10" s="1"/>
  <c r="A1990" i="10" s="1"/>
  <c r="A1991" i="10" s="1"/>
  <c r="A1992" i="10" s="1"/>
  <c r="A1993" i="10" s="1"/>
  <c r="A1994" i="10" s="1"/>
  <c r="A1995" i="10" s="1"/>
  <c r="A1996" i="10" s="1"/>
  <c r="A1997" i="10" s="1"/>
  <c r="A1998" i="10" s="1"/>
  <c r="A1999" i="10" s="1"/>
  <c r="A2000" i="10" s="1"/>
  <c r="A2001" i="10" s="1"/>
  <c r="A2002" i="10" s="1"/>
  <c r="A2003" i="10" s="1"/>
  <c r="A2004" i="10" s="1"/>
  <c r="A2005" i="10" s="1"/>
  <c r="A2006" i="10" s="1"/>
  <c r="A2007" i="10" s="1"/>
  <c r="A2008" i="10" s="1"/>
  <c r="A2009" i="10" s="1"/>
  <c r="A2010" i="10" s="1"/>
  <c r="A2011" i="10" s="1"/>
  <c r="A2012" i="10" s="1"/>
  <c r="A2013" i="10" s="1"/>
  <c r="A2014" i="10" s="1"/>
  <c r="A2015" i="10" s="1"/>
  <c r="A2016" i="10" s="1"/>
  <c r="A2017" i="10" s="1"/>
  <c r="A2018" i="10" s="1"/>
  <c r="A2019" i="10" s="1"/>
  <c r="A2020" i="10" s="1"/>
  <c r="A2021" i="10" s="1"/>
  <c r="A2022" i="10" s="1"/>
  <c r="A2023" i="10" s="1"/>
  <c r="A2024" i="10" s="1"/>
  <c r="A2025" i="10" s="1"/>
  <c r="A2026" i="10" s="1"/>
  <c r="A2027" i="10" s="1"/>
  <c r="A2028" i="10" s="1"/>
  <c r="A2029" i="10" s="1"/>
  <c r="A2030" i="10" s="1"/>
  <c r="A2031" i="10" s="1"/>
  <c r="A2032" i="10" s="1"/>
  <c r="A2033" i="10" s="1"/>
  <c r="A2034" i="10" s="1"/>
  <c r="A2035" i="10" s="1"/>
  <c r="A2036" i="10" s="1"/>
  <c r="A2037" i="10" s="1"/>
  <c r="A2038" i="10" s="1"/>
  <c r="A2039" i="10" s="1"/>
  <c r="A2040" i="10" s="1"/>
  <c r="A2041" i="10" s="1"/>
  <c r="A2042" i="10" s="1"/>
  <c r="A2043" i="10" s="1"/>
  <c r="A2044" i="10" s="1"/>
  <c r="A2045" i="10" s="1"/>
  <c r="A2046" i="10" s="1"/>
  <c r="A2047" i="10" s="1"/>
  <c r="A2048" i="10" s="1"/>
  <c r="A2049" i="10" s="1"/>
  <c r="A2050" i="10" s="1"/>
  <c r="A2051" i="10" s="1"/>
  <c r="A2052" i="10" s="1"/>
  <c r="A2053" i="10" s="1"/>
  <c r="A2054" i="10" s="1"/>
  <c r="A2055" i="10" s="1"/>
  <c r="A2056" i="10" s="1"/>
  <c r="A2057" i="10" s="1"/>
  <c r="A2058" i="10" s="1"/>
  <c r="A2059" i="10" s="1"/>
  <c r="A2060" i="10" s="1"/>
  <c r="A2061" i="10" s="1"/>
  <c r="A2062" i="10" s="1"/>
  <c r="A2063" i="10" s="1"/>
  <c r="A2064" i="10" s="1"/>
  <c r="A2065" i="10" s="1"/>
  <c r="A2066" i="10" s="1"/>
  <c r="A2067" i="10" s="1"/>
  <c r="A2068" i="10" s="1"/>
  <c r="A2069" i="10" s="1"/>
  <c r="A2070" i="10" s="1"/>
  <c r="A2071" i="10" s="1"/>
  <c r="A2072" i="10" s="1"/>
  <c r="A2073" i="10" s="1"/>
  <c r="A2074" i="10" s="1"/>
  <c r="A2075" i="10" s="1"/>
  <c r="A2076" i="10" s="1"/>
  <c r="A2077" i="10" s="1"/>
  <c r="A2078" i="10" s="1"/>
  <c r="A2079" i="10" s="1"/>
  <c r="A2080" i="10" s="1"/>
  <c r="A2081" i="10" s="1"/>
  <c r="A2082" i="10" s="1"/>
  <c r="A2083" i="10" s="1"/>
  <c r="A2084" i="10" s="1"/>
  <c r="A2085" i="10" s="1"/>
  <c r="A2086" i="10" s="1"/>
  <c r="A2087" i="10" s="1"/>
  <c r="A2088" i="10" s="1"/>
  <c r="A2089" i="10" s="1"/>
  <c r="A2090" i="10" s="1"/>
  <c r="A2091" i="10" s="1"/>
  <c r="A2092" i="10" s="1"/>
  <c r="A2093" i="10" s="1"/>
  <c r="A2094" i="10" s="1"/>
  <c r="A2095" i="10" s="1"/>
  <c r="A2096" i="10" s="1"/>
  <c r="A2097" i="10" s="1"/>
  <c r="A2098" i="10" s="1"/>
  <c r="A2099" i="10" s="1"/>
  <c r="A2100" i="10" s="1"/>
  <c r="A2101" i="10" s="1"/>
  <c r="A2102" i="10" s="1"/>
  <c r="A2103" i="10" s="1"/>
  <c r="A2104" i="10" s="1"/>
  <c r="A2105" i="10" s="1"/>
  <c r="A2106" i="10" s="1"/>
  <c r="A2107" i="10" s="1"/>
  <c r="A2108" i="10" s="1"/>
  <c r="A2109" i="10" s="1"/>
  <c r="A2110" i="10" s="1"/>
  <c r="A2111" i="10" s="1"/>
  <c r="A2112" i="10" s="1"/>
  <c r="A2113" i="10" s="1"/>
  <c r="A2114" i="10" s="1"/>
  <c r="A2115" i="10" s="1"/>
  <c r="A2116" i="10" s="1"/>
  <c r="A2117" i="10" s="1"/>
  <c r="A2118" i="10" s="1"/>
  <c r="A2119" i="10" s="1"/>
  <c r="A2120" i="10" s="1"/>
  <c r="A2121" i="10" s="1"/>
  <c r="A2122" i="10" s="1"/>
  <c r="A2123" i="10" s="1"/>
  <c r="A2124" i="10" s="1"/>
  <c r="A2125" i="10" s="1"/>
  <c r="A2126" i="10" s="1"/>
  <c r="A2127" i="10" s="1"/>
  <c r="A2128" i="10" s="1"/>
  <c r="A2129" i="10" s="1"/>
  <c r="A2130" i="10" s="1"/>
  <c r="A2131" i="10" s="1"/>
  <c r="A2132" i="10" s="1"/>
  <c r="A2133" i="10" s="1"/>
  <c r="A2134" i="10" s="1"/>
  <c r="A2135" i="10" s="1"/>
  <c r="A2136" i="10" s="1"/>
  <c r="A2137" i="10" s="1"/>
  <c r="A2138" i="10" s="1"/>
  <c r="A2139" i="10" s="1"/>
  <c r="A2140" i="10" s="1"/>
  <c r="A2141" i="10" s="1"/>
  <c r="A2142" i="10" s="1"/>
  <c r="A2143" i="10" s="1"/>
  <c r="A2144" i="10" s="1"/>
  <c r="A2145" i="10" s="1"/>
  <c r="A2146" i="10" s="1"/>
  <c r="A2147" i="10" s="1"/>
  <c r="A2148" i="10" s="1"/>
  <c r="A2149" i="10" s="1"/>
  <c r="A2150" i="10" s="1"/>
  <c r="A2151" i="10" s="1"/>
  <c r="A2152" i="10" s="1"/>
  <c r="A2153" i="10" s="1"/>
  <c r="A2154" i="10" s="1"/>
  <c r="A2155" i="10" s="1"/>
  <c r="A2156" i="10" s="1"/>
  <c r="A2157" i="10" s="1"/>
  <c r="A2158" i="10" s="1"/>
  <c r="A2159" i="10" s="1"/>
  <c r="A2160" i="10" s="1"/>
  <c r="A2161" i="10" s="1"/>
  <c r="A2162" i="10" s="1"/>
  <c r="A2163" i="10" s="1"/>
  <c r="A2164" i="10" s="1"/>
  <c r="A2165" i="10" s="1"/>
  <c r="A2166" i="10" s="1"/>
  <c r="A2167" i="10" s="1"/>
  <c r="A2168" i="10" s="1"/>
  <c r="A2169" i="10" s="1"/>
  <c r="A2170" i="10" s="1"/>
  <c r="A2171" i="10" s="1"/>
  <c r="A2172" i="10" s="1"/>
  <c r="A2173" i="10" s="1"/>
  <c r="A2174" i="10" s="1"/>
  <c r="A2175" i="10" s="1"/>
  <c r="A2176" i="10" s="1"/>
  <c r="A2177" i="10" s="1"/>
  <c r="A2178" i="10" s="1"/>
  <c r="A2179" i="10" s="1"/>
  <c r="A2180" i="10" s="1"/>
  <c r="A2181" i="10" s="1"/>
  <c r="A2182" i="10" s="1"/>
  <c r="A2183" i="10" s="1"/>
  <c r="A2184" i="10" s="1"/>
  <c r="A2185" i="10" s="1"/>
  <c r="A2186" i="10" s="1"/>
  <c r="A2187" i="10" s="1"/>
  <c r="A2188" i="10" s="1"/>
  <c r="A2189" i="10" s="1"/>
  <c r="A2190" i="10" s="1"/>
  <c r="A2191" i="10" s="1"/>
  <c r="A2192" i="10" s="1"/>
  <c r="A2193" i="10" s="1"/>
  <c r="A2194" i="10" s="1"/>
  <c r="A2195" i="10" s="1"/>
  <c r="A2196" i="10" s="1"/>
  <c r="A2197" i="10" s="1"/>
  <c r="A2198" i="10" s="1"/>
  <c r="A2199" i="10" s="1"/>
  <c r="A2200" i="10" s="1"/>
  <c r="A2201" i="10" s="1"/>
  <c r="A2202" i="10" s="1"/>
  <c r="A2203" i="10" s="1"/>
  <c r="A2204" i="10" s="1"/>
  <c r="A2205" i="10" s="1"/>
  <c r="A2206" i="10" s="1"/>
  <c r="A2207" i="10" s="1"/>
  <c r="A2208" i="10" s="1"/>
  <c r="A2209" i="10" s="1"/>
  <c r="A2210" i="10" s="1"/>
  <c r="A2211" i="10" s="1"/>
  <c r="A2212" i="10" s="1"/>
  <c r="A2213" i="10" s="1"/>
  <c r="A2214" i="10" s="1"/>
  <c r="A2215" i="10" s="1"/>
  <c r="A2216" i="10" s="1"/>
  <c r="A2217" i="10" s="1"/>
  <c r="A2218" i="10" s="1"/>
  <c r="A2219" i="10" s="1"/>
  <c r="A2220" i="10" s="1"/>
  <c r="A2221" i="10" s="1"/>
  <c r="A2222" i="10" s="1"/>
  <c r="A2223" i="10" s="1"/>
  <c r="A2224" i="10" s="1"/>
  <c r="A2225" i="10" s="1"/>
  <c r="A2226" i="10" s="1"/>
  <c r="A2227" i="10" s="1"/>
  <c r="A2228" i="10" s="1"/>
  <c r="A2229" i="10" s="1"/>
  <c r="A2230" i="10" s="1"/>
  <c r="A2231" i="10" s="1"/>
  <c r="A2232" i="10" s="1"/>
  <c r="A2233" i="10" s="1"/>
  <c r="A2234" i="10" s="1"/>
  <c r="A2235" i="10" s="1"/>
  <c r="A2236" i="10" s="1"/>
  <c r="A2237" i="10" s="1"/>
  <c r="A2238" i="10" s="1"/>
  <c r="A2239" i="10" s="1"/>
  <c r="A2240" i="10" s="1"/>
  <c r="A2241" i="10" s="1"/>
  <c r="A2242" i="10" s="1"/>
  <c r="A2243" i="10" s="1"/>
  <c r="A2244" i="10" s="1"/>
  <c r="A2245" i="10" s="1"/>
  <c r="A2246" i="10" s="1"/>
  <c r="A2247" i="10" s="1"/>
  <c r="A2248" i="10" s="1"/>
  <c r="A2249" i="10" s="1"/>
  <c r="A2250" i="10" s="1"/>
  <c r="A2251" i="10" s="1"/>
  <c r="A2252" i="10" s="1"/>
  <c r="A2253" i="10" s="1"/>
  <c r="A2254" i="10" s="1"/>
  <c r="A2255" i="10" s="1"/>
  <c r="A2256" i="10" s="1"/>
  <c r="A2257" i="10" s="1"/>
  <c r="A2258" i="10" s="1"/>
  <c r="A2259" i="10" s="1"/>
  <c r="A2260" i="10" s="1"/>
  <c r="A2261" i="10" s="1"/>
  <c r="A2262" i="10" s="1"/>
  <c r="A2263" i="10" s="1"/>
  <c r="A2264" i="10" s="1"/>
  <c r="A2265" i="10" s="1"/>
  <c r="A2266" i="10" s="1"/>
  <c r="A2267" i="10" s="1"/>
  <c r="A2268" i="10" s="1"/>
  <c r="A2269" i="10" s="1"/>
  <c r="A2270" i="10" s="1"/>
  <c r="A2271" i="10" s="1"/>
  <c r="A2272" i="10" s="1"/>
  <c r="A2273" i="10" s="1"/>
  <c r="A2274" i="10" s="1"/>
  <c r="A2275" i="10" s="1"/>
  <c r="A2276" i="10" s="1"/>
  <c r="A2277" i="10" s="1"/>
  <c r="A2278" i="10" s="1"/>
  <c r="A2279" i="10" s="1"/>
  <c r="A2280" i="10" s="1"/>
  <c r="A2281" i="10" s="1"/>
  <c r="A2282" i="10" s="1"/>
  <c r="A2283" i="10" s="1"/>
  <c r="A2284" i="10" s="1"/>
  <c r="A2285" i="10" s="1"/>
  <c r="A2286" i="10" s="1"/>
  <c r="A2287" i="10" s="1"/>
  <c r="A2288" i="10" s="1"/>
  <c r="A2289" i="10" s="1"/>
  <c r="A2290" i="10" s="1"/>
  <c r="A2291" i="10" s="1"/>
  <c r="A2292" i="10" s="1"/>
  <c r="A2293" i="10" s="1"/>
  <c r="A2294" i="10" s="1"/>
  <c r="A2295" i="10" s="1"/>
  <c r="A2296" i="10" s="1"/>
  <c r="A2297" i="10" s="1"/>
  <c r="A2298" i="10" s="1"/>
  <c r="A2299" i="10" s="1"/>
  <c r="A2300" i="10" s="1"/>
  <c r="A2301" i="10" s="1"/>
  <c r="A2302" i="10" s="1"/>
  <c r="A2303" i="10" s="1"/>
  <c r="A2304" i="10" s="1"/>
  <c r="A2305" i="10" s="1"/>
  <c r="A2306" i="10" s="1"/>
  <c r="A2307" i="10" s="1"/>
  <c r="A2308" i="10" s="1"/>
  <c r="A2309" i="10" s="1"/>
  <c r="A2310" i="10" s="1"/>
  <c r="A2311" i="10" s="1"/>
  <c r="A2312" i="10" s="1"/>
  <c r="A2313" i="10" s="1"/>
  <c r="A2314" i="10" s="1"/>
  <c r="A2315" i="10" s="1"/>
  <c r="A2316" i="10" s="1"/>
  <c r="A2317" i="10" s="1"/>
  <c r="A2318" i="10" s="1"/>
  <c r="A2319" i="10" s="1"/>
  <c r="A2320" i="10" s="1"/>
  <c r="A2321" i="10" s="1"/>
  <c r="A2322" i="10" s="1"/>
  <c r="A2323" i="10" s="1"/>
  <c r="A2324" i="10" s="1"/>
  <c r="A2325" i="10" s="1"/>
  <c r="A2326" i="10" s="1"/>
  <c r="A2327" i="10" s="1"/>
  <c r="A2328" i="10" s="1"/>
  <c r="A2329" i="10" s="1"/>
  <c r="A2330" i="10" s="1"/>
  <c r="A2331" i="10" s="1"/>
  <c r="A2332" i="10" s="1"/>
  <c r="A2333" i="10" s="1"/>
  <c r="A2334" i="10" s="1"/>
  <c r="A2335" i="10" s="1"/>
  <c r="A2336" i="10" s="1"/>
  <c r="A2337" i="10" s="1"/>
  <c r="A2338" i="10" s="1"/>
  <c r="A2339" i="10" s="1"/>
  <c r="A2340" i="10" s="1"/>
  <c r="A2341" i="10" s="1"/>
  <c r="A2342" i="10" s="1"/>
  <c r="A2343" i="10" s="1"/>
  <c r="A2344" i="10" s="1"/>
  <c r="A2345" i="10" s="1"/>
  <c r="A2346" i="10" s="1"/>
  <c r="A2347" i="10" s="1"/>
  <c r="A2348" i="10" s="1"/>
  <c r="A2349" i="10" s="1"/>
  <c r="A2350" i="10" s="1"/>
  <c r="A2351" i="10" s="1"/>
  <c r="A2352" i="10" s="1"/>
  <c r="A2353" i="10" s="1"/>
  <c r="A2354" i="10" s="1"/>
  <c r="A2355" i="10" s="1"/>
  <c r="A2356" i="10" s="1"/>
  <c r="A2357" i="10" s="1"/>
  <c r="A2358" i="10" s="1"/>
  <c r="A2359" i="10" s="1"/>
  <c r="A2360" i="10" s="1"/>
  <c r="A2361" i="10" s="1"/>
  <c r="A2362" i="10" s="1"/>
  <c r="A2363" i="10" s="1"/>
  <c r="A2364" i="10" s="1"/>
  <c r="A2365" i="10" s="1"/>
  <c r="A2366" i="10" s="1"/>
  <c r="A2367" i="10" s="1"/>
  <c r="A2368" i="10" s="1"/>
  <c r="A2369" i="10" s="1"/>
  <c r="A2370" i="10" s="1"/>
  <c r="A2371" i="10" s="1"/>
  <c r="A2372" i="10" s="1"/>
  <c r="A2373" i="10" s="1"/>
  <c r="A2374" i="10" s="1"/>
  <c r="A2375" i="10" s="1"/>
  <c r="A2376" i="10" s="1"/>
  <c r="A2377" i="10" s="1"/>
  <c r="A2378" i="10" s="1"/>
  <c r="A2379" i="10" s="1"/>
  <c r="A2380" i="10" s="1"/>
  <c r="A2381" i="10" s="1"/>
  <c r="A2382" i="10" s="1"/>
  <c r="A2383" i="10" s="1"/>
  <c r="A2384" i="10" s="1"/>
  <c r="A2385" i="10" s="1"/>
  <c r="A2386" i="10" s="1"/>
  <c r="A2387" i="10" s="1"/>
  <c r="A2388" i="10" s="1"/>
  <c r="A2389" i="10" s="1"/>
  <c r="A2390" i="10" s="1"/>
  <c r="A2391" i="10" s="1"/>
  <c r="A2392" i="10" s="1"/>
  <c r="A2393" i="10" s="1"/>
  <c r="A2394" i="10" s="1"/>
  <c r="A2395" i="10" s="1"/>
  <c r="A2396" i="10" s="1"/>
  <c r="A2397" i="10" s="1"/>
  <c r="A2398" i="10" s="1"/>
  <c r="A2399" i="10" s="1"/>
  <c r="A2400" i="10" s="1"/>
  <c r="A2401" i="10" s="1"/>
  <c r="A2402" i="10" s="1"/>
  <c r="A2403" i="10" s="1"/>
  <c r="A2404" i="10" s="1"/>
  <c r="A2405" i="10" s="1"/>
  <c r="A2406" i="10" s="1"/>
  <c r="A2407" i="10" s="1"/>
  <c r="A2408" i="10" s="1"/>
  <c r="A2409" i="10" s="1"/>
  <c r="A2410" i="10" s="1"/>
  <c r="A2411" i="10" s="1"/>
  <c r="A2412" i="10" s="1"/>
  <c r="A2413" i="10" s="1"/>
  <c r="A2414" i="10" s="1"/>
  <c r="A2415" i="10" s="1"/>
  <c r="A2416" i="10" s="1"/>
  <c r="A2417" i="10" s="1"/>
  <c r="A2418" i="10" s="1"/>
  <c r="A2419" i="10" s="1"/>
  <c r="A2420" i="10" s="1"/>
  <c r="A2421" i="10" s="1"/>
  <c r="A2422" i="10" s="1"/>
  <c r="A2423" i="10" s="1"/>
  <c r="A2424" i="10" s="1"/>
  <c r="A2425" i="10" s="1"/>
  <c r="A2426" i="10" s="1"/>
  <c r="A2427" i="10" s="1"/>
  <c r="A2428" i="10" s="1"/>
  <c r="A2429" i="10" s="1"/>
  <c r="A2430" i="10" s="1"/>
  <c r="A2431" i="10" s="1"/>
  <c r="A2432" i="10" s="1"/>
  <c r="A2433" i="10" s="1"/>
  <c r="A2434" i="10" s="1"/>
  <c r="A2435" i="10" s="1"/>
  <c r="A2436" i="10" s="1"/>
  <c r="A2437" i="10" s="1"/>
  <c r="A2438" i="10" s="1"/>
  <c r="A2439" i="10" s="1"/>
  <c r="A2440" i="10" s="1"/>
  <c r="A2441" i="10" s="1"/>
  <c r="A2442" i="10" s="1"/>
  <c r="A2443" i="10" s="1"/>
  <c r="A2444" i="10" s="1"/>
  <c r="A2445" i="10" s="1"/>
  <c r="A2446" i="10" s="1"/>
  <c r="A2447" i="10" s="1"/>
  <c r="A2448" i="10" s="1"/>
  <c r="A2449" i="10" s="1"/>
  <c r="A2450" i="10" s="1"/>
  <c r="A2451" i="10" s="1"/>
  <c r="A2452" i="10" s="1"/>
  <c r="A2453" i="10" s="1"/>
  <c r="A2454" i="10" s="1"/>
  <c r="A2455" i="10" s="1"/>
  <c r="A2456" i="10" s="1"/>
  <c r="A2457" i="10" s="1"/>
  <c r="A2458" i="10" s="1"/>
  <c r="A2459" i="10" s="1"/>
  <c r="A2460" i="10" s="1"/>
  <c r="A2461" i="10" s="1"/>
  <c r="A2462" i="10" s="1"/>
  <c r="A2463" i="10" s="1"/>
  <c r="A2464" i="10" s="1"/>
  <c r="A2465" i="10" s="1"/>
  <c r="A2466" i="10" s="1"/>
  <c r="A2467" i="10" s="1"/>
  <c r="A2468" i="10" s="1"/>
  <c r="A2469" i="10" s="1"/>
  <c r="A2470" i="10" s="1"/>
  <c r="A2471" i="10" s="1"/>
  <c r="A2472" i="10" s="1"/>
  <c r="A2473" i="10" s="1"/>
  <c r="A2474" i="10" s="1"/>
  <c r="A2475" i="10" s="1"/>
  <c r="A2476" i="10" s="1"/>
  <c r="A2477" i="10" s="1"/>
  <c r="A2478" i="10" s="1"/>
  <c r="A2479" i="10" s="1"/>
  <c r="A2480" i="10" s="1"/>
  <c r="A2481" i="10" s="1"/>
  <c r="A2482" i="10" s="1"/>
  <c r="A2483" i="10" s="1"/>
  <c r="A2484" i="10" s="1"/>
  <c r="A2485" i="10" s="1"/>
  <c r="A2486" i="10" s="1"/>
  <c r="A2487" i="10" s="1"/>
  <c r="A2488" i="10" s="1"/>
  <c r="A2489" i="10" s="1"/>
  <c r="A2490" i="10" s="1"/>
  <c r="A2491" i="10" s="1"/>
  <c r="A2492" i="10" s="1"/>
  <c r="A2493" i="10" s="1"/>
  <c r="A2494" i="10" s="1"/>
  <c r="A2495" i="10" s="1"/>
  <c r="A2496" i="10" s="1"/>
  <c r="A2497" i="10" s="1"/>
  <c r="A2498" i="10" s="1"/>
  <c r="A2499" i="10" s="1"/>
  <c r="A2500" i="10" s="1"/>
  <c r="A2501" i="10" s="1"/>
  <c r="A2502" i="10" s="1"/>
  <c r="A2503" i="10" s="1"/>
  <c r="A2504" i="10" s="1"/>
  <c r="A2505" i="10" s="1"/>
  <c r="A2506" i="10" s="1"/>
  <c r="A2507" i="10" s="1"/>
  <c r="A2508" i="10" s="1"/>
  <c r="A2509" i="10" s="1"/>
  <c r="A2510" i="10" s="1"/>
  <c r="A2511" i="10" s="1"/>
  <c r="A2512" i="10" s="1"/>
  <c r="A2513" i="10" s="1"/>
  <c r="A2514" i="10" s="1"/>
  <c r="A2515" i="10" s="1"/>
  <c r="A2516" i="10" s="1"/>
  <c r="A2517" i="10" s="1"/>
  <c r="A2518" i="10" s="1"/>
  <c r="A2519" i="10" s="1"/>
  <c r="A2520" i="10" s="1"/>
  <c r="A2521" i="10" s="1"/>
  <c r="A2522" i="10" s="1"/>
  <c r="A2523" i="10" s="1"/>
  <c r="A2524" i="10" s="1"/>
  <c r="A2525" i="10" s="1"/>
  <c r="A2526" i="10" s="1"/>
  <c r="A2527" i="10" s="1"/>
  <c r="A2528" i="10" s="1"/>
  <c r="A2529" i="10" s="1"/>
  <c r="A2530" i="10" s="1"/>
  <c r="A2531" i="10" s="1"/>
  <c r="A2532" i="10" s="1"/>
  <c r="A2533" i="10" s="1"/>
  <c r="A2534" i="10" s="1"/>
  <c r="A2535" i="10" s="1"/>
  <c r="A2536" i="10" s="1"/>
  <c r="A2537" i="10" s="1"/>
  <c r="A2538" i="10" s="1"/>
  <c r="A2539" i="10" s="1"/>
  <c r="A2540" i="10" s="1"/>
  <c r="A2541" i="10" s="1"/>
  <c r="A2542" i="10" s="1"/>
  <c r="A2543" i="10" s="1"/>
  <c r="A2544" i="10" s="1"/>
  <c r="A2545" i="10" s="1"/>
  <c r="A2546" i="10" s="1"/>
  <c r="A2547" i="10" s="1"/>
  <c r="A2548" i="10" s="1"/>
  <c r="A2549" i="10" s="1"/>
  <c r="A2550" i="10" s="1"/>
  <c r="A2551" i="10" s="1"/>
  <c r="A2552" i="10" s="1"/>
  <c r="A2553" i="10" s="1"/>
  <c r="A2554" i="10" s="1"/>
  <c r="A2555" i="10" s="1"/>
  <c r="A2556" i="10" s="1"/>
  <c r="A2557" i="10" s="1"/>
  <c r="A2558" i="10" s="1"/>
  <c r="A2559" i="10" s="1"/>
  <c r="A2560" i="10" s="1"/>
  <c r="A2561" i="10" s="1"/>
  <c r="A2562" i="10" s="1"/>
  <c r="A2563" i="10" s="1"/>
  <c r="A2564" i="10" s="1"/>
  <c r="A2565" i="10" s="1"/>
  <c r="A2566" i="10" s="1"/>
  <c r="A2567" i="10" s="1"/>
  <c r="A2568" i="10" s="1"/>
  <c r="A2569" i="10" s="1"/>
  <c r="A2570" i="10" s="1"/>
  <c r="A2571" i="10" s="1"/>
  <c r="A2572" i="10" s="1"/>
  <c r="A2573" i="10" s="1"/>
  <c r="A2574" i="10" s="1"/>
  <c r="A2575" i="10" s="1"/>
  <c r="A2576" i="10" s="1"/>
  <c r="A2577" i="10" s="1"/>
  <c r="A2578" i="10" s="1"/>
  <c r="A2579" i="10" s="1"/>
  <c r="A2580" i="10" s="1"/>
  <c r="A2581" i="10" s="1"/>
  <c r="A2582" i="10" s="1"/>
  <c r="A2583" i="10" s="1"/>
  <c r="A2584" i="10" s="1"/>
  <c r="A2585" i="10" s="1"/>
  <c r="A2586" i="10" s="1"/>
  <c r="A2587" i="10" s="1"/>
  <c r="A2588" i="10" s="1"/>
  <c r="A2589" i="10" s="1"/>
  <c r="A2590" i="10" s="1"/>
  <c r="A2591" i="10" s="1"/>
  <c r="A2592" i="10" s="1"/>
  <c r="A2593" i="10" s="1"/>
  <c r="A2594" i="10" s="1"/>
  <c r="A2595" i="10" s="1"/>
  <c r="A2596" i="10" s="1"/>
  <c r="A2597" i="10" s="1"/>
  <c r="A2598" i="10" s="1"/>
  <c r="A2599" i="10" s="1"/>
  <c r="A2600" i="10" s="1"/>
  <c r="A2601" i="10" s="1"/>
  <c r="A2602" i="10" s="1"/>
  <c r="A2603" i="10" s="1"/>
  <c r="A2604" i="10" s="1"/>
  <c r="A2605" i="10" s="1"/>
  <c r="A2606" i="10" s="1"/>
  <c r="A2607" i="10" s="1"/>
  <c r="A2608" i="10" s="1"/>
  <c r="A2609" i="10" s="1"/>
  <c r="A2610" i="10" s="1"/>
  <c r="A2611" i="10" s="1"/>
  <c r="A2612" i="10" s="1"/>
  <c r="A2613" i="10" s="1"/>
  <c r="A2614" i="10" s="1"/>
  <c r="A2615" i="10" s="1"/>
  <c r="A2616" i="10" s="1"/>
  <c r="A2617" i="10" s="1"/>
  <c r="A2618" i="10" s="1"/>
  <c r="A2619" i="10" s="1"/>
  <c r="A2620" i="10" s="1"/>
  <c r="A2621" i="10" s="1"/>
  <c r="A2622" i="10" s="1"/>
  <c r="A2623" i="10" s="1"/>
  <c r="A2624" i="10" s="1"/>
  <c r="A2625" i="10" s="1"/>
  <c r="A2626" i="10" s="1"/>
  <c r="A2627" i="10" s="1"/>
  <c r="A2628" i="10" s="1"/>
  <c r="A2629" i="10" s="1"/>
  <c r="A2630" i="10" s="1"/>
  <c r="A2631" i="10" s="1"/>
  <c r="A2632" i="10" s="1"/>
  <c r="A2633" i="10" s="1"/>
  <c r="A2634" i="10" s="1"/>
  <c r="A2635" i="10" s="1"/>
  <c r="A2636" i="10" s="1"/>
  <c r="A2637" i="10" s="1"/>
  <c r="A2638" i="10" s="1"/>
  <c r="A2639" i="10" s="1"/>
  <c r="A2640" i="10" s="1"/>
  <c r="A2641" i="10" s="1"/>
  <c r="A2642" i="10" s="1"/>
  <c r="A2643" i="10" s="1"/>
  <c r="A2644" i="10" s="1"/>
  <c r="A2645" i="10" s="1"/>
  <c r="A2646" i="10" s="1"/>
  <c r="A2647" i="10" s="1"/>
  <c r="A2648" i="10" s="1"/>
  <c r="A2649" i="10" s="1"/>
  <c r="A2650" i="10" s="1"/>
  <c r="A2651" i="10" s="1"/>
  <c r="A2652" i="10" s="1"/>
  <c r="A2653" i="10" s="1"/>
  <c r="A2654" i="10" s="1"/>
  <c r="A2655" i="10" s="1"/>
  <c r="A2656" i="10" s="1"/>
  <c r="A2657" i="10" s="1"/>
  <c r="A2658" i="10" s="1"/>
  <c r="A2659" i="10" s="1"/>
  <c r="A2660" i="10" s="1"/>
  <c r="A2661" i="10" s="1"/>
  <c r="A2662" i="10" s="1"/>
  <c r="A2663" i="10" s="1"/>
  <c r="A2664" i="10" s="1"/>
  <c r="A2665" i="10" s="1"/>
  <c r="A2666" i="10" s="1"/>
  <c r="A2667" i="10" s="1"/>
  <c r="A2668" i="10" s="1"/>
  <c r="A2669" i="10" s="1"/>
  <c r="A2670" i="10" s="1"/>
  <c r="A2671" i="10" s="1"/>
  <c r="A2672" i="10" s="1"/>
  <c r="A2673" i="10" s="1"/>
  <c r="A2674" i="10" s="1"/>
  <c r="A2675" i="10" s="1"/>
  <c r="A2676" i="10" s="1"/>
  <c r="A2677" i="10" s="1"/>
  <c r="A2678" i="10" s="1"/>
  <c r="A2679" i="10" s="1"/>
  <c r="A2680" i="10" s="1"/>
  <c r="A2681" i="10" s="1"/>
  <c r="A2682" i="10" s="1"/>
  <c r="A2683" i="10" s="1"/>
  <c r="A2684" i="10" s="1"/>
  <c r="A2685" i="10" s="1"/>
  <c r="A2686" i="10" s="1"/>
  <c r="A2687" i="10" s="1"/>
  <c r="A2688" i="10" s="1"/>
  <c r="A2689" i="10" s="1"/>
  <c r="A2690" i="10" s="1"/>
  <c r="A2691" i="10" s="1"/>
  <c r="A2692" i="10" s="1"/>
  <c r="A2693" i="10" s="1"/>
  <c r="A2694" i="10" s="1"/>
  <c r="A2695" i="10" s="1"/>
  <c r="A2696" i="10" s="1"/>
  <c r="A2697" i="10" s="1"/>
  <c r="A2698" i="10" s="1"/>
  <c r="A2699" i="10" s="1"/>
  <c r="A2700" i="10" s="1"/>
  <c r="A2701" i="10" s="1"/>
  <c r="A2702" i="10" s="1"/>
  <c r="A2703" i="10" s="1"/>
  <c r="A2704" i="10" s="1"/>
  <c r="A2705" i="10" s="1"/>
  <c r="A2706" i="10" s="1"/>
  <c r="A2707" i="10" s="1"/>
  <c r="A2708" i="10" s="1"/>
  <c r="A2709" i="10" s="1"/>
  <c r="A2710" i="10" s="1"/>
  <c r="A2711" i="10" s="1"/>
  <c r="A2712" i="10" s="1"/>
  <c r="A2713" i="10" s="1"/>
  <c r="A2714" i="10" s="1"/>
  <c r="A2715" i="10" s="1"/>
  <c r="A2716" i="10" s="1"/>
  <c r="A2717" i="10" s="1"/>
  <c r="A2718" i="10" s="1"/>
  <c r="A2719" i="10" s="1"/>
  <c r="A2720" i="10" s="1"/>
  <c r="A2721" i="10" s="1"/>
  <c r="A2722" i="10" s="1"/>
  <c r="A2723" i="10" s="1"/>
  <c r="A2724" i="10" s="1"/>
  <c r="A2725" i="10" s="1"/>
  <c r="A2726" i="10" s="1"/>
  <c r="A2727" i="10" s="1"/>
  <c r="A2728" i="10" s="1"/>
  <c r="A2729" i="10" s="1"/>
  <c r="A2730" i="10" s="1"/>
  <c r="A2731" i="10" s="1"/>
  <c r="A2732" i="10" s="1"/>
  <c r="A2733" i="10" s="1"/>
  <c r="A2734" i="10" s="1"/>
  <c r="A2735" i="10" s="1"/>
  <c r="A2736" i="10" s="1"/>
  <c r="A2737" i="10" s="1"/>
  <c r="A2738" i="10" s="1"/>
  <c r="A2739" i="10" s="1"/>
  <c r="A2740" i="10" s="1"/>
  <c r="A2741" i="10" s="1"/>
  <c r="A2742" i="10" s="1"/>
  <c r="A2743" i="10" s="1"/>
  <c r="A2744" i="10" s="1"/>
  <c r="A2745" i="10" s="1"/>
  <c r="A2746" i="10" s="1"/>
  <c r="A2747" i="10" s="1"/>
  <c r="A2748" i="10" s="1"/>
  <c r="A2749" i="10" s="1"/>
  <c r="A2750" i="10" s="1"/>
  <c r="A2751" i="10" s="1"/>
  <c r="A2752" i="10" s="1"/>
  <c r="A2753" i="10" s="1"/>
  <c r="A2754" i="10" s="1"/>
  <c r="A2755" i="10" s="1"/>
  <c r="A2756" i="10" s="1"/>
  <c r="A2757" i="10" s="1"/>
  <c r="A2758" i="10" s="1"/>
  <c r="A2759" i="10" s="1"/>
  <c r="A2760" i="10" s="1"/>
  <c r="A2761" i="10" s="1"/>
  <c r="A2762" i="10" s="1"/>
  <c r="A2763" i="10" s="1"/>
  <c r="A2764" i="10" s="1"/>
  <c r="A2765" i="10" s="1"/>
  <c r="A2766" i="10" s="1"/>
  <c r="A2767" i="10" s="1"/>
  <c r="A2768" i="10" s="1"/>
  <c r="A2769" i="10" s="1"/>
  <c r="A2770" i="10" s="1"/>
  <c r="A2771" i="10" s="1"/>
  <c r="A2772" i="10" s="1"/>
  <c r="A2773" i="10" s="1"/>
  <c r="A2774" i="10" s="1"/>
  <c r="A2775" i="10" s="1"/>
  <c r="A2776" i="10" s="1"/>
  <c r="A2777" i="10" s="1"/>
  <c r="A2778" i="10" s="1"/>
  <c r="A2779" i="10" s="1"/>
  <c r="A2780" i="10" s="1"/>
  <c r="A2781" i="10" s="1"/>
  <c r="A2782" i="10" s="1"/>
  <c r="A2783" i="10" s="1"/>
  <c r="A2784" i="10" s="1"/>
  <c r="A2785" i="10" s="1"/>
  <c r="A2786" i="10" s="1"/>
  <c r="A2787" i="10" s="1"/>
  <c r="A2788" i="10" s="1"/>
  <c r="A2789" i="10" s="1"/>
  <c r="A2790" i="10" s="1"/>
  <c r="A2791" i="10" s="1"/>
  <c r="A2792" i="10" s="1"/>
  <c r="A2793" i="10" s="1"/>
  <c r="A2794" i="10" s="1"/>
  <c r="A2795" i="10" s="1"/>
  <c r="A2796" i="10" s="1"/>
  <c r="A2797" i="10" s="1"/>
  <c r="A2798" i="10" s="1"/>
  <c r="A2799" i="10" s="1"/>
  <c r="A2800" i="10" s="1"/>
  <c r="A2801" i="10" s="1"/>
  <c r="A2802" i="10" s="1"/>
  <c r="A2803" i="10" s="1"/>
  <c r="A2804" i="10" s="1"/>
  <c r="A2805" i="10" s="1"/>
  <c r="A2806" i="10" s="1"/>
  <c r="A2807" i="10" s="1"/>
  <c r="A2808" i="10" s="1"/>
  <c r="A2809" i="10" s="1"/>
  <c r="A2810" i="10" s="1"/>
  <c r="A2811" i="10" s="1"/>
  <c r="A2812" i="10" s="1"/>
  <c r="A2813" i="10" s="1"/>
  <c r="A2814" i="10" s="1"/>
  <c r="A2815" i="10" s="1"/>
  <c r="A2816" i="10" s="1"/>
  <c r="A2817" i="10" s="1"/>
  <c r="A2818" i="10" s="1"/>
  <c r="A2819" i="10" s="1"/>
  <c r="A2820" i="10" s="1"/>
  <c r="A2821" i="10" s="1"/>
  <c r="A2822" i="10" s="1"/>
  <c r="A2823" i="10" s="1"/>
  <c r="A2824" i="10" s="1"/>
  <c r="A2825" i="10" s="1"/>
  <c r="A2826" i="10" s="1"/>
  <c r="A2827" i="10" s="1"/>
  <c r="A2828" i="10" s="1"/>
  <c r="A2829" i="10" s="1"/>
  <c r="A2830" i="10" s="1"/>
  <c r="A2831" i="10" s="1"/>
  <c r="A2832" i="10" s="1"/>
  <c r="A2833" i="10" s="1"/>
  <c r="A2834" i="10" s="1"/>
  <c r="A2835" i="10" s="1"/>
  <c r="A2836" i="10" s="1"/>
  <c r="A2837" i="10" s="1"/>
  <c r="A2838" i="10" s="1"/>
  <c r="A2839" i="10" s="1"/>
  <c r="A2840" i="10" s="1"/>
  <c r="A2841" i="10" s="1"/>
  <c r="A2842" i="10" s="1"/>
  <c r="A2843" i="10" s="1"/>
  <c r="A2844" i="10" s="1"/>
  <c r="A2845" i="10" s="1"/>
  <c r="A2846" i="10" s="1"/>
  <c r="A2847" i="10" s="1"/>
  <c r="A2848" i="10" s="1"/>
  <c r="A2849" i="10" s="1"/>
  <c r="A2850" i="10" s="1"/>
  <c r="A2851" i="10" s="1"/>
  <c r="A2852" i="10" s="1"/>
  <c r="A2853" i="10" s="1"/>
  <c r="A2854" i="10" s="1"/>
  <c r="A2855" i="10" s="1"/>
  <c r="A2856" i="10" s="1"/>
  <c r="A2857" i="10" s="1"/>
  <c r="A2858" i="10" s="1"/>
  <c r="A2859" i="10" s="1"/>
  <c r="A2860" i="10" s="1"/>
  <c r="A2861" i="10" s="1"/>
  <c r="A2862" i="10" s="1"/>
  <c r="A2863" i="10" s="1"/>
  <c r="A2864" i="10" s="1"/>
  <c r="A2865" i="10" s="1"/>
  <c r="A2866" i="10" s="1"/>
  <c r="A2867" i="10" s="1"/>
  <c r="A2868" i="10" s="1"/>
  <c r="A2869" i="10" s="1"/>
  <c r="A2870" i="10" s="1"/>
  <c r="A2871" i="10" s="1"/>
  <c r="A2872" i="10" s="1"/>
  <c r="A2873" i="10" s="1"/>
  <c r="A2874" i="10" s="1"/>
  <c r="A2875" i="10" s="1"/>
  <c r="A2876" i="10" s="1"/>
  <c r="A2877" i="10" s="1"/>
  <c r="A2878" i="10" s="1"/>
  <c r="A2879" i="10" s="1"/>
  <c r="A2880" i="10" s="1"/>
  <c r="A2881" i="10" s="1"/>
  <c r="A2882" i="10" s="1"/>
  <c r="A2883" i="10" s="1"/>
  <c r="A2884" i="10" s="1"/>
  <c r="A2885" i="10" s="1"/>
  <c r="A2886" i="10" s="1"/>
  <c r="A2887" i="10" s="1"/>
  <c r="A2888" i="10" s="1"/>
  <c r="A2889" i="10" s="1"/>
  <c r="A2890" i="10" s="1"/>
  <c r="A2891" i="10" s="1"/>
  <c r="A2892" i="10" s="1"/>
  <c r="A2893" i="10" s="1"/>
  <c r="A2894" i="10" s="1"/>
  <c r="A2895" i="10" s="1"/>
  <c r="A2896" i="10" s="1"/>
  <c r="A2897" i="10" s="1"/>
  <c r="A2898" i="10" s="1"/>
  <c r="A2899" i="10" s="1"/>
  <c r="A2900" i="10" s="1"/>
  <c r="A2901" i="10" s="1"/>
  <c r="A2902" i="10" s="1"/>
  <c r="A2903" i="10" s="1"/>
  <c r="A2904" i="10" s="1"/>
  <c r="A2905" i="10" s="1"/>
  <c r="A2906" i="10" s="1"/>
  <c r="A2907" i="10" s="1"/>
  <c r="A2908" i="10" s="1"/>
  <c r="A2909" i="10" s="1"/>
  <c r="A2910" i="10" s="1"/>
  <c r="A2911" i="10" s="1"/>
  <c r="A2912" i="10" s="1"/>
  <c r="A2913" i="10" s="1"/>
  <c r="A2914" i="10" s="1"/>
  <c r="A2915" i="10" s="1"/>
  <c r="A2916" i="10" s="1"/>
  <c r="A2917" i="10" s="1"/>
  <c r="A2918" i="10" s="1"/>
  <c r="A2919" i="10" s="1"/>
  <c r="A2920" i="10" s="1"/>
  <c r="A2921" i="10" s="1"/>
  <c r="A2922" i="10" s="1"/>
  <c r="A2923" i="10" s="1"/>
  <c r="A2924" i="10" s="1"/>
  <c r="A2925" i="10" s="1"/>
  <c r="A2926" i="10" s="1"/>
  <c r="A2927" i="10" s="1"/>
  <c r="A2928" i="10" s="1"/>
  <c r="A2929" i="10" s="1"/>
  <c r="A2930" i="10" s="1"/>
  <c r="A2931" i="10" s="1"/>
  <c r="A2932" i="10" s="1"/>
  <c r="A2933" i="10" s="1"/>
  <c r="A2934" i="10" s="1"/>
  <c r="A2935" i="10" s="1"/>
  <c r="A2936" i="10" s="1"/>
  <c r="A2937" i="10" s="1"/>
  <c r="A2938" i="10" s="1"/>
  <c r="A2939" i="10" s="1"/>
  <c r="A2940" i="10" s="1"/>
  <c r="A2941" i="10" s="1"/>
  <c r="A2942" i="10" s="1"/>
  <c r="A2943" i="10" s="1"/>
  <c r="A2944" i="10" s="1"/>
  <c r="A2945" i="10" s="1"/>
  <c r="A2946" i="10" s="1"/>
  <c r="A2947" i="10" s="1"/>
  <c r="A2948" i="10" s="1"/>
  <c r="A2949" i="10" s="1"/>
  <c r="A2950" i="10" s="1"/>
  <c r="A2951" i="10" s="1"/>
  <c r="A2952" i="10" s="1"/>
  <c r="A2953" i="10" s="1"/>
  <c r="A2954" i="10" s="1"/>
  <c r="A2955" i="10" s="1"/>
  <c r="A2956" i="10" s="1"/>
  <c r="A2957" i="10" s="1"/>
  <c r="A2958" i="10" s="1"/>
  <c r="A2959" i="10" s="1"/>
  <c r="A2960" i="10" s="1"/>
  <c r="A2961" i="10" s="1"/>
  <c r="A2962" i="10" s="1"/>
  <c r="A2963" i="10" s="1"/>
  <c r="A2964" i="10" s="1"/>
  <c r="A2965" i="10" s="1"/>
  <c r="A2966" i="10" s="1"/>
  <c r="A2967" i="10" s="1"/>
  <c r="A2968" i="10" s="1"/>
  <c r="A2969" i="10" s="1"/>
  <c r="A2970" i="10" s="1"/>
  <c r="A2971" i="10" s="1"/>
  <c r="A2972" i="10" s="1"/>
  <c r="A2973" i="10" s="1"/>
  <c r="A2974" i="10" s="1"/>
  <c r="A2975" i="10" s="1"/>
  <c r="A2976" i="10" s="1"/>
  <c r="A2977" i="10" s="1"/>
  <c r="A2978" i="10" s="1"/>
  <c r="A2979" i="10" s="1"/>
  <c r="A2980" i="10" s="1"/>
  <c r="A2981" i="10" s="1"/>
  <c r="A2982" i="10" s="1"/>
  <c r="A2983" i="10" s="1"/>
  <c r="A2984" i="10" s="1"/>
  <c r="A2985" i="10" s="1"/>
  <c r="A2986" i="10" s="1"/>
  <c r="A2987" i="10" s="1"/>
  <c r="A2988" i="10" s="1"/>
  <c r="A2989" i="10" s="1"/>
  <c r="A2990" i="10" s="1"/>
  <c r="A2991" i="10" s="1"/>
  <c r="A2992" i="10" s="1"/>
  <c r="A2993" i="10" s="1"/>
  <c r="A2994" i="10" s="1"/>
  <c r="A2995" i="10" s="1"/>
  <c r="A2996" i="10" s="1"/>
  <c r="A2997" i="10" s="1"/>
  <c r="A2998" i="10" s="1"/>
  <c r="A2999" i="10" s="1"/>
  <c r="A3000" i="10" s="1"/>
  <c r="A3001" i="10" s="1"/>
  <c r="A3002" i="10" s="1"/>
  <c r="A3003" i="10" s="1"/>
  <c r="A3004" i="10" s="1"/>
  <c r="A3005" i="10" s="1"/>
  <c r="A3006" i="10" s="1"/>
  <c r="A3007" i="10" s="1"/>
  <c r="A3008" i="10" s="1"/>
  <c r="A3009" i="10" s="1"/>
  <c r="A3010" i="10" s="1"/>
  <c r="A3011" i="10" s="1"/>
  <c r="A3012" i="10" s="1"/>
  <c r="A3013" i="10" s="1"/>
  <c r="A3014" i="10" s="1"/>
  <c r="A3015" i="10" s="1"/>
  <c r="A3016" i="10" s="1"/>
  <c r="A3017" i="10" s="1"/>
  <c r="A3018" i="10" s="1"/>
  <c r="A3019" i="10" s="1"/>
  <c r="A3020" i="10" s="1"/>
  <c r="A3021" i="10" s="1"/>
  <c r="A3022" i="10" s="1"/>
  <c r="A3023" i="10" s="1"/>
  <c r="A3024" i="10" s="1"/>
  <c r="A3025" i="10" s="1"/>
  <c r="A3026" i="10" s="1"/>
  <c r="A3027" i="10" s="1"/>
  <c r="A3028" i="10" s="1"/>
  <c r="A3029" i="10" s="1"/>
  <c r="A3030" i="10" s="1"/>
  <c r="A3031" i="10" s="1"/>
  <c r="A3032" i="10" s="1"/>
  <c r="A3033" i="10" s="1"/>
  <c r="A3034" i="10" s="1"/>
  <c r="A3035" i="10" s="1"/>
  <c r="A3036" i="10" s="1"/>
  <c r="A3037" i="10" s="1"/>
  <c r="A3038" i="10" s="1"/>
  <c r="A3039" i="10" s="1"/>
  <c r="A3040" i="10" s="1"/>
  <c r="A3041" i="10" s="1"/>
  <c r="A3042" i="10" s="1"/>
  <c r="A3043" i="10" s="1"/>
  <c r="A3044" i="10" s="1"/>
  <c r="A3045" i="10" s="1"/>
  <c r="A3046" i="10" s="1"/>
  <c r="A3047" i="10" s="1"/>
  <c r="A3048" i="10" s="1"/>
  <c r="A3049" i="10" s="1"/>
  <c r="A3050" i="10" s="1"/>
  <c r="A3051" i="10" s="1"/>
  <c r="A3052" i="10" s="1"/>
  <c r="A3053" i="10" s="1"/>
  <c r="A3054" i="10" s="1"/>
  <c r="A3055" i="10" s="1"/>
  <c r="A3056" i="10" s="1"/>
  <c r="A3057" i="10" s="1"/>
  <c r="A3058" i="10" s="1"/>
  <c r="A3059" i="10" s="1"/>
  <c r="A3060" i="10" s="1"/>
  <c r="A3061" i="10" s="1"/>
  <c r="A3062" i="10" s="1"/>
  <c r="A3063" i="10" s="1"/>
  <c r="A3064" i="10" s="1"/>
  <c r="A3065" i="10" s="1"/>
  <c r="A3066" i="10" s="1"/>
  <c r="A3067" i="10" s="1"/>
  <c r="A3068" i="10" s="1"/>
  <c r="A3069" i="10" s="1"/>
  <c r="A3070" i="10" s="1"/>
  <c r="A3071" i="10" s="1"/>
  <c r="A3072" i="10" s="1"/>
  <c r="A3073" i="10" s="1"/>
  <c r="A3074" i="10" s="1"/>
  <c r="A3075" i="10" s="1"/>
  <c r="A3076" i="10" s="1"/>
  <c r="A3077" i="10" s="1"/>
  <c r="A3078" i="10" s="1"/>
  <c r="A3079" i="10" s="1"/>
  <c r="A3080" i="10" s="1"/>
  <c r="A3081" i="10" s="1"/>
  <c r="A3082" i="10" s="1"/>
  <c r="A3083" i="10" s="1"/>
  <c r="A3084" i="10" s="1"/>
  <c r="A3085" i="10" s="1"/>
  <c r="A3086" i="10" s="1"/>
  <c r="A3087" i="10" s="1"/>
  <c r="A3088" i="10" s="1"/>
  <c r="A3089" i="10" s="1"/>
  <c r="A3090" i="10" s="1"/>
  <c r="A3091" i="10" s="1"/>
  <c r="A3092" i="10" s="1"/>
  <c r="A3093" i="10" s="1"/>
  <c r="A3094" i="10" s="1"/>
  <c r="A3095" i="10" s="1"/>
  <c r="A3096" i="10" s="1"/>
  <c r="A3097" i="10" s="1"/>
  <c r="A3098" i="10" s="1"/>
  <c r="A3099" i="10" s="1"/>
  <c r="A3100" i="10" s="1"/>
  <c r="A3101" i="10" s="1"/>
  <c r="A3102" i="10" s="1"/>
  <c r="A3103" i="10" s="1"/>
  <c r="A3104" i="10" s="1"/>
  <c r="A3105" i="10" s="1"/>
  <c r="A3106" i="10" s="1"/>
  <c r="A3107" i="10" s="1"/>
  <c r="A3108" i="10" s="1"/>
  <c r="A3109" i="10" s="1"/>
  <c r="A3110" i="10" s="1"/>
  <c r="A3111" i="10" s="1"/>
  <c r="A3112" i="10" s="1"/>
  <c r="A3113" i="10" s="1"/>
  <c r="A3114" i="10" s="1"/>
  <c r="A3115" i="10" s="1"/>
  <c r="A3116" i="10" s="1"/>
  <c r="A3117" i="10" s="1"/>
  <c r="A3118" i="10" s="1"/>
  <c r="A3119" i="10" s="1"/>
  <c r="A3120" i="10" s="1"/>
  <c r="A3121" i="10" s="1"/>
  <c r="A3122" i="10" s="1"/>
  <c r="A3123" i="10" s="1"/>
  <c r="A3124" i="10" s="1"/>
  <c r="A3125" i="10" s="1"/>
  <c r="A3126" i="10" s="1"/>
  <c r="A3127" i="10" s="1"/>
  <c r="A3128" i="10" s="1"/>
  <c r="A3129" i="10" s="1"/>
  <c r="A3130" i="10" s="1"/>
  <c r="A3131" i="10" s="1"/>
  <c r="A3132" i="10" s="1"/>
  <c r="A3133" i="10" s="1"/>
  <c r="A3134" i="10" s="1"/>
  <c r="A3135" i="10" s="1"/>
  <c r="A3136" i="10" s="1"/>
  <c r="A3137" i="10" s="1"/>
  <c r="A3138" i="10" s="1"/>
  <c r="A3139" i="10" s="1"/>
  <c r="A3140" i="10" s="1"/>
  <c r="A3141" i="10" s="1"/>
  <c r="A3142" i="10" s="1"/>
  <c r="A3143" i="10" s="1"/>
  <c r="A3144" i="10" s="1"/>
  <c r="A3145" i="10" s="1"/>
  <c r="A3146" i="10" s="1"/>
  <c r="A3147" i="10" s="1"/>
  <c r="A3148" i="10" s="1"/>
  <c r="A3149" i="10" s="1"/>
  <c r="A3150" i="10" s="1"/>
  <c r="A3151" i="10" s="1"/>
  <c r="A3152" i="10" s="1"/>
  <c r="A3153" i="10" s="1"/>
  <c r="A3154" i="10" s="1"/>
  <c r="A3155" i="10" s="1"/>
  <c r="A3156" i="10" s="1"/>
  <c r="A3157" i="10" s="1"/>
  <c r="A3158" i="10" s="1"/>
  <c r="A3159" i="10" s="1"/>
  <c r="A3160" i="10" s="1"/>
  <c r="A3161" i="10" s="1"/>
  <c r="A3162" i="10" s="1"/>
  <c r="A3163" i="10" s="1"/>
  <c r="A3164" i="10" s="1"/>
  <c r="A3165" i="10" s="1"/>
  <c r="A3166" i="10" s="1"/>
  <c r="A3167" i="10" s="1"/>
  <c r="A3168" i="10" s="1"/>
  <c r="A3169" i="10" s="1"/>
  <c r="A3170" i="10" s="1"/>
  <c r="A3171" i="10" s="1"/>
  <c r="A3172" i="10" s="1"/>
  <c r="A3173" i="10" s="1"/>
  <c r="A3174" i="10" s="1"/>
  <c r="A3175" i="10" s="1"/>
  <c r="A3176" i="10" s="1"/>
  <c r="A3177" i="10" s="1"/>
  <c r="A3178" i="10" s="1"/>
  <c r="A3179" i="10" s="1"/>
  <c r="A3180" i="10" s="1"/>
  <c r="A3181" i="10" s="1"/>
  <c r="A3182" i="10" s="1"/>
  <c r="A3183" i="10" s="1"/>
  <c r="A3184" i="10" s="1"/>
  <c r="A3185" i="10" s="1"/>
  <c r="A3186" i="10" s="1"/>
  <c r="A3187" i="10" s="1"/>
  <c r="A3188" i="10" s="1"/>
  <c r="A3189" i="10" s="1"/>
  <c r="A3190" i="10" s="1"/>
  <c r="A3191" i="10" s="1"/>
  <c r="A3192" i="10" s="1"/>
  <c r="A3193" i="10" s="1"/>
  <c r="A3194" i="10" s="1"/>
  <c r="A3195" i="10" s="1"/>
  <c r="A3196" i="10" s="1"/>
  <c r="A3197" i="10" s="1"/>
  <c r="A3198" i="10" s="1"/>
  <c r="A3199" i="10" s="1"/>
  <c r="A3200" i="10" s="1"/>
  <c r="A3201" i="10" s="1"/>
  <c r="A3202" i="10" s="1"/>
  <c r="A3203" i="10" s="1"/>
  <c r="A3204" i="10" s="1"/>
  <c r="A3205" i="10" s="1"/>
  <c r="A3206" i="10" s="1"/>
  <c r="A3207" i="10" s="1"/>
  <c r="A3208" i="10" s="1"/>
  <c r="A3209" i="10" s="1"/>
  <c r="A3210" i="10" s="1"/>
  <c r="A3211" i="10" s="1"/>
  <c r="A3212" i="10" s="1"/>
  <c r="A3213" i="10" s="1"/>
  <c r="A3214" i="10" s="1"/>
  <c r="A3215" i="10" s="1"/>
  <c r="A3216" i="10" s="1"/>
  <c r="A3217" i="10" s="1"/>
  <c r="A3218" i="10" s="1"/>
  <c r="A3219" i="10" s="1"/>
  <c r="A3220" i="10" s="1"/>
  <c r="A3221" i="10" s="1"/>
  <c r="A3222" i="10" s="1"/>
  <c r="A3223" i="10" s="1"/>
  <c r="A3224" i="10" s="1"/>
  <c r="A3225" i="10" s="1"/>
  <c r="A3226" i="10" s="1"/>
  <c r="A3227" i="10" s="1"/>
  <c r="A3228" i="10" s="1"/>
  <c r="A3229" i="10" s="1"/>
  <c r="A3230" i="10" s="1"/>
  <c r="A3231" i="10" s="1"/>
  <c r="A3232" i="10" s="1"/>
  <c r="A3233" i="10" s="1"/>
  <c r="A3234" i="10" s="1"/>
  <c r="A3235" i="10" s="1"/>
  <c r="A3236" i="10" s="1"/>
  <c r="A3237" i="10" s="1"/>
  <c r="A3238" i="10" s="1"/>
  <c r="A3239" i="10" s="1"/>
  <c r="A3240" i="10" s="1"/>
  <c r="A3241" i="10" s="1"/>
  <c r="A3242" i="10" s="1"/>
  <c r="A3243" i="10" s="1"/>
  <c r="A3244" i="10" s="1"/>
  <c r="A3245" i="10" s="1"/>
  <c r="A3246" i="10" s="1"/>
  <c r="A3247" i="10" s="1"/>
  <c r="A3248" i="10" s="1"/>
  <c r="A3249" i="10" s="1"/>
  <c r="A3250" i="10" s="1"/>
  <c r="A3251" i="10" s="1"/>
  <c r="A3252" i="10" s="1"/>
  <c r="A3253" i="10" s="1"/>
  <c r="A3254" i="10" s="1"/>
  <c r="A3255" i="10" s="1"/>
  <c r="A3256" i="10" s="1"/>
  <c r="A3257" i="10" s="1"/>
  <c r="A3258" i="10" s="1"/>
  <c r="A3259" i="10" s="1"/>
  <c r="A3260" i="10" s="1"/>
  <c r="A3261" i="10" s="1"/>
  <c r="A3262" i="10" s="1"/>
  <c r="A3263" i="10" s="1"/>
  <c r="A3264" i="10" s="1"/>
  <c r="A3265" i="10" s="1"/>
  <c r="A3266" i="10" s="1"/>
  <c r="A3267" i="10" s="1"/>
  <c r="A3268" i="10" s="1"/>
  <c r="A3269" i="10" s="1"/>
  <c r="A3270" i="10" s="1"/>
  <c r="A3271" i="10" s="1"/>
  <c r="A3272" i="10" s="1"/>
  <c r="A3273" i="10" s="1"/>
  <c r="A3274" i="10" s="1"/>
  <c r="A3275" i="10" s="1"/>
  <c r="A3276" i="10" s="1"/>
  <c r="A3277" i="10" s="1"/>
  <c r="A3278" i="10" s="1"/>
  <c r="A3279" i="10" s="1"/>
  <c r="A3280" i="10" s="1"/>
  <c r="A3281" i="10" s="1"/>
  <c r="A3282" i="10" s="1"/>
  <c r="A3283" i="10" s="1"/>
  <c r="A3284" i="10" s="1"/>
  <c r="A3285" i="10" s="1"/>
  <c r="A3286" i="10" s="1"/>
  <c r="A3287" i="10" s="1"/>
  <c r="A3288" i="10" s="1"/>
  <c r="A3289" i="10" s="1"/>
  <c r="A3290" i="10" s="1"/>
  <c r="A3291" i="10" s="1"/>
  <c r="A3292" i="10" s="1"/>
  <c r="A3293" i="10" s="1"/>
  <c r="A3294" i="10" s="1"/>
  <c r="A3295" i="10" s="1"/>
  <c r="A3296" i="10" s="1"/>
  <c r="A3297" i="10" s="1"/>
  <c r="A3298" i="10" s="1"/>
  <c r="A3299" i="10" s="1"/>
  <c r="A3300" i="10" s="1"/>
  <c r="A3301" i="10" s="1"/>
  <c r="A3302" i="10" s="1"/>
  <c r="A3303" i="10" s="1"/>
  <c r="A3304" i="10" s="1"/>
  <c r="A3305" i="10" s="1"/>
  <c r="A3306" i="10" s="1"/>
  <c r="A3307" i="10" s="1"/>
  <c r="A3308" i="10" s="1"/>
  <c r="A3309" i="10" s="1"/>
  <c r="A3310" i="10" s="1"/>
  <c r="A3311" i="10" s="1"/>
  <c r="A3312" i="10" s="1"/>
  <c r="A3313" i="10" s="1"/>
  <c r="A3314" i="10" s="1"/>
  <c r="A3315" i="10" s="1"/>
  <c r="A3316" i="10" s="1"/>
  <c r="A3317" i="10" s="1"/>
  <c r="A3318" i="10" s="1"/>
  <c r="A3319" i="10" s="1"/>
  <c r="A3320" i="10" s="1"/>
  <c r="A3321" i="10" s="1"/>
  <c r="A3322" i="10" s="1"/>
  <c r="A3323" i="10" s="1"/>
  <c r="A3324" i="10" s="1"/>
  <c r="A3325" i="10" s="1"/>
  <c r="A3326" i="10" s="1"/>
  <c r="A3327" i="10" s="1"/>
  <c r="A3328" i="10" s="1"/>
  <c r="A3329" i="10" s="1"/>
  <c r="A3330" i="10" s="1"/>
  <c r="A3331" i="10" s="1"/>
  <c r="A3332" i="10" s="1"/>
  <c r="A3333" i="10" s="1"/>
  <c r="A3334" i="10" s="1"/>
  <c r="A3335" i="10" s="1"/>
  <c r="A3336" i="10" s="1"/>
  <c r="A3337" i="10" s="1"/>
  <c r="A3338" i="10" s="1"/>
  <c r="A3339" i="10" s="1"/>
  <c r="A3340" i="10" s="1"/>
  <c r="A3341" i="10" s="1"/>
  <c r="A3342" i="10" s="1"/>
  <c r="A3343" i="10" s="1"/>
  <c r="A3344" i="10" s="1"/>
  <c r="A3345" i="10" s="1"/>
  <c r="A3346" i="10" s="1"/>
  <c r="A3347" i="10" s="1"/>
  <c r="A3348" i="10" s="1"/>
  <c r="A3349" i="10" s="1"/>
  <c r="A3350" i="10" s="1"/>
  <c r="A3351" i="10" s="1"/>
  <c r="A3352" i="10" s="1"/>
  <c r="A3353" i="10" s="1"/>
  <c r="A3354" i="10" s="1"/>
  <c r="A3355" i="10" s="1"/>
  <c r="A3356" i="10" s="1"/>
  <c r="A3357" i="10" s="1"/>
  <c r="A3358" i="10" s="1"/>
  <c r="A3359" i="10" s="1"/>
  <c r="A3360" i="10" s="1"/>
  <c r="A3361" i="10" s="1"/>
  <c r="A3362" i="10" s="1"/>
  <c r="A3363" i="10" s="1"/>
  <c r="A3364" i="10" s="1"/>
  <c r="A3365" i="10" s="1"/>
  <c r="A3366" i="10" s="1"/>
  <c r="A3367" i="10" s="1"/>
  <c r="A3368" i="10" s="1"/>
  <c r="A3369" i="10" s="1"/>
  <c r="A3370" i="10" s="1"/>
  <c r="A3371" i="10" s="1"/>
  <c r="A3372" i="10" s="1"/>
  <c r="A3373" i="10" s="1"/>
  <c r="A3374" i="10" s="1"/>
  <c r="A3375" i="10" s="1"/>
  <c r="A3376" i="10" s="1"/>
  <c r="A3377" i="10" s="1"/>
  <c r="A3378" i="10" s="1"/>
  <c r="A3379" i="10" s="1"/>
  <c r="A3380" i="10" s="1"/>
  <c r="A3381" i="10" s="1"/>
  <c r="A3382" i="10" s="1"/>
  <c r="A3383" i="10" s="1"/>
  <c r="A3384" i="10" s="1"/>
  <c r="A3385" i="10" s="1"/>
  <c r="A3386" i="10" s="1"/>
  <c r="A3387" i="10" s="1"/>
  <c r="A3388" i="10" s="1"/>
  <c r="A3389" i="10" s="1"/>
  <c r="A3390" i="10" s="1"/>
  <c r="A3391" i="10" s="1"/>
  <c r="A3392" i="10" s="1"/>
  <c r="A3393" i="10" s="1"/>
  <c r="A3394" i="10" s="1"/>
  <c r="A3395" i="10" s="1"/>
  <c r="A3396" i="10" s="1"/>
  <c r="A3397" i="10" s="1"/>
  <c r="A3398" i="10" s="1"/>
  <c r="A3399" i="10" s="1"/>
  <c r="A3400" i="10" s="1"/>
  <c r="A3401" i="10" s="1"/>
  <c r="A3402" i="10" s="1"/>
  <c r="A3403" i="10" s="1"/>
  <c r="A3404" i="10" s="1"/>
  <c r="A3405" i="10" s="1"/>
  <c r="A3406" i="10" s="1"/>
  <c r="A3407" i="10" s="1"/>
  <c r="A3408" i="10" s="1"/>
  <c r="A3409" i="10" s="1"/>
  <c r="A3410" i="10" s="1"/>
  <c r="A3411" i="10" s="1"/>
  <c r="A3412" i="10" s="1"/>
  <c r="A3413" i="10" s="1"/>
  <c r="A3414" i="10" s="1"/>
  <c r="A3415" i="10" s="1"/>
  <c r="A3416" i="10" s="1"/>
  <c r="A3417" i="10" s="1"/>
  <c r="A3418" i="10" s="1"/>
  <c r="A3419" i="10" s="1"/>
  <c r="A3420" i="10" s="1"/>
  <c r="A3421" i="10" s="1"/>
  <c r="A3422" i="10" s="1"/>
  <c r="A3423" i="10" s="1"/>
  <c r="A3424" i="10" s="1"/>
  <c r="A3425" i="10" s="1"/>
  <c r="A3426" i="10" s="1"/>
  <c r="A3427" i="10" s="1"/>
  <c r="A3428" i="10" s="1"/>
  <c r="A3429" i="10" s="1"/>
  <c r="A3430" i="10" s="1"/>
  <c r="A3431" i="10" s="1"/>
  <c r="A3432" i="10" s="1"/>
  <c r="A3433" i="10" s="1"/>
  <c r="A3434" i="10" s="1"/>
  <c r="A3435" i="10" s="1"/>
  <c r="A3436" i="10" s="1"/>
  <c r="A3437" i="10" s="1"/>
  <c r="A3438" i="10" s="1"/>
  <c r="A3439" i="10" s="1"/>
  <c r="A3440" i="10" s="1"/>
  <c r="A3441" i="10" s="1"/>
  <c r="A3442" i="10" s="1"/>
  <c r="A3443" i="10" s="1"/>
  <c r="A3444" i="10" s="1"/>
  <c r="A3445" i="10" s="1"/>
  <c r="A3446" i="10" s="1"/>
  <c r="A3447" i="10" s="1"/>
  <c r="A3448" i="10" s="1"/>
  <c r="A3449" i="10" s="1"/>
  <c r="A3450" i="10" s="1"/>
  <c r="A3451" i="10" s="1"/>
  <c r="A3452" i="10" s="1"/>
  <c r="A3453" i="10" s="1"/>
  <c r="A3454" i="10" s="1"/>
  <c r="A3455" i="10" s="1"/>
  <c r="A3456" i="10" s="1"/>
  <c r="A3457" i="10" s="1"/>
  <c r="A3458" i="10" s="1"/>
  <c r="A3459" i="10" s="1"/>
  <c r="A3460" i="10" s="1"/>
  <c r="A3461" i="10" s="1"/>
  <c r="A3462" i="10" s="1"/>
  <c r="A3463" i="10" s="1"/>
  <c r="A3464" i="10" s="1"/>
  <c r="A3465" i="10" s="1"/>
  <c r="A3466" i="10" s="1"/>
  <c r="A3467" i="10" s="1"/>
  <c r="A3468" i="10" s="1"/>
  <c r="A3469" i="10" s="1"/>
  <c r="A3470" i="10" s="1"/>
  <c r="A3471" i="10" s="1"/>
  <c r="A3472" i="10" s="1"/>
  <c r="A3473" i="10" s="1"/>
  <c r="A3474" i="10" s="1"/>
  <c r="A3475" i="10" s="1"/>
  <c r="A3476" i="10" s="1"/>
  <c r="A3477" i="10" s="1"/>
  <c r="A3478" i="10" s="1"/>
  <c r="A3479" i="10" s="1"/>
  <c r="A3480" i="10" s="1"/>
  <c r="A3481" i="10" s="1"/>
  <c r="A3482" i="10" s="1"/>
  <c r="A3483" i="10" s="1"/>
  <c r="A3484" i="10" s="1"/>
  <c r="A3485" i="10" s="1"/>
  <c r="A3486" i="10" s="1"/>
  <c r="A3487" i="10" s="1"/>
  <c r="A3488" i="10" s="1"/>
  <c r="A3489" i="10" s="1"/>
  <c r="A3490" i="10" s="1"/>
  <c r="A3491" i="10" s="1"/>
  <c r="A3492" i="10" s="1"/>
  <c r="A3493" i="10" s="1"/>
  <c r="A3494" i="10" s="1"/>
  <c r="A3495" i="10" s="1"/>
  <c r="A3496" i="10" s="1"/>
  <c r="A3497" i="10" s="1"/>
  <c r="A3498" i="10" s="1"/>
  <c r="A3499" i="10" s="1"/>
  <c r="A3500" i="10" s="1"/>
  <c r="A3501" i="10" s="1"/>
  <c r="A3502" i="10" s="1"/>
  <c r="A3503" i="10" s="1"/>
  <c r="A3504" i="10" s="1"/>
  <c r="A3505" i="10" s="1"/>
  <c r="A3506" i="10" s="1"/>
  <c r="A3507" i="10" s="1"/>
  <c r="A3508" i="10" s="1"/>
  <c r="A3509" i="10" s="1"/>
  <c r="A3510" i="10" s="1"/>
  <c r="A3511" i="10" s="1"/>
  <c r="A3512" i="10" s="1"/>
  <c r="A3513" i="10" s="1"/>
  <c r="A3514" i="10" s="1"/>
  <c r="A3515" i="10" s="1"/>
  <c r="A3516" i="10" s="1"/>
  <c r="A3517" i="10" s="1"/>
  <c r="A3518" i="10" s="1"/>
  <c r="A3519" i="10" s="1"/>
  <c r="A3520" i="10" s="1"/>
  <c r="A3521" i="10" s="1"/>
  <c r="A3522" i="10" s="1"/>
  <c r="A3523" i="10" s="1"/>
  <c r="A3524" i="10" s="1"/>
  <c r="A3525" i="10" s="1"/>
  <c r="A3526" i="10" s="1"/>
  <c r="A3527" i="10" s="1"/>
  <c r="A3528" i="10" s="1"/>
  <c r="A3529" i="10" s="1"/>
  <c r="A3530" i="10" s="1"/>
  <c r="A3531" i="10" s="1"/>
  <c r="A3532" i="10" s="1"/>
  <c r="A3533" i="10" s="1"/>
  <c r="A3534" i="10" s="1"/>
  <c r="A3535" i="10" s="1"/>
  <c r="A3536" i="10" s="1"/>
  <c r="A3537" i="10" s="1"/>
  <c r="A3538" i="10" s="1"/>
  <c r="A3539" i="10" s="1"/>
  <c r="A3540" i="10" s="1"/>
  <c r="A3541" i="10" s="1"/>
  <c r="A3542" i="10" s="1"/>
  <c r="A3543" i="10" s="1"/>
  <c r="A3544" i="10" s="1"/>
  <c r="A3545" i="10" s="1"/>
  <c r="A3546" i="10" s="1"/>
  <c r="A3547" i="10" s="1"/>
  <c r="A3548" i="10" s="1"/>
  <c r="A3549" i="10" s="1"/>
  <c r="A3550" i="10" s="1"/>
  <c r="A3551" i="10" s="1"/>
  <c r="A3552" i="10" s="1"/>
  <c r="A3553" i="10" s="1"/>
  <c r="A3554" i="10" s="1"/>
  <c r="A3555" i="10" s="1"/>
  <c r="A3556" i="10" s="1"/>
  <c r="A3557" i="10" s="1"/>
  <c r="A3558" i="10" s="1"/>
  <c r="A3559" i="10" s="1"/>
  <c r="A3560" i="10" s="1"/>
  <c r="A3561" i="10" s="1"/>
  <c r="A3562" i="10" s="1"/>
  <c r="A3563" i="10" s="1"/>
  <c r="A3564" i="10" s="1"/>
  <c r="A3565" i="10" s="1"/>
  <c r="A3566" i="10" s="1"/>
  <c r="A3567" i="10" s="1"/>
  <c r="A3568" i="10" s="1"/>
  <c r="A3569" i="10" s="1"/>
  <c r="A3570" i="10" s="1"/>
  <c r="A3571" i="10" s="1"/>
  <c r="A3572" i="10" s="1"/>
  <c r="A3573" i="10" s="1"/>
  <c r="A3574" i="10" s="1"/>
  <c r="A3575" i="10" s="1"/>
  <c r="A3576" i="10" s="1"/>
  <c r="A3577" i="10" s="1"/>
  <c r="A3578" i="10" s="1"/>
  <c r="A3579" i="10" s="1"/>
  <c r="A3580" i="10" s="1"/>
  <c r="A3581" i="10" s="1"/>
  <c r="A3582" i="10" s="1"/>
  <c r="A3583" i="10" s="1"/>
  <c r="A3584" i="10" s="1"/>
  <c r="A3585" i="10" s="1"/>
  <c r="A3586" i="10" s="1"/>
  <c r="A3587" i="10" s="1"/>
  <c r="A3588" i="10" s="1"/>
  <c r="A3589" i="10" s="1"/>
  <c r="A3590" i="10" s="1"/>
  <c r="A3591" i="10" s="1"/>
  <c r="A3592" i="10" s="1"/>
  <c r="A3593" i="10" s="1"/>
  <c r="A3594" i="10" s="1"/>
  <c r="A3595" i="10" s="1"/>
  <c r="A3596" i="10" s="1"/>
  <c r="A3597" i="10" s="1"/>
  <c r="A3598" i="10" s="1"/>
  <c r="A3599" i="10" s="1"/>
  <c r="A3600" i="10" s="1"/>
  <c r="A3601" i="10" s="1"/>
  <c r="A3602" i="10" s="1"/>
  <c r="A3603" i="10" s="1"/>
  <c r="A3604" i="10" s="1"/>
  <c r="A3605" i="10" s="1"/>
  <c r="A3606" i="10" s="1"/>
  <c r="A3607" i="10" s="1"/>
  <c r="A3608" i="10" s="1"/>
  <c r="A3609" i="10" s="1"/>
  <c r="A3610" i="10" s="1"/>
  <c r="A3611" i="10" s="1"/>
  <c r="A3612" i="10" s="1"/>
  <c r="A3613" i="10" s="1"/>
  <c r="A3614" i="10" s="1"/>
  <c r="A3615" i="10" s="1"/>
  <c r="A3616" i="10" s="1"/>
  <c r="A3617" i="10" s="1"/>
  <c r="A3618" i="10" s="1"/>
  <c r="A3619" i="10" s="1"/>
  <c r="A3620" i="10" s="1"/>
  <c r="A3621" i="10" s="1"/>
  <c r="A3622" i="10" s="1"/>
  <c r="A3623" i="10" s="1"/>
  <c r="A3624" i="10" s="1"/>
  <c r="A3625" i="10" s="1"/>
  <c r="A3626" i="10" s="1"/>
  <c r="A3627" i="10" s="1"/>
  <c r="A3628" i="10" s="1"/>
  <c r="A3629" i="10" s="1"/>
  <c r="A3630" i="10" s="1"/>
  <c r="A3631" i="10" s="1"/>
  <c r="A3632" i="10" s="1"/>
  <c r="A3633" i="10" s="1"/>
  <c r="A3634" i="10" s="1"/>
  <c r="A3635" i="10" s="1"/>
  <c r="A3636" i="10" s="1"/>
  <c r="A3637" i="10" s="1"/>
  <c r="A3638" i="10" s="1"/>
  <c r="A3639" i="10" s="1"/>
  <c r="A3640" i="10" s="1"/>
  <c r="A3641" i="10" s="1"/>
  <c r="A3642" i="10" s="1"/>
  <c r="A3643" i="10" s="1"/>
  <c r="A3644" i="10" s="1"/>
  <c r="A3645" i="10" s="1"/>
  <c r="A3646" i="10" s="1"/>
  <c r="A3647" i="10" s="1"/>
  <c r="A3648" i="10" s="1"/>
  <c r="A3649" i="10" s="1"/>
  <c r="A3650" i="10" s="1"/>
  <c r="A3651" i="10" s="1"/>
  <c r="A3652" i="10" s="1"/>
  <c r="A3653" i="10" s="1"/>
  <c r="A3654" i="10" s="1"/>
  <c r="A3655" i="10" s="1"/>
  <c r="A3656" i="10" s="1"/>
  <c r="A3657" i="10" s="1"/>
  <c r="A3658" i="10" s="1"/>
  <c r="A3659" i="10" s="1"/>
  <c r="A3660" i="10" s="1"/>
  <c r="A3661" i="10" s="1"/>
  <c r="A3662" i="10" s="1"/>
  <c r="A3663" i="10" s="1"/>
  <c r="A3664" i="10" s="1"/>
  <c r="A3665" i="10" s="1"/>
  <c r="A3666" i="10" s="1"/>
  <c r="A3667" i="10" s="1"/>
  <c r="A3668" i="10" s="1"/>
  <c r="A3669" i="10" s="1"/>
  <c r="A3670" i="10" s="1"/>
  <c r="A3671" i="10" s="1"/>
  <c r="A3672" i="10" s="1"/>
  <c r="A3673" i="10" s="1"/>
  <c r="A3674" i="10" s="1"/>
  <c r="A3675" i="10" s="1"/>
  <c r="A3676" i="10" s="1"/>
  <c r="A3677" i="10" s="1"/>
  <c r="A3678" i="10" s="1"/>
  <c r="A3679" i="10" s="1"/>
  <c r="A3680" i="10" s="1"/>
  <c r="A3681" i="10" s="1"/>
  <c r="A3682" i="10" s="1"/>
  <c r="A3683" i="10" s="1"/>
  <c r="A3684" i="10" s="1"/>
  <c r="A3685" i="10" s="1"/>
  <c r="A3686" i="10" s="1"/>
  <c r="A3687" i="10" s="1"/>
  <c r="A3688" i="10" s="1"/>
  <c r="A3689" i="10" s="1"/>
  <c r="A3690" i="10" s="1"/>
  <c r="A3691" i="10" s="1"/>
  <c r="A3692" i="10" s="1"/>
  <c r="A3693" i="10" s="1"/>
  <c r="A3694" i="10" s="1"/>
  <c r="A3695" i="10" s="1"/>
  <c r="A3696" i="10" s="1"/>
  <c r="A3697" i="10" s="1"/>
  <c r="A3698" i="10" s="1"/>
  <c r="A3699" i="10" s="1"/>
  <c r="A3700" i="10" s="1"/>
  <c r="A3701" i="10" s="1"/>
  <c r="A3702" i="10" s="1"/>
  <c r="A3703" i="10" s="1"/>
  <c r="A3704" i="10" s="1"/>
  <c r="A3705" i="10" s="1"/>
  <c r="A3706" i="10" s="1"/>
  <c r="A3707" i="10" s="1"/>
  <c r="A3708" i="10" s="1"/>
  <c r="A3709" i="10" s="1"/>
  <c r="A3710" i="10" s="1"/>
  <c r="A3711" i="10" s="1"/>
  <c r="A3712" i="10" s="1"/>
  <c r="A3713" i="10" s="1"/>
  <c r="A3714" i="10" s="1"/>
  <c r="A3715" i="10" s="1"/>
  <c r="A3716" i="10" s="1"/>
  <c r="A3717" i="10" s="1"/>
  <c r="A3718" i="10" s="1"/>
  <c r="A3719" i="10" s="1"/>
  <c r="A3720" i="10" s="1"/>
  <c r="A3721" i="10" s="1"/>
  <c r="A3722" i="10" s="1"/>
  <c r="A3723" i="10" s="1"/>
  <c r="A3724" i="10" s="1"/>
  <c r="A3725" i="10" s="1"/>
  <c r="A3726" i="10" s="1"/>
  <c r="A3727" i="10" s="1"/>
  <c r="A3728" i="10" s="1"/>
  <c r="A3729" i="10" s="1"/>
  <c r="A3730" i="10" s="1"/>
  <c r="A3731" i="10" s="1"/>
  <c r="A3732" i="10" s="1"/>
  <c r="A3733" i="10" s="1"/>
  <c r="A3734" i="10" s="1"/>
  <c r="A3735" i="10" s="1"/>
  <c r="A3736" i="10" s="1"/>
  <c r="A3737" i="10" s="1"/>
  <c r="A3738" i="10" s="1"/>
  <c r="A3739" i="10" s="1"/>
  <c r="A3740" i="10" s="1"/>
  <c r="A3741" i="10" s="1"/>
  <c r="A3742" i="10" s="1"/>
  <c r="A3743" i="10" s="1"/>
  <c r="A3744" i="10" s="1"/>
  <c r="A3745" i="10" s="1"/>
  <c r="A3746" i="10" s="1"/>
  <c r="A3747" i="10" s="1"/>
  <c r="A3748" i="10" s="1"/>
  <c r="A3749" i="10" s="1"/>
  <c r="A3750" i="10" s="1"/>
  <c r="A3751" i="10" s="1"/>
  <c r="A3752" i="10" s="1"/>
  <c r="A3753" i="10" s="1"/>
  <c r="A3754" i="10" s="1"/>
  <c r="A3755" i="10" s="1"/>
  <c r="A3756" i="10" s="1"/>
  <c r="A3757" i="10" s="1"/>
  <c r="A3758" i="10" s="1"/>
  <c r="A3759" i="10" s="1"/>
  <c r="A3760" i="10" s="1"/>
  <c r="A3761" i="10" s="1"/>
  <c r="A3762" i="10" s="1"/>
  <c r="A3763" i="10" s="1"/>
  <c r="A3764" i="10" s="1"/>
  <c r="A3765" i="10" s="1"/>
  <c r="A3766" i="10" s="1"/>
  <c r="A3767" i="10" s="1"/>
  <c r="A3768" i="10" s="1"/>
  <c r="A3769" i="10" s="1"/>
  <c r="A3770" i="10" s="1"/>
  <c r="A3771" i="10" s="1"/>
  <c r="A3772" i="10" s="1"/>
  <c r="A3773" i="10" s="1"/>
  <c r="A3774" i="10" s="1"/>
  <c r="A3775" i="10" s="1"/>
  <c r="A3776" i="10" s="1"/>
  <c r="A3777" i="10" s="1"/>
  <c r="A3778" i="10" s="1"/>
  <c r="A3779" i="10" s="1"/>
  <c r="A3780" i="10" s="1"/>
  <c r="A3781" i="10" s="1"/>
  <c r="A3782" i="10" s="1"/>
  <c r="A3783" i="10" s="1"/>
  <c r="A3784" i="10" s="1"/>
  <c r="A3785" i="10" s="1"/>
  <c r="A3786" i="10" s="1"/>
  <c r="A3787" i="10" s="1"/>
  <c r="A3788" i="10" s="1"/>
  <c r="A3789" i="10" s="1"/>
  <c r="A3790" i="10" s="1"/>
  <c r="A3791" i="10" s="1"/>
  <c r="A3792" i="10" s="1"/>
  <c r="A3793" i="10" s="1"/>
  <c r="A3794" i="10" s="1"/>
  <c r="A3795" i="10" s="1"/>
  <c r="A3796" i="10" s="1"/>
  <c r="A3797" i="10" s="1"/>
  <c r="A3798" i="10" s="1"/>
  <c r="A3799" i="10" s="1"/>
  <c r="A3800" i="10" s="1"/>
  <c r="A3801" i="10" s="1"/>
  <c r="A3802" i="10" s="1"/>
  <c r="A3803" i="10" s="1"/>
  <c r="A3804" i="10" s="1"/>
  <c r="A3805" i="10" s="1"/>
  <c r="A3806" i="10" s="1"/>
  <c r="A3807" i="10" s="1"/>
  <c r="A3808" i="10" s="1"/>
  <c r="A3809" i="10" s="1"/>
  <c r="A3810" i="10" s="1"/>
  <c r="A3811" i="10" s="1"/>
  <c r="A3812" i="10" s="1"/>
  <c r="A3813" i="10" s="1"/>
  <c r="A3814" i="10" s="1"/>
  <c r="A3815" i="10" s="1"/>
  <c r="A3816" i="10" s="1"/>
  <c r="A3817" i="10" s="1"/>
  <c r="A3818" i="10" s="1"/>
  <c r="A3819" i="10" s="1"/>
  <c r="A3820" i="10" s="1"/>
  <c r="A3821" i="10" s="1"/>
  <c r="A3822" i="10" s="1"/>
  <c r="A3823" i="10" s="1"/>
  <c r="A3824" i="10" s="1"/>
  <c r="A3825" i="10" s="1"/>
  <c r="A3826" i="10" s="1"/>
  <c r="A3827" i="10" s="1"/>
  <c r="A3828" i="10" s="1"/>
  <c r="A3829" i="10" s="1"/>
  <c r="A3830" i="10" s="1"/>
  <c r="A3831" i="10" s="1"/>
  <c r="A3832" i="10" s="1"/>
  <c r="A3833" i="10" s="1"/>
  <c r="A3834" i="10" s="1"/>
  <c r="A3835" i="10" s="1"/>
  <c r="A3836" i="10" s="1"/>
  <c r="A3837" i="10" s="1"/>
  <c r="A3838" i="10" s="1"/>
  <c r="A3839" i="10" s="1"/>
  <c r="A3840" i="10" s="1"/>
  <c r="A3841" i="10" s="1"/>
  <c r="A3842" i="10" s="1"/>
  <c r="A3843" i="10" s="1"/>
  <c r="A3844" i="10" s="1"/>
  <c r="A3845" i="10" s="1"/>
  <c r="A3846" i="10" s="1"/>
  <c r="A3847" i="10" s="1"/>
  <c r="A3848" i="10" s="1"/>
  <c r="A3849" i="10" s="1"/>
  <c r="A3850" i="10" s="1"/>
  <c r="A3851" i="10" s="1"/>
  <c r="A3852" i="10" s="1"/>
  <c r="A3853" i="10" s="1"/>
  <c r="A3854" i="10" s="1"/>
  <c r="A3855" i="10" s="1"/>
  <c r="A3856" i="10" s="1"/>
  <c r="A3857" i="10" s="1"/>
  <c r="A3858" i="10" s="1"/>
  <c r="A3859" i="10" s="1"/>
  <c r="A3860" i="10" s="1"/>
  <c r="A3861" i="10" s="1"/>
  <c r="A3862" i="10" s="1"/>
  <c r="A3863" i="10" s="1"/>
  <c r="A3864" i="10" s="1"/>
  <c r="A3865" i="10" s="1"/>
  <c r="A3866" i="10" s="1"/>
  <c r="A3867" i="10" s="1"/>
  <c r="A3868" i="10" s="1"/>
  <c r="A3869" i="10" s="1"/>
  <c r="A3870" i="10" s="1"/>
  <c r="A3871" i="10" s="1"/>
  <c r="A3872" i="10" s="1"/>
  <c r="A3873" i="10" s="1"/>
  <c r="A3874" i="10" s="1"/>
  <c r="A3875" i="10" s="1"/>
  <c r="A3876" i="10" s="1"/>
  <c r="A3877" i="10" s="1"/>
  <c r="A3878" i="10" s="1"/>
  <c r="A3879" i="10" s="1"/>
  <c r="A3880" i="10" s="1"/>
  <c r="A3881" i="10" s="1"/>
  <c r="A3882" i="10" s="1"/>
  <c r="A3883" i="10" s="1"/>
  <c r="A3884" i="10" s="1"/>
  <c r="A3885" i="10" s="1"/>
  <c r="A3886" i="10" s="1"/>
  <c r="A3887" i="10" s="1"/>
  <c r="A3888" i="10" s="1"/>
  <c r="A3889" i="10" s="1"/>
  <c r="A3890" i="10" s="1"/>
  <c r="A3891" i="10" s="1"/>
  <c r="A3892" i="10" s="1"/>
  <c r="A3893" i="10" s="1"/>
  <c r="A3894" i="10" s="1"/>
  <c r="A3895" i="10" s="1"/>
  <c r="A3896" i="10" s="1"/>
  <c r="A3897" i="10" s="1"/>
  <c r="A3898" i="10" s="1"/>
  <c r="A3899" i="10" s="1"/>
  <c r="A3900" i="10" s="1"/>
  <c r="A3901" i="10" s="1"/>
  <c r="A3902" i="10" s="1"/>
  <c r="A3903" i="10" s="1"/>
  <c r="A3904" i="10" s="1"/>
  <c r="A3905" i="10" s="1"/>
  <c r="A3906" i="10" s="1"/>
  <c r="A3907" i="10" s="1"/>
  <c r="A3908" i="10" s="1"/>
  <c r="A3909" i="10" s="1"/>
  <c r="A3910" i="10" s="1"/>
  <c r="A3911" i="10" s="1"/>
  <c r="A3912" i="10" s="1"/>
  <c r="A3913" i="10" s="1"/>
  <c r="A3914" i="10" s="1"/>
  <c r="A3915" i="10" s="1"/>
  <c r="A3916" i="10" s="1"/>
  <c r="A3917" i="10" s="1"/>
  <c r="A3918" i="10" s="1"/>
  <c r="A3919" i="10" s="1"/>
  <c r="A3920" i="10" s="1"/>
  <c r="A3921" i="10" s="1"/>
  <c r="A3922" i="10" s="1"/>
  <c r="A3923" i="10" s="1"/>
  <c r="A3924" i="10" s="1"/>
  <c r="A3925" i="10" s="1"/>
  <c r="A3926" i="10" s="1"/>
  <c r="A3927" i="10" s="1"/>
  <c r="A3928" i="10" s="1"/>
  <c r="A3929" i="10" s="1"/>
  <c r="A3930" i="10" s="1"/>
  <c r="A3931" i="10" s="1"/>
  <c r="A3932" i="10" s="1"/>
  <c r="A3933" i="10" s="1"/>
  <c r="A3934" i="10" s="1"/>
  <c r="A3935" i="10" s="1"/>
  <c r="A3936" i="10" s="1"/>
  <c r="A3937" i="10" s="1"/>
  <c r="A3938" i="10" s="1"/>
  <c r="A3939" i="10" s="1"/>
  <c r="A3940" i="10" s="1"/>
  <c r="A3941" i="10" s="1"/>
  <c r="A3942" i="10" s="1"/>
  <c r="A3943" i="10" s="1"/>
  <c r="A3944" i="10" s="1"/>
  <c r="A3945" i="10" s="1"/>
  <c r="A3946" i="10" s="1"/>
  <c r="A3947" i="10" s="1"/>
  <c r="A3948" i="10" s="1"/>
  <c r="A3949" i="10" s="1"/>
  <c r="A3950" i="10" s="1"/>
  <c r="A3951" i="10" s="1"/>
  <c r="A3952" i="10" s="1"/>
  <c r="A3953" i="10" s="1"/>
  <c r="A3954" i="10" s="1"/>
  <c r="A3955" i="10" s="1"/>
  <c r="A3956" i="10" s="1"/>
  <c r="A3957" i="10" s="1"/>
  <c r="A3958" i="10" s="1"/>
  <c r="A3959" i="10" s="1"/>
  <c r="A3960" i="10" s="1"/>
  <c r="A3961" i="10" s="1"/>
  <c r="A3962" i="10" s="1"/>
  <c r="A3963" i="10" s="1"/>
  <c r="A3964" i="10" s="1"/>
  <c r="A3965" i="10" s="1"/>
  <c r="A3966" i="10" s="1"/>
  <c r="A3967" i="10" s="1"/>
  <c r="A3968" i="10" s="1"/>
  <c r="A3969" i="10" s="1"/>
  <c r="A3970" i="10" s="1"/>
  <c r="A3971" i="10" s="1"/>
  <c r="A3972" i="10" s="1"/>
  <c r="A3973" i="10" s="1"/>
  <c r="A3974" i="10" s="1"/>
  <c r="A3975" i="10" s="1"/>
  <c r="A3976" i="10" s="1"/>
  <c r="A3977" i="10" s="1"/>
  <c r="A3978" i="10" s="1"/>
  <c r="A3979" i="10" s="1"/>
  <c r="A3980" i="10" s="1"/>
  <c r="A3981" i="10" s="1"/>
  <c r="A3982" i="10" s="1"/>
  <c r="A3983" i="10" s="1"/>
  <c r="A3984" i="10" s="1"/>
  <c r="A3985" i="10" s="1"/>
  <c r="A3986" i="10" s="1"/>
  <c r="A3987" i="10" s="1"/>
  <c r="A3988" i="10" s="1"/>
  <c r="A3989" i="10" s="1"/>
  <c r="A3990" i="10" s="1"/>
  <c r="A3991" i="10" s="1"/>
  <c r="A3992" i="10" s="1"/>
  <c r="A3993" i="10" s="1"/>
  <c r="A3994" i="10" s="1"/>
  <c r="A3995" i="10" s="1"/>
  <c r="A3996" i="10" s="1"/>
  <c r="A3997" i="10" s="1"/>
  <c r="A3998" i="10" s="1"/>
  <c r="A3999" i="10" s="1"/>
  <c r="A4000" i="10" s="1"/>
  <c r="A4001" i="10" s="1"/>
  <c r="A4002" i="10" s="1"/>
  <c r="A4003" i="10" s="1"/>
  <c r="A4004" i="10" s="1"/>
  <c r="A4005" i="10" s="1"/>
  <c r="A4006" i="10" s="1"/>
  <c r="A4007" i="10" s="1"/>
  <c r="A4008" i="10" s="1"/>
  <c r="A4009" i="10" s="1"/>
  <c r="A4010" i="10" s="1"/>
  <c r="A4011" i="10" s="1"/>
  <c r="A4012" i="10" s="1"/>
  <c r="A4013" i="10" s="1"/>
  <c r="A4014" i="10" s="1"/>
  <c r="A4015" i="10" s="1"/>
  <c r="A4016" i="10" s="1"/>
  <c r="A4017" i="10" s="1"/>
  <c r="A4018" i="10" s="1"/>
  <c r="A4019" i="10" s="1"/>
  <c r="A4020" i="10" s="1"/>
  <c r="A4021" i="10" s="1"/>
  <c r="A4022" i="10" s="1"/>
  <c r="A4023" i="10" s="1"/>
  <c r="A4024" i="10" s="1"/>
  <c r="A4025" i="10" s="1"/>
  <c r="A4026" i="10" s="1"/>
  <c r="A4027" i="10" s="1"/>
  <c r="A4028" i="10" s="1"/>
  <c r="A4029" i="10" s="1"/>
  <c r="A4030" i="10" s="1"/>
  <c r="A4031" i="10" s="1"/>
  <c r="A4032" i="10" s="1"/>
  <c r="A4033" i="10" s="1"/>
  <c r="A4034" i="10" s="1"/>
  <c r="A4035" i="10" s="1"/>
  <c r="A4036" i="10" s="1"/>
  <c r="A4037" i="10" s="1"/>
  <c r="A4038" i="10" s="1"/>
  <c r="A4039" i="10" s="1"/>
  <c r="A4040" i="10" s="1"/>
  <c r="A4041" i="10" s="1"/>
  <c r="A4042" i="10" s="1"/>
  <c r="A4043" i="10" s="1"/>
  <c r="A4044" i="10" s="1"/>
  <c r="A4045" i="10" s="1"/>
  <c r="A4046" i="10" s="1"/>
  <c r="A4047" i="10" s="1"/>
  <c r="A4048" i="10" s="1"/>
  <c r="A4049" i="10" s="1"/>
  <c r="A4050" i="10" s="1"/>
  <c r="A4051" i="10" s="1"/>
  <c r="A4052" i="10" s="1"/>
  <c r="A4053" i="10" s="1"/>
  <c r="A4054" i="10" s="1"/>
  <c r="A4055" i="10" s="1"/>
  <c r="A4056" i="10" s="1"/>
  <c r="A4057" i="10" s="1"/>
  <c r="A4058" i="10" s="1"/>
  <c r="A4059" i="10" s="1"/>
  <c r="A4060" i="10" s="1"/>
  <c r="A4061" i="10" s="1"/>
  <c r="A4062" i="10" s="1"/>
  <c r="A4063" i="10" s="1"/>
  <c r="A4064" i="10" s="1"/>
  <c r="A4065" i="10" s="1"/>
  <c r="A4066" i="10" s="1"/>
  <c r="A4067" i="10" s="1"/>
  <c r="A4068" i="10" s="1"/>
  <c r="A4069" i="10" s="1"/>
  <c r="A4070" i="10" s="1"/>
  <c r="A4071" i="10" s="1"/>
  <c r="A4072" i="10" s="1"/>
  <c r="A4073" i="10" s="1"/>
  <c r="A4074" i="10" s="1"/>
  <c r="A4075" i="10" s="1"/>
  <c r="A4076" i="10" s="1"/>
  <c r="A4077" i="10" s="1"/>
  <c r="A4078" i="10" s="1"/>
  <c r="A4079" i="10" s="1"/>
  <c r="A4080" i="10" s="1"/>
  <c r="A4081" i="10" s="1"/>
  <c r="A4082" i="10" s="1"/>
  <c r="A4083" i="10" s="1"/>
  <c r="A4084" i="10" s="1"/>
  <c r="A4085" i="10" s="1"/>
  <c r="A4086" i="10" s="1"/>
  <c r="A4087" i="10" s="1"/>
  <c r="A4088" i="10" s="1"/>
  <c r="A4089" i="10" s="1"/>
  <c r="A4090" i="10" s="1"/>
  <c r="A4091" i="10" s="1"/>
  <c r="A4092" i="10" s="1"/>
  <c r="A4093" i="10" s="1"/>
  <c r="A4094" i="10" s="1"/>
  <c r="A4095" i="10" s="1"/>
  <c r="A4096" i="10" s="1"/>
  <c r="A4097" i="10" s="1"/>
  <c r="A4098" i="10" s="1"/>
  <c r="A4099" i="10" s="1"/>
  <c r="A4100" i="10" s="1"/>
  <c r="A4101" i="10" s="1"/>
  <c r="A4102" i="10" s="1"/>
  <c r="A4103" i="10" s="1"/>
  <c r="A4104" i="10" s="1"/>
  <c r="A4105" i="10" s="1"/>
  <c r="A4106" i="10" s="1"/>
  <c r="A4107" i="10" s="1"/>
  <c r="A4108" i="10" s="1"/>
  <c r="A4109" i="10" s="1"/>
  <c r="A4110" i="10" s="1"/>
  <c r="A4111" i="10" s="1"/>
  <c r="A4112" i="10" s="1"/>
  <c r="A4113" i="10" s="1"/>
  <c r="A4114" i="10" s="1"/>
  <c r="A4115" i="10" s="1"/>
  <c r="A4116" i="10" s="1"/>
  <c r="A4117" i="10" s="1"/>
  <c r="A4118" i="10" s="1"/>
  <c r="A4119" i="10" s="1"/>
  <c r="A4120" i="10" s="1"/>
  <c r="A4121" i="10" s="1"/>
  <c r="A4122" i="10" s="1"/>
  <c r="A4123" i="10" s="1"/>
  <c r="A4124" i="10" s="1"/>
  <c r="A4125" i="10" s="1"/>
  <c r="A4126" i="10" s="1"/>
  <c r="A4127" i="10" s="1"/>
  <c r="A4128" i="10" s="1"/>
  <c r="A4129" i="10" s="1"/>
  <c r="A4130" i="10" s="1"/>
  <c r="A4131" i="10" s="1"/>
  <c r="A4132" i="10" s="1"/>
  <c r="A4133" i="10" s="1"/>
  <c r="A4134" i="10" s="1"/>
  <c r="A4135" i="10" s="1"/>
  <c r="A4136" i="10" s="1"/>
  <c r="A4137" i="10" s="1"/>
  <c r="A4138" i="10" s="1"/>
  <c r="A4139" i="10" s="1"/>
  <c r="A4140" i="10" s="1"/>
  <c r="A4141" i="10" s="1"/>
  <c r="A4142" i="10" s="1"/>
  <c r="A4143" i="10" s="1"/>
  <c r="A4144" i="10" s="1"/>
  <c r="A4145" i="10" s="1"/>
  <c r="A4146" i="10" s="1"/>
  <c r="A4147" i="10" s="1"/>
  <c r="A4148" i="10" s="1"/>
  <c r="A4149" i="10" s="1"/>
  <c r="A4150" i="10" s="1"/>
  <c r="A4151" i="10" s="1"/>
  <c r="A4152" i="10" s="1"/>
  <c r="A4153" i="10" s="1"/>
  <c r="A4154" i="10" s="1"/>
  <c r="A4155" i="10" s="1"/>
  <c r="A4156" i="10" s="1"/>
  <c r="A4157" i="10" s="1"/>
  <c r="A4158" i="10" s="1"/>
  <c r="A4159" i="10" s="1"/>
  <c r="A4160" i="10" s="1"/>
  <c r="A4161" i="10" s="1"/>
  <c r="A4162" i="10" s="1"/>
  <c r="A4163" i="10" s="1"/>
  <c r="A4164" i="10" s="1"/>
  <c r="A4165" i="10" s="1"/>
  <c r="A4166" i="10" s="1"/>
  <c r="A4167" i="10" s="1"/>
  <c r="A4168" i="10" s="1"/>
  <c r="A4169" i="10" s="1"/>
  <c r="A4170" i="10" s="1"/>
  <c r="A4171" i="10" s="1"/>
  <c r="A4172" i="10" s="1"/>
  <c r="A4173" i="10" s="1"/>
  <c r="A4174" i="10" s="1"/>
  <c r="A4175" i="10" s="1"/>
  <c r="A4176" i="10" s="1"/>
  <c r="A4177" i="10" s="1"/>
  <c r="A4178" i="10" s="1"/>
  <c r="A4179" i="10" s="1"/>
  <c r="A4180" i="10" s="1"/>
  <c r="A4181" i="10" s="1"/>
  <c r="A4182" i="10" s="1"/>
  <c r="A4183" i="10" s="1"/>
  <c r="A4184" i="10" s="1"/>
  <c r="A4185" i="10" s="1"/>
  <c r="A4186" i="10" s="1"/>
  <c r="A4187" i="10" s="1"/>
  <c r="A4188" i="10" s="1"/>
  <c r="A4189" i="10" s="1"/>
  <c r="A4190" i="10" s="1"/>
  <c r="A4191" i="10" s="1"/>
  <c r="A4192" i="10" s="1"/>
  <c r="A4193" i="10" s="1"/>
  <c r="A4194" i="10" s="1"/>
  <c r="A4195" i="10" s="1"/>
  <c r="A4196" i="10" s="1"/>
  <c r="A4197" i="10" s="1"/>
  <c r="A4198" i="10" s="1"/>
  <c r="A4199" i="10" s="1"/>
  <c r="A4200" i="10" s="1"/>
  <c r="A4201" i="10" s="1"/>
  <c r="A4202" i="10" s="1"/>
  <c r="A4203" i="10" s="1"/>
  <c r="A4204" i="10" s="1"/>
  <c r="A4205" i="10" s="1"/>
  <c r="A4206" i="10" s="1"/>
  <c r="A4207" i="10" s="1"/>
  <c r="A4208" i="10" s="1"/>
  <c r="A4209" i="10" s="1"/>
  <c r="A4210" i="10" s="1"/>
  <c r="A4211" i="10" s="1"/>
  <c r="A4212" i="10" s="1"/>
  <c r="A4213" i="10" s="1"/>
  <c r="A4214" i="10" s="1"/>
  <c r="A4215" i="10" s="1"/>
  <c r="A4216" i="10" s="1"/>
  <c r="A4217" i="10" s="1"/>
  <c r="A4218" i="10" s="1"/>
  <c r="A4219" i="10" s="1"/>
  <c r="A4220" i="10" s="1"/>
  <c r="A4221" i="10" s="1"/>
  <c r="A4222" i="10" s="1"/>
  <c r="A4223" i="10" s="1"/>
  <c r="A4224" i="10" s="1"/>
  <c r="A4225" i="10" s="1"/>
  <c r="A4226" i="10" s="1"/>
  <c r="A4227" i="10" s="1"/>
  <c r="A4228" i="10" s="1"/>
  <c r="A4229" i="10" s="1"/>
  <c r="A4230" i="10" s="1"/>
  <c r="A4231" i="10" s="1"/>
  <c r="A4232" i="10" s="1"/>
  <c r="A4233" i="10" s="1"/>
  <c r="A4234" i="10" s="1"/>
  <c r="A4235" i="10" s="1"/>
  <c r="A4236" i="10" s="1"/>
  <c r="A4237" i="10" s="1"/>
  <c r="A4238" i="10" s="1"/>
  <c r="A4239" i="10" s="1"/>
  <c r="A4240" i="10" s="1"/>
  <c r="A4241" i="10" s="1"/>
  <c r="A4242" i="10" s="1"/>
  <c r="A4243" i="10" s="1"/>
  <c r="A4244" i="10" s="1"/>
  <c r="A4245" i="10" s="1"/>
  <c r="A4246" i="10" s="1"/>
  <c r="A4247" i="10" s="1"/>
  <c r="A4248" i="10" s="1"/>
  <c r="A4249" i="10" s="1"/>
  <c r="A4250" i="10" s="1"/>
  <c r="A4251" i="10" s="1"/>
  <c r="A4252" i="10" s="1"/>
  <c r="A4253" i="10" s="1"/>
  <c r="A4254" i="10" s="1"/>
  <c r="A4255" i="10" s="1"/>
  <c r="A4256" i="10" s="1"/>
  <c r="A4257" i="10" s="1"/>
  <c r="A4258" i="10" s="1"/>
  <c r="A4259" i="10" s="1"/>
  <c r="A4260" i="10" s="1"/>
  <c r="A4261" i="10" s="1"/>
  <c r="A4262" i="10" s="1"/>
  <c r="A4263" i="10" s="1"/>
  <c r="A4264" i="10" s="1"/>
  <c r="A4265" i="10" s="1"/>
  <c r="A4266" i="10" s="1"/>
  <c r="A4267" i="10" s="1"/>
  <c r="A4268" i="10" s="1"/>
  <c r="A4269" i="10" s="1"/>
  <c r="A4270" i="10" s="1"/>
  <c r="A4271" i="10" s="1"/>
  <c r="A4272" i="10" s="1"/>
  <c r="A4273" i="10" s="1"/>
  <c r="A4274" i="10" s="1"/>
  <c r="A4275" i="10" s="1"/>
  <c r="A4276" i="10" s="1"/>
  <c r="A4277" i="10" s="1"/>
  <c r="A4278" i="10" s="1"/>
  <c r="A4279" i="10" s="1"/>
  <c r="A4280" i="10" s="1"/>
  <c r="A4281" i="10" s="1"/>
  <c r="A4282" i="10" s="1"/>
  <c r="A4283" i="10" s="1"/>
  <c r="A4284" i="10" s="1"/>
  <c r="A4285" i="10" s="1"/>
  <c r="A4286" i="10" s="1"/>
  <c r="A4287" i="10" s="1"/>
  <c r="A4288" i="10" s="1"/>
  <c r="A4289" i="10" s="1"/>
  <c r="A4290" i="10" s="1"/>
  <c r="A4291" i="10" s="1"/>
  <c r="A4292" i="10" s="1"/>
  <c r="A4293" i="10" s="1"/>
  <c r="A4294" i="10" s="1"/>
  <c r="A4295" i="10" s="1"/>
  <c r="A4296" i="10" s="1"/>
  <c r="A4297" i="10" s="1"/>
  <c r="A4298" i="10" s="1"/>
  <c r="A4299" i="10" s="1"/>
  <c r="A4300" i="10" s="1"/>
  <c r="A4301" i="10" s="1"/>
  <c r="A4302" i="10" s="1"/>
  <c r="A4303" i="10" s="1"/>
  <c r="A4304" i="10" s="1"/>
  <c r="A4305" i="10" s="1"/>
  <c r="A4306" i="10" s="1"/>
  <c r="A4307" i="10" s="1"/>
  <c r="A4308" i="10" s="1"/>
  <c r="A4309" i="10" s="1"/>
  <c r="A4310" i="10" s="1"/>
  <c r="A4311" i="10" s="1"/>
  <c r="A4312" i="10" s="1"/>
  <c r="A4313" i="10" s="1"/>
  <c r="A4314" i="10" s="1"/>
  <c r="A4315" i="10" s="1"/>
  <c r="A4316" i="10" s="1"/>
  <c r="A4317" i="10" s="1"/>
  <c r="A4318" i="10" s="1"/>
  <c r="A4319" i="10" s="1"/>
  <c r="A4320" i="10" s="1"/>
  <c r="A4321" i="10" s="1"/>
  <c r="A4322" i="10" s="1"/>
  <c r="A4323" i="10" s="1"/>
  <c r="A4324" i="10" s="1"/>
  <c r="A4325" i="10" s="1"/>
  <c r="A4326" i="10" s="1"/>
  <c r="A4327" i="10" s="1"/>
  <c r="A4328" i="10" s="1"/>
  <c r="A4329" i="10" s="1"/>
  <c r="A4330" i="10" s="1"/>
  <c r="A4331" i="10" s="1"/>
  <c r="A4332" i="10" s="1"/>
  <c r="A4333" i="10" s="1"/>
  <c r="A4334" i="10" s="1"/>
  <c r="A4335" i="10" s="1"/>
  <c r="A4336" i="10" s="1"/>
  <c r="A4337" i="10" s="1"/>
  <c r="A4338" i="10" s="1"/>
  <c r="A4339" i="10" s="1"/>
  <c r="A4340" i="10" s="1"/>
  <c r="A4341" i="10" s="1"/>
  <c r="A4342" i="10" s="1"/>
  <c r="A4343" i="10" s="1"/>
  <c r="A4344" i="10" s="1"/>
  <c r="A4345" i="10" s="1"/>
  <c r="A4346" i="10" s="1"/>
  <c r="A4347" i="10" s="1"/>
  <c r="A4348" i="10" s="1"/>
  <c r="A4349" i="10" s="1"/>
  <c r="A4350" i="10" s="1"/>
  <c r="A4351" i="10" s="1"/>
  <c r="A4352" i="10" s="1"/>
  <c r="A4353" i="10" s="1"/>
  <c r="A4354" i="10" s="1"/>
  <c r="A4355" i="10" s="1"/>
  <c r="A4356" i="10" s="1"/>
  <c r="A4357" i="10" s="1"/>
  <c r="A4358" i="10" s="1"/>
  <c r="A4359" i="10" s="1"/>
  <c r="A4360" i="10" s="1"/>
  <c r="A4361" i="10" s="1"/>
  <c r="A4362" i="10" s="1"/>
  <c r="A4363" i="10" s="1"/>
  <c r="A4364" i="10" s="1"/>
  <c r="A4365" i="10" s="1"/>
  <c r="A4366" i="10" s="1"/>
  <c r="A4367" i="10" s="1"/>
  <c r="A4368" i="10" s="1"/>
  <c r="A4369" i="10" s="1"/>
  <c r="A4370" i="10" s="1"/>
  <c r="A4371" i="10" s="1"/>
  <c r="A4372" i="10" s="1"/>
  <c r="A4373" i="10" s="1"/>
  <c r="A4374" i="10" s="1"/>
  <c r="A4375" i="10" s="1"/>
  <c r="A4376" i="10" s="1"/>
  <c r="A4377" i="10" s="1"/>
  <c r="A4378" i="10" s="1"/>
  <c r="A4379" i="10" s="1"/>
  <c r="A4380" i="10" s="1"/>
  <c r="A4381" i="10" s="1"/>
  <c r="A4382" i="10" s="1"/>
  <c r="A4383" i="10" s="1"/>
  <c r="A4384" i="10" s="1"/>
  <c r="A4385" i="10" s="1"/>
  <c r="A4386" i="10" s="1"/>
  <c r="A4387" i="10" s="1"/>
  <c r="A4388" i="10" s="1"/>
  <c r="A4389" i="10" s="1"/>
  <c r="A4390" i="10" s="1"/>
  <c r="A4391" i="10" s="1"/>
  <c r="A4392" i="10" s="1"/>
  <c r="A4393" i="10" s="1"/>
  <c r="A4394" i="10" s="1"/>
  <c r="A4395" i="10" s="1"/>
  <c r="A4396" i="10" s="1"/>
  <c r="A4397" i="10" s="1"/>
  <c r="A4398" i="10" s="1"/>
  <c r="A4399" i="10" s="1"/>
  <c r="A4400" i="10" s="1"/>
  <c r="A4401" i="10" s="1"/>
  <c r="A4402" i="10" s="1"/>
  <c r="A4403" i="10" s="1"/>
  <c r="A4404" i="10" s="1"/>
  <c r="A4405" i="10" s="1"/>
  <c r="A4406" i="10" s="1"/>
  <c r="A4407" i="10" s="1"/>
  <c r="A4408" i="10" s="1"/>
  <c r="A4409" i="10" s="1"/>
  <c r="A4410" i="10" s="1"/>
  <c r="A4411" i="10" s="1"/>
  <c r="A4412" i="10" s="1"/>
  <c r="A4413" i="10" s="1"/>
  <c r="A4414" i="10" s="1"/>
  <c r="A4415" i="10" s="1"/>
  <c r="A4416" i="10" s="1"/>
  <c r="A4417" i="10" s="1"/>
  <c r="A4418" i="10" s="1"/>
  <c r="A4419" i="10" s="1"/>
  <c r="A4420" i="10" s="1"/>
  <c r="A4421" i="10" s="1"/>
  <c r="A4422" i="10" s="1"/>
  <c r="A4423" i="10" s="1"/>
  <c r="A4424" i="10" s="1"/>
  <c r="A4425" i="10" s="1"/>
  <c r="A4426" i="10" s="1"/>
  <c r="A4427" i="10" s="1"/>
  <c r="A4428" i="10" s="1"/>
  <c r="A4429" i="10" s="1"/>
  <c r="A4430" i="10" s="1"/>
  <c r="A4431" i="10" s="1"/>
  <c r="A4432" i="10" s="1"/>
  <c r="A4433" i="10" s="1"/>
  <c r="A4434" i="10" s="1"/>
  <c r="A4435" i="10" s="1"/>
  <c r="A4436" i="10" s="1"/>
  <c r="A4437" i="10" s="1"/>
  <c r="A4438" i="10" s="1"/>
  <c r="A4439" i="10" s="1"/>
  <c r="A4440" i="10" s="1"/>
  <c r="A4441" i="10" s="1"/>
  <c r="A4442" i="10" s="1"/>
  <c r="A4443" i="10" s="1"/>
  <c r="A4444" i="10" s="1"/>
  <c r="A4445" i="10" s="1"/>
  <c r="A4446" i="10" s="1"/>
  <c r="A4447" i="10" s="1"/>
  <c r="A4448" i="10" s="1"/>
  <c r="A4449" i="10" s="1"/>
  <c r="A4450" i="10" s="1"/>
  <c r="A4451" i="10" s="1"/>
  <c r="A4452" i="10" s="1"/>
  <c r="A4453" i="10" s="1"/>
  <c r="A4454" i="10" s="1"/>
  <c r="A4455" i="10" s="1"/>
  <c r="A4456" i="10" s="1"/>
  <c r="A4457" i="10" s="1"/>
  <c r="A4458" i="10" s="1"/>
  <c r="A4459" i="10" s="1"/>
  <c r="A4460" i="10" s="1"/>
  <c r="A4461" i="10" s="1"/>
  <c r="A4462" i="10" s="1"/>
  <c r="A4463" i="10" s="1"/>
  <c r="A4464" i="10" s="1"/>
  <c r="A4465" i="10" s="1"/>
  <c r="A4466" i="10" s="1"/>
  <c r="A4467" i="10" s="1"/>
  <c r="A4468" i="10" s="1"/>
  <c r="A4469" i="10" s="1"/>
  <c r="A4470" i="10" s="1"/>
  <c r="A4471" i="10" s="1"/>
  <c r="A4472" i="10" s="1"/>
  <c r="A4473" i="10" s="1"/>
  <c r="A4474" i="10" s="1"/>
  <c r="A4475" i="10" s="1"/>
  <c r="A4476" i="10" s="1"/>
  <c r="A4477" i="10" s="1"/>
  <c r="A4478" i="10" s="1"/>
  <c r="A4479" i="10" s="1"/>
  <c r="A4480" i="10" s="1"/>
  <c r="A4481" i="10" s="1"/>
  <c r="A4482" i="10" s="1"/>
  <c r="A4483" i="10" s="1"/>
  <c r="A4484" i="10" s="1"/>
  <c r="A4485" i="10" s="1"/>
  <c r="A4486" i="10" s="1"/>
  <c r="A4487" i="10" s="1"/>
  <c r="A4488" i="10" s="1"/>
  <c r="A4489" i="10" s="1"/>
  <c r="A4490" i="10" s="1"/>
  <c r="A4491" i="10" s="1"/>
  <c r="A4492" i="10" s="1"/>
  <c r="A4493" i="10" s="1"/>
  <c r="A4494" i="10" s="1"/>
  <c r="A4495" i="10" s="1"/>
  <c r="A4496" i="10" s="1"/>
  <c r="A4497" i="10" s="1"/>
  <c r="A4498" i="10" s="1"/>
  <c r="A4499" i="10" s="1"/>
  <c r="A4500" i="10" s="1"/>
  <c r="A4501" i="10" s="1"/>
  <c r="A4502" i="10" s="1"/>
  <c r="A4503" i="10" s="1"/>
  <c r="A4504" i="10" s="1"/>
  <c r="A4505" i="10" s="1"/>
  <c r="A4506" i="10" s="1"/>
  <c r="A4507" i="10" s="1"/>
  <c r="A4508" i="10" s="1"/>
  <c r="A4509" i="10" s="1"/>
  <c r="A4510" i="10" s="1"/>
  <c r="A4511" i="10" s="1"/>
  <c r="A4512" i="10" s="1"/>
  <c r="A4513" i="10" s="1"/>
  <c r="A4514" i="10" s="1"/>
  <c r="A4515" i="10" s="1"/>
  <c r="A4516" i="10" s="1"/>
  <c r="A4517" i="10" s="1"/>
  <c r="A4518" i="10" s="1"/>
  <c r="A4519" i="10" s="1"/>
  <c r="A4520" i="10" s="1"/>
  <c r="A4521" i="10" s="1"/>
  <c r="A4522" i="10" s="1"/>
  <c r="A4523" i="10" s="1"/>
  <c r="A4524" i="10" s="1"/>
  <c r="A4525" i="10" s="1"/>
  <c r="A4526" i="10" s="1"/>
  <c r="A4527" i="10" s="1"/>
  <c r="A4528" i="10" s="1"/>
  <c r="A4529" i="10" s="1"/>
  <c r="A4530" i="10" s="1"/>
  <c r="A4531" i="10" s="1"/>
  <c r="A4532" i="10" s="1"/>
  <c r="A4533" i="10" s="1"/>
  <c r="A4534" i="10" s="1"/>
  <c r="A4535" i="10" s="1"/>
  <c r="A4536" i="10" s="1"/>
  <c r="A4537" i="10" s="1"/>
  <c r="A4538" i="10" s="1"/>
  <c r="A4539" i="10" s="1"/>
  <c r="A4540" i="10" s="1"/>
  <c r="A4541" i="10" s="1"/>
  <c r="A4542" i="10" s="1"/>
  <c r="A4543" i="10" s="1"/>
  <c r="A4544" i="10" s="1"/>
  <c r="A4545" i="10" s="1"/>
  <c r="A4546" i="10" s="1"/>
  <c r="A4547" i="10" s="1"/>
  <c r="A4548" i="10" s="1"/>
  <c r="A4549" i="10" s="1"/>
  <c r="A4550" i="10" s="1"/>
  <c r="A4551" i="10" s="1"/>
  <c r="A4552" i="10" s="1"/>
  <c r="A4553" i="10" s="1"/>
  <c r="A4554" i="10" s="1"/>
  <c r="A4555" i="10" s="1"/>
  <c r="A4556" i="10" s="1"/>
  <c r="A4557" i="10" s="1"/>
  <c r="A4558" i="10" s="1"/>
  <c r="A4559" i="10" s="1"/>
  <c r="A4560" i="10" s="1"/>
  <c r="A4561" i="10" s="1"/>
  <c r="A4562" i="10" s="1"/>
  <c r="A4563" i="10" s="1"/>
  <c r="A4564" i="10" s="1"/>
  <c r="A4565" i="10" s="1"/>
  <c r="A4566" i="10" s="1"/>
  <c r="A4567" i="10" s="1"/>
  <c r="A4568" i="10" s="1"/>
  <c r="A4569" i="10" s="1"/>
  <c r="A4570" i="10" s="1"/>
  <c r="A4571" i="10" s="1"/>
  <c r="A4572" i="10" s="1"/>
  <c r="A4573" i="10" s="1"/>
  <c r="A4574" i="10" s="1"/>
  <c r="A4575" i="10" s="1"/>
  <c r="A4576" i="10" s="1"/>
  <c r="A4577" i="10" s="1"/>
  <c r="A4578" i="10" s="1"/>
  <c r="A4579" i="10" s="1"/>
  <c r="A4580" i="10" s="1"/>
  <c r="A4581" i="10" s="1"/>
  <c r="A4582" i="10" s="1"/>
  <c r="A4583" i="10" s="1"/>
  <c r="A4584" i="10" s="1"/>
  <c r="A4585" i="10" s="1"/>
  <c r="A4586" i="10" s="1"/>
  <c r="A4587" i="10" s="1"/>
  <c r="A4588" i="10" s="1"/>
  <c r="A4589" i="10" s="1"/>
  <c r="A4590" i="10" s="1"/>
  <c r="A4591" i="10" s="1"/>
  <c r="A4592" i="10" s="1"/>
  <c r="A4593" i="10" s="1"/>
  <c r="A4594" i="10" s="1"/>
  <c r="A4595" i="10" s="1"/>
  <c r="A4596" i="10" s="1"/>
  <c r="A4597" i="10" s="1"/>
  <c r="A4598" i="10" s="1"/>
  <c r="A4599" i="10" s="1"/>
  <c r="A4600" i="10" s="1"/>
  <c r="A4601" i="10" s="1"/>
  <c r="A4602" i="10" s="1"/>
  <c r="A4603" i="10" s="1"/>
  <c r="A4604" i="10" s="1"/>
  <c r="A4605" i="10" s="1"/>
  <c r="A4606" i="10" s="1"/>
  <c r="A4607" i="10" s="1"/>
  <c r="A4608" i="10" s="1"/>
  <c r="A4609" i="10" s="1"/>
  <c r="A4610" i="10" s="1"/>
  <c r="A4611" i="10" s="1"/>
  <c r="A4612" i="10" s="1"/>
  <c r="A4613" i="10" s="1"/>
  <c r="A4614" i="10" s="1"/>
  <c r="A4615" i="10" s="1"/>
  <c r="A4616" i="10" s="1"/>
  <c r="A4617" i="10" s="1"/>
  <c r="A4618" i="10" s="1"/>
  <c r="A4619" i="10" s="1"/>
  <c r="A4620" i="10" s="1"/>
  <c r="A4621" i="10" s="1"/>
  <c r="A4622" i="10" s="1"/>
  <c r="A4623" i="10" s="1"/>
  <c r="A4624" i="10" s="1"/>
  <c r="A4625" i="10" s="1"/>
  <c r="A4626" i="10" s="1"/>
  <c r="A4627" i="10" s="1"/>
  <c r="A4628" i="10" s="1"/>
  <c r="A4629" i="10" s="1"/>
  <c r="A4630" i="10" s="1"/>
  <c r="A4631" i="10" s="1"/>
  <c r="A4632" i="10" s="1"/>
  <c r="A4633" i="10" s="1"/>
  <c r="A4634" i="10" s="1"/>
  <c r="A4635" i="10" s="1"/>
  <c r="A4636" i="10" s="1"/>
  <c r="A4637" i="10" s="1"/>
  <c r="A4638" i="10" s="1"/>
  <c r="A4639" i="10" s="1"/>
  <c r="A4640" i="10" s="1"/>
  <c r="A4641" i="10" s="1"/>
  <c r="A4642" i="10" s="1"/>
  <c r="A4643" i="10" s="1"/>
  <c r="A4644" i="10" s="1"/>
  <c r="A4645" i="10" s="1"/>
  <c r="A4646" i="10" s="1"/>
  <c r="A4647" i="10" s="1"/>
  <c r="A4648" i="10" s="1"/>
  <c r="A4649" i="10" s="1"/>
  <c r="A4650" i="10" s="1"/>
  <c r="A4651" i="10" s="1"/>
  <c r="A4652" i="10" s="1"/>
  <c r="A4653" i="10" s="1"/>
  <c r="A4654" i="10" s="1"/>
  <c r="A4655" i="10" s="1"/>
  <c r="A4656" i="10" s="1"/>
  <c r="A4657" i="10" s="1"/>
  <c r="A4658" i="10" s="1"/>
  <c r="A4659" i="10" s="1"/>
  <c r="A4660" i="10" s="1"/>
  <c r="A4661" i="10" s="1"/>
  <c r="A4662" i="10" s="1"/>
  <c r="A4663" i="10" s="1"/>
  <c r="A4664" i="10" s="1"/>
  <c r="A4665" i="10" s="1"/>
  <c r="A4666" i="10" s="1"/>
  <c r="A4667" i="10" s="1"/>
  <c r="A4668" i="10" s="1"/>
  <c r="A4669" i="10" s="1"/>
  <c r="A4670" i="10" s="1"/>
  <c r="A4671" i="10" s="1"/>
  <c r="A4672" i="10" s="1"/>
  <c r="A4673" i="10" s="1"/>
  <c r="A4674" i="10" s="1"/>
  <c r="A4675" i="10" s="1"/>
  <c r="A4676" i="10" s="1"/>
  <c r="A4677" i="10" s="1"/>
  <c r="A4678" i="10" s="1"/>
  <c r="A4679" i="10" s="1"/>
  <c r="A4680" i="10" s="1"/>
  <c r="A4681" i="10" s="1"/>
  <c r="A4682" i="10" s="1"/>
  <c r="A4683" i="10" s="1"/>
  <c r="A4684" i="10" s="1"/>
  <c r="A4685" i="10" s="1"/>
  <c r="A4686" i="10" s="1"/>
  <c r="A4687" i="10" s="1"/>
  <c r="A4688" i="10" s="1"/>
  <c r="A4689" i="10" s="1"/>
  <c r="A4690" i="10" s="1"/>
  <c r="A4691" i="10" s="1"/>
  <c r="A4692" i="10" s="1"/>
  <c r="A4693" i="10" s="1"/>
  <c r="A4694" i="10" s="1"/>
  <c r="A4695" i="10" s="1"/>
  <c r="A4696" i="10" s="1"/>
  <c r="A4697" i="10" s="1"/>
  <c r="A4698" i="10" s="1"/>
  <c r="A4699" i="10" s="1"/>
  <c r="A4700" i="10" s="1"/>
  <c r="A4701" i="10" s="1"/>
  <c r="A4702" i="10" s="1"/>
  <c r="A4703" i="10" s="1"/>
  <c r="A4704" i="10" s="1"/>
  <c r="A4705" i="10" s="1"/>
  <c r="A4706" i="10" s="1"/>
  <c r="A4707" i="10" s="1"/>
  <c r="A4708" i="10" s="1"/>
  <c r="A4709" i="10" s="1"/>
  <c r="A4710" i="10" s="1"/>
  <c r="A4711" i="10" s="1"/>
  <c r="A4712" i="10" s="1"/>
  <c r="A4713" i="10" s="1"/>
  <c r="A4714" i="10" s="1"/>
  <c r="A4715" i="10" s="1"/>
  <c r="A4716" i="10" s="1"/>
  <c r="A4717" i="10" s="1"/>
  <c r="A4718" i="10" s="1"/>
  <c r="A4719" i="10" s="1"/>
  <c r="A4720" i="10" s="1"/>
  <c r="A4721" i="10" s="1"/>
  <c r="A4722" i="10" s="1"/>
  <c r="A4723" i="10" s="1"/>
  <c r="A4724" i="10" s="1"/>
  <c r="A4725" i="10" s="1"/>
  <c r="A4726" i="10" s="1"/>
  <c r="A4727" i="10" s="1"/>
  <c r="A4728" i="10" s="1"/>
  <c r="A4729" i="10" s="1"/>
  <c r="A4730" i="10" s="1"/>
  <c r="A4731" i="10" s="1"/>
  <c r="A4732" i="10" s="1"/>
  <c r="A4733" i="10" s="1"/>
  <c r="A4734" i="10" s="1"/>
  <c r="A4735" i="10" s="1"/>
  <c r="A4736" i="10" s="1"/>
  <c r="A4737" i="10" s="1"/>
  <c r="A4738" i="10" s="1"/>
  <c r="A4739" i="10" s="1"/>
  <c r="A4740" i="10" s="1"/>
  <c r="A4741" i="10" s="1"/>
  <c r="A4742" i="10" s="1"/>
  <c r="A4743" i="10" s="1"/>
  <c r="A4744" i="10" s="1"/>
  <c r="A4745" i="10" s="1"/>
  <c r="A4746" i="10" s="1"/>
  <c r="A4747" i="10" s="1"/>
  <c r="A4748" i="10" s="1"/>
  <c r="A4749" i="10" s="1"/>
  <c r="A4750" i="10" s="1"/>
  <c r="A4751" i="10" s="1"/>
  <c r="A4752" i="10" s="1"/>
  <c r="A4753" i="10" s="1"/>
  <c r="A4754" i="10" s="1"/>
  <c r="A4755" i="10" s="1"/>
  <c r="A4756" i="10" s="1"/>
  <c r="A4757" i="10" s="1"/>
  <c r="A4758" i="10" s="1"/>
  <c r="A4759" i="10" s="1"/>
  <c r="A4760" i="10" s="1"/>
  <c r="A4761" i="10" s="1"/>
  <c r="A4762" i="10" s="1"/>
  <c r="A4763" i="10" s="1"/>
  <c r="A4764" i="10" s="1"/>
  <c r="A4765" i="10" s="1"/>
  <c r="A4766" i="10" s="1"/>
  <c r="A4767" i="10" s="1"/>
  <c r="A4768" i="10" s="1"/>
  <c r="A4769" i="10" s="1"/>
  <c r="A4770" i="10" s="1"/>
  <c r="A4771" i="10" s="1"/>
  <c r="A4772" i="10" s="1"/>
  <c r="A4773" i="10" s="1"/>
  <c r="A4774" i="10" s="1"/>
  <c r="A4775" i="10" s="1"/>
  <c r="A4776" i="10" s="1"/>
  <c r="A4777" i="10" s="1"/>
  <c r="A4778" i="10" s="1"/>
  <c r="A4779" i="10" s="1"/>
  <c r="A4780" i="10" s="1"/>
  <c r="A4781" i="10" s="1"/>
  <c r="A4782" i="10" s="1"/>
  <c r="A4783" i="10" s="1"/>
  <c r="A4784" i="10" s="1"/>
  <c r="A4785" i="10" s="1"/>
  <c r="A4786" i="10" s="1"/>
  <c r="A4787" i="10" s="1"/>
  <c r="A4788" i="10" s="1"/>
  <c r="A4789" i="10" s="1"/>
  <c r="A4790" i="10" s="1"/>
  <c r="A4791" i="10" s="1"/>
  <c r="A4792" i="10" s="1"/>
  <c r="A4793" i="10" s="1"/>
  <c r="A4794" i="10" s="1"/>
  <c r="A4795" i="10" s="1"/>
  <c r="A4796" i="10" s="1"/>
  <c r="A4797" i="10" s="1"/>
  <c r="A4798" i="10" s="1"/>
  <c r="A4799" i="10" s="1"/>
  <c r="A4800" i="10" s="1"/>
  <c r="A4801" i="10" s="1"/>
  <c r="A4802" i="10" s="1"/>
  <c r="A4803" i="10" s="1"/>
  <c r="A4804" i="10" s="1"/>
  <c r="A4805" i="10" s="1"/>
  <c r="A4806" i="10" s="1"/>
  <c r="A4807" i="10" s="1"/>
  <c r="A4808" i="10" s="1"/>
  <c r="A4809" i="10" s="1"/>
  <c r="A4810" i="10" s="1"/>
  <c r="A4811" i="10" s="1"/>
  <c r="A4812" i="10" s="1"/>
  <c r="A4813" i="10" s="1"/>
  <c r="A4814" i="10" s="1"/>
  <c r="A4815" i="10" s="1"/>
  <c r="A4816" i="10" s="1"/>
  <c r="A4817" i="10" s="1"/>
  <c r="A4818" i="10" s="1"/>
  <c r="A4819" i="10" s="1"/>
  <c r="A4820" i="10" s="1"/>
  <c r="A4821" i="10" s="1"/>
  <c r="A4822" i="10" s="1"/>
  <c r="A4823" i="10" s="1"/>
  <c r="A4824" i="10" s="1"/>
  <c r="A4825" i="10" s="1"/>
  <c r="A4826" i="10" s="1"/>
  <c r="A4827" i="10" s="1"/>
  <c r="A4828" i="10" s="1"/>
  <c r="A4829" i="10" s="1"/>
  <c r="A4830" i="10" s="1"/>
  <c r="A4831" i="10" s="1"/>
  <c r="A4832" i="10" s="1"/>
  <c r="A4833" i="10" s="1"/>
  <c r="A4834" i="10" s="1"/>
  <c r="A4835" i="10" s="1"/>
  <c r="A4836" i="10" s="1"/>
  <c r="A4837" i="10" s="1"/>
  <c r="A4838" i="10" s="1"/>
  <c r="A4839" i="10" s="1"/>
  <c r="A4840" i="10" s="1"/>
  <c r="A4841" i="10" s="1"/>
  <c r="A4842" i="10" s="1"/>
  <c r="A4843" i="10" s="1"/>
  <c r="A4844" i="10" s="1"/>
  <c r="A4845" i="10" s="1"/>
  <c r="A4846" i="10" s="1"/>
  <c r="A4847" i="10" s="1"/>
  <c r="A4848" i="10" s="1"/>
  <c r="A4849" i="10" s="1"/>
  <c r="A4850" i="10" s="1"/>
  <c r="A4851" i="10" s="1"/>
  <c r="A4852" i="10" s="1"/>
  <c r="A4853" i="10" s="1"/>
  <c r="A4854" i="10" s="1"/>
  <c r="A4855" i="10" s="1"/>
  <c r="A4856" i="10" s="1"/>
  <c r="A4857" i="10" s="1"/>
  <c r="A4858" i="10" s="1"/>
  <c r="A4859" i="10" s="1"/>
  <c r="A4860" i="10" s="1"/>
  <c r="A4861" i="10" s="1"/>
  <c r="A4862" i="10" s="1"/>
  <c r="A4863" i="10" s="1"/>
  <c r="A4864" i="10" s="1"/>
  <c r="A4865" i="10" s="1"/>
  <c r="A4866" i="10" s="1"/>
  <c r="A4867" i="10" s="1"/>
  <c r="A4868" i="10" s="1"/>
  <c r="A4869" i="10" s="1"/>
  <c r="A4870" i="10" s="1"/>
  <c r="A4871" i="10" s="1"/>
  <c r="A4872" i="10" s="1"/>
  <c r="A4873" i="10" s="1"/>
  <c r="A4874" i="10" s="1"/>
  <c r="A4875" i="10" s="1"/>
  <c r="A4876" i="10" s="1"/>
  <c r="A4877" i="10" s="1"/>
  <c r="A4878" i="10" s="1"/>
  <c r="A4879" i="10" s="1"/>
  <c r="A4880" i="10" s="1"/>
  <c r="A4881" i="10" s="1"/>
  <c r="A4882" i="10" s="1"/>
  <c r="A4883" i="10" s="1"/>
  <c r="A4884" i="10" s="1"/>
  <c r="A4885" i="10" s="1"/>
  <c r="A4886" i="10" s="1"/>
  <c r="A4887" i="10" s="1"/>
  <c r="A4888" i="10" s="1"/>
  <c r="A4889" i="10" s="1"/>
  <c r="A4890" i="10" s="1"/>
  <c r="A4891" i="10" s="1"/>
  <c r="A4892" i="10" s="1"/>
  <c r="A4893" i="10" s="1"/>
  <c r="A4894" i="10" s="1"/>
  <c r="A4895" i="10" s="1"/>
  <c r="A4896" i="10" s="1"/>
  <c r="A4897" i="10" s="1"/>
  <c r="A4898" i="10" s="1"/>
  <c r="A4899" i="10" s="1"/>
  <c r="A4900" i="10" s="1"/>
  <c r="A4901" i="10" s="1"/>
  <c r="A4902" i="10" s="1"/>
  <c r="A4903" i="10" s="1"/>
  <c r="A4904" i="10" s="1"/>
  <c r="A4905" i="10" s="1"/>
  <c r="A4906" i="10" s="1"/>
  <c r="A4907" i="10" s="1"/>
  <c r="A4908" i="10" s="1"/>
  <c r="A4909" i="10" s="1"/>
  <c r="A4910" i="10" s="1"/>
  <c r="A4911" i="10" s="1"/>
  <c r="A4912" i="10" s="1"/>
  <c r="A4913" i="10" s="1"/>
  <c r="A4914" i="10" s="1"/>
  <c r="A4915" i="10" s="1"/>
  <c r="A4916" i="10" s="1"/>
  <c r="A4917" i="10" s="1"/>
  <c r="A4918" i="10" s="1"/>
  <c r="A4919" i="10" s="1"/>
  <c r="A4920" i="10" s="1"/>
  <c r="A4921" i="10" s="1"/>
  <c r="A4922" i="10" s="1"/>
  <c r="A4923" i="10" s="1"/>
  <c r="A4924" i="10" s="1"/>
  <c r="A4925" i="10" s="1"/>
  <c r="A4926" i="10" s="1"/>
  <c r="A4927" i="10" s="1"/>
  <c r="A4928" i="10" s="1"/>
  <c r="A4929" i="10" s="1"/>
  <c r="A4930" i="10" s="1"/>
  <c r="A4931" i="10" s="1"/>
  <c r="A4932" i="10" s="1"/>
  <c r="A4933" i="10" s="1"/>
  <c r="A4934" i="10" s="1"/>
  <c r="A4935" i="10" s="1"/>
  <c r="A4936" i="10" s="1"/>
  <c r="A4937" i="10" s="1"/>
  <c r="A4938" i="10" s="1"/>
  <c r="A4939" i="10" s="1"/>
  <c r="A4940" i="10" s="1"/>
  <c r="A4941" i="10" s="1"/>
  <c r="A4942" i="10" s="1"/>
  <c r="A4943" i="10" s="1"/>
  <c r="A4944" i="10" s="1"/>
  <c r="A4945" i="10" s="1"/>
  <c r="A4946" i="10" s="1"/>
  <c r="A4947" i="10" s="1"/>
  <c r="A4948" i="10" s="1"/>
  <c r="A4949" i="10" s="1"/>
  <c r="A4950" i="10" s="1"/>
  <c r="A4951" i="10" s="1"/>
  <c r="A4952" i="10" s="1"/>
  <c r="A4953" i="10" s="1"/>
  <c r="A4954" i="10" s="1"/>
  <c r="A4955" i="10" s="1"/>
  <c r="A4956" i="10" s="1"/>
  <c r="A4957" i="10" s="1"/>
  <c r="A4958" i="10" s="1"/>
  <c r="A4959" i="10" s="1"/>
  <c r="A4960" i="10" s="1"/>
  <c r="A4961" i="10" s="1"/>
  <c r="A4962" i="10" s="1"/>
  <c r="A4963" i="10" s="1"/>
  <c r="A4964" i="10" s="1"/>
  <c r="A4965" i="10" s="1"/>
  <c r="A4966" i="10" s="1"/>
  <c r="A4967" i="10" s="1"/>
  <c r="A4968" i="10" s="1"/>
  <c r="A4969" i="10" s="1"/>
  <c r="A4970" i="10" s="1"/>
  <c r="A4971" i="10" s="1"/>
  <c r="A4972" i="10" s="1"/>
  <c r="A4973" i="10" s="1"/>
  <c r="A4974" i="10" s="1"/>
  <c r="A4975" i="10" s="1"/>
  <c r="A4976" i="10" s="1"/>
  <c r="A4977" i="10" s="1"/>
  <c r="A4978" i="10" s="1"/>
  <c r="A4979" i="10" s="1"/>
  <c r="A4980" i="10" s="1"/>
  <c r="A4981" i="10" s="1"/>
  <c r="A4982" i="10" s="1"/>
  <c r="A4983" i="10" s="1"/>
  <c r="A4984" i="10" s="1"/>
  <c r="A4985" i="10" s="1"/>
  <c r="A4986" i="10" s="1"/>
  <c r="A4987" i="10" s="1"/>
  <c r="A4988" i="10" s="1"/>
  <c r="A4989" i="10" s="1"/>
  <c r="A4990" i="10" s="1"/>
  <c r="A4991" i="10" s="1"/>
  <c r="A4992" i="10" s="1"/>
  <c r="A4993" i="10" s="1"/>
  <c r="A4994" i="10" s="1"/>
  <c r="A4995" i="10" s="1"/>
  <c r="A4996" i="10" s="1"/>
  <c r="A4997" i="10" s="1"/>
  <c r="A4998" i="10" s="1"/>
  <c r="A4999" i="10" s="1"/>
  <c r="A5000" i="10" s="1"/>
  <c r="A5001" i="10" s="1"/>
  <c r="A5002" i="10" s="1"/>
  <c r="A5003" i="10" s="1"/>
  <c r="A5004" i="10" s="1"/>
  <c r="A5005" i="10" s="1"/>
  <c r="A5006" i="10" s="1"/>
  <c r="A5007" i="10" s="1"/>
  <c r="A5008" i="10" s="1"/>
  <c r="A5009" i="10" s="1"/>
  <c r="A5010" i="10" s="1"/>
  <c r="A5011" i="10" s="1"/>
  <c r="A5012" i="10" s="1"/>
  <c r="A5013" i="10" s="1"/>
  <c r="A5014" i="10" s="1"/>
  <c r="A5015" i="10" s="1"/>
  <c r="A5016" i="10" s="1"/>
  <c r="A5017" i="10" s="1"/>
  <c r="A5018" i="10" s="1"/>
  <c r="A5019" i="10" s="1"/>
  <c r="A5020" i="10" s="1"/>
  <c r="A5021" i="10" s="1"/>
  <c r="A5022" i="10" s="1"/>
  <c r="A5023" i="10" s="1"/>
  <c r="A5024" i="10" s="1"/>
  <c r="A5025" i="10" s="1"/>
  <c r="A5026" i="10" s="1"/>
  <c r="A5027" i="10" s="1"/>
  <c r="A5028" i="10" s="1"/>
  <c r="A5029" i="10" s="1"/>
  <c r="A5030" i="10" s="1"/>
  <c r="A5031" i="10" s="1"/>
  <c r="A5032" i="10" s="1"/>
  <c r="A5033" i="10" s="1"/>
  <c r="A5034" i="10" s="1"/>
  <c r="A5035" i="10" s="1"/>
  <c r="A5036" i="10" s="1"/>
  <c r="A5037" i="10" s="1"/>
  <c r="A5038" i="10" s="1"/>
  <c r="A5039" i="10" s="1"/>
  <c r="A5040" i="10" s="1"/>
  <c r="A5041" i="10" s="1"/>
  <c r="A5042" i="10" s="1"/>
  <c r="A5043" i="10" s="1"/>
  <c r="A5044" i="10" s="1"/>
  <c r="A5045" i="10" s="1"/>
  <c r="A5046" i="10" s="1"/>
  <c r="A5047" i="10" s="1"/>
  <c r="A5048" i="10" s="1"/>
  <c r="A5049" i="10" s="1"/>
  <c r="A5050" i="10" s="1"/>
  <c r="A5051" i="10" s="1"/>
  <c r="A5052" i="10" s="1"/>
  <c r="A5053" i="10" s="1"/>
  <c r="A5054" i="10" s="1"/>
  <c r="A5055" i="10" s="1"/>
  <c r="A5056" i="10" s="1"/>
  <c r="A5057" i="10" s="1"/>
  <c r="A5058" i="10" s="1"/>
  <c r="A5059" i="10" s="1"/>
  <c r="A5060" i="10" s="1"/>
  <c r="A5061" i="10" s="1"/>
  <c r="A5062" i="10" s="1"/>
  <c r="A5063" i="10" s="1"/>
  <c r="A5064" i="10" s="1"/>
  <c r="A5065" i="10" s="1"/>
  <c r="A5066" i="10" s="1"/>
  <c r="A5067" i="10" s="1"/>
  <c r="A5068" i="10" s="1"/>
  <c r="A5069" i="10" s="1"/>
  <c r="A5070" i="10" s="1"/>
  <c r="A5071" i="10" s="1"/>
  <c r="A5072" i="10" s="1"/>
  <c r="A5073" i="10" s="1"/>
  <c r="A5074" i="10" s="1"/>
  <c r="A5075" i="10" s="1"/>
  <c r="A5076" i="10" s="1"/>
  <c r="A5077" i="10" s="1"/>
  <c r="A5078" i="10" s="1"/>
  <c r="A5079" i="10" s="1"/>
  <c r="A5080" i="10" s="1"/>
  <c r="A5081" i="10" s="1"/>
  <c r="A5082" i="10" s="1"/>
  <c r="A5083" i="10" s="1"/>
  <c r="A5084" i="10" s="1"/>
  <c r="A5085" i="10" s="1"/>
  <c r="A5086" i="10" s="1"/>
  <c r="A5087" i="10" s="1"/>
  <c r="A5088" i="10" s="1"/>
  <c r="A5089" i="10" s="1"/>
  <c r="A5090" i="10" s="1"/>
  <c r="A5091" i="10" s="1"/>
  <c r="A5092" i="10" s="1"/>
  <c r="A5093" i="10" s="1"/>
  <c r="A5094" i="10" s="1"/>
  <c r="A5095" i="10" s="1"/>
  <c r="A5096" i="10" s="1"/>
  <c r="A5097" i="10" s="1"/>
  <c r="A5098" i="10" s="1"/>
  <c r="A5099" i="10" s="1"/>
  <c r="A5100" i="10" s="1"/>
  <c r="A5101" i="10" s="1"/>
  <c r="A5102" i="10" s="1"/>
  <c r="A5103" i="10" s="1"/>
  <c r="A5104" i="10" s="1"/>
  <c r="A5105" i="10" s="1"/>
  <c r="A5106" i="10" s="1"/>
  <c r="A5107" i="10" s="1"/>
  <c r="A5108" i="10" s="1"/>
  <c r="A5109" i="10" s="1"/>
  <c r="A5110" i="10" s="1"/>
  <c r="A5111" i="10" s="1"/>
  <c r="A5112" i="10" s="1"/>
  <c r="A5113" i="10" s="1"/>
  <c r="A5114" i="10" s="1"/>
  <c r="A5115" i="10" s="1"/>
  <c r="A5116" i="10" s="1"/>
  <c r="A5117" i="10" s="1"/>
  <c r="A5118" i="10" s="1"/>
  <c r="A5119" i="10" s="1"/>
  <c r="A5120" i="10" s="1"/>
  <c r="A5121" i="10" s="1"/>
  <c r="A5122" i="10" s="1"/>
  <c r="A5123" i="10" s="1"/>
  <c r="A5124" i="10" s="1"/>
  <c r="A5125" i="10" s="1"/>
  <c r="A5126" i="10" s="1"/>
  <c r="A5127" i="10" s="1"/>
  <c r="A5128" i="10" s="1"/>
  <c r="A5129" i="10" s="1"/>
  <c r="A5130" i="10" s="1"/>
  <c r="A5131" i="10" s="1"/>
  <c r="A5132" i="10" s="1"/>
  <c r="A5133" i="10" s="1"/>
  <c r="A5134" i="10" s="1"/>
  <c r="A5135" i="10" s="1"/>
  <c r="A5136" i="10" s="1"/>
  <c r="A5137" i="10" s="1"/>
  <c r="A5138" i="10" s="1"/>
  <c r="A5139" i="10" s="1"/>
  <c r="A5140" i="10" s="1"/>
  <c r="A5141" i="10" s="1"/>
  <c r="A5142" i="10" s="1"/>
  <c r="A5143" i="10" s="1"/>
  <c r="A5144" i="10" s="1"/>
  <c r="A5145" i="10" s="1"/>
  <c r="A5146" i="10" s="1"/>
  <c r="A5147" i="10" s="1"/>
  <c r="A5148" i="10" s="1"/>
  <c r="A5149" i="10" s="1"/>
  <c r="A5150" i="10" s="1"/>
  <c r="A5151" i="10" s="1"/>
  <c r="A5152" i="10" s="1"/>
  <c r="A5153" i="10" s="1"/>
  <c r="A5154" i="10" s="1"/>
  <c r="A5155" i="10" s="1"/>
  <c r="A5156" i="10" s="1"/>
  <c r="A5157" i="10" s="1"/>
  <c r="A5158" i="10" s="1"/>
  <c r="A5159" i="10" s="1"/>
  <c r="A5160" i="10" s="1"/>
  <c r="A5161" i="10" s="1"/>
  <c r="A5162" i="10" s="1"/>
  <c r="A5163" i="10" s="1"/>
  <c r="A5164" i="10" s="1"/>
  <c r="A5165" i="10" s="1"/>
  <c r="A5166" i="10" s="1"/>
  <c r="A5167" i="10" s="1"/>
  <c r="A5168" i="10" s="1"/>
  <c r="A5169" i="10" s="1"/>
  <c r="A5170" i="10" s="1"/>
  <c r="A5171" i="10" s="1"/>
  <c r="A5172" i="10" s="1"/>
  <c r="A5173" i="10" s="1"/>
  <c r="A5174" i="10" s="1"/>
  <c r="A5175" i="10" s="1"/>
  <c r="A5176" i="10" s="1"/>
  <c r="A5177" i="10" s="1"/>
  <c r="A5178" i="10" s="1"/>
  <c r="A5179" i="10" s="1"/>
  <c r="A5180" i="10" s="1"/>
  <c r="A5181" i="10" s="1"/>
  <c r="A5182" i="10" s="1"/>
  <c r="A5183" i="10" s="1"/>
  <c r="A5184" i="10" s="1"/>
  <c r="A5185" i="10" s="1"/>
  <c r="A5186" i="10" s="1"/>
  <c r="A5187" i="10" s="1"/>
  <c r="A5188" i="10" s="1"/>
  <c r="A5189" i="10" s="1"/>
  <c r="A5190" i="10" s="1"/>
  <c r="A5191" i="10" s="1"/>
  <c r="A5192" i="10" s="1"/>
  <c r="A5193" i="10" s="1"/>
  <c r="A5194" i="10" s="1"/>
  <c r="A5195" i="10" s="1"/>
  <c r="A5196" i="10" s="1"/>
  <c r="A5197" i="10" s="1"/>
  <c r="A5198" i="10" s="1"/>
  <c r="A5199" i="10" s="1"/>
  <c r="A5200" i="10" s="1"/>
  <c r="A5201" i="10" s="1"/>
  <c r="A5202" i="10" s="1"/>
  <c r="A5203" i="10" s="1"/>
  <c r="A5204" i="10" s="1"/>
  <c r="A5205" i="10" s="1"/>
  <c r="A5206" i="10" s="1"/>
  <c r="A5207" i="10" s="1"/>
  <c r="A5208" i="10" s="1"/>
  <c r="A5209" i="10" s="1"/>
  <c r="A5210" i="10" s="1"/>
  <c r="A5211" i="10" s="1"/>
  <c r="A5212" i="10" s="1"/>
  <c r="A5213" i="10" s="1"/>
  <c r="A5214" i="10" s="1"/>
  <c r="A5215" i="10" s="1"/>
  <c r="A5216" i="10" s="1"/>
  <c r="A5217" i="10" s="1"/>
  <c r="A5218" i="10" s="1"/>
  <c r="A5219" i="10" s="1"/>
  <c r="A5220" i="10" s="1"/>
  <c r="A5221" i="10" s="1"/>
  <c r="A5222" i="10" s="1"/>
  <c r="A5223" i="10" s="1"/>
  <c r="A5224" i="10" s="1"/>
  <c r="A5225" i="10" s="1"/>
  <c r="A5226" i="10" s="1"/>
  <c r="A5227" i="10" s="1"/>
  <c r="A5228" i="10" s="1"/>
  <c r="A5229" i="10" s="1"/>
  <c r="A5230" i="10" s="1"/>
  <c r="A5231" i="10" s="1"/>
  <c r="A5232" i="10" s="1"/>
  <c r="A5233" i="10" s="1"/>
  <c r="A5234" i="10" s="1"/>
  <c r="A5235" i="10" s="1"/>
  <c r="A5236" i="10" s="1"/>
  <c r="A5237" i="10" s="1"/>
  <c r="A5238" i="10" s="1"/>
  <c r="A5239" i="10" s="1"/>
  <c r="A5240" i="10" s="1"/>
  <c r="A5241" i="10" s="1"/>
  <c r="A5242" i="10" s="1"/>
  <c r="A5243" i="10" s="1"/>
  <c r="A5244" i="10" s="1"/>
  <c r="A5245" i="10" s="1"/>
  <c r="A5246" i="10" s="1"/>
  <c r="A5247" i="10" s="1"/>
  <c r="A5248" i="10" s="1"/>
  <c r="A5249" i="10" s="1"/>
  <c r="A5250" i="10" s="1"/>
  <c r="A5251" i="10" s="1"/>
  <c r="A5252" i="10" s="1"/>
  <c r="A5253" i="10" s="1"/>
  <c r="A5254" i="10" s="1"/>
  <c r="A5255" i="10" s="1"/>
  <c r="A5256" i="10" s="1"/>
  <c r="A5257" i="10" s="1"/>
  <c r="A5258" i="10" s="1"/>
  <c r="A5259" i="10" s="1"/>
  <c r="A5260" i="10" s="1"/>
  <c r="A5261" i="10" s="1"/>
  <c r="A5262" i="10" s="1"/>
  <c r="A5263" i="10" s="1"/>
  <c r="A5264" i="10" s="1"/>
  <c r="A5265" i="10" s="1"/>
  <c r="A5266" i="10" s="1"/>
  <c r="A5267" i="10" s="1"/>
  <c r="A5268" i="10" s="1"/>
  <c r="A5269" i="10" s="1"/>
  <c r="A5270" i="10" s="1"/>
  <c r="A5271" i="10" s="1"/>
  <c r="A5272" i="10" s="1"/>
  <c r="A5273" i="10" s="1"/>
  <c r="A5274" i="10" s="1"/>
  <c r="A5275" i="10" s="1"/>
  <c r="A5276" i="10" s="1"/>
  <c r="A5277" i="10" s="1"/>
  <c r="A5278" i="10" s="1"/>
  <c r="A5279" i="10" s="1"/>
  <c r="A5280" i="10" s="1"/>
  <c r="A5281" i="10" s="1"/>
  <c r="A5282" i="10" s="1"/>
  <c r="A5283" i="10" s="1"/>
  <c r="A5284" i="10" s="1"/>
  <c r="A5285" i="10" s="1"/>
  <c r="A5286" i="10" s="1"/>
  <c r="A5287" i="10" s="1"/>
  <c r="A5288" i="10" s="1"/>
  <c r="A5289" i="10" s="1"/>
  <c r="A5290" i="10" s="1"/>
  <c r="A5291" i="10" s="1"/>
  <c r="A5292" i="10" s="1"/>
  <c r="A5293" i="10" s="1"/>
  <c r="A5294" i="10" s="1"/>
  <c r="A5295" i="10" s="1"/>
  <c r="A5296" i="10" s="1"/>
  <c r="A5297" i="10" s="1"/>
  <c r="A5298" i="10" s="1"/>
  <c r="A5299" i="10" s="1"/>
  <c r="A5300" i="10" s="1"/>
  <c r="A5301" i="10" s="1"/>
  <c r="A5302" i="10" s="1"/>
  <c r="A5303" i="10" s="1"/>
  <c r="A5304" i="10" s="1"/>
  <c r="A5305" i="10" s="1"/>
  <c r="A5306" i="10" s="1"/>
  <c r="A5307" i="10" s="1"/>
  <c r="A5308" i="10" s="1"/>
  <c r="A5309" i="10" s="1"/>
  <c r="A5310" i="10" s="1"/>
  <c r="A5311" i="10" s="1"/>
  <c r="A5312" i="10" s="1"/>
  <c r="A5313" i="10" s="1"/>
  <c r="A5314" i="10" s="1"/>
  <c r="A5315" i="10" s="1"/>
  <c r="A5316" i="10" s="1"/>
  <c r="A5317" i="10" s="1"/>
  <c r="A5318" i="10" s="1"/>
  <c r="A5319" i="10" s="1"/>
  <c r="A5320" i="10" s="1"/>
  <c r="A5321" i="10" s="1"/>
  <c r="A5322" i="10" s="1"/>
  <c r="A5323" i="10" s="1"/>
  <c r="A5324" i="10" s="1"/>
  <c r="A5325" i="10" s="1"/>
  <c r="A5326" i="10" s="1"/>
  <c r="A5327" i="10" s="1"/>
  <c r="A5328" i="10" s="1"/>
  <c r="A5329" i="10" s="1"/>
  <c r="A5330" i="10" s="1"/>
  <c r="A5331" i="10" s="1"/>
  <c r="A5332" i="10" s="1"/>
  <c r="A5333" i="10" s="1"/>
  <c r="A5334" i="10" s="1"/>
  <c r="A5335" i="10" s="1"/>
  <c r="A5336" i="10" s="1"/>
  <c r="A5337" i="10" s="1"/>
  <c r="A5338" i="10" s="1"/>
  <c r="A5339" i="10" s="1"/>
  <c r="A5340" i="10" s="1"/>
  <c r="A5341" i="10" s="1"/>
  <c r="A5342" i="10" s="1"/>
  <c r="A5343" i="10" s="1"/>
  <c r="A5344" i="10" s="1"/>
  <c r="A5345" i="10" s="1"/>
  <c r="A5346" i="10" s="1"/>
  <c r="A5347" i="10" s="1"/>
  <c r="A5348" i="10" s="1"/>
  <c r="A5349" i="10" s="1"/>
  <c r="A5350" i="10" s="1"/>
  <c r="A5351" i="10" s="1"/>
  <c r="A5352" i="10" s="1"/>
  <c r="A5353" i="10" s="1"/>
  <c r="A5354" i="10" s="1"/>
  <c r="A5355" i="10" s="1"/>
  <c r="A5356" i="10" s="1"/>
  <c r="A5357" i="10" s="1"/>
  <c r="A5358" i="10" s="1"/>
  <c r="A5359" i="10" s="1"/>
  <c r="A5360" i="10" s="1"/>
  <c r="A5361" i="10" s="1"/>
  <c r="A5362" i="10" s="1"/>
  <c r="A5363" i="10" s="1"/>
  <c r="A5364" i="10" s="1"/>
  <c r="A5365" i="10" s="1"/>
  <c r="A5366" i="10" s="1"/>
  <c r="A5367" i="10" s="1"/>
  <c r="A5368" i="10" s="1"/>
  <c r="A5369" i="10" s="1"/>
  <c r="A5370" i="10" s="1"/>
  <c r="A5371" i="10" s="1"/>
  <c r="A5372" i="10" s="1"/>
  <c r="A5373" i="10" s="1"/>
  <c r="A5374" i="10" s="1"/>
  <c r="A5375" i="10" s="1"/>
  <c r="A5376" i="10" s="1"/>
  <c r="A5377" i="10" s="1"/>
  <c r="A5378" i="10" s="1"/>
  <c r="A5379" i="10" s="1"/>
  <c r="A5380" i="10" s="1"/>
  <c r="A5381" i="10" s="1"/>
  <c r="A5382" i="10" s="1"/>
  <c r="A5383" i="10" s="1"/>
  <c r="A5384" i="10" s="1"/>
  <c r="A5385" i="10" s="1"/>
  <c r="A5386" i="10" s="1"/>
  <c r="A5387" i="10" s="1"/>
  <c r="A5388" i="10" s="1"/>
  <c r="A5389" i="10" s="1"/>
  <c r="A5390" i="10" s="1"/>
  <c r="A5391" i="10" s="1"/>
  <c r="A5392" i="10" s="1"/>
  <c r="A5393" i="10" s="1"/>
  <c r="A5394" i="10" s="1"/>
  <c r="A5395" i="10" s="1"/>
  <c r="A5396" i="10" s="1"/>
  <c r="A5397" i="10" s="1"/>
  <c r="A5398" i="10" s="1"/>
  <c r="A5399" i="10" s="1"/>
  <c r="A5400" i="10" s="1"/>
  <c r="A5401" i="10" s="1"/>
  <c r="A5402" i="10" s="1"/>
  <c r="A5403" i="10" s="1"/>
  <c r="A5404" i="10" s="1"/>
  <c r="A5405" i="10" s="1"/>
  <c r="A5406" i="10" s="1"/>
  <c r="A5407" i="10" s="1"/>
  <c r="A5408" i="10" s="1"/>
  <c r="A5409" i="10" s="1"/>
  <c r="A5410" i="10" s="1"/>
  <c r="A5411" i="10" s="1"/>
  <c r="A5412" i="10" s="1"/>
  <c r="A5413" i="10" s="1"/>
  <c r="A5414" i="10" s="1"/>
  <c r="A5415" i="10" s="1"/>
  <c r="A5416" i="10" s="1"/>
  <c r="A5417" i="10" s="1"/>
  <c r="A5418" i="10" s="1"/>
  <c r="A5419" i="10" s="1"/>
  <c r="A5420" i="10" s="1"/>
  <c r="A5421" i="10" s="1"/>
  <c r="A5422" i="10" s="1"/>
  <c r="A5423" i="10" s="1"/>
  <c r="A5424" i="10" s="1"/>
  <c r="A5425" i="10" s="1"/>
  <c r="A5426" i="10" s="1"/>
  <c r="A5427" i="10" s="1"/>
  <c r="A5428" i="10" s="1"/>
  <c r="A5429" i="10" s="1"/>
  <c r="A5430" i="10" s="1"/>
  <c r="A5431" i="10" s="1"/>
  <c r="A5432" i="10" s="1"/>
  <c r="A5433" i="10" s="1"/>
  <c r="A5434" i="10" s="1"/>
  <c r="A5435" i="10" s="1"/>
  <c r="A5436" i="10" s="1"/>
  <c r="A5437" i="10" s="1"/>
  <c r="A5438" i="10" s="1"/>
  <c r="A5439" i="10" s="1"/>
  <c r="A5440" i="10" s="1"/>
  <c r="A5441" i="10" s="1"/>
  <c r="A5442" i="10" s="1"/>
  <c r="A5443" i="10" s="1"/>
  <c r="A5444" i="10" s="1"/>
  <c r="A5445" i="10" s="1"/>
  <c r="A5446" i="10" s="1"/>
  <c r="A5447" i="10" s="1"/>
  <c r="A5448" i="10" s="1"/>
  <c r="A5449" i="10" s="1"/>
  <c r="A5450" i="10" s="1"/>
  <c r="A5451" i="10" s="1"/>
  <c r="A5452" i="10" s="1"/>
  <c r="A5453" i="10" s="1"/>
  <c r="A5454" i="10" s="1"/>
  <c r="A5455" i="10" s="1"/>
  <c r="A5456" i="10" s="1"/>
  <c r="A5457" i="10" s="1"/>
  <c r="A5458" i="10" s="1"/>
  <c r="A5459" i="10" s="1"/>
  <c r="A5460" i="10" s="1"/>
  <c r="A5461" i="10" s="1"/>
  <c r="A5462" i="10" s="1"/>
  <c r="A5463" i="10" s="1"/>
  <c r="A5464" i="10" s="1"/>
  <c r="A5465" i="10" s="1"/>
  <c r="A5466" i="10" s="1"/>
  <c r="A5467" i="10" s="1"/>
  <c r="A5468" i="10" s="1"/>
  <c r="A5469" i="10" s="1"/>
  <c r="A5470" i="10" s="1"/>
  <c r="A5471" i="10" s="1"/>
  <c r="A5472" i="10" s="1"/>
  <c r="A5473" i="10" s="1"/>
  <c r="A5474" i="10" s="1"/>
  <c r="A5475" i="10" s="1"/>
  <c r="A5476" i="10" s="1"/>
  <c r="A5477" i="10" s="1"/>
  <c r="A5478" i="10" s="1"/>
  <c r="A5479" i="10" s="1"/>
  <c r="A5480" i="10" s="1"/>
  <c r="A5481" i="10" s="1"/>
  <c r="A5482" i="10" s="1"/>
  <c r="A5483" i="10" s="1"/>
  <c r="A5484" i="10" s="1"/>
  <c r="A5485" i="10" s="1"/>
  <c r="A5486" i="10" s="1"/>
  <c r="A5487" i="10" s="1"/>
  <c r="A5488" i="10" s="1"/>
  <c r="A5489" i="10" s="1"/>
  <c r="A5490" i="10" s="1"/>
  <c r="A5491" i="10" s="1"/>
  <c r="A5492" i="10" s="1"/>
  <c r="A5493" i="10" s="1"/>
  <c r="A5494" i="10" s="1"/>
  <c r="A5495" i="10" s="1"/>
  <c r="A5496" i="10" s="1"/>
  <c r="A5497" i="10" s="1"/>
  <c r="A5498" i="10" s="1"/>
  <c r="A5499" i="10" s="1"/>
  <c r="A5500" i="10" s="1"/>
  <c r="A5501" i="10" s="1"/>
  <c r="A5502" i="10" s="1"/>
  <c r="A5503" i="10" s="1"/>
  <c r="A5504" i="10" s="1"/>
  <c r="A5505" i="10" s="1"/>
  <c r="A5506" i="10" s="1"/>
  <c r="A5507" i="10" s="1"/>
  <c r="A5508" i="10" s="1"/>
  <c r="A5509" i="10" s="1"/>
  <c r="A5510" i="10" s="1"/>
  <c r="A5511" i="10" s="1"/>
  <c r="A5512" i="10" s="1"/>
  <c r="A5513" i="10" s="1"/>
  <c r="A5514" i="10" s="1"/>
  <c r="A5515" i="10" s="1"/>
  <c r="A5516" i="10" s="1"/>
  <c r="A5517" i="10" s="1"/>
  <c r="A5518" i="10" s="1"/>
  <c r="A5519" i="10" s="1"/>
  <c r="A5520" i="10" s="1"/>
  <c r="A5521" i="10" s="1"/>
  <c r="A5522" i="10" s="1"/>
  <c r="A5523" i="10" s="1"/>
  <c r="A5524" i="10" s="1"/>
  <c r="A5525" i="10" s="1"/>
  <c r="A5526" i="10" s="1"/>
  <c r="A5527" i="10" s="1"/>
  <c r="A5528" i="10" s="1"/>
  <c r="A5529" i="10" s="1"/>
  <c r="A5530" i="10" s="1"/>
  <c r="A5531" i="10" s="1"/>
  <c r="A5532" i="10" s="1"/>
  <c r="A5533" i="10" s="1"/>
  <c r="A5534" i="10" s="1"/>
  <c r="A5535" i="10" s="1"/>
  <c r="A5536" i="10" s="1"/>
  <c r="A5537" i="10" s="1"/>
  <c r="A5538" i="10" s="1"/>
  <c r="A5539" i="10" s="1"/>
  <c r="A5540" i="10" s="1"/>
  <c r="A5541" i="10" s="1"/>
  <c r="A5542" i="10" s="1"/>
  <c r="A5543" i="10" s="1"/>
  <c r="A5544" i="10" s="1"/>
  <c r="A5545" i="10" s="1"/>
  <c r="A5546" i="10" s="1"/>
  <c r="A5547" i="10" s="1"/>
  <c r="A5548" i="10" s="1"/>
  <c r="A5549" i="10" s="1"/>
  <c r="A5550" i="10" s="1"/>
  <c r="A5551" i="10" s="1"/>
  <c r="A5552" i="10" s="1"/>
  <c r="A5553" i="10" s="1"/>
  <c r="A5554" i="10" s="1"/>
  <c r="A5555" i="10" s="1"/>
  <c r="A5556" i="10" s="1"/>
  <c r="A5557" i="10" s="1"/>
  <c r="A5558" i="10" s="1"/>
  <c r="A5559" i="10" s="1"/>
  <c r="A5560" i="10" s="1"/>
  <c r="A5561" i="10" s="1"/>
  <c r="A5562" i="10" s="1"/>
  <c r="A5563" i="10" s="1"/>
  <c r="A5564" i="10" s="1"/>
  <c r="A5565" i="10" s="1"/>
  <c r="A5566" i="10" s="1"/>
  <c r="A5567" i="10" s="1"/>
  <c r="A5568" i="10" s="1"/>
  <c r="A5569" i="10" s="1"/>
  <c r="A5570" i="10" s="1"/>
  <c r="A5571" i="10" s="1"/>
  <c r="A5572" i="10" s="1"/>
  <c r="A5573" i="10" s="1"/>
  <c r="A5574" i="10" s="1"/>
  <c r="A5575" i="10" s="1"/>
  <c r="A5576" i="10" s="1"/>
  <c r="A5577" i="10" s="1"/>
  <c r="A5578" i="10" s="1"/>
  <c r="A5579" i="10" s="1"/>
  <c r="A5580" i="10" s="1"/>
  <c r="A5581" i="10" s="1"/>
  <c r="A5582" i="10" s="1"/>
  <c r="A5583" i="10" s="1"/>
  <c r="A5584" i="10" s="1"/>
  <c r="A5585" i="10" s="1"/>
  <c r="A5586" i="10" s="1"/>
  <c r="A5587" i="10" s="1"/>
  <c r="A5588" i="10" s="1"/>
  <c r="A5589" i="10" s="1"/>
  <c r="A5590" i="10" s="1"/>
  <c r="A5591" i="10" s="1"/>
  <c r="A5592" i="10" s="1"/>
  <c r="A5593" i="10" s="1"/>
  <c r="A5594" i="10" s="1"/>
  <c r="A5595" i="10" s="1"/>
  <c r="A5596" i="10" s="1"/>
  <c r="A5597" i="10" s="1"/>
  <c r="A5598" i="10" s="1"/>
  <c r="A5599" i="10" s="1"/>
  <c r="A5600" i="10" s="1"/>
  <c r="A5601" i="10" s="1"/>
  <c r="A5602" i="10" s="1"/>
  <c r="A5603" i="10" s="1"/>
  <c r="A5604" i="10" s="1"/>
  <c r="A5605" i="10" s="1"/>
  <c r="A5606" i="10" s="1"/>
  <c r="A5607" i="10" s="1"/>
  <c r="A5608" i="10" s="1"/>
  <c r="A5609" i="10" s="1"/>
  <c r="A5610" i="10" s="1"/>
  <c r="A5611" i="10" s="1"/>
  <c r="A5612" i="10" s="1"/>
  <c r="A5613" i="10" s="1"/>
  <c r="A5614" i="10" s="1"/>
  <c r="A5615" i="10" s="1"/>
  <c r="A5616" i="10" s="1"/>
  <c r="A5617" i="10" s="1"/>
  <c r="A5618" i="10" s="1"/>
  <c r="A5619" i="10" s="1"/>
  <c r="A5620" i="10" s="1"/>
  <c r="A5621" i="10" s="1"/>
  <c r="A5622" i="10" s="1"/>
  <c r="A5623" i="10" s="1"/>
  <c r="A5624" i="10" s="1"/>
  <c r="A5625" i="10" s="1"/>
  <c r="A5626" i="10" s="1"/>
  <c r="A5627" i="10" s="1"/>
  <c r="A5628" i="10" s="1"/>
  <c r="A5629" i="10" s="1"/>
  <c r="A5630" i="10" s="1"/>
  <c r="A5631" i="10" s="1"/>
  <c r="A5632" i="10" s="1"/>
  <c r="A5633" i="10" s="1"/>
  <c r="A5634" i="10" s="1"/>
  <c r="A5635" i="10" s="1"/>
  <c r="A5636" i="10" s="1"/>
  <c r="A5637" i="10" s="1"/>
  <c r="A5638" i="10" s="1"/>
  <c r="A5639" i="10" s="1"/>
  <c r="A5640" i="10" s="1"/>
  <c r="A5641" i="10" s="1"/>
  <c r="A5642" i="10" s="1"/>
  <c r="A5643" i="10" s="1"/>
  <c r="A5644" i="10" s="1"/>
  <c r="A5645" i="10" s="1"/>
  <c r="A5646" i="10" s="1"/>
  <c r="A5647" i="10" s="1"/>
  <c r="A5648" i="10" s="1"/>
  <c r="A5649" i="10" s="1"/>
  <c r="A5650" i="10" s="1"/>
  <c r="A5651" i="10" s="1"/>
  <c r="A5652" i="10" s="1"/>
  <c r="A5653" i="10" s="1"/>
  <c r="A5654" i="10" s="1"/>
  <c r="A5655" i="10" s="1"/>
  <c r="A5656" i="10" s="1"/>
  <c r="A5657" i="10" s="1"/>
  <c r="A5658" i="10" s="1"/>
  <c r="A5659" i="10" s="1"/>
  <c r="A5660" i="10" s="1"/>
  <c r="A5661" i="10" s="1"/>
  <c r="A5662" i="10" s="1"/>
  <c r="A5663" i="10" s="1"/>
  <c r="A5664" i="10" s="1"/>
  <c r="A5665" i="10" s="1"/>
  <c r="A5666" i="10" s="1"/>
  <c r="A5667" i="10" s="1"/>
  <c r="A5668" i="10" s="1"/>
  <c r="A5669" i="10" s="1"/>
  <c r="A5670" i="10" s="1"/>
  <c r="A5671" i="10" s="1"/>
  <c r="A5672" i="10" s="1"/>
  <c r="A5673" i="10" s="1"/>
  <c r="A5674" i="10" s="1"/>
  <c r="A5675" i="10" s="1"/>
  <c r="A5676" i="10" s="1"/>
  <c r="A5677" i="10" s="1"/>
  <c r="A5678" i="10" s="1"/>
  <c r="A5679" i="10" s="1"/>
  <c r="A5680" i="10" s="1"/>
  <c r="A5681" i="10" s="1"/>
  <c r="A5682" i="10" s="1"/>
  <c r="A5683" i="10" s="1"/>
  <c r="A5684" i="10" s="1"/>
  <c r="A5685" i="10" s="1"/>
  <c r="A5686" i="10" s="1"/>
  <c r="A5687" i="10" s="1"/>
  <c r="A5688" i="10" s="1"/>
  <c r="A5689" i="10" s="1"/>
  <c r="A5690" i="10" s="1"/>
  <c r="A5691" i="10" s="1"/>
  <c r="A5692" i="10" s="1"/>
  <c r="A5693" i="10" s="1"/>
  <c r="A5694" i="10" s="1"/>
  <c r="A5695" i="10" s="1"/>
  <c r="A5696" i="10" s="1"/>
  <c r="A5697" i="10" s="1"/>
  <c r="A5698" i="10" s="1"/>
  <c r="A5699" i="10" s="1"/>
  <c r="A5700" i="10" s="1"/>
  <c r="A5701" i="10" s="1"/>
  <c r="A5702" i="10" s="1"/>
  <c r="A5703" i="10" s="1"/>
  <c r="A5704" i="10" s="1"/>
  <c r="A5705" i="10" s="1"/>
  <c r="A5706" i="10" s="1"/>
  <c r="A5707" i="10" s="1"/>
  <c r="A5708" i="10" s="1"/>
  <c r="A5709" i="10" s="1"/>
  <c r="A5710" i="10" s="1"/>
  <c r="A5711" i="10" s="1"/>
  <c r="A5712" i="10" s="1"/>
  <c r="A5713" i="10" s="1"/>
  <c r="A5714" i="10" s="1"/>
  <c r="A5715" i="10" s="1"/>
  <c r="A5716" i="10" s="1"/>
  <c r="A5717" i="10" s="1"/>
  <c r="A5718" i="10" s="1"/>
  <c r="A5719" i="10" s="1"/>
  <c r="A5720" i="10" s="1"/>
  <c r="A5721" i="10" s="1"/>
  <c r="A5722" i="10" s="1"/>
  <c r="A5723" i="10" s="1"/>
  <c r="A5724" i="10" s="1"/>
  <c r="A5725" i="10" s="1"/>
  <c r="A5726" i="10" s="1"/>
  <c r="A5727" i="10" s="1"/>
  <c r="A5728" i="10" s="1"/>
  <c r="A5729" i="10" s="1"/>
  <c r="A5730" i="10" s="1"/>
  <c r="A5731" i="10" s="1"/>
  <c r="A5732" i="10" s="1"/>
  <c r="A5733" i="10" s="1"/>
  <c r="A5734" i="10" s="1"/>
  <c r="A5735" i="10" s="1"/>
  <c r="A5736" i="10" s="1"/>
  <c r="A5737" i="10" s="1"/>
  <c r="A5738" i="10" s="1"/>
  <c r="A5739" i="10" s="1"/>
  <c r="A5740" i="10" s="1"/>
  <c r="A5741" i="10" s="1"/>
  <c r="A5742" i="10" s="1"/>
  <c r="A5743" i="10" s="1"/>
  <c r="A5744" i="10" s="1"/>
  <c r="A5745" i="10" s="1"/>
  <c r="A5746" i="10" s="1"/>
  <c r="A5747" i="10" s="1"/>
  <c r="A5748" i="10" s="1"/>
  <c r="A5749" i="10" s="1"/>
  <c r="A5750" i="10" s="1"/>
  <c r="A5751" i="10" s="1"/>
  <c r="A5752" i="10" s="1"/>
  <c r="A5753" i="10" s="1"/>
  <c r="A5754" i="10" s="1"/>
  <c r="A5755" i="10" s="1"/>
  <c r="A5756" i="10" s="1"/>
  <c r="A5757" i="10" s="1"/>
  <c r="A5758" i="10" s="1"/>
  <c r="A5759" i="10" s="1"/>
  <c r="A5760" i="10" s="1"/>
  <c r="A5761" i="10" s="1"/>
  <c r="A5762" i="10" s="1"/>
  <c r="A5763" i="10" s="1"/>
  <c r="A5764" i="10" s="1"/>
  <c r="A5765" i="10" s="1"/>
  <c r="A5766" i="10" s="1"/>
  <c r="A5767" i="10" s="1"/>
  <c r="A5768" i="10" s="1"/>
  <c r="A5769" i="10" s="1"/>
  <c r="A5770" i="10" s="1"/>
  <c r="A5771" i="10" s="1"/>
  <c r="A5772" i="10" s="1"/>
  <c r="A5773" i="10" s="1"/>
  <c r="A5774" i="10" s="1"/>
  <c r="A5775" i="10" s="1"/>
  <c r="A5776" i="10" s="1"/>
  <c r="A5777" i="10" s="1"/>
  <c r="A5778" i="10" s="1"/>
  <c r="A5779" i="10" s="1"/>
  <c r="A5780" i="10" s="1"/>
  <c r="A5781" i="10" s="1"/>
  <c r="A5782" i="10" s="1"/>
  <c r="A5783" i="10" s="1"/>
  <c r="A5784" i="10" s="1"/>
  <c r="A5785" i="10" s="1"/>
  <c r="A5786" i="10" s="1"/>
  <c r="A5787" i="10" s="1"/>
  <c r="A5788" i="10" s="1"/>
  <c r="A5789" i="10" s="1"/>
  <c r="A5790" i="10" s="1"/>
  <c r="A5791" i="10" s="1"/>
  <c r="A5792" i="10" s="1"/>
  <c r="A5793" i="10" s="1"/>
  <c r="A5794" i="10" s="1"/>
  <c r="A5795" i="10" s="1"/>
  <c r="A5796" i="10" s="1"/>
  <c r="A5797" i="10" s="1"/>
  <c r="A5798" i="10" s="1"/>
  <c r="A5799" i="10" s="1"/>
  <c r="A5800" i="10" s="1"/>
  <c r="A5801" i="10" s="1"/>
  <c r="A5802" i="10" s="1"/>
  <c r="A5803" i="10" s="1"/>
  <c r="A5804" i="10" s="1"/>
  <c r="A5805" i="10" s="1"/>
  <c r="A5806" i="10" s="1"/>
  <c r="A5807" i="10" s="1"/>
  <c r="A5808" i="10" s="1"/>
  <c r="A5809" i="10" s="1"/>
  <c r="A5810" i="10" s="1"/>
  <c r="A5811" i="10" s="1"/>
  <c r="A5812" i="10" s="1"/>
  <c r="A5813" i="10" s="1"/>
  <c r="A5814" i="10" s="1"/>
  <c r="A5815" i="10" s="1"/>
  <c r="A5816" i="10" s="1"/>
  <c r="A5817" i="10" s="1"/>
  <c r="A5818" i="10" s="1"/>
  <c r="A5819" i="10" s="1"/>
  <c r="A5820" i="10" s="1"/>
  <c r="A5821" i="10" s="1"/>
  <c r="A5822" i="10" s="1"/>
  <c r="A5823" i="10" s="1"/>
  <c r="A5824" i="10" s="1"/>
  <c r="A5825" i="10" s="1"/>
  <c r="A5826" i="10" s="1"/>
  <c r="A5827" i="10" s="1"/>
  <c r="A5828" i="10" s="1"/>
  <c r="A5829" i="10" s="1"/>
  <c r="A5830" i="10" s="1"/>
  <c r="A5831" i="10" s="1"/>
  <c r="A5832" i="10" s="1"/>
  <c r="A5833" i="10" s="1"/>
  <c r="A5834" i="10" s="1"/>
  <c r="A5835" i="10" s="1"/>
  <c r="A5836" i="10" s="1"/>
  <c r="A5837" i="10" s="1"/>
  <c r="A5838" i="10" s="1"/>
  <c r="A5839" i="10" s="1"/>
  <c r="A5840" i="10" s="1"/>
  <c r="A5841" i="10" s="1"/>
  <c r="A5842" i="10" s="1"/>
  <c r="A5843" i="10" s="1"/>
  <c r="A5844" i="10" s="1"/>
  <c r="A5845" i="10" s="1"/>
  <c r="A5846" i="10" s="1"/>
  <c r="A5847" i="10" s="1"/>
  <c r="A5848" i="10" s="1"/>
  <c r="A5849" i="10" s="1"/>
  <c r="A5850" i="10" s="1"/>
  <c r="A5851" i="10" s="1"/>
  <c r="A5852" i="10" s="1"/>
  <c r="A5853" i="10" s="1"/>
  <c r="A5854" i="10" s="1"/>
  <c r="A5855" i="10" s="1"/>
  <c r="A5856" i="10" s="1"/>
  <c r="A5857" i="10" s="1"/>
  <c r="A5858" i="10" s="1"/>
  <c r="A5859" i="10" s="1"/>
  <c r="A5860" i="10" s="1"/>
  <c r="A5861" i="10" s="1"/>
  <c r="A5862" i="10" s="1"/>
  <c r="A5863" i="10" s="1"/>
  <c r="A5864" i="10" s="1"/>
  <c r="A5865" i="10" s="1"/>
  <c r="A5866" i="10" s="1"/>
  <c r="A5867" i="10" s="1"/>
  <c r="A5868" i="10" s="1"/>
  <c r="A5869" i="10" s="1"/>
  <c r="A5870" i="10" s="1"/>
  <c r="A5871" i="10" s="1"/>
  <c r="A5872" i="10" s="1"/>
  <c r="A5873" i="10" s="1"/>
  <c r="A5874" i="10" s="1"/>
  <c r="A5875" i="10" s="1"/>
  <c r="A5876" i="10" s="1"/>
  <c r="A5877" i="10" s="1"/>
  <c r="A5878" i="10" s="1"/>
  <c r="A5879" i="10" s="1"/>
  <c r="A5880" i="10" s="1"/>
  <c r="A5881" i="10" s="1"/>
  <c r="A5882" i="10" s="1"/>
  <c r="A5883" i="10" s="1"/>
  <c r="A5884" i="10" s="1"/>
  <c r="A5885" i="10" s="1"/>
  <c r="A5886" i="10" s="1"/>
  <c r="A5887" i="10" s="1"/>
  <c r="A5888" i="10" s="1"/>
  <c r="A5889" i="10" s="1"/>
  <c r="A5890" i="10" s="1"/>
  <c r="A5891" i="10" s="1"/>
  <c r="A5892" i="10" s="1"/>
  <c r="A5893" i="10" s="1"/>
  <c r="A5894" i="10" s="1"/>
  <c r="A5895" i="10" s="1"/>
  <c r="A5896" i="10" s="1"/>
  <c r="A5897" i="10" s="1"/>
  <c r="A5898" i="10" s="1"/>
  <c r="A5899" i="10" s="1"/>
  <c r="A5900" i="10" s="1"/>
  <c r="A5901" i="10" s="1"/>
  <c r="A5902" i="10" s="1"/>
  <c r="A5903" i="10" s="1"/>
  <c r="A5904" i="10" s="1"/>
  <c r="A5905" i="10" s="1"/>
  <c r="A5906" i="10" s="1"/>
  <c r="A5907" i="10" s="1"/>
  <c r="A5908" i="10" s="1"/>
  <c r="A5909" i="10" s="1"/>
  <c r="A5910" i="10" s="1"/>
  <c r="A5911" i="10" s="1"/>
  <c r="A5912" i="10" s="1"/>
  <c r="A5913" i="10" s="1"/>
  <c r="A5914" i="10" s="1"/>
  <c r="A5915" i="10" s="1"/>
  <c r="A5916" i="10" s="1"/>
  <c r="A5917" i="10" s="1"/>
  <c r="A5918" i="10" s="1"/>
  <c r="A5919" i="10" s="1"/>
  <c r="A5920" i="10" s="1"/>
  <c r="A5921" i="10" s="1"/>
  <c r="A5922" i="10" s="1"/>
  <c r="A5923" i="10" s="1"/>
  <c r="A5924" i="10" s="1"/>
  <c r="A5925" i="10" s="1"/>
  <c r="A5926" i="10" s="1"/>
  <c r="A5927" i="10" s="1"/>
  <c r="A5928" i="10" s="1"/>
  <c r="A5929" i="10" s="1"/>
  <c r="A5930" i="10" s="1"/>
  <c r="A5931" i="10" s="1"/>
  <c r="A5932" i="10" s="1"/>
  <c r="A5933" i="10" s="1"/>
  <c r="A5934" i="10" s="1"/>
  <c r="A5935" i="10" s="1"/>
  <c r="A5936" i="10" s="1"/>
  <c r="A5937" i="10" s="1"/>
  <c r="A5938" i="10" s="1"/>
  <c r="A5939" i="10" s="1"/>
  <c r="A5940" i="10" s="1"/>
  <c r="A5941" i="10" s="1"/>
  <c r="A5942" i="10" s="1"/>
  <c r="A5943" i="10" s="1"/>
  <c r="A5944" i="10" s="1"/>
  <c r="A5945" i="10" s="1"/>
  <c r="A5946" i="10" s="1"/>
  <c r="A5947" i="10" s="1"/>
  <c r="A5948" i="10" s="1"/>
  <c r="A5949" i="10" s="1"/>
  <c r="A5950" i="10" s="1"/>
  <c r="A5951" i="10" s="1"/>
  <c r="A5952" i="10" s="1"/>
  <c r="A5953" i="10" s="1"/>
  <c r="A5954" i="10" s="1"/>
  <c r="A5955" i="10" s="1"/>
  <c r="A5956" i="10" s="1"/>
  <c r="A5957" i="10" s="1"/>
  <c r="A5958" i="10" s="1"/>
  <c r="A5959" i="10" s="1"/>
  <c r="A5960" i="10" s="1"/>
  <c r="A5961" i="10" s="1"/>
  <c r="A5962" i="10" s="1"/>
  <c r="A5963" i="10" s="1"/>
  <c r="A5964" i="10" s="1"/>
  <c r="A5965" i="10" s="1"/>
  <c r="A5966" i="10" s="1"/>
  <c r="A5967" i="10" s="1"/>
  <c r="A5968" i="10" s="1"/>
  <c r="A5969" i="10" s="1"/>
  <c r="A5970" i="10" s="1"/>
  <c r="A5971" i="10" s="1"/>
  <c r="A5972" i="10" s="1"/>
  <c r="A5973" i="10" s="1"/>
  <c r="A5974" i="10" s="1"/>
  <c r="A5975" i="10" s="1"/>
  <c r="A5976" i="10" s="1"/>
  <c r="A5977" i="10" s="1"/>
  <c r="A5978" i="10" s="1"/>
  <c r="A5979" i="10" s="1"/>
  <c r="A5980" i="10" s="1"/>
  <c r="A5981" i="10" s="1"/>
  <c r="A5982" i="10" s="1"/>
  <c r="A5983" i="10" s="1"/>
  <c r="A5984" i="10" s="1"/>
  <c r="A5985" i="10" s="1"/>
  <c r="A5986" i="10" s="1"/>
  <c r="A5987" i="10" s="1"/>
  <c r="A5988" i="10" s="1"/>
  <c r="A5989" i="10" s="1"/>
  <c r="A5990" i="10" s="1"/>
  <c r="A5991" i="10" s="1"/>
  <c r="A5992" i="10" s="1"/>
  <c r="A5993" i="10" s="1"/>
  <c r="A5994" i="10" s="1"/>
  <c r="A5995" i="10" s="1"/>
  <c r="A5996" i="10" s="1"/>
  <c r="A5997" i="10" s="1"/>
  <c r="A5998" i="10" s="1"/>
  <c r="A5999" i="10" s="1"/>
  <c r="A6000" i="10" s="1"/>
  <c r="A6001" i="10" s="1"/>
  <c r="A6002" i="10" s="1"/>
  <c r="A6003" i="10" s="1"/>
  <c r="A6004" i="10" s="1"/>
  <c r="A6005" i="10" s="1"/>
  <c r="A6006" i="10" s="1"/>
  <c r="A6007" i="10" s="1"/>
  <c r="A6008" i="10" s="1"/>
  <c r="A6009" i="10" s="1"/>
  <c r="A6010" i="10" s="1"/>
  <c r="A6011" i="10" s="1"/>
  <c r="A6012" i="10" s="1"/>
  <c r="C10" i="11"/>
  <c r="C11" i="11" s="1"/>
  <c r="C12" i="11" s="1"/>
  <c r="C13" i="11" s="1"/>
  <c r="C14" i="11" s="1"/>
  <c r="C15" i="11" s="1"/>
  <c r="C16" i="11" s="1"/>
  <c r="C17" i="11" s="1"/>
  <c r="C18" i="11" s="1"/>
  <c r="C19" i="11" s="1"/>
  <c r="C20" i="11" s="1"/>
  <c r="C21" i="11" s="1"/>
  <c r="C22" i="11" s="1"/>
  <c r="C23" i="11" s="1"/>
  <c r="C24" i="11" s="1"/>
  <c r="C25" i="11" s="1"/>
  <c r="C26" i="11" s="1"/>
  <c r="C27" i="11" s="1"/>
  <c r="C28" i="11" s="1"/>
  <c r="C29" i="11" s="1"/>
  <c r="C30" i="11" s="1"/>
  <c r="C31" i="11" s="1"/>
  <c r="C32" i="11" s="1"/>
  <c r="C33" i="11" s="1"/>
  <c r="C34" i="11" s="1"/>
  <c r="C35" i="11" s="1"/>
  <c r="C36" i="11" s="1"/>
  <c r="C37" i="11" s="1"/>
  <c r="C38" i="11" s="1"/>
  <c r="C39" i="11" s="1"/>
  <c r="C40" i="11" s="1"/>
  <c r="C41" i="11" s="1"/>
  <c r="C42" i="11" s="1"/>
  <c r="C43" i="11" s="1"/>
  <c r="C44" i="11" s="1"/>
  <c r="C45" i="11" s="1"/>
  <c r="C46" i="11" s="1"/>
  <c r="C47" i="11" s="1"/>
  <c r="C48" i="11" s="1"/>
  <c r="C49" i="11" s="1"/>
  <c r="C50" i="11" s="1"/>
  <c r="C51" i="11" s="1"/>
  <c r="C52" i="11" s="1"/>
  <c r="C53" i="11" s="1"/>
  <c r="C54" i="11" s="1"/>
  <c r="C55" i="11" s="1"/>
  <c r="C56" i="11" s="1"/>
  <c r="C57" i="11" s="1"/>
  <c r="C58" i="11" s="1"/>
  <c r="C59" i="11" s="1"/>
  <c r="C60" i="11" s="1"/>
  <c r="C61" i="11" s="1"/>
  <c r="C62" i="11" s="1"/>
  <c r="C63" i="11" s="1"/>
  <c r="C64" i="11" s="1"/>
  <c r="C65" i="11" s="1"/>
  <c r="C66" i="11" s="1"/>
  <c r="C67" i="11" s="1"/>
  <c r="C68" i="11" s="1"/>
  <c r="C69" i="11" s="1"/>
  <c r="C70" i="11" s="1"/>
  <c r="C71" i="11" s="1"/>
  <c r="C72" i="11" s="1"/>
  <c r="C73" i="11" s="1"/>
  <c r="C74" i="11" s="1"/>
  <c r="C75" i="11" s="1"/>
  <c r="C76" i="11" s="1"/>
  <c r="C77" i="11" s="1"/>
  <c r="C78" i="11" s="1"/>
  <c r="C79" i="11" s="1"/>
  <c r="C80" i="11" s="1"/>
  <c r="C81" i="11" s="1"/>
  <c r="C82" i="11" s="1"/>
  <c r="C83" i="11" s="1"/>
  <c r="C84" i="11" s="1"/>
  <c r="C85" i="11" s="1"/>
  <c r="C86" i="11" s="1"/>
  <c r="C87" i="11" s="1"/>
  <c r="C88" i="11" s="1"/>
  <c r="C89" i="11" s="1"/>
  <c r="C90" i="11" s="1"/>
  <c r="C91" i="11" s="1"/>
  <c r="C92" i="11" s="1"/>
  <c r="C93" i="11" s="1"/>
  <c r="C94" i="11" s="1"/>
  <c r="C95" i="11" s="1"/>
  <c r="C96" i="11" s="1"/>
  <c r="C97" i="11" s="1"/>
  <c r="C98" i="11" s="1"/>
  <c r="C99" i="11" s="1"/>
  <c r="C100" i="11" s="1"/>
  <c r="C101" i="11" s="1"/>
  <c r="C102" i="11" s="1"/>
  <c r="C103" i="11" s="1"/>
  <c r="C104" i="11" s="1"/>
  <c r="C105" i="11" s="1"/>
  <c r="C106" i="11" s="1"/>
  <c r="C107" i="11" s="1"/>
  <c r="C108" i="11" s="1"/>
  <c r="D9" i="11"/>
  <c r="C9" i="11"/>
  <c r="B9" i="11"/>
  <c r="B10" i="11" s="1"/>
  <c r="D8" i="11"/>
  <c r="A71" i="11"/>
  <c r="A72" i="11" s="1"/>
  <c r="A73" i="11" s="1"/>
  <c r="A74" i="11" s="1"/>
  <c r="A75" i="11" s="1"/>
  <c r="A76" i="11" s="1"/>
  <c r="A77" i="11" s="1"/>
  <c r="A78" i="11" s="1"/>
  <c r="A79" i="11" s="1"/>
  <c r="A80" i="11" s="1"/>
  <c r="A81" i="11" s="1"/>
  <c r="A82" i="11" s="1"/>
  <c r="A83" i="11" s="1"/>
  <c r="A84" i="11" s="1"/>
  <c r="A85" i="11" s="1"/>
  <c r="A86" i="11" s="1"/>
  <c r="A87" i="11" s="1"/>
  <c r="A88" i="11" s="1"/>
  <c r="A89" i="11" s="1"/>
  <c r="A90" i="11" s="1"/>
  <c r="A91" i="11" s="1"/>
  <c r="A92" i="11" s="1"/>
  <c r="A93" i="11" s="1"/>
  <c r="A94" i="11" s="1"/>
  <c r="A95" i="11" s="1"/>
  <c r="A96" i="11" s="1"/>
  <c r="A97" i="11" s="1"/>
  <c r="A98" i="11" s="1"/>
  <c r="A99" i="11" s="1"/>
  <c r="A100" i="11" s="1"/>
  <c r="A101" i="11" s="1"/>
  <c r="A102" i="11" s="1"/>
  <c r="A103" i="11" s="1"/>
  <c r="A104" i="11" s="1"/>
  <c r="A105" i="11" s="1"/>
  <c r="A106" i="11" s="1"/>
  <c r="A107" i="11" s="1"/>
  <c r="A108" i="11" s="1"/>
  <c r="A53" i="11"/>
  <c r="A54" i="11" s="1"/>
  <c r="A55" i="11" s="1"/>
  <c r="A56" i="11" s="1"/>
  <c r="A57" i="11" s="1"/>
  <c r="A58" i="11" s="1"/>
  <c r="A59" i="11" s="1"/>
  <c r="A60" i="11" s="1"/>
  <c r="A61" i="11" s="1"/>
  <c r="A62" i="11" s="1"/>
  <c r="A63" i="11" s="1"/>
  <c r="A64" i="11" s="1"/>
  <c r="A65" i="11" s="1"/>
  <c r="A66" i="11" s="1"/>
  <c r="A67" i="11" s="1"/>
  <c r="A68" i="11" s="1"/>
  <c r="A69" i="11" s="1"/>
  <c r="A70" i="11" s="1"/>
  <c r="A10" i="11"/>
  <c r="A11" i="11" s="1"/>
  <c r="A12" i="11" s="1"/>
  <c r="A13" i="11" s="1"/>
  <c r="A14" i="11" s="1"/>
  <c r="A15" i="11" s="1"/>
  <c r="A16" i="11" s="1"/>
  <c r="A17" i="11" s="1"/>
  <c r="A18" i="11" s="1"/>
  <c r="A19" i="11" s="1"/>
  <c r="A20" i="11" s="1"/>
  <c r="A21" i="11" s="1"/>
  <c r="A22" i="11" s="1"/>
  <c r="A23" i="11" s="1"/>
  <c r="A24" i="11" s="1"/>
  <c r="A25" i="11" s="1"/>
  <c r="A26" i="11" s="1"/>
  <c r="A27" i="11" s="1"/>
  <c r="A28" i="11" s="1"/>
  <c r="A29" i="11" s="1"/>
  <c r="A30" i="11" s="1"/>
  <c r="A31" i="11" s="1"/>
  <c r="A32" i="11" s="1"/>
  <c r="A33" i="11" s="1"/>
  <c r="A34" i="11" s="1"/>
  <c r="A35" i="11" s="1"/>
  <c r="A36" i="11" s="1"/>
  <c r="A37" i="11" s="1"/>
  <c r="A38" i="11" s="1"/>
  <c r="A39" i="11" s="1"/>
  <c r="A40" i="11" s="1"/>
  <c r="A41" i="11" s="1"/>
  <c r="A42" i="11" s="1"/>
  <c r="A43" i="11" s="1"/>
  <c r="A44" i="11" s="1"/>
  <c r="A45" i="11" s="1"/>
  <c r="A46" i="11" s="1"/>
  <c r="A47" i="11" s="1"/>
  <c r="A48" i="11" s="1"/>
  <c r="A49" i="11" s="1"/>
  <c r="A50" i="11" s="1"/>
  <c r="A51" i="11" s="1"/>
  <c r="A52" i="11" s="1"/>
  <c r="A9" i="11"/>
  <c r="M31" i="22" l="1"/>
  <c r="E942" i="26"/>
  <c r="E1006" i="26"/>
  <c r="E742" i="26"/>
  <c r="E1206" i="26"/>
  <c r="M30" i="22"/>
  <c r="M34" i="22"/>
  <c r="E886" i="26"/>
  <c r="E854" i="26"/>
  <c r="E430" i="26"/>
  <c r="M29" i="22"/>
  <c r="E926" i="26"/>
  <c r="E1830" i="26"/>
  <c r="E366" i="26"/>
  <c r="B75" i="25"/>
  <c r="C96" i="6"/>
  <c r="C96" i="14"/>
  <c r="AD32" i="23"/>
  <c r="Z32" i="23"/>
  <c r="V32" i="23"/>
  <c r="AB32" i="23"/>
  <c r="X32" i="23"/>
  <c r="T32" i="23"/>
  <c r="N32" i="23"/>
  <c r="P32" i="23"/>
  <c r="L32" i="23"/>
  <c r="H32" i="23"/>
  <c r="J32" i="23"/>
  <c r="F32" i="23"/>
  <c r="R32" i="23"/>
  <c r="F8" i="23"/>
  <c r="E8" i="23"/>
  <c r="AD72" i="23"/>
  <c r="Z72" i="23"/>
  <c r="V72" i="23"/>
  <c r="AB72" i="23"/>
  <c r="X72" i="23"/>
  <c r="N72" i="23"/>
  <c r="P72" i="23"/>
  <c r="L72" i="23"/>
  <c r="R72" i="23"/>
  <c r="H72" i="23"/>
  <c r="J72" i="23"/>
  <c r="T72" i="23"/>
  <c r="F72" i="23"/>
  <c r="E950" i="26"/>
  <c r="E614" i="26"/>
  <c r="AB29" i="23"/>
  <c r="R29" i="23"/>
  <c r="X29" i="23"/>
  <c r="AD29" i="23"/>
  <c r="T29" i="23"/>
  <c r="P29" i="23"/>
  <c r="L29" i="23"/>
  <c r="N29" i="23"/>
  <c r="J29" i="23"/>
  <c r="F29" i="23"/>
  <c r="H29" i="23"/>
  <c r="V29" i="23"/>
  <c r="Z29" i="23"/>
  <c r="E14" i="23"/>
  <c r="F14" i="23"/>
  <c r="F20" i="23"/>
  <c r="E20" i="23"/>
  <c r="F16" i="23"/>
  <c r="E16" i="23"/>
  <c r="L93" i="7"/>
  <c r="N93" i="6"/>
  <c r="M93" i="6"/>
  <c r="M93" i="7" s="1"/>
  <c r="W88" i="7"/>
  <c r="AY88" i="6"/>
  <c r="AC67" i="25" s="1"/>
  <c r="AU88" i="6"/>
  <c r="U67" i="25" s="1"/>
  <c r="AO88" i="6"/>
  <c r="I67" i="25" s="1"/>
  <c r="AR88" i="6"/>
  <c r="O67" i="25" s="1"/>
  <c r="AW88" i="6"/>
  <c r="Y67" i="25" s="1"/>
  <c r="AX88" i="6"/>
  <c r="AA67" i="25" s="1"/>
  <c r="AS88" i="6"/>
  <c r="Q67" i="25" s="1"/>
  <c r="AN88" i="6"/>
  <c r="G67" i="25" s="1"/>
  <c r="AT88" i="6"/>
  <c r="S67" i="25" s="1"/>
  <c r="AQ88" i="6"/>
  <c r="M67" i="25" s="1"/>
  <c r="AM88" i="6"/>
  <c r="E67" i="25" s="1"/>
  <c r="AV88" i="6"/>
  <c r="W67" i="25" s="1"/>
  <c r="AP88" i="6"/>
  <c r="K67" i="25" s="1"/>
  <c r="E44" i="14"/>
  <c r="M41" i="22"/>
  <c r="AB31" i="23"/>
  <c r="V31" i="23"/>
  <c r="R31" i="23"/>
  <c r="Z31" i="23"/>
  <c r="AD31" i="23"/>
  <c r="X31" i="23"/>
  <c r="T31" i="23"/>
  <c r="N31" i="23"/>
  <c r="L31" i="23"/>
  <c r="P31" i="23"/>
  <c r="H31" i="23"/>
  <c r="F31" i="23"/>
  <c r="J31" i="23"/>
  <c r="E286" i="26"/>
  <c r="F21" i="23"/>
  <c r="E21" i="23"/>
  <c r="T90" i="7"/>
  <c r="V90" i="6"/>
  <c r="V90" i="7" s="1"/>
  <c r="C73" i="23"/>
  <c r="D73" i="23"/>
  <c r="A73" i="23"/>
  <c r="W89" i="6"/>
  <c r="U89" i="7"/>
  <c r="O91" i="7"/>
  <c r="S91" i="6"/>
  <c r="S91" i="7" s="1"/>
  <c r="R91" i="6"/>
  <c r="T91" i="6"/>
  <c r="AB30" i="23"/>
  <c r="X30" i="23"/>
  <c r="R30" i="23"/>
  <c r="Z30" i="23"/>
  <c r="AD30" i="23"/>
  <c r="T30" i="23"/>
  <c r="V30" i="23"/>
  <c r="N30" i="23"/>
  <c r="P30" i="23"/>
  <c r="H30" i="23"/>
  <c r="L30" i="23"/>
  <c r="J30" i="23"/>
  <c r="F30" i="23"/>
  <c r="AP87" i="7"/>
  <c r="K66" i="23" s="1"/>
  <c r="AV87" i="7"/>
  <c r="W66" i="23" s="1"/>
  <c r="AN87" i="7"/>
  <c r="G66" i="23" s="1"/>
  <c r="AO87" i="7"/>
  <c r="I66" i="23" s="1"/>
  <c r="AW87" i="7"/>
  <c r="Y66" i="23" s="1"/>
  <c r="AX87" i="7"/>
  <c r="AA66" i="23" s="1"/>
  <c r="AS87" i="7"/>
  <c r="Q66" i="23" s="1"/>
  <c r="AR87" i="7"/>
  <c r="O66" i="23" s="1"/>
  <c r="AU87" i="7"/>
  <c r="U66" i="23" s="1"/>
  <c r="AM87" i="7"/>
  <c r="E66" i="23" s="1"/>
  <c r="AT87" i="7"/>
  <c r="S66" i="23" s="1"/>
  <c r="AY87" i="7"/>
  <c r="AC66" i="23" s="1"/>
  <c r="AQ87" i="7"/>
  <c r="M66" i="23" s="1"/>
  <c r="D95" i="6"/>
  <c r="D95" i="14"/>
  <c r="F24" i="23"/>
  <c r="E24" i="23"/>
  <c r="E10" i="23"/>
  <c r="F10" i="23"/>
  <c r="F17" i="23"/>
  <c r="E17" i="23"/>
  <c r="F9" i="23"/>
  <c r="E9" i="23"/>
  <c r="O92" i="6"/>
  <c r="N92" i="7"/>
  <c r="R90" i="7"/>
  <c r="U90" i="6"/>
  <c r="AD27" i="23"/>
  <c r="Z27" i="23"/>
  <c r="X27" i="23"/>
  <c r="T27" i="23"/>
  <c r="AB27" i="23"/>
  <c r="V27" i="23"/>
  <c r="R27" i="23"/>
  <c r="L27" i="23"/>
  <c r="N27" i="23"/>
  <c r="F27" i="23"/>
  <c r="J27" i="23"/>
  <c r="P27" i="23"/>
  <c r="H27" i="23"/>
  <c r="E23" i="23"/>
  <c r="F23" i="23"/>
  <c r="E1310" i="26"/>
  <c r="F12" i="23"/>
  <c r="E12" i="23"/>
  <c r="D94" i="7"/>
  <c r="X94" i="6"/>
  <c r="C95" i="7"/>
  <c r="I95" i="6"/>
  <c r="E1510" i="26"/>
  <c r="I94" i="7"/>
  <c r="Y94" i="6"/>
  <c r="Y94" i="7" s="1"/>
  <c r="L94" i="6"/>
  <c r="Q94" i="6"/>
  <c r="K94" i="6"/>
  <c r="K94" i="7" s="1"/>
  <c r="C74" i="25"/>
  <c r="D74" i="25"/>
  <c r="A74" i="25"/>
  <c r="E38" i="26"/>
  <c r="F25" i="23"/>
  <c r="E25" i="23"/>
  <c r="F13" i="23"/>
  <c r="E13" i="23"/>
  <c r="Q93" i="7"/>
  <c r="E73" i="25"/>
  <c r="F95" i="14"/>
  <c r="AH95" i="14" s="1"/>
  <c r="B74" i="23"/>
  <c r="B95" i="14"/>
  <c r="C98" i="26"/>
  <c r="Q106" i="10"/>
  <c r="D98" i="26" s="1"/>
  <c r="C737" i="26"/>
  <c r="Q745" i="10"/>
  <c r="D737" i="26" s="1"/>
  <c r="C633" i="26"/>
  <c r="Q641" i="10"/>
  <c r="D633" i="26" s="1"/>
  <c r="M45" i="22"/>
  <c r="F16" i="26"/>
  <c r="E16" i="26"/>
  <c r="E988" i="26"/>
  <c r="F2134" i="26"/>
  <c r="E2134" i="26"/>
  <c r="F2783" i="26"/>
  <c r="E2783" i="26"/>
  <c r="E1343" i="26"/>
  <c r="E1447" i="26"/>
  <c r="E1672" i="26"/>
  <c r="E877" i="26"/>
  <c r="F2763" i="26"/>
  <c r="E2763" i="26"/>
  <c r="E2557" i="26"/>
  <c r="E1388" i="26"/>
  <c r="F76" i="26"/>
  <c r="E76" i="26"/>
  <c r="E2429" i="26"/>
  <c r="F2296" i="26"/>
  <c r="E2296" i="26"/>
  <c r="F2471" i="26"/>
  <c r="E2471" i="26"/>
  <c r="F199" i="26"/>
  <c r="E199" i="26"/>
  <c r="E1556" i="26"/>
  <c r="E463" i="26"/>
  <c r="F48" i="26"/>
  <c r="E48" i="26"/>
  <c r="F108" i="26"/>
  <c r="E108" i="26"/>
  <c r="F2483" i="26"/>
  <c r="E2483" i="26"/>
  <c r="E1936" i="26"/>
  <c r="E512" i="26"/>
  <c r="F2496" i="26"/>
  <c r="E2496" i="26"/>
  <c r="E1957" i="26"/>
  <c r="F120" i="26"/>
  <c r="E120" i="26"/>
  <c r="F2303" i="26"/>
  <c r="E2303" i="26"/>
  <c r="F2308" i="26"/>
  <c r="E2308" i="26"/>
  <c r="E1021" i="26"/>
  <c r="E1086" i="26"/>
  <c r="F117" i="26"/>
  <c r="E117" i="26"/>
  <c r="F2408" i="26"/>
  <c r="E2408" i="26"/>
  <c r="E1184" i="26"/>
  <c r="F70" i="26"/>
  <c r="E70" i="26"/>
  <c r="F2027" i="26"/>
  <c r="E2027" i="26"/>
  <c r="E1533" i="26"/>
  <c r="E864" i="26"/>
  <c r="E1855" i="26"/>
  <c r="F2036" i="26"/>
  <c r="E2036" i="26"/>
  <c r="E1237" i="26"/>
  <c r="E342" i="26"/>
  <c r="E1205" i="26"/>
  <c r="F80" i="26"/>
  <c r="E80" i="26"/>
  <c r="F2525" i="26"/>
  <c r="E2525" i="26"/>
  <c r="F228" i="26"/>
  <c r="E228" i="26"/>
  <c r="E1924" i="26"/>
  <c r="F2021" i="26"/>
  <c r="E2021" i="26"/>
  <c r="E599" i="26"/>
  <c r="F155" i="26"/>
  <c r="E155" i="26"/>
  <c r="E1765" i="26"/>
  <c r="E2693" i="26"/>
  <c r="E487" i="26"/>
  <c r="E968" i="26"/>
  <c r="E1005" i="26"/>
  <c r="F69" i="26"/>
  <c r="E69" i="26"/>
  <c r="F2485" i="26"/>
  <c r="E2485" i="26"/>
  <c r="E381" i="26"/>
  <c r="E919" i="26"/>
  <c r="E1221" i="26"/>
  <c r="E1053" i="26"/>
  <c r="F24" i="26"/>
  <c r="E24" i="26"/>
  <c r="E325" i="26"/>
  <c r="E966" i="26"/>
  <c r="E333" i="26"/>
  <c r="E484" i="26"/>
  <c r="E655" i="26"/>
  <c r="E1636" i="26"/>
  <c r="E1110" i="26"/>
  <c r="E1461" i="26"/>
  <c r="E1437" i="26"/>
  <c r="E518" i="26"/>
  <c r="F2420" i="26"/>
  <c r="E2420" i="26"/>
  <c r="F2149" i="26"/>
  <c r="E2149" i="26"/>
  <c r="E1181" i="26"/>
  <c r="E791" i="26"/>
  <c r="E959" i="26"/>
  <c r="E1709" i="26"/>
  <c r="F2677" i="26"/>
  <c r="E2677" i="26"/>
  <c r="F91" i="26"/>
  <c r="E91" i="26"/>
  <c r="E389" i="26"/>
  <c r="E932" i="26"/>
  <c r="F127" i="26"/>
  <c r="E127" i="26"/>
  <c r="E812" i="26"/>
  <c r="E172" i="26"/>
  <c r="E212" i="26"/>
  <c r="E480" i="26"/>
  <c r="E517" i="26"/>
  <c r="E1212" i="26"/>
  <c r="E775" i="26"/>
  <c r="E636" i="26"/>
  <c r="E719" i="26"/>
  <c r="F2604" i="26"/>
  <c r="E2604" i="26"/>
  <c r="E1247" i="26"/>
  <c r="F2083" i="26"/>
  <c r="E2083" i="26"/>
  <c r="F2744" i="26"/>
  <c r="E2744" i="26"/>
  <c r="F2403" i="26"/>
  <c r="E2403" i="26"/>
  <c r="F2312" i="26"/>
  <c r="E2312" i="26"/>
  <c r="F2715" i="26"/>
  <c r="E2715" i="26"/>
  <c r="F2427" i="26"/>
  <c r="E2427" i="26"/>
  <c r="E1527" i="26"/>
  <c r="F2630" i="26"/>
  <c r="E2630" i="26"/>
  <c r="F2255" i="26"/>
  <c r="E2255" i="26"/>
  <c r="F2032" i="26"/>
  <c r="E2032" i="26"/>
  <c r="E1555" i="26"/>
  <c r="E1942" i="26"/>
  <c r="F2354" i="26"/>
  <c r="E2354" i="26"/>
  <c r="E1750" i="26"/>
  <c r="E1238" i="26"/>
  <c r="E1744" i="26"/>
  <c r="E1951" i="26"/>
  <c r="E1536" i="26"/>
  <c r="F2775" i="26"/>
  <c r="E2775" i="26"/>
  <c r="F2635" i="26"/>
  <c r="E2635" i="26"/>
  <c r="E1160" i="26"/>
  <c r="E1911" i="26"/>
  <c r="E1175" i="26"/>
  <c r="F2552" i="26"/>
  <c r="E2552" i="26"/>
  <c r="F2216" i="26"/>
  <c r="E2216" i="26"/>
  <c r="F2328" i="26"/>
  <c r="E2328" i="26"/>
  <c r="F2622" i="26"/>
  <c r="E2622" i="26"/>
  <c r="F2016" i="26"/>
  <c r="E2016" i="26"/>
  <c r="E1286" i="26"/>
  <c r="F2503" i="26"/>
  <c r="E2503" i="26"/>
  <c r="E1735" i="26"/>
  <c r="F2251" i="26"/>
  <c r="E2251" i="26"/>
  <c r="F2736" i="26"/>
  <c r="E2736" i="26"/>
  <c r="F2259" i="26"/>
  <c r="E2259" i="26"/>
  <c r="F2198" i="26"/>
  <c r="E2198" i="26"/>
  <c r="F1872" i="26"/>
  <c r="E1872" i="26"/>
  <c r="E1424" i="26"/>
  <c r="E1784" i="26"/>
  <c r="E1248" i="26"/>
  <c r="F2791" i="26"/>
  <c r="E2791" i="26"/>
  <c r="F2464" i="26"/>
  <c r="E2464" i="26"/>
  <c r="F2455" i="26"/>
  <c r="E2455" i="26"/>
  <c r="E1759" i="26"/>
  <c r="F2835" i="26"/>
  <c r="E2835" i="26"/>
  <c r="F2215" i="26"/>
  <c r="E2215" i="26"/>
  <c r="E1551" i="26"/>
  <c r="F2462" i="26"/>
  <c r="E2462" i="26"/>
  <c r="F2554" i="26"/>
  <c r="E2554" i="26"/>
  <c r="E1302" i="26"/>
  <c r="E1606" i="26"/>
  <c r="F2143" i="26"/>
  <c r="E2143" i="26"/>
  <c r="E1728" i="26"/>
  <c r="E1319" i="26"/>
  <c r="E1544" i="26"/>
  <c r="E663" i="26"/>
  <c r="E1336" i="26"/>
  <c r="E1246" i="26"/>
  <c r="F2592" i="26"/>
  <c r="E2592" i="26"/>
  <c r="F2359" i="26"/>
  <c r="E2359" i="26"/>
  <c r="F2164" i="26"/>
  <c r="E2164" i="26"/>
  <c r="E1029" i="26"/>
  <c r="F2092" i="26"/>
  <c r="E2092" i="26"/>
  <c r="F2119" i="26"/>
  <c r="E2119" i="26"/>
  <c r="E1678" i="26"/>
  <c r="E335" i="26"/>
  <c r="C985" i="26"/>
  <c r="Q993" i="10"/>
  <c r="D985" i="26" s="1"/>
  <c r="Q1698" i="10"/>
  <c r="D1690" i="26" s="1"/>
  <c r="C1690" i="26"/>
  <c r="C1135" i="26"/>
  <c r="Q1143" i="10"/>
  <c r="D1135" i="26" s="1"/>
  <c r="Q1993" i="10"/>
  <c r="D1985" i="26" s="1"/>
  <c r="C1985" i="26"/>
  <c r="Q1856" i="10"/>
  <c r="D1848" i="26" s="1"/>
  <c r="C1848" i="26"/>
  <c r="Q2754" i="10"/>
  <c r="D2746" i="26" s="1"/>
  <c r="C2746" i="26"/>
  <c r="C713" i="26"/>
  <c r="Q721" i="10"/>
  <c r="D713" i="26" s="1"/>
  <c r="C2733" i="26"/>
  <c r="Q2741" i="10"/>
  <c r="D2733" i="26" s="1"/>
  <c r="C937" i="26"/>
  <c r="Q945" i="10"/>
  <c r="D937" i="26" s="1"/>
  <c r="C386" i="26"/>
  <c r="Q394" i="10"/>
  <c r="D386" i="26" s="1"/>
  <c r="Q1890" i="10"/>
  <c r="D1882" i="26" s="1"/>
  <c r="C1882" i="26"/>
  <c r="Q2546" i="10"/>
  <c r="D2538" i="26" s="1"/>
  <c r="C2538" i="26"/>
  <c r="C753" i="26"/>
  <c r="Q761" i="10"/>
  <c r="D753" i="26" s="1"/>
  <c r="C815" i="26"/>
  <c r="Q823" i="10"/>
  <c r="D815" i="26" s="1"/>
  <c r="C522" i="26"/>
  <c r="Q530" i="10"/>
  <c r="D522" i="26" s="1"/>
  <c r="Q1626" i="10"/>
  <c r="D1618" i="26" s="1"/>
  <c r="C1618" i="26"/>
  <c r="Q1161" i="10"/>
  <c r="D1153" i="26" s="1"/>
  <c r="C1153" i="26"/>
  <c r="Q2585" i="10"/>
  <c r="D2577" i="26" s="1"/>
  <c r="C2577" i="26"/>
  <c r="Q1761" i="10"/>
  <c r="D1753" i="26" s="1"/>
  <c r="C1753" i="26"/>
  <c r="Q1849" i="10"/>
  <c r="D1841" i="26" s="1"/>
  <c r="C1841" i="26"/>
  <c r="C378" i="26"/>
  <c r="Q386" i="10"/>
  <c r="D378" i="26" s="1"/>
  <c r="Q2642" i="10"/>
  <c r="D2634" i="26" s="1"/>
  <c r="C2634" i="26"/>
  <c r="Q2018" i="10"/>
  <c r="D2010" i="26" s="1"/>
  <c r="C2010" i="26"/>
  <c r="Q1937" i="10"/>
  <c r="D1929" i="26" s="1"/>
  <c r="C1929" i="26"/>
  <c r="Q1850" i="10"/>
  <c r="D1842" i="26" s="1"/>
  <c r="C1842" i="26"/>
  <c r="C113" i="26"/>
  <c r="Q121" i="10"/>
  <c r="D113" i="26" s="1"/>
  <c r="Q1527" i="10"/>
  <c r="D1519" i="26" s="1"/>
  <c r="C1519" i="26"/>
  <c r="Q2258" i="10"/>
  <c r="D2250" i="26" s="1"/>
  <c r="C2250" i="26"/>
  <c r="T1634" i="10"/>
  <c r="Q1634" i="10"/>
  <c r="D1626" i="26" s="1"/>
  <c r="C1626" i="26"/>
  <c r="C1033" i="26"/>
  <c r="Q1041" i="10"/>
  <c r="D1033" i="26" s="1"/>
  <c r="T442" i="10"/>
  <c r="C434" i="26"/>
  <c r="Q442" i="10"/>
  <c r="D434" i="26" s="1"/>
  <c r="C49" i="26"/>
  <c r="G48" i="26" s="1"/>
  <c r="Q57" i="10"/>
  <c r="D49" i="26" s="1"/>
  <c r="C935" i="26"/>
  <c r="Q943" i="10"/>
  <c r="D935" i="26" s="1"/>
  <c r="C275" i="26"/>
  <c r="Q283" i="10"/>
  <c r="D275" i="26" s="1"/>
  <c r="Q1295" i="10"/>
  <c r="D1287" i="26" s="1"/>
  <c r="C1287" i="26"/>
  <c r="Q1435" i="10"/>
  <c r="D1427" i="26" s="1"/>
  <c r="C1427" i="26"/>
  <c r="C278" i="26"/>
  <c r="Q286" i="10"/>
  <c r="D278" i="26" s="1"/>
  <c r="C399" i="26"/>
  <c r="Q407" i="10"/>
  <c r="D399" i="26" s="1"/>
  <c r="C45" i="26"/>
  <c r="G44" i="26" s="1"/>
  <c r="Q53" i="10"/>
  <c r="D45" i="26" s="1"/>
  <c r="C1111" i="26"/>
  <c r="Q1119" i="10"/>
  <c r="D1111" i="26" s="1"/>
  <c r="Q1358" i="10"/>
  <c r="D1350" i="26" s="1"/>
  <c r="C1350" i="26"/>
  <c r="Q2063" i="10"/>
  <c r="D2055" i="26" s="1"/>
  <c r="C2055" i="26"/>
  <c r="Q2288" i="10"/>
  <c r="D2280" i="26" s="1"/>
  <c r="C2280" i="26"/>
  <c r="Q661" i="10"/>
  <c r="D653" i="26" s="1"/>
  <c r="C653" i="26"/>
  <c r="E654" i="26" s="1"/>
  <c r="C1099" i="26"/>
  <c r="Q1107" i="10"/>
  <c r="D1099" i="26" s="1"/>
  <c r="T2829" i="10"/>
  <c r="C2821" i="26"/>
  <c r="Q2829" i="10"/>
  <c r="D2821" i="26" s="1"/>
  <c r="Q1393" i="10"/>
  <c r="D1385" i="26" s="1"/>
  <c r="C1385" i="26"/>
  <c r="Q2507" i="10"/>
  <c r="D2499" i="26" s="1"/>
  <c r="C2499" i="26"/>
  <c r="C706" i="26"/>
  <c r="Q714" i="10"/>
  <c r="D706" i="26" s="1"/>
  <c r="C441" i="26"/>
  <c r="Q449" i="10"/>
  <c r="D441" i="26" s="1"/>
  <c r="C610" i="26"/>
  <c r="Q618" i="10"/>
  <c r="D610" i="26" s="1"/>
  <c r="Q2835" i="10"/>
  <c r="D2827" i="26" s="1"/>
  <c r="C2827" i="26"/>
  <c r="C1901" i="26"/>
  <c r="Q1909" i="10"/>
  <c r="D1901" i="26" s="1"/>
  <c r="C943" i="26"/>
  <c r="Q951" i="10"/>
  <c r="D943" i="26" s="1"/>
  <c r="T1689" i="10"/>
  <c r="Q1689" i="10"/>
  <c r="D1681" i="26" s="1"/>
  <c r="C1681" i="26"/>
  <c r="C2724" i="26"/>
  <c r="Q2732" i="10"/>
  <c r="D2724" i="26" s="1"/>
  <c r="Q1483" i="10"/>
  <c r="D1475" i="26" s="1"/>
  <c r="C1475" i="26"/>
  <c r="E1476" i="26" s="1"/>
  <c r="Q2690" i="10"/>
  <c r="D2682" i="26" s="1"/>
  <c r="C2682" i="26"/>
  <c r="C842" i="26"/>
  <c r="Q850" i="10"/>
  <c r="D842" i="26" s="1"/>
  <c r="C730" i="26"/>
  <c r="Q738" i="10"/>
  <c r="D730" i="26" s="1"/>
  <c r="Q2505" i="10"/>
  <c r="D2497" i="26" s="1"/>
  <c r="C2497" i="26"/>
  <c r="C649" i="26"/>
  <c r="Q657" i="10"/>
  <c r="D649" i="26" s="1"/>
  <c r="Q1906" i="10"/>
  <c r="D1898" i="26" s="1"/>
  <c r="C1898" i="26"/>
  <c r="C50" i="26"/>
  <c r="Q58" i="10"/>
  <c r="D50" i="26" s="1"/>
  <c r="C873" i="26"/>
  <c r="Q881" i="10"/>
  <c r="D873" i="26" s="1"/>
  <c r="C409" i="26"/>
  <c r="Q417" i="10"/>
  <c r="D409" i="26" s="1"/>
  <c r="Q2537" i="10"/>
  <c r="D2529" i="26" s="1"/>
  <c r="C2529" i="26"/>
  <c r="C745" i="26"/>
  <c r="Q753" i="10"/>
  <c r="D745" i="26" s="1"/>
  <c r="Q2123" i="10"/>
  <c r="D2115" i="26" s="1"/>
  <c r="C2115" i="26"/>
  <c r="Q2231" i="10"/>
  <c r="D2223" i="26" s="1"/>
  <c r="C2223" i="26"/>
  <c r="C322" i="26"/>
  <c r="Q330" i="10"/>
  <c r="D322" i="26" s="1"/>
  <c r="Q1938" i="10"/>
  <c r="D1930" i="26" s="1"/>
  <c r="C1930" i="26"/>
  <c r="C569" i="26"/>
  <c r="Q577" i="10"/>
  <c r="D569" i="26" s="1"/>
  <c r="Q1826" i="10"/>
  <c r="D1818" i="26" s="1"/>
  <c r="C1818" i="26"/>
  <c r="C226" i="26"/>
  <c r="Q234" i="10"/>
  <c r="D226" i="26" s="1"/>
  <c r="Q1233" i="10"/>
  <c r="D1225" i="26" s="1"/>
  <c r="C1225" i="26"/>
  <c r="Q2482" i="10"/>
  <c r="D2474" i="26" s="1"/>
  <c r="C2474" i="26"/>
  <c r="D11" i="25"/>
  <c r="E11" i="25" s="1"/>
  <c r="D11" i="23"/>
  <c r="C626" i="26"/>
  <c r="Q634" i="10"/>
  <c r="D626" i="26" s="1"/>
  <c r="Q1769" i="10"/>
  <c r="D1761" i="26" s="1"/>
  <c r="C1761" i="26"/>
  <c r="C257" i="26"/>
  <c r="Q265" i="10"/>
  <c r="D257" i="26" s="1"/>
  <c r="Q2273" i="10"/>
  <c r="D2265" i="26" s="1"/>
  <c r="C2265" i="26"/>
  <c r="Q2033" i="10"/>
  <c r="D2025" i="26" s="1"/>
  <c r="C2025" i="26"/>
  <c r="Q2673" i="10"/>
  <c r="D2665" i="26" s="1"/>
  <c r="C2665" i="26"/>
  <c r="C1164" i="26"/>
  <c r="Q1172" i="10"/>
  <c r="D1164" i="26" s="1"/>
  <c r="Q2807" i="10"/>
  <c r="D2799" i="26" s="1"/>
  <c r="C2799" i="26"/>
  <c r="C898" i="26"/>
  <c r="Q906" i="10"/>
  <c r="D898" i="26" s="1"/>
  <c r="T2002" i="10"/>
  <c r="Q2002" i="10"/>
  <c r="D1994" i="26" s="1"/>
  <c r="C1994" i="26"/>
  <c r="Q1153" i="10"/>
  <c r="D1145" i="26" s="1"/>
  <c r="C1145" i="26"/>
  <c r="Q2402" i="10"/>
  <c r="D2394" i="26" s="1"/>
  <c r="C2394" i="26"/>
  <c r="C802" i="26"/>
  <c r="Q810" i="10"/>
  <c r="D802" i="26" s="1"/>
  <c r="T1809" i="10"/>
  <c r="Q1809" i="10"/>
  <c r="D1801" i="26" s="1"/>
  <c r="C1801" i="26"/>
  <c r="C2764" i="26"/>
  <c r="Q2772" i="10"/>
  <c r="D2764" i="26" s="1"/>
  <c r="Q1210" i="10"/>
  <c r="D1202" i="26" s="1"/>
  <c r="C1202" i="26"/>
  <c r="E1203" i="26" s="1"/>
  <c r="Q1953" i="10"/>
  <c r="D1945" i="26" s="1"/>
  <c r="C1945" i="26"/>
  <c r="Q1570" i="10"/>
  <c r="D1562" i="26" s="1"/>
  <c r="C1562" i="26"/>
  <c r="C2524" i="26"/>
  <c r="Q2532" i="10"/>
  <c r="D2524" i="26" s="1"/>
  <c r="Q1641" i="10"/>
  <c r="D1633" i="26" s="1"/>
  <c r="C1633" i="26"/>
  <c r="Q1721" i="10"/>
  <c r="D1713" i="26" s="1"/>
  <c r="C1713" i="26"/>
  <c r="C1091" i="26"/>
  <c r="Q1099" i="10"/>
  <c r="D1091" i="26" s="1"/>
  <c r="Q1335" i="10"/>
  <c r="D1327" i="26" s="1"/>
  <c r="C1327" i="26"/>
  <c r="Q2787" i="10"/>
  <c r="D2779" i="26" s="1"/>
  <c r="C2779" i="26"/>
  <c r="C1034" i="26"/>
  <c r="Q1042" i="10"/>
  <c r="D1034" i="26" s="1"/>
  <c r="Q2138" i="10"/>
  <c r="D2130" i="26" s="1"/>
  <c r="C2130" i="26"/>
  <c r="C410" i="26"/>
  <c r="Q418" i="10"/>
  <c r="D410" i="26" s="1"/>
  <c r="Q1673" i="10"/>
  <c r="D1665" i="26" s="1"/>
  <c r="C1665" i="26"/>
  <c r="C329" i="26"/>
  <c r="Q337" i="10"/>
  <c r="D329" i="26" s="1"/>
  <c r="D26" i="23"/>
  <c r="D26" i="25"/>
  <c r="Q2098" i="10"/>
  <c r="D2090" i="26" s="1"/>
  <c r="C2090" i="26"/>
  <c r="C242" i="26"/>
  <c r="Q250" i="10"/>
  <c r="D242" i="26" s="1"/>
  <c r="Q1697" i="10"/>
  <c r="D1689" i="26" s="1"/>
  <c r="C1689" i="26"/>
  <c r="C313" i="26"/>
  <c r="Q321" i="10"/>
  <c r="D313" i="26" s="1"/>
  <c r="C25" i="26"/>
  <c r="Q33" i="10"/>
  <c r="D25" i="26" s="1"/>
  <c r="Q2217" i="10"/>
  <c r="D2209" i="26" s="1"/>
  <c r="C2209" i="26"/>
  <c r="C772" i="26"/>
  <c r="Q780" i="10"/>
  <c r="D772" i="26" s="1"/>
  <c r="Q1585" i="10"/>
  <c r="D1577" i="26" s="1"/>
  <c r="C1577" i="26"/>
  <c r="C890" i="26"/>
  <c r="Q898" i="10"/>
  <c r="D890" i="26" s="1"/>
  <c r="Q2058" i="10"/>
  <c r="D2050" i="26" s="1"/>
  <c r="C2050" i="26"/>
  <c r="C146" i="26"/>
  <c r="Q154" i="10"/>
  <c r="D146" i="26" s="1"/>
  <c r="Q1281" i="10"/>
  <c r="D1273" i="26" s="1"/>
  <c r="C1273" i="26"/>
  <c r="Q2530" i="10"/>
  <c r="D2522" i="26" s="1"/>
  <c r="C2522" i="26"/>
  <c r="C930" i="26"/>
  <c r="Q938" i="10"/>
  <c r="D930" i="26" s="1"/>
  <c r="Q2449" i="10"/>
  <c r="D2441" i="26" s="1"/>
  <c r="C2441" i="26"/>
  <c r="C1105" i="26"/>
  <c r="Q1113" i="10"/>
  <c r="D1105" i="26" s="1"/>
  <c r="Q2715" i="10"/>
  <c r="D2707" i="26" s="1"/>
  <c r="C2707" i="26"/>
  <c r="C722" i="26"/>
  <c r="Q730" i="10"/>
  <c r="D722" i="26" s="1"/>
  <c r="C857" i="26"/>
  <c r="Q865" i="10"/>
  <c r="D857" i="26" s="1"/>
  <c r="C801" i="26"/>
  <c r="Q809" i="10"/>
  <c r="D801" i="26" s="1"/>
  <c r="C1073" i="26"/>
  <c r="Q1081" i="10"/>
  <c r="D1073" i="26" s="1"/>
  <c r="Q1355" i="10"/>
  <c r="D1347" i="26" s="1"/>
  <c r="C1347" i="26"/>
  <c r="Q2039" i="10"/>
  <c r="D2031" i="26" s="1"/>
  <c r="C2031" i="26"/>
  <c r="Q1674" i="10"/>
  <c r="D1666" i="26" s="1"/>
  <c r="C1666" i="26"/>
  <c r="Q2770" i="10"/>
  <c r="D2762" i="26" s="1"/>
  <c r="C2762" i="26"/>
  <c r="C889" i="26"/>
  <c r="Q897" i="10"/>
  <c r="D889" i="26" s="1"/>
  <c r="Q2146" i="10"/>
  <c r="D2138" i="26" s="1"/>
  <c r="C2138" i="26"/>
  <c r="C546" i="26"/>
  <c r="E547" i="26" s="1"/>
  <c r="Q554" i="10"/>
  <c r="D546" i="26" s="1"/>
  <c r="Q1553" i="10"/>
  <c r="D1545" i="26" s="1"/>
  <c r="C1545" i="26"/>
  <c r="Q2802" i="10"/>
  <c r="D2794" i="26" s="1"/>
  <c r="C2794" i="26"/>
  <c r="C946" i="26"/>
  <c r="Q954" i="10"/>
  <c r="D946" i="26" s="1"/>
  <c r="Q2225" i="10"/>
  <c r="D2217" i="26" s="1"/>
  <c r="C2217" i="26"/>
  <c r="C969" i="26"/>
  <c r="Q977" i="10"/>
  <c r="D969" i="26" s="1"/>
  <c r="Q1672" i="10"/>
  <c r="D1664" i="26" s="1"/>
  <c r="C1664" i="26"/>
  <c r="C143" i="26"/>
  <c r="Q151" i="10"/>
  <c r="D143" i="26" s="1"/>
  <c r="C787" i="26"/>
  <c r="Q795" i="10"/>
  <c r="D787" i="26" s="1"/>
  <c r="C748" i="26"/>
  <c r="Q756" i="10"/>
  <c r="D748" i="26" s="1"/>
  <c r="Q2815" i="10"/>
  <c r="D2807" i="26" s="1"/>
  <c r="C2807" i="26"/>
  <c r="C1150" i="26"/>
  <c r="Q1158" i="10"/>
  <c r="D1150" i="26" s="1"/>
  <c r="C1141" i="26"/>
  <c r="Q1149" i="10"/>
  <c r="D1141" i="26" s="1"/>
  <c r="C1948" i="26"/>
  <c r="Q1956" i="10"/>
  <c r="D1948" i="26" s="1"/>
  <c r="Q2456" i="10"/>
  <c r="D2448" i="26" s="1"/>
  <c r="C2448" i="26"/>
  <c r="Q1286" i="10"/>
  <c r="D1278" i="26" s="1"/>
  <c r="C1278" i="26"/>
  <c r="C911" i="26"/>
  <c r="Q919" i="10"/>
  <c r="D911" i="26" s="1"/>
  <c r="C269" i="26"/>
  <c r="Q277" i="10"/>
  <c r="D269" i="26" s="1"/>
  <c r="C1229" i="26"/>
  <c r="Q1237" i="10"/>
  <c r="D1229" i="26" s="1"/>
  <c r="C827" i="26"/>
  <c r="Q835" i="10"/>
  <c r="D827" i="26" s="1"/>
  <c r="Q1631" i="10"/>
  <c r="D1623" i="26" s="1"/>
  <c r="C1623" i="26"/>
  <c r="Q1843" i="10"/>
  <c r="D1835" i="26" s="1"/>
  <c r="C1835" i="26"/>
  <c r="Q1998" i="10"/>
  <c r="D1990" i="26" s="1"/>
  <c r="C1990" i="26"/>
  <c r="C1644" i="26"/>
  <c r="Q1652" i="10"/>
  <c r="D1644" i="26" s="1"/>
  <c r="Q2431" i="10"/>
  <c r="D2423" i="26" s="1"/>
  <c r="C2423" i="26"/>
  <c r="Q2784" i="10"/>
  <c r="D2776" i="26" s="1"/>
  <c r="C2776" i="26"/>
  <c r="Q1415" i="10"/>
  <c r="D1407" i="26" s="1"/>
  <c r="C1407" i="26"/>
  <c r="C2060" i="26"/>
  <c r="Q2068" i="10"/>
  <c r="D2060" i="26" s="1"/>
  <c r="Q1302" i="10"/>
  <c r="D1294" i="26" s="1"/>
  <c r="C1294" i="26"/>
  <c r="C2053" i="26"/>
  <c r="Q2061" i="10"/>
  <c r="D2053" i="26" s="1"/>
  <c r="E479" i="26"/>
  <c r="E485" i="26"/>
  <c r="F96" i="26"/>
  <c r="E96" i="26"/>
  <c r="F2644" i="26"/>
  <c r="E2644" i="26"/>
  <c r="F204" i="26"/>
  <c r="E204" i="26"/>
  <c r="E575" i="26"/>
  <c r="E1908" i="26"/>
  <c r="E1344" i="26"/>
  <c r="E1943" i="26"/>
  <c r="E1468" i="26"/>
  <c r="E1180" i="26"/>
  <c r="F2772" i="26"/>
  <c r="E2772" i="26"/>
  <c r="E856" i="26"/>
  <c r="E838" i="26"/>
  <c r="E1847" i="26"/>
  <c r="E1223" i="26"/>
  <c r="F2638" i="26"/>
  <c r="E2638" i="26"/>
  <c r="E1780" i="26"/>
  <c r="E664" i="26"/>
  <c r="F2102" i="26"/>
  <c r="E2102" i="26"/>
  <c r="F2754" i="26"/>
  <c r="E2754" i="26"/>
  <c r="E989" i="26"/>
  <c r="E543" i="26"/>
  <c r="E2271" i="26"/>
  <c r="E1484" i="26"/>
  <c r="F208" i="26"/>
  <c r="E208" i="26"/>
  <c r="F2343" i="26"/>
  <c r="E2343" i="26"/>
  <c r="E1517" i="26"/>
  <c r="F2181" i="26"/>
  <c r="E2181" i="26"/>
  <c r="E223" i="26"/>
  <c r="F2580" i="26"/>
  <c r="E2580" i="26"/>
  <c r="E1982" i="26"/>
  <c r="F189" i="26"/>
  <c r="E189" i="26"/>
  <c r="F2656" i="26"/>
  <c r="E2656" i="26"/>
  <c r="E524" i="26"/>
  <c r="F1870" i="26"/>
  <c r="E1870" i="26"/>
  <c r="E348" i="26"/>
  <c r="F2643" i="26"/>
  <c r="E2643" i="26"/>
  <c r="E1494" i="26"/>
  <c r="E1616" i="26"/>
  <c r="F2099" i="26"/>
  <c r="E2099" i="26"/>
  <c r="E1755" i="26"/>
  <c r="F2039" i="26"/>
  <c r="E2039" i="26"/>
  <c r="E1639" i="26"/>
  <c r="F2056" i="26"/>
  <c r="E2056" i="26"/>
  <c r="E1495" i="26"/>
  <c r="F77" i="26"/>
  <c r="E77" i="26"/>
  <c r="F2811" i="26"/>
  <c r="E2811" i="26"/>
  <c r="F2528" i="26"/>
  <c r="E2528" i="26"/>
  <c r="E1926" i="26"/>
  <c r="E2439" i="26"/>
  <c r="E1934" i="26"/>
  <c r="E1231" i="26"/>
  <c r="F2470" i="26"/>
  <c r="E2470" i="26"/>
  <c r="F2254" i="26"/>
  <c r="E2254" i="26"/>
  <c r="F2399" i="26"/>
  <c r="E2399" i="26"/>
  <c r="F2048" i="26"/>
  <c r="E2048" i="26"/>
  <c r="E1191" i="26"/>
  <c r="F1883" i="26"/>
  <c r="E1883" i="26"/>
  <c r="F2295" i="26"/>
  <c r="E2295" i="26"/>
  <c r="F2535" i="26"/>
  <c r="E2535" i="26"/>
  <c r="F2182" i="26"/>
  <c r="E2182" i="26"/>
  <c r="E1944" i="26"/>
  <c r="F2199" i="26"/>
  <c r="E2199" i="26"/>
  <c r="F2139" i="26"/>
  <c r="E2139" i="26"/>
  <c r="F2315" i="26"/>
  <c r="E2315" i="26"/>
  <c r="E1399" i="26"/>
  <c r="F2648" i="26"/>
  <c r="E2648" i="26"/>
  <c r="F2078" i="26"/>
  <c r="E2078" i="26"/>
  <c r="F2239" i="26"/>
  <c r="E2239" i="26"/>
  <c r="E2567" i="26"/>
  <c r="E1998" i="26"/>
  <c r="E1224" i="26"/>
  <c r="E1359" i="26"/>
  <c r="F1878" i="26"/>
  <c r="E1878" i="26"/>
  <c r="F2229" i="26"/>
  <c r="E2229" i="26"/>
  <c r="E693" i="26"/>
  <c r="E1012" i="26"/>
  <c r="F2484" i="26"/>
  <c r="E2484" i="26"/>
  <c r="E832" i="26"/>
  <c r="E1268" i="26"/>
  <c r="E1445" i="26"/>
  <c r="E1996" i="26"/>
  <c r="E876" i="26"/>
  <c r="E1285" i="26"/>
  <c r="E392" i="26"/>
  <c r="F44" i="26"/>
  <c r="E44" i="26"/>
  <c r="F2228" i="26"/>
  <c r="E2228" i="26"/>
  <c r="F151" i="26"/>
  <c r="E151" i="26"/>
  <c r="E632" i="26"/>
  <c r="F2397" i="26"/>
  <c r="E2397" i="26"/>
  <c r="E1079" i="26"/>
  <c r="E1213" i="26"/>
  <c r="E702" i="26"/>
  <c r="E1252" i="26"/>
  <c r="E701" i="26"/>
  <c r="E604" i="26"/>
  <c r="E1015" i="26"/>
  <c r="F2245" i="26"/>
  <c r="E2245" i="26"/>
  <c r="F92" i="26"/>
  <c r="E92" i="26"/>
  <c r="E488" i="26"/>
  <c r="F270" i="26"/>
  <c r="E270" i="26"/>
  <c r="F156" i="26"/>
  <c r="E156" i="26"/>
  <c r="E917" i="26"/>
  <c r="F2453" i="26"/>
  <c r="E2453" i="26"/>
  <c r="F12" i="26"/>
  <c r="G12" i="26"/>
  <c r="E12" i="26"/>
  <c r="E1094" i="26"/>
  <c r="F99" i="26"/>
  <c r="E99" i="26"/>
  <c r="F2341" i="26"/>
  <c r="E2341" i="26"/>
  <c r="E1861" i="26"/>
  <c r="F95" i="26"/>
  <c r="E95" i="26"/>
  <c r="F231" i="26"/>
  <c r="E231" i="26"/>
  <c r="E999" i="26"/>
  <c r="E1261" i="26"/>
  <c r="E757" i="26"/>
  <c r="E1973" i="26"/>
  <c r="F60" i="26"/>
  <c r="E60" i="26"/>
  <c r="E1797" i="26"/>
  <c r="F2141" i="26"/>
  <c r="E2141" i="26"/>
  <c r="E840" i="26"/>
  <c r="E717" i="26"/>
  <c r="F63" i="26"/>
  <c r="E63" i="26"/>
  <c r="F207" i="26"/>
  <c r="E207" i="26"/>
  <c r="E1493" i="26"/>
  <c r="E790" i="26"/>
  <c r="E454" i="26"/>
  <c r="E990" i="26"/>
  <c r="E1054" i="26"/>
  <c r="E1717" i="26"/>
  <c r="E863" i="26"/>
  <c r="F256" i="26"/>
  <c r="E256" i="26"/>
  <c r="E933" i="26"/>
  <c r="E356" i="26"/>
  <c r="F2589" i="26"/>
  <c r="E2589" i="26"/>
  <c r="F2476" i="26"/>
  <c r="E2476" i="26"/>
  <c r="F197" i="26"/>
  <c r="E197" i="26"/>
  <c r="E173" i="26"/>
  <c r="E796" i="26"/>
  <c r="E1917" i="26"/>
  <c r="E894" i="26"/>
  <c r="E1820" i="26"/>
  <c r="E1293" i="26"/>
  <c r="E1020" i="26"/>
  <c r="F2629" i="26"/>
  <c r="E2629" i="26"/>
  <c r="F2324" i="26"/>
  <c r="E2324" i="26"/>
  <c r="E808" i="26"/>
  <c r="E398" i="26"/>
  <c r="F107" i="26"/>
  <c r="E107" i="26"/>
  <c r="E1116" i="26"/>
  <c r="E469" i="26"/>
  <c r="F2581" i="26"/>
  <c r="E2581" i="26"/>
  <c r="E1766" i="26"/>
  <c r="E784" i="26"/>
  <c r="F2013" i="26"/>
  <c r="E2013" i="26"/>
  <c r="F227" i="26"/>
  <c r="E227" i="26"/>
  <c r="E1772" i="26"/>
  <c r="F2533" i="26"/>
  <c r="E2533" i="26"/>
  <c r="F2469" i="26"/>
  <c r="E2469" i="26"/>
  <c r="E1932" i="26"/>
  <c r="E951" i="26"/>
  <c r="F68" i="26"/>
  <c r="E68" i="26"/>
  <c r="E447" i="26"/>
  <c r="E1389" i="26"/>
  <c r="E1381" i="26"/>
  <c r="E1024" i="26"/>
  <c r="F2365" i="26"/>
  <c r="E2365" i="26"/>
  <c r="E1303" i="26"/>
  <c r="E360" i="26"/>
  <c r="E412" i="26"/>
  <c r="E958" i="26"/>
  <c r="E1037" i="26"/>
  <c r="E408" i="26"/>
  <c r="E1357" i="26"/>
  <c r="E1628" i="26"/>
  <c r="E544" i="26"/>
  <c r="E1109" i="26"/>
  <c r="F86" i="26"/>
  <c r="E86" i="26"/>
  <c r="F304" i="26"/>
  <c r="E304" i="26"/>
  <c r="C194" i="26"/>
  <c r="Q202" i="10"/>
  <c r="D194" i="26" s="1"/>
  <c r="C498" i="26"/>
  <c r="Q506" i="10"/>
  <c r="D498" i="26" s="1"/>
  <c r="Q2473" i="10"/>
  <c r="D2465" i="26" s="1"/>
  <c r="C2465" i="26"/>
  <c r="C330" i="26"/>
  <c r="Q338" i="10"/>
  <c r="D330" i="26" s="1"/>
  <c r="Q1394" i="10"/>
  <c r="D1386" i="26" s="1"/>
  <c r="C1386" i="26"/>
  <c r="Q1547" i="10"/>
  <c r="D1539" i="26" s="1"/>
  <c r="C1539" i="26"/>
  <c r="T1314" i="10"/>
  <c r="Q1314" i="10"/>
  <c r="D1306" i="26" s="1"/>
  <c r="C1306" i="26"/>
  <c r="E1307" i="26" s="1"/>
  <c r="Q2369" i="10"/>
  <c r="D2361" i="26" s="1"/>
  <c r="C2361" i="26"/>
  <c r="Q2187" i="10"/>
  <c r="D2179" i="26" s="1"/>
  <c r="C2179" i="26"/>
  <c r="Q1490" i="10"/>
  <c r="D1482" i="26" s="1"/>
  <c r="C1482" i="26"/>
  <c r="E1483" i="26" s="1"/>
  <c r="C290" i="26"/>
  <c r="Q298" i="10"/>
  <c r="D290" i="26" s="1"/>
  <c r="E291" i="26" s="1"/>
  <c r="C690" i="26"/>
  <c r="Q698" i="10"/>
  <c r="D690" i="26" s="1"/>
  <c r="Q2778" i="10"/>
  <c r="D2770" i="26" s="1"/>
  <c r="C2770" i="26"/>
  <c r="C1121" i="26"/>
  <c r="Q1129" i="10"/>
  <c r="D1121" i="26" s="1"/>
  <c r="C387" i="26"/>
  <c r="Q395" i="10"/>
  <c r="D387" i="26" s="1"/>
  <c r="Q2370" i="10"/>
  <c r="D2362" i="26" s="1"/>
  <c r="C2362" i="26"/>
  <c r="Q2753" i="10"/>
  <c r="D2745" i="26" s="1"/>
  <c r="C2745" i="26"/>
  <c r="C2436" i="26"/>
  <c r="Q2444" i="10"/>
  <c r="D2436" i="26" s="1"/>
  <c r="Q1705" i="10"/>
  <c r="D1697" i="26" s="1"/>
  <c r="C1697" i="26"/>
  <c r="Q2315" i="10"/>
  <c r="D2307" i="26" s="1"/>
  <c r="C2307" i="26"/>
  <c r="Q1546" i="10"/>
  <c r="D1538" i="26" s="1"/>
  <c r="C1538" i="26"/>
  <c r="C761" i="26"/>
  <c r="Q769" i="10"/>
  <c r="D761" i="26" s="1"/>
  <c r="C418" i="26"/>
  <c r="Q426" i="10"/>
  <c r="D418" i="26" s="1"/>
  <c r="E419" i="26" s="1"/>
  <c r="C593" i="26"/>
  <c r="Q601" i="10"/>
  <c r="D593" i="26" s="1"/>
  <c r="C138" i="26"/>
  <c r="Q146" i="10"/>
  <c r="D138" i="26" s="1"/>
  <c r="C2029" i="26"/>
  <c r="Q2037" i="10"/>
  <c r="D2029" i="26" s="1"/>
  <c r="C289" i="26"/>
  <c r="Q297" i="10"/>
  <c r="D289" i="26" s="1"/>
  <c r="C771" i="26"/>
  <c r="Q779" i="10"/>
  <c r="D771" i="26" s="1"/>
  <c r="C642" i="26"/>
  <c r="Q650" i="10"/>
  <c r="D642" i="26" s="1"/>
  <c r="C377" i="26"/>
  <c r="Q385" i="10"/>
  <c r="D377" i="26" s="1"/>
  <c r="T42" i="10"/>
  <c r="C34" i="26"/>
  <c r="E35" i="26" s="1"/>
  <c r="Q42" i="10"/>
  <c r="D34" i="26" s="1"/>
  <c r="Q2290" i="10"/>
  <c r="D2282" i="26" s="1"/>
  <c r="C2282" i="26"/>
  <c r="C482" i="26"/>
  <c r="Q490" i="10"/>
  <c r="D482" i="26" s="1"/>
  <c r="C820" i="26"/>
  <c r="Q828" i="10"/>
  <c r="D820" i="26" s="1"/>
  <c r="C115" i="26"/>
  <c r="Q123" i="10"/>
  <c r="D115" i="26" s="1"/>
  <c r="Q1387" i="10"/>
  <c r="D1379" i="26" s="1"/>
  <c r="C1379" i="26"/>
  <c r="Q1979" i="10"/>
  <c r="D1971" i="26" s="1"/>
  <c r="C1971" i="26"/>
  <c r="T774" i="10"/>
  <c r="C766" i="26"/>
  <c r="Q774" i="10"/>
  <c r="D766" i="26" s="1"/>
  <c r="E767" i="26" s="1"/>
  <c r="C587" i="26"/>
  <c r="Q595" i="10"/>
  <c r="D587" i="26" s="1"/>
  <c r="Q2710" i="10"/>
  <c r="D2702" i="26" s="1"/>
  <c r="C2702" i="26"/>
  <c r="C1821" i="26"/>
  <c r="Q1829" i="10"/>
  <c r="D1821" i="26" s="1"/>
  <c r="C2340" i="26"/>
  <c r="Q2348" i="10"/>
  <c r="D2340" i="26" s="1"/>
  <c r="C782" i="26"/>
  <c r="Q790" i="10"/>
  <c r="D782" i="26" s="1"/>
  <c r="Q1889" i="10"/>
  <c r="D1881" i="26" s="1"/>
  <c r="C1881" i="26"/>
  <c r="Q2097" i="10"/>
  <c r="D2089" i="26" s="1"/>
  <c r="C2089" i="26"/>
  <c r="Q2615" i="10"/>
  <c r="D2607" i="26" s="1"/>
  <c r="C2607" i="26"/>
  <c r="Q2322" i="10"/>
  <c r="D2314" i="26" s="1"/>
  <c r="C2314" i="26"/>
  <c r="Q2210" i="10"/>
  <c r="D2202" i="26" s="1"/>
  <c r="C2202" i="26"/>
  <c r="Q1617" i="10"/>
  <c r="D1609" i="26" s="1"/>
  <c r="C1609" i="26"/>
  <c r="C1010" i="26"/>
  <c r="Q1018" i="10"/>
  <c r="D1010" i="26" s="1"/>
  <c r="C281" i="26"/>
  <c r="Q289" i="10"/>
  <c r="D281" i="26" s="1"/>
  <c r="C2052" i="26"/>
  <c r="Q2060" i="10"/>
  <c r="D2052" i="26" s="1"/>
  <c r="Q1655" i="10"/>
  <c r="D1647" i="26" s="1"/>
  <c r="C1647" i="26"/>
  <c r="Q2458" i="10"/>
  <c r="D2450" i="26" s="1"/>
  <c r="C2450" i="26"/>
  <c r="C26" i="26"/>
  <c r="Q34" i="10"/>
  <c r="D26" i="26" s="1"/>
  <c r="Q2721" i="10"/>
  <c r="D2713" i="26" s="1"/>
  <c r="C2713" i="26"/>
  <c r="T2756" i="10"/>
  <c r="C2748" i="26"/>
  <c r="Q2756" i="10"/>
  <c r="D2748" i="26" s="1"/>
  <c r="T185" i="10"/>
  <c r="C177" i="26"/>
  <c r="Q185" i="10"/>
  <c r="D177" i="26" s="1"/>
  <c r="T305" i="10"/>
  <c r="C297" i="26"/>
  <c r="Q305" i="10"/>
  <c r="D297" i="26" s="1"/>
  <c r="T66" i="10"/>
  <c r="C58" i="26"/>
  <c r="Q66" i="10"/>
  <c r="D58" i="26" s="1"/>
  <c r="T1226" i="10"/>
  <c r="Q1226" i="10"/>
  <c r="D1218" i="26" s="1"/>
  <c r="C1218" i="26"/>
  <c r="T2834" i="10"/>
  <c r="Q2834" i="10"/>
  <c r="D2826" i="26" s="1"/>
  <c r="C2826" i="26"/>
  <c r="T961" i="10"/>
  <c r="C953" i="26"/>
  <c r="Q961" i="10"/>
  <c r="D953" i="26" s="1"/>
  <c r="T2722" i="10"/>
  <c r="Q2722" i="10"/>
  <c r="D2714" i="26" s="1"/>
  <c r="C2714" i="26"/>
  <c r="T1130" i="10"/>
  <c r="C1122" i="26"/>
  <c r="Q1130" i="10"/>
  <c r="D1122" i="26" s="1"/>
  <c r="T2129" i="10"/>
  <c r="Q2129" i="10"/>
  <c r="D2121" i="26" s="1"/>
  <c r="C2121" i="26"/>
  <c r="T281" i="10"/>
  <c r="C273" i="26"/>
  <c r="Q281" i="10"/>
  <c r="D273" i="26" s="1"/>
  <c r="T1530" i="10"/>
  <c r="Q1530" i="10"/>
  <c r="D1522" i="26" s="1"/>
  <c r="C1522" i="26"/>
  <c r="C824" i="26"/>
  <c r="Q832" i="10"/>
  <c r="D824" i="26" s="1"/>
  <c r="C650" i="26"/>
  <c r="Q658" i="10"/>
  <c r="D650" i="26" s="1"/>
  <c r="Q2426" i="10"/>
  <c r="D2418" i="26" s="1"/>
  <c r="C2418" i="26"/>
  <c r="C1113" i="26"/>
  <c r="Q1121" i="10"/>
  <c r="D1113" i="26" s="1"/>
  <c r="Q1649" i="10"/>
  <c r="D1641" i="26" s="1"/>
  <c r="C1641" i="26"/>
  <c r="C489" i="26"/>
  <c r="Q497" i="10"/>
  <c r="D489" i="26" s="1"/>
  <c r="Q2059" i="10"/>
  <c r="D2051" i="26" s="1"/>
  <c r="C2051" i="26"/>
  <c r="Q2167" i="10"/>
  <c r="D2159" i="26" s="1"/>
  <c r="C2159" i="26"/>
  <c r="C258" i="26"/>
  <c r="Q266" i="10"/>
  <c r="D258" i="26" s="1"/>
  <c r="Q1874" i="10"/>
  <c r="D1866" i="26" s="1"/>
  <c r="C1866" i="26"/>
  <c r="Q2811" i="10"/>
  <c r="D2803" i="26" s="1"/>
  <c r="C2803" i="26"/>
  <c r="Q1250" i="10"/>
  <c r="D1242" i="26" s="1"/>
  <c r="C1242" i="26"/>
  <c r="C162" i="26"/>
  <c r="Q170" i="10"/>
  <c r="D162" i="26" s="1"/>
  <c r="Q1169" i="10"/>
  <c r="D1161" i="26" s="1"/>
  <c r="C1161" i="26"/>
  <c r="Q2418" i="10"/>
  <c r="D2410" i="26" s="1"/>
  <c r="C2410" i="26"/>
  <c r="C562" i="26"/>
  <c r="Q570" i="10"/>
  <c r="D562" i="26" s="1"/>
  <c r="Q1977" i="10"/>
  <c r="D1969" i="26" s="1"/>
  <c r="C1969" i="26"/>
  <c r="C769" i="26"/>
  <c r="Q777" i="10"/>
  <c r="D769" i="26" s="1"/>
  <c r="Q1249" i="10"/>
  <c r="D1241" i="26" s="1"/>
  <c r="C1241" i="26"/>
  <c r="C116" i="26"/>
  <c r="Q124" i="10"/>
  <c r="D116" i="26" s="1"/>
  <c r="Q2545" i="10"/>
  <c r="D2537" i="26" s="1"/>
  <c r="C2537" i="26"/>
  <c r="Q2635" i="10"/>
  <c r="D2627" i="26" s="1"/>
  <c r="C2627" i="26"/>
  <c r="Q2743" i="10"/>
  <c r="D2735" i="26" s="1"/>
  <c r="C2735" i="26"/>
  <c r="C834" i="26"/>
  <c r="Q842" i="10"/>
  <c r="D834" i="26" s="1"/>
  <c r="T2450" i="10"/>
  <c r="Q2450" i="10"/>
  <c r="D2442" i="26" s="1"/>
  <c r="C2442" i="26"/>
  <c r="C1081" i="26"/>
  <c r="Q1089" i="10"/>
  <c r="D1081" i="26" s="1"/>
  <c r="Q2338" i="10"/>
  <c r="D2330" i="26" s="1"/>
  <c r="C2330" i="26"/>
  <c r="T746" i="10"/>
  <c r="C738" i="26"/>
  <c r="Q746" i="10"/>
  <c r="D738" i="26" s="1"/>
  <c r="Q1745" i="10"/>
  <c r="D1737" i="26" s="1"/>
  <c r="C1737" i="26"/>
  <c r="C2700" i="26"/>
  <c r="Q2708" i="10"/>
  <c r="D2700" i="26" s="1"/>
  <c r="T1146" i="10"/>
  <c r="C1138" i="26"/>
  <c r="E1139" i="26" s="1"/>
  <c r="Q1146" i="10"/>
  <c r="D1138" i="26" s="1"/>
  <c r="Q2609" i="10"/>
  <c r="D2601" i="26" s="1"/>
  <c r="C2601" i="26"/>
  <c r="Q1801" i="10"/>
  <c r="D1793" i="26" s="1"/>
  <c r="C1793" i="26"/>
  <c r="C301" i="26"/>
  <c r="Q309" i="10"/>
  <c r="D301" i="26" s="1"/>
  <c r="C545" i="26"/>
  <c r="Q553" i="10"/>
  <c r="D545" i="26" s="1"/>
  <c r="C1660" i="26"/>
  <c r="Q1668" i="10"/>
  <c r="D1660" i="26" s="1"/>
  <c r="C561" i="26"/>
  <c r="Q569" i="10"/>
  <c r="D561" i="26" s="1"/>
  <c r="C1001" i="26"/>
  <c r="Q1009" i="10"/>
  <c r="D1001" i="26" s="1"/>
  <c r="C250" i="26"/>
  <c r="Q258" i="10"/>
  <c r="D250" i="26" s="1"/>
  <c r="Q1418" i="10"/>
  <c r="D1410" i="26" s="1"/>
  <c r="C1410" i="26"/>
  <c r="Q2514" i="10"/>
  <c r="D2506" i="26" s="1"/>
  <c r="C2506" i="26"/>
  <c r="Q1665" i="10"/>
  <c r="D1657" i="26" s="1"/>
  <c r="C1657" i="26"/>
  <c r="C65" i="26"/>
  <c r="Q73" i="10"/>
  <c r="D65" i="26" s="1"/>
  <c r="D18" i="23"/>
  <c r="D18" i="25"/>
  <c r="E18" i="25" s="1"/>
  <c r="Q1322" i="10"/>
  <c r="D1314" i="26" s="1"/>
  <c r="C1314" i="26"/>
  <c r="Q2321" i="10"/>
  <c r="D2313" i="26" s="1"/>
  <c r="C2313" i="26"/>
  <c r="C465" i="26"/>
  <c r="Q473" i="10"/>
  <c r="D465" i="26" s="1"/>
  <c r="Q1722" i="10"/>
  <c r="D1714" i="26" s="1"/>
  <c r="C1714" i="26"/>
  <c r="C225" i="26"/>
  <c r="Q233" i="10"/>
  <c r="D225" i="26" s="1"/>
  <c r="C994" i="26"/>
  <c r="Q1002" i="10"/>
  <c r="D994" i="26" s="1"/>
  <c r="Q2496" i="10"/>
  <c r="D2488" i="26" s="1"/>
  <c r="C2488" i="26"/>
  <c r="Q2153" i="10"/>
  <c r="D2145" i="26" s="1"/>
  <c r="C2145" i="26"/>
  <c r="D33" i="23"/>
  <c r="D33" i="25"/>
  <c r="Q2809" i="10"/>
  <c r="D2801" i="26" s="1"/>
  <c r="C2801" i="26"/>
  <c r="Q1675" i="10"/>
  <c r="D1667" i="26" s="1"/>
  <c r="E1668" i="26" s="1"/>
  <c r="C1667" i="26"/>
  <c r="Q1847" i="10"/>
  <c r="D1839" i="26" s="1"/>
  <c r="C1839" i="26"/>
  <c r="E1840" i="26" s="1"/>
  <c r="C450" i="26"/>
  <c r="Q458" i="10"/>
  <c r="D450" i="26" s="1"/>
  <c r="Q1554" i="10"/>
  <c r="D1546" i="26" s="1"/>
  <c r="C1546" i="26"/>
  <c r="Q2650" i="10"/>
  <c r="D2642" i="26" s="1"/>
  <c r="C2642" i="26"/>
  <c r="C922" i="26"/>
  <c r="Q930" i="10"/>
  <c r="D922" i="26" s="1"/>
  <c r="Q2185" i="10"/>
  <c r="D2177" i="26" s="1"/>
  <c r="C2177" i="26"/>
  <c r="C841" i="26"/>
  <c r="Q849" i="10"/>
  <c r="D841" i="26" s="1"/>
  <c r="Q2610" i="10"/>
  <c r="D2602" i="26" s="1"/>
  <c r="C2602" i="26"/>
  <c r="Q1274" i="10"/>
  <c r="D1266" i="26" s="1"/>
  <c r="C1266" i="26"/>
  <c r="Q2793" i="10"/>
  <c r="D2785" i="26" s="1"/>
  <c r="C2785" i="26"/>
  <c r="C1050" i="26"/>
  <c r="Q1058" i="10"/>
  <c r="D1050" i="26" s="1"/>
  <c r="C665" i="26"/>
  <c r="Q673" i="10"/>
  <c r="D665" i="26" s="1"/>
  <c r="Q2729" i="10"/>
  <c r="D2721" i="26" s="1"/>
  <c r="C2721" i="26"/>
  <c r="Q1457" i="10"/>
  <c r="D1449" i="26" s="1"/>
  <c r="C1449" i="26"/>
  <c r="C1364" i="26"/>
  <c r="Q1372" i="10"/>
  <c r="D1364" i="26" s="1"/>
  <c r="Q1410" i="10"/>
  <c r="D1402" i="26" s="1"/>
  <c r="E1403" i="26" s="1"/>
  <c r="C1402" i="26"/>
  <c r="Q2570" i="10"/>
  <c r="D2562" i="26" s="1"/>
  <c r="C2562" i="26"/>
  <c r="C658" i="26"/>
  <c r="Q666" i="10"/>
  <c r="D658" i="26" s="1"/>
  <c r="Q1793" i="10"/>
  <c r="D1785" i="26" s="1"/>
  <c r="C1785" i="26"/>
  <c r="C193" i="26"/>
  <c r="Q201" i="10"/>
  <c r="D193" i="26" s="1"/>
  <c r="Q1450" i="10"/>
  <c r="D1442" i="26" s="1"/>
  <c r="C1442" i="26"/>
  <c r="E1443" i="26" s="1"/>
  <c r="C106" i="26"/>
  <c r="Q114" i="10"/>
  <c r="D106" i="26" s="1"/>
  <c r="Q1625" i="10"/>
  <c r="D1617" i="26" s="1"/>
  <c r="C1617" i="26"/>
  <c r="Q1345" i="10"/>
  <c r="D1337" i="26" s="1"/>
  <c r="C1337" i="26"/>
  <c r="Q2081" i="10"/>
  <c r="D2073" i="26" s="1"/>
  <c r="C2073" i="26"/>
  <c r="Q1321" i="10"/>
  <c r="D1313" i="26" s="1"/>
  <c r="C1313" i="26"/>
  <c r="Q2105" i="10"/>
  <c r="D2097" i="26" s="1"/>
  <c r="C2097" i="26"/>
  <c r="Q1867" i="10"/>
  <c r="D1859" i="26" s="1"/>
  <c r="E1860" i="26" s="1"/>
  <c r="C1859" i="26"/>
  <c r="Q2551" i="10"/>
  <c r="D2543" i="26" s="1"/>
  <c r="C2543" i="26"/>
  <c r="Q2186" i="10"/>
  <c r="D2178" i="26" s="1"/>
  <c r="C2178" i="26"/>
  <c r="C274" i="26"/>
  <c r="Q282" i="10"/>
  <c r="D274" i="26" s="1"/>
  <c r="Q1409" i="10"/>
  <c r="D1401" i="26" s="1"/>
  <c r="C1401" i="26"/>
  <c r="Q2658" i="10"/>
  <c r="D2650" i="26" s="1"/>
  <c r="C2650" i="26"/>
  <c r="C1058" i="26"/>
  <c r="Q1066" i="10"/>
  <c r="D1058" i="26" s="1"/>
  <c r="Q2065" i="10"/>
  <c r="D2057" i="26" s="1"/>
  <c r="C2057" i="26"/>
  <c r="C209" i="26"/>
  <c r="Q217" i="10"/>
  <c r="D209" i="26" s="1"/>
  <c r="Q1466" i="10"/>
  <c r="D1458" i="26" s="1"/>
  <c r="C1458" i="26"/>
  <c r="E1459" i="26" s="1"/>
  <c r="C442" i="26"/>
  <c r="Q450" i="10"/>
  <c r="D442" i="26" s="1"/>
  <c r="Q2226" i="10"/>
  <c r="D2218" i="26" s="1"/>
  <c r="C2218" i="26"/>
  <c r="C507" i="26"/>
  <c r="E508" i="26" s="1"/>
  <c r="Q515" i="10"/>
  <c r="D507" i="26" s="1"/>
  <c r="Q1687" i="10"/>
  <c r="D1679" i="26" s="1"/>
  <c r="C1679" i="26"/>
  <c r="Q1307" i="10"/>
  <c r="D1299" i="26" s="1"/>
  <c r="C1299" i="26"/>
  <c r="C1669" i="26"/>
  <c r="Q1677" i="10"/>
  <c r="D1669" i="26" s="1"/>
  <c r="C176" i="26"/>
  <c r="Q184" i="10"/>
  <c r="D176" i="26" s="1"/>
  <c r="C326" i="26"/>
  <c r="Q334" i="10"/>
  <c r="D326" i="26" s="1"/>
  <c r="D19" i="25"/>
  <c r="E19" i="25" s="1"/>
  <c r="D19" i="23"/>
  <c r="C1412" i="26"/>
  <c r="Q1420" i="10"/>
  <c r="D1412" i="26" s="1"/>
  <c r="Q1109" i="10"/>
  <c r="D1101" i="26" s="1"/>
  <c r="E1102" i="26" s="1"/>
  <c r="C1101" i="26"/>
  <c r="C1127" i="26"/>
  <c r="Q1135" i="10"/>
  <c r="D1127" i="26" s="1"/>
  <c r="E1128" i="26" s="1"/>
  <c r="Q2214" i="10"/>
  <c r="D2206" i="26" s="1"/>
  <c r="C2206" i="26"/>
  <c r="C944" i="26"/>
  <c r="Q952" i="10"/>
  <c r="D944" i="26" s="1"/>
  <c r="C540" i="26"/>
  <c r="E541" i="26" s="1"/>
  <c r="Q548" i="10"/>
  <c r="D540" i="26" s="1"/>
  <c r="C2813" i="26"/>
  <c r="Q2821" i="10"/>
  <c r="D2813" i="26" s="1"/>
  <c r="Q2735" i="10"/>
  <c r="D2727" i="26" s="1"/>
  <c r="C2727" i="26"/>
  <c r="Q2143" i="10"/>
  <c r="D2135" i="26" s="1"/>
  <c r="C2135" i="26"/>
  <c r="C2364" i="26"/>
  <c r="Q2372" i="10"/>
  <c r="D2364" i="26" s="1"/>
  <c r="C527" i="26"/>
  <c r="Q535" i="10"/>
  <c r="D527" i="26" s="1"/>
  <c r="E528" i="26" s="1"/>
  <c r="C534" i="26"/>
  <c r="E535" i="26" s="1"/>
  <c r="Q542" i="10"/>
  <c r="D534" i="26" s="1"/>
  <c r="C327" i="26"/>
  <c r="Q335" i="10"/>
  <c r="D327" i="26" s="1"/>
  <c r="C651" i="26"/>
  <c r="E652" i="26" s="1"/>
  <c r="Q659" i="10"/>
  <c r="D651" i="26" s="1"/>
  <c r="Q1814" i="10"/>
  <c r="D1806" i="26" s="1"/>
  <c r="C1806" i="26"/>
  <c r="Q1599" i="10"/>
  <c r="D1591" i="26" s="1"/>
  <c r="C1591" i="26"/>
  <c r="Q1824" i="10"/>
  <c r="D1816" i="26" s="1"/>
  <c r="C1816" i="26"/>
  <c r="E596" i="26"/>
  <c r="F2192" i="26"/>
  <c r="E2192" i="26"/>
  <c r="E1240" i="26"/>
  <c r="F2183" i="26"/>
  <c r="E2183" i="26"/>
  <c r="F2151" i="26"/>
  <c r="E2151" i="26"/>
  <c r="E1453" i="26"/>
  <c r="F2373" i="26"/>
  <c r="E2373" i="26"/>
  <c r="F2244" i="26"/>
  <c r="E2244" i="26"/>
  <c r="E871" i="26"/>
  <c r="F2299" i="26"/>
  <c r="E2299" i="26"/>
  <c r="E2000" i="26"/>
  <c r="F2336" i="26"/>
  <c r="E2336" i="26"/>
  <c r="E1734" i="26"/>
  <c r="E936" i="26"/>
  <c r="F2264" i="26"/>
  <c r="E2264" i="26"/>
  <c r="E1103" i="26"/>
  <c r="F147" i="26"/>
  <c r="E147" i="26"/>
  <c r="F21" i="26"/>
  <c r="G21" i="26"/>
  <c r="E21" i="26"/>
  <c r="F2197" i="26"/>
  <c r="E2197" i="26"/>
  <c r="E656" i="26"/>
  <c r="E549" i="26"/>
  <c r="E1080" i="26"/>
  <c r="E285" i="26"/>
  <c r="E868" i="26"/>
  <c r="E1757" i="26"/>
  <c r="E1420" i="26"/>
  <c r="F84" i="26"/>
  <c r="E84" i="26"/>
  <c r="F2107" i="26"/>
  <c r="E2107" i="26"/>
  <c r="E1933" i="26"/>
  <c r="E2440" i="26"/>
  <c r="E902" i="26"/>
  <c r="E1805" i="26"/>
  <c r="E591" i="26"/>
  <c r="F240" i="26"/>
  <c r="E240" i="26"/>
  <c r="E1132" i="26"/>
  <c r="E1749" i="26"/>
  <c r="F2404" i="26"/>
  <c r="E2404" i="26"/>
  <c r="E1040" i="26"/>
  <c r="F2165" i="26"/>
  <c r="E2165" i="26"/>
  <c r="F2188" i="26"/>
  <c r="E2188" i="26"/>
  <c r="E607" i="26"/>
  <c r="F2012" i="26"/>
  <c r="E2012" i="26"/>
  <c r="F101" i="26"/>
  <c r="E101" i="26"/>
  <c r="F2725" i="26"/>
  <c r="E2725" i="26"/>
  <c r="E423" i="26"/>
  <c r="F184" i="26"/>
  <c r="E184" i="26"/>
  <c r="E380" i="26"/>
  <c r="E831" i="26"/>
  <c r="F2173" i="26"/>
  <c r="E2173" i="26"/>
  <c r="E679" i="26"/>
  <c r="F1868" i="26"/>
  <c r="E1868" i="26"/>
  <c r="E556" i="26"/>
  <c r="G39" i="26"/>
  <c r="F39" i="26"/>
  <c r="E39" i="26"/>
  <c r="F252" i="26"/>
  <c r="E252" i="26"/>
  <c r="E1356" i="26"/>
  <c r="F243" i="26"/>
  <c r="E243" i="26"/>
  <c r="F67" i="26"/>
  <c r="E67" i="26"/>
  <c r="F2125" i="26"/>
  <c r="E2125" i="26"/>
  <c r="F2780" i="26"/>
  <c r="E2780" i="26"/>
  <c r="E984" i="26"/>
  <c r="F2636" i="26"/>
  <c r="E2636" i="26"/>
  <c r="F1869" i="26"/>
  <c r="E1869" i="26"/>
  <c r="E1112" i="26"/>
  <c r="E1136" i="26"/>
  <c r="E213" i="26"/>
  <c r="F2325" i="26"/>
  <c r="E2325" i="26"/>
  <c r="E1845" i="26"/>
  <c r="E612" i="26"/>
  <c r="E592" i="26"/>
  <c r="F2717" i="26"/>
  <c r="E2717" i="26"/>
  <c r="G31" i="26"/>
  <c r="E31" i="26"/>
  <c r="F165" i="26"/>
  <c r="E165" i="26"/>
  <c r="F2789" i="26"/>
  <c r="E2789" i="26"/>
  <c r="F248" i="26"/>
  <c r="E248" i="26"/>
  <c r="E676" i="26"/>
  <c r="E352" i="26"/>
  <c r="E1828" i="26"/>
  <c r="E558" i="26"/>
  <c r="E1000" i="26"/>
  <c r="E823" i="26"/>
  <c r="E1013" i="26"/>
  <c r="E638" i="26"/>
  <c r="E764" i="26"/>
  <c r="E501" i="26"/>
  <c r="F187" i="26"/>
  <c r="E187" i="26"/>
  <c r="F2237" i="26"/>
  <c r="E2237" i="26"/>
  <c r="E316" i="26"/>
  <c r="E1997" i="26"/>
  <c r="F2100" i="26"/>
  <c r="E2100" i="26"/>
  <c r="F2124" i="26"/>
  <c r="E2124" i="26"/>
  <c r="F100" i="26"/>
  <c r="E100" i="26"/>
  <c r="F1877" i="26"/>
  <c r="E1877" i="26"/>
  <c r="E754" i="26"/>
  <c r="F2640" i="26"/>
  <c r="E2640" i="26"/>
  <c r="E2518" i="26"/>
  <c r="E1823" i="26"/>
  <c r="E1472" i="26"/>
  <c r="F2583" i="26"/>
  <c r="E2583" i="26"/>
  <c r="F2411" i="26"/>
  <c r="E2411" i="26"/>
  <c r="F2360" i="26"/>
  <c r="E2360" i="26"/>
  <c r="E1511" i="26"/>
  <c r="E1534" i="26"/>
  <c r="F2495" i="26"/>
  <c r="E2495" i="26"/>
  <c r="F2347" i="26"/>
  <c r="E2347" i="26"/>
  <c r="E1448" i="26"/>
  <c r="F2379" i="26"/>
  <c r="E2379" i="26"/>
  <c r="F2054" i="26"/>
  <c r="E2054" i="26"/>
  <c r="F2767" i="26"/>
  <c r="E2767" i="26"/>
  <c r="F2195" i="26"/>
  <c r="E2195" i="26"/>
  <c r="F2070" i="26"/>
  <c r="E2070" i="26"/>
  <c r="E1686" i="26"/>
  <c r="F2527" i="26"/>
  <c r="E2527" i="26"/>
  <c r="F2176" i="26"/>
  <c r="E2176" i="26"/>
  <c r="F2015" i="26"/>
  <c r="E2015" i="26"/>
  <c r="F2267" i="26"/>
  <c r="E2267" i="26"/>
  <c r="E1783" i="26"/>
  <c r="E1895" i="26"/>
  <c r="E2568" i="26"/>
  <c r="F2392" i="26"/>
  <c r="E2392" i="26"/>
  <c r="F2167" i="26"/>
  <c r="E2167" i="26"/>
  <c r="E1751" i="26"/>
  <c r="F2222" i="26"/>
  <c r="E2222" i="26"/>
  <c r="E1824" i="26"/>
  <c r="F2759" i="26"/>
  <c r="E2759" i="26"/>
  <c r="F2664" i="26"/>
  <c r="E2664" i="26"/>
  <c r="E1550" i="26"/>
  <c r="F2110" i="26"/>
  <c r="E2110" i="26"/>
  <c r="E1174" i="26"/>
  <c r="E1375" i="26"/>
  <c r="F2211" i="26"/>
  <c r="E2211" i="26"/>
  <c r="F2720" i="26"/>
  <c r="E2720" i="26"/>
  <c r="E1768" i="26"/>
  <c r="E1662" i="26"/>
  <c r="E1655" i="26"/>
  <c r="E1159" i="26"/>
  <c r="E1640" i="26"/>
  <c r="F2699" i="26"/>
  <c r="E2699" i="26"/>
  <c r="F2383" i="26"/>
  <c r="E2383" i="26"/>
  <c r="F2160" i="26"/>
  <c r="E2160" i="26"/>
  <c r="E1854" i="26"/>
  <c r="E1754" i="26"/>
  <c r="F2646" i="26"/>
  <c r="E2646" i="26"/>
  <c r="F2582" i="26"/>
  <c r="E2582" i="26"/>
  <c r="E1558" i="26"/>
  <c r="F2655" i="26"/>
  <c r="E2655" i="26"/>
  <c r="F2368" i="26"/>
  <c r="E2368" i="26"/>
  <c r="F2551" i="26"/>
  <c r="E2551" i="26"/>
  <c r="F2047" i="26"/>
  <c r="E2047" i="26"/>
  <c r="F2087" i="26"/>
  <c r="E2087" i="26"/>
  <c r="E1471" i="26"/>
  <c r="F2832" i="26"/>
  <c r="E2832" i="26"/>
  <c r="F2419" i="26"/>
  <c r="E2419" i="26"/>
  <c r="E1726" i="26"/>
  <c r="F2132" i="26"/>
  <c r="E2132" i="26"/>
  <c r="E263" i="26"/>
  <c r="E428" i="26"/>
  <c r="F2024" i="26"/>
  <c r="E2024" i="26"/>
  <c r="F2062" i="26"/>
  <c r="E2062" i="26"/>
  <c r="E2572" i="26"/>
  <c r="F2451" i="26"/>
  <c r="E2451" i="26"/>
  <c r="Q1995" i="10"/>
  <c r="D1987" i="26" s="1"/>
  <c r="C1987" i="26"/>
  <c r="C1097" i="26"/>
  <c r="Q1105" i="10"/>
  <c r="D1097" i="26" s="1"/>
  <c r="Q1216" i="10"/>
  <c r="D1208" i="26" s="1"/>
  <c r="C1208" i="26"/>
  <c r="Q1946" i="10"/>
  <c r="D1938" i="26" s="1"/>
  <c r="C1938" i="26"/>
  <c r="T1914" i="10"/>
  <c r="Q1914" i="10"/>
  <c r="D1906" i="26" s="1"/>
  <c r="C1906" i="26"/>
  <c r="C57" i="26"/>
  <c r="Q65" i="10"/>
  <c r="D57" i="26" s="1"/>
  <c r="Q1633" i="10"/>
  <c r="D1625" i="26" s="1"/>
  <c r="C1625" i="26"/>
  <c r="C353" i="26"/>
  <c r="Q361" i="10"/>
  <c r="D353" i="26" s="1"/>
  <c r="C385" i="26"/>
  <c r="Q393" i="10"/>
  <c r="D385" i="26" s="1"/>
  <c r="E550" i="26"/>
  <c r="F2838" i="26"/>
  <c r="E2838" i="26"/>
  <c r="G47" i="26"/>
  <c r="F47" i="26"/>
  <c r="E47" i="26"/>
  <c r="F2613" i="26"/>
  <c r="E2613" i="26"/>
  <c r="F307" i="26"/>
  <c r="E307" i="26"/>
  <c r="E991" i="26"/>
  <c r="E384" i="26"/>
  <c r="E1428" i="26"/>
  <c r="E1061" i="26"/>
  <c r="E972" i="26"/>
  <c r="E696" i="26"/>
  <c r="F2372" i="26"/>
  <c r="E2372" i="26"/>
  <c r="E1588" i="26"/>
  <c r="F236" i="26"/>
  <c r="E236" i="26"/>
  <c r="E1893" i="26"/>
  <c r="F2647" i="26"/>
  <c r="E2647" i="26"/>
  <c r="F2719" i="26"/>
  <c r="E2719" i="26"/>
  <c r="F2487" i="26"/>
  <c r="E2487" i="26"/>
  <c r="E446" i="26"/>
  <c r="E1725" i="26"/>
  <c r="F2204" i="26"/>
  <c r="E2204" i="26"/>
  <c r="E1960" i="26"/>
  <c r="F13" i="26"/>
  <c r="G13" i="26"/>
  <c r="E13" i="26"/>
  <c r="E526" i="26"/>
  <c r="F61" i="26"/>
  <c r="E61" i="26"/>
  <c r="E1743" i="26"/>
  <c r="E1454" i="26"/>
  <c r="E1589" i="26"/>
  <c r="F2461" i="26"/>
  <c r="E2461" i="26"/>
  <c r="F2531" i="26"/>
  <c r="E2531" i="26"/>
  <c r="F2661" i="26"/>
  <c r="E2661" i="26"/>
  <c r="E669" i="26"/>
  <c r="F2584" i="26"/>
  <c r="E2584" i="26"/>
  <c r="F2232" i="26"/>
  <c r="E2232" i="26"/>
  <c r="E1864" i="26"/>
  <c r="E300" i="26"/>
  <c r="E2573" i="26"/>
  <c r="E1688" i="26"/>
  <c r="E1560" i="26"/>
  <c r="F2108" i="26"/>
  <c r="E2108" i="26"/>
  <c r="E1720" i="26"/>
  <c r="E216" i="26"/>
  <c r="E1143" i="26"/>
  <c r="F2808" i="26"/>
  <c r="E2808" i="26"/>
  <c r="E605" i="26"/>
  <c r="F2421" i="26"/>
  <c r="E2421" i="26"/>
  <c r="E511" i="26"/>
  <c r="F232" i="26"/>
  <c r="E232" i="26"/>
  <c r="F2814" i="26"/>
  <c r="E2814" i="26"/>
  <c r="E1900" i="26"/>
  <c r="E992" i="26"/>
  <c r="E1167" i="26"/>
  <c r="E2278" i="26"/>
  <c r="F2547" i="26"/>
  <c r="E2547" i="26"/>
  <c r="E2560" i="26"/>
  <c r="E1272" i="26"/>
  <c r="F2472" i="26"/>
  <c r="E2472" i="26"/>
  <c r="F2407" i="26"/>
  <c r="E2407" i="26"/>
  <c r="E2558" i="26"/>
  <c r="E1760" i="26"/>
  <c r="F2071" i="26"/>
  <c r="E2071" i="26"/>
  <c r="F2219" i="26"/>
  <c r="E2219" i="26"/>
  <c r="E1271" i="26"/>
  <c r="F2555" i="26"/>
  <c r="E2555" i="26"/>
  <c r="F2784" i="26"/>
  <c r="E2784" i="26"/>
  <c r="F2246" i="26"/>
  <c r="E2246" i="26"/>
  <c r="F2456" i="26"/>
  <c r="E2456" i="26"/>
  <c r="E1999" i="26"/>
  <c r="F2128" i="26"/>
  <c r="E2128" i="26"/>
  <c r="F2256" i="26"/>
  <c r="E2256" i="26"/>
  <c r="F2624" i="26"/>
  <c r="E2624" i="26"/>
  <c r="E1400" i="26"/>
  <c r="F2824" i="26"/>
  <c r="E2824" i="26"/>
  <c r="F2208" i="26"/>
  <c r="E2208" i="26"/>
  <c r="F2491" i="26"/>
  <c r="E2491" i="26"/>
  <c r="F2363" i="26"/>
  <c r="E2363" i="26"/>
  <c r="E1383" i="26"/>
  <c r="E1470" i="26"/>
  <c r="F2459" i="26"/>
  <c r="E2459" i="26"/>
  <c r="E2438" i="26"/>
  <c r="F2792" i="26"/>
  <c r="E2792" i="26"/>
  <c r="F2127" i="26"/>
  <c r="E2127" i="26"/>
  <c r="F2662" i="26"/>
  <c r="E2662" i="26"/>
  <c r="F2101" i="26"/>
  <c r="E2101" i="26"/>
  <c r="E582" i="26"/>
  <c r="G35" i="26"/>
  <c r="F2213" i="26"/>
  <c r="E2213" i="26"/>
  <c r="E1549" i="26"/>
  <c r="E2685" i="26"/>
  <c r="F103" i="26"/>
  <c r="E103" i="26"/>
  <c r="E743" i="26"/>
  <c r="E1133" i="26"/>
  <c r="E695" i="26"/>
  <c r="E1269" i="26"/>
  <c r="E1047" i="26"/>
  <c r="F2252" i="26"/>
  <c r="E2252" i="26"/>
  <c r="F152" i="26"/>
  <c r="E152" i="26"/>
  <c r="E500" i="26"/>
  <c r="E1277" i="26"/>
  <c r="F119" i="26"/>
  <c r="E119" i="26"/>
  <c r="E1964" i="26"/>
  <c r="F262" i="26"/>
  <c r="E262" i="26"/>
  <c r="E895" i="26"/>
  <c r="E910" i="26"/>
  <c r="F79" i="26"/>
  <c r="E79" i="26"/>
  <c r="E1044" i="26"/>
  <c r="E1270" i="26"/>
  <c r="F179" i="26"/>
  <c r="E179" i="26"/>
  <c r="E1333" i="26"/>
  <c r="E976" i="26"/>
  <c r="E287" i="26"/>
  <c r="E739" i="26"/>
  <c r="E293" i="26"/>
  <c r="F2460" i="26"/>
  <c r="E2460" i="26"/>
  <c r="E344" i="26"/>
  <c r="E1260" i="26"/>
  <c r="E1965" i="26"/>
  <c r="E807" i="26"/>
  <c r="E1189" i="26"/>
  <c r="F1596" i="26"/>
  <c r="E1596" i="26"/>
  <c r="E359" i="26"/>
  <c r="F62" i="26"/>
  <c r="E62" i="26"/>
  <c r="F2756" i="26"/>
  <c r="E2756" i="26"/>
  <c r="E1172" i="26"/>
  <c r="E2437" i="26"/>
  <c r="E1052" i="26"/>
  <c r="E645" i="26"/>
  <c r="E845" i="26"/>
  <c r="E1060" i="26"/>
  <c r="F88" i="26"/>
  <c r="E88" i="26"/>
  <c r="E847" i="26"/>
  <c r="F2292" i="26"/>
  <c r="E2292" i="26"/>
  <c r="E756" i="26"/>
  <c r="F2005" i="26"/>
  <c r="E2005" i="26"/>
  <c r="E294" i="26"/>
  <c r="E670" i="26"/>
  <c r="F2357" i="26"/>
  <c r="E2357" i="26"/>
  <c r="E477" i="26"/>
  <c r="E1525" i="26"/>
  <c r="E960" i="26"/>
  <c r="F2236" i="26"/>
  <c r="E2236" i="26"/>
  <c r="E1637" i="26"/>
  <c r="E2516" i="26"/>
  <c r="F2428" i="26"/>
  <c r="E2428" i="26"/>
  <c r="F2388" i="26"/>
  <c r="E2388" i="26"/>
  <c r="E1485" i="26"/>
  <c r="E584" i="26"/>
  <c r="E884" i="26"/>
  <c r="E1092" i="26"/>
  <c r="E888" i="26"/>
  <c r="E542" i="26"/>
  <c r="F144" i="26"/>
  <c r="E144" i="26"/>
  <c r="F125" i="26"/>
  <c r="E125" i="26"/>
  <c r="E736" i="26"/>
  <c r="F2068" i="26"/>
  <c r="E2068" i="26"/>
  <c r="F2085" i="26"/>
  <c r="E2085" i="26"/>
  <c r="F2196" i="26"/>
  <c r="E2196" i="26"/>
  <c r="F280" i="26"/>
  <c r="E280" i="26"/>
  <c r="E646" i="26"/>
  <c r="E903" i="26"/>
  <c r="E1038" i="26"/>
  <c r="F183" i="26"/>
  <c r="E183" i="26"/>
  <c r="E1045" i="26"/>
  <c r="F22" i="26"/>
  <c r="G22" i="26"/>
  <c r="E22" i="26"/>
  <c r="E1438" i="26"/>
  <c r="E1958" i="26"/>
  <c r="F1876" i="26"/>
  <c r="E1876" i="26"/>
  <c r="F2044" i="26"/>
  <c r="E2044" i="26"/>
  <c r="E415" i="26"/>
  <c r="E421" i="26"/>
  <c r="E568" i="26"/>
  <c r="F132" i="26"/>
  <c r="E132" i="26"/>
  <c r="E912" i="26"/>
  <c r="E1516" i="26"/>
  <c r="F43" i="26"/>
  <c r="G43" i="26"/>
  <c r="E43" i="26"/>
  <c r="F2413" i="26"/>
  <c r="E2413" i="26"/>
  <c r="F1879" i="26"/>
  <c r="E1879" i="26"/>
  <c r="E1844" i="26"/>
  <c r="E892" i="26"/>
  <c r="E2512" i="26"/>
  <c r="E317" i="26"/>
  <c r="E1056" i="26"/>
  <c r="F1597" i="26"/>
  <c r="E1597" i="26"/>
  <c r="E1535" i="26"/>
  <c r="E1155" i="26"/>
  <c r="F40" i="26"/>
  <c r="E40" i="26"/>
  <c r="E388" i="26"/>
  <c r="F2796" i="26"/>
  <c r="E2796" i="26"/>
  <c r="E1832" i="26"/>
  <c r="E1621" i="26"/>
  <c r="E1046" i="26"/>
  <c r="E504" i="26"/>
  <c r="C1049" i="26"/>
  <c r="Q1057" i="10"/>
  <c r="D1049" i="26" s="1"/>
  <c r="C865" i="26"/>
  <c r="Q873" i="10"/>
  <c r="D865" i="26" s="1"/>
  <c r="D7" i="23"/>
  <c r="D7" i="25"/>
  <c r="C241" i="26"/>
  <c r="Q249" i="10"/>
  <c r="D241" i="26" s="1"/>
  <c r="Q2297" i="10"/>
  <c r="D2289" i="26" s="1"/>
  <c r="C2289" i="26"/>
  <c r="C1940" i="26"/>
  <c r="Q1948" i="10"/>
  <c r="D1940" i="26" s="1"/>
  <c r="C1082" i="26"/>
  <c r="Q1090" i="10"/>
  <c r="D1082" i="26" s="1"/>
  <c r="Q2250" i="10"/>
  <c r="D2242" i="26" s="1"/>
  <c r="C2242" i="26"/>
  <c r="C850" i="26"/>
  <c r="E851" i="26" s="1"/>
  <c r="Q858" i="10"/>
  <c r="D850" i="26" s="1"/>
  <c r="Q1985" i="10"/>
  <c r="D1977" i="26" s="1"/>
  <c r="C1977" i="26"/>
  <c r="C897" i="26"/>
  <c r="Q905" i="10"/>
  <c r="D897" i="26" s="1"/>
  <c r="Q2154" i="10"/>
  <c r="D2146" i="26" s="1"/>
  <c r="C2146" i="26"/>
  <c r="C298" i="26"/>
  <c r="Q306" i="10"/>
  <c r="D298" i="26" s="1"/>
  <c r="Q1305" i="10"/>
  <c r="D1297" i="26" s="1"/>
  <c r="C1297" i="26"/>
  <c r="Q2554" i="10"/>
  <c r="D2546" i="26" s="1"/>
  <c r="C2546" i="26"/>
  <c r="Q2281" i="10"/>
  <c r="D2273" i="26" s="1"/>
  <c r="C2273" i="26"/>
  <c r="C538" i="26"/>
  <c r="Q546" i="10"/>
  <c r="D538" i="26" s="1"/>
  <c r="C2676" i="26"/>
  <c r="Q2684" i="10"/>
  <c r="D2676" i="26" s="1"/>
  <c r="C417" i="26"/>
  <c r="Q425" i="10"/>
  <c r="D417" i="26" s="1"/>
  <c r="C2652" i="26"/>
  <c r="Q2660" i="10"/>
  <c r="D2652" i="26" s="1"/>
  <c r="C305" i="26"/>
  <c r="Q313" i="10"/>
  <c r="D305" i="26" s="1"/>
  <c r="C553" i="26"/>
  <c r="Q561" i="10"/>
  <c r="D553" i="26" s="1"/>
  <c r="C122" i="26"/>
  <c r="Q130" i="10"/>
  <c r="D122" i="26" s="1"/>
  <c r="Q1290" i="10"/>
  <c r="D1282" i="26" s="1"/>
  <c r="C1282" i="26"/>
  <c r="Q2803" i="10"/>
  <c r="D2795" i="26" s="1"/>
  <c r="C2795" i="26"/>
  <c r="C1017" i="26"/>
  <c r="Q1025" i="10"/>
  <c r="D1017" i="26" s="1"/>
  <c r="Q2786" i="10"/>
  <c r="D2778" i="26" s="1"/>
  <c r="C2778" i="26"/>
  <c r="Q1194" i="10"/>
  <c r="D1186" i="26" s="1"/>
  <c r="C1186" i="26"/>
  <c r="Q2193" i="10"/>
  <c r="D2185" i="26" s="1"/>
  <c r="C2185" i="26"/>
  <c r="C337" i="26"/>
  <c r="Q345" i="10"/>
  <c r="D337" i="26" s="1"/>
  <c r="Q1594" i="10"/>
  <c r="D1586" i="26" s="1"/>
  <c r="C1586" i="26"/>
  <c r="E1587" i="26" s="1"/>
  <c r="Q2487" i="10"/>
  <c r="D2479" i="26" s="1"/>
  <c r="C2479" i="26"/>
  <c r="C2820" i="26"/>
  <c r="Q2828" i="10"/>
  <c r="D2820" i="26" s="1"/>
  <c r="C2285" i="26"/>
  <c r="Q2293" i="10"/>
  <c r="D2285" i="26" s="1"/>
  <c r="C33" i="26"/>
  <c r="Q41" i="10"/>
  <c r="D33" i="26" s="1"/>
  <c r="C1084" i="26"/>
  <c r="Q1092" i="10"/>
  <c r="D1084" i="26" s="1"/>
  <c r="Q1529" i="10"/>
  <c r="D1521" i="26" s="1"/>
  <c r="C1521" i="26"/>
  <c r="C11" i="26"/>
  <c r="Q19" i="10"/>
  <c r="D11" i="26" s="1"/>
  <c r="C698" i="26"/>
  <c r="Q706" i="10"/>
  <c r="D698" i="26" s="1"/>
  <c r="Q1866" i="10"/>
  <c r="D1858" i="26" s="1"/>
  <c r="C1858" i="26"/>
  <c r="C978" i="26"/>
  <c r="Q986" i="10"/>
  <c r="D978" i="26" s="1"/>
  <c r="Q2113" i="10"/>
  <c r="D2105" i="26" s="1"/>
  <c r="C2105" i="26"/>
  <c r="C513" i="26"/>
  <c r="Q521" i="10"/>
  <c r="D513" i="26" s="1"/>
  <c r="Q1770" i="10"/>
  <c r="D1762" i="26" s="1"/>
  <c r="C1762" i="26"/>
  <c r="Q2769" i="10"/>
  <c r="D2761" i="26" s="1"/>
  <c r="C2761" i="26"/>
  <c r="C913" i="26"/>
  <c r="Q921" i="10"/>
  <c r="D913" i="26" s="1"/>
  <c r="Q2170" i="10"/>
  <c r="D2162" i="26" s="1"/>
  <c r="C2162" i="26"/>
  <c r="Q1474" i="10"/>
  <c r="D1466" i="26" s="1"/>
  <c r="C1466" i="26"/>
  <c r="C170" i="26"/>
  <c r="Q178" i="10"/>
  <c r="D170" i="26" s="1"/>
  <c r="C153" i="26"/>
  <c r="Q161" i="10"/>
  <c r="D153" i="26" s="1"/>
  <c r="Q1577" i="10"/>
  <c r="D1569" i="26" s="1"/>
  <c r="C1569" i="26"/>
  <c r="Q1969" i="10"/>
  <c r="D1961" i="26" s="1"/>
  <c r="C1961" i="26"/>
  <c r="Q2681" i="10"/>
  <c r="D2673" i="26" s="1"/>
  <c r="C2673" i="26"/>
  <c r="C239" i="26"/>
  <c r="Q247" i="10"/>
  <c r="D239" i="26" s="1"/>
  <c r="Q1282" i="10"/>
  <c r="D1274" i="26" s="1"/>
  <c r="C1274" i="26"/>
  <c r="Q2442" i="10"/>
  <c r="D2434" i="26" s="1"/>
  <c r="C2434" i="26"/>
  <c r="C1042" i="26"/>
  <c r="Q1050" i="10"/>
  <c r="D1042" i="26" s="1"/>
  <c r="Q2689" i="10"/>
  <c r="D2681" i="26" s="1"/>
  <c r="C2681" i="26"/>
  <c r="C1089" i="26"/>
  <c r="Q1097" i="10"/>
  <c r="D1089" i="26" s="1"/>
  <c r="Q2346" i="10"/>
  <c r="D2338" i="26" s="1"/>
  <c r="C2338" i="26"/>
  <c r="C490" i="26"/>
  <c r="Q498" i="10"/>
  <c r="D490" i="26" s="1"/>
  <c r="Q1497" i="10"/>
  <c r="D1489" i="26" s="1"/>
  <c r="C1489" i="26"/>
  <c r="Q2746" i="10"/>
  <c r="D2738" i="26" s="1"/>
  <c r="C2738" i="26"/>
  <c r="Q1463" i="10"/>
  <c r="D1455" i="26" s="1"/>
  <c r="C1455" i="26"/>
  <c r="Q2738" i="10"/>
  <c r="D2730" i="26" s="1"/>
  <c r="C2730" i="26"/>
  <c r="Q1441" i="10"/>
  <c r="D1433" i="26" s="1"/>
  <c r="C1433" i="26"/>
  <c r="C564" i="26"/>
  <c r="Q572" i="10"/>
  <c r="D564" i="26" s="1"/>
  <c r="Q2801" i="10"/>
  <c r="D2793" i="26" s="1"/>
  <c r="C2793" i="26"/>
  <c r="C1676" i="26"/>
  <c r="Q1684" i="10"/>
  <c r="D1676" i="26" s="1"/>
  <c r="C314" i="26"/>
  <c r="Q322" i="10"/>
  <c r="D314" i="26" s="1"/>
  <c r="Q1482" i="10"/>
  <c r="D1474" i="26" s="1"/>
  <c r="C1474" i="26"/>
  <c r="Q2578" i="10"/>
  <c r="D2570" i="26" s="1"/>
  <c r="C2570" i="26"/>
  <c r="C697" i="26"/>
  <c r="Q705" i="10"/>
  <c r="D697" i="26" s="1"/>
  <c r="Q1954" i="10"/>
  <c r="D1946" i="26" s="1"/>
  <c r="C1946" i="26"/>
  <c r="C866" i="26"/>
  <c r="Q874" i="10"/>
  <c r="D866" i="26" s="1"/>
  <c r="Q1873" i="10"/>
  <c r="D1865" i="26" s="1"/>
  <c r="C1865" i="26"/>
  <c r="C529" i="26"/>
  <c r="Q537" i="10"/>
  <c r="D529" i="26" s="1"/>
  <c r="Q2298" i="10"/>
  <c r="D2290" i="26" s="1"/>
  <c r="C2290" i="26"/>
  <c r="Q1713" i="10"/>
  <c r="D1705" i="26" s="1"/>
  <c r="C1705" i="26"/>
  <c r="C682" i="26"/>
  <c r="Q690" i="10"/>
  <c r="D682" i="26" s="1"/>
  <c r="Q2465" i="10"/>
  <c r="D2457" i="26" s="1"/>
  <c r="C2457" i="26"/>
  <c r="Q2481" i="10"/>
  <c r="D2473" i="26" s="1"/>
  <c r="C2473" i="26"/>
  <c r="Q1913" i="10"/>
  <c r="D1905" i="26" s="1"/>
  <c r="C1905" i="26"/>
  <c r="C879" i="26"/>
  <c r="Q887" i="10"/>
  <c r="D879" i="26" s="1"/>
  <c r="Q2434" i="10"/>
  <c r="D2426" i="26" s="1"/>
  <c r="C2426" i="26"/>
  <c r="C586" i="26"/>
  <c r="Q594" i="10"/>
  <c r="D586" i="26" s="1"/>
  <c r="Q1690" i="10"/>
  <c r="D1682" i="26" s="1"/>
  <c r="C1682" i="26"/>
  <c r="Q2817" i="10"/>
  <c r="D2809" i="26" s="1"/>
  <c r="C2809" i="26"/>
  <c r="Q1225" i="10"/>
  <c r="D1217" i="26" s="1"/>
  <c r="C1217" i="26"/>
  <c r="C2628" i="26"/>
  <c r="Q2636" i="10"/>
  <c r="D2628" i="26" s="1"/>
  <c r="C1130" i="26"/>
  <c r="Q1138" i="10"/>
  <c r="D1130" i="26" s="1"/>
  <c r="Q2649" i="10"/>
  <c r="D2641" i="26" s="1"/>
  <c r="C2641" i="26"/>
  <c r="C681" i="26"/>
  <c r="Q689" i="10"/>
  <c r="D681" i="26" s="1"/>
  <c r="Q2026" i="10"/>
  <c r="D2018" i="26" s="1"/>
  <c r="C2018" i="26"/>
  <c r="C89" i="26"/>
  <c r="Q97" i="10"/>
  <c r="D89" i="26" s="1"/>
  <c r="Q2345" i="10"/>
  <c r="D2337" i="26" s="1"/>
  <c r="C2337" i="26"/>
  <c r="Q1905" i="10"/>
  <c r="D1897" i="26" s="1"/>
  <c r="C1897" i="26"/>
  <c r="C105" i="26"/>
  <c r="Q113" i="10"/>
  <c r="D105" i="26" s="1"/>
  <c r="C1018" i="26"/>
  <c r="Q1026" i="10"/>
  <c r="D1018" i="26" s="1"/>
  <c r="C202" i="26"/>
  <c r="Q210" i="10"/>
  <c r="D202" i="26" s="1"/>
  <c r="Q1306" i="10"/>
  <c r="D1298" i="26" s="1"/>
  <c r="C1298" i="26"/>
  <c r="Q2433" i="10"/>
  <c r="D2425" i="26" s="1"/>
  <c r="C2425" i="26"/>
  <c r="C833" i="26"/>
  <c r="Q841" i="10"/>
  <c r="D833" i="26" s="1"/>
  <c r="Q2090" i="10"/>
  <c r="D2082" i="26" s="1"/>
  <c r="C2082" i="26"/>
  <c r="C234" i="26"/>
  <c r="Q242" i="10"/>
  <c r="D234" i="26" s="1"/>
  <c r="Q1241" i="10"/>
  <c r="D1233" i="26" s="1"/>
  <c r="C1233" i="26"/>
  <c r="Q2490" i="10"/>
  <c r="D2482" i="26" s="1"/>
  <c r="C2482" i="26"/>
  <c r="Q1170" i="10"/>
  <c r="D1162" i="26" s="1"/>
  <c r="C1162" i="26"/>
  <c r="C940" i="26"/>
  <c r="Q948" i="10"/>
  <c r="D940" i="26" s="1"/>
  <c r="C112" i="26"/>
  <c r="Q120" i="10"/>
  <c r="D112" i="26" s="1"/>
  <c r="Q2331" i="10"/>
  <c r="D2323" i="26" s="1"/>
  <c r="C2323" i="26"/>
  <c r="Q2751" i="10"/>
  <c r="D2743" i="26" s="1"/>
  <c r="C2743" i="26"/>
  <c r="C220" i="26"/>
  <c r="E221" i="26" s="1"/>
  <c r="Q228" i="10"/>
  <c r="D220" i="26" s="1"/>
  <c r="Q1303" i="10"/>
  <c r="D1295" i="26" s="1"/>
  <c r="C1295" i="26"/>
  <c r="Q1616" i="10"/>
  <c r="D1608" i="26" s="1"/>
  <c r="C1608" i="26"/>
  <c r="C620" i="26"/>
  <c r="Q628" i="10"/>
  <c r="D620" i="26" s="1"/>
  <c r="C1075" i="26"/>
  <c r="Q1083" i="10"/>
  <c r="D1075" i="26" s="1"/>
  <c r="Q1251" i="10"/>
  <c r="D1243" i="26" s="1"/>
  <c r="C1243" i="26"/>
  <c r="C2316" i="26"/>
  <c r="Q2324" i="10"/>
  <c r="D2316" i="26" s="1"/>
  <c r="C1147" i="26"/>
  <c r="Q1155" i="10"/>
  <c r="D1147" i="26" s="1"/>
  <c r="C148" i="26"/>
  <c r="Q156" i="10"/>
  <c r="D148" i="26" s="1"/>
  <c r="C1197" i="26"/>
  <c r="Q1205" i="10"/>
  <c r="D1197" i="26" s="1"/>
  <c r="Q1472" i="10"/>
  <c r="D1464" i="26" s="1"/>
  <c r="C1464" i="26"/>
  <c r="Q2439" i="10"/>
  <c r="D2431" i="26" s="1"/>
  <c r="C2431" i="26"/>
  <c r="C560" i="26"/>
  <c r="Q568" i="10"/>
  <c r="D560" i="26" s="1"/>
  <c r="Q1999" i="10"/>
  <c r="D1991" i="26" s="1"/>
  <c r="C1991" i="26"/>
  <c r="C724" i="26"/>
  <c r="Q732" i="10"/>
  <c r="D724" i="26" s="1"/>
  <c r="C331" i="26"/>
  <c r="Q339" i="10"/>
  <c r="D331" i="26" s="1"/>
  <c r="Q1640" i="10"/>
  <c r="D1632" i="26" s="1"/>
  <c r="C1632" i="26"/>
  <c r="Q1656" i="10"/>
  <c r="D1648" i="26" s="1"/>
  <c r="C1648" i="26"/>
  <c r="C836" i="26"/>
  <c r="Q844" i="10"/>
  <c r="D836" i="26" s="1"/>
  <c r="F2291" i="26"/>
  <c r="E2291" i="26"/>
  <c r="E1503" i="26"/>
  <c r="E1152" i="26"/>
  <c r="F2467" i="26"/>
  <c r="E2467" i="26"/>
  <c r="E461" i="26"/>
  <c r="F2040" i="26"/>
  <c r="E2040" i="26"/>
  <c r="E2686" i="26"/>
  <c r="F2750" i="26"/>
  <c r="E2750" i="26"/>
  <c r="E1568" i="26"/>
  <c r="E1352" i="26"/>
  <c r="F93" i="26"/>
  <c r="E93" i="26"/>
  <c r="F2301" i="26"/>
  <c r="E2301" i="26"/>
  <c r="E692" i="26"/>
  <c r="F2011" i="26"/>
  <c r="E2011" i="26"/>
  <c r="E2507" i="26"/>
  <c r="E1899" i="26"/>
  <c r="E536" i="26"/>
  <c r="F2247" i="26"/>
  <c r="E2247" i="26"/>
  <c r="E1043" i="26"/>
  <c r="E661" i="26"/>
  <c r="F2709" i="26"/>
  <c r="E2709" i="26"/>
  <c r="E1518" i="26"/>
  <c r="F245" i="26"/>
  <c r="E245" i="26"/>
  <c r="F2227" i="26"/>
  <c r="E2227" i="26"/>
  <c r="F2741" i="26"/>
  <c r="E2741" i="26"/>
  <c r="E1055" i="26"/>
  <c r="F136" i="26"/>
  <c r="E136" i="26"/>
  <c r="E429" i="26"/>
  <c r="F2823" i="26"/>
  <c r="E2823" i="26"/>
  <c r="E855" i="26"/>
  <c r="F247" i="26"/>
  <c r="E247" i="26"/>
  <c r="F59" i="26"/>
  <c r="G58" i="26"/>
  <c r="E59" i="26"/>
  <c r="F2494" i="26"/>
  <c r="E2494" i="26"/>
  <c r="F2539" i="26"/>
  <c r="E2539" i="26"/>
  <c r="E639" i="26"/>
  <c r="E1798" i="26"/>
  <c r="E391" i="26"/>
  <c r="F1867" i="26"/>
  <c r="E1867" i="26"/>
  <c r="F14" i="26"/>
  <c r="G14" i="26"/>
  <c r="E14" i="26"/>
  <c r="F2376" i="26"/>
  <c r="E2376" i="26"/>
  <c r="F149" i="26"/>
  <c r="E149" i="26"/>
  <c r="F2261" i="26"/>
  <c r="E2261" i="26"/>
  <c r="E694" i="26"/>
  <c r="E878" i="26"/>
  <c r="E486" i="26"/>
  <c r="E949" i="26"/>
  <c r="E848" i="26"/>
  <c r="E1119" i="26"/>
  <c r="E640" i="26"/>
  <c r="E613" i="26"/>
  <c r="E672" i="26"/>
  <c r="E861" i="26"/>
  <c r="E224" i="26"/>
  <c r="E1508" i="26"/>
  <c r="F2797" i="26"/>
  <c r="E2797" i="26"/>
  <c r="E448" i="26"/>
  <c r="E567" i="26"/>
  <c r="E309" i="26"/>
  <c r="E574" i="26"/>
  <c r="E668" i="26"/>
  <c r="F205" i="26"/>
  <c r="E205" i="26"/>
  <c r="E572" i="26"/>
  <c r="E1733" i="26"/>
  <c r="E296" i="26"/>
  <c r="F78" i="26"/>
  <c r="E78" i="26"/>
  <c r="E453" i="26"/>
  <c r="E789" i="26"/>
  <c r="F2837" i="26"/>
  <c r="E2837" i="26"/>
  <c r="E404" i="26"/>
  <c r="E1846" i="26"/>
  <c r="F2805" i="26"/>
  <c r="E2805" i="26"/>
  <c r="E1548" i="26"/>
  <c r="E1532" i="26"/>
  <c r="E671" i="26"/>
  <c r="F64" i="26"/>
  <c r="E64" i="26"/>
  <c r="E741" i="26"/>
  <c r="E792" i="26"/>
  <c r="E1117" i="26"/>
  <c r="F2556" i="26"/>
  <c r="E2556" i="26"/>
  <c r="E328" i="26"/>
  <c r="E557" i="26"/>
  <c r="F23" i="26"/>
  <c r="G23" i="26"/>
  <c r="E23" i="26"/>
  <c r="F56" i="26"/>
  <c r="E56" i="26"/>
  <c r="E1565" i="26"/>
  <c r="E800" i="26"/>
  <c r="E1956" i="26"/>
  <c r="G32" i="26"/>
  <c r="E32" i="26"/>
  <c r="E893" i="26"/>
  <c r="F2701" i="26"/>
  <c r="E2701" i="26"/>
  <c r="E887" i="26"/>
  <c r="F2172" i="26"/>
  <c r="E2172" i="26"/>
  <c r="E1104" i="26"/>
  <c r="E424" i="26"/>
  <c r="F142" i="26"/>
  <c r="E142" i="26"/>
  <c r="E957" i="26"/>
  <c r="F277" i="26"/>
  <c r="E277" i="26"/>
  <c r="F2389" i="26"/>
  <c r="E2389" i="26"/>
  <c r="F2463" i="26"/>
  <c r="E2463" i="26"/>
  <c r="F2112" i="26"/>
  <c r="E2112" i="26"/>
  <c r="E1599" i="26"/>
  <c r="F2075" i="26"/>
  <c r="E2075" i="26"/>
  <c r="F2831" i="26"/>
  <c r="E2831" i="26"/>
  <c r="E1831" i="26"/>
  <c r="F2184" i="26"/>
  <c r="E2184" i="26"/>
  <c r="F2072" i="26"/>
  <c r="E2072" i="26"/>
  <c r="E1727" i="26"/>
  <c r="E1687" i="26"/>
  <c r="F2619" i="26"/>
  <c r="E2619" i="26"/>
  <c r="E1696" i="26"/>
  <c r="F2008" i="26"/>
  <c r="E2008" i="26"/>
  <c r="E2430" i="26"/>
  <c r="E1736" i="26"/>
  <c r="E1222" i="26"/>
  <c r="F2375" i="26"/>
  <c r="E2375" i="26"/>
  <c r="F2536" i="26"/>
  <c r="E2536" i="26"/>
  <c r="E1486" i="26"/>
  <c r="F2815" i="26"/>
  <c r="E2815" i="26"/>
  <c r="E1654" i="26"/>
  <c r="F2752" i="26"/>
  <c r="E2752" i="26"/>
  <c r="E1232" i="26"/>
  <c r="E1656" i="26"/>
  <c r="F2663" i="26"/>
  <c r="E2663" i="26"/>
  <c r="E2574" i="26"/>
  <c r="E2272" i="26"/>
  <c r="F2391" i="26"/>
  <c r="E2391" i="26"/>
  <c r="F2747" i="26"/>
  <c r="E2747" i="26"/>
  <c r="E1479" i="26"/>
  <c r="E1663" i="26"/>
  <c r="E1151" i="26"/>
  <c r="F2286" i="26"/>
  <c r="E2286" i="26"/>
  <c r="E1416" i="26"/>
  <c r="E1487" i="26"/>
  <c r="E2270" i="26"/>
  <c r="E1542" i="26"/>
  <c r="F2079" i="26"/>
  <c r="E2079" i="26"/>
  <c r="E1600" i="26"/>
  <c r="F2787" i="26"/>
  <c r="E2787" i="26"/>
  <c r="E1255" i="26"/>
  <c r="E1480" i="26"/>
  <c r="E2559" i="26"/>
  <c r="E1239" i="26"/>
  <c r="F2680" i="26"/>
  <c r="E2680" i="26"/>
  <c r="F2091" i="26"/>
  <c r="E2091" i="26"/>
  <c r="F2320" i="26"/>
  <c r="E2320" i="26"/>
  <c r="E2520" i="26"/>
  <c r="F2766" i="26"/>
  <c r="E2766" i="26"/>
  <c r="F2136" i="26"/>
  <c r="E2136" i="26"/>
  <c r="E1414" i="26"/>
  <c r="F2728" i="26"/>
  <c r="E2728" i="26"/>
  <c r="E1614" i="26"/>
  <c r="F2387" i="26"/>
  <c r="E2387" i="26"/>
  <c r="E1843" i="26"/>
  <c r="F2710" i="26"/>
  <c r="E2710" i="26"/>
  <c r="E1856" i="26"/>
  <c r="E1912" i="26"/>
  <c r="E397" i="26"/>
  <c r="E1440" i="26"/>
  <c r="F2163" i="26"/>
  <c r="E2163" i="26"/>
  <c r="E336" i="26"/>
  <c r="F2760" i="26"/>
  <c r="E2760" i="26"/>
  <c r="F2382" i="26"/>
  <c r="E2382" i="26"/>
  <c r="F29" i="26"/>
  <c r="E29" i="26"/>
  <c r="E1791" i="26"/>
  <c r="E1204" i="26"/>
  <c r="G55" i="26"/>
  <c r="F55" i="26"/>
  <c r="E55" i="26"/>
  <c r="E1547" i="26"/>
  <c r="E1039" i="26"/>
  <c r="E816" i="26"/>
  <c r="F83" i="26"/>
  <c r="E83" i="26"/>
  <c r="F2502" i="26"/>
  <c r="E2502" i="26"/>
  <c r="E1154" i="26"/>
  <c r="Q2103" i="10"/>
  <c r="D2095" i="26" s="1"/>
  <c r="C2095" i="26"/>
  <c r="Q2354" i="10"/>
  <c r="D2346" i="26" s="1"/>
  <c r="C2346" i="26"/>
  <c r="Q1202" i="10"/>
  <c r="D1194" i="26" s="1"/>
  <c r="C1194" i="26"/>
  <c r="C899" i="26"/>
  <c r="Q907" i="10"/>
  <c r="D899" i="26" s="1"/>
  <c r="C137" i="26"/>
  <c r="Q145" i="10"/>
  <c r="D137" i="26" s="1"/>
  <c r="Q2025" i="10"/>
  <c r="D2017" i="26" s="1"/>
  <c r="C2017" i="26"/>
  <c r="Q1426" i="10"/>
  <c r="D1418" i="26" s="1"/>
  <c r="C1418" i="26"/>
  <c r="Q1377" i="10"/>
  <c r="D1369" i="26" s="1"/>
  <c r="C1369" i="26"/>
  <c r="Q2194" i="10"/>
  <c r="D2186" i="26" s="1"/>
  <c r="C2186" i="26"/>
  <c r="Q2747" i="10"/>
  <c r="D2739" i="26" s="1"/>
  <c r="C2739" i="26"/>
  <c r="Q2641" i="10"/>
  <c r="D2633" i="26" s="1"/>
  <c r="C2633" i="26"/>
  <c r="Q2042" i="10"/>
  <c r="D2034" i="26" s="1"/>
  <c r="C2034" i="26"/>
  <c r="Q2353" i="10"/>
  <c r="D2345" i="26" s="1"/>
  <c r="C2345" i="26"/>
  <c r="C770" i="26"/>
  <c r="Q778" i="10"/>
  <c r="D770" i="26" s="1"/>
  <c r="Q2274" i="10"/>
  <c r="D2266" i="26" s="1"/>
  <c r="C2266" i="26"/>
  <c r="C2508" i="26"/>
  <c r="Q2516" i="10"/>
  <c r="D2508" i="26" s="1"/>
  <c r="Q2825" i="10"/>
  <c r="D2817" i="26" s="1"/>
  <c r="C2817" i="26"/>
  <c r="C27" i="26"/>
  <c r="Q35" i="10"/>
  <c r="D27" i="26" s="1"/>
  <c r="C433" i="26"/>
  <c r="Q441" i="10"/>
  <c r="D433" i="26" s="1"/>
  <c r="Q1354" i="10"/>
  <c r="D1346" i="26" s="1"/>
  <c r="C1346" i="26"/>
  <c r="Q1601" i="10"/>
  <c r="D1593" i="26" s="1"/>
  <c r="C1593" i="26"/>
  <c r="Q1258" i="10"/>
  <c r="D1250" i="26" s="1"/>
  <c r="C1250" i="26"/>
  <c r="C431" i="26"/>
  <c r="Q439" i="10"/>
  <c r="D431" i="26" s="1"/>
  <c r="C1057" i="26"/>
  <c r="Q1065" i="10"/>
  <c r="D1057" i="26" s="1"/>
  <c r="C75" i="26"/>
  <c r="Q83" i="10"/>
  <c r="D75" i="26" s="1"/>
  <c r="C577" i="26"/>
  <c r="Q585" i="10"/>
  <c r="D577" i="26" s="1"/>
  <c r="C977" i="26"/>
  <c r="Q985" i="10"/>
  <c r="D977" i="26" s="1"/>
  <c r="Q1489" i="10"/>
  <c r="D1481" i="26" s="1"/>
  <c r="C1481" i="26"/>
  <c r="T609" i="10"/>
  <c r="C601" i="26"/>
  <c r="Q609" i="10"/>
  <c r="D601" i="26" s="1"/>
  <c r="Q2251" i="10"/>
  <c r="D2243" i="26" s="1"/>
  <c r="C2243" i="26"/>
  <c r="C962" i="26"/>
  <c r="Q970" i="10"/>
  <c r="D962" i="26" s="1"/>
  <c r="Q2697" i="10"/>
  <c r="D2689" i="26" s="1"/>
  <c r="C2689" i="26"/>
  <c r="C945" i="26"/>
  <c r="Q953" i="10"/>
  <c r="D945" i="26" s="1"/>
  <c r="C367" i="26"/>
  <c r="Q375" i="10"/>
  <c r="D367" i="26" s="1"/>
  <c r="C705" i="26"/>
  <c r="Q713" i="10"/>
  <c r="D705" i="26" s="1"/>
  <c r="Q2137" i="10"/>
  <c r="D2129" i="26" s="1"/>
  <c r="C2129" i="26"/>
  <c r="D15" i="23"/>
  <c r="D15" i="25"/>
  <c r="E15" i="25" s="1"/>
  <c r="C1016" i="26"/>
  <c r="Q1024" i="10"/>
  <c r="D1016" i="26" s="1"/>
  <c r="C506" i="26"/>
  <c r="Q514" i="10"/>
  <c r="D506" i="26" s="1"/>
  <c r="Q1921" i="10"/>
  <c r="D1913" i="26" s="1"/>
  <c r="C1913" i="26"/>
  <c r="Q2577" i="10"/>
  <c r="D2569" i="26" s="1"/>
  <c r="C2569" i="26"/>
  <c r="Q2713" i="10"/>
  <c r="D2705" i="26" s="1"/>
  <c r="C2705" i="26"/>
  <c r="Q2335" i="10"/>
  <c r="D2327" i="26" s="1"/>
  <c r="C2327" i="26"/>
  <c r="Q2608" i="10"/>
  <c r="D2600" i="26" s="1"/>
  <c r="C2600" i="26"/>
  <c r="C908" i="26"/>
  <c r="Q916" i="10"/>
  <c r="D908" i="26" s="1"/>
  <c r="C710" i="26"/>
  <c r="Q718" i="10"/>
  <c r="D710" i="26" s="1"/>
  <c r="C2765" i="26"/>
  <c r="Q2773" i="10"/>
  <c r="D2765" i="26" s="1"/>
  <c r="C416" i="26"/>
  <c r="Q424" i="10"/>
  <c r="D416" i="26" s="1"/>
  <c r="T2825" i="10"/>
  <c r="Q2209" i="10"/>
  <c r="D2201" i="26" s="1"/>
  <c r="C2201" i="26"/>
  <c r="Q1385" i="10"/>
  <c r="D1377" i="26" s="1"/>
  <c r="C1377" i="26"/>
  <c r="Q1209" i="10"/>
  <c r="D1201" i="26" s="1"/>
  <c r="C1201" i="26"/>
  <c r="C131" i="26"/>
  <c r="Q139" i="10"/>
  <c r="D131" i="26" s="1"/>
  <c r="C559" i="26"/>
  <c r="Q567" i="10"/>
  <c r="D559" i="26" s="1"/>
  <c r="Q1602" i="10"/>
  <c r="D1594" i="26" s="1"/>
  <c r="C1594" i="26"/>
  <c r="C266" i="26"/>
  <c r="Q274" i="10"/>
  <c r="D266" i="26" s="1"/>
  <c r="Q1370" i="10"/>
  <c r="D1362" i="26" s="1"/>
  <c r="C1362" i="26"/>
  <c r="E1363" i="26" s="1"/>
  <c r="Q2497" i="10"/>
  <c r="D2489" i="26" s="1"/>
  <c r="C2489" i="26"/>
  <c r="Q1417" i="10"/>
  <c r="D1409" i="26" s="1"/>
  <c r="C1409" i="26"/>
  <c r="Q2666" i="10"/>
  <c r="D2658" i="26" s="1"/>
  <c r="C2658" i="26"/>
  <c r="C810" i="26"/>
  <c r="Q818" i="10"/>
  <c r="D810" i="26" s="1"/>
  <c r="E811" i="26" s="1"/>
  <c r="Q1817" i="10"/>
  <c r="D1809" i="26" s="1"/>
  <c r="C1809" i="26"/>
  <c r="Q2737" i="10"/>
  <c r="D2729" i="26" s="1"/>
  <c r="C2729" i="26"/>
  <c r="Q1289" i="10"/>
  <c r="D1281" i="26" s="1"/>
  <c r="C1281" i="26"/>
  <c r="C2157" i="26"/>
  <c r="Q2165" i="10"/>
  <c r="D2157" i="26" s="1"/>
  <c r="C929" i="26"/>
  <c r="Q937" i="10"/>
  <c r="D929" i="26" s="1"/>
  <c r="Q1521" i="10"/>
  <c r="D1513" i="26" s="1"/>
  <c r="C1513" i="26"/>
  <c r="Q1401" i="10"/>
  <c r="D1393" i="26" s="1"/>
  <c r="C1393" i="26"/>
  <c r="C2468" i="26"/>
  <c r="Q2476" i="10"/>
  <c r="D2468" i="26" s="1"/>
  <c r="C634" i="26"/>
  <c r="E635" i="26" s="1"/>
  <c r="Q642" i="10"/>
  <c r="D634" i="26" s="1"/>
  <c r="Q1802" i="10"/>
  <c r="D1794" i="26" s="1"/>
  <c r="C1794" i="26"/>
  <c r="C402" i="26"/>
  <c r="Q410" i="10"/>
  <c r="D402" i="26" s="1"/>
  <c r="Q1537" i="10"/>
  <c r="D1529" i="26" s="1"/>
  <c r="C1529" i="26"/>
  <c r="C449" i="26"/>
  <c r="Q457" i="10"/>
  <c r="D449" i="26" s="1"/>
  <c r="Q1706" i="10"/>
  <c r="D1698" i="26" s="1"/>
  <c r="C1698" i="26"/>
  <c r="Q2705" i="10"/>
  <c r="D2697" i="26" s="1"/>
  <c r="C2697" i="26"/>
  <c r="C849" i="26"/>
  <c r="Q857" i="10"/>
  <c r="D849" i="26" s="1"/>
  <c r="Q2106" i="10"/>
  <c r="D2098" i="26" s="1"/>
  <c r="C2098" i="26"/>
  <c r="C66" i="26"/>
  <c r="Q74" i="10"/>
  <c r="D66" i="26" s="1"/>
  <c r="Q2001" i="10"/>
  <c r="D1993" i="26" s="1"/>
  <c r="C1993" i="26"/>
  <c r="Q2763" i="10"/>
  <c r="D2755" i="26" s="1"/>
  <c r="C2755" i="26"/>
  <c r="C481" i="26"/>
  <c r="Q489" i="10"/>
  <c r="D481" i="26" s="1"/>
  <c r="Q1777" i="10"/>
  <c r="D1769" i="26" s="1"/>
  <c r="C1769" i="26"/>
  <c r="Q2553" i="10"/>
  <c r="D2545" i="26" s="1"/>
  <c r="C2545" i="26"/>
  <c r="C175" i="26"/>
  <c r="Q183" i="10"/>
  <c r="D175" i="26" s="1"/>
  <c r="Q1218" i="10"/>
  <c r="D1210" i="26" s="1"/>
  <c r="E1211" i="26" s="1"/>
  <c r="C1210" i="26"/>
  <c r="Q2378" i="10"/>
  <c r="D2370" i="26" s="1"/>
  <c r="C2370" i="26"/>
  <c r="Q1498" i="10"/>
  <c r="D1490" i="26" s="1"/>
  <c r="C1490" i="26"/>
  <c r="Q2625" i="10"/>
  <c r="D2617" i="26" s="1"/>
  <c r="C2617" i="26"/>
  <c r="C1025" i="26"/>
  <c r="Q1033" i="10"/>
  <c r="D1025" i="26" s="1"/>
  <c r="Q2282" i="10"/>
  <c r="D2274" i="26" s="1"/>
  <c r="C2274" i="26"/>
  <c r="C426" i="26"/>
  <c r="E427" i="26" s="1"/>
  <c r="Q434" i="10"/>
  <c r="D426" i="26" s="1"/>
  <c r="Q1433" i="10"/>
  <c r="D1425" i="26" s="1"/>
  <c r="C1425" i="26"/>
  <c r="Q2682" i="10"/>
  <c r="D2674" i="26" s="1"/>
  <c r="C2674" i="26"/>
  <c r="Q1610" i="10"/>
  <c r="D1602" i="26" s="1"/>
  <c r="C1602" i="26"/>
  <c r="C145" i="26"/>
  <c r="Q153" i="10"/>
  <c r="D145" i="26" s="1"/>
  <c r="Q1505" i="10"/>
  <c r="D1497" i="26" s="1"/>
  <c r="C1497" i="26"/>
  <c r="Q2089" i="10"/>
  <c r="D2081" i="26" s="1"/>
  <c r="C2081" i="26"/>
  <c r="C625" i="26"/>
  <c r="Q633" i="10"/>
  <c r="D625" i="26" s="1"/>
  <c r="C323" i="26"/>
  <c r="Q331" i="10"/>
  <c r="D323" i="26" s="1"/>
  <c r="C751" i="26"/>
  <c r="Q759" i="10"/>
  <c r="D751" i="26" s="1"/>
  <c r="Q1794" i="10"/>
  <c r="D1786" i="26" s="1"/>
  <c r="E1787" i="26" s="1"/>
  <c r="C1786" i="26"/>
  <c r="C2788" i="26"/>
  <c r="Q2796" i="10"/>
  <c r="D2788" i="26" s="1"/>
  <c r="Q2074" i="10"/>
  <c r="D2066" i="26" s="1"/>
  <c r="C2066" i="26"/>
  <c r="C346" i="26"/>
  <c r="Q354" i="10"/>
  <c r="D346" i="26" s="1"/>
  <c r="Q1609" i="10"/>
  <c r="D1601" i="26" s="1"/>
  <c r="C1601" i="26"/>
  <c r="Q2827" i="10"/>
  <c r="D2819" i="26" s="1"/>
  <c r="C2819" i="26"/>
  <c r="C1002" i="26"/>
  <c r="Q1010" i="10"/>
  <c r="D1002" i="26" s="1"/>
  <c r="Q2009" i="10"/>
  <c r="D2001" i="26" s="1"/>
  <c r="C2001" i="26"/>
  <c r="Q1986" i="10"/>
  <c r="D1978" i="26" s="1"/>
  <c r="C1978" i="26"/>
  <c r="C370" i="26"/>
  <c r="Q378" i="10"/>
  <c r="D370" i="26" s="1"/>
  <c r="C1581" i="26"/>
  <c r="Q1589" i="10"/>
  <c r="D1581" i="26" s="1"/>
  <c r="Q2337" i="10"/>
  <c r="D2329" i="26" s="1"/>
  <c r="C2329" i="26"/>
  <c r="C425" i="26"/>
  <c r="Q433" i="10"/>
  <c r="D425" i="26" s="1"/>
  <c r="C689" i="26"/>
  <c r="Q697" i="10"/>
  <c r="D689" i="26" s="1"/>
  <c r="Q1265" i="10"/>
  <c r="D1257" i="26" s="1"/>
  <c r="C1257" i="26"/>
  <c r="C826" i="26"/>
  <c r="Q834" i="10"/>
  <c r="D826" i="26" s="1"/>
  <c r="Q1994" i="10"/>
  <c r="D1986" i="26" s="1"/>
  <c r="C1986" i="26"/>
  <c r="C82" i="26"/>
  <c r="Q90" i="10"/>
  <c r="D82" i="26" s="1"/>
  <c r="Q1217" i="10"/>
  <c r="D1209" i="26" s="1"/>
  <c r="C1209" i="26"/>
  <c r="Q2466" i="10"/>
  <c r="D2458" i="26" s="1"/>
  <c r="C2458" i="26"/>
  <c r="Q1386" i="10"/>
  <c r="D1378" i="26" s="1"/>
  <c r="C1378" i="26"/>
  <c r="Q2385" i="10"/>
  <c r="D2377" i="26" s="1"/>
  <c r="C2377" i="26"/>
  <c r="C1041" i="26"/>
  <c r="Q1049" i="10"/>
  <c r="D1041" i="26" s="1"/>
  <c r="Q2810" i="10"/>
  <c r="D2802" i="26" s="1"/>
  <c r="C2802" i="26"/>
  <c r="C643" i="26"/>
  <c r="E644" i="26" s="1"/>
  <c r="Q651" i="10"/>
  <c r="D643" i="26" s="1"/>
  <c r="C657" i="26"/>
  <c r="Q665" i="10"/>
  <c r="D657" i="26" s="1"/>
  <c r="C1773" i="26"/>
  <c r="Q1781" i="10"/>
  <c r="D1773" i="26" s="1"/>
  <c r="C161" i="26"/>
  <c r="Q169" i="10"/>
  <c r="D161" i="26" s="1"/>
  <c r="C361" i="26"/>
  <c r="Q369" i="10"/>
  <c r="D361" i="26" s="1"/>
  <c r="C515" i="26"/>
  <c r="Q523" i="10"/>
  <c r="D515" i="26" s="1"/>
  <c r="Q1399" i="10"/>
  <c r="D1391" i="26" s="1"/>
  <c r="C1391" i="26"/>
  <c r="C2588" i="26"/>
  <c r="Q2596" i="10"/>
  <c r="D2588" i="26" s="1"/>
  <c r="C1098" i="26"/>
  <c r="Q1106" i="10"/>
  <c r="D1098" i="26" s="1"/>
  <c r="Q2202" i="10"/>
  <c r="D2194" i="26" s="1"/>
  <c r="C2194" i="26"/>
  <c r="C474" i="26"/>
  <c r="Q482" i="10"/>
  <c r="D474" i="26" s="1"/>
  <c r="Q1737" i="10"/>
  <c r="D1729" i="26" s="1"/>
  <c r="C1729" i="26"/>
  <c r="C393" i="26"/>
  <c r="Q401" i="10"/>
  <c r="D393" i="26" s="1"/>
  <c r="Q1650" i="10"/>
  <c r="D1642" i="26" s="1"/>
  <c r="E1643" i="26" s="1"/>
  <c r="C1642" i="26"/>
  <c r="C306" i="26"/>
  <c r="Q314" i="10"/>
  <c r="D306" i="26" s="1"/>
  <c r="Q1803" i="10"/>
  <c r="D1795" i="26" s="1"/>
  <c r="C1795" i="26"/>
  <c r="E1796" i="26" s="1"/>
  <c r="Q2513" i="10"/>
  <c r="D2505" i="26" s="1"/>
  <c r="C2505" i="26"/>
  <c r="C921" i="26"/>
  <c r="Q929" i="10"/>
  <c r="D921" i="26" s="1"/>
  <c r="Q1201" i="10"/>
  <c r="D1193" i="26" s="1"/>
  <c r="C1193" i="26"/>
  <c r="C1137" i="26"/>
  <c r="Q1145" i="10"/>
  <c r="D1137" i="26" s="1"/>
  <c r="C1812" i="26"/>
  <c r="Q1820" i="10"/>
  <c r="D1812" i="26" s="1"/>
  <c r="Q1538" i="10"/>
  <c r="D1530" i="26" s="1"/>
  <c r="C1530" i="26"/>
  <c r="C714" i="26"/>
  <c r="Q722" i="10"/>
  <c r="D714" i="26" s="1"/>
  <c r="Q1818" i="10"/>
  <c r="D1810" i="26" s="1"/>
  <c r="C1810" i="26"/>
  <c r="C90" i="26"/>
  <c r="Q98" i="10"/>
  <c r="D90" i="26" s="1"/>
  <c r="Q1353" i="10"/>
  <c r="D1345" i="26" s="1"/>
  <c r="C1345" i="26"/>
  <c r="Q2602" i="10"/>
  <c r="D2594" i="26" s="1"/>
  <c r="C2594" i="26"/>
  <c r="C746" i="26"/>
  <c r="Q754" i="10"/>
  <c r="D746" i="26" s="1"/>
  <c r="Q1753" i="10"/>
  <c r="D1745" i="26" s="1"/>
  <c r="C1745" i="26"/>
  <c r="C2260" i="26"/>
  <c r="Q2268" i="10"/>
  <c r="D2260" i="26" s="1"/>
  <c r="Q1242" i="10"/>
  <c r="D1234" i="26" s="1"/>
  <c r="C1234" i="26"/>
  <c r="C509" i="26"/>
  <c r="Q517" i="10"/>
  <c r="D509" i="26" s="1"/>
  <c r="E510" i="26" s="1"/>
  <c r="C688" i="26"/>
  <c r="Q696" i="10"/>
  <c r="D688" i="26" s="1"/>
  <c r="C85" i="26"/>
  <c r="Q93" i="10"/>
  <c r="D85" i="26" s="1"/>
  <c r="Q1888" i="10"/>
  <c r="D1880" i="26" s="1"/>
  <c r="C1880" i="26"/>
  <c r="C339" i="26"/>
  <c r="Q347" i="10"/>
  <c r="D339" i="26" s="1"/>
  <c r="Q1815" i="10"/>
  <c r="D1807" i="26" s="1"/>
  <c r="E1808" i="26" s="1"/>
  <c r="C1807" i="26"/>
  <c r="C1500" i="26"/>
  <c r="Q1508" i="10"/>
  <c r="D1500" i="26" s="1"/>
  <c r="C467" i="26"/>
  <c r="Q475" i="10"/>
  <c r="D467" i="26" s="1"/>
  <c r="C684" i="26"/>
  <c r="Q692" i="10"/>
  <c r="D684" i="26" s="1"/>
  <c r="Q2659" i="10"/>
  <c r="D2651" i="26" s="1"/>
  <c r="C2651" i="26"/>
  <c r="C531" i="26"/>
  <c r="Q539" i="10"/>
  <c r="D531" i="26" s="1"/>
  <c r="C318" i="26"/>
  <c r="Q326" i="10"/>
  <c r="D318" i="26" s="1"/>
  <c r="C1107" i="26"/>
  <c r="Q1115" i="10"/>
  <c r="D1107" i="26" s="1"/>
  <c r="C2668" i="26"/>
  <c r="Q2676" i="10"/>
  <c r="D2668" i="26" s="1"/>
  <c r="C780" i="26"/>
  <c r="E781" i="26" s="1"/>
  <c r="Q788" i="10"/>
  <c r="D780" i="26" s="1"/>
  <c r="Q2208" i="10"/>
  <c r="D2200" i="26" s="1"/>
  <c r="C2200" i="26"/>
  <c r="C1072" i="26"/>
  <c r="Q1080" i="10"/>
  <c r="D1072" i="26" s="1"/>
  <c r="C551" i="26"/>
  <c r="Q559" i="10"/>
  <c r="D551" i="26" s="1"/>
  <c r="C1140" i="26"/>
  <c r="Q1148" i="10"/>
  <c r="D1140" i="26" s="1"/>
  <c r="Q981" i="10"/>
  <c r="D973" i="26" s="1"/>
  <c r="C973" i="26"/>
  <c r="Q2611" i="10"/>
  <c r="D2603" i="26" s="1"/>
  <c r="C2603" i="26"/>
  <c r="C375" i="26"/>
  <c r="Q383" i="10"/>
  <c r="D375" i="26" s="1"/>
  <c r="M46" i="22"/>
  <c r="F2035" i="26"/>
  <c r="E2035" i="26"/>
  <c r="E678" i="26"/>
  <c r="E925" i="26"/>
  <c r="F2293" i="26"/>
  <c r="E2293" i="26"/>
  <c r="E956" i="26"/>
  <c r="E1829" i="26"/>
  <c r="E581" i="26"/>
  <c r="F72" i="26"/>
  <c r="E72" i="26"/>
  <c r="E365" i="26"/>
  <c r="F2541" i="26"/>
  <c r="E2541" i="26"/>
  <c r="E1469" i="26"/>
  <c r="F1592" i="26"/>
  <c r="E1592" i="26"/>
  <c r="E1176" i="26"/>
  <c r="E1022" i="26"/>
  <c r="F2732" i="26"/>
  <c r="E2732" i="26"/>
  <c r="E503" i="26"/>
  <c r="E1068" i="26"/>
  <c r="E1341" i="26"/>
  <c r="F2144" i="26"/>
  <c r="E2144" i="26"/>
  <c r="E1166" i="26"/>
  <c r="E1741" i="26"/>
  <c r="E2511" i="26"/>
  <c r="F2416" i="26"/>
  <c r="E2416" i="26"/>
  <c r="F1875" i="26"/>
  <c r="E1875" i="26"/>
  <c r="F2774" i="26"/>
  <c r="E2774" i="26"/>
  <c r="F140" i="26"/>
  <c r="E140" i="26"/>
  <c r="E1920" i="26"/>
  <c r="E1125" i="26"/>
  <c r="E2694" i="26"/>
  <c r="F1595" i="26"/>
  <c r="E1595" i="26"/>
  <c r="F191" i="26"/>
  <c r="E191" i="26"/>
  <c r="E1452" i="26"/>
  <c r="F2615" i="26"/>
  <c r="E2615" i="26"/>
  <c r="E1460" i="26"/>
  <c r="F2103" i="26"/>
  <c r="E2103" i="26"/>
  <c r="F2284" i="26"/>
  <c r="E2284" i="26"/>
  <c r="E1975" i="26"/>
  <c r="E1064" i="26"/>
  <c r="F253" i="26"/>
  <c r="E253" i="26"/>
  <c r="E1935" i="26"/>
  <c r="F2150" i="26"/>
  <c r="E2150" i="26"/>
  <c r="E1631" i="26"/>
  <c r="E1280" i="26"/>
  <c r="F2424" i="26"/>
  <c r="E2424" i="26"/>
  <c r="F2080" i="26"/>
  <c r="E2080" i="26"/>
  <c r="F2043" i="26"/>
  <c r="E2043" i="26"/>
  <c r="F2155" i="26"/>
  <c r="E2155" i="26"/>
  <c r="F2751" i="26"/>
  <c r="E2751" i="26"/>
  <c r="E1342" i="26"/>
  <c r="F2331" i="26"/>
  <c r="E2331" i="26"/>
  <c r="F2231" i="26"/>
  <c r="E2231" i="26"/>
  <c r="F2123" i="26"/>
  <c r="E2123" i="26"/>
  <c r="E1192" i="26"/>
  <c r="E1995" i="26"/>
  <c r="E1355" i="26"/>
  <c r="F2639" i="26"/>
  <c r="E2639" i="26"/>
  <c r="F2544" i="26"/>
  <c r="E2544" i="26"/>
  <c r="F2067" i="26"/>
  <c r="E2067" i="26"/>
  <c r="F2154" i="26"/>
  <c r="E2154" i="26"/>
  <c r="E1360" i="26"/>
  <c r="E1183" i="26"/>
  <c r="F2019" i="26"/>
  <c r="E2019" i="26"/>
  <c r="F2616" i="26"/>
  <c r="E2616" i="26"/>
  <c r="E1955" i="26"/>
  <c r="F2168" i="26"/>
  <c r="E2168" i="26"/>
  <c r="F2283" i="26"/>
  <c r="E2283" i="26"/>
  <c r="E1368" i="26"/>
  <c r="E1888" i="26"/>
  <c r="F2238" i="26"/>
  <c r="E2238" i="26"/>
  <c r="F2367" i="26"/>
  <c r="E2367" i="26"/>
  <c r="F2235" i="26"/>
  <c r="E2235" i="26"/>
  <c r="E1256" i="26"/>
  <c r="F2187" i="26"/>
  <c r="E2187" i="26"/>
  <c r="F2703" i="26"/>
  <c r="E2703" i="26"/>
  <c r="G30" i="26"/>
  <c r="E438" i="26"/>
  <c r="E982" i="26"/>
  <c r="F2549" i="26"/>
  <c r="E2549" i="26"/>
  <c r="E755" i="26"/>
  <c r="F2781" i="26"/>
  <c r="E2781" i="26"/>
  <c r="F159" i="26"/>
  <c r="E159" i="26"/>
  <c r="F229" i="26"/>
  <c r="E229" i="26"/>
  <c r="E1196" i="26"/>
  <c r="E312" i="26"/>
  <c r="E788" i="26"/>
  <c r="E1087" i="26"/>
  <c r="E1837" i="26"/>
  <c r="E295" i="26"/>
  <c r="F283" i="26"/>
  <c r="E283" i="26"/>
  <c r="E1605" i="26"/>
  <c r="F1885" i="26"/>
  <c r="E1885" i="26"/>
  <c r="E728" i="26"/>
  <c r="E637" i="26"/>
  <c r="E740" i="26"/>
  <c r="E783" i="26"/>
  <c r="F2708" i="26"/>
  <c r="E2708" i="26"/>
  <c r="E452" i="26"/>
  <c r="E1429" i="26"/>
  <c r="E726" i="26"/>
  <c r="E1390" i="26"/>
  <c r="E1838" i="26"/>
  <c r="F2612" i="26"/>
  <c r="E2612" i="26"/>
  <c r="E1781" i="26"/>
  <c r="F51" i="26"/>
  <c r="G51" i="26"/>
  <c r="E51" i="26"/>
  <c r="E413" i="26"/>
  <c r="E821" i="26"/>
  <c r="E799" i="26"/>
  <c r="F192" i="26"/>
  <c r="E192" i="26"/>
  <c r="E869" i="26"/>
  <c r="E180" i="26"/>
  <c r="F2077" i="26"/>
  <c r="E2077" i="26"/>
  <c r="F2828" i="26"/>
  <c r="E2828" i="26"/>
  <c r="E920" i="26"/>
  <c r="E2444" i="26"/>
  <c r="E699" i="26"/>
  <c r="E691" i="26"/>
  <c r="E1413" i="26"/>
  <c r="E830" i="26"/>
  <c r="E1580" i="26"/>
  <c r="E948" i="26"/>
  <c r="E2445" i="26"/>
  <c r="E1988" i="26"/>
  <c r="E680" i="26"/>
  <c r="F139" i="26"/>
  <c r="E139" i="26"/>
  <c r="F2637" i="26"/>
  <c r="E2637" i="26"/>
  <c r="F2500" i="26"/>
  <c r="E2500" i="26"/>
  <c r="E723" i="26"/>
  <c r="E405" i="26"/>
  <c r="E2517" i="26"/>
  <c r="F154" i="26"/>
  <c r="E154" i="26"/>
  <c r="E862" i="26"/>
  <c r="E627" i="26"/>
  <c r="F2156" i="26"/>
  <c r="E2156" i="26"/>
  <c r="E470" i="26"/>
  <c r="F163" i="26"/>
  <c r="E163" i="26"/>
  <c r="E1444" i="26"/>
  <c r="F2405" i="26"/>
  <c r="E2405" i="26"/>
  <c r="E2269" i="26"/>
  <c r="E700" i="26"/>
  <c r="E923" i="26"/>
  <c r="E439" i="26"/>
  <c r="E1325" i="26"/>
  <c r="E1077" i="26"/>
  <c r="F2061" i="26"/>
  <c r="E2061" i="26"/>
  <c r="E516" i="26"/>
  <c r="E1925" i="26"/>
  <c r="F2333" i="26"/>
  <c r="E2333" i="26"/>
  <c r="E1048" i="26"/>
  <c r="E829" i="26"/>
  <c r="E1620" i="26"/>
  <c r="E288" i="26"/>
  <c r="E1165" i="26"/>
  <c r="E1236" i="26"/>
  <c r="F200" i="26"/>
  <c r="E200" i="26"/>
  <c r="F271" i="26"/>
  <c r="E271" i="26"/>
  <c r="E708" i="26"/>
  <c r="E1557" i="26"/>
  <c r="E918" i="26"/>
  <c r="E1566" i="26"/>
  <c r="E1894" i="26"/>
  <c r="E1966" i="26"/>
  <c r="E1334" i="26"/>
  <c r="F2037" i="26"/>
  <c r="E2037" i="26"/>
  <c r="F124" i="26"/>
  <c r="E124" i="26"/>
  <c r="E927" i="26"/>
  <c r="E320" i="26"/>
  <c r="E860" i="26"/>
  <c r="E997" i="26"/>
  <c r="E660" i="26"/>
  <c r="E1124" i="26"/>
  <c r="F2716" i="26"/>
  <c r="E2716" i="26"/>
  <c r="F8" i="26"/>
  <c r="E8" i="26"/>
  <c r="F237" i="26"/>
  <c r="E237" i="26"/>
  <c r="F2816" i="26"/>
  <c r="E2816" i="26"/>
  <c r="E2519" i="26"/>
  <c r="E1981" i="26"/>
  <c r="F2020" i="26"/>
  <c r="E2020" i="26"/>
  <c r="F2309" i="26"/>
  <c r="E2309" i="26"/>
  <c r="E1703" i="26"/>
  <c r="F135" i="26"/>
  <c r="E135" i="26"/>
  <c r="E872" i="26"/>
  <c r="E462" i="26"/>
  <c r="E683" i="26"/>
  <c r="E1661" i="26"/>
  <c r="E1615" i="26"/>
  <c r="E1520" i="26"/>
  <c r="E1372" i="26"/>
  <c r="F2133" i="26"/>
  <c r="E2133" i="26"/>
  <c r="C2540" i="26"/>
  <c r="Q2548" i="10"/>
  <c r="D2540" i="26" s="1"/>
  <c r="Q1810" i="10"/>
  <c r="D1802" i="26" s="1"/>
  <c r="C1802" i="26"/>
  <c r="Q2361" i="10"/>
  <c r="D2353" i="26" s="1"/>
  <c r="C2353" i="26"/>
  <c r="C218" i="26"/>
  <c r="Q226" i="10"/>
  <c r="D218" i="26" s="1"/>
  <c r="C825" i="26"/>
  <c r="Q833" i="10"/>
  <c r="D825" i="26" s="1"/>
  <c r="Q1719" i="10"/>
  <c r="D1711" i="26" s="1"/>
  <c r="C1711" i="26"/>
  <c r="Q1970" i="10"/>
  <c r="D1962" i="26" s="1"/>
  <c r="C1962" i="26"/>
  <c r="C169" i="26"/>
  <c r="Q177" i="10"/>
  <c r="D169" i="26" s="1"/>
  <c r="C729" i="26"/>
  <c r="Q737" i="10"/>
  <c r="D729" i="26" s="1"/>
  <c r="Q1329" i="10"/>
  <c r="D1321" i="26" s="1"/>
  <c r="C1321" i="26"/>
  <c r="Q1738" i="10"/>
  <c r="D1730" i="26" s="1"/>
  <c r="C1730" i="26"/>
  <c r="Q1642" i="10"/>
  <c r="D1634" i="26" s="1"/>
  <c r="C1634" i="26"/>
  <c r="C793" i="26"/>
  <c r="Q801" i="10"/>
  <c r="D793" i="26" s="1"/>
  <c r="C444" i="26"/>
  <c r="Q452" i="10"/>
  <c r="D444" i="26" s="1"/>
  <c r="Q2679" i="10"/>
  <c r="D2671" i="26" s="1"/>
  <c r="C2671" i="26"/>
  <c r="E2672" i="26" s="1"/>
  <c r="Q2386" i="10"/>
  <c r="D2378" i="26" s="1"/>
  <c r="C2378" i="26"/>
  <c r="C674" i="26"/>
  <c r="E675" i="26" s="1"/>
  <c r="Q682" i="10"/>
  <c r="D674" i="26" s="1"/>
  <c r="C1074" i="26"/>
  <c r="Q1082" i="10"/>
  <c r="D1074" i="26" s="1"/>
  <c r="Q1841" i="10"/>
  <c r="D1833" i="26" s="1"/>
  <c r="C1833" i="26"/>
  <c r="C186" i="26"/>
  <c r="Q194" i="10"/>
  <c r="D186" i="26" s="1"/>
  <c r="C2492" i="26"/>
  <c r="Q2500" i="10"/>
  <c r="D2492" i="26" s="1"/>
  <c r="C401" i="26"/>
  <c r="Q409" i="10"/>
  <c r="D401" i="26" s="1"/>
  <c r="Q2538" i="10"/>
  <c r="D2530" i="26" s="1"/>
  <c r="C2530" i="26"/>
  <c r="C2349" i="26"/>
  <c r="Q2357" i="10"/>
  <c r="D2349" i="26" s="1"/>
  <c r="Q1657" i="10"/>
  <c r="D1649" i="26" s="1"/>
  <c r="C1649" i="26"/>
  <c r="Q1930" i="10"/>
  <c r="D1922" i="26" s="1"/>
  <c r="C1922" i="26"/>
  <c r="Q2177" i="10"/>
  <c r="D2169" i="26" s="1"/>
  <c r="C2169" i="26"/>
  <c r="Q2833" i="10"/>
  <c r="D2825" i="26" s="1"/>
  <c r="C2825" i="26"/>
  <c r="Q2234" i="10"/>
  <c r="D2226" i="26" s="1"/>
  <c r="C2226" i="26"/>
  <c r="Q2665" i="10"/>
  <c r="D2657" i="26" s="1"/>
  <c r="C2657" i="26"/>
  <c r="T2359" i="10"/>
  <c r="Q2359" i="10"/>
  <c r="D2351" i="26" s="1"/>
  <c r="C2351" i="26"/>
  <c r="C185" i="26"/>
  <c r="Q193" i="10"/>
  <c r="D185" i="26" s="1"/>
  <c r="T1442" i="10"/>
  <c r="Q1442" i="10"/>
  <c r="D1434" i="26" s="1"/>
  <c r="C1434" i="26"/>
  <c r="C17" i="26"/>
  <c r="G16" i="26" s="1"/>
  <c r="Q25" i="10"/>
  <c r="D17" i="26" s="1"/>
  <c r="Q1514" i="10"/>
  <c r="D1506" i="26" s="1"/>
  <c r="C1506" i="26"/>
  <c r="C617" i="26"/>
  <c r="Q625" i="10"/>
  <c r="D617" i="26" s="1"/>
  <c r="C74" i="26"/>
  <c r="Q82" i="10"/>
  <c r="D74" i="26" s="1"/>
  <c r="Q1178" i="10"/>
  <c r="D1170" i="26" s="1"/>
  <c r="C1170" i="26"/>
  <c r="Q2474" i="10"/>
  <c r="D2466" i="26" s="1"/>
  <c r="C2466" i="26"/>
  <c r="Q1257" i="10"/>
  <c r="D1249" i="26" s="1"/>
  <c r="C1249" i="26"/>
  <c r="C1156" i="26"/>
  <c r="Q1164" i="10"/>
  <c r="D1156" i="26" s="1"/>
  <c r="Q2698" i="10"/>
  <c r="D2690" i="26" s="1"/>
  <c r="C2690" i="26"/>
  <c r="E2691" i="26" s="1"/>
  <c r="C321" i="26"/>
  <c r="Q329" i="10"/>
  <c r="D321" i="26" s="1"/>
  <c r="C721" i="26"/>
  <c r="Q729" i="10"/>
  <c r="D721" i="26" s="1"/>
  <c r="C1090" i="26"/>
  <c r="Q1098" i="10"/>
  <c r="D1090" i="26" s="1"/>
  <c r="Q2199" i="10"/>
  <c r="D2191" i="26" s="1"/>
  <c r="C2191" i="26"/>
  <c r="Q2360" i="10"/>
  <c r="D2352" i="26" s="1"/>
  <c r="C2352" i="26"/>
  <c r="Q1879" i="10"/>
  <c r="D1871" i="26" s="1"/>
  <c r="C1871" i="26"/>
  <c r="Q1464" i="10"/>
  <c r="D1456" i="26" s="1"/>
  <c r="C1456" i="26"/>
  <c r="C456" i="26"/>
  <c r="Q464" i="10"/>
  <c r="D456" i="26" s="1"/>
  <c r="Q2071" i="10"/>
  <c r="D2063" i="26" s="1"/>
  <c r="C2063" i="26"/>
  <c r="Q1683" i="10"/>
  <c r="D1675" i="26" s="1"/>
  <c r="C1675" i="26"/>
  <c r="T721" i="10"/>
  <c r="Q1152" i="10"/>
  <c r="D1144" i="26" s="1"/>
  <c r="C1144" i="26"/>
  <c r="Q1897" i="10"/>
  <c r="D1889" i="26" s="1"/>
  <c r="C1889" i="26"/>
  <c r="Q2233" i="10"/>
  <c r="D2225" i="26" s="1"/>
  <c r="C2225" i="26"/>
  <c r="C835" i="26"/>
  <c r="Q843" i="10"/>
  <c r="D835" i="26" s="1"/>
  <c r="C1071" i="26"/>
  <c r="Q1079" i="10"/>
  <c r="D1071" i="26" s="1"/>
  <c r="T2114" i="10"/>
  <c r="Q2114" i="10"/>
  <c r="D2106" i="26" s="1"/>
  <c r="C2106" i="26"/>
  <c r="C778" i="26"/>
  <c r="E779" i="26" s="1"/>
  <c r="Q786" i="10"/>
  <c r="D778" i="26" s="1"/>
  <c r="Q1882" i="10"/>
  <c r="D1874" i="26" s="1"/>
  <c r="C1874" i="26"/>
  <c r="C666" i="26"/>
  <c r="Q674" i="10"/>
  <c r="D666" i="26" s="1"/>
  <c r="Q1929" i="10"/>
  <c r="D1921" i="26" s="1"/>
  <c r="C1921" i="26"/>
  <c r="C73" i="26"/>
  <c r="Q81" i="10"/>
  <c r="D73" i="26" s="1"/>
  <c r="Q1330" i="10"/>
  <c r="D1322" i="26" s="1"/>
  <c r="C1322" i="26"/>
  <c r="Q2329" i="10"/>
  <c r="D2321" i="26" s="1"/>
  <c r="C2321" i="26"/>
  <c r="C900" i="26"/>
  <c r="Q908" i="10"/>
  <c r="D900" i="26" s="1"/>
  <c r="Q2313" i="10"/>
  <c r="D2305" i="26" s="1"/>
  <c r="C2305" i="26"/>
  <c r="Q1185" i="10"/>
  <c r="D1177" i="26" s="1"/>
  <c r="C1177" i="26"/>
  <c r="Q1449" i="10"/>
  <c r="D1441" i="26" s="1"/>
  <c r="C1441" i="26"/>
  <c r="C369" i="26"/>
  <c r="Q377" i="10"/>
  <c r="D369" i="26" s="1"/>
  <c r="Q2425" i="10"/>
  <c r="D2417" i="26" s="1"/>
  <c r="C2417" i="26"/>
  <c r="C111" i="26"/>
  <c r="Q119" i="10"/>
  <c r="D111" i="26" s="1"/>
  <c r="Q1154" i="10"/>
  <c r="D1146" i="26" s="1"/>
  <c r="C1146" i="26"/>
  <c r="Q2314" i="10"/>
  <c r="D2306" i="26" s="1"/>
  <c r="C2306" i="26"/>
  <c r="C914" i="26"/>
  <c r="Q922" i="10"/>
  <c r="D914" i="26" s="1"/>
  <c r="Q2049" i="10"/>
  <c r="D2041" i="26" s="1"/>
  <c r="C2041" i="26"/>
  <c r="C961" i="26"/>
  <c r="Q969" i="10"/>
  <c r="D961" i="26" s="1"/>
  <c r="Q2218" i="10"/>
  <c r="D2210" i="26" s="1"/>
  <c r="C2210" i="26"/>
  <c r="C362" i="26"/>
  <c r="Q370" i="10"/>
  <c r="D362" i="26" s="1"/>
  <c r="Q1369" i="10"/>
  <c r="D1361" i="26" s="1"/>
  <c r="C1361" i="26"/>
  <c r="Q2618" i="10"/>
  <c r="D2610" i="26" s="1"/>
  <c r="C2610" i="26"/>
  <c r="Q2634" i="10"/>
  <c r="D2626" i="26" s="1"/>
  <c r="C2626" i="26"/>
  <c r="D22" i="23"/>
  <c r="D22" i="25"/>
  <c r="E22" i="25" s="1"/>
  <c r="Q1714" i="10"/>
  <c r="D1706" i="26" s="1"/>
  <c r="C1706" i="26"/>
  <c r="Q1313" i="10"/>
  <c r="D1305" i="26" s="1"/>
  <c r="C1305" i="26"/>
  <c r="C993" i="26"/>
  <c r="Q1001" i="10"/>
  <c r="D993" i="26" s="1"/>
  <c r="C497" i="26"/>
  <c r="Q505" i="10"/>
  <c r="D497" i="26" s="1"/>
  <c r="C259" i="26"/>
  <c r="Q267" i="10"/>
  <c r="D259" i="26" s="1"/>
  <c r="C687" i="26"/>
  <c r="Q695" i="10"/>
  <c r="D687" i="26" s="1"/>
  <c r="Q1730" i="10"/>
  <c r="D1722" i="26" s="1"/>
  <c r="C1722" i="26"/>
  <c r="C394" i="26"/>
  <c r="Q402" i="10"/>
  <c r="D394" i="26" s="1"/>
  <c r="Q2010" i="10"/>
  <c r="D2002" i="26" s="1"/>
  <c r="C2002" i="26"/>
  <c r="C282" i="26"/>
  <c r="Q290" i="10"/>
  <c r="D282" i="26" s="1"/>
  <c r="Q1545" i="10"/>
  <c r="D1537" i="26" s="1"/>
  <c r="C1537" i="26"/>
  <c r="Q2794" i="10"/>
  <c r="D2786" i="26" s="1"/>
  <c r="C2786" i="26"/>
  <c r="C938" i="26"/>
  <c r="Q946" i="10"/>
  <c r="D938" i="26" s="1"/>
  <c r="Q1945" i="10"/>
  <c r="D1937" i="26" s="1"/>
  <c r="C1937" i="26"/>
  <c r="Q1682" i="10"/>
  <c r="D1674" i="26" s="1"/>
  <c r="C1674" i="26"/>
  <c r="C882" i="26"/>
  <c r="Q890" i="10"/>
  <c r="D882" i="26" s="1"/>
  <c r="Q2785" i="10"/>
  <c r="D2777" i="26" s="1"/>
  <c r="C2777" i="26"/>
  <c r="Q2601" i="10"/>
  <c r="D2593" i="26" s="1"/>
  <c r="C2593" i="26"/>
  <c r="Q1593" i="10"/>
  <c r="D1585" i="26" s="1"/>
  <c r="C1585" i="26"/>
  <c r="C1027" i="26"/>
  <c r="Q1035" i="10"/>
  <c r="D1027" i="26" s="1"/>
  <c r="Q1271" i="10"/>
  <c r="D1263" i="26" s="1"/>
  <c r="C1263" i="26"/>
  <c r="Q2306" i="10"/>
  <c r="D2298" i="26" s="1"/>
  <c r="C2298" i="26"/>
  <c r="C458" i="26"/>
  <c r="Q466" i="10"/>
  <c r="D458" i="26" s="1"/>
  <c r="Q2586" i="10"/>
  <c r="D2578" i="26" s="1"/>
  <c r="C2578" i="26"/>
  <c r="C858" i="26"/>
  <c r="E859" i="26" s="1"/>
  <c r="Q866" i="10"/>
  <c r="D858" i="26" s="1"/>
  <c r="Q2121" i="10"/>
  <c r="D2113" i="26" s="1"/>
  <c r="C2113" i="26"/>
  <c r="C265" i="26"/>
  <c r="Q273" i="10"/>
  <c r="D265" i="26" s="1"/>
  <c r="Q1522" i="10"/>
  <c r="D1514" i="26" s="1"/>
  <c r="C1514" i="26"/>
  <c r="Q2521" i="10"/>
  <c r="D2513" i="26" s="1"/>
  <c r="C2513" i="26"/>
  <c r="Q2122" i="10"/>
  <c r="D2114" i="26" s="1"/>
  <c r="C2114" i="26"/>
  <c r="C2477" i="26"/>
  <c r="Q2485" i="10"/>
  <c r="D2477" i="26" s="1"/>
  <c r="C97" i="26"/>
  <c r="Q105" i="10"/>
  <c r="D97" i="26" s="1"/>
  <c r="Q2289" i="10"/>
  <c r="D2281" i="26" s="1"/>
  <c r="C2281" i="26"/>
  <c r="Q1785" i="10"/>
  <c r="D1777" i="26" s="1"/>
  <c r="C1777" i="26"/>
  <c r="C852" i="26"/>
  <c r="Q860" i="10"/>
  <c r="D852" i="26" s="1"/>
  <c r="Q1346" i="10"/>
  <c r="D1338" i="26" s="1"/>
  <c r="C1338" i="26"/>
  <c r="Q2506" i="10"/>
  <c r="D2498" i="26" s="1"/>
  <c r="C2498" i="26"/>
  <c r="C594" i="26"/>
  <c r="Q602" i="10"/>
  <c r="D594" i="26" s="1"/>
  <c r="Q1729" i="10"/>
  <c r="D1721" i="26" s="1"/>
  <c r="C1721" i="26"/>
  <c r="C129" i="26"/>
  <c r="Q137" i="10"/>
  <c r="D129" i="26" s="1"/>
  <c r="Q1898" i="10"/>
  <c r="D1890" i="26" s="1"/>
  <c r="C1890" i="26"/>
  <c r="C42" i="26"/>
  <c r="Q50" i="10"/>
  <c r="D42" i="26" s="1"/>
  <c r="Q1561" i="10"/>
  <c r="D1553" i="26" s="1"/>
  <c r="E1554" i="26" s="1"/>
  <c r="C1553" i="26"/>
  <c r="C1684" i="26"/>
  <c r="Q1692" i="10"/>
  <c r="D1684" i="26" s="1"/>
  <c r="Q2779" i="10"/>
  <c r="D2771" i="26" s="1"/>
  <c r="C2771" i="26"/>
  <c r="C2605" i="26"/>
  <c r="Q2613" i="10"/>
  <c r="D2605" i="26" s="1"/>
  <c r="C673" i="26"/>
  <c r="Q681" i="10"/>
  <c r="D673" i="26" s="1"/>
  <c r="Q2417" i="10"/>
  <c r="D2409" i="26" s="1"/>
  <c r="C2409" i="26"/>
  <c r="Q1227" i="10"/>
  <c r="D1219" i="26" s="1"/>
  <c r="C1219" i="26"/>
  <c r="Q1911" i="10"/>
  <c r="D1903" i="26" s="1"/>
  <c r="C1903" i="26"/>
  <c r="C514" i="26"/>
  <c r="Q522" i="10"/>
  <c r="D514" i="26" s="1"/>
  <c r="Q1618" i="10"/>
  <c r="D1610" i="26" s="1"/>
  <c r="C1610" i="26"/>
  <c r="Q2714" i="10"/>
  <c r="D2706" i="26" s="1"/>
  <c r="C2706" i="26"/>
  <c r="C986" i="26"/>
  <c r="Q994" i="10"/>
  <c r="D986" i="26" s="1"/>
  <c r="Q2249" i="10"/>
  <c r="D2241" i="26" s="1"/>
  <c r="C2241" i="26"/>
  <c r="C905" i="26"/>
  <c r="Q913" i="10"/>
  <c r="D905" i="26" s="1"/>
  <c r="Q2674" i="10"/>
  <c r="D2666" i="26" s="1"/>
  <c r="C2666" i="26"/>
  <c r="C818" i="26"/>
  <c r="Q826" i="10"/>
  <c r="D818" i="26" s="1"/>
  <c r="Q1975" i="10"/>
  <c r="D1967" i="26" s="1"/>
  <c r="C1967" i="26"/>
  <c r="Q1177" i="10"/>
  <c r="D1169" i="26" s="1"/>
  <c r="C1169" i="26"/>
  <c r="T1824" i="10"/>
  <c r="Q1825" i="10"/>
  <c r="D1817" i="26" s="1"/>
  <c r="C1817" i="26"/>
  <c r="C2564" i="26"/>
  <c r="Q2572" i="10"/>
  <c r="D2564" i="26" s="1"/>
  <c r="Q2169" i="10"/>
  <c r="D2161" i="26" s="1"/>
  <c r="C2161" i="26"/>
  <c r="C495" i="26"/>
  <c r="Q503" i="10"/>
  <c r="D495" i="26" s="1"/>
  <c r="Q2050" i="10"/>
  <c r="D2042" i="26" s="1"/>
  <c r="C2042" i="26"/>
  <c r="Q1234" i="10"/>
  <c r="D1226" i="26" s="1"/>
  <c r="C1226" i="26"/>
  <c r="Q2330" i="10"/>
  <c r="D2322" i="26" s="1"/>
  <c r="C2322" i="26"/>
  <c r="C602" i="26"/>
  <c r="Q610" i="10"/>
  <c r="D602" i="26" s="1"/>
  <c r="Q1865" i="10"/>
  <c r="D1857" i="26" s="1"/>
  <c r="C1857" i="26"/>
  <c r="C9" i="26"/>
  <c r="G8" i="26" s="1"/>
  <c r="Q17" i="10"/>
  <c r="D9" i="26" s="1"/>
  <c r="Q1266" i="10"/>
  <c r="D1258" i="26" s="1"/>
  <c r="C1258" i="26"/>
  <c r="Q2265" i="10"/>
  <c r="D2257" i="26" s="1"/>
  <c r="C2257" i="26"/>
  <c r="Q1857" i="10"/>
  <c r="D1849" i="26" s="1"/>
  <c r="C1849" i="26"/>
  <c r="C2117" i="26"/>
  <c r="Q2125" i="10"/>
  <c r="D2117" i="26" s="1"/>
  <c r="Q2296" i="10"/>
  <c r="D2288" i="26" s="1"/>
  <c r="C2288" i="26"/>
  <c r="C597" i="26"/>
  <c r="E598" i="26" s="1"/>
  <c r="Q605" i="10"/>
  <c r="D597" i="26" s="1"/>
  <c r="Q1678" i="10"/>
  <c r="D1670" i="26" s="1"/>
  <c r="C1670" i="26"/>
  <c r="C150" i="26"/>
  <c r="Q158" i="10"/>
  <c r="D150" i="26" s="1"/>
  <c r="C20" i="26"/>
  <c r="Q28" i="10"/>
  <c r="D20" i="26" s="1"/>
  <c r="Q1222" i="10"/>
  <c r="D1214" i="26" s="1"/>
  <c r="C1214" i="26"/>
  <c r="Q1499" i="10"/>
  <c r="D1491" i="26" s="1"/>
  <c r="C1491" i="26"/>
  <c r="C2836" i="26"/>
  <c r="Q2844" i="10"/>
  <c r="D2836" i="26" s="1"/>
  <c r="C1373" i="26"/>
  <c r="Q1381" i="10"/>
  <c r="D1373" i="26" s="1"/>
  <c r="Q2587" i="10"/>
  <c r="D2579" i="26" s="1"/>
  <c r="C2579" i="26"/>
  <c r="Q1926" i="10"/>
  <c r="D1918" i="26" s="1"/>
  <c r="C1918" i="26"/>
  <c r="C2028" i="26"/>
  <c r="Q2036" i="10"/>
  <c r="D2028" i="26" s="1"/>
  <c r="Q1215" i="10"/>
  <c r="D1207" i="26" s="1"/>
  <c r="C1207" i="26"/>
  <c r="C731" i="26"/>
  <c r="E732" i="26" s="1"/>
  <c r="Q739" i="10"/>
  <c r="D731" i="26" s="1"/>
  <c r="C382" i="26"/>
  <c r="Q390" i="10"/>
  <c r="D382" i="26" s="1"/>
  <c r="Q1592" i="10"/>
  <c r="D1584" i="26" s="1"/>
  <c r="C1584" i="26"/>
  <c r="Q1584" i="10"/>
  <c r="D1576" i="26" s="1"/>
  <c r="C1576" i="26"/>
  <c r="C552" i="26"/>
  <c r="Q560" i="10"/>
  <c r="D552" i="26" s="1"/>
  <c r="C616" i="26"/>
  <c r="Q624" i="10"/>
  <c r="D616" i="26" s="1"/>
  <c r="C2381" i="26"/>
  <c r="Q2389" i="10"/>
  <c r="D2381" i="26" s="1"/>
  <c r="C964" i="26"/>
  <c r="Q972" i="10"/>
  <c r="D964" i="26" s="1"/>
  <c r="C2276" i="26"/>
  <c r="E2277" i="26" s="1"/>
  <c r="Q2284" i="10"/>
  <c r="D2276" i="26" s="1"/>
  <c r="C160" i="26"/>
  <c r="Q168" i="10"/>
  <c r="D160" i="26" s="1"/>
  <c r="E1488" i="26"/>
  <c r="E1814" i="26"/>
  <c r="F2118" i="26"/>
  <c r="E2118" i="26"/>
  <c r="F2207" i="26"/>
  <c r="E2207" i="26"/>
  <c r="E1792" i="26"/>
  <c r="E1887" i="26"/>
  <c r="F2598" i="26"/>
  <c r="E2598" i="26"/>
  <c r="E1652" i="26"/>
  <c r="E727" i="26"/>
  <c r="E363" i="26"/>
  <c r="E580" i="26"/>
  <c r="E600" i="26"/>
  <c r="E709" i="26"/>
  <c r="E1790" i="26"/>
  <c r="E1959" i="26"/>
  <c r="E1923" i="26"/>
  <c r="E1228" i="26"/>
  <c r="E1613" i="26"/>
  <c r="F164" i="26"/>
  <c r="E164" i="26"/>
  <c r="E1719" i="26"/>
  <c r="E1716" i="26"/>
  <c r="E1173" i="26"/>
  <c r="E214" i="26"/>
  <c r="F254" i="26"/>
  <c r="E254" i="26"/>
  <c r="F279" i="26"/>
  <c r="E279" i="26"/>
  <c r="E2566" i="26"/>
  <c r="E1567" i="26"/>
  <c r="F2452" i="26"/>
  <c r="E2452" i="26"/>
  <c r="F71" i="26"/>
  <c r="E71" i="26"/>
  <c r="E407" i="26"/>
  <c r="E1436" i="26"/>
  <c r="E1477" i="26"/>
  <c r="E1700" i="26"/>
  <c r="E703" i="26"/>
  <c r="F2548" i="26"/>
  <c r="E2548" i="26"/>
  <c r="E776" i="26"/>
  <c r="E941" i="26"/>
  <c r="F2374" i="26"/>
  <c r="E2374" i="26"/>
  <c r="E1552" i="26"/>
  <c r="E420" i="26"/>
  <c r="E1276" i="26"/>
  <c r="F2623" i="26"/>
  <c r="E2623" i="26"/>
  <c r="E539" i="26"/>
  <c r="F2620" i="26"/>
  <c r="E2620" i="26"/>
  <c r="F2088" i="26"/>
  <c r="E2088" i="26"/>
  <c r="F141" i="26"/>
  <c r="E141" i="26"/>
  <c r="E590" i="26"/>
  <c r="E1131" i="26"/>
  <c r="E725" i="26"/>
  <c r="F2773" i="26"/>
  <c r="E2773" i="26"/>
  <c r="E1004" i="26"/>
  <c r="E1062" i="26"/>
  <c r="E720" i="26"/>
  <c r="E1245" i="26"/>
  <c r="F244" i="26"/>
  <c r="E244" i="26"/>
  <c r="E1253" i="26"/>
  <c r="E1492" i="26"/>
  <c r="F188" i="26"/>
  <c r="E188" i="26"/>
  <c r="F251" i="26"/>
  <c r="E251" i="26"/>
  <c r="E264" i="26"/>
  <c r="E493" i="26"/>
  <c r="E980" i="26"/>
  <c r="F2076" i="26"/>
  <c r="E2076" i="26"/>
  <c r="E1308" i="26"/>
  <c r="E797" i="26"/>
  <c r="E464" i="26"/>
  <c r="E455" i="26"/>
  <c r="E1740" i="26"/>
  <c r="E573" i="26"/>
  <c r="F2501" i="26"/>
  <c r="E2501" i="26"/>
  <c r="E1612" i="26"/>
  <c r="F134" i="26"/>
  <c r="E134" i="26"/>
  <c r="E647" i="26"/>
  <c r="E519" i="26"/>
  <c r="E718" i="26"/>
  <c r="F2253" i="26"/>
  <c r="E2253" i="26"/>
  <c r="F2380" i="26"/>
  <c r="E2380" i="26"/>
  <c r="E1301" i="26"/>
  <c r="E406" i="26"/>
  <c r="E1804" i="26"/>
  <c r="E1653" i="26"/>
  <c r="G53" i="26"/>
  <c r="F53" i="26"/>
  <c r="E53" i="26"/>
  <c r="F157" i="26"/>
  <c r="E157" i="26"/>
  <c r="F268" i="26"/>
  <c r="E268" i="26"/>
  <c r="E768" i="26"/>
  <c r="E716" i="26"/>
  <c r="E1317" i="26"/>
  <c r="E1788" i="26"/>
  <c r="E548" i="26"/>
  <c r="E491" i="26"/>
  <c r="E1093" i="26"/>
  <c r="E615" i="26"/>
  <c r="E1032" i="26"/>
  <c r="E1069" i="26"/>
  <c r="E261" i="26"/>
  <c r="E311" i="26"/>
  <c r="E885" i="26"/>
  <c r="E983" i="26"/>
  <c r="E843" i="26"/>
  <c r="E1421" i="26"/>
  <c r="E1629" i="26"/>
  <c r="F1884" i="26"/>
  <c r="E1884" i="26"/>
  <c r="F198" i="26"/>
  <c r="E198" i="26"/>
  <c r="F2045" i="26"/>
  <c r="E2045" i="26"/>
  <c r="E583" i="26"/>
  <c r="E846" i="26"/>
  <c r="F2749" i="26"/>
  <c r="E2749" i="26"/>
  <c r="F15" i="26"/>
  <c r="G15" i="26"/>
  <c r="E15" i="26"/>
  <c r="G54" i="26"/>
  <c r="F54" i="26"/>
  <c r="E54" i="26"/>
  <c r="E2688" i="26"/>
  <c r="F2611" i="26"/>
  <c r="E2611" i="26"/>
  <c r="E1528" i="26"/>
  <c r="F2599" i="26"/>
  <c r="E2599" i="26"/>
  <c r="F2174" i="26"/>
  <c r="E2174" i="26"/>
  <c r="F2064" i="26"/>
  <c r="E2064" i="26"/>
  <c r="F2263" i="26"/>
  <c r="E2263" i="26"/>
  <c r="F2395" i="26"/>
  <c r="E2395" i="26"/>
  <c r="F2798" i="26"/>
  <c r="E2798" i="26"/>
  <c r="E525" i="26"/>
  <c r="E1624" i="26"/>
  <c r="E2695" i="26"/>
  <c r="F2086" i="26"/>
  <c r="E2086" i="26"/>
  <c r="E1312" i="26"/>
  <c r="E1423" i="26"/>
  <c r="E1264" i="26"/>
  <c r="E1311" i="26"/>
  <c r="F2147" i="26"/>
  <c r="E2147" i="26"/>
  <c r="F2400" i="26"/>
  <c r="E2400" i="26"/>
  <c r="E1432" i="26"/>
  <c r="E1927" i="26"/>
  <c r="F1598" i="26"/>
  <c r="E1598" i="26"/>
  <c r="F2631" i="26"/>
  <c r="E2631" i="26"/>
  <c r="F2475" i="26"/>
  <c r="E2475" i="26"/>
  <c r="E1512" i="26"/>
  <c r="F2830" i="26"/>
  <c r="E2830" i="26"/>
  <c r="F2319" i="26"/>
  <c r="E2319" i="26"/>
  <c r="F2096" i="26"/>
  <c r="E2096" i="26"/>
  <c r="E1254" i="26"/>
  <c r="G38" i="26"/>
  <c r="F2390" i="26"/>
  <c r="E2390" i="26"/>
  <c r="F2006" i="26"/>
  <c r="E2006" i="26"/>
  <c r="F2355" i="26"/>
  <c r="E2355" i="26"/>
  <c r="F2591" i="26"/>
  <c r="E2591" i="26"/>
  <c r="F2240" i="26"/>
  <c r="E2240" i="26"/>
  <c r="E2279" i="26"/>
  <c r="F2523" i="26"/>
  <c r="E2523" i="26"/>
  <c r="E1919" i="26"/>
  <c r="F2023" i="26"/>
  <c r="E2023" i="26"/>
  <c r="F2632" i="26"/>
  <c r="E2632" i="26"/>
  <c r="F2712" i="26"/>
  <c r="E2712" i="26"/>
  <c r="E2687" i="26"/>
  <c r="E1815" i="26"/>
  <c r="E1323" i="26"/>
  <c r="E1715" i="26"/>
  <c r="E1928" i="26"/>
  <c r="F2478" i="26"/>
  <c r="E2478" i="26"/>
  <c r="E1752" i="26"/>
  <c r="F2318" i="26"/>
  <c r="E2318" i="26"/>
  <c r="F2504" i="26"/>
  <c r="E2504" i="26"/>
  <c r="F2262" i="26"/>
  <c r="E2262" i="26"/>
  <c r="E1439" i="26"/>
  <c r="F2339" i="26"/>
  <c r="E2339" i="26"/>
  <c r="E1275" i="26"/>
  <c r="F2175" i="26"/>
  <c r="E2175" i="26"/>
  <c r="E1419" i="26"/>
  <c r="F2653" i="26"/>
  <c r="E2653" i="26"/>
  <c r="F2268" i="26"/>
  <c r="E2268" i="26"/>
  <c r="E744" i="26"/>
  <c r="E774" i="26"/>
  <c r="F28" i="26"/>
  <c r="G28" i="26"/>
  <c r="E28" i="26"/>
  <c r="E1896" i="26"/>
  <c r="E1463" i="26"/>
  <c r="E1380" i="26"/>
  <c r="E979" i="26"/>
  <c r="E1704" i="26"/>
  <c r="C233" i="26"/>
  <c r="Q241" i="10"/>
  <c r="D233" i="26" s="1"/>
  <c r="Q2683" i="10"/>
  <c r="D2675" i="26" s="1"/>
  <c r="C2675" i="26"/>
  <c r="Q2379" i="10"/>
  <c r="D2371" i="26" s="1"/>
  <c r="C2371" i="26"/>
  <c r="Q2178" i="10"/>
  <c r="D2170" i="26" s="1"/>
  <c r="C2170" i="26"/>
  <c r="Q2393" i="10"/>
  <c r="D2385" i="26" s="1"/>
  <c r="C2385" i="26"/>
  <c r="Q2489" i="10"/>
  <c r="D2481" i="26" s="1"/>
  <c r="C2481" i="26"/>
  <c r="T2569" i="10"/>
  <c r="Q2569" i="10"/>
  <c r="D2561" i="26" s="1"/>
  <c r="C2561" i="26"/>
  <c r="C114" i="26"/>
  <c r="Q122" i="10"/>
  <c r="D114" i="26" s="1"/>
  <c r="Q2295" i="10"/>
  <c r="D2287" i="26" s="1"/>
  <c r="C2287" i="26"/>
  <c r="Q1297" i="10"/>
  <c r="D1289" i="26" s="1"/>
  <c r="C1289" i="26"/>
  <c r="Q1586" i="10"/>
  <c r="D1578" i="26" s="1"/>
  <c r="C1578" i="26"/>
  <c r="C2093" i="26"/>
  <c r="Q2101" i="10"/>
  <c r="D2093" i="26" s="1"/>
  <c r="Q1273" i="10"/>
  <c r="D1265" i="26" s="1"/>
  <c r="C1265" i="26"/>
  <c r="C570" i="26"/>
  <c r="Q578" i="10"/>
  <c r="D570" i="26" s="1"/>
  <c r="C338" i="26"/>
  <c r="Q346" i="10"/>
  <c r="D338" i="26" s="1"/>
  <c r="Q1473" i="10"/>
  <c r="D1465" i="26" s="1"/>
  <c r="C1465" i="26"/>
  <c r="C785" i="26"/>
  <c r="Q793" i="10"/>
  <c r="D785" i="26" s="1"/>
  <c r="Q2266" i="10"/>
  <c r="D2258" i="26" s="1"/>
  <c r="C2258" i="26"/>
  <c r="Q2017" i="10"/>
  <c r="D2009" i="26" s="1"/>
  <c r="C2009" i="26"/>
  <c r="Q2571" i="10"/>
  <c r="D2563" i="26" s="1"/>
  <c r="C2563" i="26"/>
  <c r="C505" i="26"/>
  <c r="Q513" i="10"/>
  <c r="D505" i="26" s="1"/>
  <c r="Q1681" i="10"/>
  <c r="D1673" i="26" s="1"/>
  <c r="C1673" i="26"/>
  <c r="C1009" i="26"/>
  <c r="Q1017" i="10"/>
  <c r="D1009" i="26" s="1"/>
  <c r="Q2145" i="10"/>
  <c r="D2137" i="26" s="1"/>
  <c r="C2137" i="26"/>
  <c r="C809" i="26"/>
  <c r="Q817" i="10"/>
  <c r="D809" i="26" s="1"/>
  <c r="C466" i="26"/>
  <c r="Q474" i="10"/>
  <c r="D466" i="26" s="1"/>
  <c r="Q2257" i="10"/>
  <c r="D2249" i="26" s="1"/>
  <c r="C2249" i="26"/>
  <c r="Q1658" i="10"/>
  <c r="D1650" i="26" s="1"/>
  <c r="C1650" i="26"/>
  <c r="C41" i="26"/>
  <c r="Q49" i="10"/>
  <c r="D41" i="26" s="1"/>
  <c r="C762" i="26"/>
  <c r="Q770" i="10"/>
  <c r="D762" i="26" s="1"/>
  <c r="C530" i="26"/>
  <c r="Q538" i="10"/>
  <c r="D530" i="26" s="1"/>
  <c r="Q1834" i="10"/>
  <c r="D1826" i="26" s="1"/>
  <c r="C1826" i="26"/>
  <c r="Q1291" i="10"/>
  <c r="D1283" i="26" s="1"/>
  <c r="C1283" i="26"/>
  <c r="C1129" i="26"/>
  <c r="Q1137" i="10"/>
  <c r="D1129" i="26" s="1"/>
  <c r="Q2066" i="10"/>
  <c r="D2058" i="26" s="1"/>
  <c r="C2058" i="26"/>
  <c r="T1361" i="10"/>
  <c r="Q1361" i="10"/>
  <c r="D1353" i="26" s="1"/>
  <c r="C1353" i="26"/>
  <c r="Q1786" i="10"/>
  <c r="D1778" i="26" s="1"/>
  <c r="C1778" i="26"/>
  <c r="E1779" i="26" s="1"/>
  <c r="Q1569" i="10"/>
  <c r="D1561" i="26" s="1"/>
  <c r="C1561" i="26"/>
  <c r="C817" i="26"/>
  <c r="Q825" i="10"/>
  <c r="D817" i="26" s="1"/>
  <c r="Q1922" i="10"/>
  <c r="D1914" i="26" s="1"/>
  <c r="C1914" i="26"/>
  <c r="Q2305" i="10"/>
  <c r="D2297" i="26" s="1"/>
  <c r="C2297" i="26"/>
  <c r="C618" i="26"/>
  <c r="E619" i="26" s="1"/>
  <c r="Q626" i="10"/>
  <c r="D618" i="26" s="1"/>
  <c r="Q2082" i="10"/>
  <c r="D2074" i="26" s="1"/>
  <c r="C2074" i="26"/>
  <c r="Q1833" i="10"/>
  <c r="D1825" i="26" s="1"/>
  <c r="C1825" i="26"/>
  <c r="Q2443" i="10"/>
  <c r="D2435" i="26" s="1"/>
  <c r="C2435" i="26"/>
  <c r="C786" i="26"/>
  <c r="Q794" i="10"/>
  <c r="D786" i="26" s="1"/>
  <c r="Q1578" i="10"/>
  <c r="D1570" i="26" s="1"/>
  <c r="C1570" i="26"/>
  <c r="Q1978" i="10"/>
  <c r="D1970" i="26" s="1"/>
  <c r="C1970" i="26"/>
  <c r="Q1987" i="10"/>
  <c r="D1979" i="26" s="1"/>
  <c r="C1979" i="26"/>
  <c r="Q1819" i="10"/>
  <c r="D1811" i="26" s="1"/>
  <c r="C1811" i="26"/>
  <c r="C1030" i="26"/>
  <c r="Q1038" i="10"/>
  <c r="D1030" i="26" s="1"/>
  <c r="Q2704" i="10"/>
  <c r="D2696" i="26" s="1"/>
  <c r="C2696" i="26"/>
  <c r="C109" i="26"/>
  <c r="Q117" i="10"/>
  <c r="D109" i="26" s="1"/>
  <c r="Q2719" i="10"/>
  <c r="D2711" i="26" s="1"/>
  <c r="C2711" i="26"/>
  <c r="C1095" i="26"/>
  <c r="Q1103" i="10"/>
  <c r="D1095" i="26" s="1"/>
  <c r="Q2454" i="10"/>
  <c r="D2446" i="26" s="1"/>
  <c r="C2446" i="26"/>
  <c r="C217" i="26"/>
  <c r="Q225" i="10"/>
  <c r="D217" i="26" s="1"/>
  <c r="Q2409" i="10"/>
  <c r="D2401" i="26" s="1"/>
  <c r="C2401" i="26"/>
  <c r="C1348" i="26"/>
  <c r="Q1356" i="10"/>
  <c r="D1348" i="26" s="1"/>
  <c r="Q1419" i="10"/>
  <c r="D1411" i="26" s="1"/>
  <c r="C1411" i="26"/>
  <c r="Q1591" i="10"/>
  <c r="D1583" i="26" s="1"/>
  <c r="C1583" i="26"/>
  <c r="Q2626" i="10"/>
  <c r="D2618" i="26" s="1"/>
  <c r="C2618" i="26"/>
  <c r="Q1298" i="10"/>
  <c r="D1290" i="26" s="1"/>
  <c r="C1290" i="26"/>
  <c r="Q2394" i="10"/>
  <c r="D2386" i="26" s="1"/>
  <c r="C2386" i="26"/>
  <c r="Q1186" i="10"/>
  <c r="D1178" i="26" s="1"/>
  <c r="C1178" i="26"/>
  <c r="E1179" i="26" s="1"/>
  <c r="Q2441" i="10"/>
  <c r="D2433" i="26" s="1"/>
  <c r="C2433" i="26"/>
  <c r="C585" i="26"/>
  <c r="Q593" i="10"/>
  <c r="D585" i="26" s="1"/>
  <c r="Q1842" i="10"/>
  <c r="D1834" i="26" s="1"/>
  <c r="C1834" i="26"/>
  <c r="Q2841" i="10"/>
  <c r="D2833" i="26" s="1"/>
  <c r="C2833" i="26"/>
  <c r="Q2041" i="10"/>
  <c r="D2033" i="26" s="1"/>
  <c r="C2033" i="26"/>
  <c r="C457" i="26"/>
  <c r="Q465" i="10"/>
  <c r="D457" i="26" s="1"/>
  <c r="Q2401" i="10"/>
  <c r="D2393" i="26" s="1"/>
  <c r="C2393" i="26"/>
  <c r="Q1961" i="10"/>
  <c r="D1953" i="26" s="1"/>
  <c r="C1953" i="26"/>
  <c r="E1954" i="26" s="1"/>
  <c r="Q1337" i="10"/>
  <c r="D1329" i="26" s="1"/>
  <c r="C1329" i="26"/>
  <c r="C195" i="26"/>
  <c r="Q203" i="10"/>
  <c r="D195" i="26" s="1"/>
  <c r="C623" i="26"/>
  <c r="Q631" i="10"/>
  <c r="D623" i="26" s="1"/>
  <c r="Q1666" i="10"/>
  <c r="D1658" i="26" s="1"/>
  <c r="C1658" i="26"/>
  <c r="E1659" i="26" s="1"/>
  <c r="Q2826" i="10"/>
  <c r="D2818" i="26" s="1"/>
  <c r="C2818" i="26"/>
  <c r="Q1434" i="10"/>
  <c r="D1426" i="26" s="1"/>
  <c r="C1426" i="26"/>
  <c r="Q2561" i="10"/>
  <c r="D2553" i="26" s="1"/>
  <c r="C2553" i="26"/>
  <c r="Q1481" i="10"/>
  <c r="D1473" i="26" s="1"/>
  <c r="C1473" i="26"/>
  <c r="Q2730" i="10"/>
  <c r="D2722" i="26" s="1"/>
  <c r="C2722" i="26"/>
  <c r="C874" i="26"/>
  <c r="Q882" i="10"/>
  <c r="D874" i="26" s="1"/>
  <c r="Q1881" i="10"/>
  <c r="D1873" i="26" s="1"/>
  <c r="C1873" i="26"/>
  <c r="C210" i="26"/>
  <c r="Q218" i="10"/>
  <c r="D210" i="26" s="1"/>
  <c r="Q2201" i="10"/>
  <c r="D2193" i="26" s="1"/>
  <c r="C2193" i="26"/>
  <c r="Q2593" i="10"/>
  <c r="D2585" i="26" s="1"/>
  <c r="C2585" i="26"/>
  <c r="Q1513" i="10"/>
  <c r="D1505" i="26" s="1"/>
  <c r="C1505" i="26"/>
  <c r="Q1465" i="10"/>
  <c r="D1457" i="26" s="1"/>
  <c r="C1457" i="26"/>
  <c r="C963" i="26"/>
  <c r="Q971" i="10"/>
  <c r="D963" i="26" s="1"/>
  <c r="Q1207" i="10"/>
  <c r="D1199" i="26" s="1"/>
  <c r="C1199" i="26"/>
  <c r="Q2242" i="10"/>
  <c r="D2234" i="26" s="1"/>
  <c r="C2234" i="26"/>
  <c r="C906" i="26"/>
  <c r="Q914" i="10"/>
  <c r="D906" i="26" s="1"/>
  <c r="Q2522" i="10"/>
  <c r="D2514" i="26" s="1"/>
  <c r="E2515" i="26" s="1"/>
  <c r="C2514" i="26"/>
  <c r="C794" i="26"/>
  <c r="Q802" i="10"/>
  <c r="D794" i="26" s="1"/>
  <c r="Q2057" i="10"/>
  <c r="D2049" i="26" s="1"/>
  <c r="C2049" i="26"/>
  <c r="C201" i="26"/>
  <c r="Q209" i="10"/>
  <c r="D201" i="26" s="1"/>
  <c r="Q1458" i="10"/>
  <c r="D1450" i="26" s="1"/>
  <c r="C1450" i="26"/>
  <c r="Q2457" i="10"/>
  <c r="D2449" i="26" s="1"/>
  <c r="C2449" i="26"/>
  <c r="Q1754" i="10"/>
  <c r="D1746" i="26" s="1"/>
  <c r="C1746" i="26"/>
  <c r="C473" i="26"/>
  <c r="Q481" i="10"/>
  <c r="D473" i="26" s="1"/>
  <c r="C372" i="26"/>
  <c r="E373" i="26" s="1"/>
  <c r="Q380" i="10"/>
  <c r="D372" i="26" s="1"/>
  <c r="Q2617" i="10"/>
  <c r="D2609" i="26" s="1"/>
  <c r="C2609" i="26"/>
  <c r="Q1611" i="10"/>
  <c r="D1603" i="26" s="1"/>
  <c r="C1603" i="26"/>
  <c r="Q1783" i="10"/>
  <c r="D1775" i="26" s="1"/>
  <c r="C1775" i="26"/>
  <c r="Q2818" i="10"/>
  <c r="D2810" i="26" s="1"/>
  <c r="C2810" i="26"/>
  <c r="C970" i="26"/>
  <c r="Q978" i="10"/>
  <c r="D970" i="26" s="1"/>
  <c r="C121" i="26"/>
  <c r="Q129" i="10"/>
  <c r="D121" i="26" s="1"/>
  <c r="Q1378" i="10"/>
  <c r="D1370" i="26" s="1"/>
  <c r="C1370" i="26"/>
  <c r="Q2633" i="10"/>
  <c r="D2625" i="26" s="1"/>
  <c r="C2625" i="26"/>
  <c r="C777" i="26"/>
  <c r="Q785" i="10"/>
  <c r="D777" i="26" s="1"/>
  <c r="Q2034" i="10"/>
  <c r="D2026" i="26" s="1"/>
  <c r="C2026" i="26"/>
  <c r="C178" i="26"/>
  <c r="Q186" i="10"/>
  <c r="D178" i="26" s="1"/>
  <c r="Q2706" i="10"/>
  <c r="D2698" i="26" s="1"/>
  <c r="C2698" i="26"/>
  <c r="C345" i="26"/>
  <c r="Q353" i="10"/>
  <c r="D345" i="26" s="1"/>
  <c r="C609" i="26"/>
  <c r="Q617" i="10"/>
  <c r="D609" i="26" s="1"/>
  <c r="Q2161" i="10"/>
  <c r="D2153" i="26" s="1"/>
  <c r="C2153" i="26"/>
  <c r="Q2745" i="10"/>
  <c r="D2737" i="26" s="1"/>
  <c r="C2737" i="26"/>
  <c r="C303" i="26"/>
  <c r="Q311" i="10"/>
  <c r="D303" i="26" s="1"/>
  <c r="Q1858" i="10"/>
  <c r="D1850" i="26" s="1"/>
  <c r="C1850" i="26"/>
  <c r="C10" i="26"/>
  <c r="Q18" i="10"/>
  <c r="D10" i="26" s="1"/>
  <c r="C1106" i="26"/>
  <c r="Q1114" i="10"/>
  <c r="D1106" i="26" s="1"/>
  <c r="Q2241" i="10"/>
  <c r="D2233" i="26" s="1"/>
  <c r="C2233" i="26"/>
  <c r="C641" i="26"/>
  <c r="Q649" i="10"/>
  <c r="D641" i="26" s="1"/>
  <c r="Q2410" i="10"/>
  <c r="D2402" i="26" s="1"/>
  <c r="C2402" i="26"/>
  <c r="C1066" i="26"/>
  <c r="E1067" i="26" s="1"/>
  <c r="Q1074" i="10"/>
  <c r="D1066" i="26" s="1"/>
  <c r="Q2073" i="10"/>
  <c r="D2065" i="26" s="1"/>
  <c r="C2065" i="26"/>
  <c r="C578" i="26"/>
  <c r="E579" i="26" s="1"/>
  <c r="Q586" i="10"/>
  <c r="D578" i="26" s="1"/>
  <c r="C537" i="26"/>
  <c r="Q545" i="10"/>
  <c r="D537" i="26" s="1"/>
  <c r="Q1193" i="10"/>
  <c r="D1185" i="26" s="1"/>
  <c r="C1185" i="26"/>
  <c r="C881" i="26"/>
  <c r="Q889" i="10"/>
  <c r="D881" i="26" s="1"/>
  <c r="Q1739" i="10"/>
  <c r="D1731" i="26" s="1"/>
  <c r="C1731" i="26"/>
  <c r="Q2423" i="10"/>
  <c r="D2415" i="26" s="1"/>
  <c r="C2415" i="26"/>
  <c r="C1026" i="26"/>
  <c r="Q1034" i="10"/>
  <c r="D1026" i="26" s="1"/>
  <c r="Q2130" i="10"/>
  <c r="D2122" i="26" s="1"/>
  <c r="C2122" i="26"/>
  <c r="C249" i="26"/>
  <c r="Q257" i="10"/>
  <c r="D249" i="26" s="1"/>
  <c r="Q1506" i="10"/>
  <c r="D1498" i="26" s="1"/>
  <c r="C1498" i="26"/>
  <c r="Q2761" i="10"/>
  <c r="D2753" i="26" s="1"/>
  <c r="C2753" i="26"/>
  <c r="Q1425" i="10"/>
  <c r="D1417" i="26" s="1"/>
  <c r="C1417" i="26"/>
  <c r="C81" i="26"/>
  <c r="Q89" i="10"/>
  <c r="D81" i="26" s="1"/>
  <c r="Q1338" i="10"/>
  <c r="D1330" i="26" s="1"/>
  <c r="C1330" i="26"/>
  <c r="Q2498" i="10"/>
  <c r="D2490" i="26" s="1"/>
  <c r="C2490" i="26"/>
  <c r="Q1402" i="10"/>
  <c r="D1394" i="26" s="1"/>
  <c r="C1394" i="26"/>
  <c r="Q2657" i="10"/>
  <c r="D2649" i="26" s="1"/>
  <c r="C2649" i="26"/>
  <c r="C1065" i="26"/>
  <c r="Q1073" i="10"/>
  <c r="D1065" i="26" s="1"/>
  <c r="Q2731" i="10"/>
  <c r="D2723" i="26" s="1"/>
  <c r="C2723" i="26"/>
  <c r="C1007" i="26"/>
  <c r="Q1015" i="10"/>
  <c r="D1007" i="26" s="1"/>
  <c r="D6" i="23"/>
  <c r="D6" i="25"/>
  <c r="C130" i="26"/>
  <c r="Q138" i="10"/>
  <c r="D130" i="26" s="1"/>
  <c r="Q1746" i="10"/>
  <c r="D1738" i="26" s="1"/>
  <c r="C1738" i="26"/>
  <c r="Q2842" i="10"/>
  <c r="D2834" i="26" s="1"/>
  <c r="C2834" i="26"/>
  <c r="C1114" i="26"/>
  <c r="Q1122" i="10"/>
  <c r="D1114" i="26" s="1"/>
  <c r="Q2377" i="10"/>
  <c r="D2369" i="26" s="1"/>
  <c r="C2369" i="26"/>
  <c r="C521" i="26"/>
  <c r="Q529" i="10"/>
  <c r="D521" i="26" s="1"/>
  <c r="Q1778" i="10"/>
  <c r="D1770" i="26" s="1"/>
  <c r="C1770" i="26"/>
  <c r="Q2777" i="10"/>
  <c r="D2769" i="26" s="1"/>
  <c r="C2769" i="26"/>
  <c r="Q2529" i="10"/>
  <c r="D2521" i="26" s="1"/>
  <c r="C2521" i="26"/>
  <c r="Q2594" i="10"/>
  <c r="D2586" i="26" s="1"/>
  <c r="C2586" i="26"/>
  <c r="Q1223" i="10"/>
  <c r="D1215" i="26" s="1"/>
  <c r="C1215" i="26"/>
  <c r="E1216" i="26" s="1"/>
  <c r="Q1807" i="10"/>
  <c r="D1799" i="26" s="1"/>
  <c r="C1799" i="26"/>
  <c r="Q2808" i="10"/>
  <c r="D2800" i="26" s="1"/>
  <c r="C2800" i="26"/>
  <c r="Q2310" i="10"/>
  <c r="D2302" i="26" s="1"/>
  <c r="C2302" i="26"/>
  <c r="C167" i="26"/>
  <c r="Q175" i="10"/>
  <c r="D167" i="26" s="1"/>
  <c r="C952" i="26"/>
  <c r="Q960" i="10"/>
  <c r="D952" i="26" s="1"/>
  <c r="C915" i="26"/>
  <c r="Q923" i="10"/>
  <c r="D915" i="26" s="1"/>
  <c r="C2116" i="26"/>
  <c r="Q2124" i="10"/>
  <c r="D2116" i="26" s="1"/>
  <c r="Q2011" i="10"/>
  <c r="D2003" i="26" s="1"/>
  <c r="C2003" i="26"/>
  <c r="C436" i="26"/>
  <c r="Q444" i="10"/>
  <c r="D436" i="26" s="1"/>
  <c r="Q1870" i="10"/>
  <c r="D1862" i="26" s="1"/>
  <c r="C1862" i="26"/>
  <c r="E1863" i="26" s="1"/>
  <c r="C1692" i="26"/>
  <c r="E1693" i="26" s="1"/>
  <c r="Q1700" i="10"/>
  <c r="D1692" i="26" s="1"/>
  <c r="C1540" i="26"/>
  <c r="Q1548" i="10"/>
  <c r="D1540" i="26" s="1"/>
  <c r="Q1438" i="10"/>
  <c r="D1430" i="26" s="1"/>
  <c r="C1430" i="26"/>
  <c r="C471" i="26"/>
  <c r="Q479" i="10"/>
  <c r="D471" i="26" s="1"/>
  <c r="Q2595" i="10"/>
  <c r="D2587" i="26" s="1"/>
  <c r="C2587" i="26"/>
  <c r="Q1414" i="10"/>
  <c r="D1406" i="26" s="1"/>
  <c r="C1406" i="26"/>
  <c r="C588" i="26"/>
  <c r="Q596" i="10"/>
  <c r="D588" i="26" s="1"/>
  <c r="Q2392" i="10"/>
  <c r="D2384" i="26" s="1"/>
  <c r="C2384" i="26"/>
  <c r="Q1328" i="10"/>
  <c r="D1320" i="26" s="1"/>
  <c r="C1320" i="26"/>
  <c r="C206" i="26"/>
  <c r="Q214" i="10"/>
  <c r="D206" i="26" s="1"/>
  <c r="C2212" i="26"/>
  <c r="Q2220" i="10"/>
  <c r="D2212" i="26" s="1"/>
  <c r="C1149" i="26"/>
  <c r="Q1157" i="10"/>
  <c r="D1149" i="26" s="1"/>
  <c r="F2205" i="26"/>
  <c r="E2205" i="26"/>
  <c r="F2412" i="26"/>
  <c r="E2412" i="26"/>
  <c r="F2597" i="26"/>
  <c r="E2597" i="26"/>
  <c r="F2757" i="26"/>
  <c r="E2757" i="26"/>
  <c r="E215" i="26"/>
  <c r="F2180" i="26"/>
  <c r="E2180" i="26"/>
  <c r="E677" i="26"/>
  <c r="F2493" i="26"/>
  <c r="E2493" i="26"/>
  <c r="F2140" i="26"/>
  <c r="E2140" i="26"/>
  <c r="E712" i="26"/>
  <c r="E1019" i="26"/>
  <c r="E1367" i="26"/>
  <c r="F2768" i="26"/>
  <c r="E2768" i="26"/>
  <c r="E349" i="26"/>
  <c r="E2684" i="26"/>
  <c r="E1789" i="26"/>
  <c r="E1292" i="26"/>
  <c r="E383" i="26"/>
  <c r="F168" i="26"/>
  <c r="E168" i="26"/>
  <c r="E1742" i="26"/>
  <c r="E1366" i="26"/>
  <c r="F2104" i="26"/>
  <c r="E2104" i="26"/>
  <c r="E400" i="26"/>
  <c r="E934" i="26"/>
  <c r="E1123" i="26"/>
  <c r="G37" i="26"/>
  <c r="E37" i="26"/>
  <c r="E1607" i="26"/>
  <c r="E1575" i="26"/>
  <c r="E364" i="26"/>
  <c r="F2007" i="26"/>
  <c r="E2007" i="26"/>
  <c r="E1563" i="26"/>
  <c r="E1916" i="26"/>
  <c r="E308" i="26"/>
  <c r="E928" i="26"/>
  <c r="F2203" i="26"/>
  <c r="E2203" i="26"/>
  <c r="F196" i="26"/>
  <c r="E196" i="26"/>
  <c r="F133" i="26"/>
  <c r="E133" i="26"/>
  <c r="E555" i="26"/>
  <c r="F2311" i="26"/>
  <c r="E2311" i="26"/>
  <c r="E1230" i="26"/>
  <c r="E1853" i="26"/>
  <c r="E2575" i="26"/>
  <c r="F2480" i="26"/>
  <c r="E2480" i="26"/>
  <c r="E1939" i="26"/>
  <c r="E2576" i="26"/>
  <c r="F2335" i="26"/>
  <c r="E2335" i="26"/>
  <c r="E1984" i="26"/>
  <c r="F2595" i="26"/>
  <c r="E2595" i="26"/>
  <c r="E1963" i="26"/>
  <c r="E1976" i="26"/>
  <c r="E1267" i="26"/>
  <c r="E1168" i="26"/>
  <c r="E1376" i="26"/>
  <c r="F2046" i="26"/>
  <c r="E2046" i="26"/>
  <c r="E1384" i="26"/>
  <c r="F2111" i="26"/>
  <c r="E2111" i="26"/>
  <c r="E1415" i="26"/>
  <c r="F2152" i="26"/>
  <c r="E2152" i="26"/>
  <c r="E1358" i="26"/>
  <c r="E1983" i="26"/>
  <c r="F2731" i="26"/>
  <c r="E2731" i="26"/>
  <c r="E1622" i="26"/>
  <c r="E1695" i="26"/>
  <c r="E1408" i="26"/>
  <c r="F2659" i="26"/>
  <c r="E2659" i="26"/>
  <c r="F2171" i="26"/>
  <c r="E2171" i="26"/>
  <c r="E1767" i="26"/>
  <c r="F2120" i="26"/>
  <c r="E2120" i="26"/>
  <c r="E1952" i="26"/>
  <c r="E1335" i="26"/>
  <c r="E1559" i="26"/>
  <c r="E1496" i="26"/>
  <c r="E1158" i="26"/>
  <c r="E1543" i="26"/>
  <c r="F2344" i="26"/>
  <c r="E2344" i="26"/>
  <c r="E1422" i="26"/>
  <c r="F2679" i="26"/>
  <c r="E2679" i="26"/>
  <c r="F2608" i="26"/>
  <c r="E2608" i="26"/>
  <c r="F2131" i="26"/>
  <c r="E2131" i="26"/>
  <c r="E606" i="26"/>
  <c r="E1014" i="26"/>
  <c r="E1070" i="26"/>
  <c r="E1892" i="26"/>
  <c r="E460" i="26"/>
  <c r="E662" i="26"/>
  <c r="E629" i="26"/>
  <c r="F272" i="26"/>
  <c r="E272" i="26"/>
  <c r="E735" i="26"/>
  <c r="F128" i="26"/>
  <c r="E128" i="26"/>
  <c r="E805" i="26"/>
  <c r="E1120" i="26"/>
  <c r="E1309" i="26"/>
  <c r="E924" i="26"/>
  <c r="E2692" i="26"/>
  <c r="F2148" i="26"/>
  <c r="E2148" i="26"/>
  <c r="F123" i="26"/>
  <c r="E123" i="26"/>
  <c r="E355" i="26"/>
  <c r="E765" i="26"/>
  <c r="E996" i="26"/>
  <c r="E955" i="26"/>
  <c r="F255" i="26"/>
  <c r="E255" i="26"/>
  <c r="E1396" i="26"/>
  <c r="E1708" i="26"/>
  <c r="E931" i="26"/>
  <c r="E396" i="26"/>
  <c r="F2317" i="26"/>
  <c r="E2317" i="26"/>
  <c r="G52" i="26"/>
  <c r="F52" i="26"/>
  <c r="E52" i="26"/>
  <c r="E1748" i="26"/>
  <c r="F2189" i="26"/>
  <c r="E2189" i="26"/>
  <c r="F2300" i="26"/>
  <c r="E2300" i="26"/>
  <c r="E341" i="26"/>
  <c r="E1974" i="26"/>
  <c r="E1630" i="26"/>
  <c r="E844" i="26"/>
  <c r="F2596" i="26"/>
  <c r="E2596" i="26"/>
  <c r="E1324" i="26"/>
  <c r="E896" i="26"/>
  <c r="E1764" i="26"/>
  <c r="E1509" i="26"/>
  <c r="F2220" i="26"/>
  <c r="E2220" i="26"/>
  <c r="E1756" i="26"/>
  <c r="E284" i="26"/>
  <c r="E292" i="26"/>
  <c r="E939" i="26"/>
  <c r="E1405" i="26"/>
  <c r="E520" i="26"/>
  <c r="E685" i="26"/>
  <c r="F2812" i="26"/>
  <c r="E2812" i="26"/>
  <c r="F276" i="26"/>
  <c r="E276" i="26"/>
  <c r="E343" i="26"/>
  <c r="E760" i="26"/>
  <c r="F2396" i="26"/>
  <c r="E2396" i="26"/>
  <c r="F2740" i="26"/>
  <c r="E2740" i="26"/>
  <c r="E608" i="26"/>
  <c r="E1076" i="26"/>
  <c r="E1677" i="26"/>
  <c r="E967" i="26"/>
  <c r="F2084" i="26"/>
  <c r="E2084" i="26"/>
  <c r="E390" i="26"/>
  <c r="E1023" i="26"/>
  <c r="E839" i="26"/>
  <c r="E334" i="26"/>
  <c r="E492" i="26"/>
  <c r="E981" i="26"/>
  <c r="F2332" i="26"/>
  <c r="E2332" i="26"/>
  <c r="E414" i="26"/>
  <c r="E174" i="26"/>
  <c r="E1564" i="26"/>
  <c r="E1724" i="26"/>
  <c r="E351" i="26"/>
  <c r="E357" i="26"/>
  <c r="F235" i="26"/>
  <c r="E235" i="26"/>
  <c r="E440" i="26"/>
  <c r="E576" i="26"/>
  <c r="E1404" i="26"/>
  <c r="F2221" i="26"/>
  <c r="E2221" i="26"/>
  <c r="E1063" i="26"/>
  <c r="E987" i="26"/>
  <c r="E1397" i="26"/>
  <c r="E1852" i="26"/>
  <c r="E631" i="26"/>
  <c r="F126" i="26"/>
  <c r="E126" i="26"/>
  <c r="F2356" i="26"/>
  <c r="E2356" i="26"/>
  <c r="E1524" i="26"/>
  <c r="F2621" i="26"/>
  <c r="E2621" i="26"/>
  <c r="E1316" i="26"/>
  <c r="F203" i="26"/>
  <c r="E203" i="26"/>
  <c r="E837" i="26"/>
  <c r="F2348" i="26"/>
  <c r="E2348" i="26"/>
  <c r="F267" i="26"/>
  <c r="E267" i="26"/>
  <c r="F2829" i="26"/>
  <c r="E2829" i="26"/>
  <c r="F2660" i="26"/>
  <c r="E2660" i="26"/>
  <c r="E975" i="26"/>
  <c r="E752" i="26"/>
  <c r="F19" i="26"/>
  <c r="G19" i="26"/>
  <c r="E19" i="26"/>
  <c r="E1036" i="26"/>
  <c r="F2069" i="26"/>
  <c r="E2069" i="26"/>
  <c r="E2510" i="26"/>
  <c r="E1638" i="26"/>
  <c r="E1950" i="26"/>
  <c r="F166" i="26"/>
  <c r="E166" i="26"/>
  <c r="E733" i="26"/>
  <c r="E1909" i="26"/>
  <c r="E1088" i="26"/>
  <c r="E476" i="26"/>
  <c r="E1701" i="26"/>
  <c r="F181" i="26"/>
  <c r="E181" i="26"/>
  <c r="F87" i="26"/>
  <c r="E87" i="26"/>
  <c r="E1188" i="26"/>
  <c r="F2532" i="26"/>
  <c r="E2532" i="26"/>
  <c r="E1989" i="26"/>
  <c r="E628" i="26"/>
  <c r="E648" i="26"/>
  <c r="E813" i="26"/>
  <c r="E1572" i="26"/>
  <c r="E1573" i="26"/>
  <c r="E1340" i="26"/>
  <c r="E1732" i="26"/>
  <c r="F2109" i="26"/>
  <c r="E2109" i="26"/>
  <c r="E759" i="26"/>
  <c r="F190" i="26"/>
  <c r="E190" i="26"/>
  <c r="F2059" i="26"/>
  <c r="E2059" i="26"/>
  <c r="E1800" i="26"/>
  <c r="F2248" i="26"/>
  <c r="E2248" i="26"/>
  <c r="E1478" i="26"/>
  <c r="E1332" i="26"/>
  <c r="G36" i="26"/>
  <c r="E36" i="26"/>
  <c r="E2447" i="26"/>
  <c r="F2224" i="26"/>
  <c r="E2224" i="26"/>
  <c r="E533" i="26"/>
  <c r="F2645" i="26"/>
  <c r="E2645" i="26"/>
  <c r="E354" i="26"/>
  <c r="M35" i="22"/>
  <c r="M95" i="22"/>
  <c r="E95" i="6"/>
  <c r="E95" i="7" s="1"/>
  <c r="E95" i="14"/>
  <c r="M38" i="22"/>
  <c r="N93" i="22"/>
  <c r="N95" i="22"/>
  <c r="O95" i="22" s="1"/>
  <c r="N94" i="22"/>
  <c r="N83" i="22"/>
  <c r="N85" i="22"/>
  <c r="N86" i="22"/>
  <c r="N84" i="22"/>
  <c r="N89" i="22"/>
  <c r="N92" i="22"/>
  <c r="N87" i="22"/>
  <c r="N88" i="22"/>
  <c r="N90" i="22"/>
  <c r="N91" i="22"/>
  <c r="E51" i="6"/>
  <c r="E51" i="7" s="1"/>
  <c r="M51" i="22"/>
  <c r="M33" i="22"/>
  <c r="M37" i="22"/>
  <c r="BQ93" i="14"/>
  <c r="BD93" i="14"/>
  <c r="CD93" i="14"/>
  <c r="EJ91" i="14"/>
  <c r="HJ91" i="14" s="1"/>
  <c r="DW91" i="14"/>
  <c r="GW91" i="14" s="1"/>
  <c r="EJ92" i="14"/>
  <c r="HJ92" i="14" s="1"/>
  <c r="DW92" i="14"/>
  <c r="GW92" i="14" s="1"/>
  <c r="CR91" i="14"/>
  <c r="FR91" i="14" s="1"/>
  <c r="DE91" i="14"/>
  <c r="GE91" i="14" s="1"/>
  <c r="DT92" i="14"/>
  <c r="GT92" i="14" s="1"/>
  <c r="EG92" i="14"/>
  <c r="HG92" i="14" s="1"/>
  <c r="FI92" i="14"/>
  <c r="II92" i="14" s="1"/>
  <c r="EV92" i="14"/>
  <c r="HV92" i="14" s="1"/>
  <c r="CO91" i="14"/>
  <c r="FO91" i="14" s="1"/>
  <c r="DB91" i="14"/>
  <c r="GB91" i="14" s="1"/>
  <c r="CU91" i="14"/>
  <c r="FU91" i="14" s="1"/>
  <c r="DH91" i="14"/>
  <c r="GH91" i="14" s="1"/>
  <c r="DE92" i="14"/>
  <c r="GE92" i="14" s="1"/>
  <c r="CR92" i="14"/>
  <c r="FR92" i="14" s="1"/>
  <c r="DZ92" i="14"/>
  <c r="GZ92" i="14" s="1"/>
  <c r="DM92" i="14"/>
  <c r="GM92" i="14" s="1"/>
  <c r="BB93" i="14"/>
  <c r="CB93" i="14"/>
  <c r="BO93" i="14"/>
  <c r="BJ93" i="14"/>
  <c r="CJ93" i="14"/>
  <c r="BW93" i="14"/>
  <c r="FJ91" i="14"/>
  <c r="IJ91" i="14" s="1"/>
  <c r="EW91" i="14"/>
  <c r="HW91" i="14" s="1"/>
  <c r="ER91" i="14"/>
  <c r="HR91" i="14" s="1"/>
  <c r="FE91" i="14"/>
  <c r="IE91" i="14" s="1"/>
  <c r="CT92" i="14"/>
  <c r="FT92" i="14" s="1"/>
  <c r="DG92" i="14"/>
  <c r="GG92" i="14" s="1"/>
  <c r="EI92" i="14"/>
  <c r="HI92" i="14" s="1"/>
  <c r="DV92" i="14"/>
  <c r="GV92" i="14" s="1"/>
  <c r="DO91" i="14"/>
  <c r="GO91" i="14" s="1"/>
  <c r="EB91" i="14"/>
  <c r="HB91" i="14" s="1"/>
  <c r="EK92" i="14"/>
  <c r="HK92" i="14" s="1"/>
  <c r="DX92" i="14"/>
  <c r="GX92" i="14" s="1"/>
  <c r="FE92" i="14"/>
  <c r="IE92" i="14" s="1"/>
  <c r="ER92" i="14"/>
  <c r="HR92" i="14" s="1"/>
  <c r="CM92" i="14"/>
  <c r="FM92" i="14" s="1"/>
  <c r="CZ92" i="14"/>
  <c r="FZ92" i="14" s="1"/>
  <c r="BP93" i="14"/>
  <c r="BC93" i="14"/>
  <c r="CC93" i="14"/>
  <c r="BX93" i="14"/>
  <c r="BK93" i="14"/>
  <c r="CK93" i="14"/>
  <c r="CW91" i="14"/>
  <c r="FW91" i="14" s="1"/>
  <c r="DJ91" i="14"/>
  <c r="GJ91" i="14" s="1"/>
  <c r="DS92" i="14"/>
  <c r="GS92" i="14" s="1"/>
  <c r="EF92" i="14"/>
  <c r="HF92" i="14" s="1"/>
  <c r="CU92" i="14"/>
  <c r="FU92" i="14" s="1"/>
  <c r="DH92" i="14"/>
  <c r="GH92" i="14" s="1"/>
  <c r="FB92" i="14"/>
  <c r="IB92" i="14" s="1"/>
  <c r="EO92" i="14"/>
  <c r="HO92" i="14" s="1"/>
  <c r="EX92" i="14"/>
  <c r="HX92" i="14" s="1"/>
  <c r="FK92" i="14"/>
  <c r="IK92" i="14" s="1"/>
  <c r="DC91" i="14"/>
  <c r="GC91" i="14" s="1"/>
  <c r="CP91" i="14"/>
  <c r="FP91" i="14" s="1"/>
  <c r="DR92" i="14"/>
  <c r="GR92" i="14" s="1"/>
  <c r="EE92" i="14"/>
  <c r="HE92" i="14" s="1"/>
  <c r="EK91" i="14"/>
  <c r="HK91" i="14" s="1"/>
  <c r="DX91" i="14"/>
  <c r="GX91" i="14" s="1"/>
  <c r="EZ92" i="14"/>
  <c r="HZ92" i="14" s="1"/>
  <c r="EM92" i="14"/>
  <c r="HM92" i="14" s="1"/>
  <c r="BT93" i="14"/>
  <c r="BG93" i="14"/>
  <c r="CG93" i="14"/>
  <c r="BI93" i="14"/>
  <c r="CI93" i="14"/>
  <c r="BV93" i="14"/>
  <c r="EQ92" i="14"/>
  <c r="HQ92" i="14" s="1"/>
  <c r="FD92" i="14"/>
  <c r="ID92" i="14" s="1"/>
  <c r="DF92" i="14"/>
  <c r="GF92" i="14" s="1"/>
  <c r="CS92" i="14"/>
  <c r="FS92" i="14" s="1"/>
  <c r="EH92" i="14"/>
  <c r="HH92" i="14" s="1"/>
  <c r="DU92" i="14"/>
  <c r="GU92" i="14" s="1"/>
  <c r="EB92" i="14"/>
  <c r="HB92" i="14" s="1"/>
  <c r="DO92" i="14"/>
  <c r="GO92" i="14" s="1"/>
  <c r="DI91" i="14"/>
  <c r="GI91" i="14" s="1"/>
  <c r="CV91" i="14"/>
  <c r="FV91" i="14" s="1"/>
  <c r="DK92" i="14"/>
  <c r="GK92" i="14" s="1"/>
  <c r="CX92" i="14"/>
  <c r="FX92" i="14" s="1"/>
  <c r="EC91" i="14"/>
  <c r="HC91" i="14" s="1"/>
  <c r="DP91" i="14"/>
  <c r="GP91" i="14" s="1"/>
  <c r="DS91" i="14"/>
  <c r="GS91" i="14" s="1"/>
  <c r="EF91" i="14"/>
  <c r="HF91" i="14" s="1"/>
  <c r="FK91" i="14"/>
  <c r="IK91" i="14" s="1"/>
  <c r="EX91" i="14"/>
  <c r="HX91" i="14" s="1"/>
  <c r="BR93" i="14"/>
  <c r="BE93" i="14"/>
  <c r="CE93" i="14"/>
  <c r="CH93" i="14"/>
  <c r="BU93" i="14"/>
  <c r="BH93" i="14"/>
  <c r="DD92" i="14"/>
  <c r="GD92" i="14" s="1"/>
  <c r="CQ92" i="14"/>
  <c r="FQ92" i="14" s="1"/>
  <c r="FF92" i="14"/>
  <c r="IF92" i="14" s="1"/>
  <c r="ES92" i="14"/>
  <c r="HS92" i="14" s="1"/>
  <c r="DT91" i="14"/>
  <c r="GT91" i="14" s="1"/>
  <c r="EG91" i="14"/>
  <c r="HG91" i="14" s="1"/>
  <c r="EU92" i="14"/>
  <c r="HU92" i="14" s="1"/>
  <c r="FH92" i="14"/>
  <c r="IH92" i="14" s="1"/>
  <c r="DD91" i="14"/>
  <c r="GD91" i="14" s="1"/>
  <c r="CQ91" i="14"/>
  <c r="FQ91" i="14" s="1"/>
  <c r="DB92" i="14"/>
  <c r="GB92" i="14" s="1"/>
  <c r="CO92" i="14"/>
  <c r="FO92" i="14" s="1"/>
  <c r="EI91" i="14"/>
  <c r="HI91" i="14" s="1"/>
  <c r="DV91" i="14"/>
  <c r="GV91" i="14" s="1"/>
  <c r="FC91" i="14"/>
  <c r="IC91" i="14" s="1"/>
  <c r="EP91" i="14"/>
  <c r="HP91" i="14" s="1"/>
  <c r="ES91" i="14"/>
  <c r="HS91" i="14" s="1"/>
  <c r="FF91" i="14"/>
  <c r="IF91" i="14" s="1"/>
  <c r="DK91" i="14"/>
  <c r="GK91" i="14" s="1"/>
  <c r="CX91" i="14"/>
  <c r="FX91" i="14" s="1"/>
  <c r="CA93" i="14"/>
  <c r="BN93" i="14"/>
  <c r="BA93" i="14"/>
  <c r="ED92" i="14"/>
  <c r="HD92" i="14" s="1"/>
  <c r="DQ92" i="14"/>
  <c r="GQ92" i="14" s="1"/>
  <c r="EA92" i="14"/>
  <c r="HA92" i="14" s="1"/>
  <c r="DN92" i="14"/>
  <c r="GN92" i="14" s="1"/>
  <c r="FG91" i="14"/>
  <c r="IG91" i="14" s="1"/>
  <c r="ET91" i="14"/>
  <c r="HT91" i="14" s="1"/>
  <c r="ED91" i="14"/>
  <c r="HD91" i="14" s="1"/>
  <c r="DQ91" i="14"/>
  <c r="GQ91" i="14" s="1"/>
  <c r="FI91" i="14"/>
  <c r="II91" i="14" s="1"/>
  <c r="EV91" i="14"/>
  <c r="HV91" i="14" s="1"/>
  <c r="FA91" i="14"/>
  <c r="IA91" i="14" s="1"/>
  <c r="EN91" i="14"/>
  <c r="HN91" i="14" s="1"/>
  <c r="DF91" i="14"/>
  <c r="GF91" i="14" s="1"/>
  <c r="CS91" i="14"/>
  <c r="FS91" i="14" s="1"/>
  <c r="DM91" i="14"/>
  <c r="GM91" i="14" s="1"/>
  <c r="DZ91" i="14"/>
  <c r="GZ91" i="14" s="1"/>
  <c r="DC92" i="14"/>
  <c r="GC92" i="14" s="1"/>
  <c r="CP92" i="14"/>
  <c r="FP92" i="14" s="1"/>
  <c r="CF93" i="14"/>
  <c r="BS93" i="14"/>
  <c r="BF93" i="14"/>
  <c r="DJ92" i="14"/>
  <c r="GJ92" i="14" s="1"/>
  <c r="CW92" i="14"/>
  <c r="FW92" i="14" s="1"/>
  <c r="CN92" i="14"/>
  <c r="FN92" i="14" s="1"/>
  <c r="DA92" i="14"/>
  <c r="GA92" i="14" s="1"/>
  <c r="DG91" i="14"/>
  <c r="GG91" i="14" s="1"/>
  <c r="CT91" i="14"/>
  <c r="FT91" i="14" s="1"/>
  <c r="EQ91" i="14"/>
  <c r="HQ91" i="14" s="1"/>
  <c r="FD91" i="14"/>
  <c r="ID91" i="14" s="1"/>
  <c r="DU91" i="14"/>
  <c r="GU91" i="14" s="1"/>
  <c r="EH91" i="14"/>
  <c r="HH91" i="14" s="1"/>
  <c r="CN91" i="14"/>
  <c r="FN91" i="14" s="1"/>
  <c r="DA91" i="14"/>
  <c r="GA91" i="14" s="1"/>
  <c r="EZ91" i="14"/>
  <c r="HZ91" i="14" s="1"/>
  <c r="EM91" i="14"/>
  <c r="HM91" i="14" s="1"/>
  <c r="EP92" i="14"/>
  <c r="HP92" i="14" s="1"/>
  <c r="FC92" i="14"/>
  <c r="IC92" i="14" s="1"/>
  <c r="AZ93" i="14"/>
  <c r="BZ93" i="14"/>
  <c r="BM93" i="14"/>
  <c r="FJ92" i="14"/>
  <c r="IJ92" i="14" s="1"/>
  <c r="EW92" i="14"/>
  <c r="HW92" i="14" s="1"/>
  <c r="EE91" i="14"/>
  <c r="HE91" i="14" s="1"/>
  <c r="DR91" i="14"/>
  <c r="GR91" i="14" s="1"/>
  <c r="FA92" i="14"/>
  <c r="IA92" i="14" s="1"/>
  <c r="EN92" i="14"/>
  <c r="HN92" i="14" s="1"/>
  <c r="FG92" i="14"/>
  <c r="IG92" i="14" s="1"/>
  <c r="ET92" i="14"/>
  <c r="HT92" i="14" s="1"/>
  <c r="CV92" i="14"/>
  <c r="FV92" i="14" s="1"/>
  <c r="DI92" i="14"/>
  <c r="GI92" i="14" s="1"/>
  <c r="FB91" i="14"/>
  <c r="IB91" i="14" s="1"/>
  <c r="EO91" i="14"/>
  <c r="HO91" i="14" s="1"/>
  <c r="FH91" i="14"/>
  <c r="IH91" i="14" s="1"/>
  <c r="EU91" i="14"/>
  <c r="HU91" i="14" s="1"/>
  <c r="EA91" i="14"/>
  <c r="HA91" i="14" s="1"/>
  <c r="DN91" i="14"/>
  <c r="GN91" i="14" s="1"/>
  <c r="CM91" i="14"/>
  <c r="FM91" i="14" s="1"/>
  <c r="CZ91" i="14"/>
  <c r="FZ91" i="14" s="1"/>
  <c r="EC92" i="14"/>
  <c r="HC92" i="14" s="1"/>
  <c r="DP92" i="14"/>
  <c r="GP92" i="14" s="1"/>
  <c r="P95" i="22"/>
  <c r="Q95" i="22" s="1"/>
  <c r="S2209" i="10"/>
  <c r="S1385" i="10"/>
  <c r="S1209" i="10"/>
  <c r="S139" i="10"/>
  <c r="S567" i="10"/>
  <c r="S1602" i="10"/>
  <c r="S274" i="10"/>
  <c r="T1370" i="10"/>
  <c r="S1370" i="10"/>
  <c r="S2497" i="10"/>
  <c r="T1417" i="10"/>
  <c r="S1417" i="10"/>
  <c r="S2666" i="10"/>
  <c r="S818" i="10"/>
  <c r="S1817" i="10"/>
  <c r="S2281" i="10"/>
  <c r="S546" i="10"/>
  <c r="S2017" i="10"/>
  <c r="S452" i="10"/>
  <c r="S2353" i="10"/>
  <c r="S2571" i="10"/>
  <c r="S2679" i="10"/>
  <c r="S778" i="10"/>
  <c r="S2386" i="10"/>
  <c r="S513" i="10"/>
  <c r="S2274" i="10"/>
  <c r="S682" i="10"/>
  <c r="S1681" i="10"/>
  <c r="S2516" i="10"/>
  <c r="S1082" i="10"/>
  <c r="T1017" i="10"/>
  <c r="S1017" i="10"/>
  <c r="S2825" i="10"/>
  <c r="S1249" i="10"/>
  <c r="S124" i="10"/>
  <c r="S2545" i="10"/>
  <c r="S2635" i="10"/>
  <c r="S2743" i="10"/>
  <c r="S842" i="10"/>
  <c r="S2450" i="10"/>
  <c r="S1089" i="10"/>
  <c r="S2338" i="10"/>
  <c r="S746" i="10"/>
  <c r="S1745" i="10"/>
  <c r="S2708" i="10"/>
  <c r="S1146" i="10"/>
  <c r="S2609" i="10"/>
  <c r="T1801" i="10"/>
  <c r="S1801" i="10"/>
  <c r="S309" i="10"/>
  <c r="S553" i="10"/>
  <c r="S1668" i="10"/>
  <c r="S569" i="10"/>
  <c r="S1009" i="10"/>
  <c r="S258" i="10"/>
  <c r="S1418" i="10"/>
  <c r="S2514" i="10"/>
  <c r="S1665" i="10"/>
  <c r="S73" i="10"/>
  <c r="S1322" i="10"/>
  <c r="K39" i="22" s="1"/>
  <c r="F39" i="22"/>
  <c r="E39" i="22"/>
  <c r="T2321" i="10"/>
  <c r="S2321" i="10"/>
  <c r="S473" i="10"/>
  <c r="S1722" i="10"/>
  <c r="S233" i="10"/>
  <c r="S1002" i="10"/>
  <c r="S2496" i="10"/>
  <c r="S2153" i="10"/>
  <c r="S2809" i="10"/>
  <c r="K54" i="22" s="1"/>
  <c r="AE54" i="22" s="1" a="1"/>
  <c r="AE54" i="22" s="1"/>
  <c r="F54" i="22"/>
  <c r="P54" i="22" s="1"/>
  <c r="Q54" i="22" s="1"/>
  <c r="E54" i="22"/>
  <c r="M54" i="22" s="1"/>
  <c r="S1675" i="10"/>
  <c r="S1847" i="10"/>
  <c r="S458" i="10"/>
  <c r="S1554" i="10"/>
  <c r="S2650" i="10"/>
  <c r="S930" i="10"/>
  <c r="S2185" i="10"/>
  <c r="S849" i="10"/>
  <c r="S2610" i="10"/>
  <c r="S1274" i="10"/>
  <c r="S2793" i="10"/>
  <c r="S1058" i="10"/>
  <c r="S673" i="10"/>
  <c r="S2729" i="10"/>
  <c r="S1457" i="10"/>
  <c r="S1372" i="10"/>
  <c r="S1410" i="10"/>
  <c r="S2570" i="10"/>
  <c r="S666" i="10"/>
  <c r="S1793" i="10"/>
  <c r="S201" i="10"/>
  <c r="S1450" i="10"/>
  <c r="S114" i="10"/>
  <c r="T1625" i="10"/>
  <c r="S1625" i="10"/>
  <c r="S1345" i="10"/>
  <c r="S2081" i="10"/>
  <c r="S1321" i="10"/>
  <c r="S2105" i="10"/>
  <c r="S1867" i="10"/>
  <c r="S2551" i="10"/>
  <c r="S2186" i="10"/>
  <c r="S282" i="10"/>
  <c r="S1409" i="10"/>
  <c r="S2658" i="10"/>
  <c r="S1066" i="10"/>
  <c r="S2065" i="10"/>
  <c r="S217" i="10"/>
  <c r="S1466" i="10"/>
  <c r="S450" i="10"/>
  <c r="S2226" i="10"/>
  <c r="S515" i="10"/>
  <c r="T1687" i="10"/>
  <c r="S1687" i="10"/>
  <c r="S1307" i="10"/>
  <c r="S1677" i="10"/>
  <c r="S184" i="10"/>
  <c r="T334" i="10"/>
  <c r="S334" i="10"/>
  <c r="S1420" i="10"/>
  <c r="K40" i="22" s="1"/>
  <c r="F40" i="22"/>
  <c r="E40" i="22"/>
  <c r="S1109" i="10"/>
  <c r="S1135" i="10"/>
  <c r="S2214" i="10"/>
  <c r="S952" i="10"/>
  <c r="S548" i="10"/>
  <c r="S2821" i="10"/>
  <c r="S2735" i="10"/>
  <c r="S2143" i="10"/>
  <c r="T2372" i="10"/>
  <c r="S2372" i="10"/>
  <c r="S535" i="10"/>
  <c r="S542" i="10"/>
  <c r="S335" i="10"/>
  <c r="S659" i="10"/>
  <c r="T1814" i="10"/>
  <c r="S1814" i="10"/>
  <c r="S1599" i="10"/>
  <c r="S1824" i="10"/>
  <c r="S1079" i="10"/>
  <c r="S674" i="10"/>
  <c r="S2329" i="10"/>
  <c r="T1289" i="10"/>
  <c r="S1289" i="10"/>
  <c r="S313" i="10"/>
  <c r="S1290" i="10"/>
  <c r="S1194" i="10"/>
  <c r="S2487" i="10"/>
  <c r="T1841" i="10"/>
  <c r="S1841" i="10"/>
  <c r="T194" i="10"/>
  <c r="S194" i="10"/>
  <c r="S1258" i="10"/>
  <c r="S1658" i="10"/>
  <c r="S1065" i="10"/>
  <c r="S83" i="10"/>
  <c r="S585" i="10"/>
  <c r="S985" i="10"/>
  <c r="S1137" i="10"/>
  <c r="S2697" i="10"/>
  <c r="S1786" i="10"/>
  <c r="S953" i="10"/>
  <c r="S625" i="10"/>
  <c r="S1922" i="10"/>
  <c r="S1178" i="10"/>
  <c r="S1257" i="10"/>
  <c r="S1024" i="10"/>
  <c r="K36" i="22" s="1"/>
  <c r="F36" i="22"/>
  <c r="E36" i="22"/>
  <c r="S514" i="10"/>
  <c r="T329" i="10"/>
  <c r="S329" i="10"/>
  <c r="S2713" i="10"/>
  <c r="S1038" i="10"/>
  <c r="S1464" i="10"/>
  <c r="S2719" i="10"/>
  <c r="S2454" i="10"/>
  <c r="T2697" i="10"/>
  <c r="S225" i="10"/>
  <c r="S2409" i="10"/>
  <c r="S1356" i="10"/>
  <c r="S1419" i="10"/>
  <c r="S1591" i="10"/>
  <c r="S2626" i="10"/>
  <c r="S1298" i="10"/>
  <c r="S2394" i="10"/>
  <c r="S1186" i="10"/>
  <c r="S2441" i="10"/>
  <c r="S593" i="10"/>
  <c r="S1842" i="10"/>
  <c r="S2841" i="10"/>
  <c r="S908" i="10"/>
  <c r="S2313" i="10"/>
  <c r="S2165" i="10"/>
  <c r="S937" i="10"/>
  <c r="S1521" i="10"/>
  <c r="S1401" i="10"/>
  <c r="S2476" i="10"/>
  <c r="S642" i="10"/>
  <c r="S1802" i="10"/>
  <c r="S410" i="10"/>
  <c r="S1537" i="10"/>
  <c r="S457" i="10"/>
  <c r="S1706" i="10"/>
  <c r="S2705" i="10"/>
  <c r="S857" i="10"/>
  <c r="S2106" i="10"/>
  <c r="S74" i="10"/>
  <c r="S2001" i="10"/>
  <c r="S2293" i="10"/>
  <c r="S41" i="10"/>
  <c r="S1092" i="10"/>
  <c r="S1529" i="10"/>
  <c r="S19" i="10"/>
  <c r="S706" i="10"/>
  <c r="T1866" i="10"/>
  <c r="S1866" i="10"/>
  <c r="S986" i="10"/>
  <c r="S2113" i="10"/>
  <c r="S521" i="10"/>
  <c r="S1770" i="10"/>
  <c r="S2769" i="10"/>
  <c r="S921" i="10"/>
  <c r="T2170" i="10"/>
  <c r="S2170" i="10"/>
  <c r="S1474" i="10"/>
  <c r="S178" i="10"/>
  <c r="S161" i="10"/>
  <c r="S1577" i="10"/>
  <c r="S1969" i="10"/>
  <c r="S2681" i="10"/>
  <c r="S247" i="10"/>
  <c r="S1282" i="10"/>
  <c r="S2442" i="10"/>
  <c r="S1050" i="10"/>
  <c r="S2689" i="10"/>
  <c r="S1097" i="10"/>
  <c r="S2346" i="10"/>
  <c r="S498" i="10"/>
  <c r="S1497" i="10"/>
  <c r="S2746" i="10"/>
  <c r="S1463" i="10"/>
  <c r="S2738" i="10"/>
  <c r="S1441" i="10"/>
  <c r="S572" i="10"/>
  <c r="S2801" i="10"/>
  <c r="S1684" i="10"/>
  <c r="S322" i="10"/>
  <c r="S1482" i="10"/>
  <c r="S2578" i="10"/>
  <c r="T705" i="10"/>
  <c r="S705" i="10"/>
  <c r="S1954" i="10"/>
  <c r="T874" i="10"/>
  <c r="S874" i="10"/>
  <c r="S1873" i="10"/>
  <c r="T537" i="10"/>
  <c r="S537" i="10"/>
  <c r="S2298" i="10"/>
  <c r="S1713" i="10"/>
  <c r="T690" i="10"/>
  <c r="S690" i="10"/>
  <c r="T2465" i="10"/>
  <c r="S2465" i="10"/>
  <c r="S2481" i="10"/>
  <c r="S1913" i="10"/>
  <c r="S887" i="10"/>
  <c r="T2434" i="10"/>
  <c r="S2434" i="10"/>
  <c r="T594" i="10"/>
  <c r="S594" i="10"/>
  <c r="S1690" i="10"/>
  <c r="S2817" i="10"/>
  <c r="T1225" i="10"/>
  <c r="S1225" i="10"/>
  <c r="S2636" i="10"/>
  <c r="S1138" i="10"/>
  <c r="S2649" i="10"/>
  <c r="S689" i="10"/>
  <c r="S2026" i="10"/>
  <c r="S97" i="10"/>
  <c r="S2345" i="10"/>
  <c r="S1905" i="10"/>
  <c r="S113" i="10"/>
  <c r="S1026" i="10"/>
  <c r="S210" i="10"/>
  <c r="S1306" i="10"/>
  <c r="S2433" i="10"/>
  <c r="T841" i="10"/>
  <c r="S841" i="10"/>
  <c r="S2090" i="10"/>
  <c r="S242" i="10"/>
  <c r="S1241" i="10"/>
  <c r="T2490" i="10"/>
  <c r="S2490" i="10"/>
  <c r="S1170" i="10"/>
  <c r="S948" i="10"/>
  <c r="T120" i="10"/>
  <c r="S120" i="10"/>
  <c r="S2331" i="10"/>
  <c r="T2751" i="10"/>
  <c r="S2751" i="10"/>
  <c r="S228" i="10"/>
  <c r="S1303" i="10"/>
  <c r="S1616" i="10"/>
  <c r="S628" i="10"/>
  <c r="T1083" i="10"/>
  <c r="S1083" i="10"/>
  <c r="S1251" i="10"/>
  <c r="S2324" i="10"/>
  <c r="S1155" i="10"/>
  <c r="S156" i="10"/>
  <c r="T1205" i="10"/>
  <c r="S1205" i="10"/>
  <c r="S1472" i="10"/>
  <c r="S2439" i="10"/>
  <c r="S568" i="10"/>
  <c r="S1999" i="10"/>
  <c r="S732" i="10"/>
  <c r="T339" i="10"/>
  <c r="S339" i="10"/>
  <c r="S1640" i="10"/>
  <c r="S1656" i="10"/>
  <c r="S844" i="10"/>
  <c r="S786" i="10"/>
  <c r="S2803" i="10"/>
  <c r="S474" i="10"/>
  <c r="T2538" i="10"/>
  <c r="S2538" i="10"/>
  <c r="S770" i="10"/>
  <c r="S2234" i="10"/>
  <c r="S2359" i="10"/>
  <c r="S1514" i="10"/>
  <c r="S2137" i="10"/>
  <c r="S2698" i="10"/>
  <c r="S1978" i="10"/>
  <c r="S2360" i="10"/>
  <c r="T117" i="10"/>
  <c r="S117" i="10"/>
  <c r="S424" i="10"/>
  <c r="S993" i="10"/>
  <c r="S2548" i="10"/>
  <c r="S241" i="10"/>
  <c r="S1995" i="10"/>
  <c r="S2103" i="10"/>
  <c r="S202" i="10"/>
  <c r="S1810" i="10"/>
  <c r="T2683" i="10"/>
  <c r="S2683" i="10"/>
  <c r="S1698" i="10"/>
  <c r="S106" i="10"/>
  <c r="S1105" i="10"/>
  <c r="S2354" i="10"/>
  <c r="S506" i="10"/>
  <c r="S2041" i="10"/>
  <c r="S465" i="10"/>
  <c r="S1185" i="10"/>
  <c r="S1449" i="10"/>
  <c r="S377" i="10"/>
  <c r="S2425" i="10"/>
  <c r="S119" i="10"/>
  <c r="S1154" i="10"/>
  <c r="S2314" i="10"/>
  <c r="S922" i="10"/>
  <c r="S2049" i="10"/>
  <c r="S969" i="10"/>
  <c r="S2218" i="10"/>
  <c r="S370" i="10"/>
  <c r="S1369" i="10"/>
  <c r="S2618" i="10"/>
  <c r="S2634" i="10"/>
  <c r="S1714" i="10"/>
  <c r="K43" i="22" s="1"/>
  <c r="F43" i="22"/>
  <c r="E43" i="22"/>
  <c r="S2763" i="10"/>
  <c r="S489" i="10"/>
  <c r="S1777" i="10"/>
  <c r="S2553" i="10"/>
  <c r="S183" i="10"/>
  <c r="S1218" i="10"/>
  <c r="S2378" i="10"/>
  <c r="S1498" i="10"/>
  <c r="S2625" i="10"/>
  <c r="S1033" i="10"/>
  <c r="S2282" i="10"/>
  <c r="S434" i="10"/>
  <c r="S1433" i="10"/>
  <c r="S2682" i="10"/>
  <c r="S1610" i="10"/>
  <c r="S153" i="10"/>
  <c r="S1505" i="10"/>
  <c r="T2089" i="10"/>
  <c r="S2089" i="10"/>
  <c r="S633" i="10"/>
  <c r="T331" i="10"/>
  <c r="S331" i="10"/>
  <c r="S759" i="10"/>
  <c r="S1794" i="10"/>
  <c r="S2796" i="10"/>
  <c r="S2074" i="10"/>
  <c r="S354" i="10"/>
  <c r="T1609" i="10"/>
  <c r="S1609" i="10"/>
  <c r="S2827" i="10"/>
  <c r="S1010" i="10"/>
  <c r="S2009" i="10"/>
  <c r="S1986" i="10"/>
  <c r="S378" i="10"/>
  <c r="S1589" i="10"/>
  <c r="S2337" i="10"/>
  <c r="S433" i="10"/>
  <c r="S697" i="10"/>
  <c r="S1265" i="10"/>
  <c r="S834" i="10"/>
  <c r="S1994" i="10"/>
  <c r="S90" i="10"/>
  <c r="S1217" i="10"/>
  <c r="S2466" i="10"/>
  <c r="S1386" i="10"/>
  <c r="S2385" i="10"/>
  <c r="S1049" i="10"/>
  <c r="S2810" i="10"/>
  <c r="S651" i="10"/>
  <c r="S665" i="10"/>
  <c r="S1781" i="10"/>
  <c r="S169" i="10"/>
  <c r="S369" i="10"/>
  <c r="S523" i="10"/>
  <c r="S1399" i="10"/>
  <c r="S2596" i="10"/>
  <c r="S1106" i="10"/>
  <c r="S2202" i="10"/>
  <c r="S482" i="10"/>
  <c r="S1737" i="10"/>
  <c r="S401" i="10"/>
  <c r="S1650" i="10"/>
  <c r="S314" i="10"/>
  <c r="S1803" i="10"/>
  <c r="S2513" i="10"/>
  <c r="S929" i="10"/>
  <c r="S1201" i="10"/>
  <c r="S1145" i="10"/>
  <c r="S1820" i="10"/>
  <c r="S1538" i="10"/>
  <c r="S722" i="10"/>
  <c r="S1818" i="10"/>
  <c r="S98" i="10"/>
  <c r="S1353" i="10"/>
  <c r="S2602" i="10"/>
  <c r="S754" i="10"/>
  <c r="S1753" i="10"/>
  <c r="S2268" i="10"/>
  <c r="S1242" i="10"/>
  <c r="S517" i="10"/>
  <c r="T696" i="10"/>
  <c r="S696" i="10"/>
  <c r="S93" i="10"/>
  <c r="S1888" i="10"/>
  <c r="S347" i="10"/>
  <c r="T1815" i="10"/>
  <c r="S1815" i="10"/>
  <c r="S1508" i="10"/>
  <c r="T475" i="10"/>
  <c r="S475" i="10"/>
  <c r="S692" i="10"/>
  <c r="S2659" i="10"/>
  <c r="S539" i="10"/>
  <c r="S326" i="10"/>
  <c r="S1115" i="10"/>
  <c r="S2676" i="10"/>
  <c r="S788" i="10"/>
  <c r="T2208" i="10"/>
  <c r="S2208" i="10"/>
  <c r="T1080" i="10"/>
  <c r="S1080" i="10"/>
  <c r="S559" i="10"/>
  <c r="T1148" i="10"/>
  <c r="S1148" i="10"/>
  <c r="T981" i="10"/>
  <c r="S981" i="10"/>
  <c r="S2611" i="10"/>
  <c r="S383" i="10"/>
  <c r="S2233" i="10"/>
  <c r="S1330" i="10"/>
  <c r="S2660" i="10"/>
  <c r="S2193" i="10"/>
  <c r="S441" i="10"/>
  <c r="S409" i="10"/>
  <c r="S49" i="10"/>
  <c r="S1834" i="10"/>
  <c r="S970" i="10"/>
  <c r="S1442" i="10"/>
  <c r="S1569" i="10"/>
  <c r="S713" i="10"/>
  <c r="S1921" i="10"/>
  <c r="S1987" i="10"/>
  <c r="S2608" i="10"/>
  <c r="S2773" i="10"/>
  <c r="S1889" i="10"/>
  <c r="T1393" i="10"/>
  <c r="S1393" i="10"/>
  <c r="S2097" i="10"/>
  <c r="S2507" i="10"/>
  <c r="S2615" i="10"/>
  <c r="T714" i="10"/>
  <c r="S714" i="10"/>
  <c r="S2322" i="10"/>
  <c r="S449" i="10"/>
  <c r="T2210" i="10"/>
  <c r="S2210" i="10"/>
  <c r="S618" i="10"/>
  <c r="S1617" i="10"/>
  <c r="S2835" i="10"/>
  <c r="S1018" i="10"/>
  <c r="S2379" i="10"/>
  <c r="S1202" i="10"/>
  <c r="S2401" i="10"/>
  <c r="S1961" i="10"/>
  <c r="S1337" i="10"/>
  <c r="S203" i="10"/>
  <c r="S631" i="10"/>
  <c r="S1666" i="10"/>
  <c r="T2826" i="10"/>
  <c r="S2826" i="10"/>
  <c r="S1434" i="10"/>
  <c r="T2561" i="10"/>
  <c r="S2561" i="10"/>
  <c r="S1481" i="10"/>
  <c r="T2730" i="10"/>
  <c r="S2730" i="10"/>
  <c r="S882" i="10"/>
  <c r="S1881" i="10"/>
  <c r="S218" i="10"/>
  <c r="S2201" i="10"/>
  <c r="S1313" i="10"/>
  <c r="S1001" i="10"/>
  <c r="S505" i="10"/>
  <c r="S267" i="10"/>
  <c r="T695" i="10"/>
  <c r="S695" i="10"/>
  <c r="T1730" i="10"/>
  <c r="S1730" i="10"/>
  <c r="T402" i="10"/>
  <c r="S402" i="10"/>
  <c r="S2010" i="10"/>
  <c r="S290" i="10"/>
  <c r="T1545" i="10"/>
  <c r="S1545" i="10"/>
  <c r="S2794" i="10"/>
  <c r="S946" i="10"/>
  <c r="T1945" i="10"/>
  <c r="S1945" i="10"/>
  <c r="S1682" i="10"/>
  <c r="S890" i="10"/>
  <c r="S2785" i="10"/>
  <c r="S2601" i="10"/>
  <c r="S1593" i="10"/>
  <c r="S1035" i="10"/>
  <c r="S1271" i="10"/>
  <c r="S2306" i="10"/>
  <c r="S466" i="10"/>
  <c r="S2586" i="10"/>
  <c r="S866" i="10"/>
  <c r="S2121" i="10"/>
  <c r="S273" i="10"/>
  <c r="S1522" i="10"/>
  <c r="S2521" i="10"/>
  <c r="S2122" i="10"/>
  <c r="S2485" i="10"/>
  <c r="S105" i="10"/>
  <c r="S2289" i="10"/>
  <c r="S1785" i="10"/>
  <c r="S860" i="10"/>
  <c r="S1346" i="10"/>
  <c r="S2506" i="10"/>
  <c r="S602" i="10"/>
  <c r="S1729" i="10"/>
  <c r="S137" i="10"/>
  <c r="S1898" i="10"/>
  <c r="S50" i="10"/>
  <c r="S1561" i="10"/>
  <c r="S1692" i="10"/>
  <c r="S2779" i="10"/>
  <c r="S2613" i="10"/>
  <c r="S681" i="10"/>
  <c r="S2417" i="10"/>
  <c r="S1227" i="10"/>
  <c r="T1911" i="10"/>
  <c r="S1911" i="10"/>
  <c r="S522" i="10"/>
  <c r="S1618" i="10"/>
  <c r="S2714" i="10"/>
  <c r="S994" i="10"/>
  <c r="S2249" i="10"/>
  <c r="S913" i="10"/>
  <c r="S2674" i="10"/>
  <c r="S826" i="10"/>
  <c r="S1975" i="10"/>
  <c r="S1177" i="10"/>
  <c r="S1825" i="10"/>
  <c r="S2572" i="10"/>
  <c r="S2169" i="10"/>
  <c r="S503" i="10"/>
  <c r="S2050" i="10"/>
  <c r="S1234" i="10"/>
  <c r="S2330" i="10"/>
  <c r="S610" i="10"/>
  <c r="S1865" i="10"/>
  <c r="S17" i="10"/>
  <c r="S1266" i="10"/>
  <c r="S2265" i="10"/>
  <c r="S1857" i="10"/>
  <c r="S2125" i="10"/>
  <c r="S2296" i="10"/>
  <c r="S605" i="10"/>
  <c r="S1678" i="10"/>
  <c r="S158" i="10"/>
  <c r="S28" i="10"/>
  <c r="S1222" i="10"/>
  <c r="S1499" i="10"/>
  <c r="S2844" i="10"/>
  <c r="S1381" i="10"/>
  <c r="S2587" i="10"/>
  <c r="S1926" i="10"/>
  <c r="S2036" i="10"/>
  <c r="S1215" i="10"/>
  <c r="S739" i="10"/>
  <c r="S390" i="10"/>
  <c r="S1592" i="10"/>
  <c r="S1584" i="10"/>
  <c r="S560" i="10"/>
  <c r="S624" i="10"/>
  <c r="T2389" i="10"/>
  <c r="S2389" i="10"/>
  <c r="S972" i="10"/>
  <c r="S2284" i="10"/>
  <c r="S168" i="10"/>
  <c r="T1897" i="10"/>
  <c r="S1897" i="10"/>
  <c r="T843" i="10"/>
  <c r="S843" i="10"/>
  <c r="S1882" i="10"/>
  <c r="S81" i="10"/>
  <c r="S2737" i="10"/>
  <c r="S425" i="10"/>
  <c r="S130" i="10"/>
  <c r="S2786" i="10"/>
  <c r="S345" i="10"/>
  <c r="S2828" i="10"/>
  <c r="S2145" i="10"/>
  <c r="S817" i="10"/>
  <c r="S1601" i="10"/>
  <c r="S2257" i="10"/>
  <c r="S1657" i="10"/>
  <c r="S538" i="10"/>
  <c r="S2833" i="10"/>
  <c r="S1291" i="10"/>
  <c r="S2665" i="10"/>
  <c r="S193" i="10"/>
  <c r="T25" i="10"/>
  <c r="S25" i="10"/>
  <c r="S375" i="10"/>
  <c r="S82" i="10"/>
  <c r="S626" i="10"/>
  <c r="S2082" i="10"/>
  <c r="S1833" i="10"/>
  <c r="S794" i="10"/>
  <c r="S1578" i="10"/>
  <c r="S1098" i="10"/>
  <c r="S2335" i="10"/>
  <c r="S916" i="10"/>
  <c r="S2071" i="10"/>
  <c r="T970" i="10"/>
  <c r="T1291" i="10"/>
  <c r="T2665" i="10"/>
  <c r="S2721" i="10"/>
  <c r="S2756" i="10"/>
  <c r="S185" i="10"/>
  <c r="S305" i="10"/>
  <c r="S66" i="10"/>
  <c r="S1226" i="10"/>
  <c r="S2834" i="10"/>
  <c r="S961" i="10"/>
  <c r="S2722" i="10"/>
  <c r="S1130" i="10"/>
  <c r="S2129" i="10"/>
  <c r="S281" i="10"/>
  <c r="S1530" i="10"/>
  <c r="T1909" i="10"/>
  <c r="S1909" i="10"/>
  <c r="S951" i="10"/>
  <c r="S1689" i="10"/>
  <c r="S1216" i="10"/>
  <c r="S2473" i="10"/>
  <c r="S2361" i="10"/>
  <c r="S907" i="10"/>
  <c r="S1143" i="10"/>
  <c r="S2178" i="10"/>
  <c r="S338" i="10"/>
  <c r="S1946" i="10"/>
  <c r="S226" i="10"/>
  <c r="S1993" i="10"/>
  <c r="S145" i="10"/>
  <c r="S1394" i="10"/>
  <c r="S2393" i="10"/>
  <c r="S745" i="10"/>
  <c r="S833" i="10"/>
  <c r="S1914" i="10"/>
  <c r="T2593" i="10"/>
  <c r="S2593" i="10"/>
  <c r="S1513" i="10"/>
  <c r="S1465" i="10"/>
  <c r="S971" i="10"/>
  <c r="S1207" i="10"/>
  <c r="S2242" i="10"/>
  <c r="S914" i="10"/>
  <c r="T2522" i="10"/>
  <c r="S2522" i="10"/>
  <c r="T802" i="10"/>
  <c r="S802" i="10"/>
  <c r="T2057" i="10"/>
  <c r="S2057" i="10"/>
  <c r="S209" i="10"/>
  <c r="S1458" i="10"/>
  <c r="T2457" i="10"/>
  <c r="S2457" i="10"/>
  <c r="S1754" i="10"/>
  <c r="S481" i="10"/>
  <c r="S380" i="10"/>
  <c r="S2617" i="10"/>
  <c r="S1611" i="10"/>
  <c r="S1783" i="10"/>
  <c r="S2818" i="10"/>
  <c r="S978" i="10"/>
  <c r="S129" i="10"/>
  <c r="S1378" i="10"/>
  <c r="S2633" i="10"/>
  <c r="S785" i="10"/>
  <c r="S2034" i="10"/>
  <c r="S186" i="10"/>
  <c r="S2706" i="10"/>
  <c r="S353" i="10"/>
  <c r="S617" i="10"/>
  <c r="S2161" i="10"/>
  <c r="T2745" i="10"/>
  <c r="S2745" i="10"/>
  <c r="S311" i="10"/>
  <c r="S1858" i="10"/>
  <c r="S18" i="10"/>
  <c r="S1114" i="10"/>
  <c r="S2241" i="10"/>
  <c r="S649" i="10"/>
  <c r="S2410" i="10"/>
  <c r="S1074" i="10"/>
  <c r="S2073" i="10"/>
  <c r="S586" i="10"/>
  <c r="S545" i="10"/>
  <c r="S1193" i="10"/>
  <c r="S889" i="10"/>
  <c r="S1739" i="10"/>
  <c r="S2423" i="10"/>
  <c r="S1034" i="10"/>
  <c r="S2130" i="10"/>
  <c r="S257" i="10"/>
  <c r="S1506" i="10"/>
  <c r="S2761" i="10"/>
  <c r="S1425" i="10"/>
  <c r="S89" i="10"/>
  <c r="S1338" i="10"/>
  <c r="S2498" i="10"/>
  <c r="T1402" i="10"/>
  <c r="S1402" i="10"/>
  <c r="S2657" i="10"/>
  <c r="S1073" i="10"/>
  <c r="S2731" i="10"/>
  <c r="S1015" i="10"/>
  <c r="E27" i="22"/>
  <c r="S138" i="10"/>
  <c r="K27" i="22" s="1"/>
  <c r="AK27" i="22" s="1" a="1"/>
  <c r="AK27" i="22" s="1"/>
  <c r="F27" i="22"/>
  <c r="P27" i="22" s="1"/>
  <c r="Q27" i="22" s="1"/>
  <c r="R27" i="22" s="1"/>
  <c r="S1746" i="10"/>
  <c r="S2842" i="10"/>
  <c r="T1122" i="10"/>
  <c r="S1122" i="10"/>
  <c r="S2377" i="10"/>
  <c r="S529" i="10"/>
  <c r="S1778" i="10"/>
  <c r="S2777" i="10"/>
  <c r="S2529" i="10"/>
  <c r="S2594" i="10"/>
  <c r="S1223" i="10"/>
  <c r="S1807" i="10"/>
  <c r="T2808" i="10"/>
  <c r="S2808" i="10"/>
  <c r="T2310" i="10"/>
  <c r="S2310" i="10"/>
  <c r="S175" i="10"/>
  <c r="S960" i="10"/>
  <c r="S923" i="10"/>
  <c r="S2124" i="10"/>
  <c r="S2011" i="10"/>
  <c r="S444" i="10"/>
  <c r="S1870" i="10"/>
  <c r="S1700" i="10"/>
  <c r="S1548" i="10"/>
  <c r="S1438" i="10"/>
  <c r="S479" i="10"/>
  <c r="S2595" i="10"/>
  <c r="S1414" i="10"/>
  <c r="S596" i="10"/>
  <c r="T2392" i="10"/>
  <c r="S2392" i="10"/>
  <c r="S1328" i="10"/>
  <c r="T214" i="10"/>
  <c r="S214" i="10"/>
  <c r="S2220" i="10"/>
  <c r="T1157" i="10"/>
  <c r="S1157" i="10"/>
  <c r="BI94" i="22"/>
  <c r="AD94" i="14" s="1"/>
  <c r="AR94" i="14" s="1"/>
  <c r="BH94" i="22"/>
  <c r="AC94" i="14" s="1"/>
  <c r="AQ94" i="14" s="1"/>
  <c r="BA94" i="22"/>
  <c r="V94" i="14" s="1"/>
  <c r="AJ94" i="14" s="1"/>
  <c r="BL94" i="22"/>
  <c r="AG94" i="14" s="1"/>
  <c r="AU94" i="14" s="1"/>
  <c r="BC94" i="22"/>
  <c r="X94" i="14" s="1"/>
  <c r="AL94" i="14" s="1"/>
  <c r="BJ94" i="22"/>
  <c r="AE94" i="14" s="1"/>
  <c r="AS94" i="14" s="1"/>
  <c r="BF94" i="22"/>
  <c r="AA94" i="14" s="1"/>
  <c r="AO94" i="14" s="1"/>
  <c r="BD94" i="22"/>
  <c r="Y94" i="14" s="1"/>
  <c r="AM94" i="14" s="1"/>
  <c r="BK94" i="22"/>
  <c r="AF94" i="14" s="1"/>
  <c r="AT94" i="14" s="1"/>
  <c r="BE94" i="22"/>
  <c r="Z94" i="14" s="1"/>
  <c r="AN94" i="14" s="1"/>
  <c r="BG94" i="22"/>
  <c r="AB94" i="14" s="1"/>
  <c r="AP94" i="14" s="1"/>
  <c r="BB94" i="22"/>
  <c r="W94" i="14" s="1"/>
  <c r="AK94" i="14" s="1"/>
  <c r="S2114" i="10"/>
  <c r="S561" i="10"/>
  <c r="S1594" i="10"/>
  <c r="S1354" i="10"/>
  <c r="S439" i="10"/>
  <c r="S1930" i="10"/>
  <c r="S1489" i="10"/>
  <c r="S2251" i="10"/>
  <c r="S1361" i="10"/>
  <c r="S825" i="10"/>
  <c r="S2474" i="10"/>
  <c r="S2443" i="10"/>
  <c r="S2577" i="10"/>
  <c r="S2199" i="10"/>
  <c r="S1879" i="10"/>
  <c r="S718" i="10"/>
  <c r="T1103" i="10"/>
  <c r="S1103" i="10"/>
  <c r="T1137" i="10"/>
  <c r="S2101" i="10"/>
  <c r="S361" i="10"/>
  <c r="S1329" i="10"/>
  <c r="S1273" i="10"/>
  <c r="S2747" i="10"/>
  <c r="S578" i="10"/>
  <c r="S1738" i="10"/>
  <c r="S346" i="10"/>
  <c r="S1473" i="10"/>
  <c r="S393" i="10"/>
  <c r="S1642" i="10"/>
  <c r="S2641" i="10"/>
  <c r="S793" i="10"/>
  <c r="S2042" i="10"/>
  <c r="S832" i="10"/>
  <c r="S658" i="10"/>
  <c r="S2426" i="10"/>
  <c r="T424" i="10"/>
  <c r="S289" i="10"/>
  <c r="S2732" i="10"/>
  <c r="S2060" i="10"/>
  <c r="S1483" i="10"/>
  <c r="S1655" i="10"/>
  <c r="S2690" i="10"/>
  <c r="S850" i="10"/>
  <c r="S2458" i="10"/>
  <c r="S738" i="10"/>
  <c r="S2505" i="10"/>
  <c r="S657" i="10"/>
  <c r="S1906" i="10"/>
  <c r="S58" i="10"/>
  <c r="S881" i="10"/>
  <c r="S34" i="10"/>
  <c r="S1856" i="10"/>
  <c r="S2025" i="10"/>
  <c r="T2489" i="10"/>
  <c r="S2489" i="10"/>
  <c r="S1547" i="10"/>
  <c r="T1719" i="10"/>
  <c r="S1719" i="10"/>
  <c r="S2754" i="10"/>
  <c r="T1426" i="10"/>
  <c r="S1426" i="10"/>
  <c r="S65" i="10"/>
  <c r="S1314" i="10"/>
  <c r="S2569" i="10"/>
  <c r="S721" i="10"/>
  <c r="S1970" i="10"/>
  <c r="T122" i="10"/>
  <c r="S122" i="10"/>
  <c r="S2741" i="10"/>
  <c r="S2369" i="10"/>
  <c r="S1377" i="10"/>
  <c r="S177" i="10"/>
  <c r="S945" i="10"/>
  <c r="S2187" i="10"/>
  <c r="S2295" i="10"/>
  <c r="S394" i="10"/>
  <c r="S1490" i="10"/>
  <c r="S641" i="10"/>
  <c r="S1890" i="10"/>
  <c r="S298" i="10"/>
  <c r="S1297" i="10"/>
  <c r="S2546" i="10"/>
  <c r="S698" i="10"/>
  <c r="S2778" i="10"/>
  <c r="S1633" i="10"/>
  <c r="S1129" i="10"/>
  <c r="S761" i="10"/>
  <c r="S395" i="10"/>
  <c r="S823" i="10"/>
  <c r="S2370" i="10"/>
  <c r="S530" i="10"/>
  <c r="S1626" i="10"/>
  <c r="S2753" i="10"/>
  <c r="S1161" i="10"/>
  <c r="S2444" i="10"/>
  <c r="S1586" i="10"/>
  <c r="S2585" i="10"/>
  <c r="S737" i="10"/>
  <c r="S2194" i="10"/>
  <c r="S1761" i="10"/>
  <c r="S1705" i="10"/>
  <c r="S1849" i="10"/>
  <c r="S2315" i="10"/>
  <c r="T386" i="10"/>
  <c r="S386" i="10"/>
  <c r="S1546" i="10"/>
  <c r="S2642" i="10"/>
  <c r="S769" i="10"/>
  <c r="S2018" i="10"/>
  <c r="S426" i="10"/>
  <c r="S1937" i="10"/>
  <c r="S601" i="10"/>
  <c r="S1850" i="10"/>
  <c r="S146" i="10"/>
  <c r="S2037" i="10"/>
  <c r="S297" i="10"/>
  <c r="S121" i="10"/>
  <c r="S779" i="10"/>
  <c r="S1527" i="10"/>
  <c r="S650" i="10"/>
  <c r="S2258" i="10"/>
  <c r="S385" i="10"/>
  <c r="S1634" i="10"/>
  <c r="S42" i="10"/>
  <c r="T1041" i="10"/>
  <c r="S1041" i="10"/>
  <c r="T2290" i="10"/>
  <c r="S2290" i="10"/>
  <c r="S442" i="10"/>
  <c r="S57" i="10"/>
  <c r="T490" i="10"/>
  <c r="S490" i="10"/>
  <c r="T943" i="10"/>
  <c r="S943" i="10"/>
  <c r="S828" i="10"/>
  <c r="S283" i="10"/>
  <c r="S123" i="10"/>
  <c r="T1295" i="10"/>
  <c r="S1295" i="10"/>
  <c r="S1387" i="10"/>
  <c r="S1435" i="10"/>
  <c r="S1979" i="10"/>
  <c r="S286" i="10"/>
  <c r="S774" i="10"/>
  <c r="S407" i="10"/>
  <c r="S595" i="10"/>
  <c r="S53" i="10"/>
  <c r="S2710" i="10"/>
  <c r="S1119" i="10"/>
  <c r="S1829" i="10"/>
  <c r="S1358" i="10"/>
  <c r="S2348" i="10"/>
  <c r="S2063" i="10"/>
  <c r="S2288" i="10"/>
  <c r="T790" i="10"/>
  <c r="S790" i="10"/>
  <c r="S661" i="10"/>
  <c r="T1107" i="10"/>
  <c r="S1107" i="10"/>
  <c r="S2829" i="10"/>
  <c r="R95" i="22"/>
  <c r="X95" i="22" s="1"/>
  <c r="Y95" i="22" s="1"/>
  <c r="Z95" i="22" s="1"/>
  <c r="G95" i="14" s="1"/>
  <c r="S1152" i="10"/>
  <c r="S1929" i="10"/>
  <c r="S2684" i="10"/>
  <c r="S1025" i="10"/>
  <c r="S35" i="10"/>
  <c r="S2500" i="10"/>
  <c r="S2357" i="10"/>
  <c r="S2177" i="10"/>
  <c r="S609" i="10"/>
  <c r="S2066" i="10"/>
  <c r="S2305" i="10"/>
  <c r="S1164" i="10"/>
  <c r="S729" i="10"/>
  <c r="T1819" i="10"/>
  <c r="S1819" i="10"/>
  <c r="S2704" i="10"/>
  <c r="S464" i="10"/>
  <c r="S1683" i="10"/>
  <c r="T1786" i="10"/>
  <c r="T193" i="10"/>
  <c r="T2251" i="10"/>
  <c r="T2066" i="10"/>
  <c r="S1057" i="10"/>
  <c r="S873" i="10"/>
  <c r="S249" i="10"/>
  <c r="K28" i="22" s="1"/>
  <c r="F28" i="22"/>
  <c r="P28" i="22" s="1"/>
  <c r="Q28" i="22" s="1"/>
  <c r="R28" i="22" s="1"/>
  <c r="E28" i="22"/>
  <c r="M28" i="22" s="1"/>
  <c r="S2297" i="10"/>
  <c r="S1948" i="10"/>
  <c r="S1090" i="10"/>
  <c r="S2250" i="10"/>
  <c r="S858" i="10"/>
  <c r="S1985" i="10"/>
  <c r="T905" i="10"/>
  <c r="S905" i="10"/>
  <c r="S2154" i="10"/>
  <c r="S306" i="10"/>
  <c r="S1305" i="10"/>
  <c r="S2554" i="10"/>
  <c r="S801" i="10"/>
  <c r="S2266" i="10"/>
  <c r="S1121" i="10"/>
  <c r="S1649" i="10"/>
  <c r="S497" i="10"/>
  <c r="S2059" i="10"/>
  <c r="S2167" i="10"/>
  <c r="S266" i="10"/>
  <c r="S1874" i="10"/>
  <c r="S2811" i="10"/>
  <c r="S1250" i="10"/>
  <c r="T170" i="10"/>
  <c r="S170" i="10"/>
  <c r="S1169" i="10"/>
  <c r="S2418" i="10"/>
  <c r="S570" i="10"/>
  <c r="S1977" i="10"/>
  <c r="S777" i="10"/>
  <c r="S417" i="10"/>
  <c r="S2537" i="10"/>
  <c r="S753" i="10"/>
  <c r="S2123" i="10"/>
  <c r="S2231" i="10"/>
  <c r="S330" i="10"/>
  <c r="S1938" i="10"/>
  <c r="S577" i="10"/>
  <c r="S1826" i="10"/>
  <c r="S234" i="10"/>
  <c r="S1233" i="10"/>
  <c r="S2482" i="10"/>
  <c r="S634" i="10"/>
  <c r="K32" i="22" s="1"/>
  <c r="F32" i="22"/>
  <c r="E32" i="22"/>
  <c r="M32" i="22" s="1"/>
  <c r="S1769" i="10"/>
  <c r="S265" i="10"/>
  <c r="T2273" i="10"/>
  <c r="S2273" i="10"/>
  <c r="S2033" i="10"/>
  <c r="S2673" i="10"/>
  <c r="S1172" i="10"/>
  <c r="S2807" i="10"/>
  <c r="T906" i="10"/>
  <c r="S906" i="10"/>
  <c r="S2002" i="10"/>
  <c r="S1153" i="10"/>
  <c r="T2402" i="10"/>
  <c r="S2402" i="10"/>
  <c r="S810" i="10"/>
  <c r="S1809" i="10"/>
  <c r="S2772" i="10"/>
  <c r="S1210" i="10"/>
  <c r="S1953" i="10"/>
  <c r="S1570" i="10"/>
  <c r="S2532" i="10"/>
  <c r="S1641" i="10"/>
  <c r="S1721" i="10"/>
  <c r="S1099" i="10"/>
  <c r="S1335" i="10"/>
  <c r="S2787" i="10"/>
  <c r="S1042" i="10"/>
  <c r="S2138" i="10"/>
  <c r="S418" i="10"/>
  <c r="S1673" i="10"/>
  <c r="S337" i="10"/>
  <c r="S2098" i="10"/>
  <c r="K47" i="22" s="1"/>
  <c r="AD47" i="22" s="1" a="1"/>
  <c r="AD47" i="22" s="1"/>
  <c r="F47" i="22"/>
  <c r="P47" i="22" s="1"/>
  <c r="Q47" i="22" s="1"/>
  <c r="E47" i="22"/>
  <c r="S250" i="10"/>
  <c r="S1697" i="10"/>
  <c r="S321" i="10"/>
  <c r="S33" i="10"/>
  <c r="S2217" i="10"/>
  <c r="S780" i="10"/>
  <c r="S1585" i="10"/>
  <c r="S898" i="10"/>
  <c r="S2058" i="10"/>
  <c r="S154" i="10"/>
  <c r="S1281" i="10"/>
  <c r="S2530" i="10"/>
  <c r="S938" i="10"/>
  <c r="S2449" i="10"/>
  <c r="S1113" i="10"/>
  <c r="S2715" i="10"/>
  <c r="S730" i="10"/>
  <c r="S865" i="10"/>
  <c r="S809" i="10"/>
  <c r="S1081" i="10"/>
  <c r="S1355" i="10"/>
  <c r="S2039" i="10"/>
  <c r="S1674" i="10"/>
  <c r="S2770" i="10"/>
  <c r="S897" i="10"/>
  <c r="S2146" i="10"/>
  <c r="S554" i="10"/>
  <c r="S1553" i="10"/>
  <c r="S2802" i="10"/>
  <c r="S954" i="10"/>
  <c r="S2225" i="10"/>
  <c r="S977" i="10"/>
  <c r="T1672" i="10"/>
  <c r="S1672" i="10"/>
  <c r="S151" i="10"/>
  <c r="S795" i="10"/>
  <c r="T756" i="10"/>
  <c r="S756" i="10"/>
  <c r="S2815" i="10"/>
  <c r="T1158" i="10"/>
  <c r="S1158" i="10"/>
  <c r="T1149" i="10"/>
  <c r="S1149" i="10"/>
  <c r="S1956" i="10"/>
  <c r="S2456" i="10"/>
  <c r="S1286" i="10"/>
  <c r="S919" i="10"/>
  <c r="T277" i="10"/>
  <c r="S277" i="10"/>
  <c r="T1237" i="10"/>
  <c r="S1237" i="10"/>
  <c r="S835" i="10"/>
  <c r="S1631" i="10"/>
  <c r="T1843" i="10"/>
  <c r="S1843" i="10"/>
  <c r="T1998" i="10"/>
  <c r="S1998" i="10"/>
  <c r="S1652" i="10"/>
  <c r="S2431" i="10"/>
  <c r="S2784" i="10"/>
  <c r="S1415" i="10"/>
  <c r="S2068" i="10"/>
  <c r="T1302" i="10"/>
  <c r="S1302" i="10"/>
  <c r="S2061" i="10"/>
  <c r="AB95" i="22" a="1"/>
  <c r="AB95" i="22" s="1"/>
  <c r="AO95" i="22" s="1"/>
  <c r="J95" i="14" s="1"/>
  <c r="AF95" i="22" a="1"/>
  <c r="AF95" i="22" s="1"/>
  <c r="AS95" i="22" s="1"/>
  <c r="N95" i="14" s="1"/>
  <c r="AH95" i="22" a="1"/>
  <c r="AH95" i="22" s="1"/>
  <c r="AU95" i="22" s="1"/>
  <c r="P95" i="14" s="1"/>
  <c r="AA95" i="22" a="1"/>
  <c r="AA95" i="22" s="1"/>
  <c r="AN95" i="22" s="1"/>
  <c r="I95" i="14" s="1"/>
  <c r="AC95" i="22" a="1"/>
  <c r="AC95" i="22" s="1"/>
  <c r="AP95" i="22" s="1"/>
  <c r="K95" i="14" s="1"/>
  <c r="AD95" i="22" a="1"/>
  <c r="AD95" i="22" s="1"/>
  <c r="AQ95" i="22" s="1"/>
  <c r="L95" i="14" s="1"/>
  <c r="AI95" i="22" a="1"/>
  <c r="AI95" i="22" s="1"/>
  <c r="AV95" i="22" s="1"/>
  <c r="Q95" i="14" s="1"/>
  <c r="AE95" i="22" a="1"/>
  <c r="AE95" i="22" s="1"/>
  <c r="AR95" i="22" s="1"/>
  <c r="M95" i="14" s="1"/>
  <c r="AK95" i="22" a="1"/>
  <c r="AK95" i="22" s="1"/>
  <c r="AX95" i="22" s="1"/>
  <c r="S95" i="14" s="1"/>
  <c r="AG95" i="22" a="1"/>
  <c r="AG95" i="22" s="1"/>
  <c r="AT95" i="22" s="1"/>
  <c r="O95" i="14" s="1"/>
  <c r="AJ95" i="22" a="1"/>
  <c r="AJ95" i="22" s="1"/>
  <c r="AW95" i="22" s="1"/>
  <c r="R95" i="14" s="1"/>
  <c r="C97" i="22"/>
  <c r="I96" i="22"/>
  <c r="H96" i="6" s="1"/>
  <c r="H96" i="7" s="1"/>
  <c r="F96" i="22"/>
  <c r="G96" i="22"/>
  <c r="F96" i="6" s="1"/>
  <c r="F96" i="7" s="1"/>
  <c r="J96" i="22"/>
  <c r="K96" i="22"/>
  <c r="H96" i="22"/>
  <c r="G96" i="6" s="1"/>
  <c r="G96" i="7" s="1"/>
  <c r="D96" i="22"/>
  <c r="E96" i="22"/>
  <c r="L96" i="22"/>
  <c r="AY96" i="22" s="1"/>
  <c r="T96" i="14" s="1"/>
  <c r="B96" i="22"/>
  <c r="B96" i="6" s="1"/>
  <c r="B96" i="7" s="1"/>
  <c r="T2784" i="10"/>
  <c r="T972" i="10"/>
  <c r="T624" i="10"/>
  <c r="T1807" i="10"/>
  <c r="T546" i="10"/>
  <c r="T2595" i="10"/>
  <c r="T479" i="10"/>
  <c r="T1438" i="10"/>
  <c r="T2454" i="10"/>
  <c r="T1683" i="10"/>
  <c r="T156" i="10"/>
  <c r="T2293" i="10"/>
  <c r="T1092" i="10"/>
  <c r="T242" i="10"/>
  <c r="T795" i="10"/>
  <c r="T2331" i="10"/>
  <c r="T986" i="10"/>
  <c r="T2769" i="10"/>
  <c r="T1241" i="10"/>
  <c r="T1770" i="10"/>
  <c r="T1155" i="10"/>
  <c r="T2609" i="10"/>
  <c r="T2097" i="10"/>
  <c r="T449" i="10"/>
  <c r="T1207" i="10"/>
  <c r="T2242" i="10"/>
  <c r="T2735" i="10"/>
  <c r="T1135" i="10"/>
  <c r="T209" i="10"/>
  <c r="T1513" i="10"/>
  <c r="T1465" i="10"/>
  <c r="T971" i="10"/>
  <c r="T914" i="10"/>
  <c r="T2821" i="10"/>
  <c r="T1458" i="10"/>
  <c r="T1584" i="10"/>
  <c r="T658" i="10"/>
  <c r="T2146" i="10"/>
  <c r="T2218" i="10"/>
  <c r="T2426" i="10"/>
  <c r="T554" i="10"/>
  <c r="T832" i="10"/>
  <c r="T1369" i="10"/>
  <c r="T151" i="10"/>
  <c r="T370" i="10"/>
  <c r="T897" i="10"/>
  <c r="T2456" i="10"/>
  <c r="T2618" i="10"/>
  <c r="T1286" i="10"/>
  <c r="T2673" i="10"/>
  <c r="T2772" i="10"/>
  <c r="T353" i="10"/>
  <c r="T1105" i="10"/>
  <c r="T1172" i="10"/>
  <c r="T1858" i="10"/>
  <c r="T2719" i="10"/>
  <c r="T2033" i="10"/>
  <c r="T1153" i="10"/>
  <c r="T2073" i="10"/>
  <c r="T1682" i="10"/>
  <c r="T106" i="10"/>
  <c r="T311" i="10"/>
  <c r="T2807" i="10"/>
  <c r="T617" i="10"/>
  <c r="T810" i="10"/>
  <c r="T274" i="10"/>
  <c r="T354" i="10"/>
  <c r="T1602" i="10"/>
  <c r="T1817" i="10"/>
  <c r="T2497" i="10"/>
  <c r="T2009" i="10"/>
  <c r="T1385" i="10"/>
  <c r="T1209" i="10"/>
  <c r="T139" i="10"/>
  <c r="T567" i="10"/>
  <c r="T1690" i="10"/>
  <c r="T2649" i="10"/>
  <c r="T2281" i="10"/>
  <c r="T2074" i="10"/>
  <c r="T1010" i="10"/>
  <c r="T818" i="10"/>
  <c r="T2827" i="10"/>
  <c r="T1434" i="10"/>
  <c r="T2209" i="10"/>
  <c r="T759" i="10"/>
  <c r="T2796" i="10"/>
  <c r="T2666" i="10"/>
  <c r="T605" i="10"/>
  <c r="T158" i="10"/>
  <c r="T2844" i="10"/>
  <c r="T908" i="10"/>
  <c r="T1529" i="10"/>
  <c r="T1381" i="10"/>
  <c r="T41" i="10"/>
  <c r="T1170" i="10"/>
  <c r="T706" i="10"/>
  <c r="T2125" i="10"/>
  <c r="T921" i="10"/>
  <c r="T521" i="10"/>
  <c r="T2113" i="10"/>
  <c r="T2587" i="10"/>
  <c r="P30" i="22"/>
  <c r="Q30" i="22" s="1"/>
  <c r="T2296" i="10"/>
  <c r="T2835" i="10"/>
  <c r="T2284" i="10"/>
  <c r="T2507" i="10"/>
  <c r="T2521" i="10"/>
  <c r="T1018" i="10"/>
  <c r="T466" i="10"/>
  <c r="T168" i="10"/>
  <c r="T2615" i="10"/>
  <c r="T1617" i="10"/>
  <c r="T618" i="10"/>
  <c r="T2322" i="10"/>
  <c r="T2487" i="10"/>
  <c r="T948" i="10"/>
  <c r="T1889" i="10"/>
  <c r="T2828" i="10"/>
  <c r="T1978" i="10"/>
  <c r="T729" i="10"/>
  <c r="T2577" i="10"/>
  <c r="T659" i="10"/>
  <c r="T2773" i="10"/>
  <c r="T890" i="10"/>
  <c r="T2613" i="10"/>
  <c r="T335" i="10"/>
  <c r="T1618" i="10"/>
  <c r="T2199" i="10"/>
  <c r="E30" i="6"/>
  <c r="E30" i="7" s="1"/>
  <c r="T2481" i="10"/>
  <c r="T2201" i="10"/>
  <c r="T1138" i="10"/>
  <c r="T218" i="10"/>
  <c r="T93" i="10"/>
  <c r="I42" i="7"/>
  <c r="T1152" i="10"/>
  <c r="T2233" i="10"/>
  <c r="T1079" i="10"/>
  <c r="T1856" i="10"/>
  <c r="T786" i="10"/>
  <c r="T81" i="10"/>
  <c r="T539" i="10"/>
  <c r="T1888" i="10"/>
  <c r="T788" i="10"/>
  <c r="T1970" i="10"/>
  <c r="T1929" i="10"/>
  <c r="T2754" i="10"/>
  <c r="T674" i="10"/>
  <c r="T1913" i="10"/>
  <c r="T2659" i="10"/>
  <c r="T692" i="10"/>
  <c r="T2025" i="10"/>
  <c r="T1547" i="10"/>
  <c r="T65" i="10"/>
  <c r="T2676" i="10"/>
  <c r="T1640" i="10"/>
  <c r="T2636" i="10"/>
  <c r="T2817" i="10"/>
  <c r="T1882" i="10"/>
  <c r="T1330" i="10"/>
  <c r="T2329" i="10"/>
  <c r="T887" i="10"/>
  <c r="T1508" i="10"/>
  <c r="T517" i="10"/>
  <c r="E47" i="14"/>
  <c r="E44" i="6"/>
  <c r="E44" i="7" s="1"/>
  <c r="T19" i="10"/>
  <c r="T202" i="10"/>
  <c r="T283" i="10"/>
  <c r="T2608" i="10"/>
  <c r="T1387" i="10"/>
  <c r="T123" i="10"/>
  <c r="T53" i="10"/>
  <c r="T1810" i="10"/>
  <c r="T506" i="10"/>
  <c r="T2063" i="10"/>
  <c r="T1698" i="10"/>
  <c r="T951" i="10"/>
  <c r="T595" i="10"/>
  <c r="T1987" i="10"/>
  <c r="T2220" i="10"/>
  <c r="T1979" i="10"/>
  <c r="T2103" i="10"/>
  <c r="T828" i="10"/>
  <c r="T2313" i="10"/>
  <c r="T2354" i="10"/>
  <c r="T1829" i="10"/>
  <c r="T1038" i="10"/>
  <c r="E36" i="6"/>
  <c r="E36" i="7" s="1"/>
  <c r="E36" i="14"/>
  <c r="T529" i="10"/>
  <c r="T2611" i="10"/>
  <c r="T2377" i="10"/>
  <c r="T267" i="10"/>
  <c r="T426" i="10"/>
  <c r="T2124" i="10"/>
  <c r="P40" i="22"/>
  <c r="Q40" i="22" s="1"/>
  <c r="E40" i="6"/>
  <c r="E40" i="7" s="1"/>
  <c r="T777" i="10"/>
  <c r="T1850" i="10"/>
  <c r="P43" i="22"/>
  <c r="Q43" i="22" s="1"/>
  <c r="E43" i="6"/>
  <c r="E43" i="7" s="1"/>
  <c r="T1546" i="10"/>
  <c r="T175" i="10"/>
  <c r="T2737" i="10"/>
  <c r="T1778" i="10"/>
  <c r="T960" i="10"/>
  <c r="T1215" i="10"/>
  <c r="T739" i="10"/>
  <c r="T444" i="10"/>
  <c r="T946" i="10"/>
  <c r="T1001" i="10"/>
  <c r="T505" i="10"/>
  <c r="T2315" i="10"/>
  <c r="T2018" i="10"/>
  <c r="T1114" i="10"/>
  <c r="T1937" i="10"/>
  <c r="T1849" i="10"/>
  <c r="T1109" i="10"/>
  <c r="T1415" i="10"/>
  <c r="T601" i="10"/>
  <c r="T2642" i="10"/>
  <c r="T2418" i="10"/>
  <c r="T548" i="10"/>
  <c r="T1631" i="10"/>
  <c r="T2010" i="10"/>
  <c r="T769" i="10"/>
  <c r="T1058" i="10"/>
  <c r="T570" i="10"/>
  <c r="T1705" i="10"/>
  <c r="T835" i="10"/>
  <c r="T2214" i="10"/>
  <c r="T1074" i="10"/>
  <c r="T1761" i="10"/>
  <c r="T1250" i="10"/>
  <c r="T661" i="10"/>
  <c r="T559" i="10"/>
  <c r="T1652" i="10"/>
  <c r="T1169" i="10"/>
  <c r="T2794" i="10"/>
  <c r="T290" i="10"/>
  <c r="T2793" i="10"/>
  <c r="T844" i="10"/>
  <c r="T2288" i="10"/>
  <c r="T1677" i="10"/>
  <c r="T2706" i="10"/>
  <c r="T2257" i="10"/>
  <c r="T1601" i="10"/>
  <c r="T2145" i="10"/>
  <c r="T1714" i="10"/>
  <c r="I43" i="6" s="1"/>
  <c r="T409" i="10"/>
  <c r="T515" i="10"/>
  <c r="T2068" i="10"/>
  <c r="T2090" i="10"/>
  <c r="T35" i="10"/>
  <c r="T441" i="10"/>
  <c r="T1258" i="10"/>
  <c r="T57" i="10"/>
  <c r="T1161" i="10"/>
  <c r="T1658" i="10"/>
  <c r="T1354" i="10"/>
  <c r="T2500" i="10"/>
  <c r="T474" i="10"/>
  <c r="T817" i="10"/>
  <c r="T1472" i="10"/>
  <c r="T383" i="10"/>
  <c r="T2815" i="10"/>
  <c r="T2439" i="10"/>
  <c r="T916" i="10"/>
  <c r="T1999" i="10"/>
  <c r="T1977" i="10"/>
  <c r="T732" i="10"/>
  <c r="T2710" i="10"/>
  <c r="T1119" i="10"/>
  <c r="D10" i="11"/>
  <c r="L28" i="22"/>
  <c r="AY28" i="22" s="1"/>
  <c r="T28" i="14" s="1"/>
  <c r="F28" i="14"/>
  <c r="AH28" i="14" s="1"/>
  <c r="L27" i="22"/>
  <c r="AY27" i="22" s="1"/>
  <c r="T27" i="14" s="1"/>
  <c r="F27" i="14"/>
  <c r="AH27" i="14" s="1"/>
  <c r="T2241" i="10"/>
  <c r="T2249" i="10"/>
  <c r="T2433" i="10"/>
  <c r="T1210" i="10"/>
  <c r="T913" i="10"/>
  <c r="T1956" i="10"/>
  <c r="T2194" i="10"/>
  <c r="T522" i="10"/>
  <c r="T1505" i="10"/>
  <c r="T2674" i="10"/>
  <c r="T737" i="10"/>
  <c r="T681" i="10"/>
  <c r="T1420" i="10"/>
  <c r="I40" i="6" s="1"/>
  <c r="T2061" i="10"/>
  <c r="T2777" i="10"/>
  <c r="T2714" i="10"/>
  <c r="T2417" i="10"/>
  <c r="T649" i="10"/>
  <c r="T2143" i="10"/>
  <c r="T1548" i="10"/>
  <c r="T1223" i="10"/>
  <c r="T994" i="10"/>
  <c r="T2634" i="10"/>
  <c r="T1307" i="10"/>
  <c r="T1328" i="10"/>
  <c r="T826" i="10"/>
  <c r="T530" i="10"/>
  <c r="T1227" i="10"/>
  <c r="T1251" i="10"/>
  <c r="T2570" i="10"/>
  <c r="T1489" i="10"/>
  <c r="T673" i="10"/>
  <c r="T1457" i="10"/>
  <c r="T1410" i="10"/>
  <c r="T1678" i="10"/>
  <c r="T184" i="10"/>
  <c r="T1222" i="10"/>
  <c r="T1926" i="10"/>
  <c r="T2036" i="10"/>
  <c r="T390" i="10"/>
  <c r="T1592" i="10"/>
  <c r="T1948" i="10"/>
  <c r="T1450" i="10"/>
  <c r="P46" i="22"/>
  <c r="Q46" i="22" s="1"/>
  <c r="P52" i="22"/>
  <c r="Q52" i="22" s="1"/>
  <c r="T666" i="10"/>
  <c r="T1202" i="10"/>
  <c r="T28" i="10"/>
  <c r="T1499" i="10"/>
  <c r="T952" i="10"/>
  <c r="T535" i="10"/>
  <c r="T542" i="10"/>
  <c r="T1090" i="10"/>
  <c r="T1578" i="10"/>
  <c r="P79" i="22"/>
  <c r="Q79" i="22" s="1"/>
  <c r="T2154" i="10"/>
  <c r="P58" i="22"/>
  <c r="Q58" i="22" s="1"/>
  <c r="T1313" i="10"/>
  <c r="P72" i="22"/>
  <c r="Q72" i="22" s="1"/>
  <c r="T1794" i="10"/>
  <c r="T1305" i="10"/>
  <c r="T745" i="10"/>
  <c r="T2431" i="10"/>
  <c r="T2335" i="10"/>
  <c r="T2360" i="10"/>
  <c r="T923" i="10"/>
  <c r="T1879" i="10"/>
  <c r="T1870" i="10"/>
  <c r="T1464" i="10"/>
  <c r="T1700" i="10"/>
  <c r="T464" i="10"/>
  <c r="T2071" i="10"/>
  <c r="T596" i="10"/>
  <c r="P34" i="22"/>
  <c r="Q34" i="22" s="1"/>
  <c r="T969" i="10"/>
  <c r="T114" i="10"/>
  <c r="T858" i="10"/>
  <c r="T2410" i="10"/>
  <c r="T560" i="10"/>
  <c r="T2011" i="10"/>
  <c r="T2704" i="10"/>
  <c r="T718" i="10"/>
  <c r="T1414" i="10"/>
  <c r="P42" i="22"/>
  <c r="Q42" i="22" s="1"/>
  <c r="T18" i="10"/>
  <c r="T1793" i="10"/>
  <c r="P60" i="22"/>
  <c r="Q60" i="22" s="1"/>
  <c r="P75" i="22"/>
  <c r="Q75" i="22" s="1"/>
  <c r="T2554" i="10"/>
  <c r="T1985" i="10"/>
  <c r="T306" i="10"/>
  <c r="T2729" i="10"/>
  <c r="T1372" i="10"/>
  <c r="T228" i="10"/>
  <c r="T1303" i="10"/>
  <c r="T628" i="10"/>
  <c r="T286" i="10"/>
  <c r="T407" i="10"/>
  <c r="T568" i="10"/>
  <c r="T1656" i="10"/>
  <c r="P80" i="22"/>
  <c r="Q80" i="22" s="1"/>
  <c r="P51" i="22"/>
  <c r="Q51" i="22" s="1"/>
  <c r="P67" i="22"/>
  <c r="Q67" i="22" s="1"/>
  <c r="T833" i="10"/>
  <c r="T1713" i="10"/>
  <c r="P59" i="22"/>
  <c r="Q59" i="22" s="1"/>
  <c r="T2161" i="10"/>
  <c r="T2379" i="10"/>
  <c r="T1435" i="10"/>
  <c r="T1616" i="10"/>
  <c r="T2324" i="10"/>
  <c r="T1358" i="10"/>
  <c r="T2348" i="10"/>
  <c r="P82" i="22"/>
  <c r="Q82" i="22" s="1"/>
  <c r="T347" i="10"/>
  <c r="T919" i="10"/>
  <c r="T326" i="10"/>
  <c r="T1115" i="10"/>
  <c r="T393" i="10"/>
  <c r="T1290" i="10"/>
  <c r="T2625" i="10"/>
  <c r="T1611" i="10"/>
  <c r="T2034" i="10"/>
  <c r="T523" i="10"/>
  <c r="T873" i="10"/>
  <c r="T2297" i="10"/>
  <c r="T2626" i="10"/>
  <c r="T2441" i="10"/>
  <c r="T801" i="10"/>
  <c r="T937" i="10"/>
  <c r="T497" i="10"/>
  <c r="T907" i="10"/>
  <c r="T642" i="10"/>
  <c r="T1874" i="10"/>
  <c r="T1946" i="10"/>
  <c r="T2786" i="10"/>
  <c r="T2193" i="10"/>
  <c r="T1594" i="10"/>
  <c r="T417" i="10"/>
  <c r="T2231" i="10"/>
  <c r="T1826" i="10"/>
  <c r="T634" i="10"/>
  <c r="I32" i="6" s="1"/>
  <c r="T1769" i="10"/>
  <c r="T161" i="10"/>
  <c r="T1969" i="10"/>
  <c r="T247" i="10"/>
  <c r="T2442" i="10"/>
  <c r="T2689" i="10"/>
  <c r="T2346" i="10"/>
  <c r="T1497" i="10"/>
  <c r="T2122" i="10"/>
  <c r="T2532" i="10"/>
  <c r="T1721" i="10"/>
  <c r="T1335" i="10"/>
  <c r="T1042" i="10"/>
  <c r="T418" i="10"/>
  <c r="T337" i="10"/>
  <c r="T250" i="10"/>
  <c r="T1697" i="10"/>
  <c r="T545" i="10"/>
  <c r="T889" i="10"/>
  <c r="T2423" i="10"/>
  <c r="T2130" i="10"/>
  <c r="T1506" i="10"/>
  <c r="T1425" i="10"/>
  <c r="T1338" i="10"/>
  <c r="T146" i="10"/>
  <c r="T1177" i="10"/>
  <c r="T2657" i="10"/>
  <c r="T1905" i="10"/>
  <c r="T1867" i="10"/>
  <c r="T138" i="10"/>
  <c r="I27" i="6" s="1"/>
  <c r="T1306" i="10"/>
  <c r="T1409" i="10"/>
  <c r="T1266" i="10"/>
  <c r="T1857" i="10"/>
  <c r="T2042" i="10"/>
  <c r="T1483" i="10"/>
  <c r="T178" i="10"/>
  <c r="T2633" i="10"/>
  <c r="T930" i="10"/>
  <c r="T586" i="10"/>
  <c r="T2202" i="10"/>
  <c r="T2572" i="10"/>
  <c r="T650" i="10"/>
  <c r="T2594" i="10"/>
  <c r="T993" i="10"/>
  <c r="T241" i="10"/>
  <c r="T1591" i="10"/>
  <c r="T1186" i="10"/>
  <c r="T2841" i="10"/>
  <c r="T1216" i="10"/>
  <c r="T1521" i="10"/>
  <c r="T2059" i="10"/>
  <c r="T1143" i="10"/>
  <c r="T1802" i="10"/>
  <c r="T2811" i="10"/>
  <c r="T226" i="10"/>
  <c r="T145" i="10"/>
  <c r="T2393" i="10"/>
  <c r="T2001" i="10"/>
  <c r="T2123" i="10"/>
  <c r="T577" i="10"/>
  <c r="T2482" i="10"/>
  <c r="T153" i="10"/>
  <c r="T177" i="10"/>
  <c r="T2187" i="10"/>
  <c r="T394" i="10"/>
  <c r="T641" i="10"/>
  <c r="T298" i="10"/>
  <c r="T2546" i="10"/>
  <c r="T233" i="10"/>
  <c r="T1589" i="10"/>
  <c r="T433" i="10"/>
  <c r="T1265" i="10"/>
  <c r="T1994" i="10"/>
  <c r="T1217" i="10"/>
  <c r="T1386" i="10"/>
  <c r="T1049" i="10"/>
  <c r="T665" i="10"/>
  <c r="T625" i="10"/>
  <c r="T375" i="10"/>
  <c r="T82" i="10"/>
  <c r="T2305" i="10"/>
  <c r="T2474" i="10"/>
  <c r="T2137" i="10"/>
  <c r="T1345" i="10"/>
  <c r="T2081" i="10"/>
  <c r="T1073" i="10"/>
  <c r="T113" i="10"/>
  <c r="T2551" i="10"/>
  <c r="T1746" i="10"/>
  <c r="T17" i="10"/>
  <c r="T2225" i="10"/>
  <c r="T2101" i="10"/>
  <c r="T1329" i="10"/>
  <c r="T2747" i="10"/>
  <c r="T1473" i="10"/>
  <c r="T793" i="10"/>
  <c r="T289" i="10"/>
  <c r="T377" i="10"/>
  <c r="T313" i="10"/>
  <c r="T1655" i="10"/>
  <c r="T2314" i="10"/>
  <c r="T2803" i="10"/>
  <c r="T738" i="10"/>
  <c r="T657" i="10"/>
  <c r="T58" i="10"/>
  <c r="T34" i="10"/>
  <c r="T2553" i="10"/>
  <c r="T1498" i="10"/>
  <c r="T434" i="10"/>
  <c r="T2369" i="10"/>
  <c r="T1065" i="10"/>
  <c r="T1657" i="10"/>
  <c r="T770" i="10"/>
  <c r="T538" i="10"/>
  <c r="T585" i="10"/>
  <c r="T2833" i="10"/>
  <c r="T2234" i="10"/>
  <c r="T378" i="10"/>
  <c r="T2485" i="10"/>
  <c r="T2289" i="10"/>
  <c r="T860" i="10"/>
  <c r="T2506" i="10"/>
  <c r="T1729" i="10"/>
  <c r="T1898" i="10"/>
  <c r="T1561" i="10"/>
  <c r="T953" i="10"/>
  <c r="T33" i="10"/>
  <c r="T780" i="10"/>
  <c r="T898" i="10"/>
  <c r="T154" i="10"/>
  <c r="T2530" i="10"/>
  <c r="T2449" i="10"/>
  <c r="T2715" i="10"/>
  <c r="T689" i="10"/>
  <c r="T1024" i="10"/>
  <c r="I36" i="6" s="1"/>
  <c r="T121" i="10"/>
  <c r="T2169" i="10"/>
  <c r="T514" i="10"/>
  <c r="T2258" i="10"/>
  <c r="T2330" i="10"/>
  <c r="T1066" i="10"/>
  <c r="T450" i="10"/>
  <c r="T1449" i="10"/>
  <c r="T457" i="10"/>
  <c r="T183" i="10"/>
  <c r="T2818" i="10"/>
  <c r="T2809" i="10"/>
  <c r="T849" i="10"/>
  <c r="T730" i="10"/>
  <c r="T1057" i="10"/>
  <c r="T249" i="10"/>
  <c r="I28" i="6" s="1"/>
  <c r="T2394" i="10"/>
  <c r="T1842" i="10"/>
  <c r="T1121" i="10"/>
  <c r="T2473" i="10"/>
  <c r="T1401" i="10"/>
  <c r="T2167" i="10"/>
  <c r="T2178" i="10"/>
  <c r="T410" i="10"/>
  <c r="T1194" i="10"/>
  <c r="T345" i="10"/>
  <c r="T74" i="10"/>
  <c r="T753" i="10"/>
  <c r="T1938" i="10"/>
  <c r="T1233" i="10"/>
  <c r="T265" i="10"/>
  <c r="T1577" i="10"/>
  <c r="T2681" i="10"/>
  <c r="T1282" i="10"/>
  <c r="T1050" i="10"/>
  <c r="T1097" i="10"/>
  <c r="T498" i="10"/>
  <c r="T2746" i="10"/>
  <c r="T1641" i="10"/>
  <c r="T1099" i="10"/>
  <c r="T2787" i="10"/>
  <c r="T2138" i="10"/>
  <c r="T1673" i="10"/>
  <c r="T2098" i="10"/>
  <c r="I47" i="6" s="1"/>
  <c r="T321" i="10"/>
  <c r="T1193" i="10"/>
  <c r="T1739" i="10"/>
  <c r="T1034" i="10"/>
  <c r="T257" i="10"/>
  <c r="T2761" i="10"/>
  <c r="T89" i="10"/>
  <c r="T1803" i="10"/>
  <c r="T97" i="10"/>
  <c r="T1321" i="10"/>
  <c r="T2731" i="10"/>
  <c r="T1026" i="10"/>
  <c r="T2186" i="10"/>
  <c r="T2842" i="10"/>
  <c r="T1865" i="10"/>
  <c r="T1098" i="10"/>
  <c r="T977" i="10"/>
  <c r="T578" i="10"/>
  <c r="T1154" i="10"/>
  <c r="T2705" i="10"/>
  <c r="T2496" i="10"/>
  <c r="T1554" i="10"/>
  <c r="T1274" i="10"/>
  <c r="T2596" i="10"/>
  <c r="T1650" i="10"/>
  <c r="T297" i="10"/>
  <c r="T1234" i="10"/>
  <c r="T2409" i="10"/>
  <c r="T1419" i="10"/>
  <c r="T346" i="10"/>
  <c r="T2641" i="10"/>
  <c r="T465" i="10"/>
  <c r="T2684" i="10"/>
  <c r="T2732" i="10"/>
  <c r="T2425" i="10"/>
  <c r="T561" i="10"/>
  <c r="T2690" i="10"/>
  <c r="T922" i="10"/>
  <c r="T1025" i="10"/>
  <c r="T1706" i="10"/>
  <c r="T857" i="10"/>
  <c r="T881" i="10"/>
  <c r="T1777" i="10"/>
  <c r="T2378" i="10"/>
  <c r="T2282" i="10"/>
  <c r="T1474" i="10"/>
  <c r="T481" i="10"/>
  <c r="T2617" i="10"/>
  <c r="T1783" i="10"/>
  <c r="T978" i="10"/>
  <c r="T1378" i="10"/>
  <c r="T785" i="10"/>
  <c r="T186" i="10"/>
  <c r="T1570" i="10"/>
  <c r="T2153" i="10"/>
  <c r="T1675" i="10"/>
  <c r="T458" i="10"/>
  <c r="T2650" i="10"/>
  <c r="T2185" i="10"/>
  <c r="T2610" i="10"/>
  <c r="T1781" i="10"/>
  <c r="T369" i="10"/>
  <c r="T1399" i="10"/>
  <c r="T1106" i="10"/>
  <c r="T482" i="10"/>
  <c r="T401" i="10"/>
  <c r="T314" i="10"/>
  <c r="T1975" i="10"/>
  <c r="T2026" i="10"/>
  <c r="T1833" i="10"/>
  <c r="T779" i="10"/>
  <c r="T503" i="10"/>
  <c r="T2698" i="10"/>
  <c r="T385" i="10"/>
  <c r="T2658" i="10"/>
  <c r="T1466" i="10"/>
  <c r="T2226" i="10"/>
  <c r="T1356" i="10"/>
  <c r="T2458" i="10"/>
  <c r="T2106" i="10"/>
  <c r="T1433" i="10"/>
  <c r="T129" i="10"/>
  <c r="T1847" i="10"/>
  <c r="T169" i="10"/>
  <c r="T2443" i="10"/>
  <c r="T1921" i="10"/>
  <c r="T2065" i="10"/>
  <c r="T2548" i="10"/>
  <c r="T1995" i="10"/>
  <c r="T1298" i="10"/>
  <c r="T593" i="10"/>
  <c r="T2266" i="10"/>
  <c r="T2165" i="10"/>
  <c r="T1649" i="10"/>
  <c r="T2361" i="10"/>
  <c r="T2476" i="10"/>
  <c r="T266" i="10"/>
  <c r="T338" i="10"/>
  <c r="T1537" i="10"/>
  <c r="T1993" i="10"/>
  <c r="T1394" i="10"/>
  <c r="T2537" i="10"/>
  <c r="T330" i="10"/>
  <c r="T234" i="10"/>
  <c r="T1610" i="10"/>
  <c r="T1377" i="10"/>
  <c r="T945" i="10"/>
  <c r="T2295" i="10"/>
  <c r="T1490" i="10"/>
  <c r="T1890" i="10"/>
  <c r="T1297" i="10"/>
  <c r="T698" i="10"/>
  <c r="T1002" i="10"/>
  <c r="T2337" i="10"/>
  <c r="T697" i="10"/>
  <c r="T834" i="10"/>
  <c r="T90" i="10"/>
  <c r="T2466" i="10"/>
  <c r="T2385" i="10"/>
  <c r="T2810" i="10"/>
  <c r="T651" i="10"/>
  <c r="T1569" i="10"/>
  <c r="T825" i="10"/>
  <c r="T1922" i="10"/>
  <c r="T1178" i="10"/>
  <c r="T713" i="10"/>
  <c r="T626" i="10"/>
  <c r="T2345" i="10"/>
  <c r="T2105" i="10"/>
  <c r="T1015" i="10"/>
  <c r="T210" i="10"/>
  <c r="T282" i="10"/>
  <c r="T610" i="10"/>
  <c r="T2265" i="10"/>
  <c r="T2713" i="10"/>
  <c r="T225" i="10"/>
  <c r="T2660" i="10"/>
  <c r="T2763" i="10"/>
  <c r="T380" i="10"/>
  <c r="T1953" i="10"/>
  <c r="T1737" i="10"/>
  <c r="T361" i="10"/>
  <c r="T1273" i="10"/>
  <c r="T1738" i="10"/>
  <c r="T1642" i="10"/>
  <c r="T2041" i="10"/>
  <c r="T1185" i="10"/>
  <c r="T425" i="10"/>
  <c r="T2060" i="10"/>
  <c r="T119" i="10"/>
  <c r="T130" i="10"/>
  <c r="T850" i="10"/>
  <c r="T2049" i="10"/>
  <c r="T2505" i="10"/>
  <c r="T1906" i="10"/>
  <c r="T489" i="10"/>
  <c r="T1218" i="10"/>
  <c r="T1033" i="10"/>
  <c r="T2682" i="10"/>
  <c r="T2741" i="10"/>
  <c r="T2357" i="10"/>
  <c r="T49" i="10"/>
  <c r="T83" i="10"/>
  <c r="T1930" i="10"/>
  <c r="T2177" i="10"/>
  <c r="T1834" i="10"/>
  <c r="T985" i="10"/>
  <c r="T1986" i="10"/>
  <c r="T105" i="10"/>
  <c r="T1785" i="10"/>
  <c r="T1346" i="10"/>
  <c r="T602" i="10"/>
  <c r="T137" i="10"/>
  <c r="T50" i="10"/>
  <c r="T1514" i="10"/>
  <c r="T2217" i="10"/>
  <c r="T1585" i="10"/>
  <c r="T2058" i="10"/>
  <c r="T1281" i="10"/>
  <c r="T938" i="10"/>
  <c r="T1113" i="10"/>
  <c r="T2037" i="10"/>
  <c r="T1825" i="10"/>
  <c r="T1164" i="10"/>
  <c r="T1527" i="10"/>
  <c r="T2050" i="10"/>
  <c r="T794" i="10"/>
  <c r="T217" i="10"/>
  <c r="T2529" i="10"/>
  <c r="T1242" i="10"/>
  <c r="T929" i="10"/>
  <c r="T1201" i="10"/>
  <c r="T1145" i="10"/>
  <c r="T1820" i="10"/>
  <c r="T1538" i="10"/>
  <c r="T1481" i="10"/>
  <c r="T1753" i="10"/>
  <c r="T2017" i="10"/>
  <c r="T452" i="10"/>
  <c r="T2353" i="10"/>
  <c r="T2571" i="10"/>
  <c r="T2679" i="10"/>
  <c r="T1463" i="10"/>
  <c r="T2444" i="10"/>
  <c r="T553" i="10"/>
  <c r="T1668" i="10"/>
  <c r="T569" i="10"/>
  <c r="T1009" i="10"/>
  <c r="T258" i="10"/>
  <c r="T1633" i="10"/>
  <c r="T1129" i="10"/>
  <c r="T761" i="10"/>
  <c r="T395" i="10"/>
  <c r="T823" i="10"/>
  <c r="T2370" i="10"/>
  <c r="T2738" i="10"/>
  <c r="T1082" i="10"/>
  <c r="T754" i="10"/>
  <c r="T866" i="10"/>
  <c r="T882" i="10"/>
  <c r="T2298" i="10"/>
  <c r="T954" i="10"/>
  <c r="T1586" i="10"/>
  <c r="T722" i="10"/>
  <c r="T1873" i="10"/>
  <c r="T1257" i="10"/>
  <c r="T473" i="10"/>
  <c r="T2785" i="10"/>
  <c r="T778" i="10"/>
  <c r="T2121" i="10"/>
  <c r="T1818" i="10"/>
  <c r="T1418" i="10"/>
  <c r="T1482" i="10"/>
  <c r="T273" i="10"/>
  <c r="T1522" i="10"/>
  <c r="T1626" i="10"/>
  <c r="T439" i="10"/>
  <c r="T2498" i="10"/>
  <c r="T513" i="10"/>
  <c r="T865" i="10"/>
  <c r="T809" i="10"/>
  <c r="T1081" i="10"/>
  <c r="T1355" i="10"/>
  <c r="T2039" i="10"/>
  <c r="T1722" i="10"/>
  <c r="T2401" i="10"/>
  <c r="T1961" i="10"/>
  <c r="T1337" i="10"/>
  <c r="T203" i="10"/>
  <c r="T631" i="10"/>
  <c r="T1666" i="10"/>
  <c r="T2516" i="10"/>
  <c r="T682" i="10"/>
  <c r="T2578" i="10"/>
  <c r="T2601" i="10"/>
  <c r="T1593" i="10"/>
  <c r="T1035" i="10"/>
  <c r="T1271" i="10"/>
  <c r="T2306" i="10"/>
  <c r="T1441" i="10"/>
  <c r="T572" i="10"/>
  <c r="T2801" i="10"/>
  <c r="T1684" i="10"/>
  <c r="T322" i="10"/>
  <c r="T2778" i="10"/>
  <c r="T1881" i="10"/>
  <c r="T2268" i="10"/>
  <c r="T1553" i="10"/>
  <c r="T2802" i="10"/>
  <c r="T2585" i="10"/>
  <c r="T2753" i="10"/>
  <c r="T1353" i="10"/>
  <c r="T2602" i="10"/>
  <c r="T98" i="10"/>
  <c r="T1674" i="10"/>
  <c r="T2514" i="10"/>
  <c r="T2274" i="10"/>
  <c r="T1665" i="10"/>
  <c r="T1681" i="10"/>
  <c r="T2770" i="10"/>
  <c r="T2586" i="10"/>
  <c r="T2082" i="10"/>
  <c r="T309" i="10"/>
  <c r="T2386" i="10"/>
  <c r="T1754" i="10"/>
  <c r="T73" i="10"/>
  <c r="T1322" i="10"/>
  <c r="I39" i="6" s="1"/>
  <c r="E68" i="6"/>
  <c r="E68" i="7" s="1"/>
  <c r="E57" i="14"/>
  <c r="E57" i="6"/>
  <c r="E57" i="7" s="1"/>
  <c r="E65" i="14"/>
  <c r="P56" i="22"/>
  <c r="Q56" i="22" s="1"/>
  <c r="E78" i="14"/>
  <c r="E53" i="14"/>
  <c r="E35" i="6"/>
  <c r="E35" i="7" s="1"/>
  <c r="E35" i="14"/>
  <c r="E77" i="14"/>
  <c r="E77" i="6"/>
  <c r="E77" i="7" s="1"/>
  <c r="E81" i="14"/>
  <c r="E81" i="6"/>
  <c r="E81" i="7" s="1"/>
  <c r="E32" i="6"/>
  <c r="E32" i="7" s="1"/>
  <c r="E73" i="14"/>
  <c r="E73" i="6"/>
  <c r="E73" i="7" s="1"/>
  <c r="E41" i="14"/>
  <c r="P50" i="22"/>
  <c r="Q50" i="22" s="1"/>
  <c r="P70" i="22"/>
  <c r="Q70" i="22" s="1"/>
  <c r="E50" i="6"/>
  <c r="E50" i="7" s="1"/>
  <c r="E50" i="14"/>
  <c r="E74" i="6"/>
  <c r="E74" i="7" s="1"/>
  <c r="E37" i="14"/>
  <c r="E49" i="6"/>
  <c r="E49" i="7" s="1"/>
  <c r="F17" i="25"/>
  <c r="Y50" i="6"/>
  <c r="I50" i="7"/>
  <c r="T2412" i="10"/>
  <c r="I51" i="7"/>
  <c r="Y51" i="6"/>
  <c r="F39" i="25"/>
  <c r="E82" i="6"/>
  <c r="E82" i="7" s="1"/>
  <c r="E82" i="14"/>
  <c r="AJ67" i="22" a="1"/>
  <c r="AJ67" i="22" s="1"/>
  <c r="AC67" i="22" a="1"/>
  <c r="AC67" i="22" s="1"/>
  <c r="AK67" i="22" a="1"/>
  <c r="AK67" i="22" s="1"/>
  <c r="AG67" i="22" a="1"/>
  <c r="AG67" i="22" s="1"/>
  <c r="AF67" i="22" a="1"/>
  <c r="AF67" i="22" s="1"/>
  <c r="AH67" i="22" a="1"/>
  <c r="AH67" i="22" s="1"/>
  <c r="AE67" i="22" a="1"/>
  <c r="AE67" i="22" s="1"/>
  <c r="AB67" i="22" a="1"/>
  <c r="AB67" i="22" s="1"/>
  <c r="AD67" i="22" a="1"/>
  <c r="AD67" i="22" s="1"/>
  <c r="AA67" i="22" a="1"/>
  <c r="AA67" i="22" s="1"/>
  <c r="AI67" i="22" a="1"/>
  <c r="AI67" i="22" s="1"/>
  <c r="AB31" i="25"/>
  <c r="H31" i="25"/>
  <c r="P31" i="25"/>
  <c r="R31" i="25"/>
  <c r="X31" i="25"/>
  <c r="V31" i="25"/>
  <c r="AD31" i="25"/>
  <c r="N31" i="25"/>
  <c r="F31" i="25"/>
  <c r="Z31" i="25"/>
  <c r="T31" i="25"/>
  <c r="J31" i="25"/>
  <c r="L31" i="25"/>
  <c r="I82" i="7"/>
  <c r="Y82" i="6"/>
  <c r="E64" i="6"/>
  <c r="E64" i="7" s="1"/>
  <c r="E64" i="14"/>
  <c r="T1162" i="10"/>
  <c r="I70" i="7"/>
  <c r="Y70" i="6"/>
  <c r="P33" i="22"/>
  <c r="Q33" i="22" s="1"/>
  <c r="T362" i="10"/>
  <c r="T962" i="10"/>
  <c r="AG56" i="22" a="1"/>
  <c r="AG56" i="22" s="1"/>
  <c r="AD56" i="22" a="1"/>
  <c r="AD56" i="22" s="1"/>
  <c r="AJ56" i="22" a="1"/>
  <c r="AJ56" i="22" s="1"/>
  <c r="AB56" i="22" a="1"/>
  <c r="AB56" i="22" s="1"/>
  <c r="AK56" i="22" a="1"/>
  <c r="AK56" i="22" s="1"/>
  <c r="AH56" i="22" a="1"/>
  <c r="AH56" i="22" s="1"/>
  <c r="AI56" i="22" a="1"/>
  <c r="AI56" i="22" s="1"/>
  <c r="AC56" i="22" a="1"/>
  <c r="AC56" i="22" s="1"/>
  <c r="AE56" i="22" a="1"/>
  <c r="AE56" i="22" s="1"/>
  <c r="AF56" i="22" a="1"/>
  <c r="AF56" i="22" s="1"/>
  <c r="AA56" i="22" a="1"/>
  <c r="AA56" i="22" s="1"/>
  <c r="AC42" i="22" a="1"/>
  <c r="AC42" i="22" s="1"/>
  <c r="AB42" i="22" a="1"/>
  <c r="AB42" i="22" s="1"/>
  <c r="AI42" i="22" a="1"/>
  <c r="AI42" i="22" s="1"/>
  <c r="AH42" i="22" a="1"/>
  <c r="AH42" i="22" s="1"/>
  <c r="AD42" i="22" a="1"/>
  <c r="AD42" i="22" s="1"/>
  <c r="AG42" i="22" a="1"/>
  <c r="AG42" i="22" s="1"/>
  <c r="AF42" i="22" a="1"/>
  <c r="AF42" i="22" s="1"/>
  <c r="AE42" i="22" a="1"/>
  <c r="AE42" i="22" s="1"/>
  <c r="AJ42" i="22" a="1"/>
  <c r="AJ42" i="22" s="1"/>
  <c r="AK42" i="22" a="1"/>
  <c r="AK42" i="22" s="1"/>
  <c r="AA42" i="22" a="1"/>
  <c r="AA42" i="22" s="1"/>
  <c r="F13" i="25"/>
  <c r="Y67" i="6"/>
  <c r="I67" i="7"/>
  <c r="AB44" i="22" a="1"/>
  <c r="AB44" i="22" s="1"/>
  <c r="AE44" i="22" a="1"/>
  <c r="AE44" i="22" s="1"/>
  <c r="AK44" i="22" a="1"/>
  <c r="AK44" i="22" s="1"/>
  <c r="AG44" i="22" a="1"/>
  <c r="AG44" i="22" s="1"/>
  <c r="AJ44" i="22" a="1"/>
  <c r="AJ44" i="22" s="1"/>
  <c r="AF44" i="22" a="1"/>
  <c r="AF44" i="22" s="1"/>
  <c r="AH44" i="22" a="1"/>
  <c r="AH44" i="22" s="1"/>
  <c r="AD44" i="22" a="1"/>
  <c r="AD44" i="22" s="1"/>
  <c r="AC44" i="22" a="1"/>
  <c r="AC44" i="22" s="1"/>
  <c r="AI44" i="22" a="1"/>
  <c r="AI44" i="22" s="1"/>
  <c r="AA44" i="22" a="1"/>
  <c r="AA44" i="22" s="1"/>
  <c r="I56" i="7"/>
  <c r="Y56" i="6"/>
  <c r="J59" i="25"/>
  <c r="P59" i="25"/>
  <c r="Z59" i="25"/>
  <c r="L59" i="25"/>
  <c r="AD59" i="25"/>
  <c r="R59" i="25"/>
  <c r="H59" i="25"/>
  <c r="F59" i="25"/>
  <c r="AB59" i="25"/>
  <c r="N59" i="25"/>
  <c r="X59" i="25"/>
  <c r="T59" i="25"/>
  <c r="V59" i="25"/>
  <c r="AF38" i="22" a="1"/>
  <c r="AF38" i="22" s="1"/>
  <c r="AB38" i="22" a="1"/>
  <c r="AB38" i="22" s="1"/>
  <c r="AK38" i="22" a="1"/>
  <c r="AK38" i="22" s="1"/>
  <c r="AC38" i="22" a="1"/>
  <c r="AC38" i="22" s="1"/>
  <c r="AI38" i="22" a="1"/>
  <c r="AI38" i="22" s="1"/>
  <c r="AD38" i="22" a="1"/>
  <c r="AD38" i="22" s="1"/>
  <c r="AJ38" i="22" a="1"/>
  <c r="AJ38" i="22" s="1"/>
  <c r="AA38" i="22" a="1"/>
  <c r="AA38" i="22" s="1"/>
  <c r="AH38" i="22" a="1"/>
  <c r="AH38" i="22" s="1"/>
  <c r="AE38" i="22" a="1"/>
  <c r="AE38" i="22" s="1"/>
  <c r="AG38" i="22" a="1"/>
  <c r="AG38" i="22" s="1"/>
  <c r="E28" i="14"/>
  <c r="F34" i="25"/>
  <c r="T1962" i="10"/>
  <c r="AF60" i="22" a="1"/>
  <c r="AF60" i="22" s="1"/>
  <c r="AD60" i="22" a="1"/>
  <c r="AD60" i="22" s="1"/>
  <c r="AH60" i="22" a="1"/>
  <c r="AH60" i="22" s="1"/>
  <c r="AJ60" i="22" a="1"/>
  <c r="AJ60" i="22" s="1"/>
  <c r="AB60" i="22" a="1"/>
  <c r="AB60" i="22" s="1"/>
  <c r="AK60" i="22" a="1"/>
  <c r="AK60" i="22" s="1"/>
  <c r="AI60" i="22" a="1"/>
  <c r="AI60" i="22" s="1"/>
  <c r="AE60" i="22" a="1"/>
  <c r="AE60" i="22" s="1"/>
  <c r="AG60" i="22" a="1"/>
  <c r="AG60" i="22" s="1"/>
  <c r="AA60" i="22" a="1"/>
  <c r="AA60" i="22" s="1"/>
  <c r="AC60" i="22" a="1"/>
  <c r="AC60" i="22" s="1"/>
  <c r="E72" i="6"/>
  <c r="E72" i="7" s="1"/>
  <c r="E72" i="14"/>
  <c r="Y72" i="6"/>
  <c r="I72" i="7"/>
  <c r="AC52" i="22" a="1"/>
  <c r="AC52" i="22" s="1"/>
  <c r="AE52" i="22" a="1"/>
  <c r="AE52" i="22" s="1"/>
  <c r="AI52" i="22" a="1"/>
  <c r="AI52" i="22" s="1"/>
  <c r="AJ52" i="22" a="1"/>
  <c r="AJ52" i="22" s="1"/>
  <c r="AH52" i="22" a="1"/>
  <c r="AH52" i="22" s="1"/>
  <c r="AG52" i="22" a="1"/>
  <c r="AG52" i="22" s="1"/>
  <c r="AA52" i="22" a="1"/>
  <c r="AA52" i="22" s="1"/>
  <c r="AD52" i="22" a="1"/>
  <c r="AD52" i="22" s="1"/>
  <c r="AK52" i="22" a="1"/>
  <c r="AK52" i="22" s="1"/>
  <c r="AF52" i="22" a="1"/>
  <c r="AF52" i="22" s="1"/>
  <c r="AB52" i="22" a="1"/>
  <c r="AB52" i="22" s="1"/>
  <c r="L27" i="25"/>
  <c r="P27" i="25"/>
  <c r="AD27" i="25"/>
  <c r="J27" i="25"/>
  <c r="V27" i="25"/>
  <c r="Z27" i="25"/>
  <c r="F27" i="25"/>
  <c r="H27" i="25"/>
  <c r="R27" i="25"/>
  <c r="X27" i="25"/>
  <c r="T27" i="25"/>
  <c r="AB27" i="25"/>
  <c r="N27" i="25"/>
  <c r="H38" i="25"/>
  <c r="X38" i="25"/>
  <c r="V38" i="25"/>
  <c r="R38" i="25"/>
  <c r="AB38" i="25"/>
  <c r="L38" i="25"/>
  <c r="N38" i="25"/>
  <c r="AD38" i="25"/>
  <c r="Z38" i="25"/>
  <c r="P38" i="25"/>
  <c r="T38" i="25"/>
  <c r="J38" i="25"/>
  <c r="F38" i="25"/>
  <c r="T1862" i="10"/>
  <c r="T2612" i="10"/>
  <c r="AJ80" i="22" a="1"/>
  <c r="AJ80" i="22" s="1"/>
  <c r="AC80" i="22" a="1"/>
  <c r="AC80" i="22" s="1"/>
  <c r="AG80" i="22" a="1"/>
  <c r="AG80" i="22" s="1"/>
  <c r="AI80" i="22" a="1"/>
  <c r="AI80" i="22" s="1"/>
  <c r="AB80" i="22" a="1"/>
  <c r="AB80" i="22" s="1"/>
  <c r="AK80" i="22" a="1"/>
  <c r="AK80" i="22" s="1"/>
  <c r="AH80" i="22" a="1"/>
  <c r="AH80" i="22" s="1"/>
  <c r="AE80" i="22" a="1"/>
  <c r="AE80" i="22" s="1"/>
  <c r="AF80" i="22" a="1"/>
  <c r="AF80" i="22" s="1"/>
  <c r="AA80" i="22" a="1"/>
  <c r="AA80" i="22" s="1"/>
  <c r="AD80" i="22" a="1"/>
  <c r="AD80" i="22" s="1"/>
  <c r="T1812" i="10"/>
  <c r="I44" i="6" s="1"/>
  <c r="E38" i="6"/>
  <c r="E38" i="7" s="1"/>
  <c r="E38" i="14"/>
  <c r="E34" i="6"/>
  <c r="E34" i="7" s="1"/>
  <c r="E34" i="14"/>
  <c r="E58" i="6"/>
  <c r="E58" i="7" s="1"/>
  <c r="E58" i="14"/>
  <c r="F25" i="25"/>
  <c r="F22" i="25"/>
  <c r="AE72" i="22" a="1"/>
  <c r="AE72" i="22" s="1"/>
  <c r="AF72" i="22" a="1"/>
  <c r="AF72" i="22" s="1"/>
  <c r="AG72" i="22" a="1"/>
  <c r="AG72" i="22" s="1"/>
  <c r="AJ72" i="22" a="1"/>
  <c r="AJ72" i="22" s="1"/>
  <c r="AH72" i="22" a="1"/>
  <c r="AH72" i="22" s="1"/>
  <c r="AD72" i="22" a="1"/>
  <c r="AD72" i="22" s="1"/>
  <c r="AA72" i="22" a="1"/>
  <c r="AA72" i="22" s="1"/>
  <c r="AC72" i="22" a="1"/>
  <c r="AC72" i="22" s="1"/>
  <c r="AB72" i="22" a="1"/>
  <c r="AB72" i="22" s="1"/>
  <c r="AK72" i="22" a="1"/>
  <c r="AK72" i="22" s="1"/>
  <c r="AI72" i="22" a="1"/>
  <c r="AI72" i="22" s="1"/>
  <c r="T462" i="10"/>
  <c r="T662" i="10"/>
  <c r="T312" i="10"/>
  <c r="T2762" i="10"/>
  <c r="P38" i="22"/>
  <c r="Q38" i="22" s="1"/>
  <c r="P66" i="22"/>
  <c r="Q66" i="22" s="1"/>
  <c r="T762" i="10"/>
  <c r="I38" i="7"/>
  <c r="Y38" i="6"/>
  <c r="F58" i="25"/>
  <c r="Z58" i="25"/>
  <c r="AD58" i="25"/>
  <c r="R58" i="25"/>
  <c r="H58" i="25"/>
  <c r="P58" i="25"/>
  <c r="AB58" i="25"/>
  <c r="J58" i="25"/>
  <c r="X58" i="25"/>
  <c r="V58" i="25"/>
  <c r="T58" i="25"/>
  <c r="L58" i="25"/>
  <c r="N58" i="25"/>
  <c r="E67" i="6"/>
  <c r="E67" i="7" s="1"/>
  <c r="E67" i="14"/>
  <c r="T562" i="10"/>
  <c r="AB46" i="22" a="1"/>
  <c r="AB46" i="22" s="1"/>
  <c r="AG46" i="22" a="1"/>
  <c r="AG46" i="22" s="1"/>
  <c r="AD46" i="22" a="1"/>
  <c r="AD46" i="22" s="1"/>
  <c r="AK46" i="22" a="1"/>
  <c r="AK46" i="22" s="1"/>
  <c r="AF46" i="22" a="1"/>
  <c r="AF46" i="22" s="1"/>
  <c r="AA46" i="22" a="1"/>
  <c r="AA46" i="22" s="1"/>
  <c r="AE46" i="22" a="1"/>
  <c r="AE46" i="22" s="1"/>
  <c r="AJ46" i="22" a="1"/>
  <c r="AJ46" i="22" s="1"/>
  <c r="AC46" i="22" a="1"/>
  <c r="AC46" i="22" s="1"/>
  <c r="AI46" i="22" a="1"/>
  <c r="AI46" i="22" s="1"/>
  <c r="AH46" i="22" a="1"/>
  <c r="AH46" i="22" s="1"/>
  <c r="I60" i="7"/>
  <c r="Y60" i="6"/>
  <c r="AK34" i="22" a="1"/>
  <c r="AK34" i="22" s="1"/>
  <c r="AC34" i="22" a="1"/>
  <c r="AC34" i="22" s="1"/>
  <c r="AG34" i="22" a="1"/>
  <c r="AG34" i="22" s="1"/>
  <c r="AE34" i="22" a="1"/>
  <c r="AE34" i="22" s="1"/>
  <c r="AB34" i="22" a="1"/>
  <c r="AB34" i="22" s="1"/>
  <c r="AJ34" i="22" a="1"/>
  <c r="AJ34" i="22" s="1"/>
  <c r="AI34" i="22" a="1"/>
  <c r="AI34" i="22" s="1"/>
  <c r="AA34" i="22" a="1"/>
  <c r="AA34" i="22" s="1"/>
  <c r="AF34" i="22" a="1"/>
  <c r="AF34" i="22" s="1"/>
  <c r="AH34" i="22" a="1"/>
  <c r="AH34" i="22" s="1"/>
  <c r="AD34" i="22" a="1"/>
  <c r="AD34" i="22" s="1"/>
  <c r="AK43" i="22" a="1"/>
  <c r="AK43" i="22" s="1"/>
  <c r="AH43" i="22" a="1"/>
  <c r="AH43" i="22" s="1"/>
  <c r="AC43" i="22" a="1"/>
  <c r="AC43" i="22" s="1"/>
  <c r="AA43" i="22" a="1"/>
  <c r="AA43" i="22" s="1"/>
  <c r="AI43" i="22" a="1"/>
  <c r="AI43" i="22" s="1"/>
  <c r="AB43" i="22" a="1"/>
  <c r="AB43" i="22" s="1"/>
  <c r="AJ43" i="22" a="1"/>
  <c r="AJ43" i="22" s="1"/>
  <c r="AD43" i="22" a="1"/>
  <c r="AD43" i="22" s="1"/>
  <c r="AE43" i="22" a="1"/>
  <c r="AE43" i="22" s="1"/>
  <c r="AG43" i="22" a="1"/>
  <c r="AG43" i="22" s="1"/>
  <c r="AF43" i="22" a="1"/>
  <c r="AF43" i="22" s="1"/>
  <c r="E48" i="6"/>
  <c r="E48" i="7" s="1"/>
  <c r="E48" i="14"/>
  <c r="F54" i="25"/>
  <c r="I52" i="7"/>
  <c r="Y52" i="6"/>
  <c r="T1362" i="10"/>
  <c r="T162" i="10"/>
  <c r="E63" i="6"/>
  <c r="E63" i="7" s="1"/>
  <c r="E63" i="14"/>
  <c r="T2512" i="10"/>
  <c r="F9" i="25"/>
  <c r="F37" i="25"/>
  <c r="X33" i="25"/>
  <c r="T33" i="25"/>
  <c r="H33" i="25"/>
  <c r="V33" i="25"/>
  <c r="F33" i="25"/>
  <c r="J33" i="25"/>
  <c r="Z33" i="25"/>
  <c r="AD33" i="25"/>
  <c r="P33" i="25"/>
  <c r="N33" i="25"/>
  <c r="L33" i="25"/>
  <c r="R33" i="25"/>
  <c r="AB33" i="25"/>
  <c r="AH48" i="22" a="1"/>
  <c r="AH48" i="22" s="1"/>
  <c r="AB48" i="22" a="1"/>
  <c r="AB48" i="22" s="1"/>
  <c r="AK48" i="22" a="1"/>
  <c r="AK48" i="22" s="1"/>
  <c r="AI48" i="22" a="1"/>
  <c r="AI48" i="22" s="1"/>
  <c r="AE48" i="22" a="1"/>
  <c r="AE48" i="22" s="1"/>
  <c r="AG48" i="22" a="1"/>
  <c r="AG48" i="22" s="1"/>
  <c r="AA48" i="22" a="1"/>
  <c r="AA48" i="22" s="1"/>
  <c r="AJ48" i="22" a="1"/>
  <c r="AJ48" i="22" s="1"/>
  <c r="AD48" i="22" a="1"/>
  <c r="AD48" i="22" s="1"/>
  <c r="AF48" i="22" a="1"/>
  <c r="AF48" i="22" s="1"/>
  <c r="AC48" i="22" a="1"/>
  <c r="AC48" i="22" s="1"/>
  <c r="AD59" i="22" a="1"/>
  <c r="AD59" i="22" s="1"/>
  <c r="AJ59" i="22" a="1"/>
  <c r="AJ59" i="22" s="1"/>
  <c r="AH59" i="22" a="1"/>
  <c r="AH59" i="22" s="1"/>
  <c r="AE59" i="22" a="1"/>
  <c r="AE59" i="22" s="1"/>
  <c r="AF59" i="22" a="1"/>
  <c r="AF59" i="22" s="1"/>
  <c r="AK59" i="22" a="1"/>
  <c r="AK59" i="22" s="1"/>
  <c r="AG59" i="22" a="1"/>
  <c r="AG59" i="22" s="1"/>
  <c r="AA59" i="22" a="1"/>
  <c r="AA59" i="22" s="1"/>
  <c r="AC59" i="22" a="1"/>
  <c r="AC59" i="22" s="1"/>
  <c r="AI59" i="22" a="1"/>
  <c r="AI59" i="22" s="1"/>
  <c r="AB59" i="22" a="1"/>
  <c r="AB59" i="22" s="1"/>
  <c r="T512" i="10"/>
  <c r="F45" i="25"/>
  <c r="AH55" i="22" a="1"/>
  <c r="AH55" i="22" s="1"/>
  <c r="AC55" i="22" a="1"/>
  <c r="AC55" i="22" s="1"/>
  <c r="AG55" i="22" a="1"/>
  <c r="AG55" i="22" s="1"/>
  <c r="AD55" i="22" a="1"/>
  <c r="AD55" i="22" s="1"/>
  <c r="AE55" i="22" a="1"/>
  <c r="AE55" i="22" s="1"/>
  <c r="AB55" i="22" a="1"/>
  <c r="AB55" i="22" s="1"/>
  <c r="AI55" i="22" a="1"/>
  <c r="AI55" i="22" s="1"/>
  <c r="AK55" i="22" a="1"/>
  <c r="AK55" i="22" s="1"/>
  <c r="AA55" i="22" a="1"/>
  <c r="AA55" i="22" s="1"/>
  <c r="AJ55" i="22" a="1"/>
  <c r="AJ55" i="22" s="1"/>
  <c r="AF55" i="22" a="1"/>
  <c r="AF55" i="22" s="1"/>
  <c r="I46" i="7"/>
  <c r="Y46" i="6"/>
  <c r="AC75" i="22" a="1"/>
  <c r="AC75" i="22" s="1"/>
  <c r="AF75" i="22" a="1"/>
  <c r="AF75" i="22" s="1"/>
  <c r="AI75" i="22" a="1"/>
  <c r="AI75" i="22" s="1"/>
  <c r="AG75" i="22" a="1"/>
  <c r="AG75" i="22" s="1"/>
  <c r="AA75" i="22" a="1"/>
  <c r="AA75" i="22" s="1"/>
  <c r="AB75" i="22" a="1"/>
  <c r="AB75" i="22" s="1"/>
  <c r="AD75" i="22" a="1"/>
  <c r="AD75" i="22" s="1"/>
  <c r="AE75" i="22" a="1"/>
  <c r="AE75" i="22" s="1"/>
  <c r="AK75" i="22" a="1"/>
  <c r="AK75" i="22" s="1"/>
  <c r="AH75" i="22" a="1"/>
  <c r="AH75" i="22" s="1"/>
  <c r="AJ75" i="22" a="1"/>
  <c r="AJ75" i="22" s="1"/>
  <c r="T61" i="25"/>
  <c r="X61" i="25"/>
  <c r="H61" i="25"/>
  <c r="R61" i="25"/>
  <c r="N61" i="25"/>
  <c r="P61" i="25"/>
  <c r="AB61" i="25"/>
  <c r="V61" i="25"/>
  <c r="F61" i="25"/>
  <c r="AD61" i="25"/>
  <c r="L61" i="25"/>
  <c r="J61" i="25"/>
  <c r="Z61" i="25"/>
  <c r="I48" i="7"/>
  <c r="Y48" i="6"/>
  <c r="T2162" i="10"/>
  <c r="X26" i="25"/>
  <c r="AD26" i="25"/>
  <c r="V26" i="25"/>
  <c r="R26" i="25"/>
  <c r="L26" i="25"/>
  <c r="AB26" i="25"/>
  <c r="H26" i="25"/>
  <c r="T26" i="25"/>
  <c r="P26" i="25"/>
  <c r="F26" i="25"/>
  <c r="N26" i="25"/>
  <c r="J26" i="25"/>
  <c r="Z26" i="25"/>
  <c r="I59" i="7"/>
  <c r="Y59" i="6"/>
  <c r="F49" i="25"/>
  <c r="T2262" i="10"/>
  <c r="E60" i="14"/>
  <c r="E60" i="6"/>
  <c r="E60" i="7" s="1"/>
  <c r="I34" i="7"/>
  <c r="Y34" i="6"/>
  <c r="E42" i="14"/>
  <c r="E42" i="6"/>
  <c r="E42" i="7" s="1"/>
  <c r="AD66" i="22" a="1"/>
  <c r="AD66" i="22" s="1"/>
  <c r="AJ66" i="22" a="1"/>
  <c r="AJ66" i="22" s="1"/>
  <c r="AF66" i="22" a="1"/>
  <c r="AF66" i="22" s="1"/>
  <c r="AG66" i="22" a="1"/>
  <c r="AG66" i="22" s="1"/>
  <c r="AB66" i="22" a="1"/>
  <c r="AB66" i="22" s="1"/>
  <c r="AK66" i="22" a="1"/>
  <c r="AK66" i="22" s="1"/>
  <c r="AE66" i="22" a="1"/>
  <c r="AE66" i="22" s="1"/>
  <c r="AI66" i="22" a="1"/>
  <c r="AI66" i="22" s="1"/>
  <c r="AC66" i="22" a="1"/>
  <c r="AC66" i="22" s="1"/>
  <c r="AA66" i="22" a="1"/>
  <c r="AA66" i="22" s="1"/>
  <c r="AH66" i="22" a="1"/>
  <c r="AH66" i="22" s="1"/>
  <c r="T262" i="10"/>
  <c r="I79" i="7"/>
  <c r="Y79" i="6"/>
  <c r="AB30" i="22" a="1"/>
  <c r="AB30" i="22" s="1"/>
  <c r="AF30" i="22" a="1"/>
  <c r="AF30" i="22" s="1"/>
  <c r="AH30" i="22" a="1"/>
  <c r="AH30" i="22" s="1"/>
  <c r="AI30" i="22" a="1"/>
  <c r="AI30" i="22" s="1"/>
  <c r="AC30" i="22" a="1"/>
  <c r="AC30" i="22" s="1"/>
  <c r="AK30" i="22" a="1"/>
  <c r="AK30" i="22" s="1"/>
  <c r="AG30" i="22" a="1"/>
  <c r="AG30" i="22" s="1"/>
  <c r="AE30" i="22" a="1"/>
  <c r="AE30" i="22" s="1"/>
  <c r="AD30" i="22" a="1"/>
  <c r="AD30" i="22" s="1"/>
  <c r="AJ30" i="22" a="1"/>
  <c r="AJ30" i="22" s="1"/>
  <c r="E75" i="6"/>
  <c r="E75" i="7" s="1"/>
  <c r="E75" i="14"/>
  <c r="AC58" i="22" a="1"/>
  <c r="AC58" i="22" s="1"/>
  <c r="AI58" i="22" a="1"/>
  <c r="AI58" i="22" s="1"/>
  <c r="AD58" i="22" a="1"/>
  <c r="AD58" i="22" s="1"/>
  <c r="AG58" i="22" a="1"/>
  <c r="AG58" i="22" s="1"/>
  <c r="AK58" i="22" a="1"/>
  <c r="AK58" i="22" s="1"/>
  <c r="AJ58" i="22" a="1"/>
  <c r="AJ58" i="22" s="1"/>
  <c r="AF58" i="22" a="1"/>
  <c r="AF58" i="22" s="1"/>
  <c r="AE58" i="22" a="1"/>
  <c r="AE58" i="22" s="1"/>
  <c r="AH58" i="22" a="1"/>
  <c r="AH58" i="22" s="1"/>
  <c r="AA58" i="22" a="1"/>
  <c r="AA58" i="22" s="1"/>
  <c r="AB58" i="22" a="1"/>
  <c r="AB58" i="22" s="1"/>
  <c r="AC54" i="22" a="1"/>
  <c r="AC54" i="22" s="1"/>
  <c r="AK54" i="22" a="1"/>
  <c r="AK54" i="22" s="1"/>
  <c r="AF54" i="22" a="1"/>
  <c r="AF54" i="22" s="1"/>
  <c r="Y75" i="6"/>
  <c r="I75" i="7"/>
  <c r="T2112" i="10"/>
  <c r="T1762" i="10"/>
  <c r="Y80" i="6"/>
  <c r="I80" i="7"/>
  <c r="T2562" i="10"/>
  <c r="P73" i="22"/>
  <c r="Q73" i="22" s="1"/>
  <c r="T2362" i="10"/>
  <c r="J29" i="25"/>
  <c r="N29" i="25"/>
  <c r="P29" i="25"/>
  <c r="AB29" i="25"/>
  <c r="F29" i="25"/>
  <c r="Z29" i="25"/>
  <c r="X29" i="25"/>
  <c r="L29" i="25"/>
  <c r="AD29" i="25"/>
  <c r="T29" i="25"/>
  <c r="R29" i="25"/>
  <c r="V29" i="25"/>
  <c r="H29" i="25"/>
  <c r="F30" i="25"/>
  <c r="J30" i="25"/>
  <c r="P30" i="25"/>
  <c r="AB30" i="25"/>
  <c r="X30" i="25"/>
  <c r="V30" i="25"/>
  <c r="L30" i="25"/>
  <c r="Z30" i="25"/>
  <c r="N30" i="25"/>
  <c r="AD30" i="25"/>
  <c r="H30" i="25"/>
  <c r="T30" i="25"/>
  <c r="R30" i="25"/>
  <c r="AG79" i="22" a="1"/>
  <c r="AG79" i="22" s="1"/>
  <c r="AA79" i="22" a="1"/>
  <c r="AA79" i="22" s="1"/>
  <c r="AK79" i="22" a="1"/>
  <c r="AK79" i="22" s="1"/>
  <c r="AE79" i="22" a="1"/>
  <c r="AE79" i="22" s="1"/>
  <c r="AI79" i="22" a="1"/>
  <c r="AI79" i="22" s="1"/>
  <c r="AC79" i="22" a="1"/>
  <c r="AC79" i="22" s="1"/>
  <c r="AJ79" i="22" a="1"/>
  <c r="AJ79" i="22" s="1"/>
  <c r="AH79" i="22" a="1"/>
  <c r="AH79" i="22" s="1"/>
  <c r="AF79" i="22" a="1"/>
  <c r="AF79" i="22" s="1"/>
  <c r="AB79" i="22" a="1"/>
  <c r="AB79" i="22" s="1"/>
  <c r="AD79" i="22" a="1"/>
  <c r="AD79" i="22" s="1"/>
  <c r="Y55" i="6"/>
  <c r="I55" i="7"/>
  <c r="T7" i="25"/>
  <c r="J7" i="25"/>
  <c r="AD7" i="25"/>
  <c r="X7" i="25"/>
  <c r="AB7" i="25"/>
  <c r="V7" i="25"/>
  <c r="F7" i="25"/>
  <c r="Z7" i="25"/>
  <c r="P7" i="25"/>
  <c r="R7" i="25"/>
  <c r="N7" i="25"/>
  <c r="H7" i="25"/>
  <c r="L7" i="25"/>
  <c r="F35" i="25"/>
  <c r="I66" i="7"/>
  <c r="Y66" i="6"/>
  <c r="F21" i="25"/>
  <c r="E31" i="6"/>
  <c r="E31" i="7" s="1"/>
  <c r="E31" i="14"/>
  <c r="AA50" i="22" a="1"/>
  <c r="AA50" i="22" s="1"/>
  <c r="AD50" i="22" a="1"/>
  <c r="AD50" i="22" s="1"/>
  <c r="AI50" i="22" a="1"/>
  <c r="AI50" i="22" s="1"/>
  <c r="AB50" i="22" a="1"/>
  <c r="AB50" i="22" s="1"/>
  <c r="AJ50" i="22" a="1"/>
  <c r="AJ50" i="22" s="1"/>
  <c r="AC50" i="22" a="1"/>
  <c r="AC50" i="22" s="1"/>
  <c r="AK50" i="22" a="1"/>
  <c r="AK50" i="22" s="1"/>
  <c r="AH50" i="22" a="1"/>
  <c r="AH50" i="22" s="1"/>
  <c r="AF50" i="22" a="1"/>
  <c r="AF50" i="22" s="1"/>
  <c r="AE50" i="22" a="1"/>
  <c r="AE50" i="22" s="1"/>
  <c r="AG50" i="22" a="1"/>
  <c r="AG50" i="22" s="1"/>
  <c r="AE51" i="22" a="1"/>
  <c r="AE51" i="22" s="1"/>
  <c r="AI51" i="22" a="1"/>
  <c r="AI51" i="22" s="1"/>
  <c r="AH51" i="22" a="1"/>
  <c r="AH51" i="22" s="1"/>
  <c r="AK51" i="22" a="1"/>
  <c r="AK51" i="22" s="1"/>
  <c r="AB51" i="22" a="1"/>
  <c r="AB51" i="22" s="1"/>
  <c r="AD51" i="22" a="1"/>
  <c r="AD51" i="22" s="1"/>
  <c r="AG51" i="22" a="1"/>
  <c r="AG51" i="22" s="1"/>
  <c r="AF51" i="22" a="1"/>
  <c r="AF51" i="22" s="1"/>
  <c r="AC51" i="22" a="1"/>
  <c r="AC51" i="22" s="1"/>
  <c r="AA51" i="22" a="1"/>
  <c r="AA51" i="22" s="1"/>
  <c r="AJ51" i="22" a="1"/>
  <c r="AJ51" i="22" s="1"/>
  <c r="Y30" i="6"/>
  <c r="I30" i="7"/>
  <c r="T1562" i="10"/>
  <c r="AC28" i="22" a="1"/>
  <c r="AC28" i="22" s="1"/>
  <c r="AP28" i="22" s="1"/>
  <c r="K28" i="14" s="1"/>
  <c r="AJ28" i="22" a="1"/>
  <c r="AJ28" i="22" s="1"/>
  <c r="AW28" i="22" s="1"/>
  <c r="R28" i="14" s="1"/>
  <c r="AE28" i="22" a="1"/>
  <c r="AE28" i="22" s="1"/>
  <c r="AR28" i="22" s="1"/>
  <c r="M28" i="14" s="1"/>
  <c r="AA28" i="22" a="1"/>
  <c r="AA28" i="22" s="1"/>
  <c r="AN28" i="22" s="1"/>
  <c r="I28" i="14" s="1"/>
  <c r="AI28" i="22" a="1"/>
  <c r="AI28" i="22" s="1"/>
  <c r="AV28" i="22" s="1"/>
  <c r="Q28" i="14" s="1"/>
  <c r="AB28" i="22" a="1"/>
  <c r="AB28" i="22" s="1"/>
  <c r="AO28" i="22" s="1"/>
  <c r="J28" i="14" s="1"/>
  <c r="AF28" i="22" a="1"/>
  <c r="AF28" i="22" s="1"/>
  <c r="AS28" i="22" s="1"/>
  <c r="N28" i="14" s="1"/>
  <c r="AK28" i="22" a="1"/>
  <c r="AK28" i="22" s="1"/>
  <c r="AX28" i="22" s="1"/>
  <c r="S28" i="14" s="1"/>
  <c r="AD28" i="22" a="1"/>
  <c r="AD28" i="22" s="1"/>
  <c r="AQ28" i="22" s="1"/>
  <c r="L28" i="14" s="1"/>
  <c r="AG28" i="22" a="1"/>
  <c r="AG28" i="22" s="1"/>
  <c r="AT28" i="22" s="1"/>
  <c r="O28" i="14" s="1"/>
  <c r="AH28" i="22" a="1"/>
  <c r="AH28" i="22" s="1"/>
  <c r="AU28" i="22" s="1"/>
  <c r="P28" i="14" s="1"/>
  <c r="E52" i="6"/>
  <c r="E52" i="7" s="1"/>
  <c r="E52" i="14"/>
  <c r="F46" i="25"/>
  <c r="I58" i="7"/>
  <c r="Y58" i="6"/>
  <c r="F51" i="25"/>
  <c r="AK82" i="22" a="1"/>
  <c r="AK82" i="22" s="1"/>
  <c r="AB82" i="22" a="1"/>
  <c r="AB82" i="22" s="1"/>
  <c r="AH82" i="22" a="1"/>
  <c r="AH82" i="22" s="1"/>
  <c r="AD82" i="22" a="1"/>
  <c r="AD82" i="22" s="1"/>
  <c r="AC82" i="22" a="1"/>
  <c r="AC82" i="22" s="1"/>
  <c r="AF82" i="22" a="1"/>
  <c r="AF82" i="22" s="1"/>
  <c r="AA82" i="22" a="1"/>
  <c r="AA82" i="22" s="1"/>
  <c r="AE82" i="22" a="1"/>
  <c r="AE82" i="22" s="1"/>
  <c r="AJ82" i="22" a="1"/>
  <c r="AJ82" i="22" s="1"/>
  <c r="AI82" i="22" a="1"/>
  <c r="AI82" i="22" s="1"/>
  <c r="AG82" i="22" a="1"/>
  <c r="AG82" i="22" s="1"/>
  <c r="AB47" i="22" a="1"/>
  <c r="AB47" i="22" s="1"/>
  <c r="T1912" i="10"/>
  <c r="AJ70" i="22" a="1"/>
  <c r="AJ70" i="22" s="1"/>
  <c r="AH70" i="22" a="1"/>
  <c r="AH70" i="22" s="1"/>
  <c r="AB70" i="22" a="1"/>
  <c r="AB70" i="22" s="1"/>
  <c r="AD70" i="22" a="1"/>
  <c r="AD70" i="22" s="1"/>
  <c r="AI70" i="22" a="1"/>
  <c r="AI70" i="22" s="1"/>
  <c r="AA70" i="22" a="1"/>
  <c r="AA70" i="22" s="1"/>
  <c r="AF70" i="22" a="1"/>
  <c r="AF70" i="22" s="1"/>
  <c r="AK70" i="22" a="1"/>
  <c r="AK70" i="22" s="1"/>
  <c r="AE70" i="22" a="1"/>
  <c r="AE70" i="22" s="1"/>
  <c r="AC70" i="22" a="1"/>
  <c r="AC70" i="22" s="1"/>
  <c r="AG70" i="22" a="1"/>
  <c r="AG70" i="22" s="1"/>
  <c r="F23" i="25"/>
  <c r="N6" i="25"/>
  <c r="T6" i="25"/>
  <c r="R6" i="25"/>
  <c r="P6" i="25"/>
  <c r="AD6" i="25"/>
  <c r="L6" i="25"/>
  <c r="F6" i="25"/>
  <c r="AB6" i="25"/>
  <c r="V6" i="25"/>
  <c r="Z6" i="25"/>
  <c r="X6" i="25"/>
  <c r="H6" i="25"/>
  <c r="J6" i="25"/>
  <c r="R48" i="22"/>
  <c r="X48" i="22" s="1"/>
  <c r="Y48" i="22" s="1"/>
  <c r="B11" i="11"/>
  <c r="E1148" i="26" l="1"/>
  <c r="E1085" i="26"/>
  <c r="E707" i="26"/>
  <c r="E1200" i="26"/>
  <c r="E1349" i="26"/>
  <c r="E1031" i="26"/>
  <c r="E1611" i="26"/>
  <c r="E1515" i="26"/>
  <c r="E2275" i="26"/>
  <c r="E2443" i="26"/>
  <c r="E1387" i="26"/>
  <c r="E965" i="26"/>
  <c r="E711" i="26"/>
  <c r="E368" i="26"/>
  <c r="E347" i="26"/>
  <c r="E867" i="26"/>
  <c r="E565" i="26"/>
  <c r="E1941" i="26"/>
  <c r="M36" i="22"/>
  <c r="M40" i="22"/>
  <c r="E995" i="26"/>
  <c r="E1645" i="26"/>
  <c r="E828" i="26"/>
  <c r="E947" i="26"/>
  <c r="E773" i="26"/>
  <c r="E1035" i="26"/>
  <c r="E803" i="26"/>
  <c r="E1931" i="26"/>
  <c r="E1100" i="26"/>
  <c r="E1351" i="26"/>
  <c r="E1691" i="26"/>
  <c r="E332" i="26"/>
  <c r="E1163" i="26"/>
  <c r="E2571" i="26"/>
  <c r="E1467" i="26"/>
  <c r="E1763" i="26"/>
  <c r="E1300" i="26"/>
  <c r="E443" i="26"/>
  <c r="E1059" i="26"/>
  <c r="E659" i="26"/>
  <c r="E451" i="26"/>
  <c r="E1315" i="26"/>
  <c r="E1972" i="26"/>
  <c r="E499" i="26"/>
  <c r="E571" i="26"/>
  <c r="AD33" i="23"/>
  <c r="Z33" i="23"/>
  <c r="T33" i="23"/>
  <c r="V33" i="23"/>
  <c r="X33" i="23"/>
  <c r="R33" i="23"/>
  <c r="AB33" i="23"/>
  <c r="N33" i="23"/>
  <c r="P33" i="23"/>
  <c r="L33" i="23"/>
  <c r="H33" i="23"/>
  <c r="J33" i="23"/>
  <c r="F33" i="23"/>
  <c r="E589" i="26"/>
  <c r="E2667" i="26"/>
  <c r="E1220" i="26"/>
  <c r="E468" i="26"/>
  <c r="E1949" i="26"/>
  <c r="E749" i="26"/>
  <c r="E891" i="26"/>
  <c r="E11" i="23"/>
  <c r="F11" i="23"/>
  <c r="E611" i="26"/>
  <c r="E1288" i="26"/>
  <c r="E435" i="26"/>
  <c r="O92" i="7"/>
  <c r="S92" i="6"/>
  <c r="S92" i="7" s="1"/>
  <c r="R92" i="6"/>
  <c r="T92" i="6"/>
  <c r="AF47" i="22" a="1"/>
  <c r="AF47" i="22" s="1"/>
  <c r="AC47" i="22" a="1"/>
  <c r="AC47" i="22" s="1"/>
  <c r="AA47" i="22" a="1"/>
  <c r="AA47" i="22" s="1"/>
  <c r="AD6" i="23"/>
  <c r="Z6" i="23"/>
  <c r="V6" i="23"/>
  <c r="AB6" i="23"/>
  <c r="X6" i="23"/>
  <c r="N6" i="23"/>
  <c r="P6" i="23"/>
  <c r="L6" i="23"/>
  <c r="H6" i="23"/>
  <c r="R6" i="23"/>
  <c r="J6" i="23"/>
  <c r="F6" i="23"/>
  <c r="T6" i="23"/>
  <c r="AM88" i="7"/>
  <c r="E67" i="23" s="1"/>
  <c r="AU88" i="7"/>
  <c r="U67" i="23" s="1"/>
  <c r="AV88" i="7"/>
  <c r="W67" i="23" s="1"/>
  <c r="AN88" i="7"/>
  <c r="G67" i="23" s="1"/>
  <c r="AT88" i="7"/>
  <c r="S67" i="23" s="1"/>
  <c r="AR88" i="7"/>
  <c r="O67" i="23" s="1"/>
  <c r="AY88" i="7"/>
  <c r="AC67" i="23" s="1"/>
  <c r="AQ88" i="7"/>
  <c r="M67" i="23" s="1"/>
  <c r="AX88" i="7"/>
  <c r="AA67" i="23" s="1"/>
  <c r="AP88" i="7"/>
  <c r="K67" i="23" s="1"/>
  <c r="AW88" i="7"/>
  <c r="Y67" i="23" s="1"/>
  <c r="AO88" i="7"/>
  <c r="I67" i="23" s="1"/>
  <c r="AS88" i="7"/>
  <c r="Q67" i="23" s="1"/>
  <c r="AX27" i="22"/>
  <c r="S27" i="14" s="1"/>
  <c r="E880" i="26"/>
  <c r="AB74" i="25"/>
  <c r="L74" i="25"/>
  <c r="R74" i="25"/>
  <c r="T74" i="25"/>
  <c r="J74" i="25"/>
  <c r="Z74" i="25"/>
  <c r="N74" i="25"/>
  <c r="F74" i="25"/>
  <c r="X74" i="25"/>
  <c r="P74" i="25"/>
  <c r="AD74" i="25"/>
  <c r="H74" i="25"/>
  <c r="V74" i="25"/>
  <c r="I95" i="7"/>
  <c r="Q95" i="6"/>
  <c r="L95" i="6"/>
  <c r="Y95" i="6"/>
  <c r="Y95" i="7" s="1"/>
  <c r="K95" i="6"/>
  <c r="K95" i="7" s="1"/>
  <c r="D95" i="7"/>
  <c r="X95" i="6"/>
  <c r="T91" i="7"/>
  <c r="V91" i="6"/>
  <c r="V91" i="7" s="1"/>
  <c r="AE47" i="22" a="1"/>
  <c r="AE47" i="22" s="1"/>
  <c r="AH47" i="22" a="1"/>
  <c r="AH47" i="22" s="1"/>
  <c r="AI47" i="22" a="1"/>
  <c r="AI47" i="22" s="1"/>
  <c r="AG47" i="22" a="1"/>
  <c r="AG47" i="22" s="1"/>
  <c r="F19" i="25"/>
  <c r="E1008" i="26"/>
  <c r="E795" i="26"/>
  <c r="E1259" i="26"/>
  <c r="E1685" i="26"/>
  <c r="E1028" i="26"/>
  <c r="F22" i="23"/>
  <c r="E22" i="23"/>
  <c r="E532" i="26"/>
  <c r="E1683" i="26"/>
  <c r="AD26" i="23"/>
  <c r="Z26" i="23"/>
  <c r="V26" i="23"/>
  <c r="X26" i="23"/>
  <c r="T26" i="23"/>
  <c r="R26" i="23"/>
  <c r="AB26" i="23"/>
  <c r="P26" i="23"/>
  <c r="L26" i="23"/>
  <c r="J26" i="23"/>
  <c r="F26" i="23"/>
  <c r="H26" i="23"/>
  <c r="N26" i="23"/>
  <c r="R91" i="7"/>
  <c r="U91" i="6"/>
  <c r="O93" i="6"/>
  <c r="N93" i="7"/>
  <c r="W90" i="6"/>
  <c r="U90" i="7"/>
  <c r="AJ47" i="22" a="1"/>
  <c r="AJ47" i="22" s="1"/>
  <c r="AK47" i="22" a="1"/>
  <c r="AK47" i="22" s="1"/>
  <c r="E32" i="14"/>
  <c r="E1739" i="26"/>
  <c r="E1451" i="26"/>
  <c r="E1968" i="26"/>
  <c r="E853" i="26"/>
  <c r="E901" i="26"/>
  <c r="E1507" i="26"/>
  <c r="E1635" i="26"/>
  <c r="E1251" i="26"/>
  <c r="AD7" i="23"/>
  <c r="AB7" i="23"/>
  <c r="V7" i="23"/>
  <c r="R7" i="23"/>
  <c r="Z7" i="23"/>
  <c r="X7" i="23"/>
  <c r="P7" i="23"/>
  <c r="T7" i="23"/>
  <c r="N7" i="23"/>
  <c r="J7" i="23"/>
  <c r="L7" i="23"/>
  <c r="H7" i="23"/>
  <c r="F7" i="23"/>
  <c r="E19" i="23"/>
  <c r="F19" i="23"/>
  <c r="F96" i="14"/>
  <c r="AH96" i="14" s="1"/>
  <c r="B75" i="23"/>
  <c r="B96" i="14"/>
  <c r="Q94" i="7"/>
  <c r="B76" i="25"/>
  <c r="C97" i="6"/>
  <c r="C97" i="14"/>
  <c r="E763" i="26"/>
  <c r="E909" i="26"/>
  <c r="E15" i="23"/>
  <c r="F15" i="23"/>
  <c r="D74" i="23"/>
  <c r="C74" i="23"/>
  <c r="A74" i="23"/>
  <c r="L94" i="7"/>
  <c r="N94" i="6"/>
  <c r="M94" i="6"/>
  <c r="M94" i="7" s="1"/>
  <c r="C96" i="7"/>
  <c r="I96" i="6"/>
  <c r="D96" i="14"/>
  <c r="D96" i="6"/>
  <c r="E1499" i="26"/>
  <c r="E1776" i="26"/>
  <c r="E211" i="26"/>
  <c r="E1980" i="26"/>
  <c r="E819" i="26"/>
  <c r="E747" i="26"/>
  <c r="E18" i="23"/>
  <c r="F18" i="23"/>
  <c r="E379" i="26"/>
  <c r="W89" i="7"/>
  <c r="AV89" i="6"/>
  <c r="W68" i="25" s="1"/>
  <c r="AQ89" i="6"/>
  <c r="M68" i="25" s="1"/>
  <c r="AM89" i="6"/>
  <c r="E68" i="25" s="1"/>
  <c r="AY89" i="6"/>
  <c r="AC68" i="25" s="1"/>
  <c r="AP89" i="6"/>
  <c r="K68" i="25" s="1"/>
  <c r="AX89" i="6"/>
  <c r="AA68" i="25" s="1"/>
  <c r="AW89" i="6"/>
  <c r="Y68" i="25" s="1"/>
  <c r="AO89" i="6"/>
  <c r="I68" i="25" s="1"/>
  <c r="AT89" i="6"/>
  <c r="S68" i="25" s="1"/>
  <c r="AR89" i="6"/>
  <c r="O68" i="25" s="1"/>
  <c r="AN89" i="6"/>
  <c r="G68" i="25" s="1"/>
  <c r="AS89" i="6"/>
  <c r="Q68" i="25" s="1"/>
  <c r="AU89" i="6"/>
  <c r="U68" i="25" s="1"/>
  <c r="C75" i="25"/>
  <c r="D75" i="25"/>
  <c r="A75" i="25"/>
  <c r="E471" i="26"/>
  <c r="E1373" i="26"/>
  <c r="E1374" i="26"/>
  <c r="F2241" i="26"/>
  <c r="E2241" i="26"/>
  <c r="E1722" i="26"/>
  <c r="F2106" i="26"/>
  <c r="E2106" i="26"/>
  <c r="F2825" i="26"/>
  <c r="E2825" i="26"/>
  <c r="E1391" i="26"/>
  <c r="F2066" i="26"/>
  <c r="E2066" i="26"/>
  <c r="F2545" i="26"/>
  <c r="E2545" i="26"/>
  <c r="F2658" i="26"/>
  <c r="E2658" i="26"/>
  <c r="E416" i="26"/>
  <c r="E1346" i="26"/>
  <c r="F2364" i="26"/>
  <c r="E2364" i="26"/>
  <c r="F2707" i="26"/>
  <c r="E2707" i="26"/>
  <c r="F2090" i="26"/>
  <c r="E2090" i="26"/>
  <c r="F2223" i="26"/>
  <c r="E2223" i="26"/>
  <c r="F2250" i="26"/>
  <c r="E2250" i="26"/>
  <c r="E1618" i="26"/>
  <c r="E1723" i="26"/>
  <c r="E1430" i="26"/>
  <c r="E1799" i="26"/>
  <c r="F2769" i="26"/>
  <c r="E2769" i="26"/>
  <c r="F2649" i="26"/>
  <c r="E2649" i="26"/>
  <c r="E1731" i="26"/>
  <c r="E1850" i="26"/>
  <c r="F2026" i="26"/>
  <c r="E2026" i="26"/>
  <c r="E1603" i="26"/>
  <c r="E1604" i="26"/>
  <c r="E1746" i="26"/>
  <c r="F2049" i="26"/>
  <c r="E2049" i="26"/>
  <c r="F2234" i="26"/>
  <c r="E2234" i="26"/>
  <c r="E1505" i="26"/>
  <c r="F1873" i="26"/>
  <c r="E1873" i="26"/>
  <c r="F2553" i="26"/>
  <c r="E2553" i="26"/>
  <c r="F2393" i="26"/>
  <c r="E2393" i="26"/>
  <c r="E1834" i="26"/>
  <c r="F2386" i="26"/>
  <c r="E2386" i="26"/>
  <c r="E1411" i="26"/>
  <c r="E2446" i="26"/>
  <c r="E2696" i="26"/>
  <c r="E1970" i="26"/>
  <c r="E1825" i="26"/>
  <c r="E1914" i="26"/>
  <c r="E1353" i="26"/>
  <c r="G41" i="26"/>
  <c r="F41" i="26"/>
  <c r="E41" i="26"/>
  <c r="E809" i="26"/>
  <c r="E505" i="26"/>
  <c r="E785" i="26"/>
  <c r="F2385" i="26"/>
  <c r="E2385" i="26"/>
  <c r="E1584" i="26"/>
  <c r="E1226" i="26"/>
  <c r="E514" i="26"/>
  <c r="E673" i="26"/>
  <c r="E852" i="26"/>
  <c r="F2477" i="26"/>
  <c r="E2477" i="26"/>
  <c r="E265" i="26"/>
  <c r="E458" i="26"/>
  <c r="E993" i="26"/>
  <c r="E369" i="26"/>
  <c r="E900" i="26"/>
  <c r="E1889" i="26"/>
  <c r="E321" i="26"/>
  <c r="F2351" i="26"/>
  <c r="E2351" i="26"/>
  <c r="F2349" i="26"/>
  <c r="E2349" i="26"/>
  <c r="F186" i="26"/>
  <c r="E186" i="26"/>
  <c r="E169" i="26"/>
  <c r="E218" i="26"/>
  <c r="E318" i="26"/>
  <c r="E467" i="26"/>
  <c r="E714" i="26"/>
  <c r="F306" i="26"/>
  <c r="E306" i="26"/>
  <c r="E474" i="26"/>
  <c r="E1773" i="26"/>
  <c r="E1774" i="26"/>
  <c r="E1041" i="26"/>
  <c r="E1581" i="26"/>
  <c r="E1582" i="26"/>
  <c r="E1002" i="26"/>
  <c r="E323" i="26"/>
  <c r="F145" i="26"/>
  <c r="E145" i="26"/>
  <c r="E426" i="26"/>
  <c r="E402" i="26"/>
  <c r="F266" i="26"/>
  <c r="E266" i="26"/>
  <c r="F2327" i="26"/>
  <c r="E2327" i="26"/>
  <c r="E1057" i="26"/>
  <c r="E2508" i="26"/>
  <c r="E899" i="26"/>
  <c r="E1003" i="26"/>
  <c r="E1197" i="26"/>
  <c r="E1198" i="26"/>
  <c r="F112" i="26"/>
  <c r="E112" i="26"/>
  <c r="F105" i="26"/>
  <c r="E105" i="26"/>
  <c r="F2628" i="26"/>
  <c r="E2628" i="26"/>
  <c r="E586" i="26"/>
  <c r="E314" i="26"/>
  <c r="F239" i="26"/>
  <c r="E239" i="26"/>
  <c r="F153" i="26"/>
  <c r="E153" i="26"/>
  <c r="E913" i="26"/>
  <c r="F11" i="26"/>
  <c r="G11" i="26"/>
  <c r="E11" i="26"/>
  <c r="F2285" i="26"/>
  <c r="E2285" i="26"/>
  <c r="E337" i="26"/>
  <c r="E1017" i="26"/>
  <c r="E553" i="26"/>
  <c r="F2676" i="26"/>
  <c r="E2676" i="26"/>
  <c r="E1940" i="26"/>
  <c r="E1906" i="26"/>
  <c r="E1097" i="26"/>
  <c r="E1816" i="26"/>
  <c r="F2135" i="26"/>
  <c r="E2135" i="26"/>
  <c r="F2218" i="26"/>
  <c r="E2218" i="26"/>
  <c r="F2057" i="26"/>
  <c r="E2057" i="26"/>
  <c r="F2097" i="26"/>
  <c r="E2097" i="26"/>
  <c r="E1617" i="26"/>
  <c r="E1785" i="26"/>
  <c r="E1546" i="26"/>
  <c r="F2801" i="26"/>
  <c r="E2801" i="26"/>
  <c r="F2313" i="26"/>
  <c r="E2313" i="26"/>
  <c r="E1657" i="26"/>
  <c r="F2330" i="26"/>
  <c r="E2330" i="26"/>
  <c r="E834" i="26"/>
  <c r="F116" i="26"/>
  <c r="E116" i="26"/>
  <c r="E562" i="26"/>
  <c r="E1113" i="26"/>
  <c r="F58" i="26"/>
  <c r="E58" i="26"/>
  <c r="E1010" i="26"/>
  <c r="F2340" i="26"/>
  <c r="E2340" i="26"/>
  <c r="E766" i="26"/>
  <c r="E289" i="26"/>
  <c r="E418" i="26"/>
  <c r="E387" i="26"/>
  <c r="E290" i="26"/>
  <c r="F2465" i="26"/>
  <c r="E2465" i="26"/>
  <c r="E1011" i="26"/>
  <c r="F2053" i="26"/>
  <c r="E2053" i="26"/>
  <c r="F269" i="26"/>
  <c r="E269" i="26"/>
  <c r="E1948" i="26"/>
  <c r="E748" i="26"/>
  <c r="E969" i="26"/>
  <c r="E1073" i="26"/>
  <c r="E890" i="26"/>
  <c r="F25" i="26"/>
  <c r="G25" i="26"/>
  <c r="E25" i="26"/>
  <c r="E410" i="26"/>
  <c r="F2524" i="26"/>
  <c r="E2524" i="26"/>
  <c r="F2764" i="26"/>
  <c r="E2764" i="26"/>
  <c r="E1145" i="26"/>
  <c r="E409" i="26"/>
  <c r="E649" i="26"/>
  <c r="G45" i="26"/>
  <c r="F45" i="26"/>
  <c r="E45" i="26"/>
  <c r="E434" i="26"/>
  <c r="F2733" i="26"/>
  <c r="E2733" i="26"/>
  <c r="E1747" i="26"/>
  <c r="E1149" i="26"/>
  <c r="F201" i="26"/>
  <c r="E201" i="26"/>
  <c r="E1265" i="26"/>
  <c r="E1721" i="26"/>
  <c r="E1921" i="26"/>
  <c r="F2466" i="26"/>
  <c r="E2466" i="26"/>
  <c r="F2378" i="26"/>
  <c r="E2378" i="26"/>
  <c r="E1257" i="26"/>
  <c r="E2697" i="26"/>
  <c r="E1201" i="26"/>
  <c r="E1481" i="26"/>
  <c r="F2034" i="26"/>
  <c r="E2034" i="26"/>
  <c r="E1991" i="26"/>
  <c r="E1233" i="26"/>
  <c r="F2473" i="26"/>
  <c r="E2473" i="26"/>
  <c r="E1977" i="26"/>
  <c r="G57" i="26"/>
  <c r="F57" i="26"/>
  <c r="E57" i="26"/>
  <c r="E540" i="26"/>
  <c r="E665" i="26"/>
  <c r="F250" i="26"/>
  <c r="E250" i="26"/>
  <c r="E1522" i="26"/>
  <c r="E1835" i="26"/>
  <c r="E1545" i="26"/>
  <c r="E1818" i="26"/>
  <c r="E1929" i="26"/>
  <c r="F2212" i="26"/>
  <c r="E2212" i="26"/>
  <c r="E588" i="26"/>
  <c r="E436" i="26"/>
  <c r="E952" i="26"/>
  <c r="E1114" i="26"/>
  <c r="F81" i="26"/>
  <c r="E81" i="26"/>
  <c r="F249" i="26"/>
  <c r="E249" i="26"/>
  <c r="E578" i="26"/>
  <c r="E641" i="26"/>
  <c r="E609" i="26"/>
  <c r="F121" i="26"/>
  <c r="E121" i="26"/>
  <c r="E623" i="26"/>
  <c r="E1826" i="26"/>
  <c r="E1650" i="26"/>
  <c r="F2137" i="26"/>
  <c r="E2137" i="26"/>
  <c r="E2563" i="26"/>
  <c r="E1465" i="26"/>
  <c r="F233" i="26"/>
  <c r="E233" i="26"/>
  <c r="F2381" i="26"/>
  <c r="E2381" i="26"/>
  <c r="F2028" i="26"/>
  <c r="E2028" i="26"/>
  <c r="F2836" i="26"/>
  <c r="E2836" i="26"/>
  <c r="F150" i="26"/>
  <c r="E150" i="26"/>
  <c r="F2117" i="26"/>
  <c r="E2117" i="26"/>
  <c r="F9" i="26"/>
  <c r="G9" i="26"/>
  <c r="E9" i="26"/>
  <c r="E2564" i="26"/>
  <c r="E1903" i="26"/>
  <c r="E1777" i="26"/>
  <c r="F2114" i="26"/>
  <c r="E2114" i="26"/>
  <c r="F2113" i="26"/>
  <c r="E2113" i="26"/>
  <c r="F2298" i="26"/>
  <c r="E2298" i="26"/>
  <c r="F2593" i="26"/>
  <c r="E2593" i="26"/>
  <c r="E1937" i="26"/>
  <c r="E1305" i="26"/>
  <c r="F2610" i="26"/>
  <c r="E2610" i="26"/>
  <c r="E1146" i="26"/>
  <c r="E1441" i="26"/>
  <c r="F2321" i="26"/>
  <c r="E2321" i="26"/>
  <c r="F2191" i="26"/>
  <c r="E2191" i="26"/>
  <c r="E2690" i="26"/>
  <c r="E1170" i="26"/>
  <c r="F2169" i="26"/>
  <c r="E2169" i="26"/>
  <c r="F2530" i="26"/>
  <c r="E2530" i="26"/>
  <c r="E1833" i="26"/>
  <c r="E2671" i="26"/>
  <c r="E1730" i="26"/>
  <c r="E1962" i="26"/>
  <c r="F2353" i="26"/>
  <c r="E2353" i="26"/>
  <c r="E1345" i="26"/>
  <c r="E1530" i="26"/>
  <c r="E1642" i="26"/>
  <c r="F2194" i="26"/>
  <c r="E2194" i="26"/>
  <c r="F2377" i="26"/>
  <c r="E2377" i="26"/>
  <c r="F2819" i="26"/>
  <c r="E2819" i="26"/>
  <c r="E1602" i="26"/>
  <c r="E2274" i="26"/>
  <c r="F2370" i="26"/>
  <c r="E2370" i="26"/>
  <c r="E1769" i="26"/>
  <c r="E1698" i="26"/>
  <c r="E1794" i="26"/>
  <c r="E1513" i="26"/>
  <c r="F2729" i="26"/>
  <c r="E2729" i="26"/>
  <c r="E1409" i="26"/>
  <c r="F1594" i="26"/>
  <c r="E1594" i="26"/>
  <c r="E1377" i="26"/>
  <c r="F2765" i="26"/>
  <c r="E2765" i="26"/>
  <c r="E506" i="26"/>
  <c r="E705" i="26"/>
  <c r="E962" i="26"/>
  <c r="F2266" i="26"/>
  <c r="E2266" i="26"/>
  <c r="F2633" i="26"/>
  <c r="E2633" i="26"/>
  <c r="E1418" i="26"/>
  <c r="E1194" i="26"/>
  <c r="E554" i="26"/>
  <c r="E1632" i="26"/>
  <c r="E1298" i="26"/>
  <c r="E1897" i="26"/>
  <c r="E1217" i="26"/>
  <c r="F2426" i="26"/>
  <c r="E2426" i="26"/>
  <c r="F2457" i="26"/>
  <c r="E2457" i="26"/>
  <c r="F2730" i="26"/>
  <c r="E2730" i="26"/>
  <c r="E2673" i="26"/>
  <c r="F2761" i="26"/>
  <c r="E2761" i="26"/>
  <c r="E1521" i="26"/>
  <c r="F2185" i="26"/>
  <c r="E2185" i="26"/>
  <c r="F2795" i="26"/>
  <c r="E2795" i="26"/>
  <c r="F2289" i="26"/>
  <c r="E2289" i="26"/>
  <c r="E865" i="26"/>
  <c r="E459" i="26"/>
  <c r="E385" i="26"/>
  <c r="E1987" i="26"/>
  <c r="E403" i="26"/>
  <c r="E327" i="26"/>
  <c r="E944" i="26"/>
  <c r="E1412" i="26"/>
  <c r="E1669" i="26"/>
  <c r="F274" i="26"/>
  <c r="E274" i="26"/>
  <c r="E1364" i="26"/>
  <c r="E1050" i="26"/>
  <c r="E841" i="26"/>
  <c r="E994" i="26"/>
  <c r="E1001" i="26"/>
  <c r="E301" i="26"/>
  <c r="E302" i="26"/>
  <c r="F2735" i="26"/>
  <c r="E2735" i="26"/>
  <c r="E1241" i="26"/>
  <c r="F2410" i="26"/>
  <c r="E2410" i="26"/>
  <c r="F2803" i="26"/>
  <c r="E2803" i="26"/>
  <c r="F2051" i="26"/>
  <c r="E2051" i="26"/>
  <c r="F2418" i="26"/>
  <c r="E2418" i="26"/>
  <c r="E1122" i="26"/>
  <c r="F2826" i="26"/>
  <c r="E2826" i="26"/>
  <c r="F2748" i="26"/>
  <c r="E2748" i="26"/>
  <c r="E1647" i="26"/>
  <c r="E1609" i="26"/>
  <c r="F2089" i="26"/>
  <c r="E2089" i="26"/>
  <c r="E820" i="26"/>
  <c r="E1482" i="26"/>
  <c r="E1051" i="26"/>
  <c r="E1294" i="26"/>
  <c r="F2423" i="26"/>
  <c r="E2423" i="26"/>
  <c r="E1623" i="26"/>
  <c r="F2217" i="26"/>
  <c r="E2217" i="26"/>
  <c r="E1666" i="26"/>
  <c r="E1273" i="26"/>
  <c r="E1577" i="26"/>
  <c r="F2130" i="26"/>
  <c r="E2130" i="26"/>
  <c r="E1562" i="26"/>
  <c r="E1801" i="26"/>
  <c r="F2474" i="26"/>
  <c r="E2474" i="26"/>
  <c r="F2115" i="26"/>
  <c r="E2115" i="26"/>
  <c r="F2497" i="26"/>
  <c r="E2497" i="26"/>
  <c r="E1475" i="26"/>
  <c r="E943" i="26"/>
  <c r="E441" i="26"/>
  <c r="F2821" i="26"/>
  <c r="E2821" i="26"/>
  <c r="F2055" i="26"/>
  <c r="E2055" i="26"/>
  <c r="E1519" i="26"/>
  <c r="F2010" i="26"/>
  <c r="E2010" i="26"/>
  <c r="E1753" i="26"/>
  <c r="F1882" i="26"/>
  <c r="E1882" i="26"/>
  <c r="G24" i="26"/>
  <c r="F178" i="26"/>
  <c r="E178" i="26"/>
  <c r="E1537" i="26"/>
  <c r="F2306" i="26"/>
  <c r="E2306" i="26"/>
  <c r="E1234" i="26"/>
  <c r="E1993" i="26"/>
  <c r="E1243" i="26"/>
  <c r="F2018" i="26"/>
  <c r="E2018" i="26"/>
  <c r="E1946" i="26"/>
  <c r="E465" i="26"/>
  <c r="F2159" i="26"/>
  <c r="E2159" i="26"/>
  <c r="E330" i="26"/>
  <c r="F2762" i="26"/>
  <c r="E2762" i="26"/>
  <c r="F2799" i="26"/>
  <c r="E2799" i="26"/>
  <c r="E54" i="14"/>
  <c r="E1406" i="26"/>
  <c r="E2003" i="26"/>
  <c r="E2004" i="26"/>
  <c r="E1215" i="26"/>
  <c r="E1770" i="26"/>
  <c r="F2834" i="26"/>
  <c r="E2834" i="26"/>
  <c r="E1394" i="26"/>
  <c r="E1417" i="26"/>
  <c r="F2122" i="26"/>
  <c r="E2122" i="26"/>
  <c r="F2065" i="26"/>
  <c r="E2065" i="26"/>
  <c r="F2233" i="26"/>
  <c r="E2233" i="26"/>
  <c r="F2609" i="26"/>
  <c r="E2609" i="26"/>
  <c r="F2449" i="26"/>
  <c r="E2449" i="26"/>
  <c r="E1199" i="26"/>
  <c r="F2585" i="26"/>
  <c r="E2585" i="26"/>
  <c r="E1426" i="26"/>
  <c r="E1290" i="26"/>
  <c r="E1570" i="26"/>
  <c r="F2074" i="26"/>
  <c r="E2074" i="26"/>
  <c r="F2093" i="26"/>
  <c r="E2093" i="26"/>
  <c r="F114" i="26"/>
  <c r="E114" i="26"/>
  <c r="F2170" i="26"/>
  <c r="E2170" i="26"/>
  <c r="E1918" i="26"/>
  <c r="E1491" i="26"/>
  <c r="E1670" i="26"/>
  <c r="E1849" i="26"/>
  <c r="E1857" i="26"/>
  <c r="F2042" i="26"/>
  <c r="E2042" i="26"/>
  <c r="E1817" i="26"/>
  <c r="E818" i="26"/>
  <c r="E986" i="26"/>
  <c r="F2605" i="26"/>
  <c r="E2605" i="26"/>
  <c r="G42" i="26"/>
  <c r="F42" i="26"/>
  <c r="E42" i="26"/>
  <c r="E594" i="26"/>
  <c r="F282" i="26"/>
  <c r="E282" i="26"/>
  <c r="E687" i="26"/>
  <c r="E961" i="26"/>
  <c r="E666" i="26"/>
  <c r="E1144" i="26"/>
  <c r="E456" i="26"/>
  <c r="F17" i="26"/>
  <c r="G17" i="26"/>
  <c r="E17" i="26"/>
  <c r="E1140" i="26"/>
  <c r="E780" i="26"/>
  <c r="E531" i="26"/>
  <c r="E1500" i="26"/>
  <c r="F85" i="26"/>
  <c r="E85" i="26"/>
  <c r="F2260" i="26"/>
  <c r="E2260" i="26"/>
  <c r="E921" i="26"/>
  <c r="E515" i="26"/>
  <c r="E657" i="26"/>
  <c r="F82" i="26"/>
  <c r="E82" i="26"/>
  <c r="E689" i="26"/>
  <c r="E370" i="26"/>
  <c r="F2788" i="26"/>
  <c r="E2788" i="26"/>
  <c r="E625" i="26"/>
  <c r="F66" i="26"/>
  <c r="E66" i="26"/>
  <c r="F2705" i="26"/>
  <c r="E2705" i="26"/>
  <c r="F2243" i="26"/>
  <c r="E2243" i="26"/>
  <c r="E977" i="26"/>
  <c r="E431" i="26"/>
  <c r="E433" i="26"/>
  <c r="E1904" i="26"/>
  <c r="E595" i="26"/>
  <c r="E560" i="26"/>
  <c r="F148" i="26"/>
  <c r="E148" i="26"/>
  <c r="E1075" i="26"/>
  <c r="E220" i="26"/>
  <c r="E940" i="26"/>
  <c r="F234" i="26"/>
  <c r="E234" i="26"/>
  <c r="E681" i="26"/>
  <c r="E529" i="26"/>
  <c r="E697" i="26"/>
  <c r="E1676" i="26"/>
  <c r="E490" i="26"/>
  <c r="E1042" i="26"/>
  <c r="E170" i="26"/>
  <c r="E978" i="26"/>
  <c r="F2820" i="26"/>
  <c r="E2820" i="26"/>
  <c r="F305" i="26"/>
  <c r="E305" i="26"/>
  <c r="E538" i="26"/>
  <c r="E298" i="26"/>
  <c r="E850" i="26"/>
  <c r="E1501" i="26"/>
  <c r="E1354" i="26"/>
  <c r="E1651" i="26"/>
  <c r="F1591" i="26"/>
  <c r="E1591" i="26"/>
  <c r="F2727" i="26"/>
  <c r="E2727" i="26"/>
  <c r="F2206" i="26"/>
  <c r="E2206" i="26"/>
  <c r="E1299" i="26"/>
  <c r="F2178" i="26"/>
  <c r="E2178" i="26"/>
  <c r="E1313" i="26"/>
  <c r="E1449" i="26"/>
  <c r="F2785" i="26"/>
  <c r="E2785" i="26"/>
  <c r="F2177" i="26"/>
  <c r="E2177" i="26"/>
  <c r="E1314" i="26"/>
  <c r="F2506" i="26"/>
  <c r="E2506" i="26"/>
  <c r="E1793" i="26"/>
  <c r="F2700" i="26"/>
  <c r="E2700" i="26"/>
  <c r="E1821" i="26"/>
  <c r="E1822" i="26"/>
  <c r="E1971" i="26"/>
  <c r="E377" i="26"/>
  <c r="F2029" i="26"/>
  <c r="E2029" i="26"/>
  <c r="E761" i="26"/>
  <c r="E2436" i="26"/>
  <c r="E1121" i="26"/>
  <c r="E1539" i="26"/>
  <c r="E715" i="26"/>
  <c r="E911" i="26"/>
  <c r="E1141" i="26"/>
  <c r="E1142" i="26"/>
  <c r="E787" i="26"/>
  <c r="E546" i="26"/>
  <c r="E801" i="26"/>
  <c r="E1105" i="26"/>
  <c r="E313" i="26"/>
  <c r="E1091" i="26"/>
  <c r="E1994" i="26"/>
  <c r="E1164" i="26"/>
  <c r="F257" i="26"/>
  <c r="E257" i="26"/>
  <c r="E569" i="26"/>
  <c r="E873" i="26"/>
  <c r="E399" i="26"/>
  <c r="F275" i="26"/>
  <c r="E275" i="26"/>
  <c r="E522" i="26"/>
  <c r="E713" i="26"/>
  <c r="E1135" i="26"/>
  <c r="E1365" i="26"/>
  <c r="E633" i="26"/>
  <c r="E906" i="26"/>
  <c r="F2287" i="26"/>
  <c r="E2287" i="26"/>
  <c r="E1967" i="26"/>
  <c r="F2626" i="26"/>
  <c r="E2626" i="26"/>
  <c r="E1506" i="26"/>
  <c r="F2200" i="26"/>
  <c r="E2200" i="26"/>
  <c r="E1295" i="26"/>
  <c r="E1433" i="26"/>
  <c r="E1297" i="26"/>
  <c r="E507" i="26"/>
  <c r="F193" i="26"/>
  <c r="E193" i="26"/>
  <c r="E1138" i="26"/>
  <c r="E1242" i="26"/>
  <c r="F2522" i="26"/>
  <c r="E2522" i="26"/>
  <c r="E2682" i="26"/>
  <c r="E1287" i="26"/>
  <c r="E1985" i="26"/>
  <c r="E54" i="6"/>
  <c r="E54" i="7" s="1"/>
  <c r="F206" i="26"/>
  <c r="E206" i="26"/>
  <c r="E1540" i="26"/>
  <c r="F167" i="26"/>
  <c r="E167" i="26"/>
  <c r="E1007" i="26"/>
  <c r="E881" i="26"/>
  <c r="F303" i="26"/>
  <c r="E303" i="26"/>
  <c r="E345" i="26"/>
  <c r="E777" i="26"/>
  <c r="E970" i="26"/>
  <c r="E794" i="26"/>
  <c r="E874" i="26"/>
  <c r="F195" i="26"/>
  <c r="E195" i="26"/>
  <c r="E457" i="26"/>
  <c r="E585" i="26"/>
  <c r="E1348" i="26"/>
  <c r="E1095" i="26"/>
  <c r="E1030" i="26"/>
  <c r="E817" i="26"/>
  <c r="F2058" i="26"/>
  <c r="E2058" i="26"/>
  <c r="F2249" i="26"/>
  <c r="E2249" i="26"/>
  <c r="F2009" i="26"/>
  <c r="E2009" i="26"/>
  <c r="E1578" i="26"/>
  <c r="E2561" i="26"/>
  <c r="E1619" i="26"/>
  <c r="E1291" i="26"/>
  <c r="F160" i="26"/>
  <c r="E160" i="26"/>
  <c r="E616" i="26"/>
  <c r="E382" i="26"/>
  <c r="E2666" i="26"/>
  <c r="F2706" i="26"/>
  <c r="E2706" i="26"/>
  <c r="E1219" i="26"/>
  <c r="F2771" i="26"/>
  <c r="E2771" i="26"/>
  <c r="E1890" i="26"/>
  <c r="F2498" i="26"/>
  <c r="E2498" i="26"/>
  <c r="E2281" i="26"/>
  <c r="E2513" i="26"/>
  <c r="E1263" i="26"/>
  <c r="F2777" i="26"/>
  <c r="E2777" i="26"/>
  <c r="E2002" i="26"/>
  <c r="E1706" i="26"/>
  <c r="E1361" i="26"/>
  <c r="F2041" i="26"/>
  <c r="E2041" i="26"/>
  <c r="E1177" i="26"/>
  <c r="E1322" i="26"/>
  <c r="F1874" i="26"/>
  <c r="E1874" i="26"/>
  <c r="E1071" i="26"/>
  <c r="E1456" i="26"/>
  <c r="E1434" i="26"/>
  <c r="F2657" i="26"/>
  <c r="E2657" i="26"/>
  <c r="E1922" i="26"/>
  <c r="E1321" i="26"/>
  <c r="E1711" i="26"/>
  <c r="E1802" i="26"/>
  <c r="E319" i="26"/>
  <c r="F2651" i="26"/>
  <c r="E2651" i="26"/>
  <c r="E1807" i="26"/>
  <c r="E1745" i="26"/>
  <c r="F2505" i="26"/>
  <c r="E2505" i="26"/>
  <c r="E1378" i="26"/>
  <c r="E1986" i="26"/>
  <c r="E1978" i="26"/>
  <c r="E1601" i="26"/>
  <c r="E1786" i="26"/>
  <c r="F2081" i="26"/>
  <c r="E2081" i="26"/>
  <c r="E2674" i="26"/>
  <c r="E1210" i="26"/>
  <c r="F2098" i="26"/>
  <c r="E2098" i="26"/>
  <c r="E1809" i="26"/>
  <c r="F2489" i="26"/>
  <c r="E2489" i="26"/>
  <c r="F2201" i="26"/>
  <c r="E2201" i="26"/>
  <c r="E710" i="26"/>
  <c r="E1016" i="26"/>
  <c r="E367" i="26"/>
  <c r="E1250" i="26"/>
  <c r="F2739" i="26"/>
  <c r="E2739" i="26"/>
  <c r="F2017" i="26"/>
  <c r="E2017" i="26"/>
  <c r="F2346" i="26"/>
  <c r="E2346" i="26"/>
  <c r="E2565" i="26"/>
  <c r="E2431" i="26"/>
  <c r="F2743" i="26"/>
  <c r="E2743" i="26"/>
  <c r="E1162" i="26"/>
  <c r="F2082" i="26"/>
  <c r="E2082" i="26"/>
  <c r="F2337" i="26"/>
  <c r="E2337" i="26"/>
  <c r="F2641" i="26"/>
  <c r="E2641" i="26"/>
  <c r="F2809" i="26"/>
  <c r="E2809" i="26"/>
  <c r="E1865" i="26"/>
  <c r="E2570" i="26"/>
  <c r="F2793" i="26"/>
  <c r="E2793" i="26"/>
  <c r="E1455" i="26"/>
  <c r="F2338" i="26"/>
  <c r="E2338" i="26"/>
  <c r="E2434" i="26"/>
  <c r="E1961" i="26"/>
  <c r="E1466" i="26"/>
  <c r="E1762" i="26"/>
  <c r="E1858" i="26"/>
  <c r="F2479" i="26"/>
  <c r="E2479" i="26"/>
  <c r="E1186" i="26"/>
  <c r="E1282" i="26"/>
  <c r="E2273" i="26"/>
  <c r="F2146" i="26"/>
  <c r="E2146" i="26"/>
  <c r="F2242" i="26"/>
  <c r="E2242" i="26"/>
  <c r="E1049" i="26"/>
  <c r="E353" i="26"/>
  <c r="E1938" i="26"/>
  <c r="E1699" i="26"/>
  <c r="E534" i="26"/>
  <c r="E442" i="26"/>
  <c r="E1058" i="26"/>
  <c r="F106" i="26"/>
  <c r="E106" i="26"/>
  <c r="E658" i="26"/>
  <c r="E450" i="26"/>
  <c r="F225" i="26"/>
  <c r="E225" i="26"/>
  <c r="E561" i="26"/>
  <c r="E1737" i="26"/>
  <c r="E1081" i="26"/>
  <c r="F2627" i="26"/>
  <c r="E2627" i="26"/>
  <c r="E1161" i="26"/>
  <c r="F1866" i="26"/>
  <c r="E1866" i="26"/>
  <c r="F273" i="26"/>
  <c r="E273" i="26"/>
  <c r="F2714" i="26"/>
  <c r="E2714" i="26"/>
  <c r="E297" i="26"/>
  <c r="F2713" i="26"/>
  <c r="E2713" i="26"/>
  <c r="F2202" i="26"/>
  <c r="E2202" i="26"/>
  <c r="F1881" i="26"/>
  <c r="E1881" i="26"/>
  <c r="F2702" i="26"/>
  <c r="E2702" i="26"/>
  <c r="E482" i="26"/>
  <c r="E1538" i="26"/>
  <c r="F2745" i="26"/>
  <c r="E2745" i="26"/>
  <c r="F2770" i="26"/>
  <c r="E2770" i="26"/>
  <c r="F2179" i="26"/>
  <c r="E2179" i="26"/>
  <c r="E498" i="26"/>
  <c r="E1819" i="26"/>
  <c r="E1115" i="26"/>
  <c r="E1278" i="26"/>
  <c r="F2138" i="26"/>
  <c r="E2138" i="26"/>
  <c r="F2031" i="26"/>
  <c r="E2031" i="26"/>
  <c r="E2441" i="26"/>
  <c r="E1689" i="26"/>
  <c r="E1713" i="26"/>
  <c r="E1945" i="26"/>
  <c r="F2665" i="26"/>
  <c r="E2665" i="26"/>
  <c r="E1761" i="26"/>
  <c r="E1225" i="26"/>
  <c r="E1930" i="26"/>
  <c r="E1901" i="26"/>
  <c r="E1902" i="26"/>
  <c r="E706" i="26"/>
  <c r="E1350" i="26"/>
  <c r="E1033" i="26"/>
  <c r="F2634" i="26"/>
  <c r="E2634" i="26"/>
  <c r="E2577" i="26"/>
  <c r="F2746" i="26"/>
  <c r="E2746" i="26"/>
  <c r="E1690" i="26"/>
  <c r="E1827" i="26"/>
  <c r="E537" i="26"/>
  <c r="E1553" i="26"/>
  <c r="E1674" i="26"/>
  <c r="F2210" i="26"/>
  <c r="E2210" i="26"/>
  <c r="F2063" i="26"/>
  <c r="E2063" i="26"/>
  <c r="F1880" i="26"/>
  <c r="E1880" i="26"/>
  <c r="E1193" i="26"/>
  <c r="E1209" i="26"/>
  <c r="E1490" i="26"/>
  <c r="E1489" i="26"/>
  <c r="E953" i="26"/>
  <c r="E1992" i="26"/>
  <c r="E1320" i="26"/>
  <c r="F2587" i="26"/>
  <c r="E2587" i="26"/>
  <c r="F2302" i="26"/>
  <c r="E2302" i="26"/>
  <c r="F2586" i="26"/>
  <c r="E2586" i="26"/>
  <c r="E1738" i="26"/>
  <c r="F2723" i="26"/>
  <c r="E2723" i="26"/>
  <c r="F2490" i="26"/>
  <c r="E2490" i="26"/>
  <c r="F2753" i="26"/>
  <c r="E2753" i="26"/>
  <c r="E1185" i="26"/>
  <c r="F2737" i="26"/>
  <c r="E2737" i="26"/>
  <c r="E2698" i="26"/>
  <c r="F2625" i="26"/>
  <c r="E2625" i="26"/>
  <c r="F2810" i="26"/>
  <c r="E2810" i="26"/>
  <c r="E1450" i="26"/>
  <c r="E2514" i="26"/>
  <c r="F2193" i="26"/>
  <c r="E2193" i="26"/>
  <c r="F2722" i="26"/>
  <c r="E2722" i="26"/>
  <c r="F2818" i="26"/>
  <c r="E2818" i="26"/>
  <c r="E1329" i="26"/>
  <c r="F2033" i="26"/>
  <c r="E2033" i="26"/>
  <c r="E2433" i="26"/>
  <c r="F2618" i="26"/>
  <c r="E2618" i="26"/>
  <c r="F2401" i="26"/>
  <c r="E2401" i="26"/>
  <c r="F2711" i="26"/>
  <c r="E2711" i="26"/>
  <c r="E1811" i="26"/>
  <c r="E1561" i="26"/>
  <c r="E530" i="26"/>
  <c r="E1009" i="26"/>
  <c r="E338" i="26"/>
  <c r="F2371" i="26"/>
  <c r="E2371" i="26"/>
  <c r="F2579" i="26"/>
  <c r="E2579" i="26"/>
  <c r="E1214" i="26"/>
  <c r="F2257" i="26"/>
  <c r="E2257" i="26"/>
  <c r="E858" i="26"/>
  <c r="E938" i="26"/>
  <c r="E259" i="26"/>
  <c r="F111" i="26"/>
  <c r="E111" i="26"/>
  <c r="E1090" i="26"/>
  <c r="E1156" i="26"/>
  <c r="F74" i="26"/>
  <c r="E74" i="26"/>
  <c r="E401" i="26"/>
  <c r="E1074" i="26"/>
  <c r="E444" i="26"/>
  <c r="E375" i="26"/>
  <c r="E551" i="26"/>
  <c r="E2668" i="26"/>
  <c r="E688" i="26"/>
  <c r="F90" i="26"/>
  <c r="E90" i="26"/>
  <c r="E1812" i="26"/>
  <c r="E393" i="26"/>
  <c r="E1098" i="26"/>
  <c r="E361" i="26"/>
  <c r="E643" i="26"/>
  <c r="E425" i="26"/>
  <c r="E1025" i="26"/>
  <c r="E481" i="26"/>
  <c r="E449" i="26"/>
  <c r="E634" i="26"/>
  <c r="E929" i="26"/>
  <c r="E559" i="26"/>
  <c r="E2569" i="26"/>
  <c r="E577" i="26"/>
  <c r="F27" i="26"/>
  <c r="G27" i="26"/>
  <c r="E27" i="26"/>
  <c r="E770" i="26"/>
  <c r="E1435" i="26"/>
  <c r="E1523" i="26"/>
  <c r="E1296" i="26"/>
  <c r="E331" i="26"/>
  <c r="E1147" i="26"/>
  <c r="E620" i="26"/>
  <c r="F202" i="26"/>
  <c r="E202" i="26"/>
  <c r="E879" i="26"/>
  <c r="E682" i="26"/>
  <c r="E1084" i="26"/>
  <c r="F2652" i="26"/>
  <c r="E2652" i="26"/>
  <c r="F241" i="26"/>
  <c r="E241" i="26"/>
  <c r="G40" i="26"/>
  <c r="E954" i="26"/>
  <c r="E624" i="26"/>
  <c r="E875" i="26"/>
  <c r="E475" i="26"/>
  <c r="E1235" i="26"/>
  <c r="E171" i="26"/>
  <c r="E1771" i="26"/>
  <c r="E1625" i="26"/>
  <c r="E1806" i="26"/>
  <c r="E1679" i="26"/>
  <c r="E1458" i="26"/>
  <c r="F2650" i="26"/>
  <c r="E2650" i="26"/>
  <c r="F2543" i="26"/>
  <c r="E2543" i="26"/>
  <c r="F2073" i="26"/>
  <c r="E2073" i="26"/>
  <c r="E1442" i="26"/>
  <c r="E2562" i="26"/>
  <c r="F2721" i="26"/>
  <c r="E2721" i="26"/>
  <c r="E1266" i="26"/>
  <c r="E1839" i="26"/>
  <c r="F2145" i="26"/>
  <c r="E2145" i="26"/>
  <c r="E1714" i="26"/>
  <c r="E1410" i="26"/>
  <c r="F2601" i="26"/>
  <c r="E2601" i="26"/>
  <c r="E2442" i="26"/>
  <c r="E769" i="26"/>
  <c r="E489" i="26"/>
  <c r="E650" i="26"/>
  <c r="E1218" i="26"/>
  <c r="F2052" i="26"/>
  <c r="E2052" i="26"/>
  <c r="E1379" i="26"/>
  <c r="E2282" i="26"/>
  <c r="E642" i="26"/>
  <c r="F138" i="26"/>
  <c r="E138" i="26"/>
  <c r="E1386" i="26"/>
  <c r="E1541" i="26"/>
  <c r="E621" i="26"/>
  <c r="E1680" i="26"/>
  <c r="E299" i="26"/>
  <c r="E324" i="26"/>
  <c r="E1531" i="26"/>
  <c r="F2060" i="26"/>
  <c r="E2060" i="26"/>
  <c r="E1644" i="26"/>
  <c r="E827" i="26"/>
  <c r="E1150" i="26"/>
  <c r="F143" i="26"/>
  <c r="E143" i="26"/>
  <c r="E946" i="26"/>
  <c r="E857" i="26"/>
  <c r="F146" i="26"/>
  <c r="E146" i="26"/>
  <c r="E772" i="26"/>
  <c r="E329" i="26"/>
  <c r="E1034" i="26"/>
  <c r="E745" i="26"/>
  <c r="G50" i="26"/>
  <c r="F50" i="26"/>
  <c r="E50" i="26"/>
  <c r="E730" i="26"/>
  <c r="F2724" i="26"/>
  <c r="E2724" i="26"/>
  <c r="F2827" i="26"/>
  <c r="E2827" i="26"/>
  <c r="F2499" i="26"/>
  <c r="E2499" i="26"/>
  <c r="E1099" i="26"/>
  <c r="F278" i="26"/>
  <c r="E278" i="26"/>
  <c r="E935" i="26"/>
  <c r="E1626" i="26"/>
  <c r="F113" i="26"/>
  <c r="E113" i="26"/>
  <c r="E815" i="26"/>
  <c r="E386" i="26"/>
  <c r="E1392" i="26"/>
  <c r="E1279" i="26"/>
  <c r="E1571" i="26"/>
  <c r="E1195" i="26"/>
  <c r="E1851" i="26"/>
  <c r="E1227" i="26"/>
  <c r="E432" i="26"/>
  <c r="E483" i="26"/>
  <c r="E411" i="26"/>
  <c r="E737" i="26"/>
  <c r="F130" i="26"/>
  <c r="E130" i="26"/>
  <c r="F109" i="26"/>
  <c r="E109" i="26"/>
  <c r="E1283" i="26"/>
  <c r="E964" i="26"/>
  <c r="F185" i="26"/>
  <c r="E185" i="26"/>
  <c r="E1281" i="26"/>
  <c r="F2290" i="26"/>
  <c r="E2290" i="26"/>
  <c r="E651" i="26"/>
  <c r="F209" i="26"/>
  <c r="E209" i="26"/>
  <c r="E545" i="26"/>
  <c r="F2450" i="26"/>
  <c r="E2450" i="26"/>
  <c r="F115" i="26"/>
  <c r="E115" i="26"/>
  <c r="E1697" i="26"/>
  <c r="F2776" i="26"/>
  <c r="E2776" i="26"/>
  <c r="E1327" i="26"/>
  <c r="F2265" i="26"/>
  <c r="E2265" i="26"/>
  <c r="E610" i="26"/>
  <c r="E1841" i="26"/>
  <c r="E472" i="26"/>
  <c r="E1692" i="26"/>
  <c r="F2116" i="26"/>
  <c r="E2116" i="26"/>
  <c r="E521" i="26"/>
  <c r="E1026" i="26"/>
  <c r="E1066" i="26"/>
  <c r="E1106" i="26"/>
  <c r="E372" i="26"/>
  <c r="E963" i="26"/>
  <c r="E786" i="26"/>
  <c r="E618" i="26"/>
  <c r="E1673" i="26"/>
  <c r="F2258" i="26"/>
  <c r="E2258" i="26"/>
  <c r="E1289" i="26"/>
  <c r="E2683" i="26"/>
  <c r="E2276" i="26"/>
  <c r="E552" i="26"/>
  <c r="E731" i="26"/>
  <c r="E597" i="26"/>
  <c r="E602" i="26"/>
  <c r="E495" i="26"/>
  <c r="E1169" i="26"/>
  <c r="E1610" i="26"/>
  <c r="F2409" i="26"/>
  <c r="E2409" i="26"/>
  <c r="E1338" i="26"/>
  <c r="E1514" i="26"/>
  <c r="F2578" i="26"/>
  <c r="E2578" i="26"/>
  <c r="F2786" i="26"/>
  <c r="E2786" i="26"/>
  <c r="F2417" i="26"/>
  <c r="E2417" i="26"/>
  <c r="F2305" i="26"/>
  <c r="E2305" i="26"/>
  <c r="E835" i="26"/>
  <c r="E1675" i="26"/>
  <c r="F1871" i="26"/>
  <c r="E1871" i="26"/>
  <c r="E1249" i="26"/>
  <c r="F2226" i="26"/>
  <c r="E2226" i="26"/>
  <c r="E1649" i="26"/>
  <c r="E496" i="26"/>
  <c r="E1803" i="26"/>
  <c r="E1891" i="26"/>
  <c r="E1171" i="26"/>
  <c r="E1431" i="26"/>
  <c r="E1707" i="26"/>
  <c r="F2603" i="26"/>
  <c r="E2603" i="26"/>
  <c r="E1810" i="26"/>
  <c r="E1795" i="26"/>
  <c r="E1729" i="26"/>
  <c r="F2802" i="26"/>
  <c r="E2802" i="26"/>
  <c r="F2458" i="26"/>
  <c r="E2458" i="26"/>
  <c r="F2329" i="26"/>
  <c r="E2329" i="26"/>
  <c r="E2001" i="26"/>
  <c r="E1497" i="26"/>
  <c r="E1425" i="26"/>
  <c r="F2617" i="26"/>
  <c r="E2617" i="26"/>
  <c r="F2755" i="26"/>
  <c r="E2755" i="26"/>
  <c r="E1529" i="26"/>
  <c r="E1362" i="26"/>
  <c r="E908" i="26"/>
  <c r="E945" i="26"/>
  <c r="E601" i="26"/>
  <c r="F1593" i="26"/>
  <c r="E1593" i="26"/>
  <c r="F2817" i="26"/>
  <c r="E2817" i="26"/>
  <c r="F2345" i="26"/>
  <c r="E2345" i="26"/>
  <c r="F2186" i="26"/>
  <c r="E2186" i="26"/>
  <c r="F2095" i="26"/>
  <c r="E2095" i="26"/>
  <c r="E1464" i="26"/>
  <c r="E1608" i="26"/>
  <c r="F2323" i="26"/>
  <c r="E2323" i="26"/>
  <c r="F2482" i="26"/>
  <c r="E2482" i="26"/>
  <c r="E1682" i="26"/>
  <c r="E1905" i="26"/>
  <c r="E1705" i="26"/>
  <c r="E1474" i="26"/>
  <c r="F2738" i="26"/>
  <c r="E2738" i="26"/>
  <c r="E1274" i="26"/>
  <c r="E1569" i="26"/>
  <c r="F2162" i="26"/>
  <c r="E2162" i="26"/>
  <c r="E1586" i="26"/>
  <c r="F2778" i="26"/>
  <c r="E2778" i="26"/>
  <c r="F2546" i="26"/>
  <c r="E2546" i="26"/>
  <c r="E1096" i="26"/>
  <c r="E603" i="26"/>
  <c r="E1208" i="26"/>
  <c r="E1907" i="26"/>
  <c r="E527" i="26"/>
  <c r="F2813" i="26"/>
  <c r="E2813" i="26"/>
  <c r="E1127" i="26"/>
  <c r="E326" i="26"/>
  <c r="E922" i="26"/>
  <c r="E1660" i="26"/>
  <c r="F2537" i="26"/>
  <c r="E2537" i="26"/>
  <c r="E1969" i="26"/>
  <c r="E1641" i="26"/>
  <c r="F2121" i="26"/>
  <c r="E2121" i="26"/>
  <c r="F2314" i="26"/>
  <c r="E2314" i="26"/>
  <c r="F2307" i="26"/>
  <c r="E2307" i="26"/>
  <c r="F2362" i="26"/>
  <c r="E2362" i="26"/>
  <c r="F2361" i="26"/>
  <c r="E2361" i="26"/>
  <c r="F194" i="26"/>
  <c r="E194" i="26"/>
  <c r="E1157" i="26"/>
  <c r="E1407" i="26"/>
  <c r="E1990" i="26"/>
  <c r="E2448" i="26"/>
  <c r="F2807" i="26"/>
  <c r="E2807" i="26"/>
  <c r="E1664" i="26"/>
  <c r="F2794" i="26"/>
  <c r="E2794" i="26"/>
  <c r="E1347" i="26"/>
  <c r="F2050" i="26"/>
  <c r="E2050" i="26"/>
  <c r="F2209" i="26"/>
  <c r="E2209" i="26"/>
  <c r="E1665" i="26"/>
  <c r="F2779" i="26"/>
  <c r="E2779" i="26"/>
  <c r="E1633" i="26"/>
  <c r="E1202" i="26"/>
  <c r="E802" i="26"/>
  <c r="F2025" i="26"/>
  <c r="E2025" i="26"/>
  <c r="F2529" i="26"/>
  <c r="E2529" i="26"/>
  <c r="E1898" i="26"/>
  <c r="E1681" i="26"/>
  <c r="E653" i="26"/>
  <c r="E1427" i="26"/>
  <c r="E1842" i="26"/>
  <c r="E1153" i="26"/>
  <c r="E1848" i="26"/>
  <c r="E1244" i="26"/>
  <c r="E915" i="26"/>
  <c r="E1065" i="26"/>
  <c r="F10" i="26"/>
  <c r="G10" i="26"/>
  <c r="E10" i="26"/>
  <c r="E473" i="26"/>
  <c r="E210" i="26"/>
  <c r="E217" i="26"/>
  <c r="F20" i="26"/>
  <c r="G20" i="26"/>
  <c r="E20" i="26"/>
  <c r="E1585" i="26"/>
  <c r="F2352" i="26"/>
  <c r="E2352" i="26"/>
  <c r="E1634" i="26"/>
  <c r="E916" i="26"/>
  <c r="E973" i="26"/>
  <c r="F2594" i="26"/>
  <c r="E2594" i="26"/>
  <c r="E1393" i="26"/>
  <c r="E1369" i="26"/>
  <c r="E1648" i="26"/>
  <c r="F2425" i="26"/>
  <c r="E2425" i="26"/>
  <c r="E2681" i="26"/>
  <c r="F2105" i="26"/>
  <c r="E2105" i="26"/>
  <c r="E176" i="26"/>
  <c r="F65" i="26"/>
  <c r="E65" i="26"/>
  <c r="F2607" i="26"/>
  <c r="E2607" i="26"/>
  <c r="G34" i="26"/>
  <c r="E34" i="26"/>
  <c r="E1306" i="26"/>
  <c r="E2280" i="26"/>
  <c r="F2538" i="26"/>
  <c r="E2538" i="26"/>
  <c r="I54" i="6"/>
  <c r="I54" i="7" s="1"/>
  <c r="M43" i="22"/>
  <c r="F2384" i="26"/>
  <c r="E2384" i="26"/>
  <c r="E1862" i="26"/>
  <c r="F2800" i="26"/>
  <c r="E2800" i="26"/>
  <c r="F2521" i="26"/>
  <c r="E2521" i="26"/>
  <c r="F2369" i="26"/>
  <c r="E2369" i="26"/>
  <c r="E1330" i="26"/>
  <c r="E1498" i="26"/>
  <c r="F2415" i="26"/>
  <c r="E2415" i="26"/>
  <c r="F2402" i="26"/>
  <c r="E2402" i="26"/>
  <c r="F2153" i="26"/>
  <c r="E2153" i="26"/>
  <c r="E1370" i="26"/>
  <c r="E1775" i="26"/>
  <c r="E1457" i="26"/>
  <c r="E1473" i="26"/>
  <c r="E1658" i="26"/>
  <c r="E1953" i="26"/>
  <c r="F2833" i="26"/>
  <c r="E2833" i="26"/>
  <c r="E1178" i="26"/>
  <c r="E1583" i="26"/>
  <c r="E1979" i="26"/>
  <c r="E2435" i="26"/>
  <c r="F2297" i="26"/>
  <c r="E2297" i="26"/>
  <c r="E1778" i="26"/>
  <c r="E1129" i="26"/>
  <c r="E762" i="26"/>
  <c r="E466" i="26"/>
  <c r="E570" i="26"/>
  <c r="F2481" i="26"/>
  <c r="E2481" i="26"/>
  <c r="E2675" i="26"/>
  <c r="E1576" i="26"/>
  <c r="E1207" i="26"/>
  <c r="F2288" i="26"/>
  <c r="E2288" i="26"/>
  <c r="E1258" i="26"/>
  <c r="F2322" i="26"/>
  <c r="E2322" i="26"/>
  <c r="F2161" i="26"/>
  <c r="E2161" i="26"/>
  <c r="E905" i="26"/>
  <c r="E1684" i="26"/>
  <c r="F129" i="26"/>
  <c r="E129" i="26"/>
  <c r="F97" i="26"/>
  <c r="E97" i="26"/>
  <c r="E1027" i="26"/>
  <c r="E882" i="26"/>
  <c r="E394" i="26"/>
  <c r="E497" i="26"/>
  <c r="E362" i="26"/>
  <c r="E914" i="26"/>
  <c r="F73" i="26"/>
  <c r="E73" i="26"/>
  <c r="E778" i="26"/>
  <c r="F2225" i="26"/>
  <c r="E2225" i="26"/>
  <c r="E721" i="26"/>
  <c r="E617" i="26"/>
  <c r="F2492" i="26"/>
  <c r="E2492" i="26"/>
  <c r="E674" i="26"/>
  <c r="E793" i="26"/>
  <c r="E729" i="26"/>
  <c r="E825" i="26"/>
  <c r="F2540" i="26"/>
  <c r="E2540" i="26"/>
  <c r="E1072" i="26"/>
  <c r="E1107" i="26"/>
  <c r="E684" i="26"/>
  <c r="E339" i="26"/>
  <c r="E509" i="26"/>
  <c r="E746" i="26"/>
  <c r="E1137" i="26"/>
  <c r="F2588" i="26"/>
  <c r="E2588" i="26"/>
  <c r="F161" i="26"/>
  <c r="E161" i="26"/>
  <c r="E826" i="26"/>
  <c r="E346" i="26"/>
  <c r="E751" i="26"/>
  <c r="E175" i="26"/>
  <c r="E849" i="26"/>
  <c r="F2468" i="26"/>
  <c r="E2468" i="26"/>
  <c r="F2157" i="26"/>
  <c r="E2157" i="26"/>
  <c r="E810" i="26"/>
  <c r="F131" i="26"/>
  <c r="E131" i="26"/>
  <c r="F2600" i="26"/>
  <c r="E2600" i="26"/>
  <c r="E1913" i="26"/>
  <c r="F2129" i="26"/>
  <c r="E2129" i="26"/>
  <c r="E2689" i="26"/>
  <c r="F75" i="26"/>
  <c r="E75" i="26"/>
  <c r="F137" i="26"/>
  <c r="E137" i="26"/>
  <c r="E1395" i="26"/>
  <c r="E1328" i="26"/>
  <c r="E1339" i="26"/>
  <c r="E1671" i="26"/>
  <c r="E445" i="26"/>
  <c r="G56" i="26"/>
  <c r="E971" i="26"/>
  <c r="E667" i="26"/>
  <c r="E1836" i="26"/>
  <c r="E836" i="26"/>
  <c r="E724" i="26"/>
  <c r="F2316" i="26"/>
  <c r="E2316" i="26"/>
  <c r="E833" i="26"/>
  <c r="E1018" i="26"/>
  <c r="F89" i="26"/>
  <c r="E89" i="26"/>
  <c r="E1130" i="26"/>
  <c r="E866" i="26"/>
  <c r="E564" i="26"/>
  <c r="E1089" i="26"/>
  <c r="E513" i="26"/>
  <c r="E698" i="26"/>
  <c r="G33" i="26"/>
  <c r="E33" i="26"/>
  <c r="F122" i="26"/>
  <c r="E122" i="26"/>
  <c r="E417" i="26"/>
  <c r="E897" i="26"/>
  <c r="E1082" i="26"/>
  <c r="E1579" i="26"/>
  <c r="E371" i="26"/>
  <c r="E1083" i="26"/>
  <c r="E376" i="26"/>
  <c r="E563" i="26"/>
  <c r="E1947" i="26"/>
  <c r="E1187" i="26"/>
  <c r="E2669" i="26"/>
  <c r="E1712" i="26"/>
  <c r="E1284" i="26"/>
  <c r="E315" i="26"/>
  <c r="E1915" i="26"/>
  <c r="E395" i="26"/>
  <c r="E2509" i="26"/>
  <c r="E1101" i="26"/>
  <c r="E1401" i="26"/>
  <c r="E1859" i="26"/>
  <c r="E1337" i="26"/>
  <c r="E1402" i="26"/>
  <c r="F2602" i="26"/>
  <c r="E2602" i="26"/>
  <c r="F2642" i="26"/>
  <c r="E2642" i="26"/>
  <c r="E1667" i="26"/>
  <c r="F2488" i="26"/>
  <c r="E2488" i="26"/>
  <c r="E738" i="26"/>
  <c r="F162" i="26"/>
  <c r="E162" i="26"/>
  <c r="E258" i="26"/>
  <c r="E824" i="26"/>
  <c r="F177" i="26"/>
  <c r="E177" i="26"/>
  <c r="E26" i="26"/>
  <c r="G26" i="26"/>
  <c r="F281" i="26"/>
  <c r="E281" i="26"/>
  <c r="E782" i="26"/>
  <c r="E587" i="26"/>
  <c r="E771" i="26"/>
  <c r="E593" i="26"/>
  <c r="E690" i="26"/>
  <c r="E907" i="26"/>
  <c r="E340" i="26"/>
  <c r="E883" i="26"/>
  <c r="E974" i="26"/>
  <c r="E1108" i="26"/>
  <c r="E260" i="26"/>
  <c r="E1371" i="26"/>
  <c r="E437" i="26"/>
  <c r="E1229" i="26"/>
  <c r="E889" i="26"/>
  <c r="E722" i="26"/>
  <c r="E930" i="26"/>
  <c r="F242" i="26"/>
  <c r="E242" i="26"/>
  <c r="F2394" i="26"/>
  <c r="E2394" i="26"/>
  <c r="E898" i="26"/>
  <c r="E626" i="26"/>
  <c r="F226" i="26"/>
  <c r="E226" i="26"/>
  <c r="E322" i="26"/>
  <c r="E842" i="26"/>
  <c r="E1385" i="26"/>
  <c r="E1111" i="26"/>
  <c r="G49" i="26"/>
  <c r="F49" i="26"/>
  <c r="E49" i="26"/>
  <c r="E378" i="26"/>
  <c r="E753" i="26"/>
  <c r="E937" i="26"/>
  <c r="E985" i="26"/>
  <c r="E219" i="26"/>
  <c r="E1331" i="26"/>
  <c r="E1627" i="26"/>
  <c r="E1813" i="26"/>
  <c r="E523" i="26"/>
  <c r="E2432" i="26"/>
  <c r="F98" i="26"/>
  <c r="E98" i="26"/>
  <c r="E28" i="6"/>
  <c r="E28" i="7" s="1"/>
  <c r="R50" i="22"/>
  <c r="X50" i="22" s="1"/>
  <c r="Y50" i="22" s="1"/>
  <c r="R67" i="22"/>
  <c r="R60" i="22"/>
  <c r="R79" i="22"/>
  <c r="E39" i="6"/>
  <c r="E39" i="7" s="1"/>
  <c r="M39" i="22"/>
  <c r="R51" i="22"/>
  <c r="X51" i="22" s="1"/>
  <c r="Y51" i="22" s="1"/>
  <c r="R40" i="22"/>
  <c r="E47" i="6"/>
  <c r="E47" i="7" s="1"/>
  <c r="M47" i="22"/>
  <c r="M27" i="22"/>
  <c r="N27" i="22" s="1"/>
  <c r="R80" i="22"/>
  <c r="R52" i="22"/>
  <c r="X52" i="22" s="1"/>
  <c r="Y52" i="22" s="1"/>
  <c r="R30" i="22"/>
  <c r="P96" i="22"/>
  <c r="Q96" i="22" s="1"/>
  <c r="R47" i="22"/>
  <c r="X47" i="22" s="1"/>
  <c r="Y47" i="22" s="1"/>
  <c r="R38" i="22"/>
  <c r="R42" i="22"/>
  <c r="R46" i="22"/>
  <c r="R56" i="22"/>
  <c r="R72" i="22"/>
  <c r="X72" i="22" s="1"/>
  <c r="Y72" i="22" s="1"/>
  <c r="E96" i="6"/>
  <c r="E96" i="7" s="1"/>
  <c r="E96" i="14"/>
  <c r="M96" i="22"/>
  <c r="N96" i="22" s="1"/>
  <c r="O96" i="22" s="1"/>
  <c r="R70" i="22"/>
  <c r="R82" i="22"/>
  <c r="R59" i="22"/>
  <c r="X59" i="22" s="1"/>
  <c r="Y59" i="22" s="1"/>
  <c r="R34" i="22"/>
  <c r="R43" i="22"/>
  <c r="R58" i="22"/>
  <c r="R54" i="22"/>
  <c r="X54" i="22" s="1"/>
  <c r="Y54" i="22" s="1"/>
  <c r="S95" i="22"/>
  <c r="R75" i="22"/>
  <c r="CF94" i="14"/>
  <c r="BS94" i="14"/>
  <c r="BF94" i="14"/>
  <c r="EH93" i="14"/>
  <c r="HH93" i="14" s="1"/>
  <c r="DU93" i="14"/>
  <c r="GU93" i="14" s="1"/>
  <c r="FI93" i="14"/>
  <c r="II93" i="14" s="1"/>
  <c r="EV93" i="14"/>
  <c r="HV93" i="14" s="1"/>
  <c r="BD94" i="14"/>
  <c r="BQ94" i="14"/>
  <c r="CD94" i="14"/>
  <c r="BT94" i="14"/>
  <c r="BG94" i="14"/>
  <c r="CG94" i="14"/>
  <c r="EM93" i="14"/>
  <c r="HM93" i="14" s="1"/>
  <c r="EZ93" i="14"/>
  <c r="HZ93" i="14" s="1"/>
  <c r="DN93" i="14"/>
  <c r="GN93" i="14" s="1"/>
  <c r="EA93" i="14"/>
  <c r="HA93" i="14" s="1"/>
  <c r="FH93" i="14"/>
  <c r="IH93" i="14" s="1"/>
  <c r="EU93" i="14"/>
  <c r="HU93" i="14" s="1"/>
  <c r="CV93" i="14"/>
  <c r="FV93" i="14" s="1"/>
  <c r="DI93" i="14"/>
  <c r="GI93" i="14" s="1"/>
  <c r="DX93" i="14"/>
  <c r="GX93" i="14" s="1"/>
  <c r="EK93" i="14"/>
  <c r="HK93" i="14" s="1"/>
  <c r="FB93" i="14"/>
  <c r="IB93" i="14" s="1"/>
  <c r="EO93" i="14"/>
  <c r="HO93" i="14" s="1"/>
  <c r="DM93" i="14"/>
  <c r="GM93" i="14" s="1"/>
  <c r="DZ93" i="14"/>
  <c r="GZ93" i="14" s="1"/>
  <c r="CJ94" i="14"/>
  <c r="BW94" i="14"/>
  <c r="BJ94" i="14"/>
  <c r="CH94" i="14"/>
  <c r="BU94" i="14"/>
  <c r="BH94" i="14"/>
  <c r="CM93" i="14"/>
  <c r="FM93" i="14" s="1"/>
  <c r="CZ93" i="14"/>
  <c r="FZ93" i="14" s="1"/>
  <c r="FA93" i="14"/>
  <c r="IA93" i="14" s="1"/>
  <c r="EN93" i="14"/>
  <c r="HN93" i="14" s="1"/>
  <c r="ER93" i="14"/>
  <c r="HR93" i="14" s="1"/>
  <c r="FE93" i="14"/>
  <c r="IE93" i="14" s="1"/>
  <c r="ET93" i="14"/>
  <c r="HT93" i="14" s="1"/>
  <c r="FG93" i="14"/>
  <c r="IG93" i="14" s="1"/>
  <c r="FC93" i="14"/>
  <c r="IC93" i="14" s="1"/>
  <c r="EP93" i="14"/>
  <c r="HP93" i="14" s="1"/>
  <c r="DB93" i="14"/>
  <c r="GB93" i="14" s="1"/>
  <c r="CO93" i="14"/>
  <c r="FO93" i="14" s="1"/>
  <c r="BP94" i="14"/>
  <c r="BC94" i="14"/>
  <c r="CC94" i="14"/>
  <c r="DF93" i="14"/>
  <c r="GF93" i="14" s="1"/>
  <c r="CS93" i="14"/>
  <c r="FS93" i="14" s="1"/>
  <c r="DE93" i="14"/>
  <c r="GE93" i="14" s="1"/>
  <c r="CR93" i="14"/>
  <c r="FR93" i="14" s="1"/>
  <c r="DG93" i="14"/>
  <c r="GG93" i="14" s="1"/>
  <c r="CT93" i="14"/>
  <c r="FT93" i="14" s="1"/>
  <c r="CP93" i="14"/>
  <c r="FP93" i="14" s="1"/>
  <c r="DC93" i="14"/>
  <c r="GC93" i="14" s="1"/>
  <c r="AZ94" i="14"/>
  <c r="BZ94" i="14"/>
  <c r="BM94" i="14"/>
  <c r="CX93" i="14"/>
  <c r="FX93" i="14" s="1"/>
  <c r="DK93" i="14"/>
  <c r="GK93" i="14" s="1"/>
  <c r="BR94" i="14"/>
  <c r="BE94" i="14"/>
  <c r="CE94" i="14"/>
  <c r="EF93" i="14"/>
  <c r="HF93" i="14" s="1"/>
  <c r="DS93" i="14"/>
  <c r="GS93" i="14" s="1"/>
  <c r="DR93" i="14"/>
  <c r="GR93" i="14" s="1"/>
  <c r="EE93" i="14"/>
  <c r="HE93" i="14" s="1"/>
  <c r="DT93" i="14"/>
  <c r="GT93" i="14" s="1"/>
  <c r="EG93" i="14"/>
  <c r="HG93" i="14" s="1"/>
  <c r="EC93" i="14"/>
  <c r="HC93" i="14" s="1"/>
  <c r="DP93" i="14"/>
  <c r="GP93" i="14" s="1"/>
  <c r="CN93" i="14"/>
  <c r="FN93" i="14" s="1"/>
  <c r="DA93" i="14"/>
  <c r="GA93" i="14" s="1"/>
  <c r="BV94" i="14"/>
  <c r="BI94" i="14"/>
  <c r="CI94" i="14"/>
  <c r="ES93" i="14"/>
  <c r="HS93" i="14" s="1"/>
  <c r="FF93" i="14"/>
  <c r="IF93" i="14" s="1"/>
  <c r="EJ93" i="14"/>
  <c r="HJ93" i="14" s="1"/>
  <c r="DW93" i="14"/>
  <c r="GW93" i="14" s="1"/>
  <c r="FD93" i="14"/>
  <c r="ID93" i="14" s="1"/>
  <c r="EQ93" i="14"/>
  <c r="HQ93" i="14" s="1"/>
  <c r="BB94" i="14"/>
  <c r="CB94" i="14"/>
  <c r="BO94" i="14"/>
  <c r="FJ93" i="14"/>
  <c r="IJ93" i="14" s="1"/>
  <c r="EW93" i="14"/>
  <c r="HW93" i="14" s="1"/>
  <c r="DD93" i="14"/>
  <c r="GD93" i="14" s="1"/>
  <c r="CQ93" i="14"/>
  <c r="FQ93" i="14" s="1"/>
  <c r="EB93" i="14"/>
  <c r="HB93" i="14" s="1"/>
  <c r="DO93" i="14"/>
  <c r="GO93" i="14" s="1"/>
  <c r="BA94" i="14"/>
  <c r="BN94" i="14"/>
  <c r="CA94" i="14"/>
  <c r="BX94" i="14"/>
  <c r="BK94" i="14"/>
  <c r="CK94" i="14"/>
  <c r="DH93" i="14"/>
  <c r="GH93" i="14" s="1"/>
  <c r="CU93" i="14"/>
  <c r="FU93" i="14" s="1"/>
  <c r="DV93" i="14"/>
  <c r="GV93" i="14" s="1"/>
  <c r="EI93" i="14"/>
  <c r="HI93" i="14" s="1"/>
  <c r="FK93" i="14"/>
  <c r="IK93" i="14" s="1"/>
  <c r="EX93" i="14"/>
  <c r="HX93" i="14" s="1"/>
  <c r="CW93" i="14"/>
  <c r="FW93" i="14" s="1"/>
  <c r="DJ93" i="14"/>
  <c r="GJ93" i="14" s="1"/>
  <c r="ED93" i="14"/>
  <c r="HD93" i="14" s="1"/>
  <c r="DQ93" i="14"/>
  <c r="GQ93" i="14" s="1"/>
  <c r="AG27" i="22" a="1"/>
  <c r="AG27" i="22" s="1"/>
  <c r="AT27" i="22" s="1"/>
  <c r="O27" i="14" s="1"/>
  <c r="AE27" i="22" a="1"/>
  <c r="AE27" i="22" s="1"/>
  <c r="AR27" i="22" s="1"/>
  <c r="M27" i="14" s="1"/>
  <c r="AJ27" i="22" a="1"/>
  <c r="AJ27" i="22" s="1"/>
  <c r="AW27" i="22" s="1"/>
  <c r="R27" i="14" s="1"/>
  <c r="AF27" i="22" a="1"/>
  <c r="AF27" i="22" s="1"/>
  <c r="AS27" i="22" s="1"/>
  <c r="N27" i="14" s="1"/>
  <c r="AA27" i="22" a="1"/>
  <c r="AA27" i="22" s="1"/>
  <c r="AN27" i="22" s="1"/>
  <c r="I27" i="14" s="1"/>
  <c r="AC27" i="22" a="1"/>
  <c r="AC27" i="22" s="1"/>
  <c r="AP27" i="22" s="1"/>
  <c r="K27" i="14" s="1"/>
  <c r="AD27" i="22" a="1"/>
  <c r="AD27" i="22" s="1"/>
  <c r="AQ27" i="22" s="1"/>
  <c r="L27" i="14" s="1"/>
  <c r="AI27" i="22" a="1"/>
  <c r="AI27" i="22" s="1"/>
  <c r="AV27" i="22" s="1"/>
  <c r="Q27" i="14" s="1"/>
  <c r="AB27" i="22" a="1"/>
  <c r="AB27" i="22" s="1"/>
  <c r="AO27" i="22" s="1"/>
  <c r="J27" i="14" s="1"/>
  <c r="AH27" i="22" a="1"/>
  <c r="AH27" i="22" s="1"/>
  <c r="AU27" i="22" s="1"/>
  <c r="P27" i="14" s="1"/>
  <c r="AD54" i="22" a="1"/>
  <c r="AD54" i="22" s="1"/>
  <c r="AB54" i="22" a="1"/>
  <c r="AB54" i="22" s="1"/>
  <c r="AJ54" i="22" a="1"/>
  <c r="AJ54" i="22" s="1"/>
  <c r="AA54" i="22" a="1"/>
  <c r="AA54" i="22" s="1"/>
  <c r="AG54" i="22" a="1"/>
  <c r="AG54" i="22" s="1"/>
  <c r="AI54" i="22" a="1"/>
  <c r="AI54" i="22" s="1"/>
  <c r="AH54" i="22" a="1"/>
  <c r="AH54" i="22" s="1"/>
  <c r="V95" i="22"/>
  <c r="W95" i="22"/>
  <c r="BK95" i="22"/>
  <c r="AF95" i="14" s="1"/>
  <c r="AT95" i="14" s="1"/>
  <c r="BH95" i="22"/>
  <c r="AC95" i="14" s="1"/>
  <c r="AQ95" i="14" s="1"/>
  <c r="BL95" i="22"/>
  <c r="AG95" i="14" s="1"/>
  <c r="AU95" i="14" s="1"/>
  <c r="BA95" i="22"/>
  <c r="V95" i="14" s="1"/>
  <c r="AJ95" i="14" s="1"/>
  <c r="BE95" i="22"/>
  <c r="Z95" i="14" s="1"/>
  <c r="AN95" i="14" s="1"/>
  <c r="BI95" i="22"/>
  <c r="AD95" i="14" s="1"/>
  <c r="AR95" i="14" s="1"/>
  <c r="BF95" i="22"/>
  <c r="AA95" i="14" s="1"/>
  <c r="AO95" i="14" s="1"/>
  <c r="BJ95" i="22"/>
  <c r="AE95" i="14" s="1"/>
  <c r="AS95" i="14" s="1"/>
  <c r="BC95" i="22"/>
  <c r="X95" i="14" s="1"/>
  <c r="AL95" i="14" s="1"/>
  <c r="BG95" i="22"/>
  <c r="AB95" i="14" s="1"/>
  <c r="AP95" i="14" s="1"/>
  <c r="BD95" i="22"/>
  <c r="Y95" i="14" s="1"/>
  <c r="AM95" i="14" s="1"/>
  <c r="BB95" i="22"/>
  <c r="W95" i="14" s="1"/>
  <c r="AK95" i="14" s="1"/>
  <c r="C98" i="22"/>
  <c r="J97" i="22"/>
  <c r="I97" i="22"/>
  <c r="H97" i="6" s="1"/>
  <c r="H97" i="7" s="1"/>
  <c r="G97" i="22"/>
  <c r="F97" i="6" s="1"/>
  <c r="F97" i="7" s="1"/>
  <c r="H97" i="22"/>
  <c r="G97" i="6" s="1"/>
  <c r="G97" i="7" s="1"/>
  <c r="L97" i="22"/>
  <c r="AY97" i="22" s="1"/>
  <c r="T97" i="14" s="1"/>
  <c r="D97" i="22"/>
  <c r="K97" i="22"/>
  <c r="E97" i="22"/>
  <c r="F97" i="22"/>
  <c r="P97" i="22" s="1"/>
  <c r="Q97" i="22" s="1"/>
  <c r="B97" i="22"/>
  <c r="B97" i="6" s="1"/>
  <c r="B97" i="7" s="1"/>
  <c r="O84" i="22"/>
  <c r="S84" i="22" s="1"/>
  <c r="O85" i="22"/>
  <c r="S85" i="22" s="1"/>
  <c r="O83" i="22"/>
  <c r="S83" i="22" s="1"/>
  <c r="O86" i="22"/>
  <c r="S86" i="22" s="1"/>
  <c r="O87" i="22"/>
  <c r="S87" i="22" s="1"/>
  <c r="O88" i="22"/>
  <c r="S88" i="22" s="1"/>
  <c r="O89" i="22"/>
  <c r="S89" i="22" s="1"/>
  <c r="O90" i="22"/>
  <c r="S90" i="22" s="1"/>
  <c r="O91" i="22"/>
  <c r="S91" i="22" s="1"/>
  <c r="O92" i="22"/>
  <c r="S92" i="22" s="1"/>
  <c r="O93" i="22"/>
  <c r="S93" i="22" s="1"/>
  <c r="O94" i="22"/>
  <c r="S94" i="22" s="1"/>
  <c r="AB96" i="22" a="1"/>
  <c r="AB96" i="22" s="1"/>
  <c r="AO96" i="22" s="1"/>
  <c r="J96" i="14" s="1"/>
  <c r="AA96" i="22" a="1"/>
  <c r="AA96" i="22" s="1"/>
  <c r="AN96" i="22" s="1"/>
  <c r="I96" i="14" s="1"/>
  <c r="AD96" i="22" a="1"/>
  <c r="AD96" i="22" s="1"/>
  <c r="AQ96" i="22" s="1"/>
  <c r="L96" i="14" s="1"/>
  <c r="AI96" i="22" a="1"/>
  <c r="AI96" i="22" s="1"/>
  <c r="AV96" i="22" s="1"/>
  <c r="Q96" i="14" s="1"/>
  <c r="AJ96" i="22" a="1"/>
  <c r="AJ96" i="22" s="1"/>
  <c r="AW96" i="22" s="1"/>
  <c r="R96" i="14" s="1"/>
  <c r="AC96" i="22" a="1"/>
  <c r="AC96" i="22" s="1"/>
  <c r="AP96" i="22" s="1"/>
  <c r="K96" i="14" s="1"/>
  <c r="AG96" i="22" a="1"/>
  <c r="AG96" i="22" s="1"/>
  <c r="AT96" i="22" s="1"/>
  <c r="O96" i="14" s="1"/>
  <c r="AE96" i="22" a="1"/>
  <c r="AE96" i="22" s="1"/>
  <c r="AR96" i="22" s="1"/>
  <c r="M96" i="14" s="1"/>
  <c r="AK96" i="22" a="1"/>
  <c r="AK96" i="22" s="1"/>
  <c r="AX96" i="22" s="1"/>
  <c r="S96" i="14" s="1"/>
  <c r="AF96" i="22" a="1"/>
  <c r="AF96" i="22" s="1"/>
  <c r="AS96" i="22" s="1"/>
  <c r="N96" i="14" s="1"/>
  <c r="AH96" i="22" a="1"/>
  <c r="AH96" i="22" s="1"/>
  <c r="AU96" i="22" s="1"/>
  <c r="P96" i="14" s="1"/>
  <c r="E43" i="14"/>
  <c r="Y42" i="6"/>
  <c r="E40" i="14"/>
  <c r="E39" i="14"/>
  <c r="Q27" i="6"/>
  <c r="Q27" i="7" s="1"/>
  <c r="I27" i="7"/>
  <c r="K27" i="6"/>
  <c r="K27" i="7" s="1"/>
  <c r="Y27" i="6"/>
  <c r="AI40" i="22" a="1"/>
  <c r="AI40" i="22" s="1"/>
  <c r="AF40" i="22" a="1"/>
  <c r="AF40" i="22" s="1"/>
  <c r="AE40" i="22" a="1"/>
  <c r="AE40" i="22" s="1"/>
  <c r="AG40" i="22" a="1"/>
  <c r="AG40" i="22" s="1"/>
  <c r="AH40" i="22" a="1"/>
  <c r="AH40" i="22" s="1"/>
  <c r="AB40" i="22" a="1"/>
  <c r="AB40" i="22" s="1"/>
  <c r="AD40" i="22" a="1"/>
  <c r="AD40" i="22" s="1"/>
  <c r="AC40" i="22" a="1"/>
  <c r="AC40" i="22" s="1"/>
  <c r="AK40" i="22" a="1"/>
  <c r="AK40" i="22" s="1"/>
  <c r="AA40" i="22" a="1"/>
  <c r="AA40" i="22" s="1"/>
  <c r="AJ40" i="22" a="1"/>
  <c r="AJ40" i="22" s="1"/>
  <c r="I28" i="7"/>
  <c r="Y28" i="6"/>
  <c r="I40" i="7"/>
  <c r="Y40" i="6"/>
  <c r="I47" i="7"/>
  <c r="Y47" i="6"/>
  <c r="Y43" i="6"/>
  <c r="I43" i="7"/>
  <c r="I32" i="7"/>
  <c r="P44" i="22"/>
  <c r="Q44" i="22" s="1"/>
  <c r="Y54" i="6"/>
  <c r="P36" i="22"/>
  <c r="Q36" i="22" s="1"/>
  <c r="E27" i="14"/>
  <c r="E27" i="6"/>
  <c r="E27" i="7" s="1"/>
  <c r="P29" i="22"/>
  <c r="Q29" i="22" s="1"/>
  <c r="P55" i="22"/>
  <c r="Q55" i="22" s="1"/>
  <c r="L29" i="22"/>
  <c r="F29" i="14"/>
  <c r="AH29" i="14" s="1"/>
  <c r="P53" i="22"/>
  <c r="Q53" i="22" s="1"/>
  <c r="P37" i="22"/>
  <c r="Q37" i="22" s="1"/>
  <c r="P39" i="22"/>
  <c r="Q39" i="22" s="1"/>
  <c r="P45" i="22"/>
  <c r="Q45" i="22" s="1"/>
  <c r="P57" i="22"/>
  <c r="Q57" i="22" s="1"/>
  <c r="P41" i="22"/>
  <c r="Q41" i="22" s="1"/>
  <c r="P61" i="22"/>
  <c r="Q61" i="22" s="1"/>
  <c r="P69" i="22"/>
  <c r="Q69" i="22" s="1"/>
  <c r="P78" i="22"/>
  <c r="Q78" i="22" s="1"/>
  <c r="P77" i="22"/>
  <c r="Q77" i="22" s="1"/>
  <c r="P71" i="22"/>
  <c r="Q71" i="22" s="1"/>
  <c r="P68" i="22"/>
  <c r="Q68" i="22" s="1"/>
  <c r="P49" i="22"/>
  <c r="Q49" i="22" s="1"/>
  <c r="P81" i="22"/>
  <c r="Q81" i="22" s="1"/>
  <c r="P65" i="22"/>
  <c r="Q65" i="22" s="1"/>
  <c r="P74" i="22"/>
  <c r="Q74" i="22" s="1"/>
  <c r="R66" i="22"/>
  <c r="F36" i="25"/>
  <c r="F52" i="25"/>
  <c r="F47" i="25"/>
  <c r="F50" i="25"/>
  <c r="F8" i="25"/>
  <c r="Y53" i="6"/>
  <c r="I53" i="7"/>
  <c r="R60" i="25"/>
  <c r="P60" i="25"/>
  <c r="L60" i="25"/>
  <c r="H60" i="25"/>
  <c r="Z60" i="25"/>
  <c r="AB60" i="25"/>
  <c r="F60" i="25"/>
  <c r="J60" i="25"/>
  <c r="X60" i="25"/>
  <c r="AD60" i="25"/>
  <c r="T60" i="25"/>
  <c r="N60" i="25"/>
  <c r="V60" i="25"/>
  <c r="F57" i="25"/>
  <c r="AA63" i="22" a="1"/>
  <c r="AA63" i="22" s="1"/>
  <c r="AF63" i="22" a="1"/>
  <c r="AF63" i="22" s="1"/>
  <c r="AJ63" i="22" a="1"/>
  <c r="AJ63" i="22" s="1"/>
  <c r="AE63" i="22" a="1"/>
  <c r="AE63" i="22" s="1"/>
  <c r="AK63" i="22" a="1"/>
  <c r="AK63" i="22" s="1"/>
  <c r="AG63" i="22" a="1"/>
  <c r="AG63" i="22" s="1"/>
  <c r="AD63" i="22" a="1"/>
  <c r="AD63" i="22" s="1"/>
  <c r="AB63" i="22" a="1"/>
  <c r="AB63" i="22" s="1"/>
  <c r="AC63" i="22" a="1"/>
  <c r="AC63" i="22" s="1"/>
  <c r="AH63" i="22" a="1"/>
  <c r="AH63" i="22" s="1"/>
  <c r="AI63" i="22" a="1"/>
  <c r="AI63" i="22" s="1"/>
  <c r="I74" i="7"/>
  <c r="Y74" i="6"/>
  <c r="AB64" i="22" a="1"/>
  <c r="AB64" i="22" s="1"/>
  <c r="AK64" i="22" a="1"/>
  <c r="AK64" i="22" s="1"/>
  <c r="AI64" i="22" a="1"/>
  <c r="AI64" i="22" s="1"/>
  <c r="AH64" i="22" a="1"/>
  <c r="AH64" i="22" s="1"/>
  <c r="AA64" i="22" a="1"/>
  <c r="AA64" i="22" s="1"/>
  <c r="AJ64" i="22" a="1"/>
  <c r="AJ64" i="22" s="1"/>
  <c r="AG64" i="22" a="1"/>
  <c r="AG64" i="22" s="1"/>
  <c r="AE64" i="22" a="1"/>
  <c r="AE64" i="22" s="1"/>
  <c r="AC64" i="22" a="1"/>
  <c r="AC64" i="22" s="1"/>
  <c r="AD64" i="22" a="1"/>
  <c r="AD64" i="22" s="1"/>
  <c r="AF64" i="22" a="1"/>
  <c r="AF64" i="22" s="1"/>
  <c r="Y64" i="6"/>
  <c r="I64" i="7"/>
  <c r="AG57" i="22" a="1"/>
  <c r="AG57" i="22" s="1"/>
  <c r="AB57" i="22" a="1"/>
  <c r="AB57" i="22" s="1"/>
  <c r="AH57" i="22" a="1"/>
  <c r="AH57" i="22" s="1"/>
  <c r="AD57" i="22" a="1"/>
  <c r="AD57" i="22" s="1"/>
  <c r="AF57" i="22" a="1"/>
  <c r="AF57" i="22" s="1"/>
  <c r="AE57" i="22" a="1"/>
  <c r="AE57" i="22" s="1"/>
  <c r="AI57" i="22" a="1"/>
  <c r="AI57" i="22" s="1"/>
  <c r="AJ57" i="22" a="1"/>
  <c r="AJ57" i="22" s="1"/>
  <c r="AA57" i="22" a="1"/>
  <c r="AA57" i="22" s="1"/>
  <c r="AK57" i="22" a="1"/>
  <c r="AK57" i="22" s="1"/>
  <c r="AC57" i="22" a="1"/>
  <c r="AC57" i="22" s="1"/>
  <c r="AF73" i="22" a="1"/>
  <c r="AF73" i="22" s="1"/>
  <c r="AH73" i="22" a="1"/>
  <c r="AH73" i="22" s="1"/>
  <c r="AG73" i="22" a="1"/>
  <c r="AG73" i="22" s="1"/>
  <c r="AK73" i="22" a="1"/>
  <c r="AK73" i="22" s="1"/>
  <c r="AA73" i="22" a="1"/>
  <c r="AA73" i="22" s="1"/>
  <c r="AI73" i="22" a="1"/>
  <c r="AI73" i="22" s="1"/>
  <c r="AD73" i="22" a="1"/>
  <c r="AD73" i="22" s="1"/>
  <c r="AJ73" i="22" a="1"/>
  <c r="AJ73" i="22" s="1"/>
  <c r="AB73" i="22" a="1"/>
  <c r="AB73" i="22" s="1"/>
  <c r="AC73" i="22" a="1"/>
  <c r="AC73" i="22" s="1"/>
  <c r="AE73" i="22" a="1"/>
  <c r="AE73" i="22" s="1"/>
  <c r="E71" i="14"/>
  <c r="E71" i="6"/>
  <c r="E71" i="7" s="1"/>
  <c r="F10" i="25"/>
  <c r="F48" i="25"/>
  <c r="E76" i="6"/>
  <c r="E76" i="7" s="1"/>
  <c r="E76" i="14"/>
  <c r="F55" i="25"/>
  <c r="F16" i="25"/>
  <c r="F20" i="25"/>
  <c r="P32" i="22"/>
  <c r="Q32" i="22" s="1"/>
  <c r="AK35" i="22" a="1"/>
  <c r="AK35" i="22" s="1"/>
  <c r="AD35" i="22" a="1"/>
  <c r="AD35" i="22" s="1"/>
  <c r="AJ35" i="22" a="1"/>
  <c r="AJ35" i="22" s="1"/>
  <c r="AF35" i="22" a="1"/>
  <c r="AF35" i="22" s="1"/>
  <c r="AE35" i="22" a="1"/>
  <c r="AE35" i="22" s="1"/>
  <c r="AH35" i="22" a="1"/>
  <c r="AH35" i="22" s="1"/>
  <c r="AB35" i="22" a="1"/>
  <c r="AB35" i="22" s="1"/>
  <c r="AI35" i="22" a="1"/>
  <c r="AI35" i="22" s="1"/>
  <c r="AC35" i="22" a="1"/>
  <c r="AC35" i="22" s="1"/>
  <c r="AA35" i="22" a="1"/>
  <c r="AA35" i="22" s="1"/>
  <c r="AG35" i="22" a="1"/>
  <c r="AG35" i="22" s="1"/>
  <c r="AE62" i="22" a="1"/>
  <c r="AE62" i="22" s="1"/>
  <c r="AC62" i="22" a="1"/>
  <c r="AC62" i="22" s="1"/>
  <c r="AJ62" i="22" a="1"/>
  <c r="AJ62" i="22" s="1"/>
  <c r="AI62" i="22" a="1"/>
  <c r="AI62" i="22" s="1"/>
  <c r="AA62" i="22" a="1"/>
  <c r="AA62" i="22" s="1"/>
  <c r="AG62" i="22" a="1"/>
  <c r="AG62" i="22" s="1"/>
  <c r="AH62" i="22" a="1"/>
  <c r="AH62" i="22" s="1"/>
  <c r="AK62" i="22" a="1"/>
  <c r="AK62" i="22" s="1"/>
  <c r="AB62" i="22" a="1"/>
  <c r="AB62" i="22" s="1"/>
  <c r="AF62" i="22" a="1"/>
  <c r="AF62" i="22" s="1"/>
  <c r="AD62" i="22" a="1"/>
  <c r="AD62" i="22" s="1"/>
  <c r="AF78" i="22" a="1"/>
  <c r="AF78" i="22" s="1"/>
  <c r="AC78" i="22" a="1"/>
  <c r="AC78" i="22" s="1"/>
  <c r="AA78" i="22" a="1"/>
  <c r="AA78" i="22" s="1"/>
  <c r="AE78" i="22" a="1"/>
  <c r="AE78" i="22" s="1"/>
  <c r="AD78" i="22" a="1"/>
  <c r="AD78" i="22" s="1"/>
  <c r="AI78" i="22" a="1"/>
  <c r="AI78" i="22" s="1"/>
  <c r="AG78" i="22" a="1"/>
  <c r="AG78" i="22" s="1"/>
  <c r="AB78" i="22" a="1"/>
  <c r="AB78" i="22" s="1"/>
  <c r="AJ78" i="22" a="1"/>
  <c r="AJ78" i="22" s="1"/>
  <c r="AH78" i="22" a="1"/>
  <c r="AH78" i="22" s="1"/>
  <c r="AK78" i="22" a="1"/>
  <c r="AK78" i="22" s="1"/>
  <c r="I63" i="7"/>
  <c r="Y63" i="6"/>
  <c r="F12" i="25"/>
  <c r="J28" i="25"/>
  <c r="AB28" i="25"/>
  <c r="R28" i="25"/>
  <c r="F28" i="25"/>
  <c r="X28" i="25"/>
  <c r="Z28" i="25"/>
  <c r="T28" i="25"/>
  <c r="AD28" i="25"/>
  <c r="V28" i="25"/>
  <c r="N28" i="25"/>
  <c r="H28" i="25"/>
  <c r="L28" i="25"/>
  <c r="P28" i="25"/>
  <c r="P64" i="22"/>
  <c r="Q64" i="22" s="1"/>
  <c r="Y57" i="6"/>
  <c r="I57" i="7"/>
  <c r="I73" i="7"/>
  <c r="Y73" i="6"/>
  <c r="AJ68" i="22" a="1"/>
  <c r="AJ68" i="22" s="1"/>
  <c r="AK68" i="22" a="1"/>
  <c r="AK68" i="22" s="1"/>
  <c r="AB68" i="22" a="1"/>
  <c r="AB68" i="22" s="1"/>
  <c r="AD68" i="22" a="1"/>
  <c r="AD68" i="22" s="1"/>
  <c r="AC68" i="22" a="1"/>
  <c r="AC68" i="22" s="1"/>
  <c r="AF68" i="22" a="1"/>
  <c r="AF68" i="22" s="1"/>
  <c r="AI68" i="22" a="1"/>
  <c r="AI68" i="22" s="1"/>
  <c r="AE68" i="22" a="1"/>
  <c r="AE68" i="22" s="1"/>
  <c r="AG68" i="22" a="1"/>
  <c r="AG68" i="22" s="1"/>
  <c r="AA68" i="22" a="1"/>
  <c r="AA68" i="22" s="1"/>
  <c r="AH68" i="22" a="1"/>
  <c r="AH68" i="22" s="1"/>
  <c r="AF71" i="22" a="1"/>
  <c r="AF71" i="22" s="1"/>
  <c r="AI71" i="22" a="1"/>
  <c r="AI71" i="22" s="1"/>
  <c r="AG71" i="22" a="1"/>
  <c r="AG71" i="22" s="1"/>
  <c r="AH71" i="22" a="1"/>
  <c r="AH71" i="22" s="1"/>
  <c r="AA71" i="22" a="1"/>
  <c r="AA71" i="22" s="1"/>
  <c r="AE71" i="22" a="1"/>
  <c r="AE71" i="22" s="1"/>
  <c r="AJ71" i="22" a="1"/>
  <c r="AJ71" i="22" s="1"/>
  <c r="AK71" i="22" a="1"/>
  <c r="AK71" i="22" s="1"/>
  <c r="AD71" i="22" a="1"/>
  <c r="AD71" i="22" s="1"/>
  <c r="AB71" i="22" a="1"/>
  <c r="AB71" i="22" s="1"/>
  <c r="AC71" i="22" a="1"/>
  <c r="AC71" i="22" s="1"/>
  <c r="AJ29" i="22" a="1"/>
  <c r="AJ29" i="22" s="1"/>
  <c r="AW29" i="22" s="1"/>
  <c r="R29" i="14" s="1"/>
  <c r="AG29" i="22" a="1"/>
  <c r="AG29" i="22" s="1"/>
  <c r="AT29" i="22" s="1"/>
  <c r="O29" i="14" s="1"/>
  <c r="AA29" i="22" a="1"/>
  <c r="AA29" i="22" s="1"/>
  <c r="AN29" i="22" s="1"/>
  <c r="I29" i="14" s="1"/>
  <c r="AE29" i="22" a="1"/>
  <c r="AE29" i="22" s="1"/>
  <c r="AR29" i="22" s="1"/>
  <c r="M29" i="14" s="1"/>
  <c r="AH29" i="22" a="1"/>
  <c r="AH29" i="22" s="1"/>
  <c r="AU29" i="22" s="1"/>
  <c r="P29" i="14" s="1"/>
  <c r="AI29" i="22" a="1"/>
  <c r="AI29" i="22" s="1"/>
  <c r="AV29" i="22" s="1"/>
  <c r="Q29" i="14" s="1"/>
  <c r="AB29" i="22" a="1"/>
  <c r="AB29" i="22" s="1"/>
  <c r="AO29" i="22" s="1"/>
  <c r="J29" i="14" s="1"/>
  <c r="AC29" i="22" a="1"/>
  <c r="AC29" i="22" s="1"/>
  <c r="AP29" i="22" s="1"/>
  <c r="K29" i="14" s="1"/>
  <c r="AK29" i="22" a="1"/>
  <c r="AK29" i="22" s="1"/>
  <c r="AX29" i="22" s="1"/>
  <c r="S29" i="14" s="1"/>
  <c r="AD29" i="22" a="1"/>
  <c r="AD29" i="22" s="1"/>
  <c r="AQ29" i="22" s="1"/>
  <c r="L29" i="14" s="1"/>
  <c r="AF29" i="22" a="1"/>
  <c r="AF29" i="22" s="1"/>
  <c r="AS29" i="22" s="1"/>
  <c r="N29" i="14" s="1"/>
  <c r="AE81" i="22" a="1"/>
  <c r="AE81" i="22" s="1"/>
  <c r="AA81" i="22" a="1"/>
  <c r="AA81" i="22" s="1"/>
  <c r="AK81" i="22" a="1"/>
  <c r="AK81" i="22" s="1"/>
  <c r="AD81" i="22" a="1"/>
  <c r="AD81" i="22" s="1"/>
  <c r="AJ81" i="22" a="1"/>
  <c r="AJ81" i="22" s="1"/>
  <c r="AI81" i="22" a="1"/>
  <c r="AI81" i="22" s="1"/>
  <c r="AH81" i="22" a="1"/>
  <c r="AH81" i="22" s="1"/>
  <c r="AC81" i="22" a="1"/>
  <c r="AC81" i="22" s="1"/>
  <c r="AG81" i="22" a="1"/>
  <c r="AG81" i="22" s="1"/>
  <c r="AB81" i="22" a="1"/>
  <c r="AB81" i="22" s="1"/>
  <c r="AF81" i="22" a="1"/>
  <c r="AF81" i="22" s="1"/>
  <c r="F18" i="25"/>
  <c r="I35" i="7"/>
  <c r="Y35" i="6"/>
  <c r="Y62" i="6"/>
  <c r="I62" i="7"/>
  <c r="Y78" i="6"/>
  <c r="I78" i="7"/>
  <c r="P63" i="22"/>
  <c r="Q63" i="22" s="1"/>
  <c r="F44" i="25"/>
  <c r="Y68" i="6"/>
  <c r="I68" i="7"/>
  <c r="AD31" i="22" a="1"/>
  <c r="AD31" i="22" s="1"/>
  <c r="AA31" i="22" a="1"/>
  <c r="AA31" i="22" s="1"/>
  <c r="AF31" i="22" a="1"/>
  <c r="AF31" i="22" s="1"/>
  <c r="AI31" i="22" a="1"/>
  <c r="AI31" i="22" s="1"/>
  <c r="AE31" i="22" a="1"/>
  <c r="AE31" i="22" s="1"/>
  <c r="AB31" i="22" a="1"/>
  <c r="AB31" i="22" s="1"/>
  <c r="AJ31" i="22" a="1"/>
  <c r="AJ31" i="22" s="1"/>
  <c r="AH31" i="22" a="1"/>
  <c r="AH31" i="22" s="1"/>
  <c r="AC31" i="22" a="1"/>
  <c r="AC31" i="22" s="1"/>
  <c r="AK31" i="22" a="1"/>
  <c r="AK31" i="22" s="1"/>
  <c r="AG31" i="22" a="1"/>
  <c r="AG31" i="22" s="1"/>
  <c r="Y71" i="6"/>
  <c r="I71" i="7"/>
  <c r="AJ69" i="22" a="1"/>
  <c r="AJ69" i="22" s="1"/>
  <c r="AD69" i="22" a="1"/>
  <c r="AD69" i="22" s="1"/>
  <c r="AG69" i="22" a="1"/>
  <c r="AG69" i="22" s="1"/>
  <c r="AF69" i="22" a="1"/>
  <c r="AF69" i="22" s="1"/>
  <c r="AA69" i="22" a="1"/>
  <c r="AA69" i="22" s="1"/>
  <c r="AK69" i="22" a="1"/>
  <c r="AK69" i="22" s="1"/>
  <c r="AB69" i="22" a="1"/>
  <c r="AB69" i="22" s="1"/>
  <c r="AH69" i="22" a="1"/>
  <c r="AH69" i="22" s="1"/>
  <c r="AC69" i="22" a="1"/>
  <c r="AC69" i="22" s="1"/>
  <c r="AE69" i="22" a="1"/>
  <c r="AE69" i="22" s="1"/>
  <c r="AI69" i="22" a="1"/>
  <c r="AI69" i="22" s="1"/>
  <c r="AI76" i="22" a="1"/>
  <c r="AI76" i="22" s="1"/>
  <c r="AB76" i="22" a="1"/>
  <c r="AB76" i="22" s="1"/>
  <c r="AF76" i="22" a="1"/>
  <c r="AF76" i="22" s="1"/>
  <c r="AA76" i="22" a="1"/>
  <c r="AA76" i="22" s="1"/>
  <c r="AH76" i="22" a="1"/>
  <c r="AH76" i="22" s="1"/>
  <c r="AJ76" i="22" a="1"/>
  <c r="AJ76" i="22" s="1"/>
  <c r="AD76" i="22" a="1"/>
  <c r="AD76" i="22" s="1"/>
  <c r="AG76" i="22" a="1"/>
  <c r="AG76" i="22" s="1"/>
  <c r="AE76" i="22" a="1"/>
  <c r="AE76" i="22" s="1"/>
  <c r="AK76" i="22" a="1"/>
  <c r="AK76" i="22" s="1"/>
  <c r="AC76" i="22" a="1"/>
  <c r="AC76" i="22" s="1"/>
  <c r="I29" i="7"/>
  <c r="Y29" i="6"/>
  <c r="AB37" i="22" a="1"/>
  <c r="AB37" i="22" s="1"/>
  <c r="AE37" i="22" a="1"/>
  <c r="AE37" i="22" s="1"/>
  <c r="AG37" i="22" a="1"/>
  <c r="AG37" i="22" s="1"/>
  <c r="AD37" i="22" a="1"/>
  <c r="AD37" i="22" s="1"/>
  <c r="AJ37" i="22" a="1"/>
  <c r="AJ37" i="22" s="1"/>
  <c r="AA37" i="22" a="1"/>
  <c r="AA37" i="22" s="1"/>
  <c r="AF37" i="22" a="1"/>
  <c r="AF37" i="22" s="1"/>
  <c r="AH37" i="22" a="1"/>
  <c r="AH37" i="22" s="1"/>
  <c r="AK37" i="22" a="1"/>
  <c r="AK37" i="22" s="1"/>
  <c r="AC37" i="22" a="1"/>
  <c r="AC37" i="22" s="1"/>
  <c r="AI37" i="22" a="1"/>
  <c r="AI37" i="22" s="1"/>
  <c r="AJ41" i="22" a="1"/>
  <c r="AJ41" i="22" s="1"/>
  <c r="AD41" i="22" a="1"/>
  <c r="AD41" i="22" s="1"/>
  <c r="AF41" i="22" a="1"/>
  <c r="AF41" i="22" s="1"/>
  <c r="AE41" i="22" a="1"/>
  <c r="AE41" i="22" s="1"/>
  <c r="AC41" i="22" a="1"/>
  <c r="AC41" i="22" s="1"/>
  <c r="AK41" i="22" a="1"/>
  <c r="AK41" i="22" s="1"/>
  <c r="AH41" i="22" a="1"/>
  <c r="AH41" i="22" s="1"/>
  <c r="AI41" i="22" a="1"/>
  <c r="AI41" i="22" s="1"/>
  <c r="AG41" i="22" a="1"/>
  <c r="AG41" i="22" s="1"/>
  <c r="AB41" i="22" a="1"/>
  <c r="AB41" i="22" s="1"/>
  <c r="AA41" i="22" a="1"/>
  <c r="AA41" i="22" s="1"/>
  <c r="I81" i="7"/>
  <c r="Y81" i="6"/>
  <c r="P35" i="22"/>
  <c r="Q35" i="22" s="1"/>
  <c r="P62" i="22"/>
  <c r="Q62" i="22" s="1"/>
  <c r="AK33" i="22" a="1"/>
  <c r="AK33" i="22" s="1"/>
  <c r="AE33" i="22" a="1"/>
  <c r="AE33" i="22" s="1"/>
  <c r="AB33" i="22" a="1"/>
  <c r="AB33" i="22" s="1"/>
  <c r="AF33" i="22" a="1"/>
  <c r="AF33" i="22" s="1"/>
  <c r="AG33" i="22" a="1"/>
  <c r="AG33" i="22" s="1"/>
  <c r="AA33" i="22" a="1"/>
  <c r="AA33" i="22" s="1"/>
  <c r="AH33" i="22" a="1"/>
  <c r="AH33" i="22" s="1"/>
  <c r="AJ33" i="22" a="1"/>
  <c r="AJ33" i="22" s="1"/>
  <c r="AD33" i="22" a="1"/>
  <c r="AD33" i="22" s="1"/>
  <c r="AI33" i="22" a="1"/>
  <c r="AI33" i="22" s="1"/>
  <c r="AC33" i="22" a="1"/>
  <c r="AC33" i="22" s="1"/>
  <c r="AC49" i="22" a="1"/>
  <c r="AC49" i="22" s="1"/>
  <c r="AK49" i="22" a="1"/>
  <c r="AK49" i="22" s="1"/>
  <c r="AB49" i="22" a="1"/>
  <c r="AB49" i="22" s="1"/>
  <c r="AA49" i="22" a="1"/>
  <c r="AA49" i="22" s="1"/>
  <c r="AF49" i="22" a="1"/>
  <c r="AF49" i="22" s="1"/>
  <c r="AE49" i="22" a="1"/>
  <c r="AE49" i="22" s="1"/>
  <c r="AJ49" i="22" a="1"/>
  <c r="AJ49" i="22" s="1"/>
  <c r="AG49" i="22" a="1"/>
  <c r="AG49" i="22" s="1"/>
  <c r="AD49" i="22" a="1"/>
  <c r="AD49" i="22" s="1"/>
  <c r="AH49" i="22" a="1"/>
  <c r="AH49" i="22" s="1"/>
  <c r="AI49" i="22" a="1"/>
  <c r="AI49" i="22" s="1"/>
  <c r="F43" i="25"/>
  <c r="F56" i="25"/>
  <c r="F40" i="25"/>
  <c r="Y31" i="6"/>
  <c r="I31" i="7"/>
  <c r="I69" i="7"/>
  <c r="Y69" i="6"/>
  <c r="F15" i="25"/>
  <c r="I76" i="7"/>
  <c r="Y76" i="6"/>
  <c r="I37" i="7"/>
  <c r="Y37" i="6"/>
  <c r="Y41" i="6"/>
  <c r="I41" i="7"/>
  <c r="AD39" i="22" a="1"/>
  <c r="AD39" i="22" s="1"/>
  <c r="AA39" i="22" a="1"/>
  <c r="AA39" i="22" s="1"/>
  <c r="AG39" i="22" a="1"/>
  <c r="AG39" i="22" s="1"/>
  <c r="AC39" i="22" a="1"/>
  <c r="AC39" i="22" s="1"/>
  <c r="AJ39" i="22" a="1"/>
  <c r="AJ39" i="22" s="1"/>
  <c r="AF39" i="22" a="1"/>
  <c r="AF39" i="22" s="1"/>
  <c r="AK39" i="22" a="1"/>
  <c r="AK39" i="22" s="1"/>
  <c r="AE39" i="22" a="1"/>
  <c r="AE39" i="22" s="1"/>
  <c r="AB39" i="22" a="1"/>
  <c r="AB39" i="22" s="1"/>
  <c r="AH39" i="22" a="1"/>
  <c r="AH39" i="22" s="1"/>
  <c r="AI39" i="22" a="1"/>
  <c r="AI39" i="22" s="1"/>
  <c r="AJ65" i="22" a="1"/>
  <c r="AJ65" i="22" s="1"/>
  <c r="AK65" i="22" a="1"/>
  <c r="AK65" i="22" s="1"/>
  <c r="AH65" i="22" a="1"/>
  <c r="AH65" i="22" s="1"/>
  <c r="AA65" i="22" a="1"/>
  <c r="AA65" i="22" s="1"/>
  <c r="AI65" i="22" a="1"/>
  <c r="AI65" i="22" s="1"/>
  <c r="AE65" i="22" a="1"/>
  <c r="AE65" i="22" s="1"/>
  <c r="AF65" i="22" a="1"/>
  <c r="AF65" i="22" s="1"/>
  <c r="AB65" i="22" a="1"/>
  <c r="AB65" i="22" s="1"/>
  <c r="AD65" i="22" a="1"/>
  <c r="AD65" i="22" s="1"/>
  <c r="AC65" i="22" a="1"/>
  <c r="AC65" i="22" s="1"/>
  <c r="AG65" i="22" a="1"/>
  <c r="AG65" i="22" s="1"/>
  <c r="F24" i="25"/>
  <c r="I33" i="7"/>
  <c r="Y33" i="6"/>
  <c r="Y49" i="6"/>
  <c r="I49" i="7"/>
  <c r="P31" i="22"/>
  <c r="Q31" i="22" s="1"/>
  <c r="E29" i="6"/>
  <c r="E29" i="7" s="1"/>
  <c r="E29" i="14"/>
  <c r="P76" i="22"/>
  <c r="Q76" i="22" s="1"/>
  <c r="AD32" i="25"/>
  <c r="N32" i="25"/>
  <c r="F32" i="25"/>
  <c r="L32" i="25"/>
  <c r="J32" i="25"/>
  <c r="V32" i="25"/>
  <c r="X32" i="25"/>
  <c r="P32" i="25"/>
  <c r="Z32" i="25"/>
  <c r="R32" i="25"/>
  <c r="T32" i="25"/>
  <c r="H32" i="25"/>
  <c r="AB32" i="25"/>
  <c r="F11" i="25"/>
  <c r="I39" i="7"/>
  <c r="Y39" i="6"/>
  <c r="Y65" i="6"/>
  <c r="I65" i="7"/>
  <c r="F53" i="25"/>
  <c r="E62" i="6"/>
  <c r="E62" i="7" s="1"/>
  <c r="E62" i="14"/>
  <c r="AD77" i="22" a="1"/>
  <c r="AD77" i="22" s="1"/>
  <c r="AH77" i="22" a="1"/>
  <c r="AH77" i="22" s="1"/>
  <c r="AB77" i="22" a="1"/>
  <c r="AB77" i="22" s="1"/>
  <c r="AF77" i="22" a="1"/>
  <c r="AF77" i="22" s="1"/>
  <c r="AE77" i="22" a="1"/>
  <c r="AE77" i="22" s="1"/>
  <c r="AC77" i="22" a="1"/>
  <c r="AC77" i="22" s="1"/>
  <c r="AJ77" i="22" a="1"/>
  <c r="AJ77" i="22" s="1"/>
  <c r="AK77" i="22" a="1"/>
  <c r="AK77" i="22" s="1"/>
  <c r="AI77" i="22" a="1"/>
  <c r="AI77" i="22" s="1"/>
  <c r="AG77" i="22" a="1"/>
  <c r="AG77" i="22" s="1"/>
  <c r="AA77" i="22" a="1"/>
  <c r="AA77" i="22" s="1"/>
  <c r="AF61" i="22" a="1"/>
  <c r="AF61" i="22" s="1"/>
  <c r="AB61" i="22" a="1"/>
  <c r="AB61" i="22" s="1"/>
  <c r="AJ61" i="22" a="1"/>
  <c r="AJ61" i="22" s="1"/>
  <c r="AI61" i="22" a="1"/>
  <c r="AI61" i="22" s="1"/>
  <c r="AH61" i="22" a="1"/>
  <c r="AH61" i="22" s="1"/>
  <c r="AD61" i="22" a="1"/>
  <c r="AD61" i="22" s="1"/>
  <c r="AC61" i="22" a="1"/>
  <c r="AC61" i="22" s="1"/>
  <c r="AA61" i="22" a="1"/>
  <c r="AA61" i="22" s="1"/>
  <c r="AG61" i="22" a="1"/>
  <c r="AG61" i="22" s="1"/>
  <c r="AK61" i="22" a="1"/>
  <c r="AK61" i="22" s="1"/>
  <c r="AE61" i="22" a="1"/>
  <c r="AE61" i="22" s="1"/>
  <c r="AE36" i="22" a="1"/>
  <c r="AE36" i="22" s="1"/>
  <c r="AC36" i="22" a="1"/>
  <c r="AC36" i="22" s="1"/>
  <c r="AK36" i="22" a="1"/>
  <c r="AK36" i="22" s="1"/>
  <c r="AB36" i="22" a="1"/>
  <c r="AB36" i="22" s="1"/>
  <c r="AD36" i="22" a="1"/>
  <c r="AD36" i="22" s="1"/>
  <c r="AJ36" i="22" a="1"/>
  <c r="AJ36" i="22" s="1"/>
  <c r="AH36" i="22" a="1"/>
  <c r="AH36" i="22" s="1"/>
  <c r="AI36" i="22" a="1"/>
  <c r="AI36" i="22" s="1"/>
  <c r="AF36" i="22" a="1"/>
  <c r="AF36" i="22" s="1"/>
  <c r="AG36" i="22" a="1"/>
  <c r="AG36" i="22" s="1"/>
  <c r="AA36" i="22" a="1"/>
  <c r="AA36" i="22" s="1"/>
  <c r="AH45" i="22" a="1"/>
  <c r="AH45" i="22" s="1"/>
  <c r="AA45" i="22" a="1"/>
  <c r="AA45" i="22" s="1"/>
  <c r="AB45" i="22" a="1"/>
  <c r="AB45" i="22" s="1"/>
  <c r="AF45" i="22" a="1"/>
  <c r="AF45" i="22" s="1"/>
  <c r="AI45" i="22" a="1"/>
  <c r="AI45" i="22" s="1"/>
  <c r="AG45" i="22" a="1"/>
  <c r="AG45" i="22" s="1"/>
  <c r="AJ45" i="22" a="1"/>
  <c r="AJ45" i="22" s="1"/>
  <c r="AC45" i="22" a="1"/>
  <c r="AC45" i="22" s="1"/>
  <c r="AE45" i="22" a="1"/>
  <c r="AE45" i="22" s="1"/>
  <c r="AD45" i="22" a="1"/>
  <c r="AD45" i="22" s="1"/>
  <c r="AK45" i="22" a="1"/>
  <c r="AK45" i="22" s="1"/>
  <c r="I77" i="7"/>
  <c r="Y77" i="6"/>
  <c r="I61" i="7"/>
  <c r="Y61" i="6"/>
  <c r="E69" i="14"/>
  <c r="E69" i="6"/>
  <c r="E69" i="7" s="1"/>
  <c r="I36" i="7"/>
  <c r="Y36" i="6"/>
  <c r="AJ53" i="22" a="1"/>
  <c r="AJ53" i="22" s="1"/>
  <c r="AA53" i="22" a="1"/>
  <c r="AA53" i="22" s="1"/>
  <c r="AG53" i="22" a="1"/>
  <c r="AG53" i="22" s="1"/>
  <c r="AK53" i="22" a="1"/>
  <c r="AK53" i="22" s="1"/>
  <c r="AI53" i="22" a="1"/>
  <c r="AI53" i="22" s="1"/>
  <c r="AB53" i="22" a="1"/>
  <c r="AB53" i="22" s="1"/>
  <c r="AC53" i="22" a="1"/>
  <c r="AC53" i="22" s="1"/>
  <c r="AE53" i="22" a="1"/>
  <c r="AE53" i="22" s="1"/>
  <c r="AF53" i="22" a="1"/>
  <c r="AF53" i="22" s="1"/>
  <c r="AH53" i="22" a="1"/>
  <c r="AH53" i="22" s="1"/>
  <c r="AD53" i="22" a="1"/>
  <c r="AD53" i="22" s="1"/>
  <c r="AD32" i="22" a="1"/>
  <c r="AD32" i="22" s="1"/>
  <c r="AE32" i="22" a="1"/>
  <c r="AE32" i="22" s="1"/>
  <c r="AA32" i="22" a="1"/>
  <c r="AA32" i="22" s="1"/>
  <c r="AF32" i="22" a="1"/>
  <c r="AF32" i="22" s="1"/>
  <c r="AH32" i="22" a="1"/>
  <c r="AH32" i="22" s="1"/>
  <c r="AG32" i="22" a="1"/>
  <c r="AG32" i="22" s="1"/>
  <c r="AI32" i="22" a="1"/>
  <c r="AI32" i="22" s="1"/>
  <c r="AK32" i="22" a="1"/>
  <c r="AK32" i="22" s="1"/>
  <c r="AB32" i="22" a="1"/>
  <c r="AB32" i="22" s="1"/>
  <c r="AJ32" i="22" a="1"/>
  <c r="AJ32" i="22" s="1"/>
  <c r="AC32" i="22" a="1"/>
  <c r="AC32" i="22" s="1"/>
  <c r="F14" i="25"/>
  <c r="F41" i="25"/>
  <c r="V42" i="25"/>
  <c r="L42" i="25"/>
  <c r="P42" i="25"/>
  <c r="R42" i="25"/>
  <c r="N42" i="25"/>
  <c r="J42" i="25"/>
  <c r="AD42" i="25"/>
  <c r="H42" i="25"/>
  <c r="X42" i="25"/>
  <c r="Z42" i="25"/>
  <c r="F42" i="25"/>
  <c r="AB42" i="25"/>
  <c r="T42" i="25"/>
  <c r="Y45" i="6"/>
  <c r="I45" i="7"/>
  <c r="AJ74" i="22" a="1"/>
  <c r="AJ74" i="22" s="1"/>
  <c r="AK74" i="22" a="1"/>
  <c r="AK74" i="22" s="1"/>
  <c r="AE74" i="22" a="1"/>
  <c r="AE74" i="22" s="1"/>
  <c r="AF74" i="22" a="1"/>
  <c r="AF74" i="22" s="1"/>
  <c r="AA74" i="22" a="1"/>
  <c r="AA74" i="22" s="1"/>
  <c r="AI74" i="22" a="1"/>
  <c r="AI74" i="22" s="1"/>
  <c r="AG74" i="22" a="1"/>
  <c r="AG74" i="22" s="1"/>
  <c r="AD74" i="22" a="1"/>
  <c r="AD74" i="22" s="1"/>
  <c r="AB74" i="22" a="1"/>
  <c r="AB74" i="22" s="1"/>
  <c r="AH74" i="22" a="1"/>
  <c r="AH74" i="22" s="1"/>
  <c r="AC74" i="22" a="1"/>
  <c r="AC74" i="22" s="1"/>
  <c r="R33" i="22"/>
  <c r="R73" i="22"/>
  <c r="B12" i="11"/>
  <c r="D11" i="11"/>
  <c r="I96" i="7" l="1"/>
  <c r="Y96" i="6"/>
  <c r="Y96" i="7" s="1"/>
  <c r="Q96" i="6"/>
  <c r="K96" i="6"/>
  <c r="K96" i="7" s="1"/>
  <c r="L96" i="6"/>
  <c r="C76" i="25"/>
  <c r="D76" i="25"/>
  <c r="A76" i="25"/>
  <c r="B77" i="25"/>
  <c r="C98" i="14"/>
  <c r="C98" i="6"/>
  <c r="AB73" i="25"/>
  <c r="H73" i="25"/>
  <c r="U73" i="25"/>
  <c r="P73" i="25"/>
  <c r="W73" i="25"/>
  <c r="K73" i="25"/>
  <c r="O73" i="25"/>
  <c r="V73" i="25"/>
  <c r="AA73" i="25"/>
  <c r="Y73" i="25"/>
  <c r="N73" i="25"/>
  <c r="Z73" i="25"/>
  <c r="M73" i="25"/>
  <c r="X73" i="25"/>
  <c r="AC73" i="25"/>
  <c r="Q73" i="25"/>
  <c r="T73" i="25"/>
  <c r="G73" i="25"/>
  <c r="AD73" i="25"/>
  <c r="S73" i="25"/>
  <c r="J73" i="25"/>
  <c r="F73" i="25"/>
  <c r="L73" i="25"/>
  <c r="R73" i="25"/>
  <c r="I73" i="25"/>
  <c r="W91" i="6"/>
  <c r="U91" i="7"/>
  <c r="AS89" i="7"/>
  <c r="Q68" i="23" s="1"/>
  <c r="AT89" i="7"/>
  <c r="S68" i="23" s="1"/>
  <c r="AR89" i="7"/>
  <c r="O68" i="23" s="1"/>
  <c r="AV89" i="7"/>
  <c r="W68" i="23" s="1"/>
  <c r="AP89" i="7"/>
  <c r="K68" i="23" s="1"/>
  <c r="AO89" i="7"/>
  <c r="I68" i="23" s="1"/>
  <c r="AU89" i="7"/>
  <c r="U68" i="23" s="1"/>
  <c r="AN89" i="7"/>
  <c r="G68" i="23" s="1"/>
  <c r="AM89" i="7"/>
  <c r="E68" i="23" s="1"/>
  <c r="AY89" i="7"/>
  <c r="AC68" i="23" s="1"/>
  <c r="AQ89" i="7"/>
  <c r="M68" i="23" s="1"/>
  <c r="AX89" i="7"/>
  <c r="AA68" i="23" s="1"/>
  <c r="AW89" i="7"/>
  <c r="Y68" i="23" s="1"/>
  <c r="T92" i="7"/>
  <c r="V92" i="6"/>
  <c r="V92" i="7" s="1"/>
  <c r="D97" i="6"/>
  <c r="D97" i="14"/>
  <c r="V75" i="25"/>
  <c r="L75" i="25"/>
  <c r="N75" i="25"/>
  <c r="P75" i="25"/>
  <c r="H75" i="25"/>
  <c r="T75" i="25"/>
  <c r="X75" i="25"/>
  <c r="F75" i="25"/>
  <c r="AB75" i="25"/>
  <c r="AD75" i="25"/>
  <c r="Z75" i="25"/>
  <c r="R75" i="25"/>
  <c r="J75" i="25"/>
  <c r="O94" i="6"/>
  <c r="N94" i="7"/>
  <c r="L95" i="7"/>
  <c r="N95" i="6"/>
  <c r="M95" i="6"/>
  <c r="M95" i="7" s="1"/>
  <c r="R92" i="7"/>
  <c r="U92" i="6"/>
  <c r="AY29" i="22"/>
  <c r="N29" i="22"/>
  <c r="O29" i="22" s="1"/>
  <c r="C75" i="23"/>
  <c r="D75" i="23"/>
  <c r="A75" i="23"/>
  <c r="Q95" i="7"/>
  <c r="F97" i="14"/>
  <c r="AH97" i="14" s="1"/>
  <c r="B76" i="23"/>
  <c r="B97" i="14"/>
  <c r="O93" i="7"/>
  <c r="S93" i="6"/>
  <c r="S93" i="7" s="1"/>
  <c r="R93" i="6"/>
  <c r="T93" i="6"/>
  <c r="D96" i="7"/>
  <c r="X96" i="6"/>
  <c r="C97" i="7"/>
  <c r="I97" i="6"/>
  <c r="W90" i="7"/>
  <c r="AN90" i="6"/>
  <c r="G69" i="25" s="1"/>
  <c r="AS90" i="6"/>
  <c r="Q69" i="25" s="1"/>
  <c r="AP90" i="6"/>
  <c r="K69" i="25" s="1"/>
  <c r="AV90" i="6"/>
  <c r="W69" i="25" s="1"/>
  <c r="AT90" i="6"/>
  <c r="S69" i="25" s="1"/>
  <c r="AX90" i="6"/>
  <c r="AA69" i="25" s="1"/>
  <c r="AM90" i="6"/>
  <c r="E69" i="25" s="1"/>
  <c r="AR90" i="6"/>
  <c r="O69" i="25" s="1"/>
  <c r="AU90" i="6"/>
  <c r="U69" i="25" s="1"/>
  <c r="AY90" i="6"/>
  <c r="AC69" i="25" s="1"/>
  <c r="AQ90" i="6"/>
  <c r="M69" i="25" s="1"/>
  <c r="AW90" i="6"/>
  <c r="Y69" i="25" s="1"/>
  <c r="AO90" i="6"/>
  <c r="I69" i="25" s="1"/>
  <c r="R63" i="22"/>
  <c r="X63" i="22" s="1"/>
  <c r="Y63" i="22" s="1"/>
  <c r="R65" i="22"/>
  <c r="R78" i="22"/>
  <c r="R53" i="22"/>
  <c r="X53" i="22" s="1"/>
  <c r="Y53" i="22" s="1"/>
  <c r="E97" i="14"/>
  <c r="M97" i="22"/>
  <c r="N97" i="22" s="1"/>
  <c r="O97" i="22" s="1"/>
  <c r="E97" i="6"/>
  <c r="E97" i="7" s="1"/>
  <c r="R61" i="22"/>
  <c r="R69" i="22"/>
  <c r="R44" i="22"/>
  <c r="R81" i="22"/>
  <c r="R41" i="22"/>
  <c r="R55" i="22"/>
  <c r="R49" i="22"/>
  <c r="X49" i="22" s="1"/>
  <c r="Y49" i="22" s="1"/>
  <c r="R57" i="22"/>
  <c r="R29" i="22"/>
  <c r="S29" i="22" s="1"/>
  <c r="R68" i="22"/>
  <c r="R45" i="22"/>
  <c r="R96" i="22"/>
  <c r="X96" i="22" s="1"/>
  <c r="Y96" i="22" s="1"/>
  <c r="Z96" i="22" s="1"/>
  <c r="G96" i="14" s="1"/>
  <c r="R62" i="22"/>
  <c r="R74" i="22"/>
  <c r="R71" i="22"/>
  <c r="R39" i="22"/>
  <c r="R77" i="22"/>
  <c r="R37" i="22"/>
  <c r="EN94" i="14"/>
  <c r="HN94" i="14" s="1"/>
  <c r="FA94" i="14"/>
  <c r="IA94" i="14" s="1"/>
  <c r="BE95" i="14"/>
  <c r="CE95" i="14"/>
  <c r="BR95" i="14"/>
  <c r="DX94" i="14"/>
  <c r="GX94" i="14" s="1"/>
  <c r="EK94" i="14"/>
  <c r="HK94" i="14" s="1"/>
  <c r="FE94" i="14"/>
  <c r="IE94" i="14" s="1"/>
  <c r="ER94" i="14"/>
  <c r="HR94" i="14" s="1"/>
  <c r="FC94" i="14"/>
  <c r="IC94" i="14" s="1"/>
  <c r="EP94" i="14"/>
  <c r="HP94" i="14" s="1"/>
  <c r="EH94" i="14"/>
  <c r="HH94" i="14" s="1"/>
  <c r="DU94" i="14"/>
  <c r="GU94" i="14" s="1"/>
  <c r="CQ94" i="14"/>
  <c r="FQ94" i="14" s="1"/>
  <c r="DD94" i="14"/>
  <c r="GD94" i="14" s="1"/>
  <c r="CH95" i="14"/>
  <c r="BH95" i="14"/>
  <c r="BU95" i="14"/>
  <c r="CR94" i="14"/>
  <c r="FR94" i="14" s="1"/>
  <c r="DE94" i="14"/>
  <c r="GE94" i="14" s="1"/>
  <c r="BD95" i="14"/>
  <c r="BQ95" i="14"/>
  <c r="CD95" i="14"/>
  <c r="DN94" i="14"/>
  <c r="GN94" i="14" s="1"/>
  <c r="EA94" i="14"/>
  <c r="HA94" i="14" s="1"/>
  <c r="DO94" i="14"/>
  <c r="GO94" i="14" s="1"/>
  <c r="EB94" i="14"/>
  <c r="HB94" i="14" s="1"/>
  <c r="EE94" i="14"/>
  <c r="HE94" i="14" s="1"/>
  <c r="DR94" i="14"/>
  <c r="GR94" i="14" s="1"/>
  <c r="DP94" i="14"/>
  <c r="GP94" i="14" s="1"/>
  <c r="EC94" i="14"/>
  <c r="HC94" i="14" s="1"/>
  <c r="DJ94" i="14"/>
  <c r="GJ94" i="14" s="1"/>
  <c r="CW94" i="14"/>
  <c r="FW94" i="14" s="1"/>
  <c r="BA95" i="14"/>
  <c r="BN95" i="14"/>
  <c r="CA95" i="14"/>
  <c r="BM95" i="14"/>
  <c r="AZ95" i="14"/>
  <c r="BZ95" i="14"/>
  <c r="DA94" i="14"/>
  <c r="GA94" i="14" s="1"/>
  <c r="CN94" i="14"/>
  <c r="FN94" i="14" s="1"/>
  <c r="FB94" i="14"/>
  <c r="IB94" i="14" s="1"/>
  <c r="EO94" i="14"/>
  <c r="HO94" i="14" s="1"/>
  <c r="EV94" i="14"/>
  <c r="HV94" i="14" s="1"/>
  <c r="FI94" i="14"/>
  <c r="II94" i="14" s="1"/>
  <c r="DW94" i="14"/>
  <c r="GW94" i="14" s="1"/>
  <c r="EJ94" i="14"/>
  <c r="HJ94" i="14" s="1"/>
  <c r="FG94" i="14"/>
  <c r="IG94" i="14" s="1"/>
  <c r="ET94" i="14"/>
  <c r="HT94" i="14" s="1"/>
  <c r="BC95" i="14"/>
  <c r="BP95" i="14"/>
  <c r="CC95" i="14"/>
  <c r="BX95" i="14"/>
  <c r="CK95" i="14"/>
  <c r="BK95" i="14"/>
  <c r="DB94" i="14"/>
  <c r="GB94" i="14" s="1"/>
  <c r="CO94" i="14"/>
  <c r="FO94" i="14" s="1"/>
  <c r="DI94" i="14"/>
  <c r="GI94" i="14" s="1"/>
  <c r="CV94" i="14"/>
  <c r="FV94" i="14" s="1"/>
  <c r="EW94" i="14"/>
  <c r="HW94" i="14" s="1"/>
  <c r="FJ94" i="14"/>
  <c r="IJ94" i="14" s="1"/>
  <c r="DG94" i="14"/>
  <c r="GG94" i="14" s="1"/>
  <c r="CT94" i="14"/>
  <c r="FT94" i="14" s="1"/>
  <c r="CF95" i="14"/>
  <c r="BF95" i="14"/>
  <c r="BS95" i="14"/>
  <c r="BT95" i="14"/>
  <c r="CG95" i="14"/>
  <c r="BG95" i="14"/>
  <c r="DV94" i="14"/>
  <c r="GV94" i="14" s="1"/>
  <c r="EI94" i="14"/>
  <c r="HI94" i="14" s="1"/>
  <c r="DZ94" i="14"/>
  <c r="GZ94" i="14" s="1"/>
  <c r="DM94" i="14"/>
  <c r="GM94" i="14" s="1"/>
  <c r="EG94" i="14"/>
  <c r="HG94" i="14" s="1"/>
  <c r="DT94" i="14"/>
  <c r="GT94" i="14" s="1"/>
  <c r="DF94" i="14"/>
  <c r="GF94" i="14" s="1"/>
  <c r="CS94" i="14"/>
  <c r="FS94" i="14" s="1"/>
  <c r="EU94" i="14"/>
  <c r="HU94" i="14" s="1"/>
  <c r="FH94" i="14"/>
  <c r="IH94" i="14" s="1"/>
  <c r="BB95" i="14"/>
  <c r="CB95" i="14"/>
  <c r="BO95" i="14"/>
  <c r="BW95" i="14"/>
  <c r="BJ95" i="14"/>
  <c r="CJ95" i="14"/>
  <c r="FK94" i="14"/>
  <c r="IK94" i="14" s="1"/>
  <c r="EX94" i="14"/>
  <c r="HX94" i="14" s="1"/>
  <c r="EM94" i="14"/>
  <c r="HM94" i="14" s="1"/>
  <c r="EZ94" i="14"/>
  <c r="HZ94" i="14" s="1"/>
  <c r="FD94" i="14"/>
  <c r="ID94" i="14" s="1"/>
  <c r="EQ94" i="14"/>
  <c r="HQ94" i="14" s="1"/>
  <c r="EF94" i="14"/>
  <c r="HF94" i="14" s="1"/>
  <c r="DS94" i="14"/>
  <c r="GS94" i="14" s="1"/>
  <c r="CP94" i="14"/>
  <c r="FP94" i="14" s="1"/>
  <c r="DC94" i="14"/>
  <c r="GC94" i="14" s="1"/>
  <c r="BV95" i="14"/>
  <c r="CI95" i="14"/>
  <c r="BI95" i="14"/>
  <c r="CX94" i="14"/>
  <c r="FX94" i="14" s="1"/>
  <c r="DK94" i="14"/>
  <c r="GK94" i="14" s="1"/>
  <c r="CM94" i="14"/>
  <c r="FM94" i="14" s="1"/>
  <c r="CZ94" i="14"/>
  <c r="FZ94" i="14" s="1"/>
  <c r="DH94" i="14"/>
  <c r="GH94" i="14" s="1"/>
  <c r="CU94" i="14"/>
  <c r="FU94" i="14" s="1"/>
  <c r="ED94" i="14"/>
  <c r="HD94" i="14" s="1"/>
  <c r="DQ94" i="14"/>
  <c r="GQ94" i="14" s="1"/>
  <c r="FF94" i="14"/>
  <c r="IF94" i="14" s="1"/>
  <c r="ES94" i="14"/>
  <c r="HS94" i="14" s="1"/>
  <c r="V93" i="22"/>
  <c r="W93" i="22"/>
  <c r="W83" i="22"/>
  <c r="V83" i="22"/>
  <c r="W91" i="22"/>
  <c r="V91" i="22"/>
  <c r="V90" i="22"/>
  <c r="W90" i="22"/>
  <c r="V85" i="22"/>
  <c r="W85" i="22"/>
  <c r="V89" i="22"/>
  <c r="W89" i="22"/>
  <c r="W84" i="22"/>
  <c r="V84" i="22"/>
  <c r="V88" i="22"/>
  <c r="W88" i="22"/>
  <c r="BH96" i="22"/>
  <c r="AC96" i="14" s="1"/>
  <c r="AQ96" i="14" s="1"/>
  <c r="V92" i="22"/>
  <c r="W92" i="22"/>
  <c r="W87" i="22"/>
  <c r="V87" i="22"/>
  <c r="R97" i="22"/>
  <c r="X97" i="22" s="1"/>
  <c r="Y97" i="22" s="1"/>
  <c r="Z97" i="22" s="1"/>
  <c r="G97" i="14" s="1"/>
  <c r="AA97" i="22" a="1"/>
  <c r="AA97" i="22" s="1"/>
  <c r="AN97" i="22" s="1"/>
  <c r="I97" i="14" s="1"/>
  <c r="AK97" i="22" a="1"/>
  <c r="AK97" i="22" s="1"/>
  <c r="AX97" i="22" s="1"/>
  <c r="S97" i="14" s="1"/>
  <c r="AD97" i="22" a="1"/>
  <c r="AD97" i="22" s="1"/>
  <c r="AQ97" i="22" s="1"/>
  <c r="L97" i="14" s="1"/>
  <c r="AH97" i="22" a="1"/>
  <c r="AH97" i="22" s="1"/>
  <c r="AU97" i="22" s="1"/>
  <c r="P97" i="14" s="1"/>
  <c r="AC97" i="22" a="1"/>
  <c r="AC97" i="22" s="1"/>
  <c r="AP97" i="22" s="1"/>
  <c r="K97" i="14" s="1"/>
  <c r="AB97" i="22" a="1"/>
  <c r="AB97" i="22" s="1"/>
  <c r="AO97" i="22" s="1"/>
  <c r="J97" i="14" s="1"/>
  <c r="AE97" i="22" a="1"/>
  <c r="AE97" i="22" s="1"/>
  <c r="AR97" i="22" s="1"/>
  <c r="M97" i="14" s="1"/>
  <c r="AF97" i="22" a="1"/>
  <c r="AF97" i="22" s="1"/>
  <c r="AS97" i="22" s="1"/>
  <c r="N97" i="14" s="1"/>
  <c r="AI97" i="22" a="1"/>
  <c r="AI97" i="22" s="1"/>
  <c r="AV97" i="22" s="1"/>
  <c r="Q97" i="14" s="1"/>
  <c r="AJ97" i="22" a="1"/>
  <c r="AJ97" i="22" s="1"/>
  <c r="AW97" i="22" s="1"/>
  <c r="R97" i="14" s="1"/>
  <c r="AG97" i="22" a="1"/>
  <c r="AG97" i="22" s="1"/>
  <c r="AT97" i="22" s="1"/>
  <c r="O97" i="14" s="1"/>
  <c r="W94" i="22"/>
  <c r="V94" i="22"/>
  <c r="V86" i="22"/>
  <c r="W86" i="22"/>
  <c r="C99" i="22"/>
  <c r="H98" i="22"/>
  <c r="G98" i="6" s="1"/>
  <c r="G98" i="7" s="1"/>
  <c r="J98" i="22"/>
  <c r="I98" i="22"/>
  <c r="H98" i="6" s="1"/>
  <c r="H98" i="7" s="1"/>
  <c r="K98" i="22"/>
  <c r="F98" i="22"/>
  <c r="G98" i="22"/>
  <c r="F98" i="6" s="1"/>
  <c r="F98" i="7" s="1"/>
  <c r="D98" i="22"/>
  <c r="E98" i="22"/>
  <c r="L98" i="22"/>
  <c r="AY98" i="22" s="1"/>
  <c r="T98" i="14" s="1"/>
  <c r="B98" i="22"/>
  <c r="B98" i="6" s="1"/>
  <c r="B98" i="7" s="1"/>
  <c r="Y32" i="6"/>
  <c r="I44" i="7"/>
  <c r="Y44" i="6"/>
  <c r="L30" i="22"/>
  <c r="N30" i="22" s="1"/>
  <c r="F30" i="14"/>
  <c r="AH30" i="14" s="1"/>
  <c r="T8" i="25"/>
  <c r="X8" i="25"/>
  <c r="Z8" i="25"/>
  <c r="H8" i="25"/>
  <c r="P8" i="25"/>
  <c r="R31" i="22"/>
  <c r="R35" i="22"/>
  <c r="R8" i="25"/>
  <c r="V8" i="25"/>
  <c r="R32" i="22"/>
  <c r="AB8" i="25"/>
  <c r="J8" i="25"/>
  <c r="R76" i="22"/>
  <c r="L8" i="25"/>
  <c r="R64" i="22"/>
  <c r="N8" i="25"/>
  <c r="R36" i="22"/>
  <c r="B13" i="11"/>
  <c r="D12" i="11"/>
  <c r="T93" i="7" l="1"/>
  <c r="V93" i="6"/>
  <c r="V93" i="7" s="1"/>
  <c r="C98" i="7"/>
  <c r="I98" i="6"/>
  <c r="R93" i="7"/>
  <c r="U93" i="6"/>
  <c r="O95" i="6"/>
  <c r="N95" i="7"/>
  <c r="B98" i="14"/>
  <c r="B77" i="23"/>
  <c r="F98" i="14"/>
  <c r="AH98" i="14" s="1"/>
  <c r="V73" i="23"/>
  <c r="Y73" i="23"/>
  <c r="J73" i="23"/>
  <c r="S73" i="23"/>
  <c r="O73" i="23"/>
  <c r="F73" i="23"/>
  <c r="U73" i="23"/>
  <c r="AB73" i="23"/>
  <c r="M73" i="23"/>
  <c r="I73" i="23"/>
  <c r="P73" i="23"/>
  <c r="AD73" i="23"/>
  <c r="W73" i="23"/>
  <c r="H73" i="23"/>
  <c r="G73" i="23"/>
  <c r="T73" i="23"/>
  <c r="Z73" i="23"/>
  <c r="X73" i="23"/>
  <c r="Q73" i="23"/>
  <c r="E73" i="23"/>
  <c r="AC73" i="23"/>
  <c r="N73" i="23"/>
  <c r="R73" i="23"/>
  <c r="AA73" i="23"/>
  <c r="L73" i="23"/>
  <c r="K73" i="23"/>
  <c r="L96" i="7"/>
  <c r="M96" i="6"/>
  <c r="M96" i="7" s="1"/>
  <c r="N96" i="6"/>
  <c r="AD75" i="23"/>
  <c r="Z75" i="23"/>
  <c r="T75" i="23"/>
  <c r="X75" i="23"/>
  <c r="R75" i="23"/>
  <c r="AB75" i="23"/>
  <c r="V75" i="23"/>
  <c r="L75" i="23"/>
  <c r="P75" i="23"/>
  <c r="N75" i="23"/>
  <c r="J75" i="23"/>
  <c r="H75" i="23"/>
  <c r="F75" i="23"/>
  <c r="C77" i="25"/>
  <c r="D77" i="25"/>
  <c r="A77" i="25"/>
  <c r="AQ90" i="7"/>
  <c r="M69" i="23" s="1"/>
  <c r="AR90" i="7"/>
  <c r="O69" i="23" s="1"/>
  <c r="AP90" i="7"/>
  <c r="K69" i="23" s="1"/>
  <c r="AX90" i="7"/>
  <c r="AA69" i="23" s="1"/>
  <c r="AY90" i="7"/>
  <c r="AC69" i="23" s="1"/>
  <c r="AS90" i="7"/>
  <c r="Q69" i="23" s="1"/>
  <c r="AT90" i="7"/>
  <c r="S69" i="23" s="1"/>
  <c r="AV90" i="7"/>
  <c r="W69" i="23" s="1"/>
  <c r="AW90" i="7"/>
  <c r="Y69" i="23" s="1"/>
  <c r="AN90" i="7"/>
  <c r="G69" i="23" s="1"/>
  <c r="AU90" i="7"/>
  <c r="U69" i="23" s="1"/>
  <c r="AO90" i="7"/>
  <c r="I69" i="23" s="1"/>
  <c r="AM90" i="7"/>
  <c r="E69" i="23" s="1"/>
  <c r="Q96" i="7"/>
  <c r="C99" i="14"/>
  <c r="C99" i="6"/>
  <c r="B78" i="25"/>
  <c r="I97" i="7"/>
  <c r="L97" i="6"/>
  <c r="Q97" i="6"/>
  <c r="K97" i="6"/>
  <c r="K97" i="7" s="1"/>
  <c r="Y97" i="6"/>
  <c r="Y97" i="7" s="1"/>
  <c r="O94" i="7"/>
  <c r="R94" i="6"/>
  <c r="S94" i="6"/>
  <c r="S94" i="7" s="1"/>
  <c r="T94" i="6"/>
  <c r="D97" i="7"/>
  <c r="X97" i="6"/>
  <c r="T76" i="25"/>
  <c r="J76" i="25"/>
  <c r="L76" i="25"/>
  <c r="R76" i="25"/>
  <c r="AB76" i="25"/>
  <c r="Z76" i="25"/>
  <c r="V76" i="25"/>
  <c r="N76" i="25"/>
  <c r="X76" i="25"/>
  <c r="F76" i="25"/>
  <c r="P76" i="25"/>
  <c r="H76" i="25"/>
  <c r="AD76" i="25"/>
  <c r="U92" i="7"/>
  <c r="W92" i="6"/>
  <c r="D98" i="6"/>
  <c r="D98" i="14"/>
  <c r="D76" i="23"/>
  <c r="C76" i="23"/>
  <c r="A76" i="23"/>
  <c r="T29" i="14"/>
  <c r="AD8" i="25"/>
  <c r="W91" i="7"/>
  <c r="AY91" i="6"/>
  <c r="AC70" i="25" s="1"/>
  <c r="AS91" i="6"/>
  <c r="Q70" i="25" s="1"/>
  <c r="AM91" i="6"/>
  <c r="E70" i="25" s="1"/>
  <c r="AW91" i="6"/>
  <c r="Y70" i="25" s="1"/>
  <c r="AQ91" i="6"/>
  <c r="M70" i="25" s="1"/>
  <c r="AN91" i="6"/>
  <c r="G70" i="25" s="1"/>
  <c r="AT91" i="6"/>
  <c r="S70" i="25" s="1"/>
  <c r="AU91" i="6"/>
  <c r="U70" i="25" s="1"/>
  <c r="AX91" i="6"/>
  <c r="AA70" i="25" s="1"/>
  <c r="AR91" i="6"/>
  <c r="O70" i="25" s="1"/>
  <c r="AO91" i="6"/>
  <c r="I70" i="25" s="1"/>
  <c r="AV91" i="6"/>
  <c r="W70" i="25" s="1"/>
  <c r="AP91" i="6"/>
  <c r="K70" i="25" s="1"/>
  <c r="BE96" i="22"/>
  <c r="Z96" i="14" s="1"/>
  <c r="AN96" i="14" s="1"/>
  <c r="S97" i="22"/>
  <c r="W97" i="22" s="1"/>
  <c r="BG96" i="22"/>
  <c r="AB96" i="14" s="1"/>
  <c r="AP96" i="14" s="1"/>
  <c r="BF96" i="14" s="1"/>
  <c r="BD96" i="22"/>
  <c r="Y96" i="14" s="1"/>
  <c r="AM96" i="14" s="1"/>
  <c r="BC96" i="14" s="1"/>
  <c r="BC96" i="22"/>
  <c r="X96" i="14" s="1"/>
  <c r="AL96" i="14" s="1"/>
  <c r="CB96" i="14" s="1"/>
  <c r="BJ96" i="22"/>
  <c r="AE96" i="14" s="1"/>
  <c r="AS96" i="14" s="1"/>
  <c r="BV96" i="14" s="1"/>
  <c r="S96" i="22"/>
  <c r="E98" i="6"/>
  <c r="E98" i="7" s="1"/>
  <c r="M98" i="22"/>
  <c r="N98" i="22" s="1"/>
  <c r="O98" i="22" s="1"/>
  <c r="E98" i="14"/>
  <c r="BK96" i="22"/>
  <c r="AF96" i="14" s="1"/>
  <c r="AT96" i="14" s="1"/>
  <c r="BW96" i="14" s="1"/>
  <c r="BF96" i="22"/>
  <c r="AA96" i="14" s="1"/>
  <c r="AO96" i="14" s="1"/>
  <c r="CE96" i="14" s="1"/>
  <c r="BL96" i="22"/>
  <c r="AG96" i="14" s="1"/>
  <c r="AU96" i="14" s="1"/>
  <c r="CK96" i="14" s="1"/>
  <c r="BI96" i="22"/>
  <c r="AD96" i="14" s="1"/>
  <c r="AR96" i="14" s="1"/>
  <c r="CH96" i="14" s="1"/>
  <c r="BB96" i="22"/>
  <c r="W96" i="14" s="1"/>
  <c r="AK96" i="14" s="1"/>
  <c r="CA96" i="14" s="1"/>
  <c r="BA96" i="22"/>
  <c r="V96" i="14" s="1"/>
  <c r="AJ96" i="14" s="1"/>
  <c r="BM96" i="14" s="1"/>
  <c r="EM95" i="14"/>
  <c r="HM95" i="14" s="1"/>
  <c r="EZ95" i="14"/>
  <c r="HZ95" i="14" s="1"/>
  <c r="CM95" i="14"/>
  <c r="FM95" i="14" s="1"/>
  <c r="CZ95" i="14"/>
  <c r="FZ95" i="14" s="1"/>
  <c r="EI95" i="14"/>
  <c r="HI95" i="14" s="1"/>
  <c r="DV95" i="14"/>
  <c r="GV95" i="14" s="1"/>
  <c r="DB95" i="14"/>
  <c r="GB95" i="14" s="1"/>
  <c r="CO95" i="14"/>
  <c r="FO95" i="14" s="1"/>
  <c r="ES95" i="14"/>
  <c r="HS95" i="14" s="1"/>
  <c r="FF95" i="14"/>
  <c r="IF95" i="14" s="1"/>
  <c r="EU95" i="14"/>
  <c r="HU95" i="14" s="1"/>
  <c r="FH95" i="14"/>
  <c r="IH95" i="14" s="1"/>
  <c r="DK95" i="14"/>
  <c r="GK95" i="14" s="1"/>
  <c r="CX95" i="14"/>
  <c r="FX95" i="14" s="1"/>
  <c r="EX95" i="14"/>
  <c r="HX95" i="14" s="1"/>
  <c r="FK95" i="14"/>
  <c r="IK95" i="14" s="1"/>
  <c r="EW95" i="14"/>
  <c r="HW95" i="14" s="1"/>
  <c r="FJ95" i="14"/>
  <c r="IJ95" i="14" s="1"/>
  <c r="CT95" i="14"/>
  <c r="FT95" i="14" s="1"/>
  <c r="DG95" i="14"/>
  <c r="GG95" i="14" s="1"/>
  <c r="DX95" i="14"/>
  <c r="GX95" i="14" s="1"/>
  <c r="EK95" i="14"/>
  <c r="HK95" i="14" s="1"/>
  <c r="DM95" i="14"/>
  <c r="GM95" i="14" s="1"/>
  <c r="DZ95" i="14"/>
  <c r="GZ95" i="14" s="1"/>
  <c r="CQ95" i="14"/>
  <c r="FQ95" i="14" s="1"/>
  <c r="DD95" i="14"/>
  <c r="GD95" i="14" s="1"/>
  <c r="DR95" i="14"/>
  <c r="GR95" i="14" s="1"/>
  <c r="EE95" i="14"/>
  <c r="HE95" i="14" s="1"/>
  <c r="DQ95" i="14"/>
  <c r="GQ95" i="14" s="1"/>
  <c r="ED95" i="14"/>
  <c r="HD95" i="14" s="1"/>
  <c r="CW95" i="14"/>
  <c r="FW95" i="14" s="1"/>
  <c r="DJ95" i="14"/>
  <c r="GJ95" i="14" s="1"/>
  <c r="ET95" i="14"/>
  <c r="HT95" i="14" s="1"/>
  <c r="FG95" i="14"/>
  <c r="IG95" i="14" s="1"/>
  <c r="FC95" i="14"/>
  <c r="IC95" i="14" s="1"/>
  <c r="EP95" i="14"/>
  <c r="HP95" i="14" s="1"/>
  <c r="FA95" i="14"/>
  <c r="IA95" i="14" s="1"/>
  <c r="EN95" i="14"/>
  <c r="HN95" i="14" s="1"/>
  <c r="FE95" i="14"/>
  <c r="IE95" i="14" s="1"/>
  <c r="ER95" i="14"/>
  <c r="HR95" i="14" s="1"/>
  <c r="DW95" i="14"/>
  <c r="GW95" i="14" s="1"/>
  <c r="EJ95" i="14"/>
  <c r="HJ95" i="14" s="1"/>
  <c r="EG95" i="14"/>
  <c r="HG95" i="14" s="1"/>
  <c r="DT95" i="14"/>
  <c r="GT95" i="14" s="1"/>
  <c r="DP95" i="14"/>
  <c r="GP95" i="14" s="1"/>
  <c r="EC95" i="14"/>
  <c r="HC95" i="14" s="1"/>
  <c r="EA95" i="14"/>
  <c r="HA95" i="14" s="1"/>
  <c r="DN95" i="14"/>
  <c r="GN95" i="14" s="1"/>
  <c r="CR95" i="14"/>
  <c r="FR95" i="14" s="1"/>
  <c r="DE95" i="14"/>
  <c r="GE95" i="14" s="1"/>
  <c r="EQ95" i="14"/>
  <c r="HQ95" i="14" s="1"/>
  <c r="FD95" i="14"/>
  <c r="ID95" i="14" s="1"/>
  <c r="CD96" i="14"/>
  <c r="BD96" i="14"/>
  <c r="BQ96" i="14"/>
  <c r="BT96" i="14"/>
  <c r="BG96" i="14"/>
  <c r="CG96" i="14"/>
  <c r="DI95" i="14"/>
  <c r="GI95" i="14" s="1"/>
  <c r="CV95" i="14"/>
  <c r="FV95" i="14" s="1"/>
  <c r="DO95" i="14"/>
  <c r="GO95" i="14" s="1"/>
  <c r="EB95" i="14"/>
  <c r="HB95" i="14" s="1"/>
  <c r="DS95" i="14"/>
  <c r="GS95" i="14" s="1"/>
  <c r="EF95" i="14"/>
  <c r="HF95" i="14" s="1"/>
  <c r="DC95" i="14"/>
  <c r="GC95" i="14" s="1"/>
  <c r="CP95" i="14"/>
  <c r="FP95" i="14" s="1"/>
  <c r="CN95" i="14"/>
  <c r="FN95" i="14" s="1"/>
  <c r="DA95" i="14"/>
  <c r="GA95" i="14" s="1"/>
  <c r="EH95" i="14"/>
  <c r="HH95" i="14" s="1"/>
  <c r="DU95" i="14"/>
  <c r="GU95" i="14" s="1"/>
  <c r="EV95" i="14"/>
  <c r="HV95" i="14" s="1"/>
  <c r="FI95" i="14"/>
  <c r="II95" i="14" s="1"/>
  <c r="EO95" i="14"/>
  <c r="HO95" i="14" s="1"/>
  <c r="FB95" i="14"/>
  <c r="IB95" i="14" s="1"/>
  <c r="CS95" i="14"/>
  <c r="FS95" i="14" s="1"/>
  <c r="DF95" i="14"/>
  <c r="GF95" i="14" s="1"/>
  <c r="CU95" i="14"/>
  <c r="FU95" i="14" s="1"/>
  <c r="DH95" i="14"/>
  <c r="GH95" i="14" s="1"/>
  <c r="AC98" i="22" a="1"/>
  <c r="AC98" i="22" s="1"/>
  <c r="AP98" i="22" s="1"/>
  <c r="K98" i="14" s="1"/>
  <c r="AF98" i="22" a="1"/>
  <c r="AF98" i="22" s="1"/>
  <c r="AS98" i="22" s="1"/>
  <c r="N98" i="14" s="1"/>
  <c r="AG98" i="22" a="1"/>
  <c r="AG98" i="22" s="1"/>
  <c r="AT98" i="22" s="1"/>
  <c r="O98" i="14" s="1"/>
  <c r="AB98" i="22" a="1"/>
  <c r="AB98" i="22" s="1"/>
  <c r="AO98" i="22" s="1"/>
  <c r="J98" i="14" s="1"/>
  <c r="AI98" i="22" a="1"/>
  <c r="AI98" i="22" s="1"/>
  <c r="AV98" i="22" s="1"/>
  <c r="Q98" i="14" s="1"/>
  <c r="AJ98" i="22" a="1"/>
  <c r="AJ98" i="22" s="1"/>
  <c r="AW98" i="22" s="1"/>
  <c r="R98" i="14" s="1"/>
  <c r="AK98" i="22" a="1"/>
  <c r="AK98" i="22" s="1"/>
  <c r="AX98" i="22" s="1"/>
  <c r="S98" i="14" s="1"/>
  <c r="AE98" i="22" a="1"/>
  <c r="AE98" i="22" s="1"/>
  <c r="AR98" i="22" s="1"/>
  <c r="M98" i="14" s="1"/>
  <c r="AH98" i="22" a="1"/>
  <c r="AH98" i="22" s="1"/>
  <c r="AU98" i="22" s="1"/>
  <c r="P98" i="14" s="1"/>
  <c r="AA98" i="22" a="1"/>
  <c r="AA98" i="22" s="1"/>
  <c r="AN98" i="22" s="1"/>
  <c r="I98" i="14" s="1"/>
  <c r="AD98" i="22" a="1"/>
  <c r="AD98" i="22" s="1"/>
  <c r="AQ98" i="22" s="1"/>
  <c r="L98" i="14" s="1"/>
  <c r="C100" i="22"/>
  <c r="K99" i="22"/>
  <c r="H99" i="22"/>
  <c r="G99" i="6" s="1"/>
  <c r="G99" i="7" s="1"/>
  <c r="D99" i="22"/>
  <c r="J99" i="22"/>
  <c r="E99" i="22"/>
  <c r="I99" i="22"/>
  <c r="H99" i="6" s="1"/>
  <c r="H99" i="7" s="1"/>
  <c r="F99" i="22"/>
  <c r="G99" i="22"/>
  <c r="F99" i="6" s="1"/>
  <c r="F99" i="7" s="1"/>
  <c r="L99" i="22"/>
  <c r="AY99" i="22" s="1"/>
  <c r="T99" i="14" s="1"/>
  <c r="B99" i="22"/>
  <c r="B99" i="6" s="1"/>
  <c r="B99" i="7" s="1"/>
  <c r="BJ97" i="22"/>
  <c r="AE97" i="14" s="1"/>
  <c r="AS97" i="14" s="1"/>
  <c r="BH97" i="22"/>
  <c r="AC97" i="14" s="1"/>
  <c r="AQ97" i="14" s="1"/>
  <c r="BK97" i="22"/>
  <c r="AF97" i="14" s="1"/>
  <c r="AT97" i="14" s="1"/>
  <c r="BA97" i="22"/>
  <c r="V97" i="14" s="1"/>
  <c r="AJ97" i="14" s="1"/>
  <c r="BD97" i="22"/>
  <c r="Y97" i="14" s="1"/>
  <c r="AM97" i="14" s="1"/>
  <c r="BL97" i="22"/>
  <c r="AG97" i="14" s="1"/>
  <c r="AU97" i="14" s="1"/>
  <c r="BI97" i="22"/>
  <c r="AD97" i="14" s="1"/>
  <c r="AR97" i="14" s="1"/>
  <c r="BF97" i="22"/>
  <c r="AA97" i="14" s="1"/>
  <c r="AO97" i="14" s="1"/>
  <c r="BG97" i="22"/>
  <c r="AB97" i="14" s="1"/>
  <c r="AP97" i="14" s="1"/>
  <c r="BE97" i="22"/>
  <c r="Z97" i="14" s="1"/>
  <c r="AN97" i="14" s="1"/>
  <c r="BB97" i="22"/>
  <c r="W97" i="14" s="1"/>
  <c r="AK97" i="14" s="1"/>
  <c r="BC97" i="22"/>
  <c r="X97" i="14" s="1"/>
  <c r="AL97" i="14" s="1"/>
  <c r="P98" i="22"/>
  <c r="Q98" i="22" s="1"/>
  <c r="L31" i="22"/>
  <c r="N31" i="22" s="1"/>
  <c r="F31" i="14"/>
  <c r="AH31" i="14" s="1"/>
  <c r="AY30" i="22"/>
  <c r="AT30" i="22"/>
  <c r="AO30" i="22"/>
  <c r="AX30" i="22"/>
  <c r="AV30" i="22"/>
  <c r="AQ30" i="22"/>
  <c r="AP30" i="22"/>
  <c r="AW30" i="22"/>
  <c r="AS30" i="22"/>
  <c r="AN30" i="22"/>
  <c r="AU30" i="22"/>
  <c r="AR30" i="22"/>
  <c r="D13" i="11"/>
  <c r="B14" i="11"/>
  <c r="CI96" i="14" l="1"/>
  <c r="CC96" i="14"/>
  <c r="AZ96" i="14"/>
  <c r="V97" i="22"/>
  <c r="BP96" i="14"/>
  <c r="BI96" i="14"/>
  <c r="BZ96" i="14"/>
  <c r="BK96" i="14"/>
  <c r="P99" i="22"/>
  <c r="Q99" i="22" s="1"/>
  <c r="AB76" i="23"/>
  <c r="X76" i="23"/>
  <c r="AD76" i="23"/>
  <c r="Z76" i="23"/>
  <c r="V76" i="23"/>
  <c r="T76" i="23"/>
  <c r="P76" i="23"/>
  <c r="L76" i="23"/>
  <c r="R76" i="23"/>
  <c r="N76" i="23"/>
  <c r="J76" i="23"/>
  <c r="F76" i="23"/>
  <c r="H76" i="23"/>
  <c r="C100" i="14"/>
  <c r="C100" i="6"/>
  <c r="B79" i="25"/>
  <c r="BX96" i="14"/>
  <c r="C99" i="7"/>
  <c r="I99" i="6"/>
  <c r="C77" i="23"/>
  <c r="D77" i="23"/>
  <c r="A77" i="23"/>
  <c r="I98" i="7"/>
  <c r="Y98" i="6"/>
  <c r="Y98" i="7" s="1"/>
  <c r="L98" i="6"/>
  <c r="Q98" i="6"/>
  <c r="K98" i="6"/>
  <c r="K98" i="7" s="1"/>
  <c r="C78" i="25"/>
  <c r="D78" i="25"/>
  <c r="A78" i="25"/>
  <c r="F99" i="14"/>
  <c r="AH99" i="14" s="1"/>
  <c r="B78" i="23"/>
  <c r="B99" i="14"/>
  <c r="AD74" i="23"/>
  <c r="Z74" i="23"/>
  <c r="N74" i="23"/>
  <c r="V74" i="23"/>
  <c r="X74" i="23"/>
  <c r="J74" i="23"/>
  <c r="R74" i="23"/>
  <c r="T74" i="23"/>
  <c r="P74" i="23"/>
  <c r="F74" i="23"/>
  <c r="AB74" i="23"/>
  <c r="L74" i="23"/>
  <c r="H74" i="23"/>
  <c r="BJ96" i="14"/>
  <c r="BB96" i="14"/>
  <c r="BE96" i="14"/>
  <c r="CJ96" i="14"/>
  <c r="AW91" i="7"/>
  <c r="Y70" i="23" s="1"/>
  <c r="AN91" i="7"/>
  <c r="G70" i="23" s="1"/>
  <c r="AO91" i="7"/>
  <c r="I70" i="23" s="1"/>
  <c r="AP91" i="7"/>
  <c r="K70" i="23" s="1"/>
  <c r="AV91" i="7"/>
  <c r="W70" i="23" s="1"/>
  <c r="AX91" i="7"/>
  <c r="AA70" i="23" s="1"/>
  <c r="AT91" i="7"/>
  <c r="S70" i="23" s="1"/>
  <c r="AS91" i="7"/>
  <c r="Q70" i="23" s="1"/>
  <c r="AY91" i="7"/>
  <c r="AC70" i="23" s="1"/>
  <c r="AQ91" i="7"/>
  <c r="M70" i="23" s="1"/>
  <c r="AR91" i="7"/>
  <c r="O70" i="23" s="1"/>
  <c r="AU91" i="7"/>
  <c r="U70" i="23" s="1"/>
  <c r="AM91" i="7"/>
  <c r="E70" i="23" s="1"/>
  <c r="D98" i="7"/>
  <c r="X98" i="6"/>
  <c r="Q97" i="7"/>
  <c r="O96" i="6"/>
  <c r="N96" i="7"/>
  <c r="BR96" i="14"/>
  <c r="W92" i="7"/>
  <c r="AO92" i="6"/>
  <c r="I71" i="25" s="1"/>
  <c r="AW92" i="6"/>
  <c r="Y71" i="25" s="1"/>
  <c r="AS92" i="6"/>
  <c r="Q71" i="25" s="1"/>
  <c r="AQ92" i="6"/>
  <c r="M71" i="25" s="1"/>
  <c r="AP92" i="6"/>
  <c r="K71" i="25" s="1"/>
  <c r="AT92" i="6"/>
  <c r="S71" i="25" s="1"/>
  <c r="AM92" i="6"/>
  <c r="E71" i="25" s="1"/>
  <c r="AY92" i="6"/>
  <c r="AC71" i="25" s="1"/>
  <c r="AX92" i="6"/>
  <c r="AA71" i="25" s="1"/>
  <c r="AN92" i="6"/>
  <c r="G71" i="25" s="1"/>
  <c r="AU92" i="6"/>
  <c r="U71" i="25" s="1"/>
  <c r="AV92" i="6"/>
  <c r="W71" i="25" s="1"/>
  <c r="AR92" i="6"/>
  <c r="O71" i="25" s="1"/>
  <c r="L97" i="7"/>
  <c r="N97" i="6"/>
  <c r="M97" i="6"/>
  <c r="M97" i="7" s="1"/>
  <c r="S95" i="6"/>
  <c r="S95" i="7" s="1"/>
  <c r="O95" i="7"/>
  <c r="R95" i="6"/>
  <c r="T95" i="6"/>
  <c r="BO96" i="14"/>
  <c r="EB96" i="14" s="1"/>
  <c r="HB96" i="14" s="1"/>
  <c r="T94" i="7"/>
  <c r="V94" i="6"/>
  <c r="V94" i="7" s="1"/>
  <c r="T77" i="25"/>
  <c r="F77" i="25"/>
  <c r="AD77" i="25"/>
  <c r="L77" i="25"/>
  <c r="N77" i="25"/>
  <c r="P77" i="25"/>
  <c r="V77" i="25"/>
  <c r="X77" i="25"/>
  <c r="AB77" i="25"/>
  <c r="Z77" i="25"/>
  <c r="R77" i="25"/>
  <c r="J77" i="25"/>
  <c r="H77" i="25"/>
  <c r="U93" i="7"/>
  <c r="W93" i="6"/>
  <c r="D99" i="14"/>
  <c r="D99" i="6"/>
  <c r="R94" i="7"/>
  <c r="U94" i="6"/>
  <c r="CF96" i="14"/>
  <c r="ES96" i="14" s="1"/>
  <c r="HS96" i="14" s="1"/>
  <c r="BS96" i="14"/>
  <c r="DS96" i="14" s="1"/>
  <c r="GS96" i="14" s="1"/>
  <c r="BH96" i="14"/>
  <c r="CU96" i="14" s="1"/>
  <c r="FU96" i="14" s="1"/>
  <c r="BN96" i="14"/>
  <c r="V96" i="22"/>
  <c r="W96" i="22"/>
  <c r="BA96" i="14"/>
  <c r="DA96" i="14" s="1"/>
  <c r="GA96" i="14" s="1"/>
  <c r="BU96" i="14"/>
  <c r="M99" i="22"/>
  <c r="N99" i="22" s="1"/>
  <c r="O99" i="22" s="1"/>
  <c r="E99" i="14"/>
  <c r="E99" i="6"/>
  <c r="E99" i="7" s="1"/>
  <c r="BD97" i="14"/>
  <c r="CD97" i="14"/>
  <c r="BQ97" i="14"/>
  <c r="BA97" i="14"/>
  <c r="CA97" i="14"/>
  <c r="BN97" i="14"/>
  <c r="BJ97" i="14"/>
  <c r="CJ97" i="14"/>
  <c r="BW97" i="14"/>
  <c r="EQ96" i="14"/>
  <c r="HQ96" i="14" s="1"/>
  <c r="FD96" i="14"/>
  <c r="ID96" i="14" s="1"/>
  <c r="CM96" i="14"/>
  <c r="FM96" i="14" s="1"/>
  <c r="CZ96" i="14"/>
  <c r="FZ96" i="14" s="1"/>
  <c r="DU96" i="14"/>
  <c r="GU96" i="14" s="1"/>
  <c r="EH96" i="14"/>
  <c r="HH96" i="14" s="1"/>
  <c r="EI96" i="14"/>
  <c r="HI96" i="14" s="1"/>
  <c r="DV96" i="14"/>
  <c r="GV96" i="14" s="1"/>
  <c r="BS97" i="14"/>
  <c r="BF97" i="14"/>
  <c r="CF97" i="14"/>
  <c r="BI97" i="14"/>
  <c r="CI97" i="14"/>
  <c r="BV97" i="14"/>
  <c r="EK96" i="14"/>
  <c r="HK96" i="14" s="1"/>
  <c r="DX96" i="14"/>
  <c r="GX96" i="14" s="1"/>
  <c r="DM96" i="14"/>
  <c r="GM96" i="14" s="1"/>
  <c r="DZ96" i="14"/>
  <c r="GZ96" i="14" s="1"/>
  <c r="FB96" i="14"/>
  <c r="IB96" i="14" s="1"/>
  <c r="EO96" i="14"/>
  <c r="HO96" i="14" s="1"/>
  <c r="DK96" i="14"/>
  <c r="GK96" i="14" s="1"/>
  <c r="CX96" i="14"/>
  <c r="FX96" i="14" s="1"/>
  <c r="BE97" i="14"/>
  <c r="CE97" i="14"/>
  <c r="BR97" i="14"/>
  <c r="DC96" i="14"/>
  <c r="GC96" i="14" s="1"/>
  <c r="CP96" i="14"/>
  <c r="FP96" i="14" s="1"/>
  <c r="FK96" i="14"/>
  <c r="IK96" i="14" s="1"/>
  <c r="EX96" i="14"/>
  <c r="HX96" i="14" s="1"/>
  <c r="FG96" i="14"/>
  <c r="IG96" i="14" s="1"/>
  <c r="ET96" i="14"/>
  <c r="HT96" i="14" s="1"/>
  <c r="CW96" i="14"/>
  <c r="FW96" i="14" s="1"/>
  <c r="DJ96" i="14"/>
  <c r="GJ96" i="14" s="1"/>
  <c r="CO96" i="14"/>
  <c r="FO96" i="14" s="1"/>
  <c r="DB96" i="14"/>
  <c r="GB96" i="14" s="1"/>
  <c r="FH96" i="14"/>
  <c r="IH96" i="14" s="1"/>
  <c r="EU96" i="14"/>
  <c r="HU96" i="14" s="1"/>
  <c r="CH97" i="14"/>
  <c r="BU97" i="14"/>
  <c r="BH97" i="14"/>
  <c r="FC96" i="14"/>
  <c r="IC96" i="14" s="1"/>
  <c r="EP96" i="14"/>
  <c r="HP96" i="14" s="1"/>
  <c r="DE96" i="14"/>
  <c r="GE96" i="14" s="1"/>
  <c r="CR96" i="14"/>
  <c r="FR96" i="14" s="1"/>
  <c r="DG96" i="14"/>
  <c r="GG96" i="14" s="1"/>
  <c r="CT96" i="14"/>
  <c r="FT96" i="14" s="1"/>
  <c r="FJ96" i="14"/>
  <c r="IJ96" i="14" s="1"/>
  <c r="EW96" i="14"/>
  <c r="HW96" i="14" s="1"/>
  <c r="EZ96" i="14"/>
  <c r="HZ96" i="14" s="1"/>
  <c r="EM96" i="14"/>
  <c r="HM96" i="14" s="1"/>
  <c r="BK97" i="14"/>
  <c r="CK97" i="14"/>
  <c r="BX97" i="14"/>
  <c r="EC96" i="14"/>
  <c r="HC96" i="14" s="1"/>
  <c r="DP96" i="14"/>
  <c r="GP96" i="14" s="1"/>
  <c r="EE96" i="14"/>
  <c r="HE96" i="14" s="1"/>
  <c r="DR96" i="14"/>
  <c r="GR96" i="14" s="1"/>
  <c r="DT96" i="14"/>
  <c r="GT96" i="14" s="1"/>
  <c r="EG96" i="14"/>
  <c r="HG96" i="14" s="1"/>
  <c r="EJ96" i="14"/>
  <c r="HJ96" i="14" s="1"/>
  <c r="DW96" i="14"/>
  <c r="GW96" i="14" s="1"/>
  <c r="EN96" i="14"/>
  <c r="HN96" i="14" s="1"/>
  <c r="FA96" i="14"/>
  <c r="IA96" i="14" s="1"/>
  <c r="BT97" i="14"/>
  <c r="BG97" i="14"/>
  <c r="CG97" i="14"/>
  <c r="BC97" i="14"/>
  <c r="CC97" i="14"/>
  <c r="BP97" i="14"/>
  <c r="DF96" i="14"/>
  <c r="GF96" i="14" s="1"/>
  <c r="CS96" i="14"/>
  <c r="FS96" i="14" s="1"/>
  <c r="ER96" i="14"/>
  <c r="HR96" i="14" s="1"/>
  <c r="FE96" i="14"/>
  <c r="IE96" i="14" s="1"/>
  <c r="ED96" i="14"/>
  <c r="HD96" i="14" s="1"/>
  <c r="DQ96" i="14"/>
  <c r="GQ96" i="14" s="1"/>
  <c r="EA96" i="14"/>
  <c r="HA96" i="14" s="1"/>
  <c r="DN96" i="14"/>
  <c r="GN96" i="14" s="1"/>
  <c r="CV96" i="14"/>
  <c r="FV96" i="14" s="1"/>
  <c r="DI96" i="14"/>
  <c r="GI96" i="14" s="1"/>
  <c r="CB97" i="14"/>
  <c r="BO97" i="14"/>
  <c r="BB97" i="14"/>
  <c r="BZ97" i="14"/>
  <c r="BM97" i="14"/>
  <c r="AZ97" i="14"/>
  <c r="DD96" i="14"/>
  <c r="GD96" i="14" s="1"/>
  <c r="CQ96" i="14"/>
  <c r="FQ96" i="14" s="1"/>
  <c r="FI96" i="14"/>
  <c r="II96" i="14" s="1"/>
  <c r="EV96" i="14"/>
  <c r="HV96" i="14" s="1"/>
  <c r="AE99" i="22" a="1"/>
  <c r="AE99" i="22" s="1"/>
  <c r="AR99" i="22" s="1"/>
  <c r="M99" i="14" s="1"/>
  <c r="AI99" i="22" a="1"/>
  <c r="AI99" i="22" s="1"/>
  <c r="AV99" i="22" s="1"/>
  <c r="Q99" i="14" s="1"/>
  <c r="AJ99" i="22" a="1"/>
  <c r="AJ99" i="22" s="1"/>
  <c r="AW99" i="22" s="1"/>
  <c r="R99" i="14" s="1"/>
  <c r="AC99" i="22" a="1"/>
  <c r="AC99" i="22" s="1"/>
  <c r="AP99" i="22" s="1"/>
  <c r="K99" i="14" s="1"/>
  <c r="AK99" i="22" a="1"/>
  <c r="AK99" i="22" s="1"/>
  <c r="AX99" i="22" s="1"/>
  <c r="S99" i="14" s="1"/>
  <c r="AF99" i="22" a="1"/>
  <c r="AF99" i="22" s="1"/>
  <c r="AS99" i="22" s="1"/>
  <c r="N99" i="14" s="1"/>
  <c r="AA99" i="22" a="1"/>
  <c r="AA99" i="22" s="1"/>
  <c r="AN99" i="22" s="1"/>
  <c r="I99" i="14" s="1"/>
  <c r="AD99" i="22" a="1"/>
  <c r="AD99" i="22" s="1"/>
  <c r="AQ99" i="22" s="1"/>
  <c r="L99" i="14" s="1"/>
  <c r="AB99" i="22" a="1"/>
  <c r="AB99" i="22" s="1"/>
  <c r="AO99" i="22" s="1"/>
  <c r="J99" i="14" s="1"/>
  <c r="AG99" i="22" a="1"/>
  <c r="AG99" i="22" s="1"/>
  <c r="AT99" i="22" s="1"/>
  <c r="O99" i="14" s="1"/>
  <c r="AH99" i="22" a="1"/>
  <c r="AH99" i="22" s="1"/>
  <c r="AU99" i="22" s="1"/>
  <c r="P99" i="14" s="1"/>
  <c r="L100" i="22"/>
  <c r="AY100" i="22" s="1"/>
  <c r="T100" i="14" s="1"/>
  <c r="K100" i="22"/>
  <c r="H100" i="22"/>
  <c r="G100" i="6" s="1"/>
  <c r="G100" i="7" s="1"/>
  <c r="J100" i="22"/>
  <c r="G100" i="22"/>
  <c r="F100" i="6" s="1"/>
  <c r="F100" i="7" s="1"/>
  <c r="E100" i="22"/>
  <c r="F100" i="22"/>
  <c r="D100" i="22"/>
  <c r="I100" i="22"/>
  <c r="H100" i="6" s="1"/>
  <c r="H100" i="7" s="1"/>
  <c r="B100" i="22"/>
  <c r="B100" i="6" s="1"/>
  <c r="B100" i="7" s="1"/>
  <c r="R99" i="22"/>
  <c r="X99" i="22" s="1"/>
  <c r="Y99" i="22" s="1"/>
  <c r="Z99" i="22" s="1"/>
  <c r="G99" i="14" s="1"/>
  <c r="R98" i="22"/>
  <c r="X98" i="22" s="1"/>
  <c r="Y98" i="22" s="1"/>
  <c r="Z98" i="22" s="1"/>
  <c r="G98" i="14" s="1"/>
  <c r="K30" i="14"/>
  <c r="L9" i="25"/>
  <c r="L30" i="14"/>
  <c r="N9" i="25"/>
  <c r="Q30" i="14"/>
  <c r="X9" i="25"/>
  <c r="AY31" i="22"/>
  <c r="AT31" i="22"/>
  <c r="AS31" i="22"/>
  <c r="AR31" i="22"/>
  <c r="AX31" i="22"/>
  <c r="AW31" i="22"/>
  <c r="AN31" i="22"/>
  <c r="AV31" i="22"/>
  <c r="AP31" i="22"/>
  <c r="AU31" i="22"/>
  <c r="AO31" i="22"/>
  <c r="AQ31" i="22"/>
  <c r="M30" i="14"/>
  <c r="P9" i="25"/>
  <c r="S30" i="14"/>
  <c r="AB9" i="25"/>
  <c r="L32" i="22"/>
  <c r="N32" i="22" s="1"/>
  <c r="F32" i="14"/>
  <c r="AH32" i="14" s="1"/>
  <c r="P30" i="14"/>
  <c r="V9" i="25"/>
  <c r="J30" i="14"/>
  <c r="J9" i="25"/>
  <c r="I30" i="14"/>
  <c r="H9" i="25"/>
  <c r="N30" i="14"/>
  <c r="R9" i="25"/>
  <c r="T30" i="14"/>
  <c r="AD9" i="25"/>
  <c r="O30" i="14"/>
  <c r="T9" i="25"/>
  <c r="R30" i="14"/>
  <c r="Z9" i="25"/>
  <c r="D14" i="11"/>
  <c r="B15" i="11"/>
  <c r="DH96" i="14" l="1"/>
  <c r="GH96" i="14" s="1"/>
  <c r="CN96" i="14"/>
  <c r="FN96" i="14" s="1"/>
  <c r="FF96" i="14"/>
  <c r="IF96" i="14" s="1"/>
  <c r="DO96" i="14"/>
  <c r="GO96" i="14" s="1"/>
  <c r="EF96" i="14"/>
  <c r="HF96" i="14" s="1"/>
  <c r="X99" i="6"/>
  <c r="D99" i="7"/>
  <c r="O97" i="6"/>
  <c r="N97" i="7"/>
  <c r="I99" i="7"/>
  <c r="K99" i="6"/>
  <c r="K99" i="7" s="1"/>
  <c r="Q99" i="6"/>
  <c r="Y99" i="6"/>
  <c r="Y99" i="7" s="1"/>
  <c r="L99" i="6"/>
  <c r="Q98" i="7"/>
  <c r="O96" i="7"/>
  <c r="R96" i="6"/>
  <c r="S96" i="6"/>
  <c r="S96" i="7" s="1"/>
  <c r="T96" i="6"/>
  <c r="L98" i="7"/>
  <c r="M98" i="6"/>
  <c r="M98" i="7" s="1"/>
  <c r="N98" i="6"/>
  <c r="D100" i="14"/>
  <c r="D100" i="6"/>
  <c r="T95" i="7"/>
  <c r="V95" i="6"/>
  <c r="V95" i="7" s="1"/>
  <c r="D78" i="23"/>
  <c r="C78" i="23"/>
  <c r="A78" i="23"/>
  <c r="C79" i="25"/>
  <c r="D79" i="25"/>
  <c r="A79" i="25"/>
  <c r="W93" i="7"/>
  <c r="AU93" i="6"/>
  <c r="U72" i="25" s="1"/>
  <c r="AV93" i="6"/>
  <c r="W72" i="25" s="1"/>
  <c r="AR93" i="6"/>
  <c r="O72" i="25" s="1"/>
  <c r="AW93" i="6"/>
  <c r="Y72" i="25" s="1"/>
  <c r="AX93" i="6"/>
  <c r="AA72" i="25" s="1"/>
  <c r="AO93" i="6"/>
  <c r="I72" i="25" s="1"/>
  <c r="AM93" i="6"/>
  <c r="E72" i="25" s="1"/>
  <c r="AS93" i="6"/>
  <c r="Q72" i="25" s="1"/>
  <c r="AP93" i="6"/>
  <c r="K72" i="25" s="1"/>
  <c r="AT93" i="6"/>
  <c r="S72" i="25" s="1"/>
  <c r="AY93" i="6"/>
  <c r="AC72" i="25" s="1"/>
  <c r="AN93" i="6"/>
  <c r="G72" i="25" s="1"/>
  <c r="AQ93" i="6"/>
  <c r="M72" i="25" s="1"/>
  <c r="R95" i="7"/>
  <c r="U95" i="6"/>
  <c r="C100" i="7"/>
  <c r="I100" i="6"/>
  <c r="F100" i="14"/>
  <c r="AH100" i="14" s="1"/>
  <c r="B79" i="23"/>
  <c r="B100" i="14"/>
  <c r="W94" i="6"/>
  <c r="U94" i="7"/>
  <c r="R78" i="25"/>
  <c r="J78" i="25"/>
  <c r="AB78" i="25"/>
  <c r="Z78" i="25"/>
  <c r="L78" i="25"/>
  <c r="T78" i="25"/>
  <c r="P78" i="25"/>
  <c r="AD78" i="25"/>
  <c r="H78" i="25"/>
  <c r="V78" i="25"/>
  <c r="N78" i="25"/>
  <c r="F78" i="25"/>
  <c r="X78" i="25"/>
  <c r="AB77" i="23"/>
  <c r="X77" i="23"/>
  <c r="R77" i="23"/>
  <c r="V77" i="23"/>
  <c r="T77" i="23"/>
  <c r="Z77" i="23"/>
  <c r="P77" i="23"/>
  <c r="L77" i="23"/>
  <c r="N77" i="23"/>
  <c r="J77" i="23"/>
  <c r="F77" i="23"/>
  <c r="AD77" i="23"/>
  <c r="H77" i="23"/>
  <c r="AN92" i="7"/>
  <c r="G71" i="23" s="1"/>
  <c r="AV92" i="7"/>
  <c r="W71" i="23" s="1"/>
  <c r="AM92" i="7"/>
  <c r="E71" i="23" s="1"/>
  <c r="AT92" i="7"/>
  <c r="S71" i="23" s="1"/>
  <c r="AU92" i="7"/>
  <c r="U71" i="23" s="1"/>
  <c r="AR92" i="7"/>
  <c r="O71" i="23" s="1"/>
  <c r="AW92" i="7"/>
  <c r="Y71" i="23" s="1"/>
  <c r="AO92" i="7"/>
  <c r="I71" i="23" s="1"/>
  <c r="AY92" i="7"/>
  <c r="AC71" i="23" s="1"/>
  <c r="AQ92" i="7"/>
  <c r="M71" i="23" s="1"/>
  <c r="AX92" i="7"/>
  <c r="AA71" i="23" s="1"/>
  <c r="AS92" i="7"/>
  <c r="Q71" i="23" s="1"/>
  <c r="AP92" i="7"/>
  <c r="K71" i="23" s="1"/>
  <c r="S99" i="22"/>
  <c r="V99" i="22" s="1"/>
  <c r="S98" i="22"/>
  <c r="V98" i="22" s="1"/>
  <c r="E100" i="6"/>
  <c r="E100" i="7" s="1"/>
  <c r="E100" i="14"/>
  <c r="M100" i="22"/>
  <c r="N100" i="22" s="1"/>
  <c r="O100" i="22" s="1"/>
  <c r="FG97" i="14"/>
  <c r="IG97" i="14" s="1"/>
  <c r="ET97" i="14"/>
  <c r="HT97" i="14" s="1"/>
  <c r="EM97" i="14"/>
  <c r="HM97" i="14" s="1"/>
  <c r="EZ97" i="14"/>
  <c r="HZ97" i="14" s="1"/>
  <c r="CP97" i="14"/>
  <c r="FP97" i="14" s="1"/>
  <c r="DC97" i="14"/>
  <c r="GC97" i="14" s="1"/>
  <c r="CX97" i="14"/>
  <c r="FX97" i="14" s="1"/>
  <c r="DK97" i="14"/>
  <c r="GK97" i="14" s="1"/>
  <c r="FF97" i="14"/>
  <c r="IF97" i="14" s="1"/>
  <c r="ES97" i="14"/>
  <c r="HS97" i="14" s="1"/>
  <c r="FJ97" i="14"/>
  <c r="IJ97" i="14" s="1"/>
  <c r="EW97" i="14"/>
  <c r="HW97" i="14" s="1"/>
  <c r="DN97" i="14"/>
  <c r="GN97" i="14" s="1"/>
  <c r="EA97" i="14"/>
  <c r="HA97" i="14" s="1"/>
  <c r="FB97" i="14"/>
  <c r="IB97" i="14" s="1"/>
  <c r="EO97" i="14"/>
  <c r="HO97" i="14" s="1"/>
  <c r="EG97" i="14"/>
  <c r="HG97" i="14" s="1"/>
  <c r="DT97" i="14"/>
  <c r="GT97" i="14" s="1"/>
  <c r="DH97" i="14"/>
  <c r="GH97" i="14" s="1"/>
  <c r="CU97" i="14"/>
  <c r="FU97" i="14" s="1"/>
  <c r="FE97" i="14"/>
  <c r="IE97" i="14" s="1"/>
  <c r="ER97" i="14"/>
  <c r="HR97" i="14" s="1"/>
  <c r="FA97" i="14"/>
  <c r="IA97" i="14" s="1"/>
  <c r="EN97" i="14"/>
  <c r="HN97" i="14" s="1"/>
  <c r="DF97" i="14"/>
  <c r="GF97" i="14" s="1"/>
  <c r="CS97" i="14"/>
  <c r="FS97" i="14" s="1"/>
  <c r="DG97" i="14"/>
  <c r="GG97" i="14" s="1"/>
  <c r="CT97" i="14"/>
  <c r="FT97" i="14" s="1"/>
  <c r="EF97" i="14"/>
  <c r="HF97" i="14" s="1"/>
  <c r="DS97" i="14"/>
  <c r="GS97" i="14" s="1"/>
  <c r="DU97" i="14"/>
  <c r="GU97" i="14" s="1"/>
  <c r="EH97" i="14"/>
  <c r="HH97" i="14" s="1"/>
  <c r="DE97" i="14"/>
  <c r="GE97" i="14" s="1"/>
  <c r="CR97" i="14"/>
  <c r="FR97" i="14" s="1"/>
  <c r="DA97" i="14"/>
  <c r="GA97" i="14" s="1"/>
  <c r="CN97" i="14"/>
  <c r="FN97" i="14" s="1"/>
  <c r="CW97" i="14"/>
  <c r="FW97" i="14" s="1"/>
  <c r="DJ97" i="14"/>
  <c r="GJ97" i="14" s="1"/>
  <c r="EU97" i="14"/>
  <c r="HU97" i="14" s="1"/>
  <c r="FH97" i="14"/>
  <c r="IH97" i="14" s="1"/>
  <c r="DV97" i="14"/>
  <c r="GV97" i="14" s="1"/>
  <c r="EI97" i="14"/>
  <c r="HI97" i="14" s="1"/>
  <c r="DQ97" i="14"/>
  <c r="GQ97" i="14" s="1"/>
  <c r="ED97" i="14"/>
  <c r="HD97" i="14" s="1"/>
  <c r="CO97" i="14"/>
  <c r="FO97" i="14" s="1"/>
  <c r="DB97" i="14"/>
  <c r="GB97" i="14" s="1"/>
  <c r="EE97" i="14"/>
  <c r="HE97" i="14" s="1"/>
  <c r="DR97" i="14"/>
  <c r="GR97" i="14" s="1"/>
  <c r="CZ97" i="14"/>
  <c r="FZ97" i="14" s="1"/>
  <c r="CM97" i="14"/>
  <c r="FM97" i="14" s="1"/>
  <c r="DP97" i="14"/>
  <c r="GP97" i="14" s="1"/>
  <c r="EC97" i="14"/>
  <c r="HC97" i="14" s="1"/>
  <c r="EK97" i="14"/>
  <c r="HK97" i="14" s="1"/>
  <c r="DX97" i="14"/>
  <c r="GX97" i="14" s="1"/>
  <c r="FI97" i="14"/>
  <c r="II97" i="14" s="1"/>
  <c r="EV97" i="14"/>
  <c r="HV97" i="14" s="1"/>
  <c r="FD97" i="14"/>
  <c r="ID97" i="14" s="1"/>
  <c r="EQ97" i="14"/>
  <c r="HQ97" i="14" s="1"/>
  <c r="DO97" i="14"/>
  <c r="GO97" i="14" s="1"/>
  <c r="EB97" i="14"/>
  <c r="HB97" i="14" s="1"/>
  <c r="DM97" i="14"/>
  <c r="GM97" i="14" s="1"/>
  <c r="DZ97" i="14"/>
  <c r="GZ97" i="14" s="1"/>
  <c r="FC97" i="14"/>
  <c r="IC97" i="14" s="1"/>
  <c r="EP97" i="14"/>
  <c r="HP97" i="14" s="1"/>
  <c r="FK97" i="14"/>
  <c r="IK97" i="14" s="1"/>
  <c r="EX97" i="14"/>
  <c r="HX97" i="14" s="1"/>
  <c r="DI97" i="14"/>
  <c r="GI97" i="14" s="1"/>
  <c r="CV97" i="14"/>
  <c r="FV97" i="14" s="1"/>
  <c r="DW97" i="14"/>
  <c r="GW97" i="14" s="1"/>
  <c r="EJ97" i="14"/>
  <c r="HJ97" i="14" s="1"/>
  <c r="CQ97" i="14"/>
  <c r="FQ97" i="14" s="1"/>
  <c r="DD97" i="14"/>
  <c r="GD97" i="14" s="1"/>
  <c r="BE99" i="22"/>
  <c r="Z99" i="14" s="1"/>
  <c r="AN99" i="14" s="1"/>
  <c r="BA99" i="22"/>
  <c r="V99" i="14" s="1"/>
  <c r="AJ99" i="14" s="1"/>
  <c r="BG99" i="22"/>
  <c r="AB99" i="14" s="1"/>
  <c r="AP99" i="14" s="1"/>
  <c r="BB99" i="22"/>
  <c r="W99" i="14" s="1"/>
  <c r="AK99" i="14" s="1"/>
  <c r="BC99" i="22"/>
  <c r="X99" i="14" s="1"/>
  <c r="AL99" i="14" s="1"/>
  <c r="BD99" i="22"/>
  <c r="Y99" i="14" s="1"/>
  <c r="AM99" i="14" s="1"/>
  <c r="BI99" i="22"/>
  <c r="AD99" i="14" s="1"/>
  <c r="AR99" i="14" s="1"/>
  <c r="BJ99" i="22"/>
  <c r="AE99" i="14" s="1"/>
  <c r="AS99" i="14" s="1"/>
  <c r="BH99" i="22"/>
  <c r="AC99" i="14" s="1"/>
  <c r="AQ99" i="14" s="1"/>
  <c r="BL99" i="22"/>
  <c r="AG99" i="14" s="1"/>
  <c r="AU99" i="14" s="1"/>
  <c r="BF99" i="22"/>
  <c r="AA99" i="14" s="1"/>
  <c r="AO99" i="14" s="1"/>
  <c r="BK99" i="22"/>
  <c r="AF99" i="14" s="1"/>
  <c r="AT99" i="14" s="1"/>
  <c r="AA100" i="22" a="1"/>
  <c r="AA100" i="22" s="1"/>
  <c r="AN100" i="22" s="1"/>
  <c r="I100" i="14" s="1"/>
  <c r="AH100" i="22" a="1"/>
  <c r="AH100" i="22" s="1"/>
  <c r="AU100" i="22" s="1"/>
  <c r="P100" i="14" s="1"/>
  <c r="AI100" i="22" a="1"/>
  <c r="AI100" i="22" s="1"/>
  <c r="AV100" i="22" s="1"/>
  <c r="Q100" i="14" s="1"/>
  <c r="AJ100" i="22" a="1"/>
  <c r="AJ100" i="22" s="1"/>
  <c r="AW100" i="22" s="1"/>
  <c r="R100" i="14" s="1"/>
  <c r="AC100" i="22" a="1"/>
  <c r="AC100" i="22" s="1"/>
  <c r="AP100" i="22" s="1"/>
  <c r="K100" i="14" s="1"/>
  <c r="AD100" i="22" a="1"/>
  <c r="AD100" i="22" s="1"/>
  <c r="AQ100" i="22" s="1"/>
  <c r="L100" i="14" s="1"/>
  <c r="AF100" i="22" a="1"/>
  <c r="AF100" i="22" s="1"/>
  <c r="AS100" i="22" s="1"/>
  <c r="N100" i="14" s="1"/>
  <c r="AG100" i="22" a="1"/>
  <c r="AG100" i="22" s="1"/>
  <c r="AT100" i="22" s="1"/>
  <c r="O100" i="14" s="1"/>
  <c r="AK100" i="22" a="1"/>
  <c r="AK100" i="22" s="1"/>
  <c r="AX100" i="22" s="1"/>
  <c r="S100" i="14" s="1"/>
  <c r="AB100" i="22" a="1"/>
  <c r="AB100" i="22" s="1"/>
  <c r="AO100" i="22" s="1"/>
  <c r="J100" i="14" s="1"/>
  <c r="AE100" i="22" a="1"/>
  <c r="AE100" i="22" s="1"/>
  <c r="AR100" i="22" s="1"/>
  <c r="M100" i="14" s="1"/>
  <c r="P100" i="22"/>
  <c r="Q100" i="22" s="1"/>
  <c r="BI98" i="22"/>
  <c r="AD98" i="14" s="1"/>
  <c r="AR98" i="14" s="1"/>
  <c r="BJ98" i="22"/>
  <c r="AE98" i="14" s="1"/>
  <c r="AS98" i="14" s="1"/>
  <c r="BC98" i="22"/>
  <c r="X98" i="14" s="1"/>
  <c r="AL98" i="14" s="1"/>
  <c r="BG98" i="22"/>
  <c r="AB98" i="14" s="1"/>
  <c r="AP98" i="14" s="1"/>
  <c r="BF98" i="22"/>
  <c r="AA98" i="14" s="1"/>
  <c r="AO98" i="14" s="1"/>
  <c r="BD98" i="22"/>
  <c r="Y98" i="14" s="1"/>
  <c r="AM98" i="14" s="1"/>
  <c r="BH98" i="22"/>
  <c r="AC98" i="14" s="1"/>
  <c r="AQ98" i="14" s="1"/>
  <c r="BE98" i="22"/>
  <c r="Z98" i="14" s="1"/>
  <c r="AN98" i="14" s="1"/>
  <c r="BA98" i="22"/>
  <c r="V98" i="14" s="1"/>
  <c r="AJ98" i="14" s="1"/>
  <c r="BK98" i="22"/>
  <c r="AF98" i="14" s="1"/>
  <c r="AT98" i="14" s="1"/>
  <c r="BB98" i="22"/>
  <c r="W98" i="14" s="1"/>
  <c r="AK98" i="14" s="1"/>
  <c r="BL98" i="22"/>
  <c r="AG98" i="14" s="1"/>
  <c r="AU98" i="14" s="1"/>
  <c r="L33" i="22"/>
  <c r="N33" i="22" s="1"/>
  <c r="F33" i="14"/>
  <c r="AH33" i="14" s="1"/>
  <c r="P31" i="14"/>
  <c r="V10" i="25"/>
  <c r="O31" i="14"/>
  <c r="T10" i="25"/>
  <c r="AY32" i="22"/>
  <c r="AP32" i="22"/>
  <c r="AU32" i="22"/>
  <c r="AN32" i="22"/>
  <c r="AT32" i="22"/>
  <c r="AW32" i="22"/>
  <c r="AO32" i="22"/>
  <c r="AR32" i="22"/>
  <c r="AQ32" i="22"/>
  <c r="AX32" i="22"/>
  <c r="AS32" i="22"/>
  <c r="AV32" i="22"/>
  <c r="K31" i="14"/>
  <c r="L10" i="25"/>
  <c r="T31" i="14"/>
  <c r="AD10" i="25"/>
  <c r="Q31" i="14"/>
  <c r="X10" i="25"/>
  <c r="I31" i="14"/>
  <c r="H10" i="25"/>
  <c r="R31" i="14"/>
  <c r="Z10" i="25"/>
  <c r="S31" i="14"/>
  <c r="AB10" i="25"/>
  <c r="L31" i="14"/>
  <c r="N10" i="25"/>
  <c r="M31" i="14"/>
  <c r="P10" i="25"/>
  <c r="J31" i="14"/>
  <c r="J10" i="25"/>
  <c r="N31" i="14"/>
  <c r="R10" i="25"/>
  <c r="D15" i="11"/>
  <c r="B16" i="11"/>
  <c r="W99" i="22" l="1"/>
  <c r="AT93" i="7"/>
  <c r="S72" i="23" s="1"/>
  <c r="AR93" i="7"/>
  <c r="O72" i="23" s="1"/>
  <c r="AS93" i="7"/>
  <c r="Q72" i="23" s="1"/>
  <c r="AV93" i="7"/>
  <c r="W72" i="23" s="1"/>
  <c r="AM93" i="7"/>
  <c r="E72" i="23" s="1"/>
  <c r="AN93" i="7"/>
  <c r="G72" i="23" s="1"/>
  <c r="AX93" i="7"/>
  <c r="AA72" i="23" s="1"/>
  <c r="AY93" i="7"/>
  <c r="AC72" i="23" s="1"/>
  <c r="AP93" i="7"/>
  <c r="K72" i="23" s="1"/>
  <c r="AQ93" i="7"/>
  <c r="M72" i="23" s="1"/>
  <c r="AW93" i="7"/>
  <c r="Y72" i="23" s="1"/>
  <c r="AO93" i="7"/>
  <c r="I72" i="23" s="1"/>
  <c r="AU93" i="7"/>
  <c r="U72" i="23" s="1"/>
  <c r="R96" i="7"/>
  <c r="U96" i="6"/>
  <c r="U95" i="7"/>
  <c r="W95" i="6"/>
  <c r="D100" i="7"/>
  <c r="X100" i="6"/>
  <c r="I100" i="7"/>
  <c r="L100" i="6"/>
  <c r="Y100" i="6"/>
  <c r="Y100" i="7" s="1"/>
  <c r="K100" i="6"/>
  <c r="K100" i="7" s="1"/>
  <c r="Q100" i="6"/>
  <c r="N79" i="25"/>
  <c r="X79" i="25"/>
  <c r="F79" i="25"/>
  <c r="AB79" i="25"/>
  <c r="H79" i="25"/>
  <c r="AD79" i="25"/>
  <c r="L79" i="25"/>
  <c r="P79" i="25"/>
  <c r="T79" i="25"/>
  <c r="V79" i="25"/>
  <c r="Z79" i="25"/>
  <c r="R79" i="25"/>
  <c r="J79" i="25"/>
  <c r="O97" i="7"/>
  <c r="R97" i="6"/>
  <c r="S97" i="6"/>
  <c r="S97" i="7" s="1"/>
  <c r="T97" i="6"/>
  <c r="W94" i="7"/>
  <c r="AM94" i="6"/>
  <c r="AV94" i="6"/>
  <c r="AX94" i="6"/>
  <c r="AO94" i="6"/>
  <c r="AQ94" i="6"/>
  <c r="AT94" i="6"/>
  <c r="AS94" i="6"/>
  <c r="AY94" i="6"/>
  <c r="AW94" i="6"/>
  <c r="AN94" i="6"/>
  <c r="AP94" i="6"/>
  <c r="AU94" i="6"/>
  <c r="AR94" i="6"/>
  <c r="O98" i="6"/>
  <c r="N98" i="7"/>
  <c r="L99" i="7"/>
  <c r="M99" i="6"/>
  <c r="M99" i="7" s="1"/>
  <c r="N99" i="6"/>
  <c r="C79" i="23"/>
  <c r="D79" i="23"/>
  <c r="A79" i="23"/>
  <c r="AB78" i="23"/>
  <c r="X78" i="23"/>
  <c r="R78" i="23"/>
  <c r="V78" i="23"/>
  <c r="T78" i="23"/>
  <c r="AD78" i="23"/>
  <c r="Z78" i="23"/>
  <c r="N78" i="23"/>
  <c r="L78" i="23"/>
  <c r="P78" i="23"/>
  <c r="H78" i="23"/>
  <c r="J78" i="23"/>
  <c r="F78" i="23"/>
  <c r="T96" i="7"/>
  <c r="V96" i="6"/>
  <c r="V96" i="7" s="1"/>
  <c r="Q99" i="7"/>
  <c r="W98" i="22"/>
  <c r="CH99" i="14"/>
  <c r="BH99" i="14"/>
  <c r="BU99" i="14"/>
  <c r="CG98" i="14"/>
  <c r="BT98" i="14"/>
  <c r="BG98" i="14"/>
  <c r="BK98" i="14"/>
  <c r="CK98" i="14"/>
  <c r="BX98" i="14"/>
  <c r="BF98" i="14"/>
  <c r="CF98" i="14"/>
  <c r="BS98" i="14"/>
  <c r="BV99" i="14"/>
  <c r="BI99" i="14"/>
  <c r="CI99" i="14"/>
  <c r="BW98" i="14"/>
  <c r="BJ98" i="14"/>
  <c r="CJ98" i="14"/>
  <c r="AZ98" i="14"/>
  <c r="BZ98" i="14"/>
  <c r="BM98" i="14"/>
  <c r="BU98" i="14"/>
  <c r="BH98" i="14"/>
  <c r="CH98" i="14"/>
  <c r="BB99" i="14"/>
  <c r="BO99" i="14"/>
  <c r="CB99" i="14"/>
  <c r="CI98" i="14"/>
  <c r="BV98" i="14"/>
  <c r="BI98" i="14"/>
  <c r="BD98" i="14"/>
  <c r="CD98" i="14"/>
  <c r="BQ98" i="14"/>
  <c r="CJ99" i="14"/>
  <c r="BJ99" i="14"/>
  <c r="BW99" i="14"/>
  <c r="BA99" i="14"/>
  <c r="CA99" i="14"/>
  <c r="BN99" i="14"/>
  <c r="CA98" i="14"/>
  <c r="BN98" i="14"/>
  <c r="BA98" i="14"/>
  <c r="CE99" i="14"/>
  <c r="BE99" i="14"/>
  <c r="BR99" i="14"/>
  <c r="BC98" i="14"/>
  <c r="CC98" i="14"/>
  <c r="BP98" i="14"/>
  <c r="BX99" i="14"/>
  <c r="CK99" i="14"/>
  <c r="BK99" i="14"/>
  <c r="AZ99" i="14"/>
  <c r="BZ99" i="14"/>
  <c r="BM99" i="14"/>
  <c r="CB98" i="14"/>
  <c r="BO98" i="14"/>
  <c r="BB98" i="14"/>
  <c r="BP99" i="14"/>
  <c r="CC99" i="14"/>
  <c r="BC99" i="14"/>
  <c r="CF99" i="14"/>
  <c r="BS99" i="14"/>
  <c r="BF99" i="14"/>
  <c r="BR98" i="14"/>
  <c r="BE98" i="14"/>
  <c r="CE98" i="14"/>
  <c r="CG99" i="14"/>
  <c r="BT99" i="14"/>
  <c r="BG99" i="14"/>
  <c r="CD99" i="14"/>
  <c r="BQ99" i="14"/>
  <c r="BD99" i="14"/>
  <c r="R100" i="22"/>
  <c r="X100" i="22" s="1"/>
  <c r="Y100" i="22" s="1"/>
  <c r="Z100" i="22" s="1"/>
  <c r="G100" i="14" s="1"/>
  <c r="S32" i="14"/>
  <c r="AB11" i="25"/>
  <c r="K32" i="14"/>
  <c r="L11" i="25"/>
  <c r="L32" i="14"/>
  <c r="N11" i="25"/>
  <c r="T32" i="14"/>
  <c r="AD11" i="25"/>
  <c r="M32" i="14"/>
  <c r="P11" i="25"/>
  <c r="J32" i="14"/>
  <c r="J11" i="25"/>
  <c r="L34" i="22"/>
  <c r="N34" i="22" s="1"/>
  <c r="F34" i="14"/>
  <c r="AH34" i="14" s="1"/>
  <c r="R32" i="14"/>
  <c r="Z11" i="25"/>
  <c r="O32" i="14"/>
  <c r="T11" i="25"/>
  <c r="Q32" i="14"/>
  <c r="X11" i="25"/>
  <c r="I32" i="14"/>
  <c r="H11" i="25"/>
  <c r="N32" i="14"/>
  <c r="R11" i="25"/>
  <c r="P32" i="14"/>
  <c r="V11" i="25"/>
  <c r="AY33" i="22"/>
  <c r="AT33" i="22"/>
  <c r="AW33" i="22"/>
  <c r="AU33" i="22"/>
  <c r="AP33" i="22"/>
  <c r="AQ33" i="22"/>
  <c r="AO33" i="22"/>
  <c r="AX33" i="22"/>
  <c r="AR33" i="22"/>
  <c r="AS33" i="22"/>
  <c r="AV33" i="22"/>
  <c r="AN33" i="22"/>
  <c r="D16" i="11"/>
  <c r="B17" i="11"/>
  <c r="R97" i="7" l="1"/>
  <c r="U97" i="6"/>
  <c r="W96" i="6"/>
  <c r="U96" i="7"/>
  <c r="AB79" i="23"/>
  <c r="AD79" i="23"/>
  <c r="X79" i="23"/>
  <c r="R79" i="23"/>
  <c r="T79" i="23"/>
  <c r="Z79" i="23"/>
  <c r="V79" i="23"/>
  <c r="N79" i="23"/>
  <c r="L79" i="23"/>
  <c r="P79" i="23"/>
  <c r="H79" i="23"/>
  <c r="J79" i="23"/>
  <c r="F79" i="23"/>
  <c r="L100" i="7"/>
  <c r="M100" i="6"/>
  <c r="M100" i="7" s="1"/>
  <c r="N100" i="6"/>
  <c r="O99" i="6"/>
  <c r="N99" i="7"/>
  <c r="AR94" i="7"/>
  <c r="AX94" i="7"/>
  <c r="AP94" i="7"/>
  <c r="AQ94" i="7"/>
  <c r="AY94" i="7"/>
  <c r="AT94" i="7"/>
  <c r="AW94" i="7"/>
  <c r="AV94" i="7"/>
  <c r="AO94" i="7"/>
  <c r="AN94" i="7"/>
  <c r="AU94" i="7"/>
  <c r="AM94" i="7"/>
  <c r="AS94" i="7"/>
  <c r="T97" i="7"/>
  <c r="V97" i="6"/>
  <c r="V97" i="7" s="1"/>
  <c r="W95" i="7"/>
  <c r="AO95" i="6"/>
  <c r="I74" i="25" s="1"/>
  <c r="AS95" i="6"/>
  <c r="Q74" i="25" s="1"/>
  <c r="AR95" i="6"/>
  <c r="O74" i="25" s="1"/>
  <c r="AP95" i="6"/>
  <c r="K74" i="25" s="1"/>
  <c r="AU95" i="6"/>
  <c r="U74" i="25" s="1"/>
  <c r="AW95" i="6"/>
  <c r="Y74" i="25" s="1"/>
  <c r="AT95" i="6"/>
  <c r="S74" i="25" s="1"/>
  <c r="AQ95" i="6"/>
  <c r="M74" i="25" s="1"/>
  <c r="AM95" i="6"/>
  <c r="E74" i="25" s="1"/>
  <c r="AV95" i="6"/>
  <c r="W74" i="25" s="1"/>
  <c r="AY95" i="6"/>
  <c r="AC74" i="25" s="1"/>
  <c r="AX95" i="6"/>
  <c r="AA74" i="25" s="1"/>
  <c r="AN95" i="6"/>
  <c r="G74" i="25" s="1"/>
  <c r="O98" i="7"/>
  <c r="S98" i="6"/>
  <c r="S98" i="7" s="1"/>
  <c r="R98" i="6"/>
  <c r="T98" i="6"/>
  <c r="Q100" i="7"/>
  <c r="S100" i="22"/>
  <c r="W100" i="22" s="1"/>
  <c r="EO98" i="14"/>
  <c r="HO98" i="14" s="1"/>
  <c r="FB98" i="14"/>
  <c r="IB98" i="14" s="1"/>
  <c r="DD99" i="14"/>
  <c r="GD99" i="14" s="1"/>
  <c r="CQ99" i="14"/>
  <c r="FQ99" i="14" s="1"/>
  <c r="EE98" i="14"/>
  <c r="HE98" i="14" s="1"/>
  <c r="DR98" i="14"/>
  <c r="GR98" i="14" s="1"/>
  <c r="DO98" i="14"/>
  <c r="GO98" i="14" s="1"/>
  <c r="EB98" i="14"/>
  <c r="HB98" i="14" s="1"/>
  <c r="DP98" i="14"/>
  <c r="GP98" i="14" s="1"/>
  <c r="EC98" i="14"/>
  <c r="HC98" i="14" s="1"/>
  <c r="EN98" i="14"/>
  <c r="HN98" i="14" s="1"/>
  <c r="FA98" i="14"/>
  <c r="IA98" i="14" s="1"/>
  <c r="FD98" i="14"/>
  <c r="ID98" i="14" s="1"/>
  <c r="EQ98" i="14"/>
  <c r="HQ98" i="14" s="1"/>
  <c r="EU98" i="14"/>
  <c r="HU98" i="14" s="1"/>
  <c r="FH98" i="14"/>
  <c r="IH98" i="14" s="1"/>
  <c r="DW98" i="14"/>
  <c r="GW98" i="14" s="1"/>
  <c r="EJ98" i="14"/>
  <c r="HJ98" i="14" s="1"/>
  <c r="FK98" i="14"/>
  <c r="IK98" i="14" s="1"/>
  <c r="EX98" i="14"/>
  <c r="HX98" i="14" s="1"/>
  <c r="DF99" i="14"/>
  <c r="GF99" i="14" s="1"/>
  <c r="CS99" i="14"/>
  <c r="FS99" i="14" s="1"/>
  <c r="DK98" i="14"/>
  <c r="GK98" i="14" s="1"/>
  <c r="CX98" i="14"/>
  <c r="FX98" i="14" s="1"/>
  <c r="EQ99" i="14"/>
  <c r="HQ99" i="14" s="1"/>
  <c r="FD99" i="14"/>
  <c r="ID99" i="14" s="1"/>
  <c r="EF99" i="14"/>
  <c r="HF99" i="14" s="1"/>
  <c r="DS99" i="14"/>
  <c r="GS99" i="14" s="1"/>
  <c r="DZ99" i="14"/>
  <c r="GZ99" i="14" s="1"/>
  <c r="DM99" i="14"/>
  <c r="GM99" i="14" s="1"/>
  <c r="CP98" i="14"/>
  <c r="FP98" i="14" s="1"/>
  <c r="DC98" i="14"/>
  <c r="GC98" i="14" s="1"/>
  <c r="EN99" i="14"/>
  <c r="HN99" i="14" s="1"/>
  <c r="FA99" i="14"/>
  <c r="IA99" i="14" s="1"/>
  <c r="DI98" i="14"/>
  <c r="GI98" i="14" s="1"/>
  <c r="CV98" i="14"/>
  <c r="FV98" i="14" s="1"/>
  <c r="EH98" i="14"/>
  <c r="HH98" i="14" s="1"/>
  <c r="DU98" i="14"/>
  <c r="GU98" i="14" s="1"/>
  <c r="CV99" i="14"/>
  <c r="FV99" i="14" s="1"/>
  <c r="DI99" i="14"/>
  <c r="GI99" i="14" s="1"/>
  <c r="DG98" i="14"/>
  <c r="GG98" i="14" s="1"/>
  <c r="CT98" i="14"/>
  <c r="FT98" i="14" s="1"/>
  <c r="FI99" i="14"/>
  <c r="II99" i="14" s="1"/>
  <c r="EV99" i="14"/>
  <c r="HV99" i="14" s="1"/>
  <c r="CT99" i="14"/>
  <c r="FT99" i="14" s="1"/>
  <c r="DG99" i="14"/>
  <c r="GG99" i="14" s="1"/>
  <c r="FF99" i="14"/>
  <c r="IF99" i="14" s="1"/>
  <c r="ES99" i="14"/>
  <c r="HS99" i="14" s="1"/>
  <c r="EZ99" i="14"/>
  <c r="HZ99" i="14" s="1"/>
  <c r="EM99" i="14"/>
  <c r="HM99" i="14" s="1"/>
  <c r="EE99" i="14"/>
  <c r="HE99" i="14" s="1"/>
  <c r="DR99" i="14"/>
  <c r="GR99" i="14" s="1"/>
  <c r="CN99" i="14"/>
  <c r="FN99" i="14" s="1"/>
  <c r="DA99" i="14"/>
  <c r="GA99" i="14" s="1"/>
  <c r="EI98" i="14"/>
  <c r="HI98" i="14" s="1"/>
  <c r="DV98" i="14"/>
  <c r="GV98" i="14" s="1"/>
  <c r="DZ98" i="14"/>
  <c r="GZ98" i="14" s="1"/>
  <c r="DM98" i="14"/>
  <c r="GM98" i="14" s="1"/>
  <c r="EI99" i="14"/>
  <c r="HI99" i="14" s="1"/>
  <c r="DV99" i="14"/>
  <c r="GV99" i="14" s="1"/>
  <c r="EG98" i="14"/>
  <c r="HG98" i="14" s="1"/>
  <c r="DT98" i="14"/>
  <c r="GT98" i="14" s="1"/>
  <c r="DH98" i="14"/>
  <c r="GH98" i="14" s="1"/>
  <c r="CU98" i="14"/>
  <c r="FU98" i="14" s="1"/>
  <c r="DT99" i="14"/>
  <c r="GT99" i="14" s="1"/>
  <c r="EG99" i="14"/>
  <c r="HG99" i="14" s="1"/>
  <c r="CP99" i="14"/>
  <c r="FP99" i="14" s="1"/>
  <c r="DC99" i="14"/>
  <c r="GC99" i="14" s="1"/>
  <c r="CM99" i="14"/>
  <c r="FM99" i="14" s="1"/>
  <c r="CZ99" i="14"/>
  <c r="FZ99" i="14" s="1"/>
  <c r="DE99" i="14"/>
  <c r="GE99" i="14" s="1"/>
  <c r="CR99" i="14"/>
  <c r="FR99" i="14" s="1"/>
  <c r="DW99" i="14"/>
  <c r="GW99" i="14" s="1"/>
  <c r="EJ99" i="14"/>
  <c r="HJ99" i="14" s="1"/>
  <c r="EV98" i="14"/>
  <c r="HV98" i="14" s="1"/>
  <c r="FI98" i="14"/>
  <c r="II98" i="14" s="1"/>
  <c r="EM98" i="14"/>
  <c r="HM98" i="14" s="1"/>
  <c r="EZ98" i="14"/>
  <c r="HZ98" i="14" s="1"/>
  <c r="EF98" i="14"/>
  <c r="HF98" i="14" s="1"/>
  <c r="DS98" i="14"/>
  <c r="GS98" i="14" s="1"/>
  <c r="FG98" i="14"/>
  <c r="IG98" i="14" s="1"/>
  <c r="ET98" i="14"/>
  <c r="HT98" i="14" s="1"/>
  <c r="DQ99" i="14"/>
  <c r="GQ99" i="14" s="1"/>
  <c r="ED99" i="14"/>
  <c r="HD99" i="14" s="1"/>
  <c r="CQ98" i="14"/>
  <c r="FQ98" i="14" s="1"/>
  <c r="DD98" i="14"/>
  <c r="GD98" i="14" s="1"/>
  <c r="ET99" i="14"/>
  <c r="HT99" i="14" s="1"/>
  <c r="FG99" i="14"/>
  <c r="IG99" i="14" s="1"/>
  <c r="EP99" i="14"/>
  <c r="HP99" i="14" s="1"/>
  <c r="FC99" i="14"/>
  <c r="IC99" i="14" s="1"/>
  <c r="CX99" i="14"/>
  <c r="FX99" i="14" s="1"/>
  <c r="DK99" i="14"/>
  <c r="GK99" i="14" s="1"/>
  <c r="ER99" i="14"/>
  <c r="HR99" i="14" s="1"/>
  <c r="FE99" i="14"/>
  <c r="IE99" i="14" s="1"/>
  <c r="DJ99" i="14"/>
  <c r="GJ99" i="14" s="1"/>
  <c r="CW99" i="14"/>
  <c r="FW99" i="14" s="1"/>
  <c r="FB99" i="14"/>
  <c r="IB99" i="14" s="1"/>
  <c r="EO99" i="14"/>
  <c r="HO99" i="14" s="1"/>
  <c r="CM98" i="14"/>
  <c r="FM98" i="14" s="1"/>
  <c r="CZ98" i="14"/>
  <c r="FZ98" i="14" s="1"/>
  <c r="FF98" i="14"/>
  <c r="IF98" i="14" s="1"/>
  <c r="ES98" i="14"/>
  <c r="HS98" i="14" s="1"/>
  <c r="EH99" i="14"/>
  <c r="HH99" i="14" s="1"/>
  <c r="DU99" i="14"/>
  <c r="GU99" i="14" s="1"/>
  <c r="DN99" i="14"/>
  <c r="GN99" i="14" s="1"/>
  <c r="EA99" i="14"/>
  <c r="HA99" i="14" s="1"/>
  <c r="ER98" i="14"/>
  <c r="HR98" i="14" s="1"/>
  <c r="FE98" i="14"/>
  <c r="IE98" i="14" s="1"/>
  <c r="DP99" i="14"/>
  <c r="GP99" i="14" s="1"/>
  <c r="EC99" i="14"/>
  <c r="HC99" i="14" s="1"/>
  <c r="FK99" i="14"/>
  <c r="IK99" i="14" s="1"/>
  <c r="EX99" i="14"/>
  <c r="HX99" i="14" s="1"/>
  <c r="DA98" i="14"/>
  <c r="GA98" i="14" s="1"/>
  <c r="CN98" i="14"/>
  <c r="FN98" i="14" s="1"/>
  <c r="FJ99" i="14"/>
  <c r="IJ99" i="14" s="1"/>
  <c r="EW99" i="14"/>
  <c r="HW99" i="14" s="1"/>
  <c r="EB99" i="14"/>
  <c r="HB99" i="14" s="1"/>
  <c r="DO99" i="14"/>
  <c r="GO99" i="14" s="1"/>
  <c r="EW98" i="14"/>
  <c r="HW98" i="14" s="1"/>
  <c r="FJ98" i="14"/>
  <c r="IJ98" i="14" s="1"/>
  <c r="DF98" i="14"/>
  <c r="GF98" i="14" s="1"/>
  <c r="CS98" i="14"/>
  <c r="FS98" i="14" s="1"/>
  <c r="CU99" i="14"/>
  <c r="FU99" i="14" s="1"/>
  <c r="DH99" i="14"/>
  <c r="GH99" i="14" s="1"/>
  <c r="EP98" i="14"/>
  <c r="HP98" i="14" s="1"/>
  <c r="FC98" i="14"/>
  <c r="IC98" i="14" s="1"/>
  <c r="DE98" i="14"/>
  <c r="GE98" i="14" s="1"/>
  <c r="CR98" i="14"/>
  <c r="FR98" i="14" s="1"/>
  <c r="DB98" i="14"/>
  <c r="GB98" i="14" s="1"/>
  <c r="CO98" i="14"/>
  <c r="FO98" i="14" s="1"/>
  <c r="DX99" i="14"/>
  <c r="GX99" i="14" s="1"/>
  <c r="EK99" i="14"/>
  <c r="HK99" i="14" s="1"/>
  <c r="EA98" i="14"/>
  <c r="HA98" i="14" s="1"/>
  <c r="DN98" i="14"/>
  <c r="GN98" i="14" s="1"/>
  <c r="DQ98" i="14"/>
  <c r="GQ98" i="14" s="1"/>
  <c r="ED98" i="14"/>
  <c r="HD98" i="14" s="1"/>
  <c r="DB99" i="14"/>
  <c r="GB99" i="14" s="1"/>
  <c r="CO99" i="14"/>
  <c r="FO99" i="14" s="1"/>
  <c r="DJ98" i="14"/>
  <c r="GJ98" i="14" s="1"/>
  <c r="CW98" i="14"/>
  <c r="FW98" i="14" s="1"/>
  <c r="DX98" i="14"/>
  <c r="GX98" i="14" s="1"/>
  <c r="EK98" i="14"/>
  <c r="HK98" i="14" s="1"/>
  <c r="EU99" i="14"/>
  <c r="HU99" i="14" s="1"/>
  <c r="FH99" i="14"/>
  <c r="IH99" i="14" s="1"/>
  <c r="BE100" i="22"/>
  <c r="Z100" i="14" s="1"/>
  <c r="AN100" i="14" s="1"/>
  <c r="BI100" i="22"/>
  <c r="AD100" i="14" s="1"/>
  <c r="AR100" i="14" s="1"/>
  <c r="BJ100" i="22"/>
  <c r="AE100" i="14" s="1"/>
  <c r="AS100" i="14" s="1"/>
  <c r="BC100" i="22"/>
  <c r="X100" i="14" s="1"/>
  <c r="AL100" i="14" s="1"/>
  <c r="BH100" i="22"/>
  <c r="AC100" i="14" s="1"/>
  <c r="AQ100" i="14" s="1"/>
  <c r="BD100" i="22"/>
  <c r="Y100" i="14" s="1"/>
  <c r="AM100" i="14" s="1"/>
  <c r="BG100" i="22"/>
  <c r="AB100" i="14" s="1"/>
  <c r="AP100" i="14" s="1"/>
  <c r="BK100" i="22"/>
  <c r="AF100" i="14" s="1"/>
  <c r="AT100" i="14" s="1"/>
  <c r="BB100" i="22"/>
  <c r="W100" i="14" s="1"/>
  <c r="AK100" i="14" s="1"/>
  <c r="BL100" i="22"/>
  <c r="AG100" i="14" s="1"/>
  <c r="AU100" i="14" s="1"/>
  <c r="BA100" i="22"/>
  <c r="V100" i="14" s="1"/>
  <c r="AJ100" i="14" s="1"/>
  <c r="BF100" i="22"/>
  <c r="AA100" i="14" s="1"/>
  <c r="AO100" i="14" s="1"/>
  <c r="S33" i="14"/>
  <c r="AB12" i="25"/>
  <c r="L35" i="22"/>
  <c r="N35" i="22" s="1"/>
  <c r="F35" i="14"/>
  <c r="AH35" i="14" s="1"/>
  <c r="L33" i="14"/>
  <c r="N12" i="25"/>
  <c r="K33" i="14"/>
  <c r="L12" i="25"/>
  <c r="I33" i="14"/>
  <c r="H12" i="25"/>
  <c r="P33" i="14"/>
  <c r="V12" i="25"/>
  <c r="Q33" i="14"/>
  <c r="X12" i="25"/>
  <c r="R33" i="14"/>
  <c r="Z12" i="25"/>
  <c r="AY34" i="22"/>
  <c r="AW34" i="22"/>
  <c r="AR34" i="22"/>
  <c r="AS34" i="22"/>
  <c r="AX34" i="22"/>
  <c r="AN34" i="22"/>
  <c r="AV34" i="22"/>
  <c r="AU34" i="22"/>
  <c r="AQ34" i="22"/>
  <c r="AP34" i="22"/>
  <c r="AO34" i="22"/>
  <c r="AT34" i="22"/>
  <c r="N33" i="14"/>
  <c r="R12" i="25"/>
  <c r="O33" i="14"/>
  <c r="T12" i="25"/>
  <c r="M33" i="14"/>
  <c r="P12" i="25"/>
  <c r="T33" i="14"/>
  <c r="AD12" i="25"/>
  <c r="J33" i="14"/>
  <c r="J12" i="25"/>
  <c r="D17" i="11"/>
  <c r="B18" i="11"/>
  <c r="V100" i="22" l="1"/>
  <c r="T98" i="7"/>
  <c r="V98" i="6"/>
  <c r="V98" i="7" s="1"/>
  <c r="R98" i="7"/>
  <c r="U98" i="6"/>
  <c r="AX95" i="7"/>
  <c r="AA74" i="23" s="1"/>
  <c r="AN95" i="7"/>
  <c r="G74" i="23" s="1"/>
  <c r="AO95" i="7"/>
  <c r="I74" i="23" s="1"/>
  <c r="AP95" i="7"/>
  <c r="K74" i="23" s="1"/>
  <c r="AV95" i="7"/>
  <c r="W74" i="23" s="1"/>
  <c r="AW95" i="7"/>
  <c r="Y74" i="23" s="1"/>
  <c r="AY95" i="7"/>
  <c r="AC74" i="23" s="1"/>
  <c r="AQ95" i="7"/>
  <c r="M74" i="23" s="1"/>
  <c r="AU95" i="7"/>
  <c r="U74" i="23" s="1"/>
  <c r="AS95" i="7"/>
  <c r="Q74" i="23" s="1"/>
  <c r="AM95" i="7"/>
  <c r="E74" i="23" s="1"/>
  <c r="AT95" i="7"/>
  <c r="S74" i="23" s="1"/>
  <c r="AR95" i="7"/>
  <c r="O74" i="23" s="1"/>
  <c r="W96" i="7"/>
  <c r="AX96" i="6"/>
  <c r="AA75" i="25" s="1"/>
  <c r="AR96" i="6"/>
  <c r="O75" i="25" s="1"/>
  <c r="AM96" i="6"/>
  <c r="E75" i="25" s="1"/>
  <c r="AQ96" i="6"/>
  <c r="M75" i="25" s="1"/>
  <c r="AU96" i="6"/>
  <c r="U75" i="25" s="1"/>
  <c r="AW96" i="6"/>
  <c r="Y75" i="25" s="1"/>
  <c r="AP96" i="6"/>
  <c r="K75" i="25" s="1"/>
  <c r="AO96" i="6"/>
  <c r="I75" i="25" s="1"/>
  <c r="AV96" i="6"/>
  <c r="W75" i="25" s="1"/>
  <c r="AY96" i="6"/>
  <c r="AC75" i="25" s="1"/>
  <c r="AS96" i="6"/>
  <c r="Q75" i="25" s="1"/>
  <c r="AT96" i="6"/>
  <c r="S75" i="25" s="1"/>
  <c r="AN96" i="6"/>
  <c r="G75" i="25" s="1"/>
  <c r="O99" i="7"/>
  <c r="R99" i="6"/>
  <c r="S99" i="6"/>
  <c r="S99" i="7" s="1"/>
  <c r="T99" i="6"/>
  <c r="W97" i="6"/>
  <c r="U97" i="7"/>
  <c r="O100" i="6"/>
  <c r="N100" i="7"/>
  <c r="BW100" i="14"/>
  <c r="CJ100" i="14"/>
  <c r="BJ100" i="14"/>
  <c r="CC100" i="14"/>
  <c r="BP100" i="14"/>
  <c r="BC100" i="14"/>
  <c r="CG100" i="14"/>
  <c r="BT100" i="14"/>
  <c r="BG100" i="14"/>
  <c r="BE100" i="14"/>
  <c r="CE100" i="14"/>
  <c r="BR100" i="14"/>
  <c r="BO100" i="14"/>
  <c r="BB100" i="14"/>
  <c r="CB100" i="14"/>
  <c r="BM100" i="14"/>
  <c r="AZ100" i="14"/>
  <c r="BZ100" i="14"/>
  <c r="CI100" i="14"/>
  <c r="BV100" i="14"/>
  <c r="BI100" i="14"/>
  <c r="BF100" i="14"/>
  <c r="CF100" i="14"/>
  <c r="BS100" i="14"/>
  <c r="BK100" i="14"/>
  <c r="CK100" i="14"/>
  <c r="BX100" i="14"/>
  <c r="BH100" i="14"/>
  <c r="BU100" i="14"/>
  <c r="CH100" i="14"/>
  <c r="CA100" i="14"/>
  <c r="BN100" i="14"/>
  <c r="BA100" i="14"/>
  <c r="CD100" i="14"/>
  <c r="BQ100" i="14"/>
  <c r="BD100" i="14"/>
  <c r="P34" i="14"/>
  <c r="V13" i="25"/>
  <c r="Q34" i="14"/>
  <c r="X13" i="25"/>
  <c r="I34" i="14"/>
  <c r="H13" i="25"/>
  <c r="L36" i="22"/>
  <c r="N36" i="22" s="1"/>
  <c r="F36" i="14"/>
  <c r="AH36" i="14" s="1"/>
  <c r="S34" i="14"/>
  <c r="AB13" i="25"/>
  <c r="O34" i="14"/>
  <c r="T13" i="25"/>
  <c r="N34" i="14"/>
  <c r="R13" i="25"/>
  <c r="J34" i="14"/>
  <c r="J13" i="25"/>
  <c r="M34" i="14"/>
  <c r="P13" i="25"/>
  <c r="AY35" i="22"/>
  <c r="AN35" i="22"/>
  <c r="AQ35" i="22"/>
  <c r="AP35" i="22"/>
  <c r="AO35" i="22"/>
  <c r="AX35" i="22"/>
  <c r="AS35" i="22"/>
  <c r="AV35" i="22"/>
  <c r="AW35" i="22"/>
  <c r="AR35" i="22"/>
  <c r="AU35" i="22"/>
  <c r="AT35" i="22"/>
  <c r="K34" i="14"/>
  <c r="L13" i="25"/>
  <c r="R34" i="14"/>
  <c r="Z13" i="25"/>
  <c r="L34" i="14"/>
  <c r="N13" i="25"/>
  <c r="T34" i="14"/>
  <c r="AD13" i="25"/>
  <c r="D18" i="11"/>
  <c r="B19" i="11"/>
  <c r="S100" i="6" l="1"/>
  <c r="S100" i="7" s="1"/>
  <c r="O100" i="7"/>
  <c r="R100" i="6"/>
  <c r="T100" i="6"/>
  <c r="W97" i="7"/>
  <c r="AY97" i="6"/>
  <c r="AC76" i="25" s="1"/>
  <c r="AM97" i="6"/>
  <c r="E76" i="25" s="1"/>
  <c r="AX97" i="6"/>
  <c r="AA76" i="25" s="1"/>
  <c r="AQ97" i="6"/>
  <c r="M76" i="25" s="1"/>
  <c r="AT97" i="6"/>
  <c r="S76" i="25" s="1"/>
  <c r="AR97" i="6"/>
  <c r="O76" i="25" s="1"/>
  <c r="AU97" i="6"/>
  <c r="U76" i="25" s="1"/>
  <c r="AS97" i="6"/>
  <c r="Q76" i="25" s="1"/>
  <c r="AO97" i="6"/>
  <c r="I76" i="25" s="1"/>
  <c r="AV97" i="6"/>
  <c r="W76" i="25" s="1"/>
  <c r="AW97" i="6"/>
  <c r="Y76" i="25" s="1"/>
  <c r="AN97" i="6"/>
  <c r="G76" i="25" s="1"/>
  <c r="AP97" i="6"/>
  <c r="K76" i="25" s="1"/>
  <c r="U98" i="7"/>
  <c r="W98" i="6"/>
  <c r="T99" i="7"/>
  <c r="V99" i="6"/>
  <c r="V99" i="7" s="1"/>
  <c r="AT96" i="7"/>
  <c r="S75" i="23" s="1"/>
  <c r="AM96" i="7"/>
  <c r="E75" i="23" s="1"/>
  <c r="AN96" i="7"/>
  <c r="G75" i="23" s="1"/>
  <c r="AU96" i="7"/>
  <c r="U75" i="23" s="1"/>
  <c r="AV96" i="7"/>
  <c r="W75" i="23" s="1"/>
  <c r="AY96" i="7"/>
  <c r="AC75" i="23" s="1"/>
  <c r="AQ96" i="7"/>
  <c r="M75" i="23" s="1"/>
  <c r="AR96" i="7"/>
  <c r="O75" i="23" s="1"/>
  <c r="AX96" i="7"/>
  <c r="AA75" i="23" s="1"/>
  <c r="AP96" i="7"/>
  <c r="K75" i="23" s="1"/>
  <c r="AW96" i="7"/>
  <c r="Y75" i="23" s="1"/>
  <c r="AS96" i="7"/>
  <c r="Q75" i="23" s="1"/>
  <c r="AO96" i="7"/>
  <c r="I75" i="23" s="1"/>
  <c r="R99" i="7"/>
  <c r="U99" i="6"/>
  <c r="FA100" i="14"/>
  <c r="IA100" i="14" s="1"/>
  <c r="EN100" i="14"/>
  <c r="HN100" i="14" s="1"/>
  <c r="CU100" i="14"/>
  <c r="FU100" i="14" s="1"/>
  <c r="DH100" i="14"/>
  <c r="GH100" i="14" s="1"/>
  <c r="EA100" i="14"/>
  <c r="HA100" i="14" s="1"/>
  <c r="DN100" i="14"/>
  <c r="GN100" i="14" s="1"/>
  <c r="DS100" i="14"/>
  <c r="GS100" i="14" s="1"/>
  <c r="EF100" i="14"/>
  <c r="HF100" i="14" s="1"/>
  <c r="DZ100" i="14"/>
  <c r="GZ100" i="14" s="1"/>
  <c r="DM100" i="14"/>
  <c r="GM100" i="14" s="1"/>
  <c r="EG100" i="14"/>
  <c r="HG100" i="14" s="1"/>
  <c r="DT100" i="14"/>
  <c r="GT100" i="14" s="1"/>
  <c r="FF100" i="14"/>
  <c r="IF100" i="14" s="1"/>
  <c r="ES100" i="14"/>
  <c r="HS100" i="14" s="1"/>
  <c r="FH100" i="14"/>
  <c r="IH100" i="14" s="1"/>
  <c r="EU100" i="14"/>
  <c r="HU100" i="14" s="1"/>
  <c r="DB100" i="14"/>
  <c r="GB100" i="14" s="1"/>
  <c r="CO100" i="14"/>
  <c r="FO100" i="14" s="1"/>
  <c r="DC100" i="14"/>
  <c r="GC100" i="14" s="1"/>
  <c r="CP100" i="14"/>
  <c r="FP100" i="14" s="1"/>
  <c r="EH100" i="14"/>
  <c r="HH100" i="14" s="1"/>
  <c r="DU100" i="14"/>
  <c r="GU100" i="14" s="1"/>
  <c r="DI100" i="14"/>
  <c r="GI100" i="14" s="1"/>
  <c r="CV100" i="14"/>
  <c r="FV100" i="14" s="1"/>
  <c r="EB100" i="14"/>
  <c r="HB100" i="14" s="1"/>
  <c r="DO100" i="14"/>
  <c r="GO100" i="14" s="1"/>
  <c r="EC100" i="14"/>
  <c r="HC100" i="14" s="1"/>
  <c r="DP100" i="14"/>
  <c r="GP100" i="14" s="1"/>
  <c r="CS100" i="14"/>
  <c r="FS100" i="14" s="1"/>
  <c r="DF100" i="14"/>
  <c r="GF100" i="14" s="1"/>
  <c r="DR100" i="14"/>
  <c r="GR100" i="14" s="1"/>
  <c r="EE100" i="14"/>
  <c r="HE100" i="14" s="1"/>
  <c r="DQ100" i="14"/>
  <c r="GQ100" i="14" s="1"/>
  <c r="ED100" i="14"/>
  <c r="HD100" i="14" s="1"/>
  <c r="EK100" i="14"/>
  <c r="HK100" i="14" s="1"/>
  <c r="DX100" i="14"/>
  <c r="GX100" i="14" s="1"/>
  <c r="FI100" i="14"/>
  <c r="II100" i="14" s="1"/>
  <c r="EV100" i="14"/>
  <c r="HV100" i="14" s="1"/>
  <c r="FE100" i="14"/>
  <c r="IE100" i="14" s="1"/>
  <c r="ER100" i="14"/>
  <c r="HR100" i="14" s="1"/>
  <c r="DJ100" i="14"/>
  <c r="GJ100" i="14" s="1"/>
  <c r="CW100" i="14"/>
  <c r="FW100" i="14" s="1"/>
  <c r="EO100" i="14"/>
  <c r="HO100" i="14" s="1"/>
  <c r="FB100" i="14"/>
  <c r="IB100" i="14" s="1"/>
  <c r="EP100" i="14"/>
  <c r="HP100" i="14" s="1"/>
  <c r="FC100" i="14"/>
  <c r="IC100" i="14" s="1"/>
  <c r="EQ100" i="14"/>
  <c r="HQ100" i="14" s="1"/>
  <c r="FD100" i="14"/>
  <c r="ID100" i="14" s="1"/>
  <c r="EX100" i="14"/>
  <c r="HX100" i="14" s="1"/>
  <c r="FK100" i="14"/>
  <c r="IK100" i="14" s="1"/>
  <c r="EZ100" i="14"/>
  <c r="HZ100" i="14" s="1"/>
  <c r="EM100" i="14"/>
  <c r="HM100" i="14" s="1"/>
  <c r="DE100" i="14"/>
  <c r="GE100" i="14" s="1"/>
  <c r="CR100" i="14"/>
  <c r="FR100" i="14" s="1"/>
  <c r="EW100" i="14"/>
  <c r="HW100" i="14" s="1"/>
  <c r="FJ100" i="14"/>
  <c r="IJ100" i="14" s="1"/>
  <c r="FG100" i="14"/>
  <c r="IG100" i="14" s="1"/>
  <c r="ET100" i="14"/>
  <c r="HT100" i="14" s="1"/>
  <c r="DD100" i="14"/>
  <c r="GD100" i="14" s="1"/>
  <c r="CQ100" i="14"/>
  <c r="FQ100" i="14" s="1"/>
  <c r="EI100" i="14"/>
  <c r="HI100" i="14" s="1"/>
  <c r="DV100" i="14"/>
  <c r="GV100" i="14" s="1"/>
  <c r="DA100" i="14"/>
  <c r="GA100" i="14" s="1"/>
  <c r="CN100" i="14"/>
  <c r="FN100" i="14" s="1"/>
  <c r="DK100" i="14"/>
  <c r="GK100" i="14" s="1"/>
  <c r="CX100" i="14"/>
  <c r="FX100" i="14" s="1"/>
  <c r="CM100" i="14"/>
  <c r="FM100" i="14" s="1"/>
  <c r="CZ100" i="14"/>
  <c r="FZ100" i="14" s="1"/>
  <c r="CT100" i="14"/>
  <c r="FT100" i="14" s="1"/>
  <c r="DG100" i="14"/>
  <c r="GG100" i="14" s="1"/>
  <c r="EJ100" i="14"/>
  <c r="HJ100" i="14" s="1"/>
  <c r="DW100" i="14"/>
  <c r="GW100" i="14" s="1"/>
  <c r="S35" i="14"/>
  <c r="AB14" i="25"/>
  <c r="J35" i="14"/>
  <c r="J14" i="25"/>
  <c r="AY36" i="22"/>
  <c r="AU36" i="22"/>
  <c r="AN36" i="22"/>
  <c r="AV36" i="22"/>
  <c r="AX36" i="22"/>
  <c r="AT36" i="22"/>
  <c r="AS36" i="22"/>
  <c r="AW36" i="22"/>
  <c r="AO36" i="22"/>
  <c r="AP36" i="22"/>
  <c r="AR36" i="22"/>
  <c r="AQ36" i="22"/>
  <c r="L37" i="22"/>
  <c r="N37" i="22" s="1"/>
  <c r="F37" i="14"/>
  <c r="AH37" i="14" s="1"/>
  <c r="P35" i="14"/>
  <c r="V14" i="25"/>
  <c r="L35" i="14"/>
  <c r="N14" i="25"/>
  <c r="I35" i="14"/>
  <c r="H14" i="25"/>
  <c r="O35" i="14"/>
  <c r="T14" i="25"/>
  <c r="K35" i="14"/>
  <c r="L14" i="25"/>
  <c r="M35" i="14"/>
  <c r="P14" i="25"/>
  <c r="R35" i="14"/>
  <c r="Z14" i="25"/>
  <c r="T35" i="14"/>
  <c r="AD14" i="25"/>
  <c r="Q35" i="14"/>
  <c r="X14" i="25"/>
  <c r="N35" i="14"/>
  <c r="R14" i="25"/>
  <c r="B20" i="11"/>
  <c r="D19" i="11"/>
  <c r="U99" i="7" l="1"/>
  <c r="W99" i="6"/>
  <c r="AR97" i="7"/>
  <c r="O76" i="23" s="1"/>
  <c r="AS97" i="7"/>
  <c r="Q76" i="23" s="1"/>
  <c r="AT97" i="7"/>
  <c r="S76" i="23" s="1"/>
  <c r="AY97" i="7"/>
  <c r="AC76" i="23" s="1"/>
  <c r="AV97" i="7"/>
  <c r="W76" i="23" s="1"/>
  <c r="AQ97" i="7"/>
  <c r="M76" i="23" s="1"/>
  <c r="AN97" i="7"/>
  <c r="G76" i="23" s="1"/>
  <c r="AU97" i="7"/>
  <c r="U76" i="23" s="1"/>
  <c r="AW97" i="7"/>
  <c r="Y76" i="23" s="1"/>
  <c r="AM97" i="7"/>
  <c r="E76" i="23" s="1"/>
  <c r="AO97" i="7"/>
  <c r="I76" i="23" s="1"/>
  <c r="AX97" i="7"/>
  <c r="AA76" i="23" s="1"/>
  <c r="AP97" i="7"/>
  <c r="K76" i="23" s="1"/>
  <c r="W98" i="7"/>
  <c r="AX98" i="6"/>
  <c r="AA77" i="25" s="1"/>
  <c r="AT98" i="6"/>
  <c r="S77" i="25" s="1"/>
  <c r="AO98" i="6"/>
  <c r="I77" i="25" s="1"/>
  <c r="AR98" i="6"/>
  <c r="O77" i="25" s="1"/>
  <c r="AM98" i="6"/>
  <c r="E77" i="25" s="1"/>
  <c r="AW98" i="6"/>
  <c r="Y77" i="25" s="1"/>
  <c r="AY98" i="6"/>
  <c r="AC77" i="25" s="1"/>
  <c r="AQ98" i="6"/>
  <c r="M77" i="25" s="1"/>
  <c r="AS98" i="6"/>
  <c r="Q77" i="25" s="1"/>
  <c r="AU98" i="6"/>
  <c r="U77" i="25" s="1"/>
  <c r="AP98" i="6"/>
  <c r="K77" i="25" s="1"/>
  <c r="AV98" i="6"/>
  <c r="W77" i="25" s="1"/>
  <c r="AN98" i="6"/>
  <c r="G77" i="25" s="1"/>
  <c r="T100" i="7"/>
  <c r="V100" i="6"/>
  <c r="V100" i="7" s="1"/>
  <c r="R100" i="7"/>
  <c r="U100" i="6"/>
  <c r="L36" i="14"/>
  <c r="N15" i="25"/>
  <c r="Q36" i="14"/>
  <c r="X15" i="25"/>
  <c r="L38" i="22"/>
  <c r="N38" i="22" s="1"/>
  <c r="F38" i="14"/>
  <c r="AH38" i="14" s="1"/>
  <c r="M36" i="14"/>
  <c r="P15" i="25"/>
  <c r="I36" i="14"/>
  <c r="H15" i="25"/>
  <c r="P36" i="14"/>
  <c r="V15" i="25"/>
  <c r="K36" i="14"/>
  <c r="L15" i="25"/>
  <c r="J36" i="14"/>
  <c r="J15" i="25"/>
  <c r="T36" i="14"/>
  <c r="AD15" i="25"/>
  <c r="R36" i="14"/>
  <c r="Z15" i="25"/>
  <c r="N36" i="14"/>
  <c r="R15" i="25"/>
  <c r="O36" i="14"/>
  <c r="T15" i="25"/>
  <c r="AY37" i="22"/>
  <c r="AU37" i="22"/>
  <c r="AT37" i="22"/>
  <c r="AW37" i="22"/>
  <c r="AQ37" i="22"/>
  <c r="AN37" i="22"/>
  <c r="AS37" i="22"/>
  <c r="AP37" i="22"/>
  <c r="AX37" i="22"/>
  <c r="AR37" i="22"/>
  <c r="AO37" i="22"/>
  <c r="AV37" i="22"/>
  <c r="S36" i="14"/>
  <c r="AB15" i="25"/>
  <c r="B21" i="11"/>
  <c r="D20" i="11"/>
  <c r="W100" i="6" l="1"/>
  <c r="U100" i="7"/>
  <c r="AP98" i="7"/>
  <c r="K77" i="23" s="1"/>
  <c r="AX98" i="7"/>
  <c r="AA77" i="23" s="1"/>
  <c r="AY98" i="7"/>
  <c r="AC77" i="23" s="1"/>
  <c r="AQ98" i="7"/>
  <c r="M77" i="23" s="1"/>
  <c r="AR98" i="7"/>
  <c r="O77" i="23" s="1"/>
  <c r="AW98" i="7"/>
  <c r="Y77" i="23" s="1"/>
  <c r="AU98" i="7"/>
  <c r="U77" i="23" s="1"/>
  <c r="AO98" i="7"/>
  <c r="I77" i="23" s="1"/>
  <c r="AM98" i="7"/>
  <c r="E77" i="23" s="1"/>
  <c r="AS98" i="7"/>
  <c r="Q77" i="23" s="1"/>
  <c r="AT98" i="7"/>
  <c r="S77" i="23" s="1"/>
  <c r="AV98" i="7"/>
  <c r="W77" i="23" s="1"/>
  <c r="AN98" i="7"/>
  <c r="G77" i="23" s="1"/>
  <c r="W99" i="7"/>
  <c r="AP99" i="6"/>
  <c r="K78" i="25" s="1"/>
  <c r="AN99" i="6"/>
  <c r="G78" i="25" s="1"/>
  <c r="AX99" i="6"/>
  <c r="AA78" i="25" s="1"/>
  <c r="AV99" i="6"/>
  <c r="W78" i="25" s="1"/>
  <c r="AR99" i="6"/>
  <c r="O78" i="25" s="1"/>
  <c r="AO99" i="6"/>
  <c r="I78" i="25" s="1"/>
  <c r="AQ99" i="6"/>
  <c r="M78" i="25" s="1"/>
  <c r="AW99" i="6"/>
  <c r="Y78" i="25" s="1"/>
  <c r="AT99" i="6"/>
  <c r="S78" i="25" s="1"/>
  <c r="AY99" i="6"/>
  <c r="AC78" i="25" s="1"/>
  <c r="AM99" i="6"/>
  <c r="E78" i="25" s="1"/>
  <c r="AU99" i="6"/>
  <c r="U78" i="25" s="1"/>
  <c r="AS99" i="6"/>
  <c r="Q78" i="25" s="1"/>
  <c r="L39" i="22"/>
  <c r="N39" i="22" s="1"/>
  <c r="F39" i="14"/>
  <c r="AH39" i="14" s="1"/>
  <c r="K37" i="14"/>
  <c r="L16" i="25"/>
  <c r="Q37" i="14"/>
  <c r="X16" i="25"/>
  <c r="L37" i="14"/>
  <c r="N16" i="25"/>
  <c r="AY38" i="22"/>
  <c r="AW38" i="22"/>
  <c r="AV38" i="22"/>
  <c r="AR38" i="22"/>
  <c r="AO38" i="22"/>
  <c r="AU38" i="22"/>
  <c r="AN38" i="22"/>
  <c r="AQ38" i="22"/>
  <c r="AP38" i="22"/>
  <c r="AT38" i="22"/>
  <c r="AS38" i="22"/>
  <c r="AX38" i="22"/>
  <c r="N37" i="14"/>
  <c r="R16" i="25"/>
  <c r="J37" i="14"/>
  <c r="J16" i="25"/>
  <c r="O37" i="14"/>
  <c r="T16" i="25"/>
  <c r="I37" i="14"/>
  <c r="H16" i="25"/>
  <c r="R37" i="14"/>
  <c r="Z16" i="25"/>
  <c r="M37" i="14"/>
  <c r="P16" i="25"/>
  <c r="P37" i="14"/>
  <c r="V16" i="25"/>
  <c r="S37" i="14"/>
  <c r="AB16" i="25"/>
  <c r="T37" i="14"/>
  <c r="AD16" i="25"/>
  <c r="D21" i="11"/>
  <c r="B22" i="11"/>
  <c r="AP99" i="7" l="1"/>
  <c r="K78" i="23" s="1"/>
  <c r="AN99" i="7"/>
  <c r="G78" i="23" s="1"/>
  <c r="AO99" i="7"/>
  <c r="I78" i="23" s="1"/>
  <c r="AV99" i="7"/>
  <c r="W78" i="23" s="1"/>
  <c r="AW99" i="7"/>
  <c r="Y78" i="23" s="1"/>
  <c r="AX99" i="7"/>
  <c r="AA78" i="23" s="1"/>
  <c r="AS99" i="7"/>
  <c r="Q78" i="23" s="1"/>
  <c r="AY99" i="7"/>
  <c r="AC78" i="23" s="1"/>
  <c r="AQ99" i="7"/>
  <c r="M78" i="23" s="1"/>
  <c r="AU99" i="7"/>
  <c r="U78" i="23" s="1"/>
  <c r="AM99" i="7"/>
  <c r="E78" i="23" s="1"/>
  <c r="AR99" i="7"/>
  <c r="O78" i="23" s="1"/>
  <c r="AT99" i="7"/>
  <c r="S78" i="23" s="1"/>
  <c r="W100" i="7"/>
  <c r="AN100" i="6"/>
  <c r="G79" i="25" s="1"/>
  <c r="AP100" i="6"/>
  <c r="K79" i="25" s="1"/>
  <c r="AR100" i="6"/>
  <c r="O79" i="25" s="1"/>
  <c r="AV100" i="6"/>
  <c r="W79" i="25" s="1"/>
  <c r="AM100" i="6"/>
  <c r="E79" i="25" s="1"/>
  <c r="AX100" i="6"/>
  <c r="AA79" i="25" s="1"/>
  <c r="AO100" i="6"/>
  <c r="I79" i="25" s="1"/>
  <c r="AQ100" i="6"/>
  <c r="M79" i="25" s="1"/>
  <c r="AU100" i="6"/>
  <c r="U79" i="25" s="1"/>
  <c r="AT100" i="6"/>
  <c r="S79" i="25" s="1"/>
  <c r="AW100" i="6"/>
  <c r="Y79" i="25" s="1"/>
  <c r="AY100" i="6"/>
  <c r="AC79" i="25" s="1"/>
  <c r="AS100" i="6"/>
  <c r="Q79" i="25" s="1"/>
  <c r="L38" i="14"/>
  <c r="N17" i="25"/>
  <c r="I38" i="14"/>
  <c r="H17" i="25"/>
  <c r="P38" i="14"/>
  <c r="V17" i="25"/>
  <c r="S38" i="14"/>
  <c r="AB17" i="25"/>
  <c r="J38" i="14"/>
  <c r="J17" i="25"/>
  <c r="L40" i="22"/>
  <c r="N40" i="22" s="1"/>
  <c r="F40" i="14"/>
  <c r="AH40" i="14" s="1"/>
  <c r="N38" i="14"/>
  <c r="R17" i="25"/>
  <c r="M38" i="14"/>
  <c r="P17" i="25"/>
  <c r="O38" i="14"/>
  <c r="T17" i="25"/>
  <c r="Q38" i="14"/>
  <c r="X17" i="25"/>
  <c r="K38" i="14"/>
  <c r="L17" i="25"/>
  <c r="R38" i="14"/>
  <c r="Z17" i="25"/>
  <c r="T38" i="14"/>
  <c r="AD17" i="25"/>
  <c r="AY39" i="22"/>
  <c r="AU39" i="22"/>
  <c r="AS39" i="22"/>
  <c r="AN39" i="22"/>
  <c r="AO39" i="22"/>
  <c r="AP39" i="22"/>
  <c r="AQ39" i="22"/>
  <c r="AX39" i="22"/>
  <c r="AW39" i="22"/>
  <c r="AT39" i="22"/>
  <c r="AR39" i="22"/>
  <c r="AV39" i="22"/>
  <c r="D22" i="11"/>
  <c r="B23" i="11"/>
  <c r="AU100" i="7" l="1"/>
  <c r="U79" i="23" s="1"/>
  <c r="AM100" i="7"/>
  <c r="E79" i="23" s="1"/>
  <c r="AN100" i="7"/>
  <c r="G79" i="23" s="1"/>
  <c r="AT100" i="7"/>
  <c r="S79" i="23" s="1"/>
  <c r="AV100" i="7"/>
  <c r="W79" i="23" s="1"/>
  <c r="AW100" i="7"/>
  <c r="Y79" i="23" s="1"/>
  <c r="AO100" i="7"/>
  <c r="I79" i="23" s="1"/>
  <c r="AS100" i="7"/>
  <c r="Q79" i="23" s="1"/>
  <c r="AX100" i="7"/>
  <c r="AA79" i="23" s="1"/>
  <c r="AR100" i="7"/>
  <c r="O79" i="23" s="1"/>
  <c r="AP100" i="7"/>
  <c r="K79" i="23" s="1"/>
  <c r="AY100" i="7"/>
  <c r="AC79" i="23" s="1"/>
  <c r="AQ100" i="7"/>
  <c r="M79" i="23" s="1"/>
  <c r="L39" i="14"/>
  <c r="N18" i="25"/>
  <c r="S39" i="14"/>
  <c r="AB18" i="25"/>
  <c r="T39" i="14"/>
  <c r="AD18" i="25"/>
  <c r="L41" i="22"/>
  <c r="N41" i="22" s="1"/>
  <c r="F41" i="14"/>
  <c r="AH41" i="14" s="1"/>
  <c r="K39" i="14"/>
  <c r="L18" i="25"/>
  <c r="J39" i="14"/>
  <c r="J18" i="25"/>
  <c r="Q39" i="14"/>
  <c r="X18" i="25"/>
  <c r="I39" i="14"/>
  <c r="H18" i="25"/>
  <c r="M39" i="14"/>
  <c r="P18" i="25"/>
  <c r="AY40" i="22"/>
  <c r="AT40" i="22"/>
  <c r="AV40" i="22"/>
  <c r="AU40" i="22"/>
  <c r="AP40" i="22"/>
  <c r="AN40" i="22"/>
  <c r="AW40" i="22"/>
  <c r="AX40" i="22"/>
  <c r="AO40" i="22"/>
  <c r="AQ40" i="22"/>
  <c r="AR40" i="22"/>
  <c r="AS40" i="22"/>
  <c r="O39" i="14"/>
  <c r="T18" i="25"/>
  <c r="N39" i="14"/>
  <c r="R18" i="25"/>
  <c r="R39" i="14"/>
  <c r="Z18" i="25"/>
  <c r="P39" i="14"/>
  <c r="V18" i="25"/>
  <c r="B24" i="11"/>
  <c r="D23" i="11"/>
  <c r="S40" i="14" l="1"/>
  <c r="AB19" i="25"/>
  <c r="AY41" i="22"/>
  <c r="AT41" i="22"/>
  <c r="AN41" i="22"/>
  <c r="AW41" i="22"/>
  <c r="AS41" i="22"/>
  <c r="AR41" i="22"/>
  <c r="AU41" i="22"/>
  <c r="AX41" i="22"/>
  <c r="AP41" i="22"/>
  <c r="AQ41" i="22"/>
  <c r="AV41" i="22"/>
  <c r="AO41" i="22"/>
  <c r="J40" i="14"/>
  <c r="J19" i="25"/>
  <c r="T40" i="14"/>
  <c r="AD19" i="25"/>
  <c r="R40" i="14"/>
  <c r="Z19" i="25"/>
  <c r="L42" i="22"/>
  <c r="N42" i="22" s="1"/>
  <c r="F42" i="14"/>
  <c r="AH42" i="14" s="1"/>
  <c r="I40" i="14"/>
  <c r="H19" i="25"/>
  <c r="N40" i="14"/>
  <c r="R19" i="25"/>
  <c r="K40" i="14"/>
  <c r="L19" i="25"/>
  <c r="M40" i="14"/>
  <c r="P19" i="25"/>
  <c r="P40" i="14"/>
  <c r="V19" i="25"/>
  <c r="Q40" i="14"/>
  <c r="X19" i="25"/>
  <c r="L40" i="14"/>
  <c r="N19" i="25"/>
  <c r="O40" i="14"/>
  <c r="T19" i="25"/>
  <c r="B25" i="11"/>
  <c r="D24" i="11"/>
  <c r="J41" i="14" l="1"/>
  <c r="J20" i="25"/>
  <c r="N41" i="14"/>
  <c r="R20" i="25"/>
  <c r="M41" i="14"/>
  <c r="P20" i="25"/>
  <c r="AY42" i="22"/>
  <c r="AS42" i="22"/>
  <c r="AU42" i="22"/>
  <c r="AV42" i="22"/>
  <c r="AW42" i="22"/>
  <c r="AT42" i="22"/>
  <c r="AP42" i="22"/>
  <c r="AX42" i="22"/>
  <c r="AR42" i="22"/>
  <c r="AO42" i="22"/>
  <c r="AQ42" i="22"/>
  <c r="AN42" i="22"/>
  <c r="Q41" i="14"/>
  <c r="X20" i="25"/>
  <c r="R41" i="14"/>
  <c r="Z20" i="25"/>
  <c r="L43" i="22"/>
  <c r="N43" i="22" s="1"/>
  <c r="F43" i="14"/>
  <c r="AH43" i="14" s="1"/>
  <c r="L41" i="14"/>
  <c r="N20" i="25"/>
  <c r="I41" i="14"/>
  <c r="H20" i="25"/>
  <c r="K41" i="14"/>
  <c r="L20" i="25"/>
  <c r="O41" i="14"/>
  <c r="T20" i="25"/>
  <c r="S41" i="14"/>
  <c r="AB20" i="25"/>
  <c r="T41" i="14"/>
  <c r="AD20" i="25"/>
  <c r="P41" i="14"/>
  <c r="V20" i="25"/>
  <c r="D25" i="11"/>
  <c r="B26" i="11"/>
  <c r="J42" i="14" l="1"/>
  <c r="J21" i="25"/>
  <c r="P42" i="14"/>
  <c r="V21" i="25"/>
  <c r="AY43" i="22"/>
  <c r="AS43" i="22"/>
  <c r="AR43" i="22"/>
  <c r="AP43" i="22"/>
  <c r="AX43" i="22"/>
  <c r="AO43" i="22"/>
  <c r="AV43" i="22"/>
  <c r="AN43" i="22"/>
  <c r="AW43" i="22"/>
  <c r="AT43" i="22"/>
  <c r="AQ43" i="22"/>
  <c r="AU43" i="22"/>
  <c r="M42" i="14"/>
  <c r="P21" i="25"/>
  <c r="N42" i="14"/>
  <c r="R21" i="25"/>
  <c r="S42" i="14"/>
  <c r="AB21" i="25"/>
  <c r="T42" i="14"/>
  <c r="AD21" i="25"/>
  <c r="L44" i="22"/>
  <c r="N44" i="22" s="1"/>
  <c r="F44" i="14"/>
  <c r="AH44" i="14" s="1"/>
  <c r="K42" i="14"/>
  <c r="L21" i="25"/>
  <c r="O42" i="14"/>
  <c r="T21" i="25"/>
  <c r="I42" i="14"/>
  <c r="H21" i="25"/>
  <c r="R42" i="14"/>
  <c r="Z21" i="25"/>
  <c r="Q42" i="14"/>
  <c r="X21" i="25"/>
  <c r="L42" i="14"/>
  <c r="N21" i="25"/>
  <c r="D26" i="11"/>
  <c r="B27" i="11"/>
  <c r="P43" i="14" l="1"/>
  <c r="V22" i="25"/>
  <c r="S43" i="14"/>
  <c r="AB22" i="25"/>
  <c r="L43" i="14"/>
  <c r="N22" i="25"/>
  <c r="K43" i="14"/>
  <c r="L22" i="25"/>
  <c r="O43" i="14"/>
  <c r="T22" i="25"/>
  <c r="M43" i="14"/>
  <c r="P22" i="25"/>
  <c r="L45" i="22"/>
  <c r="N45" i="22" s="1"/>
  <c r="F45" i="14"/>
  <c r="AH45" i="14" s="1"/>
  <c r="R43" i="14"/>
  <c r="Z22" i="25"/>
  <c r="N43" i="14"/>
  <c r="R22" i="25"/>
  <c r="T43" i="14"/>
  <c r="AD22" i="25"/>
  <c r="I43" i="14"/>
  <c r="H22" i="25"/>
  <c r="Q43" i="14"/>
  <c r="X22" i="25"/>
  <c r="AY44" i="22"/>
  <c r="AU44" i="22"/>
  <c r="AN44" i="22"/>
  <c r="AP44" i="22"/>
  <c r="AX44" i="22"/>
  <c r="AO44" i="22"/>
  <c r="AS44" i="22"/>
  <c r="AT44" i="22"/>
  <c r="AV44" i="22"/>
  <c r="AQ44" i="22"/>
  <c r="AW44" i="22"/>
  <c r="AR44" i="22"/>
  <c r="J43" i="14"/>
  <c r="J22" i="25"/>
  <c r="B28" i="11"/>
  <c r="D27" i="11"/>
  <c r="Q44" i="14" l="1"/>
  <c r="X23" i="25"/>
  <c r="P44" i="14"/>
  <c r="V23" i="25"/>
  <c r="M44" i="14"/>
  <c r="P23" i="25"/>
  <c r="S44" i="14"/>
  <c r="AB23" i="25"/>
  <c r="L44" i="14"/>
  <c r="N23" i="25"/>
  <c r="I44" i="14"/>
  <c r="H23" i="25"/>
  <c r="T44" i="14"/>
  <c r="AD23" i="25"/>
  <c r="L46" i="22"/>
  <c r="N46" i="22" s="1"/>
  <c r="F46" i="14"/>
  <c r="AH46" i="14" s="1"/>
  <c r="O44" i="14"/>
  <c r="T23" i="25"/>
  <c r="AY45" i="22"/>
  <c r="AS45" i="22"/>
  <c r="AQ45" i="22"/>
  <c r="AT45" i="22"/>
  <c r="AV45" i="22"/>
  <c r="AN45" i="22"/>
  <c r="AP45" i="22"/>
  <c r="AR45" i="22"/>
  <c r="AW45" i="22"/>
  <c r="AU45" i="22"/>
  <c r="AO45" i="22"/>
  <c r="AX45" i="22"/>
  <c r="N44" i="14"/>
  <c r="R23" i="25"/>
  <c r="J44" i="14"/>
  <c r="J23" i="25"/>
  <c r="R44" i="14"/>
  <c r="Z23" i="25"/>
  <c r="K44" i="14"/>
  <c r="L23" i="25"/>
  <c r="B29" i="11"/>
  <c r="D28" i="11"/>
  <c r="K45" i="14" l="1"/>
  <c r="L24" i="25"/>
  <c r="M45" i="14"/>
  <c r="P24" i="25"/>
  <c r="T45" i="14"/>
  <c r="AD24" i="25"/>
  <c r="I45" i="14"/>
  <c r="H24" i="25"/>
  <c r="L47" i="22"/>
  <c r="N47" i="22" s="1"/>
  <c r="F47" i="14"/>
  <c r="AH47" i="14" s="1"/>
  <c r="Q45" i="14"/>
  <c r="X24" i="25"/>
  <c r="S45" i="14"/>
  <c r="AB24" i="25"/>
  <c r="O45" i="14"/>
  <c r="T24" i="25"/>
  <c r="P45" i="14"/>
  <c r="V24" i="25"/>
  <c r="L45" i="14"/>
  <c r="N24" i="25"/>
  <c r="AY46" i="22"/>
  <c r="AV46" i="22"/>
  <c r="AO46" i="22"/>
  <c r="AT46" i="22"/>
  <c r="AS46" i="22"/>
  <c r="AU46" i="22"/>
  <c r="AQ46" i="22"/>
  <c r="AW46" i="22"/>
  <c r="AR46" i="22"/>
  <c r="AN46" i="22"/>
  <c r="AP46" i="22"/>
  <c r="AX46" i="22"/>
  <c r="J45" i="14"/>
  <c r="J24" i="25"/>
  <c r="R45" i="14"/>
  <c r="Z24" i="25"/>
  <c r="N45" i="14"/>
  <c r="R24" i="25"/>
  <c r="D29" i="11"/>
  <c r="B30" i="11"/>
  <c r="T46" i="14" l="1"/>
  <c r="AD25" i="25"/>
  <c r="K46" i="14"/>
  <c r="L25" i="25"/>
  <c r="O46" i="14"/>
  <c r="T25" i="25"/>
  <c r="I46" i="14"/>
  <c r="H25" i="25"/>
  <c r="J46" i="14"/>
  <c r="J25" i="25"/>
  <c r="M46" i="14"/>
  <c r="P25" i="25"/>
  <c r="Q46" i="14"/>
  <c r="X25" i="25"/>
  <c r="R46" i="14"/>
  <c r="Z25" i="25"/>
  <c r="P46" i="14"/>
  <c r="V25" i="25"/>
  <c r="N46" i="14"/>
  <c r="R25" i="25"/>
  <c r="L46" i="14"/>
  <c r="N25" i="25"/>
  <c r="S46" i="14"/>
  <c r="AB25" i="25"/>
  <c r="L48" i="22"/>
  <c r="N48" i="22" s="1"/>
  <c r="F48" i="14"/>
  <c r="AH48" i="14" s="1"/>
  <c r="AY47" i="22"/>
  <c r="T47" i="14" s="1"/>
  <c r="AR47" i="22"/>
  <c r="M47" i="14" s="1"/>
  <c r="AS47" i="22"/>
  <c r="N47" i="14" s="1"/>
  <c r="AX47" i="22"/>
  <c r="S47" i="14" s="1"/>
  <c r="AU47" i="22"/>
  <c r="P47" i="14" s="1"/>
  <c r="Z47" i="22"/>
  <c r="AV47" i="22"/>
  <c r="Q47" i="14" s="1"/>
  <c r="AP47" i="22"/>
  <c r="K47" i="14" s="1"/>
  <c r="AN47" i="22"/>
  <c r="I47" i="14" s="1"/>
  <c r="AQ47" i="22"/>
  <c r="L47" i="14" s="1"/>
  <c r="AW47" i="22"/>
  <c r="R47" i="14" s="1"/>
  <c r="AO47" i="22"/>
  <c r="J47" i="14" s="1"/>
  <c r="AT47" i="22"/>
  <c r="O47" i="14" s="1"/>
  <c r="D30" i="11"/>
  <c r="B31" i="11"/>
  <c r="BK47" i="22" l="1"/>
  <c r="AF47" i="14" s="1"/>
  <c r="BL47" i="22"/>
  <c r="AG47" i="14" s="1"/>
  <c r="BG47" i="22"/>
  <c r="AB47" i="14" s="1"/>
  <c r="BH47" i="22"/>
  <c r="AC47" i="14" s="1"/>
  <c r="BA47" i="22"/>
  <c r="V47" i="14" s="1"/>
  <c r="BB47" i="22"/>
  <c r="W47" i="14" s="1"/>
  <c r="BC47" i="22"/>
  <c r="X47" i="14" s="1"/>
  <c r="BF47" i="22"/>
  <c r="AA47" i="14" s="1"/>
  <c r="BI47" i="22"/>
  <c r="AD47" i="14" s="1"/>
  <c r="BE47" i="22"/>
  <c r="Z47" i="14" s="1"/>
  <c r="BJ47" i="22"/>
  <c r="AE47" i="14" s="1"/>
  <c r="G47" i="14"/>
  <c r="BD47" i="22"/>
  <c r="Y47" i="14" s="1"/>
  <c r="L49" i="22"/>
  <c r="N49" i="22" s="1"/>
  <c r="F49" i="14"/>
  <c r="AH49" i="14" s="1"/>
  <c r="AY48" i="22"/>
  <c r="T48" i="14" s="1"/>
  <c r="AX48" i="22"/>
  <c r="S48" i="14" s="1"/>
  <c r="AW48" i="22"/>
  <c r="R48" i="14" s="1"/>
  <c r="AS48" i="22"/>
  <c r="N48" i="14" s="1"/>
  <c r="AO48" i="22"/>
  <c r="J48" i="14" s="1"/>
  <c r="AQ48" i="22"/>
  <c r="L48" i="14" s="1"/>
  <c r="AN48" i="22"/>
  <c r="I48" i="14" s="1"/>
  <c r="AT48" i="22"/>
  <c r="O48" i="14" s="1"/>
  <c r="Z48" i="22"/>
  <c r="AU48" i="22"/>
  <c r="P48" i="14" s="1"/>
  <c r="AV48" i="22"/>
  <c r="Q48" i="14" s="1"/>
  <c r="AP48" i="22"/>
  <c r="K48" i="14" s="1"/>
  <c r="AR48" i="22"/>
  <c r="M48" i="14" s="1"/>
  <c r="B32" i="11"/>
  <c r="D31" i="11"/>
  <c r="AY49" i="22" l="1"/>
  <c r="T49" i="14" s="1"/>
  <c r="AX49" i="22"/>
  <c r="S49" i="14" s="1"/>
  <c r="AS49" i="22"/>
  <c r="N49" i="14" s="1"/>
  <c r="AN49" i="22"/>
  <c r="I49" i="14" s="1"/>
  <c r="AT49" i="22"/>
  <c r="O49" i="14" s="1"/>
  <c r="AR49" i="22"/>
  <c r="M49" i="14" s="1"/>
  <c r="AV49" i="22"/>
  <c r="Q49" i="14" s="1"/>
  <c r="AO49" i="22"/>
  <c r="J49" i="14" s="1"/>
  <c r="AW49" i="22"/>
  <c r="R49" i="14" s="1"/>
  <c r="AQ49" i="22"/>
  <c r="L49" i="14" s="1"/>
  <c r="AU49" i="22"/>
  <c r="P49" i="14" s="1"/>
  <c r="Z49" i="22"/>
  <c r="AP49" i="22"/>
  <c r="K49" i="14" s="1"/>
  <c r="L50" i="22"/>
  <c r="N50" i="22" s="1"/>
  <c r="F50" i="14"/>
  <c r="AH50" i="14" s="1"/>
  <c r="BK48" i="22"/>
  <c r="AF48" i="14" s="1"/>
  <c r="BL48" i="22"/>
  <c r="AG48" i="14" s="1"/>
  <c r="BA48" i="22"/>
  <c r="V48" i="14" s="1"/>
  <c r="BC48" i="22"/>
  <c r="X48" i="14" s="1"/>
  <c r="BJ48" i="22"/>
  <c r="AE48" i="14" s="1"/>
  <c r="BF48" i="22"/>
  <c r="AA48" i="14" s="1"/>
  <c r="G48" i="14"/>
  <c r="BE48" i="22"/>
  <c r="Z48" i="14" s="1"/>
  <c r="BB48" i="22"/>
  <c r="W48" i="14" s="1"/>
  <c r="BG48" i="22"/>
  <c r="AB48" i="14" s="1"/>
  <c r="BH48" i="22"/>
  <c r="AC48" i="14" s="1"/>
  <c r="BI48" i="22"/>
  <c r="AD48" i="14" s="1"/>
  <c r="BD48" i="22"/>
  <c r="Y48" i="14" s="1"/>
  <c r="B33" i="11"/>
  <c r="D32" i="11"/>
  <c r="L51" i="22" l="1"/>
  <c r="N51" i="22" s="1"/>
  <c r="F51" i="14"/>
  <c r="AH51" i="14" s="1"/>
  <c r="BG49" i="22"/>
  <c r="AB49" i="14" s="1"/>
  <c r="BC49" i="22"/>
  <c r="X49" i="14" s="1"/>
  <c r="BJ49" i="22"/>
  <c r="AE49" i="14" s="1"/>
  <c r="G49" i="14"/>
  <c r="BE49" i="22"/>
  <c r="Z49" i="14" s="1"/>
  <c r="BL49" i="22"/>
  <c r="AG49" i="14" s="1"/>
  <c r="BA49" i="22"/>
  <c r="V49" i="14" s="1"/>
  <c r="BB49" i="22"/>
  <c r="W49" i="14" s="1"/>
  <c r="BD49" i="22"/>
  <c r="Y49" i="14" s="1"/>
  <c r="BH49" i="22"/>
  <c r="AC49" i="14" s="1"/>
  <c r="BK49" i="22"/>
  <c r="AF49" i="14" s="1"/>
  <c r="BF49" i="22"/>
  <c r="AA49" i="14" s="1"/>
  <c r="BI49" i="22"/>
  <c r="AD49" i="14" s="1"/>
  <c r="AY50" i="22"/>
  <c r="T50" i="14" s="1"/>
  <c r="AT50" i="22"/>
  <c r="O50" i="14" s="1"/>
  <c r="AW50" i="22"/>
  <c r="R50" i="14" s="1"/>
  <c r="AU50" i="22"/>
  <c r="P50" i="14" s="1"/>
  <c r="AV50" i="22"/>
  <c r="Q50" i="14" s="1"/>
  <c r="Z50" i="22"/>
  <c r="AS50" i="22"/>
  <c r="N50" i="14" s="1"/>
  <c r="AR50" i="22"/>
  <c r="M50" i="14" s="1"/>
  <c r="AN50" i="22"/>
  <c r="I50" i="14" s="1"/>
  <c r="AQ50" i="22"/>
  <c r="L50" i="14" s="1"/>
  <c r="AX50" i="22"/>
  <c r="S50" i="14" s="1"/>
  <c r="AO50" i="22"/>
  <c r="J50" i="14" s="1"/>
  <c r="AP50" i="22"/>
  <c r="K50" i="14" s="1"/>
  <c r="D33" i="11"/>
  <c r="B34" i="11"/>
  <c r="L52" i="22" l="1"/>
  <c r="N52" i="22" s="1"/>
  <c r="F52" i="14"/>
  <c r="AH52" i="14" s="1"/>
  <c r="BH50" i="22"/>
  <c r="AC50" i="14" s="1"/>
  <c r="BF50" i="22"/>
  <c r="AA50" i="14" s="1"/>
  <c r="BL50" i="22"/>
  <c r="AG50" i="14" s="1"/>
  <c r="BD50" i="22"/>
  <c r="Y50" i="14" s="1"/>
  <c r="BJ50" i="22"/>
  <c r="AE50" i="14" s="1"/>
  <c r="BB50" i="22"/>
  <c r="W50" i="14" s="1"/>
  <c r="BE50" i="22"/>
  <c r="Z50" i="14" s="1"/>
  <c r="BA50" i="22"/>
  <c r="V50" i="14" s="1"/>
  <c r="BK50" i="22"/>
  <c r="AF50" i="14" s="1"/>
  <c r="BC50" i="22"/>
  <c r="X50" i="14" s="1"/>
  <c r="G50" i="14"/>
  <c r="BI50" i="22"/>
  <c r="AD50" i="14" s="1"/>
  <c r="BG50" i="22"/>
  <c r="AB50" i="14" s="1"/>
  <c r="AY51" i="22"/>
  <c r="T51" i="14" s="1"/>
  <c r="AS51" i="22"/>
  <c r="N51" i="14" s="1"/>
  <c r="AV51" i="22"/>
  <c r="Q51" i="14" s="1"/>
  <c r="AO51" i="22"/>
  <c r="J51" i="14" s="1"/>
  <c r="AQ51" i="22"/>
  <c r="L51" i="14" s="1"/>
  <c r="AP51" i="22"/>
  <c r="K51" i="14" s="1"/>
  <c r="AX51" i="22"/>
  <c r="S51" i="14" s="1"/>
  <c r="AW51" i="22"/>
  <c r="R51" i="14" s="1"/>
  <c r="AR51" i="22"/>
  <c r="M51" i="14" s="1"/>
  <c r="Z51" i="22"/>
  <c r="AU51" i="22"/>
  <c r="P51" i="14" s="1"/>
  <c r="AT51" i="22"/>
  <c r="O51" i="14" s="1"/>
  <c r="AN51" i="22"/>
  <c r="I51" i="14" s="1"/>
  <c r="D34" i="11"/>
  <c r="B35" i="11"/>
  <c r="BC51" i="22" l="1"/>
  <c r="X51" i="14" s="1"/>
  <c r="BG51" i="22"/>
  <c r="AB51" i="14" s="1"/>
  <c r="BD51" i="22"/>
  <c r="Y51" i="14" s="1"/>
  <c r="BL51" i="22"/>
  <c r="AG51" i="14" s="1"/>
  <c r="BE51" i="22"/>
  <c r="Z51" i="14" s="1"/>
  <c r="BB51" i="22"/>
  <c r="W51" i="14" s="1"/>
  <c r="BA51" i="22"/>
  <c r="V51" i="14" s="1"/>
  <c r="G51" i="14"/>
  <c r="BK51" i="22"/>
  <c r="AF51" i="14" s="1"/>
  <c r="BF51" i="22"/>
  <c r="AA51" i="14" s="1"/>
  <c r="BI51" i="22"/>
  <c r="AD51" i="14" s="1"/>
  <c r="BJ51" i="22"/>
  <c r="AE51" i="14" s="1"/>
  <c r="BH51" i="22"/>
  <c r="AC51" i="14" s="1"/>
  <c r="L53" i="22"/>
  <c r="N53" i="22" s="1"/>
  <c r="F53" i="14"/>
  <c r="AH53" i="14" s="1"/>
  <c r="AY52" i="22"/>
  <c r="T52" i="14" s="1"/>
  <c r="AT52" i="22"/>
  <c r="O52" i="14" s="1"/>
  <c r="AO52" i="22"/>
  <c r="J52" i="14" s="1"/>
  <c r="AS52" i="22"/>
  <c r="N52" i="14" s="1"/>
  <c r="AX52" i="22"/>
  <c r="S52" i="14" s="1"/>
  <c r="AV52" i="22"/>
  <c r="Q52" i="14" s="1"/>
  <c r="AR52" i="22"/>
  <c r="M52" i="14" s="1"/>
  <c r="AP52" i="22"/>
  <c r="K52" i="14" s="1"/>
  <c r="AN52" i="22"/>
  <c r="I52" i="14" s="1"/>
  <c r="AU52" i="22"/>
  <c r="P52" i="14" s="1"/>
  <c r="AW52" i="22"/>
  <c r="R52" i="14" s="1"/>
  <c r="AQ52" i="22"/>
  <c r="L52" i="14" s="1"/>
  <c r="Z52" i="22"/>
  <c r="B36" i="11"/>
  <c r="D35" i="11"/>
  <c r="AY53" i="22" l="1"/>
  <c r="T53" i="14" s="1"/>
  <c r="AQ53" i="22"/>
  <c r="L53" i="14" s="1"/>
  <c r="AT53" i="22"/>
  <c r="O53" i="14" s="1"/>
  <c r="Z53" i="22"/>
  <c r="AO53" i="22"/>
  <c r="J53" i="14" s="1"/>
  <c r="AP53" i="22"/>
  <c r="K53" i="14" s="1"/>
  <c r="AU53" i="22"/>
  <c r="P53" i="14" s="1"/>
  <c r="AN53" i="22"/>
  <c r="I53" i="14" s="1"/>
  <c r="AV53" i="22"/>
  <c r="Q53" i="14" s="1"/>
  <c r="AR53" i="22"/>
  <c r="M53" i="14" s="1"/>
  <c r="AS53" i="22"/>
  <c r="N53" i="14" s="1"/>
  <c r="AX53" i="22"/>
  <c r="S53" i="14" s="1"/>
  <c r="AW53" i="22"/>
  <c r="R53" i="14" s="1"/>
  <c r="L54" i="22"/>
  <c r="N54" i="22" s="1"/>
  <c r="F54" i="14"/>
  <c r="AH54" i="14" s="1"/>
  <c r="BL52" i="22"/>
  <c r="AG52" i="14" s="1"/>
  <c r="BE52" i="22"/>
  <c r="Z52" i="14" s="1"/>
  <c r="BC52" i="22"/>
  <c r="X52" i="14" s="1"/>
  <c r="BF52" i="22"/>
  <c r="AA52" i="14" s="1"/>
  <c r="BD52" i="22"/>
  <c r="Y52" i="14" s="1"/>
  <c r="BI52" i="22"/>
  <c r="AD52" i="14" s="1"/>
  <c r="BA52" i="22"/>
  <c r="V52" i="14" s="1"/>
  <c r="G52" i="14"/>
  <c r="BG52" i="22"/>
  <c r="AB52" i="14" s="1"/>
  <c r="BK52" i="22"/>
  <c r="AF52" i="14" s="1"/>
  <c r="BH52" i="22"/>
  <c r="AC52" i="14" s="1"/>
  <c r="BJ52" i="22"/>
  <c r="AE52" i="14" s="1"/>
  <c r="BB52" i="22"/>
  <c r="W52" i="14" s="1"/>
  <c r="B37" i="11"/>
  <c r="D36" i="11"/>
  <c r="AY54" i="22" l="1"/>
  <c r="T54" i="14" s="1"/>
  <c r="AS54" i="22"/>
  <c r="N54" i="14" s="1"/>
  <c r="AX54" i="22"/>
  <c r="S54" i="14" s="1"/>
  <c r="AQ54" i="22"/>
  <c r="L54" i="14" s="1"/>
  <c r="AO54" i="22"/>
  <c r="J54" i="14" s="1"/>
  <c r="AP54" i="22"/>
  <c r="K54" i="14" s="1"/>
  <c r="Z54" i="22"/>
  <c r="AW54" i="22"/>
  <c r="R54" i="14" s="1"/>
  <c r="AR54" i="22"/>
  <c r="M54" i="14" s="1"/>
  <c r="AN54" i="22"/>
  <c r="I54" i="14" s="1"/>
  <c r="AV54" i="22"/>
  <c r="Q54" i="14" s="1"/>
  <c r="AT54" i="22"/>
  <c r="O54" i="14" s="1"/>
  <c r="AU54" i="22"/>
  <c r="P54" i="14" s="1"/>
  <c r="BG53" i="22"/>
  <c r="AB53" i="14" s="1"/>
  <c r="BK53" i="22"/>
  <c r="AF53" i="14" s="1"/>
  <c r="BI53" i="22"/>
  <c r="AD53" i="14" s="1"/>
  <c r="BL53" i="22"/>
  <c r="AG53" i="14" s="1"/>
  <c r="BF53" i="22"/>
  <c r="AA53" i="14" s="1"/>
  <c r="BB53" i="22"/>
  <c r="W53" i="14" s="1"/>
  <c r="BC53" i="22"/>
  <c r="X53" i="14" s="1"/>
  <c r="BA53" i="22"/>
  <c r="V53" i="14" s="1"/>
  <c r="BH53" i="22"/>
  <c r="AC53" i="14" s="1"/>
  <c r="G53" i="14"/>
  <c r="BJ53" i="22"/>
  <c r="AE53" i="14" s="1"/>
  <c r="BD53" i="22"/>
  <c r="Y53" i="14" s="1"/>
  <c r="BE53" i="22"/>
  <c r="Z53" i="14" s="1"/>
  <c r="L55" i="22"/>
  <c r="N55" i="22" s="1"/>
  <c r="F55" i="14"/>
  <c r="AH55" i="14" s="1"/>
  <c r="D37" i="11"/>
  <c r="B38" i="11"/>
  <c r="BD54" i="22" l="1"/>
  <c r="Y54" i="14" s="1"/>
  <c r="BJ54" i="22"/>
  <c r="AE54" i="14" s="1"/>
  <c r="BA54" i="22"/>
  <c r="V54" i="14" s="1"/>
  <c r="BC54" i="22"/>
  <c r="X54" i="14" s="1"/>
  <c r="BK54" i="22"/>
  <c r="AF54" i="14" s="1"/>
  <c r="BH54" i="22"/>
  <c r="AC54" i="14" s="1"/>
  <c r="BL54" i="22"/>
  <c r="AG54" i="14" s="1"/>
  <c r="BI54" i="22"/>
  <c r="AD54" i="14" s="1"/>
  <c r="BG54" i="22"/>
  <c r="AB54" i="14" s="1"/>
  <c r="G54" i="14"/>
  <c r="BE54" i="22"/>
  <c r="Z54" i="14" s="1"/>
  <c r="BB54" i="22"/>
  <c r="W54" i="14" s="1"/>
  <c r="BF54" i="22"/>
  <c r="AA54" i="14" s="1"/>
  <c r="L56" i="22"/>
  <c r="N56" i="22" s="1"/>
  <c r="F56" i="14"/>
  <c r="AH56" i="14" s="1"/>
  <c r="AY55" i="22"/>
  <c r="AU55" i="22"/>
  <c r="AV55" i="22"/>
  <c r="AQ55" i="22"/>
  <c r="AS55" i="22"/>
  <c r="AR55" i="22"/>
  <c r="AT55" i="22"/>
  <c r="AW55" i="22"/>
  <c r="AX55" i="22"/>
  <c r="AP55" i="22"/>
  <c r="AN55" i="22"/>
  <c r="AO55" i="22"/>
  <c r="D38" i="11"/>
  <c r="B39" i="11"/>
  <c r="I55" i="14" l="1"/>
  <c r="H34" i="25"/>
  <c r="K55" i="14"/>
  <c r="L34" i="25"/>
  <c r="S55" i="14"/>
  <c r="AB34" i="25"/>
  <c r="Q55" i="14"/>
  <c r="X34" i="25"/>
  <c r="T55" i="14"/>
  <c r="AD34" i="25"/>
  <c r="AY56" i="22"/>
  <c r="AW56" i="22"/>
  <c r="AP56" i="22"/>
  <c r="AS56" i="22"/>
  <c r="AV56" i="22"/>
  <c r="AU56" i="22"/>
  <c r="AQ56" i="22"/>
  <c r="AR56" i="22"/>
  <c r="AO56" i="22"/>
  <c r="AT56" i="22"/>
  <c r="AN56" i="22"/>
  <c r="AX56" i="22"/>
  <c r="J55" i="14"/>
  <c r="J34" i="25"/>
  <c r="L55" i="14"/>
  <c r="N34" i="25"/>
  <c r="R55" i="14"/>
  <c r="Z34" i="25"/>
  <c r="O55" i="14"/>
  <c r="T34" i="25"/>
  <c r="L57" i="22"/>
  <c r="N57" i="22" s="1"/>
  <c r="F57" i="14"/>
  <c r="AH57" i="14" s="1"/>
  <c r="M55" i="14"/>
  <c r="P34" i="25"/>
  <c r="N55" i="14"/>
  <c r="R34" i="25"/>
  <c r="P55" i="14"/>
  <c r="V34" i="25"/>
  <c r="B40" i="11"/>
  <c r="D39" i="11"/>
  <c r="M56" i="14" l="1"/>
  <c r="P35" i="25"/>
  <c r="P56" i="14"/>
  <c r="V35" i="25"/>
  <c r="L58" i="22"/>
  <c r="N58" i="22" s="1"/>
  <c r="F58" i="14"/>
  <c r="AH58" i="14" s="1"/>
  <c r="AY57" i="22"/>
  <c r="AS57" i="22"/>
  <c r="AX57" i="22"/>
  <c r="AV57" i="22"/>
  <c r="AO57" i="22"/>
  <c r="AN57" i="22"/>
  <c r="AU57" i="22"/>
  <c r="AT57" i="22"/>
  <c r="AR57" i="22"/>
  <c r="AQ57" i="22"/>
  <c r="AP57" i="22"/>
  <c r="AW57" i="22"/>
  <c r="Q56" i="14"/>
  <c r="X35" i="25"/>
  <c r="S56" i="14"/>
  <c r="AB35" i="25"/>
  <c r="N56" i="14"/>
  <c r="R35" i="25"/>
  <c r="I56" i="14"/>
  <c r="H35" i="25"/>
  <c r="K56" i="14"/>
  <c r="L35" i="25"/>
  <c r="O56" i="14"/>
  <c r="T35" i="25"/>
  <c r="R56" i="14"/>
  <c r="Z35" i="25"/>
  <c r="J56" i="14"/>
  <c r="J35" i="25"/>
  <c r="T56" i="14"/>
  <c r="AD35" i="25"/>
  <c r="L56" i="14"/>
  <c r="N35" i="25"/>
  <c r="B41" i="11"/>
  <c r="D40" i="11"/>
  <c r="T57" i="14" l="1"/>
  <c r="AD36" i="25"/>
  <c r="L57" i="14"/>
  <c r="N36" i="25"/>
  <c r="N57" i="14"/>
  <c r="R36" i="25"/>
  <c r="M57" i="14"/>
  <c r="P36" i="25"/>
  <c r="O57" i="14"/>
  <c r="T36" i="25"/>
  <c r="P57" i="14"/>
  <c r="V36" i="25"/>
  <c r="I57" i="14"/>
  <c r="H36" i="25"/>
  <c r="J57" i="14"/>
  <c r="J36" i="25"/>
  <c r="R57" i="14"/>
  <c r="Z36" i="25"/>
  <c r="Q57" i="14"/>
  <c r="X36" i="25"/>
  <c r="K57" i="14"/>
  <c r="L36" i="25"/>
  <c r="S57" i="14"/>
  <c r="AB36" i="25"/>
  <c r="AY58" i="22"/>
  <c r="AT58" i="22"/>
  <c r="AX58" i="22"/>
  <c r="AN58" i="22"/>
  <c r="AP58" i="22"/>
  <c r="AV58" i="22"/>
  <c r="AU58" i="22"/>
  <c r="AS58" i="22"/>
  <c r="AR58" i="22"/>
  <c r="AW58" i="22"/>
  <c r="AO58" i="22"/>
  <c r="AQ58" i="22"/>
  <c r="L59" i="22"/>
  <c r="N59" i="22" s="1"/>
  <c r="F59" i="14"/>
  <c r="AH59" i="14" s="1"/>
  <c r="B42" i="11"/>
  <c r="D41" i="11"/>
  <c r="N58" i="14" l="1"/>
  <c r="R37" i="25"/>
  <c r="P58" i="14"/>
  <c r="V37" i="25"/>
  <c r="AY59" i="22"/>
  <c r="T59" i="14" s="1"/>
  <c r="AO59" i="22"/>
  <c r="J59" i="14" s="1"/>
  <c r="AX59" i="22"/>
  <c r="S59" i="14" s="1"/>
  <c r="AR59" i="22"/>
  <c r="M59" i="14" s="1"/>
  <c r="AU59" i="22"/>
  <c r="P59" i="14" s="1"/>
  <c r="AP59" i="22"/>
  <c r="K59" i="14" s="1"/>
  <c r="AQ59" i="22"/>
  <c r="L59" i="14" s="1"/>
  <c r="Z59" i="22"/>
  <c r="AV59" i="22"/>
  <c r="Q59" i="14" s="1"/>
  <c r="AN59" i="22"/>
  <c r="I59" i="14" s="1"/>
  <c r="AW59" i="22"/>
  <c r="R59" i="14" s="1"/>
  <c r="AS59" i="22"/>
  <c r="N59" i="14" s="1"/>
  <c r="AT59" i="22"/>
  <c r="O59" i="14" s="1"/>
  <c r="K58" i="14"/>
  <c r="L37" i="25"/>
  <c r="L58" i="14"/>
  <c r="N37" i="25"/>
  <c r="I58" i="14"/>
  <c r="H37" i="25"/>
  <c r="L60" i="22"/>
  <c r="N60" i="22" s="1"/>
  <c r="F60" i="14"/>
  <c r="AH60" i="14" s="1"/>
  <c r="S58" i="14"/>
  <c r="AB37" i="25"/>
  <c r="Q58" i="14"/>
  <c r="X37" i="25"/>
  <c r="J58" i="14"/>
  <c r="J37" i="25"/>
  <c r="R58" i="14"/>
  <c r="Z37" i="25"/>
  <c r="O58" i="14"/>
  <c r="T37" i="25"/>
  <c r="M58" i="14"/>
  <c r="P37" i="25"/>
  <c r="T58" i="14"/>
  <c r="AD37" i="25"/>
  <c r="D42" i="11"/>
  <c r="B43" i="11"/>
  <c r="AY60" i="22" l="1"/>
  <c r="AT60" i="22"/>
  <c r="AS60" i="22"/>
  <c r="AV60" i="22"/>
  <c r="AW60" i="22"/>
  <c r="AP60" i="22"/>
  <c r="AN60" i="22"/>
  <c r="AU60" i="22"/>
  <c r="AQ60" i="22"/>
  <c r="AR60" i="22"/>
  <c r="AX60" i="22"/>
  <c r="AO60" i="22"/>
  <c r="BG59" i="22"/>
  <c r="AB59" i="14" s="1"/>
  <c r="G59" i="14"/>
  <c r="BD59" i="22"/>
  <c r="Y59" i="14" s="1"/>
  <c r="BA59" i="22"/>
  <c r="V59" i="14" s="1"/>
  <c r="BJ59" i="22"/>
  <c r="AE59" i="14" s="1"/>
  <c r="BB59" i="22"/>
  <c r="W59" i="14" s="1"/>
  <c r="BE59" i="22"/>
  <c r="Z59" i="14" s="1"/>
  <c r="BC59" i="22"/>
  <c r="X59" i="14" s="1"/>
  <c r="BL59" i="22"/>
  <c r="AG59" i="14" s="1"/>
  <c r="BF59" i="22"/>
  <c r="AA59" i="14" s="1"/>
  <c r="BH59" i="22"/>
  <c r="AC59" i="14" s="1"/>
  <c r="BI59" i="22"/>
  <c r="AD59" i="14" s="1"/>
  <c r="BK59" i="22"/>
  <c r="AF59" i="14" s="1"/>
  <c r="L61" i="22"/>
  <c r="N61" i="22" s="1"/>
  <c r="F61" i="14"/>
  <c r="AH61" i="14" s="1"/>
  <c r="B44" i="11"/>
  <c r="D43" i="11"/>
  <c r="I60" i="14" l="1"/>
  <c r="H39" i="25"/>
  <c r="R60" i="14"/>
  <c r="Z39" i="25"/>
  <c r="L62" i="22"/>
  <c r="N62" i="22" s="1"/>
  <c r="F62" i="14"/>
  <c r="AH62" i="14" s="1"/>
  <c r="J60" i="14"/>
  <c r="J39" i="25"/>
  <c r="K60" i="14"/>
  <c r="L39" i="25"/>
  <c r="S60" i="14"/>
  <c r="AB39" i="25"/>
  <c r="Q60" i="14"/>
  <c r="X39" i="25"/>
  <c r="AY61" i="22"/>
  <c r="AW61" i="22"/>
  <c r="AU61" i="22"/>
  <c r="AQ61" i="22"/>
  <c r="AT61" i="22"/>
  <c r="AS61" i="22"/>
  <c r="AV61" i="22"/>
  <c r="AX61" i="22"/>
  <c r="AR61" i="22"/>
  <c r="AO61" i="22"/>
  <c r="AN61" i="22"/>
  <c r="AP61" i="22"/>
  <c r="M60" i="14"/>
  <c r="P39" i="25"/>
  <c r="N60" i="14"/>
  <c r="R39" i="25"/>
  <c r="L60" i="14"/>
  <c r="N39" i="25"/>
  <c r="O60" i="14"/>
  <c r="T39" i="25"/>
  <c r="P60" i="14"/>
  <c r="V39" i="25"/>
  <c r="T60" i="14"/>
  <c r="AD39" i="25"/>
  <c r="B45" i="11"/>
  <c r="D44" i="11"/>
  <c r="K61" i="14" l="1"/>
  <c r="L40" i="25"/>
  <c r="O61" i="14"/>
  <c r="T40" i="25"/>
  <c r="I61" i="14"/>
  <c r="H40" i="25"/>
  <c r="L61" i="14"/>
  <c r="N40" i="25"/>
  <c r="P61" i="14"/>
  <c r="V40" i="25"/>
  <c r="Q61" i="14"/>
  <c r="X40" i="25"/>
  <c r="J61" i="14"/>
  <c r="J40" i="25"/>
  <c r="L63" i="22"/>
  <c r="N63" i="22" s="1"/>
  <c r="F63" i="14"/>
  <c r="AH63" i="14" s="1"/>
  <c r="M61" i="14"/>
  <c r="P40" i="25"/>
  <c r="R61" i="14"/>
  <c r="Z40" i="25"/>
  <c r="AY62" i="22"/>
  <c r="AS62" i="22"/>
  <c r="AV62" i="22"/>
  <c r="AO62" i="22"/>
  <c r="AP62" i="22"/>
  <c r="AT62" i="22"/>
  <c r="AR62" i="22"/>
  <c r="AQ62" i="22"/>
  <c r="AU62" i="22"/>
  <c r="AW62" i="22"/>
  <c r="AX62" i="22"/>
  <c r="AN62" i="22"/>
  <c r="S61" i="14"/>
  <c r="AB40" i="25"/>
  <c r="T61" i="14"/>
  <c r="AD40" i="25"/>
  <c r="N61" i="14"/>
  <c r="R40" i="25"/>
  <c r="D45" i="11"/>
  <c r="B46" i="11"/>
  <c r="T62" i="14" l="1"/>
  <c r="AD41" i="25"/>
  <c r="I62" i="14"/>
  <c r="H41" i="25"/>
  <c r="J62" i="14"/>
  <c r="J41" i="25"/>
  <c r="S62" i="14"/>
  <c r="AB41" i="25"/>
  <c r="Q62" i="14"/>
  <c r="X41" i="25"/>
  <c r="P62" i="14"/>
  <c r="V41" i="25"/>
  <c r="L62" i="14"/>
  <c r="N41" i="25"/>
  <c r="M62" i="14"/>
  <c r="P41" i="25"/>
  <c r="O62" i="14"/>
  <c r="T41" i="25"/>
  <c r="R62" i="14"/>
  <c r="Z41" i="25"/>
  <c r="N62" i="14"/>
  <c r="R41" i="25"/>
  <c r="K62" i="14"/>
  <c r="L41" i="25"/>
  <c r="L64" i="22"/>
  <c r="N64" i="22" s="1"/>
  <c r="F64" i="14"/>
  <c r="AH64" i="14" s="1"/>
  <c r="AY63" i="22"/>
  <c r="T63" i="14" s="1"/>
  <c r="AW63" i="22"/>
  <c r="R63" i="14" s="1"/>
  <c r="AN63" i="22"/>
  <c r="I63" i="14" s="1"/>
  <c r="AO63" i="22"/>
  <c r="J63" i="14" s="1"/>
  <c r="AT63" i="22"/>
  <c r="O63" i="14" s="1"/>
  <c r="AR63" i="22"/>
  <c r="M63" i="14" s="1"/>
  <c r="AX63" i="22"/>
  <c r="S63" i="14" s="1"/>
  <c r="Z63" i="22"/>
  <c r="AV63" i="22"/>
  <c r="Q63" i="14" s="1"/>
  <c r="AS63" i="22"/>
  <c r="N63" i="14" s="1"/>
  <c r="AP63" i="22"/>
  <c r="K63" i="14" s="1"/>
  <c r="AQ63" i="22"/>
  <c r="L63" i="14" s="1"/>
  <c r="AU63" i="22"/>
  <c r="P63" i="14" s="1"/>
  <c r="D46" i="11"/>
  <c r="B47" i="11"/>
  <c r="L65" i="22" l="1"/>
  <c r="N65" i="22" s="1"/>
  <c r="F65" i="14"/>
  <c r="AH65" i="14" s="1"/>
  <c r="G63" i="14"/>
  <c r="BJ63" i="22"/>
  <c r="AE63" i="14" s="1"/>
  <c r="BK63" i="22"/>
  <c r="AF63" i="14" s="1"/>
  <c r="BF63" i="22"/>
  <c r="AA63" i="14" s="1"/>
  <c r="BE63" i="22"/>
  <c r="Z63" i="14" s="1"/>
  <c r="BI63" i="22"/>
  <c r="AD63" i="14" s="1"/>
  <c r="BH63" i="22"/>
  <c r="AC63" i="14" s="1"/>
  <c r="BG63" i="22"/>
  <c r="AB63" i="14" s="1"/>
  <c r="BL63" i="22"/>
  <c r="AG63" i="14" s="1"/>
  <c r="BA63" i="22"/>
  <c r="V63" i="14" s="1"/>
  <c r="BC63" i="22"/>
  <c r="X63" i="14" s="1"/>
  <c r="BB63" i="22"/>
  <c r="W63" i="14" s="1"/>
  <c r="BD63" i="22"/>
  <c r="Y63" i="14" s="1"/>
  <c r="AY64" i="22"/>
  <c r="AS64" i="22"/>
  <c r="AP64" i="22"/>
  <c r="AV64" i="22"/>
  <c r="AO64" i="22"/>
  <c r="AQ64" i="22"/>
  <c r="AX64" i="22"/>
  <c r="AU64" i="22"/>
  <c r="AT64" i="22"/>
  <c r="AN64" i="22"/>
  <c r="AR64" i="22"/>
  <c r="AW64" i="22"/>
  <c r="D47" i="11"/>
  <c r="B48" i="11"/>
  <c r="AY65" i="22" l="1"/>
  <c r="AU65" i="22"/>
  <c r="AQ65" i="22"/>
  <c r="AR65" i="22"/>
  <c r="AW65" i="22"/>
  <c r="AP65" i="22"/>
  <c r="AN65" i="22"/>
  <c r="AX65" i="22"/>
  <c r="AV65" i="22"/>
  <c r="AO65" i="22"/>
  <c r="AT65" i="22"/>
  <c r="AS65" i="22"/>
  <c r="O64" i="14"/>
  <c r="T43" i="25"/>
  <c r="T64" i="14"/>
  <c r="AD43" i="25"/>
  <c r="K64" i="14"/>
  <c r="L43" i="25"/>
  <c r="N64" i="14"/>
  <c r="R43" i="25"/>
  <c r="S64" i="14"/>
  <c r="AB43" i="25"/>
  <c r="I64" i="14"/>
  <c r="H43" i="25"/>
  <c r="P64" i="14"/>
  <c r="V43" i="25"/>
  <c r="J64" i="14"/>
  <c r="J43" i="25"/>
  <c r="M64" i="14"/>
  <c r="P43" i="25"/>
  <c r="L66" i="22"/>
  <c r="N66" i="22" s="1"/>
  <c r="F66" i="14"/>
  <c r="AH66" i="14" s="1"/>
  <c r="L64" i="14"/>
  <c r="N43" i="25"/>
  <c r="R64" i="14"/>
  <c r="Z43" i="25"/>
  <c r="Q64" i="14"/>
  <c r="X43" i="25"/>
  <c r="B49" i="11"/>
  <c r="D48" i="11"/>
  <c r="AY66" i="22" l="1"/>
  <c r="AP66" i="22"/>
  <c r="AU66" i="22"/>
  <c r="AQ66" i="22"/>
  <c r="AS66" i="22"/>
  <c r="AV66" i="22"/>
  <c r="AX66" i="22"/>
  <c r="AR66" i="22"/>
  <c r="AT66" i="22"/>
  <c r="AN66" i="22"/>
  <c r="AO66" i="22"/>
  <c r="AW66" i="22"/>
  <c r="S65" i="14"/>
  <c r="AB44" i="25"/>
  <c r="I65" i="14"/>
  <c r="H44" i="25"/>
  <c r="K65" i="14"/>
  <c r="L44" i="25"/>
  <c r="N65" i="14"/>
  <c r="R44" i="25"/>
  <c r="R65" i="14"/>
  <c r="Z44" i="25"/>
  <c r="L67" i="22"/>
  <c r="N67" i="22" s="1"/>
  <c r="F67" i="14"/>
  <c r="AH67" i="14" s="1"/>
  <c r="O65" i="14"/>
  <c r="T44" i="25"/>
  <c r="M65" i="14"/>
  <c r="P44" i="25"/>
  <c r="J65" i="14"/>
  <c r="J44" i="25"/>
  <c r="L65" i="14"/>
  <c r="N44" i="25"/>
  <c r="Q65" i="14"/>
  <c r="X44" i="25"/>
  <c r="P65" i="14"/>
  <c r="V44" i="25"/>
  <c r="T65" i="14"/>
  <c r="AD44" i="25"/>
  <c r="D49" i="11"/>
  <c r="B50" i="11"/>
  <c r="AY67" i="22" l="1"/>
  <c r="AR67" i="22"/>
  <c r="AS67" i="22"/>
  <c r="AN67" i="22"/>
  <c r="AP67" i="22"/>
  <c r="AQ67" i="22"/>
  <c r="AO67" i="22"/>
  <c r="AT67" i="22"/>
  <c r="AW67" i="22"/>
  <c r="AU67" i="22"/>
  <c r="AV67" i="22"/>
  <c r="AX67" i="22"/>
  <c r="M66" i="14"/>
  <c r="P45" i="25"/>
  <c r="S66" i="14"/>
  <c r="AB45" i="25"/>
  <c r="L68" i="22"/>
  <c r="N68" i="22" s="1"/>
  <c r="F68" i="14"/>
  <c r="AH68" i="14" s="1"/>
  <c r="Q66" i="14"/>
  <c r="X45" i="25"/>
  <c r="N66" i="14"/>
  <c r="R45" i="25"/>
  <c r="R66" i="14"/>
  <c r="Z45" i="25"/>
  <c r="L66" i="14"/>
  <c r="N45" i="25"/>
  <c r="J66" i="14"/>
  <c r="J45" i="25"/>
  <c r="P66" i="14"/>
  <c r="V45" i="25"/>
  <c r="I66" i="14"/>
  <c r="H45" i="25"/>
  <c r="K66" i="14"/>
  <c r="L45" i="25"/>
  <c r="O66" i="14"/>
  <c r="T45" i="25"/>
  <c r="T66" i="14"/>
  <c r="AD45" i="25"/>
  <c r="D50" i="11"/>
  <c r="B51" i="11"/>
  <c r="J67" i="14" l="1"/>
  <c r="J46" i="25"/>
  <c r="L67" i="14"/>
  <c r="N46" i="25"/>
  <c r="L69" i="22"/>
  <c r="N69" i="22" s="1"/>
  <c r="F69" i="14"/>
  <c r="AH69" i="14" s="1"/>
  <c r="S67" i="14"/>
  <c r="AB46" i="25"/>
  <c r="K67" i="14"/>
  <c r="L46" i="25"/>
  <c r="I67" i="14"/>
  <c r="H46" i="25"/>
  <c r="O67" i="14"/>
  <c r="T46" i="25"/>
  <c r="Q67" i="14"/>
  <c r="X46" i="25"/>
  <c r="N67" i="14"/>
  <c r="R46" i="25"/>
  <c r="AY68" i="22"/>
  <c r="AR68" i="22"/>
  <c r="AX68" i="22"/>
  <c r="AS68" i="22"/>
  <c r="AV68" i="22"/>
  <c r="AQ68" i="22"/>
  <c r="AU68" i="22"/>
  <c r="AT68" i="22"/>
  <c r="AO68" i="22"/>
  <c r="AP68" i="22"/>
  <c r="AN68" i="22"/>
  <c r="AW68" i="22"/>
  <c r="P67" i="14"/>
  <c r="V46" i="25"/>
  <c r="M67" i="14"/>
  <c r="P46" i="25"/>
  <c r="R67" i="14"/>
  <c r="Z46" i="25"/>
  <c r="T67" i="14"/>
  <c r="AD46" i="25"/>
  <c r="B52" i="11"/>
  <c r="D51" i="11"/>
  <c r="O68" i="14" l="1"/>
  <c r="T47" i="25"/>
  <c r="P68" i="14"/>
  <c r="V47" i="25"/>
  <c r="L68" i="14"/>
  <c r="N47" i="25"/>
  <c r="T68" i="14"/>
  <c r="AD47" i="25"/>
  <c r="AY69" i="22"/>
  <c r="AU69" i="22"/>
  <c r="AR69" i="22"/>
  <c r="AN69" i="22"/>
  <c r="AQ69" i="22"/>
  <c r="AV69" i="22"/>
  <c r="AO69" i="22"/>
  <c r="AP69" i="22"/>
  <c r="AS69" i="22"/>
  <c r="AT69" i="22"/>
  <c r="AW69" i="22"/>
  <c r="AX69" i="22"/>
  <c r="L70" i="22"/>
  <c r="N70" i="22" s="1"/>
  <c r="F70" i="14"/>
  <c r="AH70" i="14" s="1"/>
  <c r="Q68" i="14"/>
  <c r="X47" i="25"/>
  <c r="R68" i="14"/>
  <c r="Z47" i="25"/>
  <c r="I68" i="14"/>
  <c r="H47" i="25"/>
  <c r="N68" i="14"/>
  <c r="R47" i="25"/>
  <c r="K68" i="14"/>
  <c r="L47" i="25"/>
  <c r="S68" i="14"/>
  <c r="AB47" i="25"/>
  <c r="J68" i="14"/>
  <c r="J47" i="25"/>
  <c r="M68" i="14"/>
  <c r="P47" i="25"/>
  <c r="B53" i="11"/>
  <c r="D52" i="11"/>
  <c r="J69" i="14" l="1"/>
  <c r="J48" i="25"/>
  <c r="Q69" i="14"/>
  <c r="X48" i="25"/>
  <c r="L71" i="22"/>
  <c r="N71" i="22" s="1"/>
  <c r="F71" i="14"/>
  <c r="AH71" i="14" s="1"/>
  <c r="L69" i="14"/>
  <c r="N48" i="25"/>
  <c r="S69" i="14"/>
  <c r="AB48" i="25"/>
  <c r="I69" i="14"/>
  <c r="H48" i="25"/>
  <c r="AY70" i="22"/>
  <c r="AO70" i="22"/>
  <c r="AN70" i="22"/>
  <c r="AR70" i="22"/>
  <c r="AV70" i="22"/>
  <c r="AQ70" i="22"/>
  <c r="AS70" i="22"/>
  <c r="AW70" i="22"/>
  <c r="AP70" i="22"/>
  <c r="AX70" i="22"/>
  <c r="AU70" i="22"/>
  <c r="AT70" i="22"/>
  <c r="R69" i="14"/>
  <c r="Z48" i="25"/>
  <c r="M69" i="14"/>
  <c r="P48" i="25"/>
  <c r="K69" i="14"/>
  <c r="L48" i="25"/>
  <c r="O69" i="14"/>
  <c r="T48" i="25"/>
  <c r="P69" i="14"/>
  <c r="V48" i="25"/>
  <c r="N69" i="14"/>
  <c r="R48" i="25"/>
  <c r="T69" i="14"/>
  <c r="AD48" i="25"/>
  <c r="D53" i="11"/>
  <c r="B54" i="11"/>
  <c r="N70" i="14" l="1"/>
  <c r="R49" i="25"/>
  <c r="L70" i="14"/>
  <c r="N49" i="25"/>
  <c r="O70" i="14"/>
  <c r="T49" i="25"/>
  <c r="Q70" i="14"/>
  <c r="X49" i="25"/>
  <c r="L72" i="22"/>
  <c r="N72" i="22" s="1"/>
  <c r="F72" i="14"/>
  <c r="AH72" i="14" s="1"/>
  <c r="P70" i="14"/>
  <c r="V49" i="25"/>
  <c r="M70" i="14"/>
  <c r="P49" i="25"/>
  <c r="AY71" i="22"/>
  <c r="AV71" i="22"/>
  <c r="AP71" i="22"/>
  <c r="AT71" i="22"/>
  <c r="AX71" i="22"/>
  <c r="AW71" i="22"/>
  <c r="AN71" i="22"/>
  <c r="AQ71" i="22"/>
  <c r="AU71" i="22"/>
  <c r="AO71" i="22"/>
  <c r="AS71" i="22"/>
  <c r="AR71" i="22"/>
  <c r="S70" i="14"/>
  <c r="AB49" i="25"/>
  <c r="I70" i="14"/>
  <c r="H49" i="25"/>
  <c r="K70" i="14"/>
  <c r="L49" i="25"/>
  <c r="J70" i="14"/>
  <c r="J49" i="25"/>
  <c r="R70" i="14"/>
  <c r="Z49" i="25"/>
  <c r="T70" i="14"/>
  <c r="AD49" i="25"/>
  <c r="D54" i="11"/>
  <c r="B55" i="11"/>
  <c r="T71" i="14" l="1"/>
  <c r="AD50" i="25"/>
  <c r="J71" i="14"/>
  <c r="J50" i="25"/>
  <c r="Q71" i="14"/>
  <c r="X50" i="25"/>
  <c r="P71" i="14"/>
  <c r="V50" i="25"/>
  <c r="L71" i="14"/>
  <c r="N50" i="25"/>
  <c r="I71" i="14"/>
  <c r="H50" i="25"/>
  <c r="S71" i="14"/>
  <c r="AB50" i="25"/>
  <c r="R71" i="14"/>
  <c r="Z50" i="25"/>
  <c r="M71" i="14"/>
  <c r="P50" i="25"/>
  <c r="O71" i="14"/>
  <c r="T50" i="25"/>
  <c r="N71" i="14"/>
  <c r="R50" i="25"/>
  <c r="K71" i="14"/>
  <c r="L50" i="25"/>
  <c r="L73" i="22"/>
  <c r="N73" i="22" s="1"/>
  <c r="F73" i="14"/>
  <c r="AH73" i="14" s="1"/>
  <c r="AY72" i="22"/>
  <c r="AO72" i="22"/>
  <c r="AQ72" i="22"/>
  <c r="AR72" i="22"/>
  <c r="AN72" i="22"/>
  <c r="Z72" i="22"/>
  <c r="AX72" i="22"/>
  <c r="AS72" i="22"/>
  <c r="AU72" i="22"/>
  <c r="AW72" i="22"/>
  <c r="AV72" i="22"/>
  <c r="AP72" i="22"/>
  <c r="AT72" i="22"/>
  <c r="B56" i="11"/>
  <c r="D55" i="11"/>
  <c r="N72" i="14" l="1"/>
  <c r="R51" i="25"/>
  <c r="BA72" i="22"/>
  <c r="V72" i="14" s="1"/>
  <c r="BL72" i="22"/>
  <c r="AG72" i="14" s="1"/>
  <c r="BH72" i="22"/>
  <c r="AC72" i="14" s="1"/>
  <c r="BF72" i="22"/>
  <c r="AA72" i="14" s="1"/>
  <c r="BJ72" i="22"/>
  <c r="AE72" i="14" s="1"/>
  <c r="BB72" i="22"/>
  <c r="W72" i="14" s="1"/>
  <c r="BD72" i="22"/>
  <c r="Y72" i="14" s="1"/>
  <c r="BE72" i="22"/>
  <c r="Z72" i="14" s="1"/>
  <c r="BG72" i="22"/>
  <c r="AB72" i="14" s="1"/>
  <c r="BK72" i="22"/>
  <c r="AF72" i="14" s="1"/>
  <c r="BC72" i="22"/>
  <c r="X72" i="14" s="1"/>
  <c r="G72" i="14"/>
  <c r="BI72" i="22"/>
  <c r="AD72" i="14" s="1"/>
  <c r="T72" i="14"/>
  <c r="AD51" i="25"/>
  <c r="S72" i="14"/>
  <c r="AB51" i="25"/>
  <c r="P72" i="14"/>
  <c r="V51" i="25"/>
  <c r="L74" i="22"/>
  <c r="N74" i="22" s="1"/>
  <c r="F74" i="14"/>
  <c r="AH74" i="14" s="1"/>
  <c r="O72" i="14"/>
  <c r="T51" i="25"/>
  <c r="I72" i="14"/>
  <c r="H51" i="25"/>
  <c r="K72" i="14"/>
  <c r="L51" i="25"/>
  <c r="M72" i="14"/>
  <c r="P51" i="25"/>
  <c r="Q72" i="14"/>
  <c r="X51" i="25"/>
  <c r="L72" i="14"/>
  <c r="N51" i="25"/>
  <c r="R72" i="14"/>
  <c r="Z51" i="25"/>
  <c r="J72" i="14"/>
  <c r="J51" i="25"/>
  <c r="AY73" i="22"/>
  <c r="AU73" i="22"/>
  <c r="AQ73" i="22"/>
  <c r="AX73" i="22"/>
  <c r="AV73" i="22"/>
  <c r="AR73" i="22"/>
  <c r="AW73" i="22"/>
  <c r="AO73" i="22"/>
  <c r="AN73" i="22"/>
  <c r="AP73" i="22"/>
  <c r="AT73" i="22"/>
  <c r="AS73" i="22"/>
  <c r="B57" i="11"/>
  <c r="D56" i="11"/>
  <c r="I73" i="14" l="1"/>
  <c r="H52" i="25"/>
  <c r="T73" i="14"/>
  <c r="AD52" i="25"/>
  <c r="S73" i="14"/>
  <c r="AB52" i="25"/>
  <c r="O73" i="14"/>
  <c r="T52" i="25"/>
  <c r="K73" i="14"/>
  <c r="L52" i="25"/>
  <c r="J73" i="14"/>
  <c r="J52" i="25"/>
  <c r="R73" i="14"/>
  <c r="Z52" i="25"/>
  <c r="AY74" i="22"/>
  <c r="AR74" i="22"/>
  <c r="AN74" i="22"/>
  <c r="AT74" i="22"/>
  <c r="AX74" i="22"/>
  <c r="AP74" i="22"/>
  <c r="AU74" i="22"/>
  <c r="AO74" i="22"/>
  <c r="AV74" i="22"/>
  <c r="AW74" i="22"/>
  <c r="AS74" i="22"/>
  <c r="AQ74" i="22"/>
  <c r="L73" i="14"/>
  <c r="N52" i="25"/>
  <c r="P73" i="14"/>
  <c r="V52" i="25"/>
  <c r="L75" i="22"/>
  <c r="N75" i="22" s="1"/>
  <c r="F75" i="14"/>
  <c r="AH75" i="14" s="1"/>
  <c r="M73" i="14"/>
  <c r="P52" i="25"/>
  <c r="N73" i="14"/>
  <c r="R52" i="25"/>
  <c r="Q73" i="14"/>
  <c r="X52" i="25"/>
  <c r="D57" i="11"/>
  <c r="B58" i="11"/>
  <c r="L74" i="14" l="1"/>
  <c r="N53" i="25"/>
  <c r="S74" i="14"/>
  <c r="AB53" i="25"/>
  <c r="K74" i="14"/>
  <c r="L53" i="25"/>
  <c r="N74" i="14"/>
  <c r="R53" i="25"/>
  <c r="O74" i="14"/>
  <c r="T53" i="25"/>
  <c r="L76" i="22"/>
  <c r="N76" i="22" s="1"/>
  <c r="F76" i="14"/>
  <c r="AH76" i="14" s="1"/>
  <c r="R74" i="14"/>
  <c r="Z53" i="25"/>
  <c r="I74" i="14"/>
  <c r="H53" i="25"/>
  <c r="Q74" i="14"/>
  <c r="X53" i="25"/>
  <c r="M74" i="14"/>
  <c r="P53" i="25"/>
  <c r="J74" i="14"/>
  <c r="J53" i="25"/>
  <c r="T74" i="14"/>
  <c r="AD53" i="25"/>
  <c r="AY75" i="22"/>
  <c r="AT75" i="22"/>
  <c r="AO75" i="22"/>
  <c r="AW75" i="22"/>
  <c r="AX75" i="22"/>
  <c r="AV75" i="22"/>
  <c r="AU75" i="22"/>
  <c r="AP75" i="22"/>
  <c r="AS75" i="22"/>
  <c r="AQ75" i="22"/>
  <c r="AR75" i="22"/>
  <c r="AN75" i="22"/>
  <c r="P74" i="14"/>
  <c r="V53" i="25"/>
  <c r="D58" i="11"/>
  <c r="B59" i="11"/>
  <c r="P75" i="14" l="1"/>
  <c r="V54" i="25"/>
  <c r="L75" i="14"/>
  <c r="N54" i="25"/>
  <c r="AY76" i="22"/>
  <c r="AU76" i="22"/>
  <c r="AT76" i="22"/>
  <c r="AP76" i="22"/>
  <c r="AX76" i="22"/>
  <c r="AS76" i="22"/>
  <c r="AO76" i="22"/>
  <c r="AR76" i="22"/>
  <c r="AN76" i="22"/>
  <c r="AV76" i="22"/>
  <c r="AQ76" i="22"/>
  <c r="AW76" i="22"/>
  <c r="N75" i="14"/>
  <c r="R54" i="25"/>
  <c r="O75" i="14"/>
  <c r="T54" i="25"/>
  <c r="L77" i="22"/>
  <c r="N77" i="22" s="1"/>
  <c r="F77" i="14"/>
  <c r="AH77" i="14" s="1"/>
  <c r="K75" i="14"/>
  <c r="L54" i="25"/>
  <c r="T75" i="14"/>
  <c r="AD54" i="25"/>
  <c r="Q75" i="14"/>
  <c r="X54" i="25"/>
  <c r="S75" i="14"/>
  <c r="AB54" i="25"/>
  <c r="R75" i="14"/>
  <c r="Z54" i="25"/>
  <c r="I75" i="14"/>
  <c r="H54" i="25"/>
  <c r="M75" i="14"/>
  <c r="P54" i="25"/>
  <c r="J75" i="14"/>
  <c r="J54" i="25"/>
  <c r="B60" i="11"/>
  <c r="D59" i="11"/>
  <c r="J76" i="14" l="1"/>
  <c r="J55" i="25"/>
  <c r="N76" i="14"/>
  <c r="R55" i="25"/>
  <c r="S76" i="14"/>
  <c r="AB55" i="25"/>
  <c r="L78" i="22"/>
  <c r="N78" i="22" s="1"/>
  <c r="F78" i="14"/>
  <c r="AH78" i="14" s="1"/>
  <c r="R76" i="14"/>
  <c r="Z55" i="25"/>
  <c r="K76" i="14"/>
  <c r="L55" i="25"/>
  <c r="L76" i="14"/>
  <c r="N55" i="25"/>
  <c r="O76" i="14"/>
  <c r="T55" i="25"/>
  <c r="AY77" i="22"/>
  <c r="AO77" i="22"/>
  <c r="AU77" i="22"/>
  <c r="AP77" i="22"/>
  <c r="AX77" i="22"/>
  <c r="AV77" i="22"/>
  <c r="AQ77" i="22"/>
  <c r="AS77" i="22"/>
  <c r="AN77" i="22"/>
  <c r="AT77" i="22"/>
  <c r="AR77" i="22"/>
  <c r="AW77" i="22"/>
  <c r="Q76" i="14"/>
  <c r="X55" i="25"/>
  <c r="P76" i="14"/>
  <c r="V55" i="25"/>
  <c r="I76" i="14"/>
  <c r="H55" i="25"/>
  <c r="T76" i="14"/>
  <c r="AD55" i="25"/>
  <c r="M76" i="14"/>
  <c r="P55" i="25"/>
  <c r="D60" i="11"/>
  <c r="B61" i="11"/>
  <c r="O77" i="14" l="1"/>
  <c r="T56" i="25"/>
  <c r="N77" i="14"/>
  <c r="R56" i="25"/>
  <c r="T77" i="14"/>
  <c r="AD56" i="25"/>
  <c r="P77" i="14"/>
  <c r="V56" i="25"/>
  <c r="I77" i="14"/>
  <c r="H56" i="25"/>
  <c r="J77" i="14"/>
  <c r="J56" i="25"/>
  <c r="L79" i="22"/>
  <c r="N79" i="22" s="1"/>
  <c r="F79" i="14"/>
  <c r="AH79" i="14" s="1"/>
  <c r="L77" i="14"/>
  <c r="N56" i="25"/>
  <c r="AY78" i="22"/>
  <c r="AX78" i="22"/>
  <c r="AV78" i="22"/>
  <c r="AN78" i="22"/>
  <c r="AO78" i="22"/>
  <c r="AR78" i="22"/>
  <c r="AQ78" i="22"/>
  <c r="AU78" i="22"/>
  <c r="AT78" i="22"/>
  <c r="AS78" i="22"/>
  <c r="AP78" i="22"/>
  <c r="AW78" i="22"/>
  <c r="Q77" i="14"/>
  <c r="X56" i="25"/>
  <c r="S77" i="14"/>
  <c r="AB56" i="25"/>
  <c r="R77" i="14"/>
  <c r="Z56" i="25"/>
  <c r="K77" i="14"/>
  <c r="L56" i="25"/>
  <c r="M77" i="14"/>
  <c r="P56" i="25"/>
  <c r="D61" i="11"/>
  <c r="B62" i="11"/>
  <c r="L80" i="22" l="1"/>
  <c r="N80" i="22" s="1"/>
  <c r="F80" i="14"/>
  <c r="AH80" i="14" s="1"/>
  <c r="L78" i="14"/>
  <c r="N57" i="25"/>
  <c r="R78" i="14"/>
  <c r="Z57" i="25"/>
  <c r="J78" i="14"/>
  <c r="J57" i="25"/>
  <c r="AY79" i="22"/>
  <c r="T79" i="14" s="1"/>
  <c r="AW79" i="22"/>
  <c r="R79" i="14" s="1"/>
  <c r="AX79" i="22"/>
  <c r="S79" i="14" s="1"/>
  <c r="AQ79" i="22"/>
  <c r="L79" i="14" s="1"/>
  <c r="AT79" i="22"/>
  <c r="O79" i="14" s="1"/>
  <c r="AO79" i="22"/>
  <c r="J79" i="14" s="1"/>
  <c r="AU79" i="22"/>
  <c r="P79" i="14" s="1"/>
  <c r="AN79" i="22"/>
  <c r="I79" i="14" s="1"/>
  <c r="AV79" i="22"/>
  <c r="Q79" i="14" s="1"/>
  <c r="AP79" i="22"/>
  <c r="K79" i="14" s="1"/>
  <c r="AR79" i="22"/>
  <c r="M79" i="14" s="1"/>
  <c r="AS79" i="22"/>
  <c r="N79" i="14" s="1"/>
  <c r="M78" i="14"/>
  <c r="P57" i="25"/>
  <c r="K78" i="14"/>
  <c r="L57" i="25"/>
  <c r="I78" i="14"/>
  <c r="H57" i="25"/>
  <c r="N78" i="14"/>
  <c r="R57" i="25"/>
  <c r="Q78" i="14"/>
  <c r="X57" i="25"/>
  <c r="O78" i="14"/>
  <c r="T57" i="25"/>
  <c r="S78" i="14"/>
  <c r="AB57" i="25"/>
  <c r="P78" i="14"/>
  <c r="V57" i="25"/>
  <c r="T78" i="14"/>
  <c r="AD57" i="25"/>
  <c r="D62" i="11"/>
  <c r="B63" i="11"/>
  <c r="L81" i="22" l="1"/>
  <c r="N81" i="22" s="1"/>
  <c r="F81" i="14"/>
  <c r="AH81" i="14" s="1"/>
  <c r="AY80" i="22"/>
  <c r="T80" i="14" s="1"/>
  <c r="AO80" i="22"/>
  <c r="J80" i="14" s="1"/>
  <c r="AP80" i="22"/>
  <c r="K80" i="14" s="1"/>
  <c r="AW80" i="22"/>
  <c r="R80" i="14" s="1"/>
  <c r="AR80" i="22"/>
  <c r="M80" i="14" s="1"/>
  <c r="AQ80" i="22"/>
  <c r="L80" i="14" s="1"/>
  <c r="AX80" i="22"/>
  <c r="S80" i="14" s="1"/>
  <c r="AV80" i="22"/>
  <c r="Q80" i="14" s="1"/>
  <c r="AT80" i="22"/>
  <c r="O80" i="14" s="1"/>
  <c r="AU80" i="22"/>
  <c r="P80" i="14" s="1"/>
  <c r="AN80" i="22"/>
  <c r="I80" i="14" s="1"/>
  <c r="AS80" i="22"/>
  <c r="N80" i="14" s="1"/>
  <c r="D63" i="11"/>
  <c r="B64" i="11"/>
  <c r="AY81" i="22" l="1"/>
  <c r="T81" i="14" s="1"/>
  <c r="AR81" i="22"/>
  <c r="M81" i="14" s="1"/>
  <c r="AS81" i="22"/>
  <c r="N81" i="14" s="1"/>
  <c r="AW81" i="22"/>
  <c r="R81" i="14" s="1"/>
  <c r="AX81" i="22"/>
  <c r="S81" i="14" s="1"/>
  <c r="AV81" i="22"/>
  <c r="Q81" i="14" s="1"/>
  <c r="AU81" i="22"/>
  <c r="P81" i="14" s="1"/>
  <c r="AQ81" i="22"/>
  <c r="L81" i="14" s="1"/>
  <c r="AN81" i="22"/>
  <c r="I81" i="14" s="1"/>
  <c r="AT81" i="22"/>
  <c r="O81" i="14" s="1"/>
  <c r="AO81" i="22"/>
  <c r="J81" i="14" s="1"/>
  <c r="AP81" i="22"/>
  <c r="K81" i="14" s="1"/>
  <c r="L82" i="22"/>
  <c r="N82" i="22" s="1"/>
  <c r="F82" i="14"/>
  <c r="AH82" i="14" s="1"/>
  <c r="D64" i="11"/>
  <c r="B65" i="11"/>
  <c r="AY82" i="22" l="1"/>
  <c r="T82" i="14" s="1"/>
  <c r="AT82" i="22"/>
  <c r="O82" i="14" s="1"/>
  <c r="AP82" i="22"/>
  <c r="K82" i="14" s="1"/>
  <c r="AU82" i="22"/>
  <c r="P82" i="14" s="1"/>
  <c r="AW82" i="22"/>
  <c r="R82" i="14" s="1"/>
  <c r="AS82" i="22"/>
  <c r="N82" i="14" s="1"/>
  <c r="AX82" i="22"/>
  <c r="S82" i="14" s="1"/>
  <c r="AR82" i="22"/>
  <c r="M82" i="14" s="1"/>
  <c r="AN82" i="22"/>
  <c r="I82" i="14" s="1"/>
  <c r="AV82" i="22"/>
  <c r="Q82" i="14" s="1"/>
  <c r="AQ82" i="22"/>
  <c r="L82" i="14" s="1"/>
  <c r="AO82" i="22"/>
  <c r="J82" i="14" s="1"/>
  <c r="D65" i="11"/>
  <c r="B66" i="11"/>
  <c r="D66" i="11" l="1"/>
  <c r="B67" i="11"/>
  <c r="B68" i="11" l="1"/>
  <c r="D67" i="11"/>
  <c r="B69" i="11" l="1"/>
  <c r="D68" i="11"/>
  <c r="B70" i="11" l="1"/>
  <c r="D69" i="11"/>
  <c r="D70" i="11" l="1"/>
  <c r="B71" i="11"/>
  <c r="D71" i="11" l="1"/>
  <c r="B72" i="11"/>
  <c r="B73" i="11" l="1"/>
  <c r="D72" i="11"/>
  <c r="D73" i="11" l="1"/>
  <c r="B74" i="11"/>
  <c r="D74" i="11" l="1"/>
  <c r="B75" i="11"/>
  <c r="B76" i="11" l="1"/>
  <c r="D75" i="11"/>
  <c r="D76" i="11" l="1"/>
  <c r="B77" i="11"/>
  <c r="D77" i="11" l="1"/>
  <c r="B78" i="11"/>
  <c r="D78" i="11" l="1"/>
  <c r="B79" i="11"/>
  <c r="D79" i="11" l="1"/>
  <c r="B80" i="11"/>
  <c r="B81" i="11" l="1"/>
  <c r="D80" i="11"/>
  <c r="B82" i="11" l="1"/>
  <c r="D81" i="11"/>
  <c r="D82" i="11" l="1"/>
  <c r="B83" i="11"/>
  <c r="B84" i="11" l="1"/>
  <c r="D83" i="11"/>
  <c r="D84" i="11" l="1"/>
  <c r="B85" i="11"/>
  <c r="D85" i="11" l="1"/>
  <c r="B86" i="11"/>
  <c r="D86" i="11" l="1"/>
  <c r="B87" i="11"/>
  <c r="D87" i="11" l="1"/>
  <c r="B88" i="11"/>
  <c r="D88" i="11" l="1"/>
  <c r="B89" i="11"/>
  <c r="B90" i="11" l="1"/>
  <c r="D89" i="11"/>
  <c r="D90" i="11" l="1"/>
  <c r="B91" i="11"/>
  <c r="B92" i="11" l="1"/>
  <c r="D91" i="11"/>
  <c r="D92" i="11" l="1"/>
  <c r="B93" i="11"/>
  <c r="B94" i="11" l="1"/>
  <c r="D93" i="11"/>
  <c r="D94" i="11" l="1"/>
  <c r="B95" i="11"/>
  <c r="D95" i="11" l="1"/>
  <c r="B96" i="11"/>
  <c r="D96" i="11" l="1"/>
  <c r="B97" i="11"/>
  <c r="B98" i="11" l="1"/>
  <c r="D97" i="11"/>
  <c r="D98" i="11" l="1"/>
  <c r="B99" i="11"/>
  <c r="B100" i="11" l="1"/>
  <c r="D99" i="11"/>
  <c r="D100" i="11" l="1"/>
  <c r="B101" i="11"/>
  <c r="D101" i="11" l="1"/>
  <c r="B102" i="11"/>
  <c r="D102" i="11" l="1"/>
  <c r="B103" i="11"/>
  <c r="D103" i="11" l="1"/>
  <c r="B104" i="11"/>
  <c r="B105" i="11" l="1"/>
  <c r="D104" i="11"/>
  <c r="B106" i="11" l="1"/>
  <c r="D105" i="11"/>
  <c r="D106" i="11" l="1"/>
  <c r="B107" i="11"/>
  <c r="D107" i="11" l="1"/>
  <c r="B108" i="11"/>
  <c r="D108" i="11" s="1"/>
  <c r="L54" i="6" l="1"/>
  <c r="L54" i="7" s="1"/>
  <c r="L70" i="6"/>
  <c r="L70" i="7" s="1"/>
  <c r="L69" i="6"/>
  <c r="L69" i="7" s="1"/>
  <c r="L53" i="6"/>
  <c r="L53" i="7" s="1"/>
  <c r="L43" i="6"/>
  <c r="L43" i="7" s="1"/>
  <c r="L38" i="6"/>
  <c r="L38" i="7" s="1"/>
  <c r="L40" i="6"/>
  <c r="L40" i="7" s="1"/>
  <c r="L27" i="6"/>
  <c r="L37" i="6"/>
  <c r="L37" i="7" s="1"/>
  <c r="L72" i="6"/>
  <c r="L72" i="7" s="1"/>
  <c r="L56" i="6"/>
  <c r="L56" i="7" s="1"/>
  <c r="L30" i="6"/>
  <c r="L30" i="7" s="1"/>
  <c r="L67" i="6"/>
  <c r="L67" i="7" s="1"/>
  <c r="L80" i="6"/>
  <c r="L80" i="7" s="1"/>
  <c r="L31" i="6"/>
  <c r="L31" i="7" s="1"/>
  <c r="L51" i="6"/>
  <c r="L64" i="6"/>
  <c r="L64" i="7" s="1"/>
  <c r="L60" i="6"/>
  <c r="L60" i="7" s="1"/>
  <c r="L35" i="6"/>
  <c r="L35" i="7" s="1"/>
  <c r="L48" i="6"/>
  <c r="L48" i="7" s="1"/>
  <c r="L61" i="6"/>
  <c r="L61" i="7" s="1"/>
  <c r="L66" i="6"/>
  <c r="L66" i="7" s="1"/>
  <c r="L32" i="6"/>
  <c r="L32" i="7" s="1"/>
  <c r="L41" i="6"/>
  <c r="N41" i="6" s="1"/>
  <c r="L77" i="6"/>
  <c r="L77" i="7" s="1"/>
  <c r="L39" i="6"/>
  <c r="L39" i="7" s="1"/>
  <c r="L68" i="6"/>
  <c r="L68" i="7" s="1"/>
  <c r="L74" i="6"/>
  <c r="L74" i="7" s="1"/>
  <c r="L49" i="6"/>
  <c r="L49" i="7" s="1"/>
  <c r="L45" i="6"/>
  <c r="L45" i="7" s="1"/>
  <c r="L78" i="6"/>
  <c r="L78" i="7" s="1"/>
  <c r="L29" i="6"/>
  <c r="L62" i="6"/>
  <c r="L62" i="7" s="1"/>
  <c r="L46" i="6"/>
  <c r="L46" i="7" s="1"/>
  <c r="L52" i="6"/>
  <c r="L52" i="7" s="1"/>
  <c r="L58" i="6"/>
  <c r="L58" i="7" s="1"/>
  <c r="L33" i="6"/>
  <c r="L33" i="7" s="1"/>
  <c r="L79" i="6"/>
  <c r="L79" i="7" s="1"/>
  <c r="L44" i="6"/>
  <c r="L50" i="6"/>
  <c r="L71" i="6"/>
  <c r="L71" i="7" s="1"/>
  <c r="L36" i="6"/>
  <c r="L36" i="7" s="1"/>
  <c r="L42" i="6"/>
  <c r="L81" i="6"/>
  <c r="L81" i="7" s="1"/>
  <c r="L63" i="6"/>
  <c r="L63" i="7" s="1"/>
  <c r="L28" i="6"/>
  <c r="L28" i="7" s="1"/>
  <c r="L34" i="6"/>
  <c r="L34" i="7" s="1"/>
  <c r="L73" i="6"/>
  <c r="L75" i="6"/>
  <c r="L75" i="7" s="1"/>
  <c r="L55" i="6"/>
  <c r="L55" i="7" s="1"/>
  <c r="L65" i="6"/>
  <c r="L65" i="7" s="1"/>
  <c r="L59" i="6"/>
  <c r="L59" i="7" s="1"/>
  <c r="L47" i="6"/>
  <c r="L47" i="7" s="1"/>
  <c r="L76" i="6"/>
  <c r="L76" i="7" s="1"/>
  <c r="L82" i="6"/>
  <c r="L82" i="7" s="1"/>
  <c r="L57" i="6"/>
  <c r="N57" i="6" s="1"/>
  <c r="Q36" i="6"/>
  <c r="Q36" i="7" s="1"/>
  <c r="Q81" i="6"/>
  <c r="Q81" i="7" s="1"/>
  <c r="Q44" i="6"/>
  <c r="Q44" i="7" s="1"/>
  <c r="Q77" i="6"/>
  <c r="Q77" i="7" s="1"/>
  <c r="Q79" i="6"/>
  <c r="Q79" i="7" s="1"/>
  <c r="Q48" i="6"/>
  <c r="Q48" i="7" s="1"/>
  <c r="Q41" i="6"/>
  <c r="Q41" i="7" s="1"/>
  <c r="Q33" i="6"/>
  <c r="Q33" i="7" s="1"/>
  <c r="Q52" i="6"/>
  <c r="Q52" i="7" s="1"/>
  <c r="Q56" i="6"/>
  <c r="Q56" i="7" s="1"/>
  <c r="Q57" i="6"/>
  <c r="Q57" i="7" s="1"/>
  <c r="Q34" i="6"/>
  <c r="Q34" i="7" s="1"/>
  <c r="Q50" i="6"/>
  <c r="Q50" i="7" s="1"/>
  <c r="Q51" i="6"/>
  <c r="Q51" i="7" s="1"/>
  <c r="Q60" i="6"/>
  <c r="Q60" i="7" s="1"/>
  <c r="Q29" i="6"/>
  <c r="Q29" i="7" s="1"/>
  <c r="Q31" i="6"/>
  <c r="Q31" i="7" s="1"/>
  <c r="Q64" i="6"/>
  <c r="Q64" i="7" s="1"/>
  <c r="Q38" i="6"/>
  <c r="Q38" i="7" s="1"/>
  <c r="Q73" i="6"/>
  <c r="Q73" i="7" s="1"/>
  <c r="Q49" i="6"/>
  <c r="Q49" i="7" s="1"/>
  <c r="Q68" i="6"/>
  <c r="Q68" i="7" s="1"/>
  <c r="Q37" i="6"/>
  <c r="Q37" i="7" s="1"/>
  <c r="Q39" i="6"/>
  <c r="Q39" i="7" s="1"/>
  <c r="Q72" i="6"/>
  <c r="Q72" i="7" s="1"/>
  <c r="Q54" i="6"/>
  <c r="Q54" i="7" s="1"/>
  <c r="Q30" i="6"/>
  <c r="Q30" i="7" s="1"/>
  <c r="Q76" i="6"/>
  <c r="Q76" i="7" s="1"/>
  <c r="Q45" i="6"/>
  <c r="Q45" i="7" s="1"/>
  <c r="Q47" i="6"/>
  <c r="Q47" i="7" s="1"/>
  <c r="Q80" i="6"/>
  <c r="Q80" i="7" s="1"/>
  <c r="Q70" i="6"/>
  <c r="Q70" i="7" s="1"/>
  <c r="Q42" i="6"/>
  <c r="Q42" i="7" s="1"/>
  <c r="Q46" i="6"/>
  <c r="Q46" i="7" s="1"/>
  <c r="Q35" i="6"/>
  <c r="Q35" i="7" s="1"/>
  <c r="Q53" i="6"/>
  <c r="Q53" i="7" s="1"/>
  <c r="Q55" i="6"/>
  <c r="Q55" i="7" s="1"/>
  <c r="Q58" i="6"/>
  <c r="Q58" i="7" s="1"/>
  <c r="Q43" i="6"/>
  <c r="Q43" i="7" s="1"/>
  <c r="Q62" i="6"/>
  <c r="Q62" i="7" s="1"/>
  <c r="Q28" i="6"/>
  <c r="Q28" i="7" s="1"/>
  <c r="Q61" i="6"/>
  <c r="Q61" i="7" s="1"/>
  <c r="Q63" i="6"/>
  <c r="Q63" i="7" s="1"/>
  <c r="Q32" i="6"/>
  <c r="Q32" i="7" s="1"/>
  <c r="Q74" i="6"/>
  <c r="Q74" i="7" s="1"/>
  <c r="Q59" i="6"/>
  <c r="Q59" i="7" s="1"/>
  <c r="Q78" i="6"/>
  <c r="Q78" i="7" s="1"/>
  <c r="Q65" i="6"/>
  <c r="Q65" i="7" s="1"/>
  <c r="Q40" i="6"/>
  <c r="Q40" i="7" s="1"/>
  <c r="Q66" i="6"/>
  <c r="Q66" i="7" s="1"/>
  <c r="Q71" i="6"/>
  <c r="Q71" i="7" s="1"/>
  <c r="Q75" i="6"/>
  <c r="Q75" i="7" s="1"/>
  <c r="Q69" i="6"/>
  <c r="Q69" i="7" s="1"/>
  <c r="Q82" i="6"/>
  <c r="Q82" i="7" s="1"/>
  <c r="Q67" i="6"/>
  <c r="Q67" i="7" s="1"/>
  <c r="K52" i="6"/>
  <c r="K52" i="7" s="1"/>
  <c r="K33" i="6"/>
  <c r="K33" i="7" s="1"/>
  <c r="K82" i="6"/>
  <c r="K82" i="7" s="1"/>
  <c r="K46" i="6"/>
  <c r="K46" i="7" s="1"/>
  <c r="K71" i="6"/>
  <c r="K71" i="7" s="1"/>
  <c r="K38" i="6"/>
  <c r="K38" i="7" s="1"/>
  <c r="K75" i="6"/>
  <c r="K75" i="7" s="1"/>
  <c r="K67" i="6"/>
  <c r="K67" i="7" s="1"/>
  <c r="K77" i="6"/>
  <c r="K77" i="7" s="1"/>
  <c r="K66" i="6"/>
  <c r="K66" i="7" s="1"/>
  <c r="K50" i="6"/>
  <c r="K50" i="7" s="1"/>
  <c r="K42" i="6"/>
  <c r="K42" i="7" s="1"/>
  <c r="K65" i="6"/>
  <c r="K65" i="7" s="1"/>
  <c r="K28" i="6"/>
  <c r="K28" i="7" s="1"/>
  <c r="K31" i="6"/>
  <c r="K31" i="7" s="1"/>
  <c r="K64" i="6"/>
  <c r="K64" i="7" s="1"/>
  <c r="K57" i="6"/>
  <c r="K57" i="7" s="1"/>
  <c r="K59" i="6"/>
  <c r="K59" i="7" s="1"/>
  <c r="K30" i="6"/>
  <c r="K30" i="7" s="1"/>
  <c r="K69" i="6"/>
  <c r="K69" i="7" s="1"/>
  <c r="K49" i="6"/>
  <c r="K49" i="7" s="1"/>
  <c r="K73" i="6"/>
  <c r="K73" i="7" s="1"/>
  <c r="K44" i="6"/>
  <c r="K44" i="7" s="1"/>
  <c r="K51" i="6"/>
  <c r="K51" i="7" s="1"/>
  <c r="K61" i="6"/>
  <c r="K61" i="7" s="1"/>
  <c r="K47" i="6"/>
  <c r="K47" i="7" s="1"/>
  <c r="K60" i="6"/>
  <c r="K60" i="7" s="1"/>
  <c r="K32" i="6"/>
  <c r="K32" i="7" s="1"/>
  <c r="K43" i="6"/>
  <c r="K43" i="7" s="1"/>
  <c r="K78" i="6"/>
  <c r="K78" i="7" s="1"/>
  <c r="K53" i="6"/>
  <c r="K53" i="7" s="1"/>
  <c r="K41" i="6"/>
  <c r="K41" i="7" s="1"/>
  <c r="K80" i="6"/>
  <c r="K80" i="7" s="1"/>
  <c r="K79" i="6"/>
  <c r="K79" i="7" s="1"/>
  <c r="K76" i="6"/>
  <c r="K76" i="7" s="1"/>
  <c r="K48" i="6"/>
  <c r="K48" i="7" s="1"/>
  <c r="K81" i="6"/>
  <c r="K81" i="7" s="1"/>
  <c r="K35" i="6"/>
  <c r="K35" i="7" s="1"/>
  <c r="K70" i="6"/>
  <c r="K70" i="7" s="1"/>
  <c r="K45" i="6"/>
  <c r="K45" i="7" s="1"/>
  <c r="K63" i="6"/>
  <c r="K63" i="7" s="1"/>
  <c r="K58" i="6"/>
  <c r="K58" i="7" s="1"/>
  <c r="K55" i="6"/>
  <c r="K55" i="7" s="1"/>
  <c r="K34" i="6"/>
  <c r="K34" i="7" s="1"/>
  <c r="K68" i="6"/>
  <c r="K68" i="7" s="1"/>
  <c r="K62" i="6"/>
  <c r="K62" i="7" s="1"/>
  <c r="K37" i="6"/>
  <c r="K37" i="7" s="1"/>
  <c r="K40" i="6"/>
  <c r="K40" i="7" s="1"/>
  <c r="K39" i="6"/>
  <c r="K39" i="7" s="1"/>
  <c r="K36" i="6"/>
  <c r="K36" i="7" s="1"/>
  <c r="K74" i="6"/>
  <c r="K74" i="7" s="1"/>
  <c r="K72" i="6"/>
  <c r="K72" i="7" s="1"/>
  <c r="K56" i="6"/>
  <c r="K56" i="7" s="1"/>
  <c r="K54" i="6"/>
  <c r="K54" i="7" s="1"/>
  <c r="K29" i="6"/>
  <c r="K29" i="7" s="1"/>
  <c r="X54" i="6"/>
  <c r="X29" i="6"/>
  <c r="X75" i="6"/>
  <c r="X78" i="6"/>
  <c r="X67" i="6"/>
  <c r="X53" i="6"/>
  <c r="X50" i="6"/>
  <c r="X72" i="6"/>
  <c r="X46" i="6"/>
  <c r="X38" i="6"/>
  <c r="X35" i="6"/>
  <c r="X70" i="6"/>
  <c r="X27" i="6"/>
  <c r="X61" i="6"/>
  <c r="X58" i="6"/>
  <c r="X80" i="6"/>
  <c r="X62" i="6"/>
  <c r="X69" i="6"/>
  <c r="X44" i="6"/>
  <c r="X66" i="6"/>
  <c r="X47" i="6"/>
  <c r="X45" i="6"/>
  <c r="X59" i="6"/>
  <c r="X42" i="6"/>
  <c r="X37" i="6"/>
  <c r="X76" i="6"/>
  <c r="X51" i="6"/>
  <c r="X33" i="6"/>
  <c r="X28" i="6"/>
  <c r="X68" i="6"/>
  <c r="X43" i="6"/>
  <c r="X41" i="6"/>
  <c r="X60" i="6"/>
  <c r="X34" i="6"/>
  <c r="X82" i="6"/>
  <c r="X32" i="6"/>
  <c r="X77" i="6"/>
  <c r="X52" i="6"/>
  <c r="X36" i="6"/>
  <c r="X74" i="6"/>
  <c r="X55" i="6"/>
  <c r="X49" i="6"/>
  <c r="X63" i="6"/>
  <c r="X64" i="6"/>
  <c r="X39" i="6"/>
  <c r="X81" i="6"/>
  <c r="X56" i="6"/>
  <c r="X30" i="6"/>
  <c r="X73" i="6"/>
  <c r="X48" i="6"/>
  <c r="X65" i="6"/>
  <c r="X40" i="6"/>
  <c r="X79" i="6"/>
  <c r="X57" i="6"/>
  <c r="X31" i="6"/>
  <c r="X71" i="6"/>
  <c r="Y28" i="7"/>
  <c r="Y29" i="7"/>
  <c r="Y52" i="7"/>
  <c r="Y61" i="7"/>
  <c r="Y60" i="7"/>
  <c r="Y51" i="7"/>
  <c r="Y53" i="7"/>
  <c r="Y67" i="7"/>
  <c r="Y41" i="7"/>
  <c r="Y62" i="7"/>
  <c r="Y68" i="7"/>
  <c r="Y54" i="7"/>
  <c r="Y73" i="7"/>
  <c r="Y48" i="7"/>
  <c r="Y49" i="7"/>
  <c r="Y75" i="7"/>
  <c r="Y43" i="7"/>
  <c r="Y33" i="7"/>
  <c r="Y79" i="7"/>
  <c r="Y44" i="7"/>
  <c r="Y34" i="7"/>
  <c r="Y56" i="7"/>
  <c r="Y65" i="7"/>
  <c r="Y69" i="7"/>
  <c r="Y42" i="7"/>
  <c r="Y64" i="7"/>
  <c r="Y30" i="7"/>
  <c r="Y70" i="7"/>
  <c r="Y76" i="7"/>
  <c r="Y45" i="7"/>
  <c r="Y82" i="7"/>
  <c r="Y40" i="7"/>
  <c r="Y71" i="7"/>
  <c r="Y46" i="7"/>
  <c r="Y57" i="7"/>
  <c r="Y37" i="7"/>
  <c r="Y74" i="7"/>
  <c r="Y31" i="7"/>
  <c r="Y63" i="7"/>
  <c r="Y38" i="7"/>
  <c r="Y81" i="7"/>
  <c r="Y35" i="7"/>
  <c r="Y66" i="7"/>
  <c r="Y55" i="7"/>
  <c r="Y32" i="7"/>
  <c r="Y59" i="7"/>
  <c r="Y58" i="7"/>
  <c r="Y80" i="7"/>
  <c r="Y47" i="7"/>
  <c r="Y36" i="7"/>
  <c r="Y77" i="7"/>
  <c r="Y50" i="7"/>
  <c r="Y72" i="7"/>
  <c r="Y39" i="7"/>
  <c r="Y78" i="7"/>
  <c r="Y27" i="7"/>
  <c r="N70" i="6"/>
  <c r="M70" i="6"/>
  <c r="M70" i="7" s="1"/>
  <c r="N42" i="6"/>
  <c r="N81" i="6"/>
  <c r="M81" i="6"/>
  <c r="M81" i="7" s="1"/>
  <c r="N69" i="6"/>
  <c r="M69" i="6"/>
  <c r="M69" i="7" s="1"/>
  <c r="N37" i="6"/>
  <c r="M37" i="6"/>
  <c r="M37" i="7" s="1"/>
  <c r="N64" i="6"/>
  <c r="M64" i="6"/>
  <c r="M64" i="7" s="1"/>
  <c r="N75" i="6"/>
  <c r="M75" i="6"/>
  <c r="M75" i="7" s="1"/>
  <c r="N55" i="6"/>
  <c r="M55" i="6"/>
  <c r="M55" i="7" s="1"/>
  <c r="N65" i="6"/>
  <c r="M65" i="6"/>
  <c r="M65" i="7" s="1"/>
  <c r="N35" i="6"/>
  <c r="M35" i="6"/>
  <c r="M35" i="7" s="1"/>
  <c r="N48" i="6"/>
  <c r="M48" i="6"/>
  <c r="M48" i="7" s="1"/>
  <c r="N59" i="6"/>
  <c r="M59" i="6"/>
  <c r="M59" i="7" s="1"/>
  <c r="N62" i="6"/>
  <c r="M62" i="6"/>
  <c r="M62" i="7" s="1"/>
  <c r="N39" i="6"/>
  <c r="M39" i="6"/>
  <c r="M39" i="7" s="1"/>
  <c r="N68" i="6"/>
  <c r="M68" i="6"/>
  <c r="M68" i="7" s="1"/>
  <c r="N74" i="6"/>
  <c r="M74" i="6"/>
  <c r="M74" i="7" s="1"/>
  <c r="N46" i="6"/>
  <c r="M52" i="6"/>
  <c r="M52" i="7" s="1"/>
  <c r="N58" i="6"/>
  <c r="N79" i="6" l="1"/>
  <c r="N47" i="6"/>
  <c r="O47" i="6" s="1"/>
  <c r="M45" i="6"/>
  <c r="M45" i="7" s="1"/>
  <c r="M28" i="6"/>
  <c r="M28" i="7" s="1"/>
  <c r="N45" i="6"/>
  <c r="O45" i="6" s="1"/>
  <c r="O45" i="7" s="1"/>
  <c r="N28" i="6"/>
  <c r="O28" i="6" s="1"/>
  <c r="N76" i="6"/>
  <c r="O76" i="6" s="1"/>
  <c r="M76" i="6"/>
  <c r="M76" i="7" s="1"/>
  <c r="N32" i="6"/>
  <c r="N32" i="7" s="1"/>
  <c r="N34" i="6"/>
  <c r="O34" i="6" s="1"/>
  <c r="O34" i="7" s="1"/>
  <c r="N80" i="6"/>
  <c r="M43" i="6"/>
  <c r="M43" i="7" s="1"/>
  <c r="M38" i="6"/>
  <c r="M38" i="7" s="1"/>
  <c r="M80" i="6"/>
  <c r="M80" i="7" s="1"/>
  <c r="N38" i="6"/>
  <c r="O38" i="6" s="1"/>
  <c r="S38" i="6" s="1"/>
  <c r="S38" i="7" s="1"/>
  <c r="M49" i="6"/>
  <c r="M49" i="7" s="1"/>
  <c r="M79" i="6"/>
  <c r="M79" i="7" s="1"/>
  <c r="M47" i="6"/>
  <c r="M47" i="7" s="1"/>
  <c r="N43" i="6"/>
  <c r="M33" i="6"/>
  <c r="M33" i="7" s="1"/>
  <c r="N33" i="6"/>
  <c r="O33" i="6" s="1"/>
  <c r="O33" i="7" s="1"/>
  <c r="N49" i="6"/>
  <c r="O49" i="6" s="1"/>
  <c r="O49" i="7" s="1"/>
  <c r="M31" i="6"/>
  <c r="M31" i="7" s="1"/>
  <c r="M40" i="6"/>
  <c r="M40" i="7" s="1"/>
  <c r="N31" i="6"/>
  <c r="N31" i="7" s="1"/>
  <c r="N40" i="6"/>
  <c r="N40" i="7" s="1"/>
  <c r="M82" i="6"/>
  <c r="M82" i="7" s="1"/>
  <c r="M78" i="6"/>
  <c r="M78" i="7" s="1"/>
  <c r="N82" i="6"/>
  <c r="N82" i="7" s="1"/>
  <c r="N78" i="6"/>
  <c r="O78" i="6" s="1"/>
  <c r="O78" i="7" s="1"/>
  <c r="M30" i="6"/>
  <c r="M30" i="7" s="1"/>
  <c r="N52" i="6"/>
  <c r="N52" i="7" s="1"/>
  <c r="N30" i="6"/>
  <c r="O30" i="6" s="1"/>
  <c r="M56" i="6"/>
  <c r="M56" i="7" s="1"/>
  <c r="M72" i="6"/>
  <c r="M72" i="7" s="1"/>
  <c r="M66" i="6"/>
  <c r="M66" i="7" s="1"/>
  <c r="N56" i="6"/>
  <c r="N56" i="7" s="1"/>
  <c r="N72" i="6"/>
  <c r="N72" i="7" s="1"/>
  <c r="N66" i="6"/>
  <c r="O66" i="6" s="1"/>
  <c r="S66" i="6" s="1"/>
  <c r="S66" i="7" s="1"/>
  <c r="M58" i="6"/>
  <c r="M58" i="7" s="1"/>
  <c r="M46" i="6"/>
  <c r="M46" i="7" s="1"/>
  <c r="M32" i="6"/>
  <c r="M32" i="7" s="1"/>
  <c r="M34" i="6"/>
  <c r="M34" i="7" s="1"/>
  <c r="O46" i="6"/>
  <c r="O46" i="7" s="1"/>
  <c r="N46" i="7"/>
  <c r="O65" i="6"/>
  <c r="O65" i="7" s="1"/>
  <c r="N65" i="7"/>
  <c r="O64" i="6"/>
  <c r="O64" i="7" s="1"/>
  <c r="N64" i="7"/>
  <c r="M57" i="6"/>
  <c r="M57" i="7" s="1"/>
  <c r="L57" i="7"/>
  <c r="N73" i="6"/>
  <c r="L73" i="7"/>
  <c r="N50" i="6"/>
  <c r="L50" i="7"/>
  <c r="N29" i="6"/>
  <c r="L29" i="7"/>
  <c r="M41" i="6"/>
  <c r="M41" i="7" s="1"/>
  <c r="L41" i="7"/>
  <c r="N51" i="6"/>
  <c r="L51" i="7"/>
  <c r="N27" i="6"/>
  <c r="L27" i="7"/>
  <c r="O58" i="6"/>
  <c r="O58" i="7" s="1"/>
  <c r="N58" i="7"/>
  <c r="O74" i="6"/>
  <c r="N74" i="7"/>
  <c r="O62" i="6"/>
  <c r="O62" i="7" s="1"/>
  <c r="N62" i="7"/>
  <c r="O70" i="6"/>
  <c r="O70" i="7" s="1"/>
  <c r="N70" i="7"/>
  <c r="M44" i="6"/>
  <c r="M44" i="7" s="1"/>
  <c r="L44" i="7"/>
  <c r="O48" i="6"/>
  <c r="O48" i="7" s="1"/>
  <c r="N48" i="7"/>
  <c r="O55" i="6"/>
  <c r="O55" i="7" s="1"/>
  <c r="N55" i="7"/>
  <c r="O68" i="6"/>
  <c r="R68" i="6" s="1"/>
  <c r="R68" i="7" s="1"/>
  <c r="N68" i="7"/>
  <c r="O79" i="6"/>
  <c r="N79" i="7"/>
  <c r="O35" i="6"/>
  <c r="O35" i="7" s="1"/>
  <c r="N35" i="7"/>
  <c r="O75" i="6"/>
  <c r="S75" i="6" s="1"/>
  <c r="S75" i="7" s="1"/>
  <c r="N75" i="7"/>
  <c r="O37" i="6"/>
  <c r="S37" i="6" s="1"/>
  <c r="S37" i="7" s="1"/>
  <c r="N37" i="7"/>
  <c r="O80" i="6"/>
  <c r="O80" i="7" s="1"/>
  <c r="N80" i="7"/>
  <c r="M42" i="6"/>
  <c r="M42" i="7" s="1"/>
  <c r="L42" i="7"/>
  <c r="O39" i="6"/>
  <c r="O39" i="7" s="1"/>
  <c r="N39" i="7"/>
  <c r="O57" i="6"/>
  <c r="O57" i="7" s="1"/>
  <c r="N57" i="7"/>
  <c r="O59" i="6"/>
  <c r="R59" i="6" s="1"/>
  <c r="R59" i="7" s="1"/>
  <c r="N59" i="7"/>
  <c r="O69" i="6"/>
  <c r="O69" i="7" s="1"/>
  <c r="N69" i="7"/>
  <c r="O81" i="6"/>
  <c r="O81" i="7" s="1"/>
  <c r="N81" i="7"/>
  <c r="O41" i="6"/>
  <c r="O41" i="7" s="1"/>
  <c r="N41" i="7"/>
  <c r="O43" i="6"/>
  <c r="S43" i="6" s="1"/>
  <c r="S43" i="7" s="1"/>
  <c r="N43" i="7"/>
  <c r="O42" i="6"/>
  <c r="O42" i="7" s="1"/>
  <c r="N42" i="7"/>
  <c r="M50" i="6"/>
  <c r="M50" i="7" s="1"/>
  <c r="M29" i="6"/>
  <c r="M29" i="7" s="1"/>
  <c r="M51" i="6"/>
  <c r="M51" i="7" s="1"/>
  <c r="M73" i="6"/>
  <c r="M73" i="7" s="1"/>
  <c r="N54" i="6"/>
  <c r="M54" i="6"/>
  <c r="N44" i="6"/>
  <c r="M60" i="6"/>
  <c r="M60" i="7" s="1"/>
  <c r="N60" i="6"/>
  <c r="M27" i="6"/>
  <c r="N53" i="6"/>
  <c r="M53" i="6"/>
  <c r="M53" i="7" s="1"/>
  <c r="N71" i="6"/>
  <c r="M71" i="6"/>
  <c r="M71" i="7" s="1"/>
  <c r="N61" i="6"/>
  <c r="M61" i="6"/>
  <c r="M67" i="6"/>
  <c r="M67" i="7" s="1"/>
  <c r="N67" i="6"/>
  <c r="N77" i="6"/>
  <c r="M77" i="6"/>
  <c r="M77" i="7" s="1"/>
  <c r="N63" i="6"/>
  <c r="M63" i="6"/>
  <c r="M63" i="7" s="1"/>
  <c r="N36" i="6"/>
  <c r="M36" i="6"/>
  <c r="S46" i="6"/>
  <c r="S46" i="7" s="1"/>
  <c r="S74" i="6"/>
  <c r="S74" i="7" s="1"/>
  <c r="R74" i="6"/>
  <c r="R74" i="7" s="1"/>
  <c r="R28" i="6" l="1"/>
  <c r="R28" i="7" s="1"/>
  <c r="N45" i="7"/>
  <c r="T46" i="6"/>
  <c r="O82" i="6"/>
  <c r="S82" i="6" s="1"/>
  <c r="S82" i="7" s="1"/>
  <c r="O56" i="6"/>
  <c r="R56" i="6" s="1"/>
  <c r="R56" i="7" s="1"/>
  <c r="N47" i="7"/>
  <c r="S69" i="6"/>
  <c r="S69" i="7" s="1"/>
  <c r="N28" i="7"/>
  <c r="R81" i="6"/>
  <c r="R81" i="7" s="1"/>
  <c r="N33" i="7"/>
  <c r="S68" i="6"/>
  <c r="S68" i="7" s="1"/>
  <c r="S35" i="6"/>
  <c r="S35" i="7" s="1"/>
  <c r="T35" i="6"/>
  <c r="V35" i="6" s="1"/>
  <c r="V35" i="7" s="1"/>
  <c r="O76" i="7"/>
  <c r="T76" i="6"/>
  <c r="V76" i="6" s="1"/>
  <c r="V76" i="7" s="1"/>
  <c r="S76" i="6"/>
  <c r="S76" i="7" s="1"/>
  <c r="R76" i="6"/>
  <c r="R76" i="7" s="1"/>
  <c r="O32" i="6"/>
  <c r="S32" i="6" s="1"/>
  <c r="S32" i="7" s="1"/>
  <c r="R47" i="6"/>
  <c r="R47" i="7" s="1"/>
  <c r="N76" i="7"/>
  <c r="O40" i="6"/>
  <c r="O40" i="7" s="1"/>
  <c r="N34" i="7"/>
  <c r="R43" i="6"/>
  <c r="R43" i="7" s="1"/>
  <c r="T69" i="6"/>
  <c r="V69" i="6" s="1"/>
  <c r="V69" i="7" s="1"/>
  <c r="R65" i="6"/>
  <c r="R65" i="7" s="1"/>
  <c r="T65" i="6"/>
  <c r="V65" i="6" s="1"/>
  <c r="V65" i="7" s="1"/>
  <c r="T81" i="6"/>
  <c r="T81" i="7" s="1"/>
  <c r="N38" i="7"/>
  <c r="S59" i="6"/>
  <c r="S59" i="7" s="1"/>
  <c r="T48" i="6"/>
  <c r="V48" i="6" s="1"/>
  <c r="V48" i="7" s="1"/>
  <c r="R48" i="6"/>
  <c r="R48" i="7" s="1"/>
  <c r="S48" i="6"/>
  <c r="S48" i="7" s="1"/>
  <c r="R55" i="6"/>
  <c r="R55" i="7" s="1"/>
  <c r="S65" i="6"/>
  <c r="S65" i="7" s="1"/>
  <c r="R37" i="6"/>
  <c r="R37" i="7" s="1"/>
  <c r="O52" i="6"/>
  <c r="O52" i="7" s="1"/>
  <c r="O31" i="6"/>
  <c r="S31" i="6" s="1"/>
  <c r="S31" i="7" s="1"/>
  <c r="R79" i="6"/>
  <c r="R79" i="7" s="1"/>
  <c r="R42" i="6"/>
  <c r="R42" i="7" s="1"/>
  <c r="S42" i="6"/>
  <c r="S42" i="7" s="1"/>
  <c r="R69" i="6"/>
  <c r="R69" i="7" s="1"/>
  <c r="R30" i="6"/>
  <c r="R30" i="7" s="1"/>
  <c r="S30" i="6"/>
  <c r="S30" i="7" s="1"/>
  <c r="S55" i="6"/>
  <c r="S55" i="7" s="1"/>
  <c r="S33" i="6"/>
  <c r="S33" i="7" s="1"/>
  <c r="S47" i="6"/>
  <c r="S47" i="7" s="1"/>
  <c r="N30" i="7"/>
  <c r="N49" i="7"/>
  <c r="O72" i="6"/>
  <c r="O72" i="7" s="1"/>
  <c r="T80" i="6"/>
  <c r="T80" i="7" s="1"/>
  <c r="T33" i="6"/>
  <c r="T33" i="7" s="1"/>
  <c r="T57" i="6"/>
  <c r="T57" i="7" s="1"/>
  <c r="S80" i="6"/>
  <c r="S80" i="7" s="1"/>
  <c r="R45" i="6"/>
  <c r="R45" i="7" s="1"/>
  <c r="S45" i="6"/>
  <c r="S45" i="7" s="1"/>
  <c r="N78" i="7"/>
  <c r="R58" i="6"/>
  <c r="R58" i="7" s="1"/>
  <c r="S58" i="6"/>
  <c r="S58" i="7" s="1"/>
  <c r="R82" i="6"/>
  <c r="R82" i="7" s="1"/>
  <c r="T58" i="6"/>
  <c r="V58" i="6" s="1"/>
  <c r="V58" i="7" s="1"/>
  <c r="T42" i="6"/>
  <c r="V42" i="6" s="1"/>
  <c r="V42" i="7" s="1"/>
  <c r="T70" i="6"/>
  <c r="T70" i="7" s="1"/>
  <c r="T62" i="6"/>
  <c r="V62" i="6" s="1"/>
  <c r="V62" i="7" s="1"/>
  <c r="N66" i="7"/>
  <c r="S34" i="6"/>
  <c r="S34" i="7" s="1"/>
  <c r="R49" i="6"/>
  <c r="R49" i="7" s="1"/>
  <c r="R64" i="6"/>
  <c r="R64" i="7" s="1"/>
  <c r="T34" i="6"/>
  <c r="T34" i="7" s="1"/>
  <c r="S64" i="6"/>
  <c r="S64" i="7" s="1"/>
  <c r="R62" i="6"/>
  <c r="R62" i="7" s="1"/>
  <c r="S49" i="6"/>
  <c r="S49" i="7" s="1"/>
  <c r="R46" i="6"/>
  <c r="R46" i="7" s="1"/>
  <c r="R38" i="6"/>
  <c r="R38" i="7" s="1"/>
  <c r="R33" i="6"/>
  <c r="R33" i="7" s="1"/>
  <c r="S70" i="6"/>
  <c r="S70" i="7" s="1"/>
  <c r="R70" i="6"/>
  <c r="R70" i="7" s="1"/>
  <c r="R34" i="6"/>
  <c r="R34" i="7" s="1"/>
  <c r="R75" i="6"/>
  <c r="R75" i="7" s="1"/>
  <c r="R80" i="6"/>
  <c r="R80" i="7" s="1"/>
  <c r="S81" i="6"/>
  <c r="S81" i="7" s="1"/>
  <c r="S57" i="6"/>
  <c r="S57" i="7" s="1"/>
  <c r="S62" i="6"/>
  <c r="S62" i="7" s="1"/>
  <c r="R35" i="6"/>
  <c r="R35" i="7" s="1"/>
  <c r="T64" i="6"/>
  <c r="T64" i="7" s="1"/>
  <c r="T55" i="6"/>
  <c r="T55" i="7" s="1"/>
  <c r="T45" i="6"/>
  <c r="V45" i="6" s="1"/>
  <c r="V45" i="7" s="1"/>
  <c r="S78" i="6"/>
  <c r="S78" i="7" s="1"/>
  <c r="S79" i="6"/>
  <c r="S79" i="7" s="1"/>
  <c r="R57" i="6"/>
  <c r="R57" i="7" s="1"/>
  <c r="T49" i="6"/>
  <c r="T49" i="7" s="1"/>
  <c r="S41" i="6"/>
  <c r="S41" i="7" s="1"/>
  <c r="T41" i="6"/>
  <c r="V41" i="6" s="1"/>
  <c r="V41" i="7" s="1"/>
  <c r="T78" i="6"/>
  <c r="T78" i="7" s="1"/>
  <c r="R66" i="6"/>
  <c r="R66" i="7" s="1"/>
  <c r="T39" i="6"/>
  <c r="V39" i="6" s="1"/>
  <c r="V39" i="7" s="1"/>
  <c r="R39" i="6"/>
  <c r="R39" i="7" s="1"/>
  <c r="S39" i="6"/>
  <c r="S39" i="7" s="1"/>
  <c r="R78" i="6"/>
  <c r="R78" i="7" s="1"/>
  <c r="R41" i="6"/>
  <c r="R41" i="7" s="1"/>
  <c r="S28" i="6"/>
  <c r="S28" i="7" s="1"/>
  <c r="O71" i="6"/>
  <c r="R71" i="6" s="1"/>
  <c r="N71" i="7"/>
  <c r="O60" i="6"/>
  <c r="S60" i="6" s="1"/>
  <c r="S60" i="7" s="1"/>
  <c r="N60" i="7"/>
  <c r="T38" i="6"/>
  <c r="O38" i="7"/>
  <c r="T37" i="6"/>
  <c r="O37" i="7"/>
  <c r="T30" i="6"/>
  <c r="O30" i="7"/>
  <c r="T28" i="6"/>
  <c r="O28" i="7"/>
  <c r="T74" i="6"/>
  <c r="O74" i="7"/>
  <c r="O51" i="6"/>
  <c r="N51" i="7"/>
  <c r="O73" i="6"/>
  <c r="N73" i="7"/>
  <c r="O77" i="6"/>
  <c r="N77" i="7"/>
  <c r="O67" i="6"/>
  <c r="N67" i="7"/>
  <c r="O44" i="6"/>
  <c r="N44" i="7"/>
  <c r="T56" i="6"/>
  <c r="T75" i="6"/>
  <c r="O75" i="7"/>
  <c r="T79" i="6"/>
  <c r="O79" i="7"/>
  <c r="T66" i="6"/>
  <c r="O66" i="7"/>
  <c r="M36" i="7"/>
  <c r="O53" i="6"/>
  <c r="R53" i="6" s="1"/>
  <c r="N53" i="7"/>
  <c r="M54" i="7"/>
  <c r="O36" i="6"/>
  <c r="N36" i="7"/>
  <c r="V57" i="6"/>
  <c r="V57" i="7" s="1"/>
  <c r="M61" i="7"/>
  <c r="O54" i="6"/>
  <c r="N54" i="7"/>
  <c r="T59" i="6"/>
  <c r="O59" i="7"/>
  <c r="T68" i="6"/>
  <c r="O68" i="7"/>
  <c r="O29" i="6"/>
  <c r="N29" i="7"/>
  <c r="T82" i="6"/>
  <c r="O82" i="7"/>
  <c r="O61" i="6"/>
  <c r="N61" i="7"/>
  <c r="V46" i="6"/>
  <c r="V46" i="7" s="1"/>
  <c r="T46" i="7"/>
  <c r="O63" i="6"/>
  <c r="R63" i="6" s="1"/>
  <c r="R63" i="7" s="1"/>
  <c r="N63" i="7"/>
  <c r="M27" i="7"/>
  <c r="T43" i="6"/>
  <c r="O43" i="7"/>
  <c r="T47" i="6"/>
  <c r="O47" i="7"/>
  <c r="O27" i="6"/>
  <c r="N27" i="7"/>
  <c r="O50" i="6"/>
  <c r="N50" i="7"/>
  <c r="U74" i="6"/>
  <c r="O56" i="7" l="1"/>
  <c r="S56" i="6"/>
  <c r="S56" i="7" s="1"/>
  <c r="T35" i="7"/>
  <c r="U47" i="6"/>
  <c r="U68" i="6"/>
  <c r="U37" i="6"/>
  <c r="W37" i="6" s="1"/>
  <c r="V70" i="6"/>
  <c r="V70" i="7" s="1"/>
  <c r="S52" i="6"/>
  <c r="S52" i="7" s="1"/>
  <c r="V33" i="6"/>
  <c r="V33" i="7" s="1"/>
  <c r="T76" i="7"/>
  <c r="U43" i="6"/>
  <c r="U43" i="7" s="1"/>
  <c r="U28" i="6"/>
  <c r="U28" i="7" s="1"/>
  <c r="T69" i="7"/>
  <c r="U45" i="6"/>
  <c r="W45" i="6" s="1"/>
  <c r="U65" i="6"/>
  <c r="W65" i="6" s="1"/>
  <c r="AN65" i="6" s="1"/>
  <c r="U76" i="6"/>
  <c r="U76" i="7" s="1"/>
  <c r="U42" i="6"/>
  <c r="U42" i="7" s="1"/>
  <c r="S40" i="6"/>
  <c r="S40" i="7" s="1"/>
  <c r="U59" i="6"/>
  <c r="U59" i="7" s="1"/>
  <c r="R72" i="6"/>
  <c r="R72" i="7" s="1"/>
  <c r="T52" i="6"/>
  <c r="V52" i="6" s="1"/>
  <c r="V52" i="7" s="1"/>
  <c r="V81" i="6"/>
  <c r="V81" i="7" s="1"/>
  <c r="R32" i="6"/>
  <c r="R32" i="7" s="1"/>
  <c r="R40" i="6"/>
  <c r="R40" i="7" s="1"/>
  <c r="T40" i="6"/>
  <c r="T40" i="7" s="1"/>
  <c r="V80" i="6"/>
  <c r="V80" i="7" s="1"/>
  <c r="O32" i="7"/>
  <c r="T65" i="7"/>
  <c r="T72" i="6"/>
  <c r="V72" i="6" s="1"/>
  <c r="V72" i="7" s="1"/>
  <c r="U69" i="6"/>
  <c r="U69" i="7" s="1"/>
  <c r="T32" i="6"/>
  <c r="T32" i="7" s="1"/>
  <c r="T48" i="7"/>
  <c r="U82" i="6"/>
  <c r="U82" i="7" s="1"/>
  <c r="U48" i="6"/>
  <c r="W48" i="6" s="1"/>
  <c r="AS48" i="6" s="1"/>
  <c r="Q27" i="25" s="1"/>
  <c r="U66" i="6"/>
  <c r="U66" i="7" s="1"/>
  <c r="U35" i="6"/>
  <c r="W35" i="6" s="1"/>
  <c r="AR35" i="6" s="1"/>
  <c r="R31" i="6"/>
  <c r="U58" i="6"/>
  <c r="W58" i="6" s="1"/>
  <c r="R52" i="6"/>
  <c r="R52" i="7" s="1"/>
  <c r="V34" i="6"/>
  <c r="V34" i="7" s="1"/>
  <c r="U38" i="6"/>
  <c r="U38" i="7" s="1"/>
  <c r="O31" i="7"/>
  <c r="U30" i="6"/>
  <c r="U30" i="7" s="1"/>
  <c r="T31" i="6"/>
  <c r="T31" i="7" s="1"/>
  <c r="T45" i="7"/>
  <c r="V78" i="6"/>
  <c r="V78" i="7" s="1"/>
  <c r="U55" i="6"/>
  <c r="W55" i="6" s="1"/>
  <c r="AQ55" i="6" s="1"/>
  <c r="U33" i="6"/>
  <c r="W33" i="6" s="1"/>
  <c r="AP33" i="6" s="1"/>
  <c r="S72" i="6"/>
  <c r="S72" i="7" s="1"/>
  <c r="U80" i="6"/>
  <c r="U80" i="7" s="1"/>
  <c r="T42" i="7"/>
  <c r="U79" i="6"/>
  <c r="U70" i="6"/>
  <c r="U70" i="7" s="1"/>
  <c r="T58" i="7"/>
  <c r="U75" i="6"/>
  <c r="W75" i="6" s="1"/>
  <c r="AP75" i="6" s="1"/>
  <c r="V64" i="6"/>
  <c r="V64" i="7" s="1"/>
  <c r="T62" i="7"/>
  <c r="U49" i="6"/>
  <c r="U49" i="7" s="1"/>
  <c r="V55" i="6"/>
  <c r="V55" i="7" s="1"/>
  <c r="U78" i="6"/>
  <c r="U78" i="7" s="1"/>
  <c r="U41" i="6"/>
  <c r="W41" i="6" s="1"/>
  <c r="U62" i="6"/>
  <c r="W62" i="6" s="1"/>
  <c r="U57" i="6"/>
  <c r="U57" i="7" s="1"/>
  <c r="U81" i="6"/>
  <c r="U81" i="7" s="1"/>
  <c r="U64" i="6"/>
  <c r="U64" i="7" s="1"/>
  <c r="U46" i="6"/>
  <c r="W46" i="6" s="1"/>
  <c r="U34" i="6"/>
  <c r="W34" i="6" s="1"/>
  <c r="S53" i="6"/>
  <c r="S53" i="7" s="1"/>
  <c r="V49" i="6"/>
  <c r="V49" i="7" s="1"/>
  <c r="T39" i="7"/>
  <c r="T41" i="7"/>
  <c r="U39" i="6"/>
  <c r="W39" i="6" s="1"/>
  <c r="AR39" i="6" s="1"/>
  <c r="R53" i="7"/>
  <c r="V47" i="6"/>
  <c r="V47" i="7" s="1"/>
  <c r="T47" i="7"/>
  <c r="T50" i="6"/>
  <c r="O50" i="7"/>
  <c r="R50" i="6"/>
  <c r="S50" i="6"/>
  <c r="S50" i="7" s="1"/>
  <c r="V82" i="6"/>
  <c r="V82" i="7" s="1"/>
  <c r="T82" i="7"/>
  <c r="T54" i="6"/>
  <c r="O54" i="7"/>
  <c r="S54" i="6"/>
  <c r="S54" i="7" s="1"/>
  <c r="T44" i="6"/>
  <c r="O44" i="7"/>
  <c r="R44" i="6"/>
  <c r="S44" i="6"/>
  <c r="S44" i="7" s="1"/>
  <c r="V28" i="6"/>
  <c r="V28" i="7" s="1"/>
  <c r="T28" i="7"/>
  <c r="T60" i="6"/>
  <c r="O60" i="7"/>
  <c r="R60" i="6"/>
  <c r="V43" i="6"/>
  <c r="V43" i="7" s="1"/>
  <c r="T43" i="7"/>
  <c r="O27" i="7"/>
  <c r="T27" i="6"/>
  <c r="S27" i="6"/>
  <c r="S27" i="7" s="1"/>
  <c r="T63" i="6"/>
  <c r="O63" i="7"/>
  <c r="T61" i="6"/>
  <c r="O61" i="7"/>
  <c r="S61" i="6"/>
  <c r="S61" i="7" s="1"/>
  <c r="O29" i="7"/>
  <c r="R29" i="6"/>
  <c r="S29" i="6"/>
  <c r="S29" i="7" s="1"/>
  <c r="T29" i="6"/>
  <c r="O36" i="7"/>
  <c r="T36" i="6"/>
  <c r="S36" i="6"/>
  <c r="S36" i="7" s="1"/>
  <c r="V79" i="6"/>
  <c r="V79" i="7" s="1"/>
  <c r="T79" i="7"/>
  <c r="T73" i="6"/>
  <c r="O73" i="7"/>
  <c r="R73" i="6"/>
  <c r="S73" i="6"/>
  <c r="S73" i="7" s="1"/>
  <c r="V30" i="6"/>
  <c r="V30" i="7" s="1"/>
  <c r="T30" i="7"/>
  <c r="S63" i="6"/>
  <c r="S63" i="7" s="1"/>
  <c r="R71" i="7"/>
  <c r="R27" i="6"/>
  <c r="V68" i="6"/>
  <c r="V68" i="7" s="1"/>
  <c r="T68" i="7"/>
  <c r="R54" i="6"/>
  <c r="R36" i="6"/>
  <c r="V75" i="6"/>
  <c r="V75" i="7" s="1"/>
  <c r="T75" i="7"/>
  <c r="O67" i="7"/>
  <c r="S67" i="6"/>
  <c r="S67" i="7" s="1"/>
  <c r="R67" i="6"/>
  <c r="T67" i="6"/>
  <c r="T77" i="6"/>
  <c r="O77" i="7"/>
  <c r="S77" i="6"/>
  <c r="S77" i="7" s="1"/>
  <c r="R77" i="6"/>
  <c r="T51" i="6"/>
  <c r="O51" i="7"/>
  <c r="S51" i="6"/>
  <c r="S51" i="7" s="1"/>
  <c r="R51" i="6"/>
  <c r="V37" i="6"/>
  <c r="V37" i="7" s="1"/>
  <c r="T37" i="7"/>
  <c r="S71" i="6"/>
  <c r="S71" i="7" s="1"/>
  <c r="O71" i="7"/>
  <c r="T71" i="6"/>
  <c r="V31" i="6"/>
  <c r="V31" i="7" s="1"/>
  <c r="V59" i="6"/>
  <c r="V59" i="7" s="1"/>
  <c r="T59" i="7"/>
  <c r="R61" i="6"/>
  <c r="T53" i="6"/>
  <c r="O53" i="7"/>
  <c r="V66" i="6"/>
  <c r="V66" i="7" s="1"/>
  <c r="T66" i="7"/>
  <c r="V56" i="6"/>
  <c r="V56" i="7" s="1"/>
  <c r="T56" i="7"/>
  <c r="V74" i="6"/>
  <c r="V74" i="7" s="1"/>
  <c r="T74" i="7"/>
  <c r="V38" i="6"/>
  <c r="V38" i="7" s="1"/>
  <c r="T38" i="7"/>
  <c r="U74" i="7"/>
  <c r="U47" i="7"/>
  <c r="U35" i="7"/>
  <c r="U68" i="7"/>
  <c r="W30" i="6"/>
  <c r="AN30" i="6" s="1"/>
  <c r="V32" i="6" l="1"/>
  <c r="V32" i="7" s="1"/>
  <c r="W76" i="6"/>
  <c r="AN76" i="6" s="1"/>
  <c r="U45" i="7"/>
  <c r="U37" i="7"/>
  <c r="U32" i="6"/>
  <c r="U32" i="7" s="1"/>
  <c r="U56" i="6"/>
  <c r="W42" i="6"/>
  <c r="AN42" i="6" s="1"/>
  <c r="U33" i="7"/>
  <c r="U48" i="7"/>
  <c r="W43" i="6"/>
  <c r="U55" i="7"/>
  <c r="U65" i="7"/>
  <c r="W69" i="6"/>
  <c r="AQ69" i="6" s="1"/>
  <c r="U39" i="7"/>
  <c r="T72" i="7"/>
  <c r="W81" i="6"/>
  <c r="AN81" i="6" s="1"/>
  <c r="G60" i="25" s="1"/>
  <c r="T52" i="7"/>
  <c r="V40" i="6"/>
  <c r="V40" i="7" s="1"/>
  <c r="W70" i="6"/>
  <c r="AQ70" i="6" s="1"/>
  <c r="U40" i="6"/>
  <c r="U52" i="6"/>
  <c r="W52" i="6" s="1"/>
  <c r="AN52" i="6" s="1"/>
  <c r="G31" i="25" s="1"/>
  <c r="U58" i="7"/>
  <c r="W80" i="6"/>
  <c r="AQ80" i="6" s="1"/>
  <c r="M59" i="25" s="1"/>
  <c r="U72" i="6"/>
  <c r="U75" i="7"/>
  <c r="W59" i="6"/>
  <c r="AQ59" i="6" s="1"/>
  <c r="M38" i="25" s="1"/>
  <c r="R31" i="7"/>
  <c r="U31" i="6"/>
  <c r="U31" i="7" s="1"/>
  <c r="W28" i="6"/>
  <c r="AN28" i="6" s="1"/>
  <c r="G7" i="25" s="1"/>
  <c r="AQ35" i="6"/>
  <c r="U46" i="7"/>
  <c r="U41" i="7"/>
  <c r="W49" i="6"/>
  <c r="AO49" i="6" s="1"/>
  <c r="I28" i="25" s="1"/>
  <c r="AP35" i="6"/>
  <c r="W47" i="6"/>
  <c r="AP47" i="6" s="1"/>
  <c r="K26" i="25" s="1"/>
  <c r="W79" i="6"/>
  <c r="AM79" i="6" s="1"/>
  <c r="E58" i="25" s="1"/>
  <c r="AO35" i="6"/>
  <c r="AN35" i="6"/>
  <c r="AP62" i="6"/>
  <c r="AQ62" i="6"/>
  <c r="W78" i="6"/>
  <c r="W78" i="7" s="1"/>
  <c r="AM55" i="6"/>
  <c r="U62" i="7"/>
  <c r="U79" i="7"/>
  <c r="W82" i="6"/>
  <c r="AX82" i="6" s="1"/>
  <c r="AA61" i="25" s="1"/>
  <c r="AP65" i="6"/>
  <c r="W64" i="6"/>
  <c r="AR64" i="6" s="1"/>
  <c r="AM65" i="6"/>
  <c r="AQ65" i="6"/>
  <c r="W66" i="6"/>
  <c r="AQ66" i="6" s="1"/>
  <c r="W57" i="6"/>
  <c r="AP57" i="6" s="1"/>
  <c r="AO55" i="6"/>
  <c r="AN55" i="6"/>
  <c r="AR55" i="6"/>
  <c r="AP55" i="6"/>
  <c r="AO34" i="6"/>
  <c r="AP34" i="6"/>
  <c r="AQ34" i="6"/>
  <c r="AR34" i="6"/>
  <c r="AN34" i="6"/>
  <c r="AP76" i="6"/>
  <c r="W68" i="6"/>
  <c r="AR68" i="6" s="1"/>
  <c r="U34" i="7"/>
  <c r="AQ33" i="6"/>
  <c r="AO33" i="6"/>
  <c r="AO76" i="6"/>
  <c r="U53" i="6"/>
  <c r="AM76" i="6"/>
  <c r="AR33" i="6"/>
  <c r="AM30" i="6"/>
  <c r="AM33" i="6"/>
  <c r="AN33" i="6"/>
  <c r="AR75" i="6"/>
  <c r="AQ75" i="6"/>
  <c r="AQ30" i="6"/>
  <c r="AQ76" i="6"/>
  <c r="AP30" i="6"/>
  <c r="W38" i="6"/>
  <c r="W38" i="7" s="1"/>
  <c r="W74" i="6"/>
  <c r="AP74" i="6" s="1"/>
  <c r="AR30" i="6"/>
  <c r="AO30" i="6"/>
  <c r="AO65" i="6"/>
  <c r="AN62" i="6"/>
  <c r="AR62" i="6"/>
  <c r="AO75" i="6"/>
  <c r="AO62" i="6"/>
  <c r="AM62" i="6"/>
  <c r="AN75" i="6"/>
  <c r="W58" i="7"/>
  <c r="AX58" i="6"/>
  <c r="AY58" i="6"/>
  <c r="AT37" i="6"/>
  <c r="AX37" i="6"/>
  <c r="AY37" i="6"/>
  <c r="W65" i="7"/>
  <c r="AX65" i="6"/>
  <c r="AY65" i="6"/>
  <c r="AX75" i="6"/>
  <c r="AY75" i="6"/>
  <c r="W41" i="7"/>
  <c r="AX41" i="6"/>
  <c r="AY41" i="6"/>
  <c r="AX35" i="6"/>
  <c r="AY35" i="6"/>
  <c r="AX34" i="6"/>
  <c r="AY34" i="6"/>
  <c r="W33" i="7"/>
  <c r="AX33" i="6"/>
  <c r="AY33" i="6"/>
  <c r="AM39" i="6"/>
  <c r="AX39" i="6"/>
  <c r="AY39" i="6"/>
  <c r="AO43" i="6"/>
  <c r="AX43" i="6"/>
  <c r="AY43" i="6"/>
  <c r="W46" i="7"/>
  <c r="AX46" i="6"/>
  <c r="AY46" i="6"/>
  <c r="W45" i="7"/>
  <c r="AX45" i="6"/>
  <c r="AY45" i="6"/>
  <c r="W55" i="7"/>
  <c r="AX55" i="6"/>
  <c r="AY55" i="6"/>
  <c r="W30" i="7"/>
  <c r="AX30" i="6"/>
  <c r="AY30" i="6"/>
  <c r="W76" i="7"/>
  <c r="AX76" i="6"/>
  <c r="AY76" i="6"/>
  <c r="AR48" i="6"/>
  <c r="O27" i="25" s="1"/>
  <c r="AX48" i="6"/>
  <c r="AA27" i="25" s="1"/>
  <c r="AY48" i="6"/>
  <c r="AC27" i="25" s="1"/>
  <c r="W62" i="7"/>
  <c r="AX62" i="6"/>
  <c r="AY62" i="6"/>
  <c r="AN39" i="6"/>
  <c r="AQ39" i="6"/>
  <c r="R51" i="7"/>
  <c r="U51" i="6"/>
  <c r="V67" i="6"/>
  <c r="V67" i="7" s="1"/>
  <c r="T67" i="7"/>
  <c r="V36" i="6"/>
  <c r="V36" i="7" s="1"/>
  <c r="T36" i="7"/>
  <c r="V61" i="6"/>
  <c r="V61" i="7" s="1"/>
  <c r="T61" i="7"/>
  <c r="R60" i="7"/>
  <c r="U60" i="6"/>
  <c r="V44" i="6"/>
  <c r="V44" i="7" s="1"/>
  <c r="T44" i="7"/>
  <c r="R67" i="7"/>
  <c r="U67" i="6"/>
  <c r="R50" i="7"/>
  <c r="U50" i="6"/>
  <c r="R27" i="7"/>
  <c r="U27" i="6"/>
  <c r="R73" i="7"/>
  <c r="U73" i="6"/>
  <c r="V29" i="6"/>
  <c r="V29" i="7" s="1"/>
  <c r="T29" i="7"/>
  <c r="V63" i="6"/>
  <c r="V63" i="7" s="1"/>
  <c r="T63" i="7"/>
  <c r="V60" i="6"/>
  <c r="V60" i="7" s="1"/>
  <c r="T60" i="7"/>
  <c r="V71" i="6"/>
  <c r="V71" i="7" s="1"/>
  <c r="T71" i="7"/>
  <c r="V51" i="6"/>
  <c r="V51" i="7" s="1"/>
  <c r="T51" i="7"/>
  <c r="V50" i="6"/>
  <c r="V50" i="7" s="1"/>
  <c r="T50" i="7"/>
  <c r="R77" i="7"/>
  <c r="U77" i="6"/>
  <c r="U71" i="6"/>
  <c r="V73" i="6"/>
  <c r="V73" i="7" s="1"/>
  <c r="T73" i="7"/>
  <c r="R29" i="7"/>
  <c r="U29" i="6"/>
  <c r="V27" i="6"/>
  <c r="V27" i="7" s="1"/>
  <c r="T27" i="7"/>
  <c r="V53" i="6"/>
  <c r="V53" i="7" s="1"/>
  <c r="T53" i="7"/>
  <c r="V54" i="6"/>
  <c r="V54" i="7" s="1"/>
  <c r="T54" i="7"/>
  <c r="R61" i="7"/>
  <c r="U61" i="6"/>
  <c r="R36" i="7"/>
  <c r="U36" i="6"/>
  <c r="U63" i="6"/>
  <c r="R44" i="7"/>
  <c r="U44" i="6"/>
  <c r="V77" i="6"/>
  <c r="V77" i="7" s="1"/>
  <c r="T77" i="7"/>
  <c r="R54" i="7"/>
  <c r="U54" i="6"/>
  <c r="AN48" i="6"/>
  <c r="G27" i="25" s="1"/>
  <c r="AO41" i="6"/>
  <c r="AO48" i="6"/>
  <c r="I27" i="25" s="1"/>
  <c r="AR41" i="6"/>
  <c r="AP46" i="6"/>
  <c r="AP48" i="6"/>
  <c r="K27" i="25" s="1"/>
  <c r="AN41" i="6"/>
  <c r="AO39" i="6"/>
  <c r="AS37" i="6"/>
  <c r="AR58" i="6"/>
  <c r="AQ58" i="6"/>
  <c r="AN43" i="6"/>
  <c r="AQ41" i="6"/>
  <c r="AP37" i="6"/>
  <c r="AM46" i="6"/>
  <c r="AP58" i="6"/>
  <c r="AQ43" i="6"/>
  <c r="AP41" i="6"/>
  <c r="AN37" i="6"/>
  <c r="AM37" i="6"/>
  <c r="AM41" i="6"/>
  <c r="AR43" i="6"/>
  <c r="AQ45" i="6"/>
  <c r="AO58" i="6"/>
  <c r="AP45" i="6"/>
  <c r="AP43" i="6"/>
  <c r="AO46" i="6"/>
  <c r="AR37" i="6"/>
  <c r="AN58" i="6"/>
  <c r="AN45" i="6"/>
  <c r="AN46" i="6"/>
  <c r="AO37" i="6"/>
  <c r="AM45" i="6"/>
  <c r="AM58" i="6"/>
  <c r="E37" i="25" s="1"/>
  <c r="AR46" i="6"/>
  <c r="AO45" i="6"/>
  <c r="AQ46" i="6"/>
  <c r="AQ48" i="6"/>
  <c r="M27" i="25" s="1"/>
  <c r="AM43" i="6"/>
  <c r="W43" i="7"/>
  <c r="AQ37" i="6"/>
  <c r="W37" i="7"/>
  <c r="AP39" i="6"/>
  <c r="W39" i="7"/>
  <c r="AM35" i="6"/>
  <c r="W35" i="7"/>
  <c r="AM34" i="6"/>
  <c r="W34" i="7"/>
  <c r="AM48" i="6"/>
  <c r="E27" i="25" s="1"/>
  <c r="W48" i="7"/>
  <c r="AM75" i="6"/>
  <c r="W75" i="7"/>
  <c r="AN47" i="14"/>
  <c r="AJ48" i="14"/>
  <c r="AR48" i="14"/>
  <c r="AN49" i="14"/>
  <c r="AJ50" i="14"/>
  <c r="AR50" i="14"/>
  <c r="AN51" i="14"/>
  <c r="AJ52" i="14"/>
  <c r="AR52" i="14"/>
  <c r="AN53" i="14"/>
  <c r="AJ54" i="14"/>
  <c r="AR54" i="14"/>
  <c r="AN59" i="14"/>
  <c r="AN63" i="14"/>
  <c r="AJ72" i="14"/>
  <c r="AR72" i="14"/>
  <c r="AO47" i="14"/>
  <c r="AK48" i="14"/>
  <c r="AS48" i="14"/>
  <c r="AO49" i="14"/>
  <c r="AK50" i="14"/>
  <c r="AS50" i="14"/>
  <c r="AO51" i="14"/>
  <c r="AK52" i="14"/>
  <c r="AS52" i="14"/>
  <c r="AO53" i="14"/>
  <c r="AK54" i="14"/>
  <c r="AS54" i="14"/>
  <c r="AO59" i="14"/>
  <c r="AO63" i="14"/>
  <c r="AK72" i="14"/>
  <c r="AS72" i="14"/>
  <c r="AP47" i="14"/>
  <c r="AL48" i="14"/>
  <c r="AT48" i="14"/>
  <c r="AP49" i="14"/>
  <c r="AL50" i="14"/>
  <c r="AT50" i="14"/>
  <c r="AP51" i="14"/>
  <c r="AL52" i="14"/>
  <c r="AT52" i="14"/>
  <c r="AP53" i="14"/>
  <c r="AL54" i="14"/>
  <c r="AT54" i="14"/>
  <c r="AP59" i="14"/>
  <c r="AP63" i="14"/>
  <c r="AL72" i="14"/>
  <c r="AT72" i="14"/>
  <c r="AQ47" i="14"/>
  <c r="AM48" i="14"/>
  <c r="AU48" i="14"/>
  <c r="AQ49" i="14"/>
  <c r="AM50" i="14"/>
  <c r="AU50" i="14"/>
  <c r="AQ51" i="14"/>
  <c r="AM52" i="14"/>
  <c r="AU52" i="14"/>
  <c r="AQ53" i="14"/>
  <c r="AM54" i="14"/>
  <c r="AU54" i="14"/>
  <c r="AQ59" i="14"/>
  <c r="AQ63" i="14"/>
  <c r="AM72" i="14"/>
  <c r="AU72" i="14"/>
  <c r="AJ47" i="14"/>
  <c r="AR47" i="14"/>
  <c r="AN48" i="14"/>
  <c r="AJ49" i="14"/>
  <c r="AR49" i="14"/>
  <c r="AN50" i="14"/>
  <c r="AJ51" i="14"/>
  <c r="AR51" i="14"/>
  <c r="AN52" i="14"/>
  <c r="AJ53" i="14"/>
  <c r="AR53" i="14"/>
  <c r="AN54" i="14"/>
  <c r="AJ59" i="14"/>
  <c r="AR59" i="14"/>
  <c r="AJ63" i="14"/>
  <c r="AR63" i="14"/>
  <c r="AN72" i="14"/>
  <c r="AL47" i="14"/>
  <c r="AT47" i="14"/>
  <c r="AP48" i="14"/>
  <c r="AL49" i="14"/>
  <c r="AT49" i="14"/>
  <c r="AP50" i="14"/>
  <c r="AL51" i="14"/>
  <c r="AT51" i="14"/>
  <c r="AP52" i="14"/>
  <c r="AL53" i="14"/>
  <c r="AT53" i="14"/>
  <c r="AP54" i="14"/>
  <c r="AL59" i="14"/>
  <c r="AT59" i="14"/>
  <c r="AL63" i="14"/>
  <c r="AT63" i="14"/>
  <c r="AP72" i="14"/>
  <c r="AM47" i="14"/>
  <c r="AU47" i="14"/>
  <c r="AQ48" i="14"/>
  <c r="AM49" i="14"/>
  <c r="AU49" i="14"/>
  <c r="AQ50" i="14"/>
  <c r="AM51" i="14"/>
  <c r="AU51" i="14"/>
  <c r="AQ52" i="14"/>
  <c r="AM53" i="14"/>
  <c r="AU53" i="14"/>
  <c r="AQ54" i="14"/>
  <c r="AM59" i="14"/>
  <c r="AU59" i="14"/>
  <c r="AM63" i="14"/>
  <c r="AU63" i="14"/>
  <c r="AQ72" i="14"/>
  <c r="AK49" i="14"/>
  <c r="AO54" i="14"/>
  <c r="AS59" i="14"/>
  <c r="AS49" i="14"/>
  <c r="AO50" i="14"/>
  <c r="AK51" i="14"/>
  <c r="AO72" i="14"/>
  <c r="AS51" i="14"/>
  <c r="AK47" i="14"/>
  <c r="AO52" i="14"/>
  <c r="AK63" i="14"/>
  <c r="AS47" i="14"/>
  <c r="AK53" i="14"/>
  <c r="AS63" i="14"/>
  <c r="AO48" i="14"/>
  <c r="AS53" i="14"/>
  <c r="AK59" i="14"/>
  <c r="HY51" i="14"/>
  <c r="HY69" i="14"/>
  <c r="HY62" i="14"/>
  <c r="HY76" i="14"/>
  <c r="HY33" i="14"/>
  <c r="HY36" i="14"/>
  <c r="HY59" i="14"/>
  <c r="HY77" i="14"/>
  <c r="HY70" i="14"/>
  <c r="HY31" i="14"/>
  <c r="HY49" i="14"/>
  <c r="HY52" i="14"/>
  <c r="HY67" i="14"/>
  <c r="HY78" i="14"/>
  <c r="HY39" i="14"/>
  <c r="HY65" i="14"/>
  <c r="HY68" i="14"/>
  <c r="HY56" i="14"/>
  <c r="HY58" i="14"/>
  <c r="HY75" i="14"/>
  <c r="HY29" i="14"/>
  <c r="HY47" i="14"/>
  <c r="HY32" i="14"/>
  <c r="HY81" i="14"/>
  <c r="HY45" i="14"/>
  <c r="HY38" i="14"/>
  <c r="HY63" i="14"/>
  <c r="HY64" i="14"/>
  <c r="HY50" i="14"/>
  <c r="HY41" i="14"/>
  <c r="HY42" i="14"/>
  <c r="HY43" i="14"/>
  <c r="HY61" i="14"/>
  <c r="HY54" i="14"/>
  <c r="HY79" i="14"/>
  <c r="HY60" i="14"/>
  <c r="HY82" i="14"/>
  <c r="HY73" i="14"/>
  <c r="HY40" i="14"/>
  <c r="HY72" i="14"/>
  <c r="HY55" i="14"/>
  <c r="HY35" i="14"/>
  <c r="HY71" i="14"/>
  <c r="HY30" i="14"/>
  <c r="HY48" i="14"/>
  <c r="HY34" i="14"/>
  <c r="HY46" i="14"/>
  <c r="HY80" i="14"/>
  <c r="HY66" i="14"/>
  <c r="HY57" i="14"/>
  <c r="HY44" i="14"/>
  <c r="HY37" i="14"/>
  <c r="HY74" i="14"/>
  <c r="HY53" i="14"/>
  <c r="HL58" i="14"/>
  <c r="HL59" i="14"/>
  <c r="HL60" i="14"/>
  <c r="HL61" i="14"/>
  <c r="HL62" i="14"/>
  <c r="HL63" i="14"/>
  <c r="HL64" i="14"/>
  <c r="HL81" i="14"/>
  <c r="HL66" i="14"/>
  <c r="HL67" i="14"/>
  <c r="HL68" i="14"/>
  <c r="HL69" i="14"/>
  <c r="HL70" i="14"/>
  <c r="HL71" i="14"/>
  <c r="HL72" i="14"/>
  <c r="HL74" i="14"/>
  <c r="HL75" i="14"/>
  <c r="HL76" i="14"/>
  <c r="HL77" i="14"/>
  <c r="HL78" i="14"/>
  <c r="HL79" i="14"/>
  <c r="HL80" i="14"/>
  <c r="HL82" i="14"/>
  <c r="HL29" i="14"/>
  <c r="HL30" i="14"/>
  <c r="HL31" i="14"/>
  <c r="HL32" i="14"/>
  <c r="HL65" i="14"/>
  <c r="HL34" i="14"/>
  <c r="HL35" i="14"/>
  <c r="HL36" i="14"/>
  <c r="HL37" i="14"/>
  <c r="HL38" i="14"/>
  <c r="HL39" i="14"/>
  <c r="HL40" i="14"/>
  <c r="HL50" i="14"/>
  <c r="HL51" i="14"/>
  <c r="HL52" i="14"/>
  <c r="HL53" i="14"/>
  <c r="HL54" i="14"/>
  <c r="HL55" i="14"/>
  <c r="HL56" i="14"/>
  <c r="HL73" i="14"/>
  <c r="HL42" i="14"/>
  <c r="HL46" i="14"/>
  <c r="GY63" i="14"/>
  <c r="GY72" i="14"/>
  <c r="GY42" i="14"/>
  <c r="GY59" i="14"/>
  <c r="GY76" i="14"/>
  <c r="GY29" i="14"/>
  <c r="GY54" i="14"/>
  <c r="GL33" i="14"/>
  <c r="GL74" i="14"/>
  <c r="GL59" i="14"/>
  <c r="GL61" i="14"/>
  <c r="GL46" i="14"/>
  <c r="GY38" i="14"/>
  <c r="GL31" i="14"/>
  <c r="GL56" i="14"/>
  <c r="FY52" i="14"/>
  <c r="FY29" i="14"/>
  <c r="FY70" i="14"/>
  <c r="GL36" i="14"/>
  <c r="GY71" i="14"/>
  <c r="GY80" i="14"/>
  <c r="GY33" i="14"/>
  <c r="GY50" i="14"/>
  <c r="GY67" i="14"/>
  <c r="GY37" i="14"/>
  <c r="GL41" i="14"/>
  <c r="GL82" i="14"/>
  <c r="GL67" i="14"/>
  <c r="GL69" i="14"/>
  <c r="GL54" i="14"/>
  <c r="GL39" i="14"/>
  <c r="FY60" i="14"/>
  <c r="FY37" i="14"/>
  <c r="FY78" i="14"/>
  <c r="GL68" i="14"/>
  <c r="HL43" i="14"/>
  <c r="HL47" i="14"/>
  <c r="HL49" i="14"/>
  <c r="GY79" i="14"/>
  <c r="GY41" i="14"/>
  <c r="GY58" i="14"/>
  <c r="GY75" i="14"/>
  <c r="GY45" i="14"/>
  <c r="GL49" i="14"/>
  <c r="GL75" i="14"/>
  <c r="GL77" i="14"/>
  <c r="GL62" i="14"/>
  <c r="GL47" i="14"/>
  <c r="FY68" i="14"/>
  <c r="GY28" i="14"/>
  <c r="FY45" i="14"/>
  <c r="GY32" i="14"/>
  <c r="GY49" i="14"/>
  <c r="GY66" i="14"/>
  <c r="GY36" i="14"/>
  <c r="GY53" i="14"/>
  <c r="GL57" i="14"/>
  <c r="GY62" i="14"/>
  <c r="GL34" i="14"/>
  <c r="GL70" i="14"/>
  <c r="GL55" i="14"/>
  <c r="FY76" i="14"/>
  <c r="GL60" i="14"/>
  <c r="FY53" i="14"/>
  <c r="FY30" i="14"/>
  <c r="HL44" i="14"/>
  <c r="HL48" i="14"/>
  <c r="HL57" i="14"/>
  <c r="GY31" i="14"/>
  <c r="GY40" i="14"/>
  <c r="GY57" i="14"/>
  <c r="GY74" i="14"/>
  <c r="GY44" i="14"/>
  <c r="GY61" i="14"/>
  <c r="GL65" i="14"/>
  <c r="GL42" i="14"/>
  <c r="GL29" i="14"/>
  <c r="GL78" i="14"/>
  <c r="GL63" i="14"/>
  <c r="FY61" i="14"/>
  <c r="FY38" i="14"/>
  <c r="GY39" i="14"/>
  <c r="GY48" i="14"/>
  <c r="GY65" i="14"/>
  <c r="GY82" i="14"/>
  <c r="GY35" i="14"/>
  <c r="GY52" i="14"/>
  <c r="GY69" i="14"/>
  <c r="GL73" i="14"/>
  <c r="GL50" i="14"/>
  <c r="GY70" i="14"/>
  <c r="GL35" i="14"/>
  <c r="GL37" i="14"/>
  <c r="GL71" i="14"/>
  <c r="GL28" i="14"/>
  <c r="FY69" i="14"/>
  <c r="GL32" i="14"/>
  <c r="FY46" i="14"/>
  <c r="GY55" i="14"/>
  <c r="GY64" i="14"/>
  <c r="GY81" i="14"/>
  <c r="GY34" i="14"/>
  <c r="GY51" i="14"/>
  <c r="GY68" i="14"/>
  <c r="GL66" i="14"/>
  <c r="GL51" i="14"/>
  <c r="HL41" i="14"/>
  <c r="GY78" i="14"/>
  <c r="GL53" i="14"/>
  <c r="GL38" i="14"/>
  <c r="FY44" i="14"/>
  <c r="FY62" i="14"/>
  <c r="HL45" i="14"/>
  <c r="HL33" i="14"/>
  <c r="GL58" i="14"/>
  <c r="GL79" i="14"/>
  <c r="FY77" i="14"/>
  <c r="FY71" i="14"/>
  <c r="GL72" i="14"/>
  <c r="FY56" i="14"/>
  <c r="FY41" i="14"/>
  <c r="FL69" i="14"/>
  <c r="GY73" i="14"/>
  <c r="GY60" i="14"/>
  <c r="GY46" i="14"/>
  <c r="FY79" i="14"/>
  <c r="FY64" i="14"/>
  <c r="GL44" i="14"/>
  <c r="FY49" i="14"/>
  <c r="FY34" i="14"/>
  <c r="FY67" i="14"/>
  <c r="FL77" i="14"/>
  <c r="GY30" i="14"/>
  <c r="GL30" i="14"/>
  <c r="FY36" i="14"/>
  <c r="FY72" i="14"/>
  <c r="GL76" i="14"/>
  <c r="FY57" i="14"/>
  <c r="FY42" i="14"/>
  <c r="GY47" i="14"/>
  <c r="GL81" i="14"/>
  <c r="FY31" i="14"/>
  <c r="FY80" i="14"/>
  <c r="FY65" i="14"/>
  <c r="GL48" i="14"/>
  <c r="FY50" i="14"/>
  <c r="FL29" i="14"/>
  <c r="GY77" i="14"/>
  <c r="GL64" i="14"/>
  <c r="FY39" i="14"/>
  <c r="FY73" i="14"/>
  <c r="GL80" i="14"/>
  <c r="FY58" i="14"/>
  <c r="FL37" i="14"/>
  <c r="GL43" i="14"/>
  <c r="GL45" i="14"/>
  <c r="FY54" i="14"/>
  <c r="FY47" i="14"/>
  <c r="FY32" i="14"/>
  <c r="FY81" i="14"/>
  <c r="FY66" i="14"/>
  <c r="FL45" i="14"/>
  <c r="GY56" i="14"/>
  <c r="GY43" i="14"/>
  <c r="FY55" i="14"/>
  <c r="FY40" i="14"/>
  <c r="FY74" i="14"/>
  <c r="FL53" i="14"/>
  <c r="FY63" i="14"/>
  <c r="GL40" i="14"/>
  <c r="FY48" i="14"/>
  <c r="FY33" i="14"/>
  <c r="FY82" i="14"/>
  <c r="FL61" i="14"/>
  <c r="FY75" i="14"/>
  <c r="FL78" i="14"/>
  <c r="FL39" i="14"/>
  <c r="FL64" i="14"/>
  <c r="FL50" i="14"/>
  <c r="FY51" i="14"/>
  <c r="FL75" i="14"/>
  <c r="FL60" i="14"/>
  <c r="FL52" i="14"/>
  <c r="FL47" i="14"/>
  <c r="FL72" i="14"/>
  <c r="FL33" i="14"/>
  <c r="FL58" i="14"/>
  <c r="FL44" i="14"/>
  <c r="HL28" i="14"/>
  <c r="FL30" i="14"/>
  <c r="FL55" i="14"/>
  <c r="FL80" i="14"/>
  <c r="FL41" i="14"/>
  <c r="FL66" i="14"/>
  <c r="FL68" i="14"/>
  <c r="FL28" i="14"/>
  <c r="FL38" i="14"/>
  <c r="FL63" i="14"/>
  <c r="FL49" i="14"/>
  <c r="FY43" i="14"/>
  <c r="FL74" i="14"/>
  <c r="FL35" i="14"/>
  <c r="FY28" i="14"/>
  <c r="FL46" i="14"/>
  <c r="FL71" i="14"/>
  <c r="FL32" i="14"/>
  <c r="FL57" i="14"/>
  <c r="FL82" i="14"/>
  <c r="FL43" i="14"/>
  <c r="FY59" i="14"/>
  <c r="FL54" i="14"/>
  <c r="FL79" i="14"/>
  <c r="FL40" i="14"/>
  <c r="FL65" i="14"/>
  <c r="FL51" i="14"/>
  <c r="FL36" i="14"/>
  <c r="FL62" i="14"/>
  <c r="FL48" i="14"/>
  <c r="FY35" i="14"/>
  <c r="FL73" i="14"/>
  <c r="FL34" i="14"/>
  <c r="FL59" i="14"/>
  <c r="HY28" i="14"/>
  <c r="FL70" i="14"/>
  <c r="FL81" i="14"/>
  <c r="GL52" i="14"/>
  <c r="FL76" i="14"/>
  <c r="FL31" i="14"/>
  <c r="FL42" i="14"/>
  <c r="FL56" i="14"/>
  <c r="FL67" i="14"/>
  <c r="AR65" i="6"/>
  <c r="AS33" i="6"/>
  <c r="AS39" i="6"/>
  <c r="AT48" i="6"/>
  <c r="S27" i="25" s="1"/>
  <c r="AR45" i="6"/>
  <c r="AS30" i="6"/>
  <c r="AS46" i="6"/>
  <c r="AS62" i="6"/>
  <c r="AS41" i="6"/>
  <c r="AS34" i="6"/>
  <c r="AS43" i="6"/>
  <c r="AS75" i="6"/>
  <c r="AS58" i="6"/>
  <c r="AS35" i="6"/>
  <c r="AU37" i="6"/>
  <c r="AS82" i="6"/>
  <c r="Q61" i="25" s="1"/>
  <c r="W32" i="6" l="1"/>
  <c r="AO32" i="6" s="1"/>
  <c r="AR42" i="6"/>
  <c r="AX42" i="6"/>
  <c r="AP42" i="6"/>
  <c r="AQ42" i="6"/>
  <c r="AM42" i="6"/>
  <c r="W42" i="7"/>
  <c r="AX42" i="7" s="1"/>
  <c r="AS42" i="6"/>
  <c r="AO42" i="6"/>
  <c r="AY42" i="6"/>
  <c r="AQ81" i="6"/>
  <c r="M60" i="25" s="1"/>
  <c r="AY80" i="6"/>
  <c r="AC59" i="25" s="1"/>
  <c r="AO81" i="6"/>
  <c r="I60" i="25" s="1"/>
  <c r="AY81" i="6"/>
  <c r="AC60" i="25" s="1"/>
  <c r="AX81" i="6"/>
  <c r="AA60" i="25" s="1"/>
  <c r="AP81" i="6"/>
  <c r="K60" i="25" s="1"/>
  <c r="W56" i="6"/>
  <c r="AT56" i="6" s="1"/>
  <c r="U56" i="7"/>
  <c r="AN69" i="6"/>
  <c r="AY69" i="6"/>
  <c r="AX69" i="6"/>
  <c r="AP69" i="6"/>
  <c r="W69" i="7"/>
  <c r="AN69" i="7" s="1"/>
  <c r="W31" i="6"/>
  <c r="AR31" i="6" s="1"/>
  <c r="AM69" i="6"/>
  <c r="AR69" i="6"/>
  <c r="AX52" i="6"/>
  <c r="AA31" i="25" s="1"/>
  <c r="AO69" i="6"/>
  <c r="AT28" i="6"/>
  <c r="S7" i="25" s="1"/>
  <c r="AV28" i="6"/>
  <c r="W7" i="25" s="1"/>
  <c r="AP28" i="6"/>
  <c r="K7" i="25" s="1"/>
  <c r="AY28" i="6"/>
  <c r="AC7" i="25" s="1"/>
  <c r="AS28" i="6"/>
  <c r="Q7" i="25" s="1"/>
  <c r="AQ28" i="6"/>
  <c r="M7" i="25" s="1"/>
  <c r="AX28" i="6"/>
  <c r="AA7" i="25" s="1"/>
  <c r="W28" i="7"/>
  <c r="AX28" i="7" s="1"/>
  <c r="AA7" i="23" s="1"/>
  <c r="AR28" i="6"/>
  <c r="O7" i="25" s="1"/>
  <c r="AO28" i="6"/>
  <c r="I7" i="25" s="1"/>
  <c r="AM28" i="6"/>
  <c r="E7" i="25" s="1"/>
  <c r="AX32" i="6"/>
  <c r="W32" i="7"/>
  <c r="AO32" i="7" s="1"/>
  <c r="AR32" i="6"/>
  <c r="AP80" i="6"/>
  <c r="K59" i="25" s="1"/>
  <c r="AM70" i="6"/>
  <c r="AY70" i="6"/>
  <c r="AY49" i="6"/>
  <c r="AC28" i="25" s="1"/>
  <c r="AX70" i="6"/>
  <c r="W70" i="7"/>
  <c r="AX70" i="7" s="1"/>
  <c r="AN70" i="6"/>
  <c r="AO70" i="6"/>
  <c r="AX80" i="6"/>
  <c r="AA59" i="25" s="1"/>
  <c r="W80" i="7"/>
  <c r="AX80" i="7" s="1"/>
  <c r="AA59" i="23" s="1"/>
  <c r="AM81" i="6"/>
  <c r="E60" i="25" s="1"/>
  <c r="W81" i="7"/>
  <c r="AS81" i="7" s="1"/>
  <c r="Q60" i="23" s="1"/>
  <c r="AM80" i="6"/>
  <c r="E59" i="25" s="1"/>
  <c r="AO80" i="6"/>
  <c r="I59" i="25" s="1"/>
  <c r="AN80" i="6"/>
  <c r="G59" i="25" s="1"/>
  <c r="AY74" i="6"/>
  <c r="AR74" i="6"/>
  <c r="AX74" i="6"/>
  <c r="AS74" i="6"/>
  <c r="AM52" i="6"/>
  <c r="E31" i="25" s="1"/>
  <c r="AY52" i="6"/>
  <c r="AC31" i="25" s="1"/>
  <c r="AR52" i="6"/>
  <c r="O31" i="25" s="1"/>
  <c r="AO52" i="6"/>
  <c r="I31" i="25" s="1"/>
  <c r="W52" i="7"/>
  <c r="AS52" i="7" s="1"/>
  <c r="Q31" i="23" s="1"/>
  <c r="AP52" i="6"/>
  <c r="K31" i="25" s="1"/>
  <c r="AQ52" i="6"/>
  <c r="M31" i="25" s="1"/>
  <c r="AY78" i="6"/>
  <c r="AX78" i="6"/>
  <c r="AP70" i="6"/>
  <c r="U52" i="7"/>
  <c r="AT32" i="6"/>
  <c r="AY32" i="6"/>
  <c r="AQ79" i="6"/>
  <c r="M58" i="25" s="1"/>
  <c r="AX66" i="6"/>
  <c r="AN32" i="6"/>
  <c r="AP32" i="6"/>
  <c r="AM32" i="6"/>
  <c r="W40" i="6"/>
  <c r="U40" i="7"/>
  <c r="AO79" i="6"/>
  <c r="I58" i="25" s="1"/>
  <c r="AS32" i="6"/>
  <c r="AQ32" i="6"/>
  <c r="W59" i="7"/>
  <c r="AV59" i="7" s="1"/>
  <c r="W38" i="23" s="1"/>
  <c r="AO59" i="6"/>
  <c r="I38" i="25" s="1"/>
  <c r="AM59" i="6"/>
  <c r="E38" i="25" s="1"/>
  <c r="AY47" i="6"/>
  <c r="AC26" i="25" s="1"/>
  <c r="W74" i="7"/>
  <c r="AX74" i="7" s="1"/>
  <c r="AQ74" i="6"/>
  <c r="AX47" i="6"/>
  <c r="AA26" i="25" s="1"/>
  <c r="AQ47" i="6"/>
  <c r="M26" i="25" s="1"/>
  <c r="W72" i="6"/>
  <c r="U72" i="7"/>
  <c r="AS59" i="6"/>
  <c r="Q38" i="25" s="1"/>
  <c r="AR47" i="6"/>
  <c r="O26" i="25" s="1"/>
  <c r="AM74" i="6"/>
  <c r="AN59" i="6"/>
  <c r="G38" i="25" s="1"/>
  <c r="AP59" i="6"/>
  <c r="K38" i="25" s="1"/>
  <c r="AO74" i="6"/>
  <c r="AR59" i="6"/>
  <c r="O38" i="25" s="1"/>
  <c r="W47" i="7"/>
  <c r="AY47" i="7" s="1"/>
  <c r="AC26" i="23" s="1"/>
  <c r="AY59" i="6"/>
  <c r="AC38" i="25" s="1"/>
  <c r="AP49" i="6"/>
  <c r="K28" i="25" s="1"/>
  <c r="AN74" i="6"/>
  <c r="AS49" i="6"/>
  <c r="Q28" i="25" s="1"/>
  <c r="AX59" i="6"/>
  <c r="AA38" i="25" s="1"/>
  <c r="AM47" i="6"/>
  <c r="E26" i="25" s="1"/>
  <c r="AS78" i="6"/>
  <c r="AO47" i="6"/>
  <c r="I26" i="25" s="1"/>
  <c r="AN47" i="6"/>
  <c r="G26" i="25" s="1"/>
  <c r="AX49" i="6"/>
  <c r="AA28" i="25" s="1"/>
  <c r="AR49" i="6"/>
  <c r="O28" i="25" s="1"/>
  <c r="W49" i="7"/>
  <c r="AV49" i="7" s="1"/>
  <c r="W28" i="23" s="1"/>
  <c r="AM49" i="6"/>
  <c r="E28" i="25" s="1"/>
  <c r="AP79" i="6"/>
  <c r="K58" i="25" s="1"/>
  <c r="AY79" i="6"/>
  <c r="AC58" i="25" s="1"/>
  <c r="AO57" i="6"/>
  <c r="AQ49" i="6"/>
  <c r="M28" i="25" s="1"/>
  <c r="AS57" i="6"/>
  <c r="AX79" i="6"/>
  <c r="AA58" i="25" s="1"/>
  <c r="AN79" i="6"/>
  <c r="G58" i="25" s="1"/>
  <c r="W79" i="7"/>
  <c r="AM79" i="7" s="1"/>
  <c r="E58" i="23" s="1"/>
  <c r="AN49" i="6"/>
  <c r="G28" i="25" s="1"/>
  <c r="AO82" i="6"/>
  <c r="I61" i="25" s="1"/>
  <c r="AN82" i="6"/>
  <c r="G61" i="25" s="1"/>
  <c r="AR82" i="6"/>
  <c r="O61" i="25" s="1"/>
  <c r="AM82" i="6"/>
  <c r="E61" i="25" s="1"/>
  <c r="W82" i="7"/>
  <c r="AY82" i="7" s="1"/>
  <c r="AC61" i="23" s="1"/>
  <c r="W53" i="6"/>
  <c r="AQ53" i="6" s="1"/>
  <c r="M32" i="25" s="1"/>
  <c r="AQ82" i="6"/>
  <c r="M61" i="25" s="1"/>
  <c r="AO78" i="6"/>
  <c r="AM78" i="6"/>
  <c r="AQ78" i="6"/>
  <c r="AP78" i="6"/>
  <c r="AN78" i="6"/>
  <c r="AR78" i="6"/>
  <c r="AN64" i="6"/>
  <c r="AM64" i="6"/>
  <c r="AY82" i="6"/>
  <c r="AC61" i="25" s="1"/>
  <c r="AY64" i="6"/>
  <c r="AP82" i="6"/>
  <c r="K61" i="25" s="1"/>
  <c r="AM57" i="6"/>
  <c r="AS64" i="6"/>
  <c r="AR38" i="6"/>
  <c r="AX64" i="6"/>
  <c r="AY57" i="6"/>
  <c r="AQ57" i="6"/>
  <c r="AQ64" i="6"/>
  <c r="AY38" i="6"/>
  <c r="AX57" i="6"/>
  <c r="AO64" i="6"/>
  <c r="AX38" i="6"/>
  <c r="W57" i="7"/>
  <c r="AY57" i="7" s="1"/>
  <c r="AN57" i="6"/>
  <c r="AP64" i="6"/>
  <c r="W64" i="7"/>
  <c r="AN64" i="7" s="1"/>
  <c r="AR57" i="6"/>
  <c r="W66" i="7"/>
  <c r="AW66" i="7" s="1"/>
  <c r="AP66" i="6"/>
  <c r="AM66" i="6"/>
  <c r="AO66" i="6"/>
  <c r="AY68" i="6"/>
  <c r="AX68" i="6"/>
  <c r="AS66" i="6"/>
  <c r="W68" i="7"/>
  <c r="AX68" i="7" s="1"/>
  <c r="AN66" i="6"/>
  <c r="AR66" i="6"/>
  <c r="U53" i="7"/>
  <c r="AY66" i="6"/>
  <c r="AO68" i="6"/>
  <c r="AM68" i="6"/>
  <c r="AN68" i="6"/>
  <c r="AP68" i="6"/>
  <c r="AQ68" i="6"/>
  <c r="AQ38" i="6"/>
  <c r="AP38" i="6"/>
  <c r="AM38" i="6"/>
  <c r="AN38" i="6"/>
  <c r="AO38" i="6"/>
  <c r="AX35" i="7"/>
  <c r="AY35" i="7"/>
  <c r="AX37" i="7"/>
  <c r="AY37" i="7"/>
  <c r="AX30" i="7"/>
  <c r="AY30" i="7"/>
  <c r="AX46" i="7"/>
  <c r="AY46" i="7"/>
  <c r="AX48" i="7"/>
  <c r="AA27" i="23" s="1"/>
  <c r="AY48" i="7"/>
  <c r="AC27" i="23" s="1"/>
  <c r="AX41" i="7"/>
  <c r="AY41" i="7"/>
  <c r="AX76" i="7"/>
  <c r="AY76" i="7"/>
  <c r="AX43" i="7"/>
  <c r="AY43" i="7"/>
  <c r="AX55" i="7"/>
  <c r="AY55" i="7"/>
  <c r="AX78" i="7"/>
  <c r="AY78" i="7"/>
  <c r="AX39" i="7"/>
  <c r="AY39" i="7"/>
  <c r="AX58" i="7"/>
  <c r="AA37" i="23" s="1"/>
  <c r="AY58" i="7"/>
  <c r="AC37" i="23" s="1"/>
  <c r="AX75" i="7"/>
  <c r="AY75" i="7"/>
  <c r="AX62" i="7"/>
  <c r="AY62" i="7"/>
  <c r="AX38" i="7"/>
  <c r="AY38" i="7"/>
  <c r="AX33" i="7"/>
  <c r="AY33" i="7"/>
  <c r="AX65" i="7"/>
  <c r="AY65" i="7"/>
  <c r="AX34" i="7"/>
  <c r="AY34" i="7"/>
  <c r="AX45" i="7"/>
  <c r="AY45" i="7"/>
  <c r="W54" i="6"/>
  <c r="AT54" i="6" s="1"/>
  <c r="S33" i="25" s="1"/>
  <c r="U54" i="7"/>
  <c r="W50" i="6"/>
  <c r="AT50" i="6" s="1"/>
  <c r="S29" i="25" s="1"/>
  <c r="U50" i="7"/>
  <c r="W61" i="6"/>
  <c r="AS61" i="6" s="1"/>
  <c r="U61" i="7"/>
  <c r="W29" i="6"/>
  <c r="AR29" i="6" s="1"/>
  <c r="U29" i="7"/>
  <c r="W67" i="6"/>
  <c r="U67" i="7"/>
  <c r="W44" i="6"/>
  <c r="AS44" i="6" s="1"/>
  <c r="U44" i="7"/>
  <c r="W73" i="6"/>
  <c r="AT73" i="6" s="1"/>
  <c r="U73" i="7"/>
  <c r="W71" i="6"/>
  <c r="AR71" i="6" s="1"/>
  <c r="U71" i="7"/>
  <c r="W63" i="6"/>
  <c r="U63" i="7"/>
  <c r="W77" i="6"/>
  <c r="AS77" i="6" s="1"/>
  <c r="U77" i="7"/>
  <c r="U27" i="7"/>
  <c r="W27" i="6"/>
  <c r="AR27" i="6" s="1"/>
  <c r="O6" i="25" s="1"/>
  <c r="W60" i="6"/>
  <c r="AS60" i="6" s="1"/>
  <c r="U60" i="7"/>
  <c r="W51" i="6"/>
  <c r="U51" i="7"/>
  <c r="W36" i="6"/>
  <c r="AU36" i="6" s="1"/>
  <c r="U36" i="7"/>
  <c r="AM30" i="7"/>
  <c r="AU30" i="7"/>
  <c r="AT33" i="7"/>
  <c r="AQ34" i="7"/>
  <c r="AN35" i="7"/>
  <c r="AV35" i="7"/>
  <c r="AP37" i="7"/>
  <c r="AM38" i="7"/>
  <c r="AU38" i="7"/>
  <c r="AR39" i="7"/>
  <c r="AT41" i="7"/>
  <c r="AN43" i="7"/>
  <c r="AV43" i="7"/>
  <c r="AP45" i="7"/>
  <c r="AM46" i="7"/>
  <c r="AU46" i="7"/>
  <c r="AO48" i="7"/>
  <c r="I27" i="23" s="1"/>
  <c r="AW48" i="7"/>
  <c r="Y27" i="23" s="1"/>
  <c r="AR55" i="7"/>
  <c r="AQ58" i="7"/>
  <c r="M37" i="23" s="1"/>
  <c r="AN59" i="7"/>
  <c r="G38" i="23" s="1"/>
  <c r="AM62" i="7"/>
  <c r="AU62" i="7"/>
  <c r="AT65" i="7"/>
  <c r="AN75" i="7"/>
  <c r="AV75" i="7"/>
  <c r="AS76" i="7"/>
  <c r="AM78" i="7"/>
  <c r="AU78" i="7"/>
  <c r="AN30" i="7"/>
  <c r="AV30" i="7"/>
  <c r="AM33" i="7"/>
  <c r="AU33" i="7"/>
  <c r="AR34" i="7"/>
  <c r="AO35" i="7"/>
  <c r="AW35" i="7"/>
  <c r="AQ37" i="7"/>
  <c r="AN38" i="7"/>
  <c r="AV38" i="7"/>
  <c r="AS39" i="7"/>
  <c r="AM41" i="7"/>
  <c r="AU41" i="7"/>
  <c r="AO43" i="7"/>
  <c r="AW43" i="7"/>
  <c r="AQ45" i="7"/>
  <c r="AN46" i="7"/>
  <c r="AV46" i="7"/>
  <c r="AP48" i="7"/>
  <c r="K27" i="23" s="1"/>
  <c r="AS55" i="7"/>
  <c r="AR58" i="7"/>
  <c r="O37" i="23" s="1"/>
  <c r="AO59" i="7"/>
  <c r="I38" i="23" s="1"/>
  <c r="AW59" i="7"/>
  <c r="Y38" i="23" s="1"/>
  <c r="AN62" i="7"/>
  <c r="AV62" i="7"/>
  <c r="AM65" i="7"/>
  <c r="AU65" i="7"/>
  <c r="AO75" i="7"/>
  <c r="AW75" i="7"/>
  <c r="AT76" i="7"/>
  <c r="AN78" i="7"/>
  <c r="AV78" i="7"/>
  <c r="AQ30" i="7"/>
  <c r="AP33" i="7"/>
  <c r="AM34" i="7"/>
  <c r="AU34" i="7"/>
  <c r="AR35" i="7"/>
  <c r="AT37" i="7"/>
  <c r="AQ38" i="7"/>
  <c r="AN39" i="7"/>
  <c r="AV39" i="7"/>
  <c r="AP41" i="7"/>
  <c r="AR43" i="7"/>
  <c r="AT45" i="7"/>
  <c r="AQ46" i="7"/>
  <c r="AS48" i="7"/>
  <c r="Q27" i="23" s="1"/>
  <c r="AN55" i="7"/>
  <c r="AV55" i="7"/>
  <c r="AM58" i="7"/>
  <c r="E37" i="23" s="1"/>
  <c r="AU58" i="7"/>
  <c r="U37" i="23" s="1"/>
  <c r="AR59" i="7"/>
  <c r="O38" i="23" s="1"/>
  <c r="AQ62" i="7"/>
  <c r="AP65" i="7"/>
  <c r="AR75" i="7"/>
  <c r="AO76" i="7"/>
  <c r="AW76" i="7"/>
  <c r="AQ78" i="7"/>
  <c r="AP28" i="7"/>
  <c r="K7" i="23" s="1"/>
  <c r="AR30" i="7"/>
  <c r="AQ33" i="7"/>
  <c r="AN34" i="7"/>
  <c r="AV34" i="7"/>
  <c r="AS35" i="7"/>
  <c r="AM37" i="7"/>
  <c r="AU37" i="7"/>
  <c r="AR38" i="7"/>
  <c r="AO39" i="7"/>
  <c r="AW39" i="7"/>
  <c r="AQ41" i="7"/>
  <c r="AS43" i="7"/>
  <c r="AM45" i="7"/>
  <c r="AU45" i="7"/>
  <c r="AR46" i="7"/>
  <c r="AT48" i="7"/>
  <c r="S27" i="23" s="1"/>
  <c r="AO55" i="7"/>
  <c r="AW55" i="7"/>
  <c r="AN58" i="7"/>
  <c r="G37" i="23" s="1"/>
  <c r="AV58" i="7"/>
  <c r="W37" i="23" s="1"/>
  <c r="AS59" i="7"/>
  <c r="Q38" i="23" s="1"/>
  <c r="AR62" i="7"/>
  <c r="AQ65" i="7"/>
  <c r="AS75" i="7"/>
  <c r="AP76" i="7"/>
  <c r="AR78" i="7"/>
  <c r="AS30" i="7"/>
  <c r="AR33" i="7"/>
  <c r="AO34" i="7"/>
  <c r="AW34" i="7"/>
  <c r="AT35" i="7"/>
  <c r="AN37" i="7"/>
  <c r="AV37" i="7"/>
  <c r="AS38" i="7"/>
  <c r="AP39" i="7"/>
  <c r="AR41" i="7"/>
  <c r="AT43" i="7"/>
  <c r="AN45" i="7"/>
  <c r="AV45" i="7"/>
  <c r="AS46" i="7"/>
  <c r="AM48" i="7"/>
  <c r="E27" i="23" s="1"/>
  <c r="AU48" i="7"/>
  <c r="U27" i="23" s="1"/>
  <c r="AP55" i="7"/>
  <c r="AO58" i="7"/>
  <c r="I37" i="23" s="1"/>
  <c r="AW58" i="7"/>
  <c r="Y37" i="23" s="1"/>
  <c r="AT59" i="7"/>
  <c r="S38" i="23" s="1"/>
  <c r="AS62" i="7"/>
  <c r="AR65" i="7"/>
  <c r="AT75" i="7"/>
  <c r="AQ76" i="7"/>
  <c r="AS78" i="7"/>
  <c r="AT30" i="7"/>
  <c r="AS33" i="7"/>
  <c r="AP34" i="7"/>
  <c r="AM35" i="7"/>
  <c r="AU35" i="7"/>
  <c r="AO37" i="7"/>
  <c r="AW37" i="7"/>
  <c r="AT38" i="7"/>
  <c r="AQ39" i="7"/>
  <c r="AS41" i="7"/>
  <c r="AM43" i="7"/>
  <c r="AU43" i="7"/>
  <c r="AO45" i="7"/>
  <c r="AW45" i="7"/>
  <c r="AT46" i="7"/>
  <c r="AN48" i="7"/>
  <c r="G27" i="23" s="1"/>
  <c r="AV48" i="7"/>
  <c r="W27" i="23" s="1"/>
  <c r="AQ55" i="7"/>
  <c r="AP58" i="7"/>
  <c r="K37" i="23" s="1"/>
  <c r="AM59" i="7"/>
  <c r="E38" i="23" s="1"/>
  <c r="AU59" i="7"/>
  <c r="U38" i="23" s="1"/>
  <c r="AT62" i="7"/>
  <c r="AS65" i="7"/>
  <c r="AM75" i="7"/>
  <c r="AU75" i="7"/>
  <c r="AR76" i="7"/>
  <c r="AT78" i="7"/>
  <c r="AV80" i="7"/>
  <c r="W59" i="23" s="1"/>
  <c r="AO30" i="7"/>
  <c r="AN33" i="7"/>
  <c r="AW38" i="7"/>
  <c r="AV41" i="7"/>
  <c r="AO62" i="7"/>
  <c r="AN65" i="7"/>
  <c r="AU76" i="7"/>
  <c r="AP30" i="7"/>
  <c r="AO33" i="7"/>
  <c r="AM39" i="7"/>
  <c r="AW41" i="7"/>
  <c r="AQ59" i="7"/>
  <c r="M38" i="23" s="1"/>
  <c r="AP62" i="7"/>
  <c r="AO65" i="7"/>
  <c r="AV76" i="7"/>
  <c r="AW30" i="7"/>
  <c r="AV33" i="7"/>
  <c r="AT39" i="7"/>
  <c r="AR45" i="7"/>
  <c r="AQ48" i="7"/>
  <c r="M27" i="23" s="1"/>
  <c r="AW62" i="7"/>
  <c r="AV65" i="7"/>
  <c r="AW33" i="7"/>
  <c r="AU39" i="7"/>
  <c r="AS45" i="7"/>
  <c r="AR48" i="7"/>
  <c r="O27" i="23" s="1"/>
  <c r="AW65" i="7"/>
  <c r="AS34" i="7"/>
  <c r="AR37" i="7"/>
  <c r="AP43" i="7"/>
  <c r="AO46" i="7"/>
  <c r="AP75" i="7"/>
  <c r="AO78" i="7"/>
  <c r="AV28" i="7"/>
  <c r="W7" i="23" s="1"/>
  <c r="AT34" i="7"/>
  <c r="AS37" i="7"/>
  <c r="AQ43" i="7"/>
  <c r="AP46" i="7"/>
  <c r="AM55" i="7"/>
  <c r="AQ75" i="7"/>
  <c r="AP78" i="7"/>
  <c r="AP35" i="7"/>
  <c r="AO38" i="7"/>
  <c r="AN41" i="7"/>
  <c r="AW46" i="7"/>
  <c r="AT55" i="7"/>
  <c r="AS58" i="7"/>
  <c r="Q37" i="23" s="1"/>
  <c r="AM76" i="7"/>
  <c r="AW78" i="7"/>
  <c r="AN76" i="7"/>
  <c r="AU55" i="7"/>
  <c r="AQ35" i="7"/>
  <c r="AT58" i="7"/>
  <c r="S37" i="23" s="1"/>
  <c r="AP38" i="7"/>
  <c r="AO41" i="7"/>
  <c r="CI51" i="14"/>
  <c r="BV51" i="14"/>
  <c r="BI51" i="14"/>
  <c r="BE54" i="14"/>
  <c r="BR54" i="14"/>
  <c r="CE54" i="14"/>
  <c r="BG72" i="14"/>
  <c r="BT72" i="14"/>
  <c r="CG72" i="14"/>
  <c r="CC51" i="14"/>
  <c r="BP51" i="14"/>
  <c r="BC51" i="14"/>
  <c r="CJ59" i="14"/>
  <c r="BJ59" i="14"/>
  <c r="BW59" i="14"/>
  <c r="CF54" i="14"/>
  <c r="BS54" i="14"/>
  <c r="BF54" i="14"/>
  <c r="BO49" i="14"/>
  <c r="BB49" i="14"/>
  <c r="CB49" i="14"/>
  <c r="BM59" i="14"/>
  <c r="AZ59" i="14"/>
  <c r="BZ59" i="14"/>
  <c r="CH53" i="14"/>
  <c r="BU53" i="14"/>
  <c r="BH53" i="14"/>
  <c r="CD48" i="14"/>
  <c r="BQ48" i="14"/>
  <c r="BD48" i="14"/>
  <c r="CG53" i="14"/>
  <c r="BT53" i="14"/>
  <c r="BG53" i="14"/>
  <c r="BC48" i="14"/>
  <c r="CC48" i="14"/>
  <c r="BP48" i="14"/>
  <c r="BJ72" i="14"/>
  <c r="CJ72" i="14"/>
  <c r="BW72" i="14"/>
  <c r="BS51" i="14"/>
  <c r="CF51" i="14"/>
  <c r="BF51" i="14"/>
  <c r="BN72" i="14"/>
  <c r="CA72" i="14"/>
  <c r="BA72" i="14"/>
  <c r="CI50" i="14"/>
  <c r="BV50" i="14"/>
  <c r="BI50" i="14"/>
  <c r="BM50" i="14"/>
  <c r="AZ50" i="14"/>
  <c r="BZ50" i="14"/>
  <c r="CA59" i="14"/>
  <c r="BN59" i="14"/>
  <c r="BA59" i="14"/>
  <c r="CA49" i="14"/>
  <c r="BN49" i="14"/>
  <c r="BA49" i="14"/>
  <c r="CG50" i="14"/>
  <c r="BT50" i="14"/>
  <c r="BG50" i="14"/>
  <c r="BB59" i="14"/>
  <c r="CB59" i="14"/>
  <c r="BO59" i="14"/>
  <c r="CJ53" i="14"/>
  <c r="BJ53" i="14"/>
  <c r="BW53" i="14"/>
  <c r="CF48" i="14"/>
  <c r="BS48" i="14"/>
  <c r="BF48" i="14"/>
  <c r="CH63" i="14"/>
  <c r="BU63" i="14"/>
  <c r="BH63" i="14"/>
  <c r="BM53" i="14"/>
  <c r="AZ53" i="14"/>
  <c r="BZ53" i="14"/>
  <c r="BU47" i="14"/>
  <c r="BH47" i="14"/>
  <c r="CH47" i="14"/>
  <c r="BG63" i="14"/>
  <c r="CG63" i="14"/>
  <c r="BT63" i="14"/>
  <c r="CK52" i="14"/>
  <c r="BX52" i="14"/>
  <c r="BK52" i="14"/>
  <c r="BT47" i="14"/>
  <c r="BG47" i="14"/>
  <c r="CG47" i="14"/>
  <c r="BB72" i="14"/>
  <c r="CB72" i="14"/>
  <c r="BO72" i="14"/>
  <c r="CJ50" i="14"/>
  <c r="BW50" i="14"/>
  <c r="BJ50" i="14"/>
  <c r="CA50" i="14"/>
  <c r="BA50" i="14"/>
  <c r="BN50" i="14"/>
  <c r="CH54" i="14"/>
  <c r="BU54" i="14"/>
  <c r="BH54" i="14"/>
  <c r="BD49" i="14"/>
  <c r="CD49" i="14"/>
  <c r="BQ49" i="14"/>
  <c r="BI53" i="14"/>
  <c r="CI53" i="14"/>
  <c r="BV53" i="14"/>
  <c r="BV63" i="14"/>
  <c r="BI63" i="14"/>
  <c r="CI63" i="14"/>
  <c r="CA51" i="14"/>
  <c r="BN51" i="14"/>
  <c r="BA51" i="14"/>
  <c r="CK49" i="14"/>
  <c r="BX49" i="14"/>
  <c r="BK49" i="14"/>
  <c r="BJ63" i="14"/>
  <c r="CJ63" i="14"/>
  <c r="BW63" i="14"/>
  <c r="BO53" i="14"/>
  <c r="CB53" i="14"/>
  <c r="BB53" i="14"/>
  <c r="BW47" i="14"/>
  <c r="BJ47" i="14"/>
  <c r="CJ47" i="14"/>
  <c r="BZ63" i="14"/>
  <c r="BM63" i="14"/>
  <c r="AZ63" i="14"/>
  <c r="CD52" i="14"/>
  <c r="BD52" i="14"/>
  <c r="BQ52" i="14"/>
  <c r="AZ47" i="14"/>
  <c r="BM47" i="14"/>
  <c r="BZ47" i="14"/>
  <c r="BC52" i="14"/>
  <c r="BP52" i="14"/>
  <c r="CC52" i="14"/>
  <c r="BO50" i="14"/>
  <c r="BB50" i="14"/>
  <c r="CB50" i="14"/>
  <c r="CI54" i="14"/>
  <c r="BV54" i="14"/>
  <c r="BI54" i="14"/>
  <c r="CE49" i="14"/>
  <c r="BR49" i="14"/>
  <c r="BE49" i="14"/>
  <c r="CD59" i="14"/>
  <c r="BQ59" i="14"/>
  <c r="BD59" i="14"/>
  <c r="BM54" i="14"/>
  <c r="AZ54" i="14"/>
  <c r="BZ54" i="14"/>
  <c r="BU48" i="14"/>
  <c r="CH48" i="14"/>
  <c r="BH48" i="14"/>
  <c r="CE48" i="14"/>
  <c r="BR48" i="14"/>
  <c r="BE48" i="14"/>
  <c r="CK59" i="14"/>
  <c r="BX59" i="14"/>
  <c r="BK59" i="14"/>
  <c r="BG54" i="14"/>
  <c r="CG54" i="14"/>
  <c r="BT54" i="14"/>
  <c r="BP49" i="14"/>
  <c r="CC49" i="14"/>
  <c r="BC49" i="14"/>
  <c r="CB63" i="14"/>
  <c r="BB63" i="14"/>
  <c r="BO63" i="14"/>
  <c r="BS52" i="14"/>
  <c r="BF52" i="14"/>
  <c r="CF52" i="14"/>
  <c r="BO47" i="14"/>
  <c r="CB47" i="14"/>
  <c r="BB47" i="14"/>
  <c r="BH51" i="14"/>
  <c r="CH51" i="14"/>
  <c r="BU51" i="14"/>
  <c r="CK72" i="14"/>
  <c r="BX72" i="14"/>
  <c r="BK72" i="14"/>
  <c r="BG51" i="14"/>
  <c r="CG51" i="14"/>
  <c r="BT51" i="14"/>
  <c r="CJ54" i="14"/>
  <c r="BW54" i="14"/>
  <c r="BJ54" i="14"/>
  <c r="BF49" i="14"/>
  <c r="CF49" i="14"/>
  <c r="BS49" i="14"/>
  <c r="CE59" i="14"/>
  <c r="BR59" i="14"/>
  <c r="BE59" i="14"/>
  <c r="BA54" i="14"/>
  <c r="CA54" i="14"/>
  <c r="BN54" i="14"/>
  <c r="BI48" i="14"/>
  <c r="BV48" i="14"/>
  <c r="CI48" i="14"/>
  <c r="BQ53" i="14"/>
  <c r="CD53" i="14"/>
  <c r="BD53" i="14"/>
  <c r="BZ48" i="14"/>
  <c r="BM48" i="14"/>
  <c r="AZ48" i="14"/>
  <c r="CA53" i="14"/>
  <c r="BN53" i="14"/>
  <c r="BA53" i="14"/>
  <c r="CA63" i="14"/>
  <c r="BN63" i="14"/>
  <c r="BA63" i="14"/>
  <c r="BR50" i="14"/>
  <c r="CE50" i="14"/>
  <c r="BE50" i="14"/>
  <c r="CC59" i="14"/>
  <c r="BP59" i="14"/>
  <c r="BC59" i="14"/>
  <c r="CK53" i="14"/>
  <c r="BK53" i="14"/>
  <c r="BX53" i="14"/>
  <c r="BG48" i="14"/>
  <c r="CG48" i="14"/>
  <c r="BT48" i="14"/>
  <c r="CJ51" i="14"/>
  <c r="BW51" i="14"/>
  <c r="BJ51" i="14"/>
  <c r="CD72" i="14"/>
  <c r="BQ72" i="14"/>
  <c r="BD72" i="14"/>
  <c r="BZ51" i="14"/>
  <c r="AZ51" i="14"/>
  <c r="BM51" i="14"/>
  <c r="BP72" i="14"/>
  <c r="BC72" i="14"/>
  <c r="CC72" i="14"/>
  <c r="CK50" i="14"/>
  <c r="BX50" i="14"/>
  <c r="BK50" i="14"/>
  <c r="BS59" i="14"/>
  <c r="BF59" i="14"/>
  <c r="CF59" i="14"/>
  <c r="BO54" i="14"/>
  <c r="CB54" i="14"/>
  <c r="BB54" i="14"/>
  <c r="CJ48" i="14"/>
  <c r="BW48" i="14"/>
  <c r="BJ48" i="14"/>
  <c r="CE53" i="14"/>
  <c r="BR53" i="14"/>
  <c r="BE53" i="14"/>
  <c r="CA48" i="14"/>
  <c r="BN48" i="14"/>
  <c r="BA48" i="14"/>
  <c r="CD63" i="14"/>
  <c r="BQ63" i="14"/>
  <c r="BD63" i="14"/>
  <c r="BH52" i="14"/>
  <c r="CH52" i="14"/>
  <c r="BU52" i="14"/>
  <c r="CD47" i="14"/>
  <c r="BQ47" i="14"/>
  <c r="BD47" i="14"/>
  <c r="BV47" i="14"/>
  <c r="CI47" i="14"/>
  <c r="BI47" i="14"/>
  <c r="CK63" i="14"/>
  <c r="BK63" i="14"/>
  <c r="BX63" i="14"/>
  <c r="BC53" i="14"/>
  <c r="CC53" i="14"/>
  <c r="BP53" i="14"/>
  <c r="BX47" i="14"/>
  <c r="CK47" i="14"/>
  <c r="BK47" i="14"/>
  <c r="BF72" i="14"/>
  <c r="CF72" i="14"/>
  <c r="BS72" i="14"/>
  <c r="CB51" i="14"/>
  <c r="BB51" i="14"/>
  <c r="BO51" i="14"/>
  <c r="BD50" i="14"/>
  <c r="CD50" i="14"/>
  <c r="BQ50" i="14"/>
  <c r="CC50" i="14"/>
  <c r="BP50" i="14"/>
  <c r="BC50" i="14"/>
  <c r="CF53" i="14"/>
  <c r="BS53" i="14"/>
  <c r="BF53" i="14"/>
  <c r="CB48" i="14"/>
  <c r="BO48" i="14"/>
  <c r="BB48" i="14"/>
  <c r="CE63" i="14"/>
  <c r="BR63" i="14"/>
  <c r="BE63" i="14"/>
  <c r="BI52" i="14"/>
  <c r="CI52" i="14"/>
  <c r="BV52" i="14"/>
  <c r="CE47" i="14"/>
  <c r="BR47" i="14"/>
  <c r="BE47" i="14"/>
  <c r="BM52" i="14"/>
  <c r="AZ52" i="14"/>
  <c r="BZ52" i="14"/>
  <c r="BE52" i="14"/>
  <c r="CE52" i="14"/>
  <c r="BR52" i="14"/>
  <c r="CE72" i="14"/>
  <c r="BR72" i="14"/>
  <c r="BE72" i="14"/>
  <c r="CC63" i="14"/>
  <c r="BP63" i="14"/>
  <c r="BC63" i="14"/>
  <c r="CG52" i="14"/>
  <c r="BG52" i="14"/>
  <c r="BT52" i="14"/>
  <c r="BC47" i="14"/>
  <c r="CC47" i="14"/>
  <c r="BP47" i="14"/>
  <c r="BF50" i="14"/>
  <c r="CF50" i="14"/>
  <c r="BS50" i="14"/>
  <c r="CH49" i="14"/>
  <c r="BU49" i="14"/>
  <c r="BH49" i="14"/>
  <c r="CK54" i="14"/>
  <c r="BX54" i="14"/>
  <c r="BK54" i="14"/>
  <c r="BG49" i="14"/>
  <c r="CG49" i="14"/>
  <c r="BT49" i="14"/>
  <c r="BS63" i="14"/>
  <c r="BF63" i="14"/>
  <c r="CF63" i="14"/>
  <c r="CJ52" i="14"/>
  <c r="BW52" i="14"/>
  <c r="BJ52" i="14"/>
  <c r="CF47" i="14"/>
  <c r="BF47" i="14"/>
  <c r="BS47" i="14"/>
  <c r="CA52" i="14"/>
  <c r="BN52" i="14"/>
  <c r="BA52" i="14"/>
  <c r="CH72" i="14"/>
  <c r="BU72" i="14"/>
  <c r="BH72" i="14"/>
  <c r="CD51" i="14"/>
  <c r="BD51" i="14"/>
  <c r="BQ51" i="14"/>
  <c r="BN47" i="14"/>
  <c r="CA47" i="14"/>
  <c r="BA47" i="14"/>
  <c r="BV49" i="14"/>
  <c r="BI49" i="14"/>
  <c r="CI49" i="14"/>
  <c r="CI59" i="14"/>
  <c r="BV59" i="14"/>
  <c r="BI59" i="14"/>
  <c r="CK51" i="14"/>
  <c r="BX51" i="14"/>
  <c r="BK51" i="14"/>
  <c r="CJ49" i="14"/>
  <c r="BW49" i="14"/>
  <c r="BJ49" i="14"/>
  <c r="BH59" i="14"/>
  <c r="CH59" i="14"/>
  <c r="BU59" i="14"/>
  <c r="CD54" i="14"/>
  <c r="BQ54" i="14"/>
  <c r="BD54" i="14"/>
  <c r="BZ49" i="14"/>
  <c r="BM49" i="14"/>
  <c r="AZ49" i="14"/>
  <c r="BG59" i="14"/>
  <c r="CG59" i="14"/>
  <c r="BT59" i="14"/>
  <c r="CC54" i="14"/>
  <c r="BP54" i="14"/>
  <c r="BC54" i="14"/>
  <c r="CK48" i="14"/>
  <c r="BX48" i="14"/>
  <c r="BK48" i="14"/>
  <c r="CB52" i="14"/>
  <c r="BO52" i="14"/>
  <c r="BB52" i="14"/>
  <c r="BI72" i="14"/>
  <c r="CI72" i="14"/>
  <c r="BV72" i="14"/>
  <c r="CE51" i="14"/>
  <c r="BR51" i="14"/>
  <c r="BE51" i="14"/>
  <c r="BZ72" i="14"/>
  <c r="BM72" i="14"/>
  <c r="AZ72" i="14"/>
  <c r="CH50" i="14"/>
  <c r="BU50" i="14"/>
  <c r="BH50" i="14"/>
  <c r="AR76" i="6"/>
  <c r="AR80" i="6"/>
  <c r="O59" i="25" s="1"/>
  <c r="AR70" i="6"/>
  <c r="AR81" i="6"/>
  <c r="O60" i="25" s="1"/>
  <c r="AT64" i="6"/>
  <c r="AR79" i="6"/>
  <c r="O58" i="25" s="1"/>
  <c r="AS55" i="6"/>
  <c r="AS47" i="6"/>
  <c r="Q26" i="25" s="1"/>
  <c r="AS38" i="6"/>
  <c r="AS45" i="6"/>
  <c r="AT33" i="6"/>
  <c r="AS68" i="6"/>
  <c r="AS65" i="6"/>
  <c r="AT39" i="6"/>
  <c r="AS69" i="6"/>
  <c r="AU32" i="6"/>
  <c r="AT49" i="6"/>
  <c r="S28" i="25" s="1"/>
  <c r="AU48" i="6"/>
  <c r="U27" i="25" s="1"/>
  <c r="AS52" i="6"/>
  <c r="Q31" i="25" s="1"/>
  <c r="AT62" i="6"/>
  <c r="AT46" i="6"/>
  <c r="AT30" i="6"/>
  <c r="AT78" i="6"/>
  <c r="AV37" i="6"/>
  <c r="AT57" i="6"/>
  <c r="AT34" i="6"/>
  <c r="AT35" i="6"/>
  <c r="AU28" i="6"/>
  <c r="U7" i="25" s="1"/>
  <c r="AT82" i="6"/>
  <c r="S61" i="25" s="1"/>
  <c r="AT66" i="6"/>
  <c r="AT58" i="6"/>
  <c r="AT75" i="6"/>
  <c r="AT43" i="6"/>
  <c r="AT74" i="6"/>
  <c r="AT59" i="6"/>
  <c r="S38" i="25" s="1"/>
  <c r="AT42" i="6"/>
  <c r="AT41" i="6"/>
  <c r="AU42" i="7" l="1"/>
  <c r="AS69" i="7"/>
  <c r="AS42" i="7"/>
  <c r="AW69" i="7"/>
  <c r="AR42" i="7"/>
  <c r="AP42" i="7"/>
  <c r="AO66" i="7"/>
  <c r="AR69" i="7"/>
  <c r="AT42" i="7"/>
  <c r="AO69" i="7"/>
  <c r="AM42" i="7"/>
  <c r="AQ69" i="7"/>
  <c r="AQ42" i="7"/>
  <c r="AY69" i="7"/>
  <c r="AV42" i="7"/>
  <c r="AX69" i="7"/>
  <c r="AU69" i="7"/>
  <c r="AN42" i="7"/>
  <c r="AP69" i="7"/>
  <c r="AW42" i="7"/>
  <c r="AM69" i="7"/>
  <c r="AT69" i="7"/>
  <c r="AV69" i="7"/>
  <c r="AO42" i="7"/>
  <c r="AV66" i="7"/>
  <c r="AY42" i="7"/>
  <c r="AO70" i="7"/>
  <c r="AS70" i="7"/>
  <c r="AQ66" i="7"/>
  <c r="AR70" i="7"/>
  <c r="AS31" i="6"/>
  <c r="AQ70" i="7"/>
  <c r="AM70" i="7"/>
  <c r="AM31" i="6"/>
  <c r="AT70" i="7"/>
  <c r="AP70" i="7"/>
  <c r="AW70" i="7"/>
  <c r="AT52" i="7"/>
  <c r="S31" i="23" s="1"/>
  <c r="AM52" i="7"/>
  <c r="E31" i="23" s="1"/>
  <c r="AW52" i="7"/>
  <c r="Y31" i="23" s="1"/>
  <c r="AS53" i="6"/>
  <c r="Q32" i="25" s="1"/>
  <c r="AN49" i="7"/>
  <c r="G28" i="23" s="1"/>
  <c r="AO52" i="7"/>
  <c r="I31" i="23" s="1"/>
  <c r="AM49" i="7"/>
  <c r="E28" i="23" s="1"/>
  <c r="AR52" i="7"/>
  <c r="O31" i="23" s="1"/>
  <c r="AR57" i="7"/>
  <c r="AS49" i="7"/>
  <c r="Q28" i="23" s="1"/>
  <c r="AU52" i="7"/>
  <c r="U31" i="23" s="1"/>
  <c r="AW57" i="7"/>
  <c r="AQ52" i="7"/>
  <c r="M31" i="23" s="1"/>
  <c r="AV52" i="7"/>
  <c r="W31" i="23" s="1"/>
  <c r="AP52" i="7"/>
  <c r="K31" i="23" s="1"/>
  <c r="AP57" i="7"/>
  <c r="AN52" i="7"/>
  <c r="G31" i="23" s="1"/>
  <c r="AQ49" i="7"/>
  <c r="M28" i="23" s="1"/>
  <c r="AV57" i="7"/>
  <c r="AV70" i="7"/>
  <c r="AP31" i="6"/>
  <c r="AN70" i="7"/>
  <c r="AO31" i="6"/>
  <c r="AQ31" i="6"/>
  <c r="AN31" i="6"/>
  <c r="AY31" i="6"/>
  <c r="W31" i="7"/>
  <c r="AX31" i="6"/>
  <c r="AY70" i="7"/>
  <c r="AU70" i="7"/>
  <c r="AP56" i="6"/>
  <c r="AR56" i="6"/>
  <c r="AM56" i="6"/>
  <c r="AQ56" i="6"/>
  <c r="AN56" i="6"/>
  <c r="AO56" i="6"/>
  <c r="W56" i="7"/>
  <c r="AX56" i="6"/>
  <c r="AS56" i="6"/>
  <c r="AY56" i="6"/>
  <c r="AN53" i="6"/>
  <c r="G32" i="25" s="1"/>
  <c r="AS80" i="7"/>
  <c r="Q59" i="23" s="1"/>
  <c r="AU28" i="7"/>
  <c r="U7" i="23" s="1"/>
  <c r="AN28" i="7"/>
  <c r="G7" i="23" s="1"/>
  <c r="AQ28" i="7"/>
  <c r="M7" i="23" s="1"/>
  <c r="AW28" i="7"/>
  <c r="Y7" i="23" s="1"/>
  <c r="AR80" i="7"/>
  <c r="O59" i="23" s="1"/>
  <c r="AQ80" i="7"/>
  <c r="M59" i="23" s="1"/>
  <c r="AT80" i="7"/>
  <c r="S59" i="23" s="1"/>
  <c r="AO28" i="7"/>
  <c r="I7" i="23" s="1"/>
  <c r="AS28" i="7"/>
  <c r="Q7" i="23" s="1"/>
  <c r="AM28" i="7"/>
  <c r="E7" i="23" s="1"/>
  <c r="AR28" i="7"/>
  <c r="O7" i="23" s="1"/>
  <c r="AP80" i="7"/>
  <c r="K59" i="23" s="1"/>
  <c r="AT28" i="7"/>
  <c r="S7" i="23" s="1"/>
  <c r="AN80" i="7"/>
  <c r="G59" i="23" s="1"/>
  <c r="AU80" i="7"/>
  <c r="U59" i="23" s="1"/>
  <c r="AW80" i="7"/>
  <c r="Y59" i="23" s="1"/>
  <c r="AM80" i="7"/>
  <c r="E59" i="23" s="1"/>
  <c r="AO80" i="7"/>
  <c r="I59" i="23" s="1"/>
  <c r="AY52" i="7"/>
  <c r="AC31" i="23" s="1"/>
  <c r="AX52" i="7"/>
  <c r="AA31" i="23" s="1"/>
  <c r="AU49" i="7"/>
  <c r="U28" i="23" s="1"/>
  <c r="AX53" i="6"/>
  <c r="AA32" i="25" s="1"/>
  <c r="AX57" i="7"/>
  <c r="AT49" i="7"/>
  <c r="S28" i="23" s="1"/>
  <c r="AY49" i="7"/>
  <c r="AC28" i="23" s="1"/>
  <c r="AP53" i="6"/>
  <c r="K32" i="25" s="1"/>
  <c r="AY53" i="6"/>
  <c r="AC32" i="25" s="1"/>
  <c r="AR32" i="7"/>
  <c r="AS32" i="7"/>
  <c r="AY32" i="7"/>
  <c r="AP32" i="7"/>
  <c r="AX32" i="7"/>
  <c r="AT32" i="7"/>
  <c r="AV32" i="7"/>
  <c r="AU32" i="7"/>
  <c r="AW32" i="7"/>
  <c r="AQ32" i="7"/>
  <c r="AN32" i="7"/>
  <c r="AM32" i="7"/>
  <c r="AY80" i="7"/>
  <c r="AC59" i="23" s="1"/>
  <c r="AY28" i="7"/>
  <c r="AC7" i="23" s="1"/>
  <c r="AU66" i="7"/>
  <c r="AV47" i="7"/>
  <c r="W26" i="23" s="1"/>
  <c r="AR81" i="7"/>
  <c r="O60" i="23" s="1"/>
  <c r="AU47" i="7"/>
  <c r="U26" i="23" s="1"/>
  <c r="AO47" i="7"/>
  <c r="I26" i="23" s="1"/>
  <c r="AW81" i="7"/>
  <c r="Y60" i="23" s="1"/>
  <c r="AM47" i="7"/>
  <c r="E26" i="23" s="1"/>
  <c r="AT47" i="7"/>
  <c r="S26" i="23" s="1"/>
  <c r="AN47" i="7"/>
  <c r="G26" i="23" s="1"/>
  <c r="AV81" i="7"/>
  <c r="W60" i="23" s="1"/>
  <c r="AN81" i="7"/>
  <c r="G60" i="23" s="1"/>
  <c r="AQ81" i="7"/>
  <c r="M60" i="23" s="1"/>
  <c r="AT81" i="7"/>
  <c r="S60" i="23" s="1"/>
  <c r="AR47" i="7"/>
  <c r="O26" i="23" s="1"/>
  <c r="AY81" i="7"/>
  <c r="AC60" i="23" s="1"/>
  <c r="AP81" i="7"/>
  <c r="K60" i="23" s="1"/>
  <c r="AX81" i="7"/>
  <c r="AA60" i="23" s="1"/>
  <c r="AQ47" i="7"/>
  <c r="M26" i="23" s="1"/>
  <c r="AU81" i="7"/>
  <c r="U60" i="23" s="1"/>
  <c r="AS47" i="7"/>
  <c r="Q26" i="23" s="1"/>
  <c r="AM81" i="7"/>
  <c r="E60" i="23" s="1"/>
  <c r="AX47" i="7"/>
  <c r="AA26" i="23" s="1"/>
  <c r="AO81" i="7"/>
  <c r="I60" i="23" s="1"/>
  <c r="AM31" i="7"/>
  <c r="AP47" i="7"/>
  <c r="K26" i="23" s="1"/>
  <c r="AW47" i="7"/>
  <c r="Y26" i="23" s="1"/>
  <c r="AM74" i="7"/>
  <c r="AO74" i="7"/>
  <c r="AQ79" i="7"/>
  <c r="M58" i="23" s="1"/>
  <c r="AT79" i="7"/>
  <c r="S58" i="23" s="1"/>
  <c r="AS79" i="7"/>
  <c r="Q58" i="23" s="1"/>
  <c r="AW79" i="7"/>
  <c r="Y58" i="23" s="1"/>
  <c r="AS82" i="7"/>
  <c r="Q61" i="23" s="1"/>
  <c r="AT74" i="7"/>
  <c r="AQ74" i="7"/>
  <c r="AN74" i="7"/>
  <c r="AS74" i="7"/>
  <c r="AP74" i="7"/>
  <c r="AN82" i="7"/>
  <c r="G61" i="23" s="1"/>
  <c r="AW74" i="7"/>
  <c r="AU74" i="7"/>
  <c r="AR74" i="7"/>
  <c r="AX82" i="7"/>
  <c r="AA61" i="23" s="1"/>
  <c r="AY74" i="7"/>
  <c r="AV74" i="7"/>
  <c r="AO68" i="7"/>
  <c r="AT68" i="7"/>
  <c r="AY68" i="7"/>
  <c r="AN40" i="6"/>
  <c r="AX40" i="6"/>
  <c r="AY40" i="6"/>
  <c r="AM40" i="6"/>
  <c r="W40" i="7"/>
  <c r="AP40" i="6"/>
  <c r="AQ40" i="6"/>
  <c r="AO40" i="6"/>
  <c r="AR40" i="6"/>
  <c r="AU68" i="7"/>
  <c r="AS68" i="7"/>
  <c r="AP59" i="7"/>
  <c r="K38" i="23" s="1"/>
  <c r="AQ68" i="7"/>
  <c r="AS40" i="6"/>
  <c r="AY59" i="7"/>
  <c r="AC38" i="23" s="1"/>
  <c r="AT64" i="7"/>
  <c r="AX59" i="7"/>
  <c r="AA38" i="23" s="1"/>
  <c r="AU64" i="7"/>
  <c r="AW49" i="7"/>
  <c r="Y28" i="23" s="1"/>
  <c r="AN57" i="7"/>
  <c r="AU79" i="7"/>
  <c r="U58" i="23" s="1"/>
  <c r="AM68" i="7"/>
  <c r="AR68" i="7"/>
  <c r="AS57" i="7"/>
  <c r="AM64" i="7"/>
  <c r="AV79" i="7"/>
  <c r="W58" i="23" s="1"/>
  <c r="AU57" i="7"/>
  <c r="AT57" i="7"/>
  <c r="AX49" i="7"/>
  <c r="AA28" i="23" s="1"/>
  <c r="W53" i="7"/>
  <c r="AX53" i="7" s="1"/>
  <c r="AA32" i="23" s="1"/>
  <c r="AQ64" i="7"/>
  <c r="AO79" i="7"/>
  <c r="I58" i="23" s="1"/>
  <c r="AS64" i="7"/>
  <c r="AO49" i="7"/>
  <c r="I28" i="23" s="1"/>
  <c r="AV68" i="7"/>
  <c r="AP79" i="7"/>
  <c r="K58" i="23" s="1"/>
  <c r="AP68" i="7"/>
  <c r="AQ57" i="7"/>
  <c r="AN79" i="7"/>
  <c r="G58" i="23" s="1"/>
  <c r="AM57" i="7"/>
  <c r="AW64" i="7"/>
  <c r="AY79" i="7"/>
  <c r="AC58" i="23" s="1"/>
  <c r="AY64" i="7"/>
  <c r="W72" i="7"/>
  <c r="AN72" i="6"/>
  <c r="G51" i="25" s="1"/>
  <c r="AP72" i="6"/>
  <c r="K51" i="25" s="1"/>
  <c r="AX72" i="6"/>
  <c r="AA51" i="25" s="1"/>
  <c r="AM72" i="6"/>
  <c r="AQ72" i="6"/>
  <c r="M51" i="25" s="1"/>
  <c r="AY72" i="6"/>
  <c r="AC51" i="25" s="1"/>
  <c r="AO72" i="6"/>
  <c r="I51" i="25" s="1"/>
  <c r="AR72" i="6"/>
  <c r="O51" i="25" s="1"/>
  <c r="AR64" i="7"/>
  <c r="AS72" i="6"/>
  <c r="Q51" i="25" s="1"/>
  <c r="AN68" i="7"/>
  <c r="AV64" i="7"/>
  <c r="AR49" i="7"/>
  <c r="O28" i="23" s="1"/>
  <c r="AP49" i="7"/>
  <c r="K28" i="23" s="1"/>
  <c r="AP64" i="7"/>
  <c r="AR79" i="7"/>
  <c r="O58" i="23" s="1"/>
  <c r="AO64" i="7"/>
  <c r="AX79" i="7"/>
  <c r="AA58" i="23" s="1"/>
  <c r="AX64" i="7"/>
  <c r="AO57" i="7"/>
  <c r="AW68" i="7"/>
  <c r="AT82" i="7"/>
  <c r="S61" i="23" s="1"/>
  <c r="AR82" i="7"/>
  <c r="O61" i="23" s="1"/>
  <c r="AQ82" i="7"/>
  <c r="M61" i="23" s="1"/>
  <c r="AU82" i="7"/>
  <c r="U61" i="23" s="1"/>
  <c r="AW82" i="7"/>
  <c r="Y61" i="23" s="1"/>
  <c r="AM82" i="7"/>
  <c r="E61" i="23" s="1"/>
  <c r="AP82" i="7"/>
  <c r="K61" i="23" s="1"/>
  <c r="AO82" i="7"/>
  <c r="I61" i="23" s="1"/>
  <c r="AV82" i="7"/>
  <c r="W61" i="23" s="1"/>
  <c r="AN66" i="7"/>
  <c r="AM66" i="7"/>
  <c r="AY66" i="7"/>
  <c r="AX66" i="7"/>
  <c r="AT66" i="7"/>
  <c r="AS66" i="7"/>
  <c r="AP66" i="7"/>
  <c r="AR66" i="7"/>
  <c r="AM53" i="6"/>
  <c r="E32" i="25" s="1"/>
  <c r="AR53" i="6"/>
  <c r="O32" i="25" s="1"/>
  <c r="AO53" i="6"/>
  <c r="I32" i="25" s="1"/>
  <c r="AM27" i="6"/>
  <c r="E6" i="25" s="1"/>
  <c r="AX27" i="6"/>
  <c r="AA6" i="25" s="1"/>
  <c r="AY27" i="6"/>
  <c r="AC6" i="25" s="1"/>
  <c r="AX73" i="6"/>
  <c r="AY73" i="6"/>
  <c r="AX61" i="6"/>
  <c r="AY61" i="6"/>
  <c r="AX36" i="6"/>
  <c r="AY36" i="6"/>
  <c r="AX77" i="6"/>
  <c r="AY77" i="6"/>
  <c r="AX44" i="6"/>
  <c r="AY44" i="6"/>
  <c r="AX50" i="6"/>
  <c r="AA29" i="25" s="1"/>
  <c r="AY50" i="6"/>
  <c r="AC29" i="25" s="1"/>
  <c r="AT51" i="6"/>
  <c r="S30" i="25" s="1"/>
  <c r="AX51" i="6"/>
  <c r="AA30" i="25" s="1"/>
  <c r="AY51" i="6"/>
  <c r="AC30" i="25" s="1"/>
  <c r="AX63" i="6"/>
  <c r="AA42" i="25" s="1"/>
  <c r="AY63" i="6"/>
  <c r="AC42" i="25" s="1"/>
  <c r="AT67" i="6"/>
  <c r="AX67" i="6"/>
  <c r="AY67" i="6"/>
  <c r="AX54" i="6"/>
  <c r="AA33" i="25" s="1"/>
  <c r="AY54" i="6"/>
  <c r="AC33" i="25" s="1"/>
  <c r="AX60" i="6"/>
  <c r="AY60" i="6"/>
  <c r="AX71" i="6"/>
  <c r="AY71" i="6"/>
  <c r="AY29" i="6"/>
  <c r="AX29" i="6"/>
  <c r="W60" i="7"/>
  <c r="AO60" i="6"/>
  <c r="AM60" i="6"/>
  <c r="AN60" i="6"/>
  <c r="AP60" i="6"/>
  <c r="AQ60" i="6"/>
  <c r="AR60" i="6"/>
  <c r="AP71" i="6"/>
  <c r="AN71" i="6"/>
  <c r="AO71" i="6"/>
  <c r="AM71" i="6"/>
  <c r="AQ71" i="6"/>
  <c r="W71" i="7"/>
  <c r="W29" i="7"/>
  <c r="AN29" i="6"/>
  <c r="AO29" i="6"/>
  <c r="AP29" i="6"/>
  <c r="AM29" i="6"/>
  <c r="AQ29" i="6"/>
  <c r="AO27" i="6"/>
  <c r="I6" i="25" s="1"/>
  <c r="AP27" i="6"/>
  <c r="K6" i="25" s="1"/>
  <c r="AQ27" i="6"/>
  <c r="M6" i="25" s="1"/>
  <c r="AN27" i="6"/>
  <c r="G6" i="25" s="1"/>
  <c r="W27" i="7"/>
  <c r="W73" i="7"/>
  <c r="AQ73" i="6"/>
  <c r="AP73" i="6"/>
  <c r="AM73" i="6"/>
  <c r="AN73" i="6"/>
  <c r="AR73" i="6"/>
  <c r="AO73" i="6"/>
  <c r="AS73" i="6"/>
  <c r="AP61" i="6"/>
  <c r="W61" i="7"/>
  <c r="AR61" i="6"/>
  <c r="AQ61" i="6"/>
  <c r="AO61" i="6"/>
  <c r="AN61" i="6"/>
  <c r="AM61" i="6"/>
  <c r="AO36" i="6"/>
  <c r="AS36" i="6"/>
  <c r="AR36" i="6"/>
  <c r="AT36" i="6"/>
  <c r="AN36" i="6"/>
  <c r="AM36" i="6"/>
  <c r="AQ36" i="6"/>
  <c r="W36" i="7"/>
  <c r="AP36" i="6"/>
  <c r="AP77" i="6"/>
  <c r="AM77" i="6"/>
  <c r="AO77" i="6"/>
  <c r="AN77" i="6"/>
  <c r="AR77" i="6"/>
  <c r="AQ77" i="6"/>
  <c r="W77" i="7"/>
  <c r="AP44" i="6"/>
  <c r="AQ44" i="6"/>
  <c r="AO44" i="6"/>
  <c r="AN44" i="6"/>
  <c r="W44" i="7"/>
  <c r="AR44" i="6"/>
  <c r="AM44" i="6"/>
  <c r="AO50" i="6"/>
  <c r="I29" i="25" s="1"/>
  <c r="AP50" i="6"/>
  <c r="K29" i="25" s="1"/>
  <c r="AQ50" i="6"/>
  <c r="M29" i="25" s="1"/>
  <c r="AR50" i="6"/>
  <c r="O29" i="25" s="1"/>
  <c r="AN50" i="6"/>
  <c r="G29" i="25" s="1"/>
  <c r="W50" i="7"/>
  <c r="AM50" i="6"/>
  <c r="E29" i="25" s="1"/>
  <c r="AS50" i="6"/>
  <c r="Q29" i="25" s="1"/>
  <c r="W51" i="7"/>
  <c r="AN51" i="6"/>
  <c r="G30" i="25" s="1"/>
  <c r="AO51" i="6"/>
  <c r="I30" i="25" s="1"/>
  <c r="AM51" i="6"/>
  <c r="E30" i="25" s="1"/>
  <c r="AP51" i="6"/>
  <c r="K30" i="25" s="1"/>
  <c r="AQ51" i="6"/>
  <c r="M30" i="25" s="1"/>
  <c r="AR51" i="6"/>
  <c r="O30" i="25" s="1"/>
  <c r="AS51" i="6"/>
  <c r="Q30" i="25" s="1"/>
  <c r="W63" i="7"/>
  <c r="AP63" i="6"/>
  <c r="K42" i="25" s="1"/>
  <c r="AM63" i="6"/>
  <c r="E42" i="25" s="1"/>
  <c r="AR63" i="6"/>
  <c r="O42" i="25" s="1"/>
  <c r="AV63" i="6"/>
  <c r="W42" i="25" s="1"/>
  <c r="AS63" i="6"/>
  <c r="Q42" i="25" s="1"/>
  <c r="AT63" i="6"/>
  <c r="S42" i="25" s="1"/>
  <c r="AU63" i="6"/>
  <c r="U42" i="25" s="1"/>
  <c r="AN63" i="6"/>
  <c r="G42" i="25" s="1"/>
  <c r="AO63" i="6"/>
  <c r="I42" i="25" s="1"/>
  <c r="AQ63" i="6"/>
  <c r="M42" i="25" s="1"/>
  <c r="AW63" i="6"/>
  <c r="Y42" i="25" s="1"/>
  <c r="W67" i="7"/>
  <c r="AQ67" i="6"/>
  <c r="AR67" i="6"/>
  <c r="AN67" i="6"/>
  <c r="AO67" i="6"/>
  <c r="AP67" i="6"/>
  <c r="AM67" i="6"/>
  <c r="AS67" i="6"/>
  <c r="W54" i="7"/>
  <c r="AM54" i="6"/>
  <c r="E33" i="25" s="1"/>
  <c r="AQ54" i="6"/>
  <c r="M33" i="25" s="1"/>
  <c r="AR54" i="6"/>
  <c r="O33" i="25" s="1"/>
  <c r="AN54" i="6"/>
  <c r="G33" i="25" s="1"/>
  <c r="AO54" i="6"/>
  <c r="I33" i="25" s="1"/>
  <c r="AP54" i="6"/>
  <c r="K33" i="25" s="1"/>
  <c r="AS54" i="6"/>
  <c r="Q33" i="25" s="1"/>
  <c r="AF27" i="7"/>
  <c r="AS27" i="6"/>
  <c r="Q6" i="25" s="1"/>
  <c r="AS76" i="6"/>
  <c r="AS71" i="6"/>
  <c r="AS80" i="6"/>
  <c r="Q59" i="25" s="1"/>
  <c r="AS70" i="6"/>
  <c r="AS81" i="6"/>
  <c r="Q60" i="25" s="1"/>
  <c r="FC53" i="14"/>
  <c r="IC53" i="14" s="1"/>
  <c r="EP53" i="14"/>
  <c r="HP53" i="14" s="1"/>
  <c r="ED50" i="14"/>
  <c r="HD50" i="14" s="1"/>
  <c r="DQ50" i="14"/>
  <c r="GQ50" i="14" s="1"/>
  <c r="FI50" i="14"/>
  <c r="II50" i="14" s="1"/>
  <c r="EV50" i="14"/>
  <c r="HV50" i="14" s="1"/>
  <c r="FE54" i="14"/>
  <c r="IE54" i="14" s="1"/>
  <c r="ER54" i="14"/>
  <c r="HR54" i="14" s="1"/>
  <c r="EX53" i="14"/>
  <c r="HX53" i="14" s="1"/>
  <c r="FK53" i="14"/>
  <c r="IK53" i="14" s="1"/>
  <c r="FJ49" i="14"/>
  <c r="IJ49" i="14" s="1"/>
  <c r="EW49" i="14"/>
  <c r="HW49" i="14" s="1"/>
  <c r="DJ50" i="14"/>
  <c r="GJ50" i="14" s="1"/>
  <c r="CW50" i="14"/>
  <c r="FW50" i="14" s="1"/>
  <c r="DH47" i="14"/>
  <c r="GH47" i="14" s="1"/>
  <c r="CU47" i="14"/>
  <c r="FU47" i="14" s="1"/>
  <c r="DJ54" i="14"/>
  <c r="GJ54" i="14" s="1"/>
  <c r="CW54" i="14"/>
  <c r="FW54" i="14" s="1"/>
  <c r="FG59" i="14"/>
  <c r="IG59" i="14" s="1"/>
  <c r="ET59" i="14"/>
  <c r="HT59" i="14" s="1"/>
  <c r="DS59" i="14"/>
  <c r="GS59" i="14" s="1"/>
  <c r="EF59" i="14"/>
  <c r="HF59" i="14" s="1"/>
  <c r="FJ51" i="14"/>
  <c r="IJ51" i="14" s="1"/>
  <c r="EW51" i="14"/>
  <c r="HW51" i="14" s="1"/>
  <c r="FB47" i="14"/>
  <c r="IB47" i="14" s="1"/>
  <c r="EO47" i="14"/>
  <c r="HO47" i="14" s="1"/>
  <c r="EI52" i="14"/>
  <c r="HI52" i="14" s="1"/>
  <c r="DV52" i="14"/>
  <c r="GV52" i="14" s="1"/>
  <c r="EN47" i="14"/>
  <c r="HN47" i="14" s="1"/>
  <c r="FA47" i="14"/>
  <c r="IA47" i="14" s="1"/>
  <c r="CM72" i="14"/>
  <c r="FM72" i="14" s="1"/>
  <c r="CZ72" i="14"/>
  <c r="FZ72" i="14" s="1"/>
  <c r="CV63" i="14"/>
  <c r="FV63" i="14" s="1"/>
  <c r="DI63" i="14"/>
  <c r="GI63" i="14" s="1"/>
  <c r="EH59" i="14"/>
  <c r="HH59" i="14" s="1"/>
  <c r="DU59" i="14"/>
  <c r="GU59" i="14" s="1"/>
  <c r="FD72" i="14"/>
  <c r="ID72" i="14" s="1"/>
  <c r="P51" i="23" s="1"/>
  <c r="EQ72" i="14"/>
  <c r="HQ72" i="14" s="1"/>
  <c r="O51" i="23" s="1"/>
  <c r="DU49" i="14"/>
  <c r="GU49" i="14" s="1"/>
  <c r="EH49" i="14"/>
  <c r="HH49" i="14" s="1"/>
  <c r="DX49" i="14"/>
  <c r="GX49" i="14" s="1"/>
  <c r="EK49" i="14"/>
  <c r="HK49" i="14" s="1"/>
  <c r="EQ47" i="14"/>
  <c r="HQ47" i="14" s="1"/>
  <c r="FD47" i="14"/>
  <c r="ID47" i="14" s="1"/>
  <c r="FG51" i="14"/>
  <c r="IG51" i="14" s="1"/>
  <c r="ET51" i="14"/>
  <c r="HT51" i="14" s="1"/>
  <c r="DN53" i="14"/>
  <c r="GN53" i="14" s="1"/>
  <c r="EA53" i="14"/>
  <c r="HA53" i="14" s="1"/>
  <c r="EE54" i="14"/>
  <c r="HE54" i="14" s="1"/>
  <c r="DR54" i="14"/>
  <c r="GR54" i="14" s="1"/>
  <c r="EK72" i="14"/>
  <c r="HK72" i="14" s="1"/>
  <c r="DX72" i="14"/>
  <c r="GX72" i="14" s="1"/>
  <c r="EJ48" i="14"/>
  <c r="HJ48" i="14" s="1"/>
  <c r="DW48" i="14"/>
  <c r="GW48" i="14" s="1"/>
  <c r="DG48" i="14"/>
  <c r="GG48" i="14" s="1"/>
  <c r="CT48" i="14"/>
  <c r="FT48" i="14" s="1"/>
  <c r="DS50" i="14"/>
  <c r="GS50" i="14" s="1"/>
  <c r="EF50" i="14"/>
  <c r="HF50" i="14" s="1"/>
  <c r="EJ50" i="14"/>
  <c r="HJ50" i="14" s="1"/>
  <c r="DW50" i="14"/>
  <c r="GW50" i="14" s="1"/>
  <c r="FF47" i="14"/>
  <c r="IF47" i="14" s="1"/>
  <c r="ES47" i="14"/>
  <c r="HS47" i="14" s="1"/>
  <c r="FH47" i="14"/>
  <c r="IH47" i="14" s="1"/>
  <c r="EU47" i="14"/>
  <c r="HU47" i="14" s="1"/>
  <c r="EJ54" i="14"/>
  <c r="HJ54" i="14" s="1"/>
  <c r="DW54" i="14"/>
  <c r="GW54" i="14" s="1"/>
  <c r="DT59" i="14"/>
  <c r="GT59" i="14" s="1"/>
  <c r="EG59" i="14"/>
  <c r="HG59" i="14" s="1"/>
  <c r="FE72" i="14"/>
  <c r="IE72" i="14" s="1"/>
  <c r="R51" i="23" s="1"/>
  <c r="ER72" i="14"/>
  <c r="HR72" i="14" s="1"/>
  <c r="Q51" i="23" s="1"/>
  <c r="ES59" i="14"/>
  <c r="HS59" i="14" s="1"/>
  <c r="FF59" i="14"/>
  <c r="IF59" i="14" s="1"/>
  <c r="DJ47" i="14"/>
  <c r="GJ47" i="14" s="1"/>
  <c r="CW47" i="14"/>
  <c r="FW47" i="14" s="1"/>
  <c r="DC47" i="14"/>
  <c r="GC47" i="14" s="1"/>
  <c r="CP47" i="14"/>
  <c r="FP47" i="14" s="1"/>
  <c r="EV52" i="14"/>
  <c r="HV52" i="14" s="1"/>
  <c r="FI52" i="14"/>
  <c r="II52" i="14" s="1"/>
  <c r="CU52" i="14"/>
  <c r="FU52" i="14" s="1"/>
  <c r="DH52" i="14"/>
  <c r="GH52" i="14" s="1"/>
  <c r="DZ72" i="14"/>
  <c r="GZ72" i="14" s="1"/>
  <c r="DM72" i="14"/>
  <c r="GM72" i="14" s="1"/>
  <c r="DW63" i="14"/>
  <c r="GW63" i="14" s="1"/>
  <c r="EJ63" i="14"/>
  <c r="HJ63" i="14" s="1"/>
  <c r="DH49" i="14"/>
  <c r="GH49" i="14" s="1"/>
  <c r="CU49" i="14"/>
  <c r="FU49" i="14" s="1"/>
  <c r="DK49" i="14"/>
  <c r="GK49" i="14" s="1"/>
  <c r="CX49" i="14"/>
  <c r="FX49" i="14" s="1"/>
  <c r="CT51" i="14"/>
  <c r="FT51" i="14" s="1"/>
  <c r="DG51" i="14"/>
  <c r="GG51" i="14" s="1"/>
  <c r="ER51" i="14"/>
  <c r="HR51" i="14" s="1"/>
  <c r="FE51" i="14"/>
  <c r="IE51" i="14" s="1"/>
  <c r="ED52" i="14"/>
  <c r="HD52" i="14" s="1"/>
  <c r="DQ52" i="14"/>
  <c r="GQ52" i="14" s="1"/>
  <c r="CQ63" i="14"/>
  <c r="FQ63" i="14" s="1"/>
  <c r="DD63" i="14"/>
  <c r="GD63" i="14" s="1"/>
  <c r="DM53" i="14"/>
  <c r="GM53" i="14" s="1"/>
  <c r="DZ53" i="14"/>
  <c r="GZ53" i="14" s="1"/>
  <c r="DJ53" i="14"/>
  <c r="GJ53" i="14" s="1"/>
  <c r="CW53" i="14"/>
  <c r="FW53" i="14" s="1"/>
  <c r="DX52" i="14"/>
  <c r="GX52" i="14" s="1"/>
  <c r="EK52" i="14"/>
  <c r="HK52" i="14" s="1"/>
  <c r="FA48" i="14"/>
  <c r="IA48" i="14" s="1"/>
  <c r="EN48" i="14"/>
  <c r="HN48" i="14" s="1"/>
  <c r="CZ49" i="14"/>
  <c r="FZ49" i="14" s="1"/>
  <c r="CM49" i="14"/>
  <c r="FM49" i="14" s="1"/>
  <c r="DR52" i="14"/>
  <c r="GR52" i="14" s="1"/>
  <c r="EE52" i="14"/>
  <c r="HE52" i="14" s="1"/>
  <c r="EI48" i="14"/>
  <c r="HI48" i="14" s="1"/>
  <c r="DV48" i="14"/>
  <c r="GV48" i="14" s="1"/>
  <c r="CR50" i="14"/>
  <c r="FR50" i="14" s="1"/>
  <c r="DE50" i="14"/>
  <c r="GE50" i="14" s="1"/>
  <c r="DK50" i="14"/>
  <c r="GK50" i="14" s="1"/>
  <c r="CX50" i="14"/>
  <c r="FX50" i="14" s="1"/>
  <c r="DA50" i="14"/>
  <c r="GA50" i="14" s="1"/>
  <c r="CN50" i="14"/>
  <c r="FN50" i="14" s="1"/>
  <c r="EO59" i="14"/>
  <c r="HO59" i="14" s="1"/>
  <c r="FB59" i="14"/>
  <c r="IB59" i="14" s="1"/>
  <c r="DB54" i="14"/>
  <c r="GB54" i="14" s="1"/>
  <c r="CO54" i="14"/>
  <c r="FO54" i="14" s="1"/>
  <c r="EG53" i="14"/>
  <c r="HG53" i="14" s="1"/>
  <c r="DT53" i="14"/>
  <c r="GT53" i="14" s="1"/>
  <c r="DR49" i="14"/>
  <c r="GR49" i="14" s="1"/>
  <c r="EE49" i="14"/>
  <c r="HE49" i="14" s="1"/>
  <c r="FG50" i="14"/>
  <c r="IG50" i="14" s="1"/>
  <c r="ET50" i="14"/>
  <c r="HT50" i="14" s="1"/>
  <c r="EB63" i="14"/>
  <c r="HB63" i="14" s="1"/>
  <c r="DO63" i="14"/>
  <c r="GO63" i="14" s="1"/>
  <c r="FK48" i="14"/>
  <c r="IK48" i="14" s="1"/>
  <c r="EX48" i="14"/>
  <c r="HX48" i="14" s="1"/>
  <c r="DC52" i="14"/>
  <c r="GC52" i="14" s="1"/>
  <c r="CP52" i="14"/>
  <c r="FP52" i="14" s="1"/>
  <c r="DW59" i="14"/>
  <c r="GW59" i="14" s="1"/>
  <c r="EJ59" i="14"/>
  <c r="HJ59" i="14" s="1"/>
  <c r="EQ54" i="14"/>
  <c r="HQ54" i="14" s="1"/>
  <c r="FD54" i="14"/>
  <c r="ID54" i="14" s="1"/>
  <c r="CZ63" i="14"/>
  <c r="FZ63" i="14" s="1"/>
  <c r="CM63" i="14"/>
  <c r="FM63" i="14" s="1"/>
  <c r="DP72" i="14"/>
  <c r="GP72" i="14" s="1"/>
  <c r="EC72" i="14"/>
  <c r="HC72" i="14" s="1"/>
  <c r="DD49" i="14"/>
  <c r="GD49" i="14" s="1"/>
  <c r="CQ49" i="14"/>
  <c r="FQ49" i="14" s="1"/>
  <c r="FJ48" i="14"/>
  <c r="IJ48" i="14" s="1"/>
  <c r="EW48" i="14"/>
  <c r="HW48" i="14" s="1"/>
  <c r="FG48" i="14"/>
  <c r="IG48" i="14" s="1"/>
  <c r="ET48" i="14"/>
  <c r="HT48" i="14" s="1"/>
  <c r="CS47" i="14"/>
  <c r="FS47" i="14" s="1"/>
  <c r="DF47" i="14"/>
  <c r="GF47" i="14" s="1"/>
  <c r="DR72" i="14"/>
  <c r="GR72" i="14" s="1"/>
  <c r="EE72" i="14"/>
  <c r="HE72" i="14" s="1"/>
  <c r="EU52" i="14"/>
  <c r="HU52" i="14" s="1"/>
  <c r="FH52" i="14"/>
  <c r="IH52" i="14" s="1"/>
  <c r="EZ72" i="14"/>
  <c r="HZ72" i="14" s="1"/>
  <c r="H51" i="23" s="1"/>
  <c r="EM72" i="14"/>
  <c r="HM72" i="14" s="1"/>
  <c r="G51" i="23" s="1"/>
  <c r="EW63" i="14"/>
  <c r="HW63" i="14" s="1"/>
  <c r="FJ63" i="14"/>
  <c r="IJ63" i="14" s="1"/>
  <c r="FD53" i="14"/>
  <c r="ID53" i="14" s="1"/>
  <c r="EQ53" i="14"/>
  <c r="HQ53" i="14" s="1"/>
  <c r="FH49" i="14"/>
  <c r="IH49" i="14" s="1"/>
  <c r="EU49" i="14"/>
  <c r="HU49" i="14" s="1"/>
  <c r="FK49" i="14"/>
  <c r="IK49" i="14" s="1"/>
  <c r="EX49" i="14"/>
  <c r="HX49" i="14" s="1"/>
  <c r="DZ47" i="14"/>
  <c r="GZ47" i="14" s="1"/>
  <c r="DM47" i="14"/>
  <c r="GM47" i="14" s="1"/>
  <c r="CQ52" i="14"/>
  <c r="FQ52" i="14" s="1"/>
  <c r="DD52" i="14"/>
  <c r="GD52" i="14" s="1"/>
  <c r="ED63" i="14"/>
  <c r="HD63" i="14" s="1"/>
  <c r="DQ63" i="14"/>
  <c r="GQ63" i="14" s="1"/>
  <c r="EZ53" i="14"/>
  <c r="HZ53" i="14" s="1"/>
  <c r="EM53" i="14"/>
  <c r="HM53" i="14" s="1"/>
  <c r="EU53" i="14"/>
  <c r="HU53" i="14" s="1"/>
  <c r="FH53" i="14"/>
  <c r="IH53" i="14" s="1"/>
  <c r="DW53" i="14"/>
  <c r="GW53" i="14" s="1"/>
  <c r="EJ53" i="14"/>
  <c r="HJ53" i="14" s="1"/>
  <c r="DK52" i="14"/>
  <c r="GK52" i="14" s="1"/>
  <c r="CX52" i="14"/>
  <c r="FX52" i="14" s="1"/>
  <c r="CN48" i="14"/>
  <c r="FN48" i="14" s="1"/>
  <c r="DA48" i="14"/>
  <c r="GA48" i="14" s="1"/>
  <c r="FD51" i="14"/>
  <c r="ID51" i="14" s="1"/>
  <c r="EQ51" i="14"/>
  <c r="HQ51" i="14" s="1"/>
  <c r="DH51" i="14"/>
  <c r="GH51" i="14" s="1"/>
  <c r="CU51" i="14"/>
  <c r="FU51" i="14" s="1"/>
  <c r="EZ49" i="14"/>
  <c r="HZ49" i="14" s="1"/>
  <c r="EM49" i="14"/>
  <c r="HM49" i="14" s="1"/>
  <c r="CR52" i="14"/>
  <c r="FR52" i="14" s="1"/>
  <c r="DE52" i="14"/>
  <c r="GE52" i="14" s="1"/>
  <c r="CV48" i="14"/>
  <c r="FV48" i="14" s="1"/>
  <c r="DI48" i="14"/>
  <c r="GI48" i="14" s="1"/>
  <c r="FE50" i="14"/>
  <c r="IE50" i="14" s="1"/>
  <c r="ER50" i="14"/>
  <c r="HR50" i="14" s="1"/>
  <c r="CX51" i="14"/>
  <c r="FX51" i="14" s="1"/>
  <c r="DK51" i="14"/>
  <c r="GK51" i="14" s="1"/>
  <c r="DV51" i="14"/>
  <c r="GV51" i="14" s="1"/>
  <c r="EI51" i="14"/>
  <c r="HI51" i="14" s="1"/>
  <c r="FK50" i="14"/>
  <c r="IK50" i="14" s="1"/>
  <c r="EX50" i="14"/>
  <c r="HX50" i="14" s="1"/>
  <c r="DN50" i="14"/>
  <c r="GN50" i="14" s="1"/>
  <c r="EA50" i="14"/>
  <c r="HA50" i="14" s="1"/>
  <c r="CO59" i="14"/>
  <c r="FO59" i="14" s="1"/>
  <c r="DB59" i="14"/>
  <c r="GB59" i="14" s="1"/>
  <c r="DO54" i="14"/>
  <c r="GO54" i="14" s="1"/>
  <c r="EB54" i="14"/>
  <c r="HB54" i="14" s="1"/>
  <c r="FG53" i="14"/>
  <c r="IG53" i="14" s="1"/>
  <c r="ET53" i="14"/>
  <c r="HT53" i="14" s="1"/>
  <c r="EC48" i="14"/>
  <c r="HC48" i="14" s="1"/>
  <c r="DP48" i="14"/>
  <c r="GP48" i="14" s="1"/>
  <c r="EU48" i="14"/>
  <c r="HU48" i="14" s="1"/>
  <c r="FH48" i="14"/>
  <c r="IH48" i="14" s="1"/>
  <c r="CO48" i="14"/>
  <c r="FO48" i="14" s="1"/>
  <c r="DB48" i="14"/>
  <c r="GB48" i="14" s="1"/>
  <c r="CS48" i="14"/>
  <c r="FS48" i="14" s="1"/>
  <c r="DF48" i="14"/>
  <c r="GF48" i="14" s="1"/>
  <c r="CR49" i="14"/>
  <c r="FR49" i="14" s="1"/>
  <c r="DE49" i="14"/>
  <c r="GE49" i="14" s="1"/>
  <c r="DT50" i="14"/>
  <c r="GT50" i="14" s="1"/>
  <c r="EG50" i="14"/>
  <c r="HG50" i="14" s="1"/>
  <c r="FE47" i="14"/>
  <c r="IE47" i="14" s="1"/>
  <c r="ER47" i="14"/>
  <c r="HR47" i="14" s="1"/>
  <c r="FB63" i="14"/>
  <c r="IB63" i="14" s="1"/>
  <c r="EO63" i="14"/>
  <c r="HO63" i="14" s="1"/>
  <c r="DD59" i="14"/>
  <c r="GD59" i="14" s="1"/>
  <c r="CQ59" i="14"/>
  <c r="FQ59" i="14" s="1"/>
  <c r="DF49" i="14"/>
  <c r="GF49" i="14" s="1"/>
  <c r="CS49" i="14"/>
  <c r="FS49" i="14" s="1"/>
  <c r="DI54" i="14"/>
  <c r="GI54" i="14" s="1"/>
  <c r="CV54" i="14"/>
  <c r="FV54" i="14" s="1"/>
  <c r="DD54" i="14"/>
  <c r="GD54" i="14" s="1"/>
  <c r="CQ54" i="14"/>
  <c r="FQ54" i="14" s="1"/>
  <c r="CR59" i="14"/>
  <c r="FR59" i="14" s="1"/>
  <c r="DE59" i="14"/>
  <c r="GE59" i="14" s="1"/>
  <c r="DE63" i="14"/>
  <c r="GE63" i="14" s="1"/>
  <c r="CR63" i="14"/>
  <c r="FR63" i="14" s="1"/>
  <c r="EM63" i="14"/>
  <c r="HM63" i="14" s="1"/>
  <c r="EZ63" i="14"/>
  <c r="HZ63" i="14" s="1"/>
  <c r="EM59" i="14"/>
  <c r="HM59" i="14" s="1"/>
  <c r="EZ59" i="14"/>
  <c r="HZ59" i="14" s="1"/>
  <c r="DK59" i="14"/>
  <c r="GK59" i="14" s="1"/>
  <c r="CX59" i="14"/>
  <c r="FX59" i="14" s="1"/>
  <c r="DN72" i="14"/>
  <c r="GN72" i="14" s="1"/>
  <c r="EA72" i="14"/>
  <c r="HA72" i="14" s="1"/>
  <c r="CP72" i="14"/>
  <c r="FP72" i="14" s="1"/>
  <c r="DC72" i="14"/>
  <c r="GC72" i="14" s="1"/>
  <c r="DB49" i="14"/>
  <c r="GB49" i="14" s="1"/>
  <c r="CO49" i="14"/>
  <c r="FO49" i="14" s="1"/>
  <c r="EV72" i="14"/>
  <c r="HV72" i="14" s="1"/>
  <c r="Y51" i="23" s="1"/>
  <c r="FI72" i="14"/>
  <c r="II72" i="14" s="1"/>
  <c r="Z51" i="23" s="1"/>
  <c r="CT59" i="14"/>
  <c r="FT59" i="14" s="1"/>
  <c r="DG59" i="14"/>
  <c r="GG59" i="14" s="1"/>
  <c r="CS59" i="14"/>
  <c r="FS59" i="14" s="1"/>
  <c r="DF59" i="14"/>
  <c r="GF59" i="14" s="1"/>
  <c r="EC47" i="14"/>
  <c r="HC47" i="14" s="1"/>
  <c r="DP47" i="14"/>
  <c r="GP47" i="14" s="1"/>
  <c r="EB53" i="14"/>
  <c r="HB53" i="14" s="1"/>
  <c r="DO53" i="14"/>
  <c r="GO53" i="14" s="1"/>
  <c r="DO49" i="14"/>
  <c r="GO49" i="14" s="1"/>
  <c r="EB49" i="14"/>
  <c r="HB49" i="14" s="1"/>
  <c r="ED49" i="14"/>
  <c r="HD49" i="14" s="1"/>
  <c r="DQ49" i="14"/>
  <c r="GQ49" i="14" s="1"/>
  <c r="FG54" i="14"/>
  <c r="IG54" i="14" s="1"/>
  <c r="ET54" i="14"/>
  <c r="HT54" i="14" s="1"/>
  <c r="ES63" i="14"/>
  <c r="HS63" i="14" s="1"/>
  <c r="FF63" i="14"/>
  <c r="IF63" i="14" s="1"/>
  <c r="DI72" i="14"/>
  <c r="GI72" i="14" s="1"/>
  <c r="CV72" i="14"/>
  <c r="FV72" i="14" s="1"/>
  <c r="AT72" i="6"/>
  <c r="S51" i="25" s="1"/>
  <c r="DS47" i="14"/>
  <c r="GS47" i="14" s="1"/>
  <c r="EF47" i="14"/>
  <c r="HF47" i="14" s="1"/>
  <c r="CR72" i="14"/>
  <c r="FR72" i="14" s="1"/>
  <c r="DE72" i="14"/>
  <c r="GE72" i="14" s="1"/>
  <c r="AU64" i="6"/>
  <c r="DW47" i="14"/>
  <c r="GW47" i="14" s="1"/>
  <c r="EJ47" i="14"/>
  <c r="HJ47" i="14" s="1"/>
  <c r="EI49" i="14"/>
  <c r="HI49" i="14" s="1"/>
  <c r="DV49" i="14"/>
  <c r="GV49" i="14" s="1"/>
  <c r="EP47" i="14"/>
  <c r="HP47" i="14" s="1"/>
  <c r="FC47" i="14"/>
  <c r="IC47" i="14" s="1"/>
  <c r="DU52" i="14"/>
  <c r="GU52" i="14" s="1"/>
  <c r="EH52" i="14"/>
  <c r="HH52" i="14" s="1"/>
  <c r="DV59" i="14"/>
  <c r="GV59" i="14" s="1"/>
  <c r="EI59" i="14"/>
  <c r="HI59" i="14" s="1"/>
  <c r="DJ63" i="14"/>
  <c r="GJ63" i="14" s="1"/>
  <c r="CW63" i="14"/>
  <c r="FW63" i="14" s="1"/>
  <c r="CQ53" i="14"/>
  <c r="FQ53" i="14" s="1"/>
  <c r="DD53" i="14"/>
  <c r="GD53" i="14" s="1"/>
  <c r="CM47" i="14"/>
  <c r="FM47" i="14" s="1"/>
  <c r="CZ47" i="14"/>
  <c r="FZ47" i="14" s="1"/>
  <c r="FD52" i="14"/>
  <c r="ID52" i="14" s="1"/>
  <c r="EQ52" i="14"/>
  <c r="HQ52" i="14" s="1"/>
  <c r="EQ63" i="14"/>
  <c r="HQ63" i="14" s="1"/>
  <c r="FD63" i="14"/>
  <c r="ID63" i="14" s="1"/>
  <c r="CM53" i="14"/>
  <c r="FM53" i="14" s="1"/>
  <c r="CZ53" i="14"/>
  <c r="FZ53" i="14" s="1"/>
  <c r="DH53" i="14"/>
  <c r="GH53" i="14" s="1"/>
  <c r="CU53" i="14"/>
  <c r="FU53" i="14" s="1"/>
  <c r="EA49" i="14"/>
  <c r="HA49" i="14" s="1"/>
  <c r="DN49" i="14"/>
  <c r="GN49" i="14" s="1"/>
  <c r="EA48" i="14"/>
  <c r="HA48" i="14" s="1"/>
  <c r="DN48" i="14"/>
  <c r="GN48" i="14" s="1"/>
  <c r="DD51" i="14"/>
  <c r="GD51" i="14" s="1"/>
  <c r="CQ51" i="14"/>
  <c r="FQ51" i="14" s="1"/>
  <c r="FH51" i="14"/>
  <c r="IH51" i="14" s="1"/>
  <c r="EU51" i="14"/>
  <c r="HU51" i="14" s="1"/>
  <c r="FI48" i="14"/>
  <c r="II48" i="14" s="1"/>
  <c r="EV48" i="14"/>
  <c r="HV48" i="14" s="1"/>
  <c r="DX51" i="14"/>
  <c r="GX51" i="14" s="1"/>
  <c r="EK51" i="14"/>
  <c r="HK51" i="14" s="1"/>
  <c r="CV51" i="14"/>
  <c r="FV51" i="14" s="1"/>
  <c r="DI51" i="14"/>
  <c r="GI51" i="14" s="1"/>
  <c r="EB59" i="14"/>
  <c r="HB59" i="14" s="1"/>
  <c r="DO59" i="14"/>
  <c r="GO59" i="14" s="1"/>
  <c r="FB54" i="14"/>
  <c r="IB54" i="14" s="1"/>
  <c r="EO54" i="14"/>
  <c r="HO54" i="14" s="1"/>
  <c r="ES72" i="14"/>
  <c r="HS72" i="14" s="1"/>
  <c r="S51" i="23" s="1"/>
  <c r="FF72" i="14"/>
  <c r="IF72" i="14" s="1"/>
  <c r="T51" i="23" s="1"/>
  <c r="DR53" i="14"/>
  <c r="GR53" i="14" s="1"/>
  <c r="EE53" i="14"/>
  <c r="HE53" i="14" s="1"/>
  <c r="CP48" i="14"/>
  <c r="FP48" i="14" s="1"/>
  <c r="DC48" i="14"/>
  <c r="GC48" i="14" s="1"/>
  <c r="DU48" i="14"/>
  <c r="GU48" i="14" s="1"/>
  <c r="EH48" i="14"/>
  <c r="HH48" i="14" s="1"/>
  <c r="DO48" i="14"/>
  <c r="GO48" i="14" s="1"/>
  <c r="EB48" i="14"/>
  <c r="HB48" i="14" s="1"/>
  <c r="ES48" i="14"/>
  <c r="HS48" i="14" s="1"/>
  <c r="FF48" i="14"/>
  <c r="IF48" i="14" s="1"/>
  <c r="ER49" i="14"/>
  <c r="HR49" i="14" s="1"/>
  <c r="FE49" i="14"/>
  <c r="IE49" i="14" s="1"/>
  <c r="CT50" i="14"/>
  <c r="FT50" i="14" s="1"/>
  <c r="DG50" i="14"/>
  <c r="GG50" i="14" s="1"/>
  <c r="CR47" i="14"/>
  <c r="FR47" i="14" s="1"/>
  <c r="DE47" i="14"/>
  <c r="GE47" i="14" s="1"/>
  <c r="CT47" i="14"/>
  <c r="FT47" i="14" s="1"/>
  <c r="DG47" i="14"/>
  <c r="GG47" i="14" s="1"/>
  <c r="CP63" i="14"/>
  <c r="FP63" i="14" s="1"/>
  <c r="DC63" i="14"/>
  <c r="GC63" i="14" s="1"/>
  <c r="DQ59" i="14"/>
  <c r="GQ59" i="14" s="1"/>
  <c r="ED59" i="14"/>
  <c r="HD59" i="14" s="1"/>
  <c r="DS49" i="14"/>
  <c r="GS49" i="14" s="1"/>
  <c r="EF49" i="14"/>
  <c r="HF49" i="14" s="1"/>
  <c r="DT72" i="14"/>
  <c r="GT72" i="14" s="1"/>
  <c r="EG72" i="14"/>
  <c r="HG72" i="14" s="1"/>
  <c r="EI54" i="14"/>
  <c r="HI54" i="14" s="1"/>
  <c r="DV54" i="14"/>
  <c r="GV54" i="14" s="1"/>
  <c r="DF54" i="14"/>
  <c r="GF54" i="14" s="1"/>
  <c r="CS54" i="14"/>
  <c r="FS54" i="14" s="1"/>
  <c r="FE59" i="14"/>
  <c r="IE59" i="14" s="1"/>
  <c r="ER59" i="14"/>
  <c r="HR59" i="14" s="1"/>
  <c r="FE63" i="14"/>
  <c r="IE63" i="14" s="1"/>
  <c r="ER63" i="14"/>
  <c r="HR63" i="14" s="1"/>
  <c r="DZ59" i="14"/>
  <c r="GZ59" i="14" s="1"/>
  <c r="DM59" i="14"/>
  <c r="GM59" i="14" s="1"/>
  <c r="EK59" i="14"/>
  <c r="HK59" i="14" s="1"/>
  <c r="DX59" i="14"/>
  <c r="GX59" i="14" s="1"/>
  <c r="FA72" i="14"/>
  <c r="IA72" i="14" s="1"/>
  <c r="J51" i="23" s="1"/>
  <c r="EN72" i="14"/>
  <c r="HN72" i="14" s="1"/>
  <c r="I51" i="23" s="1"/>
  <c r="EN53" i="14"/>
  <c r="HN53" i="14" s="1"/>
  <c r="FA53" i="14"/>
  <c r="IA53" i="14" s="1"/>
  <c r="DE54" i="14"/>
  <c r="GE54" i="14" s="1"/>
  <c r="CR54" i="14"/>
  <c r="FR54" i="14" s="1"/>
  <c r="DS63" i="14"/>
  <c r="GS63" i="14" s="1"/>
  <c r="EF63" i="14"/>
  <c r="HF63" i="14" s="1"/>
  <c r="DK72" i="14"/>
  <c r="GK72" i="14" s="1"/>
  <c r="CX72" i="14"/>
  <c r="FX72" i="14" s="1"/>
  <c r="FJ47" i="14"/>
  <c r="IJ47" i="14" s="1"/>
  <c r="EW47" i="14"/>
  <c r="HW47" i="14" s="1"/>
  <c r="DB53" i="14"/>
  <c r="GB53" i="14" s="1"/>
  <c r="CO53" i="14"/>
  <c r="FO53" i="14" s="1"/>
  <c r="FB49" i="14"/>
  <c r="IB49" i="14" s="1"/>
  <c r="EO49" i="14"/>
  <c r="HO49" i="14" s="1"/>
  <c r="FD49" i="14"/>
  <c r="ID49" i="14" s="1"/>
  <c r="EQ49" i="14"/>
  <c r="HQ49" i="14" s="1"/>
  <c r="DT54" i="14"/>
  <c r="GT54" i="14" s="1"/>
  <c r="EG54" i="14"/>
  <c r="HG54" i="14" s="1"/>
  <c r="DF63" i="14"/>
  <c r="GF63" i="14" s="1"/>
  <c r="CS63" i="14"/>
  <c r="FS63" i="14" s="1"/>
  <c r="EI72" i="14"/>
  <c r="HI72" i="14" s="1"/>
  <c r="DV72" i="14"/>
  <c r="GV72" i="14" s="1"/>
  <c r="DA54" i="14"/>
  <c r="GA54" i="14" s="1"/>
  <c r="CN54" i="14"/>
  <c r="FN54" i="14" s="1"/>
  <c r="DS52" i="14"/>
  <c r="GS52" i="14" s="1"/>
  <c r="EF52" i="14"/>
  <c r="HF52" i="14" s="1"/>
  <c r="DT52" i="14"/>
  <c r="GT52" i="14" s="1"/>
  <c r="EG52" i="14"/>
  <c r="HG52" i="14" s="1"/>
  <c r="FK47" i="14"/>
  <c r="IK47" i="14" s="1"/>
  <c r="EX47" i="14"/>
  <c r="HX47" i="14" s="1"/>
  <c r="DK54" i="14"/>
  <c r="GK54" i="14" s="1"/>
  <c r="CX54" i="14"/>
  <c r="FX54" i="14" s="1"/>
  <c r="EF53" i="14"/>
  <c r="HF53" i="14" s="1"/>
  <c r="DS53" i="14"/>
  <c r="GS53" i="14" s="1"/>
  <c r="CR48" i="14"/>
  <c r="FR48" i="14" s="1"/>
  <c r="DE48" i="14"/>
  <c r="GE48" i="14" s="1"/>
  <c r="CO50" i="14"/>
  <c r="FO50" i="14" s="1"/>
  <c r="DB50" i="14"/>
  <c r="GB50" i="14" s="1"/>
  <c r="CV49" i="14"/>
  <c r="FV49" i="14" s="1"/>
  <c r="DI49" i="14"/>
  <c r="GI49" i="14" s="1"/>
  <c r="DM48" i="14"/>
  <c r="GM48" i="14" s="1"/>
  <c r="DZ48" i="14"/>
  <c r="GZ48" i="14" s="1"/>
  <c r="CV59" i="14"/>
  <c r="FV59" i="14" s="1"/>
  <c r="DI59" i="14"/>
  <c r="GI59" i="14" s="1"/>
  <c r="DQ53" i="14"/>
  <c r="GQ53" i="14" s="1"/>
  <c r="ED53" i="14"/>
  <c r="HD53" i="14" s="1"/>
  <c r="EZ47" i="14"/>
  <c r="HZ47" i="14" s="1"/>
  <c r="EM47" i="14"/>
  <c r="HM47" i="14" s="1"/>
  <c r="CN52" i="14"/>
  <c r="FN52" i="14" s="1"/>
  <c r="DA52" i="14"/>
  <c r="GA52" i="14" s="1"/>
  <c r="EH53" i="14"/>
  <c r="HH53" i="14" s="1"/>
  <c r="DU53" i="14"/>
  <c r="GU53" i="14" s="1"/>
  <c r="FA49" i="14"/>
  <c r="IA49" i="14" s="1"/>
  <c r="EN49" i="14"/>
  <c r="HN49" i="14" s="1"/>
  <c r="EC50" i="14"/>
  <c r="HC50" i="14" s="1"/>
  <c r="DP50" i="14"/>
  <c r="GP50" i="14" s="1"/>
  <c r="FH50" i="14"/>
  <c r="IH50" i="14" s="1"/>
  <c r="EU50" i="14"/>
  <c r="HU50" i="14" s="1"/>
  <c r="EM50" i="14"/>
  <c r="HM50" i="14" s="1"/>
  <c r="EZ50" i="14"/>
  <c r="HZ50" i="14" s="1"/>
  <c r="DQ51" i="14"/>
  <c r="GQ51" i="14" s="1"/>
  <c r="ED51" i="14"/>
  <c r="HD51" i="14" s="1"/>
  <c r="EH51" i="14"/>
  <c r="HH51" i="14" s="1"/>
  <c r="DU51" i="14"/>
  <c r="GU51" i="14" s="1"/>
  <c r="FK51" i="14"/>
  <c r="IK51" i="14" s="1"/>
  <c r="EX51" i="14"/>
  <c r="HX51" i="14" s="1"/>
  <c r="FI51" i="14"/>
  <c r="II51" i="14" s="1"/>
  <c r="EV51" i="14"/>
  <c r="HV51" i="14" s="1"/>
  <c r="DZ52" i="14"/>
  <c r="GZ52" i="14" s="1"/>
  <c r="DM52" i="14"/>
  <c r="GM52" i="14" s="1"/>
  <c r="FJ52" i="14"/>
  <c r="IJ52" i="14" s="1"/>
  <c r="EW52" i="14"/>
  <c r="HW52" i="14" s="1"/>
  <c r="DM54" i="14"/>
  <c r="GM54" i="14" s="1"/>
  <c r="DZ54" i="14"/>
  <c r="GZ54" i="14" s="1"/>
  <c r="DF72" i="14"/>
  <c r="GF72" i="14" s="1"/>
  <c r="CS72" i="14"/>
  <c r="FS72" i="14" s="1"/>
  <c r="CR53" i="14"/>
  <c r="FR53" i="14" s="1"/>
  <c r="DE53" i="14"/>
  <c r="GE53" i="14" s="1"/>
  <c r="CS51" i="14"/>
  <c r="FS51" i="14" s="1"/>
  <c r="DF51" i="14"/>
  <c r="GF51" i="14" s="1"/>
  <c r="FC48" i="14"/>
  <c r="IC48" i="14" s="1"/>
  <c r="EP48" i="14"/>
  <c r="HP48" i="14" s="1"/>
  <c r="CU48" i="14"/>
  <c r="FU48" i="14" s="1"/>
  <c r="DH48" i="14"/>
  <c r="GH48" i="14" s="1"/>
  <c r="EO48" i="14"/>
  <c r="HO48" i="14" s="1"/>
  <c r="FB48" i="14"/>
  <c r="IB48" i="14" s="1"/>
  <c r="DS48" i="14"/>
  <c r="GS48" i="14" s="1"/>
  <c r="EF48" i="14"/>
  <c r="HF48" i="14" s="1"/>
  <c r="DR47" i="14"/>
  <c r="GR47" i="14" s="1"/>
  <c r="EE47" i="14"/>
  <c r="HE47" i="14" s="1"/>
  <c r="ET47" i="14"/>
  <c r="HT47" i="14" s="1"/>
  <c r="FG47" i="14"/>
  <c r="IG47" i="14" s="1"/>
  <c r="EC63" i="14"/>
  <c r="HC63" i="14" s="1"/>
  <c r="DP63" i="14"/>
  <c r="GP63" i="14" s="1"/>
  <c r="FD59" i="14"/>
  <c r="ID59" i="14" s="1"/>
  <c r="EQ59" i="14"/>
  <c r="HQ59" i="14" s="1"/>
  <c r="DP51" i="14"/>
  <c r="GP51" i="14" s="1"/>
  <c r="EC51" i="14"/>
  <c r="HC51" i="14" s="1"/>
  <c r="CN51" i="14"/>
  <c r="FN51" i="14" s="1"/>
  <c r="DA51" i="14"/>
  <c r="GA51" i="14" s="1"/>
  <c r="FF49" i="14"/>
  <c r="IF49" i="14" s="1"/>
  <c r="ES49" i="14"/>
  <c r="HS49" i="14" s="1"/>
  <c r="DC59" i="14"/>
  <c r="GC59" i="14" s="1"/>
  <c r="CP59" i="14"/>
  <c r="FP59" i="14" s="1"/>
  <c r="FG72" i="14"/>
  <c r="IG72" i="14" s="1"/>
  <c r="V51" i="23" s="1"/>
  <c r="ET72" i="14"/>
  <c r="HT72" i="14" s="1"/>
  <c r="U51" i="23" s="1"/>
  <c r="EV54" i="14"/>
  <c r="HV54" i="14" s="1"/>
  <c r="FI54" i="14"/>
  <c r="II54" i="14" s="1"/>
  <c r="EF54" i="14"/>
  <c r="HF54" i="14" s="1"/>
  <c r="DS54" i="14"/>
  <c r="GS54" i="14" s="1"/>
  <c r="EE59" i="14"/>
  <c r="HE59" i="14" s="1"/>
  <c r="DR59" i="14"/>
  <c r="GR59" i="14" s="1"/>
  <c r="DR63" i="14"/>
  <c r="GR63" i="14" s="1"/>
  <c r="EE63" i="14"/>
  <c r="HE63" i="14" s="1"/>
  <c r="CZ59" i="14"/>
  <c r="FZ59" i="14" s="1"/>
  <c r="CM59" i="14"/>
  <c r="FM59" i="14" s="1"/>
  <c r="FK59" i="14"/>
  <c r="IK59" i="14" s="1"/>
  <c r="EX59" i="14"/>
  <c r="HX59" i="14" s="1"/>
  <c r="CN72" i="14"/>
  <c r="FN72" i="14" s="1"/>
  <c r="DA72" i="14"/>
  <c r="GA72" i="14" s="1"/>
  <c r="FB53" i="14"/>
  <c r="IB53" i="14" s="1"/>
  <c r="EO53" i="14"/>
  <c r="HO53" i="14" s="1"/>
  <c r="CT54" i="14"/>
  <c r="FT54" i="14" s="1"/>
  <c r="DG54" i="14"/>
  <c r="GG54" i="14" s="1"/>
  <c r="FJ72" i="14"/>
  <c r="IJ72" i="14" s="1"/>
  <c r="AB51" i="23" s="1"/>
  <c r="EW72" i="14"/>
  <c r="HW72" i="14" s="1"/>
  <c r="AA51" i="23" s="1"/>
  <c r="EA54" i="14"/>
  <c r="HA54" i="14" s="1"/>
  <c r="DN54" i="14"/>
  <c r="GN54" i="14" s="1"/>
  <c r="CX47" i="14"/>
  <c r="FX47" i="14" s="1"/>
  <c r="DK47" i="14"/>
  <c r="GK47" i="14" s="1"/>
  <c r="EX54" i="14"/>
  <c r="HX54" i="14" s="1"/>
  <c r="FK54" i="14"/>
  <c r="IK54" i="14" s="1"/>
  <c r="DF53" i="14"/>
  <c r="GF53" i="14" s="1"/>
  <c r="CS53" i="14"/>
  <c r="FS53" i="14" s="1"/>
  <c r="FE48" i="14"/>
  <c r="IE48" i="14" s="1"/>
  <c r="ER48" i="14"/>
  <c r="HR48" i="14" s="1"/>
  <c r="DO50" i="14"/>
  <c r="GO50" i="14" s="1"/>
  <c r="EB50" i="14"/>
  <c r="HB50" i="14" s="1"/>
  <c r="EV49" i="14"/>
  <c r="HV49" i="14" s="1"/>
  <c r="FI49" i="14"/>
  <c r="II49" i="14" s="1"/>
  <c r="CM48" i="14"/>
  <c r="FM48" i="14" s="1"/>
  <c r="CZ48" i="14"/>
  <c r="FZ48" i="14" s="1"/>
  <c r="CM51" i="14"/>
  <c r="FM51" i="14" s="1"/>
  <c r="CZ51" i="14"/>
  <c r="FZ51" i="14" s="1"/>
  <c r="EB51" i="14"/>
  <c r="HB51" i="14" s="1"/>
  <c r="DO51" i="14"/>
  <c r="GO51" i="14" s="1"/>
  <c r="FI59" i="14"/>
  <c r="II59" i="14" s="1"/>
  <c r="EV59" i="14"/>
  <c r="HV59" i="14" s="1"/>
  <c r="EA52" i="14"/>
  <c r="HA52" i="14" s="1"/>
  <c r="DN52" i="14"/>
  <c r="GN52" i="14" s="1"/>
  <c r="FI53" i="14"/>
  <c r="II53" i="14" s="1"/>
  <c r="EV53" i="14"/>
  <c r="HV53" i="14" s="1"/>
  <c r="DA49" i="14"/>
  <c r="GA49" i="14" s="1"/>
  <c r="CN49" i="14"/>
  <c r="FN49" i="14" s="1"/>
  <c r="DC50" i="14"/>
  <c r="GC50" i="14" s="1"/>
  <c r="CP50" i="14"/>
  <c r="FP50" i="14" s="1"/>
  <c r="DH50" i="14"/>
  <c r="GH50" i="14" s="1"/>
  <c r="CU50" i="14"/>
  <c r="FU50" i="14" s="1"/>
  <c r="CZ50" i="14"/>
  <c r="FZ50" i="14" s="1"/>
  <c r="CM50" i="14"/>
  <c r="FM50" i="14" s="1"/>
  <c r="CZ52" i="14"/>
  <c r="FZ52" i="14" s="1"/>
  <c r="CM52" i="14"/>
  <c r="FM52" i="14" s="1"/>
  <c r="CW52" i="14"/>
  <c r="FW52" i="14" s="1"/>
  <c r="DJ52" i="14"/>
  <c r="GJ52" i="14" s="1"/>
  <c r="CM54" i="14"/>
  <c r="FM54" i="14" s="1"/>
  <c r="CZ54" i="14"/>
  <c r="FZ54" i="14" s="1"/>
  <c r="EF72" i="14"/>
  <c r="HF72" i="14" s="1"/>
  <c r="DS72" i="14"/>
  <c r="GS72" i="14" s="1"/>
  <c r="FE53" i="14"/>
  <c r="IE53" i="14" s="1"/>
  <c r="ER53" i="14"/>
  <c r="HR53" i="14" s="1"/>
  <c r="EF51" i="14"/>
  <c r="HF51" i="14" s="1"/>
  <c r="DS51" i="14"/>
  <c r="GS51" i="14" s="1"/>
  <c r="EG47" i="14"/>
  <c r="HG47" i="14" s="1"/>
  <c r="DT47" i="14"/>
  <c r="GT47" i="14" s="1"/>
  <c r="DA63" i="14"/>
  <c r="GA63" i="14" s="1"/>
  <c r="CN63" i="14"/>
  <c r="FN63" i="14" s="1"/>
  <c r="EP63" i="14"/>
  <c r="HP63" i="14" s="1"/>
  <c r="FC63" i="14"/>
  <c r="IC63" i="14" s="1"/>
  <c r="CP51" i="14"/>
  <c r="FP51" i="14" s="1"/>
  <c r="DC51" i="14"/>
  <c r="GC51" i="14" s="1"/>
  <c r="DN51" i="14"/>
  <c r="GN51" i="14" s="1"/>
  <c r="EA51" i="14"/>
  <c r="HA51" i="14" s="1"/>
  <c r="DP59" i="14"/>
  <c r="GP59" i="14" s="1"/>
  <c r="EC59" i="14"/>
  <c r="HC59" i="14" s="1"/>
  <c r="CT72" i="14"/>
  <c r="FT72" i="14" s="1"/>
  <c r="DG72" i="14"/>
  <c r="GG72" i="14" s="1"/>
  <c r="ES54" i="14"/>
  <c r="HS54" i="14" s="1"/>
  <c r="FF54" i="14"/>
  <c r="IF54" i="14" s="1"/>
  <c r="DH63" i="14"/>
  <c r="GH63" i="14" s="1"/>
  <c r="CU63" i="14"/>
  <c r="FU63" i="14" s="1"/>
  <c r="EB72" i="14"/>
  <c r="HB72" i="14" s="1"/>
  <c r="DO72" i="14"/>
  <c r="GO72" i="14" s="1"/>
  <c r="FK63" i="14"/>
  <c r="IK63" i="14" s="1"/>
  <c r="EX63" i="14"/>
  <c r="HX63" i="14" s="1"/>
  <c r="DF52" i="14"/>
  <c r="GF52" i="14" s="1"/>
  <c r="CS52" i="14"/>
  <c r="FS52" i="14" s="1"/>
  <c r="CT52" i="14"/>
  <c r="FT52" i="14" s="1"/>
  <c r="DG52" i="14"/>
  <c r="GG52" i="14" s="1"/>
  <c r="EO52" i="14"/>
  <c r="HO52" i="14" s="1"/>
  <c r="FB52" i="14"/>
  <c r="IB52" i="14" s="1"/>
  <c r="DP53" i="14"/>
  <c r="GP53" i="14" s="1"/>
  <c r="EC53" i="14"/>
  <c r="HC53" i="14" s="1"/>
  <c r="DD50" i="14"/>
  <c r="GD50" i="14" s="1"/>
  <c r="CQ50" i="14"/>
  <c r="FQ50" i="14" s="1"/>
  <c r="CV50" i="14"/>
  <c r="FV50" i="14" s="1"/>
  <c r="DI50" i="14"/>
  <c r="GI50" i="14" s="1"/>
  <c r="DQ48" i="14"/>
  <c r="GQ48" i="14" s="1"/>
  <c r="ED48" i="14"/>
  <c r="HD48" i="14" s="1"/>
  <c r="ET49" i="14"/>
  <c r="HT49" i="14" s="1"/>
  <c r="FG49" i="14"/>
  <c r="IG49" i="14" s="1"/>
  <c r="DP49" i="14"/>
  <c r="GP49" i="14" s="1"/>
  <c r="EC49" i="14"/>
  <c r="HC49" i="14" s="1"/>
  <c r="ET63" i="14"/>
  <c r="HT63" i="14" s="1"/>
  <c r="FG63" i="14"/>
  <c r="IG63" i="14" s="1"/>
  <c r="CW72" i="14"/>
  <c r="FW72" i="14" s="1"/>
  <c r="DJ72" i="14"/>
  <c r="GJ72" i="14" s="1"/>
  <c r="FA54" i="14"/>
  <c r="IA54" i="14" s="1"/>
  <c r="EN54" i="14"/>
  <c r="HN54" i="14" s="1"/>
  <c r="ES52" i="14"/>
  <c r="HS52" i="14" s="1"/>
  <c r="FF52" i="14"/>
  <c r="IF52" i="14" s="1"/>
  <c r="FG52" i="14"/>
  <c r="IG52" i="14" s="1"/>
  <c r="ET52" i="14"/>
  <c r="HT52" i="14" s="1"/>
  <c r="DX53" i="14"/>
  <c r="GX53" i="14" s="1"/>
  <c r="EK53" i="14"/>
  <c r="HK53" i="14" s="1"/>
  <c r="CW49" i="14"/>
  <c r="FW49" i="14" s="1"/>
  <c r="DJ49" i="14"/>
  <c r="GJ49" i="14" s="1"/>
  <c r="DX47" i="14"/>
  <c r="GX47" i="14" s="1"/>
  <c r="EK47" i="14"/>
  <c r="HK47" i="14" s="1"/>
  <c r="DB52" i="14"/>
  <c r="GB52" i="14" s="1"/>
  <c r="CO52" i="14"/>
  <c r="FO52" i="14" s="1"/>
  <c r="EK54" i="14"/>
  <c r="HK54" i="14" s="1"/>
  <c r="DX54" i="14"/>
  <c r="GX54" i="14" s="1"/>
  <c r="ES53" i="14"/>
  <c r="HS53" i="14" s="1"/>
  <c r="FF53" i="14"/>
  <c r="IF53" i="14" s="1"/>
  <c r="DR48" i="14"/>
  <c r="GR48" i="14" s="1"/>
  <c r="EE48" i="14"/>
  <c r="HE48" i="14" s="1"/>
  <c r="DW51" i="14"/>
  <c r="GW51" i="14" s="1"/>
  <c r="EJ51" i="14"/>
  <c r="HJ51" i="14" s="1"/>
  <c r="EO50" i="14"/>
  <c r="HO50" i="14" s="1"/>
  <c r="FB50" i="14"/>
  <c r="IB50" i="14" s="1"/>
  <c r="EM48" i="14"/>
  <c r="HM48" i="14" s="1"/>
  <c r="EZ48" i="14"/>
  <c r="HZ48" i="14" s="1"/>
  <c r="DZ51" i="14"/>
  <c r="GZ51" i="14" s="1"/>
  <c r="DM51" i="14"/>
  <c r="GM51" i="14" s="1"/>
  <c r="DB51" i="14"/>
  <c r="GB51" i="14" s="1"/>
  <c r="CO51" i="14"/>
  <c r="FO51" i="14" s="1"/>
  <c r="DO47" i="14"/>
  <c r="GO47" i="14" s="1"/>
  <c r="EB47" i="14"/>
  <c r="HB47" i="14" s="1"/>
  <c r="DN47" i="14"/>
  <c r="GN47" i="14" s="1"/>
  <c r="EA47" i="14"/>
  <c r="HA47" i="14" s="1"/>
  <c r="FI63" i="14"/>
  <c r="II63" i="14" s="1"/>
  <c r="EV63" i="14"/>
  <c r="HV63" i="14" s="1"/>
  <c r="FH59" i="14"/>
  <c r="IH59" i="14" s="1"/>
  <c r="EU59" i="14"/>
  <c r="HU59" i="14" s="1"/>
  <c r="ED72" i="14"/>
  <c r="HD72" i="14" s="1"/>
  <c r="DQ72" i="14"/>
  <c r="GQ72" i="14" s="1"/>
  <c r="DD47" i="14"/>
  <c r="GD47" i="14" s="1"/>
  <c r="CQ47" i="14"/>
  <c r="FQ47" i="14" s="1"/>
  <c r="FA52" i="14"/>
  <c r="IA52" i="14" s="1"/>
  <c r="EN52" i="14"/>
  <c r="HN52" i="14" s="1"/>
  <c r="EA59" i="14"/>
  <c r="HA59" i="14" s="1"/>
  <c r="DN59" i="14"/>
  <c r="GN59" i="14" s="1"/>
  <c r="FH72" i="14"/>
  <c r="IH72" i="14" s="1"/>
  <c r="X51" i="23" s="1"/>
  <c r="EU72" i="14"/>
  <c r="HU72" i="14" s="1"/>
  <c r="W51" i="23" s="1"/>
  <c r="DI53" i="14"/>
  <c r="GI53" i="14" s="1"/>
  <c r="CV53" i="14"/>
  <c r="FV53" i="14" s="1"/>
  <c r="FC50" i="14"/>
  <c r="IC50" i="14" s="1"/>
  <c r="EP50" i="14"/>
  <c r="HP50" i="14" s="1"/>
  <c r="DU50" i="14"/>
  <c r="GU50" i="14" s="1"/>
  <c r="EH50" i="14"/>
  <c r="HH50" i="14" s="1"/>
  <c r="DZ50" i="14"/>
  <c r="GZ50" i="14" s="1"/>
  <c r="DM50" i="14"/>
  <c r="GM50" i="14" s="1"/>
  <c r="EM52" i="14"/>
  <c r="HM52" i="14" s="1"/>
  <c r="EZ52" i="14"/>
  <c r="HZ52" i="14" s="1"/>
  <c r="DW52" i="14"/>
  <c r="GW52" i="14" s="1"/>
  <c r="EJ52" i="14"/>
  <c r="HJ52" i="14" s="1"/>
  <c r="EC54" i="14"/>
  <c r="HC54" i="14" s="1"/>
  <c r="DP54" i="14"/>
  <c r="GP54" i="14" s="1"/>
  <c r="EM54" i="14"/>
  <c r="HM54" i="14" s="1"/>
  <c r="EZ54" i="14"/>
  <c r="HZ54" i="14" s="1"/>
  <c r="FF51" i="14"/>
  <c r="IF51" i="14" s="1"/>
  <c r="ES51" i="14"/>
  <c r="HS51" i="14" s="1"/>
  <c r="EA63" i="14"/>
  <c r="HA63" i="14" s="1"/>
  <c r="DN63" i="14"/>
  <c r="GN63" i="14" s="1"/>
  <c r="EP51" i="14"/>
  <c r="HP51" i="14" s="1"/>
  <c r="FC51" i="14"/>
  <c r="IC51" i="14" s="1"/>
  <c r="FA51" i="14"/>
  <c r="IA51" i="14" s="1"/>
  <c r="EN51" i="14"/>
  <c r="HN51" i="14" s="1"/>
  <c r="DV47" i="14"/>
  <c r="GV47" i="14" s="1"/>
  <c r="EI47" i="14"/>
  <c r="HI47" i="14" s="1"/>
  <c r="EP59" i="14"/>
  <c r="HP59" i="14" s="1"/>
  <c r="FC59" i="14"/>
  <c r="IC59" i="14" s="1"/>
  <c r="CU54" i="14"/>
  <c r="FU54" i="14" s="1"/>
  <c r="DH54" i="14"/>
  <c r="GH54" i="14" s="1"/>
  <c r="EH63" i="14"/>
  <c r="HH63" i="14" s="1"/>
  <c r="DU63" i="14"/>
  <c r="GU63" i="14" s="1"/>
  <c r="FB72" i="14"/>
  <c r="IB72" i="14" s="1"/>
  <c r="L51" i="23" s="1"/>
  <c r="EO72" i="14"/>
  <c r="HO72" i="14" s="1"/>
  <c r="K51" i="23" s="1"/>
  <c r="EK63" i="14"/>
  <c r="HK63" i="14" s="1"/>
  <c r="DX63" i="14"/>
  <c r="GX63" i="14" s="1"/>
  <c r="DT49" i="14"/>
  <c r="GT49" i="14" s="1"/>
  <c r="EG49" i="14"/>
  <c r="HG49" i="14" s="1"/>
  <c r="EP49" i="14"/>
  <c r="HP49" i="14" s="1"/>
  <c r="FC49" i="14"/>
  <c r="IC49" i="14" s="1"/>
  <c r="CT63" i="14"/>
  <c r="FT63" i="14" s="1"/>
  <c r="DG63" i="14"/>
  <c r="GG63" i="14" s="1"/>
  <c r="CP53" i="14"/>
  <c r="FP53" i="14" s="1"/>
  <c r="DC53" i="14"/>
  <c r="GC53" i="14" s="1"/>
  <c r="FD50" i="14"/>
  <c r="ID50" i="14" s="1"/>
  <c r="EQ50" i="14"/>
  <c r="HQ50" i="14" s="1"/>
  <c r="DV50" i="14"/>
  <c r="GV50" i="14" s="1"/>
  <c r="EI50" i="14"/>
  <c r="HI50" i="14" s="1"/>
  <c r="CQ48" i="14"/>
  <c r="FQ48" i="14" s="1"/>
  <c r="DD48" i="14"/>
  <c r="GD48" i="14" s="1"/>
  <c r="DG49" i="14"/>
  <c r="GG49" i="14" s="1"/>
  <c r="CT49" i="14"/>
  <c r="FT49" i="14" s="1"/>
  <c r="CP49" i="14"/>
  <c r="FP49" i="14" s="1"/>
  <c r="DC49" i="14"/>
  <c r="GC49" i="14" s="1"/>
  <c r="EG63" i="14"/>
  <c r="HG63" i="14" s="1"/>
  <c r="DT63" i="14"/>
  <c r="GT63" i="14" s="1"/>
  <c r="EJ72" i="14"/>
  <c r="HJ72" i="14" s="1"/>
  <c r="DW72" i="14"/>
  <c r="GW72" i="14" s="1"/>
  <c r="FF50" i="14"/>
  <c r="IF50" i="14" s="1"/>
  <c r="ES50" i="14"/>
  <c r="HS50" i="14" s="1"/>
  <c r="DK53" i="14"/>
  <c r="GK53" i="14" s="1"/>
  <c r="CX53" i="14"/>
  <c r="FX53" i="14" s="1"/>
  <c r="EJ49" i="14"/>
  <c r="HJ49" i="14" s="1"/>
  <c r="DW49" i="14"/>
  <c r="GW49" i="14" s="1"/>
  <c r="EW50" i="14"/>
  <c r="HW50" i="14" s="1"/>
  <c r="FJ50" i="14"/>
  <c r="IJ50" i="14" s="1"/>
  <c r="DO52" i="14"/>
  <c r="GO52" i="14" s="1"/>
  <c r="EB52" i="14"/>
  <c r="HB52" i="14" s="1"/>
  <c r="EH47" i="14"/>
  <c r="HH47" i="14" s="1"/>
  <c r="DU47" i="14"/>
  <c r="GU47" i="14" s="1"/>
  <c r="FJ54" i="14"/>
  <c r="IJ54" i="14" s="1"/>
  <c r="EW54" i="14"/>
  <c r="HW54" i="14" s="1"/>
  <c r="CW51" i="14"/>
  <c r="FW51" i="14" s="1"/>
  <c r="DJ51" i="14"/>
  <c r="GJ51" i="14" s="1"/>
  <c r="EZ51" i="14"/>
  <c r="HZ51" i="14" s="1"/>
  <c r="EM51" i="14"/>
  <c r="HM51" i="14" s="1"/>
  <c r="FB51" i="14"/>
  <c r="IB51" i="14" s="1"/>
  <c r="EO51" i="14"/>
  <c r="HO51" i="14" s="1"/>
  <c r="CO47" i="14"/>
  <c r="FO47" i="14" s="1"/>
  <c r="DB47" i="14"/>
  <c r="GB47" i="14" s="1"/>
  <c r="CV52" i="14"/>
  <c r="FV52" i="14" s="1"/>
  <c r="DI52" i="14"/>
  <c r="GI52" i="14" s="1"/>
  <c r="DA47" i="14"/>
  <c r="GA47" i="14" s="1"/>
  <c r="CN47" i="14"/>
  <c r="FN47" i="14" s="1"/>
  <c r="DV63" i="14"/>
  <c r="GV63" i="14" s="1"/>
  <c r="EI63" i="14"/>
  <c r="HI63" i="14" s="1"/>
  <c r="CU59" i="14"/>
  <c r="FU59" i="14" s="1"/>
  <c r="DH59" i="14"/>
  <c r="GH59" i="14" s="1"/>
  <c r="CQ72" i="14"/>
  <c r="FQ72" i="14" s="1"/>
  <c r="DD72" i="14"/>
  <c r="GD72" i="14" s="1"/>
  <c r="DQ47" i="14"/>
  <c r="GQ47" i="14" s="1"/>
  <c r="ED47" i="14"/>
  <c r="HD47" i="14" s="1"/>
  <c r="DT51" i="14"/>
  <c r="GT51" i="14" s="1"/>
  <c r="EG51" i="14"/>
  <c r="HG51" i="14" s="1"/>
  <c r="CR51" i="14"/>
  <c r="FR51" i="14" s="1"/>
  <c r="DE51" i="14"/>
  <c r="GE51" i="14" s="1"/>
  <c r="CN59" i="14"/>
  <c r="FN59" i="14" s="1"/>
  <c r="DA59" i="14"/>
  <c r="GA59" i="14" s="1"/>
  <c r="CU72" i="14"/>
  <c r="FU72" i="14" s="1"/>
  <c r="DH72" i="14"/>
  <c r="GH72" i="14" s="1"/>
  <c r="DV53" i="14"/>
  <c r="GV53" i="14" s="1"/>
  <c r="EI53" i="14"/>
  <c r="HI53" i="14" s="1"/>
  <c r="DC54" i="14"/>
  <c r="GC54" i="14" s="1"/>
  <c r="CP54" i="14"/>
  <c r="FP54" i="14" s="1"/>
  <c r="FA63" i="14"/>
  <c r="IA63" i="14" s="1"/>
  <c r="EN63" i="14"/>
  <c r="HN63" i="14" s="1"/>
  <c r="CX48" i="14"/>
  <c r="FX48" i="14" s="1"/>
  <c r="DK48" i="14"/>
  <c r="GK48" i="14" s="1"/>
  <c r="FI47" i="14"/>
  <c r="II47" i="14" s="1"/>
  <c r="EV47" i="14"/>
  <c r="HV47" i="14" s="1"/>
  <c r="EP52" i="14"/>
  <c r="HP52" i="14" s="1"/>
  <c r="FC52" i="14"/>
  <c r="IC52" i="14" s="1"/>
  <c r="FJ59" i="14"/>
  <c r="IJ59" i="14" s="1"/>
  <c r="EW59" i="14"/>
  <c r="HW59" i="14" s="1"/>
  <c r="DU54" i="14"/>
  <c r="GU54" i="14" s="1"/>
  <c r="EH54" i="14"/>
  <c r="HH54" i="14" s="1"/>
  <c r="EU63" i="14"/>
  <c r="HU63" i="14" s="1"/>
  <c r="FH63" i="14"/>
  <c r="IH63" i="14" s="1"/>
  <c r="DB72" i="14"/>
  <c r="GB72" i="14" s="1"/>
  <c r="CO72" i="14"/>
  <c r="FO72" i="14" s="1"/>
  <c r="DK63" i="14"/>
  <c r="GK63" i="14" s="1"/>
  <c r="CX63" i="14"/>
  <c r="FX63" i="14" s="1"/>
  <c r="CN53" i="14"/>
  <c r="FN53" i="14" s="1"/>
  <c r="DA53" i="14"/>
  <c r="GA53" i="14" s="1"/>
  <c r="EQ48" i="14"/>
  <c r="HQ48" i="14" s="1"/>
  <c r="FD48" i="14"/>
  <c r="ID48" i="14" s="1"/>
  <c r="FK72" i="14"/>
  <c r="IK72" i="14" s="1"/>
  <c r="AD51" i="23" s="1"/>
  <c r="EX72" i="14"/>
  <c r="HX72" i="14" s="1"/>
  <c r="AC51" i="23" s="1"/>
  <c r="CW48" i="14"/>
  <c r="FW48" i="14" s="1"/>
  <c r="DJ48" i="14"/>
  <c r="GJ48" i="14" s="1"/>
  <c r="EG48" i="14"/>
  <c r="HG48" i="14" s="1"/>
  <c r="DT48" i="14"/>
  <c r="GT48" i="14" s="1"/>
  <c r="DF50" i="14"/>
  <c r="GF50" i="14" s="1"/>
  <c r="CS50" i="14"/>
  <c r="FS50" i="14" s="1"/>
  <c r="EE51" i="14"/>
  <c r="HE51" i="14" s="1"/>
  <c r="DR51" i="14"/>
  <c r="GR51" i="14" s="1"/>
  <c r="FA59" i="14"/>
  <c r="IA59" i="14" s="1"/>
  <c r="EN59" i="14"/>
  <c r="HN59" i="14" s="1"/>
  <c r="DU72" i="14"/>
  <c r="GU72" i="14" s="1"/>
  <c r="EH72" i="14"/>
  <c r="HH72" i="14" s="1"/>
  <c r="FJ53" i="14"/>
  <c r="IJ53" i="14" s="1"/>
  <c r="EW53" i="14"/>
  <c r="HW53" i="14" s="1"/>
  <c r="EX52" i="14"/>
  <c r="HX52" i="14" s="1"/>
  <c r="FK52" i="14"/>
  <c r="IK52" i="14" s="1"/>
  <c r="DZ49" i="14"/>
  <c r="GZ49" i="14" s="1"/>
  <c r="DM49" i="14"/>
  <c r="GM49" i="14" s="1"/>
  <c r="ER52" i="14"/>
  <c r="HR52" i="14" s="1"/>
  <c r="FE52" i="14"/>
  <c r="IE52" i="14" s="1"/>
  <c r="DR50" i="14"/>
  <c r="GR50" i="14" s="1"/>
  <c r="EE50" i="14"/>
  <c r="HE50" i="14" s="1"/>
  <c r="EK50" i="14"/>
  <c r="HK50" i="14" s="1"/>
  <c r="DX50" i="14"/>
  <c r="GX50" i="14" s="1"/>
  <c r="FA50" i="14"/>
  <c r="IA50" i="14" s="1"/>
  <c r="EN50" i="14"/>
  <c r="HN50" i="14" s="1"/>
  <c r="FC54" i="14"/>
  <c r="IC54" i="14" s="1"/>
  <c r="EP54" i="14"/>
  <c r="HP54" i="14" s="1"/>
  <c r="DG53" i="14"/>
  <c r="GG53" i="14" s="1"/>
  <c r="CT53" i="14"/>
  <c r="FT53" i="14" s="1"/>
  <c r="DB63" i="14"/>
  <c r="GB63" i="14" s="1"/>
  <c r="CO63" i="14"/>
  <c r="FO63" i="14" s="1"/>
  <c r="DX48" i="14"/>
  <c r="GX48" i="14" s="1"/>
  <c r="EK48" i="14"/>
  <c r="HK48" i="14" s="1"/>
  <c r="CV47" i="14"/>
  <c r="FV47" i="14" s="1"/>
  <c r="DI47" i="14"/>
  <c r="GI47" i="14" s="1"/>
  <c r="EC52" i="14"/>
  <c r="HC52" i="14" s="1"/>
  <c r="DP52" i="14"/>
  <c r="GP52" i="14" s="1"/>
  <c r="DJ59" i="14"/>
  <c r="GJ59" i="14" s="1"/>
  <c r="CW59" i="14"/>
  <c r="FW59" i="14" s="1"/>
  <c r="DQ54" i="14"/>
  <c r="GQ54" i="14" s="1"/>
  <c r="ED54" i="14"/>
  <c r="HD54" i="14" s="1"/>
  <c r="FH54" i="14"/>
  <c r="IH54" i="14" s="1"/>
  <c r="EU54" i="14"/>
  <c r="HU54" i="14" s="1"/>
  <c r="DZ63" i="14"/>
  <c r="GZ63" i="14" s="1"/>
  <c r="DM63" i="14"/>
  <c r="GM63" i="14" s="1"/>
  <c r="FC72" i="14"/>
  <c r="IC72" i="14" s="1"/>
  <c r="N51" i="23" s="1"/>
  <c r="EP72" i="14"/>
  <c r="HP72" i="14" s="1"/>
  <c r="M51" i="23" s="1"/>
  <c r="AS29" i="6"/>
  <c r="AT77" i="6"/>
  <c r="AT55" i="6"/>
  <c r="AS79" i="6"/>
  <c r="Q58" i="25" s="1"/>
  <c r="AT52" i="6"/>
  <c r="S31" i="25" s="1"/>
  <c r="AT31" i="6"/>
  <c r="AU49" i="6"/>
  <c r="U28" i="25" s="1"/>
  <c r="AV32" i="6"/>
  <c r="AU39" i="6"/>
  <c r="AT60" i="6"/>
  <c r="AT47" i="6"/>
  <c r="S26" i="25" s="1"/>
  <c r="AV48" i="6"/>
  <c r="W27" i="25" s="1"/>
  <c r="AT40" i="6"/>
  <c r="AT53" i="6"/>
  <c r="S32" i="25" s="1"/>
  <c r="AT38" i="6"/>
  <c r="AT45" i="6"/>
  <c r="AU56" i="6"/>
  <c r="AT68" i="6"/>
  <c r="AT65" i="6"/>
  <c r="AT61" i="6"/>
  <c r="AT69" i="6"/>
  <c r="AT44" i="6"/>
  <c r="AU33" i="6"/>
  <c r="AU78" i="6"/>
  <c r="AU54" i="6"/>
  <c r="U33" i="25" s="1"/>
  <c r="AU46" i="6"/>
  <c r="AU62" i="6"/>
  <c r="AU30" i="6"/>
  <c r="AU42" i="6"/>
  <c r="AU59" i="6"/>
  <c r="U38" i="25" s="1"/>
  <c r="AV36" i="6"/>
  <c r="AU74" i="6"/>
  <c r="AU82" i="6"/>
  <c r="U61" i="25" s="1"/>
  <c r="AU51" i="6"/>
  <c r="U30" i="25" s="1"/>
  <c r="AU43" i="6"/>
  <c r="AU58" i="6"/>
  <c r="AU50" i="6"/>
  <c r="U29" i="25" s="1"/>
  <c r="AU66" i="6"/>
  <c r="AU35" i="6"/>
  <c r="AU73" i="6"/>
  <c r="AU67" i="6"/>
  <c r="AU57" i="6"/>
  <c r="AU41" i="6"/>
  <c r="AU34" i="6"/>
  <c r="AU75" i="6"/>
  <c r="AW37" i="6"/>
  <c r="AQ31" i="7" l="1"/>
  <c r="AR31" i="7"/>
  <c r="AV31" i="7"/>
  <c r="AN31" i="7"/>
  <c r="AY31" i="7"/>
  <c r="AS31" i="7"/>
  <c r="AX31" i="7"/>
  <c r="AP31" i="7"/>
  <c r="AO31" i="7"/>
  <c r="AT31" i="7"/>
  <c r="AW31" i="7"/>
  <c r="AU31" i="7"/>
  <c r="AP56" i="7"/>
  <c r="AT56" i="7"/>
  <c r="AQ56" i="7"/>
  <c r="AO56" i="7"/>
  <c r="AM56" i="7"/>
  <c r="AR56" i="7"/>
  <c r="AW56" i="7"/>
  <c r="AU56" i="7"/>
  <c r="AS56" i="7"/>
  <c r="AX56" i="7"/>
  <c r="AN56" i="7"/>
  <c r="AY56" i="7"/>
  <c r="AV56" i="7"/>
  <c r="AS40" i="7"/>
  <c r="AN40" i="7"/>
  <c r="AR40" i="7"/>
  <c r="AP40" i="7"/>
  <c r="AM40" i="7"/>
  <c r="AV40" i="7"/>
  <c r="AX40" i="7"/>
  <c r="AO40" i="7"/>
  <c r="AT40" i="7"/>
  <c r="AU40" i="7"/>
  <c r="AY40" i="7"/>
  <c r="AW40" i="7"/>
  <c r="AQ40" i="7"/>
  <c r="AP53" i="7"/>
  <c r="K32" i="23" s="1"/>
  <c r="AM53" i="7"/>
  <c r="E32" i="23" s="1"/>
  <c r="AO53" i="7"/>
  <c r="I32" i="23" s="1"/>
  <c r="AV53" i="7"/>
  <c r="W32" i="23" s="1"/>
  <c r="AT53" i="7"/>
  <c r="S32" i="23" s="1"/>
  <c r="AU53" i="7"/>
  <c r="U32" i="23" s="1"/>
  <c r="AR53" i="7"/>
  <c r="O32" i="23" s="1"/>
  <c r="AY53" i="7"/>
  <c r="AC32" i="23" s="1"/>
  <c r="AW53" i="7"/>
  <c r="Y32" i="23" s="1"/>
  <c r="AP72" i="7"/>
  <c r="AV72" i="7"/>
  <c r="AQ72" i="7"/>
  <c r="AX72" i="7"/>
  <c r="AO72" i="7"/>
  <c r="AY72" i="7"/>
  <c r="AW72" i="7"/>
  <c r="AT72" i="7"/>
  <c r="AN72" i="7"/>
  <c r="AR72" i="7"/>
  <c r="AS72" i="7"/>
  <c r="AM72" i="7"/>
  <c r="AU72" i="7"/>
  <c r="AQ53" i="7"/>
  <c r="M32" i="23" s="1"/>
  <c r="AN53" i="7"/>
  <c r="G32" i="23" s="1"/>
  <c r="AS53" i="7"/>
  <c r="Q32" i="23" s="1"/>
  <c r="AX63" i="7"/>
  <c r="AA42" i="23" s="1"/>
  <c r="AY63" i="7"/>
  <c r="AC42" i="23" s="1"/>
  <c r="AX51" i="7"/>
  <c r="AA30" i="23" s="1"/>
  <c r="AY51" i="7"/>
  <c r="AC30" i="23" s="1"/>
  <c r="AX77" i="7"/>
  <c r="AY77" i="7"/>
  <c r="AX36" i="7"/>
  <c r="AY36" i="7"/>
  <c r="AX29" i="7"/>
  <c r="AY29" i="7"/>
  <c r="AX71" i="7"/>
  <c r="AY71" i="7"/>
  <c r="AX50" i="7"/>
  <c r="AA29" i="23" s="1"/>
  <c r="AY50" i="7"/>
  <c r="AC29" i="23" s="1"/>
  <c r="AX44" i="7"/>
  <c r="AY44" i="7"/>
  <c r="AX54" i="7"/>
  <c r="AA33" i="23" s="1"/>
  <c r="AY54" i="7"/>
  <c r="AC33" i="23" s="1"/>
  <c r="AX67" i="7"/>
  <c r="AY67" i="7"/>
  <c r="AX61" i="7"/>
  <c r="AY61" i="7"/>
  <c r="AX73" i="7"/>
  <c r="AY73" i="7"/>
  <c r="AX60" i="7"/>
  <c r="AY60" i="7"/>
  <c r="AQ27" i="7"/>
  <c r="M6" i="23" s="1"/>
  <c r="AX27" i="7"/>
  <c r="AA6" i="23" s="1"/>
  <c r="AY27" i="7"/>
  <c r="AC6" i="23" s="1"/>
  <c r="AS27" i="7"/>
  <c r="Q6" i="23" s="1"/>
  <c r="AT63" i="7"/>
  <c r="S42" i="23" s="1"/>
  <c r="AN63" i="7"/>
  <c r="G42" i="23" s="1"/>
  <c r="AP63" i="7"/>
  <c r="K42" i="23" s="1"/>
  <c r="AV63" i="7"/>
  <c r="W42" i="23" s="1"/>
  <c r="AR63" i="7"/>
  <c r="O42" i="23" s="1"/>
  <c r="AU63" i="7"/>
  <c r="U42" i="23" s="1"/>
  <c r="AO63" i="7"/>
  <c r="I42" i="23" s="1"/>
  <c r="AQ63" i="7"/>
  <c r="M42" i="23" s="1"/>
  <c r="AM63" i="7"/>
  <c r="E42" i="23" s="1"/>
  <c r="AS63" i="7"/>
  <c r="Q42" i="23" s="1"/>
  <c r="AW63" i="7"/>
  <c r="Y42" i="23" s="1"/>
  <c r="AR51" i="7"/>
  <c r="O30" i="23" s="1"/>
  <c r="AT51" i="7"/>
  <c r="S30" i="23" s="1"/>
  <c r="AQ51" i="7"/>
  <c r="M30" i="23" s="1"/>
  <c r="AN51" i="7"/>
  <c r="G30" i="23" s="1"/>
  <c r="AV51" i="7"/>
  <c r="W30" i="23" s="1"/>
  <c r="AM51" i="7"/>
  <c r="E30" i="23" s="1"/>
  <c r="AO51" i="7"/>
  <c r="I30" i="23" s="1"/>
  <c r="AS51" i="7"/>
  <c r="Q30" i="23" s="1"/>
  <c r="AU51" i="7"/>
  <c r="U30" i="23" s="1"/>
  <c r="AW51" i="7"/>
  <c r="Y30" i="23" s="1"/>
  <c r="AP51" i="7"/>
  <c r="K30" i="23" s="1"/>
  <c r="AR77" i="7"/>
  <c r="AM77" i="7"/>
  <c r="AO77" i="7"/>
  <c r="AQ77" i="7"/>
  <c r="AU77" i="7"/>
  <c r="AW77" i="7"/>
  <c r="AS77" i="7"/>
  <c r="AN77" i="7"/>
  <c r="AT77" i="7"/>
  <c r="AV77" i="7"/>
  <c r="AP77" i="7"/>
  <c r="AP36" i="7"/>
  <c r="AR36" i="7"/>
  <c r="AT36" i="7"/>
  <c r="AU36" i="7"/>
  <c r="AM36" i="7"/>
  <c r="AO36" i="7"/>
  <c r="AQ36" i="7"/>
  <c r="AV36" i="7"/>
  <c r="AW36" i="7"/>
  <c r="AN36" i="7"/>
  <c r="AS36" i="7"/>
  <c r="AQ29" i="7"/>
  <c r="AU29" i="7"/>
  <c r="AW29" i="7"/>
  <c r="AS29" i="7"/>
  <c r="AN29" i="7"/>
  <c r="AR29" i="7"/>
  <c r="AT29" i="7"/>
  <c r="AV29" i="7"/>
  <c r="AP29" i="7"/>
  <c r="AM29" i="7"/>
  <c r="AO29" i="7"/>
  <c r="AM50" i="7"/>
  <c r="E29" i="23" s="1"/>
  <c r="AO50" i="7"/>
  <c r="I29" i="23" s="1"/>
  <c r="AS50" i="7"/>
  <c r="Q29" i="23" s="1"/>
  <c r="AU50" i="7"/>
  <c r="U29" i="23" s="1"/>
  <c r="AW50" i="7"/>
  <c r="Y29" i="23" s="1"/>
  <c r="AQ50" i="7"/>
  <c r="M29" i="23" s="1"/>
  <c r="AT50" i="7"/>
  <c r="S29" i="23" s="1"/>
  <c r="AN50" i="7"/>
  <c r="G29" i="23" s="1"/>
  <c r="AP50" i="7"/>
  <c r="K29" i="23" s="1"/>
  <c r="AR50" i="7"/>
  <c r="O29" i="23" s="1"/>
  <c r="AV50" i="7"/>
  <c r="W29" i="23" s="1"/>
  <c r="AO44" i="7"/>
  <c r="AQ44" i="7"/>
  <c r="AM44" i="7"/>
  <c r="AW44" i="7"/>
  <c r="AV44" i="7"/>
  <c r="AS44" i="7"/>
  <c r="AP44" i="7"/>
  <c r="AR44" i="7"/>
  <c r="AT44" i="7"/>
  <c r="AN44" i="7"/>
  <c r="AU44" i="7"/>
  <c r="AO71" i="7"/>
  <c r="AQ71" i="7"/>
  <c r="AU71" i="7"/>
  <c r="AS71" i="7"/>
  <c r="AW71" i="7"/>
  <c r="AM71" i="7"/>
  <c r="AN71" i="7"/>
  <c r="AP71" i="7"/>
  <c r="AV71" i="7"/>
  <c r="AT71" i="7"/>
  <c r="AR71" i="7"/>
  <c r="AU54" i="7"/>
  <c r="U33" i="23" s="1"/>
  <c r="AO54" i="7"/>
  <c r="I33" i="23" s="1"/>
  <c r="AN54" i="7"/>
  <c r="G33" i="23" s="1"/>
  <c r="AR54" i="7"/>
  <c r="O33" i="23" s="1"/>
  <c r="AT54" i="7"/>
  <c r="S33" i="23" s="1"/>
  <c r="AV54" i="7"/>
  <c r="W33" i="23" s="1"/>
  <c r="AP54" i="7"/>
  <c r="K33" i="23" s="1"/>
  <c r="AQ54" i="7"/>
  <c r="M33" i="23" s="1"/>
  <c r="AS54" i="7"/>
  <c r="Q33" i="23" s="1"/>
  <c r="AW54" i="7"/>
  <c r="Y33" i="23" s="1"/>
  <c r="AM54" i="7"/>
  <c r="E33" i="23" s="1"/>
  <c r="AR67" i="7"/>
  <c r="AT67" i="7"/>
  <c r="AP67" i="7"/>
  <c r="AN67" i="7"/>
  <c r="AV67" i="7"/>
  <c r="AM67" i="7"/>
  <c r="AO67" i="7"/>
  <c r="AS67" i="7"/>
  <c r="AU67" i="7"/>
  <c r="AW67" i="7"/>
  <c r="AQ67" i="7"/>
  <c r="AT61" i="7"/>
  <c r="AV61" i="7"/>
  <c r="AP61" i="7"/>
  <c r="AM61" i="7"/>
  <c r="AO61" i="7"/>
  <c r="AQ61" i="7"/>
  <c r="AU61" i="7"/>
  <c r="AW61" i="7"/>
  <c r="AS61" i="7"/>
  <c r="AR61" i="7"/>
  <c r="AN61" i="7"/>
  <c r="AP73" i="7"/>
  <c r="AR73" i="7"/>
  <c r="AV73" i="7"/>
  <c r="AO73" i="7"/>
  <c r="AT73" i="7"/>
  <c r="AN73" i="7"/>
  <c r="AW73" i="7"/>
  <c r="AM73" i="7"/>
  <c r="AQ73" i="7"/>
  <c r="AS73" i="7"/>
  <c r="AU73" i="7"/>
  <c r="AN27" i="7"/>
  <c r="G6" i="23" s="1"/>
  <c r="AP27" i="7"/>
  <c r="K6" i="23" s="1"/>
  <c r="AM27" i="7"/>
  <c r="E6" i="23" s="1"/>
  <c r="AO27" i="7"/>
  <c r="I6" i="23" s="1"/>
  <c r="AS60" i="7"/>
  <c r="AU60" i="7"/>
  <c r="AP60" i="7"/>
  <c r="AR60" i="7"/>
  <c r="AM60" i="7"/>
  <c r="AT60" i="7"/>
  <c r="AV60" i="7"/>
  <c r="AN60" i="7"/>
  <c r="AO60" i="7"/>
  <c r="AQ60" i="7"/>
  <c r="AW60" i="7"/>
  <c r="AG27" i="7"/>
  <c r="AT27" i="6"/>
  <c r="S6" i="25" s="1"/>
  <c r="AR27" i="7"/>
  <c r="O6" i="23" s="1"/>
  <c r="AT76" i="6"/>
  <c r="AT71" i="6"/>
  <c r="AT70" i="6"/>
  <c r="AT80" i="6"/>
  <c r="S59" i="25" s="1"/>
  <c r="AT81" i="6"/>
  <c r="S60" i="25" s="1"/>
  <c r="AV64" i="6"/>
  <c r="AU72" i="6"/>
  <c r="U51" i="25" s="1"/>
  <c r="AU77" i="6"/>
  <c r="AT29" i="6"/>
  <c r="AU55" i="6"/>
  <c r="AT79" i="6"/>
  <c r="S58" i="25" s="1"/>
  <c r="AU68" i="6"/>
  <c r="AV49" i="6"/>
  <c r="W28" i="25" s="1"/>
  <c r="AV56" i="6"/>
  <c r="AW48" i="6"/>
  <c r="Y27" i="25" s="1"/>
  <c r="AU47" i="6"/>
  <c r="U26" i="25" s="1"/>
  <c r="AU65" i="6"/>
  <c r="AU45" i="6"/>
  <c r="AU38" i="6"/>
  <c r="AU53" i="6"/>
  <c r="U32" i="25" s="1"/>
  <c r="AU52" i="6"/>
  <c r="U31" i="25" s="1"/>
  <c r="AU61" i="6"/>
  <c r="AV39" i="6"/>
  <c r="AU40" i="6"/>
  <c r="AU60" i="6"/>
  <c r="AU31" i="6"/>
  <c r="AU44" i="6"/>
  <c r="AU69" i="6"/>
  <c r="AV33" i="6"/>
  <c r="AW32" i="6"/>
  <c r="AV54" i="6"/>
  <c r="W33" i="25" s="1"/>
  <c r="AV46" i="6"/>
  <c r="AV62" i="6"/>
  <c r="AV30" i="6"/>
  <c r="AV78" i="6"/>
  <c r="AV41" i="6"/>
  <c r="AV51" i="6"/>
  <c r="W30" i="25" s="1"/>
  <c r="AW36" i="6"/>
  <c r="AV75" i="6"/>
  <c r="AV34" i="6"/>
  <c r="AV67" i="6"/>
  <c r="AV74" i="6"/>
  <c r="AV57" i="6"/>
  <c r="AV50" i="6"/>
  <c r="W29" i="25" s="1"/>
  <c r="AV43" i="6"/>
  <c r="AV66" i="6"/>
  <c r="AV82" i="6"/>
  <c r="W61" i="25" s="1"/>
  <c r="AV59" i="6"/>
  <c r="W38" i="25" s="1"/>
  <c r="AV42" i="6"/>
  <c r="AW28" i="6"/>
  <c r="Y7" i="25" s="1"/>
  <c r="AV73" i="6"/>
  <c r="AV35" i="6"/>
  <c r="AV58" i="6"/>
  <c r="AH27" i="7" l="1"/>
  <c r="AU27" i="6"/>
  <c r="U6" i="25" s="1"/>
  <c r="AU76" i="6"/>
  <c r="AU71" i="6"/>
  <c r="AU80" i="6"/>
  <c r="U59" i="25" s="1"/>
  <c r="AU70" i="6"/>
  <c r="AU81" i="6"/>
  <c r="U60" i="25" s="1"/>
  <c r="AV72" i="6"/>
  <c r="W51" i="25" s="1"/>
  <c r="AW64" i="6"/>
  <c r="AV77" i="6"/>
  <c r="AU29" i="6"/>
  <c r="AV55" i="6"/>
  <c r="AU79" i="6"/>
  <c r="U58" i="25" s="1"/>
  <c r="AV31" i="6"/>
  <c r="AV45" i="6"/>
  <c r="AV60" i="6"/>
  <c r="AV40" i="6"/>
  <c r="AW39" i="6"/>
  <c r="AW49" i="6"/>
  <c r="Y28" i="25" s="1"/>
  <c r="AW33" i="6"/>
  <c r="AV44" i="6"/>
  <c r="AW56" i="6"/>
  <c r="AV61" i="6"/>
  <c r="AV47" i="6"/>
  <c r="W26" i="25" s="1"/>
  <c r="AV53" i="6"/>
  <c r="W32" i="25" s="1"/>
  <c r="AV52" i="6"/>
  <c r="W31" i="25" s="1"/>
  <c r="AV38" i="6"/>
  <c r="AV65" i="6"/>
  <c r="AV68" i="6"/>
  <c r="AV69" i="6"/>
  <c r="AW30" i="6"/>
  <c r="AW62" i="6"/>
  <c r="AW46" i="6"/>
  <c r="AW54" i="6"/>
  <c r="Y33" i="25" s="1"/>
  <c r="AW78" i="6"/>
  <c r="AW35" i="6"/>
  <c r="AW73" i="6"/>
  <c r="AW82" i="6"/>
  <c r="Y61" i="25" s="1"/>
  <c r="AW41" i="6"/>
  <c r="AW42" i="6"/>
  <c r="AW66" i="6"/>
  <c r="AW50" i="6"/>
  <c r="Y29" i="25" s="1"/>
  <c r="AW58" i="6"/>
  <c r="AW59" i="6"/>
  <c r="Y38" i="25" s="1"/>
  <c r="AW67" i="6"/>
  <c r="AW43" i="6"/>
  <c r="AW74" i="6"/>
  <c r="AW34" i="6"/>
  <c r="AW57" i="6"/>
  <c r="AW75" i="6"/>
  <c r="AW51" i="6"/>
  <c r="Y30" i="25" s="1"/>
  <c r="AI27" i="7" l="1"/>
  <c r="AV27" i="7" s="1"/>
  <c r="W6" i="23" s="1"/>
  <c r="AV27" i="6"/>
  <c r="W6" i="25" s="1"/>
  <c r="AT27" i="7"/>
  <c r="S6" i="23" s="1"/>
  <c r="AU27" i="7"/>
  <c r="U6" i="23" s="1"/>
  <c r="AV71" i="6"/>
  <c r="AV76" i="6"/>
  <c r="AV70" i="6"/>
  <c r="AV80" i="6"/>
  <c r="W59" i="25" s="1"/>
  <c r="AV81" i="6"/>
  <c r="W60" i="25" s="1"/>
  <c r="AW72" i="6"/>
  <c r="Y51" i="25" s="1"/>
  <c r="AW77" i="6"/>
  <c r="AV29" i="6"/>
  <c r="AV79" i="6"/>
  <c r="W58" i="25" s="1"/>
  <c r="AW55" i="6"/>
  <c r="AW68" i="6"/>
  <c r="AW44" i="6"/>
  <c r="AW45" i="6"/>
  <c r="AW40" i="6"/>
  <c r="AW31" i="6"/>
  <c r="AW69" i="6"/>
  <c r="AW52" i="6"/>
  <c r="Y31" i="25" s="1"/>
  <c r="AW53" i="6"/>
  <c r="Y32" i="25" s="1"/>
  <c r="AW61" i="6"/>
  <c r="AW47" i="6"/>
  <c r="Y26" i="25" s="1"/>
  <c r="AW65" i="6"/>
  <c r="AW38" i="6"/>
  <c r="AW60" i="6"/>
  <c r="AJ27" i="7" l="1"/>
  <c r="AW27" i="7" s="1"/>
  <c r="Y6" i="23" s="1"/>
  <c r="AW27" i="6"/>
  <c r="Y6" i="25" s="1"/>
  <c r="AW71" i="6"/>
  <c r="AW76" i="6"/>
  <c r="AW70" i="6"/>
  <c r="AW80" i="6"/>
  <c r="Y59" i="25" s="1"/>
  <c r="AW81" i="6"/>
  <c r="Y60" i="25" s="1"/>
  <c r="AW29" i="6"/>
  <c r="AW79" i="6"/>
  <c r="Y58" i="25" s="1"/>
  <c r="P15" i="10" l="1"/>
  <c r="O55" i="22"/>
  <c r="S55" i="22" s="1"/>
  <c r="O70" i="22"/>
  <c r="S70" i="22" s="1"/>
  <c r="O58" i="22"/>
  <c r="S58" i="22" s="1"/>
  <c r="O66" i="22"/>
  <c r="S66" i="22" s="1"/>
  <c r="O72" i="22"/>
  <c r="S72" i="22" s="1"/>
  <c r="O30" i="22"/>
  <c r="S30" i="22" s="1"/>
  <c r="O56" i="22"/>
  <c r="S56" i="22" s="1"/>
  <c r="O40" i="22"/>
  <c r="S40" i="22" s="1"/>
  <c r="O42" i="22"/>
  <c r="S42" i="22" s="1"/>
  <c r="O79" i="22"/>
  <c r="S79" i="22" s="1"/>
  <c r="O38" i="22"/>
  <c r="S38" i="22" s="1"/>
  <c r="O67" i="22"/>
  <c r="S67" i="22" s="1"/>
  <c r="O80" i="22"/>
  <c r="S80" i="22" s="1"/>
  <c r="O59" i="22"/>
  <c r="S59" i="22" s="1"/>
  <c r="O43" i="22"/>
  <c r="S43" i="22" s="1"/>
  <c r="O75" i="22"/>
  <c r="S75" i="22" s="1"/>
  <c r="O47" i="22"/>
  <c r="S47" i="22" s="1"/>
  <c r="O46" i="22"/>
  <c r="S46" i="22" s="1"/>
  <c r="O27" i="22"/>
  <c r="S27" i="22" s="1"/>
  <c r="O34" i="22"/>
  <c r="S34" i="22" s="1"/>
  <c r="O60" i="22"/>
  <c r="S60" i="22" s="1"/>
  <c r="O44" i="22"/>
  <c r="S44" i="22" s="1"/>
  <c r="O51" i="22"/>
  <c r="S51" i="22" s="1"/>
  <c r="O74" i="22"/>
  <c r="S74" i="22" s="1"/>
  <c r="O77" i="22"/>
  <c r="S77" i="22" s="1"/>
  <c r="O35" i="22"/>
  <c r="S35" i="22" s="1"/>
  <c r="O65" i="22"/>
  <c r="S65" i="22" s="1"/>
  <c r="O53" i="22"/>
  <c r="S53" i="22" s="1"/>
  <c r="O48" i="22"/>
  <c r="S48" i="22" s="1"/>
  <c r="O61" i="22"/>
  <c r="S61" i="22" s="1"/>
  <c r="O36" i="22"/>
  <c r="S36" i="22" s="1"/>
  <c r="N28" i="22"/>
  <c r="O28" i="22" s="1"/>
  <c r="S28" i="22" s="1"/>
  <c r="O81" i="22"/>
  <c r="S81" i="22" s="1"/>
  <c r="O45" i="22"/>
  <c r="S45" i="22" s="1"/>
  <c r="O33" i="22"/>
  <c r="S33" i="22" s="1"/>
  <c r="O82" i="22"/>
  <c r="S82" i="22" s="1"/>
  <c r="O52" i="22"/>
  <c r="S52" i="22" s="1"/>
  <c r="O69" i="22"/>
  <c r="S69" i="22" s="1"/>
  <c r="O49" i="22"/>
  <c r="S49" i="22" s="1"/>
  <c r="O50" i="22"/>
  <c r="S50" i="22" s="1"/>
  <c r="O39" i="22"/>
  <c r="S39" i="22" s="1"/>
  <c r="O76" i="22"/>
  <c r="S76" i="22" s="1"/>
  <c r="O73" i="22"/>
  <c r="S73" i="22" s="1"/>
  <c r="O54" i="22"/>
  <c r="S54" i="22" s="1"/>
  <c r="O37" i="22"/>
  <c r="S37" i="22" s="1"/>
  <c r="O57" i="22"/>
  <c r="S57" i="22" s="1"/>
  <c r="O32" i="22"/>
  <c r="S32" i="22" s="1"/>
  <c r="O41" i="22"/>
  <c r="S41" i="22" s="1"/>
  <c r="O68" i="22"/>
  <c r="S68" i="22" s="1"/>
  <c r="O71" i="22"/>
  <c r="S71" i="22" s="1"/>
  <c r="O62" i="22"/>
  <c r="S62" i="22" s="1"/>
  <c r="O63" i="22"/>
  <c r="S63" i="22" s="1"/>
  <c r="C7" i="26" l="1"/>
  <c r="Q15" i="10"/>
  <c r="D7" i="26" s="1"/>
  <c r="O64" i="22"/>
  <c r="O78" i="22"/>
  <c r="S78" i="22" s="1"/>
  <c r="S15" i="10"/>
  <c r="T15" i="10"/>
  <c r="O31" i="22"/>
  <c r="S31" i="22" s="1"/>
  <c r="V63" i="22"/>
  <c r="W63" i="22"/>
  <c r="W37" i="22"/>
  <c r="V37" i="22"/>
  <c r="X37" i="22" s="1"/>
  <c r="Y37" i="22" s="1"/>
  <c r="Z37" i="22" s="1"/>
  <c r="V69" i="22"/>
  <c r="W69" i="22"/>
  <c r="V74" i="22"/>
  <c r="X74" i="22" s="1"/>
  <c r="Y74" i="22" s="1"/>
  <c r="Z74" i="22" s="1"/>
  <c r="W74" i="22"/>
  <c r="V75" i="22"/>
  <c r="W75" i="22"/>
  <c r="W40" i="22"/>
  <c r="V40" i="22"/>
  <c r="X40" i="22" s="1"/>
  <c r="Y40" i="22" s="1"/>
  <c r="Z40" i="22" s="1"/>
  <c r="W54" i="22"/>
  <c r="V54" i="22"/>
  <c r="W36" i="22"/>
  <c r="V36" i="22"/>
  <c r="V51" i="22"/>
  <c r="W51" i="22"/>
  <c r="V43" i="22"/>
  <c r="W43" i="22"/>
  <c r="V56" i="22"/>
  <c r="W56" i="22"/>
  <c r="V71" i="22"/>
  <c r="X71" i="22" s="1"/>
  <c r="Y71" i="22" s="1"/>
  <c r="Z71" i="22" s="1"/>
  <c r="W71" i="22"/>
  <c r="V73" i="22"/>
  <c r="W73" i="22"/>
  <c r="W52" i="22"/>
  <c r="V52" i="22"/>
  <c r="V61" i="22"/>
  <c r="X61" i="22" s="1"/>
  <c r="Y61" i="22" s="1"/>
  <c r="Z61" i="22" s="1"/>
  <c r="W61" i="22"/>
  <c r="V44" i="22"/>
  <c r="X44" i="22" s="1"/>
  <c r="Y44" i="22" s="1"/>
  <c r="Z44" i="22" s="1"/>
  <c r="W44" i="22"/>
  <c r="V59" i="22"/>
  <c r="W59" i="22"/>
  <c r="W30" i="22"/>
  <c r="V30" i="22"/>
  <c r="X30" i="22" s="1"/>
  <c r="Y30" i="22" s="1"/>
  <c r="Z30" i="22" s="1"/>
  <c r="W76" i="22"/>
  <c r="V76" i="22"/>
  <c r="W82" i="22"/>
  <c r="V82" i="22"/>
  <c r="W48" i="22"/>
  <c r="V48" i="22"/>
  <c r="V60" i="22"/>
  <c r="W60" i="22"/>
  <c r="W80" i="22"/>
  <c r="V80" i="22"/>
  <c r="V72" i="22"/>
  <c r="W72" i="22"/>
  <c r="W68" i="22"/>
  <c r="V68" i="22"/>
  <c r="X68" i="22" s="1"/>
  <c r="Y68" i="22" s="1"/>
  <c r="Z68" i="22" s="1"/>
  <c r="W39" i="22"/>
  <c r="V39" i="22"/>
  <c r="X39" i="22" s="1"/>
  <c r="Y39" i="22" s="1"/>
  <c r="Z39" i="22" s="1"/>
  <c r="W33" i="22"/>
  <c r="V33" i="22"/>
  <c r="V53" i="22"/>
  <c r="W53" i="22"/>
  <c r="W34" i="22"/>
  <c r="V34" i="22"/>
  <c r="V67" i="22"/>
  <c r="W67" i="22"/>
  <c r="W66" i="22"/>
  <c r="V66" i="22"/>
  <c r="X66" i="22" s="1"/>
  <c r="Y66" i="22" s="1"/>
  <c r="Z66" i="22" s="1"/>
  <c r="W41" i="22"/>
  <c r="V41" i="22"/>
  <c r="X41" i="22" s="1"/>
  <c r="Y41" i="22" s="1"/>
  <c r="Z41" i="22" s="1"/>
  <c r="W78" i="22"/>
  <c r="V78" i="22"/>
  <c r="X78" i="22" s="1"/>
  <c r="Y78" i="22" s="1"/>
  <c r="Z78" i="22" s="1"/>
  <c r="W45" i="22"/>
  <c r="V45" i="22"/>
  <c r="W65" i="22"/>
  <c r="V65" i="22"/>
  <c r="X65" i="22" s="1"/>
  <c r="Y65" i="22" s="1"/>
  <c r="Z65" i="22" s="1"/>
  <c r="V27" i="22"/>
  <c r="X27" i="22" s="1"/>
  <c r="Y27" i="22" s="1"/>
  <c r="Z27" i="22" s="1"/>
  <c r="W27" i="22"/>
  <c r="V38" i="22"/>
  <c r="W38" i="22"/>
  <c r="V58" i="22"/>
  <c r="X58" i="22" s="1"/>
  <c r="Y58" i="22" s="1"/>
  <c r="Z58" i="22" s="1"/>
  <c r="W58" i="22"/>
  <c r="W32" i="22"/>
  <c r="V32" i="22"/>
  <c r="W50" i="22"/>
  <c r="V50" i="22"/>
  <c r="V81" i="22"/>
  <c r="W81" i="22"/>
  <c r="W35" i="22"/>
  <c r="V35" i="22"/>
  <c r="W46" i="22"/>
  <c r="V46" i="22"/>
  <c r="X46" i="22" s="1"/>
  <c r="Y46" i="22" s="1"/>
  <c r="Z46" i="22" s="1"/>
  <c r="W79" i="22"/>
  <c r="V79" i="22"/>
  <c r="W70" i="22"/>
  <c r="V70" i="22"/>
  <c r="X70" i="22" s="1"/>
  <c r="Y70" i="22" s="1"/>
  <c r="Z70" i="22" s="1"/>
  <c r="V62" i="22"/>
  <c r="W62" i="22"/>
  <c r="W57" i="22"/>
  <c r="V57" i="22"/>
  <c r="X57" i="22" s="1"/>
  <c r="Y57" i="22" s="1"/>
  <c r="Z57" i="22" s="1"/>
  <c r="W49" i="22"/>
  <c r="V49" i="22"/>
  <c r="V28" i="22"/>
  <c r="X28" i="22" s="1"/>
  <c r="Y28" i="22" s="1"/>
  <c r="Z28" i="22" s="1"/>
  <c r="W28" i="22"/>
  <c r="W77" i="22"/>
  <c r="V77" i="22"/>
  <c r="X77" i="22" s="1"/>
  <c r="Y77" i="22" s="1"/>
  <c r="Z77" i="22" s="1"/>
  <c r="W47" i="22"/>
  <c r="V47" i="22"/>
  <c r="V42" i="22"/>
  <c r="X42" i="22" s="1"/>
  <c r="Y42" i="22" s="1"/>
  <c r="Z42" i="22" s="1"/>
  <c r="W42" i="22"/>
  <c r="W55" i="22"/>
  <c r="V55" i="22"/>
  <c r="X55" i="22" s="1"/>
  <c r="Y55" i="22" s="1"/>
  <c r="Z55" i="22" s="1"/>
  <c r="F7" i="26" l="1"/>
  <c r="G7" i="26"/>
  <c r="E7" i="26"/>
  <c r="F2907" i="26"/>
  <c r="F3011" i="26"/>
  <c r="F3083" i="26"/>
  <c r="F3227" i="26"/>
  <c r="F3411" i="26"/>
  <c r="F3491" i="26"/>
  <c r="F3571" i="26"/>
  <c r="F3683" i="26"/>
  <c r="F3795" i="26"/>
  <c r="F3859" i="26"/>
  <c r="F2908" i="26"/>
  <c r="F3004" i="26"/>
  <c r="F3084" i="26"/>
  <c r="F3228" i="26"/>
  <c r="F3420" i="26"/>
  <c r="F3500" i="26"/>
  <c r="F3580" i="26"/>
  <c r="F3684" i="26"/>
  <c r="F3788" i="26"/>
  <c r="F3852" i="26"/>
  <c r="F2901" i="26"/>
  <c r="F2989" i="26"/>
  <c r="F3053" i="26"/>
  <c r="F3197" i="26"/>
  <c r="F3413" i="26"/>
  <c r="F3493" i="26"/>
  <c r="F3573" i="26"/>
  <c r="F3677" i="26"/>
  <c r="F3789" i="26"/>
  <c r="F3853" i="26"/>
  <c r="F2894" i="26"/>
  <c r="F2982" i="26"/>
  <c r="F3046" i="26"/>
  <c r="F3190" i="26"/>
  <c r="F3406" i="26"/>
  <c r="F3486" i="26"/>
  <c r="F3566" i="26"/>
  <c r="F3670" i="26"/>
  <c r="F3782" i="26"/>
  <c r="F3846" i="26"/>
  <c r="F2895" i="26"/>
  <c r="F2991" i="26"/>
  <c r="F3055" i="26"/>
  <c r="F3199" i="26"/>
  <c r="F3407" i="26"/>
  <c r="F3487" i="26"/>
  <c r="F3567" i="26"/>
  <c r="F3679" i="26"/>
  <c r="F3791" i="26"/>
  <c r="F3855" i="26"/>
  <c r="F2914" i="26"/>
  <c r="F3120" i="26"/>
  <c r="F3489" i="26"/>
  <c r="F3689" i="26"/>
  <c r="F3906" i="26"/>
  <c r="F3975" i="26"/>
  <c r="F4039" i="26"/>
  <c r="F4103" i="26"/>
  <c r="F4183" i="26"/>
  <c r="F4247" i="26"/>
  <c r="F4319" i="26"/>
  <c r="F4407" i="26"/>
  <c r="F4503" i="26"/>
  <c r="F4567" i="26"/>
  <c r="F4679" i="26"/>
  <c r="F4743" i="26"/>
  <c r="F4807" i="26"/>
  <c r="F2994" i="26"/>
  <c r="F3344" i="26"/>
  <c r="F3600" i="26"/>
  <c r="F3826" i="26"/>
  <c r="F3944" i="26"/>
  <c r="F4008" i="26"/>
  <c r="F4072" i="26"/>
  <c r="F4152" i="26"/>
  <c r="F4224" i="26"/>
  <c r="F4296" i="26"/>
  <c r="F4376" i="26"/>
  <c r="F4448" i="26"/>
  <c r="F4536" i="26"/>
  <c r="F4616" i="26"/>
  <c r="F4712" i="26"/>
  <c r="F4776" i="26"/>
  <c r="F4840" i="26"/>
  <c r="F3041" i="26"/>
  <c r="F3434" i="26"/>
  <c r="F3632" i="26"/>
  <c r="F3873" i="26"/>
  <c r="F3961" i="26"/>
  <c r="F4025" i="26"/>
  <c r="F4089" i="26"/>
  <c r="F4161" i="26"/>
  <c r="F4233" i="26"/>
  <c r="F4305" i="26"/>
  <c r="F4385" i="26"/>
  <c r="F4457" i="26"/>
  <c r="F4537" i="26"/>
  <c r="F4617" i="26"/>
  <c r="F4713" i="26"/>
  <c r="F4777" i="26"/>
  <c r="F4841" i="26"/>
  <c r="F3001" i="26"/>
  <c r="F3394" i="26"/>
  <c r="F3633" i="26"/>
  <c r="F3874" i="26"/>
  <c r="F3962" i="26"/>
  <c r="F4026" i="26"/>
  <c r="F4090" i="26"/>
  <c r="F4162" i="26"/>
  <c r="F4226" i="26"/>
  <c r="F4290" i="26"/>
  <c r="F4354" i="26"/>
  <c r="F4434" i="26"/>
  <c r="F4522" i="26"/>
  <c r="F4602" i="26"/>
  <c r="F4698" i="26"/>
  <c r="F4762" i="26"/>
  <c r="F4826" i="26"/>
  <c r="F2928" i="26"/>
  <c r="F3193" i="26"/>
  <c r="F3537" i="26"/>
  <c r="F3816" i="26"/>
  <c r="F3947" i="26"/>
  <c r="F4011" i="26"/>
  <c r="F4075" i="26"/>
  <c r="F4147" i="26"/>
  <c r="F4211" i="26"/>
  <c r="F4275" i="26"/>
  <c r="F4339" i="26"/>
  <c r="F4419" i="26"/>
  <c r="F4499" i="26"/>
  <c r="F4563" i="26"/>
  <c r="F4667" i="26"/>
  <c r="F4731" i="26"/>
  <c r="F4795" i="26"/>
  <c r="F4859" i="26"/>
  <c r="F3050" i="26"/>
  <c r="F3624" i="26"/>
  <c r="F4021" i="26"/>
  <c r="F4190" i="26"/>
  <c r="F4388" i="26"/>
  <c r="F4614" i="26"/>
  <c r="F4798" i="26"/>
  <c r="F4905" i="26"/>
  <c r="F4969" i="26"/>
  <c r="F2977" i="26"/>
  <c r="F3561" i="26"/>
  <c r="F4022" i="26"/>
  <c r="F4196" i="26"/>
  <c r="F4389" i="26"/>
  <c r="F4581" i="26"/>
  <c r="F4804" i="26"/>
  <c r="F4906" i="26"/>
  <c r="F4970" i="26"/>
  <c r="F5034" i="26"/>
  <c r="F2929" i="26"/>
  <c r="F3760" i="26"/>
  <c r="F4028" i="26"/>
  <c r="F4197" i="26"/>
  <c r="F4436" i="26"/>
  <c r="F4700" i="26"/>
  <c r="F4866" i="26"/>
  <c r="F4931" i="26"/>
  <c r="F4995" i="26"/>
  <c r="F3425" i="26"/>
  <c r="F3965" i="26"/>
  <c r="F4158" i="26"/>
  <c r="F4340" i="26"/>
  <c r="F4604" i="26"/>
  <c r="F4806" i="26"/>
  <c r="F4908" i="26"/>
  <c r="F4972" i="26"/>
  <c r="F2936" i="26"/>
  <c r="F3841" i="26"/>
  <c r="F4053" i="26"/>
  <c r="F3442" i="26"/>
  <c r="F3972" i="26"/>
  <c r="F4165" i="26"/>
  <c r="F4324" i="26"/>
  <c r="F4526" i="26"/>
  <c r="F4749" i="26"/>
  <c r="F4886" i="26"/>
  <c r="F4950" i="26"/>
  <c r="F5014" i="26"/>
  <c r="F3449" i="26"/>
  <c r="F4574" i="26"/>
  <c r="F4949" i="26"/>
  <c r="F5060" i="26"/>
  <c r="F5124" i="26"/>
  <c r="F5188" i="26"/>
  <c r="F5276" i="26"/>
  <c r="F6260" i="26"/>
  <c r="F4061" i="26"/>
  <c r="F5051" i="26"/>
  <c r="F5291" i="26"/>
  <c r="F3997" i="26"/>
  <c r="F4750" i="26"/>
  <c r="F4992" i="26"/>
  <c r="F5077" i="26"/>
  <c r="F5141" i="26"/>
  <c r="F5205" i="26"/>
  <c r="F5293" i="26"/>
  <c r="F6813" i="26"/>
  <c r="F3544" i="26"/>
  <c r="F4420" i="26"/>
  <c r="F4888" i="26"/>
  <c r="F5033" i="26"/>
  <c r="F5102" i="26"/>
  <c r="F5166" i="26"/>
  <c r="F5230" i="26"/>
  <c r="F5966" i="26"/>
  <c r="F4566" i="26"/>
  <c r="F5154" i="26"/>
  <c r="F4166" i="26"/>
  <c r="F4709" i="26"/>
  <c r="F4976" i="26"/>
  <c r="F5071" i="26"/>
  <c r="F5135" i="26"/>
  <c r="F5199" i="26"/>
  <c r="F5279" i="26"/>
  <c r="F6255" i="26"/>
  <c r="F3905" i="26"/>
  <c r="F5122" i="26"/>
  <c r="F6258" i="26"/>
  <c r="F3858" i="26"/>
  <c r="F4454" i="26"/>
  <c r="F4895" i="26"/>
  <c r="F5036" i="26"/>
  <c r="F5104" i="26"/>
  <c r="F5168" i="26"/>
  <c r="F5232" i="26"/>
  <c r="F5664" i="26"/>
  <c r="F6296" i="26"/>
  <c r="F4189" i="26"/>
  <c r="F5106" i="26"/>
  <c r="F5004" i="26"/>
  <c r="F5195" i="26"/>
  <c r="F4125" i="26"/>
  <c r="F4628" i="26"/>
  <c r="F4941" i="26"/>
  <c r="F5057" i="26"/>
  <c r="F5121" i="26"/>
  <c r="F5185" i="26"/>
  <c r="F5249" i="26"/>
  <c r="F5961" i="26"/>
  <c r="F6817" i="26"/>
  <c r="F4901" i="26"/>
  <c r="F5290" i="26"/>
  <c r="F4796" i="26"/>
  <c r="F5163" i="26"/>
  <c r="F6299" i="26"/>
  <c r="F3195" i="26"/>
  <c r="F3037" i="26"/>
  <c r="F3557" i="26"/>
  <c r="F2862" i="26"/>
  <c r="F3742" i="26"/>
  <c r="F3039" i="26"/>
  <c r="F3631" i="26"/>
  <c r="F2857" i="26"/>
  <c r="F4167" i="26"/>
  <c r="F4727" i="26"/>
  <c r="F3224" i="26"/>
  <c r="F4280" i="26"/>
  <c r="F4824" i="26"/>
  <c r="F4009" i="26"/>
  <c r="F4601" i="26"/>
  <c r="F4074" i="26"/>
  <c r="F4570" i="26"/>
  <c r="F3995" i="26"/>
  <c r="F4483" i="26"/>
  <c r="F4557" i="26"/>
  <c r="F4758" i="26"/>
  <c r="F4915" i="26"/>
  <c r="F4294" i="26"/>
  <c r="F4100" i="26"/>
  <c r="F5172" i="26"/>
  <c r="F4951" i="26"/>
  <c r="F5214" i="26"/>
  <c r="F4548" i="26"/>
  <c r="F5247" i="26"/>
  <c r="F5088" i="26"/>
  <c r="F4853" i="26"/>
  <c r="F5105" i="26"/>
  <c r="F2915" i="26"/>
  <c r="F3019" i="26"/>
  <c r="F3091" i="26"/>
  <c r="F3235" i="26"/>
  <c r="F3419" i="26"/>
  <c r="F3499" i="26"/>
  <c r="F3595" i="26"/>
  <c r="F3699" i="26"/>
  <c r="F3803" i="26"/>
  <c r="F3867" i="26"/>
  <c r="F2916" i="26"/>
  <c r="F3012" i="26"/>
  <c r="F3092" i="26"/>
  <c r="F3236" i="26"/>
  <c r="F3428" i="26"/>
  <c r="F3508" i="26"/>
  <c r="F3596" i="26"/>
  <c r="F3700" i="26"/>
  <c r="F3796" i="26"/>
  <c r="F3860" i="26"/>
  <c r="F2909" i="26"/>
  <c r="F2997" i="26"/>
  <c r="F3061" i="26"/>
  <c r="F3221" i="26"/>
  <c r="F3421" i="26"/>
  <c r="F3501" i="26"/>
  <c r="F3581" i="26"/>
  <c r="F3685" i="26"/>
  <c r="F3797" i="26"/>
  <c r="F3861" i="26"/>
  <c r="F2902" i="26"/>
  <c r="F2990" i="26"/>
  <c r="F3054" i="26"/>
  <c r="F3198" i="26"/>
  <c r="F3414" i="26"/>
  <c r="F3494" i="26"/>
  <c r="F3574" i="26"/>
  <c r="F3678" i="26"/>
  <c r="F3790" i="26"/>
  <c r="F3854" i="26"/>
  <c r="F2903" i="26"/>
  <c r="F2999" i="26"/>
  <c r="F3063" i="26"/>
  <c r="F3223" i="26"/>
  <c r="F3415" i="26"/>
  <c r="F3495" i="26"/>
  <c r="F3575" i="26"/>
  <c r="F3687" i="26"/>
  <c r="F3799" i="26"/>
  <c r="F3863" i="26"/>
  <c r="F2937" i="26"/>
  <c r="F3202" i="26"/>
  <c r="F3512" i="26"/>
  <c r="F3736" i="26"/>
  <c r="F3918" i="26"/>
  <c r="F3983" i="26"/>
  <c r="F4047" i="26"/>
  <c r="F4111" i="26"/>
  <c r="F4191" i="26"/>
  <c r="F4263" i="26"/>
  <c r="F4327" i="26"/>
  <c r="F4415" i="26"/>
  <c r="F4511" i="26"/>
  <c r="F4575" i="26"/>
  <c r="F4687" i="26"/>
  <c r="F4751" i="26"/>
  <c r="F4815" i="26"/>
  <c r="F3017" i="26"/>
  <c r="F3392" i="26"/>
  <c r="F3608" i="26"/>
  <c r="F3849" i="26"/>
  <c r="F3952" i="26"/>
  <c r="F4016" i="26"/>
  <c r="F4080" i="26"/>
  <c r="F4160" i="26"/>
  <c r="F4232" i="26"/>
  <c r="F4304" i="26"/>
  <c r="F4384" i="26"/>
  <c r="F4456" i="26"/>
  <c r="F4544" i="26"/>
  <c r="F4624" i="26"/>
  <c r="F4720" i="26"/>
  <c r="F4784" i="26"/>
  <c r="F4848" i="26"/>
  <c r="F3064" i="26"/>
  <c r="F3473" i="26"/>
  <c r="F3673" i="26"/>
  <c r="F3896" i="26"/>
  <c r="F3969" i="26"/>
  <c r="F4033" i="26"/>
  <c r="F4097" i="26"/>
  <c r="F4177" i="26"/>
  <c r="F4241" i="26"/>
  <c r="F4313" i="26"/>
  <c r="F4393" i="26"/>
  <c r="F4481" i="26"/>
  <c r="F4545" i="26"/>
  <c r="F4625" i="26"/>
  <c r="F4721" i="26"/>
  <c r="F4785" i="26"/>
  <c r="F4849" i="26"/>
  <c r="F3024" i="26"/>
  <c r="F3417" i="26"/>
  <c r="F3674" i="26"/>
  <c r="F3897" i="26"/>
  <c r="F3970" i="26"/>
  <c r="F4034" i="26"/>
  <c r="F4098" i="26"/>
  <c r="F4170" i="26"/>
  <c r="F4234" i="26"/>
  <c r="F4298" i="26"/>
  <c r="F4378" i="26"/>
  <c r="F4450" i="26"/>
  <c r="F4530" i="26"/>
  <c r="F4610" i="26"/>
  <c r="F4706" i="26"/>
  <c r="F4770" i="26"/>
  <c r="F4834" i="26"/>
  <c r="F2969" i="26"/>
  <c r="F3232" i="26"/>
  <c r="F3560" i="26"/>
  <c r="F3834" i="26"/>
  <c r="F3955" i="26"/>
  <c r="F4019" i="26"/>
  <c r="F4083" i="26"/>
  <c r="F4155" i="26"/>
  <c r="F4219" i="26"/>
  <c r="F4283" i="26"/>
  <c r="F4347" i="26"/>
  <c r="F4427" i="26"/>
  <c r="F4507" i="26"/>
  <c r="F4571" i="26"/>
  <c r="F4675" i="26"/>
  <c r="F4739" i="26"/>
  <c r="F4803" i="26"/>
  <c r="F4867" i="26"/>
  <c r="F3200" i="26"/>
  <c r="F3729" i="26"/>
  <c r="F4044" i="26"/>
  <c r="F4213" i="26"/>
  <c r="F4406" i="26"/>
  <c r="F4637" i="26"/>
  <c r="F4821" i="26"/>
  <c r="F4913" i="26"/>
  <c r="F4977" i="26"/>
  <c r="F3008" i="26"/>
  <c r="F3730" i="26"/>
  <c r="F4045" i="26"/>
  <c r="F4214" i="26"/>
  <c r="F4412" i="26"/>
  <c r="F4620" i="26"/>
  <c r="F4822" i="26"/>
  <c r="F4914" i="26"/>
  <c r="F4978" i="26"/>
  <c r="F5042" i="26"/>
  <c r="F3009" i="26"/>
  <c r="F3824" i="26"/>
  <c r="F4046" i="26"/>
  <c r="F4237" i="26"/>
  <c r="F4445" i="26"/>
  <c r="F4718" i="26"/>
  <c r="F4875" i="26"/>
  <c r="F4939" i="26"/>
  <c r="F5003" i="26"/>
  <c r="F3505" i="26"/>
  <c r="F3988" i="26"/>
  <c r="F4180" i="26"/>
  <c r="F4396" i="26"/>
  <c r="F4622" i="26"/>
  <c r="F4829" i="26"/>
  <c r="F4916" i="26"/>
  <c r="F4980" i="26"/>
  <c r="F3026" i="26"/>
  <c r="F3902" i="26"/>
  <c r="F4076" i="26"/>
  <c r="F3464" i="26"/>
  <c r="F3990" i="26"/>
  <c r="F4182" i="26"/>
  <c r="F4342" i="26"/>
  <c r="F4549" i="26"/>
  <c r="F4772" i="26"/>
  <c r="F4894" i="26"/>
  <c r="F4958" i="26"/>
  <c r="F5022" i="26"/>
  <c r="F3996" i="26"/>
  <c r="F4686" i="26"/>
  <c r="F4968" i="26"/>
  <c r="F5068" i="26"/>
  <c r="F5132" i="26"/>
  <c r="F5196" i="26"/>
  <c r="F5284" i="26"/>
  <c r="F6292" i="26"/>
  <c r="F4284" i="26"/>
  <c r="F5075" i="26"/>
  <c r="F6243" i="26"/>
  <c r="F4084" i="26"/>
  <c r="F4812" i="26"/>
  <c r="F5007" i="26"/>
  <c r="F5085" i="26"/>
  <c r="F5149" i="26"/>
  <c r="F5213" i="26"/>
  <c r="F5301" i="26"/>
  <c r="F6821" i="26"/>
  <c r="F3800" i="26"/>
  <c r="F4484" i="26"/>
  <c r="F4911" i="26"/>
  <c r="F5044" i="26"/>
  <c r="F5110" i="26"/>
  <c r="F5174" i="26"/>
  <c r="F5238" i="26"/>
  <c r="F6246" i="26"/>
  <c r="F4669" i="26"/>
  <c r="F5186" i="26"/>
  <c r="F4229" i="26"/>
  <c r="F4766" i="26"/>
  <c r="F4997" i="26"/>
  <c r="F5079" i="26"/>
  <c r="F5143" i="26"/>
  <c r="F5207" i="26"/>
  <c r="F5287" i="26"/>
  <c r="F6295" i="26"/>
  <c r="F4382" i="26"/>
  <c r="F5146" i="26"/>
  <c r="F6298" i="26"/>
  <c r="F3950" i="26"/>
  <c r="F4492" i="26"/>
  <c r="F4917" i="26"/>
  <c r="F5047" i="26"/>
  <c r="F5112" i="26"/>
  <c r="F5176" i="26"/>
  <c r="F5240" i="26"/>
  <c r="F5672" i="26"/>
  <c r="F6304" i="26"/>
  <c r="F4326" i="26"/>
  <c r="F5138" i="26"/>
  <c r="F5040" i="26"/>
  <c r="F5227" i="26"/>
  <c r="F4188" i="26"/>
  <c r="F4668" i="26"/>
  <c r="F4960" i="26"/>
  <c r="F5065" i="26"/>
  <c r="F5129" i="26"/>
  <c r="F5193" i="26"/>
  <c r="F5273" i="26"/>
  <c r="F5969" i="26"/>
  <c r="F6825" i="26"/>
  <c r="F4984" i="26"/>
  <c r="F6250" i="26"/>
  <c r="F4903" i="26"/>
  <c r="F5187" i="26"/>
  <c r="F6819" i="26"/>
  <c r="F3555" i="26"/>
  <c r="F2980" i="26"/>
  <c r="F3668" i="26"/>
  <c r="F3477" i="26"/>
  <c r="F3030" i="26"/>
  <c r="F3471" i="26"/>
  <c r="F3625" i="26"/>
  <c r="F4551" i="26"/>
  <c r="F4855" i="26"/>
  <c r="F4120" i="26"/>
  <c r="F4696" i="26"/>
  <c r="F4073" i="26"/>
  <c r="F4697" i="26"/>
  <c r="F4010" i="26"/>
  <c r="F4506" i="26"/>
  <c r="F3931" i="26"/>
  <c r="F4403" i="26"/>
  <c r="F4332" i="26"/>
  <c r="F3408" i="26"/>
  <c r="F4890" i="26"/>
  <c r="F4828" i="26"/>
  <c r="F4093" i="26"/>
  <c r="F4870" i="26"/>
  <c r="F5041" i="26"/>
  <c r="F6244" i="26"/>
  <c r="F5061" i="26"/>
  <c r="F5008" i="26"/>
  <c r="F6242" i="26"/>
  <c r="F5058" i="26"/>
  <c r="F5296" i="26"/>
  <c r="F3956" i="26"/>
  <c r="F5233" i="26"/>
  <c r="F4397" i="26"/>
  <c r="F2923" i="26"/>
  <c r="F3027" i="26"/>
  <c r="F3099" i="26"/>
  <c r="F3243" i="26"/>
  <c r="F3427" i="26"/>
  <c r="F3507" i="26"/>
  <c r="F3611" i="26"/>
  <c r="F3707" i="26"/>
  <c r="F3811" i="26"/>
  <c r="F3875" i="26"/>
  <c r="F2924" i="26"/>
  <c r="F3020" i="26"/>
  <c r="F3100" i="26"/>
  <c r="F3244" i="26"/>
  <c r="F3436" i="26"/>
  <c r="F3532" i="26"/>
  <c r="F3612" i="26"/>
  <c r="F3708" i="26"/>
  <c r="F3804" i="26"/>
  <c r="F3868" i="26"/>
  <c r="F2917" i="26"/>
  <c r="F3005" i="26"/>
  <c r="F3085" i="26"/>
  <c r="F3229" i="26"/>
  <c r="F3429" i="26"/>
  <c r="F3509" i="26"/>
  <c r="F3597" i="26"/>
  <c r="F3701" i="26"/>
  <c r="F3805" i="26"/>
  <c r="F3869" i="26"/>
  <c r="F2910" i="26"/>
  <c r="F2998" i="26"/>
  <c r="F3062" i="26"/>
  <c r="F3222" i="26"/>
  <c r="F3422" i="26"/>
  <c r="F3502" i="26"/>
  <c r="F3582" i="26"/>
  <c r="F3686" i="26"/>
  <c r="F3798" i="26"/>
  <c r="F3862" i="26"/>
  <c r="F2911" i="26"/>
  <c r="F3007" i="26"/>
  <c r="F3087" i="26"/>
  <c r="F3231" i="26"/>
  <c r="F3423" i="26"/>
  <c r="F3503" i="26"/>
  <c r="F3583" i="26"/>
  <c r="F3703" i="26"/>
  <c r="F3807" i="26"/>
  <c r="F3871" i="26"/>
  <c r="F2978" i="26"/>
  <c r="F3218" i="26"/>
  <c r="F3546" i="26"/>
  <c r="F3784" i="26"/>
  <c r="F3927" i="26"/>
  <c r="F3991" i="26"/>
  <c r="F4055" i="26"/>
  <c r="F4119" i="26"/>
  <c r="F4199" i="26"/>
  <c r="F4271" i="26"/>
  <c r="F4335" i="26"/>
  <c r="F4423" i="26"/>
  <c r="F4519" i="26"/>
  <c r="F4599" i="26"/>
  <c r="F4695" i="26"/>
  <c r="F4759" i="26"/>
  <c r="F4823" i="26"/>
  <c r="F3040" i="26"/>
  <c r="F3410" i="26"/>
  <c r="F3626" i="26"/>
  <c r="F3872" i="26"/>
  <c r="F3960" i="26"/>
  <c r="F4024" i="26"/>
  <c r="F4088" i="26"/>
  <c r="F4168" i="26"/>
  <c r="F4240" i="26"/>
  <c r="F4312" i="26"/>
  <c r="F4392" i="26"/>
  <c r="F4488" i="26"/>
  <c r="F4552" i="26"/>
  <c r="F4632" i="26"/>
  <c r="F4728" i="26"/>
  <c r="F4792" i="26"/>
  <c r="F4856" i="26"/>
  <c r="F3104" i="26"/>
  <c r="F3496" i="26"/>
  <c r="F3704" i="26"/>
  <c r="F3912" i="26"/>
  <c r="F3977" i="26"/>
  <c r="F4041" i="26"/>
  <c r="F4105" i="26"/>
  <c r="F4185" i="26"/>
  <c r="F4249" i="26"/>
  <c r="F4321" i="26"/>
  <c r="F4401" i="26"/>
  <c r="F4489" i="26"/>
  <c r="F4553" i="26"/>
  <c r="F4633" i="26"/>
  <c r="F4729" i="26"/>
  <c r="F4793" i="26"/>
  <c r="F4857" i="26"/>
  <c r="F3042" i="26"/>
  <c r="F3440" i="26"/>
  <c r="F3705" i="26"/>
  <c r="F3913" i="26"/>
  <c r="F3978" i="26"/>
  <c r="F4042" i="26"/>
  <c r="F4106" i="26"/>
  <c r="F4178" i="26"/>
  <c r="F4242" i="26"/>
  <c r="F4306" i="26"/>
  <c r="F4386" i="26"/>
  <c r="F4458" i="26"/>
  <c r="F4538" i="26"/>
  <c r="F4618" i="26"/>
  <c r="F4714" i="26"/>
  <c r="F4778" i="26"/>
  <c r="F4842" i="26"/>
  <c r="F3002" i="26"/>
  <c r="F3352" i="26"/>
  <c r="F3616" i="26"/>
  <c r="F3857" i="26"/>
  <c r="F3963" i="26"/>
  <c r="F4027" i="26"/>
  <c r="F4091" i="26"/>
  <c r="F4163" i="26"/>
  <c r="F4227" i="26"/>
  <c r="F4291" i="26"/>
  <c r="F4355" i="26"/>
  <c r="F4435" i="26"/>
  <c r="F4515" i="26"/>
  <c r="F4579" i="26"/>
  <c r="F4683" i="26"/>
  <c r="F4747" i="26"/>
  <c r="F4811" i="26"/>
  <c r="F3217" i="26"/>
  <c r="F3817" i="26"/>
  <c r="F4062" i="26"/>
  <c r="F4230" i="26"/>
  <c r="F4429" i="26"/>
  <c r="F4670" i="26"/>
  <c r="F4844" i="26"/>
  <c r="F4921" i="26"/>
  <c r="F4985" i="26"/>
  <c r="F3056" i="26"/>
  <c r="F3818" i="26"/>
  <c r="F4068" i="26"/>
  <c r="F4236" i="26"/>
  <c r="F4430" i="26"/>
  <c r="F4676" i="26"/>
  <c r="F4845" i="26"/>
  <c r="F4922" i="26"/>
  <c r="F4986" i="26"/>
  <c r="F5050" i="26"/>
  <c r="F3090" i="26"/>
  <c r="F3882" i="26"/>
  <c r="F4069" i="26"/>
  <c r="F4270" i="26"/>
  <c r="F4500" i="26"/>
  <c r="F4741" i="26"/>
  <c r="F4883" i="26"/>
  <c r="F4947" i="26"/>
  <c r="F5011" i="26"/>
  <c r="F2856" i="26"/>
  <c r="F3568" i="26"/>
  <c r="F4006" i="26"/>
  <c r="F4198" i="26"/>
  <c r="F4414" i="26"/>
  <c r="F4678" i="26"/>
  <c r="F4852" i="26"/>
  <c r="F4924" i="26"/>
  <c r="F4988" i="26"/>
  <c r="F3112" i="26"/>
  <c r="F3925" i="26"/>
  <c r="F4094" i="26"/>
  <c r="F3682" i="26"/>
  <c r="F4013" i="26"/>
  <c r="F4205" i="26"/>
  <c r="F4380" i="26"/>
  <c r="F4572" i="26"/>
  <c r="F4790" i="26"/>
  <c r="F4902" i="26"/>
  <c r="F4966" i="26"/>
  <c r="F5030" i="26"/>
  <c r="F4078" i="26"/>
  <c r="F4748" i="26"/>
  <c r="F4991" i="26"/>
  <c r="F5076" i="26"/>
  <c r="F5140" i="26"/>
  <c r="F5204" i="26"/>
  <c r="F5292" i="26"/>
  <c r="F6300" i="26"/>
  <c r="F4510" i="26"/>
  <c r="F5099" i="26"/>
  <c r="F4148" i="26"/>
  <c r="F4861" i="26"/>
  <c r="F5020" i="26"/>
  <c r="F5093" i="26"/>
  <c r="F5157" i="26"/>
  <c r="F5221" i="26"/>
  <c r="F5669" i="26"/>
  <c r="F5251" i="26"/>
  <c r="F3932" i="26"/>
  <c r="F4533" i="26"/>
  <c r="F4933" i="26"/>
  <c r="F5054" i="26"/>
  <c r="F5118" i="26"/>
  <c r="F5182" i="26"/>
  <c r="F5246" i="26"/>
  <c r="F6254" i="26"/>
  <c r="F4879" i="26"/>
  <c r="F5218" i="26"/>
  <c r="F4308" i="26"/>
  <c r="F4820" i="26"/>
  <c r="F5009" i="26"/>
  <c r="F5087" i="26"/>
  <c r="F5151" i="26"/>
  <c r="F5215" i="26"/>
  <c r="F5295" i="26"/>
  <c r="F6303" i="26"/>
  <c r="F4630" i="26"/>
  <c r="F5170" i="26"/>
  <c r="F6818" i="26"/>
  <c r="F4037" i="26"/>
  <c r="F4550" i="26"/>
  <c r="F4936" i="26"/>
  <c r="F5056" i="26"/>
  <c r="F5120" i="26"/>
  <c r="F5184" i="26"/>
  <c r="F5248" i="26"/>
  <c r="F5960" i="26"/>
  <c r="F6816" i="26"/>
  <c r="F4509" i="26"/>
  <c r="F5178" i="26"/>
  <c r="F3974" i="26"/>
  <c r="F5059" i="26"/>
  <c r="F5283" i="26"/>
  <c r="F3033" i="26"/>
  <c r="F4246" i="26"/>
  <c r="F4725" i="26"/>
  <c r="F4983" i="26"/>
  <c r="F5073" i="26"/>
  <c r="F5137" i="26"/>
  <c r="F5201" i="26"/>
  <c r="F5281" i="26"/>
  <c r="F6241" i="26"/>
  <c r="F5039" i="26"/>
  <c r="F6290" i="26"/>
  <c r="F4967" i="26"/>
  <c r="F5211" i="26"/>
  <c r="F2891" i="26"/>
  <c r="F3843" i="26"/>
  <c r="F3052" i="26"/>
  <c r="F3756" i="26"/>
  <c r="F2973" i="26"/>
  <c r="F3390" i="26"/>
  <c r="F3630" i="26"/>
  <c r="F3119" i="26"/>
  <c r="F3759" i="26"/>
  <c r="F3450" i="26"/>
  <c r="F4303" i="26"/>
  <c r="F3992" i="26"/>
  <c r="F4760" i="26"/>
  <c r="F3393" i="26"/>
  <c r="F4289" i="26"/>
  <c r="F3833" i="26"/>
  <c r="F4338" i="26"/>
  <c r="F3088" i="26"/>
  <c r="F4123" i="26"/>
  <c r="F4627" i="26"/>
  <c r="F3545" i="26"/>
  <c r="F4953" i="26"/>
  <c r="F4954" i="26"/>
  <c r="F4390" i="26"/>
  <c r="F3924" i="26"/>
  <c r="F4012" i="26"/>
  <c r="F3926" i="26"/>
  <c r="F4998" i="26"/>
  <c r="F4532" i="26"/>
  <c r="F6293" i="26"/>
  <c r="F5302" i="26"/>
  <c r="F5119" i="26"/>
  <c r="F4318" i="26"/>
  <c r="F5216" i="26"/>
  <c r="F5147" i="26"/>
  <c r="F5037" i="26"/>
  <c r="F5665" i="26"/>
  <c r="F5299" i="26"/>
  <c r="G6" i="26"/>
  <c r="F2931" i="26"/>
  <c r="F3035" i="26"/>
  <c r="F3107" i="26"/>
  <c r="F3267" i="26"/>
  <c r="F3435" i="26"/>
  <c r="F3531" i="26"/>
  <c r="F3619" i="26"/>
  <c r="F3731" i="26"/>
  <c r="F3819" i="26"/>
  <c r="F3883" i="26"/>
  <c r="F2932" i="26"/>
  <c r="F3028" i="26"/>
  <c r="F3108" i="26"/>
  <c r="F3268" i="26"/>
  <c r="F3444" i="26"/>
  <c r="F3540" i="26"/>
  <c r="F3620" i="26"/>
  <c r="F3732" i="26"/>
  <c r="F3812" i="26"/>
  <c r="F3876" i="26"/>
  <c r="F2925" i="26"/>
  <c r="F3013" i="26"/>
  <c r="F3093" i="26"/>
  <c r="F3237" i="26"/>
  <c r="F3437" i="26"/>
  <c r="F3533" i="26"/>
  <c r="F3613" i="26"/>
  <c r="F3709" i="26"/>
  <c r="F3813" i="26"/>
  <c r="F3877" i="26"/>
  <c r="F2918" i="26"/>
  <c r="F3006" i="26"/>
  <c r="F3086" i="26"/>
  <c r="F3230" i="26"/>
  <c r="F3430" i="26"/>
  <c r="F3510" i="26"/>
  <c r="F3598" i="26"/>
  <c r="F3702" i="26"/>
  <c r="F3806" i="26"/>
  <c r="F3870" i="26"/>
  <c r="F2919" i="26"/>
  <c r="F3015" i="26"/>
  <c r="F3095" i="26"/>
  <c r="F3239" i="26"/>
  <c r="F3431" i="26"/>
  <c r="F3511" i="26"/>
  <c r="F3599" i="26"/>
  <c r="F3711" i="26"/>
  <c r="F3815" i="26"/>
  <c r="F3879" i="26"/>
  <c r="F2993" i="26"/>
  <c r="F3241" i="26"/>
  <c r="F3569" i="26"/>
  <c r="F3802" i="26"/>
  <c r="F3935" i="26"/>
  <c r="F3999" i="26"/>
  <c r="F4063" i="26"/>
  <c r="F4127" i="26"/>
  <c r="F4207" i="26"/>
  <c r="F4279" i="26"/>
  <c r="F4343" i="26"/>
  <c r="F4431" i="26"/>
  <c r="F4527" i="26"/>
  <c r="F4607" i="26"/>
  <c r="F4703" i="26"/>
  <c r="F4767" i="26"/>
  <c r="F4831" i="26"/>
  <c r="F3058" i="26"/>
  <c r="F3433" i="26"/>
  <c r="F3672" i="26"/>
  <c r="F3890" i="26"/>
  <c r="F3968" i="26"/>
  <c r="F4032" i="26"/>
  <c r="F4096" i="26"/>
  <c r="F4176" i="26"/>
  <c r="F4248" i="26"/>
  <c r="F4320" i="26"/>
  <c r="F4400" i="26"/>
  <c r="F4496" i="26"/>
  <c r="F4560" i="26"/>
  <c r="F4672" i="26"/>
  <c r="F4736" i="26"/>
  <c r="F4800" i="26"/>
  <c r="F4864" i="26"/>
  <c r="F2864" i="26"/>
  <c r="F3186" i="26"/>
  <c r="F3530" i="26"/>
  <c r="F3738" i="26"/>
  <c r="F3920" i="26"/>
  <c r="F3985" i="26"/>
  <c r="F4049" i="26"/>
  <c r="F4113" i="26"/>
  <c r="F4193" i="26"/>
  <c r="F4265" i="26"/>
  <c r="F4329" i="26"/>
  <c r="F4409" i="26"/>
  <c r="F4497" i="26"/>
  <c r="F4561" i="26"/>
  <c r="F4673" i="26"/>
  <c r="F4737" i="26"/>
  <c r="F4801" i="26"/>
  <c r="F3065" i="26"/>
  <c r="F3474" i="26"/>
  <c r="F3744" i="26"/>
  <c r="F3921" i="26"/>
  <c r="F3986" i="26"/>
  <c r="F4050" i="26"/>
  <c r="F4114" i="26"/>
  <c r="F4186" i="26"/>
  <c r="F4250" i="26"/>
  <c r="F4314" i="26"/>
  <c r="F4394" i="26"/>
  <c r="F4482" i="26"/>
  <c r="F4546" i="26"/>
  <c r="F4626" i="26"/>
  <c r="F4722" i="26"/>
  <c r="F4786" i="26"/>
  <c r="F4850" i="26"/>
  <c r="F3025" i="26"/>
  <c r="F3400" i="26"/>
  <c r="F3634" i="26"/>
  <c r="F3880" i="26"/>
  <c r="F3971" i="26"/>
  <c r="F4035" i="26"/>
  <c r="F4099" i="26"/>
  <c r="F4171" i="26"/>
  <c r="F4235" i="26"/>
  <c r="F4299" i="26"/>
  <c r="F4379" i="26"/>
  <c r="F4443" i="26"/>
  <c r="F4523" i="26"/>
  <c r="F4603" i="26"/>
  <c r="F4691" i="26"/>
  <c r="F4755" i="26"/>
  <c r="F4819" i="26"/>
  <c r="F3266" i="26"/>
  <c r="F3865" i="26"/>
  <c r="F4085" i="26"/>
  <c r="F4268" i="26"/>
  <c r="F4493" i="26"/>
  <c r="F4693" i="26"/>
  <c r="F4862" i="26"/>
  <c r="F4929" i="26"/>
  <c r="F3089" i="26"/>
  <c r="F3881" i="26"/>
  <c r="F4086" i="26"/>
  <c r="F4269" i="26"/>
  <c r="F4444" i="26"/>
  <c r="F4694" i="26"/>
  <c r="F4865" i="26"/>
  <c r="F4930" i="26"/>
  <c r="F4994" i="26"/>
  <c r="F3234" i="26"/>
  <c r="F3917" i="26"/>
  <c r="F4092" i="26"/>
  <c r="F4293" i="26"/>
  <c r="F4518" i="26"/>
  <c r="F4764" i="26"/>
  <c r="F4891" i="26"/>
  <c r="F4955" i="26"/>
  <c r="F5019" i="26"/>
  <c r="F2930" i="26"/>
  <c r="F3761" i="26"/>
  <c r="F4029" i="26"/>
  <c r="F4220" i="26"/>
  <c r="F4446" i="26"/>
  <c r="F4701" i="26"/>
  <c r="F4868" i="26"/>
  <c r="F4932" i="26"/>
  <c r="F4996" i="26"/>
  <c r="F3354" i="26"/>
  <c r="F3948" i="26"/>
  <c r="F4117" i="26"/>
  <c r="F3794" i="26"/>
  <c r="F4036" i="26"/>
  <c r="F4222" i="26"/>
  <c r="F4398" i="26"/>
  <c r="F4606" i="26"/>
  <c r="F4813" i="26"/>
  <c r="F4910" i="26"/>
  <c r="F4974" i="26"/>
  <c r="F5038" i="26"/>
  <c r="F4212" i="26"/>
  <c r="F4797" i="26"/>
  <c r="F5005" i="26"/>
  <c r="F5084" i="26"/>
  <c r="F5148" i="26"/>
  <c r="F5212" i="26"/>
  <c r="F5300" i="26"/>
  <c r="F6812" i="26"/>
  <c r="F4684" i="26"/>
  <c r="F5131" i="26"/>
  <c r="F4300" i="26"/>
  <c r="F4887" i="26"/>
  <c r="F5032" i="26"/>
  <c r="F5101" i="26"/>
  <c r="F5165" i="26"/>
  <c r="F5229" i="26"/>
  <c r="F5965" i="26"/>
  <c r="F6259" i="26"/>
  <c r="F4014" i="26"/>
  <c r="F4605" i="26"/>
  <c r="F4952" i="26"/>
  <c r="F5062" i="26"/>
  <c r="F5126" i="26"/>
  <c r="F5190" i="26"/>
  <c r="F5278" i="26"/>
  <c r="F6294" i="26"/>
  <c r="F4965" i="26"/>
  <c r="F5250" i="26"/>
  <c r="F2906" i="26"/>
  <c r="F4422" i="26"/>
  <c r="F4871" i="26"/>
  <c r="F5023" i="26"/>
  <c r="F5095" i="26"/>
  <c r="F5159" i="26"/>
  <c r="F5223" i="26"/>
  <c r="F5303" i="26"/>
  <c r="F6815" i="26"/>
  <c r="F4838" i="26"/>
  <c r="F5202" i="26"/>
  <c r="F4124" i="26"/>
  <c r="F4613" i="26"/>
  <c r="F4959" i="26"/>
  <c r="F5064" i="26"/>
  <c r="F5128" i="26"/>
  <c r="F5192" i="26"/>
  <c r="F5272" i="26"/>
  <c r="F5968" i="26"/>
  <c r="F6824" i="26"/>
  <c r="F4789" i="26"/>
  <c r="F5210" i="26"/>
  <c r="F4341" i="26"/>
  <c r="F5083" i="26"/>
  <c r="F5307" i="26"/>
  <c r="F3216" i="26"/>
  <c r="F4262" i="26"/>
  <c r="F4774" i="26"/>
  <c r="F5000" i="26"/>
  <c r="F5081" i="26"/>
  <c r="F5145" i="26"/>
  <c r="F5209" i="26"/>
  <c r="F5289" i="26"/>
  <c r="F6249" i="26"/>
  <c r="F3114" i="26"/>
  <c r="F5074" i="26"/>
  <c r="F5029" i="26"/>
  <c r="F5219" i="26"/>
  <c r="F2995" i="26"/>
  <c r="F3667" i="26"/>
  <c r="F3404" i="26"/>
  <c r="F3836" i="26"/>
  <c r="F2869" i="26"/>
  <c r="F3757" i="26"/>
  <c r="F3550" i="26"/>
  <c r="F3391" i="26"/>
  <c r="F3903" i="26"/>
  <c r="F3959" i="26"/>
  <c r="F4487" i="26"/>
  <c r="F3928" i="26"/>
  <c r="F4344" i="26"/>
  <c r="F3945" i="26"/>
  <c r="F4433" i="26"/>
  <c r="F3554" i="26"/>
  <c r="F4274" i="26"/>
  <c r="F4746" i="26"/>
  <c r="F3745" i="26"/>
  <c r="F4195" i="26"/>
  <c r="F4547" i="26"/>
  <c r="F4150" i="26"/>
  <c r="F4156" i="26"/>
  <c r="F3982" i="26"/>
  <c r="F4765" i="26"/>
  <c r="F4204" i="26"/>
  <c r="F4485" i="26"/>
  <c r="F5236" i="26"/>
  <c r="F5203" i="26"/>
  <c r="F5189" i="26"/>
  <c r="F4814" i="26"/>
  <c r="F5098" i="26"/>
  <c r="F3049" i="26"/>
  <c r="F5012" i="26"/>
  <c r="F2970" i="26"/>
  <c r="F6827" i="26"/>
  <c r="F5115" i="26"/>
  <c r="F2859" i="26"/>
  <c r="F2971" i="26"/>
  <c r="F3043" i="26"/>
  <c r="F3115" i="26"/>
  <c r="F3347" i="26"/>
  <c r="F3443" i="26"/>
  <c r="F3539" i="26"/>
  <c r="F3627" i="26"/>
  <c r="F3739" i="26"/>
  <c r="F3827" i="26"/>
  <c r="F3891" i="26"/>
  <c r="F2860" i="26"/>
  <c r="F2964" i="26"/>
  <c r="F3036" i="26"/>
  <c r="F3116" i="26"/>
  <c r="F3348" i="26"/>
  <c r="F3468" i="26"/>
  <c r="F3548" i="26"/>
  <c r="F3628" i="26"/>
  <c r="F3740" i="26"/>
  <c r="F3820" i="26"/>
  <c r="F3884" i="26"/>
  <c r="F2933" i="26"/>
  <c r="F3021" i="26"/>
  <c r="F3101" i="26"/>
  <c r="F3245" i="26"/>
  <c r="F3445" i="26"/>
  <c r="F3541" i="26"/>
  <c r="F3621" i="26"/>
  <c r="F3733" i="26"/>
  <c r="F3821" i="26"/>
  <c r="F3885" i="26"/>
  <c r="F2926" i="26"/>
  <c r="F3014" i="26"/>
  <c r="F3094" i="26"/>
  <c r="F3238" i="26"/>
  <c r="F3438" i="26"/>
  <c r="F3534" i="26"/>
  <c r="F3614" i="26"/>
  <c r="F3710" i="26"/>
  <c r="F3814" i="26"/>
  <c r="F3878" i="26"/>
  <c r="F2927" i="26"/>
  <c r="F3023" i="26"/>
  <c r="F3103" i="26"/>
  <c r="F3343" i="26"/>
  <c r="F3439" i="26"/>
  <c r="F3535" i="26"/>
  <c r="F3615" i="26"/>
  <c r="F3735" i="26"/>
  <c r="F3823" i="26"/>
  <c r="F3887" i="26"/>
  <c r="F3016" i="26"/>
  <c r="F3409" i="26"/>
  <c r="F3586" i="26"/>
  <c r="F3825" i="26"/>
  <c r="F3943" i="26"/>
  <c r="F4007" i="26"/>
  <c r="F4071" i="26"/>
  <c r="F4151" i="26"/>
  <c r="F4215" i="26"/>
  <c r="F4287" i="26"/>
  <c r="F4351" i="26"/>
  <c r="F4447" i="26"/>
  <c r="F4535" i="26"/>
  <c r="F4615" i="26"/>
  <c r="F4711" i="26"/>
  <c r="F4775" i="26"/>
  <c r="F4839" i="26"/>
  <c r="F3098" i="26"/>
  <c r="F3472" i="26"/>
  <c r="F3690" i="26"/>
  <c r="F3910" i="26"/>
  <c r="F3976" i="26"/>
  <c r="F4040" i="26"/>
  <c r="F4104" i="26"/>
  <c r="F4184" i="26"/>
  <c r="F4264" i="26"/>
  <c r="F4328" i="26"/>
  <c r="F4408" i="26"/>
  <c r="F4504" i="26"/>
  <c r="F4568" i="26"/>
  <c r="F4680" i="26"/>
  <c r="F4744" i="26"/>
  <c r="F4808" i="26"/>
  <c r="F2898" i="26"/>
  <c r="F3225" i="26"/>
  <c r="F3553" i="26"/>
  <c r="F3786" i="26"/>
  <c r="F3929" i="26"/>
  <c r="F3993" i="26"/>
  <c r="F4057" i="26"/>
  <c r="F4121" i="26"/>
  <c r="F4201" i="26"/>
  <c r="F4273" i="26"/>
  <c r="F4337" i="26"/>
  <c r="F4417" i="26"/>
  <c r="F4505" i="26"/>
  <c r="F4569" i="26"/>
  <c r="F4681" i="26"/>
  <c r="F4745" i="26"/>
  <c r="F4809" i="26"/>
  <c r="F2865" i="26"/>
  <c r="F3105" i="26"/>
  <c r="F3497" i="26"/>
  <c r="F3792" i="26"/>
  <c r="F3930" i="26"/>
  <c r="F3994" i="26"/>
  <c r="F4058" i="26"/>
  <c r="F4122" i="26"/>
  <c r="F4194" i="26"/>
  <c r="F4258" i="26"/>
  <c r="F4322" i="26"/>
  <c r="F4402" i="26"/>
  <c r="F4490" i="26"/>
  <c r="F4554" i="26"/>
  <c r="F4634" i="26"/>
  <c r="F4730" i="26"/>
  <c r="F4794" i="26"/>
  <c r="F4858" i="26"/>
  <c r="F3048" i="26"/>
  <c r="F3418" i="26"/>
  <c r="F3680" i="26"/>
  <c r="F3898" i="26"/>
  <c r="F3979" i="26"/>
  <c r="F4043" i="26"/>
  <c r="F4107" i="26"/>
  <c r="F4179" i="26"/>
  <c r="F4243" i="26"/>
  <c r="F4307" i="26"/>
  <c r="F4387" i="26"/>
  <c r="F4451" i="26"/>
  <c r="F4531" i="26"/>
  <c r="F4611" i="26"/>
  <c r="F4699" i="26"/>
  <c r="F4763" i="26"/>
  <c r="F4827" i="26"/>
  <c r="F3402" i="26"/>
  <c r="F3934" i="26"/>
  <c r="F4108" i="26"/>
  <c r="F4286" i="26"/>
  <c r="F4516" i="26"/>
  <c r="F4716" i="26"/>
  <c r="F4873" i="26"/>
  <c r="F4937" i="26"/>
  <c r="F3201" i="26"/>
  <c r="F3940" i="26"/>
  <c r="F4109" i="26"/>
  <c r="F4292" i="26"/>
  <c r="F4494" i="26"/>
  <c r="F4717" i="26"/>
  <c r="F4874" i="26"/>
  <c r="F4938" i="26"/>
  <c r="F5002" i="26"/>
  <c r="F3424" i="26"/>
  <c r="F3941" i="26"/>
  <c r="F4110" i="26"/>
  <c r="F4316" i="26"/>
  <c r="F4541" i="26"/>
  <c r="F4782" i="26"/>
  <c r="F4899" i="26"/>
  <c r="F4963" i="26"/>
  <c r="F5027" i="26"/>
  <c r="F3010" i="26"/>
  <c r="F3840" i="26"/>
  <c r="F4052" i="26"/>
  <c r="F4238" i="26"/>
  <c r="F4501" i="26"/>
  <c r="F4724" i="26"/>
  <c r="F4876" i="26"/>
  <c r="F4940" i="26"/>
  <c r="F3426" i="26"/>
  <c r="F3966" i="26"/>
  <c r="F4164" i="26"/>
  <c r="F3842" i="26"/>
  <c r="F4054" i="26"/>
  <c r="F4245" i="26"/>
  <c r="F4421" i="26"/>
  <c r="F4629" i="26"/>
  <c r="F4836" i="26"/>
  <c r="F4918" i="26"/>
  <c r="F4982" i="26"/>
  <c r="F5046" i="26"/>
  <c r="F4285" i="26"/>
  <c r="F4860" i="26"/>
  <c r="F5017" i="26"/>
  <c r="F5092" i="26"/>
  <c r="F5156" i="26"/>
  <c r="F5220" i="26"/>
  <c r="F5668" i="26"/>
  <c r="F6820" i="26"/>
  <c r="F4880" i="26"/>
  <c r="F5155" i="26"/>
  <c r="F4349" i="26"/>
  <c r="F4909" i="26"/>
  <c r="F5043" i="26"/>
  <c r="F5109" i="26"/>
  <c r="F5173" i="26"/>
  <c r="F5237" i="26"/>
  <c r="F6245" i="26"/>
  <c r="F4101" i="26"/>
  <c r="F4702" i="26"/>
  <c r="F4975" i="26"/>
  <c r="F5070" i="26"/>
  <c r="F5134" i="26"/>
  <c r="F5198" i="26"/>
  <c r="F5286" i="26"/>
  <c r="F6302" i="26"/>
  <c r="F5028" i="26"/>
  <c r="F5282" i="26"/>
  <c r="F3801" i="26"/>
  <c r="F4452" i="26"/>
  <c r="F4893" i="26"/>
  <c r="F5035" i="26"/>
  <c r="F5103" i="26"/>
  <c r="F5167" i="26"/>
  <c r="F5231" i="26"/>
  <c r="F5671" i="26"/>
  <c r="F6823" i="26"/>
  <c r="F4943" i="26"/>
  <c r="F5234" i="26"/>
  <c r="F4244" i="26"/>
  <c r="F4710" i="26"/>
  <c r="F4981" i="26"/>
  <c r="F5072" i="26"/>
  <c r="F5136" i="26"/>
  <c r="F5200" i="26"/>
  <c r="F5280" i="26"/>
  <c r="F6240" i="26"/>
  <c r="F4920" i="26"/>
  <c r="F5242" i="26"/>
  <c r="F4573" i="26"/>
  <c r="F5107" i="26"/>
  <c r="F5963" i="26"/>
  <c r="F3618" i="26"/>
  <c r="F4325" i="26"/>
  <c r="F4837" i="26"/>
  <c r="F5013" i="26"/>
  <c r="F5089" i="26"/>
  <c r="F5153" i="26"/>
  <c r="F5217" i="26"/>
  <c r="F5297" i="26"/>
  <c r="F6257" i="26"/>
  <c r="F3465" i="26"/>
  <c r="F5114" i="26"/>
  <c r="F3448" i="26"/>
  <c r="F5067" i="26"/>
  <c r="F5243" i="26"/>
  <c r="F3059" i="26"/>
  <c r="F3779" i="26"/>
  <c r="F3484" i="26"/>
  <c r="F3117" i="26"/>
  <c r="F3901" i="26"/>
  <c r="F3110" i="26"/>
  <c r="F3894" i="26"/>
  <c r="F3551" i="26"/>
  <c r="F4023" i="26"/>
  <c r="F4231" i="26"/>
  <c r="F4631" i="26"/>
  <c r="F2897" i="26"/>
  <c r="F4056" i="26"/>
  <c r="F4424" i="26"/>
  <c r="F3000" i="26"/>
  <c r="F4217" i="26"/>
  <c r="F4761" i="26"/>
  <c r="F3226" i="26"/>
  <c r="F4210" i="26"/>
  <c r="F4810" i="26"/>
  <c r="F3480" i="26"/>
  <c r="F4259" i="26"/>
  <c r="F4715" i="26"/>
  <c r="F2976" i="26"/>
  <c r="F4333" i="26"/>
  <c r="F3562" i="26"/>
  <c r="F4979" i="26"/>
  <c r="F4892" i="26"/>
  <c r="F3032" i="26"/>
  <c r="F4934" i="26"/>
  <c r="F5108" i="26"/>
  <c r="F3194" i="26"/>
  <c r="F5125" i="26"/>
  <c r="F4228" i="26"/>
  <c r="F6822" i="26"/>
  <c r="F5055" i="26"/>
  <c r="F5666" i="26"/>
  <c r="F6256" i="26"/>
  <c r="F4896" i="26"/>
  <c r="F4277" i="26"/>
  <c r="F2867" i="26"/>
  <c r="F2979" i="26"/>
  <c r="F3051" i="26"/>
  <c r="F3187" i="26"/>
  <c r="F3355" i="26"/>
  <c r="F3467" i="26"/>
  <c r="F3547" i="26"/>
  <c r="F3635" i="26"/>
  <c r="F3747" i="26"/>
  <c r="F3835" i="26"/>
  <c r="F3899" i="26"/>
  <c r="F2868" i="26"/>
  <c r="F2972" i="26"/>
  <c r="F3044" i="26"/>
  <c r="F3188" i="26"/>
  <c r="F3396" i="26"/>
  <c r="F3476" i="26"/>
  <c r="F3556" i="26"/>
  <c r="F3636" i="26"/>
  <c r="F3748" i="26"/>
  <c r="F3828" i="26"/>
  <c r="F3892" i="26"/>
  <c r="F2861" i="26"/>
  <c r="F2965" i="26"/>
  <c r="F3029" i="26"/>
  <c r="F3109" i="26"/>
  <c r="F3349" i="26"/>
  <c r="F3469" i="26"/>
  <c r="F3549" i="26"/>
  <c r="F3629" i="26"/>
  <c r="F3741" i="26"/>
  <c r="F3829" i="26"/>
  <c r="F3893" i="26"/>
  <c r="F2854" i="26"/>
  <c r="F2934" i="26"/>
  <c r="F3022" i="26"/>
  <c r="F3102" i="26"/>
  <c r="F3350" i="26"/>
  <c r="F3446" i="26"/>
  <c r="F3542" i="26"/>
  <c r="F3622" i="26"/>
  <c r="F3734" i="26"/>
  <c r="F3822" i="26"/>
  <c r="F3886" i="26"/>
  <c r="F2855" i="26"/>
  <c r="F2935" i="26"/>
  <c r="F3031" i="26"/>
  <c r="F3111" i="26"/>
  <c r="F3351" i="26"/>
  <c r="F3447" i="26"/>
  <c r="F3543" i="26"/>
  <c r="F3623" i="26"/>
  <c r="F3743" i="26"/>
  <c r="F3831" i="26"/>
  <c r="F3895" i="26"/>
  <c r="F3034" i="26"/>
  <c r="F3432" i="26"/>
  <c r="F3594" i="26"/>
  <c r="F3848" i="26"/>
  <c r="F3951" i="26"/>
  <c r="F4015" i="26"/>
  <c r="F4079" i="26"/>
  <c r="F4159" i="26"/>
  <c r="F4223" i="26"/>
  <c r="F4295" i="26"/>
  <c r="F4383" i="26"/>
  <c r="F4455" i="26"/>
  <c r="F4543" i="26"/>
  <c r="F4623" i="26"/>
  <c r="F4719" i="26"/>
  <c r="F4783" i="26"/>
  <c r="F4847" i="26"/>
  <c r="F2858" i="26"/>
  <c r="F3121" i="26"/>
  <c r="F3490" i="26"/>
  <c r="F3737" i="26"/>
  <c r="F3919" i="26"/>
  <c r="F3984" i="26"/>
  <c r="F4048" i="26"/>
  <c r="F4112" i="26"/>
  <c r="F4192" i="26"/>
  <c r="F4272" i="26"/>
  <c r="F4336" i="26"/>
  <c r="F4416" i="26"/>
  <c r="F4512" i="26"/>
  <c r="F4576" i="26"/>
  <c r="F4688" i="26"/>
  <c r="F4752" i="26"/>
  <c r="F4816" i="26"/>
  <c r="F2921" i="26"/>
  <c r="F3345" i="26"/>
  <c r="F3576" i="26"/>
  <c r="F3809" i="26"/>
  <c r="F3937" i="26"/>
  <c r="F4001" i="26"/>
  <c r="F4065" i="26"/>
  <c r="F4129" i="26"/>
  <c r="F4209" i="26"/>
  <c r="F4281" i="26"/>
  <c r="F4345" i="26"/>
  <c r="F4425" i="26"/>
  <c r="F4513" i="26"/>
  <c r="F4577" i="26"/>
  <c r="F4689" i="26"/>
  <c r="F4753" i="26"/>
  <c r="F4817" i="26"/>
  <c r="F2904" i="26"/>
  <c r="F3192" i="26"/>
  <c r="F3536" i="26"/>
  <c r="F3810" i="26"/>
  <c r="F3938" i="26"/>
  <c r="F4002" i="26"/>
  <c r="F4066" i="26"/>
  <c r="F4130" i="26"/>
  <c r="F4202" i="26"/>
  <c r="F4266" i="26"/>
  <c r="F4330" i="26"/>
  <c r="F4410" i="26"/>
  <c r="F4498" i="26"/>
  <c r="F4562" i="26"/>
  <c r="F4674" i="26"/>
  <c r="F4738" i="26"/>
  <c r="F4802" i="26"/>
  <c r="F3066" i="26"/>
  <c r="F3441" i="26"/>
  <c r="F3706" i="26"/>
  <c r="F3922" i="26"/>
  <c r="F3987" i="26"/>
  <c r="F4051" i="26"/>
  <c r="F4115" i="26"/>
  <c r="F4187" i="26"/>
  <c r="F4251" i="26"/>
  <c r="F4315" i="26"/>
  <c r="F4395" i="26"/>
  <c r="F4459" i="26"/>
  <c r="F4539" i="26"/>
  <c r="F4619" i="26"/>
  <c r="F4707" i="26"/>
  <c r="F4771" i="26"/>
  <c r="F4835" i="26"/>
  <c r="F2912" i="26"/>
  <c r="F3482" i="26"/>
  <c r="F3957" i="26"/>
  <c r="F4126" i="26"/>
  <c r="F4309" i="26"/>
  <c r="F4534" i="26"/>
  <c r="F4734" i="26"/>
  <c r="F4881" i="26"/>
  <c r="F4945" i="26"/>
  <c r="F3233" i="26"/>
  <c r="F3958" i="26"/>
  <c r="F4132" i="26"/>
  <c r="F4310" i="26"/>
  <c r="F4517" i="26"/>
  <c r="F4740" i="26"/>
  <c r="F4882" i="26"/>
  <c r="F4946" i="26"/>
  <c r="F5010" i="26"/>
  <c r="F3504" i="26"/>
  <c r="F3964" i="26"/>
  <c r="F4133" i="26"/>
  <c r="F4334" i="26"/>
  <c r="F4564" i="26"/>
  <c r="F4805" i="26"/>
  <c r="F4907" i="26"/>
  <c r="F4971" i="26"/>
  <c r="F3096" i="26"/>
  <c r="F3888" i="26"/>
  <c r="F4070" i="26"/>
  <c r="F4276" i="26"/>
  <c r="F4524" i="26"/>
  <c r="F4742" i="26"/>
  <c r="F4884" i="26"/>
  <c r="F4948" i="26"/>
  <c r="F3506" i="26"/>
  <c r="F3989" i="26"/>
  <c r="F4181" i="26"/>
  <c r="F3904" i="26"/>
  <c r="F4077" i="26"/>
  <c r="F4260" i="26"/>
  <c r="F4453" i="26"/>
  <c r="F4685" i="26"/>
  <c r="F4854" i="26"/>
  <c r="F4926" i="26"/>
  <c r="F4990" i="26"/>
  <c r="F4348" i="26"/>
  <c r="F4885" i="26"/>
  <c r="F5031" i="26"/>
  <c r="F5100" i="26"/>
  <c r="F5164" i="26"/>
  <c r="F5228" i="26"/>
  <c r="F5964" i="26"/>
  <c r="F4925" i="26"/>
  <c r="F5179" i="26"/>
  <c r="F3265" i="26"/>
  <c r="F4405" i="26"/>
  <c r="F4928" i="26"/>
  <c r="F5053" i="26"/>
  <c r="F5117" i="26"/>
  <c r="F5181" i="26"/>
  <c r="F5245" i="26"/>
  <c r="F6253" i="26"/>
  <c r="F4149" i="26"/>
  <c r="F4756" i="26"/>
  <c r="F4993" i="26"/>
  <c r="F5078" i="26"/>
  <c r="F5142" i="26"/>
  <c r="F5206" i="26"/>
  <c r="F5294" i="26"/>
  <c r="F6814" i="26"/>
  <c r="F5066" i="26"/>
  <c r="F5962" i="26"/>
  <c r="F3933" i="26"/>
  <c r="F4486" i="26"/>
  <c r="F4912" i="26"/>
  <c r="F5045" i="26"/>
  <c r="F5111" i="26"/>
  <c r="F5175" i="26"/>
  <c r="F5239" i="26"/>
  <c r="F5967" i="26"/>
  <c r="F5015" i="26"/>
  <c r="F5298" i="26"/>
  <c r="F4261" i="26"/>
  <c r="F4773" i="26"/>
  <c r="F4999" i="26"/>
  <c r="F5080" i="26"/>
  <c r="F5144" i="26"/>
  <c r="F5208" i="26"/>
  <c r="F5288" i="26"/>
  <c r="F6248" i="26"/>
  <c r="F5001" i="26"/>
  <c r="F5274" i="26"/>
  <c r="F4733" i="26"/>
  <c r="F5123" i="26"/>
  <c r="F6291" i="26"/>
  <c r="F3864" i="26"/>
  <c r="F4381" i="26"/>
  <c r="F4877" i="26"/>
  <c r="F5025" i="26"/>
  <c r="F5097" i="26"/>
  <c r="F5161" i="26"/>
  <c r="F5225" i="26"/>
  <c r="F5305" i="26"/>
  <c r="F6289" i="26"/>
  <c r="F3973" i="26"/>
  <c r="F5162" i="26"/>
  <c r="F4206" i="26"/>
  <c r="F5091" i="26"/>
  <c r="F5275" i="26"/>
  <c r="F3395" i="26"/>
  <c r="F3907" i="26"/>
  <c r="F3196" i="26"/>
  <c r="F3900" i="26"/>
  <c r="F3837" i="26"/>
  <c r="F2966" i="26"/>
  <c r="F3830" i="26"/>
  <c r="F2863" i="26"/>
  <c r="F3839" i="26"/>
  <c r="F3057" i="26"/>
  <c r="F4087" i="26"/>
  <c r="F3552" i="26"/>
  <c r="F4200" i="26"/>
  <c r="F4520" i="26"/>
  <c r="F3832" i="26"/>
  <c r="F4353" i="26"/>
  <c r="F2922" i="26"/>
  <c r="F4146" i="26"/>
  <c r="F4682" i="26"/>
  <c r="F2866" i="26"/>
  <c r="F4323" i="26"/>
  <c r="F4843" i="26"/>
  <c r="F3980" i="26"/>
  <c r="F4757" i="26"/>
  <c r="F3981" i="26"/>
  <c r="F5018" i="26"/>
  <c r="F4621" i="26"/>
  <c r="F3240" i="26"/>
  <c r="F4956" i="26"/>
  <c r="F4708" i="26"/>
  <c r="F4404" i="26"/>
  <c r="F3538" i="26"/>
  <c r="F5086" i="26"/>
  <c r="F4935" i="26"/>
  <c r="F6239" i="26"/>
  <c r="F4830" i="26"/>
  <c r="F5049" i="26"/>
  <c r="F4502" i="26"/>
  <c r="F6297" i="26"/>
  <c r="F2899" i="26"/>
  <c r="F3003" i="26"/>
  <c r="F3067" i="26"/>
  <c r="F3219" i="26"/>
  <c r="F3403" i="26"/>
  <c r="F3483" i="26"/>
  <c r="F3563" i="26"/>
  <c r="F3675" i="26"/>
  <c r="F3787" i="26"/>
  <c r="F3851" i="26"/>
  <c r="F3923" i="26"/>
  <c r="F2900" i="26"/>
  <c r="F2996" i="26"/>
  <c r="F3060" i="26"/>
  <c r="F3220" i="26"/>
  <c r="F3412" i="26"/>
  <c r="F3492" i="26"/>
  <c r="F3572" i="26"/>
  <c r="F3676" i="26"/>
  <c r="F3780" i="26"/>
  <c r="F3844" i="26"/>
  <c r="F3908" i="26"/>
  <c r="F2893" i="26"/>
  <c r="F2981" i="26"/>
  <c r="F3045" i="26"/>
  <c r="F3189" i="26"/>
  <c r="F3405" i="26"/>
  <c r="F3485" i="26"/>
  <c r="F3565" i="26"/>
  <c r="F3669" i="26"/>
  <c r="F3781" i="26"/>
  <c r="F3845" i="26"/>
  <c r="F3909" i="26"/>
  <c r="F2870" i="26"/>
  <c r="F2974" i="26"/>
  <c r="F3038" i="26"/>
  <c r="F3118" i="26"/>
  <c r="F3398" i="26"/>
  <c r="F3478" i="26"/>
  <c r="F3558" i="26"/>
  <c r="F3638" i="26"/>
  <c r="F3758" i="26"/>
  <c r="F3838" i="26"/>
  <c r="F2871" i="26"/>
  <c r="F2975" i="26"/>
  <c r="F3047" i="26"/>
  <c r="F3191" i="26"/>
  <c r="F3399" i="26"/>
  <c r="F3479" i="26"/>
  <c r="F3559" i="26"/>
  <c r="F3671" i="26"/>
  <c r="F3783" i="26"/>
  <c r="F3847" i="26"/>
  <c r="F3911" i="26"/>
  <c r="F2896" i="26"/>
  <c r="F3097" i="26"/>
  <c r="F3466" i="26"/>
  <c r="F3666" i="26"/>
  <c r="F3889" i="26"/>
  <c r="F3967" i="26"/>
  <c r="F4031" i="26"/>
  <c r="F4095" i="26"/>
  <c r="F4175" i="26"/>
  <c r="F4239" i="26"/>
  <c r="F4311" i="26"/>
  <c r="F4399" i="26"/>
  <c r="F4495" i="26"/>
  <c r="F4559" i="26"/>
  <c r="F4671" i="26"/>
  <c r="F4735" i="26"/>
  <c r="F4799" i="26"/>
  <c r="F4863" i="26"/>
  <c r="F2920" i="26"/>
  <c r="F3242" i="26"/>
  <c r="F3570" i="26"/>
  <c r="F3808" i="26"/>
  <c r="F3936" i="26"/>
  <c r="F4000" i="26"/>
  <c r="F4064" i="26"/>
  <c r="F4128" i="26"/>
  <c r="F4208" i="26"/>
  <c r="F4288" i="26"/>
  <c r="F4352" i="26"/>
  <c r="F4432" i="26"/>
  <c r="F4528" i="26"/>
  <c r="F4608" i="26"/>
  <c r="F4704" i="26"/>
  <c r="F4768" i="26"/>
  <c r="F4832" i="26"/>
  <c r="F3018" i="26"/>
  <c r="F3416" i="26"/>
  <c r="F3609" i="26"/>
  <c r="F3850" i="26"/>
  <c r="F3953" i="26"/>
  <c r="F4017" i="26"/>
  <c r="F4081" i="26"/>
  <c r="F4153" i="26"/>
  <c r="F4225" i="26"/>
  <c r="F4297" i="26"/>
  <c r="F4377" i="26"/>
  <c r="F4449" i="26"/>
  <c r="F4529" i="26"/>
  <c r="F4609" i="26"/>
  <c r="F4705" i="26"/>
  <c r="F4769" i="26"/>
  <c r="F4833" i="26"/>
  <c r="F2968" i="26"/>
  <c r="F3346" i="26"/>
  <c r="F3610" i="26"/>
  <c r="F3856" i="26"/>
  <c r="F3954" i="26"/>
  <c r="F4018" i="26"/>
  <c r="F4082" i="26"/>
  <c r="F4154" i="26"/>
  <c r="F4218" i="26"/>
  <c r="F4282" i="26"/>
  <c r="F4346" i="26"/>
  <c r="F4426" i="26"/>
  <c r="F4514" i="26"/>
  <c r="F4578" i="26"/>
  <c r="F4690" i="26"/>
  <c r="F4754" i="26"/>
  <c r="F4818" i="26"/>
  <c r="F2905" i="26"/>
  <c r="F3106" i="26"/>
  <c r="F3498" i="26"/>
  <c r="F3793" i="26"/>
  <c r="F3939" i="26"/>
  <c r="F4003" i="26"/>
  <c r="F4067" i="26"/>
  <c r="F4131" i="26"/>
  <c r="F4203" i="26"/>
  <c r="F4267" i="26"/>
  <c r="F4331" i="26"/>
  <c r="F4411" i="26"/>
  <c r="F4491" i="26"/>
  <c r="F4555" i="26"/>
  <c r="F4635" i="26"/>
  <c r="F4723" i="26"/>
  <c r="F4787" i="26"/>
  <c r="F4851" i="26"/>
  <c r="F2992" i="26"/>
  <c r="F3585" i="26"/>
  <c r="F3998" i="26"/>
  <c r="F4172" i="26"/>
  <c r="F4350" i="26"/>
  <c r="F4580" i="26"/>
  <c r="F4780" i="26"/>
  <c r="F4897" i="26"/>
  <c r="F4961" i="26"/>
  <c r="F2913" i="26"/>
  <c r="F3488" i="26"/>
  <c r="F4004" i="26"/>
  <c r="F4173" i="26"/>
  <c r="F4356" i="26"/>
  <c r="F4558" i="26"/>
  <c r="F4781" i="26"/>
  <c r="F4898" i="26"/>
  <c r="F4962" i="26"/>
  <c r="F5026" i="26"/>
  <c r="F3746" i="26"/>
  <c r="F4005" i="26"/>
  <c r="F4174" i="26"/>
  <c r="F4413" i="26"/>
  <c r="F4677" i="26"/>
  <c r="F4846" i="26"/>
  <c r="F4923" i="26"/>
  <c r="F4987" i="26"/>
  <c r="F3353" i="26"/>
  <c r="F3942" i="26"/>
  <c r="F4116" i="26"/>
  <c r="F4317" i="26"/>
  <c r="F4565" i="26"/>
  <c r="F4788" i="26"/>
  <c r="F4900" i="26"/>
  <c r="F4964" i="26"/>
  <c r="F3762" i="26"/>
  <c r="F4030" i="26"/>
  <c r="F4221" i="26"/>
  <c r="F3113" i="26"/>
  <c r="F3949" i="26"/>
  <c r="F4118" i="26"/>
  <c r="F4301" i="26"/>
  <c r="F4508" i="26"/>
  <c r="F4726" i="26"/>
  <c r="F4878" i="26"/>
  <c r="F4942" i="26"/>
  <c r="F5006" i="26"/>
  <c r="F4525" i="26"/>
  <c r="F4927" i="26"/>
  <c r="F5052" i="26"/>
  <c r="F5116" i="26"/>
  <c r="F5180" i="26"/>
  <c r="F5244" i="26"/>
  <c r="F6252" i="26"/>
  <c r="F3481" i="26"/>
  <c r="F5016" i="26"/>
  <c r="F5235" i="26"/>
  <c r="F3688" i="26"/>
  <c r="F4692" i="26"/>
  <c r="F4973" i="26"/>
  <c r="F5069" i="26"/>
  <c r="F5133" i="26"/>
  <c r="F5197" i="26"/>
  <c r="F5285" i="26"/>
  <c r="F6301" i="26"/>
  <c r="F2890" i="26"/>
  <c r="F4302" i="26"/>
  <c r="F4869" i="26"/>
  <c r="F5021" i="26"/>
  <c r="F5094" i="26"/>
  <c r="F5158" i="26"/>
  <c r="F5222" i="26"/>
  <c r="F5670" i="26"/>
  <c r="F4060" i="26"/>
  <c r="F5130" i="26"/>
  <c r="F5667" i="26"/>
  <c r="F4102" i="26"/>
  <c r="F4612" i="26"/>
  <c r="F4957" i="26"/>
  <c r="F5063" i="26"/>
  <c r="F5127" i="26"/>
  <c r="F5191" i="26"/>
  <c r="F5271" i="26"/>
  <c r="F6247" i="26"/>
  <c r="F3401" i="26"/>
  <c r="F5090" i="26"/>
  <c r="F5970" i="26"/>
  <c r="F3617" i="26"/>
  <c r="F4428" i="26"/>
  <c r="F4872" i="26"/>
  <c r="F5024" i="26"/>
  <c r="F5096" i="26"/>
  <c r="F5160" i="26"/>
  <c r="F5224" i="26"/>
  <c r="F5304" i="26"/>
  <c r="F6288" i="26"/>
  <c r="F3584" i="26"/>
  <c r="F5082" i="26"/>
  <c r="F6826" i="26"/>
  <c r="F4944" i="26"/>
  <c r="F5171" i="26"/>
  <c r="F4038" i="26"/>
  <c r="F4556" i="26"/>
  <c r="F4919" i="26"/>
  <c r="F5048" i="26"/>
  <c r="F5113" i="26"/>
  <c r="F5177" i="26"/>
  <c r="F5241" i="26"/>
  <c r="F5673" i="26"/>
  <c r="F6305" i="26"/>
  <c r="F4732" i="26"/>
  <c r="F5226" i="26"/>
  <c r="F4636" i="26"/>
  <c r="F5139" i="26"/>
  <c r="F6251" i="26"/>
  <c r="F3475" i="26"/>
  <c r="F2892" i="26"/>
  <c r="F3564" i="26"/>
  <c r="F3397" i="26"/>
  <c r="F3637" i="26"/>
  <c r="F3470" i="26"/>
  <c r="F2967" i="26"/>
  <c r="F3866" i="26"/>
  <c r="F4391" i="26"/>
  <c r="F4791" i="26"/>
  <c r="F3785" i="26"/>
  <c r="F4600" i="26"/>
  <c r="F3601" i="26"/>
  <c r="F4145" i="26"/>
  <c r="F4521" i="26"/>
  <c r="F4825" i="26"/>
  <c r="F3946" i="26"/>
  <c r="F4418" i="26"/>
  <c r="F4059" i="26"/>
  <c r="F4779" i="26"/>
  <c r="F4889" i="26"/>
  <c r="F4540" i="26"/>
  <c r="F4157" i="26"/>
  <c r="F4542" i="26"/>
  <c r="F3681" i="26"/>
  <c r="F4278" i="26"/>
  <c r="F4904" i="26"/>
  <c r="F4989" i="26"/>
  <c r="F5277" i="26"/>
  <c r="F5150" i="26"/>
  <c r="F4020" i="26"/>
  <c r="F5183" i="26"/>
  <c r="F5152" i="26"/>
  <c r="F5306" i="26"/>
  <c r="F5169" i="26"/>
  <c r="F5194" i="26"/>
  <c r="F614" i="26"/>
  <c r="F734" i="26"/>
  <c r="F286" i="26"/>
  <c r="F1646" i="26"/>
  <c r="F1326" i="26"/>
  <c r="F1462" i="26"/>
  <c r="F1590" i="26"/>
  <c r="F1304" i="26"/>
  <c r="F1526" i="26"/>
  <c r="F904" i="26"/>
  <c r="F758" i="26"/>
  <c r="F1006" i="26"/>
  <c r="F566" i="26"/>
  <c r="F686" i="26"/>
  <c r="F1902" i="26"/>
  <c r="F1702" i="26"/>
  <c r="F622" i="26"/>
  <c r="F1950" i="26"/>
  <c r="F1638" i="26"/>
  <c r="F2510" i="26"/>
  <c r="F478" i="26"/>
  <c r="F174" i="26"/>
  <c r="F414" i="26"/>
  <c r="F804" i="26"/>
  <c r="F1630" i="26"/>
  <c r="F1974" i="26"/>
  <c r="F1070" i="26"/>
  <c r="F1014" i="26"/>
  <c r="F606" i="26"/>
  <c r="F422" i="26"/>
  <c r="F1078" i="26"/>
  <c r="F814" i="26"/>
  <c r="F1822" i="26"/>
  <c r="F1502" i="26"/>
  <c r="F1062" i="26"/>
  <c r="F222" i="26"/>
  <c r="F430" i="26"/>
  <c r="F1774" i="26"/>
  <c r="F1318" i="26"/>
  <c r="F1446" i="26"/>
  <c r="F1582" i="26"/>
  <c r="F1710" i="26"/>
  <c r="F926" i="26"/>
  <c r="F1334" i="26"/>
  <c r="F1966" i="26"/>
  <c r="F1894" i="26"/>
  <c r="F1566" i="26"/>
  <c r="F798" i="26"/>
  <c r="F38" i="26"/>
  <c r="F854" i="26"/>
  <c r="F862" i="26"/>
  <c r="F1782" i="26"/>
  <c r="F1510" i="26"/>
  <c r="F1838" i="26"/>
  <c r="F1398" i="26"/>
  <c r="F1390" i="26"/>
  <c r="F886" i="26"/>
  <c r="F438" i="26"/>
  <c r="F870" i="26"/>
  <c r="F1118" i="26"/>
  <c r="F502" i="26"/>
  <c r="F30" i="26"/>
  <c r="F942" i="26"/>
  <c r="F1846" i="26"/>
  <c r="F1830" i="26"/>
  <c r="F486" i="26"/>
  <c r="F878" i="26"/>
  <c r="F2004" i="26"/>
  <c r="F694" i="26"/>
  <c r="F1518" i="26"/>
  <c r="F1182" i="26"/>
  <c r="F1694" i="26"/>
  <c r="F1374" i="26"/>
  <c r="F358" i="26"/>
  <c r="F1958" i="26"/>
  <c r="F1310" i="26"/>
  <c r="F1438" i="26"/>
  <c r="F1574" i="26"/>
  <c r="F670" i="26"/>
  <c r="F294" i="26"/>
  <c r="F950" i="26"/>
  <c r="F1190" i="26"/>
  <c r="F1270" i="26"/>
  <c r="F1198" i="26"/>
  <c r="F630" i="26"/>
  <c r="F350" i="26"/>
  <c r="F806" i="26"/>
  <c r="F302" i="26"/>
  <c r="F550" i="26"/>
  <c r="F366" i="26"/>
  <c r="F1142" i="26"/>
  <c r="F494" i="26"/>
  <c r="F822" i="26"/>
  <c r="F1910" i="26"/>
  <c r="F1718" i="26"/>
  <c r="F1262" i="26"/>
  <c r="F1206" i="26"/>
  <c r="F310" i="26"/>
  <c r="F1126" i="26"/>
  <c r="F1504" i="26"/>
  <c r="F1766" i="26"/>
  <c r="F1382" i="26"/>
  <c r="F1054" i="26"/>
  <c r="F742" i="26"/>
  <c r="F990" i="26"/>
  <c r="F374" i="26"/>
  <c r="F1758" i="26"/>
  <c r="F2670" i="26"/>
  <c r="F1604" i="26"/>
  <c r="F1134" i="26"/>
  <c r="F750" i="26"/>
  <c r="F998" i="26"/>
  <c r="F704" i="26"/>
  <c r="F1936" i="26"/>
  <c r="F1957" i="26"/>
  <c r="F1086" i="26"/>
  <c r="F1855" i="26"/>
  <c r="F654" i="26"/>
  <c r="F599" i="26"/>
  <c r="F487" i="26"/>
  <c r="F1221" i="26"/>
  <c r="F1079" i="26"/>
  <c r="F1252" i="26"/>
  <c r="F451" i="26"/>
  <c r="F1024" i="26"/>
  <c r="F412" i="26"/>
  <c r="F1037" i="26"/>
  <c r="F1628" i="26"/>
  <c r="F596" i="26"/>
  <c r="F1240" i="26"/>
  <c r="F2000" i="26"/>
  <c r="F1356" i="26"/>
  <c r="F1980" i="26"/>
  <c r="F213" i="26"/>
  <c r="F592" i="26"/>
  <c r="F1061" i="26"/>
  <c r="F1588" i="26"/>
  <c r="F347" i="26"/>
  <c r="F1549" i="26"/>
  <c r="F743" i="26"/>
  <c r="F695" i="26"/>
  <c r="F711" i="26"/>
  <c r="F571" i="26"/>
  <c r="F1516" i="26"/>
  <c r="F388" i="26"/>
  <c r="F1046" i="26"/>
  <c r="F1055" i="26"/>
  <c r="F429" i="26"/>
  <c r="F211" i="26"/>
  <c r="F1548" i="26"/>
  <c r="F741" i="26"/>
  <c r="F328" i="26"/>
  <c r="F1956" i="26"/>
  <c r="F1204" i="26"/>
  <c r="F678" i="26"/>
  <c r="F1829" i="26"/>
  <c r="F1022" i="26"/>
  <c r="F427" i="26"/>
  <c r="F1741" i="26"/>
  <c r="F916" i="26"/>
  <c r="F1125" i="26"/>
  <c r="F1460" i="26"/>
  <c r="F1351" i="26"/>
  <c r="F1776" i="26"/>
  <c r="F1280" i="26"/>
  <c r="F1342" i="26"/>
  <c r="F1192" i="26"/>
  <c r="F1183" i="26"/>
  <c r="F1363" i="26"/>
  <c r="F755" i="26"/>
  <c r="F1087" i="26"/>
  <c r="F1605" i="26"/>
  <c r="F637" i="26"/>
  <c r="F783" i="26"/>
  <c r="F1429" i="26"/>
  <c r="F1781" i="26"/>
  <c r="F1444" i="26"/>
  <c r="F923" i="26"/>
  <c r="F1077" i="26"/>
  <c r="F288" i="26"/>
  <c r="F918" i="26"/>
  <c r="F997" i="26"/>
  <c r="F1814" i="26"/>
  <c r="F1515" i="26"/>
  <c r="F727" i="26"/>
  <c r="F709" i="26"/>
  <c r="F1787" i="26"/>
  <c r="F1719" i="26"/>
  <c r="F1567" i="26"/>
  <c r="F1436" i="26"/>
  <c r="F1552" i="26"/>
  <c r="F510" i="26"/>
  <c r="F1317" i="26"/>
  <c r="F1093" i="26"/>
  <c r="F261" i="26"/>
  <c r="F843" i="26"/>
  <c r="F846" i="26"/>
  <c r="F1315" i="26"/>
  <c r="F1554" i="26"/>
  <c r="F1432" i="26"/>
  <c r="F1380" i="26"/>
  <c r="F677" i="26"/>
  <c r="F1019" i="26"/>
  <c r="F2684" i="26"/>
  <c r="F629" i="26"/>
  <c r="F805" i="26"/>
  <c r="F2692" i="26"/>
  <c r="F355" i="26"/>
  <c r="F396" i="26"/>
  <c r="F533" i="26"/>
  <c r="F1784" i="26"/>
  <c r="F995" i="26"/>
  <c r="F1011" i="26"/>
  <c r="F1285" i="26"/>
  <c r="F851" i="26"/>
  <c r="F541" i="26"/>
  <c r="F2672" i="26"/>
  <c r="F1854" i="26"/>
  <c r="F528" i="26"/>
  <c r="F2275" i="26"/>
  <c r="F1485" i="26"/>
  <c r="F1831" i="26"/>
  <c r="F1151" i="26"/>
  <c r="F1843" i="26"/>
  <c r="F406" i="26"/>
  <c r="F1919" i="26"/>
  <c r="F1723" i="26"/>
  <c r="F1158" i="26"/>
  <c r="F1405" i="26"/>
  <c r="F357" i="26"/>
  <c r="F2432" i="26"/>
  <c r="F1447" i="26"/>
  <c r="F2557" i="26"/>
  <c r="F2429" i="26"/>
  <c r="F523" i="26"/>
  <c r="F325" i="26"/>
  <c r="F484" i="26"/>
  <c r="F1813" i="26"/>
  <c r="F518" i="26"/>
  <c r="F791" i="26"/>
  <c r="F1709" i="26"/>
  <c r="F932" i="26"/>
  <c r="F172" i="26"/>
  <c r="F517" i="26"/>
  <c r="F719" i="26"/>
  <c r="F1527" i="26"/>
  <c r="F1744" i="26"/>
  <c r="F1248" i="26"/>
  <c r="F1627" i="26"/>
  <c r="F1551" i="26"/>
  <c r="F1331" i="26"/>
  <c r="F1728" i="26"/>
  <c r="F1336" i="26"/>
  <c r="F219" i="26"/>
  <c r="F437" i="26"/>
  <c r="F485" i="26"/>
  <c r="F575" i="26"/>
  <c r="F1371" i="26"/>
  <c r="F1180" i="26"/>
  <c r="F260" i="26"/>
  <c r="F543" i="26"/>
  <c r="F348" i="26"/>
  <c r="F1934" i="26"/>
  <c r="F1998" i="26"/>
  <c r="F1996" i="26"/>
  <c r="F392" i="26"/>
  <c r="F1108" i="26"/>
  <c r="F757" i="26"/>
  <c r="F974" i="26"/>
  <c r="F1493" i="26"/>
  <c r="F883" i="26"/>
  <c r="F340" i="26"/>
  <c r="F907" i="26"/>
  <c r="F1820" i="26"/>
  <c r="F469" i="26"/>
  <c r="F549" i="26"/>
  <c r="F1757" i="26"/>
  <c r="F2509" i="26"/>
  <c r="F902" i="26"/>
  <c r="F1132" i="26"/>
  <c r="F547" i="26"/>
  <c r="F395" i="26"/>
  <c r="F352" i="26"/>
  <c r="F823" i="26"/>
  <c r="F764" i="26"/>
  <c r="F316" i="26"/>
  <c r="F2518" i="26"/>
  <c r="F1915" i="26"/>
  <c r="F1895" i="26"/>
  <c r="F1751" i="26"/>
  <c r="F1174" i="26"/>
  <c r="F1768" i="26"/>
  <c r="F1159" i="26"/>
  <c r="F1754" i="26"/>
  <c r="F1726" i="26"/>
  <c r="F315" i="26"/>
  <c r="F1284" i="26"/>
  <c r="F1712" i="26"/>
  <c r="F1589" i="26"/>
  <c r="F1864" i="26"/>
  <c r="F2669" i="26"/>
  <c r="F216" i="26"/>
  <c r="F605" i="26"/>
  <c r="F511" i="26"/>
  <c r="F1900" i="26"/>
  <c r="F1187" i="26"/>
  <c r="F1947" i="26"/>
  <c r="F1840" i="26"/>
  <c r="F1400" i="26"/>
  <c r="F2438" i="26"/>
  <c r="F563" i="26"/>
  <c r="F287" i="26"/>
  <c r="F376" i="26"/>
  <c r="F807" i="26"/>
  <c r="F1083" i="26"/>
  <c r="F1172" i="26"/>
  <c r="F645" i="26"/>
  <c r="F847" i="26"/>
  <c r="F371" i="26"/>
  <c r="F584" i="26"/>
  <c r="F1092" i="26"/>
  <c r="F903" i="26"/>
  <c r="F1844" i="26"/>
  <c r="F1056" i="26"/>
  <c r="F1579" i="26"/>
  <c r="F2507" i="26"/>
  <c r="F891" i="26"/>
  <c r="F639" i="26"/>
  <c r="F640" i="26"/>
  <c r="F1836" i="26"/>
  <c r="F448" i="26"/>
  <c r="F667" i="26"/>
  <c r="F572" i="26"/>
  <c r="F971" i="26"/>
  <c r="F332" i="26"/>
  <c r="F445" i="26"/>
  <c r="F1599" i="26"/>
  <c r="F2430" i="26"/>
  <c r="F1671" i="26"/>
  <c r="F1654" i="26"/>
  <c r="F1656" i="26"/>
  <c r="F1663" i="26"/>
  <c r="F1339" i="26"/>
  <c r="F1328" i="26"/>
  <c r="F1600" i="26"/>
  <c r="F2559" i="26"/>
  <c r="F1614" i="26"/>
  <c r="F1395" i="26"/>
  <c r="F1912" i="26"/>
  <c r="F336" i="26"/>
  <c r="F816" i="26"/>
  <c r="F799" i="26"/>
  <c r="F2444" i="26"/>
  <c r="F830" i="26"/>
  <c r="F2445" i="26"/>
  <c r="F2517" i="26"/>
  <c r="F872" i="26"/>
  <c r="F1615" i="26"/>
  <c r="F1245" i="26"/>
  <c r="F1492" i="26"/>
  <c r="F264" i="26"/>
  <c r="F1308" i="26"/>
  <c r="F1740" i="26"/>
  <c r="F1804" i="26"/>
  <c r="F468" i="26"/>
  <c r="F1815" i="26"/>
  <c r="F1928" i="26"/>
  <c r="F37" i="26"/>
  <c r="F1575" i="26"/>
  <c r="F1563" i="26"/>
  <c r="F1984" i="26"/>
  <c r="F1267" i="26"/>
  <c r="F1384" i="26"/>
  <c r="F1358" i="26"/>
  <c r="F1808" i="26"/>
  <c r="F1335" i="26"/>
  <c r="F1543" i="26"/>
  <c r="F1748" i="26"/>
  <c r="F341" i="26"/>
  <c r="F1764" i="26"/>
  <c r="F284" i="26"/>
  <c r="F520" i="26"/>
  <c r="F967" i="26"/>
  <c r="F839" i="26"/>
  <c r="F981" i="26"/>
  <c r="F1724" i="26"/>
  <c r="F1852" i="26"/>
  <c r="F1524" i="26"/>
  <c r="F837" i="26"/>
  <c r="F476" i="26"/>
  <c r="F1188" i="26"/>
  <c r="F648" i="26"/>
  <c r="F1340" i="26"/>
  <c r="F1478" i="26"/>
  <c r="F1942" i="26"/>
  <c r="F223" i="26"/>
  <c r="F1944" i="26"/>
  <c r="F1797" i="26"/>
  <c r="F707" i="26"/>
  <c r="F868" i="26"/>
  <c r="F1645" i="26"/>
  <c r="F1558" i="26"/>
  <c r="F2278" i="26"/>
  <c r="F976" i="26"/>
  <c r="F960" i="26"/>
  <c r="F1045" i="26"/>
  <c r="F1152" i="26"/>
  <c r="F767" i="26"/>
  <c r="F1687" i="26"/>
  <c r="F1480" i="26"/>
  <c r="F405" i="26"/>
  <c r="F1661" i="26"/>
  <c r="F718" i="26"/>
  <c r="F2687" i="26"/>
  <c r="F1756" i="26"/>
  <c r="F492" i="26"/>
  <c r="F1088" i="26"/>
  <c r="F512" i="26"/>
  <c r="F1244" i="26"/>
  <c r="F1205" i="26"/>
  <c r="F1924" i="26"/>
  <c r="F968" i="26"/>
  <c r="F381" i="26"/>
  <c r="F1053" i="26"/>
  <c r="F1213" i="26"/>
  <c r="F701" i="26"/>
  <c r="F1157" i="26"/>
  <c r="F1932" i="26"/>
  <c r="F447" i="26"/>
  <c r="F958" i="26"/>
  <c r="F408" i="26"/>
  <c r="F544" i="26"/>
  <c r="F1907" i="26"/>
  <c r="F1103" i="26"/>
  <c r="F984" i="26"/>
  <c r="F1112" i="26"/>
  <c r="F991" i="26"/>
  <c r="F972" i="26"/>
  <c r="F1725" i="26"/>
  <c r="F35" i="26"/>
  <c r="F603" i="26"/>
  <c r="F1096" i="26"/>
  <c r="F1269" i="26"/>
  <c r="F1964" i="26"/>
  <c r="F910" i="26"/>
  <c r="F415" i="26"/>
  <c r="F568" i="26"/>
  <c r="F504" i="26"/>
  <c r="F419" i="26"/>
  <c r="F1532" i="26"/>
  <c r="F792" i="26"/>
  <c r="F557" i="26"/>
  <c r="G29" i="26"/>
  <c r="F925" i="26"/>
  <c r="F581" i="26"/>
  <c r="F1469" i="26"/>
  <c r="F1341" i="26"/>
  <c r="F2511" i="26"/>
  <c r="F1707" i="26"/>
  <c r="F1431" i="26"/>
  <c r="F1064" i="26"/>
  <c r="F1171" i="26"/>
  <c r="F1891" i="26"/>
  <c r="F1995" i="26"/>
  <c r="F1803" i="26"/>
  <c r="F1196" i="26"/>
  <c r="F1837" i="26"/>
  <c r="F1300" i="26"/>
  <c r="F496" i="26"/>
  <c r="F726" i="26"/>
  <c r="F470" i="26"/>
  <c r="F439" i="26"/>
  <c r="F1048" i="26"/>
  <c r="F1165" i="26"/>
  <c r="F1860" i="26"/>
  <c r="F927" i="26"/>
  <c r="F660" i="26"/>
  <c r="F1887" i="26"/>
  <c r="F363" i="26"/>
  <c r="F1790" i="26"/>
  <c r="F1228" i="26"/>
  <c r="F1716" i="26"/>
  <c r="F2683" i="26"/>
  <c r="F1477" i="26"/>
  <c r="F776" i="26"/>
  <c r="F420" i="26"/>
  <c r="F539" i="26"/>
  <c r="F590" i="26"/>
  <c r="F1004" i="26"/>
  <c r="F1788" i="26"/>
  <c r="F615" i="26"/>
  <c r="F311" i="26"/>
  <c r="F1421" i="26"/>
  <c r="F525" i="26"/>
  <c r="F1312" i="26"/>
  <c r="F1311" i="26"/>
  <c r="F1927" i="26"/>
  <c r="F1512" i="26"/>
  <c r="F979" i="26"/>
  <c r="F1367" i="26"/>
  <c r="F1789" i="26"/>
  <c r="F1742" i="26"/>
  <c r="F400" i="26"/>
  <c r="F1892" i="26"/>
  <c r="F1120" i="26"/>
  <c r="F472" i="26"/>
  <c r="F765" i="26"/>
  <c r="F1396" i="26"/>
  <c r="F635" i="26"/>
  <c r="F1036" i="26"/>
  <c r="F36" i="26"/>
  <c r="F1040" i="26"/>
  <c r="F1824" i="26"/>
  <c r="F2572" i="26"/>
  <c r="F1688" i="26"/>
  <c r="F1200" i="26"/>
  <c r="F1155" i="26"/>
  <c r="F1148" i="26"/>
  <c r="F296" i="26"/>
  <c r="F2667" i="26"/>
  <c r="F1039" i="26"/>
  <c r="F1413" i="26"/>
  <c r="F1253" i="26"/>
  <c r="F853" i="26"/>
  <c r="F774" i="26"/>
  <c r="F928" i="26"/>
  <c r="F844" i="26"/>
  <c r="F1023" i="26"/>
  <c r="F1102" i="26"/>
  <c r="F988" i="26"/>
  <c r="F1259" i="26"/>
  <c r="F1672" i="26"/>
  <c r="F652" i="26"/>
  <c r="F1556" i="26"/>
  <c r="F966" i="26"/>
  <c r="F655" i="26"/>
  <c r="F1110" i="26"/>
  <c r="F411" i="26"/>
  <c r="F747" i="26"/>
  <c r="F483" i="26"/>
  <c r="F1212" i="26"/>
  <c r="F432" i="26"/>
  <c r="F1247" i="26"/>
  <c r="F1227" i="26"/>
  <c r="F1750" i="26"/>
  <c r="F1951" i="26"/>
  <c r="F1160" i="26"/>
  <c r="F1851" i="26"/>
  <c r="F1195" i="26"/>
  <c r="F1735" i="26"/>
  <c r="F1571" i="26"/>
  <c r="F1759" i="26"/>
  <c r="F1279" i="26"/>
  <c r="F1392" i="26"/>
  <c r="F1302" i="26"/>
  <c r="F1319" i="26"/>
  <c r="F1246" i="26"/>
  <c r="F1678" i="26"/>
  <c r="F435" i="26"/>
  <c r="F1908" i="26"/>
  <c r="F1531" i="26"/>
  <c r="F1847" i="26"/>
  <c r="F1780" i="26"/>
  <c r="F324" i="26"/>
  <c r="F2271" i="26"/>
  <c r="F1517" i="26"/>
  <c r="F299" i="26"/>
  <c r="F1755" i="26"/>
  <c r="F1680" i="26"/>
  <c r="F1231" i="26"/>
  <c r="F1224" i="26"/>
  <c r="F693" i="26"/>
  <c r="F832" i="26"/>
  <c r="F876" i="26"/>
  <c r="F621" i="26"/>
  <c r="F1973" i="26"/>
  <c r="F840" i="26"/>
  <c r="F790" i="26"/>
  <c r="F1717" i="26"/>
  <c r="F933" i="26"/>
  <c r="F796" i="26"/>
  <c r="F1293" i="26"/>
  <c r="F1541" i="26"/>
  <c r="F1080" i="26"/>
  <c r="F1420" i="26"/>
  <c r="F1805" i="26"/>
  <c r="F1749" i="26"/>
  <c r="F380" i="26"/>
  <c r="F679" i="26"/>
  <c r="F1828" i="26"/>
  <c r="F1013" i="26"/>
  <c r="F501" i="26"/>
  <c r="F1997" i="26"/>
  <c r="F1823" i="26"/>
  <c r="F2568" i="26"/>
  <c r="F1387" i="26"/>
  <c r="F1375" i="26"/>
  <c r="F1662" i="26"/>
  <c r="F1640" i="26"/>
  <c r="F1471" i="26"/>
  <c r="F526" i="26"/>
  <c r="F1454" i="26"/>
  <c r="F1587" i="26"/>
  <c r="F669" i="26"/>
  <c r="F300" i="26"/>
  <c r="F1560" i="26"/>
  <c r="F1771" i="26"/>
  <c r="F171" i="26"/>
  <c r="F992" i="26"/>
  <c r="F1691" i="26"/>
  <c r="F1931" i="26"/>
  <c r="F2558" i="26"/>
  <c r="F1235" i="26"/>
  <c r="F1383" i="26"/>
  <c r="F739" i="26"/>
  <c r="F344" i="26"/>
  <c r="F475" i="26"/>
  <c r="F359" i="26"/>
  <c r="F875" i="26"/>
  <c r="F845" i="26"/>
  <c r="F624" i="26"/>
  <c r="F954" i="26"/>
  <c r="F477" i="26"/>
  <c r="F1637" i="26"/>
  <c r="F1100" i="26"/>
  <c r="F749" i="26"/>
  <c r="F535" i="26"/>
  <c r="F1038" i="26"/>
  <c r="F892" i="26"/>
  <c r="F461" i="26"/>
  <c r="F1568" i="26"/>
  <c r="F1899" i="26"/>
  <c r="F1043" i="26"/>
  <c r="F1798" i="26"/>
  <c r="F949" i="26"/>
  <c r="F613" i="26"/>
  <c r="F224" i="26"/>
  <c r="F567" i="26"/>
  <c r="F668" i="26"/>
  <c r="F763" i="26"/>
  <c r="F404" i="26"/>
  <c r="F32" i="26"/>
  <c r="F887" i="26"/>
  <c r="F1104" i="26"/>
  <c r="F957" i="26"/>
  <c r="F1296" i="26"/>
  <c r="F1523" i="26"/>
  <c r="F1736" i="26"/>
  <c r="F1435" i="26"/>
  <c r="F2270" i="26"/>
  <c r="F1239" i="26"/>
  <c r="F2520" i="26"/>
  <c r="F1414" i="26"/>
  <c r="F397" i="26"/>
  <c r="F1179" i="26"/>
  <c r="F1796" i="26"/>
  <c r="F699" i="26"/>
  <c r="F1580" i="26"/>
  <c r="F1988" i="26"/>
  <c r="F2519" i="26"/>
  <c r="F1643" i="26"/>
  <c r="F462" i="26"/>
  <c r="F1520" i="26"/>
  <c r="F1972" i="26"/>
  <c r="F493" i="26"/>
  <c r="F797" i="26"/>
  <c r="F573" i="26"/>
  <c r="F647" i="26"/>
  <c r="F1653" i="26"/>
  <c r="F2279" i="26"/>
  <c r="F1323" i="26"/>
  <c r="F1275" i="26"/>
  <c r="F1499" i="26"/>
  <c r="F1992" i="26"/>
  <c r="F1916" i="26"/>
  <c r="F1230" i="26"/>
  <c r="F1939" i="26"/>
  <c r="F1168" i="26"/>
  <c r="F1983" i="26"/>
  <c r="F1695" i="26"/>
  <c r="F1767" i="26"/>
  <c r="F1559" i="26"/>
  <c r="F1941" i="26"/>
  <c r="F1324" i="26"/>
  <c r="F1509" i="26"/>
  <c r="F292" i="26"/>
  <c r="F685" i="26"/>
  <c r="F343" i="26"/>
  <c r="F608" i="26"/>
  <c r="F334" i="26"/>
  <c r="F351" i="26"/>
  <c r="F440" i="26"/>
  <c r="F1063" i="26"/>
  <c r="F631" i="26"/>
  <c r="F975" i="26"/>
  <c r="F733" i="26"/>
  <c r="F1701" i="26"/>
  <c r="F813" i="26"/>
  <c r="F1732" i="26"/>
  <c r="F1031" i="26"/>
  <c r="F1175" i="26"/>
  <c r="F532" i="26"/>
  <c r="F2439" i="26"/>
  <c r="F1445" i="26"/>
  <c r="F1220" i="26"/>
  <c r="F894" i="26"/>
  <c r="F423" i="26"/>
  <c r="F676" i="26"/>
  <c r="F1534" i="26"/>
  <c r="F542" i="26"/>
  <c r="F317" i="26"/>
  <c r="F2686" i="26"/>
  <c r="F574" i="26"/>
  <c r="F1403" i="26"/>
  <c r="F1154" i="26"/>
  <c r="F579" i="26"/>
  <c r="F455" i="26"/>
  <c r="F1211" i="26"/>
  <c r="F1976" i="26"/>
  <c r="F896" i="26"/>
  <c r="F1404" i="26"/>
  <c r="F1573" i="26"/>
  <c r="F1685" i="26"/>
  <c r="F1827" i="26"/>
  <c r="F1533" i="26"/>
  <c r="F1237" i="26"/>
  <c r="F1765" i="26"/>
  <c r="F1005" i="26"/>
  <c r="F919" i="26"/>
  <c r="F379" i="26"/>
  <c r="F632" i="26"/>
  <c r="F702" i="26"/>
  <c r="F604" i="26"/>
  <c r="F1772" i="26"/>
  <c r="F1115" i="26"/>
  <c r="F1389" i="26"/>
  <c r="F1303" i="26"/>
  <c r="F1819" i="26"/>
  <c r="F644" i="26"/>
  <c r="F1109" i="26"/>
  <c r="F1699" i="26"/>
  <c r="F871" i="26"/>
  <c r="F1734" i="26"/>
  <c r="F880" i="26"/>
  <c r="F1136" i="26"/>
  <c r="F1845" i="26"/>
  <c r="F384" i="26"/>
  <c r="F696" i="26"/>
  <c r="F1893" i="26"/>
  <c r="F828" i="26"/>
  <c r="F2685" i="26"/>
  <c r="F1133" i="26"/>
  <c r="F1047" i="26"/>
  <c r="F500" i="26"/>
  <c r="F867" i="26"/>
  <c r="F1832" i="26"/>
  <c r="F1059" i="26"/>
  <c r="F855" i="26"/>
  <c r="F671" i="26"/>
  <c r="F1117" i="26"/>
  <c r="F1668" i="26"/>
  <c r="F1565" i="26"/>
  <c r="F2565" i="26"/>
  <c r="F503" i="26"/>
  <c r="F2694" i="26"/>
  <c r="F1452" i="26"/>
  <c r="F1355" i="26"/>
  <c r="F1368" i="26"/>
  <c r="F982" i="26"/>
  <c r="F312" i="26"/>
  <c r="F295" i="26"/>
  <c r="F947" i="26"/>
  <c r="F781" i="26"/>
  <c r="F1949" i="26"/>
  <c r="F2269" i="26"/>
  <c r="F319" i="26"/>
  <c r="F516" i="26"/>
  <c r="F829" i="26"/>
  <c r="F1236" i="26"/>
  <c r="F708" i="26"/>
  <c r="F320" i="26"/>
  <c r="F1124" i="26"/>
  <c r="F580" i="26"/>
  <c r="F1959" i="26"/>
  <c r="F1613" i="26"/>
  <c r="F1173" i="26"/>
  <c r="F1700" i="26"/>
  <c r="F941" i="26"/>
  <c r="F1276" i="26"/>
  <c r="F1131" i="26"/>
  <c r="F768" i="26"/>
  <c r="F548" i="26"/>
  <c r="F1032" i="26"/>
  <c r="F885" i="26"/>
  <c r="F1629" i="26"/>
  <c r="F1528" i="26"/>
  <c r="F1624" i="26"/>
  <c r="F1423" i="26"/>
  <c r="F1291" i="26"/>
  <c r="F1619" i="26"/>
  <c r="F1896" i="26"/>
  <c r="F1704" i="26"/>
  <c r="F291" i="26"/>
  <c r="F215" i="26"/>
  <c r="F1292" i="26"/>
  <c r="F2515" i="26"/>
  <c r="F934" i="26"/>
  <c r="F460" i="26"/>
  <c r="F735" i="26"/>
  <c r="F1309" i="26"/>
  <c r="F996" i="26"/>
  <c r="F1708" i="26"/>
  <c r="F2447" i="26"/>
  <c r="F354" i="26"/>
  <c r="F1343" i="26"/>
  <c r="F333" i="26"/>
  <c r="F1437" i="26"/>
  <c r="F1181" i="26"/>
  <c r="F389" i="26"/>
  <c r="F480" i="26"/>
  <c r="F1286" i="26"/>
  <c r="F663" i="26"/>
  <c r="F838" i="26"/>
  <c r="F1982" i="26"/>
  <c r="F221" i="26"/>
  <c r="F1476" i="26"/>
  <c r="F398" i="26"/>
  <c r="F859" i="26"/>
  <c r="F1783" i="26"/>
  <c r="F428" i="26"/>
  <c r="F1720" i="26"/>
  <c r="F756" i="26"/>
  <c r="F789" i="26"/>
  <c r="F1003" i="26"/>
  <c r="F1232" i="26"/>
  <c r="F180" i="26"/>
  <c r="F901" i="26"/>
  <c r="F555" i="26"/>
  <c r="F1952" i="26"/>
  <c r="F659" i="26"/>
  <c r="F1677" i="26"/>
  <c r="F759" i="26"/>
  <c r="F1307" i="26"/>
  <c r="F877" i="26"/>
  <c r="F1388" i="26"/>
  <c r="F463" i="26"/>
  <c r="F1028" i="26"/>
  <c r="F368" i="26"/>
  <c r="F1461" i="26"/>
  <c r="F2277" i="26"/>
  <c r="F212" i="26"/>
  <c r="F775" i="26"/>
  <c r="F1365" i="26"/>
  <c r="F1163" i="26"/>
  <c r="F1555" i="26"/>
  <c r="F1238" i="26"/>
  <c r="F1536" i="26"/>
  <c r="F1911" i="26"/>
  <c r="F2443" i="26"/>
  <c r="F1203" i="26"/>
  <c r="F1424" i="26"/>
  <c r="F1611" i="26"/>
  <c r="F1451" i="26"/>
  <c r="F1606" i="26"/>
  <c r="F1544" i="26"/>
  <c r="F1029" i="26"/>
  <c r="F335" i="26"/>
  <c r="F479" i="26"/>
  <c r="F1344" i="26"/>
  <c r="F1468" i="26"/>
  <c r="F856" i="26"/>
  <c r="F1223" i="26"/>
  <c r="F664" i="26"/>
  <c r="F989" i="26"/>
  <c r="F1484" i="26"/>
  <c r="F1288" i="26"/>
  <c r="F524" i="26"/>
  <c r="F1494" i="26"/>
  <c r="F1495" i="26"/>
  <c r="F1926" i="26"/>
  <c r="F1191" i="26"/>
  <c r="F1359" i="26"/>
  <c r="F1012" i="26"/>
  <c r="F1268" i="26"/>
  <c r="F715" i="26"/>
  <c r="F1094" i="26"/>
  <c r="F1861" i="26"/>
  <c r="F999" i="26"/>
  <c r="F717" i="26"/>
  <c r="F454" i="26"/>
  <c r="F863" i="26"/>
  <c r="F356" i="26"/>
  <c r="F173" i="26"/>
  <c r="F1917" i="26"/>
  <c r="F1020" i="26"/>
  <c r="F808" i="26"/>
  <c r="F1116" i="26"/>
  <c r="F656" i="26"/>
  <c r="F285" i="26"/>
  <c r="F1933" i="26"/>
  <c r="F591" i="26"/>
  <c r="F607" i="26"/>
  <c r="F831" i="26"/>
  <c r="F31" i="26"/>
  <c r="F558" i="26"/>
  <c r="F638" i="26"/>
  <c r="F754" i="26"/>
  <c r="F1472" i="26"/>
  <c r="F1511" i="26"/>
  <c r="F1448" i="26"/>
  <c r="F1686" i="26"/>
  <c r="F1550" i="26"/>
  <c r="F1655" i="26"/>
  <c r="F2571" i="26"/>
  <c r="F1683" i="26"/>
  <c r="F263" i="26"/>
  <c r="F1954" i="26"/>
  <c r="F2573" i="26"/>
  <c r="F1143" i="26"/>
  <c r="F779" i="26"/>
  <c r="F1167" i="26"/>
  <c r="F1651" i="26"/>
  <c r="F1272" i="26"/>
  <c r="F1760" i="26"/>
  <c r="F1271" i="26"/>
  <c r="F1354" i="26"/>
  <c r="F1251" i="26"/>
  <c r="F1470" i="26"/>
  <c r="F1501" i="26"/>
  <c r="F1333" i="26"/>
  <c r="F293" i="26"/>
  <c r="F1260" i="26"/>
  <c r="F1189" i="26"/>
  <c r="F2437" i="26"/>
  <c r="F1060" i="26"/>
  <c r="F1525" i="26"/>
  <c r="F2516" i="26"/>
  <c r="F1067" i="26"/>
  <c r="F884" i="26"/>
  <c r="F888" i="26"/>
  <c r="F736" i="26"/>
  <c r="F2512" i="26"/>
  <c r="F1535" i="26"/>
  <c r="F1503" i="26"/>
  <c r="F1352" i="26"/>
  <c r="F692" i="26"/>
  <c r="F536" i="26"/>
  <c r="F661" i="26"/>
  <c r="F391" i="26"/>
  <c r="F848" i="26"/>
  <c r="F672" i="26"/>
  <c r="F1508" i="26"/>
  <c r="F309" i="26"/>
  <c r="F1733" i="26"/>
  <c r="F453" i="26"/>
  <c r="F893" i="26"/>
  <c r="F424" i="26"/>
  <c r="F595" i="26"/>
  <c r="F1727" i="26"/>
  <c r="F1696" i="26"/>
  <c r="F1222" i="26"/>
  <c r="F1486" i="26"/>
  <c r="F1443" i="26"/>
  <c r="F2574" i="26"/>
  <c r="F1479" i="26"/>
  <c r="F909" i="26"/>
  <c r="F1416" i="26"/>
  <c r="F1542" i="26"/>
  <c r="F1255" i="26"/>
  <c r="F1863" i="26"/>
  <c r="F1904" i="26"/>
  <c r="F1635" i="26"/>
  <c r="F1440" i="26"/>
  <c r="F1547" i="26"/>
  <c r="F413" i="26"/>
  <c r="F869" i="26"/>
  <c r="F691" i="26"/>
  <c r="F948" i="26"/>
  <c r="F680" i="26"/>
  <c r="F723" i="26"/>
  <c r="F811" i="26"/>
  <c r="F1981" i="26"/>
  <c r="F1703" i="26"/>
  <c r="F683" i="26"/>
  <c r="F1372" i="26"/>
  <c r="F720" i="26"/>
  <c r="F980" i="26"/>
  <c r="F464" i="26"/>
  <c r="F519" i="26"/>
  <c r="F1301" i="26"/>
  <c r="F1715" i="26"/>
  <c r="F1752" i="26"/>
  <c r="F1779" i="26"/>
  <c r="F744" i="26"/>
  <c r="F1607" i="26"/>
  <c r="F364" i="26"/>
  <c r="F308" i="26"/>
  <c r="F1853" i="26"/>
  <c r="F2576" i="26"/>
  <c r="F1963" i="26"/>
  <c r="F1376" i="26"/>
  <c r="F1415" i="26"/>
  <c r="F1408" i="26"/>
  <c r="F1496" i="26"/>
  <c r="F589" i="26"/>
  <c r="F1693" i="26"/>
  <c r="F939" i="26"/>
  <c r="F508" i="26"/>
  <c r="F760" i="26"/>
  <c r="F1076" i="26"/>
  <c r="F390" i="26"/>
  <c r="F1349" i="26"/>
  <c r="F803" i="26"/>
  <c r="F576" i="26"/>
  <c r="F987" i="26"/>
  <c r="F1316" i="26"/>
  <c r="F752" i="26"/>
  <c r="F1909" i="26"/>
  <c r="F1989" i="26"/>
  <c r="F1572" i="26"/>
  <c r="F1800" i="26"/>
  <c r="F1332" i="26"/>
  <c r="F1636" i="26"/>
  <c r="F959" i="26"/>
  <c r="F812" i="26"/>
  <c r="F598" i="26"/>
  <c r="F1459" i="26"/>
  <c r="F1747" i="26"/>
  <c r="F1943" i="26"/>
  <c r="F1639" i="26"/>
  <c r="F2567" i="26"/>
  <c r="F1261" i="26"/>
  <c r="F443" i="26"/>
  <c r="F2440" i="26"/>
  <c r="F1000" i="26"/>
  <c r="F2691" i="26"/>
  <c r="F1743" i="26"/>
  <c r="F2560" i="26"/>
  <c r="F582" i="26"/>
  <c r="F1965" i="26"/>
  <c r="F1085" i="26"/>
  <c r="F1119" i="26"/>
  <c r="F1035" i="26"/>
  <c r="F2272" i="26"/>
  <c r="F920" i="26"/>
  <c r="F1139" i="26"/>
  <c r="F1612" i="26"/>
  <c r="F1439" i="26"/>
  <c r="F2575" i="26"/>
  <c r="F1422" i="26"/>
  <c r="F1564" i="26"/>
  <c r="F1763" i="26"/>
  <c r="F773" i="26"/>
  <c r="F1021" i="26"/>
  <c r="F1184" i="26"/>
  <c r="F864" i="26"/>
  <c r="F342" i="26"/>
  <c r="F965" i="26"/>
  <c r="F2693" i="26"/>
  <c r="F619" i="26"/>
  <c r="F1051" i="26"/>
  <c r="F1015" i="26"/>
  <c r="F488" i="26"/>
  <c r="F917" i="26"/>
  <c r="F784" i="26"/>
  <c r="F951" i="26"/>
  <c r="F1381" i="26"/>
  <c r="F360" i="26"/>
  <c r="F1659" i="26"/>
  <c r="F1357" i="26"/>
  <c r="F1453" i="26"/>
  <c r="F936" i="26"/>
  <c r="F403" i="26"/>
  <c r="F612" i="26"/>
  <c r="F1428" i="26"/>
  <c r="F1467" i="26"/>
  <c r="F446" i="26"/>
  <c r="F1960" i="26"/>
  <c r="F565" i="26"/>
  <c r="F1128" i="26"/>
  <c r="F1277" i="26"/>
  <c r="F895" i="26"/>
  <c r="F1044" i="26"/>
  <c r="F421" i="26"/>
  <c r="F912" i="26"/>
  <c r="F459" i="26"/>
  <c r="F1621" i="26"/>
  <c r="F819" i="26"/>
  <c r="F1008" i="26"/>
  <c r="F554" i="26"/>
  <c r="F800" i="26"/>
  <c r="F1791" i="26"/>
  <c r="F956" i="26"/>
  <c r="F365" i="26"/>
  <c r="F1176" i="26"/>
  <c r="F1068" i="26"/>
  <c r="F1166" i="26"/>
  <c r="F1920" i="26"/>
  <c r="F1975" i="26"/>
  <c r="F1935" i="26"/>
  <c r="F1631" i="26"/>
  <c r="F1507" i="26"/>
  <c r="F1360" i="26"/>
  <c r="F1955" i="26"/>
  <c r="F1888" i="26"/>
  <c r="F1256" i="26"/>
  <c r="F1968" i="26"/>
  <c r="F675" i="26"/>
  <c r="F788" i="26"/>
  <c r="F728" i="26"/>
  <c r="F740" i="26"/>
  <c r="F452" i="26"/>
  <c r="F627" i="26"/>
  <c r="F700" i="26"/>
  <c r="F1325" i="26"/>
  <c r="F1925" i="26"/>
  <c r="F1620" i="26"/>
  <c r="F1557" i="26"/>
  <c r="F860" i="26"/>
  <c r="F1488" i="26"/>
  <c r="F1792" i="26"/>
  <c r="F1652" i="26"/>
  <c r="F600" i="26"/>
  <c r="F1923" i="26"/>
  <c r="F214" i="26"/>
  <c r="F2566" i="26"/>
  <c r="F407" i="26"/>
  <c r="F703" i="26"/>
  <c r="F725" i="26"/>
  <c r="F716" i="26"/>
  <c r="F491" i="26"/>
  <c r="F1069" i="26"/>
  <c r="F983" i="26"/>
  <c r="F499" i="26"/>
  <c r="F583" i="26"/>
  <c r="F2688" i="26"/>
  <c r="F2695" i="26"/>
  <c r="F1264" i="26"/>
  <c r="F1254" i="26"/>
  <c r="F1463" i="26"/>
  <c r="F712" i="26"/>
  <c r="F349" i="26"/>
  <c r="F383" i="26"/>
  <c r="F1366" i="26"/>
  <c r="F1123" i="26"/>
  <c r="F662" i="26"/>
  <c r="F924" i="26"/>
  <c r="F955" i="26"/>
  <c r="F931" i="26"/>
  <c r="F636" i="26"/>
  <c r="F1483" i="26"/>
  <c r="F1739" i="26"/>
  <c r="F1616" i="26"/>
  <c r="F1399" i="26"/>
  <c r="F795" i="26"/>
  <c r="F1216" i="26"/>
  <c r="F556" i="26"/>
  <c r="F611" i="26"/>
  <c r="F732" i="26"/>
  <c r="F1999" i="26"/>
  <c r="F1052" i="26"/>
  <c r="F646" i="26"/>
  <c r="F861" i="26"/>
  <c r="F1487" i="26"/>
  <c r="F1856" i="26"/>
  <c r="F821" i="26"/>
  <c r="F373" i="26"/>
  <c r="F1419" i="26"/>
  <c r="F1622" i="26"/>
  <c r="F1397" i="26"/>
  <c r="F628" i="26"/>
  <c r="F1722" i="26"/>
  <c r="F1346" i="26"/>
  <c r="F1746" i="26"/>
  <c r="F1970" i="26"/>
  <c r="F1017" i="26"/>
  <c r="F1906" i="26"/>
  <c r="F1785" i="26"/>
  <c r="F1657" i="26"/>
  <c r="F562" i="26"/>
  <c r="F387" i="26"/>
  <c r="F410" i="26"/>
  <c r="F409" i="26"/>
  <c r="F1265" i="26"/>
  <c r="F1481" i="26"/>
  <c r="F2564" i="26"/>
  <c r="F1305" i="26"/>
  <c r="F1730" i="26"/>
  <c r="F1530" i="26"/>
  <c r="F1769" i="26"/>
  <c r="F1987" i="26"/>
  <c r="F330" i="26"/>
  <c r="F1199" i="26"/>
  <c r="F1570" i="26"/>
  <c r="F1849" i="26"/>
  <c r="F818" i="26"/>
  <c r="F1500" i="26"/>
  <c r="F515" i="26"/>
  <c r="F370" i="26"/>
  <c r="F433" i="26"/>
  <c r="F1075" i="26"/>
  <c r="F681" i="26"/>
  <c r="F490" i="26"/>
  <c r="F850" i="26"/>
  <c r="F761" i="26"/>
  <c r="F546" i="26"/>
  <c r="F1091" i="26"/>
  <c r="F569" i="26"/>
  <c r="F522" i="26"/>
  <c r="F1807" i="26"/>
  <c r="F1986" i="26"/>
  <c r="F1809" i="26"/>
  <c r="F1016" i="26"/>
  <c r="F561" i="26"/>
  <c r="F1161" i="26"/>
  <c r="F297" i="26"/>
  <c r="F1278" i="26"/>
  <c r="F1689" i="26"/>
  <c r="F1761" i="26"/>
  <c r="F537" i="26"/>
  <c r="F1490" i="26"/>
  <c r="F935" i="26"/>
  <c r="F386" i="26"/>
  <c r="F1026" i="26"/>
  <c r="F963" i="26"/>
  <c r="F1127" i="26"/>
  <c r="F34" i="26"/>
  <c r="F1130" i="26"/>
  <c r="F513" i="26"/>
  <c r="F587" i="26"/>
  <c r="F1229" i="26"/>
  <c r="F1111" i="26"/>
  <c r="F471" i="26"/>
  <c r="F1799" i="26"/>
  <c r="F1850" i="26"/>
  <c r="F673" i="26"/>
  <c r="F458" i="26"/>
  <c r="F1889" i="26"/>
  <c r="F467" i="26"/>
  <c r="F1773" i="26"/>
  <c r="F1002" i="26"/>
  <c r="F402" i="26"/>
  <c r="F2508" i="26"/>
  <c r="F314" i="26"/>
  <c r="F1073" i="26"/>
  <c r="F665" i="26"/>
  <c r="F1545" i="26"/>
  <c r="F588" i="26"/>
  <c r="F609" i="26"/>
  <c r="F1650" i="26"/>
  <c r="F1632" i="26"/>
  <c r="F1669" i="26"/>
  <c r="F841" i="26"/>
  <c r="F1273" i="26"/>
  <c r="F1801" i="26"/>
  <c r="F1475" i="26"/>
  <c r="F2003" i="26"/>
  <c r="F594" i="26"/>
  <c r="F666" i="26"/>
  <c r="F1449" i="26"/>
  <c r="F911" i="26"/>
  <c r="F906" i="26"/>
  <c r="F1506" i="26"/>
  <c r="F1297" i="26"/>
  <c r="F1242" i="26"/>
  <c r="F1985" i="26"/>
  <c r="F345" i="26"/>
  <c r="F874" i="26"/>
  <c r="F1348" i="26"/>
  <c r="F2561" i="26"/>
  <c r="F382" i="26"/>
  <c r="F2513" i="26"/>
  <c r="F1706" i="26"/>
  <c r="F1322" i="26"/>
  <c r="F1434" i="26"/>
  <c r="F1711" i="26"/>
  <c r="F1162" i="26"/>
  <c r="F1455" i="26"/>
  <c r="F1466" i="26"/>
  <c r="F1186" i="26"/>
  <c r="F706" i="26"/>
  <c r="F2577" i="26"/>
  <c r="F1450" i="26"/>
  <c r="F1561" i="26"/>
  <c r="F858" i="26"/>
  <c r="F1090" i="26"/>
  <c r="F1074" i="26"/>
  <c r="F2668" i="26"/>
  <c r="F393" i="26"/>
  <c r="F425" i="26"/>
  <c r="F634" i="26"/>
  <c r="F577" i="26"/>
  <c r="F1679" i="26"/>
  <c r="F1266" i="26"/>
  <c r="F1410" i="26"/>
  <c r="F489" i="26"/>
  <c r="F1379" i="26"/>
  <c r="F1386" i="26"/>
  <c r="F772" i="26"/>
  <c r="F1283" i="26"/>
  <c r="F1327" i="26"/>
  <c r="F731" i="26"/>
  <c r="F1169" i="26"/>
  <c r="F1514" i="26"/>
  <c r="F1249" i="26"/>
  <c r="F1795" i="26"/>
  <c r="F908" i="26"/>
  <c r="F1464" i="26"/>
  <c r="F1682" i="26"/>
  <c r="F1586" i="26"/>
  <c r="F1208" i="26"/>
  <c r="F1633" i="26"/>
  <c r="F1427" i="26"/>
  <c r="F473" i="26"/>
  <c r="F973" i="26"/>
  <c r="F1648" i="26"/>
  <c r="F176" i="26"/>
  <c r="F1775" i="26"/>
  <c r="F1953" i="26"/>
  <c r="F1979" i="26"/>
  <c r="F1129" i="26"/>
  <c r="F905" i="26"/>
  <c r="F1027" i="26"/>
  <c r="F362" i="26"/>
  <c r="F674" i="26"/>
  <c r="F339" i="26"/>
  <c r="F751" i="26"/>
  <c r="F1913" i="26"/>
  <c r="F417" i="26"/>
  <c r="F1859" i="26"/>
  <c r="F937" i="26"/>
  <c r="F1411" i="26"/>
  <c r="F1825" i="26"/>
  <c r="F553" i="26"/>
  <c r="F1097" i="26"/>
  <c r="F1546" i="26"/>
  <c r="F1113" i="26"/>
  <c r="F766" i="26"/>
  <c r="F290" i="26"/>
  <c r="F649" i="26"/>
  <c r="F1721" i="26"/>
  <c r="F1257" i="26"/>
  <c r="F1977" i="26"/>
  <c r="F1903" i="26"/>
  <c r="F1962" i="26"/>
  <c r="F1642" i="26"/>
  <c r="F1602" i="26"/>
  <c r="F1698" i="26"/>
  <c r="F1409" i="26"/>
  <c r="F506" i="26"/>
  <c r="F820" i="26"/>
  <c r="F1234" i="26"/>
  <c r="F1946" i="26"/>
  <c r="F1394" i="26"/>
  <c r="F1918" i="26"/>
  <c r="F1857" i="26"/>
  <c r="F986" i="26"/>
  <c r="F1140" i="26"/>
  <c r="F657" i="26"/>
  <c r="F220" i="26"/>
  <c r="F529" i="26"/>
  <c r="F1042" i="26"/>
  <c r="F1971" i="26"/>
  <c r="F2436" i="26"/>
  <c r="F801" i="26"/>
  <c r="F1994" i="26"/>
  <c r="F873" i="26"/>
  <c r="F713" i="26"/>
  <c r="F1745" i="26"/>
  <c r="F1978" i="26"/>
  <c r="F2674" i="26"/>
  <c r="F367" i="26"/>
  <c r="F534" i="26"/>
  <c r="F658" i="26"/>
  <c r="F1737" i="26"/>
  <c r="F482" i="26"/>
  <c r="F1713" i="26"/>
  <c r="F1225" i="26"/>
  <c r="F1553" i="26"/>
  <c r="F1489" i="26"/>
  <c r="F1626" i="26"/>
  <c r="F1692" i="26"/>
  <c r="F1066" i="26"/>
  <c r="F786" i="26"/>
  <c r="F1289" i="26"/>
  <c r="F326" i="26"/>
  <c r="F1969" i="26"/>
  <c r="F915" i="26"/>
  <c r="F1585" i="26"/>
  <c r="F1306" i="26"/>
  <c r="F833" i="26"/>
  <c r="F866" i="26"/>
  <c r="F698" i="26"/>
  <c r="F26" i="26"/>
  <c r="F771" i="26"/>
  <c r="F889" i="26"/>
  <c r="F322" i="26"/>
  <c r="F1373" i="26"/>
  <c r="F809" i="26"/>
  <c r="F1584" i="26"/>
  <c r="F852" i="26"/>
  <c r="F993" i="26"/>
  <c r="F321" i="26"/>
  <c r="F169" i="26"/>
  <c r="F714" i="26"/>
  <c r="F323" i="26"/>
  <c r="F899" i="26"/>
  <c r="F1948" i="26"/>
  <c r="F890" i="26"/>
  <c r="F1818" i="26"/>
  <c r="F436" i="26"/>
  <c r="F1298" i="26"/>
  <c r="F1521" i="26"/>
  <c r="F865" i="26"/>
  <c r="F327" i="26"/>
  <c r="F994" i="26"/>
  <c r="F1623" i="26"/>
  <c r="F1577" i="26"/>
  <c r="F943" i="26"/>
  <c r="F1519" i="26"/>
  <c r="F1144" i="26"/>
  <c r="F1299" i="26"/>
  <c r="F1793" i="26"/>
  <c r="F1141" i="26"/>
  <c r="F507" i="26"/>
  <c r="F1007" i="26"/>
  <c r="F777" i="26"/>
  <c r="F1095" i="26"/>
  <c r="F2666" i="26"/>
  <c r="F1890" i="26"/>
  <c r="F1263" i="26"/>
  <c r="F1361" i="26"/>
  <c r="F1802" i="26"/>
  <c r="F1865" i="26"/>
  <c r="F1762" i="26"/>
  <c r="F1282" i="26"/>
  <c r="F1049" i="26"/>
  <c r="F1350" i="26"/>
  <c r="F2698" i="26"/>
  <c r="F2514" i="26"/>
  <c r="F1329" i="26"/>
  <c r="F530" i="26"/>
  <c r="F938" i="26"/>
  <c r="F1156" i="26"/>
  <c r="F444" i="26"/>
  <c r="F688" i="26"/>
  <c r="F1098" i="26"/>
  <c r="F1025" i="26"/>
  <c r="F929" i="26"/>
  <c r="F331" i="26"/>
  <c r="F879" i="26"/>
  <c r="F1458" i="26"/>
  <c r="F1442" i="26"/>
  <c r="F1839" i="26"/>
  <c r="F650" i="26"/>
  <c r="F2282" i="26"/>
  <c r="F1644" i="26"/>
  <c r="F946" i="26"/>
  <c r="F329" i="26"/>
  <c r="F737" i="26"/>
  <c r="F964" i="26"/>
  <c r="F651" i="26"/>
  <c r="F597" i="26"/>
  <c r="F1610" i="26"/>
  <c r="F835" i="26"/>
  <c r="F1729" i="26"/>
  <c r="F2001" i="26"/>
  <c r="F945" i="26"/>
  <c r="F1608" i="26"/>
  <c r="F1905" i="26"/>
  <c r="F1274" i="26"/>
  <c r="F1407" i="26"/>
  <c r="F1664" i="26"/>
  <c r="F1202" i="26"/>
  <c r="F1898" i="26"/>
  <c r="F1842" i="26"/>
  <c r="F210" i="26"/>
  <c r="F1457" i="26"/>
  <c r="F2435" i="26"/>
  <c r="F762" i="26"/>
  <c r="F2675" i="26"/>
  <c r="F1258" i="26"/>
  <c r="F1684" i="26"/>
  <c r="F882" i="26"/>
  <c r="F914" i="26"/>
  <c r="F721" i="26"/>
  <c r="F793" i="26"/>
  <c r="F1072" i="26"/>
  <c r="F509" i="26"/>
  <c r="F175" i="26"/>
  <c r="F810" i="26"/>
  <c r="F897" i="26"/>
  <c r="F1337" i="26"/>
  <c r="F1667" i="26"/>
  <c r="F258" i="26"/>
  <c r="F985" i="26"/>
  <c r="F1618" i="26"/>
  <c r="F2446" i="26"/>
  <c r="F1914" i="26"/>
  <c r="F1041" i="26"/>
  <c r="F1816" i="26"/>
  <c r="F834" i="26"/>
  <c r="F289" i="26"/>
  <c r="F1149" i="26"/>
  <c r="F1921" i="26"/>
  <c r="F2697" i="26"/>
  <c r="F1991" i="26"/>
  <c r="F1777" i="26"/>
  <c r="F1146" i="26"/>
  <c r="F2690" i="26"/>
  <c r="F1833" i="26"/>
  <c r="F2274" i="26"/>
  <c r="F1794" i="26"/>
  <c r="F705" i="26"/>
  <c r="F1418" i="26"/>
  <c r="F1241" i="26"/>
  <c r="F1647" i="26"/>
  <c r="F1482" i="26"/>
  <c r="F1993" i="26"/>
  <c r="F465" i="26"/>
  <c r="F1215" i="26"/>
  <c r="F1417" i="26"/>
  <c r="F1426" i="26"/>
  <c r="F1491" i="26"/>
  <c r="F780" i="26"/>
  <c r="F625" i="26"/>
  <c r="F977" i="26"/>
  <c r="F560" i="26"/>
  <c r="F940" i="26"/>
  <c r="F697" i="26"/>
  <c r="F170" i="26"/>
  <c r="F538" i="26"/>
  <c r="F377" i="26"/>
  <c r="F1121" i="26"/>
  <c r="F1105" i="26"/>
  <c r="F1164" i="26"/>
  <c r="F399" i="26"/>
  <c r="F1135" i="26"/>
  <c r="F1601" i="26"/>
  <c r="F1210" i="26"/>
  <c r="F1250" i="26"/>
  <c r="F442" i="26"/>
  <c r="F450" i="26"/>
  <c r="F1081" i="26"/>
  <c r="F1538" i="26"/>
  <c r="F498" i="26"/>
  <c r="F1945" i="26"/>
  <c r="F1930" i="26"/>
  <c r="F1674" i="26"/>
  <c r="F1193" i="26"/>
  <c r="F953" i="26"/>
  <c r="F730" i="26"/>
  <c r="F1099" i="26"/>
  <c r="F1106" i="26"/>
  <c r="F618" i="26"/>
  <c r="F527" i="26"/>
  <c r="F922" i="26"/>
  <c r="F1641" i="26"/>
  <c r="F1065" i="26"/>
  <c r="F2280" i="26"/>
  <c r="F836" i="26"/>
  <c r="F1018" i="26"/>
  <c r="F564" i="26"/>
  <c r="F593" i="26"/>
  <c r="F722" i="26"/>
  <c r="F898" i="26"/>
  <c r="F842" i="26"/>
  <c r="F1603" i="26"/>
  <c r="F505" i="26"/>
  <c r="F1226" i="26"/>
  <c r="F369" i="26"/>
  <c r="F218" i="26"/>
  <c r="F748" i="26"/>
  <c r="F1522" i="26"/>
  <c r="F1929" i="26"/>
  <c r="F952" i="26"/>
  <c r="F578" i="26"/>
  <c r="F623" i="26"/>
  <c r="F2563" i="26"/>
  <c r="F1897" i="26"/>
  <c r="F944" i="26"/>
  <c r="F1364" i="26"/>
  <c r="F1001" i="26"/>
  <c r="F441" i="26"/>
  <c r="F687" i="26"/>
  <c r="F456" i="26"/>
  <c r="F1967" i="26"/>
  <c r="F1295" i="26"/>
  <c r="F2682" i="26"/>
  <c r="F881" i="26"/>
  <c r="F970" i="26"/>
  <c r="F457" i="26"/>
  <c r="F1030" i="26"/>
  <c r="F1071" i="26"/>
  <c r="F1922" i="26"/>
  <c r="F2431" i="26"/>
  <c r="F2570" i="26"/>
  <c r="F2434" i="26"/>
  <c r="F1858" i="26"/>
  <c r="F2273" i="26"/>
  <c r="F353" i="26"/>
  <c r="F1033" i="26"/>
  <c r="F1690" i="26"/>
  <c r="F1009" i="26"/>
  <c r="F1214" i="26"/>
  <c r="F259" i="26"/>
  <c r="F375" i="26"/>
  <c r="F361" i="26"/>
  <c r="F481" i="26"/>
  <c r="F559" i="26"/>
  <c r="F1147" i="26"/>
  <c r="F682" i="26"/>
  <c r="F1625" i="26"/>
  <c r="F2562" i="26"/>
  <c r="F2442" i="26"/>
  <c r="F1218" i="26"/>
  <c r="F642" i="26"/>
  <c r="F827" i="26"/>
  <c r="F857" i="26"/>
  <c r="F1034" i="26"/>
  <c r="F1697" i="26"/>
  <c r="F610" i="26"/>
  <c r="F2276" i="26"/>
  <c r="F602" i="26"/>
  <c r="F1675" i="26"/>
  <c r="F1649" i="26"/>
  <c r="F1497" i="26"/>
  <c r="F1529" i="26"/>
  <c r="F601" i="26"/>
  <c r="F1705" i="26"/>
  <c r="F1569" i="26"/>
  <c r="F1990" i="26"/>
  <c r="F1665" i="26"/>
  <c r="F802" i="26"/>
  <c r="F1681" i="26"/>
  <c r="F1153" i="26"/>
  <c r="F217" i="26"/>
  <c r="F1393" i="26"/>
  <c r="F2681" i="26"/>
  <c r="F1862" i="26"/>
  <c r="F1330" i="26"/>
  <c r="F1473" i="26"/>
  <c r="F1178" i="26"/>
  <c r="F466" i="26"/>
  <c r="F1576" i="26"/>
  <c r="F394" i="26"/>
  <c r="F617" i="26"/>
  <c r="F729" i="26"/>
  <c r="F1107" i="26"/>
  <c r="F746" i="26"/>
  <c r="F826" i="26"/>
  <c r="F849" i="26"/>
  <c r="F2689" i="26"/>
  <c r="F33" i="26"/>
  <c r="F1082" i="26"/>
  <c r="F1101" i="26"/>
  <c r="F1402" i="26"/>
  <c r="F824" i="26"/>
  <c r="F378" i="26"/>
  <c r="F1391" i="26"/>
  <c r="F416" i="26"/>
  <c r="F1505" i="26"/>
  <c r="F1834" i="26"/>
  <c r="F2696" i="26"/>
  <c r="F1353" i="26"/>
  <c r="F1581" i="26"/>
  <c r="F1197" i="26"/>
  <c r="F337" i="26"/>
  <c r="F1940" i="26"/>
  <c r="F1617" i="26"/>
  <c r="F1010" i="26"/>
  <c r="F418" i="26"/>
  <c r="F1145" i="26"/>
  <c r="F1201" i="26"/>
  <c r="F1233" i="26"/>
  <c r="F1937" i="26"/>
  <c r="F1441" i="26"/>
  <c r="F1170" i="26"/>
  <c r="F2671" i="26"/>
  <c r="F1345" i="26"/>
  <c r="F1513" i="26"/>
  <c r="F1377" i="26"/>
  <c r="F962" i="26"/>
  <c r="F1194" i="26"/>
  <c r="F385" i="26"/>
  <c r="F1122" i="26"/>
  <c r="F1609" i="26"/>
  <c r="F1537" i="26"/>
  <c r="F1243" i="26"/>
  <c r="F1770" i="26"/>
  <c r="F1290" i="26"/>
  <c r="F1670" i="26"/>
  <c r="F1817" i="26"/>
  <c r="F531" i="26"/>
  <c r="F921" i="26"/>
  <c r="F689" i="26"/>
  <c r="F431" i="26"/>
  <c r="F1676" i="26"/>
  <c r="F978" i="26"/>
  <c r="F298" i="26"/>
  <c r="F1539" i="26"/>
  <c r="F787" i="26"/>
  <c r="F313" i="26"/>
  <c r="F1378" i="26"/>
  <c r="F1786" i="26"/>
  <c r="F710" i="26"/>
  <c r="F1058" i="26"/>
  <c r="F2441" i="26"/>
  <c r="F1901" i="26"/>
  <c r="F1209" i="26"/>
  <c r="F770" i="26"/>
  <c r="F815" i="26"/>
  <c r="F521" i="26"/>
  <c r="F372" i="26"/>
  <c r="F1673" i="26"/>
  <c r="F1660" i="26"/>
  <c r="F1634" i="26"/>
  <c r="F724" i="26"/>
  <c r="F1089" i="26"/>
  <c r="F782" i="26"/>
  <c r="F690" i="26"/>
  <c r="F930" i="26"/>
  <c r="F626" i="26"/>
  <c r="F1385" i="26"/>
  <c r="F1430" i="26"/>
  <c r="F1731" i="26"/>
  <c r="F785" i="26"/>
  <c r="F514" i="26"/>
  <c r="F265" i="26"/>
  <c r="F900" i="26"/>
  <c r="F318" i="26"/>
  <c r="F474" i="26"/>
  <c r="F426" i="26"/>
  <c r="F1057" i="26"/>
  <c r="F586" i="26"/>
  <c r="F913" i="26"/>
  <c r="F969" i="26"/>
  <c r="F434" i="26"/>
  <c r="F540" i="26"/>
  <c r="F1835" i="26"/>
  <c r="F1114" i="26"/>
  <c r="F641" i="26"/>
  <c r="F1826" i="26"/>
  <c r="F1465" i="26"/>
  <c r="F1217" i="26"/>
  <c r="F2673" i="26"/>
  <c r="F1412" i="26"/>
  <c r="F1050" i="26"/>
  <c r="F301" i="26"/>
  <c r="F1294" i="26"/>
  <c r="F1666" i="26"/>
  <c r="F1562" i="26"/>
  <c r="F1753" i="26"/>
  <c r="F1406" i="26"/>
  <c r="F961" i="26"/>
  <c r="F1313" i="26"/>
  <c r="F1314" i="26"/>
  <c r="F1821" i="26"/>
  <c r="F633" i="26"/>
  <c r="F1433" i="26"/>
  <c r="F1138" i="26"/>
  <c r="F1287" i="26"/>
  <c r="F1540" i="26"/>
  <c r="F794" i="26"/>
  <c r="F585" i="26"/>
  <c r="F817" i="26"/>
  <c r="F1578" i="26"/>
  <c r="F616" i="26"/>
  <c r="F1219" i="26"/>
  <c r="F2281" i="26"/>
  <c r="F2002" i="26"/>
  <c r="F1177" i="26"/>
  <c r="F1456" i="26"/>
  <c r="F1321" i="26"/>
  <c r="F1961" i="26"/>
  <c r="F1938" i="26"/>
  <c r="F1320" i="26"/>
  <c r="F1738" i="26"/>
  <c r="F1185" i="26"/>
  <c r="F2433" i="26"/>
  <c r="F1811" i="26"/>
  <c r="F338" i="26"/>
  <c r="F401" i="26"/>
  <c r="F551" i="26"/>
  <c r="F1812" i="26"/>
  <c r="F643" i="26"/>
  <c r="F449" i="26"/>
  <c r="F2569" i="26"/>
  <c r="F620" i="26"/>
  <c r="F1084" i="26"/>
  <c r="F1806" i="26"/>
  <c r="F1714" i="26"/>
  <c r="F769" i="26"/>
  <c r="F1150" i="26"/>
  <c r="F745" i="26"/>
  <c r="F1281" i="26"/>
  <c r="F545" i="26"/>
  <c r="F1841" i="26"/>
  <c r="F552" i="26"/>
  <c r="F495" i="26"/>
  <c r="F1338" i="26"/>
  <c r="F1810" i="26"/>
  <c r="F1425" i="26"/>
  <c r="F1362" i="26"/>
  <c r="F1474" i="26"/>
  <c r="F2448" i="26"/>
  <c r="F1347" i="26"/>
  <c r="F653" i="26"/>
  <c r="F1848" i="26"/>
  <c r="F1369" i="26"/>
  <c r="F1498" i="26"/>
  <c r="F1370" i="26"/>
  <c r="F1658" i="26"/>
  <c r="F1583" i="26"/>
  <c r="F1778" i="26"/>
  <c r="F570" i="26"/>
  <c r="F1207" i="26"/>
  <c r="F497" i="26"/>
  <c r="F778" i="26"/>
  <c r="F825" i="26"/>
  <c r="F684" i="26"/>
  <c r="F1137" i="26"/>
  <c r="F346" i="26"/>
  <c r="F1401" i="26"/>
  <c r="F738" i="26"/>
  <c r="F753" i="26"/>
  <c r="S64" i="22"/>
  <c r="V64" i="22" s="1"/>
  <c r="X69" i="22"/>
  <c r="Y69" i="22" s="1"/>
  <c r="Z69" i="22" s="1"/>
  <c r="BE69" i="22" s="1"/>
  <c r="X80" i="22"/>
  <c r="Y80" i="22" s="1"/>
  <c r="Z80" i="22" s="1"/>
  <c r="BC80" i="22" s="1"/>
  <c r="X80" i="14" s="1"/>
  <c r="X56" i="22"/>
  <c r="Y56" i="22" s="1"/>
  <c r="Z56" i="22" s="1"/>
  <c r="BG56" i="22" s="1"/>
  <c r="X81" i="22"/>
  <c r="Y81" i="22" s="1"/>
  <c r="Z81" i="22" s="1"/>
  <c r="BK81" i="22" s="1"/>
  <c r="AF81" i="14" s="1"/>
  <c r="X73" i="22"/>
  <c r="Y73" i="22" s="1"/>
  <c r="Z73" i="22" s="1"/>
  <c r="BF73" i="22" s="1"/>
  <c r="X75" i="22"/>
  <c r="Y75" i="22" s="1"/>
  <c r="Z75" i="22" s="1"/>
  <c r="BK75" i="22" s="1"/>
  <c r="X79" i="22"/>
  <c r="Y79" i="22" s="1"/>
  <c r="Z79" i="22" s="1"/>
  <c r="BF79" i="22" s="1"/>
  <c r="AA79" i="14" s="1"/>
  <c r="X82" i="22"/>
  <c r="Y82" i="22" s="1"/>
  <c r="Z82" i="22" s="1"/>
  <c r="BL82" i="22" s="1"/>
  <c r="AG82" i="14" s="1"/>
  <c r="X76" i="22"/>
  <c r="Y76" i="22" s="1"/>
  <c r="Z76" i="22" s="1"/>
  <c r="X64" i="22"/>
  <c r="Y64" i="22" s="1"/>
  <c r="Z64" i="22" s="1"/>
  <c r="BE64" i="22" s="1"/>
  <c r="X62" i="22"/>
  <c r="Y62" i="22" s="1"/>
  <c r="Z62" i="22" s="1"/>
  <c r="BJ62" i="22" s="1"/>
  <c r="X67" i="22"/>
  <c r="Y67" i="22" s="1"/>
  <c r="Z67" i="22" s="1"/>
  <c r="BE67" i="22" s="1"/>
  <c r="X60" i="22"/>
  <c r="Y60" i="22" s="1"/>
  <c r="Z60" i="22" s="1"/>
  <c r="G60" i="14" s="1"/>
  <c r="X38" i="22"/>
  <c r="Y38" i="22" s="1"/>
  <c r="Z38" i="22" s="1"/>
  <c r="BA38" i="22" s="1"/>
  <c r="X45" i="22"/>
  <c r="Y45" i="22" s="1"/>
  <c r="Z45" i="22" s="1"/>
  <c r="BD45" i="22" s="1"/>
  <c r="X43" i="22"/>
  <c r="Y43" i="22" s="1"/>
  <c r="Z43" i="22" s="1"/>
  <c r="BG43" i="22" s="1"/>
  <c r="X35" i="22"/>
  <c r="Y35" i="22" s="1"/>
  <c r="Z35" i="22" s="1"/>
  <c r="X36" i="22"/>
  <c r="Y36" i="22" s="1"/>
  <c r="Z36" i="22" s="1"/>
  <c r="BL36" i="22" s="1"/>
  <c r="X34" i="22"/>
  <c r="Y34" i="22" s="1"/>
  <c r="Z34" i="22" s="1"/>
  <c r="BG34" i="22" s="1"/>
  <c r="BB37" i="22"/>
  <c r="BF37" i="22"/>
  <c r="BC37" i="22"/>
  <c r="BJ37" i="22"/>
  <c r="BE37" i="22"/>
  <c r="BH37" i="22"/>
  <c r="BG37" i="22"/>
  <c r="BI37" i="22"/>
  <c r="BA37" i="22"/>
  <c r="BK37" i="22"/>
  <c r="BD37" i="22"/>
  <c r="G37" i="14"/>
  <c r="BL37" i="22"/>
  <c r="BG41" i="22"/>
  <c r="G41" i="14"/>
  <c r="BK41" i="22"/>
  <c r="BB41" i="22"/>
  <c r="BD41" i="22"/>
  <c r="BJ41" i="22"/>
  <c r="BI41" i="22"/>
  <c r="BA41" i="22"/>
  <c r="BL41" i="22"/>
  <c r="BF41" i="22"/>
  <c r="BC41" i="22"/>
  <c r="BE41" i="22"/>
  <c r="BH41" i="22"/>
  <c r="BK42" i="22"/>
  <c r="BL42" i="22"/>
  <c r="BB42" i="22"/>
  <c r="BG42" i="22"/>
  <c r="G42" i="14"/>
  <c r="BF42" i="22"/>
  <c r="BC42" i="22"/>
  <c r="BH42" i="22"/>
  <c r="BI42" i="22"/>
  <c r="BE42" i="22"/>
  <c r="BJ42" i="22"/>
  <c r="BD42" i="22"/>
  <c r="BA42" i="22"/>
  <c r="BC44" i="22"/>
  <c r="BD44" i="22"/>
  <c r="BL44" i="22"/>
  <c r="BA44" i="22"/>
  <c r="BE44" i="22"/>
  <c r="BG44" i="22"/>
  <c r="BI44" i="22"/>
  <c r="G44" i="14"/>
  <c r="BJ44" i="22"/>
  <c r="BK44" i="22"/>
  <c r="BH44" i="22"/>
  <c r="BF44" i="22"/>
  <c r="BB44" i="22"/>
  <c r="BJ46" i="22"/>
  <c r="BA46" i="22"/>
  <c r="BI46" i="22"/>
  <c r="G46" i="14"/>
  <c r="BE46" i="22"/>
  <c r="BH46" i="22"/>
  <c r="BL46" i="22"/>
  <c r="BD46" i="22"/>
  <c r="BG46" i="22"/>
  <c r="BC46" i="22"/>
  <c r="BK46" i="22"/>
  <c r="BB46" i="22"/>
  <c r="BF46" i="22"/>
  <c r="X32" i="22"/>
  <c r="Y32" i="22" s="1"/>
  <c r="Z32" i="22" s="1"/>
  <c r="BE32" i="22" s="1"/>
  <c r="X33" i="22"/>
  <c r="Y33" i="22" s="1"/>
  <c r="Z33" i="22" s="1"/>
  <c r="BC33" i="22" s="1"/>
  <c r="BA39" i="22"/>
  <c r="BH39" i="22"/>
  <c r="BB39" i="22"/>
  <c r="BD39" i="22"/>
  <c r="G39" i="14"/>
  <c r="BG39" i="22"/>
  <c r="BJ39" i="22"/>
  <c r="BC39" i="22"/>
  <c r="BE39" i="22"/>
  <c r="BL39" i="22"/>
  <c r="BI39" i="22"/>
  <c r="BF39" i="22"/>
  <c r="BK39" i="22"/>
  <c r="BJ40" i="22"/>
  <c r="BF40" i="22"/>
  <c r="BC40" i="22"/>
  <c r="BG40" i="22"/>
  <c r="BE40" i="22"/>
  <c r="BD40" i="22"/>
  <c r="BH40" i="22"/>
  <c r="BI40" i="22"/>
  <c r="BK40" i="22"/>
  <c r="BL40" i="22"/>
  <c r="BA40" i="22"/>
  <c r="BB40" i="22"/>
  <c r="G40" i="14"/>
  <c r="BH67" i="22"/>
  <c r="BD67" i="22"/>
  <c r="G67" i="14"/>
  <c r="BA67" i="22"/>
  <c r="BI69" i="22"/>
  <c r="BB69" i="22"/>
  <c r="BJ69" i="22"/>
  <c r="BL69" i="22"/>
  <c r="BG69" i="22"/>
  <c r="BF69" i="22"/>
  <c r="G69" i="14"/>
  <c r="BH69" i="22"/>
  <c r="BC69" i="22"/>
  <c r="BA69" i="22"/>
  <c r="BH77" i="22"/>
  <c r="BJ77" i="22"/>
  <c r="BA77" i="22"/>
  <c r="G77" i="14"/>
  <c r="BE77" i="22"/>
  <c r="BD77" i="22"/>
  <c r="BI77" i="22"/>
  <c r="BL77" i="22"/>
  <c r="BF77" i="22"/>
  <c r="BG77" i="22"/>
  <c r="BC77" i="22"/>
  <c r="BB77" i="22"/>
  <c r="BK77" i="22"/>
  <c r="BI70" i="22"/>
  <c r="BC70" i="22"/>
  <c r="BL70" i="22"/>
  <c r="G70" i="14"/>
  <c r="BB70" i="22"/>
  <c r="BE70" i="22"/>
  <c r="BD70" i="22"/>
  <c r="BH70" i="22"/>
  <c r="BK70" i="22"/>
  <c r="BG70" i="22"/>
  <c r="BJ70" i="22"/>
  <c r="BF70" i="22"/>
  <c r="BA70" i="22"/>
  <c r="G78" i="14"/>
  <c r="BL78" i="22"/>
  <c r="BC78" i="22"/>
  <c r="BK78" i="22"/>
  <c r="BH78" i="22"/>
  <c r="BF78" i="22"/>
  <c r="BI78" i="22"/>
  <c r="BJ78" i="22"/>
  <c r="BA78" i="22"/>
  <c r="BE78" i="22"/>
  <c r="BB78" i="22"/>
  <c r="BG78" i="22"/>
  <c r="BD78" i="22"/>
  <c r="BF68" i="22"/>
  <c r="BL68" i="22"/>
  <c r="BC68" i="22"/>
  <c r="BE68" i="22"/>
  <c r="BK68" i="22"/>
  <c r="BD68" i="22"/>
  <c r="BG68" i="22"/>
  <c r="BH68" i="22"/>
  <c r="BB68" i="22"/>
  <c r="G68" i="14"/>
  <c r="BJ68" i="22"/>
  <c r="BA68" i="22"/>
  <c r="BI68" i="22"/>
  <c r="BH81" i="22"/>
  <c r="AC81" i="14" s="1"/>
  <c r="BL81" i="22"/>
  <c r="AG81" i="14" s="1"/>
  <c r="BF81" i="22"/>
  <c r="AA81" i="14" s="1"/>
  <c r="BG81" i="22"/>
  <c r="AB81" i="14" s="1"/>
  <c r="BE81" i="22"/>
  <c r="Z81" i="14" s="1"/>
  <c r="BB81" i="22"/>
  <c r="W81" i="14" s="1"/>
  <c r="BI81" i="22"/>
  <c r="AD81" i="14" s="1"/>
  <c r="BC81" i="22"/>
  <c r="X81" i="14" s="1"/>
  <c r="BJ81" i="22"/>
  <c r="AE81" i="14" s="1"/>
  <c r="BD81" i="22"/>
  <c r="Y81" i="14" s="1"/>
  <c r="G81" i="14"/>
  <c r="BA81" i="22"/>
  <c r="V81" i="14" s="1"/>
  <c r="G73" i="14"/>
  <c r="BK73" i="22"/>
  <c r="BL73" i="22"/>
  <c r="BG71" i="22"/>
  <c r="BC71" i="22"/>
  <c r="BF71" i="22"/>
  <c r="BA71" i="22"/>
  <c r="G71" i="14"/>
  <c r="BB71" i="22"/>
  <c r="BE71" i="22"/>
  <c r="BL71" i="22"/>
  <c r="BH71" i="22"/>
  <c r="BD71" i="22"/>
  <c r="BK71" i="22"/>
  <c r="BJ71" i="22"/>
  <c r="BI71" i="22"/>
  <c r="BC74" i="22"/>
  <c r="BI74" i="22"/>
  <c r="BL74" i="22"/>
  <c r="BE74" i="22"/>
  <c r="BK74" i="22"/>
  <c r="BG74" i="22"/>
  <c r="BJ74" i="22"/>
  <c r="G74" i="14"/>
  <c r="BH74" i="22"/>
  <c r="BA74" i="22"/>
  <c r="BF74" i="22"/>
  <c r="BD74" i="22"/>
  <c r="BB74" i="22"/>
  <c r="BI65" i="22"/>
  <c r="BK65" i="22"/>
  <c r="BE65" i="22"/>
  <c r="BH65" i="22"/>
  <c r="BC65" i="22"/>
  <c r="BG65" i="22"/>
  <c r="BB65" i="22"/>
  <c r="BL65" i="22"/>
  <c r="BA65" i="22"/>
  <c r="BJ65" i="22"/>
  <c r="BD65" i="22"/>
  <c r="G65" i="14"/>
  <c r="BF65" i="22"/>
  <c r="BF66" i="22"/>
  <c r="BJ66" i="22"/>
  <c r="BD66" i="22"/>
  <c r="BB66" i="22"/>
  <c r="BA66" i="22"/>
  <c r="BK66" i="22"/>
  <c r="BE66" i="22"/>
  <c r="G66" i="14"/>
  <c r="BH66" i="22"/>
  <c r="BI66" i="22"/>
  <c r="BC66" i="22"/>
  <c r="BL66" i="22"/>
  <c r="BG66" i="22"/>
  <c r="G80" i="14"/>
  <c r="BB80" i="22"/>
  <c r="W80" i="14" s="1"/>
  <c r="BF76" i="22"/>
  <c r="BC76" i="22"/>
  <c r="BH76" i="22"/>
  <c r="BE76" i="22"/>
  <c r="BG76" i="22"/>
  <c r="G76" i="14"/>
  <c r="BA76" i="22"/>
  <c r="BJ76" i="22"/>
  <c r="BK76" i="22"/>
  <c r="BL76" i="22"/>
  <c r="BI76" i="22"/>
  <c r="BD76" i="22"/>
  <c r="BB76" i="22"/>
  <c r="BB61" i="22"/>
  <c r="BD61" i="22"/>
  <c r="G61" i="14"/>
  <c r="BI61" i="22"/>
  <c r="BF61" i="22"/>
  <c r="BC61" i="22"/>
  <c r="BG61" i="22"/>
  <c r="BK61" i="22"/>
  <c r="BE61" i="22"/>
  <c r="BA61" i="22"/>
  <c r="BJ61" i="22"/>
  <c r="BH61" i="22"/>
  <c r="BL61" i="22"/>
  <c r="BL64" i="22"/>
  <c r="BF64" i="22"/>
  <c r="BI64" i="22"/>
  <c r="W31" i="22"/>
  <c r="V31" i="22"/>
  <c r="X31" i="22" s="1"/>
  <c r="Y31" i="22" s="1"/>
  <c r="Z31" i="22" s="1"/>
  <c r="BF31" i="22" s="1"/>
  <c r="W29" i="22"/>
  <c r="V29" i="22"/>
  <c r="X29" i="22" s="1"/>
  <c r="BG30" i="22"/>
  <c r="BI30" i="22"/>
  <c r="BK30" i="22"/>
  <c r="BC30" i="22"/>
  <c r="BB30" i="22"/>
  <c r="BL30" i="22"/>
  <c r="BE30" i="22"/>
  <c r="BD30" i="22"/>
  <c r="BA30" i="22"/>
  <c r="BF30" i="22"/>
  <c r="BJ30" i="22"/>
  <c r="BH30" i="22"/>
  <c r="G30" i="14"/>
  <c r="BG55" i="22"/>
  <c r="BJ55" i="22"/>
  <c r="BI55" i="22"/>
  <c r="G55" i="14"/>
  <c r="BB55" i="22"/>
  <c r="BA55" i="22"/>
  <c r="BC55" i="22"/>
  <c r="BL55" i="22"/>
  <c r="BH55" i="22"/>
  <c r="BF55" i="22"/>
  <c r="BK55" i="22"/>
  <c r="BD55" i="22"/>
  <c r="BE55" i="22"/>
  <c r="BL27" i="22"/>
  <c r="AG27" i="14" s="1"/>
  <c r="BI27" i="22"/>
  <c r="AD27" i="14" s="1"/>
  <c r="BH27" i="22"/>
  <c r="AC27" i="14" s="1"/>
  <c r="BG27" i="22"/>
  <c r="AB27" i="14" s="1"/>
  <c r="BJ27" i="22"/>
  <c r="AE27" i="14" s="1"/>
  <c r="BC27" i="22"/>
  <c r="X27" i="14" s="1"/>
  <c r="BA27" i="22"/>
  <c r="V27" i="14" s="1"/>
  <c r="G27" i="14"/>
  <c r="BK27" i="22"/>
  <c r="AF27" i="14" s="1"/>
  <c r="BE27" i="22"/>
  <c r="Z27" i="14" s="1"/>
  <c r="BB27" i="22"/>
  <c r="W27" i="14" s="1"/>
  <c r="BD27" i="22"/>
  <c r="Y27" i="14" s="1"/>
  <c r="BF27" i="22"/>
  <c r="AA27" i="14" s="1"/>
  <c r="BK28" i="22"/>
  <c r="AF28" i="14" s="1"/>
  <c r="BI28" i="22"/>
  <c r="AD28" i="14" s="1"/>
  <c r="BG28" i="22"/>
  <c r="AB28" i="14" s="1"/>
  <c r="BE28" i="22"/>
  <c r="Z28" i="14" s="1"/>
  <c r="BL28" i="22"/>
  <c r="AG28" i="14" s="1"/>
  <c r="G28" i="14"/>
  <c r="BD28" i="22"/>
  <c r="Y28" i="14" s="1"/>
  <c r="BB28" i="22"/>
  <c r="W28" i="14" s="1"/>
  <c r="BH28" i="22"/>
  <c r="AC28" i="14" s="1"/>
  <c r="BC28" i="22"/>
  <c r="X28" i="14" s="1"/>
  <c r="BF28" i="22"/>
  <c r="AA28" i="14" s="1"/>
  <c r="BJ28" i="22"/>
  <c r="AE28" i="14" s="1"/>
  <c r="BA28" i="22"/>
  <c r="V28" i="14" s="1"/>
  <c r="BK57" i="22"/>
  <c r="BG57" i="22"/>
  <c r="G57" i="14"/>
  <c r="BE57" i="22"/>
  <c r="BA57" i="22"/>
  <c r="BJ57" i="22"/>
  <c r="BC57" i="22"/>
  <c r="BB57" i="22"/>
  <c r="BF57" i="22"/>
  <c r="BI57" i="22"/>
  <c r="BD57" i="22"/>
  <c r="BL57" i="22"/>
  <c r="BH57" i="22"/>
  <c r="BC32" i="22"/>
  <c r="BJ32" i="22"/>
  <c r="BF32" i="22"/>
  <c r="BA32" i="22"/>
  <c r="BI36" i="22"/>
  <c r="BC36" i="22"/>
  <c r="G35" i="14"/>
  <c r="BJ35" i="22"/>
  <c r="BG35" i="22"/>
  <c r="BI35" i="22"/>
  <c r="BK35" i="22"/>
  <c r="BL35" i="22"/>
  <c r="BA35" i="22"/>
  <c r="BB35" i="22"/>
  <c r="BH35" i="22"/>
  <c r="BD35" i="22"/>
  <c r="BE35" i="22"/>
  <c r="BC35" i="22"/>
  <c r="BF35" i="22"/>
  <c r="BD58" i="22"/>
  <c r="BI58" i="22"/>
  <c r="BH58" i="22"/>
  <c r="BK58" i="22"/>
  <c r="BE58" i="22"/>
  <c r="G58" i="14"/>
  <c r="BC58" i="22"/>
  <c r="BJ58" i="22"/>
  <c r="BL58" i="22"/>
  <c r="BB58" i="22"/>
  <c r="BA58" i="22"/>
  <c r="BF58" i="22"/>
  <c r="BG58" i="22"/>
  <c r="BJ56" i="22"/>
  <c r="BI56" i="22"/>
  <c r="BF56" i="22"/>
  <c r="G56" i="14"/>
  <c r="BA56" i="22" l="1"/>
  <c r="BL56" i="22"/>
  <c r="G36" i="14"/>
  <c r="BA64" i="22"/>
  <c r="BL67" i="22"/>
  <c r="BC56" i="22"/>
  <c r="BH56" i="22"/>
  <c r="BG36" i="22"/>
  <c r="BB67" i="22"/>
  <c r="BD56" i="22"/>
  <c r="BB56" i="22"/>
  <c r="BA34" i="22"/>
  <c r="BG67" i="22"/>
  <c r="BE56" i="22"/>
  <c r="BK56" i="22"/>
  <c r="BI34" i="22"/>
  <c r="BI80" i="22"/>
  <c r="AD80" i="14" s="1"/>
  <c r="BF67" i="22"/>
  <c r="BA80" i="22"/>
  <c r="V80" i="14" s="1"/>
  <c r="AJ80" i="14" s="1"/>
  <c r="AJ27" i="14"/>
  <c r="BE36" i="22"/>
  <c r="BD36" i="22"/>
  <c r="BB64" i="22"/>
  <c r="BJ64" i="22"/>
  <c r="BK80" i="22"/>
  <c r="AF80" i="14" s="1"/>
  <c r="BH80" i="22"/>
  <c r="AC80" i="14" s="1"/>
  <c r="BD73" i="22"/>
  <c r="Y73" i="14" s="1"/>
  <c r="AM73" i="14" s="1"/>
  <c r="CC73" i="14" s="1"/>
  <c r="BI67" i="22"/>
  <c r="AD67" i="14" s="1"/>
  <c r="AR67" i="14" s="1"/>
  <c r="BJ67" i="22"/>
  <c r="BJ36" i="22"/>
  <c r="BA36" i="22"/>
  <c r="G64" i="14"/>
  <c r="BD64" i="22"/>
  <c r="BD80" i="22"/>
  <c r="Y80" i="14" s="1"/>
  <c r="BC64" i="22"/>
  <c r="X64" i="14" s="1"/>
  <c r="AL64" i="14" s="1"/>
  <c r="BL80" i="22"/>
  <c r="AG80" i="14" s="1"/>
  <c r="BH36" i="22"/>
  <c r="BH64" i="22"/>
  <c r="BF80" i="22"/>
  <c r="AA80" i="14" s="1"/>
  <c r="BF36" i="22"/>
  <c r="BG64" i="22"/>
  <c r="BE80" i="22"/>
  <c r="Z80" i="14" s="1"/>
  <c r="BG80" i="22"/>
  <c r="AB80" i="14" s="1"/>
  <c r="AP80" i="14" s="1"/>
  <c r="CF80" i="14" s="1"/>
  <c r="BB36" i="22"/>
  <c r="BK36" i="22"/>
  <c r="BK64" i="22"/>
  <c r="BJ80" i="22"/>
  <c r="AE80" i="14" s="1"/>
  <c r="BK67" i="22"/>
  <c r="BC67" i="22"/>
  <c r="BK69" i="22"/>
  <c r="BG62" i="22"/>
  <c r="AB62" i="14" s="1"/>
  <c r="BD69" i="22"/>
  <c r="Y69" i="14" s="1"/>
  <c r="AM69" i="14" s="1"/>
  <c r="BC69" i="14" s="1"/>
  <c r="BE33" i="22"/>
  <c r="Z67" i="14"/>
  <c r="O46" i="25"/>
  <c r="AD57" i="14"/>
  <c r="AR57" i="14" s="1"/>
  <c r="BU57" i="14" s="1"/>
  <c r="W36" i="25"/>
  <c r="AB57" i="14"/>
  <c r="S36" i="25"/>
  <c r="Y64" i="14"/>
  <c r="M43" i="25"/>
  <c r="X61" i="14"/>
  <c r="K40" i="25"/>
  <c r="AD76" i="14"/>
  <c r="AR76" i="14" s="1"/>
  <c r="W55" i="25"/>
  <c r="AC76" i="14"/>
  <c r="U55" i="25"/>
  <c r="AB66" i="14"/>
  <c r="S45" i="25"/>
  <c r="V66" i="14"/>
  <c r="G45" i="25"/>
  <c r="AE65" i="14"/>
  <c r="AS65" i="14" s="1"/>
  <c r="Y44" i="25"/>
  <c r="AF65" i="14"/>
  <c r="AA44" i="25"/>
  <c r="AE74" i="14"/>
  <c r="Y53" i="25"/>
  <c r="AE71" i="14"/>
  <c r="Y50" i="25"/>
  <c r="V71" i="14"/>
  <c r="G50" i="25"/>
  <c r="AG68" i="14"/>
  <c r="AC47" i="25"/>
  <c r="AD78" i="14"/>
  <c r="W57" i="25"/>
  <c r="AA70" i="14"/>
  <c r="AO70" i="14" s="1"/>
  <c r="Q49" i="25"/>
  <c r="AB77" i="14"/>
  <c r="AP77" i="14" s="1"/>
  <c r="BF77" i="14" s="1"/>
  <c r="S56" i="25"/>
  <c r="AE77" i="14"/>
  <c r="Y56" i="25"/>
  <c r="AB69" i="14"/>
  <c r="S48" i="25"/>
  <c r="V67" i="14"/>
  <c r="G46" i="25"/>
  <c r="Y67" i="14"/>
  <c r="AM67" i="14" s="1"/>
  <c r="M46" i="25"/>
  <c r="AA73" i="14"/>
  <c r="Q52" i="25"/>
  <c r="AA57" i="14"/>
  <c r="Q36" i="25"/>
  <c r="AF57" i="14"/>
  <c r="AA36" i="25"/>
  <c r="AG61" i="14"/>
  <c r="AC40" i="25"/>
  <c r="AA61" i="14"/>
  <c r="Q40" i="25"/>
  <c r="AG76" i="14"/>
  <c r="AC55" i="25"/>
  <c r="X76" i="14"/>
  <c r="AL76" i="14" s="1"/>
  <c r="K55" i="25"/>
  <c r="AG66" i="14"/>
  <c r="AC45" i="25"/>
  <c r="W66" i="14"/>
  <c r="I45" i="25"/>
  <c r="V65" i="14"/>
  <c r="G44" i="25"/>
  <c r="AD65" i="14"/>
  <c r="AR65" i="14" s="1"/>
  <c r="W44" i="25"/>
  <c r="AB74" i="14"/>
  <c r="S53" i="25"/>
  <c r="AF71" i="14"/>
  <c r="AA50" i="25"/>
  <c r="AA71" i="14"/>
  <c r="Q50" i="25"/>
  <c r="W68" i="14"/>
  <c r="AK68" i="14" s="1"/>
  <c r="CA68" i="14" s="1"/>
  <c r="I47" i="25"/>
  <c r="AA68" i="14"/>
  <c r="Q47" i="25"/>
  <c r="AA78" i="14"/>
  <c r="Q57" i="25"/>
  <c r="AE70" i="14"/>
  <c r="Y49" i="25"/>
  <c r="AG70" i="14"/>
  <c r="AU70" i="14" s="1"/>
  <c r="AC49" i="25"/>
  <c r="AA77" i="14"/>
  <c r="Q56" i="25"/>
  <c r="AC77" i="14"/>
  <c r="U56" i="25"/>
  <c r="AG69" i="14"/>
  <c r="AC48" i="25"/>
  <c r="AF67" i="14"/>
  <c r="AT67" i="14" s="1"/>
  <c r="AA46" i="25"/>
  <c r="AC67" i="14"/>
  <c r="U46" i="25"/>
  <c r="W57" i="14"/>
  <c r="I36" i="25"/>
  <c r="AC64" i="14"/>
  <c r="U43" i="25"/>
  <c r="AC61" i="14"/>
  <c r="AQ61" i="14" s="1"/>
  <c r="BT61" i="14" s="1"/>
  <c r="U40" i="25"/>
  <c r="AD61" i="14"/>
  <c r="W40" i="25"/>
  <c r="AF76" i="14"/>
  <c r="AA55" i="25"/>
  <c r="AA76" i="14"/>
  <c r="Q55" i="25"/>
  <c r="X66" i="14"/>
  <c r="AL66" i="14" s="1"/>
  <c r="K45" i="25"/>
  <c r="Y66" i="14"/>
  <c r="M45" i="25"/>
  <c r="AG65" i="14"/>
  <c r="AC44" i="25"/>
  <c r="W74" i="14"/>
  <c r="I53" i="25"/>
  <c r="AF74" i="14"/>
  <c r="AT74" i="14" s="1"/>
  <c r="BJ74" i="14" s="1"/>
  <c r="AA53" i="25"/>
  <c r="Y71" i="14"/>
  <c r="M50" i="25"/>
  <c r="X71" i="14"/>
  <c r="K50" i="25"/>
  <c r="AC68" i="14"/>
  <c r="U47" i="25"/>
  <c r="Y78" i="14"/>
  <c r="AM78" i="14" s="1"/>
  <c r="M57" i="25"/>
  <c r="AC78" i="14"/>
  <c r="U57" i="25"/>
  <c r="AB70" i="14"/>
  <c r="S49" i="25"/>
  <c r="X70" i="14"/>
  <c r="K49" i="25"/>
  <c r="AG77" i="14"/>
  <c r="AU77" i="14" s="1"/>
  <c r="BK77" i="14" s="1"/>
  <c r="AC56" i="25"/>
  <c r="V69" i="14"/>
  <c r="G48" i="25"/>
  <c r="AE69" i="14"/>
  <c r="Y48" i="25"/>
  <c r="W67" i="14"/>
  <c r="I46" i="25"/>
  <c r="X67" i="14"/>
  <c r="AL67" i="14" s="1"/>
  <c r="K46" i="25"/>
  <c r="AE62" i="14"/>
  <c r="Y41" i="25"/>
  <c r="X57" i="14"/>
  <c r="K36" i="25"/>
  <c r="AB64" i="14"/>
  <c r="S43" i="25"/>
  <c r="AE61" i="14"/>
  <c r="AS61" i="14" s="1"/>
  <c r="BV61" i="14" s="1"/>
  <c r="Y40" i="25"/>
  <c r="AE76" i="14"/>
  <c r="Y55" i="25"/>
  <c r="AD66" i="14"/>
  <c r="W45" i="25"/>
  <c r="AE66" i="14"/>
  <c r="Y45" i="25"/>
  <c r="W65" i="14"/>
  <c r="AK65" i="14" s="1"/>
  <c r="I44" i="25"/>
  <c r="Y74" i="14"/>
  <c r="M53" i="25"/>
  <c r="Z74" i="14"/>
  <c r="O53" i="25"/>
  <c r="AC71" i="14"/>
  <c r="U50" i="25"/>
  <c r="AB71" i="14"/>
  <c r="AP71" i="14" s="1"/>
  <c r="S50" i="25"/>
  <c r="AB68" i="14"/>
  <c r="S47" i="25"/>
  <c r="AB78" i="14"/>
  <c r="S57" i="25"/>
  <c r="AF78" i="14"/>
  <c r="AA57" i="25"/>
  <c r="AF70" i="14"/>
  <c r="AT70" i="14" s="1"/>
  <c r="BW70" i="14" s="1"/>
  <c r="AA49" i="25"/>
  <c r="AD70" i="14"/>
  <c r="W49" i="25"/>
  <c r="AD77" i="14"/>
  <c r="W56" i="25"/>
  <c r="X69" i="14"/>
  <c r="K48" i="25"/>
  <c r="AF69" i="14"/>
  <c r="AA48" i="25"/>
  <c r="W46" i="25"/>
  <c r="AG67" i="14"/>
  <c r="AC46" i="25"/>
  <c r="AE57" i="14"/>
  <c r="Y36" i="25"/>
  <c r="AF64" i="14"/>
  <c r="AT64" i="14" s="1"/>
  <c r="CJ64" i="14" s="1"/>
  <c r="AA43" i="25"/>
  <c r="Z64" i="14"/>
  <c r="O43" i="25"/>
  <c r="V61" i="14"/>
  <c r="G40" i="25"/>
  <c r="Y61" i="14"/>
  <c r="AM61" i="14" s="1"/>
  <c r="BP61" i="14" s="1"/>
  <c r="M40" i="25"/>
  <c r="V76" i="14"/>
  <c r="AJ76" i="14" s="1"/>
  <c r="G55" i="25"/>
  <c r="AC66" i="14"/>
  <c r="U45" i="25"/>
  <c r="AA66" i="14"/>
  <c r="AO66" i="14" s="1"/>
  <c r="Q45" i="25"/>
  <c r="AB65" i="14"/>
  <c r="S44" i="25"/>
  <c r="AA74" i="14"/>
  <c r="Q53" i="25"/>
  <c r="AG74" i="14"/>
  <c r="AC53" i="25"/>
  <c r="AG71" i="14"/>
  <c r="AC50" i="25"/>
  <c r="AG73" i="14"/>
  <c r="AC52" i="25"/>
  <c r="Y68" i="14"/>
  <c r="AM68" i="14" s="1"/>
  <c r="BC68" i="14" s="1"/>
  <c r="M47" i="25"/>
  <c r="W78" i="14"/>
  <c r="I57" i="25"/>
  <c r="X78" i="14"/>
  <c r="K57" i="25"/>
  <c r="AC70" i="14"/>
  <c r="U49" i="25"/>
  <c r="Y77" i="14"/>
  <c r="M56" i="25"/>
  <c r="AC69" i="14"/>
  <c r="U48" i="25"/>
  <c r="M48" i="25"/>
  <c r="AB67" i="14"/>
  <c r="AP67" i="14" s="1"/>
  <c r="S46" i="25"/>
  <c r="AE67" i="14"/>
  <c r="Y46" i="25"/>
  <c r="AC57" i="14"/>
  <c r="U36" i="25"/>
  <c r="V57" i="14"/>
  <c r="G36" i="25"/>
  <c r="AD64" i="14"/>
  <c r="AR64" i="14" s="1"/>
  <c r="CH64" i="14" s="1"/>
  <c r="W43" i="25"/>
  <c r="V64" i="14"/>
  <c r="G43" i="25"/>
  <c r="Z61" i="14"/>
  <c r="O40" i="25"/>
  <c r="W61" i="14"/>
  <c r="I40" i="25"/>
  <c r="AA65" i="14"/>
  <c r="AO65" i="14" s="1"/>
  <c r="Q44" i="25"/>
  <c r="X65" i="14"/>
  <c r="K44" i="25"/>
  <c r="V74" i="14"/>
  <c r="G53" i="25"/>
  <c r="AD74" i="14"/>
  <c r="W53" i="25"/>
  <c r="Z71" i="14"/>
  <c r="O50" i="25"/>
  <c r="AF73" i="14"/>
  <c r="AA52" i="25"/>
  <c r="AD68" i="14"/>
  <c r="W47" i="25"/>
  <c r="AF68" i="14"/>
  <c r="AA47" i="25"/>
  <c r="Z78" i="14"/>
  <c r="AN78" i="14" s="1"/>
  <c r="O57" i="25"/>
  <c r="AG78" i="14"/>
  <c r="AC57" i="25"/>
  <c r="Y70" i="14"/>
  <c r="M49" i="25"/>
  <c r="AF77" i="14"/>
  <c r="AA56" i="25"/>
  <c r="Z77" i="14"/>
  <c r="AN77" i="14" s="1"/>
  <c r="O56" i="25"/>
  <c r="W69" i="14"/>
  <c r="I48" i="25"/>
  <c r="AA67" i="14"/>
  <c r="Q46" i="25"/>
  <c r="W64" i="22"/>
  <c r="AG57" i="14"/>
  <c r="AU57" i="14" s="1"/>
  <c r="BX57" i="14" s="1"/>
  <c r="AC36" i="25"/>
  <c r="Z57" i="14"/>
  <c r="AN57" i="14" s="1"/>
  <c r="CD57" i="14" s="1"/>
  <c r="O36" i="25"/>
  <c r="W64" i="14"/>
  <c r="AK64" i="14" s="1"/>
  <c r="I43" i="25"/>
  <c r="AE64" i="14"/>
  <c r="AS64" i="14" s="1"/>
  <c r="CI64" i="14" s="1"/>
  <c r="Y43" i="25"/>
  <c r="AF61" i="14"/>
  <c r="AT61" i="14" s="1"/>
  <c r="BW61" i="14" s="1"/>
  <c r="AA40" i="25"/>
  <c r="W76" i="14"/>
  <c r="AK76" i="14" s="1"/>
  <c r="BA76" i="14" s="1"/>
  <c r="I55" i="25"/>
  <c r="AB76" i="14"/>
  <c r="AP76" i="14" s="1"/>
  <c r="BF76" i="14" s="1"/>
  <c r="S55" i="25"/>
  <c r="Z66" i="14"/>
  <c r="AN66" i="14" s="1"/>
  <c r="BD66" i="14" s="1"/>
  <c r="O45" i="25"/>
  <c r="AC65" i="14"/>
  <c r="AQ65" i="14" s="1"/>
  <c r="U44" i="25"/>
  <c r="AC74" i="14"/>
  <c r="U53" i="25"/>
  <c r="X74" i="14"/>
  <c r="AL74" i="14" s="1"/>
  <c r="BO74" i="14" s="1"/>
  <c r="K53" i="25"/>
  <c r="W71" i="14"/>
  <c r="AK71" i="14" s="1"/>
  <c r="CA71" i="14" s="1"/>
  <c r="I50" i="25"/>
  <c r="V68" i="14"/>
  <c r="AJ68" i="14" s="1"/>
  <c r="AZ68" i="14" s="1"/>
  <c r="G47" i="25"/>
  <c r="Z68" i="14"/>
  <c r="AN68" i="14" s="1"/>
  <c r="CD68" i="14" s="1"/>
  <c r="O47" i="25"/>
  <c r="V78" i="14"/>
  <c r="AJ78" i="14" s="1"/>
  <c r="BZ78" i="14" s="1"/>
  <c r="G57" i="25"/>
  <c r="Z70" i="14"/>
  <c r="AN70" i="14" s="1"/>
  <c r="CD70" i="14" s="1"/>
  <c r="O49" i="25"/>
  <c r="W77" i="14"/>
  <c r="AK77" i="14" s="1"/>
  <c r="BA77" i="14" s="1"/>
  <c r="I56" i="25"/>
  <c r="AA69" i="14"/>
  <c r="AO69" i="14" s="1"/>
  <c r="BE69" i="14" s="1"/>
  <c r="Q48" i="25"/>
  <c r="AD69" i="14"/>
  <c r="W48" i="25"/>
  <c r="Y57" i="14"/>
  <c r="AM57" i="14" s="1"/>
  <c r="BC57" i="14" s="1"/>
  <c r="M36" i="25"/>
  <c r="AA64" i="14"/>
  <c r="AO64" i="14" s="1"/>
  <c r="Q43" i="25"/>
  <c r="AG64" i="14"/>
  <c r="AU64" i="14" s="1"/>
  <c r="AC43" i="25"/>
  <c r="AB61" i="14"/>
  <c r="AP61" i="14" s="1"/>
  <c r="S40" i="25"/>
  <c r="Y76" i="14"/>
  <c r="AM76" i="14" s="1"/>
  <c r="M55" i="25"/>
  <c r="Z76" i="14"/>
  <c r="AN76" i="14" s="1"/>
  <c r="O55" i="25"/>
  <c r="AF66" i="14"/>
  <c r="AT66" i="14" s="1"/>
  <c r="AA45" i="25"/>
  <c r="Y65" i="14"/>
  <c r="AM65" i="14" s="1"/>
  <c r="M44" i="25"/>
  <c r="Z65" i="14"/>
  <c r="AN65" i="14" s="1"/>
  <c r="O44" i="25"/>
  <c r="AD71" i="14"/>
  <c r="AR71" i="14" s="1"/>
  <c r="BH71" i="14" s="1"/>
  <c r="W50" i="25"/>
  <c r="AE68" i="14"/>
  <c r="AS68" i="14" s="1"/>
  <c r="BV68" i="14" s="1"/>
  <c r="Y47" i="25"/>
  <c r="X68" i="14"/>
  <c r="AL68" i="14" s="1"/>
  <c r="BO68" i="14" s="1"/>
  <c r="K47" i="25"/>
  <c r="AE78" i="14"/>
  <c r="AS78" i="14" s="1"/>
  <c r="Y57" i="25"/>
  <c r="V70" i="14"/>
  <c r="AJ70" i="14" s="1"/>
  <c r="BZ70" i="14" s="1"/>
  <c r="G49" i="25"/>
  <c r="W70" i="14"/>
  <c r="AK70" i="14" s="1"/>
  <c r="BA70" i="14" s="1"/>
  <c r="I49" i="25"/>
  <c r="X77" i="14"/>
  <c r="AL77" i="14" s="1"/>
  <c r="BO77" i="14" s="1"/>
  <c r="K56" i="25"/>
  <c r="V77" i="14"/>
  <c r="AJ77" i="14" s="1"/>
  <c r="BZ77" i="14" s="1"/>
  <c r="G56" i="25"/>
  <c r="Z69" i="14"/>
  <c r="AN69" i="14" s="1"/>
  <c r="CD69" i="14" s="1"/>
  <c r="O48" i="25"/>
  <c r="BB60" i="22"/>
  <c r="AF75" i="14"/>
  <c r="AA54" i="25"/>
  <c r="BL38" i="22"/>
  <c r="BI33" i="22"/>
  <c r="W12" i="25" s="1"/>
  <c r="BB75" i="22"/>
  <c r="BF33" i="22"/>
  <c r="AA33" i="14" s="1"/>
  <c r="AO33" i="14" s="1"/>
  <c r="BL75" i="22"/>
  <c r="BB33" i="22"/>
  <c r="I12" i="25" s="1"/>
  <c r="BA33" i="22"/>
  <c r="BJ33" i="22"/>
  <c r="AE33" i="14" s="1"/>
  <c r="AS33" i="14" s="1"/>
  <c r="BG38" i="22"/>
  <c r="BF75" i="22"/>
  <c r="BA75" i="22"/>
  <c r="BI75" i="22"/>
  <c r="BH75" i="22"/>
  <c r="BD75" i="22"/>
  <c r="BJ75" i="22"/>
  <c r="G75" i="14"/>
  <c r="BE75" i="22"/>
  <c r="BG75" i="22"/>
  <c r="BC75" i="22"/>
  <c r="BG33" i="22"/>
  <c r="AB33" i="14" s="1"/>
  <c r="AP33" i="14" s="1"/>
  <c r="BK33" i="22"/>
  <c r="BH33" i="22"/>
  <c r="AC33" i="14" s="1"/>
  <c r="AQ33" i="14" s="1"/>
  <c r="G33" i="14"/>
  <c r="BD33" i="22"/>
  <c r="M12" i="25" s="1"/>
  <c r="BL33" i="22"/>
  <c r="AG33" i="14" s="1"/>
  <c r="BD38" i="22"/>
  <c r="M17" i="25" s="1"/>
  <c r="BE38" i="22"/>
  <c r="O17" i="25" s="1"/>
  <c r="BK38" i="22"/>
  <c r="AF38" i="14" s="1"/>
  <c r="BB38" i="22"/>
  <c r="G38" i="14"/>
  <c r="BC38" i="22"/>
  <c r="K17" i="25" s="1"/>
  <c r="BF38" i="22"/>
  <c r="AA38" i="14" s="1"/>
  <c r="BC60" i="22"/>
  <c r="BE60" i="22"/>
  <c r="G79" i="14"/>
  <c r="BL79" i="22"/>
  <c r="AG79" i="14" s="1"/>
  <c r="BD79" i="22"/>
  <c r="Y79" i="14" s="1"/>
  <c r="BL45" i="22"/>
  <c r="AC24" i="25" s="1"/>
  <c r="BC45" i="22"/>
  <c r="BI79" i="22"/>
  <c r="AD79" i="14" s="1"/>
  <c r="BJ79" i="22"/>
  <c r="AE79" i="14" s="1"/>
  <c r="BJ45" i="22"/>
  <c r="AE45" i="14" s="1"/>
  <c r="BK45" i="22"/>
  <c r="AF45" i="14" s="1"/>
  <c r="BK79" i="22"/>
  <c r="AF79" i="14" s="1"/>
  <c r="BH79" i="22"/>
  <c r="AC79" i="14" s="1"/>
  <c r="BA45" i="22"/>
  <c r="G24" i="25" s="1"/>
  <c r="BG45" i="22"/>
  <c r="S24" i="25" s="1"/>
  <c r="BE79" i="22"/>
  <c r="Z79" i="14" s="1"/>
  <c r="BB79" i="22"/>
  <c r="W79" i="14" s="1"/>
  <c r="BB45" i="22"/>
  <c r="W45" i="14" s="1"/>
  <c r="BE45" i="22"/>
  <c r="Z45" i="14" s="1"/>
  <c r="BI38" i="22"/>
  <c r="AD38" i="14" s="1"/>
  <c r="BC79" i="22"/>
  <c r="X79" i="14" s="1"/>
  <c r="BG79" i="22"/>
  <c r="AB79" i="14" s="1"/>
  <c r="BH45" i="22"/>
  <c r="AC45" i="14" s="1"/>
  <c r="BJ38" i="22"/>
  <c r="Y17" i="25" s="1"/>
  <c r="G45" i="14"/>
  <c r="BA79" i="22"/>
  <c r="V79" i="14" s="1"/>
  <c r="BF45" i="22"/>
  <c r="AA45" i="14" s="1"/>
  <c r="BH38" i="22"/>
  <c r="U17" i="25" s="1"/>
  <c r="BI45" i="22"/>
  <c r="BH32" i="22"/>
  <c r="AC32" i="14" s="1"/>
  <c r="BB32" i="22"/>
  <c r="BG73" i="22"/>
  <c r="BA73" i="22"/>
  <c r="BF60" i="22"/>
  <c r="BG32" i="22"/>
  <c r="AB32" i="14" s="1"/>
  <c r="G32" i="14"/>
  <c r="BE73" i="22"/>
  <c r="BC73" i="22"/>
  <c r="BK60" i="22"/>
  <c r="BI32" i="22"/>
  <c r="AD32" i="14" s="1"/>
  <c r="BF82" i="22"/>
  <c r="AA82" i="14" s="1"/>
  <c r="BJ73" i="22"/>
  <c r="BJ60" i="22"/>
  <c r="BA60" i="22"/>
  <c r="BC82" i="22"/>
  <c r="X82" i="14" s="1"/>
  <c r="BD32" i="22"/>
  <c r="Y32" i="14" s="1"/>
  <c r="BH73" i="22"/>
  <c r="BL60" i="22"/>
  <c r="BI60" i="22"/>
  <c r="BJ43" i="22"/>
  <c r="AE43" i="14" s="1"/>
  <c r="BK32" i="22"/>
  <c r="AF32" i="14" s="1"/>
  <c r="BI73" i="22"/>
  <c r="BG60" i="22"/>
  <c r="BH60" i="22"/>
  <c r="BL32" i="22"/>
  <c r="BB73" i="22"/>
  <c r="BD60" i="22"/>
  <c r="G82" i="14"/>
  <c r="BF43" i="22"/>
  <c r="AA43" i="14" s="1"/>
  <c r="BD43" i="22"/>
  <c r="Y43" i="14" s="1"/>
  <c r="BK43" i="22"/>
  <c r="AF43" i="14" s="1"/>
  <c r="BH43" i="22"/>
  <c r="U22" i="25" s="1"/>
  <c r="BJ82" i="22"/>
  <c r="AE82" i="14" s="1"/>
  <c r="BI43" i="22"/>
  <c r="W22" i="25" s="1"/>
  <c r="G43" i="14"/>
  <c r="BI82" i="22"/>
  <c r="AD82" i="14" s="1"/>
  <c r="AR82" i="14" s="1"/>
  <c r="BU82" i="14" s="1"/>
  <c r="BH82" i="22"/>
  <c r="AC82" i="14" s="1"/>
  <c r="BB43" i="22"/>
  <c r="W43" i="14" s="1"/>
  <c r="BC43" i="22"/>
  <c r="X43" i="14" s="1"/>
  <c r="BD82" i="22"/>
  <c r="Y82" i="14" s="1"/>
  <c r="BH31" i="22"/>
  <c r="BA82" i="22"/>
  <c r="V82" i="14" s="1"/>
  <c r="BK82" i="22"/>
  <c r="AF82" i="14" s="1"/>
  <c r="BE43" i="22"/>
  <c r="Z43" i="14" s="1"/>
  <c r="BL43" i="22"/>
  <c r="AG43" i="14" s="1"/>
  <c r="BL31" i="22"/>
  <c r="AG31" i="14" s="1"/>
  <c r="BB82" i="22"/>
  <c r="W82" i="14" s="1"/>
  <c r="BG82" i="22"/>
  <c r="AB82" i="14" s="1"/>
  <c r="BA43" i="22"/>
  <c r="V43" i="14" s="1"/>
  <c r="BE82" i="22"/>
  <c r="Z82" i="14" s="1"/>
  <c r="BD34" i="22"/>
  <c r="Y34" i="14" s="1"/>
  <c r="BJ34" i="22"/>
  <c r="AE34" i="14" s="1"/>
  <c r="AM81" i="14"/>
  <c r="BP81" i="14" s="1"/>
  <c r="BK62" i="22"/>
  <c r="BL34" i="22"/>
  <c r="G62" i="14"/>
  <c r="BC34" i="22"/>
  <c r="X34" i="14" s="1"/>
  <c r="AL81" i="14"/>
  <c r="BO81" i="14" s="1"/>
  <c r="BH62" i="22"/>
  <c r="BA62" i="22"/>
  <c r="G34" i="14"/>
  <c r="AR81" i="14"/>
  <c r="CH81" i="14" s="1"/>
  <c r="BL62" i="22"/>
  <c r="BF62" i="22"/>
  <c r="AU69" i="14"/>
  <c r="CK69" i="14" s="1"/>
  <c r="BB34" i="22"/>
  <c r="W34" i="14" s="1"/>
  <c r="BF34" i="22"/>
  <c r="Q13" i="25" s="1"/>
  <c r="AT81" i="14"/>
  <c r="CJ81" i="14" s="1"/>
  <c r="BI62" i="22"/>
  <c r="BE62" i="22"/>
  <c r="AJ69" i="14"/>
  <c r="BM69" i="14" s="1"/>
  <c r="AS69" i="14"/>
  <c r="BI69" i="14" s="1"/>
  <c r="BE34" i="22"/>
  <c r="BH34" i="22"/>
  <c r="U13" i="25" s="1"/>
  <c r="BD62" i="22"/>
  <c r="BC62" i="22"/>
  <c r="AL69" i="14"/>
  <c r="BO69" i="14" s="1"/>
  <c r="BK34" i="22"/>
  <c r="AF34" i="14" s="1"/>
  <c r="BB62" i="22"/>
  <c r="AQ69" i="14"/>
  <c r="BT69" i="14" s="1"/>
  <c r="AJ64" i="14"/>
  <c r="BZ64" i="14" s="1"/>
  <c r="AR68" i="14"/>
  <c r="CH68" i="14" s="1"/>
  <c r="AT68" i="14"/>
  <c r="CJ68" i="14" s="1"/>
  <c r="AM70" i="14"/>
  <c r="BP70" i="14" s="1"/>
  <c r="AK81" i="14"/>
  <c r="BN81" i="14" s="1"/>
  <c r="BD31" i="22"/>
  <c r="M10" i="25" s="1"/>
  <c r="G31" i="14"/>
  <c r="BJ31" i="22"/>
  <c r="Y10" i="25" s="1"/>
  <c r="Y40" i="14"/>
  <c r="AM40" i="14" s="1"/>
  <c r="M19" i="25"/>
  <c r="AD39" i="14"/>
  <c r="AR39" i="14" s="1"/>
  <c r="W18" i="25"/>
  <c r="W39" i="14"/>
  <c r="AK39" i="14" s="1"/>
  <c r="I18" i="25"/>
  <c r="U24" i="25"/>
  <c r="W46" i="14"/>
  <c r="AK46" i="14" s="1"/>
  <c r="I25" i="25"/>
  <c r="AE44" i="14"/>
  <c r="AS44" i="14" s="1"/>
  <c r="Y23" i="25"/>
  <c r="X44" i="14"/>
  <c r="AL44" i="14" s="1"/>
  <c r="K23" i="25"/>
  <c r="AA42" i="14"/>
  <c r="AO42" i="14" s="1"/>
  <c r="Q21" i="25"/>
  <c r="X41" i="14"/>
  <c r="AL41" i="14" s="1"/>
  <c r="K20" i="25"/>
  <c r="AF41" i="14"/>
  <c r="AT41" i="14" s="1"/>
  <c r="AA20" i="25"/>
  <c r="AD37" i="14"/>
  <c r="AR37" i="14" s="1"/>
  <c r="W16" i="25"/>
  <c r="Z40" i="14"/>
  <c r="AN40" i="14" s="1"/>
  <c r="O19" i="25"/>
  <c r="AC39" i="14"/>
  <c r="AQ39" i="14" s="1"/>
  <c r="U18" i="25"/>
  <c r="AA41" i="14"/>
  <c r="AO41" i="14" s="1"/>
  <c r="Q20" i="25"/>
  <c r="AB43" i="14"/>
  <c r="S22" i="25"/>
  <c r="W40" i="14"/>
  <c r="AK40" i="14" s="1"/>
  <c r="I19" i="25"/>
  <c r="AB40" i="14"/>
  <c r="AP40" i="14" s="1"/>
  <c r="S19" i="25"/>
  <c r="Z39" i="14"/>
  <c r="AN39" i="14" s="1"/>
  <c r="O18" i="25"/>
  <c r="V39" i="14"/>
  <c r="AJ39" i="14" s="1"/>
  <c r="G18" i="25"/>
  <c r="Y45" i="14"/>
  <c r="M24" i="25"/>
  <c r="V38" i="14"/>
  <c r="G17" i="25"/>
  <c r="X46" i="14"/>
  <c r="AL46" i="14" s="1"/>
  <c r="K25" i="25"/>
  <c r="V46" i="14"/>
  <c r="AJ46" i="14" s="1"/>
  <c r="G25" i="25"/>
  <c r="AD44" i="14"/>
  <c r="AR44" i="14" s="1"/>
  <c r="W23" i="25"/>
  <c r="Y42" i="14"/>
  <c r="AM42" i="14" s="1"/>
  <c r="M21" i="25"/>
  <c r="AB42" i="14"/>
  <c r="AP42" i="14" s="1"/>
  <c r="S21" i="25"/>
  <c r="AG41" i="14"/>
  <c r="AU41" i="14" s="1"/>
  <c r="AC20" i="25"/>
  <c r="AB41" i="14"/>
  <c r="AP41" i="14" s="1"/>
  <c r="S20" i="25"/>
  <c r="AC37" i="14"/>
  <c r="AQ37" i="14" s="1"/>
  <c r="U16" i="25"/>
  <c r="V42" i="14"/>
  <c r="AJ42" i="14" s="1"/>
  <c r="G21" i="25"/>
  <c r="BI31" i="22"/>
  <c r="AJ61" i="14"/>
  <c r="BZ61" i="14" s="1"/>
  <c r="V40" i="14"/>
  <c r="AJ40" i="14" s="1"/>
  <c r="G19" i="25"/>
  <c r="X40" i="14"/>
  <c r="AL40" i="14" s="1"/>
  <c r="K19" i="25"/>
  <c r="X39" i="14"/>
  <c r="AL39" i="14" s="1"/>
  <c r="K18" i="25"/>
  <c r="X45" i="14"/>
  <c r="K24" i="25"/>
  <c r="W38" i="14"/>
  <c r="I17" i="25"/>
  <c r="AB38" i="14"/>
  <c r="S17" i="25"/>
  <c r="AB46" i="14"/>
  <c r="AP46" i="14" s="1"/>
  <c r="S25" i="25"/>
  <c r="AE46" i="14"/>
  <c r="AS46" i="14" s="1"/>
  <c r="Y25" i="25"/>
  <c r="AB44" i="14"/>
  <c r="AP44" i="14" s="1"/>
  <c r="S23" i="25"/>
  <c r="AE42" i="14"/>
  <c r="AS42" i="14" s="1"/>
  <c r="Y21" i="25"/>
  <c r="W42" i="14"/>
  <c r="AK42" i="14" s="1"/>
  <c r="I21" i="25"/>
  <c r="V41" i="14"/>
  <c r="AJ41" i="14" s="1"/>
  <c r="G20" i="25"/>
  <c r="AG37" i="14"/>
  <c r="AU37" i="14" s="1"/>
  <c r="AC16" i="25"/>
  <c r="Z37" i="14"/>
  <c r="AN37" i="14" s="1"/>
  <c r="O16" i="25"/>
  <c r="AD46" i="14"/>
  <c r="AR46" i="14" s="1"/>
  <c r="W25" i="25"/>
  <c r="BK31" i="22"/>
  <c r="AF31" i="14" s="1"/>
  <c r="AN61" i="14"/>
  <c r="BD61" i="14" s="1"/>
  <c r="AK61" i="14"/>
  <c r="BA61" i="14" s="1"/>
  <c r="AO77" i="14"/>
  <c r="BR77" i="14" s="1"/>
  <c r="AQ77" i="14"/>
  <c r="BG77" i="14" s="1"/>
  <c r="AG40" i="14"/>
  <c r="AU40" i="14" s="1"/>
  <c r="AC19" i="25"/>
  <c r="AA40" i="14"/>
  <c r="AO40" i="14" s="1"/>
  <c r="Q19" i="25"/>
  <c r="AE39" i="14"/>
  <c r="AS39" i="14" s="1"/>
  <c r="Y18" i="25"/>
  <c r="AD45" i="14"/>
  <c r="W24" i="25"/>
  <c r="AG38" i="14"/>
  <c r="AC17" i="25"/>
  <c r="Y46" i="14"/>
  <c r="AM46" i="14" s="1"/>
  <c r="M25" i="25"/>
  <c r="W44" i="14"/>
  <c r="AK44" i="14" s="1"/>
  <c r="I23" i="25"/>
  <c r="Z44" i="14"/>
  <c r="AN44" i="14" s="1"/>
  <c r="O23" i="25"/>
  <c r="Z42" i="14"/>
  <c r="AN42" i="14" s="1"/>
  <c r="O21" i="25"/>
  <c r="AG42" i="14"/>
  <c r="AU42" i="14" s="1"/>
  <c r="AC21" i="25"/>
  <c r="AD41" i="14"/>
  <c r="AR41" i="14" s="1"/>
  <c r="W20" i="25"/>
  <c r="AE37" i="14"/>
  <c r="AS37" i="14" s="1"/>
  <c r="Y16" i="25"/>
  <c r="BE31" i="22"/>
  <c r="Z31" i="14" s="1"/>
  <c r="BB31" i="22"/>
  <c r="W31" i="14" s="1"/>
  <c r="AA22" i="25"/>
  <c r="AF40" i="14"/>
  <c r="AT40" i="14" s="1"/>
  <c r="AA19" i="25"/>
  <c r="AE40" i="14"/>
  <c r="AS40" i="14" s="1"/>
  <c r="Y19" i="25"/>
  <c r="AB39" i="14"/>
  <c r="AP39" i="14" s="1"/>
  <c r="S18" i="25"/>
  <c r="X38" i="14"/>
  <c r="AG46" i="14"/>
  <c r="AU46" i="14" s="1"/>
  <c r="AC25" i="25"/>
  <c r="AA44" i="14"/>
  <c r="AO44" i="14" s="1"/>
  <c r="Q23" i="25"/>
  <c r="V44" i="14"/>
  <c r="AJ44" i="14" s="1"/>
  <c r="G23" i="25"/>
  <c r="AD42" i="14"/>
  <c r="AR42" i="14" s="1"/>
  <c r="W21" i="25"/>
  <c r="AF42" i="14"/>
  <c r="AT42" i="14" s="1"/>
  <c r="AA21" i="25"/>
  <c r="AE41" i="14"/>
  <c r="AS41" i="14" s="1"/>
  <c r="Y20" i="25"/>
  <c r="Y37" i="14"/>
  <c r="AM37" i="14" s="1"/>
  <c r="M16" i="25"/>
  <c r="X37" i="14"/>
  <c r="AL37" i="14" s="1"/>
  <c r="K16" i="25"/>
  <c r="AG39" i="14"/>
  <c r="AU39" i="14" s="1"/>
  <c r="AC18" i="25"/>
  <c r="Z38" i="14"/>
  <c r="AF46" i="14"/>
  <c r="AT46" i="14" s="1"/>
  <c r="AA25" i="25"/>
  <c r="AB37" i="14"/>
  <c r="AP37" i="14" s="1"/>
  <c r="S16" i="25"/>
  <c r="BA31" i="22"/>
  <c r="V31" i="14" s="1"/>
  <c r="BG31" i="22"/>
  <c r="AB31" i="14" s="1"/>
  <c r="AR77" i="14"/>
  <c r="CH77" i="14" s="1"/>
  <c r="AD40" i="14"/>
  <c r="AR40" i="14" s="1"/>
  <c r="W19" i="25"/>
  <c r="AF39" i="14"/>
  <c r="AT39" i="14" s="1"/>
  <c r="AA18" i="25"/>
  <c r="AB45" i="14"/>
  <c r="AC46" i="14"/>
  <c r="AQ46" i="14" s="1"/>
  <c r="U25" i="25"/>
  <c r="AC44" i="14"/>
  <c r="AQ44" i="14" s="1"/>
  <c r="U23" i="25"/>
  <c r="AG44" i="14"/>
  <c r="AU44" i="14" s="1"/>
  <c r="AC23" i="25"/>
  <c r="AC42" i="14"/>
  <c r="AQ42" i="14" s="1"/>
  <c r="U21" i="25"/>
  <c r="AC41" i="14"/>
  <c r="AQ41" i="14" s="1"/>
  <c r="U20" i="25"/>
  <c r="Y41" i="14"/>
  <c r="AM41" i="14" s="1"/>
  <c r="M20" i="25"/>
  <c r="AF37" i="14"/>
  <c r="AT37" i="14" s="1"/>
  <c r="AA16" i="25"/>
  <c r="AA37" i="14"/>
  <c r="AO37" i="14" s="1"/>
  <c r="Q16" i="25"/>
  <c r="BC31" i="22"/>
  <c r="X31" i="14" s="1"/>
  <c r="AM77" i="14"/>
  <c r="CC77" i="14" s="1"/>
  <c r="K22" i="25"/>
  <c r="AC40" i="14"/>
  <c r="AQ40" i="14" s="1"/>
  <c r="U19" i="25"/>
  <c r="AA39" i="14"/>
  <c r="AO39" i="14" s="1"/>
  <c r="Q18" i="25"/>
  <c r="Y39" i="14"/>
  <c r="AM39" i="14" s="1"/>
  <c r="M18" i="25"/>
  <c r="AA46" i="14"/>
  <c r="AO46" i="14" s="1"/>
  <c r="Q25" i="25"/>
  <c r="Z46" i="14"/>
  <c r="AN46" i="14" s="1"/>
  <c r="O25" i="25"/>
  <c r="AF44" i="14"/>
  <c r="AT44" i="14" s="1"/>
  <c r="AA23" i="25"/>
  <c r="Y44" i="14"/>
  <c r="AM44" i="14" s="1"/>
  <c r="M23" i="25"/>
  <c r="X42" i="14"/>
  <c r="AL42" i="14" s="1"/>
  <c r="K21" i="25"/>
  <c r="Z41" i="14"/>
  <c r="AN41" i="14" s="1"/>
  <c r="O20" i="25"/>
  <c r="W41" i="14"/>
  <c r="AK41" i="14" s="1"/>
  <c r="I20" i="25"/>
  <c r="V37" i="14"/>
  <c r="AJ37" i="14" s="1"/>
  <c r="G16" i="25"/>
  <c r="W37" i="14"/>
  <c r="AK37" i="14" s="1"/>
  <c r="I16" i="25"/>
  <c r="AT73" i="14"/>
  <c r="BW73" i="14" s="1"/>
  <c r="AN64" i="14"/>
  <c r="BD64" i="14" s="1"/>
  <c r="AR80" i="14"/>
  <c r="BH80" i="14" s="1"/>
  <c r="AK80" i="14"/>
  <c r="BN80" i="14" s="1"/>
  <c r="AJ74" i="14"/>
  <c r="AZ74" i="14" s="1"/>
  <c r="AR74" i="14"/>
  <c r="BH74" i="14" s="1"/>
  <c r="AN71" i="14"/>
  <c r="BD71" i="14" s="1"/>
  <c r="AT80" i="14"/>
  <c r="BJ80" i="14" s="1"/>
  <c r="AQ80" i="14"/>
  <c r="BG80" i="14" s="1"/>
  <c r="AQ74" i="14"/>
  <c r="BT74" i="14" s="1"/>
  <c r="AS81" i="14"/>
  <c r="BV81" i="14" s="1"/>
  <c r="AQ81" i="14"/>
  <c r="BT81" i="14" s="1"/>
  <c r="AQ64" i="14"/>
  <c r="BT64" i="14" s="1"/>
  <c r="AT77" i="14"/>
  <c r="CJ77" i="14" s="1"/>
  <c r="AQ70" i="14"/>
  <c r="BG70" i="14" s="1"/>
  <c r="AS77" i="14"/>
  <c r="BV77" i="14" s="1"/>
  <c r="AR61" i="14"/>
  <c r="BU61" i="14" s="1"/>
  <c r="AP69" i="14"/>
  <c r="BF69" i="14" s="1"/>
  <c r="AQ68" i="14"/>
  <c r="CG68" i="14" s="1"/>
  <c r="AM80" i="14"/>
  <c r="BP80" i="14" s="1"/>
  <c r="AS70" i="14"/>
  <c r="BI70" i="14" s="1"/>
  <c r="AO80" i="14"/>
  <c r="BE80" i="14" s="1"/>
  <c r="AK74" i="14"/>
  <c r="CA74" i="14" s="1"/>
  <c r="AM71" i="14"/>
  <c r="CC71" i="14" s="1"/>
  <c r="AL71" i="14"/>
  <c r="BB71" i="14" s="1"/>
  <c r="AP70" i="14"/>
  <c r="BS70" i="14" s="1"/>
  <c r="AN80" i="14"/>
  <c r="BQ80" i="14" s="1"/>
  <c r="AM74" i="14"/>
  <c r="CC74" i="14" s="1"/>
  <c r="AO73" i="14"/>
  <c r="CE73" i="14" s="1"/>
  <c r="AP68" i="14"/>
  <c r="CF68" i="14" s="1"/>
  <c r="AS80" i="14"/>
  <c r="BV80" i="14" s="1"/>
  <c r="AL80" i="14"/>
  <c r="BB80" i="14" s="1"/>
  <c r="AO74" i="14"/>
  <c r="CE74" i="14" s="1"/>
  <c r="AU74" i="14"/>
  <c r="CK74" i="14" s="1"/>
  <c r="AU71" i="14"/>
  <c r="CK71" i="14" s="1"/>
  <c r="AU73" i="14"/>
  <c r="BX73" i="14" s="1"/>
  <c r="AL61" i="14"/>
  <c r="BB61" i="14" s="1"/>
  <c r="AS74" i="14"/>
  <c r="CI74" i="14" s="1"/>
  <c r="AS71" i="14"/>
  <c r="BV71" i="14" s="1"/>
  <c r="AJ71" i="14"/>
  <c r="BM71" i="14" s="1"/>
  <c r="AP64" i="14"/>
  <c r="BS64" i="14" s="1"/>
  <c r="AN74" i="14"/>
  <c r="CD74" i="14" s="1"/>
  <c r="AQ71" i="14"/>
  <c r="CG71" i="14" s="1"/>
  <c r="AL65" i="14"/>
  <c r="AU78" i="14"/>
  <c r="BX69" i="14"/>
  <c r="AO67" i="14"/>
  <c r="BM78" i="14"/>
  <c r="AZ80" i="14"/>
  <c r="BZ80" i="14"/>
  <c r="BM80" i="14"/>
  <c r="CA81" i="14"/>
  <c r="AT69" i="14"/>
  <c r="AN67" i="14"/>
  <c r="AM64" i="14"/>
  <c r="AQ76" i="14"/>
  <c r="AP66" i="14"/>
  <c r="AJ66" i="14"/>
  <c r="AT65" i="14"/>
  <c r="AJ81" i="14"/>
  <c r="AN81" i="14"/>
  <c r="AU68" i="14"/>
  <c r="AR78" i="14"/>
  <c r="BE70" i="14"/>
  <c r="CE70" i="14"/>
  <c r="BR70" i="14"/>
  <c r="AJ67" i="14"/>
  <c r="AU61" i="14"/>
  <c r="AO61" i="14"/>
  <c r="AU76" i="14"/>
  <c r="AU80" i="14"/>
  <c r="AU66" i="14"/>
  <c r="AK66" i="14"/>
  <c r="AJ65" i="14"/>
  <c r="AP74" i="14"/>
  <c r="AT71" i="14"/>
  <c r="AO71" i="14"/>
  <c r="AP81" i="14"/>
  <c r="AO68" i="14"/>
  <c r="AO78" i="14"/>
  <c r="AK69" i="14"/>
  <c r="AQ67" i="14"/>
  <c r="AT76" i="14"/>
  <c r="AO76" i="14"/>
  <c r="AM66" i="14"/>
  <c r="AU65" i="14"/>
  <c r="AO81" i="14"/>
  <c r="AQ78" i="14"/>
  <c r="AL70" i="14"/>
  <c r="AR69" i="14"/>
  <c r="AK67" i="14"/>
  <c r="AS76" i="14"/>
  <c r="AR66" i="14"/>
  <c r="AS66" i="14"/>
  <c r="AU81" i="14"/>
  <c r="AP78" i="14"/>
  <c r="AT78" i="14"/>
  <c r="AR70" i="14"/>
  <c r="AU67" i="14"/>
  <c r="AQ66" i="14"/>
  <c r="AP65" i="14"/>
  <c r="AK78" i="14"/>
  <c r="AL78" i="14"/>
  <c r="AS67" i="14"/>
  <c r="AN28" i="14"/>
  <c r="BD28" i="14" s="1"/>
  <c r="AR28" i="14"/>
  <c r="BH28" i="14" s="1"/>
  <c r="AJ28" i="14"/>
  <c r="BM28" i="14" s="1"/>
  <c r="AT28" i="14"/>
  <c r="BJ28" i="14" s="1"/>
  <c r="AS28" i="14"/>
  <c r="BV28" i="14" s="1"/>
  <c r="AO28" i="14"/>
  <c r="BE28" i="14" s="1"/>
  <c r="AL28" i="14"/>
  <c r="CB28" i="14" s="1"/>
  <c r="AQ28" i="14"/>
  <c r="BT28" i="14" s="1"/>
  <c r="AL57" i="14"/>
  <c r="CB57" i="14" s="1"/>
  <c r="AK28" i="14"/>
  <c r="CA28" i="14" s="1"/>
  <c r="AU28" i="14"/>
  <c r="BK28" i="14" s="1"/>
  <c r="AM28" i="14"/>
  <c r="BP28" i="14" s="1"/>
  <c r="Y29" i="22"/>
  <c r="Z29" i="22" s="1"/>
  <c r="AS57" i="14"/>
  <c r="CI57" i="14" s="1"/>
  <c r="AQ57" i="14"/>
  <c r="CG57" i="14" s="1"/>
  <c r="AJ57" i="14"/>
  <c r="AZ57" i="14" s="1"/>
  <c r="AP57" i="14"/>
  <c r="BS57" i="14" s="1"/>
  <c r="AO57" i="14"/>
  <c r="BE57" i="14" s="1"/>
  <c r="AK57" i="14"/>
  <c r="CA57" i="14" s="1"/>
  <c r="AT27" i="14"/>
  <c r="BW27" i="14" s="1"/>
  <c r="AU27" i="14"/>
  <c r="BK27" i="14" s="1"/>
  <c r="BZ27" i="14"/>
  <c r="AL27" i="14"/>
  <c r="BB27" i="14" s="1"/>
  <c r="AO27" i="14"/>
  <c r="CE27" i="14" s="1"/>
  <c r="AM27" i="14"/>
  <c r="CC27" i="14" s="1"/>
  <c r="AK27" i="14"/>
  <c r="CA27" i="14" s="1"/>
  <c r="AN27" i="14"/>
  <c r="CD27" i="14" s="1"/>
  <c r="AA56" i="14"/>
  <c r="AO56" i="14" s="1"/>
  <c r="Q35" i="25"/>
  <c r="AF58" i="14"/>
  <c r="AT58" i="14" s="1"/>
  <c r="AA37" i="25"/>
  <c r="AC36" i="14"/>
  <c r="AQ36" i="14" s="1"/>
  <c r="U15" i="25"/>
  <c r="Z33" i="14"/>
  <c r="AN33" i="14" s="1"/>
  <c r="O12" i="25"/>
  <c r="V55" i="14"/>
  <c r="AJ55" i="14" s="1"/>
  <c r="G34" i="25"/>
  <c r="AB34" i="14"/>
  <c r="S13" i="25"/>
  <c r="Y30" i="14"/>
  <c r="AM30" i="14" s="1"/>
  <c r="M9" i="25"/>
  <c r="AA58" i="14"/>
  <c r="AO58" i="14" s="1"/>
  <c r="Q37" i="25"/>
  <c r="AC35" i="14"/>
  <c r="AQ35" i="14" s="1"/>
  <c r="U14" i="25"/>
  <c r="AA31" i="14"/>
  <c r="Q10" i="25"/>
  <c r="AD56" i="14"/>
  <c r="AR56" i="14" s="1"/>
  <c r="W35" i="25"/>
  <c r="V58" i="14"/>
  <c r="AJ58" i="14" s="1"/>
  <c r="G37" i="25"/>
  <c r="AC58" i="14"/>
  <c r="AQ58" i="14" s="1"/>
  <c r="U37" i="25"/>
  <c r="W35" i="14"/>
  <c r="AK35" i="14" s="1"/>
  <c r="I14" i="25"/>
  <c r="AA36" i="14"/>
  <c r="AO36" i="14" s="1"/>
  <c r="Q15" i="25"/>
  <c r="V33" i="14"/>
  <c r="AJ33" i="14" s="1"/>
  <c r="G12" i="25"/>
  <c r="AA32" i="14"/>
  <c r="Q11" i="25"/>
  <c r="X32" i="14"/>
  <c r="K11" i="25"/>
  <c r="AP28" i="14"/>
  <c r="Z55" i="14"/>
  <c r="AN55" i="14" s="1"/>
  <c r="O34" i="25"/>
  <c r="W55" i="14"/>
  <c r="AK55" i="14" s="1"/>
  <c r="I34" i="25"/>
  <c r="V34" i="14"/>
  <c r="G13" i="25"/>
  <c r="AD34" i="14"/>
  <c r="W13" i="25"/>
  <c r="Z30" i="14"/>
  <c r="AN30" i="14" s="1"/>
  <c r="O9" i="25"/>
  <c r="AG56" i="14"/>
  <c r="AU56" i="14" s="1"/>
  <c r="AC35" i="25"/>
  <c r="W58" i="14"/>
  <c r="AK58" i="14" s="1"/>
  <c r="I37" i="25"/>
  <c r="AD58" i="14"/>
  <c r="AR58" i="14" s="1"/>
  <c r="W37" i="25"/>
  <c r="V35" i="14"/>
  <c r="AJ35" i="14" s="1"/>
  <c r="G14" i="25"/>
  <c r="AC31" i="14"/>
  <c r="U10" i="25"/>
  <c r="W36" i="14"/>
  <c r="AK36" i="14" s="1"/>
  <c r="I15" i="25"/>
  <c r="Y55" i="14"/>
  <c r="AM55" i="14" s="1"/>
  <c r="M34" i="25"/>
  <c r="AG30" i="14"/>
  <c r="AU30" i="14" s="1"/>
  <c r="AC9" i="25"/>
  <c r="AG58" i="14"/>
  <c r="AU58" i="14" s="1"/>
  <c r="AC37" i="25"/>
  <c r="Y58" i="14"/>
  <c r="AM58" i="14" s="1"/>
  <c r="M37" i="25"/>
  <c r="AG35" i="14"/>
  <c r="AU35" i="14" s="1"/>
  <c r="AC14" i="25"/>
  <c r="AF36" i="14"/>
  <c r="AT36" i="14" s="1"/>
  <c r="AA15" i="25"/>
  <c r="AG36" i="14"/>
  <c r="AU36" i="14" s="1"/>
  <c r="AC15" i="25"/>
  <c r="S12" i="25"/>
  <c r="AF33" i="14"/>
  <c r="AT33" i="14" s="1"/>
  <c r="AA12" i="25"/>
  <c r="AF55" i="14"/>
  <c r="AT55" i="14" s="1"/>
  <c r="AA34" i="25"/>
  <c r="AD55" i="14"/>
  <c r="AR55" i="14" s="1"/>
  <c r="W34" i="25"/>
  <c r="AG34" i="14"/>
  <c r="AC13" i="25"/>
  <c r="W30" i="14"/>
  <c r="AK30" i="14" s="1"/>
  <c r="I9" i="25"/>
  <c r="V56" i="14"/>
  <c r="AJ56" i="14" s="1"/>
  <c r="G35" i="25"/>
  <c r="AE56" i="14"/>
  <c r="AS56" i="14" s="1"/>
  <c r="Y35" i="25"/>
  <c r="X56" i="14"/>
  <c r="AL56" i="14" s="1"/>
  <c r="K35" i="25"/>
  <c r="AC56" i="14"/>
  <c r="AQ56" i="14" s="1"/>
  <c r="U35" i="25"/>
  <c r="AE58" i="14"/>
  <c r="AS58" i="14" s="1"/>
  <c r="Y37" i="25"/>
  <c r="AA35" i="14"/>
  <c r="AO35" i="14" s="1"/>
  <c r="Q14" i="25"/>
  <c r="AF35" i="14"/>
  <c r="AT35" i="14" s="1"/>
  <c r="AA14" i="25"/>
  <c r="AD31" i="14"/>
  <c r="W10" i="25"/>
  <c r="X36" i="14"/>
  <c r="AL36" i="14" s="1"/>
  <c r="K15" i="25"/>
  <c r="AD36" i="14"/>
  <c r="AR36" i="14" s="1"/>
  <c r="W15" i="25"/>
  <c r="AS27" i="14"/>
  <c r="AA55" i="14"/>
  <c r="AO55" i="14" s="1"/>
  <c r="Q34" i="25"/>
  <c r="AE55" i="14"/>
  <c r="AS55" i="14" s="1"/>
  <c r="Y34" i="25"/>
  <c r="AC30" i="14"/>
  <c r="AQ30" i="14" s="1"/>
  <c r="U9" i="25"/>
  <c r="X30" i="14"/>
  <c r="AL30" i="14" s="1"/>
  <c r="K9" i="25"/>
  <c r="Y56" i="14"/>
  <c r="AM56" i="14" s="1"/>
  <c r="M35" i="25"/>
  <c r="X35" i="14"/>
  <c r="AL35" i="14" s="1"/>
  <c r="K14" i="25"/>
  <c r="AD35" i="14"/>
  <c r="AR35" i="14" s="1"/>
  <c r="W14" i="25"/>
  <c r="Z36" i="14"/>
  <c r="AN36" i="14" s="1"/>
  <c r="O15" i="25"/>
  <c r="Y36" i="14"/>
  <c r="AM36" i="14" s="1"/>
  <c r="M15" i="25"/>
  <c r="AG32" i="14"/>
  <c r="AC11" i="25"/>
  <c r="Z32" i="14"/>
  <c r="AN32" i="14" s="1"/>
  <c r="O11" i="25"/>
  <c r="AP27" i="14"/>
  <c r="AC55" i="14"/>
  <c r="AQ55" i="14" s="1"/>
  <c r="U34" i="25"/>
  <c r="AB55" i="14"/>
  <c r="AP55" i="14" s="1"/>
  <c r="S34" i="25"/>
  <c r="AE30" i="14"/>
  <c r="AS30" i="14" s="1"/>
  <c r="Y9" i="25"/>
  <c r="AF30" i="14"/>
  <c r="AT30" i="14" s="1"/>
  <c r="AA9" i="25"/>
  <c r="X58" i="14"/>
  <c r="AL58" i="14" s="1"/>
  <c r="K37" i="25"/>
  <c r="Z56" i="14"/>
  <c r="AN56" i="14" s="1"/>
  <c r="O35" i="25"/>
  <c r="AF56" i="14"/>
  <c r="AT56" i="14" s="1"/>
  <c r="AA35" i="25"/>
  <c r="Z35" i="14"/>
  <c r="AN35" i="14" s="1"/>
  <c r="O14" i="25"/>
  <c r="AB35" i="14"/>
  <c r="AP35" i="14" s="1"/>
  <c r="S14" i="25"/>
  <c r="AB36" i="14"/>
  <c r="AP36" i="14" s="1"/>
  <c r="S15" i="25"/>
  <c r="V32" i="14"/>
  <c r="G11" i="25"/>
  <c r="AE32" i="14"/>
  <c r="Y11" i="25"/>
  <c r="AT57" i="14"/>
  <c r="AQ27" i="14"/>
  <c r="AG55" i="14"/>
  <c r="AU55" i="14" s="1"/>
  <c r="AC34" i="25"/>
  <c r="AA30" i="14"/>
  <c r="AO30" i="14" s="1"/>
  <c r="Q9" i="25"/>
  <c r="AD30" i="14"/>
  <c r="AR30" i="14" s="1"/>
  <c r="W9" i="25"/>
  <c r="W56" i="14"/>
  <c r="AK56" i="14" s="1"/>
  <c r="I35" i="25"/>
  <c r="AB56" i="14"/>
  <c r="AP56" i="14" s="1"/>
  <c r="S35" i="25"/>
  <c r="AB58" i="14"/>
  <c r="AP58" i="14" s="1"/>
  <c r="S37" i="25"/>
  <c r="Z58" i="14"/>
  <c r="AN58" i="14" s="1"/>
  <c r="O37" i="25"/>
  <c r="Y35" i="14"/>
  <c r="AM35" i="14" s="1"/>
  <c r="M14" i="25"/>
  <c r="AE35" i="14"/>
  <c r="AS35" i="14" s="1"/>
  <c r="Y14" i="25"/>
  <c r="AE36" i="14"/>
  <c r="AS36" i="14" s="1"/>
  <c r="Y15" i="25"/>
  <c r="V36" i="14"/>
  <c r="AJ36" i="14" s="1"/>
  <c r="G15" i="25"/>
  <c r="X33" i="14"/>
  <c r="AL33" i="14" s="1"/>
  <c r="K12" i="25"/>
  <c r="W32" i="14"/>
  <c r="I11" i="25"/>
  <c r="AR27" i="14"/>
  <c r="X55" i="14"/>
  <c r="AL55" i="14" s="1"/>
  <c r="K34" i="25"/>
  <c r="Z34" i="14"/>
  <c r="O13" i="25"/>
  <c r="V30" i="14"/>
  <c r="AJ30" i="14" s="1"/>
  <c r="G9" i="25"/>
  <c r="AB30" i="14"/>
  <c r="AP30" i="14" s="1"/>
  <c r="S9" i="25"/>
  <c r="AA17" i="25" l="1"/>
  <c r="G22" i="25"/>
  <c r="S41" i="25"/>
  <c r="K43" i="25"/>
  <c r="M52" i="25"/>
  <c r="BJ68" i="14"/>
  <c r="CI61" i="14"/>
  <c r="BI61" i="14"/>
  <c r="AL32" i="14"/>
  <c r="CB32" i="14" s="1"/>
  <c r="BA81" i="14"/>
  <c r="BJ81" i="14"/>
  <c r="BA64" i="14"/>
  <c r="CN64" i="14" s="1"/>
  <c r="FN64" i="14" s="1"/>
  <c r="BN64" i="14"/>
  <c r="U12" i="25"/>
  <c r="CH71" i="14"/>
  <c r="FH71" i="14" s="1"/>
  <c r="IH71" i="14" s="1"/>
  <c r="X50" i="23" s="1"/>
  <c r="BW68" i="14"/>
  <c r="AN38" i="14"/>
  <c r="BD38" i="14" s="1"/>
  <c r="CA77" i="14"/>
  <c r="FA77" i="14" s="1"/>
  <c r="IA77" i="14" s="1"/>
  <c r="J56" i="23" s="1"/>
  <c r="BW81" i="14"/>
  <c r="AC38" i="14"/>
  <c r="AQ38" i="14" s="1"/>
  <c r="BT38" i="14" s="1"/>
  <c r="AC43" i="14"/>
  <c r="AT38" i="14"/>
  <c r="U11" i="25"/>
  <c r="M11" i="25"/>
  <c r="AD33" i="14"/>
  <c r="AR33" i="14" s="1"/>
  <c r="BH33" i="14" s="1"/>
  <c r="CG69" i="14"/>
  <c r="FG69" i="14" s="1"/>
  <c r="IG69" i="14" s="1"/>
  <c r="V48" i="23" s="1"/>
  <c r="V45" i="14"/>
  <c r="AL38" i="14"/>
  <c r="BO38" i="14" s="1"/>
  <c r="BG69" i="14"/>
  <c r="AG45" i="14"/>
  <c r="AU45" i="14" s="1"/>
  <c r="Q12" i="25"/>
  <c r="W33" i="14"/>
  <c r="AK33" i="14" s="1"/>
  <c r="AO38" i="14"/>
  <c r="BE38" i="14" s="1"/>
  <c r="W73" i="14"/>
  <c r="AK73" i="14" s="1"/>
  <c r="BN73" i="14" s="1"/>
  <c r="EA73" i="14" s="1"/>
  <c r="HA73" i="14" s="1"/>
  <c r="I52" i="25"/>
  <c r="AG60" i="14"/>
  <c r="AU60" i="14" s="1"/>
  <c r="BX60" i="14" s="1"/>
  <c r="EK60" i="14" s="1"/>
  <c r="HK60" i="14" s="1"/>
  <c r="AC39" i="25"/>
  <c r="AB73" i="14"/>
  <c r="AP73" i="14" s="1"/>
  <c r="CF73" i="14" s="1"/>
  <c r="S52" i="25"/>
  <c r="CA64" i="14"/>
  <c r="AZ78" i="14"/>
  <c r="CM78" i="14" s="1"/>
  <c r="FM78" i="14" s="1"/>
  <c r="AC73" i="14"/>
  <c r="AQ73" i="14" s="1"/>
  <c r="CG73" i="14" s="1"/>
  <c r="U52" i="25"/>
  <c r="AF60" i="14"/>
  <c r="AT60" i="14" s="1"/>
  <c r="BW60" i="14" s="1"/>
  <c r="EJ60" i="14" s="1"/>
  <c r="HJ60" i="14" s="1"/>
  <c r="AA39" i="25"/>
  <c r="AE75" i="14"/>
  <c r="AS75" i="14" s="1"/>
  <c r="Y54" i="25"/>
  <c r="AA62" i="14"/>
  <c r="Q41" i="25"/>
  <c r="AC60" i="14"/>
  <c r="AQ60" i="14" s="1"/>
  <c r="BG60" i="14" s="1"/>
  <c r="DG60" i="14" s="1"/>
  <c r="GG60" i="14" s="1"/>
  <c r="U39" i="25"/>
  <c r="X73" i="14"/>
  <c r="AL73" i="14" s="1"/>
  <c r="BB73" i="14" s="1"/>
  <c r="CO73" i="14" s="1"/>
  <c r="FO73" i="14" s="1"/>
  <c r="K52" i="25"/>
  <c r="Y75" i="14"/>
  <c r="M54" i="25"/>
  <c r="W60" i="14"/>
  <c r="AK60" i="14" s="1"/>
  <c r="BN60" i="14" s="1"/>
  <c r="I39" i="25"/>
  <c r="BU71" i="14"/>
  <c r="EH71" i="14" s="1"/>
  <c r="HH71" i="14" s="1"/>
  <c r="W62" i="14"/>
  <c r="I41" i="25"/>
  <c r="AG62" i="14"/>
  <c r="AC41" i="25"/>
  <c r="AB60" i="14"/>
  <c r="AP60" i="14" s="1"/>
  <c r="CF60" i="14" s="1"/>
  <c r="FF60" i="14" s="1"/>
  <c r="IF60" i="14" s="1"/>
  <c r="T39" i="23" s="1"/>
  <c r="S39" i="25"/>
  <c r="Z73" i="14"/>
  <c r="AN73" i="14" s="1"/>
  <c r="CD73" i="14" s="1"/>
  <c r="EQ73" i="14" s="1"/>
  <c r="HQ73" i="14" s="1"/>
  <c r="O52" i="23" s="1"/>
  <c r="O52" i="25"/>
  <c r="AC75" i="14"/>
  <c r="AQ75" i="14" s="1"/>
  <c r="U54" i="25"/>
  <c r="AG75" i="14"/>
  <c r="AC54" i="25"/>
  <c r="AD75" i="14"/>
  <c r="AR75" i="14" s="1"/>
  <c r="W54" i="25"/>
  <c r="Z62" i="14"/>
  <c r="AN62" i="14" s="1"/>
  <c r="BQ62" i="14" s="1"/>
  <c r="O41" i="25"/>
  <c r="AF62" i="14"/>
  <c r="AA41" i="25"/>
  <c r="AD73" i="14"/>
  <c r="AR73" i="14" s="1"/>
  <c r="CH73" i="14" s="1"/>
  <c r="W52" i="25"/>
  <c r="V60" i="14"/>
  <c r="AJ60" i="14" s="1"/>
  <c r="BZ60" i="14" s="1"/>
  <c r="EM60" i="14" s="1"/>
  <c r="HM60" i="14" s="1"/>
  <c r="G39" i="23" s="1"/>
  <c r="G39" i="25"/>
  <c r="BN77" i="14"/>
  <c r="EA77" i="14" s="1"/>
  <c r="HA77" i="14" s="1"/>
  <c r="AU38" i="14"/>
  <c r="BX38" i="14" s="1"/>
  <c r="AD62" i="14"/>
  <c r="W41" i="25"/>
  <c r="AE60" i="14"/>
  <c r="AS60" i="14" s="1"/>
  <c r="BI60" i="14" s="1"/>
  <c r="Y39" i="25"/>
  <c r="X75" i="14"/>
  <c r="K54" i="25"/>
  <c r="V75" i="14"/>
  <c r="G54" i="25"/>
  <c r="W75" i="14"/>
  <c r="AK75" i="14" s="1"/>
  <c r="CA75" i="14" s="1"/>
  <c r="I54" i="25"/>
  <c r="AB75" i="14"/>
  <c r="S54" i="25"/>
  <c r="AA75" i="14"/>
  <c r="AO75" i="14" s="1"/>
  <c r="Q54" i="25"/>
  <c r="X62" i="14"/>
  <c r="AL62" i="14" s="1"/>
  <c r="K41" i="25"/>
  <c r="V62" i="14"/>
  <c r="G41" i="25"/>
  <c r="AE73" i="14"/>
  <c r="AS73" i="14" s="1"/>
  <c r="Y52" i="25"/>
  <c r="AA60" i="14"/>
  <c r="AO60" i="14" s="1"/>
  <c r="BE60" i="14" s="1"/>
  <c r="DE60" i="14" s="1"/>
  <c r="GE60" i="14" s="1"/>
  <c r="Q39" i="25"/>
  <c r="Z60" i="14"/>
  <c r="AN60" i="14" s="1"/>
  <c r="CD60" i="14" s="1"/>
  <c r="EQ60" i="14" s="1"/>
  <c r="HQ60" i="14" s="1"/>
  <c r="O39" i="23" s="1"/>
  <c r="O39" i="25"/>
  <c r="Y62" i="14"/>
  <c r="M41" i="25"/>
  <c r="AC62" i="14"/>
  <c r="U41" i="25"/>
  <c r="Y60" i="14"/>
  <c r="AM60" i="14" s="1"/>
  <c r="BC60" i="14" s="1"/>
  <c r="DC60" i="14" s="1"/>
  <c r="GC60" i="14" s="1"/>
  <c r="M39" i="25"/>
  <c r="AD60" i="14"/>
  <c r="AR60" i="14" s="1"/>
  <c r="CH60" i="14" s="1"/>
  <c r="FH60" i="14" s="1"/>
  <c r="IH60" i="14" s="1"/>
  <c r="X39" i="23" s="1"/>
  <c r="W39" i="25"/>
  <c r="V73" i="14"/>
  <c r="AJ73" i="14" s="1"/>
  <c r="AZ73" i="14" s="1"/>
  <c r="G52" i="25"/>
  <c r="X60" i="14"/>
  <c r="AL60" i="14" s="1"/>
  <c r="CB60" i="14" s="1"/>
  <c r="K39" i="25"/>
  <c r="Z75" i="14"/>
  <c r="AN75" i="14" s="1"/>
  <c r="O54" i="25"/>
  <c r="AJ75" i="14"/>
  <c r="BZ75" i="14" s="1"/>
  <c r="Q17" i="25"/>
  <c r="AT75" i="14"/>
  <c r="BJ75" i="14" s="1"/>
  <c r="AU75" i="14"/>
  <c r="BK75" i="14" s="1"/>
  <c r="AP75" i="14"/>
  <c r="BS75" i="14" s="1"/>
  <c r="AD43" i="14"/>
  <c r="AR43" i="14" s="1"/>
  <c r="BU43" i="14" s="1"/>
  <c r="AL75" i="14"/>
  <c r="BB75" i="14" s="1"/>
  <c r="CO75" i="14" s="1"/>
  <c r="FO75" i="14" s="1"/>
  <c r="Y12" i="25"/>
  <c r="AC34" i="14"/>
  <c r="AQ34" i="14" s="1"/>
  <c r="Y33" i="14"/>
  <c r="AM33" i="14" s="1"/>
  <c r="AM75" i="14"/>
  <c r="BP75" i="14" s="1"/>
  <c r="DP75" i="14" s="1"/>
  <c r="GP75" i="14" s="1"/>
  <c r="AU33" i="14"/>
  <c r="BK33" i="14" s="1"/>
  <c r="CA61" i="14"/>
  <c r="BN61" i="14"/>
  <c r="DN61" i="14" s="1"/>
  <c r="GN61" i="14" s="1"/>
  <c r="CK77" i="14"/>
  <c r="BX77" i="14"/>
  <c r="DX77" i="14" s="1"/>
  <c r="GX77" i="14" s="1"/>
  <c r="AE38" i="14"/>
  <c r="CC81" i="14"/>
  <c r="W11" i="25"/>
  <c r="BB81" i="14"/>
  <c r="CO81" i="14" s="1"/>
  <c r="FO81" i="14" s="1"/>
  <c r="CB81" i="14"/>
  <c r="Y38" i="14"/>
  <c r="AM38" i="14" s="1"/>
  <c r="AE31" i="14"/>
  <c r="AS31" i="14" s="1"/>
  <c r="Y22" i="25"/>
  <c r="S10" i="25"/>
  <c r="AC12" i="25"/>
  <c r="AU34" i="14"/>
  <c r="CK34" i="14" s="1"/>
  <c r="AJ34" i="14"/>
  <c r="BM34" i="14" s="1"/>
  <c r="AA34" i="14"/>
  <c r="AO34" i="14" s="1"/>
  <c r="BR34" i="14" s="1"/>
  <c r="AL31" i="14"/>
  <c r="BB31" i="14" s="1"/>
  <c r="AP38" i="14"/>
  <c r="BF38" i="14" s="1"/>
  <c r="AK38" i="14"/>
  <c r="CA38" i="14" s="1"/>
  <c r="AS38" i="14"/>
  <c r="BV38" i="14" s="1"/>
  <c r="AU62" i="14"/>
  <c r="BX62" i="14" s="1"/>
  <c r="DX62" i="14" s="1"/>
  <c r="GX62" i="14" s="1"/>
  <c r="AR38" i="14"/>
  <c r="CH38" i="14" s="1"/>
  <c r="AJ38" i="14"/>
  <c r="BM38" i="14" s="1"/>
  <c r="AS82" i="14"/>
  <c r="CI82" i="14" s="1"/>
  <c r="FI82" i="14" s="1"/>
  <c r="II82" i="14" s="1"/>
  <c r="AL79" i="14"/>
  <c r="BB79" i="14" s="1"/>
  <c r="K10" i="25"/>
  <c r="AM79" i="14"/>
  <c r="BC79" i="14" s="1"/>
  <c r="AJ79" i="14"/>
  <c r="AZ79" i="14" s="1"/>
  <c r="AP79" i="14"/>
  <c r="AK79" i="14"/>
  <c r="BN79" i="14" s="1"/>
  <c r="AS79" i="14"/>
  <c r="CI79" i="14" s="1"/>
  <c r="EV79" i="14" s="1"/>
  <c r="HV79" i="14" s="1"/>
  <c r="AO79" i="14"/>
  <c r="CE79" i="14" s="1"/>
  <c r="FE79" i="14" s="1"/>
  <c r="IE79" i="14" s="1"/>
  <c r="AN82" i="14"/>
  <c r="BD82" i="14" s="1"/>
  <c r="CQ82" i="14" s="1"/>
  <c r="FQ82" i="14" s="1"/>
  <c r="AN79" i="14"/>
  <c r="BQ79" i="14" s="1"/>
  <c r="AR79" i="14"/>
  <c r="BU79" i="14" s="1"/>
  <c r="EH79" i="14" s="1"/>
  <c r="HH79" i="14" s="1"/>
  <c r="AQ79" i="14"/>
  <c r="BG79" i="14" s="1"/>
  <c r="AU79" i="14"/>
  <c r="BX79" i="14" s="1"/>
  <c r="Q24" i="25"/>
  <c r="AT79" i="14"/>
  <c r="BJ79" i="14" s="1"/>
  <c r="DJ79" i="14" s="1"/>
  <c r="GJ79" i="14" s="1"/>
  <c r="AT34" i="14"/>
  <c r="BJ34" i="14" s="1"/>
  <c r="AK34" i="14"/>
  <c r="BA34" i="14" s="1"/>
  <c r="AK45" i="14"/>
  <c r="AS45" i="14"/>
  <c r="BI45" i="14" s="1"/>
  <c r="AO82" i="14"/>
  <c r="BR82" i="14" s="1"/>
  <c r="DR82" i="14" s="1"/>
  <c r="GR82" i="14" s="1"/>
  <c r="I10" i="25"/>
  <c r="BU64" i="14"/>
  <c r="DU64" i="14" s="1"/>
  <c r="GU64" i="14" s="1"/>
  <c r="Y24" i="25"/>
  <c r="Y13" i="25"/>
  <c r="K13" i="25"/>
  <c r="AZ61" i="14"/>
  <c r="BH64" i="14"/>
  <c r="CU64" i="14" s="1"/>
  <c r="FU64" i="14" s="1"/>
  <c r="AP45" i="14"/>
  <c r="CF45" i="14" s="1"/>
  <c r="AU82" i="14"/>
  <c r="AT82" i="14"/>
  <c r="BJ82" i="14" s="1"/>
  <c r="DJ82" i="14" s="1"/>
  <c r="GJ82" i="14" s="1"/>
  <c r="BH82" i="14"/>
  <c r="DH82" i="14" s="1"/>
  <c r="GH82" i="14" s="1"/>
  <c r="CG61" i="14"/>
  <c r="FG61" i="14" s="1"/>
  <c r="IG61" i="14" s="1"/>
  <c r="V40" i="23" s="1"/>
  <c r="BH81" i="14"/>
  <c r="CU81" i="14" s="1"/>
  <c r="FU81" i="14" s="1"/>
  <c r="AR45" i="14"/>
  <c r="O22" i="25"/>
  <c r="AP82" i="14"/>
  <c r="BF82" i="14" s="1"/>
  <c r="CS82" i="14" s="1"/>
  <c r="FS82" i="14" s="1"/>
  <c r="CH82" i="14"/>
  <c r="FH82" i="14" s="1"/>
  <c r="IH82" i="14" s="1"/>
  <c r="BG61" i="14"/>
  <c r="DG61" i="14" s="1"/>
  <c r="GG61" i="14" s="1"/>
  <c r="BU81" i="14"/>
  <c r="DU81" i="14" s="1"/>
  <c r="GU81" i="14" s="1"/>
  <c r="I24" i="25"/>
  <c r="AJ45" i="14"/>
  <c r="BZ45" i="14" s="1"/>
  <c r="AM45" i="14"/>
  <c r="BC45" i="14" s="1"/>
  <c r="AQ45" i="14"/>
  <c r="CG45" i="14" s="1"/>
  <c r="AK82" i="14"/>
  <c r="BA82" i="14" s="1"/>
  <c r="DA82" i="14" s="1"/>
  <c r="GA82" i="14" s="1"/>
  <c r="AT43" i="14"/>
  <c r="CJ43" i="14" s="1"/>
  <c r="BB69" i="14"/>
  <c r="CO69" i="14" s="1"/>
  <c r="FO69" i="14" s="1"/>
  <c r="AL45" i="14"/>
  <c r="CB45" i="14" s="1"/>
  <c r="AQ82" i="14"/>
  <c r="BT82" i="14" s="1"/>
  <c r="AO45" i="14"/>
  <c r="BR45" i="14" s="1"/>
  <c r="AN45" i="14"/>
  <c r="BQ45" i="14" s="1"/>
  <c r="AT45" i="14"/>
  <c r="BJ45" i="14" s="1"/>
  <c r="CB69" i="14"/>
  <c r="EO69" i="14" s="1"/>
  <c r="HO69" i="14" s="1"/>
  <c r="K48" i="23" s="1"/>
  <c r="S11" i="25"/>
  <c r="BZ69" i="14"/>
  <c r="EM69" i="14" s="1"/>
  <c r="HM69" i="14" s="1"/>
  <c r="G48" i="23" s="1"/>
  <c r="AA24" i="25"/>
  <c r="AC22" i="25"/>
  <c r="AZ69" i="14"/>
  <c r="O24" i="25"/>
  <c r="AA11" i="25"/>
  <c r="Q22" i="25"/>
  <c r="Y31" i="14"/>
  <c r="AM31" i="14" s="1"/>
  <c r="BC31" i="14" s="1"/>
  <c r="BC61" i="14"/>
  <c r="DC61" i="14" s="1"/>
  <c r="GC61" i="14" s="1"/>
  <c r="AZ64" i="14"/>
  <c r="AU31" i="14"/>
  <c r="AQ31" i="14"/>
  <c r="CG31" i="14" s="1"/>
  <c r="CC61" i="14"/>
  <c r="FC61" i="14" s="1"/>
  <c r="IC61" i="14" s="1"/>
  <c r="N40" i="23" s="1"/>
  <c r="AK31" i="14"/>
  <c r="AR32" i="14"/>
  <c r="BH32" i="14" s="1"/>
  <c r="AK32" i="14"/>
  <c r="BN32" i="14" s="1"/>
  <c r="AT32" i="14"/>
  <c r="BJ32" i="14" s="1"/>
  <c r="AR31" i="14"/>
  <c r="BH31" i="14" s="1"/>
  <c r="AM32" i="14"/>
  <c r="BC32" i="14" s="1"/>
  <c r="AC10" i="25"/>
  <c r="AO32" i="14"/>
  <c r="CE32" i="14" s="1"/>
  <c r="AP32" i="14"/>
  <c r="BS32" i="14" s="1"/>
  <c r="I22" i="25"/>
  <c r="AN31" i="14"/>
  <c r="BQ31" i="14" s="1"/>
  <c r="AU32" i="14"/>
  <c r="BX32" i="14" s="1"/>
  <c r="BD79" i="14"/>
  <c r="DD79" i="14" s="1"/>
  <c r="GD79" i="14" s="1"/>
  <c r="BI68" i="14"/>
  <c r="CV68" i="14" s="1"/>
  <c r="FV68" i="14" s="1"/>
  <c r="M22" i="25"/>
  <c r="AS32" i="14"/>
  <c r="CI32" i="14" s="1"/>
  <c r="AQ32" i="14"/>
  <c r="BG32" i="14" s="1"/>
  <c r="BW64" i="14"/>
  <c r="EJ64" i="14" s="1"/>
  <c r="HJ64" i="14" s="1"/>
  <c r="CI68" i="14"/>
  <c r="FI68" i="14" s="1"/>
  <c r="II68" i="14" s="1"/>
  <c r="Z47" i="23" s="1"/>
  <c r="BH68" i="14"/>
  <c r="DH68" i="14" s="1"/>
  <c r="GH68" i="14" s="1"/>
  <c r="AP31" i="14"/>
  <c r="BF31" i="14" s="1"/>
  <c r="AT31" i="14"/>
  <c r="BJ31" i="14" s="1"/>
  <c r="AJ82" i="14"/>
  <c r="BM82" i="14" s="1"/>
  <c r="DZ82" i="14" s="1"/>
  <c r="GZ82" i="14" s="1"/>
  <c r="BJ61" i="14"/>
  <c r="CW61" i="14" s="1"/>
  <c r="FW61" i="14" s="1"/>
  <c r="BU68" i="14"/>
  <c r="EH68" i="14" s="1"/>
  <c r="HH68" i="14" s="1"/>
  <c r="W17" i="25"/>
  <c r="AJ31" i="14"/>
  <c r="BZ31" i="14" s="1"/>
  <c r="AJ32" i="14"/>
  <c r="BZ32" i="14" s="1"/>
  <c r="AO31" i="14"/>
  <c r="CE31" i="14" s="1"/>
  <c r="AM82" i="14"/>
  <c r="BP82" i="14" s="1"/>
  <c r="AL82" i="14"/>
  <c r="BB82" i="14" s="1"/>
  <c r="BG81" i="14"/>
  <c r="CT81" i="14" s="1"/>
  <c r="FT81" i="14" s="1"/>
  <c r="CG81" i="14"/>
  <c r="FG81" i="14" s="1"/>
  <c r="IG81" i="14" s="1"/>
  <c r="BD68" i="14"/>
  <c r="DD68" i="14" s="1"/>
  <c r="GD68" i="14" s="1"/>
  <c r="CF64" i="14"/>
  <c r="ES64" i="14" s="1"/>
  <c r="HS64" i="14" s="1"/>
  <c r="S43" i="23" s="1"/>
  <c r="BS73" i="14"/>
  <c r="DS73" i="14" s="1"/>
  <c r="GS73" i="14" s="1"/>
  <c r="AM34" i="14"/>
  <c r="BP34" i="14" s="1"/>
  <c r="BC81" i="14"/>
  <c r="CP81" i="14" s="1"/>
  <c r="FP81" i="14" s="1"/>
  <c r="BK69" i="14"/>
  <c r="CX69" i="14" s="1"/>
  <c r="FX69" i="14" s="1"/>
  <c r="AO62" i="14"/>
  <c r="BE62" i="14" s="1"/>
  <c r="BQ61" i="14"/>
  <c r="DQ61" i="14" s="1"/>
  <c r="GQ61" i="14" s="1"/>
  <c r="G10" i="25"/>
  <c r="AT62" i="14"/>
  <c r="BW62" i="14" s="1"/>
  <c r="BV69" i="14"/>
  <c r="BM64" i="14"/>
  <c r="DZ64" i="14" s="1"/>
  <c r="GZ64" i="14" s="1"/>
  <c r="AN34" i="14"/>
  <c r="BD34" i="14" s="1"/>
  <c r="AS34" i="14"/>
  <c r="CI34" i="14" s="1"/>
  <c r="AP62" i="14"/>
  <c r="CF62" i="14" s="1"/>
  <c r="CI69" i="14"/>
  <c r="FI69" i="14" s="1"/>
  <c r="II69" i="14" s="1"/>
  <c r="Z48" i="23" s="1"/>
  <c r="AQ62" i="14"/>
  <c r="CG62" i="14" s="1"/>
  <c r="FG62" i="14" s="1"/>
  <c r="IG62" i="14" s="1"/>
  <c r="V41" i="23" s="1"/>
  <c r="AL43" i="14"/>
  <c r="BB43" i="14" s="1"/>
  <c r="AM43" i="14"/>
  <c r="BP43" i="14" s="1"/>
  <c r="M13" i="25"/>
  <c r="AR62" i="14"/>
  <c r="BU62" i="14" s="1"/>
  <c r="EH62" i="14" s="1"/>
  <c r="HH62" i="14" s="1"/>
  <c r="AP43" i="14"/>
  <c r="CF43" i="14" s="1"/>
  <c r="AU43" i="14"/>
  <c r="BK43" i="14" s="1"/>
  <c r="AK43" i="14"/>
  <c r="BN43" i="14" s="1"/>
  <c r="AO43" i="14"/>
  <c r="BE43" i="14" s="1"/>
  <c r="O10" i="25"/>
  <c r="AP34" i="14"/>
  <c r="BS34" i="14" s="1"/>
  <c r="AS62" i="14"/>
  <c r="CI62" i="14" s="1"/>
  <c r="AM62" i="14"/>
  <c r="CC62" i="14" s="1"/>
  <c r="EP62" i="14" s="1"/>
  <c r="HP62" i="14" s="1"/>
  <c r="M41" i="23" s="1"/>
  <c r="AS43" i="14"/>
  <c r="CI43" i="14" s="1"/>
  <c r="AN43" i="14"/>
  <c r="BQ43" i="14" s="1"/>
  <c r="I13" i="25"/>
  <c r="AR34" i="14"/>
  <c r="BU34" i="14" s="1"/>
  <c r="AA13" i="25"/>
  <c r="BM61" i="14"/>
  <c r="DM61" i="14" s="1"/>
  <c r="GM61" i="14" s="1"/>
  <c r="AK62" i="14"/>
  <c r="BN62" i="14" s="1"/>
  <c r="EA62" i="14" s="1"/>
  <c r="HA62" i="14" s="1"/>
  <c r="AQ43" i="14"/>
  <c r="BT43" i="14" s="1"/>
  <c r="AL34" i="14"/>
  <c r="BB34" i="14" s="1"/>
  <c r="CI60" i="14"/>
  <c r="AJ62" i="14"/>
  <c r="AJ43" i="14"/>
  <c r="BZ43" i="14" s="1"/>
  <c r="CE77" i="14"/>
  <c r="ER77" i="14" s="1"/>
  <c r="HR77" i="14" s="1"/>
  <c r="Q56" i="23" s="1"/>
  <c r="BP77" i="14"/>
  <c r="EC77" i="14" s="1"/>
  <c r="HC77" i="14" s="1"/>
  <c r="CC70" i="14"/>
  <c r="EP70" i="14" s="1"/>
  <c r="HP70" i="14" s="1"/>
  <c r="M49" i="23" s="1"/>
  <c r="BC77" i="14"/>
  <c r="BT77" i="14"/>
  <c r="EG77" i="14" s="1"/>
  <c r="HG77" i="14" s="1"/>
  <c r="BC70" i="14"/>
  <c r="CP70" i="14" s="1"/>
  <c r="FP70" i="14" s="1"/>
  <c r="CG77" i="14"/>
  <c r="FG77" i="14" s="1"/>
  <c r="IG77" i="14" s="1"/>
  <c r="V56" i="23" s="1"/>
  <c r="BI64" i="14"/>
  <c r="DI64" i="14" s="1"/>
  <c r="GI64" i="14" s="1"/>
  <c r="BJ64" i="14"/>
  <c r="DJ64" i="14" s="1"/>
  <c r="GJ64" i="14" s="1"/>
  <c r="BV64" i="14"/>
  <c r="EI64" i="14" s="1"/>
  <c r="HI64" i="14" s="1"/>
  <c r="CJ61" i="14"/>
  <c r="EW61" i="14" s="1"/>
  <c r="HW61" i="14" s="1"/>
  <c r="AA40" i="23" s="1"/>
  <c r="AA10" i="25"/>
  <c r="BI81" i="14"/>
  <c r="DI81" i="14" s="1"/>
  <c r="GI81" i="14" s="1"/>
  <c r="CH61" i="14"/>
  <c r="FH61" i="14" s="1"/>
  <c r="IH61" i="14" s="1"/>
  <c r="X40" i="23" s="1"/>
  <c r="BQ70" i="14"/>
  <c r="DQ70" i="14" s="1"/>
  <c r="GQ70" i="14" s="1"/>
  <c r="CG64" i="14"/>
  <c r="ET64" i="14" s="1"/>
  <c r="HT64" i="14" s="1"/>
  <c r="U43" i="23" s="1"/>
  <c r="CJ75" i="14"/>
  <c r="EW75" i="14" s="1"/>
  <c r="HW75" i="14" s="1"/>
  <c r="AA54" i="23" s="1"/>
  <c r="BQ68" i="14"/>
  <c r="ED68" i="14" s="1"/>
  <c r="HD68" i="14" s="1"/>
  <c r="CK62" i="14"/>
  <c r="FK62" i="14" s="1"/>
  <c r="IK62" i="14" s="1"/>
  <c r="AD41" i="23" s="1"/>
  <c r="CD64" i="14"/>
  <c r="FD64" i="14" s="1"/>
  <c r="ID64" i="14" s="1"/>
  <c r="P43" i="23" s="1"/>
  <c r="BW75" i="14"/>
  <c r="EJ75" i="14" s="1"/>
  <c r="HJ75" i="14" s="1"/>
  <c r="BE77" i="14"/>
  <c r="CR77" i="14" s="1"/>
  <c r="FR77" i="14" s="1"/>
  <c r="BD70" i="14"/>
  <c r="CQ70" i="14" s="1"/>
  <c r="FQ70" i="14" s="1"/>
  <c r="BZ68" i="14"/>
  <c r="EZ68" i="14" s="1"/>
  <c r="HZ68" i="14" s="1"/>
  <c r="H47" i="23" s="1"/>
  <c r="BB60" i="14"/>
  <c r="DB60" i="14" s="1"/>
  <c r="GB60" i="14" s="1"/>
  <c r="CD61" i="14"/>
  <c r="FD61" i="14" s="1"/>
  <c r="ID61" i="14" s="1"/>
  <c r="P40" i="23" s="1"/>
  <c r="BV60" i="14"/>
  <c r="EI60" i="14" s="1"/>
  <c r="HI60" i="14" s="1"/>
  <c r="CB68" i="14"/>
  <c r="FB68" i="14" s="1"/>
  <c r="IB68" i="14" s="1"/>
  <c r="L47" i="23" s="1"/>
  <c r="BE74" i="14"/>
  <c r="DE74" i="14" s="1"/>
  <c r="GE74" i="14" s="1"/>
  <c r="BU77" i="14"/>
  <c r="EH77" i="14" s="1"/>
  <c r="HH77" i="14" s="1"/>
  <c r="BQ66" i="14"/>
  <c r="ED66" i="14" s="1"/>
  <c r="HD66" i="14" s="1"/>
  <c r="BU80" i="14"/>
  <c r="DU80" i="14" s="1"/>
  <c r="GU80" i="14" s="1"/>
  <c r="BH77" i="14"/>
  <c r="CU77" i="14" s="1"/>
  <c r="FU77" i="14" s="1"/>
  <c r="BB68" i="14"/>
  <c r="CO68" i="14" s="1"/>
  <c r="FO68" i="14" s="1"/>
  <c r="BE37" i="14"/>
  <c r="BR37" i="14"/>
  <c r="CE37" i="14"/>
  <c r="CG42" i="14"/>
  <c r="BT42" i="14"/>
  <c r="BG42" i="14"/>
  <c r="BR38" i="14"/>
  <c r="BU40" i="14"/>
  <c r="BH40" i="14"/>
  <c r="CH40" i="14"/>
  <c r="BK37" i="14"/>
  <c r="CK37" i="14"/>
  <c r="BX37" i="14"/>
  <c r="CF44" i="14"/>
  <c r="BF44" i="14"/>
  <c r="BS44" i="14"/>
  <c r="BO40" i="14"/>
  <c r="BB40" i="14"/>
  <c r="CB40" i="14"/>
  <c r="BX41" i="14"/>
  <c r="BK41" i="14"/>
  <c r="CK41" i="14"/>
  <c r="BM46" i="14"/>
  <c r="AZ46" i="14"/>
  <c r="BZ46" i="14"/>
  <c r="CC45" i="14"/>
  <c r="CA40" i="14"/>
  <c r="BN40" i="14"/>
  <c r="BA40" i="14"/>
  <c r="CH37" i="14"/>
  <c r="BU37" i="14"/>
  <c r="BH37" i="14"/>
  <c r="BB44" i="14"/>
  <c r="BO44" i="14"/>
  <c r="CB44" i="14"/>
  <c r="CC40" i="14"/>
  <c r="BC40" i="14"/>
  <c r="BP40" i="14"/>
  <c r="CD41" i="14"/>
  <c r="BQ41" i="14"/>
  <c r="BD41" i="14"/>
  <c r="BD46" i="14"/>
  <c r="CD46" i="14"/>
  <c r="BQ46" i="14"/>
  <c r="CA45" i="14"/>
  <c r="BN45" i="14"/>
  <c r="BA45" i="14"/>
  <c r="BF37" i="14"/>
  <c r="CF37" i="14"/>
  <c r="BS37" i="14"/>
  <c r="BB37" i="14"/>
  <c r="CB37" i="14"/>
  <c r="BO37" i="14"/>
  <c r="CH42" i="14"/>
  <c r="BU42" i="14"/>
  <c r="BH42" i="14"/>
  <c r="CI40" i="14"/>
  <c r="BI40" i="14"/>
  <c r="BV40" i="14"/>
  <c r="CI37" i="14"/>
  <c r="BI37" i="14"/>
  <c r="BV37" i="14"/>
  <c r="BD44" i="14"/>
  <c r="BQ44" i="14"/>
  <c r="CD44" i="14"/>
  <c r="BH45" i="14"/>
  <c r="CH45" i="14"/>
  <c r="BU45" i="14"/>
  <c r="BT70" i="14"/>
  <c r="EG70" i="14" s="1"/>
  <c r="HG70" i="14" s="1"/>
  <c r="BQ64" i="14"/>
  <c r="ED64" i="14" s="1"/>
  <c r="HD64" i="14" s="1"/>
  <c r="BS80" i="14"/>
  <c r="EF80" i="14" s="1"/>
  <c r="HF80" i="14" s="1"/>
  <c r="BM68" i="14"/>
  <c r="DZ68" i="14" s="1"/>
  <c r="GZ68" i="14" s="1"/>
  <c r="BJ37" i="14"/>
  <c r="CJ37" i="14"/>
  <c r="BW37" i="14"/>
  <c r="BX44" i="14"/>
  <c r="BK44" i="14"/>
  <c r="CK44" i="14"/>
  <c r="BM41" i="14"/>
  <c r="AZ41" i="14"/>
  <c r="BZ41" i="14"/>
  <c r="CI46" i="14"/>
  <c r="BI46" i="14"/>
  <c r="BV46" i="14"/>
  <c r="BZ40" i="14"/>
  <c r="BM40" i="14"/>
  <c r="AZ40" i="14"/>
  <c r="BZ42" i="14"/>
  <c r="BM42" i="14"/>
  <c r="AZ42" i="14"/>
  <c r="CF42" i="14"/>
  <c r="BF42" i="14"/>
  <c r="BS42" i="14"/>
  <c r="CB46" i="14"/>
  <c r="BB46" i="14"/>
  <c r="BO46" i="14"/>
  <c r="BM39" i="14"/>
  <c r="AZ39" i="14"/>
  <c r="BZ39" i="14"/>
  <c r="BG39" i="14"/>
  <c r="BT39" i="14"/>
  <c r="CG39" i="14"/>
  <c r="CJ41" i="14"/>
  <c r="BW41" i="14"/>
  <c r="BJ41" i="14"/>
  <c r="BV44" i="14"/>
  <c r="BI44" i="14"/>
  <c r="CI44" i="14"/>
  <c r="BG45" i="14"/>
  <c r="CA37" i="14"/>
  <c r="BA37" i="14"/>
  <c r="BN37" i="14"/>
  <c r="BB42" i="14"/>
  <c r="BO42" i="14"/>
  <c r="CB42" i="14"/>
  <c r="BR46" i="14"/>
  <c r="CE46" i="14"/>
  <c r="BE46" i="14"/>
  <c r="CC39" i="14"/>
  <c r="BC39" i="14"/>
  <c r="BP39" i="14"/>
  <c r="BJ46" i="14"/>
  <c r="CJ46" i="14"/>
  <c r="BW46" i="14"/>
  <c r="CC37" i="14"/>
  <c r="BP37" i="14"/>
  <c r="BC37" i="14"/>
  <c r="BM44" i="14"/>
  <c r="BZ44" i="14"/>
  <c r="AZ44" i="14"/>
  <c r="BW45" i="14"/>
  <c r="BW40" i="14"/>
  <c r="BJ40" i="14"/>
  <c r="CJ40" i="14"/>
  <c r="BH41" i="14"/>
  <c r="BU41" i="14"/>
  <c r="CH41" i="14"/>
  <c r="BA44" i="14"/>
  <c r="BN44" i="14"/>
  <c r="CA44" i="14"/>
  <c r="BV39" i="14"/>
  <c r="CI39" i="14"/>
  <c r="BI39" i="14"/>
  <c r="BR80" i="14"/>
  <c r="DR80" i="14" s="1"/>
  <c r="GR80" i="14" s="1"/>
  <c r="CA76" i="14"/>
  <c r="EN76" i="14" s="1"/>
  <c r="HN76" i="14" s="1"/>
  <c r="CD71" i="14"/>
  <c r="FD71" i="14" s="1"/>
  <c r="ID71" i="14" s="1"/>
  <c r="P50" i="23" s="1"/>
  <c r="CC41" i="14"/>
  <c r="BC41" i="14"/>
  <c r="BP41" i="14"/>
  <c r="BT44" i="14"/>
  <c r="CG44" i="14"/>
  <c r="BG44" i="14"/>
  <c r="BU46" i="14"/>
  <c r="BH46" i="14"/>
  <c r="CH46" i="14"/>
  <c r="BA42" i="14"/>
  <c r="CA42" i="14"/>
  <c r="BN42" i="14"/>
  <c r="CF46" i="14"/>
  <c r="BS46" i="14"/>
  <c r="BF46" i="14"/>
  <c r="BK45" i="14"/>
  <c r="CK45" i="14"/>
  <c r="BX45" i="14"/>
  <c r="CG37" i="14"/>
  <c r="BT37" i="14"/>
  <c r="BG37" i="14"/>
  <c r="BP42" i="14"/>
  <c r="CC42" i="14"/>
  <c r="BC42" i="14"/>
  <c r="BD39" i="14"/>
  <c r="BQ39" i="14"/>
  <c r="CD39" i="14"/>
  <c r="BR41" i="14"/>
  <c r="CE41" i="14"/>
  <c r="BE41" i="14"/>
  <c r="BD40" i="14"/>
  <c r="BQ40" i="14"/>
  <c r="CD40" i="14"/>
  <c r="BB41" i="14"/>
  <c r="CB41" i="14"/>
  <c r="BO41" i="14"/>
  <c r="BA46" i="14"/>
  <c r="BN46" i="14"/>
  <c r="CA46" i="14"/>
  <c r="BA39" i="14"/>
  <c r="CA39" i="14"/>
  <c r="BN39" i="14"/>
  <c r="CC80" i="14"/>
  <c r="FC80" i="14" s="1"/>
  <c r="IC80" i="14" s="1"/>
  <c r="BM37" i="14"/>
  <c r="AZ37" i="14"/>
  <c r="BZ37" i="14"/>
  <c r="BP44" i="14"/>
  <c r="CC44" i="14"/>
  <c r="BC44" i="14"/>
  <c r="BE39" i="14"/>
  <c r="CE39" i="14"/>
  <c r="BR39" i="14"/>
  <c r="BI41" i="14"/>
  <c r="BV41" i="14"/>
  <c r="CI41" i="14"/>
  <c r="CE44" i="14"/>
  <c r="BE44" i="14"/>
  <c r="BR44" i="14"/>
  <c r="CK42" i="14"/>
  <c r="BK42" i="14"/>
  <c r="BX42" i="14"/>
  <c r="BC46" i="14"/>
  <c r="BP46" i="14"/>
  <c r="CC46" i="14"/>
  <c r="CE40" i="14"/>
  <c r="BR40" i="14"/>
  <c r="BE40" i="14"/>
  <c r="BQ60" i="14"/>
  <c r="ED60" i="14" s="1"/>
  <c r="HD60" i="14" s="1"/>
  <c r="BD74" i="14"/>
  <c r="DD74" i="14" s="1"/>
  <c r="GD74" i="14" s="1"/>
  <c r="BH73" i="14"/>
  <c r="CU73" i="14" s="1"/>
  <c r="FU73" i="14" s="1"/>
  <c r="BZ73" i="14"/>
  <c r="EM73" i="14" s="1"/>
  <c r="HM73" i="14" s="1"/>
  <c r="G52" i="23" s="1"/>
  <c r="CG41" i="14"/>
  <c r="BT41" i="14"/>
  <c r="BG41" i="14"/>
  <c r="BT46" i="14"/>
  <c r="BG46" i="14"/>
  <c r="CG46" i="14"/>
  <c r="CJ39" i="14"/>
  <c r="BW39" i="14"/>
  <c r="BJ39" i="14"/>
  <c r="BQ37" i="14"/>
  <c r="BD37" i="14"/>
  <c r="CD37" i="14"/>
  <c r="BI42" i="14"/>
  <c r="CI42" i="14"/>
  <c r="BV42" i="14"/>
  <c r="BB39" i="14"/>
  <c r="CB39" i="14"/>
  <c r="BO39" i="14"/>
  <c r="CF41" i="14"/>
  <c r="BF41" i="14"/>
  <c r="BS41" i="14"/>
  <c r="CH44" i="14"/>
  <c r="BU44" i="14"/>
  <c r="BH44" i="14"/>
  <c r="BW38" i="14"/>
  <c r="BJ38" i="14"/>
  <c r="CJ38" i="14"/>
  <c r="BF40" i="14"/>
  <c r="CF40" i="14"/>
  <c r="BS40" i="14"/>
  <c r="BG38" i="14"/>
  <c r="CE42" i="14"/>
  <c r="BR42" i="14"/>
  <c r="BE42" i="14"/>
  <c r="CI38" i="14"/>
  <c r="BI38" i="14"/>
  <c r="BU39" i="14"/>
  <c r="BH39" i="14"/>
  <c r="CH39" i="14"/>
  <c r="CA41" i="14"/>
  <c r="BN41" i="14"/>
  <c r="BA41" i="14"/>
  <c r="BW44" i="14"/>
  <c r="BJ44" i="14"/>
  <c r="CJ44" i="14"/>
  <c r="BD45" i="14"/>
  <c r="CG40" i="14"/>
  <c r="BT40" i="14"/>
  <c r="BG40" i="14"/>
  <c r="BK39" i="14"/>
  <c r="CK39" i="14"/>
  <c r="BX39" i="14"/>
  <c r="BW42" i="14"/>
  <c r="CJ42" i="14"/>
  <c r="BJ42" i="14"/>
  <c r="CK46" i="14"/>
  <c r="BX46" i="14"/>
  <c r="BK46" i="14"/>
  <c r="BS39" i="14"/>
  <c r="CF39" i="14"/>
  <c r="BF39" i="14"/>
  <c r="CD42" i="14"/>
  <c r="BD42" i="14"/>
  <c r="BQ42" i="14"/>
  <c r="BK40" i="14"/>
  <c r="CK40" i="14"/>
  <c r="BX40" i="14"/>
  <c r="BN70" i="14"/>
  <c r="DN70" i="14" s="1"/>
  <c r="GN70" i="14" s="1"/>
  <c r="AZ70" i="14"/>
  <c r="CM70" i="14" s="1"/>
  <c r="FM70" i="14" s="1"/>
  <c r="BM70" i="14"/>
  <c r="DM70" i="14" s="1"/>
  <c r="GM70" i="14" s="1"/>
  <c r="BT71" i="14"/>
  <c r="EG71" i="14" s="1"/>
  <c r="HG71" i="14" s="1"/>
  <c r="CA70" i="14"/>
  <c r="FA70" i="14" s="1"/>
  <c r="IA70" i="14" s="1"/>
  <c r="J49" i="23" s="1"/>
  <c r="BN74" i="14"/>
  <c r="DN74" i="14" s="1"/>
  <c r="GN74" i="14" s="1"/>
  <c r="BF57" i="14"/>
  <c r="DF57" i="14" s="1"/>
  <c r="GF57" i="14" s="1"/>
  <c r="CJ73" i="14"/>
  <c r="FJ73" i="14" s="1"/>
  <c r="IJ73" i="14" s="1"/>
  <c r="AB52" i="23" s="1"/>
  <c r="BJ73" i="14"/>
  <c r="CW73" i="14" s="1"/>
  <c r="FW73" i="14" s="1"/>
  <c r="BA80" i="14"/>
  <c r="DA80" i="14" s="1"/>
  <c r="GA80" i="14" s="1"/>
  <c r="CA80" i="14"/>
  <c r="EN80" i="14" s="1"/>
  <c r="HN80" i="14" s="1"/>
  <c r="BW80" i="14"/>
  <c r="DW80" i="14" s="1"/>
  <c r="GW80" i="14" s="1"/>
  <c r="CB61" i="14"/>
  <c r="EO61" i="14" s="1"/>
  <c r="HO61" i="14" s="1"/>
  <c r="K40" i="23" s="1"/>
  <c r="BQ74" i="14"/>
  <c r="DQ74" i="14" s="1"/>
  <c r="GQ74" i="14" s="1"/>
  <c r="BH61" i="14"/>
  <c r="DH61" i="14" s="1"/>
  <c r="GH61" i="14" s="1"/>
  <c r="CD66" i="14"/>
  <c r="EQ66" i="14" s="1"/>
  <c r="HQ66" i="14" s="1"/>
  <c r="O45" i="23" s="1"/>
  <c r="CE80" i="14"/>
  <c r="FE80" i="14" s="1"/>
  <c r="IE80" i="14" s="1"/>
  <c r="CH80" i="14"/>
  <c r="EU80" i="14" s="1"/>
  <c r="HU80" i="14" s="1"/>
  <c r="BR74" i="14"/>
  <c r="DR74" i="14" s="1"/>
  <c r="GR74" i="14" s="1"/>
  <c r="BF80" i="14"/>
  <c r="CS80" i="14" s="1"/>
  <c r="FS80" i="14" s="1"/>
  <c r="BG64" i="14"/>
  <c r="CT64" i="14" s="1"/>
  <c r="FT64" i="14" s="1"/>
  <c r="BW28" i="14"/>
  <c r="EJ28" i="14" s="1"/>
  <c r="HJ28" i="14" s="1"/>
  <c r="BS69" i="14"/>
  <c r="EF69" i="14" s="1"/>
  <c r="HF69" i="14" s="1"/>
  <c r="CB77" i="14"/>
  <c r="FB77" i="14" s="1"/>
  <c r="IB77" i="14" s="1"/>
  <c r="L56" i="23" s="1"/>
  <c r="CF69" i="14"/>
  <c r="FF69" i="14" s="1"/>
  <c r="IF69" i="14" s="1"/>
  <c r="T48" i="23" s="1"/>
  <c r="BB77" i="14"/>
  <c r="DB77" i="14" s="1"/>
  <c r="GB77" i="14" s="1"/>
  <c r="CG28" i="14"/>
  <c r="ET28" i="14" s="1"/>
  <c r="HT28" i="14" s="1"/>
  <c r="CJ80" i="14"/>
  <c r="FJ80" i="14" s="1"/>
  <c r="IJ80" i="14" s="1"/>
  <c r="CH28" i="14"/>
  <c r="FH28" i="14" s="1"/>
  <c r="IH28" i="14" s="1"/>
  <c r="BP69" i="14"/>
  <c r="EC69" i="14" s="1"/>
  <c r="HC69" i="14" s="1"/>
  <c r="CC69" i="14"/>
  <c r="EP69" i="14" s="1"/>
  <c r="HP69" i="14" s="1"/>
  <c r="M48" i="23" s="1"/>
  <c r="CG80" i="14"/>
  <c r="FG80" i="14" s="1"/>
  <c r="IG80" i="14" s="1"/>
  <c r="BG74" i="14"/>
  <c r="DG74" i="14" s="1"/>
  <c r="GG74" i="14" s="1"/>
  <c r="CH57" i="14"/>
  <c r="EU57" i="14" s="1"/>
  <c r="HU57" i="14" s="1"/>
  <c r="BH57" i="14"/>
  <c r="CU57" i="14" s="1"/>
  <c r="FU57" i="14" s="1"/>
  <c r="CH74" i="14"/>
  <c r="FH74" i="14" s="1"/>
  <c r="IH74" i="14" s="1"/>
  <c r="X53" i="23" s="1"/>
  <c r="BA68" i="14"/>
  <c r="CN68" i="14" s="1"/>
  <c r="FN68" i="14" s="1"/>
  <c r="BT80" i="14"/>
  <c r="EG80" i="14" s="1"/>
  <c r="HG80" i="14" s="1"/>
  <c r="CG74" i="14"/>
  <c r="ET74" i="14" s="1"/>
  <c r="HT74" i="14" s="1"/>
  <c r="U53" i="23" s="1"/>
  <c r="BU74" i="14"/>
  <c r="EH74" i="14" s="1"/>
  <c r="HH74" i="14" s="1"/>
  <c r="BZ74" i="14"/>
  <c r="EZ74" i="14" s="1"/>
  <c r="HZ74" i="14" s="1"/>
  <c r="H53" i="23" s="1"/>
  <c r="CC57" i="14"/>
  <c r="EP57" i="14" s="1"/>
  <c r="HP57" i="14" s="1"/>
  <c r="BM74" i="14"/>
  <c r="DM74" i="14" s="1"/>
  <c r="GM74" i="14" s="1"/>
  <c r="CK28" i="14"/>
  <c r="EX28" i="14" s="1"/>
  <c r="HX28" i="14" s="1"/>
  <c r="BQ71" i="14"/>
  <c r="DQ71" i="14" s="1"/>
  <c r="GQ71" i="14" s="1"/>
  <c r="BG28" i="14"/>
  <c r="CT28" i="14" s="1"/>
  <c r="FT28" i="14" s="1"/>
  <c r="BU28" i="14"/>
  <c r="DU28" i="14" s="1"/>
  <c r="GU28" i="14" s="1"/>
  <c r="CG70" i="14"/>
  <c r="FG70" i="14" s="1"/>
  <c r="IG70" i="14" s="1"/>
  <c r="V49" i="23" s="1"/>
  <c r="BR27" i="14"/>
  <c r="EE27" i="14" s="1"/>
  <c r="HE27" i="14" s="1"/>
  <c r="BR69" i="14"/>
  <c r="EE69" i="14" s="1"/>
  <c r="HE69" i="14" s="1"/>
  <c r="BE27" i="14"/>
  <c r="CR27" i="14" s="1"/>
  <c r="FR27" i="14" s="1"/>
  <c r="BK57" i="14"/>
  <c r="CX57" i="14" s="1"/>
  <c r="FX57" i="14" s="1"/>
  <c r="BM57" i="14"/>
  <c r="DZ57" i="14" s="1"/>
  <c r="GZ57" i="14" s="1"/>
  <c r="H36" i="23" s="1"/>
  <c r="CE69" i="14"/>
  <c r="ER69" i="14" s="1"/>
  <c r="HR69" i="14" s="1"/>
  <c r="Q48" i="23" s="1"/>
  <c r="CK57" i="14"/>
  <c r="EX57" i="14" s="1"/>
  <c r="HX57" i="14" s="1"/>
  <c r="BZ57" i="14"/>
  <c r="EZ57" i="14" s="1"/>
  <c r="HZ57" i="14" s="1"/>
  <c r="BT68" i="14"/>
  <c r="EG68" i="14" s="1"/>
  <c r="HG68" i="14" s="1"/>
  <c r="CB74" i="14"/>
  <c r="FB74" i="14" s="1"/>
  <c r="IB74" i="14" s="1"/>
  <c r="L53" i="23" s="1"/>
  <c r="BO27" i="14"/>
  <c r="DO27" i="14" s="1"/>
  <c r="GO27" i="14" s="1"/>
  <c r="CJ70" i="14"/>
  <c r="FJ70" i="14" s="1"/>
  <c r="IJ70" i="14" s="1"/>
  <c r="AB49" i="23" s="1"/>
  <c r="BG68" i="14"/>
  <c r="CT68" i="14" s="1"/>
  <c r="FT68" i="14" s="1"/>
  <c r="BB74" i="14"/>
  <c r="CO74" i="14" s="1"/>
  <c r="FO74" i="14" s="1"/>
  <c r="CB27" i="14"/>
  <c r="EO27" i="14" s="1"/>
  <c r="HO27" i="14" s="1"/>
  <c r="BS77" i="14"/>
  <c r="DS77" i="14" s="1"/>
  <c r="GS77" i="14" s="1"/>
  <c r="CI81" i="14"/>
  <c r="FI81" i="14" s="1"/>
  <c r="II81" i="14" s="1"/>
  <c r="CF70" i="14"/>
  <c r="ES70" i="14" s="1"/>
  <c r="HS70" i="14" s="1"/>
  <c r="S49" i="23" s="1"/>
  <c r="BA71" i="14"/>
  <c r="CN71" i="14" s="1"/>
  <c r="FN71" i="14" s="1"/>
  <c r="BN76" i="14"/>
  <c r="EA76" i="14" s="1"/>
  <c r="HA76" i="14" s="1"/>
  <c r="J55" i="23" s="1"/>
  <c r="BM73" i="14"/>
  <c r="DZ73" i="14" s="1"/>
  <c r="GZ73" i="14" s="1"/>
  <c r="BU73" i="14"/>
  <c r="EH73" i="14" s="1"/>
  <c r="HH73" i="14" s="1"/>
  <c r="BZ71" i="14"/>
  <c r="EZ71" i="14" s="1"/>
  <c r="HZ71" i="14" s="1"/>
  <c r="H50" i="23" s="1"/>
  <c r="BC80" i="14"/>
  <c r="CP80" i="14" s="1"/>
  <c r="FP80" i="14" s="1"/>
  <c r="BF73" i="14"/>
  <c r="DF73" i="14" s="1"/>
  <c r="GF73" i="14" s="1"/>
  <c r="CI80" i="14"/>
  <c r="EV80" i="14" s="1"/>
  <c r="HV80" i="14" s="1"/>
  <c r="AZ71" i="14"/>
  <c r="CM71" i="14" s="1"/>
  <c r="FM71" i="14" s="1"/>
  <c r="BI80" i="14"/>
  <c r="DI80" i="14" s="1"/>
  <c r="GI80" i="14" s="1"/>
  <c r="BM77" i="14"/>
  <c r="DM77" i="14" s="1"/>
  <c r="GM77" i="14" s="1"/>
  <c r="CF77" i="14"/>
  <c r="FF77" i="14" s="1"/>
  <c r="IF77" i="14" s="1"/>
  <c r="T56" i="23" s="1"/>
  <c r="AZ77" i="14"/>
  <c r="CZ77" i="14" s="1"/>
  <c r="FZ77" i="14" s="1"/>
  <c r="BF70" i="14"/>
  <c r="DF70" i="14" s="1"/>
  <c r="GF70" i="14" s="1"/>
  <c r="BN71" i="14"/>
  <c r="EA71" i="14" s="1"/>
  <c r="HA71" i="14" s="1"/>
  <c r="BG71" i="14"/>
  <c r="CT71" i="14" s="1"/>
  <c r="FT71" i="14" s="1"/>
  <c r="BA74" i="14"/>
  <c r="CN74" i="14" s="1"/>
  <c r="FN74" i="14" s="1"/>
  <c r="BA60" i="14"/>
  <c r="CN60" i="14" s="1"/>
  <c r="FN60" i="14" s="1"/>
  <c r="BJ77" i="14"/>
  <c r="CW77" i="14" s="1"/>
  <c r="FW77" i="14" s="1"/>
  <c r="CA60" i="14"/>
  <c r="FA60" i="14" s="1"/>
  <c r="IA60" i="14" s="1"/>
  <c r="J39" i="23" s="1"/>
  <c r="BK74" i="14"/>
  <c r="CX74" i="14" s="1"/>
  <c r="FX74" i="14" s="1"/>
  <c r="BW77" i="14"/>
  <c r="EJ77" i="14" s="1"/>
  <c r="HJ77" i="14" s="1"/>
  <c r="BX74" i="14"/>
  <c r="EK74" i="14" s="1"/>
  <c r="HK74" i="14" s="1"/>
  <c r="BD69" i="14"/>
  <c r="DD69" i="14" s="1"/>
  <c r="GD69" i="14" s="1"/>
  <c r="BC74" i="14"/>
  <c r="CP74" i="14" s="1"/>
  <c r="FP74" i="14" s="1"/>
  <c r="BQ69" i="14"/>
  <c r="ED69" i="14" s="1"/>
  <c r="HD69" i="14" s="1"/>
  <c r="BP74" i="14"/>
  <c r="EC74" i="14" s="1"/>
  <c r="HC74" i="14" s="1"/>
  <c r="BO61" i="14"/>
  <c r="EB61" i="14" s="1"/>
  <c r="HB61" i="14" s="1"/>
  <c r="BV57" i="14"/>
  <c r="DV57" i="14" s="1"/>
  <c r="GV57" i="14" s="1"/>
  <c r="Y36" i="23" s="1"/>
  <c r="BN68" i="14"/>
  <c r="DN68" i="14" s="1"/>
  <c r="GN68" i="14" s="1"/>
  <c r="CC68" i="14"/>
  <c r="FC68" i="14" s="1"/>
  <c r="IC68" i="14" s="1"/>
  <c r="N47" i="23" s="1"/>
  <c r="BP68" i="14"/>
  <c r="DP68" i="14" s="1"/>
  <c r="GP68" i="14" s="1"/>
  <c r="BK73" i="14"/>
  <c r="CX73" i="14" s="1"/>
  <c r="FX73" i="14" s="1"/>
  <c r="BJ60" i="14"/>
  <c r="DJ60" i="14" s="1"/>
  <c r="GJ60" i="14" s="1"/>
  <c r="BI71" i="14"/>
  <c r="CV71" i="14" s="1"/>
  <c r="FV71" i="14" s="1"/>
  <c r="BD57" i="14"/>
  <c r="DD57" i="14" s="1"/>
  <c r="GD57" i="14" s="1"/>
  <c r="BI57" i="14"/>
  <c r="DI57" i="14" s="1"/>
  <c r="GI57" i="14" s="1"/>
  <c r="BQ57" i="14"/>
  <c r="ED57" i="14" s="1"/>
  <c r="HD57" i="14" s="1"/>
  <c r="P36" i="23" s="1"/>
  <c r="CD80" i="14"/>
  <c r="EQ80" i="14" s="1"/>
  <c r="HQ80" i="14" s="1"/>
  <c r="BF64" i="14"/>
  <c r="CS64" i="14" s="1"/>
  <c r="FS64" i="14" s="1"/>
  <c r="BD80" i="14"/>
  <c r="CQ80" i="14" s="1"/>
  <c r="FQ80" i="14" s="1"/>
  <c r="CF75" i="14"/>
  <c r="FF75" i="14" s="1"/>
  <c r="IF75" i="14" s="1"/>
  <c r="T54" i="23" s="1"/>
  <c r="BS76" i="14"/>
  <c r="DS76" i="14" s="1"/>
  <c r="GS76" i="14" s="1"/>
  <c r="S55" i="23" s="1"/>
  <c r="BF75" i="14"/>
  <c r="DF75" i="14" s="1"/>
  <c r="GF75" i="14" s="1"/>
  <c r="BR28" i="14"/>
  <c r="DR28" i="14" s="1"/>
  <c r="GR28" i="14" s="1"/>
  <c r="BI77" i="14"/>
  <c r="CV77" i="14" s="1"/>
  <c r="FV77" i="14" s="1"/>
  <c r="BO80" i="14"/>
  <c r="DO80" i="14" s="1"/>
  <c r="GO80" i="14" s="1"/>
  <c r="CF76" i="14"/>
  <c r="FF76" i="14" s="1"/>
  <c r="IF76" i="14" s="1"/>
  <c r="BV70" i="14"/>
  <c r="DV70" i="14" s="1"/>
  <c r="GV70" i="14" s="1"/>
  <c r="CE28" i="14"/>
  <c r="ER28" i="14" s="1"/>
  <c r="HR28" i="14" s="1"/>
  <c r="CI77" i="14"/>
  <c r="FI77" i="14" s="1"/>
  <c r="II77" i="14" s="1"/>
  <c r="Z56" i="23" s="1"/>
  <c r="CB80" i="14"/>
  <c r="FB80" i="14" s="1"/>
  <c r="IB80" i="14" s="1"/>
  <c r="CI70" i="14"/>
  <c r="EV70" i="14" s="1"/>
  <c r="HV70" i="14" s="1"/>
  <c r="Y49" i="23" s="1"/>
  <c r="BI74" i="14"/>
  <c r="DI74" i="14" s="1"/>
  <c r="GI74" i="14" s="1"/>
  <c r="BV74" i="14"/>
  <c r="EI74" i="14" s="1"/>
  <c r="HI74" i="14" s="1"/>
  <c r="BC73" i="14"/>
  <c r="CP73" i="14" s="1"/>
  <c r="FP73" i="14" s="1"/>
  <c r="BE73" i="14"/>
  <c r="CR73" i="14" s="1"/>
  <c r="FR73" i="14" s="1"/>
  <c r="BP71" i="14"/>
  <c r="EC71" i="14" s="1"/>
  <c r="HC71" i="14" s="1"/>
  <c r="BO71" i="14"/>
  <c r="EB71" i="14" s="1"/>
  <c r="HB71" i="14" s="1"/>
  <c r="BX28" i="14"/>
  <c r="EK28" i="14" s="1"/>
  <c r="HK28" i="14" s="1"/>
  <c r="BC71" i="14"/>
  <c r="CP71" i="14" s="1"/>
  <c r="FP71" i="14" s="1"/>
  <c r="BP73" i="14"/>
  <c r="EC73" i="14" s="1"/>
  <c r="HC73" i="14" s="1"/>
  <c r="BF68" i="14"/>
  <c r="CS68" i="14" s="1"/>
  <c r="FS68" i="14" s="1"/>
  <c r="BR73" i="14"/>
  <c r="EE73" i="14" s="1"/>
  <c r="HE73" i="14" s="1"/>
  <c r="BJ70" i="14"/>
  <c r="DJ70" i="14" s="1"/>
  <c r="GJ70" i="14" s="1"/>
  <c r="CB71" i="14"/>
  <c r="EO71" i="14" s="1"/>
  <c r="HO71" i="14" s="1"/>
  <c r="K50" i="23" s="1"/>
  <c r="BX71" i="14"/>
  <c r="DX71" i="14" s="1"/>
  <c r="GX71" i="14" s="1"/>
  <c r="BS68" i="14"/>
  <c r="EF68" i="14" s="1"/>
  <c r="HF68" i="14" s="1"/>
  <c r="BW74" i="14"/>
  <c r="DW74" i="14" s="1"/>
  <c r="GW74" i="14" s="1"/>
  <c r="CJ28" i="14"/>
  <c r="FJ28" i="14" s="1"/>
  <c r="IJ28" i="14" s="1"/>
  <c r="CK73" i="14"/>
  <c r="EX73" i="14" s="1"/>
  <c r="HX73" i="14" s="1"/>
  <c r="AC52" i="23" s="1"/>
  <c r="BK71" i="14"/>
  <c r="CX71" i="14" s="1"/>
  <c r="FX71" i="14" s="1"/>
  <c r="CJ74" i="14"/>
  <c r="EW74" i="14" s="1"/>
  <c r="HW74" i="14" s="1"/>
  <c r="AA53" i="23" s="1"/>
  <c r="CI71" i="14"/>
  <c r="EV71" i="14" s="1"/>
  <c r="HV71" i="14" s="1"/>
  <c r="Y50" i="23" s="1"/>
  <c r="BO60" i="14"/>
  <c r="DO60" i="14" s="1"/>
  <c r="GO60" i="14" s="1"/>
  <c r="BG57" i="14"/>
  <c r="DG57" i="14" s="1"/>
  <c r="GG57" i="14" s="1"/>
  <c r="AZ27" i="14"/>
  <c r="CZ27" i="14" s="1"/>
  <c r="FZ27" i="14" s="1"/>
  <c r="BT57" i="14"/>
  <c r="DT57" i="14" s="1"/>
  <c r="GT57" i="14" s="1"/>
  <c r="U36" i="23" s="1"/>
  <c r="BB28" i="14"/>
  <c r="DB28" i="14" s="1"/>
  <c r="GB28" i="14" s="1"/>
  <c r="BO28" i="14"/>
  <c r="DO28" i="14" s="1"/>
  <c r="GO28" i="14" s="1"/>
  <c r="BQ28" i="14"/>
  <c r="DQ28" i="14" s="1"/>
  <c r="GQ28" i="14" s="1"/>
  <c r="BM27" i="14"/>
  <c r="DM27" i="14" s="1"/>
  <c r="GM27" i="14" s="1"/>
  <c r="CD28" i="14"/>
  <c r="FD28" i="14" s="1"/>
  <c r="ID28" i="14" s="1"/>
  <c r="CH66" i="14"/>
  <c r="BU66" i="14"/>
  <c r="BH66" i="14"/>
  <c r="BP65" i="14"/>
  <c r="BC65" i="14"/>
  <c r="CC65" i="14"/>
  <c r="BZ28" i="14"/>
  <c r="EM28" i="14" s="1"/>
  <c r="HM28" i="14" s="1"/>
  <c r="BC27" i="14"/>
  <c r="CP27" i="14" s="1"/>
  <c r="FP27" i="14" s="1"/>
  <c r="CS69" i="14"/>
  <c r="FS69" i="14" s="1"/>
  <c r="DF69" i="14"/>
  <c r="GF69" i="14" s="1"/>
  <c r="BO78" i="14"/>
  <c r="BB78" i="14"/>
  <c r="CB78" i="14"/>
  <c r="CZ61" i="14"/>
  <c r="FZ61" i="14" s="1"/>
  <c r="CM61" i="14"/>
  <c r="FM61" i="14" s="1"/>
  <c r="BF78" i="14"/>
  <c r="CF78" i="14"/>
  <c r="BS78" i="14"/>
  <c r="BI66" i="14"/>
  <c r="BV66" i="14"/>
  <c r="CI66" i="14"/>
  <c r="BV76" i="14"/>
  <c r="BI76" i="14"/>
  <c r="CI76" i="14"/>
  <c r="CE81" i="14"/>
  <c r="BR81" i="14"/>
  <c r="BE81" i="14"/>
  <c r="CK65" i="14"/>
  <c r="BX65" i="14"/>
  <c r="BK65" i="14"/>
  <c r="CF81" i="14"/>
  <c r="BS81" i="14"/>
  <c r="BF81" i="14"/>
  <c r="CH65" i="14"/>
  <c r="BU65" i="14"/>
  <c r="BH65" i="14"/>
  <c r="CK61" i="14"/>
  <c r="BX61" i="14"/>
  <c r="BK61" i="14"/>
  <c r="FE70" i="14"/>
  <c r="IE70" i="14" s="1"/>
  <c r="R49" i="23" s="1"/>
  <c r="ER70" i="14"/>
  <c r="HR70" i="14" s="1"/>
  <c r="Q49" i="23" s="1"/>
  <c r="DM71" i="14"/>
  <c r="GM71" i="14" s="1"/>
  <c r="DZ71" i="14"/>
  <c r="GZ71" i="14" s="1"/>
  <c r="FI74" i="14"/>
  <c r="II74" i="14" s="1"/>
  <c r="Z53" i="23" s="1"/>
  <c r="EV74" i="14"/>
  <c r="HV74" i="14" s="1"/>
  <c r="Y53" i="23" s="1"/>
  <c r="BG76" i="14"/>
  <c r="CG76" i="14"/>
  <c r="BT76" i="14"/>
  <c r="FH77" i="14"/>
  <c r="IH77" i="14" s="1"/>
  <c r="X56" i="23" s="1"/>
  <c r="EU77" i="14"/>
  <c r="HU77" i="14" s="1"/>
  <c r="W56" i="23" s="1"/>
  <c r="EI68" i="14"/>
  <c r="HI68" i="14" s="1"/>
  <c r="DV68" i="14"/>
  <c r="GV68" i="14" s="1"/>
  <c r="CD65" i="14"/>
  <c r="BQ65" i="14"/>
  <c r="BD65" i="14"/>
  <c r="CF61" i="14"/>
  <c r="BS61" i="14"/>
  <c r="BF61" i="14"/>
  <c r="CX77" i="14"/>
  <c r="FX77" i="14" s="1"/>
  <c r="DK77" i="14"/>
  <c r="GK77" i="14" s="1"/>
  <c r="EQ68" i="14"/>
  <c r="HQ68" i="14" s="1"/>
  <c r="O47" i="23" s="1"/>
  <c r="FD68" i="14"/>
  <c r="ID68" i="14" s="1"/>
  <c r="P47" i="23" s="1"/>
  <c r="DD66" i="14"/>
  <c r="GD66" i="14" s="1"/>
  <c r="CQ66" i="14"/>
  <c r="FQ66" i="14" s="1"/>
  <c r="EE77" i="14"/>
  <c r="HE77" i="14" s="1"/>
  <c r="DR77" i="14"/>
  <c r="GR77" i="14" s="1"/>
  <c r="DH74" i="14"/>
  <c r="GH74" i="14" s="1"/>
  <c r="CU74" i="14"/>
  <c r="FU74" i="14" s="1"/>
  <c r="CQ61" i="14"/>
  <c r="FQ61" i="14" s="1"/>
  <c r="DD61" i="14"/>
  <c r="GD61" i="14" s="1"/>
  <c r="EA60" i="14"/>
  <c r="HA60" i="14" s="1"/>
  <c r="DN60" i="14"/>
  <c r="GN60" i="14" s="1"/>
  <c r="CP60" i="14"/>
  <c r="FP60" i="14" s="1"/>
  <c r="CT80" i="14"/>
  <c r="FT80" i="14" s="1"/>
  <c r="DG80" i="14"/>
  <c r="GG80" i="14" s="1"/>
  <c r="EO81" i="14"/>
  <c r="HO81" i="14" s="1"/>
  <c r="FB81" i="14"/>
  <c r="IB81" i="14" s="1"/>
  <c r="FK71" i="14"/>
  <c r="IK71" i="14" s="1"/>
  <c r="AD50" i="23" s="1"/>
  <c r="EX71" i="14"/>
  <c r="HX71" i="14" s="1"/>
  <c r="AC50" i="23" s="1"/>
  <c r="CE66" i="14"/>
  <c r="BR66" i="14"/>
  <c r="BE66" i="14"/>
  <c r="BZ76" i="14"/>
  <c r="BM76" i="14"/>
  <c r="AZ76" i="14"/>
  <c r="BK67" i="14"/>
  <c r="CK67" i="14"/>
  <c r="BX67" i="14"/>
  <c r="DO77" i="14"/>
  <c r="GO77" i="14" s="1"/>
  <c r="EB77" i="14"/>
  <c r="HB77" i="14" s="1"/>
  <c r="ER73" i="14"/>
  <c r="HR73" i="14" s="1"/>
  <c r="Q52" i="23" s="1"/>
  <c r="FE73" i="14"/>
  <c r="IE73" i="14" s="1"/>
  <c r="R52" i="23" s="1"/>
  <c r="EV82" i="14"/>
  <c r="HV82" i="14" s="1"/>
  <c r="CV61" i="14"/>
  <c r="FV61" i="14" s="1"/>
  <c r="DI61" i="14"/>
  <c r="GI61" i="14" s="1"/>
  <c r="BB67" i="14"/>
  <c r="CB67" i="14"/>
  <c r="BO67" i="14"/>
  <c r="DE69" i="14"/>
  <c r="GE69" i="14" s="1"/>
  <c r="CR69" i="14"/>
  <c r="FR69" i="14" s="1"/>
  <c r="EP81" i="14"/>
  <c r="HP81" i="14" s="1"/>
  <c r="FC81" i="14"/>
  <c r="IC81" i="14" s="1"/>
  <c r="CB66" i="14"/>
  <c r="BO66" i="14"/>
  <c r="BB66" i="14"/>
  <c r="EH61" i="14"/>
  <c r="HH61" i="14" s="1"/>
  <c r="DU61" i="14"/>
  <c r="GU61" i="14" s="1"/>
  <c r="EA64" i="14"/>
  <c r="HA64" i="14" s="1"/>
  <c r="DN64" i="14"/>
  <c r="GN64" i="14" s="1"/>
  <c r="BD77" i="14"/>
  <c r="CD77" i="14"/>
  <c r="BQ77" i="14"/>
  <c r="DI70" i="14"/>
  <c r="GI70" i="14" s="1"/>
  <c r="CV70" i="14"/>
  <c r="FV70" i="14" s="1"/>
  <c r="BN66" i="14"/>
  <c r="BA66" i="14"/>
  <c r="CA66" i="14"/>
  <c r="EP77" i="14"/>
  <c r="HP77" i="14" s="1"/>
  <c r="M56" i="23" s="1"/>
  <c r="FC77" i="14"/>
  <c r="IC77" i="14" s="1"/>
  <c r="N56" i="23" s="1"/>
  <c r="CH78" i="14"/>
  <c r="BU78" i="14"/>
  <c r="BH78" i="14"/>
  <c r="BI65" i="14"/>
  <c r="CI65" i="14"/>
  <c r="BV65" i="14"/>
  <c r="CJ69" i="14"/>
  <c r="BJ69" i="14"/>
  <c r="BW69" i="14"/>
  <c r="EM70" i="14"/>
  <c r="HM70" i="14" s="1"/>
  <c r="G49" i="23" s="1"/>
  <c r="EZ70" i="14"/>
  <c r="HZ70" i="14" s="1"/>
  <c r="H49" i="23" s="1"/>
  <c r="DA81" i="14"/>
  <c r="GA81" i="14" s="1"/>
  <c r="CN81" i="14"/>
  <c r="FN81" i="14" s="1"/>
  <c r="CJ66" i="14"/>
  <c r="BJ66" i="14"/>
  <c r="BW66" i="14"/>
  <c r="BR64" i="14"/>
  <c r="CE64" i="14"/>
  <c r="BE64" i="14"/>
  <c r="BE67" i="14"/>
  <c r="CE67" i="14"/>
  <c r="BR67" i="14"/>
  <c r="EK69" i="14"/>
  <c r="HK69" i="14" s="1"/>
  <c r="DX69" i="14"/>
  <c r="GX69" i="14" s="1"/>
  <c r="DP70" i="14"/>
  <c r="GP70" i="14" s="1"/>
  <c r="EC70" i="14"/>
  <c r="HC70" i="14" s="1"/>
  <c r="FH68" i="14"/>
  <c r="IH68" i="14" s="1"/>
  <c r="X47" i="23" s="1"/>
  <c r="EU68" i="14"/>
  <c r="HU68" i="14" s="1"/>
  <c r="W47" i="23" s="1"/>
  <c r="EZ64" i="14"/>
  <c r="HZ64" i="14" s="1"/>
  <c r="H43" i="23" s="1"/>
  <c r="EM64" i="14"/>
  <c r="HM64" i="14" s="1"/>
  <c r="G43" i="23" s="1"/>
  <c r="ED79" i="14"/>
  <c r="HD79" i="14" s="1"/>
  <c r="DQ79" i="14"/>
  <c r="GQ79" i="14" s="1"/>
  <c r="FI61" i="14"/>
  <c r="II61" i="14" s="1"/>
  <c r="Z40" i="23" s="1"/>
  <c r="EV61" i="14"/>
  <c r="HV61" i="14" s="1"/>
  <c r="Y40" i="23" s="1"/>
  <c r="EP71" i="14"/>
  <c r="HP71" i="14" s="1"/>
  <c r="M50" i="23" s="1"/>
  <c r="FC71" i="14"/>
  <c r="IC71" i="14" s="1"/>
  <c r="N50" i="23" s="1"/>
  <c r="EQ70" i="14"/>
  <c r="HQ70" i="14" s="1"/>
  <c r="O49" i="23" s="1"/>
  <c r="FD70" i="14"/>
  <c r="ID70" i="14" s="1"/>
  <c r="P49" i="23" s="1"/>
  <c r="CF57" i="14"/>
  <c r="FF57" i="14" s="1"/>
  <c r="IF57" i="14" s="1"/>
  <c r="CV60" i="14"/>
  <c r="FV60" i="14" s="1"/>
  <c r="DI60" i="14"/>
  <c r="GI60" i="14" s="1"/>
  <c r="DV77" i="14"/>
  <c r="GV77" i="14" s="1"/>
  <c r="EI77" i="14"/>
  <c r="HI77" i="14" s="1"/>
  <c r="CG66" i="14"/>
  <c r="BT66" i="14"/>
  <c r="BG66" i="14"/>
  <c r="CQ64" i="14"/>
  <c r="FQ64" i="14" s="1"/>
  <c r="DD64" i="14"/>
  <c r="GD64" i="14" s="1"/>
  <c r="CH67" i="14"/>
  <c r="BU67" i="14"/>
  <c r="BH67" i="14"/>
  <c r="BH70" i="14"/>
  <c r="CH70" i="14"/>
  <c r="BU70" i="14"/>
  <c r="FF68" i="14"/>
  <c r="IF68" i="14" s="1"/>
  <c r="T47" i="23" s="1"/>
  <c r="ES68" i="14"/>
  <c r="HS68" i="14" s="1"/>
  <c r="S47" i="23" s="1"/>
  <c r="FD74" i="14"/>
  <c r="ID74" i="14" s="1"/>
  <c r="P53" i="23" s="1"/>
  <c r="EQ74" i="14"/>
  <c r="HQ74" i="14" s="1"/>
  <c r="O53" i="23" s="1"/>
  <c r="ES80" i="14"/>
  <c r="HS80" i="14" s="1"/>
  <c r="FF80" i="14"/>
  <c r="IF80" i="14" s="1"/>
  <c r="EI61" i="14"/>
  <c r="HI61" i="14" s="1"/>
  <c r="DV61" i="14"/>
  <c r="GV61" i="14" s="1"/>
  <c r="CA67" i="14"/>
  <c r="BA67" i="14"/>
  <c r="BN67" i="14"/>
  <c r="BT78" i="14"/>
  <c r="CG78" i="14"/>
  <c r="BG78" i="14"/>
  <c r="DP81" i="14"/>
  <c r="GP81" i="14" s="1"/>
  <c r="EC81" i="14"/>
  <c r="HC81" i="14" s="1"/>
  <c r="CE78" i="14"/>
  <c r="BR78" i="14"/>
  <c r="BE78" i="14"/>
  <c r="CK66" i="14"/>
  <c r="BX66" i="14"/>
  <c r="BK66" i="14"/>
  <c r="BX68" i="14"/>
  <c r="BK68" i="14"/>
  <c r="CK68" i="14"/>
  <c r="AZ66" i="14"/>
  <c r="BM66" i="14"/>
  <c r="BZ66" i="14"/>
  <c r="DB61" i="14"/>
  <c r="GB61" i="14" s="1"/>
  <c r="CO61" i="14"/>
  <c r="FO61" i="14" s="1"/>
  <c r="DO69" i="14"/>
  <c r="GO69" i="14" s="1"/>
  <c r="EB69" i="14"/>
  <c r="HB69" i="14" s="1"/>
  <c r="CI78" i="14"/>
  <c r="BV78" i="14"/>
  <c r="BI78" i="14"/>
  <c r="DN81" i="14"/>
  <c r="GN81" i="14" s="1"/>
  <c r="EA81" i="14"/>
  <c r="HA81" i="14" s="1"/>
  <c r="DZ80" i="14"/>
  <c r="GZ80" i="14" s="1"/>
  <c r="DM80" i="14"/>
  <c r="GM80" i="14" s="1"/>
  <c r="CV69" i="14"/>
  <c r="FV69" i="14" s="1"/>
  <c r="DI69" i="14"/>
  <c r="GI69" i="14" s="1"/>
  <c r="CM68" i="14"/>
  <c r="FM68" i="14" s="1"/>
  <c r="CZ68" i="14"/>
  <c r="FZ68" i="14" s="1"/>
  <c r="FK69" i="14"/>
  <c r="IK69" i="14" s="1"/>
  <c r="AD48" i="23" s="1"/>
  <c r="EX69" i="14"/>
  <c r="HX69" i="14" s="1"/>
  <c r="AC48" i="23" s="1"/>
  <c r="BX78" i="14"/>
  <c r="CK78" i="14"/>
  <c r="BK78" i="14"/>
  <c r="FF73" i="14"/>
  <c r="IF73" i="14" s="1"/>
  <c r="T52" i="23" s="1"/>
  <c r="ES73" i="14"/>
  <c r="HS73" i="14" s="1"/>
  <c r="S52" i="23" s="1"/>
  <c r="CQ71" i="14"/>
  <c r="FQ71" i="14" s="1"/>
  <c r="DD71" i="14"/>
  <c r="GD71" i="14" s="1"/>
  <c r="CZ74" i="14"/>
  <c r="FZ74" i="14" s="1"/>
  <c r="CM74" i="14"/>
  <c r="FM74" i="14" s="1"/>
  <c r="CU80" i="14"/>
  <c r="FU80" i="14" s="1"/>
  <c r="DH80" i="14"/>
  <c r="GH80" i="14" s="1"/>
  <c r="CM64" i="14"/>
  <c r="FM64" i="14" s="1"/>
  <c r="CZ64" i="14"/>
  <c r="FZ64" i="14" s="1"/>
  <c r="BA78" i="14"/>
  <c r="CA78" i="14"/>
  <c r="BN78" i="14"/>
  <c r="EI80" i="14"/>
  <c r="HI80" i="14" s="1"/>
  <c r="DV80" i="14"/>
  <c r="GV80" i="14" s="1"/>
  <c r="BZ65" i="14"/>
  <c r="AZ65" i="14"/>
  <c r="BM65" i="14"/>
  <c r="CH76" i="14"/>
  <c r="BU76" i="14"/>
  <c r="BH76" i="14"/>
  <c r="BX64" i="14"/>
  <c r="BK64" i="14"/>
  <c r="CK64" i="14"/>
  <c r="DC68" i="14"/>
  <c r="GC68" i="14" s="1"/>
  <c r="CP68" i="14"/>
  <c r="FP68" i="14" s="1"/>
  <c r="EQ69" i="14"/>
  <c r="HQ69" i="14" s="1"/>
  <c r="O48" i="23" s="1"/>
  <c r="FD69" i="14"/>
  <c r="ID69" i="14" s="1"/>
  <c r="P48" i="23" s="1"/>
  <c r="EJ70" i="14"/>
  <c r="HJ70" i="14" s="1"/>
  <c r="DW70" i="14"/>
  <c r="GW70" i="14" s="1"/>
  <c r="BK81" i="14"/>
  <c r="CK81" i="14"/>
  <c r="BX81" i="14"/>
  <c r="DN73" i="14"/>
  <c r="GN73" i="14" s="1"/>
  <c r="BC78" i="14"/>
  <c r="CC78" i="14"/>
  <c r="BP78" i="14"/>
  <c r="DB71" i="14"/>
  <c r="GB71" i="14" s="1"/>
  <c r="CO71" i="14"/>
  <c r="FO71" i="14" s="1"/>
  <c r="CW74" i="14"/>
  <c r="FW74" i="14" s="1"/>
  <c r="DJ74" i="14"/>
  <c r="GJ74" i="14" s="1"/>
  <c r="CG67" i="14"/>
  <c r="BT67" i="14"/>
  <c r="BG67" i="14"/>
  <c r="BR68" i="14"/>
  <c r="CE68" i="14"/>
  <c r="BE68" i="14"/>
  <c r="BK80" i="14"/>
  <c r="CK80" i="14"/>
  <c r="BX80" i="14"/>
  <c r="EV64" i="14"/>
  <c r="HV64" i="14" s="1"/>
  <c r="Y43" i="23" s="1"/>
  <c r="FI64" i="14"/>
  <c r="II64" i="14" s="1"/>
  <c r="Z43" i="23" s="1"/>
  <c r="DC69" i="14"/>
  <c r="GC69" i="14" s="1"/>
  <c r="CP69" i="14"/>
  <c r="FP69" i="14" s="1"/>
  <c r="BD81" i="14"/>
  <c r="CD81" i="14"/>
  <c r="BQ81" i="14"/>
  <c r="DV71" i="14"/>
  <c r="GV71" i="14" s="1"/>
  <c r="EI71" i="14"/>
  <c r="HI71" i="14" s="1"/>
  <c r="BS66" i="14"/>
  <c r="BF66" i="14"/>
  <c r="CF66" i="14"/>
  <c r="FA81" i="14"/>
  <c r="IA81" i="14" s="1"/>
  <c r="EN81" i="14"/>
  <c r="HN81" i="14" s="1"/>
  <c r="EM80" i="14"/>
  <c r="HM80" i="14" s="1"/>
  <c r="EZ80" i="14"/>
  <c r="HZ80" i="14" s="1"/>
  <c r="DZ78" i="14"/>
  <c r="GZ78" i="14" s="1"/>
  <c r="DM78" i="14"/>
  <c r="GM78" i="14" s="1"/>
  <c r="EJ81" i="14"/>
  <c r="HJ81" i="14" s="1"/>
  <c r="DW81" i="14"/>
  <c r="GW81" i="14" s="1"/>
  <c r="EG74" i="14"/>
  <c r="HG74" i="14" s="1"/>
  <c r="DT74" i="14"/>
  <c r="GT74" i="14" s="1"/>
  <c r="DJ80" i="14"/>
  <c r="GJ80" i="14" s="1"/>
  <c r="CW80" i="14"/>
  <c r="FW80" i="14" s="1"/>
  <c r="BD78" i="14"/>
  <c r="CD78" i="14"/>
  <c r="BQ78" i="14"/>
  <c r="CB65" i="14"/>
  <c r="BO65" i="14"/>
  <c r="BB65" i="14"/>
  <c r="EB81" i="14"/>
  <c r="HB81" i="14" s="1"/>
  <c r="DO81" i="14"/>
  <c r="GO81" i="14" s="1"/>
  <c r="EF70" i="14"/>
  <c r="HF70" i="14" s="1"/>
  <c r="DS70" i="14"/>
  <c r="GS70" i="14" s="1"/>
  <c r="BA69" i="14"/>
  <c r="BN69" i="14"/>
  <c r="CA69" i="14"/>
  <c r="DE70" i="14"/>
  <c r="GE70" i="14" s="1"/>
  <c r="CR70" i="14"/>
  <c r="FR70" i="14" s="1"/>
  <c r="EV60" i="14"/>
  <c r="HV60" i="14" s="1"/>
  <c r="Y39" i="23" s="1"/>
  <c r="FI60" i="14"/>
  <c r="II60" i="14" s="1"/>
  <c r="Z39" i="23" s="1"/>
  <c r="DF77" i="14"/>
  <c r="GF77" i="14" s="1"/>
  <c r="CS77" i="14"/>
  <c r="FS77" i="14" s="1"/>
  <c r="EG81" i="14"/>
  <c r="HG81" i="14" s="1"/>
  <c r="DT81" i="14"/>
  <c r="GT81" i="14" s="1"/>
  <c r="FC73" i="14"/>
  <c r="IC73" i="14" s="1"/>
  <c r="N52" i="23" s="1"/>
  <c r="EP73" i="14"/>
  <c r="HP73" i="14" s="1"/>
  <c r="M52" i="23" s="1"/>
  <c r="EX74" i="14"/>
  <c r="HX74" i="14" s="1"/>
  <c r="AC53" i="23" s="1"/>
  <c r="FK74" i="14"/>
  <c r="IK74" i="14" s="1"/>
  <c r="AD53" i="23" s="1"/>
  <c r="DP61" i="14"/>
  <c r="GP61" i="14" s="1"/>
  <c r="EC61" i="14"/>
  <c r="HC61" i="14" s="1"/>
  <c r="FJ64" i="14"/>
  <c r="IJ64" i="14" s="1"/>
  <c r="AB43" i="23" s="1"/>
  <c r="EW64" i="14"/>
  <c r="HW64" i="14" s="1"/>
  <c r="AA43" i="23" s="1"/>
  <c r="BS71" i="14"/>
  <c r="CF71" i="14"/>
  <c r="BF71" i="14"/>
  <c r="CN77" i="14"/>
  <c r="FN77" i="14" s="1"/>
  <c r="DA77" i="14"/>
  <c r="GA77" i="14" s="1"/>
  <c r="EN74" i="14"/>
  <c r="HN74" i="14" s="1"/>
  <c r="I53" i="23" s="1"/>
  <c r="FA74" i="14"/>
  <c r="IA74" i="14" s="1"/>
  <c r="J53" i="23" s="1"/>
  <c r="CR80" i="14"/>
  <c r="FR80" i="14" s="1"/>
  <c r="DE80" i="14"/>
  <c r="GE80" i="14" s="1"/>
  <c r="DT61" i="14"/>
  <c r="GT61" i="14" s="1"/>
  <c r="EG61" i="14"/>
  <c r="HG61" i="14" s="1"/>
  <c r="BW67" i="14"/>
  <c r="BJ67" i="14"/>
  <c r="CJ67" i="14"/>
  <c r="EW77" i="14"/>
  <c r="HW77" i="14" s="1"/>
  <c r="AA56" i="23" s="1"/>
  <c r="FJ77" i="14"/>
  <c r="IJ77" i="14" s="1"/>
  <c r="AB56" i="23" s="1"/>
  <c r="CE71" i="14"/>
  <c r="BR71" i="14"/>
  <c r="BE71" i="14"/>
  <c r="BO76" i="14"/>
  <c r="CB76" i="14"/>
  <c r="BB76" i="14"/>
  <c r="BP67" i="14"/>
  <c r="BC67" i="14"/>
  <c r="CC67" i="14"/>
  <c r="ET69" i="14"/>
  <c r="HT69" i="14" s="1"/>
  <c r="U48" i="23" s="1"/>
  <c r="BZ81" i="14"/>
  <c r="AZ81" i="14"/>
  <c r="BM81" i="14"/>
  <c r="CC64" i="14"/>
  <c r="BC64" i="14"/>
  <c r="BP64" i="14"/>
  <c r="ER79" i="14"/>
  <c r="HR79" i="14" s="1"/>
  <c r="CZ80" i="14"/>
  <c r="FZ80" i="14" s="1"/>
  <c r="CM80" i="14"/>
  <c r="FM80" i="14" s="1"/>
  <c r="CM69" i="14"/>
  <c r="FM69" i="14" s="1"/>
  <c r="CZ69" i="14"/>
  <c r="FZ69" i="14" s="1"/>
  <c r="EM78" i="14"/>
  <c r="HM78" i="14" s="1"/>
  <c r="G57" i="23" s="1"/>
  <c r="EZ78" i="14"/>
  <c r="HZ78" i="14" s="1"/>
  <c r="H57" i="23" s="1"/>
  <c r="FJ81" i="14"/>
  <c r="IJ81" i="14" s="1"/>
  <c r="EW81" i="14"/>
  <c r="HW81" i="14" s="1"/>
  <c r="EN71" i="14"/>
  <c r="HN71" i="14" s="1"/>
  <c r="I50" i="23" s="1"/>
  <c r="FA71" i="14"/>
  <c r="IA71" i="14" s="1"/>
  <c r="J50" i="23" s="1"/>
  <c r="BG65" i="14"/>
  <c r="CG65" i="14"/>
  <c r="BT65" i="14"/>
  <c r="EJ68" i="14"/>
  <c r="HJ68" i="14" s="1"/>
  <c r="DW68" i="14"/>
  <c r="GW68" i="14" s="1"/>
  <c r="FH81" i="14"/>
  <c r="IH81" i="14" s="1"/>
  <c r="EU81" i="14"/>
  <c r="HU81" i="14" s="1"/>
  <c r="BR65" i="14"/>
  <c r="BE65" i="14"/>
  <c r="CE65" i="14"/>
  <c r="FA61" i="14"/>
  <c r="IA61" i="14" s="1"/>
  <c r="J40" i="23" s="1"/>
  <c r="EN61" i="14"/>
  <c r="HN61" i="14" s="1"/>
  <c r="I40" i="23" s="1"/>
  <c r="DF76" i="14"/>
  <c r="GF76" i="14" s="1"/>
  <c r="CS76" i="14"/>
  <c r="FS76" i="14" s="1"/>
  <c r="BC66" i="14"/>
  <c r="CC66" i="14"/>
  <c r="BP66" i="14"/>
  <c r="CB64" i="14"/>
  <c r="BB64" i="14"/>
  <c r="BO64" i="14"/>
  <c r="BJ65" i="14"/>
  <c r="CJ65" i="14"/>
  <c r="BW65" i="14"/>
  <c r="EB74" i="14"/>
  <c r="HB74" i="14" s="1"/>
  <c r="DO74" i="14"/>
  <c r="GO74" i="14" s="1"/>
  <c r="CN76" i="14"/>
  <c r="FN76" i="14" s="1"/>
  <c r="DA76" i="14"/>
  <c r="GA76" i="14" s="1"/>
  <c r="BP27" i="14"/>
  <c r="EC27" i="14" s="1"/>
  <c r="HC27" i="14" s="1"/>
  <c r="BI67" i="14"/>
  <c r="CI67" i="14"/>
  <c r="BV67" i="14"/>
  <c r="DB80" i="14"/>
  <c r="GB80" i="14" s="1"/>
  <c r="CO80" i="14"/>
  <c r="FO80" i="14" s="1"/>
  <c r="CW64" i="14"/>
  <c r="FW64" i="14" s="1"/>
  <c r="EO60" i="14"/>
  <c r="HO60" i="14" s="1"/>
  <c r="K39" i="23" s="1"/>
  <c r="FB60" i="14"/>
  <c r="IB60" i="14" s="1"/>
  <c r="L39" i="23" s="1"/>
  <c r="CG79" i="14"/>
  <c r="FG71" i="14"/>
  <c r="IG71" i="14" s="1"/>
  <c r="V50" i="23" s="1"/>
  <c r="ET71" i="14"/>
  <c r="HT71" i="14" s="1"/>
  <c r="U50" i="23" s="1"/>
  <c r="FC74" i="14"/>
  <c r="IC74" i="14" s="1"/>
  <c r="N53" i="23" s="1"/>
  <c r="EP74" i="14"/>
  <c r="HP74" i="14" s="1"/>
  <c r="M53" i="23" s="1"/>
  <c r="DS64" i="14"/>
  <c r="GS64" i="14" s="1"/>
  <c r="EF64" i="14"/>
  <c r="HF64" i="14" s="1"/>
  <c r="CJ62" i="14"/>
  <c r="BJ62" i="14"/>
  <c r="FH73" i="14"/>
  <c r="IH73" i="14" s="1"/>
  <c r="X52" i="23" s="1"/>
  <c r="EU73" i="14"/>
  <c r="HU73" i="14" s="1"/>
  <c r="W52" i="23" s="1"/>
  <c r="CE76" i="14"/>
  <c r="BE76" i="14"/>
  <c r="BR76" i="14"/>
  <c r="CJ71" i="14"/>
  <c r="BW71" i="14"/>
  <c r="BJ71" i="14"/>
  <c r="CK76" i="14"/>
  <c r="BK76" i="14"/>
  <c r="BX76" i="14"/>
  <c r="AZ67" i="14"/>
  <c r="BZ67" i="14"/>
  <c r="BM67" i="14"/>
  <c r="EG69" i="14"/>
  <c r="HG69" i="14" s="1"/>
  <c r="DT69" i="14"/>
  <c r="GT69" i="14" s="1"/>
  <c r="BV73" i="14"/>
  <c r="BI73" i="14"/>
  <c r="CI73" i="14"/>
  <c r="EC80" i="14"/>
  <c r="HC80" i="14" s="1"/>
  <c r="DP80" i="14"/>
  <c r="GP80" i="14" s="1"/>
  <c r="BQ67" i="14"/>
  <c r="BD67" i="14"/>
  <c r="CD67" i="14"/>
  <c r="CN70" i="14"/>
  <c r="FN70" i="14" s="1"/>
  <c r="DA70" i="14"/>
  <c r="GA70" i="14" s="1"/>
  <c r="EB68" i="14"/>
  <c r="HB68" i="14" s="1"/>
  <c r="DO68" i="14"/>
  <c r="GO68" i="14" s="1"/>
  <c r="CD76" i="14"/>
  <c r="BQ76" i="14"/>
  <c r="BD76" i="14"/>
  <c r="DM69" i="14"/>
  <c r="GM69" i="14" s="1"/>
  <c r="DZ69" i="14"/>
  <c r="GZ69" i="14" s="1"/>
  <c r="DJ81" i="14"/>
  <c r="GJ81" i="14" s="1"/>
  <c r="CW81" i="14"/>
  <c r="FW81" i="14" s="1"/>
  <c r="DJ75" i="14"/>
  <c r="GJ75" i="14" s="1"/>
  <c r="CW75" i="14"/>
  <c r="FW75" i="14" s="1"/>
  <c r="CT77" i="14"/>
  <c r="FT77" i="14" s="1"/>
  <c r="DG77" i="14"/>
  <c r="GG77" i="14" s="1"/>
  <c r="EW68" i="14"/>
  <c r="HW68" i="14" s="1"/>
  <c r="AA47" i="23" s="1"/>
  <c r="FJ68" i="14"/>
  <c r="IJ68" i="14" s="1"/>
  <c r="AB47" i="23" s="1"/>
  <c r="CZ73" i="14"/>
  <c r="FZ73" i="14" s="1"/>
  <c r="CM73" i="14"/>
  <c r="FM73" i="14" s="1"/>
  <c r="DS75" i="14"/>
  <c r="GS75" i="14" s="1"/>
  <c r="EF75" i="14"/>
  <c r="HF75" i="14" s="1"/>
  <c r="CN61" i="14"/>
  <c r="FN61" i="14" s="1"/>
  <c r="DA61" i="14"/>
  <c r="GA61" i="14" s="1"/>
  <c r="DH64" i="14"/>
  <c r="GH64" i="14" s="1"/>
  <c r="CF65" i="14"/>
  <c r="BS65" i="14"/>
  <c r="BF65" i="14"/>
  <c r="FA64" i="14"/>
  <c r="IA64" i="14" s="1"/>
  <c r="J43" i="23" s="1"/>
  <c r="EN64" i="14"/>
  <c r="HN64" i="14" s="1"/>
  <c r="I43" i="23" s="1"/>
  <c r="CP77" i="14"/>
  <c r="FP77" i="14" s="1"/>
  <c r="DC77" i="14"/>
  <c r="GC77" i="14" s="1"/>
  <c r="DV69" i="14"/>
  <c r="GV69" i="14" s="1"/>
  <c r="EI69" i="14"/>
  <c r="HI69" i="14" s="1"/>
  <c r="AZ28" i="14"/>
  <c r="CZ28" i="14" s="1"/>
  <c r="FZ28" i="14" s="1"/>
  <c r="BA28" i="14"/>
  <c r="DA28" i="14" s="1"/>
  <c r="GA28" i="14" s="1"/>
  <c r="BS67" i="14"/>
  <c r="BF67" i="14"/>
  <c r="CF67" i="14"/>
  <c r="CT70" i="14"/>
  <c r="FT70" i="14" s="1"/>
  <c r="DG70" i="14"/>
  <c r="GG70" i="14" s="1"/>
  <c r="EK73" i="14"/>
  <c r="HK73" i="14" s="1"/>
  <c r="DX73" i="14"/>
  <c r="GX73" i="14" s="1"/>
  <c r="DU82" i="14"/>
  <c r="GU82" i="14" s="1"/>
  <c r="EH82" i="14"/>
  <c r="HH82" i="14" s="1"/>
  <c r="FE74" i="14"/>
  <c r="IE74" i="14" s="1"/>
  <c r="R53" i="23" s="1"/>
  <c r="ER74" i="14"/>
  <c r="HR74" i="14" s="1"/>
  <c r="Q53" i="23" s="1"/>
  <c r="EM61" i="14"/>
  <c r="HM61" i="14" s="1"/>
  <c r="G40" i="23" s="1"/>
  <c r="EZ61" i="14"/>
  <c r="HZ61" i="14" s="1"/>
  <c r="H40" i="23" s="1"/>
  <c r="DW61" i="14"/>
  <c r="GW61" i="14" s="1"/>
  <c r="EJ61" i="14"/>
  <c r="HJ61" i="14" s="1"/>
  <c r="EZ77" i="14"/>
  <c r="HZ77" i="14" s="1"/>
  <c r="H56" i="23" s="1"/>
  <c r="EM77" i="14"/>
  <c r="HM77" i="14" s="1"/>
  <c r="G56" i="23" s="1"/>
  <c r="CJ78" i="14"/>
  <c r="BW78" i="14"/>
  <c r="BJ78" i="14"/>
  <c r="DV81" i="14"/>
  <c r="GV81" i="14" s="1"/>
  <c r="EI81" i="14"/>
  <c r="HI81" i="14" s="1"/>
  <c r="BA65" i="14"/>
  <c r="BN65" i="14"/>
  <c r="CA65" i="14"/>
  <c r="ED80" i="14"/>
  <c r="HD80" i="14" s="1"/>
  <c r="DQ80" i="14"/>
  <c r="GQ80" i="14" s="1"/>
  <c r="CH69" i="14"/>
  <c r="BH69" i="14"/>
  <c r="BU69" i="14"/>
  <c r="CB70" i="14"/>
  <c r="BO70" i="14"/>
  <c r="BB70" i="14"/>
  <c r="FG68" i="14"/>
  <c r="IG68" i="14" s="1"/>
  <c r="V47" i="23" s="1"/>
  <c r="ET68" i="14"/>
  <c r="HT68" i="14" s="1"/>
  <c r="U47" i="23" s="1"/>
  <c r="BJ76" i="14"/>
  <c r="CJ76" i="14"/>
  <c r="BW76" i="14"/>
  <c r="DT64" i="14"/>
  <c r="GT64" i="14" s="1"/>
  <c r="EG64" i="14"/>
  <c r="HG64" i="14" s="1"/>
  <c r="BK70" i="14"/>
  <c r="CK70" i="14"/>
  <c r="BX70" i="14"/>
  <c r="FA68" i="14"/>
  <c r="IA68" i="14" s="1"/>
  <c r="J47" i="23" s="1"/>
  <c r="EN68" i="14"/>
  <c r="HN68" i="14" s="1"/>
  <c r="I47" i="23" s="1"/>
  <c r="BS74" i="14"/>
  <c r="CF74" i="14"/>
  <c r="BF74" i="14"/>
  <c r="CE61" i="14"/>
  <c r="BR61" i="14"/>
  <c r="BE61" i="14"/>
  <c r="DG69" i="14"/>
  <c r="GG69" i="14" s="1"/>
  <c r="CT69" i="14"/>
  <c r="FT69" i="14" s="1"/>
  <c r="DR70" i="14"/>
  <c r="GR70" i="14" s="1"/>
  <c r="EE70" i="14"/>
  <c r="HE70" i="14" s="1"/>
  <c r="DI68" i="14"/>
  <c r="GI68" i="14" s="1"/>
  <c r="EJ73" i="14"/>
  <c r="HJ73" i="14" s="1"/>
  <c r="DW73" i="14"/>
  <c r="GW73" i="14" s="1"/>
  <c r="DH71" i="14"/>
  <c r="GH71" i="14" s="1"/>
  <c r="CU71" i="14"/>
  <c r="FU71" i="14" s="1"/>
  <c r="CC76" i="14"/>
  <c r="BP76" i="14"/>
  <c r="BC76" i="14"/>
  <c r="EX77" i="14"/>
  <c r="HX77" i="14" s="1"/>
  <c r="AC56" i="23" s="1"/>
  <c r="FK77" i="14"/>
  <c r="IK77" i="14" s="1"/>
  <c r="AD56" i="23" s="1"/>
  <c r="DJ68" i="14"/>
  <c r="GJ68" i="14" s="1"/>
  <c r="CW68" i="14"/>
  <c r="FW68" i="14" s="1"/>
  <c r="DN80" i="14"/>
  <c r="GN80" i="14" s="1"/>
  <c r="EA80" i="14"/>
  <c r="HA80" i="14" s="1"/>
  <c r="FH64" i="14"/>
  <c r="IH64" i="14" s="1"/>
  <c r="X43" i="23" s="1"/>
  <c r="EU64" i="14"/>
  <c r="HU64" i="14" s="1"/>
  <c r="W43" i="23" s="1"/>
  <c r="CC28" i="14"/>
  <c r="FC28" i="14" s="1"/>
  <c r="IC28" i="14" s="1"/>
  <c r="BP57" i="14"/>
  <c r="DP57" i="14" s="1"/>
  <c r="GP57" i="14" s="1"/>
  <c r="M36" i="23" s="1"/>
  <c r="BC28" i="14"/>
  <c r="DC28" i="14" s="1"/>
  <c r="GC28" i="14" s="1"/>
  <c r="CI28" i="14"/>
  <c r="EV28" i="14" s="1"/>
  <c r="HV28" i="14" s="1"/>
  <c r="BI28" i="14"/>
  <c r="DI28" i="14" s="1"/>
  <c r="GI28" i="14" s="1"/>
  <c r="BB57" i="14"/>
  <c r="DB57" i="14" s="1"/>
  <c r="GB57" i="14" s="1"/>
  <c r="BO57" i="14"/>
  <c r="EB57" i="14" s="1"/>
  <c r="HB57" i="14" s="1"/>
  <c r="L36" i="23" s="1"/>
  <c r="CK27" i="14"/>
  <c r="EX27" i="14" s="1"/>
  <c r="HX27" i="14" s="1"/>
  <c r="BX27" i="14"/>
  <c r="EK27" i="14" s="1"/>
  <c r="HK27" i="14" s="1"/>
  <c r="BN28" i="14"/>
  <c r="DN28" i="14" s="1"/>
  <c r="GN28" i="14" s="1"/>
  <c r="BR57" i="14"/>
  <c r="EE57" i="14" s="1"/>
  <c r="HE57" i="14" s="1"/>
  <c r="R36" i="23" s="1"/>
  <c r="CE57" i="14"/>
  <c r="FE57" i="14" s="1"/>
  <c r="IE57" i="14" s="1"/>
  <c r="BE29" i="22"/>
  <c r="BJ29" i="22"/>
  <c r="BL29" i="22"/>
  <c r="BD29" i="22"/>
  <c r="BC29" i="22"/>
  <c r="BF29" i="22"/>
  <c r="BA29" i="22"/>
  <c r="G29" i="14"/>
  <c r="BH29" i="22"/>
  <c r="BG29" i="22"/>
  <c r="BK29" i="22"/>
  <c r="BI29" i="22"/>
  <c r="BB29" i="22"/>
  <c r="BJ27" i="14"/>
  <c r="CW27" i="14" s="1"/>
  <c r="FW27" i="14" s="1"/>
  <c r="BA57" i="14"/>
  <c r="CN57" i="14" s="1"/>
  <c r="FN57" i="14" s="1"/>
  <c r="CJ27" i="14"/>
  <c r="EW27" i="14" s="1"/>
  <c r="HW27" i="14" s="1"/>
  <c r="BN57" i="14"/>
  <c r="EA57" i="14" s="1"/>
  <c r="HA57" i="14" s="1"/>
  <c r="J36" i="23" s="1"/>
  <c r="BQ27" i="14"/>
  <c r="ED27" i="14" s="1"/>
  <c r="HD27" i="14" s="1"/>
  <c r="BD27" i="14"/>
  <c r="CQ27" i="14" s="1"/>
  <c r="FQ27" i="14" s="1"/>
  <c r="BN27" i="14"/>
  <c r="DN27" i="14" s="1"/>
  <c r="GN27" i="14" s="1"/>
  <c r="BA27" i="14"/>
  <c r="DA27" i="14" s="1"/>
  <c r="GA27" i="14" s="1"/>
  <c r="BV36" i="14"/>
  <c r="BI36" i="14"/>
  <c r="CI36" i="14"/>
  <c r="CI35" i="14"/>
  <c r="BI35" i="14"/>
  <c r="BV35" i="14"/>
  <c r="CF56" i="14"/>
  <c r="BS56" i="14"/>
  <c r="BF56" i="14"/>
  <c r="BW56" i="14"/>
  <c r="CJ56" i="14"/>
  <c r="BJ56" i="14"/>
  <c r="BI30" i="14"/>
  <c r="CI30" i="14"/>
  <c r="BV30" i="14"/>
  <c r="BV27" i="14"/>
  <c r="BI27" i="14"/>
  <c r="CI27" i="14"/>
  <c r="BJ33" i="14"/>
  <c r="CJ33" i="14"/>
  <c r="BW33" i="14"/>
  <c r="CC58" i="14"/>
  <c r="BP58" i="14"/>
  <c r="BC58" i="14"/>
  <c r="CU28" i="14"/>
  <c r="FU28" i="14" s="1"/>
  <c r="DH28" i="14"/>
  <c r="GH28" i="14" s="1"/>
  <c r="BZ33" i="14"/>
  <c r="AZ33" i="14"/>
  <c r="BM33" i="14"/>
  <c r="AZ58" i="14"/>
  <c r="BZ58" i="14"/>
  <c r="BM58" i="14"/>
  <c r="DV28" i="14"/>
  <c r="GV28" i="14" s="1"/>
  <c r="EI28" i="14"/>
  <c r="HI28" i="14" s="1"/>
  <c r="BW57" i="14"/>
  <c r="BJ57" i="14"/>
  <c r="CJ57" i="14"/>
  <c r="EH57" i="14"/>
  <c r="HH57" i="14" s="1"/>
  <c r="X36" i="23" s="1"/>
  <c r="DU57" i="14"/>
  <c r="GU57" i="14" s="1"/>
  <c r="W36" i="23" s="1"/>
  <c r="CC36" i="14"/>
  <c r="BP36" i="14"/>
  <c r="BC36" i="14"/>
  <c r="CH35" i="14"/>
  <c r="BU35" i="14"/>
  <c r="BH35" i="14"/>
  <c r="CG30" i="14"/>
  <c r="BT30" i="14"/>
  <c r="BG30" i="14"/>
  <c r="CP57" i="14"/>
  <c r="FP57" i="14" s="1"/>
  <c r="DC57" i="14"/>
  <c r="GC57" i="14" s="1"/>
  <c r="CB36" i="14"/>
  <c r="BO36" i="14"/>
  <c r="BB36" i="14"/>
  <c r="BW35" i="14"/>
  <c r="CJ35" i="14"/>
  <c r="BJ35" i="14"/>
  <c r="BB56" i="14"/>
  <c r="BO56" i="14"/>
  <c r="CB56" i="14"/>
  <c r="DJ28" i="14"/>
  <c r="GJ28" i="14" s="1"/>
  <c r="CW28" i="14"/>
  <c r="FW28" i="14" s="1"/>
  <c r="EQ57" i="14"/>
  <c r="HQ57" i="14" s="1"/>
  <c r="FD57" i="14"/>
  <c r="ID57" i="14" s="1"/>
  <c r="ET57" i="14"/>
  <c r="HT57" i="14" s="1"/>
  <c r="FG57" i="14"/>
  <c r="IG57" i="14" s="1"/>
  <c r="BN36" i="14"/>
  <c r="BA36" i="14"/>
  <c r="CA36" i="14"/>
  <c r="CK56" i="14"/>
  <c r="BX56" i="14"/>
  <c r="BK56" i="14"/>
  <c r="BN55" i="14"/>
  <c r="BA55" i="14"/>
  <c r="CA55" i="14"/>
  <c r="DW27" i="14"/>
  <c r="GW27" i="14" s="1"/>
  <c r="EJ27" i="14"/>
  <c r="HJ27" i="14" s="1"/>
  <c r="BT36" i="14"/>
  <c r="CG36" i="14"/>
  <c r="BG36" i="14"/>
  <c r="BO55" i="14"/>
  <c r="BB55" i="14"/>
  <c r="CB55" i="14"/>
  <c r="BH27" i="14"/>
  <c r="CH27" i="14"/>
  <c r="BU27" i="14"/>
  <c r="DZ28" i="14"/>
  <c r="GZ28" i="14" s="1"/>
  <c r="DM28" i="14"/>
  <c r="GM28" i="14" s="1"/>
  <c r="CC35" i="14"/>
  <c r="BP35" i="14"/>
  <c r="BC35" i="14"/>
  <c r="BA56" i="14"/>
  <c r="CA56" i="14"/>
  <c r="BN56" i="14"/>
  <c r="CD56" i="14"/>
  <c r="BQ56" i="14"/>
  <c r="BD56" i="14"/>
  <c r="BF55" i="14"/>
  <c r="CF55" i="14"/>
  <c r="BS55" i="14"/>
  <c r="EC28" i="14"/>
  <c r="HC28" i="14" s="1"/>
  <c r="DP28" i="14"/>
  <c r="GP28" i="14" s="1"/>
  <c r="CF33" i="14"/>
  <c r="BS33" i="14"/>
  <c r="BF33" i="14"/>
  <c r="BX58" i="14"/>
  <c r="BK58" i="14"/>
  <c r="CK58" i="14"/>
  <c r="CC55" i="14"/>
  <c r="BP55" i="14"/>
  <c r="BC55" i="14"/>
  <c r="FI57" i="14"/>
  <c r="II57" i="14" s="1"/>
  <c r="EV57" i="14"/>
  <c r="HV57" i="14" s="1"/>
  <c r="BH56" i="14"/>
  <c r="CH56" i="14"/>
  <c r="BU56" i="14"/>
  <c r="CG35" i="14"/>
  <c r="BT35" i="14"/>
  <c r="BG35" i="14"/>
  <c r="CD32" i="14"/>
  <c r="BD32" i="14"/>
  <c r="BQ32" i="14"/>
  <c r="BD36" i="14"/>
  <c r="BQ36" i="14"/>
  <c r="CD36" i="14"/>
  <c r="BB35" i="14"/>
  <c r="CB35" i="14"/>
  <c r="BO35" i="14"/>
  <c r="FE27" i="14"/>
  <c r="IE27" i="14" s="1"/>
  <c r="ER27" i="14"/>
  <c r="HR27" i="14" s="1"/>
  <c r="BR35" i="14"/>
  <c r="BE35" i="14"/>
  <c r="CE35" i="14"/>
  <c r="BI56" i="14"/>
  <c r="CI56" i="14"/>
  <c r="BV56" i="14"/>
  <c r="CH55" i="14"/>
  <c r="BU55" i="14"/>
  <c r="BH55" i="14"/>
  <c r="FB28" i="14"/>
  <c r="IB28" i="14" s="1"/>
  <c r="EO28" i="14"/>
  <c r="HO28" i="14" s="1"/>
  <c r="BM35" i="14"/>
  <c r="BZ35" i="14"/>
  <c r="AZ35" i="14"/>
  <c r="CD30" i="14"/>
  <c r="BQ30" i="14"/>
  <c r="BD30" i="14"/>
  <c r="BD55" i="14"/>
  <c r="BQ55" i="14"/>
  <c r="CD55" i="14"/>
  <c r="FB57" i="14"/>
  <c r="IB57" i="14" s="1"/>
  <c r="EO57" i="14"/>
  <c r="HO57" i="14" s="1"/>
  <c r="CF30" i="14"/>
  <c r="BS30" i="14"/>
  <c r="BF30" i="14"/>
  <c r="BZ30" i="14"/>
  <c r="BM30" i="14"/>
  <c r="AZ30" i="14"/>
  <c r="FD27" i="14"/>
  <c r="ID27" i="14" s="1"/>
  <c r="EQ27" i="14"/>
  <c r="HQ27" i="14" s="1"/>
  <c r="CB33" i="14"/>
  <c r="BO33" i="14"/>
  <c r="BB33" i="14"/>
  <c r="AZ31" i="14"/>
  <c r="CD58" i="14"/>
  <c r="BQ58" i="14"/>
  <c r="BD58" i="14"/>
  <c r="CH30" i="14"/>
  <c r="BU30" i="14"/>
  <c r="BH30" i="14"/>
  <c r="CK55" i="14"/>
  <c r="BX55" i="14"/>
  <c r="BK55" i="14"/>
  <c r="DE57" i="14"/>
  <c r="GE57" i="14" s="1"/>
  <c r="CR57" i="14"/>
  <c r="FR57" i="14" s="1"/>
  <c r="BS36" i="14"/>
  <c r="BF36" i="14"/>
  <c r="CF36" i="14"/>
  <c r="BS35" i="14"/>
  <c r="BF35" i="14"/>
  <c r="CF35" i="14"/>
  <c r="CB58" i="14"/>
  <c r="BO58" i="14"/>
  <c r="BB58" i="14"/>
  <c r="CG55" i="14"/>
  <c r="BT55" i="14"/>
  <c r="BG55" i="14"/>
  <c r="DX57" i="14"/>
  <c r="GX57" i="14" s="1"/>
  <c r="AC36" i="23" s="1"/>
  <c r="EK57" i="14"/>
  <c r="HK57" i="14" s="1"/>
  <c r="AD36" i="23" s="1"/>
  <c r="CK36" i="14"/>
  <c r="BX36" i="14"/>
  <c r="BK36" i="14"/>
  <c r="BX30" i="14"/>
  <c r="BK30" i="14"/>
  <c r="CK30" i="14"/>
  <c r="EZ27" i="14"/>
  <c r="HZ27" i="14" s="1"/>
  <c r="EM27" i="14"/>
  <c r="HM27" i="14" s="1"/>
  <c r="BF28" i="14"/>
  <c r="CF28" i="14"/>
  <c r="BS28" i="14"/>
  <c r="CE36" i="14"/>
  <c r="BR36" i="14"/>
  <c r="BE36" i="14"/>
  <c r="CA35" i="14"/>
  <c r="BN35" i="14"/>
  <c r="BA35" i="14"/>
  <c r="BN33" i="14"/>
  <c r="BA33" i="14"/>
  <c r="CA33" i="14"/>
  <c r="BR58" i="14"/>
  <c r="CE58" i="14"/>
  <c r="BE58" i="14"/>
  <c r="BZ55" i="14"/>
  <c r="BM55" i="14"/>
  <c r="AZ55" i="14"/>
  <c r="BG27" i="14"/>
  <c r="CG27" i="14"/>
  <c r="BT27" i="14"/>
  <c r="BF27" i="14"/>
  <c r="CF27" i="14"/>
  <c r="BS27" i="14"/>
  <c r="DS57" i="14"/>
  <c r="GS57" i="14" s="1"/>
  <c r="S36" i="23" s="1"/>
  <c r="EF57" i="14"/>
  <c r="HF57" i="14" s="1"/>
  <c r="T36" i="23" s="1"/>
  <c r="BK32" i="14"/>
  <c r="CC56" i="14"/>
  <c r="BP56" i="14"/>
  <c r="BC56" i="14"/>
  <c r="BV55" i="14"/>
  <c r="CI55" i="14"/>
  <c r="BI55" i="14"/>
  <c r="CG33" i="14"/>
  <c r="BT33" i="14"/>
  <c r="BG33" i="14"/>
  <c r="CI58" i="14"/>
  <c r="BV58" i="14"/>
  <c r="BI58" i="14"/>
  <c r="BZ56" i="14"/>
  <c r="BM56" i="14"/>
  <c r="AZ56" i="14"/>
  <c r="CJ55" i="14"/>
  <c r="BW55" i="14"/>
  <c r="BJ55" i="14"/>
  <c r="CI33" i="14"/>
  <c r="BV33" i="14"/>
  <c r="BI33" i="14"/>
  <c r="BK31" i="14"/>
  <c r="CK31" i="14"/>
  <c r="BX31" i="14"/>
  <c r="BU58" i="14"/>
  <c r="CH58" i="14"/>
  <c r="BH58" i="14"/>
  <c r="CH34" i="14"/>
  <c r="DD28" i="14"/>
  <c r="GD28" i="14" s="1"/>
  <c r="CQ28" i="14"/>
  <c r="FQ28" i="14" s="1"/>
  <c r="BF32" i="14"/>
  <c r="BW58" i="14"/>
  <c r="CJ58" i="14"/>
  <c r="BJ58" i="14"/>
  <c r="FA57" i="14"/>
  <c r="IA57" i="14" s="1"/>
  <c r="EN57" i="14"/>
  <c r="HN57" i="14" s="1"/>
  <c r="AZ36" i="14"/>
  <c r="BM36" i="14"/>
  <c r="BZ36" i="14"/>
  <c r="BF58" i="14"/>
  <c r="CF58" i="14"/>
  <c r="BS58" i="14"/>
  <c r="CE30" i="14"/>
  <c r="BR30" i="14"/>
  <c r="BE30" i="14"/>
  <c r="BN31" i="14"/>
  <c r="CA31" i="14"/>
  <c r="BA31" i="14"/>
  <c r="CD35" i="14"/>
  <c r="BQ35" i="14"/>
  <c r="BD35" i="14"/>
  <c r="CJ30" i="14"/>
  <c r="BW30" i="14"/>
  <c r="BJ30" i="14"/>
  <c r="EN28" i="14"/>
  <c r="HN28" i="14" s="1"/>
  <c r="FA28" i="14"/>
  <c r="IA28" i="14" s="1"/>
  <c r="DB27" i="14"/>
  <c r="GB27" i="14" s="1"/>
  <c r="CO27" i="14"/>
  <c r="FO27" i="14" s="1"/>
  <c r="DT28" i="14"/>
  <c r="GT28" i="14" s="1"/>
  <c r="EG28" i="14"/>
  <c r="HG28" i="14" s="1"/>
  <c r="BP32" i="14"/>
  <c r="BJ36" i="14"/>
  <c r="BW36" i="14"/>
  <c r="CJ36" i="14"/>
  <c r="CK35" i="14"/>
  <c r="BX35" i="14"/>
  <c r="BK35" i="14"/>
  <c r="CZ57" i="14"/>
  <c r="FZ57" i="14" s="1"/>
  <c r="CM57" i="14"/>
  <c r="FM57" i="14" s="1"/>
  <c r="CG58" i="14"/>
  <c r="BT58" i="14"/>
  <c r="BG58" i="14"/>
  <c r="CC30" i="14"/>
  <c r="BP30" i="14"/>
  <c r="BC30" i="14"/>
  <c r="CX28" i="14"/>
  <c r="FX28" i="14" s="1"/>
  <c r="DK28" i="14"/>
  <c r="GK28" i="14" s="1"/>
  <c r="EN27" i="14"/>
  <c r="HN27" i="14" s="1"/>
  <c r="FA27" i="14"/>
  <c r="IA27" i="14" s="1"/>
  <c r="EP27" i="14"/>
  <c r="HP27" i="14" s="1"/>
  <c r="FC27" i="14"/>
  <c r="IC27" i="14" s="1"/>
  <c r="BP33" i="14"/>
  <c r="BC33" i="14"/>
  <c r="CC33" i="14"/>
  <c r="BO30" i="14"/>
  <c r="BB30" i="14"/>
  <c r="CB30" i="14"/>
  <c r="BE55" i="14"/>
  <c r="BR55" i="14"/>
  <c r="CE55" i="14"/>
  <c r="BH36" i="14"/>
  <c r="CH36" i="14"/>
  <c r="BU36" i="14"/>
  <c r="CG56" i="14"/>
  <c r="BT56" i="14"/>
  <c r="BG56" i="14"/>
  <c r="CA30" i="14"/>
  <c r="BN30" i="14"/>
  <c r="BA30" i="14"/>
  <c r="CE33" i="14"/>
  <c r="BR33" i="14"/>
  <c r="BE33" i="14"/>
  <c r="CA58" i="14"/>
  <c r="BN58" i="14"/>
  <c r="BA58" i="14"/>
  <c r="CR28" i="14"/>
  <c r="FR28" i="14" s="1"/>
  <c r="DE28" i="14"/>
  <c r="GE28" i="14" s="1"/>
  <c r="CX27" i="14"/>
  <c r="FX27" i="14" s="1"/>
  <c r="DK27" i="14"/>
  <c r="GK27" i="14" s="1"/>
  <c r="CD33" i="14"/>
  <c r="BQ33" i="14"/>
  <c r="BD33" i="14"/>
  <c r="CE56" i="14"/>
  <c r="BR56" i="14"/>
  <c r="BE56" i="14"/>
  <c r="CD45" i="14" l="1"/>
  <c r="BO62" i="14"/>
  <c r="BB62" i="14"/>
  <c r="CB62" i="14"/>
  <c r="ED62" i="14"/>
  <c r="HD62" i="14" s="1"/>
  <c r="DQ62" i="14"/>
  <c r="GQ62" i="14" s="1"/>
  <c r="CI75" i="14"/>
  <c r="BV75" i="14"/>
  <c r="DV75" i="14" s="1"/>
  <c r="GV75" i="14" s="1"/>
  <c r="BI75" i="14"/>
  <c r="CV75" i="14" s="1"/>
  <c r="FV75" i="14" s="1"/>
  <c r="EK77" i="14"/>
  <c r="HK77" i="14" s="1"/>
  <c r="BD60" i="14"/>
  <c r="CQ60" i="14" s="1"/>
  <c r="FQ60" i="14" s="1"/>
  <c r="CJ45" i="14"/>
  <c r="CE38" i="14"/>
  <c r="ER38" i="14" s="1"/>
  <c r="HR38" i="14" s="1"/>
  <c r="DU79" i="14"/>
  <c r="GU79" i="14" s="1"/>
  <c r="BD73" i="14"/>
  <c r="CQ73" i="14" s="1"/>
  <c r="FQ73" i="14" s="1"/>
  <c r="BU60" i="14"/>
  <c r="EH60" i="14" s="1"/>
  <c r="HH60" i="14" s="1"/>
  <c r="BV45" i="14"/>
  <c r="EI45" i="14" s="1"/>
  <c r="HI45" i="14" s="1"/>
  <c r="Z24" i="23" s="1"/>
  <c r="BQ38" i="14"/>
  <c r="EU60" i="14"/>
  <c r="HU60" i="14" s="1"/>
  <c r="W39" i="23" s="1"/>
  <c r="CI45" i="14"/>
  <c r="CD38" i="14"/>
  <c r="EQ38" i="14" s="1"/>
  <c r="HQ38" i="14" s="1"/>
  <c r="BB32" i="14"/>
  <c r="BI32" i="14"/>
  <c r="BO32" i="14"/>
  <c r="CH33" i="14"/>
  <c r="EU33" i="14" s="1"/>
  <c r="HU33" i="14" s="1"/>
  <c r="FD60" i="14"/>
  <c r="ID60" i="14" s="1"/>
  <c r="P39" i="23" s="1"/>
  <c r="BV32" i="14"/>
  <c r="BU33" i="14"/>
  <c r="CZ78" i="14"/>
  <c r="FZ78" i="14" s="1"/>
  <c r="CC79" i="14"/>
  <c r="BA38" i="14"/>
  <c r="FD73" i="14"/>
  <c r="ID73" i="14" s="1"/>
  <c r="P52" i="23" s="1"/>
  <c r="DN77" i="14"/>
  <c r="GN77" i="14" s="1"/>
  <c r="BP79" i="14"/>
  <c r="BH60" i="14"/>
  <c r="DH60" i="14" s="1"/>
  <c r="GH60" i="14" s="1"/>
  <c r="BN38" i="14"/>
  <c r="BQ73" i="14"/>
  <c r="DQ73" i="14" s="1"/>
  <c r="GQ73" i="14" s="1"/>
  <c r="BT45" i="14"/>
  <c r="CH79" i="14"/>
  <c r="EU79" i="14" s="1"/>
  <c r="HU79" i="14" s="1"/>
  <c r="BX75" i="14"/>
  <c r="DX60" i="14"/>
  <c r="GX60" i="14" s="1"/>
  <c r="CG38" i="14"/>
  <c r="BB38" i="14"/>
  <c r="CB73" i="14"/>
  <c r="FB73" i="14" s="1"/>
  <c r="IB73" i="14" s="1"/>
  <c r="L52" i="23" s="1"/>
  <c r="CB38" i="14"/>
  <c r="FB38" i="14" s="1"/>
  <c r="IB38" i="14" s="1"/>
  <c r="CT61" i="14"/>
  <c r="FT61" i="14" s="1"/>
  <c r="CJ60" i="14"/>
  <c r="FJ60" i="14" s="1"/>
  <c r="IJ60" i="14" s="1"/>
  <c r="AB39" i="23" s="1"/>
  <c r="DW60" i="14"/>
  <c r="GW60" i="14" s="1"/>
  <c r="DA64" i="14"/>
  <c r="GA64" i="14" s="1"/>
  <c r="CK75" i="14"/>
  <c r="CK60" i="14"/>
  <c r="FK60" i="14" s="1"/>
  <c r="IK60" i="14" s="1"/>
  <c r="AD39" i="23" s="1"/>
  <c r="BO73" i="14"/>
  <c r="DB73" i="14"/>
  <c r="GB73" i="14" s="1"/>
  <c r="BK60" i="14"/>
  <c r="CX60" i="14" s="1"/>
  <c r="FX60" i="14" s="1"/>
  <c r="CD75" i="14"/>
  <c r="BD75" i="14"/>
  <c r="DD75" i="14" s="1"/>
  <c r="GD75" i="14" s="1"/>
  <c r="BQ75" i="14"/>
  <c r="ED75" i="14" s="1"/>
  <c r="HD75" i="14" s="1"/>
  <c r="EU71" i="14"/>
  <c r="HU71" i="14" s="1"/>
  <c r="W50" i="23" s="1"/>
  <c r="CU82" i="14"/>
  <c r="FU82" i="14" s="1"/>
  <c r="EH81" i="14"/>
  <c r="HH81" i="14" s="1"/>
  <c r="DB75" i="14"/>
  <c r="GB75" i="14" s="1"/>
  <c r="ES60" i="14"/>
  <c r="HS60" i="14" s="1"/>
  <c r="S39" i="23" s="1"/>
  <c r="AZ60" i="14"/>
  <c r="CM60" i="14" s="1"/>
  <c r="FM60" i="14" s="1"/>
  <c r="BS60" i="14"/>
  <c r="DS60" i="14" s="1"/>
  <c r="GS60" i="14" s="1"/>
  <c r="BO75" i="14"/>
  <c r="EB75" i="14" s="1"/>
  <c r="HB75" i="14" s="1"/>
  <c r="BX33" i="14"/>
  <c r="BE79" i="14"/>
  <c r="CR79" i="14" s="1"/>
  <c r="FR79" i="14" s="1"/>
  <c r="BZ34" i="14"/>
  <c r="CK33" i="14"/>
  <c r="EZ60" i="14"/>
  <c r="HZ60" i="14" s="1"/>
  <c r="H39" i="23" s="1"/>
  <c r="BM60" i="14"/>
  <c r="DM60" i="14" s="1"/>
  <c r="GM60" i="14" s="1"/>
  <c r="BP60" i="14"/>
  <c r="EC60" i="14" s="1"/>
  <c r="HC60" i="14" s="1"/>
  <c r="AZ34" i="14"/>
  <c r="CM34" i="14" s="1"/>
  <c r="FM34" i="14" s="1"/>
  <c r="CR60" i="14"/>
  <c r="FR60" i="14" s="1"/>
  <c r="CE60" i="14"/>
  <c r="FE60" i="14" s="1"/>
  <c r="IE60" i="14" s="1"/>
  <c r="R39" i="23" s="1"/>
  <c r="BP45" i="14"/>
  <c r="BF60" i="14"/>
  <c r="CS60" i="14" s="1"/>
  <c r="FS60" i="14" s="1"/>
  <c r="BB45" i="14"/>
  <c r="DU77" i="14"/>
  <c r="GU77" i="14" s="1"/>
  <c r="DK69" i="14"/>
  <c r="GK69" i="14" s="1"/>
  <c r="BR60" i="14"/>
  <c r="DR60" i="14" s="1"/>
  <c r="GR60" i="14" s="1"/>
  <c r="BO45" i="14"/>
  <c r="CC60" i="14"/>
  <c r="FC60" i="14" s="1"/>
  <c r="IC60" i="14" s="1"/>
  <c r="N39" i="23" s="1"/>
  <c r="BH79" i="14"/>
  <c r="CC38" i="14"/>
  <c r="EP38" i="14" s="1"/>
  <c r="HP38" i="14" s="1"/>
  <c r="BP38" i="14"/>
  <c r="BC38" i="14"/>
  <c r="DC38" i="14" s="1"/>
  <c r="GC38" i="14" s="1"/>
  <c r="BH75" i="14"/>
  <c r="CH75" i="14"/>
  <c r="FH75" i="14" s="1"/>
  <c r="IH75" i="14" s="1"/>
  <c r="X54" i="23" s="1"/>
  <c r="BU75" i="14"/>
  <c r="BO31" i="14"/>
  <c r="EB31" i="14" s="1"/>
  <c r="HB31" i="14" s="1"/>
  <c r="CP61" i="14"/>
  <c r="FP61" i="14" s="1"/>
  <c r="AZ75" i="14"/>
  <c r="CB75" i="14"/>
  <c r="FB75" i="14" s="1"/>
  <c r="IB75" i="14" s="1"/>
  <c r="L54" i="23" s="1"/>
  <c r="BW34" i="14"/>
  <c r="CT60" i="14"/>
  <c r="FT60" i="14" s="1"/>
  <c r="BT73" i="14"/>
  <c r="EG73" i="14" s="1"/>
  <c r="HG73" i="14" s="1"/>
  <c r="CG60" i="14"/>
  <c r="FG60" i="14" s="1"/>
  <c r="IG60" i="14" s="1"/>
  <c r="V39" i="23" s="1"/>
  <c r="CD79" i="14"/>
  <c r="BG73" i="14"/>
  <c r="BA73" i="14"/>
  <c r="DA73" i="14" s="1"/>
  <c r="GA73" i="14" s="1"/>
  <c r="BR79" i="14"/>
  <c r="EE79" i="14" s="1"/>
  <c r="HE79" i="14" s="1"/>
  <c r="BA75" i="14"/>
  <c r="DA75" i="14" s="1"/>
  <c r="GA75" i="14" s="1"/>
  <c r="BI82" i="14"/>
  <c r="CV82" i="14" s="1"/>
  <c r="FV82" i="14" s="1"/>
  <c r="CK38" i="14"/>
  <c r="FK38" i="14" s="1"/>
  <c r="IK38" i="14" s="1"/>
  <c r="CS57" i="14"/>
  <c r="FS57" i="14" s="1"/>
  <c r="BN75" i="14"/>
  <c r="CA73" i="14"/>
  <c r="FA73" i="14" s="1"/>
  <c r="IA73" i="14" s="1"/>
  <c r="J52" i="23" s="1"/>
  <c r="BT60" i="14"/>
  <c r="DT60" i="14" s="1"/>
  <c r="GT60" i="14" s="1"/>
  <c r="BK38" i="14"/>
  <c r="EN77" i="14"/>
  <c r="HN77" i="14" s="1"/>
  <c r="I56" i="23" s="1"/>
  <c r="DU71" i="14"/>
  <c r="GU71" i="14" s="1"/>
  <c r="EA61" i="14"/>
  <c r="HA61" i="14" s="1"/>
  <c r="BM75" i="14"/>
  <c r="CJ34" i="14"/>
  <c r="CD34" i="14"/>
  <c r="CB31" i="14"/>
  <c r="CD31" i="14"/>
  <c r="BV82" i="14"/>
  <c r="DV82" i="14" s="1"/>
  <c r="GV82" i="14" s="1"/>
  <c r="CE75" i="14"/>
  <c r="BE75" i="14"/>
  <c r="DE75" i="14" s="1"/>
  <c r="GE75" i="14" s="1"/>
  <c r="BR75" i="14"/>
  <c r="EE75" i="14" s="1"/>
  <c r="HE75" i="14" s="1"/>
  <c r="BI31" i="14"/>
  <c r="BV31" i="14"/>
  <c r="CI31" i="14"/>
  <c r="CG75" i="14"/>
  <c r="BG75" i="14"/>
  <c r="DG75" i="14" s="1"/>
  <c r="GG75" i="14" s="1"/>
  <c r="BT75" i="14"/>
  <c r="CD62" i="14"/>
  <c r="EQ62" i="14" s="1"/>
  <c r="HQ62" i="14" s="1"/>
  <c r="O41" i="23" s="1"/>
  <c r="BK79" i="14"/>
  <c r="BH38" i="14"/>
  <c r="CG34" i="14"/>
  <c r="BT34" i="14"/>
  <c r="BG34" i="14"/>
  <c r="BR31" i="14"/>
  <c r="BT79" i="14"/>
  <c r="DT79" i="14" s="1"/>
  <c r="GT79" i="14" s="1"/>
  <c r="EK62" i="14"/>
  <c r="HK62" i="14" s="1"/>
  <c r="EC75" i="14"/>
  <c r="HC75" i="14" s="1"/>
  <c r="FJ61" i="14"/>
  <c r="IJ61" i="14" s="1"/>
  <c r="AB40" i="23" s="1"/>
  <c r="FB69" i="14"/>
  <c r="IB69" i="14" s="1"/>
  <c r="L48" i="23" s="1"/>
  <c r="BC75" i="14"/>
  <c r="CP75" i="14" s="1"/>
  <c r="FP75" i="14" s="1"/>
  <c r="CC75" i="14"/>
  <c r="FC75" i="14" s="1"/>
  <c r="IC75" i="14" s="1"/>
  <c r="N54" i="23" s="1"/>
  <c r="CQ68" i="14"/>
  <c r="FQ68" i="14" s="1"/>
  <c r="CA82" i="14"/>
  <c r="FA82" i="14" s="1"/>
  <c r="IA82" i="14" s="1"/>
  <c r="BK62" i="14"/>
  <c r="DK62" i="14" s="1"/>
  <c r="GK62" i="14" s="1"/>
  <c r="CF82" i="14"/>
  <c r="FF82" i="14" s="1"/>
  <c r="IF82" i="14" s="1"/>
  <c r="CK79" i="14"/>
  <c r="FK79" i="14" s="1"/>
  <c r="IK79" i="14" s="1"/>
  <c r="DB81" i="14"/>
  <c r="GB81" i="14" s="1"/>
  <c r="BZ79" i="14"/>
  <c r="BU38" i="14"/>
  <c r="BX34" i="14"/>
  <c r="BE31" i="14"/>
  <c r="CF31" i="14"/>
  <c r="ES31" i="14" s="1"/>
  <c r="HS31" i="14" s="1"/>
  <c r="S10" i="23" s="1"/>
  <c r="BK34" i="14"/>
  <c r="BG31" i="14"/>
  <c r="DG31" i="14" s="1"/>
  <c r="GG31" i="14" s="1"/>
  <c r="BS31" i="14"/>
  <c r="CF32" i="14"/>
  <c r="BE34" i="14"/>
  <c r="BS38" i="14"/>
  <c r="DS38" i="14" s="1"/>
  <c r="GS38" i="14" s="1"/>
  <c r="S17" i="23" s="1"/>
  <c r="BV43" i="14"/>
  <c r="DV43" i="14" s="1"/>
  <c r="GV43" i="14" s="1"/>
  <c r="Y22" i="23" s="1"/>
  <c r="BN34" i="14"/>
  <c r="EA34" i="14" s="1"/>
  <c r="HA34" i="14" s="1"/>
  <c r="J13" i="23" s="1"/>
  <c r="CF38" i="14"/>
  <c r="CE34" i="14"/>
  <c r="FE34" i="14" s="1"/>
  <c r="IE34" i="14" s="1"/>
  <c r="CA34" i="14"/>
  <c r="FA34" i="14" s="1"/>
  <c r="IA34" i="14" s="1"/>
  <c r="CA32" i="14"/>
  <c r="CB34" i="14"/>
  <c r="BA32" i="14"/>
  <c r="DA32" i="14" s="1"/>
  <c r="GA32" i="14" s="1"/>
  <c r="BO34" i="14"/>
  <c r="CH32" i="14"/>
  <c r="EU32" i="14" s="1"/>
  <c r="HU32" i="14" s="1"/>
  <c r="W11" i="23" s="1"/>
  <c r="DZ61" i="14"/>
  <c r="GZ61" i="14" s="1"/>
  <c r="BF62" i="14"/>
  <c r="DF62" i="14" s="1"/>
  <c r="GF62" i="14" s="1"/>
  <c r="EP61" i="14"/>
  <c r="HP61" i="14" s="1"/>
  <c r="M40" i="23" s="1"/>
  <c r="BI34" i="14"/>
  <c r="DK60" i="14"/>
  <c r="GK60" i="14" s="1"/>
  <c r="DF64" i="14"/>
  <c r="GF64" i="14" s="1"/>
  <c r="BH43" i="14"/>
  <c r="DH43" i="14" s="1"/>
  <c r="GH43" i="14" s="1"/>
  <c r="CA79" i="14"/>
  <c r="EN79" i="14" s="1"/>
  <c r="HN79" i="14" s="1"/>
  <c r="BV34" i="14"/>
  <c r="EI34" i="14" s="1"/>
  <c r="HI34" i="14" s="1"/>
  <c r="Z13" i="23" s="1"/>
  <c r="EU82" i="14"/>
  <c r="HU82" i="14" s="1"/>
  <c r="BZ38" i="14"/>
  <c r="EZ38" i="14" s="1"/>
  <c r="HZ38" i="14" s="1"/>
  <c r="BW43" i="14"/>
  <c r="DW43" i="14" s="1"/>
  <c r="GW43" i="14" s="1"/>
  <c r="AA22" i="23" s="1"/>
  <c r="AZ38" i="14"/>
  <c r="CZ38" i="14" s="1"/>
  <c r="FZ38" i="14" s="1"/>
  <c r="BJ43" i="14"/>
  <c r="DJ43" i="14" s="1"/>
  <c r="GJ43" i="14" s="1"/>
  <c r="DD70" i="14"/>
  <c r="GD70" i="14" s="1"/>
  <c r="FC70" i="14"/>
  <c r="IC70" i="14" s="1"/>
  <c r="N49" i="23" s="1"/>
  <c r="BO43" i="14"/>
  <c r="EB43" i="14" s="1"/>
  <c r="HB43" i="14" s="1"/>
  <c r="L22" i="23" s="1"/>
  <c r="CR74" i="14"/>
  <c r="FR74" i="14" s="1"/>
  <c r="FA80" i="14"/>
  <c r="IA80" i="14" s="1"/>
  <c r="BI43" i="14"/>
  <c r="DI43" i="14" s="1"/>
  <c r="GI43" i="14" s="1"/>
  <c r="BO79" i="14"/>
  <c r="DT71" i="14"/>
  <c r="GT71" i="14" s="1"/>
  <c r="EF73" i="14"/>
  <c r="HF73" i="14" s="1"/>
  <c r="DT70" i="14"/>
  <c r="GT70" i="14" s="1"/>
  <c r="BQ82" i="14"/>
  <c r="CD82" i="14"/>
  <c r="CB79" i="14"/>
  <c r="CO79" i="14"/>
  <c r="FO79" i="14" s="1"/>
  <c r="DB79" i="14"/>
  <c r="GB79" i="14" s="1"/>
  <c r="AZ82" i="14"/>
  <c r="BZ82" i="14"/>
  <c r="EM82" i="14" s="1"/>
  <c r="HM82" i="14" s="1"/>
  <c r="BO82" i="14"/>
  <c r="CO60" i="14"/>
  <c r="FO60" i="14" s="1"/>
  <c r="CE82" i="14"/>
  <c r="EA79" i="14"/>
  <c r="HA79" i="14" s="1"/>
  <c r="DN79" i="14"/>
  <c r="GN79" i="14" s="1"/>
  <c r="CZ79" i="14"/>
  <c r="FZ79" i="14" s="1"/>
  <c r="CM79" i="14"/>
  <c r="FM79" i="14" s="1"/>
  <c r="BI79" i="14"/>
  <c r="DI79" i="14" s="1"/>
  <c r="GI79" i="14" s="1"/>
  <c r="FI79" i="14"/>
  <c r="II79" i="14" s="1"/>
  <c r="CJ82" i="14"/>
  <c r="EH64" i="14"/>
  <c r="HH64" i="14" s="1"/>
  <c r="BW82" i="14"/>
  <c r="DW82" i="14" s="1"/>
  <c r="GW82" i="14" s="1"/>
  <c r="BA79" i="14"/>
  <c r="BF79" i="14"/>
  <c r="CF79" i="14"/>
  <c r="BS79" i="14"/>
  <c r="DB69" i="14"/>
  <c r="GB69" i="14" s="1"/>
  <c r="BW79" i="14"/>
  <c r="EJ79" i="14" s="1"/>
  <c r="HJ79" i="14" s="1"/>
  <c r="BQ34" i="14"/>
  <c r="DQ34" i="14" s="1"/>
  <c r="GQ34" i="14" s="1"/>
  <c r="O13" i="23" s="1"/>
  <c r="BH34" i="14"/>
  <c r="CW79" i="14"/>
  <c r="FW79" i="14" s="1"/>
  <c r="DD82" i="14"/>
  <c r="GD82" i="14" s="1"/>
  <c r="CB43" i="14"/>
  <c r="EO43" i="14" s="1"/>
  <c r="HO43" i="14" s="1"/>
  <c r="BV79" i="14"/>
  <c r="BE32" i="14"/>
  <c r="DE32" i="14" s="1"/>
  <c r="GE32" i="14" s="1"/>
  <c r="DR79" i="14"/>
  <c r="GR79" i="14" s="1"/>
  <c r="CJ79" i="14"/>
  <c r="EW79" i="14" s="1"/>
  <c r="HW79" i="14" s="1"/>
  <c r="BM79" i="14"/>
  <c r="CE43" i="14"/>
  <c r="ER43" i="14" s="1"/>
  <c r="HR43" i="14" s="1"/>
  <c r="EP60" i="14"/>
  <c r="HP60" i="14" s="1"/>
  <c r="M39" i="23" s="1"/>
  <c r="BC43" i="14"/>
  <c r="DC43" i="14" s="1"/>
  <c r="GC43" i="14" s="1"/>
  <c r="CA43" i="14"/>
  <c r="FA43" i="14" s="1"/>
  <c r="IA43" i="14" s="1"/>
  <c r="CH43" i="14"/>
  <c r="FH43" i="14" s="1"/>
  <c r="IH43" i="14" s="1"/>
  <c r="BE82" i="14"/>
  <c r="DE82" i="14" s="1"/>
  <c r="GE82" i="14" s="1"/>
  <c r="DW64" i="14"/>
  <c r="GW64" i="14" s="1"/>
  <c r="CH62" i="14"/>
  <c r="FH62" i="14" s="1"/>
  <c r="IH62" i="14" s="1"/>
  <c r="X41" i="23" s="1"/>
  <c r="BS82" i="14"/>
  <c r="BN82" i="14"/>
  <c r="EA82" i="14" s="1"/>
  <c r="HA82" i="14" s="1"/>
  <c r="CK32" i="14"/>
  <c r="FK32" i="14" s="1"/>
  <c r="IK32" i="14" s="1"/>
  <c r="AD11" i="23" s="1"/>
  <c r="CC32" i="14"/>
  <c r="FC32" i="14" s="1"/>
  <c r="IC32" i="14" s="1"/>
  <c r="N11" i="23" s="1"/>
  <c r="DU62" i="14"/>
  <c r="GU62" i="14" s="1"/>
  <c r="CF34" i="14"/>
  <c r="FF34" i="14" s="1"/>
  <c r="IF34" i="14" s="1"/>
  <c r="FE77" i="14"/>
  <c r="IE77" i="14" s="1"/>
  <c r="R56" i="23" s="1"/>
  <c r="BF34" i="14"/>
  <c r="CS34" i="14" s="1"/>
  <c r="FS34" i="14" s="1"/>
  <c r="FF64" i="14"/>
  <c r="IF64" i="14" s="1"/>
  <c r="T43" i="23" s="1"/>
  <c r="CV64" i="14"/>
  <c r="FV64" i="14" s="1"/>
  <c r="ED61" i="14"/>
  <c r="HD61" i="14" s="1"/>
  <c r="CD43" i="14"/>
  <c r="FD43" i="14" s="1"/>
  <c r="ID43" i="14" s="1"/>
  <c r="BS45" i="14"/>
  <c r="DS45" i="14" s="1"/>
  <c r="GS45" i="14" s="1"/>
  <c r="S24" i="23" s="1"/>
  <c r="BF45" i="14"/>
  <c r="DF45" i="14" s="1"/>
  <c r="GF45" i="14" s="1"/>
  <c r="BT31" i="14"/>
  <c r="EG31" i="14" s="1"/>
  <c r="HG31" i="14" s="1"/>
  <c r="BS62" i="14"/>
  <c r="DT82" i="14"/>
  <c r="GT82" i="14" s="1"/>
  <c r="EG82" i="14"/>
  <c r="HG82" i="14" s="1"/>
  <c r="EX60" i="14"/>
  <c r="HX60" i="14" s="1"/>
  <c r="AC39" i="23" s="1"/>
  <c r="FH79" i="14"/>
  <c r="IH79" i="14" s="1"/>
  <c r="DG81" i="14"/>
  <c r="GG81" i="14" s="1"/>
  <c r="DH81" i="14"/>
  <c r="GH81" i="14" s="1"/>
  <c r="DG64" i="14"/>
  <c r="GG64" i="14" s="1"/>
  <c r="DN62" i="14"/>
  <c r="GN62" i="14" s="1"/>
  <c r="CE45" i="14"/>
  <c r="FE45" i="14" s="1"/>
  <c r="IE45" i="14" s="1"/>
  <c r="CG82" i="14"/>
  <c r="CW82" i="14"/>
  <c r="FW82" i="14" s="1"/>
  <c r="DF82" i="14"/>
  <c r="GF82" i="14" s="1"/>
  <c r="CQ79" i="14"/>
  <c r="FQ79" i="14" s="1"/>
  <c r="EZ69" i="14"/>
  <c r="HZ69" i="14" s="1"/>
  <c r="H48" i="23" s="1"/>
  <c r="ET61" i="14"/>
  <c r="HT61" i="14" s="1"/>
  <c r="U40" i="23" s="1"/>
  <c r="EV68" i="14"/>
  <c r="HV68" i="14" s="1"/>
  <c r="Y47" i="23" s="1"/>
  <c r="EV69" i="14"/>
  <c r="HV69" i="14" s="1"/>
  <c r="Y48" i="23" s="1"/>
  <c r="AZ45" i="14"/>
  <c r="CZ45" i="14" s="1"/>
  <c r="FZ45" i="14" s="1"/>
  <c r="BE45" i="14"/>
  <c r="DE45" i="14" s="1"/>
  <c r="GE45" i="14" s="1"/>
  <c r="BG82" i="14"/>
  <c r="CK82" i="14"/>
  <c r="BX82" i="14"/>
  <c r="BK82" i="14"/>
  <c r="BP31" i="14"/>
  <c r="AZ32" i="14"/>
  <c r="CZ32" i="14" s="1"/>
  <c r="FZ32" i="14" s="1"/>
  <c r="EE82" i="14"/>
  <c r="HE82" i="14" s="1"/>
  <c r="BM45" i="14"/>
  <c r="DZ45" i="14" s="1"/>
  <c r="GZ45" i="14" s="1"/>
  <c r="H24" i="23" s="1"/>
  <c r="BR32" i="14"/>
  <c r="DR32" i="14" s="1"/>
  <c r="GR32" i="14" s="1"/>
  <c r="BM31" i="14"/>
  <c r="DZ31" i="14" s="1"/>
  <c r="GZ31" i="14" s="1"/>
  <c r="CC31" i="14"/>
  <c r="FC31" i="14" s="1"/>
  <c r="IC31" i="14" s="1"/>
  <c r="N10" i="23" s="1"/>
  <c r="DJ73" i="14"/>
  <c r="GJ73" i="14" s="1"/>
  <c r="CU68" i="14"/>
  <c r="FU68" i="14" s="1"/>
  <c r="BM32" i="14"/>
  <c r="BD43" i="14"/>
  <c r="DD43" i="14" s="1"/>
  <c r="GD43" i="14" s="1"/>
  <c r="BD62" i="14"/>
  <c r="CQ62" i="14" s="1"/>
  <c r="FQ62" i="14" s="1"/>
  <c r="BM43" i="14"/>
  <c r="DZ43" i="14" s="1"/>
  <c r="GZ43" i="14" s="1"/>
  <c r="H22" i="23" s="1"/>
  <c r="BR43" i="14"/>
  <c r="BH62" i="14"/>
  <c r="CU62" i="14" s="1"/>
  <c r="FU62" i="14" s="1"/>
  <c r="CJ31" i="14"/>
  <c r="EW31" i="14" s="1"/>
  <c r="HW31" i="14" s="1"/>
  <c r="AA10" i="23" s="1"/>
  <c r="ET81" i="14"/>
  <c r="HT81" i="14" s="1"/>
  <c r="CC82" i="14"/>
  <c r="BC82" i="14"/>
  <c r="DV64" i="14"/>
  <c r="GV64" i="14" s="1"/>
  <c r="EQ64" i="14"/>
  <c r="HQ64" i="14" s="1"/>
  <c r="O43" i="23" s="1"/>
  <c r="BW31" i="14"/>
  <c r="BU32" i="14"/>
  <c r="DU32" i="14" s="1"/>
  <c r="GU32" i="14" s="1"/>
  <c r="DB82" i="14"/>
  <c r="GB82" i="14" s="1"/>
  <c r="CO82" i="14"/>
  <c r="FO82" i="14" s="1"/>
  <c r="DP82" i="14"/>
  <c r="GP82" i="14" s="1"/>
  <c r="EC82" i="14"/>
  <c r="HC82" i="14" s="1"/>
  <c r="FE28" i="14"/>
  <c r="IE28" i="14" s="1"/>
  <c r="CH31" i="14"/>
  <c r="EU31" i="14" s="1"/>
  <c r="HU31" i="14" s="1"/>
  <c r="W10" i="23" s="1"/>
  <c r="EA74" i="14"/>
  <c r="HA74" i="14" s="1"/>
  <c r="CN82" i="14"/>
  <c r="FN82" i="14" s="1"/>
  <c r="BF43" i="14"/>
  <c r="DF43" i="14" s="1"/>
  <c r="GF43" i="14" s="1"/>
  <c r="BU31" i="14"/>
  <c r="DU31" i="14" s="1"/>
  <c r="GU31" i="14" s="1"/>
  <c r="DC81" i="14"/>
  <c r="GC81" i="14" s="1"/>
  <c r="CW60" i="14"/>
  <c r="FW60" i="14" s="1"/>
  <c r="DJ61" i="14"/>
  <c r="GJ61" i="14" s="1"/>
  <c r="FB61" i="14"/>
  <c r="IB61" i="14" s="1"/>
  <c r="L40" i="23" s="1"/>
  <c r="BS43" i="14"/>
  <c r="EF43" i="14" s="1"/>
  <c r="HF43" i="14" s="1"/>
  <c r="T22" i="23" s="1"/>
  <c r="CA62" i="14"/>
  <c r="FA62" i="14" s="1"/>
  <c r="IA62" i="14" s="1"/>
  <c r="J41" i="23" s="1"/>
  <c r="EW70" i="14"/>
  <c r="HW70" i="14" s="1"/>
  <c r="AA49" i="23" s="1"/>
  <c r="BT32" i="14"/>
  <c r="EZ73" i="14"/>
  <c r="HZ73" i="14" s="1"/>
  <c r="H52" i="23" s="1"/>
  <c r="BA62" i="14"/>
  <c r="CB82" i="14"/>
  <c r="BW32" i="14"/>
  <c r="CG32" i="14"/>
  <c r="ET32" i="14" s="1"/>
  <c r="HT32" i="14" s="1"/>
  <c r="U11" i="23" s="1"/>
  <c r="CV81" i="14"/>
  <c r="FV81" i="14" s="1"/>
  <c r="DP74" i="14"/>
  <c r="GP74" i="14" s="1"/>
  <c r="BI62" i="14"/>
  <c r="CV62" i="14" s="1"/>
  <c r="FV62" i="14" s="1"/>
  <c r="EO75" i="14"/>
  <c r="HO75" i="14" s="1"/>
  <c r="K54" i="23" s="1"/>
  <c r="ET62" i="14"/>
  <c r="HT62" i="14" s="1"/>
  <c r="U41" i="23" s="1"/>
  <c r="DM82" i="14"/>
  <c r="GM82" i="14" s="1"/>
  <c r="FK28" i="14"/>
  <c r="IK28" i="14" s="1"/>
  <c r="CJ32" i="14"/>
  <c r="EW32" i="14" s="1"/>
  <c r="HW32" i="14" s="1"/>
  <c r="AA11" i="23" s="1"/>
  <c r="BD31" i="14"/>
  <c r="CQ31" i="14" s="1"/>
  <c r="FQ31" i="14" s="1"/>
  <c r="DU68" i="14"/>
  <c r="GU68" i="14" s="1"/>
  <c r="BV62" i="14"/>
  <c r="DV62" i="14" s="1"/>
  <c r="GV62" i="14" s="1"/>
  <c r="DP77" i="14"/>
  <c r="GP77" i="14" s="1"/>
  <c r="CR62" i="14"/>
  <c r="FR62" i="14" s="1"/>
  <c r="DE62" i="14"/>
  <c r="GE62" i="14" s="1"/>
  <c r="ES82" i="14"/>
  <c r="HS82" i="14" s="1"/>
  <c r="BA43" i="14"/>
  <c r="DA43" i="14" s="1"/>
  <c r="GA43" i="14" s="1"/>
  <c r="CC43" i="14"/>
  <c r="FC43" i="14" s="1"/>
  <c r="IC43" i="14" s="1"/>
  <c r="CG43" i="14"/>
  <c r="FG43" i="14" s="1"/>
  <c r="IG43" i="14" s="1"/>
  <c r="BC34" i="14"/>
  <c r="DC34" i="14" s="1"/>
  <c r="GC34" i="14" s="1"/>
  <c r="DH62" i="14"/>
  <c r="GH62" i="14" s="1"/>
  <c r="CC34" i="14"/>
  <c r="FC34" i="14" s="1"/>
  <c r="IC34" i="14" s="1"/>
  <c r="DM64" i="14"/>
  <c r="GM64" i="14" s="1"/>
  <c r="DT77" i="14"/>
  <c r="GT77" i="14" s="1"/>
  <c r="BR62" i="14"/>
  <c r="EO73" i="14"/>
  <c r="HO73" i="14" s="1"/>
  <c r="K52" i="23" s="1"/>
  <c r="FG64" i="14"/>
  <c r="IG64" i="14" s="1"/>
  <c r="V43" i="23" s="1"/>
  <c r="CE62" i="14"/>
  <c r="FC62" i="14"/>
  <c r="IC62" i="14" s="1"/>
  <c r="N41" i="23" s="1"/>
  <c r="BP62" i="14"/>
  <c r="AZ43" i="14"/>
  <c r="CZ43" i="14" s="1"/>
  <c r="FZ43" i="14" s="1"/>
  <c r="BG62" i="14"/>
  <c r="CT62" i="14" s="1"/>
  <c r="FT62" i="14" s="1"/>
  <c r="BC62" i="14"/>
  <c r="ES57" i="14"/>
  <c r="HS57" i="14" s="1"/>
  <c r="EU62" i="14"/>
  <c r="HU62" i="14" s="1"/>
  <c r="W41" i="23" s="1"/>
  <c r="DS69" i="14"/>
  <c r="GS69" i="14" s="1"/>
  <c r="BT62" i="14"/>
  <c r="EG62" i="14" s="1"/>
  <c r="HG62" i="14" s="1"/>
  <c r="AZ62" i="14"/>
  <c r="BM62" i="14"/>
  <c r="BZ62" i="14"/>
  <c r="BX43" i="14"/>
  <c r="DX43" i="14" s="1"/>
  <c r="GX43" i="14" s="1"/>
  <c r="AC22" i="23" s="1"/>
  <c r="BG43" i="14"/>
  <c r="CT43" i="14" s="1"/>
  <c r="FT43" i="14" s="1"/>
  <c r="CK43" i="14"/>
  <c r="FK43" i="14" s="1"/>
  <c r="IK43" i="14" s="1"/>
  <c r="ET77" i="14"/>
  <c r="HT77" i="14" s="1"/>
  <c r="U56" i="23" s="1"/>
  <c r="EF77" i="14"/>
  <c r="HF77" i="14" s="1"/>
  <c r="ED70" i="14"/>
  <c r="HD70" i="14" s="1"/>
  <c r="CZ70" i="14"/>
  <c r="FZ70" i="14" s="1"/>
  <c r="CO77" i="14"/>
  <c r="FO77" i="14" s="1"/>
  <c r="EW73" i="14"/>
  <c r="HW73" i="14" s="1"/>
  <c r="AA52" i="23" s="1"/>
  <c r="DC70" i="14"/>
  <c r="GC70" i="14" s="1"/>
  <c r="EA70" i="14"/>
  <c r="HA70" i="14" s="1"/>
  <c r="DQ60" i="14"/>
  <c r="GQ60" i="14" s="1"/>
  <c r="EO68" i="14"/>
  <c r="HO68" i="14" s="1"/>
  <c r="K47" i="23" s="1"/>
  <c r="CQ74" i="14"/>
  <c r="FQ74" i="14" s="1"/>
  <c r="DW75" i="14"/>
  <c r="GW75" i="14" s="1"/>
  <c r="DH77" i="14"/>
  <c r="GH77" i="14" s="1"/>
  <c r="DM68" i="14"/>
  <c r="GM68" i="14" s="1"/>
  <c r="DE79" i="14"/>
  <c r="GE79" i="14" s="1"/>
  <c r="FD62" i="14"/>
  <c r="ID62" i="14" s="1"/>
  <c r="P41" i="23" s="1"/>
  <c r="DZ70" i="14"/>
  <c r="GZ70" i="14" s="1"/>
  <c r="DH73" i="14"/>
  <c r="GH73" i="14" s="1"/>
  <c r="EE80" i="14"/>
  <c r="HE80" i="14" s="1"/>
  <c r="DE77" i="14"/>
  <c r="GE77" i="14" s="1"/>
  <c r="DB68" i="14"/>
  <c r="GB68" i="14" s="1"/>
  <c r="CN80" i="14"/>
  <c r="FN80" i="14" s="1"/>
  <c r="DS80" i="14"/>
  <c r="GS80" i="14" s="1"/>
  <c r="DV60" i="14"/>
  <c r="GV60" i="14" s="1"/>
  <c r="EX62" i="14"/>
  <c r="HX62" i="14" s="1"/>
  <c r="AC41" i="23" s="1"/>
  <c r="DG28" i="14"/>
  <c r="GG28" i="14" s="1"/>
  <c r="EH80" i="14"/>
  <c r="HH80" i="14" s="1"/>
  <c r="DQ66" i="14"/>
  <c r="GQ66" i="14" s="1"/>
  <c r="DQ68" i="14"/>
  <c r="GQ68" i="14" s="1"/>
  <c r="EQ61" i="14"/>
  <c r="HQ61" i="14" s="1"/>
  <c r="O40" i="23" s="1"/>
  <c r="EU61" i="14"/>
  <c r="HU61" i="14" s="1"/>
  <c r="W40" i="23" s="1"/>
  <c r="EN70" i="14"/>
  <c r="HN70" i="14" s="1"/>
  <c r="I49" i="23" s="1"/>
  <c r="EM68" i="14"/>
  <c r="HM68" i="14" s="1"/>
  <c r="G47" i="23" s="1"/>
  <c r="EJ80" i="14"/>
  <c r="HJ80" i="14" s="1"/>
  <c r="FJ75" i="14"/>
  <c r="IJ75" i="14" s="1"/>
  <c r="AB54" i="23" s="1"/>
  <c r="EQ71" i="14"/>
  <c r="HQ71" i="14" s="1"/>
  <c r="O50" i="23" s="1"/>
  <c r="FH80" i="14"/>
  <c r="IH80" i="14" s="1"/>
  <c r="FF70" i="14"/>
  <c r="IF70" i="14" s="1"/>
  <c r="T49" i="23" s="1"/>
  <c r="FA76" i="14"/>
  <c r="IA76" i="14" s="1"/>
  <c r="DW28" i="14"/>
  <c r="GW28" i="14" s="1"/>
  <c r="EU28" i="14"/>
  <c r="HU28" i="14" s="1"/>
  <c r="ED28" i="14"/>
  <c r="HD28" i="14" s="1"/>
  <c r="DH57" i="14"/>
  <c r="GH57" i="14" s="1"/>
  <c r="EO74" i="14"/>
  <c r="HO74" i="14" s="1"/>
  <c r="K53" i="23" s="1"/>
  <c r="DA74" i="14"/>
  <c r="GA74" i="14" s="1"/>
  <c r="EC68" i="14"/>
  <c r="HC68" i="14" s="1"/>
  <c r="DC71" i="14"/>
  <c r="GC71" i="14" s="1"/>
  <c r="EP80" i="14"/>
  <c r="HP80" i="14" s="1"/>
  <c r="FC57" i="14"/>
  <c r="IC57" i="14" s="1"/>
  <c r="CN41" i="14"/>
  <c r="FN41" i="14" s="1"/>
  <c r="DA41" i="14"/>
  <c r="GA41" i="14" s="1"/>
  <c r="DT37" i="14"/>
  <c r="GT37" i="14" s="1"/>
  <c r="U16" i="23" s="1"/>
  <c r="EG37" i="14"/>
  <c r="HG37" i="14" s="1"/>
  <c r="V16" i="23" s="1"/>
  <c r="FD41" i="14"/>
  <c r="ID41" i="14" s="1"/>
  <c r="EQ41" i="14"/>
  <c r="HQ41" i="14" s="1"/>
  <c r="EK40" i="14"/>
  <c r="HK40" i="14" s="1"/>
  <c r="AD19" i="23" s="1"/>
  <c r="DX40" i="14"/>
  <c r="GX40" i="14" s="1"/>
  <c r="AC19" i="23" s="1"/>
  <c r="FD42" i="14"/>
  <c r="ID42" i="14" s="1"/>
  <c r="P21" i="23" s="1"/>
  <c r="EQ42" i="14"/>
  <c r="HQ42" i="14" s="1"/>
  <c r="O21" i="23" s="1"/>
  <c r="DX46" i="14"/>
  <c r="GX46" i="14" s="1"/>
  <c r="AC25" i="23" s="1"/>
  <c r="EK46" i="14"/>
  <c r="HK46" i="14" s="1"/>
  <c r="AD25" i="23" s="1"/>
  <c r="CT40" i="14"/>
  <c r="FT40" i="14" s="1"/>
  <c r="DG40" i="14"/>
  <c r="GG40" i="14" s="1"/>
  <c r="EJ44" i="14"/>
  <c r="HJ44" i="14" s="1"/>
  <c r="AB23" i="23" s="1"/>
  <c r="DW44" i="14"/>
  <c r="GW44" i="14" s="1"/>
  <c r="AA23" i="23" s="1"/>
  <c r="EV38" i="14"/>
  <c r="HV38" i="14" s="1"/>
  <c r="FI38" i="14"/>
  <c r="II38" i="14" s="1"/>
  <c r="DG38" i="14"/>
  <c r="GG38" i="14" s="1"/>
  <c r="CT38" i="14"/>
  <c r="FT38" i="14" s="1"/>
  <c r="EJ38" i="14"/>
  <c r="HJ38" i="14" s="1"/>
  <c r="AB17" i="23" s="1"/>
  <c r="DW38" i="14"/>
  <c r="GW38" i="14" s="1"/>
  <c r="AA17" i="23" s="1"/>
  <c r="FB39" i="14"/>
  <c r="IB39" i="14" s="1"/>
  <c r="EO39" i="14"/>
  <c r="HO39" i="14" s="1"/>
  <c r="FD37" i="14"/>
  <c r="ID37" i="14" s="1"/>
  <c r="EQ37" i="14"/>
  <c r="HQ37" i="14" s="1"/>
  <c r="DT46" i="14"/>
  <c r="GT46" i="14" s="1"/>
  <c r="U25" i="23" s="1"/>
  <c r="EG46" i="14"/>
  <c r="HG46" i="14" s="1"/>
  <c r="V25" i="23" s="1"/>
  <c r="DE40" i="14"/>
  <c r="GE40" i="14" s="1"/>
  <c r="CR40" i="14"/>
  <c r="FR40" i="14" s="1"/>
  <c r="EX42" i="14"/>
  <c r="HX42" i="14" s="1"/>
  <c r="AC21" i="23" s="1"/>
  <c r="FK42" i="14"/>
  <c r="IK42" i="14" s="1"/>
  <c r="AD21" i="23" s="1"/>
  <c r="DE44" i="14"/>
  <c r="GE44" i="14" s="1"/>
  <c r="CR44" i="14"/>
  <c r="FR44" i="14" s="1"/>
  <c r="EE39" i="14"/>
  <c r="HE39" i="14" s="1"/>
  <c r="R18" i="23" s="1"/>
  <c r="DR39" i="14"/>
  <c r="GR39" i="14" s="1"/>
  <c r="Q18" i="23" s="1"/>
  <c r="DP44" i="14"/>
  <c r="GP44" i="14" s="1"/>
  <c r="M23" i="23" s="1"/>
  <c r="EC44" i="14"/>
  <c r="HC44" i="14" s="1"/>
  <c r="N23" i="23" s="1"/>
  <c r="EA39" i="14"/>
  <c r="HA39" i="14" s="1"/>
  <c r="J18" i="23" s="1"/>
  <c r="DN39" i="14"/>
  <c r="GN39" i="14" s="1"/>
  <c r="I18" i="23" s="1"/>
  <c r="DB41" i="14"/>
  <c r="GB41" i="14" s="1"/>
  <c r="CO41" i="14"/>
  <c r="FO41" i="14" s="1"/>
  <c r="ED39" i="14"/>
  <c r="HD39" i="14" s="1"/>
  <c r="P18" i="23" s="1"/>
  <c r="DQ39" i="14"/>
  <c r="GQ39" i="14" s="1"/>
  <c r="O18" i="23" s="1"/>
  <c r="DG37" i="14"/>
  <c r="GG37" i="14" s="1"/>
  <c r="CT37" i="14"/>
  <c r="FT37" i="14" s="1"/>
  <c r="CX45" i="14"/>
  <c r="FX45" i="14" s="1"/>
  <c r="DK45" i="14"/>
  <c r="GK45" i="14" s="1"/>
  <c r="CU46" i="14"/>
  <c r="FU46" i="14" s="1"/>
  <c r="DH46" i="14"/>
  <c r="GH46" i="14" s="1"/>
  <c r="DP41" i="14"/>
  <c r="GP41" i="14" s="1"/>
  <c r="M20" i="23" s="1"/>
  <c r="EC41" i="14"/>
  <c r="HC41" i="14" s="1"/>
  <c r="N20" i="23" s="1"/>
  <c r="FE43" i="14"/>
  <c r="IE43" i="14" s="1"/>
  <c r="DU41" i="14"/>
  <c r="GU41" i="14" s="1"/>
  <c r="W20" i="23" s="1"/>
  <c r="EH41" i="14"/>
  <c r="HH41" i="14" s="1"/>
  <c r="X20" i="23" s="1"/>
  <c r="CM44" i="14"/>
  <c r="FM44" i="14" s="1"/>
  <c r="CZ44" i="14"/>
  <c r="FZ44" i="14" s="1"/>
  <c r="DJ46" i="14"/>
  <c r="GJ46" i="14" s="1"/>
  <c r="CW46" i="14"/>
  <c r="FW46" i="14" s="1"/>
  <c r="FE46" i="14"/>
  <c r="IE46" i="14" s="1"/>
  <c r="ER46" i="14"/>
  <c r="HR46" i="14" s="1"/>
  <c r="DV44" i="14"/>
  <c r="GV44" i="14" s="1"/>
  <c r="Y23" i="23" s="1"/>
  <c r="EI44" i="14"/>
  <c r="HI44" i="14" s="1"/>
  <c r="Z23" i="23" s="1"/>
  <c r="DS43" i="14"/>
  <c r="GS43" i="14" s="1"/>
  <c r="S22" i="23" s="1"/>
  <c r="DS42" i="14"/>
  <c r="GS42" i="14" s="1"/>
  <c r="EF42" i="14"/>
  <c r="HF42" i="14" s="1"/>
  <c r="EM40" i="14"/>
  <c r="HM40" i="14" s="1"/>
  <c r="EZ40" i="14"/>
  <c r="HZ40" i="14" s="1"/>
  <c r="CM41" i="14"/>
  <c r="FM41" i="14" s="1"/>
  <c r="CZ41" i="14"/>
  <c r="FZ41" i="14" s="1"/>
  <c r="FK44" i="14"/>
  <c r="IK44" i="14" s="1"/>
  <c r="EX44" i="14"/>
  <c r="HX44" i="14" s="1"/>
  <c r="CU45" i="14"/>
  <c r="FU45" i="14" s="1"/>
  <c r="DH45" i="14"/>
  <c r="GH45" i="14" s="1"/>
  <c r="DI40" i="14"/>
  <c r="GI40" i="14" s="1"/>
  <c r="CV40" i="14"/>
  <c r="FV40" i="14" s="1"/>
  <c r="EB37" i="14"/>
  <c r="HB37" i="14" s="1"/>
  <c r="L16" i="23" s="1"/>
  <c r="DO37" i="14"/>
  <c r="GO37" i="14" s="1"/>
  <c r="K16" i="23" s="1"/>
  <c r="CO43" i="14"/>
  <c r="FO43" i="14" s="1"/>
  <c r="DB43" i="14"/>
  <c r="GB43" i="14" s="1"/>
  <c r="ED41" i="14"/>
  <c r="HD41" i="14" s="1"/>
  <c r="P20" i="23" s="1"/>
  <c r="DQ41" i="14"/>
  <c r="GQ41" i="14" s="1"/>
  <c r="O20" i="23" s="1"/>
  <c r="FB44" i="14"/>
  <c r="IB44" i="14" s="1"/>
  <c r="EO44" i="14"/>
  <c r="HO44" i="14" s="1"/>
  <c r="EE45" i="14"/>
  <c r="HE45" i="14" s="1"/>
  <c r="R24" i="23" s="1"/>
  <c r="DR45" i="14"/>
  <c r="GR45" i="14" s="1"/>
  <c r="Q24" i="23" s="1"/>
  <c r="CM46" i="14"/>
  <c r="FM46" i="14" s="1"/>
  <c r="CZ46" i="14"/>
  <c r="FZ46" i="14" s="1"/>
  <c r="DA38" i="14"/>
  <c r="GA38" i="14" s="1"/>
  <c r="CN38" i="14"/>
  <c r="FN38" i="14" s="1"/>
  <c r="CX37" i="14"/>
  <c r="FX37" i="14" s="1"/>
  <c r="DK37" i="14"/>
  <c r="GK37" i="14" s="1"/>
  <c r="EG42" i="14"/>
  <c r="HG42" i="14" s="1"/>
  <c r="DT42" i="14"/>
  <c r="GT42" i="14" s="1"/>
  <c r="EX40" i="14"/>
  <c r="HX40" i="14" s="1"/>
  <c r="FK40" i="14"/>
  <c r="IK40" i="14" s="1"/>
  <c r="EI38" i="14"/>
  <c r="HI38" i="14" s="1"/>
  <c r="Z17" i="23" s="1"/>
  <c r="DV38" i="14"/>
  <c r="GV38" i="14" s="1"/>
  <c r="Y17" i="23" s="1"/>
  <c r="DR40" i="14"/>
  <c r="GR40" i="14" s="1"/>
  <c r="Q19" i="23" s="1"/>
  <c r="EE40" i="14"/>
  <c r="HE40" i="14" s="1"/>
  <c r="R19" i="23" s="1"/>
  <c r="ER44" i="14"/>
  <c r="HR44" i="14" s="1"/>
  <c r="FE44" i="14"/>
  <c r="IE44" i="14" s="1"/>
  <c r="DF46" i="14"/>
  <c r="GF46" i="14" s="1"/>
  <c r="CS46" i="14"/>
  <c r="FS46" i="14" s="1"/>
  <c r="DC41" i="14"/>
  <c r="GC41" i="14" s="1"/>
  <c r="CP41" i="14"/>
  <c r="FP41" i="14" s="1"/>
  <c r="EZ44" i="14"/>
  <c r="HZ44" i="14" s="1"/>
  <c r="EM44" i="14"/>
  <c r="HM44" i="14" s="1"/>
  <c r="DR46" i="14"/>
  <c r="GR46" i="14" s="1"/>
  <c r="Q25" i="23" s="1"/>
  <c r="EE46" i="14"/>
  <c r="HE46" i="14" s="1"/>
  <c r="R25" i="23" s="1"/>
  <c r="DJ41" i="14"/>
  <c r="GJ41" i="14" s="1"/>
  <c r="CW41" i="14"/>
  <c r="FW41" i="14" s="1"/>
  <c r="FB45" i="14"/>
  <c r="IB45" i="14" s="1"/>
  <c r="EO45" i="14"/>
  <c r="HO45" i="14" s="1"/>
  <c r="CX44" i="14"/>
  <c r="FX44" i="14" s="1"/>
  <c r="DK44" i="14"/>
  <c r="GK44" i="14" s="1"/>
  <c r="EQ44" i="14"/>
  <c r="HQ44" i="14" s="1"/>
  <c r="FD44" i="14"/>
  <c r="ID44" i="14" s="1"/>
  <c r="FB37" i="14"/>
  <c r="IB37" i="14" s="1"/>
  <c r="EO37" i="14"/>
  <c r="HO37" i="14" s="1"/>
  <c r="ET42" i="14"/>
  <c r="HT42" i="14" s="1"/>
  <c r="U21" i="23" s="1"/>
  <c r="FG42" i="14"/>
  <c r="IG42" i="14" s="1"/>
  <c r="V21" i="23" s="1"/>
  <c r="EP28" i="14"/>
  <c r="HP28" i="14" s="1"/>
  <c r="CX40" i="14"/>
  <c r="FX40" i="14" s="1"/>
  <c r="DK40" i="14"/>
  <c r="GK40" i="14" s="1"/>
  <c r="FJ43" i="14"/>
  <c r="IJ43" i="14" s="1"/>
  <c r="EW43" i="14"/>
  <c r="HW43" i="14" s="1"/>
  <c r="CW42" i="14"/>
  <c r="FW42" i="14" s="1"/>
  <c r="DJ42" i="14"/>
  <c r="GJ42" i="14" s="1"/>
  <c r="ET40" i="14"/>
  <c r="HT40" i="14" s="1"/>
  <c r="FG40" i="14"/>
  <c r="IG40" i="14" s="1"/>
  <c r="EA41" i="14"/>
  <c r="HA41" i="14" s="1"/>
  <c r="J20" i="23" s="1"/>
  <c r="DN41" i="14"/>
  <c r="GN41" i="14" s="1"/>
  <c r="I20" i="23" s="1"/>
  <c r="CR42" i="14"/>
  <c r="FR42" i="14" s="1"/>
  <c r="DE42" i="14"/>
  <c r="GE42" i="14" s="1"/>
  <c r="DT38" i="14"/>
  <c r="GT38" i="14" s="1"/>
  <c r="U17" i="23" s="1"/>
  <c r="EG38" i="14"/>
  <c r="HG38" i="14" s="1"/>
  <c r="V17" i="23" s="1"/>
  <c r="EH44" i="14"/>
  <c r="HH44" i="14" s="1"/>
  <c r="X23" i="23" s="1"/>
  <c r="DU44" i="14"/>
  <c r="GU44" i="14" s="1"/>
  <c r="W23" i="23" s="1"/>
  <c r="ED37" i="14"/>
  <c r="HD37" i="14" s="1"/>
  <c r="P16" i="23" s="1"/>
  <c r="DQ37" i="14"/>
  <c r="GQ37" i="14" s="1"/>
  <c r="O16" i="23" s="1"/>
  <c r="EG41" i="14"/>
  <c r="HG41" i="14" s="1"/>
  <c r="V20" i="23" s="1"/>
  <c r="DT41" i="14"/>
  <c r="GT41" i="14" s="1"/>
  <c r="U20" i="23" s="1"/>
  <c r="ER40" i="14"/>
  <c r="HR40" i="14" s="1"/>
  <c r="FE40" i="14"/>
  <c r="IE40" i="14" s="1"/>
  <c r="EG43" i="14"/>
  <c r="HG43" i="14" s="1"/>
  <c r="V22" i="23" s="1"/>
  <c r="DT43" i="14"/>
  <c r="GT43" i="14" s="1"/>
  <c r="U22" i="23" s="1"/>
  <c r="FI41" i="14"/>
  <c r="II41" i="14" s="1"/>
  <c r="EV41" i="14"/>
  <c r="HV41" i="14" s="1"/>
  <c r="CR39" i="14"/>
  <c r="FR39" i="14" s="1"/>
  <c r="DE39" i="14"/>
  <c r="GE39" i="14" s="1"/>
  <c r="CM37" i="14"/>
  <c r="FM37" i="14" s="1"/>
  <c r="CZ37" i="14"/>
  <c r="FZ37" i="14" s="1"/>
  <c r="DA39" i="14"/>
  <c r="GA39" i="14" s="1"/>
  <c r="CN39" i="14"/>
  <c r="FN39" i="14" s="1"/>
  <c r="DQ40" i="14"/>
  <c r="GQ40" i="14" s="1"/>
  <c r="O19" i="23" s="1"/>
  <c r="ED40" i="14"/>
  <c r="HD40" i="14" s="1"/>
  <c r="P19" i="23" s="1"/>
  <c r="ET37" i="14"/>
  <c r="HT37" i="14" s="1"/>
  <c r="FG37" i="14"/>
  <c r="IG37" i="14" s="1"/>
  <c r="DS46" i="14"/>
  <c r="GS46" i="14" s="1"/>
  <c r="S25" i="23" s="1"/>
  <c r="EF46" i="14"/>
  <c r="HF46" i="14" s="1"/>
  <c r="T25" i="23" s="1"/>
  <c r="FC41" i="14"/>
  <c r="IC41" i="14" s="1"/>
  <c r="EP41" i="14"/>
  <c r="HP41" i="14" s="1"/>
  <c r="FI39" i="14"/>
  <c r="II39" i="14" s="1"/>
  <c r="EV39" i="14"/>
  <c r="HV39" i="14" s="1"/>
  <c r="EW40" i="14"/>
  <c r="HW40" i="14" s="1"/>
  <c r="FJ40" i="14"/>
  <c r="IJ40" i="14" s="1"/>
  <c r="DZ44" i="14"/>
  <c r="GZ44" i="14" s="1"/>
  <c r="H23" i="23" s="1"/>
  <c r="DM44" i="14"/>
  <c r="GM44" i="14" s="1"/>
  <c r="G23" i="23" s="1"/>
  <c r="EO42" i="14"/>
  <c r="HO42" i="14" s="1"/>
  <c r="K21" i="23" s="1"/>
  <c r="FB42" i="14"/>
  <c r="IB42" i="14" s="1"/>
  <c r="L21" i="23" s="1"/>
  <c r="DK43" i="14"/>
  <c r="GK43" i="14" s="1"/>
  <c r="CX43" i="14"/>
  <c r="FX43" i="14" s="1"/>
  <c r="DW41" i="14"/>
  <c r="GW41" i="14" s="1"/>
  <c r="AA20" i="23" s="1"/>
  <c r="EJ41" i="14"/>
  <c r="HJ41" i="14" s="1"/>
  <c r="AB20" i="23" s="1"/>
  <c r="EM39" i="14"/>
  <c r="HM39" i="14" s="1"/>
  <c r="EZ39" i="14"/>
  <c r="HZ39" i="14" s="1"/>
  <c r="ES42" i="14"/>
  <c r="HS42" i="14" s="1"/>
  <c r="S21" i="23" s="1"/>
  <c r="FF42" i="14"/>
  <c r="IF42" i="14" s="1"/>
  <c r="T21" i="23" s="1"/>
  <c r="CO45" i="14"/>
  <c r="FO45" i="14" s="1"/>
  <c r="DB45" i="14"/>
  <c r="GB45" i="14" s="1"/>
  <c r="EH43" i="14"/>
  <c r="HH43" i="14" s="1"/>
  <c r="X22" i="23" s="1"/>
  <c r="DU43" i="14"/>
  <c r="GU43" i="14" s="1"/>
  <c r="W22" i="23" s="1"/>
  <c r="EK44" i="14"/>
  <c r="HK44" i="14" s="1"/>
  <c r="AD23" i="23" s="1"/>
  <c r="DX44" i="14"/>
  <c r="GX44" i="14" s="1"/>
  <c r="AC23" i="23" s="1"/>
  <c r="ED44" i="14"/>
  <c r="HD44" i="14" s="1"/>
  <c r="P23" i="23" s="1"/>
  <c r="DQ44" i="14"/>
  <c r="GQ44" i="14" s="1"/>
  <c r="O23" i="23" s="1"/>
  <c r="CO38" i="14"/>
  <c r="FO38" i="14" s="1"/>
  <c r="DB38" i="14"/>
  <c r="GB38" i="14" s="1"/>
  <c r="DB37" i="14"/>
  <c r="GB37" i="14" s="1"/>
  <c r="CO37" i="14"/>
  <c r="FO37" i="14" s="1"/>
  <c r="EA45" i="14"/>
  <c r="HA45" i="14" s="1"/>
  <c r="J24" i="23" s="1"/>
  <c r="DN45" i="14"/>
  <c r="GN45" i="14" s="1"/>
  <c r="I24" i="23" s="1"/>
  <c r="DP40" i="14"/>
  <c r="GP40" i="14" s="1"/>
  <c r="M19" i="23" s="1"/>
  <c r="EC40" i="14"/>
  <c r="HC40" i="14" s="1"/>
  <c r="N19" i="23" s="1"/>
  <c r="DB44" i="14"/>
  <c r="GB44" i="14" s="1"/>
  <c r="CO44" i="14"/>
  <c r="FO44" i="14" s="1"/>
  <c r="DN40" i="14"/>
  <c r="GN40" i="14" s="1"/>
  <c r="I19" i="23" s="1"/>
  <c r="EA40" i="14"/>
  <c r="HA40" i="14" s="1"/>
  <c r="J19" i="23" s="1"/>
  <c r="FK41" i="14"/>
  <c r="IK41" i="14" s="1"/>
  <c r="EX41" i="14"/>
  <c r="HX41" i="14" s="1"/>
  <c r="FA38" i="14"/>
  <c r="IA38" i="14" s="1"/>
  <c r="EN38" i="14"/>
  <c r="HN38" i="14" s="1"/>
  <c r="DH40" i="14"/>
  <c r="GH40" i="14" s="1"/>
  <c r="CU40" i="14"/>
  <c r="FU40" i="14" s="1"/>
  <c r="ER37" i="14"/>
  <c r="HR37" i="14" s="1"/>
  <c r="FE37" i="14"/>
  <c r="IE37" i="14" s="1"/>
  <c r="CT41" i="14"/>
  <c r="FT41" i="14" s="1"/>
  <c r="DG41" i="14"/>
  <c r="GG41" i="14" s="1"/>
  <c r="EQ40" i="14"/>
  <c r="HQ40" i="14" s="1"/>
  <c r="FD40" i="14"/>
  <c r="ID40" i="14" s="1"/>
  <c r="DH41" i="14"/>
  <c r="GH41" i="14" s="1"/>
  <c r="CU41" i="14"/>
  <c r="FU41" i="14" s="1"/>
  <c r="DZ46" i="14"/>
  <c r="GZ46" i="14" s="1"/>
  <c r="H25" i="23" s="1"/>
  <c r="DM46" i="14"/>
  <c r="GM46" i="14" s="1"/>
  <c r="G25" i="23" s="1"/>
  <c r="FJ42" i="14"/>
  <c r="IJ42" i="14" s="1"/>
  <c r="AB21" i="23" s="1"/>
  <c r="EW42" i="14"/>
  <c r="HW42" i="14" s="1"/>
  <c r="AA21" i="23" s="1"/>
  <c r="DQ45" i="14"/>
  <c r="GQ45" i="14" s="1"/>
  <c r="O24" i="23" s="1"/>
  <c r="ED45" i="14"/>
  <c r="HD45" i="14" s="1"/>
  <c r="P24" i="23" s="1"/>
  <c r="EN41" i="14"/>
  <c r="HN41" i="14" s="1"/>
  <c r="FA41" i="14"/>
  <c r="IA41" i="14" s="1"/>
  <c r="EE42" i="14"/>
  <c r="HE42" i="14" s="1"/>
  <c r="DR42" i="14"/>
  <c r="GR42" i="14" s="1"/>
  <c r="DS40" i="14"/>
  <c r="GS40" i="14" s="1"/>
  <c r="S19" i="23" s="1"/>
  <c r="EF40" i="14"/>
  <c r="HF40" i="14" s="1"/>
  <c r="T19" i="23" s="1"/>
  <c r="FH44" i="14"/>
  <c r="IH44" i="14" s="1"/>
  <c r="EU44" i="14"/>
  <c r="HU44" i="14" s="1"/>
  <c r="ES38" i="14"/>
  <c r="HS38" i="14" s="1"/>
  <c r="FF38" i="14"/>
  <c r="IF38" i="14" s="1"/>
  <c r="CW39" i="14"/>
  <c r="FW39" i="14" s="1"/>
  <c r="DJ39" i="14"/>
  <c r="GJ39" i="14" s="1"/>
  <c r="FG41" i="14"/>
  <c r="IG41" i="14" s="1"/>
  <c r="ET41" i="14"/>
  <c r="HT41" i="14" s="1"/>
  <c r="FC46" i="14"/>
  <c r="IC46" i="14" s="1"/>
  <c r="EP46" i="14"/>
  <c r="HP46" i="14" s="1"/>
  <c r="EI41" i="14"/>
  <c r="HI41" i="14" s="1"/>
  <c r="Z20" i="23" s="1"/>
  <c r="DV41" i="14"/>
  <c r="GV41" i="14" s="1"/>
  <c r="Y20" i="23" s="1"/>
  <c r="FH38" i="14"/>
  <c r="IH38" i="14" s="1"/>
  <c r="EU38" i="14"/>
  <c r="HU38" i="14" s="1"/>
  <c r="DM37" i="14"/>
  <c r="GM37" i="14" s="1"/>
  <c r="G16" i="23" s="1"/>
  <c r="DZ37" i="14"/>
  <c r="GZ37" i="14" s="1"/>
  <c r="H16" i="23" s="1"/>
  <c r="FA46" i="14"/>
  <c r="IA46" i="14" s="1"/>
  <c r="EN46" i="14"/>
  <c r="HN46" i="14" s="1"/>
  <c r="DD40" i="14"/>
  <c r="GD40" i="14" s="1"/>
  <c r="CQ40" i="14"/>
  <c r="FQ40" i="14" s="1"/>
  <c r="CM38" i="14"/>
  <c r="FM38" i="14" s="1"/>
  <c r="ES46" i="14"/>
  <c r="HS46" i="14" s="1"/>
  <c r="FF46" i="14"/>
  <c r="IF46" i="14" s="1"/>
  <c r="DV39" i="14"/>
  <c r="GV39" i="14" s="1"/>
  <c r="Y18" i="23" s="1"/>
  <c r="EI39" i="14"/>
  <c r="HI39" i="14" s="1"/>
  <c r="Z18" i="23" s="1"/>
  <c r="DJ40" i="14"/>
  <c r="GJ40" i="14" s="1"/>
  <c r="CW40" i="14"/>
  <c r="FW40" i="14" s="1"/>
  <c r="CP37" i="14"/>
  <c r="FP37" i="14" s="1"/>
  <c r="DC37" i="14"/>
  <c r="GC37" i="14" s="1"/>
  <c r="DN43" i="14"/>
  <c r="GN43" i="14" s="1"/>
  <c r="I22" i="23" s="1"/>
  <c r="EA43" i="14"/>
  <c r="HA43" i="14" s="1"/>
  <c r="J22" i="23" s="1"/>
  <c r="EB42" i="14"/>
  <c r="HB42" i="14" s="1"/>
  <c r="DO42" i="14"/>
  <c r="GO42" i="14" s="1"/>
  <c r="EG45" i="14"/>
  <c r="HG45" i="14" s="1"/>
  <c r="V24" i="23" s="1"/>
  <c r="DT45" i="14"/>
  <c r="GT45" i="14" s="1"/>
  <c r="U24" i="23" s="1"/>
  <c r="EW41" i="14"/>
  <c r="HW41" i="14" s="1"/>
  <c r="FJ41" i="14"/>
  <c r="IJ41" i="14" s="1"/>
  <c r="CM39" i="14"/>
  <c r="FM39" i="14" s="1"/>
  <c r="CZ39" i="14"/>
  <c r="FZ39" i="14" s="1"/>
  <c r="CM42" i="14"/>
  <c r="FM42" i="14" s="1"/>
  <c r="CZ42" i="14"/>
  <c r="FZ42" i="14" s="1"/>
  <c r="EB45" i="14"/>
  <c r="HB45" i="14" s="1"/>
  <c r="L24" i="23" s="1"/>
  <c r="DO45" i="14"/>
  <c r="GO45" i="14" s="1"/>
  <c r="K24" i="23" s="1"/>
  <c r="DW37" i="14"/>
  <c r="GW37" i="14" s="1"/>
  <c r="AA16" i="23" s="1"/>
  <c r="EJ37" i="14"/>
  <c r="HJ37" i="14" s="1"/>
  <c r="AB16" i="23" s="1"/>
  <c r="DP43" i="14"/>
  <c r="GP43" i="14" s="1"/>
  <c r="M22" i="23" s="1"/>
  <c r="EC43" i="14"/>
  <c r="HC43" i="14" s="1"/>
  <c r="N22" i="23" s="1"/>
  <c r="DD44" i="14"/>
  <c r="GD44" i="14" s="1"/>
  <c r="CQ44" i="14"/>
  <c r="FQ44" i="14" s="1"/>
  <c r="EO38" i="14"/>
  <c r="HO38" i="14" s="1"/>
  <c r="DS37" i="14"/>
  <c r="GS37" i="14" s="1"/>
  <c r="S16" i="23" s="1"/>
  <c r="EF37" i="14"/>
  <c r="HF37" i="14" s="1"/>
  <c r="T16" i="23" s="1"/>
  <c r="FA45" i="14"/>
  <c r="IA45" i="14" s="1"/>
  <c r="EN45" i="14"/>
  <c r="HN45" i="14" s="1"/>
  <c r="CP40" i="14"/>
  <c r="FP40" i="14" s="1"/>
  <c r="DC40" i="14"/>
  <c r="GC40" i="14" s="1"/>
  <c r="CU37" i="14"/>
  <c r="FU37" i="14" s="1"/>
  <c r="DH37" i="14"/>
  <c r="GH37" i="14" s="1"/>
  <c r="EN40" i="14"/>
  <c r="HN40" i="14" s="1"/>
  <c r="FA40" i="14"/>
  <c r="IA40" i="14" s="1"/>
  <c r="DK41" i="14"/>
  <c r="GK41" i="14" s="1"/>
  <c r="CX41" i="14"/>
  <c r="FX41" i="14" s="1"/>
  <c r="DS44" i="14"/>
  <c r="GS44" i="14" s="1"/>
  <c r="S23" i="23" s="1"/>
  <c r="EF44" i="14"/>
  <c r="HF44" i="14" s="1"/>
  <c r="T23" i="23" s="1"/>
  <c r="EH40" i="14"/>
  <c r="HH40" i="14" s="1"/>
  <c r="X19" i="23" s="1"/>
  <c r="DU40" i="14"/>
  <c r="GU40" i="14" s="1"/>
  <c r="W19" i="23" s="1"/>
  <c r="EE37" i="14"/>
  <c r="HE37" i="14" s="1"/>
  <c r="R16" i="23" s="1"/>
  <c r="DR37" i="14"/>
  <c r="GR37" i="14" s="1"/>
  <c r="Q16" i="23" s="1"/>
  <c r="FK46" i="14"/>
  <c r="IK46" i="14" s="1"/>
  <c r="EX46" i="14"/>
  <c r="HX46" i="14" s="1"/>
  <c r="CQ37" i="14"/>
  <c r="FQ37" i="14" s="1"/>
  <c r="DD37" i="14"/>
  <c r="GD37" i="14" s="1"/>
  <c r="DD39" i="14"/>
  <c r="GD39" i="14" s="1"/>
  <c r="CQ39" i="14"/>
  <c r="FQ39" i="14" s="1"/>
  <c r="EU40" i="14"/>
  <c r="HU40" i="14" s="1"/>
  <c r="FH40" i="14"/>
  <c r="IH40" i="14" s="1"/>
  <c r="CX38" i="14"/>
  <c r="FX38" i="14" s="1"/>
  <c r="DK38" i="14"/>
  <c r="GK38" i="14" s="1"/>
  <c r="CS39" i="14"/>
  <c r="FS39" i="14" s="1"/>
  <c r="DF39" i="14"/>
  <c r="GF39" i="14" s="1"/>
  <c r="EJ42" i="14"/>
  <c r="HJ42" i="14" s="1"/>
  <c r="DW42" i="14"/>
  <c r="GW42" i="14" s="1"/>
  <c r="EQ45" i="14"/>
  <c r="HQ45" i="14" s="1"/>
  <c r="FD45" i="14"/>
  <c r="ID45" i="14" s="1"/>
  <c r="EU39" i="14"/>
  <c r="HU39" i="14" s="1"/>
  <c r="FH39" i="14"/>
  <c r="IH39" i="14" s="1"/>
  <c r="FE42" i="14"/>
  <c r="IE42" i="14" s="1"/>
  <c r="R21" i="23" s="1"/>
  <c r="ER42" i="14"/>
  <c r="HR42" i="14" s="1"/>
  <c r="Q21" i="23" s="1"/>
  <c r="ES40" i="14"/>
  <c r="HS40" i="14" s="1"/>
  <c r="FF40" i="14"/>
  <c r="IF40" i="14" s="1"/>
  <c r="EF41" i="14"/>
  <c r="HF41" i="14" s="1"/>
  <c r="T20" i="23" s="1"/>
  <c r="DS41" i="14"/>
  <c r="GS41" i="14" s="1"/>
  <c r="S20" i="23" s="1"/>
  <c r="CS38" i="14"/>
  <c r="FS38" i="14" s="1"/>
  <c r="DF38" i="14"/>
  <c r="GF38" i="14" s="1"/>
  <c r="EJ39" i="14"/>
  <c r="HJ39" i="14" s="1"/>
  <c r="AB18" i="23" s="1"/>
  <c r="DW39" i="14"/>
  <c r="GW39" i="14" s="1"/>
  <c r="AA18" i="23" s="1"/>
  <c r="EC46" i="14"/>
  <c r="HC46" i="14" s="1"/>
  <c r="N25" i="23" s="1"/>
  <c r="DP46" i="14"/>
  <c r="GP46" i="14" s="1"/>
  <c r="M25" i="23" s="1"/>
  <c r="DI45" i="14"/>
  <c r="GI45" i="14" s="1"/>
  <c r="CV45" i="14"/>
  <c r="FV45" i="14" s="1"/>
  <c r="CV41" i="14"/>
  <c r="FV41" i="14" s="1"/>
  <c r="DI41" i="14"/>
  <c r="GI41" i="14" s="1"/>
  <c r="EH38" i="14"/>
  <c r="HH38" i="14" s="1"/>
  <c r="X17" i="23" s="1"/>
  <c r="DU38" i="14"/>
  <c r="GU38" i="14" s="1"/>
  <c r="W17" i="23" s="1"/>
  <c r="DN46" i="14"/>
  <c r="GN46" i="14" s="1"/>
  <c r="I25" i="23" s="1"/>
  <c r="EA46" i="14"/>
  <c r="HA46" i="14" s="1"/>
  <c r="J25" i="23" s="1"/>
  <c r="DE41" i="14"/>
  <c r="GE41" i="14" s="1"/>
  <c r="CR41" i="14"/>
  <c r="FR41" i="14" s="1"/>
  <c r="DZ38" i="14"/>
  <c r="GZ38" i="14" s="1"/>
  <c r="H17" i="23" s="1"/>
  <c r="DM38" i="14"/>
  <c r="GM38" i="14" s="1"/>
  <c r="G17" i="23" s="1"/>
  <c r="EI43" i="14"/>
  <c r="HI43" i="14" s="1"/>
  <c r="Z22" i="23" s="1"/>
  <c r="DN42" i="14"/>
  <c r="GN42" i="14" s="1"/>
  <c r="EA42" i="14"/>
  <c r="HA42" i="14" s="1"/>
  <c r="EM45" i="14"/>
  <c r="HM45" i="14" s="1"/>
  <c r="EZ45" i="14"/>
  <c r="HZ45" i="14" s="1"/>
  <c r="EN44" i="14"/>
  <c r="HN44" i="14" s="1"/>
  <c r="FA44" i="14"/>
  <c r="IA44" i="14" s="1"/>
  <c r="DW40" i="14"/>
  <c r="GW40" i="14" s="1"/>
  <c r="AA19" i="23" s="1"/>
  <c r="EJ40" i="14"/>
  <c r="HJ40" i="14" s="1"/>
  <c r="AB19" i="23" s="1"/>
  <c r="DP37" i="14"/>
  <c r="GP37" i="14" s="1"/>
  <c r="M16" i="23" s="1"/>
  <c r="EC37" i="14"/>
  <c r="HC37" i="14" s="1"/>
  <c r="N16" i="23" s="1"/>
  <c r="EC39" i="14"/>
  <c r="HC39" i="14" s="1"/>
  <c r="N18" i="23" s="1"/>
  <c r="DP39" i="14"/>
  <c r="GP39" i="14" s="1"/>
  <c r="M18" i="23" s="1"/>
  <c r="CO42" i="14"/>
  <c r="FO42" i="14" s="1"/>
  <c r="DB42" i="14"/>
  <c r="GB42" i="14" s="1"/>
  <c r="FG45" i="14"/>
  <c r="IG45" i="14" s="1"/>
  <c r="ET45" i="14"/>
  <c r="HT45" i="14" s="1"/>
  <c r="FG39" i="14"/>
  <c r="IG39" i="14" s="1"/>
  <c r="ET39" i="14"/>
  <c r="HT39" i="14" s="1"/>
  <c r="DZ39" i="14"/>
  <c r="GZ39" i="14" s="1"/>
  <c r="H18" i="23" s="1"/>
  <c r="DM39" i="14"/>
  <c r="GM39" i="14" s="1"/>
  <c r="G18" i="23" s="1"/>
  <c r="DZ42" i="14"/>
  <c r="GZ42" i="14" s="1"/>
  <c r="DM42" i="14"/>
  <c r="GM42" i="14" s="1"/>
  <c r="EI46" i="14"/>
  <c r="HI46" i="14" s="1"/>
  <c r="Z25" i="23" s="1"/>
  <c r="DV46" i="14"/>
  <c r="GV46" i="14" s="1"/>
  <c r="Y25" i="23" s="1"/>
  <c r="CU43" i="14"/>
  <c r="FU43" i="14" s="1"/>
  <c r="FJ37" i="14"/>
  <c r="IJ37" i="14" s="1"/>
  <c r="EW37" i="14"/>
  <c r="HW37" i="14" s="1"/>
  <c r="DV37" i="14"/>
  <c r="GV37" i="14" s="1"/>
  <c r="Y16" i="23" s="1"/>
  <c r="EI37" i="14"/>
  <c r="HI37" i="14" s="1"/>
  <c r="Z16" i="23" s="1"/>
  <c r="EB38" i="14"/>
  <c r="HB38" i="14" s="1"/>
  <c r="L17" i="23" s="1"/>
  <c r="DO38" i="14"/>
  <c r="GO38" i="14" s="1"/>
  <c r="K17" i="23" s="1"/>
  <c r="FF37" i="14"/>
  <c r="IF37" i="14" s="1"/>
  <c r="ES37" i="14"/>
  <c r="HS37" i="14" s="1"/>
  <c r="ED46" i="14"/>
  <c r="HD46" i="14" s="1"/>
  <c r="P25" i="23" s="1"/>
  <c r="DQ46" i="14"/>
  <c r="GQ46" i="14" s="1"/>
  <c r="O25" i="23" s="1"/>
  <c r="EP40" i="14"/>
  <c r="HP40" i="14" s="1"/>
  <c r="FC40" i="14"/>
  <c r="IC40" i="14" s="1"/>
  <c r="EH37" i="14"/>
  <c r="HH37" i="14" s="1"/>
  <c r="X16" i="23" s="1"/>
  <c r="DU37" i="14"/>
  <c r="GU37" i="14" s="1"/>
  <c r="W16" i="23" s="1"/>
  <c r="DP45" i="14"/>
  <c r="GP45" i="14" s="1"/>
  <c r="M24" i="23" s="1"/>
  <c r="EC45" i="14"/>
  <c r="HC45" i="14" s="1"/>
  <c r="N24" i="23" s="1"/>
  <c r="DX41" i="14"/>
  <c r="GX41" i="14" s="1"/>
  <c r="AC20" i="23" s="1"/>
  <c r="EK41" i="14"/>
  <c r="HK41" i="14" s="1"/>
  <c r="AD20" i="23" s="1"/>
  <c r="DF44" i="14"/>
  <c r="GF44" i="14" s="1"/>
  <c r="CS44" i="14"/>
  <c r="FS44" i="14" s="1"/>
  <c r="EE38" i="14"/>
  <c r="HE38" i="14" s="1"/>
  <c r="R17" i="23" s="1"/>
  <c r="DR38" i="14"/>
  <c r="GR38" i="14" s="1"/>
  <c r="Q17" i="23" s="1"/>
  <c r="DE37" i="14"/>
  <c r="GE37" i="14" s="1"/>
  <c r="CR37" i="14"/>
  <c r="FR37" i="14" s="1"/>
  <c r="EG40" i="14"/>
  <c r="HG40" i="14" s="1"/>
  <c r="V19" i="23" s="1"/>
  <c r="DT40" i="14"/>
  <c r="GT40" i="14" s="1"/>
  <c r="U19" i="23" s="1"/>
  <c r="CO39" i="14"/>
  <c r="FO39" i="14" s="1"/>
  <c r="DB39" i="14"/>
  <c r="GB39" i="14" s="1"/>
  <c r="EZ37" i="14"/>
  <c r="HZ37" i="14" s="1"/>
  <c r="EM37" i="14"/>
  <c r="HM37" i="14" s="1"/>
  <c r="EH46" i="14"/>
  <c r="HH46" i="14" s="1"/>
  <c r="X25" i="23" s="1"/>
  <c r="DU46" i="14"/>
  <c r="GU46" i="14" s="1"/>
  <c r="W25" i="23" s="1"/>
  <c r="CV39" i="14"/>
  <c r="FV39" i="14" s="1"/>
  <c r="DI39" i="14"/>
  <c r="GI39" i="14" s="1"/>
  <c r="FF43" i="14"/>
  <c r="IF43" i="14" s="1"/>
  <c r="ES43" i="14"/>
  <c r="HS43" i="14" s="1"/>
  <c r="CS42" i="14"/>
  <c r="FS42" i="14" s="1"/>
  <c r="DF42" i="14"/>
  <c r="GF42" i="14" s="1"/>
  <c r="DZ41" i="14"/>
  <c r="GZ41" i="14" s="1"/>
  <c r="H20" i="23" s="1"/>
  <c r="DM41" i="14"/>
  <c r="GM41" i="14" s="1"/>
  <c r="G20" i="23" s="1"/>
  <c r="FI40" i="14"/>
  <c r="II40" i="14" s="1"/>
  <c r="EV40" i="14"/>
  <c r="HV40" i="14" s="1"/>
  <c r="DA45" i="14"/>
  <c r="GA45" i="14" s="1"/>
  <c r="CN45" i="14"/>
  <c r="FN45" i="14" s="1"/>
  <c r="DN38" i="14"/>
  <c r="GN38" i="14" s="1"/>
  <c r="I17" i="23" s="1"/>
  <c r="EA38" i="14"/>
  <c r="HA38" i="14" s="1"/>
  <c r="J17" i="23" s="1"/>
  <c r="EK38" i="14"/>
  <c r="HK38" i="14" s="1"/>
  <c r="AD17" i="23" s="1"/>
  <c r="DX38" i="14"/>
  <c r="GX38" i="14" s="1"/>
  <c r="AC17" i="23" s="1"/>
  <c r="FF39" i="14"/>
  <c r="IF39" i="14" s="1"/>
  <c r="ES39" i="14"/>
  <c r="HS39" i="14" s="1"/>
  <c r="DX39" i="14"/>
  <c r="GX39" i="14" s="1"/>
  <c r="AC18" i="23" s="1"/>
  <c r="EK39" i="14"/>
  <c r="HK39" i="14" s="1"/>
  <c r="AD18" i="23" s="1"/>
  <c r="DD45" i="14"/>
  <c r="GD45" i="14" s="1"/>
  <c r="CQ45" i="14"/>
  <c r="FQ45" i="14" s="1"/>
  <c r="CU39" i="14"/>
  <c r="FU39" i="14" s="1"/>
  <c r="DH39" i="14"/>
  <c r="GH39" i="14" s="1"/>
  <c r="DF40" i="14"/>
  <c r="GF40" i="14" s="1"/>
  <c r="CS40" i="14"/>
  <c r="FS40" i="14" s="1"/>
  <c r="CS41" i="14"/>
  <c r="FS41" i="14" s="1"/>
  <c r="DF41" i="14"/>
  <c r="GF41" i="14" s="1"/>
  <c r="EI42" i="14"/>
  <c r="HI42" i="14" s="1"/>
  <c r="DV42" i="14"/>
  <c r="GV42" i="14" s="1"/>
  <c r="EW39" i="14"/>
  <c r="HW39" i="14" s="1"/>
  <c r="FJ39" i="14"/>
  <c r="IJ39" i="14" s="1"/>
  <c r="DC46" i="14"/>
  <c r="GC46" i="14" s="1"/>
  <c r="CP46" i="14"/>
  <c r="FP46" i="14" s="1"/>
  <c r="ED38" i="14"/>
  <c r="HD38" i="14" s="1"/>
  <c r="P17" i="23" s="1"/>
  <c r="DQ38" i="14"/>
  <c r="GQ38" i="14" s="1"/>
  <c r="O17" i="23" s="1"/>
  <c r="CU38" i="14"/>
  <c r="FU38" i="14" s="1"/>
  <c r="DH38" i="14"/>
  <c r="GH38" i="14" s="1"/>
  <c r="CN46" i="14"/>
  <c r="FN46" i="14" s="1"/>
  <c r="DA46" i="14"/>
  <c r="GA46" i="14" s="1"/>
  <c r="FE41" i="14"/>
  <c r="IE41" i="14" s="1"/>
  <c r="ER41" i="14"/>
  <c r="HR41" i="14" s="1"/>
  <c r="CP42" i="14"/>
  <c r="FP42" i="14" s="1"/>
  <c r="DC42" i="14"/>
  <c r="GC42" i="14" s="1"/>
  <c r="EV43" i="14"/>
  <c r="HV43" i="14" s="1"/>
  <c r="FI43" i="14"/>
  <c r="II43" i="14" s="1"/>
  <c r="FA42" i="14"/>
  <c r="IA42" i="14" s="1"/>
  <c r="J21" i="23" s="1"/>
  <c r="EN42" i="14"/>
  <c r="HN42" i="14" s="1"/>
  <c r="I21" i="23" s="1"/>
  <c r="CT44" i="14"/>
  <c r="FT44" i="14" s="1"/>
  <c r="DG44" i="14"/>
  <c r="GG44" i="14" s="1"/>
  <c r="EA44" i="14"/>
  <c r="HA44" i="14" s="1"/>
  <c r="J23" i="23" s="1"/>
  <c r="DN44" i="14"/>
  <c r="GN44" i="14" s="1"/>
  <c r="I23" i="23" s="1"/>
  <c r="DW45" i="14"/>
  <c r="GW45" i="14" s="1"/>
  <c r="AA24" i="23" s="1"/>
  <c r="EJ45" i="14"/>
  <c r="HJ45" i="14" s="1"/>
  <c r="AB24" i="23" s="1"/>
  <c r="FC37" i="14"/>
  <c r="IC37" i="14" s="1"/>
  <c r="EP37" i="14"/>
  <c r="HP37" i="14" s="1"/>
  <c r="CP39" i="14"/>
  <c r="FP39" i="14" s="1"/>
  <c r="DC39" i="14"/>
  <c r="GC39" i="14" s="1"/>
  <c r="EA37" i="14"/>
  <c r="HA37" i="14" s="1"/>
  <c r="J16" i="23" s="1"/>
  <c r="DN37" i="14"/>
  <c r="GN37" i="14" s="1"/>
  <c r="I16" i="23" s="1"/>
  <c r="DG45" i="14"/>
  <c r="GG45" i="14" s="1"/>
  <c r="CT45" i="14"/>
  <c r="FT45" i="14" s="1"/>
  <c r="DT39" i="14"/>
  <c r="GT39" i="14" s="1"/>
  <c r="U18" i="23" s="1"/>
  <c r="EG39" i="14"/>
  <c r="HG39" i="14" s="1"/>
  <c r="V18" i="23" s="1"/>
  <c r="EB46" i="14"/>
  <c r="HB46" i="14" s="1"/>
  <c r="L25" i="23" s="1"/>
  <c r="DO46" i="14"/>
  <c r="GO46" i="14" s="1"/>
  <c r="K25" i="23" s="1"/>
  <c r="EM42" i="14"/>
  <c r="HM42" i="14" s="1"/>
  <c r="G21" i="23" s="1"/>
  <c r="EZ42" i="14"/>
  <c r="HZ42" i="14" s="1"/>
  <c r="H21" i="23" s="1"/>
  <c r="DI46" i="14"/>
  <c r="GI46" i="14" s="1"/>
  <c r="CV46" i="14"/>
  <c r="FV46" i="14" s="1"/>
  <c r="CW37" i="14"/>
  <c r="FW37" i="14" s="1"/>
  <c r="DJ37" i="14"/>
  <c r="GJ37" i="14" s="1"/>
  <c r="DI37" i="14"/>
  <c r="GI37" i="14" s="1"/>
  <c r="CV37" i="14"/>
  <c r="FV37" i="14" s="1"/>
  <c r="DH42" i="14"/>
  <c r="GH42" i="14" s="1"/>
  <c r="CU42" i="14"/>
  <c r="FU42" i="14" s="1"/>
  <c r="CS37" i="14"/>
  <c r="FS37" i="14" s="1"/>
  <c r="DF37" i="14"/>
  <c r="GF37" i="14" s="1"/>
  <c r="EQ46" i="14"/>
  <c r="HQ46" i="14" s="1"/>
  <c r="FD46" i="14"/>
  <c r="ID46" i="14" s="1"/>
  <c r="EC38" i="14"/>
  <c r="HC38" i="14" s="1"/>
  <c r="N17" i="23" s="1"/>
  <c r="DP38" i="14"/>
  <c r="GP38" i="14" s="1"/>
  <c r="M17" i="23" s="1"/>
  <c r="EU37" i="14"/>
  <c r="HU37" i="14" s="1"/>
  <c r="FH37" i="14"/>
  <c r="IH37" i="14" s="1"/>
  <c r="FC45" i="14"/>
  <c r="IC45" i="14" s="1"/>
  <c r="EP45" i="14"/>
  <c r="HP45" i="14" s="1"/>
  <c r="FB40" i="14"/>
  <c r="IB40" i="14" s="1"/>
  <c r="EO40" i="14"/>
  <c r="HO40" i="14" s="1"/>
  <c r="ES44" i="14"/>
  <c r="HS44" i="14" s="1"/>
  <c r="FF44" i="14"/>
  <c r="IF44" i="14" s="1"/>
  <c r="CU44" i="14"/>
  <c r="FU44" i="14" s="1"/>
  <c r="DH44" i="14"/>
  <c r="GH44" i="14" s="1"/>
  <c r="FA39" i="14"/>
  <c r="IA39" i="14" s="1"/>
  <c r="EN39" i="14"/>
  <c r="HN39" i="14" s="1"/>
  <c r="CN40" i="14"/>
  <c r="FN40" i="14" s="1"/>
  <c r="DA40" i="14"/>
  <c r="GA40" i="14" s="1"/>
  <c r="DQ64" i="14"/>
  <c r="GQ64" i="14" s="1"/>
  <c r="DQ42" i="14"/>
  <c r="GQ42" i="14" s="1"/>
  <c r="ED42" i="14"/>
  <c r="HD42" i="14" s="1"/>
  <c r="DS39" i="14"/>
  <c r="GS39" i="14" s="1"/>
  <c r="S18" i="23" s="1"/>
  <c r="EF39" i="14"/>
  <c r="HF39" i="14" s="1"/>
  <c r="T18" i="23" s="1"/>
  <c r="FK39" i="14"/>
  <c r="IK39" i="14" s="1"/>
  <c r="EX39" i="14"/>
  <c r="HX39" i="14" s="1"/>
  <c r="EW44" i="14"/>
  <c r="HW44" i="14" s="1"/>
  <c r="FJ44" i="14"/>
  <c r="IJ44" i="14" s="1"/>
  <c r="DU39" i="14"/>
  <c r="GU39" i="14" s="1"/>
  <c r="W18" i="23" s="1"/>
  <c r="EH39" i="14"/>
  <c r="HH39" i="14" s="1"/>
  <c r="X18" i="23" s="1"/>
  <c r="FJ38" i="14"/>
  <c r="IJ38" i="14" s="1"/>
  <c r="EW38" i="14"/>
  <c r="HW38" i="14" s="1"/>
  <c r="FF41" i="14"/>
  <c r="IF41" i="14" s="1"/>
  <c r="ES41" i="14"/>
  <c r="HS41" i="14" s="1"/>
  <c r="EV42" i="14"/>
  <c r="HV42" i="14" s="1"/>
  <c r="Y21" i="23" s="1"/>
  <c r="FI42" i="14"/>
  <c r="II42" i="14" s="1"/>
  <c r="Z21" i="23" s="1"/>
  <c r="ET46" i="14"/>
  <c r="HT46" i="14" s="1"/>
  <c r="FG46" i="14"/>
  <c r="IG46" i="14" s="1"/>
  <c r="DX42" i="14"/>
  <c r="GX42" i="14" s="1"/>
  <c r="EK42" i="14"/>
  <c r="HK42" i="14" s="1"/>
  <c r="FI45" i="14"/>
  <c r="II45" i="14" s="1"/>
  <c r="EV45" i="14"/>
  <c r="HV45" i="14" s="1"/>
  <c r="DC44" i="14"/>
  <c r="GC44" i="14" s="1"/>
  <c r="CP44" i="14"/>
  <c r="FP44" i="14" s="1"/>
  <c r="ED43" i="14"/>
  <c r="HD43" i="14" s="1"/>
  <c r="P22" i="23" s="1"/>
  <c r="DQ43" i="14"/>
  <c r="GQ43" i="14" s="1"/>
  <c r="O22" i="23" s="1"/>
  <c r="EB41" i="14"/>
  <c r="HB41" i="14" s="1"/>
  <c r="L20" i="23" s="1"/>
  <c r="DO41" i="14"/>
  <c r="GO41" i="14" s="1"/>
  <c r="K20" i="23" s="1"/>
  <c r="EE41" i="14"/>
  <c r="HE41" i="14" s="1"/>
  <c r="R20" i="23" s="1"/>
  <c r="DR41" i="14"/>
  <c r="GR41" i="14" s="1"/>
  <c r="Q20" i="23" s="1"/>
  <c r="EP42" i="14"/>
  <c r="HP42" i="14" s="1"/>
  <c r="M21" i="23" s="1"/>
  <c r="FC42" i="14"/>
  <c r="IC42" i="14" s="1"/>
  <c r="N21" i="23" s="1"/>
  <c r="EK45" i="14"/>
  <c r="HK45" i="14" s="1"/>
  <c r="AD24" i="23" s="1"/>
  <c r="DX45" i="14"/>
  <c r="GX45" i="14" s="1"/>
  <c r="AC24" i="23" s="1"/>
  <c r="CN42" i="14"/>
  <c r="FN42" i="14" s="1"/>
  <c r="DA42" i="14"/>
  <c r="GA42" i="14" s="1"/>
  <c r="FG44" i="14"/>
  <c r="IG44" i="14" s="1"/>
  <c r="ET44" i="14"/>
  <c r="HT44" i="14" s="1"/>
  <c r="DE43" i="14"/>
  <c r="GE43" i="14" s="1"/>
  <c r="CR43" i="14"/>
  <c r="FR43" i="14" s="1"/>
  <c r="CN44" i="14"/>
  <c r="FN44" i="14" s="1"/>
  <c r="DA44" i="14"/>
  <c r="GA44" i="14" s="1"/>
  <c r="DJ45" i="14"/>
  <c r="GJ45" i="14" s="1"/>
  <c r="CW45" i="14"/>
  <c r="FW45" i="14" s="1"/>
  <c r="EJ46" i="14"/>
  <c r="HJ46" i="14" s="1"/>
  <c r="AB25" i="23" s="1"/>
  <c r="DW46" i="14"/>
  <c r="GW46" i="14" s="1"/>
  <c r="AA25" i="23" s="1"/>
  <c r="FC39" i="14"/>
  <c r="IC39" i="14" s="1"/>
  <c r="EP39" i="14"/>
  <c r="HP39" i="14" s="1"/>
  <c r="DA37" i="14"/>
  <c r="GA37" i="14" s="1"/>
  <c r="CN37" i="14"/>
  <c r="FN37" i="14" s="1"/>
  <c r="FI44" i="14"/>
  <c r="II44" i="14" s="1"/>
  <c r="EV44" i="14"/>
  <c r="HV44" i="14" s="1"/>
  <c r="CT39" i="14"/>
  <c r="FT39" i="14" s="1"/>
  <c r="DG39" i="14"/>
  <c r="GG39" i="14" s="1"/>
  <c r="CO46" i="14"/>
  <c r="FO46" i="14" s="1"/>
  <c r="DB46" i="14"/>
  <c r="GB46" i="14" s="1"/>
  <c r="CM40" i="14"/>
  <c r="FM40" i="14" s="1"/>
  <c r="CZ40" i="14"/>
  <c r="FZ40" i="14" s="1"/>
  <c r="FI46" i="14"/>
  <c r="II46" i="14" s="1"/>
  <c r="EV46" i="14"/>
  <c r="HV46" i="14" s="1"/>
  <c r="EH45" i="14"/>
  <c r="HH45" i="14" s="1"/>
  <c r="X24" i="23" s="1"/>
  <c r="DU45" i="14"/>
  <c r="GU45" i="14" s="1"/>
  <c r="W24" i="23" s="1"/>
  <c r="EV37" i="14"/>
  <c r="HV37" i="14" s="1"/>
  <c r="FI37" i="14"/>
  <c r="II37" i="14" s="1"/>
  <c r="DU42" i="14"/>
  <c r="GU42" i="14" s="1"/>
  <c r="EH42" i="14"/>
  <c r="HH42" i="14" s="1"/>
  <c r="DO43" i="14"/>
  <c r="GO43" i="14" s="1"/>
  <c r="K22" i="23" s="1"/>
  <c r="CQ46" i="14"/>
  <c r="FQ46" i="14" s="1"/>
  <c r="DD46" i="14"/>
  <c r="GD46" i="14" s="1"/>
  <c r="CP45" i="14"/>
  <c r="FP45" i="14" s="1"/>
  <c r="DC45" i="14"/>
  <c r="GC45" i="14" s="1"/>
  <c r="CO40" i="14"/>
  <c r="FO40" i="14" s="1"/>
  <c r="DB40" i="14"/>
  <c r="GB40" i="14" s="1"/>
  <c r="DX37" i="14"/>
  <c r="GX37" i="14" s="1"/>
  <c r="AC16" i="23" s="1"/>
  <c r="EK37" i="14"/>
  <c r="HK37" i="14" s="1"/>
  <c r="AD16" i="23" s="1"/>
  <c r="DE38" i="14"/>
  <c r="GE38" i="14" s="1"/>
  <c r="CR38" i="14"/>
  <c r="FR38" i="14" s="1"/>
  <c r="FG38" i="14"/>
  <c r="IG38" i="14" s="1"/>
  <c r="ET38" i="14"/>
  <c r="HT38" i="14" s="1"/>
  <c r="FE39" i="14"/>
  <c r="IE39" i="14" s="1"/>
  <c r="ER39" i="14"/>
  <c r="HR39" i="14" s="1"/>
  <c r="EB44" i="14"/>
  <c r="HB44" i="14" s="1"/>
  <c r="L23" i="23" s="1"/>
  <c r="DO44" i="14"/>
  <c r="GO44" i="14" s="1"/>
  <c r="K23" i="23" s="1"/>
  <c r="DX27" i="14"/>
  <c r="GX27" i="14" s="1"/>
  <c r="DD42" i="14"/>
  <c r="GD42" i="14" s="1"/>
  <c r="CQ42" i="14"/>
  <c r="FQ42" i="14" s="1"/>
  <c r="DK46" i="14"/>
  <c r="GK46" i="14" s="1"/>
  <c r="CX46" i="14"/>
  <c r="FX46" i="14" s="1"/>
  <c r="DK39" i="14"/>
  <c r="GK39" i="14" s="1"/>
  <c r="CX39" i="14"/>
  <c r="FX39" i="14" s="1"/>
  <c r="DJ44" i="14"/>
  <c r="GJ44" i="14" s="1"/>
  <c r="CW44" i="14"/>
  <c r="FW44" i="14" s="1"/>
  <c r="DI38" i="14"/>
  <c r="GI38" i="14" s="1"/>
  <c r="CV38" i="14"/>
  <c r="FV38" i="14" s="1"/>
  <c r="EZ43" i="14"/>
  <c r="HZ43" i="14" s="1"/>
  <c r="EM43" i="14"/>
  <c r="HM43" i="14" s="1"/>
  <c r="DJ38" i="14"/>
  <c r="GJ38" i="14" s="1"/>
  <c r="CW38" i="14"/>
  <c r="FW38" i="14" s="1"/>
  <c r="EB39" i="14"/>
  <c r="HB39" i="14" s="1"/>
  <c r="L18" i="23" s="1"/>
  <c r="DO39" i="14"/>
  <c r="GO39" i="14" s="1"/>
  <c r="K18" i="23" s="1"/>
  <c r="CV42" i="14"/>
  <c r="FV42" i="14" s="1"/>
  <c r="DI42" i="14"/>
  <c r="GI42" i="14" s="1"/>
  <c r="CT46" i="14"/>
  <c r="FT46" i="14" s="1"/>
  <c r="DG46" i="14"/>
  <c r="GG46" i="14" s="1"/>
  <c r="DK42" i="14"/>
  <c r="GK42" i="14" s="1"/>
  <c r="CX42" i="14"/>
  <c r="FX42" i="14" s="1"/>
  <c r="EE44" i="14"/>
  <c r="HE44" i="14" s="1"/>
  <c r="R23" i="23" s="1"/>
  <c r="DR44" i="14"/>
  <c r="GR44" i="14" s="1"/>
  <c r="Q23" i="23" s="1"/>
  <c r="CQ38" i="14"/>
  <c r="FQ38" i="14" s="1"/>
  <c r="DD38" i="14"/>
  <c r="GD38" i="14" s="1"/>
  <c r="FC44" i="14"/>
  <c r="IC44" i="14" s="1"/>
  <c r="EP44" i="14"/>
  <c r="HP44" i="14" s="1"/>
  <c r="FB41" i="14"/>
  <c r="IB41" i="14" s="1"/>
  <c r="EO41" i="14"/>
  <c r="HO41" i="14" s="1"/>
  <c r="EQ39" i="14"/>
  <c r="HQ39" i="14" s="1"/>
  <c r="FD39" i="14"/>
  <c r="ID39" i="14" s="1"/>
  <c r="EC42" i="14"/>
  <c r="HC42" i="14" s="1"/>
  <c r="DP42" i="14"/>
  <c r="GP42" i="14" s="1"/>
  <c r="EX45" i="14"/>
  <c r="HX45" i="14" s="1"/>
  <c r="FK45" i="14"/>
  <c r="IK45" i="14" s="1"/>
  <c r="EU46" i="14"/>
  <c r="HU46" i="14" s="1"/>
  <c r="FH46" i="14"/>
  <c r="IH46" i="14" s="1"/>
  <c r="DT44" i="14"/>
  <c r="GT44" i="14" s="1"/>
  <c r="U23" i="23" s="1"/>
  <c r="EG44" i="14"/>
  <c r="HG44" i="14" s="1"/>
  <c r="V23" i="23" s="1"/>
  <c r="EE43" i="14"/>
  <c r="HE43" i="14" s="1"/>
  <c r="R22" i="23" s="1"/>
  <c r="DR43" i="14"/>
  <c r="GR43" i="14" s="1"/>
  <c r="Q22" i="23" s="1"/>
  <c r="FH41" i="14"/>
  <c r="IH41" i="14" s="1"/>
  <c r="EU41" i="14"/>
  <c r="HU41" i="14" s="1"/>
  <c r="FJ45" i="14"/>
  <c r="IJ45" i="14" s="1"/>
  <c r="EW45" i="14"/>
  <c r="HW45" i="14" s="1"/>
  <c r="EW46" i="14"/>
  <c r="HW46" i="14" s="1"/>
  <c r="FJ46" i="14"/>
  <c r="IJ46" i="14" s="1"/>
  <c r="CR46" i="14"/>
  <c r="FR46" i="14" s="1"/>
  <c r="DE46" i="14"/>
  <c r="GE46" i="14" s="1"/>
  <c r="EN37" i="14"/>
  <c r="HN37" i="14" s="1"/>
  <c r="FA37" i="14"/>
  <c r="IA37" i="14" s="1"/>
  <c r="CV44" i="14"/>
  <c r="FV44" i="14" s="1"/>
  <c r="DI44" i="14"/>
  <c r="GI44" i="14" s="1"/>
  <c r="EO46" i="14"/>
  <c r="HO46" i="14" s="1"/>
  <c r="FB46" i="14"/>
  <c r="IB46" i="14" s="1"/>
  <c r="DZ40" i="14"/>
  <c r="GZ40" i="14" s="1"/>
  <c r="H19" i="23" s="1"/>
  <c r="DM40" i="14"/>
  <c r="GM40" i="14" s="1"/>
  <c r="G19" i="23" s="1"/>
  <c r="EM41" i="14"/>
  <c r="HM41" i="14" s="1"/>
  <c r="EZ41" i="14"/>
  <c r="HZ41" i="14" s="1"/>
  <c r="FF45" i="14"/>
  <c r="IF45" i="14" s="1"/>
  <c r="ES45" i="14"/>
  <c r="HS45" i="14" s="1"/>
  <c r="FH45" i="14"/>
  <c r="IH45" i="14" s="1"/>
  <c r="EU45" i="14"/>
  <c r="HU45" i="14" s="1"/>
  <c r="EI40" i="14"/>
  <c r="HI40" i="14" s="1"/>
  <c r="Z19" i="23" s="1"/>
  <c r="DV40" i="14"/>
  <c r="GV40" i="14" s="1"/>
  <c r="Y19" i="23" s="1"/>
  <c r="EU42" i="14"/>
  <c r="HU42" i="14" s="1"/>
  <c r="W21" i="23" s="1"/>
  <c r="FH42" i="14"/>
  <c r="IH42" i="14" s="1"/>
  <c r="X21" i="23" s="1"/>
  <c r="CQ41" i="14"/>
  <c r="FQ41" i="14" s="1"/>
  <c r="DD41" i="14"/>
  <c r="GD41" i="14" s="1"/>
  <c r="EM46" i="14"/>
  <c r="HM46" i="14" s="1"/>
  <c r="EZ46" i="14"/>
  <c r="HZ46" i="14" s="1"/>
  <c r="DO40" i="14"/>
  <c r="GO40" i="14" s="1"/>
  <c r="K19" i="23" s="1"/>
  <c r="EB40" i="14"/>
  <c r="HB40" i="14" s="1"/>
  <c r="L19" i="23" s="1"/>
  <c r="FK37" i="14"/>
  <c r="IK37" i="14" s="1"/>
  <c r="EX37" i="14"/>
  <c r="HX37" i="14" s="1"/>
  <c r="CT42" i="14"/>
  <c r="FT42" i="14" s="1"/>
  <c r="DG42" i="14"/>
  <c r="GG42" i="14" s="1"/>
  <c r="DR73" i="14"/>
  <c r="GR73" i="14" s="1"/>
  <c r="FC69" i="14"/>
  <c r="IC69" i="14" s="1"/>
  <c r="N48" i="23" s="1"/>
  <c r="DM57" i="14"/>
  <c r="GM57" i="14" s="1"/>
  <c r="G36" i="23" s="1"/>
  <c r="FH57" i="14"/>
  <c r="IH57" i="14" s="1"/>
  <c r="FD66" i="14"/>
  <c r="ID66" i="14" s="1"/>
  <c r="P45" i="23" s="1"/>
  <c r="ER80" i="14"/>
  <c r="HR80" i="14" s="1"/>
  <c r="ED74" i="14"/>
  <c r="HD74" i="14" s="1"/>
  <c r="ED71" i="14"/>
  <c r="HD71" i="14" s="1"/>
  <c r="DO61" i="14"/>
  <c r="GO61" i="14" s="1"/>
  <c r="CU60" i="14"/>
  <c r="FU60" i="14" s="1"/>
  <c r="CU61" i="14"/>
  <c r="FU61" i="14" s="1"/>
  <c r="FE69" i="14"/>
  <c r="IE69" i="14" s="1"/>
  <c r="R48" i="23" s="1"/>
  <c r="EE74" i="14"/>
  <c r="HE74" i="14" s="1"/>
  <c r="DT80" i="14"/>
  <c r="GT80" i="14" s="1"/>
  <c r="DB74" i="14"/>
  <c r="GB74" i="14" s="1"/>
  <c r="ES69" i="14"/>
  <c r="HS69" i="14" s="1"/>
  <c r="S48" i="23" s="1"/>
  <c r="ET80" i="14"/>
  <c r="HT80" i="14" s="1"/>
  <c r="EH28" i="14"/>
  <c r="HH28" i="14" s="1"/>
  <c r="DF80" i="14"/>
  <c r="GF80" i="14" s="1"/>
  <c r="CV80" i="14"/>
  <c r="FV80" i="14" s="1"/>
  <c r="DR75" i="14"/>
  <c r="GR75" i="14" s="1"/>
  <c r="DJ77" i="14"/>
  <c r="GJ77" i="14" s="1"/>
  <c r="EO77" i="14"/>
  <c r="HO77" i="14" s="1"/>
  <c r="K56" i="23" s="1"/>
  <c r="EQ28" i="14"/>
  <c r="HQ28" i="14" s="1"/>
  <c r="DK57" i="14"/>
  <c r="GK57" i="14" s="1"/>
  <c r="ES75" i="14"/>
  <c r="HS75" i="14" s="1"/>
  <c r="S54" i="23" s="1"/>
  <c r="DC73" i="14"/>
  <c r="GC73" i="14" s="1"/>
  <c r="EW28" i="14"/>
  <c r="HW28" i="14" s="1"/>
  <c r="ES77" i="14"/>
  <c r="HS77" i="14" s="1"/>
  <c r="S56" i="23" s="1"/>
  <c r="DI82" i="14"/>
  <c r="GI82" i="14" s="1"/>
  <c r="CZ71" i="14"/>
  <c r="FZ71" i="14" s="1"/>
  <c r="DN76" i="14"/>
  <c r="GN76" i="14" s="1"/>
  <c r="I55" i="23" s="1"/>
  <c r="DP69" i="14"/>
  <c r="GP69" i="14" s="1"/>
  <c r="DF68" i="14"/>
  <c r="GF68" i="14" s="1"/>
  <c r="EW60" i="14"/>
  <c r="HW60" i="14" s="1"/>
  <c r="AA39" i="23" s="1"/>
  <c r="EW80" i="14"/>
  <c r="HW80" i="14" s="1"/>
  <c r="DX28" i="14"/>
  <c r="GX28" i="14" s="1"/>
  <c r="EB80" i="14"/>
  <c r="HB80" i="14" s="1"/>
  <c r="ET70" i="14"/>
  <c r="HT70" i="14" s="1"/>
  <c r="U49" i="23" s="1"/>
  <c r="DZ77" i="14"/>
  <c r="GZ77" i="14" s="1"/>
  <c r="EM71" i="14"/>
  <c r="HM71" i="14" s="1"/>
  <c r="G50" i="23" s="1"/>
  <c r="FB71" i="14"/>
  <c r="IB71" i="14" s="1"/>
  <c r="L50" i="23" s="1"/>
  <c r="EZ28" i="14"/>
  <c r="HZ28" i="14" s="1"/>
  <c r="EM57" i="14"/>
  <c r="HM57" i="14" s="1"/>
  <c r="DI77" i="14"/>
  <c r="GI77" i="14" s="1"/>
  <c r="DN71" i="14"/>
  <c r="GN71" i="14" s="1"/>
  <c r="DD27" i="14"/>
  <c r="GD27" i="14" s="1"/>
  <c r="FG28" i="14"/>
  <c r="IG28" i="14" s="1"/>
  <c r="DO57" i="14"/>
  <c r="GO57" i="14" s="1"/>
  <c r="K36" i="23" s="1"/>
  <c r="CV74" i="14"/>
  <c r="FV74" i="14" s="1"/>
  <c r="DU74" i="14"/>
  <c r="GU74" i="14" s="1"/>
  <c r="DC80" i="14"/>
  <c r="GC80" i="14" s="1"/>
  <c r="FD80" i="14"/>
  <c r="ID80" i="14" s="1"/>
  <c r="FI71" i="14"/>
  <c r="II71" i="14" s="1"/>
  <c r="Z50" i="23" s="1"/>
  <c r="CN28" i="14"/>
  <c r="FN28" i="14" s="1"/>
  <c r="DT68" i="14"/>
  <c r="GT68" i="14" s="1"/>
  <c r="EV81" i="14"/>
  <c r="HV81" i="14" s="1"/>
  <c r="EM74" i="14"/>
  <c r="HM74" i="14" s="1"/>
  <c r="G53" i="23" s="1"/>
  <c r="DR27" i="14"/>
  <c r="GR27" i="14" s="1"/>
  <c r="DV74" i="14"/>
  <c r="GV74" i="14" s="1"/>
  <c r="CQ69" i="14"/>
  <c r="FQ69" i="14" s="1"/>
  <c r="CM28" i="14"/>
  <c r="FM28" i="14" s="1"/>
  <c r="FB27" i="14"/>
  <c r="IB27" i="14" s="1"/>
  <c r="DU73" i="14"/>
  <c r="GU73" i="14" s="1"/>
  <c r="FG74" i="14"/>
  <c r="IG74" i="14" s="1"/>
  <c r="V53" i="23" s="1"/>
  <c r="EE28" i="14"/>
  <c r="HE28" i="14" s="1"/>
  <c r="DW77" i="14"/>
  <c r="GW77" i="14" s="1"/>
  <c r="CT74" i="14"/>
  <c r="FT74" i="14" s="1"/>
  <c r="FK57" i="14"/>
  <c r="IK57" i="14" s="1"/>
  <c r="EC57" i="14"/>
  <c r="HC57" i="14" s="1"/>
  <c r="N36" i="23" s="1"/>
  <c r="EU74" i="14"/>
  <c r="HU74" i="14" s="1"/>
  <c r="W53" i="23" s="1"/>
  <c r="FI80" i="14"/>
  <c r="II80" i="14" s="1"/>
  <c r="CM77" i="14"/>
  <c r="FM77" i="14" s="1"/>
  <c r="FK73" i="14"/>
  <c r="IK73" i="14" s="1"/>
  <c r="AD52" i="23" s="1"/>
  <c r="DI71" i="14"/>
  <c r="GI71" i="14" s="1"/>
  <c r="EN60" i="14"/>
  <c r="HN60" i="14" s="1"/>
  <c r="I39" i="23" s="1"/>
  <c r="DM73" i="14"/>
  <c r="GM73" i="14" s="1"/>
  <c r="DA68" i="14"/>
  <c r="GA68" i="14" s="1"/>
  <c r="CS70" i="14"/>
  <c r="FS70" i="14" s="1"/>
  <c r="DE73" i="14"/>
  <c r="GE73" i="14" s="1"/>
  <c r="DD73" i="14"/>
  <c r="GD73" i="14" s="1"/>
  <c r="DQ27" i="14"/>
  <c r="GQ27" i="14" s="1"/>
  <c r="DG68" i="14"/>
  <c r="GG68" i="14" s="1"/>
  <c r="EV77" i="14"/>
  <c r="HV77" i="14" s="1"/>
  <c r="Y56" i="23" s="1"/>
  <c r="CO57" i="14"/>
  <c r="FO57" i="14" s="1"/>
  <c r="EF76" i="14"/>
  <c r="HF76" i="14" s="1"/>
  <c r="T55" i="23" s="1"/>
  <c r="ER60" i="14"/>
  <c r="HR60" i="14" s="1"/>
  <c r="Q39" i="23" s="1"/>
  <c r="EB60" i="14"/>
  <c r="HB60" i="14" s="1"/>
  <c r="DR69" i="14"/>
  <c r="GR69" i="14" s="1"/>
  <c r="EB27" i="14"/>
  <c r="HB27" i="14" s="1"/>
  <c r="DC74" i="14"/>
  <c r="GC74" i="14" s="1"/>
  <c r="DE27" i="14"/>
  <c r="GE27" i="14" s="1"/>
  <c r="DA60" i="14"/>
  <c r="GA60" i="14" s="1"/>
  <c r="DA71" i="14"/>
  <c r="GA71" i="14" s="1"/>
  <c r="DP73" i="14"/>
  <c r="GP73" i="14" s="1"/>
  <c r="CS73" i="14"/>
  <c r="FS73" i="14" s="1"/>
  <c r="ES76" i="14"/>
  <c r="HS76" i="14" s="1"/>
  <c r="DG71" i="14"/>
  <c r="GG71" i="14" s="1"/>
  <c r="EK71" i="14"/>
  <c r="HK71" i="14" s="1"/>
  <c r="DZ74" i="14"/>
  <c r="GZ74" i="14" s="1"/>
  <c r="FK27" i="14"/>
  <c r="IK27" i="14" s="1"/>
  <c r="EI70" i="14"/>
  <c r="HI70" i="14" s="1"/>
  <c r="DQ69" i="14"/>
  <c r="GQ69" i="14" s="1"/>
  <c r="CQ57" i="14"/>
  <c r="FQ57" i="14" s="1"/>
  <c r="DK74" i="14"/>
  <c r="GK74" i="14" s="1"/>
  <c r="FJ79" i="14"/>
  <c r="IJ79" i="14" s="1"/>
  <c r="EI57" i="14"/>
  <c r="HI57" i="14" s="1"/>
  <c r="Z36" i="23" s="1"/>
  <c r="DD60" i="14"/>
  <c r="GD60" i="14" s="1"/>
  <c r="DO71" i="14"/>
  <c r="GO71" i="14" s="1"/>
  <c r="DQ57" i="14"/>
  <c r="GQ57" i="14" s="1"/>
  <c r="O36" i="23" s="1"/>
  <c r="FJ74" i="14"/>
  <c r="IJ74" i="14" s="1"/>
  <c r="AB53" i="23" s="1"/>
  <c r="DX74" i="14"/>
  <c r="GX74" i="14" s="1"/>
  <c r="EP68" i="14"/>
  <c r="HP68" i="14" s="1"/>
  <c r="M47" i="23" s="1"/>
  <c r="CO28" i="14"/>
  <c r="FO28" i="14" s="1"/>
  <c r="EA68" i="14"/>
  <c r="HA68" i="14" s="1"/>
  <c r="FI70" i="14"/>
  <c r="II70" i="14" s="1"/>
  <c r="Z49" i="23" s="1"/>
  <c r="CV57" i="14"/>
  <c r="FV57" i="14" s="1"/>
  <c r="DK73" i="14"/>
  <c r="GK73" i="14" s="1"/>
  <c r="DD80" i="14"/>
  <c r="GD80" i="14" s="1"/>
  <c r="CP28" i="14"/>
  <c r="FP28" i="14" s="1"/>
  <c r="DC75" i="14"/>
  <c r="GC75" i="14" s="1"/>
  <c r="CM27" i="14"/>
  <c r="FM27" i="14" s="1"/>
  <c r="DK71" i="14"/>
  <c r="GK71" i="14" s="1"/>
  <c r="CS75" i="14"/>
  <c r="FS75" i="14" s="1"/>
  <c r="EO80" i="14"/>
  <c r="HO80" i="14" s="1"/>
  <c r="ER57" i="14"/>
  <c r="HR57" i="14" s="1"/>
  <c r="EP75" i="14"/>
  <c r="HP75" i="14" s="1"/>
  <c r="M54" i="23" s="1"/>
  <c r="FI28" i="14"/>
  <c r="II28" i="14" s="1"/>
  <c r="CW70" i="14"/>
  <c r="FW70" i="14" s="1"/>
  <c r="EN73" i="14"/>
  <c r="HN73" i="14" s="1"/>
  <c r="I52" i="23" s="1"/>
  <c r="DP71" i="14"/>
  <c r="GP71" i="14" s="1"/>
  <c r="DP27" i="14"/>
  <c r="GP27" i="14" s="1"/>
  <c r="EG57" i="14"/>
  <c r="HG57" i="14" s="1"/>
  <c r="V36" i="23" s="1"/>
  <c r="DZ27" i="14"/>
  <c r="GZ27" i="14" s="1"/>
  <c r="DR57" i="14"/>
  <c r="GR57" i="14" s="1"/>
  <c r="Q36" i="23" s="1"/>
  <c r="EJ74" i="14"/>
  <c r="HJ74" i="14" s="1"/>
  <c r="DS68" i="14"/>
  <c r="GS68" i="14" s="1"/>
  <c r="CT57" i="14"/>
  <c r="FT57" i="14" s="1"/>
  <c r="EA28" i="14"/>
  <c r="HA28" i="14" s="1"/>
  <c r="DC27" i="14"/>
  <c r="GC27" i="14" s="1"/>
  <c r="EB28" i="14"/>
  <c r="HB28" i="14" s="1"/>
  <c r="DP76" i="14"/>
  <c r="GP76" i="14" s="1"/>
  <c r="M55" i="23" s="1"/>
  <c r="EC76" i="14"/>
  <c r="HC76" i="14" s="1"/>
  <c r="N55" i="23" s="1"/>
  <c r="CX75" i="14"/>
  <c r="FX75" i="14" s="1"/>
  <c r="DK75" i="14"/>
  <c r="GK75" i="14" s="1"/>
  <c r="EE61" i="14"/>
  <c r="HE61" i="14" s="1"/>
  <c r="DR61" i="14"/>
  <c r="GR61" i="14" s="1"/>
  <c r="FK70" i="14"/>
  <c r="IK70" i="14" s="1"/>
  <c r="AD49" i="23" s="1"/>
  <c r="EX70" i="14"/>
  <c r="HX70" i="14" s="1"/>
  <c r="AC49" i="23" s="1"/>
  <c r="DJ76" i="14"/>
  <c r="GJ76" i="14" s="1"/>
  <c r="CW76" i="14"/>
  <c r="FW76" i="14" s="1"/>
  <c r="EI75" i="14"/>
  <c r="HI75" i="14" s="1"/>
  <c r="CU69" i="14"/>
  <c r="FU69" i="14" s="1"/>
  <c r="DH69" i="14"/>
  <c r="GH69" i="14" s="1"/>
  <c r="DA65" i="14"/>
  <c r="GA65" i="14" s="1"/>
  <c r="CN65" i="14"/>
  <c r="FN65" i="14" s="1"/>
  <c r="DW78" i="14"/>
  <c r="GW78" i="14" s="1"/>
  <c r="EJ78" i="14"/>
  <c r="HJ78" i="14" s="1"/>
  <c r="DF65" i="14"/>
  <c r="GF65" i="14" s="1"/>
  <c r="CS65" i="14"/>
  <c r="FS65" i="14" s="1"/>
  <c r="ED76" i="14"/>
  <c r="HD76" i="14" s="1"/>
  <c r="P55" i="23" s="1"/>
  <c r="DQ76" i="14"/>
  <c r="GQ76" i="14" s="1"/>
  <c r="O55" i="23" s="1"/>
  <c r="ED67" i="14"/>
  <c r="HD67" i="14" s="1"/>
  <c r="DQ67" i="14"/>
  <c r="GQ67" i="14" s="1"/>
  <c r="DI73" i="14"/>
  <c r="GI73" i="14" s="1"/>
  <c r="CV73" i="14"/>
  <c r="FV73" i="14" s="1"/>
  <c r="CM67" i="14"/>
  <c r="FM67" i="14" s="1"/>
  <c r="CZ67" i="14"/>
  <c r="FZ67" i="14" s="1"/>
  <c r="DR76" i="14"/>
  <c r="GR76" i="14" s="1"/>
  <c r="Q55" i="23" s="1"/>
  <c r="EE76" i="14"/>
  <c r="HE76" i="14" s="1"/>
  <c r="R55" i="23" s="1"/>
  <c r="EB64" i="14"/>
  <c r="HB64" i="14" s="1"/>
  <c r="DO64" i="14"/>
  <c r="GO64" i="14" s="1"/>
  <c r="FE65" i="14"/>
  <c r="IE65" i="14" s="1"/>
  <c r="R44" i="23" s="1"/>
  <c r="ER65" i="14"/>
  <c r="HR65" i="14" s="1"/>
  <c r="Q44" i="23" s="1"/>
  <c r="EP64" i="14"/>
  <c r="HP64" i="14" s="1"/>
  <c r="M43" i="23" s="1"/>
  <c r="FC64" i="14"/>
  <c r="IC64" i="14" s="1"/>
  <c r="N43" i="23" s="1"/>
  <c r="CZ81" i="14"/>
  <c r="FZ81" i="14" s="1"/>
  <c r="CM81" i="14"/>
  <c r="FM81" i="14" s="1"/>
  <c r="DP67" i="14"/>
  <c r="GP67" i="14" s="1"/>
  <c r="EC67" i="14"/>
  <c r="HC67" i="14" s="1"/>
  <c r="EF71" i="14"/>
  <c r="HF71" i="14" s="1"/>
  <c r="DS71" i="14"/>
  <c r="GS71" i="14" s="1"/>
  <c r="DB65" i="14"/>
  <c r="GB65" i="14" s="1"/>
  <c r="CO65" i="14"/>
  <c r="FO65" i="14" s="1"/>
  <c r="FF66" i="14"/>
  <c r="IF66" i="14" s="1"/>
  <c r="T45" i="23" s="1"/>
  <c r="ES66" i="14"/>
  <c r="HS66" i="14" s="1"/>
  <c r="S45" i="23" s="1"/>
  <c r="FD81" i="14"/>
  <c r="ID81" i="14" s="1"/>
  <c r="EQ81" i="14"/>
  <c r="HQ81" i="14" s="1"/>
  <c r="EK80" i="14"/>
  <c r="HK80" i="14" s="1"/>
  <c r="DX80" i="14"/>
  <c r="GX80" i="14" s="1"/>
  <c r="EE68" i="14"/>
  <c r="HE68" i="14" s="1"/>
  <c r="DR68" i="14"/>
  <c r="GR68" i="14" s="1"/>
  <c r="DU76" i="14"/>
  <c r="GU76" i="14" s="1"/>
  <c r="W55" i="23" s="1"/>
  <c r="EH76" i="14"/>
  <c r="HH76" i="14" s="1"/>
  <c r="X55" i="23" s="1"/>
  <c r="DH75" i="14"/>
  <c r="GH75" i="14" s="1"/>
  <c r="CU75" i="14"/>
  <c r="FU75" i="14" s="1"/>
  <c r="EH70" i="14"/>
  <c r="HH70" i="14" s="1"/>
  <c r="DU70" i="14"/>
  <c r="GU70" i="14" s="1"/>
  <c r="DC79" i="14"/>
  <c r="GC79" i="14" s="1"/>
  <c r="CP79" i="14"/>
  <c r="FP79" i="14" s="1"/>
  <c r="EE64" i="14"/>
  <c r="HE64" i="14" s="1"/>
  <c r="DR64" i="14"/>
  <c r="GR64" i="14" s="1"/>
  <c r="EW69" i="14"/>
  <c r="HW69" i="14" s="1"/>
  <c r="AA48" i="23" s="1"/>
  <c r="FJ69" i="14"/>
  <c r="IJ69" i="14" s="1"/>
  <c r="AB48" i="23" s="1"/>
  <c r="FG75" i="14"/>
  <c r="IG75" i="14" s="1"/>
  <c r="V54" i="23" s="1"/>
  <c r="ET75" i="14"/>
  <c r="HT75" i="14" s="1"/>
  <c r="U54" i="23" s="1"/>
  <c r="DU65" i="14"/>
  <c r="GU65" i="14" s="1"/>
  <c r="EH65" i="14"/>
  <c r="HH65" i="14" s="1"/>
  <c r="ER81" i="14"/>
  <c r="HR81" i="14" s="1"/>
  <c r="FE81" i="14"/>
  <c r="IE81" i="14" s="1"/>
  <c r="CV76" i="14"/>
  <c r="FV76" i="14" s="1"/>
  <c r="DI76" i="14"/>
  <c r="GI76" i="14" s="1"/>
  <c r="CP65" i="14"/>
  <c r="FP65" i="14" s="1"/>
  <c r="DC65" i="14"/>
  <c r="GC65" i="14" s="1"/>
  <c r="EP76" i="14"/>
  <c r="HP76" i="14" s="1"/>
  <c r="FC76" i="14"/>
  <c r="IC76" i="14" s="1"/>
  <c r="ER61" i="14"/>
  <c r="HR61" i="14" s="1"/>
  <c r="Q40" i="23" s="1"/>
  <c r="FE61" i="14"/>
  <c r="IE61" i="14" s="1"/>
  <c r="R40" i="23" s="1"/>
  <c r="CX70" i="14"/>
  <c r="FX70" i="14" s="1"/>
  <c r="DK70" i="14"/>
  <c r="GK70" i="14" s="1"/>
  <c r="EV75" i="14"/>
  <c r="HV75" i="14" s="1"/>
  <c r="Y54" i="23" s="1"/>
  <c r="FI75" i="14"/>
  <c r="II75" i="14" s="1"/>
  <c r="Z54" i="23" s="1"/>
  <c r="FH69" i="14"/>
  <c r="IH69" i="14" s="1"/>
  <c r="X48" i="23" s="1"/>
  <c r="EU69" i="14"/>
  <c r="HU69" i="14" s="1"/>
  <c r="W48" i="23" s="1"/>
  <c r="FJ78" i="14"/>
  <c r="IJ78" i="14" s="1"/>
  <c r="AB57" i="23" s="1"/>
  <c r="EW78" i="14"/>
  <c r="HW78" i="14" s="1"/>
  <c r="AA57" i="23" s="1"/>
  <c r="EF65" i="14"/>
  <c r="HF65" i="14" s="1"/>
  <c r="DS65" i="14"/>
  <c r="GS65" i="14" s="1"/>
  <c r="EQ76" i="14"/>
  <c r="HQ76" i="14" s="1"/>
  <c r="FD76" i="14"/>
  <c r="ID76" i="14" s="1"/>
  <c r="DV73" i="14"/>
  <c r="GV73" i="14" s="1"/>
  <c r="EI73" i="14"/>
  <c r="HI73" i="14" s="1"/>
  <c r="EK76" i="14"/>
  <c r="HK76" i="14" s="1"/>
  <c r="AD55" i="23" s="1"/>
  <c r="DX76" i="14"/>
  <c r="GX76" i="14" s="1"/>
  <c r="AC55" i="23" s="1"/>
  <c r="DS62" i="14"/>
  <c r="GS62" i="14" s="1"/>
  <c r="EF62" i="14"/>
  <c r="HF62" i="14" s="1"/>
  <c r="DE76" i="14"/>
  <c r="GE76" i="14" s="1"/>
  <c r="CR76" i="14"/>
  <c r="FR76" i="14" s="1"/>
  <c r="DB64" i="14"/>
  <c r="GB64" i="14" s="1"/>
  <c r="CO64" i="14"/>
  <c r="FO64" i="14" s="1"/>
  <c r="DE65" i="14"/>
  <c r="GE65" i="14" s="1"/>
  <c r="CR65" i="14"/>
  <c r="FR65" i="14" s="1"/>
  <c r="EZ81" i="14"/>
  <c r="HZ81" i="14" s="1"/>
  <c r="EM81" i="14"/>
  <c r="HM81" i="14" s="1"/>
  <c r="DB76" i="14"/>
  <c r="GB76" i="14" s="1"/>
  <c r="CO76" i="14"/>
  <c r="FO76" i="14" s="1"/>
  <c r="FA69" i="14"/>
  <c r="IA69" i="14" s="1"/>
  <c r="J48" i="23" s="1"/>
  <c r="EN69" i="14"/>
  <c r="HN69" i="14" s="1"/>
  <c r="I48" i="23" s="1"/>
  <c r="DO65" i="14"/>
  <c r="GO65" i="14" s="1"/>
  <c r="EB65" i="14"/>
  <c r="HB65" i="14" s="1"/>
  <c r="CS66" i="14"/>
  <c r="FS66" i="14" s="1"/>
  <c r="DF66" i="14"/>
  <c r="GF66" i="14" s="1"/>
  <c r="DD81" i="14"/>
  <c r="GD81" i="14" s="1"/>
  <c r="CQ81" i="14"/>
  <c r="FQ81" i="14" s="1"/>
  <c r="EX80" i="14"/>
  <c r="HX80" i="14" s="1"/>
  <c r="FK80" i="14"/>
  <c r="IK80" i="14" s="1"/>
  <c r="EU76" i="14"/>
  <c r="HU76" i="14" s="1"/>
  <c r="FH76" i="14"/>
  <c r="IH76" i="14" s="1"/>
  <c r="CV78" i="14"/>
  <c r="FV78" i="14" s="1"/>
  <c r="DI78" i="14"/>
  <c r="GI78" i="14" s="1"/>
  <c r="FK68" i="14"/>
  <c r="IK68" i="14" s="1"/>
  <c r="AD47" i="23" s="1"/>
  <c r="EX68" i="14"/>
  <c r="HX68" i="14" s="1"/>
  <c r="AC47" i="23" s="1"/>
  <c r="DE78" i="14"/>
  <c r="GE78" i="14" s="1"/>
  <c r="CR78" i="14"/>
  <c r="FR78" i="14" s="1"/>
  <c r="EA67" i="14"/>
  <c r="HA67" i="14" s="1"/>
  <c r="DN67" i="14"/>
  <c r="GN67" i="14" s="1"/>
  <c r="FH70" i="14"/>
  <c r="IH70" i="14" s="1"/>
  <c r="X49" i="23" s="1"/>
  <c r="EU70" i="14"/>
  <c r="HU70" i="14" s="1"/>
  <c r="W49" i="23" s="1"/>
  <c r="DR67" i="14"/>
  <c r="GR67" i="14" s="1"/>
  <c r="EE67" i="14"/>
  <c r="HE67" i="14" s="1"/>
  <c r="DW66" i="14"/>
  <c r="GW66" i="14" s="1"/>
  <c r="EJ66" i="14"/>
  <c r="HJ66" i="14" s="1"/>
  <c r="DO67" i="14"/>
  <c r="GO67" i="14" s="1"/>
  <c r="EB67" i="14"/>
  <c r="HB67" i="14" s="1"/>
  <c r="CM76" i="14"/>
  <c r="FM76" i="14" s="1"/>
  <c r="CZ76" i="14"/>
  <c r="FZ76" i="14" s="1"/>
  <c r="CS61" i="14"/>
  <c r="FS61" i="14" s="1"/>
  <c r="DF61" i="14"/>
  <c r="GF61" i="14" s="1"/>
  <c r="DZ75" i="14"/>
  <c r="GZ75" i="14" s="1"/>
  <c r="DM75" i="14"/>
  <c r="GM75" i="14" s="1"/>
  <c r="FH65" i="14"/>
  <c r="IH65" i="14" s="1"/>
  <c r="X44" i="23" s="1"/>
  <c r="EU65" i="14"/>
  <c r="HU65" i="14" s="1"/>
  <c r="W44" i="23" s="1"/>
  <c r="DV76" i="14"/>
  <c r="GV76" i="14" s="1"/>
  <c r="Y55" i="23" s="1"/>
  <c r="EI76" i="14"/>
  <c r="HI76" i="14" s="1"/>
  <c r="Z55" i="23" s="1"/>
  <c r="DP65" i="14"/>
  <c r="GP65" i="14" s="1"/>
  <c r="EC65" i="14"/>
  <c r="HC65" i="14" s="1"/>
  <c r="DH66" i="14"/>
  <c r="GH66" i="14" s="1"/>
  <c r="CU66" i="14"/>
  <c r="FU66" i="14" s="1"/>
  <c r="CS74" i="14"/>
  <c r="FS74" i="14" s="1"/>
  <c r="DF74" i="14"/>
  <c r="GF74" i="14" s="1"/>
  <c r="FF65" i="14"/>
  <c r="IF65" i="14" s="1"/>
  <c r="T44" i="23" s="1"/>
  <c r="ES65" i="14"/>
  <c r="HS65" i="14" s="1"/>
  <c r="S44" i="23" s="1"/>
  <c r="CX76" i="14"/>
  <c r="FX76" i="14" s="1"/>
  <c r="DK76" i="14"/>
  <c r="GK76" i="14" s="1"/>
  <c r="FF62" i="14"/>
  <c r="IF62" i="14" s="1"/>
  <c r="T41" i="23" s="1"/>
  <c r="ES62" i="14"/>
  <c r="HS62" i="14" s="1"/>
  <c r="S41" i="23" s="1"/>
  <c r="FE76" i="14"/>
  <c r="IE76" i="14" s="1"/>
  <c r="ER76" i="14"/>
  <c r="HR76" i="14" s="1"/>
  <c r="DG79" i="14"/>
  <c r="GG79" i="14" s="1"/>
  <c r="CT79" i="14"/>
  <c r="FT79" i="14" s="1"/>
  <c r="FB64" i="14"/>
  <c r="IB64" i="14" s="1"/>
  <c r="L43" i="23" s="1"/>
  <c r="EO64" i="14"/>
  <c r="HO64" i="14" s="1"/>
  <c r="K43" i="23" s="1"/>
  <c r="EE65" i="14"/>
  <c r="HE65" i="14" s="1"/>
  <c r="DR65" i="14"/>
  <c r="GR65" i="14" s="1"/>
  <c r="EO76" i="14"/>
  <c r="HO76" i="14" s="1"/>
  <c r="FB76" i="14"/>
  <c r="IB76" i="14" s="1"/>
  <c r="EA69" i="14"/>
  <c r="HA69" i="14" s="1"/>
  <c r="DN69" i="14"/>
  <c r="GN69" i="14" s="1"/>
  <c r="FB65" i="14"/>
  <c r="IB65" i="14" s="1"/>
  <c r="L44" i="23" s="1"/>
  <c r="EO65" i="14"/>
  <c r="HO65" i="14" s="1"/>
  <c r="K44" i="23" s="1"/>
  <c r="DS66" i="14"/>
  <c r="GS66" i="14" s="1"/>
  <c r="EF66" i="14"/>
  <c r="HF66" i="14" s="1"/>
  <c r="DK80" i="14"/>
  <c r="GK80" i="14" s="1"/>
  <c r="CX80" i="14"/>
  <c r="FX80" i="14" s="1"/>
  <c r="EC78" i="14"/>
  <c r="HC78" i="14" s="1"/>
  <c r="DP78" i="14"/>
  <c r="GP78" i="14" s="1"/>
  <c r="DM65" i="14"/>
  <c r="GM65" i="14" s="1"/>
  <c r="DZ65" i="14"/>
  <c r="GZ65" i="14" s="1"/>
  <c r="EI78" i="14"/>
  <c r="HI78" i="14" s="1"/>
  <c r="DV78" i="14"/>
  <c r="GV78" i="14" s="1"/>
  <c r="EZ66" i="14"/>
  <c r="HZ66" i="14" s="1"/>
  <c r="H45" i="23" s="1"/>
  <c r="EM66" i="14"/>
  <c r="HM66" i="14" s="1"/>
  <c r="G45" i="23" s="1"/>
  <c r="DK68" i="14"/>
  <c r="GK68" i="14" s="1"/>
  <c r="CX68" i="14"/>
  <c r="FX68" i="14" s="1"/>
  <c r="EE78" i="14"/>
  <c r="HE78" i="14" s="1"/>
  <c r="DR78" i="14"/>
  <c r="GR78" i="14" s="1"/>
  <c r="CN67" i="14"/>
  <c r="FN67" i="14" s="1"/>
  <c r="DA67" i="14"/>
  <c r="GA67" i="14" s="1"/>
  <c r="DH70" i="14"/>
  <c r="GH70" i="14" s="1"/>
  <c r="CU70" i="14"/>
  <c r="FU70" i="14" s="1"/>
  <c r="ER67" i="14"/>
  <c r="HR67" i="14" s="1"/>
  <c r="Q46" i="23" s="1"/>
  <c r="FE67" i="14"/>
  <c r="IE67" i="14" s="1"/>
  <c r="R46" i="23" s="1"/>
  <c r="DJ66" i="14"/>
  <c r="GJ66" i="14" s="1"/>
  <c r="CW66" i="14"/>
  <c r="FW66" i="14" s="1"/>
  <c r="DH78" i="14"/>
  <c r="GH78" i="14" s="1"/>
  <c r="CU78" i="14"/>
  <c r="FU78" i="14" s="1"/>
  <c r="DB66" i="14"/>
  <c r="GB66" i="14" s="1"/>
  <c r="CO66" i="14"/>
  <c r="FO66" i="14" s="1"/>
  <c r="FB67" i="14"/>
  <c r="IB67" i="14" s="1"/>
  <c r="L46" i="23" s="1"/>
  <c r="EO67" i="14"/>
  <c r="HO67" i="14" s="1"/>
  <c r="K46" i="23" s="1"/>
  <c r="DM76" i="14"/>
  <c r="GM76" i="14" s="1"/>
  <c r="G55" i="23" s="1"/>
  <c r="DZ76" i="14"/>
  <c r="GZ76" i="14" s="1"/>
  <c r="H55" i="23" s="1"/>
  <c r="EF61" i="14"/>
  <c r="HF61" i="14" s="1"/>
  <c r="DS61" i="14"/>
  <c r="GS61" i="14" s="1"/>
  <c r="EM75" i="14"/>
  <c r="HM75" i="14" s="1"/>
  <c r="G54" i="23" s="1"/>
  <c r="EZ75" i="14"/>
  <c r="HZ75" i="14" s="1"/>
  <c r="H54" i="23" s="1"/>
  <c r="DF81" i="14"/>
  <c r="GF81" i="14" s="1"/>
  <c r="CS81" i="14"/>
  <c r="FS81" i="14" s="1"/>
  <c r="EV66" i="14"/>
  <c r="HV66" i="14" s="1"/>
  <c r="Y45" i="23" s="1"/>
  <c r="FI66" i="14"/>
  <c r="II66" i="14" s="1"/>
  <c r="Z45" i="23" s="1"/>
  <c r="EO78" i="14"/>
  <c r="HO78" i="14" s="1"/>
  <c r="K57" i="23" s="1"/>
  <c r="FB78" i="14"/>
  <c r="IB78" i="14" s="1"/>
  <c r="L57" i="23" s="1"/>
  <c r="EH66" i="14"/>
  <c r="HH66" i="14" s="1"/>
  <c r="DU66" i="14"/>
  <c r="GU66" i="14" s="1"/>
  <c r="FF74" i="14"/>
  <c r="IF74" i="14" s="1"/>
  <c r="T53" i="23" s="1"/>
  <c r="ES74" i="14"/>
  <c r="HS74" i="14" s="1"/>
  <c r="S53" i="23" s="1"/>
  <c r="EX76" i="14"/>
  <c r="HX76" i="14" s="1"/>
  <c r="FK76" i="14"/>
  <c r="IK76" i="14" s="1"/>
  <c r="CS62" i="14"/>
  <c r="FS62" i="14" s="1"/>
  <c r="EG79" i="14"/>
  <c r="HG79" i="14" s="1"/>
  <c r="EI67" i="14"/>
  <c r="HI67" i="14" s="1"/>
  <c r="DV67" i="14"/>
  <c r="GV67" i="14" s="1"/>
  <c r="EC66" i="14"/>
  <c r="HC66" i="14" s="1"/>
  <c r="DP66" i="14"/>
  <c r="GP66" i="14" s="1"/>
  <c r="DO76" i="14"/>
  <c r="GO76" i="14" s="1"/>
  <c r="K55" i="23" s="1"/>
  <c r="EB76" i="14"/>
  <c r="HB76" i="14" s="1"/>
  <c r="L55" i="23" s="1"/>
  <c r="FJ67" i="14"/>
  <c r="IJ67" i="14" s="1"/>
  <c r="AB46" i="23" s="1"/>
  <c r="EW67" i="14"/>
  <c r="HW67" i="14" s="1"/>
  <c r="AA46" i="23" s="1"/>
  <c r="DA69" i="14"/>
  <c r="GA69" i="14" s="1"/>
  <c r="CN69" i="14"/>
  <c r="FN69" i="14" s="1"/>
  <c r="ED78" i="14"/>
  <c r="HD78" i="14" s="1"/>
  <c r="DQ78" i="14"/>
  <c r="GQ78" i="14" s="1"/>
  <c r="CX79" i="14"/>
  <c r="FX79" i="14" s="1"/>
  <c r="DK79" i="14"/>
  <c r="GK79" i="14" s="1"/>
  <c r="DG67" i="14"/>
  <c r="GG67" i="14" s="1"/>
  <c r="CT67" i="14"/>
  <c r="FT67" i="14" s="1"/>
  <c r="FC78" i="14"/>
  <c r="IC78" i="14" s="1"/>
  <c r="N57" i="23" s="1"/>
  <c r="EP78" i="14"/>
  <c r="HP78" i="14" s="1"/>
  <c r="M57" i="23" s="1"/>
  <c r="DX81" i="14"/>
  <c r="GX81" i="14" s="1"/>
  <c r="EK81" i="14"/>
  <c r="HK81" i="14" s="1"/>
  <c r="CM65" i="14"/>
  <c r="FM65" i="14" s="1"/>
  <c r="CZ65" i="14"/>
  <c r="FZ65" i="14" s="1"/>
  <c r="EA78" i="14"/>
  <c r="HA78" i="14" s="1"/>
  <c r="DN78" i="14"/>
  <c r="GN78" i="14" s="1"/>
  <c r="EV78" i="14"/>
  <c r="HV78" i="14" s="1"/>
  <c r="Y57" i="23" s="1"/>
  <c r="FI78" i="14"/>
  <c r="II78" i="14" s="1"/>
  <c r="Z57" i="23" s="1"/>
  <c r="DM66" i="14"/>
  <c r="GM66" i="14" s="1"/>
  <c r="DZ66" i="14"/>
  <c r="GZ66" i="14" s="1"/>
  <c r="DX68" i="14"/>
  <c r="GX68" i="14" s="1"/>
  <c r="EK68" i="14"/>
  <c r="HK68" i="14" s="1"/>
  <c r="CX66" i="14"/>
  <c r="FX66" i="14" s="1"/>
  <c r="DK66" i="14"/>
  <c r="GK66" i="14" s="1"/>
  <c r="FE78" i="14"/>
  <c r="IE78" i="14" s="1"/>
  <c r="R57" i="23" s="1"/>
  <c r="ER78" i="14"/>
  <c r="HR78" i="14" s="1"/>
  <c r="Q57" i="23" s="1"/>
  <c r="FA67" i="14"/>
  <c r="IA67" i="14" s="1"/>
  <c r="J46" i="23" s="1"/>
  <c r="EN67" i="14"/>
  <c r="HN67" i="14" s="1"/>
  <c r="I46" i="23" s="1"/>
  <c r="DE67" i="14"/>
  <c r="GE67" i="14" s="1"/>
  <c r="CR67" i="14"/>
  <c r="FR67" i="14" s="1"/>
  <c r="FJ66" i="14"/>
  <c r="IJ66" i="14" s="1"/>
  <c r="AB45" i="23" s="1"/>
  <c r="EW66" i="14"/>
  <c r="HW66" i="14" s="1"/>
  <c r="AA45" i="23" s="1"/>
  <c r="EI65" i="14"/>
  <c r="HI65" i="14" s="1"/>
  <c r="DV65" i="14"/>
  <c r="GV65" i="14" s="1"/>
  <c r="EH78" i="14"/>
  <c r="HH78" i="14" s="1"/>
  <c r="DU78" i="14"/>
  <c r="GU78" i="14" s="1"/>
  <c r="EN66" i="14"/>
  <c r="HN66" i="14" s="1"/>
  <c r="I45" i="23" s="1"/>
  <c r="FA66" i="14"/>
  <c r="IA66" i="14" s="1"/>
  <c r="J45" i="23" s="1"/>
  <c r="ED77" i="14"/>
  <c r="HD77" i="14" s="1"/>
  <c r="DQ77" i="14"/>
  <c r="GQ77" i="14" s="1"/>
  <c r="DO66" i="14"/>
  <c r="GO66" i="14" s="1"/>
  <c r="EB66" i="14"/>
  <c r="HB66" i="14" s="1"/>
  <c r="DB67" i="14"/>
  <c r="GB67" i="14" s="1"/>
  <c r="CO67" i="14"/>
  <c r="FO67" i="14" s="1"/>
  <c r="EM76" i="14"/>
  <c r="HM76" i="14" s="1"/>
  <c r="EZ76" i="14"/>
  <c r="HZ76" i="14" s="1"/>
  <c r="ES61" i="14"/>
  <c r="HS61" i="14" s="1"/>
  <c r="S40" i="23" s="1"/>
  <c r="FF61" i="14"/>
  <c r="IF61" i="14" s="1"/>
  <c r="T40" i="23" s="1"/>
  <c r="CZ75" i="14"/>
  <c r="FZ75" i="14" s="1"/>
  <c r="CM75" i="14"/>
  <c r="FM75" i="14" s="1"/>
  <c r="CN75" i="14"/>
  <c r="FN75" i="14" s="1"/>
  <c r="DS81" i="14"/>
  <c r="GS81" i="14" s="1"/>
  <c r="EF81" i="14"/>
  <c r="HF81" i="14" s="1"/>
  <c r="EI66" i="14"/>
  <c r="HI66" i="14" s="1"/>
  <c r="DV66" i="14"/>
  <c r="GV66" i="14" s="1"/>
  <c r="DS78" i="14"/>
  <c r="GS78" i="14" s="1"/>
  <c r="EF78" i="14"/>
  <c r="HF78" i="14" s="1"/>
  <c r="CO78" i="14"/>
  <c r="FO78" i="14" s="1"/>
  <c r="DB78" i="14"/>
  <c r="GB78" i="14" s="1"/>
  <c r="EU66" i="14"/>
  <c r="HU66" i="14" s="1"/>
  <c r="W45" i="23" s="1"/>
  <c r="FH66" i="14"/>
  <c r="IH66" i="14" s="1"/>
  <c r="X45" i="23" s="1"/>
  <c r="DS74" i="14"/>
  <c r="GS74" i="14" s="1"/>
  <c r="EF74" i="14"/>
  <c r="HF74" i="14" s="1"/>
  <c r="CO70" i="14"/>
  <c r="FO70" i="14" s="1"/>
  <c r="DB70" i="14"/>
  <c r="GB70" i="14" s="1"/>
  <c r="FF67" i="14"/>
  <c r="IF67" i="14" s="1"/>
  <c r="T46" i="23" s="1"/>
  <c r="ES67" i="14"/>
  <c r="HS67" i="14" s="1"/>
  <c r="S46" i="23" s="1"/>
  <c r="DJ71" i="14"/>
  <c r="GJ71" i="14" s="1"/>
  <c r="CW71" i="14"/>
  <c r="FW71" i="14" s="1"/>
  <c r="ET79" i="14"/>
  <c r="HT79" i="14" s="1"/>
  <c r="FG79" i="14"/>
  <c r="IG79" i="14" s="1"/>
  <c r="EV67" i="14"/>
  <c r="HV67" i="14" s="1"/>
  <c r="Y46" i="23" s="1"/>
  <c r="FI67" i="14"/>
  <c r="II67" i="14" s="1"/>
  <c r="Z46" i="23" s="1"/>
  <c r="FC66" i="14"/>
  <c r="IC66" i="14" s="1"/>
  <c r="N45" i="23" s="1"/>
  <c r="EP66" i="14"/>
  <c r="HP66" i="14" s="1"/>
  <c r="M45" i="23" s="1"/>
  <c r="CR71" i="14"/>
  <c r="FR71" i="14" s="1"/>
  <c r="DE71" i="14"/>
  <c r="GE71" i="14" s="1"/>
  <c r="CW67" i="14"/>
  <c r="FW67" i="14" s="1"/>
  <c r="DJ67" i="14"/>
  <c r="GJ67" i="14" s="1"/>
  <c r="FD78" i="14"/>
  <c r="ID78" i="14" s="1"/>
  <c r="P57" i="23" s="1"/>
  <c r="EQ78" i="14"/>
  <c r="HQ78" i="14" s="1"/>
  <c r="O57" i="23" s="1"/>
  <c r="EG67" i="14"/>
  <c r="HG67" i="14" s="1"/>
  <c r="DT67" i="14"/>
  <c r="GT67" i="14" s="1"/>
  <c r="CP78" i="14"/>
  <c r="FP78" i="14" s="1"/>
  <c r="DC78" i="14"/>
  <c r="GC78" i="14" s="1"/>
  <c r="EX81" i="14"/>
  <c r="HX81" i="14" s="1"/>
  <c r="FK81" i="14"/>
  <c r="IK81" i="14" s="1"/>
  <c r="FK64" i="14"/>
  <c r="IK64" i="14" s="1"/>
  <c r="AD43" i="23" s="1"/>
  <c r="EX64" i="14"/>
  <c r="HX64" i="14" s="1"/>
  <c r="AC43" i="23" s="1"/>
  <c r="EZ65" i="14"/>
  <c r="HZ65" i="14" s="1"/>
  <c r="H44" i="23" s="1"/>
  <c r="EM65" i="14"/>
  <c r="HM65" i="14" s="1"/>
  <c r="G44" i="23" s="1"/>
  <c r="EN78" i="14"/>
  <c r="HN78" i="14" s="1"/>
  <c r="I57" i="23" s="1"/>
  <c r="FA78" i="14"/>
  <c r="IA78" i="14" s="1"/>
  <c r="J57" i="23" s="1"/>
  <c r="CX78" i="14"/>
  <c r="FX78" i="14" s="1"/>
  <c r="DK78" i="14"/>
  <c r="GK78" i="14" s="1"/>
  <c r="CZ66" i="14"/>
  <c r="FZ66" i="14" s="1"/>
  <c r="CM66" i="14"/>
  <c r="FM66" i="14" s="1"/>
  <c r="DX66" i="14"/>
  <c r="GX66" i="14" s="1"/>
  <c r="EK66" i="14"/>
  <c r="HK66" i="14" s="1"/>
  <c r="CT78" i="14"/>
  <c r="FT78" i="14" s="1"/>
  <c r="DG78" i="14"/>
  <c r="GG78" i="14" s="1"/>
  <c r="CT66" i="14"/>
  <c r="FT66" i="14" s="1"/>
  <c r="DG66" i="14"/>
  <c r="GG66" i="14" s="1"/>
  <c r="EV65" i="14"/>
  <c r="HV65" i="14" s="1"/>
  <c r="Y44" i="23" s="1"/>
  <c r="FI65" i="14"/>
  <c r="II65" i="14" s="1"/>
  <c r="Z44" i="23" s="1"/>
  <c r="EU78" i="14"/>
  <c r="HU78" i="14" s="1"/>
  <c r="W57" i="23" s="1"/>
  <c r="FH78" i="14"/>
  <c r="IH78" i="14" s="1"/>
  <c r="X57" i="23" s="1"/>
  <c r="CN66" i="14"/>
  <c r="FN66" i="14" s="1"/>
  <c r="DA66" i="14"/>
  <c r="GA66" i="14" s="1"/>
  <c r="FD77" i="14"/>
  <c r="ID77" i="14" s="1"/>
  <c r="P56" i="23" s="1"/>
  <c r="EQ77" i="14"/>
  <c r="HQ77" i="14" s="1"/>
  <c r="O56" i="23" s="1"/>
  <c r="EO66" i="14"/>
  <c r="HO66" i="14" s="1"/>
  <c r="K45" i="23" s="1"/>
  <c r="FB66" i="14"/>
  <c r="IB66" i="14" s="1"/>
  <c r="L45" i="23" s="1"/>
  <c r="DX67" i="14"/>
  <c r="GX67" i="14" s="1"/>
  <c r="EK67" i="14"/>
  <c r="HK67" i="14" s="1"/>
  <c r="DE66" i="14"/>
  <c r="GE66" i="14" s="1"/>
  <c r="CR66" i="14"/>
  <c r="FR66" i="14" s="1"/>
  <c r="CQ65" i="14"/>
  <c r="FQ65" i="14" s="1"/>
  <c r="DD65" i="14"/>
  <c r="GD65" i="14" s="1"/>
  <c r="EG76" i="14"/>
  <c r="HG76" i="14" s="1"/>
  <c r="V55" i="23" s="1"/>
  <c r="DT76" i="14"/>
  <c r="GT76" i="14" s="1"/>
  <c r="U55" i="23" s="1"/>
  <c r="DN75" i="14"/>
  <c r="GN75" i="14" s="1"/>
  <c r="EA75" i="14"/>
  <c r="HA75" i="14" s="1"/>
  <c r="DK61" i="14"/>
  <c r="GK61" i="14" s="1"/>
  <c r="CX61" i="14"/>
  <c r="FX61" i="14" s="1"/>
  <c r="FF81" i="14"/>
  <c r="IF81" i="14" s="1"/>
  <c r="ES81" i="14"/>
  <c r="HS81" i="14" s="1"/>
  <c r="CV66" i="14"/>
  <c r="FV66" i="14" s="1"/>
  <c r="DI66" i="14"/>
  <c r="GI66" i="14" s="1"/>
  <c r="FF78" i="14"/>
  <c r="IF78" i="14" s="1"/>
  <c r="T57" i="23" s="1"/>
  <c r="ES78" i="14"/>
  <c r="HS78" i="14" s="1"/>
  <c r="S57" i="23" s="1"/>
  <c r="EB78" i="14"/>
  <c r="HB78" i="14" s="1"/>
  <c r="DO78" i="14"/>
  <c r="GO78" i="14" s="1"/>
  <c r="EB70" i="14"/>
  <c r="HB70" i="14" s="1"/>
  <c r="DO70" i="14"/>
  <c r="GO70" i="14" s="1"/>
  <c r="CS67" i="14"/>
  <c r="FS67" i="14" s="1"/>
  <c r="DF67" i="14"/>
  <c r="GF67" i="14" s="1"/>
  <c r="CO62" i="14"/>
  <c r="FO62" i="14" s="1"/>
  <c r="DB62" i="14"/>
  <c r="GB62" i="14" s="1"/>
  <c r="EJ71" i="14"/>
  <c r="HJ71" i="14" s="1"/>
  <c r="DW71" i="14"/>
  <c r="GW71" i="14" s="1"/>
  <c r="CW62" i="14"/>
  <c r="FW62" i="14" s="1"/>
  <c r="DJ62" i="14"/>
  <c r="GJ62" i="14" s="1"/>
  <c r="DI67" i="14"/>
  <c r="GI67" i="14" s="1"/>
  <c r="CV67" i="14"/>
  <c r="FV67" i="14" s="1"/>
  <c r="DW65" i="14"/>
  <c r="GW65" i="14" s="1"/>
  <c r="EJ65" i="14"/>
  <c r="HJ65" i="14" s="1"/>
  <c r="DC66" i="14"/>
  <c r="GC66" i="14" s="1"/>
  <c r="CP66" i="14"/>
  <c r="FP66" i="14" s="1"/>
  <c r="DT65" i="14"/>
  <c r="GT65" i="14" s="1"/>
  <c r="EG65" i="14"/>
  <c r="HG65" i="14" s="1"/>
  <c r="EE71" i="14"/>
  <c r="HE71" i="14" s="1"/>
  <c r="DR71" i="14"/>
  <c r="GR71" i="14" s="1"/>
  <c r="DW67" i="14"/>
  <c r="GW67" i="14" s="1"/>
  <c r="EJ67" i="14"/>
  <c r="HJ67" i="14" s="1"/>
  <c r="DD78" i="14"/>
  <c r="GD78" i="14" s="1"/>
  <c r="CQ78" i="14"/>
  <c r="FQ78" i="14" s="1"/>
  <c r="DX79" i="14"/>
  <c r="GX79" i="14" s="1"/>
  <c r="EK79" i="14"/>
  <c r="HK79" i="14" s="1"/>
  <c r="ET67" i="14"/>
  <c r="HT67" i="14" s="1"/>
  <c r="U46" i="23" s="1"/>
  <c r="FG67" i="14"/>
  <c r="IG67" i="14" s="1"/>
  <c r="V46" i="23" s="1"/>
  <c r="CX81" i="14"/>
  <c r="FX81" i="14" s="1"/>
  <c r="DK81" i="14"/>
  <c r="GK81" i="14" s="1"/>
  <c r="CX64" i="14"/>
  <c r="FX64" i="14" s="1"/>
  <c r="DK64" i="14"/>
  <c r="GK64" i="14" s="1"/>
  <c r="DA78" i="14"/>
  <c r="GA78" i="14" s="1"/>
  <c r="CN78" i="14"/>
  <c r="FN78" i="14" s="1"/>
  <c r="FK78" i="14"/>
  <c r="IK78" i="14" s="1"/>
  <c r="AD57" i="23" s="1"/>
  <c r="EX78" i="14"/>
  <c r="HX78" i="14" s="1"/>
  <c r="AC57" i="23" s="1"/>
  <c r="EX66" i="14"/>
  <c r="HX66" i="14" s="1"/>
  <c r="AC45" i="23" s="1"/>
  <c r="FK66" i="14"/>
  <c r="IK66" i="14" s="1"/>
  <c r="AD45" i="23" s="1"/>
  <c r="ET78" i="14"/>
  <c r="HT78" i="14" s="1"/>
  <c r="U57" i="23" s="1"/>
  <c r="FG78" i="14"/>
  <c r="IG78" i="14" s="1"/>
  <c r="V57" i="23" s="1"/>
  <c r="DH67" i="14"/>
  <c r="GH67" i="14" s="1"/>
  <c r="CU67" i="14"/>
  <c r="FU67" i="14" s="1"/>
  <c r="DT66" i="14"/>
  <c r="GT66" i="14" s="1"/>
  <c r="EG66" i="14"/>
  <c r="HG66" i="14" s="1"/>
  <c r="CV65" i="14"/>
  <c r="FV65" i="14" s="1"/>
  <c r="DI65" i="14"/>
  <c r="GI65" i="14" s="1"/>
  <c r="EA66" i="14"/>
  <c r="HA66" i="14" s="1"/>
  <c r="DN66" i="14"/>
  <c r="GN66" i="14" s="1"/>
  <c r="DD77" i="14"/>
  <c r="GD77" i="14" s="1"/>
  <c r="CQ77" i="14"/>
  <c r="FQ77" i="14" s="1"/>
  <c r="FK67" i="14"/>
  <c r="IK67" i="14" s="1"/>
  <c r="AD46" i="23" s="1"/>
  <c r="EX67" i="14"/>
  <c r="HX67" i="14" s="1"/>
  <c r="AC46" i="23" s="1"/>
  <c r="EE66" i="14"/>
  <c r="HE66" i="14" s="1"/>
  <c r="DR66" i="14"/>
  <c r="GR66" i="14" s="1"/>
  <c r="ED65" i="14"/>
  <c r="HD65" i="14" s="1"/>
  <c r="DQ65" i="14"/>
  <c r="GQ65" i="14" s="1"/>
  <c r="FG76" i="14"/>
  <c r="IG76" i="14" s="1"/>
  <c r="ET76" i="14"/>
  <c r="HT76" i="14" s="1"/>
  <c r="FA75" i="14"/>
  <c r="IA75" i="14" s="1"/>
  <c r="J54" i="23" s="1"/>
  <c r="EN75" i="14"/>
  <c r="HN75" i="14" s="1"/>
  <c r="I54" i="23" s="1"/>
  <c r="DX61" i="14"/>
  <c r="GX61" i="14" s="1"/>
  <c r="EK61" i="14"/>
  <c r="HK61" i="14" s="1"/>
  <c r="CX65" i="14"/>
  <c r="FX65" i="14" s="1"/>
  <c r="DK65" i="14"/>
  <c r="GK65" i="14" s="1"/>
  <c r="CS78" i="14"/>
  <c r="FS78" i="14" s="1"/>
  <c r="DF78" i="14"/>
  <c r="GF78" i="14" s="1"/>
  <c r="DG73" i="14"/>
  <c r="GG73" i="14" s="1"/>
  <c r="CT73" i="14"/>
  <c r="FT73" i="14" s="1"/>
  <c r="EK75" i="14"/>
  <c r="HK75" i="14" s="1"/>
  <c r="DX75" i="14"/>
  <c r="GX75" i="14" s="1"/>
  <c r="EJ76" i="14"/>
  <c r="HJ76" i="14" s="1"/>
  <c r="AB55" i="23" s="1"/>
  <c r="DW76" i="14"/>
  <c r="GW76" i="14" s="1"/>
  <c r="AA55" i="23" s="1"/>
  <c r="FB70" i="14"/>
  <c r="IB70" i="14" s="1"/>
  <c r="L49" i="23" s="1"/>
  <c r="EO70" i="14"/>
  <c r="HO70" i="14" s="1"/>
  <c r="K49" i="23" s="1"/>
  <c r="EN65" i="14"/>
  <c r="HN65" i="14" s="1"/>
  <c r="I44" i="23" s="1"/>
  <c r="FA65" i="14"/>
  <c r="IA65" i="14" s="1"/>
  <c r="J44" i="23" s="1"/>
  <c r="DS67" i="14"/>
  <c r="GS67" i="14" s="1"/>
  <c r="EF67" i="14"/>
  <c r="HF67" i="14" s="1"/>
  <c r="EB62" i="14"/>
  <c r="HB62" i="14" s="1"/>
  <c r="DO62" i="14"/>
  <c r="GO62" i="14" s="1"/>
  <c r="FD67" i="14"/>
  <c r="ID67" i="14" s="1"/>
  <c r="P46" i="23" s="1"/>
  <c r="EQ67" i="14"/>
  <c r="HQ67" i="14" s="1"/>
  <c r="O46" i="23" s="1"/>
  <c r="DM67" i="14"/>
  <c r="GM67" i="14" s="1"/>
  <c r="DZ67" i="14"/>
  <c r="GZ67" i="14" s="1"/>
  <c r="EW71" i="14"/>
  <c r="HW71" i="14" s="1"/>
  <c r="AA50" i="23" s="1"/>
  <c r="FJ71" i="14"/>
  <c r="IJ71" i="14" s="1"/>
  <c r="AB50" i="23" s="1"/>
  <c r="EJ62" i="14"/>
  <c r="HJ62" i="14" s="1"/>
  <c r="DW62" i="14"/>
  <c r="GW62" i="14" s="1"/>
  <c r="EW65" i="14"/>
  <c r="HW65" i="14" s="1"/>
  <c r="AA44" i="23" s="1"/>
  <c r="FJ65" i="14"/>
  <c r="IJ65" i="14" s="1"/>
  <c r="AB44" i="23" s="1"/>
  <c r="ET65" i="14"/>
  <c r="HT65" i="14" s="1"/>
  <c r="U44" i="23" s="1"/>
  <c r="FG65" i="14"/>
  <c r="IG65" i="14" s="1"/>
  <c r="V44" i="23" s="1"/>
  <c r="DP64" i="14"/>
  <c r="GP64" i="14" s="1"/>
  <c r="EC64" i="14"/>
  <c r="HC64" i="14" s="1"/>
  <c r="FC67" i="14"/>
  <c r="IC67" i="14" s="1"/>
  <c r="N46" i="23" s="1"/>
  <c r="EP67" i="14"/>
  <c r="HP67" i="14" s="1"/>
  <c r="M46" i="23" s="1"/>
  <c r="ER71" i="14"/>
  <c r="HR71" i="14" s="1"/>
  <c r="Q50" i="23" s="1"/>
  <c r="FE71" i="14"/>
  <c r="IE71" i="14" s="1"/>
  <c r="R50" i="23" s="1"/>
  <c r="DF71" i="14"/>
  <c r="GF71" i="14" s="1"/>
  <c r="CS71" i="14"/>
  <c r="FS71" i="14" s="1"/>
  <c r="CR68" i="14"/>
  <c r="FR68" i="14" s="1"/>
  <c r="DE68" i="14"/>
  <c r="GE68" i="14" s="1"/>
  <c r="DX64" i="14"/>
  <c r="GX64" i="14" s="1"/>
  <c r="EK64" i="14"/>
  <c r="HK64" i="14" s="1"/>
  <c r="EK78" i="14"/>
  <c r="HK78" i="14" s="1"/>
  <c r="DX78" i="14"/>
  <c r="GX78" i="14" s="1"/>
  <c r="FI62" i="14"/>
  <c r="II62" i="14" s="1"/>
  <c r="Z41" i="23" s="1"/>
  <c r="EV62" i="14"/>
  <c r="HV62" i="14" s="1"/>
  <c r="Y41" i="23" s="1"/>
  <c r="DU75" i="14"/>
  <c r="GU75" i="14" s="1"/>
  <c r="EH75" i="14"/>
  <c r="HH75" i="14" s="1"/>
  <c r="DT78" i="14"/>
  <c r="GT78" i="14" s="1"/>
  <c r="EG78" i="14"/>
  <c r="HG78" i="14" s="1"/>
  <c r="DU67" i="14"/>
  <c r="GU67" i="14" s="1"/>
  <c r="EH67" i="14"/>
  <c r="HH67" i="14" s="1"/>
  <c r="FG66" i="14"/>
  <c r="IG66" i="14" s="1"/>
  <c r="V45" i="23" s="1"/>
  <c r="ET66" i="14"/>
  <c r="HT66" i="14" s="1"/>
  <c r="U45" i="23" s="1"/>
  <c r="FC79" i="14"/>
  <c r="IC79" i="14" s="1"/>
  <c r="EP79" i="14"/>
  <c r="HP79" i="14" s="1"/>
  <c r="CR64" i="14"/>
  <c r="FR64" i="14" s="1"/>
  <c r="DE64" i="14"/>
  <c r="GE64" i="14" s="1"/>
  <c r="EJ69" i="14"/>
  <c r="HJ69" i="14" s="1"/>
  <c r="DW69" i="14"/>
  <c r="GW69" i="14" s="1"/>
  <c r="EG75" i="14"/>
  <c r="HG75" i="14" s="1"/>
  <c r="DT75" i="14"/>
  <c r="GT75" i="14" s="1"/>
  <c r="CX67" i="14"/>
  <c r="FX67" i="14" s="1"/>
  <c r="DK67" i="14"/>
  <c r="GK67" i="14" s="1"/>
  <c r="FE66" i="14"/>
  <c r="IE66" i="14" s="1"/>
  <c r="R45" i="23" s="1"/>
  <c r="ER66" i="14"/>
  <c r="HR66" i="14" s="1"/>
  <c r="Q45" i="23" s="1"/>
  <c r="EQ65" i="14"/>
  <c r="HQ65" i="14" s="1"/>
  <c r="O44" i="23" s="1"/>
  <c r="FD65" i="14"/>
  <c r="ID65" i="14" s="1"/>
  <c r="P44" i="23" s="1"/>
  <c r="DG76" i="14"/>
  <c r="GG76" i="14" s="1"/>
  <c r="CT76" i="14"/>
  <c r="FT76" i="14" s="1"/>
  <c r="EX61" i="14"/>
  <c r="HX61" i="14" s="1"/>
  <c r="AC40" i="23" s="1"/>
  <c r="FK61" i="14"/>
  <c r="IK61" i="14" s="1"/>
  <c r="AD40" i="23" s="1"/>
  <c r="DX65" i="14"/>
  <c r="GX65" i="14" s="1"/>
  <c r="EK65" i="14"/>
  <c r="HK65" i="14" s="1"/>
  <c r="DE81" i="14"/>
  <c r="GE81" i="14" s="1"/>
  <c r="CR81" i="14"/>
  <c r="FR81" i="14" s="1"/>
  <c r="ET73" i="14"/>
  <c r="HT73" i="14" s="1"/>
  <c r="U52" i="23" s="1"/>
  <c r="FG73" i="14"/>
  <c r="IG73" i="14" s="1"/>
  <c r="V52" i="23" s="1"/>
  <c r="CP76" i="14"/>
  <c r="FP76" i="14" s="1"/>
  <c r="DC76" i="14"/>
  <c r="GC76" i="14" s="1"/>
  <c r="FK75" i="14"/>
  <c r="IK75" i="14" s="1"/>
  <c r="AD54" i="23" s="1"/>
  <c r="EX75" i="14"/>
  <c r="HX75" i="14" s="1"/>
  <c r="AC54" i="23" s="1"/>
  <c r="CR61" i="14"/>
  <c r="FR61" i="14" s="1"/>
  <c r="DE61" i="14"/>
  <c r="GE61" i="14" s="1"/>
  <c r="DX70" i="14"/>
  <c r="GX70" i="14" s="1"/>
  <c r="EK70" i="14"/>
  <c r="HK70" i="14" s="1"/>
  <c r="EW76" i="14"/>
  <c r="HW76" i="14" s="1"/>
  <c r="FJ76" i="14"/>
  <c r="IJ76" i="14" s="1"/>
  <c r="DU69" i="14"/>
  <c r="GU69" i="14" s="1"/>
  <c r="EH69" i="14"/>
  <c r="HH69" i="14" s="1"/>
  <c r="EA65" i="14"/>
  <c r="HA65" i="14" s="1"/>
  <c r="DN65" i="14"/>
  <c r="GN65" i="14" s="1"/>
  <c r="DJ78" i="14"/>
  <c r="GJ78" i="14" s="1"/>
  <c r="CW78" i="14"/>
  <c r="FW78" i="14" s="1"/>
  <c r="FB62" i="14"/>
  <c r="IB62" i="14" s="1"/>
  <c r="L41" i="23" s="1"/>
  <c r="EO62" i="14"/>
  <c r="HO62" i="14" s="1"/>
  <c r="K41" i="23" s="1"/>
  <c r="DD76" i="14"/>
  <c r="GD76" i="14" s="1"/>
  <c r="CQ76" i="14"/>
  <c r="FQ76" i="14" s="1"/>
  <c r="CQ67" i="14"/>
  <c r="FQ67" i="14" s="1"/>
  <c r="DD67" i="14"/>
  <c r="GD67" i="14" s="1"/>
  <c r="FI73" i="14"/>
  <c r="II73" i="14" s="1"/>
  <c r="Z52" i="23" s="1"/>
  <c r="EV73" i="14"/>
  <c r="HV73" i="14" s="1"/>
  <c r="Y52" i="23" s="1"/>
  <c r="EZ67" i="14"/>
  <c r="HZ67" i="14" s="1"/>
  <c r="H46" i="23" s="1"/>
  <c r="EM67" i="14"/>
  <c r="HM67" i="14" s="1"/>
  <c r="G46" i="23" s="1"/>
  <c r="FJ62" i="14"/>
  <c r="IJ62" i="14" s="1"/>
  <c r="AB41" i="23" s="1"/>
  <c r="EW62" i="14"/>
  <c r="HW62" i="14" s="1"/>
  <c r="AA41" i="23" s="1"/>
  <c r="DJ65" i="14"/>
  <c r="GJ65" i="14" s="1"/>
  <c r="CW65" i="14"/>
  <c r="FW65" i="14" s="1"/>
  <c r="DG65" i="14"/>
  <c r="GG65" i="14" s="1"/>
  <c r="CT65" i="14"/>
  <c r="FT65" i="14" s="1"/>
  <c r="CP64" i="14"/>
  <c r="FP64" i="14" s="1"/>
  <c r="DC64" i="14"/>
  <c r="GC64" i="14" s="1"/>
  <c r="DZ81" i="14"/>
  <c r="GZ81" i="14" s="1"/>
  <c r="DM81" i="14"/>
  <c r="GM81" i="14" s="1"/>
  <c r="DC67" i="14"/>
  <c r="GC67" i="14" s="1"/>
  <c r="CP67" i="14"/>
  <c r="FP67" i="14" s="1"/>
  <c r="FF71" i="14"/>
  <c r="IF71" i="14" s="1"/>
  <c r="T50" i="23" s="1"/>
  <c r="ES71" i="14"/>
  <c r="HS71" i="14" s="1"/>
  <c r="S50" i="23" s="1"/>
  <c r="ED81" i="14"/>
  <c r="HD81" i="14" s="1"/>
  <c r="DQ81" i="14"/>
  <c r="GQ81" i="14" s="1"/>
  <c r="FE68" i="14"/>
  <c r="IE68" i="14" s="1"/>
  <c r="R47" i="23" s="1"/>
  <c r="ER68" i="14"/>
  <c r="HR68" i="14" s="1"/>
  <c r="Q47" i="23" s="1"/>
  <c r="CU76" i="14"/>
  <c r="FU76" i="14" s="1"/>
  <c r="DH76" i="14"/>
  <c r="GH76" i="14" s="1"/>
  <c r="FH67" i="14"/>
  <c r="IH67" i="14" s="1"/>
  <c r="X46" i="23" s="1"/>
  <c r="EU67" i="14"/>
  <c r="HU67" i="14" s="1"/>
  <c r="W46" i="23" s="1"/>
  <c r="DP79" i="14"/>
  <c r="GP79" i="14" s="1"/>
  <c r="EC79" i="14"/>
  <c r="HC79" i="14" s="1"/>
  <c r="FE64" i="14"/>
  <c r="IE64" i="14" s="1"/>
  <c r="R43" i="23" s="1"/>
  <c r="ER64" i="14"/>
  <c r="HR64" i="14" s="1"/>
  <c r="Q43" i="23" s="1"/>
  <c r="DJ69" i="14"/>
  <c r="GJ69" i="14" s="1"/>
  <c r="CW69" i="14"/>
  <c r="FW69" i="14" s="1"/>
  <c r="DH65" i="14"/>
  <c r="GH65" i="14" s="1"/>
  <c r="CU65" i="14"/>
  <c r="FU65" i="14" s="1"/>
  <c r="FK65" i="14"/>
  <c r="IK65" i="14" s="1"/>
  <c r="AD44" i="23" s="1"/>
  <c r="EX65" i="14"/>
  <c r="HX65" i="14" s="1"/>
  <c r="AC44" i="23" s="1"/>
  <c r="DR81" i="14"/>
  <c r="GR81" i="14" s="1"/>
  <c r="EE81" i="14"/>
  <c r="HE81" i="14" s="1"/>
  <c r="FI76" i="14"/>
  <c r="II76" i="14" s="1"/>
  <c r="EV76" i="14"/>
  <c r="HV76" i="14" s="1"/>
  <c r="EP65" i="14"/>
  <c r="HP65" i="14" s="1"/>
  <c r="M44" i="23" s="1"/>
  <c r="FC65" i="14"/>
  <c r="IC65" i="14" s="1"/>
  <c r="N44" i="23" s="1"/>
  <c r="DA57" i="14"/>
  <c r="GA57" i="14" s="1"/>
  <c r="CV28" i="14"/>
  <c r="FV28" i="14" s="1"/>
  <c r="DN57" i="14"/>
  <c r="GN57" i="14" s="1"/>
  <c r="I36" i="23" s="1"/>
  <c r="FJ27" i="14"/>
  <c r="IJ27" i="14" s="1"/>
  <c r="DJ27" i="14"/>
  <c r="GJ27" i="14" s="1"/>
  <c r="V29" i="14"/>
  <c r="AJ29" i="14" s="1"/>
  <c r="G8" i="25"/>
  <c r="AA29" i="14"/>
  <c r="AO29" i="14" s="1"/>
  <c r="Q8" i="25"/>
  <c r="W29" i="14"/>
  <c r="AK29" i="14" s="1"/>
  <c r="I8" i="25"/>
  <c r="X29" i="14"/>
  <c r="AL29" i="14" s="1"/>
  <c r="K8" i="25"/>
  <c r="AD29" i="14"/>
  <c r="AR29" i="14" s="1"/>
  <c r="W8" i="25"/>
  <c r="Y29" i="14"/>
  <c r="AM29" i="14" s="1"/>
  <c r="M8" i="25"/>
  <c r="AF29" i="14"/>
  <c r="AT29" i="14" s="1"/>
  <c r="AA8" i="25"/>
  <c r="AG29" i="14"/>
  <c r="AU29" i="14" s="1"/>
  <c r="AC8" i="25"/>
  <c r="AB29" i="14"/>
  <c r="AP29" i="14" s="1"/>
  <c r="S8" i="25"/>
  <c r="AE29" i="14"/>
  <c r="AS29" i="14" s="1"/>
  <c r="Y8" i="25"/>
  <c r="AC29" i="14"/>
  <c r="AQ29" i="14" s="1"/>
  <c r="U8" i="25"/>
  <c r="Z29" i="14"/>
  <c r="AN29" i="14" s="1"/>
  <c r="O8" i="25"/>
  <c r="EA27" i="14"/>
  <c r="HA27" i="14" s="1"/>
  <c r="CN27" i="14"/>
  <c r="FN27" i="14" s="1"/>
  <c r="CO30" i="14"/>
  <c r="FO30" i="14" s="1"/>
  <c r="DB30" i="14"/>
  <c r="GB30" i="14" s="1"/>
  <c r="CQ34" i="14"/>
  <c r="FQ34" i="14" s="1"/>
  <c r="DD34" i="14"/>
  <c r="GD34" i="14" s="1"/>
  <c r="ER31" i="14"/>
  <c r="HR31" i="14" s="1"/>
  <c r="Q10" i="23" s="1"/>
  <c r="FE31" i="14"/>
  <c r="IE31" i="14" s="1"/>
  <c r="R10" i="23" s="1"/>
  <c r="ER32" i="14"/>
  <c r="HR32" i="14" s="1"/>
  <c r="Q11" i="23" s="1"/>
  <c r="FE32" i="14"/>
  <c r="IE32" i="14" s="1"/>
  <c r="R11" i="23" s="1"/>
  <c r="DJ36" i="14"/>
  <c r="GJ36" i="14" s="1"/>
  <c r="CW36" i="14"/>
  <c r="FW36" i="14" s="1"/>
  <c r="EW30" i="14"/>
  <c r="HW30" i="14" s="1"/>
  <c r="AA9" i="23" s="1"/>
  <c r="FJ30" i="14"/>
  <c r="IJ30" i="14" s="1"/>
  <c r="AB9" i="23" s="1"/>
  <c r="FI32" i="14"/>
  <c r="II32" i="14" s="1"/>
  <c r="Z11" i="23" s="1"/>
  <c r="EV32" i="14"/>
  <c r="HV32" i="14" s="1"/>
  <c r="Y11" i="23" s="1"/>
  <c r="FF58" i="14"/>
  <c r="IF58" i="14" s="1"/>
  <c r="ES58" i="14"/>
  <c r="HS58" i="14" s="1"/>
  <c r="DF32" i="14"/>
  <c r="GF32" i="14" s="1"/>
  <c r="CS32" i="14"/>
  <c r="FS32" i="14" s="1"/>
  <c r="DU34" i="14"/>
  <c r="GU34" i="14" s="1"/>
  <c r="W13" i="23" s="1"/>
  <c r="EH34" i="14"/>
  <c r="HH34" i="14" s="1"/>
  <c r="X13" i="23" s="1"/>
  <c r="DK31" i="14"/>
  <c r="GK31" i="14" s="1"/>
  <c r="CX31" i="14"/>
  <c r="FX31" i="14" s="1"/>
  <c r="CV58" i="14"/>
  <c r="FV58" i="14" s="1"/>
  <c r="DI58" i="14"/>
  <c r="GI58" i="14" s="1"/>
  <c r="ET33" i="14"/>
  <c r="HT33" i="14" s="1"/>
  <c r="FG33" i="14"/>
  <c r="IG33" i="14" s="1"/>
  <c r="EP56" i="14"/>
  <c r="HP56" i="14" s="1"/>
  <c r="M35" i="23" s="1"/>
  <c r="FC56" i="14"/>
  <c r="IC56" i="14" s="1"/>
  <c r="N35" i="23" s="1"/>
  <c r="CZ55" i="14"/>
  <c r="FZ55" i="14" s="1"/>
  <c r="CM55" i="14"/>
  <c r="FM55" i="14" s="1"/>
  <c r="EA33" i="14"/>
  <c r="HA33" i="14" s="1"/>
  <c r="J12" i="23" s="1"/>
  <c r="DN33" i="14"/>
  <c r="GN33" i="14" s="1"/>
  <c r="I12" i="23" s="1"/>
  <c r="DB32" i="14"/>
  <c r="GB32" i="14" s="1"/>
  <c r="CO32" i="14"/>
  <c r="FO32" i="14" s="1"/>
  <c r="DX36" i="14"/>
  <c r="GX36" i="14" s="1"/>
  <c r="AC15" i="23" s="1"/>
  <c r="EK36" i="14"/>
  <c r="HK36" i="14" s="1"/>
  <c r="AD15" i="23" s="1"/>
  <c r="ES35" i="14"/>
  <c r="HS35" i="14" s="1"/>
  <c r="FF35" i="14"/>
  <c r="IF35" i="14" s="1"/>
  <c r="CX55" i="14"/>
  <c r="FX55" i="14" s="1"/>
  <c r="DK55" i="14"/>
  <c r="GK55" i="14" s="1"/>
  <c r="FD58" i="14"/>
  <c r="ID58" i="14" s="1"/>
  <c r="EQ58" i="14"/>
  <c r="HQ58" i="14" s="1"/>
  <c r="CS30" i="14"/>
  <c r="FS30" i="14" s="1"/>
  <c r="DF30" i="14"/>
  <c r="GF30" i="14" s="1"/>
  <c r="CM35" i="14"/>
  <c r="FM35" i="14" s="1"/>
  <c r="CZ35" i="14"/>
  <c r="FZ35" i="14" s="1"/>
  <c r="DH32" i="14"/>
  <c r="GH32" i="14" s="1"/>
  <c r="CU32" i="14"/>
  <c r="FU32" i="14" s="1"/>
  <c r="DE35" i="14"/>
  <c r="GE35" i="14" s="1"/>
  <c r="CR35" i="14"/>
  <c r="FR35" i="14" s="1"/>
  <c r="EQ36" i="14"/>
  <c r="HQ36" i="14" s="1"/>
  <c r="FD36" i="14"/>
  <c r="ID36" i="14" s="1"/>
  <c r="FJ34" i="14"/>
  <c r="IJ34" i="14" s="1"/>
  <c r="EW34" i="14"/>
  <c r="HW34" i="14" s="1"/>
  <c r="CQ56" i="14"/>
  <c r="FQ56" i="14" s="1"/>
  <c r="DD56" i="14"/>
  <c r="GD56" i="14" s="1"/>
  <c r="DK33" i="14"/>
  <c r="GK33" i="14" s="1"/>
  <c r="CX33" i="14"/>
  <c r="FX33" i="14" s="1"/>
  <c r="DA56" i="14"/>
  <c r="GA56" i="14" s="1"/>
  <c r="CN56" i="14"/>
  <c r="FN56" i="14" s="1"/>
  <c r="DB55" i="14"/>
  <c r="GB55" i="14" s="1"/>
  <c r="CO55" i="14"/>
  <c r="FO55" i="14" s="1"/>
  <c r="FK56" i="14"/>
  <c r="IK56" i="14" s="1"/>
  <c r="AD35" i="23" s="1"/>
  <c r="EX56" i="14"/>
  <c r="HX56" i="14" s="1"/>
  <c r="AC35" i="23" s="1"/>
  <c r="CX34" i="14"/>
  <c r="FX34" i="14" s="1"/>
  <c r="DK34" i="14"/>
  <c r="GK34" i="14" s="1"/>
  <c r="DB36" i="14"/>
  <c r="GB36" i="14" s="1"/>
  <c r="CO36" i="14"/>
  <c r="FO36" i="14" s="1"/>
  <c r="EG30" i="14"/>
  <c r="HG30" i="14" s="1"/>
  <c r="DT30" i="14"/>
  <c r="GT30" i="14" s="1"/>
  <c r="CZ33" i="14"/>
  <c r="FZ33" i="14" s="1"/>
  <c r="CM33" i="14"/>
  <c r="FM33" i="14" s="1"/>
  <c r="DC31" i="14"/>
  <c r="GC31" i="14" s="1"/>
  <c r="CP31" i="14"/>
  <c r="FP31" i="14" s="1"/>
  <c r="DQ31" i="14"/>
  <c r="GQ31" i="14" s="1"/>
  <c r="ED31" i="14"/>
  <c r="HD31" i="14" s="1"/>
  <c r="DE34" i="14"/>
  <c r="GE34" i="14" s="1"/>
  <c r="CR34" i="14"/>
  <c r="FR34" i="14" s="1"/>
  <c r="FI36" i="14"/>
  <c r="II36" i="14" s="1"/>
  <c r="EV36" i="14"/>
  <c r="HV36" i="14" s="1"/>
  <c r="FD34" i="14"/>
  <c r="ID34" i="14" s="1"/>
  <c r="EQ34" i="14"/>
  <c r="HQ34" i="14" s="1"/>
  <c r="CT58" i="14"/>
  <c r="FT58" i="14" s="1"/>
  <c r="DG58" i="14"/>
  <c r="GG58" i="14" s="1"/>
  <c r="FI34" i="14"/>
  <c r="II34" i="14" s="1"/>
  <c r="EV34" i="14"/>
  <c r="HV34" i="14" s="1"/>
  <c r="DD35" i="14"/>
  <c r="GD35" i="14" s="1"/>
  <c r="CQ35" i="14"/>
  <c r="FQ35" i="14" s="1"/>
  <c r="DI32" i="14"/>
  <c r="GI32" i="14" s="1"/>
  <c r="CV32" i="14"/>
  <c r="FV32" i="14" s="1"/>
  <c r="CS58" i="14"/>
  <c r="FS58" i="14" s="1"/>
  <c r="DF58" i="14"/>
  <c r="GF58" i="14" s="1"/>
  <c r="ES32" i="14"/>
  <c r="HS32" i="14" s="1"/>
  <c r="S11" i="23" s="1"/>
  <c r="FF32" i="14"/>
  <c r="IF32" i="14" s="1"/>
  <c r="T11" i="23" s="1"/>
  <c r="FH34" i="14"/>
  <c r="IH34" i="14" s="1"/>
  <c r="EU34" i="14"/>
  <c r="HU34" i="14" s="1"/>
  <c r="CV33" i="14"/>
  <c r="FV33" i="14" s="1"/>
  <c r="DI33" i="14"/>
  <c r="GI33" i="14" s="1"/>
  <c r="DV58" i="14"/>
  <c r="GV58" i="14" s="1"/>
  <c r="EI58" i="14"/>
  <c r="HI58" i="14" s="1"/>
  <c r="DW31" i="14"/>
  <c r="GW31" i="14" s="1"/>
  <c r="EJ31" i="14"/>
  <c r="HJ31" i="14" s="1"/>
  <c r="DS27" i="14"/>
  <c r="GS27" i="14" s="1"/>
  <c r="EF27" i="14"/>
  <c r="HF27" i="14" s="1"/>
  <c r="DZ55" i="14"/>
  <c r="GZ55" i="14" s="1"/>
  <c r="DM55" i="14"/>
  <c r="GM55" i="14" s="1"/>
  <c r="DA35" i="14"/>
  <c r="GA35" i="14" s="1"/>
  <c r="CN35" i="14"/>
  <c r="FN35" i="14" s="1"/>
  <c r="DO32" i="14"/>
  <c r="GO32" i="14" s="1"/>
  <c r="EB32" i="14"/>
  <c r="HB32" i="14" s="1"/>
  <c r="FK30" i="14"/>
  <c r="IK30" i="14" s="1"/>
  <c r="AD9" i="23" s="1"/>
  <c r="EX30" i="14"/>
  <c r="HX30" i="14" s="1"/>
  <c r="AC9" i="23" s="1"/>
  <c r="EX36" i="14"/>
  <c r="HX36" i="14" s="1"/>
  <c r="FK36" i="14"/>
  <c r="IK36" i="14" s="1"/>
  <c r="CS35" i="14"/>
  <c r="FS35" i="14" s="1"/>
  <c r="DF35" i="14"/>
  <c r="GF35" i="14" s="1"/>
  <c r="EK55" i="14"/>
  <c r="HK55" i="14" s="1"/>
  <c r="DX55" i="14"/>
  <c r="GX55" i="14" s="1"/>
  <c r="DS30" i="14"/>
  <c r="GS30" i="14" s="1"/>
  <c r="EF30" i="14"/>
  <c r="HF30" i="14" s="1"/>
  <c r="EM35" i="14"/>
  <c r="HM35" i="14" s="1"/>
  <c r="EZ35" i="14"/>
  <c r="HZ35" i="14" s="1"/>
  <c r="DH55" i="14"/>
  <c r="GH55" i="14" s="1"/>
  <c r="CU55" i="14"/>
  <c r="FU55" i="14" s="1"/>
  <c r="DR35" i="14"/>
  <c r="GR35" i="14" s="1"/>
  <c r="Q14" i="23" s="1"/>
  <c r="EE35" i="14"/>
  <c r="HE35" i="14" s="1"/>
  <c r="R14" i="23" s="1"/>
  <c r="ED36" i="14"/>
  <c r="HD36" i="14" s="1"/>
  <c r="P15" i="23" s="1"/>
  <c r="DQ36" i="14"/>
  <c r="GQ36" i="14" s="1"/>
  <c r="O15" i="23" s="1"/>
  <c r="DG35" i="14"/>
  <c r="GG35" i="14" s="1"/>
  <c r="CT35" i="14"/>
  <c r="FT35" i="14" s="1"/>
  <c r="DC55" i="14"/>
  <c r="GC55" i="14" s="1"/>
  <c r="CP55" i="14"/>
  <c r="FP55" i="14" s="1"/>
  <c r="ED56" i="14"/>
  <c r="HD56" i="14" s="1"/>
  <c r="DQ56" i="14"/>
  <c r="GQ56" i="14" s="1"/>
  <c r="DC35" i="14"/>
  <c r="GC35" i="14" s="1"/>
  <c r="CP35" i="14"/>
  <c r="FP35" i="14" s="1"/>
  <c r="DG32" i="14"/>
  <c r="GG32" i="14" s="1"/>
  <c r="CT32" i="14"/>
  <c r="FT32" i="14" s="1"/>
  <c r="DO55" i="14"/>
  <c r="GO55" i="14" s="1"/>
  <c r="EB55" i="14"/>
  <c r="HB55" i="14" s="1"/>
  <c r="FK34" i="14"/>
  <c r="IK34" i="14" s="1"/>
  <c r="EX34" i="14"/>
  <c r="HX34" i="14" s="1"/>
  <c r="EB36" i="14"/>
  <c r="HB36" i="14" s="1"/>
  <c r="L15" i="23" s="1"/>
  <c r="DO36" i="14"/>
  <c r="GO36" i="14" s="1"/>
  <c r="K15" i="23" s="1"/>
  <c r="FG30" i="14"/>
  <c r="IG30" i="14" s="1"/>
  <c r="V9" i="23" s="1"/>
  <c r="ET30" i="14"/>
  <c r="HT30" i="14" s="1"/>
  <c r="U9" i="23" s="1"/>
  <c r="DM58" i="14"/>
  <c r="GM58" i="14" s="1"/>
  <c r="DZ58" i="14"/>
  <c r="GZ58" i="14" s="1"/>
  <c r="EZ33" i="14"/>
  <c r="HZ33" i="14" s="1"/>
  <c r="EM33" i="14"/>
  <c r="HM33" i="14" s="1"/>
  <c r="EP34" i="14"/>
  <c r="HP34" i="14" s="1"/>
  <c r="DW33" i="14"/>
  <c r="GW33" i="14" s="1"/>
  <c r="AA12" i="23" s="1"/>
  <c r="EJ33" i="14"/>
  <c r="HJ33" i="14" s="1"/>
  <c r="AB12" i="23" s="1"/>
  <c r="EI30" i="14"/>
  <c r="HI30" i="14" s="1"/>
  <c r="DV30" i="14"/>
  <c r="GV30" i="14" s="1"/>
  <c r="FD31" i="14"/>
  <c r="ID31" i="14" s="1"/>
  <c r="P10" i="23" s="1"/>
  <c r="EQ31" i="14"/>
  <c r="HQ31" i="14" s="1"/>
  <c r="O10" i="23" s="1"/>
  <c r="DR34" i="14"/>
  <c r="GR34" i="14" s="1"/>
  <c r="Q13" i="23" s="1"/>
  <c r="EE34" i="14"/>
  <c r="HE34" i="14" s="1"/>
  <c r="R13" i="23" s="1"/>
  <c r="CV36" i="14"/>
  <c r="FV36" i="14" s="1"/>
  <c r="DI36" i="14"/>
  <c r="GI36" i="14" s="1"/>
  <c r="EM34" i="14"/>
  <c r="HM34" i="14" s="1"/>
  <c r="EZ34" i="14"/>
  <c r="HZ34" i="14" s="1"/>
  <c r="DT58" i="14"/>
  <c r="GT58" i="14" s="1"/>
  <c r="EG58" i="14"/>
  <c r="HG58" i="14" s="1"/>
  <c r="DI34" i="14"/>
  <c r="GI34" i="14" s="1"/>
  <c r="CV34" i="14"/>
  <c r="FV34" i="14" s="1"/>
  <c r="DC32" i="14"/>
  <c r="GC32" i="14" s="1"/>
  <c r="CP32" i="14"/>
  <c r="FP32" i="14" s="1"/>
  <c r="DQ35" i="14"/>
  <c r="GQ35" i="14" s="1"/>
  <c r="O14" i="23" s="1"/>
  <c r="ED35" i="14"/>
  <c r="HD35" i="14" s="1"/>
  <c r="P14" i="23" s="1"/>
  <c r="DH34" i="14"/>
  <c r="GH34" i="14" s="1"/>
  <c r="CU34" i="14"/>
  <c r="FU34" i="14" s="1"/>
  <c r="DV33" i="14"/>
  <c r="GV33" i="14" s="1"/>
  <c r="Y12" i="23" s="1"/>
  <c r="EI33" i="14"/>
  <c r="HI33" i="14" s="1"/>
  <c r="Z12" i="23" s="1"/>
  <c r="CW55" i="14"/>
  <c r="FW55" i="14" s="1"/>
  <c r="DJ55" i="14"/>
  <c r="GJ55" i="14" s="1"/>
  <c r="FI58" i="14"/>
  <c r="II58" i="14" s="1"/>
  <c r="EV58" i="14"/>
  <c r="HV58" i="14" s="1"/>
  <c r="DJ31" i="14"/>
  <c r="GJ31" i="14" s="1"/>
  <c r="CW31" i="14"/>
  <c r="FW31" i="14" s="1"/>
  <c r="FF27" i="14"/>
  <c r="IF27" i="14" s="1"/>
  <c r="ES27" i="14"/>
  <c r="HS27" i="14" s="1"/>
  <c r="EM55" i="14"/>
  <c r="HM55" i="14" s="1"/>
  <c r="G34" i="23" s="1"/>
  <c r="EZ55" i="14"/>
  <c r="HZ55" i="14" s="1"/>
  <c r="H34" i="23" s="1"/>
  <c r="DN35" i="14"/>
  <c r="GN35" i="14" s="1"/>
  <c r="I14" i="23" s="1"/>
  <c r="EA35" i="14"/>
  <c r="HA35" i="14" s="1"/>
  <c r="J14" i="23" s="1"/>
  <c r="EF28" i="14"/>
  <c r="HF28" i="14" s="1"/>
  <c r="DS28" i="14"/>
  <c r="GS28" i="14" s="1"/>
  <c r="CX30" i="14"/>
  <c r="FX30" i="14" s="1"/>
  <c r="DK30" i="14"/>
  <c r="GK30" i="14" s="1"/>
  <c r="DG55" i="14"/>
  <c r="GG55" i="14" s="1"/>
  <c r="CT55" i="14"/>
  <c r="FT55" i="14" s="1"/>
  <c r="EF35" i="14"/>
  <c r="HF35" i="14" s="1"/>
  <c r="T14" i="23" s="1"/>
  <c r="DS35" i="14"/>
  <c r="GS35" i="14" s="1"/>
  <c r="S14" i="23" s="1"/>
  <c r="FK55" i="14"/>
  <c r="IK55" i="14" s="1"/>
  <c r="AD34" i="23" s="1"/>
  <c r="EX55" i="14"/>
  <c r="HX55" i="14" s="1"/>
  <c r="AC34" i="23" s="1"/>
  <c r="EZ31" i="14"/>
  <c r="HZ31" i="14" s="1"/>
  <c r="H10" i="23" s="1"/>
  <c r="EM31" i="14"/>
  <c r="HM31" i="14" s="1"/>
  <c r="G10" i="23" s="1"/>
  <c r="ES30" i="14"/>
  <c r="HS30" i="14" s="1"/>
  <c r="S9" i="23" s="1"/>
  <c r="FF30" i="14"/>
  <c r="IF30" i="14" s="1"/>
  <c r="T9" i="23" s="1"/>
  <c r="EQ55" i="14"/>
  <c r="HQ55" i="14" s="1"/>
  <c r="O34" i="23" s="1"/>
  <c r="FD55" i="14"/>
  <c r="ID55" i="14" s="1"/>
  <c r="P34" i="23" s="1"/>
  <c r="DZ35" i="14"/>
  <c r="GZ35" i="14" s="1"/>
  <c r="H14" i="23" s="1"/>
  <c r="DM35" i="14"/>
  <c r="GM35" i="14" s="1"/>
  <c r="G14" i="23" s="1"/>
  <c r="EH55" i="14"/>
  <c r="HH55" i="14" s="1"/>
  <c r="DU55" i="14"/>
  <c r="GU55" i="14" s="1"/>
  <c r="EB34" i="14"/>
  <c r="HB34" i="14" s="1"/>
  <c r="L13" i="23" s="1"/>
  <c r="DO34" i="14"/>
  <c r="GO34" i="14" s="1"/>
  <c r="K13" i="23" s="1"/>
  <c r="CQ36" i="14"/>
  <c r="FQ36" i="14" s="1"/>
  <c r="DD36" i="14"/>
  <c r="GD36" i="14" s="1"/>
  <c r="DT35" i="14"/>
  <c r="GT35" i="14" s="1"/>
  <c r="U14" i="23" s="1"/>
  <c r="EG35" i="14"/>
  <c r="HG35" i="14" s="1"/>
  <c r="V14" i="23" s="1"/>
  <c r="EC55" i="14"/>
  <c r="HC55" i="14" s="1"/>
  <c r="DP55" i="14"/>
  <c r="GP55" i="14" s="1"/>
  <c r="DF33" i="14"/>
  <c r="GF33" i="14" s="1"/>
  <c r="CS33" i="14"/>
  <c r="FS33" i="14" s="1"/>
  <c r="EQ56" i="14"/>
  <c r="HQ56" i="14" s="1"/>
  <c r="O35" i="23" s="1"/>
  <c r="FD56" i="14"/>
  <c r="ID56" i="14" s="1"/>
  <c r="P35" i="23" s="1"/>
  <c r="DP35" i="14"/>
  <c r="GP35" i="14" s="1"/>
  <c r="M14" i="23" s="1"/>
  <c r="EC35" i="14"/>
  <c r="HC35" i="14" s="1"/>
  <c r="N14" i="23" s="1"/>
  <c r="CT36" i="14"/>
  <c r="FT36" i="14" s="1"/>
  <c r="DG36" i="14"/>
  <c r="GG36" i="14" s="1"/>
  <c r="FB56" i="14"/>
  <c r="IB56" i="14" s="1"/>
  <c r="L35" i="23" s="1"/>
  <c r="EO56" i="14"/>
  <c r="HO56" i="14" s="1"/>
  <c r="K35" i="23" s="1"/>
  <c r="FB36" i="14"/>
  <c r="IB36" i="14" s="1"/>
  <c r="EO36" i="14"/>
  <c r="HO36" i="14" s="1"/>
  <c r="DH35" i="14"/>
  <c r="GH35" i="14" s="1"/>
  <c r="CU35" i="14"/>
  <c r="FU35" i="14" s="1"/>
  <c r="EM58" i="14"/>
  <c r="HM58" i="14" s="1"/>
  <c r="EZ58" i="14"/>
  <c r="HZ58" i="14" s="1"/>
  <c r="EC34" i="14"/>
  <c r="HC34" i="14" s="1"/>
  <c r="N13" i="23" s="1"/>
  <c r="DP34" i="14"/>
  <c r="GP34" i="14" s="1"/>
  <c r="M13" i="23" s="1"/>
  <c r="EW33" i="14"/>
  <c r="HW33" i="14" s="1"/>
  <c r="FJ33" i="14"/>
  <c r="IJ33" i="14" s="1"/>
  <c r="EV27" i="14"/>
  <c r="HV27" i="14" s="1"/>
  <c r="FI27" i="14"/>
  <c r="II27" i="14" s="1"/>
  <c r="EV30" i="14"/>
  <c r="HV30" i="14" s="1"/>
  <c r="Y9" i="23" s="1"/>
  <c r="FI30" i="14"/>
  <c r="II30" i="14" s="1"/>
  <c r="Z9" i="23" s="1"/>
  <c r="DF56" i="14"/>
  <c r="GF56" i="14" s="1"/>
  <c r="CS56" i="14"/>
  <c r="FS56" i="14" s="1"/>
  <c r="EI36" i="14"/>
  <c r="HI36" i="14" s="1"/>
  <c r="Z15" i="23" s="1"/>
  <c r="DV36" i="14"/>
  <c r="GV36" i="14" s="1"/>
  <c r="Y15" i="23" s="1"/>
  <c r="DR56" i="14"/>
  <c r="GR56" i="14" s="1"/>
  <c r="EE56" i="14"/>
  <c r="HE56" i="14" s="1"/>
  <c r="CQ33" i="14"/>
  <c r="FQ33" i="14" s="1"/>
  <c r="DD33" i="14"/>
  <c r="GD33" i="14" s="1"/>
  <c r="DH36" i="14"/>
  <c r="GH36" i="14" s="1"/>
  <c r="CU36" i="14"/>
  <c r="FU36" i="14" s="1"/>
  <c r="FD33" i="14"/>
  <c r="ID33" i="14" s="1"/>
  <c r="EQ33" i="14"/>
  <c r="HQ33" i="14" s="1"/>
  <c r="CR33" i="14"/>
  <c r="FR33" i="14" s="1"/>
  <c r="DE33" i="14"/>
  <c r="GE33" i="14" s="1"/>
  <c r="ET56" i="14"/>
  <c r="HT56" i="14" s="1"/>
  <c r="U35" i="23" s="1"/>
  <c r="FG56" i="14"/>
  <c r="IG56" i="14" s="1"/>
  <c r="V35" i="23" s="1"/>
  <c r="CP30" i="14"/>
  <c r="FP30" i="14" s="1"/>
  <c r="DC30" i="14"/>
  <c r="GC30" i="14" s="1"/>
  <c r="ET58" i="14"/>
  <c r="HT58" i="14" s="1"/>
  <c r="FG58" i="14"/>
  <c r="IG58" i="14" s="1"/>
  <c r="DK35" i="14"/>
  <c r="GK35" i="14" s="1"/>
  <c r="CX35" i="14"/>
  <c r="FX35" i="14" s="1"/>
  <c r="EC32" i="14"/>
  <c r="HC32" i="14" s="1"/>
  <c r="DP32" i="14"/>
  <c r="GP32" i="14" s="1"/>
  <c r="EQ35" i="14"/>
  <c r="HQ35" i="14" s="1"/>
  <c r="FD35" i="14"/>
  <c r="ID35" i="14" s="1"/>
  <c r="CU58" i="14"/>
  <c r="FU58" i="14" s="1"/>
  <c r="DH58" i="14"/>
  <c r="GH58" i="14" s="1"/>
  <c r="EV33" i="14"/>
  <c r="HV33" i="14" s="1"/>
  <c r="FI33" i="14"/>
  <c r="II33" i="14" s="1"/>
  <c r="DW55" i="14"/>
  <c r="GW55" i="14" s="1"/>
  <c r="EJ55" i="14"/>
  <c r="HJ55" i="14" s="1"/>
  <c r="CV55" i="14"/>
  <c r="FV55" i="14" s="1"/>
  <c r="DI55" i="14"/>
  <c r="GI55" i="14" s="1"/>
  <c r="CS27" i="14"/>
  <c r="FS27" i="14" s="1"/>
  <c r="DF27" i="14"/>
  <c r="GF27" i="14" s="1"/>
  <c r="DG34" i="14"/>
  <c r="GG34" i="14" s="1"/>
  <c r="CT34" i="14"/>
  <c r="FT34" i="14" s="1"/>
  <c r="CR58" i="14"/>
  <c r="FR58" i="14" s="1"/>
  <c r="DE58" i="14"/>
  <c r="GE58" i="14" s="1"/>
  <c r="EN35" i="14"/>
  <c r="HN35" i="14" s="1"/>
  <c r="FA35" i="14"/>
  <c r="IA35" i="14" s="1"/>
  <c r="FF28" i="14"/>
  <c r="IF28" i="14" s="1"/>
  <c r="ES28" i="14"/>
  <c r="HS28" i="14" s="1"/>
  <c r="EK30" i="14"/>
  <c r="HK30" i="14" s="1"/>
  <c r="DX30" i="14"/>
  <c r="GX30" i="14" s="1"/>
  <c r="DT55" i="14"/>
  <c r="GT55" i="14" s="1"/>
  <c r="EG55" i="14"/>
  <c r="HG55" i="14" s="1"/>
  <c r="ES36" i="14"/>
  <c r="HS36" i="14" s="1"/>
  <c r="FF36" i="14"/>
  <c r="IF36" i="14" s="1"/>
  <c r="DH30" i="14"/>
  <c r="GH30" i="14" s="1"/>
  <c r="CU30" i="14"/>
  <c r="FU30" i="14" s="1"/>
  <c r="CZ31" i="14"/>
  <c r="FZ31" i="14" s="1"/>
  <c r="CM31" i="14"/>
  <c r="FM31" i="14" s="1"/>
  <c r="CM30" i="14"/>
  <c r="FM30" i="14" s="1"/>
  <c r="CZ30" i="14"/>
  <c r="FZ30" i="14" s="1"/>
  <c r="EO31" i="14"/>
  <c r="HO31" i="14" s="1"/>
  <c r="K10" i="23" s="1"/>
  <c r="FB31" i="14"/>
  <c r="IB31" i="14" s="1"/>
  <c r="L10" i="23" s="1"/>
  <c r="DQ55" i="14"/>
  <c r="GQ55" i="14" s="1"/>
  <c r="ED55" i="14"/>
  <c r="HD55" i="14" s="1"/>
  <c r="DT31" i="14"/>
  <c r="GT31" i="14" s="1"/>
  <c r="FH55" i="14"/>
  <c r="IH55" i="14" s="1"/>
  <c r="X34" i="23" s="1"/>
  <c r="EU55" i="14"/>
  <c r="HU55" i="14" s="1"/>
  <c r="W34" i="23" s="1"/>
  <c r="FB34" i="14"/>
  <c r="IB34" i="14" s="1"/>
  <c r="EO34" i="14"/>
  <c r="HO34" i="14" s="1"/>
  <c r="ED32" i="14"/>
  <c r="HD32" i="14" s="1"/>
  <c r="DQ32" i="14"/>
  <c r="GQ32" i="14" s="1"/>
  <c r="ET35" i="14"/>
  <c r="HT35" i="14" s="1"/>
  <c r="FG35" i="14"/>
  <c r="IG35" i="14" s="1"/>
  <c r="EH33" i="14"/>
  <c r="HH33" i="14" s="1"/>
  <c r="X12" i="23" s="1"/>
  <c r="DU33" i="14"/>
  <c r="GU33" i="14" s="1"/>
  <c r="W12" i="23" s="1"/>
  <c r="EP55" i="14"/>
  <c r="HP55" i="14" s="1"/>
  <c r="M34" i="23" s="1"/>
  <c r="FC55" i="14"/>
  <c r="IC55" i="14" s="1"/>
  <c r="N34" i="23" s="1"/>
  <c r="DS33" i="14"/>
  <c r="GS33" i="14" s="1"/>
  <c r="S12" i="23" s="1"/>
  <c r="EF33" i="14"/>
  <c r="HF33" i="14" s="1"/>
  <c r="T12" i="23" s="1"/>
  <c r="EP35" i="14"/>
  <c r="HP35" i="14" s="1"/>
  <c r="FC35" i="14"/>
  <c r="IC35" i="14" s="1"/>
  <c r="ET36" i="14"/>
  <c r="HT36" i="14" s="1"/>
  <c r="FG36" i="14"/>
  <c r="IG36" i="14" s="1"/>
  <c r="FA55" i="14"/>
  <c r="IA55" i="14" s="1"/>
  <c r="J34" i="23" s="1"/>
  <c r="EN55" i="14"/>
  <c r="HN55" i="14" s="1"/>
  <c r="I34" i="23" s="1"/>
  <c r="EB56" i="14"/>
  <c r="HB56" i="14" s="1"/>
  <c r="DO56" i="14"/>
  <c r="GO56" i="14" s="1"/>
  <c r="EH35" i="14"/>
  <c r="HH35" i="14" s="1"/>
  <c r="X14" i="23" s="1"/>
  <c r="DU35" i="14"/>
  <c r="GU35" i="14" s="1"/>
  <c r="W14" i="23" s="1"/>
  <c r="CZ58" i="14"/>
  <c r="FZ58" i="14" s="1"/>
  <c r="CM58" i="14"/>
  <c r="FM58" i="14" s="1"/>
  <c r="CP58" i="14"/>
  <c r="FP58" i="14" s="1"/>
  <c r="DC58" i="14"/>
  <c r="GC58" i="14" s="1"/>
  <c r="CW33" i="14"/>
  <c r="FW33" i="14" s="1"/>
  <c r="DJ33" i="14"/>
  <c r="GJ33" i="14" s="1"/>
  <c r="CV27" i="14"/>
  <c r="FV27" i="14" s="1"/>
  <c r="DI27" i="14"/>
  <c r="GI27" i="14" s="1"/>
  <c r="DI30" i="14"/>
  <c r="GI30" i="14" s="1"/>
  <c r="CV30" i="14"/>
  <c r="FV30" i="14" s="1"/>
  <c r="DZ32" i="14"/>
  <c r="GZ32" i="14" s="1"/>
  <c r="DM32" i="14"/>
  <c r="GM32" i="14" s="1"/>
  <c r="DS56" i="14"/>
  <c r="GS56" i="14" s="1"/>
  <c r="EF56" i="14"/>
  <c r="HF56" i="14" s="1"/>
  <c r="EN32" i="14"/>
  <c r="HN32" i="14" s="1"/>
  <c r="I11" i="23" s="1"/>
  <c r="FA32" i="14"/>
  <c r="IA32" i="14" s="1"/>
  <c r="J11" i="23" s="1"/>
  <c r="FE56" i="14"/>
  <c r="IE56" i="14" s="1"/>
  <c r="R35" i="23" s="1"/>
  <c r="ER56" i="14"/>
  <c r="HR56" i="14" s="1"/>
  <c r="Q35" i="23" s="1"/>
  <c r="EN30" i="14"/>
  <c r="HN30" i="14" s="1"/>
  <c r="I9" i="23" s="1"/>
  <c r="FA30" i="14"/>
  <c r="IA30" i="14" s="1"/>
  <c r="J9" i="23" s="1"/>
  <c r="DG56" i="14"/>
  <c r="GG56" i="14" s="1"/>
  <c r="CT56" i="14"/>
  <c r="FT56" i="14" s="1"/>
  <c r="ED33" i="14"/>
  <c r="HD33" i="14" s="1"/>
  <c r="P12" i="23" s="1"/>
  <c r="DQ33" i="14"/>
  <c r="GQ33" i="14" s="1"/>
  <c r="O12" i="23" s="1"/>
  <c r="DT56" i="14"/>
  <c r="GT56" i="14" s="1"/>
  <c r="EG56" i="14"/>
  <c r="HG56" i="14" s="1"/>
  <c r="DM34" i="14"/>
  <c r="GM34" i="14" s="1"/>
  <c r="G13" i="23" s="1"/>
  <c r="DZ34" i="14"/>
  <c r="GZ34" i="14" s="1"/>
  <c r="H13" i="23" s="1"/>
  <c r="FE55" i="14"/>
  <c r="IE55" i="14" s="1"/>
  <c r="R34" i="23" s="1"/>
  <c r="ER55" i="14"/>
  <c r="HR55" i="14" s="1"/>
  <c r="Q34" i="23" s="1"/>
  <c r="EC30" i="14"/>
  <c r="HC30" i="14" s="1"/>
  <c r="DP30" i="14"/>
  <c r="GP30" i="14" s="1"/>
  <c r="EI31" i="14"/>
  <c r="HI31" i="14" s="1"/>
  <c r="DV31" i="14"/>
  <c r="GV31" i="14" s="1"/>
  <c r="DX35" i="14"/>
  <c r="GX35" i="14" s="1"/>
  <c r="AC14" i="23" s="1"/>
  <c r="EK35" i="14"/>
  <c r="HK35" i="14" s="1"/>
  <c r="AD14" i="23" s="1"/>
  <c r="CN31" i="14"/>
  <c r="FN31" i="14" s="1"/>
  <c r="DA31" i="14"/>
  <c r="GA31" i="14" s="1"/>
  <c r="CR30" i="14"/>
  <c r="FR30" i="14" s="1"/>
  <c r="DE30" i="14"/>
  <c r="GE30" i="14" s="1"/>
  <c r="CW58" i="14"/>
  <c r="FW58" i="14" s="1"/>
  <c r="DJ58" i="14"/>
  <c r="GJ58" i="14" s="1"/>
  <c r="EU58" i="14"/>
  <c r="HU58" i="14" s="1"/>
  <c r="FH58" i="14"/>
  <c r="IH58" i="14" s="1"/>
  <c r="EW55" i="14"/>
  <c r="HW55" i="14" s="1"/>
  <c r="AA34" i="23" s="1"/>
  <c r="FJ55" i="14"/>
  <c r="IJ55" i="14" s="1"/>
  <c r="AB34" i="23" s="1"/>
  <c r="FI55" i="14"/>
  <c r="II55" i="14" s="1"/>
  <c r="Z34" i="23" s="1"/>
  <c r="EV55" i="14"/>
  <c r="HV55" i="14" s="1"/>
  <c r="Y34" i="23" s="1"/>
  <c r="EK32" i="14"/>
  <c r="HK32" i="14" s="1"/>
  <c r="DX32" i="14"/>
  <c r="GX32" i="14" s="1"/>
  <c r="EG27" i="14"/>
  <c r="HG27" i="14" s="1"/>
  <c r="DT27" i="14"/>
  <c r="GT27" i="14" s="1"/>
  <c r="DT34" i="14"/>
  <c r="GT34" i="14" s="1"/>
  <c r="U13" i="23" s="1"/>
  <c r="EG34" i="14"/>
  <c r="HG34" i="14" s="1"/>
  <c r="V13" i="23" s="1"/>
  <c r="FE58" i="14"/>
  <c r="IE58" i="14" s="1"/>
  <c r="ER58" i="14"/>
  <c r="HR58" i="14" s="1"/>
  <c r="CR36" i="14"/>
  <c r="FR36" i="14" s="1"/>
  <c r="DE36" i="14"/>
  <c r="GE36" i="14" s="1"/>
  <c r="DF28" i="14"/>
  <c r="GF28" i="14" s="1"/>
  <c r="CS28" i="14"/>
  <c r="FS28" i="14" s="1"/>
  <c r="FG55" i="14"/>
  <c r="IG55" i="14" s="1"/>
  <c r="V34" i="23" s="1"/>
  <c r="ET55" i="14"/>
  <c r="HT55" i="14" s="1"/>
  <c r="U34" i="23" s="1"/>
  <c r="DF36" i="14"/>
  <c r="GF36" i="14" s="1"/>
  <c r="CS36" i="14"/>
  <c r="FS36" i="14" s="1"/>
  <c r="EH30" i="14"/>
  <c r="HH30" i="14" s="1"/>
  <c r="DU30" i="14"/>
  <c r="GU30" i="14" s="1"/>
  <c r="CO33" i="14"/>
  <c r="FO33" i="14" s="1"/>
  <c r="DB33" i="14"/>
  <c r="GB33" i="14" s="1"/>
  <c r="DZ30" i="14"/>
  <c r="GZ30" i="14" s="1"/>
  <c r="DM30" i="14"/>
  <c r="GM30" i="14" s="1"/>
  <c r="DO31" i="14"/>
  <c r="GO31" i="14" s="1"/>
  <c r="DD55" i="14"/>
  <c r="GD55" i="14" s="1"/>
  <c r="CQ55" i="14"/>
  <c r="FQ55" i="14" s="1"/>
  <c r="ET31" i="14"/>
  <c r="HT31" i="14" s="1"/>
  <c r="U10" i="23" s="1"/>
  <c r="FG31" i="14"/>
  <c r="IG31" i="14" s="1"/>
  <c r="V10" i="23" s="1"/>
  <c r="EI56" i="14"/>
  <c r="HI56" i="14" s="1"/>
  <c r="DV56" i="14"/>
  <c r="GV56" i="14" s="1"/>
  <c r="DH31" i="14"/>
  <c r="GH31" i="14" s="1"/>
  <c r="CU31" i="14"/>
  <c r="FU31" i="14" s="1"/>
  <c r="DB34" i="14"/>
  <c r="GB34" i="14" s="1"/>
  <c r="CO34" i="14"/>
  <c r="FO34" i="14" s="1"/>
  <c r="DD32" i="14"/>
  <c r="GD32" i="14" s="1"/>
  <c r="CQ32" i="14"/>
  <c r="FQ32" i="14" s="1"/>
  <c r="EH56" i="14"/>
  <c r="HH56" i="14" s="1"/>
  <c r="DU56" i="14"/>
  <c r="GU56" i="14" s="1"/>
  <c r="DH33" i="14"/>
  <c r="GH33" i="14" s="1"/>
  <c r="CU33" i="14"/>
  <c r="FU33" i="14" s="1"/>
  <c r="EX58" i="14"/>
  <c r="HX58" i="14" s="1"/>
  <c r="FK58" i="14"/>
  <c r="IK58" i="14" s="1"/>
  <c r="ES33" i="14"/>
  <c r="HS33" i="14" s="1"/>
  <c r="FF33" i="14"/>
  <c r="IF33" i="14" s="1"/>
  <c r="EH27" i="14"/>
  <c r="HH27" i="14" s="1"/>
  <c r="DU27" i="14"/>
  <c r="GU27" i="14" s="1"/>
  <c r="DT36" i="14"/>
  <c r="GT36" i="14" s="1"/>
  <c r="U15" i="23" s="1"/>
  <c r="EG36" i="14"/>
  <c r="HG36" i="14" s="1"/>
  <c r="V15" i="23" s="1"/>
  <c r="CN55" i="14"/>
  <c r="FN55" i="14" s="1"/>
  <c r="DA55" i="14"/>
  <c r="GA55" i="14" s="1"/>
  <c r="FA36" i="14"/>
  <c r="IA36" i="14" s="1"/>
  <c r="EN36" i="14"/>
  <c r="HN36" i="14" s="1"/>
  <c r="DB56" i="14"/>
  <c r="GB56" i="14" s="1"/>
  <c r="CO56" i="14"/>
  <c r="FO56" i="14" s="1"/>
  <c r="FH35" i="14"/>
  <c r="IH35" i="14" s="1"/>
  <c r="EU35" i="14"/>
  <c r="HU35" i="14" s="1"/>
  <c r="EW57" i="14"/>
  <c r="HW57" i="14" s="1"/>
  <c r="FJ57" i="14"/>
  <c r="IJ57" i="14" s="1"/>
  <c r="DP58" i="14"/>
  <c r="GP58" i="14" s="1"/>
  <c r="EC58" i="14"/>
  <c r="HC58" i="14" s="1"/>
  <c r="DV27" i="14"/>
  <c r="GV27" i="14" s="1"/>
  <c r="EI27" i="14"/>
  <c r="HI27" i="14" s="1"/>
  <c r="DJ56" i="14"/>
  <c r="GJ56" i="14" s="1"/>
  <c r="CW56" i="14"/>
  <c r="FW56" i="14" s="1"/>
  <c r="EM32" i="14"/>
  <c r="HM32" i="14" s="1"/>
  <c r="G11" i="23" s="1"/>
  <c r="EZ32" i="14"/>
  <c r="HZ32" i="14" s="1"/>
  <c r="H11" i="23" s="1"/>
  <c r="FF56" i="14"/>
  <c r="IF56" i="14" s="1"/>
  <c r="T35" i="23" s="1"/>
  <c r="ES56" i="14"/>
  <c r="HS56" i="14" s="1"/>
  <c r="S35" i="23" s="1"/>
  <c r="CN32" i="14"/>
  <c r="FN32" i="14" s="1"/>
  <c r="FA58" i="14"/>
  <c r="IA58" i="14" s="1"/>
  <c r="EN58" i="14"/>
  <c r="HN58" i="14" s="1"/>
  <c r="FH36" i="14"/>
  <c r="IH36" i="14" s="1"/>
  <c r="EU36" i="14"/>
  <c r="HU36" i="14" s="1"/>
  <c r="DO30" i="14"/>
  <c r="GO30" i="14" s="1"/>
  <c r="EB30" i="14"/>
  <c r="HB30" i="14" s="1"/>
  <c r="EE33" i="14"/>
  <c r="HE33" i="14" s="1"/>
  <c r="R12" i="23" s="1"/>
  <c r="DR33" i="14"/>
  <c r="GR33" i="14" s="1"/>
  <c r="Q12" i="23" s="1"/>
  <c r="DA58" i="14"/>
  <c r="GA58" i="14" s="1"/>
  <c r="CN58" i="14"/>
  <c r="FN58" i="14" s="1"/>
  <c r="ER33" i="14"/>
  <c r="HR33" i="14" s="1"/>
  <c r="FE33" i="14"/>
  <c r="IE33" i="14" s="1"/>
  <c r="DR55" i="14"/>
  <c r="GR55" i="14" s="1"/>
  <c r="EE55" i="14"/>
  <c r="HE55" i="14" s="1"/>
  <c r="EP33" i="14"/>
  <c r="HP33" i="14" s="1"/>
  <c r="FC33" i="14"/>
  <c r="IC33" i="14" s="1"/>
  <c r="FC30" i="14"/>
  <c r="IC30" i="14" s="1"/>
  <c r="N9" i="23" s="1"/>
  <c r="EP30" i="14"/>
  <c r="HP30" i="14" s="1"/>
  <c r="M9" i="23" s="1"/>
  <c r="EV31" i="14"/>
  <c r="HV31" i="14" s="1"/>
  <c r="Y10" i="23" s="1"/>
  <c r="FI31" i="14"/>
  <c r="II31" i="14" s="1"/>
  <c r="Z10" i="23" s="1"/>
  <c r="FK35" i="14"/>
  <c r="IK35" i="14" s="1"/>
  <c r="EX35" i="14"/>
  <c r="HX35" i="14" s="1"/>
  <c r="EN31" i="14"/>
  <c r="HN31" i="14" s="1"/>
  <c r="I10" i="23" s="1"/>
  <c r="FA31" i="14"/>
  <c r="IA31" i="14" s="1"/>
  <c r="J10" i="23" s="1"/>
  <c r="DR30" i="14"/>
  <c r="GR30" i="14" s="1"/>
  <c r="EE30" i="14"/>
  <c r="HE30" i="14" s="1"/>
  <c r="EZ36" i="14"/>
  <c r="HZ36" i="14" s="1"/>
  <c r="EM36" i="14"/>
  <c r="HM36" i="14" s="1"/>
  <c r="EW58" i="14"/>
  <c r="HW58" i="14" s="1"/>
  <c r="FJ58" i="14"/>
  <c r="IJ58" i="14" s="1"/>
  <c r="DU58" i="14"/>
  <c r="GU58" i="14" s="1"/>
  <c r="EH58" i="14"/>
  <c r="HH58" i="14" s="1"/>
  <c r="CZ56" i="14"/>
  <c r="FZ56" i="14" s="1"/>
  <c r="CM56" i="14"/>
  <c r="FM56" i="14" s="1"/>
  <c r="EI55" i="14"/>
  <c r="HI55" i="14" s="1"/>
  <c r="DV55" i="14"/>
  <c r="GV55" i="14" s="1"/>
  <c r="CX32" i="14"/>
  <c r="FX32" i="14" s="1"/>
  <c r="DK32" i="14"/>
  <c r="GK32" i="14" s="1"/>
  <c r="FG27" i="14"/>
  <c r="IG27" i="14" s="1"/>
  <c r="ET27" i="14"/>
  <c r="HT27" i="14" s="1"/>
  <c r="ET34" i="14"/>
  <c r="HT34" i="14" s="1"/>
  <c r="FG34" i="14"/>
  <c r="IG34" i="14" s="1"/>
  <c r="EE58" i="14"/>
  <c r="HE58" i="14" s="1"/>
  <c r="DR58" i="14"/>
  <c r="GR58" i="14" s="1"/>
  <c r="EE36" i="14"/>
  <c r="HE36" i="14" s="1"/>
  <c r="R15" i="23" s="1"/>
  <c r="DR36" i="14"/>
  <c r="GR36" i="14" s="1"/>
  <c r="Q15" i="23" s="1"/>
  <c r="CO58" i="14"/>
  <c r="FO58" i="14" s="1"/>
  <c r="DB58" i="14"/>
  <c r="GB58" i="14" s="1"/>
  <c r="DS36" i="14"/>
  <c r="GS36" i="14" s="1"/>
  <c r="S15" i="23" s="1"/>
  <c r="EF36" i="14"/>
  <c r="HF36" i="14" s="1"/>
  <c r="T15" i="23" s="1"/>
  <c r="EU30" i="14"/>
  <c r="HU30" i="14" s="1"/>
  <c r="W9" i="23" s="1"/>
  <c r="FH30" i="14"/>
  <c r="IH30" i="14" s="1"/>
  <c r="X9" i="23" s="1"/>
  <c r="EB33" i="14"/>
  <c r="HB33" i="14" s="1"/>
  <c r="L12" i="23" s="1"/>
  <c r="DO33" i="14"/>
  <c r="GO33" i="14" s="1"/>
  <c r="K12" i="23" s="1"/>
  <c r="EZ30" i="14"/>
  <c r="HZ30" i="14" s="1"/>
  <c r="H9" i="23" s="1"/>
  <c r="EM30" i="14"/>
  <c r="HM30" i="14" s="1"/>
  <c r="G9" i="23" s="1"/>
  <c r="CO31" i="14"/>
  <c r="FO31" i="14" s="1"/>
  <c r="DB31" i="14"/>
  <c r="GB31" i="14" s="1"/>
  <c r="CQ30" i="14"/>
  <c r="FQ30" i="14" s="1"/>
  <c r="DD30" i="14"/>
  <c r="GD30" i="14" s="1"/>
  <c r="CT31" i="14"/>
  <c r="FT31" i="14" s="1"/>
  <c r="FI56" i="14"/>
  <c r="II56" i="14" s="1"/>
  <c r="Z35" i="23" s="1"/>
  <c r="EV56" i="14"/>
  <c r="HV56" i="14" s="1"/>
  <c r="Y35" i="23" s="1"/>
  <c r="DW32" i="14"/>
  <c r="GW32" i="14" s="1"/>
  <c r="EJ32" i="14"/>
  <c r="HJ32" i="14" s="1"/>
  <c r="DO35" i="14"/>
  <c r="GO35" i="14" s="1"/>
  <c r="K14" i="23" s="1"/>
  <c r="EB35" i="14"/>
  <c r="HB35" i="14" s="1"/>
  <c r="L14" i="23" s="1"/>
  <c r="EQ32" i="14"/>
  <c r="HQ32" i="14" s="1"/>
  <c r="O11" i="23" s="1"/>
  <c r="FD32" i="14"/>
  <c r="ID32" i="14" s="1"/>
  <c r="P11" i="23" s="1"/>
  <c r="EU56" i="14"/>
  <c r="HU56" i="14" s="1"/>
  <c r="W35" i="23" s="1"/>
  <c r="FH56" i="14"/>
  <c r="IH56" i="14" s="1"/>
  <c r="X35" i="23" s="1"/>
  <c r="DK58" i="14"/>
  <c r="GK58" i="14" s="1"/>
  <c r="CX58" i="14"/>
  <c r="FX58" i="14" s="1"/>
  <c r="EF55" i="14"/>
  <c r="HF55" i="14" s="1"/>
  <c r="DS55" i="14"/>
  <c r="GS55" i="14" s="1"/>
  <c r="DA34" i="14"/>
  <c r="GA34" i="14" s="1"/>
  <c r="CN34" i="14"/>
  <c r="FN34" i="14" s="1"/>
  <c r="DF31" i="14"/>
  <c r="GF31" i="14" s="1"/>
  <c r="CS31" i="14"/>
  <c r="FS31" i="14" s="1"/>
  <c r="FH27" i="14"/>
  <c r="IH27" i="14" s="1"/>
  <c r="EU27" i="14"/>
  <c r="HU27" i="14" s="1"/>
  <c r="EA55" i="14"/>
  <c r="HA55" i="14" s="1"/>
  <c r="DN55" i="14"/>
  <c r="GN55" i="14" s="1"/>
  <c r="CN36" i="14"/>
  <c r="FN36" i="14" s="1"/>
  <c r="DA36" i="14"/>
  <c r="GA36" i="14" s="1"/>
  <c r="DJ35" i="14"/>
  <c r="GJ35" i="14" s="1"/>
  <c r="CW35" i="14"/>
  <c r="FW35" i="14" s="1"/>
  <c r="DC36" i="14"/>
  <c r="GC36" i="14" s="1"/>
  <c r="CP36" i="14"/>
  <c r="FP36" i="14" s="1"/>
  <c r="CW57" i="14"/>
  <c r="FW57" i="14" s="1"/>
  <c r="DJ57" i="14"/>
  <c r="GJ57" i="14" s="1"/>
  <c r="DS34" i="14"/>
  <c r="GS34" i="14" s="1"/>
  <c r="S13" i="23" s="1"/>
  <c r="EF34" i="14"/>
  <c r="HF34" i="14" s="1"/>
  <c r="T13" i="23" s="1"/>
  <c r="FC58" i="14"/>
  <c r="IC58" i="14" s="1"/>
  <c r="EP58" i="14"/>
  <c r="HP58" i="14" s="1"/>
  <c r="EW56" i="14"/>
  <c r="HW56" i="14" s="1"/>
  <c r="AA35" i="23" s="1"/>
  <c r="FJ56" i="14"/>
  <c r="IJ56" i="14" s="1"/>
  <c r="AB35" i="23" s="1"/>
  <c r="EI35" i="14"/>
  <c r="HI35" i="14" s="1"/>
  <c r="Z14" i="23" s="1"/>
  <c r="DV35" i="14"/>
  <c r="GV35" i="14" s="1"/>
  <c r="Y14" i="23" s="1"/>
  <c r="EA32" i="14"/>
  <c r="HA32" i="14" s="1"/>
  <c r="DN32" i="14"/>
  <c r="GN32" i="14" s="1"/>
  <c r="EA30" i="14"/>
  <c r="HA30" i="14" s="1"/>
  <c r="DN30" i="14"/>
  <c r="GN30" i="14" s="1"/>
  <c r="DE56" i="14"/>
  <c r="GE56" i="14" s="1"/>
  <c r="CR56" i="14"/>
  <c r="FR56" i="14" s="1"/>
  <c r="EA58" i="14"/>
  <c r="HA58" i="14" s="1"/>
  <c r="DN58" i="14"/>
  <c r="GN58" i="14" s="1"/>
  <c r="CN30" i="14"/>
  <c r="FN30" i="14" s="1"/>
  <c r="DA30" i="14"/>
  <c r="GA30" i="14" s="1"/>
  <c r="CR55" i="14"/>
  <c r="FR55" i="14" s="1"/>
  <c r="DE55" i="14"/>
  <c r="GE55" i="14" s="1"/>
  <c r="DC33" i="14"/>
  <c r="GC33" i="14" s="1"/>
  <c r="CP33" i="14"/>
  <c r="FP33" i="14" s="1"/>
  <c r="EE31" i="14"/>
  <c r="HE31" i="14" s="1"/>
  <c r="DR31" i="14"/>
  <c r="GR31" i="14" s="1"/>
  <c r="DI31" i="14"/>
  <c r="GI31" i="14" s="1"/>
  <c r="CV31" i="14"/>
  <c r="FV31" i="14" s="1"/>
  <c r="FJ36" i="14"/>
  <c r="IJ36" i="14" s="1"/>
  <c r="EW36" i="14"/>
  <c r="HW36" i="14" s="1"/>
  <c r="DJ30" i="14"/>
  <c r="GJ30" i="14" s="1"/>
  <c r="CW30" i="14"/>
  <c r="FW30" i="14" s="1"/>
  <c r="DN31" i="14"/>
  <c r="GN31" i="14" s="1"/>
  <c r="EA31" i="14"/>
  <c r="HA31" i="14" s="1"/>
  <c r="ER30" i="14"/>
  <c r="HR30" i="14" s="1"/>
  <c r="Q9" i="23" s="1"/>
  <c r="FE30" i="14"/>
  <c r="IE30" i="14" s="1"/>
  <c r="R9" i="23" s="1"/>
  <c r="DZ36" i="14"/>
  <c r="GZ36" i="14" s="1"/>
  <c r="H15" i="23" s="1"/>
  <c r="DM36" i="14"/>
  <c r="GM36" i="14" s="1"/>
  <c r="G15" i="23" s="1"/>
  <c r="EJ58" i="14"/>
  <c r="HJ58" i="14" s="1"/>
  <c r="DW58" i="14"/>
  <c r="GW58" i="14" s="1"/>
  <c r="DX31" i="14"/>
  <c r="GX31" i="14" s="1"/>
  <c r="EK31" i="14"/>
  <c r="HK31" i="14" s="1"/>
  <c r="DM56" i="14"/>
  <c r="GM56" i="14" s="1"/>
  <c r="DZ56" i="14"/>
  <c r="GZ56" i="14" s="1"/>
  <c r="DG33" i="14"/>
  <c r="GG33" i="14" s="1"/>
  <c r="CT33" i="14"/>
  <c r="FT33" i="14" s="1"/>
  <c r="CP56" i="14"/>
  <c r="FP56" i="14" s="1"/>
  <c r="DC56" i="14"/>
  <c r="GC56" i="14" s="1"/>
  <c r="EX32" i="14"/>
  <c r="HX32" i="14" s="1"/>
  <c r="AC11" i="23" s="1"/>
  <c r="DG27" i="14"/>
  <c r="GG27" i="14" s="1"/>
  <c r="CT27" i="14"/>
  <c r="FT27" i="14" s="1"/>
  <c r="EN33" i="14"/>
  <c r="HN33" i="14" s="1"/>
  <c r="FA33" i="14"/>
  <c r="IA33" i="14" s="1"/>
  <c r="ER36" i="14"/>
  <c r="HR36" i="14" s="1"/>
  <c r="FE36" i="14"/>
  <c r="IE36" i="14" s="1"/>
  <c r="EB58" i="14"/>
  <c r="HB58" i="14" s="1"/>
  <c r="DO58" i="14"/>
  <c r="GO58" i="14" s="1"/>
  <c r="DD58" i="14"/>
  <c r="GD58" i="14" s="1"/>
  <c r="CQ58" i="14"/>
  <c r="FQ58" i="14" s="1"/>
  <c r="EO33" i="14"/>
  <c r="HO33" i="14" s="1"/>
  <c r="FB33" i="14"/>
  <c r="IB33" i="14" s="1"/>
  <c r="DQ30" i="14"/>
  <c r="GQ30" i="14" s="1"/>
  <c r="ED30" i="14"/>
  <c r="HD30" i="14" s="1"/>
  <c r="FH32" i="14"/>
  <c r="IH32" i="14" s="1"/>
  <c r="X11" i="23" s="1"/>
  <c r="DI56" i="14"/>
  <c r="GI56" i="14" s="1"/>
  <c r="CV56" i="14"/>
  <c r="FV56" i="14" s="1"/>
  <c r="FB35" i="14"/>
  <c r="IB35" i="14" s="1"/>
  <c r="EO35" i="14"/>
  <c r="HO35" i="14" s="1"/>
  <c r="EJ34" i="14"/>
  <c r="HJ34" i="14" s="1"/>
  <c r="AB13" i="23" s="1"/>
  <c r="DW34" i="14"/>
  <c r="GW34" i="14" s="1"/>
  <c r="AA13" i="23" s="1"/>
  <c r="CU56" i="14"/>
  <c r="FU56" i="14" s="1"/>
  <c r="DH56" i="14"/>
  <c r="GH56" i="14" s="1"/>
  <c r="EK58" i="14"/>
  <c r="HK58" i="14" s="1"/>
  <c r="DX58" i="14"/>
  <c r="GX58" i="14" s="1"/>
  <c r="FF55" i="14"/>
  <c r="IF55" i="14" s="1"/>
  <c r="T34" i="23" s="1"/>
  <c r="ES55" i="14"/>
  <c r="HS55" i="14" s="1"/>
  <c r="S34" i="23" s="1"/>
  <c r="DX33" i="14"/>
  <c r="GX33" i="14" s="1"/>
  <c r="AC12" i="23" s="1"/>
  <c r="EK33" i="14"/>
  <c r="HK33" i="14" s="1"/>
  <c r="AD12" i="23" s="1"/>
  <c r="DN56" i="14"/>
  <c r="GN56" i="14" s="1"/>
  <c r="EA56" i="14"/>
  <c r="HA56" i="14" s="1"/>
  <c r="DS31" i="14"/>
  <c r="GS31" i="14" s="1"/>
  <c r="EF31" i="14"/>
  <c r="HF31" i="14" s="1"/>
  <c r="DH27" i="14"/>
  <c r="GH27" i="14" s="1"/>
  <c r="CU27" i="14"/>
  <c r="FU27" i="14" s="1"/>
  <c r="CX56" i="14"/>
  <c r="FX56" i="14" s="1"/>
  <c r="DK56" i="14"/>
  <c r="GK56" i="14" s="1"/>
  <c r="DN36" i="14"/>
  <c r="GN36" i="14" s="1"/>
  <c r="I15" i="23" s="1"/>
  <c r="EA36" i="14"/>
  <c r="HA36" i="14" s="1"/>
  <c r="J15" i="23" s="1"/>
  <c r="EW35" i="14"/>
  <c r="HW35" i="14" s="1"/>
  <c r="FJ35" i="14"/>
  <c r="IJ35" i="14" s="1"/>
  <c r="DP36" i="14"/>
  <c r="GP36" i="14" s="1"/>
  <c r="M15" i="23" s="1"/>
  <c r="EC36" i="14"/>
  <c r="HC36" i="14" s="1"/>
  <c r="N15" i="23" s="1"/>
  <c r="EJ57" i="14"/>
  <c r="HJ57" i="14" s="1"/>
  <c r="AB36" i="23" s="1"/>
  <c r="DW57" i="14"/>
  <c r="GW57" i="14" s="1"/>
  <c r="AA36" i="23" s="1"/>
  <c r="DP31" i="14"/>
  <c r="GP31" i="14" s="1"/>
  <c r="EC31" i="14"/>
  <c r="HC31" i="14" s="1"/>
  <c r="EJ56" i="14"/>
  <c r="HJ56" i="14" s="1"/>
  <c r="DW56" i="14"/>
  <c r="GW56" i="14" s="1"/>
  <c r="DI35" i="14"/>
  <c r="GI35" i="14" s="1"/>
  <c r="CV35" i="14"/>
  <c r="FV35" i="14" s="1"/>
  <c r="EH36" i="14"/>
  <c r="HH36" i="14" s="1"/>
  <c r="X15" i="23" s="1"/>
  <c r="DU36" i="14"/>
  <c r="GU36" i="14" s="1"/>
  <c r="W15" i="23" s="1"/>
  <c r="FB30" i="14"/>
  <c r="IB30" i="14" s="1"/>
  <c r="L9" i="23" s="1"/>
  <c r="EO30" i="14"/>
  <c r="HO30" i="14" s="1"/>
  <c r="K9" i="23" s="1"/>
  <c r="EC33" i="14"/>
  <c r="HC33" i="14" s="1"/>
  <c r="N12" i="23" s="1"/>
  <c r="DP33" i="14"/>
  <c r="GP33" i="14" s="1"/>
  <c r="M12" i="23" s="1"/>
  <c r="CR31" i="14"/>
  <c r="FR31" i="14" s="1"/>
  <c r="DE31" i="14"/>
  <c r="GE31" i="14" s="1"/>
  <c r="EJ36" i="14"/>
  <c r="HJ36" i="14" s="1"/>
  <c r="AB15" i="23" s="1"/>
  <c r="DW36" i="14"/>
  <c r="GW36" i="14" s="1"/>
  <c r="AA15" i="23" s="1"/>
  <c r="DW30" i="14"/>
  <c r="GW30" i="14" s="1"/>
  <c r="EJ30" i="14"/>
  <c r="HJ30" i="14" s="1"/>
  <c r="EI32" i="14"/>
  <c r="HI32" i="14" s="1"/>
  <c r="DV32" i="14"/>
  <c r="GV32" i="14" s="1"/>
  <c r="DS58" i="14"/>
  <c r="GS58" i="14" s="1"/>
  <c r="EF58" i="14"/>
  <c r="HF58" i="14" s="1"/>
  <c r="CZ36" i="14"/>
  <c r="FZ36" i="14" s="1"/>
  <c r="CM36" i="14"/>
  <c r="FM36" i="14" s="1"/>
  <c r="DS32" i="14"/>
  <c r="GS32" i="14" s="1"/>
  <c r="EF32" i="14"/>
  <c r="HF32" i="14" s="1"/>
  <c r="EX31" i="14"/>
  <c r="HX31" i="14" s="1"/>
  <c r="AC10" i="23" s="1"/>
  <c r="FK31" i="14"/>
  <c r="IK31" i="14" s="1"/>
  <c r="AD10" i="23" s="1"/>
  <c r="EM56" i="14"/>
  <c r="HM56" i="14" s="1"/>
  <c r="G35" i="23" s="1"/>
  <c r="EZ56" i="14"/>
  <c r="HZ56" i="14" s="1"/>
  <c r="H35" i="23" s="1"/>
  <c r="DT33" i="14"/>
  <c r="GT33" i="14" s="1"/>
  <c r="U12" i="23" s="1"/>
  <c r="EG33" i="14"/>
  <c r="HG33" i="14" s="1"/>
  <c r="V12" i="23" s="1"/>
  <c r="EC56" i="14"/>
  <c r="HC56" i="14" s="1"/>
  <c r="DP56" i="14"/>
  <c r="GP56" i="14" s="1"/>
  <c r="DA33" i="14"/>
  <c r="GA33" i="14" s="1"/>
  <c r="CN33" i="14"/>
  <c r="FN33" i="14" s="1"/>
  <c r="EO32" i="14"/>
  <c r="HO32" i="14" s="1"/>
  <c r="K11" i="23" s="1"/>
  <c r="FB32" i="14"/>
  <c r="IB32" i="14" s="1"/>
  <c r="L11" i="23" s="1"/>
  <c r="CX36" i="14"/>
  <c r="FX36" i="14" s="1"/>
  <c r="DK36" i="14"/>
  <c r="GK36" i="14" s="1"/>
  <c r="EO58" i="14"/>
  <c r="HO58" i="14" s="1"/>
  <c r="FB58" i="14"/>
  <c r="IB58" i="14" s="1"/>
  <c r="ED58" i="14"/>
  <c r="HD58" i="14" s="1"/>
  <c r="DQ58" i="14"/>
  <c r="GQ58" i="14" s="1"/>
  <c r="FD30" i="14"/>
  <c r="ID30" i="14" s="1"/>
  <c r="P9" i="23" s="1"/>
  <c r="EQ30" i="14"/>
  <c r="HQ30" i="14" s="1"/>
  <c r="O9" i="23" s="1"/>
  <c r="FE35" i="14"/>
  <c r="IE35" i="14" s="1"/>
  <c r="ER35" i="14"/>
  <c r="HR35" i="14" s="1"/>
  <c r="DJ32" i="14"/>
  <c r="GJ32" i="14" s="1"/>
  <c r="CW32" i="14"/>
  <c r="FW32" i="14" s="1"/>
  <c r="DB35" i="14"/>
  <c r="GB35" i="14" s="1"/>
  <c r="CO35" i="14"/>
  <c r="FO35" i="14" s="1"/>
  <c r="DJ34" i="14"/>
  <c r="GJ34" i="14" s="1"/>
  <c r="CW34" i="14"/>
  <c r="FW34" i="14" s="1"/>
  <c r="DF55" i="14"/>
  <c r="GF55" i="14" s="1"/>
  <c r="CS55" i="14"/>
  <c r="FS55" i="14" s="1"/>
  <c r="EX33" i="14"/>
  <c r="HX33" i="14" s="1"/>
  <c r="FK33" i="14"/>
  <c r="IK33" i="14" s="1"/>
  <c r="EN56" i="14"/>
  <c r="HN56" i="14" s="1"/>
  <c r="I35" i="23" s="1"/>
  <c r="FA56" i="14"/>
  <c r="IA56" i="14" s="1"/>
  <c r="J35" i="23" s="1"/>
  <c r="EG32" i="14"/>
  <c r="HG32" i="14" s="1"/>
  <c r="DT32" i="14"/>
  <c r="GT32" i="14" s="1"/>
  <c r="EO55" i="14"/>
  <c r="HO55" i="14" s="1"/>
  <c r="K34" i="23" s="1"/>
  <c r="FB55" i="14"/>
  <c r="IB55" i="14" s="1"/>
  <c r="L34" i="23" s="1"/>
  <c r="EK56" i="14"/>
  <c r="HK56" i="14" s="1"/>
  <c r="DX56" i="14"/>
  <c r="GX56" i="14" s="1"/>
  <c r="EK34" i="14"/>
  <c r="HK34" i="14" s="1"/>
  <c r="AD13" i="23" s="1"/>
  <c r="DX34" i="14"/>
  <c r="GX34" i="14" s="1"/>
  <c r="AC13" i="23" s="1"/>
  <c r="DW35" i="14"/>
  <c r="GW35" i="14" s="1"/>
  <c r="AA14" i="23" s="1"/>
  <c r="EJ35" i="14"/>
  <c r="HJ35" i="14" s="1"/>
  <c r="AB14" i="23" s="1"/>
  <c r="CT30" i="14"/>
  <c r="FT30" i="14" s="1"/>
  <c r="DG30" i="14"/>
  <c r="GG30" i="14" s="1"/>
  <c r="EP36" i="14"/>
  <c r="HP36" i="14" s="1"/>
  <c r="FC36" i="14"/>
  <c r="IC36" i="14" s="1"/>
  <c r="DZ33" i="14"/>
  <c r="GZ33" i="14" s="1"/>
  <c r="H12" i="23" s="1"/>
  <c r="DM33" i="14"/>
  <c r="GM33" i="14" s="1"/>
  <c r="G12" i="23" s="1"/>
  <c r="DD31" i="14"/>
  <c r="GD31" i="14" s="1"/>
  <c r="FI35" i="14"/>
  <c r="II35" i="14" s="1"/>
  <c r="EV35" i="14"/>
  <c r="HV35" i="14" s="1"/>
  <c r="ED73" i="14" l="1"/>
  <c r="HD73" i="14" s="1"/>
  <c r="CQ75" i="14"/>
  <c r="FQ75" i="14" s="1"/>
  <c r="EN82" i="14"/>
  <c r="HN82" i="14" s="1"/>
  <c r="EF60" i="14"/>
  <c r="HF60" i="14" s="1"/>
  <c r="DP60" i="14"/>
  <c r="GP60" i="14" s="1"/>
  <c r="FC38" i="14"/>
  <c r="IC38" i="14" s="1"/>
  <c r="FE38" i="14"/>
  <c r="IE38" i="14" s="1"/>
  <c r="EG60" i="14"/>
  <c r="HG60" i="14" s="1"/>
  <c r="CN73" i="14"/>
  <c r="FN73" i="14" s="1"/>
  <c r="FD38" i="14"/>
  <c r="ID38" i="14" s="1"/>
  <c r="EJ43" i="14"/>
  <c r="HJ43" i="14" s="1"/>
  <c r="AB22" i="23" s="1"/>
  <c r="DF60" i="14"/>
  <c r="GF60" i="14" s="1"/>
  <c r="DU60" i="14"/>
  <c r="GU60" i="14" s="1"/>
  <c r="DV45" i="14"/>
  <c r="GV45" i="14" s="1"/>
  <c r="Y24" i="23" s="1"/>
  <c r="EX38" i="14"/>
  <c r="HX38" i="14" s="1"/>
  <c r="EZ82" i="14"/>
  <c r="HZ82" i="14" s="1"/>
  <c r="EE60" i="14"/>
  <c r="HE60" i="14" s="1"/>
  <c r="DO75" i="14"/>
  <c r="GO75" i="14" s="1"/>
  <c r="DI75" i="14"/>
  <c r="GI75" i="14" s="1"/>
  <c r="DT73" i="14"/>
  <c r="GT73" i="14" s="1"/>
  <c r="DQ75" i="14"/>
  <c r="GQ75" i="14" s="1"/>
  <c r="CZ34" i="14"/>
  <c r="FZ34" i="14" s="1"/>
  <c r="FH33" i="14"/>
  <c r="IH33" i="14" s="1"/>
  <c r="EU75" i="14"/>
  <c r="HU75" i="14" s="1"/>
  <c r="W54" i="23" s="1"/>
  <c r="DZ60" i="14"/>
  <c r="GZ60" i="14" s="1"/>
  <c r="EP43" i="14"/>
  <c r="HP43" i="14" s="1"/>
  <c r="CW43" i="14"/>
  <c r="FW43" i="14" s="1"/>
  <c r="CT75" i="14"/>
  <c r="FT75" i="14" s="1"/>
  <c r="CZ60" i="14"/>
  <c r="FZ60" i="14" s="1"/>
  <c r="EF38" i="14"/>
  <c r="HF38" i="14" s="1"/>
  <c r="T17" i="23" s="1"/>
  <c r="EK43" i="14"/>
  <c r="HK43" i="14" s="1"/>
  <c r="AD22" i="23" s="1"/>
  <c r="DO73" i="14"/>
  <c r="GO73" i="14" s="1"/>
  <c r="EB73" i="14"/>
  <c r="HB73" i="14" s="1"/>
  <c r="ER45" i="14"/>
  <c r="HR45" i="14" s="1"/>
  <c r="CP38" i="14"/>
  <c r="FP38" i="14" s="1"/>
  <c r="EI82" i="14"/>
  <c r="HI82" i="14" s="1"/>
  <c r="CU79" i="14"/>
  <c r="FU79" i="14" s="1"/>
  <c r="DH79" i="14"/>
  <c r="GH79" i="14" s="1"/>
  <c r="DN82" i="14"/>
  <c r="GN82" i="14" s="1"/>
  <c r="EJ82" i="14"/>
  <c r="HJ82" i="14" s="1"/>
  <c r="FD75" i="14"/>
  <c r="ID75" i="14" s="1"/>
  <c r="P54" i="23" s="1"/>
  <c r="EQ75" i="14"/>
  <c r="HQ75" i="14" s="1"/>
  <c r="O54" i="23" s="1"/>
  <c r="ET60" i="14"/>
  <c r="HT60" i="14" s="1"/>
  <c r="U39" i="23" s="1"/>
  <c r="FD79" i="14"/>
  <c r="ID79" i="14" s="1"/>
  <c r="EQ79" i="14"/>
  <c r="HQ79" i="14" s="1"/>
  <c r="EM38" i="14"/>
  <c r="HM38" i="14" s="1"/>
  <c r="CR75" i="14"/>
  <c r="FR75" i="14" s="1"/>
  <c r="EN34" i="14"/>
  <c r="HN34" i="14" s="1"/>
  <c r="EF45" i="14"/>
  <c r="HF45" i="14" s="1"/>
  <c r="T24" i="23" s="1"/>
  <c r="ED34" i="14"/>
  <c r="HD34" i="14" s="1"/>
  <c r="P13" i="23" s="1"/>
  <c r="CV43" i="14"/>
  <c r="FV43" i="14" s="1"/>
  <c r="CS45" i="14"/>
  <c r="FS45" i="14" s="1"/>
  <c r="ER75" i="14"/>
  <c r="HR75" i="14" s="1"/>
  <c r="Q54" i="23" s="1"/>
  <c r="FE75" i="14"/>
  <c r="IE75" i="14" s="1"/>
  <c r="R54" i="23" s="1"/>
  <c r="CN43" i="14"/>
  <c r="FN43" i="14" s="1"/>
  <c r="CP43" i="14"/>
  <c r="FP43" i="14" s="1"/>
  <c r="CX62" i="14"/>
  <c r="FX62" i="14" s="1"/>
  <c r="FF31" i="14"/>
  <c r="IF31" i="14" s="1"/>
  <c r="T10" i="23" s="1"/>
  <c r="DN34" i="14"/>
  <c r="GN34" i="14" s="1"/>
  <c r="I13" i="23" s="1"/>
  <c r="EX79" i="14"/>
  <c r="HX79" i="14" s="1"/>
  <c r="DM45" i="14"/>
  <c r="GM45" i="14" s="1"/>
  <c r="G24" i="23" s="1"/>
  <c r="ER34" i="14"/>
  <c r="HR34" i="14" s="1"/>
  <c r="CQ43" i="14"/>
  <c r="FQ43" i="14" s="1"/>
  <c r="CR32" i="14"/>
  <c r="FR32" i="14" s="1"/>
  <c r="DG62" i="14"/>
  <c r="GG62" i="14" s="1"/>
  <c r="EM79" i="14"/>
  <c r="HM79" i="14" s="1"/>
  <c r="EZ79" i="14"/>
  <c r="HZ79" i="14" s="1"/>
  <c r="EE32" i="14"/>
  <c r="HE32" i="14" s="1"/>
  <c r="CR45" i="14"/>
  <c r="FR45" i="14" s="1"/>
  <c r="ES34" i="14"/>
  <c r="HS34" i="14" s="1"/>
  <c r="FA79" i="14"/>
  <c r="IA79" i="14" s="1"/>
  <c r="DM31" i="14"/>
  <c r="GM31" i="14" s="1"/>
  <c r="CR82" i="14"/>
  <c r="FR82" i="14" s="1"/>
  <c r="DF34" i="14"/>
  <c r="GF34" i="14" s="1"/>
  <c r="FJ31" i="14"/>
  <c r="IJ31" i="14" s="1"/>
  <c r="AB10" i="23" s="1"/>
  <c r="FB43" i="14"/>
  <c r="IB43" i="14" s="1"/>
  <c r="DV34" i="14"/>
  <c r="GV34" i="14" s="1"/>
  <c r="Y13" i="23" s="1"/>
  <c r="EN43" i="14"/>
  <c r="HN43" i="14" s="1"/>
  <c r="CM32" i="14"/>
  <c r="FM32" i="14" s="1"/>
  <c r="EP32" i="14"/>
  <c r="HP32" i="14" s="1"/>
  <c r="M11" i="23" s="1"/>
  <c r="CV79" i="14"/>
  <c r="FV79" i="14" s="1"/>
  <c r="DO79" i="14"/>
  <c r="GO79" i="14" s="1"/>
  <c r="EB79" i="14"/>
  <c r="HB79" i="14" s="1"/>
  <c r="DQ82" i="14"/>
  <c r="GQ82" i="14" s="1"/>
  <c r="ED82" i="14"/>
  <c r="HD82" i="14" s="1"/>
  <c r="EQ82" i="14"/>
  <c r="HQ82" i="14" s="1"/>
  <c r="FD82" i="14"/>
  <c r="ID82" i="14" s="1"/>
  <c r="EQ43" i="14"/>
  <c r="HQ43" i="14" s="1"/>
  <c r="FB79" i="14"/>
  <c r="IB79" i="14" s="1"/>
  <c r="EO79" i="14"/>
  <c r="HO79" i="14" s="1"/>
  <c r="DO82" i="14"/>
  <c r="GO82" i="14" s="1"/>
  <c r="EB82" i="14"/>
  <c r="HB82" i="14" s="1"/>
  <c r="CM82" i="14"/>
  <c r="FM82" i="14" s="1"/>
  <c r="CZ82" i="14"/>
  <c r="FZ82" i="14" s="1"/>
  <c r="FE82" i="14"/>
  <c r="IE82" i="14" s="1"/>
  <c r="ER82" i="14"/>
  <c r="HR82" i="14" s="1"/>
  <c r="EI79" i="14"/>
  <c r="HI79" i="14" s="1"/>
  <c r="DV79" i="14"/>
  <c r="GV79" i="14" s="1"/>
  <c r="FJ82" i="14"/>
  <c r="IJ82" i="14" s="1"/>
  <c r="EW82" i="14"/>
  <c r="HW82" i="14" s="1"/>
  <c r="CS43" i="14"/>
  <c r="FS43" i="14" s="1"/>
  <c r="EU43" i="14"/>
  <c r="HU43" i="14" s="1"/>
  <c r="EF79" i="14"/>
  <c r="HF79" i="14" s="1"/>
  <c r="DS79" i="14"/>
  <c r="GS79" i="14" s="1"/>
  <c r="CM43" i="14"/>
  <c r="FM43" i="14" s="1"/>
  <c r="CM45" i="14"/>
  <c r="FM45" i="14" s="1"/>
  <c r="ES79" i="14"/>
  <c r="HS79" i="14" s="1"/>
  <c r="FF79" i="14"/>
  <c r="IF79" i="14" s="1"/>
  <c r="DM79" i="14"/>
  <c r="GM79" i="14" s="1"/>
  <c r="DZ79" i="14"/>
  <c r="GZ79" i="14" s="1"/>
  <c r="CS79" i="14"/>
  <c r="FS79" i="14" s="1"/>
  <c r="DF79" i="14"/>
  <c r="GF79" i="14" s="1"/>
  <c r="DW79" i="14"/>
  <c r="GW79" i="14" s="1"/>
  <c r="CN79" i="14"/>
  <c r="FN79" i="14" s="1"/>
  <c r="DA79" i="14"/>
  <c r="GA79" i="14" s="1"/>
  <c r="DS82" i="14"/>
  <c r="GS82" i="14" s="1"/>
  <c r="EF82" i="14"/>
  <c r="HF82" i="14" s="1"/>
  <c r="EN62" i="14"/>
  <c r="HN62" i="14" s="1"/>
  <c r="I41" i="23" s="1"/>
  <c r="DX82" i="14"/>
  <c r="GX82" i="14" s="1"/>
  <c r="EK82" i="14"/>
  <c r="HK82" i="14" s="1"/>
  <c r="EX82" i="14"/>
  <c r="HX82" i="14" s="1"/>
  <c r="FK82" i="14"/>
  <c r="IK82" i="14" s="1"/>
  <c r="EP31" i="14"/>
  <c r="HP31" i="14" s="1"/>
  <c r="M10" i="23" s="1"/>
  <c r="FH31" i="14"/>
  <c r="IH31" i="14" s="1"/>
  <c r="X10" i="23" s="1"/>
  <c r="EI62" i="14"/>
  <c r="HI62" i="14" s="1"/>
  <c r="ET43" i="14"/>
  <c r="HT43" i="14" s="1"/>
  <c r="DG82" i="14"/>
  <c r="GG82" i="14" s="1"/>
  <c r="CT82" i="14"/>
  <c r="FT82" i="14" s="1"/>
  <c r="DM43" i="14"/>
  <c r="GM43" i="14" s="1"/>
  <c r="G22" i="23" s="1"/>
  <c r="DG43" i="14"/>
  <c r="GG43" i="14" s="1"/>
  <c r="ET82" i="14"/>
  <c r="HT82" i="14" s="1"/>
  <c r="FG82" i="14"/>
  <c r="IG82" i="14" s="1"/>
  <c r="DI62" i="14"/>
  <c r="GI62" i="14" s="1"/>
  <c r="DD62" i="14"/>
  <c r="GD62" i="14" s="1"/>
  <c r="CX82" i="14"/>
  <c r="FX82" i="14" s="1"/>
  <c r="DK82" i="14"/>
  <c r="GK82" i="14" s="1"/>
  <c r="EH31" i="14"/>
  <c r="HH31" i="14" s="1"/>
  <c r="FG32" i="14"/>
  <c r="IG32" i="14" s="1"/>
  <c r="V11" i="23" s="1"/>
  <c r="FJ32" i="14"/>
  <c r="IJ32" i="14" s="1"/>
  <c r="AB11" i="23" s="1"/>
  <c r="EH32" i="14"/>
  <c r="HH32" i="14" s="1"/>
  <c r="DC82" i="14"/>
  <c r="GC82" i="14" s="1"/>
  <c r="CP82" i="14"/>
  <c r="FP82" i="14" s="1"/>
  <c r="EP82" i="14"/>
  <c r="HP82" i="14" s="1"/>
  <c r="FC82" i="14"/>
  <c r="IC82" i="14" s="1"/>
  <c r="DA62" i="14"/>
  <c r="GA62" i="14" s="1"/>
  <c r="CN62" i="14"/>
  <c r="FN62" i="14" s="1"/>
  <c r="FB82" i="14"/>
  <c r="IB82" i="14" s="1"/>
  <c r="EO82" i="14"/>
  <c r="HO82" i="14" s="1"/>
  <c r="EX43" i="14"/>
  <c r="HX43" i="14" s="1"/>
  <c r="FE62" i="14"/>
  <c r="IE62" i="14" s="1"/>
  <c r="R41" i="23" s="1"/>
  <c r="ER62" i="14"/>
  <c r="HR62" i="14" s="1"/>
  <c r="Q41" i="23" s="1"/>
  <c r="DR62" i="14"/>
  <c r="GR62" i="14" s="1"/>
  <c r="EE62" i="14"/>
  <c r="HE62" i="14" s="1"/>
  <c r="CP34" i="14"/>
  <c r="FP34" i="14" s="1"/>
  <c r="DC62" i="14"/>
  <c r="GC62" i="14" s="1"/>
  <c r="CP62" i="14"/>
  <c r="FP62" i="14" s="1"/>
  <c r="EZ62" i="14"/>
  <c r="HZ62" i="14" s="1"/>
  <c r="H41" i="23" s="1"/>
  <c r="EM62" i="14"/>
  <c r="HM62" i="14" s="1"/>
  <c r="G41" i="23" s="1"/>
  <c r="DT62" i="14"/>
  <c r="GT62" i="14" s="1"/>
  <c r="DZ62" i="14"/>
  <c r="GZ62" i="14" s="1"/>
  <c r="DM62" i="14"/>
  <c r="GM62" i="14" s="1"/>
  <c r="CM62" i="14"/>
  <c r="FM62" i="14" s="1"/>
  <c r="CZ62" i="14"/>
  <c r="FZ62" i="14" s="1"/>
  <c r="DP62" i="14"/>
  <c r="GP62" i="14" s="1"/>
  <c r="EC62" i="14"/>
  <c r="HC62" i="14" s="1"/>
  <c r="CD29" i="14"/>
  <c r="BQ29" i="14"/>
  <c r="BD29" i="14"/>
  <c r="BK29" i="14"/>
  <c r="CK29" i="14"/>
  <c r="BX29" i="14"/>
  <c r="CB29" i="14"/>
  <c r="BO29" i="14"/>
  <c r="BB29" i="14"/>
  <c r="BG29" i="14"/>
  <c r="CG29" i="14"/>
  <c r="BT29" i="14"/>
  <c r="BW29" i="14"/>
  <c r="BJ29" i="14"/>
  <c r="CJ29" i="14"/>
  <c r="BN29" i="14"/>
  <c r="BA29" i="14"/>
  <c r="CA29" i="14"/>
  <c r="BV29" i="14"/>
  <c r="BI29" i="14"/>
  <c r="CI29" i="14"/>
  <c r="CC29" i="14"/>
  <c r="BP29" i="14"/>
  <c r="BC29" i="14"/>
  <c r="CE29" i="14"/>
  <c r="BR29" i="14"/>
  <c r="BE29" i="14"/>
  <c r="BS29" i="14"/>
  <c r="BF29" i="14"/>
  <c r="CF29" i="14"/>
  <c r="BU29" i="14"/>
  <c r="BH29" i="14"/>
  <c r="CH29" i="14"/>
  <c r="AZ29" i="14"/>
  <c r="BZ29" i="14"/>
  <c r="BM29" i="14"/>
  <c r="DH29" i="14" l="1"/>
  <c r="GH29" i="14" s="1"/>
  <c r="CU29" i="14"/>
  <c r="FU29" i="14" s="1"/>
  <c r="CP29" i="14"/>
  <c r="FP29" i="14" s="1"/>
  <c r="DC29" i="14"/>
  <c r="GC29" i="14" s="1"/>
  <c r="EA29" i="14"/>
  <c r="HA29" i="14" s="1"/>
  <c r="DN29" i="14"/>
  <c r="GN29" i="14" s="1"/>
  <c r="EB29" i="14"/>
  <c r="HB29" i="14" s="1"/>
  <c r="DO29" i="14"/>
  <c r="GO29" i="14" s="1"/>
  <c r="DU29" i="14"/>
  <c r="GU29" i="14" s="1"/>
  <c r="EH29" i="14"/>
  <c r="HH29" i="14" s="1"/>
  <c r="EC29" i="14"/>
  <c r="HC29" i="14" s="1"/>
  <c r="DP29" i="14"/>
  <c r="GP29" i="14" s="1"/>
  <c r="EW29" i="14"/>
  <c r="HW29" i="14" s="1"/>
  <c r="AA8" i="23" s="1"/>
  <c r="FJ29" i="14"/>
  <c r="IJ29" i="14" s="1"/>
  <c r="AB8" i="23" s="1"/>
  <c r="FB29" i="14"/>
  <c r="IB29" i="14" s="1"/>
  <c r="L8" i="23" s="1"/>
  <c r="EO29" i="14"/>
  <c r="HO29" i="14" s="1"/>
  <c r="K8" i="23" s="1"/>
  <c r="ES29" i="14"/>
  <c r="HS29" i="14" s="1"/>
  <c r="S8" i="23" s="1"/>
  <c r="FF29" i="14"/>
  <c r="IF29" i="14" s="1"/>
  <c r="T8" i="23" s="1"/>
  <c r="EP29" i="14"/>
  <c r="HP29" i="14" s="1"/>
  <c r="M8" i="23" s="1"/>
  <c r="FC29" i="14"/>
  <c r="IC29" i="14" s="1"/>
  <c r="N8" i="23" s="1"/>
  <c r="DJ29" i="14"/>
  <c r="GJ29" i="14" s="1"/>
  <c r="CW29" i="14"/>
  <c r="FW29" i="14" s="1"/>
  <c r="EK29" i="14"/>
  <c r="HK29" i="14" s="1"/>
  <c r="DX29" i="14"/>
  <c r="GX29" i="14" s="1"/>
  <c r="CS29" i="14"/>
  <c r="FS29" i="14" s="1"/>
  <c r="DF29" i="14"/>
  <c r="GF29" i="14" s="1"/>
  <c r="EV29" i="14"/>
  <c r="HV29" i="14" s="1"/>
  <c r="Y8" i="23" s="1"/>
  <c r="FI29" i="14"/>
  <c r="II29" i="14" s="1"/>
  <c r="Z8" i="23" s="1"/>
  <c r="EJ29" i="14"/>
  <c r="HJ29" i="14" s="1"/>
  <c r="DW29" i="14"/>
  <c r="GW29" i="14" s="1"/>
  <c r="FK29" i="14"/>
  <c r="IK29" i="14" s="1"/>
  <c r="AD8" i="23" s="1"/>
  <c r="EX29" i="14"/>
  <c r="HX29" i="14" s="1"/>
  <c r="AC8" i="23" s="1"/>
  <c r="DZ29" i="14"/>
  <c r="GZ29" i="14" s="1"/>
  <c r="DM29" i="14"/>
  <c r="GM29" i="14" s="1"/>
  <c r="EF29" i="14"/>
  <c r="HF29" i="14" s="1"/>
  <c r="DS29" i="14"/>
  <c r="GS29" i="14" s="1"/>
  <c r="DI29" i="14"/>
  <c r="GI29" i="14" s="1"/>
  <c r="CV29" i="14"/>
  <c r="FV29" i="14" s="1"/>
  <c r="DT29" i="14"/>
  <c r="GT29" i="14" s="1"/>
  <c r="EG29" i="14"/>
  <c r="HG29" i="14" s="1"/>
  <c r="DK29" i="14"/>
  <c r="GK29" i="14" s="1"/>
  <c r="CX29" i="14"/>
  <c r="FX29" i="14" s="1"/>
  <c r="EZ29" i="14"/>
  <c r="HZ29" i="14" s="1"/>
  <c r="H8" i="23" s="1"/>
  <c r="EM29" i="14"/>
  <c r="HM29" i="14" s="1"/>
  <c r="G8" i="23" s="1"/>
  <c r="CR29" i="14"/>
  <c r="FR29" i="14" s="1"/>
  <c r="DE29" i="14"/>
  <c r="GE29" i="14" s="1"/>
  <c r="EI29" i="14"/>
  <c r="HI29" i="14" s="1"/>
  <c r="DV29" i="14"/>
  <c r="GV29" i="14" s="1"/>
  <c r="ET29" i="14"/>
  <c r="HT29" i="14" s="1"/>
  <c r="U8" i="23" s="1"/>
  <c r="FG29" i="14"/>
  <c r="IG29" i="14" s="1"/>
  <c r="V8" i="23" s="1"/>
  <c r="DD29" i="14"/>
  <c r="GD29" i="14" s="1"/>
  <c r="CQ29" i="14"/>
  <c r="FQ29" i="14" s="1"/>
  <c r="CZ29" i="14"/>
  <c r="FZ29" i="14" s="1"/>
  <c r="CM29" i="14"/>
  <c r="FM29" i="14" s="1"/>
  <c r="EE29" i="14"/>
  <c r="HE29" i="14" s="1"/>
  <c r="DR29" i="14"/>
  <c r="GR29" i="14" s="1"/>
  <c r="EN29" i="14"/>
  <c r="HN29" i="14" s="1"/>
  <c r="I8" i="23" s="1"/>
  <c r="FA29" i="14"/>
  <c r="IA29" i="14" s="1"/>
  <c r="J8" i="23" s="1"/>
  <c r="CT29" i="14"/>
  <c r="FT29" i="14" s="1"/>
  <c r="DG29" i="14"/>
  <c r="GG29" i="14" s="1"/>
  <c r="ED29" i="14"/>
  <c r="HD29" i="14" s="1"/>
  <c r="DQ29" i="14"/>
  <c r="GQ29" i="14" s="1"/>
  <c r="FH29" i="14"/>
  <c r="IH29" i="14" s="1"/>
  <c r="X8" i="23" s="1"/>
  <c r="EU29" i="14"/>
  <c r="HU29" i="14" s="1"/>
  <c r="W8" i="23" s="1"/>
  <c r="ER29" i="14"/>
  <c r="HR29" i="14" s="1"/>
  <c r="Q8" i="23" s="1"/>
  <c r="FE29" i="14"/>
  <c r="IE29" i="14" s="1"/>
  <c r="R8" i="23" s="1"/>
  <c r="CN29" i="14"/>
  <c r="FN29" i="14" s="1"/>
  <c r="DA29" i="14"/>
  <c r="GA29" i="14" s="1"/>
  <c r="DB29" i="14"/>
  <c r="GB29" i="14" s="1"/>
  <c r="CO29" i="14"/>
  <c r="FO29" i="14" s="1"/>
  <c r="FD29" i="14"/>
  <c r="ID29" i="14" s="1"/>
  <c r="P8" i="23" s="1"/>
  <c r="EQ29" i="14"/>
  <c r="HQ29" i="14" s="1"/>
  <c r="O8" i="23" s="1"/>
</calcChain>
</file>

<file path=xl/comments1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Steve Kite</author>
  </authors>
  <commentList>
    <comment ref="F5" authorId="0" shapeId="0" xr:uid="{00000000-0006-0000-0000-000001000000}">
      <text>
        <r>
          <rPr>
            <b/>
            <sz val="8"/>
            <color indexed="81"/>
            <rFont val="Tahoma"/>
            <family val="2"/>
          </rPr>
          <t xml:space="preserve">Job Title </t>
        </r>
        <r>
          <rPr>
            <sz val="8"/>
            <color indexed="81"/>
            <rFont val="Tahoma"/>
            <family val="2"/>
          </rPr>
          <t>- read through to CalcSheet headers</t>
        </r>
      </text>
    </comment>
    <comment ref="F7" authorId="0" shapeId="0" xr:uid="{00000000-0006-0000-0000-000002000000}">
      <text>
        <r>
          <rPr>
            <b/>
            <sz val="8"/>
            <color indexed="81"/>
            <rFont val="Tahoma"/>
            <family val="2"/>
          </rPr>
          <t>Job Number</t>
        </r>
        <r>
          <rPr>
            <sz val="8"/>
            <color indexed="81"/>
            <rFont val="Tahoma"/>
            <family val="2"/>
          </rPr>
          <t xml:space="preserve"> - read through to CalcSheet headers (and written to file properties</t>
        </r>
      </text>
    </comment>
    <comment ref="F9" authorId="0" shapeId="0" xr:uid="{00000000-0006-0000-0000-000003000000}">
      <text>
        <r>
          <rPr>
            <b/>
            <sz val="8"/>
            <color indexed="81"/>
            <rFont val="Tahoma"/>
            <family val="2"/>
          </rPr>
          <t xml:space="preserve">Initials </t>
        </r>
        <r>
          <rPr>
            <sz val="8"/>
            <color indexed="81"/>
            <rFont val="Tahoma"/>
            <family val="2"/>
          </rPr>
          <t>- read through to CalcSheet headers</t>
        </r>
      </text>
    </comment>
    <comment ref="F11" authorId="0" shapeId="0" xr:uid="{00000000-0006-0000-0000-000004000000}">
      <text>
        <r>
          <rPr>
            <b/>
            <sz val="8"/>
            <color indexed="81"/>
            <rFont val="Tahoma"/>
            <family val="2"/>
          </rPr>
          <t>Initials</t>
        </r>
        <r>
          <rPr>
            <sz val="8"/>
            <color indexed="81"/>
            <rFont val="Tahoma"/>
            <family val="2"/>
          </rPr>
          <t xml:space="preserve"> - read through to CalcSheet headers</t>
        </r>
      </text>
    </comment>
    <comment ref="F13" authorId="0" shapeId="0" xr:uid="{00000000-0006-0000-0000-000005000000}">
      <text>
        <r>
          <rPr>
            <b/>
            <sz val="8"/>
            <color indexed="81"/>
            <rFont val="Tahoma"/>
            <family val="2"/>
          </rPr>
          <t>Date</t>
        </r>
        <r>
          <rPr>
            <sz val="8"/>
            <color indexed="81"/>
            <rFont val="Tahoma"/>
            <family val="2"/>
          </rPr>
          <t xml:space="preserve"> - read through to CalcSheet headers</t>
        </r>
      </text>
    </comment>
    <comment ref="F15" authorId="0" shapeId="0" xr:uid="{00000000-0006-0000-0000-000006000000}">
      <text>
        <r>
          <rPr>
            <b/>
            <sz val="8"/>
            <color indexed="81"/>
            <rFont val="Tahoma"/>
            <family val="2"/>
          </rPr>
          <t>Description</t>
        </r>
        <r>
          <rPr>
            <sz val="8"/>
            <color indexed="81"/>
            <rFont val="Tahoma"/>
            <family val="2"/>
          </rPr>
          <t xml:space="preserve"> - Written to file properties </t>
        </r>
      </text>
    </comment>
    <comment ref="F17" authorId="0" shapeId="0" xr:uid="{00000000-0006-0000-0000-000007000000}">
      <text>
        <r>
          <rPr>
            <b/>
            <sz val="8"/>
            <color indexed="81"/>
            <rFont val="Tahoma"/>
            <family val="2"/>
          </rPr>
          <t>Sheet No. prefix</t>
        </r>
        <r>
          <rPr>
            <sz val="8"/>
            <color indexed="81"/>
            <rFont val="Tahoma"/>
            <family val="2"/>
          </rPr>
          <t xml:space="preserve"> - read through to CalcSheet headers</t>
        </r>
      </text>
    </comment>
    <comment ref="F19" authorId="0" shapeId="0" xr:uid="{00000000-0006-0000-0000-000008000000}">
      <text>
        <r>
          <rPr>
            <b/>
            <sz val="8"/>
            <color indexed="81"/>
            <rFont val="Tahoma"/>
            <family val="2"/>
          </rPr>
          <t>Member/Location</t>
        </r>
        <r>
          <rPr>
            <sz val="8"/>
            <color indexed="81"/>
            <rFont val="Tahoma"/>
            <family val="2"/>
          </rPr>
          <t xml:space="preserve"> - read through to CalcSheet headers</t>
        </r>
      </text>
    </comment>
    <comment ref="F21" authorId="0" shapeId="0" xr:uid="{00000000-0006-0000-0000-000009000000}">
      <text>
        <r>
          <rPr>
            <b/>
            <sz val="8"/>
            <color indexed="81"/>
            <rFont val="Tahoma"/>
            <family val="2"/>
          </rPr>
          <t>Drawing Reference</t>
        </r>
        <r>
          <rPr>
            <sz val="8"/>
            <color indexed="81"/>
            <rFont val="Tahoma"/>
            <family val="2"/>
          </rPr>
          <t xml:space="preserve"> - read through to CalcSheet headers</t>
        </r>
      </text>
    </comment>
    <comment ref="F23" authorId="0" shapeId="0" xr:uid="{00000000-0006-0000-0000-00000A000000}">
      <text>
        <r>
          <rPr>
            <b/>
            <sz val="8"/>
            <color indexed="81"/>
            <rFont val="Tahoma"/>
            <family val="2"/>
          </rPr>
          <t xml:space="preserve">Filename - </t>
        </r>
        <r>
          <rPr>
            <sz val="8"/>
            <color indexed="81"/>
            <rFont val="Tahoma"/>
            <family val="2"/>
          </rPr>
          <t xml:space="preserve">written to left footer of all sheets. Any edits to left footers will be overwritten. </t>
        </r>
      </text>
    </comment>
    <comment ref="D28" authorId="0" shapeId="0" xr:uid="{00000000-0006-0000-0000-00000C000000}">
      <text>
        <r>
          <rPr>
            <sz val="8"/>
            <color indexed="81"/>
            <rFont val="Tahoma"/>
            <family val="2"/>
          </rPr>
          <t xml:space="preserve">Use </t>
        </r>
        <r>
          <rPr>
            <b/>
            <sz val="8"/>
            <color indexed="81"/>
            <rFont val="Tahoma"/>
            <family val="2"/>
          </rPr>
          <t>one line only</t>
        </r>
        <r>
          <rPr>
            <sz val="8"/>
            <color indexed="81"/>
            <rFont val="Tahoma"/>
            <family val="2"/>
          </rPr>
          <t xml:space="preserve"> for  description of each sheet</t>
        </r>
      </text>
    </comment>
    <comment ref="F48" authorId="0" shapeId="0" xr:uid="{00000000-0006-0000-0000-00000D000000}">
      <text>
        <r>
          <rPr>
            <b/>
            <sz val="8"/>
            <color indexed="81"/>
            <rFont val="Tahoma"/>
            <family val="2"/>
          </rPr>
          <t>Current Revision</t>
        </r>
        <r>
          <rPr>
            <sz val="8"/>
            <color indexed="81"/>
            <rFont val="Tahoma"/>
            <family val="2"/>
          </rPr>
          <t xml:space="preserve"> - read through to CalcSheet headers (and written to file properties)</t>
        </r>
      </text>
    </comment>
  </commentList>
</comments>
</file>

<file path=xl/comments2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adam pickles</author>
  </authors>
  <commentList>
    <comment ref="B2" authorId="0" shapeId="0" xr:uid="{00000000-0006-0000-0100-000001000000}">
      <text>
        <r>
          <rPr>
            <sz val="10"/>
            <color indexed="81"/>
            <rFont val="Arial"/>
            <family val="2"/>
          </rPr>
          <t xml:space="preserve">What the spreadsheet is for and what it does. </t>
        </r>
      </text>
    </comment>
    <comment ref="B8" authorId="0" shapeId="0" xr:uid="{00000000-0006-0000-0100-000002000000}">
      <text>
        <r>
          <rPr>
            <sz val="10"/>
            <color indexed="81"/>
            <rFont val="Arial"/>
            <family val="2"/>
          </rPr>
          <t>Any limitations/assumptions that there may be.</t>
        </r>
      </text>
    </comment>
    <comment ref="B14" authorId="0" shapeId="0" xr:uid="{00000000-0006-0000-0100-000003000000}">
      <text>
        <r>
          <rPr>
            <sz val="10"/>
            <color indexed="81"/>
            <rFont val="Arial"/>
            <family val="2"/>
          </rPr>
          <t>Where relevant, the code/guidance on which the calculation is based.</t>
        </r>
      </text>
    </comment>
    <comment ref="B20" authorId="0" shapeId="0" xr:uid="{00000000-0006-0000-0100-000004000000}">
      <text>
        <r>
          <rPr>
            <sz val="10"/>
            <color indexed="81"/>
            <rFont val="Arial"/>
            <family val="2"/>
          </rPr>
          <t>Sources of data which have been imported into this spreadsheets or are linked to from it, including (where relevant) date of import/link, file path of original data / URL, sheet where it's used.</t>
        </r>
      </text>
    </comment>
    <comment ref="B29" authorId="0" shapeId="0" xr:uid="{00000000-0006-0000-0100-000005000000}">
      <text>
        <r>
          <rPr>
            <sz val="10"/>
            <color indexed="81"/>
            <rFont val="Arial"/>
            <family val="2"/>
          </rPr>
          <t>Unusual or special features associated with the spreadsheet e.g. macros, iterative calculations.</t>
        </r>
      </text>
    </comment>
  </commentList>
</comments>
</file>

<file path=xl/comments3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Victor Shea</author>
  </authors>
  <commentList>
    <comment ref="M24" authorId="0" shapeId="0" xr:uid="{FE7B631E-47B9-40FC-AE00-D930BE8AD43A}">
      <text>
        <r>
          <rPr>
            <b/>
            <sz val="9"/>
            <color indexed="81"/>
            <rFont val="Tahoma"/>
            <family val="2"/>
          </rPr>
          <t>Calculated assuming a moderately non-linear profile: 
s_u1(z) = (s_u(z) - s_u0)/z</t>
        </r>
      </text>
    </comment>
  </commentList>
</comments>
</file>

<file path=xl/metadata.xml><?xml version="1.0" encoding="utf-8"?>
<metadata xmlns="http://schemas.openxmlformats.org/spreadsheetml/2006/main" xmlns:xda="http://schemas.microsoft.com/office/spreadsheetml/2017/dynamicarray">
  <metadataTypes count="1">
    <metadataType name="XLDAPR" minSupportedVersion="120000" copy="1" pasteAll="1" pasteValues="1" merge="1" splitFirst="1" rowColShift="1" clearFormats="1" clearComments="1" assign="1" coerce="1" cellMeta="1"/>
  </metadataTypes>
  <futureMetadata name="XLDAPR" count="1">
    <bk>
      <extLst>
        <ext uri="{bdbb8cdc-fa1e-496e-a857-3c3f30c029c3}">
          <xda:dynamicArrayProperties fDynamic="1" fCollapsed="0"/>
        </ext>
      </extLst>
    </bk>
  </futureMetadata>
  <cellMetadata count="1">
    <bk>
      <rc t="1" v="0"/>
    </bk>
  </cellMetadata>
</metadata>
</file>

<file path=xl/sharedStrings.xml><?xml version="1.0" encoding="utf-8"?>
<sst xmlns="http://schemas.openxmlformats.org/spreadsheetml/2006/main" count="1082" uniqueCount="336">
  <si>
    <t>Description of spreadsheet</t>
  </si>
  <si>
    <t>Filename</t>
  </si>
  <si>
    <t>Date</t>
  </si>
  <si>
    <t>Made by</t>
  </si>
  <si>
    <t xml:space="preserve"> Description</t>
  </si>
  <si>
    <t>Checked</t>
  </si>
  <si>
    <t>Sheet</t>
  </si>
  <si>
    <t>Description</t>
  </si>
  <si>
    <t>Type and method of check</t>
  </si>
  <si>
    <t>Rev.</t>
  </si>
  <si>
    <t>(if supplement is needed to Cover page)</t>
  </si>
  <si>
    <t>Who</t>
  </si>
  <si>
    <t>File path / URL</t>
  </si>
  <si>
    <t>(1) Purpose of spreadsheet</t>
  </si>
  <si>
    <t>(2) Key Assumptions</t>
  </si>
  <si>
    <t>(3) Basis of calculations</t>
  </si>
  <si>
    <t>(5) Special features</t>
  </si>
  <si>
    <t>(6) Diary of development, including checking</t>
  </si>
  <si>
    <t>10. Use the revision facility on the cover page and maintain the diary where further details required.</t>
  </si>
  <si>
    <t>(4) Sources of data &amp; Links to other spreadsheets</t>
  </si>
  <si>
    <t>Signatures &amp; dates:</t>
  </si>
  <si>
    <t>Member/Location</t>
  </si>
  <si>
    <t>Drawing Reference</t>
  </si>
  <si>
    <t>Best Practice Guide</t>
  </si>
  <si>
    <t xml:space="preserve">Made by </t>
  </si>
  <si>
    <t xml:space="preserve">Checked </t>
  </si>
  <si>
    <t xml:space="preserve">Current Revision </t>
  </si>
  <si>
    <t>Sheet Number prefix</t>
  </si>
  <si>
    <t xml:space="preserve"> 1. Don't duplicate raw data in the spreadsheet i.e. use cell references where possible.</t>
  </si>
  <si>
    <t xml:space="preserve"> 3. Explicitly define constants to be used in equations, using named cells where appropriate. </t>
  </si>
  <si>
    <t xml:space="preserve"> 4. Avoid password use unless essential and documented (to avoid loss of work with loss of password).</t>
  </si>
  <si>
    <t xml:space="preserve"> 5. Ensure extracts copied to other documents can be traced back to the spreadsheet.</t>
  </si>
  <si>
    <t xml:space="preserve"> 6. Plot to engineering scale whenever sensible to do so, and make units obvious.</t>
  </si>
  <si>
    <t xml:space="preserve"> 8. Give sheets &amp; workbooks descriptive names.</t>
  </si>
  <si>
    <t xml:space="preserve"> 9. Use comments to describe the purpose of individual cells and ranges of cells.</t>
  </si>
  <si>
    <t xml:space="preserve"> 2. Use colours to distinguish between fixed data, user-variable data, calculations and results.</t>
  </si>
  <si>
    <t xml:space="preserve"> 7. For charts, use colours/patterns which will be distinguishable if printed or photocopied in black &amp; white.</t>
  </si>
  <si>
    <t>Cover</t>
  </si>
  <si>
    <t>Notes</t>
  </si>
  <si>
    <t>Calc(P)</t>
  </si>
  <si>
    <t>Calc(L)</t>
  </si>
  <si>
    <t>Calc(side)</t>
  </si>
  <si>
    <t>Sheet6</t>
  </si>
  <si>
    <t>Sheet7</t>
  </si>
  <si>
    <t xml:space="preserve">Filename </t>
  </si>
  <si>
    <t>Job Title</t>
  </si>
  <si>
    <t>Job Number</t>
  </si>
  <si>
    <t>Made By</t>
  </si>
  <si>
    <t>Checked By</t>
  </si>
  <si>
    <t>Contents of Spreadsheet</t>
  </si>
  <si>
    <t>Authorisation of latest version</t>
  </si>
  <si>
    <t>Revisions</t>
  </si>
  <si>
    <t>17/07/2023</t>
  </si>
  <si>
    <t>IiA 35655</t>
  </si>
  <si>
    <t>VS</t>
  </si>
  <si>
    <t>p-y Curves to ISO19901-4(2022)</t>
  </si>
  <si>
    <t>Pile Geometry</t>
  </si>
  <si>
    <t>[m]</t>
  </si>
  <si>
    <t>[mm]</t>
  </si>
  <si>
    <t>Depth</t>
  </si>
  <si>
    <t>CPT ID</t>
  </si>
  <si>
    <t xml:space="preserve">Depth
</t>
  </si>
  <si>
    <r>
      <t>Cone Sleeve Friction, f</t>
    </r>
    <r>
      <rPr>
        <vertAlign val="subscript"/>
        <sz val="10"/>
        <rFont val="Arial"/>
        <family val="2"/>
      </rPr>
      <t>s</t>
    </r>
  </si>
  <si>
    <t>[MPa]</t>
  </si>
  <si>
    <t>[kPa]</t>
  </si>
  <si>
    <r>
      <t>[kN/m</t>
    </r>
    <r>
      <rPr>
        <vertAlign val="superscript"/>
        <sz val="10"/>
        <rFont val="Arial"/>
        <family val="2"/>
      </rPr>
      <t>3</t>
    </r>
    <r>
      <rPr>
        <sz val="10"/>
        <rFont val="Arial"/>
        <family val="2"/>
      </rPr>
      <t>]</t>
    </r>
  </si>
  <si>
    <t>1) Suggested depth increment ≤ 0.1m.</t>
  </si>
  <si>
    <r>
      <t>Undrained Shear Strength, s</t>
    </r>
    <r>
      <rPr>
        <vertAlign val="subscript"/>
        <sz val="10"/>
        <rFont val="Arial"/>
        <family val="2"/>
      </rPr>
      <t>u</t>
    </r>
  </si>
  <si>
    <t xml:space="preserve">Level
</t>
  </si>
  <si>
    <t>Design Penetration, z</t>
  </si>
  <si>
    <t>Soil Type</t>
  </si>
  <si>
    <r>
      <t>f</t>
    </r>
    <r>
      <rPr>
        <b/>
        <sz val="10"/>
        <rFont val="Arial"/>
        <family val="2"/>
      </rPr>
      <t>'</t>
    </r>
  </si>
  <si>
    <t>[mPD]</t>
  </si>
  <si>
    <r>
      <t>[</t>
    </r>
    <r>
      <rPr>
        <b/>
        <vertAlign val="superscript"/>
        <sz val="10"/>
        <rFont val="Arial"/>
        <family val="2"/>
      </rPr>
      <t>o</t>
    </r>
    <r>
      <rPr>
        <b/>
        <sz val="10"/>
        <rFont val="Arial"/>
        <family val="2"/>
      </rPr>
      <t>]</t>
    </r>
  </si>
  <si>
    <r>
      <t>[kN/m</t>
    </r>
    <r>
      <rPr>
        <b/>
        <vertAlign val="superscript"/>
        <sz val="10"/>
        <color rgb="FF000000"/>
        <rFont val="Arial"/>
        <family val="2"/>
      </rPr>
      <t>3</t>
    </r>
    <r>
      <rPr>
        <b/>
        <sz val="10"/>
        <color rgb="FF000000"/>
        <rFont val="Arial"/>
        <family val="2"/>
      </rPr>
      <t>]</t>
    </r>
  </si>
  <si>
    <t>Existing Seabed Level</t>
  </si>
  <si>
    <t>mPD</t>
  </si>
  <si>
    <t>Lateral Capacity of Soft Clay</t>
  </si>
  <si>
    <r>
      <t>Outer Diameter, D</t>
    </r>
    <r>
      <rPr>
        <vertAlign val="subscript"/>
        <sz val="10"/>
        <rFont val="Arial"/>
        <family val="2"/>
      </rPr>
      <t>o</t>
    </r>
  </si>
  <si>
    <t>Wall Thickness, t</t>
  </si>
  <si>
    <r>
      <t>Inner Diameter, D</t>
    </r>
    <r>
      <rPr>
        <vertAlign val="subscript"/>
        <sz val="10"/>
        <rFont val="Arial"/>
        <family val="2"/>
      </rPr>
      <t>i</t>
    </r>
  </si>
  <si>
    <r>
      <t>Pile Outer Diameter, D</t>
    </r>
    <r>
      <rPr>
        <b/>
        <vertAlign val="subscript"/>
        <sz val="10"/>
        <color rgb="FF000000"/>
        <rFont val="Arial"/>
        <family val="2"/>
      </rPr>
      <t>o</t>
    </r>
  </si>
  <si>
    <t>Cl. 8.5.2.2.2</t>
  </si>
  <si>
    <r>
      <t>N</t>
    </r>
    <r>
      <rPr>
        <vertAlign val="subscript"/>
        <sz val="10"/>
        <rFont val="Arial"/>
        <family val="2"/>
      </rPr>
      <t>1</t>
    </r>
    <r>
      <rPr>
        <sz val="10"/>
        <rFont val="Arial"/>
        <family val="2"/>
      </rPr>
      <t xml:space="preserve"> =</t>
    </r>
  </si>
  <si>
    <r>
      <t>N</t>
    </r>
    <r>
      <rPr>
        <vertAlign val="subscript"/>
        <sz val="10"/>
        <rFont val="Arial"/>
        <family val="2"/>
      </rPr>
      <t>2</t>
    </r>
    <r>
      <rPr>
        <sz val="10"/>
        <rFont val="Arial"/>
        <family val="2"/>
      </rPr>
      <t xml:space="preserve"> = </t>
    </r>
  </si>
  <si>
    <r>
      <t>s</t>
    </r>
    <r>
      <rPr>
        <b/>
        <vertAlign val="subscript"/>
        <sz val="10"/>
        <rFont val="Arial"/>
        <family val="2"/>
      </rPr>
      <t>u1</t>
    </r>
    <r>
      <rPr>
        <b/>
        <sz val="10"/>
        <rFont val="Arial"/>
        <family val="2"/>
      </rPr>
      <t>(z)</t>
    </r>
  </si>
  <si>
    <r>
      <rPr>
        <b/>
        <sz val="10"/>
        <color rgb="FF000000"/>
        <rFont val="Arial"/>
        <family val="2"/>
      </rPr>
      <t xml:space="preserve">Bulk Unit Weight, </t>
    </r>
    <r>
      <rPr>
        <b/>
        <sz val="10"/>
        <color rgb="FF000000"/>
        <rFont val="Symbol"/>
        <family val="1"/>
        <charset val="2"/>
      </rPr>
      <t>g</t>
    </r>
  </si>
  <si>
    <r>
      <rPr>
        <b/>
        <sz val="10"/>
        <color rgb="FF000000"/>
        <rFont val="Arial"/>
        <family val="2"/>
      </rPr>
      <t>Submerged Unit Weight</t>
    </r>
    <r>
      <rPr>
        <b/>
        <sz val="10"/>
        <color rgb="FF000000"/>
        <rFont val="Symbol"/>
        <family val="1"/>
        <charset val="2"/>
      </rPr>
      <t>, g</t>
    </r>
    <r>
      <rPr>
        <b/>
        <sz val="10"/>
        <color rgb="FF000000"/>
        <rFont val="Arial"/>
        <family val="2"/>
      </rPr>
      <t>'</t>
    </r>
  </si>
  <si>
    <r>
      <t>Undrained Shear Strength, s</t>
    </r>
    <r>
      <rPr>
        <b/>
        <vertAlign val="subscript"/>
        <sz val="10"/>
        <color rgb="FF000000"/>
        <rFont val="Arial"/>
        <family val="2"/>
      </rPr>
      <t>u</t>
    </r>
    <r>
      <rPr>
        <b/>
        <sz val="10"/>
        <color rgb="FF000000"/>
        <rFont val="Arial"/>
        <family val="2"/>
      </rPr>
      <t>(z)</t>
    </r>
  </si>
  <si>
    <t>l</t>
  </si>
  <si>
    <t>[-]</t>
  </si>
  <si>
    <t>[kPa/m]</t>
  </si>
  <si>
    <t>d</t>
  </si>
  <si>
    <r>
      <rPr>
        <b/>
        <sz val="10"/>
        <rFont val="Calibri"/>
        <family val="2"/>
      </rPr>
      <t>α</t>
    </r>
    <r>
      <rPr>
        <b/>
        <vertAlign val="subscript"/>
        <sz val="10"/>
        <rFont val="Arial"/>
        <family val="2"/>
      </rPr>
      <t>ave</t>
    </r>
  </si>
  <si>
    <t>y</t>
  </si>
  <si>
    <r>
      <t xml:space="preserve">Effective Vertical Stress, </t>
    </r>
    <r>
      <rPr>
        <b/>
        <sz val="10"/>
        <color rgb="FF000000"/>
        <rFont val="Symbol"/>
        <family val="1"/>
        <charset val="2"/>
      </rPr>
      <t>s</t>
    </r>
    <r>
      <rPr>
        <b/>
        <sz val="10"/>
        <color rgb="FF000000"/>
        <rFont val="Arial"/>
        <family val="2"/>
      </rPr>
      <t>'</t>
    </r>
    <r>
      <rPr>
        <b/>
        <vertAlign val="subscript"/>
        <sz val="10"/>
        <color rgb="FF000000"/>
        <rFont val="Arial"/>
        <family val="2"/>
      </rPr>
      <t>vo</t>
    </r>
    <r>
      <rPr>
        <b/>
        <sz val="10"/>
        <color rgb="FF000000"/>
        <rFont val="Arial"/>
        <family val="2"/>
      </rPr>
      <t>(z)</t>
    </r>
  </si>
  <si>
    <r>
      <t>N</t>
    </r>
    <r>
      <rPr>
        <b/>
        <vertAlign val="subscript"/>
        <sz val="10"/>
        <rFont val="Arial"/>
        <family val="2"/>
      </rPr>
      <t>pd</t>
    </r>
  </si>
  <si>
    <r>
      <t>N</t>
    </r>
    <r>
      <rPr>
        <b/>
        <vertAlign val="subscript"/>
        <sz val="10"/>
        <rFont val="Arial"/>
        <family val="2"/>
      </rPr>
      <t>p0</t>
    </r>
  </si>
  <si>
    <r>
      <t>N</t>
    </r>
    <r>
      <rPr>
        <b/>
        <vertAlign val="subscript"/>
        <sz val="10"/>
        <rFont val="Arial"/>
        <family val="2"/>
      </rPr>
      <t>p,gap</t>
    </r>
  </si>
  <si>
    <r>
      <t>N</t>
    </r>
    <r>
      <rPr>
        <b/>
        <vertAlign val="subscript"/>
        <sz val="10"/>
        <rFont val="Arial"/>
        <family val="2"/>
      </rPr>
      <t>p,no gap</t>
    </r>
  </si>
  <si>
    <r>
      <t>P</t>
    </r>
    <r>
      <rPr>
        <b/>
        <vertAlign val="subscript"/>
        <sz val="10"/>
        <rFont val="Arial"/>
        <family val="2"/>
      </rPr>
      <t>u</t>
    </r>
  </si>
  <si>
    <r>
      <t>p</t>
    </r>
    <r>
      <rPr>
        <b/>
        <vertAlign val="subscript"/>
        <sz val="10"/>
        <rFont val="Arial"/>
        <family val="2"/>
      </rPr>
      <t>u</t>
    </r>
  </si>
  <si>
    <r>
      <t>N</t>
    </r>
    <r>
      <rPr>
        <b/>
        <vertAlign val="subscript"/>
        <sz val="10"/>
        <rFont val="Arial"/>
        <family val="2"/>
      </rPr>
      <t>p</t>
    </r>
  </si>
  <si>
    <t>[%]</t>
  </si>
  <si>
    <r>
      <t>I</t>
    </r>
    <r>
      <rPr>
        <vertAlign val="subscript"/>
        <sz val="10"/>
        <rFont val="Arial"/>
        <family val="2"/>
      </rPr>
      <t>p</t>
    </r>
  </si>
  <si>
    <t>OCR</t>
  </si>
  <si>
    <t>[kN/m]</t>
  </si>
  <si>
    <t>Table 1 - Normalised p-y curves for monotonic actions for clays</t>
  </si>
  <si>
    <t>Mobilized Lateral Resistance-Displacement Data Based on Table 1</t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1</t>
    </r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2</t>
    </r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3</t>
    </r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4</t>
    </r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5</t>
    </r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6</t>
    </r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7</t>
    </r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8</t>
    </r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9</t>
    </r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10</t>
    </r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11</t>
    </r>
  </si>
  <si>
    <r>
      <t>(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)</t>
    </r>
    <r>
      <rPr>
        <b/>
        <vertAlign val="subscript"/>
        <sz val="10"/>
        <rFont val="Arial"/>
        <family val="2"/>
      </rPr>
      <t>12</t>
    </r>
  </si>
  <si>
    <r>
      <t>I</t>
    </r>
    <r>
      <rPr>
        <b/>
        <vertAlign val="subscript"/>
        <sz val="10"/>
        <color rgb="FF000000"/>
        <rFont val="Arial"/>
        <family val="2"/>
      </rPr>
      <t>p</t>
    </r>
  </si>
  <si>
    <t>OCR = 4</t>
  </si>
  <si>
    <t>OCR = 10</t>
  </si>
  <si>
    <r>
      <t>y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D</t>
    </r>
  </si>
  <si>
    <r>
      <t>I</t>
    </r>
    <r>
      <rPr>
        <b/>
        <vertAlign val="subscript"/>
        <sz val="10"/>
        <rFont val="Arial"/>
        <family val="2"/>
      </rPr>
      <t>p</t>
    </r>
    <r>
      <rPr>
        <b/>
        <sz val="10"/>
        <rFont val="Arial"/>
        <family val="2"/>
      </rPr>
      <t xml:space="preserve"> &gt; 30%</t>
    </r>
  </si>
  <si>
    <r>
      <t>I</t>
    </r>
    <r>
      <rPr>
        <b/>
        <vertAlign val="subscript"/>
        <sz val="10"/>
        <rFont val="Arial"/>
        <family val="2"/>
      </rPr>
      <t>p</t>
    </r>
    <r>
      <rPr>
        <b/>
        <sz val="10"/>
        <rFont val="Arial"/>
        <family val="2"/>
      </rPr>
      <t xml:space="preserve"> </t>
    </r>
    <r>
      <rPr>
        <b/>
        <sz val="12"/>
        <rFont val="Arial"/>
        <family val="2"/>
      </rPr>
      <t>≤ 30%</t>
    </r>
  </si>
  <si>
    <r>
      <t>OCR ≤</t>
    </r>
    <r>
      <rPr>
        <b/>
        <sz val="12"/>
        <rFont val="Arial"/>
        <family val="2"/>
      </rPr>
      <t xml:space="preserve"> 2</t>
    </r>
  </si>
  <si>
    <r>
      <t>p</t>
    </r>
    <r>
      <rPr>
        <b/>
        <vertAlign val="subscript"/>
        <sz val="10"/>
        <rFont val="Arial"/>
        <family val="2"/>
      </rPr>
      <t>mo</t>
    </r>
    <r>
      <rPr>
        <b/>
        <sz val="10"/>
        <rFont val="Arial"/>
        <family val="2"/>
      </rPr>
      <t>/p</t>
    </r>
    <r>
      <rPr>
        <b/>
        <vertAlign val="subscript"/>
        <sz val="10"/>
        <rFont val="Arial"/>
        <family val="2"/>
      </rPr>
      <t>u</t>
    </r>
  </si>
  <si>
    <t>∞</t>
  </si>
  <si>
    <r>
      <t>y</t>
    </r>
    <r>
      <rPr>
        <b/>
        <vertAlign val="subscript"/>
        <sz val="10"/>
        <color rgb="FF000000"/>
        <rFont val="Arial"/>
        <family val="2"/>
      </rPr>
      <t>mo,1</t>
    </r>
  </si>
  <si>
    <r>
      <t>y</t>
    </r>
    <r>
      <rPr>
        <b/>
        <vertAlign val="subscript"/>
        <sz val="10"/>
        <color rgb="FF000000"/>
        <rFont val="Arial"/>
        <family val="2"/>
      </rPr>
      <t>mo,2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color rgb="FF000000"/>
        <rFont val="Arial"/>
        <family val="2"/>
      </rPr>
      <t>mo,3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color rgb="FF000000"/>
        <rFont val="Arial"/>
        <family val="2"/>
      </rPr>
      <t>mo,4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color rgb="FF000000"/>
        <rFont val="Arial"/>
        <family val="2"/>
      </rPr>
      <t>mo,5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color rgb="FF000000"/>
        <rFont val="Arial"/>
        <family val="2"/>
      </rPr>
      <t>mo,6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color rgb="FF000000"/>
        <rFont val="Arial"/>
        <family val="2"/>
      </rPr>
      <t>mo,7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color rgb="FF000000"/>
        <rFont val="Arial"/>
        <family val="2"/>
      </rPr>
      <t>mo,8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color rgb="FF000000"/>
        <rFont val="Arial"/>
        <family val="2"/>
      </rPr>
      <t>mo,9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color rgb="FF000000"/>
        <rFont val="Arial"/>
        <family val="2"/>
      </rPr>
      <t>mo,10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color rgb="FF000000"/>
        <rFont val="Arial"/>
        <family val="2"/>
      </rPr>
      <t>mo,11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color rgb="FF000000"/>
        <rFont val="Arial"/>
        <family val="2"/>
      </rPr>
      <t>mo,12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,1</t>
    </r>
  </si>
  <si>
    <r>
      <t>p</t>
    </r>
    <r>
      <rPr>
        <b/>
        <vertAlign val="subscript"/>
        <sz val="10"/>
        <rFont val="Arial"/>
        <family val="2"/>
      </rPr>
      <t>mo,2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,3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,4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,5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,6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,7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,8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,9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,10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,11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,12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color rgb="FF000000"/>
        <rFont val="Arial"/>
        <family val="2"/>
      </rPr>
      <t>mo,0</t>
    </r>
  </si>
  <si>
    <r>
      <t>p</t>
    </r>
    <r>
      <rPr>
        <b/>
        <vertAlign val="subscript"/>
        <sz val="10"/>
        <rFont val="Arial"/>
        <family val="2"/>
      </rPr>
      <t>mo,0</t>
    </r>
  </si>
  <si>
    <r>
      <t xml:space="preserve">Unit Weight, </t>
    </r>
    <r>
      <rPr>
        <sz val="10"/>
        <rFont val="Symbol"/>
        <family val="1"/>
        <charset val="2"/>
      </rPr>
      <t>g</t>
    </r>
  </si>
  <si>
    <r>
      <t>[</t>
    </r>
    <r>
      <rPr>
        <vertAlign val="superscript"/>
        <sz val="10"/>
        <rFont val="Arial"/>
        <family val="2"/>
      </rPr>
      <t>o</t>
    </r>
    <r>
      <rPr>
        <sz val="10"/>
        <rFont val="Arial"/>
        <family val="2"/>
      </rPr>
      <t>]</t>
    </r>
  </si>
  <si>
    <r>
      <t>I</t>
    </r>
    <r>
      <rPr>
        <vertAlign val="subscript"/>
        <sz val="10"/>
        <rFont val="Arial"/>
        <family val="2"/>
      </rPr>
      <t>c</t>
    </r>
  </si>
  <si>
    <r>
      <t>C</t>
    </r>
    <r>
      <rPr>
        <b/>
        <vertAlign val="subscript"/>
        <sz val="10"/>
        <rFont val="Arial"/>
        <family val="2"/>
      </rPr>
      <t>w</t>
    </r>
  </si>
  <si>
    <r>
      <t>N</t>
    </r>
    <r>
      <rPr>
        <b/>
        <vertAlign val="subscript"/>
        <sz val="10"/>
        <rFont val="Arial"/>
        <family val="2"/>
      </rPr>
      <t>pcor</t>
    </r>
  </si>
  <si>
    <t>(ymo/D)1</t>
  </si>
  <si>
    <t>(ymo/D)2</t>
  </si>
  <si>
    <t>(ymo/D)3</t>
  </si>
  <si>
    <t>(ymo/D)4</t>
  </si>
  <si>
    <t>(ymo/D)5</t>
  </si>
  <si>
    <t>(ymo/D)6</t>
  </si>
  <si>
    <t>(ymo/D)7</t>
  </si>
  <si>
    <t>(ymo/D)8</t>
  </si>
  <si>
    <t>(ymo/D)9</t>
  </si>
  <si>
    <t>(ymo/D)10</t>
  </si>
  <si>
    <t>(ymo/D)11</t>
  </si>
  <si>
    <t>(ymo/D)12</t>
  </si>
  <si>
    <t xml:space="preserve"> </t>
  </si>
  <si>
    <t>Ip</t>
  </si>
  <si>
    <t>IF(AND(X9&gt;30,X10&lt;=2),VLOOKUP(AB24,AA6:AH21,3,FALSE),IF(AND(X9&gt;30,X10&lt;=4),VLOOKUP(AB24,AA6:AH21,4,FALSE)),if(and(X9&gt;30,X10&gt;4),VLOOKUP(AB24,AA6:AH21,5,FALSE)),if(and(X9&lt;30,X10&lt;=2),VLOOKUP(AB24,AA6:AH21,6,FALSE)),0)</t>
  </si>
  <si>
    <t>A</t>
  </si>
  <si>
    <t>B</t>
  </si>
  <si>
    <t xml:space="preserve">GoM </t>
  </si>
  <si>
    <t>North Sea Soft Clay</t>
  </si>
  <si>
    <t>North Sea Stiff Clay</t>
  </si>
  <si>
    <t>GoM</t>
  </si>
  <si>
    <t xml:space="preserve">GoM Cyclic p-y </t>
  </si>
  <si>
    <t>Monotonic p-y curve</t>
  </si>
  <si>
    <t>α</t>
  </si>
  <si>
    <t>β</t>
  </si>
  <si>
    <t>(rads)</t>
  </si>
  <si>
    <t>Lateral Capacity</t>
  </si>
  <si>
    <r>
      <t>K</t>
    </r>
    <r>
      <rPr>
        <b/>
        <vertAlign val="subscript"/>
        <sz val="10"/>
        <rFont val="Arial"/>
        <family val="2"/>
      </rPr>
      <t>0</t>
    </r>
  </si>
  <si>
    <r>
      <t>K</t>
    </r>
    <r>
      <rPr>
        <b/>
        <vertAlign val="subscript"/>
        <sz val="10"/>
        <rFont val="Arial"/>
        <family val="2"/>
      </rPr>
      <t>a</t>
    </r>
  </si>
  <si>
    <r>
      <t>C</t>
    </r>
    <r>
      <rPr>
        <b/>
        <vertAlign val="subscript"/>
        <sz val="10"/>
        <rFont val="Arial"/>
        <family val="2"/>
      </rPr>
      <t>1</t>
    </r>
  </si>
  <si>
    <r>
      <t>C</t>
    </r>
    <r>
      <rPr>
        <b/>
        <vertAlign val="subscript"/>
        <sz val="10"/>
        <rFont val="Arial"/>
        <family val="2"/>
      </rPr>
      <t>2</t>
    </r>
  </si>
  <si>
    <r>
      <t>C</t>
    </r>
    <r>
      <rPr>
        <b/>
        <vertAlign val="subscript"/>
        <sz val="10"/>
        <rFont val="Arial"/>
        <family val="2"/>
      </rPr>
      <t>3</t>
    </r>
  </si>
  <si>
    <r>
      <t>p</t>
    </r>
    <r>
      <rPr>
        <b/>
        <vertAlign val="subscript"/>
        <sz val="10"/>
        <rFont val="Arial"/>
        <family val="2"/>
      </rPr>
      <t>rs</t>
    </r>
  </si>
  <si>
    <r>
      <t>p</t>
    </r>
    <r>
      <rPr>
        <b/>
        <vertAlign val="subscript"/>
        <sz val="10"/>
        <rFont val="Arial"/>
        <family val="2"/>
      </rPr>
      <t>rd</t>
    </r>
  </si>
  <si>
    <r>
      <t>p</t>
    </r>
    <r>
      <rPr>
        <b/>
        <vertAlign val="subscript"/>
        <sz val="10"/>
        <rFont val="Arial"/>
        <family val="2"/>
      </rPr>
      <t>r</t>
    </r>
  </si>
  <si>
    <t>k</t>
  </si>
  <si>
    <t>MN/m3</t>
  </si>
  <si>
    <t>lb/in3</t>
  </si>
  <si>
    <t>Table 3 - Initial modulus of subgrade reaction</t>
  </si>
  <si>
    <t>Repeated interpolation if Phi  doesn’t match a value from table 3</t>
  </si>
  <si>
    <t>*z, the code is missing the parameter</t>
  </si>
  <si>
    <t xml:space="preserve">Cyclic p-y </t>
  </si>
  <si>
    <t>Static p-y</t>
  </si>
  <si>
    <r>
      <t>p</t>
    </r>
    <r>
      <rPr>
        <b/>
        <vertAlign val="subscript"/>
        <sz val="10"/>
        <rFont val="Arial"/>
        <family val="2"/>
      </rPr>
      <t>cy0</t>
    </r>
  </si>
  <si>
    <r>
      <t>p</t>
    </r>
    <r>
      <rPr>
        <b/>
        <vertAlign val="subscript"/>
        <sz val="10"/>
        <rFont val="Arial"/>
        <family val="2"/>
      </rPr>
      <t>cy1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cy2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cy3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cy4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cy5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cy6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cy7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cy8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cy9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cy10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cy11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cy12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0</t>
    </r>
  </si>
  <si>
    <r>
      <t>y</t>
    </r>
    <r>
      <rPr>
        <b/>
        <vertAlign val="subscript"/>
        <sz val="10"/>
        <rFont val="Arial"/>
        <family val="2"/>
      </rPr>
      <t>cy1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2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3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4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5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6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7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8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9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10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11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cy12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0</t>
    </r>
  </si>
  <si>
    <r>
      <t>N</t>
    </r>
    <r>
      <rPr>
        <b/>
        <vertAlign val="subscript"/>
        <sz val="10"/>
        <rFont val="Arial"/>
        <family val="2"/>
      </rPr>
      <t>eq1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2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3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4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5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6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7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8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9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10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11</t>
    </r>
    <r>
      <rPr>
        <sz val="11"/>
        <color theme="1"/>
        <rFont val="Calibri"/>
        <family val="2"/>
        <scheme val="minor"/>
      </rPr>
      <t/>
    </r>
  </si>
  <si>
    <r>
      <t>N</t>
    </r>
    <r>
      <rPr>
        <b/>
        <vertAlign val="subscript"/>
        <sz val="10"/>
        <rFont val="Arial"/>
        <family val="2"/>
      </rPr>
      <t>eq12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0</t>
    </r>
  </si>
  <si>
    <r>
      <t>p</t>
    </r>
    <r>
      <rPr>
        <b/>
        <vertAlign val="subscript"/>
        <sz val="10"/>
        <rFont val="Arial"/>
        <family val="2"/>
      </rPr>
      <t>mod1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2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3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4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5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6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7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8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9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10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11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mod12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0</t>
    </r>
  </si>
  <si>
    <r>
      <t>y</t>
    </r>
    <r>
      <rPr>
        <b/>
        <vertAlign val="subscript"/>
        <sz val="10"/>
        <rFont val="Arial"/>
        <family val="2"/>
      </rPr>
      <t>mod1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2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3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4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5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6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7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8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9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10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11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mod12</t>
    </r>
    <r>
      <rPr>
        <sz val="11"/>
        <color theme="1"/>
        <rFont val="Calibri"/>
        <family val="2"/>
        <scheme val="minor"/>
      </rPr>
      <t/>
    </r>
  </si>
  <si>
    <r>
      <t>Z</t>
    </r>
    <r>
      <rPr>
        <b/>
        <vertAlign val="subscript"/>
        <sz val="10"/>
        <rFont val="Arial"/>
        <family val="2"/>
      </rPr>
      <t>rot</t>
    </r>
  </si>
  <si>
    <r>
      <t>h</t>
    </r>
    <r>
      <rPr>
        <b/>
        <vertAlign val="subscript"/>
        <sz val="10"/>
        <rFont val="Arial"/>
        <family val="2"/>
      </rPr>
      <t>f0</t>
    </r>
  </si>
  <si>
    <r>
      <t>h</t>
    </r>
    <r>
      <rPr>
        <b/>
        <vertAlign val="subscript"/>
        <sz val="10"/>
        <rFont val="Arial"/>
        <family val="2"/>
      </rPr>
      <t>f1</t>
    </r>
    <r>
      <rPr>
        <sz val="11"/>
        <color theme="1"/>
        <rFont val="Calibri"/>
        <family val="2"/>
        <scheme val="minor"/>
      </rPr>
      <t/>
    </r>
  </si>
  <si>
    <r>
      <t>h</t>
    </r>
    <r>
      <rPr>
        <b/>
        <vertAlign val="subscript"/>
        <sz val="10"/>
        <rFont val="Arial"/>
        <family val="2"/>
      </rPr>
      <t>f2</t>
    </r>
    <r>
      <rPr>
        <sz val="11"/>
        <color theme="1"/>
        <rFont val="Calibri"/>
        <family val="2"/>
        <scheme val="minor"/>
      </rPr>
      <t/>
    </r>
  </si>
  <si>
    <r>
      <t>h</t>
    </r>
    <r>
      <rPr>
        <b/>
        <vertAlign val="subscript"/>
        <sz val="10"/>
        <rFont val="Arial"/>
        <family val="2"/>
      </rPr>
      <t>f3</t>
    </r>
    <r>
      <rPr>
        <sz val="11"/>
        <color theme="1"/>
        <rFont val="Calibri"/>
        <family val="2"/>
        <scheme val="minor"/>
      </rPr>
      <t/>
    </r>
  </si>
  <si>
    <r>
      <t>h</t>
    </r>
    <r>
      <rPr>
        <b/>
        <vertAlign val="subscript"/>
        <sz val="10"/>
        <rFont val="Arial"/>
        <family val="2"/>
      </rPr>
      <t>f4</t>
    </r>
    <r>
      <rPr>
        <sz val="11"/>
        <color theme="1"/>
        <rFont val="Calibri"/>
        <family val="2"/>
        <scheme val="minor"/>
      </rPr>
      <t/>
    </r>
  </si>
  <si>
    <r>
      <t>h</t>
    </r>
    <r>
      <rPr>
        <b/>
        <vertAlign val="subscript"/>
        <sz val="10"/>
        <rFont val="Arial"/>
        <family val="2"/>
      </rPr>
      <t>f5</t>
    </r>
    <r>
      <rPr>
        <sz val="11"/>
        <color theme="1"/>
        <rFont val="Calibri"/>
        <family val="2"/>
        <scheme val="minor"/>
      </rPr>
      <t/>
    </r>
  </si>
  <si>
    <r>
      <t>h</t>
    </r>
    <r>
      <rPr>
        <b/>
        <vertAlign val="subscript"/>
        <sz val="10"/>
        <rFont val="Arial"/>
        <family val="2"/>
      </rPr>
      <t>f6</t>
    </r>
    <r>
      <rPr>
        <sz val="11"/>
        <color theme="1"/>
        <rFont val="Calibri"/>
        <family val="2"/>
        <scheme val="minor"/>
      </rPr>
      <t/>
    </r>
  </si>
  <si>
    <r>
      <t>h</t>
    </r>
    <r>
      <rPr>
        <b/>
        <vertAlign val="subscript"/>
        <sz val="10"/>
        <rFont val="Arial"/>
        <family val="2"/>
      </rPr>
      <t>f7</t>
    </r>
    <r>
      <rPr>
        <sz val="11"/>
        <color theme="1"/>
        <rFont val="Calibri"/>
        <family val="2"/>
        <scheme val="minor"/>
      </rPr>
      <t/>
    </r>
  </si>
  <si>
    <r>
      <t>h</t>
    </r>
    <r>
      <rPr>
        <b/>
        <vertAlign val="subscript"/>
        <sz val="10"/>
        <rFont val="Arial"/>
        <family val="2"/>
      </rPr>
      <t>f8</t>
    </r>
    <r>
      <rPr>
        <sz val="11"/>
        <color theme="1"/>
        <rFont val="Calibri"/>
        <family val="2"/>
        <scheme val="minor"/>
      </rPr>
      <t/>
    </r>
  </si>
  <si>
    <r>
      <t>h</t>
    </r>
    <r>
      <rPr>
        <b/>
        <vertAlign val="subscript"/>
        <sz val="10"/>
        <rFont val="Arial"/>
        <family val="2"/>
      </rPr>
      <t>f9</t>
    </r>
    <r>
      <rPr>
        <sz val="11"/>
        <color theme="1"/>
        <rFont val="Calibri"/>
        <family val="2"/>
        <scheme val="minor"/>
      </rPr>
      <t/>
    </r>
  </si>
  <si>
    <r>
      <t>h</t>
    </r>
    <r>
      <rPr>
        <b/>
        <vertAlign val="subscript"/>
        <sz val="10"/>
        <rFont val="Arial"/>
        <family val="2"/>
      </rPr>
      <t>f10</t>
    </r>
    <r>
      <rPr>
        <sz val="11"/>
        <color theme="1"/>
        <rFont val="Calibri"/>
        <family val="2"/>
        <scheme val="minor"/>
      </rPr>
      <t/>
    </r>
  </si>
  <si>
    <r>
      <t>h</t>
    </r>
    <r>
      <rPr>
        <b/>
        <vertAlign val="subscript"/>
        <sz val="10"/>
        <rFont val="Arial"/>
        <family val="2"/>
      </rPr>
      <t>f11</t>
    </r>
    <r>
      <rPr>
        <sz val="11"/>
        <color theme="1"/>
        <rFont val="Calibri"/>
        <family val="2"/>
        <scheme val="minor"/>
      </rPr>
      <t/>
    </r>
  </si>
  <si>
    <r>
      <t>h</t>
    </r>
    <r>
      <rPr>
        <b/>
        <vertAlign val="subscript"/>
        <sz val="10"/>
        <rFont val="Arial"/>
        <family val="2"/>
      </rPr>
      <t>f12</t>
    </r>
    <r>
      <rPr>
        <sz val="11"/>
        <color theme="1"/>
        <rFont val="Calibri"/>
        <family val="2"/>
        <scheme val="minor"/>
      </rPr>
      <t/>
    </r>
  </si>
  <si>
    <r>
      <t>g</t>
    </r>
    <r>
      <rPr>
        <b/>
        <vertAlign val="subscript"/>
        <sz val="10"/>
        <rFont val="Arial"/>
        <family val="2"/>
      </rPr>
      <t>GoM</t>
    </r>
  </si>
  <si>
    <r>
      <t>g</t>
    </r>
    <r>
      <rPr>
        <b/>
        <vertAlign val="subscript"/>
        <sz val="10"/>
        <rFont val="Arial"/>
        <family val="2"/>
      </rPr>
      <t>NSsoft</t>
    </r>
  </si>
  <si>
    <r>
      <t>g</t>
    </r>
    <r>
      <rPr>
        <b/>
        <vertAlign val="subscript"/>
        <sz val="10"/>
        <rFont val="Arial"/>
        <family val="2"/>
      </rPr>
      <t>NSStiff</t>
    </r>
  </si>
  <si>
    <r>
      <t>y</t>
    </r>
    <r>
      <rPr>
        <b/>
        <vertAlign val="subscript"/>
        <sz val="10"/>
        <rFont val="Arial"/>
        <family val="2"/>
      </rPr>
      <t>0</t>
    </r>
  </si>
  <si>
    <r>
      <t>y</t>
    </r>
    <r>
      <rPr>
        <b/>
        <vertAlign val="subscript"/>
        <sz val="10"/>
        <rFont val="Arial"/>
        <family val="2"/>
      </rPr>
      <t>1</t>
    </r>
  </si>
  <si>
    <r>
      <t>y</t>
    </r>
    <r>
      <rPr>
        <b/>
        <vertAlign val="subscript"/>
        <sz val="10"/>
        <rFont val="Arial"/>
        <family val="2"/>
      </rPr>
      <t>2</t>
    </r>
  </si>
  <si>
    <r>
      <t>y</t>
    </r>
    <r>
      <rPr>
        <b/>
        <vertAlign val="subscript"/>
        <sz val="10"/>
        <rFont val="Arial"/>
        <family val="2"/>
      </rPr>
      <t>3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4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5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6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7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8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9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10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0</t>
    </r>
  </si>
  <si>
    <r>
      <t>p</t>
    </r>
    <r>
      <rPr>
        <b/>
        <vertAlign val="subscript"/>
        <sz val="10"/>
        <rFont val="Arial"/>
        <family val="2"/>
      </rPr>
      <t>1</t>
    </r>
  </si>
  <si>
    <r>
      <t>p</t>
    </r>
    <r>
      <rPr>
        <b/>
        <vertAlign val="subscript"/>
        <sz val="10"/>
        <rFont val="Arial"/>
        <family val="2"/>
      </rPr>
      <t>2</t>
    </r>
  </si>
  <si>
    <r>
      <t>p</t>
    </r>
    <r>
      <rPr>
        <b/>
        <vertAlign val="subscript"/>
        <sz val="10"/>
        <rFont val="Arial"/>
        <family val="2"/>
      </rPr>
      <t>3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4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5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6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7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8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9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10</t>
    </r>
    <r>
      <rPr>
        <sz val="11"/>
        <color theme="1"/>
        <rFont val="Calibri"/>
        <family val="2"/>
        <scheme val="minor"/>
      </rPr>
      <t/>
    </r>
  </si>
  <si>
    <t>CPT4</t>
  </si>
  <si>
    <r>
      <t>Pore Water Pressure, u</t>
    </r>
    <r>
      <rPr>
        <vertAlign val="subscript"/>
        <sz val="10"/>
        <rFont val="Arial"/>
        <family val="2"/>
      </rPr>
      <t>2</t>
    </r>
  </si>
  <si>
    <r>
      <t>Normalised Cone Resistance, Q</t>
    </r>
    <r>
      <rPr>
        <vertAlign val="subscript"/>
        <sz val="10"/>
        <rFont val="Arial"/>
        <family val="2"/>
      </rPr>
      <t>t</t>
    </r>
  </si>
  <si>
    <r>
      <t xml:space="preserve">Effective Unit Weight, </t>
    </r>
    <r>
      <rPr>
        <sz val="10"/>
        <rFont val="Symbol"/>
        <family val="1"/>
        <charset val="2"/>
      </rPr>
      <t>g</t>
    </r>
    <r>
      <rPr>
        <sz val="10"/>
        <rFont val="Arial"/>
        <family val="2"/>
      </rPr>
      <t>'</t>
    </r>
  </si>
  <si>
    <r>
      <t xml:space="preserve">Vertical Stress, </t>
    </r>
    <r>
      <rPr>
        <sz val="10"/>
        <rFont val="Calibri"/>
        <family val="2"/>
      </rPr>
      <t>σ</t>
    </r>
    <r>
      <rPr>
        <vertAlign val="subscript"/>
        <sz val="10.199999999999999"/>
        <rFont val="Arial"/>
        <family val="2"/>
      </rPr>
      <t>v0</t>
    </r>
  </si>
  <si>
    <r>
      <t xml:space="preserve">Effective Vertical Stress, </t>
    </r>
    <r>
      <rPr>
        <sz val="10"/>
        <rFont val="Calibri"/>
        <family val="2"/>
      </rPr>
      <t>σ</t>
    </r>
    <r>
      <rPr>
        <vertAlign val="subscript"/>
        <sz val="10.199999999999999"/>
        <rFont val="Arial"/>
        <family val="2"/>
      </rPr>
      <t>v0'</t>
    </r>
  </si>
  <si>
    <t>Global Scour</t>
  </si>
  <si>
    <t>Local Scour</t>
  </si>
  <si>
    <t>Total Scour</t>
  </si>
  <si>
    <t>m</t>
  </si>
  <si>
    <t>Friction Ratio, Rf</t>
  </si>
  <si>
    <r>
      <t>N</t>
    </r>
    <r>
      <rPr>
        <vertAlign val="subscript"/>
        <sz val="10"/>
        <rFont val="Arial"/>
        <family val="2"/>
      </rPr>
      <t>kt</t>
    </r>
  </si>
  <si>
    <r>
      <t>[MN/m</t>
    </r>
    <r>
      <rPr>
        <b/>
        <vertAlign val="superscript"/>
        <sz val="10"/>
        <color rgb="FF000000"/>
        <rFont val="Arial"/>
        <family val="2"/>
      </rPr>
      <t>3</t>
    </r>
    <r>
      <rPr>
        <b/>
        <sz val="10"/>
        <color rgb="FF000000"/>
        <rFont val="Arial"/>
        <family val="2"/>
      </rPr>
      <t>]</t>
    </r>
  </si>
  <si>
    <t xml:space="preserve">Level </t>
  </si>
  <si>
    <t>Design Penetration Depth, z</t>
  </si>
  <si>
    <r>
      <t>p</t>
    </r>
    <r>
      <rPr>
        <b/>
        <vertAlign val="subscript"/>
        <sz val="10"/>
        <rFont val="Arial"/>
        <family val="2"/>
      </rPr>
      <t>11</t>
    </r>
    <r>
      <rPr>
        <sz val="11"/>
        <color theme="1"/>
        <rFont val="Calibri"/>
        <family val="2"/>
        <scheme val="minor"/>
      </rPr>
      <t/>
    </r>
  </si>
  <si>
    <r>
      <t>p</t>
    </r>
    <r>
      <rPr>
        <b/>
        <vertAlign val="subscript"/>
        <sz val="10"/>
        <rFont val="Arial"/>
        <family val="2"/>
      </rPr>
      <t>12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11</t>
    </r>
    <r>
      <rPr>
        <sz val="11"/>
        <color theme="1"/>
        <rFont val="Calibri"/>
        <family val="2"/>
        <scheme val="minor"/>
      </rPr>
      <t/>
    </r>
  </si>
  <si>
    <r>
      <t>y</t>
    </r>
    <r>
      <rPr>
        <b/>
        <vertAlign val="subscript"/>
        <sz val="10"/>
        <rFont val="Arial"/>
        <family val="2"/>
      </rPr>
      <t>12</t>
    </r>
    <r>
      <rPr>
        <sz val="11"/>
        <color theme="1"/>
        <rFont val="Calibri"/>
        <family val="2"/>
        <scheme val="minor"/>
      </rPr>
      <t/>
    </r>
  </si>
  <si>
    <t>*For clay, of soft and stiff north sea clay considered.</t>
  </si>
  <si>
    <t>Normalised Friction Ratio, Fr</t>
  </si>
  <si>
    <t>x</t>
  </si>
  <si>
    <r>
      <t>Corrected Cone Resistance, q</t>
    </r>
    <r>
      <rPr>
        <vertAlign val="subscript"/>
        <sz val="10"/>
        <rFont val="Arial"/>
        <family val="2"/>
      </rPr>
      <t>t</t>
    </r>
  </si>
  <si>
    <t>a</t>
  </si>
  <si>
    <t>Cone Resistance, qc</t>
  </si>
  <si>
    <t>Su(z)</t>
  </si>
  <si>
    <t>Su(0)</t>
  </si>
  <si>
    <t>Manually change here to initial Su(z) value in clay laye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7">
    <numFmt numFmtId="43" formatCode="_(* #,##0.00_);_(* \(#,##0.00\);_(* &quot;-&quot;??_);_(@_)"/>
    <numFmt numFmtId="164" formatCode="dd/mm/yy;@"/>
    <numFmt numFmtId="165" formatCode="0.0"/>
    <numFmt numFmtId="166" formatCode="0.000"/>
    <numFmt numFmtId="167" formatCode="0.0000"/>
    <numFmt numFmtId="168" formatCode="\+0.00;\-0.00;0.00"/>
    <numFmt numFmtId="169" formatCode="0.00000"/>
  </numFmts>
  <fonts count="36" x14ac:knownFonts="1">
    <font>
      <sz val="10"/>
      <name val="Arial"/>
    </font>
    <font>
      <sz val="11"/>
      <color theme="1"/>
      <name val="Calibri"/>
      <family val="2"/>
      <scheme val="minor"/>
    </font>
    <font>
      <sz val="10"/>
      <name val="Arial"/>
      <family val="2"/>
    </font>
    <font>
      <sz val="8"/>
      <color indexed="81"/>
      <name val="Tahoma"/>
      <family val="2"/>
    </font>
    <font>
      <b/>
      <sz val="8"/>
      <color indexed="81"/>
      <name val="Tahoma"/>
      <family val="2"/>
    </font>
    <font>
      <b/>
      <sz val="10"/>
      <name val="Arial"/>
      <family val="2"/>
    </font>
    <font>
      <b/>
      <sz val="10"/>
      <color indexed="8"/>
      <name val="Arial"/>
      <family val="2"/>
    </font>
    <font>
      <sz val="10"/>
      <color indexed="81"/>
      <name val="Arial"/>
      <family val="2"/>
    </font>
    <font>
      <b/>
      <sz val="10"/>
      <color rgb="FFE61E28"/>
      <name val="Arial"/>
      <family val="2"/>
    </font>
    <font>
      <sz val="10"/>
      <color rgb="FF0000FF"/>
      <name val="Arial"/>
      <family val="2"/>
    </font>
    <font>
      <b/>
      <u/>
      <sz val="10"/>
      <name val="Arial"/>
      <family val="2"/>
    </font>
    <font>
      <sz val="9"/>
      <name val="Arial"/>
      <family val="2"/>
    </font>
    <font>
      <vertAlign val="subscript"/>
      <sz val="10"/>
      <name val="Arial"/>
      <family val="2"/>
    </font>
    <font>
      <sz val="10"/>
      <name val="Symbol"/>
      <family val="1"/>
      <charset val="2"/>
    </font>
    <font>
      <vertAlign val="superscript"/>
      <sz val="10"/>
      <name val="Arial"/>
      <family val="2"/>
    </font>
    <font>
      <b/>
      <i/>
      <u/>
      <sz val="10"/>
      <name val="Arial"/>
      <family val="2"/>
    </font>
    <font>
      <b/>
      <sz val="10"/>
      <color rgb="FF000000"/>
      <name val="Arial"/>
      <family val="2"/>
    </font>
    <font>
      <b/>
      <vertAlign val="subscript"/>
      <sz val="10"/>
      <color rgb="FF000000"/>
      <name val="Arial"/>
      <family val="2"/>
    </font>
    <font>
      <b/>
      <sz val="10"/>
      <name val="Symbol"/>
      <family val="1"/>
      <charset val="2"/>
    </font>
    <font>
      <b/>
      <sz val="10"/>
      <color rgb="FF000000"/>
      <name val="Symbol"/>
      <family val="2"/>
      <charset val="2"/>
    </font>
    <font>
      <b/>
      <sz val="10"/>
      <color rgb="FF000000"/>
      <name val="Symbol"/>
      <family val="1"/>
      <charset val="2"/>
    </font>
    <font>
      <b/>
      <vertAlign val="superscript"/>
      <sz val="10"/>
      <name val="Arial"/>
      <family val="2"/>
    </font>
    <font>
      <b/>
      <vertAlign val="superscript"/>
      <sz val="10"/>
      <color rgb="FF000000"/>
      <name val="Arial"/>
      <family val="2"/>
    </font>
    <font>
      <sz val="10"/>
      <color theme="0" tint="-0.499984740745262"/>
      <name val="Arial"/>
      <family val="2"/>
    </font>
    <font>
      <sz val="10"/>
      <color rgb="FF000000"/>
      <name val="Arial"/>
      <family val="2"/>
    </font>
    <font>
      <b/>
      <vertAlign val="subscript"/>
      <sz val="10"/>
      <name val="Arial"/>
      <family val="2"/>
    </font>
    <font>
      <b/>
      <sz val="9"/>
      <color indexed="81"/>
      <name val="Tahoma"/>
      <family val="2"/>
    </font>
    <font>
      <b/>
      <sz val="10"/>
      <name val="Calibri"/>
      <family val="2"/>
    </font>
    <font>
      <b/>
      <sz val="12"/>
      <name val="Arial"/>
      <family val="2"/>
    </font>
    <font>
      <sz val="8"/>
      <name val="Arial"/>
      <family val="2"/>
    </font>
    <font>
      <sz val="10"/>
      <color theme="9" tint="-0.249977111117893"/>
      <name val="Arial"/>
      <family val="2"/>
    </font>
    <font>
      <sz val="8"/>
      <name val="Arial"/>
      <family val="2"/>
    </font>
    <font>
      <sz val="10"/>
      <name val="Calibri"/>
      <family val="2"/>
    </font>
    <font>
      <vertAlign val="subscript"/>
      <sz val="10.199999999999999"/>
      <name val="Arial"/>
      <family val="2"/>
    </font>
    <font>
      <sz val="8"/>
      <name val="Arial"/>
      <family val="2"/>
    </font>
    <font>
      <sz val="10"/>
      <name val="Arial"/>
      <family val="2"/>
    </font>
  </fonts>
  <fills count="10">
    <fill>
      <patternFill patternType="none"/>
    </fill>
    <fill>
      <patternFill patternType="gray125"/>
    </fill>
    <fill>
      <patternFill patternType="solid">
        <fgColor indexed="22"/>
        <bgColor indexed="64"/>
      </patternFill>
    </fill>
    <fill>
      <patternFill patternType="solid">
        <fgColor rgb="FFFFFF99"/>
        <bgColor indexed="64"/>
      </patternFill>
    </fill>
    <fill>
      <patternFill patternType="solid">
        <fgColor theme="0" tint="-0.499984740745262"/>
        <bgColor indexed="64"/>
      </patternFill>
    </fill>
    <fill>
      <patternFill patternType="solid">
        <fgColor theme="6" tint="0.79998168889431442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9" tint="0.79998168889431442"/>
        <bgColor indexed="64"/>
      </patternFill>
    </fill>
    <fill>
      <patternFill patternType="solid">
        <fgColor theme="4" tint="0.39997558519241921"/>
        <bgColor indexed="64"/>
      </patternFill>
    </fill>
    <fill>
      <patternFill patternType="solid">
        <fgColor theme="4" tint="0.79998168889431442"/>
        <bgColor indexed="64"/>
      </patternFill>
    </fill>
  </fills>
  <borders count="76">
    <border>
      <left/>
      <right/>
      <top/>
      <bottom/>
      <diagonal/>
    </border>
    <border>
      <left style="hair">
        <color indexed="64"/>
      </left>
      <right style="hair">
        <color indexed="64"/>
      </right>
      <top style="hair">
        <color indexed="64"/>
      </top>
      <bottom style="hair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/>
      <top/>
      <bottom style="thin">
        <color indexed="64"/>
      </bottom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/>
      <right/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indexed="64"/>
      </left>
      <right/>
      <top/>
      <bottom/>
      <diagonal/>
    </border>
    <border>
      <left/>
      <right/>
      <top style="medium">
        <color indexed="64"/>
      </top>
      <bottom/>
      <diagonal/>
    </border>
    <border>
      <left/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/>
      <top/>
      <bottom style="medium">
        <color indexed="64"/>
      </bottom>
      <diagonal/>
    </border>
    <border>
      <left/>
      <right/>
      <top/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/>
      <diagonal/>
    </border>
    <border>
      <left/>
      <right style="medium">
        <color indexed="64"/>
      </right>
      <top/>
      <bottom/>
      <diagonal/>
    </border>
    <border>
      <left/>
      <right style="medium">
        <color indexed="64"/>
      </right>
      <top/>
      <bottom style="medium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/>
      <diagonal/>
    </border>
    <border>
      <left style="thin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/>
      <right style="medium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medium">
        <color indexed="64"/>
      </top>
      <bottom/>
      <diagonal/>
    </border>
    <border>
      <left style="thin">
        <color indexed="64"/>
      </left>
      <right style="medium">
        <color indexed="64"/>
      </right>
      <top/>
      <bottom style="thin">
        <color indexed="64"/>
      </bottom>
      <diagonal/>
    </border>
    <border>
      <left style="thin">
        <color indexed="64"/>
      </left>
      <right/>
      <top/>
      <bottom style="medium">
        <color indexed="64"/>
      </bottom>
      <diagonal/>
    </border>
    <border>
      <left/>
      <right style="thin">
        <color indexed="64"/>
      </right>
      <top style="medium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medium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/>
      <bottom style="thin">
        <color indexed="64"/>
      </bottom>
      <diagonal/>
    </border>
    <border>
      <left style="medium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medium">
        <color indexed="64"/>
      </right>
      <top/>
      <bottom/>
      <diagonal/>
    </border>
    <border>
      <left/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medium">
        <color indexed="64"/>
      </right>
      <top style="thin">
        <color indexed="64"/>
      </top>
      <bottom/>
      <diagonal/>
    </border>
    <border>
      <left style="thin">
        <color theme="2" tint="-0.14999847407452621"/>
      </left>
      <right/>
      <top/>
      <bottom/>
      <diagonal/>
    </border>
    <border>
      <left style="thin">
        <color theme="2" tint="-0.14999847407452621"/>
      </left>
      <right style="thin">
        <color theme="2" tint="-0.14999847407452621"/>
      </right>
      <top style="thin">
        <color theme="2" tint="-0.14999847407452621"/>
      </top>
      <bottom style="thin">
        <color theme="2" tint="-0.14999847407452621"/>
      </bottom>
      <diagonal/>
    </border>
    <border>
      <left/>
      <right/>
      <top style="medium">
        <color theme="2" tint="-0.14999847407452621"/>
      </top>
      <bottom/>
      <diagonal/>
    </border>
    <border>
      <left style="medium">
        <color theme="2" tint="-0.14999847407452621"/>
      </left>
      <right/>
      <top/>
      <bottom/>
      <diagonal/>
    </border>
    <border>
      <left style="medium">
        <color theme="2" tint="-0.14999847407452621"/>
      </left>
      <right/>
      <top/>
      <bottom style="medium">
        <color theme="2" tint="-0.14999847407452621"/>
      </bottom>
      <diagonal/>
    </border>
    <border>
      <left/>
      <right/>
      <top/>
      <bottom style="medium">
        <color theme="2" tint="-0.14999847407452621"/>
      </bottom>
      <diagonal/>
    </border>
    <border>
      <left/>
      <right/>
      <top style="medium">
        <color theme="2" tint="-0.14999847407452621"/>
      </top>
      <bottom style="medium">
        <color theme="2" tint="-0.14999847407452621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/>
      <diagonal/>
    </border>
    <border>
      <left style="medium">
        <color indexed="64"/>
      </left>
      <right/>
      <top style="medium">
        <color theme="2" tint="-0.14999847407452621"/>
      </top>
      <bottom/>
      <diagonal/>
    </border>
    <border>
      <left/>
      <right style="medium">
        <color indexed="64"/>
      </right>
      <top style="medium">
        <color theme="2" tint="-0.14999847407452621"/>
      </top>
      <bottom/>
      <diagonal/>
    </border>
    <border>
      <left style="thin">
        <color indexed="64"/>
      </left>
      <right style="medium">
        <color theme="2" tint="-0.14999847407452621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/>
      <top/>
      <bottom style="medium">
        <color theme="2" tint="-0.14999847407452621"/>
      </bottom>
      <diagonal/>
    </border>
    <border>
      <left/>
      <right style="medium">
        <color indexed="64"/>
      </right>
      <top/>
      <bottom style="medium">
        <color theme="2" tint="-0.14999847407452621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theme="2" tint="-0.14999847407452621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theme="2" tint="-0.14999847407452621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medium">
        <color theme="2" tint="-0.14999847407452621"/>
      </bottom>
      <diagonal/>
    </border>
    <border>
      <left style="thin">
        <color indexed="64"/>
      </left>
      <right style="medium">
        <color theme="2" tint="-0.14999847407452621"/>
      </right>
      <top style="thin">
        <color indexed="64"/>
      </top>
      <bottom style="medium">
        <color theme="2" tint="-0.14999847407452621"/>
      </bottom>
      <diagonal/>
    </border>
    <border>
      <left style="medium">
        <color indexed="64"/>
      </left>
      <right/>
      <top style="medium">
        <color theme="2" tint="-0.14999847407452621"/>
      </top>
      <bottom style="medium">
        <color theme="2" tint="-0.14999847407452621"/>
      </bottom>
      <diagonal/>
    </border>
    <border>
      <left/>
      <right style="medium">
        <color indexed="64"/>
      </right>
      <top style="medium">
        <color theme="2" tint="-0.14999847407452621"/>
      </top>
      <bottom style="medium">
        <color theme="2" tint="-0.14999847407452621"/>
      </bottom>
      <diagonal/>
    </border>
    <border>
      <left style="thin">
        <color indexed="64"/>
      </left>
      <right/>
      <top style="thin">
        <color indexed="64"/>
      </top>
      <bottom/>
      <diagonal/>
    </border>
    <border>
      <left/>
      <right style="thin">
        <color indexed="64"/>
      </right>
      <top style="medium">
        <color indexed="64"/>
      </top>
      <bottom/>
      <diagonal/>
    </border>
    <border>
      <left style="medium">
        <color indexed="64"/>
      </left>
      <right style="thin">
        <color indexed="64"/>
      </right>
      <top style="medium">
        <color indexed="64"/>
      </top>
      <bottom/>
      <diagonal/>
    </border>
    <border>
      <left style="thin">
        <color indexed="64"/>
      </left>
      <right style="medium">
        <color theme="2" tint="-0.14999847407452621"/>
      </right>
      <top/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 style="medium">
        <color indexed="64"/>
      </right>
      <top/>
      <bottom/>
      <diagonal/>
    </border>
    <border>
      <left style="medium">
        <color indexed="64"/>
      </left>
      <right style="medium">
        <color indexed="64"/>
      </right>
      <top/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 style="medium">
        <color indexed="64"/>
      </left>
      <right/>
      <top style="thin">
        <color indexed="64"/>
      </top>
      <bottom/>
      <diagonal/>
    </border>
    <border>
      <left style="medium">
        <color indexed="64"/>
      </left>
      <right style="medium">
        <color indexed="64"/>
      </right>
      <top style="thin">
        <color indexed="64"/>
      </top>
      <bottom/>
      <diagonal/>
    </border>
  </borders>
  <cellStyleXfs count="2">
    <xf numFmtId="0" fontId="0" fillId="0" borderId="0"/>
    <xf numFmtId="43" fontId="35" fillId="0" borderId="0" applyFont="0" applyFill="0" applyBorder="0" applyAlignment="0" applyProtection="0"/>
  </cellStyleXfs>
  <cellXfs count="303">
    <xf numFmtId="0" fontId="0" fillId="0" borderId="0" xfId="0"/>
    <xf numFmtId="0" fontId="2" fillId="0" borderId="1" xfId="0" applyFont="1" applyBorder="1" applyAlignment="1">
      <alignment horizontal="left"/>
    </xf>
    <xf numFmtId="0" fontId="5" fillId="0" borderId="0" xfId="0" applyFont="1" applyAlignment="1">
      <alignment horizontal="left"/>
    </xf>
    <xf numFmtId="0" fontId="2" fillId="0" borderId="0" xfId="0" applyFont="1"/>
    <xf numFmtId="0" fontId="5" fillId="0" borderId="0" xfId="0" applyFont="1" applyAlignment="1">
      <alignment horizontal="center"/>
    </xf>
    <xf numFmtId="0" fontId="2" fillId="0" borderId="0" xfId="0" applyFont="1" applyAlignment="1">
      <alignment horizontal="center"/>
    </xf>
    <xf numFmtId="0" fontId="2" fillId="0" borderId="0" xfId="0" applyFont="1" applyAlignment="1">
      <alignment vertical="top"/>
    </xf>
    <xf numFmtId="0" fontId="2" fillId="0" borderId="2" xfId="0" applyFont="1" applyBorder="1" applyAlignment="1">
      <alignment horizontal="center" vertical="top"/>
    </xf>
    <xf numFmtId="0" fontId="2" fillId="0" borderId="2" xfId="0" applyFont="1" applyBorder="1" applyAlignment="1">
      <alignment vertical="top" wrapText="1"/>
    </xf>
    <xf numFmtId="0" fontId="2" fillId="0" borderId="0" xfId="0" applyFont="1" applyAlignment="1">
      <alignment horizontal="left" vertical="top"/>
    </xf>
    <xf numFmtId="15" fontId="2" fillId="0" borderId="0" xfId="0" applyNumberFormat="1" applyFont="1" applyAlignment="1">
      <alignment horizontal="center" vertical="top"/>
    </xf>
    <xf numFmtId="0" fontId="2" fillId="0" borderId="0" xfId="0" applyFont="1" applyAlignment="1">
      <alignment horizontal="center" vertical="top"/>
    </xf>
    <xf numFmtId="0" fontId="2" fillId="0" borderId="0" xfId="0" applyFont="1" applyAlignment="1">
      <alignment vertical="top" wrapText="1"/>
    </xf>
    <xf numFmtId="0" fontId="2" fillId="0" borderId="0" xfId="0" applyFont="1" applyAlignment="1">
      <alignment vertical="center"/>
    </xf>
    <xf numFmtId="15" fontId="2" fillId="0" borderId="0" xfId="0" applyNumberFormat="1" applyFont="1" applyAlignment="1">
      <alignment vertical="center"/>
    </xf>
    <xf numFmtId="0" fontId="2" fillId="0" borderId="0" xfId="0" applyFont="1" applyAlignment="1">
      <alignment horizontal="left"/>
    </xf>
    <xf numFmtId="0" fontId="2" fillId="0" borderId="3" xfId="0" applyFont="1" applyBorder="1" applyAlignment="1">
      <alignment vertical="top" wrapText="1"/>
    </xf>
    <xf numFmtId="0" fontId="2" fillId="0" borderId="0" xfId="0" applyFont="1" applyAlignment="1">
      <alignment horizontal="left" vertical="top" wrapText="1"/>
    </xf>
    <xf numFmtId="164" fontId="2" fillId="0" borderId="2" xfId="0" applyNumberFormat="1" applyFont="1" applyBorder="1" applyAlignment="1">
      <alignment horizontal="center" vertical="top"/>
    </xf>
    <xf numFmtId="0" fontId="5" fillId="0" borderId="2" xfId="0" applyFont="1" applyBorder="1" applyAlignment="1">
      <alignment horizontal="center"/>
    </xf>
    <xf numFmtId="0" fontId="5" fillId="0" borderId="2" xfId="0" applyFont="1" applyBorder="1" applyAlignment="1">
      <alignment horizontal="center" wrapText="1"/>
    </xf>
    <xf numFmtId="0" fontId="5" fillId="0" borderId="2" xfId="0" applyFont="1" applyBorder="1"/>
    <xf numFmtId="0" fontId="5" fillId="0" borderId="0" xfId="0" applyFont="1"/>
    <xf numFmtId="0" fontId="2" fillId="0" borderId="1" xfId="0" applyFont="1" applyBorder="1" applyAlignment="1">
      <alignment horizontal="left" vertical="top" wrapText="1"/>
    </xf>
    <xf numFmtId="0" fontId="2" fillId="0" borderId="0" xfId="0" applyFont="1" applyAlignment="1">
      <alignment horizontal="right"/>
    </xf>
    <xf numFmtId="0" fontId="5" fillId="0" borderId="0" xfId="0" applyFont="1" applyAlignment="1">
      <alignment vertical="top"/>
    </xf>
    <xf numFmtId="15" fontId="2" fillId="0" borderId="0" xfId="0" applyNumberFormat="1" applyFont="1" applyAlignment="1">
      <alignment vertical="top"/>
    </xf>
    <xf numFmtId="0" fontId="2" fillId="0" borderId="2" xfId="0" applyFont="1" applyBorder="1" applyAlignment="1">
      <alignment horizontal="left" vertical="top" wrapText="1"/>
    </xf>
    <xf numFmtId="0" fontId="2" fillId="0" borderId="2" xfId="0" applyFont="1" applyBorder="1" applyAlignment="1">
      <alignment horizontal="left" vertical="center" wrapText="1"/>
    </xf>
    <xf numFmtId="0" fontId="6" fillId="0" borderId="0" xfId="0" applyFont="1"/>
    <xf numFmtId="0" fontId="5" fillId="0" borderId="4" xfId="0" applyFont="1" applyBorder="1"/>
    <xf numFmtId="0" fontId="2" fillId="0" borderId="5" xfId="0" applyFont="1" applyBorder="1"/>
    <xf numFmtId="0" fontId="2" fillId="0" borderId="5" xfId="0" applyFont="1" applyBorder="1" applyAlignment="1">
      <alignment vertical="top"/>
    </xf>
    <xf numFmtId="0" fontId="2" fillId="0" borderId="4" xfId="0" applyFont="1" applyBorder="1"/>
    <xf numFmtId="0" fontId="2" fillId="0" borderId="2" xfId="0" quotePrefix="1" applyFont="1" applyBorder="1" applyAlignment="1">
      <alignment horizontal="center" vertical="top"/>
    </xf>
    <xf numFmtId="0" fontId="2" fillId="0" borderId="1" xfId="0" quotePrefix="1" applyFont="1" applyBorder="1" applyAlignment="1">
      <alignment horizontal="left"/>
    </xf>
    <xf numFmtId="14" fontId="2" fillId="0" borderId="2" xfId="0" applyNumberFormat="1" applyFont="1" applyBorder="1" applyAlignment="1">
      <alignment horizontal="center" vertical="top"/>
    </xf>
    <xf numFmtId="49" fontId="2" fillId="0" borderId="1" xfId="0" applyNumberFormat="1" applyFont="1" applyBorder="1" applyAlignment="1">
      <alignment horizontal="left" vertical="top" wrapText="1"/>
    </xf>
    <xf numFmtId="0" fontId="8" fillId="0" borderId="0" xfId="0" applyFont="1"/>
    <xf numFmtId="0" fontId="8" fillId="0" borderId="0" xfId="0" applyFont="1" applyAlignment="1">
      <alignment vertical="top"/>
    </xf>
    <xf numFmtId="0" fontId="10" fillId="0" borderId="0" xfId="0" applyFont="1"/>
    <xf numFmtId="0" fontId="11" fillId="0" borderId="0" xfId="0" applyFont="1" applyAlignment="1">
      <alignment wrapText="1"/>
    </xf>
    <xf numFmtId="165" fontId="0" fillId="0" borderId="0" xfId="0" applyNumberFormat="1"/>
    <xf numFmtId="2" fontId="0" fillId="0" borderId="0" xfId="0" applyNumberFormat="1"/>
    <xf numFmtId="0" fontId="2" fillId="0" borderId="2" xfId="0" applyFont="1" applyBorder="1" applyAlignment="1">
      <alignment horizontal="center" vertical="top" wrapText="1"/>
    </xf>
    <xf numFmtId="165" fontId="2" fillId="0" borderId="2" xfId="0" applyNumberFormat="1" applyFont="1" applyBorder="1" applyAlignment="1">
      <alignment horizontal="center"/>
    </xf>
    <xf numFmtId="166" fontId="9" fillId="3" borderId="2" xfId="0" applyNumberFormat="1" applyFont="1" applyFill="1" applyBorder="1" applyAlignment="1">
      <alignment horizontal="center"/>
    </xf>
    <xf numFmtId="165" fontId="9" fillId="3" borderId="2" xfId="0" applyNumberFormat="1" applyFont="1" applyFill="1" applyBorder="1" applyAlignment="1">
      <alignment horizontal="center"/>
    </xf>
    <xf numFmtId="166" fontId="2" fillId="0" borderId="2" xfId="0" applyNumberFormat="1" applyFont="1" applyBorder="1" applyAlignment="1">
      <alignment horizontal="center"/>
    </xf>
    <xf numFmtId="0" fontId="15" fillId="0" borderId="0" xfId="0" applyFont="1"/>
    <xf numFmtId="0" fontId="9" fillId="3" borderId="2" xfId="0" applyFont="1" applyFill="1" applyBorder="1"/>
    <xf numFmtId="0" fontId="9" fillId="3" borderId="2" xfId="0" applyFont="1" applyFill="1" applyBorder="1" applyAlignment="1">
      <alignment horizontal="center"/>
    </xf>
    <xf numFmtId="0" fontId="23" fillId="0" borderId="0" xfId="0" applyFont="1"/>
    <xf numFmtId="0" fontId="23" fillId="0" borderId="0" xfId="0" applyFont="1" applyAlignment="1">
      <alignment horizontal="center"/>
    </xf>
    <xf numFmtId="168" fontId="9" fillId="3" borderId="2" xfId="0" applyNumberFormat="1" applyFont="1" applyFill="1" applyBorder="1" applyAlignment="1">
      <alignment horizontal="right" vertical="center"/>
    </xf>
    <xf numFmtId="0" fontId="0" fillId="0" borderId="2" xfId="0" applyBorder="1"/>
    <xf numFmtId="2" fontId="16" fillId="0" borderId="2" xfId="0" applyNumberFormat="1" applyFont="1" applyBorder="1" applyAlignment="1">
      <alignment horizontal="center" vertical="top" wrapText="1" shrinkToFit="1"/>
    </xf>
    <xf numFmtId="0" fontId="18" fillId="0" borderId="2" xfId="0" applyFont="1" applyBorder="1" applyAlignment="1">
      <alignment horizontal="center" vertical="top" wrapText="1"/>
    </xf>
    <xf numFmtId="0" fontId="5" fillId="0" borderId="2" xfId="0" applyFont="1" applyBorder="1" applyAlignment="1">
      <alignment horizontal="center" vertical="top"/>
    </xf>
    <xf numFmtId="0" fontId="0" fillId="0" borderId="0" xfId="0" applyAlignment="1">
      <alignment vertical="top"/>
    </xf>
    <xf numFmtId="167" fontId="16" fillId="0" borderId="6" xfId="0" applyNumberFormat="1" applyFont="1" applyBorder="1" applyAlignment="1">
      <alignment horizontal="center" vertical="top" wrapText="1" shrinkToFit="1"/>
    </xf>
    <xf numFmtId="167" fontId="16" fillId="0" borderId="2" xfId="0" applyNumberFormat="1" applyFont="1" applyBorder="1" applyAlignment="1">
      <alignment horizontal="center" vertical="top" wrapText="1" shrinkToFit="1"/>
    </xf>
    <xf numFmtId="167" fontId="16" fillId="0" borderId="6" xfId="0" applyNumberFormat="1" applyFont="1" applyBorder="1" applyAlignment="1">
      <alignment horizontal="center" vertical="top" shrinkToFit="1"/>
    </xf>
    <xf numFmtId="0" fontId="18" fillId="0" borderId="2" xfId="0" applyFont="1" applyBorder="1" applyAlignment="1">
      <alignment horizontal="center" vertical="top"/>
    </xf>
    <xf numFmtId="166" fontId="0" fillId="0" borderId="2" xfId="0" applyNumberFormat="1" applyBorder="1"/>
    <xf numFmtId="167" fontId="0" fillId="0" borderId="2" xfId="0" applyNumberFormat="1" applyBorder="1"/>
    <xf numFmtId="166" fontId="5" fillId="0" borderId="2" xfId="0" applyNumberFormat="1" applyFont="1" applyBorder="1"/>
    <xf numFmtId="167" fontId="2" fillId="0" borderId="2" xfId="0" applyNumberFormat="1" applyFont="1" applyBorder="1" applyAlignment="1">
      <alignment horizontal="right"/>
    </xf>
    <xf numFmtId="0" fontId="2" fillId="0" borderId="2" xfId="0" applyFont="1" applyBorder="1" applyAlignment="1">
      <alignment horizontal="center" vertical="center"/>
    </xf>
    <xf numFmtId="2" fontId="16" fillId="4" borderId="2" xfId="0" applyNumberFormat="1" applyFont="1" applyFill="1" applyBorder="1" applyAlignment="1">
      <alignment horizontal="center" vertical="center" wrapText="1" shrinkToFit="1"/>
    </xf>
    <xf numFmtId="167" fontId="16" fillId="4" borderId="2" xfId="0" applyNumberFormat="1" applyFont="1" applyFill="1" applyBorder="1" applyAlignment="1">
      <alignment horizontal="center" vertical="center" wrapText="1" shrinkToFit="1"/>
    </xf>
    <xf numFmtId="167" fontId="16" fillId="4" borderId="2" xfId="0" applyNumberFormat="1" applyFont="1" applyFill="1" applyBorder="1" applyAlignment="1">
      <alignment horizontal="center" vertical="center" shrinkToFit="1"/>
    </xf>
    <xf numFmtId="0" fontId="0" fillId="4" borderId="2" xfId="0" applyFill="1" applyBorder="1"/>
    <xf numFmtId="166" fontId="0" fillId="3" borderId="2" xfId="0" applyNumberFormat="1" applyFill="1" applyBorder="1"/>
    <xf numFmtId="2" fontId="0" fillId="3" borderId="2" xfId="0" applyNumberFormat="1" applyFill="1" applyBorder="1"/>
    <xf numFmtId="165" fontId="0" fillId="3" borderId="2" xfId="0" applyNumberFormat="1" applyFill="1" applyBorder="1"/>
    <xf numFmtId="2" fontId="0" fillId="0" borderId="2" xfId="0" applyNumberFormat="1" applyBorder="1"/>
    <xf numFmtId="0" fontId="2" fillId="0" borderId="2" xfId="0" applyFont="1" applyBorder="1" applyAlignment="1">
      <alignment horizontal="right"/>
    </xf>
    <xf numFmtId="166" fontId="24" fillId="0" borderId="0" xfId="0" applyNumberFormat="1" applyFont="1" applyAlignment="1">
      <alignment horizontal="right" vertical="center" wrapText="1" shrinkToFit="1"/>
    </xf>
    <xf numFmtId="166" fontId="0" fillId="0" borderId="0" xfId="0" applyNumberFormat="1"/>
    <xf numFmtId="165" fontId="0" fillId="5" borderId="2" xfId="0" applyNumberFormat="1" applyFill="1" applyBorder="1"/>
    <xf numFmtId="2" fontId="0" fillId="5" borderId="2" xfId="0" applyNumberFormat="1" applyFill="1" applyBorder="1"/>
    <xf numFmtId="0" fontId="0" fillId="6" borderId="0" xfId="0" applyFill="1"/>
    <xf numFmtId="166" fontId="5" fillId="6" borderId="2" xfId="0" applyNumberFormat="1" applyFont="1" applyFill="1" applyBorder="1"/>
    <xf numFmtId="167" fontId="0" fillId="6" borderId="2" xfId="0" applyNumberFormat="1" applyFill="1" applyBorder="1"/>
    <xf numFmtId="169" fontId="0" fillId="0" borderId="2" xfId="0" applyNumberFormat="1" applyBorder="1"/>
    <xf numFmtId="169" fontId="2" fillId="0" borderId="2" xfId="0" applyNumberFormat="1" applyFont="1" applyBorder="1"/>
    <xf numFmtId="167" fontId="16" fillId="5" borderId="2" xfId="0" applyNumberFormat="1" applyFont="1" applyFill="1" applyBorder="1" applyAlignment="1">
      <alignment horizontal="center" vertical="top"/>
    </xf>
    <xf numFmtId="0" fontId="5" fillId="5" borderId="2" xfId="0" applyFont="1" applyFill="1" applyBorder="1" applyAlignment="1">
      <alignment horizontal="center" vertical="top"/>
    </xf>
    <xf numFmtId="167" fontId="16" fillId="5" borderId="2" xfId="0" applyNumberFormat="1" applyFont="1" applyFill="1" applyBorder="1" applyAlignment="1">
      <alignment horizontal="center" vertical="center" wrapText="1" shrinkToFit="1"/>
    </xf>
    <xf numFmtId="0" fontId="5" fillId="5" borderId="2" xfId="0" applyFont="1" applyFill="1" applyBorder="1" applyAlignment="1">
      <alignment horizontal="center" vertical="center" wrapText="1"/>
    </xf>
    <xf numFmtId="0" fontId="0" fillId="5" borderId="2" xfId="0" applyFill="1" applyBorder="1"/>
    <xf numFmtId="165" fontId="30" fillId="5" borderId="2" xfId="0" applyNumberFormat="1" applyFont="1" applyFill="1" applyBorder="1"/>
    <xf numFmtId="2" fontId="30" fillId="5" borderId="2" xfId="0" applyNumberFormat="1" applyFont="1" applyFill="1" applyBorder="1"/>
    <xf numFmtId="0" fontId="0" fillId="0" borderId="17" xfId="0" applyBorder="1"/>
    <xf numFmtId="0" fontId="0" fillId="0" borderId="13" xfId="0" applyBorder="1"/>
    <xf numFmtId="0" fontId="0" fillId="0" borderId="14" xfId="0" applyBorder="1"/>
    <xf numFmtId="0" fontId="0" fillId="0" borderId="12" xfId="0" applyBorder="1"/>
    <xf numFmtId="0" fontId="0" fillId="0" borderId="18" xfId="0" applyBorder="1"/>
    <xf numFmtId="0" fontId="0" fillId="0" borderId="15" xfId="0" applyBorder="1"/>
    <xf numFmtId="0" fontId="0" fillId="0" borderId="16" xfId="0" applyBorder="1"/>
    <xf numFmtId="0" fontId="0" fillId="0" borderId="19" xfId="0" applyBorder="1"/>
    <xf numFmtId="0" fontId="2" fillId="0" borderId="4" xfId="0" applyFont="1" applyBorder="1" applyAlignment="1">
      <alignment horizontal="right"/>
    </xf>
    <xf numFmtId="2" fontId="16" fillId="0" borderId="26" xfId="0" applyNumberFormat="1" applyFont="1" applyBorder="1" applyAlignment="1">
      <alignment horizontal="center" vertical="top" wrapText="1" shrinkToFit="1"/>
    </xf>
    <xf numFmtId="2" fontId="16" fillId="0" borderId="27" xfId="0" applyNumberFormat="1" applyFont="1" applyBorder="1" applyAlignment="1">
      <alignment horizontal="center" vertical="top" wrapText="1" shrinkToFit="1"/>
    </xf>
    <xf numFmtId="167" fontId="16" fillId="0" borderId="28" xfId="0" applyNumberFormat="1" applyFont="1" applyBorder="1" applyAlignment="1">
      <alignment horizontal="center" vertical="top" wrapText="1" shrinkToFit="1"/>
    </xf>
    <xf numFmtId="167" fontId="16" fillId="0" borderId="27" xfId="0" applyNumberFormat="1" applyFont="1" applyBorder="1" applyAlignment="1">
      <alignment horizontal="center" vertical="top" wrapText="1" shrinkToFit="1"/>
    </xf>
    <xf numFmtId="0" fontId="5" fillId="0" borderId="27" xfId="0" applyFont="1" applyBorder="1" applyAlignment="1">
      <alignment horizontal="center" vertical="top" wrapText="1"/>
    </xf>
    <xf numFmtId="167" fontId="16" fillId="0" borderId="28" xfId="0" applyNumberFormat="1" applyFont="1" applyBorder="1" applyAlignment="1">
      <alignment horizontal="center" vertical="top" shrinkToFit="1"/>
    </xf>
    <xf numFmtId="167" fontId="16" fillId="0" borderId="29" xfId="0" applyNumberFormat="1" applyFont="1" applyBorder="1" applyAlignment="1">
      <alignment horizontal="center" vertical="top" wrapText="1" shrinkToFit="1"/>
    </xf>
    <xf numFmtId="167" fontId="16" fillId="0" borderId="31" xfId="0" applyNumberFormat="1" applyFont="1" applyBorder="1" applyAlignment="1">
      <alignment horizontal="center" vertical="top" wrapText="1" shrinkToFit="1"/>
    </xf>
    <xf numFmtId="0" fontId="5" fillId="0" borderId="21" xfId="0" applyFont="1" applyBorder="1" applyAlignment="1">
      <alignment horizontal="center" vertical="center"/>
    </xf>
    <xf numFmtId="0" fontId="5" fillId="0" borderId="23" xfId="0" applyFont="1" applyBorder="1" applyAlignment="1">
      <alignment horizontal="center" vertical="center"/>
    </xf>
    <xf numFmtId="0" fontId="5" fillId="0" borderId="26" xfId="0" applyFont="1" applyBorder="1" applyAlignment="1">
      <alignment horizontal="center" vertical="top" wrapText="1"/>
    </xf>
    <xf numFmtId="0" fontId="2" fillId="0" borderId="13" xfId="0" applyFont="1" applyBorder="1"/>
    <xf numFmtId="0" fontId="2" fillId="0" borderId="16" xfId="0" applyFont="1" applyBorder="1"/>
    <xf numFmtId="0" fontId="2" fillId="0" borderId="2" xfId="0" applyFont="1" applyBorder="1"/>
    <xf numFmtId="0" fontId="5" fillId="0" borderId="4" xfId="0" applyFont="1" applyBorder="1" applyAlignment="1">
      <alignment horizontal="center"/>
    </xf>
    <xf numFmtId="0" fontId="5" fillId="0" borderId="3" xfId="0" applyFont="1" applyBorder="1" applyAlignment="1">
      <alignment horizontal="center"/>
    </xf>
    <xf numFmtId="0" fontId="2" fillId="6" borderId="0" xfId="0" applyFont="1" applyFill="1"/>
    <xf numFmtId="2" fontId="16" fillId="4" borderId="6" xfId="0" applyNumberFormat="1" applyFont="1" applyFill="1" applyBorder="1" applyAlignment="1">
      <alignment horizontal="center" vertical="center" wrapText="1" shrinkToFit="1"/>
    </xf>
    <xf numFmtId="167" fontId="16" fillId="4" borderId="6" xfId="0" applyNumberFormat="1" applyFont="1" applyFill="1" applyBorder="1" applyAlignment="1">
      <alignment horizontal="center" vertical="center" wrapText="1" shrinkToFit="1"/>
    </xf>
    <xf numFmtId="0" fontId="0" fillId="4" borderId="8" xfId="0" applyFill="1" applyBorder="1"/>
    <xf numFmtId="0" fontId="5" fillId="0" borderId="29" xfId="0" applyFont="1" applyBorder="1" applyAlignment="1">
      <alignment horizontal="center" vertical="top"/>
    </xf>
    <xf numFmtId="167" fontId="16" fillId="0" borderId="35" xfId="0" applyNumberFormat="1" applyFont="1" applyBorder="1" applyAlignment="1">
      <alignment horizontal="center" vertical="top" wrapText="1" shrinkToFit="1"/>
    </xf>
    <xf numFmtId="167" fontId="16" fillId="7" borderId="29" xfId="0" applyNumberFormat="1" applyFont="1" applyFill="1" applyBorder="1" applyAlignment="1">
      <alignment horizontal="center" vertical="top" wrapText="1" shrinkToFit="1"/>
    </xf>
    <xf numFmtId="0" fontId="0" fillId="5" borderId="24" xfId="0" applyFill="1" applyBorder="1"/>
    <xf numFmtId="0" fontId="0" fillId="5" borderId="25" xfId="0" applyFill="1" applyBorder="1"/>
    <xf numFmtId="0" fontId="5" fillId="0" borderId="17" xfId="0" applyFont="1" applyBorder="1" applyAlignment="1">
      <alignment horizontal="center" vertical="center"/>
    </xf>
    <xf numFmtId="0" fontId="5" fillId="0" borderId="20" xfId="0" applyFont="1" applyBorder="1" applyAlignment="1">
      <alignment horizontal="center" vertical="center"/>
    </xf>
    <xf numFmtId="0" fontId="5" fillId="0" borderId="26" xfId="0" applyFont="1" applyBorder="1" applyAlignment="1">
      <alignment horizontal="center" vertical="top"/>
    </xf>
    <xf numFmtId="0" fontId="5" fillId="0" borderId="36" xfId="0" applyFont="1" applyBorder="1" applyAlignment="1">
      <alignment horizontal="center" vertical="center"/>
    </xf>
    <xf numFmtId="0" fontId="5" fillId="0" borderId="37" xfId="0" applyFont="1" applyBorder="1" applyAlignment="1">
      <alignment horizontal="center" vertical="top"/>
    </xf>
    <xf numFmtId="0" fontId="5" fillId="0" borderId="32" xfId="0" applyFont="1" applyBorder="1" applyAlignment="1">
      <alignment horizontal="center" vertical="top"/>
    </xf>
    <xf numFmtId="0" fontId="5" fillId="0" borderId="39" xfId="0" applyFont="1" applyBorder="1" applyAlignment="1">
      <alignment horizontal="center" vertical="center"/>
    </xf>
    <xf numFmtId="167" fontId="16" fillId="0" borderId="38" xfId="0" applyNumberFormat="1" applyFont="1" applyBorder="1" applyAlignment="1">
      <alignment horizontal="center" vertical="top" wrapText="1" shrinkToFit="1"/>
    </xf>
    <xf numFmtId="0" fontId="5" fillId="0" borderId="15" xfId="0" applyFont="1" applyBorder="1" applyAlignment="1">
      <alignment horizontal="center" vertical="center"/>
    </xf>
    <xf numFmtId="0" fontId="0" fillId="7" borderId="2" xfId="0" applyFill="1" applyBorder="1"/>
    <xf numFmtId="0" fontId="0" fillId="7" borderId="6" xfId="0" applyFill="1" applyBorder="1"/>
    <xf numFmtId="167" fontId="16" fillId="7" borderId="26" xfId="0" applyNumberFormat="1" applyFont="1" applyFill="1" applyBorder="1" applyAlignment="1">
      <alignment horizontal="center" vertical="top" wrapText="1" shrinkToFit="1"/>
    </xf>
    <xf numFmtId="167" fontId="16" fillId="7" borderId="27" xfId="0" applyNumberFormat="1" applyFont="1" applyFill="1" applyBorder="1" applyAlignment="1">
      <alignment horizontal="center" vertical="top" wrapText="1" shrinkToFit="1"/>
    </xf>
    <xf numFmtId="0" fontId="0" fillId="7" borderId="40" xfId="0" applyFill="1" applyBorder="1"/>
    <xf numFmtId="0" fontId="0" fillId="7" borderId="34" xfId="0" applyFill="1" applyBorder="1"/>
    <xf numFmtId="0" fontId="0" fillId="7" borderId="24" xfId="0" applyFill="1" applyBorder="1"/>
    <xf numFmtId="0" fontId="0" fillId="7" borderId="25" xfId="0" applyFill="1" applyBorder="1"/>
    <xf numFmtId="0" fontId="0" fillId="7" borderId="26" xfId="0" applyFill="1" applyBorder="1"/>
    <xf numFmtId="0" fontId="0" fillId="7" borderId="27" xfId="0" applyFill="1" applyBorder="1"/>
    <xf numFmtId="0" fontId="0" fillId="7" borderId="29" xfId="0" applyFill="1" applyBorder="1"/>
    <xf numFmtId="0" fontId="0" fillId="7" borderId="41" xfId="0" applyFill="1" applyBorder="1"/>
    <xf numFmtId="0" fontId="0" fillId="7" borderId="42" xfId="0" applyFill="1" applyBorder="1"/>
    <xf numFmtId="0" fontId="0" fillId="7" borderId="43" xfId="0" applyFill="1" applyBorder="1"/>
    <xf numFmtId="0" fontId="0" fillId="7" borderId="20" xfId="0" applyFill="1" applyBorder="1"/>
    <xf numFmtId="0" fontId="0" fillId="7" borderId="21" xfId="0" applyFill="1" applyBorder="1"/>
    <xf numFmtId="0" fontId="0" fillId="7" borderId="23" xfId="0" applyFill="1" applyBorder="1"/>
    <xf numFmtId="2" fontId="16" fillId="0" borderId="7" xfId="0" applyNumberFormat="1" applyFont="1" applyBorder="1" applyAlignment="1">
      <alignment horizontal="center" vertical="top" wrapText="1"/>
    </xf>
    <xf numFmtId="2" fontId="16" fillId="0" borderId="6" xfId="0" applyNumberFormat="1" applyFont="1" applyBorder="1" applyAlignment="1">
      <alignment horizontal="center" vertical="top" wrapText="1"/>
    </xf>
    <xf numFmtId="0" fontId="9" fillId="0" borderId="0" xfId="0" applyFont="1" applyAlignment="1">
      <alignment horizontal="center"/>
    </xf>
    <xf numFmtId="0" fontId="2" fillId="3" borderId="2" xfId="0" applyFont="1" applyFill="1" applyBorder="1"/>
    <xf numFmtId="0" fontId="5" fillId="0" borderId="44" xfId="0" applyFont="1" applyBorder="1" applyAlignment="1">
      <alignment horizontal="center" vertical="top"/>
    </xf>
    <xf numFmtId="0" fontId="5" fillId="0" borderId="7" xfId="0" applyFont="1" applyBorder="1" applyAlignment="1">
      <alignment horizontal="center" vertical="top"/>
    </xf>
    <xf numFmtId="0" fontId="5" fillId="0" borderId="45" xfId="0" applyFont="1" applyBorder="1" applyAlignment="1">
      <alignment horizontal="center" vertical="top"/>
    </xf>
    <xf numFmtId="0" fontId="0" fillId="0" borderId="46" xfId="0" applyBorder="1"/>
    <xf numFmtId="0" fontId="0" fillId="0" borderId="47" xfId="0" applyBorder="1"/>
    <xf numFmtId="0" fontId="0" fillId="0" borderId="48" xfId="0" applyBorder="1"/>
    <xf numFmtId="0" fontId="0" fillId="0" borderId="49" xfId="0" applyBorder="1"/>
    <xf numFmtId="0" fontId="0" fillId="0" borderId="50" xfId="0" applyBorder="1"/>
    <xf numFmtId="0" fontId="0" fillId="0" borderId="51" xfId="0" applyBorder="1"/>
    <xf numFmtId="0" fontId="0" fillId="0" borderId="52" xfId="0" applyBorder="1"/>
    <xf numFmtId="0" fontId="5" fillId="0" borderId="53" xfId="0" applyFont="1" applyBorder="1" applyAlignment="1">
      <alignment horizontal="center" vertical="top"/>
    </xf>
    <xf numFmtId="0" fontId="0" fillId="5" borderId="40" xfId="0" applyFill="1" applyBorder="1"/>
    <xf numFmtId="0" fontId="0" fillId="5" borderId="6" xfId="0" applyFill="1" applyBorder="1"/>
    <xf numFmtId="0" fontId="0" fillId="5" borderId="34" xfId="0" applyFill="1" applyBorder="1"/>
    <xf numFmtId="0" fontId="0" fillId="0" borderId="54" xfId="0" applyBorder="1"/>
    <xf numFmtId="0" fontId="0" fillId="0" borderId="55" xfId="0" applyBorder="1"/>
    <xf numFmtId="0" fontId="0" fillId="5" borderId="56" xfId="0" applyFill="1" applyBorder="1"/>
    <xf numFmtId="0" fontId="0" fillId="0" borderId="57" xfId="0" applyBorder="1"/>
    <xf numFmtId="0" fontId="0" fillId="0" borderId="58" xfId="0" applyBorder="1"/>
    <xf numFmtId="0" fontId="0" fillId="5" borderId="59" xfId="0" applyFill="1" applyBorder="1"/>
    <xf numFmtId="0" fontId="0" fillId="5" borderId="60" xfId="0" applyFill="1" applyBorder="1"/>
    <xf numFmtId="0" fontId="0" fillId="5" borderId="61" xfId="0" applyFill="1" applyBorder="1"/>
    <xf numFmtId="0" fontId="0" fillId="5" borderId="62" xfId="0" applyFill="1" applyBorder="1"/>
    <xf numFmtId="0" fontId="0" fillId="0" borderId="63" xfId="0" applyBorder="1"/>
    <xf numFmtId="0" fontId="0" fillId="0" borderId="64" xfId="0" applyBorder="1"/>
    <xf numFmtId="0" fontId="5" fillId="0" borderId="65" xfId="0" applyFont="1" applyBorder="1" applyAlignment="1">
      <alignment horizontal="center" vertical="top"/>
    </xf>
    <xf numFmtId="0" fontId="5" fillId="5" borderId="66" xfId="0" applyFont="1" applyFill="1" applyBorder="1" applyAlignment="1">
      <alignment horizontal="center" vertical="center"/>
    </xf>
    <xf numFmtId="0" fontId="5" fillId="5" borderId="22" xfId="0" applyFont="1" applyFill="1" applyBorder="1" applyAlignment="1">
      <alignment horizontal="center" vertical="center"/>
    </xf>
    <xf numFmtId="0" fontId="5" fillId="5" borderId="33" xfId="0" applyFont="1" applyFill="1" applyBorder="1" applyAlignment="1">
      <alignment horizontal="center" vertical="center"/>
    </xf>
    <xf numFmtId="0" fontId="5" fillId="5" borderId="20" xfId="0" applyFont="1" applyFill="1" applyBorder="1" applyAlignment="1">
      <alignment horizontal="center" vertical="center" wrapText="1"/>
    </xf>
    <xf numFmtId="0" fontId="5" fillId="5" borderId="21" xfId="0" applyFont="1" applyFill="1" applyBorder="1" applyAlignment="1">
      <alignment horizontal="center" vertical="center" wrapText="1"/>
    </xf>
    <xf numFmtId="167" fontId="16" fillId="5" borderId="21" xfId="0" applyNumberFormat="1" applyFont="1" applyFill="1" applyBorder="1" applyAlignment="1">
      <alignment horizontal="center" vertical="center" wrapText="1" shrinkToFit="1"/>
    </xf>
    <xf numFmtId="167" fontId="16" fillId="5" borderId="23" xfId="0" applyNumberFormat="1" applyFont="1" applyFill="1" applyBorder="1" applyAlignment="1">
      <alignment horizontal="center" vertical="center" wrapText="1" shrinkToFit="1"/>
    </xf>
    <xf numFmtId="0" fontId="0" fillId="5" borderId="26" xfId="0" applyFill="1" applyBorder="1"/>
    <xf numFmtId="0" fontId="0" fillId="5" borderId="27" xfId="0" applyFill="1" applyBorder="1"/>
    <xf numFmtId="0" fontId="0" fillId="5" borderId="29" xfId="0" applyFill="1" applyBorder="1"/>
    <xf numFmtId="0" fontId="5" fillId="5" borderId="67" xfId="0" applyFont="1" applyFill="1" applyBorder="1" applyAlignment="1">
      <alignment horizontal="center" vertical="center"/>
    </xf>
    <xf numFmtId="0" fontId="0" fillId="5" borderId="68" xfId="0" applyFill="1" applyBorder="1"/>
    <xf numFmtId="167" fontId="16" fillId="7" borderId="53" xfId="0" applyNumberFormat="1" applyFont="1" applyFill="1" applyBorder="1" applyAlignment="1">
      <alignment horizontal="center" vertical="top" wrapText="1" shrinkToFit="1"/>
    </xf>
    <xf numFmtId="167" fontId="16" fillId="7" borderId="7" xfId="0" applyNumberFormat="1" applyFont="1" applyFill="1" applyBorder="1" applyAlignment="1">
      <alignment horizontal="center" vertical="top" wrapText="1" shrinkToFit="1"/>
    </xf>
    <xf numFmtId="167" fontId="16" fillId="7" borderId="45" xfId="0" applyNumberFormat="1" applyFont="1" applyFill="1" applyBorder="1" applyAlignment="1">
      <alignment horizontal="center" vertical="top" wrapText="1" shrinkToFit="1"/>
    </xf>
    <xf numFmtId="0" fontId="0" fillId="0" borderId="24" xfId="0" applyBorder="1"/>
    <xf numFmtId="0" fontId="0" fillId="0" borderId="25" xfId="0" applyBorder="1"/>
    <xf numFmtId="0" fontId="0" fillId="0" borderId="26" xfId="0" applyBorder="1"/>
    <xf numFmtId="0" fontId="0" fillId="0" borderId="27" xfId="0" applyBorder="1"/>
    <xf numFmtId="0" fontId="0" fillId="0" borderId="29" xfId="0" applyBorder="1"/>
    <xf numFmtId="2" fontId="2" fillId="3" borderId="0" xfId="0" applyNumberFormat="1" applyFont="1" applyFill="1"/>
    <xf numFmtId="0" fontId="0" fillId="7" borderId="0" xfId="0" applyFill="1"/>
    <xf numFmtId="0" fontId="0" fillId="7" borderId="3" xfId="0" applyFill="1" applyBorder="1"/>
    <xf numFmtId="0" fontId="0" fillId="7" borderId="44" xfId="0" applyFill="1" applyBorder="1"/>
    <xf numFmtId="166" fontId="0" fillId="7" borderId="20" xfId="0" applyNumberFormat="1" applyFill="1" applyBorder="1"/>
    <xf numFmtId="166" fontId="0" fillId="7" borderId="21" xfId="0" applyNumberFormat="1" applyFill="1" applyBorder="1"/>
    <xf numFmtId="0" fontId="0" fillId="7" borderId="7" xfId="0" applyFill="1" applyBorder="1"/>
    <xf numFmtId="0" fontId="5" fillId="9" borderId="7" xfId="0" applyFont="1" applyFill="1" applyBorder="1" applyAlignment="1">
      <alignment horizontal="center" vertical="center" wrapText="1"/>
    </xf>
    <xf numFmtId="167" fontId="16" fillId="9" borderId="7" xfId="0" applyNumberFormat="1" applyFont="1" applyFill="1" applyBorder="1" applyAlignment="1">
      <alignment horizontal="center" vertical="center" wrapText="1" shrinkToFit="1"/>
    </xf>
    <xf numFmtId="167" fontId="16" fillId="9" borderId="45" xfId="0" applyNumberFormat="1" applyFont="1" applyFill="1" applyBorder="1" applyAlignment="1">
      <alignment horizontal="center" vertical="center" wrapText="1" shrinkToFit="1"/>
    </xf>
    <xf numFmtId="2" fontId="0" fillId="0" borderId="12" xfId="0" applyNumberFormat="1" applyBorder="1"/>
    <xf numFmtId="0" fontId="0" fillId="0" borderId="69" xfId="0" applyBorder="1"/>
    <xf numFmtId="0" fontId="0" fillId="0" borderId="70" xfId="0" applyBorder="1"/>
    <xf numFmtId="0" fontId="0" fillId="0" borderId="71" xfId="0" applyBorder="1"/>
    <xf numFmtId="0" fontId="5" fillId="9" borderId="44" xfId="0" applyFont="1" applyFill="1" applyBorder="1" applyAlignment="1">
      <alignment horizontal="center" vertical="center" wrapText="1"/>
    </xf>
    <xf numFmtId="0" fontId="5" fillId="9" borderId="73" xfId="0" applyFont="1" applyFill="1" applyBorder="1" applyAlignment="1">
      <alignment horizontal="center" vertical="top"/>
    </xf>
    <xf numFmtId="2" fontId="16" fillId="9" borderId="73" xfId="0" applyNumberFormat="1" applyFont="1" applyFill="1" applyBorder="1" applyAlignment="1">
      <alignment horizontal="center" vertical="top" wrapText="1" shrinkToFit="1"/>
    </xf>
    <xf numFmtId="2" fontId="16" fillId="9" borderId="74" xfId="0" applyNumberFormat="1" applyFont="1" applyFill="1" applyBorder="1" applyAlignment="1">
      <alignment horizontal="center" vertical="top" wrapText="1" shrinkToFit="1"/>
    </xf>
    <xf numFmtId="0" fontId="5" fillId="8" borderId="39" xfId="0" applyFont="1" applyFill="1" applyBorder="1" applyAlignment="1">
      <alignment horizontal="center"/>
    </xf>
    <xf numFmtId="0" fontId="5" fillId="8" borderId="72" xfId="0" applyFont="1" applyFill="1" applyBorder="1" applyAlignment="1">
      <alignment horizontal="center"/>
    </xf>
    <xf numFmtId="0" fontId="5" fillId="8" borderId="72" xfId="0" applyFont="1" applyFill="1" applyBorder="1" applyAlignment="1">
      <alignment horizontal="center" wrapText="1"/>
    </xf>
    <xf numFmtId="0" fontId="2" fillId="3" borderId="0" xfId="0" applyFont="1" applyFill="1"/>
    <xf numFmtId="165" fontId="0" fillId="0" borderId="2" xfId="0" applyNumberFormat="1" applyBorder="1"/>
    <xf numFmtId="0" fontId="5" fillId="8" borderId="36" xfId="0" applyFont="1" applyFill="1" applyBorder="1" applyAlignment="1">
      <alignment horizontal="center"/>
    </xf>
    <xf numFmtId="0" fontId="5" fillId="8" borderId="21" xfId="0" applyFont="1" applyFill="1" applyBorder="1" applyAlignment="1">
      <alignment horizontal="center"/>
    </xf>
    <xf numFmtId="0" fontId="5" fillId="8" borderId="23" xfId="0" applyFont="1" applyFill="1" applyBorder="1" applyAlignment="1">
      <alignment horizontal="center"/>
    </xf>
    <xf numFmtId="43" fontId="0" fillId="0" borderId="0" xfId="0" applyNumberFormat="1"/>
    <xf numFmtId="0" fontId="5" fillId="6" borderId="2" xfId="0" applyFont="1" applyFill="1" applyBorder="1" applyAlignment="1">
      <alignment horizontal="center" vertical="top"/>
    </xf>
    <xf numFmtId="167" fontId="16" fillId="6" borderId="2" xfId="0" applyNumberFormat="1" applyFont="1" applyFill="1" applyBorder="1" applyAlignment="1">
      <alignment horizontal="center" vertical="top" wrapText="1" shrinkToFit="1"/>
    </xf>
    <xf numFmtId="0" fontId="0" fillId="6" borderId="2" xfId="0" applyFill="1" applyBorder="1"/>
    <xf numFmtId="2" fontId="0" fillId="6" borderId="2" xfId="0" applyNumberFormat="1" applyFill="1" applyBorder="1"/>
    <xf numFmtId="0" fontId="9" fillId="0" borderId="2" xfId="1" applyNumberFormat="1" applyFont="1" applyFill="1" applyBorder="1" applyAlignment="1">
      <alignment horizontal="center"/>
    </xf>
    <xf numFmtId="0" fontId="9" fillId="0" borderId="2" xfId="1" applyNumberFormat="1" applyFont="1" applyBorder="1" applyAlignment="1">
      <alignment horizontal="center"/>
    </xf>
    <xf numFmtId="0" fontId="2" fillId="0" borderId="2" xfId="1" applyNumberFormat="1" applyFont="1" applyBorder="1"/>
    <xf numFmtId="0" fontId="9" fillId="3" borderId="2" xfId="1" applyNumberFormat="1" applyFont="1" applyFill="1" applyBorder="1" applyAlignment="1">
      <alignment horizontal="center"/>
    </xf>
    <xf numFmtId="0" fontId="0" fillId="3" borderId="0" xfId="0" applyFill="1"/>
    <xf numFmtId="2" fontId="16" fillId="9" borderId="75" xfId="0" applyNumberFormat="1" applyFont="1" applyFill="1" applyBorder="1" applyAlignment="1">
      <alignment horizontal="center" vertical="top" wrapText="1" shrinkToFit="1"/>
    </xf>
    <xf numFmtId="0" fontId="5" fillId="9" borderId="75" xfId="0" applyFont="1" applyFill="1" applyBorder="1" applyAlignment="1">
      <alignment horizontal="center" vertical="top"/>
    </xf>
    <xf numFmtId="0" fontId="5" fillId="2" borderId="0" xfId="0" applyFont="1" applyFill="1" applyAlignment="1">
      <alignment horizontal="left"/>
    </xf>
    <xf numFmtId="167" fontId="19" fillId="0" borderId="2" xfId="0" applyNumberFormat="1" applyFont="1" applyBorder="1" applyAlignment="1">
      <alignment horizontal="center" vertical="top" wrapText="1"/>
    </xf>
    <xf numFmtId="167" fontId="16" fillId="0" borderId="2" xfId="0" applyNumberFormat="1" applyFont="1" applyBorder="1" applyAlignment="1">
      <alignment horizontal="center" vertical="top" wrapText="1"/>
    </xf>
    <xf numFmtId="2" fontId="16" fillId="0" borderId="7" xfId="0" applyNumberFormat="1" applyFont="1" applyBorder="1" applyAlignment="1">
      <alignment horizontal="center" vertical="top" wrapText="1"/>
    </xf>
    <xf numFmtId="2" fontId="16" fillId="0" borderId="6" xfId="0" applyNumberFormat="1" applyFont="1" applyBorder="1" applyAlignment="1">
      <alignment horizontal="center" vertical="top" wrapText="1"/>
    </xf>
    <xf numFmtId="0" fontId="5" fillId="0" borderId="2" xfId="0" applyFont="1" applyBorder="1" applyAlignment="1">
      <alignment horizontal="center" vertical="top" wrapText="1"/>
    </xf>
    <xf numFmtId="0" fontId="5" fillId="0" borderId="2" xfId="0" applyFont="1" applyBorder="1" applyAlignment="1">
      <alignment horizontal="center" vertical="top"/>
    </xf>
    <xf numFmtId="0" fontId="0" fillId="0" borderId="0" xfId="0" applyAlignment="1">
      <alignment horizontal="center"/>
    </xf>
    <xf numFmtId="2" fontId="16" fillId="0" borderId="2" xfId="0" applyNumberFormat="1" applyFont="1" applyBorder="1" applyAlignment="1">
      <alignment horizontal="center" vertical="top" wrapText="1"/>
    </xf>
    <xf numFmtId="2" fontId="16" fillId="0" borderId="2" xfId="0" applyNumberFormat="1" applyFont="1" applyBorder="1" applyAlignment="1">
      <alignment horizontal="center" vertical="top"/>
    </xf>
    <xf numFmtId="2" fontId="16" fillId="0" borderId="2" xfId="0" applyNumberFormat="1" applyFont="1" applyBorder="1" applyAlignment="1">
      <alignment horizontal="center" vertical="top" wrapText="1" shrinkToFit="1"/>
    </xf>
    <xf numFmtId="167" fontId="16" fillId="0" borderId="2" xfId="0" applyNumberFormat="1" applyFont="1" applyBorder="1" applyAlignment="1">
      <alignment horizontal="center" vertical="top"/>
    </xf>
    <xf numFmtId="2" fontId="16" fillId="0" borderId="20" xfId="0" applyNumberFormat="1" applyFont="1" applyBorder="1" applyAlignment="1">
      <alignment horizontal="center" vertical="top" wrapText="1"/>
    </xf>
    <xf numFmtId="2" fontId="16" fillId="0" borderId="24" xfId="0" applyNumberFormat="1" applyFont="1" applyBorder="1" applyAlignment="1">
      <alignment horizontal="center" vertical="top"/>
    </xf>
    <xf numFmtId="2" fontId="16" fillId="0" borderId="21" xfId="0" applyNumberFormat="1" applyFont="1" applyBorder="1" applyAlignment="1">
      <alignment horizontal="center" vertical="top"/>
    </xf>
    <xf numFmtId="2" fontId="16" fillId="0" borderId="21" xfId="0" applyNumberFormat="1" applyFont="1" applyBorder="1" applyAlignment="1">
      <alignment horizontal="center" vertical="top" wrapText="1" shrinkToFit="1"/>
    </xf>
    <xf numFmtId="167" fontId="16" fillId="0" borderId="21" xfId="0" applyNumberFormat="1" applyFont="1" applyBorder="1" applyAlignment="1">
      <alignment horizontal="center" vertical="top" wrapText="1"/>
    </xf>
    <xf numFmtId="0" fontId="5" fillId="0" borderId="33" xfId="0" applyFont="1" applyBorder="1" applyAlignment="1">
      <alignment horizontal="center" vertical="top"/>
    </xf>
    <xf numFmtId="0" fontId="5" fillId="0" borderId="34" xfId="0" applyFont="1" applyBorder="1" applyAlignment="1">
      <alignment horizontal="center" vertical="top"/>
    </xf>
    <xf numFmtId="2" fontId="16" fillId="0" borderId="22" xfId="0" applyNumberFormat="1" applyFont="1" applyBorder="1" applyAlignment="1">
      <alignment horizontal="center" vertical="top" wrapText="1" shrinkToFit="1"/>
    </xf>
    <xf numFmtId="2" fontId="16" fillId="0" borderId="6" xfId="0" applyNumberFormat="1" applyFont="1" applyBorder="1" applyAlignment="1">
      <alignment horizontal="center" vertical="top" wrapText="1" shrinkToFit="1"/>
    </xf>
    <xf numFmtId="0" fontId="5" fillId="0" borderId="17" xfId="0" applyFont="1" applyBorder="1" applyAlignment="1">
      <alignment horizontal="center" vertical="center"/>
    </xf>
    <xf numFmtId="0" fontId="5" fillId="0" borderId="13" xfId="0" applyFont="1" applyBorder="1" applyAlignment="1">
      <alignment horizontal="center" vertical="center"/>
    </xf>
    <xf numFmtId="0" fontId="5" fillId="0" borderId="14" xfId="0" applyFont="1" applyBorder="1" applyAlignment="1">
      <alignment horizontal="center" vertical="center"/>
    </xf>
    <xf numFmtId="0" fontId="5" fillId="0" borderId="9" xfId="0" applyFont="1" applyBorder="1" applyAlignment="1">
      <alignment horizontal="center" vertical="center"/>
    </xf>
    <xf numFmtId="0" fontId="5" fillId="0" borderId="10" xfId="0" applyFont="1" applyBorder="1" applyAlignment="1">
      <alignment horizontal="center" vertical="center"/>
    </xf>
    <xf numFmtId="0" fontId="5" fillId="0" borderId="11" xfId="0" applyFont="1" applyBorder="1" applyAlignment="1">
      <alignment horizontal="center" vertical="center"/>
    </xf>
    <xf numFmtId="0" fontId="5" fillId="5" borderId="17" xfId="0" applyFont="1" applyFill="1" applyBorder="1" applyAlignment="1">
      <alignment horizontal="center" vertical="center"/>
    </xf>
    <xf numFmtId="0" fontId="5" fillId="5" borderId="13" xfId="0" applyFont="1" applyFill="1" applyBorder="1" applyAlignment="1">
      <alignment horizontal="center" vertical="center"/>
    </xf>
    <xf numFmtId="0" fontId="5" fillId="5" borderId="14" xfId="0" applyFont="1" applyFill="1" applyBorder="1" applyAlignment="1">
      <alignment horizontal="center" vertical="center"/>
    </xf>
    <xf numFmtId="0" fontId="18" fillId="0" borderId="2" xfId="0" applyFont="1" applyBorder="1" applyAlignment="1">
      <alignment horizontal="center" vertical="top" wrapText="1"/>
    </xf>
    <xf numFmtId="0" fontId="2" fillId="0" borderId="17" xfId="0" applyFont="1" applyBorder="1" applyAlignment="1">
      <alignment horizontal="center" vertical="center"/>
    </xf>
    <xf numFmtId="0" fontId="2" fillId="0" borderId="15" xfId="0" applyFont="1" applyBorder="1" applyAlignment="1">
      <alignment horizontal="center" vertical="center"/>
    </xf>
    <xf numFmtId="0" fontId="5" fillId="7" borderId="20" xfId="0" applyFont="1" applyFill="1" applyBorder="1" applyAlignment="1">
      <alignment horizontal="center" vertical="center"/>
    </xf>
    <xf numFmtId="0" fontId="5" fillId="7" borderId="24" xfId="0" applyFont="1" applyFill="1" applyBorder="1" applyAlignment="1">
      <alignment horizontal="center" vertical="center"/>
    </xf>
    <xf numFmtId="0" fontId="5" fillId="7" borderId="21" xfId="0" applyFont="1" applyFill="1" applyBorder="1" applyAlignment="1">
      <alignment horizontal="center" vertical="center"/>
    </xf>
    <xf numFmtId="0" fontId="5" fillId="7" borderId="2" xfId="0" applyFont="1" applyFill="1" applyBorder="1" applyAlignment="1">
      <alignment horizontal="center" vertical="center"/>
    </xf>
    <xf numFmtId="0" fontId="2" fillId="0" borderId="13" xfId="0" applyFont="1" applyBorder="1" applyAlignment="1">
      <alignment horizontal="center" vertical="center"/>
    </xf>
    <xf numFmtId="0" fontId="2" fillId="0" borderId="16" xfId="0" applyFont="1" applyBorder="1" applyAlignment="1">
      <alignment horizontal="center" vertical="center"/>
    </xf>
    <xf numFmtId="0" fontId="18" fillId="0" borderId="20" xfId="0" applyFont="1" applyBorder="1" applyAlignment="1">
      <alignment horizontal="center" vertical="top" wrapText="1"/>
    </xf>
    <xf numFmtId="0" fontId="18" fillId="0" borderId="24" xfId="0" applyFont="1" applyBorder="1" applyAlignment="1">
      <alignment horizontal="center" vertical="top" wrapText="1"/>
    </xf>
    <xf numFmtId="0" fontId="5" fillId="0" borderId="17" xfId="0" applyFont="1" applyBorder="1" applyAlignment="1">
      <alignment horizontal="center"/>
    </xf>
    <xf numFmtId="0" fontId="5" fillId="0" borderId="13" xfId="0" applyFont="1" applyBorder="1" applyAlignment="1">
      <alignment horizontal="center"/>
    </xf>
    <xf numFmtId="0" fontId="5" fillId="0" borderId="14" xfId="0" applyFont="1" applyBorder="1" applyAlignment="1">
      <alignment horizontal="center"/>
    </xf>
    <xf numFmtId="0" fontId="5" fillId="0" borderId="21" xfId="0" applyFont="1" applyBorder="1" applyAlignment="1">
      <alignment horizontal="center" vertical="center"/>
    </xf>
    <xf numFmtId="0" fontId="5" fillId="0" borderId="2" xfId="0" applyFont="1" applyBorder="1" applyAlignment="1">
      <alignment horizontal="center" vertical="center"/>
    </xf>
    <xf numFmtId="0" fontId="5" fillId="0" borderId="23" xfId="0" applyFont="1" applyBorder="1" applyAlignment="1">
      <alignment horizontal="center" vertical="center"/>
    </xf>
    <xf numFmtId="0" fontId="5" fillId="0" borderId="25" xfId="0" applyFont="1" applyBorder="1" applyAlignment="1">
      <alignment horizontal="center" vertical="center"/>
    </xf>
    <xf numFmtId="0" fontId="27" fillId="0" borderId="21" xfId="0" applyFont="1" applyBorder="1" applyAlignment="1">
      <alignment horizontal="center" vertical="center"/>
    </xf>
    <xf numFmtId="0" fontId="27" fillId="0" borderId="2" xfId="0" applyFont="1" applyBorder="1" applyAlignment="1">
      <alignment horizontal="center" vertical="center"/>
    </xf>
    <xf numFmtId="167" fontId="16" fillId="0" borderId="30" xfId="0" applyNumberFormat="1" applyFont="1" applyBorder="1" applyAlignment="1">
      <alignment horizontal="center" vertical="top" wrapText="1"/>
    </xf>
    <xf numFmtId="167" fontId="16" fillId="0" borderId="4" xfId="0" applyNumberFormat="1" applyFont="1" applyBorder="1" applyAlignment="1">
      <alignment horizontal="center" vertical="top" wrapText="1"/>
    </xf>
    <xf numFmtId="167" fontId="16" fillId="0" borderId="21" xfId="0" applyNumberFormat="1" applyFont="1" applyBorder="1" applyAlignment="1">
      <alignment horizontal="center" vertical="top"/>
    </xf>
    <xf numFmtId="0" fontId="18" fillId="0" borderId="21" xfId="0" applyFont="1" applyBorder="1" applyAlignment="1">
      <alignment horizontal="center" vertical="top" wrapText="1"/>
    </xf>
    <xf numFmtId="167" fontId="19" fillId="0" borderId="21" xfId="0" applyNumberFormat="1" applyFont="1" applyBorder="1" applyAlignment="1">
      <alignment horizontal="center" vertical="top" wrapText="1"/>
    </xf>
    <xf numFmtId="0" fontId="5" fillId="7" borderId="15" xfId="0" applyFont="1" applyFill="1" applyBorder="1" applyAlignment="1">
      <alignment horizontal="center"/>
    </xf>
    <xf numFmtId="0" fontId="5" fillId="7" borderId="16" xfId="0" applyFont="1" applyFill="1" applyBorder="1" applyAlignment="1">
      <alignment horizontal="center"/>
    </xf>
    <xf numFmtId="0" fontId="5" fillId="7" borderId="23" xfId="0" applyFont="1" applyFill="1" applyBorder="1" applyAlignment="1">
      <alignment horizontal="center" vertical="center"/>
    </xf>
    <xf numFmtId="0" fontId="5" fillId="7" borderId="25" xfId="0" applyFont="1" applyFill="1" applyBorder="1" applyAlignment="1">
      <alignment horizontal="center" vertical="center"/>
    </xf>
    <xf numFmtId="0" fontId="5" fillId="0" borderId="16" xfId="0" applyFont="1" applyBorder="1" applyAlignment="1">
      <alignment horizontal="center" vertical="center"/>
    </xf>
    <xf numFmtId="0" fontId="5" fillId="0" borderId="15" xfId="0" applyFont="1" applyBorder="1" applyAlignment="1">
      <alignment horizontal="center" vertical="center"/>
    </xf>
  </cellXfs>
  <cellStyles count="2">
    <cellStyle name="Comma" xfId="1" builtinId="3"/>
    <cellStyle name="Normal" xfId="0" builtinId="0"/>
  </cellStyles>
  <dxfs count="0"/>
  <tableStyles count="0" defaultTableStyle="TableStyleMedium9" defaultPivotStyle="PivotStyleLight16"/>
  <colors>
    <mruColors>
      <color rgb="FFFFFF99"/>
      <color rgb="FF0000FF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worksheet" Target="worksheets/sheet13.xml"/><Relationship Id="rId18" Type="http://schemas.openxmlformats.org/officeDocument/2006/relationships/sheetMetadata" Target="metadata.xml"/><Relationship Id="rId3" Type="http://schemas.openxmlformats.org/officeDocument/2006/relationships/worksheet" Target="worksheets/sheet3.xml"/><Relationship Id="rId21" Type="http://schemas.openxmlformats.org/officeDocument/2006/relationships/customXml" Target="../customXml/item2.xml"/><Relationship Id="rId7" Type="http://schemas.openxmlformats.org/officeDocument/2006/relationships/worksheet" Target="worksheets/sheet7.xml"/><Relationship Id="rId12" Type="http://schemas.openxmlformats.org/officeDocument/2006/relationships/worksheet" Target="worksheets/sheet12.xml"/><Relationship Id="rId17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6" Type="http://schemas.openxmlformats.org/officeDocument/2006/relationships/styles" Target="styles.xml"/><Relationship Id="rId20" Type="http://schemas.openxmlformats.org/officeDocument/2006/relationships/customXml" Target="../customXml/item1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worksheet" Target="worksheets/sheet11.xml"/><Relationship Id="rId24" Type="http://schemas.openxmlformats.org/officeDocument/2006/relationships/customXml" Target="../customXml/item5.xml"/><Relationship Id="rId5" Type="http://schemas.openxmlformats.org/officeDocument/2006/relationships/worksheet" Target="worksheets/sheet5.xml"/><Relationship Id="rId15" Type="http://schemas.openxmlformats.org/officeDocument/2006/relationships/theme" Target="theme/theme1.xml"/><Relationship Id="rId23" Type="http://schemas.openxmlformats.org/officeDocument/2006/relationships/customXml" Target="../customXml/item4.xml"/><Relationship Id="rId10" Type="http://schemas.openxmlformats.org/officeDocument/2006/relationships/worksheet" Target="worksheets/sheet10.xml"/><Relationship Id="rId19" Type="http://schemas.openxmlformats.org/officeDocument/2006/relationships/calcChain" Target="calcChain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worksheet" Target="worksheets/sheet14.xml"/><Relationship Id="rId22" Type="http://schemas.openxmlformats.org/officeDocument/2006/relationships/customXml" Target="../customXml/item3.xml"/></Relationships>
</file>

<file path=xl/charts/_rels/chart1.xml.rels><?xml version="1.0" encoding="UTF-8" standalone="yes"?>
<Relationships xmlns="http://schemas.openxmlformats.org/package/2006/relationships"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xl/charts/_rels/chart2.xml.rels><?xml version="1.0" encoding="UTF-8" standalone="yes"?>
<Relationships xmlns="http://schemas.openxmlformats.org/package/2006/relationships"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xl/charts/_rels/chart3.xml.rels><?xml version="1.0" encoding="UTF-8" standalone="yes"?>
<Relationships xmlns="http://schemas.openxmlformats.org/package/2006/relationships"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xl/charts/_rels/chart4.xml.rels><?xml version="1.0" encoding="UTF-8" standalone="yes"?>
<Relationships xmlns="http://schemas.openxmlformats.org/package/2006/relationships"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xl/charts/_rels/chart5.xml.rels><?xml version="1.0" encoding="UTF-8" standalone="yes"?>
<Relationships xmlns="http://schemas.openxmlformats.org/package/2006/relationships"><Relationship Id="rId2" Type="http://schemas.microsoft.com/office/2011/relationships/chartColorStyle" Target="colors5.xml"/><Relationship Id="rId1" Type="http://schemas.microsoft.com/office/2011/relationships/chartStyle" Target="style5.xml"/></Relationships>
</file>

<file path=xl/charts/_rels/chart6.xml.rels><?xml version="1.0" encoding="UTF-8" standalone="yes"?>
<Relationships xmlns="http://schemas.openxmlformats.org/package/2006/relationships"><Relationship Id="rId2" Type="http://schemas.microsoft.com/office/2011/relationships/chartColorStyle" Target="colors6.xml"/><Relationship Id="rId1" Type="http://schemas.microsoft.com/office/2011/relationships/chartStyle" Target="style6.xml"/></Relationships>
</file>

<file path=xl/charts/_rels/chart7.xml.rels><?xml version="1.0" encoding="UTF-8" standalone="yes"?>
<Relationships xmlns="http://schemas.openxmlformats.org/package/2006/relationships"><Relationship Id="rId2" Type="http://schemas.microsoft.com/office/2011/relationships/chartColorStyle" Target="colors7.xml"/><Relationship Id="rId1" Type="http://schemas.microsoft.com/office/2011/relationships/chartStyle" Target="style7.xml"/></Relationships>
</file>

<file path=xl/charts/_rels/chart8.xml.rels><?xml version="1.0" encoding="UTF-8" standalone="yes"?>
<Relationships xmlns="http://schemas.openxmlformats.org/package/2006/relationships"><Relationship Id="rId2" Type="http://schemas.microsoft.com/office/2011/relationships/chartColorStyle" Target="colors8.xml"/><Relationship Id="rId1" Type="http://schemas.microsoft.com/office/2011/relationships/chartStyle" Target="style8.xml"/></Relationships>
</file>

<file path=xl/charts/_rels/chart9.xml.rels><?xml version="1.0" encoding="UTF-8" standalone="yes"?>
<Relationships xmlns="http://schemas.openxmlformats.org/package/2006/relationships"><Relationship Id="rId2" Type="http://schemas.microsoft.com/office/2011/relationships/chartColorStyle" Target="colors9.xml"/><Relationship Id="rId1" Type="http://schemas.microsoft.com/office/2011/relationships/chartStyle" Target="style9.xml"/></Relationships>
</file>

<file path=xl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Cone Resistance, q</a:t>
            </a:r>
            <a:r>
              <a:rPr lang="en-US" baseline="-25000"/>
              <a:t>c</a:t>
            </a:r>
          </a:p>
        </c:rich>
      </c:tx>
      <c:layout>
        <c:manualLayout>
          <c:xMode val="edge"/>
          <c:yMode val="edge"/>
          <c:x val="0.29667638888888886"/>
          <c:y val="1.1759259259259259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13819777777777775"/>
          <c:y val="0.15403055555555559"/>
          <c:w val="0.82102111111111109"/>
          <c:h val="0.75689277777777764"/>
        </c:manualLayout>
      </c:layout>
      <c:scatterChart>
        <c:scatterStyle val="lineMarker"/>
        <c:varyColors val="0"/>
        <c:ser>
          <c:idx val="1"/>
          <c:order val="0"/>
          <c:tx>
            <c:strRef>
              <c:f>'CPT Data'!$D$10</c:f>
              <c:strCache>
                <c:ptCount val="1"/>
                <c:pt idx="0">
                  <c:v>Cone Resistance, qc</c:v>
                </c:pt>
              </c:strCache>
            </c:strRef>
          </c:tx>
          <c:spPr>
            <a:ln w="19050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xVal>
            <c:numRef>
              <c:f>'CPT Data'!$D$12:$D$7462</c:f>
              <c:numCache>
                <c:formatCode>General</c:formatCode>
                <c:ptCount val="7451"/>
                <c:pt idx="0">
                  <c:v>0</c:v>
                </c:pt>
                <c:pt idx="1">
                  <c:v>1.1999999999999999E-3</c:v>
                </c:pt>
                <c:pt idx="2">
                  <c:v>1.4E-3</c:v>
                </c:pt>
                <c:pt idx="3">
                  <c:v>2E-3</c:v>
                </c:pt>
                <c:pt idx="4">
                  <c:v>3.3E-3</c:v>
                </c:pt>
                <c:pt idx="5">
                  <c:v>4.0000000000000001E-3</c:v>
                </c:pt>
                <c:pt idx="6">
                  <c:v>4.3E-3</c:v>
                </c:pt>
                <c:pt idx="7">
                  <c:v>5.8999999999999999E-3</c:v>
                </c:pt>
                <c:pt idx="8">
                  <c:v>5.7000000000000002E-3</c:v>
                </c:pt>
                <c:pt idx="9">
                  <c:v>7.1999999999999998E-3</c:v>
                </c:pt>
                <c:pt idx="10">
                  <c:v>7.7999999999999996E-3</c:v>
                </c:pt>
                <c:pt idx="11">
                  <c:v>8.6E-3</c:v>
                </c:pt>
                <c:pt idx="12">
                  <c:v>8.0999999999999996E-3</c:v>
                </c:pt>
                <c:pt idx="13">
                  <c:v>8.6999999999999994E-3</c:v>
                </c:pt>
                <c:pt idx="14">
                  <c:v>9.4999999999999998E-3</c:v>
                </c:pt>
                <c:pt idx="15">
                  <c:v>8.9999999999999993E-3</c:v>
                </c:pt>
                <c:pt idx="16">
                  <c:v>0.01</c:v>
                </c:pt>
                <c:pt idx="17">
                  <c:v>9.9000000000000008E-3</c:v>
                </c:pt>
                <c:pt idx="18">
                  <c:v>1.0200000000000001E-2</c:v>
                </c:pt>
                <c:pt idx="19">
                  <c:v>9.5999999999999992E-3</c:v>
                </c:pt>
                <c:pt idx="20">
                  <c:v>1.01E-2</c:v>
                </c:pt>
                <c:pt idx="21">
                  <c:v>1.0500000000000001E-2</c:v>
                </c:pt>
                <c:pt idx="22">
                  <c:v>1.11E-2</c:v>
                </c:pt>
                <c:pt idx="23">
                  <c:v>1.2500000000000001E-2</c:v>
                </c:pt>
                <c:pt idx="24">
                  <c:v>1.35E-2</c:v>
                </c:pt>
                <c:pt idx="25">
                  <c:v>1.38E-2</c:v>
                </c:pt>
                <c:pt idx="26">
                  <c:v>1.38E-2</c:v>
                </c:pt>
                <c:pt idx="27">
                  <c:v>1.3599999999999999E-2</c:v>
                </c:pt>
                <c:pt idx="28">
                  <c:v>1.34E-2</c:v>
                </c:pt>
                <c:pt idx="29">
                  <c:v>1.1599999999999999E-2</c:v>
                </c:pt>
                <c:pt idx="30">
                  <c:v>1.2200000000000001E-2</c:v>
                </c:pt>
                <c:pt idx="31">
                  <c:v>1.2500000000000001E-2</c:v>
                </c:pt>
                <c:pt idx="32">
                  <c:v>1.26E-2</c:v>
                </c:pt>
                <c:pt idx="33">
                  <c:v>1.3599999999999999E-2</c:v>
                </c:pt>
                <c:pt idx="34">
                  <c:v>1.5299999999999999E-2</c:v>
                </c:pt>
                <c:pt idx="35">
                  <c:v>1.7899999999999999E-2</c:v>
                </c:pt>
                <c:pt idx="36">
                  <c:v>2.0899999999999998E-2</c:v>
                </c:pt>
                <c:pt idx="37">
                  <c:v>2.3800000000000002E-2</c:v>
                </c:pt>
                <c:pt idx="38">
                  <c:v>2.6200000000000001E-2</c:v>
                </c:pt>
                <c:pt idx="39">
                  <c:v>2.7099999999999999E-2</c:v>
                </c:pt>
                <c:pt idx="40">
                  <c:v>2.7E-2</c:v>
                </c:pt>
                <c:pt idx="41">
                  <c:v>2.7699999999999999E-2</c:v>
                </c:pt>
                <c:pt idx="42">
                  <c:v>2.8899999999999999E-2</c:v>
                </c:pt>
                <c:pt idx="43">
                  <c:v>2.98E-2</c:v>
                </c:pt>
                <c:pt idx="44">
                  <c:v>2.98E-2</c:v>
                </c:pt>
                <c:pt idx="45">
                  <c:v>3.0499999999999999E-2</c:v>
                </c:pt>
                <c:pt idx="46">
                  <c:v>3.1699999999999999E-2</c:v>
                </c:pt>
                <c:pt idx="47">
                  <c:v>3.2000000000000001E-2</c:v>
                </c:pt>
                <c:pt idx="48">
                  <c:v>3.2500000000000001E-2</c:v>
                </c:pt>
                <c:pt idx="49">
                  <c:v>3.2500000000000001E-2</c:v>
                </c:pt>
                <c:pt idx="50">
                  <c:v>3.39E-2</c:v>
                </c:pt>
                <c:pt idx="51">
                  <c:v>3.4799999999999998E-2</c:v>
                </c:pt>
                <c:pt idx="52">
                  <c:v>3.5000000000000003E-2</c:v>
                </c:pt>
                <c:pt idx="53">
                  <c:v>3.5400000000000001E-2</c:v>
                </c:pt>
                <c:pt idx="54">
                  <c:v>3.5499999999999997E-2</c:v>
                </c:pt>
                <c:pt idx="55">
                  <c:v>3.56E-2</c:v>
                </c:pt>
                <c:pt idx="56">
                  <c:v>3.7600000000000001E-2</c:v>
                </c:pt>
                <c:pt idx="57">
                  <c:v>3.7900000000000003E-2</c:v>
                </c:pt>
                <c:pt idx="58">
                  <c:v>3.8399999999999997E-2</c:v>
                </c:pt>
                <c:pt idx="59">
                  <c:v>3.8899999999999997E-2</c:v>
                </c:pt>
                <c:pt idx="60">
                  <c:v>3.9899999999999998E-2</c:v>
                </c:pt>
                <c:pt idx="61">
                  <c:v>4.07E-2</c:v>
                </c:pt>
                <c:pt idx="62">
                  <c:v>4.02E-2</c:v>
                </c:pt>
                <c:pt idx="63">
                  <c:v>4.1200000000000001E-2</c:v>
                </c:pt>
                <c:pt idx="64">
                  <c:v>4.2200000000000001E-2</c:v>
                </c:pt>
                <c:pt idx="65">
                  <c:v>4.2299999999999997E-2</c:v>
                </c:pt>
                <c:pt idx="66">
                  <c:v>4.36E-2</c:v>
                </c:pt>
                <c:pt idx="67">
                  <c:v>4.3799999999999999E-2</c:v>
                </c:pt>
                <c:pt idx="68">
                  <c:v>4.4699999999999997E-2</c:v>
                </c:pt>
                <c:pt idx="69">
                  <c:v>4.5600000000000002E-2</c:v>
                </c:pt>
                <c:pt idx="70">
                  <c:v>4.5199999999999997E-2</c:v>
                </c:pt>
                <c:pt idx="71">
                  <c:v>4.5600000000000002E-2</c:v>
                </c:pt>
                <c:pt idx="72">
                  <c:v>4.6199999999999998E-2</c:v>
                </c:pt>
                <c:pt idx="73">
                  <c:v>4.6300000000000001E-2</c:v>
                </c:pt>
                <c:pt idx="74">
                  <c:v>4.65E-2</c:v>
                </c:pt>
                <c:pt idx="75">
                  <c:v>4.7500000000000001E-2</c:v>
                </c:pt>
                <c:pt idx="76">
                  <c:v>4.6800000000000001E-2</c:v>
                </c:pt>
                <c:pt idx="77">
                  <c:v>4.7100000000000003E-2</c:v>
                </c:pt>
                <c:pt idx="78">
                  <c:v>4.7699999999999999E-2</c:v>
                </c:pt>
                <c:pt idx="79">
                  <c:v>4.7399999999999998E-2</c:v>
                </c:pt>
                <c:pt idx="80">
                  <c:v>4.7600000000000003E-2</c:v>
                </c:pt>
                <c:pt idx="81">
                  <c:v>4.7899999999999998E-2</c:v>
                </c:pt>
                <c:pt idx="82">
                  <c:v>4.7600000000000003E-2</c:v>
                </c:pt>
                <c:pt idx="83">
                  <c:v>4.82E-2</c:v>
                </c:pt>
                <c:pt idx="84">
                  <c:v>4.9099999999999998E-2</c:v>
                </c:pt>
                <c:pt idx="85">
                  <c:v>5.04E-2</c:v>
                </c:pt>
                <c:pt idx="86">
                  <c:v>5.0599999999999999E-2</c:v>
                </c:pt>
                <c:pt idx="87">
                  <c:v>5.0500000000000003E-2</c:v>
                </c:pt>
                <c:pt idx="88">
                  <c:v>5.1400000000000001E-2</c:v>
                </c:pt>
                <c:pt idx="89">
                  <c:v>5.1900000000000002E-2</c:v>
                </c:pt>
                <c:pt idx="90">
                  <c:v>5.2400000000000002E-2</c:v>
                </c:pt>
                <c:pt idx="91">
                  <c:v>5.1999999999999998E-2</c:v>
                </c:pt>
                <c:pt idx="92">
                  <c:v>5.3499999999999999E-2</c:v>
                </c:pt>
                <c:pt idx="93">
                  <c:v>5.5500000000000001E-2</c:v>
                </c:pt>
                <c:pt idx="94">
                  <c:v>5.67E-2</c:v>
                </c:pt>
                <c:pt idx="95">
                  <c:v>5.8000000000000003E-2</c:v>
                </c:pt>
                <c:pt idx="96">
                  <c:v>5.8099999999999999E-2</c:v>
                </c:pt>
                <c:pt idx="97">
                  <c:v>5.8400000000000001E-2</c:v>
                </c:pt>
                <c:pt idx="98">
                  <c:v>5.9299999999999999E-2</c:v>
                </c:pt>
                <c:pt idx="99">
                  <c:v>6.3299999999999995E-2</c:v>
                </c:pt>
                <c:pt idx="100">
                  <c:v>6.3200000000000006E-2</c:v>
                </c:pt>
                <c:pt idx="101">
                  <c:v>6.2799999999999995E-2</c:v>
                </c:pt>
                <c:pt idx="102">
                  <c:v>6.2600000000000003E-2</c:v>
                </c:pt>
                <c:pt idx="103">
                  <c:v>6.3399999999999998E-2</c:v>
                </c:pt>
                <c:pt idx="104">
                  <c:v>6.2899999999999998E-2</c:v>
                </c:pt>
                <c:pt idx="105">
                  <c:v>6.2799999999999995E-2</c:v>
                </c:pt>
                <c:pt idx="106">
                  <c:v>6.2799999999999995E-2</c:v>
                </c:pt>
                <c:pt idx="107">
                  <c:v>6.3899999999999998E-2</c:v>
                </c:pt>
                <c:pt idx="108">
                  <c:v>6.3799999999999996E-2</c:v>
                </c:pt>
                <c:pt idx="109">
                  <c:v>6.4799999999999996E-2</c:v>
                </c:pt>
                <c:pt idx="110">
                  <c:v>6.4899999999999999E-2</c:v>
                </c:pt>
                <c:pt idx="111">
                  <c:v>6.5000000000000002E-2</c:v>
                </c:pt>
                <c:pt idx="112">
                  <c:v>6.4699999999999994E-2</c:v>
                </c:pt>
                <c:pt idx="113">
                  <c:v>6.5199999999999994E-2</c:v>
                </c:pt>
                <c:pt idx="114">
                  <c:v>6.59E-2</c:v>
                </c:pt>
                <c:pt idx="115">
                  <c:v>6.5600000000000006E-2</c:v>
                </c:pt>
                <c:pt idx="116">
                  <c:v>6.6799999999999998E-2</c:v>
                </c:pt>
                <c:pt idx="117">
                  <c:v>6.7000000000000004E-2</c:v>
                </c:pt>
                <c:pt idx="118">
                  <c:v>6.7699999999999996E-2</c:v>
                </c:pt>
                <c:pt idx="119">
                  <c:v>6.7500000000000004E-2</c:v>
                </c:pt>
                <c:pt idx="120">
                  <c:v>6.7599999999999993E-2</c:v>
                </c:pt>
                <c:pt idx="121">
                  <c:v>6.9099999999999995E-2</c:v>
                </c:pt>
                <c:pt idx="122">
                  <c:v>6.4199999999999993E-2</c:v>
                </c:pt>
                <c:pt idx="123">
                  <c:v>7.7200000000000005E-2</c:v>
                </c:pt>
                <c:pt idx="124">
                  <c:v>7.85E-2</c:v>
                </c:pt>
                <c:pt idx="125">
                  <c:v>7.9799999999999996E-2</c:v>
                </c:pt>
                <c:pt idx="126">
                  <c:v>8.1299999999999997E-2</c:v>
                </c:pt>
                <c:pt idx="127">
                  <c:v>8.2100000000000006E-2</c:v>
                </c:pt>
                <c:pt idx="128">
                  <c:v>8.3000000000000004E-2</c:v>
                </c:pt>
                <c:pt idx="129">
                  <c:v>8.3699999999999997E-2</c:v>
                </c:pt>
                <c:pt idx="130">
                  <c:v>8.4099999999999994E-2</c:v>
                </c:pt>
                <c:pt idx="131">
                  <c:v>8.4500000000000006E-2</c:v>
                </c:pt>
                <c:pt idx="132">
                  <c:v>8.43E-2</c:v>
                </c:pt>
                <c:pt idx="133">
                  <c:v>8.3799999999999999E-2</c:v>
                </c:pt>
                <c:pt idx="134">
                  <c:v>8.4099999999999994E-2</c:v>
                </c:pt>
                <c:pt idx="135">
                  <c:v>8.3299999999999999E-2</c:v>
                </c:pt>
                <c:pt idx="136">
                  <c:v>8.2600000000000007E-2</c:v>
                </c:pt>
                <c:pt idx="137">
                  <c:v>8.1699999999999995E-2</c:v>
                </c:pt>
                <c:pt idx="138">
                  <c:v>8.0699999999999994E-2</c:v>
                </c:pt>
                <c:pt idx="139">
                  <c:v>7.9899999999999999E-2</c:v>
                </c:pt>
                <c:pt idx="140">
                  <c:v>7.9000000000000001E-2</c:v>
                </c:pt>
                <c:pt idx="141">
                  <c:v>7.7799999999999994E-2</c:v>
                </c:pt>
                <c:pt idx="142">
                  <c:v>7.7100000000000002E-2</c:v>
                </c:pt>
                <c:pt idx="143">
                  <c:v>7.6399999999999996E-2</c:v>
                </c:pt>
                <c:pt idx="144">
                  <c:v>7.7200000000000005E-2</c:v>
                </c:pt>
                <c:pt idx="145">
                  <c:v>7.6700000000000004E-2</c:v>
                </c:pt>
                <c:pt idx="146">
                  <c:v>7.6700000000000004E-2</c:v>
                </c:pt>
                <c:pt idx="147">
                  <c:v>7.7499999999999999E-2</c:v>
                </c:pt>
                <c:pt idx="148">
                  <c:v>7.7399999999999997E-2</c:v>
                </c:pt>
                <c:pt idx="149">
                  <c:v>7.7499999999999999E-2</c:v>
                </c:pt>
                <c:pt idx="150">
                  <c:v>9.4500000000000001E-2</c:v>
                </c:pt>
                <c:pt idx="151">
                  <c:v>9.4200000000000006E-2</c:v>
                </c:pt>
                <c:pt idx="152">
                  <c:v>8.7599999999999997E-2</c:v>
                </c:pt>
                <c:pt idx="153">
                  <c:v>8.6599999999999996E-2</c:v>
                </c:pt>
                <c:pt idx="154">
                  <c:v>8.6900000000000005E-2</c:v>
                </c:pt>
                <c:pt idx="155">
                  <c:v>8.7400000000000005E-2</c:v>
                </c:pt>
                <c:pt idx="156">
                  <c:v>8.6199999999999999E-2</c:v>
                </c:pt>
                <c:pt idx="157">
                  <c:v>8.5400000000000004E-2</c:v>
                </c:pt>
                <c:pt idx="158">
                  <c:v>8.4599999999999995E-2</c:v>
                </c:pt>
                <c:pt idx="159">
                  <c:v>8.4199999999999997E-2</c:v>
                </c:pt>
                <c:pt idx="160">
                  <c:v>8.2799999999999999E-2</c:v>
                </c:pt>
                <c:pt idx="161">
                  <c:v>8.3400000000000002E-2</c:v>
                </c:pt>
                <c:pt idx="162">
                  <c:v>8.3799999999999999E-2</c:v>
                </c:pt>
                <c:pt idx="163">
                  <c:v>8.4099999999999994E-2</c:v>
                </c:pt>
                <c:pt idx="164">
                  <c:v>8.3000000000000004E-2</c:v>
                </c:pt>
                <c:pt idx="165">
                  <c:v>8.1500000000000003E-2</c:v>
                </c:pt>
                <c:pt idx="166">
                  <c:v>8.0699999999999994E-2</c:v>
                </c:pt>
                <c:pt idx="167">
                  <c:v>7.9699999999999993E-2</c:v>
                </c:pt>
                <c:pt idx="168">
                  <c:v>7.9600000000000004E-2</c:v>
                </c:pt>
                <c:pt idx="169">
                  <c:v>7.9399999999999998E-2</c:v>
                </c:pt>
                <c:pt idx="170">
                  <c:v>7.9699999999999993E-2</c:v>
                </c:pt>
                <c:pt idx="171">
                  <c:v>7.9699999999999993E-2</c:v>
                </c:pt>
                <c:pt idx="172">
                  <c:v>8.0299999999999996E-2</c:v>
                </c:pt>
                <c:pt idx="173">
                  <c:v>8.1000000000000003E-2</c:v>
                </c:pt>
                <c:pt idx="174">
                  <c:v>8.2000000000000003E-2</c:v>
                </c:pt>
                <c:pt idx="175">
                  <c:v>8.2400000000000001E-2</c:v>
                </c:pt>
                <c:pt idx="176">
                  <c:v>8.2299999999999998E-2</c:v>
                </c:pt>
                <c:pt idx="177">
                  <c:v>8.3299999999999999E-2</c:v>
                </c:pt>
                <c:pt idx="178">
                  <c:v>8.4900000000000003E-2</c:v>
                </c:pt>
                <c:pt idx="179">
                  <c:v>8.6699999999999999E-2</c:v>
                </c:pt>
                <c:pt idx="180">
                  <c:v>8.7300000000000003E-2</c:v>
                </c:pt>
                <c:pt idx="181">
                  <c:v>8.9800000000000005E-2</c:v>
                </c:pt>
                <c:pt idx="182">
                  <c:v>9.0300000000000005E-2</c:v>
                </c:pt>
                <c:pt idx="183">
                  <c:v>9.3200000000000005E-2</c:v>
                </c:pt>
                <c:pt idx="184">
                  <c:v>9.5299999999999996E-2</c:v>
                </c:pt>
                <c:pt idx="185">
                  <c:v>0.11219999999999999</c:v>
                </c:pt>
                <c:pt idx="186">
                  <c:v>0.1033</c:v>
                </c:pt>
                <c:pt idx="187">
                  <c:v>0.1118</c:v>
                </c:pt>
                <c:pt idx="188">
                  <c:v>0.1168</c:v>
                </c:pt>
                <c:pt idx="189">
                  <c:v>0.1215</c:v>
                </c:pt>
                <c:pt idx="190">
                  <c:v>0.13239999999999999</c:v>
                </c:pt>
                <c:pt idx="191">
                  <c:v>0.12570000000000001</c:v>
                </c:pt>
                <c:pt idx="192">
                  <c:v>0.1293</c:v>
                </c:pt>
                <c:pt idx="193">
                  <c:v>0.12520000000000001</c:v>
                </c:pt>
                <c:pt idx="194">
                  <c:v>0.12859999999999999</c:v>
                </c:pt>
                <c:pt idx="195">
                  <c:v>0.12920000000000001</c:v>
                </c:pt>
                <c:pt idx="196">
                  <c:v>0.13</c:v>
                </c:pt>
                <c:pt idx="197">
                  <c:v>0.13109999999999999</c:v>
                </c:pt>
                <c:pt idx="198">
                  <c:v>0.13270000000000001</c:v>
                </c:pt>
                <c:pt idx="199">
                  <c:v>0.1351</c:v>
                </c:pt>
                <c:pt idx="200">
                  <c:v>0.13370000000000001</c:v>
                </c:pt>
                <c:pt idx="201">
                  <c:v>0.13589999999999999</c:v>
                </c:pt>
                <c:pt idx="202">
                  <c:v>0.1321</c:v>
                </c:pt>
                <c:pt idx="203">
                  <c:v>0.13139999999999999</c:v>
                </c:pt>
                <c:pt idx="204">
                  <c:v>0.1331</c:v>
                </c:pt>
                <c:pt idx="205">
                  <c:v>0.129</c:v>
                </c:pt>
                <c:pt idx="206">
                  <c:v>0.12759999999999999</c:v>
                </c:pt>
                <c:pt idx="207">
                  <c:v>0.1235</c:v>
                </c:pt>
                <c:pt idx="208">
                  <c:v>0.1229</c:v>
                </c:pt>
                <c:pt idx="209">
                  <c:v>0.1216</c:v>
                </c:pt>
                <c:pt idx="210">
                  <c:v>0.1195</c:v>
                </c:pt>
                <c:pt idx="211">
                  <c:v>0.1171</c:v>
                </c:pt>
                <c:pt idx="212">
                  <c:v>0.11700000000000001</c:v>
                </c:pt>
                <c:pt idx="213">
                  <c:v>0.114</c:v>
                </c:pt>
                <c:pt idx="214">
                  <c:v>0.11219999999999999</c:v>
                </c:pt>
                <c:pt idx="215">
                  <c:v>0.1125</c:v>
                </c:pt>
                <c:pt idx="216">
                  <c:v>0.1123</c:v>
                </c:pt>
                <c:pt idx="217">
                  <c:v>0.1132</c:v>
                </c:pt>
                <c:pt idx="218">
                  <c:v>0.11310000000000001</c:v>
                </c:pt>
                <c:pt idx="219">
                  <c:v>0.1152</c:v>
                </c:pt>
                <c:pt idx="220">
                  <c:v>0.1164</c:v>
                </c:pt>
                <c:pt idx="221">
                  <c:v>0.1221</c:v>
                </c:pt>
                <c:pt idx="222">
                  <c:v>0.1278</c:v>
                </c:pt>
                <c:pt idx="223">
                  <c:v>0.13009999999999999</c:v>
                </c:pt>
                <c:pt idx="224">
                  <c:v>0.1321</c:v>
                </c:pt>
                <c:pt idx="225">
                  <c:v>0.13489999999999999</c:v>
                </c:pt>
                <c:pt idx="226">
                  <c:v>0.13739999999999999</c:v>
                </c:pt>
                <c:pt idx="227">
                  <c:v>0.13880000000000001</c:v>
                </c:pt>
                <c:pt idx="228">
                  <c:v>0.1409</c:v>
                </c:pt>
                <c:pt idx="229">
                  <c:v>0.14050000000000001</c:v>
                </c:pt>
                <c:pt idx="230">
                  <c:v>0.14019999999999999</c:v>
                </c:pt>
                <c:pt idx="231">
                  <c:v>0.14099999999999999</c:v>
                </c:pt>
                <c:pt idx="232">
                  <c:v>0.14369999999999999</c:v>
                </c:pt>
                <c:pt idx="233">
                  <c:v>0.14749999999999999</c:v>
                </c:pt>
                <c:pt idx="234">
                  <c:v>0.151</c:v>
                </c:pt>
                <c:pt idx="235">
                  <c:v>0.15559999999999999</c:v>
                </c:pt>
                <c:pt idx="236">
                  <c:v>0.1598</c:v>
                </c:pt>
                <c:pt idx="237">
                  <c:v>0.16439999999999999</c:v>
                </c:pt>
                <c:pt idx="238">
                  <c:v>0.17480000000000001</c:v>
                </c:pt>
                <c:pt idx="239">
                  <c:v>0.1842</c:v>
                </c:pt>
                <c:pt idx="240">
                  <c:v>0.18659999999999999</c:v>
                </c:pt>
                <c:pt idx="241">
                  <c:v>0.19159999999999999</c:v>
                </c:pt>
                <c:pt idx="242">
                  <c:v>0.19270000000000001</c:v>
                </c:pt>
                <c:pt idx="243">
                  <c:v>0.19239999999999999</c:v>
                </c:pt>
                <c:pt idx="244">
                  <c:v>0.1925</c:v>
                </c:pt>
                <c:pt idx="245">
                  <c:v>0.19040000000000001</c:v>
                </c:pt>
                <c:pt idx="246">
                  <c:v>0.183</c:v>
                </c:pt>
                <c:pt idx="247">
                  <c:v>0.17780000000000001</c:v>
                </c:pt>
                <c:pt idx="248">
                  <c:v>0.17419999999999999</c:v>
                </c:pt>
                <c:pt idx="249">
                  <c:v>0.1686</c:v>
                </c:pt>
                <c:pt idx="250">
                  <c:v>0.16750000000000001</c:v>
                </c:pt>
                <c:pt idx="251">
                  <c:v>0.16439999999999999</c:v>
                </c:pt>
                <c:pt idx="252">
                  <c:v>0.15770000000000001</c:v>
                </c:pt>
                <c:pt idx="253">
                  <c:v>0.1535</c:v>
                </c:pt>
                <c:pt idx="254">
                  <c:v>0.152</c:v>
                </c:pt>
                <c:pt idx="255">
                  <c:v>0.1535</c:v>
                </c:pt>
                <c:pt idx="256">
                  <c:v>0.15490000000000001</c:v>
                </c:pt>
                <c:pt idx="257">
                  <c:v>0.15279999999999999</c:v>
                </c:pt>
                <c:pt idx="258">
                  <c:v>0.1565</c:v>
                </c:pt>
                <c:pt idx="259">
                  <c:v>0.1525</c:v>
                </c:pt>
                <c:pt idx="260">
                  <c:v>0.1517</c:v>
                </c:pt>
                <c:pt idx="261">
                  <c:v>0.1552</c:v>
                </c:pt>
                <c:pt idx="262">
                  <c:v>0.1595</c:v>
                </c:pt>
                <c:pt idx="263">
                  <c:v>0.16389999999999999</c:v>
                </c:pt>
                <c:pt idx="264">
                  <c:v>0.1678</c:v>
                </c:pt>
                <c:pt idx="265">
                  <c:v>0.16789999999999999</c:v>
                </c:pt>
                <c:pt idx="266">
                  <c:v>0.1641</c:v>
                </c:pt>
                <c:pt idx="267">
                  <c:v>0.16339999999999999</c:v>
                </c:pt>
                <c:pt idx="268">
                  <c:v>0.16189999999999999</c:v>
                </c:pt>
                <c:pt idx="269">
                  <c:v>0.159</c:v>
                </c:pt>
                <c:pt idx="270">
                  <c:v>0.15989999999999999</c:v>
                </c:pt>
                <c:pt idx="271">
                  <c:v>0.16020000000000001</c:v>
                </c:pt>
                <c:pt idx="272">
                  <c:v>0.16070000000000001</c:v>
                </c:pt>
                <c:pt idx="273">
                  <c:v>0.161</c:v>
                </c:pt>
                <c:pt idx="274">
                  <c:v>0.1608</c:v>
                </c:pt>
                <c:pt idx="275">
                  <c:v>0.16309999999999999</c:v>
                </c:pt>
                <c:pt idx="276">
                  <c:v>0.161</c:v>
                </c:pt>
                <c:pt idx="277">
                  <c:v>0.16159999999999999</c:v>
                </c:pt>
                <c:pt idx="278">
                  <c:v>0.15959999999999999</c:v>
                </c:pt>
                <c:pt idx="279">
                  <c:v>0.15909999999999999</c:v>
                </c:pt>
                <c:pt idx="280">
                  <c:v>0.15659999999999999</c:v>
                </c:pt>
                <c:pt idx="281">
                  <c:v>0.15490000000000001</c:v>
                </c:pt>
                <c:pt idx="282">
                  <c:v>0.15129999999999999</c:v>
                </c:pt>
                <c:pt idx="283">
                  <c:v>0.14779999999999999</c:v>
                </c:pt>
                <c:pt idx="284">
                  <c:v>0.1431</c:v>
                </c:pt>
                <c:pt idx="285">
                  <c:v>0.14030000000000001</c:v>
                </c:pt>
                <c:pt idx="286">
                  <c:v>0.1384</c:v>
                </c:pt>
                <c:pt idx="287">
                  <c:v>0.1368</c:v>
                </c:pt>
                <c:pt idx="288">
                  <c:v>0.13919999999999999</c:v>
                </c:pt>
                <c:pt idx="289">
                  <c:v>0.13969999999999999</c:v>
                </c:pt>
                <c:pt idx="290">
                  <c:v>0.1414</c:v>
                </c:pt>
                <c:pt idx="291">
                  <c:v>0.1409</c:v>
                </c:pt>
                <c:pt idx="292">
                  <c:v>0.1459</c:v>
                </c:pt>
                <c:pt idx="293">
                  <c:v>0.14910000000000001</c:v>
                </c:pt>
                <c:pt idx="294">
                  <c:v>0.1545</c:v>
                </c:pt>
                <c:pt idx="295">
                  <c:v>0.1585</c:v>
                </c:pt>
                <c:pt idx="296">
                  <c:v>0.15859999999999999</c:v>
                </c:pt>
                <c:pt idx="297">
                  <c:v>0.1583</c:v>
                </c:pt>
                <c:pt idx="298">
                  <c:v>0.16009999999999999</c:v>
                </c:pt>
                <c:pt idx="299">
                  <c:v>0.16420000000000001</c:v>
                </c:pt>
                <c:pt idx="300">
                  <c:v>0.17019999999999999</c:v>
                </c:pt>
                <c:pt idx="301">
                  <c:v>0.17330000000000001</c:v>
                </c:pt>
                <c:pt idx="302">
                  <c:v>0.1731</c:v>
                </c:pt>
                <c:pt idx="303">
                  <c:v>0.17380000000000001</c:v>
                </c:pt>
                <c:pt idx="304">
                  <c:v>0.17369999999999999</c:v>
                </c:pt>
                <c:pt idx="305">
                  <c:v>0.17549999999999999</c:v>
                </c:pt>
                <c:pt idx="306">
                  <c:v>0.17519999999999999</c:v>
                </c:pt>
                <c:pt idx="307">
                  <c:v>0.17399999999999999</c:v>
                </c:pt>
                <c:pt idx="308">
                  <c:v>0.17399999999999999</c:v>
                </c:pt>
                <c:pt idx="309">
                  <c:v>0.17219999999999999</c:v>
                </c:pt>
                <c:pt idx="310">
                  <c:v>0.17169999999999999</c:v>
                </c:pt>
                <c:pt idx="311">
                  <c:v>0.1704</c:v>
                </c:pt>
                <c:pt idx="312">
                  <c:v>0.16789999999999999</c:v>
                </c:pt>
                <c:pt idx="313">
                  <c:v>0.17069999999999999</c:v>
                </c:pt>
                <c:pt idx="314">
                  <c:v>0.17469999999999999</c:v>
                </c:pt>
                <c:pt idx="315">
                  <c:v>0.1656</c:v>
                </c:pt>
                <c:pt idx="316">
                  <c:v>0.15909999999999999</c:v>
                </c:pt>
                <c:pt idx="317">
                  <c:v>0.15859999999999999</c:v>
                </c:pt>
                <c:pt idx="318">
                  <c:v>0.1595</c:v>
                </c:pt>
                <c:pt idx="319">
                  <c:v>0.157</c:v>
                </c:pt>
                <c:pt idx="320">
                  <c:v>0.15709999999999999</c:v>
                </c:pt>
                <c:pt idx="321">
                  <c:v>0.16039999999999999</c:v>
                </c:pt>
                <c:pt idx="322">
                  <c:v>0.16589999999999999</c:v>
                </c:pt>
                <c:pt idx="323">
                  <c:v>0.16850000000000001</c:v>
                </c:pt>
                <c:pt idx="324">
                  <c:v>0.1716</c:v>
                </c:pt>
                <c:pt idx="325">
                  <c:v>0.17419999999999999</c:v>
                </c:pt>
                <c:pt idx="326">
                  <c:v>0.1739</c:v>
                </c:pt>
                <c:pt idx="327">
                  <c:v>0.17330000000000001</c:v>
                </c:pt>
                <c:pt idx="328">
                  <c:v>0.1714</c:v>
                </c:pt>
                <c:pt idx="329">
                  <c:v>0.16880000000000001</c:v>
                </c:pt>
                <c:pt idx="330">
                  <c:v>0.1656</c:v>
                </c:pt>
                <c:pt idx="331">
                  <c:v>0.16250000000000001</c:v>
                </c:pt>
                <c:pt idx="332">
                  <c:v>0.13239999999999999</c:v>
                </c:pt>
                <c:pt idx="333">
                  <c:v>0.13100000000000001</c:v>
                </c:pt>
                <c:pt idx="334">
                  <c:v>0.13350000000000001</c:v>
                </c:pt>
                <c:pt idx="335">
                  <c:v>0.13300000000000001</c:v>
                </c:pt>
                <c:pt idx="336">
                  <c:v>0.13439999999999999</c:v>
                </c:pt>
                <c:pt idx="337">
                  <c:v>0.13550000000000001</c:v>
                </c:pt>
                <c:pt idx="338">
                  <c:v>0.13730000000000001</c:v>
                </c:pt>
                <c:pt idx="339">
                  <c:v>0.1391</c:v>
                </c:pt>
                <c:pt idx="340">
                  <c:v>0.14050000000000001</c:v>
                </c:pt>
                <c:pt idx="341">
                  <c:v>0.14199999999999999</c:v>
                </c:pt>
                <c:pt idx="342">
                  <c:v>0.14280000000000001</c:v>
                </c:pt>
                <c:pt idx="343">
                  <c:v>0.1434</c:v>
                </c:pt>
                <c:pt idx="344">
                  <c:v>0.1421</c:v>
                </c:pt>
                <c:pt idx="345">
                  <c:v>0.13439999999999999</c:v>
                </c:pt>
                <c:pt idx="346">
                  <c:v>0.12809999999999999</c:v>
                </c:pt>
                <c:pt idx="347">
                  <c:v>0.1221</c:v>
                </c:pt>
                <c:pt idx="348">
                  <c:v>0.11509999999999999</c:v>
                </c:pt>
                <c:pt idx="349">
                  <c:v>0.1134</c:v>
                </c:pt>
                <c:pt idx="350">
                  <c:v>0.1082</c:v>
                </c:pt>
                <c:pt idx="351">
                  <c:v>0.10489999999999999</c:v>
                </c:pt>
                <c:pt idx="352">
                  <c:v>0.10390000000000001</c:v>
                </c:pt>
                <c:pt idx="353">
                  <c:v>9.01E-2</c:v>
                </c:pt>
                <c:pt idx="354">
                  <c:v>9.3299999999999994E-2</c:v>
                </c:pt>
                <c:pt idx="355">
                  <c:v>0.1065</c:v>
                </c:pt>
                <c:pt idx="356">
                  <c:v>0.1149</c:v>
                </c:pt>
                <c:pt idx="357">
                  <c:v>0.1242</c:v>
                </c:pt>
                <c:pt idx="358">
                  <c:v>0.13370000000000001</c:v>
                </c:pt>
                <c:pt idx="359">
                  <c:v>0.1381</c:v>
                </c:pt>
                <c:pt idx="360">
                  <c:v>0.14269999999999999</c:v>
                </c:pt>
                <c:pt idx="361">
                  <c:v>0.1482</c:v>
                </c:pt>
                <c:pt idx="362">
                  <c:v>0.15490000000000001</c:v>
                </c:pt>
                <c:pt idx="363">
                  <c:v>0.1608</c:v>
                </c:pt>
                <c:pt idx="364">
                  <c:v>0.16500000000000001</c:v>
                </c:pt>
                <c:pt idx="365">
                  <c:v>0.16869999999999999</c:v>
                </c:pt>
                <c:pt idx="366">
                  <c:v>0.16969999999999999</c:v>
                </c:pt>
                <c:pt idx="367">
                  <c:v>0.16919999999999999</c:v>
                </c:pt>
                <c:pt idx="368">
                  <c:v>0.16619999999999999</c:v>
                </c:pt>
                <c:pt idx="369">
                  <c:v>0.16769999999999999</c:v>
                </c:pt>
                <c:pt idx="370">
                  <c:v>0.1701</c:v>
                </c:pt>
                <c:pt idx="371">
                  <c:v>0.1724</c:v>
                </c:pt>
                <c:pt idx="372">
                  <c:v>0.17169999999999999</c:v>
                </c:pt>
                <c:pt idx="373">
                  <c:v>0.1694</c:v>
                </c:pt>
                <c:pt idx="374">
                  <c:v>0.16750000000000001</c:v>
                </c:pt>
                <c:pt idx="375">
                  <c:v>0.1658</c:v>
                </c:pt>
                <c:pt idx="376">
                  <c:v>0.159</c:v>
                </c:pt>
                <c:pt idx="377">
                  <c:v>0.15090000000000001</c:v>
                </c:pt>
                <c:pt idx="378">
                  <c:v>0.15</c:v>
                </c:pt>
                <c:pt idx="379">
                  <c:v>0.14760000000000001</c:v>
                </c:pt>
                <c:pt idx="380">
                  <c:v>0.14680000000000001</c:v>
                </c:pt>
                <c:pt idx="381">
                  <c:v>0.1464</c:v>
                </c:pt>
                <c:pt idx="382">
                  <c:v>0.1449</c:v>
                </c:pt>
                <c:pt idx="383">
                  <c:v>0.14349999999999999</c:v>
                </c:pt>
                <c:pt idx="384">
                  <c:v>0.14369999999999999</c:v>
                </c:pt>
                <c:pt idx="385">
                  <c:v>0.1447</c:v>
                </c:pt>
                <c:pt idx="386">
                  <c:v>0.14549999999999999</c:v>
                </c:pt>
                <c:pt idx="387">
                  <c:v>0.1479</c:v>
                </c:pt>
                <c:pt idx="388">
                  <c:v>0.1532</c:v>
                </c:pt>
                <c:pt idx="389">
                  <c:v>0.15390000000000001</c:v>
                </c:pt>
                <c:pt idx="390">
                  <c:v>0.156</c:v>
                </c:pt>
                <c:pt idx="391">
                  <c:v>0.156</c:v>
                </c:pt>
                <c:pt idx="392">
                  <c:v>0.1565</c:v>
                </c:pt>
                <c:pt idx="393">
                  <c:v>0.1575</c:v>
                </c:pt>
                <c:pt idx="394">
                  <c:v>0.15909999999999999</c:v>
                </c:pt>
                <c:pt idx="395">
                  <c:v>0.15890000000000001</c:v>
                </c:pt>
                <c:pt idx="396">
                  <c:v>0.15759999999999999</c:v>
                </c:pt>
                <c:pt idx="397">
                  <c:v>0.15540000000000001</c:v>
                </c:pt>
                <c:pt idx="398">
                  <c:v>0.15429999999999999</c:v>
                </c:pt>
                <c:pt idx="399">
                  <c:v>0.15629999999999999</c:v>
                </c:pt>
                <c:pt idx="400">
                  <c:v>0.15870000000000001</c:v>
                </c:pt>
                <c:pt idx="401">
                  <c:v>0.16220000000000001</c:v>
                </c:pt>
                <c:pt idx="402">
                  <c:v>0.16350000000000001</c:v>
                </c:pt>
                <c:pt idx="403">
                  <c:v>0.1663</c:v>
                </c:pt>
                <c:pt idx="404">
                  <c:v>0.1673</c:v>
                </c:pt>
                <c:pt idx="405">
                  <c:v>0.1673</c:v>
                </c:pt>
                <c:pt idx="406">
                  <c:v>0.16719999999999999</c:v>
                </c:pt>
                <c:pt idx="407">
                  <c:v>0.16639999999999999</c:v>
                </c:pt>
                <c:pt idx="408">
                  <c:v>0.16470000000000001</c:v>
                </c:pt>
                <c:pt idx="409">
                  <c:v>0.1633</c:v>
                </c:pt>
                <c:pt idx="410">
                  <c:v>0.15859999999999999</c:v>
                </c:pt>
                <c:pt idx="411">
                  <c:v>0.15529999999999999</c:v>
                </c:pt>
                <c:pt idx="412">
                  <c:v>0.15279999999999999</c:v>
                </c:pt>
                <c:pt idx="413">
                  <c:v>0.15060000000000001</c:v>
                </c:pt>
                <c:pt idx="414">
                  <c:v>0.14680000000000001</c:v>
                </c:pt>
                <c:pt idx="415">
                  <c:v>0.14499999999999999</c:v>
                </c:pt>
                <c:pt idx="416">
                  <c:v>0.14249999999999999</c:v>
                </c:pt>
                <c:pt idx="417">
                  <c:v>0.1404</c:v>
                </c:pt>
                <c:pt idx="418">
                  <c:v>0.1434</c:v>
                </c:pt>
                <c:pt idx="419">
                  <c:v>0.14810000000000001</c:v>
                </c:pt>
                <c:pt idx="420">
                  <c:v>0.15179999999999999</c:v>
                </c:pt>
                <c:pt idx="421">
                  <c:v>0.1525</c:v>
                </c:pt>
                <c:pt idx="422">
                  <c:v>0.1525</c:v>
                </c:pt>
                <c:pt idx="423">
                  <c:v>0.15240000000000001</c:v>
                </c:pt>
                <c:pt idx="424">
                  <c:v>0.15620000000000001</c:v>
                </c:pt>
                <c:pt idx="425">
                  <c:v>0.1598</c:v>
                </c:pt>
                <c:pt idx="426">
                  <c:v>0.15989999999999999</c:v>
                </c:pt>
                <c:pt idx="427">
                  <c:v>0.16</c:v>
                </c:pt>
                <c:pt idx="428">
                  <c:v>0.15870000000000001</c:v>
                </c:pt>
                <c:pt idx="429">
                  <c:v>0.15959999999999999</c:v>
                </c:pt>
                <c:pt idx="430">
                  <c:v>0.15870000000000001</c:v>
                </c:pt>
                <c:pt idx="431">
                  <c:v>0.1565</c:v>
                </c:pt>
                <c:pt idx="432">
                  <c:v>0.15659999999999999</c:v>
                </c:pt>
                <c:pt idx="433">
                  <c:v>0.15609999999999999</c:v>
                </c:pt>
                <c:pt idx="434">
                  <c:v>0.158</c:v>
                </c:pt>
                <c:pt idx="435">
                  <c:v>0.15870000000000001</c:v>
                </c:pt>
                <c:pt idx="436">
                  <c:v>0.1608</c:v>
                </c:pt>
                <c:pt idx="437">
                  <c:v>0.16259999999999999</c:v>
                </c:pt>
                <c:pt idx="438">
                  <c:v>0.1643</c:v>
                </c:pt>
                <c:pt idx="439">
                  <c:v>0.16639999999999999</c:v>
                </c:pt>
                <c:pt idx="440">
                  <c:v>0.16850000000000001</c:v>
                </c:pt>
                <c:pt idx="441">
                  <c:v>0.17180000000000001</c:v>
                </c:pt>
                <c:pt idx="442">
                  <c:v>0.17630000000000001</c:v>
                </c:pt>
                <c:pt idx="443">
                  <c:v>0.17849999999999999</c:v>
                </c:pt>
                <c:pt idx="444">
                  <c:v>0.17749999999999999</c:v>
                </c:pt>
                <c:pt idx="445">
                  <c:v>0.1772</c:v>
                </c:pt>
                <c:pt idx="446">
                  <c:v>0.1706</c:v>
                </c:pt>
                <c:pt idx="447">
                  <c:v>0.1636</c:v>
                </c:pt>
                <c:pt idx="448">
                  <c:v>0.15709999999999999</c:v>
                </c:pt>
                <c:pt idx="449">
                  <c:v>0.1537</c:v>
                </c:pt>
                <c:pt idx="450">
                  <c:v>0.14849999999999999</c:v>
                </c:pt>
                <c:pt idx="451">
                  <c:v>0.1409</c:v>
                </c:pt>
                <c:pt idx="452">
                  <c:v>0.1386</c:v>
                </c:pt>
                <c:pt idx="453">
                  <c:v>0.13669999999999999</c:v>
                </c:pt>
                <c:pt idx="454">
                  <c:v>0.1384</c:v>
                </c:pt>
                <c:pt idx="455">
                  <c:v>0.14050000000000001</c:v>
                </c:pt>
                <c:pt idx="456">
                  <c:v>0.1419</c:v>
                </c:pt>
                <c:pt idx="457">
                  <c:v>0.14449999999999999</c:v>
                </c:pt>
                <c:pt idx="458">
                  <c:v>0.1454</c:v>
                </c:pt>
                <c:pt idx="459">
                  <c:v>0.1439</c:v>
                </c:pt>
                <c:pt idx="460">
                  <c:v>0.14480000000000001</c:v>
                </c:pt>
                <c:pt idx="461">
                  <c:v>0.14610000000000001</c:v>
                </c:pt>
                <c:pt idx="462">
                  <c:v>0.14599999999999999</c:v>
                </c:pt>
                <c:pt idx="463">
                  <c:v>0.14460000000000001</c:v>
                </c:pt>
                <c:pt idx="464">
                  <c:v>0.14299999999999999</c:v>
                </c:pt>
                <c:pt idx="465">
                  <c:v>0.14219999999999999</c:v>
                </c:pt>
                <c:pt idx="466">
                  <c:v>0.1416</c:v>
                </c:pt>
                <c:pt idx="467">
                  <c:v>0.14069999999999999</c:v>
                </c:pt>
                <c:pt idx="468">
                  <c:v>0.1444</c:v>
                </c:pt>
                <c:pt idx="469">
                  <c:v>0.14879999999999999</c:v>
                </c:pt>
                <c:pt idx="470">
                  <c:v>0.1552</c:v>
                </c:pt>
                <c:pt idx="471">
                  <c:v>0.15939999999999999</c:v>
                </c:pt>
                <c:pt idx="472">
                  <c:v>0.155</c:v>
                </c:pt>
                <c:pt idx="473">
                  <c:v>0.14749999999999999</c:v>
                </c:pt>
                <c:pt idx="474">
                  <c:v>0.1414</c:v>
                </c:pt>
                <c:pt idx="475">
                  <c:v>0.13850000000000001</c:v>
                </c:pt>
                <c:pt idx="476">
                  <c:v>0.1366</c:v>
                </c:pt>
                <c:pt idx="477">
                  <c:v>0.13519999999999999</c:v>
                </c:pt>
                <c:pt idx="478">
                  <c:v>0.13250000000000001</c:v>
                </c:pt>
                <c:pt idx="479">
                  <c:v>0.1293</c:v>
                </c:pt>
                <c:pt idx="480">
                  <c:v>0.1275</c:v>
                </c:pt>
                <c:pt idx="481">
                  <c:v>0.13120000000000001</c:v>
                </c:pt>
                <c:pt idx="482">
                  <c:v>0.13650000000000001</c:v>
                </c:pt>
                <c:pt idx="483">
                  <c:v>0.14280000000000001</c:v>
                </c:pt>
                <c:pt idx="484">
                  <c:v>0.14829999999999999</c:v>
                </c:pt>
                <c:pt idx="485">
                  <c:v>0.1484</c:v>
                </c:pt>
                <c:pt idx="486">
                  <c:v>0.14499999999999999</c:v>
                </c:pt>
                <c:pt idx="487">
                  <c:v>0.1384</c:v>
                </c:pt>
                <c:pt idx="488">
                  <c:v>0.1321</c:v>
                </c:pt>
                <c:pt idx="489">
                  <c:v>0.127</c:v>
                </c:pt>
                <c:pt idx="490">
                  <c:v>0.1205</c:v>
                </c:pt>
                <c:pt idx="491">
                  <c:v>0.1167</c:v>
                </c:pt>
                <c:pt idx="492">
                  <c:v>0.1148</c:v>
                </c:pt>
                <c:pt idx="493">
                  <c:v>0.1234</c:v>
                </c:pt>
                <c:pt idx="494">
                  <c:v>0.1318</c:v>
                </c:pt>
                <c:pt idx="495">
                  <c:v>0.1384</c:v>
                </c:pt>
                <c:pt idx="496">
                  <c:v>0.1454</c:v>
                </c:pt>
                <c:pt idx="497">
                  <c:v>0.15260000000000001</c:v>
                </c:pt>
                <c:pt idx="498">
                  <c:v>0.16259999999999999</c:v>
                </c:pt>
                <c:pt idx="499">
                  <c:v>0.17050000000000001</c:v>
                </c:pt>
                <c:pt idx="500">
                  <c:v>0.1736</c:v>
                </c:pt>
                <c:pt idx="501">
                  <c:v>0.17530000000000001</c:v>
                </c:pt>
                <c:pt idx="502">
                  <c:v>0.17660000000000001</c:v>
                </c:pt>
                <c:pt idx="503">
                  <c:v>0.18060000000000001</c:v>
                </c:pt>
                <c:pt idx="504">
                  <c:v>0.1835</c:v>
                </c:pt>
                <c:pt idx="505">
                  <c:v>0.18529999999999999</c:v>
                </c:pt>
                <c:pt idx="506">
                  <c:v>0.18870000000000001</c:v>
                </c:pt>
                <c:pt idx="507">
                  <c:v>0.193</c:v>
                </c:pt>
                <c:pt idx="508">
                  <c:v>0.19689999999999999</c:v>
                </c:pt>
                <c:pt idx="509">
                  <c:v>0.19969999999999999</c:v>
                </c:pt>
                <c:pt idx="510">
                  <c:v>0.19939999999999999</c:v>
                </c:pt>
                <c:pt idx="511">
                  <c:v>0.19670000000000001</c:v>
                </c:pt>
                <c:pt idx="512">
                  <c:v>0.19209999999999999</c:v>
                </c:pt>
                <c:pt idx="513">
                  <c:v>0.19320000000000001</c:v>
                </c:pt>
                <c:pt idx="514">
                  <c:v>0.1903</c:v>
                </c:pt>
                <c:pt idx="515">
                  <c:v>0.19009999999999999</c:v>
                </c:pt>
                <c:pt idx="516">
                  <c:v>0.1893</c:v>
                </c:pt>
                <c:pt idx="517">
                  <c:v>0.17810000000000001</c:v>
                </c:pt>
                <c:pt idx="518">
                  <c:v>0.1668</c:v>
                </c:pt>
                <c:pt idx="519">
                  <c:v>0.16739999999999999</c:v>
                </c:pt>
                <c:pt idx="520">
                  <c:v>0.16650000000000001</c:v>
                </c:pt>
                <c:pt idx="521">
                  <c:v>0.16289999999999999</c:v>
                </c:pt>
                <c:pt idx="522">
                  <c:v>0.16830000000000001</c:v>
                </c:pt>
                <c:pt idx="523">
                  <c:v>0.17660000000000001</c:v>
                </c:pt>
                <c:pt idx="524">
                  <c:v>0.17449999999999999</c:v>
                </c:pt>
                <c:pt idx="525">
                  <c:v>0.17560000000000001</c:v>
                </c:pt>
                <c:pt idx="526">
                  <c:v>0.1769</c:v>
                </c:pt>
                <c:pt idx="527">
                  <c:v>0.18260000000000001</c:v>
                </c:pt>
                <c:pt idx="528">
                  <c:v>0.19359999999999999</c:v>
                </c:pt>
                <c:pt idx="529">
                  <c:v>0.19900000000000001</c:v>
                </c:pt>
                <c:pt idx="530">
                  <c:v>0.1978</c:v>
                </c:pt>
                <c:pt idx="531">
                  <c:v>0.1976</c:v>
                </c:pt>
                <c:pt idx="532">
                  <c:v>0.19520000000000001</c:v>
                </c:pt>
                <c:pt idx="533">
                  <c:v>0.19439999999999999</c:v>
                </c:pt>
                <c:pt idx="534">
                  <c:v>0.19600000000000001</c:v>
                </c:pt>
                <c:pt idx="535">
                  <c:v>0.19839999999999999</c:v>
                </c:pt>
                <c:pt idx="536">
                  <c:v>0.19839999999999999</c:v>
                </c:pt>
                <c:pt idx="537">
                  <c:v>0.19919999999999999</c:v>
                </c:pt>
                <c:pt idx="538">
                  <c:v>0.2019</c:v>
                </c:pt>
                <c:pt idx="539">
                  <c:v>0.20100000000000001</c:v>
                </c:pt>
                <c:pt idx="540">
                  <c:v>0.1983</c:v>
                </c:pt>
                <c:pt idx="541">
                  <c:v>0.19900000000000001</c:v>
                </c:pt>
                <c:pt idx="542">
                  <c:v>0.1978</c:v>
                </c:pt>
                <c:pt idx="543">
                  <c:v>0.19489999999999999</c:v>
                </c:pt>
                <c:pt idx="544">
                  <c:v>0.19409999999999999</c:v>
                </c:pt>
                <c:pt idx="545">
                  <c:v>0.19289999999999999</c:v>
                </c:pt>
                <c:pt idx="546">
                  <c:v>0.18809999999999999</c:v>
                </c:pt>
                <c:pt idx="547">
                  <c:v>0.183</c:v>
                </c:pt>
                <c:pt idx="548">
                  <c:v>0.18110000000000001</c:v>
                </c:pt>
                <c:pt idx="549">
                  <c:v>0.18149999999999999</c:v>
                </c:pt>
                <c:pt idx="550">
                  <c:v>0.1799</c:v>
                </c:pt>
                <c:pt idx="551">
                  <c:v>0.17599999999999999</c:v>
                </c:pt>
                <c:pt idx="552">
                  <c:v>0.17230000000000001</c:v>
                </c:pt>
                <c:pt idx="553">
                  <c:v>0.17069999999999999</c:v>
                </c:pt>
                <c:pt idx="554">
                  <c:v>0.1759</c:v>
                </c:pt>
                <c:pt idx="555">
                  <c:v>0.17979999999999999</c:v>
                </c:pt>
                <c:pt idx="556">
                  <c:v>0.18479999999999999</c:v>
                </c:pt>
                <c:pt idx="557">
                  <c:v>0.19489999999999999</c:v>
                </c:pt>
                <c:pt idx="558">
                  <c:v>0.19120000000000001</c:v>
                </c:pt>
                <c:pt idx="559">
                  <c:v>0.1918</c:v>
                </c:pt>
                <c:pt idx="560">
                  <c:v>0.19919999999999999</c:v>
                </c:pt>
                <c:pt idx="561">
                  <c:v>0.19189999999999999</c:v>
                </c:pt>
                <c:pt idx="562">
                  <c:v>0.18709999999999999</c:v>
                </c:pt>
                <c:pt idx="563">
                  <c:v>0.1827</c:v>
                </c:pt>
                <c:pt idx="564">
                  <c:v>0.1802</c:v>
                </c:pt>
                <c:pt idx="565">
                  <c:v>0.1767</c:v>
                </c:pt>
                <c:pt idx="566">
                  <c:v>0.17510000000000001</c:v>
                </c:pt>
                <c:pt idx="567">
                  <c:v>0.1774</c:v>
                </c:pt>
                <c:pt idx="568">
                  <c:v>0.17530000000000001</c:v>
                </c:pt>
                <c:pt idx="569">
                  <c:v>0.16839999999999999</c:v>
                </c:pt>
                <c:pt idx="570">
                  <c:v>0.1709</c:v>
                </c:pt>
                <c:pt idx="571">
                  <c:v>0.17660000000000001</c:v>
                </c:pt>
                <c:pt idx="572">
                  <c:v>0.18060000000000001</c:v>
                </c:pt>
                <c:pt idx="573">
                  <c:v>0.18959999999999999</c:v>
                </c:pt>
                <c:pt idx="574">
                  <c:v>0.19980000000000001</c:v>
                </c:pt>
                <c:pt idx="575">
                  <c:v>0.20319999999999999</c:v>
                </c:pt>
                <c:pt idx="576">
                  <c:v>0.2034</c:v>
                </c:pt>
                <c:pt idx="577">
                  <c:v>0.2014</c:v>
                </c:pt>
                <c:pt idx="578">
                  <c:v>0.19839999999999999</c:v>
                </c:pt>
                <c:pt idx="579">
                  <c:v>0.19600000000000001</c:v>
                </c:pt>
                <c:pt idx="580">
                  <c:v>0.19309999999999999</c:v>
                </c:pt>
                <c:pt idx="581">
                  <c:v>0.18909999999999999</c:v>
                </c:pt>
                <c:pt idx="582">
                  <c:v>0.1875</c:v>
                </c:pt>
                <c:pt idx="583">
                  <c:v>0.1898</c:v>
                </c:pt>
                <c:pt idx="584">
                  <c:v>0.19109999999999999</c:v>
                </c:pt>
                <c:pt idx="585">
                  <c:v>0.1925</c:v>
                </c:pt>
                <c:pt idx="586">
                  <c:v>0.19289999999999999</c:v>
                </c:pt>
                <c:pt idx="587">
                  <c:v>0.19270000000000001</c:v>
                </c:pt>
                <c:pt idx="588">
                  <c:v>0.19370000000000001</c:v>
                </c:pt>
                <c:pt idx="589">
                  <c:v>0.19470000000000001</c:v>
                </c:pt>
                <c:pt idx="590">
                  <c:v>0.19209999999999999</c:v>
                </c:pt>
                <c:pt idx="591">
                  <c:v>0.1925</c:v>
                </c:pt>
                <c:pt idx="592">
                  <c:v>0.19800000000000001</c:v>
                </c:pt>
                <c:pt idx="593">
                  <c:v>0.20230000000000001</c:v>
                </c:pt>
                <c:pt idx="594">
                  <c:v>0.19700000000000001</c:v>
                </c:pt>
                <c:pt idx="595">
                  <c:v>0.19370000000000001</c:v>
                </c:pt>
                <c:pt idx="596">
                  <c:v>0.1966</c:v>
                </c:pt>
                <c:pt idx="597">
                  <c:v>0.19439999999999999</c:v>
                </c:pt>
                <c:pt idx="598">
                  <c:v>0.1956</c:v>
                </c:pt>
                <c:pt idx="599">
                  <c:v>0.19989999999999999</c:v>
                </c:pt>
                <c:pt idx="600">
                  <c:v>0.2039</c:v>
                </c:pt>
                <c:pt idx="601">
                  <c:v>0.20499999999999999</c:v>
                </c:pt>
                <c:pt idx="602">
                  <c:v>0.2079</c:v>
                </c:pt>
                <c:pt idx="603">
                  <c:v>0.20830000000000001</c:v>
                </c:pt>
                <c:pt idx="604">
                  <c:v>0.20949999999999999</c:v>
                </c:pt>
                <c:pt idx="605">
                  <c:v>0.21279999999999999</c:v>
                </c:pt>
                <c:pt idx="606">
                  <c:v>0.2233</c:v>
                </c:pt>
                <c:pt idx="607">
                  <c:v>0.2354</c:v>
                </c:pt>
                <c:pt idx="608">
                  <c:v>0.24099999999999999</c:v>
                </c:pt>
                <c:pt idx="609">
                  <c:v>0.24440000000000001</c:v>
                </c:pt>
                <c:pt idx="610">
                  <c:v>0.24379999999999999</c:v>
                </c:pt>
                <c:pt idx="611">
                  <c:v>0.2445</c:v>
                </c:pt>
                <c:pt idx="612">
                  <c:v>0.24510000000000001</c:v>
                </c:pt>
                <c:pt idx="613">
                  <c:v>0.2445</c:v>
                </c:pt>
                <c:pt idx="614">
                  <c:v>0.24460000000000001</c:v>
                </c:pt>
                <c:pt idx="615">
                  <c:v>0.2419</c:v>
                </c:pt>
                <c:pt idx="616">
                  <c:v>0.23949999999999999</c:v>
                </c:pt>
                <c:pt idx="617">
                  <c:v>0.2356</c:v>
                </c:pt>
                <c:pt idx="618">
                  <c:v>0.2334</c:v>
                </c:pt>
                <c:pt idx="619">
                  <c:v>0.23200000000000001</c:v>
                </c:pt>
                <c:pt idx="620">
                  <c:v>0.2301</c:v>
                </c:pt>
                <c:pt idx="621">
                  <c:v>0.23169999999999999</c:v>
                </c:pt>
                <c:pt idx="622">
                  <c:v>0.2321</c:v>
                </c:pt>
                <c:pt idx="623">
                  <c:v>0.22800000000000001</c:v>
                </c:pt>
                <c:pt idx="624">
                  <c:v>0.2253</c:v>
                </c:pt>
                <c:pt idx="625">
                  <c:v>0.2225</c:v>
                </c:pt>
                <c:pt idx="626">
                  <c:v>0.22320000000000001</c:v>
                </c:pt>
                <c:pt idx="627">
                  <c:v>0.22389999999999999</c:v>
                </c:pt>
                <c:pt idx="628">
                  <c:v>0.22309999999999999</c:v>
                </c:pt>
                <c:pt idx="629">
                  <c:v>0.2243</c:v>
                </c:pt>
                <c:pt idx="630">
                  <c:v>0.22259999999999999</c:v>
                </c:pt>
                <c:pt idx="631">
                  <c:v>0.2213</c:v>
                </c:pt>
                <c:pt idx="632">
                  <c:v>0.22320000000000001</c:v>
                </c:pt>
                <c:pt idx="633">
                  <c:v>0.2208</c:v>
                </c:pt>
                <c:pt idx="634">
                  <c:v>0.21970000000000001</c:v>
                </c:pt>
                <c:pt idx="635">
                  <c:v>0.22339999999999999</c:v>
                </c:pt>
                <c:pt idx="636">
                  <c:v>0.22509999999999999</c:v>
                </c:pt>
                <c:pt idx="637">
                  <c:v>0.2278</c:v>
                </c:pt>
                <c:pt idx="638">
                  <c:v>0.22850000000000001</c:v>
                </c:pt>
                <c:pt idx="639">
                  <c:v>0.22989999999999999</c:v>
                </c:pt>
                <c:pt idx="640">
                  <c:v>0.23080000000000001</c:v>
                </c:pt>
                <c:pt idx="641">
                  <c:v>0.23</c:v>
                </c:pt>
                <c:pt idx="642">
                  <c:v>0.23150000000000001</c:v>
                </c:pt>
                <c:pt idx="643">
                  <c:v>0.22919999999999999</c:v>
                </c:pt>
                <c:pt idx="644">
                  <c:v>0.2258</c:v>
                </c:pt>
                <c:pt idx="645">
                  <c:v>0.2243</c:v>
                </c:pt>
                <c:pt idx="646">
                  <c:v>0.22550000000000001</c:v>
                </c:pt>
                <c:pt idx="647">
                  <c:v>0.23089999999999999</c:v>
                </c:pt>
                <c:pt idx="648">
                  <c:v>0.23569999999999999</c:v>
                </c:pt>
                <c:pt idx="649">
                  <c:v>0.2359</c:v>
                </c:pt>
                <c:pt idx="650">
                  <c:v>0.23330000000000001</c:v>
                </c:pt>
                <c:pt idx="651">
                  <c:v>0.23230000000000001</c:v>
                </c:pt>
                <c:pt idx="652">
                  <c:v>0.2341</c:v>
                </c:pt>
                <c:pt idx="653">
                  <c:v>0.2356</c:v>
                </c:pt>
                <c:pt idx="654">
                  <c:v>0.23780000000000001</c:v>
                </c:pt>
                <c:pt idx="655">
                  <c:v>0.24030000000000001</c:v>
                </c:pt>
                <c:pt idx="656">
                  <c:v>0.24529999999999999</c:v>
                </c:pt>
                <c:pt idx="657">
                  <c:v>0.24629999999999999</c:v>
                </c:pt>
                <c:pt idx="658">
                  <c:v>0.2427</c:v>
                </c:pt>
                <c:pt idx="659">
                  <c:v>0.23910000000000001</c:v>
                </c:pt>
                <c:pt idx="660">
                  <c:v>0.2351</c:v>
                </c:pt>
                <c:pt idx="661">
                  <c:v>0.23200000000000001</c:v>
                </c:pt>
                <c:pt idx="662">
                  <c:v>0.23039999999999999</c:v>
                </c:pt>
                <c:pt idx="663">
                  <c:v>0.2311</c:v>
                </c:pt>
                <c:pt idx="664">
                  <c:v>0.23119999999999999</c:v>
                </c:pt>
                <c:pt idx="665">
                  <c:v>0.23139999999999999</c:v>
                </c:pt>
                <c:pt idx="666">
                  <c:v>0.23230000000000001</c:v>
                </c:pt>
                <c:pt idx="667">
                  <c:v>0.23269999999999999</c:v>
                </c:pt>
                <c:pt idx="668">
                  <c:v>0.23419999999999999</c:v>
                </c:pt>
                <c:pt idx="669">
                  <c:v>0.23180000000000001</c:v>
                </c:pt>
                <c:pt idx="670">
                  <c:v>0.23100000000000001</c:v>
                </c:pt>
                <c:pt idx="671">
                  <c:v>0.22989999999999999</c:v>
                </c:pt>
                <c:pt idx="672">
                  <c:v>0.23200000000000001</c:v>
                </c:pt>
                <c:pt idx="673">
                  <c:v>0.23</c:v>
                </c:pt>
                <c:pt idx="674">
                  <c:v>0.23080000000000001</c:v>
                </c:pt>
                <c:pt idx="675">
                  <c:v>0.23330000000000001</c:v>
                </c:pt>
                <c:pt idx="676">
                  <c:v>0.23400000000000001</c:v>
                </c:pt>
                <c:pt idx="677">
                  <c:v>0.2324</c:v>
                </c:pt>
                <c:pt idx="678">
                  <c:v>0.2293</c:v>
                </c:pt>
                <c:pt idx="679">
                  <c:v>0.23139999999999999</c:v>
                </c:pt>
                <c:pt idx="680">
                  <c:v>0.23480000000000001</c:v>
                </c:pt>
                <c:pt idx="681">
                  <c:v>0.23619999999999999</c:v>
                </c:pt>
                <c:pt idx="682">
                  <c:v>0.23699999999999999</c:v>
                </c:pt>
                <c:pt idx="683">
                  <c:v>0.2429</c:v>
                </c:pt>
                <c:pt idx="684">
                  <c:v>0.24110000000000001</c:v>
                </c:pt>
                <c:pt idx="685">
                  <c:v>0.24099999999999999</c:v>
                </c:pt>
                <c:pt idx="686">
                  <c:v>0.2414</c:v>
                </c:pt>
                <c:pt idx="687">
                  <c:v>0.2404</c:v>
                </c:pt>
                <c:pt idx="688">
                  <c:v>0.24249999999999999</c:v>
                </c:pt>
                <c:pt idx="689">
                  <c:v>0.24460000000000001</c:v>
                </c:pt>
                <c:pt idx="690">
                  <c:v>0.2422</c:v>
                </c:pt>
                <c:pt idx="691">
                  <c:v>0.23980000000000001</c:v>
                </c:pt>
                <c:pt idx="692">
                  <c:v>0.23769999999999999</c:v>
                </c:pt>
                <c:pt idx="693">
                  <c:v>0.23519999999999999</c:v>
                </c:pt>
                <c:pt idx="694">
                  <c:v>0.23810000000000001</c:v>
                </c:pt>
                <c:pt idx="695">
                  <c:v>0.23810000000000001</c:v>
                </c:pt>
                <c:pt idx="696">
                  <c:v>0.23699999999999999</c:v>
                </c:pt>
                <c:pt idx="697">
                  <c:v>0.2339</c:v>
                </c:pt>
                <c:pt idx="698">
                  <c:v>0.23230000000000001</c:v>
                </c:pt>
                <c:pt idx="699">
                  <c:v>0.23089999999999999</c:v>
                </c:pt>
                <c:pt idx="700">
                  <c:v>0.23250000000000001</c:v>
                </c:pt>
                <c:pt idx="701">
                  <c:v>0.2336</c:v>
                </c:pt>
                <c:pt idx="702">
                  <c:v>0.23400000000000001</c:v>
                </c:pt>
                <c:pt idx="703">
                  <c:v>0.2341</c:v>
                </c:pt>
                <c:pt idx="704">
                  <c:v>0.2359</c:v>
                </c:pt>
                <c:pt idx="705">
                  <c:v>0.23799999999999999</c:v>
                </c:pt>
                <c:pt idx="706">
                  <c:v>0.23619999999999999</c:v>
                </c:pt>
                <c:pt idx="707">
                  <c:v>0.2361</c:v>
                </c:pt>
                <c:pt idx="708">
                  <c:v>0.2344</c:v>
                </c:pt>
                <c:pt idx="709">
                  <c:v>0.2379</c:v>
                </c:pt>
                <c:pt idx="710">
                  <c:v>0.2369</c:v>
                </c:pt>
                <c:pt idx="711">
                  <c:v>0.23449999999999999</c:v>
                </c:pt>
                <c:pt idx="712">
                  <c:v>0.23380000000000001</c:v>
                </c:pt>
                <c:pt idx="713">
                  <c:v>0.23369999999999999</c:v>
                </c:pt>
                <c:pt idx="714">
                  <c:v>0.23419999999999999</c:v>
                </c:pt>
                <c:pt idx="715">
                  <c:v>0.23330000000000001</c:v>
                </c:pt>
                <c:pt idx="716">
                  <c:v>0.23180000000000001</c:v>
                </c:pt>
                <c:pt idx="717">
                  <c:v>0.2311</c:v>
                </c:pt>
                <c:pt idx="718">
                  <c:v>0.23200000000000001</c:v>
                </c:pt>
                <c:pt idx="719">
                  <c:v>0.2339</c:v>
                </c:pt>
                <c:pt idx="720">
                  <c:v>0.23599999999999999</c:v>
                </c:pt>
                <c:pt idx="721">
                  <c:v>0.2379</c:v>
                </c:pt>
                <c:pt idx="722">
                  <c:v>0.24129999999999999</c:v>
                </c:pt>
                <c:pt idx="723">
                  <c:v>0.24679999999999999</c:v>
                </c:pt>
                <c:pt idx="724">
                  <c:v>0.2477</c:v>
                </c:pt>
                <c:pt idx="725">
                  <c:v>0.25</c:v>
                </c:pt>
                <c:pt idx="726">
                  <c:v>0.25090000000000001</c:v>
                </c:pt>
                <c:pt idx="727">
                  <c:v>0.253</c:v>
                </c:pt>
                <c:pt idx="728">
                  <c:v>0.248</c:v>
                </c:pt>
                <c:pt idx="729">
                  <c:v>0.24410000000000001</c:v>
                </c:pt>
                <c:pt idx="730">
                  <c:v>0.2427</c:v>
                </c:pt>
                <c:pt idx="731">
                  <c:v>0.24060000000000001</c:v>
                </c:pt>
                <c:pt idx="732">
                  <c:v>0.23619999999999999</c:v>
                </c:pt>
                <c:pt idx="733">
                  <c:v>0.23300000000000001</c:v>
                </c:pt>
                <c:pt idx="734">
                  <c:v>0.2326</c:v>
                </c:pt>
                <c:pt idx="735">
                  <c:v>0.23400000000000001</c:v>
                </c:pt>
                <c:pt idx="736">
                  <c:v>0.23280000000000001</c:v>
                </c:pt>
                <c:pt idx="737">
                  <c:v>0.22670000000000001</c:v>
                </c:pt>
                <c:pt idx="738">
                  <c:v>0.2248</c:v>
                </c:pt>
                <c:pt idx="739">
                  <c:v>0.2281</c:v>
                </c:pt>
                <c:pt idx="740">
                  <c:v>0.22670000000000001</c:v>
                </c:pt>
                <c:pt idx="741">
                  <c:v>0.22520000000000001</c:v>
                </c:pt>
                <c:pt idx="742">
                  <c:v>0.2235</c:v>
                </c:pt>
                <c:pt idx="743">
                  <c:v>0.22070000000000001</c:v>
                </c:pt>
                <c:pt idx="744">
                  <c:v>0.21990000000000001</c:v>
                </c:pt>
                <c:pt idx="745">
                  <c:v>0.2198</c:v>
                </c:pt>
                <c:pt idx="746">
                  <c:v>0.21959999999999999</c:v>
                </c:pt>
                <c:pt idx="747">
                  <c:v>0.21920000000000001</c:v>
                </c:pt>
                <c:pt idx="748">
                  <c:v>0.2205</c:v>
                </c:pt>
                <c:pt idx="749">
                  <c:v>0.21970000000000001</c:v>
                </c:pt>
                <c:pt idx="750">
                  <c:v>0.2147</c:v>
                </c:pt>
                <c:pt idx="751">
                  <c:v>0.21179999999999999</c:v>
                </c:pt>
                <c:pt idx="752">
                  <c:v>0.20899999999999999</c:v>
                </c:pt>
                <c:pt idx="753">
                  <c:v>0.2102</c:v>
                </c:pt>
                <c:pt idx="754">
                  <c:v>0.20910000000000001</c:v>
                </c:pt>
                <c:pt idx="755">
                  <c:v>0.21249999999999999</c:v>
                </c:pt>
                <c:pt idx="756">
                  <c:v>0.21429999999999999</c:v>
                </c:pt>
                <c:pt idx="757">
                  <c:v>0.21440000000000001</c:v>
                </c:pt>
                <c:pt idx="758">
                  <c:v>0.2177</c:v>
                </c:pt>
                <c:pt idx="759">
                  <c:v>0.2223</c:v>
                </c:pt>
                <c:pt idx="760">
                  <c:v>0.2235</c:v>
                </c:pt>
                <c:pt idx="761">
                  <c:v>0.22309999999999999</c:v>
                </c:pt>
                <c:pt idx="762">
                  <c:v>0.22409999999999999</c:v>
                </c:pt>
                <c:pt idx="763">
                  <c:v>0.2253</c:v>
                </c:pt>
                <c:pt idx="764">
                  <c:v>0.2306</c:v>
                </c:pt>
                <c:pt idx="765">
                  <c:v>0.2356</c:v>
                </c:pt>
                <c:pt idx="766">
                  <c:v>0.23860000000000001</c:v>
                </c:pt>
                <c:pt idx="767">
                  <c:v>0.24149999999999999</c:v>
                </c:pt>
                <c:pt idx="768">
                  <c:v>0.24390000000000001</c:v>
                </c:pt>
                <c:pt idx="769">
                  <c:v>0.24160000000000001</c:v>
                </c:pt>
                <c:pt idx="770">
                  <c:v>0.24279999999999999</c:v>
                </c:pt>
                <c:pt idx="771">
                  <c:v>0.24249999999999999</c:v>
                </c:pt>
                <c:pt idx="772">
                  <c:v>0.24679999999999999</c:v>
                </c:pt>
                <c:pt idx="773">
                  <c:v>0.25290000000000001</c:v>
                </c:pt>
                <c:pt idx="774">
                  <c:v>0.2525</c:v>
                </c:pt>
                <c:pt idx="775">
                  <c:v>0.24990000000000001</c:v>
                </c:pt>
                <c:pt idx="776">
                  <c:v>0.25009999999999999</c:v>
                </c:pt>
                <c:pt idx="777">
                  <c:v>0.253</c:v>
                </c:pt>
                <c:pt idx="778">
                  <c:v>0.25390000000000001</c:v>
                </c:pt>
                <c:pt idx="779">
                  <c:v>0.25059999999999999</c:v>
                </c:pt>
                <c:pt idx="780">
                  <c:v>0.24690000000000001</c:v>
                </c:pt>
                <c:pt idx="781">
                  <c:v>0.24299999999999999</c:v>
                </c:pt>
                <c:pt idx="782">
                  <c:v>0.2397</c:v>
                </c:pt>
                <c:pt idx="783">
                  <c:v>0.23749999999999999</c:v>
                </c:pt>
                <c:pt idx="784">
                  <c:v>0.23860000000000001</c:v>
                </c:pt>
                <c:pt idx="785">
                  <c:v>0.2356</c:v>
                </c:pt>
                <c:pt idx="786">
                  <c:v>0.23810000000000001</c:v>
                </c:pt>
                <c:pt idx="787">
                  <c:v>0.2399</c:v>
                </c:pt>
                <c:pt idx="788">
                  <c:v>0.24060000000000001</c:v>
                </c:pt>
                <c:pt idx="789">
                  <c:v>0.24129999999999999</c:v>
                </c:pt>
                <c:pt idx="790">
                  <c:v>0.2397</c:v>
                </c:pt>
                <c:pt idx="791">
                  <c:v>0.24</c:v>
                </c:pt>
                <c:pt idx="792">
                  <c:v>0.24679999999999999</c:v>
                </c:pt>
                <c:pt idx="793">
                  <c:v>0.25569999999999998</c:v>
                </c:pt>
                <c:pt idx="794">
                  <c:v>0.26319999999999999</c:v>
                </c:pt>
                <c:pt idx="795">
                  <c:v>0.2671</c:v>
                </c:pt>
                <c:pt idx="796">
                  <c:v>0.26829999999999998</c:v>
                </c:pt>
                <c:pt idx="797">
                  <c:v>0.26790000000000003</c:v>
                </c:pt>
                <c:pt idx="798">
                  <c:v>0.26740000000000003</c:v>
                </c:pt>
                <c:pt idx="799">
                  <c:v>0.26850000000000002</c:v>
                </c:pt>
                <c:pt idx="800">
                  <c:v>0.2671</c:v>
                </c:pt>
                <c:pt idx="801">
                  <c:v>0.2681</c:v>
                </c:pt>
                <c:pt idx="802">
                  <c:v>0.26819999999999999</c:v>
                </c:pt>
                <c:pt idx="803">
                  <c:v>0.2641</c:v>
                </c:pt>
                <c:pt idx="804">
                  <c:v>0.26390000000000002</c:v>
                </c:pt>
                <c:pt idx="805">
                  <c:v>0.26169999999999999</c:v>
                </c:pt>
                <c:pt idx="806">
                  <c:v>0.25769999999999998</c:v>
                </c:pt>
                <c:pt idx="807">
                  <c:v>0.26140000000000002</c:v>
                </c:pt>
                <c:pt idx="808">
                  <c:v>0.25219999999999998</c:v>
                </c:pt>
                <c:pt idx="809">
                  <c:v>0.25169999999999998</c:v>
                </c:pt>
                <c:pt idx="810">
                  <c:v>0.25159999999999999</c:v>
                </c:pt>
                <c:pt idx="811">
                  <c:v>0.25269999999999998</c:v>
                </c:pt>
                <c:pt idx="812">
                  <c:v>0.25600000000000001</c:v>
                </c:pt>
                <c:pt idx="813">
                  <c:v>0.25640000000000002</c:v>
                </c:pt>
                <c:pt idx="814">
                  <c:v>0.25580000000000003</c:v>
                </c:pt>
                <c:pt idx="815">
                  <c:v>0.25740000000000002</c:v>
                </c:pt>
                <c:pt idx="816">
                  <c:v>0.25840000000000002</c:v>
                </c:pt>
                <c:pt idx="817">
                  <c:v>0.25950000000000001</c:v>
                </c:pt>
                <c:pt idx="818">
                  <c:v>0.2641</c:v>
                </c:pt>
                <c:pt idx="819">
                  <c:v>0.26619999999999999</c:v>
                </c:pt>
                <c:pt idx="820">
                  <c:v>0.26469999999999999</c:v>
                </c:pt>
                <c:pt idx="821">
                  <c:v>0.26119999999999999</c:v>
                </c:pt>
                <c:pt idx="822">
                  <c:v>0.26350000000000001</c:v>
                </c:pt>
                <c:pt idx="823">
                  <c:v>0.26790000000000003</c:v>
                </c:pt>
                <c:pt idx="824">
                  <c:v>0.26910000000000001</c:v>
                </c:pt>
                <c:pt idx="825">
                  <c:v>0.26869999999999999</c:v>
                </c:pt>
                <c:pt idx="826">
                  <c:v>0.26640000000000003</c:v>
                </c:pt>
                <c:pt idx="827">
                  <c:v>0.26540000000000002</c:v>
                </c:pt>
                <c:pt idx="828">
                  <c:v>0.26440000000000002</c:v>
                </c:pt>
                <c:pt idx="829">
                  <c:v>0.26419999999999999</c:v>
                </c:pt>
                <c:pt idx="830">
                  <c:v>0.26229999999999998</c:v>
                </c:pt>
                <c:pt idx="831">
                  <c:v>0.2586</c:v>
                </c:pt>
                <c:pt idx="832">
                  <c:v>0.25769999999999998</c:v>
                </c:pt>
                <c:pt idx="833">
                  <c:v>0.25650000000000001</c:v>
                </c:pt>
                <c:pt idx="834">
                  <c:v>0.25729999999999997</c:v>
                </c:pt>
                <c:pt idx="835">
                  <c:v>0.25979999999999998</c:v>
                </c:pt>
                <c:pt idx="836">
                  <c:v>0.25990000000000002</c:v>
                </c:pt>
                <c:pt idx="837">
                  <c:v>0.25779999999999997</c:v>
                </c:pt>
                <c:pt idx="838">
                  <c:v>0.2581</c:v>
                </c:pt>
                <c:pt idx="839">
                  <c:v>0.2601</c:v>
                </c:pt>
                <c:pt idx="840">
                  <c:v>0.26440000000000002</c:v>
                </c:pt>
                <c:pt idx="841">
                  <c:v>0.26779999999999998</c:v>
                </c:pt>
                <c:pt idx="842">
                  <c:v>0.2707</c:v>
                </c:pt>
                <c:pt idx="843">
                  <c:v>0.27239999999999998</c:v>
                </c:pt>
                <c:pt idx="844">
                  <c:v>0.27300000000000002</c:v>
                </c:pt>
                <c:pt idx="845">
                  <c:v>0.27510000000000001</c:v>
                </c:pt>
                <c:pt idx="846">
                  <c:v>0.27989999999999998</c:v>
                </c:pt>
                <c:pt idx="847">
                  <c:v>0.2828</c:v>
                </c:pt>
                <c:pt idx="848">
                  <c:v>0.28299999999999997</c:v>
                </c:pt>
                <c:pt idx="849">
                  <c:v>0.28260000000000002</c:v>
                </c:pt>
                <c:pt idx="850">
                  <c:v>0.2833</c:v>
                </c:pt>
                <c:pt idx="851">
                  <c:v>0.2853</c:v>
                </c:pt>
                <c:pt idx="852">
                  <c:v>0.28710000000000002</c:v>
                </c:pt>
                <c:pt idx="853">
                  <c:v>0.29070000000000001</c:v>
                </c:pt>
                <c:pt idx="854">
                  <c:v>0.29170000000000001</c:v>
                </c:pt>
                <c:pt idx="855">
                  <c:v>0.29049999999999998</c:v>
                </c:pt>
                <c:pt idx="856">
                  <c:v>0.2893</c:v>
                </c:pt>
                <c:pt idx="857">
                  <c:v>0.2898</c:v>
                </c:pt>
                <c:pt idx="858">
                  <c:v>0.28949999999999998</c:v>
                </c:pt>
                <c:pt idx="859">
                  <c:v>0.29299999999999998</c:v>
                </c:pt>
                <c:pt idx="860">
                  <c:v>0.29459999999999997</c:v>
                </c:pt>
                <c:pt idx="861">
                  <c:v>0.29160000000000003</c:v>
                </c:pt>
                <c:pt idx="862">
                  <c:v>0.28589999999999999</c:v>
                </c:pt>
                <c:pt idx="863">
                  <c:v>0.28289999999999998</c:v>
                </c:pt>
                <c:pt idx="864">
                  <c:v>0.28249999999999997</c:v>
                </c:pt>
                <c:pt idx="865">
                  <c:v>0.28060000000000002</c:v>
                </c:pt>
                <c:pt idx="866">
                  <c:v>0.27839999999999998</c:v>
                </c:pt>
                <c:pt idx="867">
                  <c:v>0.2767</c:v>
                </c:pt>
                <c:pt idx="868">
                  <c:v>0.2712</c:v>
                </c:pt>
                <c:pt idx="869">
                  <c:v>0.27289999999999998</c:v>
                </c:pt>
                <c:pt idx="870">
                  <c:v>0.27310000000000001</c:v>
                </c:pt>
                <c:pt idx="871">
                  <c:v>0.27660000000000001</c:v>
                </c:pt>
                <c:pt idx="872">
                  <c:v>0.27360000000000001</c:v>
                </c:pt>
                <c:pt idx="873">
                  <c:v>0.27450000000000002</c:v>
                </c:pt>
                <c:pt idx="874">
                  <c:v>0.27950000000000003</c:v>
                </c:pt>
                <c:pt idx="875">
                  <c:v>0.28389999999999999</c:v>
                </c:pt>
                <c:pt idx="876">
                  <c:v>0.2787</c:v>
                </c:pt>
                <c:pt idx="877">
                  <c:v>0.28120000000000001</c:v>
                </c:pt>
                <c:pt idx="878">
                  <c:v>0.28510000000000002</c:v>
                </c:pt>
                <c:pt idx="879">
                  <c:v>0.28499999999999998</c:v>
                </c:pt>
                <c:pt idx="880">
                  <c:v>0.28239999999999998</c:v>
                </c:pt>
                <c:pt idx="881">
                  <c:v>0.27639999999999998</c:v>
                </c:pt>
                <c:pt idx="882">
                  <c:v>0.27629999999999999</c:v>
                </c:pt>
                <c:pt idx="883">
                  <c:v>0.27439999999999998</c:v>
                </c:pt>
                <c:pt idx="884">
                  <c:v>0.27439999999999998</c:v>
                </c:pt>
                <c:pt idx="885">
                  <c:v>0.2757</c:v>
                </c:pt>
                <c:pt idx="886">
                  <c:v>0.27650000000000002</c:v>
                </c:pt>
                <c:pt idx="887">
                  <c:v>0.27029999999999998</c:v>
                </c:pt>
                <c:pt idx="888">
                  <c:v>0.27189999999999998</c:v>
                </c:pt>
                <c:pt idx="889">
                  <c:v>0.2838</c:v>
                </c:pt>
                <c:pt idx="890">
                  <c:v>0.2797</c:v>
                </c:pt>
                <c:pt idx="891">
                  <c:v>0.27850000000000003</c:v>
                </c:pt>
                <c:pt idx="892">
                  <c:v>0.27829999999999999</c:v>
                </c:pt>
                <c:pt idx="893">
                  <c:v>0.28389999999999999</c:v>
                </c:pt>
                <c:pt idx="894">
                  <c:v>0.28649999999999998</c:v>
                </c:pt>
                <c:pt idx="895">
                  <c:v>0.29060000000000002</c:v>
                </c:pt>
                <c:pt idx="896">
                  <c:v>0.2858</c:v>
                </c:pt>
                <c:pt idx="897">
                  <c:v>0.27550000000000002</c:v>
                </c:pt>
                <c:pt idx="898">
                  <c:v>0.2732</c:v>
                </c:pt>
                <c:pt idx="899">
                  <c:v>0.28320000000000001</c:v>
                </c:pt>
                <c:pt idx="900">
                  <c:v>0.28799999999999998</c:v>
                </c:pt>
                <c:pt idx="901">
                  <c:v>0.33500000000000002</c:v>
                </c:pt>
                <c:pt idx="902">
                  <c:v>0.3387</c:v>
                </c:pt>
                <c:pt idx="903">
                  <c:v>0.36480000000000001</c:v>
                </c:pt>
                <c:pt idx="904">
                  <c:v>0.39810000000000001</c:v>
                </c:pt>
                <c:pt idx="905">
                  <c:v>0.40960000000000002</c:v>
                </c:pt>
                <c:pt idx="906">
                  <c:v>0.32300000000000001</c:v>
                </c:pt>
                <c:pt idx="907">
                  <c:v>0.29970000000000002</c:v>
                </c:pt>
                <c:pt idx="908">
                  <c:v>0.30349999999999999</c:v>
                </c:pt>
                <c:pt idx="909">
                  <c:v>0.28100000000000003</c:v>
                </c:pt>
                <c:pt idx="910">
                  <c:v>0.27879999999999999</c:v>
                </c:pt>
                <c:pt idx="911">
                  <c:v>0.27939999999999998</c:v>
                </c:pt>
                <c:pt idx="912">
                  <c:v>0.2883</c:v>
                </c:pt>
                <c:pt idx="913">
                  <c:v>0.28760000000000002</c:v>
                </c:pt>
                <c:pt idx="914">
                  <c:v>0.30759999999999998</c:v>
                </c:pt>
                <c:pt idx="915">
                  <c:v>0.29549999999999998</c:v>
                </c:pt>
                <c:pt idx="916">
                  <c:v>0.29549999999999998</c:v>
                </c:pt>
                <c:pt idx="917">
                  <c:v>0.28960000000000002</c:v>
                </c:pt>
                <c:pt idx="918">
                  <c:v>0.29520000000000002</c:v>
                </c:pt>
                <c:pt idx="919">
                  <c:v>0.30709999999999998</c:v>
                </c:pt>
                <c:pt idx="920">
                  <c:v>0.30359999999999998</c:v>
                </c:pt>
                <c:pt idx="921">
                  <c:v>0.29709999999999998</c:v>
                </c:pt>
                <c:pt idx="922">
                  <c:v>0.29980000000000001</c:v>
                </c:pt>
                <c:pt idx="923">
                  <c:v>0.30359999999999998</c:v>
                </c:pt>
                <c:pt idx="924">
                  <c:v>0.31130000000000002</c:v>
                </c:pt>
                <c:pt idx="925">
                  <c:v>0.31900000000000001</c:v>
                </c:pt>
                <c:pt idx="926">
                  <c:v>0.33479999999999999</c:v>
                </c:pt>
                <c:pt idx="927">
                  <c:v>0.33550000000000002</c:v>
                </c:pt>
                <c:pt idx="928">
                  <c:v>0.33119999999999999</c:v>
                </c:pt>
                <c:pt idx="929">
                  <c:v>0.32450000000000001</c:v>
                </c:pt>
                <c:pt idx="930">
                  <c:v>0.31590000000000001</c:v>
                </c:pt>
                <c:pt idx="931">
                  <c:v>0.3105</c:v>
                </c:pt>
                <c:pt idx="932">
                  <c:v>0.3024</c:v>
                </c:pt>
                <c:pt idx="933">
                  <c:v>0.29570000000000002</c:v>
                </c:pt>
                <c:pt idx="934">
                  <c:v>0.29520000000000002</c:v>
                </c:pt>
                <c:pt idx="935">
                  <c:v>0.2954</c:v>
                </c:pt>
                <c:pt idx="936">
                  <c:v>0.2964</c:v>
                </c:pt>
                <c:pt idx="937">
                  <c:v>0.29659999999999997</c:v>
                </c:pt>
                <c:pt idx="938">
                  <c:v>0.3004</c:v>
                </c:pt>
                <c:pt idx="939">
                  <c:v>0.30470000000000003</c:v>
                </c:pt>
                <c:pt idx="940">
                  <c:v>0.30530000000000002</c:v>
                </c:pt>
                <c:pt idx="941">
                  <c:v>0.30570000000000003</c:v>
                </c:pt>
                <c:pt idx="942">
                  <c:v>0.29970000000000002</c:v>
                </c:pt>
                <c:pt idx="943">
                  <c:v>0.29630000000000001</c:v>
                </c:pt>
                <c:pt idx="944">
                  <c:v>0.2959</c:v>
                </c:pt>
                <c:pt idx="945">
                  <c:v>0.30009999999999998</c:v>
                </c:pt>
                <c:pt idx="946">
                  <c:v>0.30599999999999999</c:v>
                </c:pt>
                <c:pt idx="947">
                  <c:v>0.30149999999999999</c:v>
                </c:pt>
                <c:pt idx="948">
                  <c:v>0.29770000000000002</c:v>
                </c:pt>
                <c:pt idx="949">
                  <c:v>0.29770000000000002</c:v>
                </c:pt>
                <c:pt idx="950">
                  <c:v>0.30109999999999998</c:v>
                </c:pt>
                <c:pt idx="951">
                  <c:v>0.30740000000000001</c:v>
                </c:pt>
                <c:pt idx="952">
                  <c:v>0.30590000000000001</c:v>
                </c:pt>
                <c:pt idx="953">
                  <c:v>0.30149999999999999</c:v>
                </c:pt>
                <c:pt idx="954">
                  <c:v>0.30230000000000001</c:v>
                </c:pt>
                <c:pt idx="955">
                  <c:v>0.29420000000000002</c:v>
                </c:pt>
                <c:pt idx="956">
                  <c:v>0.28120000000000001</c:v>
                </c:pt>
                <c:pt idx="957">
                  <c:v>0.27739999999999998</c:v>
                </c:pt>
                <c:pt idx="958">
                  <c:v>0.2707</c:v>
                </c:pt>
                <c:pt idx="959">
                  <c:v>0.27110000000000001</c:v>
                </c:pt>
                <c:pt idx="960">
                  <c:v>0.27050000000000002</c:v>
                </c:pt>
                <c:pt idx="961">
                  <c:v>0.27239999999999998</c:v>
                </c:pt>
                <c:pt idx="962">
                  <c:v>0.2767</c:v>
                </c:pt>
                <c:pt idx="963">
                  <c:v>0.2868</c:v>
                </c:pt>
                <c:pt idx="964">
                  <c:v>0.29720000000000002</c:v>
                </c:pt>
                <c:pt idx="965">
                  <c:v>0.30640000000000001</c:v>
                </c:pt>
                <c:pt idx="966">
                  <c:v>0.309</c:v>
                </c:pt>
                <c:pt idx="967">
                  <c:v>0.307</c:v>
                </c:pt>
                <c:pt idx="968">
                  <c:v>0.30599999999999999</c:v>
                </c:pt>
                <c:pt idx="969">
                  <c:v>0.29959999999999998</c:v>
                </c:pt>
                <c:pt idx="970">
                  <c:v>0.29849999999999999</c:v>
                </c:pt>
                <c:pt idx="971">
                  <c:v>0.2949</c:v>
                </c:pt>
                <c:pt idx="972">
                  <c:v>0.2969</c:v>
                </c:pt>
                <c:pt idx="973">
                  <c:v>0.29020000000000001</c:v>
                </c:pt>
                <c:pt idx="974">
                  <c:v>0.28410000000000002</c:v>
                </c:pt>
                <c:pt idx="975">
                  <c:v>0.28050000000000003</c:v>
                </c:pt>
                <c:pt idx="976">
                  <c:v>0.27700000000000002</c:v>
                </c:pt>
                <c:pt idx="977">
                  <c:v>0.27279999999999999</c:v>
                </c:pt>
                <c:pt idx="978">
                  <c:v>0.27360000000000001</c:v>
                </c:pt>
                <c:pt idx="979">
                  <c:v>0.27610000000000001</c:v>
                </c:pt>
                <c:pt idx="980">
                  <c:v>0.27689999999999998</c:v>
                </c:pt>
                <c:pt idx="981">
                  <c:v>0.27429999999999999</c:v>
                </c:pt>
                <c:pt idx="982">
                  <c:v>0.2752</c:v>
                </c:pt>
                <c:pt idx="983">
                  <c:v>0.27939999999999998</c:v>
                </c:pt>
                <c:pt idx="984">
                  <c:v>0.28199999999999997</c:v>
                </c:pt>
                <c:pt idx="985">
                  <c:v>0.28539999999999999</c:v>
                </c:pt>
                <c:pt idx="986">
                  <c:v>0.28889999999999999</c:v>
                </c:pt>
                <c:pt idx="987">
                  <c:v>0.29070000000000001</c:v>
                </c:pt>
                <c:pt idx="988">
                  <c:v>0.28970000000000001</c:v>
                </c:pt>
                <c:pt idx="989">
                  <c:v>0.2898</c:v>
                </c:pt>
                <c:pt idx="990">
                  <c:v>0.29160000000000003</c:v>
                </c:pt>
                <c:pt idx="991">
                  <c:v>0.29120000000000001</c:v>
                </c:pt>
                <c:pt idx="992">
                  <c:v>0.28799999999999998</c:v>
                </c:pt>
                <c:pt idx="993">
                  <c:v>0.28799999999999998</c:v>
                </c:pt>
                <c:pt idx="994">
                  <c:v>0.29049999999999998</c:v>
                </c:pt>
                <c:pt idx="995">
                  <c:v>0.29120000000000001</c:v>
                </c:pt>
                <c:pt idx="996">
                  <c:v>0.29010000000000002</c:v>
                </c:pt>
                <c:pt idx="997">
                  <c:v>0.29089999999999999</c:v>
                </c:pt>
                <c:pt idx="998">
                  <c:v>0.29659999999999997</c:v>
                </c:pt>
                <c:pt idx="999">
                  <c:v>0.30049999999999999</c:v>
                </c:pt>
                <c:pt idx="1000">
                  <c:v>0.30209999999999998</c:v>
                </c:pt>
                <c:pt idx="1001">
                  <c:v>0.30640000000000001</c:v>
                </c:pt>
                <c:pt idx="1002">
                  <c:v>0.31030000000000002</c:v>
                </c:pt>
                <c:pt idx="1003">
                  <c:v>0.31190000000000001</c:v>
                </c:pt>
                <c:pt idx="1004">
                  <c:v>0.31259999999999999</c:v>
                </c:pt>
                <c:pt idx="1005">
                  <c:v>0.31530000000000002</c:v>
                </c:pt>
                <c:pt idx="1006">
                  <c:v>0.313</c:v>
                </c:pt>
                <c:pt idx="1007">
                  <c:v>0.30990000000000001</c:v>
                </c:pt>
                <c:pt idx="1008">
                  <c:v>0.3044</c:v>
                </c:pt>
                <c:pt idx="1009">
                  <c:v>0.30049999999999999</c:v>
                </c:pt>
                <c:pt idx="1010">
                  <c:v>0.29970000000000002</c:v>
                </c:pt>
                <c:pt idx="1011">
                  <c:v>0.30349999999999999</c:v>
                </c:pt>
                <c:pt idx="1012">
                  <c:v>0.3024</c:v>
                </c:pt>
                <c:pt idx="1013">
                  <c:v>0.30309999999999998</c:v>
                </c:pt>
                <c:pt idx="1014">
                  <c:v>0.30669999999999997</c:v>
                </c:pt>
                <c:pt idx="1015">
                  <c:v>0.30869999999999997</c:v>
                </c:pt>
                <c:pt idx="1016">
                  <c:v>0.30840000000000001</c:v>
                </c:pt>
                <c:pt idx="1017">
                  <c:v>0.30570000000000003</c:v>
                </c:pt>
                <c:pt idx="1018">
                  <c:v>0.30109999999999998</c:v>
                </c:pt>
                <c:pt idx="1019">
                  <c:v>0.29820000000000002</c:v>
                </c:pt>
                <c:pt idx="1020">
                  <c:v>0.29420000000000002</c:v>
                </c:pt>
                <c:pt idx="1021">
                  <c:v>0.28949999999999998</c:v>
                </c:pt>
                <c:pt idx="1022">
                  <c:v>0.28499999999999998</c:v>
                </c:pt>
                <c:pt idx="1023">
                  <c:v>0.28399999999999997</c:v>
                </c:pt>
                <c:pt idx="1024">
                  <c:v>0.28039999999999998</c:v>
                </c:pt>
                <c:pt idx="1025">
                  <c:v>0.27839999999999998</c:v>
                </c:pt>
                <c:pt idx="1026">
                  <c:v>0.27539999999999998</c:v>
                </c:pt>
                <c:pt idx="1027">
                  <c:v>0.27539999999999998</c:v>
                </c:pt>
                <c:pt idx="1028">
                  <c:v>0.27660000000000001</c:v>
                </c:pt>
                <c:pt idx="1029">
                  <c:v>0.27889999999999998</c:v>
                </c:pt>
                <c:pt idx="1030">
                  <c:v>0.28210000000000002</c:v>
                </c:pt>
                <c:pt idx="1031">
                  <c:v>0.28449999999999998</c:v>
                </c:pt>
                <c:pt idx="1032">
                  <c:v>0.2858</c:v>
                </c:pt>
                <c:pt idx="1033">
                  <c:v>0.28589999999999999</c:v>
                </c:pt>
                <c:pt idx="1034">
                  <c:v>0.28760000000000002</c:v>
                </c:pt>
                <c:pt idx="1035">
                  <c:v>0.29010000000000002</c:v>
                </c:pt>
                <c:pt idx="1036">
                  <c:v>0.28949999999999998</c:v>
                </c:pt>
                <c:pt idx="1037">
                  <c:v>0.2888</c:v>
                </c:pt>
                <c:pt idx="1038">
                  <c:v>0.29210000000000003</c:v>
                </c:pt>
                <c:pt idx="1039">
                  <c:v>0.29310000000000003</c:v>
                </c:pt>
                <c:pt idx="1040">
                  <c:v>0.2984</c:v>
                </c:pt>
                <c:pt idx="1041">
                  <c:v>0.30149999999999999</c:v>
                </c:pt>
                <c:pt idx="1042">
                  <c:v>0.30259999999999998</c:v>
                </c:pt>
                <c:pt idx="1043">
                  <c:v>0.3024</c:v>
                </c:pt>
                <c:pt idx="1044">
                  <c:v>0.29720000000000002</c:v>
                </c:pt>
                <c:pt idx="1045">
                  <c:v>0.29530000000000001</c:v>
                </c:pt>
                <c:pt idx="1046">
                  <c:v>0.29749999999999999</c:v>
                </c:pt>
                <c:pt idx="1047">
                  <c:v>0.30399999999999999</c:v>
                </c:pt>
                <c:pt idx="1048">
                  <c:v>0.31130000000000002</c:v>
                </c:pt>
                <c:pt idx="1049">
                  <c:v>0.31950000000000001</c:v>
                </c:pt>
                <c:pt idx="1050">
                  <c:v>0.32779999999999998</c:v>
                </c:pt>
                <c:pt idx="1051">
                  <c:v>0.34489999999999998</c:v>
                </c:pt>
                <c:pt idx="1052">
                  <c:v>0.36620000000000003</c:v>
                </c:pt>
                <c:pt idx="1053">
                  <c:v>0.37719999999999998</c:v>
                </c:pt>
                <c:pt idx="1054">
                  <c:v>0.38569999999999999</c:v>
                </c:pt>
                <c:pt idx="1055">
                  <c:v>0.39489999999999997</c:v>
                </c:pt>
                <c:pt idx="1056">
                  <c:v>0.4002</c:v>
                </c:pt>
                <c:pt idx="1057">
                  <c:v>0.38169999999999998</c:v>
                </c:pt>
                <c:pt idx="1058">
                  <c:v>0.37540000000000001</c:v>
                </c:pt>
                <c:pt idx="1059">
                  <c:v>0.36849999999999999</c:v>
                </c:pt>
                <c:pt idx="1060">
                  <c:v>0.36399999999999999</c:v>
                </c:pt>
                <c:pt idx="1061">
                  <c:v>0.36070000000000002</c:v>
                </c:pt>
                <c:pt idx="1062">
                  <c:v>0.37340000000000001</c:v>
                </c:pt>
                <c:pt idx="1063">
                  <c:v>0.38519999999999999</c:v>
                </c:pt>
                <c:pt idx="1064">
                  <c:v>0.3967</c:v>
                </c:pt>
                <c:pt idx="1065">
                  <c:v>0.38619999999999999</c:v>
                </c:pt>
                <c:pt idx="1066">
                  <c:v>0.38019999999999998</c:v>
                </c:pt>
                <c:pt idx="1067">
                  <c:v>0.37940000000000002</c:v>
                </c:pt>
                <c:pt idx="1068">
                  <c:v>0.36349999999999999</c:v>
                </c:pt>
                <c:pt idx="1069">
                  <c:v>0.3614</c:v>
                </c:pt>
                <c:pt idx="1070">
                  <c:v>0.3695</c:v>
                </c:pt>
                <c:pt idx="1071">
                  <c:v>0.40139999999999998</c:v>
                </c:pt>
                <c:pt idx="1072">
                  <c:v>0.42349999999999999</c:v>
                </c:pt>
                <c:pt idx="1073">
                  <c:v>0.44990000000000002</c:v>
                </c:pt>
                <c:pt idx="1074">
                  <c:v>0.46989999999999998</c:v>
                </c:pt>
                <c:pt idx="1075">
                  <c:v>0.47770000000000001</c:v>
                </c:pt>
                <c:pt idx="1076">
                  <c:v>0.44180000000000003</c:v>
                </c:pt>
                <c:pt idx="1077">
                  <c:v>0.3871</c:v>
                </c:pt>
                <c:pt idx="1078">
                  <c:v>0.36859999999999998</c:v>
                </c:pt>
                <c:pt idx="1079">
                  <c:v>0.36030000000000001</c:v>
                </c:pt>
                <c:pt idx="1080">
                  <c:v>0.36070000000000002</c:v>
                </c:pt>
                <c:pt idx="1081">
                  <c:v>0.3609</c:v>
                </c:pt>
                <c:pt idx="1082">
                  <c:v>0.36270000000000002</c:v>
                </c:pt>
                <c:pt idx="1083">
                  <c:v>0.36530000000000001</c:v>
                </c:pt>
                <c:pt idx="1084">
                  <c:v>0.36880000000000002</c:v>
                </c:pt>
                <c:pt idx="1085">
                  <c:v>0.37059999999999998</c:v>
                </c:pt>
                <c:pt idx="1086">
                  <c:v>0.375</c:v>
                </c:pt>
                <c:pt idx="1087">
                  <c:v>0.37990000000000002</c:v>
                </c:pt>
                <c:pt idx="1088">
                  <c:v>0.37780000000000002</c:v>
                </c:pt>
                <c:pt idx="1089">
                  <c:v>0.37830000000000003</c:v>
                </c:pt>
                <c:pt idx="1090">
                  <c:v>0.37930000000000003</c:v>
                </c:pt>
                <c:pt idx="1091">
                  <c:v>0.37919999999999998</c:v>
                </c:pt>
                <c:pt idx="1092">
                  <c:v>0.38069999999999998</c:v>
                </c:pt>
                <c:pt idx="1093">
                  <c:v>0.37980000000000003</c:v>
                </c:pt>
                <c:pt idx="1094">
                  <c:v>0.3785</c:v>
                </c:pt>
                <c:pt idx="1095">
                  <c:v>0.3745</c:v>
                </c:pt>
                <c:pt idx="1096">
                  <c:v>0.37359999999999999</c:v>
                </c:pt>
                <c:pt idx="1097">
                  <c:v>0.37080000000000002</c:v>
                </c:pt>
                <c:pt idx="1098">
                  <c:v>0.36299999999999999</c:v>
                </c:pt>
                <c:pt idx="1099">
                  <c:v>0.35520000000000002</c:v>
                </c:pt>
                <c:pt idx="1100">
                  <c:v>0.3488</c:v>
                </c:pt>
                <c:pt idx="1101">
                  <c:v>0.34670000000000001</c:v>
                </c:pt>
                <c:pt idx="1102">
                  <c:v>0.34549999999999997</c:v>
                </c:pt>
                <c:pt idx="1103">
                  <c:v>0.34039999999999998</c:v>
                </c:pt>
                <c:pt idx="1104">
                  <c:v>0.33329999999999999</c:v>
                </c:pt>
                <c:pt idx="1105">
                  <c:v>0.33429999999999999</c:v>
                </c:pt>
                <c:pt idx="1106">
                  <c:v>0.3342</c:v>
                </c:pt>
                <c:pt idx="1107">
                  <c:v>0.33239999999999997</c:v>
                </c:pt>
                <c:pt idx="1108">
                  <c:v>0.3352</c:v>
                </c:pt>
                <c:pt idx="1109">
                  <c:v>0.33939999999999998</c:v>
                </c:pt>
                <c:pt idx="1110">
                  <c:v>0.34100000000000003</c:v>
                </c:pt>
                <c:pt idx="1111">
                  <c:v>0.33910000000000001</c:v>
                </c:pt>
                <c:pt idx="1112">
                  <c:v>0.34360000000000002</c:v>
                </c:pt>
                <c:pt idx="1113">
                  <c:v>0.3513</c:v>
                </c:pt>
                <c:pt idx="1114">
                  <c:v>0.3463</c:v>
                </c:pt>
                <c:pt idx="1115">
                  <c:v>0.34150000000000003</c:v>
                </c:pt>
                <c:pt idx="1116">
                  <c:v>0.34150000000000003</c:v>
                </c:pt>
                <c:pt idx="1117">
                  <c:v>0.34060000000000001</c:v>
                </c:pt>
                <c:pt idx="1118">
                  <c:v>0.33810000000000001</c:v>
                </c:pt>
                <c:pt idx="1119">
                  <c:v>0.34110000000000001</c:v>
                </c:pt>
                <c:pt idx="1120">
                  <c:v>0.3427</c:v>
                </c:pt>
                <c:pt idx="1121">
                  <c:v>0.34300000000000003</c:v>
                </c:pt>
                <c:pt idx="1122">
                  <c:v>0.34279999999999999</c:v>
                </c:pt>
                <c:pt idx="1123">
                  <c:v>0.33750000000000002</c:v>
                </c:pt>
                <c:pt idx="1124">
                  <c:v>0.33189999999999997</c:v>
                </c:pt>
                <c:pt idx="1125">
                  <c:v>0.33279999999999998</c:v>
                </c:pt>
                <c:pt idx="1126">
                  <c:v>0.33400000000000002</c:v>
                </c:pt>
                <c:pt idx="1127">
                  <c:v>0.33250000000000002</c:v>
                </c:pt>
                <c:pt idx="1128">
                  <c:v>0.33310000000000001</c:v>
                </c:pt>
                <c:pt idx="1129">
                  <c:v>0.33529999999999999</c:v>
                </c:pt>
                <c:pt idx="1130">
                  <c:v>0.3397</c:v>
                </c:pt>
                <c:pt idx="1131">
                  <c:v>0.34460000000000002</c:v>
                </c:pt>
                <c:pt idx="1132">
                  <c:v>0.35310000000000002</c:v>
                </c:pt>
                <c:pt idx="1133">
                  <c:v>0.36349999999999999</c:v>
                </c:pt>
                <c:pt idx="1134">
                  <c:v>0.37009999999999998</c:v>
                </c:pt>
                <c:pt idx="1135">
                  <c:v>0.37469999999999998</c:v>
                </c:pt>
                <c:pt idx="1136">
                  <c:v>0.38190000000000002</c:v>
                </c:pt>
                <c:pt idx="1137">
                  <c:v>0.3861</c:v>
                </c:pt>
                <c:pt idx="1138">
                  <c:v>0.38890000000000002</c:v>
                </c:pt>
                <c:pt idx="1139">
                  <c:v>0.38940000000000002</c:v>
                </c:pt>
                <c:pt idx="1140">
                  <c:v>0.3921</c:v>
                </c:pt>
                <c:pt idx="1141">
                  <c:v>0.39439999999999997</c:v>
                </c:pt>
                <c:pt idx="1142">
                  <c:v>0.39229999999999998</c:v>
                </c:pt>
                <c:pt idx="1143">
                  <c:v>0.39119999999999999</c:v>
                </c:pt>
                <c:pt idx="1144">
                  <c:v>0.39100000000000001</c:v>
                </c:pt>
                <c:pt idx="1145">
                  <c:v>0.39150000000000001</c:v>
                </c:pt>
                <c:pt idx="1146">
                  <c:v>0.3911</c:v>
                </c:pt>
                <c:pt idx="1147">
                  <c:v>0.3876</c:v>
                </c:pt>
                <c:pt idx="1148">
                  <c:v>0.38529999999999998</c:v>
                </c:pt>
                <c:pt idx="1149">
                  <c:v>0.38350000000000001</c:v>
                </c:pt>
                <c:pt idx="1150">
                  <c:v>0.37569999999999998</c:v>
                </c:pt>
                <c:pt idx="1151">
                  <c:v>0.374</c:v>
                </c:pt>
                <c:pt idx="1152">
                  <c:v>0.37790000000000001</c:v>
                </c:pt>
                <c:pt idx="1153">
                  <c:v>0.37769999999999998</c:v>
                </c:pt>
                <c:pt idx="1154">
                  <c:v>0.37959999999999999</c:v>
                </c:pt>
                <c:pt idx="1155">
                  <c:v>0.38</c:v>
                </c:pt>
                <c:pt idx="1156">
                  <c:v>0.38019999999999998</c:v>
                </c:pt>
                <c:pt idx="1157">
                  <c:v>0.38080000000000003</c:v>
                </c:pt>
                <c:pt idx="1158">
                  <c:v>0.37930000000000003</c:v>
                </c:pt>
                <c:pt idx="1159">
                  <c:v>0.37769999999999998</c:v>
                </c:pt>
                <c:pt idx="1160">
                  <c:v>0.38119999999999998</c:v>
                </c:pt>
                <c:pt idx="1161">
                  <c:v>0.38619999999999999</c:v>
                </c:pt>
                <c:pt idx="1162">
                  <c:v>0.38600000000000001</c:v>
                </c:pt>
                <c:pt idx="1163">
                  <c:v>0.38109999999999999</c:v>
                </c:pt>
                <c:pt idx="1164">
                  <c:v>0.37630000000000002</c:v>
                </c:pt>
                <c:pt idx="1165">
                  <c:v>0.37209999999999999</c:v>
                </c:pt>
                <c:pt idx="1166">
                  <c:v>0.36969999999999997</c:v>
                </c:pt>
                <c:pt idx="1167">
                  <c:v>0.36969999999999997</c:v>
                </c:pt>
                <c:pt idx="1168">
                  <c:v>0.36940000000000001</c:v>
                </c:pt>
                <c:pt idx="1169">
                  <c:v>0.36770000000000003</c:v>
                </c:pt>
                <c:pt idx="1170">
                  <c:v>0.36630000000000001</c:v>
                </c:pt>
                <c:pt idx="1171">
                  <c:v>0.36499999999999999</c:v>
                </c:pt>
                <c:pt idx="1172">
                  <c:v>0.3659</c:v>
                </c:pt>
                <c:pt idx="1173">
                  <c:v>0.36909999999999998</c:v>
                </c:pt>
                <c:pt idx="1174">
                  <c:v>0.37130000000000002</c:v>
                </c:pt>
                <c:pt idx="1175">
                  <c:v>0.37309999999999999</c:v>
                </c:pt>
                <c:pt idx="1176">
                  <c:v>0.37569999999999998</c:v>
                </c:pt>
                <c:pt idx="1177">
                  <c:v>0.37509999999999999</c:v>
                </c:pt>
                <c:pt idx="1178">
                  <c:v>0.37640000000000001</c:v>
                </c:pt>
                <c:pt idx="1179">
                  <c:v>0.37980000000000003</c:v>
                </c:pt>
                <c:pt idx="1180">
                  <c:v>0.37909999999999999</c:v>
                </c:pt>
                <c:pt idx="1181">
                  <c:v>0.38030000000000003</c:v>
                </c:pt>
                <c:pt idx="1182">
                  <c:v>0.41820000000000002</c:v>
                </c:pt>
                <c:pt idx="1183">
                  <c:v>0.43869999999999998</c:v>
                </c:pt>
                <c:pt idx="1184">
                  <c:v>0.3836</c:v>
                </c:pt>
                <c:pt idx="1185">
                  <c:v>0.3775</c:v>
                </c:pt>
                <c:pt idx="1186">
                  <c:v>0.37630000000000002</c:v>
                </c:pt>
                <c:pt idx="1187">
                  <c:v>0.37830000000000003</c:v>
                </c:pt>
                <c:pt idx="1188">
                  <c:v>0.3795</c:v>
                </c:pt>
                <c:pt idx="1189">
                  <c:v>0.38009999999999999</c:v>
                </c:pt>
                <c:pt idx="1190">
                  <c:v>0.374</c:v>
                </c:pt>
                <c:pt idx="1191">
                  <c:v>0.37359999999999999</c:v>
                </c:pt>
                <c:pt idx="1192">
                  <c:v>0.37659999999999999</c:v>
                </c:pt>
                <c:pt idx="1193">
                  <c:v>0.38190000000000002</c:v>
                </c:pt>
                <c:pt idx="1194">
                  <c:v>0.38390000000000002</c:v>
                </c:pt>
                <c:pt idx="1195">
                  <c:v>0.38829999999999998</c:v>
                </c:pt>
                <c:pt idx="1196">
                  <c:v>0.39069999999999999</c:v>
                </c:pt>
                <c:pt idx="1197">
                  <c:v>0.38869999999999999</c:v>
                </c:pt>
                <c:pt idx="1198">
                  <c:v>0.38929999999999998</c:v>
                </c:pt>
                <c:pt idx="1199">
                  <c:v>0.39179999999999998</c:v>
                </c:pt>
                <c:pt idx="1200">
                  <c:v>0.39510000000000001</c:v>
                </c:pt>
                <c:pt idx="1201">
                  <c:v>0.39939999999999998</c:v>
                </c:pt>
                <c:pt idx="1202">
                  <c:v>0.40439999999999998</c:v>
                </c:pt>
                <c:pt idx="1203">
                  <c:v>0.40760000000000002</c:v>
                </c:pt>
                <c:pt idx="1204">
                  <c:v>0.40870000000000001</c:v>
                </c:pt>
                <c:pt idx="1205">
                  <c:v>0.41020000000000001</c:v>
                </c:pt>
                <c:pt idx="1206">
                  <c:v>0.4103</c:v>
                </c:pt>
                <c:pt idx="1207">
                  <c:v>0.40889999999999999</c:v>
                </c:pt>
                <c:pt idx="1208">
                  <c:v>0.40439999999999998</c:v>
                </c:pt>
                <c:pt idx="1209">
                  <c:v>0.40310000000000001</c:v>
                </c:pt>
                <c:pt idx="1210">
                  <c:v>0.40360000000000001</c:v>
                </c:pt>
                <c:pt idx="1211">
                  <c:v>0.4093</c:v>
                </c:pt>
                <c:pt idx="1212">
                  <c:v>0.4108</c:v>
                </c:pt>
                <c:pt idx="1213">
                  <c:v>0.41139999999999999</c:v>
                </c:pt>
                <c:pt idx="1214">
                  <c:v>0.40960000000000002</c:v>
                </c:pt>
                <c:pt idx="1215">
                  <c:v>0.40660000000000002</c:v>
                </c:pt>
                <c:pt idx="1216">
                  <c:v>0.40379999999999999</c:v>
                </c:pt>
                <c:pt idx="1217">
                  <c:v>0.40250000000000002</c:v>
                </c:pt>
                <c:pt idx="1218">
                  <c:v>0.40210000000000001</c:v>
                </c:pt>
                <c:pt idx="1219">
                  <c:v>0.40379999999999999</c:v>
                </c:pt>
                <c:pt idx="1220">
                  <c:v>0.40570000000000001</c:v>
                </c:pt>
                <c:pt idx="1221">
                  <c:v>0.40589999999999998</c:v>
                </c:pt>
                <c:pt idx="1222">
                  <c:v>0.40400000000000003</c:v>
                </c:pt>
                <c:pt idx="1223">
                  <c:v>0.4027</c:v>
                </c:pt>
                <c:pt idx="1224">
                  <c:v>0.40360000000000001</c:v>
                </c:pt>
                <c:pt idx="1225">
                  <c:v>0.40379999999999999</c:v>
                </c:pt>
                <c:pt idx="1226">
                  <c:v>0.40339999999999998</c:v>
                </c:pt>
                <c:pt idx="1227">
                  <c:v>0.40139999999999998</c:v>
                </c:pt>
                <c:pt idx="1228">
                  <c:v>0.40250000000000002</c:v>
                </c:pt>
                <c:pt idx="1229">
                  <c:v>0.40239999999999998</c:v>
                </c:pt>
                <c:pt idx="1230">
                  <c:v>0.39850000000000002</c:v>
                </c:pt>
                <c:pt idx="1231">
                  <c:v>0.39789999999999998</c:v>
                </c:pt>
                <c:pt idx="1232">
                  <c:v>0.39529999999999998</c:v>
                </c:pt>
                <c:pt idx="1233">
                  <c:v>0.39550000000000002</c:v>
                </c:pt>
                <c:pt idx="1234">
                  <c:v>0.39650000000000002</c:v>
                </c:pt>
                <c:pt idx="1235">
                  <c:v>0.39650000000000002</c:v>
                </c:pt>
                <c:pt idx="1236">
                  <c:v>0.39650000000000002</c:v>
                </c:pt>
                <c:pt idx="1237">
                  <c:v>0.39529999999999998</c:v>
                </c:pt>
                <c:pt idx="1238">
                  <c:v>0.39860000000000001</c:v>
                </c:pt>
                <c:pt idx="1239">
                  <c:v>0.3972</c:v>
                </c:pt>
                <c:pt idx="1240">
                  <c:v>0.39639999999999997</c:v>
                </c:pt>
                <c:pt idx="1241">
                  <c:v>0.39360000000000001</c:v>
                </c:pt>
                <c:pt idx="1242">
                  <c:v>0.39369999999999999</c:v>
                </c:pt>
                <c:pt idx="1243">
                  <c:v>0.39150000000000001</c:v>
                </c:pt>
                <c:pt idx="1244">
                  <c:v>0.3926</c:v>
                </c:pt>
                <c:pt idx="1245">
                  <c:v>0.3957</c:v>
                </c:pt>
                <c:pt idx="1246">
                  <c:v>0.39660000000000001</c:v>
                </c:pt>
                <c:pt idx="1247">
                  <c:v>0.39539999999999997</c:v>
                </c:pt>
                <c:pt idx="1248">
                  <c:v>0.39100000000000001</c:v>
                </c:pt>
                <c:pt idx="1249">
                  <c:v>0.38769999999999999</c:v>
                </c:pt>
                <c:pt idx="1250">
                  <c:v>0.3851</c:v>
                </c:pt>
                <c:pt idx="1251">
                  <c:v>0.38729999999999998</c:v>
                </c:pt>
                <c:pt idx="1252">
                  <c:v>0.38950000000000001</c:v>
                </c:pt>
                <c:pt idx="1253">
                  <c:v>0.39140000000000003</c:v>
                </c:pt>
                <c:pt idx="1254">
                  <c:v>0.3916</c:v>
                </c:pt>
                <c:pt idx="1255">
                  <c:v>0.39539999999999997</c:v>
                </c:pt>
                <c:pt idx="1256">
                  <c:v>0.39529999999999998</c:v>
                </c:pt>
                <c:pt idx="1257">
                  <c:v>0.39510000000000001</c:v>
                </c:pt>
                <c:pt idx="1258">
                  <c:v>0.39369999999999999</c:v>
                </c:pt>
                <c:pt idx="1259">
                  <c:v>0.3987</c:v>
                </c:pt>
                <c:pt idx="1260">
                  <c:v>0.39989999999999998</c:v>
                </c:pt>
                <c:pt idx="1261">
                  <c:v>0.40139999999999998</c:v>
                </c:pt>
                <c:pt idx="1262">
                  <c:v>0.40089999999999998</c:v>
                </c:pt>
                <c:pt idx="1263">
                  <c:v>0.3977</c:v>
                </c:pt>
                <c:pt idx="1264">
                  <c:v>0.39550000000000002</c:v>
                </c:pt>
                <c:pt idx="1265">
                  <c:v>0.39579999999999999</c:v>
                </c:pt>
                <c:pt idx="1266">
                  <c:v>0.39450000000000002</c:v>
                </c:pt>
                <c:pt idx="1267">
                  <c:v>0.39539999999999997</c:v>
                </c:pt>
                <c:pt idx="1268">
                  <c:v>0.39660000000000001</c:v>
                </c:pt>
                <c:pt idx="1269">
                  <c:v>0.39729999999999999</c:v>
                </c:pt>
                <c:pt idx="1270">
                  <c:v>0.39810000000000001</c:v>
                </c:pt>
                <c:pt idx="1271">
                  <c:v>0.40050000000000002</c:v>
                </c:pt>
                <c:pt idx="1272">
                  <c:v>0.40389999999999998</c:v>
                </c:pt>
                <c:pt idx="1273">
                  <c:v>0.40400000000000003</c:v>
                </c:pt>
                <c:pt idx="1274">
                  <c:v>0.3997</c:v>
                </c:pt>
                <c:pt idx="1275">
                  <c:v>0.3947</c:v>
                </c:pt>
                <c:pt idx="1276">
                  <c:v>0.39379999999999998</c:v>
                </c:pt>
                <c:pt idx="1277">
                  <c:v>0.39850000000000002</c:v>
                </c:pt>
                <c:pt idx="1278">
                  <c:v>0.39960000000000001</c:v>
                </c:pt>
                <c:pt idx="1279">
                  <c:v>0.40050000000000002</c:v>
                </c:pt>
                <c:pt idx="1280">
                  <c:v>0.39989999999999998</c:v>
                </c:pt>
                <c:pt idx="1281">
                  <c:v>0.4</c:v>
                </c:pt>
                <c:pt idx="1282">
                  <c:v>0.40560000000000002</c:v>
                </c:pt>
                <c:pt idx="1283">
                  <c:v>0.41160000000000002</c:v>
                </c:pt>
                <c:pt idx="1284">
                  <c:v>0.41320000000000001</c:v>
                </c:pt>
                <c:pt idx="1285">
                  <c:v>0.41199999999999998</c:v>
                </c:pt>
                <c:pt idx="1286">
                  <c:v>0.41299999999999998</c:v>
                </c:pt>
                <c:pt idx="1287">
                  <c:v>0.41549999999999998</c:v>
                </c:pt>
                <c:pt idx="1288">
                  <c:v>0.41560000000000002</c:v>
                </c:pt>
                <c:pt idx="1289">
                  <c:v>0.4103</c:v>
                </c:pt>
                <c:pt idx="1290">
                  <c:v>0.40720000000000001</c:v>
                </c:pt>
                <c:pt idx="1291">
                  <c:v>0.40279999999999999</c:v>
                </c:pt>
                <c:pt idx="1292">
                  <c:v>0.4022</c:v>
                </c:pt>
                <c:pt idx="1293">
                  <c:v>0.39989999999999998</c:v>
                </c:pt>
                <c:pt idx="1294">
                  <c:v>0.3987</c:v>
                </c:pt>
                <c:pt idx="1295">
                  <c:v>0.40050000000000002</c:v>
                </c:pt>
                <c:pt idx="1296">
                  <c:v>0.40550000000000003</c:v>
                </c:pt>
                <c:pt idx="1297">
                  <c:v>0.40639999999999998</c:v>
                </c:pt>
                <c:pt idx="1298">
                  <c:v>0.40560000000000002</c:v>
                </c:pt>
                <c:pt idx="1299">
                  <c:v>0.40639999999999998</c:v>
                </c:pt>
                <c:pt idx="1300">
                  <c:v>0.40660000000000002</c:v>
                </c:pt>
                <c:pt idx="1301">
                  <c:v>0.40660000000000002</c:v>
                </c:pt>
                <c:pt idx="1302">
                  <c:v>0.40560000000000002</c:v>
                </c:pt>
                <c:pt idx="1303">
                  <c:v>0.40339999999999998</c:v>
                </c:pt>
                <c:pt idx="1304">
                  <c:v>0.40479999999999999</c:v>
                </c:pt>
                <c:pt idx="1305">
                  <c:v>0.40560000000000002</c:v>
                </c:pt>
                <c:pt idx="1306">
                  <c:v>0.40510000000000002</c:v>
                </c:pt>
                <c:pt idx="1307">
                  <c:v>0.40550000000000003</c:v>
                </c:pt>
                <c:pt idx="1308">
                  <c:v>0.40679999999999999</c:v>
                </c:pt>
                <c:pt idx="1309">
                  <c:v>0.40749999999999997</c:v>
                </c:pt>
                <c:pt idx="1310">
                  <c:v>0.34060000000000001</c:v>
                </c:pt>
                <c:pt idx="1311">
                  <c:v>0.40460000000000002</c:v>
                </c:pt>
                <c:pt idx="1312">
                  <c:v>0.40539999999999998</c:v>
                </c:pt>
                <c:pt idx="1313">
                  <c:v>0.4047</c:v>
                </c:pt>
                <c:pt idx="1314">
                  <c:v>0.40460000000000002</c:v>
                </c:pt>
                <c:pt idx="1315">
                  <c:v>0.40360000000000001</c:v>
                </c:pt>
                <c:pt idx="1316">
                  <c:v>0.40100000000000002</c:v>
                </c:pt>
                <c:pt idx="1317">
                  <c:v>0.39850000000000002</c:v>
                </c:pt>
                <c:pt idx="1318">
                  <c:v>0.3972</c:v>
                </c:pt>
                <c:pt idx="1319">
                  <c:v>0.39539999999999997</c:v>
                </c:pt>
                <c:pt idx="1320">
                  <c:v>0.39539999999999997</c:v>
                </c:pt>
                <c:pt idx="1321">
                  <c:v>0.39550000000000002</c:v>
                </c:pt>
                <c:pt idx="1322">
                  <c:v>0.39610000000000001</c:v>
                </c:pt>
                <c:pt idx="1323">
                  <c:v>0.3952</c:v>
                </c:pt>
                <c:pt idx="1324">
                  <c:v>0.39689999999999998</c:v>
                </c:pt>
                <c:pt idx="1325">
                  <c:v>0.39900000000000002</c:v>
                </c:pt>
                <c:pt idx="1326">
                  <c:v>0.40039999999999998</c:v>
                </c:pt>
                <c:pt idx="1327">
                  <c:v>0.40300000000000002</c:v>
                </c:pt>
                <c:pt idx="1328">
                  <c:v>0.40849999999999997</c:v>
                </c:pt>
                <c:pt idx="1329">
                  <c:v>0.41360000000000002</c:v>
                </c:pt>
                <c:pt idx="1330">
                  <c:v>0.41420000000000001</c:v>
                </c:pt>
                <c:pt idx="1331">
                  <c:v>0.41349999999999998</c:v>
                </c:pt>
                <c:pt idx="1332">
                  <c:v>0.41220000000000001</c:v>
                </c:pt>
                <c:pt idx="1333">
                  <c:v>0.41639999999999999</c:v>
                </c:pt>
                <c:pt idx="1334">
                  <c:v>0.41849999999999998</c:v>
                </c:pt>
                <c:pt idx="1335">
                  <c:v>0.42099999999999999</c:v>
                </c:pt>
                <c:pt idx="1336">
                  <c:v>0.42180000000000001</c:v>
                </c:pt>
                <c:pt idx="1337">
                  <c:v>0.42099999999999999</c:v>
                </c:pt>
                <c:pt idx="1338">
                  <c:v>0.41789999999999999</c:v>
                </c:pt>
                <c:pt idx="1339">
                  <c:v>0.41489999999999999</c:v>
                </c:pt>
                <c:pt idx="1340">
                  <c:v>0.41110000000000002</c:v>
                </c:pt>
                <c:pt idx="1341">
                  <c:v>0.4108</c:v>
                </c:pt>
                <c:pt idx="1342">
                  <c:v>0.41320000000000001</c:v>
                </c:pt>
                <c:pt idx="1343">
                  <c:v>0.4133</c:v>
                </c:pt>
                <c:pt idx="1344">
                  <c:v>0.40949999999999998</c:v>
                </c:pt>
                <c:pt idx="1345">
                  <c:v>0.40689999999999998</c:v>
                </c:pt>
                <c:pt idx="1346">
                  <c:v>0.40629999999999999</c:v>
                </c:pt>
                <c:pt idx="1347">
                  <c:v>0.40179999999999999</c:v>
                </c:pt>
                <c:pt idx="1348">
                  <c:v>0.40110000000000001</c:v>
                </c:pt>
                <c:pt idx="1349">
                  <c:v>0.40339999999999998</c:v>
                </c:pt>
                <c:pt idx="1350">
                  <c:v>0.40010000000000001</c:v>
                </c:pt>
                <c:pt idx="1351">
                  <c:v>0.40620000000000001</c:v>
                </c:pt>
                <c:pt idx="1352">
                  <c:v>0.4073</c:v>
                </c:pt>
                <c:pt idx="1353">
                  <c:v>0.40389999999999998</c:v>
                </c:pt>
                <c:pt idx="1354">
                  <c:v>0.40660000000000002</c:v>
                </c:pt>
                <c:pt idx="1355">
                  <c:v>0.41220000000000001</c:v>
                </c:pt>
                <c:pt idx="1356">
                  <c:v>0.41710000000000003</c:v>
                </c:pt>
                <c:pt idx="1357">
                  <c:v>0.41399999999999998</c:v>
                </c:pt>
                <c:pt idx="1358">
                  <c:v>0.40670000000000001</c:v>
                </c:pt>
                <c:pt idx="1359">
                  <c:v>0.4017</c:v>
                </c:pt>
                <c:pt idx="1360">
                  <c:v>0.39400000000000002</c:v>
                </c:pt>
                <c:pt idx="1361">
                  <c:v>0.39200000000000002</c:v>
                </c:pt>
                <c:pt idx="1362">
                  <c:v>0.37930000000000003</c:v>
                </c:pt>
                <c:pt idx="1363">
                  <c:v>0.36759999999999998</c:v>
                </c:pt>
                <c:pt idx="1364">
                  <c:v>0.36399999999999999</c:v>
                </c:pt>
                <c:pt idx="1365">
                  <c:v>0.3543</c:v>
                </c:pt>
                <c:pt idx="1366">
                  <c:v>0.35020000000000001</c:v>
                </c:pt>
                <c:pt idx="1367">
                  <c:v>0.34699999999999998</c:v>
                </c:pt>
                <c:pt idx="1368">
                  <c:v>0.3458</c:v>
                </c:pt>
                <c:pt idx="1369">
                  <c:v>0.34889999999999999</c:v>
                </c:pt>
                <c:pt idx="1370">
                  <c:v>0.3518</c:v>
                </c:pt>
                <c:pt idx="1371">
                  <c:v>0.35049999999999998</c:v>
                </c:pt>
                <c:pt idx="1372">
                  <c:v>0.34770000000000001</c:v>
                </c:pt>
                <c:pt idx="1373">
                  <c:v>0.34389999999999998</c:v>
                </c:pt>
                <c:pt idx="1374">
                  <c:v>0.3412</c:v>
                </c:pt>
                <c:pt idx="1375">
                  <c:v>0.34189999999999998</c:v>
                </c:pt>
                <c:pt idx="1376">
                  <c:v>0.34129999999999999</c:v>
                </c:pt>
                <c:pt idx="1377">
                  <c:v>0.34310000000000002</c:v>
                </c:pt>
                <c:pt idx="1378">
                  <c:v>0.34460000000000002</c:v>
                </c:pt>
                <c:pt idx="1379">
                  <c:v>0.34820000000000001</c:v>
                </c:pt>
                <c:pt idx="1380">
                  <c:v>0.34989999999999999</c:v>
                </c:pt>
                <c:pt idx="1381">
                  <c:v>0.35</c:v>
                </c:pt>
                <c:pt idx="1382">
                  <c:v>0.34839999999999999</c:v>
                </c:pt>
                <c:pt idx="1383">
                  <c:v>0.35020000000000001</c:v>
                </c:pt>
                <c:pt idx="1384">
                  <c:v>0.35120000000000001</c:v>
                </c:pt>
                <c:pt idx="1385">
                  <c:v>0.35099999999999998</c:v>
                </c:pt>
                <c:pt idx="1386">
                  <c:v>0.3553</c:v>
                </c:pt>
                <c:pt idx="1387">
                  <c:v>0.35599999999999998</c:v>
                </c:pt>
                <c:pt idx="1388">
                  <c:v>0.35809999999999997</c:v>
                </c:pt>
                <c:pt idx="1389">
                  <c:v>0.36399999999999999</c:v>
                </c:pt>
                <c:pt idx="1390">
                  <c:v>0.37190000000000001</c:v>
                </c:pt>
                <c:pt idx="1391">
                  <c:v>0.37769999999999998</c:v>
                </c:pt>
                <c:pt idx="1392">
                  <c:v>0.38200000000000001</c:v>
                </c:pt>
                <c:pt idx="1393">
                  <c:v>0.39319999999999999</c:v>
                </c:pt>
                <c:pt idx="1394">
                  <c:v>0.4027</c:v>
                </c:pt>
                <c:pt idx="1395">
                  <c:v>0.40560000000000002</c:v>
                </c:pt>
                <c:pt idx="1396">
                  <c:v>0.40720000000000001</c:v>
                </c:pt>
                <c:pt idx="1397">
                  <c:v>0.4123</c:v>
                </c:pt>
                <c:pt idx="1398">
                  <c:v>0.4168</c:v>
                </c:pt>
                <c:pt idx="1399">
                  <c:v>0.41920000000000002</c:v>
                </c:pt>
                <c:pt idx="1400">
                  <c:v>0.4163</c:v>
                </c:pt>
                <c:pt idx="1401">
                  <c:v>0.4078</c:v>
                </c:pt>
                <c:pt idx="1402">
                  <c:v>0.40139999999999998</c:v>
                </c:pt>
                <c:pt idx="1403">
                  <c:v>0.40799999999999997</c:v>
                </c:pt>
                <c:pt idx="1404">
                  <c:v>0.41110000000000002</c:v>
                </c:pt>
                <c:pt idx="1405">
                  <c:v>0.41170000000000001</c:v>
                </c:pt>
                <c:pt idx="1406">
                  <c:v>0.40989999999999999</c:v>
                </c:pt>
                <c:pt idx="1407">
                  <c:v>0.40989999999999999</c:v>
                </c:pt>
                <c:pt idx="1408">
                  <c:v>0.4148</c:v>
                </c:pt>
                <c:pt idx="1409">
                  <c:v>0.41810000000000003</c:v>
                </c:pt>
                <c:pt idx="1410">
                  <c:v>0.42509999999999998</c:v>
                </c:pt>
                <c:pt idx="1411">
                  <c:v>0.42959999999999998</c:v>
                </c:pt>
                <c:pt idx="1412">
                  <c:v>0.43009999999999998</c:v>
                </c:pt>
                <c:pt idx="1413">
                  <c:v>0.42880000000000001</c:v>
                </c:pt>
                <c:pt idx="1414">
                  <c:v>0.42520000000000002</c:v>
                </c:pt>
                <c:pt idx="1415">
                  <c:v>0.42230000000000001</c:v>
                </c:pt>
                <c:pt idx="1416">
                  <c:v>0.42420000000000002</c:v>
                </c:pt>
                <c:pt idx="1417">
                  <c:v>0.42480000000000001</c:v>
                </c:pt>
                <c:pt idx="1418">
                  <c:v>0.42949999999999999</c:v>
                </c:pt>
                <c:pt idx="1419">
                  <c:v>0.43059999999999998</c:v>
                </c:pt>
                <c:pt idx="1420">
                  <c:v>0.42930000000000001</c:v>
                </c:pt>
                <c:pt idx="1421">
                  <c:v>0.4259</c:v>
                </c:pt>
                <c:pt idx="1422">
                  <c:v>0.4219</c:v>
                </c:pt>
                <c:pt idx="1423">
                  <c:v>0.42309999999999998</c:v>
                </c:pt>
                <c:pt idx="1424">
                  <c:v>0.42530000000000001</c:v>
                </c:pt>
                <c:pt idx="1425">
                  <c:v>0.4269</c:v>
                </c:pt>
                <c:pt idx="1426">
                  <c:v>0.42620000000000002</c:v>
                </c:pt>
                <c:pt idx="1427">
                  <c:v>0.42559999999999998</c:v>
                </c:pt>
                <c:pt idx="1428">
                  <c:v>0.42430000000000001</c:v>
                </c:pt>
                <c:pt idx="1429">
                  <c:v>0.42330000000000001</c:v>
                </c:pt>
                <c:pt idx="1430">
                  <c:v>0.4209</c:v>
                </c:pt>
                <c:pt idx="1431">
                  <c:v>0.41789999999999999</c:v>
                </c:pt>
                <c:pt idx="1432">
                  <c:v>0.41370000000000001</c:v>
                </c:pt>
                <c:pt idx="1433">
                  <c:v>0.41139999999999999</c:v>
                </c:pt>
                <c:pt idx="1434">
                  <c:v>0.41439999999999999</c:v>
                </c:pt>
                <c:pt idx="1435">
                  <c:v>0.41880000000000001</c:v>
                </c:pt>
                <c:pt idx="1436">
                  <c:v>0.4209</c:v>
                </c:pt>
                <c:pt idx="1437">
                  <c:v>0.42120000000000002</c:v>
                </c:pt>
                <c:pt idx="1438">
                  <c:v>0.4219</c:v>
                </c:pt>
                <c:pt idx="1439">
                  <c:v>0.42570000000000002</c:v>
                </c:pt>
                <c:pt idx="1440">
                  <c:v>0.4284</c:v>
                </c:pt>
                <c:pt idx="1441">
                  <c:v>0.43049999999999999</c:v>
                </c:pt>
                <c:pt idx="1442">
                  <c:v>0.43180000000000002</c:v>
                </c:pt>
                <c:pt idx="1443">
                  <c:v>0.435</c:v>
                </c:pt>
                <c:pt idx="1444">
                  <c:v>0.43640000000000001</c:v>
                </c:pt>
                <c:pt idx="1445">
                  <c:v>0.43490000000000001</c:v>
                </c:pt>
                <c:pt idx="1446">
                  <c:v>0.4365</c:v>
                </c:pt>
                <c:pt idx="1447">
                  <c:v>0.4405</c:v>
                </c:pt>
                <c:pt idx="1448">
                  <c:v>0.44269999999999998</c:v>
                </c:pt>
                <c:pt idx="1449">
                  <c:v>0.44240000000000002</c:v>
                </c:pt>
                <c:pt idx="1450">
                  <c:v>0.44140000000000001</c:v>
                </c:pt>
                <c:pt idx="1451">
                  <c:v>0.44400000000000001</c:v>
                </c:pt>
                <c:pt idx="1452">
                  <c:v>0.44269999999999998</c:v>
                </c:pt>
                <c:pt idx="1453">
                  <c:v>0.44280000000000003</c:v>
                </c:pt>
                <c:pt idx="1454">
                  <c:v>0.44140000000000001</c:v>
                </c:pt>
                <c:pt idx="1455">
                  <c:v>0.43569999999999998</c:v>
                </c:pt>
                <c:pt idx="1456">
                  <c:v>0.42980000000000002</c:v>
                </c:pt>
                <c:pt idx="1457">
                  <c:v>0.42509999999999998</c:v>
                </c:pt>
                <c:pt idx="1458">
                  <c:v>0.4244</c:v>
                </c:pt>
                <c:pt idx="1459">
                  <c:v>0.42320000000000002</c:v>
                </c:pt>
                <c:pt idx="1460">
                  <c:v>0.42399999999999999</c:v>
                </c:pt>
                <c:pt idx="1461">
                  <c:v>0.4304</c:v>
                </c:pt>
                <c:pt idx="1462">
                  <c:v>0.432</c:v>
                </c:pt>
                <c:pt idx="1463">
                  <c:v>0.42920000000000003</c:v>
                </c:pt>
                <c:pt idx="1464">
                  <c:v>0.42670000000000002</c:v>
                </c:pt>
                <c:pt idx="1465">
                  <c:v>0.42359999999999998</c:v>
                </c:pt>
                <c:pt idx="1466">
                  <c:v>0.42159999999999997</c:v>
                </c:pt>
                <c:pt idx="1467">
                  <c:v>0.42130000000000001</c:v>
                </c:pt>
                <c:pt idx="1468">
                  <c:v>0.42130000000000001</c:v>
                </c:pt>
                <c:pt idx="1469">
                  <c:v>0.41920000000000002</c:v>
                </c:pt>
                <c:pt idx="1470">
                  <c:v>0.41949999999999998</c:v>
                </c:pt>
                <c:pt idx="1471">
                  <c:v>0.41930000000000001</c:v>
                </c:pt>
                <c:pt idx="1472">
                  <c:v>0.42199999999999999</c:v>
                </c:pt>
                <c:pt idx="1473">
                  <c:v>0.42230000000000001</c:v>
                </c:pt>
                <c:pt idx="1474">
                  <c:v>0.42149999999999999</c:v>
                </c:pt>
                <c:pt idx="1475">
                  <c:v>0.42420000000000002</c:v>
                </c:pt>
                <c:pt idx="1476">
                  <c:v>0.42220000000000002</c:v>
                </c:pt>
                <c:pt idx="1477">
                  <c:v>0.41949999999999998</c:v>
                </c:pt>
                <c:pt idx="1478">
                  <c:v>0.41949999999999998</c:v>
                </c:pt>
                <c:pt idx="1479">
                  <c:v>0.41880000000000001</c:v>
                </c:pt>
                <c:pt idx="1480">
                  <c:v>0.42130000000000001</c:v>
                </c:pt>
                <c:pt idx="1481">
                  <c:v>0.42259999999999998</c:v>
                </c:pt>
                <c:pt idx="1482">
                  <c:v>0.41920000000000002</c:v>
                </c:pt>
                <c:pt idx="1483">
                  <c:v>0.41589999999999999</c:v>
                </c:pt>
                <c:pt idx="1484">
                  <c:v>0.41289999999999999</c:v>
                </c:pt>
                <c:pt idx="1485">
                  <c:v>0.40949999999999998</c:v>
                </c:pt>
                <c:pt idx="1486">
                  <c:v>0.40720000000000001</c:v>
                </c:pt>
                <c:pt idx="1487">
                  <c:v>0.40870000000000001</c:v>
                </c:pt>
                <c:pt idx="1488">
                  <c:v>0.41239999999999999</c:v>
                </c:pt>
                <c:pt idx="1489">
                  <c:v>0.4194</c:v>
                </c:pt>
                <c:pt idx="1490">
                  <c:v>0.42080000000000001</c:v>
                </c:pt>
                <c:pt idx="1491">
                  <c:v>0.41889999999999999</c:v>
                </c:pt>
                <c:pt idx="1492">
                  <c:v>0.4219</c:v>
                </c:pt>
                <c:pt idx="1493">
                  <c:v>0.4254</c:v>
                </c:pt>
                <c:pt idx="1494">
                  <c:v>0.42830000000000001</c:v>
                </c:pt>
                <c:pt idx="1495">
                  <c:v>0.4274</c:v>
                </c:pt>
                <c:pt idx="1496">
                  <c:v>0.4289</c:v>
                </c:pt>
                <c:pt idx="1497">
                  <c:v>0.42930000000000001</c:v>
                </c:pt>
                <c:pt idx="1498">
                  <c:v>0.42980000000000002</c:v>
                </c:pt>
                <c:pt idx="1499">
                  <c:v>0.42599999999999999</c:v>
                </c:pt>
                <c:pt idx="1500">
                  <c:v>0.42249999999999999</c:v>
                </c:pt>
                <c:pt idx="1501">
                  <c:v>0.42549999999999999</c:v>
                </c:pt>
                <c:pt idx="1502">
                  <c:v>0.42580000000000001</c:v>
                </c:pt>
                <c:pt idx="1503">
                  <c:v>0.4204</c:v>
                </c:pt>
                <c:pt idx="1504">
                  <c:v>0.41649999999999998</c:v>
                </c:pt>
                <c:pt idx="1505">
                  <c:v>0.41099999999999998</c:v>
                </c:pt>
                <c:pt idx="1506">
                  <c:v>0.40439999999999998</c:v>
                </c:pt>
                <c:pt idx="1507">
                  <c:v>0.40189999999999998</c:v>
                </c:pt>
                <c:pt idx="1508">
                  <c:v>0.39939999999999998</c:v>
                </c:pt>
                <c:pt idx="1509">
                  <c:v>0.41670000000000001</c:v>
                </c:pt>
                <c:pt idx="1510">
                  <c:v>0.4083</c:v>
                </c:pt>
                <c:pt idx="1511">
                  <c:v>0.40150000000000002</c:v>
                </c:pt>
                <c:pt idx="1512">
                  <c:v>0.40389999999999998</c:v>
                </c:pt>
                <c:pt idx="1513">
                  <c:v>0.4052</c:v>
                </c:pt>
                <c:pt idx="1514">
                  <c:v>0.40239999999999998</c:v>
                </c:pt>
                <c:pt idx="1515">
                  <c:v>0.39960000000000001</c:v>
                </c:pt>
                <c:pt idx="1516">
                  <c:v>0.40379999999999999</c:v>
                </c:pt>
                <c:pt idx="1517">
                  <c:v>0.41139999999999999</c:v>
                </c:pt>
                <c:pt idx="1518">
                  <c:v>0.43009999999999998</c:v>
                </c:pt>
                <c:pt idx="1519">
                  <c:v>0.45600000000000002</c:v>
                </c:pt>
                <c:pt idx="1520">
                  <c:v>0.51419999999999999</c:v>
                </c:pt>
                <c:pt idx="1521">
                  <c:v>0.56640000000000001</c:v>
                </c:pt>
                <c:pt idx="1522">
                  <c:v>0.61439999999999995</c:v>
                </c:pt>
                <c:pt idx="1523">
                  <c:v>0.66269999999999996</c:v>
                </c:pt>
                <c:pt idx="1524">
                  <c:v>0.71850000000000003</c:v>
                </c:pt>
                <c:pt idx="1525">
                  <c:v>0.75049999999999994</c:v>
                </c:pt>
                <c:pt idx="1526">
                  <c:v>0.77470000000000006</c:v>
                </c:pt>
                <c:pt idx="1527">
                  <c:v>0.78039999999999998</c:v>
                </c:pt>
                <c:pt idx="1528">
                  <c:v>0.77649999999999997</c:v>
                </c:pt>
                <c:pt idx="1529">
                  <c:v>0.76429999999999998</c:v>
                </c:pt>
                <c:pt idx="1530">
                  <c:v>0.77070000000000005</c:v>
                </c:pt>
                <c:pt idx="1531">
                  <c:v>0.79479999999999995</c:v>
                </c:pt>
                <c:pt idx="1532">
                  <c:v>0.79359999999999997</c:v>
                </c:pt>
                <c:pt idx="1533">
                  <c:v>0.78</c:v>
                </c:pt>
                <c:pt idx="1534">
                  <c:v>0.75560000000000005</c:v>
                </c:pt>
                <c:pt idx="1535">
                  <c:v>0.73719999999999997</c:v>
                </c:pt>
                <c:pt idx="1536">
                  <c:v>0.72399999999999998</c:v>
                </c:pt>
                <c:pt idx="1537">
                  <c:v>0.72740000000000005</c:v>
                </c:pt>
                <c:pt idx="1538">
                  <c:v>0.74790000000000001</c:v>
                </c:pt>
                <c:pt idx="1539">
                  <c:v>0.75890000000000002</c:v>
                </c:pt>
                <c:pt idx="1540">
                  <c:v>0.77739999999999998</c:v>
                </c:pt>
                <c:pt idx="1541">
                  <c:v>0.79349999999999998</c:v>
                </c:pt>
                <c:pt idx="1542">
                  <c:v>0.80230000000000001</c:v>
                </c:pt>
                <c:pt idx="1543">
                  <c:v>0.7994</c:v>
                </c:pt>
                <c:pt idx="1544">
                  <c:v>0.78610000000000002</c:v>
                </c:pt>
                <c:pt idx="1545">
                  <c:v>0.7772</c:v>
                </c:pt>
                <c:pt idx="1546">
                  <c:v>0.77259999999999995</c:v>
                </c:pt>
                <c:pt idx="1547">
                  <c:v>0.74199999999999999</c:v>
                </c:pt>
                <c:pt idx="1548">
                  <c:v>0.71040000000000003</c:v>
                </c:pt>
                <c:pt idx="1549">
                  <c:v>0.66349999999999998</c:v>
                </c:pt>
                <c:pt idx="1550">
                  <c:v>0.60840000000000005</c:v>
                </c:pt>
                <c:pt idx="1551">
                  <c:v>0.5887</c:v>
                </c:pt>
                <c:pt idx="1552">
                  <c:v>0.60129999999999995</c:v>
                </c:pt>
                <c:pt idx="1553">
                  <c:v>0.60319999999999996</c:v>
                </c:pt>
                <c:pt idx="1554">
                  <c:v>0.59330000000000005</c:v>
                </c:pt>
                <c:pt idx="1555">
                  <c:v>0.59919999999999995</c:v>
                </c:pt>
                <c:pt idx="1556">
                  <c:v>0.60919999999999996</c:v>
                </c:pt>
                <c:pt idx="1557">
                  <c:v>0.60660000000000003</c:v>
                </c:pt>
                <c:pt idx="1558">
                  <c:v>0.61929999999999996</c:v>
                </c:pt>
                <c:pt idx="1559">
                  <c:v>0.63600000000000001</c:v>
                </c:pt>
                <c:pt idx="1560">
                  <c:v>0.67110000000000003</c:v>
                </c:pt>
                <c:pt idx="1561">
                  <c:v>0.71940000000000004</c:v>
                </c:pt>
                <c:pt idx="1562">
                  <c:v>0.78620000000000001</c:v>
                </c:pt>
                <c:pt idx="1563">
                  <c:v>0.89190000000000003</c:v>
                </c:pt>
                <c:pt idx="1564">
                  <c:v>1.0206</c:v>
                </c:pt>
                <c:pt idx="1565">
                  <c:v>1.1221000000000001</c:v>
                </c:pt>
                <c:pt idx="1566">
                  <c:v>1.1707000000000001</c:v>
                </c:pt>
                <c:pt idx="1567">
                  <c:v>1.1788000000000001</c:v>
                </c:pt>
                <c:pt idx="1568">
                  <c:v>1.1596</c:v>
                </c:pt>
                <c:pt idx="1569">
                  <c:v>1.1272</c:v>
                </c:pt>
                <c:pt idx="1570">
                  <c:v>1.0871999999999999</c:v>
                </c:pt>
                <c:pt idx="1571">
                  <c:v>1.0643</c:v>
                </c:pt>
                <c:pt idx="1572">
                  <c:v>1.0274000000000001</c:v>
                </c:pt>
                <c:pt idx="1573">
                  <c:v>0.98770000000000002</c:v>
                </c:pt>
                <c:pt idx="1574">
                  <c:v>0.94610000000000005</c:v>
                </c:pt>
                <c:pt idx="1575">
                  <c:v>0.89670000000000005</c:v>
                </c:pt>
                <c:pt idx="1576">
                  <c:v>0.83460000000000001</c:v>
                </c:pt>
                <c:pt idx="1577">
                  <c:v>0.79159999999999997</c:v>
                </c:pt>
                <c:pt idx="1578">
                  <c:v>0.76910000000000001</c:v>
                </c:pt>
                <c:pt idx="1579">
                  <c:v>0.76859999999999995</c:v>
                </c:pt>
                <c:pt idx="1580">
                  <c:v>0.752</c:v>
                </c:pt>
                <c:pt idx="1581">
                  <c:v>0.74550000000000005</c:v>
                </c:pt>
                <c:pt idx="1582">
                  <c:v>0.78349999999999997</c:v>
                </c:pt>
                <c:pt idx="1583">
                  <c:v>0.82499999999999996</c:v>
                </c:pt>
                <c:pt idx="1584">
                  <c:v>0.91749999999999998</c:v>
                </c:pt>
                <c:pt idx="1585">
                  <c:v>1.1028</c:v>
                </c:pt>
                <c:pt idx="1586">
                  <c:v>1.3190999999999999</c:v>
                </c:pt>
                <c:pt idx="1587">
                  <c:v>1.5150999999999999</c:v>
                </c:pt>
                <c:pt idx="1588">
                  <c:v>1.6533</c:v>
                </c:pt>
                <c:pt idx="1589">
                  <c:v>1.7103999999999999</c:v>
                </c:pt>
                <c:pt idx="1590">
                  <c:v>1.6833</c:v>
                </c:pt>
                <c:pt idx="1591">
                  <c:v>1.6112</c:v>
                </c:pt>
                <c:pt idx="1592">
                  <c:v>1.5249999999999999</c:v>
                </c:pt>
                <c:pt idx="1593">
                  <c:v>1.4218999999999999</c:v>
                </c:pt>
                <c:pt idx="1594">
                  <c:v>1.3223</c:v>
                </c:pt>
                <c:pt idx="1595">
                  <c:v>1.2236</c:v>
                </c:pt>
                <c:pt idx="1596">
                  <c:v>1.1287</c:v>
                </c:pt>
                <c:pt idx="1597">
                  <c:v>1.0583</c:v>
                </c:pt>
                <c:pt idx="1598">
                  <c:v>1.0116000000000001</c:v>
                </c:pt>
                <c:pt idx="1599">
                  <c:v>0.96870000000000001</c:v>
                </c:pt>
                <c:pt idx="1600">
                  <c:v>0.90990000000000004</c:v>
                </c:pt>
                <c:pt idx="1601">
                  <c:v>0.85260000000000002</c:v>
                </c:pt>
                <c:pt idx="1602">
                  <c:v>0.80520000000000003</c:v>
                </c:pt>
                <c:pt idx="1603">
                  <c:v>0.76349999999999996</c:v>
                </c:pt>
                <c:pt idx="1604">
                  <c:v>0.70289999999999997</c:v>
                </c:pt>
                <c:pt idx="1605">
                  <c:v>0.65069999999999995</c:v>
                </c:pt>
                <c:pt idx="1606">
                  <c:v>0.60540000000000005</c:v>
                </c:pt>
                <c:pt idx="1607">
                  <c:v>0.56599999999999995</c:v>
                </c:pt>
                <c:pt idx="1608">
                  <c:v>0.55869999999999997</c:v>
                </c:pt>
                <c:pt idx="1609">
                  <c:v>0.56930000000000003</c:v>
                </c:pt>
                <c:pt idx="1610">
                  <c:v>0.58189999999999997</c:v>
                </c:pt>
                <c:pt idx="1611">
                  <c:v>0.58320000000000005</c:v>
                </c:pt>
                <c:pt idx="1612">
                  <c:v>0.56669999999999998</c:v>
                </c:pt>
                <c:pt idx="1613">
                  <c:v>0.54610000000000003</c:v>
                </c:pt>
                <c:pt idx="1614">
                  <c:v>0.52200000000000002</c:v>
                </c:pt>
                <c:pt idx="1615">
                  <c:v>0.49830000000000002</c:v>
                </c:pt>
                <c:pt idx="1616">
                  <c:v>0.4667</c:v>
                </c:pt>
                <c:pt idx="1617">
                  <c:v>0.44409999999999999</c:v>
                </c:pt>
                <c:pt idx="1618">
                  <c:v>0.43209999999999998</c:v>
                </c:pt>
                <c:pt idx="1619">
                  <c:v>0.43790000000000001</c:v>
                </c:pt>
                <c:pt idx="1620">
                  <c:v>0.4627</c:v>
                </c:pt>
                <c:pt idx="1621">
                  <c:v>0.48430000000000001</c:v>
                </c:pt>
                <c:pt idx="1622">
                  <c:v>0.5071</c:v>
                </c:pt>
                <c:pt idx="1623">
                  <c:v>0.52500000000000002</c:v>
                </c:pt>
                <c:pt idx="1624">
                  <c:v>0.52029999999999998</c:v>
                </c:pt>
                <c:pt idx="1625">
                  <c:v>0.52210000000000001</c:v>
                </c:pt>
                <c:pt idx="1626">
                  <c:v>0.52180000000000004</c:v>
                </c:pt>
                <c:pt idx="1627">
                  <c:v>0.51839999999999997</c:v>
                </c:pt>
                <c:pt idx="1628">
                  <c:v>0.50460000000000005</c:v>
                </c:pt>
                <c:pt idx="1629">
                  <c:v>0.48899999999999999</c:v>
                </c:pt>
                <c:pt idx="1630">
                  <c:v>0.47399999999999998</c:v>
                </c:pt>
                <c:pt idx="1631">
                  <c:v>0.46079999999999999</c:v>
                </c:pt>
                <c:pt idx="1632">
                  <c:v>0.45619999999999999</c:v>
                </c:pt>
                <c:pt idx="1633">
                  <c:v>0.46529999999999999</c:v>
                </c:pt>
                <c:pt idx="1634">
                  <c:v>0.47089999999999999</c:v>
                </c:pt>
                <c:pt idx="1635">
                  <c:v>0.48549999999999999</c:v>
                </c:pt>
                <c:pt idx="1636">
                  <c:v>0.51329999999999998</c:v>
                </c:pt>
                <c:pt idx="1637">
                  <c:v>0.53269999999999995</c:v>
                </c:pt>
                <c:pt idx="1638">
                  <c:v>0.54759999999999998</c:v>
                </c:pt>
                <c:pt idx="1639">
                  <c:v>0.55630000000000002</c:v>
                </c:pt>
                <c:pt idx="1640">
                  <c:v>0.56420000000000003</c:v>
                </c:pt>
                <c:pt idx="1641">
                  <c:v>0.56440000000000001</c:v>
                </c:pt>
                <c:pt idx="1642">
                  <c:v>0.56850000000000001</c:v>
                </c:pt>
                <c:pt idx="1643">
                  <c:v>0.56200000000000006</c:v>
                </c:pt>
                <c:pt idx="1644">
                  <c:v>0.54239999999999999</c:v>
                </c:pt>
                <c:pt idx="1645">
                  <c:v>0.5141</c:v>
                </c:pt>
                <c:pt idx="1646">
                  <c:v>0.48320000000000002</c:v>
                </c:pt>
                <c:pt idx="1647">
                  <c:v>0.4879</c:v>
                </c:pt>
                <c:pt idx="1648">
                  <c:v>0.50309999999999999</c:v>
                </c:pt>
                <c:pt idx="1649">
                  <c:v>0.51180000000000003</c:v>
                </c:pt>
                <c:pt idx="1650">
                  <c:v>0.52359999999999995</c:v>
                </c:pt>
                <c:pt idx="1651">
                  <c:v>0.53269999999999995</c:v>
                </c:pt>
                <c:pt idx="1652">
                  <c:v>0.5262</c:v>
                </c:pt>
                <c:pt idx="1653">
                  <c:v>0.51300000000000001</c:v>
                </c:pt>
                <c:pt idx="1654">
                  <c:v>0.50749999999999995</c:v>
                </c:pt>
                <c:pt idx="1655">
                  <c:v>0.50800000000000001</c:v>
                </c:pt>
                <c:pt idx="1656">
                  <c:v>0.51439999999999997</c:v>
                </c:pt>
                <c:pt idx="1657">
                  <c:v>0.51070000000000004</c:v>
                </c:pt>
                <c:pt idx="1658">
                  <c:v>0.4914</c:v>
                </c:pt>
                <c:pt idx="1659">
                  <c:v>0.48199999999999998</c:v>
                </c:pt>
                <c:pt idx="1660">
                  <c:v>0.50360000000000005</c:v>
                </c:pt>
                <c:pt idx="1661">
                  <c:v>0.59370000000000001</c:v>
                </c:pt>
                <c:pt idx="1662">
                  <c:v>0.69220000000000004</c:v>
                </c:pt>
                <c:pt idx="1663">
                  <c:v>0.75880000000000003</c:v>
                </c:pt>
                <c:pt idx="1664">
                  <c:v>0.84189999999999998</c:v>
                </c:pt>
                <c:pt idx="1665">
                  <c:v>0.85419999999999996</c:v>
                </c:pt>
                <c:pt idx="1666">
                  <c:v>0.81569999999999998</c:v>
                </c:pt>
                <c:pt idx="1667">
                  <c:v>0.75800000000000001</c:v>
                </c:pt>
                <c:pt idx="1668">
                  <c:v>0.69599999999999995</c:v>
                </c:pt>
                <c:pt idx="1669">
                  <c:v>0.63980000000000004</c:v>
                </c:pt>
                <c:pt idx="1670">
                  <c:v>0.59379999999999999</c:v>
                </c:pt>
                <c:pt idx="1671">
                  <c:v>0.54239999999999999</c:v>
                </c:pt>
                <c:pt idx="1672">
                  <c:v>0.50480000000000003</c:v>
                </c:pt>
                <c:pt idx="1673">
                  <c:v>0.49659999999999999</c:v>
                </c:pt>
                <c:pt idx="1674">
                  <c:v>0.48620000000000002</c:v>
                </c:pt>
                <c:pt idx="1675">
                  <c:v>0.47670000000000001</c:v>
                </c:pt>
                <c:pt idx="1676">
                  <c:v>0.47549999999999998</c:v>
                </c:pt>
                <c:pt idx="1677">
                  <c:v>0.4763</c:v>
                </c:pt>
                <c:pt idx="1678">
                  <c:v>0.47539999999999999</c:v>
                </c:pt>
                <c:pt idx="1679">
                  <c:v>0.47410000000000002</c:v>
                </c:pt>
                <c:pt idx="1680">
                  <c:v>0.4748</c:v>
                </c:pt>
                <c:pt idx="1681">
                  <c:v>0.4798</c:v>
                </c:pt>
                <c:pt idx="1682">
                  <c:v>0.47960000000000003</c:v>
                </c:pt>
                <c:pt idx="1683">
                  <c:v>0.47699999999999998</c:v>
                </c:pt>
                <c:pt idx="1684">
                  <c:v>0.47470000000000001</c:v>
                </c:pt>
                <c:pt idx="1685">
                  <c:v>0.47349999999999998</c:v>
                </c:pt>
                <c:pt idx="1686">
                  <c:v>0.47520000000000001</c:v>
                </c:pt>
                <c:pt idx="1687">
                  <c:v>0.47470000000000001</c:v>
                </c:pt>
                <c:pt idx="1688">
                  <c:v>0.46789999999999998</c:v>
                </c:pt>
                <c:pt idx="1689">
                  <c:v>0.46279999999999999</c:v>
                </c:pt>
                <c:pt idx="1690">
                  <c:v>0.46350000000000002</c:v>
                </c:pt>
                <c:pt idx="1691">
                  <c:v>0.46100000000000002</c:v>
                </c:pt>
                <c:pt idx="1692">
                  <c:v>0.4607</c:v>
                </c:pt>
                <c:pt idx="1693">
                  <c:v>0.46279999999999999</c:v>
                </c:pt>
                <c:pt idx="1694">
                  <c:v>0.46410000000000001</c:v>
                </c:pt>
                <c:pt idx="1695">
                  <c:v>0.46160000000000001</c:v>
                </c:pt>
                <c:pt idx="1696">
                  <c:v>0.45960000000000001</c:v>
                </c:pt>
                <c:pt idx="1697">
                  <c:v>0.45889999999999997</c:v>
                </c:pt>
                <c:pt idx="1698">
                  <c:v>0.45650000000000002</c:v>
                </c:pt>
                <c:pt idx="1699">
                  <c:v>0.45519999999999999</c:v>
                </c:pt>
                <c:pt idx="1700">
                  <c:v>0.45900000000000002</c:v>
                </c:pt>
                <c:pt idx="1701">
                  <c:v>0.46310000000000001</c:v>
                </c:pt>
                <c:pt idx="1702">
                  <c:v>0.46300000000000002</c:v>
                </c:pt>
                <c:pt idx="1703">
                  <c:v>0.46200000000000002</c:v>
                </c:pt>
                <c:pt idx="1704">
                  <c:v>0.46550000000000002</c:v>
                </c:pt>
                <c:pt idx="1705">
                  <c:v>0.46610000000000001</c:v>
                </c:pt>
                <c:pt idx="1706">
                  <c:v>0.46129999999999999</c:v>
                </c:pt>
                <c:pt idx="1707">
                  <c:v>0.4602</c:v>
                </c:pt>
                <c:pt idx="1708">
                  <c:v>0.45989999999999998</c:v>
                </c:pt>
                <c:pt idx="1709">
                  <c:v>0.45929999999999999</c:v>
                </c:pt>
                <c:pt idx="1710">
                  <c:v>0.45810000000000001</c:v>
                </c:pt>
                <c:pt idx="1711">
                  <c:v>0.45650000000000002</c:v>
                </c:pt>
                <c:pt idx="1712">
                  <c:v>0.45789999999999997</c:v>
                </c:pt>
                <c:pt idx="1713">
                  <c:v>0.46089999999999998</c:v>
                </c:pt>
                <c:pt idx="1714">
                  <c:v>0.46260000000000001</c:v>
                </c:pt>
                <c:pt idx="1715">
                  <c:v>0.4667</c:v>
                </c:pt>
                <c:pt idx="1716">
                  <c:v>0.4622</c:v>
                </c:pt>
                <c:pt idx="1717">
                  <c:v>0.45989999999999998</c:v>
                </c:pt>
                <c:pt idx="1718">
                  <c:v>0.4587</c:v>
                </c:pt>
                <c:pt idx="1719">
                  <c:v>0.4592</c:v>
                </c:pt>
                <c:pt idx="1720">
                  <c:v>0.46539999999999998</c:v>
                </c:pt>
                <c:pt idx="1721">
                  <c:v>0.47010000000000002</c:v>
                </c:pt>
                <c:pt idx="1722">
                  <c:v>0.46949999999999997</c:v>
                </c:pt>
                <c:pt idx="1723">
                  <c:v>0.46970000000000001</c:v>
                </c:pt>
                <c:pt idx="1724">
                  <c:v>0.46700000000000003</c:v>
                </c:pt>
                <c:pt idx="1725">
                  <c:v>0.46329999999999999</c:v>
                </c:pt>
                <c:pt idx="1726">
                  <c:v>0.46239999999999998</c:v>
                </c:pt>
                <c:pt idx="1727">
                  <c:v>0.46079999999999999</c:v>
                </c:pt>
                <c:pt idx="1728">
                  <c:v>0.46400000000000002</c:v>
                </c:pt>
                <c:pt idx="1729">
                  <c:v>0.46689999999999998</c:v>
                </c:pt>
                <c:pt idx="1730">
                  <c:v>0.46510000000000001</c:v>
                </c:pt>
                <c:pt idx="1731">
                  <c:v>0.4647</c:v>
                </c:pt>
                <c:pt idx="1732">
                  <c:v>0.47349999999999998</c:v>
                </c:pt>
                <c:pt idx="1733">
                  <c:v>0.47560000000000002</c:v>
                </c:pt>
                <c:pt idx="1734">
                  <c:v>0.47670000000000001</c:v>
                </c:pt>
                <c:pt idx="1735">
                  <c:v>0.47560000000000002</c:v>
                </c:pt>
                <c:pt idx="1736">
                  <c:v>0.47139999999999999</c:v>
                </c:pt>
                <c:pt idx="1737">
                  <c:v>0.46710000000000002</c:v>
                </c:pt>
                <c:pt idx="1738">
                  <c:v>0.46539999999999998</c:v>
                </c:pt>
                <c:pt idx="1739">
                  <c:v>0.46550000000000002</c:v>
                </c:pt>
                <c:pt idx="1740">
                  <c:v>0.4718</c:v>
                </c:pt>
                <c:pt idx="1741">
                  <c:v>0.47189999999999999</c:v>
                </c:pt>
                <c:pt idx="1742">
                  <c:v>0.46739999999999998</c:v>
                </c:pt>
                <c:pt idx="1743">
                  <c:v>0.46579999999999999</c:v>
                </c:pt>
                <c:pt idx="1744">
                  <c:v>0.46529999999999999</c:v>
                </c:pt>
                <c:pt idx="1745">
                  <c:v>0.47010000000000002</c:v>
                </c:pt>
                <c:pt idx="1746">
                  <c:v>0.47370000000000001</c:v>
                </c:pt>
                <c:pt idx="1747">
                  <c:v>0.47749999999999998</c:v>
                </c:pt>
                <c:pt idx="1748">
                  <c:v>0.47770000000000001</c:v>
                </c:pt>
                <c:pt idx="1749">
                  <c:v>0.47870000000000001</c:v>
                </c:pt>
                <c:pt idx="1750">
                  <c:v>0.47889999999999999</c:v>
                </c:pt>
                <c:pt idx="1751">
                  <c:v>0.47760000000000002</c:v>
                </c:pt>
                <c:pt idx="1752">
                  <c:v>0.48070000000000002</c:v>
                </c:pt>
                <c:pt idx="1753">
                  <c:v>0.48209999999999997</c:v>
                </c:pt>
                <c:pt idx="1754">
                  <c:v>0.4738</c:v>
                </c:pt>
                <c:pt idx="1755">
                  <c:v>0.47239999999999999</c:v>
                </c:pt>
                <c:pt idx="1756">
                  <c:v>0.47120000000000001</c:v>
                </c:pt>
                <c:pt idx="1757">
                  <c:v>0.46920000000000001</c:v>
                </c:pt>
                <c:pt idx="1758">
                  <c:v>0.46939999999999998</c:v>
                </c:pt>
                <c:pt idx="1759">
                  <c:v>0.46800000000000003</c:v>
                </c:pt>
                <c:pt idx="1760">
                  <c:v>0.46750000000000003</c:v>
                </c:pt>
                <c:pt idx="1761">
                  <c:v>0.47020000000000001</c:v>
                </c:pt>
                <c:pt idx="1762">
                  <c:v>0.47210000000000002</c:v>
                </c:pt>
                <c:pt idx="1763">
                  <c:v>0.47289999999999999</c:v>
                </c:pt>
                <c:pt idx="1764">
                  <c:v>0.47020000000000001</c:v>
                </c:pt>
                <c:pt idx="1765">
                  <c:v>0.46660000000000001</c:v>
                </c:pt>
                <c:pt idx="1766">
                  <c:v>0.46710000000000002</c:v>
                </c:pt>
                <c:pt idx="1767">
                  <c:v>0.46920000000000001</c:v>
                </c:pt>
                <c:pt idx="1768">
                  <c:v>0.47139999999999999</c:v>
                </c:pt>
                <c:pt idx="1769">
                  <c:v>0.47360000000000002</c:v>
                </c:pt>
                <c:pt idx="1770">
                  <c:v>0.47089999999999999</c:v>
                </c:pt>
                <c:pt idx="1771">
                  <c:v>0.46629999999999999</c:v>
                </c:pt>
                <c:pt idx="1772">
                  <c:v>0.46400000000000002</c:v>
                </c:pt>
                <c:pt idx="1773">
                  <c:v>0.46589999999999998</c:v>
                </c:pt>
                <c:pt idx="1774">
                  <c:v>0.46839999999999998</c:v>
                </c:pt>
                <c:pt idx="1775">
                  <c:v>0.47049999999999997</c:v>
                </c:pt>
                <c:pt idx="1776">
                  <c:v>0.47210000000000002</c:v>
                </c:pt>
                <c:pt idx="1777">
                  <c:v>0.4703</c:v>
                </c:pt>
                <c:pt idx="1778">
                  <c:v>0.46920000000000001</c:v>
                </c:pt>
                <c:pt idx="1779">
                  <c:v>0.46899999999999997</c:v>
                </c:pt>
                <c:pt idx="1780">
                  <c:v>0.46589999999999998</c:v>
                </c:pt>
                <c:pt idx="1781">
                  <c:v>0.4652</c:v>
                </c:pt>
                <c:pt idx="1782">
                  <c:v>0.46189999999999998</c:v>
                </c:pt>
                <c:pt idx="1783">
                  <c:v>0.4592</c:v>
                </c:pt>
                <c:pt idx="1784">
                  <c:v>0.45939999999999998</c:v>
                </c:pt>
                <c:pt idx="1785">
                  <c:v>0.45900000000000002</c:v>
                </c:pt>
                <c:pt idx="1786">
                  <c:v>0.45800000000000002</c:v>
                </c:pt>
                <c:pt idx="1787">
                  <c:v>0.4627</c:v>
                </c:pt>
                <c:pt idx="1788">
                  <c:v>0.4637</c:v>
                </c:pt>
                <c:pt idx="1789">
                  <c:v>0.46579999999999999</c:v>
                </c:pt>
                <c:pt idx="1790">
                  <c:v>0.47020000000000001</c:v>
                </c:pt>
                <c:pt idx="1791">
                  <c:v>0.47320000000000001</c:v>
                </c:pt>
                <c:pt idx="1792">
                  <c:v>0.47310000000000002</c:v>
                </c:pt>
                <c:pt idx="1793">
                  <c:v>0.47649999999999998</c:v>
                </c:pt>
                <c:pt idx="1794">
                  <c:v>0.47760000000000002</c:v>
                </c:pt>
                <c:pt idx="1795">
                  <c:v>0.4773</c:v>
                </c:pt>
                <c:pt idx="1796">
                  <c:v>0.47799999999999998</c:v>
                </c:pt>
                <c:pt idx="1797">
                  <c:v>0.48</c:v>
                </c:pt>
                <c:pt idx="1798">
                  <c:v>0.48220000000000002</c:v>
                </c:pt>
                <c:pt idx="1799">
                  <c:v>0.48280000000000001</c:v>
                </c:pt>
                <c:pt idx="1800">
                  <c:v>0.48110000000000003</c:v>
                </c:pt>
                <c:pt idx="1801">
                  <c:v>0.48080000000000001</c:v>
                </c:pt>
                <c:pt idx="1802">
                  <c:v>0.48380000000000001</c:v>
                </c:pt>
                <c:pt idx="1803">
                  <c:v>0.4834</c:v>
                </c:pt>
                <c:pt idx="1804">
                  <c:v>0.48139999999999999</c:v>
                </c:pt>
                <c:pt idx="1805">
                  <c:v>0.47960000000000003</c:v>
                </c:pt>
                <c:pt idx="1806">
                  <c:v>0.47539999999999999</c:v>
                </c:pt>
                <c:pt idx="1807">
                  <c:v>0.47060000000000002</c:v>
                </c:pt>
                <c:pt idx="1808">
                  <c:v>0.46970000000000001</c:v>
                </c:pt>
                <c:pt idx="1809">
                  <c:v>0.46789999999999998</c:v>
                </c:pt>
                <c:pt idx="1810">
                  <c:v>0.4657</c:v>
                </c:pt>
                <c:pt idx="1811">
                  <c:v>0.46329999999999999</c:v>
                </c:pt>
                <c:pt idx="1812">
                  <c:v>0.45879999999999999</c:v>
                </c:pt>
                <c:pt idx="1813">
                  <c:v>0.45710000000000001</c:v>
                </c:pt>
                <c:pt idx="1814">
                  <c:v>0.45839999999999997</c:v>
                </c:pt>
                <c:pt idx="1815">
                  <c:v>0.45789999999999997</c:v>
                </c:pt>
                <c:pt idx="1816">
                  <c:v>0.45569999999999999</c:v>
                </c:pt>
                <c:pt idx="1817">
                  <c:v>0.45779999999999998</c:v>
                </c:pt>
                <c:pt idx="1818">
                  <c:v>0.4587</c:v>
                </c:pt>
                <c:pt idx="1819">
                  <c:v>0.45739999999999997</c:v>
                </c:pt>
                <c:pt idx="1820">
                  <c:v>0.45500000000000002</c:v>
                </c:pt>
                <c:pt idx="1821">
                  <c:v>0.4521</c:v>
                </c:pt>
                <c:pt idx="1822">
                  <c:v>0.45229999999999998</c:v>
                </c:pt>
                <c:pt idx="1823">
                  <c:v>0.45229999999999998</c:v>
                </c:pt>
                <c:pt idx="1824">
                  <c:v>0.44979999999999998</c:v>
                </c:pt>
                <c:pt idx="1825">
                  <c:v>0.44500000000000001</c:v>
                </c:pt>
                <c:pt idx="1826">
                  <c:v>0.44009999999999999</c:v>
                </c:pt>
                <c:pt idx="1827">
                  <c:v>0.43790000000000001</c:v>
                </c:pt>
                <c:pt idx="1828">
                  <c:v>0.43709999999999999</c:v>
                </c:pt>
                <c:pt idx="1829">
                  <c:v>0.438</c:v>
                </c:pt>
                <c:pt idx="1830">
                  <c:v>0.43609999999999999</c:v>
                </c:pt>
                <c:pt idx="1831">
                  <c:v>0.4365</c:v>
                </c:pt>
                <c:pt idx="1832">
                  <c:v>0.43580000000000002</c:v>
                </c:pt>
                <c:pt idx="1833">
                  <c:v>0.43930000000000002</c:v>
                </c:pt>
                <c:pt idx="1834">
                  <c:v>0.43959999999999999</c:v>
                </c:pt>
                <c:pt idx="1835">
                  <c:v>0.43869999999999998</c:v>
                </c:pt>
                <c:pt idx="1836">
                  <c:v>0.43619999999999998</c:v>
                </c:pt>
                <c:pt idx="1837">
                  <c:v>0.43469999999999998</c:v>
                </c:pt>
                <c:pt idx="1838">
                  <c:v>0.43380000000000002</c:v>
                </c:pt>
                <c:pt idx="1839">
                  <c:v>0.434</c:v>
                </c:pt>
                <c:pt idx="1840">
                  <c:v>0.43480000000000002</c:v>
                </c:pt>
                <c:pt idx="1841">
                  <c:v>0.44190000000000002</c:v>
                </c:pt>
                <c:pt idx="1842">
                  <c:v>0.44290000000000002</c:v>
                </c:pt>
                <c:pt idx="1843">
                  <c:v>0.44319999999999998</c:v>
                </c:pt>
                <c:pt idx="1844">
                  <c:v>0.44309999999999999</c:v>
                </c:pt>
                <c:pt idx="1845">
                  <c:v>0.44629999999999997</c:v>
                </c:pt>
                <c:pt idx="1846">
                  <c:v>0.45169999999999999</c:v>
                </c:pt>
                <c:pt idx="1847">
                  <c:v>0.46260000000000001</c:v>
                </c:pt>
                <c:pt idx="1848">
                  <c:v>0.47060000000000002</c:v>
                </c:pt>
                <c:pt idx="1849">
                  <c:v>0.48359999999999997</c:v>
                </c:pt>
                <c:pt idx="1850">
                  <c:v>0.495</c:v>
                </c:pt>
                <c:pt idx="1851">
                  <c:v>0.51249999999999996</c:v>
                </c:pt>
                <c:pt idx="1852">
                  <c:v>0.53610000000000002</c:v>
                </c:pt>
                <c:pt idx="1853">
                  <c:v>0.54790000000000005</c:v>
                </c:pt>
                <c:pt idx="1854">
                  <c:v>0.53820000000000001</c:v>
                </c:pt>
                <c:pt idx="1855">
                  <c:v>0.53180000000000005</c:v>
                </c:pt>
                <c:pt idx="1856">
                  <c:v>0.5181</c:v>
                </c:pt>
                <c:pt idx="1857">
                  <c:v>0.51060000000000005</c:v>
                </c:pt>
                <c:pt idx="1858">
                  <c:v>0.53459999999999996</c:v>
                </c:pt>
                <c:pt idx="1859">
                  <c:v>0.62050000000000005</c:v>
                </c:pt>
                <c:pt idx="1860">
                  <c:v>0.83350000000000002</c:v>
                </c:pt>
                <c:pt idx="1861">
                  <c:v>1.1629</c:v>
                </c:pt>
                <c:pt idx="1862">
                  <c:v>1.6246</c:v>
                </c:pt>
                <c:pt idx="1863">
                  <c:v>2.1774</c:v>
                </c:pt>
                <c:pt idx="1864">
                  <c:v>2.6229</c:v>
                </c:pt>
                <c:pt idx="1865">
                  <c:v>2.8805000000000001</c:v>
                </c:pt>
                <c:pt idx="1866">
                  <c:v>3.0289999999999999</c:v>
                </c:pt>
                <c:pt idx="1867">
                  <c:v>3.0474999999999999</c:v>
                </c:pt>
                <c:pt idx="1868">
                  <c:v>3.0581</c:v>
                </c:pt>
                <c:pt idx="1869">
                  <c:v>3.0164</c:v>
                </c:pt>
                <c:pt idx="1870">
                  <c:v>2.9847000000000001</c:v>
                </c:pt>
                <c:pt idx="1871">
                  <c:v>2.9319000000000002</c:v>
                </c:pt>
                <c:pt idx="1872">
                  <c:v>2.8435999999999999</c:v>
                </c:pt>
                <c:pt idx="1873">
                  <c:v>2.4123000000000001</c:v>
                </c:pt>
                <c:pt idx="1874">
                  <c:v>2.2435999999999998</c:v>
                </c:pt>
                <c:pt idx="1875">
                  <c:v>2.1541999999999999</c:v>
                </c:pt>
                <c:pt idx="1876">
                  <c:v>2.7412999999999998</c:v>
                </c:pt>
                <c:pt idx="1877">
                  <c:v>2.7233999999999998</c:v>
                </c:pt>
                <c:pt idx="1878">
                  <c:v>2.6113</c:v>
                </c:pt>
                <c:pt idx="1879">
                  <c:v>2.5705</c:v>
                </c:pt>
                <c:pt idx="1880">
                  <c:v>2.4205999999999999</c:v>
                </c:pt>
                <c:pt idx="1881">
                  <c:v>2.2955000000000001</c:v>
                </c:pt>
                <c:pt idx="1882">
                  <c:v>2.1522999999999999</c:v>
                </c:pt>
                <c:pt idx="1883">
                  <c:v>1.9916</c:v>
                </c:pt>
                <c:pt idx="1884">
                  <c:v>1.8623000000000001</c:v>
                </c:pt>
                <c:pt idx="1885">
                  <c:v>1.6431</c:v>
                </c:pt>
                <c:pt idx="1886">
                  <c:v>1.3885000000000001</c:v>
                </c:pt>
                <c:pt idx="1887">
                  <c:v>1.1524000000000001</c:v>
                </c:pt>
                <c:pt idx="1888">
                  <c:v>1.1195999999999999</c:v>
                </c:pt>
                <c:pt idx="1889">
                  <c:v>1.0899000000000001</c:v>
                </c:pt>
                <c:pt idx="1890">
                  <c:v>1.1000000000000001</c:v>
                </c:pt>
                <c:pt idx="1891">
                  <c:v>1.3976</c:v>
                </c:pt>
                <c:pt idx="1892">
                  <c:v>1.2369000000000001</c:v>
                </c:pt>
                <c:pt idx="1893">
                  <c:v>1.0859000000000001</c:v>
                </c:pt>
                <c:pt idx="1894">
                  <c:v>1.3246</c:v>
                </c:pt>
                <c:pt idx="1895">
                  <c:v>1.3059000000000001</c:v>
                </c:pt>
                <c:pt idx="1896">
                  <c:v>1.1896</c:v>
                </c:pt>
                <c:pt idx="1897">
                  <c:v>1.0361</c:v>
                </c:pt>
                <c:pt idx="1898">
                  <c:v>0.91100000000000003</c:v>
                </c:pt>
                <c:pt idx="1899">
                  <c:v>0.88719999999999999</c:v>
                </c:pt>
                <c:pt idx="1900">
                  <c:v>0.95109999999999995</c:v>
                </c:pt>
                <c:pt idx="1901">
                  <c:v>1.0242</c:v>
                </c:pt>
                <c:pt idx="1902">
                  <c:v>0.84740000000000004</c:v>
                </c:pt>
                <c:pt idx="1903">
                  <c:v>0.79569999999999996</c:v>
                </c:pt>
                <c:pt idx="1904">
                  <c:v>0.751</c:v>
                </c:pt>
                <c:pt idx="1905">
                  <c:v>0.7006</c:v>
                </c:pt>
                <c:pt idx="1906">
                  <c:v>0.67710000000000004</c:v>
                </c:pt>
                <c:pt idx="1907">
                  <c:v>0.64639999999999997</c:v>
                </c:pt>
                <c:pt idx="1908">
                  <c:v>0.62539999999999996</c:v>
                </c:pt>
                <c:pt idx="1909">
                  <c:v>0.62529999999999997</c:v>
                </c:pt>
                <c:pt idx="1910">
                  <c:v>0.62960000000000005</c:v>
                </c:pt>
                <c:pt idx="1911">
                  <c:v>0.63739999999999997</c:v>
                </c:pt>
                <c:pt idx="1912">
                  <c:v>0.64690000000000003</c:v>
                </c:pt>
                <c:pt idx="1913">
                  <c:v>0.65539999999999998</c:v>
                </c:pt>
                <c:pt idx="1914">
                  <c:v>0.64970000000000006</c:v>
                </c:pt>
                <c:pt idx="1915">
                  <c:v>0.64080000000000004</c:v>
                </c:pt>
                <c:pt idx="1916">
                  <c:v>0.61939999999999995</c:v>
                </c:pt>
                <c:pt idx="1917">
                  <c:v>0.59599999999999997</c:v>
                </c:pt>
                <c:pt idx="1918">
                  <c:v>0.56999999999999995</c:v>
                </c:pt>
                <c:pt idx="1919">
                  <c:v>0.56069999999999998</c:v>
                </c:pt>
                <c:pt idx="1920">
                  <c:v>0.55659999999999998</c:v>
                </c:pt>
                <c:pt idx="1921">
                  <c:v>0.57689999999999997</c:v>
                </c:pt>
                <c:pt idx="1922">
                  <c:v>0.60770000000000002</c:v>
                </c:pt>
                <c:pt idx="1923">
                  <c:v>0.6421</c:v>
                </c:pt>
                <c:pt idx="1924">
                  <c:v>0.6744</c:v>
                </c:pt>
                <c:pt idx="1925">
                  <c:v>0.69810000000000005</c:v>
                </c:pt>
                <c:pt idx="1926">
                  <c:v>0.72209999999999996</c:v>
                </c:pt>
                <c:pt idx="1927">
                  <c:v>0.7258</c:v>
                </c:pt>
                <c:pt idx="1928">
                  <c:v>0.71750000000000003</c:v>
                </c:pt>
                <c:pt idx="1929">
                  <c:v>0.79239999999999999</c:v>
                </c:pt>
                <c:pt idx="1930">
                  <c:v>0.77470000000000006</c:v>
                </c:pt>
                <c:pt idx="1931">
                  <c:v>0.76160000000000005</c:v>
                </c:pt>
                <c:pt idx="1932">
                  <c:v>0.7298</c:v>
                </c:pt>
                <c:pt idx="1933">
                  <c:v>0.70630000000000004</c:v>
                </c:pt>
                <c:pt idx="1934">
                  <c:v>0.70379999999999998</c:v>
                </c:pt>
                <c:pt idx="1935">
                  <c:v>0.70530000000000004</c:v>
                </c:pt>
                <c:pt idx="1936">
                  <c:v>0.70950000000000002</c:v>
                </c:pt>
                <c:pt idx="1937">
                  <c:v>0.76190000000000002</c:v>
                </c:pt>
                <c:pt idx="1938">
                  <c:v>0.80730000000000002</c:v>
                </c:pt>
                <c:pt idx="1939">
                  <c:v>0.80759999999999998</c:v>
                </c:pt>
                <c:pt idx="1940">
                  <c:v>0.8135</c:v>
                </c:pt>
                <c:pt idx="1941">
                  <c:v>0.75829999999999997</c:v>
                </c:pt>
                <c:pt idx="1942">
                  <c:v>0.68089999999999995</c:v>
                </c:pt>
                <c:pt idx="1943">
                  <c:v>0.63649999999999995</c:v>
                </c:pt>
                <c:pt idx="1944">
                  <c:v>0.55630000000000002</c:v>
                </c:pt>
                <c:pt idx="1945">
                  <c:v>0.55410000000000004</c:v>
                </c:pt>
                <c:pt idx="1946">
                  <c:v>0.54730000000000001</c:v>
                </c:pt>
                <c:pt idx="1947">
                  <c:v>0.54249999999999998</c:v>
                </c:pt>
                <c:pt idx="1948">
                  <c:v>0.54149999999999998</c:v>
                </c:pt>
                <c:pt idx="1949">
                  <c:v>0.5413</c:v>
                </c:pt>
                <c:pt idx="1950">
                  <c:v>0.53849999999999998</c:v>
                </c:pt>
                <c:pt idx="1951">
                  <c:v>0.53700000000000003</c:v>
                </c:pt>
                <c:pt idx="1952">
                  <c:v>0.53620000000000001</c:v>
                </c:pt>
                <c:pt idx="1953">
                  <c:v>0.54410000000000003</c:v>
                </c:pt>
                <c:pt idx="1954">
                  <c:v>0.55740000000000001</c:v>
                </c:pt>
                <c:pt idx="1955">
                  <c:v>0.58330000000000004</c:v>
                </c:pt>
                <c:pt idx="1956">
                  <c:v>0.61939999999999995</c:v>
                </c:pt>
                <c:pt idx="1957">
                  <c:v>0.68740000000000001</c:v>
                </c:pt>
                <c:pt idx="1958">
                  <c:v>0.77610000000000001</c:v>
                </c:pt>
                <c:pt idx="1959">
                  <c:v>0.87639999999999996</c:v>
                </c:pt>
                <c:pt idx="1960">
                  <c:v>0.98419999999999996</c:v>
                </c:pt>
                <c:pt idx="1961">
                  <c:v>1.0783</c:v>
                </c:pt>
                <c:pt idx="1962">
                  <c:v>1.1299999999999999</c:v>
                </c:pt>
                <c:pt idx="1963">
                  <c:v>1.1377999999999999</c:v>
                </c:pt>
                <c:pt idx="1964">
                  <c:v>1.1036999999999999</c:v>
                </c:pt>
                <c:pt idx="1965">
                  <c:v>1.0438000000000001</c:v>
                </c:pt>
                <c:pt idx="1966">
                  <c:v>0.96609999999999996</c:v>
                </c:pt>
                <c:pt idx="1967">
                  <c:v>0.88329999999999997</c:v>
                </c:pt>
                <c:pt idx="1968">
                  <c:v>0.81320000000000003</c:v>
                </c:pt>
                <c:pt idx="1969">
                  <c:v>0.76880000000000004</c:v>
                </c:pt>
                <c:pt idx="1970">
                  <c:v>0.75890000000000002</c:v>
                </c:pt>
                <c:pt idx="1971">
                  <c:v>0.7994</c:v>
                </c:pt>
                <c:pt idx="1972">
                  <c:v>0.85670000000000002</c:v>
                </c:pt>
                <c:pt idx="1973">
                  <c:v>0.90300000000000002</c:v>
                </c:pt>
                <c:pt idx="1974">
                  <c:v>0.93879999999999997</c:v>
                </c:pt>
                <c:pt idx="1975">
                  <c:v>0.94620000000000004</c:v>
                </c:pt>
                <c:pt idx="1976">
                  <c:v>0.94779999999999998</c:v>
                </c:pt>
                <c:pt idx="1977">
                  <c:v>0.95340000000000003</c:v>
                </c:pt>
                <c:pt idx="1978">
                  <c:v>0.94650000000000001</c:v>
                </c:pt>
                <c:pt idx="1979">
                  <c:v>0.93799999999999994</c:v>
                </c:pt>
                <c:pt idx="1980">
                  <c:v>0.93689999999999996</c:v>
                </c:pt>
                <c:pt idx="1981">
                  <c:v>0.9546</c:v>
                </c:pt>
                <c:pt idx="1982">
                  <c:v>0.98140000000000005</c:v>
                </c:pt>
                <c:pt idx="1983">
                  <c:v>1.0136000000000001</c:v>
                </c:pt>
                <c:pt idx="1984">
                  <c:v>1.0387</c:v>
                </c:pt>
                <c:pt idx="1985">
                  <c:v>1.0685</c:v>
                </c:pt>
                <c:pt idx="1986">
                  <c:v>1.0952</c:v>
                </c:pt>
                <c:pt idx="1987">
                  <c:v>1.1344000000000001</c:v>
                </c:pt>
                <c:pt idx="1988">
                  <c:v>1.1896</c:v>
                </c:pt>
                <c:pt idx="1989">
                  <c:v>1.2573000000000001</c:v>
                </c:pt>
                <c:pt idx="1990">
                  <c:v>1.3382000000000001</c:v>
                </c:pt>
                <c:pt idx="1991">
                  <c:v>1.4450000000000001</c:v>
                </c:pt>
                <c:pt idx="1992">
                  <c:v>1.5760000000000001</c:v>
                </c:pt>
                <c:pt idx="1993">
                  <c:v>1.7344999999999999</c:v>
                </c:pt>
                <c:pt idx="1994">
                  <c:v>1.9213</c:v>
                </c:pt>
                <c:pt idx="1995">
                  <c:v>2.1183000000000001</c:v>
                </c:pt>
                <c:pt idx="1996">
                  <c:v>2.2959000000000001</c:v>
                </c:pt>
                <c:pt idx="1997">
                  <c:v>2.4582000000000002</c:v>
                </c:pt>
                <c:pt idx="1998">
                  <c:v>2.5945999999999998</c:v>
                </c:pt>
                <c:pt idx="1999">
                  <c:v>2.6762000000000001</c:v>
                </c:pt>
                <c:pt idx="2000">
                  <c:v>2.7284999999999999</c:v>
                </c:pt>
                <c:pt idx="2001">
                  <c:v>2.7242999999999999</c:v>
                </c:pt>
                <c:pt idx="2002">
                  <c:v>2.7406999999999999</c:v>
                </c:pt>
                <c:pt idx="2003">
                  <c:v>2.7503000000000002</c:v>
                </c:pt>
                <c:pt idx="2004">
                  <c:v>2.7528000000000001</c:v>
                </c:pt>
                <c:pt idx="2005">
                  <c:v>2.8096000000000001</c:v>
                </c:pt>
                <c:pt idx="2006">
                  <c:v>2.9039999999999999</c:v>
                </c:pt>
                <c:pt idx="2007">
                  <c:v>3.0272000000000001</c:v>
                </c:pt>
                <c:pt idx="2008">
                  <c:v>3.1741000000000001</c:v>
                </c:pt>
                <c:pt idx="2009">
                  <c:v>3.3210000000000002</c:v>
                </c:pt>
                <c:pt idx="2010">
                  <c:v>3.5236999999999998</c:v>
                </c:pt>
                <c:pt idx="2011">
                  <c:v>3.7519999999999998</c:v>
                </c:pt>
                <c:pt idx="2012">
                  <c:v>4.0068999999999999</c:v>
                </c:pt>
                <c:pt idx="2013">
                  <c:v>4.2983000000000002</c:v>
                </c:pt>
                <c:pt idx="2014">
                  <c:v>4.5921000000000003</c:v>
                </c:pt>
                <c:pt idx="2015">
                  <c:v>4.8487999999999998</c:v>
                </c:pt>
                <c:pt idx="2016">
                  <c:v>5.1539999999999999</c:v>
                </c:pt>
                <c:pt idx="2017">
                  <c:v>5.4097999999999997</c:v>
                </c:pt>
                <c:pt idx="2018">
                  <c:v>5.5884999999999998</c:v>
                </c:pt>
                <c:pt idx="2019">
                  <c:v>5.7908999999999997</c:v>
                </c:pt>
                <c:pt idx="2020">
                  <c:v>5.9485999999999999</c:v>
                </c:pt>
                <c:pt idx="2021">
                  <c:v>6.1748000000000003</c:v>
                </c:pt>
                <c:pt idx="2022">
                  <c:v>6.4179000000000004</c:v>
                </c:pt>
                <c:pt idx="2023">
                  <c:v>6.6967999999999996</c:v>
                </c:pt>
                <c:pt idx="2024">
                  <c:v>6.9930000000000003</c:v>
                </c:pt>
                <c:pt idx="2025">
                  <c:v>7.3541999999999996</c:v>
                </c:pt>
                <c:pt idx="2026">
                  <c:v>7.7663000000000002</c:v>
                </c:pt>
                <c:pt idx="2027">
                  <c:v>8.1189</c:v>
                </c:pt>
                <c:pt idx="2028">
                  <c:v>8.5716999999999999</c:v>
                </c:pt>
                <c:pt idx="2029">
                  <c:v>9.0633999999999997</c:v>
                </c:pt>
                <c:pt idx="2030">
                  <c:v>9.35</c:v>
                </c:pt>
                <c:pt idx="2031">
                  <c:v>9.64</c:v>
                </c:pt>
                <c:pt idx="2032">
                  <c:v>9.8719999999999999</c:v>
                </c:pt>
                <c:pt idx="2033">
                  <c:v>10.09</c:v>
                </c:pt>
                <c:pt idx="2034">
                  <c:v>10.236599999999999</c:v>
                </c:pt>
                <c:pt idx="2035">
                  <c:v>10.3843</c:v>
                </c:pt>
                <c:pt idx="2036">
                  <c:v>10.475199999999999</c:v>
                </c:pt>
                <c:pt idx="2037">
                  <c:v>10.5168</c:v>
                </c:pt>
                <c:pt idx="2038">
                  <c:v>9.5922000000000001</c:v>
                </c:pt>
                <c:pt idx="2039">
                  <c:v>9.4222999999999999</c:v>
                </c:pt>
                <c:pt idx="2040">
                  <c:v>9.3249999999999993</c:v>
                </c:pt>
                <c:pt idx="2041">
                  <c:v>9.2293000000000003</c:v>
                </c:pt>
                <c:pt idx="2042">
                  <c:v>10.492800000000001</c:v>
                </c:pt>
                <c:pt idx="2043">
                  <c:v>10.529299999999999</c:v>
                </c:pt>
                <c:pt idx="2044">
                  <c:v>10.5678</c:v>
                </c:pt>
                <c:pt idx="2045">
                  <c:v>10.5663</c:v>
                </c:pt>
                <c:pt idx="2046">
                  <c:v>10.5435</c:v>
                </c:pt>
                <c:pt idx="2047">
                  <c:v>10.513400000000001</c:v>
                </c:pt>
                <c:pt idx="2048">
                  <c:v>10.5473</c:v>
                </c:pt>
                <c:pt idx="2049">
                  <c:v>10.581099999999999</c:v>
                </c:pt>
                <c:pt idx="2050">
                  <c:v>10.636100000000001</c:v>
                </c:pt>
                <c:pt idx="2051">
                  <c:v>10.6919</c:v>
                </c:pt>
                <c:pt idx="2052">
                  <c:v>10.843</c:v>
                </c:pt>
                <c:pt idx="2053">
                  <c:v>11.0265</c:v>
                </c:pt>
                <c:pt idx="2054">
                  <c:v>11.176399999999999</c:v>
                </c:pt>
                <c:pt idx="2055">
                  <c:v>11.3782</c:v>
                </c:pt>
                <c:pt idx="2056">
                  <c:v>11.6205</c:v>
                </c:pt>
                <c:pt idx="2057">
                  <c:v>11.910399999999999</c:v>
                </c:pt>
                <c:pt idx="2058">
                  <c:v>12.134399999999999</c:v>
                </c:pt>
                <c:pt idx="2059">
                  <c:v>12.3224</c:v>
                </c:pt>
                <c:pt idx="2060">
                  <c:v>12.5025</c:v>
                </c:pt>
                <c:pt idx="2061">
                  <c:v>11.405900000000001</c:v>
                </c:pt>
                <c:pt idx="2062">
                  <c:v>11.382199999999999</c:v>
                </c:pt>
                <c:pt idx="2063">
                  <c:v>12.675599999999999</c:v>
                </c:pt>
                <c:pt idx="2064">
                  <c:v>12.8817</c:v>
                </c:pt>
                <c:pt idx="2065">
                  <c:v>13.040900000000001</c:v>
                </c:pt>
                <c:pt idx="2066">
                  <c:v>13.189</c:v>
                </c:pt>
                <c:pt idx="2067">
                  <c:v>13.3232</c:v>
                </c:pt>
                <c:pt idx="2068">
                  <c:v>13.4549</c:v>
                </c:pt>
                <c:pt idx="2069">
                  <c:v>13.760199999999999</c:v>
                </c:pt>
                <c:pt idx="2070">
                  <c:v>13.9918</c:v>
                </c:pt>
                <c:pt idx="2071">
                  <c:v>14.238200000000001</c:v>
                </c:pt>
                <c:pt idx="2072">
                  <c:v>14.473599999999999</c:v>
                </c:pt>
                <c:pt idx="2073">
                  <c:v>14.658200000000001</c:v>
                </c:pt>
                <c:pt idx="2074">
                  <c:v>14.7728</c:v>
                </c:pt>
                <c:pt idx="2075">
                  <c:v>14.9293</c:v>
                </c:pt>
                <c:pt idx="2076">
                  <c:v>14.0725</c:v>
                </c:pt>
                <c:pt idx="2077">
                  <c:v>13.5839</c:v>
                </c:pt>
                <c:pt idx="2078">
                  <c:v>14.616899999999999</c:v>
                </c:pt>
                <c:pt idx="2079">
                  <c:v>15.1761</c:v>
                </c:pt>
                <c:pt idx="2080">
                  <c:v>15.242000000000001</c:v>
                </c:pt>
                <c:pt idx="2081">
                  <c:v>15.224500000000001</c:v>
                </c:pt>
                <c:pt idx="2082">
                  <c:v>15.136900000000001</c:v>
                </c:pt>
                <c:pt idx="2083">
                  <c:v>14.945</c:v>
                </c:pt>
                <c:pt idx="2084">
                  <c:v>14.7836</c:v>
                </c:pt>
                <c:pt idx="2085">
                  <c:v>14.5923</c:v>
                </c:pt>
                <c:pt idx="2086">
                  <c:v>14.3894</c:v>
                </c:pt>
                <c:pt idx="2087">
                  <c:v>14.311500000000001</c:v>
                </c:pt>
                <c:pt idx="2088">
                  <c:v>14.137700000000001</c:v>
                </c:pt>
                <c:pt idx="2089">
                  <c:v>13.942399999999999</c:v>
                </c:pt>
                <c:pt idx="2090">
                  <c:v>13.8063</c:v>
                </c:pt>
                <c:pt idx="2091">
                  <c:v>13.7783</c:v>
                </c:pt>
                <c:pt idx="2092">
                  <c:v>13.8171</c:v>
                </c:pt>
                <c:pt idx="2093">
                  <c:v>13.928599999999999</c:v>
                </c:pt>
                <c:pt idx="2094">
                  <c:v>14.097</c:v>
                </c:pt>
                <c:pt idx="2095">
                  <c:v>14.3025</c:v>
                </c:pt>
                <c:pt idx="2096">
                  <c:v>14.505100000000001</c:v>
                </c:pt>
                <c:pt idx="2097">
                  <c:v>14.666600000000001</c:v>
                </c:pt>
                <c:pt idx="2098">
                  <c:v>14.8392</c:v>
                </c:pt>
                <c:pt idx="2099">
                  <c:v>14.9353</c:v>
                </c:pt>
                <c:pt idx="2100">
                  <c:v>14.986599999999999</c:v>
                </c:pt>
                <c:pt idx="2101">
                  <c:v>15.015000000000001</c:v>
                </c:pt>
                <c:pt idx="2102">
                  <c:v>14.9848</c:v>
                </c:pt>
                <c:pt idx="2103">
                  <c:v>14.8405</c:v>
                </c:pt>
                <c:pt idx="2104">
                  <c:v>14.559200000000001</c:v>
                </c:pt>
                <c:pt idx="2105">
                  <c:v>14.3094</c:v>
                </c:pt>
                <c:pt idx="2106">
                  <c:v>14.0078</c:v>
                </c:pt>
                <c:pt idx="2107">
                  <c:v>13.776</c:v>
                </c:pt>
                <c:pt idx="2108">
                  <c:v>13.4939</c:v>
                </c:pt>
                <c:pt idx="2109">
                  <c:v>13.172800000000001</c:v>
                </c:pt>
                <c:pt idx="2110">
                  <c:v>12.886200000000001</c:v>
                </c:pt>
                <c:pt idx="2111">
                  <c:v>12.5703</c:v>
                </c:pt>
                <c:pt idx="2112">
                  <c:v>12.3012</c:v>
                </c:pt>
                <c:pt idx="2113">
                  <c:v>12.045199999999999</c:v>
                </c:pt>
                <c:pt idx="2114">
                  <c:v>11.771699999999999</c:v>
                </c:pt>
                <c:pt idx="2115">
                  <c:v>11.4879</c:v>
                </c:pt>
                <c:pt idx="2116">
                  <c:v>11.1456</c:v>
                </c:pt>
                <c:pt idx="2117">
                  <c:v>10.8103</c:v>
                </c:pt>
                <c:pt idx="2118">
                  <c:v>10.440099999999999</c:v>
                </c:pt>
                <c:pt idx="2119">
                  <c:v>9.9802</c:v>
                </c:pt>
                <c:pt idx="2120">
                  <c:v>9.5313999999999997</c:v>
                </c:pt>
                <c:pt idx="2121">
                  <c:v>9.0065000000000008</c:v>
                </c:pt>
                <c:pt idx="2122">
                  <c:v>8.5335999999999999</c:v>
                </c:pt>
                <c:pt idx="2123">
                  <c:v>8.0594999999999999</c:v>
                </c:pt>
                <c:pt idx="2124">
                  <c:v>7.6109999999999998</c:v>
                </c:pt>
                <c:pt idx="2125">
                  <c:v>7.3006000000000002</c:v>
                </c:pt>
                <c:pt idx="2126">
                  <c:v>6.9766000000000004</c:v>
                </c:pt>
                <c:pt idx="2127">
                  <c:v>6.7343000000000002</c:v>
                </c:pt>
                <c:pt idx="2128">
                  <c:v>6.4420000000000002</c:v>
                </c:pt>
                <c:pt idx="2129">
                  <c:v>6.1776</c:v>
                </c:pt>
                <c:pt idx="2130">
                  <c:v>5.9375</c:v>
                </c:pt>
                <c:pt idx="2131">
                  <c:v>5.7055999999999996</c:v>
                </c:pt>
                <c:pt idx="2132">
                  <c:v>5.5849000000000002</c:v>
                </c:pt>
                <c:pt idx="2133">
                  <c:v>5.4848999999999997</c:v>
                </c:pt>
                <c:pt idx="2134">
                  <c:v>5.4280999999999997</c:v>
                </c:pt>
                <c:pt idx="2135">
                  <c:v>5.4233000000000002</c:v>
                </c:pt>
                <c:pt idx="2136">
                  <c:v>5.3895999999999997</c:v>
                </c:pt>
                <c:pt idx="2137">
                  <c:v>5.3350999999999997</c:v>
                </c:pt>
                <c:pt idx="2138">
                  <c:v>5.2264999999999997</c:v>
                </c:pt>
                <c:pt idx="2139">
                  <c:v>5.0937999999999999</c:v>
                </c:pt>
                <c:pt idx="2140">
                  <c:v>5.0507999999999997</c:v>
                </c:pt>
                <c:pt idx="2141">
                  <c:v>5.0452000000000004</c:v>
                </c:pt>
                <c:pt idx="2142">
                  <c:v>5.0574000000000003</c:v>
                </c:pt>
                <c:pt idx="2143">
                  <c:v>5.0533999999999999</c:v>
                </c:pt>
                <c:pt idx="2144">
                  <c:v>5.0343</c:v>
                </c:pt>
                <c:pt idx="2145">
                  <c:v>4.9958999999999998</c:v>
                </c:pt>
                <c:pt idx="2146">
                  <c:v>4.9535</c:v>
                </c:pt>
                <c:pt idx="2147">
                  <c:v>4.8921000000000001</c:v>
                </c:pt>
                <c:pt idx="2148">
                  <c:v>4.8048000000000002</c:v>
                </c:pt>
                <c:pt idx="2149">
                  <c:v>4.7651000000000003</c:v>
                </c:pt>
                <c:pt idx="2150">
                  <c:v>4.7882999999999996</c:v>
                </c:pt>
                <c:pt idx="2151">
                  <c:v>4.8720999999999997</c:v>
                </c:pt>
                <c:pt idx="2152">
                  <c:v>5.0137999999999998</c:v>
                </c:pt>
                <c:pt idx="2153">
                  <c:v>5.1677999999999997</c:v>
                </c:pt>
                <c:pt idx="2154">
                  <c:v>5.2801999999999998</c:v>
                </c:pt>
                <c:pt idx="2155">
                  <c:v>5.3391000000000002</c:v>
                </c:pt>
                <c:pt idx="2156">
                  <c:v>5.3772000000000002</c:v>
                </c:pt>
                <c:pt idx="2157">
                  <c:v>5.45</c:v>
                </c:pt>
                <c:pt idx="2158">
                  <c:v>5.5092999999999996</c:v>
                </c:pt>
                <c:pt idx="2159">
                  <c:v>5.5526999999999997</c:v>
                </c:pt>
                <c:pt idx="2160">
                  <c:v>5.5557999999999996</c:v>
                </c:pt>
                <c:pt idx="2161">
                  <c:v>5.5888</c:v>
                </c:pt>
                <c:pt idx="2162">
                  <c:v>5.6162000000000001</c:v>
                </c:pt>
                <c:pt idx="2163">
                  <c:v>5.6356000000000002</c:v>
                </c:pt>
                <c:pt idx="2164">
                  <c:v>5.6384999999999996</c:v>
                </c:pt>
                <c:pt idx="2165">
                  <c:v>5.6234000000000002</c:v>
                </c:pt>
                <c:pt idx="2166">
                  <c:v>5.6429</c:v>
                </c:pt>
                <c:pt idx="2167">
                  <c:v>5.6571999999999996</c:v>
                </c:pt>
                <c:pt idx="2168">
                  <c:v>5.6669</c:v>
                </c:pt>
                <c:pt idx="2169">
                  <c:v>5.6981000000000002</c:v>
                </c:pt>
                <c:pt idx="2170">
                  <c:v>5.7312000000000003</c:v>
                </c:pt>
                <c:pt idx="2171">
                  <c:v>5.7519999999999998</c:v>
                </c:pt>
                <c:pt idx="2172">
                  <c:v>5.7492000000000001</c:v>
                </c:pt>
                <c:pt idx="2173">
                  <c:v>5.7271000000000001</c:v>
                </c:pt>
                <c:pt idx="2174">
                  <c:v>5.6661999999999999</c:v>
                </c:pt>
                <c:pt idx="2175">
                  <c:v>5.5791000000000004</c:v>
                </c:pt>
                <c:pt idx="2176">
                  <c:v>5.5087000000000002</c:v>
                </c:pt>
                <c:pt idx="2177">
                  <c:v>5.4722</c:v>
                </c:pt>
                <c:pt idx="2178">
                  <c:v>5.4757999999999996</c:v>
                </c:pt>
                <c:pt idx="2179">
                  <c:v>5.5381</c:v>
                </c:pt>
                <c:pt idx="2180">
                  <c:v>5.6527000000000003</c:v>
                </c:pt>
                <c:pt idx="2181">
                  <c:v>5.8395000000000001</c:v>
                </c:pt>
                <c:pt idx="2182">
                  <c:v>6.0716999999999999</c:v>
                </c:pt>
                <c:pt idx="2183">
                  <c:v>6.3616999999999999</c:v>
                </c:pt>
                <c:pt idx="2184">
                  <c:v>6.6958000000000002</c:v>
                </c:pt>
                <c:pt idx="2185">
                  <c:v>6.9819000000000004</c:v>
                </c:pt>
                <c:pt idx="2186">
                  <c:v>7.1901999999999999</c:v>
                </c:pt>
                <c:pt idx="2187">
                  <c:v>7.3369</c:v>
                </c:pt>
                <c:pt idx="2188">
                  <c:v>7.4218999999999999</c:v>
                </c:pt>
                <c:pt idx="2189">
                  <c:v>7.4352</c:v>
                </c:pt>
                <c:pt idx="2190">
                  <c:v>7.4016000000000002</c:v>
                </c:pt>
                <c:pt idx="2191">
                  <c:v>7.3121</c:v>
                </c:pt>
                <c:pt idx="2192">
                  <c:v>7.2263000000000002</c:v>
                </c:pt>
                <c:pt idx="2193">
                  <c:v>7.0762999999999998</c:v>
                </c:pt>
                <c:pt idx="2194">
                  <c:v>6.9192999999999998</c:v>
                </c:pt>
                <c:pt idx="2195">
                  <c:v>6.7420999999999998</c:v>
                </c:pt>
                <c:pt idx="2196">
                  <c:v>6.5556000000000001</c:v>
                </c:pt>
                <c:pt idx="2197">
                  <c:v>6.3475000000000001</c:v>
                </c:pt>
                <c:pt idx="2198">
                  <c:v>6.1760999999999999</c:v>
                </c:pt>
                <c:pt idx="2199">
                  <c:v>6.0145999999999997</c:v>
                </c:pt>
                <c:pt idx="2200">
                  <c:v>5.9245000000000001</c:v>
                </c:pt>
                <c:pt idx="2201">
                  <c:v>5.9154</c:v>
                </c:pt>
                <c:pt idx="2202">
                  <c:v>6.0031999999999996</c:v>
                </c:pt>
                <c:pt idx="2203">
                  <c:v>6.1662999999999997</c:v>
                </c:pt>
                <c:pt idx="2204">
                  <c:v>6.3685999999999998</c:v>
                </c:pt>
                <c:pt idx="2205">
                  <c:v>6.5739999999999998</c:v>
                </c:pt>
                <c:pt idx="2206">
                  <c:v>6.766</c:v>
                </c:pt>
                <c:pt idx="2207">
                  <c:v>6.9446000000000003</c:v>
                </c:pt>
                <c:pt idx="2208">
                  <c:v>7.0358000000000001</c:v>
                </c:pt>
                <c:pt idx="2209">
                  <c:v>7.1830999999999996</c:v>
                </c:pt>
                <c:pt idx="2210">
                  <c:v>7.3586</c:v>
                </c:pt>
                <c:pt idx="2211">
                  <c:v>7.4176000000000002</c:v>
                </c:pt>
                <c:pt idx="2212">
                  <c:v>7.3837000000000002</c:v>
                </c:pt>
                <c:pt idx="2213">
                  <c:v>7.2877999999999998</c:v>
                </c:pt>
                <c:pt idx="2214">
                  <c:v>7.1848000000000001</c:v>
                </c:pt>
                <c:pt idx="2215">
                  <c:v>7.1936999999999998</c:v>
                </c:pt>
                <c:pt idx="2216">
                  <c:v>7.3678999999999997</c:v>
                </c:pt>
                <c:pt idx="2217">
                  <c:v>7.5787000000000004</c:v>
                </c:pt>
                <c:pt idx="2218">
                  <c:v>7.8921000000000001</c:v>
                </c:pt>
                <c:pt idx="2219">
                  <c:v>8.2673000000000005</c:v>
                </c:pt>
                <c:pt idx="2220">
                  <c:v>8.5968</c:v>
                </c:pt>
                <c:pt idx="2221">
                  <c:v>8.7944999999999993</c:v>
                </c:pt>
                <c:pt idx="2222">
                  <c:v>9.0055999999999994</c:v>
                </c:pt>
                <c:pt idx="2223">
                  <c:v>9.2764000000000006</c:v>
                </c:pt>
                <c:pt idx="2224">
                  <c:v>9.4643999999999995</c:v>
                </c:pt>
                <c:pt idx="2225">
                  <c:v>9.6521000000000008</c:v>
                </c:pt>
                <c:pt idx="2226">
                  <c:v>9.8340999999999994</c:v>
                </c:pt>
                <c:pt idx="2227">
                  <c:v>9.9483999999999995</c:v>
                </c:pt>
                <c:pt idx="2228">
                  <c:v>10.0434</c:v>
                </c:pt>
                <c:pt idx="2229">
                  <c:v>10.145899999999999</c:v>
                </c:pt>
                <c:pt idx="2230">
                  <c:v>10.2464</c:v>
                </c:pt>
                <c:pt idx="2231">
                  <c:v>10.2934</c:v>
                </c:pt>
                <c:pt idx="2232">
                  <c:v>10.3469</c:v>
                </c:pt>
                <c:pt idx="2233">
                  <c:v>10.3794</c:v>
                </c:pt>
                <c:pt idx="2234">
                  <c:v>10.410399999999999</c:v>
                </c:pt>
                <c:pt idx="2235">
                  <c:v>10.4359</c:v>
                </c:pt>
                <c:pt idx="2236">
                  <c:v>10.459099999999999</c:v>
                </c:pt>
                <c:pt idx="2237">
                  <c:v>10.461600000000001</c:v>
                </c:pt>
                <c:pt idx="2238">
                  <c:v>10.4255</c:v>
                </c:pt>
                <c:pt idx="2239">
                  <c:v>10.3543</c:v>
                </c:pt>
                <c:pt idx="2240">
                  <c:v>10.2525</c:v>
                </c:pt>
                <c:pt idx="2241">
                  <c:v>10.135</c:v>
                </c:pt>
                <c:pt idx="2242">
                  <c:v>10.007400000000001</c:v>
                </c:pt>
                <c:pt idx="2243">
                  <c:v>9.8661999999999992</c:v>
                </c:pt>
                <c:pt idx="2244">
                  <c:v>9.7175999999999991</c:v>
                </c:pt>
                <c:pt idx="2245">
                  <c:v>9.5934000000000008</c:v>
                </c:pt>
                <c:pt idx="2246">
                  <c:v>9.4863</c:v>
                </c:pt>
                <c:pt idx="2247">
                  <c:v>9.4085999999999999</c:v>
                </c:pt>
                <c:pt idx="2248">
                  <c:v>9.3600999999999992</c:v>
                </c:pt>
                <c:pt idx="2249">
                  <c:v>9.3179999999999996</c:v>
                </c:pt>
                <c:pt idx="2250">
                  <c:v>9.2815999999999992</c:v>
                </c:pt>
                <c:pt idx="2251">
                  <c:v>9.1918000000000006</c:v>
                </c:pt>
                <c:pt idx="2252">
                  <c:v>9.09</c:v>
                </c:pt>
                <c:pt idx="2253">
                  <c:v>9.0067000000000004</c:v>
                </c:pt>
                <c:pt idx="2254">
                  <c:v>8.8658000000000001</c:v>
                </c:pt>
                <c:pt idx="2255">
                  <c:v>8.6905000000000001</c:v>
                </c:pt>
                <c:pt idx="2256">
                  <c:v>8.4359000000000002</c:v>
                </c:pt>
                <c:pt idx="2257">
                  <c:v>8.1529000000000007</c:v>
                </c:pt>
                <c:pt idx="2258">
                  <c:v>7.8323</c:v>
                </c:pt>
                <c:pt idx="2259">
                  <c:v>7.3985000000000003</c:v>
                </c:pt>
                <c:pt idx="2260">
                  <c:v>6.8898000000000001</c:v>
                </c:pt>
                <c:pt idx="2261">
                  <c:v>6.3013000000000003</c:v>
                </c:pt>
                <c:pt idx="2262">
                  <c:v>5.7706</c:v>
                </c:pt>
                <c:pt idx="2263">
                  <c:v>5.2817999999999996</c:v>
                </c:pt>
                <c:pt idx="2264">
                  <c:v>4.8226000000000004</c:v>
                </c:pt>
                <c:pt idx="2265">
                  <c:v>4.4358000000000004</c:v>
                </c:pt>
                <c:pt idx="2266">
                  <c:v>4.1313000000000004</c:v>
                </c:pt>
                <c:pt idx="2267">
                  <c:v>3.8210999999999999</c:v>
                </c:pt>
                <c:pt idx="2268">
                  <c:v>3.5676000000000001</c:v>
                </c:pt>
                <c:pt idx="2269">
                  <c:v>3.3864000000000001</c:v>
                </c:pt>
                <c:pt idx="2270">
                  <c:v>3.1677</c:v>
                </c:pt>
                <c:pt idx="2271">
                  <c:v>2.8664999999999998</c:v>
                </c:pt>
                <c:pt idx="2272">
                  <c:v>2.6732</c:v>
                </c:pt>
                <c:pt idx="2273">
                  <c:v>2.5758000000000001</c:v>
                </c:pt>
                <c:pt idx="2274">
                  <c:v>2.6713</c:v>
                </c:pt>
                <c:pt idx="2275">
                  <c:v>3.0806</c:v>
                </c:pt>
                <c:pt idx="2276">
                  <c:v>3.7145000000000001</c:v>
                </c:pt>
                <c:pt idx="2277">
                  <c:v>4.5762999999999998</c:v>
                </c:pt>
                <c:pt idx="2278">
                  <c:v>5.5838999999999999</c:v>
                </c:pt>
                <c:pt idx="2279">
                  <c:v>6.6337000000000002</c:v>
                </c:pt>
                <c:pt idx="2280">
                  <c:v>7.6382000000000003</c:v>
                </c:pt>
                <c:pt idx="2281">
                  <c:v>8.4084000000000003</c:v>
                </c:pt>
                <c:pt idx="2282">
                  <c:v>8.8962000000000003</c:v>
                </c:pt>
                <c:pt idx="2283">
                  <c:v>9.2073</c:v>
                </c:pt>
                <c:pt idx="2284">
                  <c:v>9.4420000000000002</c:v>
                </c:pt>
                <c:pt idx="2285">
                  <c:v>9.6120000000000001</c:v>
                </c:pt>
                <c:pt idx="2286">
                  <c:v>9.7152999999999992</c:v>
                </c:pt>
                <c:pt idx="2287">
                  <c:v>9.7769999999999992</c:v>
                </c:pt>
                <c:pt idx="2288">
                  <c:v>9.7859999999999996</c:v>
                </c:pt>
                <c:pt idx="2289">
                  <c:v>9.8001000000000005</c:v>
                </c:pt>
                <c:pt idx="2290">
                  <c:v>9.8209999999999997</c:v>
                </c:pt>
                <c:pt idx="2291">
                  <c:v>9.8699999999999992</c:v>
                </c:pt>
                <c:pt idx="2292">
                  <c:v>9.9534000000000002</c:v>
                </c:pt>
                <c:pt idx="2293">
                  <c:v>10.053699999999999</c:v>
                </c:pt>
                <c:pt idx="2294">
                  <c:v>10.1602</c:v>
                </c:pt>
                <c:pt idx="2295">
                  <c:v>10.2135</c:v>
                </c:pt>
                <c:pt idx="2296">
                  <c:v>10.240500000000001</c:v>
                </c:pt>
                <c:pt idx="2297">
                  <c:v>10.246700000000001</c:v>
                </c:pt>
                <c:pt idx="2298">
                  <c:v>10.2463</c:v>
                </c:pt>
                <c:pt idx="2299">
                  <c:v>10.2569</c:v>
                </c:pt>
                <c:pt idx="2300">
                  <c:v>10.208299999999999</c:v>
                </c:pt>
                <c:pt idx="2301">
                  <c:v>10.1511</c:v>
                </c:pt>
                <c:pt idx="2302">
                  <c:v>10.1076</c:v>
                </c:pt>
                <c:pt idx="2303">
                  <c:v>10.1548</c:v>
                </c:pt>
                <c:pt idx="2304">
                  <c:v>10.3087</c:v>
                </c:pt>
                <c:pt idx="2305">
                  <c:v>10.504899999999999</c:v>
                </c:pt>
                <c:pt idx="2306">
                  <c:v>10.761699999999999</c:v>
                </c:pt>
                <c:pt idx="2307">
                  <c:v>11.051500000000001</c:v>
                </c:pt>
                <c:pt idx="2308">
                  <c:v>11.1241</c:v>
                </c:pt>
                <c:pt idx="2309">
                  <c:v>10.975899999999999</c:v>
                </c:pt>
                <c:pt idx="2310">
                  <c:v>10.738099999999999</c:v>
                </c:pt>
                <c:pt idx="2311">
                  <c:v>10.410500000000001</c:v>
                </c:pt>
                <c:pt idx="2312">
                  <c:v>10.0922</c:v>
                </c:pt>
                <c:pt idx="2313">
                  <c:v>9.7324999999999999</c:v>
                </c:pt>
                <c:pt idx="2314">
                  <c:v>9.4055</c:v>
                </c:pt>
                <c:pt idx="2315">
                  <c:v>8.9711999999999996</c:v>
                </c:pt>
                <c:pt idx="2316">
                  <c:v>8.4785000000000004</c:v>
                </c:pt>
                <c:pt idx="2317">
                  <c:v>8.0215999999999994</c:v>
                </c:pt>
                <c:pt idx="2318">
                  <c:v>7.6082999999999998</c:v>
                </c:pt>
                <c:pt idx="2319">
                  <c:v>7.3183999999999996</c:v>
                </c:pt>
                <c:pt idx="2320">
                  <c:v>7.0758000000000001</c:v>
                </c:pt>
                <c:pt idx="2321">
                  <c:v>6.8921000000000001</c:v>
                </c:pt>
                <c:pt idx="2322">
                  <c:v>6.7778</c:v>
                </c:pt>
                <c:pt idx="2323">
                  <c:v>6.7168999999999999</c:v>
                </c:pt>
                <c:pt idx="2324">
                  <c:v>6.7234999999999996</c:v>
                </c:pt>
                <c:pt idx="2325">
                  <c:v>6.6551999999999998</c:v>
                </c:pt>
                <c:pt idx="2326">
                  <c:v>6.702</c:v>
                </c:pt>
                <c:pt idx="2327">
                  <c:v>6.9202000000000004</c:v>
                </c:pt>
                <c:pt idx="2328">
                  <c:v>7.1280000000000001</c:v>
                </c:pt>
                <c:pt idx="2329">
                  <c:v>7.2983000000000002</c:v>
                </c:pt>
                <c:pt idx="2330">
                  <c:v>7.4413999999999998</c:v>
                </c:pt>
                <c:pt idx="2331">
                  <c:v>7.6128</c:v>
                </c:pt>
                <c:pt idx="2332">
                  <c:v>7.8925999999999998</c:v>
                </c:pt>
                <c:pt idx="2333">
                  <c:v>8.1414000000000009</c:v>
                </c:pt>
                <c:pt idx="2334">
                  <c:v>8.3373000000000008</c:v>
                </c:pt>
                <c:pt idx="2335">
                  <c:v>8.3346999999999998</c:v>
                </c:pt>
                <c:pt idx="2336">
                  <c:v>8.1603999999999992</c:v>
                </c:pt>
                <c:pt idx="2337">
                  <c:v>7.8910999999999998</c:v>
                </c:pt>
                <c:pt idx="2338">
                  <c:v>7.5789999999999997</c:v>
                </c:pt>
                <c:pt idx="2339">
                  <c:v>7.4535</c:v>
                </c:pt>
                <c:pt idx="2340">
                  <c:v>7.4119000000000002</c:v>
                </c:pt>
                <c:pt idx="2341">
                  <c:v>7.3640999999999996</c:v>
                </c:pt>
                <c:pt idx="2342">
                  <c:v>7.3292000000000002</c:v>
                </c:pt>
                <c:pt idx="2343">
                  <c:v>7.3385999999999996</c:v>
                </c:pt>
                <c:pt idx="2344">
                  <c:v>7.3352000000000004</c:v>
                </c:pt>
                <c:pt idx="2345">
                  <c:v>7.5045000000000002</c:v>
                </c:pt>
                <c:pt idx="2346">
                  <c:v>7.6287000000000003</c:v>
                </c:pt>
                <c:pt idx="2347">
                  <c:v>7.8207000000000004</c:v>
                </c:pt>
                <c:pt idx="2348">
                  <c:v>8.0177999999999994</c:v>
                </c:pt>
                <c:pt idx="2349">
                  <c:v>8.2429000000000006</c:v>
                </c:pt>
                <c:pt idx="2350">
                  <c:v>8.5485000000000007</c:v>
                </c:pt>
                <c:pt idx="2351">
                  <c:v>8.9863</c:v>
                </c:pt>
                <c:pt idx="2352">
                  <c:v>9.3236000000000008</c:v>
                </c:pt>
                <c:pt idx="2353">
                  <c:v>9.6287000000000003</c:v>
                </c:pt>
                <c:pt idx="2354">
                  <c:v>9.9906000000000006</c:v>
                </c:pt>
                <c:pt idx="2355">
                  <c:v>10.2324</c:v>
                </c:pt>
                <c:pt idx="2356">
                  <c:v>10.3782</c:v>
                </c:pt>
                <c:pt idx="2357">
                  <c:v>10.492699999999999</c:v>
                </c:pt>
                <c:pt idx="2358">
                  <c:v>10.426299999999999</c:v>
                </c:pt>
                <c:pt idx="2359">
                  <c:v>10.367900000000001</c:v>
                </c:pt>
                <c:pt idx="2360">
                  <c:v>10.277200000000001</c:v>
                </c:pt>
                <c:pt idx="2361">
                  <c:v>10.1883</c:v>
                </c:pt>
                <c:pt idx="2362">
                  <c:v>10.1578</c:v>
                </c:pt>
                <c:pt idx="2363">
                  <c:v>10.1227</c:v>
                </c:pt>
                <c:pt idx="2364">
                  <c:v>10.038600000000001</c:v>
                </c:pt>
                <c:pt idx="2365">
                  <c:v>9.9108999999999998</c:v>
                </c:pt>
                <c:pt idx="2366">
                  <c:v>9.7613000000000003</c:v>
                </c:pt>
                <c:pt idx="2367">
                  <c:v>9.6920000000000002</c:v>
                </c:pt>
                <c:pt idx="2368">
                  <c:v>9.6390999999999991</c:v>
                </c:pt>
                <c:pt idx="2369">
                  <c:v>9.5711999999999993</c:v>
                </c:pt>
                <c:pt idx="2370">
                  <c:v>9.5419999999999998</c:v>
                </c:pt>
                <c:pt idx="2371">
                  <c:v>9.5068999999999999</c:v>
                </c:pt>
                <c:pt idx="2372">
                  <c:v>9.5006000000000004</c:v>
                </c:pt>
                <c:pt idx="2373">
                  <c:v>9.5235000000000003</c:v>
                </c:pt>
                <c:pt idx="2374">
                  <c:v>9.625</c:v>
                </c:pt>
                <c:pt idx="2375">
                  <c:v>9.8000000000000007</c:v>
                </c:pt>
                <c:pt idx="2376">
                  <c:v>9.9375</c:v>
                </c:pt>
                <c:pt idx="2377">
                  <c:v>10.0078</c:v>
                </c:pt>
                <c:pt idx="2378">
                  <c:v>10.0602</c:v>
                </c:pt>
                <c:pt idx="2379">
                  <c:v>10.061999999999999</c:v>
                </c:pt>
                <c:pt idx="2380">
                  <c:v>10.0183</c:v>
                </c:pt>
                <c:pt idx="2381">
                  <c:v>10.048500000000001</c:v>
                </c:pt>
                <c:pt idx="2382">
                  <c:v>10.149800000000001</c:v>
                </c:pt>
                <c:pt idx="2383">
                  <c:v>10.2476</c:v>
                </c:pt>
                <c:pt idx="2384">
                  <c:v>10.3649</c:v>
                </c:pt>
                <c:pt idx="2385">
                  <c:v>10.4895</c:v>
                </c:pt>
                <c:pt idx="2386">
                  <c:v>10.7728</c:v>
                </c:pt>
                <c:pt idx="2387">
                  <c:v>11.0671</c:v>
                </c:pt>
                <c:pt idx="2388">
                  <c:v>11.3362</c:v>
                </c:pt>
                <c:pt idx="2389">
                  <c:v>11.6713</c:v>
                </c:pt>
                <c:pt idx="2390">
                  <c:v>11.9488</c:v>
                </c:pt>
                <c:pt idx="2391">
                  <c:v>12.26</c:v>
                </c:pt>
                <c:pt idx="2392">
                  <c:v>12.5755</c:v>
                </c:pt>
                <c:pt idx="2393">
                  <c:v>12.886200000000001</c:v>
                </c:pt>
                <c:pt idx="2394">
                  <c:v>13.141299999999999</c:v>
                </c:pt>
                <c:pt idx="2395">
                  <c:v>13.376799999999999</c:v>
                </c:pt>
                <c:pt idx="2396">
                  <c:v>13.554399999999999</c:v>
                </c:pt>
                <c:pt idx="2397">
                  <c:v>13.6395</c:v>
                </c:pt>
                <c:pt idx="2398">
                  <c:v>13.6075</c:v>
                </c:pt>
                <c:pt idx="2399">
                  <c:v>13.5463</c:v>
                </c:pt>
                <c:pt idx="2400">
                  <c:v>13.450900000000001</c:v>
                </c:pt>
                <c:pt idx="2401">
                  <c:v>13.3459</c:v>
                </c:pt>
                <c:pt idx="2402">
                  <c:v>13.195600000000001</c:v>
                </c:pt>
                <c:pt idx="2403">
                  <c:v>13.0509</c:v>
                </c:pt>
                <c:pt idx="2404">
                  <c:v>12.8865</c:v>
                </c:pt>
                <c:pt idx="2405">
                  <c:v>12.702500000000001</c:v>
                </c:pt>
                <c:pt idx="2406">
                  <c:v>12.5055</c:v>
                </c:pt>
                <c:pt idx="2407">
                  <c:v>12.2849</c:v>
                </c:pt>
                <c:pt idx="2408">
                  <c:v>12.0198</c:v>
                </c:pt>
                <c:pt idx="2409">
                  <c:v>11.7597</c:v>
                </c:pt>
                <c:pt idx="2410">
                  <c:v>11.482699999999999</c:v>
                </c:pt>
                <c:pt idx="2411">
                  <c:v>11.1854</c:v>
                </c:pt>
                <c:pt idx="2412">
                  <c:v>10.8721</c:v>
                </c:pt>
                <c:pt idx="2413">
                  <c:v>10.5343</c:v>
                </c:pt>
                <c:pt idx="2414">
                  <c:v>10.1441</c:v>
                </c:pt>
                <c:pt idx="2415">
                  <c:v>9.7347000000000001</c:v>
                </c:pt>
                <c:pt idx="2416">
                  <c:v>9.3335000000000008</c:v>
                </c:pt>
                <c:pt idx="2417">
                  <c:v>8.8770000000000007</c:v>
                </c:pt>
                <c:pt idx="2418">
                  <c:v>8.3978000000000002</c:v>
                </c:pt>
                <c:pt idx="2419">
                  <c:v>7.9236000000000004</c:v>
                </c:pt>
                <c:pt idx="2420">
                  <c:v>7.4444999999999997</c:v>
                </c:pt>
                <c:pt idx="2421">
                  <c:v>7.0842999999999998</c:v>
                </c:pt>
                <c:pt idx="2422">
                  <c:v>6.8127000000000004</c:v>
                </c:pt>
                <c:pt idx="2423">
                  <c:v>6.6710000000000003</c:v>
                </c:pt>
                <c:pt idx="2424">
                  <c:v>6.5750000000000002</c:v>
                </c:pt>
                <c:pt idx="2425">
                  <c:v>6.5423</c:v>
                </c:pt>
                <c:pt idx="2426">
                  <c:v>6.5129999999999999</c:v>
                </c:pt>
                <c:pt idx="2427">
                  <c:v>6.4222999999999999</c:v>
                </c:pt>
                <c:pt idx="2428">
                  <c:v>6.1786000000000003</c:v>
                </c:pt>
                <c:pt idx="2429">
                  <c:v>5.9557000000000002</c:v>
                </c:pt>
                <c:pt idx="2430">
                  <c:v>5.6592000000000002</c:v>
                </c:pt>
                <c:pt idx="2431">
                  <c:v>5.3182</c:v>
                </c:pt>
                <c:pt idx="2432">
                  <c:v>5.0220000000000002</c:v>
                </c:pt>
                <c:pt idx="2433">
                  <c:v>4.7298999999999998</c:v>
                </c:pt>
                <c:pt idx="2434">
                  <c:v>4.5327000000000002</c:v>
                </c:pt>
                <c:pt idx="2435">
                  <c:v>4.3806000000000003</c:v>
                </c:pt>
                <c:pt idx="2436">
                  <c:v>4.2077999999999998</c:v>
                </c:pt>
                <c:pt idx="2437">
                  <c:v>4.0865</c:v>
                </c:pt>
                <c:pt idx="2438">
                  <c:v>4.1700999999999997</c:v>
                </c:pt>
                <c:pt idx="2439">
                  <c:v>4.3949999999999996</c:v>
                </c:pt>
                <c:pt idx="2440">
                  <c:v>4.7709999999999999</c:v>
                </c:pt>
                <c:pt idx="2441">
                  <c:v>5.2304000000000004</c:v>
                </c:pt>
                <c:pt idx="2442">
                  <c:v>5.6970000000000001</c:v>
                </c:pt>
                <c:pt idx="2443">
                  <c:v>6.2184999999999997</c:v>
                </c:pt>
                <c:pt idx="2444">
                  <c:v>6.7984999999999998</c:v>
                </c:pt>
                <c:pt idx="2445">
                  <c:v>7.3667999999999996</c:v>
                </c:pt>
                <c:pt idx="2446">
                  <c:v>7.9104000000000001</c:v>
                </c:pt>
                <c:pt idx="2447">
                  <c:v>8.4082000000000008</c:v>
                </c:pt>
                <c:pt idx="2448">
                  <c:v>8.8353999999999999</c:v>
                </c:pt>
                <c:pt idx="2449">
                  <c:v>9.2812000000000001</c:v>
                </c:pt>
                <c:pt idx="2450">
                  <c:v>9.7073</c:v>
                </c:pt>
                <c:pt idx="2451">
                  <c:v>10.0853</c:v>
                </c:pt>
                <c:pt idx="2452">
                  <c:v>10.4003</c:v>
                </c:pt>
                <c:pt idx="2453">
                  <c:v>10.6808</c:v>
                </c:pt>
                <c:pt idx="2454">
                  <c:v>10.934900000000001</c:v>
                </c:pt>
                <c:pt idx="2455">
                  <c:v>11.184100000000001</c:v>
                </c:pt>
                <c:pt idx="2456">
                  <c:v>11.3706</c:v>
                </c:pt>
                <c:pt idx="2457">
                  <c:v>11.5101</c:v>
                </c:pt>
                <c:pt idx="2458">
                  <c:v>11.571</c:v>
                </c:pt>
                <c:pt idx="2459">
                  <c:v>11.540100000000001</c:v>
                </c:pt>
                <c:pt idx="2460">
                  <c:v>11.441700000000001</c:v>
                </c:pt>
                <c:pt idx="2461">
                  <c:v>11.295</c:v>
                </c:pt>
                <c:pt idx="2462">
                  <c:v>11.1595</c:v>
                </c:pt>
                <c:pt idx="2463">
                  <c:v>11.007300000000001</c:v>
                </c:pt>
                <c:pt idx="2464">
                  <c:v>10.878399999999999</c:v>
                </c:pt>
                <c:pt idx="2465">
                  <c:v>10.774100000000001</c:v>
                </c:pt>
                <c:pt idx="2466">
                  <c:v>10.665699999999999</c:v>
                </c:pt>
                <c:pt idx="2467">
                  <c:v>10.562099999999999</c:v>
                </c:pt>
                <c:pt idx="2468">
                  <c:v>10.4894</c:v>
                </c:pt>
                <c:pt idx="2469">
                  <c:v>10.4252</c:v>
                </c:pt>
                <c:pt idx="2470">
                  <c:v>10.398300000000001</c:v>
                </c:pt>
                <c:pt idx="2471">
                  <c:v>10.397500000000001</c:v>
                </c:pt>
                <c:pt idx="2472">
                  <c:v>10.420400000000001</c:v>
                </c:pt>
                <c:pt idx="2473">
                  <c:v>10.481999999999999</c:v>
                </c:pt>
                <c:pt idx="2474">
                  <c:v>10.5467</c:v>
                </c:pt>
                <c:pt idx="2475">
                  <c:v>10.609299999999999</c:v>
                </c:pt>
                <c:pt idx="2476">
                  <c:v>10.657299999999999</c:v>
                </c:pt>
                <c:pt idx="2477">
                  <c:v>10.6868</c:v>
                </c:pt>
                <c:pt idx="2478">
                  <c:v>10.676299999999999</c:v>
                </c:pt>
                <c:pt idx="2479">
                  <c:v>10.614100000000001</c:v>
                </c:pt>
                <c:pt idx="2480">
                  <c:v>10.551</c:v>
                </c:pt>
                <c:pt idx="2481">
                  <c:v>10.412800000000001</c:v>
                </c:pt>
                <c:pt idx="2482">
                  <c:v>10.2866</c:v>
                </c:pt>
                <c:pt idx="2483">
                  <c:v>10.1395</c:v>
                </c:pt>
                <c:pt idx="2484">
                  <c:v>9.9901999999999997</c:v>
                </c:pt>
                <c:pt idx="2485">
                  <c:v>9.8489000000000004</c:v>
                </c:pt>
                <c:pt idx="2486">
                  <c:v>9.7703000000000007</c:v>
                </c:pt>
                <c:pt idx="2487">
                  <c:v>9.7476000000000003</c:v>
                </c:pt>
                <c:pt idx="2488">
                  <c:v>9.7835999999999999</c:v>
                </c:pt>
                <c:pt idx="2489">
                  <c:v>9.8863000000000003</c:v>
                </c:pt>
                <c:pt idx="2490">
                  <c:v>10.0405</c:v>
                </c:pt>
                <c:pt idx="2491">
                  <c:v>10.203900000000001</c:v>
                </c:pt>
                <c:pt idx="2492">
                  <c:v>10.5328</c:v>
                </c:pt>
                <c:pt idx="2493">
                  <c:v>10.389799999999999</c:v>
                </c:pt>
                <c:pt idx="2494">
                  <c:v>10.2074</c:v>
                </c:pt>
                <c:pt idx="2495">
                  <c:v>9.9489000000000001</c:v>
                </c:pt>
                <c:pt idx="2496">
                  <c:v>9.6117000000000008</c:v>
                </c:pt>
                <c:pt idx="2497">
                  <c:v>9.1933000000000007</c:v>
                </c:pt>
                <c:pt idx="2498">
                  <c:v>8.7011000000000003</c:v>
                </c:pt>
                <c:pt idx="2499">
                  <c:v>8.1031999999999993</c:v>
                </c:pt>
                <c:pt idx="2500">
                  <c:v>7.4837999999999996</c:v>
                </c:pt>
                <c:pt idx="2501">
                  <c:v>6.8038999999999996</c:v>
                </c:pt>
                <c:pt idx="2502">
                  <c:v>6.1364999999999998</c:v>
                </c:pt>
                <c:pt idx="2503">
                  <c:v>5.5122999999999998</c:v>
                </c:pt>
                <c:pt idx="2504">
                  <c:v>4.9199000000000002</c:v>
                </c:pt>
                <c:pt idx="2505">
                  <c:v>4.4340000000000002</c:v>
                </c:pt>
                <c:pt idx="2506">
                  <c:v>4.0763999999999996</c:v>
                </c:pt>
                <c:pt idx="2507">
                  <c:v>3.8334000000000001</c:v>
                </c:pt>
                <c:pt idx="2508">
                  <c:v>3.6991000000000001</c:v>
                </c:pt>
                <c:pt idx="2509">
                  <c:v>3.7056</c:v>
                </c:pt>
                <c:pt idx="2510">
                  <c:v>3.7092000000000001</c:v>
                </c:pt>
                <c:pt idx="2511">
                  <c:v>3.8264</c:v>
                </c:pt>
                <c:pt idx="2512">
                  <c:v>4.4585999999999997</c:v>
                </c:pt>
                <c:pt idx="2513">
                  <c:v>5.2125000000000004</c:v>
                </c:pt>
                <c:pt idx="2514">
                  <c:v>5.8849999999999998</c:v>
                </c:pt>
                <c:pt idx="2515">
                  <c:v>6.5465</c:v>
                </c:pt>
                <c:pt idx="2516">
                  <c:v>7.2370999999999999</c:v>
                </c:pt>
                <c:pt idx="2517">
                  <c:v>7.9752999999999998</c:v>
                </c:pt>
                <c:pt idx="2518">
                  <c:v>8.6712000000000007</c:v>
                </c:pt>
                <c:pt idx="2519">
                  <c:v>9.3602000000000007</c:v>
                </c:pt>
                <c:pt idx="2520">
                  <c:v>10.0075</c:v>
                </c:pt>
                <c:pt idx="2521">
                  <c:v>10.593400000000001</c:v>
                </c:pt>
                <c:pt idx="2522">
                  <c:v>11.0167</c:v>
                </c:pt>
                <c:pt idx="2523">
                  <c:v>11.3361</c:v>
                </c:pt>
                <c:pt idx="2524">
                  <c:v>11.5299</c:v>
                </c:pt>
                <c:pt idx="2525">
                  <c:v>11.6113</c:v>
                </c:pt>
                <c:pt idx="2526">
                  <c:v>11.5939</c:v>
                </c:pt>
                <c:pt idx="2527">
                  <c:v>11.4961</c:v>
                </c:pt>
                <c:pt idx="2528">
                  <c:v>11.3872</c:v>
                </c:pt>
                <c:pt idx="2529">
                  <c:v>11.2578</c:v>
                </c:pt>
                <c:pt idx="2530">
                  <c:v>11.1539</c:v>
                </c:pt>
                <c:pt idx="2531">
                  <c:v>11.0383</c:v>
                </c:pt>
                <c:pt idx="2532">
                  <c:v>10.9315</c:v>
                </c:pt>
                <c:pt idx="2533">
                  <c:v>10.803100000000001</c:v>
                </c:pt>
                <c:pt idx="2534">
                  <c:v>10.6709</c:v>
                </c:pt>
                <c:pt idx="2535">
                  <c:v>10.5284</c:v>
                </c:pt>
                <c:pt idx="2536">
                  <c:v>10.354100000000001</c:v>
                </c:pt>
                <c:pt idx="2537">
                  <c:v>10.1622</c:v>
                </c:pt>
                <c:pt idx="2538">
                  <c:v>9.9757999999999996</c:v>
                </c:pt>
                <c:pt idx="2539">
                  <c:v>9.8460000000000001</c:v>
                </c:pt>
                <c:pt idx="2540">
                  <c:v>9.7245000000000008</c:v>
                </c:pt>
                <c:pt idx="2541">
                  <c:v>9.6204999999999998</c:v>
                </c:pt>
                <c:pt idx="2542">
                  <c:v>9.5297000000000001</c:v>
                </c:pt>
                <c:pt idx="2543">
                  <c:v>9.4170999999999996</c:v>
                </c:pt>
                <c:pt idx="2544">
                  <c:v>9.2986000000000004</c:v>
                </c:pt>
                <c:pt idx="2545">
                  <c:v>9.1569000000000003</c:v>
                </c:pt>
                <c:pt idx="2546">
                  <c:v>8.9623000000000008</c:v>
                </c:pt>
                <c:pt idx="2547">
                  <c:v>8.6951000000000001</c:v>
                </c:pt>
                <c:pt idx="2548">
                  <c:v>8.3208000000000002</c:v>
                </c:pt>
                <c:pt idx="2549">
                  <c:v>7.8179999999999996</c:v>
                </c:pt>
                <c:pt idx="2550">
                  <c:v>7.2298999999999998</c:v>
                </c:pt>
                <c:pt idx="2551">
                  <c:v>6.6433999999999997</c:v>
                </c:pt>
                <c:pt idx="2552">
                  <c:v>6.1157000000000004</c:v>
                </c:pt>
                <c:pt idx="2553">
                  <c:v>5.5317999999999996</c:v>
                </c:pt>
                <c:pt idx="2554">
                  <c:v>4.923</c:v>
                </c:pt>
                <c:pt idx="2555">
                  <c:v>4.3239000000000001</c:v>
                </c:pt>
                <c:pt idx="2556">
                  <c:v>3.7561</c:v>
                </c:pt>
                <c:pt idx="2557">
                  <c:v>3.3121999999999998</c:v>
                </c:pt>
                <c:pt idx="2558">
                  <c:v>3.0143</c:v>
                </c:pt>
                <c:pt idx="2559">
                  <c:v>2.8252999999999999</c:v>
                </c:pt>
                <c:pt idx="2560">
                  <c:v>2.7244000000000002</c:v>
                </c:pt>
                <c:pt idx="2561">
                  <c:v>2.6615000000000002</c:v>
                </c:pt>
                <c:pt idx="2562">
                  <c:v>2.4613</c:v>
                </c:pt>
                <c:pt idx="2563">
                  <c:v>2.2254999999999998</c:v>
                </c:pt>
                <c:pt idx="2564">
                  <c:v>2.0678000000000001</c:v>
                </c:pt>
                <c:pt idx="2565">
                  <c:v>1.9494</c:v>
                </c:pt>
                <c:pt idx="2566">
                  <c:v>1.7879</c:v>
                </c:pt>
                <c:pt idx="2567">
                  <c:v>1.6549</c:v>
                </c:pt>
                <c:pt idx="2568">
                  <c:v>1.6433</c:v>
                </c:pt>
                <c:pt idx="2569">
                  <c:v>1.8747</c:v>
                </c:pt>
                <c:pt idx="2570">
                  <c:v>2.4386000000000001</c:v>
                </c:pt>
                <c:pt idx="2571">
                  <c:v>3.3382999999999998</c:v>
                </c:pt>
                <c:pt idx="2572">
                  <c:v>4.4462000000000002</c:v>
                </c:pt>
                <c:pt idx="2573">
                  <c:v>5.4412000000000003</c:v>
                </c:pt>
                <c:pt idx="2574">
                  <c:v>6.3521999999999998</c:v>
                </c:pt>
                <c:pt idx="2575">
                  <c:v>7.0572999999999997</c:v>
                </c:pt>
                <c:pt idx="2576">
                  <c:v>7.5053000000000001</c:v>
                </c:pt>
                <c:pt idx="2577">
                  <c:v>7.8167999999999997</c:v>
                </c:pt>
                <c:pt idx="2578">
                  <c:v>8.0817999999999994</c:v>
                </c:pt>
                <c:pt idx="2579">
                  <c:v>8.3117999999999999</c:v>
                </c:pt>
                <c:pt idx="2580">
                  <c:v>8.5053000000000001</c:v>
                </c:pt>
                <c:pt idx="2581">
                  <c:v>8.6643000000000008</c:v>
                </c:pt>
                <c:pt idx="2582">
                  <c:v>8.8488000000000007</c:v>
                </c:pt>
                <c:pt idx="2583">
                  <c:v>9.0667000000000009</c:v>
                </c:pt>
                <c:pt idx="2584">
                  <c:v>9.2728999999999999</c:v>
                </c:pt>
                <c:pt idx="2585">
                  <c:v>9.4440000000000008</c:v>
                </c:pt>
                <c:pt idx="2586">
                  <c:v>9.5671999999999997</c:v>
                </c:pt>
                <c:pt idx="2587">
                  <c:v>9.7114999999999991</c:v>
                </c:pt>
                <c:pt idx="2588">
                  <c:v>9.8146000000000004</c:v>
                </c:pt>
                <c:pt idx="2589">
                  <c:v>9.8203999999999994</c:v>
                </c:pt>
                <c:pt idx="2590">
                  <c:v>9.7608999999999995</c:v>
                </c:pt>
                <c:pt idx="2591">
                  <c:v>9.6876999999999995</c:v>
                </c:pt>
                <c:pt idx="2592">
                  <c:v>9.5629000000000008</c:v>
                </c:pt>
                <c:pt idx="2593">
                  <c:v>9.4146000000000001</c:v>
                </c:pt>
                <c:pt idx="2594">
                  <c:v>9.2157</c:v>
                </c:pt>
                <c:pt idx="2595">
                  <c:v>9.0464000000000002</c:v>
                </c:pt>
                <c:pt idx="2596">
                  <c:v>8.8462999999999994</c:v>
                </c:pt>
                <c:pt idx="2597">
                  <c:v>8.6209000000000007</c:v>
                </c:pt>
                <c:pt idx="2598">
                  <c:v>8.4298000000000002</c:v>
                </c:pt>
                <c:pt idx="2599">
                  <c:v>8.2354000000000003</c:v>
                </c:pt>
                <c:pt idx="2600">
                  <c:v>8.0844000000000005</c:v>
                </c:pt>
                <c:pt idx="2601">
                  <c:v>7.9631999999999996</c:v>
                </c:pt>
                <c:pt idx="2602">
                  <c:v>7.9436</c:v>
                </c:pt>
                <c:pt idx="2603">
                  <c:v>8.0646000000000004</c:v>
                </c:pt>
                <c:pt idx="2604">
                  <c:v>8.2960999999999991</c:v>
                </c:pt>
                <c:pt idx="2605">
                  <c:v>8.6335999999999995</c:v>
                </c:pt>
                <c:pt idx="2606">
                  <c:v>9.1016999999999992</c:v>
                </c:pt>
                <c:pt idx="2607">
                  <c:v>9.6879000000000008</c:v>
                </c:pt>
                <c:pt idx="2608">
                  <c:v>10.284800000000001</c:v>
                </c:pt>
                <c:pt idx="2609">
                  <c:v>10.8622</c:v>
                </c:pt>
                <c:pt idx="2610">
                  <c:v>11.411899999999999</c:v>
                </c:pt>
                <c:pt idx="2611">
                  <c:v>11.9209</c:v>
                </c:pt>
                <c:pt idx="2612">
                  <c:v>12.379300000000001</c:v>
                </c:pt>
                <c:pt idx="2613">
                  <c:v>12.7287</c:v>
                </c:pt>
                <c:pt idx="2614">
                  <c:v>12.990600000000001</c:v>
                </c:pt>
                <c:pt idx="2615">
                  <c:v>13.1653</c:v>
                </c:pt>
                <c:pt idx="2616">
                  <c:v>13.2775</c:v>
                </c:pt>
                <c:pt idx="2617">
                  <c:v>13.3391</c:v>
                </c:pt>
                <c:pt idx="2618">
                  <c:v>13.4312</c:v>
                </c:pt>
                <c:pt idx="2619">
                  <c:v>13.459099999999999</c:v>
                </c:pt>
                <c:pt idx="2620">
                  <c:v>13.4961</c:v>
                </c:pt>
                <c:pt idx="2621">
                  <c:v>13.492599999999999</c:v>
                </c:pt>
                <c:pt idx="2622">
                  <c:v>13.4458</c:v>
                </c:pt>
                <c:pt idx="2623">
                  <c:v>13.405099999999999</c:v>
                </c:pt>
                <c:pt idx="2624">
                  <c:v>13.3734</c:v>
                </c:pt>
                <c:pt idx="2625">
                  <c:v>13.394</c:v>
                </c:pt>
                <c:pt idx="2626">
                  <c:v>13.4207</c:v>
                </c:pt>
                <c:pt idx="2627">
                  <c:v>13.5076</c:v>
                </c:pt>
                <c:pt idx="2628">
                  <c:v>13.6432</c:v>
                </c:pt>
                <c:pt idx="2629">
                  <c:v>13.770200000000001</c:v>
                </c:pt>
                <c:pt idx="2630">
                  <c:v>13.973599999999999</c:v>
                </c:pt>
                <c:pt idx="2631">
                  <c:v>14.189500000000001</c:v>
                </c:pt>
                <c:pt idx="2632">
                  <c:v>14.408200000000001</c:v>
                </c:pt>
                <c:pt idx="2633">
                  <c:v>14.6234</c:v>
                </c:pt>
                <c:pt idx="2634">
                  <c:v>14.8711</c:v>
                </c:pt>
                <c:pt idx="2635">
                  <c:v>15.104900000000001</c:v>
                </c:pt>
                <c:pt idx="2636">
                  <c:v>15.289</c:v>
                </c:pt>
                <c:pt idx="2637">
                  <c:v>15.430300000000001</c:v>
                </c:pt>
                <c:pt idx="2638">
                  <c:v>15.5848</c:v>
                </c:pt>
                <c:pt idx="2639">
                  <c:v>15.726599999999999</c:v>
                </c:pt>
                <c:pt idx="2640">
                  <c:v>15.879099999999999</c:v>
                </c:pt>
                <c:pt idx="2641">
                  <c:v>16.037600000000001</c:v>
                </c:pt>
                <c:pt idx="2642">
                  <c:v>16.182600000000001</c:v>
                </c:pt>
                <c:pt idx="2643">
                  <c:v>16.333300000000001</c:v>
                </c:pt>
                <c:pt idx="2644">
                  <c:v>16.4511</c:v>
                </c:pt>
                <c:pt idx="2645">
                  <c:v>16.555900000000001</c:v>
                </c:pt>
                <c:pt idx="2646">
                  <c:v>16.6373</c:v>
                </c:pt>
                <c:pt idx="2647">
                  <c:v>16.722799999999999</c:v>
                </c:pt>
                <c:pt idx="2648">
                  <c:v>16.7758</c:v>
                </c:pt>
                <c:pt idx="2649">
                  <c:v>16.838100000000001</c:v>
                </c:pt>
                <c:pt idx="2650">
                  <c:v>16.8354</c:v>
                </c:pt>
                <c:pt idx="2651">
                  <c:v>16.787800000000001</c:v>
                </c:pt>
                <c:pt idx="2652">
                  <c:v>16.659600000000001</c:v>
                </c:pt>
                <c:pt idx="2653">
                  <c:v>16.365100000000002</c:v>
                </c:pt>
                <c:pt idx="2654">
                  <c:v>15.912800000000001</c:v>
                </c:pt>
                <c:pt idx="2655">
                  <c:v>15.2614</c:v>
                </c:pt>
                <c:pt idx="2656">
                  <c:v>14.3851</c:v>
                </c:pt>
                <c:pt idx="2657">
                  <c:v>13.2666</c:v>
                </c:pt>
                <c:pt idx="2658">
                  <c:v>12.0543</c:v>
                </c:pt>
                <c:pt idx="2659">
                  <c:v>10.881500000000001</c:v>
                </c:pt>
                <c:pt idx="2660">
                  <c:v>9.6883999999999997</c:v>
                </c:pt>
                <c:pt idx="2661">
                  <c:v>8.5867000000000004</c:v>
                </c:pt>
                <c:pt idx="2662">
                  <c:v>7.6626000000000003</c:v>
                </c:pt>
                <c:pt idx="2663">
                  <c:v>6.9173999999999998</c:v>
                </c:pt>
                <c:pt idx="2664">
                  <c:v>6.4127999999999998</c:v>
                </c:pt>
                <c:pt idx="2665">
                  <c:v>6.1481000000000003</c:v>
                </c:pt>
                <c:pt idx="2666">
                  <c:v>6.0953999999999997</c:v>
                </c:pt>
                <c:pt idx="2667">
                  <c:v>6.2596999999999996</c:v>
                </c:pt>
                <c:pt idx="2668">
                  <c:v>6.5202</c:v>
                </c:pt>
                <c:pt idx="2669">
                  <c:v>7.2217000000000002</c:v>
                </c:pt>
                <c:pt idx="2670">
                  <c:v>7.9802</c:v>
                </c:pt>
                <c:pt idx="2671">
                  <c:v>8.5744000000000007</c:v>
                </c:pt>
                <c:pt idx="2672">
                  <c:v>9.1052</c:v>
                </c:pt>
                <c:pt idx="2673">
                  <c:v>9.3125</c:v>
                </c:pt>
                <c:pt idx="2674">
                  <c:v>9.0906000000000002</c:v>
                </c:pt>
                <c:pt idx="2675">
                  <c:v>8.6455000000000002</c:v>
                </c:pt>
                <c:pt idx="2676">
                  <c:v>8.0523000000000007</c:v>
                </c:pt>
                <c:pt idx="2677">
                  <c:v>7.3864999999999998</c:v>
                </c:pt>
                <c:pt idx="2678">
                  <c:v>6.6101000000000001</c:v>
                </c:pt>
                <c:pt idx="2679">
                  <c:v>5.8552999999999997</c:v>
                </c:pt>
                <c:pt idx="2680">
                  <c:v>5.18</c:v>
                </c:pt>
                <c:pt idx="2681">
                  <c:v>4.7106000000000003</c:v>
                </c:pt>
                <c:pt idx="2682">
                  <c:v>4.4009</c:v>
                </c:pt>
                <c:pt idx="2683">
                  <c:v>4.1462000000000003</c:v>
                </c:pt>
                <c:pt idx="2684">
                  <c:v>3.8109999999999999</c:v>
                </c:pt>
                <c:pt idx="2685">
                  <c:v>3.4470999999999998</c:v>
                </c:pt>
                <c:pt idx="2686">
                  <c:v>3.1484999999999999</c:v>
                </c:pt>
                <c:pt idx="2687">
                  <c:v>3.0634000000000001</c:v>
                </c:pt>
                <c:pt idx="2688">
                  <c:v>3.149</c:v>
                </c:pt>
                <c:pt idx="2689">
                  <c:v>3.5522999999999998</c:v>
                </c:pt>
                <c:pt idx="2690">
                  <c:v>4.4241000000000001</c:v>
                </c:pt>
                <c:pt idx="2691">
                  <c:v>5.1698000000000004</c:v>
                </c:pt>
                <c:pt idx="2692">
                  <c:v>5.8006000000000002</c:v>
                </c:pt>
                <c:pt idx="2693">
                  <c:v>6.55</c:v>
                </c:pt>
                <c:pt idx="2694">
                  <c:v>7.3323</c:v>
                </c:pt>
                <c:pt idx="2695">
                  <c:v>8.0571000000000002</c:v>
                </c:pt>
                <c:pt idx="2696">
                  <c:v>8.6881000000000004</c:v>
                </c:pt>
                <c:pt idx="2697">
                  <c:v>9.2847000000000008</c:v>
                </c:pt>
                <c:pt idx="2698">
                  <c:v>9.7828999999999997</c:v>
                </c:pt>
                <c:pt idx="2699">
                  <c:v>10.225</c:v>
                </c:pt>
                <c:pt idx="2700">
                  <c:v>10.5747</c:v>
                </c:pt>
                <c:pt idx="2701">
                  <c:v>10.857799999999999</c:v>
                </c:pt>
                <c:pt idx="2702">
                  <c:v>11.142099999999999</c:v>
                </c:pt>
                <c:pt idx="2703">
                  <c:v>11.438800000000001</c:v>
                </c:pt>
                <c:pt idx="2704">
                  <c:v>11.7073</c:v>
                </c:pt>
                <c:pt idx="2705">
                  <c:v>11.9367</c:v>
                </c:pt>
                <c:pt idx="2706">
                  <c:v>12.072100000000001</c:v>
                </c:pt>
                <c:pt idx="2707">
                  <c:v>12.1013</c:v>
                </c:pt>
                <c:pt idx="2708">
                  <c:v>12.0761</c:v>
                </c:pt>
                <c:pt idx="2709">
                  <c:v>12.045500000000001</c:v>
                </c:pt>
                <c:pt idx="2710">
                  <c:v>12.0268</c:v>
                </c:pt>
                <c:pt idx="2711">
                  <c:v>12.0235</c:v>
                </c:pt>
                <c:pt idx="2712">
                  <c:v>12.0296</c:v>
                </c:pt>
                <c:pt idx="2713">
                  <c:v>12.0534</c:v>
                </c:pt>
                <c:pt idx="2714">
                  <c:v>12.0703</c:v>
                </c:pt>
                <c:pt idx="2715">
                  <c:v>12.086</c:v>
                </c:pt>
                <c:pt idx="2716">
                  <c:v>12.0961</c:v>
                </c:pt>
                <c:pt idx="2717">
                  <c:v>12.130699999999999</c:v>
                </c:pt>
                <c:pt idx="2718">
                  <c:v>12.1549</c:v>
                </c:pt>
                <c:pt idx="2719">
                  <c:v>12.145799999999999</c:v>
                </c:pt>
                <c:pt idx="2720">
                  <c:v>12.15</c:v>
                </c:pt>
                <c:pt idx="2721">
                  <c:v>12.1873</c:v>
                </c:pt>
                <c:pt idx="2722">
                  <c:v>12.2149</c:v>
                </c:pt>
                <c:pt idx="2723">
                  <c:v>12.2601</c:v>
                </c:pt>
                <c:pt idx="2724">
                  <c:v>12.3812</c:v>
                </c:pt>
                <c:pt idx="2725">
                  <c:v>12.5343</c:v>
                </c:pt>
                <c:pt idx="2726">
                  <c:v>12.7044</c:v>
                </c:pt>
                <c:pt idx="2727">
                  <c:v>12.9175</c:v>
                </c:pt>
                <c:pt idx="2728">
                  <c:v>13.164</c:v>
                </c:pt>
                <c:pt idx="2729">
                  <c:v>13.4308</c:v>
                </c:pt>
                <c:pt idx="2730">
                  <c:v>13.8034</c:v>
                </c:pt>
                <c:pt idx="2731">
                  <c:v>14.1851</c:v>
                </c:pt>
                <c:pt idx="2732">
                  <c:v>14.5137</c:v>
                </c:pt>
                <c:pt idx="2733">
                  <c:v>14.7842</c:v>
                </c:pt>
                <c:pt idx="2734">
                  <c:v>15.039400000000001</c:v>
                </c:pt>
                <c:pt idx="2735">
                  <c:v>15.2507</c:v>
                </c:pt>
                <c:pt idx="2736">
                  <c:v>15.451599999999999</c:v>
                </c:pt>
                <c:pt idx="2737">
                  <c:v>15.5921</c:v>
                </c:pt>
                <c:pt idx="2738">
                  <c:v>15.7235</c:v>
                </c:pt>
                <c:pt idx="2739">
                  <c:v>15.839700000000001</c:v>
                </c:pt>
                <c:pt idx="2740">
                  <c:v>15.9704</c:v>
                </c:pt>
                <c:pt idx="2741">
                  <c:v>16.002800000000001</c:v>
                </c:pt>
                <c:pt idx="2742">
                  <c:v>16.0746</c:v>
                </c:pt>
                <c:pt idx="2743">
                  <c:v>16.144100000000002</c:v>
                </c:pt>
                <c:pt idx="2744">
                  <c:v>16.225000000000001</c:v>
                </c:pt>
                <c:pt idx="2745">
                  <c:v>16.299800000000001</c:v>
                </c:pt>
                <c:pt idx="2746">
                  <c:v>16.422000000000001</c:v>
                </c:pt>
                <c:pt idx="2747">
                  <c:v>16.555800000000001</c:v>
                </c:pt>
                <c:pt idx="2748">
                  <c:v>16.749199999999998</c:v>
                </c:pt>
                <c:pt idx="2749">
                  <c:v>16.936900000000001</c:v>
                </c:pt>
                <c:pt idx="2750">
                  <c:v>17.071999999999999</c:v>
                </c:pt>
                <c:pt idx="2751">
                  <c:v>17.2315</c:v>
                </c:pt>
                <c:pt idx="2752">
                  <c:v>17.3352</c:v>
                </c:pt>
                <c:pt idx="2753">
                  <c:v>17.488099999999999</c:v>
                </c:pt>
                <c:pt idx="2754">
                  <c:v>17.706</c:v>
                </c:pt>
                <c:pt idx="2755">
                  <c:v>17.879100000000001</c:v>
                </c:pt>
                <c:pt idx="2756">
                  <c:v>18.119800000000001</c:v>
                </c:pt>
                <c:pt idx="2757">
                  <c:v>18.2439</c:v>
                </c:pt>
                <c:pt idx="2758">
                  <c:v>18.331</c:v>
                </c:pt>
                <c:pt idx="2759">
                  <c:v>18.3445</c:v>
                </c:pt>
                <c:pt idx="2760">
                  <c:v>18.265599999999999</c:v>
                </c:pt>
                <c:pt idx="2761">
                  <c:v>18.092600000000001</c:v>
                </c:pt>
                <c:pt idx="2762">
                  <c:v>17.836500000000001</c:v>
                </c:pt>
                <c:pt idx="2763">
                  <c:v>17.516400000000001</c:v>
                </c:pt>
                <c:pt idx="2764">
                  <c:v>17.167999999999999</c:v>
                </c:pt>
                <c:pt idx="2765">
                  <c:v>16.825600000000001</c:v>
                </c:pt>
                <c:pt idx="2766">
                  <c:v>16.532499999999999</c:v>
                </c:pt>
                <c:pt idx="2767">
                  <c:v>16.263000000000002</c:v>
                </c:pt>
                <c:pt idx="2768">
                  <c:v>16.0471</c:v>
                </c:pt>
                <c:pt idx="2769">
                  <c:v>15.888500000000001</c:v>
                </c:pt>
                <c:pt idx="2770">
                  <c:v>15.7963</c:v>
                </c:pt>
                <c:pt idx="2771">
                  <c:v>15.747199999999999</c:v>
                </c:pt>
                <c:pt idx="2772">
                  <c:v>15.704000000000001</c:v>
                </c:pt>
                <c:pt idx="2773">
                  <c:v>15.6774</c:v>
                </c:pt>
                <c:pt idx="2774">
                  <c:v>15.746700000000001</c:v>
                </c:pt>
                <c:pt idx="2775">
                  <c:v>15.9491</c:v>
                </c:pt>
                <c:pt idx="2776">
                  <c:v>16.273</c:v>
                </c:pt>
                <c:pt idx="2777">
                  <c:v>16.697199999999999</c:v>
                </c:pt>
                <c:pt idx="2778">
                  <c:v>17.257300000000001</c:v>
                </c:pt>
                <c:pt idx="2779">
                  <c:v>17.8079</c:v>
                </c:pt>
                <c:pt idx="2780">
                  <c:v>18.2897</c:v>
                </c:pt>
                <c:pt idx="2781">
                  <c:v>18.744900000000001</c:v>
                </c:pt>
                <c:pt idx="2782">
                  <c:v>19.185300000000002</c:v>
                </c:pt>
                <c:pt idx="2783">
                  <c:v>19.476199999999999</c:v>
                </c:pt>
                <c:pt idx="2784">
                  <c:v>19.716100000000001</c:v>
                </c:pt>
                <c:pt idx="2785">
                  <c:v>19.8156</c:v>
                </c:pt>
                <c:pt idx="2786">
                  <c:v>19.855699999999999</c:v>
                </c:pt>
                <c:pt idx="2787">
                  <c:v>19.862500000000001</c:v>
                </c:pt>
                <c:pt idx="2788">
                  <c:v>19.844999999999999</c:v>
                </c:pt>
                <c:pt idx="2789">
                  <c:v>19.774799999999999</c:v>
                </c:pt>
                <c:pt idx="2790">
                  <c:v>19.689599999999999</c:v>
                </c:pt>
                <c:pt idx="2791">
                  <c:v>19.651</c:v>
                </c:pt>
                <c:pt idx="2792">
                  <c:v>19.5992</c:v>
                </c:pt>
                <c:pt idx="2793">
                  <c:v>19.441500000000001</c:v>
                </c:pt>
                <c:pt idx="2794">
                  <c:v>19.197199999999999</c:v>
                </c:pt>
                <c:pt idx="2795">
                  <c:v>18.903199999999998</c:v>
                </c:pt>
                <c:pt idx="2796">
                  <c:v>18.520900000000001</c:v>
                </c:pt>
                <c:pt idx="2797">
                  <c:v>18.0593</c:v>
                </c:pt>
                <c:pt idx="2798">
                  <c:v>17.591100000000001</c:v>
                </c:pt>
                <c:pt idx="2799">
                  <c:v>17.0776</c:v>
                </c:pt>
                <c:pt idx="2800">
                  <c:v>16.5749</c:v>
                </c:pt>
                <c:pt idx="2801">
                  <c:v>16.1069</c:v>
                </c:pt>
                <c:pt idx="2802">
                  <c:v>15.6357</c:v>
                </c:pt>
                <c:pt idx="2803">
                  <c:v>15.140499999999999</c:v>
                </c:pt>
                <c:pt idx="2804">
                  <c:v>14.7102</c:v>
                </c:pt>
                <c:pt idx="2805">
                  <c:v>14.3238</c:v>
                </c:pt>
                <c:pt idx="2806">
                  <c:v>13.922700000000001</c:v>
                </c:pt>
                <c:pt idx="2807">
                  <c:v>13.5297</c:v>
                </c:pt>
                <c:pt idx="2808">
                  <c:v>13.188800000000001</c:v>
                </c:pt>
                <c:pt idx="2809">
                  <c:v>12.847899999999999</c:v>
                </c:pt>
                <c:pt idx="2810">
                  <c:v>12.5077</c:v>
                </c:pt>
                <c:pt idx="2811">
                  <c:v>12.188499999999999</c:v>
                </c:pt>
                <c:pt idx="2812">
                  <c:v>11.9137</c:v>
                </c:pt>
                <c:pt idx="2813">
                  <c:v>11.5989</c:v>
                </c:pt>
                <c:pt idx="2814">
                  <c:v>11.327999999999999</c:v>
                </c:pt>
                <c:pt idx="2815">
                  <c:v>11.0726</c:v>
                </c:pt>
                <c:pt idx="2816">
                  <c:v>10.9161</c:v>
                </c:pt>
                <c:pt idx="2817">
                  <c:v>10.8872</c:v>
                </c:pt>
                <c:pt idx="2818">
                  <c:v>11.022</c:v>
                </c:pt>
                <c:pt idx="2819">
                  <c:v>11.3781</c:v>
                </c:pt>
                <c:pt idx="2820">
                  <c:v>11.9587</c:v>
                </c:pt>
                <c:pt idx="2821">
                  <c:v>12.759600000000001</c:v>
                </c:pt>
                <c:pt idx="2822">
                  <c:v>13.735200000000001</c:v>
                </c:pt>
                <c:pt idx="2823">
                  <c:v>14.798500000000001</c:v>
                </c:pt>
                <c:pt idx="2824">
                  <c:v>15.8375</c:v>
                </c:pt>
                <c:pt idx="2825">
                  <c:v>16.804099999999998</c:v>
                </c:pt>
                <c:pt idx="2826">
                  <c:v>17.740100000000002</c:v>
                </c:pt>
                <c:pt idx="2827">
                  <c:v>18.392700000000001</c:v>
                </c:pt>
                <c:pt idx="2828">
                  <c:v>18.705500000000001</c:v>
                </c:pt>
                <c:pt idx="2829">
                  <c:v>18.833200000000001</c:v>
                </c:pt>
                <c:pt idx="2830">
                  <c:v>18.8247</c:v>
                </c:pt>
                <c:pt idx="2831">
                  <c:v>18.641500000000001</c:v>
                </c:pt>
                <c:pt idx="2832">
                  <c:v>18.4907</c:v>
                </c:pt>
                <c:pt idx="2833">
                  <c:v>18.278400000000001</c:v>
                </c:pt>
                <c:pt idx="2834">
                  <c:v>17.8993</c:v>
                </c:pt>
                <c:pt idx="2835">
                  <c:v>17.6449</c:v>
                </c:pt>
                <c:pt idx="2836">
                  <c:v>17.238900000000001</c:v>
                </c:pt>
                <c:pt idx="2837">
                  <c:v>16.750900000000001</c:v>
                </c:pt>
                <c:pt idx="2838">
                  <c:v>16.238299999999999</c:v>
                </c:pt>
                <c:pt idx="2839">
                  <c:v>15.663399999999999</c:v>
                </c:pt>
                <c:pt idx="2840">
                  <c:v>15.097799999999999</c:v>
                </c:pt>
                <c:pt idx="2841">
                  <c:v>14.4787</c:v>
                </c:pt>
                <c:pt idx="2842">
                  <c:v>13.829700000000001</c:v>
                </c:pt>
                <c:pt idx="2843">
                  <c:v>13.1099</c:v>
                </c:pt>
                <c:pt idx="2844">
                  <c:v>12.2737</c:v>
                </c:pt>
                <c:pt idx="2845">
                  <c:v>11.510999999999999</c:v>
                </c:pt>
                <c:pt idx="2846">
                  <c:v>10.687200000000001</c:v>
                </c:pt>
                <c:pt idx="2847">
                  <c:v>9.9154</c:v>
                </c:pt>
                <c:pt idx="2848">
                  <c:v>9.1016999999999992</c:v>
                </c:pt>
                <c:pt idx="2849">
                  <c:v>8.3287999999999993</c:v>
                </c:pt>
                <c:pt idx="2850">
                  <c:v>7.5732999999999997</c:v>
                </c:pt>
                <c:pt idx="2851">
                  <c:v>6.8662999999999998</c:v>
                </c:pt>
                <c:pt idx="2852">
                  <c:v>6.1778000000000004</c:v>
                </c:pt>
                <c:pt idx="2853">
                  <c:v>5.5785999999999998</c:v>
                </c:pt>
                <c:pt idx="2854">
                  <c:v>4.9725000000000001</c:v>
                </c:pt>
                <c:pt idx="2855">
                  <c:v>4.4528999999999996</c:v>
                </c:pt>
                <c:pt idx="2856">
                  <c:v>4.0673000000000004</c:v>
                </c:pt>
                <c:pt idx="2857">
                  <c:v>3.7164999999999999</c:v>
                </c:pt>
                <c:pt idx="2858">
                  <c:v>3.4525999999999999</c:v>
                </c:pt>
                <c:pt idx="2859">
                  <c:v>3.3163</c:v>
                </c:pt>
                <c:pt idx="2860">
                  <c:v>3.2197</c:v>
                </c:pt>
                <c:pt idx="2861">
                  <c:v>3.0606</c:v>
                </c:pt>
                <c:pt idx="2862">
                  <c:v>2.9169</c:v>
                </c:pt>
                <c:pt idx="2863">
                  <c:v>2.7824</c:v>
                </c:pt>
                <c:pt idx="2864">
                  <c:v>3.3296000000000001</c:v>
                </c:pt>
                <c:pt idx="2865">
                  <c:v>4.2037000000000004</c:v>
                </c:pt>
                <c:pt idx="2866">
                  <c:v>5.4287000000000001</c:v>
                </c:pt>
                <c:pt idx="2867">
                  <c:v>6.8955000000000002</c:v>
                </c:pt>
                <c:pt idx="2868">
                  <c:v>8.1835000000000004</c:v>
                </c:pt>
                <c:pt idx="2869">
                  <c:v>9.4871999999999996</c:v>
                </c:pt>
                <c:pt idx="2870">
                  <c:v>10.579599999999999</c:v>
                </c:pt>
                <c:pt idx="2871">
                  <c:v>11.485900000000001</c:v>
                </c:pt>
                <c:pt idx="2872">
                  <c:v>12.153600000000001</c:v>
                </c:pt>
                <c:pt idx="2873">
                  <c:v>12.6511</c:v>
                </c:pt>
                <c:pt idx="2874">
                  <c:v>12.9168</c:v>
                </c:pt>
                <c:pt idx="2875">
                  <c:v>13.0358</c:v>
                </c:pt>
                <c:pt idx="2876">
                  <c:v>12.859</c:v>
                </c:pt>
                <c:pt idx="2877">
                  <c:v>12.4552</c:v>
                </c:pt>
                <c:pt idx="2878">
                  <c:v>11.919</c:v>
                </c:pt>
                <c:pt idx="2879">
                  <c:v>11.4061</c:v>
                </c:pt>
                <c:pt idx="2880">
                  <c:v>10.8629</c:v>
                </c:pt>
                <c:pt idx="2881">
                  <c:v>10.1677</c:v>
                </c:pt>
                <c:pt idx="2882">
                  <c:v>9.2150999999999996</c:v>
                </c:pt>
                <c:pt idx="2883">
                  <c:v>8.2553000000000001</c:v>
                </c:pt>
                <c:pt idx="2884">
                  <c:v>7.4847000000000001</c:v>
                </c:pt>
                <c:pt idx="2885">
                  <c:v>6.7762000000000002</c:v>
                </c:pt>
                <c:pt idx="2886">
                  <c:v>6.1180000000000003</c:v>
                </c:pt>
                <c:pt idx="2887">
                  <c:v>5.6162999999999998</c:v>
                </c:pt>
                <c:pt idx="2888">
                  <c:v>5.1841999999999997</c:v>
                </c:pt>
                <c:pt idx="2889">
                  <c:v>4.8551000000000002</c:v>
                </c:pt>
                <c:pt idx="2890">
                  <c:v>4.6593999999999998</c:v>
                </c:pt>
                <c:pt idx="2891">
                  <c:v>4.5110999999999999</c:v>
                </c:pt>
                <c:pt idx="2892">
                  <c:v>4.4268000000000001</c:v>
                </c:pt>
                <c:pt idx="2893">
                  <c:v>4.2702</c:v>
                </c:pt>
                <c:pt idx="2894">
                  <c:v>4.0727000000000002</c:v>
                </c:pt>
                <c:pt idx="2895">
                  <c:v>3.9609999999999999</c:v>
                </c:pt>
                <c:pt idx="2896">
                  <c:v>4.0574000000000003</c:v>
                </c:pt>
                <c:pt idx="2897">
                  <c:v>4.1668000000000003</c:v>
                </c:pt>
                <c:pt idx="2898">
                  <c:v>4.1044</c:v>
                </c:pt>
                <c:pt idx="2899">
                  <c:v>4.0190000000000001</c:v>
                </c:pt>
                <c:pt idx="2900">
                  <c:v>3.8146</c:v>
                </c:pt>
                <c:pt idx="2901">
                  <c:v>3.7471999999999999</c:v>
                </c:pt>
                <c:pt idx="2902">
                  <c:v>3.6221000000000001</c:v>
                </c:pt>
                <c:pt idx="2903">
                  <c:v>3.6162999999999998</c:v>
                </c:pt>
                <c:pt idx="2904">
                  <c:v>3.6402000000000001</c:v>
                </c:pt>
                <c:pt idx="2905">
                  <c:v>3.669</c:v>
                </c:pt>
                <c:pt idx="2906">
                  <c:v>3.6638999999999999</c:v>
                </c:pt>
                <c:pt idx="2907">
                  <c:v>3.5895000000000001</c:v>
                </c:pt>
                <c:pt idx="2908">
                  <c:v>3.4817</c:v>
                </c:pt>
                <c:pt idx="2909">
                  <c:v>3.3866000000000001</c:v>
                </c:pt>
                <c:pt idx="2910">
                  <c:v>3.2351000000000001</c:v>
                </c:pt>
                <c:pt idx="2911">
                  <c:v>3.1116999999999999</c:v>
                </c:pt>
                <c:pt idx="2912">
                  <c:v>3.0102000000000002</c:v>
                </c:pt>
                <c:pt idx="2913">
                  <c:v>2.8511000000000002</c:v>
                </c:pt>
                <c:pt idx="2914">
                  <c:v>2.6242000000000001</c:v>
                </c:pt>
                <c:pt idx="2915">
                  <c:v>2.4579</c:v>
                </c:pt>
                <c:pt idx="2916">
                  <c:v>2.3035000000000001</c:v>
                </c:pt>
                <c:pt idx="2917">
                  <c:v>2.1877</c:v>
                </c:pt>
                <c:pt idx="2918">
                  <c:v>2.2122999999999999</c:v>
                </c:pt>
                <c:pt idx="2919">
                  <c:v>2.2942999999999998</c:v>
                </c:pt>
                <c:pt idx="2920">
                  <c:v>2.5579000000000001</c:v>
                </c:pt>
                <c:pt idx="2921">
                  <c:v>2.8904999999999998</c:v>
                </c:pt>
                <c:pt idx="2922">
                  <c:v>3.2031000000000001</c:v>
                </c:pt>
                <c:pt idx="2923">
                  <c:v>3.5510000000000002</c:v>
                </c:pt>
                <c:pt idx="2924">
                  <c:v>3.8712</c:v>
                </c:pt>
                <c:pt idx="2925">
                  <c:v>4.0651999999999999</c:v>
                </c:pt>
                <c:pt idx="2926">
                  <c:v>4.2130000000000001</c:v>
                </c:pt>
                <c:pt idx="2927">
                  <c:v>4.3121</c:v>
                </c:pt>
                <c:pt idx="2928">
                  <c:v>4.4648000000000003</c:v>
                </c:pt>
                <c:pt idx="2929">
                  <c:v>4.6093999999999999</c:v>
                </c:pt>
                <c:pt idx="2930">
                  <c:v>4.7888999999999999</c:v>
                </c:pt>
                <c:pt idx="2931">
                  <c:v>4.9904000000000002</c:v>
                </c:pt>
                <c:pt idx="2932">
                  <c:v>5.2468000000000004</c:v>
                </c:pt>
                <c:pt idx="2933">
                  <c:v>5.5453999999999999</c:v>
                </c:pt>
                <c:pt idx="2934">
                  <c:v>5.9046000000000003</c:v>
                </c:pt>
                <c:pt idx="2935">
                  <c:v>6.2446000000000002</c:v>
                </c:pt>
                <c:pt idx="2936">
                  <c:v>6.5842999999999998</c:v>
                </c:pt>
                <c:pt idx="2937">
                  <c:v>6.9405999999999999</c:v>
                </c:pt>
                <c:pt idx="2938">
                  <c:v>7.2647000000000004</c:v>
                </c:pt>
                <c:pt idx="2939">
                  <c:v>7.5673000000000004</c:v>
                </c:pt>
                <c:pt idx="2940">
                  <c:v>7.8733000000000004</c:v>
                </c:pt>
                <c:pt idx="2941">
                  <c:v>8.0853000000000002</c:v>
                </c:pt>
                <c:pt idx="2942">
                  <c:v>8.2437000000000005</c:v>
                </c:pt>
                <c:pt idx="2943">
                  <c:v>8.2603000000000009</c:v>
                </c:pt>
                <c:pt idx="2944">
                  <c:v>8.2249999999999996</c:v>
                </c:pt>
                <c:pt idx="2945">
                  <c:v>8.1539000000000001</c:v>
                </c:pt>
                <c:pt idx="2946">
                  <c:v>8.0109999999999992</c:v>
                </c:pt>
                <c:pt idx="2947">
                  <c:v>7.7713000000000001</c:v>
                </c:pt>
                <c:pt idx="2948">
                  <c:v>7.4898999999999996</c:v>
                </c:pt>
                <c:pt idx="2949">
                  <c:v>7.1677999999999997</c:v>
                </c:pt>
                <c:pt idx="2950">
                  <c:v>6.9189999999999996</c:v>
                </c:pt>
                <c:pt idx="2951">
                  <c:v>6.7573999999999996</c:v>
                </c:pt>
                <c:pt idx="2952">
                  <c:v>6.6310000000000002</c:v>
                </c:pt>
                <c:pt idx="2953">
                  <c:v>6.5259999999999998</c:v>
                </c:pt>
                <c:pt idx="2954">
                  <c:v>6.5564999999999998</c:v>
                </c:pt>
                <c:pt idx="2955">
                  <c:v>6.617</c:v>
                </c:pt>
                <c:pt idx="2956">
                  <c:v>6.7037000000000004</c:v>
                </c:pt>
                <c:pt idx="2957">
                  <c:v>6.7398999999999996</c:v>
                </c:pt>
                <c:pt idx="2958">
                  <c:v>6.6600999999999999</c:v>
                </c:pt>
                <c:pt idx="2959">
                  <c:v>6.6474000000000002</c:v>
                </c:pt>
                <c:pt idx="2960">
                  <c:v>6.5438000000000001</c:v>
                </c:pt>
                <c:pt idx="2961">
                  <c:v>6.5373000000000001</c:v>
                </c:pt>
                <c:pt idx="2962">
                  <c:v>6.4481999999999999</c:v>
                </c:pt>
                <c:pt idx="2963">
                  <c:v>6.4249999999999998</c:v>
                </c:pt>
                <c:pt idx="2964">
                  <c:v>6.3475999999999999</c:v>
                </c:pt>
                <c:pt idx="2965">
                  <c:v>6.2793999999999999</c:v>
                </c:pt>
                <c:pt idx="2966">
                  <c:v>6.0888999999999998</c:v>
                </c:pt>
                <c:pt idx="2967">
                  <c:v>5.8482000000000003</c:v>
                </c:pt>
                <c:pt idx="2968">
                  <c:v>5.6243999999999996</c:v>
                </c:pt>
                <c:pt idx="2969">
                  <c:v>5.3162000000000003</c:v>
                </c:pt>
                <c:pt idx="2970">
                  <c:v>5.0082000000000004</c:v>
                </c:pt>
                <c:pt idx="2971">
                  <c:v>4.6296999999999997</c:v>
                </c:pt>
                <c:pt idx="2972">
                  <c:v>4.4375999999999998</c:v>
                </c:pt>
                <c:pt idx="2973">
                  <c:v>4.3162000000000003</c:v>
                </c:pt>
                <c:pt idx="2974">
                  <c:v>4.4714</c:v>
                </c:pt>
                <c:pt idx="2975">
                  <c:v>4.9561999999999999</c:v>
                </c:pt>
                <c:pt idx="2976">
                  <c:v>5.7972000000000001</c:v>
                </c:pt>
                <c:pt idx="2977">
                  <c:v>6.7792000000000003</c:v>
                </c:pt>
                <c:pt idx="2978">
                  <c:v>7.7183999999999999</c:v>
                </c:pt>
                <c:pt idx="2979">
                  <c:v>8.3092000000000006</c:v>
                </c:pt>
                <c:pt idx="2980">
                  <c:v>8.5284999999999993</c:v>
                </c:pt>
                <c:pt idx="2981">
                  <c:v>8.5196000000000005</c:v>
                </c:pt>
                <c:pt idx="2982">
                  <c:v>8.3181999999999992</c:v>
                </c:pt>
                <c:pt idx="2983">
                  <c:v>7.9562999999999997</c:v>
                </c:pt>
                <c:pt idx="2984">
                  <c:v>7.4653999999999998</c:v>
                </c:pt>
                <c:pt idx="2985">
                  <c:v>6.9424000000000001</c:v>
                </c:pt>
                <c:pt idx="2986">
                  <c:v>6.3784999999999998</c:v>
                </c:pt>
                <c:pt idx="2987">
                  <c:v>5.8521999999999998</c:v>
                </c:pt>
                <c:pt idx="2988">
                  <c:v>5.4691999999999998</c:v>
                </c:pt>
                <c:pt idx="2989">
                  <c:v>5.2268999999999997</c:v>
                </c:pt>
                <c:pt idx="2990">
                  <c:v>5.1439000000000004</c:v>
                </c:pt>
                <c:pt idx="2991">
                  <c:v>5.0686999999999998</c:v>
                </c:pt>
                <c:pt idx="2992">
                  <c:v>5.0148999999999999</c:v>
                </c:pt>
                <c:pt idx="2993">
                  <c:v>4.9657999999999998</c:v>
                </c:pt>
                <c:pt idx="2994">
                  <c:v>4.7838000000000003</c:v>
                </c:pt>
                <c:pt idx="2995">
                  <c:v>4.5522999999999998</c:v>
                </c:pt>
                <c:pt idx="2996">
                  <c:v>4.2342000000000004</c:v>
                </c:pt>
                <c:pt idx="2997">
                  <c:v>3.9634</c:v>
                </c:pt>
                <c:pt idx="2998">
                  <c:v>3.6852999999999998</c:v>
                </c:pt>
                <c:pt idx="2999">
                  <c:v>3.3946000000000001</c:v>
                </c:pt>
                <c:pt idx="3000">
                  <c:v>3.0958999999999999</c:v>
                </c:pt>
                <c:pt idx="3001">
                  <c:v>2.8271000000000002</c:v>
                </c:pt>
                <c:pt idx="3002">
                  <c:v>2.6518000000000002</c:v>
                </c:pt>
                <c:pt idx="3003">
                  <c:v>2.5634999999999999</c:v>
                </c:pt>
                <c:pt idx="3004">
                  <c:v>2.4746999999999999</c:v>
                </c:pt>
                <c:pt idx="3005">
                  <c:v>2.3845999999999998</c:v>
                </c:pt>
                <c:pt idx="3006">
                  <c:v>2.2778</c:v>
                </c:pt>
                <c:pt idx="3007">
                  <c:v>2.2084000000000001</c:v>
                </c:pt>
                <c:pt idx="3008">
                  <c:v>2.0268999999999999</c:v>
                </c:pt>
                <c:pt idx="3009">
                  <c:v>1.9005000000000001</c:v>
                </c:pt>
                <c:pt idx="3010">
                  <c:v>1.8299000000000001</c:v>
                </c:pt>
                <c:pt idx="3011">
                  <c:v>1.7682</c:v>
                </c:pt>
                <c:pt idx="3012">
                  <c:v>1.7125999999999999</c:v>
                </c:pt>
                <c:pt idx="3013">
                  <c:v>1.6848000000000001</c:v>
                </c:pt>
                <c:pt idx="3014">
                  <c:v>1.7040999999999999</c:v>
                </c:pt>
                <c:pt idx="3015">
                  <c:v>1.742</c:v>
                </c:pt>
                <c:pt idx="3016">
                  <c:v>1.7471000000000001</c:v>
                </c:pt>
                <c:pt idx="3017">
                  <c:v>1.7051000000000001</c:v>
                </c:pt>
                <c:pt idx="3018">
                  <c:v>1.6978</c:v>
                </c:pt>
                <c:pt idx="3019">
                  <c:v>1.6776</c:v>
                </c:pt>
                <c:pt idx="3020">
                  <c:v>1.6644000000000001</c:v>
                </c:pt>
                <c:pt idx="3021">
                  <c:v>1.5891999999999999</c:v>
                </c:pt>
                <c:pt idx="3022">
                  <c:v>1.5851</c:v>
                </c:pt>
                <c:pt idx="3023">
                  <c:v>1.615</c:v>
                </c:pt>
                <c:pt idx="3024">
                  <c:v>1.5874999999999999</c:v>
                </c:pt>
                <c:pt idx="3025">
                  <c:v>1.5229999999999999</c:v>
                </c:pt>
                <c:pt idx="3026">
                  <c:v>1.4769000000000001</c:v>
                </c:pt>
                <c:pt idx="3027">
                  <c:v>1.4499</c:v>
                </c:pt>
                <c:pt idx="3028">
                  <c:v>1.462</c:v>
                </c:pt>
                <c:pt idx="3029">
                  <c:v>1.4724999999999999</c:v>
                </c:pt>
                <c:pt idx="3030">
                  <c:v>1.4974000000000001</c:v>
                </c:pt>
                <c:pt idx="3031">
                  <c:v>1.4789000000000001</c:v>
                </c:pt>
                <c:pt idx="3032">
                  <c:v>1.4799</c:v>
                </c:pt>
                <c:pt idx="3033">
                  <c:v>1.4782</c:v>
                </c:pt>
                <c:pt idx="3034">
                  <c:v>1.4678</c:v>
                </c:pt>
                <c:pt idx="3035">
                  <c:v>1.4869000000000001</c:v>
                </c:pt>
                <c:pt idx="3036">
                  <c:v>1.526</c:v>
                </c:pt>
                <c:pt idx="3037">
                  <c:v>1.5596000000000001</c:v>
                </c:pt>
                <c:pt idx="3038">
                  <c:v>1.5732999999999999</c:v>
                </c:pt>
                <c:pt idx="3039">
                  <c:v>1.5727</c:v>
                </c:pt>
                <c:pt idx="3040">
                  <c:v>1.5691999999999999</c:v>
                </c:pt>
                <c:pt idx="3041">
                  <c:v>1.6015999999999999</c:v>
                </c:pt>
                <c:pt idx="3042">
                  <c:v>1.5822000000000001</c:v>
                </c:pt>
                <c:pt idx="3043">
                  <c:v>1.5810999999999999</c:v>
                </c:pt>
                <c:pt idx="3044">
                  <c:v>1.5888</c:v>
                </c:pt>
                <c:pt idx="3045">
                  <c:v>1.5841000000000001</c:v>
                </c:pt>
                <c:pt idx="3046">
                  <c:v>1.5916999999999999</c:v>
                </c:pt>
                <c:pt idx="3047">
                  <c:v>1.6704000000000001</c:v>
                </c:pt>
                <c:pt idx="3048">
                  <c:v>1.8212999999999999</c:v>
                </c:pt>
                <c:pt idx="3049">
                  <c:v>1.9355</c:v>
                </c:pt>
                <c:pt idx="3050">
                  <c:v>2.0337999999999998</c:v>
                </c:pt>
                <c:pt idx="3051">
                  <c:v>2.0729000000000002</c:v>
                </c:pt>
                <c:pt idx="3052">
                  <c:v>2.1435</c:v>
                </c:pt>
                <c:pt idx="3053">
                  <c:v>2.2227999999999999</c:v>
                </c:pt>
                <c:pt idx="3054">
                  <c:v>2.3037000000000001</c:v>
                </c:pt>
                <c:pt idx="3055">
                  <c:v>2.3374999999999999</c:v>
                </c:pt>
                <c:pt idx="3056">
                  <c:v>2.3744999999999998</c:v>
                </c:pt>
                <c:pt idx="3057">
                  <c:v>2.4180000000000001</c:v>
                </c:pt>
                <c:pt idx="3058">
                  <c:v>2.4775</c:v>
                </c:pt>
                <c:pt idx="3059">
                  <c:v>2.6019999999999999</c:v>
                </c:pt>
                <c:pt idx="3060">
                  <c:v>2.8464999999999998</c:v>
                </c:pt>
                <c:pt idx="3061">
                  <c:v>3.2073999999999998</c:v>
                </c:pt>
                <c:pt idx="3062">
                  <c:v>3.7050999999999998</c:v>
                </c:pt>
                <c:pt idx="3063">
                  <c:v>4.2906000000000004</c:v>
                </c:pt>
                <c:pt idx="3064">
                  <c:v>4.9208999999999996</c:v>
                </c:pt>
                <c:pt idx="3065">
                  <c:v>5.6208999999999998</c:v>
                </c:pt>
                <c:pt idx="3066">
                  <c:v>6.4085999999999999</c:v>
                </c:pt>
                <c:pt idx="3067">
                  <c:v>7.1036000000000001</c:v>
                </c:pt>
                <c:pt idx="3068">
                  <c:v>7.6769999999999996</c:v>
                </c:pt>
                <c:pt idx="3069">
                  <c:v>7.8864999999999998</c:v>
                </c:pt>
                <c:pt idx="3070">
                  <c:v>7.8330000000000002</c:v>
                </c:pt>
                <c:pt idx="3071">
                  <c:v>7.5826000000000002</c:v>
                </c:pt>
                <c:pt idx="3072">
                  <c:v>7.2423999999999999</c:v>
                </c:pt>
                <c:pt idx="3073">
                  <c:v>6.8563000000000001</c:v>
                </c:pt>
                <c:pt idx="3074">
                  <c:v>6.3758999999999997</c:v>
                </c:pt>
                <c:pt idx="3075">
                  <c:v>5.9486999999999997</c:v>
                </c:pt>
                <c:pt idx="3076">
                  <c:v>5.5113000000000003</c:v>
                </c:pt>
                <c:pt idx="3077">
                  <c:v>5.0895999999999999</c:v>
                </c:pt>
                <c:pt idx="3078">
                  <c:v>4.7054999999999998</c:v>
                </c:pt>
                <c:pt idx="3079">
                  <c:v>4.2470999999999997</c:v>
                </c:pt>
                <c:pt idx="3080">
                  <c:v>3.835</c:v>
                </c:pt>
                <c:pt idx="3081">
                  <c:v>3.4215</c:v>
                </c:pt>
                <c:pt idx="3082">
                  <c:v>2.9828999999999999</c:v>
                </c:pt>
                <c:pt idx="3083">
                  <c:v>2.6614</c:v>
                </c:pt>
                <c:pt idx="3084">
                  <c:v>2.3405</c:v>
                </c:pt>
                <c:pt idx="3085">
                  <c:v>2.0394000000000001</c:v>
                </c:pt>
                <c:pt idx="3086">
                  <c:v>1.804</c:v>
                </c:pt>
                <c:pt idx="3087">
                  <c:v>1.6254999999999999</c:v>
                </c:pt>
                <c:pt idx="3088">
                  <c:v>1.4508000000000001</c:v>
                </c:pt>
                <c:pt idx="3089">
                  <c:v>1.3554999999999999</c:v>
                </c:pt>
                <c:pt idx="3090">
                  <c:v>1.2871999999999999</c:v>
                </c:pt>
                <c:pt idx="3091">
                  <c:v>1.2652000000000001</c:v>
                </c:pt>
                <c:pt idx="3092">
                  <c:v>1.2744</c:v>
                </c:pt>
                <c:pt idx="3093">
                  <c:v>1.2467999999999999</c:v>
                </c:pt>
                <c:pt idx="3094">
                  <c:v>1.2629999999999999</c:v>
                </c:pt>
                <c:pt idx="3095">
                  <c:v>1.2523</c:v>
                </c:pt>
                <c:pt idx="3096">
                  <c:v>1.2528999999999999</c:v>
                </c:pt>
                <c:pt idx="3097">
                  <c:v>1.2974000000000001</c:v>
                </c:pt>
                <c:pt idx="3098">
                  <c:v>1.3429</c:v>
                </c:pt>
                <c:pt idx="3099">
                  <c:v>1.3736999999999999</c:v>
                </c:pt>
                <c:pt idx="3100">
                  <c:v>1.3815999999999999</c:v>
                </c:pt>
                <c:pt idx="3101">
                  <c:v>1.4535</c:v>
                </c:pt>
                <c:pt idx="3102">
                  <c:v>1.5519000000000001</c:v>
                </c:pt>
                <c:pt idx="3103">
                  <c:v>1.6544000000000001</c:v>
                </c:pt>
                <c:pt idx="3104">
                  <c:v>1.7238</c:v>
                </c:pt>
                <c:pt idx="3105">
                  <c:v>1.8419000000000001</c:v>
                </c:pt>
                <c:pt idx="3106">
                  <c:v>1.9287000000000001</c:v>
                </c:pt>
                <c:pt idx="3107">
                  <c:v>1.9824999999999999</c:v>
                </c:pt>
                <c:pt idx="3108">
                  <c:v>1.9238</c:v>
                </c:pt>
                <c:pt idx="3109">
                  <c:v>1.9468000000000001</c:v>
                </c:pt>
                <c:pt idx="3110">
                  <c:v>2.0036999999999998</c:v>
                </c:pt>
                <c:pt idx="3111">
                  <c:v>2.1503999999999999</c:v>
                </c:pt>
                <c:pt idx="3112">
                  <c:v>2.3437000000000001</c:v>
                </c:pt>
                <c:pt idx="3113">
                  <c:v>2.6724999999999999</c:v>
                </c:pt>
                <c:pt idx="3114">
                  <c:v>3.0236000000000001</c:v>
                </c:pt>
                <c:pt idx="3115">
                  <c:v>3.4066000000000001</c:v>
                </c:pt>
                <c:pt idx="3116">
                  <c:v>3.8382000000000001</c:v>
                </c:pt>
                <c:pt idx="3117">
                  <c:v>4.1959999999999997</c:v>
                </c:pt>
                <c:pt idx="3118">
                  <c:v>4.6794000000000002</c:v>
                </c:pt>
                <c:pt idx="3119">
                  <c:v>5.1444999999999999</c:v>
                </c:pt>
                <c:pt idx="3120">
                  <c:v>5.4740000000000002</c:v>
                </c:pt>
                <c:pt idx="3121">
                  <c:v>5.6906999999999996</c:v>
                </c:pt>
                <c:pt idx="3122">
                  <c:v>5.8762999999999996</c:v>
                </c:pt>
                <c:pt idx="3123">
                  <c:v>5.8867000000000003</c:v>
                </c:pt>
                <c:pt idx="3124">
                  <c:v>5.9866000000000001</c:v>
                </c:pt>
                <c:pt idx="3125">
                  <c:v>5.9596</c:v>
                </c:pt>
                <c:pt idx="3126">
                  <c:v>6.0228999999999999</c:v>
                </c:pt>
                <c:pt idx="3127">
                  <c:v>6.1064999999999996</c:v>
                </c:pt>
                <c:pt idx="3128">
                  <c:v>6.2552000000000003</c:v>
                </c:pt>
                <c:pt idx="3129">
                  <c:v>6.4198000000000004</c:v>
                </c:pt>
                <c:pt idx="3130">
                  <c:v>6.5056000000000003</c:v>
                </c:pt>
                <c:pt idx="3131">
                  <c:v>6.6584000000000003</c:v>
                </c:pt>
                <c:pt idx="3132">
                  <c:v>6.8867000000000003</c:v>
                </c:pt>
                <c:pt idx="3133">
                  <c:v>7.1094999999999997</c:v>
                </c:pt>
                <c:pt idx="3134">
                  <c:v>7.4522000000000004</c:v>
                </c:pt>
                <c:pt idx="3135">
                  <c:v>7.6258999999999997</c:v>
                </c:pt>
                <c:pt idx="3136">
                  <c:v>7.7868000000000004</c:v>
                </c:pt>
                <c:pt idx="3137">
                  <c:v>8.0986999999999991</c:v>
                </c:pt>
                <c:pt idx="3138">
                  <c:v>8.3407999999999998</c:v>
                </c:pt>
                <c:pt idx="3139">
                  <c:v>8.4465000000000003</c:v>
                </c:pt>
                <c:pt idx="3140">
                  <c:v>8.4177999999999997</c:v>
                </c:pt>
                <c:pt idx="3141">
                  <c:v>8.3507999999999996</c:v>
                </c:pt>
                <c:pt idx="3142">
                  <c:v>8.2268000000000008</c:v>
                </c:pt>
                <c:pt idx="3143">
                  <c:v>8.0449000000000002</c:v>
                </c:pt>
                <c:pt idx="3144">
                  <c:v>7.6508000000000003</c:v>
                </c:pt>
                <c:pt idx="3145">
                  <c:v>7.2908999999999997</c:v>
                </c:pt>
                <c:pt idx="3146">
                  <c:v>6.9219999999999997</c:v>
                </c:pt>
                <c:pt idx="3147">
                  <c:v>6.5357000000000003</c:v>
                </c:pt>
                <c:pt idx="3148">
                  <c:v>6.2857000000000003</c:v>
                </c:pt>
                <c:pt idx="3149">
                  <c:v>6.0720000000000001</c:v>
                </c:pt>
                <c:pt idx="3150">
                  <c:v>5.9046000000000003</c:v>
                </c:pt>
                <c:pt idx="3151">
                  <c:v>5.7969999999999997</c:v>
                </c:pt>
                <c:pt idx="3152">
                  <c:v>5.6353999999999997</c:v>
                </c:pt>
                <c:pt idx="3153">
                  <c:v>5.5147000000000004</c:v>
                </c:pt>
                <c:pt idx="3154">
                  <c:v>5.5185000000000004</c:v>
                </c:pt>
                <c:pt idx="3155">
                  <c:v>5.5975999999999999</c:v>
                </c:pt>
                <c:pt idx="3156">
                  <c:v>5.7388000000000003</c:v>
                </c:pt>
                <c:pt idx="3157">
                  <c:v>5.6702000000000004</c:v>
                </c:pt>
                <c:pt idx="3158">
                  <c:v>5.5903</c:v>
                </c:pt>
                <c:pt idx="3159">
                  <c:v>5.8047000000000004</c:v>
                </c:pt>
                <c:pt idx="3160">
                  <c:v>6.1002999999999998</c:v>
                </c:pt>
                <c:pt idx="3161">
                  <c:v>6.3040000000000003</c:v>
                </c:pt>
                <c:pt idx="3162">
                  <c:v>6.5381</c:v>
                </c:pt>
                <c:pt idx="3163">
                  <c:v>6.8319000000000001</c:v>
                </c:pt>
                <c:pt idx="3164">
                  <c:v>7.1154999999999999</c:v>
                </c:pt>
                <c:pt idx="3165">
                  <c:v>7.4287999999999998</c:v>
                </c:pt>
                <c:pt idx="3166">
                  <c:v>7.6062000000000003</c:v>
                </c:pt>
                <c:pt idx="3167">
                  <c:v>7.7823000000000002</c:v>
                </c:pt>
                <c:pt idx="3168">
                  <c:v>7.8811</c:v>
                </c:pt>
                <c:pt idx="3169">
                  <c:v>7.9325999999999999</c:v>
                </c:pt>
                <c:pt idx="3170">
                  <c:v>7.8905000000000003</c:v>
                </c:pt>
                <c:pt idx="3171">
                  <c:v>7.8456999999999999</c:v>
                </c:pt>
                <c:pt idx="3172">
                  <c:v>7.6999000000000004</c:v>
                </c:pt>
                <c:pt idx="3173">
                  <c:v>7.4762000000000004</c:v>
                </c:pt>
                <c:pt idx="3174">
                  <c:v>7.3315999999999999</c:v>
                </c:pt>
                <c:pt idx="3175">
                  <c:v>7.1266999999999996</c:v>
                </c:pt>
                <c:pt idx="3176">
                  <c:v>6.9252000000000002</c:v>
                </c:pt>
                <c:pt idx="3177">
                  <c:v>6.6806000000000001</c:v>
                </c:pt>
                <c:pt idx="3178">
                  <c:v>6.5103</c:v>
                </c:pt>
                <c:pt idx="3179">
                  <c:v>6.3491999999999997</c:v>
                </c:pt>
                <c:pt idx="3180">
                  <c:v>6.1947000000000001</c:v>
                </c:pt>
                <c:pt idx="3181">
                  <c:v>5.9592000000000001</c:v>
                </c:pt>
                <c:pt idx="3182">
                  <c:v>5.7907000000000002</c:v>
                </c:pt>
                <c:pt idx="3183">
                  <c:v>5.6980000000000004</c:v>
                </c:pt>
                <c:pt idx="3184">
                  <c:v>5.3983999999999996</c:v>
                </c:pt>
                <c:pt idx="3185">
                  <c:v>5.2004000000000001</c:v>
                </c:pt>
                <c:pt idx="3186">
                  <c:v>5.2255000000000003</c:v>
                </c:pt>
                <c:pt idx="3187">
                  <c:v>5.2180999999999997</c:v>
                </c:pt>
                <c:pt idx="3188">
                  <c:v>5.1894</c:v>
                </c:pt>
                <c:pt idx="3189">
                  <c:v>5.2591999999999999</c:v>
                </c:pt>
                <c:pt idx="3190">
                  <c:v>5.3973000000000004</c:v>
                </c:pt>
                <c:pt idx="3191">
                  <c:v>5.6318000000000001</c:v>
                </c:pt>
                <c:pt idx="3192">
                  <c:v>5.8376999999999999</c:v>
                </c:pt>
                <c:pt idx="3193">
                  <c:v>5.9790000000000001</c:v>
                </c:pt>
                <c:pt idx="3194">
                  <c:v>6.0205000000000002</c:v>
                </c:pt>
                <c:pt idx="3195">
                  <c:v>6.0472000000000001</c:v>
                </c:pt>
                <c:pt idx="3196">
                  <c:v>6.0434000000000001</c:v>
                </c:pt>
                <c:pt idx="3197">
                  <c:v>6.1361999999999997</c:v>
                </c:pt>
                <c:pt idx="3198">
                  <c:v>6.2903000000000002</c:v>
                </c:pt>
                <c:pt idx="3199">
                  <c:v>6.4010999999999996</c:v>
                </c:pt>
                <c:pt idx="3200">
                  <c:v>6.6308999999999996</c:v>
                </c:pt>
                <c:pt idx="3201">
                  <c:v>6.7919999999999998</c:v>
                </c:pt>
                <c:pt idx="3202">
                  <c:v>6.8391000000000002</c:v>
                </c:pt>
                <c:pt idx="3203">
                  <c:v>6.8639000000000001</c:v>
                </c:pt>
                <c:pt idx="3204">
                  <c:v>6.8830999999999998</c:v>
                </c:pt>
                <c:pt idx="3205">
                  <c:v>6.6950000000000003</c:v>
                </c:pt>
                <c:pt idx="3206">
                  <c:v>6.3781999999999996</c:v>
                </c:pt>
                <c:pt idx="3207">
                  <c:v>6.0518000000000001</c:v>
                </c:pt>
                <c:pt idx="3208">
                  <c:v>5.6551999999999998</c:v>
                </c:pt>
                <c:pt idx="3209">
                  <c:v>5.2514000000000003</c:v>
                </c:pt>
                <c:pt idx="3210">
                  <c:v>4.9137000000000004</c:v>
                </c:pt>
                <c:pt idx="3211">
                  <c:v>4.6048</c:v>
                </c:pt>
                <c:pt idx="3212">
                  <c:v>4.3133999999999997</c:v>
                </c:pt>
                <c:pt idx="3213">
                  <c:v>4.0544000000000002</c:v>
                </c:pt>
                <c:pt idx="3214">
                  <c:v>3.8856999999999999</c:v>
                </c:pt>
                <c:pt idx="3215">
                  <c:v>3.7176</c:v>
                </c:pt>
                <c:pt idx="3216">
                  <c:v>3.5051999999999999</c:v>
                </c:pt>
                <c:pt idx="3217">
                  <c:v>3.3285999999999998</c:v>
                </c:pt>
                <c:pt idx="3218">
                  <c:v>3.3841000000000001</c:v>
                </c:pt>
                <c:pt idx="3219">
                  <c:v>3.4043000000000001</c:v>
                </c:pt>
                <c:pt idx="3220">
                  <c:v>3.4563000000000001</c:v>
                </c:pt>
                <c:pt idx="3221">
                  <c:v>3.4845000000000002</c:v>
                </c:pt>
                <c:pt idx="3222">
                  <c:v>3.49</c:v>
                </c:pt>
                <c:pt idx="3223">
                  <c:v>3.4615</c:v>
                </c:pt>
                <c:pt idx="3224">
                  <c:v>3.5808</c:v>
                </c:pt>
                <c:pt idx="3225">
                  <c:v>3.6528</c:v>
                </c:pt>
                <c:pt idx="3226">
                  <c:v>3.6282999999999999</c:v>
                </c:pt>
                <c:pt idx="3227">
                  <c:v>3.6113</c:v>
                </c:pt>
                <c:pt idx="3228">
                  <c:v>3.6053000000000002</c:v>
                </c:pt>
                <c:pt idx="3229">
                  <c:v>3.6046</c:v>
                </c:pt>
                <c:pt idx="3230">
                  <c:v>3.5912000000000002</c:v>
                </c:pt>
                <c:pt idx="3231">
                  <c:v>3.5789</c:v>
                </c:pt>
                <c:pt idx="3232">
                  <c:v>3.5994999999999999</c:v>
                </c:pt>
                <c:pt idx="3233">
                  <c:v>3.5920000000000001</c:v>
                </c:pt>
                <c:pt idx="3234">
                  <c:v>3.6286</c:v>
                </c:pt>
                <c:pt idx="3235">
                  <c:v>3.6073</c:v>
                </c:pt>
                <c:pt idx="3236">
                  <c:v>3.5848</c:v>
                </c:pt>
                <c:pt idx="3237">
                  <c:v>3.5019999999999998</c:v>
                </c:pt>
                <c:pt idx="3238">
                  <c:v>3.4411</c:v>
                </c:pt>
                <c:pt idx="3239">
                  <c:v>3.5878000000000001</c:v>
                </c:pt>
                <c:pt idx="3240">
                  <c:v>3.8407</c:v>
                </c:pt>
                <c:pt idx="3241">
                  <c:v>4.1470000000000002</c:v>
                </c:pt>
                <c:pt idx="3242">
                  <c:v>4.4851999999999999</c:v>
                </c:pt>
                <c:pt idx="3243">
                  <c:v>4.7874999999999996</c:v>
                </c:pt>
                <c:pt idx="3244">
                  <c:v>5.0231000000000003</c:v>
                </c:pt>
                <c:pt idx="3245">
                  <c:v>5.2507000000000001</c:v>
                </c:pt>
                <c:pt idx="3246">
                  <c:v>5.3936999999999999</c:v>
                </c:pt>
                <c:pt idx="3247">
                  <c:v>5.4115000000000002</c:v>
                </c:pt>
                <c:pt idx="3248">
                  <c:v>5.4042000000000003</c:v>
                </c:pt>
                <c:pt idx="3249">
                  <c:v>5.3620000000000001</c:v>
                </c:pt>
                <c:pt idx="3250">
                  <c:v>5.3731999999999998</c:v>
                </c:pt>
                <c:pt idx="3251">
                  <c:v>5.3921999999999999</c:v>
                </c:pt>
                <c:pt idx="3252">
                  <c:v>5.4135</c:v>
                </c:pt>
                <c:pt idx="3253">
                  <c:v>5.4797000000000002</c:v>
                </c:pt>
                <c:pt idx="3254">
                  <c:v>5.5698999999999996</c:v>
                </c:pt>
                <c:pt idx="3255">
                  <c:v>5.6845999999999997</c:v>
                </c:pt>
                <c:pt idx="3256">
                  <c:v>5.8067000000000002</c:v>
                </c:pt>
                <c:pt idx="3257">
                  <c:v>5.8621999999999996</c:v>
                </c:pt>
                <c:pt idx="3258">
                  <c:v>5.8189000000000002</c:v>
                </c:pt>
                <c:pt idx="3259">
                  <c:v>5.7430000000000003</c:v>
                </c:pt>
                <c:pt idx="3260">
                  <c:v>5.6199000000000003</c:v>
                </c:pt>
                <c:pt idx="3261">
                  <c:v>5.4668000000000001</c:v>
                </c:pt>
                <c:pt idx="3262">
                  <c:v>5.3711000000000002</c:v>
                </c:pt>
                <c:pt idx="3263">
                  <c:v>5.4721000000000002</c:v>
                </c:pt>
                <c:pt idx="3264">
                  <c:v>5.6345999999999998</c:v>
                </c:pt>
                <c:pt idx="3265">
                  <c:v>5.9682000000000004</c:v>
                </c:pt>
                <c:pt idx="3266">
                  <c:v>6.3768000000000002</c:v>
                </c:pt>
                <c:pt idx="3267">
                  <c:v>7.0640000000000001</c:v>
                </c:pt>
                <c:pt idx="3268">
                  <c:v>7.8559000000000001</c:v>
                </c:pt>
                <c:pt idx="3269">
                  <c:v>8.6934000000000005</c:v>
                </c:pt>
                <c:pt idx="3270">
                  <c:v>9.4895999999999994</c:v>
                </c:pt>
                <c:pt idx="3271">
                  <c:v>10.2562</c:v>
                </c:pt>
                <c:pt idx="3272">
                  <c:v>10.9541</c:v>
                </c:pt>
                <c:pt idx="3273">
                  <c:v>11.657999999999999</c:v>
                </c:pt>
                <c:pt idx="3274">
                  <c:v>12.4907</c:v>
                </c:pt>
                <c:pt idx="3275">
                  <c:v>13.265599999999999</c:v>
                </c:pt>
                <c:pt idx="3276">
                  <c:v>14.110200000000001</c:v>
                </c:pt>
                <c:pt idx="3277">
                  <c:v>14.832700000000001</c:v>
                </c:pt>
                <c:pt idx="3278">
                  <c:v>15.7784</c:v>
                </c:pt>
                <c:pt idx="3279">
                  <c:v>16.845600000000001</c:v>
                </c:pt>
                <c:pt idx="3280">
                  <c:v>17.799399999999999</c:v>
                </c:pt>
                <c:pt idx="3281">
                  <c:v>18.676600000000001</c:v>
                </c:pt>
                <c:pt idx="3282">
                  <c:v>19.428000000000001</c:v>
                </c:pt>
                <c:pt idx="3283">
                  <c:v>19.858799999999999</c:v>
                </c:pt>
                <c:pt idx="3284">
                  <c:v>20.216000000000001</c:v>
                </c:pt>
                <c:pt idx="3285">
                  <c:v>20.493200000000002</c:v>
                </c:pt>
                <c:pt idx="3286">
                  <c:v>20.827000000000002</c:v>
                </c:pt>
                <c:pt idx="3287">
                  <c:v>20.848700000000001</c:v>
                </c:pt>
                <c:pt idx="3288">
                  <c:v>20.8735</c:v>
                </c:pt>
                <c:pt idx="3289">
                  <c:v>21.099399999999999</c:v>
                </c:pt>
                <c:pt idx="3290">
                  <c:v>21.236999999999998</c:v>
                </c:pt>
                <c:pt idx="3291">
                  <c:v>21.610399999999998</c:v>
                </c:pt>
                <c:pt idx="3292">
                  <c:v>21.9162</c:v>
                </c:pt>
                <c:pt idx="3293">
                  <c:v>22.068300000000001</c:v>
                </c:pt>
                <c:pt idx="3294">
                  <c:v>22.099399999999999</c:v>
                </c:pt>
                <c:pt idx="3295">
                  <c:v>22.061199999999999</c:v>
                </c:pt>
                <c:pt idx="3296">
                  <c:v>22.029699999999998</c:v>
                </c:pt>
                <c:pt idx="3297">
                  <c:v>21.590900000000001</c:v>
                </c:pt>
                <c:pt idx="3298">
                  <c:v>21.206</c:v>
                </c:pt>
                <c:pt idx="3299">
                  <c:v>20.801600000000001</c:v>
                </c:pt>
                <c:pt idx="3300">
                  <c:v>20.179200000000002</c:v>
                </c:pt>
                <c:pt idx="3301">
                  <c:v>19.6357</c:v>
                </c:pt>
                <c:pt idx="3302">
                  <c:v>18.773</c:v>
                </c:pt>
                <c:pt idx="3303">
                  <c:v>18.553699999999999</c:v>
                </c:pt>
                <c:pt idx="3304">
                  <c:v>18.356100000000001</c:v>
                </c:pt>
                <c:pt idx="3305">
                  <c:v>17.756399999999999</c:v>
                </c:pt>
                <c:pt idx="3306">
                  <c:v>17.023299999999999</c:v>
                </c:pt>
                <c:pt idx="3307">
                  <c:v>16.8703</c:v>
                </c:pt>
                <c:pt idx="3308">
                  <c:v>16.795000000000002</c:v>
                </c:pt>
                <c:pt idx="3309">
                  <c:v>16.59</c:v>
                </c:pt>
                <c:pt idx="3310">
                  <c:v>16.255600000000001</c:v>
                </c:pt>
                <c:pt idx="3311">
                  <c:v>15.9567</c:v>
                </c:pt>
                <c:pt idx="3312">
                  <c:v>15.6366</c:v>
                </c:pt>
                <c:pt idx="3313">
                  <c:v>15.443899999999999</c:v>
                </c:pt>
                <c:pt idx="3314">
                  <c:v>15.1753</c:v>
                </c:pt>
                <c:pt idx="3315">
                  <c:v>15.059900000000001</c:v>
                </c:pt>
                <c:pt idx="3316">
                  <c:v>15.078900000000001</c:v>
                </c:pt>
                <c:pt idx="3317">
                  <c:v>14.8248</c:v>
                </c:pt>
                <c:pt idx="3318">
                  <c:v>14.693099999999999</c:v>
                </c:pt>
                <c:pt idx="3319">
                  <c:v>14.371700000000001</c:v>
                </c:pt>
                <c:pt idx="3320">
                  <c:v>13.9857</c:v>
                </c:pt>
                <c:pt idx="3321">
                  <c:v>13.4648</c:v>
                </c:pt>
                <c:pt idx="3322">
                  <c:v>13.010400000000001</c:v>
                </c:pt>
                <c:pt idx="3323">
                  <c:v>12.6526</c:v>
                </c:pt>
                <c:pt idx="3324">
                  <c:v>12.225</c:v>
                </c:pt>
                <c:pt idx="3325">
                  <c:v>11.854799999999999</c:v>
                </c:pt>
                <c:pt idx="3326">
                  <c:v>11.4779</c:v>
                </c:pt>
                <c:pt idx="3327">
                  <c:v>11.1571</c:v>
                </c:pt>
                <c:pt idx="3328">
                  <c:v>10.878500000000001</c:v>
                </c:pt>
                <c:pt idx="3329">
                  <c:v>10.4727</c:v>
                </c:pt>
                <c:pt idx="3330">
                  <c:v>10.0534</c:v>
                </c:pt>
                <c:pt idx="3331">
                  <c:v>9.5876000000000001</c:v>
                </c:pt>
                <c:pt idx="3332">
                  <c:v>9.0098000000000003</c:v>
                </c:pt>
                <c:pt idx="3333">
                  <c:v>8.3962000000000003</c:v>
                </c:pt>
                <c:pt idx="3334">
                  <c:v>7.7694000000000001</c:v>
                </c:pt>
                <c:pt idx="3335">
                  <c:v>7.2123999999999997</c:v>
                </c:pt>
                <c:pt idx="3336">
                  <c:v>6.7099000000000002</c:v>
                </c:pt>
                <c:pt idx="3337">
                  <c:v>6.2967000000000004</c:v>
                </c:pt>
                <c:pt idx="3338">
                  <c:v>5.9329000000000001</c:v>
                </c:pt>
                <c:pt idx="3339">
                  <c:v>5.5593000000000004</c:v>
                </c:pt>
                <c:pt idx="3340">
                  <c:v>5.1017000000000001</c:v>
                </c:pt>
                <c:pt idx="3341">
                  <c:v>4.7169999999999996</c:v>
                </c:pt>
                <c:pt idx="3342">
                  <c:v>4.4935</c:v>
                </c:pt>
                <c:pt idx="3343">
                  <c:v>4.4378000000000002</c:v>
                </c:pt>
                <c:pt idx="3344">
                  <c:v>4.4305000000000003</c:v>
                </c:pt>
                <c:pt idx="3345">
                  <c:v>4.5818000000000003</c:v>
                </c:pt>
                <c:pt idx="3346">
                  <c:v>4.7958999999999996</c:v>
                </c:pt>
                <c:pt idx="3347">
                  <c:v>4.9047999999999998</c:v>
                </c:pt>
                <c:pt idx="3348">
                  <c:v>4.9196</c:v>
                </c:pt>
                <c:pt idx="3349">
                  <c:v>5.1795</c:v>
                </c:pt>
                <c:pt idx="3350">
                  <c:v>5.7724000000000002</c:v>
                </c:pt>
                <c:pt idx="3351">
                  <c:v>6.7008000000000001</c:v>
                </c:pt>
                <c:pt idx="3352">
                  <c:v>7.835</c:v>
                </c:pt>
                <c:pt idx="3353">
                  <c:v>8.8732000000000006</c:v>
                </c:pt>
                <c:pt idx="3354">
                  <c:v>9.7527000000000008</c:v>
                </c:pt>
                <c:pt idx="3355">
                  <c:v>10.3855</c:v>
                </c:pt>
                <c:pt idx="3356">
                  <c:v>10.6652</c:v>
                </c:pt>
                <c:pt idx="3357">
                  <c:v>10.710900000000001</c:v>
                </c:pt>
                <c:pt idx="3358">
                  <c:v>10.7887</c:v>
                </c:pt>
                <c:pt idx="3359">
                  <c:v>10.8157</c:v>
                </c:pt>
                <c:pt idx="3360">
                  <c:v>10.8543</c:v>
                </c:pt>
                <c:pt idx="3361">
                  <c:v>10.869300000000001</c:v>
                </c:pt>
                <c:pt idx="3362">
                  <c:v>10.805400000000001</c:v>
                </c:pt>
                <c:pt idx="3363">
                  <c:v>10.724600000000001</c:v>
                </c:pt>
                <c:pt idx="3364">
                  <c:v>10.656499999999999</c:v>
                </c:pt>
                <c:pt idx="3365">
                  <c:v>10.5649</c:v>
                </c:pt>
                <c:pt idx="3366">
                  <c:v>10.446</c:v>
                </c:pt>
                <c:pt idx="3367">
                  <c:v>10.2478</c:v>
                </c:pt>
                <c:pt idx="3368">
                  <c:v>9.9214000000000002</c:v>
                </c:pt>
                <c:pt idx="3369">
                  <c:v>9.4987999999999992</c:v>
                </c:pt>
                <c:pt idx="3370">
                  <c:v>9.1326999999999998</c:v>
                </c:pt>
                <c:pt idx="3371">
                  <c:v>8.8528000000000002</c:v>
                </c:pt>
                <c:pt idx="3372">
                  <c:v>8.7201000000000004</c:v>
                </c:pt>
                <c:pt idx="3373">
                  <c:v>8.6514000000000006</c:v>
                </c:pt>
                <c:pt idx="3374">
                  <c:v>8.6247000000000007</c:v>
                </c:pt>
                <c:pt idx="3375">
                  <c:v>8.4888999999999992</c:v>
                </c:pt>
                <c:pt idx="3376">
                  <c:v>8.3653999999999993</c:v>
                </c:pt>
                <c:pt idx="3377">
                  <c:v>8.2100000000000009</c:v>
                </c:pt>
                <c:pt idx="3378">
                  <c:v>8.0859000000000005</c:v>
                </c:pt>
                <c:pt idx="3379">
                  <c:v>7.9672999999999998</c:v>
                </c:pt>
                <c:pt idx="3380">
                  <c:v>7.9602000000000004</c:v>
                </c:pt>
                <c:pt idx="3381">
                  <c:v>8.0611999999999995</c:v>
                </c:pt>
                <c:pt idx="3382">
                  <c:v>8.0876999999999999</c:v>
                </c:pt>
                <c:pt idx="3383">
                  <c:v>8.0315999999999992</c:v>
                </c:pt>
                <c:pt idx="3384">
                  <c:v>7.8879000000000001</c:v>
                </c:pt>
                <c:pt idx="3385">
                  <c:v>7.7176999999999998</c:v>
                </c:pt>
                <c:pt idx="3386">
                  <c:v>7.4694000000000003</c:v>
                </c:pt>
                <c:pt idx="3387">
                  <c:v>7.2037000000000004</c:v>
                </c:pt>
                <c:pt idx="3388">
                  <c:v>6.9161999999999999</c:v>
                </c:pt>
                <c:pt idx="3389">
                  <c:v>6.8640999999999996</c:v>
                </c:pt>
                <c:pt idx="3390">
                  <c:v>6.8143000000000002</c:v>
                </c:pt>
                <c:pt idx="3391">
                  <c:v>6.6268000000000002</c:v>
                </c:pt>
                <c:pt idx="3392">
                  <c:v>6.4344999999999999</c:v>
                </c:pt>
                <c:pt idx="3393">
                  <c:v>6.2119</c:v>
                </c:pt>
                <c:pt idx="3394">
                  <c:v>6.0804</c:v>
                </c:pt>
                <c:pt idx="3395">
                  <c:v>5.8940000000000001</c:v>
                </c:pt>
                <c:pt idx="3396">
                  <c:v>5.8422000000000001</c:v>
                </c:pt>
                <c:pt idx="3397">
                  <c:v>5.94</c:v>
                </c:pt>
                <c:pt idx="3398">
                  <c:v>5.9631999999999996</c:v>
                </c:pt>
                <c:pt idx="3399">
                  <c:v>5.9497999999999998</c:v>
                </c:pt>
                <c:pt idx="3400">
                  <c:v>5.8628</c:v>
                </c:pt>
                <c:pt idx="3401">
                  <c:v>5.6778000000000004</c:v>
                </c:pt>
                <c:pt idx="3402">
                  <c:v>5.3857999999999997</c:v>
                </c:pt>
                <c:pt idx="3403">
                  <c:v>5.0233999999999996</c:v>
                </c:pt>
                <c:pt idx="3404">
                  <c:v>4.7670000000000003</c:v>
                </c:pt>
                <c:pt idx="3405">
                  <c:v>4.5681000000000003</c:v>
                </c:pt>
                <c:pt idx="3406">
                  <c:v>4.4701000000000004</c:v>
                </c:pt>
                <c:pt idx="3407">
                  <c:v>4.4417</c:v>
                </c:pt>
                <c:pt idx="3408">
                  <c:v>4.4513999999999996</c:v>
                </c:pt>
                <c:pt idx="3409">
                  <c:v>4.5625999999999998</c:v>
                </c:pt>
                <c:pt idx="3410">
                  <c:v>4.6036000000000001</c:v>
                </c:pt>
                <c:pt idx="3411">
                  <c:v>4.4819000000000004</c:v>
                </c:pt>
                <c:pt idx="3412">
                  <c:v>4.2747999999999999</c:v>
                </c:pt>
                <c:pt idx="3413">
                  <c:v>3.9862000000000002</c:v>
                </c:pt>
                <c:pt idx="3414">
                  <c:v>3.839</c:v>
                </c:pt>
                <c:pt idx="3415">
                  <c:v>3.7212000000000001</c:v>
                </c:pt>
                <c:pt idx="3416">
                  <c:v>3.3753000000000002</c:v>
                </c:pt>
                <c:pt idx="3417">
                  <c:v>3.0306999999999999</c:v>
                </c:pt>
                <c:pt idx="3418">
                  <c:v>2.7776999999999998</c:v>
                </c:pt>
                <c:pt idx="3419">
                  <c:v>2.7936999999999999</c:v>
                </c:pt>
                <c:pt idx="3420">
                  <c:v>3.117</c:v>
                </c:pt>
                <c:pt idx="3421">
                  <c:v>3.4609000000000001</c:v>
                </c:pt>
                <c:pt idx="3422">
                  <c:v>3.9272</c:v>
                </c:pt>
                <c:pt idx="3423">
                  <c:v>4.6668000000000003</c:v>
                </c:pt>
                <c:pt idx="3424">
                  <c:v>5.2820999999999998</c:v>
                </c:pt>
                <c:pt idx="3425">
                  <c:v>5.2598000000000003</c:v>
                </c:pt>
                <c:pt idx="3426">
                  <c:v>5.2218999999999998</c:v>
                </c:pt>
                <c:pt idx="3427">
                  <c:v>5.0712000000000002</c:v>
                </c:pt>
                <c:pt idx="3428">
                  <c:v>4.8861999999999997</c:v>
                </c:pt>
                <c:pt idx="3429">
                  <c:v>4.8365</c:v>
                </c:pt>
                <c:pt idx="3430">
                  <c:v>4.9340999999999999</c:v>
                </c:pt>
                <c:pt idx="3431">
                  <c:v>5.1691000000000003</c:v>
                </c:pt>
                <c:pt idx="3432">
                  <c:v>5.0228000000000002</c:v>
                </c:pt>
                <c:pt idx="3433">
                  <c:v>4.8217999999999996</c:v>
                </c:pt>
                <c:pt idx="3434">
                  <c:v>4.7161</c:v>
                </c:pt>
                <c:pt idx="3435">
                  <c:v>4.5214999999999996</c:v>
                </c:pt>
                <c:pt idx="3436">
                  <c:v>4.2201000000000004</c:v>
                </c:pt>
                <c:pt idx="3437">
                  <c:v>4.0007999999999999</c:v>
                </c:pt>
                <c:pt idx="3438">
                  <c:v>3.8837999999999999</c:v>
                </c:pt>
                <c:pt idx="3439">
                  <c:v>3.6739999999999999</c:v>
                </c:pt>
                <c:pt idx="3440">
                  <c:v>3.4262999999999999</c:v>
                </c:pt>
                <c:pt idx="3441">
                  <c:v>3.6276999999999999</c:v>
                </c:pt>
                <c:pt idx="3442">
                  <c:v>4.0374999999999996</c:v>
                </c:pt>
                <c:pt idx="3443">
                  <c:v>4.7859999999999996</c:v>
                </c:pt>
                <c:pt idx="3444">
                  <c:v>5.6310000000000002</c:v>
                </c:pt>
                <c:pt idx="3445">
                  <c:v>6.7750000000000004</c:v>
                </c:pt>
                <c:pt idx="3446">
                  <c:v>7.6498999999999997</c:v>
                </c:pt>
                <c:pt idx="3447">
                  <c:v>8.2393000000000001</c:v>
                </c:pt>
                <c:pt idx="3448">
                  <c:v>8.6452000000000009</c:v>
                </c:pt>
                <c:pt idx="3449">
                  <c:v>8.7007999999999992</c:v>
                </c:pt>
                <c:pt idx="3450">
                  <c:v>8.7010000000000005</c:v>
                </c:pt>
                <c:pt idx="3451">
                  <c:v>8.6244999999999994</c:v>
                </c:pt>
                <c:pt idx="3452">
                  <c:v>8.4885999999999999</c:v>
                </c:pt>
                <c:pt idx="3453">
                  <c:v>8.2921999999999993</c:v>
                </c:pt>
                <c:pt idx="3454">
                  <c:v>8.0073000000000008</c:v>
                </c:pt>
                <c:pt idx="3455">
                  <c:v>7.6802999999999999</c:v>
                </c:pt>
                <c:pt idx="3456">
                  <c:v>7.2687999999999997</c:v>
                </c:pt>
                <c:pt idx="3457">
                  <c:v>6.7907999999999999</c:v>
                </c:pt>
                <c:pt idx="3458">
                  <c:v>6.4005000000000001</c:v>
                </c:pt>
                <c:pt idx="3459">
                  <c:v>6.1999000000000004</c:v>
                </c:pt>
                <c:pt idx="3460">
                  <c:v>6.0247999999999999</c:v>
                </c:pt>
                <c:pt idx="3461">
                  <c:v>5.8380000000000001</c:v>
                </c:pt>
                <c:pt idx="3462">
                  <c:v>5.4766000000000004</c:v>
                </c:pt>
                <c:pt idx="3463">
                  <c:v>5.1192000000000002</c:v>
                </c:pt>
                <c:pt idx="3464">
                  <c:v>4.9196</c:v>
                </c:pt>
                <c:pt idx="3465">
                  <c:v>4.7093999999999996</c:v>
                </c:pt>
                <c:pt idx="3466">
                  <c:v>4.6277999999999997</c:v>
                </c:pt>
                <c:pt idx="3467">
                  <c:v>4.49</c:v>
                </c:pt>
                <c:pt idx="3468">
                  <c:v>4.5102000000000002</c:v>
                </c:pt>
                <c:pt idx="3469">
                  <c:v>4.7949000000000002</c:v>
                </c:pt>
                <c:pt idx="3470">
                  <c:v>5.0199999999999996</c:v>
                </c:pt>
                <c:pt idx="3471">
                  <c:v>5.4622000000000002</c:v>
                </c:pt>
                <c:pt idx="3472">
                  <c:v>5.7591999999999999</c:v>
                </c:pt>
                <c:pt idx="3473">
                  <c:v>5.8945999999999996</c:v>
                </c:pt>
                <c:pt idx="3474">
                  <c:v>5.8087999999999997</c:v>
                </c:pt>
                <c:pt idx="3475">
                  <c:v>5.6279000000000003</c:v>
                </c:pt>
                <c:pt idx="3476">
                  <c:v>5.4279000000000002</c:v>
                </c:pt>
                <c:pt idx="3477">
                  <c:v>5.1067</c:v>
                </c:pt>
                <c:pt idx="3478">
                  <c:v>4.6496000000000004</c:v>
                </c:pt>
                <c:pt idx="3479">
                  <c:v>4.4185999999999996</c:v>
                </c:pt>
                <c:pt idx="3480">
                  <c:v>4.7751000000000001</c:v>
                </c:pt>
                <c:pt idx="3481">
                  <c:v>5.2182000000000004</c:v>
                </c:pt>
                <c:pt idx="3482">
                  <c:v>5.8036000000000003</c:v>
                </c:pt>
                <c:pt idx="3483">
                  <c:v>6.4061000000000003</c:v>
                </c:pt>
                <c:pt idx="3484">
                  <c:v>6.5346000000000002</c:v>
                </c:pt>
                <c:pt idx="3485">
                  <c:v>6.2911000000000001</c:v>
                </c:pt>
                <c:pt idx="3486">
                  <c:v>5.7274000000000003</c:v>
                </c:pt>
                <c:pt idx="3487">
                  <c:v>5.0834000000000001</c:v>
                </c:pt>
                <c:pt idx="3488">
                  <c:v>4.5442999999999998</c:v>
                </c:pt>
                <c:pt idx="3489">
                  <c:v>4.2317999999999998</c:v>
                </c:pt>
                <c:pt idx="3490">
                  <c:v>4.008</c:v>
                </c:pt>
                <c:pt idx="3491">
                  <c:v>3.7277999999999998</c:v>
                </c:pt>
                <c:pt idx="3492">
                  <c:v>3.5365000000000002</c:v>
                </c:pt>
                <c:pt idx="3493">
                  <c:v>3.3092000000000001</c:v>
                </c:pt>
                <c:pt idx="3494">
                  <c:v>3.3519000000000001</c:v>
                </c:pt>
                <c:pt idx="3495">
                  <c:v>3.4828999999999999</c:v>
                </c:pt>
                <c:pt idx="3496">
                  <c:v>3.9483999999999999</c:v>
                </c:pt>
                <c:pt idx="3497">
                  <c:v>4.5552000000000001</c:v>
                </c:pt>
                <c:pt idx="3498">
                  <c:v>4.7967000000000004</c:v>
                </c:pt>
                <c:pt idx="3499">
                  <c:v>4.952</c:v>
                </c:pt>
                <c:pt idx="3500">
                  <c:v>5.1204000000000001</c:v>
                </c:pt>
                <c:pt idx="3501">
                  <c:v>5.3444000000000003</c:v>
                </c:pt>
                <c:pt idx="3502">
                  <c:v>5.6458000000000004</c:v>
                </c:pt>
                <c:pt idx="3503">
                  <c:v>5.9001000000000001</c:v>
                </c:pt>
                <c:pt idx="3504">
                  <c:v>6.1515000000000004</c:v>
                </c:pt>
                <c:pt idx="3505">
                  <c:v>6.6295000000000002</c:v>
                </c:pt>
                <c:pt idx="3506">
                  <c:v>6.8560999999999996</c:v>
                </c:pt>
                <c:pt idx="3507">
                  <c:v>7.2567000000000004</c:v>
                </c:pt>
                <c:pt idx="3508">
                  <c:v>7.5399000000000003</c:v>
                </c:pt>
                <c:pt idx="3509">
                  <c:v>7.8442999999999996</c:v>
                </c:pt>
                <c:pt idx="3510">
                  <c:v>7.9188999999999998</c:v>
                </c:pt>
                <c:pt idx="3511">
                  <c:v>7.8563999999999998</c:v>
                </c:pt>
                <c:pt idx="3512">
                  <c:v>7.8673999999999999</c:v>
                </c:pt>
                <c:pt idx="3513">
                  <c:v>7.8053999999999997</c:v>
                </c:pt>
                <c:pt idx="3514">
                  <c:v>7.7173999999999996</c:v>
                </c:pt>
                <c:pt idx="3515">
                  <c:v>7.6199000000000003</c:v>
                </c:pt>
                <c:pt idx="3516">
                  <c:v>7.6276999999999999</c:v>
                </c:pt>
                <c:pt idx="3517">
                  <c:v>7.6593</c:v>
                </c:pt>
                <c:pt idx="3518">
                  <c:v>7.7831999999999999</c:v>
                </c:pt>
                <c:pt idx="3519">
                  <c:v>7.7423999999999999</c:v>
                </c:pt>
                <c:pt idx="3520">
                  <c:v>7.7782</c:v>
                </c:pt>
                <c:pt idx="3521">
                  <c:v>8.0220000000000002</c:v>
                </c:pt>
                <c:pt idx="3522">
                  <c:v>8.1478000000000002</c:v>
                </c:pt>
                <c:pt idx="3523">
                  <c:v>8.1821999999999999</c:v>
                </c:pt>
                <c:pt idx="3524">
                  <c:v>8.2090999999999994</c:v>
                </c:pt>
                <c:pt idx="3525">
                  <c:v>8.1750000000000007</c:v>
                </c:pt>
                <c:pt idx="3526">
                  <c:v>8.2112999999999996</c:v>
                </c:pt>
                <c:pt idx="3527">
                  <c:v>8.2865000000000002</c:v>
                </c:pt>
                <c:pt idx="3528">
                  <c:v>8.2315000000000005</c:v>
                </c:pt>
                <c:pt idx="3529">
                  <c:v>8.1917000000000009</c:v>
                </c:pt>
                <c:pt idx="3530">
                  <c:v>8.0868000000000002</c:v>
                </c:pt>
                <c:pt idx="3531">
                  <c:v>8.0680999999999994</c:v>
                </c:pt>
                <c:pt idx="3532">
                  <c:v>8.1951000000000001</c:v>
                </c:pt>
                <c:pt idx="3533">
                  <c:v>8.4098000000000006</c:v>
                </c:pt>
                <c:pt idx="3534">
                  <c:v>8.4816000000000003</c:v>
                </c:pt>
                <c:pt idx="3535">
                  <c:v>8.2681000000000004</c:v>
                </c:pt>
                <c:pt idx="3536">
                  <c:v>7.9938000000000002</c:v>
                </c:pt>
                <c:pt idx="3537">
                  <c:v>7.5380000000000003</c:v>
                </c:pt>
                <c:pt idx="3538">
                  <c:v>7.0803000000000003</c:v>
                </c:pt>
                <c:pt idx="3539">
                  <c:v>6.6226000000000003</c:v>
                </c:pt>
                <c:pt idx="3540">
                  <c:v>6.1078999999999999</c:v>
                </c:pt>
                <c:pt idx="3541">
                  <c:v>5.4370000000000003</c:v>
                </c:pt>
                <c:pt idx="3542">
                  <c:v>5.0015000000000001</c:v>
                </c:pt>
                <c:pt idx="3543">
                  <c:v>4.7609000000000004</c:v>
                </c:pt>
                <c:pt idx="3544">
                  <c:v>4.7323000000000004</c:v>
                </c:pt>
                <c:pt idx="3545">
                  <c:v>4.8490000000000002</c:v>
                </c:pt>
                <c:pt idx="3546">
                  <c:v>5.0511999999999997</c:v>
                </c:pt>
                <c:pt idx="3547">
                  <c:v>4.8059000000000003</c:v>
                </c:pt>
                <c:pt idx="3548">
                  <c:v>4.5191999999999997</c:v>
                </c:pt>
                <c:pt idx="3549">
                  <c:v>4.2412000000000001</c:v>
                </c:pt>
                <c:pt idx="3550">
                  <c:v>3.9116</c:v>
                </c:pt>
                <c:pt idx="3551">
                  <c:v>3.6516000000000002</c:v>
                </c:pt>
                <c:pt idx="3552">
                  <c:v>3.3429000000000002</c:v>
                </c:pt>
                <c:pt idx="3553">
                  <c:v>3.0699000000000001</c:v>
                </c:pt>
                <c:pt idx="3554">
                  <c:v>2.7913999999999999</c:v>
                </c:pt>
                <c:pt idx="3555">
                  <c:v>2.6009000000000002</c:v>
                </c:pt>
                <c:pt idx="3556">
                  <c:v>2.5520999999999998</c:v>
                </c:pt>
                <c:pt idx="3557">
                  <c:v>2.5236000000000001</c:v>
                </c:pt>
                <c:pt idx="3558">
                  <c:v>2.6720000000000002</c:v>
                </c:pt>
                <c:pt idx="3559">
                  <c:v>3.0611000000000002</c:v>
                </c:pt>
                <c:pt idx="3560">
                  <c:v>3.4226000000000001</c:v>
                </c:pt>
                <c:pt idx="3561">
                  <c:v>3.7932000000000001</c:v>
                </c:pt>
                <c:pt idx="3562">
                  <c:v>4.3465999999999996</c:v>
                </c:pt>
                <c:pt idx="3563">
                  <c:v>4.8282999999999996</c:v>
                </c:pt>
                <c:pt idx="3564">
                  <c:v>5.1078000000000001</c:v>
                </c:pt>
                <c:pt idx="3565">
                  <c:v>5.4053000000000004</c:v>
                </c:pt>
                <c:pt idx="3566">
                  <c:v>5.6558999999999999</c:v>
                </c:pt>
                <c:pt idx="3567">
                  <c:v>5.6271000000000004</c:v>
                </c:pt>
                <c:pt idx="3568">
                  <c:v>5.5975000000000001</c:v>
                </c:pt>
                <c:pt idx="3569">
                  <c:v>5.7233000000000001</c:v>
                </c:pt>
                <c:pt idx="3570">
                  <c:v>5.9287999999999998</c:v>
                </c:pt>
                <c:pt idx="3571">
                  <c:v>6.0698999999999996</c:v>
                </c:pt>
                <c:pt idx="3572">
                  <c:v>6.5206999999999997</c:v>
                </c:pt>
                <c:pt idx="3573">
                  <c:v>6.8921000000000001</c:v>
                </c:pt>
                <c:pt idx="3574">
                  <c:v>7.1059999999999999</c:v>
                </c:pt>
                <c:pt idx="3575">
                  <c:v>7.0138999999999996</c:v>
                </c:pt>
                <c:pt idx="3576">
                  <c:v>6.6924000000000001</c:v>
                </c:pt>
                <c:pt idx="3577">
                  <c:v>6.4295999999999998</c:v>
                </c:pt>
                <c:pt idx="3578">
                  <c:v>6.3869999999999996</c:v>
                </c:pt>
                <c:pt idx="3579">
                  <c:v>6.7022000000000004</c:v>
                </c:pt>
                <c:pt idx="3580">
                  <c:v>7.1173999999999999</c:v>
                </c:pt>
                <c:pt idx="3581">
                  <c:v>7.4848999999999997</c:v>
                </c:pt>
                <c:pt idx="3582">
                  <c:v>7.9501999999999997</c:v>
                </c:pt>
                <c:pt idx="3583">
                  <c:v>8.4654000000000007</c:v>
                </c:pt>
                <c:pt idx="3584">
                  <c:v>8.6306999999999992</c:v>
                </c:pt>
                <c:pt idx="3585">
                  <c:v>8.5164000000000009</c:v>
                </c:pt>
                <c:pt idx="3586">
                  <c:v>8.1732999999999993</c:v>
                </c:pt>
                <c:pt idx="3587">
                  <c:v>7.8367000000000004</c:v>
                </c:pt>
                <c:pt idx="3588">
                  <c:v>7.43</c:v>
                </c:pt>
                <c:pt idx="3589">
                  <c:v>7.0427</c:v>
                </c:pt>
                <c:pt idx="3590">
                  <c:v>6.7874999999999996</c:v>
                </c:pt>
                <c:pt idx="3591">
                  <c:v>6.6308999999999996</c:v>
                </c:pt>
                <c:pt idx="3592">
                  <c:v>6.5590000000000002</c:v>
                </c:pt>
                <c:pt idx="3593">
                  <c:v>6.4782999999999999</c:v>
                </c:pt>
                <c:pt idx="3594">
                  <c:v>6.4622000000000002</c:v>
                </c:pt>
                <c:pt idx="3595">
                  <c:v>6.6695000000000002</c:v>
                </c:pt>
                <c:pt idx="3596">
                  <c:v>6.9981</c:v>
                </c:pt>
                <c:pt idx="3597">
                  <c:v>7.4893000000000001</c:v>
                </c:pt>
                <c:pt idx="3598">
                  <c:v>8.1128</c:v>
                </c:pt>
                <c:pt idx="3599">
                  <c:v>8.7659000000000002</c:v>
                </c:pt>
                <c:pt idx="3600">
                  <c:v>9.1771999999999991</c:v>
                </c:pt>
                <c:pt idx="3601">
                  <c:v>8.9940999999999995</c:v>
                </c:pt>
                <c:pt idx="3602">
                  <c:v>8.5998999999999999</c:v>
                </c:pt>
                <c:pt idx="3603">
                  <c:v>8.0259</c:v>
                </c:pt>
                <c:pt idx="3604">
                  <c:v>7.3076999999999996</c:v>
                </c:pt>
                <c:pt idx="3605">
                  <c:v>6.6715999999999998</c:v>
                </c:pt>
                <c:pt idx="3606">
                  <c:v>6.1822999999999997</c:v>
                </c:pt>
                <c:pt idx="3607">
                  <c:v>5.6837999999999997</c:v>
                </c:pt>
                <c:pt idx="3608">
                  <c:v>5.1395</c:v>
                </c:pt>
                <c:pt idx="3609">
                  <c:v>4.7393000000000001</c:v>
                </c:pt>
                <c:pt idx="3610">
                  <c:v>4.5529000000000002</c:v>
                </c:pt>
                <c:pt idx="3611">
                  <c:v>4.5766</c:v>
                </c:pt>
                <c:pt idx="3612">
                  <c:v>4.7319000000000004</c:v>
                </c:pt>
                <c:pt idx="3613">
                  <c:v>4.8227000000000002</c:v>
                </c:pt>
                <c:pt idx="3614">
                  <c:v>5.0495999999999999</c:v>
                </c:pt>
                <c:pt idx="3615">
                  <c:v>5.4561000000000002</c:v>
                </c:pt>
                <c:pt idx="3616">
                  <c:v>5.7138</c:v>
                </c:pt>
                <c:pt idx="3617">
                  <c:v>5.8810000000000002</c:v>
                </c:pt>
                <c:pt idx="3618">
                  <c:v>6.1115000000000004</c:v>
                </c:pt>
                <c:pt idx="3619">
                  <c:v>6.2450000000000001</c:v>
                </c:pt>
                <c:pt idx="3620">
                  <c:v>6.4314999999999998</c:v>
                </c:pt>
                <c:pt idx="3621">
                  <c:v>6.1703000000000001</c:v>
                </c:pt>
                <c:pt idx="3622">
                  <c:v>5.8901000000000003</c:v>
                </c:pt>
                <c:pt idx="3623">
                  <c:v>5.7538</c:v>
                </c:pt>
                <c:pt idx="3624">
                  <c:v>5.7675000000000001</c:v>
                </c:pt>
                <c:pt idx="3625">
                  <c:v>5.9314</c:v>
                </c:pt>
                <c:pt idx="3626">
                  <c:v>6.0541999999999998</c:v>
                </c:pt>
                <c:pt idx="3627">
                  <c:v>6.2371999999999996</c:v>
                </c:pt>
                <c:pt idx="3628">
                  <c:v>6.3727999999999998</c:v>
                </c:pt>
                <c:pt idx="3629">
                  <c:v>6.4118000000000004</c:v>
                </c:pt>
                <c:pt idx="3630">
                  <c:v>6.3926999999999996</c:v>
                </c:pt>
                <c:pt idx="3631">
                  <c:v>6.6905999999999999</c:v>
                </c:pt>
                <c:pt idx="3632">
                  <c:v>7.3422000000000001</c:v>
                </c:pt>
                <c:pt idx="3633">
                  <c:v>7.9013999999999998</c:v>
                </c:pt>
                <c:pt idx="3634">
                  <c:v>8.4525000000000006</c:v>
                </c:pt>
                <c:pt idx="3635">
                  <c:v>9.0404999999999998</c:v>
                </c:pt>
                <c:pt idx="3636">
                  <c:v>9.6584000000000003</c:v>
                </c:pt>
                <c:pt idx="3637">
                  <c:v>10.307399999999999</c:v>
                </c:pt>
                <c:pt idx="3638">
                  <c:v>10.9491</c:v>
                </c:pt>
                <c:pt idx="3639">
                  <c:v>11.5966</c:v>
                </c:pt>
                <c:pt idx="3640">
                  <c:v>12.289300000000001</c:v>
                </c:pt>
                <c:pt idx="3641">
                  <c:v>12.969099999999999</c:v>
                </c:pt>
                <c:pt idx="3642">
                  <c:v>13.608000000000001</c:v>
                </c:pt>
                <c:pt idx="3643">
                  <c:v>14.0395</c:v>
                </c:pt>
                <c:pt idx="3644">
                  <c:v>14.1388</c:v>
                </c:pt>
                <c:pt idx="3645">
                  <c:v>13.906499999999999</c:v>
                </c:pt>
                <c:pt idx="3646">
                  <c:v>13.425800000000001</c:v>
                </c:pt>
                <c:pt idx="3647">
                  <c:v>12.698499999999999</c:v>
                </c:pt>
                <c:pt idx="3648">
                  <c:v>11.9488</c:v>
                </c:pt>
                <c:pt idx="3649">
                  <c:v>11.1714</c:v>
                </c:pt>
                <c:pt idx="3650">
                  <c:v>10.450200000000001</c:v>
                </c:pt>
                <c:pt idx="3651">
                  <c:v>9.8293999999999997</c:v>
                </c:pt>
                <c:pt idx="3652">
                  <c:v>9.3625000000000007</c:v>
                </c:pt>
                <c:pt idx="3653">
                  <c:v>9.1266999999999996</c:v>
                </c:pt>
                <c:pt idx="3654">
                  <c:v>8.8818999999999999</c:v>
                </c:pt>
                <c:pt idx="3655">
                  <c:v>8.6485000000000003</c:v>
                </c:pt>
                <c:pt idx="3656">
                  <c:v>8.4803999999999995</c:v>
                </c:pt>
                <c:pt idx="3657">
                  <c:v>8.3533000000000008</c:v>
                </c:pt>
                <c:pt idx="3658">
                  <c:v>8.2574000000000005</c:v>
                </c:pt>
                <c:pt idx="3659">
                  <c:v>8.4295000000000009</c:v>
                </c:pt>
                <c:pt idx="3660">
                  <c:v>8.3553999999999995</c:v>
                </c:pt>
                <c:pt idx="3661">
                  <c:v>8.0786999999999995</c:v>
                </c:pt>
                <c:pt idx="3662">
                  <c:v>8.0949000000000009</c:v>
                </c:pt>
                <c:pt idx="3663">
                  <c:v>8.2364999999999995</c:v>
                </c:pt>
                <c:pt idx="3664">
                  <c:v>8.4179999999999993</c:v>
                </c:pt>
                <c:pt idx="3665">
                  <c:v>8.6556999999999995</c:v>
                </c:pt>
                <c:pt idx="3666">
                  <c:v>8.8080999999999996</c:v>
                </c:pt>
                <c:pt idx="3667">
                  <c:v>8.8000000000000007</c:v>
                </c:pt>
                <c:pt idx="3668">
                  <c:v>8.6341999999999999</c:v>
                </c:pt>
                <c:pt idx="3669">
                  <c:v>8.4145000000000003</c:v>
                </c:pt>
                <c:pt idx="3670">
                  <c:v>8.0190000000000001</c:v>
                </c:pt>
                <c:pt idx="3671">
                  <c:v>7.5750999999999999</c:v>
                </c:pt>
                <c:pt idx="3672">
                  <c:v>7.1946000000000003</c:v>
                </c:pt>
                <c:pt idx="3673">
                  <c:v>7.2648000000000001</c:v>
                </c:pt>
                <c:pt idx="3674">
                  <c:v>7.2713999999999999</c:v>
                </c:pt>
                <c:pt idx="3675">
                  <c:v>7.3319000000000001</c:v>
                </c:pt>
                <c:pt idx="3676">
                  <c:v>7.7461000000000002</c:v>
                </c:pt>
                <c:pt idx="3677">
                  <c:v>8.1072000000000006</c:v>
                </c:pt>
                <c:pt idx="3678">
                  <c:v>7.7637</c:v>
                </c:pt>
                <c:pt idx="3679">
                  <c:v>7.2935999999999996</c:v>
                </c:pt>
                <c:pt idx="3680">
                  <c:v>6.8411</c:v>
                </c:pt>
                <c:pt idx="3681">
                  <c:v>6.7279</c:v>
                </c:pt>
                <c:pt idx="3682">
                  <c:v>6.8291000000000004</c:v>
                </c:pt>
                <c:pt idx="3683">
                  <c:v>6.9044999999999996</c:v>
                </c:pt>
                <c:pt idx="3684">
                  <c:v>7.1722999999999999</c:v>
                </c:pt>
                <c:pt idx="3685">
                  <c:v>7.8838999999999997</c:v>
                </c:pt>
                <c:pt idx="3686">
                  <c:v>8.8554999999999993</c:v>
                </c:pt>
                <c:pt idx="3687">
                  <c:v>9.5335999999999999</c:v>
                </c:pt>
                <c:pt idx="3688">
                  <c:v>10.1577</c:v>
                </c:pt>
                <c:pt idx="3689">
                  <c:v>10.7348</c:v>
                </c:pt>
                <c:pt idx="3690">
                  <c:v>10.7401</c:v>
                </c:pt>
                <c:pt idx="3691">
                  <c:v>10.292</c:v>
                </c:pt>
                <c:pt idx="3692">
                  <c:v>9.8330000000000002</c:v>
                </c:pt>
                <c:pt idx="3693">
                  <c:v>9.2074999999999996</c:v>
                </c:pt>
                <c:pt idx="3694">
                  <c:v>8.5142000000000007</c:v>
                </c:pt>
                <c:pt idx="3695">
                  <c:v>7.8480999999999996</c:v>
                </c:pt>
                <c:pt idx="3696">
                  <c:v>7.3815999999999997</c:v>
                </c:pt>
                <c:pt idx="3697">
                  <c:v>7.1980000000000004</c:v>
                </c:pt>
                <c:pt idx="3698">
                  <c:v>7.0964999999999998</c:v>
                </c:pt>
                <c:pt idx="3699">
                  <c:v>7.1694000000000004</c:v>
                </c:pt>
                <c:pt idx="3700">
                  <c:v>7.2910000000000004</c:v>
                </c:pt>
                <c:pt idx="3701">
                  <c:v>7.3602999999999996</c:v>
                </c:pt>
                <c:pt idx="3702">
                  <c:v>7.1024000000000003</c:v>
                </c:pt>
                <c:pt idx="3703">
                  <c:v>6.7842000000000002</c:v>
                </c:pt>
                <c:pt idx="3704">
                  <c:v>6.5065</c:v>
                </c:pt>
                <c:pt idx="3705">
                  <c:v>6.7057000000000002</c:v>
                </c:pt>
                <c:pt idx="3706">
                  <c:v>7.5537999999999998</c:v>
                </c:pt>
                <c:pt idx="3707">
                  <c:v>8.5158000000000005</c:v>
                </c:pt>
                <c:pt idx="3708">
                  <c:v>10.104699999999999</c:v>
                </c:pt>
                <c:pt idx="3709">
                  <c:v>11.563000000000001</c:v>
                </c:pt>
                <c:pt idx="3710">
                  <c:v>12.545</c:v>
                </c:pt>
                <c:pt idx="3711">
                  <c:v>12.964499999999999</c:v>
                </c:pt>
                <c:pt idx="3712">
                  <c:v>12.8375</c:v>
                </c:pt>
                <c:pt idx="3713">
                  <c:v>12.5413</c:v>
                </c:pt>
                <c:pt idx="3714">
                  <c:v>12.0265</c:v>
                </c:pt>
                <c:pt idx="3715">
                  <c:v>11.299899999999999</c:v>
                </c:pt>
                <c:pt idx="3716">
                  <c:v>10.546099999999999</c:v>
                </c:pt>
                <c:pt idx="3717">
                  <c:v>9.8547999999999991</c:v>
                </c:pt>
                <c:pt idx="3718">
                  <c:v>9.3933</c:v>
                </c:pt>
                <c:pt idx="3719">
                  <c:v>8.9822000000000006</c:v>
                </c:pt>
                <c:pt idx="3720">
                  <c:v>8.7876999999999992</c:v>
                </c:pt>
                <c:pt idx="3721">
                  <c:v>8.7058</c:v>
                </c:pt>
                <c:pt idx="3722">
                  <c:v>8.5986999999999991</c:v>
                </c:pt>
                <c:pt idx="3723">
                  <c:v>8.2307000000000006</c:v>
                </c:pt>
                <c:pt idx="3724">
                  <c:v>7.7499000000000002</c:v>
                </c:pt>
                <c:pt idx="3725">
                  <c:v>7.2986000000000004</c:v>
                </c:pt>
                <c:pt idx="3726">
                  <c:v>6.7690000000000001</c:v>
                </c:pt>
                <c:pt idx="3727">
                  <c:v>6.2371999999999996</c:v>
                </c:pt>
                <c:pt idx="3728">
                  <c:v>5.6117999999999997</c:v>
                </c:pt>
                <c:pt idx="3729">
                  <c:v>5.0952000000000002</c:v>
                </c:pt>
                <c:pt idx="3730">
                  <c:v>4.6890999999999998</c:v>
                </c:pt>
                <c:pt idx="3731">
                  <c:v>4.3034999999999997</c:v>
                </c:pt>
                <c:pt idx="3732">
                  <c:v>4.3064</c:v>
                </c:pt>
                <c:pt idx="3733">
                  <c:v>4.6204000000000001</c:v>
                </c:pt>
                <c:pt idx="3734">
                  <c:v>4.5396000000000001</c:v>
                </c:pt>
                <c:pt idx="3735">
                  <c:v>4.2378</c:v>
                </c:pt>
                <c:pt idx="3736">
                  <c:v>3.9439000000000002</c:v>
                </c:pt>
                <c:pt idx="3737">
                  <c:v>3.6999</c:v>
                </c:pt>
                <c:pt idx="3738">
                  <c:v>3.5249999999999999</c:v>
                </c:pt>
                <c:pt idx="3739">
                  <c:v>3.9546999999999999</c:v>
                </c:pt>
                <c:pt idx="3740">
                  <c:v>4.6363000000000003</c:v>
                </c:pt>
                <c:pt idx="3741">
                  <c:v>5.2199</c:v>
                </c:pt>
                <c:pt idx="3742">
                  <c:v>6.2854000000000001</c:v>
                </c:pt>
                <c:pt idx="3743">
                  <c:v>7.4164000000000003</c:v>
                </c:pt>
                <c:pt idx="3744">
                  <c:v>7.8529999999999998</c:v>
                </c:pt>
                <c:pt idx="3745">
                  <c:v>8.3604000000000003</c:v>
                </c:pt>
                <c:pt idx="3746">
                  <c:v>9.1092999999999993</c:v>
                </c:pt>
                <c:pt idx="3747">
                  <c:v>9.5058000000000007</c:v>
                </c:pt>
                <c:pt idx="3748">
                  <c:v>9.6351999999999993</c:v>
                </c:pt>
                <c:pt idx="3749">
                  <c:v>9.4047000000000001</c:v>
                </c:pt>
                <c:pt idx="3750">
                  <c:v>8.7696000000000005</c:v>
                </c:pt>
                <c:pt idx="3751">
                  <c:v>7.9789000000000003</c:v>
                </c:pt>
                <c:pt idx="3752">
                  <c:v>7.1237000000000004</c:v>
                </c:pt>
                <c:pt idx="3753">
                  <c:v>6.4733000000000001</c:v>
                </c:pt>
                <c:pt idx="3754">
                  <c:v>6.3074000000000003</c:v>
                </c:pt>
                <c:pt idx="3755">
                  <c:v>6.6082000000000001</c:v>
                </c:pt>
                <c:pt idx="3756">
                  <c:v>7.0529999999999999</c:v>
                </c:pt>
                <c:pt idx="3757">
                  <c:v>7.9358000000000004</c:v>
                </c:pt>
                <c:pt idx="3758">
                  <c:v>9.0992999999999995</c:v>
                </c:pt>
                <c:pt idx="3759">
                  <c:v>10.282299999999999</c:v>
                </c:pt>
                <c:pt idx="3760">
                  <c:v>11.177</c:v>
                </c:pt>
                <c:pt idx="3761">
                  <c:v>12.041700000000001</c:v>
                </c:pt>
                <c:pt idx="3762">
                  <c:v>12.6313</c:v>
                </c:pt>
                <c:pt idx="3763">
                  <c:v>13.1114</c:v>
                </c:pt>
                <c:pt idx="3764">
                  <c:v>13.456300000000001</c:v>
                </c:pt>
                <c:pt idx="3765">
                  <c:v>13.620900000000001</c:v>
                </c:pt>
                <c:pt idx="3766">
                  <c:v>13.402200000000001</c:v>
                </c:pt>
                <c:pt idx="3767">
                  <c:v>12.9817</c:v>
                </c:pt>
                <c:pt idx="3768">
                  <c:v>12.38</c:v>
                </c:pt>
                <c:pt idx="3769">
                  <c:v>11.6455</c:v>
                </c:pt>
                <c:pt idx="3770">
                  <c:v>10.8383</c:v>
                </c:pt>
                <c:pt idx="3771">
                  <c:v>9.9254999999999995</c:v>
                </c:pt>
                <c:pt idx="3772">
                  <c:v>9.0164000000000009</c:v>
                </c:pt>
                <c:pt idx="3773">
                  <c:v>8.0756999999999994</c:v>
                </c:pt>
                <c:pt idx="3774">
                  <c:v>7.3055000000000003</c:v>
                </c:pt>
                <c:pt idx="3775">
                  <c:v>6.6825999999999999</c:v>
                </c:pt>
                <c:pt idx="3776">
                  <c:v>6.2725</c:v>
                </c:pt>
                <c:pt idx="3777">
                  <c:v>5.9245999999999999</c:v>
                </c:pt>
                <c:pt idx="3778">
                  <c:v>5.6527000000000003</c:v>
                </c:pt>
                <c:pt idx="3779">
                  <c:v>5.5023999999999997</c:v>
                </c:pt>
                <c:pt idx="3780">
                  <c:v>5.8287000000000004</c:v>
                </c:pt>
                <c:pt idx="3781">
                  <c:v>6.2774999999999999</c:v>
                </c:pt>
                <c:pt idx="3782">
                  <c:v>6.4497999999999998</c:v>
                </c:pt>
                <c:pt idx="3783">
                  <c:v>6.5107999999999997</c:v>
                </c:pt>
                <c:pt idx="3784">
                  <c:v>6.5664999999999996</c:v>
                </c:pt>
                <c:pt idx="3785">
                  <c:v>6.4950000000000001</c:v>
                </c:pt>
                <c:pt idx="3786">
                  <c:v>6.4332000000000003</c:v>
                </c:pt>
                <c:pt idx="3787">
                  <c:v>6.1520000000000001</c:v>
                </c:pt>
                <c:pt idx="3788">
                  <c:v>6.0914000000000001</c:v>
                </c:pt>
                <c:pt idx="3789">
                  <c:v>6.2165999999999997</c:v>
                </c:pt>
                <c:pt idx="3790">
                  <c:v>6.2803000000000004</c:v>
                </c:pt>
                <c:pt idx="3791">
                  <c:v>6.1104000000000003</c:v>
                </c:pt>
                <c:pt idx="3792">
                  <c:v>5.8258000000000001</c:v>
                </c:pt>
                <c:pt idx="3793">
                  <c:v>5.6847000000000003</c:v>
                </c:pt>
                <c:pt idx="3794">
                  <c:v>5.6971999999999996</c:v>
                </c:pt>
                <c:pt idx="3795">
                  <c:v>5.3734000000000002</c:v>
                </c:pt>
                <c:pt idx="3796">
                  <c:v>5.4184999999999999</c:v>
                </c:pt>
                <c:pt idx="3797">
                  <c:v>5.4888000000000003</c:v>
                </c:pt>
                <c:pt idx="3798">
                  <c:v>5.6879999999999997</c:v>
                </c:pt>
                <c:pt idx="3799">
                  <c:v>5.7907000000000002</c:v>
                </c:pt>
                <c:pt idx="3800">
                  <c:v>5.6935000000000002</c:v>
                </c:pt>
                <c:pt idx="3801">
                  <c:v>5.7442000000000002</c:v>
                </c:pt>
                <c:pt idx="3802">
                  <c:v>5.7302999999999997</c:v>
                </c:pt>
                <c:pt idx="3803">
                  <c:v>5.7725999999999997</c:v>
                </c:pt>
                <c:pt idx="3804">
                  <c:v>5.8859000000000004</c:v>
                </c:pt>
                <c:pt idx="3805">
                  <c:v>6.0033000000000003</c:v>
                </c:pt>
                <c:pt idx="3806">
                  <c:v>5.9880000000000004</c:v>
                </c:pt>
                <c:pt idx="3807">
                  <c:v>5.8673999999999999</c:v>
                </c:pt>
                <c:pt idx="3808">
                  <c:v>5.9633000000000003</c:v>
                </c:pt>
                <c:pt idx="3809">
                  <c:v>6.05</c:v>
                </c:pt>
                <c:pt idx="3810">
                  <c:v>6.2640000000000002</c:v>
                </c:pt>
                <c:pt idx="3811">
                  <c:v>6.5166000000000004</c:v>
                </c:pt>
                <c:pt idx="3812">
                  <c:v>6.72</c:v>
                </c:pt>
                <c:pt idx="3813">
                  <c:v>6.9325999999999999</c:v>
                </c:pt>
                <c:pt idx="3814">
                  <c:v>7.2901999999999996</c:v>
                </c:pt>
                <c:pt idx="3815">
                  <c:v>7.7061999999999999</c:v>
                </c:pt>
                <c:pt idx="3816">
                  <c:v>8.2127999999999997</c:v>
                </c:pt>
                <c:pt idx="3817">
                  <c:v>8.6824999999999992</c:v>
                </c:pt>
                <c:pt idx="3818">
                  <c:v>8.8338999999999999</c:v>
                </c:pt>
                <c:pt idx="3819">
                  <c:v>8.9995999999999992</c:v>
                </c:pt>
                <c:pt idx="3820">
                  <c:v>9.1792999999999996</c:v>
                </c:pt>
                <c:pt idx="3821">
                  <c:v>9.3809000000000005</c:v>
                </c:pt>
                <c:pt idx="3822">
                  <c:v>9.5719999999999992</c:v>
                </c:pt>
                <c:pt idx="3823">
                  <c:v>9.7786000000000008</c:v>
                </c:pt>
                <c:pt idx="3824">
                  <c:v>9.8744999999999994</c:v>
                </c:pt>
                <c:pt idx="3825">
                  <c:v>9.8248999999999995</c:v>
                </c:pt>
                <c:pt idx="3826">
                  <c:v>9.5731999999999999</c:v>
                </c:pt>
                <c:pt idx="3827">
                  <c:v>8.9863999999999997</c:v>
                </c:pt>
                <c:pt idx="3828">
                  <c:v>8.1046999999999993</c:v>
                </c:pt>
                <c:pt idx="3829">
                  <c:v>7.1473000000000004</c:v>
                </c:pt>
                <c:pt idx="3830">
                  <c:v>6.1999000000000004</c:v>
                </c:pt>
                <c:pt idx="3831">
                  <c:v>5.4912999999999998</c:v>
                </c:pt>
                <c:pt idx="3832">
                  <c:v>4.7740999999999998</c:v>
                </c:pt>
                <c:pt idx="3833">
                  <c:v>4.1584000000000003</c:v>
                </c:pt>
                <c:pt idx="3834">
                  <c:v>3.7225000000000001</c:v>
                </c:pt>
                <c:pt idx="3835">
                  <c:v>3.2105999999999999</c:v>
                </c:pt>
                <c:pt idx="3836">
                  <c:v>2.9672999999999998</c:v>
                </c:pt>
                <c:pt idx="3837">
                  <c:v>2.7208000000000001</c:v>
                </c:pt>
                <c:pt idx="3838">
                  <c:v>2.6816</c:v>
                </c:pt>
                <c:pt idx="3839">
                  <c:v>2.7311000000000001</c:v>
                </c:pt>
                <c:pt idx="3840">
                  <c:v>2.7557999999999998</c:v>
                </c:pt>
                <c:pt idx="3841">
                  <c:v>2.8111000000000002</c:v>
                </c:pt>
                <c:pt idx="3842">
                  <c:v>2.9337</c:v>
                </c:pt>
                <c:pt idx="3843">
                  <c:v>3.1457000000000002</c:v>
                </c:pt>
                <c:pt idx="3844">
                  <c:v>3.4729999999999999</c:v>
                </c:pt>
                <c:pt idx="3845">
                  <c:v>3.6951000000000001</c:v>
                </c:pt>
                <c:pt idx="3846">
                  <c:v>3.7490000000000001</c:v>
                </c:pt>
                <c:pt idx="3847">
                  <c:v>3.6394000000000002</c:v>
                </c:pt>
                <c:pt idx="3848">
                  <c:v>3.5196999999999998</c:v>
                </c:pt>
                <c:pt idx="3849">
                  <c:v>3.4485000000000001</c:v>
                </c:pt>
                <c:pt idx="3850">
                  <c:v>3.5263</c:v>
                </c:pt>
                <c:pt idx="3851">
                  <c:v>3.6335000000000002</c:v>
                </c:pt>
                <c:pt idx="3852">
                  <c:v>3.7965</c:v>
                </c:pt>
                <c:pt idx="3853">
                  <c:v>4.1948999999999996</c:v>
                </c:pt>
                <c:pt idx="3854">
                  <c:v>4.5949</c:v>
                </c:pt>
                <c:pt idx="3855">
                  <c:v>4.4455</c:v>
                </c:pt>
                <c:pt idx="3856">
                  <c:v>4.4429999999999996</c:v>
                </c:pt>
                <c:pt idx="3857">
                  <c:v>4.3440000000000003</c:v>
                </c:pt>
                <c:pt idx="3858">
                  <c:v>4.3314000000000004</c:v>
                </c:pt>
                <c:pt idx="3859">
                  <c:v>4.0251000000000001</c:v>
                </c:pt>
                <c:pt idx="3860">
                  <c:v>3.9380000000000002</c:v>
                </c:pt>
                <c:pt idx="3861">
                  <c:v>3.8472</c:v>
                </c:pt>
                <c:pt idx="3862">
                  <c:v>3.8921000000000001</c:v>
                </c:pt>
                <c:pt idx="3863">
                  <c:v>3.9552999999999998</c:v>
                </c:pt>
                <c:pt idx="3864">
                  <c:v>3.7210000000000001</c:v>
                </c:pt>
                <c:pt idx="3865">
                  <c:v>3.5861000000000001</c:v>
                </c:pt>
                <c:pt idx="3866">
                  <c:v>3.5966</c:v>
                </c:pt>
                <c:pt idx="3867">
                  <c:v>3.6358000000000001</c:v>
                </c:pt>
                <c:pt idx="3868">
                  <c:v>3.7591000000000001</c:v>
                </c:pt>
                <c:pt idx="3869">
                  <c:v>4.0614999999999997</c:v>
                </c:pt>
                <c:pt idx="3870">
                  <c:v>4.3388999999999998</c:v>
                </c:pt>
                <c:pt idx="3871">
                  <c:v>4.4775999999999998</c:v>
                </c:pt>
                <c:pt idx="3872">
                  <c:v>4.5533999999999999</c:v>
                </c:pt>
                <c:pt idx="3873">
                  <c:v>4.5655000000000001</c:v>
                </c:pt>
                <c:pt idx="3874">
                  <c:v>4.7149999999999999</c:v>
                </c:pt>
                <c:pt idx="3875">
                  <c:v>4.7949999999999999</c:v>
                </c:pt>
                <c:pt idx="3876">
                  <c:v>5.0077999999999996</c:v>
                </c:pt>
                <c:pt idx="3877">
                  <c:v>5.1723999999999997</c:v>
                </c:pt>
                <c:pt idx="3878">
                  <c:v>5.4508999999999999</c:v>
                </c:pt>
                <c:pt idx="3879">
                  <c:v>5.7157</c:v>
                </c:pt>
                <c:pt idx="3880">
                  <c:v>5.95</c:v>
                </c:pt>
                <c:pt idx="3881">
                  <c:v>6.1394000000000002</c:v>
                </c:pt>
                <c:pt idx="3882">
                  <c:v>6.2060000000000004</c:v>
                </c:pt>
                <c:pt idx="3883">
                  <c:v>6.0871000000000004</c:v>
                </c:pt>
                <c:pt idx="3884">
                  <c:v>5.8198999999999996</c:v>
                </c:pt>
                <c:pt idx="3885">
                  <c:v>5.4791999999999996</c:v>
                </c:pt>
                <c:pt idx="3886">
                  <c:v>5.0906000000000002</c:v>
                </c:pt>
                <c:pt idx="3887">
                  <c:v>4.6806000000000001</c:v>
                </c:pt>
                <c:pt idx="3888">
                  <c:v>4.4787999999999997</c:v>
                </c:pt>
                <c:pt idx="3889">
                  <c:v>4.2241999999999997</c:v>
                </c:pt>
                <c:pt idx="3890">
                  <c:v>4.1135999999999999</c:v>
                </c:pt>
                <c:pt idx="3891">
                  <c:v>4.0960000000000001</c:v>
                </c:pt>
                <c:pt idx="3892">
                  <c:v>3.8797000000000001</c:v>
                </c:pt>
                <c:pt idx="3893">
                  <c:v>3.5750999999999999</c:v>
                </c:pt>
                <c:pt idx="3894">
                  <c:v>3.4756</c:v>
                </c:pt>
                <c:pt idx="3895">
                  <c:v>3.3235000000000001</c:v>
                </c:pt>
                <c:pt idx="3896">
                  <c:v>3.0684</c:v>
                </c:pt>
                <c:pt idx="3897">
                  <c:v>2.9134000000000002</c:v>
                </c:pt>
                <c:pt idx="3898">
                  <c:v>2.7364999999999999</c:v>
                </c:pt>
                <c:pt idx="3899">
                  <c:v>2.5474999999999999</c:v>
                </c:pt>
                <c:pt idx="3900">
                  <c:v>2.6269999999999998</c:v>
                </c:pt>
                <c:pt idx="3901">
                  <c:v>2.7721</c:v>
                </c:pt>
                <c:pt idx="3902">
                  <c:v>2.8957000000000002</c:v>
                </c:pt>
                <c:pt idx="3903">
                  <c:v>3.3912</c:v>
                </c:pt>
                <c:pt idx="3904">
                  <c:v>3.9996</c:v>
                </c:pt>
                <c:pt idx="3905">
                  <c:v>4.3821000000000003</c:v>
                </c:pt>
                <c:pt idx="3906">
                  <c:v>4.9546999999999999</c:v>
                </c:pt>
                <c:pt idx="3907">
                  <c:v>5.7784000000000004</c:v>
                </c:pt>
                <c:pt idx="3908">
                  <c:v>6.298</c:v>
                </c:pt>
                <c:pt idx="3909">
                  <c:v>6.8501000000000003</c:v>
                </c:pt>
                <c:pt idx="3910">
                  <c:v>7.3051000000000004</c:v>
                </c:pt>
                <c:pt idx="3911">
                  <c:v>7.5335999999999999</c:v>
                </c:pt>
                <c:pt idx="3912">
                  <c:v>7.4100999999999999</c:v>
                </c:pt>
                <c:pt idx="3913">
                  <c:v>6.9932999999999996</c:v>
                </c:pt>
                <c:pt idx="3914">
                  <c:v>6.4741999999999997</c:v>
                </c:pt>
                <c:pt idx="3915">
                  <c:v>5.8423999999999996</c:v>
                </c:pt>
                <c:pt idx="3916">
                  <c:v>5.1487999999999996</c:v>
                </c:pt>
                <c:pt idx="3917">
                  <c:v>4.5909000000000004</c:v>
                </c:pt>
                <c:pt idx="3918">
                  <c:v>4.0561999999999996</c:v>
                </c:pt>
                <c:pt idx="3919">
                  <c:v>3.4127999999999998</c:v>
                </c:pt>
                <c:pt idx="3920">
                  <c:v>2.9237000000000002</c:v>
                </c:pt>
                <c:pt idx="3921">
                  <c:v>2.6013999999999999</c:v>
                </c:pt>
                <c:pt idx="3922">
                  <c:v>2.4165999999999999</c:v>
                </c:pt>
                <c:pt idx="3923">
                  <c:v>2.3565999999999998</c:v>
                </c:pt>
                <c:pt idx="3924">
                  <c:v>2.3058999999999998</c:v>
                </c:pt>
                <c:pt idx="3925">
                  <c:v>2.2795999999999998</c:v>
                </c:pt>
                <c:pt idx="3926">
                  <c:v>2.2461000000000002</c:v>
                </c:pt>
                <c:pt idx="3927">
                  <c:v>2.1993999999999998</c:v>
                </c:pt>
                <c:pt idx="3928">
                  <c:v>2.1819000000000002</c:v>
                </c:pt>
                <c:pt idx="3929">
                  <c:v>2.2016</c:v>
                </c:pt>
                <c:pt idx="3930">
                  <c:v>2.2414000000000001</c:v>
                </c:pt>
                <c:pt idx="3931">
                  <c:v>2.2641</c:v>
                </c:pt>
                <c:pt idx="3932">
                  <c:v>2.3020999999999998</c:v>
                </c:pt>
                <c:pt idx="3933">
                  <c:v>2.3026</c:v>
                </c:pt>
                <c:pt idx="3934">
                  <c:v>2.2835000000000001</c:v>
                </c:pt>
                <c:pt idx="3935">
                  <c:v>2.2416</c:v>
                </c:pt>
                <c:pt idx="3936">
                  <c:v>2.2012999999999998</c:v>
                </c:pt>
                <c:pt idx="3937">
                  <c:v>2.1732999999999998</c:v>
                </c:pt>
                <c:pt idx="3938">
                  <c:v>2.1743999999999999</c:v>
                </c:pt>
                <c:pt idx="3939">
                  <c:v>2.1825000000000001</c:v>
                </c:pt>
                <c:pt idx="3940">
                  <c:v>2.1783000000000001</c:v>
                </c:pt>
                <c:pt idx="3941">
                  <c:v>2.1726999999999999</c:v>
                </c:pt>
                <c:pt idx="3942">
                  <c:v>2.1907000000000001</c:v>
                </c:pt>
                <c:pt idx="3943">
                  <c:v>2.2149999999999999</c:v>
                </c:pt>
                <c:pt idx="3944">
                  <c:v>2.2195</c:v>
                </c:pt>
                <c:pt idx="3945">
                  <c:v>2.2218</c:v>
                </c:pt>
                <c:pt idx="3946">
                  <c:v>2.2132000000000001</c:v>
                </c:pt>
                <c:pt idx="3947">
                  <c:v>2.1981999999999999</c:v>
                </c:pt>
                <c:pt idx="3948">
                  <c:v>2.1869999999999998</c:v>
                </c:pt>
                <c:pt idx="3949">
                  <c:v>2.1905999999999999</c:v>
                </c:pt>
                <c:pt idx="3950">
                  <c:v>2.1938</c:v>
                </c:pt>
                <c:pt idx="3951">
                  <c:v>2.1823999999999999</c:v>
                </c:pt>
                <c:pt idx="3952">
                  <c:v>2.1722000000000001</c:v>
                </c:pt>
                <c:pt idx="3953">
                  <c:v>2.1648000000000001</c:v>
                </c:pt>
                <c:pt idx="3954">
                  <c:v>2.1730999999999998</c:v>
                </c:pt>
                <c:pt idx="3955">
                  <c:v>2.1741000000000001</c:v>
                </c:pt>
                <c:pt idx="3956">
                  <c:v>2.1594000000000002</c:v>
                </c:pt>
                <c:pt idx="3957">
                  <c:v>2.1511</c:v>
                </c:pt>
                <c:pt idx="3958">
                  <c:v>2.1522000000000001</c:v>
                </c:pt>
                <c:pt idx="3959">
                  <c:v>2.1522999999999999</c:v>
                </c:pt>
                <c:pt idx="3960">
                  <c:v>2.1494</c:v>
                </c:pt>
                <c:pt idx="3961">
                  <c:v>2.1478000000000002</c:v>
                </c:pt>
                <c:pt idx="3962">
                  <c:v>2.1724000000000001</c:v>
                </c:pt>
                <c:pt idx="3963">
                  <c:v>2.2054</c:v>
                </c:pt>
                <c:pt idx="3964">
                  <c:v>2.2747999999999999</c:v>
                </c:pt>
                <c:pt idx="3965">
                  <c:v>2.4253</c:v>
                </c:pt>
                <c:pt idx="3966">
                  <c:v>2.5434999999999999</c:v>
                </c:pt>
                <c:pt idx="3967">
                  <c:v>2.6419000000000001</c:v>
                </c:pt>
                <c:pt idx="3968">
                  <c:v>2.8849</c:v>
                </c:pt>
                <c:pt idx="3969">
                  <c:v>3.2605</c:v>
                </c:pt>
                <c:pt idx="3970">
                  <c:v>3.5716000000000001</c:v>
                </c:pt>
                <c:pt idx="3971">
                  <c:v>3.9518</c:v>
                </c:pt>
                <c:pt idx="3972">
                  <c:v>3.6998000000000002</c:v>
                </c:pt>
                <c:pt idx="3973">
                  <c:v>3.6833999999999998</c:v>
                </c:pt>
                <c:pt idx="3974">
                  <c:v>3.6120999999999999</c:v>
                </c:pt>
                <c:pt idx="3975">
                  <c:v>3.4636999999999998</c:v>
                </c:pt>
                <c:pt idx="3976">
                  <c:v>3.3401000000000001</c:v>
                </c:pt>
                <c:pt idx="3977">
                  <c:v>3.2530999999999999</c:v>
                </c:pt>
                <c:pt idx="3978">
                  <c:v>3.3197000000000001</c:v>
                </c:pt>
                <c:pt idx="3979">
                  <c:v>3.4477000000000002</c:v>
                </c:pt>
                <c:pt idx="3980">
                  <c:v>3.4803999999999999</c:v>
                </c:pt>
                <c:pt idx="3981">
                  <c:v>3.4895</c:v>
                </c:pt>
                <c:pt idx="3982">
                  <c:v>3.5305</c:v>
                </c:pt>
                <c:pt idx="3983">
                  <c:v>3.3752</c:v>
                </c:pt>
                <c:pt idx="3984">
                  <c:v>3.2574000000000001</c:v>
                </c:pt>
                <c:pt idx="3985">
                  <c:v>3.1294</c:v>
                </c:pt>
                <c:pt idx="3986">
                  <c:v>3.0472999999999999</c:v>
                </c:pt>
                <c:pt idx="3987">
                  <c:v>2.9988000000000001</c:v>
                </c:pt>
                <c:pt idx="3988">
                  <c:v>3.0499000000000001</c:v>
                </c:pt>
                <c:pt idx="3989">
                  <c:v>3.0447000000000002</c:v>
                </c:pt>
                <c:pt idx="3990">
                  <c:v>3.1032000000000002</c:v>
                </c:pt>
                <c:pt idx="3991">
                  <c:v>3.0407000000000002</c:v>
                </c:pt>
                <c:pt idx="3992">
                  <c:v>2.9167999999999998</c:v>
                </c:pt>
                <c:pt idx="3993">
                  <c:v>2.8494999999999999</c:v>
                </c:pt>
                <c:pt idx="3994">
                  <c:v>2.7633000000000001</c:v>
                </c:pt>
                <c:pt idx="3995">
                  <c:v>2.7511999999999999</c:v>
                </c:pt>
                <c:pt idx="3996">
                  <c:v>2.7290000000000001</c:v>
                </c:pt>
                <c:pt idx="3997">
                  <c:v>2.8906000000000001</c:v>
                </c:pt>
                <c:pt idx="3998">
                  <c:v>3.0823999999999998</c:v>
                </c:pt>
                <c:pt idx="3999">
                  <c:v>3.2</c:v>
                </c:pt>
                <c:pt idx="4000">
                  <c:v>3.3098000000000001</c:v>
                </c:pt>
                <c:pt idx="4001">
                  <c:v>3.3123999999999998</c:v>
                </c:pt>
                <c:pt idx="4002">
                  <c:v>3.2054</c:v>
                </c:pt>
                <c:pt idx="4003">
                  <c:v>2.9584999999999999</c:v>
                </c:pt>
                <c:pt idx="4004">
                  <c:v>2.8262</c:v>
                </c:pt>
                <c:pt idx="4005">
                  <c:v>2.9175</c:v>
                </c:pt>
                <c:pt idx="4006">
                  <c:v>2.8954</c:v>
                </c:pt>
                <c:pt idx="4007">
                  <c:v>2.9517000000000002</c:v>
                </c:pt>
                <c:pt idx="4008">
                  <c:v>3.2374999999999998</c:v>
                </c:pt>
                <c:pt idx="4009">
                  <c:v>3.5432999999999999</c:v>
                </c:pt>
                <c:pt idx="4010">
                  <c:v>3.6968000000000001</c:v>
                </c:pt>
                <c:pt idx="4011">
                  <c:v>3.7212999999999998</c:v>
                </c:pt>
                <c:pt idx="4012">
                  <c:v>3.8372999999999999</c:v>
                </c:pt>
                <c:pt idx="4013">
                  <c:v>3.7223000000000002</c:v>
                </c:pt>
                <c:pt idx="4014">
                  <c:v>3.7058</c:v>
                </c:pt>
                <c:pt idx="4015">
                  <c:v>3.6139000000000001</c:v>
                </c:pt>
                <c:pt idx="4016">
                  <c:v>3.6202000000000001</c:v>
                </c:pt>
                <c:pt idx="4017">
                  <c:v>3.6042999999999998</c:v>
                </c:pt>
                <c:pt idx="4018">
                  <c:v>3.6613000000000002</c:v>
                </c:pt>
                <c:pt idx="4019">
                  <c:v>3.7726999999999999</c:v>
                </c:pt>
                <c:pt idx="4020">
                  <c:v>3.9986999999999999</c:v>
                </c:pt>
                <c:pt idx="4021">
                  <c:v>4.0372000000000003</c:v>
                </c:pt>
                <c:pt idx="4022">
                  <c:v>4.0425000000000004</c:v>
                </c:pt>
                <c:pt idx="4023">
                  <c:v>4.0037000000000003</c:v>
                </c:pt>
                <c:pt idx="4024">
                  <c:v>3.9954000000000001</c:v>
                </c:pt>
                <c:pt idx="4025">
                  <c:v>3.9104999999999999</c:v>
                </c:pt>
                <c:pt idx="4026">
                  <c:v>3.7530000000000001</c:v>
                </c:pt>
                <c:pt idx="4027">
                  <c:v>3.5562999999999998</c:v>
                </c:pt>
                <c:pt idx="4028">
                  <c:v>3.2294</c:v>
                </c:pt>
                <c:pt idx="4029">
                  <c:v>3.1558000000000002</c:v>
                </c:pt>
                <c:pt idx="4030">
                  <c:v>3.1288999999999998</c:v>
                </c:pt>
                <c:pt idx="4031">
                  <c:v>3.0998999999999999</c:v>
                </c:pt>
                <c:pt idx="4032">
                  <c:v>3.1566000000000001</c:v>
                </c:pt>
                <c:pt idx="4033">
                  <c:v>3.2096</c:v>
                </c:pt>
                <c:pt idx="4034">
                  <c:v>3.2793999999999999</c:v>
                </c:pt>
                <c:pt idx="4035">
                  <c:v>3.4045000000000001</c:v>
                </c:pt>
                <c:pt idx="4036">
                  <c:v>3.6650999999999998</c:v>
                </c:pt>
                <c:pt idx="4037">
                  <c:v>3.9216000000000002</c:v>
                </c:pt>
                <c:pt idx="4038">
                  <c:v>3.9655</c:v>
                </c:pt>
                <c:pt idx="4039">
                  <c:v>4.0838999999999999</c:v>
                </c:pt>
                <c:pt idx="4040">
                  <c:v>4.1772999999999998</c:v>
                </c:pt>
                <c:pt idx="4041">
                  <c:v>4.1317000000000004</c:v>
                </c:pt>
                <c:pt idx="4042">
                  <c:v>4.0862999999999996</c:v>
                </c:pt>
                <c:pt idx="4043">
                  <c:v>4.0004999999999997</c:v>
                </c:pt>
                <c:pt idx="4044">
                  <c:v>3.8485999999999998</c:v>
                </c:pt>
                <c:pt idx="4045">
                  <c:v>3.8679999999999999</c:v>
                </c:pt>
                <c:pt idx="4046">
                  <c:v>3.5994999999999999</c:v>
                </c:pt>
                <c:pt idx="4047">
                  <c:v>3.2494000000000001</c:v>
                </c:pt>
                <c:pt idx="4048">
                  <c:v>3.0165000000000002</c:v>
                </c:pt>
                <c:pt idx="4049">
                  <c:v>2.9626000000000001</c:v>
                </c:pt>
                <c:pt idx="4050">
                  <c:v>2.8839999999999999</c:v>
                </c:pt>
                <c:pt idx="4051">
                  <c:v>2.9388000000000001</c:v>
                </c:pt>
                <c:pt idx="4052">
                  <c:v>3.0771999999999999</c:v>
                </c:pt>
                <c:pt idx="4053">
                  <c:v>3.3235000000000001</c:v>
                </c:pt>
                <c:pt idx="4054">
                  <c:v>3.3</c:v>
                </c:pt>
                <c:pt idx="4055">
                  <c:v>3.3163</c:v>
                </c:pt>
                <c:pt idx="4056">
                  <c:v>3.2858999999999998</c:v>
                </c:pt>
                <c:pt idx="4057">
                  <c:v>3.2368000000000001</c:v>
                </c:pt>
                <c:pt idx="4058">
                  <c:v>3.1604999999999999</c:v>
                </c:pt>
                <c:pt idx="4059">
                  <c:v>3.0724</c:v>
                </c:pt>
                <c:pt idx="4060">
                  <c:v>2.9990000000000001</c:v>
                </c:pt>
                <c:pt idx="4061">
                  <c:v>3.0312999999999999</c:v>
                </c:pt>
                <c:pt idx="4062">
                  <c:v>3.1476999999999999</c:v>
                </c:pt>
                <c:pt idx="4063">
                  <c:v>3.1044</c:v>
                </c:pt>
                <c:pt idx="4064">
                  <c:v>3.1709999999999998</c:v>
                </c:pt>
                <c:pt idx="4065">
                  <c:v>3.3292000000000002</c:v>
                </c:pt>
                <c:pt idx="4066">
                  <c:v>3.3788999999999998</c:v>
                </c:pt>
                <c:pt idx="4067">
                  <c:v>3.4350000000000001</c:v>
                </c:pt>
                <c:pt idx="4068">
                  <c:v>3.4272</c:v>
                </c:pt>
                <c:pt idx="4069">
                  <c:v>3.3401000000000001</c:v>
                </c:pt>
                <c:pt idx="4070">
                  <c:v>3.2566999999999999</c:v>
                </c:pt>
                <c:pt idx="4071">
                  <c:v>3.1472000000000002</c:v>
                </c:pt>
                <c:pt idx="4072">
                  <c:v>3.0127000000000002</c:v>
                </c:pt>
                <c:pt idx="4073">
                  <c:v>2.9557000000000002</c:v>
                </c:pt>
                <c:pt idx="4074">
                  <c:v>2.9291999999999998</c:v>
                </c:pt>
                <c:pt idx="4075">
                  <c:v>2.9348000000000001</c:v>
                </c:pt>
                <c:pt idx="4076">
                  <c:v>2.9176000000000002</c:v>
                </c:pt>
                <c:pt idx="4077">
                  <c:v>2.8685999999999998</c:v>
                </c:pt>
                <c:pt idx="4078">
                  <c:v>2.9173</c:v>
                </c:pt>
                <c:pt idx="4079">
                  <c:v>2.8689</c:v>
                </c:pt>
                <c:pt idx="4080">
                  <c:v>2.8841000000000001</c:v>
                </c:pt>
                <c:pt idx="4081">
                  <c:v>2.8692000000000002</c:v>
                </c:pt>
                <c:pt idx="4082">
                  <c:v>2.9037999999999999</c:v>
                </c:pt>
                <c:pt idx="4083">
                  <c:v>2.9763999999999999</c:v>
                </c:pt>
                <c:pt idx="4084">
                  <c:v>3.0209999999999999</c:v>
                </c:pt>
                <c:pt idx="4085">
                  <c:v>3.1558999999999999</c:v>
                </c:pt>
                <c:pt idx="4086">
                  <c:v>3.2902999999999998</c:v>
                </c:pt>
                <c:pt idx="4087">
                  <c:v>3.4386999999999999</c:v>
                </c:pt>
                <c:pt idx="4088">
                  <c:v>3.5806</c:v>
                </c:pt>
                <c:pt idx="4089">
                  <c:v>3.6366999999999998</c:v>
                </c:pt>
                <c:pt idx="4090">
                  <c:v>3.669</c:v>
                </c:pt>
                <c:pt idx="4091">
                  <c:v>3.7288999999999999</c:v>
                </c:pt>
                <c:pt idx="4092">
                  <c:v>3.9129999999999998</c:v>
                </c:pt>
                <c:pt idx="4093">
                  <c:v>4.1429</c:v>
                </c:pt>
                <c:pt idx="4094">
                  <c:v>4.3559999999999999</c:v>
                </c:pt>
                <c:pt idx="4095">
                  <c:v>4.4874000000000001</c:v>
                </c:pt>
                <c:pt idx="4096">
                  <c:v>4.7693000000000003</c:v>
                </c:pt>
                <c:pt idx="4097">
                  <c:v>4.8815</c:v>
                </c:pt>
                <c:pt idx="4098">
                  <c:v>5.1337999999999999</c:v>
                </c:pt>
                <c:pt idx="4099">
                  <c:v>5.3594999999999997</c:v>
                </c:pt>
                <c:pt idx="4100">
                  <c:v>5.5347</c:v>
                </c:pt>
                <c:pt idx="4101">
                  <c:v>5.5667</c:v>
                </c:pt>
                <c:pt idx="4102">
                  <c:v>5.6790000000000003</c:v>
                </c:pt>
                <c:pt idx="4103">
                  <c:v>5.5578000000000003</c:v>
                </c:pt>
                <c:pt idx="4104">
                  <c:v>5.4816000000000003</c:v>
                </c:pt>
                <c:pt idx="4105">
                  <c:v>5.3917000000000002</c:v>
                </c:pt>
                <c:pt idx="4106">
                  <c:v>5.4390000000000001</c:v>
                </c:pt>
                <c:pt idx="4107">
                  <c:v>5.4394999999999998</c:v>
                </c:pt>
                <c:pt idx="4108">
                  <c:v>5.2758000000000003</c:v>
                </c:pt>
                <c:pt idx="4109">
                  <c:v>4.9737</c:v>
                </c:pt>
                <c:pt idx="4110">
                  <c:v>4.7375999999999996</c:v>
                </c:pt>
                <c:pt idx="4111">
                  <c:v>4.8250000000000002</c:v>
                </c:pt>
                <c:pt idx="4112">
                  <c:v>4.6779000000000002</c:v>
                </c:pt>
                <c:pt idx="4113">
                  <c:v>4.5888</c:v>
                </c:pt>
                <c:pt idx="4114">
                  <c:v>5.0446</c:v>
                </c:pt>
                <c:pt idx="4115">
                  <c:v>5.7241999999999997</c:v>
                </c:pt>
                <c:pt idx="4116">
                  <c:v>6.3510999999999997</c:v>
                </c:pt>
                <c:pt idx="4117">
                  <c:v>6.8295000000000003</c:v>
                </c:pt>
                <c:pt idx="4118">
                  <c:v>7.2281000000000004</c:v>
                </c:pt>
                <c:pt idx="4119">
                  <c:v>7.4680999999999997</c:v>
                </c:pt>
                <c:pt idx="4120">
                  <c:v>7.3357000000000001</c:v>
                </c:pt>
                <c:pt idx="4121">
                  <c:v>7.06</c:v>
                </c:pt>
                <c:pt idx="4122">
                  <c:v>6.8276000000000003</c:v>
                </c:pt>
                <c:pt idx="4123">
                  <c:v>6.5768000000000004</c:v>
                </c:pt>
                <c:pt idx="4124">
                  <c:v>6.3917999999999999</c:v>
                </c:pt>
                <c:pt idx="4125">
                  <c:v>6.4889999999999999</c:v>
                </c:pt>
                <c:pt idx="4126">
                  <c:v>6.6772</c:v>
                </c:pt>
                <c:pt idx="4127">
                  <c:v>7.3186999999999998</c:v>
                </c:pt>
                <c:pt idx="4128">
                  <c:v>8.3516999999999992</c:v>
                </c:pt>
                <c:pt idx="4129">
                  <c:v>9.4994999999999994</c:v>
                </c:pt>
                <c:pt idx="4130">
                  <c:v>10.487399999999999</c:v>
                </c:pt>
                <c:pt idx="4131">
                  <c:v>11.234500000000001</c:v>
                </c:pt>
                <c:pt idx="4132">
                  <c:v>11.5044</c:v>
                </c:pt>
                <c:pt idx="4133">
                  <c:v>11.4206</c:v>
                </c:pt>
                <c:pt idx="4134">
                  <c:v>11.082800000000001</c:v>
                </c:pt>
                <c:pt idx="4135">
                  <c:v>10.508900000000001</c:v>
                </c:pt>
                <c:pt idx="4136">
                  <c:v>9.8778000000000006</c:v>
                </c:pt>
                <c:pt idx="4137">
                  <c:v>9.2175999999999991</c:v>
                </c:pt>
                <c:pt idx="4138">
                  <c:v>8.6212999999999997</c:v>
                </c:pt>
                <c:pt idx="4139">
                  <c:v>8.0004000000000008</c:v>
                </c:pt>
                <c:pt idx="4140">
                  <c:v>7.4558</c:v>
                </c:pt>
                <c:pt idx="4141">
                  <c:v>6.9653</c:v>
                </c:pt>
                <c:pt idx="4142">
                  <c:v>6.5946999999999996</c:v>
                </c:pt>
                <c:pt idx="4143">
                  <c:v>6.2826000000000004</c:v>
                </c:pt>
                <c:pt idx="4144">
                  <c:v>6.1205999999999996</c:v>
                </c:pt>
                <c:pt idx="4145">
                  <c:v>5.8864999999999998</c:v>
                </c:pt>
                <c:pt idx="4146">
                  <c:v>5.7836999999999996</c:v>
                </c:pt>
                <c:pt idx="4147">
                  <c:v>5.6849999999999996</c:v>
                </c:pt>
                <c:pt idx="4148">
                  <c:v>5.6449999999999996</c:v>
                </c:pt>
                <c:pt idx="4149">
                  <c:v>5.4343000000000004</c:v>
                </c:pt>
                <c:pt idx="4150">
                  <c:v>5.2535999999999996</c:v>
                </c:pt>
                <c:pt idx="4151">
                  <c:v>5.1584000000000003</c:v>
                </c:pt>
                <c:pt idx="4152">
                  <c:v>5.2127999999999997</c:v>
                </c:pt>
                <c:pt idx="4153">
                  <c:v>5.4547999999999996</c:v>
                </c:pt>
                <c:pt idx="4154">
                  <c:v>5.8297999999999996</c:v>
                </c:pt>
                <c:pt idx="4155">
                  <c:v>6.3465999999999996</c:v>
                </c:pt>
                <c:pt idx="4156">
                  <c:v>6.5233999999999996</c:v>
                </c:pt>
                <c:pt idx="4157">
                  <c:v>6.7159000000000004</c:v>
                </c:pt>
                <c:pt idx="4158">
                  <c:v>7.0418000000000003</c:v>
                </c:pt>
                <c:pt idx="4159">
                  <c:v>7.5186000000000002</c:v>
                </c:pt>
                <c:pt idx="4160">
                  <c:v>7.9238999999999997</c:v>
                </c:pt>
                <c:pt idx="4161">
                  <c:v>8.1869999999999994</c:v>
                </c:pt>
                <c:pt idx="4162">
                  <c:v>8.7253000000000007</c:v>
                </c:pt>
                <c:pt idx="4163">
                  <c:v>9.2523</c:v>
                </c:pt>
                <c:pt idx="4164">
                  <c:v>9.5360999999999994</c:v>
                </c:pt>
                <c:pt idx="4165">
                  <c:v>9.5244</c:v>
                </c:pt>
                <c:pt idx="4166">
                  <c:v>9.2568999999999999</c:v>
                </c:pt>
                <c:pt idx="4167">
                  <c:v>8.8794000000000004</c:v>
                </c:pt>
                <c:pt idx="4168">
                  <c:v>8.3323999999999998</c:v>
                </c:pt>
                <c:pt idx="4169">
                  <c:v>7.7295999999999996</c:v>
                </c:pt>
                <c:pt idx="4170">
                  <c:v>7.2302999999999997</c:v>
                </c:pt>
                <c:pt idx="4171">
                  <c:v>6.8055000000000003</c:v>
                </c:pt>
                <c:pt idx="4172">
                  <c:v>6.5631000000000004</c:v>
                </c:pt>
                <c:pt idx="4173">
                  <c:v>6.3167</c:v>
                </c:pt>
                <c:pt idx="4174">
                  <c:v>6.0757000000000003</c:v>
                </c:pt>
                <c:pt idx="4175">
                  <c:v>5.9619</c:v>
                </c:pt>
                <c:pt idx="4176">
                  <c:v>5.84</c:v>
                </c:pt>
                <c:pt idx="4177">
                  <c:v>5.9904000000000002</c:v>
                </c:pt>
                <c:pt idx="4178">
                  <c:v>6.2259000000000002</c:v>
                </c:pt>
                <c:pt idx="4179">
                  <c:v>6.5030999999999999</c:v>
                </c:pt>
                <c:pt idx="4180">
                  <c:v>6.4340999999999999</c:v>
                </c:pt>
                <c:pt idx="4181">
                  <c:v>6.3502999999999998</c:v>
                </c:pt>
                <c:pt idx="4182">
                  <c:v>6.1417000000000002</c:v>
                </c:pt>
                <c:pt idx="4183">
                  <c:v>5.9181999999999997</c:v>
                </c:pt>
                <c:pt idx="4184">
                  <c:v>5.8795000000000002</c:v>
                </c:pt>
                <c:pt idx="4185">
                  <c:v>5.7286000000000001</c:v>
                </c:pt>
                <c:pt idx="4186">
                  <c:v>5.7808000000000002</c:v>
                </c:pt>
                <c:pt idx="4187">
                  <c:v>5.8263999999999996</c:v>
                </c:pt>
                <c:pt idx="4188">
                  <c:v>5.9802</c:v>
                </c:pt>
                <c:pt idx="4189">
                  <c:v>6.4779999999999998</c:v>
                </c:pt>
                <c:pt idx="4190">
                  <c:v>7.3821000000000003</c:v>
                </c:pt>
                <c:pt idx="4191">
                  <c:v>8.2649000000000008</c:v>
                </c:pt>
                <c:pt idx="4192">
                  <c:v>8.8233999999999995</c:v>
                </c:pt>
                <c:pt idx="4193">
                  <c:v>9.1351999999999993</c:v>
                </c:pt>
                <c:pt idx="4194">
                  <c:v>8.9886999999999997</c:v>
                </c:pt>
                <c:pt idx="4195">
                  <c:v>8.6489999999999991</c:v>
                </c:pt>
                <c:pt idx="4196">
                  <c:v>8.1601999999999997</c:v>
                </c:pt>
                <c:pt idx="4197">
                  <c:v>7.851</c:v>
                </c:pt>
                <c:pt idx="4198">
                  <c:v>7.7850000000000001</c:v>
                </c:pt>
                <c:pt idx="4199">
                  <c:v>7.8356000000000003</c:v>
                </c:pt>
                <c:pt idx="4200">
                  <c:v>7.9336000000000002</c:v>
                </c:pt>
                <c:pt idx="4201">
                  <c:v>8.1831999999999994</c:v>
                </c:pt>
                <c:pt idx="4202">
                  <c:v>8.5067000000000004</c:v>
                </c:pt>
                <c:pt idx="4203">
                  <c:v>8.4887999999999995</c:v>
                </c:pt>
                <c:pt idx="4204">
                  <c:v>8.3923000000000005</c:v>
                </c:pt>
                <c:pt idx="4205">
                  <c:v>8.5357000000000003</c:v>
                </c:pt>
                <c:pt idx="4206">
                  <c:v>8.5794999999999995</c:v>
                </c:pt>
                <c:pt idx="4207">
                  <c:v>8.6800999999999995</c:v>
                </c:pt>
                <c:pt idx="4208">
                  <c:v>8.8766999999999996</c:v>
                </c:pt>
                <c:pt idx="4209">
                  <c:v>9.2627000000000006</c:v>
                </c:pt>
                <c:pt idx="4210">
                  <c:v>9.4705999999999992</c:v>
                </c:pt>
                <c:pt idx="4211">
                  <c:v>9.7083999999999993</c:v>
                </c:pt>
                <c:pt idx="4212">
                  <c:v>9.9779999999999998</c:v>
                </c:pt>
                <c:pt idx="4213">
                  <c:v>9.8391000000000002</c:v>
                </c:pt>
                <c:pt idx="4214">
                  <c:v>9.0353999999999992</c:v>
                </c:pt>
                <c:pt idx="4215">
                  <c:v>8.391</c:v>
                </c:pt>
                <c:pt idx="4216">
                  <c:v>7.9588999999999999</c:v>
                </c:pt>
                <c:pt idx="4217">
                  <c:v>7.7739000000000003</c:v>
                </c:pt>
                <c:pt idx="4218">
                  <c:v>7.4825999999999997</c:v>
                </c:pt>
                <c:pt idx="4219">
                  <c:v>7.3543000000000003</c:v>
                </c:pt>
                <c:pt idx="4220">
                  <c:v>7.3703000000000003</c:v>
                </c:pt>
                <c:pt idx="4221">
                  <c:v>7.5368000000000004</c:v>
                </c:pt>
                <c:pt idx="4222">
                  <c:v>7.7427000000000001</c:v>
                </c:pt>
                <c:pt idx="4223">
                  <c:v>7.8665000000000003</c:v>
                </c:pt>
                <c:pt idx="4224">
                  <c:v>7.9245000000000001</c:v>
                </c:pt>
                <c:pt idx="4225">
                  <c:v>7.9066999999999998</c:v>
                </c:pt>
                <c:pt idx="4226">
                  <c:v>7.8285</c:v>
                </c:pt>
                <c:pt idx="4227">
                  <c:v>7.6909999999999998</c:v>
                </c:pt>
                <c:pt idx="4228">
                  <c:v>7.2572999999999999</c:v>
                </c:pt>
                <c:pt idx="4229">
                  <c:v>6.6811999999999996</c:v>
                </c:pt>
                <c:pt idx="4230">
                  <c:v>6.1546000000000003</c:v>
                </c:pt>
                <c:pt idx="4231">
                  <c:v>5.6509</c:v>
                </c:pt>
                <c:pt idx="4232">
                  <c:v>5.4280999999999997</c:v>
                </c:pt>
                <c:pt idx="4233">
                  <c:v>5.4673999999999996</c:v>
                </c:pt>
                <c:pt idx="4234">
                  <c:v>5.2489999999999997</c:v>
                </c:pt>
                <c:pt idx="4235">
                  <c:v>5.3056999999999999</c:v>
                </c:pt>
                <c:pt idx="4236">
                  <c:v>5.8476999999999997</c:v>
                </c:pt>
                <c:pt idx="4237">
                  <c:v>6.3765000000000001</c:v>
                </c:pt>
                <c:pt idx="4238">
                  <c:v>6.6886999999999999</c:v>
                </c:pt>
                <c:pt idx="4239">
                  <c:v>6.8268000000000004</c:v>
                </c:pt>
                <c:pt idx="4240">
                  <c:v>6.8954000000000004</c:v>
                </c:pt>
                <c:pt idx="4241">
                  <c:v>7.2495000000000003</c:v>
                </c:pt>
                <c:pt idx="4242">
                  <c:v>7.5970000000000004</c:v>
                </c:pt>
                <c:pt idx="4243">
                  <c:v>7.8924000000000003</c:v>
                </c:pt>
                <c:pt idx="4244">
                  <c:v>8.1804000000000006</c:v>
                </c:pt>
                <c:pt idx="4245">
                  <c:v>8.5309000000000008</c:v>
                </c:pt>
                <c:pt idx="4246">
                  <c:v>8.7416999999999998</c:v>
                </c:pt>
                <c:pt idx="4247">
                  <c:v>9.1402000000000001</c:v>
                </c:pt>
                <c:pt idx="4248">
                  <c:v>9.7200000000000006</c:v>
                </c:pt>
                <c:pt idx="4249">
                  <c:v>10.3416</c:v>
                </c:pt>
                <c:pt idx="4250">
                  <c:v>10.8049</c:v>
                </c:pt>
                <c:pt idx="4251">
                  <c:v>11.1455</c:v>
                </c:pt>
                <c:pt idx="4252">
                  <c:v>11.202500000000001</c:v>
                </c:pt>
                <c:pt idx="4253">
                  <c:v>10.92</c:v>
                </c:pt>
                <c:pt idx="4254">
                  <c:v>10.184200000000001</c:v>
                </c:pt>
                <c:pt idx="4255">
                  <c:v>9.4521999999999995</c:v>
                </c:pt>
                <c:pt idx="4256">
                  <c:v>8.5952000000000002</c:v>
                </c:pt>
                <c:pt idx="4257">
                  <c:v>7.8834999999999997</c:v>
                </c:pt>
                <c:pt idx="4258">
                  <c:v>7.3933</c:v>
                </c:pt>
                <c:pt idx="4259">
                  <c:v>6.9984000000000002</c:v>
                </c:pt>
                <c:pt idx="4260">
                  <c:v>6.7215999999999996</c:v>
                </c:pt>
                <c:pt idx="4261">
                  <c:v>6.4779</c:v>
                </c:pt>
                <c:pt idx="4262">
                  <c:v>6.2339000000000002</c:v>
                </c:pt>
                <c:pt idx="4263">
                  <c:v>6.1345999999999998</c:v>
                </c:pt>
                <c:pt idx="4264">
                  <c:v>6.1134000000000004</c:v>
                </c:pt>
                <c:pt idx="4265">
                  <c:v>5.8848000000000003</c:v>
                </c:pt>
                <c:pt idx="4266">
                  <c:v>5.8815</c:v>
                </c:pt>
                <c:pt idx="4267">
                  <c:v>5.8707000000000003</c:v>
                </c:pt>
                <c:pt idx="4268">
                  <c:v>5.8346999999999998</c:v>
                </c:pt>
                <c:pt idx="4269">
                  <c:v>5.9871999999999996</c:v>
                </c:pt>
                <c:pt idx="4270">
                  <c:v>6.0397999999999996</c:v>
                </c:pt>
                <c:pt idx="4271">
                  <c:v>6.1193</c:v>
                </c:pt>
                <c:pt idx="4272">
                  <c:v>6.3665000000000003</c:v>
                </c:pt>
                <c:pt idx="4273">
                  <c:v>6.6342999999999996</c:v>
                </c:pt>
                <c:pt idx="4274">
                  <c:v>6.8287000000000004</c:v>
                </c:pt>
                <c:pt idx="4275">
                  <c:v>7.1783000000000001</c:v>
                </c:pt>
                <c:pt idx="4276">
                  <c:v>7.4364999999999997</c:v>
                </c:pt>
                <c:pt idx="4277">
                  <c:v>7.4955999999999996</c:v>
                </c:pt>
                <c:pt idx="4278">
                  <c:v>7.4389000000000003</c:v>
                </c:pt>
                <c:pt idx="4279">
                  <c:v>7.4977</c:v>
                </c:pt>
                <c:pt idx="4280">
                  <c:v>7.5438000000000001</c:v>
                </c:pt>
                <c:pt idx="4281">
                  <c:v>7.4898999999999996</c:v>
                </c:pt>
                <c:pt idx="4282">
                  <c:v>7.4398999999999997</c:v>
                </c:pt>
                <c:pt idx="4283">
                  <c:v>7.2881999999999998</c:v>
                </c:pt>
                <c:pt idx="4284">
                  <c:v>7.3093000000000004</c:v>
                </c:pt>
                <c:pt idx="4285">
                  <c:v>7.4965000000000002</c:v>
                </c:pt>
                <c:pt idx="4286">
                  <c:v>7.8276000000000003</c:v>
                </c:pt>
                <c:pt idx="4287">
                  <c:v>8.1396999999999995</c:v>
                </c:pt>
                <c:pt idx="4288">
                  <c:v>8.2728999999999999</c:v>
                </c:pt>
                <c:pt idx="4289">
                  <c:v>8.4903999999999993</c:v>
                </c:pt>
                <c:pt idx="4290">
                  <c:v>8.5207999999999995</c:v>
                </c:pt>
                <c:pt idx="4291">
                  <c:v>8.5556000000000001</c:v>
                </c:pt>
                <c:pt idx="4292">
                  <c:v>8.6560000000000006</c:v>
                </c:pt>
                <c:pt idx="4293">
                  <c:v>8.8193000000000001</c:v>
                </c:pt>
                <c:pt idx="4294">
                  <c:v>8.6913</c:v>
                </c:pt>
                <c:pt idx="4295">
                  <c:v>8.5653000000000006</c:v>
                </c:pt>
                <c:pt idx="4296">
                  <c:v>8.5211000000000006</c:v>
                </c:pt>
                <c:pt idx="4297">
                  <c:v>8.4728999999999992</c:v>
                </c:pt>
                <c:pt idx="4298">
                  <c:v>8.3940999999999999</c:v>
                </c:pt>
                <c:pt idx="4299">
                  <c:v>8.5472000000000001</c:v>
                </c:pt>
                <c:pt idx="4300">
                  <c:v>8.6559000000000008</c:v>
                </c:pt>
                <c:pt idx="4301">
                  <c:v>8.8245000000000005</c:v>
                </c:pt>
                <c:pt idx="4302">
                  <c:v>8.9269999999999996</c:v>
                </c:pt>
                <c:pt idx="4303">
                  <c:v>8.7249999999999996</c:v>
                </c:pt>
                <c:pt idx="4304">
                  <c:v>8.5373999999999999</c:v>
                </c:pt>
                <c:pt idx="4305">
                  <c:v>8.4019999999999992</c:v>
                </c:pt>
                <c:pt idx="4306">
                  <c:v>8.1760999999999999</c:v>
                </c:pt>
                <c:pt idx="4307">
                  <c:v>7.8754</c:v>
                </c:pt>
                <c:pt idx="4308">
                  <c:v>7.4737</c:v>
                </c:pt>
                <c:pt idx="4309">
                  <c:v>7.2968000000000002</c:v>
                </c:pt>
                <c:pt idx="4310">
                  <c:v>7.0084999999999997</c:v>
                </c:pt>
                <c:pt idx="4311">
                  <c:v>6.6923000000000004</c:v>
                </c:pt>
                <c:pt idx="4312">
                  <c:v>6.6566000000000001</c:v>
                </c:pt>
                <c:pt idx="4313">
                  <c:v>7.0419</c:v>
                </c:pt>
                <c:pt idx="4314">
                  <c:v>7.5502000000000002</c:v>
                </c:pt>
                <c:pt idx="4315">
                  <c:v>8.0673999999999992</c:v>
                </c:pt>
                <c:pt idx="4316">
                  <c:v>8.5879999999999992</c:v>
                </c:pt>
                <c:pt idx="4317">
                  <c:v>9.1463999999999999</c:v>
                </c:pt>
                <c:pt idx="4318">
                  <c:v>9.7242999999999995</c:v>
                </c:pt>
                <c:pt idx="4319">
                  <c:v>9.8297000000000008</c:v>
                </c:pt>
                <c:pt idx="4320">
                  <c:v>10.126899999999999</c:v>
                </c:pt>
                <c:pt idx="4321">
                  <c:v>10.147399999999999</c:v>
                </c:pt>
                <c:pt idx="4322">
                  <c:v>9.99</c:v>
                </c:pt>
                <c:pt idx="4323">
                  <c:v>9.6922999999999995</c:v>
                </c:pt>
                <c:pt idx="4324">
                  <c:v>9.3873999999999995</c:v>
                </c:pt>
                <c:pt idx="4325">
                  <c:v>9.0998000000000001</c:v>
                </c:pt>
                <c:pt idx="4326">
                  <c:v>8.9130000000000003</c:v>
                </c:pt>
                <c:pt idx="4327">
                  <c:v>8.6691000000000003</c:v>
                </c:pt>
                <c:pt idx="4328">
                  <c:v>8.4278999999999993</c:v>
                </c:pt>
                <c:pt idx="4329">
                  <c:v>8.2949999999999999</c:v>
                </c:pt>
                <c:pt idx="4330">
                  <c:v>8.2527000000000008</c:v>
                </c:pt>
                <c:pt idx="4331">
                  <c:v>8.1234000000000002</c:v>
                </c:pt>
                <c:pt idx="4332">
                  <c:v>8.0846999999999998</c:v>
                </c:pt>
                <c:pt idx="4333">
                  <c:v>8.0380000000000003</c:v>
                </c:pt>
                <c:pt idx="4334">
                  <c:v>8.1280000000000001</c:v>
                </c:pt>
                <c:pt idx="4335">
                  <c:v>8.1567000000000007</c:v>
                </c:pt>
                <c:pt idx="4336">
                  <c:v>8.1936</c:v>
                </c:pt>
                <c:pt idx="4337">
                  <c:v>8.2296999999999993</c:v>
                </c:pt>
                <c:pt idx="4338">
                  <c:v>8.3989999999999991</c:v>
                </c:pt>
                <c:pt idx="4339">
                  <c:v>8.4176000000000002</c:v>
                </c:pt>
                <c:pt idx="4340">
                  <c:v>8.3614999999999995</c:v>
                </c:pt>
                <c:pt idx="4341">
                  <c:v>8.1447000000000003</c:v>
                </c:pt>
                <c:pt idx="4342">
                  <c:v>7.8634000000000004</c:v>
                </c:pt>
                <c:pt idx="4343">
                  <c:v>7.8177000000000003</c:v>
                </c:pt>
                <c:pt idx="4344">
                  <c:v>7.7937000000000003</c:v>
                </c:pt>
                <c:pt idx="4345">
                  <c:v>7.8704999999999998</c:v>
                </c:pt>
                <c:pt idx="4346">
                  <c:v>7.9261999999999997</c:v>
                </c:pt>
                <c:pt idx="4347">
                  <c:v>8.0665999999999993</c:v>
                </c:pt>
                <c:pt idx="4348">
                  <c:v>8.6423000000000005</c:v>
                </c:pt>
                <c:pt idx="4349">
                  <c:v>9.0925999999999991</c:v>
                </c:pt>
                <c:pt idx="4350">
                  <c:v>9.5516000000000005</c:v>
                </c:pt>
                <c:pt idx="4351">
                  <c:v>10.3299</c:v>
                </c:pt>
                <c:pt idx="4352">
                  <c:v>11.1259</c:v>
                </c:pt>
                <c:pt idx="4353">
                  <c:v>11.771599999999999</c:v>
                </c:pt>
                <c:pt idx="4354">
                  <c:v>12.248200000000001</c:v>
                </c:pt>
                <c:pt idx="4355">
                  <c:v>12.6303</c:v>
                </c:pt>
                <c:pt idx="4356">
                  <c:v>12.975099999999999</c:v>
                </c:pt>
                <c:pt idx="4357">
                  <c:v>13.104200000000001</c:v>
                </c:pt>
                <c:pt idx="4358">
                  <c:v>13.080399999999999</c:v>
                </c:pt>
                <c:pt idx="4359">
                  <c:v>12.903700000000001</c:v>
                </c:pt>
                <c:pt idx="4360">
                  <c:v>12.7006</c:v>
                </c:pt>
                <c:pt idx="4361">
                  <c:v>12.3331</c:v>
                </c:pt>
                <c:pt idx="4362">
                  <c:v>12.1142</c:v>
                </c:pt>
                <c:pt idx="4363">
                  <c:v>11.8551</c:v>
                </c:pt>
                <c:pt idx="4364">
                  <c:v>11.6584</c:v>
                </c:pt>
                <c:pt idx="4365">
                  <c:v>11.3436</c:v>
                </c:pt>
                <c:pt idx="4366">
                  <c:v>11.0837</c:v>
                </c:pt>
                <c:pt idx="4367">
                  <c:v>10.9061</c:v>
                </c:pt>
                <c:pt idx="4368">
                  <c:v>10.958600000000001</c:v>
                </c:pt>
                <c:pt idx="4369">
                  <c:v>10.694100000000001</c:v>
                </c:pt>
                <c:pt idx="4370">
                  <c:v>10.8078</c:v>
                </c:pt>
                <c:pt idx="4371">
                  <c:v>10.6349</c:v>
                </c:pt>
                <c:pt idx="4372">
                  <c:v>10.5793</c:v>
                </c:pt>
                <c:pt idx="4373">
                  <c:v>10.7499</c:v>
                </c:pt>
                <c:pt idx="4374">
                  <c:v>10.421900000000001</c:v>
                </c:pt>
                <c:pt idx="4375">
                  <c:v>9.7800999999999991</c:v>
                </c:pt>
                <c:pt idx="4376">
                  <c:v>8.7286000000000001</c:v>
                </c:pt>
                <c:pt idx="4377">
                  <c:v>7.9939999999999998</c:v>
                </c:pt>
                <c:pt idx="4378">
                  <c:v>7.7977999999999996</c:v>
                </c:pt>
                <c:pt idx="4379">
                  <c:v>7.7267999999999999</c:v>
                </c:pt>
                <c:pt idx="4380">
                  <c:v>7.9188000000000001</c:v>
                </c:pt>
                <c:pt idx="4381">
                  <c:v>7.7405999999999997</c:v>
                </c:pt>
                <c:pt idx="4382">
                  <c:v>7.4687000000000001</c:v>
                </c:pt>
                <c:pt idx="4383">
                  <c:v>7.2637</c:v>
                </c:pt>
                <c:pt idx="4384">
                  <c:v>7.2274000000000003</c:v>
                </c:pt>
                <c:pt idx="4385">
                  <c:v>7.3314000000000004</c:v>
                </c:pt>
                <c:pt idx="4386">
                  <c:v>7.4669999999999996</c:v>
                </c:pt>
                <c:pt idx="4387">
                  <c:v>7.6181000000000001</c:v>
                </c:pt>
                <c:pt idx="4388">
                  <c:v>8.2233000000000001</c:v>
                </c:pt>
                <c:pt idx="4389">
                  <c:v>8.6746999999999996</c:v>
                </c:pt>
                <c:pt idx="4390">
                  <c:v>9.2829999999999995</c:v>
                </c:pt>
                <c:pt idx="4391">
                  <c:v>9.8861000000000008</c:v>
                </c:pt>
                <c:pt idx="4392">
                  <c:v>10.398999999999999</c:v>
                </c:pt>
                <c:pt idx="4393">
                  <c:v>10.629</c:v>
                </c:pt>
                <c:pt idx="4394">
                  <c:v>10.703900000000001</c:v>
                </c:pt>
                <c:pt idx="4395">
                  <c:v>10.462</c:v>
                </c:pt>
                <c:pt idx="4396">
                  <c:v>10.052</c:v>
                </c:pt>
                <c:pt idx="4397">
                  <c:v>9.6684999999999999</c:v>
                </c:pt>
                <c:pt idx="4398">
                  <c:v>9.2883999999999993</c:v>
                </c:pt>
                <c:pt idx="4399">
                  <c:v>8.8632000000000009</c:v>
                </c:pt>
                <c:pt idx="4400">
                  <c:v>8.6428999999999991</c:v>
                </c:pt>
                <c:pt idx="4401">
                  <c:v>8.3795000000000002</c:v>
                </c:pt>
                <c:pt idx="4402">
                  <c:v>8.1385000000000005</c:v>
                </c:pt>
                <c:pt idx="4403">
                  <c:v>8.19</c:v>
                </c:pt>
                <c:pt idx="4404">
                  <c:v>8.4093999999999998</c:v>
                </c:pt>
                <c:pt idx="4405">
                  <c:v>8.8056000000000001</c:v>
                </c:pt>
                <c:pt idx="4406">
                  <c:v>9.1334</c:v>
                </c:pt>
                <c:pt idx="4407">
                  <c:v>9.6150000000000002</c:v>
                </c:pt>
                <c:pt idx="4408">
                  <c:v>9.9589999999999996</c:v>
                </c:pt>
                <c:pt idx="4409">
                  <c:v>10.440799999999999</c:v>
                </c:pt>
                <c:pt idx="4410">
                  <c:v>10.4278</c:v>
                </c:pt>
                <c:pt idx="4411">
                  <c:v>9.8986000000000001</c:v>
                </c:pt>
                <c:pt idx="4412">
                  <c:v>9.3518000000000008</c:v>
                </c:pt>
                <c:pt idx="4413">
                  <c:v>8.9336000000000002</c:v>
                </c:pt>
                <c:pt idx="4414">
                  <c:v>8.7192000000000007</c:v>
                </c:pt>
                <c:pt idx="4415">
                  <c:v>8.5757999999999992</c:v>
                </c:pt>
                <c:pt idx="4416">
                  <c:v>8.4268000000000001</c:v>
                </c:pt>
                <c:pt idx="4417">
                  <c:v>8.5028000000000006</c:v>
                </c:pt>
                <c:pt idx="4418">
                  <c:v>8.6338000000000008</c:v>
                </c:pt>
                <c:pt idx="4419">
                  <c:v>8.5996000000000006</c:v>
                </c:pt>
                <c:pt idx="4420">
                  <c:v>8.6242000000000001</c:v>
                </c:pt>
                <c:pt idx="4421">
                  <c:v>8.7948000000000004</c:v>
                </c:pt>
                <c:pt idx="4422">
                  <c:v>8.9916999999999998</c:v>
                </c:pt>
                <c:pt idx="4423">
                  <c:v>8.9753000000000007</c:v>
                </c:pt>
                <c:pt idx="4424">
                  <c:v>8.8513000000000002</c:v>
                </c:pt>
                <c:pt idx="4425">
                  <c:v>8.7978000000000005</c:v>
                </c:pt>
                <c:pt idx="4426">
                  <c:v>8.7411999999999992</c:v>
                </c:pt>
                <c:pt idx="4427">
                  <c:v>8.6976999999999993</c:v>
                </c:pt>
                <c:pt idx="4428">
                  <c:v>8.7795000000000005</c:v>
                </c:pt>
                <c:pt idx="4429">
                  <c:v>9.2245000000000008</c:v>
                </c:pt>
                <c:pt idx="4430">
                  <c:v>10.244199999999999</c:v>
                </c:pt>
                <c:pt idx="4431">
                  <c:v>11.4421</c:v>
                </c:pt>
                <c:pt idx="4432">
                  <c:v>12.395200000000001</c:v>
                </c:pt>
                <c:pt idx="4433">
                  <c:v>12.894600000000001</c:v>
                </c:pt>
                <c:pt idx="4434">
                  <c:v>12.932399999999999</c:v>
                </c:pt>
                <c:pt idx="4435">
                  <c:v>12.554600000000001</c:v>
                </c:pt>
                <c:pt idx="4436">
                  <c:v>11.9803</c:v>
                </c:pt>
                <c:pt idx="4437">
                  <c:v>11.2562</c:v>
                </c:pt>
                <c:pt idx="4438">
                  <c:v>10.635</c:v>
                </c:pt>
                <c:pt idx="4439">
                  <c:v>9.8091000000000008</c:v>
                </c:pt>
                <c:pt idx="4440">
                  <c:v>8.8933</c:v>
                </c:pt>
                <c:pt idx="4441">
                  <c:v>8.5624000000000002</c:v>
                </c:pt>
                <c:pt idx="4442">
                  <c:v>8.2024000000000008</c:v>
                </c:pt>
                <c:pt idx="4443">
                  <c:v>7.7689000000000004</c:v>
                </c:pt>
                <c:pt idx="4444">
                  <c:v>7.3262999999999998</c:v>
                </c:pt>
                <c:pt idx="4445">
                  <c:v>6.9249000000000001</c:v>
                </c:pt>
                <c:pt idx="4446">
                  <c:v>6.5389999999999997</c:v>
                </c:pt>
                <c:pt idx="4447">
                  <c:v>6.2431999999999999</c:v>
                </c:pt>
                <c:pt idx="4448">
                  <c:v>5.9619999999999997</c:v>
                </c:pt>
                <c:pt idx="4449">
                  <c:v>5.9953000000000003</c:v>
                </c:pt>
                <c:pt idx="4450">
                  <c:v>6.2393999999999998</c:v>
                </c:pt>
                <c:pt idx="4451">
                  <c:v>6.7606000000000002</c:v>
                </c:pt>
                <c:pt idx="4452">
                  <c:v>7.5951000000000004</c:v>
                </c:pt>
                <c:pt idx="4453">
                  <c:v>8.5762</c:v>
                </c:pt>
                <c:pt idx="4454">
                  <c:v>9.7362000000000002</c:v>
                </c:pt>
                <c:pt idx="4455">
                  <c:v>10.6493</c:v>
                </c:pt>
                <c:pt idx="4456">
                  <c:v>11.4438</c:v>
                </c:pt>
                <c:pt idx="4457">
                  <c:v>12.1226</c:v>
                </c:pt>
                <c:pt idx="4458">
                  <c:v>12.555199999999999</c:v>
                </c:pt>
                <c:pt idx="4459">
                  <c:v>12.8512</c:v>
                </c:pt>
                <c:pt idx="4460">
                  <c:v>12.936400000000001</c:v>
                </c:pt>
                <c:pt idx="4461">
                  <c:v>12.854799999999999</c:v>
                </c:pt>
                <c:pt idx="4462">
                  <c:v>12.7585</c:v>
                </c:pt>
                <c:pt idx="4463">
                  <c:v>12.7012</c:v>
                </c:pt>
                <c:pt idx="4464">
                  <c:v>12.6105</c:v>
                </c:pt>
                <c:pt idx="4465">
                  <c:v>12.3781</c:v>
                </c:pt>
                <c:pt idx="4466">
                  <c:v>12.011200000000001</c:v>
                </c:pt>
                <c:pt idx="4467">
                  <c:v>11.6424</c:v>
                </c:pt>
                <c:pt idx="4468">
                  <c:v>11.362299999999999</c:v>
                </c:pt>
                <c:pt idx="4469">
                  <c:v>11.066000000000001</c:v>
                </c:pt>
                <c:pt idx="4470">
                  <c:v>10.7193</c:v>
                </c:pt>
                <c:pt idx="4471">
                  <c:v>10.4968</c:v>
                </c:pt>
                <c:pt idx="4472">
                  <c:v>10.3331</c:v>
                </c:pt>
                <c:pt idx="4473">
                  <c:v>10.214700000000001</c:v>
                </c:pt>
                <c:pt idx="4474">
                  <c:v>10.226599999999999</c:v>
                </c:pt>
                <c:pt idx="4475">
                  <c:v>10.0984</c:v>
                </c:pt>
                <c:pt idx="4476">
                  <c:v>9.8051999999999992</c:v>
                </c:pt>
                <c:pt idx="4477">
                  <c:v>9.8262999999999998</c:v>
                </c:pt>
                <c:pt idx="4478">
                  <c:v>9.8444000000000003</c:v>
                </c:pt>
                <c:pt idx="4479">
                  <c:v>9.6956000000000007</c:v>
                </c:pt>
                <c:pt idx="4480">
                  <c:v>9.5038999999999998</c:v>
                </c:pt>
                <c:pt idx="4481">
                  <c:v>9.1433999999999997</c:v>
                </c:pt>
                <c:pt idx="4482">
                  <c:v>8.6175999999999995</c:v>
                </c:pt>
                <c:pt idx="4483">
                  <c:v>8.1502999999999997</c:v>
                </c:pt>
                <c:pt idx="4484">
                  <c:v>7.9379999999999997</c:v>
                </c:pt>
                <c:pt idx="4485">
                  <c:v>7.6304999999999996</c:v>
                </c:pt>
                <c:pt idx="4486">
                  <c:v>7.3566000000000003</c:v>
                </c:pt>
                <c:pt idx="4487">
                  <c:v>7.1551</c:v>
                </c:pt>
                <c:pt idx="4488">
                  <c:v>7.1871</c:v>
                </c:pt>
                <c:pt idx="4489">
                  <c:v>7.1840999999999999</c:v>
                </c:pt>
                <c:pt idx="4490">
                  <c:v>7.4749999999999996</c:v>
                </c:pt>
                <c:pt idx="4491">
                  <c:v>7.8578000000000001</c:v>
                </c:pt>
                <c:pt idx="4492">
                  <c:v>8.2172999999999998</c:v>
                </c:pt>
                <c:pt idx="4493">
                  <c:v>8.1556999999999995</c:v>
                </c:pt>
                <c:pt idx="4494">
                  <c:v>8.2131000000000007</c:v>
                </c:pt>
                <c:pt idx="4495">
                  <c:v>8.1109000000000009</c:v>
                </c:pt>
                <c:pt idx="4496">
                  <c:v>7.8966000000000003</c:v>
                </c:pt>
                <c:pt idx="4497">
                  <c:v>7.7652999999999999</c:v>
                </c:pt>
                <c:pt idx="4498">
                  <c:v>7.5549999999999997</c:v>
                </c:pt>
                <c:pt idx="4499">
                  <c:v>7.4725000000000001</c:v>
                </c:pt>
                <c:pt idx="4500">
                  <c:v>7.4063999999999997</c:v>
                </c:pt>
                <c:pt idx="4501">
                  <c:v>7.5917000000000003</c:v>
                </c:pt>
                <c:pt idx="4502">
                  <c:v>7.7098000000000004</c:v>
                </c:pt>
                <c:pt idx="4503">
                  <c:v>7.7866</c:v>
                </c:pt>
                <c:pt idx="4504">
                  <c:v>7.9317000000000002</c:v>
                </c:pt>
                <c:pt idx="4505">
                  <c:v>7.883</c:v>
                </c:pt>
                <c:pt idx="4506">
                  <c:v>7.5263</c:v>
                </c:pt>
                <c:pt idx="4507">
                  <c:v>7.6976000000000004</c:v>
                </c:pt>
                <c:pt idx="4508">
                  <c:v>7.6254</c:v>
                </c:pt>
                <c:pt idx="4509">
                  <c:v>7.5446999999999997</c:v>
                </c:pt>
                <c:pt idx="4510">
                  <c:v>7.4188000000000001</c:v>
                </c:pt>
                <c:pt idx="4511">
                  <c:v>7.7057000000000002</c:v>
                </c:pt>
                <c:pt idx="4512">
                  <c:v>7.9786999999999999</c:v>
                </c:pt>
                <c:pt idx="4513">
                  <c:v>7.9741999999999997</c:v>
                </c:pt>
                <c:pt idx="4514">
                  <c:v>7.9337</c:v>
                </c:pt>
                <c:pt idx="4515">
                  <c:v>7.9737999999999998</c:v>
                </c:pt>
                <c:pt idx="4516">
                  <c:v>7.5880000000000001</c:v>
                </c:pt>
                <c:pt idx="4517">
                  <c:v>7.2175000000000002</c:v>
                </c:pt>
                <c:pt idx="4518">
                  <c:v>6.9176000000000002</c:v>
                </c:pt>
                <c:pt idx="4519">
                  <c:v>6.7150999999999996</c:v>
                </c:pt>
                <c:pt idx="4520">
                  <c:v>6.4794</c:v>
                </c:pt>
                <c:pt idx="4521">
                  <c:v>6.4164000000000003</c:v>
                </c:pt>
                <c:pt idx="4522">
                  <c:v>6.6253000000000002</c:v>
                </c:pt>
                <c:pt idx="4523">
                  <c:v>6.8221999999999996</c:v>
                </c:pt>
                <c:pt idx="4524">
                  <c:v>7.0926</c:v>
                </c:pt>
                <c:pt idx="4525">
                  <c:v>7.4908000000000001</c:v>
                </c:pt>
                <c:pt idx="4526">
                  <c:v>7.4965000000000002</c:v>
                </c:pt>
                <c:pt idx="4527">
                  <c:v>7.4382000000000001</c:v>
                </c:pt>
                <c:pt idx="4528">
                  <c:v>7.1981999999999999</c:v>
                </c:pt>
                <c:pt idx="4529">
                  <c:v>6.9767000000000001</c:v>
                </c:pt>
                <c:pt idx="4530">
                  <c:v>6.8063000000000002</c:v>
                </c:pt>
                <c:pt idx="4531">
                  <c:v>6.5259</c:v>
                </c:pt>
                <c:pt idx="4532">
                  <c:v>5.9615</c:v>
                </c:pt>
                <c:pt idx="4533">
                  <c:v>5.6542000000000003</c:v>
                </c:pt>
                <c:pt idx="4534">
                  <c:v>5.3303000000000003</c:v>
                </c:pt>
                <c:pt idx="4535">
                  <c:v>5.3525999999999998</c:v>
                </c:pt>
                <c:pt idx="4536">
                  <c:v>5.5644999999999998</c:v>
                </c:pt>
                <c:pt idx="4537">
                  <c:v>5.9772999999999996</c:v>
                </c:pt>
                <c:pt idx="4538">
                  <c:v>6.3878000000000004</c:v>
                </c:pt>
                <c:pt idx="4539">
                  <c:v>6.8901000000000003</c:v>
                </c:pt>
                <c:pt idx="4540">
                  <c:v>7.2724000000000002</c:v>
                </c:pt>
                <c:pt idx="4541">
                  <c:v>8.0976999999999997</c:v>
                </c:pt>
                <c:pt idx="4542">
                  <c:v>8.5105000000000004</c:v>
                </c:pt>
                <c:pt idx="4543">
                  <c:v>8.5844000000000005</c:v>
                </c:pt>
                <c:pt idx="4544">
                  <c:v>8.6257000000000001</c:v>
                </c:pt>
                <c:pt idx="4545">
                  <c:v>8.5839999999999996</c:v>
                </c:pt>
                <c:pt idx="4546">
                  <c:v>8.5731999999999999</c:v>
                </c:pt>
                <c:pt idx="4547">
                  <c:v>8.5495000000000001</c:v>
                </c:pt>
                <c:pt idx="4548">
                  <c:v>8.2444000000000006</c:v>
                </c:pt>
                <c:pt idx="4549">
                  <c:v>8.1620000000000008</c:v>
                </c:pt>
                <c:pt idx="4550">
                  <c:v>8.0955999999999992</c:v>
                </c:pt>
                <c:pt idx="4551">
                  <c:v>8.3452000000000002</c:v>
                </c:pt>
                <c:pt idx="4552">
                  <c:v>8.6640999999999995</c:v>
                </c:pt>
                <c:pt idx="4553">
                  <c:v>8.8224999999999998</c:v>
                </c:pt>
                <c:pt idx="4554">
                  <c:v>9.1381999999999994</c:v>
                </c:pt>
                <c:pt idx="4555">
                  <c:v>9.3071999999999999</c:v>
                </c:pt>
                <c:pt idx="4556">
                  <c:v>9.2558000000000007</c:v>
                </c:pt>
                <c:pt idx="4557">
                  <c:v>8.9780999999999995</c:v>
                </c:pt>
                <c:pt idx="4558">
                  <c:v>8.7411999999999992</c:v>
                </c:pt>
                <c:pt idx="4559">
                  <c:v>8.5100999999999996</c:v>
                </c:pt>
                <c:pt idx="4560">
                  <c:v>8.3427000000000007</c:v>
                </c:pt>
                <c:pt idx="4561">
                  <c:v>8.2164999999999999</c:v>
                </c:pt>
                <c:pt idx="4562">
                  <c:v>7.9871999999999996</c:v>
                </c:pt>
                <c:pt idx="4563">
                  <c:v>7.6654</c:v>
                </c:pt>
                <c:pt idx="4564">
                  <c:v>7.3689</c:v>
                </c:pt>
                <c:pt idx="4565">
                  <c:v>7.2652999999999999</c:v>
                </c:pt>
                <c:pt idx="4566">
                  <c:v>7.1954000000000002</c:v>
                </c:pt>
                <c:pt idx="4567">
                  <c:v>7.2462999999999997</c:v>
                </c:pt>
                <c:pt idx="4568">
                  <c:v>7.3712</c:v>
                </c:pt>
                <c:pt idx="4569">
                  <c:v>7.6284000000000001</c:v>
                </c:pt>
                <c:pt idx="4570">
                  <c:v>7.8788999999999998</c:v>
                </c:pt>
                <c:pt idx="4571">
                  <c:v>8.1158000000000001</c:v>
                </c:pt>
                <c:pt idx="4572">
                  <c:v>8.2814999999999994</c:v>
                </c:pt>
                <c:pt idx="4573">
                  <c:v>8.6721000000000004</c:v>
                </c:pt>
                <c:pt idx="4574">
                  <c:v>9.1928999999999998</c:v>
                </c:pt>
                <c:pt idx="4575">
                  <c:v>9.8882999999999992</c:v>
                </c:pt>
                <c:pt idx="4576">
                  <c:v>10.7784</c:v>
                </c:pt>
                <c:pt idx="4577">
                  <c:v>11.8665</c:v>
                </c:pt>
                <c:pt idx="4578">
                  <c:v>12.712199999999999</c:v>
                </c:pt>
                <c:pt idx="4579">
                  <c:v>13.1473</c:v>
                </c:pt>
                <c:pt idx="4580">
                  <c:v>13.3969</c:v>
                </c:pt>
                <c:pt idx="4581">
                  <c:v>13.4945</c:v>
                </c:pt>
                <c:pt idx="4582">
                  <c:v>13.3843</c:v>
                </c:pt>
                <c:pt idx="4583">
                  <c:v>13.103899999999999</c:v>
                </c:pt>
                <c:pt idx="4584">
                  <c:v>12.6937</c:v>
                </c:pt>
                <c:pt idx="4585">
                  <c:v>12.219200000000001</c:v>
                </c:pt>
                <c:pt idx="4586">
                  <c:v>11.6776</c:v>
                </c:pt>
                <c:pt idx="4587">
                  <c:v>11.2118</c:v>
                </c:pt>
                <c:pt idx="4588">
                  <c:v>10.8764</c:v>
                </c:pt>
                <c:pt idx="4589">
                  <c:v>10.728</c:v>
                </c:pt>
                <c:pt idx="4590">
                  <c:v>10.735799999999999</c:v>
                </c:pt>
                <c:pt idx="4591">
                  <c:v>10.7608</c:v>
                </c:pt>
                <c:pt idx="4592">
                  <c:v>10.5128</c:v>
                </c:pt>
                <c:pt idx="4593">
                  <c:v>10.200799999999999</c:v>
                </c:pt>
                <c:pt idx="4594">
                  <c:v>9.7807999999999993</c:v>
                </c:pt>
                <c:pt idx="4595">
                  <c:v>9.2971000000000004</c:v>
                </c:pt>
                <c:pt idx="4596">
                  <c:v>8.9222000000000001</c:v>
                </c:pt>
                <c:pt idx="4597">
                  <c:v>8.8683999999999994</c:v>
                </c:pt>
                <c:pt idx="4598">
                  <c:v>8.7682000000000002</c:v>
                </c:pt>
                <c:pt idx="4599">
                  <c:v>8.3849</c:v>
                </c:pt>
                <c:pt idx="4600">
                  <c:v>8.3597999999999999</c:v>
                </c:pt>
                <c:pt idx="4601">
                  <c:v>8.4415999999999993</c:v>
                </c:pt>
                <c:pt idx="4602">
                  <c:v>8.4540000000000006</c:v>
                </c:pt>
                <c:pt idx="4603">
                  <c:v>8.5207999999999995</c:v>
                </c:pt>
                <c:pt idx="4604">
                  <c:v>8.4423999999999992</c:v>
                </c:pt>
                <c:pt idx="4605">
                  <c:v>8.6645000000000003</c:v>
                </c:pt>
                <c:pt idx="4606">
                  <c:v>8.7472999999999992</c:v>
                </c:pt>
                <c:pt idx="4607">
                  <c:v>8.7936999999999994</c:v>
                </c:pt>
                <c:pt idx="4608">
                  <c:v>8.9967000000000006</c:v>
                </c:pt>
                <c:pt idx="4609">
                  <c:v>9.2283000000000008</c:v>
                </c:pt>
                <c:pt idx="4610">
                  <c:v>9.4602000000000004</c:v>
                </c:pt>
                <c:pt idx="4611">
                  <c:v>9.6221999999999994</c:v>
                </c:pt>
                <c:pt idx="4612">
                  <c:v>9.5949000000000009</c:v>
                </c:pt>
                <c:pt idx="4613">
                  <c:v>9.4047999999999998</c:v>
                </c:pt>
                <c:pt idx="4614">
                  <c:v>9.0755999999999997</c:v>
                </c:pt>
                <c:pt idx="4615">
                  <c:v>8.4878</c:v>
                </c:pt>
                <c:pt idx="4616">
                  <c:v>8.0823999999999998</c:v>
                </c:pt>
                <c:pt idx="4617">
                  <c:v>7.8101000000000003</c:v>
                </c:pt>
                <c:pt idx="4618">
                  <c:v>7.6657999999999999</c:v>
                </c:pt>
                <c:pt idx="4619">
                  <c:v>7.6864999999999997</c:v>
                </c:pt>
                <c:pt idx="4620">
                  <c:v>7.5777999999999999</c:v>
                </c:pt>
                <c:pt idx="4621">
                  <c:v>7.4402999999999997</c:v>
                </c:pt>
                <c:pt idx="4622">
                  <c:v>7.4343000000000004</c:v>
                </c:pt>
                <c:pt idx="4623">
                  <c:v>7.4324000000000003</c:v>
                </c:pt>
                <c:pt idx="4624">
                  <c:v>7.2713999999999999</c:v>
                </c:pt>
                <c:pt idx="4625">
                  <c:v>7.1571999999999996</c:v>
                </c:pt>
                <c:pt idx="4626">
                  <c:v>7.2061000000000002</c:v>
                </c:pt>
                <c:pt idx="4627">
                  <c:v>7.6344000000000003</c:v>
                </c:pt>
                <c:pt idx="4628">
                  <c:v>7.9696999999999996</c:v>
                </c:pt>
                <c:pt idx="4629">
                  <c:v>8.4870000000000001</c:v>
                </c:pt>
                <c:pt idx="4630">
                  <c:v>9.3040000000000003</c:v>
                </c:pt>
                <c:pt idx="4631">
                  <c:v>10.273300000000001</c:v>
                </c:pt>
                <c:pt idx="4632">
                  <c:v>11.1007</c:v>
                </c:pt>
                <c:pt idx="4633">
                  <c:v>11.6158</c:v>
                </c:pt>
                <c:pt idx="4634">
                  <c:v>12.1746</c:v>
                </c:pt>
                <c:pt idx="4635">
                  <c:v>12.6159</c:v>
                </c:pt>
                <c:pt idx="4636">
                  <c:v>12.968500000000001</c:v>
                </c:pt>
                <c:pt idx="4637">
                  <c:v>13.2682</c:v>
                </c:pt>
                <c:pt idx="4638">
                  <c:v>13.6859</c:v>
                </c:pt>
                <c:pt idx="4639">
                  <c:v>14.0192</c:v>
                </c:pt>
                <c:pt idx="4640">
                  <c:v>14.211499999999999</c:v>
                </c:pt>
                <c:pt idx="4641">
                  <c:v>14.4343</c:v>
                </c:pt>
                <c:pt idx="4642">
                  <c:v>14.632899999999999</c:v>
                </c:pt>
                <c:pt idx="4643">
                  <c:v>14.9392</c:v>
                </c:pt>
                <c:pt idx="4644">
                  <c:v>15.3041</c:v>
                </c:pt>
                <c:pt idx="4645">
                  <c:v>15.443300000000001</c:v>
                </c:pt>
                <c:pt idx="4646">
                  <c:v>15.429399999999999</c:v>
                </c:pt>
                <c:pt idx="4647">
                  <c:v>15.151</c:v>
                </c:pt>
                <c:pt idx="4648">
                  <c:v>14.7095</c:v>
                </c:pt>
                <c:pt idx="4649">
                  <c:v>14.007300000000001</c:v>
                </c:pt>
                <c:pt idx="4650">
                  <c:v>13.356299999999999</c:v>
                </c:pt>
                <c:pt idx="4651">
                  <c:v>12.672700000000001</c:v>
                </c:pt>
                <c:pt idx="4652">
                  <c:v>12.1692</c:v>
                </c:pt>
                <c:pt idx="4653">
                  <c:v>11.694699999999999</c:v>
                </c:pt>
                <c:pt idx="4654">
                  <c:v>11.370200000000001</c:v>
                </c:pt>
                <c:pt idx="4655">
                  <c:v>11.1576</c:v>
                </c:pt>
                <c:pt idx="4656">
                  <c:v>11.048500000000001</c:v>
                </c:pt>
                <c:pt idx="4657">
                  <c:v>10.9156</c:v>
                </c:pt>
                <c:pt idx="4658">
                  <c:v>10.7416</c:v>
                </c:pt>
                <c:pt idx="4659">
                  <c:v>10.4879</c:v>
                </c:pt>
                <c:pt idx="4660">
                  <c:v>10.3134</c:v>
                </c:pt>
                <c:pt idx="4661">
                  <c:v>10.26</c:v>
                </c:pt>
                <c:pt idx="4662">
                  <c:v>10.111700000000001</c:v>
                </c:pt>
                <c:pt idx="4663">
                  <c:v>9.9133999999999993</c:v>
                </c:pt>
                <c:pt idx="4664">
                  <c:v>9.5591000000000008</c:v>
                </c:pt>
                <c:pt idx="4665">
                  <c:v>9.1692999999999998</c:v>
                </c:pt>
                <c:pt idx="4666">
                  <c:v>8.7933000000000003</c:v>
                </c:pt>
                <c:pt idx="4667">
                  <c:v>8.3752999999999993</c:v>
                </c:pt>
                <c:pt idx="4668">
                  <c:v>8.1309000000000005</c:v>
                </c:pt>
                <c:pt idx="4669">
                  <c:v>8.0792000000000002</c:v>
                </c:pt>
                <c:pt idx="4670">
                  <c:v>8.1212</c:v>
                </c:pt>
                <c:pt idx="4671">
                  <c:v>8.3041999999999998</c:v>
                </c:pt>
                <c:pt idx="4672">
                  <c:v>8.2265999999999995</c:v>
                </c:pt>
                <c:pt idx="4673">
                  <c:v>8.1181000000000001</c:v>
                </c:pt>
                <c:pt idx="4674">
                  <c:v>7.8272000000000004</c:v>
                </c:pt>
                <c:pt idx="4675">
                  <c:v>7.5054999999999996</c:v>
                </c:pt>
                <c:pt idx="4676">
                  <c:v>7.0937999999999999</c:v>
                </c:pt>
                <c:pt idx="4677">
                  <c:v>6.6402000000000001</c:v>
                </c:pt>
                <c:pt idx="4678">
                  <c:v>6.2317999999999998</c:v>
                </c:pt>
                <c:pt idx="4679">
                  <c:v>5.9189999999999996</c:v>
                </c:pt>
                <c:pt idx="4680">
                  <c:v>5.7392000000000003</c:v>
                </c:pt>
                <c:pt idx="4681">
                  <c:v>5.6977000000000002</c:v>
                </c:pt>
                <c:pt idx="4682">
                  <c:v>5.7680999999999996</c:v>
                </c:pt>
                <c:pt idx="4683">
                  <c:v>5.7933000000000003</c:v>
                </c:pt>
                <c:pt idx="4684">
                  <c:v>5.6527000000000003</c:v>
                </c:pt>
                <c:pt idx="4685">
                  <c:v>5.4642999999999997</c:v>
                </c:pt>
                <c:pt idx="4686">
                  <c:v>5.2104999999999997</c:v>
                </c:pt>
                <c:pt idx="4687">
                  <c:v>5.0911999999999997</c:v>
                </c:pt>
                <c:pt idx="4688">
                  <c:v>5.3263999999999996</c:v>
                </c:pt>
                <c:pt idx="4689">
                  <c:v>5.7981999999999996</c:v>
                </c:pt>
                <c:pt idx="4690">
                  <c:v>6.1471</c:v>
                </c:pt>
                <c:pt idx="4691">
                  <c:v>6.8174000000000001</c:v>
                </c:pt>
                <c:pt idx="4692">
                  <c:v>7.5766999999999998</c:v>
                </c:pt>
                <c:pt idx="4693">
                  <c:v>7.5457000000000001</c:v>
                </c:pt>
                <c:pt idx="4694">
                  <c:v>7.4504000000000001</c:v>
                </c:pt>
                <c:pt idx="4695">
                  <c:v>7.2084999999999999</c:v>
                </c:pt>
                <c:pt idx="4696">
                  <c:v>6.9694000000000003</c:v>
                </c:pt>
                <c:pt idx="4697">
                  <c:v>6.6093999999999999</c:v>
                </c:pt>
                <c:pt idx="4698">
                  <c:v>6.3239000000000001</c:v>
                </c:pt>
                <c:pt idx="4699">
                  <c:v>6.1882999999999999</c:v>
                </c:pt>
                <c:pt idx="4700">
                  <c:v>6.2016</c:v>
                </c:pt>
                <c:pt idx="4701">
                  <c:v>6.2491000000000003</c:v>
                </c:pt>
                <c:pt idx="4702">
                  <c:v>6.4053000000000004</c:v>
                </c:pt>
                <c:pt idx="4703">
                  <c:v>6.7058</c:v>
                </c:pt>
                <c:pt idx="4704">
                  <c:v>6.5685000000000002</c:v>
                </c:pt>
                <c:pt idx="4705">
                  <c:v>6.6889000000000003</c:v>
                </c:pt>
                <c:pt idx="4706">
                  <c:v>6.9292999999999996</c:v>
                </c:pt>
                <c:pt idx="4707">
                  <c:v>7.1131000000000002</c:v>
                </c:pt>
                <c:pt idx="4708">
                  <c:v>7.2962999999999996</c:v>
                </c:pt>
                <c:pt idx="4709">
                  <c:v>7.3636999999999997</c:v>
                </c:pt>
                <c:pt idx="4710">
                  <c:v>7.3586</c:v>
                </c:pt>
                <c:pt idx="4711">
                  <c:v>7.3234000000000004</c:v>
                </c:pt>
                <c:pt idx="4712">
                  <c:v>7.3577000000000004</c:v>
                </c:pt>
                <c:pt idx="4713">
                  <c:v>7.4035000000000002</c:v>
                </c:pt>
                <c:pt idx="4714">
                  <c:v>7.4846000000000004</c:v>
                </c:pt>
                <c:pt idx="4715">
                  <c:v>7.7115999999999998</c:v>
                </c:pt>
                <c:pt idx="4716">
                  <c:v>7.8334000000000001</c:v>
                </c:pt>
                <c:pt idx="4717">
                  <c:v>8.0373000000000001</c:v>
                </c:pt>
                <c:pt idx="4718">
                  <c:v>8.2114999999999991</c:v>
                </c:pt>
                <c:pt idx="4719">
                  <c:v>8.3516999999999992</c:v>
                </c:pt>
                <c:pt idx="4720">
                  <c:v>8.4481999999999999</c:v>
                </c:pt>
                <c:pt idx="4721">
                  <c:v>8.4454999999999991</c:v>
                </c:pt>
                <c:pt idx="4722">
                  <c:v>8.4354999999999993</c:v>
                </c:pt>
                <c:pt idx="4723">
                  <c:v>8.4322999999999997</c:v>
                </c:pt>
                <c:pt idx="4724">
                  <c:v>8.3789999999999996</c:v>
                </c:pt>
                <c:pt idx="4725">
                  <c:v>7.8335999999999997</c:v>
                </c:pt>
                <c:pt idx="4726">
                  <c:v>7.2460000000000004</c:v>
                </c:pt>
                <c:pt idx="4727">
                  <c:v>6.5625999999999998</c:v>
                </c:pt>
                <c:pt idx="4728">
                  <c:v>6.0067000000000004</c:v>
                </c:pt>
                <c:pt idx="4729">
                  <c:v>5.5553999999999997</c:v>
                </c:pt>
                <c:pt idx="4730">
                  <c:v>5.1664000000000003</c:v>
                </c:pt>
                <c:pt idx="4731">
                  <c:v>4.7611999999999997</c:v>
                </c:pt>
                <c:pt idx="4732">
                  <c:v>4.3827999999999996</c:v>
                </c:pt>
                <c:pt idx="4733">
                  <c:v>4.1444999999999999</c:v>
                </c:pt>
                <c:pt idx="4734">
                  <c:v>4.1045999999999996</c:v>
                </c:pt>
                <c:pt idx="4735">
                  <c:v>4.1584000000000003</c:v>
                </c:pt>
                <c:pt idx="4736">
                  <c:v>4.1913999999999998</c:v>
                </c:pt>
                <c:pt idx="4737">
                  <c:v>4.4542000000000002</c:v>
                </c:pt>
                <c:pt idx="4738">
                  <c:v>4.9185999999999996</c:v>
                </c:pt>
                <c:pt idx="4739">
                  <c:v>5.3041999999999998</c:v>
                </c:pt>
                <c:pt idx="4740">
                  <c:v>5.5614999999999997</c:v>
                </c:pt>
                <c:pt idx="4741">
                  <c:v>5.7938000000000001</c:v>
                </c:pt>
                <c:pt idx="4742">
                  <c:v>6.2233000000000001</c:v>
                </c:pt>
                <c:pt idx="4743">
                  <c:v>6.5560999999999998</c:v>
                </c:pt>
                <c:pt idx="4744">
                  <c:v>6.6260000000000003</c:v>
                </c:pt>
                <c:pt idx="4745">
                  <c:v>6.8967999999999998</c:v>
                </c:pt>
                <c:pt idx="4746">
                  <c:v>7.1734</c:v>
                </c:pt>
                <c:pt idx="4747">
                  <c:v>7.2990000000000004</c:v>
                </c:pt>
                <c:pt idx="4748">
                  <c:v>7.2885</c:v>
                </c:pt>
                <c:pt idx="4749">
                  <c:v>7.0777000000000001</c:v>
                </c:pt>
                <c:pt idx="4750">
                  <c:v>6.9625000000000004</c:v>
                </c:pt>
                <c:pt idx="4751">
                  <c:v>6.6974999999999998</c:v>
                </c:pt>
                <c:pt idx="4752">
                  <c:v>6.5095999999999998</c:v>
                </c:pt>
                <c:pt idx="4753">
                  <c:v>6.1996000000000002</c:v>
                </c:pt>
                <c:pt idx="4754">
                  <c:v>5.9893000000000001</c:v>
                </c:pt>
                <c:pt idx="4755">
                  <c:v>5.9974999999999996</c:v>
                </c:pt>
                <c:pt idx="4756">
                  <c:v>5.9669999999999996</c:v>
                </c:pt>
                <c:pt idx="4757">
                  <c:v>5.9721000000000002</c:v>
                </c:pt>
                <c:pt idx="4758">
                  <c:v>6.2925000000000004</c:v>
                </c:pt>
                <c:pt idx="4759">
                  <c:v>6.5031999999999996</c:v>
                </c:pt>
                <c:pt idx="4760">
                  <c:v>6.7207999999999997</c:v>
                </c:pt>
                <c:pt idx="4761">
                  <c:v>7.0694999999999997</c:v>
                </c:pt>
                <c:pt idx="4762">
                  <c:v>7.8152999999999997</c:v>
                </c:pt>
                <c:pt idx="4763">
                  <c:v>8.0996000000000006</c:v>
                </c:pt>
                <c:pt idx="4764">
                  <c:v>8.5664999999999996</c:v>
                </c:pt>
                <c:pt idx="4765">
                  <c:v>8.7294</c:v>
                </c:pt>
                <c:pt idx="4766">
                  <c:v>8.9214000000000002</c:v>
                </c:pt>
                <c:pt idx="4767">
                  <c:v>9.2523</c:v>
                </c:pt>
                <c:pt idx="4768">
                  <c:v>9.5516000000000005</c:v>
                </c:pt>
                <c:pt idx="4769">
                  <c:v>9.4728999999999992</c:v>
                </c:pt>
                <c:pt idx="4770">
                  <c:v>9.3488000000000007</c:v>
                </c:pt>
                <c:pt idx="4771">
                  <c:v>9.2851999999999997</c:v>
                </c:pt>
                <c:pt idx="4772">
                  <c:v>9.1796000000000006</c:v>
                </c:pt>
                <c:pt idx="4773">
                  <c:v>8.8801000000000005</c:v>
                </c:pt>
                <c:pt idx="4774">
                  <c:v>8.4034999999999993</c:v>
                </c:pt>
                <c:pt idx="4775">
                  <c:v>7.9569999999999999</c:v>
                </c:pt>
                <c:pt idx="4776">
                  <c:v>7.5610999999999997</c:v>
                </c:pt>
                <c:pt idx="4777">
                  <c:v>7.0555000000000003</c:v>
                </c:pt>
                <c:pt idx="4778">
                  <c:v>6.7881999999999998</c:v>
                </c:pt>
                <c:pt idx="4779">
                  <c:v>6.5450999999999997</c:v>
                </c:pt>
                <c:pt idx="4780">
                  <c:v>6.3017000000000003</c:v>
                </c:pt>
                <c:pt idx="4781">
                  <c:v>6.1025999999999998</c:v>
                </c:pt>
                <c:pt idx="4782">
                  <c:v>5.6624999999999996</c:v>
                </c:pt>
                <c:pt idx="4783">
                  <c:v>5.1047000000000002</c:v>
                </c:pt>
                <c:pt idx="4784">
                  <c:v>4.6421000000000001</c:v>
                </c:pt>
                <c:pt idx="4785">
                  <c:v>4.3483999999999998</c:v>
                </c:pt>
                <c:pt idx="4786">
                  <c:v>4.1830999999999996</c:v>
                </c:pt>
                <c:pt idx="4787">
                  <c:v>4.0785999999999998</c:v>
                </c:pt>
                <c:pt idx="4788">
                  <c:v>4.1566000000000001</c:v>
                </c:pt>
                <c:pt idx="4789">
                  <c:v>4.3010000000000002</c:v>
                </c:pt>
                <c:pt idx="4790">
                  <c:v>4.5026999999999999</c:v>
                </c:pt>
                <c:pt idx="4791">
                  <c:v>4.5717999999999996</c:v>
                </c:pt>
                <c:pt idx="4792">
                  <c:v>4.8531000000000004</c:v>
                </c:pt>
                <c:pt idx="4793">
                  <c:v>5.1304999999999996</c:v>
                </c:pt>
                <c:pt idx="4794">
                  <c:v>5.3869999999999996</c:v>
                </c:pt>
                <c:pt idx="4795">
                  <c:v>5.6382000000000003</c:v>
                </c:pt>
                <c:pt idx="4796">
                  <c:v>6.0633999999999997</c:v>
                </c:pt>
                <c:pt idx="4797">
                  <c:v>6.2526999999999999</c:v>
                </c:pt>
                <c:pt idx="4798">
                  <c:v>6.4875999999999996</c:v>
                </c:pt>
                <c:pt idx="4799">
                  <c:v>6.5</c:v>
                </c:pt>
                <c:pt idx="4800">
                  <c:v>6.5380000000000003</c:v>
                </c:pt>
                <c:pt idx="4801">
                  <c:v>6.6163999999999996</c:v>
                </c:pt>
                <c:pt idx="4802">
                  <c:v>6.7012</c:v>
                </c:pt>
                <c:pt idx="4803">
                  <c:v>6.7114000000000003</c:v>
                </c:pt>
                <c:pt idx="4804">
                  <c:v>6.8194999999999997</c:v>
                </c:pt>
                <c:pt idx="4805">
                  <c:v>6.8826000000000001</c:v>
                </c:pt>
                <c:pt idx="4806">
                  <c:v>6.5526</c:v>
                </c:pt>
                <c:pt idx="4807">
                  <c:v>6.3335999999999997</c:v>
                </c:pt>
                <c:pt idx="4808">
                  <c:v>6.2572999999999999</c:v>
                </c:pt>
                <c:pt idx="4809">
                  <c:v>6.3860999999999999</c:v>
                </c:pt>
                <c:pt idx="4810">
                  <c:v>6.4856999999999996</c:v>
                </c:pt>
                <c:pt idx="4811">
                  <c:v>6.7849000000000004</c:v>
                </c:pt>
                <c:pt idx="4812">
                  <c:v>6.9927000000000001</c:v>
                </c:pt>
                <c:pt idx="4813">
                  <c:v>7.1421999999999999</c:v>
                </c:pt>
                <c:pt idx="4814">
                  <c:v>7.3739999999999997</c:v>
                </c:pt>
                <c:pt idx="4815">
                  <c:v>7.5033000000000003</c:v>
                </c:pt>
                <c:pt idx="4816">
                  <c:v>7.7751000000000001</c:v>
                </c:pt>
                <c:pt idx="4817">
                  <c:v>8.2478999999999996</c:v>
                </c:pt>
                <c:pt idx="4818">
                  <c:v>8.6626999999999992</c:v>
                </c:pt>
                <c:pt idx="4819">
                  <c:v>9.1475000000000009</c:v>
                </c:pt>
                <c:pt idx="4820">
                  <c:v>9.5762</c:v>
                </c:pt>
                <c:pt idx="4821">
                  <c:v>9.9315999999999995</c:v>
                </c:pt>
                <c:pt idx="4822">
                  <c:v>10.117900000000001</c:v>
                </c:pt>
                <c:pt idx="4823">
                  <c:v>10.1122</c:v>
                </c:pt>
                <c:pt idx="4824">
                  <c:v>9.8619000000000003</c:v>
                </c:pt>
                <c:pt idx="4825">
                  <c:v>9.6478999999999999</c:v>
                </c:pt>
                <c:pt idx="4826">
                  <c:v>9.4658999999999995</c:v>
                </c:pt>
                <c:pt idx="4827">
                  <c:v>9.3737999999999992</c:v>
                </c:pt>
                <c:pt idx="4828">
                  <c:v>9.5307999999999993</c:v>
                </c:pt>
                <c:pt idx="4829">
                  <c:v>9.5284999999999993</c:v>
                </c:pt>
                <c:pt idx="4830">
                  <c:v>9.4297000000000004</c:v>
                </c:pt>
                <c:pt idx="4831">
                  <c:v>9.2652999999999999</c:v>
                </c:pt>
                <c:pt idx="4832">
                  <c:v>9.0373000000000001</c:v>
                </c:pt>
                <c:pt idx="4833">
                  <c:v>8.6492000000000004</c:v>
                </c:pt>
                <c:pt idx="4834">
                  <c:v>8.4105000000000008</c:v>
                </c:pt>
                <c:pt idx="4835">
                  <c:v>8.0669000000000004</c:v>
                </c:pt>
                <c:pt idx="4836">
                  <c:v>7.7478999999999996</c:v>
                </c:pt>
                <c:pt idx="4837">
                  <c:v>7.6504000000000003</c:v>
                </c:pt>
                <c:pt idx="4838">
                  <c:v>7.7119999999999997</c:v>
                </c:pt>
                <c:pt idx="4839">
                  <c:v>7.6083999999999996</c:v>
                </c:pt>
                <c:pt idx="4840">
                  <c:v>7.6550000000000002</c:v>
                </c:pt>
                <c:pt idx="4841">
                  <c:v>7.7515000000000001</c:v>
                </c:pt>
                <c:pt idx="4842">
                  <c:v>7.7634999999999996</c:v>
                </c:pt>
                <c:pt idx="4843">
                  <c:v>7.5865</c:v>
                </c:pt>
                <c:pt idx="4844">
                  <c:v>7.6055999999999999</c:v>
                </c:pt>
                <c:pt idx="4845">
                  <c:v>7.5324</c:v>
                </c:pt>
                <c:pt idx="4846">
                  <c:v>7.4649999999999999</c:v>
                </c:pt>
                <c:pt idx="4847">
                  <c:v>7.4497999999999998</c:v>
                </c:pt>
                <c:pt idx="4848">
                  <c:v>7.4622999999999999</c:v>
                </c:pt>
                <c:pt idx="4849">
                  <c:v>7.2801999999999998</c:v>
                </c:pt>
                <c:pt idx="4850">
                  <c:v>7.024</c:v>
                </c:pt>
                <c:pt idx="4851">
                  <c:v>6.6215000000000002</c:v>
                </c:pt>
                <c:pt idx="4852">
                  <c:v>6.5090000000000003</c:v>
                </c:pt>
                <c:pt idx="4853">
                  <c:v>6.3749000000000002</c:v>
                </c:pt>
                <c:pt idx="4854">
                  <c:v>6.3026</c:v>
                </c:pt>
                <c:pt idx="4855">
                  <c:v>6.2535999999999996</c:v>
                </c:pt>
                <c:pt idx="4856">
                  <c:v>6.1677999999999997</c:v>
                </c:pt>
                <c:pt idx="4857">
                  <c:v>6.2333999999999996</c:v>
                </c:pt>
                <c:pt idx="4858">
                  <c:v>6.4653999999999998</c:v>
                </c:pt>
                <c:pt idx="4859">
                  <c:v>6.8090000000000002</c:v>
                </c:pt>
                <c:pt idx="4860">
                  <c:v>7.266</c:v>
                </c:pt>
                <c:pt idx="4861">
                  <c:v>8.2048000000000005</c:v>
                </c:pt>
                <c:pt idx="4862">
                  <c:v>9.2561</c:v>
                </c:pt>
                <c:pt idx="4863">
                  <c:v>10.0077</c:v>
                </c:pt>
                <c:pt idx="4864">
                  <c:v>10.4702</c:v>
                </c:pt>
                <c:pt idx="4865">
                  <c:v>10.639699999999999</c:v>
                </c:pt>
                <c:pt idx="4866">
                  <c:v>10.343400000000001</c:v>
                </c:pt>
                <c:pt idx="4867">
                  <c:v>9.5899000000000001</c:v>
                </c:pt>
                <c:pt idx="4868">
                  <c:v>8.7390000000000008</c:v>
                </c:pt>
                <c:pt idx="4869">
                  <c:v>8.0523000000000007</c:v>
                </c:pt>
                <c:pt idx="4870">
                  <c:v>7.6059999999999999</c:v>
                </c:pt>
                <c:pt idx="4871">
                  <c:v>7.1410999999999998</c:v>
                </c:pt>
                <c:pt idx="4872">
                  <c:v>6.6318999999999999</c:v>
                </c:pt>
                <c:pt idx="4873">
                  <c:v>6.3643000000000001</c:v>
                </c:pt>
                <c:pt idx="4874">
                  <c:v>6.1369999999999996</c:v>
                </c:pt>
                <c:pt idx="4875">
                  <c:v>5.9370000000000003</c:v>
                </c:pt>
                <c:pt idx="4876">
                  <c:v>5.9790999999999999</c:v>
                </c:pt>
                <c:pt idx="4877">
                  <c:v>6.1928999999999998</c:v>
                </c:pt>
                <c:pt idx="4878">
                  <c:v>6.4837999999999996</c:v>
                </c:pt>
                <c:pt idx="4879">
                  <c:v>6.7314999999999996</c:v>
                </c:pt>
                <c:pt idx="4880">
                  <c:v>6.7911999999999999</c:v>
                </c:pt>
                <c:pt idx="4881">
                  <c:v>6.8487</c:v>
                </c:pt>
                <c:pt idx="4882">
                  <c:v>7.1306000000000003</c:v>
                </c:pt>
                <c:pt idx="4883">
                  <c:v>7.4505999999999997</c:v>
                </c:pt>
                <c:pt idx="4884">
                  <c:v>7.7149999999999999</c:v>
                </c:pt>
                <c:pt idx="4885">
                  <c:v>8.1682000000000006</c:v>
                </c:pt>
                <c:pt idx="4886">
                  <c:v>8.5906000000000002</c:v>
                </c:pt>
                <c:pt idx="4887">
                  <c:v>9.0571000000000002</c:v>
                </c:pt>
                <c:pt idx="4888">
                  <c:v>9.5478000000000005</c:v>
                </c:pt>
                <c:pt idx="4889">
                  <c:v>9.4894999999999996</c:v>
                </c:pt>
                <c:pt idx="4890">
                  <c:v>9.4200999999999997</c:v>
                </c:pt>
                <c:pt idx="4891">
                  <c:v>9.282</c:v>
                </c:pt>
                <c:pt idx="4892">
                  <c:v>9.0654000000000003</c:v>
                </c:pt>
                <c:pt idx="4893">
                  <c:v>8.8422000000000001</c:v>
                </c:pt>
                <c:pt idx="4894">
                  <c:v>8.7085000000000008</c:v>
                </c:pt>
                <c:pt idx="4895">
                  <c:v>8.6622000000000003</c:v>
                </c:pt>
                <c:pt idx="4896">
                  <c:v>8.8275000000000006</c:v>
                </c:pt>
                <c:pt idx="4897">
                  <c:v>8.9497</c:v>
                </c:pt>
                <c:pt idx="4898">
                  <c:v>9.0996000000000006</c:v>
                </c:pt>
                <c:pt idx="4899">
                  <c:v>9.3524999999999991</c:v>
                </c:pt>
                <c:pt idx="4900">
                  <c:v>9.6454000000000004</c:v>
                </c:pt>
                <c:pt idx="4901">
                  <c:v>9.9026999999999994</c:v>
                </c:pt>
                <c:pt idx="4902">
                  <c:v>10.1523</c:v>
                </c:pt>
                <c:pt idx="4903">
                  <c:v>10.292</c:v>
                </c:pt>
                <c:pt idx="4904">
                  <c:v>10.290100000000001</c:v>
                </c:pt>
                <c:pt idx="4905">
                  <c:v>10.0823</c:v>
                </c:pt>
                <c:pt idx="4906">
                  <c:v>9.8829999999999991</c:v>
                </c:pt>
                <c:pt idx="4907">
                  <c:v>9.6834000000000007</c:v>
                </c:pt>
                <c:pt idx="4908">
                  <c:v>9.35</c:v>
                </c:pt>
                <c:pt idx="4909">
                  <c:v>9.0692000000000004</c:v>
                </c:pt>
                <c:pt idx="4910">
                  <c:v>8.6555</c:v>
                </c:pt>
                <c:pt idx="4911">
                  <c:v>8.1994000000000007</c:v>
                </c:pt>
                <c:pt idx="4912">
                  <c:v>7.6706000000000003</c:v>
                </c:pt>
                <c:pt idx="4913">
                  <c:v>7.1127000000000002</c:v>
                </c:pt>
                <c:pt idx="4914">
                  <c:v>6.5923999999999996</c:v>
                </c:pt>
                <c:pt idx="4915">
                  <c:v>6.1497999999999999</c:v>
                </c:pt>
                <c:pt idx="4916">
                  <c:v>5.5125999999999999</c:v>
                </c:pt>
                <c:pt idx="4917">
                  <c:v>5.2567000000000004</c:v>
                </c:pt>
                <c:pt idx="4918">
                  <c:v>5.0816999999999997</c:v>
                </c:pt>
                <c:pt idx="4919">
                  <c:v>5.0392999999999999</c:v>
                </c:pt>
                <c:pt idx="4920">
                  <c:v>5.1098999999999997</c:v>
                </c:pt>
                <c:pt idx="4921">
                  <c:v>5.0193000000000003</c:v>
                </c:pt>
                <c:pt idx="4922">
                  <c:v>4.9372999999999996</c:v>
                </c:pt>
                <c:pt idx="4923">
                  <c:v>4.8734999999999999</c:v>
                </c:pt>
                <c:pt idx="4924">
                  <c:v>5.0227000000000004</c:v>
                </c:pt>
                <c:pt idx="4925">
                  <c:v>5.2108999999999996</c:v>
                </c:pt>
                <c:pt idx="4926">
                  <c:v>5.5041000000000002</c:v>
                </c:pt>
                <c:pt idx="4927">
                  <c:v>5.7927</c:v>
                </c:pt>
                <c:pt idx="4928">
                  <c:v>5.9741</c:v>
                </c:pt>
                <c:pt idx="4929">
                  <c:v>6.0620000000000003</c:v>
                </c:pt>
                <c:pt idx="4930">
                  <c:v>6.0627000000000004</c:v>
                </c:pt>
                <c:pt idx="4931">
                  <c:v>6.05</c:v>
                </c:pt>
                <c:pt idx="4932">
                  <c:v>5.8108000000000004</c:v>
                </c:pt>
                <c:pt idx="4933">
                  <c:v>5.5635000000000003</c:v>
                </c:pt>
                <c:pt idx="4934">
                  <c:v>5.3512000000000004</c:v>
                </c:pt>
                <c:pt idx="4935">
                  <c:v>5.2020999999999997</c:v>
                </c:pt>
                <c:pt idx="4936">
                  <c:v>5.0936000000000003</c:v>
                </c:pt>
                <c:pt idx="4937">
                  <c:v>5.0652999999999997</c:v>
                </c:pt>
                <c:pt idx="4938">
                  <c:v>5.0096999999999996</c:v>
                </c:pt>
                <c:pt idx="4939">
                  <c:v>4.8848000000000003</c:v>
                </c:pt>
                <c:pt idx="4940">
                  <c:v>4.8742999999999999</c:v>
                </c:pt>
                <c:pt idx="4941">
                  <c:v>4.7458999999999998</c:v>
                </c:pt>
                <c:pt idx="4942">
                  <c:v>4.6346999999999996</c:v>
                </c:pt>
                <c:pt idx="4943">
                  <c:v>4.7899000000000003</c:v>
                </c:pt>
                <c:pt idx="4944">
                  <c:v>5.0391000000000004</c:v>
                </c:pt>
                <c:pt idx="4945">
                  <c:v>5.2582000000000004</c:v>
                </c:pt>
                <c:pt idx="4946">
                  <c:v>5.6977000000000002</c:v>
                </c:pt>
                <c:pt idx="4947">
                  <c:v>6.2914000000000003</c:v>
                </c:pt>
                <c:pt idx="4948">
                  <c:v>6.7477</c:v>
                </c:pt>
                <c:pt idx="4949">
                  <c:v>7.0579000000000001</c:v>
                </c:pt>
                <c:pt idx="4950">
                  <c:v>7.2195</c:v>
                </c:pt>
                <c:pt idx="4951">
                  <c:v>7.4467999999999996</c:v>
                </c:pt>
                <c:pt idx="4952">
                  <c:v>7.4353999999999996</c:v>
                </c:pt>
                <c:pt idx="4953">
                  <c:v>7.5206999999999997</c:v>
                </c:pt>
                <c:pt idx="4954">
                  <c:v>7.4504999999999999</c:v>
                </c:pt>
                <c:pt idx="4955">
                  <c:v>7.2285000000000004</c:v>
                </c:pt>
                <c:pt idx="4956">
                  <c:v>7.2168999999999999</c:v>
                </c:pt>
                <c:pt idx="4957">
                  <c:v>7.0994000000000002</c:v>
                </c:pt>
                <c:pt idx="4958">
                  <c:v>6.7861000000000002</c:v>
                </c:pt>
                <c:pt idx="4959">
                  <c:v>6.7225999999999999</c:v>
                </c:pt>
                <c:pt idx="4960">
                  <c:v>6.8933</c:v>
                </c:pt>
                <c:pt idx="4961">
                  <c:v>6.8959999999999999</c:v>
                </c:pt>
                <c:pt idx="4962">
                  <c:v>6.6483999999999996</c:v>
                </c:pt>
                <c:pt idx="4963">
                  <c:v>6.4671000000000003</c:v>
                </c:pt>
                <c:pt idx="4964">
                  <c:v>6.3666999999999998</c:v>
                </c:pt>
                <c:pt idx="4965">
                  <c:v>6.0288000000000004</c:v>
                </c:pt>
                <c:pt idx="4966">
                  <c:v>5.8146000000000004</c:v>
                </c:pt>
                <c:pt idx="4967">
                  <c:v>5.6086</c:v>
                </c:pt>
                <c:pt idx="4968">
                  <c:v>5.6783999999999999</c:v>
                </c:pt>
                <c:pt idx="4969">
                  <c:v>5.5505000000000004</c:v>
                </c:pt>
                <c:pt idx="4970">
                  <c:v>5.7088999999999999</c:v>
                </c:pt>
                <c:pt idx="4971">
                  <c:v>5.8240999999999996</c:v>
                </c:pt>
                <c:pt idx="4972">
                  <c:v>5.7965999999999998</c:v>
                </c:pt>
                <c:pt idx="4973">
                  <c:v>5.7157999999999998</c:v>
                </c:pt>
                <c:pt idx="4974">
                  <c:v>5.5956000000000001</c:v>
                </c:pt>
                <c:pt idx="4975">
                  <c:v>4.9762000000000004</c:v>
                </c:pt>
                <c:pt idx="4976">
                  <c:v>4.8977000000000004</c:v>
                </c:pt>
                <c:pt idx="4977">
                  <c:v>4.5961999999999996</c:v>
                </c:pt>
                <c:pt idx="4978">
                  <c:v>4.2290999999999999</c:v>
                </c:pt>
                <c:pt idx="4979">
                  <c:v>3.8782000000000001</c:v>
                </c:pt>
                <c:pt idx="4980">
                  <c:v>3.6480000000000001</c:v>
                </c:pt>
                <c:pt idx="4981">
                  <c:v>3.4394</c:v>
                </c:pt>
                <c:pt idx="4982">
                  <c:v>3.2469999999999999</c:v>
                </c:pt>
                <c:pt idx="4983">
                  <c:v>3.1608000000000001</c:v>
                </c:pt>
                <c:pt idx="4984">
                  <c:v>3.1796000000000002</c:v>
                </c:pt>
                <c:pt idx="4985">
                  <c:v>3.2480000000000002</c:v>
                </c:pt>
                <c:pt idx="4986">
                  <c:v>3.3066</c:v>
                </c:pt>
                <c:pt idx="4987">
                  <c:v>3.4287000000000001</c:v>
                </c:pt>
                <c:pt idx="4988">
                  <c:v>3.5851000000000002</c:v>
                </c:pt>
                <c:pt idx="4989">
                  <c:v>3.4159999999999999</c:v>
                </c:pt>
                <c:pt idx="4990">
                  <c:v>3.2789999999999999</c:v>
                </c:pt>
                <c:pt idx="4991">
                  <c:v>3.2109999999999999</c:v>
                </c:pt>
                <c:pt idx="4992">
                  <c:v>3.1802999999999999</c:v>
                </c:pt>
                <c:pt idx="4993">
                  <c:v>3.1497000000000002</c:v>
                </c:pt>
                <c:pt idx="4994">
                  <c:v>3.1890999999999998</c:v>
                </c:pt>
                <c:pt idx="4995">
                  <c:v>3.2109999999999999</c:v>
                </c:pt>
                <c:pt idx="4996">
                  <c:v>3.343</c:v>
                </c:pt>
                <c:pt idx="4997">
                  <c:v>3.5196999999999998</c:v>
                </c:pt>
                <c:pt idx="4998">
                  <c:v>3.5508000000000002</c:v>
                </c:pt>
                <c:pt idx="4999">
                  <c:v>3.6012</c:v>
                </c:pt>
                <c:pt idx="5000">
                  <c:v>3.7244999999999999</c:v>
                </c:pt>
                <c:pt idx="5001">
                  <c:v>3.8439000000000001</c:v>
                </c:pt>
                <c:pt idx="5002">
                  <c:v>3.8994</c:v>
                </c:pt>
                <c:pt idx="5003">
                  <c:v>3.6381999999999999</c:v>
                </c:pt>
                <c:pt idx="5004">
                  <c:v>3.4315000000000002</c:v>
                </c:pt>
                <c:pt idx="5005">
                  <c:v>3.2947000000000002</c:v>
                </c:pt>
                <c:pt idx="5006">
                  <c:v>3.2065999999999999</c:v>
                </c:pt>
                <c:pt idx="5007">
                  <c:v>3.2082000000000002</c:v>
                </c:pt>
                <c:pt idx="5008">
                  <c:v>3.3662999999999998</c:v>
                </c:pt>
                <c:pt idx="5009">
                  <c:v>3.4323000000000001</c:v>
                </c:pt>
                <c:pt idx="5010">
                  <c:v>3.5017999999999998</c:v>
                </c:pt>
                <c:pt idx="5011">
                  <c:v>3.657</c:v>
                </c:pt>
                <c:pt idx="5012">
                  <c:v>3.8117999999999999</c:v>
                </c:pt>
                <c:pt idx="5013">
                  <c:v>3.8961999999999999</c:v>
                </c:pt>
                <c:pt idx="5014">
                  <c:v>3.9598</c:v>
                </c:pt>
                <c:pt idx="5015">
                  <c:v>3.9108999999999998</c:v>
                </c:pt>
                <c:pt idx="5016">
                  <c:v>3.7399</c:v>
                </c:pt>
                <c:pt idx="5017">
                  <c:v>3.6949000000000001</c:v>
                </c:pt>
                <c:pt idx="5018">
                  <c:v>3.5996000000000001</c:v>
                </c:pt>
                <c:pt idx="5019">
                  <c:v>3.3679000000000001</c:v>
                </c:pt>
                <c:pt idx="5020">
                  <c:v>3.2397</c:v>
                </c:pt>
                <c:pt idx="5021">
                  <c:v>3.1497000000000002</c:v>
                </c:pt>
                <c:pt idx="5022">
                  <c:v>3.0632000000000001</c:v>
                </c:pt>
                <c:pt idx="5023">
                  <c:v>3.1063000000000001</c:v>
                </c:pt>
                <c:pt idx="5024">
                  <c:v>3.3010999999999999</c:v>
                </c:pt>
                <c:pt idx="5025">
                  <c:v>3.5007999999999999</c:v>
                </c:pt>
                <c:pt idx="5026">
                  <c:v>3.6307</c:v>
                </c:pt>
                <c:pt idx="5027">
                  <c:v>3.8128000000000002</c:v>
                </c:pt>
                <c:pt idx="5028">
                  <c:v>4.1069000000000004</c:v>
                </c:pt>
                <c:pt idx="5029">
                  <c:v>4.3691000000000004</c:v>
                </c:pt>
                <c:pt idx="5030">
                  <c:v>4.5587999999999997</c:v>
                </c:pt>
                <c:pt idx="5031">
                  <c:v>4.6062000000000003</c:v>
                </c:pt>
                <c:pt idx="5032">
                  <c:v>4.5903999999999998</c:v>
                </c:pt>
                <c:pt idx="5033">
                  <c:v>4.3333000000000004</c:v>
                </c:pt>
                <c:pt idx="5034">
                  <c:v>4.0696000000000003</c:v>
                </c:pt>
                <c:pt idx="5035">
                  <c:v>3.7835000000000001</c:v>
                </c:pt>
                <c:pt idx="5036">
                  <c:v>3.5121000000000002</c:v>
                </c:pt>
                <c:pt idx="5037">
                  <c:v>3.2082000000000002</c:v>
                </c:pt>
                <c:pt idx="5038">
                  <c:v>3.1299000000000001</c:v>
                </c:pt>
                <c:pt idx="5039">
                  <c:v>3.1728999999999998</c:v>
                </c:pt>
                <c:pt idx="5040">
                  <c:v>3.2589000000000001</c:v>
                </c:pt>
                <c:pt idx="5041">
                  <c:v>3.4918999999999998</c:v>
                </c:pt>
                <c:pt idx="5042">
                  <c:v>3.8081</c:v>
                </c:pt>
                <c:pt idx="5043">
                  <c:v>3.8651</c:v>
                </c:pt>
                <c:pt idx="5044">
                  <c:v>3.7056</c:v>
                </c:pt>
                <c:pt idx="5045">
                  <c:v>3.7098</c:v>
                </c:pt>
                <c:pt idx="5046">
                  <c:v>3.8948</c:v>
                </c:pt>
                <c:pt idx="5047">
                  <c:v>4.2526000000000002</c:v>
                </c:pt>
                <c:pt idx="5048">
                  <c:v>4.4157000000000002</c:v>
                </c:pt>
                <c:pt idx="5049">
                  <c:v>4.4794999999999998</c:v>
                </c:pt>
                <c:pt idx="5050">
                  <c:v>4.4448999999999996</c:v>
                </c:pt>
                <c:pt idx="5051">
                  <c:v>4.5045000000000002</c:v>
                </c:pt>
                <c:pt idx="5052">
                  <c:v>4.4763999999999999</c:v>
                </c:pt>
                <c:pt idx="5053">
                  <c:v>4.2784000000000004</c:v>
                </c:pt>
                <c:pt idx="5054">
                  <c:v>4.1375000000000002</c:v>
                </c:pt>
                <c:pt idx="5055">
                  <c:v>4.0938999999999997</c:v>
                </c:pt>
                <c:pt idx="5056">
                  <c:v>4.0228000000000002</c:v>
                </c:pt>
                <c:pt idx="5057">
                  <c:v>4.0025000000000004</c:v>
                </c:pt>
                <c:pt idx="5058">
                  <c:v>3.9668000000000001</c:v>
                </c:pt>
                <c:pt idx="5059">
                  <c:v>3.8997999999999999</c:v>
                </c:pt>
                <c:pt idx="5060">
                  <c:v>3.7585999999999999</c:v>
                </c:pt>
                <c:pt idx="5061">
                  <c:v>3.6677</c:v>
                </c:pt>
                <c:pt idx="5062">
                  <c:v>3.5733000000000001</c:v>
                </c:pt>
                <c:pt idx="5063">
                  <c:v>3.6549</c:v>
                </c:pt>
                <c:pt idx="5064">
                  <c:v>3.8151000000000002</c:v>
                </c:pt>
                <c:pt idx="5065">
                  <c:v>4.0171000000000001</c:v>
                </c:pt>
                <c:pt idx="5066">
                  <c:v>4.3102</c:v>
                </c:pt>
                <c:pt idx="5067">
                  <c:v>4.7458</c:v>
                </c:pt>
                <c:pt idx="5068">
                  <c:v>5.1910999999999996</c:v>
                </c:pt>
                <c:pt idx="5069">
                  <c:v>5.4682000000000004</c:v>
                </c:pt>
                <c:pt idx="5070">
                  <c:v>5.5007000000000001</c:v>
                </c:pt>
                <c:pt idx="5071">
                  <c:v>5.4687999999999999</c:v>
                </c:pt>
                <c:pt idx="5072">
                  <c:v>5.3951000000000002</c:v>
                </c:pt>
                <c:pt idx="5073">
                  <c:v>5.4389000000000003</c:v>
                </c:pt>
                <c:pt idx="5074">
                  <c:v>5.2483000000000004</c:v>
                </c:pt>
                <c:pt idx="5075">
                  <c:v>5.0720000000000001</c:v>
                </c:pt>
                <c:pt idx="5076">
                  <c:v>5.2281000000000004</c:v>
                </c:pt>
                <c:pt idx="5077">
                  <c:v>5.1783000000000001</c:v>
                </c:pt>
                <c:pt idx="5078">
                  <c:v>5.1311999999999998</c:v>
                </c:pt>
                <c:pt idx="5079">
                  <c:v>5.1367000000000003</c:v>
                </c:pt>
                <c:pt idx="5080">
                  <c:v>4.6971999999999996</c:v>
                </c:pt>
                <c:pt idx="5081">
                  <c:v>4.6097000000000001</c:v>
                </c:pt>
                <c:pt idx="5082">
                  <c:v>4.2996999999999996</c:v>
                </c:pt>
                <c:pt idx="5083">
                  <c:v>4.1746999999999996</c:v>
                </c:pt>
                <c:pt idx="5084">
                  <c:v>4.3876999999999997</c:v>
                </c:pt>
                <c:pt idx="5085">
                  <c:v>4.9546000000000001</c:v>
                </c:pt>
                <c:pt idx="5086">
                  <c:v>5.4038000000000004</c:v>
                </c:pt>
                <c:pt idx="5087">
                  <c:v>5.7172999999999998</c:v>
                </c:pt>
                <c:pt idx="5088">
                  <c:v>5.9927999999999999</c:v>
                </c:pt>
                <c:pt idx="5089">
                  <c:v>6.1982999999999997</c:v>
                </c:pt>
                <c:pt idx="5090">
                  <c:v>6.0072999999999999</c:v>
                </c:pt>
                <c:pt idx="5091">
                  <c:v>5.8281000000000001</c:v>
                </c:pt>
                <c:pt idx="5092">
                  <c:v>5.6051000000000002</c:v>
                </c:pt>
                <c:pt idx="5093">
                  <c:v>5.4907000000000004</c:v>
                </c:pt>
                <c:pt idx="5094">
                  <c:v>5.2023999999999999</c:v>
                </c:pt>
                <c:pt idx="5095">
                  <c:v>4.8785999999999996</c:v>
                </c:pt>
                <c:pt idx="5096">
                  <c:v>4.5041000000000002</c:v>
                </c:pt>
                <c:pt idx="5097">
                  <c:v>4.5692000000000004</c:v>
                </c:pt>
                <c:pt idx="5098">
                  <c:v>4.8682999999999996</c:v>
                </c:pt>
                <c:pt idx="5099">
                  <c:v>5.0297999999999998</c:v>
                </c:pt>
                <c:pt idx="5100">
                  <c:v>5.2028999999999996</c:v>
                </c:pt>
                <c:pt idx="5101">
                  <c:v>5.2331000000000003</c:v>
                </c:pt>
                <c:pt idx="5102">
                  <c:v>5.0372000000000003</c:v>
                </c:pt>
                <c:pt idx="5103">
                  <c:v>4.6245000000000003</c:v>
                </c:pt>
                <c:pt idx="5104">
                  <c:v>4.1959999999999997</c:v>
                </c:pt>
                <c:pt idx="5105">
                  <c:v>3.9847000000000001</c:v>
                </c:pt>
                <c:pt idx="5106">
                  <c:v>3.9016999999999999</c:v>
                </c:pt>
                <c:pt idx="5107">
                  <c:v>3.6665000000000001</c:v>
                </c:pt>
                <c:pt idx="5108">
                  <c:v>3.6680000000000001</c:v>
                </c:pt>
                <c:pt idx="5109">
                  <c:v>3.6770999999999998</c:v>
                </c:pt>
                <c:pt idx="5110">
                  <c:v>3.5501999999999998</c:v>
                </c:pt>
                <c:pt idx="5111">
                  <c:v>3.476</c:v>
                </c:pt>
                <c:pt idx="5112">
                  <c:v>3.5245000000000002</c:v>
                </c:pt>
                <c:pt idx="5113">
                  <c:v>3.4373999999999998</c:v>
                </c:pt>
                <c:pt idx="5114">
                  <c:v>3.5030000000000001</c:v>
                </c:pt>
                <c:pt idx="5115">
                  <c:v>3.6314000000000002</c:v>
                </c:pt>
                <c:pt idx="5116">
                  <c:v>3.6598999999999999</c:v>
                </c:pt>
                <c:pt idx="5117">
                  <c:v>3.7038000000000002</c:v>
                </c:pt>
                <c:pt idx="5118">
                  <c:v>3.8620999999999999</c:v>
                </c:pt>
                <c:pt idx="5119">
                  <c:v>3.9367999999999999</c:v>
                </c:pt>
                <c:pt idx="5120">
                  <c:v>3.9746999999999999</c:v>
                </c:pt>
                <c:pt idx="5121">
                  <c:v>4.0502000000000002</c:v>
                </c:pt>
                <c:pt idx="5122">
                  <c:v>3.9481000000000002</c:v>
                </c:pt>
                <c:pt idx="5123">
                  <c:v>3.8409</c:v>
                </c:pt>
                <c:pt idx="5124">
                  <c:v>3.7765</c:v>
                </c:pt>
                <c:pt idx="5125">
                  <c:v>3.8125</c:v>
                </c:pt>
                <c:pt idx="5126">
                  <c:v>3.5594000000000001</c:v>
                </c:pt>
                <c:pt idx="5127">
                  <c:v>3.5341</c:v>
                </c:pt>
                <c:pt idx="5128">
                  <c:v>3.6789999999999998</c:v>
                </c:pt>
                <c:pt idx="5129">
                  <c:v>3.7427999999999999</c:v>
                </c:pt>
                <c:pt idx="5130">
                  <c:v>3.5720000000000001</c:v>
                </c:pt>
                <c:pt idx="5131">
                  <c:v>3.5787</c:v>
                </c:pt>
                <c:pt idx="5132">
                  <c:v>3.4786999999999999</c:v>
                </c:pt>
                <c:pt idx="5133">
                  <c:v>3.8628</c:v>
                </c:pt>
                <c:pt idx="5134">
                  <c:v>3.532</c:v>
                </c:pt>
                <c:pt idx="5135">
                  <c:v>3.5988000000000002</c:v>
                </c:pt>
                <c:pt idx="5136">
                  <c:v>3.7355999999999998</c:v>
                </c:pt>
                <c:pt idx="5137">
                  <c:v>3.988</c:v>
                </c:pt>
                <c:pt idx="5138">
                  <c:v>4.298</c:v>
                </c:pt>
                <c:pt idx="5139">
                  <c:v>4.4973999999999998</c:v>
                </c:pt>
                <c:pt idx="5140">
                  <c:v>4.6448999999999998</c:v>
                </c:pt>
                <c:pt idx="5141">
                  <c:v>4.7153</c:v>
                </c:pt>
                <c:pt idx="5142">
                  <c:v>4.8315000000000001</c:v>
                </c:pt>
                <c:pt idx="5143">
                  <c:v>4.8520000000000003</c:v>
                </c:pt>
                <c:pt idx="5144">
                  <c:v>4.7428999999999997</c:v>
                </c:pt>
                <c:pt idx="5145">
                  <c:v>4.5617000000000001</c:v>
                </c:pt>
                <c:pt idx="5146">
                  <c:v>4.3348000000000004</c:v>
                </c:pt>
                <c:pt idx="5147">
                  <c:v>4.2164000000000001</c:v>
                </c:pt>
                <c:pt idx="5148">
                  <c:v>4.1147999999999998</c:v>
                </c:pt>
                <c:pt idx="5149">
                  <c:v>4.2465999999999999</c:v>
                </c:pt>
                <c:pt idx="5150">
                  <c:v>4.6657999999999999</c:v>
                </c:pt>
                <c:pt idx="5151">
                  <c:v>5.1016000000000004</c:v>
                </c:pt>
                <c:pt idx="5152">
                  <c:v>5.3411</c:v>
                </c:pt>
                <c:pt idx="5153">
                  <c:v>5.5609999999999999</c:v>
                </c:pt>
                <c:pt idx="5154">
                  <c:v>5.7230999999999996</c:v>
                </c:pt>
                <c:pt idx="5155">
                  <c:v>5.5244</c:v>
                </c:pt>
                <c:pt idx="5156">
                  <c:v>5.2355999999999998</c:v>
                </c:pt>
                <c:pt idx="5157">
                  <c:v>4.8220000000000001</c:v>
                </c:pt>
                <c:pt idx="5158">
                  <c:v>4.3932000000000002</c:v>
                </c:pt>
                <c:pt idx="5159">
                  <c:v>4.0842999999999998</c:v>
                </c:pt>
                <c:pt idx="5160">
                  <c:v>3.7740999999999998</c:v>
                </c:pt>
                <c:pt idx="5161">
                  <c:v>3.6183999999999998</c:v>
                </c:pt>
                <c:pt idx="5162">
                  <c:v>3.3994</c:v>
                </c:pt>
                <c:pt idx="5163">
                  <c:v>3.4007000000000001</c:v>
                </c:pt>
                <c:pt idx="5164">
                  <c:v>3.5145</c:v>
                </c:pt>
                <c:pt idx="5165">
                  <c:v>3.6947999999999999</c:v>
                </c:pt>
                <c:pt idx="5166">
                  <c:v>3.7507000000000001</c:v>
                </c:pt>
                <c:pt idx="5167">
                  <c:v>3.9426999999999999</c:v>
                </c:pt>
                <c:pt idx="5168">
                  <c:v>4.1647999999999996</c:v>
                </c:pt>
                <c:pt idx="5169">
                  <c:v>4.3448000000000002</c:v>
                </c:pt>
                <c:pt idx="5170">
                  <c:v>4.4260999999999999</c:v>
                </c:pt>
                <c:pt idx="5171">
                  <c:v>4.4424999999999999</c:v>
                </c:pt>
                <c:pt idx="5172">
                  <c:v>4.4752999999999998</c:v>
                </c:pt>
                <c:pt idx="5173">
                  <c:v>4.2824999999999998</c:v>
                </c:pt>
                <c:pt idx="5174">
                  <c:v>4.0991</c:v>
                </c:pt>
                <c:pt idx="5175">
                  <c:v>3.9283000000000001</c:v>
                </c:pt>
                <c:pt idx="5176">
                  <c:v>3.8166000000000002</c:v>
                </c:pt>
                <c:pt idx="5177">
                  <c:v>3.5834000000000001</c:v>
                </c:pt>
                <c:pt idx="5178">
                  <c:v>3.4992999999999999</c:v>
                </c:pt>
                <c:pt idx="5179">
                  <c:v>3.4403999999999999</c:v>
                </c:pt>
                <c:pt idx="5180">
                  <c:v>3.3544</c:v>
                </c:pt>
                <c:pt idx="5181">
                  <c:v>3.3921999999999999</c:v>
                </c:pt>
                <c:pt idx="5182">
                  <c:v>3.2324999999999999</c:v>
                </c:pt>
                <c:pt idx="5183">
                  <c:v>3.1617000000000002</c:v>
                </c:pt>
                <c:pt idx="5184">
                  <c:v>3.3180000000000001</c:v>
                </c:pt>
                <c:pt idx="5185">
                  <c:v>3.5453000000000001</c:v>
                </c:pt>
                <c:pt idx="5186">
                  <c:v>3.8256999999999999</c:v>
                </c:pt>
                <c:pt idx="5187">
                  <c:v>4.0778999999999996</c:v>
                </c:pt>
                <c:pt idx="5188">
                  <c:v>4.2941000000000003</c:v>
                </c:pt>
                <c:pt idx="5189">
                  <c:v>4.4081000000000001</c:v>
                </c:pt>
                <c:pt idx="5190">
                  <c:v>4.2815000000000003</c:v>
                </c:pt>
                <c:pt idx="5191">
                  <c:v>4.1234999999999999</c:v>
                </c:pt>
                <c:pt idx="5192">
                  <c:v>3.9441000000000002</c:v>
                </c:pt>
                <c:pt idx="5193">
                  <c:v>3.9304000000000001</c:v>
                </c:pt>
                <c:pt idx="5194">
                  <c:v>4.0136000000000003</c:v>
                </c:pt>
                <c:pt idx="5195">
                  <c:v>4.1879</c:v>
                </c:pt>
                <c:pt idx="5196">
                  <c:v>4.6798999999999999</c:v>
                </c:pt>
                <c:pt idx="5197">
                  <c:v>5.2012999999999998</c:v>
                </c:pt>
                <c:pt idx="5198">
                  <c:v>5.5891999999999999</c:v>
                </c:pt>
                <c:pt idx="5199">
                  <c:v>5.7826000000000004</c:v>
                </c:pt>
                <c:pt idx="5200">
                  <c:v>5.6974999999999998</c:v>
                </c:pt>
                <c:pt idx="5201">
                  <c:v>5.5861000000000001</c:v>
                </c:pt>
                <c:pt idx="5202">
                  <c:v>5.3640999999999996</c:v>
                </c:pt>
                <c:pt idx="5203">
                  <c:v>4.9328000000000003</c:v>
                </c:pt>
                <c:pt idx="5204">
                  <c:v>4.5650000000000004</c:v>
                </c:pt>
                <c:pt idx="5205">
                  <c:v>4.0978000000000003</c:v>
                </c:pt>
                <c:pt idx="5206">
                  <c:v>3.6217000000000001</c:v>
                </c:pt>
                <c:pt idx="5207">
                  <c:v>3.3140000000000001</c:v>
                </c:pt>
                <c:pt idx="5208">
                  <c:v>3.2086000000000001</c:v>
                </c:pt>
                <c:pt idx="5209">
                  <c:v>3.1810999999999998</c:v>
                </c:pt>
                <c:pt idx="5210">
                  <c:v>3.1568000000000001</c:v>
                </c:pt>
                <c:pt idx="5211">
                  <c:v>3.2488000000000001</c:v>
                </c:pt>
                <c:pt idx="5212">
                  <c:v>3.3189000000000002</c:v>
                </c:pt>
                <c:pt idx="5213">
                  <c:v>3.3376000000000001</c:v>
                </c:pt>
                <c:pt idx="5214">
                  <c:v>3.2593000000000001</c:v>
                </c:pt>
                <c:pt idx="5215">
                  <c:v>3.1945999999999999</c:v>
                </c:pt>
                <c:pt idx="5216">
                  <c:v>3.0939999999999999</c:v>
                </c:pt>
                <c:pt idx="5217">
                  <c:v>2.9401999999999999</c:v>
                </c:pt>
                <c:pt idx="5218">
                  <c:v>2.9594</c:v>
                </c:pt>
                <c:pt idx="5219">
                  <c:v>2.8978999999999999</c:v>
                </c:pt>
                <c:pt idx="5220">
                  <c:v>2.9127999999999998</c:v>
                </c:pt>
                <c:pt idx="5221">
                  <c:v>2.9823</c:v>
                </c:pt>
                <c:pt idx="5222">
                  <c:v>3.1093999999999999</c:v>
                </c:pt>
                <c:pt idx="5223">
                  <c:v>3.2048000000000001</c:v>
                </c:pt>
                <c:pt idx="5224">
                  <c:v>3.3117000000000001</c:v>
                </c:pt>
                <c:pt idx="5225">
                  <c:v>3.4333999999999998</c:v>
                </c:pt>
                <c:pt idx="5226">
                  <c:v>3.4487000000000001</c:v>
                </c:pt>
                <c:pt idx="5227">
                  <c:v>3.4457</c:v>
                </c:pt>
                <c:pt idx="5228">
                  <c:v>3.391</c:v>
                </c:pt>
                <c:pt idx="5229">
                  <c:v>3.4872000000000001</c:v>
                </c:pt>
                <c:pt idx="5230">
                  <c:v>3.5880999999999998</c:v>
                </c:pt>
                <c:pt idx="5231">
                  <c:v>3.8399000000000001</c:v>
                </c:pt>
                <c:pt idx="5232">
                  <c:v>4.0347999999999997</c:v>
                </c:pt>
                <c:pt idx="5233">
                  <c:v>4.0961999999999996</c:v>
                </c:pt>
                <c:pt idx="5234">
                  <c:v>3.9718</c:v>
                </c:pt>
                <c:pt idx="5235">
                  <c:v>3.8237000000000001</c:v>
                </c:pt>
                <c:pt idx="5236">
                  <c:v>3.7090999999999998</c:v>
                </c:pt>
                <c:pt idx="5237">
                  <c:v>3.5958000000000001</c:v>
                </c:pt>
                <c:pt idx="5238">
                  <c:v>3.5019</c:v>
                </c:pt>
                <c:pt idx="5239">
                  <c:v>3.5257999999999998</c:v>
                </c:pt>
                <c:pt idx="5240">
                  <c:v>3.6063999999999998</c:v>
                </c:pt>
                <c:pt idx="5241">
                  <c:v>3.7082000000000002</c:v>
                </c:pt>
                <c:pt idx="5242">
                  <c:v>3.8094000000000001</c:v>
                </c:pt>
                <c:pt idx="5243">
                  <c:v>3.6625000000000001</c:v>
                </c:pt>
                <c:pt idx="5244">
                  <c:v>4.1233000000000004</c:v>
                </c:pt>
                <c:pt idx="5245">
                  <c:v>5.1212999999999997</c:v>
                </c:pt>
                <c:pt idx="5246">
                  <c:v>6.7141999999999999</c:v>
                </c:pt>
                <c:pt idx="5247">
                  <c:v>8.5043000000000006</c:v>
                </c:pt>
                <c:pt idx="5248">
                  <c:v>10.337400000000001</c:v>
                </c:pt>
                <c:pt idx="5249">
                  <c:v>12.2507</c:v>
                </c:pt>
                <c:pt idx="5250">
                  <c:v>12.3568</c:v>
                </c:pt>
                <c:pt idx="5251">
                  <c:v>14.043200000000001</c:v>
                </c:pt>
                <c:pt idx="5252">
                  <c:v>14.1235</c:v>
                </c:pt>
                <c:pt idx="5253">
                  <c:v>14.855600000000001</c:v>
                </c:pt>
                <c:pt idx="5254">
                  <c:v>15.0307</c:v>
                </c:pt>
                <c:pt idx="5255">
                  <c:v>15.483499999999999</c:v>
                </c:pt>
                <c:pt idx="5256">
                  <c:v>16.284099999999999</c:v>
                </c:pt>
                <c:pt idx="5257">
                  <c:v>16.6907</c:v>
                </c:pt>
                <c:pt idx="5258">
                  <c:v>16.962399999999999</c:v>
                </c:pt>
                <c:pt idx="5259">
                  <c:v>15.279400000000001</c:v>
                </c:pt>
                <c:pt idx="5260">
                  <c:v>16.264600000000002</c:v>
                </c:pt>
                <c:pt idx="5261">
                  <c:v>15.7865</c:v>
                </c:pt>
                <c:pt idx="5262">
                  <c:v>14.8858</c:v>
                </c:pt>
                <c:pt idx="5263">
                  <c:v>13.963800000000001</c:v>
                </c:pt>
                <c:pt idx="5264">
                  <c:v>12.8002</c:v>
                </c:pt>
                <c:pt idx="5265">
                  <c:v>11.8627</c:v>
                </c:pt>
                <c:pt idx="5266">
                  <c:v>10.747</c:v>
                </c:pt>
                <c:pt idx="5267">
                  <c:v>9.8257999999999992</c:v>
                </c:pt>
                <c:pt idx="5268">
                  <c:v>9.1090999999999998</c:v>
                </c:pt>
                <c:pt idx="5269">
                  <c:v>8.6008999999999993</c:v>
                </c:pt>
                <c:pt idx="5270">
                  <c:v>8.1865000000000006</c:v>
                </c:pt>
                <c:pt idx="5271">
                  <c:v>7.6654</c:v>
                </c:pt>
                <c:pt idx="5272">
                  <c:v>7.2247000000000003</c:v>
                </c:pt>
                <c:pt idx="5273">
                  <c:v>7.1822999999999997</c:v>
                </c:pt>
                <c:pt idx="5274">
                  <c:v>7.5747</c:v>
                </c:pt>
                <c:pt idx="5275">
                  <c:v>8.3864000000000001</c:v>
                </c:pt>
                <c:pt idx="5276">
                  <c:v>9.7901000000000007</c:v>
                </c:pt>
                <c:pt idx="5277">
                  <c:v>10.5198</c:v>
                </c:pt>
                <c:pt idx="5278">
                  <c:v>11.003399999999999</c:v>
                </c:pt>
                <c:pt idx="5279">
                  <c:v>11.6465</c:v>
                </c:pt>
                <c:pt idx="5280">
                  <c:v>12.1525</c:v>
                </c:pt>
                <c:pt idx="5281">
                  <c:v>11.7776</c:v>
                </c:pt>
                <c:pt idx="5282">
                  <c:v>11.636799999999999</c:v>
                </c:pt>
                <c:pt idx="5283">
                  <c:v>11.691700000000001</c:v>
                </c:pt>
                <c:pt idx="5284">
                  <c:v>11.064399999999999</c:v>
                </c:pt>
                <c:pt idx="5285">
                  <c:v>13.0182</c:v>
                </c:pt>
                <c:pt idx="5286">
                  <c:v>12.538600000000001</c:v>
                </c:pt>
                <c:pt idx="5287">
                  <c:v>10.6694</c:v>
                </c:pt>
                <c:pt idx="5288">
                  <c:v>9.1311</c:v>
                </c:pt>
                <c:pt idx="5289">
                  <c:v>8.7811000000000003</c:v>
                </c:pt>
                <c:pt idx="5290">
                  <c:v>7.7888000000000002</c:v>
                </c:pt>
                <c:pt idx="5291">
                  <c:v>7.2785000000000002</c:v>
                </c:pt>
                <c:pt idx="5292">
                  <c:v>6.6064999999999996</c:v>
                </c:pt>
                <c:pt idx="5293">
                  <c:v>6.4417</c:v>
                </c:pt>
                <c:pt idx="5294">
                  <c:v>6.5198</c:v>
                </c:pt>
                <c:pt idx="5295">
                  <c:v>6.7117000000000004</c:v>
                </c:pt>
                <c:pt idx="5296">
                  <c:v>6.6608000000000001</c:v>
                </c:pt>
                <c:pt idx="5297">
                  <c:v>6.9181999999999997</c:v>
                </c:pt>
                <c:pt idx="5298">
                  <c:v>7.6902999999999997</c:v>
                </c:pt>
                <c:pt idx="5299">
                  <c:v>8.3634000000000004</c:v>
                </c:pt>
                <c:pt idx="5300">
                  <c:v>9.2035999999999998</c:v>
                </c:pt>
                <c:pt idx="5301">
                  <c:v>10.024699999999999</c:v>
                </c:pt>
                <c:pt idx="5302">
                  <c:v>10.862399999999999</c:v>
                </c:pt>
                <c:pt idx="5303">
                  <c:v>11.722899999999999</c:v>
                </c:pt>
                <c:pt idx="5304">
                  <c:v>12.341799999999999</c:v>
                </c:pt>
                <c:pt idx="5305">
                  <c:v>13.1645</c:v>
                </c:pt>
                <c:pt idx="5306">
                  <c:v>13.9755</c:v>
                </c:pt>
                <c:pt idx="5307">
                  <c:v>14.6587</c:v>
                </c:pt>
                <c:pt idx="5308">
                  <c:v>15.394399999999999</c:v>
                </c:pt>
                <c:pt idx="5309">
                  <c:v>16.054300000000001</c:v>
                </c:pt>
                <c:pt idx="5310">
                  <c:v>16.54</c:v>
                </c:pt>
                <c:pt idx="5311">
                  <c:v>16.7789</c:v>
                </c:pt>
                <c:pt idx="5312">
                  <c:v>16.799099999999999</c:v>
                </c:pt>
                <c:pt idx="5313">
                  <c:v>16.637699999999999</c:v>
                </c:pt>
                <c:pt idx="5314">
                  <c:v>16.4785</c:v>
                </c:pt>
                <c:pt idx="5315">
                  <c:v>16.356999999999999</c:v>
                </c:pt>
                <c:pt idx="5316">
                  <c:v>16.2151</c:v>
                </c:pt>
                <c:pt idx="5317">
                  <c:v>16.0868</c:v>
                </c:pt>
                <c:pt idx="5318">
                  <c:v>16.111699999999999</c:v>
                </c:pt>
                <c:pt idx="5319">
                  <c:v>16.238399999999999</c:v>
                </c:pt>
                <c:pt idx="5320">
                  <c:v>16.4894</c:v>
                </c:pt>
                <c:pt idx="5321">
                  <c:v>16.765699999999999</c:v>
                </c:pt>
                <c:pt idx="5322">
                  <c:v>17.003900000000002</c:v>
                </c:pt>
                <c:pt idx="5323">
                  <c:v>16.4712</c:v>
                </c:pt>
                <c:pt idx="5324">
                  <c:v>15.8246</c:v>
                </c:pt>
                <c:pt idx="5325">
                  <c:v>15.546200000000001</c:v>
                </c:pt>
                <c:pt idx="5326">
                  <c:v>17.533300000000001</c:v>
                </c:pt>
                <c:pt idx="5327">
                  <c:v>17.859100000000002</c:v>
                </c:pt>
                <c:pt idx="5328">
                  <c:v>18.0684</c:v>
                </c:pt>
                <c:pt idx="5329">
                  <c:v>18.276199999999999</c:v>
                </c:pt>
                <c:pt idx="5330">
                  <c:v>18.391500000000001</c:v>
                </c:pt>
                <c:pt idx="5331">
                  <c:v>17.252700000000001</c:v>
                </c:pt>
                <c:pt idx="5332">
                  <c:v>16.847100000000001</c:v>
                </c:pt>
                <c:pt idx="5333">
                  <c:v>18.6312</c:v>
                </c:pt>
                <c:pt idx="5334">
                  <c:v>18.805900000000001</c:v>
                </c:pt>
                <c:pt idx="5335">
                  <c:v>18.947299999999998</c:v>
                </c:pt>
                <c:pt idx="5336">
                  <c:v>19.115600000000001</c:v>
                </c:pt>
                <c:pt idx="5337">
                  <c:v>19.2636</c:v>
                </c:pt>
                <c:pt idx="5338">
                  <c:v>19.1797</c:v>
                </c:pt>
                <c:pt idx="5339">
                  <c:v>19.3157</c:v>
                </c:pt>
                <c:pt idx="5340">
                  <c:v>19.4282</c:v>
                </c:pt>
                <c:pt idx="5341">
                  <c:v>19.641400000000001</c:v>
                </c:pt>
                <c:pt idx="5342">
                  <c:v>19.9223</c:v>
                </c:pt>
                <c:pt idx="5343">
                  <c:v>19.8507</c:v>
                </c:pt>
                <c:pt idx="5344">
                  <c:v>19.734100000000002</c:v>
                </c:pt>
                <c:pt idx="5345">
                  <c:v>19.7776</c:v>
                </c:pt>
                <c:pt idx="5346">
                  <c:v>19.878399999999999</c:v>
                </c:pt>
                <c:pt idx="5347">
                  <c:v>20.004000000000001</c:v>
                </c:pt>
                <c:pt idx="5348">
                  <c:v>20.052199999999999</c:v>
                </c:pt>
                <c:pt idx="5349">
                  <c:v>19.988600000000002</c:v>
                </c:pt>
                <c:pt idx="5350">
                  <c:v>20.006499999999999</c:v>
                </c:pt>
                <c:pt idx="5351">
                  <c:v>20.089099999999998</c:v>
                </c:pt>
                <c:pt idx="5352">
                  <c:v>20.1389</c:v>
                </c:pt>
                <c:pt idx="5353">
                  <c:v>20.492899999999999</c:v>
                </c:pt>
                <c:pt idx="5354">
                  <c:v>20.8186</c:v>
                </c:pt>
                <c:pt idx="5355">
                  <c:v>21.182200000000002</c:v>
                </c:pt>
                <c:pt idx="5356">
                  <c:v>21.375900000000001</c:v>
                </c:pt>
                <c:pt idx="5357">
                  <c:v>21.47</c:v>
                </c:pt>
                <c:pt idx="5358">
                  <c:v>21.4236</c:v>
                </c:pt>
                <c:pt idx="5359">
                  <c:v>21.287800000000001</c:v>
                </c:pt>
                <c:pt idx="5360">
                  <c:v>21.0733</c:v>
                </c:pt>
                <c:pt idx="5361">
                  <c:v>20.866700000000002</c:v>
                </c:pt>
                <c:pt idx="5362">
                  <c:v>20.7759</c:v>
                </c:pt>
                <c:pt idx="5363">
                  <c:v>20.771799999999999</c:v>
                </c:pt>
                <c:pt idx="5364">
                  <c:v>20.6831</c:v>
                </c:pt>
                <c:pt idx="5365">
                  <c:v>20.621700000000001</c:v>
                </c:pt>
                <c:pt idx="5366">
                  <c:v>20.754799999999999</c:v>
                </c:pt>
                <c:pt idx="5367">
                  <c:v>20.914899999999999</c:v>
                </c:pt>
                <c:pt idx="5368">
                  <c:v>21.244800000000001</c:v>
                </c:pt>
                <c:pt idx="5369">
                  <c:v>21.4663</c:v>
                </c:pt>
                <c:pt idx="5370">
                  <c:v>21.465199999999999</c:v>
                </c:pt>
                <c:pt idx="5371">
                  <c:v>21.4726</c:v>
                </c:pt>
                <c:pt idx="5372">
                  <c:v>21.306899999999999</c:v>
                </c:pt>
                <c:pt idx="5373">
                  <c:v>21.145800000000001</c:v>
                </c:pt>
                <c:pt idx="5374">
                  <c:v>20.893999999999998</c:v>
                </c:pt>
                <c:pt idx="5375">
                  <c:v>20.5059</c:v>
                </c:pt>
                <c:pt idx="5376">
                  <c:v>20.310400000000001</c:v>
                </c:pt>
                <c:pt idx="5377">
                  <c:v>19.815000000000001</c:v>
                </c:pt>
                <c:pt idx="5378">
                  <c:v>19.352900000000002</c:v>
                </c:pt>
                <c:pt idx="5379">
                  <c:v>18.900099999999998</c:v>
                </c:pt>
                <c:pt idx="5380">
                  <c:v>18.775600000000001</c:v>
                </c:pt>
                <c:pt idx="5381">
                  <c:v>18.714400000000001</c:v>
                </c:pt>
                <c:pt idx="5382">
                  <c:v>18.6708</c:v>
                </c:pt>
                <c:pt idx="5383">
                  <c:v>18.6098</c:v>
                </c:pt>
                <c:pt idx="5384">
                  <c:v>18.728999999999999</c:v>
                </c:pt>
                <c:pt idx="5385">
                  <c:v>18.767199999999999</c:v>
                </c:pt>
                <c:pt idx="5386">
                  <c:v>18.821000000000002</c:v>
                </c:pt>
                <c:pt idx="5387">
                  <c:v>18.902200000000001</c:v>
                </c:pt>
                <c:pt idx="5388">
                  <c:v>19.023700000000002</c:v>
                </c:pt>
                <c:pt idx="5389">
                  <c:v>19.039400000000001</c:v>
                </c:pt>
                <c:pt idx="5390">
                  <c:v>19.367699999999999</c:v>
                </c:pt>
                <c:pt idx="5391">
                  <c:v>19.3734</c:v>
                </c:pt>
                <c:pt idx="5392">
                  <c:v>19.537299999999998</c:v>
                </c:pt>
                <c:pt idx="5393">
                  <c:v>19.678899999999999</c:v>
                </c:pt>
                <c:pt idx="5394">
                  <c:v>20.2194</c:v>
                </c:pt>
                <c:pt idx="5395">
                  <c:v>21.006599999999999</c:v>
                </c:pt>
                <c:pt idx="5396">
                  <c:v>22.046600000000002</c:v>
                </c:pt>
                <c:pt idx="5397">
                  <c:v>23.083200000000001</c:v>
                </c:pt>
                <c:pt idx="5398">
                  <c:v>24.1008</c:v>
                </c:pt>
                <c:pt idx="5399">
                  <c:v>25.0137</c:v>
                </c:pt>
                <c:pt idx="5400">
                  <c:v>25.463999999999999</c:v>
                </c:pt>
                <c:pt idx="5401">
                  <c:v>25.504999999999999</c:v>
                </c:pt>
                <c:pt idx="5402">
                  <c:v>25.692599999999999</c:v>
                </c:pt>
                <c:pt idx="5403">
                  <c:v>25.5457</c:v>
                </c:pt>
                <c:pt idx="5404">
                  <c:v>25.154900000000001</c:v>
                </c:pt>
                <c:pt idx="5405">
                  <c:v>24.800599999999999</c:v>
                </c:pt>
                <c:pt idx="5406">
                  <c:v>24.4011</c:v>
                </c:pt>
                <c:pt idx="5407">
                  <c:v>23.817299999999999</c:v>
                </c:pt>
                <c:pt idx="5408">
                  <c:v>23.367899999999999</c:v>
                </c:pt>
                <c:pt idx="5409">
                  <c:v>21.500499999999999</c:v>
                </c:pt>
                <c:pt idx="5410">
                  <c:v>21.374500000000001</c:v>
                </c:pt>
                <c:pt idx="5411">
                  <c:v>20.945699999999999</c:v>
                </c:pt>
                <c:pt idx="5412">
                  <c:v>20.626999999999999</c:v>
                </c:pt>
                <c:pt idx="5413">
                  <c:v>19.658100000000001</c:v>
                </c:pt>
                <c:pt idx="5414">
                  <c:v>19.4803</c:v>
                </c:pt>
                <c:pt idx="5415">
                  <c:v>19.197700000000001</c:v>
                </c:pt>
                <c:pt idx="5416">
                  <c:v>19.1007</c:v>
                </c:pt>
                <c:pt idx="5417">
                  <c:v>19.235399999999998</c:v>
                </c:pt>
                <c:pt idx="5418">
                  <c:v>19.061599999999999</c:v>
                </c:pt>
                <c:pt idx="5419">
                  <c:v>18.889900000000001</c:v>
                </c:pt>
                <c:pt idx="5420">
                  <c:v>18.711400000000001</c:v>
                </c:pt>
                <c:pt idx="5421">
                  <c:v>18.496600000000001</c:v>
                </c:pt>
                <c:pt idx="5422">
                  <c:v>18.274899999999999</c:v>
                </c:pt>
                <c:pt idx="5423">
                  <c:v>18.163699999999999</c:v>
                </c:pt>
                <c:pt idx="5424">
                  <c:v>18.0181</c:v>
                </c:pt>
                <c:pt idx="5425">
                  <c:v>17.837299999999999</c:v>
                </c:pt>
                <c:pt idx="5426">
                  <c:v>17.746400000000001</c:v>
                </c:pt>
                <c:pt idx="5427">
                  <c:v>17.645399999999999</c:v>
                </c:pt>
                <c:pt idx="5428">
                  <c:v>17.607900000000001</c:v>
                </c:pt>
                <c:pt idx="5429">
                  <c:v>17.368500000000001</c:v>
                </c:pt>
                <c:pt idx="5430">
                  <c:v>17.169</c:v>
                </c:pt>
                <c:pt idx="5431">
                  <c:v>17.0748</c:v>
                </c:pt>
                <c:pt idx="5432">
                  <c:v>16.935700000000001</c:v>
                </c:pt>
                <c:pt idx="5433">
                  <c:v>16.882200000000001</c:v>
                </c:pt>
                <c:pt idx="5434">
                  <c:v>16.871200000000002</c:v>
                </c:pt>
                <c:pt idx="5435">
                  <c:v>17.070599999999999</c:v>
                </c:pt>
                <c:pt idx="5436">
                  <c:v>17.384</c:v>
                </c:pt>
                <c:pt idx="5437">
                  <c:v>17.715800000000002</c:v>
                </c:pt>
                <c:pt idx="5438">
                  <c:v>18.098099999999999</c:v>
                </c:pt>
                <c:pt idx="5439">
                  <c:v>18.3916</c:v>
                </c:pt>
                <c:pt idx="5440">
                  <c:v>18.234400000000001</c:v>
                </c:pt>
                <c:pt idx="5441">
                  <c:v>18.1937</c:v>
                </c:pt>
                <c:pt idx="5442">
                  <c:v>18.4499</c:v>
                </c:pt>
                <c:pt idx="5443">
                  <c:v>18.784099999999999</c:v>
                </c:pt>
                <c:pt idx="5444">
                  <c:v>19.0046</c:v>
                </c:pt>
                <c:pt idx="5445">
                  <c:v>19.1751</c:v>
                </c:pt>
                <c:pt idx="5446">
                  <c:v>19.370200000000001</c:v>
                </c:pt>
                <c:pt idx="5447">
                  <c:v>19.616</c:v>
                </c:pt>
                <c:pt idx="5448">
                  <c:v>19.840299999999999</c:v>
                </c:pt>
                <c:pt idx="5449">
                  <c:v>20.053000000000001</c:v>
                </c:pt>
                <c:pt idx="5450">
                  <c:v>20.3001</c:v>
                </c:pt>
                <c:pt idx="5451">
                  <c:v>20.8474</c:v>
                </c:pt>
                <c:pt idx="5452">
                  <c:v>21.3752</c:v>
                </c:pt>
                <c:pt idx="5453">
                  <c:v>21.925699999999999</c:v>
                </c:pt>
                <c:pt idx="5454">
                  <c:v>22.613</c:v>
                </c:pt>
                <c:pt idx="5455">
                  <c:v>23.302099999999999</c:v>
                </c:pt>
                <c:pt idx="5456">
                  <c:v>23.953700000000001</c:v>
                </c:pt>
                <c:pt idx="5457">
                  <c:v>24.415099999999999</c:v>
                </c:pt>
                <c:pt idx="5458">
                  <c:v>24.8812</c:v>
                </c:pt>
                <c:pt idx="5459">
                  <c:v>25.067299999999999</c:v>
                </c:pt>
                <c:pt idx="5460">
                  <c:v>25.2911</c:v>
                </c:pt>
                <c:pt idx="5461">
                  <c:v>25.1739</c:v>
                </c:pt>
                <c:pt idx="5462">
                  <c:v>24.7562</c:v>
                </c:pt>
                <c:pt idx="5463">
                  <c:v>24.167400000000001</c:v>
                </c:pt>
                <c:pt idx="5464">
                  <c:v>23.496099999999998</c:v>
                </c:pt>
                <c:pt idx="5465">
                  <c:v>22.3703</c:v>
                </c:pt>
                <c:pt idx="5466">
                  <c:v>21.418800000000001</c:v>
                </c:pt>
                <c:pt idx="5467">
                  <c:v>20.0961</c:v>
                </c:pt>
                <c:pt idx="5468">
                  <c:v>18.838899999999999</c:v>
                </c:pt>
                <c:pt idx="5469">
                  <c:v>17.837199999999999</c:v>
                </c:pt>
                <c:pt idx="5470">
                  <c:v>17.431100000000001</c:v>
                </c:pt>
                <c:pt idx="5471">
                  <c:v>17.418299999999999</c:v>
                </c:pt>
                <c:pt idx="5472">
                  <c:v>17.629899999999999</c:v>
                </c:pt>
                <c:pt idx="5473">
                  <c:v>17.961300000000001</c:v>
                </c:pt>
                <c:pt idx="5474">
                  <c:v>18.632200000000001</c:v>
                </c:pt>
                <c:pt idx="5475">
                  <c:v>18.930499999999999</c:v>
                </c:pt>
                <c:pt idx="5476">
                  <c:v>19.2502</c:v>
                </c:pt>
                <c:pt idx="5477">
                  <c:v>18.862100000000002</c:v>
                </c:pt>
                <c:pt idx="5478">
                  <c:v>18.585100000000001</c:v>
                </c:pt>
                <c:pt idx="5479">
                  <c:v>18.574100000000001</c:v>
                </c:pt>
                <c:pt idx="5480">
                  <c:v>18.633400000000002</c:v>
                </c:pt>
                <c:pt idx="5481">
                  <c:v>18.709399999999999</c:v>
                </c:pt>
                <c:pt idx="5482">
                  <c:v>19.123699999999999</c:v>
                </c:pt>
                <c:pt idx="5483">
                  <c:v>19.511299999999999</c:v>
                </c:pt>
                <c:pt idx="5484">
                  <c:v>20.0197</c:v>
                </c:pt>
                <c:pt idx="5485">
                  <c:v>20.6767</c:v>
                </c:pt>
                <c:pt idx="5486">
                  <c:v>21.423300000000001</c:v>
                </c:pt>
                <c:pt idx="5487">
                  <c:v>22.182700000000001</c:v>
                </c:pt>
                <c:pt idx="5488">
                  <c:v>22.9817</c:v>
                </c:pt>
                <c:pt idx="5489">
                  <c:v>23.7972</c:v>
                </c:pt>
                <c:pt idx="5490">
                  <c:v>24.3977</c:v>
                </c:pt>
                <c:pt idx="5491">
                  <c:v>24.834</c:v>
                </c:pt>
                <c:pt idx="5492">
                  <c:v>25.191099999999999</c:v>
                </c:pt>
                <c:pt idx="5493">
                  <c:v>25.505600000000001</c:v>
                </c:pt>
                <c:pt idx="5494">
                  <c:v>25.6858</c:v>
                </c:pt>
                <c:pt idx="5495">
                  <c:v>25.9176</c:v>
                </c:pt>
                <c:pt idx="5496">
                  <c:v>26.0167</c:v>
                </c:pt>
                <c:pt idx="5497">
                  <c:v>26.191199999999998</c:v>
                </c:pt>
                <c:pt idx="5498">
                  <c:v>26.198</c:v>
                </c:pt>
                <c:pt idx="5499">
                  <c:v>26.094200000000001</c:v>
                </c:pt>
                <c:pt idx="5500">
                  <c:v>26.2879</c:v>
                </c:pt>
                <c:pt idx="5501">
                  <c:v>25.9939</c:v>
                </c:pt>
                <c:pt idx="5502">
                  <c:v>26.195900000000002</c:v>
                </c:pt>
                <c:pt idx="5503">
                  <c:v>26.183599999999998</c:v>
                </c:pt>
                <c:pt idx="5504">
                  <c:v>26.178100000000001</c:v>
                </c:pt>
                <c:pt idx="5505">
                  <c:v>26.162500000000001</c:v>
                </c:pt>
                <c:pt idx="5506">
                  <c:v>26.131599999999999</c:v>
                </c:pt>
                <c:pt idx="5507">
                  <c:v>25.9528</c:v>
                </c:pt>
                <c:pt idx="5508">
                  <c:v>25.858499999999999</c:v>
                </c:pt>
                <c:pt idx="5509">
                  <c:v>25.8246</c:v>
                </c:pt>
                <c:pt idx="5510">
                  <c:v>25.815000000000001</c:v>
                </c:pt>
                <c:pt idx="5511">
                  <c:v>25.8719</c:v>
                </c:pt>
                <c:pt idx="5512">
                  <c:v>26.097200000000001</c:v>
                </c:pt>
                <c:pt idx="5513">
                  <c:v>26.252700000000001</c:v>
                </c:pt>
                <c:pt idx="5514">
                  <c:v>26.558900000000001</c:v>
                </c:pt>
                <c:pt idx="5515">
                  <c:v>26.9084</c:v>
                </c:pt>
                <c:pt idx="5516">
                  <c:v>27.214700000000001</c:v>
                </c:pt>
                <c:pt idx="5517">
                  <c:v>27.458100000000002</c:v>
                </c:pt>
                <c:pt idx="5518">
                  <c:v>27.668700000000001</c:v>
                </c:pt>
                <c:pt idx="5519">
                  <c:v>27.863700000000001</c:v>
                </c:pt>
                <c:pt idx="5520">
                  <c:v>25.4054</c:v>
                </c:pt>
                <c:pt idx="5521">
                  <c:v>28.334700000000002</c:v>
                </c:pt>
                <c:pt idx="5522">
                  <c:v>28.755600000000001</c:v>
                </c:pt>
                <c:pt idx="5523">
                  <c:v>28.903199999999998</c:v>
                </c:pt>
                <c:pt idx="5524">
                  <c:v>29.0245</c:v>
                </c:pt>
                <c:pt idx="5525">
                  <c:v>28.718399999999999</c:v>
                </c:pt>
                <c:pt idx="5526">
                  <c:v>28.642600000000002</c:v>
                </c:pt>
                <c:pt idx="5527">
                  <c:v>28.516300000000001</c:v>
                </c:pt>
                <c:pt idx="5528">
                  <c:v>28.402100000000001</c:v>
                </c:pt>
                <c:pt idx="5529">
                  <c:v>28.316600000000001</c:v>
                </c:pt>
                <c:pt idx="5530">
                  <c:v>28.114999999999998</c:v>
                </c:pt>
                <c:pt idx="5531">
                  <c:v>28.2042</c:v>
                </c:pt>
                <c:pt idx="5532">
                  <c:v>28.224299999999999</c:v>
                </c:pt>
                <c:pt idx="5533">
                  <c:v>25.1465</c:v>
                </c:pt>
                <c:pt idx="5534">
                  <c:v>28.513000000000002</c:v>
                </c:pt>
                <c:pt idx="5535">
                  <c:v>28.478100000000001</c:v>
                </c:pt>
                <c:pt idx="5536">
                  <c:v>28.817</c:v>
                </c:pt>
                <c:pt idx="5537">
                  <c:v>28.838699999999999</c:v>
                </c:pt>
                <c:pt idx="5538">
                  <c:v>28.664300000000001</c:v>
                </c:pt>
                <c:pt idx="5539">
                  <c:v>28.5441</c:v>
                </c:pt>
                <c:pt idx="5540">
                  <c:v>28.219899999999999</c:v>
                </c:pt>
                <c:pt idx="5541">
                  <c:v>28.010999999999999</c:v>
                </c:pt>
                <c:pt idx="5542">
                  <c:v>27.618300000000001</c:v>
                </c:pt>
                <c:pt idx="5543">
                  <c:v>27.1663</c:v>
                </c:pt>
                <c:pt idx="5544">
                  <c:v>26.595199999999998</c:v>
                </c:pt>
                <c:pt idx="5545">
                  <c:v>26.053699999999999</c:v>
                </c:pt>
                <c:pt idx="5546">
                  <c:v>25.779499999999999</c:v>
                </c:pt>
                <c:pt idx="5547">
                  <c:v>25.307500000000001</c:v>
                </c:pt>
                <c:pt idx="5548">
                  <c:v>24.897300000000001</c:v>
                </c:pt>
                <c:pt idx="5549">
                  <c:v>24.7407</c:v>
                </c:pt>
                <c:pt idx="5550">
                  <c:v>24.494299999999999</c:v>
                </c:pt>
                <c:pt idx="5551">
                  <c:v>24.005500000000001</c:v>
                </c:pt>
                <c:pt idx="5552">
                  <c:v>23.835000000000001</c:v>
                </c:pt>
                <c:pt idx="5553">
                  <c:v>23.6694</c:v>
                </c:pt>
                <c:pt idx="5554">
                  <c:v>23.3521</c:v>
                </c:pt>
                <c:pt idx="5555">
                  <c:v>22.2258</c:v>
                </c:pt>
                <c:pt idx="5556">
                  <c:v>22.613399999999999</c:v>
                </c:pt>
                <c:pt idx="5557">
                  <c:v>22.329599999999999</c:v>
                </c:pt>
                <c:pt idx="5558">
                  <c:v>21.973500000000001</c:v>
                </c:pt>
                <c:pt idx="5559">
                  <c:v>21.7102</c:v>
                </c:pt>
                <c:pt idx="5560">
                  <c:v>20.9131</c:v>
                </c:pt>
                <c:pt idx="5561">
                  <c:v>20.509499999999999</c:v>
                </c:pt>
                <c:pt idx="5562">
                  <c:v>20.2193</c:v>
                </c:pt>
                <c:pt idx="5563">
                  <c:v>20.031300000000002</c:v>
                </c:pt>
                <c:pt idx="5564">
                  <c:v>18.999500000000001</c:v>
                </c:pt>
                <c:pt idx="5565">
                  <c:v>19.834900000000001</c:v>
                </c:pt>
                <c:pt idx="5566">
                  <c:v>19.642900000000001</c:v>
                </c:pt>
                <c:pt idx="5567">
                  <c:v>19.324000000000002</c:v>
                </c:pt>
                <c:pt idx="5568">
                  <c:v>19.190999999999999</c:v>
                </c:pt>
                <c:pt idx="5569">
                  <c:v>19.0533</c:v>
                </c:pt>
                <c:pt idx="5570">
                  <c:v>18.9573</c:v>
                </c:pt>
                <c:pt idx="5571">
                  <c:v>18.6631</c:v>
                </c:pt>
                <c:pt idx="5572">
                  <c:v>18.3811</c:v>
                </c:pt>
                <c:pt idx="5573">
                  <c:v>18.160599999999999</c:v>
                </c:pt>
                <c:pt idx="5574">
                  <c:v>18.013400000000001</c:v>
                </c:pt>
                <c:pt idx="5575">
                  <c:v>18.014099999999999</c:v>
                </c:pt>
                <c:pt idx="5576">
                  <c:v>17.8902</c:v>
                </c:pt>
                <c:pt idx="5577">
                  <c:v>17.778500000000001</c:v>
                </c:pt>
                <c:pt idx="5578">
                  <c:v>17.598099999999999</c:v>
                </c:pt>
                <c:pt idx="5579">
                  <c:v>17.571000000000002</c:v>
                </c:pt>
                <c:pt idx="5580">
                  <c:v>17.469899999999999</c:v>
                </c:pt>
                <c:pt idx="5581">
                  <c:v>17.430199999999999</c:v>
                </c:pt>
                <c:pt idx="5582">
                  <c:v>17.113</c:v>
                </c:pt>
                <c:pt idx="5583">
                  <c:v>16.7576</c:v>
                </c:pt>
                <c:pt idx="5584">
                  <c:v>16.3599</c:v>
                </c:pt>
                <c:pt idx="5585">
                  <c:v>16.050599999999999</c:v>
                </c:pt>
                <c:pt idx="5586">
                  <c:v>15.8089</c:v>
                </c:pt>
                <c:pt idx="5587">
                  <c:v>15.656499999999999</c:v>
                </c:pt>
                <c:pt idx="5588">
                  <c:v>15.533799999999999</c:v>
                </c:pt>
                <c:pt idx="5589">
                  <c:v>15.561299999999999</c:v>
                </c:pt>
                <c:pt idx="5590">
                  <c:v>15.6892</c:v>
                </c:pt>
                <c:pt idx="5591">
                  <c:v>15.6</c:v>
                </c:pt>
                <c:pt idx="5592">
                  <c:v>15.416700000000001</c:v>
                </c:pt>
                <c:pt idx="5593">
                  <c:v>14.9922</c:v>
                </c:pt>
                <c:pt idx="5594">
                  <c:v>14.471299999999999</c:v>
                </c:pt>
                <c:pt idx="5595">
                  <c:v>13.849299999999999</c:v>
                </c:pt>
                <c:pt idx="5596">
                  <c:v>13.2996</c:v>
                </c:pt>
                <c:pt idx="5597">
                  <c:v>12.8186</c:v>
                </c:pt>
                <c:pt idx="5598">
                  <c:v>12.6737</c:v>
                </c:pt>
                <c:pt idx="5599">
                  <c:v>12.8216</c:v>
                </c:pt>
                <c:pt idx="5600">
                  <c:v>13.032500000000001</c:v>
                </c:pt>
                <c:pt idx="5601">
                  <c:v>13.4091</c:v>
                </c:pt>
                <c:pt idx="5602">
                  <c:v>12.8345</c:v>
                </c:pt>
                <c:pt idx="5603">
                  <c:v>13.973699999999999</c:v>
                </c:pt>
                <c:pt idx="5604">
                  <c:v>14.1747</c:v>
                </c:pt>
                <c:pt idx="5605">
                  <c:v>14.234500000000001</c:v>
                </c:pt>
                <c:pt idx="5606">
                  <c:v>14.0892</c:v>
                </c:pt>
                <c:pt idx="5607">
                  <c:v>13.874700000000001</c:v>
                </c:pt>
                <c:pt idx="5608">
                  <c:v>13.557700000000001</c:v>
                </c:pt>
                <c:pt idx="5609">
                  <c:v>13.2896</c:v>
                </c:pt>
                <c:pt idx="5610">
                  <c:v>13.222899999999999</c:v>
                </c:pt>
                <c:pt idx="5611">
                  <c:v>13.1637</c:v>
                </c:pt>
                <c:pt idx="5612">
                  <c:v>13.2562</c:v>
                </c:pt>
                <c:pt idx="5613">
                  <c:v>13.4575</c:v>
                </c:pt>
                <c:pt idx="5614">
                  <c:v>13.713200000000001</c:v>
                </c:pt>
                <c:pt idx="5615">
                  <c:v>13.7486</c:v>
                </c:pt>
                <c:pt idx="5616">
                  <c:v>13.705500000000001</c:v>
                </c:pt>
                <c:pt idx="5617">
                  <c:v>13.636900000000001</c:v>
                </c:pt>
                <c:pt idx="5618">
                  <c:v>13.756399999999999</c:v>
                </c:pt>
                <c:pt idx="5619">
                  <c:v>13.9443</c:v>
                </c:pt>
                <c:pt idx="5620">
                  <c:v>14.261200000000001</c:v>
                </c:pt>
                <c:pt idx="5621">
                  <c:v>14.558299999999999</c:v>
                </c:pt>
                <c:pt idx="5622">
                  <c:v>14.815200000000001</c:v>
                </c:pt>
                <c:pt idx="5623">
                  <c:v>15.068899999999999</c:v>
                </c:pt>
                <c:pt idx="5624">
                  <c:v>15.2943</c:v>
                </c:pt>
                <c:pt idx="5625">
                  <c:v>15.5406</c:v>
                </c:pt>
                <c:pt idx="5626">
                  <c:v>15.394399999999999</c:v>
                </c:pt>
                <c:pt idx="5627">
                  <c:v>15.229200000000001</c:v>
                </c:pt>
                <c:pt idx="5628">
                  <c:v>15.03</c:v>
                </c:pt>
                <c:pt idx="5629">
                  <c:v>14.7867</c:v>
                </c:pt>
                <c:pt idx="5630">
                  <c:v>14.378299999999999</c:v>
                </c:pt>
                <c:pt idx="5631">
                  <c:v>14.058299999999999</c:v>
                </c:pt>
                <c:pt idx="5632">
                  <c:v>13.8248</c:v>
                </c:pt>
                <c:pt idx="5633">
                  <c:v>13.6898</c:v>
                </c:pt>
                <c:pt idx="5634">
                  <c:v>13.4213</c:v>
                </c:pt>
                <c:pt idx="5635">
                  <c:v>13.176299999999999</c:v>
                </c:pt>
                <c:pt idx="5636">
                  <c:v>12.9908</c:v>
                </c:pt>
                <c:pt idx="5637">
                  <c:v>12.8391</c:v>
                </c:pt>
                <c:pt idx="5638">
                  <c:v>12.583</c:v>
                </c:pt>
                <c:pt idx="5639">
                  <c:v>12.6921</c:v>
                </c:pt>
                <c:pt idx="5640">
                  <c:v>12.680899999999999</c:v>
                </c:pt>
                <c:pt idx="5641">
                  <c:v>12.9777</c:v>
                </c:pt>
                <c:pt idx="5642">
                  <c:v>13.5961</c:v>
                </c:pt>
                <c:pt idx="5643">
                  <c:v>14.341100000000001</c:v>
                </c:pt>
                <c:pt idx="5644">
                  <c:v>14.690799999999999</c:v>
                </c:pt>
                <c:pt idx="5645">
                  <c:v>14.8315</c:v>
                </c:pt>
                <c:pt idx="5646">
                  <c:v>15.064</c:v>
                </c:pt>
                <c:pt idx="5647">
                  <c:v>15.319100000000001</c:v>
                </c:pt>
                <c:pt idx="5648">
                  <c:v>15.5345</c:v>
                </c:pt>
                <c:pt idx="5649">
                  <c:v>15.449</c:v>
                </c:pt>
                <c:pt idx="5650">
                  <c:v>15.159000000000001</c:v>
                </c:pt>
                <c:pt idx="5651">
                  <c:v>14.405900000000001</c:v>
                </c:pt>
                <c:pt idx="5652">
                  <c:v>13.764900000000001</c:v>
                </c:pt>
                <c:pt idx="5653">
                  <c:v>12.889799999999999</c:v>
                </c:pt>
                <c:pt idx="5654">
                  <c:v>12.224500000000001</c:v>
                </c:pt>
                <c:pt idx="5655">
                  <c:v>11.562900000000001</c:v>
                </c:pt>
                <c:pt idx="5656">
                  <c:v>11.029</c:v>
                </c:pt>
                <c:pt idx="5657">
                  <c:v>10.7637</c:v>
                </c:pt>
                <c:pt idx="5658">
                  <c:v>10.5334</c:v>
                </c:pt>
                <c:pt idx="5659">
                  <c:v>10.343299999999999</c:v>
                </c:pt>
                <c:pt idx="5660">
                  <c:v>11.9725</c:v>
                </c:pt>
                <c:pt idx="5661">
                  <c:v>12.116300000000001</c:v>
                </c:pt>
                <c:pt idx="5662">
                  <c:v>12.254799999999999</c:v>
                </c:pt>
                <c:pt idx="5663">
                  <c:v>12.4734</c:v>
                </c:pt>
                <c:pt idx="5664">
                  <c:v>12.6959</c:v>
                </c:pt>
                <c:pt idx="5665">
                  <c:v>12.856999999999999</c:v>
                </c:pt>
                <c:pt idx="5666">
                  <c:v>13.1557</c:v>
                </c:pt>
                <c:pt idx="5667">
                  <c:v>13.2789</c:v>
                </c:pt>
                <c:pt idx="5668">
                  <c:v>13.5298</c:v>
                </c:pt>
                <c:pt idx="5669">
                  <c:v>13.833</c:v>
                </c:pt>
                <c:pt idx="5670">
                  <c:v>14.3573</c:v>
                </c:pt>
                <c:pt idx="5671">
                  <c:v>14.851699999999999</c:v>
                </c:pt>
                <c:pt idx="5672">
                  <c:v>15.322900000000001</c:v>
                </c:pt>
                <c:pt idx="5673">
                  <c:v>15.681100000000001</c:v>
                </c:pt>
                <c:pt idx="5674">
                  <c:v>15.985200000000001</c:v>
                </c:pt>
                <c:pt idx="5675">
                  <c:v>16.175000000000001</c:v>
                </c:pt>
                <c:pt idx="5676">
                  <c:v>16.538599999999999</c:v>
                </c:pt>
                <c:pt idx="5677">
                  <c:v>16.9145</c:v>
                </c:pt>
                <c:pt idx="5678">
                  <c:v>17.428000000000001</c:v>
                </c:pt>
                <c:pt idx="5679">
                  <c:v>17.798200000000001</c:v>
                </c:pt>
                <c:pt idx="5680">
                  <c:v>18.064800000000002</c:v>
                </c:pt>
                <c:pt idx="5681">
                  <c:v>18.2895</c:v>
                </c:pt>
                <c:pt idx="5682">
                  <c:v>18.4619</c:v>
                </c:pt>
                <c:pt idx="5683">
                  <c:v>18.547899999999998</c:v>
                </c:pt>
                <c:pt idx="5684">
                  <c:v>18.568200000000001</c:v>
                </c:pt>
                <c:pt idx="5685">
                  <c:v>18.601500000000001</c:v>
                </c:pt>
                <c:pt idx="5686">
                  <c:v>18.6404</c:v>
                </c:pt>
                <c:pt idx="5687">
                  <c:v>18.633500000000002</c:v>
                </c:pt>
                <c:pt idx="5688">
                  <c:v>18.814299999999999</c:v>
                </c:pt>
                <c:pt idx="5689">
                  <c:v>18.956600000000002</c:v>
                </c:pt>
                <c:pt idx="5690">
                  <c:v>19.0213</c:v>
                </c:pt>
                <c:pt idx="5691">
                  <c:v>19.023599999999998</c:v>
                </c:pt>
                <c:pt idx="5692">
                  <c:v>19.09</c:v>
                </c:pt>
                <c:pt idx="5693">
                  <c:v>19.0626</c:v>
                </c:pt>
                <c:pt idx="5694">
                  <c:v>18.998699999999999</c:v>
                </c:pt>
                <c:pt idx="5695">
                  <c:v>18.9575</c:v>
                </c:pt>
                <c:pt idx="5696">
                  <c:v>18.847799999999999</c:v>
                </c:pt>
                <c:pt idx="5697">
                  <c:v>18.695900000000002</c:v>
                </c:pt>
                <c:pt idx="5698">
                  <c:v>18.6097</c:v>
                </c:pt>
                <c:pt idx="5699">
                  <c:v>18.434899999999999</c:v>
                </c:pt>
                <c:pt idx="5700">
                  <c:v>18.303000000000001</c:v>
                </c:pt>
                <c:pt idx="5701">
                  <c:v>18.140999999999998</c:v>
                </c:pt>
                <c:pt idx="5702">
                  <c:v>17.985600000000002</c:v>
                </c:pt>
                <c:pt idx="5703">
                  <c:v>17.784300000000002</c:v>
                </c:pt>
                <c:pt idx="5704">
                  <c:v>17.736599999999999</c:v>
                </c:pt>
                <c:pt idx="5705">
                  <c:v>17.764900000000001</c:v>
                </c:pt>
                <c:pt idx="5706">
                  <c:v>17.754999999999999</c:v>
                </c:pt>
                <c:pt idx="5707">
                  <c:v>17.7864</c:v>
                </c:pt>
                <c:pt idx="5708">
                  <c:v>17.714200000000002</c:v>
                </c:pt>
                <c:pt idx="5709">
                  <c:v>17.668900000000001</c:v>
                </c:pt>
                <c:pt idx="5710">
                  <c:v>17.575399999999998</c:v>
                </c:pt>
                <c:pt idx="5711">
                  <c:v>17.598299999999998</c:v>
                </c:pt>
                <c:pt idx="5712">
                  <c:v>17.512499999999999</c:v>
                </c:pt>
                <c:pt idx="5713">
                  <c:v>17.435400000000001</c:v>
                </c:pt>
                <c:pt idx="5714">
                  <c:v>17.377600000000001</c:v>
                </c:pt>
                <c:pt idx="5715">
                  <c:v>17.371300000000002</c:v>
                </c:pt>
                <c:pt idx="5716">
                  <c:v>17.340800000000002</c:v>
                </c:pt>
                <c:pt idx="5717">
                  <c:v>17.3992</c:v>
                </c:pt>
                <c:pt idx="5718">
                  <c:v>17.387899999999998</c:v>
                </c:pt>
                <c:pt idx="5719">
                  <c:v>17.465699999999998</c:v>
                </c:pt>
                <c:pt idx="5720">
                  <c:v>17.466000000000001</c:v>
                </c:pt>
                <c:pt idx="5721">
                  <c:v>17.5733</c:v>
                </c:pt>
                <c:pt idx="5722">
                  <c:v>17.688300000000002</c:v>
                </c:pt>
                <c:pt idx="5723">
                  <c:v>17.862300000000001</c:v>
                </c:pt>
                <c:pt idx="5724">
                  <c:v>17.920300000000001</c:v>
                </c:pt>
                <c:pt idx="5725">
                  <c:v>17.966200000000001</c:v>
                </c:pt>
                <c:pt idx="5726">
                  <c:v>18.020099999999999</c:v>
                </c:pt>
                <c:pt idx="5727">
                  <c:v>18.008600000000001</c:v>
                </c:pt>
                <c:pt idx="5728">
                  <c:v>18.0731</c:v>
                </c:pt>
                <c:pt idx="5729">
                  <c:v>18.142900000000001</c:v>
                </c:pt>
                <c:pt idx="5730">
                  <c:v>18.203199999999999</c:v>
                </c:pt>
                <c:pt idx="5731">
                  <c:v>18.212900000000001</c:v>
                </c:pt>
                <c:pt idx="5732">
                  <c:v>18.202999999999999</c:v>
                </c:pt>
                <c:pt idx="5733">
                  <c:v>18.189800000000002</c:v>
                </c:pt>
                <c:pt idx="5734">
                  <c:v>18.137699999999999</c:v>
                </c:pt>
                <c:pt idx="5735">
                  <c:v>18.0943</c:v>
                </c:pt>
                <c:pt idx="5736">
                  <c:v>18.026399999999999</c:v>
                </c:pt>
                <c:pt idx="5737">
                  <c:v>17.985099999999999</c:v>
                </c:pt>
                <c:pt idx="5738">
                  <c:v>17.930900000000001</c:v>
                </c:pt>
                <c:pt idx="5739">
                  <c:v>17.906300000000002</c:v>
                </c:pt>
                <c:pt idx="5740">
                  <c:v>17.822900000000001</c:v>
                </c:pt>
                <c:pt idx="5741">
                  <c:v>17.816099999999999</c:v>
                </c:pt>
                <c:pt idx="5742">
                  <c:v>17.869800000000001</c:v>
                </c:pt>
                <c:pt idx="5743">
                  <c:v>17.8797</c:v>
                </c:pt>
                <c:pt idx="5744">
                  <c:v>18.0337</c:v>
                </c:pt>
                <c:pt idx="5745">
                  <c:v>18.209900000000001</c:v>
                </c:pt>
                <c:pt idx="5746">
                  <c:v>18.457899999999999</c:v>
                </c:pt>
                <c:pt idx="5747">
                  <c:v>18.7224</c:v>
                </c:pt>
                <c:pt idx="5748">
                  <c:v>19.008800000000001</c:v>
                </c:pt>
                <c:pt idx="5749">
                  <c:v>19.244700000000002</c:v>
                </c:pt>
                <c:pt idx="5750">
                  <c:v>19.491800000000001</c:v>
                </c:pt>
                <c:pt idx="5751">
                  <c:v>19.663799999999998</c:v>
                </c:pt>
                <c:pt idx="5752">
                  <c:v>19.732299999999999</c:v>
                </c:pt>
                <c:pt idx="5753">
                  <c:v>19.784500000000001</c:v>
                </c:pt>
                <c:pt idx="5754">
                  <c:v>19.886600000000001</c:v>
                </c:pt>
                <c:pt idx="5755">
                  <c:v>19.886299999999999</c:v>
                </c:pt>
                <c:pt idx="5756">
                  <c:v>19.924199999999999</c:v>
                </c:pt>
                <c:pt idx="5757">
                  <c:v>19.9803</c:v>
                </c:pt>
                <c:pt idx="5758">
                  <c:v>19.9876</c:v>
                </c:pt>
                <c:pt idx="5759">
                  <c:v>20.014099999999999</c:v>
                </c:pt>
                <c:pt idx="5760">
                  <c:v>19.955200000000001</c:v>
                </c:pt>
                <c:pt idx="5761">
                  <c:v>19.974299999999999</c:v>
                </c:pt>
                <c:pt idx="5762">
                  <c:v>20.076899999999998</c:v>
                </c:pt>
                <c:pt idx="5763">
                  <c:v>20.2212</c:v>
                </c:pt>
                <c:pt idx="5764">
                  <c:v>20.454799999999999</c:v>
                </c:pt>
                <c:pt idx="5765">
                  <c:v>20.5852</c:v>
                </c:pt>
                <c:pt idx="5766">
                  <c:v>20.8002</c:v>
                </c:pt>
                <c:pt idx="5767">
                  <c:v>21.0745</c:v>
                </c:pt>
                <c:pt idx="5768">
                  <c:v>21.3506</c:v>
                </c:pt>
                <c:pt idx="5769">
                  <c:v>21.571999999999999</c:v>
                </c:pt>
                <c:pt idx="5770">
                  <c:v>21.8795</c:v>
                </c:pt>
                <c:pt idx="5771">
                  <c:v>22.043199999999999</c:v>
                </c:pt>
                <c:pt idx="5772">
                  <c:v>22.164300000000001</c:v>
                </c:pt>
                <c:pt idx="5773">
                  <c:v>22.254799999999999</c:v>
                </c:pt>
                <c:pt idx="5774">
                  <c:v>22.2743</c:v>
                </c:pt>
                <c:pt idx="5775">
                  <c:v>22.223800000000001</c:v>
                </c:pt>
                <c:pt idx="5776">
                  <c:v>22.35</c:v>
                </c:pt>
                <c:pt idx="5777">
                  <c:v>22.4528</c:v>
                </c:pt>
                <c:pt idx="5778">
                  <c:v>22.6846</c:v>
                </c:pt>
                <c:pt idx="5779">
                  <c:v>22.8489</c:v>
                </c:pt>
                <c:pt idx="5780">
                  <c:v>22.984100000000002</c:v>
                </c:pt>
                <c:pt idx="5781">
                  <c:v>23.071000000000002</c:v>
                </c:pt>
                <c:pt idx="5782">
                  <c:v>23.122599999999998</c:v>
                </c:pt>
                <c:pt idx="5783">
                  <c:v>23.178899999999999</c:v>
                </c:pt>
                <c:pt idx="5784">
                  <c:v>23.195499999999999</c:v>
                </c:pt>
                <c:pt idx="5785">
                  <c:v>23.086300000000001</c:v>
                </c:pt>
                <c:pt idx="5786">
                  <c:v>22.925000000000001</c:v>
                </c:pt>
                <c:pt idx="5787">
                  <c:v>22.9679</c:v>
                </c:pt>
                <c:pt idx="5788">
                  <c:v>23.041399999999999</c:v>
                </c:pt>
                <c:pt idx="5789">
                  <c:v>23.344000000000001</c:v>
                </c:pt>
                <c:pt idx="5790">
                  <c:v>23.485700000000001</c:v>
                </c:pt>
                <c:pt idx="5791">
                  <c:v>23.642700000000001</c:v>
                </c:pt>
                <c:pt idx="5792">
                  <c:v>23.513500000000001</c:v>
                </c:pt>
                <c:pt idx="5793">
                  <c:v>23.0078</c:v>
                </c:pt>
                <c:pt idx="5794">
                  <c:v>22.4345</c:v>
                </c:pt>
                <c:pt idx="5795">
                  <c:v>22.0931</c:v>
                </c:pt>
                <c:pt idx="5796">
                  <c:v>22.137799999999999</c:v>
                </c:pt>
                <c:pt idx="5797">
                  <c:v>22.297599999999999</c:v>
                </c:pt>
                <c:pt idx="5798">
                  <c:v>22.592199999999998</c:v>
                </c:pt>
                <c:pt idx="5799">
                  <c:v>23.129200000000001</c:v>
                </c:pt>
                <c:pt idx="5800">
                  <c:v>24.029900000000001</c:v>
                </c:pt>
                <c:pt idx="5801">
                  <c:v>24.290700000000001</c:v>
                </c:pt>
                <c:pt idx="5802">
                  <c:v>23.580200000000001</c:v>
                </c:pt>
                <c:pt idx="5803">
                  <c:v>22.634799999999998</c:v>
                </c:pt>
                <c:pt idx="5804">
                  <c:v>21.860199999999999</c:v>
                </c:pt>
                <c:pt idx="5805">
                  <c:v>21.1023</c:v>
                </c:pt>
                <c:pt idx="5806">
                  <c:v>20.167000000000002</c:v>
                </c:pt>
                <c:pt idx="5807">
                  <c:v>19.196200000000001</c:v>
                </c:pt>
                <c:pt idx="5808">
                  <c:v>18.562999999999999</c:v>
                </c:pt>
                <c:pt idx="5809">
                  <c:v>18.253599999999999</c:v>
                </c:pt>
                <c:pt idx="5810">
                  <c:v>17.470300000000002</c:v>
                </c:pt>
                <c:pt idx="5811">
                  <c:v>16.960699999999999</c:v>
                </c:pt>
                <c:pt idx="5812">
                  <c:v>16.463699999999999</c:v>
                </c:pt>
                <c:pt idx="5813">
                  <c:v>16.1493</c:v>
                </c:pt>
                <c:pt idx="5814">
                  <c:v>16.563800000000001</c:v>
                </c:pt>
                <c:pt idx="5815">
                  <c:v>16.775400000000001</c:v>
                </c:pt>
                <c:pt idx="5816">
                  <c:v>16.928000000000001</c:v>
                </c:pt>
                <c:pt idx="5817">
                  <c:v>17.258600000000001</c:v>
                </c:pt>
                <c:pt idx="5818">
                  <c:v>17.356300000000001</c:v>
                </c:pt>
                <c:pt idx="5819">
                  <c:v>17.3703</c:v>
                </c:pt>
                <c:pt idx="5820">
                  <c:v>17.431100000000001</c:v>
                </c:pt>
                <c:pt idx="5821">
                  <c:v>17.694099999999999</c:v>
                </c:pt>
                <c:pt idx="5822">
                  <c:v>18.067699999999999</c:v>
                </c:pt>
                <c:pt idx="5823">
                  <c:v>18.249199999999998</c:v>
                </c:pt>
                <c:pt idx="5824">
                  <c:v>18.087599999999998</c:v>
                </c:pt>
                <c:pt idx="5825">
                  <c:v>17.721800000000002</c:v>
                </c:pt>
                <c:pt idx="5826">
                  <c:v>17.705200000000001</c:v>
                </c:pt>
                <c:pt idx="5827">
                  <c:v>17.609000000000002</c:v>
                </c:pt>
                <c:pt idx="5828">
                  <c:v>17.484100000000002</c:v>
                </c:pt>
                <c:pt idx="5829">
                  <c:v>18.017399999999999</c:v>
                </c:pt>
                <c:pt idx="5830">
                  <c:v>18.5641</c:v>
                </c:pt>
                <c:pt idx="5831">
                  <c:v>18.931699999999999</c:v>
                </c:pt>
                <c:pt idx="5832">
                  <c:v>18.610600000000002</c:v>
                </c:pt>
                <c:pt idx="5833">
                  <c:v>18.666899999999998</c:v>
                </c:pt>
                <c:pt idx="5834">
                  <c:v>19.278300000000002</c:v>
                </c:pt>
                <c:pt idx="5835">
                  <c:v>19.7881</c:v>
                </c:pt>
                <c:pt idx="5836">
                  <c:v>20.2986</c:v>
                </c:pt>
                <c:pt idx="5837">
                  <c:v>20.664300000000001</c:v>
                </c:pt>
                <c:pt idx="5838">
                  <c:v>21.023900000000001</c:v>
                </c:pt>
                <c:pt idx="5839">
                  <c:v>21.17</c:v>
                </c:pt>
                <c:pt idx="5840">
                  <c:v>21.142099999999999</c:v>
                </c:pt>
                <c:pt idx="5841">
                  <c:v>21.1373</c:v>
                </c:pt>
                <c:pt idx="5842">
                  <c:v>20.9251</c:v>
                </c:pt>
                <c:pt idx="5843">
                  <c:v>20.673300000000001</c:v>
                </c:pt>
                <c:pt idx="5844">
                  <c:v>20.285799999999998</c:v>
                </c:pt>
                <c:pt idx="5845">
                  <c:v>19.806999999999999</c:v>
                </c:pt>
                <c:pt idx="5846">
                  <c:v>19.388100000000001</c:v>
                </c:pt>
                <c:pt idx="5847">
                  <c:v>19.061800000000002</c:v>
                </c:pt>
                <c:pt idx="5848">
                  <c:v>18.811900000000001</c:v>
                </c:pt>
                <c:pt idx="5849">
                  <c:v>18.665400000000002</c:v>
                </c:pt>
                <c:pt idx="5850">
                  <c:v>18.655200000000001</c:v>
                </c:pt>
                <c:pt idx="5851">
                  <c:v>18.8184</c:v>
                </c:pt>
                <c:pt idx="5852">
                  <c:v>19.031700000000001</c:v>
                </c:pt>
                <c:pt idx="5853">
                  <c:v>19.040800000000001</c:v>
                </c:pt>
                <c:pt idx="5854">
                  <c:v>18.990600000000001</c:v>
                </c:pt>
                <c:pt idx="5855">
                  <c:v>19.0123</c:v>
                </c:pt>
                <c:pt idx="5856">
                  <c:v>19.026800000000001</c:v>
                </c:pt>
                <c:pt idx="5857">
                  <c:v>19.274699999999999</c:v>
                </c:pt>
                <c:pt idx="5858">
                  <c:v>19.575399999999998</c:v>
                </c:pt>
                <c:pt idx="5859">
                  <c:v>19.909800000000001</c:v>
                </c:pt>
                <c:pt idx="5860">
                  <c:v>20.385300000000001</c:v>
                </c:pt>
                <c:pt idx="5861">
                  <c:v>20.588999999999999</c:v>
                </c:pt>
                <c:pt idx="5862">
                  <c:v>20.76</c:v>
                </c:pt>
                <c:pt idx="5863">
                  <c:v>20.929099999999998</c:v>
                </c:pt>
                <c:pt idx="5864">
                  <c:v>20.428100000000001</c:v>
                </c:pt>
                <c:pt idx="5865">
                  <c:v>19.7532</c:v>
                </c:pt>
                <c:pt idx="5866">
                  <c:v>19.3462</c:v>
                </c:pt>
                <c:pt idx="5867">
                  <c:v>18.833400000000001</c:v>
                </c:pt>
                <c:pt idx="5868">
                  <c:v>18.540400000000002</c:v>
                </c:pt>
                <c:pt idx="5869">
                  <c:v>18.510899999999999</c:v>
                </c:pt>
                <c:pt idx="5870">
                  <c:v>18.1782</c:v>
                </c:pt>
                <c:pt idx="5871">
                  <c:v>17.593399999999999</c:v>
                </c:pt>
                <c:pt idx="5872">
                  <c:v>17.082999999999998</c:v>
                </c:pt>
                <c:pt idx="5873">
                  <c:v>16.394500000000001</c:v>
                </c:pt>
                <c:pt idx="5874">
                  <c:v>15.8675</c:v>
                </c:pt>
                <c:pt idx="5875">
                  <c:v>15.6038</c:v>
                </c:pt>
                <c:pt idx="5876">
                  <c:v>15.8148</c:v>
                </c:pt>
                <c:pt idx="5877">
                  <c:v>16.069400000000002</c:v>
                </c:pt>
                <c:pt idx="5878">
                  <c:v>16.861799999999999</c:v>
                </c:pt>
                <c:pt idx="5879">
                  <c:v>17.84</c:v>
                </c:pt>
                <c:pt idx="5880">
                  <c:v>18.645</c:v>
                </c:pt>
                <c:pt idx="5881">
                  <c:v>19.677700000000002</c:v>
                </c:pt>
                <c:pt idx="5882">
                  <c:v>20.061800000000002</c:v>
                </c:pt>
                <c:pt idx="5883">
                  <c:v>20.633900000000001</c:v>
                </c:pt>
                <c:pt idx="5884">
                  <c:v>21.0059</c:v>
                </c:pt>
                <c:pt idx="5885">
                  <c:v>21.303599999999999</c:v>
                </c:pt>
                <c:pt idx="5886">
                  <c:v>21.558</c:v>
                </c:pt>
                <c:pt idx="5887">
                  <c:v>21.995799999999999</c:v>
                </c:pt>
                <c:pt idx="5888">
                  <c:v>22.334499999999998</c:v>
                </c:pt>
                <c:pt idx="5889">
                  <c:v>22.5444</c:v>
                </c:pt>
                <c:pt idx="5890">
                  <c:v>22.641999999999999</c:v>
                </c:pt>
                <c:pt idx="5891">
                  <c:v>22.849900000000002</c:v>
                </c:pt>
                <c:pt idx="5892">
                  <c:v>23.023599999999998</c:v>
                </c:pt>
                <c:pt idx="5893">
                  <c:v>23.1373</c:v>
                </c:pt>
                <c:pt idx="5894">
                  <c:v>23.493099999999998</c:v>
                </c:pt>
                <c:pt idx="5895">
                  <c:v>24.186299999999999</c:v>
                </c:pt>
                <c:pt idx="5896">
                  <c:v>24.8126</c:v>
                </c:pt>
                <c:pt idx="5897">
                  <c:v>25.407900000000001</c:v>
                </c:pt>
                <c:pt idx="5898">
                  <c:v>25.98</c:v>
                </c:pt>
                <c:pt idx="5899">
                  <c:v>26.5244</c:v>
                </c:pt>
                <c:pt idx="5900">
                  <c:v>26.746700000000001</c:v>
                </c:pt>
                <c:pt idx="5901">
                  <c:v>27.025500000000001</c:v>
                </c:pt>
                <c:pt idx="5902">
                  <c:v>27.352900000000002</c:v>
                </c:pt>
                <c:pt idx="5903">
                  <c:v>27.580200000000001</c:v>
                </c:pt>
                <c:pt idx="5904">
                  <c:v>27.658300000000001</c:v>
                </c:pt>
                <c:pt idx="5905">
                  <c:v>27.693999999999999</c:v>
                </c:pt>
                <c:pt idx="5906">
                  <c:v>27.625800000000002</c:v>
                </c:pt>
                <c:pt idx="5907">
                  <c:v>27.808</c:v>
                </c:pt>
                <c:pt idx="5908">
                  <c:v>27.860800000000001</c:v>
                </c:pt>
                <c:pt idx="5909">
                  <c:v>28.0029</c:v>
                </c:pt>
                <c:pt idx="5910">
                  <c:v>28.0471</c:v>
                </c:pt>
                <c:pt idx="5911">
                  <c:v>28.2819</c:v>
                </c:pt>
                <c:pt idx="5912">
                  <c:v>28.594899999999999</c:v>
                </c:pt>
                <c:pt idx="5913">
                  <c:v>29.116599999999998</c:v>
                </c:pt>
                <c:pt idx="5914">
                  <c:v>29.6265</c:v>
                </c:pt>
                <c:pt idx="5915">
                  <c:v>29.913399999999999</c:v>
                </c:pt>
                <c:pt idx="5916">
                  <c:v>30.280200000000001</c:v>
                </c:pt>
                <c:pt idx="5917">
                  <c:v>30.499600000000001</c:v>
                </c:pt>
                <c:pt idx="5918">
                  <c:v>30.6448</c:v>
                </c:pt>
                <c:pt idx="5919">
                  <c:v>30.8582</c:v>
                </c:pt>
                <c:pt idx="5920">
                  <c:v>30.960100000000001</c:v>
                </c:pt>
                <c:pt idx="5921">
                  <c:v>30.955200000000001</c:v>
                </c:pt>
                <c:pt idx="5922">
                  <c:v>30.509699999999999</c:v>
                </c:pt>
                <c:pt idx="5923">
                  <c:v>30.270499999999998</c:v>
                </c:pt>
                <c:pt idx="5924">
                  <c:v>30.007100000000001</c:v>
                </c:pt>
                <c:pt idx="5925">
                  <c:v>29.685099999999998</c:v>
                </c:pt>
                <c:pt idx="5926">
                  <c:v>29.310300000000002</c:v>
                </c:pt>
                <c:pt idx="5927">
                  <c:v>26.062799999999999</c:v>
                </c:pt>
                <c:pt idx="5928">
                  <c:v>28.206299999999999</c:v>
                </c:pt>
                <c:pt idx="5929">
                  <c:v>28.072399999999998</c:v>
                </c:pt>
                <c:pt idx="5930">
                  <c:v>27.623899999999999</c:v>
                </c:pt>
                <c:pt idx="5931">
                  <c:v>26.8033</c:v>
                </c:pt>
                <c:pt idx="5932">
                  <c:v>25.812799999999999</c:v>
                </c:pt>
                <c:pt idx="5933">
                  <c:v>24.759899999999998</c:v>
                </c:pt>
                <c:pt idx="5934">
                  <c:v>23.729500000000002</c:v>
                </c:pt>
                <c:pt idx="5935">
                  <c:v>22.394300000000001</c:v>
                </c:pt>
                <c:pt idx="5936">
                  <c:v>20.783899999999999</c:v>
                </c:pt>
                <c:pt idx="5937">
                  <c:v>18.767499999999998</c:v>
                </c:pt>
                <c:pt idx="5938">
                  <c:v>16.8096</c:v>
                </c:pt>
                <c:pt idx="5939">
                  <c:v>15.0441</c:v>
                </c:pt>
                <c:pt idx="5940">
                  <c:v>13.5344</c:v>
                </c:pt>
                <c:pt idx="5941">
                  <c:v>12.932700000000001</c:v>
                </c:pt>
                <c:pt idx="5942">
                  <c:v>12.994400000000001</c:v>
                </c:pt>
                <c:pt idx="5943">
                  <c:v>13.6874</c:v>
                </c:pt>
                <c:pt idx="5944">
                  <c:v>14.431900000000001</c:v>
                </c:pt>
                <c:pt idx="5945">
                  <c:v>15.170400000000001</c:v>
                </c:pt>
                <c:pt idx="5946">
                  <c:v>15.8653</c:v>
                </c:pt>
                <c:pt idx="5947">
                  <c:v>16.170100000000001</c:v>
                </c:pt>
                <c:pt idx="5948">
                  <c:v>15.8948</c:v>
                </c:pt>
                <c:pt idx="5949">
                  <c:v>15.107699999999999</c:v>
                </c:pt>
                <c:pt idx="5950">
                  <c:v>14.3193</c:v>
                </c:pt>
                <c:pt idx="5951">
                  <c:v>13.6411</c:v>
                </c:pt>
                <c:pt idx="5952">
                  <c:v>13.3963</c:v>
                </c:pt>
                <c:pt idx="5953">
                  <c:v>12.973000000000001</c:v>
                </c:pt>
                <c:pt idx="5954">
                  <c:v>13.0519</c:v>
                </c:pt>
                <c:pt idx="5955">
                  <c:v>12.692299999999999</c:v>
                </c:pt>
                <c:pt idx="5956">
                  <c:v>12.043900000000001</c:v>
                </c:pt>
                <c:pt idx="5957">
                  <c:v>11.764099999999999</c:v>
                </c:pt>
                <c:pt idx="5958">
                  <c:v>11.7079</c:v>
                </c:pt>
                <c:pt idx="5959">
                  <c:v>12.0563</c:v>
                </c:pt>
                <c:pt idx="5960">
                  <c:v>12.1694</c:v>
                </c:pt>
                <c:pt idx="5961">
                  <c:v>12.2006</c:v>
                </c:pt>
                <c:pt idx="5962">
                  <c:v>12.820499999999999</c:v>
                </c:pt>
                <c:pt idx="5963">
                  <c:v>13.4123</c:v>
                </c:pt>
                <c:pt idx="5964">
                  <c:v>13.577500000000001</c:v>
                </c:pt>
                <c:pt idx="5965">
                  <c:v>13.635</c:v>
                </c:pt>
                <c:pt idx="5966">
                  <c:v>14.432600000000001</c:v>
                </c:pt>
                <c:pt idx="5967">
                  <c:v>15.5158</c:v>
                </c:pt>
                <c:pt idx="5968">
                  <c:v>16.842099999999999</c:v>
                </c:pt>
                <c:pt idx="5969">
                  <c:v>18.218900000000001</c:v>
                </c:pt>
                <c:pt idx="5970">
                  <c:v>19.7483</c:v>
                </c:pt>
                <c:pt idx="5971">
                  <c:v>20.479800000000001</c:v>
                </c:pt>
                <c:pt idx="5972">
                  <c:v>21.166899999999998</c:v>
                </c:pt>
                <c:pt idx="5973">
                  <c:v>21.251100000000001</c:v>
                </c:pt>
                <c:pt idx="5974">
                  <c:v>20.941299999999998</c:v>
                </c:pt>
                <c:pt idx="5975">
                  <c:v>20.714300000000001</c:v>
                </c:pt>
                <c:pt idx="5976">
                  <c:v>20.0853</c:v>
                </c:pt>
                <c:pt idx="5977">
                  <c:v>19.386800000000001</c:v>
                </c:pt>
                <c:pt idx="5978">
                  <c:v>18.687899999999999</c:v>
                </c:pt>
                <c:pt idx="5979">
                  <c:v>18.2256</c:v>
                </c:pt>
                <c:pt idx="5980">
                  <c:v>18.4344</c:v>
                </c:pt>
                <c:pt idx="5981">
                  <c:v>18.415800000000001</c:v>
                </c:pt>
                <c:pt idx="5982">
                  <c:v>18.440999999999999</c:v>
                </c:pt>
                <c:pt idx="5983">
                  <c:v>18.239799999999999</c:v>
                </c:pt>
                <c:pt idx="5984">
                  <c:v>18.148199999999999</c:v>
                </c:pt>
                <c:pt idx="5985">
                  <c:v>17.9269</c:v>
                </c:pt>
                <c:pt idx="5986">
                  <c:v>17.415600000000001</c:v>
                </c:pt>
                <c:pt idx="5987">
                  <c:v>17.710100000000001</c:v>
                </c:pt>
                <c:pt idx="5988">
                  <c:v>18.6541</c:v>
                </c:pt>
                <c:pt idx="5989">
                  <c:v>19.314599999999999</c:v>
                </c:pt>
                <c:pt idx="5990">
                  <c:v>20.559100000000001</c:v>
                </c:pt>
                <c:pt idx="5991">
                  <c:v>21.8734</c:v>
                </c:pt>
                <c:pt idx="5992">
                  <c:v>22.243400000000001</c:v>
                </c:pt>
                <c:pt idx="5993">
                  <c:v>22.0974</c:v>
                </c:pt>
                <c:pt idx="5994">
                  <c:v>21.587800000000001</c:v>
                </c:pt>
                <c:pt idx="5995">
                  <c:v>21.5976</c:v>
                </c:pt>
                <c:pt idx="5996">
                  <c:v>22.427800000000001</c:v>
                </c:pt>
                <c:pt idx="5997">
                  <c:v>23.895099999999999</c:v>
                </c:pt>
                <c:pt idx="5998">
                  <c:v>25.292000000000002</c:v>
                </c:pt>
                <c:pt idx="5999">
                  <c:v>26.5059</c:v>
                </c:pt>
                <c:pt idx="6000">
                  <c:v>27.4984</c:v>
                </c:pt>
                <c:pt idx="6001">
                  <c:v>28.166599999999999</c:v>
                </c:pt>
                <c:pt idx="6002">
                  <c:v>27.984200000000001</c:v>
                </c:pt>
                <c:pt idx="6003">
                  <c:v>27.821200000000001</c:v>
                </c:pt>
                <c:pt idx="6004">
                  <c:v>27.360900000000001</c:v>
                </c:pt>
                <c:pt idx="6005">
                  <c:v>27.351299999999998</c:v>
                </c:pt>
                <c:pt idx="6006">
                  <c:v>28.4436</c:v>
                </c:pt>
                <c:pt idx="6007">
                  <c:v>30.1022</c:v>
                </c:pt>
                <c:pt idx="6008">
                  <c:v>31.721599999999999</c:v>
                </c:pt>
                <c:pt idx="6009">
                  <c:v>33.258899999999997</c:v>
                </c:pt>
                <c:pt idx="6010">
                  <c:v>34.430199999999999</c:v>
                </c:pt>
                <c:pt idx="6011">
                  <c:v>35.438699999999997</c:v>
                </c:pt>
                <c:pt idx="6012">
                  <c:v>36.123899999999999</c:v>
                </c:pt>
                <c:pt idx="6013">
                  <c:v>36.558999999999997</c:v>
                </c:pt>
                <c:pt idx="6014">
                  <c:v>36.911499999999997</c:v>
                </c:pt>
                <c:pt idx="6015">
                  <c:v>36.734000000000002</c:v>
                </c:pt>
                <c:pt idx="6016">
                  <c:v>36.8964</c:v>
                </c:pt>
                <c:pt idx="6017">
                  <c:v>37.171599999999998</c:v>
                </c:pt>
                <c:pt idx="6018">
                  <c:v>37.290300000000002</c:v>
                </c:pt>
                <c:pt idx="6019">
                  <c:v>37.554600000000001</c:v>
                </c:pt>
                <c:pt idx="6020">
                  <c:v>37.904699999999998</c:v>
                </c:pt>
                <c:pt idx="6021">
                  <c:v>37.7393</c:v>
                </c:pt>
                <c:pt idx="6022">
                  <c:v>37.884099999999997</c:v>
                </c:pt>
                <c:pt idx="6023">
                  <c:v>37.8416</c:v>
                </c:pt>
                <c:pt idx="6024">
                  <c:v>37.663699999999999</c:v>
                </c:pt>
                <c:pt idx="6025">
                  <c:v>37.273699999999998</c:v>
                </c:pt>
                <c:pt idx="6026">
                  <c:v>36.945099999999996</c:v>
                </c:pt>
                <c:pt idx="6027">
                  <c:v>36.532899999999998</c:v>
                </c:pt>
                <c:pt idx="6028">
                  <c:v>36.2288</c:v>
                </c:pt>
                <c:pt idx="6029">
                  <c:v>35.7956</c:v>
                </c:pt>
                <c:pt idx="6030">
                  <c:v>35.450699999999998</c:v>
                </c:pt>
                <c:pt idx="6031">
                  <c:v>35.165900000000001</c:v>
                </c:pt>
                <c:pt idx="6032">
                  <c:v>34.713200000000001</c:v>
                </c:pt>
                <c:pt idx="6033">
                  <c:v>34.3611</c:v>
                </c:pt>
                <c:pt idx="6034">
                  <c:v>33.995199999999997</c:v>
                </c:pt>
                <c:pt idx="6035">
                  <c:v>33.0137</c:v>
                </c:pt>
                <c:pt idx="6036">
                  <c:v>32.604399999999998</c:v>
                </c:pt>
                <c:pt idx="6037">
                  <c:v>32.527000000000001</c:v>
                </c:pt>
                <c:pt idx="6038">
                  <c:v>31.9404</c:v>
                </c:pt>
                <c:pt idx="6039">
                  <c:v>31.552</c:v>
                </c:pt>
                <c:pt idx="6040">
                  <c:v>31.1935</c:v>
                </c:pt>
                <c:pt idx="6041">
                  <c:v>30.965499999999999</c:v>
                </c:pt>
                <c:pt idx="6042">
                  <c:v>30.1784</c:v>
                </c:pt>
                <c:pt idx="6043">
                  <c:v>30.069400000000002</c:v>
                </c:pt>
                <c:pt idx="6044">
                  <c:v>30.8506</c:v>
                </c:pt>
                <c:pt idx="6045">
                  <c:v>30.994499999999999</c:v>
                </c:pt>
                <c:pt idx="6046">
                  <c:v>30.304099999999998</c:v>
                </c:pt>
                <c:pt idx="6047">
                  <c:v>30.401700000000002</c:v>
                </c:pt>
                <c:pt idx="6048">
                  <c:v>29.879100000000001</c:v>
                </c:pt>
                <c:pt idx="6049">
                  <c:v>29.194099999999999</c:v>
                </c:pt>
                <c:pt idx="6050">
                  <c:v>28.5915</c:v>
                </c:pt>
                <c:pt idx="6051">
                  <c:v>27.7745</c:v>
                </c:pt>
                <c:pt idx="6052">
                  <c:v>26.9969</c:v>
                </c:pt>
                <c:pt idx="6053">
                  <c:v>26.294</c:v>
                </c:pt>
                <c:pt idx="6054">
                  <c:v>25.690300000000001</c:v>
                </c:pt>
                <c:pt idx="6055">
                  <c:v>25.196999999999999</c:v>
                </c:pt>
                <c:pt idx="6056">
                  <c:v>24.931899999999999</c:v>
                </c:pt>
                <c:pt idx="6057">
                  <c:v>24.566500000000001</c:v>
                </c:pt>
                <c:pt idx="6058">
                  <c:v>24.302199999999999</c:v>
                </c:pt>
                <c:pt idx="6059">
                  <c:v>24.327400000000001</c:v>
                </c:pt>
                <c:pt idx="6060">
                  <c:v>24.306100000000001</c:v>
                </c:pt>
                <c:pt idx="6061">
                  <c:v>24.036999999999999</c:v>
                </c:pt>
                <c:pt idx="6062">
                  <c:v>23.782699999999998</c:v>
                </c:pt>
                <c:pt idx="6063">
                  <c:v>23.435600000000001</c:v>
                </c:pt>
                <c:pt idx="6064">
                  <c:v>23.077999999999999</c:v>
                </c:pt>
                <c:pt idx="6065">
                  <c:v>22.706900000000001</c:v>
                </c:pt>
                <c:pt idx="6066">
                  <c:v>22.429600000000001</c:v>
                </c:pt>
                <c:pt idx="6067">
                  <c:v>22.131900000000002</c:v>
                </c:pt>
                <c:pt idx="6068">
                  <c:v>22.107800000000001</c:v>
                </c:pt>
                <c:pt idx="6069">
                  <c:v>21.803699999999999</c:v>
                </c:pt>
                <c:pt idx="6070">
                  <c:v>21.586200000000002</c:v>
                </c:pt>
                <c:pt idx="6071">
                  <c:v>21.508500000000002</c:v>
                </c:pt>
                <c:pt idx="6072">
                  <c:v>21.455100000000002</c:v>
                </c:pt>
                <c:pt idx="6073">
                  <c:v>21.367699999999999</c:v>
                </c:pt>
                <c:pt idx="6074">
                  <c:v>21.407800000000002</c:v>
                </c:pt>
                <c:pt idx="6075">
                  <c:v>21.191199999999998</c:v>
                </c:pt>
                <c:pt idx="6076">
                  <c:v>21.015899999999998</c:v>
                </c:pt>
                <c:pt idx="6077">
                  <c:v>20.509899999999998</c:v>
                </c:pt>
                <c:pt idx="6078">
                  <c:v>20.538900000000002</c:v>
                </c:pt>
                <c:pt idx="6079">
                  <c:v>20.447600000000001</c:v>
                </c:pt>
                <c:pt idx="6080">
                  <c:v>20.3688</c:v>
                </c:pt>
                <c:pt idx="6081">
                  <c:v>20.32</c:v>
                </c:pt>
                <c:pt idx="6082">
                  <c:v>20.287099999999999</c:v>
                </c:pt>
                <c:pt idx="6083">
                  <c:v>20.3399</c:v>
                </c:pt>
                <c:pt idx="6084">
                  <c:v>20.523499999999999</c:v>
                </c:pt>
                <c:pt idx="6085">
                  <c:v>20.854399999999998</c:v>
                </c:pt>
                <c:pt idx="6086">
                  <c:v>21.35</c:v>
                </c:pt>
                <c:pt idx="6087">
                  <c:v>21.805199999999999</c:v>
                </c:pt>
                <c:pt idx="6088">
                  <c:v>22.407299999999999</c:v>
                </c:pt>
                <c:pt idx="6089">
                  <c:v>22.800999999999998</c:v>
                </c:pt>
                <c:pt idx="6090">
                  <c:v>23.174800000000001</c:v>
                </c:pt>
                <c:pt idx="6091">
                  <c:v>23.482800000000001</c:v>
                </c:pt>
                <c:pt idx="6092">
                  <c:v>23.632899999999999</c:v>
                </c:pt>
                <c:pt idx="6093">
                  <c:v>23.691500000000001</c:v>
                </c:pt>
                <c:pt idx="6094">
                  <c:v>23.751300000000001</c:v>
                </c:pt>
                <c:pt idx="6095">
                  <c:v>23.805900000000001</c:v>
                </c:pt>
                <c:pt idx="6096">
                  <c:v>23.823799999999999</c:v>
                </c:pt>
                <c:pt idx="6097">
                  <c:v>23.6859</c:v>
                </c:pt>
                <c:pt idx="6098">
                  <c:v>23.622499999999999</c:v>
                </c:pt>
                <c:pt idx="6099">
                  <c:v>23.4496</c:v>
                </c:pt>
                <c:pt idx="6100">
                  <c:v>23.398099999999999</c:v>
                </c:pt>
                <c:pt idx="6101">
                  <c:v>23.439800000000002</c:v>
                </c:pt>
                <c:pt idx="6102">
                  <c:v>23.386199999999999</c:v>
                </c:pt>
                <c:pt idx="6103">
                  <c:v>23.2897</c:v>
                </c:pt>
                <c:pt idx="6104">
                  <c:v>23.259899999999998</c:v>
                </c:pt>
                <c:pt idx="6105">
                  <c:v>23.129799999999999</c:v>
                </c:pt>
                <c:pt idx="6106">
                  <c:v>23.112500000000001</c:v>
                </c:pt>
                <c:pt idx="6107">
                  <c:v>22.969100000000001</c:v>
                </c:pt>
                <c:pt idx="6108">
                  <c:v>23.0364</c:v>
                </c:pt>
                <c:pt idx="6109">
                  <c:v>23.096699999999998</c:v>
                </c:pt>
                <c:pt idx="6110">
                  <c:v>23.1462</c:v>
                </c:pt>
                <c:pt idx="6111">
                  <c:v>23.180099999999999</c:v>
                </c:pt>
                <c:pt idx="6112">
                  <c:v>23.216200000000001</c:v>
                </c:pt>
                <c:pt idx="6113">
                  <c:v>23.203499999999998</c:v>
                </c:pt>
                <c:pt idx="6114">
                  <c:v>23.277200000000001</c:v>
                </c:pt>
                <c:pt idx="6115">
                  <c:v>23.2346</c:v>
                </c:pt>
                <c:pt idx="6116">
                  <c:v>23.065899999999999</c:v>
                </c:pt>
                <c:pt idx="6117">
                  <c:v>22.601900000000001</c:v>
                </c:pt>
                <c:pt idx="6118">
                  <c:v>22.291799999999999</c:v>
                </c:pt>
                <c:pt idx="6119">
                  <c:v>21.899799999999999</c:v>
                </c:pt>
                <c:pt idx="6120">
                  <c:v>21.474599999999999</c:v>
                </c:pt>
                <c:pt idx="6121">
                  <c:v>21.001999999999999</c:v>
                </c:pt>
                <c:pt idx="6122">
                  <c:v>20.504000000000001</c:v>
                </c:pt>
                <c:pt idx="6123">
                  <c:v>19.967700000000001</c:v>
                </c:pt>
                <c:pt idx="6124">
                  <c:v>19.6876</c:v>
                </c:pt>
                <c:pt idx="6125">
                  <c:v>19.401599999999998</c:v>
                </c:pt>
                <c:pt idx="6126">
                  <c:v>19.467500000000001</c:v>
                </c:pt>
                <c:pt idx="6127">
                  <c:v>19.356999999999999</c:v>
                </c:pt>
                <c:pt idx="6128">
                  <c:v>19.5106</c:v>
                </c:pt>
                <c:pt idx="6129">
                  <c:v>19.728100000000001</c:v>
                </c:pt>
                <c:pt idx="6130">
                  <c:v>20.116900000000001</c:v>
                </c:pt>
                <c:pt idx="6131">
                  <c:v>20.275500000000001</c:v>
                </c:pt>
                <c:pt idx="6132">
                  <c:v>20.1249</c:v>
                </c:pt>
                <c:pt idx="6133">
                  <c:v>19.955300000000001</c:v>
                </c:pt>
                <c:pt idx="6134">
                  <c:v>19.831900000000001</c:v>
                </c:pt>
                <c:pt idx="6135">
                  <c:v>19.823499999999999</c:v>
                </c:pt>
                <c:pt idx="6136">
                  <c:v>19.644100000000002</c:v>
                </c:pt>
                <c:pt idx="6137">
                  <c:v>19.712199999999999</c:v>
                </c:pt>
                <c:pt idx="6138">
                  <c:v>19.823699999999999</c:v>
                </c:pt>
                <c:pt idx="6139">
                  <c:v>19.946200000000001</c:v>
                </c:pt>
                <c:pt idx="6140">
                  <c:v>20.1736</c:v>
                </c:pt>
                <c:pt idx="6141">
                  <c:v>20.400600000000001</c:v>
                </c:pt>
                <c:pt idx="6142">
                  <c:v>20.643699999999999</c:v>
                </c:pt>
                <c:pt idx="6143">
                  <c:v>20.582100000000001</c:v>
                </c:pt>
                <c:pt idx="6144">
                  <c:v>20.5974</c:v>
                </c:pt>
                <c:pt idx="6145">
                  <c:v>20.414300000000001</c:v>
                </c:pt>
                <c:pt idx="6146">
                  <c:v>20.305199999999999</c:v>
                </c:pt>
                <c:pt idx="6147">
                  <c:v>19.989000000000001</c:v>
                </c:pt>
                <c:pt idx="6148">
                  <c:v>19.4986</c:v>
                </c:pt>
                <c:pt idx="6149">
                  <c:v>19.354199999999999</c:v>
                </c:pt>
                <c:pt idx="6150">
                  <c:v>19.194299999999998</c:v>
                </c:pt>
                <c:pt idx="6151">
                  <c:v>19.132999999999999</c:v>
                </c:pt>
                <c:pt idx="6152">
                  <c:v>19.334599999999998</c:v>
                </c:pt>
                <c:pt idx="6153">
                  <c:v>19.560600000000001</c:v>
                </c:pt>
                <c:pt idx="6154">
                  <c:v>19.811900000000001</c:v>
                </c:pt>
                <c:pt idx="6155">
                  <c:v>19.865400000000001</c:v>
                </c:pt>
                <c:pt idx="6156">
                  <c:v>19.766100000000002</c:v>
                </c:pt>
                <c:pt idx="6157">
                  <c:v>19.542899999999999</c:v>
                </c:pt>
                <c:pt idx="6158">
                  <c:v>19.188700000000001</c:v>
                </c:pt>
                <c:pt idx="6159">
                  <c:v>18.988600000000002</c:v>
                </c:pt>
                <c:pt idx="6160">
                  <c:v>19.036899999999999</c:v>
                </c:pt>
                <c:pt idx="6161">
                  <c:v>19.075299999999999</c:v>
                </c:pt>
                <c:pt idx="6162">
                  <c:v>19.113399999999999</c:v>
                </c:pt>
                <c:pt idx="6163">
                  <c:v>19.152899999999999</c:v>
                </c:pt>
                <c:pt idx="6164">
                  <c:v>19.1843</c:v>
                </c:pt>
                <c:pt idx="6165">
                  <c:v>19.305599999999998</c:v>
                </c:pt>
                <c:pt idx="6166">
                  <c:v>19.327100000000002</c:v>
                </c:pt>
                <c:pt idx="6167">
                  <c:v>19.323699999999999</c:v>
                </c:pt>
                <c:pt idx="6168">
                  <c:v>19.269400000000001</c:v>
                </c:pt>
                <c:pt idx="6169">
                  <c:v>19.201599999999999</c:v>
                </c:pt>
                <c:pt idx="6170">
                  <c:v>18.828099999999999</c:v>
                </c:pt>
                <c:pt idx="6171">
                  <c:v>18.299800000000001</c:v>
                </c:pt>
                <c:pt idx="6172">
                  <c:v>17.563199999999998</c:v>
                </c:pt>
                <c:pt idx="6173">
                  <c:v>17.2408</c:v>
                </c:pt>
                <c:pt idx="6174">
                  <c:v>17.222899999999999</c:v>
                </c:pt>
                <c:pt idx="6175">
                  <c:v>17.3263</c:v>
                </c:pt>
                <c:pt idx="6176">
                  <c:v>17.736799999999999</c:v>
                </c:pt>
                <c:pt idx="6177">
                  <c:v>18.0015</c:v>
                </c:pt>
                <c:pt idx="6178">
                  <c:v>18.183499999999999</c:v>
                </c:pt>
                <c:pt idx="6179">
                  <c:v>18.328700000000001</c:v>
                </c:pt>
                <c:pt idx="6180">
                  <c:v>18.4559</c:v>
                </c:pt>
                <c:pt idx="6181">
                  <c:v>18.3931</c:v>
                </c:pt>
                <c:pt idx="6182">
                  <c:v>18.385400000000001</c:v>
                </c:pt>
                <c:pt idx="6183">
                  <c:v>18.476299999999998</c:v>
                </c:pt>
                <c:pt idx="6184">
                  <c:v>18.513100000000001</c:v>
                </c:pt>
                <c:pt idx="6185">
                  <c:v>18.530999999999999</c:v>
                </c:pt>
                <c:pt idx="6186">
                  <c:v>18.455300000000001</c:v>
                </c:pt>
                <c:pt idx="6187">
                  <c:v>18.401700000000002</c:v>
                </c:pt>
                <c:pt idx="6188">
                  <c:v>18.514299999999999</c:v>
                </c:pt>
                <c:pt idx="6189">
                  <c:v>18.6722</c:v>
                </c:pt>
                <c:pt idx="6190">
                  <c:v>19.099900000000002</c:v>
                </c:pt>
                <c:pt idx="6191">
                  <c:v>19.8233</c:v>
                </c:pt>
                <c:pt idx="6192">
                  <c:v>20.6191</c:v>
                </c:pt>
                <c:pt idx="6193">
                  <c:v>21.4572</c:v>
                </c:pt>
                <c:pt idx="6194">
                  <c:v>22.1053</c:v>
                </c:pt>
                <c:pt idx="6195">
                  <c:v>22.5061</c:v>
                </c:pt>
                <c:pt idx="6196">
                  <c:v>22.7818</c:v>
                </c:pt>
                <c:pt idx="6197">
                  <c:v>22.909700000000001</c:v>
                </c:pt>
                <c:pt idx="6198">
                  <c:v>23.134499999999999</c:v>
                </c:pt>
                <c:pt idx="6199">
                  <c:v>23.066700000000001</c:v>
                </c:pt>
                <c:pt idx="6200">
                  <c:v>22.98</c:v>
                </c:pt>
                <c:pt idx="6201">
                  <c:v>22.931100000000001</c:v>
                </c:pt>
                <c:pt idx="6202">
                  <c:v>22.5444</c:v>
                </c:pt>
                <c:pt idx="6203">
                  <c:v>21.769200000000001</c:v>
                </c:pt>
                <c:pt idx="6204">
                  <c:v>20.636700000000001</c:v>
                </c:pt>
                <c:pt idx="6205">
                  <c:v>19.327500000000001</c:v>
                </c:pt>
                <c:pt idx="6206">
                  <c:v>18.279699999999998</c:v>
                </c:pt>
                <c:pt idx="6207">
                  <c:v>17.587299999999999</c:v>
                </c:pt>
                <c:pt idx="6208">
                  <c:v>17.200399999999998</c:v>
                </c:pt>
                <c:pt idx="6209">
                  <c:v>17.310199999999998</c:v>
                </c:pt>
                <c:pt idx="6210">
                  <c:v>17.492699999999999</c:v>
                </c:pt>
                <c:pt idx="6211">
                  <c:v>17.685500000000001</c:v>
                </c:pt>
                <c:pt idx="6212">
                  <c:v>17.8386</c:v>
                </c:pt>
                <c:pt idx="6213">
                  <c:v>18.264399999999998</c:v>
                </c:pt>
                <c:pt idx="6214">
                  <c:v>18.322399999999998</c:v>
                </c:pt>
                <c:pt idx="6215">
                  <c:v>18.348099999999999</c:v>
                </c:pt>
                <c:pt idx="6216">
                  <c:v>18.3703</c:v>
                </c:pt>
                <c:pt idx="6217">
                  <c:v>18.4757</c:v>
                </c:pt>
                <c:pt idx="6218">
                  <c:v>18.4848</c:v>
                </c:pt>
                <c:pt idx="6219">
                  <c:v>18.532499999999999</c:v>
                </c:pt>
                <c:pt idx="6220">
                  <c:v>18.463799999999999</c:v>
                </c:pt>
                <c:pt idx="6221">
                  <c:v>18.3232</c:v>
                </c:pt>
                <c:pt idx="6222">
                  <c:v>18.082699999999999</c:v>
                </c:pt>
                <c:pt idx="6223">
                  <c:v>17.796199999999999</c:v>
                </c:pt>
                <c:pt idx="6224">
                  <c:v>17.501899999999999</c:v>
                </c:pt>
                <c:pt idx="6225">
                  <c:v>17.300599999999999</c:v>
                </c:pt>
                <c:pt idx="6226">
                  <c:v>17.087299999999999</c:v>
                </c:pt>
                <c:pt idx="6227">
                  <c:v>16.9666</c:v>
                </c:pt>
                <c:pt idx="6228">
                  <c:v>16.857800000000001</c:v>
                </c:pt>
                <c:pt idx="6229">
                  <c:v>16.7242</c:v>
                </c:pt>
                <c:pt idx="6230">
                  <c:v>16.530200000000001</c:v>
                </c:pt>
                <c:pt idx="6231">
                  <c:v>16.09</c:v>
                </c:pt>
                <c:pt idx="6232">
                  <c:v>15.445499999999999</c:v>
                </c:pt>
                <c:pt idx="6233">
                  <c:v>14.2971</c:v>
                </c:pt>
                <c:pt idx="6234">
                  <c:v>12.732900000000001</c:v>
                </c:pt>
                <c:pt idx="6235">
                  <c:v>10.888299999999999</c:v>
                </c:pt>
                <c:pt idx="6236">
                  <c:v>9.2751999999999999</c:v>
                </c:pt>
                <c:pt idx="6237">
                  <c:v>8.1583000000000006</c:v>
                </c:pt>
                <c:pt idx="6238">
                  <c:v>7.2259000000000002</c:v>
                </c:pt>
                <c:pt idx="6239">
                  <c:v>6.7224000000000004</c:v>
                </c:pt>
                <c:pt idx="6240">
                  <c:v>6.3556999999999997</c:v>
                </c:pt>
                <c:pt idx="6241">
                  <c:v>5.5686999999999998</c:v>
                </c:pt>
                <c:pt idx="6242">
                  <c:v>4.7103000000000002</c:v>
                </c:pt>
                <c:pt idx="6243">
                  <c:v>4.7232000000000003</c:v>
                </c:pt>
                <c:pt idx="6244">
                  <c:v>4.8813000000000004</c:v>
                </c:pt>
                <c:pt idx="6245">
                  <c:v>5.1528999999999998</c:v>
                </c:pt>
                <c:pt idx="6246">
                  <c:v>5.8502999999999998</c:v>
                </c:pt>
                <c:pt idx="6247">
                  <c:v>6.742</c:v>
                </c:pt>
                <c:pt idx="6248">
                  <c:v>7.3574000000000002</c:v>
                </c:pt>
                <c:pt idx="6249">
                  <c:v>7.0681000000000003</c:v>
                </c:pt>
                <c:pt idx="6250">
                  <c:v>7.0396000000000001</c:v>
                </c:pt>
                <c:pt idx="6251">
                  <c:v>8.1202000000000005</c:v>
                </c:pt>
                <c:pt idx="6252">
                  <c:v>8.8758999999999997</c:v>
                </c:pt>
                <c:pt idx="6253">
                  <c:v>9.8531999999999993</c:v>
                </c:pt>
                <c:pt idx="6254">
                  <c:v>11.4815</c:v>
                </c:pt>
                <c:pt idx="6255">
                  <c:v>13.568899999999999</c:v>
                </c:pt>
                <c:pt idx="6256">
                  <c:v>15.790800000000001</c:v>
                </c:pt>
                <c:pt idx="6257">
                  <c:v>17.630600000000001</c:v>
                </c:pt>
                <c:pt idx="6258">
                  <c:v>19.820599999999999</c:v>
                </c:pt>
                <c:pt idx="6259">
                  <c:v>21.422999999999998</c:v>
                </c:pt>
                <c:pt idx="6260">
                  <c:v>22.6602</c:v>
                </c:pt>
                <c:pt idx="6261">
                  <c:v>23.843699999999998</c:v>
                </c:pt>
                <c:pt idx="6262">
                  <c:v>24.767800000000001</c:v>
                </c:pt>
                <c:pt idx="6263">
                  <c:v>25.533000000000001</c:v>
                </c:pt>
                <c:pt idx="6264">
                  <c:v>26.159700000000001</c:v>
                </c:pt>
                <c:pt idx="6265">
                  <c:v>26.6204</c:v>
                </c:pt>
                <c:pt idx="6266">
                  <c:v>26.900300000000001</c:v>
                </c:pt>
                <c:pt idx="6267">
                  <c:v>26.954499999999999</c:v>
                </c:pt>
                <c:pt idx="6268">
                  <c:v>26.946300000000001</c:v>
                </c:pt>
                <c:pt idx="6269">
                  <c:v>26.871600000000001</c:v>
                </c:pt>
                <c:pt idx="6270">
                  <c:v>26.793600000000001</c:v>
                </c:pt>
                <c:pt idx="6271">
                  <c:v>26.806899999999999</c:v>
                </c:pt>
                <c:pt idx="6272">
                  <c:v>26.7044</c:v>
                </c:pt>
                <c:pt idx="6273">
                  <c:v>26.587900000000001</c:v>
                </c:pt>
                <c:pt idx="6274">
                  <c:v>26.4146</c:v>
                </c:pt>
                <c:pt idx="6275">
                  <c:v>26.214300000000001</c:v>
                </c:pt>
                <c:pt idx="6276">
                  <c:v>25.913599999999999</c:v>
                </c:pt>
                <c:pt idx="6277">
                  <c:v>25.404399999999999</c:v>
                </c:pt>
                <c:pt idx="6278">
                  <c:v>24.699000000000002</c:v>
                </c:pt>
                <c:pt idx="6279">
                  <c:v>23.700399999999998</c:v>
                </c:pt>
                <c:pt idx="6280">
                  <c:v>22.3157</c:v>
                </c:pt>
                <c:pt idx="6281">
                  <c:v>20.2865</c:v>
                </c:pt>
                <c:pt idx="6282">
                  <c:v>17.872199999999999</c:v>
                </c:pt>
                <c:pt idx="6283">
                  <c:v>15.1136</c:v>
                </c:pt>
                <c:pt idx="6284">
                  <c:v>12.373699999999999</c:v>
                </c:pt>
                <c:pt idx="6285">
                  <c:v>10.4657</c:v>
                </c:pt>
                <c:pt idx="6286">
                  <c:v>9.1486999999999998</c:v>
                </c:pt>
                <c:pt idx="6287">
                  <c:v>8.2582000000000004</c:v>
                </c:pt>
                <c:pt idx="6288">
                  <c:v>7.6184000000000003</c:v>
                </c:pt>
                <c:pt idx="6289">
                  <c:v>6.8139000000000003</c:v>
                </c:pt>
                <c:pt idx="6290">
                  <c:v>6.0446999999999997</c:v>
                </c:pt>
                <c:pt idx="6291">
                  <c:v>5.4916999999999998</c:v>
                </c:pt>
                <c:pt idx="6292">
                  <c:v>5.0873999999999997</c:v>
                </c:pt>
                <c:pt idx="6293">
                  <c:v>5.0010000000000003</c:v>
                </c:pt>
                <c:pt idx="6294">
                  <c:v>4.9756999999999998</c:v>
                </c:pt>
                <c:pt idx="6295">
                  <c:v>5.5449000000000002</c:v>
                </c:pt>
                <c:pt idx="6296">
                  <c:v>6.7888999999999999</c:v>
                </c:pt>
                <c:pt idx="6297">
                  <c:v>8.1854999999999993</c:v>
                </c:pt>
                <c:pt idx="6298">
                  <c:v>9.8079000000000001</c:v>
                </c:pt>
                <c:pt idx="6299">
                  <c:v>11.613899999999999</c:v>
                </c:pt>
                <c:pt idx="6300">
                  <c:v>13.229799999999999</c:v>
                </c:pt>
                <c:pt idx="6301">
                  <c:v>14.6486</c:v>
                </c:pt>
                <c:pt idx="6302">
                  <c:v>15.6922</c:v>
                </c:pt>
                <c:pt idx="6303">
                  <c:v>16.3567</c:v>
                </c:pt>
                <c:pt idx="6304">
                  <c:v>16.956900000000001</c:v>
                </c:pt>
                <c:pt idx="6305">
                  <c:v>17.391999999999999</c:v>
                </c:pt>
                <c:pt idx="6306">
                  <c:v>17.724599999999999</c:v>
                </c:pt>
                <c:pt idx="6307">
                  <c:v>16.958400000000001</c:v>
                </c:pt>
                <c:pt idx="6308">
                  <c:v>16.657399999999999</c:v>
                </c:pt>
                <c:pt idx="6309">
                  <c:v>17.995999999999999</c:v>
                </c:pt>
                <c:pt idx="6310">
                  <c:v>18.1219</c:v>
                </c:pt>
                <c:pt idx="6311">
                  <c:v>18.209199999999999</c:v>
                </c:pt>
                <c:pt idx="6312">
                  <c:v>18.243099999999998</c:v>
                </c:pt>
                <c:pt idx="6313">
                  <c:v>18.216699999999999</c:v>
                </c:pt>
                <c:pt idx="6314">
                  <c:v>18.156099999999999</c:v>
                </c:pt>
                <c:pt idx="6315">
                  <c:v>18.025400000000001</c:v>
                </c:pt>
                <c:pt idx="6316">
                  <c:v>17.856000000000002</c:v>
                </c:pt>
                <c:pt idx="6317">
                  <c:v>17.611999999999998</c:v>
                </c:pt>
                <c:pt idx="6318">
                  <c:v>17.320699999999999</c:v>
                </c:pt>
                <c:pt idx="6319">
                  <c:v>17.059200000000001</c:v>
                </c:pt>
                <c:pt idx="6320">
                  <c:v>16.871200000000002</c:v>
                </c:pt>
                <c:pt idx="6321">
                  <c:v>16.629300000000001</c:v>
                </c:pt>
                <c:pt idx="6322">
                  <c:v>16.288699999999999</c:v>
                </c:pt>
                <c:pt idx="6323">
                  <c:v>15.930300000000001</c:v>
                </c:pt>
                <c:pt idx="6324">
                  <c:v>15.69</c:v>
                </c:pt>
                <c:pt idx="6325">
                  <c:v>15.5281</c:v>
                </c:pt>
                <c:pt idx="6326">
                  <c:v>15.742100000000001</c:v>
                </c:pt>
                <c:pt idx="6327">
                  <c:v>16.144500000000001</c:v>
                </c:pt>
                <c:pt idx="6328">
                  <c:v>16.718900000000001</c:v>
                </c:pt>
                <c:pt idx="6329">
                  <c:v>17.503699999999998</c:v>
                </c:pt>
                <c:pt idx="6330">
                  <c:v>18.264399999999998</c:v>
                </c:pt>
                <c:pt idx="6331">
                  <c:v>18.622900000000001</c:v>
                </c:pt>
                <c:pt idx="6332">
                  <c:v>18.818200000000001</c:v>
                </c:pt>
                <c:pt idx="6333">
                  <c:v>19.119499999999999</c:v>
                </c:pt>
                <c:pt idx="6334">
                  <c:v>19.290800000000001</c:v>
                </c:pt>
                <c:pt idx="6335">
                  <c:v>19.453900000000001</c:v>
                </c:pt>
                <c:pt idx="6336">
                  <c:v>19.781199999999998</c:v>
                </c:pt>
                <c:pt idx="6337">
                  <c:v>20.032499999999999</c:v>
                </c:pt>
                <c:pt idx="6338">
                  <c:v>20.369800000000001</c:v>
                </c:pt>
                <c:pt idx="6339">
                  <c:v>20.659700000000001</c:v>
                </c:pt>
                <c:pt idx="6340">
                  <c:v>21.009599999999999</c:v>
                </c:pt>
                <c:pt idx="6341">
                  <c:v>21.3325</c:v>
                </c:pt>
                <c:pt idx="6342">
                  <c:v>21.635200000000001</c:v>
                </c:pt>
                <c:pt idx="6343">
                  <c:v>21.841699999999999</c:v>
                </c:pt>
                <c:pt idx="6344">
                  <c:v>21.958500000000001</c:v>
                </c:pt>
                <c:pt idx="6345">
                  <c:v>21.9056</c:v>
                </c:pt>
                <c:pt idx="6346">
                  <c:v>21.8276</c:v>
                </c:pt>
                <c:pt idx="6347">
                  <c:v>21.7578</c:v>
                </c:pt>
                <c:pt idx="6348">
                  <c:v>21.699000000000002</c:v>
                </c:pt>
                <c:pt idx="6349">
                  <c:v>21.7178</c:v>
                </c:pt>
                <c:pt idx="6350">
                  <c:v>21.6892</c:v>
                </c:pt>
                <c:pt idx="6351">
                  <c:v>21.732600000000001</c:v>
                </c:pt>
                <c:pt idx="6352">
                  <c:v>21.814399999999999</c:v>
                </c:pt>
                <c:pt idx="6353">
                  <c:v>21.798999999999999</c:v>
                </c:pt>
                <c:pt idx="6354">
                  <c:v>21.7195</c:v>
                </c:pt>
                <c:pt idx="6355">
                  <c:v>21.530899999999999</c:v>
                </c:pt>
                <c:pt idx="6356">
                  <c:v>21.239699999999999</c:v>
                </c:pt>
                <c:pt idx="6357">
                  <c:v>20.860700000000001</c:v>
                </c:pt>
                <c:pt idx="6358">
                  <c:v>20.267600000000002</c:v>
                </c:pt>
                <c:pt idx="6359">
                  <c:v>19.905200000000001</c:v>
                </c:pt>
                <c:pt idx="6360">
                  <c:v>19.6556</c:v>
                </c:pt>
                <c:pt idx="6361">
                  <c:v>19.3825</c:v>
                </c:pt>
                <c:pt idx="6362">
                  <c:v>19.134499999999999</c:v>
                </c:pt>
                <c:pt idx="6363">
                  <c:v>18.9176</c:v>
                </c:pt>
                <c:pt idx="6364">
                  <c:v>18.716000000000001</c:v>
                </c:pt>
                <c:pt idx="6365">
                  <c:v>18.529199999999999</c:v>
                </c:pt>
                <c:pt idx="6366">
                  <c:v>18.6218</c:v>
                </c:pt>
                <c:pt idx="6367">
                  <c:v>18.4697</c:v>
                </c:pt>
                <c:pt idx="6368">
                  <c:v>18.591200000000001</c:v>
                </c:pt>
                <c:pt idx="6369">
                  <c:v>18.6128</c:v>
                </c:pt>
                <c:pt idx="6370">
                  <c:v>18.6935</c:v>
                </c:pt>
                <c:pt idx="6371">
                  <c:v>18.820599999999999</c:v>
                </c:pt>
                <c:pt idx="6372">
                  <c:v>19.011600000000001</c:v>
                </c:pt>
                <c:pt idx="6373">
                  <c:v>19.241399999999999</c:v>
                </c:pt>
                <c:pt idx="6374">
                  <c:v>19.535</c:v>
                </c:pt>
                <c:pt idx="6375">
                  <c:v>19.829799999999999</c:v>
                </c:pt>
                <c:pt idx="6376">
                  <c:v>20.075199999999999</c:v>
                </c:pt>
                <c:pt idx="6377">
                  <c:v>20.290500000000002</c:v>
                </c:pt>
                <c:pt idx="6378">
                  <c:v>20.538599999999999</c:v>
                </c:pt>
                <c:pt idx="6379">
                  <c:v>20.788</c:v>
                </c:pt>
                <c:pt idx="6380">
                  <c:v>20.955300000000001</c:v>
                </c:pt>
                <c:pt idx="6381">
                  <c:v>21.176200000000001</c:v>
                </c:pt>
                <c:pt idx="6382">
                  <c:v>21.4</c:v>
                </c:pt>
                <c:pt idx="6383">
                  <c:v>21.613399999999999</c:v>
                </c:pt>
                <c:pt idx="6384">
                  <c:v>21.714200000000002</c:v>
                </c:pt>
                <c:pt idx="6385">
                  <c:v>21.825600000000001</c:v>
                </c:pt>
                <c:pt idx="6386">
                  <c:v>21.957000000000001</c:v>
                </c:pt>
                <c:pt idx="6387">
                  <c:v>21.997800000000002</c:v>
                </c:pt>
                <c:pt idx="6388">
                  <c:v>21.997900000000001</c:v>
                </c:pt>
                <c:pt idx="6389">
                  <c:v>21.997499999999999</c:v>
                </c:pt>
                <c:pt idx="6390">
                  <c:v>21.965</c:v>
                </c:pt>
                <c:pt idx="6391">
                  <c:v>21.938800000000001</c:v>
                </c:pt>
                <c:pt idx="6392">
                  <c:v>21.948899999999998</c:v>
                </c:pt>
                <c:pt idx="6393">
                  <c:v>22.027100000000001</c:v>
                </c:pt>
                <c:pt idx="6394">
                  <c:v>22.0549</c:v>
                </c:pt>
                <c:pt idx="6395">
                  <c:v>22.0794</c:v>
                </c:pt>
                <c:pt idx="6396">
                  <c:v>22.168900000000001</c:v>
                </c:pt>
                <c:pt idx="6397">
                  <c:v>22.2501</c:v>
                </c:pt>
                <c:pt idx="6398">
                  <c:v>22.368300000000001</c:v>
                </c:pt>
                <c:pt idx="6399">
                  <c:v>22.4877</c:v>
                </c:pt>
                <c:pt idx="6400">
                  <c:v>22.597200000000001</c:v>
                </c:pt>
                <c:pt idx="6401">
                  <c:v>22.6736</c:v>
                </c:pt>
                <c:pt idx="6402">
                  <c:v>22.849900000000002</c:v>
                </c:pt>
                <c:pt idx="6403">
                  <c:v>22.921500000000002</c:v>
                </c:pt>
                <c:pt idx="6404">
                  <c:v>23.159300000000002</c:v>
                </c:pt>
                <c:pt idx="6405">
                  <c:v>23.091699999999999</c:v>
                </c:pt>
                <c:pt idx="6406">
                  <c:v>23.006900000000002</c:v>
                </c:pt>
                <c:pt idx="6407">
                  <c:v>22.936699999999998</c:v>
                </c:pt>
                <c:pt idx="6408">
                  <c:v>23.008299999999998</c:v>
                </c:pt>
                <c:pt idx="6409">
                  <c:v>23.206199999999999</c:v>
                </c:pt>
                <c:pt idx="6410">
                  <c:v>23.483899999999998</c:v>
                </c:pt>
                <c:pt idx="6411">
                  <c:v>23.921199999999999</c:v>
                </c:pt>
                <c:pt idx="6412">
                  <c:v>24.4788</c:v>
                </c:pt>
                <c:pt idx="6413">
                  <c:v>25.107199999999999</c:v>
                </c:pt>
                <c:pt idx="6414">
                  <c:v>25.752500000000001</c:v>
                </c:pt>
                <c:pt idx="6415">
                  <c:v>26.404</c:v>
                </c:pt>
                <c:pt idx="6416">
                  <c:v>27.037500000000001</c:v>
                </c:pt>
                <c:pt idx="6417">
                  <c:v>27.792000000000002</c:v>
                </c:pt>
                <c:pt idx="6418">
                  <c:v>28.494499999999999</c:v>
                </c:pt>
                <c:pt idx="6419">
                  <c:v>29.0549</c:v>
                </c:pt>
                <c:pt idx="6420">
                  <c:v>29.410900000000002</c:v>
                </c:pt>
                <c:pt idx="6421">
                  <c:v>29.6891</c:v>
                </c:pt>
                <c:pt idx="6422">
                  <c:v>29.914000000000001</c:v>
                </c:pt>
                <c:pt idx="6423">
                  <c:v>30.187899999999999</c:v>
                </c:pt>
                <c:pt idx="6424">
                  <c:v>30.6145</c:v>
                </c:pt>
                <c:pt idx="6425">
                  <c:v>30.981999999999999</c:v>
                </c:pt>
                <c:pt idx="6426">
                  <c:v>30.627300000000002</c:v>
                </c:pt>
                <c:pt idx="6427">
                  <c:v>31.299199999999999</c:v>
                </c:pt>
                <c:pt idx="6428">
                  <c:v>31.543500000000002</c:v>
                </c:pt>
                <c:pt idx="6429">
                  <c:v>32.069699999999997</c:v>
                </c:pt>
                <c:pt idx="6430">
                  <c:v>32.294499999999999</c:v>
                </c:pt>
                <c:pt idx="6431">
                  <c:v>32.737200000000001</c:v>
                </c:pt>
                <c:pt idx="6432">
                  <c:v>33.842100000000002</c:v>
                </c:pt>
                <c:pt idx="6433">
                  <c:v>33.668900000000001</c:v>
                </c:pt>
                <c:pt idx="6434">
                  <c:v>33.463200000000001</c:v>
                </c:pt>
                <c:pt idx="6435">
                  <c:v>34.290300000000002</c:v>
                </c:pt>
                <c:pt idx="6436">
                  <c:v>34.437899999999999</c:v>
                </c:pt>
                <c:pt idx="6437">
                  <c:v>34.431800000000003</c:v>
                </c:pt>
                <c:pt idx="6438">
                  <c:v>33.570799999999998</c:v>
                </c:pt>
                <c:pt idx="6439">
                  <c:v>34.267200000000003</c:v>
                </c:pt>
                <c:pt idx="6440">
                  <c:v>33.744599999999998</c:v>
                </c:pt>
                <c:pt idx="6441">
                  <c:v>34.499400000000001</c:v>
                </c:pt>
                <c:pt idx="6442">
                  <c:v>34.5259</c:v>
                </c:pt>
                <c:pt idx="6443">
                  <c:v>34.575699999999998</c:v>
                </c:pt>
                <c:pt idx="6444">
                  <c:v>34.824300000000001</c:v>
                </c:pt>
                <c:pt idx="6445">
                  <c:v>36.753500000000003</c:v>
                </c:pt>
                <c:pt idx="6446">
                  <c:v>36.869399999999999</c:v>
                </c:pt>
                <c:pt idx="6447">
                  <c:v>36.945099999999996</c:v>
                </c:pt>
                <c:pt idx="6448">
                  <c:v>36.295900000000003</c:v>
                </c:pt>
                <c:pt idx="6449">
                  <c:v>36.850099999999998</c:v>
                </c:pt>
                <c:pt idx="6450">
                  <c:v>37.129399999999997</c:v>
                </c:pt>
                <c:pt idx="6451">
                  <c:v>37.202100000000002</c:v>
                </c:pt>
                <c:pt idx="6452">
                  <c:v>35.643900000000002</c:v>
                </c:pt>
                <c:pt idx="6453">
                  <c:v>37.042000000000002</c:v>
                </c:pt>
                <c:pt idx="6454">
                  <c:v>37.7864</c:v>
                </c:pt>
                <c:pt idx="6455">
                  <c:v>37.894799999999996</c:v>
                </c:pt>
                <c:pt idx="6456">
                  <c:v>38.077300000000001</c:v>
                </c:pt>
                <c:pt idx="6457">
                  <c:v>38.231299999999997</c:v>
                </c:pt>
                <c:pt idx="6458">
                  <c:v>38.464300000000001</c:v>
                </c:pt>
                <c:pt idx="6459">
                  <c:v>38.594999999999999</c:v>
                </c:pt>
                <c:pt idx="6460">
                  <c:v>38.640300000000003</c:v>
                </c:pt>
                <c:pt idx="6461">
                  <c:v>38.620199999999997</c:v>
                </c:pt>
                <c:pt idx="6462">
                  <c:v>38.203099999999999</c:v>
                </c:pt>
                <c:pt idx="6463">
                  <c:v>37.795999999999999</c:v>
                </c:pt>
                <c:pt idx="6464">
                  <c:v>38.025199999999998</c:v>
                </c:pt>
                <c:pt idx="6465">
                  <c:v>38.674300000000002</c:v>
                </c:pt>
                <c:pt idx="6466">
                  <c:v>38.400799999999997</c:v>
                </c:pt>
                <c:pt idx="6467">
                  <c:v>38.0458</c:v>
                </c:pt>
                <c:pt idx="6468">
                  <c:v>37.44</c:v>
                </c:pt>
                <c:pt idx="6469">
                  <c:v>36.5289</c:v>
                </c:pt>
                <c:pt idx="6470">
                  <c:v>35.659199999999998</c:v>
                </c:pt>
                <c:pt idx="6471">
                  <c:v>34.6768</c:v>
                </c:pt>
                <c:pt idx="6472">
                  <c:v>33.878</c:v>
                </c:pt>
                <c:pt idx="6473">
                  <c:v>33.052700000000002</c:v>
                </c:pt>
                <c:pt idx="6474">
                  <c:v>32.2911</c:v>
                </c:pt>
                <c:pt idx="6475">
                  <c:v>31.5975</c:v>
                </c:pt>
                <c:pt idx="6476">
                  <c:v>30.956</c:v>
                </c:pt>
                <c:pt idx="6477">
                  <c:v>30.113499999999998</c:v>
                </c:pt>
                <c:pt idx="6478">
                  <c:v>29.461099999999998</c:v>
                </c:pt>
                <c:pt idx="6479">
                  <c:v>28.849699999999999</c:v>
                </c:pt>
                <c:pt idx="6480">
                  <c:v>28.315799999999999</c:v>
                </c:pt>
                <c:pt idx="6481">
                  <c:v>27.6313</c:v>
                </c:pt>
                <c:pt idx="6482">
                  <c:v>27.061</c:v>
                </c:pt>
                <c:pt idx="6483">
                  <c:v>26.45</c:v>
                </c:pt>
                <c:pt idx="6484">
                  <c:v>25.839200000000002</c:v>
                </c:pt>
                <c:pt idx="6485">
                  <c:v>25.304400000000001</c:v>
                </c:pt>
                <c:pt idx="6486">
                  <c:v>24.872399999999999</c:v>
                </c:pt>
                <c:pt idx="6487">
                  <c:v>24.492599999999999</c:v>
                </c:pt>
                <c:pt idx="6488">
                  <c:v>24.022400000000001</c:v>
                </c:pt>
                <c:pt idx="6489">
                  <c:v>23.245999999999999</c:v>
                </c:pt>
                <c:pt idx="6490">
                  <c:v>23.097999999999999</c:v>
                </c:pt>
                <c:pt idx="6491">
                  <c:v>22.7075</c:v>
                </c:pt>
                <c:pt idx="6492">
                  <c:v>22.270199999999999</c:v>
                </c:pt>
                <c:pt idx="6493">
                  <c:v>21.8139</c:v>
                </c:pt>
                <c:pt idx="6494">
                  <c:v>21.44</c:v>
                </c:pt>
                <c:pt idx="6495">
                  <c:v>21.053599999999999</c:v>
                </c:pt>
                <c:pt idx="6496">
                  <c:v>20.8901</c:v>
                </c:pt>
                <c:pt idx="6497">
                  <c:v>20.737400000000001</c:v>
                </c:pt>
                <c:pt idx="6498">
                  <c:v>20.613099999999999</c:v>
                </c:pt>
                <c:pt idx="6499">
                  <c:v>20.605899999999998</c:v>
                </c:pt>
                <c:pt idx="6500">
                  <c:v>20.579799999999999</c:v>
                </c:pt>
                <c:pt idx="6501">
                  <c:v>20.426100000000002</c:v>
                </c:pt>
                <c:pt idx="6502">
                  <c:v>20.364799999999999</c:v>
                </c:pt>
                <c:pt idx="6503">
                  <c:v>20.330200000000001</c:v>
                </c:pt>
                <c:pt idx="6504">
                  <c:v>20.162600000000001</c:v>
                </c:pt>
                <c:pt idx="6505">
                  <c:v>20.0684</c:v>
                </c:pt>
                <c:pt idx="6506">
                  <c:v>19.823799999999999</c:v>
                </c:pt>
                <c:pt idx="6507">
                  <c:v>19.663499999999999</c:v>
                </c:pt>
                <c:pt idx="6508">
                  <c:v>19.423500000000001</c:v>
                </c:pt>
                <c:pt idx="6509">
                  <c:v>19.1388</c:v>
                </c:pt>
                <c:pt idx="6510">
                  <c:v>18.949100000000001</c:v>
                </c:pt>
                <c:pt idx="6511">
                  <c:v>18.734200000000001</c:v>
                </c:pt>
                <c:pt idx="6512">
                  <c:v>18.530100000000001</c:v>
                </c:pt>
                <c:pt idx="6513">
                  <c:v>18.445399999999999</c:v>
                </c:pt>
                <c:pt idx="6514">
                  <c:v>18.253599999999999</c:v>
                </c:pt>
                <c:pt idx="6515">
                  <c:v>18.075199999999999</c:v>
                </c:pt>
                <c:pt idx="6516">
                  <c:v>18.034199999999998</c:v>
                </c:pt>
                <c:pt idx="6517">
                  <c:v>18.0259</c:v>
                </c:pt>
                <c:pt idx="6518">
                  <c:v>18.011299999999999</c:v>
                </c:pt>
                <c:pt idx="6519">
                  <c:v>17.8901</c:v>
                </c:pt>
                <c:pt idx="6520">
                  <c:v>17.8156</c:v>
                </c:pt>
                <c:pt idx="6521">
                  <c:v>17.635300000000001</c:v>
                </c:pt>
                <c:pt idx="6522">
                  <c:v>17.479399999999998</c:v>
                </c:pt>
                <c:pt idx="6523">
                  <c:v>17.297999999999998</c:v>
                </c:pt>
                <c:pt idx="6524">
                  <c:v>17.2241</c:v>
                </c:pt>
                <c:pt idx="6525">
                  <c:v>17.323499999999999</c:v>
                </c:pt>
                <c:pt idx="6526">
                  <c:v>17.424900000000001</c:v>
                </c:pt>
                <c:pt idx="6527">
                  <c:v>17.5398</c:v>
                </c:pt>
                <c:pt idx="6528">
                  <c:v>17.625699999999998</c:v>
                </c:pt>
                <c:pt idx="6529">
                  <c:v>17.722300000000001</c:v>
                </c:pt>
                <c:pt idx="6530">
                  <c:v>17.779499999999999</c:v>
                </c:pt>
                <c:pt idx="6531">
                  <c:v>17.682400000000001</c:v>
                </c:pt>
                <c:pt idx="6532">
                  <c:v>17.6038</c:v>
                </c:pt>
                <c:pt idx="6533">
                  <c:v>16.3887</c:v>
                </c:pt>
                <c:pt idx="6534">
                  <c:v>16.182200000000002</c:v>
                </c:pt>
                <c:pt idx="6535">
                  <c:v>15.9436</c:v>
                </c:pt>
                <c:pt idx="6536">
                  <c:v>15.724500000000001</c:v>
                </c:pt>
                <c:pt idx="6537">
                  <c:v>15.4781</c:v>
                </c:pt>
                <c:pt idx="6538">
                  <c:v>15.3543</c:v>
                </c:pt>
                <c:pt idx="6539">
                  <c:v>15.1876</c:v>
                </c:pt>
                <c:pt idx="6540">
                  <c:v>15.112299999999999</c:v>
                </c:pt>
                <c:pt idx="6541">
                  <c:v>14.9976</c:v>
                </c:pt>
                <c:pt idx="6542">
                  <c:v>14.968</c:v>
                </c:pt>
                <c:pt idx="6543">
                  <c:v>14.9709</c:v>
                </c:pt>
                <c:pt idx="6544">
                  <c:v>15.045299999999999</c:v>
                </c:pt>
                <c:pt idx="6545">
                  <c:v>15.128500000000001</c:v>
                </c:pt>
                <c:pt idx="6546">
                  <c:v>15.316599999999999</c:v>
                </c:pt>
                <c:pt idx="6547">
                  <c:v>15.5627</c:v>
                </c:pt>
                <c:pt idx="6548">
                  <c:v>15.9506</c:v>
                </c:pt>
                <c:pt idx="6549">
                  <c:v>16.458100000000002</c:v>
                </c:pt>
                <c:pt idx="6550">
                  <c:v>17.025200000000002</c:v>
                </c:pt>
                <c:pt idx="6551">
                  <c:v>17.7026</c:v>
                </c:pt>
                <c:pt idx="6552">
                  <c:v>18.299600000000002</c:v>
                </c:pt>
                <c:pt idx="6553">
                  <c:v>19.028199999999998</c:v>
                </c:pt>
                <c:pt idx="6554">
                  <c:v>19.994700000000002</c:v>
                </c:pt>
                <c:pt idx="6555">
                  <c:v>20.953199999999999</c:v>
                </c:pt>
                <c:pt idx="6556">
                  <c:v>21.985399999999998</c:v>
                </c:pt>
                <c:pt idx="6557">
                  <c:v>22.975200000000001</c:v>
                </c:pt>
                <c:pt idx="6558">
                  <c:v>23.487100000000002</c:v>
                </c:pt>
                <c:pt idx="6559">
                  <c:v>23.951799999999999</c:v>
                </c:pt>
                <c:pt idx="6560">
                  <c:v>24.825800000000001</c:v>
                </c:pt>
                <c:pt idx="6561">
                  <c:v>25.6023</c:v>
                </c:pt>
                <c:pt idx="6562">
                  <c:v>26.710899999999999</c:v>
                </c:pt>
                <c:pt idx="6563">
                  <c:v>26.6707</c:v>
                </c:pt>
                <c:pt idx="6564">
                  <c:v>26.232500000000002</c:v>
                </c:pt>
                <c:pt idx="6565">
                  <c:v>26.089600000000001</c:v>
                </c:pt>
                <c:pt idx="6566">
                  <c:v>25.9846</c:v>
                </c:pt>
                <c:pt idx="6567">
                  <c:v>25.014900000000001</c:v>
                </c:pt>
                <c:pt idx="6568">
                  <c:v>24.4665</c:v>
                </c:pt>
                <c:pt idx="6569">
                  <c:v>24.134399999999999</c:v>
                </c:pt>
                <c:pt idx="6570">
                  <c:v>24.055700000000002</c:v>
                </c:pt>
                <c:pt idx="6571">
                  <c:v>24.241399999999999</c:v>
                </c:pt>
                <c:pt idx="6572">
                  <c:v>24.634499999999999</c:v>
                </c:pt>
                <c:pt idx="6573">
                  <c:v>24.866599999999998</c:v>
                </c:pt>
                <c:pt idx="6574">
                  <c:v>24.989000000000001</c:v>
                </c:pt>
                <c:pt idx="6575">
                  <c:v>25.110900000000001</c:v>
                </c:pt>
                <c:pt idx="6576">
                  <c:v>24.965699999999998</c:v>
                </c:pt>
                <c:pt idx="6577">
                  <c:v>24.839099999999998</c:v>
                </c:pt>
                <c:pt idx="6578">
                  <c:v>24.771899999999999</c:v>
                </c:pt>
                <c:pt idx="6579">
                  <c:v>24.8018</c:v>
                </c:pt>
                <c:pt idx="6580">
                  <c:v>24.874700000000001</c:v>
                </c:pt>
                <c:pt idx="6581">
                  <c:v>24.5046</c:v>
                </c:pt>
                <c:pt idx="6582">
                  <c:v>24.616599999999998</c:v>
                </c:pt>
                <c:pt idx="6583">
                  <c:v>24.357700000000001</c:v>
                </c:pt>
                <c:pt idx="6584">
                  <c:v>24.257400000000001</c:v>
                </c:pt>
                <c:pt idx="6585">
                  <c:v>24.173999999999999</c:v>
                </c:pt>
                <c:pt idx="6586">
                  <c:v>24.3216</c:v>
                </c:pt>
                <c:pt idx="6587">
                  <c:v>24.018699999999999</c:v>
                </c:pt>
                <c:pt idx="6588">
                  <c:v>23.938099999999999</c:v>
                </c:pt>
                <c:pt idx="6589">
                  <c:v>23.781600000000001</c:v>
                </c:pt>
                <c:pt idx="6590">
                  <c:v>23.653400000000001</c:v>
                </c:pt>
                <c:pt idx="6591">
                  <c:v>23.6144</c:v>
                </c:pt>
                <c:pt idx="6592">
                  <c:v>23.729700000000001</c:v>
                </c:pt>
                <c:pt idx="6593">
                  <c:v>23.764500000000002</c:v>
                </c:pt>
                <c:pt idx="6594">
                  <c:v>23.777899999999999</c:v>
                </c:pt>
                <c:pt idx="6595">
                  <c:v>23.720400000000001</c:v>
                </c:pt>
                <c:pt idx="6596">
                  <c:v>23.681699999999999</c:v>
                </c:pt>
                <c:pt idx="6597">
                  <c:v>23.527200000000001</c:v>
                </c:pt>
                <c:pt idx="6598">
                  <c:v>23.374500000000001</c:v>
                </c:pt>
                <c:pt idx="6599">
                  <c:v>23.258199999999999</c:v>
                </c:pt>
                <c:pt idx="6600">
                  <c:v>23.266300000000001</c:v>
                </c:pt>
                <c:pt idx="6601">
                  <c:v>22.9724</c:v>
                </c:pt>
                <c:pt idx="6602">
                  <c:v>22.907900000000001</c:v>
                </c:pt>
                <c:pt idx="6603">
                  <c:v>22.808399999999999</c:v>
                </c:pt>
                <c:pt idx="6604">
                  <c:v>22.8354</c:v>
                </c:pt>
                <c:pt idx="6605">
                  <c:v>22.841100000000001</c:v>
                </c:pt>
                <c:pt idx="6606">
                  <c:v>22.888400000000001</c:v>
                </c:pt>
                <c:pt idx="6607">
                  <c:v>22.9939</c:v>
                </c:pt>
                <c:pt idx="6608">
                  <c:v>23.1069</c:v>
                </c:pt>
                <c:pt idx="6609">
                  <c:v>23.192900000000002</c:v>
                </c:pt>
                <c:pt idx="6610">
                  <c:v>23.2789</c:v>
                </c:pt>
                <c:pt idx="6611">
                  <c:v>23.193100000000001</c:v>
                </c:pt>
                <c:pt idx="6612">
                  <c:v>23.121200000000002</c:v>
                </c:pt>
                <c:pt idx="6613">
                  <c:v>23.008700000000001</c:v>
                </c:pt>
                <c:pt idx="6614">
                  <c:v>22.8734</c:v>
                </c:pt>
                <c:pt idx="6615">
                  <c:v>22.543099999999999</c:v>
                </c:pt>
                <c:pt idx="6616">
                  <c:v>22.314399999999999</c:v>
                </c:pt>
                <c:pt idx="6617">
                  <c:v>22.262599999999999</c:v>
                </c:pt>
                <c:pt idx="6618">
                  <c:v>22.274000000000001</c:v>
                </c:pt>
                <c:pt idx="6619">
                  <c:v>22.097200000000001</c:v>
                </c:pt>
                <c:pt idx="6620">
                  <c:v>22.001000000000001</c:v>
                </c:pt>
                <c:pt idx="6621">
                  <c:v>21.9923</c:v>
                </c:pt>
                <c:pt idx="6622">
                  <c:v>22.130199999999999</c:v>
                </c:pt>
                <c:pt idx="6623">
                  <c:v>22.406199999999998</c:v>
                </c:pt>
                <c:pt idx="6624">
                  <c:v>22.78</c:v>
                </c:pt>
                <c:pt idx="6625">
                  <c:v>23.139099999999999</c:v>
                </c:pt>
                <c:pt idx="6626">
                  <c:v>23.7712</c:v>
                </c:pt>
                <c:pt idx="6627">
                  <c:v>24.390699999999999</c:v>
                </c:pt>
                <c:pt idx="6628">
                  <c:v>25.203499999999998</c:v>
                </c:pt>
                <c:pt idx="6629">
                  <c:v>26.258400000000002</c:v>
                </c:pt>
                <c:pt idx="6630">
                  <c:v>27.239000000000001</c:v>
                </c:pt>
                <c:pt idx="6631">
                  <c:v>27.9666</c:v>
                </c:pt>
                <c:pt idx="6632">
                  <c:v>28.143599999999999</c:v>
                </c:pt>
                <c:pt idx="6633">
                  <c:v>27.941299999999998</c:v>
                </c:pt>
                <c:pt idx="6634">
                  <c:v>27.644600000000001</c:v>
                </c:pt>
                <c:pt idx="6635">
                  <c:v>27.577000000000002</c:v>
                </c:pt>
                <c:pt idx="6636">
                  <c:v>28.434699999999999</c:v>
                </c:pt>
                <c:pt idx="6637">
                  <c:v>29.413399999999999</c:v>
                </c:pt>
                <c:pt idx="6638">
                  <c:v>29.734200000000001</c:v>
                </c:pt>
                <c:pt idx="6639">
                  <c:v>29.720800000000001</c:v>
                </c:pt>
                <c:pt idx="6640">
                  <c:v>29.8</c:v>
                </c:pt>
                <c:pt idx="6641">
                  <c:v>29.253399999999999</c:v>
                </c:pt>
                <c:pt idx="6642">
                  <c:v>28.9053</c:v>
                </c:pt>
                <c:pt idx="6643">
                  <c:v>29.5701</c:v>
                </c:pt>
                <c:pt idx="6644">
                  <c:v>28.617899999999999</c:v>
                </c:pt>
                <c:pt idx="6645">
                  <c:v>28.851299999999998</c:v>
                </c:pt>
                <c:pt idx="6646">
                  <c:v>28.898099999999999</c:v>
                </c:pt>
                <c:pt idx="6647">
                  <c:v>28.866199999999999</c:v>
                </c:pt>
                <c:pt idx="6648">
                  <c:v>27.9024</c:v>
                </c:pt>
                <c:pt idx="6649">
                  <c:v>27.718699999999998</c:v>
                </c:pt>
                <c:pt idx="6650">
                  <c:v>27.722899999999999</c:v>
                </c:pt>
                <c:pt idx="6651">
                  <c:v>27.6783</c:v>
                </c:pt>
                <c:pt idx="6652">
                  <c:v>27.8324</c:v>
                </c:pt>
                <c:pt idx="6653">
                  <c:v>27.524699999999999</c:v>
                </c:pt>
                <c:pt idx="6654">
                  <c:v>27.554099999999998</c:v>
                </c:pt>
                <c:pt idx="6655">
                  <c:v>27.198</c:v>
                </c:pt>
                <c:pt idx="6656">
                  <c:v>26.838699999999999</c:v>
                </c:pt>
                <c:pt idx="6657">
                  <c:v>26.467400000000001</c:v>
                </c:pt>
                <c:pt idx="6658">
                  <c:v>26.0943</c:v>
                </c:pt>
                <c:pt idx="6659">
                  <c:v>25.8522</c:v>
                </c:pt>
                <c:pt idx="6660">
                  <c:v>25.476900000000001</c:v>
                </c:pt>
                <c:pt idx="6661">
                  <c:v>25.2423</c:v>
                </c:pt>
                <c:pt idx="6662">
                  <c:v>25.079799999999999</c:v>
                </c:pt>
                <c:pt idx="6663">
                  <c:v>24.927</c:v>
                </c:pt>
                <c:pt idx="6664">
                  <c:v>24.9039</c:v>
                </c:pt>
                <c:pt idx="6665">
                  <c:v>25.106999999999999</c:v>
                </c:pt>
                <c:pt idx="6666">
                  <c:v>25.507200000000001</c:v>
                </c:pt>
                <c:pt idx="6667">
                  <c:v>25.8353</c:v>
                </c:pt>
                <c:pt idx="6668">
                  <c:v>26.075800000000001</c:v>
                </c:pt>
                <c:pt idx="6669">
                  <c:v>26.2241</c:v>
                </c:pt>
                <c:pt idx="6670">
                  <c:v>26.118200000000002</c:v>
                </c:pt>
                <c:pt idx="6671">
                  <c:v>26.529399999999999</c:v>
                </c:pt>
                <c:pt idx="6672">
                  <c:v>26.892299999999999</c:v>
                </c:pt>
                <c:pt idx="6673">
                  <c:v>26.854900000000001</c:v>
                </c:pt>
                <c:pt idx="6674">
                  <c:v>25.985800000000001</c:v>
                </c:pt>
                <c:pt idx="6675">
                  <c:v>26.053599999999999</c:v>
                </c:pt>
                <c:pt idx="6676">
                  <c:v>26.236799999999999</c:v>
                </c:pt>
                <c:pt idx="6677">
                  <c:v>26.263100000000001</c:v>
                </c:pt>
                <c:pt idx="6678">
                  <c:v>26.474699999999999</c:v>
                </c:pt>
                <c:pt idx="6679">
                  <c:v>26.6279</c:v>
                </c:pt>
                <c:pt idx="6680">
                  <c:v>26.973400000000002</c:v>
                </c:pt>
                <c:pt idx="6681">
                  <c:v>27.212900000000001</c:v>
                </c:pt>
                <c:pt idx="6682">
                  <c:v>27.509</c:v>
                </c:pt>
                <c:pt idx="6683">
                  <c:v>27.7652</c:v>
                </c:pt>
                <c:pt idx="6684">
                  <c:v>28.0183</c:v>
                </c:pt>
                <c:pt idx="6685">
                  <c:v>28.239000000000001</c:v>
                </c:pt>
                <c:pt idx="6686">
                  <c:v>28.3658</c:v>
                </c:pt>
                <c:pt idx="6687">
                  <c:v>28.321400000000001</c:v>
                </c:pt>
                <c:pt idx="6688">
                  <c:v>28.396899999999999</c:v>
                </c:pt>
                <c:pt idx="6689">
                  <c:v>28.206</c:v>
                </c:pt>
                <c:pt idx="6690">
                  <c:v>27.958400000000001</c:v>
                </c:pt>
                <c:pt idx="6691">
                  <c:v>27.9496</c:v>
                </c:pt>
                <c:pt idx="6692">
                  <c:v>27.7499</c:v>
                </c:pt>
                <c:pt idx="6693">
                  <c:v>27.521599999999999</c:v>
                </c:pt>
                <c:pt idx="6694">
                  <c:v>27.374300000000002</c:v>
                </c:pt>
                <c:pt idx="6695">
                  <c:v>27.150500000000001</c:v>
                </c:pt>
                <c:pt idx="6696">
                  <c:v>26.799600000000002</c:v>
                </c:pt>
                <c:pt idx="6697">
                  <c:v>26.6753</c:v>
                </c:pt>
                <c:pt idx="6698">
                  <c:v>26.633199999999999</c:v>
                </c:pt>
                <c:pt idx="6699">
                  <c:v>26.240100000000002</c:v>
                </c:pt>
                <c:pt idx="6700">
                  <c:v>26.4739</c:v>
                </c:pt>
                <c:pt idx="6701">
                  <c:v>26.170400000000001</c:v>
                </c:pt>
                <c:pt idx="6702">
                  <c:v>26.055800000000001</c:v>
                </c:pt>
                <c:pt idx="6703">
                  <c:v>26.077999999999999</c:v>
                </c:pt>
                <c:pt idx="6704">
                  <c:v>25.924099999999999</c:v>
                </c:pt>
                <c:pt idx="6705">
                  <c:v>24.952000000000002</c:v>
                </c:pt>
                <c:pt idx="6706">
                  <c:v>24.662600000000001</c:v>
                </c:pt>
                <c:pt idx="6707">
                  <c:v>24.313800000000001</c:v>
                </c:pt>
                <c:pt idx="6708">
                  <c:v>24.0122</c:v>
                </c:pt>
                <c:pt idx="6709">
                  <c:v>23.791799999999999</c:v>
                </c:pt>
                <c:pt idx="6710">
                  <c:v>23.6526</c:v>
                </c:pt>
                <c:pt idx="6711">
                  <c:v>23.78</c:v>
                </c:pt>
                <c:pt idx="6712">
                  <c:v>23.9071</c:v>
                </c:pt>
                <c:pt idx="6713">
                  <c:v>23.7348</c:v>
                </c:pt>
                <c:pt idx="6714">
                  <c:v>23.744499999999999</c:v>
                </c:pt>
                <c:pt idx="6715">
                  <c:v>23.698699999999999</c:v>
                </c:pt>
                <c:pt idx="6716">
                  <c:v>23.7181</c:v>
                </c:pt>
                <c:pt idx="6717">
                  <c:v>23.752099999999999</c:v>
                </c:pt>
                <c:pt idx="6718">
                  <c:v>23.569900000000001</c:v>
                </c:pt>
                <c:pt idx="6719">
                  <c:v>23.321400000000001</c:v>
                </c:pt>
                <c:pt idx="6720">
                  <c:v>23.174700000000001</c:v>
                </c:pt>
                <c:pt idx="6721">
                  <c:v>23.106999999999999</c:v>
                </c:pt>
                <c:pt idx="6722">
                  <c:v>22.960100000000001</c:v>
                </c:pt>
                <c:pt idx="6723">
                  <c:v>22.834800000000001</c:v>
                </c:pt>
                <c:pt idx="6724">
                  <c:v>22.5884</c:v>
                </c:pt>
                <c:pt idx="6725">
                  <c:v>22.482900000000001</c:v>
                </c:pt>
                <c:pt idx="6726">
                  <c:v>22.4315</c:v>
                </c:pt>
                <c:pt idx="6727">
                  <c:v>22.276700000000002</c:v>
                </c:pt>
                <c:pt idx="6728">
                  <c:v>22.2315</c:v>
                </c:pt>
                <c:pt idx="6729">
                  <c:v>22.250800000000002</c:v>
                </c:pt>
                <c:pt idx="6730">
                  <c:v>22.229399999999998</c:v>
                </c:pt>
                <c:pt idx="6731">
                  <c:v>22.343499999999999</c:v>
                </c:pt>
                <c:pt idx="6732">
                  <c:v>22.5075</c:v>
                </c:pt>
                <c:pt idx="6733">
                  <c:v>22.7394</c:v>
                </c:pt>
                <c:pt idx="6734">
                  <c:v>22.919799999999999</c:v>
                </c:pt>
                <c:pt idx="6735">
                  <c:v>23.079799999999999</c:v>
                </c:pt>
                <c:pt idx="6736">
                  <c:v>22.700800000000001</c:v>
                </c:pt>
                <c:pt idx="6737">
                  <c:v>22.8262</c:v>
                </c:pt>
                <c:pt idx="6738">
                  <c:v>22.585799999999999</c:v>
                </c:pt>
                <c:pt idx="6739">
                  <c:v>22.4147</c:v>
                </c:pt>
                <c:pt idx="6740">
                  <c:v>22.263400000000001</c:v>
                </c:pt>
                <c:pt idx="6741">
                  <c:v>22.138300000000001</c:v>
                </c:pt>
                <c:pt idx="6742">
                  <c:v>22.031300000000002</c:v>
                </c:pt>
                <c:pt idx="6743">
                  <c:v>22.028199999999998</c:v>
                </c:pt>
                <c:pt idx="6744">
                  <c:v>22.122199999999999</c:v>
                </c:pt>
                <c:pt idx="6745">
                  <c:v>22.222000000000001</c:v>
                </c:pt>
                <c:pt idx="6746">
                  <c:v>22.247</c:v>
                </c:pt>
                <c:pt idx="6747">
                  <c:v>22.1722</c:v>
                </c:pt>
                <c:pt idx="6748">
                  <c:v>22.1126</c:v>
                </c:pt>
                <c:pt idx="6749">
                  <c:v>21.988099999999999</c:v>
                </c:pt>
                <c:pt idx="6750">
                  <c:v>22.043800000000001</c:v>
                </c:pt>
                <c:pt idx="6751">
                  <c:v>21.945900000000002</c:v>
                </c:pt>
                <c:pt idx="6752">
                  <c:v>21.9801</c:v>
                </c:pt>
                <c:pt idx="6753">
                  <c:v>21.941800000000001</c:v>
                </c:pt>
                <c:pt idx="6754">
                  <c:v>21.922599999999999</c:v>
                </c:pt>
                <c:pt idx="6755">
                  <c:v>21.909600000000001</c:v>
                </c:pt>
                <c:pt idx="6756">
                  <c:v>21.720600000000001</c:v>
                </c:pt>
                <c:pt idx="6757">
                  <c:v>21.478300000000001</c:v>
                </c:pt>
                <c:pt idx="6758">
                  <c:v>21.3752</c:v>
                </c:pt>
                <c:pt idx="6759">
                  <c:v>21.2685</c:v>
                </c:pt>
                <c:pt idx="6760">
                  <c:v>21.337</c:v>
                </c:pt>
                <c:pt idx="6761">
                  <c:v>21.347999999999999</c:v>
                </c:pt>
                <c:pt idx="6762">
                  <c:v>21.2773</c:v>
                </c:pt>
                <c:pt idx="6763">
                  <c:v>21.341799999999999</c:v>
                </c:pt>
                <c:pt idx="6764">
                  <c:v>21.493400000000001</c:v>
                </c:pt>
                <c:pt idx="6765">
                  <c:v>21.577999999999999</c:v>
                </c:pt>
                <c:pt idx="6766">
                  <c:v>21.520099999999999</c:v>
                </c:pt>
                <c:pt idx="6767">
                  <c:v>21.572399999999998</c:v>
                </c:pt>
                <c:pt idx="6768">
                  <c:v>21.653700000000001</c:v>
                </c:pt>
                <c:pt idx="6769">
                  <c:v>21.660900000000002</c:v>
                </c:pt>
                <c:pt idx="6770">
                  <c:v>21.645700000000001</c:v>
                </c:pt>
                <c:pt idx="6771">
                  <c:v>21.655799999999999</c:v>
                </c:pt>
                <c:pt idx="6772">
                  <c:v>21.773099999999999</c:v>
                </c:pt>
                <c:pt idx="6773">
                  <c:v>21.933199999999999</c:v>
                </c:pt>
                <c:pt idx="6774">
                  <c:v>22.194099999999999</c:v>
                </c:pt>
                <c:pt idx="6775">
                  <c:v>22.433499999999999</c:v>
                </c:pt>
                <c:pt idx="6776">
                  <c:v>22.6144</c:v>
                </c:pt>
                <c:pt idx="6777">
                  <c:v>22.861599999999999</c:v>
                </c:pt>
                <c:pt idx="6778">
                  <c:v>22.959800000000001</c:v>
                </c:pt>
                <c:pt idx="6779">
                  <c:v>23.1068</c:v>
                </c:pt>
                <c:pt idx="6780">
                  <c:v>23.281099999999999</c:v>
                </c:pt>
                <c:pt idx="6781">
                  <c:v>23.339400000000001</c:v>
                </c:pt>
                <c:pt idx="6782">
                  <c:v>23.524699999999999</c:v>
                </c:pt>
                <c:pt idx="6783">
                  <c:v>23.411799999999999</c:v>
                </c:pt>
                <c:pt idx="6784">
                  <c:v>23.682300000000001</c:v>
                </c:pt>
                <c:pt idx="6785">
                  <c:v>23.6968</c:v>
                </c:pt>
                <c:pt idx="6786">
                  <c:v>23.925899999999999</c:v>
                </c:pt>
                <c:pt idx="6787">
                  <c:v>24.255700000000001</c:v>
                </c:pt>
                <c:pt idx="6788">
                  <c:v>24.635400000000001</c:v>
                </c:pt>
                <c:pt idx="6789">
                  <c:v>24.998000000000001</c:v>
                </c:pt>
                <c:pt idx="6790">
                  <c:v>25.640599999999999</c:v>
                </c:pt>
                <c:pt idx="6791">
                  <c:v>25.861999999999998</c:v>
                </c:pt>
                <c:pt idx="6792">
                  <c:v>26.184000000000001</c:v>
                </c:pt>
                <c:pt idx="6793">
                  <c:v>26.430599999999998</c:v>
                </c:pt>
                <c:pt idx="6794">
                  <c:v>26.7911</c:v>
                </c:pt>
                <c:pt idx="6795">
                  <c:v>27.363900000000001</c:v>
                </c:pt>
                <c:pt idx="6796">
                  <c:v>28.0379</c:v>
                </c:pt>
                <c:pt idx="6797">
                  <c:v>28.613</c:v>
                </c:pt>
                <c:pt idx="6798">
                  <c:v>28.866099999999999</c:v>
                </c:pt>
                <c:pt idx="6799">
                  <c:v>28.7849</c:v>
                </c:pt>
                <c:pt idx="6800">
                  <c:v>28.0822</c:v>
                </c:pt>
                <c:pt idx="6801">
                  <c:v>26.587599999999998</c:v>
                </c:pt>
                <c:pt idx="6802">
                  <c:v>24.414000000000001</c:v>
                </c:pt>
                <c:pt idx="6803">
                  <c:v>22.087399999999999</c:v>
                </c:pt>
                <c:pt idx="6804">
                  <c:v>19.7242</c:v>
                </c:pt>
                <c:pt idx="6805">
                  <c:v>17.148499999999999</c:v>
                </c:pt>
                <c:pt idx="6806">
                  <c:v>14.789400000000001</c:v>
                </c:pt>
                <c:pt idx="6807">
                  <c:v>12.362299999999999</c:v>
                </c:pt>
                <c:pt idx="6808">
                  <c:v>9.9639000000000006</c:v>
                </c:pt>
                <c:pt idx="6809">
                  <c:v>8.7294</c:v>
                </c:pt>
                <c:pt idx="6810">
                  <c:v>7.9534000000000002</c:v>
                </c:pt>
                <c:pt idx="6811">
                  <c:v>7.2709000000000001</c:v>
                </c:pt>
                <c:pt idx="6812">
                  <c:v>6.3814000000000002</c:v>
                </c:pt>
                <c:pt idx="6813">
                  <c:v>5.7961</c:v>
                </c:pt>
                <c:pt idx="6814">
                  <c:v>4.9911000000000003</c:v>
                </c:pt>
                <c:pt idx="6815">
                  <c:v>4.4173</c:v>
                </c:pt>
                <c:pt idx="6816">
                  <c:v>4.0762999999999998</c:v>
                </c:pt>
                <c:pt idx="6817">
                  <c:v>4.0488999999999997</c:v>
                </c:pt>
                <c:pt idx="6818">
                  <c:v>4.1635999999999997</c:v>
                </c:pt>
                <c:pt idx="6819">
                  <c:v>4.9931999999999999</c:v>
                </c:pt>
                <c:pt idx="6820">
                  <c:v>7.0457999999999998</c:v>
                </c:pt>
                <c:pt idx="6821">
                  <c:v>9.8119999999999994</c:v>
                </c:pt>
                <c:pt idx="6822">
                  <c:v>13.091799999999999</c:v>
                </c:pt>
                <c:pt idx="6823">
                  <c:v>16.255700000000001</c:v>
                </c:pt>
                <c:pt idx="6824">
                  <c:v>19.2788</c:v>
                </c:pt>
                <c:pt idx="6825">
                  <c:v>21.9711</c:v>
                </c:pt>
                <c:pt idx="6826">
                  <c:v>24.263999999999999</c:v>
                </c:pt>
                <c:pt idx="6827">
                  <c:v>25.826000000000001</c:v>
                </c:pt>
                <c:pt idx="6828">
                  <c:v>27.011500000000002</c:v>
                </c:pt>
                <c:pt idx="6829">
                  <c:v>27.902000000000001</c:v>
                </c:pt>
                <c:pt idx="6830">
                  <c:v>28.578099999999999</c:v>
                </c:pt>
                <c:pt idx="6831">
                  <c:v>29.101199999999999</c:v>
                </c:pt>
                <c:pt idx="6832">
                  <c:v>29.529900000000001</c:v>
                </c:pt>
                <c:pt idx="6833">
                  <c:v>29.611999999999998</c:v>
                </c:pt>
                <c:pt idx="6834">
                  <c:v>29.531500000000001</c:v>
                </c:pt>
                <c:pt idx="6835">
                  <c:v>29.142299999999999</c:v>
                </c:pt>
                <c:pt idx="6836">
                  <c:v>28.535</c:v>
                </c:pt>
                <c:pt idx="6837">
                  <c:v>27.899799999999999</c:v>
                </c:pt>
                <c:pt idx="6838">
                  <c:v>27.228100000000001</c:v>
                </c:pt>
                <c:pt idx="6839">
                  <c:v>26.527999999999999</c:v>
                </c:pt>
                <c:pt idx="6840">
                  <c:v>25.883199999999999</c:v>
                </c:pt>
                <c:pt idx="6841">
                  <c:v>25.455500000000001</c:v>
                </c:pt>
                <c:pt idx="6842">
                  <c:v>25.0749</c:v>
                </c:pt>
                <c:pt idx="6843">
                  <c:v>24.815200000000001</c:v>
                </c:pt>
                <c:pt idx="6844">
                  <c:v>24.564800000000002</c:v>
                </c:pt>
                <c:pt idx="6845">
                  <c:v>24.5441</c:v>
                </c:pt>
                <c:pt idx="6846">
                  <c:v>24.535299999999999</c:v>
                </c:pt>
                <c:pt idx="6847">
                  <c:v>24.6614</c:v>
                </c:pt>
                <c:pt idx="6848">
                  <c:v>24.830500000000001</c:v>
                </c:pt>
                <c:pt idx="6849">
                  <c:v>25.133600000000001</c:v>
                </c:pt>
                <c:pt idx="6850">
                  <c:v>25.441199999999998</c:v>
                </c:pt>
                <c:pt idx="6851">
                  <c:v>25.952400000000001</c:v>
                </c:pt>
                <c:pt idx="6852">
                  <c:v>26.398700000000002</c:v>
                </c:pt>
                <c:pt idx="6853">
                  <c:v>26.937899999999999</c:v>
                </c:pt>
                <c:pt idx="6854">
                  <c:v>27.434699999999999</c:v>
                </c:pt>
                <c:pt idx="6855">
                  <c:v>27.672699999999999</c:v>
                </c:pt>
                <c:pt idx="6856">
                  <c:v>27.802099999999999</c:v>
                </c:pt>
                <c:pt idx="6857">
                  <c:v>27.762599999999999</c:v>
                </c:pt>
                <c:pt idx="6858">
                  <c:v>27.444900000000001</c:v>
                </c:pt>
                <c:pt idx="6859">
                  <c:v>27.156700000000001</c:v>
                </c:pt>
                <c:pt idx="6860">
                  <c:v>26.797899999999998</c:v>
                </c:pt>
                <c:pt idx="6861">
                  <c:v>26.745999999999999</c:v>
                </c:pt>
                <c:pt idx="6862">
                  <c:v>26.664400000000001</c:v>
                </c:pt>
                <c:pt idx="6863">
                  <c:v>26.884699999999999</c:v>
                </c:pt>
                <c:pt idx="6864">
                  <c:v>27.055</c:v>
                </c:pt>
                <c:pt idx="6865">
                  <c:v>27.307700000000001</c:v>
                </c:pt>
                <c:pt idx="6866">
                  <c:v>27.480899999999998</c:v>
                </c:pt>
                <c:pt idx="6867">
                  <c:v>27.504799999999999</c:v>
                </c:pt>
                <c:pt idx="6868">
                  <c:v>27.227699999999999</c:v>
                </c:pt>
                <c:pt idx="6869">
                  <c:v>26.863700000000001</c:v>
                </c:pt>
                <c:pt idx="6870">
                  <c:v>26.263000000000002</c:v>
                </c:pt>
                <c:pt idx="6871">
                  <c:v>25.5825</c:v>
                </c:pt>
                <c:pt idx="6872">
                  <c:v>24.883800000000001</c:v>
                </c:pt>
                <c:pt idx="6873">
                  <c:v>24.222000000000001</c:v>
                </c:pt>
                <c:pt idx="6874">
                  <c:v>23.542100000000001</c:v>
                </c:pt>
                <c:pt idx="6875">
                  <c:v>22.9512</c:v>
                </c:pt>
                <c:pt idx="6876">
                  <c:v>22.444600000000001</c:v>
                </c:pt>
                <c:pt idx="6877">
                  <c:v>21.916799999999999</c:v>
                </c:pt>
                <c:pt idx="6878">
                  <c:v>21.394200000000001</c:v>
                </c:pt>
                <c:pt idx="6879">
                  <c:v>20.9678</c:v>
                </c:pt>
                <c:pt idx="6880">
                  <c:v>20.578700000000001</c:v>
                </c:pt>
                <c:pt idx="6881">
                  <c:v>20.301500000000001</c:v>
                </c:pt>
                <c:pt idx="6882">
                  <c:v>19.957000000000001</c:v>
                </c:pt>
                <c:pt idx="6883">
                  <c:v>19.7027</c:v>
                </c:pt>
                <c:pt idx="6884">
                  <c:v>19.430599999999998</c:v>
                </c:pt>
                <c:pt idx="6885">
                  <c:v>19.094200000000001</c:v>
                </c:pt>
                <c:pt idx="6886">
                  <c:v>18.849699999999999</c:v>
                </c:pt>
                <c:pt idx="6887">
                  <c:v>18.525700000000001</c:v>
                </c:pt>
                <c:pt idx="6888">
                  <c:v>18.266400000000001</c:v>
                </c:pt>
                <c:pt idx="6889">
                  <c:v>18.0138</c:v>
                </c:pt>
                <c:pt idx="6890">
                  <c:v>17.823899999999998</c:v>
                </c:pt>
                <c:pt idx="6891">
                  <c:v>17.718</c:v>
                </c:pt>
                <c:pt idx="6892">
                  <c:v>17.633900000000001</c:v>
                </c:pt>
                <c:pt idx="6893">
                  <c:v>17.687100000000001</c:v>
                </c:pt>
                <c:pt idx="6894">
                  <c:v>17.837499999999999</c:v>
                </c:pt>
                <c:pt idx="6895">
                  <c:v>18.053000000000001</c:v>
                </c:pt>
                <c:pt idx="6896">
                  <c:v>18.402200000000001</c:v>
                </c:pt>
                <c:pt idx="6897">
                  <c:v>18.7363</c:v>
                </c:pt>
                <c:pt idx="6898">
                  <c:v>19.096399999999999</c:v>
                </c:pt>
                <c:pt idx="6899">
                  <c:v>19.4466</c:v>
                </c:pt>
                <c:pt idx="6900">
                  <c:v>19.939699999999998</c:v>
                </c:pt>
                <c:pt idx="6901">
                  <c:v>20.224</c:v>
                </c:pt>
                <c:pt idx="6902">
                  <c:v>20.531099999999999</c:v>
                </c:pt>
                <c:pt idx="6903">
                  <c:v>20.717300000000002</c:v>
                </c:pt>
                <c:pt idx="6904">
                  <c:v>20.857800000000001</c:v>
                </c:pt>
                <c:pt idx="6905">
                  <c:v>20.9145</c:v>
                </c:pt>
                <c:pt idx="6906">
                  <c:v>20.978899999999999</c:v>
                </c:pt>
                <c:pt idx="6907">
                  <c:v>20.860399999999998</c:v>
                </c:pt>
                <c:pt idx="6908">
                  <c:v>20.784700000000001</c:v>
                </c:pt>
                <c:pt idx="6909">
                  <c:v>20.615300000000001</c:v>
                </c:pt>
                <c:pt idx="6910">
                  <c:v>20.457899999999999</c:v>
                </c:pt>
                <c:pt idx="6911">
                  <c:v>20.383299999999998</c:v>
                </c:pt>
                <c:pt idx="6912">
                  <c:v>20.253599999999999</c:v>
                </c:pt>
                <c:pt idx="6913">
                  <c:v>20.113199999999999</c:v>
                </c:pt>
                <c:pt idx="6914">
                  <c:v>20.048999999999999</c:v>
                </c:pt>
                <c:pt idx="6915">
                  <c:v>19.973099999999999</c:v>
                </c:pt>
                <c:pt idx="6916">
                  <c:v>19.9223</c:v>
                </c:pt>
                <c:pt idx="6917">
                  <c:v>19.798300000000001</c:v>
                </c:pt>
                <c:pt idx="6918">
                  <c:v>19.7257</c:v>
                </c:pt>
                <c:pt idx="6919">
                  <c:v>19.582799999999999</c:v>
                </c:pt>
                <c:pt idx="6920">
                  <c:v>19.454899999999999</c:v>
                </c:pt>
                <c:pt idx="6921">
                  <c:v>19.343299999999999</c:v>
                </c:pt>
                <c:pt idx="6922">
                  <c:v>19.187100000000001</c:v>
                </c:pt>
                <c:pt idx="6923">
                  <c:v>19.0932</c:v>
                </c:pt>
                <c:pt idx="6924">
                  <c:v>19.0214</c:v>
                </c:pt>
                <c:pt idx="6925">
                  <c:v>19.053899999999999</c:v>
                </c:pt>
                <c:pt idx="6926">
                  <c:v>19.1267</c:v>
                </c:pt>
                <c:pt idx="6927">
                  <c:v>19.2285</c:v>
                </c:pt>
                <c:pt idx="6928">
                  <c:v>19.399100000000001</c:v>
                </c:pt>
                <c:pt idx="6929">
                  <c:v>19.573399999999999</c:v>
                </c:pt>
                <c:pt idx="6930">
                  <c:v>19.784800000000001</c:v>
                </c:pt>
                <c:pt idx="6931">
                  <c:v>19.907499999999999</c:v>
                </c:pt>
                <c:pt idx="6932">
                  <c:v>20.088899999999999</c:v>
                </c:pt>
                <c:pt idx="6933">
                  <c:v>20.165299999999998</c:v>
                </c:pt>
                <c:pt idx="6934">
                  <c:v>20.366199999999999</c:v>
                </c:pt>
                <c:pt idx="6935">
                  <c:v>20.278700000000001</c:v>
                </c:pt>
                <c:pt idx="6936">
                  <c:v>20.2331</c:v>
                </c:pt>
                <c:pt idx="6937">
                  <c:v>20.116700000000002</c:v>
                </c:pt>
                <c:pt idx="6938">
                  <c:v>19.9331</c:v>
                </c:pt>
                <c:pt idx="6939">
                  <c:v>19.751300000000001</c:v>
                </c:pt>
                <c:pt idx="6940">
                  <c:v>19.597000000000001</c:v>
                </c:pt>
                <c:pt idx="6941">
                  <c:v>19.3432</c:v>
                </c:pt>
                <c:pt idx="6942">
                  <c:v>19.176300000000001</c:v>
                </c:pt>
                <c:pt idx="6943">
                  <c:v>18.998699999999999</c:v>
                </c:pt>
                <c:pt idx="6944">
                  <c:v>18.973800000000001</c:v>
                </c:pt>
                <c:pt idx="6945">
                  <c:v>18.935400000000001</c:v>
                </c:pt>
                <c:pt idx="6946">
                  <c:v>18.966799999999999</c:v>
                </c:pt>
                <c:pt idx="6947">
                  <c:v>19.142700000000001</c:v>
                </c:pt>
                <c:pt idx="6948">
                  <c:v>19.355399999999999</c:v>
                </c:pt>
                <c:pt idx="6949">
                  <c:v>19.500399999999999</c:v>
                </c:pt>
                <c:pt idx="6950">
                  <c:v>19.724399999999999</c:v>
                </c:pt>
                <c:pt idx="6951">
                  <c:v>19.998100000000001</c:v>
                </c:pt>
                <c:pt idx="6952">
                  <c:v>20.214400000000001</c:v>
                </c:pt>
                <c:pt idx="6953">
                  <c:v>20.471399999999999</c:v>
                </c:pt>
                <c:pt idx="6954">
                  <c:v>20.621500000000001</c:v>
                </c:pt>
                <c:pt idx="6955">
                  <c:v>20.8126</c:v>
                </c:pt>
                <c:pt idx="6956">
                  <c:v>20.9649</c:v>
                </c:pt>
                <c:pt idx="6957">
                  <c:v>21.0794</c:v>
                </c:pt>
                <c:pt idx="6958">
                  <c:v>21.208100000000002</c:v>
                </c:pt>
                <c:pt idx="6959">
                  <c:v>21.325900000000001</c:v>
                </c:pt>
                <c:pt idx="6960">
                  <c:v>21.452100000000002</c:v>
                </c:pt>
                <c:pt idx="6961">
                  <c:v>21.508500000000002</c:v>
                </c:pt>
                <c:pt idx="6962">
                  <c:v>21.613099999999999</c:v>
                </c:pt>
                <c:pt idx="6963">
                  <c:v>21.7027</c:v>
                </c:pt>
                <c:pt idx="6964">
                  <c:v>21.837800000000001</c:v>
                </c:pt>
                <c:pt idx="6965">
                  <c:v>21.9147</c:v>
                </c:pt>
                <c:pt idx="6966">
                  <c:v>22.097100000000001</c:v>
                </c:pt>
                <c:pt idx="6967">
                  <c:v>22.116499999999998</c:v>
                </c:pt>
                <c:pt idx="6968">
                  <c:v>22.2605</c:v>
                </c:pt>
                <c:pt idx="6969">
                  <c:v>22.360299999999999</c:v>
                </c:pt>
                <c:pt idx="6970">
                  <c:v>22.520499999999998</c:v>
                </c:pt>
                <c:pt idx="6971">
                  <c:v>22.723400000000002</c:v>
                </c:pt>
                <c:pt idx="6972">
                  <c:v>22.5608</c:v>
                </c:pt>
                <c:pt idx="6973">
                  <c:v>22.714600000000001</c:v>
                </c:pt>
                <c:pt idx="6974">
                  <c:v>22.790500000000002</c:v>
                </c:pt>
                <c:pt idx="6975">
                  <c:v>22.802900000000001</c:v>
                </c:pt>
                <c:pt idx="6976">
                  <c:v>22.827000000000002</c:v>
                </c:pt>
                <c:pt idx="6977">
                  <c:v>22.7255</c:v>
                </c:pt>
                <c:pt idx="6978">
                  <c:v>22.697099999999999</c:v>
                </c:pt>
                <c:pt idx="6979">
                  <c:v>22.6218</c:v>
                </c:pt>
                <c:pt idx="6980">
                  <c:v>22.427099999999999</c:v>
                </c:pt>
                <c:pt idx="6981">
                  <c:v>22.338000000000001</c:v>
                </c:pt>
                <c:pt idx="6982">
                  <c:v>22.2925</c:v>
                </c:pt>
                <c:pt idx="6983">
                  <c:v>22.0641</c:v>
                </c:pt>
                <c:pt idx="6984">
                  <c:v>21.985700000000001</c:v>
                </c:pt>
                <c:pt idx="6985">
                  <c:v>21.752800000000001</c:v>
                </c:pt>
                <c:pt idx="6986">
                  <c:v>21.641500000000001</c:v>
                </c:pt>
                <c:pt idx="6987">
                  <c:v>21.485099999999999</c:v>
                </c:pt>
                <c:pt idx="6988">
                  <c:v>21.3477</c:v>
                </c:pt>
                <c:pt idx="6989">
                  <c:v>21.262799999999999</c:v>
                </c:pt>
                <c:pt idx="6990">
                  <c:v>21.133600000000001</c:v>
                </c:pt>
                <c:pt idx="6991">
                  <c:v>21.052299999999999</c:v>
                </c:pt>
                <c:pt idx="6992">
                  <c:v>21.0473</c:v>
                </c:pt>
                <c:pt idx="6993">
                  <c:v>21.065200000000001</c:v>
                </c:pt>
                <c:pt idx="6994">
                  <c:v>21.1067</c:v>
                </c:pt>
                <c:pt idx="6995">
                  <c:v>21.168900000000001</c:v>
                </c:pt>
                <c:pt idx="6996">
                  <c:v>21.305299999999999</c:v>
                </c:pt>
                <c:pt idx="6997">
                  <c:v>21.452500000000001</c:v>
                </c:pt>
                <c:pt idx="6998">
                  <c:v>21.493500000000001</c:v>
                </c:pt>
                <c:pt idx="6999">
                  <c:v>21.526900000000001</c:v>
                </c:pt>
                <c:pt idx="7000">
                  <c:v>21.5639</c:v>
                </c:pt>
                <c:pt idx="7001">
                  <c:v>21.454799999999999</c:v>
                </c:pt>
                <c:pt idx="7002">
                  <c:v>21.408999999999999</c:v>
                </c:pt>
                <c:pt idx="7003">
                  <c:v>21.158000000000001</c:v>
                </c:pt>
                <c:pt idx="7004">
                  <c:v>21.0413</c:v>
                </c:pt>
                <c:pt idx="7005">
                  <c:v>20.8841</c:v>
                </c:pt>
                <c:pt idx="7006">
                  <c:v>20.782699999999998</c:v>
                </c:pt>
                <c:pt idx="7007">
                  <c:v>20.703499999999998</c:v>
                </c:pt>
                <c:pt idx="7008">
                  <c:v>20.642399999999999</c:v>
                </c:pt>
                <c:pt idx="7009">
                  <c:v>20.502500000000001</c:v>
                </c:pt>
                <c:pt idx="7010">
                  <c:v>20.535499999999999</c:v>
                </c:pt>
                <c:pt idx="7011">
                  <c:v>20.4618</c:v>
                </c:pt>
                <c:pt idx="7012">
                  <c:v>20.515599999999999</c:v>
                </c:pt>
                <c:pt idx="7013">
                  <c:v>20.497900000000001</c:v>
                </c:pt>
                <c:pt idx="7014">
                  <c:v>20.4834</c:v>
                </c:pt>
                <c:pt idx="7015">
                  <c:v>20.360199999999999</c:v>
                </c:pt>
                <c:pt idx="7016">
                  <c:v>20.198799999999999</c:v>
                </c:pt>
                <c:pt idx="7017">
                  <c:v>20.012499999999999</c:v>
                </c:pt>
                <c:pt idx="7018">
                  <c:v>19.834700000000002</c:v>
                </c:pt>
                <c:pt idx="7019">
                  <c:v>19.5745</c:v>
                </c:pt>
                <c:pt idx="7020">
                  <c:v>19.3688</c:v>
                </c:pt>
                <c:pt idx="7021">
                  <c:v>19.1768</c:v>
                </c:pt>
                <c:pt idx="7022">
                  <c:v>18.920400000000001</c:v>
                </c:pt>
                <c:pt idx="7023">
                  <c:v>18.808800000000002</c:v>
                </c:pt>
                <c:pt idx="7024">
                  <c:v>18.738199999999999</c:v>
                </c:pt>
                <c:pt idx="7025">
                  <c:v>18.6341</c:v>
                </c:pt>
                <c:pt idx="7026">
                  <c:v>18.646699999999999</c:v>
                </c:pt>
                <c:pt idx="7027">
                  <c:v>18.692799999999998</c:v>
                </c:pt>
                <c:pt idx="7028">
                  <c:v>18.757400000000001</c:v>
                </c:pt>
                <c:pt idx="7029">
                  <c:v>18.931100000000001</c:v>
                </c:pt>
                <c:pt idx="7030">
                  <c:v>19.097200000000001</c:v>
                </c:pt>
                <c:pt idx="7031">
                  <c:v>19.2837</c:v>
                </c:pt>
                <c:pt idx="7032">
                  <c:v>19.509</c:v>
                </c:pt>
                <c:pt idx="7033">
                  <c:v>19.779599999999999</c:v>
                </c:pt>
                <c:pt idx="7034">
                  <c:v>20.0259</c:v>
                </c:pt>
                <c:pt idx="7035">
                  <c:v>20.316099999999999</c:v>
                </c:pt>
                <c:pt idx="7036">
                  <c:v>20.5092</c:v>
                </c:pt>
                <c:pt idx="7037">
                  <c:v>20.704499999999999</c:v>
                </c:pt>
                <c:pt idx="7038">
                  <c:v>20.7774</c:v>
                </c:pt>
                <c:pt idx="7039">
                  <c:v>20.8538</c:v>
                </c:pt>
                <c:pt idx="7040">
                  <c:v>20.860499999999998</c:v>
                </c:pt>
                <c:pt idx="7041">
                  <c:v>20.863299999999999</c:v>
                </c:pt>
                <c:pt idx="7042">
                  <c:v>20.880199999999999</c:v>
                </c:pt>
                <c:pt idx="7043">
                  <c:v>20.912500000000001</c:v>
                </c:pt>
                <c:pt idx="7044">
                  <c:v>20.930099999999999</c:v>
                </c:pt>
                <c:pt idx="7045">
                  <c:v>20.913499999999999</c:v>
                </c:pt>
                <c:pt idx="7046">
                  <c:v>20.996200000000002</c:v>
                </c:pt>
                <c:pt idx="7047">
                  <c:v>21.022300000000001</c:v>
                </c:pt>
                <c:pt idx="7048">
                  <c:v>21.006599999999999</c:v>
                </c:pt>
                <c:pt idx="7049">
                  <c:v>20.995100000000001</c:v>
                </c:pt>
                <c:pt idx="7050">
                  <c:v>21.009699999999999</c:v>
                </c:pt>
                <c:pt idx="7051">
                  <c:v>20.971499999999999</c:v>
                </c:pt>
                <c:pt idx="7052">
                  <c:v>21.147300000000001</c:v>
                </c:pt>
                <c:pt idx="7053">
                  <c:v>21.215199999999999</c:v>
                </c:pt>
                <c:pt idx="7054">
                  <c:v>21.3736</c:v>
                </c:pt>
                <c:pt idx="7055">
                  <c:v>21.560300000000002</c:v>
                </c:pt>
                <c:pt idx="7056">
                  <c:v>21.6462</c:v>
                </c:pt>
                <c:pt idx="7057">
                  <c:v>21.843299999999999</c:v>
                </c:pt>
                <c:pt idx="7058">
                  <c:v>22.1114</c:v>
                </c:pt>
                <c:pt idx="7059">
                  <c:v>22.517399999999999</c:v>
                </c:pt>
                <c:pt idx="7060">
                  <c:v>23.046399999999998</c:v>
                </c:pt>
                <c:pt idx="7061">
                  <c:v>23.502099999999999</c:v>
                </c:pt>
                <c:pt idx="7062">
                  <c:v>24.005099999999999</c:v>
                </c:pt>
                <c:pt idx="7063">
                  <c:v>24.369299999999999</c:v>
                </c:pt>
                <c:pt idx="7064">
                  <c:v>24.6023</c:v>
                </c:pt>
                <c:pt idx="7065">
                  <c:v>24.652699999999999</c:v>
                </c:pt>
                <c:pt idx="7066">
                  <c:v>24.6431</c:v>
                </c:pt>
                <c:pt idx="7067">
                  <c:v>24.497199999999999</c:v>
                </c:pt>
                <c:pt idx="7068">
                  <c:v>24.430599999999998</c:v>
                </c:pt>
                <c:pt idx="7069">
                  <c:v>24.423200000000001</c:v>
                </c:pt>
                <c:pt idx="7070">
                  <c:v>24.1877</c:v>
                </c:pt>
                <c:pt idx="7071">
                  <c:v>23.796199999999999</c:v>
                </c:pt>
                <c:pt idx="7072">
                  <c:v>23.6187</c:v>
                </c:pt>
                <c:pt idx="7073">
                  <c:v>23.064</c:v>
                </c:pt>
                <c:pt idx="7074">
                  <c:v>23.0182</c:v>
                </c:pt>
                <c:pt idx="7075">
                  <c:v>22.5199</c:v>
                </c:pt>
                <c:pt idx="7076">
                  <c:v>22.305399999999999</c:v>
                </c:pt>
                <c:pt idx="7077">
                  <c:v>22.1098</c:v>
                </c:pt>
                <c:pt idx="7078">
                  <c:v>21.809899999999999</c:v>
                </c:pt>
                <c:pt idx="7079">
                  <c:v>21.834399999999999</c:v>
                </c:pt>
                <c:pt idx="7080">
                  <c:v>21.6568</c:v>
                </c:pt>
                <c:pt idx="7081">
                  <c:v>21.6312</c:v>
                </c:pt>
                <c:pt idx="7082">
                  <c:v>21.638100000000001</c:v>
                </c:pt>
                <c:pt idx="7083">
                  <c:v>21.871500000000001</c:v>
                </c:pt>
                <c:pt idx="7084">
                  <c:v>22.252300000000002</c:v>
                </c:pt>
                <c:pt idx="7085">
                  <c:v>22.633199999999999</c:v>
                </c:pt>
                <c:pt idx="7086">
                  <c:v>23.2349</c:v>
                </c:pt>
                <c:pt idx="7087">
                  <c:v>23.9117</c:v>
                </c:pt>
                <c:pt idx="7088">
                  <c:v>24.550999999999998</c:v>
                </c:pt>
                <c:pt idx="7089">
                  <c:v>25.071999999999999</c:v>
                </c:pt>
                <c:pt idx="7090">
                  <c:v>25.403600000000001</c:v>
                </c:pt>
                <c:pt idx="7091">
                  <c:v>25.623200000000001</c:v>
                </c:pt>
                <c:pt idx="7092">
                  <c:v>25.82</c:v>
                </c:pt>
                <c:pt idx="7093">
                  <c:v>25.8965</c:v>
                </c:pt>
                <c:pt idx="7094">
                  <c:v>26.0198</c:v>
                </c:pt>
                <c:pt idx="7095">
                  <c:v>26.098700000000001</c:v>
                </c:pt>
                <c:pt idx="7096">
                  <c:v>26.194099999999999</c:v>
                </c:pt>
                <c:pt idx="7097">
                  <c:v>26.479800000000001</c:v>
                </c:pt>
                <c:pt idx="7098">
                  <c:v>26.708400000000001</c:v>
                </c:pt>
                <c:pt idx="7099">
                  <c:v>26.871099999999998</c:v>
                </c:pt>
                <c:pt idx="7100">
                  <c:v>27.023900000000001</c:v>
                </c:pt>
                <c:pt idx="7101">
                  <c:v>27.0047</c:v>
                </c:pt>
                <c:pt idx="7102">
                  <c:v>27.037600000000001</c:v>
                </c:pt>
                <c:pt idx="7103">
                  <c:v>26.9757</c:v>
                </c:pt>
                <c:pt idx="7104">
                  <c:v>26.870699999999999</c:v>
                </c:pt>
                <c:pt idx="7105">
                  <c:v>26.720500000000001</c:v>
                </c:pt>
                <c:pt idx="7106">
                  <c:v>26.519300000000001</c:v>
                </c:pt>
                <c:pt idx="7107">
                  <c:v>26.309100000000001</c:v>
                </c:pt>
                <c:pt idx="7108">
                  <c:v>26.085799999999999</c:v>
                </c:pt>
                <c:pt idx="7109">
                  <c:v>26.004300000000001</c:v>
                </c:pt>
                <c:pt idx="7110">
                  <c:v>25.9436</c:v>
                </c:pt>
                <c:pt idx="7111">
                  <c:v>25.8628</c:v>
                </c:pt>
                <c:pt idx="7112">
                  <c:v>25.773800000000001</c:v>
                </c:pt>
                <c:pt idx="7113">
                  <c:v>25.634799999999998</c:v>
                </c:pt>
                <c:pt idx="7114">
                  <c:v>25.4269</c:v>
                </c:pt>
                <c:pt idx="7115">
                  <c:v>25.3568</c:v>
                </c:pt>
                <c:pt idx="7116">
                  <c:v>25.195599999999999</c:v>
                </c:pt>
                <c:pt idx="7117">
                  <c:v>25.0928</c:v>
                </c:pt>
                <c:pt idx="7118">
                  <c:v>24.9377</c:v>
                </c:pt>
                <c:pt idx="7119">
                  <c:v>24.734400000000001</c:v>
                </c:pt>
                <c:pt idx="7120">
                  <c:v>24.5015</c:v>
                </c:pt>
                <c:pt idx="7121">
                  <c:v>24.311199999999999</c:v>
                </c:pt>
                <c:pt idx="7122">
                  <c:v>24.0519</c:v>
                </c:pt>
                <c:pt idx="7123">
                  <c:v>23.903199999999998</c:v>
                </c:pt>
                <c:pt idx="7124">
                  <c:v>23.792899999999999</c:v>
                </c:pt>
                <c:pt idx="7125">
                  <c:v>23.6813</c:v>
                </c:pt>
                <c:pt idx="7126">
                  <c:v>23.4604</c:v>
                </c:pt>
                <c:pt idx="7127">
                  <c:v>23.2986</c:v>
                </c:pt>
                <c:pt idx="7128">
                  <c:v>23.225200000000001</c:v>
                </c:pt>
                <c:pt idx="7129">
                  <c:v>23.1859</c:v>
                </c:pt>
                <c:pt idx="7130">
                  <c:v>23.1386</c:v>
                </c:pt>
                <c:pt idx="7131">
                  <c:v>23.002400000000002</c:v>
                </c:pt>
                <c:pt idx="7132">
                  <c:v>22.965800000000002</c:v>
                </c:pt>
                <c:pt idx="7133">
                  <c:v>22.8431</c:v>
                </c:pt>
                <c:pt idx="7134">
                  <c:v>22.855699999999999</c:v>
                </c:pt>
                <c:pt idx="7135">
                  <c:v>22.800599999999999</c:v>
                </c:pt>
                <c:pt idx="7136">
                  <c:v>22.6585</c:v>
                </c:pt>
                <c:pt idx="7137">
                  <c:v>22.645600000000002</c:v>
                </c:pt>
                <c:pt idx="7138">
                  <c:v>22.476700000000001</c:v>
                </c:pt>
                <c:pt idx="7139">
                  <c:v>22.476500000000001</c:v>
                </c:pt>
                <c:pt idx="7140">
                  <c:v>22.596499999999999</c:v>
                </c:pt>
                <c:pt idx="7141">
                  <c:v>22.559699999999999</c:v>
                </c:pt>
                <c:pt idx="7142">
                  <c:v>22.4316</c:v>
                </c:pt>
                <c:pt idx="7143">
                  <c:v>22.398599999999998</c:v>
                </c:pt>
                <c:pt idx="7144">
                  <c:v>22.3276</c:v>
                </c:pt>
                <c:pt idx="7145">
                  <c:v>22.188400000000001</c:v>
                </c:pt>
                <c:pt idx="7146">
                  <c:v>22.066099999999999</c:v>
                </c:pt>
                <c:pt idx="7147">
                  <c:v>21.8566</c:v>
                </c:pt>
                <c:pt idx="7148">
                  <c:v>21.837299999999999</c:v>
                </c:pt>
                <c:pt idx="7149">
                  <c:v>21.6905</c:v>
                </c:pt>
                <c:pt idx="7150">
                  <c:v>21.608000000000001</c:v>
                </c:pt>
                <c:pt idx="7151">
                  <c:v>21.3733</c:v>
                </c:pt>
                <c:pt idx="7152">
                  <c:v>21.273499999999999</c:v>
                </c:pt>
                <c:pt idx="7153">
                  <c:v>21.222100000000001</c:v>
                </c:pt>
                <c:pt idx="7154">
                  <c:v>21.205100000000002</c:v>
                </c:pt>
                <c:pt idx="7155">
                  <c:v>21.2378</c:v>
                </c:pt>
                <c:pt idx="7156">
                  <c:v>21.290800000000001</c:v>
                </c:pt>
                <c:pt idx="7157">
                  <c:v>21.287299999999998</c:v>
                </c:pt>
                <c:pt idx="7158">
                  <c:v>21.3733</c:v>
                </c:pt>
                <c:pt idx="7159">
                  <c:v>21.434000000000001</c:v>
                </c:pt>
                <c:pt idx="7160">
                  <c:v>21.5913</c:v>
                </c:pt>
                <c:pt idx="7161">
                  <c:v>21.669899999999998</c:v>
                </c:pt>
                <c:pt idx="7162">
                  <c:v>21.718900000000001</c:v>
                </c:pt>
                <c:pt idx="7163">
                  <c:v>21.8049</c:v>
                </c:pt>
                <c:pt idx="7164">
                  <c:v>21.8461</c:v>
                </c:pt>
                <c:pt idx="7165">
                  <c:v>21.886800000000001</c:v>
                </c:pt>
                <c:pt idx="7166">
                  <c:v>21.8705</c:v>
                </c:pt>
                <c:pt idx="7167">
                  <c:v>21.806100000000001</c:v>
                </c:pt>
                <c:pt idx="7168">
                  <c:v>21.771100000000001</c:v>
                </c:pt>
                <c:pt idx="7169">
                  <c:v>21.6629</c:v>
                </c:pt>
                <c:pt idx="7170">
                  <c:v>21.499600000000001</c:v>
                </c:pt>
                <c:pt idx="7171">
                  <c:v>21.247399999999999</c:v>
                </c:pt>
                <c:pt idx="7172">
                  <c:v>21.049099999999999</c:v>
                </c:pt>
                <c:pt idx="7173">
                  <c:v>20.839200000000002</c:v>
                </c:pt>
                <c:pt idx="7174">
                  <c:v>20.247199999999999</c:v>
                </c:pt>
                <c:pt idx="7175">
                  <c:v>20.1556</c:v>
                </c:pt>
                <c:pt idx="7176">
                  <c:v>19.925799999999999</c:v>
                </c:pt>
                <c:pt idx="7177">
                  <c:v>19.7773</c:v>
                </c:pt>
                <c:pt idx="7178">
                  <c:v>19.659800000000001</c:v>
                </c:pt>
                <c:pt idx="7179">
                  <c:v>19.512599999999999</c:v>
                </c:pt>
                <c:pt idx="7180">
                  <c:v>19.510300000000001</c:v>
                </c:pt>
                <c:pt idx="7181">
                  <c:v>19.566700000000001</c:v>
                </c:pt>
                <c:pt idx="7182">
                  <c:v>19.5608</c:v>
                </c:pt>
                <c:pt idx="7183">
                  <c:v>19.643999999999998</c:v>
                </c:pt>
                <c:pt idx="7184">
                  <c:v>19.757300000000001</c:v>
                </c:pt>
                <c:pt idx="7185">
                  <c:v>19.787199999999999</c:v>
                </c:pt>
                <c:pt idx="7186">
                  <c:v>19.7928</c:v>
                </c:pt>
                <c:pt idx="7187">
                  <c:v>19.832999999999998</c:v>
                </c:pt>
                <c:pt idx="7188">
                  <c:v>19.834099999999999</c:v>
                </c:pt>
                <c:pt idx="7189">
                  <c:v>19.846299999999999</c:v>
                </c:pt>
                <c:pt idx="7190">
                  <c:v>19.8125</c:v>
                </c:pt>
                <c:pt idx="7191">
                  <c:v>19.719899999999999</c:v>
                </c:pt>
                <c:pt idx="7192">
                  <c:v>19.686599999999999</c:v>
                </c:pt>
                <c:pt idx="7193">
                  <c:v>19.577000000000002</c:v>
                </c:pt>
                <c:pt idx="7194">
                  <c:v>19.2455</c:v>
                </c:pt>
                <c:pt idx="7195">
                  <c:v>18.904199999999999</c:v>
                </c:pt>
                <c:pt idx="7196">
                  <c:v>18.738800000000001</c:v>
                </c:pt>
                <c:pt idx="7197">
                  <c:v>18.588799999999999</c:v>
                </c:pt>
                <c:pt idx="7198">
                  <c:v>18.650700000000001</c:v>
                </c:pt>
                <c:pt idx="7199">
                  <c:v>18.631699999999999</c:v>
                </c:pt>
                <c:pt idx="7200">
                  <c:v>18.840399999999999</c:v>
                </c:pt>
                <c:pt idx="7201">
                  <c:v>19.234000000000002</c:v>
                </c:pt>
                <c:pt idx="7202">
                  <c:v>19.557600000000001</c:v>
                </c:pt>
                <c:pt idx="7203">
                  <c:v>20.010300000000001</c:v>
                </c:pt>
                <c:pt idx="7204">
                  <c:v>20.424299999999999</c:v>
                </c:pt>
                <c:pt idx="7205">
                  <c:v>20.698799999999999</c:v>
                </c:pt>
                <c:pt idx="7206">
                  <c:v>20.9572</c:v>
                </c:pt>
                <c:pt idx="7207">
                  <c:v>21.119700000000002</c:v>
                </c:pt>
                <c:pt idx="7208">
                  <c:v>21.175599999999999</c:v>
                </c:pt>
                <c:pt idx="7209">
                  <c:v>21.13</c:v>
                </c:pt>
                <c:pt idx="7210">
                  <c:v>21.018000000000001</c:v>
                </c:pt>
                <c:pt idx="7211">
                  <c:v>20.961600000000001</c:v>
                </c:pt>
                <c:pt idx="7212">
                  <c:v>20.49</c:v>
                </c:pt>
                <c:pt idx="7213">
                  <c:v>20.6937</c:v>
                </c:pt>
                <c:pt idx="7214">
                  <c:v>20.867699999999999</c:v>
                </c:pt>
                <c:pt idx="7215">
                  <c:v>21.009499999999999</c:v>
                </c:pt>
                <c:pt idx="7216">
                  <c:v>21.088699999999999</c:v>
                </c:pt>
                <c:pt idx="7217">
                  <c:v>21.164000000000001</c:v>
                </c:pt>
                <c:pt idx="7218">
                  <c:v>21.178000000000001</c:v>
                </c:pt>
                <c:pt idx="7219">
                  <c:v>21.141400000000001</c:v>
                </c:pt>
                <c:pt idx="7220">
                  <c:v>21.004100000000001</c:v>
                </c:pt>
                <c:pt idx="7221">
                  <c:v>20.780899999999999</c:v>
                </c:pt>
                <c:pt idx="7222">
                  <c:v>20.514700000000001</c:v>
                </c:pt>
                <c:pt idx="7223">
                  <c:v>20.121600000000001</c:v>
                </c:pt>
                <c:pt idx="7224">
                  <c:v>20.074999999999999</c:v>
                </c:pt>
                <c:pt idx="7225">
                  <c:v>20.074400000000001</c:v>
                </c:pt>
                <c:pt idx="7226">
                  <c:v>20.190999999999999</c:v>
                </c:pt>
                <c:pt idx="7227">
                  <c:v>20.248899999999999</c:v>
                </c:pt>
                <c:pt idx="7228">
                  <c:v>20.5503</c:v>
                </c:pt>
                <c:pt idx="7229">
                  <c:v>20.897099999999998</c:v>
                </c:pt>
                <c:pt idx="7230">
                  <c:v>21.3462</c:v>
                </c:pt>
                <c:pt idx="7231">
                  <c:v>21.808800000000002</c:v>
                </c:pt>
                <c:pt idx="7232">
                  <c:v>22.218599999999999</c:v>
                </c:pt>
                <c:pt idx="7233">
                  <c:v>22.453499999999998</c:v>
                </c:pt>
                <c:pt idx="7234">
                  <c:v>22.566199999999998</c:v>
                </c:pt>
                <c:pt idx="7235">
                  <c:v>22.745899999999999</c:v>
                </c:pt>
                <c:pt idx="7236">
                  <c:v>22.978400000000001</c:v>
                </c:pt>
                <c:pt idx="7237">
                  <c:v>23.003399999999999</c:v>
                </c:pt>
                <c:pt idx="7238">
                  <c:v>22.954499999999999</c:v>
                </c:pt>
                <c:pt idx="7239">
                  <c:v>22.857800000000001</c:v>
                </c:pt>
                <c:pt idx="7240">
                  <c:v>22.838999999999999</c:v>
                </c:pt>
                <c:pt idx="7241">
                  <c:v>22.831700000000001</c:v>
                </c:pt>
                <c:pt idx="7242">
                  <c:v>22.732900000000001</c:v>
                </c:pt>
                <c:pt idx="7243">
                  <c:v>22.805</c:v>
                </c:pt>
                <c:pt idx="7244">
                  <c:v>22.915400000000002</c:v>
                </c:pt>
                <c:pt idx="7245">
                  <c:v>23.079799999999999</c:v>
                </c:pt>
                <c:pt idx="7246">
                  <c:v>23.166899999999998</c:v>
                </c:pt>
                <c:pt idx="7247">
                  <c:v>23.351700000000001</c:v>
                </c:pt>
                <c:pt idx="7248">
                  <c:v>23.279900000000001</c:v>
                </c:pt>
                <c:pt idx="7249">
                  <c:v>23.412199999999999</c:v>
                </c:pt>
                <c:pt idx="7250">
                  <c:v>23.316099999999999</c:v>
                </c:pt>
                <c:pt idx="7251">
                  <c:v>23.3215</c:v>
                </c:pt>
                <c:pt idx="7252">
                  <c:v>23.3598</c:v>
                </c:pt>
                <c:pt idx="7253">
                  <c:v>23.345099999999999</c:v>
                </c:pt>
                <c:pt idx="7254">
                  <c:v>23.320399999999999</c:v>
                </c:pt>
                <c:pt idx="7255">
                  <c:v>23.438700000000001</c:v>
                </c:pt>
                <c:pt idx="7256">
                  <c:v>23.5304</c:v>
                </c:pt>
                <c:pt idx="7257">
                  <c:v>23.581700000000001</c:v>
                </c:pt>
                <c:pt idx="7258">
                  <c:v>23.678999999999998</c:v>
                </c:pt>
                <c:pt idx="7259">
                  <c:v>23.391300000000001</c:v>
                </c:pt>
                <c:pt idx="7260">
                  <c:v>23.835899999999999</c:v>
                </c:pt>
                <c:pt idx="7261">
                  <c:v>24.0335</c:v>
                </c:pt>
                <c:pt idx="7262">
                  <c:v>24.137</c:v>
                </c:pt>
                <c:pt idx="7263">
                  <c:v>24.2591</c:v>
                </c:pt>
                <c:pt idx="7264">
                  <c:v>24.194199999999999</c:v>
                </c:pt>
                <c:pt idx="7265">
                  <c:v>24.2958</c:v>
                </c:pt>
                <c:pt idx="7266">
                  <c:v>24.383500000000002</c:v>
                </c:pt>
                <c:pt idx="7267">
                  <c:v>24.418700000000001</c:v>
                </c:pt>
                <c:pt idx="7268">
                  <c:v>24.565000000000001</c:v>
                </c:pt>
                <c:pt idx="7269">
                  <c:v>24.625699999999998</c:v>
                </c:pt>
                <c:pt idx="7270">
                  <c:v>24.661300000000001</c:v>
                </c:pt>
                <c:pt idx="7271">
                  <c:v>24.691400000000002</c:v>
                </c:pt>
                <c:pt idx="7272">
                  <c:v>24.714600000000001</c:v>
                </c:pt>
                <c:pt idx="7273">
                  <c:v>24.704000000000001</c:v>
                </c:pt>
                <c:pt idx="7274">
                  <c:v>24.553000000000001</c:v>
                </c:pt>
                <c:pt idx="7275">
                  <c:v>24.456099999999999</c:v>
                </c:pt>
                <c:pt idx="7276">
                  <c:v>24.2685</c:v>
                </c:pt>
                <c:pt idx="7277">
                  <c:v>24.028099999999998</c:v>
                </c:pt>
                <c:pt idx="7278">
                  <c:v>23.657499999999999</c:v>
                </c:pt>
                <c:pt idx="7279">
                  <c:v>23.438300000000002</c:v>
                </c:pt>
                <c:pt idx="7280">
                  <c:v>23.103100000000001</c:v>
                </c:pt>
                <c:pt idx="7281">
                  <c:v>23.013200000000001</c:v>
                </c:pt>
                <c:pt idx="7282">
                  <c:v>22.6419</c:v>
                </c:pt>
                <c:pt idx="7283">
                  <c:v>22.412099999999999</c:v>
                </c:pt>
                <c:pt idx="7284">
                  <c:v>22.264199999999999</c:v>
                </c:pt>
                <c:pt idx="7285">
                  <c:v>22.166</c:v>
                </c:pt>
                <c:pt idx="7286">
                  <c:v>22.211099999999998</c:v>
                </c:pt>
                <c:pt idx="7287">
                  <c:v>22.072199999999999</c:v>
                </c:pt>
                <c:pt idx="7288">
                  <c:v>21.994599999999998</c:v>
                </c:pt>
                <c:pt idx="7289">
                  <c:v>21.9435</c:v>
                </c:pt>
                <c:pt idx="7290">
                  <c:v>21.812999999999999</c:v>
                </c:pt>
                <c:pt idx="7291">
                  <c:v>21.869700000000002</c:v>
                </c:pt>
                <c:pt idx="7292">
                  <c:v>21.8569</c:v>
                </c:pt>
                <c:pt idx="7293">
                  <c:v>21.927600000000002</c:v>
                </c:pt>
                <c:pt idx="7294">
                  <c:v>21.824400000000001</c:v>
                </c:pt>
                <c:pt idx="7295">
                  <c:v>21.8537</c:v>
                </c:pt>
                <c:pt idx="7296">
                  <c:v>21.906199999999998</c:v>
                </c:pt>
                <c:pt idx="7297">
                  <c:v>22.068100000000001</c:v>
                </c:pt>
                <c:pt idx="7298">
                  <c:v>22.114999999999998</c:v>
                </c:pt>
                <c:pt idx="7299">
                  <c:v>22.2029</c:v>
                </c:pt>
                <c:pt idx="7300">
                  <c:v>22.316700000000001</c:v>
                </c:pt>
                <c:pt idx="7301">
                  <c:v>22.39</c:v>
                </c:pt>
                <c:pt idx="7302">
                  <c:v>22.490200000000002</c:v>
                </c:pt>
                <c:pt idx="7303">
                  <c:v>22.655899999999999</c:v>
                </c:pt>
                <c:pt idx="7304">
                  <c:v>22.8536</c:v>
                </c:pt>
                <c:pt idx="7305">
                  <c:v>23.086200000000002</c:v>
                </c:pt>
                <c:pt idx="7306">
                  <c:v>23.214400000000001</c:v>
                </c:pt>
                <c:pt idx="7307">
                  <c:v>23.433499999999999</c:v>
                </c:pt>
                <c:pt idx="7308">
                  <c:v>23.566800000000001</c:v>
                </c:pt>
                <c:pt idx="7309">
                  <c:v>23.623699999999999</c:v>
                </c:pt>
                <c:pt idx="7310">
                  <c:v>23.6174</c:v>
                </c:pt>
                <c:pt idx="7311">
                  <c:v>23.648299999999999</c:v>
                </c:pt>
                <c:pt idx="7312">
                  <c:v>23.545100000000001</c:v>
                </c:pt>
                <c:pt idx="7313">
                  <c:v>23.624099999999999</c:v>
                </c:pt>
                <c:pt idx="7314">
                  <c:v>23.5215</c:v>
                </c:pt>
                <c:pt idx="7315">
                  <c:v>23.495200000000001</c:v>
                </c:pt>
                <c:pt idx="7316">
                  <c:v>23.4541</c:v>
                </c:pt>
                <c:pt idx="7317">
                  <c:v>23.354800000000001</c:v>
                </c:pt>
                <c:pt idx="7318">
                  <c:v>23.3933</c:v>
                </c:pt>
                <c:pt idx="7319">
                  <c:v>23.451000000000001</c:v>
                </c:pt>
                <c:pt idx="7320">
                  <c:v>23.461600000000001</c:v>
                </c:pt>
                <c:pt idx="7321">
                  <c:v>23.502700000000001</c:v>
                </c:pt>
                <c:pt idx="7322">
                  <c:v>23.560400000000001</c:v>
                </c:pt>
                <c:pt idx="7323">
                  <c:v>23.564299999999999</c:v>
                </c:pt>
                <c:pt idx="7324">
                  <c:v>23.6252</c:v>
                </c:pt>
                <c:pt idx="7325">
                  <c:v>23.587</c:v>
                </c:pt>
                <c:pt idx="7326">
                  <c:v>23.548500000000001</c:v>
                </c:pt>
                <c:pt idx="7327">
                  <c:v>23.507999999999999</c:v>
                </c:pt>
                <c:pt idx="7328">
                  <c:v>23.4282</c:v>
                </c:pt>
                <c:pt idx="7329">
                  <c:v>23.347300000000001</c:v>
                </c:pt>
                <c:pt idx="7330">
                  <c:v>23.359300000000001</c:v>
                </c:pt>
                <c:pt idx="7331">
                  <c:v>23.237100000000002</c:v>
                </c:pt>
                <c:pt idx="7332">
                  <c:v>23.294</c:v>
                </c:pt>
                <c:pt idx="7333">
                  <c:v>23.244</c:v>
                </c:pt>
                <c:pt idx="7334">
                  <c:v>23.187899999999999</c:v>
                </c:pt>
                <c:pt idx="7335">
                  <c:v>23.126200000000001</c:v>
                </c:pt>
                <c:pt idx="7336">
                  <c:v>23.111999999999998</c:v>
                </c:pt>
                <c:pt idx="7337">
                  <c:v>23.034400000000002</c:v>
                </c:pt>
                <c:pt idx="7338">
                  <c:v>23.023</c:v>
                </c:pt>
                <c:pt idx="7339">
                  <c:v>22.929300000000001</c:v>
                </c:pt>
                <c:pt idx="7340">
                  <c:v>22.961400000000001</c:v>
                </c:pt>
                <c:pt idx="7341">
                  <c:v>22.8904</c:v>
                </c:pt>
                <c:pt idx="7342">
                  <c:v>22.912400000000002</c:v>
                </c:pt>
                <c:pt idx="7343">
                  <c:v>22.947800000000001</c:v>
                </c:pt>
                <c:pt idx="7344">
                  <c:v>22.8535</c:v>
                </c:pt>
                <c:pt idx="7345">
                  <c:v>22.627300000000002</c:v>
                </c:pt>
                <c:pt idx="7346">
                  <c:v>22.752600000000001</c:v>
                </c:pt>
                <c:pt idx="7347">
                  <c:v>22.793600000000001</c:v>
                </c:pt>
                <c:pt idx="7348">
                  <c:v>22.921299999999999</c:v>
                </c:pt>
                <c:pt idx="7349">
                  <c:v>23.027000000000001</c:v>
                </c:pt>
                <c:pt idx="7350">
                  <c:v>23.1401</c:v>
                </c:pt>
                <c:pt idx="7351">
                  <c:v>23.3034</c:v>
                </c:pt>
                <c:pt idx="7352">
                  <c:v>23.396699999999999</c:v>
                </c:pt>
                <c:pt idx="7353">
                  <c:v>23.491</c:v>
                </c:pt>
                <c:pt idx="7354">
                  <c:v>23.500499999999999</c:v>
                </c:pt>
                <c:pt idx="7355">
                  <c:v>23.6172</c:v>
                </c:pt>
                <c:pt idx="7356">
                  <c:v>23.650500000000001</c:v>
                </c:pt>
                <c:pt idx="7357">
                  <c:v>23.612300000000001</c:v>
                </c:pt>
                <c:pt idx="7358">
                  <c:v>23.701699999999999</c:v>
                </c:pt>
                <c:pt idx="7359">
                  <c:v>23.768799999999999</c:v>
                </c:pt>
                <c:pt idx="7360">
                  <c:v>23.913599999999999</c:v>
                </c:pt>
                <c:pt idx="7361">
                  <c:v>24.092500000000001</c:v>
                </c:pt>
                <c:pt idx="7362">
                  <c:v>24.303699999999999</c:v>
                </c:pt>
                <c:pt idx="7363">
                  <c:v>24.6281</c:v>
                </c:pt>
                <c:pt idx="7364">
                  <c:v>24.8795</c:v>
                </c:pt>
                <c:pt idx="7365">
                  <c:v>25.150099999999998</c:v>
                </c:pt>
                <c:pt idx="7366">
                  <c:v>25.435500000000001</c:v>
                </c:pt>
                <c:pt idx="7367">
                  <c:v>25.741199999999999</c:v>
                </c:pt>
                <c:pt idx="7368">
                  <c:v>25.991599999999998</c:v>
                </c:pt>
                <c:pt idx="7369">
                  <c:v>26.202100000000002</c:v>
                </c:pt>
                <c:pt idx="7370">
                  <c:v>26.3687</c:v>
                </c:pt>
                <c:pt idx="7371">
                  <c:v>26.453299999999999</c:v>
                </c:pt>
                <c:pt idx="7372">
                  <c:v>26.540099999999999</c:v>
                </c:pt>
                <c:pt idx="7373">
                  <c:v>26.571999999999999</c:v>
                </c:pt>
                <c:pt idx="7374">
                  <c:v>26.548500000000001</c:v>
                </c:pt>
                <c:pt idx="7375">
                  <c:v>26.4466</c:v>
                </c:pt>
                <c:pt idx="7376">
                  <c:v>26.236000000000001</c:v>
                </c:pt>
                <c:pt idx="7377">
                  <c:v>26.034199999999998</c:v>
                </c:pt>
                <c:pt idx="7378">
                  <c:v>25.632000000000001</c:v>
                </c:pt>
                <c:pt idx="7379">
                  <c:v>25.091699999999999</c:v>
                </c:pt>
                <c:pt idx="7380">
                  <c:v>24.326899999999998</c:v>
                </c:pt>
                <c:pt idx="7381">
                  <c:v>23.220600000000001</c:v>
                </c:pt>
                <c:pt idx="7382">
                  <c:v>22.4404</c:v>
                </c:pt>
                <c:pt idx="7383">
                  <c:v>21.426100000000002</c:v>
                </c:pt>
                <c:pt idx="7384">
                  <c:v>20.385999999999999</c:v>
                </c:pt>
                <c:pt idx="7385">
                  <c:v>18.981200000000001</c:v>
                </c:pt>
                <c:pt idx="7386">
                  <c:v>18.201899999999998</c:v>
                </c:pt>
                <c:pt idx="7387">
                  <c:v>17.461500000000001</c:v>
                </c:pt>
                <c:pt idx="7388">
                  <c:v>17.085999999999999</c:v>
                </c:pt>
                <c:pt idx="7389">
                  <c:v>16.773599999999998</c:v>
                </c:pt>
                <c:pt idx="7390">
                  <c:v>16.832699999999999</c:v>
                </c:pt>
                <c:pt idx="7391">
                  <c:v>17.086400000000001</c:v>
                </c:pt>
                <c:pt idx="7392">
                  <c:v>17.793199999999999</c:v>
                </c:pt>
                <c:pt idx="7393">
                  <c:v>19.008900000000001</c:v>
                </c:pt>
                <c:pt idx="7394">
                  <c:v>20.245100000000001</c:v>
                </c:pt>
                <c:pt idx="7395">
                  <c:v>20.102699999999999</c:v>
                </c:pt>
                <c:pt idx="7396">
                  <c:v>21.089600000000001</c:v>
                </c:pt>
                <c:pt idx="7397">
                  <c:v>22.095099999999999</c:v>
                </c:pt>
                <c:pt idx="7398">
                  <c:v>23.006399999999999</c:v>
                </c:pt>
                <c:pt idx="7399">
                  <c:v>24.247199999999999</c:v>
                </c:pt>
                <c:pt idx="7400">
                  <c:v>25.164200000000001</c:v>
                </c:pt>
                <c:pt idx="7401">
                  <c:v>25.534700000000001</c:v>
                </c:pt>
                <c:pt idx="7402">
                  <c:v>25.7547</c:v>
                </c:pt>
                <c:pt idx="7403">
                  <c:v>25.7849</c:v>
                </c:pt>
                <c:pt idx="7404">
                  <c:v>25.412099999999999</c:v>
                </c:pt>
                <c:pt idx="7405">
                  <c:v>25.242699999999999</c:v>
                </c:pt>
                <c:pt idx="7406">
                  <c:v>25.0869</c:v>
                </c:pt>
                <c:pt idx="7407">
                  <c:v>25.002199999999998</c:v>
                </c:pt>
                <c:pt idx="7408">
                  <c:v>24.9222</c:v>
                </c:pt>
                <c:pt idx="7409">
                  <c:v>24.872399999999999</c:v>
                </c:pt>
                <c:pt idx="7410">
                  <c:v>24.880800000000001</c:v>
                </c:pt>
                <c:pt idx="7411">
                  <c:v>24.886299999999999</c:v>
                </c:pt>
                <c:pt idx="7412">
                  <c:v>24.9358</c:v>
                </c:pt>
                <c:pt idx="7413">
                  <c:v>25.003799999999998</c:v>
                </c:pt>
                <c:pt idx="7414">
                  <c:v>25.191700000000001</c:v>
                </c:pt>
                <c:pt idx="7415">
                  <c:v>25.3142</c:v>
                </c:pt>
                <c:pt idx="7416">
                  <c:v>25.551500000000001</c:v>
                </c:pt>
                <c:pt idx="7417">
                  <c:v>25.911000000000001</c:v>
                </c:pt>
                <c:pt idx="7418">
                  <c:v>26.373899999999999</c:v>
                </c:pt>
                <c:pt idx="7419">
                  <c:v>26.891200000000001</c:v>
                </c:pt>
                <c:pt idx="7420">
                  <c:v>27.866299999999999</c:v>
                </c:pt>
                <c:pt idx="7421">
                  <c:v>28.536300000000001</c:v>
                </c:pt>
                <c:pt idx="7422">
                  <c:v>29.147300000000001</c:v>
                </c:pt>
                <c:pt idx="7423">
                  <c:v>29.789300000000001</c:v>
                </c:pt>
                <c:pt idx="7424">
                  <c:v>30.3109</c:v>
                </c:pt>
                <c:pt idx="7425">
                  <c:v>30.825500000000002</c:v>
                </c:pt>
                <c:pt idx="7426">
                  <c:v>31.363499999999998</c:v>
                </c:pt>
                <c:pt idx="7427">
                  <c:v>31.855499999999999</c:v>
                </c:pt>
                <c:pt idx="7428">
                  <c:v>32.383299999999998</c:v>
                </c:pt>
                <c:pt idx="7429">
                  <c:v>33.013500000000001</c:v>
                </c:pt>
                <c:pt idx="7430">
                  <c:v>33.4968</c:v>
                </c:pt>
                <c:pt idx="7431">
                  <c:v>33.868400000000001</c:v>
                </c:pt>
                <c:pt idx="7432">
                  <c:v>34.236600000000003</c:v>
                </c:pt>
                <c:pt idx="7433">
                  <c:v>34.6614</c:v>
                </c:pt>
                <c:pt idx="7434">
                  <c:v>34.954300000000003</c:v>
                </c:pt>
                <c:pt idx="7435">
                  <c:v>35.302999999999997</c:v>
                </c:pt>
                <c:pt idx="7436">
                  <c:v>35.651699999999998</c:v>
                </c:pt>
                <c:pt idx="7437">
                  <c:v>35.9499</c:v>
                </c:pt>
                <c:pt idx="7438">
                  <c:v>36.258099999999999</c:v>
                </c:pt>
                <c:pt idx="7439">
                  <c:v>36.408999999999999</c:v>
                </c:pt>
                <c:pt idx="7440">
                  <c:v>36.684899999999999</c:v>
                </c:pt>
                <c:pt idx="7441">
                  <c:v>36.722499999999997</c:v>
                </c:pt>
                <c:pt idx="7442">
                  <c:v>36.963799999999999</c:v>
                </c:pt>
                <c:pt idx="7443">
                  <c:v>37.134399999999999</c:v>
                </c:pt>
                <c:pt idx="7444">
                  <c:v>37.344000000000001</c:v>
                </c:pt>
                <c:pt idx="7445">
                  <c:v>37.308199999999999</c:v>
                </c:pt>
                <c:pt idx="7446">
                  <c:v>36.996000000000002</c:v>
                </c:pt>
                <c:pt idx="7447">
                  <c:v>37.131</c:v>
                </c:pt>
                <c:pt idx="7448">
                  <c:v>37.458100000000002</c:v>
                </c:pt>
                <c:pt idx="7449">
                  <c:v>37.456400000000002</c:v>
                </c:pt>
                <c:pt idx="7450">
                  <c:v>37.5139</c:v>
                </c:pt>
              </c:numCache>
            </c:numRef>
          </c:xVal>
          <c:yVal>
            <c:numRef>
              <c:f>'CPT Data'!$B$12:$B$7462</c:f>
              <c:numCache>
                <c:formatCode>General</c:formatCode>
                <c:ptCount val="7451"/>
                <c:pt idx="0">
                  <c:v>0</c:v>
                </c:pt>
                <c:pt idx="1">
                  <c:v>7.0000000000000001E-3</c:v>
                </c:pt>
                <c:pt idx="2">
                  <c:v>1.4999999999999999E-2</c:v>
                </c:pt>
                <c:pt idx="3">
                  <c:v>2.1999999999999999E-2</c:v>
                </c:pt>
                <c:pt idx="4">
                  <c:v>0.03</c:v>
                </c:pt>
                <c:pt idx="5">
                  <c:v>3.6999999999999998E-2</c:v>
                </c:pt>
                <c:pt idx="6">
                  <c:v>4.4999999999999998E-2</c:v>
                </c:pt>
                <c:pt idx="7">
                  <c:v>5.1999999999999998E-2</c:v>
                </c:pt>
                <c:pt idx="8">
                  <c:v>5.8999999999999997E-2</c:v>
                </c:pt>
                <c:pt idx="9">
                  <c:v>6.6000000000000003E-2</c:v>
                </c:pt>
                <c:pt idx="10">
                  <c:v>7.3999999999999996E-2</c:v>
                </c:pt>
                <c:pt idx="11">
                  <c:v>8.1000000000000003E-2</c:v>
                </c:pt>
                <c:pt idx="12">
                  <c:v>8.8999999999999996E-2</c:v>
                </c:pt>
                <c:pt idx="13">
                  <c:v>9.6000000000000002E-2</c:v>
                </c:pt>
                <c:pt idx="14">
                  <c:v>0.104</c:v>
                </c:pt>
                <c:pt idx="15">
                  <c:v>0.111</c:v>
                </c:pt>
                <c:pt idx="16">
                  <c:v>0.11799999999999999</c:v>
                </c:pt>
                <c:pt idx="17">
                  <c:v>0.126</c:v>
                </c:pt>
                <c:pt idx="18">
                  <c:v>0.13400000000000001</c:v>
                </c:pt>
                <c:pt idx="19">
                  <c:v>0.14099999999999999</c:v>
                </c:pt>
                <c:pt idx="20">
                  <c:v>0.14899999999999999</c:v>
                </c:pt>
                <c:pt idx="21">
                  <c:v>0.156</c:v>
                </c:pt>
                <c:pt idx="22">
                  <c:v>0.16400000000000001</c:v>
                </c:pt>
                <c:pt idx="23">
                  <c:v>0.17199999999999999</c:v>
                </c:pt>
                <c:pt idx="24">
                  <c:v>0.17899999999999999</c:v>
                </c:pt>
                <c:pt idx="25">
                  <c:v>0.186</c:v>
                </c:pt>
                <c:pt idx="26">
                  <c:v>0.19500000000000001</c:v>
                </c:pt>
                <c:pt idx="27">
                  <c:v>0.20200000000000001</c:v>
                </c:pt>
                <c:pt idx="28">
                  <c:v>0.20899999999999999</c:v>
                </c:pt>
                <c:pt idx="29">
                  <c:v>0.217</c:v>
                </c:pt>
                <c:pt idx="30">
                  <c:v>0.224</c:v>
                </c:pt>
                <c:pt idx="31">
                  <c:v>0.23100000000000001</c:v>
                </c:pt>
                <c:pt idx="32">
                  <c:v>0.23899999999999999</c:v>
                </c:pt>
                <c:pt idx="33">
                  <c:v>0.246</c:v>
                </c:pt>
                <c:pt idx="34">
                  <c:v>0.254</c:v>
                </c:pt>
                <c:pt idx="35">
                  <c:v>0.26100000000000001</c:v>
                </c:pt>
                <c:pt idx="36">
                  <c:v>0.26900000000000002</c:v>
                </c:pt>
                <c:pt idx="37">
                  <c:v>0.27600000000000002</c:v>
                </c:pt>
                <c:pt idx="38">
                  <c:v>0.28399999999999997</c:v>
                </c:pt>
                <c:pt idx="39">
                  <c:v>0.29099999999999998</c:v>
                </c:pt>
                <c:pt idx="40">
                  <c:v>0.29899999999999999</c:v>
                </c:pt>
                <c:pt idx="41">
                  <c:v>0.30599999999999999</c:v>
                </c:pt>
                <c:pt idx="42">
                  <c:v>0.314</c:v>
                </c:pt>
                <c:pt idx="43">
                  <c:v>0.32100000000000001</c:v>
                </c:pt>
                <c:pt idx="44">
                  <c:v>0.32900000000000001</c:v>
                </c:pt>
                <c:pt idx="45">
                  <c:v>0.33600000000000002</c:v>
                </c:pt>
                <c:pt idx="46">
                  <c:v>0.34300000000000003</c:v>
                </c:pt>
                <c:pt idx="47">
                  <c:v>0.35099999999999998</c:v>
                </c:pt>
                <c:pt idx="48">
                  <c:v>0.35799999999999998</c:v>
                </c:pt>
                <c:pt idx="49">
                  <c:v>0.36599999999999999</c:v>
                </c:pt>
                <c:pt idx="50">
                  <c:v>0.374</c:v>
                </c:pt>
                <c:pt idx="51">
                  <c:v>0.38100000000000001</c:v>
                </c:pt>
                <c:pt idx="52">
                  <c:v>0.38900000000000001</c:v>
                </c:pt>
                <c:pt idx="53">
                  <c:v>0.39500000000000002</c:v>
                </c:pt>
                <c:pt idx="54">
                  <c:v>0.40300000000000002</c:v>
                </c:pt>
                <c:pt idx="55">
                  <c:v>0.41</c:v>
                </c:pt>
                <c:pt idx="56">
                  <c:v>0.41799999999999998</c:v>
                </c:pt>
                <c:pt idx="57">
                  <c:v>0.42499999999999999</c:v>
                </c:pt>
                <c:pt idx="58">
                  <c:v>0.434</c:v>
                </c:pt>
                <c:pt idx="59">
                  <c:v>0.44</c:v>
                </c:pt>
                <c:pt idx="60">
                  <c:v>0.44800000000000001</c:v>
                </c:pt>
                <c:pt idx="61">
                  <c:v>0.45700000000000002</c:v>
                </c:pt>
                <c:pt idx="62">
                  <c:v>0.46300000000000002</c:v>
                </c:pt>
                <c:pt idx="63">
                  <c:v>0.47199999999999998</c:v>
                </c:pt>
                <c:pt idx="64">
                  <c:v>0.47899999999999998</c:v>
                </c:pt>
                <c:pt idx="65">
                  <c:v>0.48699999999999999</c:v>
                </c:pt>
                <c:pt idx="66">
                  <c:v>0.49399999999999999</c:v>
                </c:pt>
                <c:pt idx="67">
                  <c:v>0.502</c:v>
                </c:pt>
                <c:pt idx="68">
                  <c:v>0.50900000000000001</c:v>
                </c:pt>
                <c:pt idx="69">
                  <c:v>0.51600000000000001</c:v>
                </c:pt>
                <c:pt idx="70">
                  <c:v>0.52400000000000002</c:v>
                </c:pt>
                <c:pt idx="71">
                  <c:v>0.53200000000000003</c:v>
                </c:pt>
                <c:pt idx="72">
                  <c:v>0.53900000000000003</c:v>
                </c:pt>
                <c:pt idx="73">
                  <c:v>0.54600000000000004</c:v>
                </c:pt>
                <c:pt idx="74">
                  <c:v>0.55400000000000005</c:v>
                </c:pt>
                <c:pt idx="75">
                  <c:v>0.56100000000000005</c:v>
                </c:pt>
                <c:pt idx="76">
                  <c:v>0.56799999999999995</c:v>
                </c:pt>
                <c:pt idx="77">
                  <c:v>0.57599999999999996</c:v>
                </c:pt>
                <c:pt idx="78">
                  <c:v>0.58299999999999996</c:v>
                </c:pt>
                <c:pt idx="79">
                  <c:v>0.59099999999999997</c:v>
                </c:pt>
                <c:pt idx="80">
                  <c:v>0.59799999999999998</c:v>
                </c:pt>
                <c:pt idx="81">
                  <c:v>0.60699999999999998</c:v>
                </c:pt>
                <c:pt idx="82">
                  <c:v>0.61399999999999999</c:v>
                </c:pt>
                <c:pt idx="83">
                  <c:v>0.621</c:v>
                </c:pt>
                <c:pt idx="84">
                  <c:v>0.629</c:v>
                </c:pt>
                <c:pt idx="85">
                  <c:v>0.63700000000000001</c:v>
                </c:pt>
                <c:pt idx="86">
                  <c:v>0.64400000000000002</c:v>
                </c:pt>
                <c:pt idx="87">
                  <c:v>0.65200000000000002</c:v>
                </c:pt>
                <c:pt idx="88">
                  <c:v>0.65900000000000003</c:v>
                </c:pt>
                <c:pt idx="89">
                  <c:v>0.66700000000000004</c:v>
                </c:pt>
                <c:pt idx="90">
                  <c:v>0.67400000000000004</c:v>
                </c:pt>
                <c:pt idx="91">
                  <c:v>0.68200000000000005</c:v>
                </c:pt>
                <c:pt idx="92">
                  <c:v>0.68899999999999995</c:v>
                </c:pt>
                <c:pt idx="93">
                  <c:v>0.69699999999999995</c:v>
                </c:pt>
                <c:pt idx="94">
                  <c:v>0.70399999999999996</c:v>
                </c:pt>
                <c:pt idx="95">
                  <c:v>0.71199999999999997</c:v>
                </c:pt>
                <c:pt idx="96">
                  <c:v>0.72</c:v>
                </c:pt>
                <c:pt idx="97">
                  <c:v>0.72599999999999998</c:v>
                </c:pt>
                <c:pt idx="98">
                  <c:v>0.73399999999999999</c:v>
                </c:pt>
                <c:pt idx="99">
                  <c:v>0.78100000000000003</c:v>
                </c:pt>
                <c:pt idx="100">
                  <c:v>0.78800000000000003</c:v>
                </c:pt>
                <c:pt idx="101">
                  <c:v>0.79600000000000004</c:v>
                </c:pt>
                <c:pt idx="102">
                  <c:v>0.80300000000000005</c:v>
                </c:pt>
                <c:pt idx="103">
                  <c:v>0.81100000000000005</c:v>
                </c:pt>
                <c:pt idx="104">
                  <c:v>0.81799999999999995</c:v>
                </c:pt>
                <c:pt idx="105">
                  <c:v>0.82499999999999996</c:v>
                </c:pt>
                <c:pt idx="106">
                  <c:v>0.83299999999999996</c:v>
                </c:pt>
                <c:pt idx="107">
                  <c:v>0.84099999999999997</c:v>
                </c:pt>
                <c:pt idx="108">
                  <c:v>0.84899999999999998</c:v>
                </c:pt>
                <c:pt idx="109">
                  <c:v>0.85599999999999998</c:v>
                </c:pt>
                <c:pt idx="110">
                  <c:v>0.86399999999999999</c:v>
                </c:pt>
                <c:pt idx="111">
                  <c:v>0.871</c:v>
                </c:pt>
                <c:pt idx="112">
                  <c:v>0.879</c:v>
                </c:pt>
                <c:pt idx="113">
                  <c:v>0.88600000000000001</c:v>
                </c:pt>
                <c:pt idx="114">
                  <c:v>0.89400000000000002</c:v>
                </c:pt>
                <c:pt idx="115">
                  <c:v>0.90100000000000002</c:v>
                </c:pt>
                <c:pt idx="116">
                  <c:v>0.90900000000000003</c:v>
                </c:pt>
                <c:pt idx="117">
                  <c:v>0.91600000000000004</c:v>
                </c:pt>
                <c:pt idx="118">
                  <c:v>0.92400000000000004</c:v>
                </c:pt>
                <c:pt idx="119">
                  <c:v>0.93100000000000005</c:v>
                </c:pt>
                <c:pt idx="120">
                  <c:v>0.93899999999999995</c:v>
                </c:pt>
                <c:pt idx="121">
                  <c:v>0.93899999999999995</c:v>
                </c:pt>
                <c:pt idx="122">
                  <c:v>0.93899999999999995</c:v>
                </c:pt>
                <c:pt idx="123">
                  <c:v>0.97</c:v>
                </c:pt>
                <c:pt idx="124">
                  <c:v>0.97699999999999998</c:v>
                </c:pt>
                <c:pt idx="125">
                  <c:v>0.98499999999999999</c:v>
                </c:pt>
                <c:pt idx="126">
                  <c:v>0.99299999999999999</c:v>
                </c:pt>
                <c:pt idx="127">
                  <c:v>1.0009999999999999</c:v>
                </c:pt>
                <c:pt idx="128">
                  <c:v>1.008</c:v>
                </c:pt>
                <c:pt idx="129">
                  <c:v>1.016</c:v>
                </c:pt>
                <c:pt idx="130">
                  <c:v>1.0229999999999999</c:v>
                </c:pt>
                <c:pt idx="131">
                  <c:v>1.0309999999999999</c:v>
                </c:pt>
                <c:pt idx="132">
                  <c:v>1.038</c:v>
                </c:pt>
                <c:pt idx="133">
                  <c:v>1.046</c:v>
                </c:pt>
                <c:pt idx="134">
                  <c:v>1.054</c:v>
                </c:pt>
                <c:pt idx="135">
                  <c:v>1.0609999999999999</c:v>
                </c:pt>
                <c:pt idx="136">
                  <c:v>1.0680000000000001</c:v>
                </c:pt>
                <c:pt idx="137">
                  <c:v>1.075</c:v>
                </c:pt>
                <c:pt idx="138">
                  <c:v>1.083</c:v>
                </c:pt>
                <c:pt idx="139">
                  <c:v>1.091</c:v>
                </c:pt>
                <c:pt idx="140">
                  <c:v>1.099</c:v>
                </c:pt>
                <c:pt idx="141">
                  <c:v>1.1060000000000001</c:v>
                </c:pt>
                <c:pt idx="142">
                  <c:v>1.1140000000000001</c:v>
                </c:pt>
                <c:pt idx="143">
                  <c:v>1.121</c:v>
                </c:pt>
                <c:pt idx="144">
                  <c:v>1.129</c:v>
                </c:pt>
                <c:pt idx="145">
                  <c:v>1.1359999999999999</c:v>
                </c:pt>
                <c:pt idx="146">
                  <c:v>1.1439999999999999</c:v>
                </c:pt>
                <c:pt idx="147">
                  <c:v>1.151</c:v>
                </c:pt>
                <c:pt idx="148">
                  <c:v>1.1599999999999999</c:v>
                </c:pt>
                <c:pt idx="149">
                  <c:v>1.167</c:v>
                </c:pt>
                <c:pt idx="150">
                  <c:v>1.2090000000000001</c:v>
                </c:pt>
                <c:pt idx="151">
                  <c:v>1.216</c:v>
                </c:pt>
                <c:pt idx="152">
                  <c:v>1.262</c:v>
                </c:pt>
                <c:pt idx="153">
                  <c:v>1.27</c:v>
                </c:pt>
                <c:pt idx="154">
                  <c:v>1.278</c:v>
                </c:pt>
                <c:pt idx="155">
                  <c:v>1.286</c:v>
                </c:pt>
                <c:pt idx="156">
                  <c:v>1.2929999999999999</c:v>
                </c:pt>
                <c:pt idx="157">
                  <c:v>1.3009999999999999</c:v>
                </c:pt>
                <c:pt idx="158">
                  <c:v>1.3080000000000001</c:v>
                </c:pt>
                <c:pt idx="159">
                  <c:v>1.3160000000000001</c:v>
                </c:pt>
                <c:pt idx="160">
                  <c:v>1.323</c:v>
                </c:pt>
                <c:pt idx="161">
                  <c:v>1.331</c:v>
                </c:pt>
                <c:pt idx="162">
                  <c:v>1.3380000000000001</c:v>
                </c:pt>
                <c:pt idx="163">
                  <c:v>1.347</c:v>
                </c:pt>
                <c:pt idx="164">
                  <c:v>1.3540000000000001</c:v>
                </c:pt>
                <c:pt idx="165">
                  <c:v>1.3620000000000001</c:v>
                </c:pt>
                <c:pt idx="166">
                  <c:v>1.369</c:v>
                </c:pt>
                <c:pt idx="167">
                  <c:v>1.377</c:v>
                </c:pt>
                <c:pt idx="168">
                  <c:v>1.385</c:v>
                </c:pt>
                <c:pt idx="169">
                  <c:v>1.3919999999999999</c:v>
                </c:pt>
                <c:pt idx="170">
                  <c:v>1.399</c:v>
                </c:pt>
                <c:pt idx="171">
                  <c:v>1.4079999999999999</c:v>
                </c:pt>
                <c:pt idx="172">
                  <c:v>1.415</c:v>
                </c:pt>
                <c:pt idx="173">
                  <c:v>1.423</c:v>
                </c:pt>
                <c:pt idx="174">
                  <c:v>1.43</c:v>
                </c:pt>
                <c:pt idx="175">
                  <c:v>1.4379999999999999</c:v>
                </c:pt>
                <c:pt idx="176">
                  <c:v>1.4450000000000001</c:v>
                </c:pt>
                <c:pt idx="177">
                  <c:v>1.454</c:v>
                </c:pt>
                <c:pt idx="178">
                  <c:v>1.4610000000000001</c:v>
                </c:pt>
                <c:pt idx="179">
                  <c:v>1.47</c:v>
                </c:pt>
                <c:pt idx="180">
                  <c:v>1.4790000000000001</c:v>
                </c:pt>
                <c:pt idx="181">
                  <c:v>1.488</c:v>
                </c:pt>
                <c:pt idx="182">
                  <c:v>1.4970000000000001</c:v>
                </c:pt>
                <c:pt idx="183">
                  <c:v>1.506</c:v>
                </c:pt>
                <c:pt idx="184">
                  <c:v>1.5149999999999999</c:v>
                </c:pt>
                <c:pt idx="185">
                  <c:v>1.524</c:v>
                </c:pt>
                <c:pt idx="186">
                  <c:v>1.5329999999999999</c:v>
                </c:pt>
                <c:pt idx="187">
                  <c:v>1.542</c:v>
                </c:pt>
                <c:pt idx="188">
                  <c:v>1.552</c:v>
                </c:pt>
                <c:pt idx="189">
                  <c:v>1.56</c:v>
                </c:pt>
                <c:pt idx="190">
                  <c:v>1.569</c:v>
                </c:pt>
                <c:pt idx="191">
                  <c:v>1.577</c:v>
                </c:pt>
                <c:pt idx="192">
                  <c:v>1.587</c:v>
                </c:pt>
                <c:pt idx="193">
                  <c:v>1.5960000000000001</c:v>
                </c:pt>
                <c:pt idx="194">
                  <c:v>1.6040000000000001</c:v>
                </c:pt>
                <c:pt idx="195">
                  <c:v>1.613</c:v>
                </c:pt>
                <c:pt idx="196">
                  <c:v>1.6220000000000001</c:v>
                </c:pt>
                <c:pt idx="197">
                  <c:v>1.6319999999999999</c:v>
                </c:pt>
                <c:pt idx="198">
                  <c:v>1.64</c:v>
                </c:pt>
                <c:pt idx="199">
                  <c:v>1.65</c:v>
                </c:pt>
                <c:pt idx="200">
                  <c:v>1.6579999999999999</c:v>
                </c:pt>
                <c:pt idx="201">
                  <c:v>1.6679999999999999</c:v>
                </c:pt>
                <c:pt idx="202">
                  <c:v>1.677</c:v>
                </c:pt>
                <c:pt idx="203">
                  <c:v>1.6859999999999999</c:v>
                </c:pt>
                <c:pt idx="204">
                  <c:v>1.6950000000000001</c:v>
                </c:pt>
                <c:pt idx="205">
                  <c:v>1.704</c:v>
                </c:pt>
                <c:pt idx="206">
                  <c:v>1.712</c:v>
                </c:pt>
                <c:pt idx="207">
                  <c:v>1.722</c:v>
                </c:pt>
                <c:pt idx="208">
                  <c:v>1.732</c:v>
                </c:pt>
                <c:pt idx="209">
                  <c:v>1.74</c:v>
                </c:pt>
                <c:pt idx="210">
                  <c:v>1.7490000000000001</c:v>
                </c:pt>
                <c:pt idx="211">
                  <c:v>1.758</c:v>
                </c:pt>
                <c:pt idx="212">
                  <c:v>1.7669999999999999</c:v>
                </c:pt>
                <c:pt idx="213">
                  <c:v>1.776</c:v>
                </c:pt>
                <c:pt idx="214">
                  <c:v>1.7849999999999999</c:v>
                </c:pt>
                <c:pt idx="215">
                  <c:v>1.794</c:v>
                </c:pt>
                <c:pt idx="216">
                  <c:v>1.804</c:v>
                </c:pt>
                <c:pt idx="217">
                  <c:v>1.8120000000000001</c:v>
                </c:pt>
                <c:pt idx="218">
                  <c:v>1.821</c:v>
                </c:pt>
                <c:pt idx="219">
                  <c:v>1.83</c:v>
                </c:pt>
                <c:pt idx="220">
                  <c:v>1.839</c:v>
                </c:pt>
                <c:pt idx="221">
                  <c:v>1.849</c:v>
                </c:pt>
                <c:pt idx="222">
                  <c:v>1.857</c:v>
                </c:pt>
                <c:pt idx="223">
                  <c:v>1.867</c:v>
                </c:pt>
                <c:pt idx="224">
                  <c:v>1.875</c:v>
                </c:pt>
                <c:pt idx="225">
                  <c:v>1.885</c:v>
                </c:pt>
                <c:pt idx="226">
                  <c:v>1.8939999999999999</c:v>
                </c:pt>
                <c:pt idx="227">
                  <c:v>1.9019999999999999</c:v>
                </c:pt>
                <c:pt idx="228">
                  <c:v>1.9119999999999999</c:v>
                </c:pt>
                <c:pt idx="229">
                  <c:v>1.92</c:v>
                </c:pt>
                <c:pt idx="230">
                  <c:v>1.929</c:v>
                </c:pt>
                <c:pt idx="231">
                  <c:v>1.9379999999999999</c:v>
                </c:pt>
                <c:pt idx="232">
                  <c:v>1.948</c:v>
                </c:pt>
                <c:pt idx="233">
                  <c:v>1.956</c:v>
                </c:pt>
                <c:pt idx="234">
                  <c:v>1.966</c:v>
                </c:pt>
                <c:pt idx="235">
                  <c:v>1.974</c:v>
                </c:pt>
                <c:pt idx="236">
                  <c:v>1.984</c:v>
                </c:pt>
                <c:pt idx="237">
                  <c:v>1.9930000000000001</c:v>
                </c:pt>
                <c:pt idx="238">
                  <c:v>2.004</c:v>
                </c:pt>
                <c:pt idx="239">
                  <c:v>2.0129999999999999</c:v>
                </c:pt>
                <c:pt idx="240">
                  <c:v>2.0230000000000001</c:v>
                </c:pt>
                <c:pt idx="241">
                  <c:v>2.0329999999999999</c:v>
                </c:pt>
                <c:pt idx="242">
                  <c:v>2.0419999999999998</c:v>
                </c:pt>
                <c:pt idx="243">
                  <c:v>2.0529999999999999</c:v>
                </c:pt>
                <c:pt idx="244">
                  <c:v>2.0630000000000002</c:v>
                </c:pt>
                <c:pt idx="245">
                  <c:v>2.073</c:v>
                </c:pt>
                <c:pt idx="246">
                  <c:v>2.0830000000000002</c:v>
                </c:pt>
                <c:pt idx="247">
                  <c:v>2.0920000000000001</c:v>
                </c:pt>
                <c:pt idx="248">
                  <c:v>2.1030000000000002</c:v>
                </c:pt>
                <c:pt idx="249">
                  <c:v>2.1120000000000001</c:v>
                </c:pt>
                <c:pt idx="250">
                  <c:v>2.1230000000000002</c:v>
                </c:pt>
                <c:pt idx="251">
                  <c:v>2.1320000000000001</c:v>
                </c:pt>
                <c:pt idx="252">
                  <c:v>2.1429999999999998</c:v>
                </c:pt>
                <c:pt idx="253">
                  <c:v>2.153</c:v>
                </c:pt>
                <c:pt idx="254">
                  <c:v>2.1629999999999998</c:v>
                </c:pt>
                <c:pt idx="255">
                  <c:v>2.173</c:v>
                </c:pt>
                <c:pt idx="256">
                  <c:v>2.1829999999999998</c:v>
                </c:pt>
                <c:pt idx="257">
                  <c:v>2.1930000000000001</c:v>
                </c:pt>
                <c:pt idx="258">
                  <c:v>2.2029999999999998</c:v>
                </c:pt>
                <c:pt idx="259">
                  <c:v>2.2130000000000001</c:v>
                </c:pt>
                <c:pt idx="260">
                  <c:v>2.222</c:v>
                </c:pt>
                <c:pt idx="261">
                  <c:v>2.2330000000000001</c:v>
                </c:pt>
                <c:pt idx="262">
                  <c:v>2.242</c:v>
                </c:pt>
                <c:pt idx="263">
                  <c:v>2.2530000000000001</c:v>
                </c:pt>
                <c:pt idx="264">
                  <c:v>2.2629999999999999</c:v>
                </c:pt>
                <c:pt idx="265">
                  <c:v>2.2730000000000001</c:v>
                </c:pt>
                <c:pt idx="266">
                  <c:v>2.2839999999999998</c:v>
                </c:pt>
                <c:pt idx="267">
                  <c:v>2.2930000000000001</c:v>
                </c:pt>
                <c:pt idx="268">
                  <c:v>2.3029999999999999</c:v>
                </c:pt>
                <c:pt idx="269">
                  <c:v>2.3130000000000002</c:v>
                </c:pt>
                <c:pt idx="270">
                  <c:v>2.3239999999999998</c:v>
                </c:pt>
                <c:pt idx="271">
                  <c:v>2.3330000000000002</c:v>
                </c:pt>
                <c:pt idx="272">
                  <c:v>2.3439999999999999</c:v>
                </c:pt>
                <c:pt idx="273">
                  <c:v>2.3530000000000002</c:v>
                </c:pt>
                <c:pt idx="274">
                  <c:v>2.3639999999999999</c:v>
                </c:pt>
                <c:pt idx="275">
                  <c:v>2.3730000000000002</c:v>
                </c:pt>
                <c:pt idx="276">
                  <c:v>2.3839999999999999</c:v>
                </c:pt>
                <c:pt idx="277">
                  <c:v>2.3929999999999998</c:v>
                </c:pt>
                <c:pt idx="278">
                  <c:v>2.4039999999999999</c:v>
                </c:pt>
                <c:pt idx="279">
                  <c:v>2.4129999999999998</c:v>
                </c:pt>
                <c:pt idx="280">
                  <c:v>2.4239999999999999</c:v>
                </c:pt>
                <c:pt idx="281">
                  <c:v>2.4329999999999998</c:v>
                </c:pt>
                <c:pt idx="282">
                  <c:v>2.4430000000000001</c:v>
                </c:pt>
                <c:pt idx="283">
                  <c:v>2.4540000000000002</c:v>
                </c:pt>
                <c:pt idx="284">
                  <c:v>2.4630000000000001</c:v>
                </c:pt>
                <c:pt idx="285">
                  <c:v>2.472</c:v>
                </c:pt>
                <c:pt idx="286">
                  <c:v>2.4830000000000001</c:v>
                </c:pt>
                <c:pt idx="287">
                  <c:v>2.4940000000000002</c:v>
                </c:pt>
                <c:pt idx="288">
                  <c:v>2.5030000000000001</c:v>
                </c:pt>
                <c:pt idx="289">
                  <c:v>2.5139999999999998</c:v>
                </c:pt>
                <c:pt idx="290">
                  <c:v>2.5230000000000001</c:v>
                </c:pt>
                <c:pt idx="291">
                  <c:v>2.5339999999999998</c:v>
                </c:pt>
                <c:pt idx="292">
                  <c:v>2.5430000000000001</c:v>
                </c:pt>
                <c:pt idx="293">
                  <c:v>2.5529999999999999</c:v>
                </c:pt>
                <c:pt idx="294">
                  <c:v>2.5640000000000001</c:v>
                </c:pt>
                <c:pt idx="295">
                  <c:v>2.573</c:v>
                </c:pt>
                <c:pt idx="296">
                  <c:v>2.5830000000000002</c:v>
                </c:pt>
                <c:pt idx="297">
                  <c:v>2.5920000000000001</c:v>
                </c:pt>
                <c:pt idx="298">
                  <c:v>2.6030000000000002</c:v>
                </c:pt>
                <c:pt idx="299">
                  <c:v>2.6120000000000001</c:v>
                </c:pt>
                <c:pt idx="300">
                  <c:v>2.6230000000000002</c:v>
                </c:pt>
                <c:pt idx="301">
                  <c:v>2.6320000000000001</c:v>
                </c:pt>
                <c:pt idx="302">
                  <c:v>2.6429999999999998</c:v>
                </c:pt>
                <c:pt idx="303">
                  <c:v>2.6520000000000001</c:v>
                </c:pt>
                <c:pt idx="304">
                  <c:v>2.6629999999999998</c:v>
                </c:pt>
                <c:pt idx="305">
                  <c:v>2.6720000000000002</c:v>
                </c:pt>
                <c:pt idx="306">
                  <c:v>2.6819999999999999</c:v>
                </c:pt>
                <c:pt idx="307">
                  <c:v>2.6920000000000002</c:v>
                </c:pt>
                <c:pt idx="308">
                  <c:v>2.702</c:v>
                </c:pt>
                <c:pt idx="309">
                  <c:v>2.7120000000000002</c:v>
                </c:pt>
                <c:pt idx="310">
                  <c:v>2.722</c:v>
                </c:pt>
                <c:pt idx="311">
                  <c:v>2.7309999999999999</c:v>
                </c:pt>
                <c:pt idx="312">
                  <c:v>2.742</c:v>
                </c:pt>
                <c:pt idx="313">
                  <c:v>2.7519999999999998</c:v>
                </c:pt>
                <c:pt idx="314">
                  <c:v>2.762</c:v>
                </c:pt>
                <c:pt idx="315">
                  <c:v>2.7709999999999999</c:v>
                </c:pt>
                <c:pt idx="316">
                  <c:v>2.782</c:v>
                </c:pt>
                <c:pt idx="317">
                  <c:v>2.7909999999999999</c:v>
                </c:pt>
                <c:pt idx="318">
                  <c:v>2.802</c:v>
                </c:pt>
                <c:pt idx="319">
                  <c:v>2.8119999999999998</c:v>
                </c:pt>
                <c:pt idx="320">
                  <c:v>2.8220000000000001</c:v>
                </c:pt>
                <c:pt idx="321">
                  <c:v>2.8730000000000002</c:v>
                </c:pt>
                <c:pt idx="322">
                  <c:v>2.8820000000000001</c:v>
                </c:pt>
                <c:pt idx="323">
                  <c:v>2.8919999999999999</c:v>
                </c:pt>
                <c:pt idx="324">
                  <c:v>2.903</c:v>
                </c:pt>
                <c:pt idx="325">
                  <c:v>2.9119999999999999</c:v>
                </c:pt>
                <c:pt idx="326">
                  <c:v>2.923</c:v>
                </c:pt>
                <c:pt idx="327">
                  <c:v>2.9329999999999998</c:v>
                </c:pt>
                <c:pt idx="328">
                  <c:v>2.9420000000000002</c:v>
                </c:pt>
                <c:pt idx="329">
                  <c:v>2.9529999999999998</c:v>
                </c:pt>
                <c:pt idx="330">
                  <c:v>2.9620000000000002</c:v>
                </c:pt>
                <c:pt idx="331">
                  <c:v>2.9729999999999999</c:v>
                </c:pt>
                <c:pt idx="332">
                  <c:v>3.032</c:v>
                </c:pt>
                <c:pt idx="333">
                  <c:v>3.0419999999999998</c:v>
                </c:pt>
                <c:pt idx="334">
                  <c:v>3.0529999999999999</c:v>
                </c:pt>
                <c:pt idx="335">
                  <c:v>3.0619999999999998</c:v>
                </c:pt>
                <c:pt idx="336">
                  <c:v>3.0720000000000001</c:v>
                </c:pt>
                <c:pt idx="337">
                  <c:v>3.0819999999999999</c:v>
                </c:pt>
                <c:pt idx="338">
                  <c:v>3.0920000000000001</c:v>
                </c:pt>
                <c:pt idx="339">
                  <c:v>3.101</c:v>
                </c:pt>
                <c:pt idx="340">
                  <c:v>3.1120000000000001</c:v>
                </c:pt>
                <c:pt idx="341">
                  <c:v>3.121</c:v>
                </c:pt>
                <c:pt idx="342">
                  <c:v>3.1320000000000001</c:v>
                </c:pt>
                <c:pt idx="343">
                  <c:v>3.1419999999999999</c:v>
                </c:pt>
                <c:pt idx="344">
                  <c:v>3.1520000000000001</c:v>
                </c:pt>
                <c:pt idx="345">
                  <c:v>3.1619999999999999</c:v>
                </c:pt>
                <c:pt idx="346">
                  <c:v>3.1720000000000002</c:v>
                </c:pt>
                <c:pt idx="347">
                  <c:v>3.1829999999999998</c:v>
                </c:pt>
                <c:pt idx="348">
                  <c:v>3.1930000000000001</c:v>
                </c:pt>
                <c:pt idx="349">
                  <c:v>3.202</c:v>
                </c:pt>
                <c:pt idx="350">
                  <c:v>3.2120000000000002</c:v>
                </c:pt>
                <c:pt idx="351">
                  <c:v>3.2229999999999999</c:v>
                </c:pt>
                <c:pt idx="352">
                  <c:v>3.2320000000000002</c:v>
                </c:pt>
                <c:pt idx="353">
                  <c:v>3.242</c:v>
                </c:pt>
                <c:pt idx="354">
                  <c:v>3.2519999999999998</c:v>
                </c:pt>
                <c:pt idx="355">
                  <c:v>3.2629999999999999</c:v>
                </c:pt>
                <c:pt idx="356">
                  <c:v>3.2719999999999998</c:v>
                </c:pt>
                <c:pt idx="357">
                  <c:v>3.2829999999999999</c:v>
                </c:pt>
                <c:pt idx="358">
                  <c:v>3.2919999999999998</c:v>
                </c:pt>
                <c:pt idx="359">
                  <c:v>3.3029999999999999</c:v>
                </c:pt>
                <c:pt idx="360">
                  <c:v>3.3119999999999998</c:v>
                </c:pt>
                <c:pt idx="361">
                  <c:v>3.323</c:v>
                </c:pt>
                <c:pt idx="362">
                  <c:v>3.3319999999999999</c:v>
                </c:pt>
                <c:pt idx="363">
                  <c:v>3.343</c:v>
                </c:pt>
                <c:pt idx="364">
                  <c:v>3.3530000000000002</c:v>
                </c:pt>
                <c:pt idx="365">
                  <c:v>3.363</c:v>
                </c:pt>
                <c:pt idx="366">
                  <c:v>3.3730000000000002</c:v>
                </c:pt>
                <c:pt idx="367">
                  <c:v>3.3839999999999999</c:v>
                </c:pt>
                <c:pt idx="368">
                  <c:v>3.3929999999999998</c:v>
                </c:pt>
                <c:pt idx="369">
                  <c:v>3.403</c:v>
                </c:pt>
                <c:pt idx="370">
                  <c:v>3.4140000000000001</c:v>
                </c:pt>
                <c:pt idx="371">
                  <c:v>3.4239999999999999</c:v>
                </c:pt>
                <c:pt idx="372">
                  <c:v>3.4329999999999998</c:v>
                </c:pt>
                <c:pt idx="373">
                  <c:v>3.444</c:v>
                </c:pt>
                <c:pt idx="374">
                  <c:v>3.4529999999999998</c:v>
                </c:pt>
                <c:pt idx="375">
                  <c:v>3.464</c:v>
                </c:pt>
                <c:pt idx="376">
                  <c:v>3.4740000000000002</c:v>
                </c:pt>
                <c:pt idx="377">
                  <c:v>3.4849999999999999</c:v>
                </c:pt>
                <c:pt idx="378">
                  <c:v>3.4940000000000002</c:v>
                </c:pt>
                <c:pt idx="379">
                  <c:v>3.5049999999999999</c:v>
                </c:pt>
                <c:pt idx="380">
                  <c:v>3.5139999999999998</c:v>
                </c:pt>
                <c:pt idx="381">
                  <c:v>3.5249999999999999</c:v>
                </c:pt>
                <c:pt idx="382">
                  <c:v>3.5339999999999998</c:v>
                </c:pt>
                <c:pt idx="383">
                  <c:v>3.5449999999999999</c:v>
                </c:pt>
                <c:pt idx="384">
                  <c:v>3.5539999999999998</c:v>
                </c:pt>
                <c:pt idx="385">
                  <c:v>3.5649999999999999</c:v>
                </c:pt>
                <c:pt idx="386">
                  <c:v>3.5739999999999998</c:v>
                </c:pt>
                <c:pt idx="387">
                  <c:v>3.5840000000000001</c:v>
                </c:pt>
                <c:pt idx="388">
                  <c:v>3.5939999999999999</c:v>
                </c:pt>
                <c:pt idx="389">
                  <c:v>3.605</c:v>
                </c:pt>
                <c:pt idx="390">
                  <c:v>3.6139999999999999</c:v>
                </c:pt>
                <c:pt idx="391">
                  <c:v>3.625</c:v>
                </c:pt>
                <c:pt idx="392">
                  <c:v>3.6339999999999999</c:v>
                </c:pt>
                <c:pt idx="393">
                  <c:v>3.645</c:v>
                </c:pt>
                <c:pt idx="394">
                  <c:v>3.6539999999999999</c:v>
                </c:pt>
                <c:pt idx="395">
                  <c:v>3.665</c:v>
                </c:pt>
                <c:pt idx="396">
                  <c:v>3.6739999999999999</c:v>
                </c:pt>
                <c:pt idx="397">
                  <c:v>3.6850000000000001</c:v>
                </c:pt>
                <c:pt idx="398">
                  <c:v>3.6949999999999998</c:v>
                </c:pt>
                <c:pt idx="399">
                  <c:v>3.7040000000000002</c:v>
                </c:pt>
                <c:pt idx="400">
                  <c:v>3.7149999999999999</c:v>
                </c:pt>
                <c:pt idx="401">
                  <c:v>3.7240000000000002</c:v>
                </c:pt>
                <c:pt idx="402">
                  <c:v>3.7349999999999999</c:v>
                </c:pt>
                <c:pt idx="403">
                  <c:v>3.7440000000000002</c:v>
                </c:pt>
                <c:pt idx="404">
                  <c:v>3.7549999999999999</c:v>
                </c:pt>
                <c:pt idx="405">
                  <c:v>3.7639999999999998</c:v>
                </c:pt>
                <c:pt idx="406">
                  <c:v>3.7749999999999999</c:v>
                </c:pt>
                <c:pt idx="407">
                  <c:v>3.7850000000000001</c:v>
                </c:pt>
                <c:pt idx="408">
                  <c:v>3.7949999999999999</c:v>
                </c:pt>
                <c:pt idx="409">
                  <c:v>3.806</c:v>
                </c:pt>
                <c:pt idx="410">
                  <c:v>3.8149999999999999</c:v>
                </c:pt>
                <c:pt idx="411">
                  <c:v>3.8260000000000001</c:v>
                </c:pt>
                <c:pt idx="412">
                  <c:v>3.835</c:v>
                </c:pt>
                <c:pt idx="413">
                  <c:v>3.8460000000000001</c:v>
                </c:pt>
                <c:pt idx="414">
                  <c:v>3.855</c:v>
                </c:pt>
                <c:pt idx="415">
                  <c:v>3.8660000000000001</c:v>
                </c:pt>
                <c:pt idx="416">
                  <c:v>3.875</c:v>
                </c:pt>
                <c:pt idx="417">
                  <c:v>3.8860000000000001</c:v>
                </c:pt>
                <c:pt idx="418">
                  <c:v>3.895</c:v>
                </c:pt>
                <c:pt idx="419">
                  <c:v>3.9060000000000001</c:v>
                </c:pt>
                <c:pt idx="420">
                  <c:v>3.915</c:v>
                </c:pt>
                <c:pt idx="421">
                  <c:v>3.9260000000000002</c:v>
                </c:pt>
                <c:pt idx="422">
                  <c:v>3.9350000000000001</c:v>
                </c:pt>
                <c:pt idx="423">
                  <c:v>3.9449999999999998</c:v>
                </c:pt>
                <c:pt idx="424">
                  <c:v>3.956</c:v>
                </c:pt>
                <c:pt idx="425">
                  <c:v>3.9649999999999999</c:v>
                </c:pt>
                <c:pt idx="426">
                  <c:v>3.976</c:v>
                </c:pt>
                <c:pt idx="427">
                  <c:v>3.9860000000000002</c:v>
                </c:pt>
                <c:pt idx="428">
                  <c:v>3.9969999999999999</c:v>
                </c:pt>
                <c:pt idx="429">
                  <c:v>4.0069999999999997</c:v>
                </c:pt>
                <c:pt idx="430">
                  <c:v>4.0170000000000003</c:v>
                </c:pt>
                <c:pt idx="431">
                  <c:v>4.0270000000000001</c:v>
                </c:pt>
                <c:pt idx="432">
                  <c:v>4.0369999999999999</c:v>
                </c:pt>
                <c:pt idx="433">
                  <c:v>4.0469999999999997</c:v>
                </c:pt>
                <c:pt idx="434">
                  <c:v>4.056</c:v>
                </c:pt>
                <c:pt idx="435">
                  <c:v>4.0659999999999998</c:v>
                </c:pt>
                <c:pt idx="436">
                  <c:v>4.077</c:v>
                </c:pt>
                <c:pt idx="437">
                  <c:v>4.0869999999999997</c:v>
                </c:pt>
                <c:pt idx="438">
                  <c:v>4.0970000000000004</c:v>
                </c:pt>
                <c:pt idx="439">
                  <c:v>4.1059999999999999</c:v>
                </c:pt>
                <c:pt idx="440">
                  <c:v>4.1159999999999997</c:v>
                </c:pt>
                <c:pt idx="441">
                  <c:v>4.1269999999999998</c:v>
                </c:pt>
                <c:pt idx="442">
                  <c:v>4.1369999999999996</c:v>
                </c:pt>
                <c:pt idx="443">
                  <c:v>4.1470000000000002</c:v>
                </c:pt>
                <c:pt idx="444">
                  <c:v>4.1580000000000004</c:v>
                </c:pt>
                <c:pt idx="445">
                  <c:v>4.1669999999999998</c:v>
                </c:pt>
                <c:pt idx="446">
                  <c:v>4.1779999999999999</c:v>
                </c:pt>
                <c:pt idx="447">
                  <c:v>4.1870000000000003</c:v>
                </c:pt>
                <c:pt idx="448">
                  <c:v>4.1980000000000004</c:v>
                </c:pt>
                <c:pt idx="449">
                  <c:v>4.2069999999999999</c:v>
                </c:pt>
                <c:pt idx="450">
                  <c:v>4.218</c:v>
                </c:pt>
                <c:pt idx="451">
                  <c:v>4.2270000000000003</c:v>
                </c:pt>
                <c:pt idx="452">
                  <c:v>4.2380000000000004</c:v>
                </c:pt>
                <c:pt idx="453">
                  <c:v>4.2469999999999999</c:v>
                </c:pt>
                <c:pt idx="454">
                  <c:v>4.258</c:v>
                </c:pt>
                <c:pt idx="455">
                  <c:v>4.2670000000000003</c:v>
                </c:pt>
                <c:pt idx="456">
                  <c:v>4.2779999999999996</c:v>
                </c:pt>
                <c:pt idx="457">
                  <c:v>4.2869999999999999</c:v>
                </c:pt>
                <c:pt idx="458">
                  <c:v>4.298</c:v>
                </c:pt>
                <c:pt idx="459">
                  <c:v>4.3070000000000004</c:v>
                </c:pt>
                <c:pt idx="460">
                  <c:v>4.3179999999999996</c:v>
                </c:pt>
                <c:pt idx="461">
                  <c:v>4.327</c:v>
                </c:pt>
                <c:pt idx="462">
                  <c:v>4.3380000000000001</c:v>
                </c:pt>
                <c:pt idx="463">
                  <c:v>4.3479999999999999</c:v>
                </c:pt>
                <c:pt idx="464">
                  <c:v>4.3579999999999997</c:v>
                </c:pt>
                <c:pt idx="465">
                  <c:v>4.3680000000000003</c:v>
                </c:pt>
                <c:pt idx="466">
                  <c:v>4.3789999999999996</c:v>
                </c:pt>
                <c:pt idx="467">
                  <c:v>4.3879999999999999</c:v>
                </c:pt>
                <c:pt idx="468">
                  <c:v>4.399</c:v>
                </c:pt>
                <c:pt idx="469">
                  <c:v>4.4080000000000004</c:v>
                </c:pt>
                <c:pt idx="470">
                  <c:v>4.4180000000000001</c:v>
                </c:pt>
                <c:pt idx="471">
                  <c:v>4.4279999999999999</c:v>
                </c:pt>
                <c:pt idx="472">
                  <c:v>4.4379999999999997</c:v>
                </c:pt>
                <c:pt idx="473">
                  <c:v>4.4480000000000004</c:v>
                </c:pt>
                <c:pt idx="474">
                  <c:v>4.4569999999999999</c:v>
                </c:pt>
                <c:pt idx="475">
                  <c:v>4.468</c:v>
                </c:pt>
                <c:pt idx="476">
                  <c:v>4.4779999999999998</c:v>
                </c:pt>
                <c:pt idx="477">
                  <c:v>4.4889999999999999</c:v>
                </c:pt>
                <c:pt idx="478">
                  <c:v>4.4980000000000002</c:v>
                </c:pt>
                <c:pt idx="479">
                  <c:v>4.5090000000000003</c:v>
                </c:pt>
                <c:pt idx="480">
                  <c:v>4.5179999999999998</c:v>
                </c:pt>
                <c:pt idx="481">
                  <c:v>4.5289999999999999</c:v>
                </c:pt>
                <c:pt idx="482">
                  <c:v>4.54</c:v>
                </c:pt>
                <c:pt idx="483">
                  <c:v>4.5490000000000004</c:v>
                </c:pt>
                <c:pt idx="484">
                  <c:v>4.5599999999999996</c:v>
                </c:pt>
                <c:pt idx="485">
                  <c:v>4.569</c:v>
                </c:pt>
                <c:pt idx="486">
                  <c:v>4.5789999999999997</c:v>
                </c:pt>
                <c:pt idx="487">
                  <c:v>4.5880000000000001</c:v>
                </c:pt>
                <c:pt idx="488">
                  <c:v>4.5979999999999999</c:v>
                </c:pt>
                <c:pt idx="489">
                  <c:v>4.6079999999999997</c:v>
                </c:pt>
                <c:pt idx="490">
                  <c:v>4.6189999999999998</c:v>
                </c:pt>
                <c:pt idx="491">
                  <c:v>4.6280000000000001</c:v>
                </c:pt>
                <c:pt idx="492">
                  <c:v>4.6390000000000002</c:v>
                </c:pt>
                <c:pt idx="493">
                  <c:v>4.6479999999999997</c:v>
                </c:pt>
                <c:pt idx="494">
                  <c:v>4.6589999999999998</c:v>
                </c:pt>
                <c:pt idx="495">
                  <c:v>4.6689999999999996</c:v>
                </c:pt>
                <c:pt idx="496">
                  <c:v>4.6790000000000003</c:v>
                </c:pt>
                <c:pt idx="497">
                  <c:v>4.6890000000000001</c:v>
                </c:pt>
                <c:pt idx="498">
                  <c:v>4.6989999999999998</c:v>
                </c:pt>
                <c:pt idx="499">
                  <c:v>4.7089999999999996</c:v>
                </c:pt>
                <c:pt idx="500">
                  <c:v>4.7190000000000003</c:v>
                </c:pt>
                <c:pt idx="501">
                  <c:v>4.7279999999999998</c:v>
                </c:pt>
                <c:pt idx="502">
                  <c:v>4.7389999999999999</c:v>
                </c:pt>
                <c:pt idx="503">
                  <c:v>4.7489999999999997</c:v>
                </c:pt>
                <c:pt idx="504">
                  <c:v>4.7590000000000003</c:v>
                </c:pt>
                <c:pt idx="505">
                  <c:v>4.7690000000000001</c:v>
                </c:pt>
                <c:pt idx="506">
                  <c:v>4.7789999999999999</c:v>
                </c:pt>
                <c:pt idx="507">
                  <c:v>4.7889999999999997</c:v>
                </c:pt>
                <c:pt idx="508">
                  <c:v>4.7990000000000004</c:v>
                </c:pt>
                <c:pt idx="509">
                  <c:v>4.8090000000000002</c:v>
                </c:pt>
                <c:pt idx="510">
                  <c:v>4.82</c:v>
                </c:pt>
                <c:pt idx="511">
                  <c:v>4.8289999999999997</c:v>
                </c:pt>
                <c:pt idx="512">
                  <c:v>4.84</c:v>
                </c:pt>
                <c:pt idx="513">
                  <c:v>4.8499999999999996</c:v>
                </c:pt>
                <c:pt idx="514">
                  <c:v>4.859</c:v>
                </c:pt>
                <c:pt idx="515">
                  <c:v>4.87</c:v>
                </c:pt>
                <c:pt idx="516">
                  <c:v>4.88</c:v>
                </c:pt>
                <c:pt idx="517">
                  <c:v>4.8899999999999997</c:v>
                </c:pt>
                <c:pt idx="518">
                  <c:v>4.899</c:v>
                </c:pt>
                <c:pt idx="519">
                  <c:v>4.91</c:v>
                </c:pt>
                <c:pt idx="520">
                  <c:v>4.9189999999999996</c:v>
                </c:pt>
                <c:pt idx="521">
                  <c:v>4.93</c:v>
                </c:pt>
                <c:pt idx="522">
                  <c:v>4.9400000000000004</c:v>
                </c:pt>
                <c:pt idx="523">
                  <c:v>4.95</c:v>
                </c:pt>
                <c:pt idx="524">
                  <c:v>4.96</c:v>
                </c:pt>
                <c:pt idx="525">
                  <c:v>4.97</c:v>
                </c:pt>
                <c:pt idx="526">
                  <c:v>4.9800000000000004</c:v>
                </c:pt>
                <c:pt idx="527">
                  <c:v>4.9909999999999997</c:v>
                </c:pt>
                <c:pt idx="528">
                  <c:v>5</c:v>
                </c:pt>
                <c:pt idx="529">
                  <c:v>5.01</c:v>
                </c:pt>
                <c:pt idx="530">
                  <c:v>5.0209999999999999</c:v>
                </c:pt>
                <c:pt idx="531">
                  <c:v>5.03</c:v>
                </c:pt>
                <c:pt idx="532">
                  <c:v>5.0410000000000004</c:v>
                </c:pt>
                <c:pt idx="533">
                  <c:v>5.05</c:v>
                </c:pt>
                <c:pt idx="534">
                  <c:v>5.0599999999999996</c:v>
                </c:pt>
                <c:pt idx="535">
                  <c:v>5.07</c:v>
                </c:pt>
                <c:pt idx="536">
                  <c:v>5.08</c:v>
                </c:pt>
                <c:pt idx="537">
                  <c:v>5.09</c:v>
                </c:pt>
                <c:pt idx="538">
                  <c:v>5.0999999999999996</c:v>
                </c:pt>
                <c:pt idx="539">
                  <c:v>5.1100000000000003</c:v>
                </c:pt>
                <c:pt idx="540">
                  <c:v>5.1210000000000004</c:v>
                </c:pt>
                <c:pt idx="541">
                  <c:v>5.181</c:v>
                </c:pt>
                <c:pt idx="542">
                  <c:v>5.1920000000000002</c:v>
                </c:pt>
                <c:pt idx="543">
                  <c:v>5.2009999999999996</c:v>
                </c:pt>
                <c:pt idx="544">
                  <c:v>5.21</c:v>
                </c:pt>
                <c:pt idx="545">
                  <c:v>5.2210000000000001</c:v>
                </c:pt>
                <c:pt idx="546">
                  <c:v>5.23</c:v>
                </c:pt>
                <c:pt idx="547">
                  <c:v>5.2409999999999997</c:v>
                </c:pt>
                <c:pt idx="548">
                  <c:v>5.25</c:v>
                </c:pt>
                <c:pt idx="549">
                  <c:v>5.2610000000000001</c:v>
                </c:pt>
                <c:pt idx="550">
                  <c:v>5.27</c:v>
                </c:pt>
                <c:pt idx="551">
                  <c:v>5.2809999999999997</c:v>
                </c:pt>
                <c:pt idx="552">
                  <c:v>5.2910000000000004</c:v>
                </c:pt>
                <c:pt idx="553">
                  <c:v>5.3010000000000002</c:v>
                </c:pt>
                <c:pt idx="554">
                  <c:v>5.3120000000000003</c:v>
                </c:pt>
                <c:pt idx="555">
                  <c:v>5.3220000000000001</c:v>
                </c:pt>
                <c:pt idx="556">
                  <c:v>5.3319999999999999</c:v>
                </c:pt>
                <c:pt idx="557">
                  <c:v>5.3419999999999996</c:v>
                </c:pt>
                <c:pt idx="558">
                  <c:v>5.3529999999999998</c:v>
                </c:pt>
                <c:pt idx="559">
                  <c:v>5.3620000000000001</c:v>
                </c:pt>
                <c:pt idx="560">
                  <c:v>5.3719999999999999</c:v>
                </c:pt>
                <c:pt idx="561">
                  <c:v>5.3819999999999997</c:v>
                </c:pt>
                <c:pt idx="562">
                  <c:v>5.3920000000000003</c:v>
                </c:pt>
                <c:pt idx="563">
                  <c:v>5.4020000000000001</c:v>
                </c:pt>
                <c:pt idx="564">
                  <c:v>5.4109999999999996</c:v>
                </c:pt>
                <c:pt idx="565">
                  <c:v>5.4219999999999997</c:v>
                </c:pt>
                <c:pt idx="566">
                  <c:v>5.4320000000000004</c:v>
                </c:pt>
                <c:pt idx="567">
                  <c:v>5.4420000000000002</c:v>
                </c:pt>
                <c:pt idx="568">
                  <c:v>5.452</c:v>
                </c:pt>
                <c:pt idx="569">
                  <c:v>5.4630000000000001</c:v>
                </c:pt>
                <c:pt idx="570">
                  <c:v>5.4720000000000004</c:v>
                </c:pt>
                <c:pt idx="571">
                  <c:v>5.4829999999999997</c:v>
                </c:pt>
                <c:pt idx="572">
                  <c:v>5.4930000000000003</c:v>
                </c:pt>
                <c:pt idx="573">
                  <c:v>5.5019999999999998</c:v>
                </c:pt>
                <c:pt idx="574">
                  <c:v>5.5129999999999999</c:v>
                </c:pt>
                <c:pt idx="575">
                  <c:v>5.5229999999999997</c:v>
                </c:pt>
                <c:pt idx="576">
                  <c:v>5.5330000000000004</c:v>
                </c:pt>
                <c:pt idx="577">
                  <c:v>5.5430000000000001</c:v>
                </c:pt>
                <c:pt idx="578">
                  <c:v>5.5519999999999996</c:v>
                </c:pt>
                <c:pt idx="579">
                  <c:v>5.5629999999999997</c:v>
                </c:pt>
                <c:pt idx="580">
                  <c:v>5.5720000000000001</c:v>
                </c:pt>
                <c:pt idx="581">
                  <c:v>5.5830000000000002</c:v>
                </c:pt>
                <c:pt idx="582">
                  <c:v>5.5919999999999996</c:v>
                </c:pt>
                <c:pt idx="583">
                  <c:v>5.6029999999999998</c:v>
                </c:pt>
                <c:pt idx="584">
                  <c:v>5.6120000000000001</c:v>
                </c:pt>
                <c:pt idx="585">
                  <c:v>5.6230000000000002</c:v>
                </c:pt>
                <c:pt idx="586">
                  <c:v>5.633</c:v>
                </c:pt>
                <c:pt idx="587">
                  <c:v>5.6429999999999998</c:v>
                </c:pt>
                <c:pt idx="588">
                  <c:v>5.6520000000000001</c:v>
                </c:pt>
                <c:pt idx="589">
                  <c:v>5.6630000000000003</c:v>
                </c:pt>
                <c:pt idx="590">
                  <c:v>5.6719999999999997</c:v>
                </c:pt>
                <c:pt idx="591">
                  <c:v>5.6829999999999998</c:v>
                </c:pt>
                <c:pt idx="592">
                  <c:v>5.6929999999999996</c:v>
                </c:pt>
                <c:pt idx="593">
                  <c:v>5.7030000000000003</c:v>
                </c:pt>
                <c:pt idx="594">
                  <c:v>5.7130000000000001</c:v>
                </c:pt>
                <c:pt idx="595">
                  <c:v>5.7229999999999999</c:v>
                </c:pt>
                <c:pt idx="596">
                  <c:v>5.7329999999999997</c:v>
                </c:pt>
                <c:pt idx="597">
                  <c:v>5.7430000000000003</c:v>
                </c:pt>
                <c:pt idx="598">
                  <c:v>5.7530000000000001</c:v>
                </c:pt>
                <c:pt idx="599">
                  <c:v>5.7629999999999999</c:v>
                </c:pt>
                <c:pt idx="600">
                  <c:v>5.7720000000000002</c:v>
                </c:pt>
                <c:pt idx="601">
                  <c:v>5.7839999999999998</c:v>
                </c:pt>
                <c:pt idx="602">
                  <c:v>5.7930000000000001</c:v>
                </c:pt>
                <c:pt idx="603">
                  <c:v>5.8029999999999999</c:v>
                </c:pt>
                <c:pt idx="604">
                  <c:v>5.8129999999999997</c:v>
                </c:pt>
                <c:pt idx="605">
                  <c:v>5.8230000000000004</c:v>
                </c:pt>
                <c:pt idx="606">
                  <c:v>5.8330000000000002</c:v>
                </c:pt>
                <c:pt idx="607">
                  <c:v>5.843</c:v>
                </c:pt>
                <c:pt idx="608">
                  <c:v>5.8529999999999998</c:v>
                </c:pt>
                <c:pt idx="609">
                  <c:v>5.8630000000000004</c:v>
                </c:pt>
                <c:pt idx="610">
                  <c:v>5.8739999999999997</c:v>
                </c:pt>
                <c:pt idx="611">
                  <c:v>5.883</c:v>
                </c:pt>
                <c:pt idx="612">
                  <c:v>5.8940000000000001</c:v>
                </c:pt>
                <c:pt idx="613">
                  <c:v>5.9039999999999999</c:v>
                </c:pt>
                <c:pt idx="614">
                  <c:v>5.9130000000000003</c:v>
                </c:pt>
                <c:pt idx="615">
                  <c:v>5.923</c:v>
                </c:pt>
                <c:pt idx="616">
                  <c:v>5.9340000000000002</c:v>
                </c:pt>
                <c:pt idx="617">
                  <c:v>5.9429999999999996</c:v>
                </c:pt>
                <c:pt idx="618">
                  <c:v>5.9539999999999997</c:v>
                </c:pt>
                <c:pt idx="619">
                  <c:v>5.9630000000000001</c:v>
                </c:pt>
                <c:pt idx="620">
                  <c:v>5.9740000000000002</c:v>
                </c:pt>
                <c:pt idx="621">
                  <c:v>5.984</c:v>
                </c:pt>
                <c:pt idx="622">
                  <c:v>5.9939999999999998</c:v>
                </c:pt>
                <c:pt idx="623">
                  <c:v>6.0039999999999996</c:v>
                </c:pt>
                <c:pt idx="624">
                  <c:v>6.0149999999999997</c:v>
                </c:pt>
                <c:pt idx="625">
                  <c:v>6.024</c:v>
                </c:pt>
                <c:pt idx="626">
                  <c:v>6.0350000000000001</c:v>
                </c:pt>
                <c:pt idx="627">
                  <c:v>6.0439999999999996</c:v>
                </c:pt>
                <c:pt idx="628">
                  <c:v>6.0549999999999997</c:v>
                </c:pt>
                <c:pt idx="629">
                  <c:v>6.0650000000000004</c:v>
                </c:pt>
                <c:pt idx="630">
                  <c:v>6.0750000000000002</c:v>
                </c:pt>
                <c:pt idx="631">
                  <c:v>6.085</c:v>
                </c:pt>
                <c:pt idx="632">
                  <c:v>6.0949999999999998</c:v>
                </c:pt>
                <c:pt idx="633">
                  <c:v>6.1059999999999999</c:v>
                </c:pt>
                <c:pt idx="634">
                  <c:v>6.1150000000000002</c:v>
                </c:pt>
                <c:pt idx="635">
                  <c:v>6.125</c:v>
                </c:pt>
                <c:pt idx="636">
                  <c:v>6.1360000000000001</c:v>
                </c:pt>
                <c:pt idx="637">
                  <c:v>6.1449999999999996</c:v>
                </c:pt>
                <c:pt idx="638">
                  <c:v>6.1559999999999997</c:v>
                </c:pt>
                <c:pt idx="639">
                  <c:v>6.165</c:v>
                </c:pt>
                <c:pt idx="640">
                  <c:v>6.1760000000000002</c:v>
                </c:pt>
                <c:pt idx="641">
                  <c:v>6.1849999999999996</c:v>
                </c:pt>
                <c:pt idx="642">
                  <c:v>6.1959999999999997</c:v>
                </c:pt>
                <c:pt idx="643">
                  <c:v>6.2050000000000001</c:v>
                </c:pt>
                <c:pt idx="644">
                  <c:v>6.2149999999999999</c:v>
                </c:pt>
                <c:pt idx="645">
                  <c:v>6.2249999999999996</c:v>
                </c:pt>
                <c:pt idx="646">
                  <c:v>6.2359999999999998</c:v>
                </c:pt>
                <c:pt idx="647">
                  <c:v>6.2450000000000001</c:v>
                </c:pt>
                <c:pt idx="648">
                  <c:v>6.2560000000000002</c:v>
                </c:pt>
                <c:pt idx="649">
                  <c:v>6.266</c:v>
                </c:pt>
                <c:pt idx="650">
                  <c:v>6.2759999999999998</c:v>
                </c:pt>
                <c:pt idx="651">
                  <c:v>6.2869999999999999</c:v>
                </c:pt>
                <c:pt idx="652">
                  <c:v>6.2960000000000003</c:v>
                </c:pt>
                <c:pt idx="653">
                  <c:v>6.306</c:v>
                </c:pt>
                <c:pt idx="654">
                  <c:v>6.3159999999999998</c:v>
                </c:pt>
                <c:pt idx="655">
                  <c:v>6.327</c:v>
                </c:pt>
                <c:pt idx="656">
                  <c:v>6.3369999999999997</c:v>
                </c:pt>
                <c:pt idx="657">
                  <c:v>6.3460000000000001</c:v>
                </c:pt>
                <c:pt idx="658">
                  <c:v>6.3570000000000002</c:v>
                </c:pt>
                <c:pt idx="659">
                  <c:v>6.3659999999999997</c:v>
                </c:pt>
                <c:pt idx="660">
                  <c:v>6.3769999999999998</c:v>
                </c:pt>
                <c:pt idx="661">
                  <c:v>6.3860000000000001</c:v>
                </c:pt>
                <c:pt idx="662">
                  <c:v>6.3970000000000002</c:v>
                </c:pt>
                <c:pt idx="663">
                  <c:v>6.4059999999999997</c:v>
                </c:pt>
                <c:pt idx="664">
                  <c:v>6.4160000000000004</c:v>
                </c:pt>
                <c:pt idx="665">
                  <c:v>6.4260000000000002</c:v>
                </c:pt>
                <c:pt idx="666">
                  <c:v>6.4359999999999999</c:v>
                </c:pt>
                <c:pt idx="667">
                  <c:v>6.4459999999999997</c:v>
                </c:pt>
                <c:pt idx="668">
                  <c:v>6.4560000000000004</c:v>
                </c:pt>
                <c:pt idx="669">
                  <c:v>6.4660000000000002</c:v>
                </c:pt>
                <c:pt idx="670">
                  <c:v>6.4770000000000003</c:v>
                </c:pt>
                <c:pt idx="671">
                  <c:v>6.4870000000000001</c:v>
                </c:pt>
                <c:pt idx="672">
                  <c:v>6.4969999999999999</c:v>
                </c:pt>
                <c:pt idx="673">
                  <c:v>6.5069999999999997</c:v>
                </c:pt>
                <c:pt idx="674">
                  <c:v>6.5170000000000003</c:v>
                </c:pt>
                <c:pt idx="675">
                  <c:v>6.5270000000000001</c:v>
                </c:pt>
                <c:pt idx="676">
                  <c:v>6.5380000000000003</c:v>
                </c:pt>
                <c:pt idx="677">
                  <c:v>6.5469999999999997</c:v>
                </c:pt>
                <c:pt idx="678">
                  <c:v>6.5570000000000004</c:v>
                </c:pt>
                <c:pt idx="679">
                  <c:v>6.5670000000000002</c:v>
                </c:pt>
                <c:pt idx="680">
                  <c:v>6.577</c:v>
                </c:pt>
                <c:pt idx="681">
                  <c:v>6.5869999999999997</c:v>
                </c:pt>
                <c:pt idx="682">
                  <c:v>6.5960000000000001</c:v>
                </c:pt>
                <c:pt idx="683">
                  <c:v>6.6070000000000002</c:v>
                </c:pt>
                <c:pt idx="684">
                  <c:v>6.6159999999999997</c:v>
                </c:pt>
                <c:pt idx="685">
                  <c:v>6.6269999999999998</c:v>
                </c:pt>
                <c:pt idx="686">
                  <c:v>6.6360000000000001</c:v>
                </c:pt>
                <c:pt idx="687">
                  <c:v>6.6470000000000002</c:v>
                </c:pt>
                <c:pt idx="688">
                  <c:v>6.6559999999999997</c:v>
                </c:pt>
                <c:pt idx="689">
                  <c:v>6.6669999999999998</c:v>
                </c:pt>
                <c:pt idx="690">
                  <c:v>6.6769999999999996</c:v>
                </c:pt>
                <c:pt idx="691">
                  <c:v>6.6870000000000003</c:v>
                </c:pt>
                <c:pt idx="692">
                  <c:v>6.6970000000000001</c:v>
                </c:pt>
                <c:pt idx="693">
                  <c:v>6.7069999999999999</c:v>
                </c:pt>
                <c:pt idx="694">
                  <c:v>6.7169999999999996</c:v>
                </c:pt>
                <c:pt idx="695">
                  <c:v>6.7279999999999998</c:v>
                </c:pt>
                <c:pt idx="696">
                  <c:v>6.7370000000000001</c:v>
                </c:pt>
                <c:pt idx="697">
                  <c:v>6.7469999999999999</c:v>
                </c:pt>
                <c:pt idx="698">
                  <c:v>6.7560000000000002</c:v>
                </c:pt>
                <c:pt idx="699">
                  <c:v>6.7670000000000003</c:v>
                </c:pt>
                <c:pt idx="700">
                  <c:v>6.7759999999999998</c:v>
                </c:pt>
                <c:pt idx="701">
                  <c:v>6.7869999999999999</c:v>
                </c:pt>
                <c:pt idx="702">
                  <c:v>6.7969999999999997</c:v>
                </c:pt>
                <c:pt idx="703">
                  <c:v>6.8070000000000004</c:v>
                </c:pt>
                <c:pt idx="704">
                  <c:v>6.8170000000000002</c:v>
                </c:pt>
                <c:pt idx="705">
                  <c:v>6.827</c:v>
                </c:pt>
                <c:pt idx="706">
                  <c:v>6.8369999999999997</c:v>
                </c:pt>
                <c:pt idx="707">
                  <c:v>6.8470000000000004</c:v>
                </c:pt>
                <c:pt idx="708">
                  <c:v>6.8579999999999997</c:v>
                </c:pt>
                <c:pt idx="709">
                  <c:v>6.867</c:v>
                </c:pt>
                <c:pt idx="710">
                  <c:v>6.8780000000000001</c:v>
                </c:pt>
                <c:pt idx="711">
                  <c:v>6.8869999999999996</c:v>
                </c:pt>
                <c:pt idx="712">
                  <c:v>6.8979999999999997</c:v>
                </c:pt>
                <c:pt idx="713">
                  <c:v>6.907</c:v>
                </c:pt>
                <c:pt idx="714">
                  <c:v>6.9180000000000001</c:v>
                </c:pt>
                <c:pt idx="715">
                  <c:v>6.9269999999999996</c:v>
                </c:pt>
                <c:pt idx="716">
                  <c:v>6.9379999999999997</c:v>
                </c:pt>
                <c:pt idx="717">
                  <c:v>6.9470000000000001</c:v>
                </c:pt>
                <c:pt idx="718">
                  <c:v>6.9580000000000002</c:v>
                </c:pt>
                <c:pt idx="719">
                  <c:v>6.9669999999999996</c:v>
                </c:pt>
                <c:pt idx="720">
                  <c:v>6.9779999999999998</c:v>
                </c:pt>
                <c:pt idx="721">
                  <c:v>6.9880000000000004</c:v>
                </c:pt>
                <c:pt idx="722">
                  <c:v>6.9980000000000002</c:v>
                </c:pt>
                <c:pt idx="723">
                  <c:v>7.008</c:v>
                </c:pt>
                <c:pt idx="724">
                  <c:v>7.0190000000000001</c:v>
                </c:pt>
                <c:pt idx="725">
                  <c:v>7.0279999999999996</c:v>
                </c:pt>
                <c:pt idx="726">
                  <c:v>7.0380000000000003</c:v>
                </c:pt>
                <c:pt idx="727">
                  <c:v>7.0869999999999997</c:v>
                </c:pt>
                <c:pt idx="728">
                  <c:v>7.0970000000000004</c:v>
                </c:pt>
                <c:pt idx="729">
                  <c:v>7.1070000000000002</c:v>
                </c:pt>
                <c:pt idx="730">
                  <c:v>7.1159999999999997</c:v>
                </c:pt>
                <c:pt idx="731">
                  <c:v>7.1269999999999998</c:v>
                </c:pt>
                <c:pt idx="732">
                  <c:v>7.1369999999999996</c:v>
                </c:pt>
                <c:pt idx="733">
                  <c:v>7.1479999999999997</c:v>
                </c:pt>
                <c:pt idx="734">
                  <c:v>7.157</c:v>
                </c:pt>
                <c:pt idx="735">
                  <c:v>7.1680000000000001</c:v>
                </c:pt>
                <c:pt idx="736">
                  <c:v>7.1779999999999999</c:v>
                </c:pt>
                <c:pt idx="737">
                  <c:v>7.1879999999999997</c:v>
                </c:pt>
                <c:pt idx="738">
                  <c:v>7.1980000000000004</c:v>
                </c:pt>
                <c:pt idx="739">
                  <c:v>7.2080000000000002</c:v>
                </c:pt>
                <c:pt idx="740">
                  <c:v>7.2169999999999996</c:v>
                </c:pt>
                <c:pt idx="741">
                  <c:v>7.2279999999999998</c:v>
                </c:pt>
                <c:pt idx="742">
                  <c:v>7.2370000000000001</c:v>
                </c:pt>
                <c:pt idx="743">
                  <c:v>7.2480000000000002</c:v>
                </c:pt>
                <c:pt idx="744">
                  <c:v>7.258</c:v>
                </c:pt>
                <c:pt idx="745">
                  <c:v>7.2679999999999998</c:v>
                </c:pt>
                <c:pt idx="746">
                  <c:v>7.2770000000000001</c:v>
                </c:pt>
                <c:pt idx="747">
                  <c:v>7.2880000000000003</c:v>
                </c:pt>
                <c:pt idx="748">
                  <c:v>7.298</c:v>
                </c:pt>
                <c:pt idx="749">
                  <c:v>7.3079999999999998</c:v>
                </c:pt>
                <c:pt idx="750">
                  <c:v>7.3179999999999996</c:v>
                </c:pt>
                <c:pt idx="751">
                  <c:v>7.3289999999999997</c:v>
                </c:pt>
                <c:pt idx="752">
                  <c:v>7.3380000000000001</c:v>
                </c:pt>
                <c:pt idx="753">
                  <c:v>7.3490000000000002</c:v>
                </c:pt>
                <c:pt idx="754">
                  <c:v>7.359</c:v>
                </c:pt>
                <c:pt idx="755">
                  <c:v>7.3689999999999998</c:v>
                </c:pt>
                <c:pt idx="756">
                  <c:v>7.3789999999999996</c:v>
                </c:pt>
                <c:pt idx="757">
                  <c:v>7.3879999999999999</c:v>
                </c:pt>
                <c:pt idx="758">
                  <c:v>7.399</c:v>
                </c:pt>
                <c:pt idx="759">
                  <c:v>7.4080000000000004</c:v>
                </c:pt>
                <c:pt idx="760">
                  <c:v>7.4189999999999996</c:v>
                </c:pt>
                <c:pt idx="761">
                  <c:v>7.4279999999999999</c:v>
                </c:pt>
                <c:pt idx="762">
                  <c:v>7.4379999999999997</c:v>
                </c:pt>
                <c:pt idx="763">
                  <c:v>7.4480000000000004</c:v>
                </c:pt>
                <c:pt idx="764">
                  <c:v>7.4589999999999996</c:v>
                </c:pt>
                <c:pt idx="765">
                  <c:v>7.468</c:v>
                </c:pt>
                <c:pt idx="766">
                  <c:v>7.4790000000000001</c:v>
                </c:pt>
                <c:pt idx="767">
                  <c:v>7.4889999999999999</c:v>
                </c:pt>
                <c:pt idx="768">
                  <c:v>7.4989999999999997</c:v>
                </c:pt>
                <c:pt idx="769">
                  <c:v>7.51</c:v>
                </c:pt>
                <c:pt idx="770">
                  <c:v>7.52</c:v>
                </c:pt>
                <c:pt idx="771">
                  <c:v>7.5289999999999999</c:v>
                </c:pt>
                <c:pt idx="772">
                  <c:v>7.54</c:v>
                </c:pt>
                <c:pt idx="773">
                  <c:v>7.55</c:v>
                </c:pt>
                <c:pt idx="774">
                  <c:v>7.5590000000000002</c:v>
                </c:pt>
                <c:pt idx="775">
                  <c:v>7.57</c:v>
                </c:pt>
                <c:pt idx="776">
                  <c:v>7.58</c:v>
                </c:pt>
                <c:pt idx="777">
                  <c:v>7.59</c:v>
                </c:pt>
                <c:pt idx="778">
                  <c:v>7.6</c:v>
                </c:pt>
                <c:pt idx="779">
                  <c:v>7.609</c:v>
                </c:pt>
                <c:pt idx="780">
                  <c:v>7.62</c:v>
                </c:pt>
                <c:pt idx="781">
                  <c:v>7.6289999999999996</c:v>
                </c:pt>
                <c:pt idx="782">
                  <c:v>7.64</c:v>
                </c:pt>
                <c:pt idx="783">
                  <c:v>7.65</c:v>
                </c:pt>
                <c:pt idx="784">
                  <c:v>7.66</c:v>
                </c:pt>
                <c:pt idx="785">
                  <c:v>7.6710000000000003</c:v>
                </c:pt>
                <c:pt idx="786">
                  <c:v>7.68</c:v>
                </c:pt>
                <c:pt idx="787">
                  <c:v>7.69</c:v>
                </c:pt>
                <c:pt idx="788">
                  <c:v>7.7009999999999996</c:v>
                </c:pt>
                <c:pt idx="789">
                  <c:v>7.7110000000000003</c:v>
                </c:pt>
                <c:pt idx="790">
                  <c:v>7.7210000000000001</c:v>
                </c:pt>
                <c:pt idx="791">
                  <c:v>7.7309999999999999</c:v>
                </c:pt>
                <c:pt idx="792">
                  <c:v>7.7409999999999997</c:v>
                </c:pt>
                <c:pt idx="793">
                  <c:v>7.75</c:v>
                </c:pt>
                <c:pt idx="794">
                  <c:v>7.7610000000000001</c:v>
                </c:pt>
                <c:pt idx="795">
                  <c:v>7.7709999999999999</c:v>
                </c:pt>
                <c:pt idx="796">
                  <c:v>7.78</c:v>
                </c:pt>
                <c:pt idx="797">
                  <c:v>7.7910000000000004</c:v>
                </c:pt>
                <c:pt idx="798">
                  <c:v>7.8010000000000002</c:v>
                </c:pt>
                <c:pt idx="799">
                  <c:v>7.8109999999999999</c:v>
                </c:pt>
                <c:pt idx="800">
                  <c:v>7.8209999999999997</c:v>
                </c:pt>
                <c:pt idx="801">
                  <c:v>7.8310000000000004</c:v>
                </c:pt>
                <c:pt idx="802">
                  <c:v>7.8410000000000002</c:v>
                </c:pt>
                <c:pt idx="803">
                  <c:v>7.8520000000000003</c:v>
                </c:pt>
                <c:pt idx="804">
                  <c:v>7.8609999999999998</c:v>
                </c:pt>
                <c:pt idx="805">
                  <c:v>7.8710000000000004</c:v>
                </c:pt>
                <c:pt idx="806">
                  <c:v>7.8819999999999997</c:v>
                </c:pt>
                <c:pt idx="807">
                  <c:v>7.891</c:v>
                </c:pt>
                <c:pt idx="808">
                  <c:v>7.9009999999999998</c:v>
                </c:pt>
                <c:pt idx="809">
                  <c:v>7.9119999999999999</c:v>
                </c:pt>
                <c:pt idx="810">
                  <c:v>7.9210000000000003</c:v>
                </c:pt>
                <c:pt idx="811">
                  <c:v>7.9320000000000004</c:v>
                </c:pt>
                <c:pt idx="812">
                  <c:v>7.9409999999999998</c:v>
                </c:pt>
                <c:pt idx="813">
                  <c:v>7.952</c:v>
                </c:pt>
                <c:pt idx="814">
                  <c:v>7.9610000000000003</c:v>
                </c:pt>
                <c:pt idx="815">
                  <c:v>7.9720000000000004</c:v>
                </c:pt>
                <c:pt idx="816">
                  <c:v>7.9820000000000002</c:v>
                </c:pt>
                <c:pt idx="817">
                  <c:v>7.9930000000000003</c:v>
                </c:pt>
                <c:pt idx="818">
                  <c:v>8.0030000000000001</c:v>
                </c:pt>
                <c:pt idx="819">
                  <c:v>8.0120000000000005</c:v>
                </c:pt>
                <c:pt idx="820">
                  <c:v>8.0229999999999997</c:v>
                </c:pt>
                <c:pt idx="821">
                  <c:v>8.032</c:v>
                </c:pt>
                <c:pt idx="822">
                  <c:v>8.0429999999999993</c:v>
                </c:pt>
                <c:pt idx="823">
                  <c:v>8.0519999999999996</c:v>
                </c:pt>
                <c:pt idx="824">
                  <c:v>8.0630000000000006</c:v>
                </c:pt>
                <c:pt idx="825">
                  <c:v>8.0719999999999992</c:v>
                </c:pt>
                <c:pt idx="826">
                  <c:v>8.0830000000000002</c:v>
                </c:pt>
                <c:pt idx="827">
                  <c:v>8.0920000000000005</c:v>
                </c:pt>
                <c:pt idx="828">
                  <c:v>8.1029999999999998</c:v>
                </c:pt>
                <c:pt idx="829">
                  <c:v>8.1140000000000008</c:v>
                </c:pt>
                <c:pt idx="830">
                  <c:v>8.1229999999999993</c:v>
                </c:pt>
                <c:pt idx="831">
                  <c:v>8.1329999999999991</c:v>
                </c:pt>
                <c:pt idx="832">
                  <c:v>8.1440000000000001</c:v>
                </c:pt>
                <c:pt idx="833">
                  <c:v>8.1530000000000005</c:v>
                </c:pt>
                <c:pt idx="834">
                  <c:v>8.1639999999999997</c:v>
                </c:pt>
                <c:pt idx="835">
                  <c:v>8.1739999999999995</c:v>
                </c:pt>
                <c:pt idx="836">
                  <c:v>8.1850000000000005</c:v>
                </c:pt>
                <c:pt idx="837">
                  <c:v>8.1940000000000008</c:v>
                </c:pt>
                <c:pt idx="838">
                  <c:v>8.2050000000000001</c:v>
                </c:pt>
                <c:pt idx="839">
                  <c:v>8.2140000000000004</c:v>
                </c:pt>
                <c:pt idx="840">
                  <c:v>8.2249999999999996</c:v>
                </c:pt>
                <c:pt idx="841">
                  <c:v>8.234</c:v>
                </c:pt>
                <c:pt idx="842">
                  <c:v>8.2439999999999998</c:v>
                </c:pt>
                <c:pt idx="843">
                  <c:v>8.2550000000000008</c:v>
                </c:pt>
                <c:pt idx="844">
                  <c:v>8.2639999999999993</c:v>
                </c:pt>
                <c:pt idx="845">
                  <c:v>8.2750000000000004</c:v>
                </c:pt>
                <c:pt idx="846">
                  <c:v>8.2840000000000007</c:v>
                </c:pt>
                <c:pt idx="847">
                  <c:v>8.2949999999999999</c:v>
                </c:pt>
                <c:pt idx="848">
                  <c:v>8.3049999999999997</c:v>
                </c:pt>
                <c:pt idx="849">
                  <c:v>8.3149999999999995</c:v>
                </c:pt>
                <c:pt idx="850">
                  <c:v>8.3239999999999998</c:v>
                </c:pt>
                <c:pt idx="851">
                  <c:v>8.3350000000000009</c:v>
                </c:pt>
                <c:pt idx="852">
                  <c:v>8.3450000000000006</c:v>
                </c:pt>
                <c:pt idx="853">
                  <c:v>8.3550000000000004</c:v>
                </c:pt>
                <c:pt idx="854">
                  <c:v>8.3650000000000002</c:v>
                </c:pt>
                <c:pt idx="855">
                  <c:v>8.3759999999999994</c:v>
                </c:pt>
                <c:pt idx="856">
                  <c:v>8.3849999999999998</c:v>
                </c:pt>
                <c:pt idx="857">
                  <c:v>8.3949999999999996</c:v>
                </c:pt>
                <c:pt idx="858">
                  <c:v>8.4049999999999994</c:v>
                </c:pt>
                <c:pt idx="859">
                  <c:v>8.4149999999999991</c:v>
                </c:pt>
                <c:pt idx="860">
                  <c:v>8.4239999999999995</c:v>
                </c:pt>
                <c:pt idx="861">
                  <c:v>8.4350000000000005</c:v>
                </c:pt>
                <c:pt idx="862">
                  <c:v>8.4440000000000008</c:v>
                </c:pt>
                <c:pt idx="863">
                  <c:v>8.4550000000000001</c:v>
                </c:pt>
                <c:pt idx="864">
                  <c:v>8.4649999999999999</c:v>
                </c:pt>
                <c:pt idx="865">
                  <c:v>8.4760000000000009</c:v>
                </c:pt>
                <c:pt idx="866">
                  <c:v>8.4849999999999994</c:v>
                </c:pt>
                <c:pt idx="867">
                  <c:v>8.4960000000000004</c:v>
                </c:pt>
                <c:pt idx="868">
                  <c:v>8.5050000000000008</c:v>
                </c:pt>
                <c:pt idx="869">
                  <c:v>8.516</c:v>
                </c:pt>
                <c:pt idx="870">
                  <c:v>8.5250000000000004</c:v>
                </c:pt>
                <c:pt idx="871">
                  <c:v>8.5359999999999996</c:v>
                </c:pt>
                <c:pt idx="872">
                  <c:v>8.5449999999999999</c:v>
                </c:pt>
                <c:pt idx="873">
                  <c:v>8.5559999999999992</c:v>
                </c:pt>
                <c:pt idx="874">
                  <c:v>8.5649999999999995</c:v>
                </c:pt>
                <c:pt idx="875">
                  <c:v>8.5749999999999993</c:v>
                </c:pt>
                <c:pt idx="876">
                  <c:v>8.5850000000000009</c:v>
                </c:pt>
                <c:pt idx="877">
                  <c:v>8.5950000000000006</c:v>
                </c:pt>
                <c:pt idx="878">
                  <c:v>8.6039999999999992</c:v>
                </c:pt>
                <c:pt idx="879">
                  <c:v>8.6150000000000002</c:v>
                </c:pt>
                <c:pt idx="880">
                  <c:v>8.6240000000000006</c:v>
                </c:pt>
                <c:pt idx="881">
                  <c:v>8.6349999999999998</c:v>
                </c:pt>
                <c:pt idx="882">
                  <c:v>8.6440000000000001</c:v>
                </c:pt>
                <c:pt idx="883">
                  <c:v>8.6539999999999999</c:v>
                </c:pt>
                <c:pt idx="884">
                  <c:v>8.6639999999999997</c:v>
                </c:pt>
                <c:pt idx="885">
                  <c:v>8.6739999999999995</c:v>
                </c:pt>
                <c:pt idx="886">
                  <c:v>8.6839999999999993</c:v>
                </c:pt>
                <c:pt idx="887">
                  <c:v>8.6950000000000003</c:v>
                </c:pt>
                <c:pt idx="888">
                  <c:v>8.7040000000000006</c:v>
                </c:pt>
                <c:pt idx="889">
                  <c:v>8.7140000000000004</c:v>
                </c:pt>
                <c:pt idx="890">
                  <c:v>8.7240000000000002</c:v>
                </c:pt>
                <c:pt idx="891">
                  <c:v>8.734</c:v>
                </c:pt>
                <c:pt idx="892">
                  <c:v>8.7430000000000003</c:v>
                </c:pt>
                <c:pt idx="893">
                  <c:v>8.7539999999999996</c:v>
                </c:pt>
                <c:pt idx="894">
                  <c:v>8.7629999999999999</c:v>
                </c:pt>
                <c:pt idx="895">
                  <c:v>8.7739999999999991</c:v>
                </c:pt>
                <c:pt idx="896">
                  <c:v>8.7829999999999995</c:v>
                </c:pt>
                <c:pt idx="897">
                  <c:v>8.7940000000000005</c:v>
                </c:pt>
                <c:pt idx="898">
                  <c:v>8.8040000000000003</c:v>
                </c:pt>
                <c:pt idx="899">
                  <c:v>8.8140000000000001</c:v>
                </c:pt>
                <c:pt idx="900">
                  <c:v>8.8230000000000004</c:v>
                </c:pt>
                <c:pt idx="901">
                  <c:v>8.8339999999999996</c:v>
                </c:pt>
                <c:pt idx="902">
                  <c:v>8.843</c:v>
                </c:pt>
                <c:pt idx="903">
                  <c:v>8.8539999999999992</c:v>
                </c:pt>
                <c:pt idx="904">
                  <c:v>8.8640000000000008</c:v>
                </c:pt>
                <c:pt idx="905">
                  <c:v>8.8740000000000006</c:v>
                </c:pt>
                <c:pt idx="906">
                  <c:v>8.8849999999999998</c:v>
                </c:pt>
                <c:pt idx="907">
                  <c:v>8.8940000000000001</c:v>
                </c:pt>
                <c:pt idx="908">
                  <c:v>8.9039999999999999</c:v>
                </c:pt>
                <c:pt idx="909">
                  <c:v>8.9130000000000003</c:v>
                </c:pt>
                <c:pt idx="910">
                  <c:v>8.9239999999999995</c:v>
                </c:pt>
                <c:pt idx="911">
                  <c:v>8.9329999999999998</c:v>
                </c:pt>
                <c:pt idx="912">
                  <c:v>8.9440000000000008</c:v>
                </c:pt>
                <c:pt idx="913">
                  <c:v>8.9529999999999994</c:v>
                </c:pt>
                <c:pt idx="914">
                  <c:v>9.0129999999999999</c:v>
                </c:pt>
                <c:pt idx="915">
                  <c:v>9.0229999999999997</c:v>
                </c:pt>
                <c:pt idx="916">
                  <c:v>9.032</c:v>
                </c:pt>
                <c:pt idx="917">
                  <c:v>9.0429999999999993</c:v>
                </c:pt>
                <c:pt idx="918">
                  <c:v>9.0519999999999996</c:v>
                </c:pt>
                <c:pt idx="919">
                  <c:v>9.0609999999999999</c:v>
                </c:pt>
                <c:pt idx="920">
                  <c:v>9.0719999999999992</c:v>
                </c:pt>
                <c:pt idx="921">
                  <c:v>9.0820000000000007</c:v>
                </c:pt>
                <c:pt idx="922">
                  <c:v>9.0920000000000005</c:v>
                </c:pt>
                <c:pt idx="923">
                  <c:v>9.1010000000000009</c:v>
                </c:pt>
                <c:pt idx="924">
                  <c:v>9.1120000000000001</c:v>
                </c:pt>
                <c:pt idx="925">
                  <c:v>9.1219999999999999</c:v>
                </c:pt>
                <c:pt idx="926">
                  <c:v>9.1319999999999997</c:v>
                </c:pt>
                <c:pt idx="927">
                  <c:v>9.1419999999999995</c:v>
                </c:pt>
                <c:pt idx="928">
                  <c:v>9.1519999999999992</c:v>
                </c:pt>
                <c:pt idx="929">
                  <c:v>9.1620000000000008</c:v>
                </c:pt>
                <c:pt idx="930">
                  <c:v>9.173</c:v>
                </c:pt>
                <c:pt idx="931">
                  <c:v>9.1820000000000004</c:v>
                </c:pt>
                <c:pt idx="932">
                  <c:v>9.1920000000000002</c:v>
                </c:pt>
                <c:pt idx="933">
                  <c:v>9.2029999999999994</c:v>
                </c:pt>
                <c:pt idx="934">
                  <c:v>9.2119999999999997</c:v>
                </c:pt>
                <c:pt idx="935">
                  <c:v>9.2230000000000008</c:v>
                </c:pt>
                <c:pt idx="936">
                  <c:v>9.2330000000000005</c:v>
                </c:pt>
                <c:pt idx="937">
                  <c:v>9.2420000000000009</c:v>
                </c:pt>
                <c:pt idx="938">
                  <c:v>9.2530000000000001</c:v>
                </c:pt>
                <c:pt idx="939">
                  <c:v>9.2620000000000005</c:v>
                </c:pt>
                <c:pt idx="940">
                  <c:v>9.2720000000000002</c:v>
                </c:pt>
                <c:pt idx="941">
                  <c:v>9.2829999999999995</c:v>
                </c:pt>
                <c:pt idx="942">
                  <c:v>9.2919999999999998</c:v>
                </c:pt>
                <c:pt idx="943">
                  <c:v>9.3030000000000008</c:v>
                </c:pt>
                <c:pt idx="944">
                  <c:v>9.3119999999999994</c:v>
                </c:pt>
                <c:pt idx="945">
                  <c:v>9.3230000000000004</c:v>
                </c:pt>
                <c:pt idx="946">
                  <c:v>9.3320000000000007</c:v>
                </c:pt>
                <c:pt idx="947">
                  <c:v>9.343</c:v>
                </c:pt>
                <c:pt idx="948">
                  <c:v>9.3520000000000003</c:v>
                </c:pt>
                <c:pt idx="949">
                  <c:v>9.3629999999999995</c:v>
                </c:pt>
                <c:pt idx="950">
                  <c:v>9.3729999999999993</c:v>
                </c:pt>
                <c:pt idx="951">
                  <c:v>9.3840000000000003</c:v>
                </c:pt>
                <c:pt idx="952">
                  <c:v>9.3930000000000007</c:v>
                </c:pt>
                <c:pt idx="953">
                  <c:v>9.4019999999999992</c:v>
                </c:pt>
                <c:pt idx="954">
                  <c:v>9.4120000000000008</c:v>
                </c:pt>
                <c:pt idx="955">
                  <c:v>9.4220000000000006</c:v>
                </c:pt>
                <c:pt idx="956">
                  <c:v>9.4329999999999998</c:v>
                </c:pt>
                <c:pt idx="957">
                  <c:v>9.4420000000000002</c:v>
                </c:pt>
                <c:pt idx="958">
                  <c:v>9.4529999999999994</c:v>
                </c:pt>
                <c:pt idx="959">
                  <c:v>9.4629999999999992</c:v>
                </c:pt>
                <c:pt idx="960">
                  <c:v>9.4730000000000008</c:v>
                </c:pt>
                <c:pt idx="961">
                  <c:v>9.4830000000000005</c:v>
                </c:pt>
                <c:pt idx="962">
                  <c:v>9.4930000000000003</c:v>
                </c:pt>
                <c:pt idx="963">
                  <c:v>9.5030000000000001</c:v>
                </c:pt>
                <c:pt idx="964">
                  <c:v>9.5129999999999999</c:v>
                </c:pt>
                <c:pt idx="965">
                  <c:v>9.5229999999999997</c:v>
                </c:pt>
                <c:pt idx="966">
                  <c:v>9.5340000000000007</c:v>
                </c:pt>
                <c:pt idx="967">
                  <c:v>9.5429999999999993</c:v>
                </c:pt>
                <c:pt idx="968">
                  <c:v>9.5530000000000008</c:v>
                </c:pt>
                <c:pt idx="969">
                  <c:v>9.5630000000000006</c:v>
                </c:pt>
                <c:pt idx="970">
                  <c:v>9.5730000000000004</c:v>
                </c:pt>
                <c:pt idx="971">
                  <c:v>9.5830000000000002</c:v>
                </c:pt>
                <c:pt idx="972">
                  <c:v>9.593</c:v>
                </c:pt>
                <c:pt idx="973">
                  <c:v>9.6020000000000003</c:v>
                </c:pt>
                <c:pt idx="974">
                  <c:v>9.6129999999999995</c:v>
                </c:pt>
                <c:pt idx="975">
                  <c:v>9.6219999999999999</c:v>
                </c:pt>
                <c:pt idx="976">
                  <c:v>9.6329999999999991</c:v>
                </c:pt>
                <c:pt idx="977">
                  <c:v>9.6430000000000007</c:v>
                </c:pt>
                <c:pt idx="978">
                  <c:v>9.6539999999999999</c:v>
                </c:pt>
                <c:pt idx="979">
                  <c:v>9.6630000000000003</c:v>
                </c:pt>
                <c:pt idx="980">
                  <c:v>9.6739999999999995</c:v>
                </c:pt>
                <c:pt idx="981">
                  <c:v>9.6829999999999998</c:v>
                </c:pt>
                <c:pt idx="982">
                  <c:v>9.6940000000000008</c:v>
                </c:pt>
                <c:pt idx="983">
                  <c:v>9.7029999999999994</c:v>
                </c:pt>
                <c:pt idx="984">
                  <c:v>9.7129999999999992</c:v>
                </c:pt>
                <c:pt idx="985">
                  <c:v>9.7230000000000008</c:v>
                </c:pt>
                <c:pt idx="986">
                  <c:v>9.7330000000000005</c:v>
                </c:pt>
                <c:pt idx="987">
                  <c:v>9.7430000000000003</c:v>
                </c:pt>
                <c:pt idx="988">
                  <c:v>9.7539999999999996</c:v>
                </c:pt>
                <c:pt idx="989">
                  <c:v>9.7629999999999999</c:v>
                </c:pt>
                <c:pt idx="990">
                  <c:v>9.7729999999999997</c:v>
                </c:pt>
                <c:pt idx="991">
                  <c:v>9.7829999999999995</c:v>
                </c:pt>
                <c:pt idx="992">
                  <c:v>9.7929999999999993</c:v>
                </c:pt>
                <c:pt idx="993">
                  <c:v>9.8030000000000008</c:v>
                </c:pt>
                <c:pt idx="994">
                  <c:v>9.8130000000000006</c:v>
                </c:pt>
                <c:pt idx="995">
                  <c:v>9.8230000000000004</c:v>
                </c:pt>
                <c:pt idx="996">
                  <c:v>9.8330000000000002</c:v>
                </c:pt>
                <c:pt idx="997">
                  <c:v>9.843</c:v>
                </c:pt>
                <c:pt idx="998">
                  <c:v>9.8529999999999998</c:v>
                </c:pt>
                <c:pt idx="999">
                  <c:v>9.8629999999999995</c:v>
                </c:pt>
                <c:pt idx="1000">
                  <c:v>9.8740000000000006</c:v>
                </c:pt>
                <c:pt idx="1001">
                  <c:v>9.8829999999999991</c:v>
                </c:pt>
                <c:pt idx="1002">
                  <c:v>9.8919999999999995</c:v>
                </c:pt>
                <c:pt idx="1003">
                  <c:v>9.9030000000000005</c:v>
                </c:pt>
                <c:pt idx="1004">
                  <c:v>9.9120000000000008</c:v>
                </c:pt>
                <c:pt idx="1005">
                  <c:v>9.923</c:v>
                </c:pt>
                <c:pt idx="1006">
                  <c:v>9.9329999999999998</c:v>
                </c:pt>
                <c:pt idx="1007">
                  <c:v>9.9429999999999996</c:v>
                </c:pt>
                <c:pt idx="1008">
                  <c:v>9.9529999999999994</c:v>
                </c:pt>
                <c:pt idx="1009">
                  <c:v>9.9629999999999992</c:v>
                </c:pt>
                <c:pt idx="1010">
                  <c:v>9.9730000000000008</c:v>
                </c:pt>
                <c:pt idx="1011">
                  <c:v>9.984</c:v>
                </c:pt>
                <c:pt idx="1012">
                  <c:v>9.9930000000000003</c:v>
                </c:pt>
                <c:pt idx="1013">
                  <c:v>10.004</c:v>
                </c:pt>
                <c:pt idx="1014">
                  <c:v>10.013</c:v>
                </c:pt>
                <c:pt idx="1015">
                  <c:v>10.023</c:v>
                </c:pt>
                <c:pt idx="1016">
                  <c:v>10.034000000000001</c:v>
                </c:pt>
                <c:pt idx="1017">
                  <c:v>10.042999999999999</c:v>
                </c:pt>
                <c:pt idx="1018">
                  <c:v>10.054</c:v>
                </c:pt>
                <c:pt idx="1019">
                  <c:v>10.063000000000001</c:v>
                </c:pt>
                <c:pt idx="1020">
                  <c:v>10.074</c:v>
                </c:pt>
                <c:pt idx="1021">
                  <c:v>10.083</c:v>
                </c:pt>
                <c:pt idx="1022">
                  <c:v>10.093</c:v>
                </c:pt>
                <c:pt idx="1023">
                  <c:v>10.103999999999999</c:v>
                </c:pt>
                <c:pt idx="1024">
                  <c:v>10.113</c:v>
                </c:pt>
                <c:pt idx="1025">
                  <c:v>10.122999999999999</c:v>
                </c:pt>
                <c:pt idx="1026">
                  <c:v>10.135</c:v>
                </c:pt>
                <c:pt idx="1027">
                  <c:v>10.144</c:v>
                </c:pt>
                <c:pt idx="1028">
                  <c:v>10.154</c:v>
                </c:pt>
                <c:pt idx="1029">
                  <c:v>10.164</c:v>
                </c:pt>
                <c:pt idx="1030">
                  <c:v>10.175000000000001</c:v>
                </c:pt>
                <c:pt idx="1031">
                  <c:v>10.183999999999999</c:v>
                </c:pt>
                <c:pt idx="1032">
                  <c:v>10.195</c:v>
                </c:pt>
                <c:pt idx="1033">
                  <c:v>10.204000000000001</c:v>
                </c:pt>
                <c:pt idx="1034">
                  <c:v>10.215</c:v>
                </c:pt>
                <c:pt idx="1035">
                  <c:v>10.224</c:v>
                </c:pt>
                <c:pt idx="1036">
                  <c:v>10.234999999999999</c:v>
                </c:pt>
                <c:pt idx="1037">
                  <c:v>10.244</c:v>
                </c:pt>
                <c:pt idx="1038">
                  <c:v>10.255000000000001</c:v>
                </c:pt>
                <c:pt idx="1039">
                  <c:v>10.263999999999999</c:v>
                </c:pt>
                <c:pt idx="1040">
                  <c:v>10.275</c:v>
                </c:pt>
                <c:pt idx="1041">
                  <c:v>10.285</c:v>
                </c:pt>
                <c:pt idx="1042">
                  <c:v>10.294</c:v>
                </c:pt>
                <c:pt idx="1043">
                  <c:v>10.304</c:v>
                </c:pt>
                <c:pt idx="1044">
                  <c:v>10.315</c:v>
                </c:pt>
                <c:pt idx="1045">
                  <c:v>10.324</c:v>
                </c:pt>
                <c:pt idx="1046">
                  <c:v>10.335000000000001</c:v>
                </c:pt>
                <c:pt idx="1047">
                  <c:v>10.343999999999999</c:v>
                </c:pt>
                <c:pt idx="1048">
                  <c:v>10.355</c:v>
                </c:pt>
                <c:pt idx="1049">
                  <c:v>10.366</c:v>
                </c:pt>
                <c:pt idx="1050">
                  <c:v>10.375</c:v>
                </c:pt>
                <c:pt idx="1051">
                  <c:v>10.385</c:v>
                </c:pt>
                <c:pt idx="1052">
                  <c:v>10.396000000000001</c:v>
                </c:pt>
                <c:pt idx="1053">
                  <c:v>10.404999999999999</c:v>
                </c:pt>
                <c:pt idx="1054">
                  <c:v>10.416</c:v>
                </c:pt>
                <c:pt idx="1055">
                  <c:v>10.425000000000001</c:v>
                </c:pt>
                <c:pt idx="1056">
                  <c:v>10.436</c:v>
                </c:pt>
                <c:pt idx="1057">
                  <c:v>10.445</c:v>
                </c:pt>
                <c:pt idx="1058">
                  <c:v>10.456</c:v>
                </c:pt>
                <c:pt idx="1059">
                  <c:v>10.465999999999999</c:v>
                </c:pt>
                <c:pt idx="1060">
                  <c:v>10.475</c:v>
                </c:pt>
                <c:pt idx="1061">
                  <c:v>10.486000000000001</c:v>
                </c:pt>
                <c:pt idx="1062">
                  <c:v>10.496</c:v>
                </c:pt>
                <c:pt idx="1063">
                  <c:v>10.506</c:v>
                </c:pt>
                <c:pt idx="1064">
                  <c:v>10.516</c:v>
                </c:pt>
                <c:pt idx="1065">
                  <c:v>10.526999999999999</c:v>
                </c:pt>
                <c:pt idx="1066">
                  <c:v>10.536</c:v>
                </c:pt>
                <c:pt idx="1067">
                  <c:v>10.545999999999999</c:v>
                </c:pt>
                <c:pt idx="1068">
                  <c:v>10.555999999999999</c:v>
                </c:pt>
                <c:pt idx="1069">
                  <c:v>10.566000000000001</c:v>
                </c:pt>
                <c:pt idx="1070">
                  <c:v>10.574999999999999</c:v>
                </c:pt>
                <c:pt idx="1071">
                  <c:v>10.586</c:v>
                </c:pt>
                <c:pt idx="1072">
                  <c:v>10.595000000000001</c:v>
                </c:pt>
                <c:pt idx="1073">
                  <c:v>10.606</c:v>
                </c:pt>
                <c:pt idx="1074">
                  <c:v>10.616</c:v>
                </c:pt>
                <c:pt idx="1075">
                  <c:v>10.627000000000001</c:v>
                </c:pt>
                <c:pt idx="1076">
                  <c:v>10.635999999999999</c:v>
                </c:pt>
                <c:pt idx="1077">
                  <c:v>10.646000000000001</c:v>
                </c:pt>
                <c:pt idx="1078">
                  <c:v>10.656000000000001</c:v>
                </c:pt>
                <c:pt idx="1079">
                  <c:v>10.667</c:v>
                </c:pt>
                <c:pt idx="1080">
                  <c:v>10.676</c:v>
                </c:pt>
                <c:pt idx="1081">
                  <c:v>10.686999999999999</c:v>
                </c:pt>
                <c:pt idx="1082">
                  <c:v>10.696</c:v>
                </c:pt>
                <c:pt idx="1083">
                  <c:v>10.707000000000001</c:v>
                </c:pt>
                <c:pt idx="1084">
                  <c:v>10.715999999999999</c:v>
                </c:pt>
                <c:pt idx="1085">
                  <c:v>10.727</c:v>
                </c:pt>
                <c:pt idx="1086">
                  <c:v>10.736000000000001</c:v>
                </c:pt>
                <c:pt idx="1087">
                  <c:v>10.746</c:v>
                </c:pt>
                <c:pt idx="1088">
                  <c:v>10.756</c:v>
                </c:pt>
                <c:pt idx="1089">
                  <c:v>10.766999999999999</c:v>
                </c:pt>
                <c:pt idx="1090">
                  <c:v>10.776</c:v>
                </c:pt>
                <c:pt idx="1091">
                  <c:v>10.786</c:v>
                </c:pt>
                <c:pt idx="1092">
                  <c:v>10.797000000000001</c:v>
                </c:pt>
                <c:pt idx="1093">
                  <c:v>10.805999999999999</c:v>
                </c:pt>
                <c:pt idx="1094">
                  <c:v>10.817</c:v>
                </c:pt>
                <c:pt idx="1095">
                  <c:v>10.826000000000001</c:v>
                </c:pt>
                <c:pt idx="1096">
                  <c:v>10.837</c:v>
                </c:pt>
                <c:pt idx="1097">
                  <c:v>10.847</c:v>
                </c:pt>
                <c:pt idx="1098">
                  <c:v>10.858000000000001</c:v>
                </c:pt>
                <c:pt idx="1099">
                  <c:v>10.867000000000001</c:v>
                </c:pt>
                <c:pt idx="1100">
                  <c:v>10.877000000000001</c:v>
                </c:pt>
                <c:pt idx="1101">
                  <c:v>10.888</c:v>
                </c:pt>
                <c:pt idx="1102">
                  <c:v>10.897</c:v>
                </c:pt>
                <c:pt idx="1103">
                  <c:v>10.907</c:v>
                </c:pt>
                <c:pt idx="1104">
                  <c:v>10.917</c:v>
                </c:pt>
                <c:pt idx="1105">
                  <c:v>10.927</c:v>
                </c:pt>
                <c:pt idx="1106">
                  <c:v>10.938000000000001</c:v>
                </c:pt>
                <c:pt idx="1107">
                  <c:v>10.946999999999999</c:v>
                </c:pt>
                <c:pt idx="1108">
                  <c:v>10.957000000000001</c:v>
                </c:pt>
                <c:pt idx="1109">
                  <c:v>10.967000000000001</c:v>
                </c:pt>
                <c:pt idx="1110">
                  <c:v>10.978</c:v>
                </c:pt>
                <c:pt idx="1111">
                  <c:v>10.988</c:v>
                </c:pt>
                <c:pt idx="1112">
                  <c:v>10.997999999999999</c:v>
                </c:pt>
                <c:pt idx="1113">
                  <c:v>11.007999999999999</c:v>
                </c:pt>
                <c:pt idx="1114">
                  <c:v>11.052</c:v>
                </c:pt>
                <c:pt idx="1115">
                  <c:v>11.061</c:v>
                </c:pt>
                <c:pt idx="1116">
                  <c:v>11.071</c:v>
                </c:pt>
                <c:pt idx="1117">
                  <c:v>11.081</c:v>
                </c:pt>
                <c:pt idx="1118">
                  <c:v>11.090999999999999</c:v>
                </c:pt>
                <c:pt idx="1119">
                  <c:v>11.101000000000001</c:v>
                </c:pt>
                <c:pt idx="1120">
                  <c:v>11.11</c:v>
                </c:pt>
                <c:pt idx="1121">
                  <c:v>11.121</c:v>
                </c:pt>
                <c:pt idx="1122">
                  <c:v>11.131</c:v>
                </c:pt>
                <c:pt idx="1123">
                  <c:v>11.141</c:v>
                </c:pt>
                <c:pt idx="1124">
                  <c:v>11.15</c:v>
                </c:pt>
                <c:pt idx="1125">
                  <c:v>11.161</c:v>
                </c:pt>
                <c:pt idx="1126">
                  <c:v>11.172000000000001</c:v>
                </c:pt>
                <c:pt idx="1127">
                  <c:v>11.180999999999999</c:v>
                </c:pt>
                <c:pt idx="1128">
                  <c:v>11.191000000000001</c:v>
                </c:pt>
                <c:pt idx="1129">
                  <c:v>11.201000000000001</c:v>
                </c:pt>
                <c:pt idx="1130">
                  <c:v>11.211</c:v>
                </c:pt>
                <c:pt idx="1131">
                  <c:v>11.222</c:v>
                </c:pt>
                <c:pt idx="1132">
                  <c:v>11.231999999999999</c:v>
                </c:pt>
                <c:pt idx="1133">
                  <c:v>11.242000000000001</c:v>
                </c:pt>
                <c:pt idx="1134">
                  <c:v>11.250999999999999</c:v>
                </c:pt>
                <c:pt idx="1135">
                  <c:v>11.260999999999999</c:v>
                </c:pt>
                <c:pt idx="1136">
                  <c:v>11.272</c:v>
                </c:pt>
                <c:pt idx="1137">
                  <c:v>11.281000000000001</c:v>
                </c:pt>
                <c:pt idx="1138">
                  <c:v>11.291</c:v>
                </c:pt>
                <c:pt idx="1139">
                  <c:v>11.302</c:v>
                </c:pt>
                <c:pt idx="1140">
                  <c:v>11.311</c:v>
                </c:pt>
                <c:pt idx="1141">
                  <c:v>11.321</c:v>
                </c:pt>
                <c:pt idx="1142">
                  <c:v>11.332000000000001</c:v>
                </c:pt>
                <c:pt idx="1143">
                  <c:v>11.342000000000001</c:v>
                </c:pt>
                <c:pt idx="1144">
                  <c:v>11.352</c:v>
                </c:pt>
                <c:pt idx="1145">
                  <c:v>11.362</c:v>
                </c:pt>
                <c:pt idx="1146">
                  <c:v>11.371</c:v>
                </c:pt>
                <c:pt idx="1147">
                  <c:v>11.382</c:v>
                </c:pt>
                <c:pt idx="1148">
                  <c:v>11.391999999999999</c:v>
                </c:pt>
                <c:pt idx="1149">
                  <c:v>11.401999999999999</c:v>
                </c:pt>
                <c:pt idx="1150">
                  <c:v>11.412000000000001</c:v>
                </c:pt>
                <c:pt idx="1151">
                  <c:v>11.422000000000001</c:v>
                </c:pt>
                <c:pt idx="1152">
                  <c:v>11.430999999999999</c:v>
                </c:pt>
                <c:pt idx="1153">
                  <c:v>11.441000000000001</c:v>
                </c:pt>
                <c:pt idx="1154">
                  <c:v>11.452</c:v>
                </c:pt>
                <c:pt idx="1155">
                  <c:v>11.461</c:v>
                </c:pt>
                <c:pt idx="1156">
                  <c:v>11.472</c:v>
                </c:pt>
                <c:pt idx="1157">
                  <c:v>11.481999999999999</c:v>
                </c:pt>
                <c:pt idx="1158">
                  <c:v>11.492000000000001</c:v>
                </c:pt>
                <c:pt idx="1159">
                  <c:v>11.503</c:v>
                </c:pt>
                <c:pt idx="1160">
                  <c:v>11.512</c:v>
                </c:pt>
                <c:pt idx="1161">
                  <c:v>11.522</c:v>
                </c:pt>
                <c:pt idx="1162">
                  <c:v>11.532999999999999</c:v>
                </c:pt>
                <c:pt idx="1163">
                  <c:v>11.542</c:v>
                </c:pt>
                <c:pt idx="1164">
                  <c:v>11.552</c:v>
                </c:pt>
                <c:pt idx="1165">
                  <c:v>11.561999999999999</c:v>
                </c:pt>
                <c:pt idx="1166">
                  <c:v>11.573</c:v>
                </c:pt>
                <c:pt idx="1167">
                  <c:v>11.582000000000001</c:v>
                </c:pt>
                <c:pt idx="1168">
                  <c:v>11.592000000000001</c:v>
                </c:pt>
                <c:pt idx="1169">
                  <c:v>11.602</c:v>
                </c:pt>
                <c:pt idx="1170">
                  <c:v>11.612</c:v>
                </c:pt>
                <c:pt idx="1171">
                  <c:v>11.621</c:v>
                </c:pt>
                <c:pt idx="1172">
                  <c:v>11.632</c:v>
                </c:pt>
                <c:pt idx="1173">
                  <c:v>11.641999999999999</c:v>
                </c:pt>
                <c:pt idx="1174">
                  <c:v>11.651999999999999</c:v>
                </c:pt>
                <c:pt idx="1175">
                  <c:v>11.662000000000001</c:v>
                </c:pt>
                <c:pt idx="1176">
                  <c:v>11.673</c:v>
                </c:pt>
                <c:pt idx="1177">
                  <c:v>11.682</c:v>
                </c:pt>
                <c:pt idx="1178">
                  <c:v>11.692</c:v>
                </c:pt>
                <c:pt idx="1179">
                  <c:v>11.702</c:v>
                </c:pt>
                <c:pt idx="1180">
                  <c:v>11.712</c:v>
                </c:pt>
                <c:pt idx="1181">
                  <c:v>11.722</c:v>
                </c:pt>
                <c:pt idx="1182">
                  <c:v>11.731999999999999</c:v>
                </c:pt>
                <c:pt idx="1183">
                  <c:v>11.742000000000001</c:v>
                </c:pt>
                <c:pt idx="1184">
                  <c:v>11.752000000000001</c:v>
                </c:pt>
                <c:pt idx="1185">
                  <c:v>11.762</c:v>
                </c:pt>
                <c:pt idx="1186">
                  <c:v>11.771000000000001</c:v>
                </c:pt>
                <c:pt idx="1187">
                  <c:v>11.782</c:v>
                </c:pt>
                <c:pt idx="1188">
                  <c:v>11.792</c:v>
                </c:pt>
                <c:pt idx="1189">
                  <c:v>11.801</c:v>
                </c:pt>
                <c:pt idx="1190">
                  <c:v>11.813000000000001</c:v>
                </c:pt>
                <c:pt idx="1191">
                  <c:v>11.821999999999999</c:v>
                </c:pt>
                <c:pt idx="1192">
                  <c:v>11.832000000000001</c:v>
                </c:pt>
                <c:pt idx="1193">
                  <c:v>11.843</c:v>
                </c:pt>
                <c:pt idx="1194">
                  <c:v>11.852</c:v>
                </c:pt>
                <c:pt idx="1195">
                  <c:v>11.862</c:v>
                </c:pt>
                <c:pt idx="1196">
                  <c:v>11.872</c:v>
                </c:pt>
                <c:pt idx="1197">
                  <c:v>11.882</c:v>
                </c:pt>
                <c:pt idx="1198">
                  <c:v>11.891999999999999</c:v>
                </c:pt>
                <c:pt idx="1199">
                  <c:v>11.901999999999999</c:v>
                </c:pt>
                <c:pt idx="1200">
                  <c:v>11.912000000000001</c:v>
                </c:pt>
                <c:pt idx="1201">
                  <c:v>11.922000000000001</c:v>
                </c:pt>
                <c:pt idx="1202">
                  <c:v>11.930999999999999</c:v>
                </c:pt>
                <c:pt idx="1203">
                  <c:v>11.942</c:v>
                </c:pt>
                <c:pt idx="1204">
                  <c:v>11.951000000000001</c:v>
                </c:pt>
                <c:pt idx="1205">
                  <c:v>11.962</c:v>
                </c:pt>
                <c:pt idx="1206">
                  <c:v>11.973000000000001</c:v>
                </c:pt>
                <c:pt idx="1207">
                  <c:v>11.983000000000001</c:v>
                </c:pt>
                <c:pt idx="1208">
                  <c:v>11.993</c:v>
                </c:pt>
                <c:pt idx="1209">
                  <c:v>12.003</c:v>
                </c:pt>
                <c:pt idx="1210">
                  <c:v>12.013</c:v>
                </c:pt>
                <c:pt idx="1211">
                  <c:v>12.023</c:v>
                </c:pt>
                <c:pt idx="1212">
                  <c:v>12.032999999999999</c:v>
                </c:pt>
                <c:pt idx="1213">
                  <c:v>12.042999999999999</c:v>
                </c:pt>
                <c:pt idx="1214">
                  <c:v>12.053000000000001</c:v>
                </c:pt>
                <c:pt idx="1215">
                  <c:v>12.063000000000001</c:v>
                </c:pt>
                <c:pt idx="1216">
                  <c:v>12.073</c:v>
                </c:pt>
                <c:pt idx="1217">
                  <c:v>12.082000000000001</c:v>
                </c:pt>
                <c:pt idx="1218">
                  <c:v>12.093</c:v>
                </c:pt>
                <c:pt idx="1219">
                  <c:v>12.102</c:v>
                </c:pt>
                <c:pt idx="1220">
                  <c:v>12.113</c:v>
                </c:pt>
                <c:pt idx="1221">
                  <c:v>12.122</c:v>
                </c:pt>
                <c:pt idx="1222">
                  <c:v>12.132999999999999</c:v>
                </c:pt>
                <c:pt idx="1223">
                  <c:v>12.141999999999999</c:v>
                </c:pt>
                <c:pt idx="1224">
                  <c:v>12.153</c:v>
                </c:pt>
                <c:pt idx="1225">
                  <c:v>12.163</c:v>
                </c:pt>
                <c:pt idx="1226">
                  <c:v>12.173</c:v>
                </c:pt>
                <c:pt idx="1227">
                  <c:v>12.183</c:v>
                </c:pt>
                <c:pt idx="1228">
                  <c:v>12.193</c:v>
                </c:pt>
                <c:pt idx="1229">
                  <c:v>12.202999999999999</c:v>
                </c:pt>
                <c:pt idx="1230">
                  <c:v>12.214</c:v>
                </c:pt>
                <c:pt idx="1231">
                  <c:v>12.224</c:v>
                </c:pt>
                <c:pt idx="1232">
                  <c:v>12.233000000000001</c:v>
                </c:pt>
                <c:pt idx="1233">
                  <c:v>12.244</c:v>
                </c:pt>
                <c:pt idx="1234">
                  <c:v>12.253</c:v>
                </c:pt>
                <c:pt idx="1235">
                  <c:v>12.263999999999999</c:v>
                </c:pt>
                <c:pt idx="1236">
                  <c:v>12.273</c:v>
                </c:pt>
                <c:pt idx="1237">
                  <c:v>12.282999999999999</c:v>
                </c:pt>
                <c:pt idx="1238">
                  <c:v>12.292999999999999</c:v>
                </c:pt>
                <c:pt idx="1239">
                  <c:v>12.303000000000001</c:v>
                </c:pt>
                <c:pt idx="1240">
                  <c:v>12.313000000000001</c:v>
                </c:pt>
                <c:pt idx="1241">
                  <c:v>12.323</c:v>
                </c:pt>
                <c:pt idx="1242">
                  <c:v>12.333</c:v>
                </c:pt>
                <c:pt idx="1243">
                  <c:v>12.343999999999999</c:v>
                </c:pt>
                <c:pt idx="1244">
                  <c:v>12.353999999999999</c:v>
                </c:pt>
                <c:pt idx="1245">
                  <c:v>12.364000000000001</c:v>
                </c:pt>
                <c:pt idx="1246">
                  <c:v>12.375</c:v>
                </c:pt>
                <c:pt idx="1247">
                  <c:v>12.384</c:v>
                </c:pt>
                <c:pt idx="1248">
                  <c:v>12.394</c:v>
                </c:pt>
                <c:pt idx="1249">
                  <c:v>12.404</c:v>
                </c:pt>
                <c:pt idx="1250">
                  <c:v>12.413</c:v>
                </c:pt>
                <c:pt idx="1251">
                  <c:v>12.423999999999999</c:v>
                </c:pt>
                <c:pt idx="1252">
                  <c:v>12.433</c:v>
                </c:pt>
                <c:pt idx="1253">
                  <c:v>12.444000000000001</c:v>
                </c:pt>
                <c:pt idx="1254">
                  <c:v>12.454000000000001</c:v>
                </c:pt>
                <c:pt idx="1255">
                  <c:v>12.464</c:v>
                </c:pt>
                <c:pt idx="1256">
                  <c:v>12.474</c:v>
                </c:pt>
                <c:pt idx="1257">
                  <c:v>12.484999999999999</c:v>
                </c:pt>
                <c:pt idx="1258">
                  <c:v>12.494</c:v>
                </c:pt>
                <c:pt idx="1259">
                  <c:v>12.504</c:v>
                </c:pt>
                <c:pt idx="1260">
                  <c:v>12.513999999999999</c:v>
                </c:pt>
                <c:pt idx="1261">
                  <c:v>12.523999999999999</c:v>
                </c:pt>
                <c:pt idx="1262">
                  <c:v>12.535</c:v>
                </c:pt>
                <c:pt idx="1263">
                  <c:v>12.544</c:v>
                </c:pt>
                <c:pt idx="1264">
                  <c:v>12.554</c:v>
                </c:pt>
                <c:pt idx="1265">
                  <c:v>12.563000000000001</c:v>
                </c:pt>
                <c:pt idx="1266">
                  <c:v>12.574</c:v>
                </c:pt>
                <c:pt idx="1267">
                  <c:v>12.583</c:v>
                </c:pt>
                <c:pt idx="1268">
                  <c:v>12.593</c:v>
                </c:pt>
                <c:pt idx="1269">
                  <c:v>12.603</c:v>
                </c:pt>
                <c:pt idx="1270">
                  <c:v>12.613</c:v>
                </c:pt>
                <c:pt idx="1271">
                  <c:v>12.622999999999999</c:v>
                </c:pt>
                <c:pt idx="1272">
                  <c:v>12.634</c:v>
                </c:pt>
                <c:pt idx="1273">
                  <c:v>12.643000000000001</c:v>
                </c:pt>
                <c:pt idx="1274">
                  <c:v>12.654</c:v>
                </c:pt>
                <c:pt idx="1275">
                  <c:v>12.663</c:v>
                </c:pt>
                <c:pt idx="1276">
                  <c:v>12.673</c:v>
                </c:pt>
                <c:pt idx="1277">
                  <c:v>12.683</c:v>
                </c:pt>
                <c:pt idx="1278">
                  <c:v>12.693</c:v>
                </c:pt>
                <c:pt idx="1279">
                  <c:v>12.704000000000001</c:v>
                </c:pt>
                <c:pt idx="1280">
                  <c:v>12.712999999999999</c:v>
                </c:pt>
                <c:pt idx="1281">
                  <c:v>12.723000000000001</c:v>
                </c:pt>
                <c:pt idx="1282">
                  <c:v>12.733000000000001</c:v>
                </c:pt>
                <c:pt idx="1283">
                  <c:v>12.742000000000001</c:v>
                </c:pt>
                <c:pt idx="1284">
                  <c:v>12.753</c:v>
                </c:pt>
                <c:pt idx="1285">
                  <c:v>12.763</c:v>
                </c:pt>
                <c:pt idx="1286">
                  <c:v>12.772</c:v>
                </c:pt>
                <c:pt idx="1287">
                  <c:v>12.782</c:v>
                </c:pt>
                <c:pt idx="1288">
                  <c:v>12.792</c:v>
                </c:pt>
                <c:pt idx="1289">
                  <c:v>12.803000000000001</c:v>
                </c:pt>
                <c:pt idx="1290">
                  <c:v>12.811999999999999</c:v>
                </c:pt>
                <c:pt idx="1291">
                  <c:v>12.823</c:v>
                </c:pt>
                <c:pt idx="1292">
                  <c:v>12.832000000000001</c:v>
                </c:pt>
                <c:pt idx="1293">
                  <c:v>12.843</c:v>
                </c:pt>
                <c:pt idx="1294">
                  <c:v>12.852</c:v>
                </c:pt>
                <c:pt idx="1295">
                  <c:v>12.862</c:v>
                </c:pt>
                <c:pt idx="1296">
                  <c:v>12.872</c:v>
                </c:pt>
                <c:pt idx="1297">
                  <c:v>12.882999999999999</c:v>
                </c:pt>
                <c:pt idx="1298">
                  <c:v>12.891999999999999</c:v>
                </c:pt>
                <c:pt idx="1299">
                  <c:v>12.903</c:v>
                </c:pt>
                <c:pt idx="1300">
                  <c:v>12.912000000000001</c:v>
                </c:pt>
                <c:pt idx="1301">
                  <c:v>12.923</c:v>
                </c:pt>
                <c:pt idx="1302">
                  <c:v>12.932</c:v>
                </c:pt>
                <c:pt idx="1303">
                  <c:v>12.943</c:v>
                </c:pt>
                <c:pt idx="1304">
                  <c:v>12.952</c:v>
                </c:pt>
                <c:pt idx="1305">
                  <c:v>12.962999999999999</c:v>
                </c:pt>
                <c:pt idx="1306">
                  <c:v>12.972</c:v>
                </c:pt>
                <c:pt idx="1307">
                  <c:v>12.983000000000001</c:v>
                </c:pt>
                <c:pt idx="1308">
                  <c:v>12.987</c:v>
                </c:pt>
                <c:pt idx="1309">
                  <c:v>12.987</c:v>
                </c:pt>
                <c:pt idx="1310">
                  <c:v>12.987</c:v>
                </c:pt>
                <c:pt idx="1311">
                  <c:v>13.031000000000001</c:v>
                </c:pt>
                <c:pt idx="1312">
                  <c:v>13.041</c:v>
                </c:pt>
                <c:pt idx="1313">
                  <c:v>13.051</c:v>
                </c:pt>
                <c:pt idx="1314">
                  <c:v>13.061</c:v>
                </c:pt>
                <c:pt idx="1315">
                  <c:v>13.071</c:v>
                </c:pt>
                <c:pt idx="1316">
                  <c:v>13.081</c:v>
                </c:pt>
                <c:pt idx="1317">
                  <c:v>13.09</c:v>
                </c:pt>
                <c:pt idx="1318">
                  <c:v>13.1</c:v>
                </c:pt>
                <c:pt idx="1319">
                  <c:v>13.11</c:v>
                </c:pt>
                <c:pt idx="1320">
                  <c:v>13.12</c:v>
                </c:pt>
                <c:pt idx="1321">
                  <c:v>13.13</c:v>
                </c:pt>
                <c:pt idx="1322">
                  <c:v>13.138999999999999</c:v>
                </c:pt>
                <c:pt idx="1323">
                  <c:v>13.151</c:v>
                </c:pt>
                <c:pt idx="1324">
                  <c:v>13.16</c:v>
                </c:pt>
                <c:pt idx="1325">
                  <c:v>13.170999999999999</c:v>
                </c:pt>
                <c:pt idx="1326">
                  <c:v>13.18</c:v>
                </c:pt>
                <c:pt idx="1327">
                  <c:v>13.19</c:v>
                </c:pt>
                <c:pt idx="1328">
                  <c:v>13.201000000000001</c:v>
                </c:pt>
                <c:pt idx="1329">
                  <c:v>13.211</c:v>
                </c:pt>
                <c:pt idx="1330">
                  <c:v>13.22</c:v>
                </c:pt>
                <c:pt idx="1331">
                  <c:v>13.23</c:v>
                </c:pt>
                <c:pt idx="1332">
                  <c:v>13.24</c:v>
                </c:pt>
                <c:pt idx="1333">
                  <c:v>13.25</c:v>
                </c:pt>
                <c:pt idx="1334">
                  <c:v>13.259</c:v>
                </c:pt>
                <c:pt idx="1335">
                  <c:v>13.27</c:v>
                </c:pt>
                <c:pt idx="1336">
                  <c:v>13.28</c:v>
                </c:pt>
                <c:pt idx="1337">
                  <c:v>13.289</c:v>
                </c:pt>
                <c:pt idx="1338">
                  <c:v>13.301</c:v>
                </c:pt>
                <c:pt idx="1339">
                  <c:v>13.31</c:v>
                </c:pt>
                <c:pt idx="1340">
                  <c:v>13.32</c:v>
                </c:pt>
                <c:pt idx="1341">
                  <c:v>13.33</c:v>
                </c:pt>
                <c:pt idx="1342">
                  <c:v>13.339</c:v>
                </c:pt>
                <c:pt idx="1343">
                  <c:v>13.351000000000001</c:v>
                </c:pt>
                <c:pt idx="1344">
                  <c:v>13.36</c:v>
                </c:pt>
                <c:pt idx="1345">
                  <c:v>13.37</c:v>
                </c:pt>
                <c:pt idx="1346">
                  <c:v>13.38</c:v>
                </c:pt>
                <c:pt idx="1347">
                  <c:v>13.391</c:v>
                </c:pt>
                <c:pt idx="1348">
                  <c:v>13.4</c:v>
                </c:pt>
                <c:pt idx="1349">
                  <c:v>13.41</c:v>
                </c:pt>
                <c:pt idx="1350">
                  <c:v>13.419</c:v>
                </c:pt>
                <c:pt idx="1351">
                  <c:v>13.43</c:v>
                </c:pt>
                <c:pt idx="1352">
                  <c:v>13.439</c:v>
                </c:pt>
                <c:pt idx="1353">
                  <c:v>13.449</c:v>
                </c:pt>
                <c:pt idx="1354">
                  <c:v>13.459</c:v>
                </c:pt>
                <c:pt idx="1355">
                  <c:v>13.468999999999999</c:v>
                </c:pt>
                <c:pt idx="1356">
                  <c:v>13.48</c:v>
                </c:pt>
                <c:pt idx="1357">
                  <c:v>13.489000000000001</c:v>
                </c:pt>
                <c:pt idx="1358">
                  <c:v>13.499000000000001</c:v>
                </c:pt>
                <c:pt idx="1359">
                  <c:v>13.51</c:v>
                </c:pt>
                <c:pt idx="1360">
                  <c:v>13.519</c:v>
                </c:pt>
                <c:pt idx="1361">
                  <c:v>13.529</c:v>
                </c:pt>
                <c:pt idx="1362">
                  <c:v>13.538</c:v>
                </c:pt>
                <c:pt idx="1363">
                  <c:v>13.548999999999999</c:v>
                </c:pt>
                <c:pt idx="1364">
                  <c:v>13.558999999999999</c:v>
                </c:pt>
                <c:pt idx="1365">
                  <c:v>13.568</c:v>
                </c:pt>
                <c:pt idx="1366">
                  <c:v>13.579000000000001</c:v>
                </c:pt>
                <c:pt idx="1367">
                  <c:v>13.587999999999999</c:v>
                </c:pt>
                <c:pt idx="1368">
                  <c:v>13.599</c:v>
                </c:pt>
                <c:pt idx="1369">
                  <c:v>13.61</c:v>
                </c:pt>
                <c:pt idx="1370">
                  <c:v>13.619</c:v>
                </c:pt>
                <c:pt idx="1371">
                  <c:v>13.63</c:v>
                </c:pt>
                <c:pt idx="1372">
                  <c:v>13.638999999999999</c:v>
                </c:pt>
                <c:pt idx="1373">
                  <c:v>13.65</c:v>
                </c:pt>
                <c:pt idx="1374">
                  <c:v>13.66</c:v>
                </c:pt>
                <c:pt idx="1375">
                  <c:v>13.669</c:v>
                </c:pt>
                <c:pt idx="1376">
                  <c:v>13.679</c:v>
                </c:pt>
                <c:pt idx="1377">
                  <c:v>13.69</c:v>
                </c:pt>
                <c:pt idx="1378">
                  <c:v>13.699</c:v>
                </c:pt>
                <c:pt idx="1379">
                  <c:v>13.709</c:v>
                </c:pt>
                <c:pt idx="1380">
                  <c:v>13.718999999999999</c:v>
                </c:pt>
                <c:pt idx="1381">
                  <c:v>13.728999999999999</c:v>
                </c:pt>
                <c:pt idx="1382">
                  <c:v>13.739000000000001</c:v>
                </c:pt>
                <c:pt idx="1383">
                  <c:v>13.749000000000001</c:v>
                </c:pt>
                <c:pt idx="1384">
                  <c:v>13.759</c:v>
                </c:pt>
                <c:pt idx="1385">
                  <c:v>13.768000000000001</c:v>
                </c:pt>
                <c:pt idx="1386">
                  <c:v>13.779</c:v>
                </c:pt>
                <c:pt idx="1387">
                  <c:v>13.789</c:v>
                </c:pt>
                <c:pt idx="1388">
                  <c:v>13.798</c:v>
                </c:pt>
                <c:pt idx="1389">
                  <c:v>13.81</c:v>
                </c:pt>
                <c:pt idx="1390">
                  <c:v>13.819000000000001</c:v>
                </c:pt>
                <c:pt idx="1391">
                  <c:v>13.83</c:v>
                </c:pt>
                <c:pt idx="1392">
                  <c:v>13.84</c:v>
                </c:pt>
                <c:pt idx="1393">
                  <c:v>13.85</c:v>
                </c:pt>
                <c:pt idx="1394">
                  <c:v>13.86</c:v>
                </c:pt>
                <c:pt idx="1395">
                  <c:v>13.869</c:v>
                </c:pt>
                <c:pt idx="1396">
                  <c:v>13.88</c:v>
                </c:pt>
                <c:pt idx="1397">
                  <c:v>13.888999999999999</c:v>
                </c:pt>
                <c:pt idx="1398">
                  <c:v>13.9</c:v>
                </c:pt>
                <c:pt idx="1399">
                  <c:v>13.909000000000001</c:v>
                </c:pt>
                <c:pt idx="1400">
                  <c:v>13.919</c:v>
                </c:pt>
                <c:pt idx="1401">
                  <c:v>13.929</c:v>
                </c:pt>
                <c:pt idx="1402">
                  <c:v>13.939</c:v>
                </c:pt>
                <c:pt idx="1403">
                  <c:v>13.949</c:v>
                </c:pt>
                <c:pt idx="1404">
                  <c:v>13.96</c:v>
                </c:pt>
                <c:pt idx="1405">
                  <c:v>13.968999999999999</c:v>
                </c:pt>
                <c:pt idx="1406">
                  <c:v>13.978999999999999</c:v>
                </c:pt>
                <c:pt idx="1407">
                  <c:v>13.989000000000001</c:v>
                </c:pt>
                <c:pt idx="1408">
                  <c:v>14</c:v>
                </c:pt>
                <c:pt idx="1409">
                  <c:v>14.01</c:v>
                </c:pt>
                <c:pt idx="1410">
                  <c:v>14.02</c:v>
                </c:pt>
                <c:pt idx="1411">
                  <c:v>14.03</c:v>
                </c:pt>
                <c:pt idx="1412">
                  <c:v>14.04</c:v>
                </c:pt>
                <c:pt idx="1413">
                  <c:v>14.05</c:v>
                </c:pt>
                <c:pt idx="1414">
                  <c:v>14.061</c:v>
                </c:pt>
                <c:pt idx="1415">
                  <c:v>14.07</c:v>
                </c:pt>
                <c:pt idx="1416">
                  <c:v>14.08</c:v>
                </c:pt>
                <c:pt idx="1417">
                  <c:v>14.089</c:v>
                </c:pt>
                <c:pt idx="1418">
                  <c:v>14.1</c:v>
                </c:pt>
                <c:pt idx="1419">
                  <c:v>14.11</c:v>
                </c:pt>
                <c:pt idx="1420">
                  <c:v>14.12</c:v>
                </c:pt>
                <c:pt idx="1421">
                  <c:v>14.13</c:v>
                </c:pt>
                <c:pt idx="1422">
                  <c:v>14.14</c:v>
                </c:pt>
                <c:pt idx="1423">
                  <c:v>14.151</c:v>
                </c:pt>
                <c:pt idx="1424">
                  <c:v>14.161</c:v>
                </c:pt>
                <c:pt idx="1425">
                  <c:v>14.170999999999999</c:v>
                </c:pt>
                <c:pt idx="1426">
                  <c:v>14.180999999999999</c:v>
                </c:pt>
                <c:pt idx="1427">
                  <c:v>14.19</c:v>
                </c:pt>
                <c:pt idx="1428">
                  <c:v>14.201000000000001</c:v>
                </c:pt>
                <c:pt idx="1429">
                  <c:v>14.211</c:v>
                </c:pt>
                <c:pt idx="1430">
                  <c:v>14.221</c:v>
                </c:pt>
                <c:pt idx="1431">
                  <c:v>14.23</c:v>
                </c:pt>
                <c:pt idx="1432">
                  <c:v>14.241</c:v>
                </c:pt>
                <c:pt idx="1433">
                  <c:v>14.25</c:v>
                </c:pt>
                <c:pt idx="1434">
                  <c:v>14.26</c:v>
                </c:pt>
                <c:pt idx="1435">
                  <c:v>14.27</c:v>
                </c:pt>
                <c:pt idx="1436">
                  <c:v>14.28</c:v>
                </c:pt>
                <c:pt idx="1437">
                  <c:v>14.291</c:v>
                </c:pt>
                <c:pt idx="1438">
                  <c:v>14.3</c:v>
                </c:pt>
                <c:pt idx="1439">
                  <c:v>14.31</c:v>
                </c:pt>
                <c:pt idx="1440">
                  <c:v>14.321</c:v>
                </c:pt>
                <c:pt idx="1441">
                  <c:v>14.33</c:v>
                </c:pt>
                <c:pt idx="1442">
                  <c:v>14.340999999999999</c:v>
                </c:pt>
                <c:pt idx="1443">
                  <c:v>14.35</c:v>
                </c:pt>
                <c:pt idx="1444">
                  <c:v>14.361000000000001</c:v>
                </c:pt>
                <c:pt idx="1445">
                  <c:v>14.371</c:v>
                </c:pt>
                <c:pt idx="1446">
                  <c:v>14.381</c:v>
                </c:pt>
                <c:pt idx="1447">
                  <c:v>14.391</c:v>
                </c:pt>
                <c:pt idx="1448">
                  <c:v>14.401</c:v>
                </c:pt>
                <c:pt idx="1449">
                  <c:v>14.41</c:v>
                </c:pt>
                <c:pt idx="1450">
                  <c:v>14.42</c:v>
                </c:pt>
                <c:pt idx="1451">
                  <c:v>14.430999999999999</c:v>
                </c:pt>
                <c:pt idx="1452">
                  <c:v>14.44</c:v>
                </c:pt>
                <c:pt idx="1453">
                  <c:v>14.45</c:v>
                </c:pt>
                <c:pt idx="1454">
                  <c:v>14.46</c:v>
                </c:pt>
                <c:pt idx="1455">
                  <c:v>14.471</c:v>
                </c:pt>
                <c:pt idx="1456">
                  <c:v>14.481</c:v>
                </c:pt>
                <c:pt idx="1457">
                  <c:v>14.491</c:v>
                </c:pt>
                <c:pt idx="1458">
                  <c:v>14.5</c:v>
                </c:pt>
                <c:pt idx="1459">
                  <c:v>14.510999999999999</c:v>
                </c:pt>
                <c:pt idx="1460">
                  <c:v>14.521000000000001</c:v>
                </c:pt>
                <c:pt idx="1461">
                  <c:v>14.53</c:v>
                </c:pt>
                <c:pt idx="1462">
                  <c:v>14.541</c:v>
                </c:pt>
                <c:pt idx="1463">
                  <c:v>14.551</c:v>
                </c:pt>
                <c:pt idx="1464">
                  <c:v>14.561</c:v>
                </c:pt>
                <c:pt idx="1465">
                  <c:v>14.57</c:v>
                </c:pt>
                <c:pt idx="1466">
                  <c:v>14.581</c:v>
                </c:pt>
                <c:pt idx="1467">
                  <c:v>14.59</c:v>
                </c:pt>
                <c:pt idx="1468">
                  <c:v>14.6</c:v>
                </c:pt>
                <c:pt idx="1469">
                  <c:v>14.61</c:v>
                </c:pt>
                <c:pt idx="1470">
                  <c:v>14.619</c:v>
                </c:pt>
                <c:pt idx="1471">
                  <c:v>14.63</c:v>
                </c:pt>
                <c:pt idx="1472">
                  <c:v>14.64</c:v>
                </c:pt>
                <c:pt idx="1473">
                  <c:v>14.65</c:v>
                </c:pt>
                <c:pt idx="1474">
                  <c:v>14.66</c:v>
                </c:pt>
                <c:pt idx="1475">
                  <c:v>14.670999999999999</c:v>
                </c:pt>
                <c:pt idx="1476">
                  <c:v>14.68</c:v>
                </c:pt>
                <c:pt idx="1477">
                  <c:v>14.691000000000001</c:v>
                </c:pt>
                <c:pt idx="1478">
                  <c:v>14.7</c:v>
                </c:pt>
                <c:pt idx="1479">
                  <c:v>14.71</c:v>
                </c:pt>
                <c:pt idx="1480">
                  <c:v>14.72</c:v>
                </c:pt>
                <c:pt idx="1481">
                  <c:v>14.73</c:v>
                </c:pt>
                <c:pt idx="1482">
                  <c:v>14.741</c:v>
                </c:pt>
                <c:pt idx="1483">
                  <c:v>14.75</c:v>
                </c:pt>
                <c:pt idx="1484">
                  <c:v>14.76</c:v>
                </c:pt>
                <c:pt idx="1485">
                  <c:v>14.771000000000001</c:v>
                </c:pt>
                <c:pt idx="1486">
                  <c:v>14.78</c:v>
                </c:pt>
                <c:pt idx="1487">
                  <c:v>14.79</c:v>
                </c:pt>
                <c:pt idx="1488">
                  <c:v>14.801</c:v>
                </c:pt>
                <c:pt idx="1489">
                  <c:v>14.81</c:v>
                </c:pt>
                <c:pt idx="1490">
                  <c:v>14.82</c:v>
                </c:pt>
                <c:pt idx="1491">
                  <c:v>14.83</c:v>
                </c:pt>
                <c:pt idx="1492">
                  <c:v>14.840999999999999</c:v>
                </c:pt>
                <c:pt idx="1493">
                  <c:v>14.85</c:v>
                </c:pt>
                <c:pt idx="1494">
                  <c:v>14.86</c:v>
                </c:pt>
                <c:pt idx="1495">
                  <c:v>14.871</c:v>
                </c:pt>
                <c:pt idx="1496">
                  <c:v>14.88</c:v>
                </c:pt>
                <c:pt idx="1497">
                  <c:v>14.888999999999999</c:v>
                </c:pt>
                <c:pt idx="1498">
                  <c:v>14.9</c:v>
                </c:pt>
                <c:pt idx="1499">
                  <c:v>14.909000000000001</c:v>
                </c:pt>
                <c:pt idx="1500">
                  <c:v>14.919</c:v>
                </c:pt>
                <c:pt idx="1501">
                  <c:v>14.929</c:v>
                </c:pt>
                <c:pt idx="1502">
                  <c:v>14.939</c:v>
                </c:pt>
                <c:pt idx="1503">
                  <c:v>14.949</c:v>
                </c:pt>
                <c:pt idx="1504">
                  <c:v>14.96</c:v>
                </c:pt>
                <c:pt idx="1505">
                  <c:v>14.97</c:v>
                </c:pt>
                <c:pt idx="1506">
                  <c:v>14.981</c:v>
                </c:pt>
                <c:pt idx="1507">
                  <c:v>14.99</c:v>
                </c:pt>
                <c:pt idx="1508">
                  <c:v>15</c:v>
                </c:pt>
                <c:pt idx="1509">
                  <c:v>15.057</c:v>
                </c:pt>
                <c:pt idx="1510">
                  <c:v>15.067</c:v>
                </c:pt>
                <c:pt idx="1511">
                  <c:v>15.077</c:v>
                </c:pt>
                <c:pt idx="1512">
                  <c:v>15.086</c:v>
                </c:pt>
                <c:pt idx="1513">
                  <c:v>15.097</c:v>
                </c:pt>
                <c:pt idx="1514">
                  <c:v>15.106999999999999</c:v>
                </c:pt>
                <c:pt idx="1515">
                  <c:v>15.116</c:v>
                </c:pt>
                <c:pt idx="1516">
                  <c:v>15.127000000000001</c:v>
                </c:pt>
                <c:pt idx="1517">
                  <c:v>15.137</c:v>
                </c:pt>
                <c:pt idx="1518">
                  <c:v>15.146000000000001</c:v>
                </c:pt>
                <c:pt idx="1519">
                  <c:v>15.157</c:v>
                </c:pt>
                <c:pt idx="1520">
                  <c:v>15.167</c:v>
                </c:pt>
                <c:pt idx="1521">
                  <c:v>15.176</c:v>
                </c:pt>
                <c:pt idx="1522">
                  <c:v>15.186</c:v>
                </c:pt>
                <c:pt idx="1523">
                  <c:v>15.196999999999999</c:v>
                </c:pt>
                <c:pt idx="1524">
                  <c:v>15.206</c:v>
                </c:pt>
                <c:pt idx="1525">
                  <c:v>15.217000000000001</c:v>
                </c:pt>
                <c:pt idx="1526">
                  <c:v>15.227</c:v>
                </c:pt>
                <c:pt idx="1527">
                  <c:v>15.236000000000001</c:v>
                </c:pt>
                <c:pt idx="1528">
                  <c:v>15.247</c:v>
                </c:pt>
                <c:pt idx="1529">
                  <c:v>15.256</c:v>
                </c:pt>
                <c:pt idx="1530">
                  <c:v>15.266</c:v>
                </c:pt>
                <c:pt idx="1531">
                  <c:v>15.276999999999999</c:v>
                </c:pt>
                <c:pt idx="1532">
                  <c:v>15.287000000000001</c:v>
                </c:pt>
                <c:pt idx="1533">
                  <c:v>15.295999999999999</c:v>
                </c:pt>
                <c:pt idx="1534">
                  <c:v>15.307</c:v>
                </c:pt>
                <c:pt idx="1535">
                  <c:v>15.317</c:v>
                </c:pt>
                <c:pt idx="1536">
                  <c:v>15.326000000000001</c:v>
                </c:pt>
                <c:pt idx="1537">
                  <c:v>15.337</c:v>
                </c:pt>
                <c:pt idx="1538">
                  <c:v>15.348000000000001</c:v>
                </c:pt>
                <c:pt idx="1539">
                  <c:v>15.356999999999999</c:v>
                </c:pt>
                <c:pt idx="1540">
                  <c:v>15.368</c:v>
                </c:pt>
                <c:pt idx="1541">
                  <c:v>15.377000000000001</c:v>
                </c:pt>
                <c:pt idx="1542">
                  <c:v>15.387</c:v>
                </c:pt>
                <c:pt idx="1543">
                  <c:v>15.396000000000001</c:v>
                </c:pt>
                <c:pt idx="1544">
                  <c:v>15.407</c:v>
                </c:pt>
                <c:pt idx="1545">
                  <c:v>15.417</c:v>
                </c:pt>
                <c:pt idx="1546">
                  <c:v>15.428000000000001</c:v>
                </c:pt>
                <c:pt idx="1547">
                  <c:v>15.436999999999999</c:v>
                </c:pt>
                <c:pt idx="1548">
                  <c:v>15.448</c:v>
                </c:pt>
                <c:pt idx="1549">
                  <c:v>15.457000000000001</c:v>
                </c:pt>
                <c:pt idx="1550">
                  <c:v>15.468</c:v>
                </c:pt>
                <c:pt idx="1551">
                  <c:v>15.477</c:v>
                </c:pt>
                <c:pt idx="1552">
                  <c:v>15.488</c:v>
                </c:pt>
                <c:pt idx="1553">
                  <c:v>15.497999999999999</c:v>
                </c:pt>
                <c:pt idx="1554">
                  <c:v>15.507</c:v>
                </c:pt>
                <c:pt idx="1555">
                  <c:v>15.518000000000001</c:v>
                </c:pt>
                <c:pt idx="1556">
                  <c:v>15.526999999999999</c:v>
                </c:pt>
                <c:pt idx="1557">
                  <c:v>15.538</c:v>
                </c:pt>
                <c:pt idx="1558">
                  <c:v>15.547000000000001</c:v>
                </c:pt>
                <c:pt idx="1559">
                  <c:v>15.558</c:v>
                </c:pt>
                <c:pt idx="1560">
                  <c:v>15.567</c:v>
                </c:pt>
                <c:pt idx="1561">
                  <c:v>15.577999999999999</c:v>
                </c:pt>
                <c:pt idx="1562">
                  <c:v>15.587</c:v>
                </c:pt>
                <c:pt idx="1563">
                  <c:v>15.597</c:v>
                </c:pt>
                <c:pt idx="1564">
                  <c:v>15.606</c:v>
                </c:pt>
                <c:pt idx="1565">
                  <c:v>15.617000000000001</c:v>
                </c:pt>
                <c:pt idx="1566">
                  <c:v>15.625999999999999</c:v>
                </c:pt>
                <c:pt idx="1567">
                  <c:v>15.637</c:v>
                </c:pt>
                <c:pt idx="1568">
                  <c:v>15.647</c:v>
                </c:pt>
                <c:pt idx="1569">
                  <c:v>15.657</c:v>
                </c:pt>
                <c:pt idx="1570">
                  <c:v>15.667</c:v>
                </c:pt>
                <c:pt idx="1571">
                  <c:v>15.677</c:v>
                </c:pt>
                <c:pt idx="1572">
                  <c:v>15.686999999999999</c:v>
                </c:pt>
                <c:pt idx="1573">
                  <c:v>15.696999999999999</c:v>
                </c:pt>
                <c:pt idx="1574">
                  <c:v>15.708</c:v>
                </c:pt>
                <c:pt idx="1575">
                  <c:v>15.717000000000001</c:v>
                </c:pt>
                <c:pt idx="1576">
                  <c:v>15.727</c:v>
                </c:pt>
                <c:pt idx="1577">
                  <c:v>15.736000000000001</c:v>
                </c:pt>
                <c:pt idx="1578">
                  <c:v>15.747</c:v>
                </c:pt>
                <c:pt idx="1579">
                  <c:v>15.757</c:v>
                </c:pt>
                <c:pt idx="1580">
                  <c:v>15.766999999999999</c:v>
                </c:pt>
                <c:pt idx="1581">
                  <c:v>15.776</c:v>
                </c:pt>
                <c:pt idx="1582">
                  <c:v>15.787000000000001</c:v>
                </c:pt>
                <c:pt idx="1583">
                  <c:v>15.797000000000001</c:v>
                </c:pt>
                <c:pt idx="1584">
                  <c:v>15.805999999999999</c:v>
                </c:pt>
                <c:pt idx="1585">
                  <c:v>15.816000000000001</c:v>
                </c:pt>
                <c:pt idx="1586">
                  <c:v>15.826000000000001</c:v>
                </c:pt>
                <c:pt idx="1587">
                  <c:v>15.836</c:v>
                </c:pt>
                <c:pt idx="1588">
                  <c:v>15.847</c:v>
                </c:pt>
                <c:pt idx="1589">
                  <c:v>15.856999999999999</c:v>
                </c:pt>
                <c:pt idx="1590">
                  <c:v>15.867000000000001</c:v>
                </c:pt>
                <c:pt idx="1591">
                  <c:v>15.877000000000001</c:v>
                </c:pt>
                <c:pt idx="1592">
                  <c:v>15.887</c:v>
                </c:pt>
                <c:pt idx="1593">
                  <c:v>15.896000000000001</c:v>
                </c:pt>
                <c:pt idx="1594">
                  <c:v>15.906000000000001</c:v>
                </c:pt>
                <c:pt idx="1595">
                  <c:v>15.917</c:v>
                </c:pt>
                <c:pt idx="1596">
                  <c:v>15.926</c:v>
                </c:pt>
                <c:pt idx="1597">
                  <c:v>15.936</c:v>
                </c:pt>
                <c:pt idx="1598">
                  <c:v>15.946</c:v>
                </c:pt>
                <c:pt idx="1599">
                  <c:v>15.957000000000001</c:v>
                </c:pt>
                <c:pt idx="1600">
                  <c:v>15.967000000000001</c:v>
                </c:pt>
                <c:pt idx="1601">
                  <c:v>15.976000000000001</c:v>
                </c:pt>
                <c:pt idx="1602">
                  <c:v>15.986000000000001</c:v>
                </c:pt>
                <c:pt idx="1603">
                  <c:v>15.997</c:v>
                </c:pt>
                <c:pt idx="1604">
                  <c:v>16.007000000000001</c:v>
                </c:pt>
                <c:pt idx="1605">
                  <c:v>16.016999999999999</c:v>
                </c:pt>
                <c:pt idx="1606">
                  <c:v>16.027000000000001</c:v>
                </c:pt>
                <c:pt idx="1607">
                  <c:v>16.036999999999999</c:v>
                </c:pt>
                <c:pt idx="1608">
                  <c:v>16.047000000000001</c:v>
                </c:pt>
                <c:pt idx="1609">
                  <c:v>16.056999999999999</c:v>
                </c:pt>
                <c:pt idx="1610">
                  <c:v>16.065999999999999</c:v>
                </c:pt>
                <c:pt idx="1611">
                  <c:v>16.076000000000001</c:v>
                </c:pt>
                <c:pt idx="1612">
                  <c:v>16.085999999999999</c:v>
                </c:pt>
                <c:pt idx="1613">
                  <c:v>16.097000000000001</c:v>
                </c:pt>
                <c:pt idx="1614">
                  <c:v>16.106000000000002</c:v>
                </c:pt>
                <c:pt idx="1615">
                  <c:v>16.116</c:v>
                </c:pt>
                <c:pt idx="1616">
                  <c:v>16.126999999999999</c:v>
                </c:pt>
                <c:pt idx="1617">
                  <c:v>16.137</c:v>
                </c:pt>
                <c:pt idx="1618">
                  <c:v>16.146000000000001</c:v>
                </c:pt>
                <c:pt idx="1619">
                  <c:v>16.155999999999999</c:v>
                </c:pt>
                <c:pt idx="1620">
                  <c:v>16.167000000000002</c:v>
                </c:pt>
                <c:pt idx="1621">
                  <c:v>16.175999999999998</c:v>
                </c:pt>
                <c:pt idx="1622">
                  <c:v>16.186</c:v>
                </c:pt>
                <c:pt idx="1623">
                  <c:v>16.196999999999999</c:v>
                </c:pt>
                <c:pt idx="1624">
                  <c:v>16.206</c:v>
                </c:pt>
                <c:pt idx="1625">
                  <c:v>16.216999999999999</c:v>
                </c:pt>
                <c:pt idx="1626">
                  <c:v>16.225999999999999</c:v>
                </c:pt>
                <c:pt idx="1627">
                  <c:v>16.236000000000001</c:v>
                </c:pt>
                <c:pt idx="1628">
                  <c:v>16.245999999999999</c:v>
                </c:pt>
                <c:pt idx="1629">
                  <c:v>16.254999999999999</c:v>
                </c:pt>
                <c:pt idx="1630">
                  <c:v>16.265999999999998</c:v>
                </c:pt>
                <c:pt idx="1631">
                  <c:v>16.276</c:v>
                </c:pt>
                <c:pt idx="1632">
                  <c:v>16.285</c:v>
                </c:pt>
                <c:pt idx="1633">
                  <c:v>16.295999999999999</c:v>
                </c:pt>
                <c:pt idx="1634">
                  <c:v>16.306000000000001</c:v>
                </c:pt>
                <c:pt idx="1635">
                  <c:v>16.315999999999999</c:v>
                </c:pt>
                <c:pt idx="1636">
                  <c:v>16.326000000000001</c:v>
                </c:pt>
                <c:pt idx="1637">
                  <c:v>16.335999999999999</c:v>
                </c:pt>
                <c:pt idx="1638">
                  <c:v>16.346</c:v>
                </c:pt>
                <c:pt idx="1639">
                  <c:v>16.356000000000002</c:v>
                </c:pt>
                <c:pt idx="1640">
                  <c:v>16.366</c:v>
                </c:pt>
                <c:pt idx="1641">
                  <c:v>16.376000000000001</c:v>
                </c:pt>
                <c:pt idx="1642">
                  <c:v>16.385000000000002</c:v>
                </c:pt>
                <c:pt idx="1643">
                  <c:v>16.395</c:v>
                </c:pt>
                <c:pt idx="1644">
                  <c:v>16.405000000000001</c:v>
                </c:pt>
                <c:pt idx="1645">
                  <c:v>16.414999999999999</c:v>
                </c:pt>
                <c:pt idx="1646">
                  <c:v>16.425000000000001</c:v>
                </c:pt>
                <c:pt idx="1647">
                  <c:v>16.434999999999999</c:v>
                </c:pt>
                <c:pt idx="1648">
                  <c:v>16.443999999999999</c:v>
                </c:pt>
                <c:pt idx="1649">
                  <c:v>16.454999999999998</c:v>
                </c:pt>
                <c:pt idx="1650">
                  <c:v>16.465</c:v>
                </c:pt>
                <c:pt idx="1651">
                  <c:v>16.475000000000001</c:v>
                </c:pt>
                <c:pt idx="1652">
                  <c:v>16.484000000000002</c:v>
                </c:pt>
                <c:pt idx="1653">
                  <c:v>16.495000000000001</c:v>
                </c:pt>
                <c:pt idx="1654">
                  <c:v>16.504999999999999</c:v>
                </c:pt>
                <c:pt idx="1655">
                  <c:v>16.515999999999998</c:v>
                </c:pt>
                <c:pt idx="1656">
                  <c:v>16.524999999999999</c:v>
                </c:pt>
                <c:pt idx="1657">
                  <c:v>16.535</c:v>
                </c:pt>
                <c:pt idx="1658">
                  <c:v>16.545999999999999</c:v>
                </c:pt>
                <c:pt idx="1659">
                  <c:v>16.555</c:v>
                </c:pt>
                <c:pt idx="1660">
                  <c:v>16.564</c:v>
                </c:pt>
                <c:pt idx="1661">
                  <c:v>16.574999999999999</c:v>
                </c:pt>
                <c:pt idx="1662">
                  <c:v>16.584</c:v>
                </c:pt>
                <c:pt idx="1663">
                  <c:v>16.594999999999999</c:v>
                </c:pt>
                <c:pt idx="1664">
                  <c:v>16.603999999999999</c:v>
                </c:pt>
                <c:pt idx="1665">
                  <c:v>16.614000000000001</c:v>
                </c:pt>
                <c:pt idx="1666">
                  <c:v>16.623999999999999</c:v>
                </c:pt>
                <c:pt idx="1667">
                  <c:v>16.635000000000002</c:v>
                </c:pt>
                <c:pt idx="1668">
                  <c:v>16.643999999999998</c:v>
                </c:pt>
                <c:pt idx="1669">
                  <c:v>16.654</c:v>
                </c:pt>
                <c:pt idx="1670">
                  <c:v>16.664000000000001</c:v>
                </c:pt>
                <c:pt idx="1671">
                  <c:v>16.673999999999999</c:v>
                </c:pt>
                <c:pt idx="1672">
                  <c:v>16.684000000000001</c:v>
                </c:pt>
                <c:pt idx="1673">
                  <c:v>16.693999999999999</c:v>
                </c:pt>
                <c:pt idx="1674">
                  <c:v>16.704999999999998</c:v>
                </c:pt>
                <c:pt idx="1675">
                  <c:v>16.713999999999999</c:v>
                </c:pt>
                <c:pt idx="1676">
                  <c:v>16.724</c:v>
                </c:pt>
                <c:pt idx="1677">
                  <c:v>16.734000000000002</c:v>
                </c:pt>
                <c:pt idx="1678">
                  <c:v>16.744</c:v>
                </c:pt>
                <c:pt idx="1679">
                  <c:v>16.754000000000001</c:v>
                </c:pt>
                <c:pt idx="1680">
                  <c:v>16.763999999999999</c:v>
                </c:pt>
                <c:pt idx="1681">
                  <c:v>16.773</c:v>
                </c:pt>
                <c:pt idx="1682">
                  <c:v>16.783999999999999</c:v>
                </c:pt>
                <c:pt idx="1683">
                  <c:v>16.794</c:v>
                </c:pt>
                <c:pt idx="1684">
                  <c:v>16.803999999999998</c:v>
                </c:pt>
                <c:pt idx="1685">
                  <c:v>16.815000000000001</c:v>
                </c:pt>
                <c:pt idx="1686">
                  <c:v>16.824000000000002</c:v>
                </c:pt>
                <c:pt idx="1687">
                  <c:v>16.834</c:v>
                </c:pt>
                <c:pt idx="1688">
                  <c:v>16.844999999999999</c:v>
                </c:pt>
                <c:pt idx="1689">
                  <c:v>16.853999999999999</c:v>
                </c:pt>
                <c:pt idx="1690">
                  <c:v>16.864999999999998</c:v>
                </c:pt>
                <c:pt idx="1691">
                  <c:v>16.873999999999999</c:v>
                </c:pt>
                <c:pt idx="1692">
                  <c:v>16.884</c:v>
                </c:pt>
                <c:pt idx="1693">
                  <c:v>16.895</c:v>
                </c:pt>
                <c:pt idx="1694">
                  <c:v>16.904</c:v>
                </c:pt>
                <c:pt idx="1695">
                  <c:v>16.914000000000001</c:v>
                </c:pt>
                <c:pt idx="1696">
                  <c:v>16.923999999999999</c:v>
                </c:pt>
                <c:pt idx="1697">
                  <c:v>16.934000000000001</c:v>
                </c:pt>
                <c:pt idx="1698">
                  <c:v>16.943999999999999</c:v>
                </c:pt>
                <c:pt idx="1699">
                  <c:v>16.954000000000001</c:v>
                </c:pt>
                <c:pt idx="1700">
                  <c:v>16.963999999999999</c:v>
                </c:pt>
                <c:pt idx="1701">
                  <c:v>16.974</c:v>
                </c:pt>
                <c:pt idx="1702">
                  <c:v>16.984000000000002</c:v>
                </c:pt>
                <c:pt idx="1703">
                  <c:v>17.027999999999999</c:v>
                </c:pt>
                <c:pt idx="1704">
                  <c:v>17.038</c:v>
                </c:pt>
                <c:pt idx="1705">
                  <c:v>17.047999999999998</c:v>
                </c:pt>
                <c:pt idx="1706">
                  <c:v>17.058</c:v>
                </c:pt>
                <c:pt idx="1707">
                  <c:v>17.068000000000001</c:v>
                </c:pt>
                <c:pt idx="1708">
                  <c:v>17.077999999999999</c:v>
                </c:pt>
                <c:pt idx="1709">
                  <c:v>17.087</c:v>
                </c:pt>
                <c:pt idx="1710">
                  <c:v>17.097999999999999</c:v>
                </c:pt>
                <c:pt idx="1711">
                  <c:v>17.108000000000001</c:v>
                </c:pt>
                <c:pt idx="1712">
                  <c:v>17.117999999999999</c:v>
                </c:pt>
                <c:pt idx="1713">
                  <c:v>17.128</c:v>
                </c:pt>
                <c:pt idx="1714">
                  <c:v>17.138999999999999</c:v>
                </c:pt>
                <c:pt idx="1715">
                  <c:v>17.148</c:v>
                </c:pt>
                <c:pt idx="1716">
                  <c:v>17.158000000000001</c:v>
                </c:pt>
                <c:pt idx="1717">
                  <c:v>17.169</c:v>
                </c:pt>
                <c:pt idx="1718">
                  <c:v>17.178999999999998</c:v>
                </c:pt>
                <c:pt idx="1719">
                  <c:v>17.187999999999999</c:v>
                </c:pt>
                <c:pt idx="1720">
                  <c:v>17.199000000000002</c:v>
                </c:pt>
                <c:pt idx="1721">
                  <c:v>17.207999999999998</c:v>
                </c:pt>
                <c:pt idx="1722">
                  <c:v>17.218</c:v>
                </c:pt>
                <c:pt idx="1723">
                  <c:v>17.228000000000002</c:v>
                </c:pt>
                <c:pt idx="1724">
                  <c:v>17.239000000000001</c:v>
                </c:pt>
                <c:pt idx="1725">
                  <c:v>17.248000000000001</c:v>
                </c:pt>
                <c:pt idx="1726">
                  <c:v>17.257999999999999</c:v>
                </c:pt>
                <c:pt idx="1727">
                  <c:v>17.268000000000001</c:v>
                </c:pt>
                <c:pt idx="1728">
                  <c:v>17.277999999999999</c:v>
                </c:pt>
                <c:pt idx="1729">
                  <c:v>17.288</c:v>
                </c:pt>
                <c:pt idx="1730">
                  <c:v>17.297999999999998</c:v>
                </c:pt>
                <c:pt idx="1731">
                  <c:v>17.308</c:v>
                </c:pt>
                <c:pt idx="1732">
                  <c:v>17.318000000000001</c:v>
                </c:pt>
                <c:pt idx="1733">
                  <c:v>17.329000000000001</c:v>
                </c:pt>
                <c:pt idx="1734">
                  <c:v>17.338999999999999</c:v>
                </c:pt>
                <c:pt idx="1735">
                  <c:v>17.349</c:v>
                </c:pt>
                <c:pt idx="1736">
                  <c:v>17.358000000000001</c:v>
                </c:pt>
                <c:pt idx="1737">
                  <c:v>17.369</c:v>
                </c:pt>
                <c:pt idx="1738">
                  <c:v>17.378</c:v>
                </c:pt>
                <c:pt idx="1739">
                  <c:v>17.388999999999999</c:v>
                </c:pt>
                <c:pt idx="1740">
                  <c:v>17.399000000000001</c:v>
                </c:pt>
                <c:pt idx="1741">
                  <c:v>17.408999999999999</c:v>
                </c:pt>
                <c:pt idx="1742">
                  <c:v>17.417999999999999</c:v>
                </c:pt>
                <c:pt idx="1743">
                  <c:v>17.428000000000001</c:v>
                </c:pt>
                <c:pt idx="1744">
                  <c:v>17.439</c:v>
                </c:pt>
                <c:pt idx="1745">
                  <c:v>17.448</c:v>
                </c:pt>
                <c:pt idx="1746">
                  <c:v>17.457999999999998</c:v>
                </c:pt>
                <c:pt idx="1747">
                  <c:v>17.468</c:v>
                </c:pt>
                <c:pt idx="1748">
                  <c:v>17.478000000000002</c:v>
                </c:pt>
                <c:pt idx="1749">
                  <c:v>17.488</c:v>
                </c:pt>
                <c:pt idx="1750">
                  <c:v>17.498999999999999</c:v>
                </c:pt>
                <c:pt idx="1751">
                  <c:v>17.509</c:v>
                </c:pt>
                <c:pt idx="1752">
                  <c:v>17.518000000000001</c:v>
                </c:pt>
                <c:pt idx="1753">
                  <c:v>17.527999999999999</c:v>
                </c:pt>
                <c:pt idx="1754">
                  <c:v>17.539000000000001</c:v>
                </c:pt>
                <c:pt idx="1755">
                  <c:v>17.547999999999998</c:v>
                </c:pt>
                <c:pt idx="1756">
                  <c:v>17.556999999999999</c:v>
                </c:pt>
                <c:pt idx="1757">
                  <c:v>17.567</c:v>
                </c:pt>
                <c:pt idx="1758">
                  <c:v>17.577999999999999</c:v>
                </c:pt>
                <c:pt idx="1759">
                  <c:v>17.587</c:v>
                </c:pt>
                <c:pt idx="1760">
                  <c:v>17.597000000000001</c:v>
                </c:pt>
                <c:pt idx="1761">
                  <c:v>17.608000000000001</c:v>
                </c:pt>
                <c:pt idx="1762">
                  <c:v>17.617000000000001</c:v>
                </c:pt>
                <c:pt idx="1763">
                  <c:v>17.626000000000001</c:v>
                </c:pt>
                <c:pt idx="1764">
                  <c:v>17.637</c:v>
                </c:pt>
                <c:pt idx="1765">
                  <c:v>17.646000000000001</c:v>
                </c:pt>
                <c:pt idx="1766">
                  <c:v>17.657</c:v>
                </c:pt>
                <c:pt idx="1767">
                  <c:v>17.666</c:v>
                </c:pt>
                <c:pt idx="1768">
                  <c:v>17.677</c:v>
                </c:pt>
                <c:pt idx="1769">
                  <c:v>17.687000000000001</c:v>
                </c:pt>
                <c:pt idx="1770">
                  <c:v>17.696999999999999</c:v>
                </c:pt>
                <c:pt idx="1771">
                  <c:v>17.707000000000001</c:v>
                </c:pt>
                <c:pt idx="1772">
                  <c:v>17.718</c:v>
                </c:pt>
                <c:pt idx="1773">
                  <c:v>17.727</c:v>
                </c:pt>
                <c:pt idx="1774">
                  <c:v>17.736999999999998</c:v>
                </c:pt>
                <c:pt idx="1775">
                  <c:v>17.747</c:v>
                </c:pt>
                <c:pt idx="1776">
                  <c:v>17.757000000000001</c:v>
                </c:pt>
                <c:pt idx="1777">
                  <c:v>17.765999999999998</c:v>
                </c:pt>
                <c:pt idx="1778">
                  <c:v>17.777000000000001</c:v>
                </c:pt>
                <c:pt idx="1779">
                  <c:v>17.786999999999999</c:v>
                </c:pt>
                <c:pt idx="1780">
                  <c:v>17.795999999999999</c:v>
                </c:pt>
                <c:pt idx="1781">
                  <c:v>17.806999999999999</c:v>
                </c:pt>
                <c:pt idx="1782">
                  <c:v>17.817</c:v>
                </c:pt>
                <c:pt idx="1783">
                  <c:v>17.826000000000001</c:v>
                </c:pt>
                <c:pt idx="1784">
                  <c:v>17.837</c:v>
                </c:pt>
                <c:pt idx="1785">
                  <c:v>17.846</c:v>
                </c:pt>
                <c:pt idx="1786">
                  <c:v>17.856000000000002</c:v>
                </c:pt>
                <c:pt idx="1787">
                  <c:v>17.867000000000001</c:v>
                </c:pt>
                <c:pt idx="1788">
                  <c:v>17.876000000000001</c:v>
                </c:pt>
                <c:pt idx="1789">
                  <c:v>17.885999999999999</c:v>
                </c:pt>
                <c:pt idx="1790">
                  <c:v>17.895</c:v>
                </c:pt>
                <c:pt idx="1791">
                  <c:v>17.905999999999999</c:v>
                </c:pt>
                <c:pt idx="1792">
                  <c:v>17.916</c:v>
                </c:pt>
                <c:pt idx="1793">
                  <c:v>17.925000000000001</c:v>
                </c:pt>
                <c:pt idx="1794">
                  <c:v>17.934999999999999</c:v>
                </c:pt>
                <c:pt idx="1795">
                  <c:v>17.946000000000002</c:v>
                </c:pt>
                <c:pt idx="1796">
                  <c:v>17.954999999999998</c:v>
                </c:pt>
                <c:pt idx="1797">
                  <c:v>17.966000000000001</c:v>
                </c:pt>
                <c:pt idx="1798">
                  <c:v>17.975000000000001</c:v>
                </c:pt>
                <c:pt idx="1799">
                  <c:v>17.984999999999999</c:v>
                </c:pt>
                <c:pt idx="1800">
                  <c:v>17.995999999999999</c:v>
                </c:pt>
                <c:pt idx="1801">
                  <c:v>18.004999999999999</c:v>
                </c:pt>
                <c:pt idx="1802">
                  <c:v>18.015000000000001</c:v>
                </c:pt>
                <c:pt idx="1803">
                  <c:v>18.026</c:v>
                </c:pt>
                <c:pt idx="1804">
                  <c:v>18.035</c:v>
                </c:pt>
                <c:pt idx="1805">
                  <c:v>18.045000000000002</c:v>
                </c:pt>
                <c:pt idx="1806">
                  <c:v>18.055</c:v>
                </c:pt>
                <c:pt idx="1807">
                  <c:v>18.062999999999999</c:v>
                </c:pt>
                <c:pt idx="1808">
                  <c:v>18.073</c:v>
                </c:pt>
                <c:pt idx="1809">
                  <c:v>18.082000000000001</c:v>
                </c:pt>
                <c:pt idx="1810">
                  <c:v>18.091999999999999</c:v>
                </c:pt>
                <c:pt idx="1811">
                  <c:v>18.100999999999999</c:v>
                </c:pt>
                <c:pt idx="1812">
                  <c:v>18.111000000000001</c:v>
                </c:pt>
                <c:pt idx="1813">
                  <c:v>18.122</c:v>
                </c:pt>
                <c:pt idx="1814">
                  <c:v>18.131</c:v>
                </c:pt>
                <c:pt idx="1815">
                  <c:v>18.141999999999999</c:v>
                </c:pt>
                <c:pt idx="1816">
                  <c:v>18.151</c:v>
                </c:pt>
                <c:pt idx="1817">
                  <c:v>18.161999999999999</c:v>
                </c:pt>
                <c:pt idx="1818">
                  <c:v>18.172999999999998</c:v>
                </c:pt>
                <c:pt idx="1819">
                  <c:v>18.181999999999999</c:v>
                </c:pt>
                <c:pt idx="1820">
                  <c:v>18.192</c:v>
                </c:pt>
                <c:pt idx="1821">
                  <c:v>18.201000000000001</c:v>
                </c:pt>
                <c:pt idx="1822">
                  <c:v>18.212</c:v>
                </c:pt>
                <c:pt idx="1823">
                  <c:v>18.221</c:v>
                </c:pt>
                <c:pt idx="1824">
                  <c:v>18.231000000000002</c:v>
                </c:pt>
                <c:pt idx="1825">
                  <c:v>18.242000000000001</c:v>
                </c:pt>
                <c:pt idx="1826">
                  <c:v>18.251000000000001</c:v>
                </c:pt>
                <c:pt idx="1827">
                  <c:v>18.262</c:v>
                </c:pt>
                <c:pt idx="1828">
                  <c:v>18.271000000000001</c:v>
                </c:pt>
                <c:pt idx="1829">
                  <c:v>18.282</c:v>
                </c:pt>
                <c:pt idx="1830">
                  <c:v>18.292000000000002</c:v>
                </c:pt>
                <c:pt idx="1831">
                  <c:v>18.302</c:v>
                </c:pt>
                <c:pt idx="1832">
                  <c:v>18.312000000000001</c:v>
                </c:pt>
                <c:pt idx="1833">
                  <c:v>18.323</c:v>
                </c:pt>
                <c:pt idx="1834">
                  <c:v>18.335999999999999</c:v>
                </c:pt>
                <c:pt idx="1835">
                  <c:v>18.346</c:v>
                </c:pt>
                <c:pt idx="1836">
                  <c:v>18.358000000000001</c:v>
                </c:pt>
                <c:pt idx="1837">
                  <c:v>18.37</c:v>
                </c:pt>
                <c:pt idx="1838">
                  <c:v>18.38</c:v>
                </c:pt>
                <c:pt idx="1839">
                  <c:v>18.39</c:v>
                </c:pt>
                <c:pt idx="1840">
                  <c:v>18.399999999999999</c:v>
                </c:pt>
                <c:pt idx="1841">
                  <c:v>18.41</c:v>
                </c:pt>
                <c:pt idx="1842">
                  <c:v>18.419</c:v>
                </c:pt>
                <c:pt idx="1843">
                  <c:v>18.428999999999998</c:v>
                </c:pt>
                <c:pt idx="1844">
                  <c:v>18.439</c:v>
                </c:pt>
                <c:pt idx="1845">
                  <c:v>18.449000000000002</c:v>
                </c:pt>
                <c:pt idx="1846">
                  <c:v>18.46</c:v>
                </c:pt>
                <c:pt idx="1847">
                  <c:v>18.469000000000001</c:v>
                </c:pt>
                <c:pt idx="1848">
                  <c:v>18.48</c:v>
                </c:pt>
                <c:pt idx="1849">
                  <c:v>18.491</c:v>
                </c:pt>
                <c:pt idx="1850">
                  <c:v>18.5</c:v>
                </c:pt>
                <c:pt idx="1851">
                  <c:v>18.510000000000002</c:v>
                </c:pt>
                <c:pt idx="1852">
                  <c:v>18.521000000000001</c:v>
                </c:pt>
                <c:pt idx="1853">
                  <c:v>18.53</c:v>
                </c:pt>
                <c:pt idx="1854">
                  <c:v>18.54</c:v>
                </c:pt>
                <c:pt idx="1855">
                  <c:v>18.55</c:v>
                </c:pt>
                <c:pt idx="1856">
                  <c:v>18.559000000000001</c:v>
                </c:pt>
                <c:pt idx="1857">
                  <c:v>18.57</c:v>
                </c:pt>
                <c:pt idx="1858">
                  <c:v>18.579000000000001</c:v>
                </c:pt>
                <c:pt idx="1859">
                  <c:v>18.59</c:v>
                </c:pt>
                <c:pt idx="1860">
                  <c:v>18.599</c:v>
                </c:pt>
                <c:pt idx="1861">
                  <c:v>18.609000000000002</c:v>
                </c:pt>
                <c:pt idx="1862">
                  <c:v>18.619</c:v>
                </c:pt>
                <c:pt idx="1863">
                  <c:v>18.629000000000001</c:v>
                </c:pt>
                <c:pt idx="1864">
                  <c:v>18.638999999999999</c:v>
                </c:pt>
                <c:pt idx="1865">
                  <c:v>18.649000000000001</c:v>
                </c:pt>
                <c:pt idx="1866">
                  <c:v>18.658999999999999</c:v>
                </c:pt>
                <c:pt idx="1867">
                  <c:v>18.669</c:v>
                </c:pt>
                <c:pt idx="1868">
                  <c:v>18.678999999999998</c:v>
                </c:pt>
                <c:pt idx="1869">
                  <c:v>18.689</c:v>
                </c:pt>
                <c:pt idx="1870">
                  <c:v>18.699000000000002</c:v>
                </c:pt>
                <c:pt idx="1871">
                  <c:v>18.707999999999998</c:v>
                </c:pt>
                <c:pt idx="1872">
                  <c:v>18.707999999999998</c:v>
                </c:pt>
                <c:pt idx="1873">
                  <c:v>18.707999999999998</c:v>
                </c:pt>
                <c:pt idx="1874">
                  <c:v>18.707999999999998</c:v>
                </c:pt>
                <c:pt idx="1875">
                  <c:v>18.716000000000001</c:v>
                </c:pt>
                <c:pt idx="1876">
                  <c:v>18.725999999999999</c:v>
                </c:pt>
                <c:pt idx="1877">
                  <c:v>18.734999999999999</c:v>
                </c:pt>
                <c:pt idx="1878">
                  <c:v>18.744</c:v>
                </c:pt>
                <c:pt idx="1879">
                  <c:v>18.754999999999999</c:v>
                </c:pt>
                <c:pt idx="1880">
                  <c:v>18.763999999999999</c:v>
                </c:pt>
                <c:pt idx="1881">
                  <c:v>18.774000000000001</c:v>
                </c:pt>
                <c:pt idx="1882">
                  <c:v>18.785</c:v>
                </c:pt>
                <c:pt idx="1883">
                  <c:v>18.794</c:v>
                </c:pt>
                <c:pt idx="1884">
                  <c:v>18.805</c:v>
                </c:pt>
                <c:pt idx="1885">
                  <c:v>18.809000000000001</c:v>
                </c:pt>
                <c:pt idx="1886">
                  <c:v>18.809000000000001</c:v>
                </c:pt>
                <c:pt idx="1887">
                  <c:v>18.809000000000001</c:v>
                </c:pt>
                <c:pt idx="1888">
                  <c:v>18.809000000000001</c:v>
                </c:pt>
                <c:pt idx="1889">
                  <c:v>18.812000000000001</c:v>
                </c:pt>
                <c:pt idx="1890">
                  <c:v>18.821000000000002</c:v>
                </c:pt>
                <c:pt idx="1891">
                  <c:v>18.832000000000001</c:v>
                </c:pt>
                <c:pt idx="1892">
                  <c:v>18.841999999999999</c:v>
                </c:pt>
                <c:pt idx="1893">
                  <c:v>18.853000000000002</c:v>
                </c:pt>
                <c:pt idx="1894">
                  <c:v>18.861999999999998</c:v>
                </c:pt>
                <c:pt idx="1895">
                  <c:v>18.870999999999999</c:v>
                </c:pt>
                <c:pt idx="1896">
                  <c:v>18.882000000000001</c:v>
                </c:pt>
                <c:pt idx="1897">
                  <c:v>18.891999999999999</c:v>
                </c:pt>
                <c:pt idx="1898">
                  <c:v>18.901</c:v>
                </c:pt>
                <c:pt idx="1899">
                  <c:v>18.911999999999999</c:v>
                </c:pt>
                <c:pt idx="1900">
                  <c:v>18.920999999999999</c:v>
                </c:pt>
                <c:pt idx="1901">
                  <c:v>18.931000000000001</c:v>
                </c:pt>
                <c:pt idx="1902">
                  <c:v>18.942</c:v>
                </c:pt>
                <c:pt idx="1903">
                  <c:v>18.986000000000001</c:v>
                </c:pt>
                <c:pt idx="1904">
                  <c:v>18.995000000000001</c:v>
                </c:pt>
                <c:pt idx="1905">
                  <c:v>19.004999999999999</c:v>
                </c:pt>
                <c:pt idx="1906">
                  <c:v>19.015000000000001</c:v>
                </c:pt>
                <c:pt idx="1907">
                  <c:v>19.024999999999999</c:v>
                </c:pt>
                <c:pt idx="1908">
                  <c:v>19.035</c:v>
                </c:pt>
                <c:pt idx="1909">
                  <c:v>19.045000000000002</c:v>
                </c:pt>
                <c:pt idx="1910">
                  <c:v>19.055</c:v>
                </c:pt>
                <c:pt idx="1911">
                  <c:v>19.065000000000001</c:v>
                </c:pt>
                <c:pt idx="1912">
                  <c:v>19.074999999999999</c:v>
                </c:pt>
                <c:pt idx="1913">
                  <c:v>19.085000000000001</c:v>
                </c:pt>
                <c:pt idx="1914">
                  <c:v>19.094999999999999</c:v>
                </c:pt>
                <c:pt idx="1915">
                  <c:v>19.103999999999999</c:v>
                </c:pt>
                <c:pt idx="1916">
                  <c:v>19.114000000000001</c:v>
                </c:pt>
                <c:pt idx="1917">
                  <c:v>19.123999999999999</c:v>
                </c:pt>
                <c:pt idx="1918">
                  <c:v>19.134</c:v>
                </c:pt>
                <c:pt idx="1919">
                  <c:v>19.143999999999998</c:v>
                </c:pt>
                <c:pt idx="1920">
                  <c:v>19.152999999999999</c:v>
                </c:pt>
                <c:pt idx="1921">
                  <c:v>19.164000000000001</c:v>
                </c:pt>
                <c:pt idx="1922">
                  <c:v>19.172999999999998</c:v>
                </c:pt>
                <c:pt idx="1923">
                  <c:v>19.183</c:v>
                </c:pt>
                <c:pt idx="1924">
                  <c:v>19.193999999999999</c:v>
                </c:pt>
                <c:pt idx="1925">
                  <c:v>19.202999999999999</c:v>
                </c:pt>
                <c:pt idx="1926">
                  <c:v>19.213000000000001</c:v>
                </c:pt>
                <c:pt idx="1927">
                  <c:v>19.222999999999999</c:v>
                </c:pt>
                <c:pt idx="1928">
                  <c:v>19.233000000000001</c:v>
                </c:pt>
                <c:pt idx="1929">
                  <c:v>19.291</c:v>
                </c:pt>
                <c:pt idx="1930">
                  <c:v>19.309999999999999</c:v>
                </c:pt>
                <c:pt idx="1931">
                  <c:v>19.327000000000002</c:v>
                </c:pt>
                <c:pt idx="1932">
                  <c:v>19.343</c:v>
                </c:pt>
                <c:pt idx="1933">
                  <c:v>19.359000000000002</c:v>
                </c:pt>
                <c:pt idx="1934">
                  <c:v>19.375</c:v>
                </c:pt>
                <c:pt idx="1935">
                  <c:v>19.393000000000001</c:v>
                </c:pt>
                <c:pt idx="1936">
                  <c:v>19.408999999999999</c:v>
                </c:pt>
                <c:pt idx="1937">
                  <c:v>19.423999999999999</c:v>
                </c:pt>
                <c:pt idx="1938">
                  <c:v>19.439</c:v>
                </c:pt>
                <c:pt idx="1939">
                  <c:v>19.457999999999998</c:v>
                </c:pt>
                <c:pt idx="1940">
                  <c:v>19.474</c:v>
                </c:pt>
                <c:pt idx="1941">
                  <c:v>19.489999999999998</c:v>
                </c:pt>
                <c:pt idx="1942">
                  <c:v>19.507999999999999</c:v>
                </c:pt>
                <c:pt idx="1943">
                  <c:v>19.524999999999999</c:v>
                </c:pt>
                <c:pt idx="1944">
                  <c:v>19.588000000000001</c:v>
                </c:pt>
                <c:pt idx="1945">
                  <c:v>19.599</c:v>
                </c:pt>
                <c:pt idx="1946">
                  <c:v>19.608000000000001</c:v>
                </c:pt>
                <c:pt idx="1947">
                  <c:v>19.664000000000001</c:v>
                </c:pt>
                <c:pt idx="1948">
                  <c:v>19.672999999999998</c:v>
                </c:pt>
                <c:pt idx="1949">
                  <c:v>19.683</c:v>
                </c:pt>
                <c:pt idx="1950">
                  <c:v>19.693000000000001</c:v>
                </c:pt>
                <c:pt idx="1951">
                  <c:v>19.702999999999999</c:v>
                </c:pt>
                <c:pt idx="1952">
                  <c:v>19.713000000000001</c:v>
                </c:pt>
                <c:pt idx="1953">
                  <c:v>19.722999999999999</c:v>
                </c:pt>
                <c:pt idx="1954">
                  <c:v>19.733000000000001</c:v>
                </c:pt>
                <c:pt idx="1955">
                  <c:v>19.742999999999999</c:v>
                </c:pt>
                <c:pt idx="1956">
                  <c:v>19.753</c:v>
                </c:pt>
                <c:pt idx="1957">
                  <c:v>19.763000000000002</c:v>
                </c:pt>
                <c:pt idx="1958">
                  <c:v>19.771999999999998</c:v>
                </c:pt>
                <c:pt idx="1959">
                  <c:v>19.782</c:v>
                </c:pt>
                <c:pt idx="1960">
                  <c:v>19.792000000000002</c:v>
                </c:pt>
                <c:pt idx="1961">
                  <c:v>19.802</c:v>
                </c:pt>
                <c:pt idx="1962">
                  <c:v>19.812000000000001</c:v>
                </c:pt>
                <c:pt idx="1963">
                  <c:v>19.821999999999999</c:v>
                </c:pt>
                <c:pt idx="1964">
                  <c:v>19.832000000000001</c:v>
                </c:pt>
                <c:pt idx="1965">
                  <c:v>19.841999999999999</c:v>
                </c:pt>
                <c:pt idx="1966">
                  <c:v>19.853000000000002</c:v>
                </c:pt>
                <c:pt idx="1967">
                  <c:v>19.863</c:v>
                </c:pt>
                <c:pt idx="1968">
                  <c:v>19.873000000000001</c:v>
                </c:pt>
                <c:pt idx="1969">
                  <c:v>19.882999999999999</c:v>
                </c:pt>
                <c:pt idx="1970">
                  <c:v>19.891999999999999</c:v>
                </c:pt>
                <c:pt idx="1971">
                  <c:v>19.902000000000001</c:v>
                </c:pt>
                <c:pt idx="1972">
                  <c:v>19.913</c:v>
                </c:pt>
                <c:pt idx="1973">
                  <c:v>19.922000000000001</c:v>
                </c:pt>
                <c:pt idx="1974">
                  <c:v>19.933</c:v>
                </c:pt>
                <c:pt idx="1975">
                  <c:v>19.942</c:v>
                </c:pt>
                <c:pt idx="1976">
                  <c:v>19.952000000000002</c:v>
                </c:pt>
                <c:pt idx="1977">
                  <c:v>19.962</c:v>
                </c:pt>
                <c:pt idx="1978">
                  <c:v>19.972000000000001</c:v>
                </c:pt>
                <c:pt idx="1979">
                  <c:v>19.981999999999999</c:v>
                </c:pt>
                <c:pt idx="1980">
                  <c:v>19.992999999999999</c:v>
                </c:pt>
                <c:pt idx="1981">
                  <c:v>20.001999999999999</c:v>
                </c:pt>
                <c:pt idx="1982">
                  <c:v>20.012</c:v>
                </c:pt>
                <c:pt idx="1983">
                  <c:v>20.021999999999998</c:v>
                </c:pt>
                <c:pt idx="1984">
                  <c:v>20.033000000000001</c:v>
                </c:pt>
                <c:pt idx="1985">
                  <c:v>20.042999999999999</c:v>
                </c:pt>
                <c:pt idx="1986">
                  <c:v>20.053000000000001</c:v>
                </c:pt>
                <c:pt idx="1987">
                  <c:v>20.062000000000001</c:v>
                </c:pt>
                <c:pt idx="1988">
                  <c:v>20.071999999999999</c:v>
                </c:pt>
                <c:pt idx="1989">
                  <c:v>20.082000000000001</c:v>
                </c:pt>
                <c:pt idx="1990">
                  <c:v>20.091999999999999</c:v>
                </c:pt>
                <c:pt idx="1991">
                  <c:v>20.102</c:v>
                </c:pt>
                <c:pt idx="1992">
                  <c:v>20.111999999999998</c:v>
                </c:pt>
                <c:pt idx="1993">
                  <c:v>20.122</c:v>
                </c:pt>
                <c:pt idx="1994">
                  <c:v>20.131</c:v>
                </c:pt>
                <c:pt idx="1995">
                  <c:v>20.140999999999998</c:v>
                </c:pt>
                <c:pt idx="1996">
                  <c:v>20.152000000000001</c:v>
                </c:pt>
                <c:pt idx="1997">
                  <c:v>20.161999999999999</c:v>
                </c:pt>
                <c:pt idx="1998">
                  <c:v>20.172000000000001</c:v>
                </c:pt>
                <c:pt idx="1999">
                  <c:v>20.181999999999999</c:v>
                </c:pt>
                <c:pt idx="2000">
                  <c:v>20.190999999999999</c:v>
                </c:pt>
                <c:pt idx="2001">
                  <c:v>20.201000000000001</c:v>
                </c:pt>
                <c:pt idx="2002">
                  <c:v>20.212</c:v>
                </c:pt>
                <c:pt idx="2003">
                  <c:v>20.222000000000001</c:v>
                </c:pt>
                <c:pt idx="2004">
                  <c:v>20.231000000000002</c:v>
                </c:pt>
                <c:pt idx="2005">
                  <c:v>20.241</c:v>
                </c:pt>
                <c:pt idx="2006">
                  <c:v>20.251000000000001</c:v>
                </c:pt>
                <c:pt idx="2007">
                  <c:v>20.260999999999999</c:v>
                </c:pt>
                <c:pt idx="2008">
                  <c:v>20.271000000000001</c:v>
                </c:pt>
                <c:pt idx="2009">
                  <c:v>20.280999999999999</c:v>
                </c:pt>
                <c:pt idx="2010">
                  <c:v>20.291</c:v>
                </c:pt>
                <c:pt idx="2011">
                  <c:v>20.300999999999998</c:v>
                </c:pt>
                <c:pt idx="2012">
                  <c:v>20.311</c:v>
                </c:pt>
                <c:pt idx="2013">
                  <c:v>20.32</c:v>
                </c:pt>
                <c:pt idx="2014">
                  <c:v>20.329999999999998</c:v>
                </c:pt>
                <c:pt idx="2015">
                  <c:v>20.341000000000001</c:v>
                </c:pt>
                <c:pt idx="2016">
                  <c:v>20.350999999999999</c:v>
                </c:pt>
                <c:pt idx="2017">
                  <c:v>20.36</c:v>
                </c:pt>
                <c:pt idx="2018">
                  <c:v>20.37</c:v>
                </c:pt>
                <c:pt idx="2019">
                  <c:v>20.379000000000001</c:v>
                </c:pt>
                <c:pt idx="2020">
                  <c:v>20.388999999999999</c:v>
                </c:pt>
                <c:pt idx="2021">
                  <c:v>20.399999999999999</c:v>
                </c:pt>
                <c:pt idx="2022">
                  <c:v>20.408999999999999</c:v>
                </c:pt>
                <c:pt idx="2023">
                  <c:v>20.419</c:v>
                </c:pt>
                <c:pt idx="2024">
                  <c:v>20.428999999999998</c:v>
                </c:pt>
                <c:pt idx="2025">
                  <c:v>20.437999999999999</c:v>
                </c:pt>
                <c:pt idx="2026">
                  <c:v>20.448</c:v>
                </c:pt>
                <c:pt idx="2027">
                  <c:v>20.457999999999998</c:v>
                </c:pt>
                <c:pt idx="2028">
                  <c:v>20.468</c:v>
                </c:pt>
                <c:pt idx="2029">
                  <c:v>20.478000000000002</c:v>
                </c:pt>
                <c:pt idx="2030">
                  <c:v>20.486999999999998</c:v>
                </c:pt>
                <c:pt idx="2031">
                  <c:v>20.497</c:v>
                </c:pt>
                <c:pt idx="2032">
                  <c:v>20.507999999999999</c:v>
                </c:pt>
                <c:pt idx="2033">
                  <c:v>20.516999999999999</c:v>
                </c:pt>
                <c:pt idx="2034">
                  <c:v>20.527000000000001</c:v>
                </c:pt>
                <c:pt idx="2035">
                  <c:v>20.536999999999999</c:v>
                </c:pt>
                <c:pt idx="2036">
                  <c:v>20.544</c:v>
                </c:pt>
                <c:pt idx="2037">
                  <c:v>20.544</c:v>
                </c:pt>
                <c:pt idx="2038">
                  <c:v>20.544</c:v>
                </c:pt>
                <c:pt idx="2039">
                  <c:v>20.544</c:v>
                </c:pt>
                <c:pt idx="2040">
                  <c:v>20.547999999999998</c:v>
                </c:pt>
                <c:pt idx="2041">
                  <c:v>20.556999999999999</c:v>
                </c:pt>
                <c:pt idx="2042">
                  <c:v>20.565999999999999</c:v>
                </c:pt>
                <c:pt idx="2043">
                  <c:v>20.576000000000001</c:v>
                </c:pt>
                <c:pt idx="2044">
                  <c:v>20.585000000000001</c:v>
                </c:pt>
                <c:pt idx="2045">
                  <c:v>20.594999999999999</c:v>
                </c:pt>
                <c:pt idx="2046">
                  <c:v>20.603999999999999</c:v>
                </c:pt>
                <c:pt idx="2047">
                  <c:v>20.661000000000001</c:v>
                </c:pt>
                <c:pt idx="2048">
                  <c:v>20.670999999999999</c:v>
                </c:pt>
                <c:pt idx="2049">
                  <c:v>20.681000000000001</c:v>
                </c:pt>
                <c:pt idx="2050">
                  <c:v>20.69</c:v>
                </c:pt>
                <c:pt idx="2051">
                  <c:v>20.701000000000001</c:v>
                </c:pt>
                <c:pt idx="2052">
                  <c:v>20.71</c:v>
                </c:pt>
                <c:pt idx="2053">
                  <c:v>20.719000000000001</c:v>
                </c:pt>
                <c:pt idx="2054">
                  <c:v>20.73</c:v>
                </c:pt>
                <c:pt idx="2055">
                  <c:v>20.739000000000001</c:v>
                </c:pt>
                <c:pt idx="2056">
                  <c:v>20.748999999999999</c:v>
                </c:pt>
                <c:pt idx="2057">
                  <c:v>20.757999999999999</c:v>
                </c:pt>
                <c:pt idx="2058">
                  <c:v>20.768000000000001</c:v>
                </c:pt>
                <c:pt idx="2059">
                  <c:v>20.773</c:v>
                </c:pt>
                <c:pt idx="2060">
                  <c:v>20.773</c:v>
                </c:pt>
                <c:pt idx="2061">
                  <c:v>20.777000000000001</c:v>
                </c:pt>
                <c:pt idx="2062">
                  <c:v>20.786000000000001</c:v>
                </c:pt>
                <c:pt idx="2063">
                  <c:v>20.795000000000002</c:v>
                </c:pt>
                <c:pt idx="2064">
                  <c:v>20.805</c:v>
                </c:pt>
                <c:pt idx="2065">
                  <c:v>20.815000000000001</c:v>
                </c:pt>
                <c:pt idx="2066">
                  <c:v>20.824999999999999</c:v>
                </c:pt>
                <c:pt idx="2067">
                  <c:v>20.834</c:v>
                </c:pt>
                <c:pt idx="2068">
                  <c:v>20.844000000000001</c:v>
                </c:pt>
                <c:pt idx="2069">
                  <c:v>20.853000000000002</c:v>
                </c:pt>
                <c:pt idx="2070">
                  <c:v>20.864000000000001</c:v>
                </c:pt>
                <c:pt idx="2071">
                  <c:v>20.873999999999999</c:v>
                </c:pt>
                <c:pt idx="2072">
                  <c:v>20.882999999999999</c:v>
                </c:pt>
                <c:pt idx="2073">
                  <c:v>20.893000000000001</c:v>
                </c:pt>
                <c:pt idx="2074">
                  <c:v>20.902000000000001</c:v>
                </c:pt>
                <c:pt idx="2075">
                  <c:v>20.904</c:v>
                </c:pt>
                <c:pt idx="2076">
                  <c:v>20.904</c:v>
                </c:pt>
                <c:pt idx="2077">
                  <c:v>20.908999999999999</c:v>
                </c:pt>
                <c:pt idx="2078">
                  <c:v>20.917000000000002</c:v>
                </c:pt>
                <c:pt idx="2079">
                  <c:v>20.928000000000001</c:v>
                </c:pt>
                <c:pt idx="2080">
                  <c:v>20.937000000000001</c:v>
                </c:pt>
                <c:pt idx="2081">
                  <c:v>20.946000000000002</c:v>
                </c:pt>
                <c:pt idx="2082">
                  <c:v>20.956</c:v>
                </c:pt>
                <c:pt idx="2083">
                  <c:v>20.965</c:v>
                </c:pt>
                <c:pt idx="2084">
                  <c:v>20.975000000000001</c:v>
                </c:pt>
                <c:pt idx="2085">
                  <c:v>20.984999999999999</c:v>
                </c:pt>
                <c:pt idx="2086">
                  <c:v>20.995000000000001</c:v>
                </c:pt>
                <c:pt idx="2087">
                  <c:v>21.006</c:v>
                </c:pt>
                <c:pt idx="2088">
                  <c:v>21.015000000000001</c:v>
                </c:pt>
                <c:pt idx="2089">
                  <c:v>21.024999999999999</c:v>
                </c:pt>
                <c:pt idx="2090">
                  <c:v>21.035</c:v>
                </c:pt>
                <c:pt idx="2091">
                  <c:v>21.045000000000002</c:v>
                </c:pt>
                <c:pt idx="2092">
                  <c:v>21.053999999999998</c:v>
                </c:pt>
                <c:pt idx="2093">
                  <c:v>21.064</c:v>
                </c:pt>
                <c:pt idx="2094">
                  <c:v>21.074000000000002</c:v>
                </c:pt>
                <c:pt idx="2095">
                  <c:v>21.082999999999998</c:v>
                </c:pt>
                <c:pt idx="2096">
                  <c:v>21.091999999999999</c:v>
                </c:pt>
                <c:pt idx="2097">
                  <c:v>21.102</c:v>
                </c:pt>
                <c:pt idx="2098">
                  <c:v>21.113</c:v>
                </c:pt>
                <c:pt idx="2099">
                  <c:v>21.122</c:v>
                </c:pt>
                <c:pt idx="2100">
                  <c:v>21.131</c:v>
                </c:pt>
                <c:pt idx="2101">
                  <c:v>21.14</c:v>
                </c:pt>
                <c:pt idx="2102">
                  <c:v>21.151</c:v>
                </c:pt>
                <c:pt idx="2103">
                  <c:v>21.161000000000001</c:v>
                </c:pt>
                <c:pt idx="2104">
                  <c:v>21.17</c:v>
                </c:pt>
                <c:pt idx="2105">
                  <c:v>21.18</c:v>
                </c:pt>
                <c:pt idx="2106">
                  <c:v>21.19</c:v>
                </c:pt>
                <c:pt idx="2107">
                  <c:v>21.2</c:v>
                </c:pt>
                <c:pt idx="2108">
                  <c:v>21.209</c:v>
                </c:pt>
                <c:pt idx="2109">
                  <c:v>21.219000000000001</c:v>
                </c:pt>
                <c:pt idx="2110">
                  <c:v>21.228999999999999</c:v>
                </c:pt>
                <c:pt idx="2111">
                  <c:v>21.239000000000001</c:v>
                </c:pt>
                <c:pt idx="2112">
                  <c:v>21.248000000000001</c:v>
                </c:pt>
                <c:pt idx="2113">
                  <c:v>21.257999999999999</c:v>
                </c:pt>
                <c:pt idx="2114">
                  <c:v>21.266999999999999</c:v>
                </c:pt>
                <c:pt idx="2115">
                  <c:v>21.277000000000001</c:v>
                </c:pt>
                <c:pt idx="2116">
                  <c:v>21.288</c:v>
                </c:pt>
                <c:pt idx="2117">
                  <c:v>21.297000000000001</c:v>
                </c:pt>
                <c:pt idx="2118">
                  <c:v>21.306999999999999</c:v>
                </c:pt>
                <c:pt idx="2119">
                  <c:v>21.317</c:v>
                </c:pt>
                <c:pt idx="2120">
                  <c:v>21.327000000000002</c:v>
                </c:pt>
                <c:pt idx="2121">
                  <c:v>21.335999999999999</c:v>
                </c:pt>
                <c:pt idx="2122">
                  <c:v>21.347000000000001</c:v>
                </c:pt>
                <c:pt idx="2123">
                  <c:v>21.356999999999999</c:v>
                </c:pt>
                <c:pt idx="2124">
                  <c:v>21.367000000000001</c:v>
                </c:pt>
                <c:pt idx="2125">
                  <c:v>21.376999999999999</c:v>
                </c:pt>
                <c:pt idx="2126">
                  <c:v>21.385999999999999</c:v>
                </c:pt>
                <c:pt idx="2127">
                  <c:v>21.396000000000001</c:v>
                </c:pt>
                <c:pt idx="2128">
                  <c:v>21.405000000000001</c:v>
                </c:pt>
                <c:pt idx="2129">
                  <c:v>21.416</c:v>
                </c:pt>
                <c:pt idx="2130">
                  <c:v>21.425999999999998</c:v>
                </c:pt>
                <c:pt idx="2131">
                  <c:v>21.436</c:v>
                </c:pt>
                <c:pt idx="2132">
                  <c:v>21.446000000000002</c:v>
                </c:pt>
                <c:pt idx="2133">
                  <c:v>21.454999999999998</c:v>
                </c:pt>
                <c:pt idx="2134">
                  <c:v>21.463999999999999</c:v>
                </c:pt>
                <c:pt idx="2135">
                  <c:v>21.474</c:v>
                </c:pt>
                <c:pt idx="2136">
                  <c:v>21.484000000000002</c:v>
                </c:pt>
                <c:pt idx="2137">
                  <c:v>21.494</c:v>
                </c:pt>
                <c:pt idx="2138">
                  <c:v>21.504999999999999</c:v>
                </c:pt>
                <c:pt idx="2139">
                  <c:v>21.515000000000001</c:v>
                </c:pt>
                <c:pt idx="2140">
                  <c:v>21.524000000000001</c:v>
                </c:pt>
                <c:pt idx="2141">
                  <c:v>21.533999999999999</c:v>
                </c:pt>
                <c:pt idx="2142">
                  <c:v>21.544</c:v>
                </c:pt>
                <c:pt idx="2143">
                  <c:v>21.553000000000001</c:v>
                </c:pt>
                <c:pt idx="2144">
                  <c:v>21.562999999999999</c:v>
                </c:pt>
                <c:pt idx="2145">
                  <c:v>21.573</c:v>
                </c:pt>
                <c:pt idx="2146">
                  <c:v>21.582000000000001</c:v>
                </c:pt>
                <c:pt idx="2147">
                  <c:v>21.593</c:v>
                </c:pt>
                <c:pt idx="2148">
                  <c:v>21.603000000000002</c:v>
                </c:pt>
                <c:pt idx="2149">
                  <c:v>21.611999999999998</c:v>
                </c:pt>
                <c:pt idx="2150">
                  <c:v>21.622</c:v>
                </c:pt>
                <c:pt idx="2151">
                  <c:v>21.632000000000001</c:v>
                </c:pt>
                <c:pt idx="2152">
                  <c:v>21.641999999999999</c:v>
                </c:pt>
                <c:pt idx="2153">
                  <c:v>21.651</c:v>
                </c:pt>
                <c:pt idx="2154">
                  <c:v>21.661999999999999</c:v>
                </c:pt>
                <c:pt idx="2155">
                  <c:v>21.672000000000001</c:v>
                </c:pt>
                <c:pt idx="2156">
                  <c:v>21.681000000000001</c:v>
                </c:pt>
                <c:pt idx="2157">
                  <c:v>21.692</c:v>
                </c:pt>
                <c:pt idx="2158">
                  <c:v>21.701000000000001</c:v>
                </c:pt>
                <c:pt idx="2159">
                  <c:v>21.71</c:v>
                </c:pt>
                <c:pt idx="2160">
                  <c:v>21.72</c:v>
                </c:pt>
                <c:pt idx="2161">
                  <c:v>21.728999999999999</c:v>
                </c:pt>
                <c:pt idx="2162">
                  <c:v>21.74</c:v>
                </c:pt>
                <c:pt idx="2163">
                  <c:v>21.748999999999999</c:v>
                </c:pt>
                <c:pt idx="2164">
                  <c:v>21.759</c:v>
                </c:pt>
                <c:pt idx="2165">
                  <c:v>21.768999999999998</c:v>
                </c:pt>
                <c:pt idx="2166">
                  <c:v>21.779</c:v>
                </c:pt>
                <c:pt idx="2167">
                  <c:v>21.789000000000001</c:v>
                </c:pt>
                <c:pt idx="2168">
                  <c:v>21.797999999999998</c:v>
                </c:pt>
                <c:pt idx="2169">
                  <c:v>21.809000000000001</c:v>
                </c:pt>
                <c:pt idx="2170">
                  <c:v>21.818000000000001</c:v>
                </c:pt>
                <c:pt idx="2171">
                  <c:v>21.827999999999999</c:v>
                </c:pt>
                <c:pt idx="2172">
                  <c:v>21.838000000000001</c:v>
                </c:pt>
                <c:pt idx="2173">
                  <c:v>21.847999999999999</c:v>
                </c:pt>
                <c:pt idx="2174">
                  <c:v>21.856999999999999</c:v>
                </c:pt>
                <c:pt idx="2175">
                  <c:v>21.867999999999999</c:v>
                </c:pt>
                <c:pt idx="2176">
                  <c:v>21.878</c:v>
                </c:pt>
                <c:pt idx="2177">
                  <c:v>21.888000000000002</c:v>
                </c:pt>
                <c:pt idx="2178">
                  <c:v>21.896999999999998</c:v>
                </c:pt>
                <c:pt idx="2179">
                  <c:v>21.907</c:v>
                </c:pt>
                <c:pt idx="2180">
                  <c:v>21.916</c:v>
                </c:pt>
                <c:pt idx="2181">
                  <c:v>21.925999999999998</c:v>
                </c:pt>
                <c:pt idx="2182">
                  <c:v>21.937000000000001</c:v>
                </c:pt>
                <c:pt idx="2183">
                  <c:v>21.946000000000002</c:v>
                </c:pt>
                <c:pt idx="2184">
                  <c:v>21.954999999999998</c:v>
                </c:pt>
                <c:pt idx="2185">
                  <c:v>21.966000000000001</c:v>
                </c:pt>
                <c:pt idx="2186">
                  <c:v>21.975000000000001</c:v>
                </c:pt>
                <c:pt idx="2187">
                  <c:v>21.984999999999999</c:v>
                </c:pt>
                <c:pt idx="2188">
                  <c:v>21.995999999999999</c:v>
                </c:pt>
                <c:pt idx="2189">
                  <c:v>22.004999999999999</c:v>
                </c:pt>
                <c:pt idx="2190">
                  <c:v>22.015000000000001</c:v>
                </c:pt>
                <c:pt idx="2191">
                  <c:v>22.024999999999999</c:v>
                </c:pt>
                <c:pt idx="2192">
                  <c:v>22.035</c:v>
                </c:pt>
                <c:pt idx="2193">
                  <c:v>22.045000000000002</c:v>
                </c:pt>
                <c:pt idx="2194">
                  <c:v>22.053999999999998</c:v>
                </c:pt>
                <c:pt idx="2195">
                  <c:v>22.064</c:v>
                </c:pt>
                <c:pt idx="2196">
                  <c:v>22.073</c:v>
                </c:pt>
                <c:pt idx="2197">
                  <c:v>22.084</c:v>
                </c:pt>
                <c:pt idx="2198">
                  <c:v>22.093</c:v>
                </c:pt>
                <c:pt idx="2199">
                  <c:v>22.103999999999999</c:v>
                </c:pt>
                <c:pt idx="2200">
                  <c:v>22.113</c:v>
                </c:pt>
                <c:pt idx="2201">
                  <c:v>22.123999999999999</c:v>
                </c:pt>
                <c:pt idx="2202">
                  <c:v>22.132999999999999</c:v>
                </c:pt>
                <c:pt idx="2203">
                  <c:v>22.143999999999998</c:v>
                </c:pt>
                <c:pt idx="2204">
                  <c:v>22.152999999999999</c:v>
                </c:pt>
                <c:pt idx="2205">
                  <c:v>22.163</c:v>
                </c:pt>
                <c:pt idx="2206">
                  <c:v>22.172999999999998</c:v>
                </c:pt>
                <c:pt idx="2207">
                  <c:v>22.181999999999999</c:v>
                </c:pt>
                <c:pt idx="2208">
                  <c:v>22.193000000000001</c:v>
                </c:pt>
                <c:pt idx="2209">
                  <c:v>22.202000000000002</c:v>
                </c:pt>
                <c:pt idx="2210">
                  <c:v>22.212</c:v>
                </c:pt>
                <c:pt idx="2211">
                  <c:v>22.222000000000001</c:v>
                </c:pt>
                <c:pt idx="2212">
                  <c:v>22.231999999999999</c:v>
                </c:pt>
                <c:pt idx="2213">
                  <c:v>22.241</c:v>
                </c:pt>
                <c:pt idx="2214">
                  <c:v>22.251000000000001</c:v>
                </c:pt>
                <c:pt idx="2215">
                  <c:v>22.260999999999999</c:v>
                </c:pt>
                <c:pt idx="2216">
                  <c:v>22.271000000000001</c:v>
                </c:pt>
                <c:pt idx="2217">
                  <c:v>22.28</c:v>
                </c:pt>
                <c:pt idx="2218">
                  <c:v>22.29</c:v>
                </c:pt>
                <c:pt idx="2219">
                  <c:v>22.298999999999999</c:v>
                </c:pt>
                <c:pt idx="2220">
                  <c:v>22.309000000000001</c:v>
                </c:pt>
                <c:pt idx="2221">
                  <c:v>22.32</c:v>
                </c:pt>
                <c:pt idx="2222">
                  <c:v>22.329000000000001</c:v>
                </c:pt>
                <c:pt idx="2223">
                  <c:v>22.338999999999999</c:v>
                </c:pt>
                <c:pt idx="2224">
                  <c:v>22.349</c:v>
                </c:pt>
                <c:pt idx="2225">
                  <c:v>22.358000000000001</c:v>
                </c:pt>
                <c:pt idx="2226">
                  <c:v>22.369</c:v>
                </c:pt>
                <c:pt idx="2227">
                  <c:v>22.378</c:v>
                </c:pt>
                <c:pt idx="2228">
                  <c:v>22.387</c:v>
                </c:pt>
                <c:pt idx="2229">
                  <c:v>22.398</c:v>
                </c:pt>
                <c:pt idx="2230">
                  <c:v>22.407</c:v>
                </c:pt>
                <c:pt idx="2231">
                  <c:v>22.416</c:v>
                </c:pt>
                <c:pt idx="2232">
                  <c:v>22.427</c:v>
                </c:pt>
                <c:pt idx="2233">
                  <c:v>22.436</c:v>
                </c:pt>
                <c:pt idx="2234">
                  <c:v>22.445</c:v>
                </c:pt>
                <c:pt idx="2235">
                  <c:v>22.456</c:v>
                </c:pt>
                <c:pt idx="2236">
                  <c:v>22.465</c:v>
                </c:pt>
                <c:pt idx="2237">
                  <c:v>22.474</c:v>
                </c:pt>
                <c:pt idx="2238">
                  <c:v>22.484000000000002</c:v>
                </c:pt>
                <c:pt idx="2239">
                  <c:v>22.495000000000001</c:v>
                </c:pt>
                <c:pt idx="2240">
                  <c:v>22.504000000000001</c:v>
                </c:pt>
                <c:pt idx="2241">
                  <c:v>22.513999999999999</c:v>
                </c:pt>
                <c:pt idx="2242">
                  <c:v>22.524000000000001</c:v>
                </c:pt>
                <c:pt idx="2243">
                  <c:v>22.533000000000001</c:v>
                </c:pt>
                <c:pt idx="2244">
                  <c:v>22.542999999999999</c:v>
                </c:pt>
                <c:pt idx="2245">
                  <c:v>22.553000000000001</c:v>
                </c:pt>
                <c:pt idx="2246">
                  <c:v>22.562000000000001</c:v>
                </c:pt>
                <c:pt idx="2247">
                  <c:v>22.571999999999999</c:v>
                </c:pt>
                <c:pt idx="2248">
                  <c:v>22.581</c:v>
                </c:pt>
                <c:pt idx="2249">
                  <c:v>22.591999999999999</c:v>
                </c:pt>
                <c:pt idx="2250">
                  <c:v>22.600999999999999</c:v>
                </c:pt>
                <c:pt idx="2251">
                  <c:v>22.611000000000001</c:v>
                </c:pt>
                <c:pt idx="2252">
                  <c:v>22.620999999999999</c:v>
                </c:pt>
                <c:pt idx="2253">
                  <c:v>22.63</c:v>
                </c:pt>
                <c:pt idx="2254">
                  <c:v>22.640999999999998</c:v>
                </c:pt>
                <c:pt idx="2255">
                  <c:v>22.651</c:v>
                </c:pt>
                <c:pt idx="2256">
                  <c:v>22.66</c:v>
                </c:pt>
                <c:pt idx="2257">
                  <c:v>22.670999999999999</c:v>
                </c:pt>
                <c:pt idx="2258">
                  <c:v>22.68</c:v>
                </c:pt>
                <c:pt idx="2259">
                  <c:v>22.689</c:v>
                </c:pt>
                <c:pt idx="2260">
                  <c:v>22.7</c:v>
                </c:pt>
                <c:pt idx="2261">
                  <c:v>22.709</c:v>
                </c:pt>
                <c:pt idx="2262">
                  <c:v>22.719000000000001</c:v>
                </c:pt>
                <c:pt idx="2263">
                  <c:v>22.728000000000002</c:v>
                </c:pt>
                <c:pt idx="2264">
                  <c:v>22.739000000000001</c:v>
                </c:pt>
                <c:pt idx="2265">
                  <c:v>22.748999999999999</c:v>
                </c:pt>
                <c:pt idx="2266">
                  <c:v>22.759</c:v>
                </c:pt>
                <c:pt idx="2267">
                  <c:v>22.768000000000001</c:v>
                </c:pt>
                <c:pt idx="2268">
                  <c:v>22.777999999999999</c:v>
                </c:pt>
                <c:pt idx="2269">
                  <c:v>22.789000000000001</c:v>
                </c:pt>
                <c:pt idx="2270">
                  <c:v>22.797999999999998</c:v>
                </c:pt>
                <c:pt idx="2271">
                  <c:v>22.808</c:v>
                </c:pt>
                <c:pt idx="2272">
                  <c:v>22.818999999999999</c:v>
                </c:pt>
                <c:pt idx="2273">
                  <c:v>22.827999999999999</c:v>
                </c:pt>
                <c:pt idx="2274">
                  <c:v>22.838999999999999</c:v>
                </c:pt>
                <c:pt idx="2275">
                  <c:v>22.847999999999999</c:v>
                </c:pt>
                <c:pt idx="2276">
                  <c:v>22.856999999999999</c:v>
                </c:pt>
                <c:pt idx="2277">
                  <c:v>22.867000000000001</c:v>
                </c:pt>
                <c:pt idx="2278">
                  <c:v>22.876999999999999</c:v>
                </c:pt>
                <c:pt idx="2279">
                  <c:v>22.887</c:v>
                </c:pt>
                <c:pt idx="2280">
                  <c:v>22.896000000000001</c:v>
                </c:pt>
                <c:pt idx="2281">
                  <c:v>22.905999999999999</c:v>
                </c:pt>
                <c:pt idx="2282">
                  <c:v>22.914999999999999</c:v>
                </c:pt>
                <c:pt idx="2283">
                  <c:v>22.923999999999999</c:v>
                </c:pt>
                <c:pt idx="2284">
                  <c:v>22.934999999999999</c:v>
                </c:pt>
                <c:pt idx="2285">
                  <c:v>22.943999999999999</c:v>
                </c:pt>
                <c:pt idx="2286">
                  <c:v>22.954000000000001</c:v>
                </c:pt>
                <c:pt idx="2287">
                  <c:v>22.963999999999999</c:v>
                </c:pt>
                <c:pt idx="2288">
                  <c:v>22.974</c:v>
                </c:pt>
                <c:pt idx="2289">
                  <c:v>22.983000000000001</c:v>
                </c:pt>
                <c:pt idx="2290">
                  <c:v>22.994</c:v>
                </c:pt>
                <c:pt idx="2291">
                  <c:v>23.003</c:v>
                </c:pt>
                <c:pt idx="2292">
                  <c:v>23.012</c:v>
                </c:pt>
                <c:pt idx="2293">
                  <c:v>23.023</c:v>
                </c:pt>
                <c:pt idx="2294">
                  <c:v>23.032</c:v>
                </c:pt>
                <c:pt idx="2295">
                  <c:v>23.042000000000002</c:v>
                </c:pt>
                <c:pt idx="2296">
                  <c:v>23.050999999999998</c:v>
                </c:pt>
                <c:pt idx="2297">
                  <c:v>23.059000000000001</c:v>
                </c:pt>
                <c:pt idx="2298">
                  <c:v>23.07</c:v>
                </c:pt>
                <c:pt idx="2299">
                  <c:v>23.079000000000001</c:v>
                </c:pt>
                <c:pt idx="2300">
                  <c:v>23.088999999999999</c:v>
                </c:pt>
                <c:pt idx="2301">
                  <c:v>23.099</c:v>
                </c:pt>
                <c:pt idx="2302">
                  <c:v>23.108000000000001</c:v>
                </c:pt>
                <c:pt idx="2303">
                  <c:v>23.117000000000001</c:v>
                </c:pt>
                <c:pt idx="2304">
                  <c:v>23.126999999999999</c:v>
                </c:pt>
                <c:pt idx="2305">
                  <c:v>23.137</c:v>
                </c:pt>
                <c:pt idx="2306">
                  <c:v>23.148</c:v>
                </c:pt>
                <c:pt idx="2307">
                  <c:v>23.157</c:v>
                </c:pt>
                <c:pt idx="2308">
                  <c:v>23.164999999999999</c:v>
                </c:pt>
                <c:pt idx="2309">
                  <c:v>23.175999999999998</c:v>
                </c:pt>
                <c:pt idx="2310">
                  <c:v>23.186</c:v>
                </c:pt>
                <c:pt idx="2311">
                  <c:v>23.195</c:v>
                </c:pt>
                <c:pt idx="2312">
                  <c:v>23.206</c:v>
                </c:pt>
                <c:pt idx="2313">
                  <c:v>23.215</c:v>
                </c:pt>
                <c:pt idx="2314">
                  <c:v>23.224</c:v>
                </c:pt>
                <c:pt idx="2315">
                  <c:v>23.234000000000002</c:v>
                </c:pt>
                <c:pt idx="2316">
                  <c:v>23.244</c:v>
                </c:pt>
                <c:pt idx="2317">
                  <c:v>23.254000000000001</c:v>
                </c:pt>
                <c:pt idx="2318">
                  <c:v>23.263999999999999</c:v>
                </c:pt>
                <c:pt idx="2319">
                  <c:v>23.274000000000001</c:v>
                </c:pt>
                <c:pt idx="2320">
                  <c:v>23.283999999999999</c:v>
                </c:pt>
                <c:pt idx="2321">
                  <c:v>23.292999999999999</c:v>
                </c:pt>
                <c:pt idx="2322">
                  <c:v>23.303999999999998</c:v>
                </c:pt>
                <c:pt idx="2323">
                  <c:v>23.314</c:v>
                </c:pt>
                <c:pt idx="2324">
                  <c:v>23.324000000000002</c:v>
                </c:pt>
                <c:pt idx="2325">
                  <c:v>23.334</c:v>
                </c:pt>
                <c:pt idx="2326">
                  <c:v>23.343</c:v>
                </c:pt>
                <c:pt idx="2327">
                  <c:v>23.352</c:v>
                </c:pt>
                <c:pt idx="2328">
                  <c:v>23.363</c:v>
                </c:pt>
                <c:pt idx="2329">
                  <c:v>23.372</c:v>
                </c:pt>
                <c:pt idx="2330">
                  <c:v>23.382000000000001</c:v>
                </c:pt>
                <c:pt idx="2331">
                  <c:v>23.390999999999998</c:v>
                </c:pt>
                <c:pt idx="2332">
                  <c:v>23.402000000000001</c:v>
                </c:pt>
                <c:pt idx="2333">
                  <c:v>23.411000000000001</c:v>
                </c:pt>
                <c:pt idx="2334">
                  <c:v>23.420999999999999</c:v>
                </c:pt>
                <c:pt idx="2335">
                  <c:v>23.43</c:v>
                </c:pt>
                <c:pt idx="2336">
                  <c:v>23.440999999999999</c:v>
                </c:pt>
                <c:pt idx="2337">
                  <c:v>23.45</c:v>
                </c:pt>
                <c:pt idx="2338">
                  <c:v>23.46</c:v>
                </c:pt>
                <c:pt idx="2339">
                  <c:v>23.47</c:v>
                </c:pt>
                <c:pt idx="2340">
                  <c:v>23.48</c:v>
                </c:pt>
                <c:pt idx="2341">
                  <c:v>23.489000000000001</c:v>
                </c:pt>
                <c:pt idx="2342">
                  <c:v>23.5</c:v>
                </c:pt>
                <c:pt idx="2343">
                  <c:v>23.509</c:v>
                </c:pt>
                <c:pt idx="2344">
                  <c:v>23.518999999999998</c:v>
                </c:pt>
                <c:pt idx="2345">
                  <c:v>23.529</c:v>
                </c:pt>
                <c:pt idx="2346">
                  <c:v>23.538</c:v>
                </c:pt>
                <c:pt idx="2347">
                  <c:v>23.547999999999998</c:v>
                </c:pt>
                <c:pt idx="2348">
                  <c:v>23.556999999999999</c:v>
                </c:pt>
                <c:pt idx="2349">
                  <c:v>23.567</c:v>
                </c:pt>
                <c:pt idx="2350">
                  <c:v>23.576000000000001</c:v>
                </c:pt>
                <c:pt idx="2351">
                  <c:v>23.585999999999999</c:v>
                </c:pt>
                <c:pt idx="2352">
                  <c:v>23.594999999999999</c:v>
                </c:pt>
                <c:pt idx="2353">
                  <c:v>23.606000000000002</c:v>
                </c:pt>
                <c:pt idx="2354">
                  <c:v>23.614999999999998</c:v>
                </c:pt>
                <c:pt idx="2355">
                  <c:v>23.623999999999999</c:v>
                </c:pt>
                <c:pt idx="2356">
                  <c:v>23.635000000000002</c:v>
                </c:pt>
                <c:pt idx="2357">
                  <c:v>23.643999999999998</c:v>
                </c:pt>
                <c:pt idx="2358">
                  <c:v>23.652999999999999</c:v>
                </c:pt>
                <c:pt idx="2359">
                  <c:v>23.664000000000001</c:v>
                </c:pt>
                <c:pt idx="2360">
                  <c:v>23.672999999999998</c:v>
                </c:pt>
                <c:pt idx="2361">
                  <c:v>23.683</c:v>
                </c:pt>
                <c:pt idx="2362">
                  <c:v>23.692</c:v>
                </c:pt>
                <c:pt idx="2363">
                  <c:v>23.702999999999999</c:v>
                </c:pt>
                <c:pt idx="2364">
                  <c:v>23.712</c:v>
                </c:pt>
                <c:pt idx="2365">
                  <c:v>23.722000000000001</c:v>
                </c:pt>
                <c:pt idx="2366">
                  <c:v>23.731999999999999</c:v>
                </c:pt>
                <c:pt idx="2367">
                  <c:v>23.742000000000001</c:v>
                </c:pt>
                <c:pt idx="2368">
                  <c:v>23.751000000000001</c:v>
                </c:pt>
                <c:pt idx="2369">
                  <c:v>23.760999999999999</c:v>
                </c:pt>
                <c:pt idx="2370">
                  <c:v>23.77</c:v>
                </c:pt>
                <c:pt idx="2371">
                  <c:v>23.780999999999999</c:v>
                </c:pt>
                <c:pt idx="2372">
                  <c:v>23.79</c:v>
                </c:pt>
                <c:pt idx="2373">
                  <c:v>23.798999999999999</c:v>
                </c:pt>
                <c:pt idx="2374">
                  <c:v>23.81</c:v>
                </c:pt>
                <c:pt idx="2375">
                  <c:v>23.818999999999999</c:v>
                </c:pt>
                <c:pt idx="2376">
                  <c:v>23.829000000000001</c:v>
                </c:pt>
                <c:pt idx="2377">
                  <c:v>23.838999999999999</c:v>
                </c:pt>
                <c:pt idx="2378">
                  <c:v>23.849</c:v>
                </c:pt>
                <c:pt idx="2379">
                  <c:v>23.859000000000002</c:v>
                </c:pt>
                <c:pt idx="2380">
                  <c:v>23.867999999999999</c:v>
                </c:pt>
                <c:pt idx="2381">
                  <c:v>23.876999999999999</c:v>
                </c:pt>
                <c:pt idx="2382">
                  <c:v>23.887</c:v>
                </c:pt>
                <c:pt idx="2383">
                  <c:v>23.898</c:v>
                </c:pt>
                <c:pt idx="2384">
                  <c:v>23.907</c:v>
                </c:pt>
                <c:pt idx="2385">
                  <c:v>23.916</c:v>
                </c:pt>
                <c:pt idx="2386">
                  <c:v>23.925999999999998</c:v>
                </c:pt>
                <c:pt idx="2387">
                  <c:v>23.936</c:v>
                </c:pt>
                <c:pt idx="2388">
                  <c:v>23.945</c:v>
                </c:pt>
                <c:pt idx="2389">
                  <c:v>23.954999999999998</c:v>
                </c:pt>
                <c:pt idx="2390">
                  <c:v>23.963999999999999</c:v>
                </c:pt>
                <c:pt idx="2391">
                  <c:v>23.975000000000001</c:v>
                </c:pt>
                <c:pt idx="2392">
                  <c:v>23.984000000000002</c:v>
                </c:pt>
                <c:pt idx="2393">
                  <c:v>23.992999999999999</c:v>
                </c:pt>
                <c:pt idx="2394">
                  <c:v>24.004000000000001</c:v>
                </c:pt>
                <c:pt idx="2395">
                  <c:v>24.013000000000002</c:v>
                </c:pt>
                <c:pt idx="2396">
                  <c:v>24.023</c:v>
                </c:pt>
                <c:pt idx="2397">
                  <c:v>24.032</c:v>
                </c:pt>
                <c:pt idx="2398">
                  <c:v>24.042000000000002</c:v>
                </c:pt>
                <c:pt idx="2399">
                  <c:v>24.052</c:v>
                </c:pt>
                <c:pt idx="2400">
                  <c:v>24.062000000000001</c:v>
                </c:pt>
                <c:pt idx="2401">
                  <c:v>24.071999999999999</c:v>
                </c:pt>
                <c:pt idx="2402">
                  <c:v>24.081</c:v>
                </c:pt>
                <c:pt idx="2403">
                  <c:v>24.091000000000001</c:v>
                </c:pt>
                <c:pt idx="2404">
                  <c:v>24.1</c:v>
                </c:pt>
                <c:pt idx="2405">
                  <c:v>24.111000000000001</c:v>
                </c:pt>
                <c:pt idx="2406">
                  <c:v>24.12</c:v>
                </c:pt>
                <c:pt idx="2407">
                  <c:v>24.129000000000001</c:v>
                </c:pt>
                <c:pt idx="2408">
                  <c:v>24.138999999999999</c:v>
                </c:pt>
                <c:pt idx="2409">
                  <c:v>24.149000000000001</c:v>
                </c:pt>
                <c:pt idx="2410">
                  <c:v>24.158000000000001</c:v>
                </c:pt>
                <c:pt idx="2411">
                  <c:v>24.169</c:v>
                </c:pt>
                <c:pt idx="2412">
                  <c:v>24.178000000000001</c:v>
                </c:pt>
                <c:pt idx="2413">
                  <c:v>24.187000000000001</c:v>
                </c:pt>
                <c:pt idx="2414">
                  <c:v>24.198</c:v>
                </c:pt>
                <c:pt idx="2415">
                  <c:v>24.207000000000001</c:v>
                </c:pt>
                <c:pt idx="2416">
                  <c:v>24.216999999999999</c:v>
                </c:pt>
                <c:pt idx="2417">
                  <c:v>24.225999999999999</c:v>
                </c:pt>
                <c:pt idx="2418">
                  <c:v>24.236000000000001</c:v>
                </c:pt>
                <c:pt idx="2419">
                  <c:v>24.247</c:v>
                </c:pt>
                <c:pt idx="2420">
                  <c:v>24.256</c:v>
                </c:pt>
                <c:pt idx="2421">
                  <c:v>24.265999999999998</c:v>
                </c:pt>
                <c:pt idx="2422">
                  <c:v>24.274999999999999</c:v>
                </c:pt>
                <c:pt idx="2423">
                  <c:v>24.286000000000001</c:v>
                </c:pt>
                <c:pt idx="2424">
                  <c:v>24.295999999999999</c:v>
                </c:pt>
                <c:pt idx="2425">
                  <c:v>24.305</c:v>
                </c:pt>
                <c:pt idx="2426">
                  <c:v>24.314</c:v>
                </c:pt>
                <c:pt idx="2427">
                  <c:v>24.324999999999999</c:v>
                </c:pt>
                <c:pt idx="2428">
                  <c:v>24.334</c:v>
                </c:pt>
                <c:pt idx="2429">
                  <c:v>24.344000000000001</c:v>
                </c:pt>
                <c:pt idx="2430">
                  <c:v>24.353999999999999</c:v>
                </c:pt>
                <c:pt idx="2431">
                  <c:v>24.364000000000001</c:v>
                </c:pt>
                <c:pt idx="2432">
                  <c:v>24.373999999999999</c:v>
                </c:pt>
                <c:pt idx="2433">
                  <c:v>24.382999999999999</c:v>
                </c:pt>
                <c:pt idx="2434">
                  <c:v>24.393000000000001</c:v>
                </c:pt>
                <c:pt idx="2435">
                  <c:v>24.402999999999999</c:v>
                </c:pt>
                <c:pt idx="2436">
                  <c:v>24.413</c:v>
                </c:pt>
                <c:pt idx="2437">
                  <c:v>24.422000000000001</c:v>
                </c:pt>
                <c:pt idx="2438">
                  <c:v>24.433</c:v>
                </c:pt>
                <c:pt idx="2439">
                  <c:v>24.442</c:v>
                </c:pt>
                <c:pt idx="2440">
                  <c:v>24.452000000000002</c:v>
                </c:pt>
                <c:pt idx="2441">
                  <c:v>24.462</c:v>
                </c:pt>
                <c:pt idx="2442">
                  <c:v>24.471</c:v>
                </c:pt>
                <c:pt idx="2443">
                  <c:v>24.481000000000002</c:v>
                </c:pt>
                <c:pt idx="2444">
                  <c:v>24.49</c:v>
                </c:pt>
                <c:pt idx="2445">
                  <c:v>24.501000000000001</c:v>
                </c:pt>
                <c:pt idx="2446">
                  <c:v>24.51</c:v>
                </c:pt>
                <c:pt idx="2447">
                  <c:v>24.52</c:v>
                </c:pt>
                <c:pt idx="2448">
                  <c:v>24.529</c:v>
                </c:pt>
                <c:pt idx="2449">
                  <c:v>24.538</c:v>
                </c:pt>
                <c:pt idx="2450">
                  <c:v>24.547999999999998</c:v>
                </c:pt>
                <c:pt idx="2451">
                  <c:v>24.558</c:v>
                </c:pt>
                <c:pt idx="2452">
                  <c:v>24.567</c:v>
                </c:pt>
                <c:pt idx="2453">
                  <c:v>24.577000000000002</c:v>
                </c:pt>
                <c:pt idx="2454">
                  <c:v>24.587</c:v>
                </c:pt>
                <c:pt idx="2455">
                  <c:v>24.596</c:v>
                </c:pt>
                <c:pt idx="2456">
                  <c:v>24.606000000000002</c:v>
                </c:pt>
                <c:pt idx="2457">
                  <c:v>24.614999999999998</c:v>
                </c:pt>
                <c:pt idx="2458">
                  <c:v>24.626000000000001</c:v>
                </c:pt>
                <c:pt idx="2459">
                  <c:v>24.635000000000002</c:v>
                </c:pt>
                <c:pt idx="2460">
                  <c:v>24.645</c:v>
                </c:pt>
                <c:pt idx="2461">
                  <c:v>24.654</c:v>
                </c:pt>
                <c:pt idx="2462">
                  <c:v>24.664999999999999</c:v>
                </c:pt>
                <c:pt idx="2463">
                  <c:v>24.673999999999999</c:v>
                </c:pt>
                <c:pt idx="2464">
                  <c:v>24.684000000000001</c:v>
                </c:pt>
                <c:pt idx="2465">
                  <c:v>24.693000000000001</c:v>
                </c:pt>
                <c:pt idx="2466">
                  <c:v>24.702999999999999</c:v>
                </c:pt>
                <c:pt idx="2467">
                  <c:v>24.713000000000001</c:v>
                </c:pt>
                <c:pt idx="2468">
                  <c:v>24.722000000000001</c:v>
                </c:pt>
                <c:pt idx="2469">
                  <c:v>24.731999999999999</c:v>
                </c:pt>
                <c:pt idx="2470">
                  <c:v>24.741</c:v>
                </c:pt>
                <c:pt idx="2471">
                  <c:v>24.751000000000001</c:v>
                </c:pt>
                <c:pt idx="2472">
                  <c:v>24.76</c:v>
                </c:pt>
                <c:pt idx="2473">
                  <c:v>24.771000000000001</c:v>
                </c:pt>
                <c:pt idx="2474">
                  <c:v>24.78</c:v>
                </c:pt>
                <c:pt idx="2475">
                  <c:v>24.789000000000001</c:v>
                </c:pt>
                <c:pt idx="2476">
                  <c:v>24.798999999999999</c:v>
                </c:pt>
                <c:pt idx="2477">
                  <c:v>24.809000000000001</c:v>
                </c:pt>
                <c:pt idx="2478">
                  <c:v>24.818999999999999</c:v>
                </c:pt>
                <c:pt idx="2479">
                  <c:v>24.829000000000001</c:v>
                </c:pt>
                <c:pt idx="2480">
                  <c:v>24.838999999999999</c:v>
                </c:pt>
                <c:pt idx="2481">
                  <c:v>24.847999999999999</c:v>
                </c:pt>
                <c:pt idx="2482">
                  <c:v>24.858000000000001</c:v>
                </c:pt>
                <c:pt idx="2483">
                  <c:v>24.867000000000001</c:v>
                </c:pt>
                <c:pt idx="2484">
                  <c:v>24.878</c:v>
                </c:pt>
                <c:pt idx="2485">
                  <c:v>24.887</c:v>
                </c:pt>
                <c:pt idx="2486">
                  <c:v>24.896999999999998</c:v>
                </c:pt>
                <c:pt idx="2487">
                  <c:v>24.907</c:v>
                </c:pt>
                <c:pt idx="2488">
                  <c:v>24.916</c:v>
                </c:pt>
                <c:pt idx="2489">
                  <c:v>24.925999999999998</c:v>
                </c:pt>
                <c:pt idx="2490">
                  <c:v>24.934999999999999</c:v>
                </c:pt>
                <c:pt idx="2491">
                  <c:v>24.945</c:v>
                </c:pt>
                <c:pt idx="2492">
                  <c:v>24.998000000000001</c:v>
                </c:pt>
                <c:pt idx="2493">
                  <c:v>25.009</c:v>
                </c:pt>
                <c:pt idx="2494">
                  <c:v>25.018999999999998</c:v>
                </c:pt>
                <c:pt idx="2495">
                  <c:v>25.027999999999999</c:v>
                </c:pt>
                <c:pt idx="2496">
                  <c:v>25.039000000000001</c:v>
                </c:pt>
                <c:pt idx="2497">
                  <c:v>25.047999999999998</c:v>
                </c:pt>
                <c:pt idx="2498">
                  <c:v>25.058</c:v>
                </c:pt>
                <c:pt idx="2499">
                  <c:v>25.068000000000001</c:v>
                </c:pt>
                <c:pt idx="2500">
                  <c:v>25.077999999999999</c:v>
                </c:pt>
                <c:pt idx="2501">
                  <c:v>25.088000000000001</c:v>
                </c:pt>
                <c:pt idx="2502">
                  <c:v>25.097999999999999</c:v>
                </c:pt>
                <c:pt idx="2503">
                  <c:v>25.106999999999999</c:v>
                </c:pt>
                <c:pt idx="2504">
                  <c:v>25.117000000000001</c:v>
                </c:pt>
                <c:pt idx="2505">
                  <c:v>25.128</c:v>
                </c:pt>
                <c:pt idx="2506">
                  <c:v>25.137</c:v>
                </c:pt>
                <c:pt idx="2507">
                  <c:v>25.146999999999998</c:v>
                </c:pt>
                <c:pt idx="2508">
                  <c:v>25.157</c:v>
                </c:pt>
                <c:pt idx="2509">
                  <c:v>25.166</c:v>
                </c:pt>
                <c:pt idx="2510">
                  <c:v>25.175999999999998</c:v>
                </c:pt>
                <c:pt idx="2511">
                  <c:v>25.184999999999999</c:v>
                </c:pt>
                <c:pt idx="2512">
                  <c:v>25.196000000000002</c:v>
                </c:pt>
                <c:pt idx="2513">
                  <c:v>25.204999999999998</c:v>
                </c:pt>
                <c:pt idx="2514">
                  <c:v>25.215</c:v>
                </c:pt>
                <c:pt idx="2515">
                  <c:v>25.225000000000001</c:v>
                </c:pt>
                <c:pt idx="2516">
                  <c:v>25.234000000000002</c:v>
                </c:pt>
                <c:pt idx="2517">
                  <c:v>25.244</c:v>
                </c:pt>
                <c:pt idx="2518">
                  <c:v>25.253</c:v>
                </c:pt>
                <c:pt idx="2519">
                  <c:v>25.263999999999999</c:v>
                </c:pt>
                <c:pt idx="2520">
                  <c:v>25.273</c:v>
                </c:pt>
                <c:pt idx="2521">
                  <c:v>25.282</c:v>
                </c:pt>
                <c:pt idx="2522">
                  <c:v>25.292000000000002</c:v>
                </c:pt>
                <c:pt idx="2523">
                  <c:v>25.302</c:v>
                </c:pt>
                <c:pt idx="2524">
                  <c:v>25.311</c:v>
                </c:pt>
                <c:pt idx="2525">
                  <c:v>25.321000000000002</c:v>
                </c:pt>
                <c:pt idx="2526">
                  <c:v>25.331</c:v>
                </c:pt>
                <c:pt idx="2527">
                  <c:v>25.341000000000001</c:v>
                </c:pt>
                <c:pt idx="2528">
                  <c:v>25.35</c:v>
                </c:pt>
                <c:pt idx="2529">
                  <c:v>25.36</c:v>
                </c:pt>
                <c:pt idx="2530">
                  <c:v>25.37</c:v>
                </c:pt>
                <c:pt idx="2531">
                  <c:v>25.38</c:v>
                </c:pt>
                <c:pt idx="2532">
                  <c:v>25.388999999999999</c:v>
                </c:pt>
                <c:pt idx="2533">
                  <c:v>25.4</c:v>
                </c:pt>
                <c:pt idx="2534">
                  <c:v>25.408999999999999</c:v>
                </c:pt>
                <c:pt idx="2535">
                  <c:v>25.417999999999999</c:v>
                </c:pt>
                <c:pt idx="2536">
                  <c:v>25.428000000000001</c:v>
                </c:pt>
                <c:pt idx="2537">
                  <c:v>25.437999999999999</c:v>
                </c:pt>
                <c:pt idx="2538">
                  <c:v>25.448</c:v>
                </c:pt>
                <c:pt idx="2539">
                  <c:v>25.457000000000001</c:v>
                </c:pt>
                <c:pt idx="2540">
                  <c:v>25.466999999999999</c:v>
                </c:pt>
                <c:pt idx="2541">
                  <c:v>25.475999999999999</c:v>
                </c:pt>
                <c:pt idx="2542">
                  <c:v>25.486000000000001</c:v>
                </c:pt>
                <c:pt idx="2543">
                  <c:v>25.495999999999999</c:v>
                </c:pt>
                <c:pt idx="2544">
                  <c:v>25.504999999999999</c:v>
                </c:pt>
                <c:pt idx="2545">
                  <c:v>25.515999999999998</c:v>
                </c:pt>
                <c:pt idx="2546">
                  <c:v>25.524999999999999</c:v>
                </c:pt>
                <c:pt idx="2547">
                  <c:v>25.535</c:v>
                </c:pt>
                <c:pt idx="2548">
                  <c:v>25.545000000000002</c:v>
                </c:pt>
                <c:pt idx="2549">
                  <c:v>25.555</c:v>
                </c:pt>
                <c:pt idx="2550">
                  <c:v>25.564</c:v>
                </c:pt>
                <c:pt idx="2551">
                  <c:v>25.574999999999999</c:v>
                </c:pt>
                <c:pt idx="2552">
                  <c:v>25.584</c:v>
                </c:pt>
                <c:pt idx="2553">
                  <c:v>25.594000000000001</c:v>
                </c:pt>
                <c:pt idx="2554">
                  <c:v>25.603999999999999</c:v>
                </c:pt>
                <c:pt idx="2555">
                  <c:v>25.614000000000001</c:v>
                </c:pt>
                <c:pt idx="2556">
                  <c:v>25.623999999999999</c:v>
                </c:pt>
                <c:pt idx="2557">
                  <c:v>25.632999999999999</c:v>
                </c:pt>
                <c:pt idx="2558">
                  <c:v>25.643000000000001</c:v>
                </c:pt>
                <c:pt idx="2559">
                  <c:v>25.652999999999999</c:v>
                </c:pt>
                <c:pt idx="2560">
                  <c:v>25.663</c:v>
                </c:pt>
                <c:pt idx="2561">
                  <c:v>25.672999999999998</c:v>
                </c:pt>
                <c:pt idx="2562">
                  <c:v>25.684000000000001</c:v>
                </c:pt>
                <c:pt idx="2563">
                  <c:v>25.693000000000001</c:v>
                </c:pt>
                <c:pt idx="2564">
                  <c:v>25.702999999999999</c:v>
                </c:pt>
                <c:pt idx="2565">
                  <c:v>25.713000000000001</c:v>
                </c:pt>
                <c:pt idx="2566">
                  <c:v>25.722999999999999</c:v>
                </c:pt>
                <c:pt idx="2567">
                  <c:v>25.733000000000001</c:v>
                </c:pt>
                <c:pt idx="2568">
                  <c:v>25.742000000000001</c:v>
                </c:pt>
                <c:pt idx="2569">
                  <c:v>25.751999999999999</c:v>
                </c:pt>
                <c:pt idx="2570">
                  <c:v>25.762</c:v>
                </c:pt>
                <c:pt idx="2571">
                  <c:v>25.771000000000001</c:v>
                </c:pt>
                <c:pt idx="2572">
                  <c:v>25.780999999999999</c:v>
                </c:pt>
                <c:pt idx="2573">
                  <c:v>25.79</c:v>
                </c:pt>
                <c:pt idx="2574">
                  <c:v>25.800999999999998</c:v>
                </c:pt>
                <c:pt idx="2575">
                  <c:v>25.81</c:v>
                </c:pt>
                <c:pt idx="2576">
                  <c:v>25.82</c:v>
                </c:pt>
                <c:pt idx="2577">
                  <c:v>25.83</c:v>
                </c:pt>
                <c:pt idx="2578">
                  <c:v>25.838999999999999</c:v>
                </c:pt>
                <c:pt idx="2579">
                  <c:v>25.85</c:v>
                </c:pt>
                <c:pt idx="2580">
                  <c:v>25.859000000000002</c:v>
                </c:pt>
                <c:pt idx="2581">
                  <c:v>25.867999999999999</c:v>
                </c:pt>
                <c:pt idx="2582">
                  <c:v>25.878</c:v>
                </c:pt>
                <c:pt idx="2583">
                  <c:v>25.888000000000002</c:v>
                </c:pt>
                <c:pt idx="2584">
                  <c:v>25.898</c:v>
                </c:pt>
                <c:pt idx="2585">
                  <c:v>25.907</c:v>
                </c:pt>
                <c:pt idx="2586">
                  <c:v>25.916</c:v>
                </c:pt>
                <c:pt idx="2587">
                  <c:v>25.925999999999998</c:v>
                </c:pt>
                <c:pt idx="2588">
                  <c:v>25.936</c:v>
                </c:pt>
                <c:pt idx="2589">
                  <c:v>25.945</c:v>
                </c:pt>
                <c:pt idx="2590">
                  <c:v>25.954999999999998</c:v>
                </c:pt>
                <c:pt idx="2591">
                  <c:v>25.966000000000001</c:v>
                </c:pt>
                <c:pt idx="2592">
                  <c:v>25.975000000000001</c:v>
                </c:pt>
                <c:pt idx="2593">
                  <c:v>25.984000000000002</c:v>
                </c:pt>
                <c:pt idx="2594">
                  <c:v>25.994</c:v>
                </c:pt>
                <c:pt idx="2595">
                  <c:v>26.004000000000001</c:v>
                </c:pt>
                <c:pt idx="2596">
                  <c:v>26.013999999999999</c:v>
                </c:pt>
                <c:pt idx="2597">
                  <c:v>26.024000000000001</c:v>
                </c:pt>
                <c:pt idx="2598">
                  <c:v>26.033000000000001</c:v>
                </c:pt>
                <c:pt idx="2599">
                  <c:v>26.042999999999999</c:v>
                </c:pt>
                <c:pt idx="2600">
                  <c:v>26.052</c:v>
                </c:pt>
                <c:pt idx="2601">
                  <c:v>26.061</c:v>
                </c:pt>
                <c:pt idx="2602">
                  <c:v>26.071999999999999</c:v>
                </c:pt>
                <c:pt idx="2603">
                  <c:v>26.081</c:v>
                </c:pt>
                <c:pt idx="2604">
                  <c:v>26.091999999999999</c:v>
                </c:pt>
                <c:pt idx="2605">
                  <c:v>26.100999999999999</c:v>
                </c:pt>
                <c:pt idx="2606">
                  <c:v>26.111000000000001</c:v>
                </c:pt>
                <c:pt idx="2607">
                  <c:v>26.12</c:v>
                </c:pt>
                <c:pt idx="2608">
                  <c:v>26.129000000000001</c:v>
                </c:pt>
                <c:pt idx="2609">
                  <c:v>26.14</c:v>
                </c:pt>
                <c:pt idx="2610">
                  <c:v>26.149000000000001</c:v>
                </c:pt>
                <c:pt idx="2611">
                  <c:v>26.158000000000001</c:v>
                </c:pt>
                <c:pt idx="2612">
                  <c:v>26.167999999999999</c:v>
                </c:pt>
                <c:pt idx="2613">
                  <c:v>26.178000000000001</c:v>
                </c:pt>
                <c:pt idx="2614">
                  <c:v>26.187000000000001</c:v>
                </c:pt>
                <c:pt idx="2615">
                  <c:v>26.198</c:v>
                </c:pt>
                <c:pt idx="2616">
                  <c:v>26.207000000000001</c:v>
                </c:pt>
                <c:pt idx="2617">
                  <c:v>26.216999999999999</c:v>
                </c:pt>
                <c:pt idx="2618">
                  <c:v>26.227</c:v>
                </c:pt>
                <c:pt idx="2619">
                  <c:v>26.236000000000001</c:v>
                </c:pt>
                <c:pt idx="2620">
                  <c:v>26.245000000000001</c:v>
                </c:pt>
                <c:pt idx="2621">
                  <c:v>26.254999999999999</c:v>
                </c:pt>
                <c:pt idx="2622">
                  <c:v>26.263999999999999</c:v>
                </c:pt>
                <c:pt idx="2623">
                  <c:v>26.274999999999999</c:v>
                </c:pt>
                <c:pt idx="2624">
                  <c:v>26.283999999999999</c:v>
                </c:pt>
                <c:pt idx="2625">
                  <c:v>26.292999999999999</c:v>
                </c:pt>
                <c:pt idx="2626">
                  <c:v>26.303999999999998</c:v>
                </c:pt>
                <c:pt idx="2627">
                  <c:v>26.312999999999999</c:v>
                </c:pt>
                <c:pt idx="2628">
                  <c:v>26.323</c:v>
                </c:pt>
                <c:pt idx="2629">
                  <c:v>26.332000000000001</c:v>
                </c:pt>
                <c:pt idx="2630">
                  <c:v>26.341000000000001</c:v>
                </c:pt>
                <c:pt idx="2631">
                  <c:v>26.350999999999999</c:v>
                </c:pt>
                <c:pt idx="2632">
                  <c:v>26.361000000000001</c:v>
                </c:pt>
                <c:pt idx="2633">
                  <c:v>26.370999999999999</c:v>
                </c:pt>
                <c:pt idx="2634">
                  <c:v>26.38</c:v>
                </c:pt>
                <c:pt idx="2635">
                  <c:v>26.39</c:v>
                </c:pt>
                <c:pt idx="2636">
                  <c:v>26.4</c:v>
                </c:pt>
                <c:pt idx="2637">
                  <c:v>26.41</c:v>
                </c:pt>
                <c:pt idx="2638">
                  <c:v>26.419</c:v>
                </c:pt>
                <c:pt idx="2639">
                  <c:v>26.43</c:v>
                </c:pt>
                <c:pt idx="2640">
                  <c:v>26.439</c:v>
                </c:pt>
                <c:pt idx="2641">
                  <c:v>26.449000000000002</c:v>
                </c:pt>
                <c:pt idx="2642">
                  <c:v>26.46</c:v>
                </c:pt>
                <c:pt idx="2643">
                  <c:v>26.47</c:v>
                </c:pt>
                <c:pt idx="2644">
                  <c:v>26.48</c:v>
                </c:pt>
                <c:pt idx="2645">
                  <c:v>26.49</c:v>
                </c:pt>
                <c:pt idx="2646">
                  <c:v>26.5</c:v>
                </c:pt>
                <c:pt idx="2647">
                  <c:v>26.51</c:v>
                </c:pt>
                <c:pt idx="2648">
                  <c:v>26.52</c:v>
                </c:pt>
                <c:pt idx="2649">
                  <c:v>26.530999999999999</c:v>
                </c:pt>
                <c:pt idx="2650">
                  <c:v>26.541</c:v>
                </c:pt>
                <c:pt idx="2651">
                  <c:v>26.55</c:v>
                </c:pt>
                <c:pt idx="2652">
                  <c:v>26.562000000000001</c:v>
                </c:pt>
                <c:pt idx="2653">
                  <c:v>26.571000000000002</c:v>
                </c:pt>
                <c:pt idx="2654">
                  <c:v>26.582000000000001</c:v>
                </c:pt>
                <c:pt idx="2655">
                  <c:v>26.591999999999999</c:v>
                </c:pt>
                <c:pt idx="2656">
                  <c:v>26.603000000000002</c:v>
                </c:pt>
                <c:pt idx="2657">
                  <c:v>26.611999999999998</c:v>
                </c:pt>
                <c:pt idx="2658">
                  <c:v>26.622</c:v>
                </c:pt>
                <c:pt idx="2659">
                  <c:v>26.632000000000001</c:v>
                </c:pt>
                <c:pt idx="2660">
                  <c:v>26.641999999999999</c:v>
                </c:pt>
                <c:pt idx="2661">
                  <c:v>26.652000000000001</c:v>
                </c:pt>
                <c:pt idx="2662">
                  <c:v>26.661000000000001</c:v>
                </c:pt>
                <c:pt idx="2663">
                  <c:v>26.672000000000001</c:v>
                </c:pt>
                <c:pt idx="2664">
                  <c:v>26.681000000000001</c:v>
                </c:pt>
                <c:pt idx="2665">
                  <c:v>26.69</c:v>
                </c:pt>
                <c:pt idx="2666">
                  <c:v>26.7</c:v>
                </c:pt>
                <c:pt idx="2667">
                  <c:v>26.709</c:v>
                </c:pt>
                <c:pt idx="2668">
                  <c:v>26.719000000000001</c:v>
                </c:pt>
                <c:pt idx="2669">
                  <c:v>26.728000000000002</c:v>
                </c:pt>
                <c:pt idx="2670">
                  <c:v>26.738</c:v>
                </c:pt>
                <c:pt idx="2671">
                  <c:v>26.748000000000001</c:v>
                </c:pt>
                <c:pt idx="2672">
                  <c:v>26.757999999999999</c:v>
                </c:pt>
                <c:pt idx="2673">
                  <c:v>26.766999999999999</c:v>
                </c:pt>
                <c:pt idx="2674">
                  <c:v>26.777999999999999</c:v>
                </c:pt>
                <c:pt idx="2675">
                  <c:v>26.786999999999999</c:v>
                </c:pt>
                <c:pt idx="2676">
                  <c:v>26.797000000000001</c:v>
                </c:pt>
                <c:pt idx="2677">
                  <c:v>26.806999999999999</c:v>
                </c:pt>
                <c:pt idx="2678">
                  <c:v>26.815999999999999</c:v>
                </c:pt>
                <c:pt idx="2679">
                  <c:v>26.826000000000001</c:v>
                </c:pt>
                <c:pt idx="2680">
                  <c:v>26.837</c:v>
                </c:pt>
                <c:pt idx="2681">
                  <c:v>26.846</c:v>
                </c:pt>
                <c:pt idx="2682">
                  <c:v>26.855</c:v>
                </c:pt>
                <c:pt idx="2683">
                  <c:v>26.866</c:v>
                </c:pt>
                <c:pt idx="2684">
                  <c:v>26.875</c:v>
                </c:pt>
                <c:pt idx="2685">
                  <c:v>26.885000000000002</c:v>
                </c:pt>
                <c:pt idx="2686">
                  <c:v>26.893999999999998</c:v>
                </c:pt>
                <c:pt idx="2687">
                  <c:v>26.904</c:v>
                </c:pt>
                <c:pt idx="2688">
                  <c:v>26.913</c:v>
                </c:pt>
                <c:pt idx="2689">
                  <c:v>26.922999999999998</c:v>
                </c:pt>
                <c:pt idx="2690">
                  <c:v>26.933</c:v>
                </c:pt>
                <c:pt idx="2691">
                  <c:v>26.942</c:v>
                </c:pt>
                <c:pt idx="2692">
                  <c:v>26.952000000000002</c:v>
                </c:pt>
                <c:pt idx="2693">
                  <c:v>26.960999999999999</c:v>
                </c:pt>
                <c:pt idx="2694">
                  <c:v>26.97</c:v>
                </c:pt>
                <c:pt idx="2695">
                  <c:v>26.98</c:v>
                </c:pt>
                <c:pt idx="2696">
                  <c:v>26.989000000000001</c:v>
                </c:pt>
                <c:pt idx="2697">
                  <c:v>27</c:v>
                </c:pt>
                <c:pt idx="2698">
                  <c:v>27.009</c:v>
                </c:pt>
                <c:pt idx="2699">
                  <c:v>27.018999999999998</c:v>
                </c:pt>
                <c:pt idx="2700">
                  <c:v>27.03</c:v>
                </c:pt>
                <c:pt idx="2701">
                  <c:v>27.04</c:v>
                </c:pt>
                <c:pt idx="2702">
                  <c:v>27.048999999999999</c:v>
                </c:pt>
                <c:pt idx="2703">
                  <c:v>27.059000000000001</c:v>
                </c:pt>
                <c:pt idx="2704">
                  <c:v>27.068999999999999</c:v>
                </c:pt>
                <c:pt idx="2705">
                  <c:v>27.079000000000001</c:v>
                </c:pt>
                <c:pt idx="2706">
                  <c:v>27.09</c:v>
                </c:pt>
                <c:pt idx="2707">
                  <c:v>27.1</c:v>
                </c:pt>
                <c:pt idx="2708">
                  <c:v>27.111000000000001</c:v>
                </c:pt>
                <c:pt idx="2709">
                  <c:v>27.122</c:v>
                </c:pt>
                <c:pt idx="2710">
                  <c:v>27.131</c:v>
                </c:pt>
                <c:pt idx="2711">
                  <c:v>27.143000000000001</c:v>
                </c:pt>
                <c:pt idx="2712">
                  <c:v>27.152000000000001</c:v>
                </c:pt>
                <c:pt idx="2713">
                  <c:v>27.161999999999999</c:v>
                </c:pt>
                <c:pt idx="2714">
                  <c:v>27.172000000000001</c:v>
                </c:pt>
                <c:pt idx="2715">
                  <c:v>27.181000000000001</c:v>
                </c:pt>
                <c:pt idx="2716">
                  <c:v>27.19</c:v>
                </c:pt>
                <c:pt idx="2717">
                  <c:v>27.2</c:v>
                </c:pt>
                <c:pt idx="2718">
                  <c:v>27.21</c:v>
                </c:pt>
                <c:pt idx="2719">
                  <c:v>27.22</c:v>
                </c:pt>
                <c:pt idx="2720">
                  <c:v>27.23</c:v>
                </c:pt>
                <c:pt idx="2721">
                  <c:v>27.239000000000001</c:v>
                </c:pt>
                <c:pt idx="2722">
                  <c:v>27.248999999999999</c:v>
                </c:pt>
                <c:pt idx="2723">
                  <c:v>27.257999999999999</c:v>
                </c:pt>
                <c:pt idx="2724">
                  <c:v>27.268000000000001</c:v>
                </c:pt>
                <c:pt idx="2725">
                  <c:v>27.277999999999999</c:v>
                </c:pt>
                <c:pt idx="2726">
                  <c:v>27.288</c:v>
                </c:pt>
                <c:pt idx="2727">
                  <c:v>27.297999999999998</c:v>
                </c:pt>
                <c:pt idx="2728">
                  <c:v>27.306000000000001</c:v>
                </c:pt>
                <c:pt idx="2729">
                  <c:v>27.317</c:v>
                </c:pt>
                <c:pt idx="2730">
                  <c:v>27.326000000000001</c:v>
                </c:pt>
                <c:pt idx="2731">
                  <c:v>27.337</c:v>
                </c:pt>
                <c:pt idx="2732">
                  <c:v>27.346</c:v>
                </c:pt>
                <c:pt idx="2733">
                  <c:v>27.356000000000002</c:v>
                </c:pt>
                <c:pt idx="2734">
                  <c:v>27.366</c:v>
                </c:pt>
                <c:pt idx="2735">
                  <c:v>27.375</c:v>
                </c:pt>
                <c:pt idx="2736">
                  <c:v>27.384</c:v>
                </c:pt>
                <c:pt idx="2737">
                  <c:v>27.395</c:v>
                </c:pt>
                <c:pt idx="2738">
                  <c:v>27.404</c:v>
                </c:pt>
                <c:pt idx="2739">
                  <c:v>27.413</c:v>
                </c:pt>
                <c:pt idx="2740">
                  <c:v>27.423999999999999</c:v>
                </c:pt>
                <c:pt idx="2741">
                  <c:v>27.433</c:v>
                </c:pt>
                <c:pt idx="2742">
                  <c:v>27.443000000000001</c:v>
                </c:pt>
                <c:pt idx="2743">
                  <c:v>27.452000000000002</c:v>
                </c:pt>
                <c:pt idx="2744">
                  <c:v>27.460999999999999</c:v>
                </c:pt>
                <c:pt idx="2745">
                  <c:v>27.472000000000001</c:v>
                </c:pt>
                <c:pt idx="2746">
                  <c:v>27.481000000000002</c:v>
                </c:pt>
                <c:pt idx="2747">
                  <c:v>27.492000000000001</c:v>
                </c:pt>
                <c:pt idx="2748">
                  <c:v>27.501000000000001</c:v>
                </c:pt>
                <c:pt idx="2749">
                  <c:v>27.510999999999999</c:v>
                </c:pt>
                <c:pt idx="2750">
                  <c:v>27.521000000000001</c:v>
                </c:pt>
                <c:pt idx="2751">
                  <c:v>27.53</c:v>
                </c:pt>
                <c:pt idx="2752">
                  <c:v>27.54</c:v>
                </c:pt>
                <c:pt idx="2753">
                  <c:v>27.55</c:v>
                </c:pt>
                <c:pt idx="2754">
                  <c:v>27.561</c:v>
                </c:pt>
                <c:pt idx="2755">
                  <c:v>27.571000000000002</c:v>
                </c:pt>
                <c:pt idx="2756">
                  <c:v>27.581</c:v>
                </c:pt>
                <c:pt idx="2757">
                  <c:v>27.591000000000001</c:v>
                </c:pt>
                <c:pt idx="2758">
                  <c:v>27.600999999999999</c:v>
                </c:pt>
                <c:pt idx="2759">
                  <c:v>27.611000000000001</c:v>
                </c:pt>
                <c:pt idx="2760">
                  <c:v>27.622</c:v>
                </c:pt>
                <c:pt idx="2761">
                  <c:v>27.632999999999999</c:v>
                </c:pt>
                <c:pt idx="2762">
                  <c:v>27.641999999999999</c:v>
                </c:pt>
                <c:pt idx="2763">
                  <c:v>27.652999999999999</c:v>
                </c:pt>
                <c:pt idx="2764">
                  <c:v>27.663</c:v>
                </c:pt>
                <c:pt idx="2765">
                  <c:v>27.673999999999999</c:v>
                </c:pt>
                <c:pt idx="2766">
                  <c:v>27.684000000000001</c:v>
                </c:pt>
                <c:pt idx="2767">
                  <c:v>27.693999999999999</c:v>
                </c:pt>
                <c:pt idx="2768">
                  <c:v>27.704999999999998</c:v>
                </c:pt>
                <c:pt idx="2769">
                  <c:v>27.713999999999999</c:v>
                </c:pt>
                <c:pt idx="2770">
                  <c:v>27.725000000000001</c:v>
                </c:pt>
                <c:pt idx="2771">
                  <c:v>27.734999999999999</c:v>
                </c:pt>
                <c:pt idx="2772">
                  <c:v>27.744</c:v>
                </c:pt>
                <c:pt idx="2773">
                  <c:v>27.754999999999999</c:v>
                </c:pt>
                <c:pt idx="2774">
                  <c:v>27.765000000000001</c:v>
                </c:pt>
                <c:pt idx="2775">
                  <c:v>27.776</c:v>
                </c:pt>
                <c:pt idx="2776">
                  <c:v>27.786000000000001</c:v>
                </c:pt>
                <c:pt idx="2777">
                  <c:v>27.795999999999999</c:v>
                </c:pt>
                <c:pt idx="2778">
                  <c:v>27.806000000000001</c:v>
                </c:pt>
                <c:pt idx="2779">
                  <c:v>27.817</c:v>
                </c:pt>
                <c:pt idx="2780">
                  <c:v>27.826000000000001</c:v>
                </c:pt>
                <c:pt idx="2781">
                  <c:v>27.835999999999999</c:v>
                </c:pt>
                <c:pt idx="2782">
                  <c:v>27.847000000000001</c:v>
                </c:pt>
                <c:pt idx="2783">
                  <c:v>27.856000000000002</c:v>
                </c:pt>
                <c:pt idx="2784">
                  <c:v>27.867000000000001</c:v>
                </c:pt>
                <c:pt idx="2785">
                  <c:v>27.876000000000001</c:v>
                </c:pt>
                <c:pt idx="2786">
                  <c:v>27.887</c:v>
                </c:pt>
                <c:pt idx="2787">
                  <c:v>27.896999999999998</c:v>
                </c:pt>
                <c:pt idx="2788">
                  <c:v>27.907</c:v>
                </c:pt>
                <c:pt idx="2789">
                  <c:v>27.917999999999999</c:v>
                </c:pt>
                <c:pt idx="2790">
                  <c:v>27.928000000000001</c:v>
                </c:pt>
                <c:pt idx="2791">
                  <c:v>27.937999999999999</c:v>
                </c:pt>
                <c:pt idx="2792">
                  <c:v>27.946999999999999</c:v>
                </c:pt>
                <c:pt idx="2793">
                  <c:v>27.959</c:v>
                </c:pt>
                <c:pt idx="2794">
                  <c:v>27.969000000000001</c:v>
                </c:pt>
                <c:pt idx="2795">
                  <c:v>27.978000000000002</c:v>
                </c:pt>
                <c:pt idx="2796">
                  <c:v>27.99</c:v>
                </c:pt>
                <c:pt idx="2797">
                  <c:v>27.998999999999999</c:v>
                </c:pt>
                <c:pt idx="2798">
                  <c:v>28.01</c:v>
                </c:pt>
                <c:pt idx="2799">
                  <c:v>28.021000000000001</c:v>
                </c:pt>
                <c:pt idx="2800">
                  <c:v>28.030999999999999</c:v>
                </c:pt>
                <c:pt idx="2801">
                  <c:v>28.041</c:v>
                </c:pt>
                <c:pt idx="2802">
                  <c:v>28.05</c:v>
                </c:pt>
                <c:pt idx="2803">
                  <c:v>28.062000000000001</c:v>
                </c:pt>
                <c:pt idx="2804">
                  <c:v>28.071999999999999</c:v>
                </c:pt>
                <c:pt idx="2805">
                  <c:v>28.082000000000001</c:v>
                </c:pt>
                <c:pt idx="2806">
                  <c:v>28.093</c:v>
                </c:pt>
                <c:pt idx="2807">
                  <c:v>28.102</c:v>
                </c:pt>
                <c:pt idx="2808">
                  <c:v>28.113</c:v>
                </c:pt>
                <c:pt idx="2809">
                  <c:v>28.123000000000001</c:v>
                </c:pt>
                <c:pt idx="2810">
                  <c:v>28.135000000000002</c:v>
                </c:pt>
                <c:pt idx="2811">
                  <c:v>28.143999999999998</c:v>
                </c:pt>
                <c:pt idx="2812">
                  <c:v>28.154</c:v>
                </c:pt>
                <c:pt idx="2813">
                  <c:v>28.164999999999999</c:v>
                </c:pt>
                <c:pt idx="2814">
                  <c:v>28.175000000000001</c:v>
                </c:pt>
                <c:pt idx="2815">
                  <c:v>28.186</c:v>
                </c:pt>
                <c:pt idx="2816">
                  <c:v>28.196000000000002</c:v>
                </c:pt>
                <c:pt idx="2817">
                  <c:v>28.206</c:v>
                </c:pt>
                <c:pt idx="2818">
                  <c:v>28.216999999999999</c:v>
                </c:pt>
                <c:pt idx="2819">
                  <c:v>28.225999999999999</c:v>
                </c:pt>
                <c:pt idx="2820">
                  <c:v>28.236999999999998</c:v>
                </c:pt>
                <c:pt idx="2821">
                  <c:v>28.247</c:v>
                </c:pt>
                <c:pt idx="2822">
                  <c:v>28.257000000000001</c:v>
                </c:pt>
                <c:pt idx="2823">
                  <c:v>28.268000000000001</c:v>
                </c:pt>
                <c:pt idx="2824">
                  <c:v>28.277000000000001</c:v>
                </c:pt>
                <c:pt idx="2825">
                  <c:v>28.288</c:v>
                </c:pt>
                <c:pt idx="2826">
                  <c:v>28.297999999999998</c:v>
                </c:pt>
                <c:pt idx="2827">
                  <c:v>28.308</c:v>
                </c:pt>
                <c:pt idx="2828">
                  <c:v>28.318000000000001</c:v>
                </c:pt>
                <c:pt idx="2829">
                  <c:v>28.33</c:v>
                </c:pt>
                <c:pt idx="2830">
                  <c:v>28.338999999999999</c:v>
                </c:pt>
                <c:pt idx="2831">
                  <c:v>28.35</c:v>
                </c:pt>
                <c:pt idx="2832">
                  <c:v>28.36</c:v>
                </c:pt>
                <c:pt idx="2833">
                  <c:v>28.370999999999999</c:v>
                </c:pt>
                <c:pt idx="2834">
                  <c:v>28.38</c:v>
                </c:pt>
                <c:pt idx="2835">
                  <c:v>28.39</c:v>
                </c:pt>
                <c:pt idx="2836">
                  <c:v>28.401</c:v>
                </c:pt>
                <c:pt idx="2837">
                  <c:v>28.411000000000001</c:v>
                </c:pt>
                <c:pt idx="2838">
                  <c:v>28.420999999999999</c:v>
                </c:pt>
                <c:pt idx="2839">
                  <c:v>28.431999999999999</c:v>
                </c:pt>
                <c:pt idx="2840">
                  <c:v>28.442</c:v>
                </c:pt>
                <c:pt idx="2841">
                  <c:v>28.452000000000002</c:v>
                </c:pt>
                <c:pt idx="2842">
                  <c:v>28.463000000000001</c:v>
                </c:pt>
                <c:pt idx="2843">
                  <c:v>28.474</c:v>
                </c:pt>
                <c:pt idx="2844">
                  <c:v>28.484999999999999</c:v>
                </c:pt>
                <c:pt idx="2845">
                  <c:v>28.495000000000001</c:v>
                </c:pt>
                <c:pt idx="2846">
                  <c:v>28.506</c:v>
                </c:pt>
                <c:pt idx="2847">
                  <c:v>28.515999999999998</c:v>
                </c:pt>
                <c:pt idx="2848">
                  <c:v>28.526</c:v>
                </c:pt>
                <c:pt idx="2849">
                  <c:v>28.536999999999999</c:v>
                </c:pt>
                <c:pt idx="2850">
                  <c:v>28.545999999999999</c:v>
                </c:pt>
                <c:pt idx="2851">
                  <c:v>28.556000000000001</c:v>
                </c:pt>
                <c:pt idx="2852">
                  <c:v>28.565000000000001</c:v>
                </c:pt>
                <c:pt idx="2853">
                  <c:v>28.574999999999999</c:v>
                </c:pt>
                <c:pt idx="2854">
                  <c:v>28.584</c:v>
                </c:pt>
                <c:pt idx="2855">
                  <c:v>28.594000000000001</c:v>
                </c:pt>
                <c:pt idx="2856">
                  <c:v>28.603999999999999</c:v>
                </c:pt>
                <c:pt idx="2857">
                  <c:v>28.613</c:v>
                </c:pt>
                <c:pt idx="2858">
                  <c:v>28.623999999999999</c:v>
                </c:pt>
                <c:pt idx="2859">
                  <c:v>28.634</c:v>
                </c:pt>
                <c:pt idx="2860">
                  <c:v>28.643999999999998</c:v>
                </c:pt>
                <c:pt idx="2861">
                  <c:v>28.652999999999999</c:v>
                </c:pt>
                <c:pt idx="2862">
                  <c:v>28.661999999999999</c:v>
                </c:pt>
                <c:pt idx="2863">
                  <c:v>28.672000000000001</c:v>
                </c:pt>
                <c:pt idx="2864">
                  <c:v>28.681000000000001</c:v>
                </c:pt>
                <c:pt idx="2865">
                  <c:v>28.690999999999999</c:v>
                </c:pt>
                <c:pt idx="2866">
                  <c:v>28.701000000000001</c:v>
                </c:pt>
                <c:pt idx="2867">
                  <c:v>28.710999999999999</c:v>
                </c:pt>
                <c:pt idx="2868">
                  <c:v>28.72</c:v>
                </c:pt>
                <c:pt idx="2869">
                  <c:v>28.728999999999999</c:v>
                </c:pt>
                <c:pt idx="2870">
                  <c:v>28.74</c:v>
                </c:pt>
                <c:pt idx="2871">
                  <c:v>28.748999999999999</c:v>
                </c:pt>
                <c:pt idx="2872">
                  <c:v>28.759</c:v>
                </c:pt>
                <c:pt idx="2873">
                  <c:v>28.768999999999998</c:v>
                </c:pt>
                <c:pt idx="2874">
                  <c:v>28.78</c:v>
                </c:pt>
                <c:pt idx="2875">
                  <c:v>28.791</c:v>
                </c:pt>
                <c:pt idx="2876">
                  <c:v>28.8</c:v>
                </c:pt>
                <c:pt idx="2877">
                  <c:v>28.811</c:v>
                </c:pt>
                <c:pt idx="2878">
                  <c:v>28.821000000000002</c:v>
                </c:pt>
                <c:pt idx="2879">
                  <c:v>28.832000000000001</c:v>
                </c:pt>
                <c:pt idx="2880">
                  <c:v>28.841999999999999</c:v>
                </c:pt>
                <c:pt idx="2881">
                  <c:v>28.853000000000002</c:v>
                </c:pt>
                <c:pt idx="2882">
                  <c:v>28.864000000000001</c:v>
                </c:pt>
                <c:pt idx="2883">
                  <c:v>28.873000000000001</c:v>
                </c:pt>
                <c:pt idx="2884">
                  <c:v>28.884</c:v>
                </c:pt>
                <c:pt idx="2885">
                  <c:v>28.893000000000001</c:v>
                </c:pt>
                <c:pt idx="2886">
                  <c:v>28.902000000000001</c:v>
                </c:pt>
                <c:pt idx="2887">
                  <c:v>28.913</c:v>
                </c:pt>
                <c:pt idx="2888">
                  <c:v>28.922000000000001</c:v>
                </c:pt>
                <c:pt idx="2889">
                  <c:v>28.931999999999999</c:v>
                </c:pt>
                <c:pt idx="2890">
                  <c:v>28.942</c:v>
                </c:pt>
                <c:pt idx="2891">
                  <c:v>28.952000000000002</c:v>
                </c:pt>
                <c:pt idx="2892">
                  <c:v>28.960999999999999</c:v>
                </c:pt>
                <c:pt idx="2893">
                  <c:v>28.972000000000001</c:v>
                </c:pt>
                <c:pt idx="2894">
                  <c:v>28.981999999999999</c:v>
                </c:pt>
                <c:pt idx="2895">
                  <c:v>28.991</c:v>
                </c:pt>
                <c:pt idx="2896">
                  <c:v>29.001000000000001</c:v>
                </c:pt>
                <c:pt idx="2897">
                  <c:v>29.010999999999999</c:v>
                </c:pt>
                <c:pt idx="2898">
                  <c:v>29.02</c:v>
                </c:pt>
                <c:pt idx="2899">
                  <c:v>29.03</c:v>
                </c:pt>
                <c:pt idx="2900">
                  <c:v>29.04</c:v>
                </c:pt>
                <c:pt idx="2901">
                  <c:v>29.05</c:v>
                </c:pt>
                <c:pt idx="2902">
                  <c:v>29.06</c:v>
                </c:pt>
                <c:pt idx="2903">
                  <c:v>29.07</c:v>
                </c:pt>
                <c:pt idx="2904">
                  <c:v>29.079000000000001</c:v>
                </c:pt>
                <c:pt idx="2905">
                  <c:v>29.088000000000001</c:v>
                </c:pt>
                <c:pt idx="2906">
                  <c:v>29.099</c:v>
                </c:pt>
                <c:pt idx="2907">
                  <c:v>29.108000000000001</c:v>
                </c:pt>
                <c:pt idx="2908">
                  <c:v>29.119</c:v>
                </c:pt>
                <c:pt idx="2909">
                  <c:v>29.128</c:v>
                </c:pt>
                <c:pt idx="2910">
                  <c:v>29.137</c:v>
                </c:pt>
                <c:pt idx="2911">
                  <c:v>29.148</c:v>
                </c:pt>
                <c:pt idx="2912">
                  <c:v>29.157</c:v>
                </c:pt>
                <c:pt idx="2913">
                  <c:v>29.167000000000002</c:v>
                </c:pt>
                <c:pt idx="2914">
                  <c:v>29.177</c:v>
                </c:pt>
                <c:pt idx="2915">
                  <c:v>29.187000000000001</c:v>
                </c:pt>
                <c:pt idx="2916">
                  <c:v>29.196999999999999</c:v>
                </c:pt>
                <c:pt idx="2917">
                  <c:v>29.207000000000001</c:v>
                </c:pt>
                <c:pt idx="2918">
                  <c:v>29.216000000000001</c:v>
                </c:pt>
                <c:pt idx="2919">
                  <c:v>29.227</c:v>
                </c:pt>
                <c:pt idx="2920">
                  <c:v>29.236000000000001</c:v>
                </c:pt>
                <c:pt idx="2921">
                  <c:v>29.245999999999999</c:v>
                </c:pt>
                <c:pt idx="2922">
                  <c:v>29.254999999999999</c:v>
                </c:pt>
                <c:pt idx="2923">
                  <c:v>29.265000000000001</c:v>
                </c:pt>
                <c:pt idx="2924">
                  <c:v>29.274999999999999</c:v>
                </c:pt>
                <c:pt idx="2925">
                  <c:v>29.285</c:v>
                </c:pt>
                <c:pt idx="2926">
                  <c:v>29.295000000000002</c:v>
                </c:pt>
                <c:pt idx="2927">
                  <c:v>29.305</c:v>
                </c:pt>
                <c:pt idx="2928">
                  <c:v>29.314</c:v>
                </c:pt>
                <c:pt idx="2929">
                  <c:v>29.324000000000002</c:v>
                </c:pt>
                <c:pt idx="2930">
                  <c:v>29.334</c:v>
                </c:pt>
                <c:pt idx="2931">
                  <c:v>29.344000000000001</c:v>
                </c:pt>
                <c:pt idx="2932">
                  <c:v>29.353999999999999</c:v>
                </c:pt>
                <c:pt idx="2933">
                  <c:v>29.361999999999998</c:v>
                </c:pt>
                <c:pt idx="2934">
                  <c:v>29.372</c:v>
                </c:pt>
                <c:pt idx="2935">
                  <c:v>29.382000000000001</c:v>
                </c:pt>
                <c:pt idx="2936">
                  <c:v>29.390999999999998</c:v>
                </c:pt>
                <c:pt idx="2937">
                  <c:v>29.402000000000001</c:v>
                </c:pt>
                <c:pt idx="2938">
                  <c:v>29.411000000000001</c:v>
                </c:pt>
                <c:pt idx="2939">
                  <c:v>29.420999999999999</c:v>
                </c:pt>
                <c:pt idx="2940">
                  <c:v>29.43</c:v>
                </c:pt>
                <c:pt idx="2941">
                  <c:v>29.44</c:v>
                </c:pt>
                <c:pt idx="2942">
                  <c:v>29.45</c:v>
                </c:pt>
                <c:pt idx="2943">
                  <c:v>29.46</c:v>
                </c:pt>
                <c:pt idx="2944">
                  <c:v>29.47</c:v>
                </c:pt>
                <c:pt idx="2945">
                  <c:v>29.48</c:v>
                </c:pt>
                <c:pt idx="2946">
                  <c:v>29.49</c:v>
                </c:pt>
                <c:pt idx="2947">
                  <c:v>29.498999999999999</c:v>
                </c:pt>
                <c:pt idx="2948">
                  <c:v>29.51</c:v>
                </c:pt>
                <c:pt idx="2949">
                  <c:v>29.518999999999998</c:v>
                </c:pt>
                <c:pt idx="2950">
                  <c:v>29.527999999999999</c:v>
                </c:pt>
                <c:pt idx="2951">
                  <c:v>29.539000000000001</c:v>
                </c:pt>
                <c:pt idx="2952">
                  <c:v>29.547999999999998</c:v>
                </c:pt>
                <c:pt idx="2953">
                  <c:v>29.558</c:v>
                </c:pt>
                <c:pt idx="2954">
                  <c:v>29.568000000000001</c:v>
                </c:pt>
                <c:pt idx="2955">
                  <c:v>29.577000000000002</c:v>
                </c:pt>
                <c:pt idx="2956">
                  <c:v>29.588000000000001</c:v>
                </c:pt>
                <c:pt idx="2957">
                  <c:v>29.597999999999999</c:v>
                </c:pt>
                <c:pt idx="2958">
                  <c:v>29.606999999999999</c:v>
                </c:pt>
                <c:pt idx="2959">
                  <c:v>29.617000000000001</c:v>
                </c:pt>
                <c:pt idx="2960">
                  <c:v>29.626999999999999</c:v>
                </c:pt>
                <c:pt idx="2961">
                  <c:v>29.635999999999999</c:v>
                </c:pt>
                <c:pt idx="2962">
                  <c:v>29.646999999999998</c:v>
                </c:pt>
                <c:pt idx="2963">
                  <c:v>29.655999999999999</c:v>
                </c:pt>
                <c:pt idx="2964">
                  <c:v>29.666</c:v>
                </c:pt>
                <c:pt idx="2965">
                  <c:v>29.675999999999998</c:v>
                </c:pt>
                <c:pt idx="2966">
                  <c:v>29.686</c:v>
                </c:pt>
                <c:pt idx="2967">
                  <c:v>29.696000000000002</c:v>
                </c:pt>
                <c:pt idx="2968">
                  <c:v>29.704999999999998</c:v>
                </c:pt>
                <c:pt idx="2969">
                  <c:v>29.716000000000001</c:v>
                </c:pt>
                <c:pt idx="2970">
                  <c:v>29.725000000000001</c:v>
                </c:pt>
                <c:pt idx="2971">
                  <c:v>29.734999999999999</c:v>
                </c:pt>
                <c:pt idx="2972">
                  <c:v>29.745000000000001</c:v>
                </c:pt>
                <c:pt idx="2973">
                  <c:v>29.754999999999999</c:v>
                </c:pt>
                <c:pt idx="2974">
                  <c:v>29.765000000000001</c:v>
                </c:pt>
                <c:pt idx="2975">
                  <c:v>29.774000000000001</c:v>
                </c:pt>
                <c:pt idx="2976">
                  <c:v>29.785</c:v>
                </c:pt>
                <c:pt idx="2977">
                  <c:v>29.794</c:v>
                </c:pt>
                <c:pt idx="2978">
                  <c:v>29.803999999999998</c:v>
                </c:pt>
                <c:pt idx="2979">
                  <c:v>29.814</c:v>
                </c:pt>
                <c:pt idx="2980">
                  <c:v>29.823</c:v>
                </c:pt>
                <c:pt idx="2981">
                  <c:v>29.832999999999998</c:v>
                </c:pt>
                <c:pt idx="2982">
                  <c:v>29.843</c:v>
                </c:pt>
                <c:pt idx="2983">
                  <c:v>29.853000000000002</c:v>
                </c:pt>
                <c:pt idx="2984">
                  <c:v>29.861999999999998</c:v>
                </c:pt>
                <c:pt idx="2985">
                  <c:v>29.873000000000001</c:v>
                </c:pt>
                <c:pt idx="2986">
                  <c:v>29.882000000000001</c:v>
                </c:pt>
                <c:pt idx="2987">
                  <c:v>29.893000000000001</c:v>
                </c:pt>
                <c:pt idx="2988">
                  <c:v>29.902000000000001</c:v>
                </c:pt>
                <c:pt idx="2989">
                  <c:v>29.911999999999999</c:v>
                </c:pt>
                <c:pt idx="2990">
                  <c:v>29.922000000000001</c:v>
                </c:pt>
                <c:pt idx="2991">
                  <c:v>29.931999999999999</c:v>
                </c:pt>
                <c:pt idx="2992">
                  <c:v>29.940999999999999</c:v>
                </c:pt>
                <c:pt idx="2993">
                  <c:v>29.952000000000002</c:v>
                </c:pt>
                <c:pt idx="2994">
                  <c:v>29.960999999999999</c:v>
                </c:pt>
                <c:pt idx="2995">
                  <c:v>29.971</c:v>
                </c:pt>
                <c:pt idx="2996">
                  <c:v>29.981000000000002</c:v>
                </c:pt>
                <c:pt idx="2997">
                  <c:v>29.991</c:v>
                </c:pt>
                <c:pt idx="2998">
                  <c:v>30</c:v>
                </c:pt>
                <c:pt idx="2999">
                  <c:v>30.01</c:v>
                </c:pt>
                <c:pt idx="3000">
                  <c:v>30.021000000000001</c:v>
                </c:pt>
                <c:pt idx="3001">
                  <c:v>30.03</c:v>
                </c:pt>
                <c:pt idx="3002">
                  <c:v>30.04</c:v>
                </c:pt>
                <c:pt idx="3003">
                  <c:v>30.050999999999998</c:v>
                </c:pt>
                <c:pt idx="3004">
                  <c:v>30.06</c:v>
                </c:pt>
                <c:pt idx="3005">
                  <c:v>30.068999999999999</c:v>
                </c:pt>
                <c:pt idx="3006">
                  <c:v>30.08</c:v>
                </c:pt>
                <c:pt idx="3007">
                  <c:v>30.09</c:v>
                </c:pt>
                <c:pt idx="3008">
                  <c:v>30.099</c:v>
                </c:pt>
                <c:pt idx="3009">
                  <c:v>30.11</c:v>
                </c:pt>
                <c:pt idx="3010">
                  <c:v>30.12</c:v>
                </c:pt>
                <c:pt idx="3011">
                  <c:v>30.13</c:v>
                </c:pt>
                <c:pt idx="3012">
                  <c:v>30.138999999999999</c:v>
                </c:pt>
                <c:pt idx="3013">
                  <c:v>30.149000000000001</c:v>
                </c:pt>
                <c:pt idx="3014">
                  <c:v>30.16</c:v>
                </c:pt>
                <c:pt idx="3015">
                  <c:v>30.169</c:v>
                </c:pt>
                <c:pt idx="3016">
                  <c:v>30.178999999999998</c:v>
                </c:pt>
                <c:pt idx="3017">
                  <c:v>30.189</c:v>
                </c:pt>
                <c:pt idx="3018">
                  <c:v>30.199000000000002</c:v>
                </c:pt>
                <c:pt idx="3019">
                  <c:v>30.209</c:v>
                </c:pt>
                <c:pt idx="3020">
                  <c:v>30.219000000000001</c:v>
                </c:pt>
                <c:pt idx="3021">
                  <c:v>30.228999999999999</c:v>
                </c:pt>
                <c:pt idx="3022">
                  <c:v>30.238</c:v>
                </c:pt>
                <c:pt idx="3023">
                  <c:v>30.248999999999999</c:v>
                </c:pt>
                <c:pt idx="3024">
                  <c:v>30.259</c:v>
                </c:pt>
                <c:pt idx="3025">
                  <c:v>30.268000000000001</c:v>
                </c:pt>
                <c:pt idx="3026">
                  <c:v>30.277999999999999</c:v>
                </c:pt>
                <c:pt idx="3027">
                  <c:v>30.288</c:v>
                </c:pt>
                <c:pt idx="3028">
                  <c:v>30.297999999999998</c:v>
                </c:pt>
                <c:pt idx="3029">
                  <c:v>30.309000000000001</c:v>
                </c:pt>
                <c:pt idx="3030">
                  <c:v>30.318000000000001</c:v>
                </c:pt>
                <c:pt idx="3031">
                  <c:v>30.327000000000002</c:v>
                </c:pt>
                <c:pt idx="3032">
                  <c:v>30.338000000000001</c:v>
                </c:pt>
                <c:pt idx="3033">
                  <c:v>30.347999999999999</c:v>
                </c:pt>
                <c:pt idx="3034">
                  <c:v>30.356999999999999</c:v>
                </c:pt>
                <c:pt idx="3035">
                  <c:v>30.367999999999999</c:v>
                </c:pt>
                <c:pt idx="3036">
                  <c:v>30.378</c:v>
                </c:pt>
                <c:pt idx="3037">
                  <c:v>30.387</c:v>
                </c:pt>
                <c:pt idx="3038">
                  <c:v>30.398</c:v>
                </c:pt>
                <c:pt idx="3039">
                  <c:v>30.407</c:v>
                </c:pt>
                <c:pt idx="3040">
                  <c:v>30.416</c:v>
                </c:pt>
                <c:pt idx="3041">
                  <c:v>30.427</c:v>
                </c:pt>
                <c:pt idx="3042">
                  <c:v>30.437000000000001</c:v>
                </c:pt>
                <c:pt idx="3043">
                  <c:v>30.446000000000002</c:v>
                </c:pt>
                <c:pt idx="3044">
                  <c:v>30.457000000000001</c:v>
                </c:pt>
                <c:pt idx="3045">
                  <c:v>30.466999999999999</c:v>
                </c:pt>
                <c:pt idx="3046">
                  <c:v>30.475999999999999</c:v>
                </c:pt>
                <c:pt idx="3047">
                  <c:v>30.486999999999998</c:v>
                </c:pt>
                <c:pt idx="3048">
                  <c:v>30.497</c:v>
                </c:pt>
                <c:pt idx="3049">
                  <c:v>30.507000000000001</c:v>
                </c:pt>
                <c:pt idx="3050">
                  <c:v>30.516999999999999</c:v>
                </c:pt>
                <c:pt idx="3051">
                  <c:v>30.526</c:v>
                </c:pt>
                <c:pt idx="3052">
                  <c:v>30.536999999999999</c:v>
                </c:pt>
                <c:pt idx="3053">
                  <c:v>30.547000000000001</c:v>
                </c:pt>
                <c:pt idx="3054">
                  <c:v>30.556000000000001</c:v>
                </c:pt>
                <c:pt idx="3055">
                  <c:v>30.565999999999999</c:v>
                </c:pt>
                <c:pt idx="3056">
                  <c:v>30.576000000000001</c:v>
                </c:pt>
                <c:pt idx="3057">
                  <c:v>30.585999999999999</c:v>
                </c:pt>
                <c:pt idx="3058">
                  <c:v>30.596</c:v>
                </c:pt>
                <c:pt idx="3059">
                  <c:v>30.606000000000002</c:v>
                </c:pt>
                <c:pt idx="3060">
                  <c:v>30.616</c:v>
                </c:pt>
                <c:pt idx="3061">
                  <c:v>30.625</c:v>
                </c:pt>
                <c:pt idx="3062">
                  <c:v>30.635999999999999</c:v>
                </c:pt>
                <c:pt idx="3063">
                  <c:v>30.645</c:v>
                </c:pt>
                <c:pt idx="3064">
                  <c:v>30.655000000000001</c:v>
                </c:pt>
                <c:pt idx="3065">
                  <c:v>30.664000000000001</c:v>
                </c:pt>
                <c:pt idx="3066">
                  <c:v>30.675000000000001</c:v>
                </c:pt>
                <c:pt idx="3067">
                  <c:v>30.684000000000001</c:v>
                </c:pt>
                <c:pt idx="3068">
                  <c:v>30.695</c:v>
                </c:pt>
                <c:pt idx="3069">
                  <c:v>30.704000000000001</c:v>
                </c:pt>
                <c:pt idx="3070">
                  <c:v>30.713000000000001</c:v>
                </c:pt>
                <c:pt idx="3071">
                  <c:v>30.724</c:v>
                </c:pt>
                <c:pt idx="3072">
                  <c:v>30.734000000000002</c:v>
                </c:pt>
                <c:pt idx="3073">
                  <c:v>30.742999999999999</c:v>
                </c:pt>
                <c:pt idx="3074">
                  <c:v>30.754000000000001</c:v>
                </c:pt>
                <c:pt idx="3075">
                  <c:v>30.763000000000002</c:v>
                </c:pt>
                <c:pt idx="3076">
                  <c:v>30.773</c:v>
                </c:pt>
                <c:pt idx="3077">
                  <c:v>30.783000000000001</c:v>
                </c:pt>
                <c:pt idx="3078">
                  <c:v>30.792999999999999</c:v>
                </c:pt>
                <c:pt idx="3079">
                  <c:v>30.803000000000001</c:v>
                </c:pt>
                <c:pt idx="3080">
                  <c:v>30.812999999999999</c:v>
                </c:pt>
                <c:pt idx="3081">
                  <c:v>30.824000000000002</c:v>
                </c:pt>
                <c:pt idx="3082">
                  <c:v>30.832999999999998</c:v>
                </c:pt>
                <c:pt idx="3083">
                  <c:v>30.844000000000001</c:v>
                </c:pt>
                <c:pt idx="3084">
                  <c:v>30.853000000000002</c:v>
                </c:pt>
                <c:pt idx="3085">
                  <c:v>30.863</c:v>
                </c:pt>
                <c:pt idx="3086">
                  <c:v>30.873000000000001</c:v>
                </c:pt>
                <c:pt idx="3087">
                  <c:v>30.882999999999999</c:v>
                </c:pt>
                <c:pt idx="3088">
                  <c:v>30.891999999999999</c:v>
                </c:pt>
                <c:pt idx="3089">
                  <c:v>30.902999999999999</c:v>
                </c:pt>
                <c:pt idx="3090">
                  <c:v>30.911999999999999</c:v>
                </c:pt>
                <c:pt idx="3091">
                  <c:v>30.922000000000001</c:v>
                </c:pt>
                <c:pt idx="3092">
                  <c:v>30.931999999999999</c:v>
                </c:pt>
                <c:pt idx="3093">
                  <c:v>30.940999999999999</c:v>
                </c:pt>
                <c:pt idx="3094">
                  <c:v>30.952000000000002</c:v>
                </c:pt>
                <c:pt idx="3095">
                  <c:v>30.962</c:v>
                </c:pt>
                <c:pt idx="3096">
                  <c:v>30.972999999999999</c:v>
                </c:pt>
                <c:pt idx="3097">
                  <c:v>30.981999999999999</c:v>
                </c:pt>
                <c:pt idx="3098">
                  <c:v>30.991</c:v>
                </c:pt>
                <c:pt idx="3099">
                  <c:v>31.001999999999999</c:v>
                </c:pt>
                <c:pt idx="3100">
                  <c:v>31.012</c:v>
                </c:pt>
                <c:pt idx="3101">
                  <c:v>31.023</c:v>
                </c:pt>
                <c:pt idx="3102">
                  <c:v>31.032</c:v>
                </c:pt>
                <c:pt idx="3103">
                  <c:v>31.041</c:v>
                </c:pt>
                <c:pt idx="3104">
                  <c:v>31.053000000000001</c:v>
                </c:pt>
                <c:pt idx="3105">
                  <c:v>31.062000000000001</c:v>
                </c:pt>
                <c:pt idx="3106">
                  <c:v>31.071000000000002</c:v>
                </c:pt>
                <c:pt idx="3107">
                  <c:v>31.082000000000001</c:v>
                </c:pt>
                <c:pt idx="3108">
                  <c:v>31.091000000000001</c:v>
                </c:pt>
                <c:pt idx="3109">
                  <c:v>31.102</c:v>
                </c:pt>
                <c:pt idx="3110">
                  <c:v>31.111999999999998</c:v>
                </c:pt>
                <c:pt idx="3111">
                  <c:v>31.120999999999999</c:v>
                </c:pt>
                <c:pt idx="3112">
                  <c:v>31.131</c:v>
                </c:pt>
                <c:pt idx="3113">
                  <c:v>31.140999999999998</c:v>
                </c:pt>
                <c:pt idx="3114">
                  <c:v>31.15</c:v>
                </c:pt>
                <c:pt idx="3115">
                  <c:v>31.16</c:v>
                </c:pt>
                <c:pt idx="3116">
                  <c:v>31.169</c:v>
                </c:pt>
                <c:pt idx="3117">
                  <c:v>31.18</c:v>
                </c:pt>
                <c:pt idx="3118">
                  <c:v>31.19</c:v>
                </c:pt>
                <c:pt idx="3119">
                  <c:v>31.2</c:v>
                </c:pt>
                <c:pt idx="3120">
                  <c:v>31.209</c:v>
                </c:pt>
                <c:pt idx="3121">
                  <c:v>31.218</c:v>
                </c:pt>
                <c:pt idx="3122">
                  <c:v>31.227</c:v>
                </c:pt>
                <c:pt idx="3123">
                  <c:v>31.238</c:v>
                </c:pt>
                <c:pt idx="3124">
                  <c:v>31.248000000000001</c:v>
                </c:pt>
                <c:pt idx="3125">
                  <c:v>31.257000000000001</c:v>
                </c:pt>
                <c:pt idx="3126">
                  <c:v>31.268000000000001</c:v>
                </c:pt>
                <c:pt idx="3127">
                  <c:v>31.277000000000001</c:v>
                </c:pt>
                <c:pt idx="3128">
                  <c:v>31.286999999999999</c:v>
                </c:pt>
                <c:pt idx="3129">
                  <c:v>31.297999999999998</c:v>
                </c:pt>
                <c:pt idx="3130">
                  <c:v>31.306999999999999</c:v>
                </c:pt>
                <c:pt idx="3131">
                  <c:v>31.317</c:v>
                </c:pt>
                <c:pt idx="3132">
                  <c:v>31.327000000000002</c:v>
                </c:pt>
                <c:pt idx="3133">
                  <c:v>31.335999999999999</c:v>
                </c:pt>
                <c:pt idx="3134">
                  <c:v>31.344999999999999</c:v>
                </c:pt>
                <c:pt idx="3135">
                  <c:v>31.356000000000002</c:v>
                </c:pt>
                <c:pt idx="3136">
                  <c:v>31.364999999999998</c:v>
                </c:pt>
                <c:pt idx="3137">
                  <c:v>31.376000000000001</c:v>
                </c:pt>
                <c:pt idx="3138">
                  <c:v>31.385000000000002</c:v>
                </c:pt>
                <c:pt idx="3139">
                  <c:v>31.395</c:v>
                </c:pt>
                <c:pt idx="3140">
                  <c:v>31.405000000000001</c:v>
                </c:pt>
                <c:pt idx="3141">
                  <c:v>31.414999999999999</c:v>
                </c:pt>
                <c:pt idx="3142">
                  <c:v>31.425000000000001</c:v>
                </c:pt>
                <c:pt idx="3143">
                  <c:v>31.434999999999999</c:v>
                </c:pt>
                <c:pt idx="3144">
                  <c:v>31.443999999999999</c:v>
                </c:pt>
                <c:pt idx="3145">
                  <c:v>31.454999999999998</c:v>
                </c:pt>
                <c:pt idx="3146">
                  <c:v>31.463999999999999</c:v>
                </c:pt>
                <c:pt idx="3147">
                  <c:v>31.474</c:v>
                </c:pt>
                <c:pt idx="3148">
                  <c:v>31.483000000000001</c:v>
                </c:pt>
                <c:pt idx="3149">
                  <c:v>31.494</c:v>
                </c:pt>
                <c:pt idx="3150">
                  <c:v>31.504999999999999</c:v>
                </c:pt>
                <c:pt idx="3151">
                  <c:v>31.513000000000002</c:v>
                </c:pt>
                <c:pt idx="3152">
                  <c:v>31.524000000000001</c:v>
                </c:pt>
                <c:pt idx="3153">
                  <c:v>31.533999999999999</c:v>
                </c:pt>
                <c:pt idx="3154">
                  <c:v>31.542999999999999</c:v>
                </c:pt>
                <c:pt idx="3155">
                  <c:v>31.553999999999998</c:v>
                </c:pt>
                <c:pt idx="3156">
                  <c:v>31.562999999999999</c:v>
                </c:pt>
                <c:pt idx="3157">
                  <c:v>31.574000000000002</c:v>
                </c:pt>
                <c:pt idx="3158">
                  <c:v>31.582999999999998</c:v>
                </c:pt>
                <c:pt idx="3159">
                  <c:v>31.593</c:v>
                </c:pt>
                <c:pt idx="3160">
                  <c:v>31.602</c:v>
                </c:pt>
                <c:pt idx="3161">
                  <c:v>31.611999999999998</c:v>
                </c:pt>
                <c:pt idx="3162">
                  <c:v>31.620999999999999</c:v>
                </c:pt>
                <c:pt idx="3163">
                  <c:v>31.632000000000001</c:v>
                </c:pt>
                <c:pt idx="3164">
                  <c:v>31.640999999999998</c:v>
                </c:pt>
                <c:pt idx="3165">
                  <c:v>31.651</c:v>
                </c:pt>
                <c:pt idx="3166">
                  <c:v>31.66</c:v>
                </c:pt>
                <c:pt idx="3167">
                  <c:v>31.670999999999999</c:v>
                </c:pt>
                <c:pt idx="3168">
                  <c:v>31.68</c:v>
                </c:pt>
                <c:pt idx="3169">
                  <c:v>31.69</c:v>
                </c:pt>
                <c:pt idx="3170">
                  <c:v>31.7</c:v>
                </c:pt>
                <c:pt idx="3171">
                  <c:v>31.71</c:v>
                </c:pt>
                <c:pt idx="3172">
                  <c:v>31.72</c:v>
                </c:pt>
                <c:pt idx="3173">
                  <c:v>31.728999999999999</c:v>
                </c:pt>
                <c:pt idx="3174">
                  <c:v>31.738</c:v>
                </c:pt>
                <c:pt idx="3175">
                  <c:v>31.748999999999999</c:v>
                </c:pt>
                <c:pt idx="3176">
                  <c:v>31.757999999999999</c:v>
                </c:pt>
                <c:pt idx="3177">
                  <c:v>31.768999999999998</c:v>
                </c:pt>
                <c:pt idx="3178">
                  <c:v>31.777999999999999</c:v>
                </c:pt>
                <c:pt idx="3179">
                  <c:v>31.788</c:v>
                </c:pt>
                <c:pt idx="3180">
                  <c:v>31.797999999999998</c:v>
                </c:pt>
                <c:pt idx="3181">
                  <c:v>31.806999999999999</c:v>
                </c:pt>
                <c:pt idx="3182">
                  <c:v>31.818000000000001</c:v>
                </c:pt>
                <c:pt idx="3183">
                  <c:v>31.827999999999999</c:v>
                </c:pt>
                <c:pt idx="3184">
                  <c:v>31.837</c:v>
                </c:pt>
                <c:pt idx="3185">
                  <c:v>31.847000000000001</c:v>
                </c:pt>
                <c:pt idx="3186">
                  <c:v>31.856999999999999</c:v>
                </c:pt>
                <c:pt idx="3187">
                  <c:v>31.867000000000001</c:v>
                </c:pt>
                <c:pt idx="3188">
                  <c:v>31.876999999999999</c:v>
                </c:pt>
                <c:pt idx="3189">
                  <c:v>31.887</c:v>
                </c:pt>
                <c:pt idx="3190">
                  <c:v>31.896000000000001</c:v>
                </c:pt>
                <c:pt idx="3191">
                  <c:v>31.905999999999999</c:v>
                </c:pt>
                <c:pt idx="3192">
                  <c:v>31.914999999999999</c:v>
                </c:pt>
                <c:pt idx="3193">
                  <c:v>31.925999999999998</c:v>
                </c:pt>
                <c:pt idx="3194">
                  <c:v>31.936</c:v>
                </c:pt>
                <c:pt idx="3195">
                  <c:v>31.945</c:v>
                </c:pt>
                <c:pt idx="3196">
                  <c:v>31.954999999999998</c:v>
                </c:pt>
                <c:pt idx="3197">
                  <c:v>31.966000000000001</c:v>
                </c:pt>
                <c:pt idx="3198">
                  <c:v>31.975000000000001</c:v>
                </c:pt>
                <c:pt idx="3199">
                  <c:v>31.986000000000001</c:v>
                </c:pt>
                <c:pt idx="3200">
                  <c:v>31.995000000000001</c:v>
                </c:pt>
                <c:pt idx="3201">
                  <c:v>32.005000000000003</c:v>
                </c:pt>
                <c:pt idx="3202">
                  <c:v>32.015000000000001</c:v>
                </c:pt>
                <c:pt idx="3203">
                  <c:v>32.024000000000001</c:v>
                </c:pt>
                <c:pt idx="3204">
                  <c:v>32.034999999999997</c:v>
                </c:pt>
                <c:pt idx="3205">
                  <c:v>32.043999999999997</c:v>
                </c:pt>
                <c:pt idx="3206">
                  <c:v>32.052999999999997</c:v>
                </c:pt>
                <c:pt idx="3207">
                  <c:v>32.064</c:v>
                </c:pt>
                <c:pt idx="3208">
                  <c:v>32.073</c:v>
                </c:pt>
                <c:pt idx="3209">
                  <c:v>32.082999999999998</c:v>
                </c:pt>
                <c:pt idx="3210">
                  <c:v>32.091999999999999</c:v>
                </c:pt>
                <c:pt idx="3211">
                  <c:v>32.103000000000002</c:v>
                </c:pt>
                <c:pt idx="3212">
                  <c:v>32.112000000000002</c:v>
                </c:pt>
                <c:pt idx="3213">
                  <c:v>32.122</c:v>
                </c:pt>
                <c:pt idx="3214">
                  <c:v>32.133000000000003</c:v>
                </c:pt>
                <c:pt idx="3215">
                  <c:v>32.143000000000001</c:v>
                </c:pt>
                <c:pt idx="3216">
                  <c:v>32.152000000000001</c:v>
                </c:pt>
                <c:pt idx="3217">
                  <c:v>32.161999999999999</c:v>
                </c:pt>
                <c:pt idx="3218">
                  <c:v>32.171999999999997</c:v>
                </c:pt>
                <c:pt idx="3219">
                  <c:v>32.182000000000002</c:v>
                </c:pt>
                <c:pt idx="3220">
                  <c:v>32.192</c:v>
                </c:pt>
                <c:pt idx="3221">
                  <c:v>32.201999999999998</c:v>
                </c:pt>
                <c:pt idx="3222">
                  <c:v>32.212000000000003</c:v>
                </c:pt>
                <c:pt idx="3223">
                  <c:v>32.222000000000001</c:v>
                </c:pt>
                <c:pt idx="3224">
                  <c:v>32.231000000000002</c:v>
                </c:pt>
                <c:pt idx="3225">
                  <c:v>32.241</c:v>
                </c:pt>
                <c:pt idx="3226">
                  <c:v>32.252000000000002</c:v>
                </c:pt>
                <c:pt idx="3227">
                  <c:v>32.261000000000003</c:v>
                </c:pt>
                <c:pt idx="3228">
                  <c:v>32.270000000000003</c:v>
                </c:pt>
                <c:pt idx="3229">
                  <c:v>32.28</c:v>
                </c:pt>
                <c:pt idx="3230">
                  <c:v>32.29</c:v>
                </c:pt>
                <c:pt idx="3231">
                  <c:v>32.298999999999999</c:v>
                </c:pt>
                <c:pt idx="3232">
                  <c:v>32.31</c:v>
                </c:pt>
                <c:pt idx="3233">
                  <c:v>32.32</c:v>
                </c:pt>
                <c:pt idx="3234">
                  <c:v>32.33</c:v>
                </c:pt>
                <c:pt idx="3235">
                  <c:v>32.338999999999999</c:v>
                </c:pt>
                <c:pt idx="3236">
                  <c:v>32.35</c:v>
                </c:pt>
                <c:pt idx="3237">
                  <c:v>32.36</c:v>
                </c:pt>
                <c:pt idx="3238">
                  <c:v>32.369</c:v>
                </c:pt>
                <c:pt idx="3239">
                  <c:v>32.380000000000003</c:v>
                </c:pt>
                <c:pt idx="3240">
                  <c:v>32.389000000000003</c:v>
                </c:pt>
                <c:pt idx="3241">
                  <c:v>32.399000000000001</c:v>
                </c:pt>
                <c:pt idx="3242">
                  <c:v>32.408999999999999</c:v>
                </c:pt>
                <c:pt idx="3243">
                  <c:v>32.417999999999999</c:v>
                </c:pt>
                <c:pt idx="3244">
                  <c:v>32.429000000000002</c:v>
                </c:pt>
                <c:pt idx="3245">
                  <c:v>32.438000000000002</c:v>
                </c:pt>
                <c:pt idx="3246">
                  <c:v>32.447000000000003</c:v>
                </c:pt>
                <c:pt idx="3247">
                  <c:v>32.457999999999998</c:v>
                </c:pt>
                <c:pt idx="3248">
                  <c:v>32.466999999999999</c:v>
                </c:pt>
                <c:pt idx="3249">
                  <c:v>32.476999999999997</c:v>
                </c:pt>
                <c:pt idx="3250">
                  <c:v>32.488</c:v>
                </c:pt>
                <c:pt idx="3251">
                  <c:v>32.497</c:v>
                </c:pt>
                <c:pt idx="3252">
                  <c:v>32.506999999999998</c:v>
                </c:pt>
                <c:pt idx="3253">
                  <c:v>32.515999999999998</c:v>
                </c:pt>
                <c:pt idx="3254">
                  <c:v>32.527000000000001</c:v>
                </c:pt>
                <c:pt idx="3255">
                  <c:v>32.536999999999999</c:v>
                </c:pt>
                <c:pt idx="3256">
                  <c:v>32.546999999999997</c:v>
                </c:pt>
                <c:pt idx="3257">
                  <c:v>32.555999999999997</c:v>
                </c:pt>
                <c:pt idx="3258">
                  <c:v>32.566000000000003</c:v>
                </c:pt>
                <c:pt idx="3259">
                  <c:v>32.576000000000001</c:v>
                </c:pt>
                <c:pt idx="3260">
                  <c:v>32.585000000000001</c:v>
                </c:pt>
                <c:pt idx="3261">
                  <c:v>32.595999999999997</c:v>
                </c:pt>
                <c:pt idx="3262">
                  <c:v>32.604999999999997</c:v>
                </c:pt>
                <c:pt idx="3263">
                  <c:v>32.613999999999997</c:v>
                </c:pt>
                <c:pt idx="3264">
                  <c:v>32.625</c:v>
                </c:pt>
                <c:pt idx="3265">
                  <c:v>32.634</c:v>
                </c:pt>
                <c:pt idx="3266">
                  <c:v>32.643999999999998</c:v>
                </c:pt>
                <c:pt idx="3267">
                  <c:v>32.654000000000003</c:v>
                </c:pt>
                <c:pt idx="3268">
                  <c:v>32.664000000000001</c:v>
                </c:pt>
                <c:pt idx="3269">
                  <c:v>32.673000000000002</c:v>
                </c:pt>
                <c:pt idx="3270">
                  <c:v>32.683</c:v>
                </c:pt>
                <c:pt idx="3271">
                  <c:v>32.692</c:v>
                </c:pt>
                <c:pt idx="3272">
                  <c:v>32.703000000000003</c:v>
                </c:pt>
                <c:pt idx="3273">
                  <c:v>32.712000000000003</c:v>
                </c:pt>
                <c:pt idx="3274">
                  <c:v>32.722000000000001</c:v>
                </c:pt>
                <c:pt idx="3275">
                  <c:v>32.731000000000002</c:v>
                </c:pt>
                <c:pt idx="3276">
                  <c:v>32.74</c:v>
                </c:pt>
                <c:pt idx="3277">
                  <c:v>32.749000000000002</c:v>
                </c:pt>
                <c:pt idx="3278">
                  <c:v>32.759</c:v>
                </c:pt>
                <c:pt idx="3279">
                  <c:v>32.768999999999998</c:v>
                </c:pt>
                <c:pt idx="3280">
                  <c:v>32.779000000000003</c:v>
                </c:pt>
                <c:pt idx="3281">
                  <c:v>32.787999999999997</c:v>
                </c:pt>
                <c:pt idx="3282">
                  <c:v>32.798000000000002</c:v>
                </c:pt>
                <c:pt idx="3283">
                  <c:v>32.807000000000002</c:v>
                </c:pt>
                <c:pt idx="3284">
                  <c:v>32.817</c:v>
                </c:pt>
                <c:pt idx="3285">
                  <c:v>32.828000000000003</c:v>
                </c:pt>
                <c:pt idx="3286">
                  <c:v>32.838000000000001</c:v>
                </c:pt>
                <c:pt idx="3287">
                  <c:v>32.847999999999999</c:v>
                </c:pt>
                <c:pt idx="3288">
                  <c:v>32.859000000000002</c:v>
                </c:pt>
                <c:pt idx="3289">
                  <c:v>32.868000000000002</c:v>
                </c:pt>
                <c:pt idx="3290">
                  <c:v>32.878999999999998</c:v>
                </c:pt>
                <c:pt idx="3291">
                  <c:v>32.889000000000003</c:v>
                </c:pt>
                <c:pt idx="3292">
                  <c:v>32.899000000000001</c:v>
                </c:pt>
                <c:pt idx="3293">
                  <c:v>32.909999999999997</c:v>
                </c:pt>
                <c:pt idx="3294">
                  <c:v>32.918999999999997</c:v>
                </c:pt>
                <c:pt idx="3295">
                  <c:v>32.93</c:v>
                </c:pt>
                <c:pt idx="3296">
                  <c:v>32.94</c:v>
                </c:pt>
                <c:pt idx="3297">
                  <c:v>32.951000000000001</c:v>
                </c:pt>
                <c:pt idx="3298">
                  <c:v>32.96</c:v>
                </c:pt>
                <c:pt idx="3299">
                  <c:v>32.970999999999997</c:v>
                </c:pt>
                <c:pt idx="3300">
                  <c:v>32.981000000000002</c:v>
                </c:pt>
                <c:pt idx="3301">
                  <c:v>32.993000000000002</c:v>
                </c:pt>
                <c:pt idx="3302">
                  <c:v>33.003</c:v>
                </c:pt>
                <c:pt idx="3303">
                  <c:v>33.012999999999998</c:v>
                </c:pt>
                <c:pt idx="3304">
                  <c:v>33.024000000000001</c:v>
                </c:pt>
                <c:pt idx="3305">
                  <c:v>33.033999999999999</c:v>
                </c:pt>
                <c:pt idx="3306">
                  <c:v>33.042999999999999</c:v>
                </c:pt>
                <c:pt idx="3307">
                  <c:v>33.052999999999997</c:v>
                </c:pt>
                <c:pt idx="3308">
                  <c:v>33.064</c:v>
                </c:pt>
                <c:pt idx="3309">
                  <c:v>33.073999999999998</c:v>
                </c:pt>
                <c:pt idx="3310">
                  <c:v>33.082999999999998</c:v>
                </c:pt>
                <c:pt idx="3311">
                  <c:v>33.091999999999999</c:v>
                </c:pt>
                <c:pt idx="3312">
                  <c:v>33.103000000000002</c:v>
                </c:pt>
                <c:pt idx="3313">
                  <c:v>33.112000000000002</c:v>
                </c:pt>
                <c:pt idx="3314">
                  <c:v>33.121000000000002</c:v>
                </c:pt>
                <c:pt idx="3315">
                  <c:v>33.131</c:v>
                </c:pt>
                <c:pt idx="3316">
                  <c:v>33.140999999999998</c:v>
                </c:pt>
                <c:pt idx="3317">
                  <c:v>33.151000000000003</c:v>
                </c:pt>
                <c:pt idx="3318">
                  <c:v>33.161000000000001</c:v>
                </c:pt>
                <c:pt idx="3319">
                  <c:v>33.170999999999999</c:v>
                </c:pt>
                <c:pt idx="3320">
                  <c:v>33.18</c:v>
                </c:pt>
                <c:pt idx="3321">
                  <c:v>33.19</c:v>
                </c:pt>
                <c:pt idx="3322">
                  <c:v>33.200000000000003</c:v>
                </c:pt>
                <c:pt idx="3323">
                  <c:v>33.209000000000003</c:v>
                </c:pt>
                <c:pt idx="3324">
                  <c:v>33.219000000000001</c:v>
                </c:pt>
                <c:pt idx="3325">
                  <c:v>33.228999999999999</c:v>
                </c:pt>
                <c:pt idx="3326">
                  <c:v>33.238</c:v>
                </c:pt>
                <c:pt idx="3327">
                  <c:v>33.247</c:v>
                </c:pt>
                <c:pt idx="3328">
                  <c:v>33.256999999999998</c:v>
                </c:pt>
                <c:pt idx="3329">
                  <c:v>33.268000000000001</c:v>
                </c:pt>
                <c:pt idx="3330">
                  <c:v>33.277000000000001</c:v>
                </c:pt>
                <c:pt idx="3331">
                  <c:v>33.286999999999999</c:v>
                </c:pt>
                <c:pt idx="3332">
                  <c:v>33.298000000000002</c:v>
                </c:pt>
                <c:pt idx="3333">
                  <c:v>33.307000000000002</c:v>
                </c:pt>
                <c:pt idx="3334">
                  <c:v>33.317999999999998</c:v>
                </c:pt>
                <c:pt idx="3335">
                  <c:v>33.326999999999998</c:v>
                </c:pt>
                <c:pt idx="3336">
                  <c:v>33.335999999999999</c:v>
                </c:pt>
                <c:pt idx="3337">
                  <c:v>33.347000000000001</c:v>
                </c:pt>
                <c:pt idx="3338">
                  <c:v>33.356000000000002</c:v>
                </c:pt>
                <c:pt idx="3339">
                  <c:v>33.366999999999997</c:v>
                </c:pt>
                <c:pt idx="3340">
                  <c:v>33.375999999999998</c:v>
                </c:pt>
                <c:pt idx="3341">
                  <c:v>33.386000000000003</c:v>
                </c:pt>
                <c:pt idx="3342">
                  <c:v>33.395000000000003</c:v>
                </c:pt>
                <c:pt idx="3343">
                  <c:v>33.405999999999999</c:v>
                </c:pt>
                <c:pt idx="3344">
                  <c:v>33.414999999999999</c:v>
                </c:pt>
                <c:pt idx="3345">
                  <c:v>33.423999999999999</c:v>
                </c:pt>
                <c:pt idx="3346">
                  <c:v>33.435000000000002</c:v>
                </c:pt>
                <c:pt idx="3347">
                  <c:v>33.444000000000003</c:v>
                </c:pt>
                <c:pt idx="3348">
                  <c:v>33.453000000000003</c:v>
                </c:pt>
                <c:pt idx="3349">
                  <c:v>33.463999999999999</c:v>
                </c:pt>
                <c:pt idx="3350">
                  <c:v>33.472999999999999</c:v>
                </c:pt>
                <c:pt idx="3351">
                  <c:v>33.481999999999999</c:v>
                </c:pt>
                <c:pt idx="3352">
                  <c:v>33.493000000000002</c:v>
                </c:pt>
                <c:pt idx="3353">
                  <c:v>33.502000000000002</c:v>
                </c:pt>
                <c:pt idx="3354">
                  <c:v>33.511000000000003</c:v>
                </c:pt>
                <c:pt idx="3355">
                  <c:v>33.521999999999998</c:v>
                </c:pt>
                <c:pt idx="3356">
                  <c:v>33.530999999999999</c:v>
                </c:pt>
                <c:pt idx="3357">
                  <c:v>33.540999999999997</c:v>
                </c:pt>
                <c:pt idx="3358">
                  <c:v>33.549999999999997</c:v>
                </c:pt>
                <c:pt idx="3359">
                  <c:v>33.56</c:v>
                </c:pt>
                <c:pt idx="3360">
                  <c:v>33.569000000000003</c:v>
                </c:pt>
                <c:pt idx="3361">
                  <c:v>33.58</c:v>
                </c:pt>
                <c:pt idx="3362">
                  <c:v>33.588999999999999</c:v>
                </c:pt>
                <c:pt idx="3363">
                  <c:v>33.598999999999997</c:v>
                </c:pt>
                <c:pt idx="3364">
                  <c:v>33.609000000000002</c:v>
                </c:pt>
                <c:pt idx="3365">
                  <c:v>33.618000000000002</c:v>
                </c:pt>
                <c:pt idx="3366">
                  <c:v>33.628</c:v>
                </c:pt>
                <c:pt idx="3367">
                  <c:v>33.637</c:v>
                </c:pt>
                <c:pt idx="3368">
                  <c:v>33.648000000000003</c:v>
                </c:pt>
                <c:pt idx="3369">
                  <c:v>33.656999999999996</c:v>
                </c:pt>
                <c:pt idx="3370">
                  <c:v>33.667999999999999</c:v>
                </c:pt>
                <c:pt idx="3371">
                  <c:v>33.677</c:v>
                </c:pt>
                <c:pt idx="3372">
                  <c:v>33.686</c:v>
                </c:pt>
                <c:pt idx="3373">
                  <c:v>33.697000000000003</c:v>
                </c:pt>
                <c:pt idx="3374">
                  <c:v>33.706000000000003</c:v>
                </c:pt>
                <c:pt idx="3375">
                  <c:v>33.715000000000003</c:v>
                </c:pt>
                <c:pt idx="3376">
                  <c:v>33.725000000000001</c:v>
                </c:pt>
                <c:pt idx="3377">
                  <c:v>33.734999999999999</c:v>
                </c:pt>
                <c:pt idx="3378">
                  <c:v>33.744999999999997</c:v>
                </c:pt>
                <c:pt idx="3379">
                  <c:v>33.753999999999998</c:v>
                </c:pt>
                <c:pt idx="3380">
                  <c:v>33.764000000000003</c:v>
                </c:pt>
                <c:pt idx="3381">
                  <c:v>33.774000000000001</c:v>
                </c:pt>
                <c:pt idx="3382">
                  <c:v>33.783999999999999</c:v>
                </c:pt>
                <c:pt idx="3383">
                  <c:v>33.793999999999997</c:v>
                </c:pt>
                <c:pt idx="3384">
                  <c:v>33.802999999999997</c:v>
                </c:pt>
                <c:pt idx="3385">
                  <c:v>33.814</c:v>
                </c:pt>
                <c:pt idx="3386">
                  <c:v>33.823999999999998</c:v>
                </c:pt>
                <c:pt idx="3387">
                  <c:v>33.834000000000003</c:v>
                </c:pt>
                <c:pt idx="3388">
                  <c:v>33.843000000000004</c:v>
                </c:pt>
                <c:pt idx="3389">
                  <c:v>33.853000000000002</c:v>
                </c:pt>
                <c:pt idx="3390">
                  <c:v>33.863</c:v>
                </c:pt>
                <c:pt idx="3391">
                  <c:v>33.872</c:v>
                </c:pt>
                <c:pt idx="3392">
                  <c:v>33.881999999999998</c:v>
                </c:pt>
                <c:pt idx="3393">
                  <c:v>33.892000000000003</c:v>
                </c:pt>
                <c:pt idx="3394">
                  <c:v>33.901000000000003</c:v>
                </c:pt>
                <c:pt idx="3395">
                  <c:v>33.911999999999999</c:v>
                </c:pt>
                <c:pt idx="3396">
                  <c:v>33.920999999999999</c:v>
                </c:pt>
                <c:pt idx="3397">
                  <c:v>33.930999999999997</c:v>
                </c:pt>
                <c:pt idx="3398">
                  <c:v>33.941000000000003</c:v>
                </c:pt>
                <c:pt idx="3399">
                  <c:v>33.951000000000001</c:v>
                </c:pt>
                <c:pt idx="3400">
                  <c:v>33.960999999999999</c:v>
                </c:pt>
                <c:pt idx="3401">
                  <c:v>33.970999999999997</c:v>
                </c:pt>
                <c:pt idx="3402">
                  <c:v>33.979999999999997</c:v>
                </c:pt>
                <c:pt idx="3403">
                  <c:v>33.99</c:v>
                </c:pt>
                <c:pt idx="3404">
                  <c:v>34</c:v>
                </c:pt>
                <c:pt idx="3405">
                  <c:v>34.01</c:v>
                </c:pt>
                <c:pt idx="3406">
                  <c:v>34.020000000000003</c:v>
                </c:pt>
                <c:pt idx="3407">
                  <c:v>34.030999999999999</c:v>
                </c:pt>
                <c:pt idx="3408">
                  <c:v>34.04</c:v>
                </c:pt>
                <c:pt idx="3409">
                  <c:v>34.048999999999999</c:v>
                </c:pt>
                <c:pt idx="3410">
                  <c:v>34.058999999999997</c:v>
                </c:pt>
                <c:pt idx="3411">
                  <c:v>34.069000000000003</c:v>
                </c:pt>
                <c:pt idx="3412">
                  <c:v>34.079000000000001</c:v>
                </c:pt>
                <c:pt idx="3413">
                  <c:v>34.088999999999999</c:v>
                </c:pt>
                <c:pt idx="3414">
                  <c:v>34.097999999999999</c:v>
                </c:pt>
                <c:pt idx="3415">
                  <c:v>34.107999999999997</c:v>
                </c:pt>
                <c:pt idx="3416">
                  <c:v>34.118000000000002</c:v>
                </c:pt>
                <c:pt idx="3417">
                  <c:v>34.127000000000002</c:v>
                </c:pt>
                <c:pt idx="3418">
                  <c:v>34.137999999999998</c:v>
                </c:pt>
                <c:pt idx="3419">
                  <c:v>34.146999999999998</c:v>
                </c:pt>
                <c:pt idx="3420">
                  <c:v>34.156999999999996</c:v>
                </c:pt>
                <c:pt idx="3421">
                  <c:v>34.167000000000002</c:v>
                </c:pt>
                <c:pt idx="3422">
                  <c:v>34.176000000000002</c:v>
                </c:pt>
                <c:pt idx="3423">
                  <c:v>34.186</c:v>
                </c:pt>
                <c:pt idx="3424">
                  <c:v>34.195999999999998</c:v>
                </c:pt>
                <c:pt idx="3425">
                  <c:v>34.206000000000003</c:v>
                </c:pt>
                <c:pt idx="3426">
                  <c:v>34.216000000000001</c:v>
                </c:pt>
                <c:pt idx="3427">
                  <c:v>34.225999999999999</c:v>
                </c:pt>
                <c:pt idx="3428">
                  <c:v>34.235999999999997</c:v>
                </c:pt>
                <c:pt idx="3429">
                  <c:v>34.244999999999997</c:v>
                </c:pt>
                <c:pt idx="3430">
                  <c:v>34.253999999999998</c:v>
                </c:pt>
                <c:pt idx="3431">
                  <c:v>34.265000000000001</c:v>
                </c:pt>
                <c:pt idx="3432">
                  <c:v>34.274000000000001</c:v>
                </c:pt>
                <c:pt idx="3433">
                  <c:v>34.283999999999999</c:v>
                </c:pt>
                <c:pt idx="3434">
                  <c:v>34.295000000000002</c:v>
                </c:pt>
                <c:pt idx="3435">
                  <c:v>34.304000000000002</c:v>
                </c:pt>
                <c:pt idx="3436">
                  <c:v>34.314</c:v>
                </c:pt>
                <c:pt idx="3437">
                  <c:v>34.323999999999998</c:v>
                </c:pt>
                <c:pt idx="3438">
                  <c:v>34.334000000000003</c:v>
                </c:pt>
                <c:pt idx="3439">
                  <c:v>34.344000000000001</c:v>
                </c:pt>
                <c:pt idx="3440">
                  <c:v>34.353000000000002</c:v>
                </c:pt>
                <c:pt idx="3441">
                  <c:v>34.363</c:v>
                </c:pt>
                <c:pt idx="3442">
                  <c:v>34.372999999999998</c:v>
                </c:pt>
                <c:pt idx="3443">
                  <c:v>34.381999999999998</c:v>
                </c:pt>
                <c:pt idx="3444">
                  <c:v>34.392000000000003</c:v>
                </c:pt>
                <c:pt idx="3445">
                  <c:v>34.401000000000003</c:v>
                </c:pt>
                <c:pt idx="3446">
                  <c:v>34.411000000000001</c:v>
                </c:pt>
                <c:pt idx="3447">
                  <c:v>34.420999999999999</c:v>
                </c:pt>
                <c:pt idx="3448">
                  <c:v>34.43</c:v>
                </c:pt>
                <c:pt idx="3449">
                  <c:v>34.441000000000003</c:v>
                </c:pt>
                <c:pt idx="3450">
                  <c:v>34.451000000000001</c:v>
                </c:pt>
                <c:pt idx="3451">
                  <c:v>34.46</c:v>
                </c:pt>
                <c:pt idx="3452">
                  <c:v>34.47</c:v>
                </c:pt>
                <c:pt idx="3453">
                  <c:v>34.479999999999997</c:v>
                </c:pt>
                <c:pt idx="3454">
                  <c:v>34.488999999999997</c:v>
                </c:pt>
                <c:pt idx="3455">
                  <c:v>34.5</c:v>
                </c:pt>
                <c:pt idx="3456">
                  <c:v>34.51</c:v>
                </c:pt>
                <c:pt idx="3457">
                  <c:v>34.518999999999998</c:v>
                </c:pt>
                <c:pt idx="3458">
                  <c:v>34.529000000000003</c:v>
                </c:pt>
                <c:pt idx="3459">
                  <c:v>34.54</c:v>
                </c:pt>
                <c:pt idx="3460">
                  <c:v>34.548999999999999</c:v>
                </c:pt>
                <c:pt idx="3461">
                  <c:v>34.558999999999997</c:v>
                </c:pt>
                <c:pt idx="3462">
                  <c:v>34.567999999999998</c:v>
                </c:pt>
                <c:pt idx="3463">
                  <c:v>34.579000000000001</c:v>
                </c:pt>
                <c:pt idx="3464">
                  <c:v>34.588000000000001</c:v>
                </c:pt>
                <c:pt idx="3465">
                  <c:v>34.597999999999999</c:v>
                </c:pt>
                <c:pt idx="3466">
                  <c:v>34.607999999999997</c:v>
                </c:pt>
                <c:pt idx="3467">
                  <c:v>34.616999999999997</c:v>
                </c:pt>
                <c:pt idx="3468">
                  <c:v>34.627000000000002</c:v>
                </c:pt>
                <c:pt idx="3469">
                  <c:v>34.637999999999998</c:v>
                </c:pt>
                <c:pt idx="3470">
                  <c:v>34.646999999999998</c:v>
                </c:pt>
                <c:pt idx="3471">
                  <c:v>34.656999999999996</c:v>
                </c:pt>
                <c:pt idx="3472">
                  <c:v>34.665999999999997</c:v>
                </c:pt>
                <c:pt idx="3473">
                  <c:v>34.677</c:v>
                </c:pt>
                <c:pt idx="3474">
                  <c:v>34.686999999999998</c:v>
                </c:pt>
                <c:pt idx="3475">
                  <c:v>34.695999999999998</c:v>
                </c:pt>
                <c:pt idx="3476">
                  <c:v>34.707000000000001</c:v>
                </c:pt>
                <c:pt idx="3477">
                  <c:v>34.716000000000001</c:v>
                </c:pt>
                <c:pt idx="3478">
                  <c:v>34.725999999999999</c:v>
                </c:pt>
                <c:pt idx="3479">
                  <c:v>34.735999999999997</c:v>
                </c:pt>
                <c:pt idx="3480">
                  <c:v>34.746000000000002</c:v>
                </c:pt>
                <c:pt idx="3481">
                  <c:v>34.755000000000003</c:v>
                </c:pt>
                <c:pt idx="3482">
                  <c:v>34.765000000000001</c:v>
                </c:pt>
                <c:pt idx="3483">
                  <c:v>34.774999999999999</c:v>
                </c:pt>
                <c:pt idx="3484">
                  <c:v>34.784999999999997</c:v>
                </c:pt>
                <c:pt idx="3485">
                  <c:v>34.793999999999997</c:v>
                </c:pt>
                <c:pt idx="3486">
                  <c:v>34.805</c:v>
                </c:pt>
                <c:pt idx="3487">
                  <c:v>34.814999999999998</c:v>
                </c:pt>
                <c:pt idx="3488">
                  <c:v>34.823999999999998</c:v>
                </c:pt>
                <c:pt idx="3489">
                  <c:v>34.835000000000001</c:v>
                </c:pt>
                <c:pt idx="3490">
                  <c:v>34.844000000000001</c:v>
                </c:pt>
                <c:pt idx="3491">
                  <c:v>34.853999999999999</c:v>
                </c:pt>
                <c:pt idx="3492">
                  <c:v>34.863999999999997</c:v>
                </c:pt>
                <c:pt idx="3493">
                  <c:v>34.872999999999998</c:v>
                </c:pt>
                <c:pt idx="3494">
                  <c:v>34.884</c:v>
                </c:pt>
                <c:pt idx="3495">
                  <c:v>34.893000000000001</c:v>
                </c:pt>
                <c:pt idx="3496">
                  <c:v>34.902999999999999</c:v>
                </c:pt>
                <c:pt idx="3497">
                  <c:v>34.912999999999997</c:v>
                </c:pt>
                <c:pt idx="3498">
                  <c:v>34.921999999999997</c:v>
                </c:pt>
                <c:pt idx="3499">
                  <c:v>34.932000000000002</c:v>
                </c:pt>
                <c:pt idx="3500">
                  <c:v>34.942</c:v>
                </c:pt>
                <c:pt idx="3501">
                  <c:v>34.951999999999998</c:v>
                </c:pt>
                <c:pt idx="3502">
                  <c:v>34.962000000000003</c:v>
                </c:pt>
                <c:pt idx="3503">
                  <c:v>34.970999999999997</c:v>
                </c:pt>
                <c:pt idx="3504">
                  <c:v>34.981999999999999</c:v>
                </c:pt>
                <c:pt idx="3505">
                  <c:v>34.991</c:v>
                </c:pt>
                <c:pt idx="3506">
                  <c:v>35.000999999999998</c:v>
                </c:pt>
                <c:pt idx="3507">
                  <c:v>35.011000000000003</c:v>
                </c:pt>
                <c:pt idx="3508">
                  <c:v>35.020000000000003</c:v>
                </c:pt>
                <c:pt idx="3509">
                  <c:v>35.030999999999999</c:v>
                </c:pt>
                <c:pt idx="3510">
                  <c:v>35.04</c:v>
                </c:pt>
                <c:pt idx="3511">
                  <c:v>35.049999999999997</c:v>
                </c:pt>
                <c:pt idx="3512">
                  <c:v>35.058999999999997</c:v>
                </c:pt>
                <c:pt idx="3513">
                  <c:v>35.069000000000003</c:v>
                </c:pt>
                <c:pt idx="3514">
                  <c:v>35.078000000000003</c:v>
                </c:pt>
                <c:pt idx="3515">
                  <c:v>35.088000000000001</c:v>
                </c:pt>
                <c:pt idx="3516">
                  <c:v>35.097000000000001</c:v>
                </c:pt>
                <c:pt idx="3517">
                  <c:v>35.106999999999999</c:v>
                </c:pt>
                <c:pt idx="3518">
                  <c:v>35.116</c:v>
                </c:pt>
                <c:pt idx="3519">
                  <c:v>35.127000000000002</c:v>
                </c:pt>
                <c:pt idx="3520">
                  <c:v>35.137</c:v>
                </c:pt>
                <c:pt idx="3521">
                  <c:v>35.146000000000001</c:v>
                </c:pt>
                <c:pt idx="3522">
                  <c:v>35.155999999999999</c:v>
                </c:pt>
                <c:pt idx="3523">
                  <c:v>35.165999999999997</c:v>
                </c:pt>
                <c:pt idx="3524">
                  <c:v>35.176000000000002</c:v>
                </c:pt>
                <c:pt idx="3525">
                  <c:v>35.185000000000002</c:v>
                </c:pt>
                <c:pt idx="3526">
                  <c:v>35.195999999999998</c:v>
                </c:pt>
                <c:pt idx="3527">
                  <c:v>35.204999999999998</c:v>
                </c:pt>
                <c:pt idx="3528">
                  <c:v>35.215000000000003</c:v>
                </c:pt>
                <c:pt idx="3529">
                  <c:v>35.225000000000001</c:v>
                </c:pt>
                <c:pt idx="3530">
                  <c:v>35.234000000000002</c:v>
                </c:pt>
                <c:pt idx="3531">
                  <c:v>35.244</c:v>
                </c:pt>
                <c:pt idx="3532">
                  <c:v>35.253</c:v>
                </c:pt>
                <c:pt idx="3533">
                  <c:v>35.264000000000003</c:v>
                </c:pt>
                <c:pt idx="3534">
                  <c:v>35.273000000000003</c:v>
                </c:pt>
                <c:pt idx="3535">
                  <c:v>35.283000000000001</c:v>
                </c:pt>
                <c:pt idx="3536">
                  <c:v>35.292999999999999</c:v>
                </c:pt>
                <c:pt idx="3537">
                  <c:v>35.302999999999997</c:v>
                </c:pt>
                <c:pt idx="3538">
                  <c:v>35.313000000000002</c:v>
                </c:pt>
                <c:pt idx="3539">
                  <c:v>35.323</c:v>
                </c:pt>
                <c:pt idx="3540">
                  <c:v>35.332000000000001</c:v>
                </c:pt>
                <c:pt idx="3541">
                  <c:v>35.343000000000004</c:v>
                </c:pt>
                <c:pt idx="3542">
                  <c:v>35.351999999999997</c:v>
                </c:pt>
                <c:pt idx="3543">
                  <c:v>35.363</c:v>
                </c:pt>
                <c:pt idx="3544">
                  <c:v>35.372</c:v>
                </c:pt>
                <c:pt idx="3545">
                  <c:v>35.381999999999998</c:v>
                </c:pt>
                <c:pt idx="3546">
                  <c:v>35.392000000000003</c:v>
                </c:pt>
                <c:pt idx="3547">
                  <c:v>35.402000000000001</c:v>
                </c:pt>
                <c:pt idx="3548">
                  <c:v>35.411000000000001</c:v>
                </c:pt>
                <c:pt idx="3549">
                  <c:v>35.421999999999997</c:v>
                </c:pt>
                <c:pt idx="3550">
                  <c:v>35.430999999999997</c:v>
                </c:pt>
                <c:pt idx="3551">
                  <c:v>35.441000000000003</c:v>
                </c:pt>
                <c:pt idx="3552">
                  <c:v>35.451999999999998</c:v>
                </c:pt>
                <c:pt idx="3553">
                  <c:v>35.460999999999999</c:v>
                </c:pt>
                <c:pt idx="3554">
                  <c:v>35.470999999999997</c:v>
                </c:pt>
                <c:pt idx="3555">
                  <c:v>35.479999999999997</c:v>
                </c:pt>
                <c:pt idx="3556">
                  <c:v>35.491</c:v>
                </c:pt>
                <c:pt idx="3557">
                  <c:v>35.500999999999998</c:v>
                </c:pt>
                <c:pt idx="3558">
                  <c:v>35.51</c:v>
                </c:pt>
                <c:pt idx="3559">
                  <c:v>35.518999999999998</c:v>
                </c:pt>
                <c:pt idx="3560">
                  <c:v>35.53</c:v>
                </c:pt>
                <c:pt idx="3561">
                  <c:v>35.539000000000001</c:v>
                </c:pt>
                <c:pt idx="3562">
                  <c:v>35.548999999999999</c:v>
                </c:pt>
                <c:pt idx="3563">
                  <c:v>35.558999999999997</c:v>
                </c:pt>
                <c:pt idx="3564">
                  <c:v>35.569000000000003</c:v>
                </c:pt>
                <c:pt idx="3565">
                  <c:v>35.578000000000003</c:v>
                </c:pt>
                <c:pt idx="3566">
                  <c:v>35.588000000000001</c:v>
                </c:pt>
                <c:pt idx="3567">
                  <c:v>35.597999999999999</c:v>
                </c:pt>
                <c:pt idx="3568">
                  <c:v>35.607999999999997</c:v>
                </c:pt>
                <c:pt idx="3569">
                  <c:v>35.616999999999997</c:v>
                </c:pt>
                <c:pt idx="3570">
                  <c:v>35.628</c:v>
                </c:pt>
                <c:pt idx="3571">
                  <c:v>35.637</c:v>
                </c:pt>
                <c:pt idx="3572">
                  <c:v>35.648000000000003</c:v>
                </c:pt>
                <c:pt idx="3573">
                  <c:v>35.656999999999996</c:v>
                </c:pt>
                <c:pt idx="3574">
                  <c:v>35.665999999999997</c:v>
                </c:pt>
                <c:pt idx="3575">
                  <c:v>35.677</c:v>
                </c:pt>
                <c:pt idx="3576">
                  <c:v>35.686</c:v>
                </c:pt>
                <c:pt idx="3577">
                  <c:v>35.695</c:v>
                </c:pt>
                <c:pt idx="3578">
                  <c:v>35.706000000000003</c:v>
                </c:pt>
                <c:pt idx="3579">
                  <c:v>35.715000000000003</c:v>
                </c:pt>
                <c:pt idx="3580">
                  <c:v>35.725000000000001</c:v>
                </c:pt>
                <c:pt idx="3581">
                  <c:v>35.734999999999999</c:v>
                </c:pt>
                <c:pt idx="3582">
                  <c:v>35.744999999999997</c:v>
                </c:pt>
                <c:pt idx="3583">
                  <c:v>35.753999999999998</c:v>
                </c:pt>
                <c:pt idx="3584">
                  <c:v>35.764000000000003</c:v>
                </c:pt>
                <c:pt idx="3585">
                  <c:v>35.773000000000003</c:v>
                </c:pt>
                <c:pt idx="3586">
                  <c:v>35.783999999999999</c:v>
                </c:pt>
                <c:pt idx="3587">
                  <c:v>35.792999999999999</c:v>
                </c:pt>
                <c:pt idx="3588">
                  <c:v>35.802999999999997</c:v>
                </c:pt>
                <c:pt idx="3589">
                  <c:v>35.814</c:v>
                </c:pt>
                <c:pt idx="3590">
                  <c:v>35.823999999999998</c:v>
                </c:pt>
                <c:pt idx="3591">
                  <c:v>35.832999999999998</c:v>
                </c:pt>
                <c:pt idx="3592">
                  <c:v>35.843000000000004</c:v>
                </c:pt>
                <c:pt idx="3593">
                  <c:v>35.851999999999997</c:v>
                </c:pt>
                <c:pt idx="3594">
                  <c:v>35.863</c:v>
                </c:pt>
                <c:pt idx="3595">
                  <c:v>35.872</c:v>
                </c:pt>
                <c:pt idx="3596">
                  <c:v>35.881999999999998</c:v>
                </c:pt>
                <c:pt idx="3597">
                  <c:v>35.890999999999998</c:v>
                </c:pt>
                <c:pt idx="3598">
                  <c:v>35.902000000000001</c:v>
                </c:pt>
                <c:pt idx="3599">
                  <c:v>35.911000000000001</c:v>
                </c:pt>
                <c:pt idx="3600">
                  <c:v>35.92</c:v>
                </c:pt>
                <c:pt idx="3601">
                  <c:v>35.930999999999997</c:v>
                </c:pt>
                <c:pt idx="3602">
                  <c:v>35.94</c:v>
                </c:pt>
                <c:pt idx="3603">
                  <c:v>35.951000000000001</c:v>
                </c:pt>
                <c:pt idx="3604">
                  <c:v>35.96</c:v>
                </c:pt>
                <c:pt idx="3605">
                  <c:v>35.97</c:v>
                </c:pt>
                <c:pt idx="3606">
                  <c:v>35.981000000000002</c:v>
                </c:pt>
                <c:pt idx="3607">
                  <c:v>35.991</c:v>
                </c:pt>
                <c:pt idx="3608">
                  <c:v>36</c:v>
                </c:pt>
                <c:pt idx="3609">
                  <c:v>36.01</c:v>
                </c:pt>
                <c:pt idx="3610">
                  <c:v>36.020000000000003</c:v>
                </c:pt>
                <c:pt idx="3611">
                  <c:v>36.03</c:v>
                </c:pt>
                <c:pt idx="3612">
                  <c:v>36.039000000000001</c:v>
                </c:pt>
                <c:pt idx="3613">
                  <c:v>36.048999999999999</c:v>
                </c:pt>
                <c:pt idx="3614">
                  <c:v>36.058999999999997</c:v>
                </c:pt>
                <c:pt idx="3615">
                  <c:v>36.069000000000003</c:v>
                </c:pt>
                <c:pt idx="3616">
                  <c:v>36.078000000000003</c:v>
                </c:pt>
                <c:pt idx="3617">
                  <c:v>36.088000000000001</c:v>
                </c:pt>
                <c:pt idx="3618">
                  <c:v>36.097999999999999</c:v>
                </c:pt>
                <c:pt idx="3619">
                  <c:v>36.107999999999997</c:v>
                </c:pt>
                <c:pt idx="3620">
                  <c:v>36.118000000000002</c:v>
                </c:pt>
                <c:pt idx="3621">
                  <c:v>36.128</c:v>
                </c:pt>
                <c:pt idx="3622">
                  <c:v>36.137</c:v>
                </c:pt>
                <c:pt idx="3623">
                  <c:v>36.146999999999998</c:v>
                </c:pt>
                <c:pt idx="3624">
                  <c:v>36.156999999999996</c:v>
                </c:pt>
                <c:pt idx="3625">
                  <c:v>36.167000000000002</c:v>
                </c:pt>
                <c:pt idx="3626">
                  <c:v>36.176000000000002</c:v>
                </c:pt>
                <c:pt idx="3627">
                  <c:v>36.186999999999998</c:v>
                </c:pt>
                <c:pt idx="3628">
                  <c:v>36.195999999999998</c:v>
                </c:pt>
                <c:pt idx="3629">
                  <c:v>36.206000000000003</c:v>
                </c:pt>
                <c:pt idx="3630">
                  <c:v>36.215000000000003</c:v>
                </c:pt>
                <c:pt idx="3631">
                  <c:v>36.225000000000001</c:v>
                </c:pt>
                <c:pt idx="3632">
                  <c:v>36.234999999999999</c:v>
                </c:pt>
                <c:pt idx="3633">
                  <c:v>36.244</c:v>
                </c:pt>
                <c:pt idx="3634">
                  <c:v>36.253999999999998</c:v>
                </c:pt>
                <c:pt idx="3635">
                  <c:v>36.262999999999998</c:v>
                </c:pt>
                <c:pt idx="3636">
                  <c:v>36.273000000000003</c:v>
                </c:pt>
                <c:pt idx="3637">
                  <c:v>36.281999999999996</c:v>
                </c:pt>
                <c:pt idx="3638">
                  <c:v>36.292000000000002</c:v>
                </c:pt>
                <c:pt idx="3639">
                  <c:v>36.301000000000002</c:v>
                </c:pt>
                <c:pt idx="3640">
                  <c:v>36.311999999999998</c:v>
                </c:pt>
                <c:pt idx="3641">
                  <c:v>36.320999999999998</c:v>
                </c:pt>
                <c:pt idx="3642">
                  <c:v>36.331000000000003</c:v>
                </c:pt>
                <c:pt idx="3643">
                  <c:v>36.340000000000003</c:v>
                </c:pt>
                <c:pt idx="3644">
                  <c:v>36.350999999999999</c:v>
                </c:pt>
                <c:pt idx="3645">
                  <c:v>36.36</c:v>
                </c:pt>
                <c:pt idx="3646">
                  <c:v>36.369999999999997</c:v>
                </c:pt>
                <c:pt idx="3647">
                  <c:v>36.378999999999998</c:v>
                </c:pt>
                <c:pt idx="3648">
                  <c:v>36.39</c:v>
                </c:pt>
                <c:pt idx="3649">
                  <c:v>36.399000000000001</c:v>
                </c:pt>
                <c:pt idx="3650">
                  <c:v>36.408999999999999</c:v>
                </c:pt>
                <c:pt idx="3651">
                  <c:v>36.417999999999999</c:v>
                </c:pt>
                <c:pt idx="3652">
                  <c:v>36.429000000000002</c:v>
                </c:pt>
                <c:pt idx="3653">
                  <c:v>36.438000000000002</c:v>
                </c:pt>
                <c:pt idx="3654">
                  <c:v>36.448</c:v>
                </c:pt>
                <c:pt idx="3655">
                  <c:v>36.459000000000003</c:v>
                </c:pt>
                <c:pt idx="3656">
                  <c:v>36.468000000000004</c:v>
                </c:pt>
                <c:pt idx="3657">
                  <c:v>36.478000000000002</c:v>
                </c:pt>
                <c:pt idx="3658">
                  <c:v>36.488</c:v>
                </c:pt>
                <c:pt idx="3659">
                  <c:v>36.497</c:v>
                </c:pt>
                <c:pt idx="3660">
                  <c:v>36.508000000000003</c:v>
                </c:pt>
                <c:pt idx="3661">
                  <c:v>36.517000000000003</c:v>
                </c:pt>
                <c:pt idx="3662">
                  <c:v>36.526000000000003</c:v>
                </c:pt>
                <c:pt idx="3663">
                  <c:v>36.536999999999999</c:v>
                </c:pt>
                <c:pt idx="3664">
                  <c:v>36.545999999999999</c:v>
                </c:pt>
                <c:pt idx="3665">
                  <c:v>36.555</c:v>
                </c:pt>
                <c:pt idx="3666">
                  <c:v>36.564999999999998</c:v>
                </c:pt>
                <c:pt idx="3667">
                  <c:v>36.575000000000003</c:v>
                </c:pt>
                <c:pt idx="3668">
                  <c:v>36.585000000000001</c:v>
                </c:pt>
                <c:pt idx="3669">
                  <c:v>36.594000000000001</c:v>
                </c:pt>
                <c:pt idx="3670">
                  <c:v>36.604999999999997</c:v>
                </c:pt>
                <c:pt idx="3671">
                  <c:v>36.613999999999997</c:v>
                </c:pt>
                <c:pt idx="3672">
                  <c:v>36.624000000000002</c:v>
                </c:pt>
                <c:pt idx="3673">
                  <c:v>36.633000000000003</c:v>
                </c:pt>
                <c:pt idx="3674">
                  <c:v>36.643999999999998</c:v>
                </c:pt>
                <c:pt idx="3675">
                  <c:v>36.652999999999999</c:v>
                </c:pt>
                <c:pt idx="3676">
                  <c:v>36.662999999999997</c:v>
                </c:pt>
                <c:pt idx="3677">
                  <c:v>36.671999999999997</c:v>
                </c:pt>
                <c:pt idx="3678">
                  <c:v>36.682000000000002</c:v>
                </c:pt>
                <c:pt idx="3679">
                  <c:v>36.692999999999998</c:v>
                </c:pt>
                <c:pt idx="3680">
                  <c:v>36.701999999999998</c:v>
                </c:pt>
                <c:pt idx="3681">
                  <c:v>36.712000000000003</c:v>
                </c:pt>
                <c:pt idx="3682">
                  <c:v>36.722000000000001</c:v>
                </c:pt>
                <c:pt idx="3683">
                  <c:v>36.731000000000002</c:v>
                </c:pt>
                <c:pt idx="3684">
                  <c:v>36.74</c:v>
                </c:pt>
                <c:pt idx="3685">
                  <c:v>36.75</c:v>
                </c:pt>
                <c:pt idx="3686">
                  <c:v>36.759</c:v>
                </c:pt>
                <c:pt idx="3687">
                  <c:v>36.770000000000003</c:v>
                </c:pt>
                <c:pt idx="3688">
                  <c:v>36.779000000000003</c:v>
                </c:pt>
                <c:pt idx="3689">
                  <c:v>36.789000000000001</c:v>
                </c:pt>
                <c:pt idx="3690">
                  <c:v>36.798999999999999</c:v>
                </c:pt>
                <c:pt idx="3691">
                  <c:v>36.808999999999997</c:v>
                </c:pt>
                <c:pt idx="3692">
                  <c:v>36.817999999999998</c:v>
                </c:pt>
                <c:pt idx="3693">
                  <c:v>36.829000000000001</c:v>
                </c:pt>
                <c:pt idx="3694">
                  <c:v>36.838000000000001</c:v>
                </c:pt>
                <c:pt idx="3695">
                  <c:v>36.847000000000001</c:v>
                </c:pt>
                <c:pt idx="3696">
                  <c:v>36.857999999999997</c:v>
                </c:pt>
                <c:pt idx="3697">
                  <c:v>36.866999999999997</c:v>
                </c:pt>
                <c:pt idx="3698">
                  <c:v>36.878</c:v>
                </c:pt>
                <c:pt idx="3699">
                  <c:v>36.887</c:v>
                </c:pt>
                <c:pt idx="3700">
                  <c:v>36.896000000000001</c:v>
                </c:pt>
                <c:pt idx="3701">
                  <c:v>36.905999999999999</c:v>
                </c:pt>
                <c:pt idx="3702">
                  <c:v>36.914999999999999</c:v>
                </c:pt>
                <c:pt idx="3703">
                  <c:v>36.924999999999997</c:v>
                </c:pt>
                <c:pt idx="3704">
                  <c:v>36.935000000000002</c:v>
                </c:pt>
                <c:pt idx="3705">
                  <c:v>36.945</c:v>
                </c:pt>
                <c:pt idx="3706">
                  <c:v>36.954000000000001</c:v>
                </c:pt>
                <c:pt idx="3707">
                  <c:v>36.963999999999999</c:v>
                </c:pt>
                <c:pt idx="3708">
                  <c:v>36.972999999999999</c:v>
                </c:pt>
                <c:pt idx="3709">
                  <c:v>36.982999999999997</c:v>
                </c:pt>
                <c:pt idx="3710">
                  <c:v>36.991999999999997</c:v>
                </c:pt>
                <c:pt idx="3711">
                  <c:v>37.002000000000002</c:v>
                </c:pt>
                <c:pt idx="3712">
                  <c:v>37.012</c:v>
                </c:pt>
                <c:pt idx="3713">
                  <c:v>37.021000000000001</c:v>
                </c:pt>
                <c:pt idx="3714">
                  <c:v>37.03</c:v>
                </c:pt>
                <c:pt idx="3715">
                  <c:v>37.040999999999997</c:v>
                </c:pt>
                <c:pt idx="3716">
                  <c:v>37.049999999999997</c:v>
                </c:pt>
                <c:pt idx="3717">
                  <c:v>37.061</c:v>
                </c:pt>
                <c:pt idx="3718">
                  <c:v>37.07</c:v>
                </c:pt>
                <c:pt idx="3719">
                  <c:v>37.08</c:v>
                </c:pt>
                <c:pt idx="3720">
                  <c:v>37.088999999999999</c:v>
                </c:pt>
                <c:pt idx="3721">
                  <c:v>37.097999999999999</c:v>
                </c:pt>
                <c:pt idx="3722">
                  <c:v>37.107999999999997</c:v>
                </c:pt>
                <c:pt idx="3723">
                  <c:v>37.119</c:v>
                </c:pt>
                <c:pt idx="3724">
                  <c:v>37.128</c:v>
                </c:pt>
                <c:pt idx="3725">
                  <c:v>37.139000000000003</c:v>
                </c:pt>
                <c:pt idx="3726">
                  <c:v>37.148000000000003</c:v>
                </c:pt>
                <c:pt idx="3727">
                  <c:v>37.158999999999999</c:v>
                </c:pt>
                <c:pt idx="3728">
                  <c:v>37.167999999999999</c:v>
                </c:pt>
                <c:pt idx="3729">
                  <c:v>37.177999999999997</c:v>
                </c:pt>
                <c:pt idx="3730">
                  <c:v>37.188000000000002</c:v>
                </c:pt>
                <c:pt idx="3731">
                  <c:v>37.198</c:v>
                </c:pt>
                <c:pt idx="3732">
                  <c:v>37.207000000000001</c:v>
                </c:pt>
                <c:pt idx="3733">
                  <c:v>37.218000000000004</c:v>
                </c:pt>
                <c:pt idx="3734">
                  <c:v>37.226999999999997</c:v>
                </c:pt>
                <c:pt idx="3735">
                  <c:v>37.237000000000002</c:v>
                </c:pt>
                <c:pt idx="3736">
                  <c:v>37.246000000000002</c:v>
                </c:pt>
                <c:pt idx="3737">
                  <c:v>37.256</c:v>
                </c:pt>
                <c:pt idx="3738">
                  <c:v>37.267000000000003</c:v>
                </c:pt>
                <c:pt idx="3739">
                  <c:v>37.276000000000003</c:v>
                </c:pt>
                <c:pt idx="3740">
                  <c:v>37.284999999999997</c:v>
                </c:pt>
                <c:pt idx="3741">
                  <c:v>37.295000000000002</c:v>
                </c:pt>
                <c:pt idx="3742">
                  <c:v>37.305</c:v>
                </c:pt>
                <c:pt idx="3743">
                  <c:v>37.314</c:v>
                </c:pt>
                <c:pt idx="3744">
                  <c:v>37.325000000000003</c:v>
                </c:pt>
                <c:pt idx="3745">
                  <c:v>37.334000000000003</c:v>
                </c:pt>
                <c:pt idx="3746">
                  <c:v>37.344000000000001</c:v>
                </c:pt>
                <c:pt idx="3747">
                  <c:v>37.353000000000002</c:v>
                </c:pt>
                <c:pt idx="3748">
                  <c:v>37.363</c:v>
                </c:pt>
                <c:pt idx="3749">
                  <c:v>37.372999999999998</c:v>
                </c:pt>
                <c:pt idx="3750">
                  <c:v>37.381999999999998</c:v>
                </c:pt>
                <c:pt idx="3751">
                  <c:v>37.392000000000003</c:v>
                </c:pt>
                <c:pt idx="3752">
                  <c:v>37.402000000000001</c:v>
                </c:pt>
                <c:pt idx="3753">
                  <c:v>37.411000000000001</c:v>
                </c:pt>
                <c:pt idx="3754">
                  <c:v>37.420999999999999</c:v>
                </c:pt>
                <c:pt idx="3755">
                  <c:v>37.430999999999997</c:v>
                </c:pt>
                <c:pt idx="3756">
                  <c:v>37.441000000000003</c:v>
                </c:pt>
                <c:pt idx="3757">
                  <c:v>37.451000000000001</c:v>
                </c:pt>
                <c:pt idx="3758">
                  <c:v>37.46</c:v>
                </c:pt>
                <c:pt idx="3759">
                  <c:v>37.47</c:v>
                </c:pt>
                <c:pt idx="3760">
                  <c:v>37.479999999999997</c:v>
                </c:pt>
                <c:pt idx="3761">
                  <c:v>37.488</c:v>
                </c:pt>
                <c:pt idx="3762">
                  <c:v>37.499000000000002</c:v>
                </c:pt>
                <c:pt idx="3763">
                  <c:v>37.508000000000003</c:v>
                </c:pt>
                <c:pt idx="3764">
                  <c:v>37.518000000000001</c:v>
                </c:pt>
                <c:pt idx="3765">
                  <c:v>37.527000000000001</c:v>
                </c:pt>
                <c:pt idx="3766">
                  <c:v>37.537999999999997</c:v>
                </c:pt>
                <c:pt idx="3767">
                  <c:v>37.548000000000002</c:v>
                </c:pt>
                <c:pt idx="3768">
                  <c:v>37.555999999999997</c:v>
                </c:pt>
                <c:pt idx="3769">
                  <c:v>37.566000000000003</c:v>
                </c:pt>
                <c:pt idx="3770">
                  <c:v>37.576000000000001</c:v>
                </c:pt>
                <c:pt idx="3771">
                  <c:v>37.585999999999999</c:v>
                </c:pt>
                <c:pt idx="3772">
                  <c:v>37.595999999999997</c:v>
                </c:pt>
                <c:pt idx="3773">
                  <c:v>37.606999999999999</c:v>
                </c:pt>
                <c:pt idx="3774">
                  <c:v>37.616</c:v>
                </c:pt>
                <c:pt idx="3775">
                  <c:v>37.625999999999998</c:v>
                </c:pt>
                <c:pt idx="3776">
                  <c:v>37.634999999999998</c:v>
                </c:pt>
                <c:pt idx="3777">
                  <c:v>37.646000000000001</c:v>
                </c:pt>
                <c:pt idx="3778">
                  <c:v>37.655000000000001</c:v>
                </c:pt>
                <c:pt idx="3779">
                  <c:v>37.664000000000001</c:v>
                </c:pt>
                <c:pt idx="3780">
                  <c:v>37.673999999999999</c:v>
                </c:pt>
                <c:pt idx="3781">
                  <c:v>37.685000000000002</c:v>
                </c:pt>
                <c:pt idx="3782">
                  <c:v>37.694000000000003</c:v>
                </c:pt>
                <c:pt idx="3783">
                  <c:v>37.704999999999998</c:v>
                </c:pt>
                <c:pt idx="3784">
                  <c:v>37.713999999999999</c:v>
                </c:pt>
                <c:pt idx="3785">
                  <c:v>37.722999999999999</c:v>
                </c:pt>
                <c:pt idx="3786">
                  <c:v>37.734000000000002</c:v>
                </c:pt>
                <c:pt idx="3787">
                  <c:v>37.743000000000002</c:v>
                </c:pt>
                <c:pt idx="3788">
                  <c:v>37.753999999999998</c:v>
                </c:pt>
                <c:pt idx="3789">
                  <c:v>37.762999999999998</c:v>
                </c:pt>
                <c:pt idx="3790">
                  <c:v>37.771999999999998</c:v>
                </c:pt>
                <c:pt idx="3791">
                  <c:v>37.783000000000001</c:v>
                </c:pt>
                <c:pt idx="3792">
                  <c:v>37.792000000000002</c:v>
                </c:pt>
                <c:pt idx="3793">
                  <c:v>37.802999999999997</c:v>
                </c:pt>
                <c:pt idx="3794">
                  <c:v>37.811999999999998</c:v>
                </c:pt>
                <c:pt idx="3795">
                  <c:v>37.823</c:v>
                </c:pt>
                <c:pt idx="3796">
                  <c:v>37.832000000000001</c:v>
                </c:pt>
                <c:pt idx="3797">
                  <c:v>37.841999999999999</c:v>
                </c:pt>
                <c:pt idx="3798">
                  <c:v>37.850999999999999</c:v>
                </c:pt>
                <c:pt idx="3799">
                  <c:v>37.862000000000002</c:v>
                </c:pt>
                <c:pt idx="3800">
                  <c:v>37.871000000000002</c:v>
                </c:pt>
                <c:pt idx="3801">
                  <c:v>37.880000000000003</c:v>
                </c:pt>
                <c:pt idx="3802">
                  <c:v>37.890999999999998</c:v>
                </c:pt>
                <c:pt idx="3803">
                  <c:v>37.9</c:v>
                </c:pt>
                <c:pt idx="3804">
                  <c:v>37.909999999999997</c:v>
                </c:pt>
                <c:pt idx="3805">
                  <c:v>37.918999999999997</c:v>
                </c:pt>
                <c:pt idx="3806">
                  <c:v>37.929000000000002</c:v>
                </c:pt>
                <c:pt idx="3807">
                  <c:v>37.939</c:v>
                </c:pt>
                <c:pt idx="3808">
                  <c:v>37.948</c:v>
                </c:pt>
                <c:pt idx="3809">
                  <c:v>37.959000000000003</c:v>
                </c:pt>
                <c:pt idx="3810">
                  <c:v>37.968000000000004</c:v>
                </c:pt>
                <c:pt idx="3811">
                  <c:v>37.978999999999999</c:v>
                </c:pt>
                <c:pt idx="3812">
                  <c:v>37.988</c:v>
                </c:pt>
                <c:pt idx="3813">
                  <c:v>37.997</c:v>
                </c:pt>
                <c:pt idx="3814">
                  <c:v>38.008000000000003</c:v>
                </c:pt>
                <c:pt idx="3815">
                  <c:v>38.017000000000003</c:v>
                </c:pt>
                <c:pt idx="3816">
                  <c:v>38.026000000000003</c:v>
                </c:pt>
                <c:pt idx="3817">
                  <c:v>38.036999999999999</c:v>
                </c:pt>
                <c:pt idx="3818">
                  <c:v>38.045999999999999</c:v>
                </c:pt>
                <c:pt idx="3819">
                  <c:v>38.055</c:v>
                </c:pt>
                <c:pt idx="3820">
                  <c:v>38.064999999999998</c:v>
                </c:pt>
                <c:pt idx="3821">
                  <c:v>38.073999999999998</c:v>
                </c:pt>
                <c:pt idx="3822">
                  <c:v>38.084000000000003</c:v>
                </c:pt>
                <c:pt idx="3823">
                  <c:v>38.093000000000004</c:v>
                </c:pt>
                <c:pt idx="3824">
                  <c:v>38.103999999999999</c:v>
                </c:pt>
                <c:pt idx="3825">
                  <c:v>38.113</c:v>
                </c:pt>
                <c:pt idx="3826">
                  <c:v>38.122999999999998</c:v>
                </c:pt>
                <c:pt idx="3827">
                  <c:v>38.133000000000003</c:v>
                </c:pt>
                <c:pt idx="3828">
                  <c:v>38.143000000000001</c:v>
                </c:pt>
                <c:pt idx="3829">
                  <c:v>38.152999999999999</c:v>
                </c:pt>
                <c:pt idx="3830">
                  <c:v>38.162999999999997</c:v>
                </c:pt>
                <c:pt idx="3831">
                  <c:v>38.173999999999999</c:v>
                </c:pt>
                <c:pt idx="3832">
                  <c:v>38.183</c:v>
                </c:pt>
                <c:pt idx="3833">
                  <c:v>38.192999999999998</c:v>
                </c:pt>
                <c:pt idx="3834">
                  <c:v>38.201999999999998</c:v>
                </c:pt>
                <c:pt idx="3835">
                  <c:v>38.213000000000001</c:v>
                </c:pt>
                <c:pt idx="3836">
                  <c:v>38.222000000000001</c:v>
                </c:pt>
                <c:pt idx="3837">
                  <c:v>38.231999999999999</c:v>
                </c:pt>
                <c:pt idx="3838">
                  <c:v>38.241999999999997</c:v>
                </c:pt>
                <c:pt idx="3839">
                  <c:v>38.250999999999998</c:v>
                </c:pt>
                <c:pt idx="3840">
                  <c:v>38.262</c:v>
                </c:pt>
                <c:pt idx="3841">
                  <c:v>38.271000000000001</c:v>
                </c:pt>
                <c:pt idx="3842">
                  <c:v>38.280999999999999</c:v>
                </c:pt>
                <c:pt idx="3843">
                  <c:v>38.290999999999997</c:v>
                </c:pt>
                <c:pt idx="3844">
                  <c:v>38.301000000000002</c:v>
                </c:pt>
                <c:pt idx="3845">
                  <c:v>38.311</c:v>
                </c:pt>
                <c:pt idx="3846">
                  <c:v>38.320999999999998</c:v>
                </c:pt>
                <c:pt idx="3847">
                  <c:v>38.33</c:v>
                </c:pt>
                <c:pt idx="3848">
                  <c:v>38.341000000000001</c:v>
                </c:pt>
                <c:pt idx="3849">
                  <c:v>38.350999999999999</c:v>
                </c:pt>
                <c:pt idx="3850">
                  <c:v>38.36</c:v>
                </c:pt>
                <c:pt idx="3851">
                  <c:v>38.369999999999997</c:v>
                </c:pt>
                <c:pt idx="3852">
                  <c:v>38.380000000000003</c:v>
                </c:pt>
                <c:pt idx="3853">
                  <c:v>38.39</c:v>
                </c:pt>
                <c:pt idx="3854">
                  <c:v>38.399000000000001</c:v>
                </c:pt>
                <c:pt idx="3855">
                  <c:v>38.409999999999997</c:v>
                </c:pt>
                <c:pt idx="3856">
                  <c:v>38.418999999999997</c:v>
                </c:pt>
                <c:pt idx="3857">
                  <c:v>38.43</c:v>
                </c:pt>
                <c:pt idx="3858">
                  <c:v>38.439</c:v>
                </c:pt>
                <c:pt idx="3859">
                  <c:v>38.448999999999998</c:v>
                </c:pt>
                <c:pt idx="3860">
                  <c:v>38.46</c:v>
                </c:pt>
                <c:pt idx="3861">
                  <c:v>38.469000000000001</c:v>
                </c:pt>
                <c:pt idx="3862">
                  <c:v>38.478999999999999</c:v>
                </c:pt>
                <c:pt idx="3863">
                  <c:v>38.488</c:v>
                </c:pt>
                <c:pt idx="3864">
                  <c:v>38.499000000000002</c:v>
                </c:pt>
                <c:pt idx="3865">
                  <c:v>38.509</c:v>
                </c:pt>
                <c:pt idx="3866">
                  <c:v>38.518000000000001</c:v>
                </c:pt>
                <c:pt idx="3867">
                  <c:v>38.529000000000003</c:v>
                </c:pt>
                <c:pt idx="3868">
                  <c:v>38.537999999999997</c:v>
                </c:pt>
                <c:pt idx="3869">
                  <c:v>38.548000000000002</c:v>
                </c:pt>
                <c:pt idx="3870">
                  <c:v>38.557000000000002</c:v>
                </c:pt>
                <c:pt idx="3871">
                  <c:v>38.567</c:v>
                </c:pt>
                <c:pt idx="3872">
                  <c:v>38.576999999999998</c:v>
                </c:pt>
                <c:pt idx="3873">
                  <c:v>38.587000000000003</c:v>
                </c:pt>
                <c:pt idx="3874">
                  <c:v>38.595999999999997</c:v>
                </c:pt>
                <c:pt idx="3875">
                  <c:v>38.606999999999999</c:v>
                </c:pt>
                <c:pt idx="3876">
                  <c:v>38.615000000000002</c:v>
                </c:pt>
                <c:pt idx="3877">
                  <c:v>38.625</c:v>
                </c:pt>
                <c:pt idx="3878">
                  <c:v>38.636000000000003</c:v>
                </c:pt>
                <c:pt idx="3879">
                  <c:v>38.645000000000003</c:v>
                </c:pt>
                <c:pt idx="3880">
                  <c:v>38.655000000000001</c:v>
                </c:pt>
                <c:pt idx="3881">
                  <c:v>38.664999999999999</c:v>
                </c:pt>
                <c:pt idx="3882">
                  <c:v>38.673999999999999</c:v>
                </c:pt>
                <c:pt idx="3883">
                  <c:v>38.683999999999997</c:v>
                </c:pt>
                <c:pt idx="3884">
                  <c:v>38.694000000000003</c:v>
                </c:pt>
                <c:pt idx="3885">
                  <c:v>38.704000000000001</c:v>
                </c:pt>
                <c:pt idx="3886">
                  <c:v>38.713000000000001</c:v>
                </c:pt>
                <c:pt idx="3887">
                  <c:v>38.723999999999997</c:v>
                </c:pt>
                <c:pt idx="3888">
                  <c:v>38.732999999999997</c:v>
                </c:pt>
                <c:pt idx="3889">
                  <c:v>38.744</c:v>
                </c:pt>
                <c:pt idx="3890">
                  <c:v>38.753</c:v>
                </c:pt>
                <c:pt idx="3891">
                  <c:v>38.762999999999998</c:v>
                </c:pt>
                <c:pt idx="3892">
                  <c:v>38.773000000000003</c:v>
                </c:pt>
                <c:pt idx="3893">
                  <c:v>38.783000000000001</c:v>
                </c:pt>
                <c:pt idx="3894">
                  <c:v>38.792000000000002</c:v>
                </c:pt>
                <c:pt idx="3895">
                  <c:v>38.802999999999997</c:v>
                </c:pt>
                <c:pt idx="3896">
                  <c:v>38.811999999999998</c:v>
                </c:pt>
                <c:pt idx="3897">
                  <c:v>38.823</c:v>
                </c:pt>
                <c:pt idx="3898">
                  <c:v>38.832000000000001</c:v>
                </c:pt>
                <c:pt idx="3899">
                  <c:v>38.841999999999999</c:v>
                </c:pt>
                <c:pt idx="3900">
                  <c:v>38.851999999999997</c:v>
                </c:pt>
                <c:pt idx="3901">
                  <c:v>38.862000000000002</c:v>
                </c:pt>
                <c:pt idx="3902">
                  <c:v>38.872</c:v>
                </c:pt>
                <c:pt idx="3903">
                  <c:v>38.881999999999998</c:v>
                </c:pt>
                <c:pt idx="3904">
                  <c:v>38.890999999999998</c:v>
                </c:pt>
                <c:pt idx="3905">
                  <c:v>38.9</c:v>
                </c:pt>
                <c:pt idx="3906">
                  <c:v>38.909999999999997</c:v>
                </c:pt>
                <c:pt idx="3907">
                  <c:v>38.92</c:v>
                </c:pt>
                <c:pt idx="3908">
                  <c:v>38.93</c:v>
                </c:pt>
                <c:pt idx="3909">
                  <c:v>38.939</c:v>
                </c:pt>
                <c:pt idx="3910">
                  <c:v>38.950000000000003</c:v>
                </c:pt>
                <c:pt idx="3911">
                  <c:v>38.959000000000003</c:v>
                </c:pt>
                <c:pt idx="3912">
                  <c:v>38.969000000000001</c:v>
                </c:pt>
                <c:pt idx="3913">
                  <c:v>38.979999999999997</c:v>
                </c:pt>
                <c:pt idx="3914">
                  <c:v>38.99</c:v>
                </c:pt>
                <c:pt idx="3915">
                  <c:v>38.999000000000002</c:v>
                </c:pt>
                <c:pt idx="3916">
                  <c:v>39.009</c:v>
                </c:pt>
                <c:pt idx="3917">
                  <c:v>39.018999999999998</c:v>
                </c:pt>
                <c:pt idx="3918">
                  <c:v>39.029000000000003</c:v>
                </c:pt>
                <c:pt idx="3919">
                  <c:v>39.039000000000001</c:v>
                </c:pt>
                <c:pt idx="3920">
                  <c:v>39.048999999999999</c:v>
                </c:pt>
                <c:pt idx="3921">
                  <c:v>39.058999999999997</c:v>
                </c:pt>
                <c:pt idx="3922">
                  <c:v>39.069000000000003</c:v>
                </c:pt>
                <c:pt idx="3923">
                  <c:v>39.078000000000003</c:v>
                </c:pt>
                <c:pt idx="3924">
                  <c:v>39.088999999999999</c:v>
                </c:pt>
                <c:pt idx="3925">
                  <c:v>39.097999999999999</c:v>
                </c:pt>
                <c:pt idx="3926">
                  <c:v>39.107999999999997</c:v>
                </c:pt>
                <c:pt idx="3927">
                  <c:v>39.116999999999997</c:v>
                </c:pt>
                <c:pt idx="3928">
                  <c:v>39.127000000000002</c:v>
                </c:pt>
                <c:pt idx="3929">
                  <c:v>39.137</c:v>
                </c:pt>
                <c:pt idx="3930">
                  <c:v>39.148000000000003</c:v>
                </c:pt>
                <c:pt idx="3931">
                  <c:v>39.156999999999996</c:v>
                </c:pt>
                <c:pt idx="3932">
                  <c:v>39.167999999999999</c:v>
                </c:pt>
                <c:pt idx="3933">
                  <c:v>39.177</c:v>
                </c:pt>
                <c:pt idx="3934">
                  <c:v>39.186</c:v>
                </c:pt>
                <c:pt idx="3935">
                  <c:v>39.197000000000003</c:v>
                </c:pt>
                <c:pt idx="3936">
                  <c:v>39.207000000000001</c:v>
                </c:pt>
                <c:pt idx="3937">
                  <c:v>39.216999999999999</c:v>
                </c:pt>
                <c:pt idx="3938">
                  <c:v>39.226999999999997</c:v>
                </c:pt>
                <c:pt idx="3939">
                  <c:v>39.237000000000002</c:v>
                </c:pt>
                <c:pt idx="3940">
                  <c:v>39.246000000000002</c:v>
                </c:pt>
                <c:pt idx="3941">
                  <c:v>39.256999999999998</c:v>
                </c:pt>
                <c:pt idx="3942">
                  <c:v>39.265999999999998</c:v>
                </c:pt>
                <c:pt idx="3943">
                  <c:v>39.277000000000001</c:v>
                </c:pt>
                <c:pt idx="3944">
                  <c:v>39.286000000000001</c:v>
                </c:pt>
                <c:pt idx="3945">
                  <c:v>39.295999999999999</c:v>
                </c:pt>
                <c:pt idx="3946">
                  <c:v>39.305999999999997</c:v>
                </c:pt>
                <c:pt idx="3947">
                  <c:v>39.316000000000003</c:v>
                </c:pt>
                <c:pt idx="3948">
                  <c:v>39.326000000000001</c:v>
                </c:pt>
                <c:pt idx="3949">
                  <c:v>39.335999999999999</c:v>
                </c:pt>
                <c:pt idx="3950">
                  <c:v>39.345999999999997</c:v>
                </c:pt>
                <c:pt idx="3951">
                  <c:v>39.356000000000002</c:v>
                </c:pt>
                <c:pt idx="3952">
                  <c:v>39.366</c:v>
                </c:pt>
                <c:pt idx="3953">
                  <c:v>39.375999999999998</c:v>
                </c:pt>
                <c:pt idx="3954">
                  <c:v>39.386000000000003</c:v>
                </c:pt>
                <c:pt idx="3955">
                  <c:v>39.395000000000003</c:v>
                </c:pt>
                <c:pt idx="3956">
                  <c:v>39.405000000000001</c:v>
                </c:pt>
                <c:pt idx="3957">
                  <c:v>39.414999999999999</c:v>
                </c:pt>
                <c:pt idx="3958">
                  <c:v>39.424999999999997</c:v>
                </c:pt>
                <c:pt idx="3959">
                  <c:v>39.433999999999997</c:v>
                </c:pt>
                <c:pt idx="3960">
                  <c:v>39.444000000000003</c:v>
                </c:pt>
                <c:pt idx="3961">
                  <c:v>39.454000000000001</c:v>
                </c:pt>
                <c:pt idx="3962">
                  <c:v>39.463999999999999</c:v>
                </c:pt>
                <c:pt idx="3963">
                  <c:v>39.475000000000001</c:v>
                </c:pt>
                <c:pt idx="3964">
                  <c:v>39.484000000000002</c:v>
                </c:pt>
                <c:pt idx="3965">
                  <c:v>39.494</c:v>
                </c:pt>
                <c:pt idx="3966">
                  <c:v>39.503999999999998</c:v>
                </c:pt>
                <c:pt idx="3967">
                  <c:v>39.514000000000003</c:v>
                </c:pt>
                <c:pt idx="3968">
                  <c:v>39.524000000000001</c:v>
                </c:pt>
                <c:pt idx="3969">
                  <c:v>39.533999999999999</c:v>
                </c:pt>
                <c:pt idx="3970">
                  <c:v>39.543999999999997</c:v>
                </c:pt>
                <c:pt idx="3971">
                  <c:v>39.552999999999997</c:v>
                </c:pt>
                <c:pt idx="3972">
                  <c:v>39.564</c:v>
                </c:pt>
                <c:pt idx="3973">
                  <c:v>39.573</c:v>
                </c:pt>
                <c:pt idx="3974">
                  <c:v>39.584000000000003</c:v>
                </c:pt>
                <c:pt idx="3975">
                  <c:v>39.593000000000004</c:v>
                </c:pt>
                <c:pt idx="3976">
                  <c:v>39.603000000000002</c:v>
                </c:pt>
                <c:pt idx="3977">
                  <c:v>39.612000000000002</c:v>
                </c:pt>
                <c:pt idx="3978">
                  <c:v>39.622999999999998</c:v>
                </c:pt>
                <c:pt idx="3979">
                  <c:v>39.633000000000003</c:v>
                </c:pt>
                <c:pt idx="3980">
                  <c:v>39.643000000000001</c:v>
                </c:pt>
                <c:pt idx="3981">
                  <c:v>39.652999999999999</c:v>
                </c:pt>
                <c:pt idx="3982">
                  <c:v>39.662999999999997</c:v>
                </c:pt>
                <c:pt idx="3983">
                  <c:v>39.671999999999997</c:v>
                </c:pt>
                <c:pt idx="3984">
                  <c:v>39.682000000000002</c:v>
                </c:pt>
                <c:pt idx="3985">
                  <c:v>39.692999999999998</c:v>
                </c:pt>
                <c:pt idx="3986">
                  <c:v>39.701999999999998</c:v>
                </c:pt>
                <c:pt idx="3987">
                  <c:v>39.712000000000003</c:v>
                </c:pt>
                <c:pt idx="3988">
                  <c:v>39.722999999999999</c:v>
                </c:pt>
                <c:pt idx="3989">
                  <c:v>39.731999999999999</c:v>
                </c:pt>
                <c:pt idx="3990">
                  <c:v>39.741</c:v>
                </c:pt>
                <c:pt idx="3991">
                  <c:v>39.752000000000002</c:v>
                </c:pt>
                <c:pt idx="3992">
                  <c:v>39.762</c:v>
                </c:pt>
                <c:pt idx="3993">
                  <c:v>39.771000000000001</c:v>
                </c:pt>
                <c:pt idx="3994">
                  <c:v>39.781999999999996</c:v>
                </c:pt>
                <c:pt idx="3995">
                  <c:v>39.790999999999997</c:v>
                </c:pt>
                <c:pt idx="3996">
                  <c:v>39.799999999999997</c:v>
                </c:pt>
                <c:pt idx="3997">
                  <c:v>39.811</c:v>
                </c:pt>
                <c:pt idx="3998">
                  <c:v>39.820999999999998</c:v>
                </c:pt>
                <c:pt idx="3999">
                  <c:v>39.831000000000003</c:v>
                </c:pt>
                <c:pt idx="4000">
                  <c:v>39.840000000000003</c:v>
                </c:pt>
                <c:pt idx="4001">
                  <c:v>39.850999999999999</c:v>
                </c:pt>
                <c:pt idx="4002">
                  <c:v>39.860999999999997</c:v>
                </c:pt>
                <c:pt idx="4003">
                  <c:v>39.869999999999997</c:v>
                </c:pt>
                <c:pt idx="4004">
                  <c:v>39.881</c:v>
                </c:pt>
                <c:pt idx="4005">
                  <c:v>39.89</c:v>
                </c:pt>
                <c:pt idx="4006">
                  <c:v>39.9</c:v>
                </c:pt>
                <c:pt idx="4007">
                  <c:v>39.909999999999997</c:v>
                </c:pt>
                <c:pt idx="4008">
                  <c:v>39.918999999999997</c:v>
                </c:pt>
                <c:pt idx="4009">
                  <c:v>39.929000000000002</c:v>
                </c:pt>
                <c:pt idx="4010">
                  <c:v>39.94</c:v>
                </c:pt>
                <c:pt idx="4011">
                  <c:v>39.948999999999998</c:v>
                </c:pt>
                <c:pt idx="4012">
                  <c:v>39.959000000000003</c:v>
                </c:pt>
                <c:pt idx="4013">
                  <c:v>39.968000000000004</c:v>
                </c:pt>
                <c:pt idx="4014">
                  <c:v>39.978999999999999</c:v>
                </c:pt>
                <c:pt idx="4015">
                  <c:v>39.988999999999997</c:v>
                </c:pt>
                <c:pt idx="4016">
                  <c:v>39.997999999999998</c:v>
                </c:pt>
                <c:pt idx="4017">
                  <c:v>40.009</c:v>
                </c:pt>
                <c:pt idx="4018">
                  <c:v>40.018000000000001</c:v>
                </c:pt>
                <c:pt idx="4019">
                  <c:v>40.029000000000003</c:v>
                </c:pt>
                <c:pt idx="4020">
                  <c:v>40.037999999999997</c:v>
                </c:pt>
                <c:pt idx="4021">
                  <c:v>40.048000000000002</c:v>
                </c:pt>
                <c:pt idx="4022">
                  <c:v>40.057000000000002</c:v>
                </c:pt>
                <c:pt idx="4023">
                  <c:v>40.067</c:v>
                </c:pt>
                <c:pt idx="4024">
                  <c:v>40.078000000000003</c:v>
                </c:pt>
                <c:pt idx="4025">
                  <c:v>40.087000000000003</c:v>
                </c:pt>
                <c:pt idx="4026">
                  <c:v>40.097999999999999</c:v>
                </c:pt>
                <c:pt idx="4027">
                  <c:v>40.106999999999999</c:v>
                </c:pt>
                <c:pt idx="4028">
                  <c:v>40.116999999999997</c:v>
                </c:pt>
                <c:pt idx="4029">
                  <c:v>40.127000000000002</c:v>
                </c:pt>
                <c:pt idx="4030">
                  <c:v>40.136000000000003</c:v>
                </c:pt>
                <c:pt idx="4031">
                  <c:v>40.146000000000001</c:v>
                </c:pt>
                <c:pt idx="4032">
                  <c:v>40.155999999999999</c:v>
                </c:pt>
                <c:pt idx="4033">
                  <c:v>40.165999999999997</c:v>
                </c:pt>
                <c:pt idx="4034">
                  <c:v>40.176000000000002</c:v>
                </c:pt>
                <c:pt idx="4035">
                  <c:v>40.186</c:v>
                </c:pt>
                <c:pt idx="4036">
                  <c:v>40.195</c:v>
                </c:pt>
                <c:pt idx="4037">
                  <c:v>40.206000000000003</c:v>
                </c:pt>
                <c:pt idx="4038">
                  <c:v>40.215000000000003</c:v>
                </c:pt>
                <c:pt idx="4039">
                  <c:v>40.225000000000001</c:v>
                </c:pt>
                <c:pt idx="4040">
                  <c:v>40.234999999999999</c:v>
                </c:pt>
                <c:pt idx="4041">
                  <c:v>40.244</c:v>
                </c:pt>
                <c:pt idx="4042">
                  <c:v>40.255000000000003</c:v>
                </c:pt>
                <c:pt idx="4043">
                  <c:v>40.264000000000003</c:v>
                </c:pt>
                <c:pt idx="4044">
                  <c:v>40.274000000000001</c:v>
                </c:pt>
                <c:pt idx="4045">
                  <c:v>40.283999999999999</c:v>
                </c:pt>
                <c:pt idx="4046">
                  <c:v>40.295000000000002</c:v>
                </c:pt>
                <c:pt idx="4047">
                  <c:v>40.304000000000002</c:v>
                </c:pt>
                <c:pt idx="4048">
                  <c:v>40.314</c:v>
                </c:pt>
                <c:pt idx="4049">
                  <c:v>40.323999999999998</c:v>
                </c:pt>
                <c:pt idx="4050">
                  <c:v>40.334000000000003</c:v>
                </c:pt>
                <c:pt idx="4051">
                  <c:v>40.344000000000001</c:v>
                </c:pt>
                <c:pt idx="4052">
                  <c:v>40.353000000000002</c:v>
                </c:pt>
                <c:pt idx="4053">
                  <c:v>40.363999999999997</c:v>
                </c:pt>
                <c:pt idx="4054">
                  <c:v>40.372999999999998</c:v>
                </c:pt>
                <c:pt idx="4055">
                  <c:v>40.383000000000003</c:v>
                </c:pt>
                <c:pt idx="4056">
                  <c:v>40.392000000000003</c:v>
                </c:pt>
                <c:pt idx="4057">
                  <c:v>40.402000000000001</c:v>
                </c:pt>
                <c:pt idx="4058">
                  <c:v>40.411999999999999</c:v>
                </c:pt>
                <c:pt idx="4059">
                  <c:v>40.421999999999997</c:v>
                </c:pt>
                <c:pt idx="4060">
                  <c:v>40.432000000000002</c:v>
                </c:pt>
                <c:pt idx="4061">
                  <c:v>40.442</c:v>
                </c:pt>
                <c:pt idx="4062">
                  <c:v>40.451999999999998</c:v>
                </c:pt>
                <c:pt idx="4063">
                  <c:v>40.462000000000003</c:v>
                </c:pt>
                <c:pt idx="4064">
                  <c:v>40.472999999999999</c:v>
                </c:pt>
                <c:pt idx="4065">
                  <c:v>40.481999999999999</c:v>
                </c:pt>
                <c:pt idx="4066">
                  <c:v>40.491999999999997</c:v>
                </c:pt>
                <c:pt idx="4067">
                  <c:v>40.502000000000002</c:v>
                </c:pt>
                <c:pt idx="4068">
                  <c:v>40.511000000000003</c:v>
                </c:pt>
                <c:pt idx="4069">
                  <c:v>40.521999999999998</c:v>
                </c:pt>
                <c:pt idx="4070">
                  <c:v>40.531999999999996</c:v>
                </c:pt>
                <c:pt idx="4071">
                  <c:v>40.540999999999997</c:v>
                </c:pt>
                <c:pt idx="4072">
                  <c:v>40.551000000000002</c:v>
                </c:pt>
                <c:pt idx="4073">
                  <c:v>40.561</c:v>
                </c:pt>
                <c:pt idx="4074">
                  <c:v>40.57</c:v>
                </c:pt>
                <c:pt idx="4075">
                  <c:v>40.581000000000003</c:v>
                </c:pt>
                <c:pt idx="4076">
                  <c:v>40.590000000000003</c:v>
                </c:pt>
                <c:pt idx="4077">
                  <c:v>40.600999999999999</c:v>
                </c:pt>
                <c:pt idx="4078">
                  <c:v>40.61</c:v>
                </c:pt>
                <c:pt idx="4079">
                  <c:v>40.619999999999997</c:v>
                </c:pt>
                <c:pt idx="4080">
                  <c:v>40.628999999999998</c:v>
                </c:pt>
                <c:pt idx="4081">
                  <c:v>40.639000000000003</c:v>
                </c:pt>
                <c:pt idx="4082">
                  <c:v>40.65</c:v>
                </c:pt>
                <c:pt idx="4083">
                  <c:v>40.658999999999999</c:v>
                </c:pt>
                <c:pt idx="4084">
                  <c:v>40.668999999999997</c:v>
                </c:pt>
                <c:pt idx="4085">
                  <c:v>40.68</c:v>
                </c:pt>
                <c:pt idx="4086">
                  <c:v>40.689</c:v>
                </c:pt>
                <c:pt idx="4087">
                  <c:v>40.698999999999998</c:v>
                </c:pt>
                <c:pt idx="4088">
                  <c:v>40.709000000000003</c:v>
                </c:pt>
                <c:pt idx="4089">
                  <c:v>40.718000000000004</c:v>
                </c:pt>
                <c:pt idx="4090">
                  <c:v>40.728999999999999</c:v>
                </c:pt>
                <c:pt idx="4091">
                  <c:v>40.738</c:v>
                </c:pt>
                <c:pt idx="4092">
                  <c:v>40.747</c:v>
                </c:pt>
                <c:pt idx="4093">
                  <c:v>40.758000000000003</c:v>
                </c:pt>
                <c:pt idx="4094">
                  <c:v>40.767000000000003</c:v>
                </c:pt>
                <c:pt idx="4095">
                  <c:v>40.777000000000001</c:v>
                </c:pt>
                <c:pt idx="4096">
                  <c:v>40.786999999999999</c:v>
                </c:pt>
                <c:pt idx="4097">
                  <c:v>40.796999999999997</c:v>
                </c:pt>
                <c:pt idx="4098">
                  <c:v>40.807000000000002</c:v>
                </c:pt>
                <c:pt idx="4099">
                  <c:v>40.816000000000003</c:v>
                </c:pt>
                <c:pt idx="4100">
                  <c:v>40.826999999999998</c:v>
                </c:pt>
                <c:pt idx="4101">
                  <c:v>40.835999999999999</c:v>
                </c:pt>
                <c:pt idx="4102">
                  <c:v>40.845999999999997</c:v>
                </c:pt>
                <c:pt idx="4103">
                  <c:v>40.856999999999999</c:v>
                </c:pt>
                <c:pt idx="4104">
                  <c:v>40.866</c:v>
                </c:pt>
                <c:pt idx="4105">
                  <c:v>40.875999999999998</c:v>
                </c:pt>
                <c:pt idx="4106">
                  <c:v>40.884999999999998</c:v>
                </c:pt>
                <c:pt idx="4107">
                  <c:v>40.895000000000003</c:v>
                </c:pt>
                <c:pt idx="4108">
                  <c:v>40.905000000000001</c:v>
                </c:pt>
                <c:pt idx="4109">
                  <c:v>40.912999999999997</c:v>
                </c:pt>
                <c:pt idx="4110">
                  <c:v>40.923000000000002</c:v>
                </c:pt>
                <c:pt idx="4111">
                  <c:v>40.933</c:v>
                </c:pt>
                <c:pt idx="4112">
                  <c:v>40.942999999999998</c:v>
                </c:pt>
                <c:pt idx="4113">
                  <c:v>40.953000000000003</c:v>
                </c:pt>
                <c:pt idx="4114">
                  <c:v>40.962000000000003</c:v>
                </c:pt>
                <c:pt idx="4115">
                  <c:v>40.972999999999999</c:v>
                </c:pt>
                <c:pt idx="4116">
                  <c:v>40.982999999999997</c:v>
                </c:pt>
                <c:pt idx="4117">
                  <c:v>40.991999999999997</c:v>
                </c:pt>
                <c:pt idx="4118">
                  <c:v>41.002000000000002</c:v>
                </c:pt>
                <c:pt idx="4119">
                  <c:v>41.012</c:v>
                </c:pt>
                <c:pt idx="4120">
                  <c:v>41.021999999999998</c:v>
                </c:pt>
                <c:pt idx="4121">
                  <c:v>41.031999999999996</c:v>
                </c:pt>
                <c:pt idx="4122">
                  <c:v>41.040999999999997</c:v>
                </c:pt>
                <c:pt idx="4123">
                  <c:v>41.051000000000002</c:v>
                </c:pt>
                <c:pt idx="4124">
                  <c:v>41.06</c:v>
                </c:pt>
                <c:pt idx="4125">
                  <c:v>41.070999999999998</c:v>
                </c:pt>
                <c:pt idx="4126">
                  <c:v>41.08</c:v>
                </c:pt>
                <c:pt idx="4127">
                  <c:v>41.09</c:v>
                </c:pt>
                <c:pt idx="4128">
                  <c:v>41.098999999999997</c:v>
                </c:pt>
                <c:pt idx="4129">
                  <c:v>41.109000000000002</c:v>
                </c:pt>
                <c:pt idx="4130">
                  <c:v>41.118000000000002</c:v>
                </c:pt>
                <c:pt idx="4131">
                  <c:v>41.128</c:v>
                </c:pt>
                <c:pt idx="4132">
                  <c:v>41.137999999999998</c:v>
                </c:pt>
                <c:pt idx="4133">
                  <c:v>41.146999999999998</c:v>
                </c:pt>
                <c:pt idx="4134">
                  <c:v>41.156999999999996</c:v>
                </c:pt>
                <c:pt idx="4135">
                  <c:v>41.167999999999999</c:v>
                </c:pt>
                <c:pt idx="4136">
                  <c:v>41.177</c:v>
                </c:pt>
                <c:pt idx="4137">
                  <c:v>41.186999999999998</c:v>
                </c:pt>
                <c:pt idx="4138">
                  <c:v>41.195999999999998</c:v>
                </c:pt>
                <c:pt idx="4139">
                  <c:v>41.207000000000001</c:v>
                </c:pt>
                <c:pt idx="4140">
                  <c:v>41.216999999999999</c:v>
                </c:pt>
                <c:pt idx="4141">
                  <c:v>41.225999999999999</c:v>
                </c:pt>
                <c:pt idx="4142">
                  <c:v>41.237000000000002</c:v>
                </c:pt>
                <c:pt idx="4143">
                  <c:v>41.246000000000002</c:v>
                </c:pt>
                <c:pt idx="4144">
                  <c:v>41.255000000000003</c:v>
                </c:pt>
                <c:pt idx="4145">
                  <c:v>41.265999999999998</c:v>
                </c:pt>
                <c:pt idx="4146">
                  <c:v>41.274999999999999</c:v>
                </c:pt>
                <c:pt idx="4147">
                  <c:v>41.284999999999997</c:v>
                </c:pt>
                <c:pt idx="4148">
                  <c:v>41.293999999999997</c:v>
                </c:pt>
                <c:pt idx="4149">
                  <c:v>41.305</c:v>
                </c:pt>
                <c:pt idx="4150">
                  <c:v>41.314999999999998</c:v>
                </c:pt>
                <c:pt idx="4151">
                  <c:v>41.325000000000003</c:v>
                </c:pt>
                <c:pt idx="4152">
                  <c:v>41.334000000000003</c:v>
                </c:pt>
                <c:pt idx="4153">
                  <c:v>41.344999999999999</c:v>
                </c:pt>
                <c:pt idx="4154">
                  <c:v>41.353999999999999</c:v>
                </c:pt>
                <c:pt idx="4155">
                  <c:v>41.363</c:v>
                </c:pt>
                <c:pt idx="4156">
                  <c:v>41.372999999999998</c:v>
                </c:pt>
                <c:pt idx="4157">
                  <c:v>41.384</c:v>
                </c:pt>
                <c:pt idx="4158">
                  <c:v>41.393000000000001</c:v>
                </c:pt>
                <c:pt idx="4159">
                  <c:v>41.402000000000001</c:v>
                </c:pt>
                <c:pt idx="4160">
                  <c:v>41.411999999999999</c:v>
                </c:pt>
                <c:pt idx="4161">
                  <c:v>41.421999999999997</c:v>
                </c:pt>
                <c:pt idx="4162">
                  <c:v>41.432000000000002</c:v>
                </c:pt>
                <c:pt idx="4163">
                  <c:v>41.441000000000003</c:v>
                </c:pt>
                <c:pt idx="4164">
                  <c:v>41.45</c:v>
                </c:pt>
                <c:pt idx="4165">
                  <c:v>41.46</c:v>
                </c:pt>
                <c:pt idx="4166">
                  <c:v>41.470999999999997</c:v>
                </c:pt>
                <c:pt idx="4167">
                  <c:v>41.481000000000002</c:v>
                </c:pt>
                <c:pt idx="4168">
                  <c:v>41.49</c:v>
                </c:pt>
                <c:pt idx="4169">
                  <c:v>41.5</c:v>
                </c:pt>
                <c:pt idx="4170">
                  <c:v>41.511000000000003</c:v>
                </c:pt>
                <c:pt idx="4171">
                  <c:v>41.52</c:v>
                </c:pt>
                <c:pt idx="4172">
                  <c:v>41.53</c:v>
                </c:pt>
                <c:pt idx="4173">
                  <c:v>41.539000000000001</c:v>
                </c:pt>
                <c:pt idx="4174">
                  <c:v>41.55</c:v>
                </c:pt>
                <c:pt idx="4175">
                  <c:v>41.558999999999997</c:v>
                </c:pt>
                <c:pt idx="4176">
                  <c:v>41.567999999999998</c:v>
                </c:pt>
                <c:pt idx="4177">
                  <c:v>41.578000000000003</c:v>
                </c:pt>
                <c:pt idx="4178">
                  <c:v>41.588000000000001</c:v>
                </c:pt>
                <c:pt idx="4179">
                  <c:v>41.597999999999999</c:v>
                </c:pt>
                <c:pt idx="4180">
                  <c:v>41.606999999999999</c:v>
                </c:pt>
                <c:pt idx="4181">
                  <c:v>41.618000000000002</c:v>
                </c:pt>
                <c:pt idx="4182">
                  <c:v>41.628</c:v>
                </c:pt>
                <c:pt idx="4183">
                  <c:v>41.637</c:v>
                </c:pt>
                <c:pt idx="4184">
                  <c:v>41.648000000000003</c:v>
                </c:pt>
                <c:pt idx="4185">
                  <c:v>41.656999999999996</c:v>
                </c:pt>
                <c:pt idx="4186">
                  <c:v>41.667000000000002</c:v>
                </c:pt>
                <c:pt idx="4187">
                  <c:v>41.676000000000002</c:v>
                </c:pt>
                <c:pt idx="4188">
                  <c:v>41.686999999999998</c:v>
                </c:pt>
                <c:pt idx="4189">
                  <c:v>41.695999999999998</c:v>
                </c:pt>
                <c:pt idx="4190">
                  <c:v>41.706000000000003</c:v>
                </c:pt>
                <c:pt idx="4191">
                  <c:v>41.715000000000003</c:v>
                </c:pt>
                <c:pt idx="4192">
                  <c:v>41.725000000000001</c:v>
                </c:pt>
                <c:pt idx="4193">
                  <c:v>41.734999999999999</c:v>
                </c:pt>
                <c:pt idx="4194">
                  <c:v>41.744</c:v>
                </c:pt>
                <c:pt idx="4195">
                  <c:v>41.753999999999998</c:v>
                </c:pt>
                <c:pt idx="4196">
                  <c:v>41.762999999999998</c:v>
                </c:pt>
                <c:pt idx="4197">
                  <c:v>41.773000000000003</c:v>
                </c:pt>
                <c:pt idx="4198">
                  <c:v>41.783000000000001</c:v>
                </c:pt>
                <c:pt idx="4199">
                  <c:v>41.792999999999999</c:v>
                </c:pt>
                <c:pt idx="4200">
                  <c:v>41.802</c:v>
                </c:pt>
                <c:pt idx="4201">
                  <c:v>41.813000000000002</c:v>
                </c:pt>
                <c:pt idx="4202">
                  <c:v>41.823</c:v>
                </c:pt>
                <c:pt idx="4203">
                  <c:v>41.832000000000001</c:v>
                </c:pt>
                <c:pt idx="4204">
                  <c:v>41.841000000000001</c:v>
                </c:pt>
                <c:pt idx="4205">
                  <c:v>41.851999999999997</c:v>
                </c:pt>
                <c:pt idx="4206">
                  <c:v>41.862000000000002</c:v>
                </c:pt>
                <c:pt idx="4207">
                  <c:v>41.871000000000002</c:v>
                </c:pt>
                <c:pt idx="4208">
                  <c:v>41.88</c:v>
                </c:pt>
                <c:pt idx="4209">
                  <c:v>41.890999999999998</c:v>
                </c:pt>
                <c:pt idx="4210">
                  <c:v>41.9</c:v>
                </c:pt>
                <c:pt idx="4211">
                  <c:v>41.908999999999999</c:v>
                </c:pt>
                <c:pt idx="4212">
                  <c:v>41.918999999999997</c:v>
                </c:pt>
                <c:pt idx="4213">
                  <c:v>41.929000000000002</c:v>
                </c:pt>
                <c:pt idx="4214">
                  <c:v>41.938000000000002</c:v>
                </c:pt>
                <c:pt idx="4215">
                  <c:v>41.948</c:v>
                </c:pt>
                <c:pt idx="4216">
                  <c:v>41.957999999999998</c:v>
                </c:pt>
                <c:pt idx="4217">
                  <c:v>41.968000000000004</c:v>
                </c:pt>
                <c:pt idx="4218">
                  <c:v>41.978000000000002</c:v>
                </c:pt>
                <c:pt idx="4219">
                  <c:v>41.987000000000002</c:v>
                </c:pt>
                <c:pt idx="4220">
                  <c:v>41.997</c:v>
                </c:pt>
                <c:pt idx="4221">
                  <c:v>42.008000000000003</c:v>
                </c:pt>
                <c:pt idx="4222">
                  <c:v>42.017000000000003</c:v>
                </c:pt>
                <c:pt idx="4223">
                  <c:v>42.027000000000001</c:v>
                </c:pt>
                <c:pt idx="4224">
                  <c:v>42.036000000000001</c:v>
                </c:pt>
                <c:pt idx="4225">
                  <c:v>42.045999999999999</c:v>
                </c:pt>
                <c:pt idx="4226">
                  <c:v>42.055999999999997</c:v>
                </c:pt>
                <c:pt idx="4227">
                  <c:v>42.066000000000003</c:v>
                </c:pt>
                <c:pt idx="4228">
                  <c:v>42.075000000000003</c:v>
                </c:pt>
                <c:pt idx="4229">
                  <c:v>42.085000000000001</c:v>
                </c:pt>
                <c:pt idx="4230">
                  <c:v>42.094999999999999</c:v>
                </c:pt>
                <c:pt idx="4231">
                  <c:v>42.104999999999997</c:v>
                </c:pt>
                <c:pt idx="4232">
                  <c:v>42.115000000000002</c:v>
                </c:pt>
                <c:pt idx="4233">
                  <c:v>42.124000000000002</c:v>
                </c:pt>
                <c:pt idx="4234">
                  <c:v>42.134</c:v>
                </c:pt>
                <c:pt idx="4235">
                  <c:v>42.143999999999998</c:v>
                </c:pt>
                <c:pt idx="4236">
                  <c:v>42.154000000000003</c:v>
                </c:pt>
                <c:pt idx="4237">
                  <c:v>42.162999999999997</c:v>
                </c:pt>
                <c:pt idx="4238">
                  <c:v>42.173000000000002</c:v>
                </c:pt>
                <c:pt idx="4239">
                  <c:v>42.183</c:v>
                </c:pt>
                <c:pt idx="4240">
                  <c:v>42.192</c:v>
                </c:pt>
                <c:pt idx="4241">
                  <c:v>42.201999999999998</c:v>
                </c:pt>
                <c:pt idx="4242">
                  <c:v>42.212000000000003</c:v>
                </c:pt>
                <c:pt idx="4243">
                  <c:v>42.222000000000001</c:v>
                </c:pt>
                <c:pt idx="4244">
                  <c:v>42.231000000000002</c:v>
                </c:pt>
                <c:pt idx="4245">
                  <c:v>42.241</c:v>
                </c:pt>
                <c:pt idx="4246">
                  <c:v>42.25</c:v>
                </c:pt>
                <c:pt idx="4247">
                  <c:v>42.259</c:v>
                </c:pt>
                <c:pt idx="4248">
                  <c:v>42.27</c:v>
                </c:pt>
                <c:pt idx="4249">
                  <c:v>42.279000000000003</c:v>
                </c:pt>
                <c:pt idx="4250">
                  <c:v>42.289000000000001</c:v>
                </c:pt>
                <c:pt idx="4251">
                  <c:v>42.298000000000002</c:v>
                </c:pt>
                <c:pt idx="4252">
                  <c:v>42.308999999999997</c:v>
                </c:pt>
                <c:pt idx="4253">
                  <c:v>42.319000000000003</c:v>
                </c:pt>
                <c:pt idx="4254">
                  <c:v>42.328000000000003</c:v>
                </c:pt>
                <c:pt idx="4255">
                  <c:v>42.338999999999999</c:v>
                </c:pt>
                <c:pt idx="4256">
                  <c:v>42.347999999999999</c:v>
                </c:pt>
                <c:pt idx="4257">
                  <c:v>42.357999999999997</c:v>
                </c:pt>
                <c:pt idx="4258">
                  <c:v>42.366999999999997</c:v>
                </c:pt>
                <c:pt idx="4259">
                  <c:v>42.378</c:v>
                </c:pt>
                <c:pt idx="4260">
                  <c:v>42.387</c:v>
                </c:pt>
                <c:pt idx="4261">
                  <c:v>42.396000000000001</c:v>
                </c:pt>
                <c:pt idx="4262">
                  <c:v>42.406999999999996</c:v>
                </c:pt>
                <c:pt idx="4263">
                  <c:v>42.415999999999997</c:v>
                </c:pt>
                <c:pt idx="4264">
                  <c:v>42.426000000000002</c:v>
                </c:pt>
                <c:pt idx="4265">
                  <c:v>42.435000000000002</c:v>
                </c:pt>
                <c:pt idx="4266">
                  <c:v>42.445</c:v>
                </c:pt>
                <c:pt idx="4267">
                  <c:v>42.456000000000003</c:v>
                </c:pt>
                <c:pt idx="4268">
                  <c:v>42.465000000000003</c:v>
                </c:pt>
                <c:pt idx="4269">
                  <c:v>42.475000000000001</c:v>
                </c:pt>
                <c:pt idx="4270">
                  <c:v>42.484000000000002</c:v>
                </c:pt>
                <c:pt idx="4271">
                  <c:v>42.494999999999997</c:v>
                </c:pt>
                <c:pt idx="4272">
                  <c:v>42.503999999999998</c:v>
                </c:pt>
                <c:pt idx="4273">
                  <c:v>42.514000000000003</c:v>
                </c:pt>
                <c:pt idx="4274">
                  <c:v>42.524000000000001</c:v>
                </c:pt>
                <c:pt idx="4275">
                  <c:v>42.533999999999999</c:v>
                </c:pt>
                <c:pt idx="4276">
                  <c:v>42.542999999999999</c:v>
                </c:pt>
                <c:pt idx="4277">
                  <c:v>42.552</c:v>
                </c:pt>
                <c:pt idx="4278">
                  <c:v>42.563000000000002</c:v>
                </c:pt>
                <c:pt idx="4279">
                  <c:v>42.572000000000003</c:v>
                </c:pt>
                <c:pt idx="4280">
                  <c:v>42.582000000000001</c:v>
                </c:pt>
                <c:pt idx="4281">
                  <c:v>42.591000000000001</c:v>
                </c:pt>
                <c:pt idx="4282">
                  <c:v>42.601999999999997</c:v>
                </c:pt>
                <c:pt idx="4283">
                  <c:v>42.610999999999997</c:v>
                </c:pt>
                <c:pt idx="4284">
                  <c:v>42.62</c:v>
                </c:pt>
                <c:pt idx="4285">
                  <c:v>42.63</c:v>
                </c:pt>
                <c:pt idx="4286">
                  <c:v>42.640999999999998</c:v>
                </c:pt>
                <c:pt idx="4287">
                  <c:v>42.65</c:v>
                </c:pt>
                <c:pt idx="4288">
                  <c:v>42.658999999999999</c:v>
                </c:pt>
                <c:pt idx="4289">
                  <c:v>42.668999999999997</c:v>
                </c:pt>
                <c:pt idx="4290">
                  <c:v>42.679000000000002</c:v>
                </c:pt>
                <c:pt idx="4291">
                  <c:v>42.688000000000002</c:v>
                </c:pt>
                <c:pt idx="4292">
                  <c:v>42.698</c:v>
                </c:pt>
                <c:pt idx="4293">
                  <c:v>42.707999999999998</c:v>
                </c:pt>
                <c:pt idx="4294">
                  <c:v>42.718000000000004</c:v>
                </c:pt>
                <c:pt idx="4295">
                  <c:v>42.726999999999997</c:v>
                </c:pt>
                <c:pt idx="4296">
                  <c:v>42.735999999999997</c:v>
                </c:pt>
                <c:pt idx="4297">
                  <c:v>42.747</c:v>
                </c:pt>
                <c:pt idx="4298">
                  <c:v>42.756</c:v>
                </c:pt>
                <c:pt idx="4299">
                  <c:v>42.765999999999998</c:v>
                </c:pt>
                <c:pt idx="4300">
                  <c:v>42.776000000000003</c:v>
                </c:pt>
                <c:pt idx="4301">
                  <c:v>42.786000000000001</c:v>
                </c:pt>
                <c:pt idx="4302">
                  <c:v>42.795000000000002</c:v>
                </c:pt>
                <c:pt idx="4303">
                  <c:v>42.805</c:v>
                </c:pt>
                <c:pt idx="4304">
                  <c:v>42.814999999999998</c:v>
                </c:pt>
                <c:pt idx="4305">
                  <c:v>42.825000000000003</c:v>
                </c:pt>
                <c:pt idx="4306">
                  <c:v>42.835000000000001</c:v>
                </c:pt>
                <c:pt idx="4307">
                  <c:v>42.844000000000001</c:v>
                </c:pt>
                <c:pt idx="4308">
                  <c:v>42.853999999999999</c:v>
                </c:pt>
                <c:pt idx="4309">
                  <c:v>42.863999999999997</c:v>
                </c:pt>
                <c:pt idx="4310">
                  <c:v>42.874000000000002</c:v>
                </c:pt>
                <c:pt idx="4311">
                  <c:v>42.883000000000003</c:v>
                </c:pt>
                <c:pt idx="4312">
                  <c:v>42.892000000000003</c:v>
                </c:pt>
                <c:pt idx="4313">
                  <c:v>42.902999999999999</c:v>
                </c:pt>
                <c:pt idx="4314">
                  <c:v>42.911999999999999</c:v>
                </c:pt>
                <c:pt idx="4315">
                  <c:v>42.920999999999999</c:v>
                </c:pt>
                <c:pt idx="4316">
                  <c:v>42.932000000000002</c:v>
                </c:pt>
                <c:pt idx="4317">
                  <c:v>42.941000000000003</c:v>
                </c:pt>
                <c:pt idx="4318">
                  <c:v>42.95</c:v>
                </c:pt>
                <c:pt idx="4319">
                  <c:v>42.96</c:v>
                </c:pt>
                <c:pt idx="4320">
                  <c:v>42.97</c:v>
                </c:pt>
                <c:pt idx="4321">
                  <c:v>42.978999999999999</c:v>
                </c:pt>
                <c:pt idx="4322">
                  <c:v>42.988999999999997</c:v>
                </c:pt>
                <c:pt idx="4323">
                  <c:v>42.999000000000002</c:v>
                </c:pt>
                <c:pt idx="4324">
                  <c:v>43.009</c:v>
                </c:pt>
                <c:pt idx="4325">
                  <c:v>43.018000000000001</c:v>
                </c:pt>
                <c:pt idx="4326">
                  <c:v>43.027999999999999</c:v>
                </c:pt>
                <c:pt idx="4327">
                  <c:v>43.039000000000001</c:v>
                </c:pt>
                <c:pt idx="4328">
                  <c:v>43.048000000000002</c:v>
                </c:pt>
                <c:pt idx="4329">
                  <c:v>43.057000000000002</c:v>
                </c:pt>
                <c:pt idx="4330">
                  <c:v>43.066000000000003</c:v>
                </c:pt>
                <c:pt idx="4331">
                  <c:v>43.076999999999998</c:v>
                </c:pt>
                <c:pt idx="4332">
                  <c:v>43.085999999999999</c:v>
                </c:pt>
                <c:pt idx="4333">
                  <c:v>43.094999999999999</c:v>
                </c:pt>
                <c:pt idx="4334">
                  <c:v>43.106000000000002</c:v>
                </c:pt>
                <c:pt idx="4335">
                  <c:v>43.115000000000002</c:v>
                </c:pt>
                <c:pt idx="4336">
                  <c:v>43.125</c:v>
                </c:pt>
                <c:pt idx="4337">
                  <c:v>43.134</c:v>
                </c:pt>
                <c:pt idx="4338">
                  <c:v>43.145000000000003</c:v>
                </c:pt>
                <c:pt idx="4339">
                  <c:v>43.155000000000001</c:v>
                </c:pt>
                <c:pt idx="4340">
                  <c:v>43.164000000000001</c:v>
                </c:pt>
                <c:pt idx="4341">
                  <c:v>43.173000000000002</c:v>
                </c:pt>
                <c:pt idx="4342">
                  <c:v>43.183999999999997</c:v>
                </c:pt>
                <c:pt idx="4343">
                  <c:v>43.192999999999998</c:v>
                </c:pt>
                <c:pt idx="4344">
                  <c:v>43.203000000000003</c:v>
                </c:pt>
                <c:pt idx="4345">
                  <c:v>43.212000000000003</c:v>
                </c:pt>
                <c:pt idx="4346">
                  <c:v>43.222999999999999</c:v>
                </c:pt>
                <c:pt idx="4347">
                  <c:v>43.231999999999999</c:v>
                </c:pt>
                <c:pt idx="4348">
                  <c:v>43.241999999999997</c:v>
                </c:pt>
                <c:pt idx="4349">
                  <c:v>43.25</c:v>
                </c:pt>
                <c:pt idx="4350">
                  <c:v>43.26</c:v>
                </c:pt>
                <c:pt idx="4351">
                  <c:v>43.268999999999998</c:v>
                </c:pt>
                <c:pt idx="4352">
                  <c:v>43.279000000000003</c:v>
                </c:pt>
                <c:pt idx="4353">
                  <c:v>43.289000000000001</c:v>
                </c:pt>
                <c:pt idx="4354">
                  <c:v>43.298999999999999</c:v>
                </c:pt>
                <c:pt idx="4355">
                  <c:v>43.308999999999997</c:v>
                </c:pt>
                <c:pt idx="4356">
                  <c:v>43.317999999999998</c:v>
                </c:pt>
                <c:pt idx="4357">
                  <c:v>43.328000000000003</c:v>
                </c:pt>
                <c:pt idx="4358">
                  <c:v>43.337000000000003</c:v>
                </c:pt>
                <c:pt idx="4359">
                  <c:v>43.347000000000001</c:v>
                </c:pt>
                <c:pt idx="4360">
                  <c:v>43.357999999999997</c:v>
                </c:pt>
                <c:pt idx="4361">
                  <c:v>43.366999999999997</c:v>
                </c:pt>
                <c:pt idx="4362">
                  <c:v>43.375999999999998</c:v>
                </c:pt>
                <c:pt idx="4363">
                  <c:v>43.384999999999998</c:v>
                </c:pt>
                <c:pt idx="4364">
                  <c:v>43.396000000000001</c:v>
                </c:pt>
                <c:pt idx="4365">
                  <c:v>43.405000000000001</c:v>
                </c:pt>
                <c:pt idx="4366">
                  <c:v>43.414999999999999</c:v>
                </c:pt>
                <c:pt idx="4367">
                  <c:v>43.423999999999999</c:v>
                </c:pt>
                <c:pt idx="4368">
                  <c:v>43.435000000000002</c:v>
                </c:pt>
                <c:pt idx="4369">
                  <c:v>43.444000000000003</c:v>
                </c:pt>
                <c:pt idx="4370">
                  <c:v>43.453000000000003</c:v>
                </c:pt>
                <c:pt idx="4371">
                  <c:v>43.463000000000001</c:v>
                </c:pt>
                <c:pt idx="4372">
                  <c:v>43.473999999999997</c:v>
                </c:pt>
                <c:pt idx="4373">
                  <c:v>43.482999999999997</c:v>
                </c:pt>
                <c:pt idx="4374">
                  <c:v>43.494</c:v>
                </c:pt>
                <c:pt idx="4375">
                  <c:v>43.503</c:v>
                </c:pt>
                <c:pt idx="4376">
                  <c:v>43.512</c:v>
                </c:pt>
                <c:pt idx="4377">
                  <c:v>43.521999999999998</c:v>
                </c:pt>
                <c:pt idx="4378">
                  <c:v>43.531999999999996</c:v>
                </c:pt>
                <c:pt idx="4379">
                  <c:v>43.540999999999997</c:v>
                </c:pt>
                <c:pt idx="4380">
                  <c:v>43.551000000000002</c:v>
                </c:pt>
                <c:pt idx="4381">
                  <c:v>43.56</c:v>
                </c:pt>
                <c:pt idx="4382">
                  <c:v>43.570999999999998</c:v>
                </c:pt>
                <c:pt idx="4383">
                  <c:v>43.58</c:v>
                </c:pt>
                <c:pt idx="4384">
                  <c:v>43.588999999999999</c:v>
                </c:pt>
                <c:pt idx="4385">
                  <c:v>43.598999999999997</c:v>
                </c:pt>
                <c:pt idx="4386">
                  <c:v>43.609000000000002</c:v>
                </c:pt>
                <c:pt idx="4387">
                  <c:v>43.618000000000002</c:v>
                </c:pt>
                <c:pt idx="4388">
                  <c:v>43.628</c:v>
                </c:pt>
                <c:pt idx="4389">
                  <c:v>43.637999999999998</c:v>
                </c:pt>
                <c:pt idx="4390">
                  <c:v>43.648000000000003</c:v>
                </c:pt>
                <c:pt idx="4391">
                  <c:v>43.656999999999996</c:v>
                </c:pt>
                <c:pt idx="4392">
                  <c:v>43.665999999999997</c:v>
                </c:pt>
                <c:pt idx="4393">
                  <c:v>43.677</c:v>
                </c:pt>
                <c:pt idx="4394">
                  <c:v>43.686999999999998</c:v>
                </c:pt>
                <c:pt idx="4395">
                  <c:v>43.697000000000003</c:v>
                </c:pt>
                <c:pt idx="4396">
                  <c:v>43.706000000000003</c:v>
                </c:pt>
                <c:pt idx="4397">
                  <c:v>43.715000000000003</c:v>
                </c:pt>
                <c:pt idx="4398">
                  <c:v>43.725999999999999</c:v>
                </c:pt>
                <c:pt idx="4399">
                  <c:v>43.734999999999999</c:v>
                </c:pt>
                <c:pt idx="4400">
                  <c:v>43.744</c:v>
                </c:pt>
                <c:pt idx="4401">
                  <c:v>43.755000000000003</c:v>
                </c:pt>
                <c:pt idx="4402">
                  <c:v>43.764000000000003</c:v>
                </c:pt>
                <c:pt idx="4403">
                  <c:v>43.774000000000001</c:v>
                </c:pt>
                <c:pt idx="4404">
                  <c:v>43.783000000000001</c:v>
                </c:pt>
                <c:pt idx="4405">
                  <c:v>43.793999999999997</c:v>
                </c:pt>
                <c:pt idx="4406">
                  <c:v>43.802999999999997</c:v>
                </c:pt>
                <c:pt idx="4407">
                  <c:v>43.813000000000002</c:v>
                </c:pt>
                <c:pt idx="4408">
                  <c:v>43.822000000000003</c:v>
                </c:pt>
                <c:pt idx="4409">
                  <c:v>43.832000000000001</c:v>
                </c:pt>
                <c:pt idx="4410">
                  <c:v>43.841999999999999</c:v>
                </c:pt>
                <c:pt idx="4411">
                  <c:v>43.850999999999999</c:v>
                </c:pt>
                <c:pt idx="4412">
                  <c:v>43.862000000000002</c:v>
                </c:pt>
                <c:pt idx="4413">
                  <c:v>43.871000000000002</c:v>
                </c:pt>
                <c:pt idx="4414">
                  <c:v>43.881</c:v>
                </c:pt>
                <c:pt idx="4415">
                  <c:v>43.890999999999998</c:v>
                </c:pt>
                <c:pt idx="4416">
                  <c:v>43.9</c:v>
                </c:pt>
                <c:pt idx="4417">
                  <c:v>43.908999999999999</c:v>
                </c:pt>
                <c:pt idx="4418">
                  <c:v>43.918999999999997</c:v>
                </c:pt>
                <c:pt idx="4419">
                  <c:v>43.929000000000002</c:v>
                </c:pt>
                <c:pt idx="4420">
                  <c:v>43.939</c:v>
                </c:pt>
                <c:pt idx="4421">
                  <c:v>43.948</c:v>
                </c:pt>
                <c:pt idx="4422">
                  <c:v>43.957999999999998</c:v>
                </c:pt>
                <c:pt idx="4423">
                  <c:v>43.969000000000001</c:v>
                </c:pt>
                <c:pt idx="4424">
                  <c:v>43.978000000000002</c:v>
                </c:pt>
                <c:pt idx="4425">
                  <c:v>43.988</c:v>
                </c:pt>
                <c:pt idx="4426">
                  <c:v>43.997</c:v>
                </c:pt>
                <c:pt idx="4427">
                  <c:v>44.006999999999998</c:v>
                </c:pt>
                <c:pt idx="4428">
                  <c:v>44.017000000000003</c:v>
                </c:pt>
                <c:pt idx="4429">
                  <c:v>44.024999999999999</c:v>
                </c:pt>
                <c:pt idx="4430">
                  <c:v>44.036000000000001</c:v>
                </c:pt>
                <c:pt idx="4431">
                  <c:v>44.045000000000002</c:v>
                </c:pt>
                <c:pt idx="4432">
                  <c:v>44.054000000000002</c:v>
                </c:pt>
                <c:pt idx="4433">
                  <c:v>44.064999999999998</c:v>
                </c:pt>
                <c:pt idx="4434">
                  <c:v>44.073999999999998</c:v>
                </c:pt>
                <c:pt idx="4435">
                  <c:v>44.082999999999998</c:v>
                </c:pt>
                <c:pt idx="4436">
                  <c:v>44.093000000000004</c:v>
                </c:pt>
                <c:pt idx="4437">
                  <c:v>44.103000000000002</c:v>
                </c:pt>
                <c:pt idx="4438">
                  <c:v>44.113</c:v>
                </c:pt>
                <c:pt idx="4439">
                  <c:v>44.122</c:v>
                </c:pt>
                <c:pt idx="4440">
                  <c:v>44.133000000000003</c:v>
                </c:pt>
                <c:pt idx="4441">
                  <c:v>44.143000000000001</c:v>
                </c:pt>
                <c:pt idx="4442">
                  <c:v>44.152000000000001</c:v>
                </c:pt>
                <c:pt idx="4443">
                  <c:v>44.161999999999999</c:v>
                </c:pt>
                <c:pt idx="4444">
                  <c:v>44.173000000000002</c:v>
                </c:pt>
                <c:pt idx="4445">
                  <c:v>44.182000000000002</c:v>
                </c:pt>
                <c:pt idx="4446">
                  <c:v>44.191000000000003</c:v>
                </c:pt>
                <c:pt idx="4447">
                  <c:v>44.201000000000001</c:v>
                </c:pt>
                <c:pt idx="4448">
                  <c:v>44.212000000000003</c:v>
                </c:pt>
                <c:pt idx="4449">
                  <c:v>44.220999999999997</c:v>
                </c:pt>
                <c:pt idx="4450">
                  <c:v>44.23</c:v>
                </c:pt>
                <c:pt idx="4451">
                  <c:v>44.238999999999997</c:v>
                </c:pt>
                <c:pt idx="4452">
                  <c:v>44.25</c:v>
                </c:pt>
                <c:pt idx="4453">
                  <c:v>44.259</c:v>
                </c:pt>
                <c:pt idx="4454">
                  <c:v>44.268000000000001</c:v>
                </c:pt>
                <c:pt idx="4455">
                  <c:v>44.277999999999999</c:v>
                </c:pt>
                <c:pt idx="4456">
                  <c:v>44.287999999999997</c:v>
                </c:pt>
                <c:pt idx="4457">
                  <c:v>44.296999999999997</c:v>
                </c:pt>
                <c:pt idx="4458">
                  <c:v>44.307000000000002</c:v>
                </c:pt>
                <c:pt idx="4459">
                  <c:v>44.317</c:v>
                </c:pt>
                <c:pt idx="4460">
                  <c:v>44.326999999999998</c:v>
                </c:pt>
                <c:pt idx="4461">
                  <c:v>44.335999999999999</c:v>
                </c:pt>
                <c:pt idx="4462">
                  <c:v>44.345999999999997</c:v>
                </c:pt>
                <c:pt idx="4463">
                  <c:v>44.356000000000002</c:v>
                </c:pt>
                <c:pt idx="4464">
                  <c:v>44.366</c:v>
                </c:pt>
                <c:pt idx="4465">
                  <c:v>44.375</c:v>
                </c:pt>
                <c:pt idx="4466">
                  <c:v>44.384</c:v>
                </c:pt>
                <c:pt idx="4467">
                  <c:v>44.395000000000003</c:v>
                </c:pt>
                <c:pt idx="4468">
                  <c:v>44.404000000000003</c:v>
                </c:pt>
                <c:pt idx="4469">
                  <c:v>44.412999999999997</c:v>
                </c:pt>
                <c:pt idx="4470">
                  <c:v>44.423000000000002</c:v>
                </c:pt>
                <c:pt idx="4471">
                  <c:v>44.433</c:v>
                </c:pt>
                <c:pt idx="4472">
                  <c:v>44.442999999999998</c:v>
                </c:pt>
                <c:pt idx="4473">
                  <c:v>44.453000000000003</c:v>
                </c:pt>
                <c:pt idx="4474">
                  <c:v>44.463000000000001</c:v>
                </c:pt>
                <c:pt idx="4475">
                  <c:v>44.472000000000001</c:v>
                </c:pt>
                <c:pt idx="4476">
                  <c:v>44.482999999999997</c:v>
                </c:pt>
                <c:pt idx="4477">
                  <c:v>44.491999999999997</c:v>
                </c:pt>
                <c:pt idx="4478">
                  <c:v>44.502000000000002</c:v>
                </c:pt>
                <c:pt idx="4479">
                  <c:v>44.511000000000003</c:v>
                </c:pt>
                <c:pt idx="4480">
                  <c:v>44.521999999999998</c:v>
                </c:pt>
                <c:pt idx="4481">
                  <c:v>44.53</c:v>
                </c:pt>
                <c:pt idx="4482">
                  <c:v>44.540999999999997</c:v>
                </c:pt>
                <c:pt idx="4483">
                  <c:v>44.55</c:v>
                </c:pt>
                <c:pt idx="4484">
                  <c:v>44.558999999999997</c:v>
                </c:pt>
                <c:pt idx="4485">
                  <c:v>44.57</c:v>
                </c:pt>
                <c:pt idx="4486">
                  <c:v>44.579000000000001</c:v>
                </c:pt>
                <c:pt idx="4487">
                  <c:v>44.588000000000001</c:v>
                </c:pt>
                <c:pt idx="4488">
                  <c:v>44.598999999999997</c:v>
                </c:pt>
                <c:pt idx="4489">
                  <c:v>44.607999999999997</c:v>
                </c:pt>
                <c:pt idx="4490">
                  <c:v>44.619</c:v>
                </c:pt>
                <c:pt idx="4491">
                  <c:v>44.628</c:v>
                </c:pt>
                <c:pt idx="4492">
                  <c:v>44.637999999999998</c:v>
                </c:pt>
                <c:pt idx="4493">
                  <c:v>44.648000000000003</c:v>
                </c:pt>
                <c:pt idx="4494">
                  <c:v>44.656999999999996</c:v>
                </c:pt>
                <c:pt idx="4495">
                  <c:v>44.665999999999997</c:v>
                </c:pt>
                <c:pt idx="4496">
                  <c:v>44.677</c:v>
                </c:pt>
                <c:pt idx="4497">
                  <c:v>44.686</c:v>
                </c:pt>
                <c:pt idx="4498">
                  <c:v>44.695999999999998</c:v>
                </c:pt>
                <c:pt idx="4499">
                  <c:v>44.706000000000003</c:v>
                </c:pt>
                <c:pt idx="4500">
                  <c:v>44.715000000000003</c:v>
                </c:pt>
                <c:pt idx="4501">
                  <c:v>44.725000000000001</c:v>
                </c:pt>
                <c:pt idx="4502">
                  <c:v>44.734000000000002</c:v>
                </c:pt>
                <c:pt idx="4503">
                  <c:v>44.744999999999997</c:v>
                </c:pt>
                <c:pt idx="4504">
                  <c:v>44.753999999999998</c:v>
                </c:pt>
                <c:pt idx="4505">
                  <c:v>44.762999999999998</c:v>
                </c:pt>
                <c:pt idx="4506">
                  <c:v>44.773000000000003</c:v>
                </c:pt>
                <c:pt idx="4507">
                  <c:v>44.783000000000001</c:v>
                </c:pt>
                <c:pt idx="4508">
                  <c:v>44.793999999999997</c:v>
                </c:pt>
                <c:pt idx="4509">
                  <c:v>44.802999999999997</c:v>
                </c:pt>
                <c:pt idx="4510">
                  <c:v>44.813000000000002</c:v>
                </c:pt>
                <c:pt idx="4511">
                  <c:v>44.822000000000003</c:v>
                </c:pt>
                <c:pt idx="4512">
                  <c:v>44.832000000000001</c:v>
                </c:pt>
                <c:pt idx="4513">
                  <c:v>44.841999999999999</c:v>
                </c:pt>
                <c:pt idx="4514">
                  <c:v>44.850999999999999</c:v>
                </c:pt>
                <c:pt idx="4515">
                  <c:v>44.862000000000002</c:v>
                </c:pt>
                <c:pt idx="4516">
                  <c:v>44.871000000000002</c:v>
                </c:pt>
                <c:pt idx="4517">
                  <c:v>44.881</c:v>
                </c:pt>
                <c:pt idx="4518">
                  <c:v>44.89</c:v>
                </c:pt>
                <c:pt idx="4519">
                  <c:v>44.9</c:v>
                </c:pt>
                <c:pt idx="4520">
                  <c:v>44.91</c:v>
                </c:pt>
                <c:pt idx="4521">
                  <c:v>44.918999999999997</c:v>
                </c:pt>
                <c:pt idx="4522">
                  <c:v>44.929000000000002</c:v>
                </c:pt>
                <c:pt idx="4523">
                  <c:v>44.939</c:v>
                </c:pt>
                <c:pt idx="4524">
                  <c:v>44.948</c:v>
                </c:pt>
                <c:pt idx="4525">
                  <c:v>44.957000000000001</c:v>
                </c:pt>
                <c:pt idx="4526">
                  <c:v>44.968000000000004</c:v>
                </c:pt>
                <c:pt idx="4527">
                  <c:v>44.978000000000002</c:v>
                </c:pt>
                <c:pt idx="4528">
                  <c:v>44.987000000000002</c:v>
                </c:pt>
                <c:pt idx="4529">
                  <c:v>44.997999999999998</c:v>
                </c:pt>
                <c:pt idx="4530">
                  <c:v>45.006999999999998</c:v>
                </c:pt>
                <c:pt idx="4531">
                  <c:v>45.018000000000001</c:v>
                </c:pt>
                <c:pt idx="4532">
                  <c:v>45.027000000000001</c:v>
                </c:pt>
                <c:pt idx="4533">
                  <c:v>45.036000000000001</c:v>
                </c:pt>
                <c:pt idx="4534">
                  <c:v>45.045999999999999</c:v>
                </c:pt>
                <c:pt idx="4535">
                  <c:v>45.055</c:v>
                </c:pt>
                <c:pt idx="4536">
                  <c:v>45.064999999999998</c:v>
                </c:pt>
                <c:pt idx="4537">
                  <c:v>45.073999999999998</c:v>
                </c:pt>
                <c:pt idx="4538">
                  <c:v>45.084000000000003</c:v>
                </c:pt>
                <c:pt idx="4539">
                  <c:v>45.093000000000004</c:v>
                </c:pt>
                <c:pt idx="4540">
                  <c:v>45.103999999999999</c:v>
                </c:pt>
                <c:pt idx="4541">
                  <c:v>45.113</c:v>
                </c:pt>
                <c:pt idx="4542">
                  <c:v>45.122</c:v>
                </c:pt>
                <c:pt idx="4543">
                  <c:v>45.131999999999998</c:v>
                </c:pt>
                <c:pt idx="4544">
                  <c:v>45.142000000000003</c:v>
                </c:pt>
                <c:pt idx="4545">
                  <c:v>45.152000000000001</c:v>
                </c:pt>
                <c:pt idx="4546">
                  <c:v>45.161999999999999</c:v>
                </c:pt>
                <c:pt idx="4547">
                  <c:v>45.171999999999997</c:v>
                </c:pt>
                <c:pt idx="4548">
                  <c:v>45.180999999999997</c:v>
                </c:pt>
                <c:pt idx="4549">
                  <c:v>45.191000000000003</c:v>
                </c:pt>
                <c:pt idx="4550">
                  <c:v>45.2</c:v>
                </c:pt>
                <c:pt idx="4551">
                  <c:v>45.21</c:v>
                </c:pt>
                <c:pt idx="4552">
                  <c:v>45.22</c:v>
                </c:pt>
                <c:pt idx="4553">
                  <c:v>45.228999999999999</c:v>
                </c:pt>
                <c:pt idx="4554">
                  <c:v>45.238</c:v>
                </c:pt>
                <c:pt idx="4555">
                  <c:v>45.249000000000002</c:v>
                </c:pt>
                <c:pt idx="4556">
                  <c:v>45.258000000000003</c:v>
                </c:pt>
                <c:pt idx="4557">
                  <c:v>45.268000000000001</c:v>
                </c:pt>
                <c:pt idx="4558">
                  <c:v>45.277999999999999</c:v>
                </c:pt>
                <c:pt idx="4559">
                  <c:v>45.286999999999999</c:v>
                </c:pt>
                <c:pt idx="4560">
                  <c:v>45.296999999999997</c:v>
                </c:pt>
                <c:pt idx="4561">
                  <c:v>45.308</c:v>
                </c:pt>
                <c:pt idx="4562">
                  <c:v>45.317</c:v>
                </c:pt>
                <c:pt idx="4563">
                  <c:v>45.326999999999998</c:v>
                </c:pt>
                <c:pt idx="4564">
                  <c:v>45.337000000000003</c:v>
                </c:pt>
                <c:pt idx="4565">
                  <c:v>45.345999999999997</c:v>
                </c:pt>
                <c:pt idx="4566">
                  <c:v>45.356999999999999</c:v>
                </c:pt>
                <c:pt idx="4567">
                  <c:v>45.366</c:v>
                </c:pt>
                <c:pt idx="4568">
                  <c:v>45.375</c:v>
                </c:pt>
                <c:pt idx="4569">
                  <c:v>45.386000000000003</c:v>
                </c:pt>
                <c:pt idx="4570">
                  <c:v>45.395000000000003</c:v>
                </c:pt>
                <c:pt idx="4571">
                  <c:v>45.404000000000003</c:v>
                </c:pt>
                <c:pt idx="4572">
                  <c:v>45.412999999999997</c:v>
                </c:pt>
                <c:pt idx="4573">
                  <c:v>45.423000000000002</c:v>
                </c:pt>
                <c:pt idx="4574">
                  <c:v>45.433</c:v>
                </c:pt>
                <c:pt idx="4575">
                  <c:v>45.442</c:v>
                </c:pt>
                <c:pt idx="4576">
                  <c:v>45.451999999999998</c:v>
                </c:pt>
                <c:pt idx="4577">
                  <c:v>45.462000000000003</c:v>
                </c:pt>
                <c:pt idx="4578">
                  <c:v>45.470999999999997</c:v>
                </c:pt>
                <c:pt idx="4579">
                  <c:v>45.481000000000002</c:v>
                </c:pt>
                <c:pt idx="4580">
                  <c:v>45.491</c:v>
                </c:pt>
                <c:pt idx="4581">
                  <c:v>45.500999999999998</c:v>
                </c:pt>
                <c:pt idx="4582">
                  <c:v>45.51</c:v>
                </c:pt>
                <c:pt idx="4583">
                  <c:v>45.518999999999998</c:v>
                </c:pt>
                <c:pt idx="4584">
                  <c:v>45.53</c:v>
                </c:pt>
                <c:pt idx="4585">
                  <c:v>45.539000000000001</c:v>
                </c:pt>
                <c:pt idx="4586">
                  <c:v>45.548999999999999</c:v>
                </c:pt>
                <c:pt idx="4587">
                  <c:v>45.558999999999997</c:v>
                </c:pt>
                <c:pt idx="4588">
                  <c:v>45.567999999999998</c:v>
                </c:pt>
                <c:pt idx="4589">
                  <c:v>45.578000000000003</c:v>
                </c:pt>
                <c:pt idx="4590">
                  <c:v>45.588000000000001</c:v>
                </c:pt>
                <c:pt idx="4591">
                  <c:v>45.597999999999999</c:v>
                </c:pt>
                <c:pt idx="4592">
                  <c:v>45.606999999999999</c:v>
                </c:pt>
                <c:pt idx="4593">
                  <c:v>45.618000000000002</c:v>
                </c:pt>
                <c:pt idx="4594">
                  <c:v>45.627000000000002</c:v>
                </c:pt>
                <c:pt idx="4595">
                  <c:v>45.636000000000003</c:v>
                </c:pt>
                <c:pt idx="4596">
                  <c:v>45.646999999999998</c:v>
                </c:pt>
                <c:pt idx="4597">
                  <c:v>45.655999999999999</c:v>
                </c:pt>
                <c:pt idx="4598">
                  <c:v>45.665999999999997</c:v>
                </c:pt>
                <c:pt idx="4599">
                  <c:v>45.674999999999997</c:v>
                </c:pt>
                <c:pt idx="4600">
                  <c:v>45.685000000000002</c:v>
                </c:pt>
                <c:pt idx="4601">
                  <c:v>45.695</c:v>
                </c:pt>
                <c:pt idx="4602">
                  <c:v>45.704999999999998</c:v>
                </c:pt>
                <c:pt idx="4603">
                  <c:v>45.713999999999999</c:v>
                </c:pt>
                <c:pt idx="4604">
                  <c:v>45.723999999999997</c:v>
                </c:pt>
                <c:pt idx="4605">
                  <c:v>45.734000000000002</c:v>
                </c:pt>
                <c:pt idx="4606">
                  <c:v>45.743000000000002</c:v>
                </c:pt>
                <c:pt idx="4607">
                  <c:v>45.753</c:v>
                </c:pt>
                <c:pt idx="4608">
                  <c:v>45.762999999999998</c:v>
                </c:pt>
                <c:pt idx="4609">
                  <c:v>45.773000000000003</c:v>
                </c:pt>
                <c:pt idx="4610">
                  <c:v>45.781999999999996</c:v>
                </c:pt>
                <c:pt idx="4611">
                  <c:v>45.792000000000002</c:v>
                </c:pt>
                <c:pt idx="4612">
                  <c:v>45.801000000000002</c:v>
                </c:pt>
                <c:pt idx="4613">
                  <c:v>45.811999999999998</c:v>
                </c:pt>
                <c:pt idx="4614">
                  <c:v>45.820999999999998</c:v>
                </c:pt>
                <c:pt idx="4615">
                  <c:v>45.83</c:v>
                </c:pt>
                <c:pt idx="4616">
                  <c:v>45.841000000000001</c:v>
                </c:pt>
                <c:pt idx="4617">
                  <c:v>45.85</c:v>
                </c:pt>
                <c:pt idx="4618">
                  <c:v>45.86</c:v>
                </c:pt>
                <c:pt idx="4619">
                  <c:v>45.869</c:v>
                </c:pt>
                <c:pt idx="4620">
                  <c:v>45.878999999999998</c:v>
                </c:pt>
                <c:pt idx="4621">
                  <c:v>45.889000000000003</c:v>
                </c:pt>
                <c:pt idx="4622">
                  <c:v>45.898000000000003</c:v>
                </c:pt>
                <c:pt idx="4623">
                  <c:v>45.908999999999999</c:v>
                </c:pt>
                <c:pt idx="4624">
                  <c:v>45.917999999999999</c:v>
                </c:pt>
                <c:pt idx="4625">
                  <c:v>45.927999999999997</c:v>
                </c:pt>
                <c:pt idx="4626">
                  <c:v>45.938000000000002</c:v>
                </c:pt>
                <c:pt idx="4627">
                  <c:v>45.947000000000003</c:v>
                </c:pt>
                <c:pt idx="4628">
                  <c:v>45.957000000000001</c:v>
                </c:pt>
                <c:pt idx="4629">
                  <c:v>45.966999999999999</c:v>
                </c:pt>
                <c:pt idx="4630">
                  <c:v>45.976999999999997</c:v>
                </c:pt>
                <c:pt idx="4631">
                  <c:v>45.985999999999997</c:v>
                </c:pt>
                <c:pt idx="4632">
                  <c:v>45.996000000000002</c:v>
                </c:pt>
                <c:pt idx="4633">
                  <c:v>46.005000000000003</c:v>
                </c:pt>
                <c:pt idx="4634">
                  <c:v>46.014000000000003</c:v>
                </c:pt>
                <c:pt idx="4635">
                  <c:v>46.024000000000001</c:v>
                </c:pt>
                <c:pt idx="4636">
                  <c:v>46.033999999999999</c:v>
                </c:pt>
                <c:pt idx="4637">
                  <c:v>46.043999999999997</c:v>
                </c:pt>
                <c:pt idx="4638">
                  <c:v>46.052999999999997</c:v>
                </c:pt>
                <c:pt idx="4639">
                  <c:v>46.063000000000002</c:v>
                </c:pt>
                <c:pt idx="4640">
                  <c:v>46.072000000000003</c:v>
                </c:pt>
                <c:pt idx="4641">
                  <c:v>46.081000000000003</c:v>
                </c:pt>
                <c:pt idx="4642">
                  <c:v>46.091000000000001</c:v>
                </c:pt>
                <c:pt idx="4643">
                  <c:v>46.1</c:v>
                </c:pt>
                <c:pt idx="4644">
                  <c:v>46.11</c:v>
                </c:pt>
                <c:pt idx="4645">
                  <c:v>46.121000000000002</c:v>
                </c:pt>
                <c:pt idx="4646">
                  <c:v>46.13</c:v>
                </c:pt>
                <c:pt idx="4647">
                  <c:v>46.14</c:v>
                </c:pt>
                <c:pt idx="4648">
                  <c:v>46.15</c:v>
                </c:pt>
                <c:pt idx="4649">
                  <c:v>46.16</c:v>
                </c:pt>
                <c:pt idx="4650">
                  <c:v>46.168999999999997</c:v>
                </c:pt>
                <c:pt idx="4651">
                  <c:v>46.179000000000002</c:v>
                </c:pt>
                <c:pt idx="4652">
                  <c:v>46.189</c:v>
                </c:pt>
                <c:pt idx="4653">
                  <c:v>46.198999999999998</c:v>
                </c:pt>
                <c:pt idx="4654">
                  <c:v>46.207999999999998</c:v>
                </c:pt>
                <c:pt idx="4655">
                  <c:v>46.219000000000001</c:v>
                </c:pt>
                <c:pt idx="4656">
                  <c:v>46.228000000000002</c:v>
                </c:pt>
                <c:pt idx="4657">
                  <c:v>46.238</c:v>
                </c:pt>
                <c:pt idx="4658">
                  <c:v>46.247</c:v>
                </c:pt>
                <c:pt idx="4659">
                  <c:v>46.256999999999998</c:v>
                </c:pt>
                <c:pt idx="4660">
                  <c:v>46.267000000000003</c:v>
                </c:pt>
                <c:pt idx="4661">
                  <c:v>46.276000000000003</c:v>
                </c:pt>
                <c:pt idx="4662">
                  <c:v>46.286000000000001</c:v>
                </c:pt>
                <c:pt idx="4663">
                  <c:v>46.295999999999999</c:v>
                </c:pt>
                <c:pt idx="4664">
                  <c:v>46.305</c:v>
                </c:pt>
                <c:pt idx="4665">
                  <c:v>46.316000000000003</c:v>
                </c:pt>
                <c:pt idx="4666">
                  <c:v>46.325000000000003</c:v>
                </c:pt>
                <c:pt idx="4667">
                  <c:v>46.335000000000001</c:v>
                </c:pt>
                <c:pt idx="4668">
                  <c:v>46.344999999999999</c:v>
                </c:pt>
                <c:pt idx="4669">
                  <c:v>46.353999999999999</c:v>
                </c:pt>
                <c:pt idx="4670">
                  <c:v>46.363999999999997</c:v>
                </c:pt>
                <c:pt idx="4671">
                  <c:v>46.372999999999998</c:v>
                </c:pt>
                <c:pt idx="4672">
                  <c:v>46.384</c:v>
                </c:pt>
                <c:pt idx="4673">
                  <c:v>46.393000000000001</c:v>
                </c:pt>
                <c:pt idx="4674">
                  <c:v>46.402999999999999</c:v>
                </c:pt>
                <c:pt idx="4675">
                  <c:v>46.411999999999999</c:v>
                </c:pt>
                <c:pt idx="4676">
                  <c:v>46.423000000000002</c:v>
                </c:pt>
                <c:pt idx="4677">
                  <c:v>46.432000000000002</c:v>
                </c:pt>
                <c:pt idx="4678">
                  <c:v>46.442999999999998</c:v>
                </c:pt>
                <c:pt idx="4679">
                  <c:v>46.451999999999998</c:v>
                </c:pt>
                <c:pt idx="4680">
                  <c:v>46.462000000000003</c:v>
                </c:pt>
                <c:pt idx="4681">
                  <c:v>46.470999999999997</c:v>
                </c:pt>
                <c:pt idx="4682">
                  <c:v>46.481000000000002</c:v>
                </c:pt>
                <c:pt idx="4683">
                  <c:v>46.491999999999997</c:v>
                </c:pt>
                <c:pt idx="4684">
                  <c:v>46.500999999999998</c:v>
                </c:pt>
                <c:pt idx="4685">
                  <c:v>46.511000000000003</c:v>
                </c:pt>
                <c:pt idx="4686">
                  <c:v>46.521000000000001</c:v>
                </c:pt>
                <c:pt idx="4687">
                  <c:v>46.530999999999999</c:v>
                </c:pt>
                <c:pt idx="4688">
                  <c:v>46.54</c:v>
                </c:pt>
                <c:pt idx="4689">
                  <c:v>46.55</c:v>
                </c:pt>
                <c:pt idx="4690">
                  <c:v>46.56</c:v>
                </c:pt>
                <c:pt idx="4691">
                  <c:v>46.569000000000003</c:v>
                </c:pt>
                <c:pt idx="4692">
                  <c:v>46.578000000000003</c:v>
                </c:pt>
                <c:pt idx="4693">
                  <c:v>46.588000000000001</c:v>
                </c:pt>
                <c:pt idx="4694">
                  <c:v>46.597999999999999</c:v>
                </c:pt>
                <c:pt idx="4695">
                  <c:v>46.606999999999999</c:v>
                </c:pt>
                <c:pt idx="4696">
                  <c:v>46.618000000000002</c:v>
                </c:pt>
                <c:pt idx="4697">
                  <c:v>46.627000000000002</c:v>
                </c:pt>
                <c:pt idx="4698">
                  <c:v>46.637</c:v>
                </c:pt>
                <c:pt idx="4699">
                  <c:v>46.646000000000001</c:v>
                </c:pt>
                <c:pt idx="4700">
                  <c:v>46.656999999999996</c:v>
                </c:pt>
                <c:pt idx="4701">
                  <c:v>46.667000000000002</c:v>
                </c:pt>
                <c:pt idx="4702">
                  <c:v>46.676000000000002</c:v>
                </c:pt>
                <c:pt idx="4703">
                  <c:v>46.685000000000002</c:v>
                </c:pt>
                <c:pt idx="4704">
                  <c:v>46.695999999999998</c:v>
                </c:pt>
                <c:pt idx="4705">
                  <c:v>46.704999999999998</c:v>
                </c:pt>
                <c:pt idx="4706">
                  <c:v>46.715000000000003</c:v>
                </c:pt>
                <c:pt idx="4707">
                  <c:v>46.723999999999997</c:v>
                </c:pt>
                <c:pt idx="4708">
                  <c:v>46.734000000000002</c:v>
                </c:pt>
                <c:pt idx="4709">
                  <c:v>46.744</c:v>
                </c:pt>
                <c:pt idx="4710">
                  <c:v>46.753999999999998</c:v>
                </c:pt>
                <c:pt idx="4711">
                  <c:v>46.762999999999998</c:v>
                </c:pt>
                <c:pt idx="4712">
                  <c:v>46.774000000000001</c:v>
                </c:pt>
                <c:pt idx="4713">
                  <c:v>46.783000000000001</c:v>
                </c:pt>
                <c:pt idx="4714">
                  <c:v>46.792000000000002</c:v>
                </c:pt>
                <c:pt idx="4715">
                  <c:v>46.802</c:v>
                </c:pt>
                <c:pt idx="4716">
                  <c:v>46.811999999999998</c:v>
                </c:pt>
                <c:pt idx="4717">
                  <c:v>46.822000000000003</c:v>
                </c:pt>
                <c:pt idx="4718">
                  <c:v>46.832000000000001</c:v>
                </c:pt>
                <c:pt idx="4719">
                  <c:v>46.841000000000001</c:v>
                </c:pt>
                <c:pt idx="4720">
                  <c:v>46.850999999999999</c:v>
                </c:pt>
                <c:pt idx="4721">
                  <c:v>46.860999999999997</c:v>
                </c:pt>
                <c:pt idx="4722">
                  <c:v>46.87</c:v>
                </c:pt>
                <c:pt idx="4723">
                  <c:v>46.88</c:v>
                </c:pt>
                <c:pt idx="4724">
                  <c:v>46.890999999999998</c:v>
                </c:pt>
                <c:pt idx="4725">
                  <c:v>46.9</c:v>
                </c:pt>
                <c:pt idx="4726">
                  <c:v>46.91</c:v>
                </c:pt>
                <c:pt idx="4727">
                  <c:v>46.918999999999997</c:v>
                </c:pt>
                <c:pt idx="4728">
                  <c:v>46.93</c:v>
                </c:pt>
                <c:pt idx="4729">
                  <c:v>46.939</c:v>
                </c:pt>
                <c:pt idx="4730">
                  <c:v>46.95</c:v>
                </c:pt>
                <c:pt idx="4731">
                  <c:v>46.959000000000003</c:v>
                </c:pt>
                <c:pt idx="4732">
                  <c:v>46.969000000000001</c:v>
                </c:pt>
                <c:pt idx="4733">
                  <c:v>46.978999999999999</c:v>
                </c:pt>
                <c:pt idx="4734">
                  <c:v>46.988</c:v>
                </c:pt>
                <c:pt idx="4735">
                  <c:v>46.999000000000002</c:v>
                </c:pt>
                <c:pt idx="4736">
                  <c:v>47.008000000000003</c:v>
                </c:pt>
                <c:pt idx="4737">
                  <c:v>47.018000000000001</c:v>
                </c:pt>
                <c:pt idx="4738">
                  <c:v>47.027000000000001</c:v>
                </c:pt>
                <c:pt idx="4739">
                  <c:v>47.036999999999999</c:v>
                </c:pt>
                <c:pt idx="4740">
                  <c:v>47.045999999999999</c:v>
                </c:pt>
                <c:pt idx="4741">
                  <c:v>47.055</c:v>
                </c:pt>
                <c:pt idx="4742">
                  <c:v>47.066000000000003</c:v>
                </c:pt>
                <c:pt idx="4743">
                  <c:v>47.075000000000003</c:v>
                </c:pt>
                <c:pt idx="4744">
                  <c:v>47.085000000000001</c:v>
                </c:pt>
                <c:pt idx="4745">
                  <c:v>47.094000000000001</c:v>
                </c:pt>
                <c:pt idx="4746">
                  <c:v>47.103999999999999</c:v>
                </c:pt>
                <c:pt idx="4747">
                  <c:v>47.113</c:v>
                </c:pt>
                <c:pt idx="4748">
                  <c:v>47.124000000000002</c:v>
                </c:pt>
                <c:pt idx="4749">
                  <c:v>47.133000000000003</c:v>
                </c:pt>
                <c:pt idx="4750">
                  <c:v>47.143999999999998</c:v>
                </c:pt>
                <c:pt idx="4751">
                  <c:v>47.152999999999999</c:v>
                </c:pt>
                <c:pt idx="4752">
                  <c:v>47.161999999999999</c:v>
                </c:pt>
                <c:pt idx="4753">
                  <c:v>47.173000000000002</c:v>
                </c:pt>
                <c:pt idx="4754">
                  <c:v>47.182000000000002</c:v>
                </c:pt>
                <c:pt idx="4755">
                  <c:v>47.192</c:v>
                </c:pt>
                <c:pt idx="4756">
                  <c:v>47.201000000000001</c:v>
                </c:pt>
                <c:pt idx="4757">
                  <c:v>47.212000000000003</c:v>
                </c:pt>
                <c:pt idx="4758">
                  <c:v>47.222000000000001</c:v>
                </c:pt>
                <c:pt idx="4759">
                  <c:v>47.231000000000002</c:v>
                </c:pt>
                <c:pt idx="4760">
                  <c:v>47.241</c:v>
                </c:pt>
                <c:pt idx="4761">
                  <c:v>47.249000000000002</c:v>
                </c:pt>
                <c:pt idx="4762">
                  <c:v>47.26</c:v>
                </c:pt>
                <c:pt idx="4763">
                  <c:v>47.268999999999998</c:v>
                </c:pt>
                <c:pt idx="4764">
                  <c:v>47.277999999999999</c:v>
                </c:pt>
                <c:pt idx="4765">
                  <c:v>47.289000000000001</c:v>
                </c:pt>
                <c:pt idx="4766">
                  <c:v>47.298000000000002</c:v>
                </c:pt>
                <c:pt idx="4767">
                  <c:v>47.308</c:v>
                </c:pt>
                <c:pt idx="4768">
                  <c:v>47.317999999999998</c:v>
                </c:pt>
                <c:pt idx="4769">
                  <c:v>47.328000000000003</c:v>
                </c:pt>
                <c:pt idx="4770">
                  <c:v>47.337000000000003</c:v>
                </c:pt>
                <c:pt idx="4771">
                  <c:v>47.347999999999999</c:v>
                </c:pt>
                <c:pt idx="4772">
                  <c:v>47.356999999999999</c:v>
                </c:pt>
                <c:pt idx="4773">
                  <c:v>47.366999999999997</c:v>
                </c:pt>
                <c:pt idx="4774">
                  <c:v>47.375999999999998</c:v>
                </c:pt>
                <c:pt idx="4775">
                  <c:v>47.387</c:v>
                </c:pt>
                <c:pt idx="4776">
                  <c:v>47.396000000000001</c:v>
                </c:pt>
                <c:pt idx="4777">
                  <c:v>47.405999999999999</c:v>
                </c:pt>
                <c:pt idx="4778">
                  <c:v>47.415999999999997</c:v>
                </c:pt>
                <c:pt idx="4779">
                  <c:v>47.424999999999997</c:v>
                </c:pt>
                <c:pt idx="4780">
                  <c:v>47.435000000000002</c:v>
                </c:pt>
                <c:pt idx="4781">
                  <c:v>47.444000000000003</c:v>
                </c:pt>
                <c:pt idx="4782">
                  <c:v>47.454999999999998</c:v>
                </c:pt>
                <c:pt idx="4783">
                  <c:v>47.465000000000003</c:v>
                </c:pt>
                <c:pt idx="4784">
                  <c:v>47.475000000000001</c:v>
                </c:pt>
                <c:pt idx="4785">
                  <c:v>47.484999999999999</c:v>
                </c:pt>
                <c:pt idx="4786">
                  <c:v>47.494999999999997</c:v>
                </c:pt>
                <c:pt idx="4787">
                  <c:v>47.505000000000003</c:v>
                </c:pt>
                <c:pt idx="4788">
                  <c:v>47.514000000000003</c:v>
                </c:pt>
                <c:pt idx="4789">
                  <c:v>47.524999999999999</c:v>
                </c:pt>
                <c:pt idx="4790">
                  <c:v>47.533999999999999</c:v>
                </c:pt>
                <c:pt idx="4791">
                  <c:v>47.542999999999999</c:v>
                </c:pt>
                <c:pt idx="4792">
                  <c:v>47.552999999999997</c:v>
                </c:pt>
                <c:pt idx="4793">
                  <c:v>47.563000000000002</c:v>
                </c:pt>
                <c:pt idx="4794">
                  <c:v>47.572000000000003</c:v>
                </c:pt>
                <c:pt idx="4795">
                  <c:v>47.582000000000001</c:v>
                </c:pt>
                <c:pt idx="4796">
                  <c:v>47.591000000000001</c:v>
                </c:pt>
                <c:pt idx="4797">
                  <c:v>47.600999999999999</c:v>
                </c:pt>
                <c:pt idx="4798">
                  <c:v>47.612000000000002</c:v>
                </c:pt>
                <c:pt idx="4799">
                  <c:v>47.621000000000002</c:v>
                </c:pt>
                <c:pt idx="4800">
                  <c:v>47.631</c:v>
                </c:pt>
                <c:pt idx="4801">
                  <c:v>47.640999999999998</c:v>
                </c:pt>
                <c:pt idx="4802">
                  <c:v>47.65</c:v>
                </c:pt>
                <c:pt idx="4803">
                  <c:v>47.661000000000001</c:v>
                </c:pt>
                <c:pt idx="4804">
                  <c:v>47.67</c:v>
                </c:pt>
                <c:pt idx="4805">
                  <c:v>47.68</c:v>
                </c:pt>
                <c:pt idx="4806">
                  <c:v>47.69</c:v>
                </c:pt>
                <c:pt idx="4807">
                  <c:v>47.7</c:v>
                </c:pt>
                <c:pt idx="4808">
                  <c:v>47.709000000000003</c:v>
                </c:pt>
                <c:pt idx="4809">
                  <c:v>47.719000000000001</c:v>
                </c:pt>
                <c:pt idx="4810">
                  <c:v>47.728000000000002</c:v>
                </c:pt>
                <c:pt idx="4811">
                  <c:v>47.738999999999997</c:v>
                </c:pt>
                <c:pt idx="4812">
                  <c:v>47.747999999999998</c:v>
                </c:pt>
                <c:pt idx="4813">
                  <c:v>47.756999999999998</c:v>
                </c:pt>
                <c:pt idx="4814">
                  <c:v>47.767000000000003</c:v>
                </c:pt>
                <c:pt idx="4815">
                  <c:v>47.776000000000003</c:v>
                </c:pt>
                <c:pt idx="4816">
                  <c:v>47.786999999999999</c:v>
                </c:pt>
                <c:pt idx="4817">
                  <c:v>47.795999999999999</c:v>
                </c:pt>
                <c:pt idx="4818">
                  <c:v>47.805999999999997</c:v>
                </c:pt>
                <c:pt idx="4819">
                  <c:v>47.816000000000003</c:v>
                </c:pt>
                <c:pt idx="4820">
                  <c:v>47.825000000000003</c:v>
                </c:pt>
                <c:pt idx="4821">
                  <c:v>47.834000000000003</c:v>
                </c:pt>
                <c:pt idx="4822">
                  <c:v>47.844999999999999</c:v>
                </c:pt>
                <c:pt idx="4823">
                  <c:v>47.853999999999999</c:v>
                </c:pt>
                <c:pt idx="4824">
                  <c:v>47.863999999999997</c:v>
                </c:pt>
                <c:pt idx="4825">
                  <c:v>47.872999999999998</c:v>
                </c:pt>
                <c:pt idx="4826">
                  <c:v>47.884</c:v>
                </c:pt>
                <c:pt idx="4827">
                  <c:v>47.893000000000001</c:v>
                </c:pt>
                <c:pt idx="4828">
                  <c:v>47.902000000000001</c:v>
                </c:pt>
                <c:pt idx="4829">
                  <c:v>47.912999999999997</c:v>
                </c:pt>
                <c:pt idx="4830">
                  <c:v>47.920999999999999</c:v>
                </c:pt>
                <c:pt idx="4831">
                  <c:v>47.932000000000002</c:v>
                </c:pt>
                <c:pt idx="4832">
                  <c:v>47.941000000000003</c:v>
                </c:pt>
                <c:pt idx="4833">
                  <c:v>47.951000000000001</c:v>
                </c:pt>
                <c:pt idx="4834">
                  <c:v>47.960999999999999</c:v>
                </c:pt>
                <c:pt idx="4835">
                  <c:v>47.970999999999997</c:v>
                </c:pt>
                <c:pt idx="4836">
                  <c:v>47.981000000000002</c:v>
                </c:pt>
                <c:pt idx="4837">
                  <c:v>47.99</c:v>
                </c:pt>
                <c:pt idx="4838">
                  <c:v>48.000999999999998</c:v>
                </c:pt>
                <c:pt idx="4839">
                  <c:v>48.01</c:v>
                </c:pt>
                <c:pt idx="4840">
                  <c:v>48.02</c:v>
                </c:pt>
                <c:pt idx="4841">
                  <c:v>48.029000000000003</c:v>
                </c:pt>
                <c:pt idx="4842">
                  <c:v>48.039000000000001</c:v>
                </c:pt>
                <c:pt idx="4843">
                  <c:v>48.048000000000002</c:v>
                </c:pt>
                <c:pt idx="4844">
                  <c:v>48.058999999999997</c:v>
                </c:pt>
                <c:pt idx="4845">
                  <c:v>48.067999999999998</c:v>
                </c:pt>
                <c:pt idx="4846">
                  <c:v>48.078000000000003</c:v>
                </c:pt>
                <c:pt idx="4847">
                  <c:v>48.088000000000001</c:v>
                </c:pt>
                <c:pt idx="4848">
                  <c:v>48.097000000000001</c:v>
                </c:pt>
                <c:pt idx="4849">
                  <c:v>48.107999999999997</c:v>
                </c:pt>
                <c:pt idx="4850">
                  <c:v>48.116999999999997</c:v>
                </c:pt>
                <c:pt idx="4851">
                  <c:v>48.125999999999998</c:v>
                </c:pt>
                <c:pt idx="4852">
                  <c:v>48.137</c:v>
                </c:pt>
                <c:pt idx="4853">
                  <c:v>48.146000000000001</c:v>
                </c:pt>
                <c:pt idx="4854">
                  <c:v>48.156999999999996</c:v>
                </c:pt>
                <c:pt idx="4855">
                  <c:v>48.165999999999997</c:v>
                </c:pt>
                <c:pt idx="4856">
                  <c:v>48.174999999999997</c:v>
                </c:pt>
                <c:pt idx="4857">
                  <c:v>48.185000000000002</c:v>
                </c:pt>
                <c:pt idx="4858">
                  <c:v>48.194000000000003</c:v>
                </c:pt>
                <c:pt idx="4859">
                  <c:v>48.204999999999998</c:v>
                </c:pt>
                <c:pt idx="4860">
                  <c:v>48.213999999999999</c:v>
                </c:pt>
                <c:pt idx="4861">
                  <c:v>48.223999999999997</c:v>
                </c:pt>
                <c:pt idx="4862">
                  <c:v>48.232999999999997</c:v>
                </c:pt>
                <c:pt idx="4863">
                  <c:v>48.243000000000002</c:v>
                </c:pt>
                <c:pt idx="4864">
                  <c:v>48.252000000000002</c:v>
                </c:pt>
                <c:pt idx="4865">
                  <c:v>48.262</c:v>
                </c:pt>
                <c:pt idx="4866">
                  <c:v>48.271999999999998</c:v>
                </c:pt>
                <c:pt idx="4867">
                  <c:v>48.281999999999996</c:v>
                </c:pt>
                <c:pt idx="4868">
                  <c:v>48.290999999999997</c:v>
                </c:pt>
                <c:pt idx="4869">
                  <c:v>48.302</c:v>
                </c:pt>
                <c:pt idx="4870">
                  <c:v>48.311999999999998</c:v>
                </c:pt>
                <c:pt idx="4871">
                  <c:v>48.320999999999998</c:v>
                </c:pt>
                <c:pt idx="4872">
                  <c:v>48.332000000000001</c:v>
                </c:pt>
                <c:pt idx="4873">
                  <c:v>48.341000000000001</c:v>
                </c:pt>
                <c:pt idx="4874">
                  <c:v>48.35</c:v>
                </c:pt>
                <c:pt idx="4875">
                  <c:v>48.36</c:v>
                </c:pt>
                <c:pt idx="4876">
                  <c:v>48.37</c:v>
                </c:pt>
                <c:pt idx="4877">
                  <c:v>48.378999999999998</c:v>
                </c:pt>
                <c:pt idx="4878">
                  <c:v>48.389000000000003</c:v>
                </c:pt>
                <c:pt idx="4879">
                  <c:v>48.398000000000003</c:v>
                </c:pt>
                <c:pt idx="4880">
                  <c:v>48.408999999999999</c:v>
                </c:pt>
                <c:pt idx="4881">
                  <c:v>48.417999999999999</c:v>
                </c:pt>
                <c:pt idx="4882">
                  <c:v>48.427</c:v>
                </c:pt>
                <c:pt idx="4883">
                  <c:v>48.438000000000002</c:v>
                </c:pt>
                <c:pt idx="4884">
                  <c:v>48.447000000000003</c:v>
                </c:pt>
                <c:pt idx="4885">
                  <c:v>48.457000000000001</c:v>
                </c:pt>
                <c:pt idx="4886">
                  <c:v>48.466000000000001</c:v>
                </c:pt>
                <c:pt idx="4887">
                  <c:v>48.475999999999999</c:v>
                </c:pt>
                <c:pt idx="4888">
                  <c:v>48.487000000000002</c:v>
                </c:pt>
                <c:pt idx="4889">
                  <c:v>48.496000000000002</c:v>
                </c:pt>
                <c:pt idx="4890">
                  <c:v>48.506</c:v>
                </c:pt>
                <c:pt idx="4891">
                  <c:v>48.515000000000001</c:v>
                </c:pt>
                <c:pt idx="4892">
                  <c:v>48.524999999999999</c:v>
                </c:pt>
                <c:pt idx="4893">
                  <c:v>48.533999999999999</c:v>
                </c:pt>
                <c:pt idx="4894">
                  <c:v>48.543999999999997</c:v>
                </c:pt>
                <c:pt idx="4895">
                  <c:v>48.554000000000002</c:v>
                </c:pt>
                <c:pt idx="4896">
                  <c:v>48.564</c:v>
                </c:pt>
                <c:pt idx="4897">
                  <c:v>48.573</c:v>
                </c:pt>
                <c:pt idx="4898">
                  <c:v>48.582000000000001</c:v>
                </c:pt>
                <c:pt idx="4899">
                  <c:v>48.591999999999999</c:v>
                </c:pt>
                <c:pt idx="4900">
                  <c:v>48.601999999999997</c:v>
                </c:pt>
                <c:pt idx="4901">
                  <c:v>48.610999999999997</c:v>
                </c:pt>
                <c:pt idx="4902">
                  <c:v>48.622</c:v>
                </c:pt>
                <c:pt idx="4903">
                  <c:v>48.631</c:v>
                </c:pt>
                <c:pt idx="4904">
                  <c:v>48.640999999999998</c:v>
                </c:pt>
                <c:pt idx="4905">
                  <c:v>48.651000000000003</c:v>
                </c:pt>
                <c:pt idx="4906">
                  <c:v>48.66</c:v>
                </c:pt>
                <c:pt idx="4907">
                  <c:v>48.67</c:v>
                </c:pt>
                <c:pt idx="4908">
                  <c:v>48.68</c:v>
                </c:pt>
                <c:pt idx="4909">
                  <c:v>48.69</c:v>
                </c:pt>
                <c:pt idx="4910">
                  <c:v>48.7</c:v>
                </c:pt>
                <c:pt idx="4911">
                  <c:v>48.709000000000003</c:v>
                </c:pt>
                <c:pt idx="4912">
                  <c:v>48.719000000000001</c:v>
                </c:pt>
                <c:pt idx="4913">
                  <c:v>48.728000000000002</c:v>
                </c:pt>
                <c:pt idx="4914">
                  <c:v>48.738</c:v>
                </c:pt>
                <c:pt idx="4915">
                  <c:v>48.747999999999998</c:v>
                </c:pt>
                <c:pt idx="4916">
                  <c:v>48.759</c:v>
                </c:pt>
                <c:pt idx="4917">
                  <c:v>48.768000000000001</c:v>
                </c:pt>
                <c:pt idx="4918">
                  <c:v>48.777000000000001</c:v>
                </c:pt>
                <c:pt idx="4919">
                  <c:v>48.787999999999997</c:v>
                </c:pt>
                <c:pt idx="4920">
                  <c:v>48.796999999999997</c:v>
                </c:pt>
                <c:pt idx="4921">
                  <c:v>48.807000000000002</c:v>
                </c:pt>
                <c:pt idx="4922">
                  <c:v>48.817999999999998</c:v>
                </c:pt>
                <c:pt idx="4923">
                  <c:v>48.826999999999998</c:v>
                </c:pt>
                <c:pt idx="4924">
                  <c:v>48.837000000000003</c:v>
                </c:pt>
                <c:pt idx="4925">
                  <c:v>48.847000000000001</c:v>
                </c:pt>
                <c:pt idx="4926">
                  <c:v>48.856999999999999</c:v>
                </c:pt>
                <c:pt idx="4927">
                  <c:v>48.866</c:v>
                </c:pt>
                <c:pt idx="4928">
                  <c:v>48.875999999999998</c:v>
                </c:pt>
                <c:pt idx="4929">
                  <c:v>48.884999999999998</c:v>
                </c:pt>
                <c:pt idx="4930">
                  <c:v>48.896000000000001</c:v>
                </c:pt>
                <c:pt idx="4931">
                  <c:v>48.905000000000001</c:v>
                </c:pt>
                <c:pt idx="4932">
                  <c:v>48.914000000000001</c:v>
                </c:pt>
                <c:pt idx="4933">
                  <c:v>48.924999999999997</c:v>
                </c:pt>
                <c:pt idx="4934">
                  <c:v>48.933999999999997</c:v>
                </c:pt>
                <c:pt idx="4935">
                  <c:v>48.945</c:v>
                </c:pt>
                <c:pt idx="4936">
                  <c:v>48.954000000000001</c:v>
                </c:pt>
                <c:pt idx="4937">
                  <c:v>48.965000000000003</c:v>
                </c:pt>
                <c:pt idx="4938">
                  <c:v>48.973999999999997</c:v>
                </c:pt>
                <c:pt idx="4939">
                  <c:v>48.984000000000002</c:v>
                </c:pt>
                <c:pt idx="4940">
                  <c:v>48.994999999999997</c:v>
                </c:pt>
                <c:pt idx="4941">
                  <c:v>49.003999999999998</c:v>
                </c:pt>
                <c:pt idx="4942">
                  <c:v>49.012999999999998</c:v>
                </c:pt>
                <c:pt idx="4943">
                  <c:v>49.023000000000003</c:v>
                </c:pt>
                <c:pt idx="4944">
                  <c:v>49.033000000000001</c:v>
                </c:pt>
                <c:pt idx="4945">
                  <c:v>49.042000000000002</c:v>
                </c:pt>
                <c:pt idx="4946">
                  <c:v>49.052</c:v>
                </c:pt>
                <c:pt idx="4947">
                  <c:v>49.061</c:v>
                </c:pt>
                <c:pt idx="4948">
                  <c:v>49.070999999999998</c:v>
                </c:pt>
                <c:pt idx="4949">
                  <c:v>49.08</c:v>
                </c:pt>
                <c:pt idx="4950">
                  <c:v>49.091000000000001</c:v>
                </c:pt>
                <c:pt idx="4951">
                  <c:v>49.1</c:v>
                </c:pt>
                <c:pt idx="4952">
                  <c:v>49.11</c:v>
                </c:pt>
                <c:pt idx="4953">
                  <c:v>49.12</c:v>
                </c:pt>
                <c:pt idx="4954">
                  <c:v>49.128999999999998</c:v>
                </c:pt>
                <c:pt idx="4955">
                  <c:v>49.139000000000003</c:v>
                </c:pt>
                <c:pt idx="4956">
                  <c:v>49.149000000000001</c:v>
                </c:pt>
                <c:pt idx="4957">
                  <c:v>49.158000000000001</c:v>
                </c:pt>
                <c:pt idx="4958">
                  <c:v>49.167999999999999</c:v>
                </c:pt>
                <c:pt idx="4959">
                  <c:v>49.177999999999997</c:v>
                </c:pt>
                <c:pt idx="4960">
                  <c:v>49.188000000000002</c:v>
                </c:pt>
                <c:pt idx="4961">
                  <c:v>49.198</c:v>
                </c:pt>
                <c:pt idx="4962">
                  <c:v>49.207000000000001</c:v>
                </c:pt>
                <c:pt idx="4963">
                  <c:v>49.216999999999999</c:v>
                </c:pt>
                <c:pt idx="4964">
                  <c:v>49.226999999999997</c:v>
                </c:pt>
                <c:pt idx="4965">
                  <c:v>49.237000000000002</c:v>
                </c:pt>
                <c:pt idx="4966">
                  <c:v>49.247</c:v>
                </c:pt>
                <c:pt idx="4967">
                  <c:v>49.256</c:v>
                </c:pt>
                <c:pt idx="4968">
                  <c:v>49.265000000000001</c:v>
                </c:pt>
                <c:pt idx="4969">
                  <c:v>49.276000000000003</c:v>
                </c:pt>
                <c:pt idx="4970">
                  <c:v>49.284999999999997</c:v>
                </c:pt>
                <c:pt idx="4971">
                  <c:v>49.295000000000002</c:v>
                </c:pt>
                <c:pt idx="4972">
                  <c:v>49.304000000000002</c:v>
                </c:pt>
                <c:pt idx="4973">
                  <c:v>49.314999999999998</c:v>
                </c:pt>
                <c:pt idx="4974">
                  <c:v>49.323999999999998</c:v>
                </c:pt>
                <c:pt idx="4975">
                  <c:v>49.386000000000003</c:v>
                </c:pt>
                <c:pt idx="4976">
                  <c:v>49.395000000000003</c:v>
                </c:pt>
                <c:pt idx="4977">
                  <c:v>49.405999999999999</c:v>
                </c:pt>
                <c:pt idx="4978">
                  <c:v>49.414000000000001</c:v>
                </c:pt>
                <c:pt idx="4979">
                  <c:v>49.423999999999999</c:v>
                </c:pt>
                <c:pt idx="4980">
                  <c:v>49.433999999999997</c:v>
                </c:pt>
                <c:pt idx="4981">
                  <c:v>49.444000000000003</c:v>
                </c:pt>
                <c:pt idx="4982">
                  <c:v>49.454000000000001</c:v>
                </c:pt>
                <c:pt idx="4983">
                  <c:v>49.463999999999999</c:v>
                </c:pt>
                <c:pt idx="4984">
                  <c:v>49.472999999999999</c:v>
                </c:pt>
                <c:pt idx="4985">
                  <c:v>49.482999999999997</c:v>
                </c:pt>
                <c:pt idx="4986">
                  <c:v>49.491999999999997</c:v>
                </c:pt>
                <c:pt idx="4987">
                  <c:v>49.503</c:v>
                </c:pt>
                <c:pt idx="4988">
                  <c:v>49.512999999999998</c:v>
                </c:pt>
                <c:pt idx="4989">
                  <c:v>49.521999999999998</c:v>
                </c:pt>
                <c:pt idx="4990">
                  <c:v>49.533000000000001</c:v>
                </c:pt>
                <c:pt idx="4991">
                  <c:v>49.542000000000002</c:v>
                </c:pt>
                <c:pt idx="4992">
                  <c:v>49.551000000000002</c:v>
                </c:pt>
                <c:pt idx="4993">
                  <c:v>49.561999999999998</c:v>
                </c:pt>
                <c:pt idx="4994">
                  <c:v>49.572000000000003</c:v>
                </c:pt>
                <c:pt idx="4995">
                  <c:v>49.581000000000003</c:v>
                </c:pt>
                <c:pt idx="4996">
                  <c:v>49.591000000000001</c:v>
                </c:pt>
                <c:pt idx="4997">
                  <c:v>49.600999999999999</c:v>
                </c:pt>
                <c:pt idx="4998">
                  <c:v>49.610999999999997</c:v>
                </c:pt>
                <c:pt idx="4999">
                  <c:v>49.621000000000002</c:v>
                </c:pt>
                <c:pt idx="5000">
                  <c:v>49.631</c:v>
                </c:pt>
                <c:pt idx="5001">
                  <c:v>49.64</c:v>
                </c:pt>
                <c:pt idx="5002">
                  <c:v>49.651000000000003</c:v>
                </c:pt>
                <c:pt idx="5003">
                  <c:v>49.66</c:v>
                </c:pt>
                <c:pt idx="5004">
                  <c:v>49.670999999999999</c:v>
                </c:pt>
                <c:pt idx="5005">
                  <c:v>49.68</c:v>
                </c:pt>
                <c:pt idx="5006">
                  <c:v>49.69</c:v>
                </c:pt>
                <c:pt idx="5007">
                  <c:v>49.7</c:v>
                </c:pt>
                <c:pt idx="5008">
                  <c:v>49.709000000000003</c:v>
                </c:pt>
                <c:pt idx="5009">
                  <c:v>49.72</c:v>
                </c:pt>
                <c:pt idx="5010">
                  <c:v>49.728999999999999</c:v>
                </c:pt>
                <c:pt idx="5011">
                  <c:v>49.74</c:v>
                </c:pt>
                <c:pt idx="5012">
                  <c:v>49.749000000000002</c:v>
                </c:pt>
                <c:pt idx="5013">
                  <c:v>49.758000000000003</c:v>
                </c:pt>
                <c:pt idx="5014">
                  <c:v>49.768999999999998</c:v>
                </c:pt>
                <c:pt idx="5015">
                  <c:v>49.777999999999999</c:v>
                </c:pt>
                <c:pt idx="5016">
                  <c:v>49.787999999999997</c:v>
                </c:pt>
                <c:pt idx="5017">
                  <c:v>49.798000000000002</c:v>
                </c:pt>
                <c:pt idx="5018">
                  <c:v>49.808999999999997</c:v>
                </c:pt>
                <c:pt idx="5019">
                  <c:v>49.817999999999998</c:v>
                </c:pt>
                <c:pt idx="5020">
                  <c:v>49.826999999999998</c:v>
                </c:pt>
                <c:pt idx="5021">
                  <c:v>49.838000000000001</c:v>
                </c:pt>
                <c:pt idx="5022">
                  <c:v>49.847000000000001</c:v>
                </c:pt>
                <c:pt idx="5023">
                  <c:v>49.857999999999997</c:v>
                </c:pt>
                <c:pt idx="5024">
                  <c:v>49.866999999999997</c:v>
                </c:pt>
                <c:pt idx="5025">
                  <c:v>49.878</c:v>
                </c:pt>
                <c:pt idx="5026">
                  <c:v>49.887</c:v>
                </c:pt>
                <c:pt idx="5027">
                  <c:v>49.896999999999998</c:v>
                </c:pt>
                <c:pt idx="5028">
                  <c:v>49.905999999999999</c:v>
                </c:pt>
                <c:pt idx="5029">
                  <c:v>49.915999999999997</c:v>
                </c:pt>
                <c:pt idx="5030">
                  <c:v>49.926000000000002</c:v>
                </c:pt>
                <c:pt idx="5031">
                  <c:v>49.936</c:v>
                </c:pt>
                <c:pt idx="5032">
                  <c:v>49.945999999999998</c:v>
                </c:pt>
                <c:pt idx="5033">
                  <c:v>49.956000000000003</c:v>
                </c:pt>
                <c:pt idx="5034">
                  <c:v>49.965000000000003</c:v>
                </c:pt>
                <c:pt idx="5035">
                  <c:v>49.975999999999999</c:v>
                </c:pt>
                <c:pt idx="5036">
                  <c:v>49.984999999999999</c:v>
                </c:pt>
                <c:pt idx="5037">
                  <c:v>49.994999999999997</c:v>
                </c:pt>
                <c:pt idx="5038">
                  <c:v>50.006</c:v>
                </c:pt>
                <c:pt idx="5039">
                  <c:v>50.015999999999998</c:v>
                </c:pt>
                <c:pt idx="5040">
                  <c:v>50.024999999999999</c:v>
                </c:pt>
                <c:pt idx="5041">
                  <c:v>50.034999999999997</c:v>
                </c:pt>
                <c:pt idx="5042">
                  <c:v>50.043999999999997</c:v>
                </c:pt>
                <c:pt idx="5043">
                  <c:v>50.055</c:v>
                </c:pt>
                <c:pt idx="5044">
                  <c:v>50.064</c:v>
                </c:pt>
                <c:pt idx="5045">
                  <c:v>50.073</c:v>
                </c:pt>
                <c:pt idx="5046">
                  <c:v>50.082999999999998</c:v>
                </c:pt>
                <c:pt idx="5047">
                  <c:v>50.094000000000001</c:v>
                </c:pt>
                <c:pt idx="5048">
                  <c:v>50.103000000000002</c:v>
                </c:pt>
                <c:pt idx="5049">
                  <c:v>50.113</c:v>
                </c:pt>
                <c:pt idx="5050">
                  <c:v>50.122999999999998</c:v>
                </c:pt>
                <c:pt idx="5051">
                  <c:v>50.133000000000003</c:v>
                </c:pt>
                <c:pt idx="5052">
                  <c:v>50.142000000000003</c:v>
                </c:pt>
                <c:pt idx="5053">
                  <c:v>50.152999999999999</c:v>
                </c:pt>
                <c:pt idx="5054">
                  <c:v>50.161999999999999</c:v>
                </c:pt>
                <c:pt idx="5055">
                  <c:v>50.170999999999999</c:v>
                </c:pt>
                <c:pt idx="5056">
                  <c:v>50.182000000000002</c:v>
                </c:pt>
                <c:pt idx="5057">
                  <c:v>50.191000000000003</c:v>
                </c:pt>
                <c:pt idx="5058">
                  <c:v>50.201999999999998</c:v>
                </c:pt>
                <c:pt idx="5059">
                  <c:v>50.210999999999999</c:v>
                </c:pt>
                <c:pt idx="5060">
                  <c:v>50.222000000000001</c:v>
                </c:pt>
                <c:pt idx="5061">
                  <c:v>50.231000000000002</c:v>
                </c:pt>
                <c:pt idx="5062">
                  <c:v>50.24</c:v>
                </c:pt>
                <c:pt idx="5063">
                  <c:v>50.250999999999998</c:v>
                </c:pt>
                <c:pt idx="5064">
                  <c:v>50.26</c:v>
                </c:pt>
                <c:pt idx="5065">
                  <c:v>50.27</c:v>
                </c:pt>
                <c:pt idx="5066">
                  <c:v>50.28</c:v>
                </c:pt>
                <c:pt idx="5067">
                  <c:v>50.289000000000001</c:v>
                </c:pt>
                <c:pt idx="5068">
                  <c:v>50.3</c:v>
                </c:pt>
                <c:pt idx="5069">
                  <c:v>50.308999999999997</c:v>
                </c:pt>
                <c:pt idx="5070">
                  <c:v>50.32</c:v>
                </c:pt>
                <c:pt idx="5071">
                  <c:v>50.329000000000001</c:v>
                </c:pt>
                <c:pt idx="5072">
                  <c:v>50.338999999999999</c:v>
                </c:pt>
                <c:pt idx="5073">
                  <c:v>50.348999999999997</c:v>
                </c:pt>
                <c:pt idx="5074">
                  <c:v>50.359000000000002</c:v>
                </c:pt>
                <c:pt idx="5075">
                  <c:v>50.368000000000002</c:v>
                </c:pt>
                <c:pt idx="5076">
                  <c:v>50.378</c:v>
                </c:pt>
                <c:pt idx="5077">
                  <c:v>50.387999999999998</c:v>
                </c:pt>
                <c:pt idx="5078">
                  <c:v>50.398000000000003</c:v>
                </c:pt>
                <c:pt idx="5079">
                  <c:v>50.406999999999996</c:v>
                </c:pt>
                <c:pt idx="5080">
                  <c:v>50.417999999999999</c:v>
                </c:pt>
                <c:pt idx="5081">
                  <c:v>50.427</c:v>
                </c:pt>
                <c:pt idx="5082">
                  <c:v>50.438000000000002</c:v>
                </c:pt>
                <c:pt idx="5083">
                  <c:v>50.447000000000003</c:v>
                </c:pt>
                <c:pt idx="5084">
                  <c:v>50.456000000000003</c:v>
                </c:pt>
                <c:pt idx="5085">
                  <c:v>50.466999999999999</c:v>
                </c:pt>
                <c:pt idx="5086">
                  <c:v>50.475999999999999</c:v>
                </c:pt>
                <c:pt idx="5087">
                  <c:v>50.485999999999997</c:v>
                </c:pt>
                <c:pt idx="5088">
                  <c:v>50.496000000000002</c:v>
                </c:pt>
                <c:pt idx="5089">
                  <c:v>50.505000000000003</c:v>
                </c:pt>
                <c:pt idx="5090">
                  <c:v>50.515999999999998</c:v>
                </c:pt>
                <c:pt idx="5091">
                  <c:v>50.524999999999999</c:v>
                </c:pt>
                <c:pt idx="5092">
                  <c:v>50.533999999999999</c:v>
                </c:pt>
                <c:pt idx="5093">
                  <c:v>50.545000000000002</c:v>
                </c:pt>
                <c:pt idx="5094">
                  <c:v>50.554000000000002</c:v>
                </c:pt>
                <c:pt idx="5095">
                  <c:v>50.564999999999998</c:v>
                </c:pt>
                <c:pt idx="5096">
                  <c:v>50.573999999999998</c:v>
                </c:pt>
                <c:pt idx="5097">
                  <c:v>50.582999999999998</c:v>
                </c:pt>
                <c:pt idx="5098">
                  <c:v>50.594000000000001</c:v>
                </c:pt>
                <c:pt idx="5099">
                  <c:v>50.603000000000002</c:v>
                </c:pt>
                <c:pt idx="5100">
                  <c:v>50.613999999999997</c:v>
                </c:pt>
                <c:pt idx="5101">
                  <c:v>50.622999999999998</c:v>
                </c:pt>
                <c:pt idx="5102">
                  <c:v>50.631999999999998</c:v>
                </c:pt>
                <c:pt idx="5103">
                  <c:v>50.643000000000001</c:v>
                </c:pt>
                <c:pt idx="5104">
                  <c:v>50.652000000000001</c:v>
                </c:pt>
                <c:pt idx="5105">
                  <c:v>50.662999999999997</c:v>
                </c:pt>
                <c:pt idx="5106">
                  <c:v>50.671999999999997</c:v>
                </c:pt>
                <c:pt idx="5107">
                  <c:v>50.680999999999997</c:v>
                </c:pt>
                <c:pt idx="5108">
                  <c:v>50.692</c:v>
                </c:pt>
                <c:pt idx="5109">
                  <c:v>50.701000000000001</c:v>
                </c:pt>
                <c:pt idx="5110">
                  <c:v>50.710999999999999</c:v>
                </c:pt>
                <c:pt idx="5111">
                  <c:v>50.72</c:v>
                </c:pt>
                <c:pt idx="5112">
                  <c:v>50.731000000000002</c:v>
                </c:pt>
                <c:pt idx="5113">
                  <c:v>50.74</c:v>
                </c:pt>
                <c:pt idx="5114">
                  <c:v>50.75</c:v>
                </c:pt>
                <c:pt idx="5115">
                  <c:v>50.761000000000003</c:v>
                </c:pt>
                <c:pt idx="5116">
                  <c:v>50.77</c:v>
                </c:pt>
                <c:pt idx="5117">
                  <c:v>50.78</c:v>
                </c:pt>
                <c:pt idx="5118">
                  <c:v>50.79</c:v>
                </c:pt>
                <c:pt idx="5119">
                  <c:v>50.8</c:v>
                </c:pt>
                <c:pt idx="5120">
                  <c:v>50.808999999999997</c:v>
                </c:pt>
                <c:pt idx="5121">
                  <c:v>50.82</c:v>
                </c:pt>
                <c:pt idx="5122">
                  <c:v>50.829000000000001</c:v>
                </c:pt>
                <c:pt idx="5123">
                  <c:v>50.838999999999999</c:v>
                </c:pt>
                <c:pt idx="5124">
                  <c:v>50.848999999999997</c:v>
                </c:pt>
                <c:pt idx="5125">
                  <c:v>50.859000000000002</c:v>
                </c:pt>
                <c:pt idx="5126">
                  <c:v>50.869</c:v>
                </c:pt>
                <c:pt idx="5127">
                  <c:v>50.878999999999998</c:v>
                </c:pt>
                <c:pt idx="5128">
                  <c:v>50.889000000000003</c:v>
                </c:pt>
                <c:pt idx="5129">
                  <c:v>50.898000000000003</c:v>
                </c:pt>
                <c:pt idx="5130">
                  <c:v>50.906999999999996</c:v>
                </c:pt>
                <c:pt idx="5131">
                  <c:v>50.917000000000002</c:v>
                </c:pt>
                <c:pt idx="5132">
                  <c:v>50.927999999999997</c:v>
                </c:pt>
                <c:pt idx="5133">
                  <c:v>50.938000000000002</c:v>
                </c:pt>
                <c:pt idx="5134">
                  <c:v>50.948</c:v>
                </c:pt>
                <c:pt idx="5135">
                  <c:v>50.957999999999998</c:v>
                </c:pt>
                <c:pt idx="5136">
                  <c:v>50.966999999999999</c:v>
                </c:pt>
                <c:pt idx="5137">
                  <c:v>50.976999999999997</c:v>
                </c:pt>
                <c:pt idx="5138">
                  <c:v>50.987000000000002</c:v>
                </c:pt>
                <c:pt idx="5139">
                  <c:v>50.996000000000002</c:v>
                </c:pt>
                <c:pt idx="5140">
                  <c:v>51.006999999999998</c:v>
                </c:pt>
                <c:pt idx="5141">
                  <c:v>51.015999999999998</c:v>
                </c:pt>
                <c:pt idx="5142">
                  <c:v>51.026000000000003</c:v>
                </c:pt>
                <c:pt idx="5143">
                  <c:v>51.036000000000001</c:v>
                </c:pt>
                <c:pt idx="5144">
                  <c:v>51.045000000000002</c:v>
                </c:pt>
                <c:pt idx="5145">
                  <c:v>51.055</c:v>
                </c:pt>
                <c:pt idx="5146">
                  <c:v>51.064</c:v>
                </c:pt>
                <c:pt idx="5147">
                  <c:v>51.073999999999998</c:v>
                </c:pt>
                <c:pt idx="5148">
                  <c:v>51.084000000000003</c:v>
                </c:pt>
                <c:pt idx="5149">
                  <c:v>51.094000000000001</c:v>
                </c:pt>
                <c:pt idx="5150">
                  <c:v>51.103000000000002</c:v>
                </c:pt>
                <c:pt idx="5151">
                  <c:v>51.113</c:v>
                </c:pt>
                <c:pt idx="5152">
                  <c:v>51.122</c:v>
                </c:pt>
                <c:pt idx="5153">
                  <c:v>51.133000000000003</c:v>
                </c:pt>
                <c:pt idx="5154">
                  <c:v>51.143000000000001</c:v>
                </c:pt>
                <c:pt idx="5155">
                  <c:v>51.152000000000001</c:v>
                </c:pt>
                <c:pt idx="5156">
                  <c:v>51.161999999999999</c:v>
                </c:pt>
                <c:pt idx="5157">
                  <c:v>51.171999999999997</c:v>
                </c:pt>
                <c:pt idx="5158">
                  <c:v>51.182000000000002</c:v>
                </c:pt>
                <c:pt idx="5159">
                  <c:v>51.192</c:v>
                </c:pt>
                <c:pt idx="5160">
                  <c:v>51.201000000000001</c:v>
                </c:pt>
                <c:pt idx="5161">
                  <c:v>51.210999999999999</c:v>
                </c:pt>
                <c:pt idx="5162">
                  <c:v>51.220999999999997</c:v>
                </c:pt>
                <c:pt idx="5163">
                  <c:v>51.231000000000002</c:v>
                </c:pt>
                <c:pt idx="5164">
                  <c:v>51.241</c:v>
                </c:pt>
                <c:pt idx="5165">
                  <c:v>51.250999999999998</c:v>
                </c:pt>
                <c:pt idx="5166">
                  <c:v>51.261000000000003</c:v>
                </c:pt>
                <c:pt idx="5167">
                  <c:v>51.27</c:v>
                </c:pt>
                <c:pt idx="5168">
                  <c:v>51.280999999999999</c:v>
                </c:pt>
                <c:pt idx="5169">
                  <c:v>51.29</c:v>
                </c:pt>
                <c:pt idx="5170">
                  <c:v>51.3</c:v>
                </c:pt>
                <c:pt idx="5171">
                  <c:v>51.31</c:v>
                </c:pt>
                <c:pt idx="5172">
                  <c:v>51.320999999999998</c:v>
                </c:pt>
                <c:pt idx="5173">
                  <c:v>51.33</c:v>
                </c:pt>
                <c:pt idx="5174">
                  <c:v>51.34</c:v>
                </c:pt>
                <c:pt idx="5175">
                  <c:v>51.348999999999997</c:v>
                </c:pt>
                <c:pt idx="5176">
                  <c:v>51.359000000000002</c:v>
                </c:pt>
                <c:pt idx="5177">
                  <c:v>51.369</c:v>
                </c:pt>
                <c:pt idx="5178">
                  <c:v>51.378999999999998</c:v>
                </c:pt>
                <c:pt idx="5179">
                  <c:v>51.389000000000003</c:v>
                </c:pt>
                <c:pt idx="5180">
                  <c:v>51.398000000000003</c:v>
                </c:pt>
                <c:pt idx="5181">
                  <c:v>51.408000000000001</c:v>
                </c:pt>
                <c:pt idx="5182">
                  <c:v>51.417999999999999</c:v>
                </c:pt>
                <c:pt idx="5183">
                  <c:v>51.427999999999997</c:v>
                </c:pt>
                <c:pt idx="5184">
                  <c:v>51.438000000000002</c:v>
                </c:pt>
                <c:pt idx="5185">
                  <c:v>51.448</c:v>
                </c:pt>
                <c:pt idx="5186">
                  <c:v>51.457999999999998</c:v>
                </c:pt>
                <c:pt idx="5187">
                  <c:v>51.466999999999999</c:v>
                </c:pt>
                <c:pt idx="5188">
                  <c:v>51.476999999999997</c:v>
                </c:pt>
                <c:pt idx="5189">
                  <c:v>51.487000000000002</c:v>
                </c:pt>
                <c:pt idx="5190">
                  <c:v>51.497</c:v>
                </c:pt>
                <c:pt idx="5191">
                  <c:v>51.508000000000003</c:v>
                </c:pt>
                <c:pt idx="5192">
                  <c:v>51.517000000000003</c:v>
                </c:pt>
                <c:pt idx="5193">
                  <c:v>51.527000000000001</c:v>
                </c:pt>
                <c:pt idx="5194">
                  <c:v>51.536000000000001</c:v>
                </c:pt>
                <c:pt idx="5195">
                  <c:v>51.545999999999999</c:v>
                </c:pt>
                <c:pt idx="5196">
                  <c:v>51.555999999999997</c:v>
                </c:pt>
                <c:pt idx="5197">
                  <c:v>51.566000000000003</c:v>
                </c:pt>
                <c:pt idx="5198">
                  <c:v>51.575000000000003</c:v>
                </c:pt>
                <c:pt idx="5199">
                  <c:v>51.585000000000001</c:v>
                </c:pt>
                <c:pt idx="5200">
                  <c:v>51.594999999999999</c:v>
                </c:pt>
                <c:pt idx="5201">
                  <c:v>51.604999999999997</c:v>
                </c:pt>
                <c:pt idx="5202">
                  <c:v>51.613999999999997</c:v>
                </c:pt>
                <c:pt idx="5203">
                  <c:v>51.624000000000002</c:v>
                </c:pt>
                <c:pt idx="5204">
                  <c:v>51.634999999999998</c:v>
                </c:pt>
                <c:pt idx="5205">
                  <c:v>51.645000000000003</c:v>
                </c:pt>
                <c:pt idx="5206">
                  <c:v>51.655000000000001</c:v>
                </c:pt>
                <c:pt idx="5207">
                  <c:v>51.664000000000001</c:v>
                </c:pt>
                <c:pt idx="5208">
                  <c:v>51.673999999999999</c:v>
                </c:pt>
                <c:pt idx="5209">
                  <c:v>51.683999999999997</c:v>
                </c:pt>
                <c:pt idx="5210">
                  <c:v>51.692999999999998</c:v>
                </c:pt>
                <c:pt idx="5211">
                  <c:v>51.704000000000001</c:v>
                </c:pt>
                <c:pt idx="5212">
                  <c:v>51.713000000000001</c:v>
                </c:pt>
                <c:pt idx="5213">
                  <c:v>51.722999999999999</c:v>
                </c:pt>
                <c:pt idx="5214">
                  <c:v>51.732999999999997</c:v>
                </c:pt>
                <c:pt idx="5215">
                  <c:v>51.743000000000002</c:v>
                </c:pt>
                <c:pt idx="5216">
                  <c:v>51.752000000000002</c:v>
                </c:pt>
                <c:pt idx="5217">
                  <c:v>51.762999999999998</c:v>
                </c:pt>
                <c:pt idx="5218">
                  <c:v>51.773000000000003</c:v>
                </c:pt>
                <c:pt idx="5219">
                  <c:v>51.781999999999996</c:v>
                </c:pt>
                <c:pt idx="5220">
                  <c:v>51.792000000000002</c:v>
                </c:pt>
                <c:pt idx="5221">
                  <c:v>51.802</c:v>
                </c:pt>
                <c:pt idx="5222">
                  <c:v>51.811999999999998</c:v>
                </c:pt>
                <c:pt idx="5223">
                  <c:v>51.820999999999998</c:v>
                </c:pt>
                <c:pt idx="5224">
                  <c:v>51.831000000000003</c:v>
                </c:pt>
                <c:pt idx="5225">
                  <c:v>51.841000000000001</c:v>
                </c:pt>
                <c:pt idx="5226">
                  <c:v>51.851999999999997</c:v>
                </c:pt>
                <c:pt idx="5227">
                  <c:v>51.860999999999997</c:v>
                </c:pt>
                <c:pt idx="5228">
                  <c:v>51.871000000000002</c:v>
                </c:pt>
                <c:pt idx="5229">
                  <c:v>51.881</c:v>
                </c:pt>
                <c:pt idx="5230">
                  <c:v>51.890999999999998</c:v>
                </c:pt>
                <c:pt idx="5231">
                  <c:v>51.901000000000003</c:v>
                </c:pt>
                <c:pt idx="5232">
                  <c:v>51.91</c:v>
                </c:pt>
                <c:pt idx="5233">
                  <c:v>51.92</c:v>
                </c:pt>
                <c:pt idx="5234">
                  <c:v>51.930999999999997</c:v>
                </c:pt>
                <c:pt idx="5235">
                  <c:v>51.94</c:v>
                </c:pt>
                <c:pt idx="5236">
                  <c:v>51.95</c:v>
                </c:pt>
                <c:pt idx="5237">
                  <c:v>51.959000000000003</c:v>
                </c:pt>
                <c:pt idx="5238">
                  <c:v>51.97</c:v>
                </c:pt>
                <c:pt idx="5239">
                  <c:v>51.98</c:v>
                </c:pt>
                <c:pt idx="5240">
                  <c:v>51.99</c:v>
                </c:pt>
                <c:pt idx="5241">
                  <c:v>52</c:v>
                </c:pt>
                <c:pt idx="5242">
                  <c:v>52.009</c:v>
                </c:pt>
                <c:pt idx="5243">
                  <c:v>52.018999999999998</c:v>
                </c:pt>
                <c:pt idx="5244">
                  <c:v>52.027999999999999</c:v>
                </c:pt>
                <c:pt idx="5245">
                  <c:v>52.037999999999997</c:v>
                </c:pt>
                <c:pt idx="5246">
                  <c:v>52.048000000000002</c:v>
                </c:pt>
                <c:pt idx="5247">
                  <c:v>52.057000000000002</c:v>
                </c:pt>
                <c:pt idx="5248">
                  <c:v>52.066000000000003</c:v>
                </c:pt>
                <c:pt idx="5249">
                  <c:v>52.075000000000003</c:v>
                </c:pt>
                <c:pt idx="5250">
                  <c:v>52.084000000000003</c:v>
                </c:pt>
                <c:pt idx="5251">
                  <c:v>52.094999999999999</c:v>
                </c:pt>
                <c:pt idx="5252">
                  <c:v>52.103999999999999</c:v>
                </c:pt>
                <c:pt idx="5253">
                  <c:v>52.113999999999997</c:v>
                </c:pt>
                <c:pt idx="5254">
                  <c:v>52.122999999999998</c:v>
                </c:pt>
                <c:pt idx="5255">
                  <c:v>52.133000000000003</c:v>
                </c:pt>
                <c:pt idx="5256">
                  <c:v>52.142000000000003</c:v>
                </c:pt>
                <c:pt idx="5257">
                  <c:v>52.152000000000001</c:v>
                </c:pt>
                <c:pt idx="5258">
                  <c:v>52.16</c:v>
                </c:pt>
                <c:pt idx="5259">
                  <c:v>52.174999999999997</c:v>
                </c:pt>
                <c:pt idx="5260">
                  <c:v>52.185000000000002</c:v>
                </c:pt>
                <c:pt idx="5261">
                  <c:v>52.195</c:v>
                </c:pt>
                <c:pt idx="5262">
                  <c:v>52.204999999999998</c:v>
                </c:pt>
                <c:pt idx="5263">
                  <c:v>52.215000000000003</c:v>
                </c:pt>
                <c:pt idx="5264">
                  <c:v>52.223999999999997</c:v>
                </c:pt>
                <c:pt idx="5265">
                  <c:v>52.232999999999997</c:v>
                </c:pt>
                <c:pt idx="5266">
                  <c:v>52.243000000000002</c:v>
                </c:pt>
                <c:pt idx="5267">
                  <c:v>52.253</c:v>
                </c:pt>
                <c:pt idx="5268">
                  <c:v>52.262</c:v>
                </c:pt>
                <c:pt idx="5269">
                  <c:v>52.271999999999998</c:v>
                </c:pt>
                <c:pt idx="5270">
                  <c:v>52.281999999999996</c:v>
                </c:pt>
                <c:pt idx="5271">
                  <c:v>52.292000000000002</c:v>
                </c:pt>
                <c:pt idx="5272">
                  <c:v>52.302</c:v>
                </c:pt>
                <c:pt idx="5273">
                  <c:v>52.311</c:v>
                </c:pt>
                <c:pt idx="5274">
                  <c:v>52.317</c:v>
                </c:pt>
                <c:pt idx="5275">
                  <c:v>52.331000000000003</c:v>
                </c:pt>
                <c:pt idx="5276">
                  <c:v>52.341000000000001</c:v>
                </c:pt>
                <c:pt idx="5277">
                  <c:v>52.35</c:v>
                </c:pt>
                <c:pt idx="5278">
                  <c:v>52.360999999999997</c:v>
                </c:pt>
                <c:pt idx="5279">
                  <c:v>52.37</c:v>
                </c:pt>
                <c:pt idx="5280">
                  <c:v>52.378999999999998</c:v>
                </c:pt>
                <c:pt idx="5281">
                  <c:v>52.39</c:v>
                </c:pt>
                <c:pt idx="5282">
                  <c:v>52.399000000000001</c:v>
                </c:pt>
                <c:pt idx="5283">
                  <c:v>52.405999999999999</c:v>
                </c:pt>
                <c:pt idx="5284">
                  <c:v>52.417000000000002</c:v>
                </c:pt>
                <c:pt idx="5285">
                  <c:v>52.427</c:v>
                </c:pt>
                <c:pt idx="5286">
                  <c:v>52.436</c:v>
                </c:pt>
                <c:pt idx="5287">
                  <c:v>52.447000000000003</c:v>
                </c:pt>
                <c:pt idx="5288">
                  <c:v>52.456000000000003</c:v>
                </c:pt>
                <c:pt idx="5289">
                  <c:v>52.466000000000001</c:v>
                </c:pt>
                <c:pt idx="5290">
                  <c:v>52.475999999999999</c:v>
                </c:pt>
                <c:pt idx="5291">
                  <c:v>52.484999999999999</c:v>
                </c:pt>
                <c:pt idx="5292">
                  <c:v>52.494999999999997</c:v>
                </c:pt>
                <c:pt idx="5293">
                  <c:v>52.506</c:v>
                </c:pt>
                <c:pt idx="5294">
                  <c:v>52.515999999999998</c:v>
                </c:pt>
                <c:pt idx="5295">
                  <c:v>52.524999999999999</c:v>
                </c:pt>
                <c:pt idx="5296">
                  <c:v>52.533999999999999</c:v>
                </c:pt>
                <c:pt idx="5297">
                  <c:v>52.543999999999997</c:v>
                </c:pt>
                <c:pt idx="5298">
                  <c:v>52.552999999999997</c:v>
                </c:pt>
                <c:pt idx="5299">
                  <c:v>52.563000000000002</c:v>
                </c:pt>
                <c:pt idx="5300">
                  <c:v>52.573</c:v>
                </c:pt>
                <c:pt idx="5301">
                  <c:v>52.582000000000001</c:v>
                </c:pt>
                <c:pt idx="5302">
                  <c:v>52.59</c:v>
                </c:pt>
                <c:pt idx="5303">
                  <c:v>52.600999999999999</c:v>
                </c:pt>
                <c:pt idx="5304">
                  <c:v>52.61</c:v>
                </c:pt>
                <c:pt idx="5305">
                  <c:v>52.619</c:v>
                </c:pt>
                <c:pt idx="5306">
                  <c:v>52.63</c:v>
                </c:pt>
                <c:pt idx="5307">
                  <c:v>52.639000000000003</c:v>
                </c:pt>
                <c:pt idx="5308">
                  <c:v>52.648000000000003</c:v>
                </c:pt>
                <c:pt idx="5309">
                  <c:v>52.658999999999999</c:v>
                </c:pt>
                <c:pt idx="5310">
                  <c:v>52.668999999999997</c:v>
                </c:pt>
                <c:pt idx="5311">
                  <c:v>52.68</c:v>
                </c:pt>
                <c:pt idx="5312">
                  <c:v>52.689</c:v>
                </c:pt>
                <c:pt idx="5313">
                  <c:v>52.7</c:v>
                </c:pt>
                <c:pt idx="5314">
                  <c:v>52.71</c:v>
                </c:pt>
                <c:pt idx="5315">
                  <c:v>52.72</c:v>
                </c:pt>
                <c:pt idx="5316">
                  <c:v>52.73</c:v>
                </c:pt>
                <c:pt idx="5317">
                  <c:v>52.741</c:v>
                </c:pt>
                <c:pt idx="5318">
                  <c:v>52.750999999999998</c:v>
                </c:pt>
                <c:pt idx="5319">
                  <c:v>52.762</c:v>
                </c:pt>
                <c:pt idx="5320">
                  <c:v>52.771000000000001</c:v>
                </c:pt>
                <c:pt idx="5321">
                  <c:v>52.781999999999996</c:v>
                </c:pt>
                <c:pt idx="5322">
                  <c:v>52.783000000000001</c:v>
                </c:pt>
                <c:pt idx="5323">
                  <c:v>52.783000000000001</c:v>
                </c:pt>
                <c:pt idx="5324">
                  <c:v>52.786000000000001</c:v>
                </c:pt>
                <c:pt idx="5325">
                  <c:v>52.793999999999997</c:v>
                </c:pt>
                <c:pt idx="5326">
                  <c:v>52.804000000000002</c:v>
                </c:pt>
                <c:pt idx="5327">
                  <c:v>52.814</c:v>
                </c:pt>
                <c:pt idx="5328">
                  <c:v>52.823999999999998</c:v>
                </c:pt>
                <c:pt idx="5329">
                  <c:v>52.83</c:v>
                </c:pt>
                <c:pt idx="5330">
                  <c:v>52.83</c:v>
                </c:pt>
                <c:pt idx="5331">
                  <c:v>52.832000000000001</c:v>
                </c:pt>
                <c:pt idx="5332">
                  <c:v>52.841999999999999</c:v>
                </c:pt>
                <c:pt idx="5333">
                  <c:v>52.850999999999999</c:v>
                </c:pt>
                <c:pt idx="5334">
                  <c:v>52.860999999999997</c:v>
                </c:pt>
                <c:pt idx="5335">
                  <c:v>52.871000000000002</c:v>
                </c:pt>
                <c:pt idx="5336">
                  <c:v>52.881</c:v>
                </c:pt>
                <c:pt idx="5337">
                  <c:v>52.890999999999998</c:v>
                </c:pt>
                <c:pt idx="5338">
                  <c:v>52.901000000000003</c:v>
                </c:pt>
                <c:pt idx="5339">
                  <c:v>52.911999999999999</c:v>
                </c:pt>
                <c:pt idx="5340">
                  <c:v>52.923000000000002</c:v>
                </c:pt>
                <c:pt idx="5341">
                  <c:v>52.933</c:v>
                </c:pt>
                <c:pt idx="5342">
                  <c:v>52.994999999999997</c:v>
                </c:pt>
                <c:pt idx="5343">
                  <c:v>53.006</c:v>
                </c:pt>
                <c:pt idx="5344">
                  <c:v>53.017000000000003</c:v>
                </c:pt>
                <c:pt idx="5345">
                  <c:v>53.027000000000001</c:v>
                </c:pt>
                <c:pt idx="5346">
                  <c:v>53.036999999999999</c:v>
                </c:pt>
                <c:pt idx="5347">
                  <c:v>53.046999999999997</c:v>
                </c:pt>
                <c:pt idx="5348">
                  <c:v>53.057000000000002</c:v>
                </c:pt>
                <c:pt idx="5349">
                  <c:v>53.067</c:v>
                </c:pt>
                <c:pt idx="5350">
                  <c:v>53.078000000000003</c:v>
                </c:pt>
                <c:pt idx="5351">
                  <c:v>53.087000000000003</c:v>
                </c:pt>
                <c:pt idx="5352">
                  <c:v>53.097999999999999</c:v>
                </c:pt>
                <c:pt idx="5353">
                  <c:v>53.107999999999997</c:v>
                </c:pt>
                <c:pt idx="5354">
                  <c:v>53.118000000000002</c:v>
                </c:pt>
                <c:pt idx="5355">
                  <c:v>53.128999999999998</c:v>
                </c:pt>
                <c:pt idx="5356">
                  <c:v>53.139000000000003</c:v>
                </c:pt>
                <c:pt idx="5357">
                  <c:v>53.149000000000001</c:v>
                </c:pt>
                <c:pt idx="5358">
                  <c:v>53.16</c:v>
                </c:pt>
                <c:pt idx="5359">
                  <c:v>53.17</c:v>
                </c:pt>
                <c:pt idx="5360">
                  <c:v>53.18</c:v>
                </c:pt>
                <c:pt idx="5361">
                  <c:v>53.191000000000003</c:v>
                </c:pt>
                <c:pt idx="5362">
                  <c:v>53.201000000000001</c:v>
                </c:pt>
                <c:pt idx="5363">
                  <c:v>53.212000000000003</c:v>
                </c:pt>
                <c:pt idx="5364">
                  <c:v>53.222000000000001</c:v>
                </c:pt>
                <c:pt idx="5365">
                  <c:v>53.231999999999999</c:v>
                </c:pt>
                <c:pt idx="5366">
                  <c:v>53.241999999999997</c:v>
                </c:pt>
                <c:pt idx="5367">
                  <c:v>53.252000000000002</c:v>
                </c:pt>
                <c:pt idx="5368">
                  <c:v>53.262</c:v>
                </c:pt>
                <c:pt idx="5369">
                  <c:v>53.273000000000003</c:v>
                </c:pt>
                <c:pt idx="5370">
                  <c:v>53.283000000000001</c:v>
                </c:pt>
                <c:pt idx="5371">
                  <c:v>53.293999999999997</c:v>
                </c:pt>
                <c:pt idx="5372">
                  <c:v>53.305</c:v>
                </c:pt>
                <c:pt idx="5373">
                  <c:v>53.316000000000003</c:v>
                </c:pt>
                <c:pt idx="5374">
                  <c:v>53.326000000000001</c:v>
                </c:pt>
                <c:pt idx="5375">
                  <c:v>53.335999999999999</c:v>
                </c:pt>
                <c:pt idx="5376">
                  <c:v>53.345999999999997</c:v>
                </c:pt>
                <c:pt idx="5377">
                  <c:v>53.356999999999999</c:v>
                </c:pt>
                <c:pt idx="5378">
                  <c:v>53.366999999999997</c:v>
                </c:pt>
                <c:pt idx="5379">
                  <c:v>53.378</c:v>
                </c:pt>
                <c:pt idx="5380">
                  <c:v>53.387</c:v>
                </c:pt>
                <c:pt idx="5381">
                  <c:v>53.398000000000003</c:v>
                </c:pt>
                <c:pt idx="5382">
                  <c:v>53.408000000000001</c:v>
                </c:pt>
                <c:pt idx="5383">
                  <c:v>53.418999999999997</c:v>
                </c:pt>
                <c:pt idx="5384">
                  <c:v>53.429000000000002</c:v>
                </c:pt>
                <c:pt idx="5385">
                  <c:v>53.439</c:v>
                </c:pt>
                <c:pt idx="5386">
                  <c:v>53.448999999999998</c:v>
                </c:pt>
                <c:pt idx="5387">
                  <c:v>53.459000000000003</c:v>
                </c:pt>
                <c:pt idx="5388">
                  <c:v>53.47</c:v>
                </c:pt>
                <c:pt idx="5389">
                  <c:v>53.48</c:v>
                </c:pt>
                <c:pt idx="5390">
                  <c:v>53.49</c:v>
                </c:pt>
                <c:pt idx="5391">
                  <c:v>53.500999999999998</c:v>
                </c:pt>
                <c:pt idx="5392">
                  <c:v>53.51</c:v>
                </c:pt>
                <c:pt idx="5393">
                  <c:v>53.521000000000001</c:v>
                </c:pt>
                <c:pt idx="5394">
                  <c:v>53.530999999999999</c:v>
                </c:pt>
                <c:pt idx="5395">
                  <c:v>53.540999999999997</c:v>
                </c:pt>
                <c:pt idx="5396">
                  <c:v>53.552</c:v>
                </c:pt>
                <c:pt idx="5397">
                  <c:v>53.561</c:v>
                </c:pt>
                <c:pt idx="5398">
                  <c:v>53.572000000000003</c:v>
                </c:pt>
                <c:pt idx="5399">
                  <c:v>53.582000000000001</c:v>
                </c:pt>
                <c:pt idx="5400">
                  <c:v>53.593000000000004</c:v>
                </c:pt>
                <c:pt idx="5401">
                  <c:v>53.603999999999999</c:v>
                </c:pt>
                <c:pt idx="5402">
                  <c:v>53.613</c:v>
                </c:pt>
                <c:pt idx="5403">
                  <c:v>53.624000000000002</c:v>
                </c:pt>
                <c:pt idx="5404">
                  <c:v>53.634</c:v>
                </c:pt>
                <c:pt idx="5405">
                  <c:v>53.645000000000003</c:v>
                </c:pt>
                <c:pt idx="5406">
                  <c:v>53.654000000000003</c:v>
                </c:pt>
                <c:pt idx="5407">
                  <c:v>53.664999999999999</c:v>
                </c:pt>
                <c:pt idx="5408">
                  <c:v>53.676000000000002</c:v>
                </c:pt>
                <c:pt idx="5409">
                  <c:v>53.698999999999998</c:v>
                </c:pt>
                <c:pt idx="5410">
                  <c:v>53.71</c:v>
                </c:pt>
                <c:pt idx="5411">
                  <c:v>53.72</c:v>
                </c:pt>
                <c:pt idx="5412">
                  <c:v>53.728999999999999</c:v>
                </c:pt>
                <c:pt idx="5413">
                  <c:v>53.746000000000002</c:v>
                </c:pt>
                <c:pt idx="5414">
                  <c:v>53.755000000000003</c:v>
                </c:pt>
                <c:pt idx="5415">
                  <c:v>53.765999999999998</c:v>
                </c:pt>
                <c:pt idx="5416">
                  <c:v>53.776000000000003</c:v>
                </c:pt>
                <c:pt idx="5417">
                  <c:v>53.786000000000001</c:v>
                </c:pt>
                <c:pt idx="5418">
                  <c:v>53.796999999999997</c:v>
                </c:pt>
                <c:pt idx="5419">
                  <c:v>53.807000000000002</c:v>
                </c:pt>
                <c:pt idx="5420">
                  <c:v>53.817</c:v>
                </c:pt>
                <c:pt idx="5421">
                  <c:v>53.828000000000003</c:v>
                </c:pt>
                <c:pt idx="5422">
                  <c:v>53.838000000000001</c:v>
                </c:pt>
                <c:pt idx="5423">
                  <c:v>53.848999999999997</c:v>
                </c:pt>
                <c:pt idx="5424">
                  <c:v>53.859000000000002</c:v>
                </c:pt>
                <c:pt idx="5425">
                  <c:v>53.869</c:v>
                </c:pt>
                <c:pt idx="5426">
                  <c:v>53.878999999999998</c:v>
                </c:pt>
                <c:pt idx="5427">
                  <c:v>53.89</c:v>
                </c:pt>
                <c:pt idx="5428">
                  <c:v>53.9</c:v>
                </c:pt>
                <c:pt idx="5429">
                  <c:v>53.91</c:v>
                </c:pt>
                <c:pt idx="5430">
                  <c:v>53.920999999999999</c:v>
                </c:pt>
                <c:pt idx="5431">
                  <c:v>53.930999999999997</c:v>
                </c:pt>
                <c:pt idx="5432">
                  <c:v>53.94</c:v>
                </c:pt>
                <c:pt idx="5433">
                  <c:v>53.948999999999998</c:v>
                </c:pt>
                <c:pt idx="5434">
                  <c:v>53.96</c:v>
                </c:pt>
                <c:pt idx="5435">
                  <c:v>53.97</c:v>
                </c:pt>
                <c:pt idx="5436">
                  <c:v>53.978999999999999</c:v>
                </c:pt>
                <c:pt idx="5437">
                  <c:v>53.988</c:v>
                </c:pt>
                <c:pt idx="5438">
                  <c:v>53.999000000000002</c:v>
                </c:pt>
                <c:pt idx="5439">
                  <c:v>54.009</c:v>
                </c:pt>
                <c:pt idx="5440">
                  <c:v>54.018999999999998</c:v>
                </c:pt>
                <c:pt idx="5441">
                  <c:v>54.029000000000003</c:v>
                </c:pt>
                <c:pt idx="5442">
                  <c:v>54.039000000000001</c:v>
                </c:pt>
                <c:pt idx="5443">
                  <c:v>54.05</c:v>
                </c:pt>
                <c:pt idx="5444">
                  <c:v>54.06</c:v>
                </c:pt>
                <c:pt idx="5445">
                  <c:v>54.070999999999998</c:v>
                </c:pt>
                <c:pt idx="5446">
                  <c:v>54.081000000000003</c:v>
                </c:pt>
                <c:pt idx="5447">
                  <c:v>54.09</c:v>
                </c:pt>
                <c:pt idx="5448">
                  <c:v>54.094999999999999</c:v>
                </c:pt>
                <c:pt idx="5449">
                  <c:v>54.113999999999997</c:v>
                </c:pt>
                <c:pt idx="5450">
                  <c:v>54.124000000000002</c:v>
                </c:pt>
                <c:pt idx="5451">
                  <c:v>54.134</c:v>
                </c:pt>
                <c:pt idx="5452">
                  <c:v>54.143999999999998</c:v>
                </c:pt>
                <c:pt idx="5453">
                  <c:v>54.155000000000001</c:v>
                </c:pt>
                <c:pt idx="5454">
                  <c:v>54.164999999999999</c:v>
                </c:pt>
                <c:pt idx="5455">
                  <c:v>54.174999999999997</c:v>
                </c:pt>
                <c:pt idx="5456">
                  <c:v>54.186</c:v>
                </c:pt>
                <c:pt idx="5457">
                  <c:v>54.195999999999998</c:v>
                </c:pt>
                <c:pt idx="5458">
                  <c:v>54.206000000000003</c:v>
                </c:pt>
                <c:pt idx="5459">
                  <c:v>54.216000000000001</c:v>
                </c:pt>
                <c:pt idx="5460">
                  <c:v>54.226999999999997</c:v>
                </c:pt>
                <c:pt idx="5461">
                  <c:v>54.237000000000002</c:v>
                </c:pt>
                <c:pt idx="5462">
                  <c:v>54.247</c:v>
                </c:pt>
                <c:pt idx="5463">
                  <c:v>54.256999999999998</c:v>
                </c:pt>
                <c:pt idx="5464">
                  <c:v>54.268000000000001</c:v>
                </c:pt>
                <c:pt idx="5465">
                  <c:v>54.277999999999999</c:v>
                </c:pt>
                <c:pt idx="5466">
                  <c:v>54.289000000000001</c:v>
                </c:pt>
                <c:pt idx="5467">
                  <c:v>54.301000000000002</c:v>
                </c:pt>
                <c:pt idx="5468">
                  <c:v>54.311</c:v>
                </c:pt>
                <c:pt idx="5469">
                  <c:v>54.322000000000003</c:v>
                </c:pt>
                <c:pt idx="5470">
                  <c:v>54.331000000000003</c:v>
                </c:pt>
                <c:pt idx="5471">
                  <c:v>54.341000000000001</c:v>
                </c:pt>
                <c:pt idx="5472">
                  <c:v>54.351999999999997</c:v>
                </c:pt>
                <c:pt idx="5473">
                  <c:v>54.362000000000002</c:v>
                </c:pt>
                <c:pt idx="5474">
                  <c:v>54.372999999999998</c:v>
                </c:pt>
                <c:pt idx="5475">
                  <c:v>54.383000000000003</c:v>
                </c:pt>
                <c:pt idx="5476">
                  <c:v>54.393000000000001</c:v>
                </c:pt>
                <c:pt idx="5477">
                  <c:v>54.402999999999999</c:v>
                </c:pt>
                <c:pt idx="5478">
                  <c:v>54.412999999999997</c:v>
                </c:pt>
                <c:pt idx="5479">
                  <c:v>54.423999999999999</c:v>
                </c:pt>
                <c:pt idx="5480">
                  <c:v>54.433999999999997</c:v>
                </c:pt>
                <c:pt idx="5481">
                  <c:v>54.444000000000003</c:v>
                </c:pt>
                <c:pt idx="5482">
                  <c:v>54.454000000000001</c:v>
                </c:pt>
                <c:pt idx="5483">
                  <c:v>54.465000000000003</c:v>
                </c:pt>
                <c:pt idx="5484">
                  <c:v>54.475999999999999</c:v>
                </c:pt>
                <c:pt idx="5485">
                  <c:v>54.485999999999997</c:v>
                </c:pt>
                <c:pt idx="5486">
                  <c:v>54.496000000000002</c:v>
                </c:pt>
                <c:pt idx="5487">
                  <c:v>54.506999999999998</c:v>
                </c:pt>
                <c:pt idx="5488">
                  <c:v>54.517000000000003</c:v>
                </c:pt>
                <c:pt idx="5489">
                  <c:v>54.526000000000003</c:v>
                </c:pt>
                <c:pt idx="5490">
                  <c:v>54.536000000000001</c:v>
                </c:pt>
                <c:pt idx="5491">
                  <c:v>54.546999999999997</c:v>
                </c:pt>
                <c:pt idx="5492">
                  <c:v>54.557000000000002</c:v>
                </c:pt>
                <c:pt idx="5493">
                  <c:v>54.567999999999998</c:v>
                </c:pt>
                <c:pt idx="5494">
                  <c:v>54.576999999999998</c:v>
                </c:pt>
                <c:pt idx="5495">
                  <c:v>54.587000000000003</c:v>
                </c:pt>
                <c:pt idx="5496">
                  <c:v>54.597000000000001</c:v>
                </c:pt>
                <c:pt idx="5497">
                  <c:v>54.607999999999997</c:v>
                </c:pt>
                <c:pt idx="5498">
                  <c:v>54.618000000000002</c:v>
                </c:pt>
                <c:pt idx="5499">
                  <c:v>54.628</c:v>
                </c:pt>
                <c:pt idx="5500">
                  <c:v>54.639000000000003</c:v>
                </c:pt>
                <c:pt idx="5501">
                  <c:v>54.649000000000001</c:v>
                </c:pt>
                <c:pt idx="5502">
                  <c:v>54.658999999999999</c:v>
                </c:pt>
                <c:pt idx="5503">
                  <c:v>54.668999999999997</c:v>
                </c:pt>
                <c:pt idx="5504">
                  <c:v>54.679000000000002</c:v>
                </c:pt>
                <c:pt idx="5505">
                  <c:v>54.689</c:v>
                </c:pt>
                <c:pt idx="5506">
                  <c:v>54.7</c:v>
                </c:pt>
                <c:pt idx="5507">
                  <c:v>54.71</c:v>
                </c:pt>
                <c:pt idx="5508">
                  <c:v>54.719000000000001</c:v>
                </c:pt>
                <c:pt idx="5509">
                  <c:v>54.728999999999999</c:v>
                </c:pt>
                <c:pt idx="5510">
                  <c:v>54.738999999999997</c:v>
                </c:pt>
                <c:pt idx="5511">
                  <c:v>54.749000000000002</c:v>
                </c:pt>
                <c:pt idx="5512">
                  <c:v>54.758000000000003</c:v>
                </c:pt>
                <c:pt idx="5513">
                  <c:v>54.768000000000001</c:v>
                </c:pt>
                <c:pt idx="5514">
                  <c:v>54.777999999999999</c:v>
                </c:pt>
                <c:pt idx="5515">
                  <c:v>54.786000000000001</c:v>
                </c:pt>
                <c:pt idx="5516">
                  <c:v>54.795999999999999</c:v>
                </c:pt>
                <c:pt idx="5517">
                  <c:v>54.805</c:v>
                </c:pt>
                <c:pt idx="5518">
                  <c:v>54.814</c:v>
                </c:pt>
                <c:pt idx="5519">
                  <c:v>54.814999999999998</c:v>
                </c:pt>
                <c:pt idx="5520">
                  <c:v>54.829000000000001</c:v>
                </c:pt>
                <c:pt idx="5521">
                  <c:v>54.838000000000001</c:v>
                </c:pt>
                <c:pt idx="5522">
                  <c:v>54.847000000000001</c:v>
                </c:pt>
                <c:pt idx="5523">
                  <c:v>54.856999999999999</c:v>
                </c:pt>
                <c:pt idx="5524">
                  <c:v>54.866999999999997</c:v>
                </c:pt>
                <c:pt idx="5525">
                  <c:v>54.878999999999998</c:v>
                </c:pt>
                <c:pt idx="5526">
                  <c:v>54.887</c:v>
                </c:pt>
                <c:pt idx="5527">
                  <c:v>54.896999999999998</c:v>
                </c:pt>
                <c:pt idx="5528">
                  <c:v>54.906999999999996</c:v>
                </c:pt>
                <c:pt idx="5529">
                  <c:v>54.915999999999997</c:v>
                </c:pt>
                <c:pt idx="5530">
                  <c:v>54.926000000000002</c:v>
                </c:pt>
                <c:pt idx="5531">
                  <c:v>54.936</c:v>
                </c:pt>
                <c:pt idx="5532">
                  <c:v>54.945999999999998</c:v>
                </c:pt>
                <c:pt idx="5533">
                  <c:v>54.956000000000003</c:v>
                </c:pt>
                <c:pt idx="5534">
                  <c:v>54.966000000000001</c:v>
                </c:pt>
                <c:pt idx="5535">
                  <c:v>54.975999999999999</c:v>
                </c:pt>
                <c:pt idx="5536">
                  <c:v>54.984999999999999</c:v>
                </c:pt>
                <c:pt idx="5537">
                  <c:v>54.994</c:v>
                </c:pt>
                <c:pt idx="5538">
                  <c:v>55.000999999999998</c:v>
                </c:pt>
                <c:pt idx="5539">
                  <c:v>55.009</c:v>
                </c:pt>
                <c:pt idx="5540">
                  <c:v>55.018000000000001</c:v>
                </c:pt>
                <c:pt idx="5541">
                  <c:v>55.027999999999999</c:v>
                </c:pt>
                <c:pt idx="5542">
                  <c:v>55.037999999999997</c:v>
                </c:pt>
                <c:pt idx="5543">
                  <c:v>55.046999999999997</c:v>
                </c:pt>
                <c:pt idx="5544">
                  <c:v>55.055999999999997</c:v>
                </c:pt>
                <c:pt idx="5545">
                  <c:v>55.066000000000003</c:v>
                </c:pt>
                <c:pt idx="5546">
                  <c:v>55.075000000000003</c:v>
                </c:pt>
                <c:pt idx="5547">
                  <c:v>55.085999999999999</c:v>
                </c:pt>
                <c:pt idx="5548">
                  <c:v>55.094999999999999</c:v>
                </c:pt>
                <c:pt idx="5549">
                  <c:v>55.104999999999997</c:v>
                </c:pt>
                <c:pt idx="5550">
                  <c:v>55.115000000000002</c:v>
                </c:pt>
                <c:pt idx="5551">
                  <c:v>55.125</c:v>
                </c:pt>
                <c:pt idx="5552">
                  <c:v>55.134</c:v>
                </c:pt>
                <c:pt idx="5553">
                  <c:v>55.145000000000003</c:v>
                </c:pt>
                <c:pt idx="5554">
                  <c:v>55.155000000000001</c:v>
                </c:pt>
                <c:pt idx="5555">
                  <c:v>55.17</c:v>
                </c:pt>
                <c:pt idx="5556">
                  <c:v>55.180999999999997</c:v>
                </c:pt>
                <c:pt idx="5557">
                  <c:v>55.192</c:v>
                </c:pt>
                <c:pt idx="5558">
                  <c:v>55.201999999999998</c:v>
                </c:pt>
                <c:pt idx="5559">
                  <c:v>55.212000000000003</c:v>
                </c:pt>
                <c:pt idx="5560">
                  <c:v>55.222000000000001</c:v>
                </c:pt>
                <c:pt idx="5561">
                  <c:v>55.232999999999997</c:v>
                </c:pt>
                <c:pt idx="5562">
                  <c:v>55.243000000000002</c:v>
                </c:pt>
                <c:pt idx="5563">
                  <c:v>55.250999999999998</c:v>
                </c:pt>
                <c:pt idx="5564">
                  <c:v>55.265000000000001</c:v>
                </c:pt>
                <c:pt idx="5565">
                  <c:v>55.274999999999999</c:v>
                </c:pt>
                <c:pt idx="5566">
                  <c:v>55.284999999999997</c:v>
                </c:pt>
                <c:pt idx="5567">
                  <c:v>55.295000000000002</c:v>
                </c:pt>
                <c:pt idx="5568">
                  <c:v>55.305999999999997</c:v>
                </c:pt>
                <c:pt idx="5569">
                  <c:v>55.316000000000003</c:v>
                </c:pt>
                <c:pt idx="5570">
                  <c:v>55.328000000000003</c:v>
                </c:pt>
                <c:pt idx="5571">
                  <c:v>55.337000000000003</c:v>
                </c:pt>
                <c:pt idx="5572">
                  <c:v>55.347999999999999</c:v>
                </c:pt>
                <c:pt idx="5573">
                  <c:v>55.359000000000002</c:v>
                </c:pt>
                <c:pt idx="5574">
                  <c:v>55.368000000000002</c:v>
                </c:pt>
                <c:pt idx="5575">
                  <c:v>55.378</c:v>
                </c:pt>
                <c:pt idx="5576">
                  <c:v>55.389000000000003</c:v>
                </c:pt>
                <c:pt idx="5577">
                  <c:v>55.399000000000001</c:v>
                </c:pt>
                <c:pt idx="5578">
                  <c:v>55.408999999999999</c:v>
                </c:pt>
                <c:pt idx="5579">
                  <c:v>55.418999999999997</c:v>
                </c:pt>
                <c:pt idx="5580">
                  <c:v>55.43</c:v>
                </c:pt>
                <c:pt idx="5581">
                  <c:v>55.439</c:v>
                </c:pt>
                <c:pt idx="5582">
                  <c:v>55.45</c:v>
                </c:pt>
                <c:pt idx="5583">
                  <c:v>55.46</c:v>
                </c:pt>
                <c:pt idx="5584">
                  <c:v>55.47</c:v>
                </c:pt>
                <c:pt idx="5585">
                  <c:v>55.481000000000002</c:v>
                </c:pt>
                <c:pt idx="5586">
                  <c:v>55.491</c:v>
                </c:pt>
                <c:pt idx="5587">
                  <c:v>55.502000000000002</c:v>
                </c:pt>
                <c:pt idx="5588">
                  <c:v>55.512</c:v>
                </c:pt>
                <c:pt idx="5589">
                  <c:v>55.521999999999998</c:v>
                </c:pt>
                <c:pt idx="5590">
                  <c:v>55.531999999999996</c:v>
                </c:pt>
                <c:pt idx="5591">
                  <c:v>55.542999999999999</c:v>
                </c:pt>
                <c:pt idx="5592">
                  <c:v>55.552999999999997</c:v>
                </c:pt>
                <c:pt idx="5593">
                  <c:v>55.563000000000002</c:v>
                </c:pt>
                <c:pt idx="5594">
                  <c:v>55.573999999999998</c:v>
                </c:pt>
                <c:pt idx="5595">
                  <c:v>55.584000000000003</c:v>
                </c:pt>
                <c:pt idx="5596">
                  <c:v>55.594999999999999</c:v>
                </c:pt>
                <c:pt idx="5597">
                  <c:v>55.603999999999999</c:v>
                </c:pt>
                <c:pt idx="5598">
                  <c:v>55.615000000000002</c:v>
                </c:pt>
                <c:pt idx="5599">
                  <c:v>55.625999999999998</c:v>
                </c:pt>
                <c:pt idx="5600">
                  <c:v>55.634999999999998</c:v>
                </c:pt>
                <c:pt idx="5601">
                  <c:v>55.637</c:v>
                </c:pt>
                <c:pt idx="5602">
                  <c:v>55.643999999999998</c:v>
                </c:pt>
                <c:pt idx="5603">
                  <c:v>55.654000000000003</c:v>
                </c:pt>
                <c:pt idx="5604">
                  <c:v>55.662999999999997</c:v>
                </c:pt>
                <c:pt idx="5605">
                  <c:v>55.673999999999999</c:v>
                </c:pt>
                <c:pt idx="5606">
                  <c:v>55.683999999999997</c:v>
                </c:pt>
                <c:pt idx="5607">
                  <c:v>55.694000000000003</c:v>
                </c:pt>
                <c:pt idx="5608">
                  <c:v>55.704999999999998</c:v>
                </c:pt>
                <c:pt idx="5609">
                  <c:v>55.716000000000001</c:v>
                </c:pt>
                <c:pt idx="5610">
                  <c:v>55.725999999999999</c:v>
                </c:pt>
                <c:pt idx="5611">
                  <c:v>55.737000000000002</c:v>
                </c:pt>
                <c:pt idx="5612">
                  <c:v>55.747</c:v>
                </c:pt>
                <c:pt idx="5613">
                  <c:v>55.756999999999998</c:v>
                </c:pt>
                <c:pt idx="5614">
                  <c:v>55.767000000000003</c:v>
                </c:pt>
                <c:pt idx="5615">
                  <c:v>55.777000000000001</c:v>
                </c:pt>
                <c:pt idx="5616">
                  <c:v>55.787999999999997</c:v>
                </c:pt>
                <c:pt idx="5617">
                  <c:v>55.798000000000002</c:v>
                </c:pt>
                <c:pt idx="5618">
                  <c:v>55.808</c:v>
                </c:pt>
                <c:pt idx="5619">
                  <c:v>55.819000000000003</c:v>
                </c:pt>
                <c:pt idx="5620">
                  <c:v>55.829000000000001</c:v>
                </c:pt>
                <c:pt idx="5621">
                  <c:v>55.84</c:v>
                </c:pt>
                <c:pt idx="5622">
                  <c:v>55.850999999999999</c:v>
                </c:pt>
                <c:pt idx="5623">
                  <c:v>55.86</c:v>
                </c:pt>
                <c:pt idx="5624">
                  <c:v>55.871000000000002</c:v>
                </c:pt>
                <c:pt idx="5625">
                  <c:v>55.881</c:v>
                </c:pt>
                <c:pt idx="5626">
                  <c:v>55.890999999999998</c:v>
                </c:pt>
                <c:pt idx="5627">
                  <c:v>55.901000000000003</c:v>
                </c:pt>
                <c:pt idx="5628">
                  <c:v>55.911999999999999</c:v>
                </c:pt>
                <c:pt idx="5629">
                  <c:v>55.923000000000002</c:v>
                </c:pt>
                <c:pt idx="5630">
                  <c:v>55.933</c:v>
                </c:pt>
                <c:pt idx="5631">
                  <c:v>55.942999999999998</c:v>
                </c:pt>
                <c:pt idx="5632">
                  <c:v>55.954000000000001</c:v>
                </c:pt>
                <c:pt idx="5633">
                  <c:v>55.965000000000003</c:v>
                </c:pt>
                <c:pt idx="5634">
                  <c:v>55.975000000000001</c:v>
                </c:pt>
                <c:pt idx="5635">
                  <c:v>55.985999999999997</c:v>
                </c:pt>
                <c:pt idx="5636">
                  <c:v>55.996000000000002</c:v>
                </c:pt>
                <c:pt idx="5637">
                  <c:v>56.006</c:v>
                </c:pt>
                <c:pt idx="5638">
                  <c:v>56.017000000000003</c:v>
                </c:pt>
                <c:pt idx="5639">
                  <c:v>56.026000000000003</c:v>
                </c:pt>
                <c:pt idx="5640">
                  <c:v>56.036000000000001</c:v>
                </c:pt>
                <c:pt idx="5641">
                  <c:v>56.045000000000002</c:v>
                </c:pt>
                <c:pt idx="5642">
                  <c:v>56.055</c:v>
                </c:pt>
                <c:pt idx="5643">
                  <c:v>56.064999999999998</c:v>
                </c:pt>
                <c:pt idx="5644">
                  <c:v>56.073999999999998</c:v>
                </c:pt>
                <c:pt idx="5645">
                  <c:v>56.084000000000003</c:v>
                </c:pt>
                <c:pt idx="5646">
                  <c:v>56.094999999999999</c:v>
                </c:pt>
                <c:pt idx="5647">
                  <c:v>56.104999999999997</c:v>
                </c:pt>
                <c:pt idx="5648">
                  <c:v>56.115000000000002</c:v>
                </c:pt>
                <c:pt idx="5649">
                  <c:v>56.125</c:v>
                </c:pt>
                <c:pt idx="5650">
                  <c:v>56.134999999999998</c:v>
                </c:pt>
                <c:pt idx="5651">
                  <c:v>56.146999999999998</c:v>
                </c:pt>
                <c:pt idx="5652">
                  <c:v>56.156999999999996</c:v>
                </c:pt>
                <c:pt idx="5653">
                  <c:v>56.167000000000002</c:v>
                </c:pt>
                <c:pt idx="5654">
                  <c:v>56.177</c:v>
                </c:pt>
                <c:pt idx="5655">
                  <c:v>56.186999999999998</c:v>
                </c:pt>
                <c:pt idx="5656">
                  <c:v>56.195999999999998</c:v>
                </c:pt>
                <c:pt idx="5657">
                  <c:v>56.206000000000003</c:v>
                </c:pt>
                <c:pt idx="5658">
                  <c:v>56.215000000000003</c:v>
                </c:pt>
                <c:pt idx="5659">
                  <c:v>56.225000000000001</c:v>
                </c:pt>
                <c:pt idx="5660">
                  <c:v>56.271999999999998</c:v>
                </c:pt>
                <c:pt idx="5661">
                  <c:v>56.281999999999996</c:v>
                </c:pt>
                <c:pt idx="5662">
                  <c:v>56.292000000000002</c:v>
                </c:pt>
                <c:pt idx="5663">
                  <c:v>56.302999999999997</c:v>
                </c:pt>
                <c:pt idx="5664">
                  <c:v>56.313000000000002</c:v>
                </c:pt>
                <c:pt idx="5665">
                  <c:v>56.323999999999998</c:v>
                </c:pt>
                <c:pt idx="5666">
                  <c:v>56.335000000000001</c:v>
                </c:pt>
                <c:pt idx="5667">
                  <c:v>56.344999999999999</c:v>
                </c:pt>
                <c:pt idx="5668">
                  <c:v>56.354999999999997</c:v>
                </c:pt>
                <c:pt idx="5669">
                  <c:v>56.365000000000002</c:v>
                </c:pt>
                <c:pt idx="5670">
                  <c:v>56.375</c:v>
                </c:pt>
                <c:pt idx="5671">
                  <c:v>56.387</c:v>
                </c:pt>
                <c:pt idx="5672">
                  <c:v>56.396999999999998</c:v>
                </c:pt>
                <c:pt idx="5673">
                  <c:v>56.406999999999996</c:v>
                </c:pt>
                <c:pt idx="5674">
                  <c:v>56.415999999999997</c:v>
                </c:pt>
                <c:pt idx="5675">
                  <c:v>56.427</c:v>
                </c:pt>
                <c:pt idx="5676">
                  <c:v>56.436999999999998</c:v>
                </c:pt>
                <c:pt idx="5677">
                  <c:v>56.447000000000003</c:v>
                </c:pt>
                <c:pt idx="5678">
                  <c:v>56.457999999999998</c:v>
                </c:pt>
                <c:pt idx="5679">
                  <c:v>56.468000000000004</c:v>
                </c:pt>
                <c:pt idx="5680">
                  <c:v>56.478000000000002</c:v>
                </c:pt>
                <c:pt idx="5681">
                  <c:v>56.488999999999997</c:v>
                </c:pt>
                <c:pt idx="5682">
                  <c:v>56.499000000000002</c:v>
                </c:pt>
                <c:pt idx="5683">
                  <c:v>56.51</c:v>
                </c:pt>
                <c:pt idx="5684">
                  <c:v>56.52</c:v>
                </c:pt>
                <c:pt idx="5685">
                  <c:v>56.530999999999999</c:v>
                </c:pt>
                <c:pt idx="5686">
                  <c:v>56.54</c:v>
                </c:pt>
                <c:pt idx="5687">
                  <c:v>56.551000000000002</c:v>
                </c:pt>
                <c:pt idx="5688">
                  <c:v>56.561999999999998</c:v>
                </c:pt>
                <c:pt idx="5689">
                  <c:v>56.570999999999998</c:v>
                </c:pt>
                <c:pt idx="5690">
                  <c:v>56.582000000000001</c:v>
                </c:pt>
                <c:pt idx="5691">
                  <c:v>56.591999999999999</c:v>
                </c:pt>
                <c:pt idx="5692">
                  <c:v>56.603000000000002</c:v>
                </c:pt>
                <c:pt idx="5693">
                  <c:v>56.613</c:v>
                </c:pt>
                <c:pt idx="5694">
                  <c:v>56.622</c:v>
                </c:pt>
                <c:pt idx="5695">
                  <c:v>56.633000000000003</c:v>
                </c:pt>
                <c:pt idx="5696">
                  <c:v>56.643999999999998</c:v>
                </c:pt>
                <c:pt idx="5697">
                  <c:v>56.652999999999999</c:v>
                </c:pt>
                <c:pt idx="5698">
                  <c:v>56.664000000000001</c:v>
                </c:pt>
                <c:pt idx="5699">
                  <c:v>56.673999999999999</c:v>
                </c:pt>
                <c:pt idx="5700">
                  <c:v>56.685000000000002</c:v>
                </c:pt>
                <c:pt idx="5701">
                  <c:v>56.695</c:v>
                </c:pt>
                <c:pt idx="5702">
                  <c:v>56.704999999999998</c:v>
                </c:pt>
                <c:pt idx="5703">
                  <c:v>56.716000000000001</c:v>
                </c:pt>
                <c:pt idx="5704">
                  <c:v>56.725999999999999</c:v>
                </c:pt>
                <c:pt idx="5705">
                  <c:v>56.735999999999997</c:v>
                </c:pt>
                <c:pt idx="5706">
                  <c:v>56.746000000000002</c:v>
                </c:pt>
                <c:pt idx="5707">
                  <c:v>56.756</c:v>
                </c:pt>
                <c:pt idx="5708">
                  <c:v>56.768000000000001</c:v>
                </c:pt>
                <c:pt idx="5709">
                  <c:v>56.777999999999999</c:v>
                </c:pt>
                <c:pt idx="5710">
                  <c:v>56.786999999999999</c:v>
                </c:pt>
                <c:pt idx="5711">
                  <c:v>56.798000000000002</c:v>
                </c:pt>
                <c:pt idx="5712">
                  <c:v>56.808999999999997</c:v>
                </c:pt>
                <c:pt idx="5713">
                  <c:v>56.82</c:v>
                </c:pt>
                <c:pt idx="5714">
                  <c:v>56.83</c:v>
                </c:pt>
                <c:pt idx="5715">
                  <c:v>56.84</c:v>
                </c:pt>
                <c:pt idx="5716">
                  <c:v>56.850999999999999</c:v>
                </c:pt>
                <c:pt idx="5717">
                  <c:v>56.860999999999997</c:v>
                </c:pt>
                <c:pt idx="5718">
                  <c:v>56.872</c:v>
                </c:pt>
                <c:pt idx="5719">
                  <c:v>56.881</c:v>
                </c:pt>
                <c:pt idx="5720">
                  <c:v>56.892000000000003</c:v>
                </c:pt>
                <c:pt idx="5721">
                  <c:v>56.902000000000001</c:v>
                </c:pt>
                <c:pt idx="5722">
                  <c:v>56.912999999999997</c:v>
                </c:pt>
                <c:pt idx="5723">
                  <c:v>56.923000000000002</c:v>
                </c:pt>
                <c:pt idx="5724">
                  <c:v>56.933</c:v>
                </c:pt>
                <c:pt idx="5725">
                  <c:v>56.942999999999998</c:v>
                </c:pt>
                <c:pt idx="5726">
                  <c:v>56.953000000000003</c:v>
                </c:pt>
                <c:pt idx="5727">
                  <c:v>56.963999999999999</c:v>
                </c:pt>
                <c:pt idx="5728">
                  <c:v>56.973999999999997</c:v>
                </c:pt>
                <c:pt idx="5729">
                  <c:v>56.982999999999997</c:v>
                </c:pt>
                <c:pt idx="5730">
                  <c:v>56.994</c:v>
                </c:pt>
                <c:pt idx="5731">
                  <c:v>57.003999999999998</c:v>
                </c:pt>
                <c:pt idx="5732">
                  <c:v>57.014000000000003</c:v>
                </c:pt>
                <c:pt idx="5733">
                  <c:v>57.024999999999999</c:v>
                </c:pt>
                <c:pt idx="5734">
                  <c:v>57.036000000000001</c:v>
                </c:pt>
                <c:pt idx="5735">
                  <c:v>57.045999999999999</c:v>
                </c:pt>
                <c:pt idx="5736">
                  <c:v>57.055999999999997</c:v>
                </c:pt>
                <c:pt idx="5737">
                  <c:v>57.066000000000003</c:v>
                </c:pt>
                <c:pt idx="5738">
                  <c:v>57.076000000000001</c:v>
                </c:pt>
                <c:pt idx="5739">
                  <c:v>57.087000000000003</c:v>
                </c:pt>
                <c:pt idx="5740">
                  <c:v>57.097999999999999</c:v>
                </c:pt>
                <c:pt idx="5741">
                  <c:v>57.106999999999999</c:v>
                </c:pt>
                <c:pt idx="5742">
                  <c:v>57.116999999999997</c:v>
                </c:pt>
                <c:pt idx="5743">
                  <c:v>57.128</c:v>
                </c:pt>
                <c:pt idx="5744">
                  <c:v>57.137</c:v>
                </c:pt>
                <c:pt idx="5745">
                  <c:v>57.148000000000003</c:v>
                </c:pt>
                <c:pt idx="5746">
                  <c:v>57.16</c:v>
                </c:pt>
                <c:pt idx="5747">
                  <c:v>57.17</c:v>
                </c:pt>
                <c:pt idx="5748">
                  <c:v>57.180999999999997</c:v>
                </c:pt>
                <c:pt idx="5749">
                  <c:v>57.191000000000003</c:v>
                </c:pt>
                <c:pt idx="5750">
                  <c:v>57.201000000000001</c:v>
                </c:pt>
                <c:pt idx="5751">
                  <c:v>57.210999999999999</c:v>
                </c:pt>
                <c:pt idx="5752">
                  <c:v>57.220999999999997</c:v>
                </c:pt>
                <c:pt idx="5753">
                  <c:v>57.231999999999999</c:v>
                </c:pt>
                <c:pt idx="5754">
                  <c:v>57.241999999999997</c:v>
                </c:pt>
                <c:pt idx="5755">
                  <c:v>57.252000000000002</c:v>
                </c:pt>
                <c:pt idx="5756">
                  <c:v>57.262999999999998</c:v>
                </c:pt>
                <c:pt idx="5757">
                  <c:v>57.271999999999998</c:v>
                </c:pt>
                <c:pt idx="5758">
                  <c:v>57.283000000000001</c:v>
                </c:pt>
                <c:pt idx="5759">
                  <c:v>57.293999999999997</c:v>
                </c:pt>
                <c:pt idx="5760">
                  <c:v>57.304000000000002</c:v>
                </c:pt>
                <c:pt idx="5761">
                  <c:v>57.314999999999998</c:v>
                </c:pt>
                <c:pt idx="5762">
                  <c:v>57.323999999999998</c:v>
                </c:pt>
                <c:pt idx="5763">
                  <c:v>57.335000000000001</c:v>
                </c:pt>
                <c:pt idx="5764">
                  <c:v>57.345999999999997</c:v>
                </c:pt>
                <c:pt idx="5765">
                  <c:v>57.356000000000002</c:v>
                </c:pt>
                <c:pt idx="5766">
                  <c:v>57.366</c:v>
                </c:pt>
                <c:pt idx="5767">
                  <c:v>57.375999999999998</c:v>
                </c:pt>
                <c:pt idx="5768">
                  <c:v>57.387</c:v>
                </c:pt>
                <c:pt idx="5769">
                  <c:v>57.396000000000001</c:v>
                </c:pt>
                <c:pt idx="5770">
                  <c:v>57.406999999999996</c:v>
                </c:pt>
                <c:pt idx="5771">
                  <c:v>57.417000000000002</c:v>
                </c:pt>
                <c:pt idx="5772">
                  <c:v>57.427</c:v>
                </c:pt>
                <c:pt idx="5773">
                  <c:v>57.438000000000002</c:v>
                </c:pt>
                <c:pt idx="5774">
                  <c:v>57.448</c:v>
                </c:pt>
                <c:pt idx="5775">
                  <c:v>57.457999999999998</c:v>
                </c:pt>
                <c:pt idx="5776">
                  <c:v>57.469000000000001</c:v>
                </c:pt>
                <c:pt idx="5777">
                  <c:v>57.478999999999999</c:v>
                </c:pt>
                <c:pt idx="5778">
                  <c:v>57.488</c:v>
                </c:pt>
                <c:pt idx="5779">
                  <c:v>57.5</c:v>
                </c:pt>
                <c:pt idx="5780">
                  <c:v>57.51</c:v>
                </c:pt>
                <c:pt idx="5781">
                  <c:v>57.521000000000001</c:v>
                </c:pt>
                <c:pt idx="5782">
                  <c:v>57.53</c:v>
                </c:pt>
                <c:pt idx="5783">
                  <c:v>57.540999999999997</c:v>
                </c:pt>
                <c:pt idx="5784">
                  <c:v>57.551000000000002</c:v>
                </c:pt>
                <c:pt idx="5785">
                  <c:v>57.561</c:v>
                </c:pt>
                <c:pt idx="5786">
                  <c:v>57.570999999999998</c:v>
                </c:pt>
                <c:pt idx="5787">
                  <c:v>57.582000000000001</c:v>
                </c:pt>
                <c:pt idx="5788">
                  <c:v>57.591000000000001</c:v>
                </c:pt>
                <c:pt idx="5789">
                  <c:v>57.601999999999997</c:v>
                </c:pt>
                <c:pt idx="5790">
                  <c:v>57.612000000000002</c:v>
                </c:pt>
                <c:pt idx="5791">
                  <c:v>57.622</c:v>
                </c:pt>
                <c:pt idx="5792">
                  <c:v>57.631999999999998</c:v>
                </c:pt>
                <c:pt idx="5793">
                  <c:v>57.643000000000001</c:v>
                </c:pt>
                <c:pt idx="5794">
                  <c:v>57.654000000000003</c:v>
                </c:pt>
                <c:pt idx="5795">
                  <c:v>57.664000000000001</c:v>
                </c:pt>
                <c:pt idx="5796">
                  <c:v>57.673999999999999</c:v>
                </c:pt>
                <c:pt idx="5797">
                  <c:v>57.685000000000002</c:v>
                </c:pt>
                <c:pt idx="5798">
                  <c:v>57.694000000000003</c:v>
                </c:pt>
                <c:pt idx="5799">
                  <c:v>57.703000000000003</c:v>
                </c:pt>
                <c:pt idx="5800">
                  <c:v>57.713999999999999</c:v>
                </c:pt>
                <c:pt idx="5801">
                  <c:v>57.723999999999997</c:v>
                </c:pt>
                <c:pt idx="5802">
                  <c:v>57.734000000000002</c:v>
                </c:pt>
                <c:pt idx="5803">
                  <c:v>57.744999999999997</c:v>
                </c:pt>
                <c:pt idx="5804">
                  <c:v>57.755000000000003</c:v>
                </c:pt>
                <c:pt idx="5805">
                  <c:v>57.765000000000001</c:v>
                </c:pt>
                <c:pt idx="5806">
                  <c:v>57.776000000000003</c:v>
                </c:pt>
                <c:pt idx="5807">
                  <c:v>57.786000000000001</c:v>
                </c:pt>
                <c:pt idx="5808">
                  <c:v>57.795999999999999</c:v>
                </c:pt>
                <c:pt idx="5809">
                  <c:v>57.807000000000002</c:v>
                </c:pt>
                <c:pt idx="5810">
                  <c:v>57.817999999999998</c:v>
                </c:pt>
                <c:pt idx="5811">
                  <c:v>57.828000000000003</c:v>
                </c:pt>
                <c:pt idx="5812">
                  <c:v>57.838000000000001</c:v>
                </c:pt>
                <c:pt idx="5813">
                  <c:v>57.848999999999997</c:v>
                </c:pt>
                <c:pt idx="5814">
                  <c:v>57.857999999999997</c:v>
                </c:pt>
                <c:pt idx="5815">
                  <c:v>57.869</c:v>
                </c:pt>
                <c:pt idx="5816">
                  <c:v>57.878999999999998</c:v>
                </c:pt>
                <c:pt idx="5817">
                  <c:v>57.887999999999998</c:v>
                </c:pt>
                <c:pt idx="5818">
                  <c:v>57.899000000000001</c:v>
                </c:pt>
                <c:pt idx="5819">
                  <c:v>57.908999999999999</c:v>
                </c:pt>
                <c:pt idx="5820">
                  <c:v>57.918999999999997</c:v>
                </c:pt>
                <c:pt idx="5821">
                  <c:v>57.929000000000002</c:v>
                </c:pt>
                <c:pt idx="5822">
                  <c:v>57.94</c:v>
                </c:pt>
                <c:pt idx="5823">
                  <c:v>57.948999999999998</c:v>
                </c:pt>
                <c:pt idx="5824">
                  <c:v>57.96</c:v>
                </c:pt>
                <c:pt idx="5825">
                  <c:v>57.97</c:v>
                </c:pt>
                <c:pt idx="5826">
                  <c:v>57.981000000000002</c:v>
                </c:pt>
                <c:pt idx="5827">
                  <c:v>57.991</c:v>
                </c:pt>
                <c:pt idx="5828">
                  <c:v>58.000999999999998</c:v>
                </c:pt>
                <c:pt idx="5829">
                  <c:v>58.01</c:v>
                </c:pt>
                <c:pt idx="5830">
                  <c:v>58.021000000000001</c:v>
                </c:pt>
                <c:pt idx="5831">
                  <c:v>58.030999999999999</c:v>
                </c:pt>
                <c:pt idx="5832">
                  <c:v>58.040999999999997</c:v>
                </c:pt>
                <c:pt idx="5833">
                  <c:v>58.051000000000002</c:v>
                </c:pt>
                <c:pt idx="5834">
                  <c:v>58.061</c:v>
                </c:pt>
                <c:pt idx="5835">
                  <c:v>58.070999999999998</c:v>
                </c:pt>
                <c:pt idx="5836">
                  <c:v>58.081000000000003</c:v>
                </c:pt>
                <c:pt idx="5837">
                  <c:v>58.091000000000001</c:v>
                </c:pt>
                <c:pt idx="5838">
                  <c:v>58.100999999999999</c:v>
                </c:pt>
                <c:pt idx="5839">
                  <c:v>58.110999999999997</c:v>
                </c:pt>
                <c:pt idx="5840">
                  <c:v>58.121000000000002</c:v>
                </c:pt>
                <c:pt idx="5841">
                  <c:v>58.13</c:v>
                </c:pt>
                <c:pt idx="5842">
                  <c:v>58.140999999999998</c:v>
                </c:pt>
                <c:pt idx="5843">
                  <c:v>58.152000000000001</c:v>
                </c:pt>
                <c:pt idx="5844">
                  <c:v>58.161999999999999</c:v>
                </c:pt>
                <c:pt idx="5845">
                  <c:v>58.171999999999997</c:v>
                </c:pt>
                <c:pt idx="5846">
                  <c:v>58.182000000000002</c:v>
                </c:pt>
                <c:pt idx="5847">
                  <c:v>58.192999999999998</c:v>
                </c:pt>
                <c:pt idx="5848">
                  <c:v>58.203000000000003</c:v>
                </c:pt>
                <c:pt idx="5849">
                  <c:v>58.213000000000001</c:v>
                </c:pt>
                <c:pt idx="5850">
                  <c:v>58.223999999999997</c:v>
                </c:pt>
                <c:pt idx="5851">
                  <c:v>58.232999999999997</c:v>
                </c:pt>
                <c:pt idx="5852">
                  <c:v>58.243000000000002</c:v>
                </c:pt>
                <c:pt idx="5853">
                  <c:v>58.253</c:v>
                </c:pt>
                <c:pt idx="5854">
                  <c:v>58.264000000000003</c:v>
                </c:pt>
                <c:pt idx="5855">
                  <c:v>58.274000000000001</c:v>
                </c:pt>
                <c:pt idx="5856">
                  <c:v>58.283999999999999</c:v>
                </c:pt>
                <c:pt idx="5857">
                  <c:v>58.293999999999997</c:v>
                </c:pt>
                <c:pt idx="5858">
                  <c:v>58.305</c:v>
                </c:pt>
                <c:pt idx="5859">
                  <c:v>58.314999999999998</c:v>
                </c:pt>
                <c:pt idx="5860">
                  <c:v>58.325000000000003</c:v>
                </c:pt>
                <c:pt idx="5861">
                  <c:v>58.335999999999999</c:v>
                </c:pt>
                <c:pt idx="5862">
                  <c:v>58.345999999999997</c:v>
                </c:pt>
                <c:pt idx="5863">
                  <c:v>58.357999999999997</c:v>
                </c:pt>
                <c:pt idx="5864">
                  <c:v>58.368000000000002</c:v>
                </c:pt>
                <c:pt idx="5865">
                  <c:v>58.378999999999998</c:v>
                </c:pt>
                <c:pt idx="5866">
                  <c:v>58.389000000000003</c:v>
                </c:pt>
                <c:pt idx="5867">
                  <c:v>58.399000000000001</c:v>
                </c:pt>
                <c:pt idx="5868">
                  <c:v>58.408999999999999</c:v>
                </c:pt>
                <c:pt idx="5869">
                  <c:v>58.42</c:v>
                </c:pt>
                <c:pt idx="5870">
                  <c:v>58.430999999999997</c:v>
                </c:pt>
                <c:pt idx="5871">
                  <c:v>58.441000000000003</c:v>
                </c:pt>
                <c:pt idx="5872">
                  <c:v>58.451000000000001</c:v>
                </c:pt>
                <c:pt idx="5873">
                  <c:v>58.462000000000003</c:v>
                </c:pt>
                <c:pt idx="5874">
                  <c:v>58.472000000000001</c:v>
                </c:pt>
                <c:pt idx="5875">
                  <c:v>58.481000000000002</c:v>
                </c:pt>
                <c:pt idx="5876">
                  <c:v>58.491</c:v>
                </c:pt>
                <c:pt idx="5877">
                  <c:v>58.500999999999998</c:v>
                </c:pt>
                <c:pt idx="5878">
                  <c:v>58.51</c:v>
                </c:pt>
                <c:pt idx="5879">
                  <c:v>58.518999999999998</c:v>
                </c:pt>
                <c:pt idx="5880">
                  <c:v>58.530999999999999</c:v>
                </c:pt>
                <c:pt idx="5881">
                  <c:v>58.540999999999997</c:v>
                </c:pt>
                <c:pt idx="5882">
                  <c:v>58.55</c:v>
                </c:pt>
                <c:pt idx="5883">
                  <c:v>58.561</c:v>
                </c:pt>
                <c:pt idx="5884">
                  <c:v>58.570999999999998</c:v>
                </c:pt>
                <c:pt idx="5885">
                  <c:v>58.58</c:v>
                </c:pt>
                <c:pt idx="5886">
                  <c:v>58.591000000000001</c:v>
                </c:pt>
                <c:pt idx="5887">
                  <c:v>58.600999999999999</c:v>
                </c:pt>
                <c:pt idx="5888">
                  <c:v>58.610999999999997</c:v>
                </c:pt>
                <c:pt idx="5889">
                  <c:v>58.622</c:v>
                </c:pt>
                <c:pt idx="5890">
                  <c:v>58.631999999999998</c:v>
                </c:pt>
                <c:pt idx="5891">
                  <c:v>58.643000000000001</c:v>
                </c:pt>
                <c:pt idx="5892">
                  <c:v>58.652999999999999</c:v>
                </c:pt>
                <c:pt idx="5893">
                  <c:v>58.661999999999999</c:v>
                </c:pt>
                <c:pt idx="5894">
                  <c:v>58.673000000000002</c:v>
                </c:pt>
                <c:pt idx="5895">
                  <c:v>58.683</c:v>
                </c:pt>
                <c:pt idx="5896">
                  <c:v>58.692999999999998</c:v>
                </c:pt>
                <c:pt idx="5897">
                  <c:v>58.704000000000001</c:v>
                </c:pt>
                <c:pt idx="5898">
                  <c:v>58.713999999999999</c:v>
                </c:pt>
                <c:pt idx="5899">
                  <c:v>58.723999999999997</c:v>
                </c:pt>
                <c:pt idx="5900">
                  <c:v>58.734999999999999</c:v>
                </c:pt>
                <c:pt idx="5901">
                  <c:v>58.744999999999997</c:v>
                </c:pt>
                <c:pt idx="5902">
                  <c:v>58.753999999999998</c:v>
                </c:pt>
                <c:pt idx="5903">
                  <c:v>58.765000000000001</c:v>
                </c:pt>
                <c:pt idx="5904">
                  <c:v>58.774999999999999</c:v>
                </c:pt>
                <c:pt idx="5905">
                  <c:v>58.783999999999999</c:v>
                </c:pt>
                <c:pt idx="5906">
                  <c:v>58.795000000000002</c:v>
                </c:pt>
                <c:pt idx="5907">
                  <c:v>58.805</c:v>
                </c:pt>
                <c:pt idx="5908">
                  <c:v>58.814</c:v>
                </c:pt>
                <c:pt idx="5909">
                  <c:v>58.823999999999998</c:v>
                </c:pt>
                <c:pt idx="5910">
                  <c:v>58.834000000000003</c:v>
                </c:pt>
                <c:pt idx="5911">
                  <c:v>58.844000000000001</c:v>
                </c:pt>
                <c:pt idx="5912">
                  <c:v>58.854999999999997</c:v>
                </c:pt>
                <c:pt idx="5913">
                  <c:v>58.863999999999997</c:v>
                </c:pt>
                <c:pt idx="5914">
                  <c:v>58.875</c:v>
                </c:pt>
                <c:pt idx="5915">
                  <c:v>58.884</c:v>
                </c:pt>
                <c:pt idx="5916">
                  <c:v>58.893999999999998</c:v>
                </c:pt>
                <c:pt idx="5917">
                  <c:v>58.902999999999999</c:v>
                </c:pt>
                <c:pt idx="5918">
                  <c:v>58.912999999999997</c:v>
                </c:pt>
                <c:pt idx="5919">
                  <c:v>58.921999999999997</c:v>
                </c:pt>
                <c:pt idx="5920">
                  <c:v>58.930999999999997</c:v>
                </c:pt>
                <c:pt idx="5921">
                  <c:v>58.941000000000003</c:v>
                </c:pt>
                <c:pt idx="5922">
                  <c:v>58.951000000000001</c:v>
                </c:pt>
                <c:pt idx="5923">
                  <c:v>58.962000000000003</c:v>
                </c:pt>
                <c:pt idx="5924">
                  <c:v>58.970999999999997</c:v>
                </c:pt>
                <c:pt idx="5925">
                  <c:v>58.981000000000002</c:v>
                </c:pt>
                <c:pt idx="5926">
                  <c:v>58.984000000000002</c:v>
                </c:pt>
                <c:pt idx="5927">
                  <c:v>58.994999999999997</c:v>
                </c:pt>
                <c:pt idx="5928">
                  <c:v>59.003999999999998</c:v>
                </c:pt>
                <c:pt idx="5929">
                  <c:v>59.015000000000001</c:v>
                </c:pt>
                <c:pt idx="5930">
                  <c:v>59.024000000000001</c:v>
                </c:pt>
                <c:pt idx="5931">
                  <c:v>59.033999999999999</c:v>
                </c:pt>
                <c:pt idx="5932">
                  <c:v>59.045000000000002</c:v>
                </c:pt>
                <c:pt idx="5933">
                  <c:v>59.055999999999997</c:v>
                </c:pt>
                <c:pt idx="5934">
                  <c:v>59.066000000000003</c:v>
                </c:pt>
                <c:pt idx="5935">
                  <c:v>59.076999999999998</c:v>
                </c:pt>
                <c:pt idx="5936">
                  <c:v>59.088000000000001</c:v>
                </c:pt>
                <c:pt idx="5937">
                  <c:v>59.097999999999999</c:v>
                </c:pt>
                <c:pt idx="5938">
                  <c:v>59.109000000000002</c:v>
                </c:pt>
                <c:pt idx="5939">
                  <c:v>59.119</c:v>
                </c:pt>
                <c:pt idx="5940">
                  <c:v>59.128999999999998</c:v>
                </c:pt>
                <c:pt idx="5941">
                  <c:v>59.139000000000003</c:v>
                </c:pt>
                <c:pt idx="5942">
                  <c:v>59.148000000000003</c:v>
                </c:pt>
                <c:pt idx="5943">
                  <c:v>59.156999999999996</c:v>
                </c:pt>
                <c:pt idx="5944">
                  <c:v>59.167000000000002</c:v>
                </c:pt>
                <c:pt idx="5945">
                  <c:v>59.177</c:v>
                </c:pt>
                <c:pt idx="5946">
                  <c:v>59.186999999999998</c:v>
                </c:pt>
                <c:pt idx="5947">
                  <c:v>59.197000000000003</c:v>
                </c:pt>
                <c:pt idx="5948">
                  <c:v>59.207000000000001</c:v>
                </c:pt>
                <c:pt idx="5949">
                  <c:v>59.216999999999999</c:v>
                </c:pt>
                <c:pt idx="5950">
                  <c:v>59.228999999999999</c:v>
                </c:pt>
                <c:pt idx="5951">
                  <c:v>59.238</c:v>
                </c:pt>
                <c:pt idx="5952">
                  <c:v>59.247</c:v>
                </c:pt>
                <c:pt idx="5953">
                  <c:v>59.256999999999998</c:v>
                </c:pt>
                <c:pt idx="5954">
                  <c:v>59.267000000000003</c:v>
                </c:pt>
                <c:pt idx="5955">
                  <c:v>59.277000000000001</c:v>
                </c:pt>
                <c:pt idx="5956">
                  <c:v>59.286999999999999</c:v>
                </c:pt>
                <c:pt idx="5957">
                  <c:v>59.295999999999999</c:v>
                </c:pt>
                <c:pt idx="5958">
                  <c:v>59.305</c:v>
                </c:pt>
                <c:pt idx="5959">
                  <c:v>59.314999999999998</c:v>
                </c:pt>
                <c:pt idx="5960">
                  <c:v>59.326999999999998</c:v>
                </c:pt>
                <c:pt idx="5961">
                  <c:v>59.337000000000003</c:v>
                </c:pt>
                <c:pt idx="5962">
                  <c:v>59.345999999999997</c:v>
                </c:pt>
                <c:pt idx="5963">
                  <c:v>59.356000000000002</c:v>
                </c:pt>
                <c:pt idx="5964">
                  <c:v>59.366999999999997</c:v>
                </c:pt>
                <c:pt idx="5965">
                  <c:v>59.377000000000002</c:v>
                </c:pt>
                <c:pt idx="5966">
                  <c:v>59.387999999999998</c:v>
                </c:pt>
                <c:pt idx="5967">
                  <c:v>59.396999999999998</c:v>
                </c:pt>
                <c:pt idx="5968">
                  <c:v>59.405999999999999</c:v>
                </c:pt>
                <c:pt idx="5969">
                  <c:v>59.417000000000002</c:v>
                </c:pt>
                <c:pt idx="5970">
                  <c:v>59.427</c:v>
                </c:pt>
                <c:pt idx="5971">
                  <c:v>59.436</c:v>
                </c:pt>
                <c:pt idx="5972">
                  <c:v>59.447000000000003</c:v>
                </c:pt>
                <c:pt idx="5973">
                  <c:v>59.457000000000001</c:v>
                </c:pt>
                <c:pt idx="5974">
                  <c:v>59.466999999999999</c:v>
                </c:pt>
                <c:pt idx="5975">
                  <c:v>59.478999999999999</c:v>
                </c:pt>
                <c:pt idx="5976">
                  <c:v>59.488</c:v>
                </c:pt>
                <c:pt idx="5977">
                  <c:v>59.5</c:v>
                </c:pt>
                <c:pt idx="5978">
                  <c:v>59.51</c:v>
                </c:pt>
                <c:pt idx="5979">
                  <c:v>59.521000000000001</c:v>
                </c:pt>
                <c:pt idx="5980">
                  <c:v>59.530999999999999</c:v>
                </c:pt>
                <c:pt idx="5981">
                  <c:v>59.540999999999997</c:v>
                </c:pt>
                <c:pt idx="5982">
                  <c:v>59.552</c:v>
                </c:pt>
                <c:pt idx="5983">
                  <c:v>59.561999999999998</c:v>
                </c:pt>
                <c:pt idx="5984">
                  <c:v>59.572000000000003</c:v>
                </c:pt>
                <c:pt idx="5985">
                  <c:v>59.582000000000001</c:v>
                </c:pt>
                <c:pt idx="5986">
                  <c:v>59.593000000000004</c:v>
                </c:pt>
                <c:pt idx="5987">
                  <c:v>59.601999999999997</c:v>
                </c:pt>
                <c:pt idx="5988">
                  <c:v>59.613</c:v>
                </c:pt>
                <c:pt idx="5989">
                  <c:v>59.622</c:v>
                </c:pt>
                <c:pt idx="5990">
                  <c:v>59.631999999999998</c:v>
                </c:pt>
                <c:pt idx="5991">
                  <c:v>59.643000000000001</c:v>
                </c:pt>
                <c:pt idx="5992">
                  <c:v>59.652999999999999</c:v>
                </c:pt>
                <c:pt idx="5993">
                  <c:v>59.664000000000001</c:v>
                </c:pt>
                <c:pt idx="5994">
                  <c:v>59.673999999999999</c:v>
                </c:pt>
                <c:pt idx="5995">
                  <c:v>59.683999999999997</c:v>
                </c:pt>
                <c:pt idx="5996">
                  <c:v>59.694000000000003</c:v>
                </c:pt>
                <c:pt idx="5997">
                  <c:v>59.704000000000001</c:v>
                </c:pt>
                <c:pt idx="5998">
                  <c:v>59.713999999999999</c:v>
                </c:pt>
                <c:pt idx="5999">
                  <c:v>59.722999999999999</c:v>
                </c:pt>
                <c:pt idx="6000">
                  <c:v>59.731999999999999</c:v>
                </c:pt>
                <c:pt idx="6001">
                  <c:v>59.741999999999997</c:v>
                </c:pt>
                <c:pt idx="6002">
                  <c:v>59.750999999999998</c:v>
                </c:pt>
                <c:pt idx="6003">
                  <c:v>59.76</c:v>
                </c:pt>
                <c:pt idx="6004">
                  <c:v>59.77</c:v>
                </c:pt>
                <c:pt idx="6005">
                  <c:v>59.779000000000003</c:v>
                </c:pt>
                <c:pt idx="6006">
                  <c:v>59.787999999999997</c:v>
                </c:pt>
                <c:pt idx="6007">
                  <c:v>59.795999999999999</c:v>
                </c:pt>
                <c:pt idx="6008">
                  <c:v>59.805999999999997</c:v>
                </c:pt>
                <c:pt idx="6009">
                  <c:v>59.814</c:v>
                </c:pt>
                <c:pt idx="6010">
                  <c:v>59.823</c:v>
                </c:pt>
                <c:pt idx="6011">
                  <c:v>59.831000000000003</c:v>
                </c:pt>
                <c:pt idx="6012">
                  <c:v>59.84</c:v>
                </c:pt>
                <c:pt idx="6013">
                  <c:v>59.847999999999999</c:v>
                </c:pt>
                <c:pt idx="6014">
                  <c:v>59.856999999999999</c:v>
                </c:pt>
                <c:pt idx="6015">
                  <c:v>59.865000000000002</c:v>
                </c:pt>
                <c:pt idx="6016">
                  <c:v>59.874000000000002</c:v>
                </c:pt>
                <c:pt idx="6017">
                  <c:v>59.881999999999998</c:v>
                </c:pt>
                <c:pt idx="6018">
                  <c:v>59.89</c:v>
                </c:pt>
                <c:pt idx="6019">
                  <c:v>59.898000000000003</c:v>
                </c:pt>
                <c:pt idx="6020">
                  <c:v>59.906999999999996</c:v>
                </c:pt>
                <c:pt idx="6021">
                  <c:v>59.915999999999997</c:v>
                </c:pt>
                <c:pt idx="6022">
                  <c:v>59.923999999999999</c:v>
                </c:pt>
                <c:pt idx="6023">
                  <c:v>59.933</c:v>
                </c:pt>
                <c:pt idx="6024">
                  <c:v>59.942</c:v>
                </c:pt>
                <c:pt idx="6025">
                  <c:v>59.951000000000001</c:v>
                </c:pt>
                <c:pt idx="6026">
                  <c:v>59.959000000000003</c:v>
                </c:pt>
                <c:pt idx="6027">
                  <c:v>59.969000000000001</c:v>
                </c:pt>
                <c:pt idx="6028">
                  <c:v>59.976999999999997</c:v>
                </c:pt>
                <c:pt idx="6029">
                  <c:v>59.984000000000002</c:v>
                </c:pt>
                <c:pt idx="6030">
                  <c:v>59.993000000000002</c:v>
                </c:pt>
                <c:pt idx="6031">
                  <c:v>60</c:v>
                </c:pt>
                <c:pt idx="6032">
                  <c:v>60.006999999999998</c:v>
                </c:pt>
                <c:pt idx="6033">
                  <c:v>60.015000000000001</c:v>
                </c:pt>
                <c:pt idx="6034">
                  <c:v>60.024000000000001</c:v>
                </c:pt>
                <c:pt idx="6035">
                  <c:v>60.031999999999996</c:v>
                </c:pt>
                <c:pt idx="6036">
                  <c:v>60.040999999999997</c:v>
                </c:pt>
                <c:pt idx="6037">
                  <c:v>60.051000000000002</c:v>
                </c:pt>
                <c:pt idx="6038">
                  <c:v>60.06</c:v>
                </c:pt>
                <c:pt idx="6039">
                  <c:v>60.07</c:v>
                </c:pt>
                <c:pt idx="6040">
                  <c:v>60.08</c:v>
                </c:pt>
                <c:pt idx="6041">
                  <c:v>60.087000000000003</c:v>
                </c:pt>
                <c:pt idx="6042">
                  <c:v>60.094999999999999</c:v>
                </c:pt>
                <c:pt idx="6043">
                  <c:v>60.104999999999997</c:v>
                </c:pt>
                <c:pt idx="6044">
                  <c:v>60.115000000000002</c:v>
                </c:pt>
                <c:pt idx="6045">
                  <c:v>60.116999999999997</c:v>
                </c:pt>
                <c:pt idx="6046">
                  <c:v>60.134</c:v>
                </c:pt>
                <c:pt idx="6047">
                  <c:v>60.145000000000003</c:v>
                </c:pt>
                <c:pt idx="6048">
                  <c:v>60.154000000000003</c:v>
                </c:pt>
                <c:pt idx="6049">
                  <c:v>60.164999999999999</c:v>
                </c:pt>
                <c:pt idx="6050">
                  <c:v>60.174999999999997</c:v>
                </c:pt>
                <c:pt idx="6051">
                  <c:v>60.186</c:v>
                </c:pt>
                <c:pt idx="6052">
                  <c:v>60.195999999999998</c:v>
                </c:pt>
                <c:pt idx="6053">
                  <c:v>60.206000000000003</c:v>
                </c:pt>
                <c:pt idx="6054">
                  <c:v>60.216000000000001</c:v>
                </c:pt>
                <c:pt idx="6055">
                  <c:v>60.226999999999997</c:v>
                </c:pt>
                <c:pt idx="6056">
                  <c:v>60.237000000000002</c:v>
                </c:pt>
                <c:pt idx="6057">
                  <c:v>60.247</c:v>
                </c:pt>
                <c:pt idx="6058">
                  <c:v>60.258000000000003</c:v>
                </c:pt>
                <c:pt idx="6059">
                  <c:v>60.268000000000001</c:v>
                </c:pt>
                <c:pt idx="6060">
                  <c:v>60.277000000000001</c:v>
                </c:pt>
                <c:pt idx="6061">
                  <c:v>60.287999999999997</c:v>
                </c:pt>
                <c:pt idx="6062">
                  <c:v>60.298000000000002</c:v>
                </c:pt>
                <c:pt idx="6063">
                  <c:v>60.308999999999997</c:v>
                </c:pt>
                <c:pt idx="6064">
                  <c:v>60.319000000000003</c:v>
                </c:pt>
                <c:pt idx="6065">
                  <c:v>60.329000000000001</c:v>
                </c:pt>
                <c:pt idx="6066">
                  <c:v>60.338999999999999</c:v>
                </c:pt>
                <c:pt idx="6067">
                  <c:v>60.348999999999997</c:v>
                </c:pt>
                <c:pt idx="6068">
                  <c:v>60.36</c:v>
                </c:pt>
                <c:pt idx="6069">
                  <c:v>60.369</c:v>
                </c:pt>
                <c:pt idx="6070">
                  <c:v>60.38</c:v>
                </c:pt>
                <c:pt idx="6071">
                  <c:v>60.39</c:v>
                </c:pt>
                <c:pt idx="6072">
                  <c:v>60.4</c:v>
                </c:pt>
                <c:pt idx="6073">
                  <c:v>60.41</c:v>
                </c:pt>
                <c:pt idx="6074">
                  <c:v>60.42</c:v>
                </c:pt>
                <c:pt idx="6075">
                  <c:v>60.43</c:v>
                </c:pt>
                <c:pt idx="6076">
                  <c:v>60.430999999999997</c:v>
                </c:pt>
                <c:pt idx="6077">
                  <c:v>60.451000000000001</c:v>
                </c:pt>
                <c:pt idx="6078">
                  <c:v>60.460999999999999</c:v>
                </c:pt>
                <c:pt idx="6079">
                  <c:v>60.472000000000001</c:v>
                </c:pt>
                <c:pt idx="6080">
                  <c:v>60.481999999999999</c:v>
                </c:pt>
                <c:pt idx="6081">
                  <c:v>60.491999999999997</c:v>
                </c:pt>
                <c:pt idx="6082">
                  <c:v>60.503</c:v>
                </c:pt>
                <c:pt idx="6083">
                  <c:v>60.512999999999998</c:v>
                </c:pt>
                <c:pt idx="6084">
                  <c:v>60.521999999999998</c:v>
                </c:pt>
                <c:pt idx="6085">
                  <c:v>60.533000000000001</c:v>
                </c:pt>
                <c:pt idx="6086">
                  <c:v>60.542999999999999</c:v>
                </c:pt>
                <c:pt idx="6087">
                  <c:v>60.552999999999997</c:v>
                </c:pt>
                <c:pt idx="6088">
                  <c:v>60.561999999999998</c:v>
                </c:pt>
                <c:pt idx="6089">
                  <c:v>60.572000000000003</c:v>
                </c:pt>
                <c:pt idx="6090">
                  <c:v>60.582000000000001</c:v>
                </c:pt>
                <c:pt idx="6091">
                  <c:v>60.591999999999999</c:v>
                </c:pt>
                <c:pt idx="6092">
                  <c:v>60.600999999999999</c:v>
                </c:pt>
                <c:pt idx="6093">
                  <c:v>60.61</c:v>
                </c:pt>
                <c:pt idx="6094">
                  <c:v>60.621000000000002</c:v>
                </c:pt>
                <c:pt idx="6095">
                  <c:v>60.631</c:v>
                </c:pt>
                <c:pt idx="6096">
                  <c:v>60.64</c:v>
                </c:pt>
                <c:pt idx="6097">
                  <c:v>60.65</c:v>
                </c:pt>
                <c:pt idx="6098">
                  <c:v>60.66</c:v>
                </c:pt>
                <c:pt idx="6099">
                  <c:v>60.665999999999997</c:v>
                </c:pt>
                <c:pt idx="6100">
                  <c:v>60.673999999999999</c:v>
                </c:pt>
                <c:pt idx="6101">
                  <c:v>60.683</c:v>
                </c:pt>
                <c:pt idx="6102">
                  <c:v>60.69</c:v>
                </c:pt>
                <c:pt idx="6103">
                  <c:v>60.7</c:v>
                </c:pt>
                <c:pt idx="6104">
                  <c:v>60.709000000000003</c:v>
                </c:pt>
                <c:pt idx="6105">
                  <c:v>60.716999999999999</c:v>
                </c:pt>
                <c:pt idx="6106">
                  <c:v>60.726999999999997</c:v>
                </c:pt>
                <c:pt idx="6107">
                  <c:v>60.735999999999997</c:v>
                </c:pt>
                <c:pt idx="6108">
                  <c:v>60.744</c:v>
                </c:pt>
                <c:pt idx="6109">
                  <c:v>60.753</c:v>
                </c:pt>
                <c:pt idx="6110">
                  <c:v>60.761000000000003</c:v>
                </c:pt>
                <c:pt idx="6111">
                  <c:v>60.77</c:v>
                </c:pt>
                <c:pt idx="6112">
                  <c:v>60.78</c:v>
                </c:pt>
                <c:pt idx="6113">
                  <c:v>60.789000000000001</c:v>
                </c:pt>
                <c:pt idx="6114">
                  <c:v>60.796999999999997</c:v>
                </c:pt>
                <c:pt idx="6115">
                  <c:v>60.807000000000002</c:v>
                </c:pt>
                <c:pt idx="6116">
                  <c:v>60.816000000000003</c:v>
                </c:pt>
                <c:pt idx="6117">
                  <c:v>60.825000000000003</c:v>
                </c:pt>
                <c:pt idx="6118">
                  <c:v>60.835999999999999</c:v>
                </c:pt>
                <c:pt idx="6119">
                  <c:v>60.844000000000001</c:v>
                </c:pt>
                <c:pt idx="6120">
                  <c:v>60.854999999999997</c:v>
                </c:pt>
                <c:pt idx="6121">
                  <c:v>60.863999999999997</c:v>
                </c:pt>
                <c:pt idx="6122">
                  <c:v>60.875</c:v>
                </c:pt>
                <c:pt idx="6123">
                  <c:v>60.884</c:v>
                </c:pt>
                <c:pt idx="6124">
                  <c:v>60.893999999999998</c:v>
                </c:pt>
                <c:pt idx="6125">
                  <c:v>60.905000000000001</c:v>
                </c:pt>
                <c:pt idx="6126">
                  <c:v>60.914999999999999</c:v>
                </c:pt>
                <c:pt idx="6127">
                  <c:v>60.923999999999999</c:v>
                </c:pt>
                <c:pt idx="6128">
                  <c:v>60.933999999999997</c:v>
                </c:pt>
                <c:pt idx="6129">
                  <c:v>60.944000000000003</c:v>
                </c:pt>
                <c:pt idx="6130">
                  <c:v>60.954000000000001</c:v>
                </c:pt>
                <c:pt idx="6131">
                  <c:v>60.963999999999999</c:v>
                </c:pt>
                <c:pt idx="6132">
                  <c:v>60.972999999999999</c:v>
                </c:pt>
                <c:pt idx="6133">
                  <c:v>60.981999999999999</c:v>
                </c:pt>
                <c:pt idx="6134">
                  <c:v>60.991999999999997</c:v>
                </c:pt>
                <c:pt idx="6135">
                  <c:v>61.000999999999998</c:v>
                </c:pt>
                <c:pt idx="6136">
                  <c:v>61.011000000000003</c:v>
                </c:pt>
                <c:pt idx="6137">
                  <c:v>61.021000000000001</c:v>
                </c:pt>
                <c:pt idx="6138">
                  <c:v>61.030999999999999</c:v>
                </c:pt>
                <c:pt idx="6139">
                  <c:v>61.040999999999997</c:v>
                </c:pt>
                <c:pt idx="6140">
                  <c:v>61.052</c:v>
                </c:pt>
                <c:pt idx="6141">
                  <c:v>61.061</c:v>
                </c:pt>
                <c:pt idx="6142">
                  <c:v>61.070999999999998</c:v>
                </c:pt>
                <c:pt idx="6143">
                  <c:v>61.082000000000001</c:v>
                </c:pt>
                <c:pt idx="6144">
                  <c:v>61.091999999999999</c:v>
                </c:pt>
                <c:pt idx="6145">
                  <c:v>61.101999999999997</c:v>
                </c:pt>
                <c:pt idx="6146">
                  <c:v>61.113</c:v>
                </c:pt>
                <c:pt idx="6147">
                  <c:v>61.122999999999998</c:v>
                </c:pt>
                <c:pt idx="6148">
                  <c:v>61.133000000000003</c:v>
                </c:pt>
                <c:pt idx="6149">
                  <c:v>61.143000000000001</c:v>
                </c:pt>
                <c:pt idx="6150">
                  <c:v>61.152000000000001</c:v>
                </c:pt>
                <c:pt idx="6151">
                  <c:v>61.161999999999999</c:v>
                </c:pt>
                <c:pt idx="6152">
                  <c:v>61.171999999999997</c:v>
                </c:pt>
                <c:pt idx="6153">
                  <c:v>61.182000000000002</c:v>
                </c:pt>
                <c:pt idx="6154">
                  <c:v>61.192</c:v>
                </c:pt>
                <c:pt idx="6155">
                  <c:v>61.201000000000001</c:v>
                </c:pt>
                <c:pt idx="6156">
                  <c:v>61.212000000000003</c:v>
                </c:pt>
                <c:pt idx="6157">
                  <c:v>61.220999999999997</c:v>
                </c:pt>
                <c:pt idx="6158">
                  <c:v>61.231000000000002</c:v>
                </c:pt>
                <c:pt idx="6159">
                  <c:v>61.241</c:v>
                </c:pt>
                <c:pt idx="6160">
                  <c:v>61.250999999999998</c:v>
                </c:pt>
                <c:pt idx="6161">
                  <c:v>61.26</c:v>
                </c:pt>
                <c:pt idx="6162">
                  <c:v>61.271000000000001</c:v>
                </c:pt>
                <c:pt idx="6163">
                  <c:v>61.28</c:v>
                </c:pt>
                <c:pt idx="6164">
                  <c:v>61.290999999999997</c:v>
                </c:pt>
                <c:pt idx="6165">
                  <c:v>61.3</c:v>
                </c:pt>
                <c:pt idx="6166">
                  <c:v>61.311</c:v>
                </c:pt>
                <c:pt idx="6167">
                  <c:v>61.320999999999998</c:v>
                </c:pt>
                <c:pt idx="6168">
                  <c:v>61.33</c:v>
                </c:pt>
                <c:pt idx="6169">
                  <c:v>61.34</c:v>
                </c:pt>
                <c:pt idx="6170">
                  <c:v>61.351999999999997</c:v>
                </c:pt>
                <c:pt idx="6171">
                  <c:v>61.362000000000002</c:v>
                </c:pt>
                <c:pt idx="6172">
                  <c:v>61.372</c:v>
                </c:pt>
                <c:pt idx="6173">
                  <c:v>61.381999999999998</c:v>
                </c:pt>
                <c:pt idx="6174">
                  <c:v>61.393000000000001</c:v>
                </c:pt>
                <c:pt idx="6175">
                  <c:v>61.402000000000001</c:v>
                </c:pt>
                <c:pt idx="6176">
                  <c:v>61.412999999999997</c:v>
                </c:pt>
                <c:pt idx="6177">
                  <c:v>61.423000000000002</c:v>
                </c:pt>
                <c:pt idx="6178">
                  <c:v>61.433</c:v>
                </c:pt>
                <c:pt idx="6179">
                  <c:v>61.442999999999998</c:v>
                </c:pt>
                <c:pt idx="6180">
                  <c:v>61.454000000000001</c:v>
                </c:pt>
                <c:pt idx="6181">
                  <c:v>61.463999999999999</c:v>
                </c:pt>
                <c:pt idx="6182">
                  <c:v>61.473999999999997</c:v>
                </c:pt>
                <c:pt idx="6183">
                  <c:v>61.484999999999999</c:v>
                </c:pt>
                <c:pt idx="6184">
                  <c:v>61.494999999999997</c:v>
                </c:pt>
                <c:pt idx="6185">
                  <c:v>61.505000000000003</c:v>
                </c:pt>
                <c:pt idx="6186">
                  <c:v>61.515999999999998</c:v>
                </c:pt>
                <c:pt idx="6187">
                  <c:v>61.526000000000003</c:v>
                </c:pt>
                <c:pt idx="6188">
                  <c:v>61.536000000000001</c:v>
                </c:pt>
                <c:pt idx="6189">
                  <c:v>61.545000000000002</c:v>
                </c:pt>
                <c:pt idx="6190">
                  <c:v>61.555999999999997</c:v>
                </c:pt>
                <c:pt idx="6191">
                  <c:v>61.566000000000003</c:v>
                </c:pt>
                <c:pt idx="6192">
                  <c:v>61.575000000000003</c:v>
                </c:pt>
                <c:pt idx="6193">
                  <c:v>61.585999999999999</c:v>
                </c:pt>
                <c:pt idx="6194">
                  <c:v>61.594999999999999</c:v>
                </c:pt>
                <c:pt idx="6195">
                  <c:v>61.604999999999997</c:v>
                </c:pt>
                <c:pt idx="6196">
                  <c:v>61.616</c:v>
                </c:pt>
                <c:pt idx="6197">
                  <c:v>61.625</c:v>
                </c:pt>
                <c:pt idx="6198">
                  <c:v>61.634999999999998</c:v>
                </c:pt>
                <c:pt idx="6199">
                  <c:v>61.645000000000003</c:v>
                </c:pt>
                <c:pt idx="6200">
                  <c:v>61.654000000000003</c:v>
                </c:pt>
                <c:pt idx="6201">
                  <c:v>61.664999999999999</c:v>
                </c:pt>
                <c:pt idx="6202">
                  <c:v>61.674999999999997</c:v>
                </c:pt>
                <c:pt idx="6203">
                  <c:v>61.685000000000002</c:v>
                </c:pt>
                <c:pt idx="6204">
                  <c:v>61.695999999999998</c:v>
                </c:pt>
                <c:pt idx="6205">
                  <c:v>61.706000000000003</c:v>
                </c:pt>
                <c:pt idx="6206">
                  <c:v>61.716000000000001</c:v>
                </c:pt>
                <c:pt idx="6207">
                  <c:v>61.726999999999997</c:v>
                </c:pt>
                <c:pt idx="6208">
                  <c:v>61.735999999999997</c:v>
                </c:pt>
                <c:pt idx="6209">
                  <c:v>61.746000000000002</c:v>
                </c:pt>
                <c:pt idx="6210">
                  <c:v>61.756999999999998</c:v>
                </c:pt>
                <c:pt idx="6211">
                  <c:v>61.767000000000003</c:v>
                </c:pt>
                <c:pt idx="6212">
                  <c:v>61.776000000000003</c:v>
                </c:pt>
                <c:pt idx="6213">
                  <c:v>61.783000000000001</c:v>
                </c:pt>
                <c:pt idx="6214">
                  <c:v>61.805</c:v>
                </c:pt>
                <c:pt idx="6215">
                  <c:v>61.814</c:v>
                </c:pt>
                <c:pt idx="6216">
                  <c:v>61.823999999999998</c:v>
                </c:pt>
                <c:pt idx="6217">
                  <c:v>61.834000000000003</c:v>
                </c:pt>
                <c:pt idx="6218">
                  <c:v>61.844999999999999</c:v>
                </c:pt>
                <c:pt idx="6219">
                  <c:v>61.854999999999997</c:v>
                </c:pt>
                <c:pt idx="6220">
                  <c:v>61.865000000000002</c:v>
                </c:pt>
                <c:pt idx="6221">
                  <c:v>61.875999999999998</c:v>
                </c:pt>
                <c:pt idx="6222">
                  <c:v>61.884999999999998</c:v>
                </c:pt>
                <c:pt idx="6223">
                  <c:v>61.895000000000003</c:v>
                </c:pt>
                <c:pt idx="6224">
                  <c:v>61.905999999999999</c:v>
                </c:pt>
                <c:pt idx="6225">
                  <c:v>61.915999999999997</c:v>
                </c:pt>
                <c:pt idx="6226">
                  <c:v>61.927</c:v>
                </c:pt>
                <c:pt idx="6227">
                  <c:v>61.936999999999998</c:v>
                </c:pt>
                <c:pt idx="6228">
                  <c:v>61.947000000000003</c:v>
                </c:pt>
                <c:pt idx="6229">
                  <c:v>61.957000000000001</c:v>
                </c:pt>
                <c:pt idx="6230">
                  <c:v>61.968000000000004</c:v>
                </c:pt>
                <c:pt idx="6231">
                  <c:v>61.978000000000002</c:v>
                </c:pt>
                <c:pt idx="6232">
                  <c:v>61.988</c:v>
                </c:pt>
                <c:pt idx="6233">
                  <c:v>62</c:v>
                </c:pt>
                <c:pt idx="6234">
                  <c:v>62.01</c:v>
                </c:pt>
                <c:pt idx="6235">
                  <c:v>62.021000000000001</c:v>
                </c:pt>
                <c:pt idx="6236">
                  <c:v>62.030999999999999</c:v>
                </c:pt>
                <c:pt idx="6237">
                  <c:v>62.040999999999997</c:v>
                </c:pt>
                <c:pt idx="6238">
                  <c:v>62.052</c:v>
                </c:pt>
                <c:pt idx="6239">
                  <c:v>62.061</c:v>
                </c:pt>
                <c:pt idx="6240">
                  <c:v>62.069000000000003</c:v>
                </c:pt>
                <c:pt idx="6241">
                  <c:v>62.079000000000001</c:v>
                </c:pt>
                <c:pt idx="6242">
                  <c:v>62.088999999999999</c:v>
                </c:pt>
                <c:pt idx="6243">
                  <c:v>62.098999999999997</c:v>
                </c:pt>
                <c:pt idx="6244">
                  <c:v>62.106999999999999</c:v>
                </c:pt>
                <c:pt idx="6245">
                  <c:v>62.116999999999997</c:v>
                </c:pt>
                <c:pt idx="6246">
                  <c:v>62.128</c:v>
                </c:pt>
                <c:pt idx="6247">
                  <c:v>62.131999999999998</c:v>
                </c:pt>
                <c:pt idx="6248">
                  <c:v>62.131999999999998</c:v>
                </c:pt>
                <c:pt idx="6249">
                  <c:v>62.133000000000003</c:v>
                </c:pt>
                <c:pt idx="6250">
                  <c:v>62.140999999999998</c:v>
                </c:pt>
                <c:pt idx="6251">
                  <c:v>62.151000000000003</c:v>
                </c:pt>
                <c:pt idx="6252">
                  <c:v>62.161000000000001</c:v>
                </c:pt>
                <c:pt idx="6253">
                  <c:v>62.170999999999999</c:v>
                </c:pt>
                <c:pt idx="6254">
                  <c:v>62.180999999999997</c:v>
                </c:pt>
                <c:pt idx="6255">
                  <c:v>62.191000000000003</c:v>
                </c:pt>
                <c:pt idx="6256">
                  <c:v>62.201000000000001</c:v>
                </c:pt>
                <c:pt idx="6257">
                  <c:v>62.210999999999999</c:v>
                </c:pt>
                <c:pt idx="6258">
                  <c:v>62.22</c:v>
                </c:pt>
                <c:pt idx="6259">
                  <c:v>62.23</c:v>
                </c:pt>
                <c:pt idx="6260">
                  <c:v>62.238999999999997</c:v>
                </c:pt>
                <c:pt idx="6261">
                  <c:v>62.247999999999998</c:v>
                </c:pt>
                <c:pt idx="6262">
                  <c:v>62.258000000000003</c:v>
                </c:pt>
                <c:pt idx="6263">
                  <c:v>62.265999999999998</c:v>
                </c:pt>
                <c:pt idx="6264">
                  <c:v>62.276000000000003</c:v>
                </c:pt>
                <c:pt idx="6265">
                  <c:v>62.283999999999999</c:v>
                </c:pt>
                <c:pt idx="6266">
                  <c:v>62.292999999999999</c:v>
                </c:pt>
                <c:pt idx="6267">
                  <c:v>62.302999999999997</c:v>
                </c:pt>
                <c:pt idx="6268">
                  <c:v>62.311999999999998</c:v>
                </c:pt>
                <c:pt idx="6269">
                  <c:v>62.320999999999998</c:v>
                </c:pt>
                <c:pt idx="6270">
                  <c:v>62.33</c:v>
                </c:pt>
                <c:pt idx="6271">
                  <c:v>62.34</c:v>
                </c:pt>
                <c:pt idx="6272">
                  <c:v>62.347999999999999</c:v>
                </c:pt>
                <c:pt idx="6273">
                  <c:v>62.356000000000002</c:v>
                </c:pt>
                <c:pt idx="6274">
                  <c:v>62.365000000000002</c:v>
                </c:pt>
                <c:pt idx="6275">
                  <c:v>62.374000000000002</c:v>
                </c:pt>
                <c:pt idx="6276">
                  <c:v>62.383000000000003</c:v>
                </c:pt>
                <c:pt idx="6277">
                  <c:v>62.392000000000003</c:v>
                </c:pt>
                <c:pt idx="6278">
                  <c:v>62.401000000000003</c:v>
                </c:pt>
                <c:pt idx="6279">
                  <c:v>62.411000000000001</c:v>
                </c:pt>
                <c:pt idx="6280">
                  <c:v>62.420999999999999</c:v>
                </c:pt>
                <c:pt idx="6281">
                  <c:v>62.430999999999997</c:v>
                </c:pt>
                <c:pt idx="6282">
                  <c:v>62.442</c:v>
                </c:pt>
                <c:pt idx="6283">
                  <c:v>62.453000000000003</c:v>
                </c:pt>
                <c:pt idx="6284">
                  <c:v>62.463000000000001</c:v>
                </c:pt>
                <c:pt idx="6285">
                  <c:v>62.473999999999997</c:v>
                </c:pt>
                <c:pt idx="6286">
                  <c:v>62.484000000000002</c:v>
                </c:pt>
                <c:pt idx="6287">
                  <c:v>62.494</c:v>
                </c:pt>
                <c:pt idx="6288">
                  <c:v>62.505000000000003</c:v>
                </c:pt>
                <c:pt idx="6289">
                  <c:v>62.514000000000003</c:v>
                </c:pt>
                <c:pt idx="6290">
                  <c:v>62.524999999999999</c:v>
                </c:pt>
                <c:pt idx="6291">
                  <c:v>62.533999999999999</c:v>
                </c:pt>
                <c:pt idx="6292">
                  <c:v>62.542999999999999</c:v>
                </c:pt>
                <c:pt idx="6293">
                  <c:v>62.554000000000002</c:v>
                </c:pt>
                <c:pt idx="6294">
                  <c:v>62.563000000000002</c:v>
                </c:pt>
                <c:pt idx="6295">
                  <c:v>62.572000000000003</c:v>
                </c:pt>
                <c:pt idx="6296">
                  <c:v>62.582000000000001</c:v>
                </c:pt>
                <c:pt idx="6297">
                  <c:v>62.591999999999999</c:v>
                </c:pt>
                <c:pt idx="6298">
                  <c:v>62.600999999999999</c:v>
                </c:pt>
                <c:pt idx="6299">
                  <c:v>62.61</c:v>
                </c:pt>
                <c:pt idx="6300">
                  <c:v>62.621000000000002</c:v>
                </c:pt>
                <c:pt idx="6301">
                  <c:v>62.631</c:v>
                </c:pt>
                <c:pt idx="6302">
                  <c:v>62.640999999999998</c:v>
                </c:pt>
                <c:pt idx="6303">
                  <c:v>62.652000000000001</c:v>
                </c:pt>
                <c:pt idx="6304">
                  <c:v>62.661999999999999</c:v>
                </c:pt>
                <c:pt idx="6305">
                  <c:v>62.67</c:v>
                </c:pt>
                <c:pt idx="6306">
                  <c:v>62.67</c:v>
                </c:pt>
                <c:pt idx="6307">
                  <c:v>62.674999999999997</c:v>
                </c:pt>
                <c:pt idx="6308">
                  <c:v>62.683999999999997</c:v>
                </c:pt>
                <c:pt idx="6309">
                  <c:v>62.694000000000003</c:v>
                </c:pt>
                <c:pt idx="6310">
                  <c:v>62.704000000000001</c:v>
                </c:pt>
                <c:pt idx="6311">
                  <c:v>62.713999999999999</c:v>
                </c:pt>
                <c:pt idx="6312">
                  <c:v>62.722999999999999</c:v>
                </c:pt>
                <c:pt idx="6313">
                  <c:v>62.734000000000002</c:v>
                </c:pt>
                <c:pt idx="6314">
                  <c:v>62.744</c:v>
                </c:pt>
                <c:pt idx="6315">
                  <c:v>62.753999999999998</c:v>
                </c:pt>
                <c:pt idx="6316">
                  <c:v>62.765000000000001</c:v>
                </c:pt>
                <c:pt idx="6317">
                  <c:v>62.776000000000003</c:v>
                </c:pt>
                <c:pt idx="6318">
                  <c:v>62.784999999999997</c:v>
                </c:pt>
                <c:pt idx="6319">
                  <c:v>62.795000000000002</c:v>
                </c:pt>
                <c:pt idx="6320">
                  <c:v>62.805999999999997</c:v>
                </c:pt>
                <c:pt idx="6321">
                  <c:v>62.816000000000003</c:v>
                </c:pt>
                <c:pt idx="6322">
                  <c:v>62.826000000000001</c:v>
                </c:pt>
                <c:pt idx="6323">
                  <c:v>62.837000000000003</c:v>
                </c:pt>
                <c:pt idx="6324">
                  <c:v>62.845999999999997</c:v>
                </c:pt>
                <c:pt idx="6325">
                  <c:v>62.856000000000002</c:v>
                </c:pt>
                <c:pt idx="6326">
                  <c:v>62.866</c:v>
                </c:pt>
                <c:pt idx="6327">
                  <c:v>62.875999999999998</c:v>
                </c:pt>
                <c:pt idx="6328">
                  <c:v>62.884999999999998</c:v>
                </c:pt>
                <c:pt idx="6329">
                  <c:v>62.895000000000003</c:v>
                </c:pt>
                <c:pt idx="6330">
                  <c:v>62.904000000000003</c:v>
                </c:pt>
                <c:pt idx="6331">
                  <c:v>62.912999999999997</c:v>
                </c:pt>
                <c:pt idx="6332">
                  <c:v>62.921999999999997</c:v>
                </c:pt>
                <c:pt idx="6333">
                  <c:v>62.933</c:v>
                </c:pt>
                <c:pt idx="6334">
                  <c:v>62.942999999999998</c:v>
                </c:pt>
                <c:pt idx="6335">
                  <c:v>62.951999999999998</c:v>
                </c:pt>
                <c:pt idx="6336">
                  <c:v>62.963000000000001</c:v>
                </c:pt>
                <c:pt idx="6337">
                  <c:v>62.973999999999997</c:v>
                </c:pt>
                <c:pt idx="6338">
                  <c:v>62.982999999999997</c:v>
                </c:pt>
                <c:pt idx="6339">
                  <c:v>62.993000000000002</c:v>
                </c:pt>
                <c:pt idx="6340">
                  <c:v>63.003999999999998</c:v>
                </c:pt>
                <c:pt idx="6341">
                  <c:v>63.014000000000003</c:v>
                </c:pt>
                <c:pt idx="6342">
                  <c:v>63.024000000000001</c:v>
                </c:pt>
                <c:pt idx="6343">
                  <c:v>63.033999999999999</c:v>
                </c:pt>
                <c:pt idx="6344">
                  <c:v>63.042999999999999</c:v>
                </c:pt>
                <c:pt idx="6345">
                  <c:v>63.054000000000002</c:v>
                </c:pt>
                <c:pt idx="6346">
                  <c:v>63.064</c:v>
                </c:pt>
                <c:pt idx="6347">
                  <c:v>63.073999999999998</c:v>
                </c:pt>
                <c:pt idx="6348">
                  <c:v>63.084000000000003</c:v>
                </c:pt>
                <c:pt idx="6349">
                  <c:v>63.094000000000001</c:v>
                </c:pt>
                <c:pt idx="6350">
                  <c:v>63.103000000000002</c:v>
                </c:pt>
                <c:pt idx="6351">
                  <c:v>63.115000000000002</c:v>
                </c:pt>
                <c:pt idx="6352">
                  <c:v>63.124000000000002</c:v>
                </c:pt>
                <c:pt idx="6353">
                  <c:v>63.136000000000003</c:v>
                </c:pt>
                <c:pt idx="6354">
                  <c:v>63.145000000000003</c:v>
                </c:pt>
                <c:pt idx="6355">
                  <c:v>63.155000000000001</c:v>
                </c:pt>
                <c:pt idx="6356">
                  <c:v>63.165999999999997</c:v>
                </c:pt>
                <c:pt idx="6357">
                  <c:v>63.176000000000002</c:v>
                </c:pt>
                <c:pt idx="6358">
                  <c:v>63.186</c:v>
                </c:pt>
                <c:pt idx="6359">
                  <c:v>63.195999999999998</c:v>
                </c:pt>
                <c:pt idx="6360">
                  <c:v>63.207999999999998</c:v>
                </c:pt>
                <c:pt idx="6361">
                  <c:v>63.216999999999999</c:v>
                </c:pt>
                <c:pt idx="6362">
                  <c:v>63.228000000000002</c:v>
                </c:pt>
                <c:pt idx="6363">
                  <c:v>63.238</c:v>
                </c:pt>
                <c:pt idx="6364">
                  <c:v>63.247999999999998</c:v>
                </c:pt>
                <c:pt idx="6365">
                  <c:v>63.259</c:v>
                </c:pt>
                <c:pt idx="6366">
                  <c:v>63.268999999999998</c:v>
                </c:pt>
                <c:pt idx="6367">
                  <c:v>63.279000000000003</c:v>
                </c:pt>
                <c:pt idx="6368">
                  <c:v>63.29</c:v>
                </c:pt>
                <c:pt idx="6369">
                  <c:v>63.3</c:v>
                </c:pt>
                <c:pt idx="6370">
                  <c:v>63.308999999999997</c:v>
                </c:pt>
                <c:pt idx="6371">
                  <c:v>63.32</c:v>
                </c:pt>
                <c:pt idx="6372">
                  <c:v>63.33</c:v>
                </c:pt>
                <c:pt idx="6373">
                  <c:v>63.34</c:v>
                </c:pt>
                <c:pt idx="6374">
                  <c:v>63.35</c:v>
                </c:pt>
                <c:pt idx="6375">
                  <c:v>63.359000000000002</c:v>
                </c:pt>
                <c:pt idx="6376">
                  <c:v>63.369</c:v>
                </c:pt>
                <c:pt idx="6377">
                  <c:v>63.378</c:v>
                </c:pt>
                <c:pt idx="6378">
                  <c:v>63.387</c:v>
                </c:pt>
                <c:pt idx="6379">
                  <c:v>63.396000000000001</c:v>
                </c:pt>
                <c:pt idx="6380">
                  <c:v>63.405000000000001</c:v>
                </c:pt>
                <c:pt idx="6381">
                  <c:v>63.414000000000001</c:v>
                </c:pt>
                <c:pt idx="6382">
                  <c:v>63.423999999999999</c:v>
                </c:pt>
                <c:pt idx="6383">
                  <c:v>63.432000000000002</c:v>
                </c:pt>
                <c:pt idx="6384">
                  <c:v>63.442</c:v>
                </c:pt>
                <c:pt idx="6385">
                  <c:v>63.45</c:v>
                </c:pt>
                <c:pt idx="6386">
                  <c:v>63.457000000000001</c:v>
                </c:pt>
                <c:pt idx="6387">
                  <c:v>63.466000000000001</c:v>
                </c:pt>
                <c:pt idx="6388">
                  <c:v>63.473999999999997</c:v>
                </c:pt>
                <c:pt idx="6389">
                  <c:v>63.481999999999999</c:v>
                </c:pt>
                <c:pt idx="6390">
                  <c:v>63.491</c:v>
                </c:pt>
                <c:pt idx="6391">
                  <c:v>63.499000000000002</c:v>
                </c:pt>
                <c:pt idx="6392">
                  <c:v>63.506999999999998</c:v>
                </c:pt>
                <c:pt idx="6393">
                  <c:v>63.515000000000001</c:v>
                </c:pt>
                <c:pt idx="6394">
                  <c:v>63.523000000000003</c:v>
                </c:pt>
                <c:pt idx="6395">
                  <c:v>63.530999999999999</c:v>
                </c:pt>
                <c:pt idx="6396">
                  <c:v>63.539000000000001</c:v>
                </c:pt>
                <c:pt idx="6397">
                  <c:v>63.546999999999997</c:v>
                </c:pt>
                <c:pt idx="6398">
                  <c:v>63.555999999999997</c:v>
                </c:pt>
                <c:pt idx="6399">
                  <c:v>63.563000000000002</c:v>
                </c:pt>
                <c:pt idx="6400">
                  <c:v>63.57</c:v>
                </c:pt>
                <c:pt idx="6401">
                  <c:v>63.578000000000003</c:v>
                </c:pt>
                <c:pt idx="6402">
                  <c:v>63.585000000000001</c:v>
                </c:pt>
                <c:pt idx="6403">
                  <c:v>63.591000000000001</c:v>
                </c:pt>
                <c:pt idx="6404">
                  <c:v>63.640999999999998</c:v>
                </c:pt>
                <c:pt idx="6405">
                  <c:v>63.651000000000003</c:v>
                </c:pt>
                <c:pt idx="6406">
                  <c:v>63.661999999999999</c:v>
                </c:pt>
                <c:pt idx="6407">
                  <c:v>63.670999999999999</c:v>
                </c:pt>
                <c:pt idx="6408">
                  <c:v>63.682000000000002</c:v>
                </c:pt>
                <c:pt idx="6409">
                  <c:v>63.692</c:v>
                </c:pt>
                <c:pt idx="6410">
                  <c:v>63.701999999999998</c:v>
                </c:pt>
                <c:pt idx="6411">
                  <c:v>63.712000000000003</c:v>
                </c:pt>
                <c:pt idx="6412">
                  <c:v>63.722000000000001</c:v>
                </c:pt>
                <c:pt idx="6413">
                  <c:v>63.731000000000002</c:v>
                </c:pt>
                <c:pt idx="6414">
                  <c:v>63.741</c:v>
                </c:pt>
                <c:pt idx="6415">
                  <c:v>63.75</c:v>
                </c:pt>
                <c:pt idx="6416">
                  <c:v>63.76</c:v>
                </c:pt>
                <c:pt idx="6417">
                  <c:v>63.768999999999998</c:v>
                </c:pt>
                <c:pt idx="6418">
                  <c:v>63.777000000000001</c:v>
                </c:pt>
                <c:pt idx="6419">
                  <c:v>63.786999999999999</c:v>
                </c:pt>
                <c:pt idx="6420">
                  <c:v>63.795999999999999</c:v>
                </c:pt>
                <c:pt idx="6421">
                  <c:v>63.805</c:v>
                </c:pt>
                <c:pt idx="6422">
                  <c:v>63.814</c:v>
                </c:pt>
                <c:pt idx="6423">
                  <c:v>63.823</c:v>
                </c:pt>
                <c:pt idx="6424">
                  <c:v>63.83</c:v>
                </c:pt>
                <c:pt idx="6425">
                  <c:v>63.837000000000003</c:v>
                </c:pt>
                <c:pt idx="6426">
                  <c:v>63.844000000000001</c:v>
                </c:pt>
                <c:pt idx="6427">
                  <c:v>63.853000000000002</c:v>
                </c:pt>
                <c:pt idx="6428">
                  <c:v>63.860999999999997</c:v>
                </c:pt>
                <c:pt idx="6429">
                  <c:v>63.869</c:v>
                </c:pt>
                <c:pt idx="6430">
                  <c:v>63.878999999999998</c:v>
                </c:pt>
                <c:pt idx="6431">
                  <c:v>63.924999999999997</c:v>
                </c:pt>
                <c:pt idx="6432">
                  <c:v>63.933</c:v>
                </c:pt>
                <c:pt idx="6433">
                  <c:v>63.941000000000003</c:v>
                </c:pt>
                <c:pt idx="6434">
                  <c:v>63.948999999999998</c:v>
                </c:pt>
                <c:pt idx="6435">
                  <c:v>63.957000000000001</c:v>
                </c:pt>
                <c:pt idx="6436">
                  <c:v>63.965000000000003</c:v>
                </c:pt>
                <c:pt idx="6437">
                  <c:v>63.972000000000001</c:v>
                </c:pt>
                <c:pt idx="6438">
                  <c:v>63.970999999999997</c:v>
                </c:pt>
                <c:pt idx="6439">
                  <c:v>63.99</c:v>
                </c:pt>
                <c:pt idx="6440">
                  <c:v>63.996000000000002</c:v>
                </c:pt>
                <c:pt idx="6441">
                  <c:v>64.007000000000005</c:v>
                </c:pt>
                <c:pt idx="6442">
                  <c:v>64.013999999999996</c:v>
                </c:pt>
                <c:pt idx="6443">
                  <c:v>64.022000000000006</c:v>
                </c:pt>
                <c:pt idx="6444">
                  <c:v>64.028999999999996</c:v>
                </c:pt>
                <c:pt idx="6445">
                  <c:v>64.072000000000003</c:v>
                </c:pt>
                <c:pt idx="6446">
                  <c:v>64.081999999999994</c:v>
                </c:pt>
                <c:pt idx="6447">
                  <c:v>64.084000000000003</c:v>
                </c:pt>
                <c:pt idx="6448">
                  <c:v>64.097999999999999</c:v>
                </c:pt>
                <c:pt idx="6449">
                  <c:v>64.105999999999995</c:v>
                </c:pt>
                <c:pt idx="6450">
                  <c:v>64.113</c:v>
                </c:pt>
                <c:pt idx="6451">
                  <c:v>64.12</c:v>
                </c:pt>
                <c:pt idx="6452">
                  <c:v>64.131</c:v>
                </c:pt>
                <c:pt idx="6453">
                  <c:v>64.14</c:v>
                </c:pt>
                <c:pt idx="6454">
                  <c:v>64.185000000000002</c:v>
                </c:pt>
                <c:pt idx="6455">
                  <c:v>64.186000000000007</c:v>
                </c:pt>
                <c:pt idx="6456">
                  <c:v>64.206000000000003</c:v>
                </c:pt>
                <c:pt idx="6457">
                  <c:v>64.212999999999994</c:v>
                </c:pt>
                <c:pt idx="6458">
                  <c:v>64.221000000000004</c:v>
                </c:pt>
                <c:pt idx="6459">
                  <c:v>64.23</c:v>
                </c:pt>
                <c:pt idx="6460">
                  <c:v>64.238</c:v>
                </c:pt>
                <c:pt idx="6461">
                  <c:v>64.245000000000005</c:v>
                </c:pt>
                <c:pt idx="6462">
                  <c:v>64.251999999999995</c:v>
                </c:pt>
                <c:pt idx="6463">
                  <c:v>64.259</c:v>
                </c:pt>
                <c:pt idx="6464">
                  <c:v>64.266999999999996</c:v>
                </c:pt>
                <c:pt idx="6465">
                  <c:v>64.275999999999996</c:v>
                </c:pt>
                <c:pt idx="6466">
                  <c:v>64.284000000000006</c:v>
                </c:pt>
                <c:pt idx="6467">
                  <c:v>64.293999999999997</c:v>
                </c:pt>
                <c:pt idx="6468">
                  <c:v>64.302999999999997</c:v>
                </c:pt>
                <c:pt idx="6469">
                  <c:v>64.313000000000002</c:v>
                </c:pt>
                <c:pt idx="6470">
                  <c:v>64.322000000000003</c:v>
                </c:pt>
                <c:pt idx="6471">
                  <c:v>64.331000000000003</c:v>
                </c:pt>
                <c:pt idx="6472">
                  <c:v>64.34</c:v>
                </c:pt>
                <c:pt idx="6473">
                  <c:v>64.350999999999999</c:v>
                </c:pt>
                <c:pt idx="6474">
                  <c:v>64.36</c:v>
                </c:pt>
                <c:pt idx="6475">
                  <c:v>64.37</c:v>
                </c:pt>
                <c:pt idx="6476">
                  <c:v>64.379000000000005</c:v>
                </c:pt>
                <c:pt idx="6477">
                  <c:v>64.388000000000005</c:v>
                </c:pt>
                <c:pt idx="6478">
                  <c:v>64.397000000000006</c:v>
                </c:pt>
                <c:pt idx="6479">
                  <c:v>64.406999999999996</c:v>
                </c:pt>
                <c:pt idx="6480">
                  <c:v>64.415999999999997</c:v>
                </c:pt>
                <c:pt idx="6481">
                  <c:v>64.427000000000007</c:v>
                </c:pt>
                <c:pt idx="6482">
                  <c:v>64.436000000000007</c:v>
                </c:pt>
                <c:pt idx="6483">
                  <c:v>64.445999999999998</c:v>
                </c:pt>
                <c:pt idx="6484">
                  <c:v>64.456000000000003</c:v>
                </c:pt>
                <c:pt idx="6485">
                  <c:v>64.465999999999994</c:v>
                </c:pt>
                <c:pt idx="6486">
                  <c:v>64.474999999999994</c:v>
                </c:pt>
                <c:pt idx="6487">
                  <c:v>64.486000000000004</c:v>
                </c:pt>
                <c:pt idx="6488">
                  <c:v>64.494</c:v>
                </c:pt>
                <c:pt idx="6489">
                  <c:v>64.501999999999995</c:v>
                </c:pt>
                <c:pt idx="6490">
                  <c:v>64.513000000000005</c:v>
                </c:pt>
                <c:pt idx="6491">
                  <c:v>64.522000000000006</c:v>
                </c:pt>
                <c:pt idx="6492">
                  <c:v>64.531999999999996</c:v>
                </c:pt>
                <c:pt idx="6493">
                  <c:v>64.540999999999997</c:v>
                </c:pt>
                <c:pt idx="6494">
                  <c:v>64.55</c:v>
                </c:pt>
                <c:pt idx="6495">
                  <c:v>64.558999999999997</c:v>
                </c:pt>
                <c:pt idx="6496">
                  <c:v>64.569000000000003</c:v>
                </c:pt>
                <c:pt idx="6497">
                  <c:v>64.578999999999994</c:v>
                </c:pt>
                <c:pt idx="6498">
                  <c:v>64.587999999999994</c:v>
                </c:pt>
                <c:pt idx="6499">
                  <c:v>64.597999999999999</c:v>
                </c:pt>
                <c:pt idx="6500">
                  <c:v>64.606999999999999</c:v>
                </c:pt>
                <c:pt idx="6501">
                  <c:v>64.616</c:v>
                </c:pt>
                <c:pt idx="6502">
                  <c:v>64.626000000000005</c:v>
                </c:pt>
                <c:pt idx="6503">
                  <c:v>64.635999999999996</c:v>
                </c:pt>
                <c:pt idx="6504">
                  <c:v>64.646000000000001</c:v>
                </c:pt>
                <c:pt idx="6505">
                  <c:v>64.655000000000001</c:v>
                </c:pt>
                <c:pt idx="6506">
                  <c:v>64.664000000000001</c:v>
                </c:pt>
                <c:pt idx="6507">
                  <c:v>64.673000000000002</c:v>
                </c:pt>
                <c:pt idx="6508">
                  <c:v>64.680999999999997</c:v>
                </c:pt>
                <c:pt idx="6509">
                  <c:v>64.69</c:v>
                </c:pt>
                <c:pt idx="6510">
                  <c:v>64.698999999999998</c:v>
                </c:pt>
                <c:pt idx="6511">
                  <c:v>64.709000000000003</c:v>
                </c:pt>
                <c:pt idx="6512">
                  <c:v>64.718000000000004</c:v>
                </c:pt>
                <c:pt idx="6513">
                  <c:v>64.727000000000004</c:v>
                </c:pt>
                <c:pt idx="6514">
                  <c:v>64.736999999999995</c:v>
                </c:pt>
                <c:pt idx="6515">
                  <c:v>64.745999999999995</c:v>
                </c:pt>
                <c:pt idx="6516">
                  <c:v>64.756</c:v>
                </c:pt>
                <c:pt idx="6517">
                  <c:v>64.765000000000001</c:v>
                </c:pt>
                <c:pt idx="6518">
                  <c:v>64.774000000000001</c:v>
                </c:pt>
                <c:pt idx="6519">
                  <c:v>64.784999999999997</c:v>
                </c:pt>
                <c:pt idx="6520">
                  <c:v>64.793999999999997</c:v>
                </c:pt>
                <c:pt idx="6521">
                  <c:v>64.804000000000002</c:v>
                </c:pt>
                <c:pt idx="6522">
                  <c:v>64.814999999999998</c:v>
                </c:pt>
                <c:pt idx="6523">
                  <c:v>64.823999999999998</c:v>
                </c:pt>
                <c:pt idx="6524">
                  <c:v>64.834000000000003</c:v>
                </c:pt>
                <c:pt idx="6525">
                  <c:v>64.844999999999999</c:v>
                </c:pt>
                <c:pt idx="6526">
                  <c:v>64.855000000000004</c:v>
                </c:pt>
                <c:pt idx="6527">
                  <c:v>64.864000000000004</c:v>
                </c:pt>
                <c:pt idx="6528">
                  <c:v>64.875</c:v>
                </c:pt>
                <c:pt idx="6529">
                  <c:v>64.885000000000005</c:v>
                </c:pt>
                <c:pt idx="6530">
                  <c:v>64.894999999999996</c:v>
                </c:pt>
                <c:pt idx="6531">
                  <c:v>64.905000000000001</c:v>
                </c:pt>
                <c:pt idx="6532">
                  <c:v>64.915999999999997</c:v>
                </c:pt>
                <c:pt idx="6533">
                  <c:v>64.965000000000003</c:v>
                </c:pt>
                <c:pt idx="6534">
                  <c:v>64.975999999999999</c:v>
                </c:pt>
                <c:pt idx="6535">
                  <c:v>64.986000000000004</c:v>
                </c:pt>
                <c:pt idx="6536">
                  <c:v>64.997</c:v>
                </c:pt>
                <c:pt idx="6537">
                  <c:v>65.007000000000005</c:v>
                </c:pt>
                <c:pt idx="6538">
                  <c:v>65.018000000000001</c:v>
                </c:pt>
                <c:pt idx="6539">
                  <c:v>65.028000000000006</c:v>
                </c:pt>
                <c:pt idx="6540">
                  <c:v>65.037999999999997</c:v>
                </c:pt>
                <c:pt idx="6541">
                  <c:v>65.048000000000002</c:v>
                </c:pt>
                <c:pt idx="6542">
                  <c:v>65.058999999999997</c:v>
                </c:pt>
                <c:pt idx="6543">
                  <c:v>65.069000000000003</c:v>
                </c:pt>
                <c:pt idx="6544">
                  <c:v>65.078999999999994</c:v>
                </c:pt>
                <c:pt idx="6545">
                  <c:v>65.09</c:v>
                </c:pt>
                <c:pt idx="6546">
                  <c:v>65.099999999999994</c:v>
                </c:pt>
                <c:pt idx="6547">
                  <c:v>65.108999999999995</c:v>
                </c:pt>
                <c:pt idx="6548">
                  <c:v>65.120999999999995</c:v>
                </c:pt>
                <c:pt idx="6549">
                  <c:v>65.13</c:v>
                </c:pt>
                <c:pt idx="6550">
                  <c:v>65.141000000000005</c:v>
                </c:pt>
                <c:pt idx="6551">
                  <c:v>65.150000000000006</c:v>
                </c:pt>
                <c:pt idx="6552">
                  <c:v>65.16</c:v>
                </c:pt>
                <c:pt idx="6553">
                  <c:v>65.171000000000006</c:v>
                </c:pt>
                <c:pt idx="6554">
                  <c:v>65.180999999999997</c:v>
                </c:pt>
                <c:pt idx="6555">
                  <c:v>65.191999999999993</c:v>
                </c:pt>
                <c:pt idx="6556">
                  <c:v>65.200999999999993</c:v>
                </c:pt>
                <c:pt idx="6557">
                  <c:v>65.210999999999999</c:v>
                </c:pt>
                <c:pt idx="6558">
                  <c:v>65.221000000000004</c:v>
                </c:pt>
                <c:pt idx="6559">
                  <c:v>65.231999999999999</c:v>
                </c:pt>
                <c:pt idx="6560">
                  <c:v>65.241</c:v>
                </c:pt>
                <c:pt idx="6561">
                  <c:v>65.25</c:v>
                </c:pt>
                <c:pt idx="6562">
                  <c:v>65.260999999999996</c:v>
                </c:pt>
                <c:pt idx="6563">
                  <c:v>65.271000000000001</c:v>
                </c:pt>
                <c:pt idx="6564">
                  <c:v>65.281000000000006</c:v>
                </c:pt>
                <c:pt idx="6565">
                  <c:v>65.290999999999997</c:v>
                </c:pt>
                <c:pt idx="6566">
                  <c:v>65.302000000000007</c:v>
                </c:pt>
                <c:pt idx="6567">
                  <c:v>65.311999999999998</c:v>
                </c:pt>
                <c:pt idx="6568">
                  <c:v>65.322000000000003</c:v>
                </c:pt>
                <c:pt idx="6569">
                  <c:v>65.332999999999998</c:v>
                </c:pt>
                <c:pt idx="6570">
                  <c:v>65.343000000000004</c:v>
                </c:pt>
                <c:pt idx="6571">
                  <c:v>65.400999999999996</c:v>
                </c:pt>
                <c:pt idx="6572">
                  <c:v>65.411000000000001</c:v>
                </c:pt>
                <c:pt idx="6573">
                  <c:v>65.421000000000006</c:v>
                </c:pt>
                <c:pt idx="6574">
                  <c:v>65.430999999999997</c:v>
                </c:pt>
                <c:pt idx="6575">
                  <c:v>65.441000000000003</c:v>
                </c:pt>
                <c:pt idx="6576">
                  <c:v>65.451999999999998</c:v>
                </c:pt>
                <c:pt idx="6577">
                  <c:v>65.462000000000003</c:v>
                </c:pt>
                <c:pt idx="6578">
                  <c:v>65.471999999999994</c:v>
                </c:pt>
                <c:pt idx="6579">
                  <c:v>65.483000000000004</c:v>
                </c:pt>
                <c:pt idx="6580">
                  <c:v>65.492999999999995</c:v>
                </c:pt>
                <c:pt idx="6581">
                  <c:v>65.504000000000005</c:v>
                </c:pt>
                <c:pt idx="6582">
                  <c:v>65.513999999999996</c:v>
                </c:pt>
                <c:pt idx="6583">
                  <c:v>65.524000000000001</c:v>
                </c:pt>
                <c:pt idx="6584">
                  <c:v>65.534000000000006</c:v>
                </c:pt>
                <c:pt idx="6585">
                  <c:v>65.545000000000002</c:v>
                </c:pt>
                <c:pt idx="6586">
                  <c:v>65.555000000000007</c:v>
                </c:pt>
                <c:pt idx="6587">
                  <c:v>65.564999999999998</c:v>
                </c:pt>
                <c:pt idx="6588">
                  <c:v>65.573999999999998</c:v>
                </c:pt>
                <c:pt idx="6589">
                  <c:v>65.585999999999999</c:v>
                </c:pt>
                <c:pt idx="6590">
                  <c:v>65.594999999999999</c:v>
                </c:pt>
                <c:pt idx="6591">
                  <c:v>65.605000000000004</c:v>
                </c:pt>
                <c:pt idx="6592">
                  <c:v>65.616</c:v>
                </c:pt>
                <c:pt idx="6593">
                  <c:v>65.626000000000005</c:v>
                </c:pt>
                <c:pt idx="6594">
                  <c:v>65.635999999999996</c:v>
                </c:pt>
                <c:pt idx="6595">
                  <c:v>65.646000000000001</c:v>
                </c:pt>
                <c:pt idx="6596">
                  <c:v>65.656999999999996</c:v>
                </c:pt>
                <c:pt idx="6597">
                  <c:v>65.667000000000002</c:v>
                </c:pt>
                <c:pt idx="6598">
                  <c:v>65.677999999999997</c:v>
                </c:pt>
                <c:pt idx="6599">
                  <c:v>65.688000000000002</c:v>
                </c:pt>
                <c:pt idx="6600">
                  <c:v>65.697000000000003</c:v>
                </c:pt>
                <c:pt idx="6601">
                  <c:v>65.706999999999994</c:v>
                </c:pt>
                <c:pt idx="6602">
                  <c:v>65.718000000000004</c:v>
                </c:pt>
                <c:pt idx="6603">
                  <c:v>65.727000000000004</c:v>
                </c:pt>
                <c:pt idx="6604">
                  <c:v>65.738</c:v>
                </c:pt>
                <c:pt idx="6605">
                  <c:v>65.748000000000005</c:v>
                </c:pt>
                <c:pt idx="6606">
                  <c:v>65.757999999999996</c:v>
                </c:pt>
                <c:pt idx="6607">
                  <c:v>65.769000000000005</c:v>
                </c:pt>
                <c:pt idx="6608">
                  <c:v>65.778000000000006</c:v>
                </c:pt>
                <c:pt idx="6609">
                  <c:v>65.787999999999997</c:v>
                </c:pt>
                <c:pt idx="6610">
                  <c:v>65.799000000000007</c:v>
                </c:pt>
                <c:pt idx="6611">
                  <c:v>65.808000000000007</c:v>
                </c:pt>
                <c:pt idx="6612">
                  <c:v>65.819000000000003</c:v>
                </c:pt>
                <c:pt idx="6613">
                  <c:v>65.828999999999994</c:v>
                </c:pt>
                <c:pt idx="6614">
                  <c:v>65.838999999999999</c:v>
                </c:pt>
                <c:pt idx="6615">
                  <c:v>65.849999999999994</c:v>
                </c:pt>
                <c:pt idx="6616">
                  <c:v>65.858999999999995</c:v>
                </c:pt>
                <c:pt idx="6617">
                  <c:v>65.87</c:v>
                </c:pt>
                <c:pt idx="6618">
                  <c:v>65.88</c:v>
                </c:pt>
                <c:pt idx="6619">
                  <c:v>65.888999999999996</c:v>
                </c:pt>
                <c:pt idx="6620">
                  <c:v>65.899000000000001</c:v>
                </c:pt>
                <c:pt idx="6621">
                  <c:v>65.91</c:v>
                </c:pt>
                <c:pt idx="6622">
                  <c:v>65.92</c:v>
                </c:pt>
                <c:pt idx="6623">
                  <c:v>65.930000000000007</c:v>
                </c:pt>
                <c:pt idx="6624">
                  <c:v>65.938999999999993</c:v>
                </c:pt>
                <c:pt idx="6625">
                  <c:v>65.95</c:v>
                </c:pt>
                <c:pt idx="6626">
                  <c:v>65.959000000000003</c:v>
                </c:pt>
                <c:pt idx="6627">
                  <c:v>65.968999999999994</c:v>
                </c:pt>
                <c:pt idx="6628">
                  <c:v>65.978999999999999</c:v>
                </c:pt>
                <c:pt idx="6629">
                  <c:v>65.986999999999995</c:v>
                </c:pt>
                <c:pt idx="6630">
                  <c:v>65.995000000000005</c:v>
                </c:pt>
                <c:pt idx="6631">
                  <c:v>66.003</c:v>
                </c:pt>
                <c:pt idx="6632">
                  <c:v>66.012</c:v>
                </c:pt>
                <c:pt idx="6633">
                  <c:v>66.022999999999996</c:v>
                </c:pt>
                <c:pt idx="6634">
                  <c:v>66.031999999999996</c:v>
                </c:pt>
                <c:pt idx="6635">
                  <c:v>66.040000000000006</c:v>
                </c:pt>
                <c:pt idx="6636">
                  <c:v>66.049000000000007</c:v>
                </c:pt>
                <c:pt idx="6637">
                  <c:v>66.058000000000007</c:v>
                </c:pt>
                <c:pt idx="6638">
                  <c:v>66.066000000000003</c:v>
                </c:pt>
                <c:pt idx="6639">
                  <c:v>66.073999999999998</c:v>
                </c:pt>
                <c:pt idx="6640">
                  <c:v>66.081999999999994</c:v>
                </c:pt>
                <c:pt idx="6641">
                  <c:v>66.090999999999994</c:v>
                </c:pt>
                <c:pt idx="6642">
                  <c:v>66.100999999999999</c:v>
                </c:pt>
                <c:pt idx="6643">
                  <c:v>66.111000000000004</c:v>
                </c:pt>
                <c:pt idx="6644">
                  <c:v>66.162999999999997</c:v>
                </c:pt>
                <c:pt idx="6645">
                  <c:v>66.173000000000002</c:v>
                </c:pt>
                <c:pt idx="6646">
                  <c:v>66.183000000000007</c:v>
                </c:pt>
                <c:pt idx="6647">
                  <c:v>66.192999999999998</c:v>
                </c:pt>
                <c:pt idx="6648">
                  <c:v>66.248999999999995</c:v>
                </c:pt>
                <c:pt idx="6649">
                  <c:v>66.259</c:v>
                </c:pt>
                <c:pt idx="6650">
                  <c:v>66.269000000000005</c:v>
                </c:pt>
                <c:pt idx="6651">
                  <c:v>66.28</c:v>
                </c:pt>
                <c:pt idx="6652">
                  <c:v>66.289000000000001</c:v>
                </c:pt>
                <c:pt idx="6653">
                  <c:v>66.301000000000002</c:v>
                </c:pt>
                <c:pt idx="6654">
                  <c:v>66.311000000000007</c:v>
                </c:pt>
                <c:pt idx="6655">
                  <c:v>66.319999999999993</c:v>
                </c:pt>
                <c:pt idx="6656">
                  <c:v>66.331000000000003</c:v>
                </c:pt>
                <c:pt idx="6657">
                  <c:v>66.340999999999994</c:v>
                </c:pt>
                <c:pt idx="6658">
                  <c:v>66.352000000000004</c:v>
                </c:pt>
                <c:pt idx="6659">
                  <c:v>66.361999999999995</c:v>
                </c:pt>
                <c:pt idx="6660">
                  <c:v>66.373000000000005</c:v>
                </c:pt>
                <c:pt idx="6661">
                  <c:v>66.382999999999996</c:v>
                </c:pt>
                <c:pt idx="6662">
                  <c:v>66.393000000000001</c:v>
                </c:pt>
                <c:pt idx="6663">
                  <c:v>66.403000000000006</c:v>
                </c:pt>
                <c:pt idx="6664">
                  <c:v>66.412999999999997</c:v>
                </c:pt>
                <c:pt idx="6665">
                  <c:v>66.424000000000007</c:v>
                </c:pt>
                <c:pt idx="6666">
                  <c:v>66.433999999999997</c:v>
                </c:pt>
                <c:pt idx="6667">
                  <c:v>66.442999999999998</c:v>
                </c:pt>
                <c:pt idx="6668">
                  <c:v>66.454999999999998</c:v>
                </c:pt>
                <c:pt idx="6669">
                  <c:v>66.465000000000003</c:v>
                </c:pt>
                <c:pt idx="6670">
                  <c:v>66.474000000000004</c:v>
                </c:pt>
                <c:pt idx="6671">
                  <c:v>66.483999999999995</c:v>
                </c:pt>
                <c:pt idx="6672">
                  <c:v>66.495000000000005</c:v>
                </c:pt>
                <c:pt idx="6673">
                  <c:v>66.504999999999995</c:v>
                </c:pt>
                <c:pt idx="6674">
                  <c:v>66.513999999999996</c:v>
                </c:pt>
                <c:pt idx="6675">
                  <c:v>66.525000000000006</c:v>
                </c:pt>
                <c:pt idx="6676">
                  <c:v>66.534999999999997</c:v>
                </c:pt>
                <c:pt idx="6677">
                  <c:v>66.545000000000002</c:v>
                </c:pt>
                <c:pt idx="6678">
                  <c:v>66.555999999999997</c:v>
                </c:pt>
                <c:pt idx="6679">
                  <c:v>66.564999999999998</c:v>
                </c:pt>
                <c:pt idx="6680">
                  <c:v>66.573999999999998</c:v>
                </c:pt>
                <c:pt idx="6681">
                  <c:v>66.584000000000003</c:v>
                </c:pt>
                <c:pt idx="6682">
                  <c:v>66.593999999999994</c:v>
                </c:pt>
                <c:pt idx="6683">
                  <c:v>66.603999999999999</c:v>
                </c:pt>
                <c:pt idx="6684">
                  <c:v>66.613</c:v>
                </c:pt>
                <c:pt idx="6685">
                  <c:v>66.623000000000005</c:v>
                </c:pt>
                <c:pt idx="6686">
                  <c:v>66.632000000000005</c:v>
                </c:pt>
                <c:pt idx="6687">
                  <c:v>66.641000000000005</c:v>
                </c:pt>
                <c:pt idx="6688">
                  <c:v>66.652000000000001</c:v>
                </c:pt>
                <c:pt idx="6689">
                  <c:v>66.66</c:v>
                </c:pt>
                <c:pt idx="6690">
                  <c:v>66.671000000000006</c:v>
                </c:pt>
                <c:pt idx="6691">
                  <c:v>66.680000000000007</c:v>
                </c:pt>
                <c:pt idx="6692">
                  <c:v>66.69</c:v>
                </c:pt>
                <c:pt idx="6693">
                  <c:v>66.7</c:v>
                </c:pt>
                <c:pt idx="6694">
                  <c:v>66.709999999999994</c:v>
                </c:pt>
                <c:pt idx="6695">
                  <c:v>66.718999999999994</c:v>
                </c:pt>
                <c:pt idx="6696">
                  <c:v>66.73</c:v>
                </c:pt>
                <c:pt idx="6697">
                  <c:v>66.739000000000004</c:v>
                </c:pt>
                <c:pt idx="6698">
                  <c:v>66.748000000000005</c:v>
                </c:pt>
                <c:pt idx="6699">
                  <c:v>66.759</c:v>
                </c:pt>
                <c:pt idx="6700">
                  <c:v>66.769000000000005</c:v>
                </c:pt>
                <c:pt idx="6701">
                  <c:v>66.778999999999996</c:v>
                </c:pt>
                <c:pt idx="6702">
                  <c:v>66.789000000000001</c:v>
                </c:pt>
                <c:pt idx="6703">
                  <c:v>66.799000000000007</c:v>
                </c:pt>
                <c:pt idx="6704">
                  <c:v>66.808999999999997</c:v>
                </c:pt>
                <c:pt idx="6705">
                  <c:v>66.819999999999993</c:v>
                </c:pt>
                <c:pt idx="6706">
                  <c:v>66.83</c:v>
                </c:pt>
                <c:pt idx="6707">
                  <c:v>66.840999999999994</c:v>
                </c:pt>
                <c:pt idx="6708">
                  <c:v>66.850999999999999</c:v>
                </c:pt>
                <c:pt idx="6709">
                  <c:v>66.861000000000004</c:v>
                </c:pt>
                <c:pt idx="6710">
                  <c:v>66.870999999999995</c:v>
                </c:pt>
                <c:pt idx="6711">
                  <c:v>66.882000000000005</c:v>
                </c:pt>
                <c:pt idx="6712">
                  <c:v>66.891999999999996</c:v>
                </c:pt>
                <c:pt idx="6713">
                  <c:v>66.900999999999996</c:v>
                </c:pt>
                <c:pt idx="6714">
                  <c:v>66.912000000000006</c:v>
                </c:pt>
                <c:pt idx="6715">
                  <c:v>66.921999999999997</c:v>
                </c:pt>
                <c:pt idx="6716">
                  <c:v>66.933000000000007</c:v>
                </c:pt>
                <c:pt idx="6717">
                  <c:v>66.942999999999998</c:v>
                </c:pt>
                <c:pt idx="6718">
                  <c:v>66.951999999999998</c:v>
                </c:pt>
                <c:pt idx="6719">
                  <c:v>66.962999999999994</c:v>
                </c:pt>
                <c:pt idx="6720">
                  <c:v>66.974999999999994</c:v>
                </c:pt>
                <c:pt idx="6721">
                  <c:v>66.983999999999995</c:v>
                </c:pt>
                <c:pt idx="6722">
                  <c:v>66.992999999999995</c:v>
                </c:pt>
                <c:pt idx="6723">
                  <c:v>67.004000000000005</c:v>
                </c:pt>
                <c:pt idx="6724">
                  <c:v>67.013999999999996</c:v>
                </c:pt>
                <c:pt idx="6725">
                  <c:v>67.024000000000001</c:v>
                </c:pt>
                <c:pt idx="6726">
                  <c:v>67.034999999999997</c:v>
                </c:pt>
                <c:pt idx="6727">
                  <c:v>67.045000000000002</c:v>
                </c:pt>
                <c:pt idx="6728">
                  <c:v>67.055999999999997</c:v>
                </c:pt>
                <c:pt idx="6729">
                  <c:v>67.066000000000003</c:v>
                </c:pt>
                <c:pt idx="6730">
                  <c:v>67.075999999999993</c:v>
                </c:pt>
                <c:pt idx="6731">
                  <c:v>67.085999999999999</c:v>
                </c:pt>
                <c:pt idx="6732">
                  <c:v>67.096000000000004</c:v>
                </c:pt>
                <c:pt idx="6733">
                  <c:v>67.106999999999999</c:v>
                </c:pt>
                <c:pt idx="6734">
                  <c:v>67.117000000000004</c:v>
                </c:pt>
                <c:pt idx="6735">
                  <c:v>67.126000000000005</c:v>
                </c:pt>
                <c:pt idx="6736">
                  <c:v>67.135999999999996</c:v>
                </c:pt>
                <c:pt idx="6737">
                  <c:v>67.147000000000006</c:v>
                </c:pt>
                <c:pt idx="6738">
                  <c:v>67.156999999999996</c:v>
                </c:pt>
                <c:pt idx="6739">
                  <c:v>67.168000000000006</c:v>
                </c:pt>
                <c:pt idx="6740">
                  <c:v>67.177999999999997</c:v>
                </c:pt>
                <c:pt idx="6741">
                  <c:v>67.188000000000002</c:v>
                </c:pt>
                <c:pt idx="6742">
                  <c:v>67.198999999999998</c:v>
                </c:pt>
                <c:pt idx="6743">
                  <c:v>67.209000000000003</c:v>
                </c:pt>
                <c:pt idx="6744">
                  <c:v>67.218999999999994</c:v>
                </c:pt>
                <c:pt idx="6745">
                  <c:v>67.228999999999999</c:v>
                </c:pt>
                <c:pt idx="6746">
                  <c:v>67.239000000000004</c:v>
                </c:pt>
                <c:pt idx="6747">
                  <c:v>67.25</c:v>
                </c:pt>
                <c:pt idx="6748">
                  <c:v>67.260000000000005</c:v>
                </c:pt>
                <c:pt idx="6749">
                  <c:v>67.27</c:v>
                </c:pt>
                <c:pt idx="6750">
                  <c:v>67.28</c:v>
                </c:pt>
                <c:pt idx="6751">
                  <c:v>67.290999999999997</c:v>
                </c:pt>
                <c:pt idx="6752">
                  <c:v>67.301000000000002</c:v>
                </c:pt>
                <c:pt idx="6753">
                  <c:v>67.311999999999998</c:v>
                </c:pt>
                <c:pt idx="6754">
                  <c:v>67.322000000000003</c:v>
                </c:pt>
                <c:pt idx="6755">
                  <c:v>67.331999999999994</c:v>
                </c:pt>
                <c:pt idx="6756">
                  <c:v>67.341999999999999</c:v>
                </c:pt>
                <c:pt idx="6757">
                  <c:v>67.353999999999999</c:v>
                </c:pt>
                <c:pt idx="6758">
                  <c:v>67.364000000000004</c:v>
                </c:pt>
                <c:pt idx="6759">
                  <c:v>67.373999999999995</c:v>
                </c:pt>
                <c:pt idx="6760">
                  <c:v>67.384</c:v>
                </c:pt>
                <c:pt idx="6761">
                  <c:v>67.394999999999996</c:v>
                </c:pt>
                <c:pt idx="6762">
                  <c:v>67.403999999999996</c:v>
                </c:pt>
                <c:pt idx="6763">
                  <c:v>67.414000000000001</c:v>
                </c:pt>
                <c:pt idx="6764">
                  <c:v>67.424999999999997</c:v>
                </c:pt>
                <c:pt idx="6765">
                  <c:v>67.435000000000002</c:v>
                </c:pt>
                <c:pt idx="6766">
                  <c:v>67.445999999999998</c:v>
                </c:pt>
                <c:pt idx="6767">
                  <c:v>67.456000000000003</c:v>
                </c:pt>
                <c:pt idx="6768">
                  <c:v>67.465999999999994</c:v>
                </c:pt>
                <c:pt idx="6769">
                  <c:v>67.477000000000004</c:v>
                </c:pt>
                <c:pt idx="6770">
                  <c:v>67.486000000000004</c:v>
                </c:pt>
                <c:pt idx="6771">
                  <c:v>67.495999999999995</c:v>
                </c:pt>
                <c:pt idx="6772">
                  <c:v>67.507999999999996</c:v>
                </c:pt>
                <c:pt idx="6773">
                  <c:v>67.518000000000001</c:v>
                </c:pt>
                <c:pt idx="6774">
                  <c:v>67.527000000000001</c:v>
                </c:pt>
                <c:pt idx="6775">
                  <c:v>67.537999999999997</c:v>
                </c:pt>
                <c:pt idx="6776">
                  <c:v>67.549000000000007</c:v>
                </c:pt>
                <c:pt idx="6777">
                  <c:v>67.558000000000007</c:v>
                </c:pt>
                <c:pt idx="6778">
                  <c:v>67.569000000000003</c:v>
                </c:pt>
                <c:pt idx="6779">
                  <c:v>67.578000000000003</c:v>
                </c:pt>
                <c:pt idx="6780">
                  <c:v>67.588999999999999</c:v>
                </c:pt>
                <c:pt idx="6781">
                  <c:v>67.597999999999999</c:v>
                </c:pt>
                <c:pt idx="6782">
                  <c:v>67.61</c:v>
                </c:pt>
                <c:pt idx="6783">
                  <c:v>67.62</c:v>
                </c:pt>
                <c:pt idx="6784">
                  <c:v>67.63</c:v>
                </c:pt>
                <c:pt idx="6785">
                  <c:v>67.641000000000005</c:v>
                </c:pt>
                <c:pt idx="6786">
                  <c:v>67.650999999999996</c:v>
                </c:pt>
                <c:pt idx="6787">
                  <c:v>67.661000000000001</c:v>
                </c:pt>
                <c:pt idx="6788">
                  <c:v>67.671000000000006</c:v>
                </c:pt>
                <c:pt idx="6789">
                  <c:v>67.680999999999997</c:v>
                </c:pt>
                <c:pt idx="6790">
                  <c:v>67.691999999999993</c:v>
                </c:pt>
                <c:pt idx="6791">
                  <c:v>67.701999999999998</c:v>
                </c:pt>
                <c:pt idx="6792">
                  <c:v>67.710999999999999</c:v>
                </c:pt>
                <c:pt idx="6793">
                  <c:v>67.721999999999994</c:v>
                </c:pt>
                <c:pt idx="6794">
                  <c:v>67.731999999999999</c:v>
                </c:pt>
                <c:pt idx="6795">
                  <c:v>67.741</c:v>
                </c:pt>
                <c:pt idx="6796">
                  <c:v>67.751999999999995</c:v>
                </c:pt>
                <c:pt idx="6797">
                  <c:v>67.760999999999996</c:v>
                </c:pt>
                <c:pt idx="6798">
                  <c:v>67.772000000000006</c:v>
                </c:pt>
                <c:pt idx="6799">
                  <c:v>67.781999999999996</c:v>
                </c:pt>
                <c:pt idx="6800">
                  <c:v>67.792000000000002</c:v>
                </c:pt>
                <c:pt idx="6801">
                  <c:v>67.804000000000002</c:v>
                </c:pt>
                <c:pt idx="6802">
                  <c:v>67.813999999999993</c:v>
                </c:pt>
                <c:pt idx="6803">
                  <c:v>67.825000000000003</c:v>
                </c:pt>
                <c:pt idx="6804">
                  <c:v>67.834999999999994</c:v>
                </c:pt>
                <c:pt idx="6805">
                  <c:v>67.846999999999994</c:v>
                </c:pt>
                <c:pt idx="6806">
                  <c:v>67.858000000000004</c:v>
                </c:pt>
                <c:pt idx="6807">
                  <c:v>67.867999999999995</c:v>
                </c:pt>
                <c:pt idx="6808">
                  <c:v>67.878</c:v>
                </c:pt>
                <c:pt idx="6809">
                  <c:v>67.89</c:v>
                </c:pt>
                <c:pt idx="6810">
                  <c:v>67.900000000000006</c:v>
                </c:pt>
                <c:pt idx="6811">
                  <c:v>67.909000000000006</c:v>
                </c:pt>
                <c:pt idx="6812">
                  <c:v>67.92</c:v>
                </c:pt>
                <c:pt idx="6813">
                  <c:v>67.930000000000007</c:v>
                </c:pt>
                <c:pt idx="6814">
                  <c:v>67.94</c:v>
                </c:pt>
                <c:pt idx="6815">
                  <c:v>67.95</c:v>
                </c:pt>
                <c:pt idx="6816">
                  <c:v>67.960999999999999</c:v>
                </c:pt>
                <c:pt idx="6817">
                  <c:v>67.971000000000004</c:v>
                </c:pt>
                <c:pt idx="6818">
                  <c:v>67.983000000000004</c:v>
                </c:pt>
                <c:pt idx="6819">
                  <c:v>67.992000000000004</c:v>
                </c:pt>
                <c:pt idx="6820">
                  <c:v>68.001000000000005</c:v>
                </c:pt>
                <c:pt idx="6821">
                  <c:v>68.012</c:v>
                </c:pt>
                <c:pt idx="6822">
                  <c:v>68.021000000000001</c:v>
                </c:pt>
                <c:pt idx="6823">
                  <c:v>68.03</c:v>
                </c:pt>
                <c:pt idx="6824">
                  <c:v>68.040000000000006</c:v>
                </c:pt>
                <c:pt idx="6825">
                  <c:v>68.05</c:v>
                </c:pt>
                <c:pt idx="6826">
                  <c:v>68.06</c:v>
                </c:pt>
                <c:pt idx="6827">
                  <c:v>68.069000000000003</c:v>
                </c:pt>
                <c:pt idx="6828">
                  <c:v>68.078000000000003</c:v>
                </c:pt>
                <c:pt idx="6829">
                  <c:v>68.088999999999999</c:v>
                </c:pt>
                <c:pt idx="6830">
                  <c:v>68.097999999999999</c:v>
                </c:pt>
                <c:pt idx="6831">
                  <c:v>68.108000000000004</c:v>
                </c:pt>
                <c:pt idx="6832">
                  <c:v>68.117999999999995</c:v>
                </c:pt>
                <c:pt idx="6833">
                  <c:v>68.128</c:v>
                </c:pt>
                <c:pt idx="6834">
                  <c:v>68.137</c:v>
                </c:pt>
                <c:pt idx="6835">
                  <c:v>68.147999999999996</c:v>
                </c:pt>
                <c:pt idx="6836">
                  <c:v>68.156999999999996</c:v>
                </c:pt>
                <c:pt idx="6837">
                  <c:v>68.168000000000006</c:v>
                </c:pt>
                <c:pt idx="6838">
                  <c:v>68.177000000000007</c:v>
                </c:pt>
                <c:pt idx="6839">
                  <c:v>68.188000000000002</c:v>
                </c:pt>
                <c:pt idx="6840">
                  <c:v>68.197000000000003</c:v>
                </c:pt>
                <c:pt idx="6841">
                  <c:v>68.206999999999994</c:v>
                </c:pt>
                <c:pt idx="6842">
                  <c:v>68.216999999999999</c:v>
                </c:pt>
                <c:pt idx="6843">
                  <c:v>68.225999999999999</c:v>
                </c:pt>
                <c:pt idx="6844">
                  <c:v>68.234999999999999</c:v>
                </c:pt>
                <c:pt idx="6845">
                  <c:v>68.245000000000005</c:v>
                </c:pt>
                <c:pt idx="6846">
                  <c:v>68.254000000000005</c:v>
                </c:pt>
                <c:pt idx="6847">
                  <c:v>68.263999999999996</c:v>
                </c:pt>
                <c:pt idx="6848">
                  <c:v>68.272999999999996</c:v>
                </c:pt>
                <c:pt idx="6849">
                  <c:v>68.281999999999996</c:v>
                </c:pt>
                <c:pt idx="6850">
                  <c:v>68.292000000000002</c:v>
                </c:pt>
                <c:pt idx="6851">
                  <c:v>68.301000000000002</c:v>
                </c:pt>
                <c:pt idx="6852">
                  <c:v>68.308999999999997</c:v>
                </c:pt>
                <c:pt idx="6853">
                  <c:v>68.319000000000003</c:v>
                </c:pt>
                <c:pt idx="6854">
                  <c:v>68.328000000000003</c:v>
                </c:pt>
                <c:pt idx="6855">
                  <c:v>68.337000000000003</c:v>
                </c:pt>
                <c:pt idx="6856">
                  <c:v>68.346000000000004</c:v>
                </c:pt>
                <c:pt idx="6857">
                  <c:v>68.356999999999999</c:v>
                </c:pt>
                <c:pt idx="6858">
                  <c:v>68.367000000000004</c:v>
                </c:pt>
                <c:pt idx="6859">
                  <c:v>68.378</c:v>
                </c:pt>
                <c:pt idx="6860">
                  <c:v>68.388000000000005</c:v>
                </c:pt>
                <c:pt idx="6861">
                  <c:v>68.397000000000006</c:v>
                </c:pt>
                <c:pt idx="6862">
                  <c:v>68.408000000000001</c:v>
                </c:pt>
                <c:pt idx="6863">
                  <c:v>68.417000000000002</c:v>
                </c:pt>
                <c:pt idx="6864">
                  <c:v>68.427000000000007</c:v>
                </c:pt>
                <c:pt idx="6865">
                  <c:v>68.438000000000002</c:v>
                </c:pt>
                <c:pt idx="6866">
                  <c:v>68.447999999999993</c:v>
                </c:pt>
                <c:pt idx="6867">
                  <c:v>68.459000000000003</c:v>
                </c:pt>
                <c:pt idx="6868">
                  <c:v>68.468999999999994</c:v>
                </c:pt>
                <c:pt idx="6869">
                  <c:v>68.478999999999999</c:v>
                </c:pt>
                <c:pt idx="6870">
                  <c:v>68.489999999999995</c:v>
                </c:pt>
                <c:pt idx="6871">
                  <c:v>68.5</c:v>
                </c:pt>
                <c:pt idx="6872">
                  <c:v>68.510999999999996</c:v>
                </c:pt>
                <c:pt idx="6873">
                  <c:v>68.522000000000006</c:v>
                </c:pt>
                <c:pt idx="6874">
                  <c:v>68.531000000000006</c:v>
                </c:pt>
                <c:pt idx="6875">
                  <c:v>68.542000000000002</c:v>
                </c:pt>
                <c:pt idx="6876">
                  <c:v>68.552000000000007</c:v>
                </c:pt>
                <c:pt idx="6877">
                  <c:v>68.561999999999998</c:v>
                </c:pt>
                <c:pt idx="6878">
                  <c:v>68.572999999999993</c:v>
                </c:pt>
                <c:pt idx="6879">
                  <c:v>68.582999999999998</c:v>
                </c:pt>
                <c:pt idx="6880">
                  <c:v>68.593000000000004</c:v>
                </c:pt>
                <c:pt idx="6881">
                  <c:v>68.602999999999994</c:v>
                </c:pt>
                <c:pt idx="6882">
                  <c:v>68.613</c:v>
                </c:pt>
                <c:pt idx="6883">
                  <c:v>68.623000000000005</c:v>
                </c:pt>
                <c:pt idx="6884">
                  <c:v>68.634</c:v>
                </c:pt>
                <c:pt idx="6885">
                  <c:v>68.644000000000005</c:v>
                </c:pt>
                <c:pt idx="6886">
                  <c:v>68.653999999999996</c:v>
                </c:pt>
                <c:pt idx="6887">
                  <c:v>68.664000000000001</c:v>
                </c:pt>
                <c:pt idx="6888">
                  <c:v>68.674999999999997</c:v>
                </c:pt>
                <c:pt idx="6889">
                  <c:v>68.686000000000007</c:v>
                </c:pt>
                <c:pt idx="6890">
                  <c:v>68.694999999999993</c:v>
                </c:pt>
                <c:pt idx="6891">
                  <c:v>68.706999999999994</c:v>
                </c:pt>
                <c:pt idx="6892">
                  <c:v>68.716999999999999</c:v>
                </c:pt>
                <c:pt idx="6893">
                  <c:v>68.725999999999999</c:v>
                </c:pt>
                <c:pt idx="6894">
                  <c:v>68.736999999999995</c:v>
                </c:pt>
                <c:pt idx="6895">
                  <c:v>68.747</c:v>
                </c:pt>
                <c:pt idx="6896">
                  <c:v>68.757999999999996</c:v>
                </c:pt>
                <c:pt idx="6897">
                  <c:v>68.766999999999996</c:v>
                </c:pt>
                <c:pt idx="6898">
                  <c:v>68.777000000000001</c:v>
                </c:pt>
                <c:pt idx="6899">
                  <c:v>68.787999999999997</c:v>
                </c:pt>
                <c:pt idx="6900">
                  <c:v>68.798000000000002</c:v>
                </c:pt>
                <c:pt idx="6901">
                  <c:v>68.808999999999997</c:v>
                </c:pt>
                <c:pt idx="6902">
                  <c:v>68.819000000000003</c:v>
                </c:pt>
                <c:pt idx="6903">
                  <c:v>68.828999999999994</c:v>
                </c:pt>
                <c:pt idx="6904">
                  <c:v>68.837999999999994</c:v>
                </c:pt>
                <c:pt idx="6905">
                  <c:v>68.849000000000004</c:v>
                </c:pt>
                <c:pt idx="6906">
                  <c:v>68.858999999999995</c:v>
                </c:pt>
                <c:pt idx="6907">
                  <c:v>68.87</c:v>
                </c:pt>
                <c:pt idx="6908">
                  <c:v>68.88</c:v>
                </c:pt>
                <c:pt idx="6909">
                  <c:v>68.89</c:v>
                </c:pt>
                <c:pt idx="6910">
                  <c:v>68.900999999999996</c:v>
                </c:pt>
                <c:pt idx="6911">
                  <c:v>68.91</c:v>
                </c:pt>
                <c:pt idx="6912">
                  <c:v>68.921000000000006</c:v>
                </c:pt>
                <c:pt idx="6913">
                  <c:v>68.930000000000007</c:v>
                </c:pt>
                <c:pt idx="6914">
                  <c:v>68.94</c:v>
                </c:pt>
                <c:pt idx="6915">
                  <c:v>68.950999999999993</c:v>
                </c:pt>
                <c:pt idx="6916">
                  <c:v>68.960999999999999</c:v>
                </c:pt>
                <c:pt idx="6917">
                  <c:v>68.971000000000004</c:v>
                </c:pt>
                <c:pt idx="6918">
                  <c:v>68.980999999999995</c:v>
                </c:pt>
                <c:pt idx="6919">
                  <c:v>68.989999999999995</c:v>
                </c:pt>
                <c:pt idx="6920">
                  <c:v>68.998999999999995</c:v>
                </c:pt>
                <c:pt idx="6921">
                  <c:v>69.009</c:v>
                </c:pt>
                <c:pt idx="6922">
                  <c:v>69.019000000000005</c:v>
                </c:pt>
                <c:pt idx="6923">
                  <c:v>69.028999999999996</c:v>
                </c:pt>
                <c:pt idx="6924">
                  <c:v>69.040000000000006</c:v>
                </c:pt>
                <c:pt idx="6925">
                  <c:v>69.05</c:v>
                </c:pt>
                <c:pt idx="6926">
                  <c:v>69.06</c:v>
                </c:pt>
                <c:pt idx="6927">
                  <c:v>69.069999999999993</c:v>
                </c:pt>
                <c:pt idx="6928">
                  <c:v>69.081000000000003</c:v>
                </c:pt>
                <c:pt idx="6929">
                  <c:v>69.090999999999994</c:v>
                </c:pt>
                <c:pt idx="6930">
                  <c:v>69.100999999999999</c:v>
                </c:pt>
                <c:pt idx="6931">
                  <c:v>69.111999999999995</c:v>
                </c:pt>
                <c:pt idx="6932">
                  <c:v>69.122</c:v>
                </c:pt>
                <c:pt idx="6933">
                  <c:v>69.132000000000005</c:v>
                </c:pt>
                <c:pt idx="6934">
                  <c:v>69.141999999999996</c:v>
                </c:pt>
                <c:pt idx="6935">
                  <c:v>69.153000000000006</c:v>
                </c:pt>
                <c:pt idx="6936">
                  <c:v>69.162999999999997</c:v>
                </c:pt>
                <c:pt idx="6937">
                  <c:v>69.171999999999997</c:v>
                </c:pt>
                <c:pt idx="6938">
                  <c:v>69.183999999999997</c:v>
                </c:pt>
                <c:pt idx="6939">
                  <c:v>69.192999999999998</c:v>
                </c:pt>
                <c:pt idx="6940">
                  <c:v>69.203999999999994</c:v>
                </c:pt>
                <c:pt idx="6941">
                  <c:v>69.213999999999999</c:v>
                </c:pt>
                <c:pt idx="6942">
                  <c:v>69.222999999999999</c:v>
                </c:pt>
                <c:pt idx="6943">
                  <c:v>69.233999999999995</c:v>
                </c:pt>
                <c:pt idx="6944">
                  <c:v>69.244</c:v>
                </c:pt>
                <c:pt idx="6945">
                  <c:v>69.254000000000005</c:v>
                </c:pt>
                <c:pt idx="6946">
                  <c:v>69.263000000000005</c:v>
                </c:pt>
                <c:pt idx="6947">
                  <c:v>69.274000000000001</c:v>
                </c:pt>
                <c:pt idx="6948">
                  <c:v>69.284999999999997</c:v>
                </c:pt>
                <c:pt idx="6949">
                  <c:v>69.293999999999997</c:v>
                </c:pt>
                <c:pt idx="6950">
                  <c:v>69.304000000000002</c:v>
                </c:pt>
                <c:pt idx="6951">
                  <c:v>69.313999999999993</c:v>
                </c:pt>
                <c:pt idx="6952">
                  <c:v>69.323999999999998</c:v>
                </c:pt>
                <c:pt idx="6953">
                  <c:v>69.332999999999998</c:v>
                </c:pt>
                <c:pt idx="6954">
                  <c:v>69.343999999999994</c:v>
                </c:pt>
                <c:pt idx="6955">
                  <c:v>69.353999999999999</c:v>
                </c:pt>
                <c:pt idx="6956">
                  <c:v>69.364000000000004</c:v>
                </c:pt>
                <c:pt idx="6957">
                  <c:v>69.373999999999995</c:v>
                </c:pt>
                <c:pt idx="6958">
                  <c:v>69.384</c:v>
                </c:pt>
                <c:pt idx="6959">
                  <c:v>69.394000000000005</c:v>
                </c:pt>
                <c:pt idx="6960">
                  <c:v>69.403999999999996</c:v>
                </c:pt>
                <c:pt idx="6961">
                  <c:v>69.414000000000001</c:v>
                </c:pt>
                <c:pt idx="6962">
                  <c:v>69.424000000000007</c:v>
                </c:pt>
                <c:pt idx="6963">
                  <c:v>69.433999999999997</c:v>
                </c:pt>
                <c:pt idx="6964">
                  <c:v>69.444999999999993</c:v>
                </c:pt>
                <c:pt idx="6965">
                  <c:v>69.453999999999994</c:v>
                </c:pt>
                <c:pt idx="6966">
                  <c:v>69.465000000000003</c:v>
                </c:pt>
                <c:pt idx="6967">
                  <c:v>69.474999999999994</c:v>
                </c:pt>
                <c:pt idx="6968">
                  <c:v>69.484999999999999</c:v>
                </c:pt>
                <c:pt idx="6969">
                  <c:v>69.494</c:v>
                </c:pt>
                <c:pt idx="6970">
                  <c:v>69.504999999999995</c:v>
                </c:pt>
                <c:pt idx="6971">
                  <c:v>69.515000000000001</c:v>
                </c:pt>
                <c:pt idx="6972">
                  <c:v>69.524000000000001</c:v>
                </c:pt>
                <c:pt idx="6973">
                  <c:v>69.534999999999997</c:v>
                </c:pt>
                <c:pt idx="6974">
                  <c:v>69.545000000000002</c:v>
                </c:pt>
                <c:pt idx="6975">
                  <c:v>69.555000000000007</c:v>
                </c:pt>
                <c:pt idx="6976">
                  <c:v>69.563999999999993</c:v>
                </c:pt>
                <c:pt idx="6977">
                  <c:v>69.573999999999998</c:v>
                </c:pt>
                <c:pt idx="6978">
                  <c:v>69.584999999999994</c:v>
                </c:pt>
                <c:pt idx="6979">
                  <c:v>69.594999999999999</c:v>
                </c:pt>
                <c:pt idx="6980">
                  <c:v>69.605000000000004</c:v>
                </c:pt>
                <c:pt idx="6981">
                  <c:v>69.614999999999995</c:v>
                </c:pt>
                <c:pt idx="6982">
                  <c:v>69.617000000000004</c:v>
                </c:pt>
                <c:pt idx="6983">
                  <c:v>69.634</c:v>
                </c:pt>
                <c:pt idx="6984">
                  <c:v>69.644999999999996</c:v>
                </c:pt>
                <c:pt idx="6985">
                  <c:v>69.655000000000001</c:v>
                </c:pt>
                <c:pt idx="6986">
                  <c:v>69.665000000000006</c:v>
                </c:pt>
                <c:pt idx="6987">
                  <c:v>69.676000000000002</c:v>
                </c:pt>
                <c:pt idx="6988">
                  <c:v>69.686000000000007</c:v>
                </c:pt>
                <c:pt idx="6989">
                  <c:v>69.695999999999998</c:v>
                </c:pt>
                <c:pt idx="6990">
                  <c:v>69.706999999999994</c:v>
                </c:pt>
                <c:pt idx="6991">
                  <c:v>69.715999999999994</c:v>
                </c:pt>
                <c:pt idx="6992">
                  <c:v>69.725999999999999</c:v>
                </c:pt>
                <c:pt idx="6993">
                  <c:v>69.736999999999995</c:v>
                </c:pt>
                <c:pt idx="6994">
                  <c:v>69.745999999999995</c:v>
                </c:pt>
                <c:pt idx="6995">
                  <c:v>69.757000000000005</c:v>
                </c:pt>
                <c:pt idx="6996">
                  <c:v>69.766000000000005</c:v>
                </c:pt>
                <c:pt idx="6997">
                  <c:v>69.775999999999996</c:v>
                </c:pt>
                <c:pt idx="6998">
                  <c:v>69.787000000000006</c:v>
                </c:pt>
                <c:pt idx="6999">
                  <c:v>69.796999999999997</c:v>
                </c:pt>
                <c:pt idx="7000">
                  <c:v>69.807000000000002</c:v>
                </c:pt>
                <c:pt idx="7001">
                  <c:v>69.816999999999993</c:v>
                </c:pt>
                <c:pt idx="7002">
                  <c:v>69.826999999999998</c:v>
                </c:pt>
                <c:pt idx="7003">
                  <c:v>69.838999999999999</c:v>
                </c:pt>
                <c:pt idx="7004">
                  <c:v>69.849000000000004</c:v>
                </c:pt>
                <c:pt idx="7005">
                  <c:v>69.86</c:v>
                </c:pt>
                <c:pt idx="7006">
                  <c:v>69.869</c:v>
                </c:pt>
                <c:pt idx="7007">
                  <c:v>69.879000000000005</c:v>
                </c:pt>
                <c:pt idx="7008">
                  <c:v>69.89</c:v>
                </c:pt>
                <c:pt idx="7009">
                  <c:v>69.899000000000001</c:v>
                </c:pt>
                <c:pt idx="7010">
                  <c:v>69.91</c:v>
                </c:pt>
                <c:pt idx="7011">
                  <c:v>69.92</c:v>
                </c:pt>
                <c:pt idx="7012">
                  <c:v>69.930000000000007</c:v>
                </c:pt>
                <c:pt idx="7013">
                  <c:v>69.94</c:v>
                </c:pt>
                <c:pt idx="7014">
                  <c:v>69.95</c:v>
                </c:pt>
                <c:pt idx="7015">
                  <c:v>69.960999999999999</c:v>
                </c:pt>
                <c:pt idx="7016">
                  <c:v>69.971000000000004</c:v>
                </c:pt>
                <c:pt idx="7017">
                  <c:v>69.980999999999995</c:v>
                </c:pt>
                <c:pt idx="7018">
                  <c:v>69.991</c:v>
                </c:pt>
                <c:pt idx="7019">
                  <c:v>70.001000000000005</c:v>
                </c:pt>
                <c:pt idx="7020">
                  <c:v>70.010000000000005</c:v>
                </c:pt>
                <c:pt idx="7021">
                  <c:v>70.021000000000001</c:v>
                </c:pt>
                <c:pt idx="7022">
                  <c:v>70.031000000000006</c:v>
                </c:pt>
                <c:pt idx="7023">
                  <c:v>70.042000000000002</c:v>
                </c:pt>
                <c:pt idx="7024">
                  <c:v>70.052000000000007</c:v>
                </c:pt>
                <c:pt idx="7025">
                  <c:v>70.063000000000002</c:v>
                </c:pt>
                <c:pt idx="7026">
                  <c:v>70.072999999999993</c:v>
                </c:pt>
                <c:pt idx="7027">
                  <c:v>70.082999999999998</c:v>
                </c:pt>
                <c:pt idx="7028">
                  <c:v>70.093000000000004</c:v>
                </c:pt>
                <c:pt idx="7029">
                  <c:v>70.102999999999994</c:v>
                </c:pt>
                <c:pt idx="7030">
                  <c:v>70.114000000000004</c:v>
                </c:pt>
                <c:pt idx="7031">
                  <c:v>70.123000000000005</c:v>
                </c:pt>
                <c:pt idx="7032">
                  <c:v>70.135000000000005</c:v>
                </c:pt>
                <c:pt idx="7033">
                  <c:v>70.144000000000005</c:v>
                </c:pt>
                <c:pt idx="7034">
                  <c:v>70.153999999999996</c:v>
                </c:pt>
                <c:pt idx="7035">
                  <c:v>70.165000000000006</c:v>
                </c:pt>
                <c:pt idx="7036">
                  <c:v>70.174000000000007</c:v>
                </c:pt>
                <c:pt idx="7037">
                  <c:v>70.185000000000002</c:v>
                </c:pt>
                <c:pt idx="7038">
                  <c:v>70.194999999999993</c:v>
                </c:pt>
                <c:pt idx="7039">
                  <c:v>70.204999999999998</c:v>
                </c:pt>
                <c:pt idx="7040">
                  <c:v>70.215000000000003</c:v>
                </c:pt>
                <c:pt idx="7041">
                  <c:v>70.224999999999994</c:v>
                </c:pt>
                <c:pt idx="7042">
                  <c:v>70.236000000000004</c:v>
                </c:pt>
                <c:pt idx="7043">
                  <c:v>70.245999999999995</c:v>
                </c:pt>
                <c:pt idx="7044">
                  <c:v>70.257000000000005</c:v>
                </c:pt>
                <c:pt idx="7045">
                  <c:v>70.266999999999996</c:v>
                </c:pt>
                <c:pt idx="7046">
                  <c:v>70.277000000000001</c:v>
                </c:pt>
                <c:pt idx="7047">
                  <c:v>70.287000000000006</c:v>
                </c:pt>
                <c:pt idx="7048">
                  <c:v>70.296999999999997</c:v>
                </c:pt>
                <c:pt idx="7049">
                  <c:v>70.308000000000007</c:v>
                </c:pt>
                <c:pt idx="7050">
                  <c:v>70.317999999999998</c:v>
                </c:pt>
                <c:pt idx="7051">
                  <c:v>70.328000000000003</c:v>
                </c:pt>
                <c:pt idx="7052">
                  <c:v>70.328999999999994</c:v>
                </c:pt>
                <c:pt idx="7053">
                  <c:v>70.346000000000004</c:v>
                </c:pt>
                <c:pt idx="7054">
                  <c:v>70.355999999999995</c:v>
                </c:pt>
                <c:pt idx="7055">
                  <c:v>70.367000000000004</c:v>
                </c:pt>
                <c:pt idx="7056">
                  <c:v>70.376999999999995</c:v>
                </c:pt>
                <c:pt idx="7057">
                  <c:v>70.387</c:v>
                </c:pt>
                <c:pt idx="7058">
                  <c:v>70.397000000000006</c:v>
                </c:pt>
                <c:pt idx="7059">
                  <c:v>70.408000000000001</c:v>
                </c:pt>
                <c:pt idx="7060">
                  <c:v>70.417000000000002</c:v>
                </c:pt>
                <c:pt idx="7061">
                  <c:v>70.427999999999997</c:v>
                </c:pt>
                <c:pt idx="7062">
                  <c:v>70.438000000000002</c:v>
                </c:pt>
                <c:pt idx="7063">
                  <c:v>70.447999999999993</c:v>
                </c:pt>
                <c:pt idx="7064">
                  <c:v>70.456999999999994</c:v>
                </c:pt>
                <c:pt idx="7065">
                  <c:v>70.468999999999994</c:v>
                </c:pt>
                <c:pt idx="7066">
                  <c:v>70.477999999999994</c:v>
                </c:pt>
                <c:pt idx="7067">
                  <c:v>70.488</c:v>
                </c:pt>
                <c:pt idx="7068">
                  <c:v>70.498999999999995</c:v>
                </c:pt>
                <c:pt idx="7069">
                  <c:v>70.509</c:v>
                </c:pt>
                <c:pt idx="7070">
                  <c:v>70.52</c:v>
                </c:pt>
                <c:pt idx="7071">
                  <c:v>70.53</c:v>
                </c:pt>
                <c:pt idx="7072">
                  <c:v>70.540000000000006</c:v>
                </c:pt>
                <c:pt idx="7073">
                  <c:v>70.551000000000002</c:v>
                </c:pt>
                <c:pt idx="7074">
                  <c:v>70.56</c:v>
                </c:pt>
                <c:pt idx="7075">
                  <c:v>70.570999999999998</c:v>
                </c:pt>
                <c:pt idx="7076">
                  <c:v>70.581999999999994</c:v>
                </c:pt>
                <c:pt idx="7077">
                  <c:v>70.590999999999994</c:v>
                </c:pt>
                <c:pt idx="7078">
                  <c:v>70.600999999999999</c:v>
                </c:pt>
                <c:pt idx="7079">
                  <c:v>70.613</c:v>
                </c:pt>
                <c:pt idx="7080">
                  <c:v>70.623000000000005</c:v>
                </c:pt>
                <c:pt idx="7081">
                  <c:v>70.632999999999996</c:v>
                </c:pt>
                <c:pt idx="7082">
                  <c:v>70.643000000000001</c:v>
                </c:pt>
                <c:pt idx="7083">
                  <c:v>70.653000000000006</c:v>
                </c:pt>
                <c:pt idx="7084">
                  <c:v>70.664000000000001</c:v>
                </c:pt>
                <c:pt idx="7085">
                  <c:v>70.673000000000002</c:v>
                </c:pt>
                <c:pt idx="7086">
                  <c:v>70.683000000000007</c:v>
                </c:pt>
                <c:pt idx="7087">
                  <c:v>70.692999999999998</c:v>
                </c:pt>
                <c:pt idx="7088">
                  <c:v>70.703999999999994</c:v>
                </c:pt>
                <c:pt idx="7089">
                  <c:v>70.713999999999999</c:v>
                </c:pt>
                <c:pt idx="7090">
                  <c:v>70.724000000000004</c:v>
                </c:pt>
                <c:pt idx="7091">
                  <c:v>70.733000000000004</c:v>
                </c:pt>
                <c:pt idx="7092">
                  <c:v>70.744</c:v>
                </c:pt>
                <c:pt idx="7093">
                  <c:v>70.754000000000005</c:v>
                </c:pt>
                <c:pt idx="7094">
                  <c:v>70.765000000000001</c:v>
                </c:pt>
                <c:pt idx="7095">
                  <c:v>70.774000000000001</c:v>
                </c:pt>
                <c:pt idx="7096">
                  <c:v>70.784999999999997</c:v>
                </c:pt>
                <c:pt idx="7097">
                  <c:v>70.795000000000002</c:v>
                </c:pt>
                <c:pt idx="7098">
                  <c:v>70.804000000000002</c:v>
                </c:pt>
                <c:pt idx="7099">
                  <c:v>70.813999999999993</c:v>
                </c:pt>
                <c:pt idx="7100">
                  <c:v>70.823999999999998</c:v>
                </c:pt>
                <c:pt idx="7101">
                  <c:v>70.834000000000003</c:v>
                </c:pt>
                <c:pt idx="7102">
                  <c:v>70.843999999999994</c:v>
                </c:pt>
                <c:pt idx="7103">
                  <c:v>70.853999999999999</c:v>
                </c:pt>
                <c:pt idx="7104">
                  <c:v>70.864000000000004</c:v>
                </c:pt>
                <c:pt idx="7105">
                  <c:v>70.873000000000005</c:v>
                </c:pt>
                <c:pt idx="7106">
                  <c:v>70.882999999999996</c:v>
                </c:pt>
                <c:pt idx="7107">
                  <c:v>70.893000000000001</c:v>
                </c:pt>
                <c:pt idx="7108">
                  <c:v>70.903999999999996</c:v>
                </c:pt>
                <c:pt idx="7109">
                  <c:v>70.914000000000001</c:v>
                </c:pt>
                <c:pt idx="7110">
                  <c:v>70.924000000000007</c:v>
                </c:pt>
                <c:pt idx="7111">
                  <c:v>70.933999999999997</c:v>
                </c:pt>
                <c:pt idx="7112">
                  <c:v>70.942999999999998</c:v>
                </c:pt>
                <c:pt idx="7113">
                  <c:v>70.953999999999994</c:v>
                </c:pt>
                <c:pt idx="7114">
                  <c:v>70.962999999999994</c:v>
                </c:pt>
                <c:pt idx="7115">
                  <c:v>70.974000000000004</c:v>
                </c:pt>
                <c:pt idx="7116">
                  <c:v>70.983000000000004</c:v>
                </c:pt>
                <c:pt idx="7117">
                  <c:v>70.992999999999995</c:v>
                </c:pt>
                <c:pt idx="7118">
                  <c:v>71.003</c:v>
                </c:pt>
                <c:pt idx="7119">
                  <c:v>71.012</c:v>
                </c:pt>
                <c:pt idx="7120">
                  <c:v>71.022000000000006</c:v>
                </c:pt>
                <c:pt idx="7121">
                  <c:v>71.031999999999996</c:v>
                </c:pt>
                <c:pt idx="7122">
                  <c:v>71.040999999999997</c:v>
                </c:pt>
                <c:pt idx="7123">
                  <c:v>71.051000000000002</c:v>
                </c:pt>
                <c:pt idx="7124">
                  <c:v>71.061999999999998</c:v>
                </c:pt>
                <c:pt idx="7125">
                  <c:v>71.072000000000003</c:v>
                </c:pt>
                <c:pt idx="7126">
                  <c:v>71.081999999999994</c:v>
                </c:pt>
                <c:pt idx="7127">
                  <c:v>71.091999999999999</c:v>
                </c:pt>
                <c:pt idx="7128">
                  <c:v>71.102000000000004</c:v>
                </c:pt>
                <c:pt idx="7129">
                  <c:v>71.111999999999995</c:v>
                </c:pt>
                <c:pt idx="7130">
                  <c:v>71.122</c:v>
                </c:pt>
                <c:pt idx="7131">
                  <c:v>71.132000000000005</c:v>
                </c:pt>
                <c:pt idx="7132">
                  <c:v>71.143000000000001</c:v>
                </c:pt>
                <c:pt idx="7133">
                  <c:v>71.152000000000001</c:v>
                </c:pt>
                <c:pt idx="7134">
                  <c:v>71.162000000000006</c:v>
                </c:pt>
                <c:pt idx="7135">
                  <c:v>71.171999999999997</c:v>
                </c:pt>
                <c:pt idx="7136">
                  <c:v>71.183000000000007</c:v>
                </c:pt>
                <c:pt idx="7137">
                  <c:v>71.191999999999993</c:v>
                </c:pt>
                <c:pt idx="7138">
                  <c:v>71.203999999999994</c:v>
                </c:pt>
                <c:pt idx="7139">
                  <c:v>71.212999999999994</c:v>
                </c:pt>
                <c:pt idx="7140">
                  <c:v>71.222999999999999</c:v>
                </c:pt>
                <c:pt idx="7141">
                  <c:v>71.233000000000004</c:v>
                </c:pt>
                <c:pt idx="7142">
                  <c:v>71.244</c:v>
                </c:pt>
                <c:pt idx="7143">
                  <c:v>71.254000000000005</c:v>
                </c:pt>
                <c:pt idx="7144">
                  <c:v>71.263999999999996</c:v>
                </c:pt>
                <c:pt idx="7145">
                  <c:v>71.275000000000006</c:v>
                </c:pt>
                <c:pt idx="7146">
                  <c:v>71.284000000000006</c:v>
                </c:pt>
                <c:pt idx="7147">
                  <c:v>71.293999999999997</c:v>
                </c:pt>
                <c:pt idx="7148">
                  <c:v>71.305000000000007</c:v>
                </c:pt>
                <c:pt idx="7149">
                  <c:v>71.314999999999998</c:v>
                </c:pt>
                <c:pt idx="7150">
                  <c:v>71.325000000000003</c:v>
                </c:pt>
                <c:pt idx="7151">
                  <c:v>71.334999999999994</c:v>
                </c:pt>
                <c:pt idx="7152">
                  <c:v>71.346000000000004</c:v>
                </c:pt>
                <c:pt idx="7153">
                  <c:v>71.355999999999995</c:v>
                </c:pt>
                <c:pt idx="7154">
                  <c:v>71.367000000000004</c:v>
                </c:pt>
                <c:pt idx="7155">
                  <c:v>71.376000000000005</c:v>
                </c:pt>
                <c:pt idx="7156">
                  <c:v>71.388000000000005</c:v>
                </c:pt>
                <c:pt idx="7157">
                  <c:v>71.397000000000006</c:v>
                </c:pt>
                <c:pt idx="7158">
                  <c:v>71.408000000000001</c:v>
                </c:pt>
                <c:pt idx="7159">
                  <c:v>71.417000000000002</c:v>
                </c:pt>
                <c:pt idx="7160">
                  <c:v>71.427000000000007</c:v>
                </c:pt>
                <c:pt idx="7161">
                  <c:v>71.438000000000002</c:v>
                </c:pt>
                <c:pt idx="7162">
                  <c:v>71.447000000000003</c:v>
                </c:pt>
                <c:pt idx="7163">
                  <c:v>71.456999999999994</c:v>
                </c:pt>
                <c:pt idx="7164">
                  <c:v>71.468000000000004</c:v>
                </c:pt>
                <c:pt idx="7165">
                  <c:v>71.477999999999994</c:v>
                </c:pt>
                <c:pt idx="7166">
                  <c:v>71.488</c:v>
                </c:pt>
                <c:pt idx="7167">
                  <c:v>71.498000000000005</c:v>
                </c:pt>
                <c:pt idx="7168">
                  <c:v>71.507999999999996</c:v>
                </c:pt>
                <c:pt idx="7169">
                  <c:v>71.519000000000005</c:v>
                </c:pt>
                <c:pt idx="7170">
                  <c:v>71.528999999999996</c:v>
                </c:pt>
                <c:pt idx="7171">
                  <c:v>71.537999999999997</c:v>
                </c:pt>
                <c:pt idx="7172">
                  <c:v>71.548000000000002</c:v>
                </c:pt>
                <c:pt idx="7173">
                  <c:v>71.558000000000007</c:v>
                </c:pt>
                <c:pt idx="7174">
                  <c:v>71.573999999999998</c:v>
                </c:pt>
                <c:pt idx="7175">
                  <c:v>71.584000000000003</c:v>
                </c:pt>
                <c:pt idx="7176">
                  <c:v>71.593000000000004</c:v>
                </c:pt>
                <c:pt idx="7177">
                  <c:v>71.603999999999999</c:v>
                </c:pt>
                <c:pt idx="7178">
                  <c:v>71.614000000000004</c:v>
                </c:pt>
                <c:pt idx="7179">
                  <c:v>71.623999999999995</c:v>
                </c:pt>
                <c:pt idx="7180">
                  <c:v>71.635000000000005</c:v>
                </c:pt>
                <c:pt idx="7181">
                  <c:v>71.644999999999996</c:v>
                </c:pt>
                <c:pt idx="7182">
                  <c:v>71.655000000000001</c:v>
                </c:pt>
                <c:pt idx="7183">
                  <c:v>71.665000000000006</c:v>
                </c:pt>
                <c:pt idx="7184">
                  <c:v>71.674999999999997</c:v>
                </c:pt>
                <c:pt idx="7185">
                  <c:v>71.686000000000007</c:v>
                </c:pt>
                <c:pt idx="7186">
                  <c:v>71.695999999999998</c:v>
                </c:pt>
                <c:pt idx="7187">
                  <c:v>71.706000000000003</c:v>
                </c:pt>
                <c:pt idx="7188">
                  <c:v>71.716999999999999</c:v>
                </c:pt>
                <c:pt idx="7189">
                  <c:v>71.727000000000004</c:v>
                </c:pt>
                <c:pt idx="7190">
                  <c:v>71.736000000000004</c:v>
                </c:pt>
                <c:pt idx="7191">
                  <c:v>71.747</c:v>
                </c:pt>
                <c:pt idx="7192">
                  <c:v>71.757000000000005</c:v>
                </c:pt>
                <c:pt idx="7193">
                  <c:v>71.766999999999996</c:v>
                </c:pt>
                <c:pt idx="7194">
                  <c:v>71.778000000000006</c:v>
                </c:pt>
                <c:pt idx="7195">
                  <c:v>71.787999999999997</c:v>
                </c:pt>
                <c:pt idx="7196">
                  <c:v>71.799000000000007</c:v>
                </c:pt>
                <c:pt idx="7197">
                  <c:v>71.808999999999997</c:v>
                </c:pt>
                <c:pt idx="7198">
                  <c:v>71.813999999999993</c:v>
                </c:pt>
                <c:pt idx="7199">
                  <c:v>71.834000000000003</c:v>
                </c:pt>
                <c:pt idx="7200">
                  <c:v>71.843000000000004</c:v>
                </c:pt>
                <c:pt idx="7201">
                  <c:v>71.853999999999999</c:v>
                </c:pt>
                <c:pt idx="7202">
                  <c:v>71.864000000000004</c:v>
                </c:pt>
                <c:pt idx="7203">
                  <c:v>71.873000000000005</c:v>
                </c:pt>
                <c:pt idx="7204">
                  <c:v>71.884</c:v>
                </c:pt>
                <c:pt idx="7205">
                  <c:v>71.894000000000005</c:v>
                </c:pt>
                <c:pt idx="7206">
                  <c:v>71.903999999999996</c:v>
                </c:pt>
                <c:pt idx="7207">
                  <c:v>71.914000000000001</c:v>
                </c:pt>
                <c:pt idx="7208">
                  <c:v>71.924999999999997</c:v>
                </c:pt>
                <c:pt idx="7209">
                  <c:v>71.935000000000002</c:v>
                </c:pt>
                <c:pt idx="7210">
                  <c:v>71.944000000000003</c:v>
                </c:pt>
                <c:pt idx="7211">
                  <c:v>71.953999999999994</c:v>
                </c:pt>
                <c:pt idx="7212">
                  <c:v>71.995000000000005</c:v>
                </c:pt>
                <c:pt idx="7213">
                  <c:v>72.004999999999995</c:v>
                </c:pt>
                <c:pt idx="7214">
                  <c:v>72.016000000000005</c:v>
                </c:pt>
                <c:pt idx="7215">
                  <c:v>72.025999999999996</c:v>
                </c:pt>
                <c:pt idx="7216">
                  <c:v>72.036000000000001</c:v>
                </c:pt>
                <c:pt idx="7217">
                  <c:v>72.046000000000006</c:v>
                </c:pt>
                <c:pt idx="7218">
                  <c:v>72.057000000000002</c:v>
                </c:pt>
                <c:pt idx="7219">
                  <c:v>72.066999999999993</c:v>
                </c:pt>
                <c:pt idx="7220">
                  <c:v>72.075999999999993</c:v>
                </c:pt>
                <c:pt idx="7221">
                  <c:v>72.087999999999994</c:v>
                </c:pt>
                <c:pt idx="7222">
                  <c:v>72.097999999999999</c:v>
                </c:pt>
                <c:pt idx="7223">
                  <c:v>72.108000000000004</c:v>
                </c:pt>
                <c:pt idx="7224">
                  <c:v>72.119</c:v>
                </c:pt>
                <c:pt idx="7225">
                  <c:v>72.129000000000005</c:v>
                </c:pt>
                <c:pt idx="7226">
                  <c:v>72.138999999999996</c:v>
                </c:pt>
                <c:pt idx="7227">
                  <c:v>72.149000000000001</c:v>
                </c:pt>
                <c:pt idx="7228">
                  <c:v>72.16</c:v>
                </c:pt>
                <c:pt idx="7229">
                  <c:v>72.168999999999997</c:v>
                </c:pt>
                <c:pt idx="7230">
                  <c:v>72.179000000000002</c:v>
                </c:pt>
                <c:pt idx="7231">
                  <c:v>72.188999999999993</c:v>
                </c:pt>
                <c:pt idx="7232">
                  <c:v>72.2</c:v>
                </c:pt>
                <c:pt idx="7233">
                  <c:v>72.209999999999994</c:v>
                </c:pt>
                <c:pt idx="7234">
                  <c:v>72.22</c:v>
                </c:pt>
                <c:pt idx="7235">
                  <c:v>72.23</c:v>
                </c:pt>
                <c:pt idx="7236">
                  <c:v>72.241</c:v>
                </c:pt>
                <c:pt idx="7237">
                  <c:v>72.25</c:v>
                </c:pt>
                <c:pt idx="7238">
                  <c:v>72.260000000000005</c:v>
                </c:pt>
                <c:pt idx="7239">
                  <c:v>72.271000000000001</c:v>
                </c:pt>
                <c:pt idx="7240">
                  <c:v>72.281000000000006</c:v>
                </c:pt>
                <c:pt idx="7241">
                  <c:v>72.290999999999997</c:v>
                </c:pt>
                <c:pt idx="7242">
                  <c:v>72.302000000000007</c:v>
                </c:pt>
                <c:pt idx="7243">
                  <c:v>72.311999999999998</c:v>
                </c:pt>
                <c:pt idx="7244">
                  <c:v>72.320999999999998</c:v>
                </c:pt>
                <c:pt idx="7245">
                  <c:v>72.331999999999994</c:v>
                </c:pt>
                <c:pt idx="7246">
                  <c:v>72.341999999999999</c:v>
                </c:pt>
                <c:pt idx="7247">
                  <c:v>72.350999999999999</c:v>
                </c:pt>
                <c:pt idx="7248">
                  <c:v>72.361000000000004</c:v>
                </c:pt>
                <c:pt idx="7249">
                  <c:v>72.372</c:v>
                </c:pt>
                <c:pt idx="7250">
                  <c:v>72.382000000000005</c:v>
                </c:pt>
                <c:pt idx="7251">
                  <c:v>72.391999999999996</c:v>
                </c:pt>
                <c:pt idx="7252">
                  <c:v>72.402000000000001</c:v>
                </c:pt>
                <c:pt idx="7253">
                  <c:v>72.412999999999997</c:v>
                </c:pt>
                <c:pt idx="7254">
                  <c:v>72.421999999999997</c:v>
                </c:pt>
                <c:pt idx="7255">
                  <c:v>72.432000000000002</c:v>
                </c:pt>
                <c:pt idx="7256">
                  <c:v>72.442999999999998</c:v>
                </c:pt>
                <c:pt idx="7257">
                  <c:v>72.451999999999998</c:v>
                </c:pt>
                <c:pt idx="7258">
                  <c:v>72.456000000000003</c:v>
                </c:pt>
                <c:pt idx="7259">
                  <c:v>72.472999999999999</c:v>
                </c:pt>
                <c:pt idx="7260">
                  <c:v>72.483999999999995</c:v>
                </c:pt>
                <c:pt idx="7261">
                  <c:v>72.492999999999995</c:v>
                </c:pt>
                <c:pt idx="7262">
                  <c:v>72.503</c:v>
                </c:pt>
                <c:pt idx="7263">
                  <c:v>72.512</c:v>
                </c:pt>
                <c:pt idx="7264">
                  <c:v>72.522999999999996</c:v>
                </c:pt>
                <c:pt idx="7265">
                  <c:v>72.531999999999996</c:v>
                </c:pt>
                <c:pt idx="7266">
                  <c:v>72.540999999999997</c:v>
                </c:pt>
                <c:pt idx="7267">
                  <c:v>72.55</c:v>
                </c:pt>
                <c:pt idx="7268">
                  <c:v>72.561000000000007</c:v>
                </c:pt>
                <c:pt idx="7269">
                  <c:v>72.570999999999998</c:v>
                </c:pt>
                <c:pt idx="7270">
                  <c:v>72.58</c:v>
                </c:pt>
                <c:pt idx="7271">
                  <c:v>72.59</c:v>
                </c:pt>
                <c:pt idx="7272">
                  <c:v>72.600999999999999</c:v>
                </c:pt>
                <c:pt idx="7273">
                  <c:v>72.61</c:v>
                </c:pt>
                <c:pt idx="7274">
                  <c:v>72.620999999999995</c:v>
                </c:pt>
                <c:pt idx="7275">
                  <c:v>72.631</c:v>
                </c:pt>
                <c:pt idx="7276">
                  <c:v>72.64</c:v>
                </c:pt>
                <c:pt idx="7277">
                  <c:v>72.650999999999996</c:v>
                </c:pt>
                <c:pt idx="7278">
                  <c:v>72.66</c:v>
                </c:pt>
                <c:pt idx="7279">
                  <c:v>72.67</c:v>
                </c:pt>
                <c:pt idx="7280">
                  <c:v>72.680000000000007</c:v>
                </c:pt>
                <c:pt idx="7281">
                  <c:v>72.69</c:v>
                </c:pt>
                <c:pt idx="7282">
                  <c:v>72.7</c:v>
                </c:pt>
                <c:pt idx="7283">
                  <c:v>72.709999999999994</c:v>
                </c:pt>
                <c:pt idx="7284">
                  <c:v>72.72</c:v>
                </c:pt>
                <c:pt idx="7285">
                  <c:v>72.728999999999999</c:v>
                </c:pt>
                <c:pt idx="7286">
                  <c:v>72.739999999999995</c:v>
                </c:pt>
                <c:pt idx="7287">
                  <c:v>72.748999999999995</c:v>
                </c:pt>
                <c:pt idx="7288">
                  <c:v>72.760000000000005</c:v>
                </c:pt>
                <c:pt idx="7289">
                  <c:v>72.769000000000005</c:v>
                </c:pt>
                <c:pt idx="7290">
                  <c:v>72.778000000000006</c:v>
                </c:pt>
                <c:pt idx="7291">
                  <c:v>72.789000000000001</c:v>
                </c:pt>
                <c:pt idx="7292">
                  <c:v>72.798000000000002</c:v>
                </c:pt>
                <c:pt idx="7293">
                  <c:v>72.807000000000002</c:v>
                </c:pt>
                <c:pt idx="7294">
                  <c:v>72.816999999999993</c:v>
                </c:pt>
                <c:pt idx="7295">
                  <c:v>72.826999999999998</c:v>
                </c:pt>
                <c:pt idx="7296">
                  <c:v>72.837000000000003</c:v>
                </c:pt>
                <c:pt idx="7297">
                  <c:v>72.846000000000004</c:v>
                </c:pt>
                <c:pt idx="7298">
                  <c:v>72.855999999999995</c:v>
                </c:pt>
                <c:pt idx="7299">
                  <c:v>72.866</c:v>
                </c:pt>
                <c:pt idx="7300">
                  <c:v>72.876000000000005</c:v>
                </c:pt>
                <c:pt idx="7301">
                  <c:v>72.885000000000005</c:v>
                </c:pt>
                <c:pt idx="7302">
                  <c:v>72.894999999999996</c:v>
                </c:pt>
                <c:pt idx="7303">
                  <c:v>72.903999999999996</c:v>
                </c:pt>
                <c:pt idx="7304">
                  <c:v>72.914000000000001</c:v>
                </c:pt>
                <c:pt idx="7305">
                  <c:v>72.924000000000007</c:v>
                </c:pt>
                <c:pt idx="7306">
                  <c:v>72.933999999999997</c:v>
                </c:pt>
                <c:pt idx="7307">
                  <c:v>72.942999999999998</c:v>
                </c:pt>
                <c:pt idx="7308">
                  <c:v>72.953000000000003</c:v>
                </c:pt>
                <c:pt idx="7309">
                  <c:v>72.960999999999999</c:v>
                </c:pt>
                <c:pt idx="7310">
                  <c:v>72.97</c:v>
                </c:pt>
                <c:pt idx="7311">
                  <c:v>72.978999999999999</c:v>
                </c:pt>
                <c:pt idx="7312">
                  <c:v>72.988</c:v>
                </c:pt>
                <c:pt idx="7313">
                  <c:v>72.995999999999995</c:v>
                </c:pt>
                <c:pt idx="7314">
                  <c:v>73.006</c:v>
                </c:pt>
                <c:pt idx="7315">
                  <c:v>73.015000000000001</c:v>
                </c:pt>
                <c:pt idx="7316">
                  <c:v>73.025000000000006</c:v>
                </c:pt>
                <c:pt idx="7317">
                  <c:v>73.036000000000001</c:v>
                </c:pt>
                <c:pt idx="7318">
                  <c:v>73.045000000000002</c:v>
                </c:pt>
                <c:pt idx="7319">
                  <c:v>73.054000000000002</c:v>
                </c:pt>
                <c:pt idx="7320">
                  <c:v>73.063999999999993</c:v>
                </c:pt>
                <c:pt idx="7321">
                  <c:v>73.072999999999993</c:v>
                </c:pt>
                <c:pt idx="7322">
                  <c:v>73.081999999999994</c:v>
                </c:pt>
                <c:pt idx="7323">
                  <c:v>73.090999999999994</c:v>
                </c:pt>
                <c:pt idx="7324">
                  <c:v>73.100999999999999</c:v>
                </c:pt>
                <c:pt idx="7325">
                  <c:v>73.11</c:v>
                </c:pt>
                <c:pt idx="7326">
                  <c:v>73.12</c:v>
                </c:pt>
                <c:pt idx="7327">
                  <c:v>73.129000000000005</c:v>
                </c:pt>
                <c:pt idx="7328">
                  <c:v>73.138999999999996</c:v>
                </c:pt>
                <c:pt idx="7329">
                  <c:v>73.147999999999996</c:v>
                </c:pt>
                <c:pt idx="7330">
                  <c:v>73.156999999999996</c:v>
                </c:pt>
                <c:pt idx="7331">
                  <c:v>73.167000000000002</c:v>
                </c:pt>
                <c:pt idx="7332">
                  <c:v>73.177000000000007</c:v>
                </c:pt>
                <c:pt idx="7333">
                  <c:v>73.186000000000007</c:v>
                </c:pt>
                <c:pt idx="7334">
                  <c:v>73.195999999999998</c:v>
                </c:pt>
                <c:pt idx="7335">
                  <c:v>73.203999999999994</c:v>
                </c:pt>
                <c:pt idx="7336">
                  <c:v>73.213999999999999</c:v>
                </c:pt>
                <c:pt idx="7337">
                  <c:v>73.222999999999999</c:v>
                </c:pt>
                <c:pt idx="7338">
                  <c:v>73.233000000000004</c:v>
                </c:pt>
                <c:pt idx="7339">
                  <c:v>73.242000000000004</c:v>
                </c:pt>
                <c:pt idx="7340">
                  <c:v>73.251999999999995</c:v>
                </c:pt>
                <c:pt idx="7341">
                  <c:v>73.260999999999996</c:v>
                </c:pt>
                <c:pt idx="7342">
                  <c:v>73.271000000000001</c:v>
                </c:pt>
                <c:pt idx="7343">
                  <c:v>73.28</c:v>
                </c:pt>
                <c:pt idx="7344">
                  <c:v>73.290000000000006</c:v>
                </c:pt>
                <c:pt idx="7345">
                  <c:v>73.3</c:v>
                </c:pt>
                <c:pt idx="7346">
                  <c:v>73.31</c:v>
                </c:pt>
                <c:pt idx="7347">
                  <c:v>73.319000000000003</c:v>
                </c:pt>
                <c:pt idx="7348">
                  <c:v>73.33</c:v>
                </c:pt>
                <c:pt idx="7349">
                  <c:v>73.338999999999999</c:v>
                </c:pt>
                <c:pt idx="7350">
                  <c:v>73.349000000000004</c:v>
                </c:pt>
                <c:pt idx="7351">
                  <c:v>73.358999999999995</c:v>
                </c:pt>
                <c:pt idx="7352">
                  <c:v>73.369</c:v>
                </c:pt>
                <c:pt idx="7353">
                  <c:v>73.379000000000005</c:v>
                </c:pt>
                <c:pt idx="7354">
                  <c:v>73.388999999999996</c:v>
                </c:pt>
                <c:pt idx="7355">
                  <c:v>73.397999999999996</c:v>
                </c:pt>
                <c:pt idx="7356">
                  <c:v>73.408000000000001</c:v>
                </c:pt>
                <c:pt idx="7357">
                  <c:v>73.417000000000002</c:v>
                </c:pt>
                <c:pt idx="7358">
                  <c:v>73.427999999999997</c:v>
                </c:pt>
                <c:pt idx="7359">
                  <c:v>73.436999999999998</c:v>
                </c:pt>
                <c:pt idx="7360">
                  <c:v>73.447000000000003</c:v>
                </c:pt>
                <c:pt idx="7361">
                  <c:v>73.456999999999994</c:v>
                </c:pt>
                <c:pt idx="7362">
                  <c:v>73.466999999999999</c:v>
                </c:pt>
                <c:pt idx="7363">
                  <c:v>73.475999999999999</c:v>
                </c:pt>
                <c:pt idx="7364">
                  <c:v>73.486000000000004</c:v>
                </c:pt>
                <c:pt idx="7365">
                  <c:v>73.494</c:v>
                </c:pt>
                <c:pt idx="7366">
                  <c:v>73.504000000000005</c:v>
                </c:pt>
                <c:pt idx="7367">
                  <c:v>73.512</c:v>
                </c:pt>
                <c:pt idx="7368">
                  <c:v>73.522000000000006</c:v>
                </c:pt>
                <c:pt idx="7369">
                  <c:v>73.531000000000006</c:v>
                </c:pt>
                <c:pt idx="7370">
                  <c:v>73.540999999999997</c:v>
                </c:pt>
                <c:pt idx="7371">
                  <c:v>73.55</c:v>
                </c:pt>
                <c:pt idx="7372">
                  <c:v>73.56</c:v>
                </c:pt>
                <c:pt idx="7373">
                  <c:v>73.569999999999993</c:v>
                </c:pt>
                <c:pt idx="7374">
                  <c:v>73.578999999999994</c:v>
                </c:pt>
                <c:pt idx="7375">
                  <c:v>73.588999999999999</c:v>
                </c:pt>
                <c:pt idx="7376">
                  <c:v>73.599000000000004</c:v>
                </c:pt>
                <c:pt idx="7377">
                  <c:v>73.608999999999995</c:v>
                </c:pt>
                <c:pt idx="7378">
                  <c:v>73.619</c:v>
                </c:pt>
                <c:pt idx="7379">
                  <c:v>73.629000000000005</c:v>
                </c:pt>
                <c:pt idx="7380">
                  <c:v>73.638000000000005</c:v>
                </c:pt>
                <c:pt idx="7381">
                  <c:v>73.647999999999996</c:v>
                </c:pt>
                <c:pt idx="7382">
                  <c:v>73.658000000000001</c:v>
                </c:pt>
                <c:pt idx="7383">
                  <c:v>73.668999999999997</c:v>
                </c:pt>
                <c:pt idx="7384">
                  <c:v>73.677999999999997</c:v>
                </c:pt>
                <c:pt idx="7385">
                  <c:v>73.688999999999993</c:v>
                </c:pt>
                <c:pt idx="7386">
                  <c:v>73.697999999999993</c:v>
                </c:pt>
                <c:pt idx="7387">
                  <c:v>73.709000000000003</c:v>
                </c:pt>
                <c:pt idx="7388">
                  <c:v>73.718000000000004</c:v>
                </c:pt>
                <c:pt idx="7389">
                  <c:v>73.728999999999999</c:v>
                </c:pt>
                <c:pt idx="7390">
                  <c:v>73.738</c:v>
                </c:pt>
                <c:pt idx="7391">
                  <c:v>73.748000000000005</c:v>
                </c:pt>
                <c:pt idx="7392">
                  <c:v>73.757000000000005</c:v>
                </c:pt>
                <c:pt idx="7393">
                  <c:v>73.766999999999996</c:v>
                </c:pt>
                <c:pt idx="7394">
                  <c:v>73.777000000000001</c:v>
                </c:pt>
                <c:pt idx="7395">
                  <c:v>73.787000000000006</c:v>
                </c:pt>
                <c:pt idx="7396">
                  <c:v>73.805000000000007</c:v>
                </c:pt>
                <c:pt idx="7397">
                  <c:v>73.814999999999998</c:v>
                </c:pt>
                <c:pt idx="7398">
                  <c:v>73.823999999999998</c:v>
                </c:pt>
                <c:pt idx="7399">
                  <c:v>73.834000000000003</c:v>
                </c:pt>
                <c:pt idx="7400">
                  <c:v>73.843000000000004</c:v>
                </c:pt>
                <c:pt idx="7401">
                  <c:v>73.852999999999994</c:v>
                </c:pt>
                <c:pt idx="7402">
                  <c:v>73.861000000000004</c:v>
                </c:pt>
                <c:pt idx="7403">
                  <c:v>73.870999999999995</c:v>
                </c:pt>
                <c:pt idx="7404">
                  <c:v>73.88</c:v>
                </c:pt>
                <c:pt idx="7405">
                  <c:v>73.89</c:v>
                </c:pt>
                <c:pt idx="7406">
                  <c:v>73.899000000000001</c:v>
                </c:pt>
                <c:pt idx="7407">
                  <c:v>73.908000000000001</c:v>
                </c:pt>
                <c:pt idx="7408">
                  <c:v>73.918000000000006</c:v>
                </c:pt>
                <c:pt idx="7409">
                  <c:v>73.927000000000007</c:v>
                </c:pt>
                <c:pt idx="7410">
                  <c:v>73.936999999999998</c:v>
                </c:pt>
                <c:pt idx="7411">
                  <c:v>73.945999999999998</c:v>
                </c:pt>
                <c:pt idx="7412">
                  <c:v>73.956000000000003</c:v>
                </c:pt>
                <c:pt idx="7413">
                  <c:v>73.965000000000003</c:v>
                </c:pt>
                <c:pt idx="7414">
                  <c:v>73.974999999999994</c:v>
                </c:pt>
                <c:pt idx="7415">
                  <c:v>73.983000000000004</c:v>
                </c:pt>
                <c:pt idx="7416">
                  <c:v>73.991</c:v>
                </c:pt>
                <c:pt idx="7417">
                  <c:v>74</c:v>
                </c:pt>
                <c:pt idx="7418">
                  <c:v>74.010999999999996</c:v>
                </c:pt>
                <c:pt idx="7419">
                  <c:v>74.018000000000001</c:v>
                </c:pt>
                <c:pt idx="7420">
                  <c:v>74.036000000000001</c:v>
                </c:pt>
                <c:pt idx="7421">
                  <c:v>74.045000000000002</c:v>
                </c:pt>
                <c:pt idx="7422">
                  <c:v>74.054000000000002</c:v>
                </c:pt>
                <c:pt idx="7423">
                  <c:v>74.063000000000002</c:v>
                </c:pt>
                <c:pt idx="7424">
                  <c:v>74.072000000000003</c:v>
                </c:pt>
                <c:pt idx="7425">
                  <c:v>74.081000000000003</c:v>
                </c:pt>
                <c:pt idx="7426">
                  <c:v>74.088999999999999</c:v>
                </c:pt>
                <c:pt idx="7427">
                  <c:v>74.097999999999999</c:v>
                </c:pt>
                <c:pt idx="7428">
                  <c:v>74.105999999999995</c:v>
                </c:pt>
                <c:pt idx="7429">
                  <c:v>74.114999999999995</c:v>
                </c:pt>
                <c:pt idx="7430">
                  <c:v>74.123999999999995</c:v>
                </c:pt>
                <c:pt idx="7431">
                  <c:v>74.132999999999996</c:v>
                </c:pt>
                <c:pt idx="7432">
                  <c:v>74.141000000000005</c:v>
                </c:pt>
                <c:pt idx="7433">
                  <c:v>74.150000000000006</c:v>
                </c:pt>
                <c:pt idx="7434">
                  <c:v>74.158000000000001</c:v>
                </c:pt>
                <c:pt idx="7435">
                  <c:v>74.167000000000002</c:v>
                </c:pt>
                <c:pt idx="7436">
                  <c:v>74.174999999999997</c:v>
                </c:pt>
                <c:pt idx="7437">
                  <c:v>74.185000000000002</c:v>
                </c:pt>
                <c:pt idx="7438">
                  <c:v>74.192999999999998</c:v>
                </c:pt>
                <c:pt idx="7439">
                  <c:v>74.201999999999998</c:v>
                </c:pt>
                <c:pt idx="7440">
                  <c:v>74.209999999999994</c:v>
                </c:pt>
                <c:pt idx="7441">
                  <c:v>74.218999999999994</c:v>
                </c:pt>
                <c:pt idx="7442">
                  <c:v>74.227000000000004</c:v>
                </c:pt>
                <c:pt idx="7443">
                  <c:v>74.234999999999999</c:v>
                </c:pt>
                <c:pt idx="7444">
                  <c:v>74.242000000000004</c:v>
                </c:pt>
                <c:pt idx="7445">
                  <c:v>74.25</c:v>
                </c:pt>
                <c:pt idx="7446">
                  <c:v>74.256</c:v>
                </c:pt>
                <c:pt idx="7447">
                  <c:v>74.265000000000001</c:v>
                </c:pt>
                <c:pt idx="7448">
                  <c:v>74.271000000000001</c:v>
                </c:pt>
                <c:pt idx="7449">
                  <c:v>74.28</c:v>
                </c:pt>
                <c:pt idx="7450">
                  <c:v>74.284000000000006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1431-442E-AEC2-92E7A6848479}"/>
            </c:ext>
          </c:extLst>
        </c:ser>
        <c:ser>
          <c:idx val="0"/>
          <c:order val="1"/>
          <c:tx>
            <c:v>sampled</c:v>
          </c:tx>
          <c:spPr>
            <a:ln w="19050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xVal>
            <c:numRef>
              <c:f>#REF!</c:f>
            </c:numRef>
          </c:xVal>
          <c:yVal>
            <c:numRef>
              <c:f>#REF!</c:f>
              <c:numCache>
                <c:formatCode>General</c:formatCode>
                <c:ptCount val="1"/>
                <c:pt idx="0">
                  <c:v>1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6129-401F-90B8-224D13ED2286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1032885056"/>
        <c:axId val="1032881696"/>
      </c:scatterChart>
      <c:valAx>
        <c:axId val="1032885056"/>
        <c:scaling>
          <c:orientation val="minMax"/>
        </c:scaling>
        <c:delete val="0"/>
        <c:axPos val="t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minorGridlines>
          <c:spPr>
            <a:ln w="9525" cap="flat" cmpd="sng" algn="ctr">
              <a:solidFill>
                <a:schemeClr val="tx1">
                  <a:lumMod val="5000"/>
                  <a:lumOff val="95000"/>
                </a:schemeClr>
              </a:solidFill>
              <a:round/>
            </a:ln>
            <a:effectLst/>
          </c:spPr>
        </c:minorGridlines>
        <c:title>
          <c:tx>
            <c:rich>
              <a:bodyPr rot="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/>
                  <a:t>q</a:t>
                </a:r>
                <a:r>
                  <a:rPr lang="en-GB" baseline="-25000"/>
                  <a:t>t</a:t>
                </a:r>
                <a:r>
                  <a:rPr lang="en-GB"/>
                  <a:t> [MPa]</a:t>
                </a:r>
              </a:p>
            </c:rich>
          </c:tx>
          <c:layout>
            <c:manualLayout>
              <c:xMode val="edge"/>
              <c:yMode val="edge"/>
              <c:x val="0.48100138888888888"/>
              <c:y val="7.0767222222222231E-2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032881696"/>
        <c:crosses val="autoZero"/>
        <c:crossBetween val="midCat"/>
        <c:majorUnit val="5"/>
      </c:valAx>
      <c:valAx>
        <c:axId val="1032881696"/>
        <c:scaling>
          <c:orientation val="maxMin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minorGridlines>
          <c:spPr>
            <a:ln w="9525" cap="flat" cmpd="sng" algn="ctr">
              <a:solidFill>
                <a:schemeClr val="tx1">
                  <a:lumMod val="5000"/>
                  <a:lumOff val="95000"/>
                </a:schemeClr>
              </a:solidFill>
              <a:round/>
            </a:ln>
            <a:effectLst/>
          </c:spPr>
        </c:min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/>
                  <a:t>Depth [m]</a:t>
                </a:r>
              </a:p>
            </c:rich>
          </c:tx>
          <c:layout>
            <c:manualLayout>
              <c:xMode val="edge"/>
              <c:yMode val="edge"/>
              <c:x val="1.4111111111111111E-2"/>
              <c:y val="0.48736259259259257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032885056"/>
        <c:crosses val="autoZero"/>
        <c:crossBetween val="midCat"/>
        <c:majorUnit val="5"/>
        <c:minorUnit val="1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Cone Sleeve Friction, f</a:t>
            </a:r>
            <a:r>
              <a:rPr lang="en-US" baseline="-25000"/>
              <a:t>s</a:t>
            </a:r>
          </a:p>
        </c:rich>
      </c:tx>
      <c:layout>
        <c:manualLayout>
          <c:xMode val="edge"/>
          <c:yMode val="edge"/>
          <c:x val="0.29667638888888886"/>
          <c:y val="1.1759259259259259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13819777777777775"/>
          <c:y val="0.15403055555555559"/>
          <c:w val="0.82102111111111109"/>
          <c:h val="0.75689277777777764"/>
        </c:manualLayout>
      </c:layout>
      <c:scatterChart>
        <c:scatterStyle val="lineMarker"/>
        <c:varyColors val="0"/>
        <c:ser>
          <c:idx val="1"/>
          <c:order val="0"/>
          <c:tx>
            <c:strRef>
              <c:f>'CPT Data'!$E$10</c:f>
              <c:strCache>
                <c:ptCount val="1"/>
                <c:pt idx="0">
                  <c:v>Cone Sleeve Friction, fs</c:v>
                </c:pt>
              </c:strCache>
            </c:strRef>
          </c:tx>
          <c:spPr>
            <a:ln w="19050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xVal>
            <c:numRef>
              <c:f>'CPT Data'!$E$12:$E$7462</c:f>
              <c:numCache>
                <c:formatCode>General</c:formatCode>
                <c:ptCount val="7451"/>
                <c:pt idx="2">
                  <c:v>1E-4</c:v>
                </c:pt>
                <c:pt idx="3">
                  <c:v>2.0000000000000001E-4</c:v>
                </c:pt>
                <c:pt idx="4">
                  <c:v>4.0000000000000002E-4</c:v>
                </c:pt>
                <c:pt idx="5">
                  <c:v>5.0000000000000001E-4</c:v>
                </c:pt>
                <c:pt idx="6">
                  <c:v>5.0000000000000001E-4</c:v>
                </c:pt>
                <c:pt idx="7">
                  <c:v>5.0000000000000001E-4</c:v>
                </c:pt>
                <c:pt idx="8">
                  <c:v>2.9999999999999997E-4</c:v>
                </c:pt>
                <c:pt idx="9">
                  <c:v>1E-4</c:v>
                </c:pt>
                <c:pt idx="10">
                  <c:v>-2.9999999999999997E-4</c:v>
                </c:pt>
                <c:pt idx="11">
                  <c:v>-5.0000000000000001E-4</c:v>
                </c:pt>
                <c:pt idx="12">
                  <c:v>-8.0000000000000004E-4</c:v>
                </c:pt>
                <c:pt idx="13">
                  <c:v>-1.2999999999999999E-3</c:v>
                </c:pt>
                <c:pt idx="14">
                  <c:v>-1.1999999999999999E-3</c:v>
                </c:pt>
                <c:pt idx="15">
                  <c:v>-1E-3</c:v>
                </c:pt>
                <c:pt idx="16">
                  <c:v>-1.6000000000000001E-3</c:v>
                </c:pt>
                <c:pt idx="17">
                  <c:v>-1.6000000000000001E-3</c:v>
                </c:pt>
                <c:pt idx="18">
                  <c:v>-1.9E-3</c:v>
                </c:pt>
                <c:pt idx="19">
                  <c:v>-1.8E-3</c:v>
                </c:pt>
                <c:pt idx="20">
                  <c:v>-1.8E-3</c:v>
                </c:pt>
                <c:pt idx="21">
                  <c:v>-1.6000000000000001E-3</c:v>
                </c:pt>
                <c:pt idx="22">
                  <c:v>6.9999999999999999E-4</c:v>
                </c:pt>
                <c:pt idx="23">
                  <c:v>5.9999999999999995E-4</c:v>
                </c:pt>
                <c:pt idx="24">
                  <c:v>5.9999999999999995E-4</c:v>
                </c:pt>
                <c:pt idx="25">
                  <c:v>5.9999999999999995E-4</c:v>
                </c:pt>
                <c:pt idx="26">
                  <c:v>6.9999999999999999E-4</c:v>
                </c:pt>
                <c:pt idx="27">
                  <c:v>6.9999999999999999E-4</c:v>
                </c:pt>
                <c:pt idx="28">
                  <c:v>6.9999999999999999E-4</c:v>
                </c:pt>
                <c:pt idx="29">
                  <c:v>8.0000000000000004E-4</c:v>
                </c:pt>
                <c:pt idx="30">
                  <c:v>6.9999999999999999E-4</c:v>
                </c:pt>
                <c:pt idx="31">
                  <c:v>6.9999999999999999E-4</c:v>
                </c:pt>
                <c:pt idx="32">
                  <c:v>6.9999999999999999E-4</c:v>
                </c:pt>
                <c:pt idx="33">
                  <c:v>6.9999999999999999E-4</c:v>
                </c:pt>
                <c:pt idx="34">
                  <c:v>6.9999999999999999E-4</c:v>
                </c:pt>
                <c:pt idx="35">
                  <c:v>5.9999999999999995E-4</c:v>
                </c:pt>
                <c:pt idx="36">
                  <c:v>6.9999999999999999E-4</c:v>
                </c:pt>
                <c:pt idx="37">
                  <c:v>6.9999999999999999E-4</c:v>
                </c:pt>
                <c:pt idx="38">
                  <c:v>6.9999999999999999E-4</c:v>
                </c:pt>
                <c:pt idx="39">
                  <c:v>8.0000000000000004E-4</c:v>
                </c:pt>
                <c:pt idx="40">
                  <c:v>8.9999999999999998E-4</c:v>
                </c:pt>
                <c:pt idx="41">
                  <c:v>8.9999999999999998E-4</c:v>
                </c:pt>
                <c:pt idx="42">
                  <c:v>8.9999999999999998E-4</c:v>
                </c:pt>
                <c:pt idx="43">
                  <c:v>8.9999999999999998E-4</c:v>
                </c:pt>
                <c:pt idx="44">
                  <c:v>8.9999999999999998E-4</c:v>
                </c:pt>
                <c:pt idx="45">
                  <c:v>8.9999999999999998E-4</c:v>
                </c:pt>
                <c:pt idx="46">
                  <c:v>8.0000000000000004E-4</c:v>
                </c:pt>
                <c:pt idx="47">
                  <c:v>8.0000000000000004E-4</c:v>
                </c:pt>
                <c:pt idx="48">
                  <c:v>8.0000000000000004E-4</c:v>
                </c:pt>
                <c:pt idx="49">
                  <c:v>8.0000000000000004E-4</c:v>
                </c:pt>
                <c:pt idx="50">
                  <c:v>6.9999999999999999E-4</c:v>
                </c:pt>
                <c:pt idx="51">
                  <c:v>6.9999999999999999E-4</c:v>
                </c:pt>
                <c:pt idx="52">
                  <c:v>6.9999999999999999E-4</c:v>
                </c:pt>
                <c:pt idx="53">
                  <c:v>6.9999999999999999E-4</c:v>
                </c:pt>
                <c:pt idx="54">
                  <c:v>8.0000000000000004E-4</c:v>
                </c:pt>
                <c:pt idx="55">
                  <c:v>8.0000000000000004E-4</c:v>
                </c:pt>
                <c:pt idx="56">
                  <c:v>6.9999999999999999E-4</c:v>
                </c:pt>
                <c:pt idx="57">
                  <c:v>8.0000000000000004E-4</c:v>
                </c:pt>
                <c:pt idx="58">
                  <c:v>8.9999999999999998E-4</c:v>
                </c:pt>
                <c:pt idx="59">
                  <c:v>8.9999999999999998E-4</c:v>
                </c:pt>
                <c:pt idx="60">
                  <c:v>8.9999999999999998E-4</c:v>
                </c:pt>
                <c:pt idx="61">
                  <c:v>8.9999999999999998E-4</c:v>
                </c:pt>
                <c:pt idx="62">
                  <c:v>1E-3</c:v>
                </c:pt>
                <c:pt idx="63">
                  <c:v>8.9999999999999998E-4</c:v>
                </c:pt>
                <c:pt idx="64">
                  <c:v>8.0000000000000004E-4</c:v>
                </c:pt>
                <c:pt idx="65">
                  <c:v>8.0000000000000004E-4</c:v>
                </c:pt>
                <c:pt idx="66">
                  <c:v>8.0000000000000004E-4</c:v>
                </c:pt>
                <c:pt idx="67">
                  <c:v>8.0000000000000004E-4</c:v>
                </c:pt>
                <c:pt idx="68">
                  <c:v>6.9999999999999999E-4</c:v>
                </c:pt>
                <c:pt idx="69">
                  <c:v>6.9999999999999999E-4</c:v>
                </c:pt>
                <c:pt idx="70">
                  <c:v>8.0000000000000004E-4</c:v>
                </c:pt>
                <c:pt idx="71">
                  <c:v>5.9999999999999995E-4</c:v>
                </c:pt>
                <c:pt idx="72">
                  <c:v>5.9999999999999995E-4</c:v>
                </c:pt>
                <c:pt idx="73">
                  <c:v>5.9999999999999995E-4</c:v>
                </c:pt>
                <c:pt idx="74">
                  <c:v>5.9999999999999995E-4</c:v>
                </c:pt>
                <c:pt idx="75">
                  <c:v>5.0000000000000001E-4</c:v>
                </c:pt>
                <c:pt idx="76">
                  <c:v>5.9999999999999995E-4</c:v>
                </c:pt>
                <c:pt idx="77">
                  <c:v>5.9999999999999995E-4</c:v>
                </c:pt>
                <c:pt idx="78">
                  <c:v>5.9999999999999995E-4</c:v>
                </c:pt>
                <c:pt idx="79">
                  <c:v>5.9999999999999995E-4</c:v>
                </c:pt>
                <c:pt idx="80">
                  <c:v>5.9999999999999995E-4</c:v>
                </c:pt>
                <c:pt idx="81">
                  <c:v>5.9999999999999995E-4</c:v>
                </c:pt>
                <c:pt idx="82">
                  <c:v>5.9999999999999995E-4</c:v>
                </c:pt>
                <c:pt idx="83">
                  <c:v>5.9999999999999995E-4</c:v>
                </c:pt>
                <c:pt idx="84">
                  <c:v>5.0000000000000001E-4</c:v>
                </c:pt>
                <c:pt idx="85">
                  <c:v>5.0000000000000001E-4</c:v>
                </c:pt>
                <c:pt idx="86">
                  <c:v>5.9999999999999995E-4</c:v>
                </c:pt>
                <c:pt idx="87">
                  <c:v>5.9999999999999995E-4</c:v>
                </c:pt>
                <c:pt idx="88">
                  <c:v>5.9999999999999995E-4</c:v>
                </c:pt>
                <c:pt idx="89">
                  <c:v>5.0000000000000001E-4</c:v>
                </c:pt>
                <c:pt idx="90">
                  <c:v>5.0000000000000001E-4</c:v>
                </c:pt>
                <c:pt idx="91">
                  <c:v>2.9999999999999997E-4</c:v>
                </c:pt>
                <c:pt idx="92">
                  <c:v>2.9999999999999997E-4</c:v>
                </c:pt>
                <c:pt idx="93">
                  <c:v>1E-4</c:v>
                </c:pt>
                <c:pt idx="94">
                  <c:v>2.9999999999999997E-4</c:v>
                </c:pt>
                <c:pt idx="95">
                  <c:v>2.9999999999999997E-4</c:v>
                </c:pt>
                <c:pt idx="96">
                  <c:v>4.0000000000000002E-4</c:v>
                </c:pt>
                <c:pt idx="97">
                  <c:v>4.0000000000000002E-4</c:v>
                </c:pt>
                <c:pt idx="98">
                  <c:v>2.9999999999999997E-4</c:v>
                </c:pt>
                <c:pt idx="99">
                  <c:v>5.0000000000000001E-4</c:v>
                </c:pt>
                <c:pt idx="100">
                  <c:v>5.0000000000000001E-4</c:v>
                </c:pt>
                <c:pt idx="101">
                  <c:v>5.0000000000000001E-4</c:v>
                </c:pt>
                <c:pt idx="102">
                  <c:v>5.9999999999999995E-4</c:v>
                </c:pt>
                <c:pt idx="103">
                  <c:v>5.0000000000000001E-4</c:v>
                </c:pt>
                <c:pt idx="104">
                  <c:v>5.0000000000000001E-4</c:v>
                </c:pt>
                <c:pt idx="105">
                  <c:v>5.9999999999999995E-4</c:v>
                </c:pt>
                <c:pt idx="106">
                  <c:v>6.9999999999999999E-4</c:v>
                </c:pt>
                <c:pt idx="107">
                  <c:v>5.9999999999999995E-4</c:v>
                </c:pt>
                <c:pt idx="108">
                  <c:v>8.0000000000000004E-4</c:v>
                </c:pt>
                <c:pt idx="109">
                  <c:v>8.0000000000000004E-4</c:v>
                </c:pt>
                <c:pt idx="110">
                  <c:v>8.0000000000000004E-4</c:v>
                </c:pt>
                <c:pt idx="111">
                  <c:v>8.9999999999999998E-4</c:v>
                </c:pt>
                <c:pt idx="112">
                  <c:v>1E-3</c:v>
                </c:pt>
                <c:pt idx="113">
                  <c:v>1E-3</c:v>
                </c:pt>
                <c:pt idx="114">
                  <c:v>1E-3</c:v>
                </c:pt>
                <c:pt idx="115">
                  <c:v>1E-3</c:v>
                </c:pt>
                <c:pt idx="116">
                  <c:v>1E-3</c:v>
                </c:pt>
                <c:pt idx="117">
                  <c:v>1.1000000000000001E-3</c:v>
                </c:pt>
                <c:pt idx="118">
                  <c:v>1.1000000000000001E-3</c:v>
                </c:pt>
                <c:pt idx="119">
                  <c:v>1.1000000000000001E-3</c:v>
                </c:pt>
                <c:pt idx="120">
                  <c:v>1.1000000000000001E-3</c:v>
                </c:pt>
                <c:pt idx="121">
                  <c:v>1E-3</c:v>
                </c:pt>
                <c:pt idx="122">
                  <c:v>8.0000000000000004E-4</c:v>
                </c:pt>
                <c:pt idx="123">
                  <c:v>6.9999999999999999E-4</c:v>
                </c:pt>
                <c:pt idx="124">
                  <c:v>6.9999999999999999E-4</c:v>
                </c:pt>
                <c:pt idx="125">
                  <c:v>6.9999999999999999E-4</c:v>
                </c:pt>
                <c:pt idx="126">
                  <c:v>6.9999999999999999E-4</c:v>
                </c:pt>
                <c:pt idx="127">
                  <c:v>6.9999999999999999E-4</c:v>
                </c:pt>
                <c:pt idx="128">
                  <c:v>5.9999999999999995E-4</c:v>
                </c:pt>
                <c:pt idx="129">
                  <c:v>5.9999999999999995E-4</c:v>
                </c:pt>
                <c:pt idx="130">
                  <c:v>5.0000000000000001E-4</c:v>
                </c:pt>
                <c:pt idx="131">
                  <c:v>5.9999999999999995E-4</c:v>
                </c:pt>
                <c:pt idx="132">
                  <c:v>5.0000000000000001E-4</c:v>
                </c:pt>
                <c:pt idx="133">
                  <c:v>5.0000000000000001E-4</c:v>
                </c:pt>
                <c:pt idx="134">
                  <c:v>5.0000000000000001E-4</c:v>
                </c:pt>
                <c:pt idx="135">
                  <c:v>5.0000000000000001E-4</c:v>
                </c:pt>
                <c:pt idx="136">
                  <c:v>5.0000000000000001E-4</c:v>
                </c:pt>
                <c:pt idx="137">
                  <c:v>5.9999999999999995E-4</c:v>
                </c:pt>
                <c:pt idx="138">
                  <c:v>5.9999999999999995E-4</c:v>
                </c:pt>
                <c:pt idx="139">
                  <c:v>6.9999999999999999E-4</c:v>
                </c:pt>
                <c:pt idx="140">
                  <c:v>6.9999999999999999E-4</c:v>
                </c:pt>
                <c:pt idx="141">
                  <c:v>8.0000000000000004E-4</c:v>
                </c:pt>
                <c:pt idx="142">
                  <c:v>8.0000000000000004E-4</c:v>
                </c:pt>
                <c:pt idx="143">
                  <c:v>1E-3</c:v>
                </c:pt>
                <c:pt idx="144">
                  <c:v>1E-3</c:v>
                </c:pt>
                <c:pt idx="145">
                  <c:v>1E-3</c:v>
                </c:pt>
                <c:pt idx="146">
                  <c:v>1.1000000000000001E-3</c:v>
                </c:pt>
                <c:pt idx="147">
                  <c:v>1.1000000000000001E-3</c:v>
                </c:pt>
                <c:pt idx="148">
                  <c:v>1.1000000000000001E-3</c:v>
                </c:pt>
                <c:pt idx="149">
                  <c:v>1.1999999999999999E-3</c:v>
                </c:pt>
                <c:pt idx="150">
                  <c:v>1.1000000000000001E-3</c:v>
                </c:pt>
                <c:pt idx="151">
                  <c:v>1.1000000000000001E-3</c:v>
                </c:pt>
                <c:pt idx="152">
                  <c:v>1.1999999999999999E-3</c:v>
                </c:pt>
                <c:pt idx="153">
                  <c:v>1.1999999999999999E-3</c:v>
                </c:pt>
                <c:pt idx="154">
                  <c:v>1.1999999999999999E-3</c:v>
                </c:pt>
                <c:pt idx="155">
                  <c:v>1.1000000000000001E-3</c:v>
                </c:pt>
                <c:pt idx="156">
                  <c:v>1.1999999999999999E-3</c:v>
                </c:pt>
                <c:pt idx="157">
                  <c:v>1.1999999999999999E-3</c:v>
                </c:pt>
                <c:pt idx="158">
                  <c:v>1.1999999999999999E-3</c:v>
                </c:pt>
                <c:pt idx="159">
                  <c:v>1.1999999999999999E-3</c:v>
                </c:pt>
                <c:pt idx="160">
                  <c:v>1.2999999999999999E-3</c:v>
                </c:pt>
                <c:pt idx="161">
                  <c:v>1.2999999999999999E-3</c:v>
                </c:pt>
                <c:pt idx="162">
                  <c:v>1.1999999999999999E-3</c:v>
                </c:pt>
                <c:pt idx="163">
                  <c:v>1.1999999999999999E-3</c:v>
                </c:pt>
                <c:pt idx="164">
                  <c:v>1.1999999999999999E-3</c:v>
                </c:pt>
                <c:pt idx="165">
                  <c:v>1.2999999999999999E-3</c:v>
                </c:pt>
                <c:pt idx="166">
                  <c:v>1.2999999999999999E-3</c:v>
                </c:pt>
                <c:pt idx="167">
                  <c:v>1.2999999999999999E-3</c:v>
                </c:pt>
                <c:pt idx="168">
                  <c:v>1.1999999999999999E-3</c:v>
                </c:pt>
                <c:pt idx="169">
                  <c:v>1.1999999999999999E-3</c:v>
                </c:pt>
                <c:pt idx="170">
                  <c:v>1.1999999999999999E-3</c:v>
                </c:pt>
                <c:pt idx="171">
                  <c:v>1.1999999999999999E-3</c:v>
                </c:pt>
                <c:pt idx="172">
                  <c:v>1.1999999999999999E-3</c:v>
                </c:pt>
                <c:pt idx="173">
                  <c:v>1.1000000000000001E-3</c:v>
                </c:pt>
                <c:pt idx="174">
                  <c:v>1.1000000000000001E-3</c:v>
                </c:pt>
                <c:pt idx="175">
                  <c:v>1.1000000000000001E-3</c:v>
                </c:pt>
                <c:pt idx="176">
                  <c:v>1.1999999999999999E-3</c:v>
                </c:pt>
                <c:pt idx="177">
                  <c:v>1.1000000000000001E-3</c:v>
                </c:pt>
                <c:pt idx="178">
                  <c:v>1.1000000000000001E-3</c:v>
                </c:pt>
                <c:pt idx="179">
                  <c:v>1E-3</c:v>
                </c:pt>
                <c:pt idx="180">
                  <c:v>1.1000000000000001E-3</c:v>
                </c:pt>
                <c:pt idx="181">
                  <c:v>1E-3</c:v>
                </c:pt>
                <c:pt idx="182">
                  <c:v>1.1999999999999999E-3</c:v>
                </c:pt>
                <c:pt idx="183">
                  <c:v>1.1000000000000001E-3</c:v>
                </c:pt>
                <c:pt idx="184">
                  <c:v>1.1000000000000001E-3</c:v>
                </c:pt>
                <c:pt idx="185">
                  <c:v>1.1000000000000001E-3</c:v>
                </c:pt>
                <c:pt idx="186">
                  <c:v>1.1000000000000001E-3</c:v>
                </c:pt>
                <c:pt idx="187">
                  <c:v>1E-3</c:v>
                </c:pt>
                <c:pt idx="188">
                  <c:v>1.1000000000000001E-3</c:v>
                </c:pt>
                <c:pt idx="189">
                  <c:v>1.1000000000000001E-3</c:v>
                </c:pt>
                <c:pt idx="190">
                  <c:v>1E-3</c:v>
                </c:pt>
                <c:pt idx="191">
                  <c:v>1.1000000000000001E-3</c:v>
                </c:pt>
                <c:pt idx="192">
                  <c:v>1.1999999999999999E-3</c:v>
                </c:pt>
                <c:pt idx="193">
                  <c:v>1.4E-3</c:v>
                </c:pt>
                <c:pt idx="194">
                  <c:v>1.5E-3</c:v>
                </c:pt>
                <c:pt idx="195">
                  <c:v>1.5E-3</c:v>
                </c:pt>
                <c:pt idx="196">
                  <c:v>1.4E-3</c:v>
                </c:pt>
                <c:pt idx="197">
                  <c:v>1.4E-3</c:v>
                </c:pt>
                <c:pt idx="198">
                  <c:v>1.4E-3</c:v>
                </c:pt>
                <c:pt idx="199">
                  <c:v>1.5E-3</c:v>
                </c:pt>
                <c:pt idx="200">
                  <c:v>1.6000000000000001E-3</c:v>
                </c:pt>
                <c:pt idx="201">
                  <c:v>1.6999999999999999E-3</c:v>
                </c:pt>
                <c:pt idx="202">
                  <c:v>1.8E-3</c:v>
                </c:pt>
                <c:pt idx="203">
                  <c:v>1.9E-3</c:v>
                </c:pt>
                <c:pt idx="204">
                  <c:v>1.8E-3</c:v>
                </c:pt>
                <c:pt idx="205">
                  <c:v>1.9E-3</c:v>
                </c:pt>
                <c:pt idx="206">
                  <c:v>1.9E-3</c:v>
                </c:pt>
                <c:pt idx="207">
                  <c:v>1.9E-3</c:v>
                </c:pt>
                <c:pt idx="208">
                  <c:v>1.8E-3</c:v>
                </c:pt>
                <c:pt idx="209">
                  <c:v>1.8E-3</c:v>
                </c:pt>
                <c:pt idx="210">
                  <c:v>1.9E-3</c:v>
                </c:pt>
                <c:pt idx="211">
                  <c:v>1.9E-3</c:v>
                </c:pt>
                <c:pt idx="212">
                  <c:v>1.8E-3</c:v>
                </c:pt>
                <c:pt idx="213">
                  <c:v>1.9E-3</c:v>
                </c:pt>
                <c:pt idx="214">
                  <c:v>1.9E-3</c:v>
                </c:pt>
                <c:pt idx="215">
                  <c:v>1.6999999999999999E-3</c:v>
                </c:pt>
                <c:pt idx="216">
                  <c:v>1.6999999999999999E-3</c:v>
                </c:pt>
                <c:pt idx="217">
                  <c:v>1.6999999999999999E-3</c:v>
                </c:pt>
                <c:pt idx="218">
                  <c:v>1.6999999999999999E-3</c:v>
                </c:pt>
                <c:pt idx="219">
                  <c:v>1.5E-3</c:v>
                </c:pt>
                <c:pt idx="220">
                  <c:v>1.6000000000000001E-3</c:v>
                </c:pt>
                <c:pt idx="221">
                  <c:v>1.6000000000000001E-3</c:v>
                </c:pt>
                <c:pt idx="222">
                  <c:v>1.5E-3</c:v>
                </c:pt>
                <c:pt idx="223">
                  <c:v>1.6000000000000001E-3</c:v>
                </c:pt>
                <c:pt idx="224">
                  <c:v>1.6999999999999999E-3</c:v>
                </c:pt>
                <c:pt idx="225">
                  <c:v>1.6000000000000001E-3</c:v>
                </c:pt>
                <c:pt idx="226">
                  <c:v>1.6000000000000001E-3</c:v>
                </c:pt>
                <c:pt idx="227">
                  <c:v>1.6000000000000001E-3</c:v>
                </c:pt>
                <c:pt idx="228">
                  <c:v>1.5E-3</c:v>
                </c:pt>
                <c:pt idx="229">
                  <c:v>1.4E-3</c:v>
                </c:pt>
                <c:pt idx="230">
                  <c:v>1.4E-3</c:v>
                </c:pt>
                <c:pt idx="231">
                  <c:v>1.2999999999999999E-3</c:v>
                </c:pt>
                <c:pt idx="232">
                  <c:v>1.4E-3</c:v>
                </c:pt>
                <c:pt idx="233">
                  <c:v>1.4E-3</c:v>
                </c:pt>
                <c:pt idx="234">
                  <c:v>1.4E-3</c:v>
                </c:pt>
                <c:pt idx="235">
                  <c:v>1.4E-3</c:v>
                </c:pt>
                <c:pt idx="236">
                  <c:v>1.4E-3</c:v>
                </c:pt>
                <c:pt idx="237">
                  <c:v>1.5E-3</c:v>
                </c:pt>
                <c:pt idx="238">
                  <c:v>1.5E-3</c:v>
                </c:pt>
                <c:pt idx="239">
                  <c:v>1.5E-3</c:v>
                </c:pt>
                <c:pt idx="240">
                  <c:v>1.5E-3</c:v>
                </c:pt>
                <c:pt idx="241">
                  <c:v>1.2999999999999999E-3</c:v>
                </c:pt>
                <c:pt idx="242">
                  <c:v>1.5E-3</c:v>
                </c:pt>
                <c:pt idx="243">
                  <c:v>1.5E-3</c:v>
                </c:pt>
                <c:pt idx="244">
                  <c:v>1.5E-3</c:v>
                </c:pt>
                <c:pt idx="245">
                  <c:v>1.5E-3</c:v>
                </c:pt>
                <c:pt idx="246">
                  <c:v>1.8E-3</c:v>
                </c:pt>
                <c:pt idx="247">
                  <c:v>1.8E-3</c:v>
                </c:pt>
                <c:pt idx="248">
                  <c:v>1.8E-3</c:v>
                </c:pt>
                <c:pt idx="249">
                  <c:v>2E-3</c:v>
                </c:pt>
                <c:pt idx="250">
                  <c:v>1.9E-3</c:v>
                </c:pt>
                <c:pt idx="251">
                  <c:v>1.8E-3</c:v>
                </c:pt>
                <c:pt idx="252">
                  <c:v>1.8E-3</c:v>
                </c:pt>
                <c:pt idx="253">
                  <c:v>1.9E-3</c:v>
                </c:pt>
                <c:pt idx="254">
                  <c:v>2.2000000000000001E-3</c:v>
                </c:pt>
                <c:pt idx="255">
                  <c:v>2.2000000000000001E-3</c:v>
                </c:pt>
                <c:pt idx="256">
                  <c:v>2.0999999999999999E-3</c:v>
                </c:pt>
                <c:pt idx="257">
                  <c:v>2.2000000000000001E-3</c:v>
                </c:pt>
                <c:pt idx="258">
                  <c:v>1.8E-3</c:v>
                </c:pt>
                <c:pt idx="259">
                  <c:v>2E-3</c:v>
                </c:pt>
                <c:pt idx="260">
                  <c:v>2E-3</c:v>
                </c:pt>
                <c:pt idx="261">
                  <c:v>1.9E-3</c:v>
                </c:pt>
                <c:pt idx="262">
                  <c:v>1.9E-3</c:v>
                </c:pt>
                <c:pt idx="263">
                  <c:v>1.9E-3</c:v>
                </c:pt>
                <c:pt idx="264">
                  <c:v>1.8E-3</c:v>
                </c:pt>
                <c:pt idx="265">
                  <c:v>1.6999999999999999E-3</c:v>
                </c:pt>
                <c:pt idx="266">
                  <c:v>1.6999999999999999E-3</c:v>
                </c:pt>
                <c:pt idx="267">
                  <c:v>1.6999999999999999E-3</c:v>
                </c:pt>
                <c:pt idx="268">
                  <c:v>1.6999999999999999E-3</c:v>
                </c:pt>
                <c:pt idx="269">
                  <c:v>1.6999999999999999E-3</c:v>
                </c:pt>
                <c:pt idx="270">
                  <c:v>1.5E-3</c:v>
                </c:pt>
                <c:pt idx="271">
                  <c:v>1.4E-3</c:v>
                </c:pt>
                <c:pt idx="272">
                  <c:v>1.5E-3</c:v>
                </c:pt>
                <c:pt idx="273">
                  <c:v>1.5E-3</c:v>
                </c:pt>
                <c:pt idx="274">
                  <c:v>1.6000000000000001E-3</c:v>
                </c:pt>
                <c:pt idx="275">
                  <c:v>1.5E-3</c:v>
                </c:pt>
                <c:pt idx="276">
                  <c:v>1.6999999999999999E-3</c:v>
                </c:pt>
                <c:pt idx="277">
                  <c:v>1.6000000000000001E-3</c:v>
                </c:pt>
                <c:pt idx="278">
                  <c:v>1.8E-3</c:v>
                </c:pt>
                <c:pt idx="279">
                  <c:v>1.6999999999999999E-3</c:v>
                </c:pt>
                <c:pt idx="280">
                  <c:v>1.9E-3</c:v>
                </c:pt>
                <c:pt idx="281">
                  <c:v>1.9E-3</c:v>
                </c:pt>
                <c:pt idx="282">
                  <c:v>2E-3</c:v>
                </c:pt>
                <c:pt idx="283">
                  <c:v>2.0999999999999999E-3</c:v>
                </c:pt>
                <c:pt idx="284">
                  <c:v>2.2000000000000001E-3</c:v>
                </c:pt>
                <c:pt idx="285">
                  <c:v>2.2000000000000001E-3</c:v>
                </c:pt>
                <c:pt idx="286">
                  <c:v>2.0999999999999999E-3</c:v>
                </c:pt>
                <c:pt idx="287">
                  <c:v>2.0999999999999999E-3</c:v>
                </c:pt>
                <c:pt idx="288">
                  <c:v>2.0999999999999999E-3</c:v>
                </c:pt>
                <c:pt idx="289">
                  <c:v>2.0999999999999999E-3</c:v>
                </c:pt>
                <c:pt idx="290">
                  <c:v>2.0999999999999999E-3</c:v>
                </c:pt>
                <c:pt idx="291">
                  <c:v>2.0999999999999999E-3</c:v>
                </c:pt>
                <c:pt idx="292">
                  <c:v>2.0999999999999999E-3</c:v>
                </c:pt>
                <c:pt idx="293">
                  <c:v>2.0999999999999999E-3</c:v>
                </c:pt>
                <c:pt idx="294">
                  <c:v>2E-3</c:v>
                </c:pt>
                <c:pt idx="295">
                  <c:v>1.9E-3</c:v>
                </c:pt>
                <c:pt idx="296">
                  <c:v>1.8E-3</c:v>
                </c:pt>
                <c:pt idx="297">
                  <c:v>1.8E-3</c:v>
                </c:pt>
                <c:pt idx="298">
                  <c:v>1.6999999999999999E-3</c:v>
                </c:pt>
                <c:pt idx="299">
                  <c:v>1.6999999999999999E-3</c:v>
                </c:pt>
                <c:pt idx="300">
                  <c:v>1.6999999999999999E-3</c:v>
                </c:pt>
                <c:pt idx="301">
                  <c:v>1.6000000000000001E-3</c:v>
                </c:pt>
                <c:pt idx="302">
                  <c:v>1.8E-3</c:v>
                </c:pt>
                <c:pt idx="303">
                  <c:v>1.8E-3</c:v>
                </c:pt>
                <c:pt idx="304">
                  <c:v>2E-3</c:v>
                </c:pt>
                <c:pt idx="305">
                  <c:v>2.0999999999999999E-3</c:v>
                </c:pt>
                <c:pt idx="306">
                  <c:v>2.3E-3</c:v>
                </c:pt>
                <c:pt idx="307">
                  <c:v>2.3999999999999998E-3</c:v>
                </c:pt>
                <c:pt idx="308">
                  <c:v>2.3999999999999998E-3</c:v>
                </c:pt>
                <c:pt idx="309">
                  <c:v>2.3999999999999998E-3</c:v>
                </c:pt>
                <c:pt idx="310">
                  <c:v>2.5000000000000001E-3</c:v>
                </c:pt>
                <c:pt idx="311">
                  <c:v>2.5999999999999999E-3</c:v>
                </c:pt>
                <c:pt idx="312">
                  <c:v>2.7000000000000001E-3</c:v>
                </c:pt>
                <c:pt idx="313">
                  <c:v>2.7000000000000001E-3</c:v>
                </c:pt>
                <c:pt idx="314">
                  <c:v>2.5999999999999999E-3</c:v>
                </c:pt>
                <c:pt idx="315">
                  <c:v>2.8E-3</c:v>
                </c:pt>
                <c:pt idx="316">
                  <c:v>3.2000000000000002E-3</c:v>
                </c:pt>
                <c:pt idx="317">
                  <c:v>3.3E-3</c:v>
                </c:pt>
                <c:pt idx="318">
                  <c:v>3.3E-3</c:v>
                </c:pt>
                <c:pt idx="319">
                  <c:v>3.3E-3</c:v>
                </c:pt>
                <c:pt idx="320">
                  <c:v>3.2000000000000002E-3</c:v>
                </c:pt>
                <c:pt idx="321">
                  <c:v>3.5999999999999999E-3</c:v>
                </c:pt>
                <c:pt idx="322">
                  <c:v>3.3999999999999998E-3</c:v>
                </c:pt>
                <c:pt idx="323">
                  <c:v>3.3999999999999998E-3</c:v>
                </c:pt>
                <c:pt idx="324">
                  <c:v>3.3E-3</c:v>
                </c:pt>
                <c:pt idx="325">
                  <c:v>3.2000000000000002E-3</c:v>
                </c:pt>
                <c:pt idx="326">
                  <c:v>3.2000000000000002E-3</c:v>
                </c:pt>
                <c:pt idx="327">
                  <c:v>3.0999999999999999E-3</c:v>
                </c:pt>
                <c:pt idx="328">
                  <c:v>3.2000000000000002E-3</c:v>
                </c:pt>
                <c:pt idx="329">
                  <c:v>3.3E-3</c:v>
                </c:pt>
                <c:pt idx="330">
                  <c:v>3.2000000000000002E-3</c:v>
                </c:pt>
                <c:pt idx="331">
                  <c:v>3.2000000000000002E-3</c:v>
                </c:pt>
                <c:pt idx="332">
                  <c:v>4.4999999999999997E-3</c:v>
                </c:pt>
                <c:pt idx="333">
                  <c:v>4.5999999999999999E-3</c:v>
                </c:pt>
                <c:pt idx="334">
                  <c:v>4.5999999999999999E-3</c:v>
                </c:pt>
                <c:pt idx="335">
                  <c:v>4.5999999999999999E-3</c:v>
                </c:pt>
                <c:pt idx="336">
                  <c:v>4.4999999999999997E-3</c:v>
                </c:pt>
                <c:pt idx="337">
                  <c:v>4.4999999999999997E-3</c:v>
                </c:pt>
                <c:pt idx="338">
                  <c:v>4.3E-3</c:v>
                </c:pt>
                <c:pt idx="339">
                  <c:v>4.1999999999999997E-3</c:v>
                </c:pt>
                <c:pt idx="340">
                  <c:v>4.1999999999999997E-3</c:v>
                </c:pt>
                <c:pt idx="341">
                  <c:v>4.1000000000000003E-3</c:v>
                </c:pt>
                <c:pt idx="342">
                  <c:v>4.0000000000000001E-3</c:v>
                </c:pt>
                <c:pt idx="343">
                  <c:v>3.8999999999999998E-3</c:v>
                </c:pt>
                <c:pt idx="344">
                  <c:v>3.8999999999999998E-3</c:v>
                </c:pt>
                <c:pt idx="345">
                  <c:v>3.8999999999999998E-3</c:v>
                </c:pt>
                <c:pt idx="346">
                  <c:v>3.7000000000000002E-3</c:v>
                </c:pt>
                <c:pt idx="347">
                  <c:v>3.5000000000000001E-3</c:v>
                </c:pt>
                <c:pt idx="348">
                  <c:v>3.3999999999999998E-3</c:v>
                </c:pt>
                <c:pt idx="349">
                  <c:v>3.2000000000000002E-3</c:v>
                </c:pt>
                <c:pt idx="350">
                  <c:v>3.3E-3</c:v>
                </c:pt>
                <c:pt idx="351">
                  <c:v>3.2000000000000002E-3</c:v>
                </c:pt>
                <c:pt idx="352">
                  <c:v>3.3E-3</c:v>
                </c:pt>
                <c:pt idx="353">
                  <c:v>3.8999999999999998E-3</c:v>
                </c:pt>
                <c:pt idx="354">
                  <c:v>3.8999999999999998E-3</c:v>
                </c:pt>
                <c:pt idx="355">
                  <c:v>3.5999999999999999E-3</c:v>
                </c:pt>
                <c:pt idx="356">
                  <c:v>3.7000000000000002E-3</c:v>
                </c:pt>
                <c:pt idx="357">
                  <c:v>3.7000000000000002E-3</c:v>
                </c:pt>
                <c:pt idx="358">
                  <c:v>3.3999999999999998E-3</c:v>
                </c:pt>
                <c:pt idx="359">
                  <c:v>3.5000000000000001E-3</c:v>
                </c:pt>
                <c:pt idx="360">
                  <c:v>3.5999999999999999E-3</c:v>
                </c:pt>
                <c:pt idx="361">
                  <c:v>3.5999999999999999E-3</c:v>
                </c:pt>
                <c:pt idx="362">
                  <c:v>3.5999999999999999E-3</c:v>
                </c:pt>
                <c:pt idx="363">
                  <c:v>3.7000000000000002E-3</c:v>
                </c:pt>
                <c:pt idx="364">
                  <c:v>3.8E-3</c:v>
                </c:pt>
                <c:pt idx="365">
                  <c:v>3.5999999999999999E-3</c:v>
                </c:pt>
                <c:pt idx="366">
                  <c:v>3.7000000000000002E-3</c:v>
                </c:pt>
                <c:pt idx="367">
                  <c:v>3.8999999999999998E-3</c:v>
                </c:pt>
                <c:pt idx="368">
                  <c:v>4.1000000000000003E-3</c:v>
                </c:pt>
                <c:pt idx="369">
                  <c:v>4.4000000000000003E-3</c:v>
                </c:pt>
                <c:pt idx="370">
                  <c:v>4.4999999999999997E-3</c:v>
                </c:pt>
                <c:pt idx="371">
                  <c:v>4.5999999999999999E-3</c:v>
                </c:pt>
                <c:pt idx="372">
                  <c:v>4.5999999999999999E-3</c:v>
                </c:pt>
                <c:pt idx="373">
                  <c:v>4.7999999999999996E-3</c:v>
                </c:pt>
                <c:pt idx="374">
                  <c:v>4.8999999999999998E-3</c:v>
                </c:pt>
                <c:pt idx="375">
                  <c:v>4.8999999999999998E-3</c:v>
                </c:pt>
                <c:pt idx="376">
                  <c:v>5.0000000000000001E-3</c:v>
                </c:pt>
                <c:pt idx="377">
                  <c:v>5.1999999999999998E-3</c:v>
                </c:pt>
                <c:pt idx="378">
                  <c:v>5.1000000000000004E-3</c:v>
                </c:pt>
                <c:pt idx="379">
                  <c:v>5.1999999999999998E-3</c:v>
                </c:pt>
                <c:pt idx="380">
                  <c:v>5.0000000000000001E-3</c:v>
                </c:pt>
                <c:pt idx="381">
                  <c:v>5.0000000000000001E-3</c:v>
                </c:pt>
                <c:pt idx="382">
                  <c:v>5.0000000000000001E-3</c:v>
                </c:pt>
                <c:pt idx="383">
                  <c:v>5.1000000000000004E-3</c:v>
                </c:pt>
                <c:pt idx="384">
                  <c:v>5.1000000000000004E-3</c:v>
                </c:pt>
                <c:pt idx="385">
                  <c:v>5.1000000000000004E-3</c:v>
                </c:pt>
                <c:pt idx="386">
                  <c:v>5.1000000000000004E-3</c:v>
                </c:pt>
                <c:pt idx="387">
                  <c:v>5.1999999999999998E-3</c:v>
                </c:pt>
                <c:pt idx="388">
                  <c:v>5.1000000000000004E-3</c:v>
                </c:pt>
                <c:pt idx="389">
                  <c:v>5.1000000000000004E-3</c:v>
                </c:pt>
                <c:pt idx="390">
                  <c:v>5.0000000000000001E-3</c:v>
                </c:pt>
                <c:pt idx="391">
                  <c:v>4.8999999999999998E-3</c:v>
                </c:pt>
                <c:pt idx="392">
                  <c:v>4.8999999999999998E-3</c:v>
                </c:pt>
                <c:pt idx="393">
                  <c:v>4.7999999999999996E-3</c:v>
                </c:pt>
                <c:pt idx="394">
                  <c:v>4.5999999999999999E-3</c:v>
                </c:pt>
                <c:pt idx="395">
                  <c:v>4.7000000000000002E-3</c:v>
                </c:pt>
                <c:pt idx="396">
                  <c:v>4.7000000000000002E-3</c:v>
                </c:pt>
                <c:pt idx="397">
                  <c:v>4.7000000000000002E-3</c:v>
                </c:pt>
                <c:pt idx="398">
                  <c:v>4.5999999999999999E-3</c:v>
                </c:pt>
                <c:pt idx="399">
                  <c:v>4.5999999999999999E-3</c:v>
                </c:pt>
                <c:pt idx="400">
                  <c:v>4.7000000000000002E-3</c:v>
                </c:pt>
                <c:pt idx="401">
                  <c:v>4.7000000000000002E-3</c:v>
                </c:pt>
                <c:pt idx="402">
                  <c:v>4.7999999999999996E-3</c:v>
                </c:pt>
                <c:pt idx="403">
                  <c:v>4.7000000000000002E-3</c:v>
                </c:pt>
                <c:pt idx="404">
                  <c:v>4.7000000000000002E-3</c:v>
                </c:pt>
                <c:pt idx="405">
                  <c:v>4.7999999999999996E-3</c:v>
                </c:pt>
                <c:pt idx="406">
                  <c:v>4.7999999999999996E-3</c:v>
                </c:pt>
                <c:pt idx="407">
                  <c:v>4.7999999999999996E-3</c:v>
                </c:pt>
                <c:pt idx="408">
                  <c:v>4.8999999999999998E-3</c:v>
                </c:pt>
                <c:pt idx="409">
                  <c:v>4.7999999999999996E-3</c:v>
                </c:pt>
                <c:pt idx="410">
                  <c:v>4.5999999999999999E-3</c:v>
                </c:pt>
                <c:pt idx="411">
                  <c:v>4.4999999999999997E-3</c:v>
                </c:pt>
                <c:pt idx="412">
                  <c:v>4.3E-3</c:v>
                </c:pt>
                <c:pt idx="413">
                  <c:v>4.4000000000000003E-3</c:v>
                </c:pt>
                <c:pt idx="414">
                  <c:v>4.4999999999999997E-3</c:v>
                </c:pt>
                <c:pt idx="415">
                  <c:v>4.5999999999999999E-3</c:v>
                </c:pt>
                <c:pt idx="416">
                  <c:v>4.5999999999999999E-3</c:v>
                </c:pt>
                <c:pt idx="417">
                  <c:v>4.7000000000000002E-3</c:v>
                </c:pt>
                <c:pt idx="418">
                  <c:v>4.7999999999999996E-3</c:v>
                </c:pt>
                <c:pt idx="419">
                  <c:v>4.7000000000000002E-3</c:v>
                </c:pt>
                <c:pt idx="420">
                  <c:v>4.7000000000000002E-3</c:v>
                </c:pt>
                <c:pt idx="421">
                  <c:v>4.7999999999999996E-3</c:v>
                </c:pt>
                <c:pt idx="422">
                  <c:v>4.7999999999999996E-3</c:v>
                </c:pt>
                <c:pt idx="423">
                  <c:v>4.7999999999999996E-3</c:v>
                </c:pt>
                <c:pt idx="424">
                  <c:v>4.7999999999999996E-3</c:v>
                </c:pt>
                <c:pt idx="425">
                  <c:v>4.5999999999999999E-3</c:v>
                </c:pt>
                <c:pt idx="426">
                  <c:v>4.4999999999999997E-3</c:v>
                </c:pt>
                <c:pt idx="427">
                  <c:v>4.5999999999999999E-3</c:v>
                </c:pt>
                <c:pt idx="428">
                  <c:v>4.5999999999999999E-3</c:v>
                </c:pt>
                <c:pt idx="429">
                  <c:v>4.4999999999999997E-3</c:v>
                </c:pt>
                <c:pt idx="430">
                  <c:v>4.4999999999999997E-3</c:v>
                </c:pt>
                <c:pt idx="431">
                  <c:v>4.4999999999999997E-3</c:v>
                </c:pt>
                <c:pt idx="432">
                  <c:v>4.3E-3</c:v>
                </c:pt>
                <c:pt idx="433">
                  <c:v>4.4000000000000003E-3</c:v>
                </c:pt>
                <c:pt idx="434">
                  <c:v>4.3E-3</c:v>
                </c:pt>
                <c:pt idx="435">
                  <c:v>4.1999999999999997E-3</c:v>
                </c:pt>
                <c:pt idx="436">
                  <c:v>4.3E-3</c:v>
                </c:pt>
                <c:pt idx="437">
                  <c:v>4.3E-3</c:v>
                </c:pt>
                <c:pt idx="438">
                  <c:v>4.3E-3</c:v>
                </c:pt>
                <c:pt idx="439">
                  <c:v>4.3E-3</c:v>
                </c:pt>
                <c:pt idx="440">
                  <c:v>4.4999999999999997E-3</c:v>
                </c:pt>
                <c:pt idx="441">
                  <c:v>4.5999999999999999E-3</c:v>
                </c:pt>
                <c:pt idx="442">
                  <c:v>4.4999999999999997E-3</c:v>
                </c:pt>
                <c:pt idx="443">
                  <c:v>4.1999999999999997E-3</c:v>
                </c:pt>
                <c:pt idx="444">
                  <c:v>4.0000000000000001E-3</c:v>
                </c:pt>
                <c:pt idx="445">
                  <c:v>3.8E-3</c:v>
                </c:pt>
                <c:pt idx="446">
                  <c:v>3.8999999999999998E-3</c:v>
                </c:pt>
                <c:pt idx="447">
                  <c:v>4.0000000000000001E-3</c:v>
                </c:pt>
                <c:pt idx="448">
                  <c:v>4.1999999999999997E-3</c:v>
                </c:pt>
                <c:pt idx="449">
                  <c:v>4.4000000000000003E-3</c:v>
                </c:pt>
                <c:pt idx="450">
                  <c:v>4.5999999999999999E-3</c:v>
                </c:pt>
                <c:pt idx="451">
                  <c:v>4.7000000000000002E-3</c:v>
                </c:pt>
                <c:pt idx="452">
                  <c:v>4.8999999999999998E-3</c:v>
                </c:pt>
                <c:pt idx="453">
                  <c:v>4.8999999999999998E-3</c:v>
                </c:pt>
                <c:pt idx="454">
                  <c:v>4.8999999999999998E-3</c:v>
                </c:pt>
                <c:pt idx="455">
                  <c:v>4.7999999999999996E-3</c:v>
                </c:pt>
                <c:pt idx="456">
                  <c:v>4.7999999999999996E-3</c:v>
                </c:pt>
                <c:pt idx="457">
                  <c:v>4.5999999999999999E-3</c:v>
                </c:pt>
                <c:pt idx="458">
                  <c:v>4.7000000000000002E-3</c:v>
                </c:pt>
                <c:pt idx="459">
                  <c:v>4.7000000000000002E-3</c:v>
                </c:pt>
                <c:pt idx="460">
                  <c:v>4.7999999999999996E-3</c:v>
                </c:pt>
                <c:pt idx="461">
                  <c:v>4.7000000000000002E-3</c:v>
                </c:pt>
                <c:pt idx="462">
                  <c:v>4.7999999999999996E-3</c:v>
                </c:pt>
                <c:pt idx="463">
                  <c:v>4.7999999999999996E-3</c:v>
                </c:pt>
                <c:pt idx="464">
                  <c:v>4.7000000000000002E-3</c:v>
                </c:pt>
                <c:pt idx="465">
                  <c:v>4.7000000000000002E-3</c:v>
                </c:pt>
                <c:pt idx="466">
                  <c:v>4.7999999999999996E-3</c:v>
                </c:pt>
                <c:pt idx="467">
                  <c:v>4.8999999999999998E-3</c:v>
                </c:pt>
                <c:pt idx="468">
                  <c:v>5.0000000000000001E-3</c:v>
                </c:pt>
                <c:pt idx="469">
                  <c:v>5.0000000000000001E-3</c:v>
                </c:pt>
                <c:pt idx="470">
                  <c:v>5.0000000000000001E-3</c:v>
                </c:pt>
                <c:pt idx="471">
                  <c:v>5.0000000000000001E-3</c:v>
                </c:pt>
                <c:pt idx="472">
                  <c:v>5.0000000000000001E-3</c:v>
                </c:pt>
                <c:pt idx="473">
                  <c:v>5.1000000000000004E-3</c:v>
                </c:pt>
                <c:pt idx="474">
                  <c:v>5.0000000000000001E-3</c:v>
                </c:pt>
                <c:pt idx="475">
                  <c:v>4.7999999999999996E-3</c:v>
                </c:pt>
                <c:pt idx="476">
                  <c:v>4.7999999999999996E-3</c:v>
                </c:pt>
                <c:pt idx="477">
                  <c:v>4.5999999999999999E-3</c:v>
                </c:pt>
                <c:pt idx="478">
                  <c:v>4.5999999999999999E-3</c:v>
                </c:pt>
                <c:pt idx="479">
                  <c:v>4.7000000000000002E-3</c:v>
                </c:pt>
                <c:pt idx="480">
                  <c:v>4.7999999999999996E-3</c:v>
                </c:pt>
                <c:pt idx="481">
                  <c:v>4.7999999999999996E-3</c:v>
                </c:pt>
                <c:pt idx="482">
                  <c:v>4.8999999999999998E-3</c:v>
                </c:pt>
                <c:pt idx="483">
                  <c:v>4.7999999999999996E-3</c:v>
                </c:pt>
                <c:pt idx="484">
                  <c:v>4.8999999999999998E-3</c:v>
                </c:pt>
                <c:pt idx="485">
                  <c:v>4.8999999999999998E-3</c:v>
                </c:pt>
                <c:pt idx="486">
                  <c:v>4.7999999999999996E-3</c:v>
                </c:pt>
                <c:pt idx="487">
                  <c:v>4.5999999999999999E-3</c:v>
                </c:pt>
                <c:pt idx="488">
                  <c:v>4.4999999999999997E-3</c:v>
                </c:pt>
                <c:pt idx="489">
                  <c:v>4.4999999999999997E-3</c:v>
                </c:pt>
                <c:pt idx="490">
                  <c:v>4.4999999999999997E-3</c:v>
                </c:pt>
                <c:pt idx="491">
                  <c:v>4.5999999999999999E-3</c:v>
                </c:pt>
                <c:pt idx="492">
                  <c:v>4.7999999999999996E-3</c:v>
                </c:pt>
                <c:pt idx="493">
                  <c:v>5.0000000000000001E-3</c:v>
                </c:pt>
                <c:pt idx="494">
                  <c:v>5.0000000000000001E-3</c:v>
                </c:pt>
                <c:pt idx="495">
                  <c:v>5.1000000000000004E-3</c:v>
                </c:pt>
                <c:pt idx="496">
                  <c:v>5.0000000000000001E-3</c:v>
                </c:pt>
                <c:pt idx="497">
                  <c:v>5.1000000000000004E-3</c:v>
                </c:pt>
                <c:pt idx="498">
                  <c:v>5.1000000000000004E-3</c:v>
                </c:pt>
                <c:pt idx="499">
                  <c:v>5.1999999999999998E-3</c:v>
                </c:pt>
                <c:pt idx="500">
                  <c:v>5.4000000000000003E-3</c:v>
                </c:pt>
                <c:pt idx="501">
                  <c:v>5.4999999999999997E-3</c:v>
                </c:pt>
                <c:pt idx="502">
                  <c:v>5.5999999999999999E-3</c:v>
                </c:pt>
                <c:pt idx="503">
                  <c:v>5.7999999999999996E-3</c:v>
                </c:pt>
                <c:pt idx="504">
                  <c:v>5.7999999999999996E-3</c:v>
                </c:pt>
                <c:pt idx="505">
                  <c:v>5.7999999999999996E-3</c:v>
                </c:pt>
                <c:pt idx="506">
                  <c:v>5.7000000000000002E-3</c:v>
                </c:pt>
                <c:pt idx="507">
                  <c:v>5.5999999999999999E-3</c:v>
                </c:pt>
                <c:pt idx="508">
                  <c:v>5.4999999999999997E-3</c:v>
                </c:pt>
                <c:pt idx="509">
                  <c:v>5.1999999999999998E-3</c:v>
                </c:pt>
                <c:pt idx="510">
                  <c:v>5.0000000000000001E-3</c:v>
                </c:pt>
                <c:pt idx="511">
                  <c:v>4.7999999999999996E-3</c:v>
                </c:pt>
                <c:pt idx="512">
                  <c:v>4.7000000000000002E-3</c:v>
                </c:pt>
                <c:pt idx="513">
                  <c:v>4.7999999999999996E-3</c:v>
                </c:pt>
                <c:pt idx="514">
                  <c:v>5.0000000000000001E-3</c:v>
                </c:pt>
                <c:pt idx="515">
                  <c:v>5.0000000000000001E-3</c:v>
                </c:pt>
                <c:pt idx="516">
                  <c:v>5.0000000000000001E-3</c:v>
                </c:pt>
                <c:pt idx="517">
                  <c:v>5.1000000000000004E-3</c:v>
                </c:pt>
                <c:pt idx="518">
                  <c:v>5.1000000000000004E-3</c:v>
                </c:pt>
                <c:pt idx="519">
                  <c:v>5.1000000000000004E-3</c:v>
                </c:pt>
                <c:pt idx="520">
                  <c:v>5.1000000000000004E-3</c:v>
                </c:pt>
                <c:pt idx="521">
                  <c:v>5.3E-3</c:v>
                </c:pt>
                <c:pt idx="522">
                  <c:v>5.3E-3</c:v>
                </c:pt>
                <c:pt idx="523">
                  <c:v>5.4999999999999997E-3</c:v>
                </c:pt>
                <c:pt idx="524">
                  <c:v>5.7999999999999996E-3</c:v>
                </c:pt>
                <c:pt idx="525">
                  <c:v>5.7999999999999996E-3</c:v>
                </c:pt>
                <c:pt idx="526">
                  <c:v>5.7999999999999996E-3</c:v>
                </c:pt>
                <c:pt idx="527">
                  <c:v>5.7000000000000002E-3</c:v>
                </c:pt>
                <c:pt idx="528">
                  <c:v>5.5999999999999999E-3</c:v>
                </c:pt>
                <c:pt idx="529">
                  <c:v>5.4999999999999997E-3</c:v>
                </c:pt>
                <c:pt idx="530">
                  <c:v>5.7000000000000002E-3</c:v>
                </c:pt>
                <c:pt idx="531">
                  <c:v>5.7000000000000002E-3</c:v>
                </c:pt>
                <c:pt idx="532">
                  <c:v>5.7999999999999996E-3</c:v>
                </c:pt>
                <c:pt idx="533">
                  <c:v>6.0000000000000001E-3</c:v>
                </c:pt>
                <c:pt idx="534">
                  <c:v>5.8999999999999999E-3</c:v>
                </c:pt>
                <c:pt idx="535">
                  <c:v>6.0000000000000001E-3</c:v>
                </c:pt>
                <c:pt idx="536">
                  <c:v>6.1000000000000004E-3</c:v>
                </c:pt>
                <c:pt idx="537">
                  <c:v>6.1000000000000004E-3</c:v>
                </c:pt>
                <c:pt idx="538">
                  <c:v>6.1999999999999998E-3</c:v>
                </c:pt>
                <c:pt idx="539">
                  <c:v>6.1000000000000004E-3</c:v>
                </c:pt>
                <c:pt idx="540">
                  <c:v>6.1999999999999998E-3</c:v>
                </c:pt>
                <c:pt idx="541">
                  <c:v>6.4999999999999997E-3</c:v>
                </c:pt>
                <c:pt idx="542">
                  <c:v>6.4000000000000003E-3</c:v>
                </c:pt>
                <c:pt idx="543">
                  <c:v>6.4999999999999997E-3</c:v>
                </c:pt>
                <c:pt idx="544">
                  <c:v>6.4000000000000003E-3</c:v>
                </c:pt>
                <c:pt idx="545">
                  <c:v>6.3E-3</c:v>
                </c:pt>
                <c:pt idx="546">
                  <c:v>6.3E-3</c:v>
                </c:pt>
                <c:pt idx="547">
                  <c:v>6.1999999999999998E-3</c:v>
                </c:pt>
                <c:pt idx="548">
                  <c:v>6.1999999999999998E-3</c:v>
                </c:pt>
                <c:pt idx="549">
                  <c:v>6.1000000000000004E-3</c:v>
                </c:pt>
                <c:pt idx="550">
                  <c:v>6.0000000000000001E-3</c:v>
                </c:pt>
                <c:pt idx="551">
                  <c:v>6.1000000000000004E-3</c:v>
                </c:pt>
                <c:pt idx="552">
                  <c:v>6.1000000000000004E-3</c:v>
                </c:pt>
                <c:pt idx="553">
                  <c:v>6.1000000000000004E-3</c:v>
                </c:pt>
                <c:pt idx="554">
                  <c:v>6.0000000000000001E-3</c:v>
                </c:pt>
                <c:pt idx="555">
                  <c:v>5.8999999999999999E-3</c:v>
                </c:pt>
                <c:pt idx="556">
                  <c:v>5.7999999999999996E-3</c:v>
                </c:pt>
                <c:pt idx="557">
                  <c:v>5.7000000000000002E-3</c:v>
                </c:pt>
                <c:pt idx="558">
                  <c:v>5.7999999999999996E-3</c:v>
                </c:pt>
                <c:pt idx="559">
                  <c:v>5.5999999999999999E-3</c:v>
                </c:pt>
                <c:pt idx="560">
                  <c:v>5.5999999999999999E-3</c:v>
                </c:pt>
                <c:pt idx="561">
                  <c:v>5.5999999999999999E-3</c:v>
                </c:pt>
                <c:pt idx="562">
                  <c:v>5.5999999999999999E-3</c:v>
                </c:pt>
                <c:pt idx="563">
                  <c:v>5.7000000000000002E-3</c:v>
                </c:pt>
                <c:pt idx="564">
                  <c:v>5.7000000000000002E-3</c:v>
                </c:pt>
                <c:pt idx="565">
                  <c:v>5.5999999999999999E-3</c:v>
                </c:pt>
                <c:pt idx="566">
                  <c:v>5.5999999999999999E-3</c:v>
                </c:pt>
                <c:pt idx="567">
                  <c:v>5.4999999999999997E-3</c:v>
                </c:pt>
                <c:pt idx="568">
                  <c:v>5.4999999999999997E-3</c:v>
                </c:pt>
                <c:pt idx="569">
                  <c:v>5.3E-3</c:v>
                </c:pt>
                <c:pt idx="570">
                  <c:v>5.1000000000000004E-3</c:v>
                </c:pt>
                <c:pt idx="571">
                  <c:v>5.1999999999999998E-3</c:v>
                </c:pt>
                <c:pt idx="572">
                  <c:v>5.4000000000000003E-3</c:v>
                </c:pt>
                <c:pt idx="573">
                  <c:v>5.4999999999999997E-3</c:v>
                </c:pt>
                <c:pt idx="574">
                  <c:v>5.5999999999999999E-3</c:v>
                </c:pt>
                <c:pt idx="575">
                  <c:v>5.7000000000000002E-3</c:v>
                </c:pt>
                <c:pt idx="576">
                  <c:v>5.4999999999999997E-3</c:v>
                </c:pt>
                <c:pt idx="577">
                  <c:v>5.7000000000000002E-3</c:v>
                </c:pt>
                <c:pt idx="578">
                  <c:v>5.7000000000000002E-3</c:v>
                </c:pt>
                <c:pt idx="579">
                  <c:v>5.7000000000000002E-3</c:v>
                </c:pt>
                <c:pt idx="580">
                  <c:v>5.7000000000000002E-3</c:v>
                </c:pt>
                <c:pt idx="581">
                  <c:v>5.7999999999999996E-3</c:v>
                </c:pt>
                <c:pt idx="582">
                  <c:v>5.7999999999999996E-3</c:v>
                </c:pt>
                <c:pt idx="583">
                  <c:v>5.7999999999999996E-3</c:v>
                </c:pt>
                <c:pt idx="584">
                  <c:v>5.7999999999999996E-3</c:v>
                </c:pt>
                <c:pt idx="585">
                  <c:v>5.7000000000000002E-3</c:v>
                </c:pt>
                <c:pt idx="586">
                  <c:v>5.8999999999999999E-3</c:v>
                </c:pt>
                <c:pt idx="587">
                  <c:v>6.0000000000000001E-3</c:v>
                </c:pt>
                <c:pt idx="588">
                  <c:v>6.1000000000000004E-3</c:v>
                </c:pt>
                <c:pt idx="589">
                  <c:v>6.1000000000000004E-3</c:v>
                </c:pt>
                <c:pt idx="590">
                  <c:v>6.0000000000000001E-3</c:v>
                </c:pt>
                <c:pt idx="591">
                  <c:v>5.7000000000000002E-3</c:v>
                </c:pt>
                <c:pt idx="592">
                  <c:v>5.5999999999999999E-3</c:v>
                </c:pt>
                <c:pt idx="593">
                  <c:v>5.4000000000000003E-3</c:v>
                </c:pt>
                <c:pt idx="594">
                  <c:v>5.4000000000000003E-3</c:v>
                </c:pt>
                <c:pt idx="595">
                  <c:v>5.3E-3</c:v>
                </c:pt>
                <c:pt idx="596">
                  <c:v>5.4000000000000003E-3</c:v>
                </c:pt>
                <c:pt idx="597">
                  <c:v>5.1999999999999998E-3</c:v>
                </c:pt>
                <c:pt idx="598">
                  <c:v>5.3E-3</c:v>
                </c:pt>
                <c:pt idx="599">
                  <c:v>5.3E-3</c:v>
                </c:pt>
                <c:pt idx="600">
                  <c:v>5.4000000000000003E-3</c:v>
                </c:pt>
                <c:pt idx="601">
                  <c:v>5.4999999999999997E-3</c:v>
                </c:pt>
                <c:pt idx="602">
                  <c:v>5.5999999999999999E-3</c:v>
                </c:pt>
                <c:pt idx="603">
                  <c:v>5.7999999999999996E-3</c:v>
                </c:pt>
                <c:pt idx="604">
                  <c:v>5.8999999999999999E-3</c:v>
                </c:pt>
                <c:pt idx="605">
                  <c:v>5.8999999999999999E-3</c:v>
                </c:pt>
                <c:pt idx="606">
                  <c:v>5.7000000000000002E-3</c:v>
                </c:pt>
                <c:pt idx="607">
                  <c:v>5.4000000000000003E-3</c:v>
                </c:pt>
                <c:pt idx="608">
                  <c:v>5.4000000000000003E-3</c:v>
                </c:pt>
                <c:pt idx="609">
                  <c:v>5.4999999999999997E-3</c:v>
                </c:pt>
                <c:pt idx="610">
                  <c:v>5.7000000000000002E-3</c:v>
                </c:pt>
                <c:pt idx="611">
                  <c:v>5.7000000000000002E-3</c:v>
                </c:pt>
                <c:pt idx="612">
                  <c:v>5.5999999999999999E-3</c:v>
                </c:pt>
                <c:pt idx="613">
                  <c:v>5.7999999999999996E-3</c:v>
                </c:pt>
                <c:pt idx="614">
                  <c:v>5.7999999999999996E-3</c:v>
                </c:pt>
                <c:pt idx="615">
                  <c:v>6.0000000000000001E-3</c:v>
                </c:pt>
                <c:pt idx="616">
                  <c:v>6.1000000000000004E-3</c:v>
                </c:pt>
                <c:pt idx="617">
                  <c:v>6.3E-3</c:v>
                </c:pt>
                <c:pt idx="618">
                  <c:v>6.3E-3</c:v>
                </c:pt>
                <c:pt idx="619">
                  <c:v>6.3E-3</c:v>
                </c:pt>
                <c:pt idx="620">
                  <c:v>6.4000000000000003E-3</c:v>
                </c:pt>
                <c:pt idx="621">
                  <c:v>6.4000000000000003E-3</c:v>
                </c:pt>
                <c:pt idx="622">
                  <c:v>6.4000000000000003E-3</c:v>
                </c:pt>
                <c:pt idx="623">
                  <c:v>6.6E-3</c:v>
                </c:pt>
                <c:pt idx="624">
                  <c:v>6.6E-3</c:v>
                </c:pt>
                <c:pt idx="625">
                  <c:v>6.6E-3</c:v>
                </c:pt>
                <c:pt idx="626">
                  <c:v>6.7000000000000002E-3</c:v>
                </c:pt>
                <c:pt idx="627">
                  <c:v>6.7000000000000002E-3</c:v>
                </c:pt>
                <c:pt idx="628">
                  <c:v>6.6E-3</c:v>
                </c:pt>
                <c:pt idx="629">
                  <c:v>6.7000000000000002E-3</c:v>
                </c:pt>
                <c:pt idx="630">
                  <c:v>6.6E-3</c:v>
                </c:pt>
                <c:pt idx="631">
                  <c:v>6.6E-3</c:v>
                </c:pt>
                <c:pt idx="632">
                  <c:v>6.4999999999999997E-3</c:v>
                </c:pt>
                <c:pt idx="633">
                  <c:v>6.6E-3</c:v>
                </c:pt>
                <c:pt idx="634">
                  <c:v>6.7000000000000002E-3</c:v>
                </c:pt>
                <c:pt idx="635">
                  <c:v>6.7000000000000002E-3</c:v>
                </c:pt>
                <c:pt idx="636">
                  <c:v>6.7999999999999996E-3</c:v>
                </c:pt>
                <c:pt idx="637">
                  <c:v>6.6E-3</c:v>
                </c:pt>
                <c:pt idx="638">
                  <c:v>6.4999999999999997E-3</c:v>
                </c:pt>
                <c:pt idx="639">
                  <c:v>6.4999999999999997E-3</c:v>
                </c:pt>
                <c:pt idx="640">
                  <c:v>6.4000000000000003E-3</c:v>
                </c:pt>
                <c:pt idx="641">
                  <c:v>6.4000000000000003E-3</c:v>
                </c:pt>
                <c:pt idx="642">
                  <c:v>6.1000000000000004E-3</c:v>
                </c:pt>
                <c:pt idx="643">
                  <c:v>6.1000000000000004E-3</c:v>
                </c:pt>
                <c:pt idx="644">
                  <c:v>6.3E-3</c:v>
                </c:pt>
                <c:pt idx="645">
                  <c:v>6.4000000000000003E-3</c:v>
                </c:pt>
                <c:pt idx="646">
                  <c:v>6.3E-3</c:v>
                </c:pt>
                <c:pt idx="647">
                  <c:v>6.1999999999999998E-3</c:v>
                </c:pt>
                <c:pt idx="648">
                  <c:v>6.1000000000000004E-3</c:v>
                </c:pt>
                <c:pt idx="649">
                  <c:v>6.1000000000000004E-3</c:v>
                </c:pt>
                <c:pt idx="650">
                  <c:v>6.4000000000000003E-3</c:v>
                </c:pt>
                <c:pt idx="651">
                  <c:v>6.3E-3</c:v>
                </c:pt>
                <c:pt idx="652">
                  <c:v>6.4000000000000003E-3</c:v>
                </c:pt>
                <c:pt idx="653">
                  <c:v>6.3E-3</c:v>
                </c:pt>
                <c:pt idx="654">
                  <c:v>6.4000000000000003E-3</c:v>
                </c:pt>
                <c:pt idx="655">
                  <c:v>6.6E-3</c:v>
                </c:pt>
                <c:pt idx="656">
                  <c:v>6.6E-3</c:v>
                </c:pt>
                <c:pt idx="657">
                  <c:v>6.4999999999999997E-3</c:v>
                </c:pt>
                <c:pt idx="658">
                  <c:v>6.4000000000000003E-3</c:v>
                </c:pt>
                <c:pt idx="659">
                  <c:v>6.3E-3</c:v>
                </c:pt>
                <c:pt idx="660">
                  <c:v>6.3E-3</c:v>
                </c:pt>
                <c:pt idx="661">
                  <c:v>6.4000000000000003E-3</c:v>
                </c:pt>
                <c:pt idx="662">
                  <c:v>6.4000000000000003E-3</c:v>
                </c:pt>
                <c:pt idx="663">
                  <c:v>6.4000000000000003E-3</c:v>
                </c:pt>
                <c:pt idx="664">
                  <c:v>6.3E-3</c:v>
                </c:pt>
                <c:pt idx="665">
                  <c:v>6.4000000000000003E-3</c:v>
                </c:pt>
                <c:pt idx="666">
                  <c:v>6.4000000000000003E-3</c:v>
                </c:pt>
                <c:pt idx="667">
                  <c:v>6.4000000000000003E-3</c:v>
                </c:pt>
                <c:pt idx="668">
                  <c:v>6.4999999999999997E-3</c:v>
                </c:pt>
                <c:pt idx="669">
                  <c:v>6.4999999999999997E-3</c:v>
                </c:pt>
                <c:pt idx="670">
                  <c:v>6.6E-3</c:v>
                </c:pt>
                <c:pt idx="671">
                  <c:v>6.4999999999999997E-3</c:v>
                </c:pt>
                <c:pt idx="672">
                  <c:v>6.6E-3</c:v>
                </c:pt>
                <c:pt idx="673">
                  <c:v>6.4999999999999997E-3</c:v>
                </c:pt>
                <c:pt idx="674">
                  <c:v>6.6E-3</c:v>
                </c:pt>
                <c:pt idx="675">
                  <c:v>6.6E-3</c:v>
                </c:pt>
                <c:pt idx="676">
                  <c:v>6.6E-3</c:v>
                </c:pt>
                <c:pt idx="677">
                  <c:v>6.4999999999999997E-3</c:v>
                </c:pt>
                <c:pt idx="678">
                  <c:v>6.7999999999999996E-3</c:v>
                </c:pt>
                <c:pt idx="679">
                  <c:v>6.7999999999999996E-3</c:v>
                </c:pt>
                <c:pt idx="680">
                  <c:v>6.7000000000000002E-3</c:v>
                </c:pt>
                <c:pt idx="681">
                  <c:v>6.4999999999999997E-3</c:v>
                </c:pt>
                <c:pt idx="682">
                  <c:v>6.4000000000000003E-3</c:v>
                </c:pt>
                <c:pt idx="683">
                  <c:v>6.1999999999999998E-3</c:v>
                </c:pt>
                <c:pt idx="684">
                  <c:v>6.1000000000000004E-3</c:v>
                </c:pt>
                <c:pt idx="685">
                  <c:v>6.1000000000000004E-3</c:v>
                </c:pt>
                <c:pt idx="686">
                  <c:v>6.1000000000000004E-3</c:v>
                </c:pt>
                <c:pt idx="687">
                  <c:v>6.1000000000000004E-3</c:v>
                </c:pt>
                <c:pt idx="688">
                  <c:v>6.0000000000000001E-3</c:v>
                </c:pt>
                <c:pt idx="689">
                  <c:v>6.1000000000000004E-3</c:v>
                </c:pt>
                <c:pt idx="690">
                  <c:v>6.1000000000000004E-3</c:v>
                </c:pt>
                <c:pt idx="691">
                  <c:v>6.1000000000000004E-3</c:v>
                </c:pt>
                <c:pt idx="692">
                  <c:v>6.0000000000000001E-3</c:v>
                </c:pt>
                <c:pt idx="693">
                  <c:v>6.0000000000000001E-3</c:v>
                </c:pt>
                <c:pt idx="694">
                  <c:v>6.1000000000000004E-3</c:v>
                </c:pt>
                <c:pt idx="695">
                  <c:v>6.1999999999999998E-3</c:v>
                </c:pt>
                <c:pt idx="696">
                  <c:v>6.4000000000000003E-3</c:v>
                </c:pt>
                <c:pt idx="697">
                  <c:v>6.6E-3</c:v>
                </c:pt>
                <c:pt idx="698">
                  <c:v>6.7000000000000002E-3</c:v>
                </c:pt>
                <c:pt idx="699">
                  <c:v>6.6E-3</c:v>
                </c:pt>
                <c:pt idx="700">
                  <c:v>6.6E-3</c:v>
                </c:pt>
                <c:pt idx="701">
                  <c:v>6.6E-3</c:v>
                </c:pt>
                <c:pt idx="702">
                  <c:v>6.6E-3</c:v>
                </c:pt>
                <c:pt idx="703">
                  <c:v>6.6E-3</c:v>
                </c:pt>
                <c:pt idx="704">
                  <c:v>6.7000000000000002E-3</c:v>
                </c:pt>
                <c:pt idx="705">
                  <c:v>6.7999999999999996E-3</c:v>
                </c:pt>
                <c:pt idx="706">
                  <c:v>6.7000000000000002E-3</c:v>
                </c:pt>
                <c:pt idx="707">
                  <c:v>6.7000000000000002E-3</c:v>
                </c:pt>
                <c:pt idx="708">
                  <c:v>6.7000000000000002E-3</c:v>
                </c:pt>
                <c:pt idx="709">
                  <c:v>6.7000000000000002E-3</c:v>
                </c:pt>
                <c:pt idx="710">
                  <c:v>6.8999999999999999E-3</c:v>
                </c:pt>
                <c:pt idx="711">
                  <c:v>6.7000000000000002E-3</c:v>
                </c:pt>
                <c:pt idx="712">
                  <c:v>6.4999999999999997E-3</c:v>
                </c:pt>
                <c:pt idx="713">
                  <c:v>6.4000000000000003E-3</c:v>
                </c:pt>
                <c:pt idx="714">
                  <c:v>6.4999999999999997E-3</c:v>
                </c:pt>
                <c:pt idx="715">
                  <c:v>6.7000000000000002E-3</c:v>
                </c:pt>
                <c:pt idx="716">
                  <c:v>6.7000000000000002E-3</c:v>
                </c:pt>
                <c:pt idx="717">
                  <c:v>6.7999999999999996E-3</c:v>
                </c:pt>
                <c:pt idx="718">
                  <c:v>6.7999999999999996E-3</c:v>
                </c:pt>
                <c:pt idx="719">
                  <c:v>6.7000000000000002E-3</c:v>
                </c:pt>
                <c:pt idx="720">
                  <c:v>6.7000000000000002E-3</c:v>
                </c:pt>
                <c:pt idx="721">
                  <c:v>6.7000000000000002E-3</c:v>
                </c:pt>
                <c:pt idx="722">
                  <c:v>6.7999999999999996E-3</c:v>
                </c:pt>
                <c:pt idx="723">
                  <c:v>6.7999999999999996E-3</c:v>
                </c:pt>
                <c:pt idx="724">
                  <c:v>6.6E-3</c:v>
                </c:pt>
                <c:pt idx="725">
                  <c:v>6.4999999999999997E-3</c:v>
                </c:pt>
                <c:pt idx="726">
                  <c:v>6.4999999999999997E-3</c:v>
                </c:pt>
                <c:pt idx="727">
                  <c:v>7.1000000000000004E-3</c:v>
                </c:pt>
                <c:pt idx="728">
                  <c:v>7.3000000000000001E-3</c:v>
                </c:pt>
                <c:pt idx="729">
                  <c:v>7.4000000000000003E-3</c:v>
                </c:pt>
                <c:pt idx="730">
                  <c:v>7.4000000000000003E-3</c:v>
                </c:pt>
                <c:pt idx="731">
                  <c:v>7.4000000000000003E-3</c:v>
                </c:pt>
                <c:pt idx="732">
                  <c:v>7.4000000000000003E-3</c:v>
                </c:pt>
                <c:pt idx="733">
                  <c:v>7.1999999999999998E-3</c:v>
                </c:pt>
                <c:pt idx="734">
                  <c:v>7.1000000000000004E-3</c:v>
                </c:pt>
                <c:pt idx="735">
                  <c:v>6.8999999999999999E-3</c:v>
                </c:pt>
                <c:pt idx="736">
                  <c:v>6.6E-3</c:v>
                </c:pt>
                <c:pt idx="737">
                  <c:v>6.7000000000000002E-3</c:v>
                </c:pt>
                <c:pt idx="738">
                  <c:v>6.6E-3</c:v>
                </c:pt>
                <c:pt idx="739">
                  <c:v>6.1999999999999998E-3</c:v>
                </c:pt>
                <c:pt idx="740">
                  <c:v>6.4000000000000003E-3</c:v>
                </c:pt>
                <c:pt idx="741">
                  <c:v>6.4000000000000003E-3</c:v>
                </c:pt>
                <c:pt idx="742">
                  <c:v>6.4000000000000003E-3</c:v>
                </c:pt>
                <c:pt idx="743">
                  <c:v>6.4999999999999997E-3</c:v>
                </c:pt>
                <c:pt idx="744">
                  <c:v>6.6E-3</c:v>
                </c:pt>
                <c:pt idx="745">
                  <c:v>6.6E-3</c:v>
                </c:pt>
                <c:pt idx="746">
                  <c:v>6.6E-3</c:v>
                </c:pt>
                <c:pt idx="747">
                  <c:v>6.4999999999999997E-3</c:v>
                </c:pt>
                <c:pt idx="748">
                  <c:v>6.3E-3</c:v>
                </c:pt>
                <c:pt idx="749">
                  <c:v>6.4000000000000003E-3</c:v>
                </c:pt>
                <c:pt idx="750">
                  <c:v>6.6E-3</c:v>
                </c:pt>
                <c:pt idx="751">
                  <c:v>6.4999999999999997E-3</c:v>
                </c:pt>
                <c:pt idx="752">
                  <c:v>6.6E-3</c:v>
                </c:pt>
                <c:pt idx="753">
                  <c:v>6.6E-3</c:v>
                </c:pt>
                <c:pt idx="754">
                  <c:v>6.7999999999999996E-3</c:v>
                </c:pt>
                <c:pt idx="755">
                  <c:v>6.7999999999999996E-3</c:v>
                </c:pt>
                <c:pt idx="756">
                  <c:v>6.7000000000000002E-3</c:v>
                </c:pt>
                <c:pt idx="757">
                  <c:v>6.7999999999999996E-3</c:v>
                </c:pt>
                <c:pt idx="758">
                  <c:v>6.7999999999999996E-3</c:v>
                </c:pt>
                <c:pt idx="759">
                  <c:v>6.7000000000000002E-3</c:v>
                </c:pt>
                <c:pt idx="760">
                  <c:v>6.4999999999999997E-3</c:v>
                </c:pt>
                <c:pt idx="761">
                  <c:v>6.4999999999999997E-3</c:v>
                </c:pt>
                <c:pt idx="762">
                  <c:v>6.4000000000000003E-3</c:v>
                </c:pt>
                <c:pt idx="763">
                  <c:v>6.4999999999999997E-3</c:v>
                </c:pt>
                <c:pt idx="764">
                  <c:v>6.3E-3</c:v>
                </c:pt>
                <c:pt idx="765">
                  <c:v>6.1999999999999998E-3</c:v>
                </c:pt>
                <c:pt idx="766">
                  <c:v>6.1000000000000004E-3</c:v>
                </c:pt>
                <c:pt idx="767">
                  <c:v>5.8999999999999999E-3</c:v>
                </c:pt>
                <c:pt idx="768">
                  <c:v>5.7999999999999996E-3</c:v>
                </c:pt>
                <c:pt idx="769">
                  <c:v>5.7999999999999996E-3</c:v>
                </c:pt>
                <c:pt idx="770">
                  <c:v>5.7000000000000002E-3</c:v>
                </c:pt>
                <c:pt idx="771">
                  <c:v>5.7000000000000002E-3</c:v>
                </c:pt>
                <c:pt idx="772">
                  <c:v>5.7000000000000002E-3</c:v>
                </c:pt>
                <c:pt idx="773">
                  <c:v>5.5999999999999999E-3</c:v>
                </c:pt>
                <c:pt idx="774">
                  <c:v>5.7000000000000002E-3</c:v>
                </c:pt>
                <c:pt idx="775">
                  <c:v>5.7999999999999996E-3</c:v>
                </c:pt>
                <c:pt idx="776">
                  <c:v>6.0000000000000001E-3</c:v>
                </c:pt>
                <c:pt idx="777">
                  <c:v>6.1000000000000004E-3</c:v>
                </c:pt>
                <c:pt idx="778">
                  <c:v>6.1000000000000004E-3</c:v>
                </c:pt>
                <c:pt idx="779">
                  <c:v>6.1000000000000004E-3</c:v>
                </c:pt>
                <c:pt idx="780">
                  <c:v>6.3E-3</c:v>
                </c:pt>
                <c:pt idx="781">
                  <c:v>6.4000000000000003E-3</c:v>
                </c:pt>
                <c:pt idx="782">
                  <c:v>6.4999999999999997E-3</c:v>
                </c:pt>
                <c:pt idx="783">
                  <c:v>6.4000000000000003E-3</c:v>
                </c:pt>
                <c:pt idx="784">
                  <c:v>6.3E-3</c:v>
                </c:pt>
                <c:pt idx="785">
                  <c:v>6.4000000000000003E-3</c:v>
                </c:pt>
                <c:pt idx="786">
                  <c:v>6.4000000000000003E-3</c:v>
                </c:pt>
                <c:pt idx="787">
                  <c:v>6.4999999999999997E-3</c:v>
                </c:pt>
                <c:pt idx="788">
                  <c:v>6.4000000000000003E-3</c:v>
                </c:pt>
                <c:pt idx="789">
                  <c:v>6.4000000000000003E-3</c:v>
                </c:pt>
                <c:pt idx="790">
                  <c:v>6.4999999999999997E-3</c:v>
                </c:pt>
                <c:pt idx="791">
                  <c:v>6.4999999999999997E-3</c:v>
                </c:pt>
                <c:pt idx="792">
                  <c:v>6.4999999999999997E-3</c:v>
                </c:pt>
                <c:pt idx="793">
                  <c:v>6.4999999999999997E-3</c:v>
                </c:pt>
                <c:pt idx="794">
                  <c:v>6.4000000000000003E-3</c:v>
                </c:pt>
                <c:pt idx="795">
                  <c:v>6.3E-3</c:v>
                </c:pt>
                <c:pt idx="796">
                  <c:v>6.3E-3</c:v>
                </c:pt>
                <c:pt idx="797">
                  <c:v>6.3E-3</c:v>
                </c:pt>
                <c:pt idx="798">
                  <c:v>6.4000000000000003E-3</c:v>
                </c:pt>
                <c:pt idx="799">
                  <c:v>6.4000000000000003E-3</c:v>
                </c:pt>
                <c:pt idx="800">
                  <c:v>6.4999999999999997E-3</c:v>
                </c:pt>
                <c:pt idx="801">
                  <c:v>6.6E-3</c:v>
                </c:pt>
                <c:pt idx="802">
                  <c:v>6.7000000000000002E-3</c:v>
                </c:pt>
                <c:pt idx="803">
                  <c:v>6.7999999999999996E-3</c:v>
                </c:pt>
                <c:pt idx="804">
                  <c:v>6.6E-3</c:v>
                </c:pt>
                <c:pt idx="805">
                  <c:v>6.6E-3</c:v>
                </c:pt>
                <c:pt idx="806">
                  <c:v>6.6E-3</c:v>
                </c:pt>
                <c:pt idx="807">
                  <c:v>6.6E-3</c:v>
                </c:pt>
                <c:pt idx="808">
                  <c:v>6.7000000000000002E-3</c:v>
                </c:pt>
                <c:pt idx="809">
                  <c:v>6.7000000000000002E-3</c:v>
                </c:pt>
                <c:pt idx="810">
                  <c:v>6.7999999999999996E-3</c:v>
                </c:pt>
                <c:pt idx="811">
                  <c:v>7.0000000000000001E-3</c:v>
                </c:pt>
                <c:pt idx="812">
                  <c:v>6.8999999999999999E-3</c:v>
                </c:pt>
                <c:pt idx="813">
                  <c:v>6.7999999999999996E-3</c:v>
                </c:pt>
                <c:pt idx="814">
                  <c:v>6.7999999999999996E-3</c:v>
                </c:pt>
                <c:pt idx="815">
                  <c:v>6.8999999999999999E-3</c:v>
                </c:pt>
                <c:pt idx="816">
                  <c:v>6.7999999999999996E-3</c:v>
                </c:pt>
                <c:pt idx="817">
                  <c:v>6.7999999999999996E-3</c:v>
                </c:pt>
                <c:pt idx="818">
                  <c:v>6.7000000000000002E-3</c:v>
                </c:pt>
                <c:pt idx="819">
                  <c:v>6.7000000000000002E-3</c:v>
                </c:pt>
                <c:pt idx="820">
                  <c:v>6.7000000000000002E-3</c:v>
                </c:pt>
                <c:pt idx="821">
                  <c:v>6.8999999999999999E-3</c:v>
                </c:pt>
                <c:pt idx="822">
                  <c:v>7.0000000000000001E-3</c:v>
                </c:pt>
                <c:pt idx="823">
                  <c:v>7.0000000000000001E-3</c:v>
                </c:pt>
                <c:pt idx="824">
                  <c:v>6.8999999999999999E-3</c:v>
                </c:pt>
                <c:pt idx="825">
                  <c:v>6.7999999999999996E-3</c:v>
                </c:pt>
                <c:pt idx="826">
                  <c:v>6.7999999999999996E-3</c:v>
                </c:pt>
                <c:pt idx="827">
                  <c:v>6.7999999999999996E-3</c:v>
                </c:pt>
                <c:pt idx="828">
                  <c:v>6.8999999999999999E-3</c:v>
                </c:pt>
                <c:pt idx="829">
                  <c:v>7.0000000000000001E-3</c:v>
                </c:pt>
                <c:pt idx="830">
                  <c:v>7.1000000000000004E-3</c:v>
                </c:pt>
                <c:pt idx="831">
                  <c:v>7.3000000000000001E-3</c:v>
                </c:pt>
                <c:pt idx="832">
                  <c:v>7.4000000000000003E-3</c:v>
                </c:pt>
                <c:pt idx="833">
                  <c:v>7.4000000000000003E-3</c:v>
                </c:pt>
                <c:pt idx="834">
                  <c:v>7.4999999999999997E-3</c:v>
                </c:pt>
                <c:pt idx="835">
                  <c:v>7.4000000000000003E-3</c:v>
                </c:pt>
                <c:pt idx="836">
                  <c:v>7.3000000000000001E-3</c:v>
                </c:pt>
                <c:pt idx="837">
                  <c:v>7.1999999999999998E-3</c:v>
                </c:pt>
                <c:pt idx="838">
                  <c:v>7.1999999999999998E-3</c:v>
                </c:pt>
                <c:pt idx="839">
                  <c:v>7.1000000000000004E-3</c:v>
                </c:pt>
                <c:pt idx="840">
                  <c:v>7.1000000000000004E-3</c:v>
                </c:pt>
                <c:pt idx="841">
                  <c:v>7.0000000000000001E-3</c:v>
                </c:pt>
                <c:pt idx="842">
                  <c:v>6.8999999999999999E-3</c:v>
                </c:pt>
                <c:pt idx="843">
                  <c:v>6.7999999999999996E-3</c:v>
                </c:pt>
                <c:pt idx="844">
                  <c:v>6.8999999999999999E-3</c:v>
                </c:pt>
                <c:pt idx="845">
                  <c:v>7.0000000000000001E-3</c:v>
                </c:pt>
                <c:pt idx="846">
                  <c:v>6.8999999999999999E-3</c:v>
                </c:pt>
                <c:pt idx="847">
                  <c:v>6.7999999999999996E-3</c:v>
                </c:pt>
                <c:pt idx="848">
                  <c:v>6.7999999999999996E-3</c:v>
                </c:pt>
                <c:pt idx="849">
                  <c:v>6.8999999999999999E-3</c:v>
                </c:pt>
                <c:pt idx="850">
                  <c:v>7.0000000000000001E-3</c:v>
                </c:pt>
                <c:pt idx="851">
                  <c:v>7.1000000000000004E-3</c:v>
                </c:pt>
                <c:pt idx="852">
                  <c:v>7.0000000000000001E-3</c:v>
                </c:pt>
                <c:pt idx="853">
                  <c:v>6.8999999999999999E-3</c:v>
                </c:pt>
                <c:pt idx="854">
                  <c:v>6.7999999999999996E-3</c:v>
                </c:pt>
                <c:pt idx="855">
                  <c:v>6.8999999999999999E-3</c:v>
                </c:pt>
                <c:pt idx="856">
                  <c:v>7.0000000000000001E-3</c:v>
                </c:pt>
                <c:pt idx="857">
                  <c:v>7.0000000000000001E-3</c:v>
                </c:pt>
                <c:pt idx="858">
                  <c:v>7.1999999999999998E-3</c:v>
                </c:pt>
                <c:pt idx="859">
                  <c:v>7.1999999999999998E-3</c:v>
                </c:pt>
                <c:pt idx="860">
                  <c:v>7.1999999999999998E-3</c:v>
                </c:pt>
                <c:pt idx="861">
                  <c:v>7.0000000000000001E-3</c:v>
                </c:pt>
                <c:pt idx="862">
                  <c:v>7.0000000000000001E-3</c:v>
                </c:pt>
                <c:pt idx="863">
                  <c:v>7.0000000000000001E-3</c:v>
                </c:pt>
                <c:pt idx="864">
                  <c:v>7.0000000000000001E-3</c:v>
                </c:pt>
                <c:pt idx="865">
                  <c:v>7.0000000000000001E-3</c:v>
                </c:pt>
                <c:pt idx="866">
                  <c:v>6.8999999999999999E-3</c:v>
                </c:pt>
                <c:pt idx="867">
                  <c:v>7.0000000000000001E-3</c:v>
                </c:pt>
                <c:pt idx="868">
                  <c:v>7.3000000000000001E-3</c:v>
                </c:pt>
                <c:pt idx="869">
                  <c:v>7.3000000000000001E-3</c:v>
                </c:pt>
                <c:pt idx="870">
                  <c:v>7.3000000000000001E-3</c:v>
                </c:pt>
                <c:pt idx="871">
                  <c:v>7.1999999999999998E-3</c:v>
                </c:pt>
                <c:pt idx="872">
                  <c:v>7.1999999999999998E-3</c:v>
                </c:pt>
                <c:pt idx="873">
                  <c:v>7.0000000000000001E-3</c:v>
                </c:pt>
                <c:pt idx="874">
                  <c:v>7.1000000000000004E-3</c:v>
                </c:pt>
                <c:pt idx="875">
                  <c:v>7.0000000000000001E-3</c:v>
                </c:pt>
                <c:pt idx="876">
                  <c:v>7.1000000000000004E-3</c:v>
                </c:pt>
                <c:pt idx="877">
                  <c:v>7.0000000000000001E-3</c:v>
                </c:pt>
                <c:pt idx="878">
                  <c:v>7.0000000000000001E-3</c:v>
                </c:pt>
                <c:pt idx="879">
                  <c:v>6.8999999999999999E-3</c:v>
                </c:pt>
                <c:pt idx="880">
                  <c:v>6.7000000000000002E-3</c:v>
                </c:pt>
                <c:pt idx="881">
                  <c:v>6.7999999999999996E-3</c:v>
                </c:pt>
                <c:pt idx="882">
                  <c:v>6.8999999999999999E-3</c:v>
                </c:pt>
                <c:pt idx="883">
                  <c:v>7.0000000000000001E-3</c:v>
                </c:pt>
                <c:pt idx="884">
                  <c:v>6.8999999999999999E-3</c:v>
                </c:pt>
                <c:pt idx="885">
                  <c:v>7.1000000000000004E-3</c:v>
                </c:pt>
                <c:pt idx="886">
                  <c:v>7.0000000000000001E-3</c:v>
                </c:pt>
                <c:pt idx="887">
                  <c:v>7.1000000000000004E-3</c:v>
                </c:pt>
                <c:pt idx="888">
                  <c:v>7.1000000000000004E-3</c:v>
                </c:pt>
                <c:pt idx="889">
                  <c:v>7.1999999999999998E-3</c:v>
                </c:pt>
                <c:pt idx="890">
                  <c:v>7.3000000000000001E-3</c:v>
                </c:pt>
                <c:pt idx="891">
                  <c:v>7.1000000000000004E-3</c:v>
                </c:pt>
                <c:pt idx="892">
                  <c:v>7.0000000000000001E-3</c:v>
                </c:pt>
                <c:pt idx="893">
                  <c:v>6.7999999999999996E-3</c:v>
                </c:pt>
                <c:pt idx="894">
                  <c:v>6.7999999999999996E-3</c:v>
                </c:pt>
                <c:pt idx="895">
                  <c:v>7.0000000000000001E-3</c:v>
                </c:pt>
                <c:pt idx="896">
                  <c:v>7.0000000000000001E-3</c:v>
                </c:pt>
                <c:pt idx="897">
                  <c:v>7.1999999999999998E-3</c:v>
                </c:pt>
                <c:pt idx="898">
                  <c:v>7.1999999999999998E-3</c:v>
                </c:pt>
                <c:pt idx="899">
                  <c:v>7.0000000000000001E-3</c:v>
                </c:pt>
                <c:pt idx="900">
                  <c:v>6.6E-3</c:v>
                </c:pt>
                <c:pt idx="901">
                  <c:v>6.7000000000000002E-3</c:v>
                </c:pt>
                <c:pt idx="902">
                  <c:v>6.4000000000000003E-3</c:v>
                </c:pt>
                <c:pt idx="903">
                  <c:v>6.1000000000000004E-3</c:v>
                </c:pt>
                <c:pt idx="904">
                  <c:v>5.8999999999999999E-3</c:v>
                </c:pt>
                <c:pt idx="905">
                  <c:v>5.7999999999999996E-3</c:v>
                </c:pt>
                <c:pt idx="906">
                  <c:v>5.8999999999999999E-3</c:v>
                </c:pt>
                <c:pt idx="907">
                  <c:v>6.7000000000000002E-3</c:v>
                </c:pt>
                <c:pt idx="908">
                  <c:v>6.7000000000000002E-3</c:v>
                </c:pt>
                <c:pt idx="909">
                  <c:v>7.4999999999999997E-3</c:v>
                </c:pt>
                <c:pt idx="910">
                  <c:v>7.4999999999999997E-3</c:v>
                </c:pt>
                <c:pt idx="911">
                  <c:v>7.4000000000000003E-3</c:v>
                </c:pt>
                <c:pt idx="912">
                  <c:v>7.3000000000000001E-3</c:v>
                </c:pt>
                <c:pt idx="913">
                  <c:v>7.3000000000000001E-3</c:v>
                </c:pt>
                <c:pt idx="914">
                  <c:v>7.1999999999999998E-3</c:v>
                </c:pt>
                <c:pt idx="915">
                  <c:v>7.6E-3</c:v>
                </c:pt>
                <c:pt idx="916">
                  <c:v>7.6E-3</c:v>
                </c:pt>
                <c:pt idx="917">
                  <c:v>7.4000000000000003E-3</c:v>
                </c:pt>
                <c:pt idx="918">
                  <c:v>7.1999999999999998E-3</c:v>
                </c:pt>
                <c:pt idx="919">
                  <c:v>6.8999999999999999E-3</c:v>
                </c:pt>
                <c:pt idx="920">
                  <c:v>6.7999999999999996E-3</c:v>
                </c:pt>
                <c:pt idx="921">
                  <c:v>6.7999999999999996E-3</c:v>
                </c:pt>
                <c:pt idx="922">
                  <c:v>6.7000000000000002E-3</c:v>
                </c:pt>
                <c:pt idx="923">
                  <c:v>6.6E-3</c:v>
                </c:pt>
                <c:pt idx="924">
                  <c:v>6.4000000000000003E-3</c:v>
                </c:pt>
                <c:pt idx="925">
                  <c:v>6.4000000000000003E-3</c:v>
                </c:pt>
                <c:pt idx="926">
                  <c:v>6.1000000000000004E-3</c:v>
                </c:pt>
                <c:pt idx="927">
                  <c:v>6.3E-3</c:v>
                </c:pt>
                <c:pt idx="928">
                  <c:v>6.1999999999999998E-3</c:v>
                </c:pt>
                <c:pt idx="929">
                  <c:v>6.4000000000000003E-3</c:v>
                </c:pt>
                <c:pt idx="930">
                  <c:v>6.4999999999999997E-3</c:v>
                </c:pt>
                <c:pt idx="931">
                  <c:v>6.4999999999999997E-3</c:v>
                </c:pt>
                <c:pt idx="932">
                  <c:v>6.6E-3</c:v>
                </c:pt>
                <c:pt idx="933">
                  <c:v>6.7999999999999996E-3</c:v>
                </c:pt>
                <c:pt idx="934">
                  <c:v>6.7999999999999996E-3</c:v>
                </c:pt>
                <c:pt idx="935">
                  <c:v>6.7000000000000002E-3</c:v>
                </c:pt>
                <c:pt idx="936">
                  <c:v>6.6E-3</c:v>
                </c:pt>
                <c:pt idx="937">
                  <c:v>6.4000000000000003E-3</c:v>
                </c:pt>
                <c:pt idx="938">
                  <c:v>6.4000000000000003E-3</c:v>
                </c:pt>
                <c:pt idx="939">
                  <c:v>6.1999999999999998E-3</c:v>
                </c:pt>
                <c:pt idx="940">
                  <c:v>6.1999999999999998E-3</c:v>
                </c:pt>
                <c:pt idx="941">
                  <c:v>6.1999999999999998E-3</c:v>
                </c:pt>
                <c:pt idx="942">
                  <c:v>6.3E-3</c:v>
                </c:pt>
                <c:pt idx="943">
                  <c:v>6.4000000000000003E-3</c:v>
                </c:pt>
                <c:pt idx="944">
                  <c:v>6.6E-3</c:v>
                </c:pt>
                <c:pt idx="945">
                  <c:v>6.6E-3</c:v>
                </c:pt>
                <c:pt idx="946">
                  <c:v>6.6E-3</c:v>
                </c:pt>
                <c:pt idx="947">
                  <c:v>6.4999999999999997E-3</c:v>
                </c:pt>
                <c:pt idx="948">
                  <c:v>6.3E-3</c:v>
                </c:pt>
                <c:pt idx="949">
                  <c:v>6.1999999999999998E-3</c:v>
                </c:pt>
                <c:pt idx="950">
                  <c:v>6.0000000000000001E-3</c:v>
                </c:pt>
                <c:pt idx="951">
                  <c:v>5.7999999999999996E-3</c:v>
                </c:pt>
                <c:pt idx="952">
                  <c:v>5.8999999999999999E-3</c:v>
                </c:pt>
                <c:pt idx="953">
                  <c:v>6.3E-3</c:v>
                </c:pt>
                <c:pt idx="954">
                  <c:v>6.4000000000000003E-3</c:v>
                </c:pt>
                <c:pt idx="955">
                  <c:v>6.6E-3</c:v>
                </c:pt>
                <c:pt idx="956">
                  <c:v>6.7000000000000002E-3</c:v>
                </c:pt>
                <c:pt idx="957">
                  <c:v>6.7000000000000002E-3</c:v>
                </c:pt>
                <c:pt idx="958">
                  <c:v>6.4999999999999997E-3</c:v>
                </c:pt>
                <c:pt idx="959">
                  <c:v>6.4999999999999997E-3</c:v>
                </c:pt>
                <c:pt idx="960">
                  <c:v>6.1999999999999998E-3</c:v>
                </c:pt>
                <c:pt idx="961">
                  <c:v>6.3E-3</c:v>
                </c:pt>
                <c:pt idx="962">
                  <c:v>6.6E-3</c:v>
                </c:pt>
                <c:pt idx="963">
                  <c:v>6.6E-3</c:v>
                </c:pt>
                <c:pt idx="964">
                  <c:v>6.7999999999999996E-3</c:v>
                </c:pt>
                <c:pt idx="965">
                  <c:v>6.7000000000000002E-3</c:v>
                </c:pt>
                <c:pt idx="966">
                  <c:v>6.4999999999999997E-3</c:v>
                </c:pt>
                <c:pt idx="967">
                  <c:v>6.4999999999999997E-3</c:v>
                </c:pt>
                <c:pt idx="968">
                  <c:v>6.4000000000000003E-3</c:v>
                </c:pt>
                <c:pt idx="969">
                  <c:v>6.4000000000000003E-3</c:v>
                </c:pt>
                <c:pt idx="970">
                  <c:v>6.6E-3</c:v>
                </c:pt>
                <c:pt idx="971">
                  <c:v>6.7999999999999996E-3</c:v>
                </c:pt>
                <c:pt idx="972">
                  <c:v>6.7999999999999996E-3</c:v>
                </c:pt>
                <c:pt idx="973">
                  <c:v>6.7000000000000002E-3</c:v>
                </c:pt>
                <c:pt idx="974">
                  <c:v>6.4999999999999997E-3</c:v>
                </c:pt>
                <c:pt idx="975">
                  <c:v>6.7000000000000002E-3</c:v>
                </c:pt>
                <c:pt idx="976">
                  <c:v>6.7999999999999996E-3</c:v>
                </c:pt>
                <c:pt idx="977">
                  <c:v>6.7999999999999996E-3</c:v>
                </c:pt>
                <c:pt idx="978">
                  <c:v>6.8999999999999999E-3</c:v>
                </c:pt>
                <c:pt idx="979">
                  <c:v>7.0000000000000001E-3</c:v>
                </c:pt>
                <c:pt idx="980">
                  <c:v>7.1000000000000004E-3</c:v>
                </c:pt>
                <c:pt idx="981">
                  <c:v>7.3000000000000001E-3</c:v>
                </c:pt>
                <c:pt idx="982">
                  <c:v>7.3000000000000001E-3</c:v>
                </c:pt>
                <c:pt idx="983">
                  <c:v>7.1999999999999998E-3</c:v>
                </c:pt>
                <c:pt idx="984">
                  <c:v>7.0000000000000001E-3</c:v>
                </c:pt>
                <c:pt idx="985">
                  <c:v>7.0000000000000001E-3</c:v>
                </c:pt>
                <c:pt idx="986">
                  <c:v>6.7999999999999996E-3</c:v>
                </c:pt>
                <c:pt idx="987">
                  <c:v>6.8999999999999999E-3</c:v>
                </c:pt>
                <c:pt idx="988">
                  <c:v>6.8999999999999999E-3</c:v>
                </c:pt>
                <c:pt idx="989">
                  <c:v>7.0000000000000001E-3</c:v>
                </c:pt>
                <c:pt idx="990">
                  <c:v>7.1000000000000004E-3</c:v>
                </c:pt>
                <c:pt idx="991">
                  <c:v>7.1999999999999998E-3</c:v>
                </c:pt>
                <c:pt idx="992">
                  <c:v>7.1999999999999998E-3</c:v>
                </c:pt>
                <c:pt idx="993">
                  <c:v>7.4000000000000003E-3</c:v>
                </c:pt>
                <c:pt idx="994">
                  <c:v>7.3000000000000001E-3</c:v>
                </c:pt>
                <c:pt idx="995">
                  <c:v>7.1999999999999998E-3</c:v>
                </c:pt>
                <c:pt idx="996">
                  <c:v>7.1999999999999998E-3</c:v>
                </c:pt>
                <c:pt idx="997">
                  <c:v>7.1999999999999998E-3</c:v>
                </c:pt>
                <c:pt idx="998">
                  <c:v>7.1999999999999998E-3</c:v>
                </c:pt>
                <c:pt idx="999">
                  <c:v>7.1999999999999998E-3</c:v>
                </c:pt>
                <c:pt idx="1000">
                  <c:v>7.3000000000000001E-3</c:v>
                </c:pt>
                <c:pt idx="1001">
                  <c:v>7.1999999999999998E-3</c:v>
                </c:pt>
                <c:pt idx="1002">
                  <c:v>7.1999999999999998E-3</c:v>
                </c:pt>
                <c:pt idx="1003">
                  <c:v>7.1999999999999998E-3</c:v>
                </c:pt>
                <c:pt idx="1004">
                  <c:v>7.0000000000000001E-3</c:v>
                </c:pt>
                <c:pt idx="1005">
                  <c:v>6.8999999999999999E-3</c:v>
                </c:pt>
                <c:pt idx="1006">
                  <c:v>6.8999999999999999E-3</c:v>
                </c:pt>
                <c:pt idx="1007">
                  <c:v>6.7999999999999996E-3</c:v>
                </c:pt>
                <c:pt idx="1008">
                  <c:v>6.8999999999999999E-3</c:v>
                </c:pt>
                <c:pt idx="1009">
                  <c:v>7.1000000000000004E-3</c:v>
                </c:pt>
                <c:pt idx="1010">
                  <c:v>7.1999999999999998E-3</c:v>
                </c:pt>
                <c:pt idx="1011">
                  <c:v>7.1000000000000004E-3</c:v>
                </c:pt>
                <c:pt idx="1012">
                  <c:v>6.8999999999999999E-3</c:v>
                </c:pt>
                <c:pt idx="1013">
                  <c:v>7.0000000000000001E-3</c:v>
                </c:pt>
                <c:pt idx="1014">
                  <c:v>6.8999999999999999E-3</c:v>
                </c:pt>
                <c:pt idx="1015">
                  <c:v>7.0000000000000001E-3</c:v>
                </c:pt>
                <c:pt idx="1016">
                  <c:v>7.1000000000000004E-3</c:v>
                </c:pt>
                <c:pt idx="1017">
                  <c:v>7.1999999999999998E-3</c:v>
                </c:pt>
                <c:pt idx="1018">
                  <c:v>7.1000000000000004E-3</c:v>
                </c:pt>
                <c:pt idx="1019">
                  <c:v>7.0000000000000001E-3</c:v>
                </c:pt>
                <c:pt idx="1020">
                  <c:v>6.8999999999999999E-3</c:v>
                </c:pt>
                <c:pt idx="1021">
                  <c:v>6.8999999999999999E-3</c:v>
                </c:pt>
                <c:pt idx="1022">
                  <c:v>7.0000000000000001E-3</c:v>
                </c:pt>
                <c:pt idx="1023">
                  <c:v>6.8999999999999999E-3</c:v>
                </c:pt>
                <c:pt idx="1024">
                  <c:v>7.0000000000000001E-3</c:v>
                </c:pt>
                <c:pt idx="1025">
                  <c:v>7.1000000000000004E-3</c:v>
                </c:pt>
                <c:pt idx="1026">
                  <c:v>7.1999999999999998E-3</c:v>
                </c:pt>
                <c:pt idx="1027">
                  <c:v>7.1999999999999998E-3</c:v>
                </c:pt>
                <c:pt idx="1028">
                  <c:v>7.1999999999999998E-3</c:v>
                </c:pt>
                <c:pt idx="1029">
                  <c:v>7.1999999999999998E-3</c:v>
                </c:pt>
                <c:pt idx="1030">
                  <c:v>7.1999999999999998E-3</c:v>
                </c:pt>
                <c:pt idx="1031">
                  <c:v>7.3000000000000001E-3</c:v>
                </c:pt>
                <c:pt idx="1032">
                  <c:v>7.3000000000000001E-3</c:v>
                </c:pt>
                <c:pt idx="1033">
                  <c:v>7.1999999999999998E-3</c:v>
                </c:pt>
                <c:pt idx="1034">
                  <c:v>7.1999999999999998E-3</c:v>
                </c:pt>
                <c:pt idx="1035">
                  <c:v>7.1999999999999998E-3</c:v>
                </c:pt>
                <c:pt idx="1036">
                  <c:v>7.1999999999999998E-3</c:v>
                </c:pt>
                <c:pt idx="1037">
                  <c:v>7.3000000000000001E-3</c:v>
                </c:pt>
                <c:pt idx="1038">
                  <c:v>7.3000000000000001E-3</c:v>
                </c:pt>
                <c:pt idx="1039">
                  <c:v>7.4999999999999997E-3</c:v>
                </c:pt>
                <c:pt idx="1040">
                  <c:v>7.4999999999999997E-3</c:v>
                </c:pt>
                <c:pt idx="1041">
                  <c:v>7.4000000000000003E-3</c:v>
                </c:pt>
                <c:pt idx="1042">
                  <c:v>7.3000000000000001E-3</c:v>
                </c:pt>
                <c:pt idx="1043">
                  <c:v>7.4000000000000003E-3</c:v>
                </c:pt>
                <c:pt idx="1044">
                  <c:v>7.4000000000000003E-3</c:v>
                </c:pt>
                <c:pt idx="1045">
                  <c:v>7.4999999999999997E-3</c:v>
                </c:pt>
                <c:pt idx="1046">
                  <c:v>7.6E-3</c:v>
                </c:pt>
                <c:pt idx="1047">
                  <c:v>7.4999999999999997E-3</c:v>
                </c:pt>
                <c:pt idx="1048">
                  <c:v>7.6E-3</c:v>
                </c:pt>
                <c:pt idx="1049">
                  <c:v>7.4000000000000003E-3</c:v>
                </c:pt>
                <c:pt idx="1050">
                  <c:v>7.4000000000000003E-3</c:v>
                </c:pt>
                <c:pt idx="1051">
                  <c:v>7.3000000000000001E-3</c:v>
                </c:pt>
                <c:pt idx="1052">
                  <c:v>7.3000000000000001E-3</c:v>
                </c:pt>
                <c:pt idx="1053">
                  <c:v>7.1999999999999998E-3</c:v>
                </c:pt>
                <c:pt idx="1054">
                  <c:v>7.1000000000000004E-3</c:v>
                </c:pt>
                <c:pt idx="1055">
                  <c:v>6.8999999999999999E-3</c:v>
                </c:pt>
                <c:pt idx="1056">
                  <c:v>6.7999999999999996E-3</c:v>
                </c:pt>
                <c:pt idx="1057">
                  <c:v>7.0000000000000001E-3</c:v>
                </c:pt>
                <c:pt idx="1058">
                  <c:v>7.1999999999999998E-3</c:v>
                </c:pt>
                <c:pt idx="1059">
                  <c:v>7.4999999999999997E-3</c:v>
                </c:pt>
                <c:pt idx="1060">
                  <c:v>7.4999999999999997E-3</c:v>
                </c:pt>
                <c:pt idx="1061">
                  <c:v>7.4999999999999997E-3</c:v>
                </c:pt>
                <c:pt idx="1062">
                  <c:v>7.1999999999999998E-3</c:v>
                </c:pt>
                <c:pt idx="1063">
                  <c:v>7.3000000000000001E-3</c:v>
                </c:pt>
                <c:pt idx="1064">
                  <c:v>7.1999999999999998E-3</c:v>
                </c:pt>
                <c:pt idx="1065">
                  <c:v>7.1999999999999998E-3</c:v>
                </c:pt>
                <c:pt idx="1066">
                  <c:v>7.6E-3</c:v>
                </c:pt>
                <c:pt idx="1067">
                  <c:v>7.6E-3</c:v>
                </c:pt>
                <c:pt idx="1068">
                  <c:v>7.9000000000000008E-3</c:v>
                </c:pt>
                <c:pt idx="1069">
                  <c:v>8.5000000000000006E-3</c:v>
                </c:pt>
                <c:pt idx="1070">
                  <c:v>8.6999999999999994E-3</c:v>
                </c:pt>
                <c:pt idx="1071">
                  <c:v>8.8000000000000005E-3</c:v>
                </c:pt>
                <c:pt idx="1072">
                  <c:v>8.9999999999999993E-3</c:v>
                </c:pt>
                <c:pt idx="1073">
                  <c:v>8.9999999999999993E-3</c:v>
                </c:pt>
                <c:pt idx="1074">
                  <c:v>8.6999999999999994E-3</c:v>
                </c:pt>
                <c:pt idx="1075">
                  <c:v>8.0000000000000002E-3</c:v>
                </c:pt>
                <c:pt idx="1076">
                  <c:v>8.2000000000000007E-3</c:v>
                </c:pt>
                <c:pt idx="1077">
                  <c:v>8.6999999999999994E-3</c:v>
                </c:pt>
                <c:pt idx="1078">
                  <c:v>9.4999999999999998E-3</c:v>
                </c:pt>
                <c:pt idx="1079">
                  <c:v>9.9000000000000008E-3</c:v>
                </c:pt>
                <c:pt idx="1080">
                  <c:v>9.7999999999999997E-3</c:v>
                </c:pt>
                <c:pt idx="1081">
                  <c:v>9.7000000000000003E-3</c:v>
                </c:pt>
                <c:pt idx="1082">
                  <c:v>9.4999999999999998E-3</c:v>
                </c:pt>
                <c:pt idx="1083">
                  <c:v>9.1999999999999998E-3</c:v>
                </c:pt>
                <c:pt idx="1084">
                  <c:v>9.1999999999999998E-3</c:v>
                </c:pt>
                <c:pt idx="1085">
                  <c:v>9.1999999999999998E-3</c:v>
                </c:pt>
                <c:pt idx="1086">
                  <c:v>9.1999999999999998E-3</c:v>
                </c:pt>
                <c:pt idx="1087">
                  <c:v>9.1000000000000004E-3</c:v>
                </c:pt>
                <c:pt idx="1088">
                  <c:v>9.1000000000000004E-3</c:v>
                </c:pt>
                <c:pt idx="1089">
                  <c:v>8.9999999999999993E-3</c:v>
                </c:pt>
                <c:pt idx="1090">
                  <c:v>9.1000000000000004E-3</c:v>
                </c:pt>
                <c:pt idx="1091">
                  <c:v>9.1999999999999998E-3</c:v>
                </c:pt>
                <c:pt idx="1092">
                  <c:v>8.9999999999999993E-3</c:v>
                </c:pt>
                <c:pt idx="1093">
                  <c:v>8.8000000000000005E-3</c:v>
                </c:pt>
                <c:pt idx="1094">
                  <c:v>8.8000000000000005E-3</c:v>
                </c:pt>
                <c:pt idx="1095">
                  <c:v>8.9999999999999993E-3</c:v>
                </c:pt>
                <c:pt idx="1096">
                  <c:v>8.9999999999999993E-3</c:v>
                </c:pt>
                <c:pt idx="1097">
                  <c:v>9.1000000000000004E-3</c:v>
                </c:pt>
                <c:pt idx="1098">
                  <c:v>9.1000000000000004E-3</c:v>
                </c:pt>
                <c:pt idx="1099">
                  <c:v>9.1999999999999998E-3</c:v>
                </c:pt>
                <c:pt idx="1100">
                  <c:v>9.4000000000000004E-3</c:v>
                </c:pt>
                <c:pt idx="1101">
                  <c:v>9.4000000000000004E-3</c:v>
                </c:pt>
                <c:pt idx="1102">
                  <c:v>9.4000000000000004E-3</c:v>
                </c:pt>
                <c:pt idx="1103">
                  <c:v>9.2999999999999992E-3</c:v>
                </c:pt>
                <c:pt idx="1104">
                  <c:v>9.7999999999999997E-3</c:v>
                </c:pt>
                <c:pt idx="1105">
                  <c:v>9.7000000000000003E-3</c:v>
                </c:pt>
                <c:pt idx="1106">
                  <c:v>9.9000000000000008E-3</c:v>
                </c:pt>
                <c:pt idx="1107">
                  <c:v>9.9000000000000008E-3</c:v>
                </c:pt>
                <c:pt idx="1108">
                  <c:v>9.7999999999999997E-3</c:v>
                </c:pt>
                <c:pt idx="1109">
                  <c:v>9.4999999999999998E-3</c:v>
                </c:pt>
                <c:pt idx="1110">
                  <c:v>9.2999999999999992E-3</c:v>
                </c:pt>
                <c:pt idx="1111">
                  <c:v>9.1000000000000004E-3</c:v>
                </c:pt>
                <c:pt idx="1112">
                  <c:v>8.8999999999999999E-3</c:v>
                </c:pt>
                <c:pt idx="1113">
                  <c:v>8.8000000000000005E-3</c:v>
                </c:pt>
                <c:pt idx="1114">
                  <c:v>9.4999999999999998E-3</c:v>
                </c:pt>
                <c:pt idx="1115">
                  <c:v>9.7000000000000003E-3</c:v>
                </c:pt>
                <c:pt idx="1116">
                  <c:v>9.4999999999999998E-3</c:v>
                </c:pt>
                <c:pt idx="1117">
                  <c:v>9.2999999999999992E-3</c:v>
                </c:pt>
                <c:pt idx="1118">
                  <c:v>9.1999999999999998E-3</c:v>
                </c:pt>
                <c:pt idx="1119">
                  <c:v>9.1000000000000004E-3</c:v>
                </c:pt>
                <c:pt idx="1120">
                  <c:v>9.1000000000000004E-3</c:v>
                </c:pt>
                <c:pt idx="1121">
                  <c:v>9.1999999999999998E-3</c:v>
                </c:pt>
                <c:pt idx="1122">
                  <c:v>9.1999999999999998E-3</c:v>
                </c:pt>
                <c:pt idx="1123">
                  <c:v>9.1999999999999998E-3</c:v>
                </c:pt>
                <c:pt idx="1124">
                  <c:v>8.9999999999999993E-3</c:v>
                </c:pt>
                <c:pt idx="1125">
                  <c:v>8.6999999999999994E-3</c:v>
                </c:pt>
                <c:pt idx="1126">
                  <c:v>8.5000000000000006E-3</c:v>
                </c:pt>
                <c:pt idx="1127">
                  <c:v>8.5000000000000006E-3</c:v>
                </c:pt>
                <c:pt idx="1128">
                  <c:v>8.6E-3</c:v>
                </c:pt>
                <c:pt idx="1129">
                  <c:v>8.6999999999999994E-3</c:v>
                </c:pt>
                <c:pt idx="1130">
                  <c:v>8.5000000000000006E-3</c:v>
                </c:pt>
                <c:pt idx="1131">
                  <c:v>8.3000000000000001E-3</c:v>
                </c:pt>
                <c:pt idx="1132">
                  <c:v>8.3000000000000001E-3</c:v>
                </c:pt>
                <c:pt idx="1133">
                  <c:v>8.0999999999999996E-3</c:v>
                </c:pt>
                <c:pt idx="1134">
                  <c:v>7.7999999999999996E-3</c:v>
                </c:pt>
                <c:pt idx="1135">
                  <c:v>7.7000000000000002E-3</c:v>
                </c:pt>
                <c:pt idx="1136">
                  <c:v>7.9000000000000008E-3</c:v>
                </c:pt>
                <c:pt idx="1137">
                  <c:v>8.0000000000000002E-3</c:v>
                </c:pt>
                <c:pt idx="1138">
                  <c:v>8.0000000000000002E-3</c:v>
                </c:pt>
                <c:pt idx="1139">
                  <c:v>8.2000000000000007E-3</c:v>
                </c:pt>
                <c:pt idx="1140">
                  <c:v>8.6E-3</c:v>
                </c:pt>
                <c:pt idx="1141">
                  <c:v>8.8000000000000005E-3</c:v>
                </c:pt>
                <c:pt idx="1142">
                  <c:v>8.9999999999999993E-3</c:v>
                </c:pt>
                <c:pt idx="1143">
                  <c:v>9.1000000000000004E-3</c:v>
                </c:pt>
                <c:pt idx="1144">
                  <c:v>8.9999999999999993E-3</c:v>
                </c:pt>
                <c:pt idx="1145">
                  <c:v>9.1000000000000004E-3</c:v>
                </c:pt>
                <c:pt idx="1146">
                  <c:v>8.9999999999999993E-3</c:v>
                </c:pt>
                <c:pt idx="1147">
                  <c:v>8.8999999999999999E-3</c:v>
                </c:pt>
                <c:pt idx="1148">
                  <c:v>8.8999999999999999E-3</c:v>
                </c:pt>
                <c:pt idx="1149">
                  <c:v>9.1000000000000004E-3</c:v>
                </c:pt>
                <c:pt idx="1150">
                  <c:v>9.2999999999999992E-3</c:v>
                </c:pt>
                <c:pt idx="1151">
                  <c:v>9.5999999999999992E-3</c:v>
                </c:pt>
                <c:pt idx="1152">
                  <c:v>9.5999999999999992E-3</c:v>
                </c:pt>
                <c:pt idx="1153">
                  <c:v>9.7000000000000003E-3</c:v>
                </c:pt>
                <c:pt idx="1154">
                  <c:v>9.5999999999999992E-3</c:v>
                </c:pt>
                <c:pt idx="1155">
                  <c:v>9.4999999999999998E-3</c:v>
                </c:pt>
                <c:pt idx="1156">
                  <c:v>9.4000000000000004E-3</c:v>
                </c:pt>
                <c:pt idx="1157">
                  <c:v>9.2999999999999992E-3</c:v>
                </c:pt>
                <c:pt idx="1158">
                  <c:v>9.1000000000000004E-3</c:v>
                </c:pt>
                <c:pt idx="1159">
                  <c:v>8.9999999999999993E-3</c:v>
                </c:pt>
                <c:pt idx="1160">
                  <c:v>8.8000000000000005E-3</c:v>
                </c:pt>
                <c:pt idx="1161">
                  <c:v>8.6999999999999994E-3</c:v>
                </c:pt>
                <c:pt idx="1162">
                  <c:v>8.6E-3</c:v>
                </c:pt>
                <c:pt idx="1163">
                  <c:v>8.8000000000000005E-3</c:v>
                </c:pt>
                <c:pt idx="1164">
                  <c:v>8.8999999999999999E-3</c:v>
                </c:pt>
                <c:pt idx="1165">
                  <c:v>8.8999999999999999E-3</c:v>
                </c:pt>
                <c:pt idx="1166">
                  <c:v>8.9999999999999993E-3</c:v>
                </c:pt>
                <c:pt idx="1167">
                  <c:v>9.1000000000000004E-3</c:v>
                </c:pt>
                <c:pt idx="1168">
                  <c:v>8.9999999999999993E-3</c:v>
                </c:pt>
                <c:pt idx="1169">
                  <c:v>9.1000000000000004E-3</c:v>
                </c:pt>
                <c:pt idx="1170">
                  <c:v>9.4000000000000004E-3</c:v>
                </c:pt>
                <c:pt idx="1171">
                  <c:v>9.7000000000000003E-3</c:v>
                </c:pt>
                <c:pt idx="1172">
                  <c:v>9.7999999999999997E-3</c:v>
                </c:pt>
                <c:pt idx="1173">
                  <c:v>9.9000000000000008E-3</c:v>
                </c:pt>
                <c:pt idx="1174">
                  <c:v>9.7999999999999997E-3</c:v>
                </c:pt>
                <c:pt idx="1175">
                  <c:v>9.9000000000000008E-3</c:v>
                </c:pt>
                <c:pt idx="1176">
                  <c:v>9.4999999999999998E-3</c:v>
                </c:pt>
                <c:pt idx="1177">
                  <c:v>9.4000000000000004E-3</c:v>
                </c:pt>
                <c:pt idx="1178">
                  <c:v>9.1000000000000004E-3</c:v>
                </c:pt>
                <c:pt idx="1179">
                  <c:v>8.9999999999999993E-3</c:v>
                </c:pt>
                <c:pt idx="1180">
                  <c:v>9.1999999999999998E-3</c:v>
                </c:pt>
                <c:pt idx="1181">
                  <c:v>9.2999999999999992E-3</c:v>
                </c:pt>
                <c:pt idx="1182">
                  <c:v>9.1999999999999998E-3</c:v>
                </c:pt>
                <c:pt idx="1183">
                  <c:v>8.9999999999999993E-3</c:v>
                </c:pt>
                <c:pt idx="1184">
                  <c:v>9.1000000000000004E-3</c:v>
                </c:pt>
                <c:pt idx="1185">
                  <c:v>9.2999999999999992E-3</c:v>
                </c:pt>
                <c:pt idx="1186">
                  <c:v>9.2999999999999992E-3</c:v>
                </c:pt>
                <c:pt idx="1187">
                  <c:v>9.1000000000000004E-3</c:v>
                </c:pt>
                <c:pt idx="1188">
                  <c:v>9.1999999999999998E-3</c:v>
                </c:pt>
                <c:pt idx="1189">
                  <c:v>9.1999999999999998E-3</c:v>
                </c:pt>
                <c:pt idx="1190">
                  <c:v>9.2999999999999992E-3</c:v>
                </c:pt>
                <c:pt idx="1191">
                  <c:v>9.4000000000000004E-3</c:v>
                </c:pt>
                <c:pt idx="1192">
                  <c:v>9.4000000000000004E-3</c:v>
                </c:pt>
                <c:pt idx="1193">
                  <c:v>9.1000000000000004E-3</c:v>
                </c:pt>
                <c:pt idx="1194">
                  <c:v>9.1000000000000004E-3</c:v>
                </c:pt>
                <c:pt idx="1195">
                  <c:v>9.1000000000000004E-3</c:v>
                </c:pt>
                <c:pt idx="1196">
                  <c:v>9.1000000000000004E-3</c:v>
                </c:pt>
                <c:pt idx="1197">
                  <c:v>9.1000000000000004E-3</c:v>
                </c:pt>
                <c:pt idx="1198">
                  <c:v>9.1999999999999998E-3</c:v>
                </c:pt>
                <c:pt idx="1199">
                  <c:v>8.9999999999999993E-3</c:v>
                </c:pt>
                <c:pt idx="1200">
                  <c:v>8.9999999999999993E-3</c:v>
                </c:pt>
                <c:pt idx="1201">
                  <c:v>8.8999999999999999E-3</c:v>
                </c:pt>
                <c:pt idx="1202">
                  <c:v>8.6999999999999994E-3</c:v>
                </c:pt>
                <c:pt idx="1203">
                  <c:v>8.6E-3</c:v>
                </c:pt>
                <c:pt idx="1204">
                  <c:v>8.3999999999999995E-3</c:v>
                </c:pt>
                <c:pt idx="1205">
                  <c:v>8.6E-3</c:v>
                </c:pt>
                <c:pt idx="1206">
                  <c:v>8.8000000000000005E-3</c:v>
                </c:pt>
                <c:pt idx="1207">
                  <c:v>8.9999999999999993E-3</c:v>
                </c:pt>
                <c:pt idx="1208">
                  <c:v>9.4000000000000004E-3</c:v>
                </c:pt>
                <c:pt idx="1209">
                  <c:v>9.4999999999999998E-3</c:v>
                </c:pt>
                <c:pt idx="1210">
                  <c:v>9.7999999999999997E-3</c:v>
                </c:pt>
                <c:pt idx="1211">
                  <c:v>9.7000000000000003E-3</c:v>
                </c:pt>
                <c:pt idx="1212">
                  <c:v>9.5999999999999992E-3</c:v>
                </c:pt>
                <c:pt idx="1213">
                  <c:v>9.7000000000000003E-3</c:v>
                </c:pt>
                <c:pt idx="1214">
                  <c:v>9.7000000000000003E-3</c:v>
                </c:pt>
                <c:pt idx="1215">
                  <c:v>9.7999999999999997E-3</c:v>
                </c:pt>
                <c:pt idx="1216">
                  <c:v>9.9000000000000008E-3</c:v>
                </c:pt>
                <c:pt idx="1217">
                  <c:v>0.01</c:v>
                </c:pt>
                <c:pt idx="1218">
                  <c:v>1.0200000000000001E-2</c:v>
                </c:pt>
                <c:pt idx="1219">
                  <c:v>1.03E-2</c:v>
                </c:pt>
                <c:pt idx="1220">
                  <c:v>1.04E-2</c:v>
                </c:pt>
                <c:pt idx="1221">
                  <c:v>1.04E-2</c:v>
                </c:pt>
                <c:pt idx="1222">
                  <c:v>1.04E-2</c:v>
                </c:pt>
                <c:pt idx="1223">
                  <c:v>1.03E-2</c:v>
                </c:pt>
                <c:pt idx="1224">
                  <c:v>1.0200000000000001E-2</c:v>
                </c:pt>
                <c:pt idx="1225">
                  <c:v>1.01E-2</c:v>
                </c:pt>
                <c:pt idx="1226">
                  <c:v>1.0200000000000001E-2</c:v>
                </c:pt>
                <c:pt idx="1227">
                  <c:v>1.0200000000000001E-2</c:v>
                </c:pt>
                <c:pt idx="1228">
                  <c:v>1.03E-2</c:v>
                </c:pt>
                <c:pt idx="1229">
                  <c:v>1.03E-2</c:v>
                </c:pt>
                <c:pt idx="1230">
                  <c:v>1.04E-2</c:v>
                </c:pt>
                <c:pt idx="1231">
                  <c:v>1.03E-2</c:v>
                </c:pt>
                <c:pt idx="1232">
                  <c:v>1.03E-2</c:v>
                </c:pt>
                <c:pt idx="1233">
                  <c:v>1.01E-2</c:v>
                </c:pt>
                <c:pt idx="1234">
                  <c:v>9.9000000000000008E-3</c:v>
                </c:pt>
                <c:pt idx="1235">
                  <c:v>9.9000000000000008E-3</c:v>
                </c:pt>
                <c:pt idx="1236">
                  <c:v>9.9000000000000008E-3</c:v>
                </c:pt>
                <c:pt idx="1237">
                  <c:v>0.01</c:v>
                </c:pt>
                <c:pt idx="1238">
                  <c:v>9.9000000000000008E-3</c:v>
                </c:pt>
                <c:pt idx="1239">
                  <c:v>1.01E-2</c:v>
                </c:pt>
                <c:pt idx="1240">
                  <c:v>1.01E-2</c:v>
                </c:pt>
                <c:pt idx="1241">
                  <c:v>1.01E-2</c:v>
                </c:pt>
                <c:pt idx="1242">
                  <c:v>0.01</c:v>
                </c:pt>
                <c:pt idx="1243">
                  <c:v>9.9000000000000008E-3</c:v>
                </c:pt>
                <c:pt idx="1244">
                  <c:v>9.9000000000000008E-3</c:v>
                </c:pt>
                <c:pt idx="1245">
                  <c:v>9.7999999999999997E-3</c:v>
                </c:pt>
                <c:pt idx="1246">
                  <c:v>9.7999999999999997E-3</c:v>
                </c:pt>
                <c:pt idx="1247">
                  <c:v>9.7000000000000003E-3</c:v>
                </c:pt>
                <c:pt idx="1248">
                  <c:v>9.7000000000000003E-3</c:v>
                </c:pt>
                <c:pt idx="1249">
                  <c:v>9.7999999999999997E-3</c:v>
                </c:pt>
                <c:pt idx="1250">
                  <c:v>9.5999999999999992E-3</c:v>
                </c:pt>
                <c:pt idx="1251">
                  <c:v>9.4000000000000004E-3</c:v>
                </c:pt>
                <c:pt idx="1252">
                  <c:v>9.4000000000000004E-3</c:v>
                </c:pt>
                <c:pt idx="1253">
                  <c:v>9.2999999999999992E-3</c:v>
                </c:pt>
                <c:pt idx="1254">
                  <c:v>9.2999999999999992E-3</c:v>
                </c:pt>
                <c:pt idx="1255">
                  <c:v>9.2999999999999992E-3</c:v>
                </c:pt>
                <c:pt idx="1256">
                  <c:v>9.2999999999999992E-3</c:v>
                </c:pt>
                <c:pt idx="1257">
                  <c:v>9.1999999999999998E-3</c:v>
                </c:pt>
                <c:pt idx="1258">
                  <c:v>9.1999999999999998E-3</c:v>
                </c:pt>
                <c:pt idx="1259">
                  <c:v>8.8000000000000005E-3</c:v>
                </c:pt>
                <c:pt idx="1260">
                  <c:v>8.8000000000000005E-3</c:v>
                </c:pt>
                <c:pt idx="1261">
                  <c:v>8.8000000000000005E-3</c:v>
                </c:pt>
                <c:pt idx="1262">
                  <c:v>8.8000000000000005E-3</c:v>
                </c:pt>
                <c:pt idx="1263">
                  <c:v>8.9999999999999993E-3</c:v>
                </c:pt>
                <c:pt idx="1264">
                  <c:v>9.1000000000000004E-3</c:v>
                </c:pt>
                <c:pt idx="1265">
                  <c:v>9.1999999999999998E-3</c:v>
                </c:pt>
                <c:pt idx="1266">
                  <c:v>9.4000000000000004E-3</c:v>
                </c:pt>
                <c:pt idx="1267">
                  <c:v>9.2999999999999992E-3</c:v>
                </c:pt>
                <c:pt idx="1268">
                  <c:v>9.2999999999999992E-3</c:v>
                </c:pt>
                <c:pt idx="1269">
                  <c:v>9.1999999999999998E-3</c:v>
                </c:pt>
                <c:pt idx="1270">
                  <c:v>9.2999999999999992E-3</c:v>
                </c:pt>
                <c:pt idx="1271">
                  <c:v>9.4000000000000004E-3</c:v>
                </c:pt>
                <c:pt idx="1272">
                  <c:v>9.4000000000000004E-3</c:v>
                </c:pt>
                <c:pt idx="1273">
                  <c:v>9.5999999999999992E-3</c:v>
                </c:pt>
                <c:pt idx="1274">
                  <c:v>9.7000000000000003E-3</c:v>
                </c:pt>
                <c:pt idx="1275">
                  <c:v>0.01</c:v>
                </c:pt>
                <c:pt idx="1276">
                  <c:v>0.01</c:v>
                </c:pt>
                <c:pt idx="1277">
                  <c:v>9.9000000000000008E-3</c:v>
                </c:pt>
                <c:pt idx="1278">
                  <c:v>9.7000000000000003E-3</c:v>
                </c:pt>
                <c:pt idx="1279">
                  <c:v>9.5999999999999992E-3</c:v>
                </c:pt>
                <c:pt idx="1280">
                  <c:v>9.5999999999999992E-3</c:v>
                </c:pt>
                <c:pt idx="1281">
                  <c:v>9.4999999999999998E-3</c:v>
                </c:pt>
                <c:pt idx="1282">
                  <c:v>9.7999999999999997E-3</c:v>
                </c:pt>
                <c:pt idx="1283">
                  <c:v>9.7999999999999997E-3</c:v>
                </c:pt>
                <c:pt idx="1284">
                  <c:v>9.7000000000000003E-3</c:v>
                </c:pt>
                <c:pt idx="1285">
                  <c:v>9.5999999999999992E-3</c:v>
                </c:pt>
                <c:pt idx="1286">
                  <c:v>9.5999999999999992E-3</c:v>
                </c:pt>
                <c:pt idx="1287">
                  <c:v>9.4999999999999998E-3</c:v>
                </c:pt>
                <c:pt idx="1288">
                  <c:v>9.4999999999999998E-3</c:v>
                </c:pt>
                <c:pt idx="1289">
                  <c:v>9.5999999999999992E-3</c:v>
                </c:pt>
                <c:pt idx="1290">
                  <c:v>9.7999999999999997E-3</c:v>
                </c:pt>
                <c:pt idx="1291">
                  <c:v>0.01</c:v>
                </c:pt>
                <c:pt idx="1292">
                  <c:v>1.01E-2</c:v>
                </c:pt>
                <c:pt idx="1293">
                  <c:v>1.01E-2</c:v>
                </c:pt>
                <c:pt idx="1294">
                  <c:v>1.0200000000000001E-2</c:v>
                </c:pt>
                <c:pt idx="1295">
                  <c:v>1.0200000000000001E-2</c:v>
                </c:pt>
                <c:pt idx="1296">
                  <c:v>1.01E-2</c:v>
                </c:pt>
                <c:pt idx="1297">
                  <c:v>1.03E-2</c:v>
                </c:pt>
                <c:pt idx="1298">
                  <c:v>1.04E-2</c:v>
                </c:pt>
                <c:pt idx="1299">
                  <c:v>1.04E-2</c:v>
                </c:pt>
                <c:pt idx="1300">
                  <c:v>1.04E-2</c:v>
                </c:pt>
                <c:pt idx="1301">
                  <c:v>1.01E-2</c:v>
                </c:pt>
                <c:pt idx="1302">
                  <c:v>1.01E-2</c:v>
                </c:pt>
                <c:pt idx="1303">
                  <c:v>1.01E-2</c:v>
                </c:pt>
                <c:pt idx="1304">
                  <c:v>0.01</c:v>
                </c:pt>
                <c:pt idx="1305">
                  <c:v>0.01</c:v>
                </c:pt>
                <c:pt idx="1306">
                  <c:v>9.9000000000000008E-3</c:v>
                </c:pt>
                <c:pt idx="1307">
                  <c:v>9.9000000000000008E-3</c:v>
                </c:pt>
                <c:pt idx="1308">
                  <c:v>9.9000000000000008E-3</c:v>
                </c:pt>
                <c:pt idx="1309">
                  <c:v>0.01</c:v>
                </c:pt>
                <c:pt idx="1310">
                  <c:v>8.8000000000000005E-3</c:v>
                </c:pt>
                <c:pt idx="1311">
                  <c:v>1.12E-2</c:v>
                </c:pt>
                <c:pt idx="1312">
                  <c:v>1.12E-2</c:v>
                </c:pt>
                <c:pt idx="1313">
                  <c:v>1.11E-2</c:v>
                </c:pt>
                <c:pt idx="1314">
                  <c:v>1.0999999999999999E-2</c:v>
                </c:pt>
                <c:pt idx="1315">
                  <c:v>1.0999999999999999E-2</c:v>
                </c:pt>
                <c:pt idx="1316">
                  <c:v>1.11E-2</c:v>
                </c:pt>
                <c:pt idx="1317">
                  <c:v>1.0999999999999999E-2</c:v>
                </c:pt>
                <c:pt idx="1318">
                  <c:v>1.09E-2</c:v>
                </c:pt>
                <c:pt idx="1319">
                  <c:v>1.09E-2</c:v>
                </c:pt>
                <c:pt idx="1320">
                  <c:v>1.09E-2</c:v>
                </c:pt>
                <c:pt idx="1321">
                  <c:v>1.0999999999999999E-2</c:v>
                </c:pt>
                <c:pt idx="1322">
                  <c:v>1.09E-2</c:v>
                </c:pt>
                <c:pt idx="1323">
                  <c:v>1.09E-2</c:v>
                </c:pt>
                <c:pt idx="1324">
                  <c:v>1.0800000000000001E-2</c:v>
                </c:pt>
                <c:pt idx="1325">
                  <c:v>1.0699999999999999E-2</c:v>
                </c:pt>
                <c:pt idx="1326">
                  <c:v>1.0500000000000001E-2</c:v>
                </c:pt>
                <c:pt idx="1327">
                  <c:v>1.06E-2</c:v>
                </c:pt>
                <c:pt idx="1328">
                  <c:v>1.06E-2</c:v>
                </c:pt>
                <c:pt idx="1329">
                  <c:v>1.04E-2</c:v>
                </c:pt>
                <c:pt idx="1330">
                  <c:v>1.04E-2</c:v>
                </c:pt>
                <c:pt idx="1331">
                  <c:v>1.03E-2</c:v>
                </c:pt>
                <c:pt idx="1332">
                  <c:v>1.03E-2</c:v>
                </c:pt>
                <c:pt idx="1333">
                  <c:v>0.01</c:v>
                </c:pt>
                <c:pt idx="1334">
                  <c:v>0.01</c:v>
                </c:pt>
                <c:pt idx="1335">
                  <c:v>9.9000000000000008E-3</c:v>
                </c:pt>
                <c:pt idx="1336">
                  <c:v>9.9000000000000008E-3</c:v>
                </c:pt>
                <c:pt idx="1337">
                  <c:v>1.01E-2</c:v>
                </c:pt>
                <c:pt idx="1338">
                  <c:v>1.04E-2</c:v>
                </c:pt>
                <c:pt idx="1339">
                  <c:v>1.06E-2</c:v>
                </c:pt>
                <c:pt idx="1340">
                  <c:v>1.0800000000000001E-2</c:v>
                </c:pt>
                <c:pt idx="1341">
                  <c:v>1.0800000000000001E-2</c:v>
                </c:pt>
                <c:pt idx="1342">
                  <c:v>1.0699999999999999E-2</c:v>
                </c:pt>
                <c:pt idx="1343">
                  <c:v>1.0699999999999999E-2</c:v>
                </c:pt>
                <c:pt idx="1344">
                  <c:v>1.0699999999999999E-2</c:v>
                </c:pt>
                <c:pt idx="1345">
                  <c:v>1.0800000000000001E-2</c:v>
                </c:pt>
                <c:pt idx="1346">
                  <c:v>1.09E-2</c:v>
                </c:pt>
                <c:pt idx="1347">
                  <c:v>1.0999999999999999E-2</c:v>
                </c:pt>
                <c:pt idx="1348">
                  <c:v>1.0800000000000001E-2</c:v>
                </c:pt>
                <c:pt idx="1349">
                  <c:v>1.0200000000000001E-2</c:v>
                </c:pt>
                <c:pt idx="1350">
                  <c:v>1.0200000000000001E-2</c:v>
                </c:pt>
                <c:pt idx="1351">
                  <c:v>1.01E-2</c:v>
                </c:pt>
                <c:pt idx="1352">
                  <c:v>1.0200000000000001E-2</c:v>
                </c:pt>
                <c:pt idx="1353">
                  <c:v>1.03E-2</c:v>
                </c:pt>
                <c:pt idx="1354">
                  <c:v>1.04E-2</c:v>
                </c:pt>
                <c:pt idx="1355">
                  <c:v>1.0200000000000001E-2</c:v>
                </c:pt>
                <c:pt idx="1356">
                  <c:v>0.01</c:v>
                </c:pt>
                <c:pt idx="1357">
                  <c:v>9.5999999999999992E-3</c:v>
                </c:pt>
                <c:pt idx="1358">
                  <c:v>9.4000000000000004E-3</c:v>
                </c:pt>
                <c:pt idx="1359">
                  <c:v>9.2999999999999992E-3</c:v>
                </c:pt>
                <c:pt idx="1360">
                  <c:v>9.1999999999999998E-3</c:v>
                </c:pt>
                <c:pt idx="1361">
                  <c:v>9.1000000000000004E-3</c:v>
                </c:pt>
                <c:pt idx="1362">
                  <c:v>9.1999999999999998E-3</c:v>
                </c:pt>
                <c:pt idx="1363">
                  <c:v>9.4000000000000004E-3</c:v>
                </c:pt>
                <c:pt idx="1364">
                  <c:v>9.4999999999999998E-3</c:v>
                </c:pt>
                <c:pt idx="1365">
                  <c:v>9.4999999999999998E-3</c:v>
                </c:pt>
                <c:pt idx="1366">
                  <c:v>9.2999999999999992E-3</c:v>
                </c:pt>
                <c:pt idx="1367">
                  <c:v>9.1000000000000004E-3</c:v>
                </c:pt>
                <c:pt idx="1368">
                  <c:v>8.8999999999999999E-3</c:v>
                </c:pt>
                <c:pt idx="1369">
                  <c:v>8.8999999999999999E-3</c:v>
                </c:pt>
                <c:pt idx="1370">
                  <c:v>8.8999999999999999E-3</c:v>
                </c:pt>
                <c:pt idx="1371">
                  <c:v>9.1999999999999998E-3</c:v>
                </c:pt>
                <c:pt idx="1372">
                  <c:v>9.4999999999999998E-3</c:v>
                </c:pt>
                <c:pt idx="1373">
                  <c:v>9.7000000000000003E-3</c:v>
                </c:pt>
                <c:pt idx="1374">
                  <c:v>9.9000000000000008E-3</c:v>
                </c:pt>
                <c:pt idx="1375">
                  <c:v>9.7999999999999997E-3</c:v>
                </c:pt>
                <c:pt idx="1376">
                  <c:v>9.7000000000000003E-3</c:v>
                </c:pt>
                <c:pt idx="1377">
                  <c:v>9.7999999999999997E-3</c:v>
                </c:pt>
                <c:pt idx="1378">
                  <c:v>9.7999999999999997E-3</c:v>
                </c:pt>
                <c:pt idx="1379">
                  <c:v>9.7999999999999997E-3</c:v>
                </c:pt>
                <c:pt idx="1380">
                  <c:v>9.7999999999999997E-3</c:v>
                </c:pt>
                <c:pt idx="1381">
                  <c:v>9.9000000000000008E-3</c:v>
                </c:pt>
                <c:pt idx="1382">
                  <c:v>0.01</c:v>
                </c:pt>
                <c:pt idx="1383">
                  <c:v>1.01E-2</c:v>
                </c:pt>
                <c:pt idx="1384">
                  <c:v>0.01</c:v>
                </c:pt>
                <c:pt idx="1385">
                  <c:v>9.9000000000000008E-3</c:v>
                </c:pt>
                <c:pt idx="1386">
                  <c:v>9.7000000000000003E-3</c:v>
                </c:pt>
                <c:pt idx="1387">
                  <c:v>9.7000000000000003E-3</c:v>
                </c:pt>
                <c:pt idx="1388">
                  <c:v>9.5999999999999992E-3</c:v>
                </c:pt>
                <c:pt idx="1389">
                  <c:v>9.4999999999999998E-3</c:v>
                </c:pt>
                <c:pt idx="1390">
                  <c:v>9.1999999999999998E-3</c:v>
                </c:pt>
                <c:pt idx="1391">
                  <c:v>8.9999999999999993E-3</c:v>
                </c:pt>
                <c:pt idx="1392">
                  <c:v>8.9999999999999993E-3</c:v>
                </c:pt>
                <c:pt idx="1393">
                  <c:v>8.9999999999999993E-3</c:v>
                </c:pt>
                <c:pt idx="1394">
                  <c:v>8.9999999999999993E-3</c:v>
                </c:pt>
                <c:pt idx="1395">
                  <c:v>8.9999999999999993E-3</c:v>
                </c:pt>
                <c:pt idx="1396">
                  <c:v>8.8999999999999999E-3</c:v>
                </c:pt>
                <c:pt idx="1397">
                  <c:v>8.8999999999999999E-3</c:v>
                </c:pt>
                <c:pt idx="1398">
                  <c:v>8.8999999999999999E-3</c:v>
                </c:pt>
                <c:pt idx="1399">
                  <c:v>8.9999999999999993E-3</c:v>
                </c:pt>
                <c:pt idx="1400">
                  <c:v>8.8999999999999999E-3</c:v>
                </c:pt>
                <c:pt idx="1401">
                  <c:v>8.9999999999999993E-3</c:v>
                </c:pt>
                <c:pt idx="1402">
                  <c:v>9.1000000000000004E-3</c:v>
                </c:pt>
                <c:pt idx="1403">
                  <c:v>8.6999999999999994E-3</c:v>
                </c:pt>
                <c:pt idx="1404">
                  <c:v>8.5000000000000006E-3</c:v>
                </c:pt>
                <c:pt idx="1405">
                  <c:v>8.6E-3</c:v>
                </c:pt>
                <c:pt idx="1406">
                  <c:v>8.6E-3</c:v>
                </c:pt>
                <c:pt idx="1407">
                  <c:v>8.8000000000000005E-3</c:v>
                </c:pt>
                <c:pt idx="1408">
                  <c:v>8.8000000000000005E-3</c:v>
                </c:pt>
                <c:pt idx="1409">
                  <c:v>8.9999999999999993E-3</c:v>
                </c:pt>
                <c:pt idx="1410">
                  <c:v>9.1000000000000004E-3</c:v>
                </c:pt>
                <c:pt idx="1411">
                  <c:v>9.2999999999999992E-3</c:v>
                </c:pt>
                <c:pt idx="1412">
                  <c:v>9.4999999999999998E-3</c:v>
                </c:pt>
                <c:pt idx="1413">
                  <c:v>9.7000000000000003E-3</c:v>
                </c:pt>
                <c:pt idx="1414">
                  <c:v>9.9000000000000008E-3</c:v>
                </c:pt>
                <c:pt idx="1415">
                  <c:v>0.01</c:v>
                </c:pt>
                <c:pt idx="1416">
                  <c:v>9.9000000000000008E-3</c:v>
                </c:pt>
                <c:pt idx="1417">
                  <c:v>9.7999999999999997E-3</c:v>
                </c:pt>
                <c:pt idx="1418">
                  <c:v>0.01</c:v>
                </c:pt>
                <c:pt idx="1419">
                  <c:v>1.0200000000000001E-2</c:v>
                </c:pt>
                <c:pt idx="1420">
                  <c:v>1.04E-2</c:v>
                </c:pt>
                <c:pt idx="1421">
                  <c:v>1.06E-2</c:v>
                </c:pt>
                <c:pt idx="1422">
                  <c:v>1.0800000000000001E-2</c:v>
                </c:pt>
                <c:pt idx="1423">
                  <c:v>1.0699999999999999E-2</c:v>
                </c:pt>
                <c:pt idx="1424">
                  <c:v>1.0699999999999999E-2</c:v>
                </c:pt>
                <c:pt idx="1425">
                  <c:v>1.0500000000000001E-2</c:v>
                </c:pt>
                <c:pt idx="1426">
                  <c:v>1.0500000000000001E-2</c:v>
                </c:pt>
                <c:pt idx="1427">
                  <c:v>1.04E-2</c:v>
                </c:pt>
                <c:pt idx="1428">
                  <c:v>1.04E-2</c:v>
                </c:pt>
                <c:pt idx="1429">
                  <c:v>1.04E-2</c:v>
                </c:pt>
                <c:pt idx="1430">
                  <c:v>1.0500000000000001E-2</c:v>
                </c:pt>
                <c:pt idx="1431">
                  <c:v>1.04E-2</c:v>
                </c:pt>
                <c:pt idx="1432">
                  <c:v>1.04E-2</c:v>
                </c:pt>
                <c:pt idx="1433">
                  <c:v>1.06E-2</c:v>
                </c:pt>
                <c:pt idx="1434">
                  <c:v>1.04E-2</c:v>
                </c:pt>
                <c:pt idx="1435">
                  <c:v>1.03E-2</c:v>
                </c:pt>
                <c:pt idx="1436">
                  <c:v>1.03E-2</c:v>
                </c:pt>
                <c:pt idx="1437">
                  <c:v>1.04E-2</c:v>
                </c:pt>
                <c:pt idx="1438">
                  <c:v>1.04E-2</c:v>
                </c:pt>
                <c:pt idx="1439">
                  <c:v>1.03E-2</c:v>
                </c:pt>
                <c:pt idx="1440">
                  <c:v>1.0200000000000001E-2</c:v>
                </c:pt>
                <c:pt idx="1441">
                  <c:v>1.01E-2</c:v>
                </c:pt>
                <c:pt idx="1442">
                  <c:v>1.01E-2</c:v>
                </c:pt>
                <c:pt idx="1443">
                  <c:v>1.01E-2</c:v>
                </c:pt>
                <c:pt idx="1444">
                  <c:v>0.01</c:v>
                </c:pt>
                <c:pt idx="1445">
                  <c:v>1.01E-2</c:v>
                </c:pt>
                <c:pt idx="1446">
                  <c:v>1.0200000000000001E-2</c:v>
                </c:pt>
                <c:pt idx="1447">
                  <c:v>1.03E-2</c:v>
                </c:pt>
                <c:pt idx="1448">
                  <c:v>1.03E-2</c:v>
                </c:pt>
                <c:pt idx="1449">
                  <c:v>1.0200000000000001E-2</c:v>
                </c:pt>
                <c:pt idx="1450">
                  <c:v>1.03E-2</c:v>
                </c:pt>
                <c:pt idx="1451">
                  <c:v>1.0200000000000001E-2</c:v>
                </c:pt>
                <c:pt idx="1452">
                  <c:v>1.04E-2</c:v>
                </c:pt>
                <c:pt idx="1453">
                  <c:v>1.04E-2</c:v>
                </c:pt>
                <c:pt idx="1454">
                  <c:v>1.0500000000000001E-2</c:v>
                </c:pt>
                <c:pt idx="1455">
                  <c:v>1.0800000000000001E-2</c:v>
                </c:pt>
                <c:pt idx="1456">
                  <c:v>1.0800000000000001E-2</c:v>
                </c:pt>
                <c:pt idx="1457">
                  <c:v>1.0999999999999999E-2</c:v>
                </c:pt>
                <c:pt idx="1458">
                  <c:v>1.0999999999999999E-2</c:v>
                </c:pt>
                <c:pt idx="1459">
                  <c:v>1.0999999999999999E-2</c:v>
                </c:pt>
                <c:pt idx="1460">
                  <c:v>1.09E-2</c:v>
                </c:pt>
                <c:pt idx="1461">
                  <c:v>1.0699999999999999E-2</c:v>
                </c:pt>
                <c:pt idx="1462">
                  <c:v>1.0699999999999999E-2</c:v>
                </c:pt>
                <c:pt idx="1463">
                  <c:v>1.0800000000000001E-2</c:v>
                </c:pt>
                <c:pt idx="1464">
                  <c:v>1.09E-2</c:v>
                </c:pt>
                <c:pt idx="1465">
                  <c:v>1.09E-2</c:v>
                </c:pt>
                <c:pt idx="1466">
                  <c:v>1.0800000000000001E-2</c:v>
                </c:pt>
                <c:pt idx="1467">
                  <c:v>1.0699999999999999E-2</c:v>
                </c:pt>
                <c:pt idx="1468">
                  <c:v>1.0699999999999999E-2</c:v>
                </c:pt>
                <c:pt idx="1469">
                  <c:v>1.0500000000000001E-2</c:v>
                </c:pt>
                <c:pt idx="1470">
                  <c:v>1.04E-2</c:v>
                </c:pt>
                <c:pt idx="1471">
                  <c:v>1.04E-2</c:v>
                </c:pt>
                <c:pt idx="1472">
                  <c:v>1.03E-2</c:v>
                </c:pt>
                <c:pt idx="1473">
                  <c:v>1.03E-2</c:v>
                </c:pt>
                <c:pt idx="1474">
                  <c:v>1.03E-2</c:v>
                </c:pt>
                <c:pt idx="1475">
                  <c:v>1.03E-2</c:v>
                </c:pt>
                <c:pt idx="1476">
                  <c:v>1.0200000000000001E-2</c:v>
                </c:pt>
                <c:pt idx="1477">
                  <c:v>1.04E-2</c:v>
                </c:pt>
                <c:pt idx="1478">
                  <c:v>1.0500000000000001E-2</c:v>
                </c:pt>
                <c:pt idx="1479">
                  <c:v>1.0500000000000001E-2</c:v>
                </c:pt>
                <c:pt idx="1480">
                  <c:v>1.04E-2</c:v>
                </c:pt>
                <c:pt idx="1481">
                  <c:v>1.0500000000000001E-2</c:v>
                </c:pt>
                <c:pt idx="1482">
                  <c:v>1.06E-2</c:v>
                </c:pt>
                <c:pt idx="1483">
                  <c:v>1.0800000000000001E-2</c:v>
                </c:pt>
                <c:pt idx="1484">
                  <c:v>1.0999999999999999E-2</c:v>
                </c:pt>
                <c:pt idx="1485">
                  <c:v>1.0999999999999999E-2</c:v>
                </c:pt>
                <c:pt idx="1486">
                  <c:v>1.11E-2</c:v>
                </c:pt>
                <c:pt idx="1487">
                  <c:v>1.11E-2</c:v>
                </c:pt>
                <c:pt idx="1488">
                  <c:v>1.09E-2</c:v>
                </c:pt>
                <c:pt idx="1489">
                  <c:v>1.0699999999999999E-2</c:v>
                </c:pt>
                <c:pt idx="1490">
                  <c:v>1.06E-2</c:v>
                </c:pt>
                <c:pt idx="1491">
                  <c:v>1.0699999999999999E-2</c:v>
                </c:pt>
                <c:pt idx="1492">
                  <c:v>1.04E-2</c:v>
                </c:pt>
                <c:pt idx="1493">
                  <c:v>1.0200000000000001E-2</c:v>
                </c:pt>
                <c:pt idx="1494">
                  <c:v>0.01</c:v>
                </c:pt>
                <c:pt idx="1495">
                  <c:v>9.9000000000000008E-3</c:v>
                </c:pt>
                <c:pt idx="1496">
                  <c:v>9.7999999999999997E-3</c:v>
                </c:pt>
                <c:pt idx="1497">
                  <c:v>9.7999999999999997E-3</c:v>
                </c:pt>
                <c:pt idx="1498">
                  <c:v>9.9000000000000008E-3</c:v>
                </c:pt>
                <c:pt idx="1499">
                  <c:v>0.01</c:v>
                </c:pt>
                <c:pt idx="1500">
                  <c:v>1.01E-2</c:v>
                </c:pt>
                <c:pt idx="1501">
                  <c:v>9.7999999999999997E-3</c:v>
                </c:pt>
                <c:pt idx="1502">
                  <c:v>9.9000000000000008E-3</c:v>
                </c:pt>
                <c:pt idx="1503">
                  <c:v>9.7999999999999997E-3</c:v>
                </c:pt>
                <c:pt idx="1504">
                  <c:v>9.7999999999999997E-3</c:v>
                </c:pt>
                <c:pt idx="1505">
                  <c:v>0.01</c:v>
                </c:pt>
                <c:pt idx="1506">
                  <c:v>1.03E-2</c:v>
                </c:pt>
                <c:pt idx="1507">
                  <c:v>1.03E-2</c:v>
                </c:pt>
                <c:pt idx="1508">
                  <c:v>1.0500000000000001E-2</c:v>
                </c:pt>
                <c:pt idx="1509">
                  <c:v>1.03E-2</c:v>
                </c:pt>
                <c:pt idx="1510">
                  <c:v>1.04E-2</c:v>
                </c:pt>
                <c:pt idx="1511">
                  <c:v>1.0500000000000001E-2</c:v>
                </c:pt>
                <c:pt idx="1512">
                  <c:v>1.0500000000000001E-2</c:v>
                </c:pt>
                <c:pt idx="1513">
                  <c:v>1.0200000000000001E-2</c:v>
                </c:pt>
                <c:pt idx="1514">
                  <c:v>0.01</c:v>
                </c:pt>
                <c:pt idx="1515">
                  <c:v>9.9000000000000008E-3</c:v>
                </c:pt>
                <c:pt idx="1516">
                  <c:v>9.9000000000000008E-3</c:v>
                </c:pt>
                <c:pt idx="1517">
                  <c:v>9.9000000000000008E-3</c:v>
                </c:pt>
                <c:pt idx="1518">
                  <c:v>9.7999999999999997E-3</c:v>
                </c:pt>
                <c:pt idx="1519">
                  <c:v>9.4999999999999998E-3</c:v>
                </c:pt>
                <c:pt idx="1520">
                  <c:v>9.2999999999999992E-3</c:v>
                </c:pt>
                <c:pt idx="1521">
                  <c:v>8.8999999999999999E-3</c:v>
                </c:pt>
                <c:pt idx="1522">
                  <c:v>8.5000000000000006E-3</c:v>
                </c:pt>
                <c:pt idx="1523">
                  <c:v>8.2000000000000007E-3</c:v>
                </c:pt>
                <c:pt idx="1524">
                  <c:v>8.0000000000000002E-3</c:v>
                </c:pt>
                <c:pt idx="1525">
                  <c:v>8.3000000000000001E-3</c:v>
                </c:pt>
                <c:pt idx="1526">
                  <c:v>8.2000000000000007E-3</c:v>
                </c:pt>
                <c:pt idx="1527">
                  <c:v>8.6E-3</c:v>
                </c:pt>
                <c:pt idx="1528">
                  <c:v>8.9999999999999993E-3</c:v>
                </c:pt>
                <c:pt idx="1529">
                  <c:v>9.4000000000000004E-3</c:v>
                </c:pt>
                <c:pt idx="1530">
                  <c:v>9.2999999999999992E-3</c:v>
                </c:pt>
                <c:pt idx="1531">
                  <c:v>9.1999999999999998E-3</c:v>
                </c:pt>
                <c:pt idx="1532">
                  <c:v>9.2999999999999992E-3</c:v>
                </c:pt>
                <c:pt idx="1533">
                  <c:v>9.2999999999999992E-3</c:v>
                </c:pt>
                <c:pt idx="1534">
                  <c:v>8.6999999999999994E-3</c:v>
                </c:pt>
                <c:pt idx="1535">
                  <c:v>8.8999999999999999E-3</c:v>
                </c:pt>
                <c:pt idx="1536">
                  <c:v>9.1000000000000004E-3</c:v>
                </c:pt>
                <c:pt idx="1537">
                  <c:v>9.1999999999999998E-3</c:v>
                </c:pt>
                <c:pt idx="1538">
                  <c:v>8.9999999999999993E-3</c:v>
                </c:pt>
                <c:pt idx="1539">
                  <c:v>8.9999999999999993E-3</c:v>
                </c:pt>
                <c:pt idx="1540">
                  <c:v>8.6999999999999994E-3</c:v>
                </c:pt>
                <c:pt idx="1541">
                  <c:v>8.3000000000000001E-3</c:v>
                </c:pt>
                <c:pt idx="1542">
                  <c:v>8.0999999999999996E-3</c:v>
                </c:pt>
                <c:pt idx="1543">
                  <c:v>8.0000000000000002E-3</c:v>
                </c:pt>
                <c:pt idx="1544">
                  <c:v>8.2000000000000007E-3</c:v>
                </c:pt>
                <c:pt idx="1545">
                  <c:v>8.6E-3</c:v>
                </c:pt>
                <c:pt idx="1546">
                  <c:v>8.6999999999999994E-3</c:v>
                </c:pt>
                <c:pt idx="1547">
                  <c:v>9.1000000000000004E-3</c:v>
                </c:pt>
                <c:pt idx="1548">
                  <c:v>8.8000000000000005E-3</c:v>
                </c:pt>
                <c:pt idx="1549">
                  <c:v>8.6E-3</c:v>
                </c:pt>
                <c:pt idx="1550">
                  <c:v>8.6E-3</c:v>
                </c:pt>
                <c:pt idx="1551">
                  <c:v>8.5000000000000006E-3</c:v>
                </c:pt>
                <c:pt idx="1552">
                  <c:v>8.6E-3</c:v>
                </c:pt>
                <c:pt idx="1553">
                  <c:v>8.8000000000000005E-3</c:v>
                </c:pt>
                <c:pt idx="1554">
                  <c:v>8.6999999999999994E-3</c:v>
                </c:pt>
                <c:pt idx="1555">
                  <c:v>8.6999999999999994E-3</c:v>
                </c:pt>
                <c:pt idx="1556">
                  <c:v>8.9999999999999993E-3</c:v>
                </c:pt>
                <c:pt idx="1557">
                  <c:v>9.2999999999999992E-3</c:v>
                </c:pt>
                <c:pt idx="1558">
                  <c:v>9.4000000000000004E-3</c:v>
                </c:pt>
                <c:pt idx="1559">
                  <c:v>9.4000000000000004E-3</c:v>
                </c:pt>
                <c:pt idx="1560">
                  <c:v>9.7000000000000003E-3</c:v>
                </c:pt>
                <c:pt idx="1561">
                  <c:v>9.4000000000000004E-3</c:v>
                </c:pt>
                <c:pt idx="1562">
                  <c:v>8.9999999999999993E-3</c:v>
                </c:pt>
                <c:pt idx="1563">
                  <c:v>9.1000000000000004E-3</c:v>
                </c:pt>
                <c:pt idx="1564">
                  <c:v>8.9999999999999993E-3</c:v>
                </c:pt>
                <c:pt idx="1565">
                  <c:v>8.3999999999999995E-3</c:v>
                </c:pt>
                <c:pt idx="1566">
                  <c:v>7.7999999999999996E-3</c:v>
                </c:pt>
                <c:pt idx="1567">
                  <c:v>8.0000000000000002E-3</c:v>
                </c:pt>
                <c:pt idx="1568">
                  <c:v>7.7999999999999996E-3</c:v>
                </c:pt>
                <c:pt idx="1569">
                  <c:v>7.7000000000000002E-3</c:v>
                </c:pt>
                <c:pt idx="1570">
                  <c:v>7.7999999999999996E-3</c:v>
                </c:pt>
                <c:pt idx="1571">
                  <c:v>7.6E-3</c:v>
                </c:pt>
                <c:pt idx="1572">
                  <c:v>7.4000000000000003E-3</c:v>
                </c:pt>
                <c:pt idx="1573">
                  <c:v>7.4000000000000003E-3</c:v>
                </c:pt>
                <c:pt idx="1574">
                  <c:v>7.7999999999999996E-3</c:v>
                </c:pt>
                <c:pt idx="1575">
                  <c:v>8.2000000000000007E-3</c:v>
                </c:pt>
                <c:pt idx="1576">
                  <c:v>9.1000000000000004E-3</c:v>
                </c:pt>
                <c:pt idx="1577">
                  <c:v>9.7999999999999997E-3</c:v>
                </c:pt>
                <c:pt idx="1578">
                  <c:v>1.0500000000000001E-2</c:v>
                </c:pt>
                <c:pt idx="1579">
                  <c:v>1.06E-2</c:v>
                </c:pt>
                <c:pt idx="1580">
                  <c:v>1.0500000000000001E-2</c:v>
                </c:pt>
                <c:pt idx="1581">
                  <c:v>1.03E-2</c:v>
                </c:pt>
                <c:pt idx="1582">
                  <c:v>1.03E-2</c:v>
                </c:pt>
                <c:pt idx="1583">
                  <c:v>1.04E-2</c:v>
                </c:pt>
                <c:pt idx="1584">
                  <c:v>1.03E-2</c:v>
                </c:pt>
                <c:pt idx="1585">
                  <c:v>0.01</c:v>
                </c:pt>
                <c:pt idx="1586">
                  <c:v>0.01</c:v>
                </c:pt>
                <c:pt idx="1587">
                  <c:v>9.7999999999999997E-3</c:v>
                </c:pt>
                <c:pt idx="1588">
                  <c:v>8.9999999999999993E-3</c:v>
                </c:pt>
                <c:pt idx="1589">
                  <c:v>7.7999999999999996E-3</c:v>
                </c:pt>
                <c:pt idx="1590">
                  <c:v>7.1000000000000004E-3</c:v>
                </c:pt>
                <c:pt idx="1591">
                  <c:v>7.1999999999999998E-3</c:v>
                </c:pt>
                <c:pt idx="1592">
                  <c:v>6.7000000000000002E-3</c:v>
                </c:pt>
                <c:pt idx="1593">
                  <c:v>6.7999999999999996E-3</c:v>
                </c:pt>
                <c:pt idx="1594">
                  <c:v>7.3000000000000001E-3</c:v>
                </c:pt>
                <c:pt idx="1595">
                  <c:v>7.7000000000000002E-3</c:v>
                </c:pt>
                <c:pt idx="1596">
                  <c:v>7.7000000000000002E-3</c:v>
                </c:pt>
                <c:pt idx="1597">
                  <c:v>7.6E-3</c:v>
                </c:pt>
                <c:pt idx="1598">
                  <c:v>8.0999999999999996E-3</c:v>
                </c:pt>
                <c:pt idx="1599">
                  <c:v>8.3000000000000001E-3</c:v>
                </c:pt>
                <c:pt idx="1600">
                  <c:v>8.8999999999999999E-3</c:v>
                </c:pt>
                <c:pt idx="1601">
                  <c:v>8.8999999999999999E-3</c:v>
                </c:pt>
                <c:pt idx="1602">
                  <c:v>9.1999999999999998E-3</c:v>
                </c:pt>
                <c:pt idx="1603">
                  <c:v>1.03E-2</c:v>
                </c:pt>
                <c:pt idx="1604">
                  <c:v>1.14E-2</c:v>
                </c:pt>
                <c:pt idx="1605">
                  <c:v>1.15E-2</c:v>
                </c:pt>
                <c:pt idx="1606">
                  <c:v>1.11E-2</c:v>
                </c:pt>
                <c:pt idx="1607">
                  <c:v>1.14E-2</c:v>
                </c:pt>
                <c:pt idx="1608">
                  <c:v>1.1299999999999999E-2</c:v>
                </c:pt>
                <c:pt idx="1609">
                  <c:v>1.1599999999999999E-2</c:v>
                </c:pt>
                <c:pt idx="1610">
                  <c:v>1.1299999999999999E-2</c:v>
                </c:pt>
                <c:pt idx="1611">
                  <c:v>1.12E-2</c:v>
                </c:pt>
                <c:pt idx="1612">
                  <c:v>1.0699999999999999E-2</c:v>
                </c:pt>
                <c:pt idx="1613">
                  <c:v>9.9000000000000008E-3</c:v>
                </c:pt>
                <c:pt idx="1614">
                  <c:v>8.8999999999999999E-3</c:v>
                </c:pt>
                <c:pt idx="1615">
                  <c:v>8.2000000000000007E-3</c:v>
                </c:pt>
                <c:pt idx="1616">
                  <c:v>8.0999999999999996E-3</c:v>
                </c:pt>
                <c:pt idx="1617">
                  <c:v>8.5000000000000006E-3</c:v>
                </c:pt>
                <c:pt idx="1618">
                  <c:v>8.5000000000000006E-3</c:v>
                </c:pt>
                <c:pt idx="1619">
                  <c:v>7.9000000000000008E-3</c:v>
                </c:pt>
                <c:pt idx="1620">
                  <c:v>7.6E-3</c:v>
                </c:pt>
                <c:pt idx="1621">
                  <c:v>7.3000000000000001E-3</c:v>
                </c:pt>
                <c:pt idx="1622">
                  <c:v>7.1999999999999998E-3</c:v>
                </c:pt>
                <c:pt idx="1623">
                  <c:v>7.1000000000000004E-3</c:v>
                </c:pt>
                <c:pt idx="1624">
                  <c:v>7.4000000000000003E-3</c:v>
                </c:pt>
                <c:pt idx="1625">
                  <c:v>7.4000000000000003E-3</c:v>
                </c:pt>
                <c:pt idx="1626">
                  <c:v>7.4999999999999997E-3</c:v>
                </c:pt>
                <c:pt idx="1627">
                  <c:v>7.6E-3</c:v>
                </c:pt>
                <c:pt idx="1628">
                  <c:v>7.7000000000000002E-3</c:v>
                </c:pt>
                <c:pt idx="1629">
                  <c:v>7.7999999999999996E-3</c:v>
                </c:pt>
                <c:pt idx="1630">
                  <c:v>8.0999999999999996E-3</c:v>
                </c:pt>
                <c:pt idx="1631">
                  <c:v>8.0999999999999996E-3</c:v>
                </c:pt>
                <c:pt idx="1632">
                  <c:v>8.0000000000000002E-3</c:v>
                </c:pt>
                <c:pt idx="1633">
                  <c:v>8.0000000000000002E-3</c:v>
                </c:pt>
                <c:pt idx="1634">
                  <c:v>8.2000000000000007E-3</c:v>
                </c:pt>
                <c:pt idx="1635">
                  <c:v>8.2000000000000007E-3</c:v>
                </c:pt>
                <c:pt idx="1636">
                  <c:v>8.2000000000000007E-3</c:v>
                </c:pt>
                <c:pt idx="1637">
                  <c:v>8.2000000000000007E-3</c:v>
                </c:pt>
                <c:pt idx="1638">
                  <c:v>8.2000000000000007E-3</c:v>
                </c:pt>
                <c:pt idx="1639">
                  <c:v>8.3999999999999995E-3</c:v>
                </c:pt>
                <c:pt idx="1640">
                  <c:v>8.3999999999999995E-3</c:v>
                </c:pt>
                <c:pt idx="1641">
                  <c:v>8.5000000000000006E-3</c:v>
                </c:pt>
                <c:pt idx="1642">
                  <c:v>8.3999999999999995E-3</c:v>
                </c:pt>
                <c:pt idx="1643">
                  <c:v>8.6E-3</c:v>
                </c:pt>
                <c:pt idx="1644">
                  <c:v>8.9999999999999993E-3</c:v>
                </c:pt>
                <c:pt idx="1645">
                  <c:v>9.1000000000000004E-3</c:v>
                </c:pt>
                <c:pt idx="1646">
                  <c:v>8.5000000000000006E-3</c:v>
                </c:pt>
                <c:pt idx="1647">
                  <c:v>8.5000000000000006E-3</c:v>
                </c:pt>
                <c:pt idx="1648">
                  <c:v>8.3000000000000001E-3</c:v>
                </c:pt>
                <c:pt idx="1649">
                  <c:v>8.3999999999999995E-3</c:v>
                </c:pt>
                <c:pt idx="1650">
                  <c:v>8.3000000000000001E-3</c:v>
                </c:pt>
                <c:pt idx="1651">
                  <c:v>8.0999999999999996E-3</c:v>
                </c:pt>
                <c:pt idx="1652">
                  <c:v>8.0999999999999996E-3</c:v>
                </c:pt>
                <c:pt idx="1653">
                  <c:v>8.3999999999999995E-3</c:v>
                </c:pt>
                <c:pt idx="1654">
                  <c:v>8.6999999999999994E-3</c:v>
                </c:pt>
                <c:pt idx="1655">
                  <c:v>8.6999999999999994E-3</c:v>
                </c:pt>
                <c:pt idx="1656">
                  <c:v>8.5000000000000006E-3</c:v>
                </c:pt>
                <c:pt idx="1657">
                  <c:v>8.3999999999999995E-3</c:v>
                </c:pt>
                <c:pt idx="1658">
                  <c:v>8.6E-3</c:v>
                </c:pt>
                <c:pt idx="1659">
                  <c:v>8.6E-3</c:v>
                </c:pt>
                <c:pt idx="1660">
                  <c:v>8.8999999999999999E-3</c:v>
                </c:pt>
                <c:pt idx="1661">
                  <c:v>9.2999999999999992E-3</c:v>
                </c:pt>
                <c:pt idx="1662">
                  <c:v>9.1999999999999998E-3</c:v>
                </c:pt>
                <c:pt idx="1663">
                  <c:v>9.1000000000000004E-3</c:v>
                </c:pt>
                <c:pt idx="1664">
                  <c:v>8.5000000000000006E-3</c:v>
                </c:pt>
                <c:pt idx="1665">
                  <c:v>7.6E-3</c:v>
                </c:pt>
                <c:pt idx="1666">
                  <c:v>6.0000000000000001E-3</c:v>
                </c:pt>
                <c:pt idx="1667">
                  <c:v>5.8999999999999999E-3</c:v>
                </c:pt>
                <c:pt idx="1668">
                  <c:v>6.4000000000000003E-3</c:v>
                </c:pt>
                <c:pt idx="1669">
                  <c:v>7.9000000000000008E-3</c:v>
                </c:pt>
                <c:pt idx="1670">
                  <c:v>1.14E-2</c:v>
                </c:pt>
                <c:pt idx="1671">
                  <c:v>1.3899999999999999E-2</c:v>
                </c:pt>
                <c:pt idx="1672">
                  <c:v>1.5100000000000001E-2</c:v>
                </c:pt>
                <c:pt idx="1673">
                  <c:v>1.6500000000000001E-2</c:v>
                </c:pt>
                <c:pt idx="1674">
                  <c:v>1.7600000000000001E-2</c:v>
                </c:pt>
                <c:pt idx="1675">
                  <c:v>1.8200000000000001E-2</c:v>
                </c:pt>
                <c:pt idx="1676">
                  <c:v>1.8100000000000002E-2</c:v>
                </c:pt>
                <c:pt idx="1677">
                  <c:v>1.7999999999999999E-2</c:v>
                </c:pt>
                <c:pt idx="1678">
                  <c:v>1.7999999999999999E-2</c:v>
                </c:pt>
                <c:pt idx="1679">
                  <c:v>1.8100000000000002E-2</c:v>
                </c:pt>
                <c:pt idx="1680">
                  <c:v>1.8499999999999999E-2</c:v>
                </c:pt>
                <c:pt idx="1681">
                  <c:v>1.9099999999999999E-2</c:v>
                </c:pt>
                <c:pt idx="1682">
                  <c:v>1.8800000000000001E-2</c:v>
                </c:pt>
                <c:pt idx="1683">
                  <c:v>1.6199999999999999E-2</c:v>
                </c:pt>
                <c:pt idx="1684">
                  <c:v>1.29E-2</c:v>
                </c:pt>
                <c:pt idx="1685">
                  <c:v>1.0200000000000001E-2</c:v>
                </c:pt>
                <c:pt idx="1686">
                  <c:v>9.7000000000000003E-3</c:v>
                </c:pt>
                <c:pt idx="1687">
                  <c:v>9.2999999999999992E-3</c:v>
                </c:pt>
                <c:pt idx="1688">
                  <c:v>9.4000000000000004E-3</c:v>
                </c:pt>
                <c:pt idx="1689">
                  <c:v>9.2999999999999992E-3</c:v>
                </c:pt>
                <c:pt idx="1690">
                  <c:v>9.1000000000000004E-3</c:v>
                </c:pt>
                <c:pt idx="1691">
                  <c:v>8.8999999999999999E-3</c:v>
                </c:pt>
                <c:pt idx="1692">
                  <c:v>8.8999999999999999E-3</c:v>
                </c:pt>
                <c:pt idx="1693">
                  <c:v>8.9999999999999993E-3</c:v>
                </c:pt>
                <c:pt idx="1694">
                  <c:v>9.1000000000000004E-3</c:v>
                </c:pt>
                <c:pt idx="1695">
                  <c:v>9.1000000000000004E-3</c:v>
                </c:pt>
                <c:pt idx="1696">
                  <c:v>9.1999999999999998E-3</c:v>
                </c:pt>
                <c:pt idx="1697">
                  <c:v>9.2999999999999992E-3</c:v>
                </c:pt>
                <c:pt idx="1698">
                  <c:v>9.2999999999999992E-3</c:v>
                </c:pt>
                <c:pt idx="1699">
                  <c:v>9.2999999999999992E-3</c:v>
                </c:pt>
                <c:pt idx="1700">
                  <c:v>9.2999999999999992E-3</c:v>
                </c:pt>
                <c:pt idx="1701">
                  <c:v>9.2999999999999992E-3</c:v>
                </c:pt>
                <c:pt idx="1702">
                  <c:v>9.4000000000000004E-3</c:v>
                </c:pt>
                <c:pt idx="1703">
                  <c:v>9.9000000000000008E-3</c:v>
                </c:pt>
                <c:pt idx="1704">
                  <c:v>9.7999999999999997E-3</c:v>
                </c:pt>
                <c:pt idx="1705">
                  <c:v>9.7999999999999997E-3</c:v>
                </c:pt>
                <c:pt idx="1706">
                  <c:v>9.7999999999999997E-3</c:v>
                </c:pt>
                <c:pt idx="1707">
                  <c:v>9.9000000000000008E-3</c:v>
                </c:pt>
                <c:pt idx="1708">
                  <c:v>9.9000000000000008E-3</c:v>
                </c:pt>
                <c:pt idx="1709">
                  <c:v>9.7999999999999997E-3</c:v>
                </c:pt>
                <c:pt idx="1710">
                  <c:v>9.7999999999999997E-3</c:v>
                </c:pt>
                <c:pt idx="1711">
                  <c:v>9.5999999999999992E-3</c:v>
                </c:pt>
                <c:pt idx="1712">
                  <c:v>9.7000000000000003E-3</c:v>
                </c:pt>
                <c:pt idx="1713">
                  <c:v>9.7000000000000003E-3</c:v>
                </c:pt>
                <c:pt idx="1714">
                  <c:v>9.7999999999999997E-3</c:v>
                </c:pt>
                <c:pt idx="1715">
                  <c:v>9.7999999999999997E-3</c:v>
                </c:pt>
                <c:pt idx="1716">
                  <c:v>9.9000000000000008E-3</c:v>
                </c:pt>
                <c:pt idx="1717">
                  <c:v>9.7000000000000003E-3</c:v>
                </c:pt>
                <c:pt idx="1718">
                  <c:v>9.7000000000000003E-3</c:v>
                </c:pt>
                <c:pt idx="1719">
                  <c:v>9.4999999999999998E-3</c:v>
                </c:pt>
                <c:pt idx="1720">
                  <c:v>9.5999999999999992E-3</c:v>
                </c:pt>
                <c:pt idx="1721">
                  <c:v>9.5999999999999992E-3</c:v>
                </c:pt>
                <c:pt idx="1722">
                  <c:v>9.5999999999999992E-3</c:v>
                </c:pt>
                <c:pt idx="1723">
                  <c:v>9.7000000000000003E-3</c:v>
                </c:pt>
                <c:pt idx="1724">
                  <c:v>9.7999999999999997E-3</c:v>
                </c:pt>
                <c:pt idx="1725">
                  <c:v>0.01</c:v>
                </c:pt>
                <c:pt idx="1726">
                  <c:v>1.0200000000000001E-2</c:v>
                </c:pt>
                <c:pt idx="1727">
                  <c:v>1.01E-2</c:v>
                </c:pt>
                <c:pt idx="1728">
                  <c:v>0.01</c:v>
                </c:pt>
                <c:pt idx="1729">
                  <c:v>9.7999999999999997E-3</c:v>
                </c:pt>
                <c:pt idx="1730">
                  <c:v>9.9000000000000008E-3</c:v>
                </c:pt>
                <c:pt idx="1731">
                  <c:v>9.7999999999999997E-3</c:v>
                </c:pt>
                <c:pt idx="1732">
                  <c:v>9.7999999999999997E-3</c:v>
                </c:pt>
                <c:pt idx="1733">
                  <c:v>9.9000000000000008E-3</c:v>
                </c:pt>
                <c:pt idx="1734">
                  <c:v>9.9000000000000008E-3</c:v>
                </c:pt>
                <c:pt idx="1735">
                  <c:v>0.01</c:v>
                </c:pt>
                <c:pt idx="1736">
                  <c:v>0.01</c:v>
                </c:pt>
                <c:pt idx="1737">
                  <c:v>0.01</c:v>
                </c:pt>
                <c:pt idx="1738">
                  <c:v>0.01</c:v>
                </c:pt>
                <c:pt idx="1739">
                  <c:v>9.9000000000000008E-3</c:v>
                </c:pt>
                <c:pt idx="1740">
                  <c:v>9.9000000000000008E-3</c:v>
                </c:pt>
                <c:pt idx="1741">
                  <c:v>0.01</c:v>
                </c:pt>
                <c:pt idx="1742">
                  <c:v>1.01E-2</c:v>
                </c:pt>
                <c:pt idx="1743">
                  <c:v>1.03E-2</c:v>
                </c:pt>
                <c:pt idx="1744">
                  <c:v>1.0200000000000001E-2</c:v>
                </c:pt>
                <c:pt idx="1745">
                  <c:v>1.0200000000000001E-2</c:v>
                </c:pt>
                <c:pt idx="1746">
                  <c:v>1.0200000000000001E-2</c:v>
                </c:pt>
                <c:pt idx="1747">
                  <c:v>1.01E-2</c:v>
                </c:pt>
                <c:pt idx="1748">
                  <c:v>0.01</c:v>
                </c:pt>
                <c:pt idx="1749">
                  <c:v>0.01</c:v>
                </c:pt>
                <c:pt idx="1750">
                  <c:v>0.01</c:v>
                </c:pt>
                <c:pt idx="1751">
                  <c:v>9.7999999999999997E-3</c:v>
                </c:pt>
                <c:pt idx="1752">
                  <c:v>9.7999999999999997E-3</c:v>
                </c:pt>
                <c:pt idx="1753">
                  <c:v>9.7000000000000003E-3</c:v>
                </c:pt>
                <c:pt idx="1754">
                  <c:v>9.7999999999999997E-3</c:v>
                </c:pt>
                <c:pt idx="1755">
                  <c:v>9.9000000000000008E-3</c:v>
                </c:pt>
                <c:pt idx="1756">
                  <c:v>0.01</c:v>
                </c:pt>
                <c:pt idx="1757">
                  <c:v>1.01E-2</c:v>
                </c:pt>
                <c:pt idx="1758">
                  <c:v>1.0200000000000001E-2</c:v>
                </c:pt>
                <c:pt idx="1759">
                  <c:v>1.0200000000000001E-2</c:v>
                </c:pt>
                <c:pt idx="1760">
                  <c:v>1.0200000000000001E-2</c:v>
                </c:pt>
                <c:pt idx="1761">
                  <c:v>1.0200000000000001E-2</c:v>
                </c:pt>
                <c:pt idx="1762">
                  <c:v>1.03E-2</c:v>
                </c:pt>
                <c:pt idx="1763">
                  <c:v>1.03E-2</c:v>
                </c:pt>
                <c:pt idx="1764">
                  <c:v>1.03E-2</c:v>
                </c:pt>
                <c:pt idx="1765">
                  <c:v>1.04E-2</c:v>
                </c:pt>
                <c:pt idx="1766">
                  <c:v>1.04E-2</c:v>
                </c:pt>
                <c:pt idx="1767">
                  <c:v>1.0500000000000001E-2</c:v>
                </c:pt>
                <c:pt idx="1768">
                  <c:v>1.04E-2</c:v>
                </c:pt>
                <c:pt idx="1769">
                  <c:v>1.03E-2</c:v>
                </c:pt>
                <c:pt idx="1770">
                  <c:v>1.0500000000000001E-2</c:v>
                </c:pt>
                <c:pt idx="1771">
                  <c:v>1.0500000000000001E-2</c:v>
                </c:pt>
                <c:pt idx="1772">
                  <c:v>1.0500000000000001E-2</c:v>
                </c:pt>
                <c:pt idx="1773">
                  <c:v>1.0500000000000001E-2</c:v>
                </c:pt>
                <c:pt idx="1774">
                  <c:v>1.04E-2</c:v>
                </c:pt>
                <c:pt idx="1775">
                  <c:v>1.04E-2</c:v>
                </c:pt>
                <c:pt idx="1776">
                  <c:v>1.04E-2</c:v>
                </c:pt>
                <c:pt idx="1777">
                  <c:v>1.0500000000000001E-2</c:v>
                </c:pt>
                <c:pt idx="1778">
                  <c:v>1.0500000000000001E-2</c:v>
                </c:pt>
                <c:pt idx="1779">
                  <c:v>1.06E-2</c:v>
                </c:pt>
                <c:pt idx="1780">
                  <c:v>1.0500000000000001E-2</c:v>
                </c:pt>
                <c:pt idx="1781">
                  <c:v>1.04E-2</c:v>
                </c:pt>
                <c:pt idx="1782">
                  <c:v>1.04E-2</c:v>
                </c:pt>
                <c:pt idx="1783">
                  <c:v>1.0500000000000001E-2</c:v>
                </c:pt>
                <c:pt idx="1784">
                  <c:v>1.06E-2</c:v>
                </c:pt>
                <c:pt idx="1785">
                  <c:v>1.04E-2</c:v>
                </c:pt>
                <c:pt idx="1786">
                  <c:v>1.0500000000000001E-2</c:v>
                </c:pt>
                <c:pt idx="1787">
                  <c:v>1.0500000000000001E-2</c:v>
                </c:pt>
                <c:pt idx="1788">
                  <c:v>1.0500000000000001E-2</c:v>
                </c:pt>
                <c:pt idx="1789">
                  <c:v>1.0500000000000001E-2</c:v>
                </c:pt>
                <c:pt idx="1790">
                  <c:v>1.06E-2</c:v>
                </c:pt>
                <c:pt idx="1791">
                  <c:v>1.04E-2</c:v>
                </c:pt>
                <c:pt idx="1792">
                  <c:v>1.0500000000000001E-2</c:v>
                </c:pt>
                <c:pt idx="1793">
                  <c:v>1.04E-2</c:v>
                </c:pt>
                <c:pt idx="1794">
                  <c:v>1.0500000000000001E-2</c:v>
                </c:pt>
                <c:pt idx="1795">
                  <c:v>1.04E-2</c:v>
                </c:pt>
                <c:pt idx="1796">
                  <c:v>1.0500000000000001E-2</c:v>
                </c:pt>
                <c:pt idx="1797">
                  <c:v>1.04E-2</c:v>
                </c:pt>
                <c:pt idx="1798">
                  <c:v>1.0500000000000001E-2</c:v>
                </c:pt>
                <c:pt idx="1799">
                  <c:v>1.0500000000000001E-2</c:v>
                </c:pt>
                <c:pt idx="1800">
                  <c:v>1.06E-2</c:v>
                </c:pt>
                <c:pt idx="1801">
                  <c:v>1.06E-2</c:v>
                </c:pt>
                <c:pt idx="1802">
                  <c:v>1.0500000000000001E-2</c:v>
                </c:pt>
                <c:pt idx="1803">
                  <c:v>1.06E-2</c:v>
                </c:pt>
                <c:pt idx="1804">
                  <c:v>1.06E-2</c:v>
                </c:pt>
                <c:pt idx="1805">
                  <c:v>1.06E-2</c:v>
                </c:pt>
                <c:pt idx="1806">
                  <c:v>1.0699999999999999E-2</c:v>
                </c:pt>
                <c:pt idx="1807">
                  <c:v>1.09E-2</c:v>
                </c:pt>
                <c:pt idx="1808">
                  <c:v>1.09E-2</c:v>
                </c:pt>
                <c:pt idx="1809">
                  <c:v>1.0999999999999999E-2</c:v>
                </c:pt>
                <c:pt idx="1810">
                  <c:v>1.11E-2</c:v>
                </c:pt>
                <c:pt idx="1811">
                  <c:v>1.11E-2</c:v>
                </c:pt>
                <c:pt idx="1812">
                  <c:v>1.0999999999999999E-2</c:v>
                </c:pt>
                <c:pt idx="1813">
                  <c:v>1.09E-2</c:v>
                </c:pt>
                <c:pt idx="1814">
                  <c:v>1.0999999999999999E-2</c:v>
                </c:pt>
                <c:pt idx="1815">
                  <c:v>1.0999999999999999E-2</c:v>
                </c:pt>
                <c:pt idx="1816">
                  <c:v>1.12E-2</c:v>
                </c:pt>
                <c:pt idx="1817">
                  <c:v>1.11E-2</c:v>
                </c:pt>
                <c:pt idx="1818">
                  <c:v>1.0999999999999999E-2</c:v>
                </c:pt>
                <c:pt idx="1819">
                  <c:v>1.0999999999999999E-2</c:v>
                </c:pt>
                <c:pt idx="1820">
                  <c:v>1.0800000000000001E-2</c:v>
                </c:pt>
                <c:pt idx="1821">
                  <c:v>1.0800000000000001E-2</c:v>
                </c:pt>
                <c:pt idx="1822">
                  <c:v>1.0800000000000001E-2</c:v>
                </c:pt>
                <c:pt idx="1823">
                  <c:v>1.0699999999999999E-2</c:v>
                </c:pt>
                <c:pt idx="1824">
                  <c:v>1.06E-2</c:v>
                </c:pt>
                <c:pt idx="1825">
                  <c:v>1.06E-2</c:v>
                </c:pt>
                <c:pt idx="1826">
                  <c:v>1.06E-2</c:v>
                </c:pt>
                <c:pt idx="1827">
                  <c:v>1.0699999999999999E-2</c:v>
                </c:pt>
                <c:pt idx="1828">
                  <c:v>1.06E-2</c:v>
                </c:pt>
                <c:pt idx="1829">
                  <c:v>1.06E-2</c:v>
                </c:pt>
                <c:pt idx="1830">
                  <c:v>1.0500000000000001E-2</c:v>
                </c:pt>
                <c:pt idx="1831">
                  <c:v>1.03E-2</c:v>
                </c:pt>
                <c:pt idx="1832">
                  <c:v>1.04E-2</c:v>
                </c:pt>
                <c:pt idx="1833">
                  <c:v>1.0200000000000001E-2</c:v>
                </c:pt>
                <c:pt idx="1834">
                  <c:v>0.01</c:v>
                </c:pt>
                <c:pt idx="1835">
                  <c:v>9.9000000000000008E-3</c:v>
                </c:pt>
                <c:pt idx="1836">
                  <c:v>9.9000000000000008E-3</c:v>
                </c:pt>
                <c:pt idx="1837">
                  <c:v>9.9000000000000008E-3</c:v>
                </c:pt>
                <c:pt idx="1838">
                  <c:v>9.7999999999999997E-3</c:v>
                </c:pt>
                <c:pt idx="1839">
                  <c:v>9.7000000000000003E-3</c:v>
                </c:pt>
                <c:pt idx="1840">
                  <c:v>9.7999999999999997E-3</c:v>
                </c:pt>
                <c:pt idx="1841">
                  <c:v>9.5999999999999992E-3</c:v>
                </c:pt>
                <c:pt idx="1842">
                  <c:v>9.5999999999999992E-3</c:v>
                </c:pt>
                <c:pt idx="1843">
                  <c:v>9.4999999999999998E-3</c:v>
                </c:pt>
                <c:pt idx="1844">
                  <c:v>9.7000000000000003E-3</c:v>
                </c:pt>
                <c:pt idx="1845">
                  <c:v>9.7999999999999997E-3</c:v>
                </c:pt>
                <c:pt idx="1846">
                  <c:v>9.7999999999999997E-3</c:v>
                </c:pt>
                <c:pt idx="1847">
                  <c:v>9.5999999999999992E-3</c:v>
                </c:pt>
                <c:pt idx="1848">
                  <c:v>9.5999999999999992E-3</c:v>
                </c:pt>
                <c:pt idx="1849">
                  <c:v>9.5999999999999992E-3</c:v>
                </c:pt>
                <c:pt idx="1850">
                  <c:v>9.7999999999999997E-3</c:v>
                </c:pt>
                <c:pt idx="1851">
                  <c:v>9.7999999999999997E-3</c:v>
                </c:pt>
                <c:pt idx="1852">
                  <c:v>9.7000000000000003E-3</c:v>
                </c:pt>
                <c:pt idx="1853">
                  <c:v>9.4999999999999998E-3</c:v>
                </c:pt>
                <c:pt idx="1854">
                  <c:v>9.4999999999999998E-3</c:v>
                </c:pt>
                <c:pt idx="1855">
                  <c:v>9.7000000000000003E-3</c:v>
                </c:pt>
                <c:pt idx="1856">
                  <c:v>1.01E-2</c:v>
                </c:pt>
                <c:pt idx="1857">
                  <c:v>1.06E-2</c:v>
                </c:pt>
                <c:pt idx="1858">
                  <c:v>1.0999999999999999E-2</c:v>
                </c:pt>
                <c:pt idx="1859">
                  <c:v>1.12E-2</c:v>
                </c:pt>
                <c:pt idx="1860">
                  <c:v>1.09E-2</c:v>
                </c:pt>
                <c:pt idx="1861">
                  <c:v>9.5999999999999992E-3</c:v>
                </c:pt>
                <c:pt idx="1862">
                  <c:v>8.6E-3</c:v>
                </c:pt>
                <c:pt idx="1863">
                  <c:v>6.3E-3</c:v>
                </c:pt>
                <c:pt idx="1864">
                  <c:v>4.4999999999999997E-3</c:v>
                </c:pt>
                <c:pt idx="1865">
                  <c:v>3.0999999999999999E-3</c:v>
                </c:pt>
                <c:pt idx="1866">
                  <c:v>2.8E-3</c:v>
                </c:pt>
                <c:pt idx="1867">
                  <c:v>3.0999999999999999E-3</c:v>
                </c:pt>
                <c:pt idx="1868">
                  <c:v>3.2000000000000002E-3</c:v>
                </c:pt>
                <c:pt idx="1869">
                  <c:v>3.3E-3</c:v>
                </c:pt>
                <c:pt idx="1870">
                  <c:v>3.3E-3</c:v>
                </c:pt>
                <c:pt idx="1871">
                  <c:v>3.3E-3</c:v>
                </c:pt>
                <c:pt idx="1872">
                  <c:v>3.3999999999999998E-3</c:v>
                </c:pt>
                <c:pt idx="1873">
                  <c:v>4.4000000000000003E-3</c:v>
                </c:pt>
                <c:pt idx="1874">
                  <c:v>5.4999999999999997E-3</c:v>
                </c:pt>
                <c:pt idx="1875">
                  <c:v>6.1000000000000004E-3</c:v>
                </c:pt>
                <c:pt idx="1876">
                  <c:v>4.7999999999999996E-3</c:v>
                </c:pt>
                <c:pt idx="1877">
                  <c:v>5.0000000000000001E-3</c:v>
                </c:pt>
                <c:pt idx="1878">
                  <c:v>6.0000000000000001E-3</c:v>
                </c:pt>
                <c:pt idx="1879">
                  <c:v>7.0000000000000001E-3</c:v>
                </c:pt>
                <c:pt idx="1880">
                  <c:v>8.6999999999999994E-3</c:v>
                </c:pt>
                <c:pt idx="1881">
                  <c:v>1.0999999999999999E-2</c:v>
                </c:pt>
                <c:pt idx="1882">
                  <c:v>1.37E-2</c:v>
                </c:pt>
                <c:pt idx="1883">
                  <c:v>1.72E-2</c:v>
                </c:pt>
                <c:pt idx="1884">
                  <c:v>2.0299999999999999E-2</c:v>
                </c:pt>
                <c:pt idx="1885">
                  <c:v>2.29E-2</c:v>
                </c:pt>
                <c:pt idx="1886">
                  <c:v>2.58E-2</c:v>
                </c:pt>
                <c:pt idx="1887">
                  <c:v>2.81E-2</c:v>
                </c:pt>
                <c:pt idx="1888">
                  <c:v>2.8199999999999999E-2</c:v>
                </c:pt>
                <c:pt idx="1889">
                  <c:v>2.6200000000000001E-2</c:v>
                </c:pt>
                <c:pt idx="1890">
                  <c:v>2.69E-2</c:v>
                </c:pt>
                <c:pt idx="1891">
                  <c:v>2.4899999999999999E-2</c:v>
                </c:pt>
                <c:pt idx="1892">
                  <c:v>2.4299999999999999E-2</c:v>
                </c:pt>
                <c:pt idx="1893">
                  <c:v>2.52E-2</c:v>
                </c:pt>
                <c:pt idx="1894">
                  <c:v>2.9100000000000001E-2</c:v>
                </c:pt>
                <c:pt idx="1895">
                  <c:v>3.2500000000000001E-2</c:v>
                </c:pt>
                <c:pt idx="1896">
                  <c:v>3.39E-2</c:v>
                </c:pt>
                <c:pt idx="1897">
                  <c:v>3.0700000000000002E-2</c:v>
                </c:pt>
                <c:pt idx="1898">
                  <c:v>2.7799999999999998E-2</c:v>
                </c:pt>
                <c:pt idx="1899">
                  <c:v>2.4199999999999999E-2</c:v>
                </c:pt>
                <c:pt idx="1900">
                  <c:v>2.1700000000000001E-2</c:v>
                </c:pt>
                <c:pt idx="1901">
                  <c:v>1.95E-2</c:v>
                </c:pt>
                <c:pt idx="1902">
                  <c:v>1.7299999999999999E-2</c:v>
                </c:pt>
                <c:pt idx="1903">
                  <c:v>1.38E-2</c:v>
                </c:pt>
                <c:pt idx="1904">
                  <c:v>1.47E-2</c:v>
                </c:pt>
                <c:pt idx="1905">
                  <c:v>1.4800000000000001E-2</c:v>
                </c:pt>
                <c:pt idx="1906">
                  <c:v>1.5100000000000001E-2</c:v>
                </c:pt>
                <c:pt idx="1907">
                  <c:v>1.5900000000000001E-2</c:v>
                </c:pt>
                <c:pt idx="1908">
                  <c:v>1.61E-2</c:v>
                </c:pt>
                <c:pt idx="1909">
                  <c:v>1.6E-2</c:v>
                </c:pt>
                <c:pt idx="1910">
                  <c:v>1.52E-2</c:v>
                </c:pt>
                <c:pt idx="1911">
                  <c:v>1.52E-2</c:v>
                </c:pt>
                <c:pt idx="1912">
                  <c:v>1.5299999999999999E-2</c:v>
                </c:pt>
                <c:pt idx="1913">
                  <c:v>1.5100000000000001E-2</c:v>
                </c:pt>
                <c:pt idx="1914">
                  <c:v>1.4800000000000001E-2</c:v>
                </c:pt>
                <c:pt idx="1915">
                  <c:v>1.38E-2</c:v>
                </c:pt>
                <c:pt idx="1916">
                  <c:v>1.29E-2</c:v>
                </c:pt>
                <c:pt idx="1917">
                  <c:v>1.24E-2</c:v>
                </c:pt>
                <c:pt idx="1918">
                  <c:v>1.24E-2</c:v>
                </c:pt>
                <c:pt idx="1919">
                  <c:v>1.26E-2</c:v>
                </c:pt>
                <c:pt idx="1920">
                  <c:v>1.2200000000000001E-2</c:v>
                </c:pt>
                <c:pt idx="1921">
                  <c:v>1.23E-2</c:v>
                </c:pt>
                <c:pt idx="1922">
                  <c:v>1.2500000000000001E-2</c:v>
                </c:pt>
                <c:pt idx="1923">
                  <c:v>1.24E-2</c:v>
                </c:pt>
                <c:pt idx="1924">
                  <c:v>1.2699999999999999E-2</c:v>
                </c:pt>
                <c:pt idx="1925">
                  <c:v>1.35E-2</c:v>
                </c:pt>
                <c:pt idx="1926">
                  <c:v>1.4200000000000001E-2</c:v>
                </c:pt>
                <c:pt idx="1927">
                  <c:v>1.44E-2</c:v>
                </c:pt>
                <c:pt idx="1928">
                  <c:v>1.44E-2</c:v>
                </c:pt>
                <c:pt idx="1929">
                  <c:v>1.49E-2</c:v>
                </c:pt>
                <c:pt idx="1930">
                  <c:v>1.67E-2</c:v>
                </c:pt>
                <c:pt idx="1931">
                  <c:v>1.52E-2</c:v>
                </c:pt>
                <c:pt idx="1932">
                  <c:v>1.44E-2</c:v>
                </c:pt>
                <c:pt idx="1933">
                  <c:v>1.47E-2</c:v>
                </c:pt>
                <c:pt idx="1934">
                  <c:v>1.55E-2</c:v>
                </c:pt>
                <c:pt idx="1935">
                  <c:v>1.4800000000000001E-2</c:v>
                </c:pt>
                <c:pt idx="1936">
                  <c:v>1.44E-2</c:v>
                </c:pt>
                <c:pt idx="1937">
                  <c:v>1.5100000000000001E-2</c:v>
                </c:pt>
                <c:pt idx="1938">
                  <c:v>1.4999999999999999E-2</c:v>
                </c:pt>
                <c:pt idx="1939">
                  <c:v>1.49E-2</c:v>
                </c:pt>
                <c:pt idx="1940">
                  <c:v>1.72E-2</c:v>
                </c:pt>
                <c:pt idx="1941">
                  <c:v>1.7299999999999999E-2</c:v>
                </c:pt>
                <c:pt idx="1942">
                  <c:v>1.7299999999999999E-2</c:v>
                </c:pt>
                <c:pt idx="1943">
                  <c:v>1.78E-2</c:v>
                </c:pt>
                <c:pt idx="1944">
                  <c:v>1.1900000000000001E-2</c:v>
                </c:pt>
                <c:pt idx="1945">
                  <c:v>1.24E-2</c:v>
                </c:pt>
                <c:pt idx="1946">
                  <c:v>1.2800000000000001E-2</c:v>
                </c:pt>
                <c:pt idx="1947">
                  <c:v>1.21E-2</c:v>
                </c:pt>
                <c:pt idx="1948">
                  <c:v>1.29E-2</c:v>
                </c:pt>
                <c:pt idx="1949">
                  <c:v>1.3899999999999999E-2</c:v>
                </c:pt>
                <c:pt idx="1950">
                  <c:v>1.44E-2</c:v>
                </c:pt>
                <c:pt idx="1951">
                  <c:v>1.4999999999999999E-2</c:v>
                </c:pt>
                <c:pt idx="1952">
                  <c:v>1.5299999999999999E-2</c:v>
                </c:pt>
                <c:pt idx="1953">
                  <c:v>1.55E-2</c:v>
                </c:pt>
                <c:pt idx="1954">
                  <c:v>1.55E-2</c:v>
                </c:pt>
                <c:pt idx="1955">
                  <c:v>1.5100000000000001E-2</c:v>
                </c:pt>
                <c:pt idx="1956">
                  <c:v>1.4800000000000001E-2</c:v>
                </c:pt>
                <c:pt idx="1957">
                  <c:v>1.4800000000000001E-2</c:v>
                </c:pt>
                <c:pt idx="1958">
                  <c:v>1.4800000000000001E-2</c:v>
                </c:pt>
                <c:pt idx="1959">
                  <c:v>1.5599999999999999E-2</c:v>
                </c:pt>
                <c:pt idx="1960">
                  <c:v>1.6299999999999999E-2</c:v>
                </c:pt>
                <c:pt idx="1961">
                  <c:v>1.72E-2</c:v>
                </c:pt>
                <c:pt idx="1962">
                  <c:v>1.78E-2</c:v>
                </c:pt>
                <c:pt idx="1963">
                  <c:v>1.8200000000000001E-2</c:v>
                </c:pt>
                <c:pt idx="1964">
                  <c:v>1.9E-2</c:v>
                </c:pt>
                <c:pt idx="1965">
                  <c:v>2.0400000000000001E-2</c:v>
                </c:pt>
                <c:pt idx="1966">
                  <c:v>2.23E-2</c:v>
                </c:pt>
                <c:pt idx="1967">
                  <c:v>2.3900000000000001E-2</c:v>
                </c:pt>
                <c:pt idx="1968">
                  <c:v>2.4299999999999999E-2</c:v>
                </c:pt>
                <c:pt idx="1969">
                  <c:v>2.2800000000000001E-2</c:v>
                </c:pt>
                <c:pt idx="1970">
                  <c:v>2.0400000000000001E-2</c:v>
                </c:pt>
                <c:pt idx="1971">
                  <c:v>1.83E-2</c:v>
                </c:pt>
                <c:pt idx="1972">
                  <c:v>1.8100000000000002E-2</c:v>
                </c:pt>
                <c:pt idx="1973">
                  <c:v>1.8700000000000001E-2</c:v>
                </c:pt>
                <c:pt idx="1974">
                  <c:v>1.9400000000000001E-2</c:v>
                </c:pt>
                <c:pt idx="1975">
                  <c:v>1.95E-2</c:v>
                </c:pt>
                <c:pt idx="1976">
                  <c:v>2.01E-2</c:v>
                </c:pt>
                <c:pt idx="1977">
                  <c:v>2.0299999999999999E-2</c:v>
                </c:pt>
                <c:pt idx="1978">
                  <c:v>1.9300000000000001E-2</c:v>
                </c:pt>
                <c:pt idx="1979">
                  <c:v>1.84E-2</c:v>
                </c:pt>
                <c:pt idx="1980">
                  <c:v>1.6199999999999999E-2</c:v>
                </c:pt>
                <c:pt idx="1981">
                  <c:v>1.67E-2</c:v>
                </c:pt>
                <c:pt idx="1982">
                  <c:v>1.72E-2</c:v>
                </c:pt>
                <c:pt idx="1983">
                  <c:v>1.84E-2</c:v>
                </c:pt>
                <c:pt idx="1984">
                  <c:v>1.8599999999999998E-2</c:v>
                </c:pt>
                <c:pt idx="1985">
                  <c:v>1.7899999999999999E-2</c:v>
                </c:pt>
                <c:pt idx="1986">
                  <c:v>1.8200000000000001E-2</c:v>
                </c:pt>
                <c:pt idx="1987">
                  <c:v>1.78E-2</c:v>
                </c:pt>
                <c:pt idx="1988">
                  <c:v>1.84E-2</c:v>
                </c:pt>
                <c:pt idx="1989">
                  <c:v>1.9199999999999998E-2</c:v>
                </c:pt>
                <c:pt idx="1990">
                  <c:v>0.02</c:v>
                </c:pt>
                <c:pt idx="1991">
                  <c:v>2.1000000000000001E-2</c:v>
                </c:pt>
                <c:pt idx="1992">
                  <c:v>2.12E-2</c:v>
                </c:pt>
                <c:pt idx="1993">
                  <c:v>2.1899999999999999E-2</c:v>
                </c:pt>
                <c:pt idx="1994">
                  <c:v>2.3099999999999999E-2</c:v>
                </c:pt>
                <c:pt idx="1995">
                  <c:v>2.5000000000000001E-2</c:v>
                </c:pt>
                <c:pt idx="1996">
                  <c:v>2.7E-2</c:v>
                </c:pt>
                <c:pt idx="1997">
                  <c:v>2.92E-2</c:v>
                </c:pt>
                <c:pt idx="1998">
                  <c:v>2.9899999999999999E-2</c:v>
                </c:pt>
                <c:pt idx="1999">
                  <c:v>3.1099999999999999E-2</c:v>
                </c:pt>
                <c:pt idx="2000">
                  <c:v>2.8799999999999999E-2</c:v>
                </c:pt>
                <c:pt idx="2001">
                  <c:v>2.4500000000000001E-2</c:v>
                </c:pt>
                <c:pt idx="2002">
                  <c:v>2.23E-2</c:v>
                </c:pt>
                <c:pt idx="2003">
                  <c:v>2.0400000000000001E-2</c:v>
                </c:pt>
                <c:pt idx="2004">
                  <c:v>1.9199999999999998E-2</c:v>
                </c:pt>
                <c:pt idx="2005">
                  <c:v>1.77E-2</c:v>
                </c:pt>
                <c:pt idx="2006">
                  <c:v>1.6500000000000001E-2</c:v>
                </c:pt>
                <c:pt idx="2007">
                  <c:v>1.55E-2</c:v>
                </c:pt>
                <c:pt idx="2008">
                  <c:v>1.5299999999999999E-2</c:v>
                </c:pt>
                <c:pt idx="2009">
                  <c:v>1.5800000000000002E-2</c:v>
                </c:pt>
                <c:pt idx="2010">
                  <c:v>1.6500000000000001E-2</c:v>
                </c:pt>
                <c:pt idx="2011">
                  <c:v>1.77E-2</c:v>
                </c:pt>
                <c:pt idx="2012">
                  <c:v>2.01E-2</c:v>
                </c:pt>
                <c:pt idx="2013">
                  <c:v>2.2599999999999999E-2</c:v>
                </c:pt>
                <c:pt idx="2014">
                  <c:v>2.6599999999999999E-2</c:v>
                </c:pt>
                <c:pt idx="2015">
                  <c:v>2.8500000000000001E-2</c:v>
                </c:pt>
                <c:pt idx="2016">
                  <c:v>2.9600000000000001E-2</c:v>
                </c:pt>
                <c:pt idx="2017">
                  <c:v>3.0800000000000001E-2</c:v>
                </c:pt>
                <c:pt idx="2018">
                  <c:v>3.1E-2</c:v>
                </c:pt>
                <c:pt idx="2019">
                  <c:v>2.93E-2</c:v>
                </c:pt>
                <c:pt idx="2020">
                  <c:v>2.47E-2</c:v>
                </c:pt>
                <c:pt idx="2021">
                  <c:v>2.06E-2</c:v>
                </c:pt>
                <c:pt idx="2022">
                  <c:v>1.89E-2</c:v>
                </c:pt>
                <c:pt idx="2023">
                  <c:v>1.8200000000000001E-2</c:v>
                </c:pt>
                <c:pt idx="2024">
                  <c:v>1.7500000000000002E-2</c:v>
                </c:pt>
                <c:pt idx="2025">
                  <c:v>1.7000000000000001E-2</c:v>
                </c:pt>
                <c:pt idx="2026">
                  <c:v>1.7500000000000002E-2</c:v>
                </c:pt>
                <c:pt idx="2027">
                  <c:v>1.8499999999999999E-2</c:v>
                </c:pt>
                <c:pt idx="2028">
                  <c:v>1.9300000000000001E-2</c:v>
                </c:pt>
                <c:pt idx="2029">
                  <c:v>1.9400000000000001E-2</c:v>
                </c:pt>
                <c:pt idx="2030">
                  <c:v>1.9099999999999999E-2</c:v>
                </c:pt>
                <c:pt idx="2031">
                  <c:v>1.6199999999999999E-2</c:v>
                </c:pt>
                <c:pt idx="2032">
                  <c:v>1.43E-2</c:v>
                </c:pt>
                <c:pt idx="2033">
                  <c:v>1.2699999999999999E-2</c:v>
                </c:pt>
                <c:pt idx="2034">
                  <c:v>1.35E-2</c:v>
                </c:pt>
                <c:pt idx="2035">
                  <c:v>1.38E-2</c:v>
                </c:pt>
                <c:pt idx="2036">
                  <c:v>1.52E-2</c:v>
                </c:pt>
                <c:pt idx="2037">
                  <c:v>1.5599999999999999E-2</c:v>
                </c:pt>
                <c:pt idx="2038">
                  <c:v>2.0299999999999999E-2</c:v>
                </c:pt>
                <c:pt idx="2039">
                  <c:v>2.23E-2</c:v>
                </c:pt>
                <c:pt idx="2040">
                  <c:v>2.3199999999999998E-2</c:v>
                </c:pt>
                <c:pt idx="2041">
                  <c:v>2.41E-2</c:v>
                </c:pt>
                <c:pt idx="2042">
                  <c:v>1.84E-2</c:v>
                </c:pt>
                <c:pt idx="2043">
                  <c:v>1.8800000000000001E-2</c:v>
                </c:pt>
                <c:pt idx="2044">
                  <c:v>1.9099999999999999E-2</c:v>
                </c:pt>
                <c:pt idx="2045">
                  <c:v>1.9300000000000001E-2</c:v>
                </c:pt>
                <c:pt idx="2046">
                  <c:v>1.9300000000000001E-2</c:v>
                </c:pt>
                <c:pt idx="2047">
                  <c:v>2.3900000000000001E-2</c:v>
                </c:pt>
                <c:pt idx="2048">
                  <c:v>2.5499999999999998E-2</c:v>
                </c:pt>
                <c:pt idx="2049">
                  <c:v>2.6499999999999999E-2</c:v>
                </c:pt>
                <c:pt idx="2050">
                  <c:v>2.7699999999999999E-2</c:v>
                </c:pt>
                <c:pt idx="2051">
                  <c:v>2.8799999999999999E-2</c:v>
                </c:pt>
                <c:pt idx="2052">
                  <c:v>2.87E-2</c:v>
                </c:pt>
                <c:pt idx="2053">
                  <c:v>2.8299999999999999E-2</c:v>
                </c:pt>
                <c:pt idx="2054">
                  <c:v>2.86E-2</c:v>
                </c:pt>
                <c:pt idx="2055">
                  <c:v>2.8400000000000002E-2</c:v>
                </c:pt>
                <c:pt idx="2056">
                  <c:v>2.8500000000000001E-2</c:v>
                </c:pt>
                <c:pt idx="2057">
                  <c:v>2.8400000000000002E-2</c:v>
                </c:pt>
                <c:pt idx="2058">
                  <c:v>2.9899999999999999E-2</c:v>
                </c:pt>
                <c:pt idx="2059">
                  <c:v>3.0099999999999998E-2</c:v>
                </c:pt>
                <c:pt idx="2060">
                  <c:v>3.1199999999999999E-2</c:v>
                </c:pt>
                <c:pt idx="2061">
                  <c:v>3.7999999999999999E-2</c:v>
                </c:pt>
                <c:pt idx="2062">
                  <c:v>0.04</c:v>
                </c:pt>
                <c:pt idx="2063">
                  <c:v>3.2000000000000001E-2</c:v>
                </c:pt>
                <c:pt idx="2064">
                  <c:v>0.03</c:v>
                </c:pt>
                <c:pt idx="2065">
                  <c:v>2.9100000000000001E-2</c:v>
                </c:pt>
                <c:pt idx="2066">
                  <c:v>2.7799999999999998E-2</c:v>
                </c:pt>
                <c:pt idx="2067">
                  <c:v>2.75E-2</c:v>
                </c:pt>
                <c:pt idx="2068">
                  <c:v>2.6499999999999999E-2</c:v>
                </c:pt>
                <c:pt idx="2069">
                  <c:v>2.5999999999999999E-2</c:v>
                </c:pt>
                <c:pt idx="2070">
                  <c:v>2.5600000000000001E-2</c:v>
                </c:pt>
                <c:pt idx="2071">
                  <c:v>2.52E-2</c:v>
                </c:pt>
                <c:pt idx="2072">
                  <c:v>2.63E-2</c:v>
                </c:pt>
                <c:pt idx="2073">
                  <c:v>2.7099999999999999E-2</c:v>
                </c:pt>
                <c:pt idx="2074">
                  <c:v>2.7799999999999998E-2</c:v>
                </c:pt>
                <c:pt idx="2075">
                  <c:v>2.7699999999999999E-2</c:v>
                </c:pt>
                <c:pt idx="2076">
                  <c:v>3.1800000000000002E-2</c:v>
                </c:pt>
                <c:pt idx="2077">
                  <c:v>3.5999999999999997E-2</c:v>
                </c:pt>
                <c:pt idx="2078">
                  <c:v>3.3700000000000001E-2</c:v>
                </c:pt>
                <c:pt idx="2079">
                  <c:v>2.7699999999999999E-2</c:v>
                </c:pt>
                <c:pt idx="2080">
                  <c:v>2.76E-2</c:v>
                </c:pt>
                <c:pt idx="2081">
                  <c:v>2.76E-2</c:v>
                </c:pt>
                <c:pt idx="2082">
                  <c:v>2.8400000000000002E-2</c:v>
                </c:pt>
                <c:pt idx="2083">
                  <c:v>2.9100000000000001E-2</c:v>
                </c:pt>
                <c:pt idx="2084">
                  <c:v>2.98E-2</c:v>
                </c:pt>
                <c:pt idx="2085">
                  <c:v>3.0499999999999999E-2</c:v>
                </c:pt>
                <c:pt idx="2086">
                  <c:v>3.0499999999999999E-2</c:v>
                </c:pt>
                <c:pt idx="2087">
                  <c:v>3.0200000000000001E-2</c:v>
                </c:pt>
                <c:pt idx="2088">
                  <c:v>2.9899999999999999E-2</c:v>
                </c:pt>
                <c:pt idx="2089">
                  <c:v>2.98E-2</c:v>
                </c:pt>
                <c:pt idx="2090">
                  <c:v>2.92E-2</c:v>
                </c:pt>
                <c:pt idx="2091">
                  <c:v>2.87E-2</c:v>
                </c:pt>
                <c:pt idx="2092">
                  <c:v>2.9000000000000001E-2</c:v>
                </c:pt>
                <c:pt idx="2093">
                  <c:v>2.8500000000000001E-2</c:v>
                </c:pt>
                <c:pt idx="2094">
                  <c:v>2.9399999999999999E-2</c:v>
                </c:pt>
                <c:pt idx="2095">
                  <c:v>3.0099999999999998E-2</c:v>
                </c:pt>
                <c:pt idx="2096">
                  <c:v>3.2199999999999999E-2</c:v>
                </c:pt>
                <c:pt idx="2097">
                  <c:v>3.4000000000000002E-2</c:v>
                </c:pt>
                <c:pt idx="2098">
                  <c:v>3.4000000000000002E-2</c:v>
                </c:pt>
                <c:pt idx="2099">
                  <c:v>3.5299999999999998E-2</c:v>
                </c:pt>
                <c:pt idx="2100">
                  <c:v>3.6600000000000001E-2</c:v>
                </c:pt>
                <c:pt idx="2101">
                  <c:v>3.7100000000000001E-2</c:v>
                </c:pt>
                <c:pt idx="2102">
                  <c:v>3.8699999999999998E-2</c:v>
                </c:pt>
                <c:pt idx="2103">
                  <c:v>3.9699999999999999E-2</c:v>
                </c:pt>
                <c:pt idx="2104">
                  <c:v>3.9800000000000002E-2</c:v>
                </c:pt>
                <c:pt idx="2105">
                  <c:v>3.9199999999999999E-2</c:v>
                </c:pt>
                <c:pt idx="2106">
                  <c:v>3.8300000000000001E-2</c:v>
                </c:pt>
                <c:pt idx="2107">
                  <c:v>3.8100000000000002E-2</c:v>
                </c:pt>
                <c:pt idx="2108">
                  <c:v>3.9100000000000003E-2</c:v>
                </c:pt>
                <c:pt idx="2109">
                  <c:v>3.8300000000000001E-2</c:v>
                </c:pt>
                <c:pt idx="2110">
                  <c:v>3.85E-2</c:v>
                </c:pt>
                <c:pt idx="2111">
                  <c:v>3.85E-2</c:v>
                </c:pt>
                <c:pt idx="2112">
                  <c:v>3.9800000000000002E-2</c:v>
                </c:pt>
                <c:pt idx="2113">
                  <c:v>3.95E-2</c:v>
                </c:pt>
                <c:pt idx="2114">
                  <c:v>3.9E-2</c:v>
                </c:pt>
                <c:pt idx="2115">
                  <c:v>3.9199999999999999E-2</c:v>
                </c:pt>
                <c:pt idx="2116">
                  <c:v>3.8699999999999998E-2</c:v>
                </c:pt>
                <c:pt idx="2117">
                  <c:v>3.8399999999999997E-2</c:v>
                </c:pt>
                <c:pt idx="2118">
                  <c:v>3.73E-2</c:v>
                </c:pt>
                <c:pt idx="2119">
                  <c:v>3.6700000000000003E-2</c:v>
                </c:pt>
                <c:pt idx="2120">
                  <c:v>3.6299999999999999E-2</c:v>
                </c:pt>
                <c:pt idx="2121">
                  <c:v>3.6400000000000002E-2</c:v>
                </c:pt>
                <c:pt idx="2122">
                  <c:v>3.7400000000000003E-2</c:v>
                </c:pt>
                <c:pt idx="2123">
                  <c:v>3.8899999999999997E-2</c:v>
                </c:pt>
                <c:pt idx="2124">
                  <c:v>3.9199999999999999E-2</c:v>
                </c:pt>
                <c:pt idx="2125">
                  <c:v>3.8300000000000001E-2</c:v>
                </c:pt>
                <c:pt idx="2126">
                  <c:v>3.7600000000000001E-2</c:v>
                </c:pt>
                <c:pt idx="2127">
                  <c:v>3.7100000000000001E-2</c:v>
                </c:pt>
                <c:pt idx="2128">
                  <c:v>3.5700000000000003E-2</c:v>
                </c:pt>
                <c:pt idx="2129">
                  <c:v>3.61E-2</c:v>
                </c:pt>
                <c:pt idx="2130">
                  <c:v>3.3599999999999998E-2</c:v>
                </c:pt>
                <c:pt idx="2131">
                  <c:v>3.27E-2</c:v>
                </c:pt>
                <c:pt idx="2132">
                  <c:v>3.2199999999999999E-2</c:v>
                </c:pt>
                <c:pt idx="2133">
                  <c:v>3.1E-2</c:v>
                </c:pt>
                <c:pt idx="2134">
                  <c:v>3.0599999999999999E-2</c:v>
                </c:pt>
                <c:pt idx="2135">
                  <c:v>2.93E-2</c:v>
                </c:pt>
                <c:pt idx="2136">
                  <c:v>2.8299999999999999E-2</c:v>
                </c:pt>
                <c:pt idx="2137">
                  <c:v>2.6800000000000001E-2</c:v>
                </c:pt>
                <c:pt idx="2138">
                  <c:v>2.4400000000000002E-2</c:v>
                </c:pt>
                <c:pt idx="2139">
                  <c:v>2.3199999999999998E-2</c:v>
                </c:pt>
                <c:pt idx="2140">
                  <c:v>2.2100000000000002E-2</c:v>
                </c:pt>
                <c:pt idx="2141">
                  <c:v>2.1999999999999999E-2</c:v>
                </c:pt>
                <c:pt idx="2142">
                  <c:v>2.1600000000000001E-2</c:v>
                </c:pt>
                <c:pt idx="2143">
                  <c:v>2.1100000000000001E-2</c:v>
                </c:pt>
                <c:pt idx="2144">
                  <c:v>2.0299999999999999E-2</c:v>
                </c:pt>
                <c:pt idx="2145">
                  <c:v>2.0199999999999999E-2</c:v>
                </c:pt>
                <c:pt idx="2146">
                  <c:v>2.0799999999999999E-2</c:v>
                </c:pt>
                <c:pt idx="2147">
                  <c:v>2.1100000000000001E-2</c:v>
                </c:pt>
                <c:pt idx="2148">
                  <c:v>2.07E-2</c:v>
                </c:pt>
                <c:pt idx="2149">
                  <c:v>2.01E-2</c:v>
                </c:pt>
                <c:pt idx="2150">
                  <c:v>1.9800000000000002E-2</c:v>
                </c:pt>
                <c:pt idx="2151">
                  <c:v>2.0400000000000001E-2</c:v>
                </c:pt>
                <c:pt idx="2152">
                  <c:v>2.18E-2</c:v>
                </c:pt>
                <c:pt idx="2153">
                  <c:v>2.3900000000000001E-2</c:v>
                </c:pt>
                <c:pt idx="2154">
                  <c:v>2.5899999999999999E-2</c:v>
                </c:pt>
                <c:pt idx="2155">
                  <c:v>2.7E-2</c:v>
                </c:pt>
                <c:pt idx="2156">
                  <c:v>2.5499999999999998E-2</c:v>
                </c:pt>
                <c:pt idx="2157">
                  <c:v>2.69E-2</c:v>
                </c:pt>
                <c:pt idx="2158">
                  <c:v>2.4400000000000002E-2</c:v>
                </c:pt>
                <c:pt idx="2159">
                  <c:v>2.47E-2</c:v>
                </c:pt>
                <c:pt idx="2160">
                  <c:v>2.4400000000000002E-2</c:v>
                </c:pt>
                <c:pt idx="2161">
                  <c:v>2.4400000000000002E-2</c:v>
                </c:pt>
                <c:pt idx="2162">
                  <c:v>2.4299999999999999E-2</c:v>
                </c:pt>
                <c:pt idx="2163">
                  <c:v>2.52E-2</c:v>
                </c:pt>
                <c:pt idx="2164">
                  <c:v>2.6100000000000002E-2</c:v>
                </c:pt>
                <c:pt idx="2165">
                  <c:v>2.64E-2</c:v>
                </c:pt>
                <c:pt idx="2166">
                  <c:v>2.7400000000000001E-2</c:v>
                </c:pt>
                <c:pt idx="2167">
                  <c:v>2.7699999999999999E-2</c:v>
                </c:pt>
                <c:pt idx="2168">
                  <c:v>2.69E-2</c:v>
                </c:pt>
                <c:pt idx="2169">
                  <c:v>2.5700000000000001E-2</c:v>
                </c:pt>
                <c:pt idx="2170">
                  <c:v>2.7400000000000001E-2</c:v>
                </c:pt>
                <c:pt idx="2171">
                  <c:v>2.92E-2</c:v>
                </c:pt>
                <c:pt idx="2172">
                  <c:v>3.2300000000000002E-2</c:v>
                </c:pt>
                <c:pt idx="2173">
                  <c:v>3.5999999999999997E-2</c:v>
                </c:pt>
                <c:pt idx="2174">
                  <c:v>3.8899999999999997E-2</c:v>
                </c:pt>
                <c:pt idx="2175">
                  <c:v>4.1599999999999998E-2</c:v>
                </c:pt>
                <c:pt idx="2176">
                  <c:v>4.4200000000000003E-2</c:v>
                </c:pt>
                <c:pt idx="2177">
                  <c:v>4.6899999999999997E-2</c:v>
                </c:pt>
                <c:pt idx="2178">
                  <c:v>4.9500000000000002E-2</c:v>
                </c:pt>
                <c:pt idx="2179">
                  <c:v>5.2200000000000003E-2</c:v>
                </c:pt>
                <c:pt idx="2180">
                  <c:v>5.5300000000000002E-2</c:v>
                </c:pt>
                <c:pt idx="2181">
                  <c:v>5.9900000000000002E-2</c:v>
                </c:pt>
                <c:pt idx="2182">
                  <c:v>6.4699999999999994E-2</c:v>
                </c:pt>
                <c:pt idx="2183">
                  <c:v>7.0400000000000004E-2</c:v>
                </c:pt>
                <c:pt idx="2184">
                  <c:v>7.6499999999999999E-2</c:v>
                </c:pt>
                <c:pt idx="2185">
                  <c:v>7.3800000000000004E-2</c:v>
                </c:pt>
                <c:pt idx="2186">
                  <c:v>7.3200000000000001E-2</c:v>
                </c:pt>
                <c:pt idx="2187">
                  <c:v>7.2300000000000003E-2</c:v>
                </c:pt>
                <c:pt idx="2188">
                  <c:v>7.1999999999999995E-2</c:v>
                </c:pt>
                <c:pt idx="2189">
                  <c:v>7.1099999999999997E-2</c:v>
                </c:pt>
                <c:pt idx="2190">
                  <c:v>7.0000000000000007E-2</c:v>
                </c:pt>
                <c:pt idx="2191">
                  <c:v>6.8599999999999994E-2</c:v>
                </c:pt>
                <c:pt idx="2192">
                  <c:v>6.6299999999999998E-2</c:v>
                </c:pt>
                <c:pt idx="2193">
                  <c:v>6.0600000000000001E-2</c:v>
                </c:pt>
                <c:pt idx="2194">
                  <c:v>5.5800000000000002E-2</c:v>
                </c:pt>
                <c:pt idx="2195">
                  <c:v>5.3800000000000001E-2</c:v>
                </c:pt>
                <c:pt idx="2196">
                  <c:v>5.3400000000000003E-2</c:v>
                </c:pt>
                <c:pt idx="2197">
                  <c:v>5.04E-2</c:v>
                </c:pt>
                <c:pt idx="2198">
                  <c:v>4.4600000000000001E-2</c:v>
                </c:pt>
                <c:pt idx="2199">
                  <c:v>4.2200000000000001E-2</c:v>
                </c:pt>
                <c:pt idx="2200">
                  <c:v>4.7100000000000003E-2</c:v>
                </c:pt>
                <c:pt idx="2201">
                  <c:v>5.28E-2</c:v>
                </c:pt>
                <c:pt idx="2202">
                  <c:v>5.91E-2</c:v>
                </c:pt>
                <c:pt idx="2203">
                  <c:v>6.4899999999999999E-2</c:v>
                </c:pt>
                <c:pt idx="2204">
                  <c:v>6.9800000000000001E-2</c:v>
                </c:pt>
                <c:pt idx="2205">
                  <c:v>7.3999999999999996E-2</c:v>
                </c:pt>
                <c:pt idx="2206">
                  <c:v>7.8600000000000003E-2</c:v>
                </c:pt>
                <c:pt idx="2207">
                  <c:v>8.1500000000000003E-2</c:v>
                </c:pt>
                <c:pt idx="2208">
                  <c:v>7.8100000000000003E-2</c:v>
                </c:pt>
                <c:pt idx="2209">
                  <c:v>7.3200000000000001E-2</c:v>
                </c:pt>
                <c:pt idx="2210">
                  <c:v>7.1099999999999997E-2</c:v>
                </c:pt>
                <c:pt idx="2211">
                  <c:v>6.7500000000000004E-2</c:v>
                </c:pt>
                <c:pt idx="2212">
                  <c:v>6.6299999999999998E-2</c:v>
                </c:pt>
                <c:pt idx="2213">
                  <c:v>6.4799999999999996E-2</c:v>
                </c:pt>
                <c:pt idx="2214">
                  <c:v>6.0699999999999997E-2</c:v>
                </c:pt>
                <c:pt idx="2215">
                  <c:v>5.7099999999999998E-2</c:v>
                </c:pt>
                <c:pt idx="2216">
                  <c:v>5.2999999999999999E-2</c:v>
                </c:pt>
                <c:pt idx="2217">
                  <c:v>5.2499999999999998E-2</c:v>
                </c:pt>
                <c:pt idx="2218">
                  <c:v>5.3900000000000003E-2</c:v>
                </c:pt>
                <c:pt idx="2219">
                  <c:v>5.6099999999999997E-2</c:v>
                </c:pt>
                <c:pt idx="2220">
                  <c:v>5.57E-2</c:v>
                </c:pt>
                <c:pt idx="2221">
                  <c:v>5.2499999999999998E-2</c:v>
                </c:pt>
                <c:pt idx="2222">
                  <c:v>4.9200000000000001E-2</c:v>
                </c:pt>
                <c:pt idx="2223">
                  <c:v>5.0999999999999997E-2</c:v>
                </c:pt>
                <c:pt idx="2224">
                  <c:v>5.2299999999999999E-2</c:v>
                </c:pt>
                <c:pt idx="2225">
                  <c:v>5.4100000000000002E-2</c:v>
                </c:pt>
                <c:pt idx="2226">
                  <c:v>5.91E-2</c:v>
                </c:pt>
                <c:pt idx="2227">
                  <c:v>6.2E-2</c:v>
                </c:pt>
                <c:pt idx="2228">
                  <c:v>6.3E-2</c:v>
                </c:pt>
                <c:pt idx="2229">
                  <c:v>6.0499999999999998E-2</c:v>
                </c:pt>
                <c:pt idx="2230">
                  <c:v>5.8700000000000002E-2</c:v>
                </c:pt>
                <c:pt idx="2231">
                  <c:v>5.8700000000000002E-2</c:v>
                </c:pt>
                <c:pt idx="2232">
                  <c:v>5.8000000000000003E-2</c:v>
                </c:pt>
                <c:pt idx="2233">
                  <c:v>5.79E-2</c:v>
                </c:pt>
                <c:pt idx="2234">
                  <c:v>5.6899999999999999E-2</c:v>
                </c:pt>
                <c:pt idx="2235">
                  <c:v>5.57E-2</c:v>
                </c:pt>
                <c:pt idx="2236">
                  <c:v>5.6399999999999999E-2</c:v>
                </c:pt>
                <c:pt idx="2237">
                  <c:v>6.0499999999999998E-2</c:v>
                </c:pt>
                <c:pt idx="2238">
                  <c:v>6.7299999999999999E-2</c:v>
                </c:pt>
                <c:pt idx="2239">
                  <c:v>7.4099999999999999E-2</c:v>
                </c:pt>
                <c:pt idx="2240">
                  <c:v>8.2100000000000006E-2</c:v>
                </c:pt>
                <c:pt idx="2241">
                  <c:v>8.8200000000000001E-2</c:v>
                </c:pt>
                <c:pt idx="2242">
                  <c:v>9.1399999999999995E-2</c:v>
                </c:pt>
                <c:pt idx="2243">
                  <c:v>9.4200000000000006E-2</c:v>
                </c:pt>
                <c:pt idx="2244">
                  <c:v>9.7799999999999998E-2</c:v>
                </c:pt>
                <c:pt idx="2245">
                  <c:v>0.1016</c:v>
                </c:pt>
                <c:pt idx="2246">
                  <c:v>0.1045</c:v>
                </c:pt>
                <c:pt idx="2247">
                  <c:v>0.1069</c:v>
                </c:pt>
                <c:pt idx="2248">
                  <c:v>0.1079</c:v>
                </c:pt>
                <c:pt idx="2249">
                  <c:v>0.10879999999999999</c:v>
                </c:pt>
                <c:pt idx="2250">
                  <c:v>0.1103</c:v>
                </c:pt>
                <c:pt idx="2251">
                  <c:v>0.1105</c:v>
                </c:pt>
                <c:pt idx="2252">
                  <c:v>0.1096</c:v>
                </c:pt>
                <c:pt idx="2253">
                  <c:v>0.1085</c:v>
                </c:pt>
                <c:pt idx="2254">
                  <c:v>0.1074</c:v>
                </c:pt>
                <c:pt idx="2255">
                  <c:v>0.1047</c:v>
                </c:pt>
                <c:pt idx="2256">
                  <c:v>0.1018</c:v>
                </c:pt>
                <c:pt idx="2257">
                  <c:v>0.1003</c:v>
                </c:pt>
                <c:pt idx="2258">
                  <c:v>9.8000000000000004E-2</c:v>
                </c:pt>
                <c:pt idx="2259">
                  <c:v>9.4E-2</c:v>
                </c:pt>
                <c:pt idx="2260">
                  <c:v>8.7900000000000006E-2</c:v>
                </c:pt>
                <c:pt idx="2261">
                  <c:v>8.2799999999999999E-2</c:v>
                </c:pt>
                <c:pt idx="2262">
                  <c:v>7.9799999999999996E-2</c:v>
                </c:pt>
                <c:pt idx="2263">
                  <c:v>7.8299999999999995E-2</c:v>
                </c:pt>
                <c:pt idx="2264">
                  <c:v>7.7399999999999997E-2</c:v>
                </c:pt>
                <c:pt idx="2265">
                  <c:v>7.9200000000000007E-2</c:v>
                </c:pt>
                <c:pt idx="2266">
                  <c:v>8.1699999999999995E-2</c:v>
                </c:pt>
                <c:pt idx="2267">
                  <c:v>8.8499999999999995E-2</c:v>
                </c:pt>
                <c:pt idx="2268">
                  <c:v>9.8900000000000002E-2</c:v>
                </c:pt>
                <c:pt idx="2269">
                  <c:v>0.1085</c:v>
                </c:pt>
                <c:pt idx="2270">
                  <c:v>0.1188</c:v>
                </c:pt>
                <c:pt idx="2271">
                  <c:v>0.12559999999999999</c:v>
                </c:pt>
                <c:pt idx="2272">
                  <c:v>0.129</c:v>
                </c:pt>
                <c:pt idx="2273">
                  <c:v>0.13070000000000001</c:v>
                </c:pt>
                <c:pt idx="2274">
                  <c:v>0.13569999999999999</c:v>
                </c:pt>
                <c:pt idx="2275">
                  <c:v>0.13489999999999999</c:v>
                </c:pt>
                <c:pt idx="2276">
                  <c:v>0.13539999999999999</c:v>
                </c:pt>
                <c:pt idx="2277">
                  <c:v>0.13539999999999999</c:v>
                </c:pt>
                <c:pt idx="2278">
                  <c:v>0.13780000000000001</c:v>
                </c:pt>
                <c:pt idx="2279">
                  <c:v>0.1338</c:v>
                </c:pt>
                <c:pt idx="2280">
                  <c:v>0.1206</c:v>
                </c:pt>
                <c:pt idx="2281">
                  <c:v>0.1096</c:v>
                </c:pt>
                <c:pt idx="2282">
                  <c:v>0.1037</c:v>
                </c:pt>
                <c:pt idx="2283">
                  <c:v>9.5500000000000002E-2</c:v>
                </c:pt>
                <c:pt idx="2284">
                  <c:v>8.8999999999999996E-2</c:v>
                </c:pt>
                <c:pt idx="2285">
                  <c:v>8.3199999999999996E-2</c:v>
                </c:pt>
                <c:pt idx="2286">
                  <c:v>7.6100000000000001E-2</c:v>
                </c:pt>
                <c:pt idx="2287">
                  <c:v>6.9699999999999998E-2</c:v>
                </c:pt>
                <c:pt idx="2288">
                  <c:v>6.3600000000000004E-2</c:v>
                </c:pt>
                <c:pt idx="2289">
                  <c:v>6.0499999999999998E-2</c:v>
                </c:pt>
                <c:pt idx="2290">
                  <c:v>5.6399999999999999E-2</c:v>
                </c:pt>
                <c:pt idx="2291">
                  <c:v>5.4399999999999997E-2</c:v>
                </c:pt>
                <c:pt idx="2292">
                  <c:v>5.9299999999999999E-2</c:v>
                </c:pt>
                <c:pt idx="2293">
                  <c:v>6.4299999999999996E-2</c:v>
                </c:pt>
                <c:pt idx="2294">
                  <c:v>6.6000000000000003E-2</c:v>
                </c:pt>
                <c:pt idx="2295">
                  <c:v>6.8099999999999994E-2</c:v>
                </c:pt>
                <c:pt idx="2296">
                  <c:v>7.5499999999999998E-2</c:v>
                </c:pt>
                <c:pt idx="2297">
                  <c:v>8.3500000000000005E-2</c:v>
                </c:pt>
                <c:pt idx="2298">
                  <c:v>8.9099999999999999E-2</c:v>
                </c:pt>
                <c:pt idx="2299">
                  <c:v>9.5000000000000001E-2</c:v>
                </c:pt>
                <c:pt idx="2300">
                  <c:v>9.9699999999999997E-2</c:v>
                </c:pt>
                <c:pt idx="2301">
                  <c:v>0.10340000000000001</c:v>
                </c:pt>
                <c:pt idx="2302">
                  <c:v>0.104</c:v>
                </c:pt>
                <c:pt idx="2303">
                  <c:v>0.1041</c:v>
                </c:pt>
                <c:pt idx="2304">
                  <c:v>0.1052</c:v>
                </c:pt>
                <c:pt idx="2305">
                  <c:v>0.107</c:v>
                </c:pt>
                <c:pt idx="2306">
                  <c:v>0.1101</c:v>
                </c:pt>
                <c:pt idx="2307">
                  <c:v>0.1144</c:v>
                </c:pt>
                <c:pt idx="2308">
                  <c:v>0.11749999999999999</c:v>
                </c:pt>
                <c:pt idx="2309">
                  <c:v>0.1176</c:v>
                </c:pt>
                <c:pt idx="2310">
                  <c:v>0.1118</c:v>
                </c:pt>
                <c:pt idx="2311">
                  <c:v>0.10929999999999999</c:v>
                </c:pt>
                <c:pt idx="2312">
                  <c:v>0.1062</c:v>
                </c:pt>
                <c:pt idx="2313">
                  <c:v>0.10390000000000001</c:v>
                </c:pt>
                <c:pt idx="2314">
                  <c:v>0.1021</c:v>
                </c:pt>
                <c:pt idx="2315">
                  <c:v>0.10150000000000001</c:v>
                </c:pt>
                <c:pt idx="2316">
                  <c:v>0.1026</c:v>
                </c:pt>
                <c:pt idx="2317">
                  <c:v>9.9900000000000003E-2</c:v>
                </c:pt>
                <c:pt idx="2318">
                  <c:v>0.10009999999999999</c:v>
                </c:pt>
                <c:pt idx="2319">
                  <c:v>9.6799999999999997E-2</c:v>
                </c:pt>
                <c:pt idx="2320">
                  <c:v>9.64E-2</c:v>
                </c:pt>
                <c:pt idx="2321">
                  <c:v>9.5500000000000002E-2</c:v>
                </c:pt>
                <c:pt idx="2322">
                  <c:v>9.4600000000000004E-2</c:v>
                </c:pt>
                <c:pt idx="2323">
                  <c:v>9.2299999999999993E-2</c:v>
                </c:pt>
                <c:pt idx="2324">
                  <c:v>9.1600000000000001E-2</c:v>
                </c:pt>
                <c:pt idx="2325">
                  <c:v>9.4100000000000003E-2</c:v>
                </c:pt>
                <c:pt idx="2326">
                  <c:v>0.1036</c:v>
                </c:pt>
                <c:pt idx="2327">
                  <c:v>0.1133</c:v>
                </c:pt>
                <c:pt idx="2328">
                  <c:v>0.1227</c:v>
                </c:pt>
                <c:pt idx="2329">
                  <c:v>0.127</c:v>
                </c:pt>
                <c:pt idx="2330">
                  <c:v>0.13389999999999999</c:v>
                </c:pt>
                <c:pt idx="2331">
                  <c:v>0.1396</c:v>
                </c:pt>
                <c:pt idx="2332">
                  <c:v>0.14699999999999999</c:v>
                </c:pt>
                <c:pt idx="2333">
                  <c:v>0.1547</c:v>
                </c:pt>
                <c:pt idx="2334">
                  <c:v>0.1583</c:v>
                </c:pt>
                <c:pt idx="2335">
                  <c:v>0.15740000000000001</c:v>
                </c:pt>
                <c:pt idx="2336">
                  <c:v>0.157</c:v>
                </c:pt>
                <c:pt idx="2337">
                  <c:v>0.15260000000000001</c:v>
                </c:pt>
                <c:pt idx="2338">
                  <c:v>0.1479</c:v>
                </c:pt>
                <c:pt idx="2339">
                  <c:v>0.13650000000000001</c:v>
                </c:pt>
                <c:pt idx="2340">
                  <c:v>0.1236</c:v>
                </c:pt>
                <c:pt idx="2341">
                  <c:v>0.1143</c:v>
                </c:pt>
                <c:pt idx="2342">
                  <c:v>0.1071</c:v>
                </c:pt>
                <c:pt idx="2343">
                  <c:v>0.1074</c:v>
                </c:pt>
                <c:pt idx="2344">
                  <c:v>0.1128</c:v>
                </c:pt>
                <c:pt idx="2345">
                  <c:v>0.12180000000000001</c:v>
                </c:pt>
                <c:pt idx="2346">
                  <c:v>0.1331</c:v>
                </c:pt>
                <c:pt idx="2347">
                  <c:v>0.14030000000000001</c:v>
                </c:pt>
                <c:pt idx="2348">
                  <c:v>0.14269999999999999</c:v>
                </c:pt>
                <c:pt idx="2349">
                  <c:v>0.14899999999999999</c:v>
                </c:pt>
                <c:pt idx="2350">
                  <c:v>0.1565</c:v>
                </c:pt>
                <c:pt idx="2351">
                  <c:v>0.16650000000000001</c:v>
                </c:pt>
                <c:pt idx="2352">
                  <c:v>0.1792</c:v>
                </c:pt>
                <c:pt idx="2353">
                  <c:v>0.1895</c:v>
                </c:pt>
                <c:pt idx="2354">
                  <c:v>0.19919999999999999</c:v>
                </c:pt>
                <c:pt idx="2355">
                  <c:v>0.20760000000000001</c:v>
                </c:pt>
                <c:pt idx="2356">
                  <c:v>0.21199999999999999</c:v>
                </c:pt>
                <c:pt idx="2357">
                  <c:v>0.2049</c:v>
                </c:pt>
                <c:pt idx="2358">
                  <c:v>0.19159999999999999</c:v>
                </c:pt>
                <c:pt idx="2359">
                  <c:v>0.17599999999999999</c:v>
                </c:pt>
                <c:pt idx="2360">
                  <c:v>0.15690000000000001</c:v>
                </c:pt>
                <c:pt idx="2361">
                  <c:v>0.13730000000000001</c:v>
                </c:pt>
                <c:pt idx="2362">
                  <c:v>0.12770000000000001</c:v>
                </c:pt>
                <c:pt idx="2363">
                  <c:v>0.1176</c:v>
                </c:pt>
                <c:pt idx="2364">
                  <c:v>0.1105</c:v>
                </c:pt>
                <c:pt idx="2365">
                  <c:v>0.10059999999999999</c:v>
                </c:pt>
                <c:pt idx="2366">
                  <c:v>9.0800000000000006E-2</c:v>
                </c:pt>
                <c:pt idx="2367">
                  <c:v>7.6300000000000007E-2</c:v>
                </c:pt>
                <c:pt idx="2368">
                  <c:v>6.6900000000000001E-2</c:v>
                </c:pt>
                <c:pt idx="2369">
                  <c:v>6.2300000000000001E-2</c:v>
                </c:pt>
                <c:pt idx="2370">
                  <c:v>6.2199999999999998E-2</c:v>
                </c:pt>
                <c:pt idx="2371">
                  <c:v>6.7599999999999993E-2</c:v>
                </c:pt>
                <c:pt idx="2372">
                  <c:v>7.1999999999999995E-2</c:v>
                </c:pt>
                <c:pt idx="2373">
                  <c:v>7.6200000000000004E-2</c:v>
                </c:pt>
                <c:pt idx="2374">
                  <c:v>8.2400000000000001E-2</c:v>
                </c:pt>
                <c:pt idx="2375">
                  <c:v>8.8099999999999998E-2</c:v>
                </c:pt>
                <c:pt idx="2376">
                  <c:v>9.2100000000000001E-2</c:v>
                </c:pt>
                <c:pt idx="2377">
                  <c:v>9.01E-2</c:v>
                </c:pt>
                <c:pt idx="2378">
                  <c:v>8.8200000000000001E-2</c:v>
                </c:pt>
                <c:pt idx="2379">
                  <c:v>8.6400000000000005E-2</c:v>
                </c:pt>
                <c:pt idx="2380">
                  <c:v>8.6400000000000005E-2</c:v>
                </c:pt>
                <c:pt idx="2381">
                  <c:v>8.6300000000000002E-2</c:v>
                </c:pt>
                <c:pt idx="2382">
                  <c:v>8.6599999999999996E-2</c:v>
                </c:pt>
                <c:pt idx="2383">
                  <c:v>8.72E-2</c:v>
                </c:pt>
                <c:pt idx="2384">
                  <c:v>8.3799999999999999E-2</c:v>
                </c:pt>
                <c:pt idx="2385">
                  <c:v>8.3799999999999999E-2</c:v>
                </c:pt>
                <c:pt idx="2386">
                  <c:v>8.3199999999999996E-2</c:v>
                </c:pt>
                <c:pt idx="2387">
                  <c:v>8.6599999999999996E-2</c:v>
                </c:pt>
                <c:pt idx="2388">
                  <c:v>8.7400000000000005E-2</c:v>
                </c:pt>
                <c:pt idx="2389">
                  <c:v>8.6400000000000005E-2</c:v>
                </c:pt>
                <c:pt idx="2390">
                  <c:v>8.0799999999999997E-2</c:v>
                </c:pt>
                <c:pt idx="2391">
                  <c:v>7.9899999999999999E-2</c:v>
                </c:pt>
                <c:pt idx="2392">
                  <c:v>7.9500000000000001E-2</c:v>
                </c:pt>
                <c:pt idx="2393">
                  <c:v>8.0299999999999996E-2</c:v>
                </c:pt>
                <c:pt idx="2394">
                  <c:v>8.09E-2</c:v>
                </c:pt>
                <c:pt idx="2395">
                  <c:v>8.1900000000000001E-2</c:v>
                </c:pt>
                <c:pt idx="2396">
                  <c:v>8.3099999999999993E-2</c:v>
                </c:pt>
                <c:pt idx="2397">
                  <c:v>8.7400000000000005E-2</c:v>
                </c:pt>
                <c:pt idx="2398">
                  <c:v>9.1600000000000001E-2</c:v>
                </c:pt>
                <c:pt idx="2399">
                  <c:v>9.7900000000000001E-2</c:v>
                </c:pt>
                <c:pt idx="2400">
                  <c:v>0.1037</c:v>
                </c:pt>
                <c:pt idx="2401">
                  <c:v>0.10730000000000001</c:v>
                </c:pt>
                <c:pt idx="2402">
                  <c:v>0.11</c:v>
                </c:pt>
                <c:pt idx="2403">
                  <c:v>0.1129</c:v>
                </c:pt>
                <c:pt idx="2404">
                  <c:v>0.1179</c:v>
                </c:pt>
                <c:pt idx="2405">
                  <c:v>0.12379999999999999</c:v>
                </c:pt>
                <c:pt idx="2406">
                  <c:v>0.1298</c:v>
                </c:pt>
                <c:pt idx="2407">
                  <c:v>0.1341</c:v>
                </c:pt>
                <c:pt idx="2408">
                  <c:v>0.13719999999999999</c:v>
                </c:pt>
                <c:pt idx="2409">
                  <c:v>0.1399</c:v>
                </c:pt>
                <c:pt idx="2410">
                  <c:v>0.14249999999999999</c:v>
                </c:pt>
                <c:pt idx="2411">
                  <c:v>0.14530000000000001</c:v>
                </c:pt>
                <c:pt idx="2412">
                  <c:v>0.14530000000000001</c:v>
                </c:pt>
                <c:pt idx="2413">
                  <c:v>0.14499999999999999</c:v>
                </c:pt>
                <c:pt idx="2414">
                  <c:v>0.14369999999999999</c:v>
                </c:pt>
                <c:pt idx="2415">
                  <c:v>0.14319999999999999</c:v>
                </c:pt>
                <c:pt idx="2416">
                  <c:v>0.1434</c:v>
                </c:pt>
                <c:pt idx="2417">
                  <c:v>0.1434</c:v>
                </c:pt>
                <c:pt idx="2418">
                  <c:v>0.14369999999999999</c:v>
                </c:pt>
                <c:pt idx="2419">
                  <c:v>0.14360000000000001</c:v>
                </c:pt>
                <c:pt idx="2420">
                  <c:v>0.14219999999999999</c:v>
                </c:pt>
                <c:pt idx="2421">
                  <c:v>0.1411</c:v>
                </c:pt>
                <c:pt idx="2422">
                  <c:v>0.13930000000000001</c:v>
                </c:pt>
                <c:pt idx="2423">
                  <c:v>0.1389</c:v>
                </c:pt>
                <c:pt idx="2424">
                  <c:v>0.1404</c:v>
                </c:pt>
                <c:pt idx="2425">
                  <c:v>0.14199999999999999</c:v>
                </c:pt>
                <c:pt idx="2426">
                  <c:v>0.14319999999999999</c:v>
                </c:pt>
                <c:pt idx="2427">
                  <c:v>0.14369999999999999</c:v>
                </c:pt>
                <c:pt idx="2428">
                  <c:v>0.14050000000000001</c:v>
                </c:pt>
                <c:pt idx="2429">
                  <c:v>0.1384</c:v>
                </c:pt>
                <c:pt idx="2430">
                  <c:v>0.13500000000000001</c:v>
                </c:pt>
                <c:pt idx="2431">
                  <c:v>0.13400000000000001</c:v>
                </c:pt>
                <c:pt idx="2432">
                  <c:v>0.1323</c:v>
                </c:pt>
                <c:pt idx="2433">
                  <c:v>0.1293</c:v>
                </c:pt>
                <c:pt idx="2434">
                  <c:v>0.1293</c:v>
                </c:pt>
                <c:pt idx="2435">
                  <c:v>0.1323</c:v>
                </c:pt>
                <c:pt idx="2436">
                  <c:v>0.13869999999999999</c:v>
                </c:pt>
                <c:pt idx="2437">
                  <c:v>0.15429999999999999</c:v>
                </c:pt>
                <c:pt idx="2438">
                  <c:v>0.16800000000000001</c:v>
                </c:pt>
                <c:pt idx="2439">
                  <c:v>0.18129999999999999</c:v>
                </c:pt>
                <c:pt idx="2440">
                  <c:v>0.1933</c:v>
                </c:pt>
                <c:pt idx="2441">
                  <c:v>0.19239999999999999</c:v>
                </c:pt>
                <c:pt idx="2442">
                  <c:v>0.18459999999999999</c:v>
                </c:pt>
                <c:pt idx="2443">
                  <c:v>0.1731</c:v>
                </c:pt>
                <c:pt idx="2444">
                  <c:v>0.16470000000000001</c:v>
                </c:pt>
                <c:pt idx="2445">
                  <c:v>0.15670000000000001</c:v>
                </c:pt>
                <c:pt idx="2446">
                  <c:v>0.1522</c:v>
                </c:pt>
                <c:pt idx="2447">
                  <c:v>0.15049999999999999</c:v>
                </c:pt>
                <c:pt idx="2448">
                  <c:v>0.15110000000000001</c:v>
                </c:pt>
                <c:pt idx="2449">
                  <c:v>0.14910000000000001</c:v>
                </c:pt>
                <c:pt idx="2450">
                  <c:v>0.13739999999999999</c:v>
                </c:pt>
                <c:pt idx="2451">
                  <c:v>0.13009999999999999</c:v>
                </c:pt>
                <c:pt idx="2452">
                  <c:v>0.12330000000000001</c:v>
                </c:pt>
                <c:pt idx="2453">
                  <c:v>0.1163</c:v>
                </c:pt>
                <c:pt idx="2454">
                  <c:v>0.1075</c:v>
                </c:pt>
                <c:pt idx="2455">
                  <c:v>0.1027</c:v>
                </c:pt>
                <c:pt idx="2456">
                  <c:v>9.2399999999999996E-2</c:v>
                </c:pt>
                <c:pt idx="2457">
                  <c:v>7.6799999999999993E-2</c:v>
                </c:pt>
                <c:pt idx="2458">
                  <c:v>6.4600000000000005E-2</c:v>
                </c:pt>
                <c:pt idx="2459">
                  <c:v>5.9200000000000003E-2</c:v>
                </c:pt>
                <c:pt idx="2460">
                  <c:v>6.2199999999999998E-2</c:v>
                </c:pt>
                <c:pt idx="2461">
                  <c:v>6.1100000000000002E-2</c:v>
                </c:pt>
                <c:pt idx="2462">
                  <c:v>5.4699999999999999E-2</c:v>
                </c:pt>
                <c:pt idx="2463">
                  <c:v>4.8800000000000003E-2</c:v>
                </c:pt>
                <c:pt idx="2464">
                  <c:v>4.9000000000000002E-2</c:v>
                </c:pt>
                <c:pt idx="2465">
                  <c:v>5.3400000000000003E-2</c:v>
                </c:pt>
                <c:pt idx="2466">
                  <c:v>5.9799999999999999E-2</c:v>
                </c:pt>
                <c:pt idx="2467">
                  <c:v>6.59E-2</c:v>
                </c:pt>
                <c:pt idx="2468">
                  <c:v>7.1599999999999997E-2</c:v>
                </c:pt>
                <c:pt idx="2469">
                  <c:v>7.9000000000000001E-2</c:v>
                </c:pt>
                <c:pt idx="2470">
                  <c:v>8.5099999999999995E-2</c:v>
                </c:pt>
                <c:pt idx="2471">
                  <c:v>9.0800000000000006E-2</c:v>
                </c:pt>
                <c:pt idx="2472">
                  <c:v>9.64E-2</c:v>
                </c:pt>
                <c:pt idx="2473">
                  <c:v>9.9599999999999994E-2</c:v>
                </c:pt>
                <c:pt idx="2474">
                  <c:v>0.10199999999999999</c:v>
                </c:pt>
                <c:pt idx="2475">
                  <c:v>0.1036</c:v>
                </c:pt>
                <c:pt idx="2476">
                  <c:v>0.1037</c:v>
                </c:pt>
                <c:pt idx="2477">
                  <c:v>0.1036</c:v>
                </c:pt>
                <c:pt idx="2478">
                  <c:v>0.1051</c:v>
                </c:pt>
                <c:pt idx="2479">
                  <c:v>0.1057</c:v>
                </c:pt>
                <c:pt idx="2480">
                  <c:v>0.1062</c:v>
                </c:pt>
                <c:pt idx="2481">
                  <c:v>0.10630000000000001</c:v>
                </c:pt>
                <c:pt idx="2482">
                  <c:v>0.1065</c:v>
                </c:pt>
                <c:pt idx="2483">
                  <c:v>0.10630000000000001</c:v>
                </c:pt>
                <c:pt idx="2484">
                  <c:v>0.10630000000000001</c:v>
                </c:pt>
                <c:pt idx="2485">
                  <c:v>0.1069</c:v>
                </c:pt>
                <c:pt idx="2486">
                  <c:v>0.1065</c:v>
                </c:pt>
                <c:pt idx="2487">
                  <c:v>0.10639999999999999</c:v>
                </c:pt>
                <c:pt idx="2488">
                  <c:v>0.1065</c:v>
                </c:pt>
                <c:pt idx="2489">
                  <c:v>0.1072</c:v>
                </c:pt>
                <c:pt idx="2490">
                  <c:v>0.1085</c:v>
                </c:pt>
                <c:pt idx="2491">
                  <c:v>0.1091</c:v>
                </c:pt>
                <c:pt idx="2492">
                  <c:v>0.106</c:v>
                </c:pt>
                <c:pt idx="2493">
                  <c:v>0.1017</c:v>
                </c:pt>
                <c:pt idx="2494">
                  <c:v>9.7500000000000003E-2</c:v>
                </c:pt>
                <c:pt idx="2495">
                  <c:v>9.4600000000000004E-2</c:v>
                </c:pt>
                <c:pt idx="2496">
                  <c:v>9.2799999999999994E-2</c:v>
                </c:pt>
                <c:pt idx="2497">
                  <c:v>9.1899999999999996E-2</c:v>
                </c:pt>
                <c:pt idx="2498">
                  <c:v>8.9599999999999999E-2</c:v>
                </c:pt>
                <c:pt idx="2499">
                  <c:v>8.7599999999999997E-2</c:v>
                </c:pt>
                <c:pt idx="2500">
                  <c:v>8.6699999999999999E-2</c:v>
                </c:pt>
                <c:pt idx="2501">
                  <c:v>8.7800000000000003E-2</c:v>
                </c:pt>
                <c:pt idx="2502">
                  <c:v>9.2299999999999993E-2</c:v>
                </c:pt>
                <c:pt idx="2503">
                  <c:v>9.8100000000000007E-2</c:v>
                </c:pt>
                <c:pt idx="2504">
                  <c:v>0.1055</c:v>
                </c:pt>
                <c:pt idx="2505">
                  <c:v>0.1167</c:v>
                </c:pt>
                <c:pt idx="2506">
                  <c:v>0.13059999999999999</c:v>
                </c:pt>
                <c:pt idx="2507">
                  <c:v>0.1452</c:v>
                </c:pt>
                <c:pt idx="2508">
                  <c:v>0.1608</c:v>
                </c:pt>
                <c:pt idx="2509">
                  <c:v>0.17949999999999999</c:v>
                </c:pt>
                <c:pt idx="2510">
                  <c:v>0.2024</c:v>
                </c:pt>
                <c:pt idx="2511">
                  <c:v>0.22289999999999999</c:v>
                </c:pt>
                <c:pt idx="2512">
                  <c:v>0.21940000000000001</c:v>
                </c:pt>
                <c:pt idx="2513">
                  <c:v>0.21540000000000001</c:v>
                </c:pt>
                <c:pt idx="2514">
                  <c:v>0.2054</c:v>
                </c:pt>
                <c:pt idx="2515">
                  <c:v>0.19750000000000001</c:v>
                </c:pt>
                <c:pt idx="2516">
                  <c:v>0.188</c:v>
                </c:pt>
                <c:pt idx="2517">
                  <c:v>0.1784</c:v>
                </c:pt>
                <c:pt idx="2518">
                  <c:v>0.17419999999999999</c:v>
                </c:pt>
                <c:pt idx="2519">
                  <c:v>0.17199999999999999</c:v>
                </c:pt>
                <c:pt idx="2520">
                  <c:v>0.16500000000000001</c:v>
                </c:pt>
                <c:pt idx="2521">
                  <c:v>0.15659999999999999</c:v>
                </c:pt>
                <c:pt idx="2522">
                  <c:v>0.15310000000000001</c:v>
                </c:pt>
                <c:pt idx="2523">
                  <c:v>0.1472</c:v>
                </c:pt>
                <c:pt idx="2524">
                  <c:v>0.14530000000000001</c:v>
                </c:pt>
                <c:pt idx="2525">
                  <c:v>0.1396</c:v>
                </c:pt>
                <c:pt idx="2526">
                  <c:v>0.1268</c:v>
                </c:pt>
                <c:pt idx="2527">
                  <c:v>0.11219999999999999</c:v>
                </c:pt>
                <c:pt idx="2528">
                  <c:v>0.1096</c:v>
                </c:pt>
                <c:pt idx="2529">
                  <c:v>0.1062</c:v>
                </c:pt>
                <c:pt idx="2530">
                  <c:v>8.8099999999999998E-2</c:v>
                </c:pt>
                <c:pt idx="2531">
                  <c:v>7.5600000000000001E-2</c:v>
                </c:pt>
                <c:pt idx="2532">
                  <c:v>7.8399999999999997E-2</c:v>
                </c:pt>
                <c:pt idx="2533">
                  <c:v>7.9500000000000001E-2</c:v>
                </c:pt>
                <c:pt idx="2534">
                  <c:v>8.2100000000000006E-2</c:v>
                </c:pt>
                <c:pt idx="2535">
                  <c:v>8.6999999999999994E-2</c:v>
                </c:pt>
                <c:pt idx="2536">
                  <c:v>9.4E-2</c:v>
                </c:pt>
                <c:pt idx="2537">
                  <c:v>9.7000000000000003E-2</c:v>
                </c:pt>
                <c:pt idx="2538">
                  <c:v>9.8000000000000004E-2</c:v>
                </c:pt>
                <c:pt idx="2539">
                  <c:v>9.9699999999999997E-2</c:v>
                </c:pt>
                <c:pt idx="2540">
                  <c:v>0.1007</c:v>
                </c:pt>
                <c:pt idx="2541">
                  <c:v>0.10249999999999999</c:v>
                </c:pt>
                <c:pt idx="2542">
                  <c:v>0.1066</c:v>
                </c:pt>
                <c:pt idx="2543">
                  <c:v>0.1094</c:v>
                </c:pt>
                <c:pt idx="2544">
                  <c:v>0.1114</c:v>
                </c:pt>
                <c:pt idx="2545">
                  <c:v>0.1129</c:v>
                </c:pt>
                <c:pt idx="2546">
                  <c:v>0.1144</c:v>
                </c:pt>
                <c:pt idx="2547">
                  <c:v>0.1148</c:v>
                </c:pt>
                <c:pt idx="2548">
                  <c:v>0.11459999999999999</c:v>
                </c:pt>
                <c:pt idx="2549">
                  <c:v>0.11260000000000001</c:v>
                </c:pt>
                <c:pt idx="2550">
                  <c:v>0.10879999999999999</c:v>
                </c:pt>
                <c:pt idx="2551">
                  <c:v>0.1042</c:v>
                </c:pt>
                <c:pt idx="2552">
                  <c:v>9.9299999999999999E-2</c:v>
                </c:pt>
                <c:pt idx="2553">
                  <c:v>9.7699999999999995E-2</c:v>
                </c:pt>
                <c:pt idx="2554">
                  <c:v>9.7600000000000006E-2</c:v>
                </c:pt>
                <c:pt idx="2555">
                  <c:v>9.8699999999999996E-2</c:v>
                </c:pt>
                <c:pt idx="2556">
                  <c:v>0.1016</c:v>
                </c:pt>
                <c:pt idx="2557">
                  <c:v>0.1067</c:v>
                </c:pt>
                <c:pt idx="2558">
                  <c:v>0.1128</c:v>
                </c:pt>
                <c:pt idx="2559">
                  <c:v>0.1195</c:v>
                </c:pt>
                <c:pt idx="2560">
                  <c:v>0.1265</c:v>
                </c:pt>
                <c:pt idx="2561">
                  <c:v>0.13420000000000001</c:v>
                </c:pt>
                <c:pt idx="2562">
                  <c:v>0.14549999999999999</c:v>
                </c:pt>
                <c:pt idx="2563">
                  <c:v>0.15229999999999999</c:v>
                </c:pt>
                <c:pt idx="2564">
                  <c:v>0.16020000000000001</c:v>
                </c:pt>
                <c:pt idx="2565">
                  <c:v>0.17100000000000001</c:v>
                </c:pt>
                <c:pt idx="2566">
                  <c:v>0.1754</c:v>
                </c:pt>
                <c:pt idx="2567">
                  <c:v>0.1749</c:v>
                </c:pt>
                <c:pt idx="2568">
                  <c:v>0.17319999999999999</c:v>
                </c:pt>
                <c:pt idx="2569">
                  <c:v>0.17169999999999999</c:v>
                </c:pt>
                <c:pt idx="2570">
                  <c:v>0.16569999999999999</c:v>
                </c:pt>
                <c:pt idx="2571">
                  <c:v>0.1527</c:v>
                </c:pt>
                <c:pt idx="2572">
                  <c:v>0.13550000000000001</c:v>
                </c:pt>
                <c:pt idx="2573">
                  <c:v>0.1211</c:v>
                </c:pt>
                <c:pt idx="2574">
                  <c:v>0.1067</c:v>
                </c:pt>
                <c:pt idx="2575">
                  <c:v>9.5299999999999996E-2</c:v>
                </c:pt>
                <c:pt idx="2576">
                  <c:v>8.9399999999999993E-2</c:v>
                </c:pt>
                <c:pt idx="2577">
                  <c:v>8.2500000000000004E-2</c:v>
                </c:pt>
                <c:pt idx="2578">
                  <c:v>7.5600000000000001E-2</c:v>
                </c:pt>
                <c:pt idx="2579">
                  <c:v>7.0000000000000007E-2</c:v>
                </c:pt>
                <c:pt idx="2580">
                  <c:v>6.54E-2</c:v>
                </c:pt>
                <c:pt idx="2581">
                  <c:v>6.0499999999999998E-2</c:v>
                </c:pt>
                <c:pt idx="2582">
                  <c:v>5.2299999999999999E-2</c:v>
                </c:pt>
                <c:pt idx="2583">
                  <c:v>4.3700000000000003E-2</c:v>
                </c:pt>
                <c:pt idx="2584">
                  <c:v>4.1000000000000002E-2</c:v>
                </c:pt>
                <c:pt idx="2585">
                  <c:v>4.2500000000000003E-2</c:v>
                </c:pt>
                <c:pt idx="2586">
                  <c:v>4.4299999999999999E-2</c:v>
                </c:pt>
                <c:pt idx="2587">
                  <c:v>4.7600000000000003E-2</c:v>
                </c:pt>
                <c:pt idx="2588">
                  <c:v>5.0900000000000001E-2</c:v>
                </c:pt>
                <c:pt idx="2589">
                  <c:v>4.8800000000000003E-2</c:v>
                </c:pt>
                <c:pt idx="2590">
                  <c:v>4.7600000000000003E-2</c:v>
                </c:pt>
                <c:pt idx="2591">
                  <c:v>5.0299999999999997E-2</c:v>
                </c:pt>
                <c:pt idx="2592">
                  <c:v>5.3600000000000002E-2</c:v>
                </c:pt>
                <c:pt idx="2593">
                  <c:v>5.9400000000000001E-2</c:v>
                </c:pt>
                <c:pt idx="2594">
                  <c:v>6.3399999999999998E-2</c:v>
                </c:pt>
                <c:pt idx="2595">
                  <c:v>6.4299999999999996E-2</c:v>
                </c:pt>
                <c:pt idx="2596">
                  <c:v>6.4000000000000001E-2</c:v>
                </c:pt>
                <c:pt idx="2597">
                  <c:v>6.5000000000000002E-2</c:v>
                </c:pt>
                <c:pt idx="2598">
                  <c:v>6.7100000000000007E-2</c:v>
                </c:pt>
                <c:pt idx="2599">
                  <c:v>6.8500000000000005E-2</c:v>
                </c:pt>
                <c:pt idx="2600">
                  <c:v>6.93E-2</c:v>
                </c:pt>
                <c:pt idx="2601">
                  <c:v>7.0800000000000002E-2</c:v>
                </c:pt>
                <c:pt idx="2602">
                  <c:v>7.3700000000000002E-2</c:v>
                </c:pt>
                <c:pt idx="2603">
                  <c:v>7.7399999999999997E-2</c:v>
                </c:pt>
                <c:pt idx="2604">
                  <c:v>8.1199999999999994E-2</c:v>
                </c:pt>
                <c:pt idx="2605">
                  <c:v>8.4699999999999998E-2</c:v>
                </c:pt>
                <c:pt idx="2606">
                  <c:v>8.9200000000000002E-2</c:v>
                </c:pt>
                <c:pt idx="2607">
                  <c:v>9.2899999999999996E-2</c:v>
                </c:pt>
                <c:pt idx="2608">
                  <c:v>9.5699999999999993E-2</c:v>
                </c:pt>
                <c:pt idx="2609">
                  <c:v>9.6600000000000005E-2</c:v>
                </c:pt>
                <c:pt idx="2610">
                  <c:v>9.5399999999999999E-2</c:v>
                </c:pt>
                <c:pt idx="2611">
                  <c:v>9.35E-2</c:v>
                </c:pt>
                <c:pt idx="2612">
                  <c:v>9.0800000000000006E-2</c:v>
                </c:pt>
                <c:pt idx="2613">
                  <c:v>8.9499999999999996E-2</c:v>
                </c:pt>
                <c:pt idx="2614">
                  <c:v>8.9099999999999999E-2</c:v>
                </c:pt>
                <c:pt idx="2615">
                  <c:v>8.9499999999999996E-2</c:v>
                </c:pt>
                <c:pt idx="2616">
                  <c:v>8.7400000000000005E-2</c:v>
                </c:pt>
                <c:pt idx="2617">
                  <c:v>8.4599999999999995E-2</c:v>
                </c:pt>
                <c:pt idx="2618">
                  <c:v>8.1900000000000001E-2</c:v>
                </c:pt>
                <c:pt idx="2619">
                  <c:v>7.7299999999999994E-2</c:v>
                </c:pt>
                <c:pt idx="2620">
                  <c:v>7.51E-2</c:v>
                </c:pt>
                <c:pt idx="2621">
                  <c:v>7.6300000000000007E-2</c:v>
                </c:pt>
                <c:pt idx="2622">
                  <c:v>7.9600000000000004E-2</c:v>
                </c:pt>
                <c:pt idx="2623">
                  <c:v>8.3199999999999996E-2</c:v>
                </c:pt>
                <c:pt idx="2624">
                  <c:v>8.6800000000000002E-2</c:v>
                </c:pt>
                <c:pt idx="2625">
                  <c:v>9.1700000000000004E-2</c:v>
                </c:pt>
                <c:pt idx="2626">
                  <c:v>0.1008</c:v>
                </c:pt>
                <c:pt idx="2627">
                  <c:v>0.1094</c:v>
                </c:pt>
                <c:pt idx="2628">
                  <c:v>0.1169</c:v>
                </c:pt>
                <c:pt idx="2629">
                  <c:v>0.123</c:v>
                </c:pt>
                <c:pt idx="2630">
                  <c:v>0.128</c:v>
                </c:pt>
                <c:pt idx="2631">
                  <c:v>0.13439999999999999</c:v>
                </c:pt>
                <c:pt idx="2632">
                  <c:v>0.13769999999999999</c:v>
                </c:pt>
                <c:pt idx="2633">
                  <c:v>0.14130000000000001</c:v>
                </c:pt>
                <c:pt idx="2634">
                  <c:v>0.1454</c:v>
                </c:pt>
                <c:pt idx="2635">
                  <c:v>0.14810000000000001</c:v>
                </c:pt>
                <c:pt idx="2636">
                  <c:v>0.14949999999999999</c:v>
                </c:pt>
                <c:pt idx="2637">
                  <c:v>0.14990000000000001</c:v>
                </c:pt>
                <c:pt idx="2638">
                  <c:v>0.14879999999999999</c:v>
                </c:pt>
                <c:pt idx="2639">
                  <c:v>0.14760000000000001</c:v>
                </c:pt>
                <c:pt idx="2640">
                  <c:v>0.14630000000000001</c:v>
                </c:pt>
                <c:pt idx="2641">
                  <c:v>0.1459</c:v>
                </c:pt>
                <c:pt idx="2642">
                  <c:v>0.14560000000000001</c:v>
                </c:pt>
                <c:pt idx="2643">
                  <c:v>0.14580000000000001</c:v>
                </c:pt>
                <c:pt idx="2644">
                  <c:v>0.14649999999999999</c:v>
                </c:pt>
                <c:pt idx="2645">
                  <c:v>0.14899999999999999</c:v>
                </c:pt>
                <c:pt idx="2646">
                  <c:v>0.152</c:v>
                </c:pt>
                <c:pt idx="2647">
                  <c:v>0.15509999999999999</c:v>
                </c:pt>
                <c:pt idx="2648">
                  <c:v>0.15790000000000001</c:v>
                </c:pt>
                <c:pt idx="2649">
                  <c:v>0.1608</c:v>
                </c:pt>
                <c:pt idx="2650">
                  <c:v>0.16450000000000001</c:v>
                </c:pt>
                <c:pt idx="2651">
                  <c:v>0.16739999999999999</c:v>
                </c:pt>
                <c:pt idx="2652">
                  <c:v>0.17050000000000001</c:v>
                </c:pt>
                <c:pt idx="2653">
                  <c:v>0.17460000000000001</c:v>
                </c:pt>
                <c:pt idx="2654">
                  <c:v>0.17749999999999999</c:v>
                </c:pt>
                <c:pt idx="2655">
                  <c:v>0.1804</c:v>
                </c:pt>
                <c:pt idx="2656">
                  <c:v>0.18340000000000001</c:v>
                </c:pt>
                <c:pt idx="2657">
                  <c:v>0.18559999999999999</c:v>
                </c:pt>
                <c:pt idx="2658">
                  <c:v>0.18709999999999999</c:v>
                </c:pt>
                <c:pt idx="2659">
                  <c:v>0.1885</c:v>
                </c:pt>
                <c:pt idx="2660">
                  <c:v>0.189</c:v>
                </c:pt>
                <c:pt idx="2661">
                  <c:v>0.19139999999999999</c:v>
                </c:pt>
                <c:pt idx="2662">
                  <c:v>0.1961</c:v>
                </c:pt>
                <c:pt idx="2663">
                  <c:v>0.2041</c:v>
                </c:pt>
                <c:pt idx="2664">
                  <c:v>0.2135</c:v>
                </c:pt>
                <c:pt idx="2665">
                  <c:v>0.2238</c:v>
                </c:pt>
                <c:pt idx="2666">
                  <c:v>0.23519999999999999</c:v>
                </c:pt>
                <c:pt idx="2667">
                  <c:v>0.2457</c:v>
                </c:pt>
                <c:pt idx="2668">
                  <c:v>0.26129999999999998</c:v>
                </c:pt>
                <c:pt idx="2669">
                  <c:v>0.2681</c:v>
                </c:pt>
                <c:pt idx="2670">
                  <c:v>0.26519999999999999</c:v>
                </c:pt>
                <c:pt idx="2671">
                  <c:v>0.25109999999999999</c:v>
                </c:pt>
                <c:pt idx="2672">
                  <c:v>0.23930000000000001</c:v>
                </c:pt>
                <c:pt idx="2673">
                  <c:v>0.2258</c:v>
                </c:pt>
                <c:pt idx="2674">
                  <c:v>0.2132</c:v>
                </c:pt>
                <c:pt idx="2675">
                  <c:v>0.19980000000000001</c:v>
                </c:pt>
                <c:pt idx="2676">
                  <c:v>0.18959999999999999</c:v>
                </c:pt>
                <c:pt idx="2677">
                  <c:v>0.18229999999999999</c:v>
                </c:pt>
                <c:pt idx="2678">
                  <c:v>0.17499999999999999</c:v>
                </c:pt>
                <c:pt idx="2679">
                  <c:v>0.16739999999999999</c:v>
                </c:pt>
                <c:pt idx="2680">
                  <c:v>0.16309999999999999</c:v>
                </c:pt>
                <c:pt idx="2681">
                  <c:v>0.1638</c:v>
                </c:pt>
                <c:pt idx="2682">
                  <c:v>0.16800000000000001</c:v>
                </c:pt>
                <c:pt idx="2683">
                  <c:v>0.16980000000000001</c:v>
                </c:pt>
                <c:pt idx="2684">
                  <c:v>0.17369999999999999</c:v>
                </c:pt>
                <c:pt idx="2685">
                  <c:v>0.1893</c:v>
                </c:pt>
                <c:pt idx="2686">
                  <c:v>0.21010000000000001</c:v>
                </c:pt>
                <c:pt idx="2687">
                  <c:v>0.21809999999999999</c:v>
                </c:pt>
                <c:pt idx="2688">
                  <c:v>0.22140000000000001</c:v>
                </c:pt>
                <c:pt idx="2689">
                  <c:v>0.224</c:v>
                </c:pt>
                <c:pt idx="2690">
                  <c:v>0.2165</c:v>
                </c:pt>
                <c:pt idx="2691">
                  <c:v>0.20619999999999999</c:v>
                </c:pt>
                <c:pt idx="2692">
                  <c:v>0.19189999999999999</c:v>
                </c:pt>
                <c:pt idx="2693">
                  <c:v>0.17649999999999999</c:v>
                </c:pt>
                <c:pt idx="2694">
                  <c:v>0.15989999999999999</c:v>
                </c:pt>
                <c:pt idx="2695">
                  <c:v>0.1489</c:v>
                </c:pt>
                <c:pt idx="2696">
                  <c:v>0.14699999999999999</c:v>
                </c:pt>
                <c:pt idx="2697">
                  <c:v>0.1482</c:v>
                </c:pt>
                <c:pt idx="2698">
                  <c:v>0.15110000000000001</c:v>
                </c:pt>
                <c:pt idx="2699">
                  <c:v>0.1414</c:v>
                </c:pt>
                <c:pt idx="2700">
                  <c:v>0.1278</c:v>
                </c:pt>
                <c:pt idx="2701">
                  <c:v>0.1186</c:v>
                </c:pt>
                <c:pt idx="2702">
                  <c:v>0.1139</c:v>
                </c:pt>
                <c:pt idx="2703">
                  <c:v>0.1086</c:v>
                </c:pt>
                <c:pt idx="2704">
                  <c:v>0.10630000000000001</c:v>
                </c:pt>
                <c:pt idx="2705">
                  <c:v>0.1055</c:v>
                </c:pt>
                <c:pt idx="2706">
                  <c:v>0.1016</c:v>
                </c:pt>
                <c:pt idx="2707">
                  <c:v>9.0800000000000006E-2</c:v>
                </c:pt>
                <c:pt idx="2708">
                  <c:v>8.2500000000000004E-2</c:v>
                </c:pt>
                <c:pt idx="2709">
                  <c:v>8.5300000000000001E-2</c:v>
                </c:pt>
                <c:pt idx="2710">
                  <c:v>9.2899999999999996E-2</c:v>
                </c:pt>
                <c:pt idx="2711">
                  <c:v>9.2999999999999999E-2</c:v>
                </c:pt>
                <c:pt idx="2712">
                  <c:v>8.8800000000000004E-2</c:v>
                </c:pt>
                <c:pt idx="2713">
                  <c:v>8.6999999999999994E-2</c:v>
                </c:pt>
                <c:pt idx="2714">
                  <c:v>9.6000000000000002E-2</c:v>
                </c:pt>
                <c:pt idx="2715">
                  <c:v>0.107</c:v>
                </c:pt>
                <c:pt idx="2716">
                  <c:v>0.11600000000000001</c:v>
                </c:pt>
                <c:pt idx="2717">
                  <c:v>0.1235</c:v>
                </c:pt>
                <c:pt idx="2718">
                  <c:v>0.12839999999999999</c:v>
                </c:pt>
                <c:pt idx="2719">
                  <c:v>0.1328</c:v>
                </c:pt>
                <c:pt idx="2720">
                  <c:v>0.13650000000000001</c:v>
                </c:pt>
                <c:pt idx="2721">
                  <c:v>0.1391</c:v>
                </c:pt>
                <c:pt idx="2722">
                  <c:v>0.1399</c:v>
                </c:pt>
                <c:pt idx="2723">
                  <c:v>0.1416</c:v>
                </c:pt>
                <c:pt idx="2724">
                  <c:v>0.1429</c:v>
                </c:pt>
                <c:pt idx="2725">
                  <c:v>0.14219999999999999</c:v>
                </c:pt>
                <c:pt idx="2726">
                  <c:v>0.1426</c:v>
                </c:pt>
                <c:pt idx="2727">
                  <c:v>0.14319999999999999</c:v>
                </c:pt>
                <c:pt idx="2728">
                  <c:v>0.14269999999999999</c:v>
                </c:pt>
                <c:pt idx="2729">
                  <c:v>0.14230000000000001</c:v>
                </c:pt>
                <c:pt idx="2730">
                  <c:v>0.14199999999999999</c:v>
                </c:pt>
                <c:pt idx="2731">
                  <c:v>0.14180000000000001</c:v>
                </c:pt>
                <c:pt idx="2732">
                  <c:v>0.1409</c:v>
                </c:pt>
                <c:pt idx="2733">
                  <c:v>0.13969999999999999</c:v>
                </c:pt>
                <c:pt idx="2734">
                  <c:v>0.1386</c:v>
                </c:pt>
                <c:pt idx="2735">
                  <c:v>0.13780000000000001</c:v>
                </c:pt>
                <c:pt idx="2736">
                  <c:v>0.13780000000000001</c:v>
                </c:pt>
                <c:pt idx="2737">
                  <c:v>0.13750000000000001</c:v>
                </c:pt>
                <c:pt idx="2738">
                  <c:v>0.13769999999999999</c:v>
                </c:pt>
                <c:pt idx="2739">
                  <c:v>0.13800000000000001</c:v>
                </c:pt>
                <c:pt idx="2740">
                  <c:v>0.13980000000000001</c:v>
                </c:pt>
                <c:pt idx="2741">
                  <c:v>0.1424</c:v>
                </c:pt>
                <c:pt idx="2742">
                  <c:v>0.14530000000000001</c:v>
                </c:pt>
                <c:pt idx="2743">
                  <c:v>0.1497</c:v>
                </c:pt>
                <c:pt idx="2744">
                  <c:v>0.154</c:v>
                </c:pt>
                <c:pt idx="2745">
                  <c:v>0.15840000000000001</c:v>
                </c:pt>
                <c:pt idx="2746">
                  <c:v>0.16300000000000001</c:v>
                </c:pt>
                <c:pt idx="2747">
                  <c:v>0.1678</c:v>
                </c:pt>
                <c:pt idx="2748">
                  <c:v>0.17199999999999999</c:v>
                </c:pt>
                <c:pt idx="2749">
                  <c:v>0.17560000000000001</c:v>
                </c:pt>
                <c:pt idx="2750">
                  <c:v>0.17929999999999999</c:v>
                </c:pt>
                <c:pt idx="2751">
                  <c:v>0.18229999999999999</c:v>
                </c:pt>
                <c:pt idx="2752">
                  <c:v>0.18609999999999999</c:v>
                </c:pt>
                <c:pt idx="2753">
                  <c:v>0.18840000000000001</c:v>
                </c:pt>
                <c:pt idx="2754">
                  <c:v>0.19070000000000001</c:v>
                </c:pt>
                <c:pt idx="2755">
                  <c:v>0.1928</c:v>
                </c:pt>
                <c:pt idx="2756">
                  <c:v>0.1951</c:v>
                </c:pt>
                <c:pt idx="2757">
                  <c:v>0.19620000000000001</c:v>
                </c:pt>
                <c:pt idx="2758">
                  <c:v>0.19700000000000001</c:v>
                </c:pt>
                <c:pt idx="2759">
                  <c:v>0.19850000000000001</c:v>
                </c:pt>
                <c:pt idx="2760">
                  <c:v>0.19969999999999999</c:v>
                </c:pt>
                <c:pt idx="2761">
                  <c:v>0.20039999999999999</c:v>
                </c:pt>
                <c:pt idx="2762">
                  <c:v>0.20100000000000001</c:v>
                </c:pt>
                <c:pt idx="2763">
                  <c:v>0.20280000000000001</c:v>
                </c:pt>
                <c:pt idx="2764">
                  <c:v>0.2051</c:v>
                </c:pt>
                <c:pt idx="2765">
                  <c:v>0.2077</c:v>
                </c:pt>
                <c:pt idx="2766">
                  <c:v>0.2089</c:v>
                </c:pt>
                <c:pt idx="2767">
                  <c:v>0.2104</c:v>
                </c:pt>
                <c:pt idx="2768">
                  <c:v>0.2122</c:v>
                </c:pt>
                <c:pt idx="2769">
                  <c:v>0.2152</c:v>
                </c:pt>
                <c:pt idx="2770">
                  <c:v>0.21829999999999999</c:v>
                </c:pt>
                <c:pt idx="2771">
                  <c:v>0.21929999999999999</c:v>
                </c:pt>
                <c:pt idx="2772">
                  <c:v>0.21959999999999999</c:v>
                </c:pt>
                <c:pt idx="2773">
                  <c:v>0.21790000000000001</c:v>
                </c:pt>
                <c:pt idx="2774">
                  <c:v>0.21329999999999999</c:v>
                </c:pt>
                <c:pt idx="2775">
                  <c:v>0.2092</c:v>
                </c:pt>
                <c:pt idx="2776">
                  <c:v>0.20330000000000001</c:v>
                </c:pt>
                <c:pt idx="2777">
                  <c:v>0.19800000000000001</c:v>
                </c:pt>
                <c:pt idx="2778">
                  <c:v>0.19470000000000001</c:v>
                </c:pt>
                <c:pt idx="2779">
                  <c:v>0.18890000000000001</c:v>
                </c:pt>
                <c:pt idx="2780">
                  <c:v>0.1847</c:v>
                </c:pt>
                <c:pt idx="2781">
                  <c:v>0.18129999999999999</c:v>
                </c:pt>
                <c:pt idx="2782">
                  <c:v>0.1827</c:v>
                </c:pt>
                <c:pt idx="2783">
                  <c:v>0.1827</c:v>
                </c:pt>
                <c:pt idx="2784">
                  <c:v>0.18190000000000001</c:v>
                </c:pt>
                <c:pt idx="2785">
                  <c:v>0.17949999999999999</c:v>
                </c:pt>
                <c:pt idx="2786">
                  <c:v>0.1739</c:v>
                </c:pt>
                <c:pt idx="2787">
                  <c:v>0.17760000000000001</c:v>
                </c:pt>
                <c:pt idx="2788">
                  <c:v>0.17710000000000001</c:v>
                </c:pt>
                <c:pt idx="2789">
                  <c:v>0.17530000000000001</c:v>
                </c:pt>
                <c:pt idx="2790">
                  <c:v>0.1754</c:v>
                </c:pt>
                <c:pt idx="2791">
                  <c:v>0.17330000000000001</c:v>
                </c:pt>
                <c:pt idx="2792">
                  <c:v>0.16669999999999999</c:v>
                </c:pt>
                <c:pt idx="2793">
                  <c:v>0.16520000000000001</c:v>
                </c:pt>
                <c:pt idx="2794">
                  <c:v>0.1656</c:v>
                </c:pt>
                <c:pt idx="2795">
                  <c:v>0.1668</c:v>
                </c:pt>
                <c:pt idx="2796">
                  <c:v>0.1678</c:v>
                </c:pt>
                <c:pt idx="2797">
                  <c:v>0.17030000000000001</c:v>
                </c:pt>
                <c:pt idx="2798">
                  <c:v>0.17510000000000001</c:v>
                </c:pt>
                <c:pt idx="2799">
                  <c:v>0.18149999999999999</c:v>
                </c:pt>
                <c:pt idx="2800">
                  <c:v>0.19009999999999999</c:v>
                </c:pt>
                <c:pt idx="2801">
                  <c:v>0.19439999999999999</c:v>
                </c:pt>
                <c:pt idx="2802">
                  <c:v>0.20039999999999999</c:v>
                </c:pt>
                <c:pt idx="2803">
                  <c:v>0.20649999999999999</c:v>
                </c:pt>
                <c:pt idx="2804">
                  <c:v>0.20760000000000001</c:v>
                </c:pt>
                <c:pt idx="2805">
                  <c:v>0.2084</c:v>
                </c:pt>
                <c:pt idx="2806">
                  <c:v>0.2084</c:v>
                </c:pt>
                <c:pt idx="2807">
                  <c:v>0.20680000000000001</c:v>
                </c:pt>
                <c:pt idx="2808">
                  <c:v>0.20219999999999999</c:v>
                </c:pt>
                <c:pt idx="2809">
                  <c:v>0.1948</c:v>
                </c:pt>
                <c:pt idx="2810">
                  <c:v>0.18729999999999999</c:v>
                </c:pt>
                <c:pt idx="2811">
                  <c:v>0.1822</c:v>
                </c:pt>
                <c:pt idx="2812">
                  <c:v>0.17780000000000001</c:v>
                </c:pt>
                <c:pt idx="2813">
                  <c:v>0.1729</c:v>
                </c:pt>
                <c:pt idx="2814">
                  <c:v>0.16900000000000001</c:v>
                </c:pt>
                <c:pt idx="2815">
                  <c:v>0.1651</c:v>
                </c:pt>
                <c:pt idx="2816">
                  <c:v>0.16289999999999999</c:v>
                </c:pt>
                <c:pt idx="2817">
                  <c:v>0.16009999999999999</c:v>
                </c:pt>
                <c:pt idx="2818">
                  <c:v>0.15820000000000001</c:v>
                </c:pt>
                <c:pt idx="2819">
                  <c:v>0.15659999999999999</c:v>
                </c:pt>
                <c:pt idx="2820">
                  <c:v>0.15609999999999999</c:v>
                </c:pt>
                <c:pt idx="2821">
                  <c:v>0.15290000000000001</c:v>
                </c:pt>
                <c:pt idx="2822">
                  <c:v>0.14910000000000001</c:v>
                </c:pt>
                <c:pt idx="2823">
                  <c:v>0.14779999999999999</c:v>
                </c:pt>
                <c:pt idx="2824">
                  <c:v>0.1474</c:v>
                </c:pt>
                <c:pt idx="2825">
                  <c:v>0.14360000000000001</c:v>
                </c:pt>
                <c:pt idx="2826">
                  <c:v>0.13830000000000001</c:v>
                </c:pt>
                <c:pt idx="2827">
                  <c:v>0.13320000000000001</c:v>
                </c:pt>
                <c:pt idx="2828">
                  <c:v>0.128</c:v>
                </c:pt>
                <c:pt idx="2829">
                  <c:v>0.1242</c:v>
                </c:pt>
                <c:pt idx="2830">
                  <c:v>0.1169</c:v>
                </c:pt>
                <c:pt idx="2831">
                  <c:v>0.1163</c:v>
                </c:pt>
                <c:pt idx="2832">
                  <c:v>0.1096</c:v>
                </c:pt>
                <c:pt idx="2833">
                  <c:v>0.1056</c:v>
                </c:pt>
                <c:pt idx="2834">
                  <c:v>0.1016</c:v>
                </c:pt>
                <c:pt idx="2835">
                  <c:v>9.4899999999999998E-2</c:v>
                </c:pt>
                <c:pt idx="2836">
                  <c:v>9.1700000000000004E-2</c:v>
                </c:pt>
                <c:pt idx="2837">
                  <c:v>8.9899999999999994E-2</c:v>
                </c:pt>
                <c:pt idx="2838">
                  <c:v>8.8999999999999996E-2</c:v>
                </c:pt>
                <c:pt idx="2839">
                  <c:v>9.3600000000000003E-2</c:v>
                </c:pt>
                <c:pt idx="2840">
                  <c:v>0.1022</c:v>
                </c:pt>
                <c:pt idx="2841">
                  <c:v>0.11310000000000001</c:v>
                </c:pt>
                <c:pt idx="2842">
                  <c:v>0.12180000000000001</c:v>
                </c:pt>
                <c:pt idx="2843">
                  <c:v>0.13139999999999999</c:v>
                </c:pt>
                <c:pt idx="2844">
                  <c:v>0.1391</c:v>
                </c:pt>
                <c:pt idx="2845">
                  <c:v>0.14269999999999999</c:v>
                </c:pt>
                <c:pt idx="2846">
                  <c:v>0.15</c:v>
                </c:pt>
                <c:pt idx="2847">
                  <c:v>0.15490000000000001</c:v>
                </c:pt>
                <c:pt idx="2848">
                  <c:v>0.16170000000000001</c:v>
                </c:pt>
                <c:pt idx="2849">
                  <c:v>0.16830000000000001</c:v>
                </c:pt>
                <c:pt idx="2850">
                  <c:v>0.17269999999999999</c:v>
                </c:pt>
                <c:pt idx="2851">
                  <c:v>0.17480000000000001</c:v>
                </c:pt>
                <c:pt idx="2852">
                  <c:v>0.1741</c:v>
                </c:pt>
                <c:pt idx="2853">
                  <c:v>0.1729</c:v>
                </c:pt>
                <c:pt idx="2854">
                  <c:v>0.17100000000000001</c:v>
                </c:pt>
                <c:pt idx="2855">
                  <c:v>0.1699</c:v>
                </c:pt>
                <c:pt idx="2856">
                  <c:v>0.17330000000000001</c:v>
                </c:pt>
                <c:pt idx="2857">
                  <c:v>0.17630000000000001</c:v>
                </c:pt>
                <c:pt idx="2858">
                  <c:v>0.1757</c:v>
                </c:pt>
                <c:pt idx="2859">
                  <c:v>0.17660000000000001</c:v>
                </c:pt>
                <c:pt idx="2860">
                  <c:v>0.17610000000000001</c:v>
                </c:pt>
                <c:pt idx="2861">
                  <c:v>0.1777</c:v>
                </c:pt>
                <c:pt idx="2862">
                  <c:v>0.17810000000000001</c:v>
                </c:pt>
                <c:pt idx="2863">
                  <c:v>0.1817</c:v>
                </c:pt>
                <c:pt idx="2864">
                  <c:v>0.18179999999999999</c:v>
                </c:pt>
                <c:pt idx="2865">
                  <c:v>0.18010000000000001</c:v>
                </c:pt>
                <c:pt idx="2866">
                  <c:v>0.1726</c:v>
                </c:pt>
                <c:pt idx="2867">
                  <c:v>0.1726</c:v>
                </c:pt>
                <c:pt idx="2868">
                  <c:v>0.16389999999999999</c:v>
                </c:pt>
                <c:pt idx="2869">
                  <c:v>0.15</c:v>
                </c:pt>
                <c:pt idx="2870">
                  <c:v>0.1376</c:v>
                </c:pt>
                <c:pt idx="2871">
                  <c:v>0.1283</c:v>
                </c:pt>
                <c:pt idx="2872">
                  <c:v>0.1166</c:v>
                </c:pt>
                <c:pt idx="2873">
                  <c:v>0.106</c:v>
                </c:pt>
                <c:pt idx="2874">
                  <c:v>0.1009</c:v>
                </c:pt>
                <c:pt idx="2875">
                  <c:v>9.9599999999999994E-2</c:v>
                </c:pt>
                <c:pt idx="2876">
                  <c:v>9.8599999999999993E-2</c:v>
                </c:pt>
                <c:pt idx="2877">
                  <c:v>0.1004</c:v>
                </c:pt>
                <c:pt idx="2878">
                  <c:v>0.1055</c:v>
                </c:pt>
                <c:pt idx="2879">
                  <c:v>0.1091</c:v>
                </c:pt>
                <c:pt idx="2880">
                  <c:v>0.11409999999999999</c:v>
                </c:pt>
                <c:pt idx="2881">
                  <c:v>0.1106</c:v>
                </c:pt>
                <c:pt idx="2882">
                  <c:v>0.1033</c:v>
                </c:pt>
                <c:pt idx="2883">
                  <c:v>0.1052</c:v>
                </c:pt>
                <c:pt idx="2884">
                  <c:v>0.1082</c:v>
                </c:pt>
                <c:pt idx="2885">
                  <c:v>0.107</c:v>
                </c:pt>
                <c:pt idx="2886">
                  <c:v>0.106</c:v>
                </c:pt>
                <c:pt idx="2887">
                  <c:v>0.1085</c:v>
                </c:pt>
                <c:pt idx="2888">
                  <c:v>0.112</c:v>
                </c:pt>
                <c:pt idx="2889">
                  <c:v>0.1143</c:v>
                </c:pt>
                <c:pt idx="2890">
                  <c:v>0.11600000000000001</c:v>
                </c:pt>
                <c:pt idx="2891">
                  <c:v>0.1217</c:v>
                </c:pt>
                <c:pt idx="2892">
                  <c:v>0.1285</c:v>
                </c:pt>
                <c:pt idx="2893">
                  <c:v>0.1331</c:v>
                </c:pt>
                <c:pt idx="2894">
                  <c:v>0.13969999999999999</c:v>
                </c:pt>
                <c:pt idx="2895">
                  <c:v>0.14460000000000001</c:v>
                </c:pt>
                <c:pt idx="2896">
                  <c:v>0.1452</c:v>
                </c:pt>
                <c:pt idx="2897">
                  <c:v>0.14580000000000001</c:v>
                </c:pt>
                <c:pt idx="2898">
                  <c:v>0.14080000000000001</c:v>
                </c:pt>
                <c:pt idx="2899">
                  <c:v>0.13769999999999999</c:v>
                </c:pt>
                <c:pt idx="2900">
                  <c:v>0.13719999999999999</c:v>
                </c:pt>
                <c:pt idx="2901">
                  <c:v>0.13900000000000001</c:v>
                </c:pt>
                <c:pt idx="2902">
                  <c:v>0.14319999999999999</c:v>
                </c:pt>
                <c:pt idx="2903">
                  <c:v>0.14199999999999999</c:v>
                </c:pt>
                <c:pt idx="2904">
                  <c:v>0.1411</c:v>
                </c:pt>
                <c:pt idx="2905">
                  <c:v>0.1467</c:v>
                </c:pt>
                <c:pt idx="2906">
                  <c:v>0.15140000000000001</c:v>
                </c:pt>
                <c:pt idx="2907">
                  <c:v>0.15590000000000001</c:v>
                </c:pt>
                <c:pt idx="2908">
                  <c:v>0.15479999999999999</c:v>
                </c:pt>
                <c:pt idx="2909">
                  <c:v>0.14369999999999999</c:v>
                </c:pt>
                <c:pt idx="2910">
                  <c:v>0.13200000000000001</c:v>
                </c:pt>
                <c:pt idx="2911">
                  <c:v>0.11899999999999999</c:v>
                </c:pt>
                <c:pt idx="2912">
                  <c:v>0.10879999999999999</c:v>
                </c:pt>
                <c:pt idx="2913">
                  <c:v>0.10680000000000001</c:v>
                </c:pt>
                <c:pt idx="2914">
                  <c:v>0.1066</c:v>
                </c:pt>
                <c:pt idx="2915">
                  <c:v>0.10249999999999999</c:v>
                </c:pt>
                <c:pt idx="2916">
                  <c:v>9.8199999999999996E-2</c:v>
                </c:pt>
                <c:pt idx="2917">
                  <c:v>9.5299999999999996E-2</c:v>
                </c:pt>
                <c:pt idx="2918">
                  <c:v>0.10009999999999999</c:v>
                </c:pt>
                <c:pt idx="2919">
                  <c:v>9.2299999999999993E-2</c:v>
                </c:pt>
                <c:pt idx="2920">
                  <c:v>8.7400000000000005E-2</c:v>
                </c:pt>
                <c:pt idx="2921">
                  <c:v>8.3299999999999999E-2</c:v>
                </c:pt>
                <c:pt idx="2922">
                  <c:v>8.09E-2</c:v>
                </c:pt>
                <c:pt idx="2923">
                  <c:v>7.3300000000000004E-2</c:v>
                </c:pt>
                <c:pt idx="2924">
                  <c:v>7.1199999999999999E-2</c:v>
                </c:pt>
                <c:pt idx="2925">
                  <c:v>7.5800000000000006E-2</c:v>
                </c:pt>
                <c:pt idx="2926">
                  <c:v>8.1900000000000001E-2</c:v>
                </c:pt>
                <c:pt idx="2927">
                  <c:v>8.4599999999999995E-2</c:v>
                </c:pt>
                <c:pt idx="2928">
                  <c:v>8.3000000000000004E-2</c:v>
                </c:pt>
                <c:pt idx="2929">
                  <c:v>7.8200000000000006E-2</c:v>
                </c:pt>
                <c:pt idx="2930">
                  <c:v>7.4800000000000005E-2</c:v>
                </c:pt>
                <c:pt idx="2931">
                  <c:v>7.4499999999999997E-2</c:v>
                </c:pt>
                <c:pt idx="2932">
                  <c:v>7.9500000000000001E-2</c:v>
                </c:pt>
                <c:pt idx="2933">
                  <c:v>8.48E-2</c:v>
                </c:pt>
                <c:pt idx="2934">
                  <c:v>8.6699999999999999E-2</c:v>
                </c:pt>
                <c:pt idx="2935">
                  <c:v>9.01E-2</c:v>
                </c:pt>
                <c:pt idx="2936">
                  <c:v>9.4600000000000004E-2</c:v>
                </c:pt>
                <c:pt idx="2937">
                  <c:v>9.5899999999999999E-2</c:v>
                </c:pt>
                <c:pt idx="2938">
                  <c:v>9.6699999999999994E-2</c:v>
                </c:pt>
                <c:pt idx="2939">
                  <c:v>0.10390000000000001</c:v>
                </c:pt>
                <c:pt idx="2940">
                  <c:v>0.1116</c:v>
                </c:pt>
                <c:pt idx="2941">
                  <c:v>0.11509999999999999</c:v>
                </c:pt>
                <c:pt idx="2942">
                  <c:v>0.1153</c:v>
                </c:pt>
                <c:pt idx="2943">
                  <c:v>0.1183</c:v>
                </c:pt>
                <c:pt idx="2944">
                  <c:v>0.11799999999999999</c:v>
                </c:pt>
                <c:pt idx="2945">
                  <c:v>0.1138</c:v>
                </c:pt>
                <c:pt idx="2946">
                  <c:v>0.10680000000000001</c:v>
                </c:pt>
                <c:pt idx="2947">
                  <c:v>0.1018</c:v>
                </c:pt>
                <c:pt idx="2948">
                  <c:v>8.9399999999999993E-2</c:v>
                </c:pt>
                <c:pt idx="2949">
                  <c:v>8.2400000000000001E-2</c:v>
                </c:pt>
                <c:pt idx="2950">
                  <c:v>7.9100000000000004E-2</c:v>
                </c:pt>
                <c:pt idx="2951">
                  <c:v>7.5399999999999995E-2</c:v>
                </c:pt>
                <c:pt idx="2952">
                  <c:v>7.8299999999999995E-2</c:v>
                </c:pt>
                <c:pt idx="2953">
                  <c:v>8.4900000000000003E-2</c:v>
                </c:pt>
                <c:pt idx="2954">
                  <c:v>8.6300000000000002E-2</c:v>
                </c:pt>
                <c:pt idx="2955">
                  <c:v>8.7499999999999994E-2</c:v>
                </c:pt>
                <c:pt idx="2956">
                  <c:v>8.8499999999999995E-2</c:v>
                </c:pt>
                <c:pt idx="2957">
                  <c:v>9.4500000000000001E-2</c:v>
                </c:pt>
                <c:pt idx="2958">
                  <c:v>0.1028</c:v>
                </c:pt>
                <c:pt idx="2959">
                  <c:v>0.10730000000000001</c:v>
                </c:pt>
                <c:pt idx="2960">
                  <c:v>0.1157</c:v>
                </c:pt>
                <c:pt idx="2961">
                  <c:v>0.1225</c:v>
                </c:pt>
                <c:pt idx="2962">
                  <c:v>0.1245</c:v>
                </c:pt>
                <c:pt idx="2963">
                  <c:v>0.12559999999999999</c:v>
                </c:pt>
                <c:pt idx="2964">
                  <c:v>0.1273</c:v>
                </c:pt>
                <c:pt idx="2965">
                  <c:v>0.1249</c:v>
                </c:pt>
                <c:pt idx="2966">
                  <c:v>0.12740000000000001</c:v>
                </c:pt>
                <c:pt idx="2967">
                  <c:v>0.12989999999999999</c:v>
                </c:pt>
                <c:pt idx="2968">
                  <c:v>0.12859999999999999</c:v>
                </c:pt>
                <c:pt idx="2969">
                  <c:v>0.1273</c:v>
                </c:pt>
                <c:pt idx="2970">
                  <c:v>0.126</c:v>
                </c:pt>
                <c:pt idx="2971">
                  <c:v>0.13150000000000001</c:v>
                </c:pt>
                <c:pt idx="2972">
                  <c:v>0.14099999999999999</c:v>
                </c:pt>
                <c:pt idx="2973">
                  <c:v>0.14630000000000001</c:v>
                </c:pt>
                <c:pt idx="2974">
                  <c:v>0.15509999999999999</c:v>
                </c:pt>
                <c:pt idx="2975">
                  <c:v>0.16589999999999999</c:v>
                </c:pt>
                <c:pt idx="2976">
                  <c:v>0.17130000000000001</c:v>
                </c:pt>
                <c:pt idx="2977">
                  <c:v>0.17499999999999999</c:v>
                </c:pt>
                <c:pt idx="2978">
                  <c:v>0.16830000000000001</c:v>
                </c:pt>
                <c:pt idx="2979">
                  <c:v>0.16489999999999999</c:v>
                </c:pt>
                <c:pt idx="2980">
                  <c:v>0.16289999999999999</c:v>
                </c:pt>
                <c:pt idx="2981">
                  <c:v>0.155</c:v>
                </c:pt>
                <c:pt idx="2982">
                  <c:v>0.153</c:v>
                </c:pt>
                <c:pt idx="2983">
                  <c:v>0.1507</c:v>
                </c:pt>
                <c:pt idx="2984">
                  <c:v>0.13919999999999999</c:v>
                </c:pt>
                <c:pt idx="2985">
                  <c:v>0.128</c:v>
                </c:pt>
                <c:pt idx="2986">
                  <c:v>0.12</c:v>
                </c:pt>
                <c:pt idx="2987">
                  <c:v>0.1143</c:v>
                </c:pt>
                <c:pt idx="2988">
                  <c:v>0.1045</c:v>
                </c:pt>
                <c:pt idx="2989">
                  <c:v>9.7199999999999995E-2</c:v>
                </c:pt>
                <c:pt idx="2990">
                  <c:v>9.6000000000000002E-2</c:v>
                </c:pt>
                <c:pt idx="2991">
                  <c:v>9.2399999999999996E-2</c:v>
                </c:pt>
                <c:pt idx="2992">
                  <c:v>8.9099999999999999E-2</c:v>
                </c:pt>
                <c:pt idx="2993">
                  <c:v>9.0499999999999997E-2</c:v>
                </c:pt>
                <c:pt idx="2994">
                  <c:v>9.8699999999999996E-2</c:v>
                </c:pt>
                <c:pt idx="2995">
                  <c:v>0.1086</c:v>
                </c:pt>
                <c:pt idx="2996">
                  <c:v>0.1201</c:v>
                </c:pt>
                <c:pt idx="2997">
                  <c:v>0.13020000000000001</c:v>
                </c:pt>
                <c:pt idx="2998">
                  <c:v>0.13800000000000001</c:v>
                </c:pt>
                <c:pt idx="2999">
                  <c:v>0.14530000000000001</c:v>
                </c:pt>
                <c:pt idx="3000">
                  <c:v>0.15670000000000001</c:v>
                </c:pt>
                <c:pt idx="3001">
                  <c:v>0.16020000000000001</c:v>
                </c:pt>
                <c:pt idx="3002">
                  <c:v>0.16059999999999999</c:v>
                </c:pt>
                <c:pt idx="3003">
                  <c:v>0.1575</c:v>
                </c:pt>
                <c:pt idx="3004">
                  <c:v>0.15010000000000001</c:v>
                </c:pt>
                <c:pt idx="3005">
                  <c:v>0.13950000000000001</c:v>
                </c:pt>
                <c:pt idx="3006">
                  <c:v>0.1338</c:v>
                </c:pt>
                <c:pt idx="3007">
                  <c:v>0.12720000000000001</c:v>
                </c:pt>
                <c:pt idx="3008">
                  <c:v>0.1108</c:v>
                </c:pt>
                <c:pt idx="3009">
                  <c:v>8.6099999999999996E-2</c:v>
                </c:pt>
                <c:pt idx="3010">
                  <c:v>7.4200000000000002E-2</c:v>
                </c:pt>
                <c:pt idx="3011">
                  <c:v>7.4099999999999999E-2</c:v>
                </c:pt>
                <c:pt idx="3012">
                  <c:v>7.9600000000000004E-2</c:v>
                </c:pt>
                <c:pt idx="3013">
                  <c:v>7.9299999999999995E-2</c:v>
                </c:pt>
                <c:pt idx="3014">
                  <c:v>7.5600000000000001E-2</c:v>
                </c:pt>
                <c:pt idx="3015">
                  <c:v>7.0800000000000002E-2</c:v>
                </c:pt>
                <c:pt idx="3016">
                  <c:v>6.7699999999999996E-2</c:v>
                </c:pt>
                <c:pt idx="3017">
                  <c:v>6.5500000000000003E-2</c:v>
                </c:pt>
                <c:pt idx="3018">
                  <c:v>6.3100000000000003E-2</c:v>
                </c:pt>
                <c:pt idx="3019">
                  <c:v>6.2899999999999998E-2</c:v>
                </c:pt>
                <c:pt idx="3020">
                  <c:v>6.0600000000000001E-2</c:v>
                </c:pt>
                <c:pt idx="3021">
                  <c:v>5.6899999999999999E-2</c:v>
                </c:pt>
                <c:pt idx="3022">
                  <c:v>5.5100000000000003E-2</c:v>
                </c:pt>
                <c:pt idx="3023">
                  <c:v>5.1299999999999998E-2</c:v>
                </c:pt>
                <c:pt idx="3024">
                  <c:v>4.8899999999999999E-2</c:v>
                </c:pt>
                <c:pt idx="3025">
                  <c:v>4.5400000000000003E-2</c:v>
                </c:pt>
                <c:pt idx="3026">
                  <c:v>3.9800000000000002E-2</c:v>
                </c:pt>
                <c:pt idx="3027">
                  <c:v>3.8399999999999997E-2</c:v>
                </c:pt>
                <c:pt idx="3028">
                  <c:v>3.85E-2</c:v>
                </c:pt>
                <c:pt idx="3029">
                  <c:v>3.8899999999999997E-2</c:v>
                </c:pt>
                <c:pt idx="3030">
                  <c:v>3.9100000000000003E-2</c:v>
                </c:pt>
                <c:pt idx="3031">
                  <c:v>3.8199999999999998E-2</c:v>
                </c:pt>
                <c:pt idx="3032">
                  <c:v>3.8300000000000001E-2</c:v>
                </c:pt>
                <c:pt idx="3033">
                  <c:v>3.8100000000000002E-2</c:v>
                </c:pt>
                <c:pt idx="3034">
                  <c:v>3.9E-2</c:v>
                </c:pt>
                <c:pt idx="3035">
                  <c:v>3.7100000000000001E-2</c:v>
                </c:pt>
                <c:pt idx="3036">
                  <c:v>3.5299999999999998E-2</c:v>
                </c:pt>
                <c:pt idx="3037">
                  <c:v>3.5799999999999998E-2</c:v>
                </c:pt>
                <c:pt idx="3038">
                  <c:v>3.78E-2</c:v>
                </c:pt>
                <c:pt idx="3039">
                  <c:v>3.9399999999999998E-2</c:v>
                </c:pt>
                <c:pt idx="3040">
                  <c:v>4.0599999999999997E-2</c:v>
                </c:pt>
                <c:pt idx="3041">
                  <c:v>4.1000000000000002E-2</c:v>
                </c:pt>
                <c:pt idx="3042">
                  <c:v>4.02E-2</c:v>
                </c:pt>
                <c:pt idx="3043">
                  <c:v>3.9399999999999998E-2</c:v>
                </c:pt>
                <c:pt idx="3044">
                  <c:v>3.8100000000000002E-2</c:v>
                </c:pt>
                <c:pt idx="3045">
                  <c:v>3.7100000000000001E-2</c:v>
                </c:pt>
                <c:pt idx="3046">
                  <c:v>3.8399999999999997E-2</c:v>
                </c:pt>
                <c:pt idx="3047">
                  <c:v>3.9300000000000002E-2</c:v>
                </c:pt>
                <c:pt idx="3048">
                  <c:v>3.9600000000000003E-2</c:v>
                </c:pt>
                <c:pt idx="3049">
                  <c:v>3.85E-2</c:v>
                </c:pt>
                <c:pt idx="3050">
                  <c:v>3.95E-2</c:v>
                </c:pt>
                <c:pt idx="3051">
                  <c:v>3.9800000000000002E-2</c:v>
                </c:pt>
                <c:pt idx="3052">
                  <c:v>3.95E-2</c:v>
                </c:pt>
                <c:pt idx="3053">
                  <c:v>3.85E-2</c:v>
                </c:pt>
                <c:pt idx="3054">
                  <c:v>3.8399999999999997E-2</c:v>
                </c:pt>
                <c:pt idx="3055">
                  <c:v>3.9100000000000003E-2</c:v>
                </c:pt>
                <c:pt idx="3056">
                  <c:v>3.8699999999999998E-2</c:v>
                </c:pt>
                <c:pt idx="3057">
                  <c:v>3.8100000000000002E-2</c:v>
                </c:pt>
                <c:pt idx="3058">
                  <c:v>3.8800000000000001E-2</c:v>
                </c:pt>
                <c:pt idx="3059">
                  <c:v>4.1099999999999998E-2</c:v>
                </c:pt>
                <c:pt idx="3060">
                  <c:v>4.4200000000000003E-2</c:v>
                </c:pt>
                <c:pt idx="3061">
                  <c:v>4.5499999999999999E-2</c:v>
                </c:pt>
                <c:pt idx="3062">
                  <c:v>4.2299999999999997E-2</c:v>
                </c:pt>
                <c:pt idx="3063">
                  <c:v>4.2900000000000001E-2</c:v>
                </c:pt>
                <c:pt idx="3064">
                  <c:v>4.4299999999999999E-2</c:v>
                </c:pt>
                <c:pt idx="3065">
                  <c:v>4.48E-2</c:v>
                </c:pt>
                <c:pt idx="3066">
                  <c:v>4.8399999999999999E-2</c:v>
                </c:pt>
                <c:pt idx="3067">
                  <c:v>5.2499999999999998E-2</c:v>
                </c:pt>
                <c:pt idx="3068">
                  <c:v>5.21E-2</c:v>
                </c:pt>
                <c:pt idx="3069">
                  <c:v>5.2400000000000002E-2</c:v>
                </c:pt>
                <c:pt idx="3070">
                  <c:v>5.0200000000000002E-2</c:v>
                </c:pt>
                <c:pt idx="3071">
                  <c:v>4.5600000000000002E-2</c:v>
                </c:pt>
                <c:pt idx="3072">
                  <c:v>4.2599999999999999E-2</c:v>
                </c:pt>
                <c:pt idx="3073">
                  <c:v>4.0899999999999999E-2</c:v>
                </c:pt>
                <c:pt idx="3074">
                  <c:v>4.0300000000000002E-2</c:v>
                </c:pt>
                <c:pt idx="3075">
                  <c:v>3.9100000000000003E-2</c:v>
                </c:pt>
                <c:pt idx="3076">
                  <c:v>4.0599999999999997E-2</c:v>
                </c:pt>
                <c:pt idx="3077">
                  <c:v>4.2900000000000001E-2</c:v>
                </c:pt>
                <c:pt idx="3078">
                  <c:v>4.8399999999999999E-2</c:v>
                </c:pt>
                <c:pt idx="3079">
                  <c:v>5.7000000000000002E-2</c:v>
                </c:pt>
                <c:pt idx="3080">
                  <c:v>6.5699999999999995E-2</c:v>
                </c:pt>
                <c:pt idx="3081">
                  <c:v>7.2900000000000006E-2</c:v>
                </c:pt>
                <c:pt idx="3082">
                  <c:v>7.7799999999999994E-2</c:v>
                </c:pt>
                <c:pt idx="3083">
                  <c:v>8.3000000000000004E-2</c:v>
                </c:pt>
                <c:pt idx="3084">
                  <c:v>8.5400000000000004E-2</c:v>
                </c:pt>
                <c:pt idx="3085">
                  <c:v>9.01E-2</c:v>
                </c:pt>
                <c:pt idx="3086">
                  <c:v>9.3899999999999997E-2</c:v>
                </c:pt>
                <c:pt idx="3087">
                  <c:v>9.8100000000000007E-2</c:v>
                </c:pt>
                <c:pt idx="3088">
                  <c:v>9.7000000000000003E-2</c:v>
                </c:pt>
                <c:pt idx="3089">
                  <c:v>9.1700000000000004E-2</c:v>
                </c:pt>
                <c:pt idx="3090">
                  <c:v>8.4199999999999997E-2</c:v>
                </c:pt>
                <c:pt idx="3091">
                  <c:v>7.6799999999999993E-2</c:v>
                </c:pt>
                <c:pt idx="3092">
                  <c:v>7.2099999999999997E-2</c:v>
                </c:pt>
                <c:pt idx="3093">
                  <c:v>7.0400000000000004E-2</c:v>
                </c:pt>
                <c:pt idx="3094">
                  <c:v>6.8500000000000005E-2</c:v>
                </c:pt>
                <c:pt idx="3095">
                  <c:v>6.08E-2</c:v>
                </c:pt>
                <c:pt idx="3096">
                  <c:v>5.7599999999999998E-2</c:v>
                </c:pt>
                <c:pt idx="3097">
                  <c:v>5.0200000000000002E-2</c:v>
                </c:pt>
                <c:pt idx="3098">
                  <c:v>4.6199999999999998E-2</c:v>
                </c:pt>
                <c:pt idx="3099">
                  <c:v>4.07E-2</c:v>
                </c:pt>
                <c:pt idx="3100">
                  <c:v>3.7999999999999999E-2</c:v>
                </c:pt>
                <c:pt idx="3101">
                  <c:v>3.6999999999999998E-2</c:v>
                </c:pt>
                <c:pt idx="3102">
                  <c:v>3.5499999999999997E-2</c:v>
                </c:pt>
                <c:pt idx="3103">
                  <c:v>3.4099999999999998E-2</c:v>
                </c:pt>
                <c:pt idx="3104">
                  <c:v>3.3599999999999998E-2</c:v>
                </c:pt>
                <c:pt idx="3105">
                  <c:v>3.4599999999999999E-2</c:v>
                </c:pt>
                <c:pt idx="3106">
                  <c:v>3.5999999999999997E-2</c:v>
                </c:pt>
                <c:pt idx="3107">
                  <c:v>3.6900000000000002E-2</c:v>
                </c:pt>
                <c:pt idx="3108">
                  <c:v>3.6799999999999999E-2</c:v>
                </c:pt>
                <c:pt idx="3109">
                  <c:v>3.6999999999999998E-2</c:v>
                </c:pt>
                <c:pt idx="3110">
                  <c:v>3.7400000000000003E-2</c:v>
                </c:pt>
                <c:pt idx="3111">
                  <c:v>3.6900000000000002E-2</c:v>
                </c:pt>
                <c:pt idx="3112">
                  <c:v>3.6900000000000002E-2</c:v>
                </c:pt>
                <c:pt idx="3113">
                  <c:v>3.5700000000000003E-2</c:v>
                </c:pt>
                <c:pt idx="3114">
                  <c:v>3.61E-2</c:v>
                </c:pt>
                <c:pt idx="3115">
                  <c:v>3.6600000000000001E-2</c:v>
                </c:pt>
                <c:pt idx="3116">
                  <c:v>3.9100000000000003E-2</c:v>
                </c:pt>
                <c:pt idx="3117">
                  <c:v>3.9699999999999999E-2</c:v>
                </c:pt>
                <c:pt idx="3118">
                  <c:v>4.0099999999999997E-2</c:v>
                </c:pt>
                <c:pt idx="3119">
                  <c:v>4.1599999999999998E-2</c:v>
                </c:pt>
                <c:pt idx="3120">
                  <c:v>4.24E-2</c:v>
                </c:pt>
                <c:pt idx="3121">
                  <c:v>4.2599999999999999E-2</c:v>
                </c:pt>
                <c:pt idx="3122">
                  <c:v>4.2700000000000002E-2</c:v>
                </c:pt>
                <c:pt idx="3123">
                  <c:v>4.2500000000000003E-2</c:v>
                </c:pt>
                <c:pt idx="3124">
                  <c:v>4.2500000000000003E-2</c:v>
                </c:pt>
                <c:pt idx="3125">
                  <c:v>4.1200000000000001E-2</c:v>
                </c:pt>
                <c:pt idx="3126">
                  <c:v>3.9600000000000003E-2</c:v>
                </c:pt>
                <c:pt idx="3127">
                  <c:v>4.07E-2</c:v>
                </c:pt>
                <c:pt idx="3128">
                  <c:v>4.2799999999999998E-2</c:v>
                </c:pt>
                <c:pt idx="3129">
                  <c:v>4.6300000000000001E-2</c:v>
                </c:pt>
                <c:pt idx="3130">
                  <c:v>4.8500000000000001E-2</c:v>
                </c:pt>
                <c:pt idx="3131">
                  <c:v>4.87E-2</c:v>
                </c:pt>
                <c:pt idx="3132">
                  <c:v>5.1999999999999998E-2</c:v>
                </c:pt>
                <c:pt idx="3133">
                  <c:v>5.7799999999999997E-2</c:v>
                </c:pt>
                <c:pt idx="3134">
                  <c:v>6.2199999999999998E-2</c:v>
                </c:pt>
                <c:pt idx="3135">
                  <c:v>6.3299999999999995E-2</c:v>
                </c:pt>
                <c:pt idx="3136">
                  <c:v>5.8999999999999997E-2</c:v>
                </c:pt>
                <c:pt idx="3137">
                  <c:v>6.3799999999999996E-2</c:v>
                </c:pt>
                <c:pt idx="3138">
                  <c:v>6.5000000000000002E-2</c:v>
                </c:pt>
                <c:pt idx="3139">
                  <c:v>6.7000000000000004E-2</c:v>
                </c:pt>
                <c:pt idx="3140">
                  <c:v>7.0000000000000007E-2</c:v>
                </c:pt>
                <c:pt idx="3141">
                  <c:v>7.1199999999999999E-2</c:v>
                </c:pt>
                <c:pt idx="3142">
                  <c:v>7.2599999999999998E-2</c:v>
                </c:pt>
                <c:pt idx="3143">
                  <c:v>7.3999999999999996E-2</c:v>
                </c:pt>
                <c:pt idx="3144">
                  <c:v>6.8099999999999994E-2</c:v>
                </c:pt>
                <c:pt idx="3145">
                  <c:v>5.8500000000000003E-2</c:v>
                </c:pt>
                <c:pt idx="3146">
                  <c:v>5.5500000000000001E-2</c:v>
                </c:pt>
                <c:pt idx="3147">
                  <c:v>5.1700000000000003E-2</c:v>
                </c:pt>
                <c:pt idx="3148">
                  <c:v>5.0500000000000003E-2</c:v>
                </c:pt>
                <c:pt idx="3149">
                  <c:v>4.9700000000000001E-2</c:v>
                </c:pt>
                <c:pt idx="3150">
                  <c:v>5.1900000000000002E-2</c:v>
                </c:pt>
                <c:pt idx="3151">
                  <c:v>5.9299999999999999E-2</c:v>
                </c:pt>
                <c:pt idx="3152">
                  <c:v>6.4899999999999999E-2</c:v>
                </c:pt>
                <c:pt idx="3153">
                  <c:v>6.6600000000000006E-2</c:v>
                </c:pt>
                <c:pt idx="3154">
                  <c:v>6.4799999999999996E-2</c:v>
                </c:pt>
                <c:pt idx="3155">
                  <c:v>6.1600000000000002E-2</c:v>
                </c:pt>
                <c:pt idx="3156">
                  <c:v>6.2300000000000001E-2</c:v>
                </c:pt>
                <c:pt idx="3157">
                  <c:v>6.2399999999999997E-2</c:v>
                </c:pt>
                <c:pt idx="3158">
                  <c:v>6.3299999999999995E-2</c:v>
                </c:pt>
                <c:pt idx="3159">
                  <c:v>6.2399999999999997E-2</c:v>
                </c:pt>
                <c:pt idx="3160">
                  <c:v>6.7400000000000002E-2</c:v>
                </c:pt>
                <c:pt idx="3161">
                  <c:v>7.2300000000000003E-2</c:v>
                </c:pt>
                <c:pt idx="3162">
                  <c:v>7.8200000000000006E-2</c:v>
                </c:pt>
                <c:pt idx="3163">
                  <c:v>7.9500000000000001E-2</c:v>
                </c:pt>
                <c:pt idx="3164">
                  <c:v>8.1799999999999998E-2</c:v>
                </c:pt>
                <c:pt idx="3165">
                  <c:v>8.5000000000000006E-2</c:v>
                </c:pt>
                <c:pt idx="3166">
                  <c:v>8.5300000000000001E-2</c:v>
                </c:pt>
                <c:pt idx="3167">
                  <c:v>8.8900000000000007E-2</c:v>
                </c:pt>
                <c:pt idx="3168">
                  <c:v>8.8099999999999998E-2</c:v>
                </c:pt>
                <c:pt idx="3169">
                  <c:v>8.7300000000000003E-2</c:v>
                </c:pt>
                <c:pt idx="3170">
                  <c:v>8.7400000000000005E-2</c:v>
                </c:pt>
                <c:pt idx="3171">
                  <c:v>8.8099999999999998E-2</c:v>
                </c:pt>
                <c:pt idx="3172">
                  <c:v>8.4000000000000005E-2</c:v>
                </c:pt>
                <c:pt idx="3173">
                  <c:v>7.5499999999999998E-2</c:v>
                </c:pt>
                <c:pt idx="3174">
                  <c:v>7.1499999999999994E-2</c:v>
                </c:pt>
                <c:pt idx="3175">
                  <c:v>6.7900000000000002E-2</c:v>
                </c:pt>
                <c:pt idx="3176">
                  <c:v>6.5600000000000006E-2</c:v>
                </c:pt>
                <c:pt idx="3177">
                  <c:v>6.0600000000000001E-2</c:v>
                </c:pt>
                <c:pt idx="3178">
                  <c:v>6.2899999999999998E-2</c:v>
                </c:pt>
                <c:pt idx="3179">
                  <c:v>6.9099999999999995E-2</c:v>
                </c:pt>
                <c:pt idx="3180">
                  <c:v>7.3499999999999996E-2</c:v>
                </c:pt>
                <c:pt idx="3181">
                  <c:v>7.7399999999999997E-2</c:v>
                </c:pt>
                <c:pt idx="3182">
                  <c:v>8.0500000000000002E-2</c:v>
                </c:pt>
                <c:pt idx="3183">
                  <c:v>9.2200000000000004E-2</c:v>
                </c:pt>
                <c:pt idx="3184">
                  <c:v>9.3899999999999997E-2</c:v>
                </c:pt>
                <c:pt idx="3185">
                  <c:v>9.2799999999999994E-2</c:v>
                </c:pt>
                <c:pt idx="3186">
                  <c:v>9.4700000000000006E-2</c:v>
                </c:pt>
                <c:pt idx="3187">
                  <c:v>9.7199999999999995E-2</c:v>
                </c:pt>
                <c:pt idx="3188">
                  <c:v>0.10009999999999999</c:v>
                </c:pt>
                <c:pt idx="3189">
                  <c:v>0.1045</c:v>
                </c:pt>
                <c:pt idx="3190">
                  <c:v>0.1113</c:v>
                </c:pt>
                <c:pt idx="3191">
                  <c:v>0.1145</c:v>
                </c:pt>
                <c:pt idx="3192">
                  <c:v>0.1167</c:v>
                </c:pt>
                <c:pt idx="3193">
                  <c:v>0.11650000000000001</c:v>
                </c:pt>
                <c:pt idx="3194">
                  <c:v>0.1133</c:v>
                </c:pt>
                <c:pt idx="3195">
                  <c:v>0.1109</c:v>
                </c:pt>
                <c:pt idx="3196">
                  <c:v>0.1066</c:v>
                </c:pt>
                <c:pt idx="3197">
                  <c:v>0.1016</c:v>
                </c:pt>
                <c:pt idx="3198">
                  <c:v>9.4E-2</c:v>
                </c:pt>
                <c:pt idx="3199">
                  <c:v>8.5900000000000004E-2</c:v>
                </c:pt>
                <c:pt idx="3200">
                  <c:v>8.1299999999999997E-2</c:v>
                </c:pt>
                <c:pt idx="3201">
                  <c:v>7.6700000000000004E-2</c:v>
                </c:pt>
                <c:pt idx="3202">
                  <c:v>7.3599999999999999E-2</c:v>
                </c:pt>
                <c:pt idx="3203">
                  <c:v>6.2899999999999998E-2</c:v>
                </c:pt>
                <c:pt idx="3204">
                  <c:v>5.4399999999999997E-2</c:v>
                </c:pt>
                <c:pt idx="3205">
                  <c:v>5.0099999999999999E-2</c:v>
                </c:pt>
                <c:pt idx="3206">
                  <c:v>4.9200000000000001E-2</c:v>
                </c:pt>
                <c:pt idx="3207">
                  <c:v>4.7399999999999998E-2</c:v>
                </c:pt>
                <c:pt idx="3208">
                  <c:v>4.58E-2</c:v>
                </c:pt>
                <c:pt idx="3209">
                  <c:v>4.4600000000000001E-2</c:v>
                </c:pt>
                <c:pt idx="3210">
                  <c:v>4.2999999999999997E-2</c:v>
                </c:pt>
                <c:pt idx="3211">
                  <c:v>0.04</c:v>
                </c:pt>
                <c:pt idx="3212">
                  <c:v>4.4299999999999999E-2</c:v>
                </c:pt>
                <c:pt idx="3213">
                  <c:v>5.04E-2</c:v>
                </c:pt>
                <c:pt idx="3214">
                  <c:v>5.62E-2</c:v>
                </c:pt>
                <c:pt idx="3215">
                  <c:v>6.0100000000000001E-2</c:v>
                </c:pt>
                <c:pt idx="3216">
                  <c:v>5.9900000000000002E-2</c:v>
                </c:pt>
                <c:pt idx="3217">
                  <c:v>5.5599999999999997E-2</c:v>
                </c:pt>
                <c:pt idx="3218">
                  <c:v>6.0199999999999997E-2</c:v>
                </c:pt>
                <c:pt idx="3219">
                  <c:v>6.3399999999999998E-2</c:v>
                </c:pt>
                <c:pt idx="3220">
                  <c:v>6.4399999999999999E-2</c:v>
                </c:pt>
                <c:pt idx="3221">
                  <c:v>6.6799999999999998E-2</c:v>
                </c:pt>
                <c:pt idx="3222">
                  <c:v>6.8400000000000002E-2</c:v>
                </c:pt>
                <c:pt idx="3223">
                  <c:v>6.9500000000000006E-2</c:v>
                </c:pt>
                <c:pt idx="3224">
                  <c:v>6.83E-2</c:v>
                </c:pt>
                <c:pt idx="3225">
                  <c:v>7.0300000000000001E-2</c:v>
                </c:pt>
                <c:pt idx="3226">
                  <c:v>7.1099999999999997E-2</c:v>
                </c:pt>
                <c:pt idx="3227">
                  <c:v>6.3799999999999996E-2</c:v>
                </c:pt>
                <c:pt idx="3228">
                  <c:v>6.2199999999999998E-2</c:v>
                </c:pt>
                <c:pt idx="3229">
                  <c:v>6.2799999999999995E-2</c:v>
                </c:pt>
                <c:pt idx="3230">
                  <c:v>6.2199999999999998E-2</c:v>
                </c:pt>
                <c:pt idx="3231">
                  <c:v>5.7500000000000002E-2</c:v>
                </c:pt>
                <c:pt idx="3232">
                  <c:v>5.57E-2</c:v>
                </c:pt>
                <c:pt idx="3233">
                  <c:v>5.2900000000000003E-2</c:v>
                </c:pt>
                <c:pt idx="3234">
                  <c:v>4.9000000000000002E-2</c:v>
                </c:pt>
                <c:pt idx="3235">
                  <c:v>4.7800000000000002E-2</c:v>
                </c:pt>
                <c:pt idx="3236">
                  <c:v>4.3799999999999999E-2</c:v>
                </c:pt>
                <c:pt idx="3237">
                  <c:v>4.0300000000000002E-2</c:v>
                </c:pt>
                <c:pt idx="3238">
                  <c:v>3.8600000000000002E-2</c:v>
                </c:pt>
                <c:pt idx="3239">
                  <c:v>3.4799999999999998E-2</c:v>
                </c:pt>
                <c:pt idx="3240">
                  <c:v>3.3099999999999997E-2</c:v>
                </c:pt>
                <c:pt idx="3241">
                  <c:v>3.5000000000000003E-2</c:v>
                </c:pt>
                <c:pt idx="3242">
                  <c:v>3.8800000000000001E-2</c:v>
                </c:pt>
                <c:pt idx="3243">
                  <c:v>4.1399999999999999E-2</c:v>
                </c:pt>
                <c:pt idx="3244">
                  <c:v>4.4400000000000002E-2</c:v>
                </c:pt>
                <c:pt idx="3245">
                  <c:v>4.5199999999999997E-2</c:v>
                </c:pt>
                <c:pt idx="3246">
                  <c:v>4.19E-2</c:v>
                </c:pt>
                <c:pt idx="3247">
                  <c:v>4.1099999999999998E-2</c:v>
                </c:pt>
                <c:pt idx="3248">
                  <c:v>3.9699999999999999E-2</c:v>
                </c:pt>
                <c:pt idx="3249">
                  <c:v>4.0300000000000002E-2</c:v>
                </c:pt>
                <c:pt idx="3250">
                  <c:v>4.1300000000000003E-2</c:v>
                </c:pt>
                <c:pt idx="3251">
                  <c:v>4.1399999999999999E-2</c:v>
                </c:pt>
                <c:pt idx="3252">
                  <c:v>4.3200000000000002E-2</c:v>
                </c:pt>
                <c:pt idx="3253">
                  <c:v>4.2599999999999999E-2</c:v>
                </c:pt>
                <c:pt idx="3254">
                  <c:v>4.5400000000000003E-2</c:v>
                </c:pt>
                <c:pt idx="3255">
                  <c:v>4.8099999999999997E-2</c:v>
                </c:pt>
                <c:pt idx="3256">
                  <c:v>5.2299999999999999E-2</c:v>
                </c:pt>
                <c:pt idx="3257">
                  <c:v>5.74E-2</c:v>
                </c:pt>
                <c:pt idx="3258">
                  <c:v>6.2799999999999995E-2</c:v>
                </c:pt>
                <c:pt idx="3259">
                  <c:v>6.5199999999999994E-2</c:v>
                </c:pt>
                <c:pt idx="3260">
                  <c:v>6.5299999999999997E-2</c:v>
                </c:pt>
                <c:pt idx="3261">
                  <c:v>6.7199999999999996E-2</c:v>
                </c:pt>
                <c:pt idx="3262">
                  <c:v>6.4199999999999993E-2</c:v>
                </c:pt>
                <c:pt idx="3263">
                  <c:v>6.9500000000000006E-2</c:v>
                </c:pt>
                <c:pt idx="3264">
                  <c:v>7.0599999999999996E-2</c:v>
                </c:pt>
                <c:pt idx="3265">
                  <c:v>6.6000000000000003E-2</c:v>
                </c:pt>
                <c:pt idx="3266">
                  <c:v>6.13E-2</c:v>
                </c:pt>
                <c:pt idx="3267">
                  <c:v>6.3899999999999998E-2</c:v>
                </c:pt>
                <c:pt idx="3268">
                  <c:v>6.7000000000000004E-2</c:v>
                </c:pt>
                <c:pt idx="3269">
                  <c:v>6.8599999999999994E-2</c:v>
                </c:pt>
                <c:pt idx="3270">
                  <c:v>7.2499999999999995E-2</c:v>
                </c:pt>
                <c:pt idx="3271">
                  <c:v>7.5600000000000001E-2</c:v>
                </c:pt>
                <c:pt idx="3272">
                  <c:v>7.8799999999999995E-2</c:v>
                </c:pt>
                <c:pt idx="3273">
                  <c:v>8.2000000000000003E-2</c:v>
                </c:pt>
                <c:pt idx="3274">
                  <c:v>8.8099999999999998E-2</c:v>
                </c:pt>
                <c:pt idx="3275">
                  <c:v>9.6299999999999997E-2</c:v>
                </c:pt>
                <c:pt idx="3276">
                  <c:v>0.1021</c:v>
                </c:pt>
                <c:pt idx="3277">
                  <c:v>0.10829999999999999</c:v>
                </c:pt>
                <c:pt idx="3278">
                  <c:v>0.11409999999999999</c:v>
                </c:pt>
                <c:pt idx="3279">
                  <c:v>0.11609999999999999</c:v>
                </c:pt>
                <c:pt idx="3280">
                  <c:v>0.11849999999999999</c:v>
                </c:pt>
                <c:pt idx="3281">
                  <c:v>0.1205</c:v>
                </c:pt>
                <c:pt idx="3282">
                  <c:v>0.1235</c:v>
                </c:pt>
                <c:pt idx="3283">
                  <c:v>0.123</c:v>
                </c:pt>
                <c:pt idx="3284">
                  <c:v>0.113</c:v>
                </c:pt>
                <c:pt idx="3285">
                  <c:v>0.1033</c:v>
                </c:pt>
                <c:pt idx="3286">
                  <c:v>9.9000000000000005E-2</c:v>
                </c:pt>
                <c:pt idx="3287">
                  <c:v>9.8599999999999993E-2</c:v>
                </c:pt>
                <c:pt idx="3288">
                  <c:v>0.1013</c:v>
                </c:pt>
                <c:pt idx="3289">
                  <c:v>9.8299999999999998E-2</c:v>
                </c:pt>
                <c:pt idx="3290">
                  <c:v>9.7699999999999995E-2</c:v>
                </c:pt>
                <c:pt idx="3291">
                  <c:v>0.1082</c:v>
                </c:pt>
                <c:pt idx="3292">
                  <c:v>0.1168</c:v>
                </c:pt>
                <c:pt idx="3293">
                  <c:v>0.1198</c:v>
                </c:pt>
                <c:pt idx="3294">
                  <c:v>0.1162</c:v>
                </c:pt>
                <c:pt idx="3295">
                  <c:v>0.1162</c:v>
                </c:pt>
                <c:pt idx="3296">
                  <c:v>0.11650000000000001</c:v>
                </c:pt>
                <c:pt idx="3297">
                  <c:v>0.11600000000000001</c:v>
                </c:pt>
                <c:pt idx="3298">
                  <c:v>0.1179</c:v>
                </c:pt>
                <c:pt idx="3299">
                  <c:v>0.13089999999999999</c:v>
                </c:pt>
                <c:pt idx="3300">
                  <c:v>0.14649999999999999</c:v>
                </c:pt>
                <c:pt idx="3301">
                  <c:v>0.1512</c:v>
                </c:pt>
                <c:pt idx="3302">
                  <c:v>0.14940000000000001</c:v>
                </c:pt>
                <c:pt idx="3303">
                  <c:v>0.15690000000000001</c:v>
                </c:pt>
                <c:pt idx="3304">
                  <c:v>0.1575</c:v>
                </c:pt>
                <c:pt idx="3305">
                  <c:v>0.1593</c:v>
                </c:pt>
                <c:pt idx="3306">
                  <c:v>0.1661</c:v>
                </c:pt>
                <c:pt idx="3307">
                  <c:v>0.16889999999999999</c:v>
                </c:pt>
                <c:pt idx="3308">
                  <c:v>0.16600000000000001</c:v>
                </c:pt>
                <c:pt idx="3309">
                  <c:v>0.1653</c:v>
                </c:pt>
                <c:pt idx="3310">
                  <c:v>0.1588</c:v>
                </c:pt>
                <c:pt idx="3311">
                  <c:v>0.15759999999999999</c:v>
                </c:pt>
                <c:pt idx="3312">
                  <c:v>0.1573</c:v>
                </c:pt>
                <c:pt idx="3313">
                  <c:v>0.15679999999999999</c:v>
                </c:pt>
                <c:pt idx="3314">
                  <c:v>0.15090000000000001</c:v>
                </c:pt>
                <c:pt idx="3315">
                  <c:v>0.14499999999999999</c:v>
                </c:pt>
                <c:pt idx="3316">
                  <c:v>0.14180000000000001</c:v>
                </c:pt>
                <c:pt idx="3317">
                  <c:v>0.13750000000000001</c:v>
                </c:pt>
                <c:pt idx="3318">
                  <c:v>0.1229</c:v>
                </c:pt>
                <c:pt idx="3319">
                  <c:v>0.1113</c:v>
                </c:pt>
                <c:pt idx="3320">
                  <c:v>0.1043</c:v>
                </c:pt>
                <c:pt idx="3321">
                  <c:v>9.5600000000000004E-2</c:v>
                </c:pt>
                <c:pt idx="3322">
                  <c:v>8.5099999999999995E-2</c:v>
                </c:pt>
                <c:pt idx="3323">
                  <c:v>8.2400000000000001E-2</c:v>
                </c:pt>
                <c:pt idx="3324">
                  <c:v>8.1699999999999995E-2</c:v>
                </c:pt>
                <c:pt idx="3325">
                  <c:v>8.3699999999999997E-2</c:v>
                </c:pt>
                <c:pt idx="3326">
                  <c:v>8.6199999999999999E-2</c:v>
                </c:pt>
                <c:pt idx="3327">
                  <c:v>8.5400000000000004E-2</c:v>
                </c:pt>
                <c:pt idx="3328">
                  <c:v>8.3900000000000002E-2</c:v>
                </c:pt>
                <c:pt idx="3329">
                  <c:v>8.1699999999999995E-2</c:v>
                </c:pt>
                <c:pt idx="3330">
                  <c:v>7.2999999999999995E-2</c:v>
                </c:pt>
                <c:pt idx="3331">
                  <c:v>6.9699999999999998E-2</c:v>
                </c:pt>
                <c:pt idx="3332">
                  <c:v>7.0400000000000004E-2</c:v>
                </c:pt>
                <c:pt idx="3333">
                  <c:v>6.9400000000000003E-2</c:v>
                </c:pt>
                <c:pt idx="3334">
                  <c:v>6.6699999999999995E-2</c:v>
                </c:pt>
                <c:pt idx="3335">
                  <c:v>6.4899999999999999E-2</c:v>
                </c:pt>
                <c:pt idx="3336">
                  <c:v>5.8099999999999999E-2</c:v>
                </c:pt>
                <c:pt idx="3337">
                  <c:v>6.0199999999999997E-2</c:v>
                </c:pt>
                <c:pt idx="3338">
                  <c:v>6.1699999999999998E-2</c:v>
                </c:pt>
                <c:pt idx="3339">
                  <c:v>6.54E-2</c:v>
                </c:pt>
                <c:pt idx="3340">
                  <c:v>7.2099999999999997E-2</c:v>
                </c:pt>
                <c:pt idx="3341">
                  <c:v>7.4999999999999997E-2</c:v>
                </c:pt>
                <c:pt idx="3342">
                  <c:v>8.4500000000000006E-2</c:v>
                </c:pt>
                <c:pt idx="3343">
                  <c:v>9.5399999999999999E-2</c:v>
                </c:pt>
                <c:pt idx="3344">
                  <c:v>9.7100000000000006E-2</c:v>
                </c:pt>
                <c:pt idx="3345">
                  <c:v>0.10489999999999999</c:v>
                </c:pt>
                <c:pt idx="3346">
                  <c:v>0.11</c:v>
                </c:pt>
                <c:pt idx="3347">
                  <c:v>0.1072</c:v>
                </c:pt>
                <c:pt idx="3348">
                  <c:v>0.1037</c:v>
                </c:pt>
                <c:pt idx="3349">
                  <c:v>0.1057</c:v>
                </c:pt>
                <c:pt idx="3350">
                  <c:v>0.11119999999999999</c:v>
                </c:pt>
                <c:pt idx="3351">
                  <c:v>0.1072</c:v>
                </c:pt>
                <c:pt idx="3352">
                  <c:v>9.9199999999999997E-2</c:v>
                </c:pt>
                <c:pt idx="3353">
                  <c:v>9.3299999999999994E-2</c:v>
                </c:pt>
                <c:pt idx="3354">
                  <c:v>8.0399999999999999E-2</c:v>
                </c:pt>
                <c:pt idx="3355">
                  <c:v>6.4199999999999993E-2</c:v>
                </c:pt>
                <c:pt idx="3356">
                  <c:v>5.6399999999999999E-2</c:v>
                </c:pt>
                <c:pt idx="3357">
                  <c:v>5.7000000000000002E-2</c:v>
                </c:pt>
                <c:pt idx="3358">
                  <c:v>5.3699999999999998E-2</c:v>
                </c:pt>
                <c:pt idx="3359">
                  <c:v>5.3800000000000001E-2</c:v>
                </c:pt>
                <c:pt idx="3360">
                  <c:v>5.6000000000000001E-2</c:v>
                </c:pt>
                <c:pt idx="3361">
                  <c:v>5.7599999999999998E-2</c:v>
                </c:pt>
                <c:pt idx="3362">
                  <c:v>0.06</c:v>
                </c:pt>
                <c:pt idx="3363">
                  <c:v>6.2100000000000002E-2</c:v>
                </c:pt>
                <c:pt idx="3364">
                  <c:v>6.4299999999999996E-2</c:v>
                </c:pt>
                <c:pt idx="3365">
                  <c:v>6.8599999999999994E-2</c:v>
                </c:pt>
                <c:pt idx="3366">
                  <c:v>7.0900000000000005E-2</c:v>
                </c:pt>
                <c:pt idx="3367">
                  <c:v>7.2800000000000004E-2</c:v>
                </c:pt>
                <c:pt idx="3368">
                  <c:v>7.3200000000000001E-2</c:v>
                </c:pt>
                <c:pt idx="3369">
                  <c:v>7.17E-2</c:v>
                </c:pt>
                <c:pt idx="3370">
                  <c:v>7.3599999999999999E-2</c:v>
                </c:pt>
                <c:pt idx="3371">
                  <c:v>7.6399999999999996E-2</c:v>
                </c:pt>
                <c:pt idx="3372">
                  <c:v>8.1600000000000006E-2</c:v>
                </c:pt>
                <c:pt idx="3373">
                  <c:v>8.3299999999999999E-2</c:v>
                </c:pt>
                <c:pt idx="3374">
                  <c:v>8.1199999999999994E-2</c:v>
                </c:pt>
                <c:pt idx="3375">
                  <c:v>7.9500000000000001E-2</c:v>
                </c:pt>
                <c:pt idx="3376">
                  <c:v>8.09E-2</c:v>
                </c:pt>
                <c:pt idx="3377">
                  <c:v>8.4199999999999997E-2</c:v>
                </c:pt>
                <c:pt idx="3378">
                  <c:v>8.6400000000000005E-2</c:v>
                </c:pt>
                <c:pt idx="3379">
                  <c:v>8.3099999999999993E-2</c:v>
                </c:pt>
                <c:pt idx="3380">
                  <c:v>8.2500000000000004E-2</c:v>
                </c:pt>
                <c:pt idx="3381">
                  <c:v>8.3599999999999994E-2</c:v>
                </c:pt>
                <c:pt idx="3382">
                  <c:v>8.5099999999999995E-2</c:v>
                </c:pt>
                <c:pt idx="3383">
                  <c:v>8.9599999999999999E-2</c:v>
                </c:pt>
                <c:pt idx="3384">
                  <c:v>9.8900000000000002E-2</c:v>
                </c:pt>
                <c:pt idx="3385">
                  <c:v>0.1135</c:v>
                </c:pt>
                <c:pt idx="3386">
                  <c:v>0.12659999999999999</c:v>
                </c:pt>
                <c:pt idx="3387">
                  <c:v>0.1384</c:v>
                </c:pt>
                <c:pt idx="3388">
                  <c:v>0.1449</c:v>
                </c:pt>
                <c:pt idx="3389">
                  <c:v>0.13980000000000001</c:v>
                </c:pt>
                <c:pt idx="3390">
                  <c:v>0.13969999999999999</c:v>
                </c:pt>
                <c:pt idx="3391">
                  <c:v>0.1434</c:v>
                </c:pt>
                <c:pt idx="3392">
                  <c:v>0.14280000000000001</c:v>
                </c:pt>
                <c:pt idx="3393">
                  <c:v>0.14099999999999999</c:v>
                </c:pt>
                <c:pt idx="3394">
                  <c:v>0.13969999999999999</c:v>
                </c:pt>
                <c:pt idx="3395">
                  <c:v>0.13750000000000001</c:v>
                </c:pt>
                <c:pt idx="3396">
                  <c:v>0.13900000000000001</c:v>
                </c:pt>
                <c:pt idx="3397">
                  <c:v>0.14430000000000001</c:v>
                </c:pt>
                <c:pt idx="3398">
                  <c:v>0.1497</c:v>
                </c:pt>
                <c:pt idx="3399">
                  <c:v>0.15060000000000001</c:v>
                </c:pt>
                <c:pt idx="3400">
                  <c:v>0.14929999999999999</c:v>
                </c:pt>
                <c:pt idx="3401">
                  <c:v>0.14369999999999999</c:v>
                </c:pt>
                <c:pt idx="3402">
                  <c:v>0.1429</c:v>
                </c:pt>
                <c:pt idx="3403">
                  <c:v>0.1386</c:v>
                </c:pt>
                <c:pt idx="3404">
                  <c:v>0.1452</c:v>
                </c:pt>
                <c:pt idx="3405">
                  <c:v>0.15590000000000001</c:v>
                </c:pt>
                <c:pt idx="3406">
                  <c:v>0.1651</c:v>
                </c:pt>
                <c:pt idx="3407">
                  <c:v>0.16569999999999999</c:v>
                </c:pt>
                <c:pt idx="3408">
                  <c:v>0.15890000000000001</c:v>
                </c:pt>
                <c:pt idx="3409">
                  <c:v>0.14149999999999999</c:v>
                </c:pt>
                <c:pt idx="3410">
                  <c:v>0.1263</c:v>
                </c:pt>
                <c:pt idx="3411">
                  <c:v>0.1198</c:v>
                </c:pt>
                <c:pt idx="3412">
                  <c:v>0.121</c:v>
                </c:pt>
                <c:pt idx="3413">
                  <c:v>0.12839999999999999</c:v>
                </c:pt>
                <c:pt idx="3414">
                  <c:v>0.1414</c:v>
                </c:pt>
                <c:pt idx="3415">
                  <c:v>0.15479999999999999</c:v>
                </c:pt>
                <c:pt idx="3416">
                  <c:v>0.1595</c:v>
                </c:pt>
                <c:pt idx="3417">
                  <c:v>0.1525</c:v>
                </c:pt>
                <c:pt idx="3418">
                  <c:v>0.13950000000000001</c:v>
                </c:pt>
                <c:pt idx="3419">
                  <c:v>0.13220000000000001</c:v>
                </c:pt>
                <c:pt idx="3420">
                  <c:v>0.13550000000000001</c:v>
                </c:pt>
                <c:pt idx="3421">
                  <c:v>0.13689999999999999</c:v>
                </c:pt>
                <c:pt idx="3422">
                  <c:v>0.13389999999999999</c:v>
                </c:pt>
                <c:pt idx="3423">
                  <c:v>0.128</c:v>
                </c:pt>
                <c:pt idx="3424">
                  <c:v>0.1168</c:v>
                </c:pt>
                <c:pt idx="3425">
                  <c:v>0.1123</c:v>
                </c:pt>
                <c:pt idx="3426">
                  <c:v>9.5299999999999996E-2</c:v>
                </c:pt>
                <c:pt idx="3427">
                  <c:v>9.5799999999999996E-2</c:v>
                </c:pt>
                <c:pt idx="3428">
                  <c:v>0.10249999999999999</c:v>
                </c:pt>
                <c:pt idx="3429">
                  <c:v>0.11269999999999999</c:v>
                </c:pt>
                <c:pt idx="3430">
                  <c:v>0.1183</c:v>
                </c:pt>
                <c:pt idx="3431">
                  <c:v>0.11409999999999999</c:v>
                </c:pt>
                <c:pt idx="3432">
                  <c:v>0.106</c:v>
                </c:pt>
                <c:pt idx="3433">
                  <c:v>9.7699999999999995E-2</c:v>
                </c:pt>
                <c:pt idx="3434">
                  <c:v>9.2799999999999994E-2</c:v>
                </c:pt>
                <c:pt idx="3435">
                  <c:v>9.5100000000000004E-2</c:v>
                </c:pt>
                <c:pt idx="3436">
                  <c:v>0.1066</c:v>
                </c:pt>
                <c:pt idx="3437">
                  <c:v>0.114</c:v>
                </c:pt>
                <c:pt idx="3438">
                  <c:v>0.12239999999999999</c:v>
                </c:pt>
                <c:pt idx="3439">
                  <c:v>0.1298</c:v>
                </c:pt>
                <c:pt idx="3440">
                  <c:v>0.13339999999999999</c:v>
                </c:pt>
                <c:pt idx="3441">
                  <c:v>0.14449999999999999</c:v>
                </c:pt>
                <c:pt idx="3442">
                  <c:v>0.155</c:v>
                </c:pt>
                <c:pt idx="3443">
                  <c:v>0.15329999999999999</c:v>
                </c:pt>
                <c:pt idx="3444">
                  <c:v>0.158</c:v>
                </c:pt>
                <c:pt idx="3445">
                  <c:v>0.15870000000000001</c:v>
                </c:pt>
                <c:pt idx="3446">
                  <c:v>0.1525</c:v>
                </c:pt>
                <c:pt idx="3447">
                  <c:v>0.1348</c:v>
                </c:pt>
                <c:pt idx="3448">
                  <c:v>0.11700000000000001</c:v>
                </c:pt>
                <c:pt idx="3449">
                  <c:v>0.1148</c:v>
                </c:pt>
                <c:pt idx="3450">
                  <c:v>0.1101</c:v>
                </c:pt>
                <c:pt idx="3451">
                  <c:v>0.1021</c:v>
                </c:pt>
                <c:pt idx="3452">
                  <c:v>9.6600000000000005E-2</c:v>
                </c:pt>
                <c:pt idx="3453">
                  <c:v>0.09</c:v>
                </c:pt>
                <c:pt idx="3454">
                  <c:v>8.2900000000000001E-2</c:v>
                </c:pt>
                <c:pt idx="3455">
                  <c:v>7.5399999999999995E-2</c:v>
                </c:pt>
                <c:pt idx="3456">
                  <c:v>6.93E-2</c:v>
                </c:pt>
                <c:pt idx="3457">
                  <c:v>6.7100000000000007E-2</c:v>
                </c:pt>
                <c:pt idx="3458">
                  <c:v>6.9099999999999995E-2</c:v>
                </c:pt>
                <c:pt idx="3459">
                  <c:v>7.4700000000000003E-2</c:v>
                </c:pt>
                <c:pt idx="3460">
                  <c:v>8.2000000000000003E-2</c:v>
                </c:pt>
                <c:pt idx="3461">
                  <c:v>8.8400000000000006E-2</c:v>
                </c:pt>
                <c:pt idx="3462">
                  <c:v>9.7600000000000006E-2</c:v>
                </c:pt>
                <c:pt idx="3463">
                  <c:v>0.1106</c:v>
                </c:pt>
                <c:pt idx="3464">
                  <c:v>0.11650000000000001</c:v>
                </c:pt>
                <c:pt idx="3465">
                  <c:v>0.12039999999999999</c:v>
                </c:pt>
                <c:pt idx="3466">
                  <c:v>0.12790000000000001</c:v>
                </c:pt>
                <c:pt idx="3467">
                  <c:v>0.13370000000000001</c:v>
                </c:pt>
                <c:pt idx="3468">
                  <c:v>0.14199999999999999</c:v>
                </c:pt>
                <c:pt idx="3469">
                  <c:v>0.14929999999999999</c:v>
                </c:pt>
                <c:pt idx="3470">
                  <c:v>0.16089999999999999</c:v>
                </c:pt>
                <c:pt idx="3471">
                  <c:v>0.1603</c:v>
                </c:pt>
                <c:pt idx="3472">
                  <c:v>0.15210000000000001</c:v>
                </c:pt>
                <c:pt idx="3473">
                  <c:v>0.13550000000000001</c:v>
                </c:pt>
                <c:pt idx="3474">
                  <c:v>0.1265</c:v>
                </c:pt>
                <c:pt idx="3475">
                  <c:v>0.129</c:v>
                </c:pt>
                <c:pt idx="3476">
                  <c:v>0.1318</c:v>
                </c:pt>
                <c:pt idx="3477">
                  <c:v>0.1338</c:v>
                </c:pt>
                <c:pt idx="3478">
                  <c:v>0.13350000000000001</c:v>
                </c:pt>
                <c:pt idx="3479">
                  <c:v>0.12859999999999999</c:v>
                </c:pt>
                <c:pt idx="3480">
                  <c:v>0.12609999999999999</c:v>
                </c:pt>
                <c:pt idx="3481">
                  <c:v>0.1268</c:v>
                </c:pt>
                <c:pt idx="3482">
                  <c:v>0.13500000000000001</c:v>
                </c:pt>
                <c:pt idx="3483">
                  <c:v>0.14430000000000001</c:v>
                </c:pt>
                <c:pt idx="3484">
                  <c:v>0.14799999999999999</c:v>
                </c:pt>
                <c:pt idx="3485">
                  <c:v>0.13789999999999999</c:v>
                </c:pt>
                <c:pt idx="3486">
                  <c:v>0.1346</c:v>
                </c:pt>
                <c:pt idx="3487">
                  <c:v>0.1245</c:v>
                </c:pt>
                <c:pt idx="3488">
                  <c:v>0.12720000000000001</c:v>
                </c:pt>
                <c:pt idx="3489">
                  <c:v>0.13639999999999999</c:v>
                </c:pt>
                <c:pt idx="3490">
                  <c:v>0.1532</c:v>
                </c:pt>
                <c:pt idx="3491">
                  <c:v>0.16839999999999999</c:v>
                </c:pt>
                <c:pt idx="3492">
                  <c:v>0.17580000000000001</c:v>
                </c:pt>
                <c:pt idx="3493">
                  <c:v>0.17730000000000001</c:v>
                </c:pt>
                <c:pt idx="3494">
                  <c:v>0.16980000000000001</c:v>
                </c:pt>
                <c:pt idx="3495">
                  <c:v>0.16320000000000001</c:v>
                </c:pt>
                <c:pt idx="3496">
                  <c:v>0.1605</c:v>
                </c:pt>
                <c:pt idx="3497">
                  <c:v>0.14760000000000001</c:v>
                </c:pt>
                <c:pt idx="3498">
                  <c:v>0.13900000000000001</c:v>
                </c:pt>
                <c:pt idx="3499">
                  <c:v>0.1303</c:v>
                </c:pt>
                <c:pt idx="3500">
                  <c:v>0.1227</c:v>
                </c:pt>
                <c:pt idx="3501">
                  <c:v>0.11849999999999999</c:v>
                </c:pt>
                <c:pt idx="3502">
                  <c:v>0.1249</c:v>
                </c:pt>
                <c:pt idx="3503">
                  <c:v>0.12509999999999999</c:v>
                </c:pt>
                <c:pt idx="3504">
                  <c:v>0.12659999999999999</c:v>
                </c:pt>
                <c:pt idx="3505">
                  <c:v>0.13689999999999999</c:v>
                </c:pt>
                <c:pt idx="3506">
                  <c:v>0.14099999999999999</c:v>
                </c:pt>
                <c:pt idx="3507">
                  <c:v>0.12379999999999999</c:v>
                </c:pt>
                <c:pt idx="3508">
                  <c:v>0.1173</c:v>
                </c:pt>
                <c:pt idx="3509">
                  <c:v>0.1193</c:v>
                </c:pt>
                <c:pt idx="3510">
                  <c:v>0.1215</c:v>
                </c:pt>
                <c:pt idx="3511">
                  <c:v>0.124</c:v>
                </c:pt>
                <c:pt idx="3512">
                  <c:v>0.1258</c:v>
                </c:pt>
                <c:pt idx="3513">
                  <c:v>0.1239</c:v>
                </c:pt>
                <c:pt idx="3514">
                  <c:v>0.1135</c:v>
                </c:pt>
                <c:pt idx="3515">
                  <c:v>0.10920000000000001</c:v>
                </c:pt>
                <c:pt idx="3516">
                  <c:v>0.10639999999999999</c:v>
                </c:pt>
                <c:pt idx="3517">
                  <c:v>0.1066</c:v>
                </c:pt>
                <c:pt idx="3518">
                  <c:v>0.11020000000000001</c:v>
                </c:pt>
                <c:pt idx="3519">
                  <c:v>0.108</c:v>
                </c:pt>
                <c:pt idx="3520">
                  <c:v>0.1048</c:v>
                </c:pt>
                <c:pt idx="3521">
                  <c:v>0.10730000000000001</c:v>
                </c:pt>
                <c:pt idx="3522">
                  <c:v>0.1132</c:v>
                </c:pt>
                <c:pt idx="3523">
                  <c:v>0.1212</c:v>
                </c:pt>
                <c:pt idx="3524">
                  <c:v>0.1278</c:v>
                </c:pt>
                <c:pt idx="3525">
                  <c:v>0.1348</c:v>
                </c:pt>
                <c:pt idx="3526">
                  <c:v>0.14199999999999999</c:v>
                </c:pt>
                <c:pt idx="3527">
                  <c:v>0.14710000000000001</c:v>
                </c:pt>
                <c:pt idx="3528">
                  <c:v>0.14899999999999999</c:v>
                </c:pt>
                <c:pt idx="3529">
                  <c:v>0.15279999999999999</c:v>
                </c:pt>
                <c:pt idx="3530">
                  <c:v>0.1633</c:v>
                </c:pt>
                <c:pt idx="3531">
                  <c:v>0.17510000000000001</c:v>
                </c:pt>
                <c:pt idx="3532">
                  <c:v>0.18240000000000001</c:v>
                </c:pt>
                <c:pt idx="3533">
                  <c:v>0.186</c:v>
                </c:pt>
                <c:pt idx="3534">
                  <c:v>0.1792</c:v>
                </c:pt>
                <c:pt idx="3535">
                  <c:v>0.16880000000000001</c:v>
                </c:pt>
                <c:pt idx="3536">
                  <c:v>0.15909999999999999</c:v>
                </c:pt>
                <c:pt idx="3537">
                  <c:v>0.14899999999999999</c:v>
                </c:pt>
                <c:pt idx="3538">
                  <c:v>0.1469</c:v>
                </c:pt>
                <c:pt idx="3539">
                  <c:v>0.15</c:v>
                </c:pt>
                <c:pt idx="3540">
                  <c:v>0.14649999999999999</c:v>
                </c:pt>
                <c:pt idx="3541">
                  <c:v>0.1399</c:v>
                </c:pt>
                <c:pt idx="3542">
                  <c:v>0.1394</c:v>
                </c:pt>
                <c:pt idx="3543">
                  <c:v>0.13650000000000001</c:v>
                </c:pt>
                <c:pt idx="3544">
                  <c:v>0.13980000000000001</c:v>
                </c:pt>
                <c:pt idx="3545">
                  <c:v>0.1386</c:v>
                </c:pt>
                <c:pt idx="3546">
                  <c:v>0.1389</c:v>
                </c:pt>
                <c:pt idx="3547">
                  <c:v>0.13200000000000001</c:v>
                </c:pt>
                <c:pt idx="3548">
                  <c:v>0.122</c:v>
                </c:pt>
                <c:pt idx="3549">
                  <c:v>0.1173</c:v>
                </c:pt>
                <c:pt idx="3550">
                  <c:v>0.12759999999999999</c:v>
                </c:pt>
                <c:pt idx="3551">
                  <c:v>0.1409</c:v>
                </c:pt>
                <c:pt idx="3552">
                  <c:v>0.1525</c:v>
                </c:pt>
                <c:pt idx="3553">
                  <c:v>0.15559999999999999</c:v>
                </c:pt>
                <c:pt idx="3554">
                  <c:v>0.16059999999999999</c:v>
                </c:pt>
                <c:pt idx="3555">
                  <c:v>0.16420000000000001</c:v>
                </c:pt>
                <c:pt idx="3556">
                  <c:v>0.16009999999999999</c:v>
                </c:pt>
                <c:pt idx="3557">
                  <c:v>0.15429999999999999</c:v>
                </c:pt>
                <c:pt idx="3558">
                  <c:v>0.14729999999999999</c:v>
                </c:pt>
                <c:pt idx="3559">
                  <c:v>0.13900000000000001</c:v>
                </c:pt>
                <c:pt idx="3560">
                  <c:v>0.13150000000000001</c:v>
                </c:pt>
                <c:pt idx="3561">
                  <c:v>0.129</c:v>
                </c:pt>
                <c:pt idx="3562">
                  <c:v>0.12239999999999999</c:v>
                </c:pt>
                <c:pt idx="3563">
                  <c:v>0.1167</c:v>
                </c:pt>
                <c:pt idx="3564">
                  <c:v>0.11119999999999999</c:v>
                </c:pt>
                <c:pt idx="3565">
                  <c:v>0.1026</c:v>
                </c:pt>
                <c:pt idx="3566">
                  <c:v>8.8999999999999996E-2</c:v>
                </c:pt>
                <c:pt idx="3567">
                  <c:v>7.8E-2</c:v>
                </c:pt>
                <c:pt idx="3568">
                  <c:v>7.3999999999999996E-2</c:v>
                </c:pt>
                <c:pt idx="3569">
                  <c:v>7.7399999999999997E-2</c:v>
                </c:pt>
                <c:pt idx="3570">
                  <c:v>7.8399999999999997E-2</c:v>
                </c:pt>
                <c:pt idx="3571">
                  <c:v>8.2900000000000001E-2</c:v>
                </c:pt>
                <c:pt idx="3572">
                  <c:v>8.7999999999999995E-2</c:v>
                </c:pt>
                <c:pt idx="3573">
                  <c:v>8.7499999999999994E-2</c:v>
                </c:pt>
                <c:pt idx="3574">
                  <c:v>8.9300000000000004E-2</c:v>
                </c:pt>
                <c:pt idx="3575">
                  <c:v>9.1800000000000007E-2</c:v>
                </c:pt>
                <c:pt idx="3576">
                  <c:v>8.9399999999999993E-2</c:v>
                </c:pt>
                <c:pt idx="3577">
                  <c:v>9.5000000000000001E-2</c:v>
                </c:pt>
                <c:pt idx="3578">
                  <c:v>0.10059999999999999</c:v>
                </c:pt>
                <c:pt idx="3579">
                  <c:v>0.107</c:v>
                </c:pt>
                <c:pt idx="3580">
                  <c:v>0.1103</c:v>
                </c:pt>
                <c:pt idx="3581">
                  <c:v>0.1191</c:v>
                </c:pt>
                <c:pt idx="3582">
                  <c:v>0.13059999999999999</c:v>
                </c:pt>
                <c:pt idx="3583">
                  <c:v>0.13780000000000001</c:v>
                </c:pt>
                <c:pt idx="3584">
                  <c:v>0.1399</c:v>
                </c:pt>
                <c:pt idx="3585">
                  <c:v>0.1361</c:v>
                </c:pt>
                <c:pt idx="3586">
                  <c:v>0.1236</c:v>
                </c:pt>
                <c:pt idx="3587">
                  <c:v>0.1132</c:v>
                </c:pt>
                <c:pt idx="3588">
                  <c:v>0.10349999999999999</c:v>
                </c:pt>
                <c:pt idx="3589">
                  <c:v>9.2700000000000005E-2</c:v>
                </c:pt>
                <c:pt idx="3590">
                  <c:v>9.1300000000000006E-2</c:v>
                </c:pt>
                <c:pt idx="3591">
                  <c:v>0.09</c:v>
                </c:pt>
                <c:pt idx="3592">
                  <c:v>8.8599999999999998E-2</c:v>
                </c:pt>
                <c:pt idx="3593">
                  <c:v>8.6999999999999994E-2</c:v>
                </c:pt>
                <c:pt idx="3594">
                  <c:v>9.2299999999999993E-2</c:v>
                </c:pt>
                <c:pt idx="3595">
                  <c:v>0.1003</c:v>
                </c:pt>
                <c:pt idx="3596">
                  <c:v>0.108</c:v>
                </c:pt>
                <c:pt idx="3597">
                  <c:v>0.1143</c:v>
                </c:pt>
                <c:pt idx="3598">
                  <c:v>0.1153</c:v>
                </c:pt>
                <c:pt idx="3599">
                  <c:v>0.1104</c:v>
                </c:pt>
                <c:pt idx="3600">
                  <c:v>0.1079</c:v>
                </c:pt>
                <c:pt idx="3601">
                  <c:v>0.1116</c:v>
                </c:pt>
                <c:pt idx="3602">
                  <c:v>0.1201</c:v>
                </c:pt>
                <c:pt idx="3603">
                  <c:v>0.1196</c:v>
                </c:pt>
                <c:pt idx="3604">
                  <c:v>0.1221</c:v>
                </c:pt>
                <c:pt idx="3605">
                  <c:v>0.1265</c:v>
                </c:pt>
                <c:pt idx="3606">
                  <c:v>0.1305</c:v>
                </c:pt>
                <c:pt idx="3607">
                  <c:v>0.1353</c:v>
                </c:pt>
                <c:pt idx="3608">
                  <c:v>0.1401</c:v>
                </c:pt>
                <c:pt idx="3609">
                  <c:v>0.14940000000000001</c:v>
                </c:pt>
                <c:pt idx="3610">
                  <c:v>0.16200000000000001</c:v>
                </c:pt>
                <c:pt idx="3611">
                  <c:v>0.17630000000000001</c:v>
                </c:pt>
                <c:pt idx="3612">
                  <c:v>0.1787</c:v>
                </c:pt>
                <c:pt idx="3613">
                  <c:v>0.1774</c:v>
                </c:pt>
                <c:pt idx="3614">
                  <c:v>0.17169999999999999</c:v>
                </c:pt>
                <c:pt idx="3615">
                  <c:v>0.1583</c:v>
                </c:pt>
                <c:pt idx="3616">
                  <c:v>0.14760000000000001</c:v>
                </c:pt>
                <c:pt idx="3617">
                  <c:v>0.14000000000000001</c:v>
                </c:pt>
                <c:pt idx="3618">
                  <c:v>0.14169999999999999</c:v>
                </c:pt>
                <c:pt idx="3619">
                  <c:v>0.15279999999999999</c:v>
                </c:pt>
                <c:pt idx="3620">
                  <c:v>0.1628</c:v>
                </c:pt>
                <c:pt idx="3621">
                  <c:v>0.1636</c:v>
                </c:pt>
                <c:pt idx="3622">
                  <c:v>0.15709999999999999</c:v>
                </c:pt>
                <c:pt idx="3623">
                  <c:v>0.15140000000000001</c:v>
                </c:pt>
                <c:pt idx="3624">
                  <c:v>0.151</c:v>
                </c:pt>
                <c:pt idx="3625">
                  <c:v>0.15290000000000001</c:v>
                </c:pt>
                <c:pt idx="3626">
                  <c:v>0.1595</c:v>
                </c:pt>
                <c:pt idx="3627">
                  <c:v>0.15609999999999999</c:v>
                </c:pt>
                <c:pt idx="3628">
                  <c:v>0.14649999999999999</c:v>
                </c:pt>
                <c:pt idx="3629">
                  <c:v>0.13719999999999999</c:v>
                </c:pt>
                <c:pt idx="3630">
                  <c:v>0.13750000000000001</c:v>
                </c:pt>
                <c:pt idx="3631">
                  <c:v>0.1429</c:v>
                </c:pt>
                <c:pt idx="3632">
                  <c:v>0.14380000000000001</c:v>
                </c:pt>
                <c:pt idx="3633">
                  <c:v>0.15759999999999999</c:v>
                </c:pt>
                <c:pt idx="3634">
                  <c:v>0.16589999999999999</c:v>
                </c:pt>
                <c:pt idx="3635">
                  <c:v>0.1583</c:v>
                </c:pt>
                <c:pt idx="3636">
                  <c:v>0.1457</c:v>
                </c:pt>
                <c:pt idx="3637">
                  <c:v>0.13800000000000001</c:v>
                </c:pt>
                <c:pt idx="3638">
                  <c:v>0.14000000000000001</c:v>
                </c:pt>
                <c:pt idx="3639">
                  <c:v>0.14149999999999999</c:v>
                </c:pt>
                <c:pt idx="3640">
                  <c:v>0.14130000000000001</c:v>
                </c:pt>
                <c:pt idx="3641">
                  <c:v>0.13650000000000001</c:v>
                </c:pt>
                <c:pt idx="3642">
                  <c:v>0.1216</c:v>
                </c:pt>
                <c:pt idx="3643">
                  <c:v>0.1065</c:v>
                </c:pt>
                <c:pt idx="3644">
                  <c:v>0.1023</c:v>
                </c:pt>
                <c:pt idx="3645">
                  <c:v>0.1024</c:v>
                </c:pt>
                <c:pt idx="3646">
                  <c:v>0.1026</c:v>
                </c:pt>
                <c:pt idx="3647">
                  <c:v>0.10009999999999999</c:v>
                </c:pt>
                <c:pt idx="3648">
                  <c:v>9.4E-2</c:v>
                </c:pt>
                <c:pt idx="3649">
                  <c:v>8.2900000000000001E-2</c:v>
                </c:pt>
                <c:pt idx="3650">
                  <c:v>6.9000000000000006E-2</c:v>
                </c:pt>
                <c:pt idx="3651">
                  <c:v>6.6900000000000001E-2</c:v>
                </c:pt>
                <c:pt idx="3652">
                  <c:v>6.8900000000000003E-2</c:v>
                </c:pt>
                <c:pt idx="3653">
                  <c:v>7.4700000000000003E-2</c:v>
                </c:pt>
                <c:pt idx="3654">
                  <c:v>7.8E-2</c:v>
                </c:pt>
                <c:pt idx="3655">
                  <c:v>8.3000000000000004E-2</c:v>
                </c:pt>
                <c:pt idx="3656">
                  <c:v>8.4900000000000003E-2</c:v>
                </c:pt>
                <c:pt idx="3657">
                  <c:v>9.5600000000000004E-2</c:v>
                </c:pt>
                <c:pt idx="3658">
                  <c:v>0.10580000000000001</c:v>
                </c:pt>
                <c:pt idx="3659">
                  <c:v>0.11119999999999999</c:v>
                </c:pt>
                <c:pt idx="3660">
                  <c:v>0.1162</c:v>
                </c:pt>
                <c:pt idx="3661">
                  <c:v>0.12520000000000001</c:v>
                </c:pt>
                <c:pt idx="3662">
                  <c:v>0.1368</c:v>
                </c:pt>
                <c:pt idx="3663">
                  <c:v>0.1532</c:v>
                </c:pt>
                <c:pt idx="3664">
                  <c:v>0.16400000000000001</c:v>
                </c:pt>
                <c:pt idx="3665">
                  <c:v>0.17230000000000001</c:v>
                </c:pt>
                <c:pt idx="3666">
                  <c:v>0.17319999999999999</c:v>
                </c:pt>
                <c:pt idx="3667">
                  <c:v>0.17150000000000001</c:v>
                </c:pt>
                <c:pt idx="3668">
                  <c:v>0.17699999999999999</c:v>
                </c:pt>
                <c:pt idx="3669">
                  <c:v>0.1822</c:v>
                </c:pt>
                <c:pt idx="3670">
                  <c:v>0.17799999999999999</c:v>
                </c:pt>
                <c:pt idx="3671">
                  <c:v>0.1729</c:v>
                </c:pt>
                <c:pt idx="3672">
                  <c:v>0.16289999999999999</c:v>
                </c:pt>
                <c:pt idx="3673">
                  <c:v>0.158</c:v>
                </c:pt>
                <c:pt idx="3674">
                  <c:v>0.155</c:v>
                </c:pt>
                <c:pt idx="3675">
                  <c:v>0.16220000000000001</c:v>
                </c:pt>
                <c:pt idx="3676">
                  <c:v>0.1734</c:v>
                </c:pt>
                <c:pt idx="3677">
                  <c:v>0.17549999999999999</c:v>
                </c:pt>
                <c:pt idx="3678">
                  <c:v>0.16089999999999999</c:v>
                </c:pt>
                <c:pt idx="3679">
                  <c:v>0.13170000000000001</c:v>
                </c:pt>
                <c:pt idx="3680">
                  <c:v>0.1171</c:v>
                </c:pt>
                <c:pt idx="3681">
                  <c:v>0.12239999999999999</c:v>
                </c:pt>
                <c:pt idx="3682">
                  <c:v>0.13750000000000001</c:v>
                </c:pt>
                <c:pt idx="3683">
                  <c:v>0.15409999999999999</c:v>
                </c:pt>
                <c:pt idx="3684">
                  <c:v>0.16889999999999999</c:v>
                </c:pt>
                <c:pt idx="3685">
                  <c:v>0.17349999999999999</c:v>
                </c:pt>
                <c:pt idx="3686">
                  <c:v>0.1736</c:v>
                </c:pt>
                <c:pt idx="3687">
                  <c:v>0.1759</c:v>
                </c:pt>
                <c:pt idx="3688">
                  <c:v>0.1736</c:v>
                </c:pt>
                <c:pt idx="3689">
                  <c:v>0.16750000000000001</c:v>
                </c:pt>
                <c:pt idx="3690">
                  <c:v>0.16880000000000001</c:v>
                </c:pt>
                <c:pt idx="3691">
                  <c:v>0.15709999999999999</c:v>
                </c:pt>
                <c:pt idx="3692">
                  <c:v>0.14050000000000001</c:v>
                </c:pt>
                <c:pt idx="3693">
                  <c:v>0.13789999999999999</c:v>
                </c:pt>
                <c:pt idx="3694">
                  <c:v>0.13969999999999999</c:v>
                </c:pt>
                <c:pt idx="3695">
                  <c:v>0.14979999999999999</c:v>
                </c:pt>
                <c:pt idx="3696">
                  <c:v>0.1588</c:v>
                </c:pt>
                <c:pt idx="3697">
                  <c:v>0.16980000000000001</c:v>
                </c:pt>
                <c:pt idx="3698">
                  <c:v>0.17610000000000001</c:v>
                </c:pt>
                <c:pt idx="3699">
                  <c:v>0.1759</c:v>
                </c:pt>
                <c:pt idx="3700">
                  <c:v>0.1681</c:v>
                </c:pt>
                <c:pt idx="3701">
                  <c:v>0.16109999999999999</c:v>
                </c:pt>
                <c:pt idx="3702">
                  <c:v>0.15709999999999999</c:v>
                </c:pt>
                <c:pt idx="3703">
                  <c:v>0.15670000000000001</c:v>
                </c:pt>
                <c:pt idx="3704">
                  <c:v>0.1575</c:v>
                </c:pt>
                <c:pt idx="3705">
                  <c:v>0.15759999999999999</c:v>
                </c:pt>
                <c:pt idx="3706">
                  <c:v>0.17780000000000001</c:v>
                </c:pt>
                <c:pt idx="3707">
                  <c:v>0.20449999999999999</c:v>
                </c:pt>
                <c:pt idx="3708">
                  <c:v>0.2069</c:v>
                </c:pt>
                <c:pt idx="3709">
                  <c:v>0.18959999999999999</c:v>
                </c:pt>
                <c:pt idx="3710">
                  <c:v>0.17230000000000001</c:v>
                </c:pt>
                <c:pt idx="3711">
                  <c:v>0.16400000000000001</c:v>
                </c:pt>
                <c:pt idx="3712">
                  <c:v>0.16389999999999999</c:v>
                </c:pt>
                <c:pt idx="3713">
                  <c:v>0.1638</c:v>
                </c:pt>
                <c:pt idx="3714">
                  <c:v>0.1603</c:v>
                </c:pt>
                <c:pt idx="3715">
                  <c:v>0.15029999999999999</c:v>
                </c:pt>
                <c:pt idx="3716">
                  <c:v>0.13969999999999999</c:v>
                </c:pt>
                <c:pt idx="3717">
                  <c:v>0.12139999999999999</c:v>
                </c:pt>
                <c:pt idx="3718">
                  <c:v>0.1008</c:v>
                </c:pt>
                <c:pt idx="3719">
                  <c:v>9.8299999999999998E-2</c:v>
                </c:pt>
                <c:pt idx="3720">
                  <c:v>0.10100000000000001</c:v>
                </c:pt>
                <c:pt idx="3721">
                  <c:v>0.1037</c:v>
                </c:pt>
                <c:pt idx="3722">
                  <c:v>0.1047</c:v>
                </c:pt>
                <c:pt idx="3723">
                  <c:v>0.1069</c:v>
                </c:pt>
                <c:pt idx="3724">
                  <c:v>0.10580000000000001</c:v>
                </c:pt>
                <c:pt idx="3725">
                  <c:v>0.10920000000000001</c:v>
                </c:pt>
                <c:pt idx="3726">
                  <c:v>0.1283</c:v>
                </c:pt>
                <c:pt idx="3727">
                  <c:v>0.1389</c:v>
                </c:pt>
                <c:pt idx="3728">
                  <c:v>0.15440000000000001</c:v>
                </c:pt>
                <c:pt idx="3729">
                  <c:v>0.17330000000000001</c:v>
                </c:pt>
                <c:pt idx="3730">
                  <c:v>0.18990000000000001</c:v>
                </c:pt>
                <c:pt idx="3731">
                  <c:v>0.2019</c:v>
                </c:pt>
                <c:pt idx="3732">
                  <c:v>0.20449999999999999</c:v>
                </c:pt>
                <c:pt idx="3733">
                  <c:v>0.2029</c:v>
                </c:pt>
                <c:pt idx="3734">
                  <c:v>0.19350000000000001</c:v>
                </c:pt>
                <c:pt idx="3735">
                  <c:v>0.1779</c:v>
                </c:pt>
                <c:pt idx="3736">
                  <c:v>0.16800000000000001</c:v>
                </c:pt>
                <c:pt idx="3737">
                  <c:v>0.17080000000000001</c:v>
                </c:pt>
                <c:pt idx="3738">
                  <c:v>0.19070000000000001</c:v>
                </c:pt>
                <c:pt idx="3739">
                  <c:v>0.20219999999999999</c:v>
                </c:pt>
                <c:pt idx="3740">
                  <c:v>0.2034</c:v>
                </c:pt>
                <c:pt idx="3741">
                  <c:v>0.1973</c:v>
                </c:pt>
                <c:pt idx="3742">
                  <c:v>0.18079999999999999</c:v>
                </c:pt>
                <c:pt idx="3743">
                  <c:v>0.15820000000000001</c:v>
                </c:pt>
                <c:pt idx="3744">
                  <c:v>0.13239999999999999</c:v>
                </c:pt>
                <c:pt idx="3745">
                  <c:v>9.8799999999999999E-2</c:v>
                </c:pt>
                <c:pt idx="3746">
                  <c:v>8.4000000000000005E-2</c:v>
                </c:pt>
                <c:pt idx="3747">
                  <c:v>9.7299999999999998E-2</c:v>
                </c:pt>
                <c:pt idx="3748">
                  <c:v>0.1046</c:v>
                </c:pt>
                <c:pt idx="3749">
                  <c:v>0.10199999999999999</c:v>
                </c:pt>
                <c:pt idx="3750">
                  <c:v>9.7900000000000001E-2</c:v>
                </c:pt>
                <c:pt idx="3751">
                  <c:v>9.5699999999999993E-2</c:v>
                </c:pt>
                <c:pt idx="3752">
                  <c:v>9.3200000000000005E-2</c:v>
                </c:pt>
                <c:pt idx="3753">
                  <c:v>9.1300000000000006E-2</c:v>
                </c:pt>
                <c:pt idx="3754">
                  <c:v>9.7600000000000006E-2</c:v>
                </c:pt>
                <c:pt idx="3755">
                  <c:v>0.1236</c:v>
                </c:pt>
                <c:pt idx="3756">
                  <c:v>0.15570000000000001</c:v>
                </c:pt>
                <c:pt idx="3757">
                  <c:v>0.1681</c:v>
                </c:pt>
                <c:pt idx="3758">
                  <c:v>0.17680000000000001</c:v>
                </c:pt>
                <c:pt idx="3759">
                  <c:v>0.1757</c:v>
                </c:pt>
                <c:pt idx="3760">
                  <c:v>0.17979999999999999</c:v>
                </c:pt>
                <c:pt idx="3761">
                  <c:v>0.17280000000000001</c:v>
                </c:pt>
                <c:pt idx="3762">
                  <c:v>0.16009999999999999</c:v>
                </c:pt>
                <c:pt idx="3763">
                  <c:v>0.1462</c:v>
                </c:pt>
                <c:pt idx="3764">
                  <c:v>0.1391</c:v>
                </c:pt>
                <c:pt idx="3765">
                  <c:v>0.13730000000000001</c:v>
                </c:pt>
                <c:pt idx="3766">
                  <c:v>0.12889999999999999</c:v>
                </c:pt>
                <c:pt idx="3767">
                  <c:v>0.12089999999999999</c:v>
                </c:pt>
                <c:pt idx="3768">
                  <c:v>0.11210000000000001</c:v>
                </c:pt>
                <c:pt idx="3769">
                  <c:v>0.10680000000000001</c:v>
                </c:pt>
                <c:pt idx="3770">
                  <c:v>0.1045</c:v>
                </c:pt>
                <c:pt idx="3771">
                  <c:v>9.8199999999999996E-2</c:v>
                </c:pt>
                <c:pt idx="3772">
                  <c:v>8.8900000000000007E-2</c:v>
                </c:pt>
                <c:pt idx="3773">
                  <c:v>8.5500000000000007E-2</c:v>
                </c:pt>
                <c:pt idx="3774">
                  <c:v>8.9700000000000002E-2</c:v>
                </c:pt>
                <c:pt idx="3775">
                  <c:v>9.5600000000000004E-2</c:v>
                </c:pt>
                <c:pt idx="3776">
                  <c:v>0.13170000000000001</c:v>
                </c:pt>
                <c:pt idx="3777">
                  <c:v>0.16830000000000001</c:v>
                </c:pt>
                <c:pt idx="3778">
                  <c:v>0.19600000000000001</c:v>
                </c:pt>
                <c:pt idx="3779">
                  <c:v>0.2079</c:v>
                </c:pt>
                <c:pt idx="3780">
                  <c:v>0.21060000000000001</c:v>
                </c:pt>
                <c:pt idx="3781">
                  <c:v>0.20150000000000001</c:v>
                </c:pt>
                <c:pt idx="3782">
                  <c:v>0.18990000000000001</c:v>
                </c:pt>
                <c:pt idx="3783">
                  <c:v>0.1799</c:v>
                </c:pt>
                <c:pt idx="3784">
                  <c:v>0.1731</c:v>
                </c:pt>
                <c:pt idx="3785">
                  <c:v>0.17299999999999999</c:v>
                </c:pt>
                <c:pt idx="3786">
                  <c:v>0.18310000000000001</c:v>
                </c:pt>
                <c:pt idx="3787">
                  <c:v>0.19239999999999999</c:v>
                </c:pt>
                <c:pt idx="3788">
                  <c:v>0.19489999999999999</c:v>
                </c:pt>
                <c:pt idx="3789">
                  <c:v>0.1991</c:v>
                </c:pt>
                <c:pt idx="3790">
                  <c:v>0.19980000000000001</c:v>
                </c:pt>
                <c:pt idx="3791">
                  <c:v>0.18440000000000001</c:v>
                </c:pt>
                <c:pt idx="3792">
                  <c:v>0.1656</c:v>
                </c:pt>
                <c:pt idx="3793">
                  <c:v>0.155</c:v>
                </c:pt>
                <c:pt idx="3794">
                  <c:v>0.15959999999999999</c:v>
                </c:pt>
                <c:pt idx="3795">
                  <c:v>0.16639999999999999</c:v>
                </c:pt>
                <c:pt idx="3796">
                  <c:v>0.15429999999999999</c:v>
                </c:pt>
                <c:pt idx="3797">
                  <c:v>0.14879999999999999</c:v>
                </c:pt>
                <c:pt idx="3798">
                  <c:v>0.15790000000000001</c:v>
                </c:pt>
                <c:pt idx="3799">
                  <c:v>0.18060000000000001</c:v>
                </c:pt>
                <c:pt idx="3800">
                  <c:v>0.18859999999999999</c:v>
                </c:pt>
                <c:pt idx="3801">
                  <c:v>0.1802</c:v>
                </c:pt>
                <c:pt idx="3802">
                  <c:v>0.1643</c:v>
                </c:pt>
                <c:pt idx="3803">
                  <c:v>0.1421</c:v>
                </c:pt>
                <c:pt idx="3804">
                  <c:v>0.1396</c:v>
                </c:pt>
                <c:pt idx="3805">
                  <c:v>0.1502</c:v>
                </c:pt>
                <c:pt idx="3806">
                  <c:v>0.16980000000000001</c:v>
                </c:pt>
                <c:pt idx="3807">
                  <c:v>0.19209999999999999</c:v>
                </c:pt>
                <c:pt idx="3808">
                  <c:v>0.19309999999999999</c:v>
                </c:pt>
                <c:pt idx="3809">
                  <c:v>0.19020000000000001</c:v>
                </c:pt>
                <c:pt idx="3810">
                  <c:v>0.18490000000000001</c:v>
                </c:pt>
                <c:pt idx="3811">
                  <c:v>0.17649999999999999</c:v>
                </c:pt>
                <c:pt idx="3812">
                  <c:v>0.1726</c:v>
                </c:pt>
                <c:pt idx="3813">
                  <c:v>0.1757</c:v>
                </c:pt>
                <c:pt idx="3814">
                  <c:v>0.18410000000000001</c:v>
                </c:pt>
                <c:pt idx="3815">
                  <c:v>0.16450000000000001</c:v>
                </c:pt>
                <c:pt idx="3816">
                  <c:v>0.15040000000000001</c:v>
                </c:pt>
                <c:pt idx="3817">
                  <c:v>0.1467</c:v>
                </c:pt>
                <c:pt idx="3818">
                  <c:v>0.1545</c:v>
                </c:pt>
                <c:pt idx="3819">
                  <c:v>0.17119999999999999</c:v>
                </c:pt>
                <c:pt idx="3820">
                  <c:v>0.18640000000000001</c:v>
                </c:pt>
                <c:pt idx="3821">
                  <c:v>0.19539999999999999</c:v>
                </c:pt>
                <c:pt idx="3822">
                  <c:v>0.19589999999999999</c:v>
                </c:pt>
                <c:pt idx="3823">
                  <c:v>0.1956</c:v>
                </c:pt>
                <c:pt idx="3824">
                  <c:v>0.19769999999999999</c:v>
                </c:pt>
                <c:pt idx="3825">
                  <c:v>0.1951</c:v>
                </c:pt>
                <c:pt idx="3826">
                  <c:v>0.17480000000000001</c:v>
                </c:pt>
                <c:pt idx="3827">
                  <c:v>0.15160000000000001</c:v>
                </c:pt>
                <c:pt idx="3828">
                  <c:v>0.12920000000000001</c:v>
                </c:pt>
                <c:pt idx="3829">
                  <c:v>0.1132</c:v>
                </c:pt>
                <c:pt idx="3830">
                  <c:v>0.1008</c:v>
                </c:pt>
                <c:pt idx="3831">
                  <c:v>9.0999999999999998E-2</c:v>
                </c:pt>
                <c:pt idx="3832">
                  <c:v>0.10489999999999999</c:v>
                </c:pt>
                <c:pt idx="3833">
                  <c:v>0.1226</c:v>
                </c:pt>
                <c:pt idx="3834">
                  <c:v>0.13159999999999999</c:v>
                </c:pt>
                <c:pt idx="3835">
                  <c:v>0.1431</c:v>
                </c:pt>
                <c:pt idx="3836">
                  <c:v>0.15379999999999999</c:v>
                </c:pt>
                <c:pt idx="3837">
                  <c:v>0.1517</c:v>
                </c:pt>
                <c:pt idx="3838">
                  <c:v>0.1658</c:v>
                </c:pt>
                <c:pt idx="3839">
                  <c:v>0.16850000000000001</c:v>
                </c:pt>
                <c:pt idx="3840">
                  <c:v>0.16589999999999999</c:v>
                </c:pt>
                <c:pt idx="3841">
                  <c:v>0.16170000000000001</c:v>
                </c:pt>
                <c:pt idx="3842">
                  <c:v>0.16020000000000001</c:v>
                </c:pt>
                <c:pt idx="3843">
                  <c:v>0.15240000000000001</c:v>
                </c:pt>
                <c:pt idx="3844">
                  <c:v>0.1396</c:v>
                </c:pt>
                <c:pt idx="3845">
                  <c:v>0.13339999999999999</c:v>
                </c:pt>
                <c:pt idx="3846">
                  <c:v>0.1237</c:v>
                </c:pt>
                <c:pt idx="3847">
                  <c:v>0.1145</c:v>
                </c:pt>
                <c:pt idx="3848">
                  <c:v>9.9400000000000002E-2</c:v>
                </c:pt>
                <c:pt idx="3849">
                  <c:v>8.8499999999999995E-2</c:v>
                </c:pt>
                <c:pt idx="3850">
                  <c:v>8.2699999999999996E-2</c:v>
                </c:pt>
                <c:pt idx="3851">
                  <c:v>0.08</c:v>
                </c:pt>
                <c:pt idx="3852">
                  <c:v>9.0700000000000003E-2</c:v>
                </c:pt>
                <c:pt idx="3853">
                  <c:v>9.1600000000000001E-2</c:v>
                </c:pt>
                <c:pt idx="3854">
                  <c:v>9.3100000000000002E-2</c:v>
                </c:pt>
                <c:pt idx="3855">
                  <c:v>9.7699999999999995E-2</c:v>
                </c:pt>
                <c:pt idx="3856">
                  <c:v>7.5999999999999998E-2</c:v>
                </c:pt>
                <c:pt idx="3857">
                  <c:v>8.0600000000000005E-2</c:v>
                </c:pt>
                <c:pt idx="3858">
                  <c:v>9.6699999999999994E-2</c:v>
                </c:pt>
                <c:pt idx="3859">
                  <c:v>0.1061</c:v>
                </c:pt>
                <c:pt idx="3860">
                  <c:v>0.1069</c:v>
                </c:pt>
                <c:pt idx="3861">
                  <c:v>0.1079</c:v>
                </c:pt>
                <c:pt idx="3862">
                  <c:v>0.1062</c:v>
                </c:pt>
                <c:pt idx="3863">
                  <c:v>0.11210000000000001</c:v>
                </c:pt>
                <c:pt idx="3864">
                  <c:v>0.1239</c:v>
                </c:pt>
                <c:pt idx="3865">
                  <c:v>0.1234</c:v>
                </c:pt>
                <c:pt idx="3866">
                  <c:v>0.1208</c:v>
                </c:pt>
                <c:pt idx="3867">
                  <c:v>0.1237</c:v>
                </c:pt>
                <c:pt idx="3868">
                  <c:v>0.12640000000000001</c:v>
                </c:pt>
                <c:pt idx="3869">
                  <c:v>0.13039999999999999</c:v>
                </c:pt>
                <c:pt idx="3870">
                  <c:v>0.12709999999999999</c:v>
                </c:pt>
                <c:pt idx="3871">
                  <c:v>0.1283</c:v>
                </c:pt>
                <c:pt idx="3872">
                  <c:v>0.11219999999999999</c:v>
                </c:pt>
                <c:pt idx="3873">
                  <c:v>0.1113</c:v>
                </c:pt>
                <c:pt idx="3874">
                  <c:v>0.1106</c:v>
                </c:pt>
                <c:pt idx="3875">
                  <c:v>0.12859999999999999</c:v>
                </c:pt>
                <c:pt idx="3876">
                  <c:v>0.14050000000000001</c:v>
                </c:pt>
                <c:pt idx="3877">
                  <c:v>0.1449</c:v>
                </c:pt>
                <c:pt idx="3878">
                  <c:v>0.13639999999999999</c:v>
                </c:pt>
                <c:pt idx="3879">
                  <c:v>0.122</c:v>
                </c:pt>
                <c:pt idx="3880">
                  <c:v>0.1168</c:v>
                </c:pt>
                <c:pt idx="3881">
                  <c:v>0.1169</c:v>
                </c:pt>
                <c:pt idx="3882">
                  <c:v>0.12330000000000001</c:v>
                </c:pt>
                <c:pt idx="3883">
                  <c:v>0.13320000000000001</c:v>
                </c:pt>
                <c:pt idx="3884">
                  <c:v>0.13250000000000001</c:v>
                </c:pt>
                <c:pt idx="3885">
                  <c:v>0.13109999999999999</c:v>
                </c:pt>
                <c:pt idx="3886">
                  <c:v>0.1236</c:v>
                </c:pt>
                <c:pt idx="3887">
                  <c:v>0.12529999999999999</c:v>
                </c:pt>
                <c:pt idx="3888">
                  <c:v>0.11899999999999999</c:v>
                </c:pt>
                <c:pt idx="3889">
                  <c:v>0.1167</c:v>
                </c:pt>
                <c:pt idx="3890">
                  <c:v>0.1198</c:v>
                </c:pt>
                <c:pt idx="3891">
                  <c:v>0.13719999999999999</c:v>
                </c:pt>
                <c:pt idx="3892">
                  <c:v>0.15340000000000001</c:v>
                </c:pt>
                <c:pt idx="3893">
                  <c:v>0.156</c:v>
                </c:pt>
                <c:pt idx="3894">
                  <c:v>0.15</c:v>
                </c:pt>
                <c:pt idx="3895">
                  <c:v>0.1472</c:v>
                </c:pt>
                <c:pt idx="3896">
                  <c:v>0.1479</c:v>
                </c:pt>
                <c:pt idx="3897">
                  <c:v>0.14829999999999999</c:v>
                </c:pt>
                <c:pt idx="3898">
                  <c:v>0.15359999999999999</c:v>
                </c:pt>
                <c:pt idx="3899">
                  <c:v>0.156</c:v>
                </c:pt>
                <c:pt idx="3900">
                  <c:v>0.14760000000000001</c:v>
                </c:pt>
                <c:pt idx="3901">
                  <c:v>0.14369999999999999</c:v>
                </c:pt>
                <c:pt idx="3902">
                  <c:v>0.13370000000000001</c:v>
                </c:pt>
                <c:pt idx="3903">
                  <c:v>0.13339999999999999</c:v>
                </c:pt>
                <c:pt idx="3904">
                  <c:v>0.12859999999999999</c:v>
                </c:pt>
                <c:pt idx="3905">
                  <c:v>0.12529999999999999</c:v>
                </c:pt>
                <c:pt idx="3906">
                  <c:v>0.1143</c:v>
                </c:pt>
                <c:pt idx="3907">
                  <c:v>0.1012</c:v>
                </c:pt>
                <c:pt idx="3908">
                  <c:v>9.8100000000000007E-2</c:v>
                </c:pt>
                <c:pt idx="3909">
                  <c:v>8.9200000000000002E-2</c:v>
                </c:pt>
                <c:pt idx="3910">
                  <c:v>8.3000000000000004E-2</c:v>
                </c:pt>
                <c:pt idx="3911">
                  <c:v>7.1900000000000006E-2</c:v>
                </c:pt>
                <c:pt idx="3912">
                  <c:v>8.9499999999999996E-2</c:v>
                </c:pt>
                <c:pt idx="3913">
                  <c:v>0.1043</c:v>
                </c:pt>
                <c:pt idx="3914">
                  <c:v>0.10539999999999999</c:v>
                </c:pt>
                <c:pt idx="3915">
                  <c:v>0.1118</c:v>
                </c:pt>
                <c:pt idx="3916">
                  <c:v>0.1197</c:v>
                </c:pt>
                <c:pt idx="3917">
                  <c:v>0.12039999999999999</c:v>
                </c:pt>
                <c:pt idx="3918">
                  <c:v>0.1168</c:v>
                </c:pt>
                <c:pt idx="3919">
                  <c:v>0.1182</c:v>
                </c:pt>
                <c:pt idx="3920">
                  <c:v>0.10970000000000001</c:v>
                </c:pt>
                <c:pt idx="3921">
                  <c:v>0.114</c:v>
                </c:pt>
                <c:pt idx="3922">
                  <c:v>0.12640000000000001</c:v>
                </c:pt>
                <c:pt idx="3923">
                  <c:v>0.1288</c:v>
                </c:pt>
                <c:pt idx="3924">
                  <c:v>0.13389999999999999</c:v>
                </c:pt>
                <c:pt idx="3925">
                  <c:v>0.1389</c:v>
                </c:pt>
                <c:pt idx="3926">
                  <c:v>0.1426</c:v>
                </c:pt>
                <c:pt idx="3927">
                  <c:v>0.1414</c:v>
                </c:pt>
                <c:pt idx="3928">
                  <c:v>0.1351</c:v>
                </c:pt>
                <c:pt idx="3929">
                  <c:v>0.13009999999999999</c:v>
                </c:pt>
                <c:pt idx="3930">
                  <c:v>0.1234</c:v>
                </c:pt>
                <c:pt idx="3931">
                  <c:v>0.11360000000000001</c:v>
                </c:pt>
                <c:pt idx="3932">
                  <c:v>9.9000000000000005E-2</c:v>
                </c:pt>
                <c:pt idx="3933">
                  <c:v>8.2000000000000003E-2</c:v>
                </c:pt>
                <c:pt idx="3934">
                  <c:v>6.59E-2</c:v>
                </c:pt>
                <c:pt idx="3935">
                  <c:v>5.2999999999999999E-2</c:v>
                </c:pt>
                <c:pt idx="3936">
                  <c:v>4.53E-2</c:v>
                </c:pt>
                <c:pt idx="3937">
                  <c:v>4.1300000000000003E-2</c:v>
                </c:pt>
                <c:pt idx="3938">
                  <c:v>4.2999999999999997E-2</c:v>
                </c:pt>
                <c:pt idx="3939">
                  <c:v>4.1599999999999998E-2</c:v>
                </c:pt>
                <c:pt idx="3940">
                  <c:v>4.1099999999999998E-2</c:v>
                </c:pt>
                <c:pt idx="3941">
                  <c:v>4.19E-2</c:v>
                </c:pt>
                <c:pt idx="3942">
                  <c:v>4.1500000000000002E-2</c:v>
                </c:pt>
                <c:pt idx="3943">
                  <c:v>4.2000000000000003E-2</c:v>
                </c:pt>
                <c:pt idx="3944">
                  <c:v>4.24E-2</c:v>
                </c:pt>
                <c:pt idx="3945">
                  <c:v>4.2299999999999997E-2</c:v>
                </c:pt>
                <c:pt idx="3946">
                  <c:v>4.2700000000000002E-2</c:v>
                </c:pt>
                <c:pt idx="3947">
                  <c:v>4.41E-2</c:v>
                </c:pt>
                <c:pt idx="3948">
                  <c:v>4.4600000000000001E-2</c:v>
                </c:pt>
                <c:pt idx="3949">
                  <c:v>4.2599999999999999E-2</c:v>
                </c:pt>
                <c:pt idx="3950">
                  <c:v>4.1099999999999998E-2</c:v>
                </c:pt>
                <c:pt idx="3951">
                  <c:v>4.1599999999999998E-2</c:v>
                </c:pt>
                <c:pt idx="3952">
                  <c:v>4.1200000000000001E-2</c:v>
                </c:pt>
                <c:pt idx="3953">
                  <c:v>4.2099999999999999E-2</c:v>
                </c:pt>
                <c:pt idx="3954">
                  <c:v>4.2099999999999999E-2</c:v>
                </c:pt>
                <c:pt idx="3955">
                  <c:v>4.2200000000000001E-2</c:v>
                </c:pt>
                <c:pt idx="3956">
                  <c:v>4.2500000000000003E-2</c:v>
                </c:pt>
                <c:pt idx="3957">
                  <c:v>4.2799999999999998E-2</c:v>
                </c:pt>
                <c:pt idx="3958">
                  <c:v>4.3099999999999999E-2</c:v>
                </c:pt>
                <c:pt idx="3959">
                  <c:v>4.2500000000000003E-2</c:v>
                </c:pt>
                <c:pt idx="3960">
                  <c:v>4.2200000000000001E-2</c:v>
                </c:pt>
                <c:pt idx="3961">
                  <c:v>4.2299999999999997E-2</c:v>
                </c:pt>
                <c:pt idx="3962">
                  <c:v>4.3200000000000002E-2</c:v>
                </c:pt>
                <c:pt idx="3963">
                  <c:v>4.3499999999999997E-2</c:v>
                </c:pt>
                <c:pt idx="3964">
                  <c:v>4.3499999999999997E-2</c:v>
                </c:pt>
                <c:pt idx="3965">
                  <c:v>4.3099999999999999E-2</c:v>
                </c:pt>
                <c:pt idx="3966">
                  <c:v>4.2799999999999998E-2</c:v>
                </c:pt>
                <c:pt idx="3967">
                  <c:v>4.2200000000000001E-2</c:v>
                </c:pt>
                <c:pt idx="3968">
                  <c:v>4.1700000000000001E-2</c:v>
                </c:pt>
                <c:pt idx="3969">
                  <c:v>4.1300000000000003E-2</c:v>
                </c:pt>
                <c:pt idx="3970">
                  <c:v>4.1300000000000003E-2</c:v>
                </c:pt>
                <c:pt idx="3971">
                  <c:v>3.9100000000000003E-2</c:v>
                </c:pt>
                <c:pt idx="3972">
                  <c:v>3.7600000000000001E-2</c:v>
                </c:pt>
                <c:pt idx="3973">
                  <c:v>3.78E-2</c:v>
                </c:pt>
                <c:pt idx="3974">
                  <c:v>4.0399999999999998E-2</c:v>
                </c:pt>
                <c:pt idx="3975">
                  <c:v>4.5499999999999999E-2</c:v>
                </c:pt>
                <c:pt idx="3976">
                  <c:v>5.5899999999999998E-2</c:v>
                </c:pt>
                <c:pt idx="3977">
                  <c:v>6.5299999999999997E-2</c:v>
                </c:pt>
                <c:pt idx="3978">
                  <c:v>7.0400000000000004E-2</c:v>
                </c:pt>
                <c:pt idx="3979">
                  <c:v>7.2499999999999995E-2</c:v>
                </c:pt>
                <c:pt idx="3980">
                  <c:v>7.1099999999999997E-2</c:v>
                </c:pt>
                <c:pt idx="3981">
                  <c:v>7.0699999999999999E-2</c:v>
                </c:pt>
                <c:pt idx="3982">
                  <c:v>6.7100000000000007E-2</c:v>
                </c:pt>
                <c:pt idx="3983">
                  <c:v>6.8099999999999994E-2</c:v>
                </c:pt>
                <c:pt idx="3984">
                  <c:v>7.1800000000000003E-2</c:v>
                </c:pt>
                <c:pt idx="3985">
                  <c:v>8.2199999999999995E-2</c:v>
                </c:pt>
                <c:pt idx="3986">
                  <c:v>9.0899999999999995E-2</c:v>
                </c:pt>
                <c:pt idx="3987">
                  <c:v>9.6100000000000005E-2</c:v>
                </c:pt>
                <c:pt idx="3988">
                  <c:v>9.9099999999999994E-2</c:v>
                </c:pt>
                <c:pt idx="3989">
                  <c:v>9.9699999999999997E-2</c:v>
                </c:pt>
                <c:pt idx="3990">
                  <c:v>9.6299999999999997E-2</c:v>
                </c:pt>
                <c:pt idx="3991">
                  <c:v>9.2399999999999996E-2</c:v>
                </c:pt>
                <c:pt idx="3992">
                  <c:v>9.0300000000000005E-2</c:v>
                </c:pt>
                <c:pt idx="3993">
                  <c:v>8.8499999999999995E-2</c:v>
                </c:pt>
                <c:pt idx="3994">
                  <c:v>9.1499999999999998E-2</c:v>
                </c:pt>
                <c:pt idx="3995">
                  <c:v>9.7500000000000003E-2</c:v>
                </c:pt>
                <c:pt idx="3996">
                  <c:v>0.10489999999999999</c:v>
                </c:pt>
                <c:pt idx="3997">
                  <c:v>0.1074</c:v>
                </c:pt>
                <c:pt idx="3998">
                  <c:v>0.10440000000000001</c:v>
                </c:pt>
                <c:pt idx="3999">
                  <c:v>9.9699999999999997E-2</c:v>
                </c:pt>
                <c:pt idx="4000">
                  <c:v>8.8400000000000006E-2</c:v>
                </c:pt>
                <c:pt idx="4001">
                  <c:v>8.1000000000000003E-2</c:v>
                </c:pt>
                <c:pt idx="4002">
                  <c:v>7.9600000000000004E-2</c:v>
                </c:pt>
                <c:pt idx="4003">
                  <c:v>8.3599999999999994E-2</c:v>
                </c:pt>
                <c:pt idx="4004">
                  <c:v>8.5500000000000007E-2</c:v>
                </c:pt>
                <c:pt idx="4005">
                  <c:v>8.9300000000000004E-2</c:v>
                </c:pt>
                <c:pt idx="4006">
                  <c:v>9.8699999999999996E-2</c:v>
                </c:pt>
                <c:pt idx="4007">
                  <c:v>0.1026</c:v>
                </c:pt>
                <c:pt idx="4008">
                  <c:v>9.8799999999999999E-2</c:v>
                </c:pt>
                <c:pt idx="4009">
                  <c:v>9.5000000000000001E-2</c:v>
                </c:pt>
                <c:pt idx="4010">
                  <c:v>9.0200000000000002E-2</c:v>
                </c:pt>
                <c:pt idx="4011">
                  <c:v>8.5400000000000004E-2</c:v>
                </c:pt>
                <c:pt idx="4012">
                  <c:v>8.7099999999999997E-2</c:v>
                </c:pt>
                <c:pt idx="4013">
                  <c:v>9.5000000000000001E-2</c:v>
                </c:pt>
                <c:pt idx="4014">
                  <c:v>9.5600000000000004E-2</c:v>
                </c:pt>
                <c:pt idx="4015">
                  <c:v>0.1013</c:v>
                </c:pt>
                <c:pt idx="4016">
                  <c:v>0.1084</c:v>
                </c:pt>
                <c:pt idx="4017">
                  <c:v>0.1115</c:v>
                </c:pt>
                <c:pt idx="4018">
                  <c:v>0.1057</c:v>
                </c:pt>
                <c:pt idx="4019">
                  <c:v>0.10009999999999999</c:v>
                </c:pt>
                <c:pt idx="4020">
                  <c:v>9.7500000000000003E-2</c:v>
                </c:pt>
                <c:pt idx="4021">
                  <c:v>0.1028</c:v>
                </c:pt>
                <c:pt idx="4022">
                  <c:v>0.111</c:v>
                </c:pt>
                <c:pt idx="4023">
                  <c:v>0.11749999999999999</c:v>
                </c:pt>
                <c:pt idx="4024">
                  <c:v>0.12239999999999999</c:v>
                </c:pt>
                <c:pt idx="4025">
                  <c:v>0.1273</c:v>
                </c:pt>
                <c:pt idx="4026">
                  <c:v>0.13350000000000001</c:v>
                </c:pt>
                <c:pt idx="4027">
                  <c:v>0.13550000000000001</c:v>
                </c:pt>
                <c:pt idx="4028">
                  <c:v>0.13239999999999999</c:v>
                </c:pt>
                <c:pt idx="4029">
                  <c:v>0.13339999999999999</c:v>
                </c:pt>
                <c:pt idx="4030">
                  <c:v>0.13</c:v>
                </c:pt>
                <c:pt idx="4031">
                  <c:v>0.1231</c:v>
                </c:pt>
                <c:pt idx="4032">
                  <c:v>0.1135</c:v>
                </c:pt>
                <c:pt idx="4033">
                  <c:v>0.11509999999999999</c:v>
                </c:pt>
                <c:pt idx="4034">
                  <c:v>0.1193</c:v>
                </c:pt>
                <c:pt idx="4035">
                  <c:v>0.1195</c:v>
                </c:pt>
                <c:pt idx="4036">
                  <c:v>0.11360000000000001</c:v>
                </c:pt>
                <c:pt idx="4037">
                  <c:v>0.1007</c:v>
                </c:pt>
                <c:pt idx="4038">
                  <c:v>9.5600000000000004E-2</c:v>
                </c:pt>
                <c:pt idx="4039">
                  <c:v>9.98E-2</c:v>
                </c:pt>
                <c:pt idx="4040">
                  <c:v>0.1033</c:v>
                </c:pt>
                <c:pt idx="4041">
                  <c:v>0.10290000000000001</c:v>
                </c:pt>
                <c:pt idx="4042">
                  <c:v>9.6699999999999994E-2</c:v>
                </c:pt>
                <c:pt idx="4043">
                  <c:v>9.3399999999999997E-2</c:v>
                </c:pt>
                <c:pt idx="4044">
                  <c:v>9.7299999999999998E-2</c:v>
                </c:pt>
                <c:pt idx="4045">
                  <c:v>0.1022</c:v>
                </c:pt>
                <c:pt idx="4046">
                  <c:v>0.106</c:v>
                </c:pt>
                <c:pt idx="4047">
                  <c:v>0.10589999999999999</c:v>
                </c:pt>
                <c:pt idx="4048">
                  <c:v>0.1055</c:v>
                </c:pt>
                <c:pt idx="4049">
                  <c:v>0.1074</c:v>
                </c:pt>
                <c:pt idx="4050">
                  <c:v>0.1095</c:v>
                </c:pt>
                <c:pt idx="4051">
                  <c:v>0.1178</c:v>
                </c:pt>
                <c:pt idx="4052">
                  <c:v>0.13339999999999999</c:v>
                </c:pt>
                <c:pt idx="4053">
                  <c:v>0.1351</c:v>
                </c:pt>
                <c:pt idx="4054">
                  <c:v>0.1328</c:v>
                </c:pt>
                <c:pt idx="4055">
                  <c:v>0.11559999999999999</c:v>
                </c:pt>
                <c:pt idx="4056">
                  <c:v>0.10489999999999999</c:v>
                </c:pt>
                <c:pt idx="4057">
                  <c:v>0.1065</c:v>
                </c:pt>
                <c:pt idx="4058">
                  <c:v>0.1187</c:v>
                </c:pt>
                <c:pt idx="4059">
                  <c:v>0.1225</c:v>
                </c:pt>
                <c:pt idx="4060">
                  <c:v>0.1187</c:v>
                </c:pt>
                <c:pt idx="4061">
                  <c:v>0.11509999999999999</c:v>
                </c:pt>
                <c:pt idx="4062">
                  <c:v>0.1096</c:v>
                </c:pt>
                <c:pt idx="4063">
                  <c:v>0.1105</c:v>
                </c:pt>
                <c:pt idx="4064">
                  <c:v>0.1069</c:v>
                </c:pt>
                <c:pt idx="4065">
                  <c:v>9.35E-2</c:v>
                </c:pt>
                <c:pt idx="4066">
                  <c:v>8.6199999999999999E-2</c:v>
                </c:pt>
                <c:pt idx="4067">
                  <c:v>8.2799999999999999E-2</c:v>
                </c:pt>
                <c:pt idx="4068">
                  <c:v>8.7900000000000006E-2</c:v>
                </c:pt>
                <c:pt idx="4069">
                  <c:v>8.6599999999999996E-2</c:v>
                </c:pt>
                <c:pt idx="4070">
                  <c:v>9.3100000000000002E-2</c:v>
                </c:pt>
                <c:pt idx="4071">
                  <c:v>0.1032</c:v>
                </c:pt>
                <c:pt idx="4072">
                  <c:v>0.107</c:v>
                </c:pt>
                <c:pt idx="4073">
                  <c:v>0.10879999999999999</c:v>
                </c:pt>
                <c:pt idx="4074">
                  <c:v>0.1013</c:v>
                </c:pt>
                <c:pt idx="4075">
                  <c:v>9.4200000000000006E-2</c:v>
                </c:pt>
                <c:pt idx="4076">
                  <c:v>9.1899999999999996E-2</c:v>
                </c:pt>
                <c:pt idx="4077">
                  <c:v>9.11E-2</c:v>
                </c:pt>
                <c:pt idx="4078">
                  <c:v>9.4100000000000003E-2</c:v>
                </c:pt>
                <c:pt idx="4079">
                  <c:v>9.3399999999999997E-2</c:v>
                </c:pt>
                <c:pt idx="4080">
                  <c:v>9.4100000000000003E-2</c:v>
                </c:pt>
                <c:pt idx="4081">
                  <c:v>9.3799999999999994E-2</c:v>
                </c:pt>
                <c:pt idx="4082">
                  <c:v>9.8299999999999998E-2</c:v>
                </c:pt>
                <c:pt idx="4083">
                  <c:v>0.1026</c:v>
                </c:pt>
                <c:pt idx="4084">
                  <c:v>0.10589999999999999</c:v>
                </c:pt>
                <c:pt idx="4085">
                  <c:v>0.1048</c:v>
                </c:pt>
                <c:pt idx="4086">
                  <c:v>0.1052</c:v>
                </c:pt>
                <c:pt idx="4087">
                  <c:v>0.1045</c:v>
                </c:pt>
                <c:pt idx="4088">
                  <c:v>9.7299999999999998E-2</c:v>
                </c:pt>
                <c:pt idx="4089">
                  <c:v>9.5299999999999996E-2</c:v>
                </c:pt>
                <c:pt idx="4090">
                  <c:v>9.4500000000000001E-2</c:v>
                </c:pt>
                <c:pt idx="4091">
                  <c:v>9.7000000000000003E-2</c:v>
                </c:pt>
                <c:pt idx="4092">
                  <c:v>0.1017</c:v>
                </c:pt>
                <c:pt idx="4093">
                  <c:v>0.1081</c:v>
                </c:pt>
                <c:pt idx="4094">
                  <c:v>0.109</c:v>
                </c:pt>
                <c:pt idx="4095">
                  <c:v>0.1116</c:v>
                </c:pt>
                <c:pt idx="4096">
                  <c:v>0.1125</c:v>
                </c:pt>
                <c:pt idx="4097">
                  <c:v>0.1123</c:v>
                </c:pt>
                <c:pt idx="4098">
                  <c:v>0.1057</c:v>
                </c:pt>
                <c:pt idx="4099">
                  <c:v>9.8599999999999993E-2</c:v>
                </c:pt>
                <c:pt idx="4100">
                  <c:v>9.9599999999999994E-2</c:v>
                </c:pt>
                <c:pt idx="4101">
                  <c:v>0.1129</c:v>
                </c:pt>
                <c:pt idx="4102">
                  <c:v>0.1313</c:v>
                </c:pt>
                <c:pt idx="4103">
                  <c:v>0.14360000000000001</c:v>
                </c:pt>
                <c:pt idx="4104">
                  <c:v>0.13109999999999999</c:v>
                </c:pt>
                <c:pt idx="4105">
                  <c:v>0.12230000000000001</c:v>
                </c:pt>
                <c:pt idx="4106">
                  <c:v>0.1164</c:v>
                </c:pt>
                <c:pt idx="4107">
                  <c:v>0.1202</c:v>
                </c:pt>
                <c:pt idx="4108">
                  <c:v>0.13569999999999999</c:v>
                </c:pt>
                <c:pt idx="4109">
                  <c:v>0.1502</c:v>
                </c:pt>
                <c:pt idx="4110">
                  <c:v>0.15290000000000001</c:v>
                </c:pt>
                <c:pt idx="4111">
                  <c:v>0.1555</c:v>
                </c:pt>
                <c:pt idx="4112">
                  <c:v>0.1535</c:v>
                </c:pt>
                <c:pt idx="4113">
                  <c:v>0.15179999999999999</c:v>
                </c:pt>
                <c:pt idx="4114">
                  <c:v>0.15110000000000001</c:v>
                </c:pt>
                <c:pt idx="4115">
                  <c:v>0.157</c:v>
                </c:pt>
                <c:pt idx="4116">
                  <c:v>0.1532</c:v>
                </c:pt>
                <c:pt idx="4117">
                  <c:v>0.14829999999999999</c:v>
                </c:pt>
                <c:pt idx="4118">
                  <c:v>0.1376</c:v>
                </c:pt>
                <c:pt idx="4119">
                  <c:v>0.13020000000000001</c:v>
                </c:pt>
                <c:pt idx="4120">
                  <c:v>0.1351</c:v>
                </c:pt>
                <c:pt idx="4121">
                  <c:v>0.1351</c:v>
                </c:pt>
                <c:pt idx="4122">
                  <c:v>0.13550000000000001</c:v>
                </c:pt>
                <c:pt idx="4123">
                  <c:v>0.13730000000000001</c:v>
                </c:pt>
                <c:pt idx="4124">
                  <c:v>0.1389</c:v>
                </c:pt>
                <c:pt idx="4125">
                  <c:v>0.1439</c:v>
                </c:pt>
                <c:pt idx="4126">
                  <c:v>0.16250000000000001</c:v>
                </c:pt>
                <c:pt idx="4127">
                  <c:v>0.1676</c:v>
                </c:pt>
                <c:pt idx="4128">
                  <c:v>0.1605</c:v>
                </c:pt>
                <c:pt idx="4129">
                  <c:v>0.16</c:v>
                </c:pt>
                <c:pt idx="4130">
                  <c:v>0.15740000000000001</c:v>
                </c:pt>
                <c:pt idx="4131">
                  <c:v>0.15820000000000001</c:v>
                </c:pt>
                <c:pt idx="4132">
                  <c:v>0.15970000000000001</c:v>
                </c:pt>
                <c:pt idx="4133">
                  <c:v>0.16669999999999999</c:v>
                </c:pt>
                <c:pt idx="4134">
                  <c:v>0.16769999999999999</c:v>
                </c:pt>
                <c:pt idx="4135">
                  <c:v>0.15140000000000001</c:v>
                </c:pt>
                <c:pt idx="4136">
                  <c:v>0.14269999999999999</c:v>
                </c:pt>
                <c:pt idx="4137">
                  <c:v>0.1394</c:v>
                </c:pt>
                <c:pt idx="4138">
                  <c:v>0.1188</c:v>
                </c:pt>
                <c:pt idx="4139">
                  <c:v>0.1012</c:v>
                </c:pt>
                <c:pt idx="4140">
                  <c:v>8.5500000000000007E-2</c:v>
                </c:pt>
                <c:pt idx="4141">
                  <c:v>7.8899999999999998E-2</c:v>
                </c:pt>
                <c:pt idx="4142">
                  <c:v>7.4499999999999997E-2</c:v>
                </c:pt>
                <c:pt idx="4143">
                  <c:v>7.3300000000000004E-2</c:v>
                </c:pt>
                <c:pt idx="4144">
                  <c:v>8.0100000000000005E-2</c:v>
                </c:pt>
                <c:pt idx="4145">
                  <c:v>9.01E-2</c:v>
                </c:pt>
                <c:pt idx="4146">
                  <c:v>0.10539999999999999</c:v>
                </c:pt>
                <c:pt idx="4147">
                  <c:v>0.1225</c:v>
                </c:pt>
                <c:pt idx="4148">
                  <c:v>0.13270000000000001</c:v>
                </c:pt>
                <c:pt idx="4149">
                  <c:v>0.13589999999999999</c:v>
                </c:pt>
                <c:pt idx="4150">
                  <c:v>0.1394</c:v>
                </c:pt>
                <c:pt idx="4151">
                  <c:v>0.15060000000000001</c:v>
                </c:pt>
                <c:pt idx="4152">
                  <c:v>0.1615</c:v>
                </c:pt>
                <c:pt idx="4153">
                  <c:v>0.16420000000000001</c:v>
                </c:pt>
                <c:pt idx="4154">
                  <c:v>0.1585</c:v>
                </c:pt>
                <c:pt idx="4155">
                  <c:v>0.15640000000000001</c:v>
                </c:pt>
                <c:pt idx="4156">
                  <c:v>0.15840000000000001</c:v>
                </c:pt>
                <c:pt idx="4157">
                  <c:v>0.1578</c:v>
                </c:pt>
                <c:pt idx="4158">
                  <c:v>0.158</c:v>
                </c:pt>
                <c:pt idx="4159">
                  <c:v>0.15970000000000001</c:v>
                </c:pt>
                <c:pt idx="4160">
                  <c:v>0.1603</c:v>
                </c:pt>
                <c:pt idx="4161">
                  <c:v>0.16109999999999999</c:v>
                </c:pt>
                <c:pt idx="4162">
                  <c:v>0.16239999999999999</c:v>
                </c:pt>
                <c:pt idx="4163">
                  <c:v>0.1651</c:v>
                </c:pt>
                <c:pt idx="4164">
                  <c:v>0.1618</c:v>
                </c:pt>
                <c:pt idx="4165">
                  <c:v>0.1527</c:v>
                </c:pt>
                <c:pt idx="4166">
                  <c:v>0.14580000000000001</c:v>
                </c:pt>
                <c:pt idx="4167">
                  <c:v>0.14149999999999999</c:v>
                </c:pt>
                <c:pt idx="4168">
                  <c:v>0.13900000000000001</c:v>
                </c:pt>
                <c:pt idx="4169">
                  <c:v>0.13569999999999999</c:v>
                </c:pt>
                <c:pt idx="4170">
                  <c:v>0.1366</c:v>
                </c:pt>
                <c:pt idx="4171">
                  <c:v>0.1376</c:v>
                </c:pt>
                <c:pt idx="4172">
                  <c:v>0.14449999999999999</c:v>
                </c:pt>
                <c:pt idx="4173">
                  <c:v>0.155</c:v>
                </c:pt>
                <c:pt idx="4174">
                  <c:v>0.17</c:v>
                </c:pt>
                <c:pt idx="4175">
                  <c:v>0.16639999999999999</c:v>
                </c:pt>
                <c:pt idx="4176">
                  <c:v>0.15640000000000001</c:v>
                </c:pt>
                <c:pt idx="4177">
                  <c:v>0.14360000000000001</c:v>
                </c:pt>
                <c:pt idx="4178">
                  <c:v>0.1371</c:v>
                </c:pt>
                <c:pt idx="4179">
                  <c:v>0.13150000000000001</c:v>
                </c:pt>
                <c:pt idx="4180">
                  <c:v>0.13700000000000001</c:v>
                </c:pt>
                <c:pt idx="4181">
                  <c:v>0.14119999999999999</c:v>
                </c:pt>
                <c:pt idx="4182">
                  <c:v>0.15040000000000001</c:v>
                </c:pt>
                <c:pt idx="4183">
                  <c:v>0.15859999999999999</c:v>
                </c:pt>
                <c:pt idx="4184">
                  <c:v>0.16250000000000001</c:v>
                </c:pt>
                <c:pt idx="4185">
                  <c:v>0.16159999999999999</c:v>
                </c:pt>
                <c:pt idx="4186">
                  <c:v>0.16059999999999999</c:v>
                </c:pt>
                <c:pt idx="4187">
                  <c:v>0.17080000000000001</c:v>
                </c:pt>
                <c:pt idx="4188">
                  <c:v>0.17760000000000001</c:v>
                </c:pt>
                <c:pt idx="4189">
                  <c:v>0.17280000000000001</c:v>
                </c:pt>
                <c:pt idx="4190">
                  <c:v>0.16769999999999999</c:v>
                </c:pt>
                <c:pt idx="4191">
                  <c:v>0.1658</c:v>
                </c:pt>
                <c:pt idx="4192">
                  <c:v>0.16769999999999999</c:v>
                </c:pt>
                <c:pt idx="4193">
                  <c:v>0.16339999999999999</c:v>
                </c:pt>
                <c:pt idx="4194">
                  <c:v>0.16289999999999999</c:v>
                </c:pt>
                <c:pt idx="4195">
                  <c:v>0.17480000000000001</c:v>
                </c:pt>
                <c:pt idx="4196">
                  <c:v>0.18659999999999999</c:v>
                </c:pt>
                <c:pt idx="4197">
                  <c:v>0.19639999999999999</c:v>
                </c:pt>
                <c:pt idx="4198">
                  <c:v>0.1915</c:v>
                </c:pt>
                <c:pt idx="4199">
                  <c:v>0.192</c:v>
                </c:pt>
                <c:pt idx="4200">
                  <c:v>0.2009</c:v>
                </c:pt>
                <c:pt idx="4201">
                  <c:v>0.2177</c:v>
                </c:pt>
                <c:pt idx="4202">
                  <c:v>0.2354</c:v>
                </c:pt>
                <c:pt idx="4203">
                  <c:v>0.2424</c:v>
                </c:pt>
                <c:pt idx="4204">
                  <c:v>0.23480000000000001</c:v>
                </c:pt>
                <c:pt idx="4205">
                  <c:v>0.2077</c:v>
                </c:pt>
                <c:pt idx="4206">
                  <c:v>0.1943</c:v>
                </c:pt>
                <c:pt idx="4207">
                  <c:v>0.19270000000000001</c:v>
                </c:pt>
                <c:pt idx="4208">
                  <c:v>0.1973</c:v>
                </c:pt>
                <c:pt idx="4209">
                  <c:v>0.19500000000000001</c:v>
                </c:pt>
                <c:pt idx="4210">
                  <c:v>0.17610000000000001</c:v>
                </c:pt>
                <c:pt idx="4211">
                  <c:v>0.1636</c:v>
                </c:pt>
                <c:pt idx="4212">
                  <c:v>0.15679999999999999</c:v>
                </c:pt>
                <c:pt idx="4213">
                  <c:v>0.1668</c:v>
                </c:pt>
                <c:pt idx="4214">
                  <c:v>0.16950000000000001</c:v>
                </c:pt>
                <c:pt idx="4215">
                  <c:v>0.16039999999999999</c:v>
                </c:pt>
                <c:pt idx="4216">
                  <c:v>0.15390000000000001</c:v>
                </c:pt>
                <c:pt idx="4217">
                  <c:v>0.14979999999999999</c:v>
                </c:pt>
                <c:pt idx="4218">
                  <c:v>0.154</c:v>
                </c:pt>
                <c:pt idx="4219">
                  <c:v>0.15620000000000001</c:v>
                </c:pt>
                <c:pt idx="4220">
                  <c:v>0.1585</c:v>
                </c:pt>
                <c:pt idx="4221">
                  <c:v>0.17480000000000001</c:v>
                </c:pt>
                <c:pt idx="4222">
                  <c:v>0.17730000000000001</c:v>
                </c:pt>
                <c:pt idx="4223">
                  <c:v>0.1774</c:v>
                </c:pt>
                <c:pt idx="4224">
                  <c:v>0.1757</c:v>
                </c:pt>
                <c:pt idx="4225">
                  <c:v>0.17369999999999999</c:v>
                </c:pt>
                <c:pt idx="4226">
                  <c:v>0.17649999999999999</c:v>
                </c:pt>
                <c:pt idx="4227">
                  <c:v>0.18229999999999999</c:v>
                </c:pt>
                <c:pt idx="4228">
                  <c:v>0.17730000000000001</c:v>
                </c:pt>
                <c:pt idx="4229">
                  <c:v>0.16470000000000001</c:v>
                </c:pt>
                <c:pt idx="4230">
                  <c:v>0.1656</c:v>
                </c:pt>
                <c:pt idx="4231">
                  <c:v>0.17019999999999999</c:v>
                </c:pt>
                <c:pt idx="4232">
                  <c:v>0.17760000000000001</c:v>
                </c:pt>
                <c:pt idx="4233">
                  <c:v>0.19289999999999999</c:v>
                </c:pt>
                <c:pt idx="4234">
                  <c:v>0.2026</c:v>
                </c:pt>
                <c:pt idx="4235">
                  <c:v>0.19309999999999999</c:v>
                </c:pt>
                <c:pt idx="4236">
                  <c:v>0.17630000000000001</c:v>
                </c:pt>
                <c:pt idx="4237">
                  <c:v>0.15140000000000001</c:v>
                </c:pt>
                <c:pt idx="4238">
                  <c:v>0.1404</c:v>
                </c:pt>
                <c:pt idx="4239">
                  <c:v>0.13850000000000001</c:v>
                </c:pt>
                <c:pt idx="4240">
                  <c:v>0.14349999999999999</c:v>
                </c:pt>
                <c:pt idx="4241">
                  <c:v>0.14779999999999999</c:v>
                </c:pt>
                <c:pt idx="4242">
                  <c:v>0.1462</c:v>
                </c:pt>
                <c:pt idx="4243">
                  <c:v>0.1421</c:v>
                </c:pt>
                <c:pt idx="4244">
                  <c:v>0.1366</c:v>
                </c:pt>
                <c:pt idx="4245">
                  <c:v>0.14219999999999999</c:v>
                </c:pt>
                <c:pt idx="4246">
                  <c:v>0.15</c:v>
                </c:pt>
                <c:pt idx="4247">
                  <c:v>0.151</c:v>
                </c:pt>
                <c:pt idx="4248">
                  <c:v>0.1532</c:v>
                </c:pt>
                <c:pt idx="4249">
                  <c:v>0.15629999999999999</c:v>
                </c:pt>
                <c:pt idx="4250">
                  <c:v>0.16220000000000001</c:v>
                </c:pt>
                <c:pt idx="4251">
                  <c:v>0.1749</c:v>
                </c:pt>
                <c:pt idx="4252">
                  <c:v>0.182</c:v>
                </c:pt>
                <c:pt idx="4253">
                  <c:v>0.17480000000000001</c:v>
                </c:pt>
                <c:pt idx="4254">
                  <c:v>0.1726</c:v>
                </c:pt>
                <c:pt idx="4255">
                  <c:v>0.1719</c:v>
                </c:pt>
                <c:pt idx="4256">
                  <c:v>0.16009999999999999</c:v>
                </c:pt>
                <c:pt idx="4257">
                  <c:v>0.15590000000000001</c:v>
                </c:pt>
                <c:pt idx="4258">
                  <c:v>0.15240000000000001</c:v>
                </c:pt>
                <c:pt idx="4259">
                  <c:v>0.15679999999999999</c:v>
                </c:pt>
                <c:pt idx="4260">
                  <c:v>0.1615</c:v>
                </c:pt>
                <c:pt idx="4261">
                  <c:v>0.16420000000000001</c:v>
                </c:pt>
                <c:pt idx="4262">
                  <c:v>0.1719</c:v>
                </c:pt>
                <c:pt idx="4263">
                  <c:v>0.18590000000000001</c:v>
                </c:pt>
                <c:pt idx="4264">
                  <c:v>0.191</c:v>
                </c:pt>
                <c:pt idx="4265">
                  <c:v>0.1842</c:v>
                </c:pt>
                <c:pt idx="4266">
                  <c:v>0.1832</c:v>
                </c:pt>
                <c:pt idx="4267">
                  <c:v>0.1825</c:v>
                </c:pt>
                <c:pt idx="4268">
                  <c:v>0.18609999999999999</c:v>
                </c:pt>
                <c:pt idx="4269">
                  <c:v>0.19359999999999999</c:v>
                </c:pt>
                <c:pt idx="4270">
                  <c:v>0.19850000000000001</c:v>
                </c:pt>
                <c:pt idx="4271">
                  <c:v>0.20019999999999999</c:v>
                </c:pt>
                <c:pt idx="4272">
                  <c:v>0.20569999999999999</c:v>
                </c:pt>
                <c:pt idx="4273">
                  <c:v>0.21249999999999999</c:v>
                </c:pt>
                <c:pt idx="4274">
                  <c:v>0.219</c:v>
                </c:pt>
                <c:pt idx="4275">
                  <c:v>0.21299999999999999</c:v>
                </c:pt>
                <c:pt idx="4276">
                  <c:v>0.2001</c:v>
                </c:pt>
                <c:pt idx="4277">
                  <c:v>0.18690000000000001</c:v>
                </c:pt>
                <c:pt idx="4278">
                  <c:v>0.1782</c:v>
                </c:pt>
                <c:pt idx="4279">
                  <c:v>0.1767</c:v>
                </c:pt>
                <c:pt idx="4280">
                  <c:v>0.1782</c:v>
                </c:pt>
                <c:pt idx="4281">
                  <c:v>0.17499999999999999</c:v>
                </c:pt>
                <c:pt idx="4282">
                  <c:v>0.18640000000000001</c:v>
                </c:pt>
                <c:pt idx="4283">
                  <c:v>0.1898</c:v>
                </c:pt>
                <c:pt idx="4284">
                  <c:v>0.1807</c:v>
                </c:pt>
                <c:pt idx="4285">
                  <c:v>0.1787</c:v>
                </c:pt>
                <c:pt idx="4286">
                  <c:v>0.1817</c:v>
                </c:pt>
                <c:pt idx="4287">
                  <c:v>0.1835</c:v>
                </c:pt>
                <c:pt idx="4288">
                  <c:v>0.17599999999999999</c:v>
                </c:pt>
                <c:pt idx="4289">
                  <c:v>0.1658</c:v>
                </c:pt>
                <c:pt idx="4290">
                  <c:v>0.15740000000000001</c:v>
                </c:pt>
                <c:pt idx="4291">
                  <c:v>0.154</c:v>
                </c:pt>
                <c:pt idx="4292">
                  <c:v>0.1605</c:v>
                </c:pt>
                <c:pt idx="4293">
                  <c:v>0.16719999999999999</c:v>
                </c:pt>
                <c:pt idx="4294">
                  <c:v>0.17319999999999999</c:v>
                </c:pt>
                <c:pt idx="4295">
                  <c:v>0.1741</c:v>
                </c:pt>
                <c:pt idx="4296">
                  <c:v>0.17249999999999999</c:v>
                </c:pt>
                <c:pt idx="4297">
                  <c:v>0.16489999999999999</c:v>
                </c:pt>
                <c:pt idx="4298">
                  <c:v>0.15590000000000001</c:v>
                </c:pt>
                <c:pt idx="4299">
                  <c:v>0.1469</c:v>
                </c:pt>
                <c:pt idx="4300">
                  <c:v>0.14019999999999999</c:v>
                </c:pt>
                <c:pt idx="4301">
                  <c:v>0.14050000000000001</c:v>
                </c:pt>
                <c:pt idx="4302">
                  <c:v>0.14249999999999999</c:v>
                </c:pt>
                <c:pt idx="4303">
                  <c:v>0.1396</c:v>
                </c:pt>
                <c:pt idx="4304">
                  <c:v>0.1336</c:v>
                </c:pt>
                <c:pt idx="4305">
                  <c:v>0.13539999999999999</c:v>
                </c:pt>
                <c:pt idx="4306">
                  <c:v>0.14180000000000001</c:v>
                </c:pt>
                <c:pt idx="4307">
                  <c:v>0.1464</c:v>
                </c:pt>
                <c:pt idx="4308">
                  <c:v>0.15509999999999999</c:v>
                </c:pt>
                <c:pt idx="4309">
                  <c:v>0.17549999999999999</c:v>
                </c:pt>
                <c:pt idx="4310">
                  <c:v>0.19220000000000001</c:v>
                </c:pt>
                <c:pt idx="4311">
                  <c:v>0.21340000000000001</c:v>
                </c:pt>
                <c:pt idx="4312">
                  <c:v>0.22140000000000001</c:v>
                </c:pt>
                <c:pt idx="4313">
                  <c:v>0.2046</c:v>
                </c:pt>
                <c:pt idx="4314">
                  <c:v>0.20130000000000001</c:v>
                </c:pt>
                <c:pt idx="4315">
                  <c:v>0.2074</c:v>
                </c:pt>
                <c:pt idx="4316">
                  <c:v>0.2218</c:v>
                </c:pt>
                <c:pt idx="4317">
                  <c:v>0.21740000000000001</c:v>
                </c:pt>
                <c:pt idx="4318">
                  <c:v>0.21190000000000001</c:v>
                </c:pt>
                <c:pt idx="4319">
                  <c:v>0.2059</c:v>
                </c:pt>
                <c:pt idx="4320">
                  <c:v>0.1993</c:v>
                </c:pt>
                <c:pt idx="4321">
                  <c:v>0.19350000000000001</c:v>
                </c:pt>
                <c:pt idx="4322">
                  <c:v>0.193</c:v>
                </c:pt>
                <c:pt idx="4323">
                  <c:v>0.1895</c:v>
                </c:pt>
                <c:pt idx="4324">
                  <c:v>0.18160000000000001</c:v>
                </c:pt>
                <c:pt idx="4325">
                  <c:v>0.17</c:v>
                </c:pt>
                <c:pt idx="4326">
                  <c:v>0.1585</c:v>
                </c:pt>
                <c:pt idx="4327">
                  <c:v>0.15010000000000001</c:v>
                </c:pt>
                <c:pt idx="4328">
                  <c:v>0.14960000000000001</c:v>
                </c:pt>
                <c:pt idx="4329">
                  <c:v>0.15529999999999999</c:v>
                </c:pt>
                <c:pt idx="4330">
                  <c:v>0.16089999999999999</c:v>
                </c:pt>
                <c:pt idx="4331">
                  <c:v>0.15770000000000001</c:v>
                </c:pt>
                <c:pt idx="4332">
                  <c:v>0.1411</c:v>
                </c:pt>
                <c:pt idx="4333">
                  <c:v>0.1263</c:v>
                </c:pt>
                <c:pt idx="4334">
                  <c:v>0.12089999999999999</c:v>
                </c:pt>
                <c:pt idx="4335">
                  <c:v>0.1226</c:v>
                </c:pt>
                <c:pt idx="4336">
                  <c:v>0.13930000000000001</c:v>
                </c:pt>
                <c:pt idx="4337">
                  <c:v>0.1545</c:v>
                </c:pt>
                <c:pt idx="4338">
                  <c:v>0.1656</c:v>
                </c:pt>
                <c:pt idx="4339">
                  <c:v>0.1792</c:v>
                </c:pt>
                <c:pt idx="4340">
                  <c:v>0.1956</c:v>
                </c:pt>
                <c:pt idx="4341">
                  <c:v>0.2072</c:v>
                </c:pt>
                <c:pt idx="4342">
                  <c:v>0.21</c:v>
                </c:pt>
                <c:pt idx="4343">
                  <c:v>0.2074</c:v>
                </c:pt>
                <c:pt idx="4344">
                  <c:v>0.1983</c:v>
                </c:pt>
                <c:pt idx="4345">
                  <c:v>0.18099999999999999</c:v>
                </c:pt>
                <c:pt idx="4346">
                  <c:v>0.1641</c:v>
                </c:pt>
                <c:pt idx="4347">
                  <c:v>0.16189999999999999</c:v>
                </c:pt>
                <c:pt idx="4348">
                  <c:v>0.16880000000000001</c:v>
                </c:pt>
                <c:pt idx="4349">
                  <c:v>0.183</c:v>
                </c:pt>
                <c:pt idx="4350">
                  <c:v>0.2001</c:v>
                </c:pt>
                <c:pt idx="4351">
                  <c:v>0.2029</c:v>
                </c:pt>
                <c:pt idx="4352">
                  <c:v>0.2097</c:v>
                </c:pt>
                <c:pt idx="4353">
                  <c:v>0.21740000000000001</c:v>
                </c:pt>
                <c:pt idx="4354">
                  <c:v>0.2316</c:v>
                </c:pt>
                <c:pt idx="4355">
                  <c:v>0.23039999999999999</c:v>
                </c:pt>
                <c:pt idx="4356">
                  <c:v>0.215</c:v>
                </c:pt>
                <c:pt idx="4357">
                  <c:v>0.20280000000000001</c:v>
                </c:pt>
                <c:pt idx="4358">
                  <c:v>0.191</c:v>
                </c:pt>
                <c:pt idx="4359">
                  <c:v>0.17630000000000001</c:v>
                </c:pt>
                <c:pt idx="4360">
                  <c:v>0.16250000000000001</c:v>
                </c:pt>
                <c:pt idx="4361">
                  <c:v>0.15509999999999999</c:v>
                </c:pt>
                <c:pt idx="4362">
                  <c:v>0.1484</c:v>
                </c:pt>
                <c:pt idx="4363">
                  <c:v>0.14849999999999999</c:v>
                </c:pt>
                <c:pt idx="4364">
                  <c:v>0.14749999999999999</c:v>
                </c:pt>
                <c:pt idx="4365">
                  <c:v>0.13669999999999999</c:v>
                </c:pt>
                <c:pt idx="4366">
                  <c:v>0.13650000000000001</c:v>
                </c:pt>
                <c:pt idx="4367">
                  <c:v>0.14649999999999999</c:v>
                </c:pt>
                <c:pt idx="4368">
                  <c:v>0.15160000000000001</c:v>
                </c:pt>
                <c:pt idx="4369">
                  <c:v>0.1444</c:v>
                </c:pt>
                <c:pt idx="4370">
                  <c:v>0.15210000000000001</c:v>
                </c:pt>
                <c:pt idx="4371">
                  <c:v>0.16839999999999999</c:v>
                </c:pt>
                <c:pt idx="4372">
                  <c:v>0.18479999999999999</c:v>
                </c:pt>
                <c:pt idx="4373">
                  <c:v>0.19289999999999999</c:v>
                </c:pt>
                <c:pt idx="4374">
                  <c:v>0.186</c:v>
                </c:pt>
                <c:pt idx="4375">
                  <c:v>0.17899999999999999</c:v>
                </c:pt>
                <c:pt idx="4376">
                  <c:v>0.19350000000000001</c:v>
                </c:pt>
                <c:pt idx="4377">
                  <c:v>0.22539999999999999</c:v>
                </c:pt>
                <c:pt idx="4378">
                  <c:v>0.26629999999999998</c:v>
                </c:pt>
                <c:pt idx="4379">
                  <c:v>0.29189999999999999</c:v>
                </c:pt>
                <c:pt idx="4380">
                  <c:v>0.30380000000000001</c:v>
                </c:pt>
                <c:pt idx="4381">
                  <c:v>0.29430000000000001</c:v>
                </c:pt>
                <c:pt idx="4382">
                  <c:v>0.28599999999999998</c:v>
                </c:pt>
                <c:pt idx="4383">
                  <c:v>0.27129999999999999</c:v>
                </c:pt>
                <c:pt idx="4384">
                  <c:v>0.26350000000000001</c:v>
                </c:pt>
                <c:pt idx="4385">
                  <c:v>0.24249999999999999</c:v>
                </c:pt>
                <c:pt idx="4386">
                  <c:v>0.25319999999999998</c:v>
                </c:pt>
                <c:pt idx="4387">
                  <c:v>0.27550000000000002</c:v>
                </c:pt>
                <c:pt idx="4388">
                  <c:v>0.30249999999999999</c:v>
                </c:pt>
                <c:pt idx="4389">
                  <c:v>0.33110000000000001</c:v>
                </c:pt>
                <c:pt idx="4390">
                  <c:v>0.34160000000000001</c:v>
                </c:pt>
                <c:pt idx="4391">
                  <c:v>0.30359999999999998</c:v>
                </c:pt>
                <c:pt idx="4392">
                  <c:v>0.2586</c:v>
                </c:pt>
                <c:pt idx="4393">
                  <c:v>0.22589999999999999</c:v>
                </c:pt>
                <c:pt idx="4394">
                  <c:v>0.20169999999999999</c:v>
                </c:pt>
                <c:pt idx="4395">
                  <c:v>0.18240000000000001</c:v>
                </c:pt>
                <c:pt idx="4396">
                  <c:v>0.1678</c:v>
                </c:pt>
                <c:pt idx="4397">
                  <c:v>0.15859999999999999</c:v>
                </c:pt>
                <c:pt idx="4398">
                  <c:v>0.14729999999999999</c:v>
                </c:pt>
                <c:pt idx="4399">
                  <c:v>0.1409</c:v>
                </c:pt>
                <c:pt idx="4400">
                  <c:v>0.1522</c:v>
                </c:pt>
                <c:pt idx="4401">
                  <c:v>0.1658</c:v>
                </c:pt>
                <c:pt idx="4402">
                  <c:v>0.1817</c:v>
                </c:pt>
                <c:pt idx="4403">
                  <c:v>0.17269999999999999</c:v>
                </c:pt>
                <c:pt idx="4404">
                  <c:v>0.1595</c:v>
                </c:pt>
                <c:pt idx="4405">
                  <c:v>0.14280000000000001</c:v>
                </c:pt>
                <c:pt idx="4406">
                  <c:v>0.14960000000000001</c:v>
                </c:pt>
                <c:pt idx="4407">
                  <c:v>0.16589999999999999</c:v>
                </c:pt>
                <c:pt idx="4408">
                  <c:v>0.1875</c:v>
                </c:pt>
                <c:pt idx="4409">
                  <c:v>0.20569999999999999</c:v>
                </c:pt>
                <c:pt idx="4410">
                  <c:v>0.2177</c:v>
                </c:pt>
                <c:pt idx="4411">
                  <c:v>0.21299999999999999</c:v>
                </c:pt>
                <c:pt idx="4412">
                  <c:v>0.21190000000000001</c:v>
                </c:pt>
                <c:pt idx="4413">
                  <c:v>0.2157</c:v>
                </c:pt>
                <c:pt idx="4414">
                  <c:v>0.2114</c:v>
                </c:pt>
                <c:pt idx="4415">
                  <c:v>0.21010000000000001</c:v>
                </c:pt>
                <c:pt idx="4416">
                  <c:v>0.21049999999999999</c:v>
                </c:pt>
                <c:pt idx="4417">
                  <c:v>0.20080000000000001</c:v>
                </c:pt>
                <c:pt idx="4418">
                  <c:v>0.19500000000000001</c:v>
                </c:pt>
                <c:pt idx="4419">
                  <c:v>0.1804</c:v>
                </c:pt>
                <c:pt idx="4420">
                  <c:v>0.16880000000000001</c:v>
                </c:pt>
                <c:pt idx="4421">
                  <c:v>0.16750000000000001</c:v>
                </c:pt>
                <c:pt idx="4422">
                  <c:v>0.1719</c:v>
                </c:pt>
                <c:pt idx="4423">
                  <c:v>0.17780000000000001</c:v>
                </c:pt>
                <c:pt idx="4424">
                  <c:v>0.18459999999999999</c:v>
                </c:pt>
                <c:pt idx="4425">
                  <c:v>0.1888</c:v>
                </c:pt>
                <c:pt idx="4426">
                  <c:v>0.1976</c:v>
                </c:pt>
                <c:pt idx="4427">
                  <c:v>0.2001</c:v>
                </c:pt>
                <c:pt idx="4428">
                  <c:v>0.2024</c:v>
                </c:pt>
                <c:pt idx="4429">
                  <c:v>0.2127</c:v>
                </c:pt>
                <c:pt idx="4430">
                  <c:v>0.22789999999999999</c:v>
                </c:pt>
                <c:pt idx="4431">
                  <c:v>0.246</c:v>
                </c:pt>
                <c:pt idx="4432">
                  <c:v>0.2571</c:v>
                </c:pt>
                <c:pt idx="4433">
                  <c:v>0.253</c:v>
                </c:pt>
                <c:pt idx="4434">
                  <c:v>0.24060000000000001</c:v>
                </c:pt>
                <c:pt idx="4435">
                  <c:v>0.21490000000000001</c:v>
                </c:pt>
                <c:pt idx="4436">
                  <c:v>0.1983</c:v>
                </c:pt>
                <c:pt idx="4437">
                  <c:v>0.18809999999999999</c:v>
                </c:pt>
                <c:pt idx="4438">
                  <c:v>0.17530000000000001</c:v>
                </c:pt>
                <c:pt idx="4439">
                  <c:v>0.17199999999999999</c:v>
                </c:pt>
                <c:pt idx="4440">
                  <c:v>0.15770000000000001</c:v>
                </c:pt>
                <c:pt idx="4441">
                  <c:v>0.1386</c:v>
                </c:pt>
                <c:pt idx="4442">
                  <c:v>0.126</c:v>
                </c:pt>
                <c:pt idx="4443">
                  <c:v>0.1255</c:v>
                </c:pt>
                <c:pt idx="4444">
                  <c:v>0.1273</c:v>
                </c:pt>
                <c:pt idx="4445">
                  <c:v>0.12379999999999999</c:v>
                </c:pt>
                <c:pt idx="4446">
                  <c:v>0.12839999999999999</c:v>
                </c:pt>
                <c:pt idx="4447">
                  <c:v>0.14249999999999999</c:v>
                </c:pt>
                <c:pt idx="4448">
                  <c:v>0.16370000000000001</c:v>
                </c:pt>
                <c:pt idx="4449">
                  <c:v>0.18029999999999999</c:v>
                </c:pt>
                <c:pt idx="4450">
                  <c:v>0.1913</c:v>
                </c:pt>
                <c:pt idx="4451">
                  <c:v>0.1938</c:v>
                </c:pt>
                <c:pt idx="4452">
                  <c:v>0.2021</c:v>
                </c:pt>
                <c:pt idx="4453">
                  <c:v>0.21560000000000001</c:v>
                </c:pt>
                <c:pt idx="4454">
                  <c:v>0.2172</c:v>
                </c:pt>
                <c:pt idx="4455">
                  <c:v>0.21690000000000001</c:v>
                </c:pt>
                <c:pt idx="4456">
                  <c:v>0.2011</c:v>
                </c:pt>
                <c:pt idx="4457">
                  <c:v>0.18940000000000001</c:v>
                </c:pt>
                <c:pt idx="4458">
                  <c:v>0.18160000000000001</c:v>
                </c:pt>
                <c:pt idx="4459">
                  <c:v>0.17730000000000001</c:v>
                </c:pt>
                <c:pt idx="4460">
                  <c:v>0.17519999999999999</c:v>
                </c:pt>
                <c:pt idx="4461">
                  <c:v>0.1646</c:v>
                </c:pt>
                <c:pt idx="4462">
                  <c:v>0.1464</c:v>
                </c:pt>
                <c:pt idx="4463">
                  <c:v>0.13450000000000001</c:v>
                </c:pt>
                <c:pt idx="4464">
                  <c:v>0.13170000000000001</c:v>
                </c:pt>
                <c:pt idx="4465">
                  <c:v>0.1235</c:v>
                </c:pt>
                <c:pt idx="4466">
                  <c:v>0.1129</c:v>
                </c:pt>
                <c:pt idx="4467">
                  <c:v>0.1012</c:v>
                </c:pt>
                <c:pt idx="4468">
                  <c:v>9.5799999999999996E-2</c:v>
                </c:pt>
                <c:pt idx="4469">
                  <c:v>8.3699999999999997E-2</c:v>
                </c:pt>
                <c:pt idx="4470">
                  <c:v>7.1800000000000003E-2</c:v>
                </c:pt>
                <c:pt idx="4471">
                  <c:v>6.8599999999999994E-2</c:v>
                </c:pt>
                <c:pt idx="4472">
                  <c:v>7.6399999999999996E-2</c:v>
                </c:pt>
                <c:pt idx="4473">
                  <c:v>8.9899999999999994E-2</c:v>
                </c:pt>
                <c:pt idx="4474">
                  <c:v>0.1032</c:v>
                </c:pt>
                <c:pt idx="4475">
                  <c:v>0.1171</c:v>
                </c:pt>
                <c:pt idx="4476">
                  <c:v>0.1295</c:v>
                </c:pt>
                <c:pt idx="4477">
                  <c:v>0.1487</c:v>
                </c:pt>
                <c:pt idx="4478">
                  <c:v>0.17080000000000001</c:v>
                </c:pt>
                <c:pt idx="4479">
                  <c:v>0.19589999999999999</c:v>
                </c:pt>
                <c:pt idx="4480">
                  <c:v>0.20349999999999999</c:v>
                </c:pt>
                <c:pt idx="4481">
                  <c:v>0.20449999999999999</c:v>
                </c:pt>
                <c:pt idx="4482">
                  <c:v>0.19900000000000001</c:v>
                </c:pt>
                <c:pt idx="4483">
                  <c:v>0.2009</c:v>
                </c:pt>
                <c:pt idx="4484">
                  <c:v>0.1908</c:v>
                </c:pt>
                <c:pt idx="4485">
                  <c:v>0.17069999999999999</c:v>
                </c:pt>
                <c:pt idx="4486">
                  <c:v>0.155</c:v>
                </c:pt>
                <c:pt idx="4487">
                  <c:v>0.15890000000000001</c:v>
                </c:pt>
                <c:pt idx="4488">
                  <c:v>0.17510000000000001</c:v>
                </c:pt>
                <c:pt idx="4489">
                  <c:v>0.18940000000000001</c:v>
                </c:pt>
                <c:pt idx="4490">
                  <c:v>0.18870000000000001</c:v>
                </c:pt>
                <c:pt idx="4491">
                  <c:v>0.1724</c:v>
                </c:pt>
                <c:pt idx="4492">
                  <c:v>0.1704</c:v>
                </c:pt>
                <c:pt idx="4493">
                  <c:v>0.18659999999999999</c:v>
                </c:pt>
                <c:pt idx="4494">
                  <c:v>0.20430000000000001</c:v>
                </c:pt>
                <c:pt idx="4495">
                  <c:v>0.20730000000000001</c:v>
                </c:pt>
                <c:pt idx="4496">
                  <c:v>0.21329999999999999</c:v>
                </c:pt>
                <c:pt idx="4497">
                  <c:v>0.21709999999999999</c:v>
                </c:pt>
                <c:pt idx="4498">
                  <c:v>0.22500000000000001</c:v>
                </c:pt>
                <c:pt idx="4499">
                  <c:v>0.22850000000000001</c:v>
                </c:pt>
                <c:pt idx="4500">
                  <c:v>0.22819999999999999</c:v>
                </c:pt>
                <c:pt idx="4501">
                  <c:v>0.23230000000000001</c:v>
                </c:pt>
                <c:pt idx="4502">
                  <c:v>0.23569999999999999</c:v>
                </c:pt>
                <c:pt idx="4503">
                  <c:v>0.23080000000000001</c:v>
                </c:pt>
                <c:pt idx="4504">
                  <c:v>0.2102</c:v>
                </c:pt>
                <c:pt idx="4505">
                  <c:v>0.17660000000000001</c:v>
                </c:pt>
                <c:pt idx="4506">
                  <c:v>0.16719999999999999</c:v>
                </c:pt>
                <c:pt idx="4507">
                  <c:v>0.1774</c:v>
                </c:pt>
                <c:pt idx="4508">
                  <c:v>0.2064</c:v>
                </c:pt>
                <c:pt idx="4509">
                  <c:v>0.2283</c:v>
                </c:pt>
                <c:pt idx="4510">
                  <c:v>0.23719999999999999</c:v>
                </c:pt>
                <c:pt idx="4511">
                  <c:v>0.22389999999999999</c:v>
                </c:pt>
                <c:pt idx="4512">
                  <c:v>0.2223</c:v>
                </c:pt>
                <c:pt idx="4513">
                  <c:v>0.22189999999999999</c:v>
                </c:pt>
                <c:pt idx="4514">
                  <c:v>0.22409999999999999</c:v>
                </c:pt>
                <c:pt idx="4515">
                  <c:v>0.21959999999999999</c:v>
                </c:pt>
                <c:pt idx="4516">
                  <c:v>0.21890000000000001</c:v>
                </c:pt>
                <c:pt idx="4517">
                  <c:v>0.22059999999999999</c:v>
                </c:pt>
                <c:pt idx="4518">
                  <c:v>0.2228</c:v>
                </c:pt>
                <c:pt idx="4519">
                  <c:v>0.2306</c:v>
                </c:pt>
                <c:pt idx="4520">
                  <c:v>0.2331</c:v>
                </c:pt>
                <c:pt idx="4521">
                  <c:v>0.22989999999999999</c:v>
                </c:pt>
                <c:pt idx="4522">
                  <c:v>0.23619999999999999</c:v>
                </c:pt>
                <c:pt idx="4523">
                  <c:v>0.23669999999999999</c:v>
                </c:pt>
                <c:pt idx="4524">
                  <c:v>0.2253</c:v>
                </c:pt>
                <c:pt idx="4525">
                  <c:v>0.2109</c:v>
                </c:pt>
                <c:pt idx="4526">
                  <c:v>0.2109</c:v>
                </c:pt>
                <c:pt idx="4527">
                  <c:v>0.21640000000000001</c:v>
                </c:pt>
                <c:pt idx="4528">
                  <c:v>0.21940000000000001</c:v>
                </c:pt>
                <c:pt idx="4529">
                  <c:v>0.2016</c:v>
                </c:pt>
                <c:pt idx="4530">
                  <c:v>0.19939999999999999</c:v>
                </c:pt>
                <c:pt idx="4531">
                  <c:v>0.19589999999999999</c:v>
                </c:pt>
                <c:pt idx="4532">
                  <c:v>0.21110000000000001</c:v>
                </c:pt>
                <c:pt idx="4533">
                  <c:v>0.22059999999999999</c:v>
                </c:pt>
                <c:pt idx="4534">
                  <c:v>0.22939999999999999</c:v>
                </c:pt>
                <c:pt idx="4535">
                  <c:v>0.2235</c:v>
                </c:pt>
                <c:pt idx="4536">
                  <c:v>0.21990000000000001</c:v>
                </c:pt>
                <c:pt idx="4537">
                  <c:v>0.20930000000000001</c:v>
                </c:pt>
                <c:pt idx="4538">
                  <c:v>0.2044</c:v>
                </c:pt>
                <c:pt idx="4539">
                  <c:v>0.20580000000000001</c:v>
                </c:pt>
                <c:pt idx="4540">
                  <c:v>0.20619999999999999</c:v>
                </c:pt>
                <c:pt idx="4541">
                  <c:v>0.2036</c:v>
                </c:pt>
                <c:pt idx="4542">
                  <c:v>0.20419999999999999</c:v>
                </c:pt>
                <c:pt idx="4543">
                  <c:v>0.19850000000000001</c:v>
                </c:pt>
                <c:pt idx="4544">
                  <c:v>0.18</c:v>
                </c:pt>
                <c:pt idx="4545">
                  <c:v>0.1726</c:v>
                </c:pt>
                <c:pt idx="4546">
                  <c:v>0.17030000000000001</c:v>
                </c:pt>
                <c:pt idx="4547">
                  <c:v>0.1681</c:v>
                </c:pt>
                <c:pt idx="4548">
                  <c:v>0.16300000000000001</c:v>
                </c:pt>
                <c:pt idx="4549">
                  <c:v>0.16919999999999999</c:v>
                </c:pt>
                <c:pt idx="4550">
                  <c:v>0.15440000000000001</c:v>
                </c:pt>
                <c:pt idx="4551">
                  <c:v>0.15620000000000001</c:v>
                </c:pt>
                <c:pt idx="4552">
                  <c:v>0.1701</c:v>
                </c:pt>
                <c:pt idx="4553">
                  <c:v>0.18310000000000001</c:v>
                </c:pt>
                <c:pt idx="4554">
                  <c:v>0.18360000000000001</c:v>
                </c:pt>
                <c:pt idx="4555">
                  <c:v>0.18790000000000001</c:v>
                </c:pt>
                <c:pt idx="4556">
                  <c:v>0.2031</c:v>
                </c:pt>
                <c:pt idx="4557">
                  <c:v>0.22020000000000001</c:v>
                </c:pt>
                <c:pt idx="4558">
                  <c:v>0.2147</c:v>
                </c:pt>
                <c:pt idx="4559">
                  <c:v>0.21859999999999999</c:v>
                </c:pt>
                <c:pt idx="4560">
                  <c:v>0.2117</c:v>
                </c:pt>
                <c:pt idx="4561">
                  <c:v>0.2</c:v>
                </c:pt>
                <c:pt idx="4562">
                  <c:v>0.1918</c:v>
                </c:pt>
                <c:pt idx="4563">
                  <c:v>0.1905</c:v>
                </c:pt>
                <c:pt idx="4564">
                  <c:v>0.18690000000000001</c:v>
                </c:pt>
                <c:pt idx="4565">
                  <c:v>0.18360000000000001</c:v>
                </c:pt>
                <c:pt idx="4566">
                  <c:v>0.17380000000000001</c:v>
                </c:pt>
                <c:pt idx="4567">
                  <c:v>0.1671</c:v>
                </c:pt>
                <c:pt idx="4568">
                  <c:v>0.1782</c:v>
                </c:pt>
                <c:pt idx="4569">
                  <c:v>0.18679999999999999</c:v>
                </c:pt>
                <c:pt idx="4570">
                  <c:v>0.1867</c:v>
                </c:pt>
                <c:pt idx="4571">
                  <c:v>0.18679999999999999</c:v>
                </c:pt>
                <c:pt idx="4572">
                  <c:v>0.18809999999999999</c:v>
                </c:pt>
                <c:pt idx="4573">
                  <c:v>0.19350000000000001</c:v>
                </c:pt>
                <c:pt idx="4574">
                  <c:v>0.20169999999999999</c:v>
                </c:pt>
                <c:pt idx="4575">
                  <c:v>0.21029999999999999</c:v>
                </c:pt>
                <c:pt idx="4576">
                  <c:v>0.22109999999999999</c:v>
                </c:pt>
                <c:pt idx="4577">
                  <c:v>0.22819999999999999</c:v>
                </c:pt>
                <c:pt idx="4578">
                  <c:v>0.2261</c:v>
                </c:pt>
                <c:pt idx="4579">
                  <c:v>0.21390000000000001</c:v>
                </c:pt>
                <c:pt idx="4580">
                  <c:v>0.2009</c:v>
                </c:pt>
                <c:pt idx="4581">
                  <c:v>0.20130000000000001</c:v>
                </c:pt>
                <c:pt idx="4582">
                  <c:v>0.19400000000000001</c:v>
                </c:pt>
                <c:pt idx="4583">
                  <c:v>0.18590000000000001</c:v>
                </c:pt>
                <c:pt idx="4584">
                  <c:v>0.1777</c:v>
                </c:pt>
                <c:pt idx="4585">
                  <c:v>0.16639999999999999</c:v>
                </c:pt>
                <c:pt idx="4586">
                  <c:v>0.1439</c:v>
                </c:pt>
                <c:pt idx="4587">
                  <c:v>0.1333</c:v>
                </c:pt>
                <c:pt idx="4588">
                  <c:v>0.13070000000000001</c:v>
                </c:pt>
                <c:pt idx="4589">
                  <c:v>0.1358</c:v>
                </c:pt>
                <c:pt idx="4590">
                  <c:v>0.13569999999999999</c:v>
                </c:pt>
                <c:pt idx="4591">
                  <c:v>0.12659999999999999</c:v>
                </c:pt>
                <c:pt idx="4592">
                  <c:v>0.11509999999999999</c:v>
                </c:pt>
                <c:pt idx="4593">
                  <c:v>0.10920000000000001</c:v>
                </c:pt>
                <c:pt idx="4594">
                  <c:v>0.1164</c:v>
                </c:pt>
                <c:pt idx="4595">
                  <c:v>0.1295</c:v>
                </c:pt>
                <c:pt idx="4596">
                  <c:v>0.13780000000000001</c:v>
                </c:pt>
                <c:pt idx="4597">
                  <c:v>0.1454</c:v>
                </c:pt>
                <c:pt idx="4598">
                  <c:v>0.1522</c:v>
                </c:pt>
                <c:pt idx="4599">
                  <c:v>0.16159999999999999</c:v>
                </c:pt>
                <c:pt idx="4600">
                  <c:v>0.17199999999999999</c:v>
                </c:pt>
                <c:pt idx="4601">
                  <c:v>0.1769</c:v>
                </c:pt>
                <c:pt idx="4602">
                  <c:v>0.17610000000000001</c:v>
                </c:pt>
                <c:pt idx="4603">
                  <c:v>0.1779</c:v>
                </c:pt>
                <c:pt idx="4604">
                  <c:v>0.1792</c:v>
                </c:pt>
                <c:pt idx="4605">
                  <c:v>0.18229999999999999</c:v>
                </c:pt>
                <c:pt idx="4606">
                  <c:v>0.18720000000000001</c:v>
                </c:pt>
                <c:pt idx="4607">
                  <c:v>0.18410000000000001</c:v>
                </c:pt>
                <c:pt idx="4608">
                  <c:v>0.1847</c:v>
                </c:pt>
                <c:pt idx="4609">
                  <c:v>0.19189999999999999</c:v>
                </c:pt>
                <c:pt idx="4610">
                  <c:v>0.19769999999999999</c:v>
                </c:pt>
                <c:pt idx="4611">
                  <c:v>0.20810000000000001</c:v>
                </c:pt>
                <c:pt idx="4612">
                  <c:v>0.21440000000000001</c:v>
                </c:pt>
                <c:pt idx="4613">
                  <c:v>0.2142</c:v>
                </c:pt>
                <c:pt idx="4614">
                  <c:v>0.21679999999999999</c:v>
                </c:pt>
                <c:pt idx="4615">
                  <c:v>0.21729999999999999</c:v>
                </c:pt>
                <c:pt idx="4616">
                  <c:v>0.2084</c:v>
                </c:pt>
                <c:pt idx="4617">
                  <c:v>0.19120000000000001</c:v>
                </c:pt>
                <c:pt idx="4618">
                  <c:v>0.1832</c:v>
                </c:pt>
                <c:pt idx="4619">
                  <c:v>0.18160000000000001</c:v>
                </c:pt>
                <c:pt idx="4620">
                  <c:v>0.1759</c:v>
                </c:pt>
                <c:pt idx="4621">
                  <c:v>0.1686</c:v>
                </c:pt>
                <c:pt idx="4622">
                  <c:v>0.15670000000000001</c:v>
                </c:pt>
                <c:pt idx="4623">
                  <c:v>0.1469</c:v>
                </c:pt>
                <c:pt idx="4624">
                  <c:v>0.14460000000000001</c:v>
                </c:pt>
                <c:pt idx="4625">
                  <c:v>0.15210000000000001</c:v>
                </c:pt>
                <c:pt idx="4626">
                  <c:v>0.15890000000000001</c:v>
                </c:pt>
                <c:pt idx="4627">
                  <c:v>0.17180000000000001</c:v>
                </c:pt>
                <c:pt idx="4628">
                  <c:v>0.18360000000000001</c:v>
                </c:pt>
                <c:pt idx="4629">
                  <c:v>0.19769999999999999</c:v>
                </c:pt>
                <c:pt idx="4630">
                  <c:v>0.20899999999999999</c:v>
                </c:pt>
                <c:pt idx="4631">
                  <c:v>0.22040000000000001</c:v>
                </c:pt>
                <c:pt idx="4632">
                  <c:v>0.22700000000000001</c:v>
                </c:pt>
                <c:pt idx="4633">
                  <c:v>0.22259999999999999</c:v>
                </c:pt>
                <c:pt idx="4634">
                  <c:v>0.19500000000000001</c:v>
                </c:pt>
                <c:pt idx="4635">
                  <c:v>0.1784</c:v>
                </c:pt>
                <c:pt idx="4636">
                  <c:v>0.1663</c:v>
                </c:pt>
                <c:pt idx="4637">
                  <c:v>0.1575</c:v>
                </c:pt>
                <c:pt idx="4638">
                  <c:v>0.15570000000000001</c:v>
                </c:pt>
                <c:pt idx="4639">
                  <c:v>0.15859999999999999</c:v>
                </c:pt>
                <c:pt idx="4640">
                  <c:v>0.16520000000000001</c:v>
                </c:pt>
                <c:pt idx="4641">
                  <c:v>0.1656</c:v>
                </c:pt>
                <c:pt idx="4642">
                  <c:v>0.16450000000000001</c:v>
                </c:pt>
                <c:pt idx="4643">
                  <c:v>0.15870000000000001</c:v>
                </c:pt>
                <c:pt idx="4644">
                  <c:v>0.14000000000000001</c:v>
                </c:pt>
                <c:pt idx="4645">
                  <c:v>0.1174</c:v>
                </c:pt>
                <c:pt idx="4646">
                  <c:v>9.7000000000000003E-2</c:v>
                </c:pt>
                <c:pt idx="4647">
                  <c:v>8.2900000000000001E-2</c:v>
                </c:pt>
                <c:pt idx="4648">
                  <c:v>6.3899999999999998E-2</c:v>
                </c:pt>
                <c:pt idx="4649">
                  <c:v>6.9800000000000001E-2</c:v>
                </c:pt>
                <c:pt idx="4650">
                  <c:v>7.9200000000000007E-2</c:v>
                </c:pt>
                <c:pt idx="4651">
                  <c:v>8.7999999999999995E-2</c:v>
                </c:pt>
                <c:pt idx="4652">
                  <c:v>8.9599999999999999E-2</c:v>
                </c:pt>
                <c:pt idx="4653">
                  <c:v>9.6500000000000002E-2</c:v>
                </c:pt>
                <c:pt idx="4654">
                  <c:v>0.1086</c:v>
                </c:pt>
                <c:pt idx="4655">
                  <c:v>0.1057</c:v>
                </c:pt>
                <c:pt idx="4656">
                  <c:v>9.9400000000000002E-2</c:v>
                </c:pt>
                <c:pt idx="4657">
                  <c:v>9.6299999999999997E-2</c:v>
                </c:pt>
                <c:pt idx="4658">
                  <c:v>9.4E-2</c:v>
                </c:pt>
                <c:pt idx="4659">
                  <c:v>9.3399999999999997E-2</c:v>
                </c:pt>
                <c:pt idx="4660">
                  <c:v>9.9299999999999999E-2</c:v>
                </c:pt>
                <c:pt idx="4661">
                  <c:v>0.1106</c:v>
                </c:pt>
                <c:pt idx="4662">
                  <c:v>0.12859999999999999</c:v>
                </c:pt>
                <c:pt idx="4663">
                  <c:v>0.14979999999999999</c:v>
                </c:pt>
                <c:pt idx="4664">
                  <c:v>0.17780000000000001</c:v>
                </c:pt>
                <c:pt idx="4665">
                  <c:v>0.2024</c:v>
                </c:pt>
                <c:pt idx="4666">
                  <c:v>0.22</c:v>
                </c:pt>
                <c:pt idx="4667">
                  <c:v>0.23449999999999999</c:v>
                </c:pt>
                <c:pt idx="4668">
                  <c:v>0.24510000000000001</c:v>
                </c:pt>
                <c:pt idx="4669">
                  <c:v>0.23400000000000001</c:v>
                </c:pt>
                <c:pt idx="4670">
                  <c:v>0.22470000000000001</c:v>
                </c:pt>
                <c:pt idx="4671">
                  <c:v>0.22140000000000001</c:v>
                </c:pt>
                <c:pt idx="4672">
                  <c:v>0.22140000000000001</c:v>
                </c:pt>
                <c:pt idx="4673">
                  <c:v>0.2084</c:v>
                </c:pt>
                <c:pt idx="4674">
                  <c:v>0.2</c:v>
                </c:pt>
                <c:pt idx="4675">
                  <c:v>0.17199999999999999</c:v>
                </c:pt>
                <c:pt idx="4676">
                  <c:v>0.14269999999999999</c:v>
                </c:pt>
                <c:pt idx="4677">
                  <c:v>0.1482</c:v>
                </c:pt>
                <c:pt idx="4678">
                  <c:v>0.17169999999999999</c:v>
                </c:pt>
                <c:pt idx="4679">
                  <c:v>0.1905</c:v>
                </c:pt>
                <c:pt idx="4680">
                  <c:v>0.2112</c:v>
                </c:pt>
                <c:pt idx="4681">
                  <c:v>0.21310000000000001</c:v>
                </c:pt>
                <c:pt idx="4682">
                  <c:v>0.2114</c:v>
                </c:pt>
                <c:pt idx="4683">
                  <c:v>0.2059</c:v>
                </c:pt>
                <c:pt idx="4684">
                  <c:v>0.19769999999999999</c:v>
                </c:pt>
                <c:pt idx="4685">
                  <c:v>0.18110000000000001</c:v>
                </c:pt>
                <c:pt idx="4686">
                  <c:v>0.1701</c:v>
                </c:pt>
                <c:pt idx="4687">
                  <c:v>0.16669999999999999</c:v>
                </c:pt>
                <c:pt idx="4688">
                  <c:v>0.16889999999999999</c:v>
                </c:pt>
                <c:pt idx="4689">
                  <c:v>0.1724</c:v>
                </c:pt>
                <c:pt idx="4690">
                  <c:v>0.1903</c:v>
                </c:pt>
                <c:pt idx="4691">
                  <c:v>0.20880000000000001</c:v>
                </c:pt>
                <c:pt idx="4692">
                  <c:v>0.2044</c:v>
                </c:pt>
                <c:pt idx="4693">
                  <c:v>0.193</c:v>
                </c:pt>
                <c:pt idx="4694">
                  <c:v>0.16839999999999999</c:v>
                </c:pt>
                <c:pt idx="4695">
                  <c:v>0.15989999999999999</c:v>
                </c:pt>
                <c:pt idx="4696">
                  <c:v>0.1613</c:v>
                </c:pt>
                <c:pt idx="4697">
                  <c:v>0.16789999999999999</c:v>
                </c:pt>
                <c:pt idx="4698">
                  <c:v>0.17899999999999999</c:v>
                </c:pt>
                <c:pt idx="4699">
                  <c:v>0.1762</c:v>
                </c:pt>
                <c:pt idx="4700">
                  <c:v>0.17660000000000001</c:v>
                </c:pt>
                <c:pt idx="4701">
                  <c:v>0.1787</c:v>
                </c:pt>
                <c:pt idx="4702">
                  <c:v>0.18260000000000001</c:v>
                </c:pt>
                <c:pt idx="4703">
                  <c:v>0.1888</c:v>
                </c:pt>
                <c:pt idx="4704">
                  <c:v>0.19620000000000001</c:v>
                </c:pt>
                <c:pt idx="4705">
                  <c:v>0.19939999999999999</c:v>
                </c:pt>
                <c:pt idx="4706">
                  <c:v>0.18790000000000001</c:v>
                </c:pt>
                <c:pt idx="4707">
                  <c:v>0.18329999999999999</c:v>
                </c:pt>
                <c:pt idx="4708">
                  <c:v>0.17580000000000001</c:v>
                </c:pt>
                <c:pt idx="4709">
                  <c:v>0.19040000000000001</c:v>
                </c:pt>
                <c:pt idx="4710">
                  <c:v>0.2142</c:v>
                </c:pt>
                <c:pt idx="4711">
                  <c:v>0.22239999999999999</c:v>
                </c:pt>
                <c:pt idx="4712">
                  <c:v>0.2147</c:v>
                </c:pt>
                <c:pt idx="4713">
                  <c:v>0.2016</c:v>
                </c:pt>
                <c:pt idx="4714">
                  <c:v>0.18509999999999999</c:v>
                </c:pt>
                <c:pt idx="4715">
                  <c:v>0.16869999999999999</c:v>
                </c:pt>
                <c:pt idx="4716">
                  <c:v>0.17080000000000001</c:v>
                </c:pt>
                <c:pt idx="4717">
                  <c:v>0.17530000000000001</c:v>
                </c:pt>
                <c:pt idx="4718">
                  <c:v>0.18</c:v>
                </c:pt>
                <c:pt idx="4719">
                  <c:v>0.17910000000000001</c:v>
                </c:pt>
                <c:pt idx="4720">
                  <c:v>0.17480000000000001</c:v>
                </c:pt>
                <c:pt idx="4721">
                  <c:v>0.1789</c:v>
                </c:pt>
                <c:pt idx="4722">
                  <c:v>0.18379999999999999</c:v>
                </c:pt>
                <c:pt idx="4723">
                  <c:v>0.1938</c:v>
                </c:pt>
                <c:pt idx="4724">
                  <c:v>0.19969999999999999</c:v>
                </c:pt>
                <c:pt idx="4725">
                  <c:v>0.1976</c:v>
                </c:pt>
                <c:pt idx="4726">
                  <c:v>0.19089999999999999</c:v>
                </c:pt>
                <c:pt idx="4727">
                  <c:v>0.17330000000000001</c:v>
                </c:pt>
                <c:pt idx="4728">
                  <c:v>0.15</c:v>
                </c:pt>
                <c:pt idx="4729">
                  <c:v>0.14249999999999999</c:v>
                </c:pt>
                <c:pt idx="4730">
                  <c:v>0.1545</c:v>
                </c:pt>
                <c:pt idx="4731">
                  <c:v>0.17319999999999999</c:v>
                </c:pt>
                <c:pt idx="4732">
                  <c:v>0.18</c:v>
                </c:pt>
                <c:pt idx="4733">
                  <c:v>0.1807</c:v>
                </c:pt>
                <c:pt idx="4734">
                  <c:v>0.18329999999999999</c:v>
                </c:pt>
                <c:pt idx="4735">
                  <c:v>0.18909999999999999</c:v>
                </c:pt>
                <c:pt idx="4736">
                  <c:v>0.1928</c:v>
                </c:pt>
                <c:pt idx="4737">
                  <c:v>0.18659999999999999</c:v>
                </c:pt>
                <c:pt idx="4738">
                  <c:v>0.17879999999999999</c:v>
                </c:pt>
                <c:pt idx="4739">
                  <c:v>0.1633</c:v>
                </c:pt>
                <c:pt idx="4740">
                  <c:v>0.1419</c:v>
                </c:pt>
                <c:pt idx="4741">
                  <c:v>0.12909999999999999</c:v>
                </c:pt>
                <c:pt idx="4742">
                  <c:v>0.13500000000000001</c:v>
                </c:pt>
                <c:pt idx="4743">
                  <c:v>0.15229999999999999</c:v>
                </c:pt>
                <c:pt idx="4744">
                  <c:v>0.15759999999999999</c:v>
                </c:pt>
                <c:pt idx="4745">
                  <c:v>0.1479</c:v>
                </c:pt>
                <c:pt idx="4746">
                  <c:v>0.13450000000000001</c:v>
                </c:pt>
                <c:pt idx="4747">
                  <c:v>0.13439999999999999</c:v>
                </c:pt>
                <c:pt idx="4748">
                  <c:v>0.1318</c:v>
                </c:pt>
                <c:pt idx="4749">
                  <c:v>0.13439999999999999</c:v>
                </c:pt>
                <c:pt idx="4750">
                  <c:v>0.13589999999999999</c:v>
                </c:pt>
                <c:pt idx="4751">
                  <c:v>0.1406</c:v>
                </c:pt>
                <c:pt idx="4752">
                  <c:v>0.1482</c:v>
                </c:pt>
                <c:pt idx="4753">
                  <c:v>0.1547</c:v>
                </c:pt>
                <c:pt idx="4754">
                  <c:v>0.16009999999999999</c:v>
                </c:pt>
                <c:pt idx="4755">
                  <c:v>0.1608</c:v>
                </c:pt>
                <c:pt idx="4756">
                  <c:v>0.16489999999999999</c:v>
                </c:pt>
                <c:pt idx="4757">
                  <c:v>0.1741</c:v>
                </c:pt>
                <c:pt idx="4758">
                  <c:v>0.18240000000000001</c:v>
                </c:pt>
                <c:pt idx="4759">
                  <c:v>0.18720000000000001</c:v>
                </c:pt>
                <c:pt idx="4760">
                  <c:v>0.17799999999999999</c:v>
                </c:pt>
                <c:pt idx="4761">
                  <c:v>0.16</c:v>
                </c:pt>
                <c:pt idx="4762">
                  <c:v>0.1547</c:v>
                </c:pt>
                <c:pt idx="4763">
                  <c:v>0.17199999999999999</c:v>
                </c:pt>
                <c:pt idx="4764">
                  <c:v>0.18629999999999999</c:v>
                </c:pt>
                <c:pt idx="4765">
                  <c:v>0.1908</c:v>
                </c:pt>
                <c:pt idx="4766">
                  <c:v>0.18229999999999999</c:v>
                </c:pt>
                <c:pt idx="4767">
                  <c:v>0.18210000000000001</c:v>
                </c:pt>
                <c:pt idx="4768">
                  <c:v>0.17330000000000001</c:v>
                </c:pt>
                <c:pt idx="4769">
                  <c:v>0.16489999999999999</c:v>
                </c:pt>
                <c:pt idx="4770">
                  <c:v>0.16320000000000001</c:v>
                </c:pt>
                <c:pt idx="4771">
                  <c:v>0.1636</c:v>
                </c:pt>
                <c:pt idx="4772">
                  <c:v>0.16550000000000001</c:v>
                </c:pt>
                <c:pt idx="4773">
                  <c:v>0.15909999999999999</c:v>
                </c:pt>
                <c:pt idx="4774">
                  <c:v>0.1535</c:v>
                </c:pt>
                <c:pt idx="4775">
                  <c:v>0.14480000000000001</c:v>
                </c:pt>
                <c:pt idx="4776">
                  <c:v>0.1346</c:v>
                </c:pt>
                <c:pt idx="4777">
                  <c:v>0.1409</c:v>
                </c:pt>
                <c:pt idx="4778">
                  <c:v>0.14749999999999999</c:v>
                </c:pt>
                <c:pt idx="4779">
                  <c:v>0.15260000000000001</c:v>
                </c:pt>
                <c:pt idx="4780">
                  <c:v>0.16550000000000001</c:v>
                </c:pt>
                <c:pt idx="4781">
                  <c:v>0.17280000000000001</c:v>
                </c:pt>
                <c:pt idx="4782">
                  <c:v>0.17169999999999999</c:v>
                </c:pt>
                <c:pt idx="4783">
                  <c:v>0.1681</c:v>
                </c:pt>
                <c:pt idx="4784">
                  <c:v>0.16300000000000001</c:v>
                </c:pt>
                <c:pt idx="4785">
                  <c:v>0.1686</c:v>
                </c:pt>
                <c:pt idx="4786">
                  <c:v>0.1792</c:v>
                </c:pt>
                <c:pt idx="4787">
                  <c:v>0.19450000000000001</c:v>
                </c:pt>
                <c:pt idx="4788">
                  <c:v>0.2009</c:v>
                </c:pt>
                <c:pt idx="4789">
                  <c:v>0.2031</c:v>
                </c:pt>
                <c:pt idx="4790">
                  <c:v>0.19600000000000001</c:v>
                </c:pt>
                <c:pt idx="4791">
                  <c:v>0.1915</c:v>
                </c:pt>
                <c:pt idx="4792">
                  <c:v>0.18890000000000001</c:v>
                </c:pt>
                <c:pt idx="4793">
                  <c:v>0.17760000000000001</c:v>
                </c:pt>
                <c:pt idx="4794">
                  <c:v>0.16539999999999999</c:v>
                </c:pt>
                <c:pt idx="4795">
                  <c:v>0.15429999999999999</c:v>
                </c:pt>
                <c:pt idx="4796">
                  <c:v>0.15229999999999999</c:v>
                </c:pt>
                <c:pt idx="4797">
                  <c:v>0.15279999999999999</c:v>
                </c:pt>
                <c:pt idx="4798">
                  <c:v>0.1517</c:v>
                </c:pt>
                <c:pt idx="4799">
                  <c:v>0.13719999999999999</c:v>
                </c:pt>
                <c:pt idx="4800">
                  <c:v>0.1234</c:v>
                </c:pt>
                <c:pt idx="4801">
                  <c:v>0.1265</c:v>
                </c:pt>
                <c:pt idx="4802">
                  <c:v>0.14180000000000001</c:v>
                </c:pt>
                <c:pt idx="4803">
                  <c:v>0.1474</c:v>
                </c:pt>
                <c:pt idx="4804">
                  <c:v>0.15129999999999999</c:v>
                </c:pt>
                <c:pt idx="4805">
                  <c:v>0.16539999999999999</c:v>
                </c:pt>
                <c:pt idx="4806">
                  <c:v>0.1704</c:v>
                </c:pt>
                <c:pt idx="4807">
                  <c:v>0.16719999999999999</c:v>
                </c:pt>
                <c:pt idx="4808">
                  <c:v>0.16389999999999999</c:v>
                </c:pt>
                <c:pt idx="4809">
                  <c:v>0.16370000000000001</c:v>
                </c:pt>
                <c:pt idx="4810">
                  <c:v>0.17180000000000001</c:v>
                </c:pt>
                <c:pt idx="4811">
                  <c:v>0.18459999999999999</c:v>
                </c:pt>
                <c:pt idx="4812">
                  <c:v>0.1966</c:v>
                </c:pt>
                <c:pt idx="4813">
                  <c:v>0.20050000000000001</c:v>
                </c:pt>
                <c:pt idx="4814">
                  <c:v>0.1996</c:v>
                </c:pt>
                <c:pt idx="4815">
                  <c:v>0.2001</c:v>
                </c:pt>
                <c:pt idx="4816">
                  <c:v>0.19489999999999999</c:v>
                </c:pt>
                <c:pt idx="4817">
                  <c:v>0.19900000000000001</c:v>
                </c:pt>
                <c:pt idx="4818">
                  <c:v>0.2049</c:v>
                </c:pt>
                <c:pt idx="4819">
                  <c:v>0.18859999999999999</c:v>
                </c:pt>
                <c:pt idx="4820">
                  <c:v>0.1888</c:v>
                </c:pt>
                <c:pt idx="4821">
                  <c:v>0.1847</c:v>
                </c:pt>
                <c:pt idx="4822">
                  <c:v>0.19950000000000001</c:v>
                </c:pt>
                <c:pt idx="4823">
                  <c:v>0.2072</c:v>
                </c:pt>
                <c:pt idx="4824">
                  <c:v>0.21260000000000001</c:v>
                </c:pt>
                <c:pt idx="4825">
                  <c:v>0.21010000000000001</c:v>
                </c:pt>
                <c:pt idx="4826">
                  <c:v>0.20799999999999999</c:v>
                </c:pt>
                <c:pt idx="4827">
                  <c:v>0.20810000000000001</c:v>
                </c:pt>
                <c:pt idx="4828">
                  <c:v>0.19600000000000001</c:v>
                </c:pt>
                <c:pt idx="4829">
                  <c:v>0.17299999999999999</c:v>
                </c:pt>
                <c:pt idx="4830">
                  <c:v>0.16270000000000001</c:v>
                </c:pt>
                <c:pt idx="4831">
                  <c:v>0.16170000000000001</c:v>
                </c:pt>
                <c:pt idx="4832">
                  <c:v>0.16750000000000001</c:v>
                </c:pt>
                <c:pt idx="4833">
                  <c:v>0.17180000000000001</c:v>
                </c:pt>
                <c:pt idx="4834">
                  <c:v>0.1704</c:v>
                </c:pt>
                <c:pt idx="4835">
                  <c:v>0.17199999999999999</c:v>
                </c:pt>
                <c:pt idx="4836">
                  <c:v>0.16869999999999999</c:v>
                </c:pt>
                <c:pt idx="4837">
                  <c:v>0.16309999999999999</c:v>
                </c:pt>
                <c:pt idx="4838">
                  <c:v>0.15820000000000001</c:v>
                </c:pt>
                <c:pt idx="4839">
                  <c:v>0.17369999999999999</c:v>
                </c:pt>
                <c:pt idx="4840">
                  <c:v>0.19189999999999999</c:v>
                </c:pt>
                <c:pt idx="4841">
                  <c:v>0.19839999999999999</c:v>
                </c:pt>
                <c:pt idx="4842">
                  <c:v>0.2097</c:v>
                </c:pt>
                <c:pt idx="4843">
                  <c:v>0.2205</c:v>
                </c:pt>
                <c:pt idx="4844">
                  <c:v>0.21560000000000001</c:v>
                </c:pt>
                <c:pt idx="4845">
                  <c:v>0.21029999999999999</c:v>
                </c:pt>
                <c:pt idx="4846">
                  <c:v>0.20169999999999999</c:v>
                </c:pt>
                <c:pt idx="4847">
                  <c:v>0.19570000000000001</c:v>
                </c:pt>
                <c:pt idx="4848">
                  <c:v>0.19620000000000001</c:v>
                </c:pt>
                <c:pt idx="4849">
                  <c:v>0.2104</c:v>
                </c:pt>
                <c:pt idx="4850">
                  <c:v>0.22389999999999999</c:v>
                </c:pt>
                <c:pt idx="4851">
                  <c:v>0.23069999999999999</c:v>
                </c:pt>
                <c:pt idx="4852">
                  <c:v>0.2114</c:v>
                </c:pt>
                <c:pt idx="4853">
                  <c:v>0.19850000000000001</c:v>
                </c:pt>
                <c:pt idx="4854">
                  <c:v>0.19670000000000001</c:v>
                </c:pt>
                <c:pt idx="4855">
                  <c:v>0.19109999999999999</c:v>
                </c:pt>
                <c:pt idx="4856">
                  <c:v>0.20050000000000001</c:v>
                </c:pt>
                <c:pt idx="4857">
                  <c:v>0.21560000000000001</c:v>
                </c:pt>
                <c:pt idx="4858">
                  <c:v>0.21959999999999999</c:v>
                </c:pt>
                <c:pt idx="4859">
                  <c:v>0.23039999999999999</c:v>
                </c:pt>
                <c:pt idx="4860">
                  <c:v>0.2356</c:v>
                </c:pt>
                <c:pt idx="4861">
                  <c:v>0.23430000000000001</c:v>
                </c:pt>
                <c:pt idx="4862">
                  <c:v>0.2278</c:v>
                </c:pt>
                <c:pt idx="4863">
                  <c:v>0.2266</c:v>
                </c:pt>
                <c:pt idx="4864">
                  <c:v>0.21079999999999999</c:v>
                </c:pt>
                <c:pt idx="4865">
                  <c:v>0.187</c:v>
                </c:pt>
                <c:pt idx="4866">
                  <c:v>0.16839999999999999</c:v>
                </c:pt>
                <c:pt idx="4867">
                  <c:v>0.16969999999999999</c:v>
                </c:pt>
                <c:pt idx="4868">
                  <c:v>0.17</c:v>
                </c:pt>
                <c:pt idx="4869">
                  <c:v>0.1716</c:v>
                </c:pt>
                <c:pt idx="4870">
                  <c:v>0.16950000000000001</c:v>
                </c:pt>
                <c:pt idx="4871">
                  <c:v>0.16209999999999999</c:v>
                </c:pt>
                <c:pt idx="4872">
                  <c:v>0.1653</c:v>
                </c:pt>
                <c:pt idx="4873">
                  <c:v>0.1797</c:v>
                </c:pt>
                <c:pt idx="4874">
                  <c:v>0.1973</c:v>
                </c:pt>
                <c:pt idx="4875">
                  <c:v>0.21029999999999999</c:v>
                </c:pt>
                <c:pt idx="4876">
                  <c:v>0.21199999999999999</c:v>
                </c:pt>
                <c:pt idx="4877">
                  <c:v>0.21640000000000001</c:v>
                </c:pt>
                <c:pt idx="4878">
                  <c:v>0.20610000000000001</c:v>
                </c:pt>
                <c:pt idx="4879">
                  <c:v>0.1986</c:v>
                </c:pt>
                <c:pt idx="4880">
                  <c:v>0.19750000000000001</c:v>
                </c:pt>
                <c:pt idx="4881">
                  <c:v>0.19259999999999999</c:v>
                </c:pt>
                <c:pt idx="4882">
                  <c:v>0.19550000000000001</c:v>
                </c:pt>
                <c:pt idx="4883">
                  <c:v>0.2054</c:v>
                </c:pt>
                <c:pt idx="4884">
                  <c:v>0.2185</c:v>
                </c:pt>
                <c:pt idx="4885">
                  <c:v>0.23</c:v>
                </c:pt>
                <c:pt idx="4886">
                  <c:v>0.24490000000000001</c:v>
                </c:pt>
                <c:pt idx="4887">
                  <c:v>0.24970000000000001</c:v>
                </c:pt>
                <c:pt idx="4888">
                  <c:v>0.2475</c:v>
                </c:pt>
                <c:pt idx="4889">
                  <c:v>0.25009999999999999</c:v>
                </c:pt>
                <c:pt idx="4890">
                  <c:v>0.22559999999999999</c:v>
                </c:pt>
                <c:pt idx="4891">
                  <c:v>0.20530000000000001</c:v>
                </c:pt>
                <c:pt idx="4892">
                  <c:v>0.19769999999999999</c:v>
                </c:pt>
                <c:pt idx="4893">
                  <c:v>0.18290000000000001</c:v>
                </c:pt>
                <c:pt idx="4894">
                  <c:v>0.17349999999999999</c:v>
                </c:pt>
                <c:pt idx="4895">
                  <c:v>0.16200000000000001</c:v>
                </c:pt>
                <c:pt idx="4896">
                  <c:v>0.1578</c:v>
                </c:pt>
                <c:pt idx="4897">
                  <c:v>0.15129999999999999</c:v>
                </c:pt>
                <c:pt idx="4898">
                  <c:v>0.1459</c:v>
                </c:pt>
                <c:pt idx="4899">
                  <c:v>0.152</c:v>
                </c:pt>
                <c:pt idx="4900">
                  <c:v>0.15620000000000001</c:v>
                </c:pt>
                <c:pt idx="4901">
                  <c:v>0.15740000000000001</c:v>
                </c:pt>
                <c:pt idx="4902">
                  <c:v>0.15490000000000001</c:v>
                </c:pt>
                <c:pt idx="4903">
                  <c:v>0.16200000000000001</c:v>
                </c:pt>
                <c:pt idx="4904">
                  <c:v>0.16900000000000001</c:v>
                </c:pt>
                <c:pt idx="4905">
                  <c:v>0.1852</c:v>
                </c:pt>
                <c:pt idx="4906">
                  <c:v>0.19339999999999999</c:v>
                </c:pt>
                <c:pt idx="4907">
                  <c:v>0.19</c:v>
                </c:pt>
                <c:pt idx="4908">
                  <c:v>0.1774</c:v>
                </c:pt>
                <c:pt idx="4909">
                  <c:v>0.16969999999999999</c:v>
                </c:pt>
                <c:pt idx="4910">
                  <c:v>0.16320000000000001</c:v>
                </c:pt>
                <c:pt idx="4911">
                  <c:v>0.15440000000000001</c:v>
                </c:pt>
                <c:pt idx="4912">
                  <c:v>0.14960000000000001</c:v>
                </c:pt>
                <c:pt idx="4913">
                  <c:v>0.15029999999999999</c:v>
                </c:pt>
                <c:pt idx="4914">
                  <c:v>0.14680000000000001</c:v>
                </c:pt>
                <c:pt idx="4915">
                  <c:v>0.14560000000000001</c:v>
                </c:pt>
                <c:pt idx="4916">
                  <c:v>0.1399</c:v>
                </c:pt>
                <c:pt idx="4917">
                  <c:v>0.1497</c:v>
                </c:pt>
                <c:pt idx="4918">
                  <c:v>0.1525</c:v>
                </c:pt>
                <c:pt idx="4919">
                  <c:v>0.16259999999999999</c:v>
                </c:pt>
                <c:pt idx="4920">
                  <c:v>0.1696</c:v>
                </c:pt>
                <c:pt idx="4921">
                  <c:v>0.17030000000000001</c:v>
                </c:pt>
                <c:pt idx="4922">
                  <c:v>0.1721</c:v>
                </c:pt>
                <c:pt idx="4923">
                  <c:v>0.17230000000000001</c:v>
                </c:pt>
                <c:pt idx="4924">
                  <c:v>0.1676</c:v>
                </c:pt>
                <c:pt idx="4925">
                  <c:v>0.16159999999999999</c:v>
                </c:pt>
                <c:pt idx="4926">
                  <c:v>0.1588</c:v>
                </c:pt>
                <c:pt idx="4927">
                  <c:v>0.1588</c:v>
                </c:pt>
                <c:pt idx="4928">
                  <c:v>0.15529999999999999</c:v>
                </c:pt>
                <c:pt idx="4929">
                  <c:v>0.1469</c:v>
                </c:pt>
                <c:pt idx="4930">
                  <c:v>0.1419</c:v>
                </c:pt>
                <c:pt idx="4931">
                  <c:v>0.1376</c:v>
                </c:pt>
                <c:pt idx="4932">
                  <c:v>0.13170000000000001</c:v>
                </c:pt>
                <c:pt idx="4933">
                  <c:v>0.13469999999999999</c:v>
                </c:pt>
                <c:pt idx="4934">
                  <c:v>0.14069999999999999</c:v>
                </c:pt>
                <c:pt idx="4935">
                  <c:v>0.15890000000000001</c:v>
                </c:pt>
                <c:pt idx="4936">
                  <c:v>0.18390000000000001</c:v>
                </c:pt>
                <c:pt idx="4937">
                  <c:v>0.18759999999999999</c:v>
                </c:pt>
                <c:pt idx="4938">
                  <c:v>0.1769</c:v>
                </c:pt>
                <c:pt idx="4939">
                  <c:v>0.17219999999999999</c:v>
                </c:pt>
                <c:pt idx="4940">
                  <c:v>0.15859999999999999</c:v>
                </c:pt>
                <c:pt idx="4941">
                  <c:v>0.1535</c:v>
                </c:pt>
                <c:pt idx="4942">
                  <c:v>0.15379999999999999</c:v>
                </c:pt>
                <c:pt idx="4943">
                  <c:v>0.15859999999999999</c:v>
                </c:pt>
                <c:pt idx="4944">
                  <c:v>0.16689999999999999</c:v>
                </c:pt>
                <c:pt idx="4945">
                  <c:v>0.1714</c:v>
                </c:pt>
                <c:pt idx="4946">
                  <c:v>0.1764</c:v>
                </c:pt>
                <c:pt idx="4947">
                  <c:v>0.17979999999999999</c:v>
                </c:pt>
                <c:pt idx="4948">
                  <c:v>0.17829999999999999</c:v>
                </c:pt>
                <c:pt idx="4949">
                  <c:v>0.1711</c:v>
                </c:pt>
                <c:pt idx="4950">
                  <c:v>0.15609999999999999</c:v>
                </c:pt>
                <c:pt idx="4951">
                  <c:v>0.15</c:v>
                </c:pt>
                <c:pt idx="4952">
                  <c:v>0.15870000000000001</c:v>
                </c:pt>
                <c:pt idx="4953">
                  <c:v>0.16250000000000001</c:v>
                </c:pt>
                <c:pt idx="4954">
                  <c:v>0.16569999999999999</c:v>
                </c:pt>
                <c:pt idx="4955">
                  <c:v>0.16830000000000001</c:v>
                </c:pt>
                <c:pt idx="4956">
                  <c:v>0.1754</c:v>
                </c:pt>
                <c:pt idx="4957">
                  <c:v>0.17899999999999999</c:v>
                </c:pt>
                <c:pt idx="4958">
                  <c:v>0.18540000000000001</c:v>
                </c:pt>
                <c:pt idx="4959">
                  <c:v>0.18659999999999999</c:v>
                </c:pt>
                <c:pt idx="4960">
                  <c:v>0.18509999999999999</c:v>
                </c:pt>
                <c:pt idx="4961">
                  <c:v>0.19450000000000001</c:v>
                </c:pt>
                <c:pt idx="4962">
                  <c:v>0.1981</c:v>
                </c:pt>
                <c:pt idx="4963">
                  <c:v>0.19700000000000001</c:v>
                </c:pt>
                <c:pt idx="4964">
                  <c:v>0.18959999999999999</c:v>
                </c:pt>
                <c:pt idx="4965">
                  <c:v>0.1973</c:v>
                </c:pt>
                <c:pt idx="4966">
                  <c:v>0.20349999999999999</c:v>
                </c:pt>
                <c:pt idx="4967">
                  <c:v>0.20050000000000001</c:v>
                </c:pt>
                <c:pt idx="4968">
                  <c:v>0.20300000000000001</c:v>
                </c:pt>
                <c:pt idx="4969">
                  <c:v>0.22189999999999999</c:v>
                </c:pt>
                <c:pt idx="4970">
                  <c:v>0.23019999999999999</c:v>
                </c:pt>
                <c:pt idx="4971">
                  <c:v>0.2223</c:v>
                </c:pt>
                <c:pt idx="4972">
                  <c:v>0.2089</c:v>
                </c:pt>
                <c:pt idx="4973">
                  <c:v>0.18859999999999999</c:v>
                </c:pt>
                <c:pt idx="4974">
                  <c:v>0.1789</c:v>
                </c:pt>
                <c:pt idx="4975">
                  <c:v>0.19980000000000001</c:v>
                </c:pt>
                <c:pt idx="4976">
                  <c:v>0.18959999999999999</c:v>
                </c:pt>
                <c:pt idx="4977">
                  <c:v>0.17979999999999999</c:v>
                </c:pt>
                <c:pt idx="4978">
                  <c:v>0.1867</c:v>
                </c:pt>
                <c:pt idx="4979">
                  <c:v>0.19189999999999999</c:v>
                </c:pt>
                <c:pt idx="4980">
                  <c:v>0.1903</c:v>
                </c:pt>
                <c:pt idx="4981">
                  <c:v>0.1905</c:v>
                </c:pt>
                <c:pt idx="4982">
                  <c:v>0.18809999999999999</c:v>
                </c:pt>
                <c:pt idx="4983">
                  <c:v>0.18870000000000001</c:v>
                </c:pt>
                <c:pt idx="4984">
                  <c:v>0.18920000000000001</c:v>
                </c:pt>
                <c:pt idx="4985">
                  <c:v>0.18529999999999999</c:v>
                </c:pt>
                <c:pt idx="4986">
                  <c:v>0.17580000000000001</c:v>
                </c:pt>
                <c:pt idx="4987">
                  <c:v>0.16320000000000001</c:v>
                </c:pt>
                <c:pt idx="4988">
                  <c:v>0.15140000000000001</c:v>
                </c:pt>
                <c:pt idx="4989">
                  <c:v>0.14199999999999999</c:v>
                </c:pt>
                <c:pt idx="4990">
                  <c:v>0.1371</c:v>
                </c:pt>
                <c:pt idx="4991">
                  <c:v>0.13039999999999999</c:v>
                </c:pt>
                <c:pt idx="4992">
                  <c:v>0.12920000000000001</c:v>
                </c:pt>
                <c:pt idx="4993">
                  <c:v>0.1216</c:v>
                </c:pt>
                <c:pt idx="4994">
                  <c:v>0.1113</c:v>
                </c:pt>
                <c:pt idx="4995">
                  <c:v>0.1043</c:v>
                </c:pt>
                <c:pt idx="4996">
                  <c:v>9.4200000000000006E-2</c:v>
                </c:pt>
                <c:pt idx="4997">
                  <c:v>9.1800000000000007E-2</c:v>
                </c:pt>
                <c:pt idx="4998">
                  <c:v>9.2299999999999993E-2</c:v>
                </c:pt>
                <c:pt idx="4999">
                  <c:v>8.5300000000000001E-2</c:v>
                </c:pt>
                <c:pt idx="5000">
                  <c:v>8.5000000000000006E-2</c:v>
                </c:pt>
                <c:pt idx="5001">
                  <c:v>8.4099999999999994E-2</c:v>
                </c:pt>
                <c:pt idx="5002">
                  <c:v>8.6099999999999996E-2</c:v>
                </c:pt>
                <c:pt idx="5003">
                  <c:v>8.6800000000000002E-2</c:v>
                </c:pt>
                <c:pt idx="5004">
                  <c:v>8.1500000000000003E-2</c:v>
                </c:pt>
                <c:pt idx="5005">
                  <c:v>8.5999999999999993E-2</c:v>
                </c:pt>
                <c:pt idx="5006">
                  <c:v>9.7900000000000001E-2</c:v>
                </c:pt>
                <c:pt idx="5007">
                  <c:v>0.1041</c:v>
                </c:pt>
                <c:pt idx="5008">
                  <c:v>9.9500000000000005E-2</c:v>
                </c:pt>
                <c:pt idx="5009">
                  <c:v>9.8900000000000002E-2</c:v>
                </c:pt>
                <c:pt idx="5010">
                  <c:v>9.9099999999999994E-2</c:v>
                </c:pt>
                <c:pt idx="5011">
                  <c:v>9.8599999999999993E-2</c:v>
                </c:pt>
                <c:pt idx="5012">
                  <c:v>9.8000000000000004E-2</c:v>
                </c:pt>
                <c:pt idx="5013">
                  <c:v>9.4799999999999995E-2</c:v>
                </c:pt>
                <c:pt idx="5014">
                  <c:v>9.1300000000000006E-2</c:v>
                </c:pt>
                <c:pt idx="5015">
                  <c:v>9.4399999999999998E-2</c:v>
                </c:pt>
                <c:pt idx="5016">
                  <c:v>0.10489999999999999</c:v>
                </c:pt>
                <c:pt idx="5017">
                  <c:v>0.1087</c:v>
                </c:pt>
                <c:pt idx="5018">
                  <c:v>0.10979999999999999</c:v>
                </c:pt>
                <c:pt idx="5019">
                  <c:v>0.10879999999999999</c:v>
                </c:pt>
                <c:pt idx="5020">
                  <c:v>0.1086</c:v>
                </c:pt>
                <c:pt idx="5021">
                  <c:v>0.111</c:v>
                </c:pt>
                <c:pt idx="5022">
                  <c:v>0.10970000000000001</c:v>
                </c:pt>
                <c:pt idx="5023">
                  <c:v>0.1137</c:v>
                </c:pt>
                <c:pt idx="5024">
                  <c:v>0.11609999999999999</c:v>
                </c:pt>
                <c:pt idx="5025">
                  <c:v>0.11899999999999999</c:v>
                </c:pt>
                <c:pt idx="5026">
                  <c:v>0.1188</c:v>
                </c:pt>
                <c:pt idx="5027">
                  <c:v>0.1173</c:v>
                </c:pt>
                <c:pt idx="5028">
                  <c:v>0.1192</c:v>
                </c:pt>
                <c:pt idx="5029">
                  <c:v>0.11940000000000001</c:v>
                </c:pt>
                <c:pt idx="5030">
                  <c:v>0.11070000000000001</c:v>
                </c:pt>
                <c:pt idx="5031">
                  <c:v>9.8199999999999996E-2</c:v>
                </c:pt>
                <c:pt idx="5032">
                  <c:v>9.3200000000000005E-2</c:v>
                </c:pt>
                <c:pt idx="5033">
                  <c:v>9.9400000000000002E-2</c:v>
                </c:pt>
                <c:pt idx="5034">
                  <c:v>9.3100000000000002E-2</c:v>
                </c:pt>
                <c:pt idx="5035">
                  <c:v>9.7500000000000003E-2</c:v>
                </c:pt>
                <c:pt idx="5036">
                  <c:v>0.1172</c:v>
                </c:pt>
                <c:pt idx="5037">
                  <c:v>0.13200000000000001</c:v>
                </c:pt>
                <c:pt idx="5038">
                  <c:v>0.1361</c:v>
                </c:pt>
                <c:pt idx="5039">
                  <c:v>0.14369999999999999</c:v>
                </c:pt>
                <c:pt idx="5040">
                  <c:v>0.14799999999999999</c:v>
                </c:pt>
                <c:pt idx="5041">
                  <c:v>0.15190000000000001</c:v>
                </c:pt>
                <c:pt idx="5042">
                  <c:v>0.1527</c:v>
                </c:pt>
                <c:pt idx="5043">
                  <c:v>0.15090000000000001</c:v>
                </c:pt>
                <c:pt idx="5044">
                  <c:v>0.1479</c:v>
                </c:pt>
                <c:pt idx="5045">
                  <c:v>0.15340000000000001</c:v>
                </c:pt>
                <c:pt idx="5046">
                  <c:v>0.15609999999999999</c:v>
                </c:pt>
                <c:pt idx="5047">
                  <c:v>0.14729999999999999</c:v>
                </c:pt>
                <c:pt idx="5048">
                  <c:v>0.13550000000000001</c:v>
                </c:pt>
                <c:pt idx="5049">
                  <c:v>0.12379999999999999</c:v>
                </c:pt>
                <c:pt idx="5050">
                  <c:v>0.11260000000000001</c:v>
                </c:pt>
                <c:pt idx="5051">
                  <c:v>0.1062</c:v>
                </c:pt>
                <c:pt idx="5052">
                  <c:v>0.10150000000000001</c:v>
                </c:pt>
                <c:pt idx="5053">
                  <c:v>0.1069</c:v>
                </c:pt>
                <c:pt idx="5054">
                  <c:v>0.1134</c:v>
                </c:pt>
                <c:pt idx="5055">
                  <c:v>0.1148</c:v>
                </c:pt>
                <c:pt idx="5056">
                  <c:v>0.1179</c:v>
                </c:pt>
                <c:pt idx="5057">
                  <c:v>0.13120000000000001</c:v>
                </c:pt>
                <c:pt idx="5058">
                  <c:v>0.14349999999999999</c:v>
                </c:pt>
                <c:pt idx="5059">
                  <c:v>0.14269999999999999</c:v>
                </c:pt>
                <c:pt idx="5060">
                  <c:v>0.1411</c:v>
                </c:pt>
                <c:pt idx="5061">
                  <c:v>0.1447</c:v>
                </c:pt>
                <c:pt idx="5062">
                  <c:v>0.1545</c:v>
                </c:pt>
                <c:pt idx="5063">
                  <c:v>0.1648</c:v>
                </c:pt>
                <c:pt idx="5064">
                  <c:v>0.1774</c:v>
                </c:pt>
                <c:pt idx="5065">
                  <c:v>0.18629999999999999</c:v>
                </c:pt>
                <c:pt idx="5066">
                  <c:v>0.18060000000000001</c:v>
                </c:pt>
                <c:pt idx="5067">
                  <c:v>0.16830000000000001</c:v>
                </c:pt>
                <c:pt idx="5068">
                  <c:v>0.1588</c:v>
                </c:pt>
                <c:pt idx="5069">
                  <c:v>0.14729999999999999</c:v>
                </c:pt>
                <c:pt idx="5070">
                  <c:v>0.15490000000000001</c:v>
                </c:pt>
                <c:pt idx="5071">
                  <c:v>0.153</c:v>
                </c:pt>
                <c:pt idx="5072">
                  <c:v>0.1492</c:v>
                </c:pt>
                <c:pt idx="5073">
                  <c:v>0.1464</c:v>
                </c:pt>
                <c:pt idx="5074">
                  <c:v>0.1462</c:v>
                </c:pt>
                <c:pt idx="5075">
                  <c:v>0.14710000000000001</c:v>
                </c:pt>
                <c:pt idx="5076">
                  <c:v>0.1449</c:v>
                </c:pt>
                <c:pt idx="5077">
                  <c:v>0.14949999999999999</c:v>
                </c:pt>
                <c:pt idx="5078">
                  <c:v>0.1522</c:v>
                </c:pt>
                <c:pt idx="5079">
                  <c:v>0.1424</c:v>
                </c:pt>
                <c:pt idx="5080">
                  <c:v>0.13689999999999999</c:v>
                </c:pt>
                <c:pt idx="5081">
                  <c:v>0.13120000000000001</c:v>
                </c:pt>
                <c:pt idx="5082">
                  <c:v>0.13220000000000001</c:v>
                </c:pt>
                <c:pt idx="5083">
                  <c:v>0.15079999999999999</c:v>
                </c:pt>
                <c:pt idx="5084">
                  <c:v>0.1638</c:v>
                </c:pt>
                <c:pt idx="5085">
                  <c:v>0.16900000000000001</c:v>
                </c:pt>
                <c:pt idx="5086">
                  <c:v>0.1653</c:v>
                </c:pt>
                <c:pt idx="5087">
                  <c:v>0.15440000000000001</c:v>
                </c:pt>
                <c:pt idx="5088">
                  <c:v>0.14710000000000001</c:v>
                </c:pt>
                <c:pt idx="5089">
                  <c:v>0.1487</c:v>
                </c:pt>
                <c:pt idx="5090">
                  <c:v>0.15010000000000001</c:v>
                </c:pt>
                <c:pt idx="5091">
                  <c:v>0.1474</c:v>
                </c:pt>
                <c:pt idx="5092">
                  <c:v>0.14249999999999999</c:v>
                </c:pt>
                <c:pt idx="5093">
                  <c:v>0.13969999999999999</c:v>
                </c:pt>
                <c:pt idx="5094">
                  <c:v>0.1522</c:v>
                </c:pt>
                <c:pt idx="5095">
                  <c:v>0.16550000000000001</c:v>
                </c:pt>
                <c:pt idx="5096">
                  <c:v>0.1741</c:v>
                </c:pt>
                <c:pt idx="5097">
                  <c:v>0.1709</c:v>
                </c:pt>
                <c:pt idx="5098">
                  <c:v>0.16819999999999999</c:v>
                </c:pt>
                <c:pt idx="5099">
                  <c:v>0.17280000000000001</c:v>
                </c:pt>
                <c:pt idx="5100">
                  <c:v>0.16880000000000001</c:v>
                </c:pt>
                <c:pt idx="5101">
                  <c:v>0.17050000000000001</c:v>
                </c:pt>
                <c:pt idx="5102">
                  <c:v>0.18759999999999999</c:v>
                </c:pt>
                <c:pt idx="5103">
                  <c:v>0.20080000000000001</c:v>
                </c:pt>
                <c:pt idx="5104">
                  <c:v>0.19109999999999999</c:v>
                </c:pt>
                <c:pt idx="5105">
                  <c:v>0.16880000000000001</c:v>
                </c:pt>
                <c:pt idx="5106">
                  <c:v>0.17780000000000001</c:v>
                </c:pt>
                <c:pt idx="5107">
                  <c:v>0.20069999999999999</c:v>
                </c:pt>
                <c:pt idx="5108">
                  <c:v>0.20100000000000001</c:v>
                </c:pt>
                <c:pt idx="5109">
                  <c:v>0.19170000000000001</c:v>
                </c:pt>
                <c:pt idx="5110">
                  <c:v>0.18279999999999999</c:v>
                </c:pt>
                <c:pt idx="5111">
                  <c:v>0.16950000000000001</c:v>
                </c:pt>
                <c:pt idx="5112">
                  <c:v>0.1598</c:v>
                </c:pt>
                <c:pt idx="5113">
                  <c:v>0.16350000000000001</c:v>
                </c:pt>
                <c:pt idx="5114">
                  <c:v>0.16189999999999999</c:v>
                </c:pt>
                <c:pt idx="5115">
                  <c:v>0.16120000000000001</c:v>
                </c:pt>
                <c:pt idx="5116">
                  <c:v>0.16350000000000001</c:v>
                </c:pt>
                <c:pt idx="5117">
                  <c:v>0.158</c:v>
                </c:pt>
                <c:pt idx="5118">
                  <c:v>0.13800000000000001</c:v>
                </c:pt>
                <c:pt idx="5119">
                  <c:v>0.12989999999999999</c:v>
                </c:pt>
                <c:pt idx="5120">
                  <c:v>0.122</c:v>
                </c:pt>
                <c:pt idx="5121">
                  <c:v>0.1182</c:v>
                </c:pt>
                <c:pt idx="5122">
                  <c:v>0.1137</c:v>
                </c:pt>
                <c:pt idx="5123">
                  <c:v>0.1091</c:v>
                </c:pt>
                <c:pt idx="5124">
                  <c:v>0.1065</c:v>
                </c:pt>
                <c:pt idx="5125">
                  <c:v>0.1103</c:v>
                </c:pt>
                <c:pt idx="5126">
                  <c:v>0.11840000000000001</c:v>
                </c:pt>
                <c:pt idx="5127">
                  <c:v>0.1186</c:v>
                </c:pt>
                <c:pt idx="5128">
                  <c:v>0.1167</c:v>
                </c:pt>
                <c:pt idx="5129">
                  <c:v>0.1212</c:v>
                </c:pt>
                <c:pt idx="5130">
                  <c:v>0.1305</c:v>
                </c:pt>
                <c:pt idx="5131">
                  <c:v>0.1295</c:v>
                </c:pt>
                <c:pt idx="5132">
                  <c:v>0.13800000000000001</c:v>
                </c:pt>
                <c:pt idx="5133">
                  <c:v>0.1464</c:v>
                </c:pt>
                <c:pt idx="5134">
                  <c:v>0.14219999999999999</c:v>
                </c:pt>
                <c:pt idx="5135">
                  <c:v>0.13719999999999999</c:v>
                </c:pt>
                <c:pt idx="5136">
                  <c:v>0.1381</c:v>
                </c:pt>
                <c:pt idx="5137">
                  <c:v>0.13339999999999999</c:v>
                </c:pt>
                <c:pt idx="5138">
                  <c:v>0.1268</c:v>
                </c:pt>
                <c:pt idx="5139">
                  <c:v>0.1231</c:v>
                </c:pt>
                <c:pt idx="5140">
                  <c:v>0.1192</c:v>
                </c:pt>
                <c:pt idx="5141">
                  <c:v>0.1154</c:v>
                </c:pt>
                <c:pt idx="5142">
                  <c:v>0.1128</c:v>
                </c:pt>
                <c:pt idx="5143">
                  <c:v>0.1082</c:v>
                </c:pt>
                <c:pt idx="5144">
                  <c:v>0.1114</c:v>
                </c:pt>
                <c:pt idx="5145">
                  <c:v>0.1119</c:v>
                </c:pt>
                <c:pt idx="5146">
                  <c:v>0.11799999999999999</c:v>
                </c:pt>
                <c:pt idx="5147">
                  <c:v>0.12939999999999999</c:v>
                </c:pt>
                <c:pt idx="5148">
                  <c:v>0.14019999999999999</c:v>
                </c:pt>
                <c:pt idx="5149">
                  <c:v>0.14580000000000001</c:v>
                </c:pt>
                <c:pt idx="5150">
                  <c:v>0.1512</c:v>
                </c:pt>
                <c:pt idx="5151">
                  <c:v>0.15010000000000001</c:v>
                </c:pt>
                <c:pt idx="5152">
                  <c:v>0.14549999999999999</c:v>
                </c:pt>
                <c:pt idx="5153">
                  <c:v>0.14000000000000001</c:v>
                </c:pt>
                <c:pt idx="5154">
                  <c:v>0.1371</c:v>
                </c:pt>
                <c:pt idx="5155">
                  <c:v>0.13930000000000001</c:v>
                </c:pt>
                <c:pt idx="5156">
                  <c:v>0.14019999999999999</c:v>
                </c:pt>
                <c:pt idx="5157">
                  <c:v>0.1426</c:v>
                </c:pt>
                <c:pt idx="5158">
                  <c:v>0.15409999999999999</c:v>
                </c:pt>
                <c:pt idx="5159">
                  <c:v>0.1711</c:v>
                </c:pt>
                <c:pt idx="5160">
                  <c:v>0.1772</c:v>
                </c:pt>
                <c:pt idx="5161">
                  <c:v>0.1772</c:v>
                </c:pt>
                <c:pt idx="5162">
                  <c:v>0.17430000000000001</c:v>
                </c:pt>
                <c:pt idx="5163">
                  <c:v>0.1653</c:v>
                </c:pt>
                <c:pt idx="5164">
                  <c:v>0.16470000000000001</c:v>
                </c:pt>
                <c:pt idx="5165">
                  <c:v>0.15859999999999999</c:v>
                </c:pt>
                <c:pt idx="5166">
                  <c:v>0.1618</c:v>
                </c:pt>
                <c:pt idx="5167">
                  <c:v>0.16139999999999999</c:v>
                </c:pt>
                <c:pt idx="5168">
                  <c:v>0.1658</c:v>
                </c:pt>
                <c:pt idx="5169">
                  <c:v>0.16120000000000001</c:v>
                </c:pt>
                <c:pt idx="5170">
                  <c:v>0.14899999999999999</c:v>
                </c:pt>
                <c:pt idx="5171">
                  <c:v>0.14180000000000001</c:v>
                </c:pt>
                <c:pt idx="5172">
                  <c:v>0.13350000000000001</c:v>
                </c:pt>
                <c:pt idx="5173">
                  <c:v>0.1242</c:v>
                </c:pt>
                <c:pt idx="5174">
                  <c:v>0.109</c:v>
                </c:pt>
                <c:pt idx="5175">
                  <c:v>0.1042</c:v>
                </c:pt>
                <c:pt idx="5176">
                  <c:v>0.10630000000000001</c:v>
                </c:pt>
                <c:pt idx="5177">
                  <c:v>0.115</c:v>
                </c:pt>
                <c:pt idx="5178">
                  <c:v>0.1191</c:v>
                </c:pt>
                <c:pt idx="5179">
                  <c:v>0.1226</c:v>
                </c:pt>
                <c:pt idx="5180">
                  <c:v>0.12939999999999999</c:v>
                </c:pt>
                <c:pt idx="5181">
                  <c:v>0.1323</c:v>
                </c:pt>
                <c:pt idx="5182">
                  <c:v>0.14080000000000001</c:v>
                </c:pt>
                <c:pt idx="5183">
                  <c:v>0.1429</c:v>
                </c:pt>
                <c:pt idx="5184">
                  <c:v>0.14069999999999999</c:v>
                </c:pt>
                <c:pt idx="5185">
                  <c:v>0.1444</c:v>
                </c:pt>
                <c:pt idx="5186">
                  <c:v>0.14910000000000001</c:v>
                </c:pt>
                <c:pt idx="5187">
                  <c:v>0.14810000000000001</c:v>
                </c:pt>
                <c:pt idx="5188">
                  <c:v>0.14149999999999999</c:v>
                </c:pt>
                <c:pt idx="5189">
                  <c:v>0.126</c:v>
                </c:pt>
                <c:pt idx="5190">
                  <c:v>0.1145</c:v>
                </c:pt>
                <c:pt idx="5191">
                  <c:v>0.1074</c:v>
                </c:pt>
                <c:pt idx="5192">
                  <c:v>0.1085</c:v>
                </c:pt>
                <c:pt idx="5193">
                  <c:v>0.11749999999999999</c:v>
                </c:pt>
                <c:pt idx="5194">
                  <c:v>0.13150000000000001</c:v>
                </c:pt>
                <c:pt idx="5195">
                  <c:v>0.1328</c:v>
                </c:pt>
                <c:pt idx="5196">
                  <c:v>0.13020000000000001</c:v>
                </c:pt>
                <c:pt idx="5197">
                  <c:v>0.1288</c:v>
                </c:pt>
                <c:pt idx="5198">
                  <c:v>0.12470000000000001</c:v>
                </c:pt>
                <c:pt idx="5199">
                  <c:v>0.11890000000000001</c:v>
                </c:pt>
                <c:pt idx="5200">
                  <c:v>0.107</c:v>
                </c:pt>
                <c:pt idx="5201">
                  <c:v>0.1013</c:v>
                </c:pt>
                <c:pt idx="5202">
                  <c:v>0.11020000000000001</c:v>
                </c:pt>
                <c:pt idx="5203">
                  <c:v>0.13270000000000001</c:v>
                </c:pt>
                <c:pt idx="5204">
                  <c:v>0.1585</c:v>
                </c:pt>
                <c:pt idx="5205">
                  <c:v>0.1731</c:v>
                </c:pt>
                <c:pt idx="5206">
                  <c:v>0.1736</c:v>
                </c:pt>
                <c:pt idx="5207">
                  <c:v>0.1686</c:v>
                </c:pt>
                <c:pt idx="5208">
                  <c:v>0.1636</c:v>
                </c:pt>
                <c:pt idx="5209">
                  <c:v>0.1628</c:v>
                </c:pt>
                <c:pt idx="5210">
                  <c:v>0.16300000000000001</c:v>
                </c:pt>
                <c:pt idx="5211">
                  <c:v>0.16650000000000001</c:v>
                </c:pt>
                <c:pt idx="5212">
                  <c:v>0.1663</c:v>
                </c:pt>
                <c:pt idx="5213">
                  <c:v>0.16639999999999999</c:v>
                </c:pt>
                <c:pt idx="5214">
                  <c:v>0.16539999999999999</c:v>
                </c:pt>
                <c:pt idx="5215">
                  <c:v>0.16300000000000001</c:v>
                </c:pt>
                <c:pt idx="5216">
                  <c:v>0.16189999999999999</c:v>
                </c:pt>
                <c:pt idx="5217">
                  <c:v>0.1608</c:v>
                </c:pt>
                <c:pt idx="5218">
                  <c:v>0.14560000000000001</c:v>
                </c:pt>
                <c:pt idx="5219">
                  <c:v>0.1308</c:v>
                </c:pt>
                <c:pt idx="5220">
                  <c:v>0.1157</c:v>
                </c:pt>
                <c:pt idx="5221">
                  <c:v>9.6600000000000005E-2</c:v>
                </c:pt>
                <c:pt idx="5222">
                  <c:v>8.7900000000000006E-2</c:v>
                </c:pt>
                <c:pt idx="5223">
                  <c:v>8.6699999999999999E-2</c:v>
                </c:pt>
                <c:pt idx="5224">
                  <c:v>8.2500000000000004E-2</c:v>
                </c:pt>
                <c:pt idx="5225">
                  <c:v>8.0699999999999994E-2</c:v>
                </c:pt>
                <c:pt idx="5226">
                  <c:v>7.8399999999999997E-2</c:v>
                </c:pt>
                <c:pt idx="5227">
                  <c:v>7.7700000000000005E-2</c:v>
                </c:pt>
                <c:pt idx="5228">
                  <c:v>8.1199999999999994E-2</c:v>
                </c:pt>
                <c:pt idx="5229">
                  <c:v>8.2199999999999995E-2</c:v>
                </c:pt>
                <c:pt idx="5230">
                  <c:v>8.7400000000000005E-2</c:v>
                </c:pt>
                <c:pt idx="5231">
                  <c:v>0.09</c:v>
                </c:pt>
                <c:pt idx="5232">
                  <c:v>7.9600000000000004E-2</c:v>
                </c:pt>
                <c:pt idx="5233">
                  <c:v>7.9100000000000004E-2</c:v>
                </c:pt>
                <c:pt idx="5234">
                  <c:v>7.5200000000000003E-2</c:v>
                </c:pt>
                <c:pt idx="5235">
                  <c:v>7.5200000000000003E-2</c:v>
                </c:pt>
                <c:pt idx="5236">
                  <c:v>7.9500000000000001E-2</c:v>
                </c:pt>
                <c:pt idx="5237">
                  <c:v>0.1007</c:v>
                </c:pt>
                <c:pt idx="5238">
                  <c:v>0.12720000000000001</c:v>
                </c:pt>
                <c:pt idx="5239">
                  <c:v>0.13320000000000001</c:v>
                </c:pt>
                <c:pt idx="5240">
                  <c:v>0.13800000000000001</c:v>
                </c:pt>
                <c:pt idx="5241">
                  <c:v>0.13800000000000001</c:v>
                </c:pt>
                <c:pt idx="5242">
                  <c:v>0.13600000000000001</c:v>
                </c:pt>
                <c:pt idx="5243">
                  <c:v>0.13159999999999999</c:v>
                </c:pt>
                <c:pt idx="5244">
                  <c:v>0.12720000000000001</c:v>
                </c:pt>
                <c:pt idx="5245">
                  <c:v>0.12470000000000001</c:v>
                </c:pt>
                <c:pt idx="5246">
                  <c:v>0.13270000000000001</c:v>
                </c:pt>
                <c:pt idx="5247">
                  <c:v>0.13109999999999999</c:v>
                </c:pt>
                <c:pt idx="5248">
                  <c:v>0.12280000000000001</c:v>
                </c:pt>
                <c:pt idx="5249">
                  <c:v>0.1163</c:v>
                </c:pt>
                <c:pt idx="5250">
                  <c:v>0.1077</c:v>
                </c:pt>
                <c:pt idx="5251">
                  <c:v>9.5600000000000004E-2</c:v>
                </c:pt>
                <c:pt idx="5252">
                  <c:v>9.4500000000000001E-2</c:v>
                </c:pt>
                <c:pt idx="5253">
                  <c:v>9.5500000000000002E-2</c:v>
                </c:pt>
                <c:pt idx="5254">
                  <c:v>0.11360000000000001</c:v>
                </c:pt>
                <c:pt idx="5255">
                  <c:v>0.1222</c:v>
                </c:pt>
                <c:pt idx="5256">
                  <c:v>0.13450000000000001</c:v>
                </c:pt>
                <c:pt idx="5257">
                  <c:v>0.14649999999999999</c:v>
                </c:pt>
                <c:pt idx="5258">
                  <c:v>0.14990000000000001</c:v>
                </c:pt>
                <c:pt idx="5259">
                  <c:v>0.1628</c:v>
                </c:pt>
                <c:pt idx="5260">
                  <c:v>0.13719999999999999</c:v>
                </c:pt>
                <c:pt idx="5261">
                  <c:v>0.13139999999999999</c:v>
                </c:pt>
                <c:pt idx="5262">
                  <c:v>0.129</c:v>
                </c:pt>
                <c:pt idx="5263">
                  <c:v>0.13189999999999999</c:v>
                </c:pt>
                <c:pt idx="5264">
                  <c:v>0.129</c:v>
                </c:pt>
                <c:pt idx="5265">
                  <c:v>0.13009999999999999</c:v>
                </c:pt>
                <c:pt idx="5266">
                  <c:v>0.13350000000000001</c:v>
                </c:pt>
                <c:pt idx="5267">
                  <c:v>0.1439</c:v>
                </c:pt>
                <c:pt idx="5268">
                  <c:v>0.1547</c:v>
                </c:pt>
                <c:pt idx="5269">
                  <c:v>0.15770000000000001</c:v>
                </c:pt>
                <c:pt idx="5270">
                  <c:v>0.16189999999999999</c:v>
                </c:pt>
                <c:pt idx="5271">
                  <c:v>0.18010000000000001</c:v>
                </c:pt>
                <c:pt idx="5272">
                  <c:v>0.20680000000000001</c:v>
                </c:pt>
                <c:pt idx="5273">
                  <c:v>0.22259999999999999</c:v>
                </c:pt>
                <c:pt idx="5274">
                  <c:v>0.23169999999999999</c:v>
                </c:pt>
                <c:pt idx="5275">
                  <c:v>0.2437</c:v>
                </c:pt>
                <c:pt idx="5276">
                  <c:v>0.22170000000000001</c:v>
                </c:pt>
                <c:pt idx="5277">
                  <c:v>0.22259999999999999</c:v>
                </c:pt>
                <c:pt idx="5278">
                  <c:v>0.21879999999999999</c:v>
                </c:pt>
                <c:pt idx="5279">
                  <c:v>0.2084</c:v>
                </c:pt>
                <c:pt idx="5280">
                  <c:v>0.2056</c:v>
                </c:pt>
                <c:pt idx="5281">
                  <c:v>0.19239999999999999</c:v>
                </c:pt>
                <c:pt idx="5282">
                  <c:v>0.18779999999999999</c:v>
                </c:pt>
                <c:pt idx="5283">
                  <c:v>0.2059</c:v>
                </c:pt>
                <c:pt idx="5284">
                  <c:v>0.25850000000000001</c:v>
                </c:pt>
                <c:pt idx="5285">
                  <c:v>0.23580000000000001</c:v>
                </c:pt>
                <c:pt idx="5286">
                  <c:v>0.23699999999999999</c:v>
                </c:pt>
                <c:pt idx="5287">
                  <c:v>0.23449999999999999</c:v>
                </c:pt>
                <c:pt idx="5288">
                  <c:v>0.25080000000000002</c:v>
                </c:pt>
                <c:pt idx="5289">
                  <c:v>0.26350000000000001</c:v>
                </c:pt>
                <c:pt idx="5290">
                  <c:v>0.2621</c:v>
                </c:pt>
                <c:pt idx="5291">
                  <c:v>0.25390000000000001</c:v>
                </c:pt>
                <c:pt idx="5292">
                  <c:v>0.25</c:v>
                </c:pt>
                <c:pt idx="5293">
                  <c:v>0.26079999999999998</c:v>
                </c:pt>
                <c:pt idx="5294">
                  <c:v>0.26900000000000002</c:v>
                </c:pt>
                <c:pt idx="5295">
                  <c:v>0.27400000000000002</c:v>
                </c:pt>
                <c:pt idx="5296">
                  <c:v>0.25119999999999998</c:v>
                </c:pt>
                <c:pt idx="5297">
                  <c:v>0.24440000000000001</c:v>
                </c:pt>
                <c:pt idx="5298">
                  <c:v>0.24129999999999999</c:v>
                </c:pt>
                <c:pt idx="5299">
                  <c:v>0.23649999999999999</c:v>
                </c:pt>
                <c:pt idx="5300">
                  <c:v>0.23250000000000001</c:v>
                </c:pt>
                <c:pt idx="5301">
                  <c:v>0.22389999999999999</c:v>
                </c:pt>
                <c:pt idx="5302">
                  <c:v>0.2137</c:v>
                </c:pt>
                <c:pt idx="5303">
                  <c:v>0.20069999999999999</c:v>
                </c:pt>
                <c:pt idx="5304">
                  <c:v>0.19189999999999999</c:v>
                </c:pt>
                <c:pt idx="5305">
                  <c:v>0.19220000000000001</c:v>
                </c:pt>
                <c:pt idx="5306">
                  <c:v>0.18179999999999999</c:v>
                </c:pt>
                <c:pt idx="5307">
                  <c:v>0.18110000000000001</c:v>
                </c:pt>
                <c:pt idx="5308">
                  <c:v>0.1757</c:v>
                </c:pt>
                <c:pt idx="5309">
                  <c:v>0.16039999999999999</c:v>
                </c:pt>
                <c:pt idx="5310">
                  <c:v>0.15840000000000001</c:v>
                </c:pt>
                <c:pt idx="5311">
                  <c:v>0.15479999999999999</c:v>
                </c:pt>
                <c:pt idx="5312">
                  <c:v>0.14699999999999999</c:v>
                </c:pt>
                <c:pt idx="5313">
                  <c:v>0.1268</c:v>
                </c:pt>
                <c:pt idx="5314">
                  <c:v>0.11559999999999999</c:v>
                </c:pt>
                <c:pt idx="5315">
                  <c:v>0.1033</c:v>
                </c:pt>
                <c:pt idx="5316">
                  <c:v>9.5000000000000001E-2</c:v>
                </c:pt>
                <c:pt idx="5317">
                  <c:v>8.5900000000000004E-2</c:v>
                </c:pt>
                <c:pt idx="5318">
                  <c:v>7.7899999999999997E-2</c:v>
                </c:pt>
                <c:pt idx="5319">
                  <c:v>7.2900000000000006E-2</c:v>
                </c:pt>
                <c:pt idx="5320">
                  <c:v>6.88E-2</c:v>
                </c:pt>
                <c:pt idx="5321">
                  <c:v>6.3899999999999998E-2</c:v>
                </c:pt>
                <c:pt idx="5322">
                  <c:v>6.08E-2</c:v>
                </c:pt>
                <c:pt idx="5323">
                  <c:v>6.8500000000000005E-2</c:v>
                </c:pt>
                <c:pt idx="5324">
                  <c:v>7.2700000000000001E-2</c:v>
                </c:pt>
                <c:pt idx="5325">
                  <c:v>7.4700000000000003E-2</c:v>
                </c:pt>
                <c:pt idx="5326">
                  <c:v>6.9000000000000006E-2</c:v>
                </c:pt>
                <c:pt idx="5327">
                  <c:v>7.4999999999999997E-2</c:v>
                </c:pt>
                <c:pt idx="5328">
                  <c:v>8.1100000000000005E-2</c:v>
                </c:pt>
                <c:pt idx="5329">
                  <c:v>8.48E-2</c:v>
                </c:pt>
                <c:pt idx="5330">
                  <c:v>8.6699999999999999E-2</c:v>
                </c:pt>
                <c:pt idx="5331">
                  <c:v>8.8800000000000004E-2</c:v>
                </c:pt>
                <c:pt idx="5332">
                  <c:v>8.7599999999999997E-2</c:v>
                </c:pt>
                <c:pt idx="5333">
                  <c:v>8.2699999999999996E-2</c:v>
                </c:pt>
                <c:pt idx="5334">
                  <c:v>8.5400000000000004E-2</c:v>
                </c:pt>
                <c:pt idx="5335">
                  <c:v>8.9800000000000005E-2</c:v>
                </c:pt>
                <c:pt idx="5336">
                  <c:v>8.8400000000000006E-2</c:v>
                </c:pt>
                <c:pt idx="5337">
                  <c:v>8.5900000000000004E-2</c:v>
                </c:pt>
                <c:pt idx="5338">
                  <c:v>8.0500000000000002E-2</c:v>
                </c:pt>
                <c:pt idx="5339">
                  <c:v>7.46E-2</c:v>
                </c:pt>
                <c:pt idx="5340">
                  <c:v>6.7199999999999996E-2</c:v>
                </c:pt>
                <c:pt idx="5341">
                  <c:v>5.9400000000000001E-2</c:v>
                </c:pt>
                <c:pt idx="5342">
                  <c:v>5.7700000000000001E-2</c:v>
                </c:pt>
                <c:pt idx="5343">
                  <c:v>6.1499999999999999E-2</c:v>
                </c:pt>
                <c:pt idx="5344">
                  <c:v>6.3299999999999995E-2</c:v>
                </c:pt>
                <c:pt idx="5345">
                  <c:v>6.6799999999999998E-2</c:v>
                </c:pt>
                <c:pt idx="5346">
                  <c:v>6.8699999999999997E-2</c:v>
                </c:pt>
                <c:pt idx="5347">
                  <c:v>7.4499999999999997E-2</c:v>
                </c:pt>
                <c:pt idx="5348">
                  <c:v>7.6200000000000004E-2</c:v>
                </c:pt>
                <c:pt idx="5349">
                  <c:v>7.5700000000000003E-2</c:v>
                </c:pt>
                <c:pt idx="5350">
                  <c:v>7.6799999999999993E-2</c:v>
                </c:pt>
                <c:pt idx="5351">
                  <c:v>7.7600000000000002E-2</c:v>
                </c:pt>
                <c:pt idx="5352">
                  <c:v>8.1799999999999998E-2</c:v>
                </c:pt>
                <c:pt idx="5353">
                  <c:v>8.7099999999999997E-2</c:v>
                </c:pt>
                <c:pt idx="5354">
                  <c:v>9.0899999999999995E-2</c:v>
                </c:pt>
                <c:pt idx="5355">
                  <c:v>8.8200000000000001E-2</c:v>
                </c:pt>
                <c:pt idx="5356">
                  <c:v>8.8700000000000001E-2</c:v>
                </c:pt>
                <c:pt idx="5357">
                  <c:v>8.5300000000000001E-2</c:v>
                </c:pt>
                <c:pt idx="5358">
                  <c:v>8.3400000000000002E-2</c:v>
                </c:pt>
                <c:pt idx="5359">
                  <c:v>7.9699999999999993E-2</c:v>
                </c:pt>
                <c:pt idx="5360">
                  <c:v>7.7100000000000002E-2</c:v>
                </c:pt>
                <c:pt idx="5361">
                  <c:v>7.2599999999999998E-2</c:v>
                </c:pt>
                <c:pt idx="5362">
                  <c:v>6.8900000000000003E-2</c:v>
                </c:pt>
                <c:pt idx="5363">
                  <c:v>7.0099999999999996E-2</c:v>
                </c:pt>
                <c:pt idx="5364">
                  <c:v>7.3499999999999996E-2</c:v>
                </c:pt>
                <c:pt idx="5365">
                  <c:v>7.3700000000000002E-2</c:v>
                </c:pt>
                <c:pt idx="5366">
                  <c:v>7.6100000000000001E-2</c:v>
                </c:pt>
                <c:pt idx="5367">
                  <c:v>7.9299999999999995E-2</c:v>
                </c:pt>
                <c:pt idx="5368">
                  <c:v>8.2600000000000007E-2</c:v>
                </c:pt>
                <c:pt idx="5369">
                  <c:v>8.9499999999999996E-2</c:v>
                </c:pt>
                <c:pt idx="5370">
                  <c:v>9.5100000000000004E-2</c:v>
                </c:pt>
                <c:pt idx="5371">
                  <c:v>9.5699999999999993E-2</c:v>
                </c:pt>
                <c:pt idx="5372">
                  <c:v>9.3700000000000006E-2</c:v>
                </c:pt>
                <c:pt idx="5373">
                  <c:v>8.5800000000000001E-2</c:v>
                </c:pt>
                <c:pt idx="5374">
                  <c:v>8.2500000000000004E-2</c:v>
                </c:pt>
                <c:pt idx="5375">
                  <c:v>8.1500000000000003E-2</c:v>
                </c:pt>
                <c:pt idx="5376">
                  <c:v>7.6200000000000004E-2</c:v>
                </c:pt>
                <c:pt idx="5377">
                  <c:v>7.0400000000000004E-2</c:v>
                </c:pt>
                <c:pt idx="5378">
                  <c:v>6.8000000000000005E-2</c:v>
                </c:pt>
                <c:pt idx="5379">
                  <c:v>6.8099999999999994E-2</c:v>
                </c:pt>
                <c:pt idx="5380">
                  <c:v>7.0999999999999994E-2</c:v>
                </c:pt>
                <c:pt idx="5381">
                  <c:v>7.0199999999999999E-2</c:v>
                </c:pt>
                <c:pt idx="5382">
                  <c:v>7.5700000000000003E-2</c:v>
                </c:pt>
                <c:pt idx="5383">
                  <c:v>8.3599999999999994E-2</c:v>
                </c:pt>
                <c:pt idx="5384">
                  <c:v>8.8099999999999998E-2</c:v>
                </c:pt>
                <c:pt idx="5385">
                  <c:v>9.2600000000000002E-2</c:v>
                </c:pt>
                <c:pt idx="5386">
                  <c:v>9.7699999999999995E-2</c:v>
                </c:pt>
                <c:pt idx="5387">
                  <c:v>9.9699999999999997E-2</c:v>
                </c:pt>
                <c:pt idx="5388">
                  <c:v>9.4E-2</c:v>
                </c:pt>
                <c:pt idx="5389">
                  <c:v>8.8400000000000006E-2</c:v>
                </c:pt>
                <c:pt idx="5390">
                  <c:v>7.9399999999999998E-2</c:v>
                </c:pt>
                <c:pt idx="5391">
                  <c:v>7.3700000000000002E-2</c:v>
                </c:pt>
                <c:pt idx="5392">
                  <c:v>7.0699999999999999E-2</c:v>
                </c:pt>
                <c:pt idx="5393">
                  <c:v>6.6400000000000001E-2</c:v>
                </c:pt>
                <c:pt idx="5394">
                  <c:v>6.25E-2</c:v>
                </c:pt>
                <c:pt idx="5395">
                  <c:v>6.6799999999999998E-2</c:v>
                </c:pt>
                <c:pt idx="5396">
                  <c:v>6.9800000000000001E-2</c:v>
                </c:pt>
                <c:pt idx="5397">
                  <c:v>7.5999999999999998E-2</c:v>
                </c:pt>
                <c:pt idx="5398">
                  <c:v>8.0299999999999996E-2</c:v>
                </c:pt>
                <c:pt idx="5399">
                  <c:v>8.1299999999999997E-2</c:v>
                </c:pt>
                <c:pt idx="5400">
                  <c:v>8.43E-2</c:v>
                </c:pt>
                <c:pt idx="5401">
                  <c:v>7.0800000000000002E-2</c:v>
                </c:pt>
                <c:pt idx="5402">
                  <c:v>6.7100000000000007E-2</c:v>
                </c:pt>
                <c:pt idx="5403">
                  <c:v>6.6500000000000004E-2</c:v>
                </c:pt>
                <c:pt idx="5404">
                  <c:v>6.54E-2</c:v>
                </c:pt>
                <c:pt idx="5405">
                  <c:v>6.1499999999999999E-2</c:v>
                </c:pt>
                <c:pt idx="5406">
                  <c:v>5.91E-2</c:v>
                </c:pt>
                <c:pt idx="5407">
                  <c:v>5.7599999999999998E-2</c:v>
                </c:pt>
                <c:pt idx="5408">
                  <c:v>5.8099999999999999E-2</c:v>
                </c:pt>
                <c:pt idx="5409">
                  <c:v>4.9500000000000002E-2</c:v>
                </c:pt>
                <c:pt idx="5410">
                  <c:v>4.4499999999999998E-2</c:v>
                </c:pt>
                <c:pt idx="5411">
                  <c:v>4.1399999999999999E-2</c:v>
                </c:pt>
                <c:pt idx="5412">
                  <c:v>4.3700000000000003E-2</c:v>
                </c:pt>
                <c:pt idx="5413">
                  <c:v>4.9799999999999997E-2</c:v>
                </c:pt>
                <c:pt idx="5414">
                  <c:v>5.3400000000000003E-2</c:v>
                </c:pt>
                <c:pt idx="5415">
                  <c:v>5.3800000000000001E-2</c:v>
                </c:pt>
                <c:pt idx="5416">
                  <c:v>5.4399999999999997E-2</c:v>
                </c:pt>
                <c:pt idx="5417">
                  <c:v>5.62E-2</c:v>
                </c:pt>
                <c:pt idx="5418">
                  <c:v>5.79E-2</c:v>
                </c:pt>
                <c:pt idx="5419">
                  <c:v>6.0499999999999998E-2</c:v>
                </c:pt>
                <c:pt idx="5420">
                  <c:v>6.1199999999999997E-2</c:v>
                </c:pt>
                <c:pt idx="5421">
                  <c:v>6.0100000000000001E-2</c:v>
                </c:pt>
                <c:pt idx="5422">
                  <c:v>5.8999999999999997E-2</c:v>
                </c:pt>
                <c:pt idx="5423">
                  <c:v>6.4799999999999996E-2</c:v>
                </c:pt>
                <c:pt idx="5424">
                  <c:v>6.6699999999999995E-2</c:v>
                </c:pt>
                <c:pt idx="5425">
                  <c:v>6.7199999999999996E-2</c:v>
                </c:pt>
                <c:pt idx="5426">
                  <c:v>6.6199999999999995E-2</c:v>
                </c:pt>
                <c:pt idx="5427">
                  <c:v>6.4299999999999996E-2</c:v>
                </c:pt>
                <c:pt idx="5428">
                  <c:v>6.4899999999999999E-2</c:v>
                </c:pt>
                <c:pt idx="5429">
                  <c:v>6.4399999999999999E-2</c:v>
                </c:pt>
                <c:pt idx="5430">
                  <c:v>6.59E-2</c:v>
                </c:pt>
                <c:pt idx="5431">
                  <c:v>6.59E-2</c:v>
                </c:pt>
                <c:pt idx="5432">
                  <c:v>6.6699999999999995E-2</c:v>
                </c:pt>
                <c:pt idx="5433">
                  <c:v>6.8000000000000005E-2</c:v>
                </c:pt>
                <c:pt idx="5434">
                  <c:v>7.0000000000000007E-2</c:v>
                </c:pt>
                <c:pt idx="5435">
                  <c:v>7.2099999999999997E-2</c:v>
                </c:pt>
                <c:pt idx="5436">
                  <c:v>7.3700000000000002E-2</c:v>
                </c:pt>
                <c:pt idx="5437">
                  <c:v>7.5800000000000006E-2</c:v>
                </c:pt>
                <c:pt idx="5438">
                  <c:v>7.4800000000000005E-2</c:v>
                </c:pt>
                <c:pt idx="5439">
                  <c:v>7.51E-2</c:v>
                </c:pt>
                <c:pt idx="5440">
                  <c:v>7.46E-2</c:v>
                </c:pt>
                <c:pt idx="5441">
                  <c:v>8.8200000000000001E-2</c:v>
                </c:pt>
                <c:pt idx="5442">
                  <c:v>9.3700000000000006E-2</c:v>
                </c:pt>
                <c:pt idx="5443">
                  <c:v>9.1300000000000006E-2</c:v>
                </c:pt>
                <c:pt idx="5444">
                  <c:v>8.9399999999999993E-2</c:v>
                </c:pt>
                <c:pt idx="5445">
                  <c:v>8.5800000000000001E-2</c:v>
                </c:pt>
                <c:pt idx="5446">
                  <c:v>8.3199999999999996E-2</c:v>
                </c:pt>
                <c:pt idx="5447">
                  <c:v>7.9399999999999998E-2</c:v>
                </c:pt>
                <c:pt idx="5448">
                  <c:v>7.46E-2</c:v>
                </c:pt>
                <c:pt idx="5449">
                  <c:v>6.3E-2</c:v>
                </c:pt>
                <c:pt idx="5450">
                  <c:v>6.2199999999999998E-2</c:v>
                </c:pt>
                <c:pt idx="5451">
                  <c:v>6.2399999999999997E-2</c:v>
                </c:pt>
                <c:pt idx="5452">
                  <c:v>6.2799999999999995E-2</c:v>
                </c:pt>
                <c:pt idx="5453">
                  <c:v>6.4100000000000004E-2</c:v>
                </c:pt>
                <c:pt idx="5454">
                  <c:v>6.2199999999999998E-2</c:v>
                </c:pt>
                <c:pt idx="5455">
                  <c:v>6.0199999999999997E-2</c:v>
                </c:pt>
                <c:pt idx="5456">
                  <c:v>5.9799999999999999E-2</c:v>
                </c:pt>
                <c:pt idx="5457">
                  <c:v>6.3500000000000001E-2</c:v>
                </c:pt>
                <c:pt idx="5458">
                  <c:v>6.5500000000000003E-2</c:v>
                </c:pt>
                <c:pt idx="5459">
                  <c:v>6.5600000000000006E-2</c:v>
                </c:pt>
                <c:pt idx="5460">
                  <c:v>6.9400000000000003E-2</c:v>
                </c:pt>
                <c:pt idx="5461">
                  <c:v>6.7299999999999999E-2</c:v>
                </c:pt>
                <c:pt idx="5462">
                  <c:v>6.2399999999999997E-2</c:v>
                </c:pt>
                <c:pt idx="5463">
                  <c:v>5.7000000000000002E-2</c:v>
                </c:pt>
                <c:pt idx="5464">
                  <c:v>5.57E-2</c:v>
                </c:pt>
                <c:pt idx="5465">
                  <c:v>5.7599999999999998E-2</c:v>
                </c:pt>
                <c:pt idx="5466">
                  <c:v>6.3899999999999998E-2</c:v>
                </c:pt>
                <c:pt idx="5467">
                  <c:v>7.0499999999999993E-2</c:v>
                </c:pt>
                <c:pt idx="5468">
                  <c:v>7.6899999999999996E-2</c:v>
                </c:pt>
                <c:pt idx="5469">
                  <c:v>6.6699999999999995E-2</c:v>
                </c:pt>
                <c:pt idx="5470">
                  <c:v>6.83E-2</c:v>
                </c:pt>
                <c:pt idx="5471">
                  <c:v>7.51E-2</c:v>
                </c:pt>
                <c:pt idx="5472">
                  <c:v>8.2500000000000004E-2</c:v>
                </c:pt>
                <c:pt idx="5473">
                  <c:v>8.2900000000000001E-2</c:v>
                </c:pt>
                <c:pt idx="5474">
                  <c:v>8.43E-2</c:v>
                </c:pt>
                <c:pt idx="5475">
                  <c:v>8.6199999999999999E-2</c:v>
                </c:pt>
                <c:pt idx="5476">
                  <c:v>8.6999999999999994E-2</c:v>
                </c:pt>
                <c:pt idx="5477">
                  <c:v>8.8099999999999998E-2</c:v>
                </c:pt>
                <c:pt idx="5478">
                  <c:v>8.6999999999999994E-2</c:v>
                </c:pt>
                <c:pt idx="5479">
                  <c:v>8.8999999999999996E-2</c:v>
                </c:pt>
                <c:pt idx="5480">
                  <c:v>8.6599999999999996E-2</c:v>
                </c:pt>
                <c:pt idx="5481">
                  <c:v>8.5199999999999998E-2</c:v>
                </c:pt>
                <c:pt idx="5482">
                  <c:v>8.0199999999999994E-2</c:v>
                </c:pt>
                <c:pt idx="5483">
                  <c:v>7.6100000000000001E-2</c:v>
                </c:pt>
                <c:pt idx="5484">
                  <c:v>7.3300000000000004E-2</c:v>
                </c:pt>
                <c:pt idx="5485">
                  <c:v>7.2800000000000004E-2</c:v>
                </c:pt>
                <c:pt idx="5486">
                  <c:v>7.46E-2</c:v>
                </c:pt>
                <c:pt idx="5487">
                  <c:v>7.5499999999999998E-2</c:v>
                </c:pt>
                <c:pt idx="5488">
                  <c:v>7.5499999999999998E-2</c:v>
                </c:pt>
                <c:pt idx="5489">
                  <c:v>7.8E-2</c:v>
                </c:pt>
                <c:pt idx="5490">
                  <c:v>7.9100000000000004E-2</c:v>
                </c:pt>
                <c:pt idx="5491">
                  <c:v>7.8799999999999995E-2</c:v>
                </c:pt>
                <c:pt idx="5492">
                  <c:v>7.9000000000000001E-2</c:v>
                </c:pt>
                <c:pt idx="5493">
                  <c:v>7.7100000000000002E-2</c:v>
                </c:pt>
                <c:pt idx="5494">
                  <c:v>7.7399999999999997E-2</c:v>
                </c:pt>
                <c:pt idx="5495">
                  <c:v>7.6899999999999996E-2</c:v>
                </c:pt>
                <c:pt idx="5496">
                  <c:v>7.3999999999999996E-2</c:v>
                </c:pt>
                <c:pt idx="5497">
                  <c:v>7.5300000000000006E-2</c:v>
                </c:pt>
                <c:pt idx="5498">
                  <c:v>8.1699999999999995E-2</c:v>
                </c:pt>
                <c:pt idx="5499">
                  <c:v>8.0100000000000005E-2</c:v>
                </c:pt>
                <c:pt idx="5500">
                  <c:v>7.7299999999999994E-2</c:v>
                </c:pt>
                <c:pt idx="5501">
                  <c:v>8.7999999999999995E-2</c:v>
                </c:pt>
                <c:pt idx="5502">
                  <c:v>8.7300000000000003E-2</c:v>
                </c:pt>
                <c:pt idx="5503">
                  <c:v>8.4500000000000006E-2</c:v>
                </c:pt>
                <c:pt idx="5504">
                  <c:v>8.6499999999999994E-2</c:v>
                </c:pt>
                <c:pt idx="5505">
                  <c:v>8.8400000000000006E-2</c:v>
                </c:pt>
                <c:pt idx="5506">
                  <c:v>8.7900000000000006E-2</c:v>
                </c:pt>
                <c:pt idx="5507">
                  <c:v>8.7400000000000005E-2</c:v>
                </c:pt>
                <c:pt idx="5508">
                  <c:v>8.7300000000000003E-2</c:v>
                </c:pt>
                <c:pt idx="5509">
                  <c:v>8.7800000000000003E-2</c:v>
                </c:pt>
                <c:pt idx="5510">
                  <c:v>9.0399999999999994E-2</c:v>
                </c:pt>
                <c:pt idx="5511">
                  <c:v>9.1899999999999996E-2</c:v>
                </c:pt>
                <c:pt idx="5512">
                  <c:v>8.7499999999999994E-2</c:v>
                </c:pt>
                <c:pt idx="5513">
                  <c:v>8.2299999999999998E-2</c:v>
                </c:pt>
                <c:pt idx="5514">
                  <c:v>8.4900000000000003E-2</c:v>
                </c:pt>
                <c:pt idx="5515">
                  <c:v>8.7300000000000003E-2</c:v>
                </c:pt>
                <c:pt idx="5516">
                  <c:v>7.7600000000000002E-2</c:v>
                </c:pt>
                <c:pt idx="5517">
                  <c:v>7.4399999999999994E-2</c:v>
                </c:pt>
                <c:pt idx="5518">
                  <c:v>7.3700000000000002E-2</c:v>
                </c:pt>
                <c:pt idx="5519">
                  <c:v>7.3300000000000004E-2</c:v>
                </c:pt>
                <c:pt idx="5520">
                  <c:v>7.7399999999999997E-2</c:v>
                </c:pt>
                <c:pt idx="5521">
                  <c:v>6.7199999999999996E-2</c:v>
                </c:pt>
                <c:pt idx="5522">
                  <c:v>6.8900000000000003E-2</c:v>
                </c:pt>
                <c:pt idx="5523">
                  <c:v>6.9400000000000003E-2</c:v>
                </c:pt>
                <c:pt idx="5524">
                  <c:v>7.1400000000000005E-2</c:v>
                </c:pt>
                <c:pt idx="5525">
                  <c:v>7.17E-2</c:v>
                </c:pt>
                <c:pt idx="5526">
                  <c:v>7.3800000000000004E-2</c:v>
                </c:pt>
                <c:pt idx="5527">
                  <c:v>8.1500000000000003E-2</c:v>
                </c:pt>
                <c:pt idx="5528">
                  <c:v>7.5399999999999995E-2</c:v>
                </c:pt>
                <c:pt idx="5529">
                  <c:v>7.7700000000000005E-2</c:v>
                </c:pt>
                <c:pt idx="5530">
                  <c:v>8.0500000000000002E-2</c:v>
                </c:pt>
                <c:pt idx="5531">
                  <c:v>7.8299999999999995E-2</c:v>
                </c:pt>
                <c:pt idx="5532">
                  <c:v>7.9000000000000001E-2</c:v>
                </c:pt>
                <c:pt idx="5533">
                  <c:v>8.2100000000000006E-2</c:v>
                </c:pt>
                <c:pt idx="5534">
                  <c:v>7.5600000000000001E-2</c:v>
                </c:pt>
                <c:pt idx="5535">
                  <c:v>7.8200000000000006E-2</c:v>
                </c:pt>
                <c:pt idx="5536">
                  <c:v>8.1500000000000003E-2</c:v>
                </c:pt>
                <c:pt idx="5537">
                  <c:v>8.4199999999999997E-2</c:v>
                </c:pt>
                <c:pt idx="5538">
                  <c:v>8.6699999999999999E-2</c:v>
                </c:pt>
                <c:pt idx="5539">
                  <c:v>8.5999999999999993E-2</c:v>
                </c:pt>
                <c:pt idx="5540">
                  <c:v>8.6900000000000005E-2</c:v>
                </c:pt>
                <c:pt idx="5541">
                  <c:v>8.6400000000000005E-2</c:v>
                </c:pt>
                <c:pt idx="5542">
                  <c:v>8.3099999999999993E-2</c:v>
                </c:pt>
                <c:pt idx="5543">
                  <c:v>8.1000000000000003E-2</c:v>
                </c:pt>
                <c:pt idx="5544">
                  <c:v>8.2000000000000003E-2</c:v>
                </c:pt>
                <c:pt idx="5545">
                  <c:v>8.6099999999999996E-2</c:v>
                </c:pt>
                <c:pt idx="5546">
                  <c:v>8.9599999999999999E-2</c:v>
                </c:pt>
                <c:pt idx="5547">
                  <c:v>9.0300000000000005E-2</c:v>
                </c:pt>
                <c:pt idx="5548">
                  <c:v>8.9899999999999994E-2</c:v>
                </c:pt>
                <c:pt idx="5549">
                  <c:v>8.2900000000000001E-2</c:v>
                </c:pt>
                <c:pt idx="5550">
                  <c:v>8.14E-2</c:v>
                </c:pt>
                <c:pt idx="5551">
                  <c:v>8.1900000000000001E-2</c:v>
                </c:pt>
                <c:pt idx="5552">
                  <c:v>8.9700000000000002E-2</c:v>
                </c:pt>
                <c:pt idx="5553">
                  <c:v>8.8400000000000006E-2</c:v>
                </c:pt>
                <c:pt idx="5554">
                  <c:v>8.7099999999999997E-2</c:v>
                </c:pt>
                <c:pt idx="5555">
                  <c:v>8.8599999999999998E-2</c:v>
                </c:pt>
                <c:pt idx="5556">
                  <c:v>8.3199999999999996E-2</c:v>
                </c:pt>
                <c:pt idx="5557">
                  <c:v>8.1900000000000001E-2</c:v>
                </c:pt>
                <c:pt idx="5558">
                  <c:v>8.0500000000000002E-2</c:v>
                </c:pt>
                <c:pt idx="5559">
                  <c:v>7.6799999999999993E-2</c:v>
                </c:pt>
                <c:pt idx="5560">
                  <c:v>7.6999999999999999E-2</c:v>
                </c:pt>
                <c:pt idx="5561">
                  <c:v>7.9299999999999995E-2</c:v>
                </c:pt>
                <c:pt idx="5562">
                  <c:v>8.3699999999999997E-2</c:v>
                </c:pt>
                <c:pt idx="5563">
                  <c:v>8.2799999999999999E-2</c:v>
                </c:pt>
                <c:pt idx="5564">
                  <c:v>9.7100000000000006E-2</c:v>
                </c:pt>
                <c:pt idx="5565">
                  <c:v>8.3299999999999999E-2</c:v>
                </c:pt>
                <c:pt idx="5566">
                  <c:v>8.1100000000000005E-2</c:v>
                </c:pt>
                <c:pt idx="5567">
                  <c:v>8.5300000000000001E-2</c:v>
                </c:pt>
                <c:pt idx="5568">
                  <c:v>9.3600000000000003E-2</c:v>
                </c:pt>
                <c:pt idx="5569">
                  <c:v>9.8699999999999996E-2</c:v>
                </c:pt>
                <c:pt idx="5570">
                  <c:v>9.9599999999999994E-2</c:v>
                </c:pt>
                <c:pt idx="5571">
                  <c:v>9.7900000000000001E-2</c:v>
                </c:pt>
                <c:pt idx="5572">
                  <c:v>0.1024</c:v>
                </c:pt>
                <c:pt idx="5573">
                  <c:v>0.1045</c:v>
                </c:pt>
                <c:pt idx="5574">
                  <c:v>0.10340000000000001</c:v>
                </c:pt>
                <c:pt idx="5575">
                  <c:v>9.5899999999999999E-2</c:v>
                </c:pt>
                <c:pt idx="5576">
                  <c:v>9.0200000000000002E-2</c:v>
                </c:pt>
                <c:pt idx="5577">
                  <c:v>9.1700000000000004E-2</c:v>
                </c:pt>
                <c:pt idx="5578">
                  <c:v>8.4699999999999998E-2</c:v>
                </c:pt>
                <c:pt idx="5579">
                  <c:v>7.6999999999999999E-2</c:v>
                </c:pt>
                <c:pt idx="5580">
                  <c:v>7.46E-2</c:v>
                </c:pt>
                <c:pt idx="5581">
                  <c:v>7.8299999999999995E-2</c:v>
                </c:pt>
                <c:pt idx="5582">
                  <c:v>7.8600000000000003E-2</c:v>
                </c:pt>
                <c:pt idx="5583">
                  <c:v>7.6499999999999999E-2</c:v>
                </c:pt>
                <c:pt idx="5584">
                  <c:v>7.7499999999999999E-2</c:v>
                </c:pt>
                <c:pt idx="5585">
                  <c:v>8.0600000000000005E-2</c:v>
                </c:pt>
                <c:pt idx="5586">
                  <c:v>8.1299999999999997E-2</c:v>
                </c:pt>
                <c:pt idx="5587">
                  <c:v>8.5099999999999995E-2</c:v>
                </c:pt>
                <c:pt idx="5588">
                  <c:v>9.1800000000000007E-2</c:v>
                </c:pt>
                <c:pt idx="5589">
                  <c:v>9.7500000000000003E-2</c:v>
                </c:pt>
                <c:pt idx="5590">
                  <c:v>0.10340000000000001</c:v>
                </c:pt>
                <c:pt idx="5591">
                  <c:v>0.1135</c:v>
                </c:pt>
                <c:pt idx="5592">
                  <c:v>0.11559999999999999</c:v>
                </c:pt>
                <c:pt idx="5593">
                  <c:v>0.1129</c:v>
                </c:pt>
                <c:pt idx="5594">
                  <c:v>0.1028</c:v>
                </c:pt>
                <c:pt idx="5595">
                  <c:v>9.8500000000000004E-2</c:v>
                </c:pt>
                <c:pt idx="5596">
                  <c:v>9.6100000000000005E-2</c:v>
                </c:pt>
                <c:pt idx="5597">
                  <c:v>9.35E-2</c:v>
                </c:pt>
                <c:pt idx="5598">
                  <c:v>9.4700000000000006E-2</c:v>
                </c:pt>
                <c:pt idx="5599">
                  <c:v>9.5500000000000002E-2</c:v>
                </c:pt>
                <c:pt idx="5600">
                  <c:v>9.3100000000000002E-2</c:v>
                </c:pt>
                <c:pt idx="5601">
                  <c:v>9.8599999999999993E-2</c:v>
                </c:pt>
                <c:pt idx="5602">
                  <c:v>0.1147</c:v>
                </c:pt>
                <c:pt idx="5603">
                  <c:v>0.1096</c:v>
                </c:pt>
                <c:pt idx="5604">
                  <c:v>0.1139</c:v>
                </c:pt>
                <c:pt idx="5605">
                  <c:v>0.1176</c:v>
                </c:pt>
                <c:pt idx="5606">
                  <c:v>0.125</c:v>
                </c:pt>
                <c:pt idx="5607">
                  <c:v>0.12820000000000001</c:v>
                </c:pt>
                <c:pt idx="5608">
                  <c:v>0.128</c:v>
                </c:pt>
                <c:pt idx="5609">
                  <c:v>0.13420000000000001</c:v>
                </c:pt>
                <c:pt idx="5610">
                  <c:v>0.13789999999999999</c:v>
                </c:pt>
                <c:pt idx="5611">
                  <c:v>0.13950000000000001</c:v>
                </c:pt>
                <c:pt idx="5612">
                  <c:v>0.13819999999999999</c:v>
                </c:pt>
                <c:pt idx="5613">
                  <c:v>0.13900000000000001</c:v>
                </c:pt>
                <c:pt idx="5614">
                  <c:v>0.13819999999999999</c:v>
                </c:pt>
                <c:pt idx="5615">
                  <c:v>0.14299999999999999</c:v>
                </c:pt>
                <c:pt idx="5616">
                  <c:v>0.15359999999999999</c:v>
                </c:pt>
                <c:pt idx="5617">
                  <c:v>0.15190000000000001</c:v>
                </c:pt>
                <c:pt idx="5618">
                  <c:v>0.15329999999999999</c:v>
                </c:pt>
                <c:pt idx="5619">
                  <c:v>0.15920000000000001</c:v>
                </c:pt>
                <c:pt idx="5620">
                  <c:v>0.17349999999999999</c:v>
                </c:pt>
                <c:pt idx="5621">
                  <c:v>0.186</c:v>
                </c:pt>
                <c:pt idx="5622">
                  <c:v>0.19700000000000001</c:v>
                </c:pt>
                <c:pt idx="5623">
                  <c:v>0.20319999999999999</c:v>
                </c:pt>
                <c:pt idx="5624">
                  <c:v>0.2041</c:v>
                </c:pt>
                <c:pt idx="5625">
                  <c:v>0.18970000000000001</c:v>
                </c:pt>
                <c:pt idx="5626">
                  <c:v>0.17780000000000001</c:v>
                </c:pt>
                <c:pt idx="5627">
                  <c:v>0.16400000000000001</c:v>
                </c:pt>
                <c:pt idx="5628">
                  <c:v>0.15049999999999999</c:v>
                </c:pt>
                <c:pt idx="5629">
                  <c:v>0.1353</c:v>
                </c:pt>
                <c:pt idx="5630">
                  <c:v>0.12790000000000001</c:v>
                </c:pt>
                <c:pt idx="5631">
                  <c:v>0.1124</c:v>
                </c:pt>
                <c:pt idx="5632">
                  <c:v>0.1105</c:v>
                </c:pt>
                <c:pt idx="5633">
                  <c:v>0.1027</c:v>
                </c:pt>
                <c:pt idx="5634">
                  <c:v>9.2499999999999999E-2</c:v>
                </c:pt>
                <c:pt idx="5635">
                  <c:v>8.6699999999999999E-2</c:v>
                </c:pt>
                <c:pt idx="5636">
                  <c:v>8.5199999999999998E-2</c:v>
                </c:pt>
                <c:pt idx="5637">
                  <c:v>8.5699999999999998E-2</c:v>
                </c:pt>
                <c:pt idx="5638">
                  <c:v>8.9300000000000004E-2</c:v>
                </c:pt>
                <c:pt idx="5639">
                  <c:v>9.69E-2</c:v>
                </c:pt>
                <c:pt idx="5640">
                  <c:v>0.1031</c:v>
                </c:pt>
                <c:pt idx="5641">
                  <c:v>0.11940000000000001</c:v>
                </c:pt>
                <c:pt idx="5642">
                  <c:v>0.13489999999999999</c:v>
                </c:pt>
                <c:pt idx="5643">
                  <c:v>0.15409999999999999</c:v>
                </c:pt>
                <c:pt idx="5644">
                  <c:v>0.17069999999999999</c:v>
                </c:pt>
                <c:pt idx="5645">
                  <c:v>0.1875</c:v>
                </c:pt>
                <c:pt idx="5646">
                  <c:v>0.1807</c:v>
                </c:pt>
                <c:pt idx="5647">
                  <c:v>0.1842</c:v>
                </c:pt>
                <c:pt idx="5648">
                  <c:v>0.19170000000000001</c:v>
                </c:pt>
                <c:pt idx="5649">
                  <c:v>0.185</c:v>
                </c:pt>
                <c:pt idx="5650">
                  <c:v>0.1744</c:v>
                </c:pt>
                <c:pt idx="5651">
                  <c:v>0.16619999999999999</c:v>
                </c:pt>
                <c:pt idx="5652">
                  <c:v>0.158</c:v>
                </c:pt>
                <c:pt idx="5653">
                  <c:v>0.15049999999999999</c:v>
                </c:pt>
                <c:pt idx="5654">
                  <c:v>0.14549999999999999</c:v>
                </c:pt>
                <c:pt idx="5655">
                  <c:v>0.14149999999999999</c:v>
                </c:pt>
                <c:pt idx="5656">
                  <c:v>0.1331</c:v>
                </c:pt>
                <c:pt idx="5657">
                  <c:v>0.1195</c:v>
                </c:pt>
                <c:pt idx="5658">
                  <c:v>0.1081</c:v>
                </c:pt>
                <c:pt idx="5659">
                  <c:v>0.1085</c:v>
                </c:pt>
                <c:pt idx="5660">
                  <c:v>0.16550000000000001</c:v>
                </c:pt>
                <c:pt idx="5661">
                  <c:v>0.1724</c:v>
                </c:pt>
                <c:pt idx="5662">
                  <c:v>0.18290000000000001</c:v>
                </c:pt>
                <c:pt idx="5663">
                  <c:v>0.1968</c:v>
                </c:pt>
                <c:pt idx="5664">
                  <c:v>0.2024</c:v>
                </c:pt>
                <c:pt idx="5665">
                  <c:v>0.224</c:v>
                </c:pt>
                <c:pt idx="5666">
                  <c:v>0.24879999999999999</c:v>
                </c:pt>
                <c:pt idx="5667">
                  <c:v>0.25879999999999997</c:v>
                </c:pt>
                <c:pt idx="5668">
                  <c:v>0.25519999999999998</c:v>
                </c:pt>
                <c:pt idx="5669">
                  <c:v>0.24790000000000001</c:v>
                </c:pt>
                <c:pt idx="5670">
                  <c:v>0.24660000000000001</c:v>
                </c:pt>
                <c:pt idx="5671">
                  <c:v>0.24779999999999999</c:v>
                </c:pt>
                <c:pt idx="5672">
                  <c:v>0.24160000000000001</c:v>
                </c:pt>
                <c:pt idx="5673">
                  <c:v>0.2331</c:v>
                </c:pt>
                <c:pt idx="5674">
                  <c:v>0.22750000000000001</c:v>
                </c:pt>
                <c:pt idx="5675">
                  <c:v>0.21759999999999999</c:v>
                </c:pt>
                <c:pt idx="5676">
                  <c:v>0.2049</c:v>
                </c:pt>
                <c:pt idx="5677">
                  <c:v>0.1968</c:v>
                </c:pt>
                <c:pt idx="5678">
                  <c:v>0.19089999999999999</c:v>
                </c:pt>
                <c:pt idx="5679">
                  <c:v>0.17979999999999999</c:v>
                </c:pt>
                <c:pt idx="5680">
                  <c:v>0.15409999999999999</c:v>
                </c:pt>
                <c:pt idx="5681">
                  <c:v>0.13420000000000001</c:v>
                </c:pt>
                <c:pt idx="5682">
                  <c:v>0.1183</c:v>
                </c:pt>
                <c:pt idx="5683">
                  <c:v>0.1077</c:v>
                </c:pt>
                <c:pt idx="5684">
                  <c:v>0.1013</c:v>
                </c:pt>
                <c:pt idx="5685">
                  <c:v>9.4299999999999995E-2</c:v>
                </c:pt>
                <c:pt idx="5686">
                  <c:v>8.9800000000000005E-2</c:v>
                </c:pt>
                <c:pt idx="5687">
                  <c:v>8.5500000000000007E-2</c:v>
                </c:pt>
                <c:pt idx="5688">
                  <c:v>7.9399999999999998E-2</c:v>
                </c:pt>
                <c:pt idx="5689">
                  <c:v>7.3400000000000007E-2</c:v>
                </c:pt>
                <c:pt idx="5690">
                  <c:v>7.0999999999999994E-2</c:v>
                </c:pt>
                <c:pt idx="5691">
                  <c:v>7.0099999999999996E-2</c:v>
                </c:pt>
                <c:pt idx="5692">
                  <c:v>6.9400000000000003E-2</c:v>
                </c:pt>
                <c:pt idx="5693">
                  <c:v>6.4799999999999996E-2</c:v>
                </c:pt>
                <c:pt idx="5694">
                  <c:v>6.13E-2</c:v>
                </c:pt>
                <c:pt idx="5695">
                  <c:v>6.1100000000000002E-2</c:v>
                </c:pt>
                <c:pt idx="5696">
                  <c:v>6.4799999999999996E-2</c:v>
                </c:pt>
                <c:pt idx="5697">
                  <c:v>6.6100000000000006E-2</c:v>
                </c:pt>
                <c:pt idx="5698">
                  <c:v>6.6699999999999995E-2</c:v>
                </c:pt>
                <c:pt idx="5699">
                  <c:v>6.7500000000000004E-2</c:v>
                </c:pt>
                <c:pt idx="5700">
                  <c:v>6.8199999999999997E-2</c:v>
                </c:pt>
                <c:pt idx="5701">
                  <c:v>6.9500000000000006E-2</c:v>
                </c:pt>
                <c:pt idx="5702">
                  <c:v>7.0999999999999994E-2</c:v>
                </c:pt>
                <c:pt idx="5703">
                  <c:v>7.2900000000000006E-2</c:v>
                </c:pt>
                <c:pt idx="5704">
                  <c:v>7.4999999999999997E-2</c:v>
                </c:pt>
                <c:pt idx="5705">
                  <c:v>7.7700000000000005E-2</c:v>
                </c:pt>
                <c:pt idx="5706">
                  <c:v>8.0199999999999994E-2</c:v>
                </c:pt>
                <c:pt idx="5707">
                  <c:v>8.0799999999999997E-2</c:v>
                </c:pt>
                <c:pt idx="5708">
                  <c:v>8.1100000000000005E-2</c:v>
                </c:pt>
                <c:pt idx="5709">
                  <c:v>8.0100000000000005E-2</c:v>
                </c:pt>
                <c:pt idx="5710">
                  <c:v>7.85E-2</c:v>
                </c:pt>
                <c:pt idx="5711">
                  <c:v>7.6799999999999993E-2</c:v>
                </c:pt>
                <c:pt idx="5712">
                  <c:v>7.6200000000000004E-2</c:v>
                </c:pt>
                <c:pt idx="5713">
                  <c:v>7.4800000000000005E-2</c:v>
                </c:pt>
                <c:pt idx="5714">
                  <c:v>7.3700000000000002E-2</c:v>
                </c:pt>
                <c:pt idx="5715">
                  <c:v>7.1300000000000002E-2</c:v>
                </c:pt>
                <c:pt idx="5716">
                  <c:v>7.0599999999999996E-2</c:v>
                </c:pt>
                <c:pt idx="5717">
                  <c:v>6.9500000000000006E-2</c:v>
                </c:pt>
                <c:pt idx="5718">
                  <c:v>6.9800000000000001E-2</c:v>
                </c:pt>
                <c:pt idx="5719">
                  <c:v>6.9599999999999995E-2</c:v>
                </c:pt>
                <c:pt idx="5720">
                  <c:v>6.8400000000000002E-2</c:v>
                </c:pt>
                <c:pt idx="5721">
                  <c:v>6.7500000000000004E-2</c:v>
                </c:pt>
                <c:pt idx="5722">
                  <c:v>6.8199999999999997E-2</c:v>
                </c:pt>
                <c:pt idx="5723">
                  <c:v>6.7599999999999993E-2</c:v>
                </c:pt>
                <c:pt idx="5724">
                  <c:v>6.6400000000000001E-2</c:v>
                </c:pt>
                <c:pt idx="5725">
                  <c:v>6.2899999999999998E-2</c:v>
                </c:pt>
                <c:pt idx="5726">
                  <c:v>6.2100000000000002E-2</c:v>
                </c:pt>
                <c:pt idx="5727">
                  <c:v>6.0600000000000001E-2</c:v>
                </c:pt>
                <c:pt idx="5728">
                  <c:v>6.08E-2</c:v>
                </c:pt>
                <c:pt idx="5729">
                  <c:v>6.0900000000000003E-2</c:v>
                </c:pt>
                <c:pt idx="5730">
                  <c:v>6.1499999999999999E-2</c:v>
                </c:pt>
                <c:pt idx="5731">
                  <c:v>6.2199999999999998E-2</c:v>
                </c:pt>
                <c:pt idx="5732">
                  <c:v>6.2100000000000002E-2</c:v>
                </c:pt>
                <c:pt idx="5733">
                  <c:v>6.1899999999999997E-2</c:v>
                </c:pt>
                <c:pt idx="5734">
                  <c:v>6.0100000000000001E-2</c:v>
                </c:pt>
                <c:pt idx="5735">
                  <c:v>6.0299999999999999E-2</c:v>
                </c:pt>
                <c:pt idx="5736">
                  <c:v>6.1899999999999997E-2</c:v>
                </c:pt>
                <c:pt idx="5737">
                  <c:v>6.3600000000000004E-2</c:v>
                </c:pt>
                <c:pt idx="5738">
                  <c:v>6.4699999999999994E-2</c:v>
                </c:pt>
                <c:pt idx="5739">
                  <c:v>6.5500000000000003E-2</c:v>
                </c:pt>
                <c:pt idx="5740">
                  <c:v>6.6600000000000006E-2</c:v>
                </c:pt>
                <c:pt idx="5741">
                  <c:v>6.9099999999999995E-2</c:v>
                </c:pt>
                <c:pt idx="5742">
                  <c:v>7.1300000000000002E-2</c:v>
                </c:pt>
                <c:pt idx="5743">
                  <c:v>7.3599999999999999E-2</c:v>
                </c:pt>
                <c:pt idx="5744">
                  <c:v>7.5999999999999998E-2</c:v>
                </c:pt>
                <c:pt idx="5745">
                  <c:v>7.8299999999999995E-2</c:v>
                </c:pt>
                <c:pt idx="5746">
                  <c:v>8.1100000000000005E-2</c:v>
                </c:pt>
                <c:pt idx="5747">
                  <c:v>8.3699999999999997E-2</c:v>
                </c:pt>
                <c:pt idx="5748">
                  <c:v>8.4500000000000006E-2</c:v>
                </c:pt>
                <c:pt idx="5749">
                  <c:v>8.5999999999999993E-2</c:v>
                </c:pt>
                <c:pt idx="5750">
                  <c:v>8.7900000000000006E-2</c:v>
                </c:pt>
                <c:pt idx="5751">
                  <c:v>8.9700000000000002E-2</c:v>
                </c:pt>
                <c:pt idx="5752">
                  <c:v>9.1399999999999995E-2</c:v>
                </c:pt>
                <c:pt idx="5753">
                  <c:v>9.4700000000000006E-2</c:v>
                </c:pt>
                <c:pt idx="5754">
                  <c:v>9.6199999999999994E-2</c:v>
                </c:pt>
                <c:pt idx="5755">
                  <c:v>9.6500000000000002E-2</c:v>
                </c:pt>
                <c:pt idx="5756">
                  <c:v>9.7799999999999998E-2</c:v>
                </c:pt>
                <c:pt idx="5757">
                  <c:v>9.69E-2</c:v>
                </c:pt>
                <c:pt idx="5758">
                  <c:v>9.6199999999999994E-2</c:v>
                </c:pt>
                <c:pt idx="5759">
                  <c:v>9.6600000000000005E-2</c:v>
                </c:pt>
                <c:pt idx="5760">
                  <c:v>9.6100000000000005E-2</c:v>
                </c:pt>
                <c:pt idx="5761">
                  <c:v>9.64E-2</c:v>
                </c:pt>
                <c:pt idx="5762">
                  <c:v>9.7000000000000003E-2</c:v>
                </c:pt>
                <c:pt idx="5763">
                  <c:v>9.69E-2</c:v>
                </c:pt>
                <c:pt idx="5764">
                  <c:v>9.5899999999999999E-2</c:v>
                </c:pt>
                <c:pt idx="5765">
                  <c:v>9.6199999999999994E-2</c:v>
                </c:pt>
                <c:pt idx="5766">
                  <c:v>9.5899999999999999E-2</c:v>
                </c:pt>
                <c:pt idx="5767">
                  <c:v>9.5100000000000004E-2</c:v>
                </c:pt>
                <c:pt idx="5768">
                  <c:v>9.6100000000000005E-2</c:v>
                </c:pt>
                <c:pt idx="5769">
                  <c:v>9.5699999999999993E-2</c:v>
                </c:pt>
                <c:pt idx="5770">
                  <c:v>9.6000000000000002E-2</c:v>
                </c:pt>
                <c:pt idx="5771">
                  <c:v>9.4299999999999995E-2</c:v>
                </c:pt>
                <c:pt idx="5772">
                  <c:v>9.3399999999999997E-2</c:v>
                </c:pt>
                <c:pt idx="5773">
                  <c:v>9.0499999999999997E-2</c:v>
                </c:pt>
                <c:pt idx="5774">
                  <c:v>8.8900000000000007E-2</c:v>
                </c:pt>
                <c:pt idx="5775">
                  <c:v>8.5800000000000001E-2</c:v>
                </c:pt>
                <c:pt idx="5776">
                  <c:v>8.3299999999999999E-2</c:v>
                </c:pt>
                <c:pt idx="5777">
                  <c:v>8.1600000000000006E-2</c:v>
                </c:pt>
                <c:pt idx="5778">
                  <c:v>7.9500000000000001E-2</c:v>
                </c:pt>
                <c:pt idx="5779">
                  <c:v>7.5300000000000006E-2</c:v>
                </c:pt>
                <c:pt idx="5780">
                  <c:v>7.5399999999999995E-2</c:v>
                </c:pt>
                <c:pt idx="5781">
                  <c:v>7.6399999999999996E-2</c:v>
                </c:pt>
                <c:pt idx="5782">
                  <c:v>7.6999999999999999E-2</c:v>
                </c:pt>
                <c:pt idx="5783">
                  <c:v>7.7399999999999997E-2</c:v>
                </c:pt>
                <c:pt idx="5784">
                  <c:v>7.6700000000000004E-2</c:v>
                </c:pt>
                <c:pt idx="5785">
                  <c:v>7.4200000000000002E-2</c:v>
                </c:pt>
                <c:pt idx="5786">
                  <c:v>7.3400000000000007E-2</c:v>
                </c:pt>
                <c:pt idx="5787">
                  <c:v>7.2599999999999998E-2</c:v>
                </c:pt>
                <c:pt idx="5788">
                  <c:v>7.4399999999999994E-2</c:v>
                </c:pt>
                <c:pt idx="5789">
                  <c:v>7.5200000000000003E-2</c:v>
                </c:pt>
                <c:pt idx="5790">
                  <c:v>7.7200000000000005E-2</c:v>
                </c:pt>
                <c:pt idx="5791">
                  <c:v>7.8E-2</c:v>
                </c:pt>
                <c:pt idx="5792">
                  <c:v>7.6700000000000004E-2</c:v>
                </c:pt>
                <c:pt idx="5793">
                  <c:v>7.6200000000000004E-2</c:v>
                </c:pt>
                <c:pt idx="5794">
                  <c:v>7.0400000000000004E-2</c:v>
                </c:pt>
                <c:pt idx="5795">
                  <c:v>6.5799999999999997E-2</c:v>
                </c:pt>
                <c:pt idx="5796">
                  <c:v>6.9699999999999998E-2</c:v>
                </c:pt>
                <c:pt idx="5797">
                  <c:v>7.1300000000000002E-2</c:v>
                </c:pt>
                <c:pt idx="5798">
                  <c:v>7.1999999999999995E-2</c:v>
                </c:pt>
                <c:pt idx="5799">
                  <c:v>7.6399999999999996E-2</c:v>
                </c:pt>
                <c:pt idx="5800">
                  <c:v>8.2400000000000001E-2</c:v>
                </c:pt>
                <c:pt idx="5801">
                  <c:v>8.7499999999999994E-2</c:v>
                </c:pt>
                <c:pt idx="5802">
                  <c:v>8.9800000000000005E-2</c:v>
                </c:pt>
                <c:pt idx="5803">
                  <c:v>0.10050000000000001</c:v>
                </c:pt>
                <c:pt idx="5804">
                  <c:v>0.1022</c:v>
                </c:pt>
                <c:pt idx="5805">
                  <c:v>0.1096</c:v>
                </c:pt>
                <c:pt idx="5806">
                  <c:v>0.1147</c:v>
                </c:pt>
                <c:pt idx="5807">
                  <c:v>0.1114</c:v>
                </c:pt>
                <c:pt idx="5808">
                  <c:v>0.1053</c:v>
                </c:pt>
                <c:pt idx="5809">
                  <c:v>0.1124</c:v>
                </c:pt>
                <c:pt idx="5810">
                  <c:v>0.126</c:v>
                </c:pt>
                <c:pt idx="5811">
                  <c:v>0.1305</c:v>
                </c:pt>
                <c:pt idx="5812">
                  <c:v>0.1474</c:v>
                </c:pt>
                <c:pt idx="5813">
                  <c:v>0.16839999999999999</c:v>
                </c:pt>
                <c:pt idx="5814">
                  <c:v>0.18140000000000001</c:v>
                </c:pt>
                <c:pt idx="5815">
                  <c:v>0.1956</c:v>
                </c:pt>
                <c:pt idx="5816">
                  <c:v>0.2167</c:v>
                </c:pt>
                <c:pt idx="5817">
                  <c:v>0.23169999999999999</c:v>
                </c:pt>
                <c:pt idx="5818">
                  <c:v>0.23769999999999999</c:v>
                </c:pt>
                <c:pt idx="5819">
                  <c:v>0.2414</c:v>
                </c:pt>
                <c:pt idx="5820">
                  <c:v>0.24429999999999999</c:v>
                </c:pt>
                <c:pt idx="5821">
                  <c:v>0.2384</c:v>
                </c:pt>
                <c:pt idx="5822">
                  <c:v>0.2364</c:v>
                </c:pt>
                <c:pt idx="5823">
                  <c:v>0.23680000000000001</c:v>
                </c:pt>
                <c:pt idx="5824">
                  <c:v>0.23380000000000001</c:v>
                </c:pt>
                <c:pt idx="5825">
                  <c:v>0.21190000000000001</c:v>
                </c:pt>
                <c:pt idx="5826">
                  <c:v>0.20039999999999999</c:v>
                </c:pt>
                <c:pt idx="5827">
                  <c:v>0.18640000000000001</c:v>
                </c:pt>
                <c:pt idx="5828">
                  <c:v>0.16250000000000001</c:v>
                </c:pt>
                <c:pt idx="5829">
                  <c:v>0.1537</c:v>
                </c:pt>
                <c:pt idx="5830">
                  <c:v>0.13930000000000001</c:v>
                </c:pt>
                <c:pt idx="5831">
                  <c:v>0.13869999999999999</c:v>
                </c:pt>
                <c:pt idx="5832">
                  <c:v>0.1487</c:v>
                </c:pt>
                <c:pt idx="5833">
                  <c:v>0.1439</c:v>
                </c:pt>
                <c:pt idx="5834">
                  <c:v>0.1474</c:v>
                </c:pt>
                <c:pt idx="5835">
                  <c:v>0.1487</c:v>
                </c:pt>
                <c:pt idx="5836">
                  <c:v>0.14879999999999999</c:v>
                </c:pt>
                <c:pt idx="5837">
                  <c:v>0.14199999999999999</c:v>
                </c:pt>
                <c:pt idx="5838">
                  <c:v>0.13569999999999999</c:v>
                </c:pt>
                <c:pt idx="5839">
                  <c:v>0.1245</c:v>
                </c:pt>
                <c:pt idx="5840">
                  <c:v>0.1196</c:v>
                </c:pt>
                <c:pt idx="5841">
                  <c:v>0.1134</c:v>
                </c:pt>
                <c:pt idx="5842">
                  <c:v>0.1075</c:v>
                </c:pt>
                <c:pt idx="5843">
                  <c:v>9.8500000000000004E-2</c:v>
                </c:pt>
                <c:pt idx="5844">
                  <c:v>8.6300000000000002E-2</c:v>
                </c:pt>
                <c:pt idx="5845">
                  <c:v>7.0699999999999999E-2</c:v>
                </c:pt>
                <c:pt idx="5846">
                  <c:v>5.4600000000000003E-2</c:v>
                </c:pt>
                <c:pt idx="5847">
                  <c:v>4.36E-2</c:v>
                </c:pt>
                <c:pt idx="5848">
                  <c:v>3.9800000000000002E-2</c:v>
                </c:pt>
                <c:pt idx="5849">
                  <c:v>3.5099999999999999E-2</c:v>
                </c:pt>
                <c:pt idx="5850">
                  <c:v>3.4799999999999998E-2</c:v>
                </c:pt>
                <c:pt idx="5851">
                  <c:v>3.8300000000000001E-2</c:v>
                </c:pt>
                <c:pt idx="5852">
                  <c:v>4.1700000000000001E-2</c:v>
                </c:pt>
                <c:pt idx="5853">
                  <c:v>4.5900000000000003E-2</c:v>
                </c:pt>
                <c:pt idx="5854">
                  <c:v>4.6800000000000001E-2</c:v>
                </c:pt>
                <c:pt idx="5855">
                  <c:v>4.8300000000000003E-2</c:v>
                </c:pt>
                <c:pt idx="5856">
                  <c:v>4.8399999999999999E-2</c:v>
                </c:pt>
                <c:pt idx="5857">
                  <c:v>4.9500000000000002E-2</c:v>
                </c:pt>
                <c:pt idx="5858">
                  <c:v>5.0799999999999998E-2</c:v>
                </c:pt>
                <c:pt idx="5859">
                  <c:v>5.1700000000000003E-2</c:v>
                </c:pt>
                <c:pt idx="5860">
                  <c:v>5.2299999999999999E-2</c:v>
                </c:pt>
                <c:pt idx="5861">
                  <c:v>5.6399999999999999E-2</c:v>
                </c:pt>
                <c:pt idx="5862">
                  <c:v>6.0100000000000001E-2</c:v>
                </c:pt>
                <c:pt idx="5863">
                  <c:v>6.0999999999999999E-2</c:v>
                </c:pt>
                <c:pt idx="5864">
                  <c:v>5.3600000000000002E-2</c:v>
                </c:pt>
                <c:pt idx="5865">
                  <c:v>4.9099999999999998E-2</c:v>
                </c:pt>
                <c:pt idx="5866">
                  <c:v>4.48E-2</c:v>
                </c:pt>
                <c:pt idx="5867">
                  <c:v>4.3499999999999997E-2</c:v>
                </c:pt>
                <c:pt idx="5868">
                  <c:v>4.0800000000000003E-2</c:v>
                </c:pt>
                <c:pt idx="5869">
                  <c:v>4.9500000000000002E-2</c:v>
                </c:pt>
                <c:pt idx="5870">
                  <c:v>5.7099999999999998E-2</c:v>
                </c:pt>
                <c:pt idx="5871">
                  <c:v>6.7500000000000004E-2</c:v>
                </c:pt>
                <c:pt idx="5872">
                  <c:v>7.8700000000000006E-2</c:v>
                </c:pt>
                <c:pt idx="5873">
                  <c:v>8.9700000000000002E-2</c:v>
                </c:pt>
                <c:pt idx="5874">
                  <c:v>8.5599999999999996E-2</c:v>
                </c:pt>
                <c:pt idx="5875">
                  <c:v>9.5200000000000007E-2</c:v>
                </c:pt>
                <c:pt idx="5876">
                  <c:v>0.1109</c:v>
                </c:pt>
                <c:pt idx="5877">
                  <c:v>0.1203</c:v>
                </c:pt>
                <c:pt idx="5878">
                  <c:v>0.152</c:v>
                </c:pt>
                <c:pt idx="5879">
                  <c:v>0.18609999999999999</c:v>
                </c:pt>
                <c:pt idx="5880">
                  <c:v>0.20599999999999999</c:v>
                </c:pt>
                <c:pt idx="5881">
                  <c:v>0.2286</c:v>
                </c:pt>
                <c:pt idx="5882">
                  <c:v>0.2442</c:v>
                </c:pt>
                <c:pt idx="5883">
                  <c:v>0.25679999999999997</c:v>
                </c:pt>
                <c:pt idx="5884">
                  <c:v>0.254</c:v>
                </c:pt>
                <c:pt idx="5885">
                  <c:v>0.24579999999999999</c:v>
                </c:pt>
                <c:pt idx="5886">
                  <c:v>0.23430000000000001</c:v>
                </c:pt>
                <c:pt idx="5887">
                  <c:v>0.21870000000000001</c:v>
                </c:pt>
                <c:pt idx="5888">
                  <c:v>0.2107</c:v>
                </c:pt>
                <c:pt idx="5889">
                  <c:v>0.20480000000000001</c:v>
                </c:pt>
                <c:pt idx="5890">
                  <c:v>0.19670000000000001</c:v>
                </c:pt>
                <c:pt idx="5891">
                  <c:v>0.18490000000000001</c:v>
                </c:pt>
                <c:pt idx="5892">
                  <c:v>0.16350000000000001</c:v>
                </c:pt>
                <c:pt idx="5893">
                  <c:v>0.14530000000000001</c:v>
                </c:pt>
                <c:pt idx="5894">
                  <c:v>9.8500000000000004E-2</c:v>
                </c:pt>
                <c:pt idx="5895">
                  <c:v>7.2800000000000004E-2</c:v>
                </c:pt>
                <c:pt idx="5896">
                  <c:v>0.06</c:v>
                </c:pt>
                <c:pt idx="5897">
                  <c:v>5.7299999999999997E-2</c:v>
                </c:pt>
                <c:pt idx="5898">
                  <c:v>6.3100000000000003E-2</c:v>
                </c:pt>
                <c:pt idx="5899">
                  <c:v>6.7199999999999996E-2</c:v>
                </c:pt>
                <c:pt idx="5900">
                  <c:v>7.0800000000000002E-2</c:v>
                </c:pt>
                <c:pt idx="5901">
                  <c:v>7.7499999999999999E-2</c:v>
                </c:pt>
                <c:pt idx="5902">
                  <c:v>7.7299999999999994E-2</c:v>
                </c:pt>
                <c:pt idx="5903">
                  <c:v>7.0800000000000002E-2</c:v>
                </c:pt>
                <c:pt idx="5904">
                  <c:v>7.0199999999999999E-2</c:v>
                </c:pt>
                <c:pt idx="5905">
                  <c:v>6.5799999999999997E-2</c:v>
                </c:pt>
                <c:pt idx="5906">
                  <c:v>6.6500000000000004E-2</c:v>
                </c:pt>
                <c:pt idx="5907">
                  <c:v>6.2300000000000001E-2</c:v>
                </c:pt>
                <c:pt idx="5908">
                  <c:v>6.1899999999999997E-2</c:v>
                </c:pt>
                <c:pt idx="5909">
                  <c:v>6.5299999999999997E-2</c:v>
                </c:pt>
                <c:pt idx="5910">
                  <c:v>6.83E-2</c:v>
                </c:pt>
                <c:pt idx="5911">
                  <c:v>7.3099999999999998E-2</c:v>
                </c:pt>
                <c:pt idx="5912">
                  <c:v>7.0999999999999994E-2</c:v>
                </c:pt>
                <c:pt idx="5913">
                  <c:v>6.5199999999999994E-2</c:v>
                </c:pt>
                <c:pt idx="5914">
                  <c:v>6.6799999999999998E-2</c:v>
                </c:pt>
                <c:pt idx="5915">
                  <c:v>7.0699999999999999E-2</c:v>
                </c:pt>
                <c:pt idx="5916">
                  <c:v>7.5399999999999995E-2</c:v>
                </c:pt>
                <c:pt idx="5917">
                  <c:v>6.7100000000000007E-2</c:v>
                </c:pt>
                <c:pt idx="5918">
                  <c:v>6.7599999999999993E-2</c:v>
                </c:pt>
                <c:pt idx="5919">
                  <c:v>6.5699999999999995E-2</c:v>
                </c:pt>
                <c:pt idx="5920">
                  <c:v>6.3500000000000001E-2</c:v>
                </c:pt>
                <c:pt idx="5921">
                  <c:v>6.5199999999999994E-2</c:v>
                </c:pt>
                <c:pt idx="5922">
                  <c:v>6.6900000000000001E-2</c:v>
                </c:pt>
                <c:pt idx="5923">
                  <c:v>6.7500000000000004E-2</c:v>
                </c:pt>
                <c:pt idx="5924">
                  <c:v>6.6600000000000006E-2</c:v>
                </c:pt>
                <c:pt idx="5925">
                  <c:v>6.3600000000000004E-2</c:v>
                </c:pt>
                <c:pt idx="5926">
                  <c:v>6.0499999999999998E-2</c:v>
                </c:pt>
                <c:pt idx="5927">
                  <c:v>5.96E-2</c:v>
                </c:pt>
                <c:pt idx="5928">
                  <c:v>5.7299999999999997E-2</c:v>
                </c:pt>
                <c:pt idx="5929">
                  <c:v>5.7200000000000001E-2</c:v>
                </c:pt>
                <c:pt idx="5930">
                  <c:v>5.6300000000000003E-2</c:v>
                </c:pt>
                <c:pt idx="5931">
                  <c:v>5.0799999999999998E-2</c:v>
                </c:pt>
                <c:pt idx="5932">
                  <c:v>5.0500000000000003E-2</c:v>
                </c:pt>
                <c:pt idx="5933">
                  <c:v>5.4600000000000003E-2</c:v>
                </c:pt>
                <c:pt idx="5934">
                  <c:v>5.8299999999999998E-2</c:v>
                </c:pt>
                <c:pt idx="5935">
                  <c:v>6.0699999999999997E-2</c:v>
                </c:pt>
                <c:pt idx="5936">
                  <c:v>5.9499999999999997E-2</c:v>
                </c:pt>
                <c:pt idx="5937">
                  <c:v>6.2899999999999998E-2</c:v>
                </c:pt>
                <c:pt idx="5938">
                  <c:v>6.8400000000000002E-2</c:v>
                </c:pt>
                <c:pt idx="5939">
                  <c:v>7.0599999999999996E-2</c:v>
                </c:pt>
                <c:pt idx="5940">
                  <c:v>8.0399999999999999E-2</c:v>
                </c:pt>
                <c:pt idx="5941">
                  <c:v>9.5000000000000001E-2</c:v>
                </c:pt>
                <c:pt idx="5942">
                  <c:v>0.1197</c:v>
                </c:pt>
                <c:pt idx="5943">
                  <c:v>0.1414</c:v>
                </c:pt>
                <c:pt idx="5944">
                  <c:v>0.15690000000000001</c:v>
                </c:pt>
                <c:pt idx="5945">
                  <c:v>0.16789999999999999</c:v>
                </c:pt>
                <c:pt idx="5946">
                  <c:v>0.17499999999999999</c:v>
                </c:pt>
                <c:pt idx="5947">
                  <c:v>0.17130000000000001</c:v>
                </c:pt>
                <c:pt idx="5948">
                  <c:v>0.16950000000000001</c:v>
                </c:pt>
                <c:pt idx="5949">
                  <c:v>0.15770000000000001</c:v>
                </c:pt>
                <c:pt idx="5950">
                  <c:v>0.13819999999999999</c:v>
                </c:pt>
                <c:pt idx="5951">
                  <c:v>0.13769999999999999</c:v>
                </c:pt>
                <c:pt idx="5952">
                  <c:v>0.14610000000000001</c:v>
                </c:pt>
                <c:pt idx="5953">
                  <c:v>0.15540000000000001</c:v>
                </c:pt>
                <c:pt idx="5954">
                  <c:v>0.151</c:v>
                </c:pt>
                <c:pt idx="5955">
                  <c:v>0.16270000000000001</c:v>
                </c:pt>
                <c:pt idx="5956">
                  <c:v>0.1666</c:v>
                </c:pt>
                <c:pt idx="5957">
                  <c:v>0.1993</c:v>
                </c:pt>
                <c:pt idx="5958">
                  <c:v>0.21820000000000001</c:v>
                </c:pt>
                <c:pt idx="5959">
                  <c:v>0.22539999999999999</c:v>
                </c:pt>
                <c:pt idx="5960">
                  <c:v>0.2303</c:v>
                </c:pt>
                <c:pt idx="5961">
                  <c:v>0.24759999999999999</c:v>
                </c:pt>
                <c:pt idx="5962">
                  <c:v>0.24779999999999999</c:v>
                </c:pt>
                <c:pt idx="5963">
                  <c:v>0.26650000000000001</c:v>
                </c:pt>
                <c:pt idx="5964">
                  <c:v>0.26850000000000002</c:v>
                </c:pt>
                <c:pt idx="5965">
                  <c:v>0.2631</c:v>
                </c:pt>
                <c:pt idx="5966">
                  <c:v>0.25359999999999999</c:v>
                </c:pt>
                <c:pt idx="5967">
                  <c:v>0.24349999999999999</c:v>
                </c:pt>
                <c:pt idx="5968">
                  <c:v>0.23280000000000001</c:v>
                </c:pt>
                <c:pt idx="5969">
                  <c:v>0.23769999999999999</c:v>
                </c:pt>
                <c:pt idx="5970">
                  <c:v>0.2354</c:v>
                </c:pt>
                <c:pt idx="5971">
                  <c:v>0.23380000000000001</c:v>
                </c:pt>
                <c:pt idx="5972">
                  <c:v>0.21379999999999999</c:v>
                </c:pt>
                <c:pt idx="5973">
                  <c:v>0.1883</c:v>
                </c:pt>
                <c:pt idx="5974">
                  <c:v>0.17069999999999999</c:v>
                </c:pt>
                <c:pt idx="5975">
                  <c:v>0.17380000000000001</c:v>
                </c:pt>
                <c:pt idx="5976">
                  <c:v>0.15049999999999999</c:v>
                </c:pt>
                <c:pt idx="5977">
                  <c:v>0.12790000000000001</c:v>
                </c:pt>
                <c:pt idx="5978">
                  <c:v>0.1182</c:v>
                </c:pt>
                <c:pt idx="5979">
                  <c:v>0.1181</c:v>
                </c:pt>
                <c:pt idx="5980">
                  <c:v>0.1207</c:v>
                </c:pt>
                <c:pt idx="5981">
                  <c:v>0.12239999999999999</c:v>
                </c:pt>
                <c:pt idx="5982">
                  <c:v>0.12280000000000001</c:v>
                </c:pt>
                <c:pt idx="5983">
                  <c:v>0.1178</c:v>
                </c:pt>
                <c:pt idx="5984">
                  <c:v>0.1158</c:v>
                </c:pt>
                <c:pt idx="5985">
                  <c:v>0.1308</c:v>
                </c:pt>
                <c:pt idx="5986">
                  <c:v>0.13930000000000001</c:v>
                </c:pt>
                <c:pt idx="5987">
                  <c:v>0.14810000000000001</c:v>
                </c:pt>
                <c:pt idx="5988">
                  <c:v>0.15820000000000001</c:v>
                </c:pt>
                <c:pt idx="5989">
                  <c:v>0.1754</c:v>
                </c:pt>
                <c:pt idx="5990">
                  <c:v>0.19259999999999999</c:v>
                </c:pt>
                <c:pt idx="5991">
                  <c:v>0.20180000000000001</c:v>
                </c:pt>
                <c:pt idx="5992">
                  <c:v>0.21129999999999999</c:v>
                </c:pt>
                <c:pt idx="5993">
                  <c:v>0.222</c:v>
                </c:pt>
                <c:pt idx="5994">
                  <c:v>0.2122</c:v>
                </c:pt>
                <c:pt idx="5995">
                  <c:v>0.21129999999999999</c:v>
                </c:pt>
                <c:pt idx="5996">
                  <c:v>0.2041</c:v>
                </c:pt>
                <c:pt idx="5997">
                  <c:v>0.1966</c:v>
                </c:pt>
                <c:pt idx="5998">
                  <c:v>0.18679999999999999</c:v>
                </c:pt>
                <c:pt idx="5999">
                  <c:v>0.1769</c:v>
                </c:pt>
                <c:pt idx="6000">
                  <c:v>0.1749</c:v>
                </c:pt>
                <c:pt idx="6001">
                  <c:v>0.17030000000000001</c:v>
                </c:pt>
                <c:pt idx="6002">
                  <c:v>0.16200000000000001</c:v>
                </c:pt>
                <c:pt idx="6003">
                  <c:v>0.16020000000000001</c:v>
                </c:pt>
                <c:pt idx="6004">
                  <c:v>0.16289999999999999</c:v>
                </c:pt>
                <c:pt idx="6005">
                  <c:v>0.15740000000000001</c:v>
                </c:pt>
                <c:pt idx="6006">
                  <c:v>0.1426</c:v>
                </c:pt>
                <c:pt idx="6007">
                  <c:v>0.13850000000000001</c:v>
                </c:pt>
                <c:pt idx="6008">
                  <c:v>0.1333</c:v>
                </c:pt>
                <c:pt idx="6009">
                  <c:v>0.1235</c:v>
                </c:pt>
                <c:pt idx="6010">
                  <c:v>0.1164</c:v>
                </c:pt>
                <c:pt idx="6011">
                  <c:v>0.1211</c:v>
                </c:pt>
                <c:pt idx="6012">
                  <c:v>0.124</c:v>
                </c:pt>
                <c:pt idx="6013">
                  <c:v>0.13170000000000001</c:v>
                </c:pt>
                <c:pt idx="6014">
                  <c:v>0.1389</c:v>
                </c:pt>
                <c:pt idx="6015">
                  <c:v>0.1424</c:v>
                </c:pt>
                <c:pt idx="6016">
                  <c:v>0.14030000000000001</c:v>
                </c:pt>
                <c:pt idx="6017">
                  <c:v>0.13389999999999999</c:v>
                </c:pt>
                <c:pt idx="6018">
                  <c:v>0.13</c:v>
                </c:pt>
                <c:pt idx="6019">
                  <c:v>0.1323</c:v>
                </c:pt>
                <c:pt idx="6020">
                  <c:v>0.13039999999999999</c:v>
                </c:pt>
                <c:pt idx="6021">
                  <c:v>0.1308</c:v>
                </c:pt>
                <c:pt idx="6022">
                  <c:v>0.13189999999999999</c:v>
                </c:pt>
                <c:pt idx="6023">
                  <c:v>0.1244</c:v>
                </c:pt>
                <c:pt idx="6024">
                  <c:v>0.12</c:v>
                </c:pt>
                <c:pt idx="6025">
                  <c:v>0.114</c:v>
                </c:pt>
                <c:pt idx="6026">
                  <c:v>0.1091</c:v>
                </c:pt>
                <c:pt idx="6027">
                  <c:v>0.1046</c:v>
                </c:pt>
                <c:pt idx="6028">
                  <c:v>9.98E-2</c:v>
                </c:pt>
                <c:pt idx="6029">
                  <c:v>9.5500000000000002E-2</c:v>
                </c:pt>
                <c:pt idx="6030">
                  <c:v>9.8299999999999998E-2</c:v>
                </c:pt>
                <c:pt idx="6031">
                  <c:v>9.7699999999999995E-2</c:v>
                </c:pt>
                <c:pt idx="6032">
                  <c:v>0.10100000000000001</c:v>
                </c:pt>
                <c:pt idx="6033">
                  <c:v>0.10059999999999999</c:v>
                </c:pt>
                <c:pt idx="6034">
                  <c:v>0.1014</c:v>
                </c:pt>
                <c:pt idx="6035">
                  <c:v>0.1089</c:v>
                </c:pt>
                <c:pt idx="6036">
                  <c:v>0.114</c:v>
                </c:pt>
                <c:pt idx="6037">
                  <c:v>0.1113</c:v>
                </c:pt>
                <c:pt idx="6038">
                  <c:v>0.111</c:v>
                </c:pt>
                <c:pt idx="6039">
                  <c:v>0.1041</c:v>
                </c:pt>
                <c:pt idx="6040">
                  <c:v>0.1047</c:v>
                </c:pt>
                <c:pt idx="6041">
                  <c:v>0.1071</c:v>
                </c:pt>
                <c:pt idx="6042">
                  <c:v>0.1109</c:v>
                </c:pt>
                <c:pt idx="6043">
                  <c:v>0.11070000000000001</c:v>
                </c:pt>
                <c:pt idx="6044">
                  <c:v>0.1053</c:v>
                </c:pt>
                <c:pt idx="6045">
                  <c:v>0.10639999999999999</c:v>
                </c:pt>
                <c:pt idx="6046">
                  <c:v>0.11070000000000001</c:v>
                </c:pt>
                <c:pt idx="6047">
                  <c:v>0.1142</c:v>
                </c:pt>
                <c:pt idx="6048">
                  <c:v>0.1176</c:v>
                </c:pt>
                <c:pt idx="6049">
                  <c:v>0.1173</c:v>
                </c:pt>
                <c:pt idx="6050">
                  <c:v>0.1197</c:v>
                </c:pt>
                <c:pt idx="6051">
                  <c:v>0.1177</c:v>
                </c:pt>
                <c:pt idx="6052">
                  <c:v>0.1149</c:v>
                </c:pt>
                <c:pt idx="6053">
                  <c:v>0.107</c:v>
                </c:pt>
                <c:pt idx="6054">
                  <c:v>0.10050000000000001</c:v>
                </c:pt>
                <c:pt idx="6055">
                  <c:v>9.1499999999999998E-2</c:v>
                </c:pt>
                <c:pt idx="6056">
                  <c:v>8.4500000000000006E-2</c:v>
                </c:pt>
                <c:pt idx="6057">
                  <c:v>7.9100000000000004E-2</c:v>
                </c:pt>
                <c:pt idx="6058">
                  <c:v>7.3599999999999999E-2</c:v>
                </c:pt>
                <c:pt idx="6059">
                  <c:v>7.2400000000000006E-2</c:v>
                </c:pt>
                <c:pt idx="6060">
                  <c:v>7.0300000000000001E-2</c:v>
                </c:pt>
                <c:pt idx="6061">
                  <c:v>6.8000000000000005E-2</c:v>
                </c:pt>
                <c:pt idx="6062">
                  <c:v>6.3500000000000001E-2</c:v>
                </c:pt>
                <c:pt idx="6063">
                  <c:v>6.2E-2</c:v>
                </c:pt>
                <c:pt idx="6064">
                  <c:v>6.0600000000000001E-2</c:v>
                </c:pt>
                <c:pt idx="6065">
                  <c:v>6.0699999999999997E-2</c:v>
                </c:pt>
                <c:pt idx="6066">
                  <c:v>6.1699999999999998E-2</c:v>
                </c:pt>
                <c:pt idx="6067">
                  <c:v>6.1899999999999997E-2</c:v>
                </c:pt>
                <c:pt idx="6068">
                  <c:v>6.3399999999999998E-2</c:v>
                </c:pt>
                <c:pt idx="6069">
                  <c:v>6.3700000000000007E-2</c:v>
                </c:pt>
                <c:pt idx="6070">
                  <c:v>6.3E-2</c:v>
                </c:pt>
                <c:pt idx="6071">
                  <c:v>6.0900000000000003E-2</c:v>
                </c:pt>
                <c:pt idx="6072">
                  <c:v>6.0900000000000003E-2</c:v>
                </c:pt>
                <c:pt idx="6073">
                  <c:v>6.2100000000000002E-2</c:v>
                </c:pt>
                <c:pt idx="6074">
                  <c:v>6.2399999999999997E-2</c:v>
                </c:pt>
                <c:pt idx="6075">
                  <c:v>6.08E-2</c:v>
                </c:pt>
                <c:pt idx="6076">
                  <c:v>5.9200000000000003E-2</c:v>
                </c:pt>
                <c:pt idx="6077">
                  <c:v>5.8999999999999997E-2</c:v>
                </c:pt>
                <c:pt idx="6078">
                  <c:v>5.4899999999999997E-2</c:v>
                </c:pt>
                <c:pt idx="6079">
                  <c:v>5.2299999999999999E-2</c:v>
                </c:pt>
                <c:pt idx="6080">
                  <c:v>5.1900000000000002E-2</c:v>
                </c:pt>
                <c:pt idx="6081">
                  <c:v>5.1400000000000001E-2</c:v>
                </c:pt>
                <c:pt idx="6082">
                  <c:v>5.11E-2</c:v>
                </c:pt>
                <c:pt idx="6083">
                  <c:v>4.7800000000000002E-2</c:v>
                </c:pt>
                <c:pt idx="6084">
                  <c:v>4.6800000000000001E-2</c:v>
                </c:pt>
                <c:pt idx="6085">
                  <c:v>4.6100000000000002E-2</c:v>
                </c:pt>
                <c:pt idx="6086">
                  <c:v>4.5699999999999998E-2</c:v>
                </c:pt>
                <c:pt idx="6087">
                  <c:v>4.2900000000000001E-2</c:v>
                </c:pt>
                <c:pt idx="6088">
                  <c:v>4.3700000000000003E-2</c:v>
                </c:pt>
                <c:pt idx="6089">
                  <c:v>4.3299999999999998E-2</c:v>
                </c:pt>
                <c:pt idx="6090">
                  <c:v>4.19E-2</c:v>
                </c:pt>
                <c:pt idx="6091">
                  <c:v>4.53E-2</c:v>
                </c:pt>
                <c:pt idx="6092">
                  <c:v>4.5900000000000003E-2</c:v>
                </c:pt>
                <c:pt idx="6093">
                  <c:v>4.6199999999999998E-2</c:v>
                </c:pt>
                <c:pt idx="6094">
                  <c:v>4.6199999999999998E-2</c:v>
                </c:pt>
                <c:pt idx="6095">
                  <c:v>4.6199999999999998E-2</c:v>
                </c:pt>
                <c:pt idx="6096">
                  <c:v>4.5199999999999997E-2</c:v>
                </c:pt>
                <c:pt idx="6097">
                  <c:v>4.7600000000000003E-2</c:v>
                </c:pt>
                <c:pt idx="6098">
                  <c:v>4.7300000000000002E-2</c:v>
                </c:pt>
                <c:pt idx="6099">
                  <c:v>4.6399999999999997E-2</c:v>
                </c:pt>
                <c:pt idx="6100">
                  <c:v>4.9200000000000001E-2</c:v>
                </c:pt>
                <c:pt idx="6101">
                  <c:v>4.8899999999999999E-2</c:v>
                </c:pt>
                <c:pt idx="6102">
                  <c:v>5.0200000000000002E-2</c:v>
                </c:pt>
                <c:pt idx="6103">
                  <c:v>5.0799999999999998E-2</c:v>
                </c:pt>
                <c:pt idx="6104">
                  <c:v>5.2900000000000003E-2</c:v>
                </c:pt>
                <c:pt idx="6105">
                  <c:v>5.3999999999999999E-2</c:v>
                </c:pt>
                <c:pt idx="6106">
                  <c:v>5.45E-2</c:v>
                </c:pt>
                <c:pt idx="6107">
                  <c:v>5.5199999999999999E-2</c:v>
                </c:pt>
                <c:pt idx="6108">
                  <c:v>5.5100000000000003E-2</c:v>
                </c:pt>
                <c:pt idx="6109">
                  <c:v>5.7799999999999997E-2</c:v>
                </c:pt>
                <c:pt idx="6110">
                  <c:v>5.8700000000000002E-2</c:v>
                </c:pt>
                <c:pt idx="6111">
                  <c:v>6.0299999999999999E-2</c:v>
                </c:pt>
                <c:pt idx="6112">
                  <c:v>6.08E-2</c:v>
                </c:pt>
                <c:pt idx="6113">
                  <c:v>6.2899999999999998E-2</c:v>
                </c:pt>
                <c:pt idx="6114">
                  <c:v>6.3799999999999996E-2</c:v>
                </c:pt>
                <c:pt idx="6115">
                  <c:v>6.59E-2</c:v>
                </c:pt>
                <c:pt idx="6116">
                  <c:v>6.3600000000000004E-2</c:v>
                </c:pt>
                <c:pt idx="6117">
                  <c:v>6.2300000000000001E-2</c:v>
                </c:pt>
                <c:pt idx="6118">
                  <c:v>6.2799999999999995E-2</c:v>
                </c:pt>
                <c:pt idx="6119">
                  <c:v>6.2E-2</c:v>
                </c:pt>
                <c:pt idx="6120">
                  <c:v>6.3100000000000003E-2</c:v>
                </c:pt>
                <c:pt idx="6121">
                  <c:v>6.3700000000000007E-2</c:v>
                </c:pt>
                <c:pt idx="6122">
                  <c:v>6.9500000000000006E-2</c:v>
                </c:pt>
                <c:pt idx="6123">
                  <c:v>7.6999999999999999E-2</c:v>
                </c:pt>
                <c:pt idx="6124">
                  <c:v>7.9299999999999995E-2</c:v>
                </c:pt>
                <c:pt idx="6125">
                  <c:v>7.8200000000000006E-2</c:v>
                </c:pt>
                <c:pt idx="6126">
                  <c:v>7.7399999999999997E-2</c:v>
                </c:pt>
                <c:pt idx="6127">
                  <c:v>7.8399999999999997E-2</c:v>
                </c:pt>
                <c:pt idx="6128">
                  <c:v>7.7899999999999997E-2</c:v>
                </c:pt>
                <c:pt idx="6129">
                  <c:v>8.2799999999999999E-2</c:v>
                </c:pt>
                <c:pt idx="6130">
                  <c:v>9.0300000000000005E-2</c:v>
                </c:pt>
                <c:pt idx="6131">
                  <c:v>9.5000000000000001E-2</c:v>
                </c:pt>
                <c:pt idx="6132">
                  <c:v>9.4899999999999998E-2</c:v>
                </c:pt>
                <c:pt idx="6133">
                  <c:v>0.1008</c:v>
                </c:pt>
                <c:pt idx="6134">
                  <c:v>9.8299999999999998E-2</c:v>
                </c:pt>
                <c:pt idx="6135">
                  <c:v>9.7900000000000001E-2</c:v>
                </c:pt>
                <c:pt idx="6136">
                  <c:v>9.6500000000000002E-2</c:v>
                </c:pt>
                <c:pt idx="6137">
                  <c:v>9.2299999999999993E-2</c:v>
                </c:pt>
                <c:pt idx="6138">
                  <c:v>8.7900000000000006E-2</c:v>
                </c:pt>
                <c:pt idx="6139">
                  <c:v>8.1500000000000003E-2</c:v>
                </c:pt>
                <c:pt idx="6140">
                  <c:v>7.5800000000000006E-2</c:v>
                </c:pt>
                <c:pt idx="6141">
                  <c:v>7.1999999999999995E-2</c:v>
                </c:pt>
                <c:pt idx="6142">
                  <c:v>6.5600000000000006E-2</c:v>
                </c:pt>
                <c:pt idx="6143">
                  <c:v>6.1100000000000002E-2</c:v>
                </c:pt>
                <c:pt idx="6144">
                  <c:v>5.5899999999999998E-2</c:v>
                </c:pt>
                <c:pt idx="6145">
                  <c:v>5.5300000000000002E-2</c:v>
                </c:pt>
                <c:pt idx="6146">
                  <c:v>5.57E-2</c:v>
                </c:pt>
                <c:pt idx="6147">
                  <c:v>6.0900000000000003E-2</c:v>
                </c:pt>
                <c:pt idx="6148">
                  <c:v>5.7500000000000002E-2</c:v>
                </c:pt>
                <c:pt idx="6149">
                  <c:v>6.2399999999999997E-2</c:v>
                </c:pt>
                <c:pt idx="6150">
                  <c:v>6.2899999999999998E-2</c:v>
                </c:pt>
                <c:pt idx="6151">
                  <c:v>6.1600000000000002E-2</c:v>
                </c:pt>
                <c:pt idx="6152">
                  <c:v>6.3399999999999998E-2</c:v>
                </c:pt>
                <c:pt idx="6153">
                  <c:v>6.6299999999999998E-2</c:v>
                </c:pt>
                <c:pt idx="6154">
                  <c:v>7.1099999999999997E-2</c:v>
                </c:pt>
                <c:pt idx="6155">
                  <c:v>7.4099999999999999E-2</c:v>
                </c:pt>
                <c:pt idx="6156">
                  <c:v>7.6499999999999999E-2</c:v>
                </c:pt>
                <c:pt idx="6157">
                  <c:v>7.0699999999999999E-2</c:v>
                </c:pt>
                <c:pt idx="6158">
                  <c:v>7.1099999999999997E-2</c:v>
                </c:pt>
                <c:pt idx="6159">
                  <c:v>7.0300000000000001E-2</c:v>
                </c:pt>
                <c:pt idx="6160">
                  <c:v>7.2099999999999997E-2</c:v>
                </c:pt>
                <c:pt idx="6161">
                  <c:v>7.0699999999999999E-2</c:v>
                </c:pt>
                <c:pt idx="6162">
                  <c:v>7.1499999999999994E-2</c:v>
                </c:pt>
                <c:pt idx="6163">
                  <c:v>7.4800000000000005E-2</c:v>
                </c:pt>
                <c:pt idx="6164">
                  <c:v>7.6999999999999999E-2</c:v>
                </c:pt>
                <c:pt idx="6165">
                  <c:v>7.7899999999999997E-2</c:v>
                </c:pt>
                <c:pt idx="6166">
                  <c:v>7.7399999999999997E-2</c:v>
                </c:pt>
                <c:pt idx="6167">
                  <c:v>7.6300000000000007E-2</c:v>
                </c:pt>
                <c:pt idx="6168">
                  <c:v>7.2099999999999997E-2</c:v>
                </c:pt>
                <c:pt idx="6169">
                  <c:v>7.4399999999999994E-2</c:v>
                </c:pt>
                <c:pt idx="6170">
                  <c:v>7.8899999999999998E-2</c:v>
                </c:pt>
                <c:pt idx="6171">
                  <c:v>7.4200000000000002E-2</c:v>
                </c:pt>
                <c:pt idx="6172">
                  <c:v>7.0699999999999999E-2</c:v>
                </c:pt>
                <c:pt idx="6173">
                  <c:v>7.0999999999999994E-2</c:v>
                </c:pt>
                <c:pt idx="6174">
                  <c:v>7.6700000000000004E-2</c:v>
                </c:pt>
                <c:pt idx="6175">
                  <c:v>7.6700000000000004E-2</c:v>
                </c:pt>
                <c:pt idx="6176">
                  <c:v>7.3899999999999993E-2</c:v>
                </c:pt>
                <c:pt idx="6177">
                  <c:v>7.1900000000000006E-2</c:v>
                </c:pt>
                <c:pt idx="6178">
                  <c:v>7.1199999999999999E-2</c:v>
                </c:pt>
                <c:pt idx="6179">
                  <c:v>7.1099999999999997E-2</c:v>
                </c:pt>
                <c:pt idx="6180">
                  <c:v>7.2499999999999995E-2</c:v>
                </c:pt>
                <c:pt idx="6181">
                  <c:v>7.4999999999999997E-2</c:v>
                </c:pt>
                <c:pt idx="6182">
                  <c:v>7.6300000000000007E-2</c:v>
                </c:pt>
                <c:pt idx="6183">
                  <c:v>7.8200000000000006E-2</c:v>
                </c:pt>
                <c:pt idx="6184">
                  <c:v>8.0199999999999994E-2</c:v>
                </c:pt>
                <c:pt idx="6185">
                  <c:v>8.3599999999999994E-2</c:v>
                </c:pt>
                <c:pt idx="6186">
                  <c:v>0.09</c:v>
                </c:pt>
                <c:pt idx="6187">
                  <c:v>9.9500000000000005E-2</c:v>
                </c:pt>
                <c:pt idx="6188">
                  <c:v>0.10290000000000001</c:v>
                </c:pt>
                <c:pt idx="6189">
                  <c:v>0.1009</c:v>
                </c:pt>
                <c:pt idx="6190">
                  <c:v>9.8500000000000004E-2</c:v>
                </c:pt>
                <c:pt idx="6191">
                  <c:v>9.2999999999999999E-2</c:v>
                </c:pt>
                <c:pt idx="6192">
                  <c:v>8.4400000000000003E-2</c:v>
                </c:pt>
                <c:pt idx="6193">
                  <c:v>7.8799999999999995E-2</c:v>
                </c:pt>
                <c:pt idx="6194">
                  <c:v>7.1900000000000006E-2</c:v>
                </c:pt>
                <c:pt idx="6195">
                  <c:v>7.17E-2</c:v>
                </c:pt>
                <c:pt idx="6196">
                  <c:v>7.0900000000000005E-2</c:v>
                </c:pt>
                <c:pt idx="6197">
                  <c:v>6.9000000000000006E-2</c:v>
                </c:pt>
                <c:pt idx="6198">
                  <c:v>6.83E-2</c:v>
                </c:pt>
                <c:pt idx="6199">
                  <c:v>7.0800000000000002E-2</c:v>
                </c:pt>
                <c:pt idx="6200">
                  <c:v>7.0099999999999996E-2</c:v>
                </c:pt>
                <c:pt idx="6201">
                  <c:v>6.9199999999999998E-2</c:v>
                </c:pt>
                <c:pt idx="6202">
                  <c:v>6.7199999999999996E-2</c:v>
                </c:pt>
                <c:pt idx="6203">
                  <c:v>6.6600000000000006E-2</c:v>
                </c:pt>
                <c:pt idx="6204">
                  <c:v>6.1400000000000003E-2</c:v>
                </c:pt>
                <c:pt idx="6205">
                  <c:v>5.5100000000000003E-2</c:v>
                </c:pt>
                <c:pt idx="6206">
                  <c:v>5.5500000000000001E-2</c:v>
                </c:pt>
                <c:pt idx="6207">
                  <c:v>6.3700000000000007E-2</c:v>
                </c:pt>
                <c:pt idx="6208">
                  <c:v>7.5499999999999998E-2</c:v>
                </c:pt>
                <c:pt idx="6209">
                  <c:v>7.8299999999999995E-2</c:v>
                </c:pt>
                <c:pt idx="6210">
                  <c:v>8.4900000000000003E-2</c:v>
                </c:pt>
                <c:pt idx="6211">
                  <c:v>8.4400000000000003E-2</c:v>
                </c:pt>
                <c:pt idx="6212">
                  <c:v>9.8100000000000007E-2</c:v>
                </c:pt>
                <c:pt idx="6213">
                  <c:v>0.1072</c:v>
                </c:pt>
                <c:pt idx="6214">
                  <c:v>0.1159</c:v>
                </c:pt>
                <c:pt idx="6215">
                  <c:v>0.1198</c:v>
                </c:pt>
                <c:pt idx="6216">
                  <c:v>0.12139999999999999</c:v>
                </c:pt>
                <c:pt idx="6217">
                  <c:v>0.12570000000000001</c:v>
                </c:pt>
                <c:pt idx="6218">
                  <c:v>0.1245</c:v>
                </c:pt>
                <c:pt idx="6219">
                  <c:v>0.1212</c:v>
                </c:pt>
                <c:pt idx="6220">
                  <c:v>0.11559999999999999</c:v>
                </c:pt>
                <c:pt idx="6221">
                  <c:v>0.11360000000000001</c:v>
                </c:pt>
                <c:pt idx="6222">
                  <c:v>0.1104</c:v>
                </c:pt>
                <c:pt idx="6223">
                  <c:v>0.1087</c:v>
                </c:pt>
                <c:pt idx="6224">
                  <c:v>0.1104</c:v>
                </c:pt>
                <c:pt idx="6225">
                  <c:v>0.10929999999999999</c:v>
                </c:pt>
                <c:pt idx="6226">
                  <c:v>0.1104</c:v>
                </c:pt>
                <c:pt idx="6227">
                  <c:v>0.1116</c:v>
                </c:pt>
                <c:pt idx="6228">
                  <c:v>0.1134</c:v>
                </c:pt>
                <c:pt idx="6229">
                  <c:v>0.11840000000000001</c:v>
                </c:pt>
                <c:pt idx="6230">
                  <c:v>0.12509999999999999</c:v>
                </c:pt>
                <c:pt idx="6231">
                  <c:v>0.1242</c:v>
                </c:pt>
                <c:pt idx="6232">
                  <c:v>0.1258</c:v>
                </c:pt>
                <c:pt idx="6233">
                  <c:v>0.1258</c:v>
                </c:pt>
                <c:pt idx="6234">
                  <c:v>0.12429999999999999</c:v>
                </c:pt>
                <c:pt idx="6235">
                  <c:v>0.1273</c:v>
                </c:pt>
                <c:pt idx="6236">
                  <c:v>0.13159999999999999</c:v>
                </c:pt>
                <c:pt idx="6237">
                  <c:v>0.1434</c:v>
                </c:pt>
                <c:pt idx="6238">
                  <c:v>0.1706</c:v>
                </c:pt>
                <c:pt idx="6239">
                  <c:v>0.20730000000000001</c:v>
                </c:pt>
                <c:pt idx="6240">
                  <c:v>0.25169999999999998</c:v>
                </c:pt>
                <c:pt idx="6241">
                  <c:v>0.31490000000000001</c:v>
                </c:pt>
                <c:pt idx="6242">
                  <c:v>0.38290000000000002</c:v>
                </c:pt>
                <c:pt idx="6243">
                  <c:v>0.4</c:v>
                </c:pt>
                <c:pt idx="6244">
                  <c:v>0.40500000000000003</c:v>
                </c:pt>
                <c:pt idx="6245">
                  <c:v>0.40260000000000001</c:v>
                </c:pt>
                <c:pt idx="6246">
                  <c:v>0.40699999999999997</c:v>
                </c:pt>
                <c:pt idx="6247">
                  <c:v>0.39989999999999998</c:v>
                </c:pt>
                <c:pt idx="6248">
                  <c:v>0.3826</c:v>
                </c:pt>
                <c:pt idx="6249">
                  <c:v>0.3916</c:v>
                </c:pt>
                <c:pt idx="6250">
                  <c:v>0.38869999999999999</c:v>
                </c:pt>
                <c:pt idx="6251">
                  <c:v>0.36470000000000002</c:v>
                </c:pt>
                <c:pt idx="6252">
                  <c:v>0.33589999999999998</c:v>
                </c:pt>
                <c:pt idx="6253">
                  <c:v>0.30819999999999997</c:v>
                </c:pt>
                <c:pt idx="6254">
                  <c:v>0.32050000000000001</c:v>
                </c:pt>
                <c:pt idx="6255">
                  <c:v>0.33129999999999998</c:v>
                </c:pt>
                <c:pt idx="6256">
                  <c:v>0.32419999999999999</c:v>
                </c:pt>
                <c:pt idx="6257">
                  <c:v>0.3322</c:v>
                </c:pt>
                <c:pt idx="6258">
                  <c:v>0.29880000000000001</c:v>
                </c:pt>
                <c:pt idx="6259">
                  <c:v>0.29070000000000001</c:v>
                </c:pt>
                <c:pt idx="6260">
                  <c:v>0.26600000000000001</c:v>
                </c:pt>
                <c:pt idx="6261">
                  <c:v>0.2258</c:v>
                </c:pt>
                <c:pt idx="6262">
                  <c:v>0.20269999999999999</c:v>
                </c:pt>
                <c:pt idx="6263">
                  <c:v>0.20150000000000001</c:v>
                </c:pt>
                <c:pt idx="6264">
                  <c:v>0.20649999999999999</c:v>
                </c:pt>
                <c:pt idx="6265">
                  <c:v>0.2049</c:v>
                </c:pt>
                <c:pt idx="6266">
                  <c:v>0.2064</c:v>
                </c:pt>
                <c:pt idx="6267">
                  <c:v>0.2046</c:v>
                </c:pt>
                <c:pt idx="6268">
                  <c:v>0.188</c:v>
                </c:pt>
                <c:pt idx="6269">
                  <c:v>0.1784</c:v>
                </c:pt>
                <c:pt idx="6270">
                  <c:v>0.18060000000000001</c:v>
                </c:pt>
                <c:pt idx="6271">
                  <c:v>0.17349999999999999</c:v>
                </c:pt>
                <c:pt idx="6272">
                  <c:v>0.15490000000000001</c:v>
                </c:pt>
                <c:pt idx="6273">
                  <c:v>0.1429</c:v>
                </c:pt>
                <c:pt idx="6274">
                  <c:v>0.1203</c:v>
                </c:pt>
                <c:pt idx="6275">
                  <c:v>0.13170000000000001</c:v>
                </c:pt>
                <c:pt idx="6276">
                  <c:v>0.14000000000000001</c:v>
                </c:pt>
                <c:pt idx="6277">
                  <c:v>0.14779999999999999</c:v>
                </c:pt>
                <c:pt idx="6278">
                  <c:v>0.15440000000000001</c:v>
                </c:pt>
                <c:pt idx="6279">
                  <c:v>0.16109999999999999</c:v>
                </c:pt>
                <c:pt idx="6280">
                  <c:v>0.1671</c:v>
                </c:pt>
                <c:pt idx="6281">
                  <c:v>0.17180000000000001</c:v>
                </c:pt>
                <c:pt idx="6282">
                  <c:v>0.1734</c:v>
                </c:pt>
                <c:pt idx="6283">
                  <c:v>0.1729</c:v>
                </c:pt>
                <c:pt idx="6284">
                  <c:v>0.1757</c:v>
                </c:pt>
                <c:pt idx="6285">
                  <c:v>0.18429999999999999</c:v>
                </c:pt>
                <c:pt idx="6286">
                  <c:v>0.19919999999999999</c:v>
                </c:pt>
                <c:pt idx="6287">
                  <c:v>0.21870000000000001</c:v>
                </c:pt>
                <c:pt idx="6288">
                  <c:v>0.249</c:v>
                </c:pt>
                <c:pt idx="6289">
                  <c:v>0.29509999999999997</c:v>
                </c:pt>
                <c:pt idx="6290">
                  <c:v>0.35210000000000002</c:v>
                </c:pt>
                <c:pt idx="6291">
                  <c:v>0.38550000000000001</c:v>
                </c:pt>
                <c:pt idx="6292">
                  <c:v>0.40310000000000001</c:v>
                </c:pt>
                <c:pt idx="6293">
                  <c:v>0.42659999999999998</c:v>
                </c:pt>
                <c:pt idx="6294">
                  <c:v>0.4415</c:v>
                </c:pt>
                <c:pt idx="6295">
                  <c:v>0.43419999999999997</c:v>
                </c:pt>
                <c:pt idx="6296">
                  <c:v>0.4259</c:v>
                </c:pt>
                <c:pt idx="6297">
                  <c:v>0.4138</c:v>
                </c:pt>
                <c:pt idx="6298">
                  <c:v>0.38869999999999999</c:v>
                </c:pt>
                <c:pt idx="6299">
                  <c:v>0.3569</c:v>
                </c:pt>
                <c:pt idx="6300">
                  <c:v>0.32350000000000001</c:v>
                </c:pt>
                <c:pt idx="6301">
                  <c:v>0.28439999999999999</c:v>
                </c:pt>
                <c:pt idx="6302">
                  <c:v>0.25259999999999999</c:v>
                </c:pt>
                <c:pt idx="6303">
                  <c:v>0.24299999999999999</c:v>
                </c:pt>
                <c:pt idx="6304">
                  <c:v>0.22589999999999999</c:v>
                </c:pt>
                <c:pt idx="6305">
                  <c:v>0.20319999999999999</c:v>
                </c:pt>
                <c:pt idx="6306">
                  <c:v>0.17879999999999999</c:v>
                </c:pt>
                <c:pt idx="6307">
                  <c:v>0.1719</c:v>
                </c:pt>
                <c:pt idx="6308">
                  <c:v>0.17269999999999999</c:v>
                </c:pt>
                <c:pt idx="6309">
                  <c:v>0.153</c:v>
                </c:pt>
                <c:pt idx="6310">
                  <c:v>0.13830000000000001</c:v>
                </c:pt>
                <c:pt idx="6311">
                  <c:v>0.1288</c:v>
                </c:pt>
                <c:pt idx="6312">
                  <c:v>0.1225</c:v>
                </c:pt>
                <c:pt idx="6313">
                  <c:v>0.1158</c:v>
                </c:pt>
                <c:pt idx="6314">
                  <c:v>0.11119999999999999</c:v>
                </c:pt>
                <c:pt idx="6315">
                  <c:v>9.2999999999999999E-2</c:v>
                </c:pt>
                <c:pt idx="6316">
                  <c:v>8.1799999999999998E-2</c:v>
                </c:pt>
                <c:pt idx="6317">
                  <c:v>7.2800000000000004E-2</c:v>
                </c:pt>
                <c:pt idx="6318">
                  <c:v>8.1500000000000003E-2</c:v>
                </c:pt>
                <c:pt idx="6319">
                  <c:v>9.2999999999999999E-2</c:v>
                </c:pt>
                <c:pt idx="6320">
                  <c:v>0.10630000000000001</c:v>
                </c:pt>
                <c:pt idx="6321">
                  <c:v>0.1166</c:v>
                </c:pt>
                <c:pt idx="6322">
                  <c:v>0.1211</c:v>
                </c:pt>
                <c:pt idx="6323">
                  <c:v>0.1255</c:v>
                </c:pt>
                <c:pt idx="6324">
                  <c:v>0.13150000000000001</c:v>
                </c:pt>
                <c:pt idx="6325">
                  <c:v>0.14149999999999999</c:v>
                </c:pt>
                <c:pt idx="6326">
                  <c:v>0.15129999999999999</c:v>
                </c:pt>
                <c:pt idx="6327">
                  <c:v>0.16170000000000001</c:v>
                </c:pt>
                <c:pt idx="6328">
                  <c:v>0.17399999999999999</c:v>
                </c:pt>
                <c:pt idx="6329">
                  <c:v>0.1822</c:v>
                </c:pt>
                <c:pt idx="6330">
                  <c:v>0.182</c:v>
                </c:pt>
                <c:pt idx="6331">
                  <c:v>0.18509999999999999</c:v>
                </c:pt>
                <c:pt idx="6332">
                  <c:v>0.1943</c:v>
                </c:pt>
                <c:pt idx="6333">
                  <c:v>0.182</c:v>
                </c:pt>
                <c:pt idx="6334">
                  <c:v>0.17</c:v>
                </c:pt>
                <c:pt idx="6335">
                  <c:v>0.16239999999999999</c:v>
                </c:pt>
                <c:pt idx="6336">
                  <c:v>0.15640000000000001</c:v>
                </c:pt>
                <c:pt idx="6337">
                  <c:v>0.14910000000000001</c:v>
                </c:pt>
                <c:pt idx="6338">
                  <c:v>0.1391</c:v>
                </c:pt>
                <c:pt idx="6339">
                  <c:v>0.12790000000000001</c:v>
                </c:pt>
                <c:pt idx="6340">
                  <c:v>0.1202</c:v>
                </c:pt>
                <c:pt idx="6341">
                  <c:v>0.1142</c:v>
                </c:pt>
                <c:pt idx="6342">
                  <c:v>0.10730000000000001</c:v>
                </c:pt>
                <c:pt idx="6343">
                  <c:v>9.9400000000000002E-2</c:v>
                </c:pt>
                <c:pt idx="6344">
                  <c:v>8.6499999999999994E-2</c:v>
                </c:pt>
                <c:pt idx="6345">
                  <c:v>7.85E-2</c:v>
                </c:pt>
                <c:pt idx="6346">
                  <c:v>7.6999999999999999E-2</c:v>
                </c:pt>
                <c:pt idx="6347">
                  <c:v>0.08</c:v>
                </c:pt>
                <c:pt idx="6348">
                  <c:v>8.48E-2</c:v>
                </c:pt>
                <c:pt idx="6349">
                  <c:v>8.7099999999999997E-2</c:v>
                </c:pt>
                <c:pt idx="6350">
                  <c:v>8.8499999999999995E-2</c:v>
                </c:pt>
                <c:pt idx="6351">
                  <c:v>9.1700000000000004E-2</c:v>
                </c:pt>
                <c:pt idx="6352">
                  <c:v>9.4799999999999995E-2</c:v>
                </c:pt>
                <c:pt idx="6353">
                  <c:v>9.5299999999999996E-2</c:v>
                </c:pt>
                <c:pt idx="6354">
                  <c:v>9.5799999999999996E-2</c:v>
                </c:pt>
                <c:pt idx="6355">
                  <c:v>9.7100000000000006E-2</c:v>
                </c:pt>
                <c:pt idx="6356">
                  <c:v>9.7799999999999998E-2</c:v>
                </c:pt>
                <c:pt idx="6357">
                  <c:v>9.9699999999999997E-2</c:v>
                </c:pt>
                <c:pt idx="6358">
                  <c:v>9.98E-2</c:v>
                </c:pt>
                <c:pt idx="6359">
                  <c:v>9.9099999999999994E-2</c:v>
                </c:pt>
                <c:pt idx="6360">
                  <c:v>9.7000000000000003E-2</c:v>
                </c:pt>
                <c:pt idx="6361">
                  <c:v>9.6600000000000005E-2</c:v>
                </c:pt>
                <c:pt idx="6362">
                  <c:v>9.5600000000000004E-2</c:v>
                </c:pt>
                <c:pt idx="6363">
                  <c:v>9.8199999999999996E-2</c:v>
                </c:pt>
                <c:pt idx="6364">
                  <c:v>0.1004</c:v>
                </c:pt>
                <c:pt idx="6365">
                  <c:v>0.1014</c:v>
                </c:pt>
                <c:pt idx="6366">
                  <c:v>0.107</c:v>
                </c:pt>
                <c:pt idx="6367">
                  <c:v>0.1072</c:v>
                </c:pt>
                <c:pt idx="6368">
                  <c:v>0.1115</c:v>
                </c:pt>
                <c:pt idx="6369">
                  <c:v>0.1109</c:v>
                </c:pt>
                <c:pt idx="6370">
                  <c:v>0.1091</c:v>
                </c:pt>
                <c:pt idx="6371">
                  <c:v>0.1103</c:v>
                </c:pt>
                <c:pt idx="6372">
                  <c:v>0.1115</c:v>
                </c:pt>
                <c:pt idx="6373">
                  <c:v>0.1118</c:v>
                </c:pt>
                <c:pt idx="6374">
                  <c:v>0.1105</c:v>
                </c:pt>
                <c:pt idx="6375">
                  <c:v>0.1113</c:v>
                </c:pt>
                <c:pt idx="6376">
                  <c:v>0.1115</c:v>
                </c:pt>
                <c:pt idx="6377">
                  <c:v>0.1119</c:v>
                </c:pt>
                <c:pt idx="6378">
                  <c:v>0.1132</c:v>
                </c:pt>
                <c:pt idx="6379">
                  <c:v>0.1138</c:v>
                </c:pt>
                <c:pt idx="6380">
                  <c:v>0.1159</c:v>
                </c:pt>
                <c:pt idx="6381">
                  <c:v>0.1167</c:v>
                </c:pt>
                <c:pt idx="6382">
                  <c:v>0.11890000000000001</c:v>
                </c:pt>
                <c:pt idx="6383">
                  <c:v>0.1217</c:v>
                </c:pt>
                <c:pt idx="6384">
                  <c:v>0.11890000000000001</c:v>
                </c:pt>
                <c:pt idx="6385">
                  <c:v>0.1195</c:v>
                </c:pt>
                <c:pt idx="6386">
                  <c:v>0.1187</c:v>
                </c:pt>
                <c:pt idx="6387">
                  <c:v>0.1171</c:v>
                </c:pt>
                <c:pt idx="6388">
                  <c:v>0.1164</c:v>
                </c:pt>
                <c:pt idx="6389">
                  <c:v>0.1167</c:v>
                </c:pt>
                <c:pt idx="6390">
                  <c:v>0.1152</c:v>
                </c:pt>
                <c:pt idx="6391">
                  <c:v>0.1163</c:v>
                </c:pt>
                <c:pt idx="6392">
                  <c:v>0.1164</c:v>
                </c:pt>
                <c:pt idx="6393">
                  <c:v>0.11550000000000001</c:v>
                </c:pt>
                <c:pt idx="6394">
                  <c:v>0.115</c:v>
                </c:pt>
                <c:pt idx="6395">
                  <c:v>0.1143</c:v>
                </c:pt>
                <c:pt idx="6396">
                  <c:v>0.1135</c:v>
                </c:pt>
                <c:pt idx="6397">
                  <c:v>0.1128</c:v>
                </c:pt>
                <c:pt idx="6398">
                  <c:v>0.11310000000000001</c:v>
                </c:pt>
                <c:pt idx="6399">
                  <c:v>0.1138</c:v>
                </c:pt>
                <c:pt idx="6400">
                  <c:v>0.115</c:v>
                </c:pt>
                <c:pt idx="6401">
                  <c:v>0.1159</c:v>
                </c:pt>
                <c:pt idx="6402">
                  <c:v>0.1148</c:v>
                </c:pt>
                <c:pt idx="6403">
                  <c:v>0.1153</c:v>
                </c:pt>
                <c:pt idx="6404">
                  <c:v>0.1081</c:v>
                </c:pt>
                <c:pt idx="6405">
                  <c:v>0.10680000000000001</c:v>
                </c:pt>
                <c:pt idx="6406">
                  <c:v>0.10680000000000001</c:v>
                </c:pt>
                <c:pt idx="6407">
                  <c:v>0.105</c:v>
                </c:pt>
                <c:pt idx="6408">
                  <c:v>0.1009</c:v>
                </c:pt>
                <c:pt idx="6409">
                  <c:v>9.5200000000000007E-2</c:v>
                </c:pt>
                <c:pt idx="6410">
                  <c:v>9.2999999999999999E-2</c:v>
                </c:pt>
                <c:pt idx="6411">
                  <c:v>9.2700000000000005E-2</c:v>
                </c:pt>
                <c:pt idx="6412">
                  <c:v>9.0399999999999994E-2</c:v>
                </c:pt>
                <c:pt idx="6413">
                  <c:v>8.6300000000000002E-2</c:v>
                </c:pt>
                <c:pt idx="6414">
                  <c:v>8.8700000000000001E-2</c:v>
                </c:pt>
                <c:pt idx="6415">
                  <c:v>8.7400000000000005E-2</c:v>
                </c:pt>
                <c:pt idx="6416">
                  <c:v>8.6099999999999996E-2</c:v>
                </c:pt>
                <c:pt idx="6417">
                  <c:v>8.77E-2</c:v>
                </c:pt>
                <c:pt idx="6418">
                  <c:v>8.5900000000000004E-2</c:v>
                </c:pt>
                <c:pt idx="6419">
                  <c:v>8.4599999999999995E-2</c:v>
                </c:pt>
                <c:pt idx="6420">
                  <c:v>8.6699999999999999E-2</c:v>
                </c:pt>
                <c:pt idx="6421">
                  <c:v>8.8900000000000007E-2</c:v>
                </c:pt>
                <c:pt idx="6422">
                  <c:v>8.7300000000000003E-2</c:v>
                </c:pt>
                <c:pt idx="6423">
                  <c:v>8.9499999999999996E-2</c:v>
                </c:pt>
                <c:pt idx="6424">
                  <c:v>9.1600000000000001E-2</c:v>
                </c:pt>
                <c:pt idx="6425">
                  <c:v>9.2999999999999999E-2</c:v>
                </c:pt>
                <c:pt idx="6426">
                  <c:v>9.5399999999999999E-2</c:v>
                </c:pt>
                <c:pt idx="6427">
                  <c:v>9.3799999999999994E-2</c:v>
                </c:pt>
                <c:pt idx="6428">
                  <c:v>9.35E-2</c:v>
                </c:pt>
                <c:pt idx="6429">
                  <c:v>9.64E-2</c:v>
                </c:pt>
                <c:pt idx="6430">
                  <c:v>0.10249999999999999</c:v>
                </c:pt>
                <c:pt idx="6431">
                  <c:v>0.104</c:v>
                </c:pt>
                <c:pt idx="6432">
                  <c:v>0.1032</c:v>
                </c:pt>
                <c:pt idx="6433">
                  <c:v>0.1071</c:v>
                </c:pt>
                <c:pt idx="6434">
                  <c:v>0.1096</c:v>
                </c:pt>
                <c:pt idx="6435">
                  <c:v>0.11</c:v>
                </c:pt>
                <c:pt idx="6436">
                  <c:v>0.1116</c:v>
                </c:pt>
                <c:pt idx="6437">
                  <c:v>0.11700000000000001</c:v>
                </c:pt>
                <c:pt idx="6438">
                  <c:v>0.12520000000000001</c:v>
                </c:pt>
                <c:pt idx="6439">
                  <c:v>0.12670000000000001</c:v>
                </c:pt>
                <c:pt idx="6440">
                  <c:v>0.13950000000000001</c:v>
                </c:pt>
                <c:pt idx="6441">
                  <c:v>0.13750000000000001</c:v>
                </c:pt>
                <c:pt idx="6442">
                  <c:v>0.14080000000000001</c:v>
                </c:pt>
                <c:pt idx="6443">
                  <c:v>0.14499999999999999</c:v>
                </c:pt>
                <c:pt idx="6444">
                  <c:v>0.14399999999999999</c:v>
                </c:pt>
                <c:pt idx="6445">
                  <c:v>0.14960000000000001</c:v>
                </c:pt>
                <c:pt idx="6446">
                  <c:v>0.14779999999999999</c:v>
                </c:pt>
                <c:pt idx="6447">
                  <c:v>0.14280000000000001</c:v>
                </c:pt>
                <c:pt idx="6448">
                  <c:v>0.155</c:v>
                </c:pt>
                <c:pt idx="6449">
                  <c:v>0.14069999999999999</c:v>
                </c:pt>
                <c:pt idx="6450">
                  <c:v>0.13930000000000001</c:v>
                </c:pt>
                <c:pt idx="6451">
                  <c:v>0.1409</c:v>
                </c:pt>
                <c:pt idx="6452">
                  <c:v>0.16009999999999999</c:v>
                </c:pt>
                <c:pt idx="6453">
                  <c:v>0.14610000000000001</c:v>
                </c:pt>
                <c:pt idx="6454">
                  <c:v>0.15390000000000001</c:v>
                </c:pt>
                <c:pt idx="6455">
                  <c:v>0.15620000000000001</c:v>
                </c:pt>
                <c:pt idx="6456">
                  <c:v>0.16650000000000001</c:v>
                </c:pt>
                <c:pt idx="6457">
                  <c:v>0.1711</c:v>
                </c:pt>
                <c:pt idx="6458">
                  <c:v>0.1741</c:v>
                </c:pt>
                <c:pt idx="6459">
                  <c:v>0.1784</c:v>
                </c:pt>
                <c:pt idx="6460">
                  <c:v>0.1782</c:v>
                </c:pt>
                <c:pt idx="6461">
                  <c:v>0.17799999999999999</c:v>
                </c:pt>
                <c:pt idx="6462">
                  <c:v>0.18060000000000001</c:v>
                </c:pt>
                <c:pt idx="6463">
                  <c:v>0.18029999999999999</c:v>
                </c:pt>
                <c:pt idx="6464">
                  <c:v>0.16889999999999999</c:v>
                </c:pt>
                <c:pt idx="6465">
                  <c:v>0.16789999999999999</c:v>
                </c:pt>
                <c:pt idx="6466">
                  <c:v>0.16619999999999999</c:v>
                </c:pt>
                <c:pt idx="6467">
                  <c:v>0.15709999999999999</c:v>
                </c:pt>
                <c:pt idx="6468">
                  <c:v>0.1552</c:v>
                </c:pt>
                <c:pt idx="6469">
                  <c:v>0.15190000000000001</c:v>
                </c:pt>
                <c:pt idx="6470">
                  <c:v>0.15160000000000001</c:v>
                </c:pt>
                <c:pt idx="6471">
                  <c:v>0.1512</c:v>
                </c:pt>
                <c:pt idx="6472">
                  <c:v>0.14680000000000001</c:v>
                </c:pt>
                <c:pt idx="6473">
                  <c:v>0.14430000000000001</c:v>
                </c:pt>
                <c:pt idx="6474">
                  <c:v>0.14449999999999999</c:v>
                </c:pt>
                <c:pt idx="6475">
                  <c:v>0.14399999999999999</c:v>
                </c:pt>
                <c:pt idx="6476">
                  <c:v>0.14299999999999999</c:v>
                </c:pt>
                <c:pt idx="6477">
                  <c:v>0.1391</c:v>
                </c:pt>
                <c:pt idx="6478">
                  <c:v>0.13769999999999999</c:v>
                </c:pt>
                <c:pt idx="6479">
                  <c:v>0.13850000000000001</c:v>
                </c:pt>
                <c:pt idx="6480">
                  <c:v>0.13389999999999999</c:v>
                </c:pt>
                <c:pt idx="6481">
                  <c:v>0.13420000000000001</c:v>
                </c:pt>
                <c:pt idx="6482">
                  <c:v>0.1328</c:v>
                </c:pt>
                <c:pt idx="6483">
                  <c:v>0.1343</c:v>
                </c:pt>
                <c:pt idx="6484">
                  <c:v>0.1356</c:v>
                </c:pt>
                <c:pt idx="6485">
                  <c:v>0.13389999999999999</c:v>
                </c:pt>
                <c:pt idx="6486">
                  <c:v>0.1358</c:v>
                </c:pt>
                <c:pt idx="6487">
                  <c:v>0.13869999999999999</c:v>
                </c:pt>
                <c:pt idx="6488">
                  <c:v>0.14099999999999999</c:v>
                </c:pt>
                <c:pt idx="6489">
                  <c:v>0.1431</c:v>
                </c:pt>
                <c:pt idx="6490">
                  <c:v>0.14180000000000001</c:v>
                </c:pt>
                <c:pt idx="6491">
                  <c:v>0.14380000000000001</c:v>
                </c:pt>
                <c:pt idx="6492">
                  <c:v>0.1447</c:v>
                </c:pt>
                <c:pt idx="6493">
                  <c:v>0.14580000000000001</c:v>
                </c:pt>
                <c:pt idx="6494">
                  <c:v>0.13919999999999999</c:v>
                </c:pt>
                <c:pt idx="6495">
                  <c:v>0.1358</c:v>
                </c:pt>
                <c:pt idx="6496">
                  <c:v>0.13400000000000001</c:v>
                </c:pt>
                <c:pt idx="6497">
                  <c:v>0.13120000000000001</c:v>
                </c:pt>
                <c:pt idx="6498">
                  <c:v>0.13009999999999999</c:v>
                </c:pt>
                <c:pt idx="6499">
                  <c:v>0.12670000000000001</c:v>
                </c:pt>
                <c:pt idx="6500">
                  <c:v>0.12670000000000001</c:v>
                </c:pt>
                <c:pt idx="6501">
                  <c:v>0.1268</c:v>
                </c:pt>
                <c:pt idx="6502">
                  <c:v>0.12839999999999999</c:v>
                </c:pt>
                <c:pt idx="6503">
                  <c:v>0.12540000000000001</c:v>
                </c:pt>
                <c:pt idx="6504">
                  <c:v>0.12379999999999999</c:v>
                </c:pt>
                <c:pt idx="6505">
                  <c:v>0.12330000000000001</c:v>
                </c:pt>
                <c:pt idx="6506">
                  <c:v>0.122</c:v>
                </c:pt>
                <c:pt idx="6507">
                  <c:v>0.123</c:v>
                </c:pt>
                <c:pt idx="6508">
                  <c:v>0.1178</c:v>
                </c:pt>
                <c:pt idx="6509">
                  <c:v>0.1138</c:v>
                </c:pt>
                <c:pt idx="6510">
                  <c:v>0.11070000000000001</c:v>
                </c:pt>
                <c:pt idx="6511">
                  <c:v>0.10639999999999999</c:v>
                </c:pt>
                <c:pt idx="6512">
                  <c:v>0.1024</c:v>
                </c:pt>
                <c:pt idx="6513">
                  <c:v>9.7500000000000003E-2</c:v>
                </c:pt>
                <c:pt idx="6514">
                  <c:v>9.11E-2</c:v>
                </c:pt>
                <c:pt idx="6515">
                  <c:v>8.72E-2</c:v>
                </c:pt>
                <c:pt idx="6516">
                  <c:v>8.9399999999999993E-2</c:v>
                </c:pt>
                <c:pt idx="6517">
                  <c:v>8.9200000000000002E-2</c:v>
                </c:pt>
                <c:pt idx="6518">
                  <c:v>9.1700000000000004E-2</c:v>
                </c:pt>
                <c:pt idx="6519">
                  <c:v>9.2999999999999999E-2</c:v>
                </c:pt>
                <c:pt idx="6520">
                  <c:v>9.2799999999999994E-2</c:v>
                </c:pt>
                <c:pt idx="6521">
                  <c:v>9.3899999999999997E-2</c:v>
                </c:pt>
                <c:pt idx="6522">
                  <c:v>9.4299999999999995E-2</c:v>
                </c:pt>
                <c:pt idx="6523">
                  <c:v>9.8299999999999998E-2</c:v>
                </c:pt>
                <c:pt idx="6524">
                  <c:v>0.1019</c:v>
                </c:pt>
                <c:pt idx="6525">
                  <c:v>0.105</c:v>
                </c:pt>
                <c:pt idx="6526">
                  <c:v>0.1076</c:v>
                </c:pt>
                <c:pt idx="6527">
                  <c:v>0.1123</c:v>
                </c:pt>
                <c:pt idx="6528">
                  <c:v>0.11849999999999999</c:v>
                </c:pt>
                <c:pt idx="6529">
                  <c:v>0.1249</c:v>
                </c:pt>
                <c:pt idx="6530">
                  <c:v>0.1285</c:v>
                </c:pt>
                <c:pt idx="6531">
                  <c:v>0.13</c:v>
                </c:pt>
                <c:pt idx="6532">
                  <c:v>0.13170000000000001</c:v>
                </c:pt>
                <c:pt idx="6533">
                  <c:v>0.13150000000000001</c:v>
                </c:pt>
                <c:pt idx="6534">
                  <c:v>0.13139999999999999</c:v>
                </c:pt>
                <c:pt idx="6535">
                  <c:v>0.13320000000000001</c:v>
                </c:pt>
                <c:pt idx="6536">
                  <c:v>0.13189999999999999</c:v>
                </c:pt>
                <c:pt idx="6537">
                  <c:v>0.13059999999999999</c:v>
                </c:pt>
                <c:pt idx="6538">
                  <c:v>0.13</c:v>
                </c:pt>
                <c:pt idx="6539">
                  <c:v>0.13200000000000001</c:v>
                </c:pt>
                <c:pt idx="6540">
                  <c:v>0.13769999999999999</c:v>
                </c:pt>
                <c:pt idx="6541">
                  <c:v>0.14119999999999999</c:v>
                </c:pt>
                <c:pt idx="6542">
                  <c:v>0.14169999999999999</c:v>
                </c:pt>
                <c:pt idx="6543">
                  <c:v>0.14369999999999999</c:v>
                </c:pt>
                <c:pt idx="6544">
                  <c:v>0.14560000000000001</c:v>
                </c:pt>
                <c:pt idx="6545">
                  <c:v>0.14649999999999999</c:v>
                </c:pt>
                <c:pt idx="6546">
                  <c:v>0.14560000000000001</c:v>
                </c:pt>
                <c:pt idx="6547">
                  <c:v>0.14860000000000001</c:v>
                </c:pt>
                <c:pt idx="6548">
                  <c:v>0.15229999999999999</c:v>
                </c:pt>
                <c:pt idx="6549">
                  <c:v>0.15390000000000001</c:v>
                </c:pt>
                <c:pt idx="6550">
                  <c:v>0.15290000000000001</c:v>
                </c:pt>
                <c:pt idx="6551">
                  <c:v>0.15290000000000001</c:v>
                </c:pt>
                <c:pt idx="6552">
                  <c:v>0.15140000000000001</c:v>
                </c:pt>
                <c:pt idx="6553">
                  <c:v>0.15140000000000001</c:v>
                </c:pt>
                <c:pt idx="6554">
                  <c:v>0.1502</c:v>
                </c:pt>
                <c:pt idx="6555">
                  <c:v>0.1444</c:v>
                </c:pt>
                <c:pt idx="6556">
                  <c:v>0.14119999999999999</c:v>
                </c:pt>
                <c:pt idx="6557">
                  <c:v>0.1386</c:v>
                </c:pt>
                <c:pt idx="6558">
                  <c:v>0.1363</c:v>
                </c:pt>
                <c:pt idx="6559">
                  <c:v>0.12509999999999999</c:v>
                </c:pt>
                <c:pt idx="6560">
                  <c:v>0.1181</c:v>
                </c:pt>
                <c:pt idx="6561">
                  <c:v>0.1137</c:v>
                </c:pt>
                <c:pt idx="6562">
                  <c:v>0.1162</c:v>
                </c:pt>
                <c:pt idx="6563">
                  <c:v>0.1019</c:v>
                </c:pt>
                <c:pt idx="6564">
                  <c:v>0.1067</c:v>
                </c:pt>
                <c:pt idx="6565">
                  <c:v>0.1036</c:v>
                </c:pt>
                <c:pt idx="6566">
                  <c:v>9.3799999999999994E-2</c:v>
                </c:pt>
                <c:pt idx="6567">
                  <c:v>9.4200000000000006E-2</c:v>
                </c:pt>
                <c:pt idx="6568">
                  <c:v>9.7900000000000001E-2</c:v>
                </c:pt>
                <c:pt idx="6569">
                  <c:v>9.5799999999999996E-2</c:v>
                </c:pt>
                <c:pt idx="6570">
                  <c:v>9.5899999999999999E-2</c:v>
                </c:pt>
                <c:pt idx="6571">
                  <c:v>0.12640000000000001</c:v>
                </c:pt>
                <c:pt idx="6572">
                  <c:v>0.13109999999999999</c:v>
                </c:pt>
                <c:pt idx="6573">
                  <c:v>0.1278</c:v>
                </c:pt>
                <c:pt idx="6574">
                  <c:v>0.1285</c:v>
                </c:pt>
                <c:pt idx="6575">
                  <c:v>0.13</c:v>
                </c:pt>
                <c:pt idx="6576">
                  <c:v>0.1313</c:v>
                </c:pt>
                <c:pt idx="6577">
                  <c:v>0.12379999999999999</c:v>
                </c:pt>
                <c:pt idx="6578">
                  <c:v>0.1227</c:v>
                </c:pt>
                <c:pt idx="6579">
                  <c:v>0.12809999999999999</c:v>
                </c:pt>
                <c:pt idx="6580">
                  <c:v>0.13420000000000001</c:v>
                </c:pt>
                <c:pt idx="6581">
                  <c:v>0.1288</c:v>
                </c:pt>
                <c:pt idx="6582">
                  <c:v>0.12470000000000001</c:v>
                </c:pt>
                <c:pt idx="6583">
                  <c:v>0.1169</c:v>
                </c:pt>
                <c:pt idx="6584">
                  <c:v>0.1103</c:v>
                </c:pt>
                <c:pt idx="6585">
                  <c:v>0.1042</c:v>
                </c:pt>
                <c:pt idx="6586">
                  <c:v>9.8799999999999999E-2</c:v>
                </c:pt>
                <c:pt idx="6587">
                  <c:v>8.8900000000000007E-2</c:v>
                </c:pt>
                <c:pt idx="6588">
                  <c:v>9.4399999999999998E-2</c:v>
                </c:pt>
                <c:pt idx="6589">
                  <c:v>8.8499999999999995E-2</c:v>
                </c:pt>
                <c:pt idx="6590">
                  <c:v>8.6099999999999996E-2</c:v>
                </c:pt>
                <c:pt idx="6591">
                  <c:v>8.8599999999999998E-2</c:v>
                </c:pt>
                <c:pt idx="6592">
                  <c:v>9.01E-2</c:v>
                </c:pt>
                <c:pt idx="6593">
                  <c:v>9.3299999999999994E-2</c:v>
                </c:pt>
                <c:pt idx="6594">
                  <c:v>9.6500000000000002E-2</c:v>
                </c:pt>
                <c:pt idx="6595">
                  <c:v>9.8500000000000004E-2</c:v>
                </c:pt>
                <c:pt idx="6596">
                  <c:v>0.10150000000000001</c:v>
                </c:pt>
                <c:pt idx="6597">
                  <c:v>0.1027</c:v>
                </c:pt>
                <c:pt idx="6598">
                  <c:v>0.1009</c:v>
                </c:pt>
                <c:pt idx="6599">
                  <c:v>9.4E-2</c:v>
                </c:pt>
                <c:pt idx="6600">
                  <c:v>9.5799999999999996E-2</c:v>
                </c:pt>
                <c:pt idx="6601">
                  <c:v>9.8100000000000007E-2</c:v>
                </c:pt>
                <c:pt idx="6602">
                  <c:v>9.7600000000000006E-2</c:v>
                </c:pt>
                <c:pt idx="6603">
                  <c:v>0.108</c:v>
                </c:pt>
                <c:pt idx="6604">
                  <c:v>0.1065</c:v>
                </c:pt>
                <c:pt idx="6605">
                  <c:v>0.1048</c:v>
                </c:pt>
                <c:pt idx="6606">
                  <c:v>0.1048</c:v>
                </c:pt>
                <c:pt idx="6607">
                  <c:v>0.10630000000000001</c:v>
                </c:pt>
                <c:pt idx="6608">
                  <c:v>0.1086</c:v>
                </c:pt>
                <c:pt idx="6609">
                  <c:v>0.10680000000000001</c:v>
                </c:pt>
                <c:pt idx="6610">
                  <c:v>0.1032</c:v>
                </c:pt>
                <c:pt idx="6611">
                  <c:v>0.1019</c:v>
                </c:pt>
                <c:pt idx="6612">
                  <c:v>9.9199999999999997E-2</c:v>
                </c:pt>
                <c:pt idx="6613">
                  <c:v>9.6600000000000005E-2</c:v>
                </c:pt>
                <c:pt idx="6614">
                  <c:v>0.10299999999999999</c:v>
                </c:pt>
                <c:pt idx="6615">
                  <c:v>0.1009</c:v>
                </c:pt>
                <c:pt idx="6616">
                  <c:v>9.4799999999999995E-2</c:v>
                </c:pt>
                <c:pt idx="6617">
                  <c:v>8.1799999999999998E-2</c:v>
                </c:pt>
                <c:pt idx="6618">
                  <c:v>8.14E-2</c:v>
                </c:pt>
                <c:pt idx="6619">
                  <c:v>8.0299999999999996E-2</c:v>
                </c:pt>
                <c:pt idx="6620">
                  <c:v>8.1199999999999994E-2</c:v>
                </c:pt>
                <c:pt idx="6621">
                  <c:v>7.9699999999999993E-2</c:v>
                </c:pt>
                <c:pt idx="6622">
                  <c:v>7.7399999999999997E-2</c:v>
                </c:pt>
                <c:pt idx="6623">
                  <c:v>7.5800000000000006E-2</c:v>
                </c:pt>
                <c:pt idx="6624">
                  <c:v>7.5200000000000003E-2</c:v>
                </c:pt>
                <c:pt idx="6625">
                  <c:v>7.4999999999999997E-2</c:v>
                </c:pt>
                <c:pt idx="6626">
                  <c:v>7.5300000000000006E-2</c:v>
                </c:pt>
                <c:pt idx="6627">
                  <c:v>7.5899999999999995E-2</c:v>
                </c:pt>
                <c:pt idx="6628">
                  <c:v>7.6899999999999996E-2</c:v>
                </c:pt>
                <c:pt idx="6629">
                  <c:v>7.8700000000000006E-2</c:v>
                </c:pt>
                <c:pt idx="6630">
                  <c:v>8.0699999999999994E-2</c:v>
                </c:pt>
                <c:pt idx="6631">
                  <c:v>8.2699999999999996E-2</c:v>
                </c:pt>
                <c:pt idx="6632">
                  <c:v>8.2400000000000001E-2</c:v>
                </c:pt>
                <c:pt idx="6633">
                  <c:v>7.9899999999999999E-2</c:v>
                </c:pt>
                <c:pt idx="6634">
                  <c:v>8.1000000000000003E-2</c:v>
                </c:pt>
                <c:pt idx="6635">
                  <c:v>8.1100000000000005E-2</c:v>
                </c:pt>
                <c:pt idx="6636">
                  <c:v>7.8100000000000003E-2</c:v>
                </c:pt>
                <c:pt idx="6637">
                  <c:v>8.0600000000000005E-2</c:v>
                </c:pt>
                <c:pt idx="6638">
                  <c:v>8.5999999999999993E-2</c:v>
                </c:pt>
                <c:pt idx="6639">
                  <c:v>8.1900000000000001E-2</c:v>
                </c:pt>
                <c:pt idx="6640">
                  <c:v>0.1356</c:v>
                </c:pt>
                <c:pt idx="6641">
                  <c:v>0.13150000000000001</c:v>
                </c:pt>
                <c:pt idx="6642">
                  <c:v>0.15140000000000001</c:v>
                </c:pt>
                <c:pt idx="6643">
                  <c:v>0.15010000000000001</c:v>
                </c:pt>
                <c:pt idx="6644">
                  <c:v>0.15379999999999999</c:v>
                </c:pt>
                <c:pt idx="6645">
                  <c:v>0.1535</c:v>
                </c:pt>
                <c:pt idx="6646">
                  <c:v>0.15620000000000001</c:v>
                </c:pt>
                <c:pt idx="6647">
                  <c:v>0.1623</c:v>
                </c:pt>
                <c:pt idx="6648">
                  <c:v>0.11990000000000001</c:v>
                </c:pt>
                <c:pt idx="6649">
                  <c:v>0.1119</c:v>
                </c:pt>
                <c:pt idx="6650">
                  <c:v>0.10050000000000001</c:v>
                </c:pt>
                <c:pt idx="6651">
                  <c:v>0.1052</c:v>
                </c:pt>
                <c:pt idx="6652">
                  <c:v>0.1065</c:v>
                </c:pt>
                <c:pt idx="6653">
                  <c:v>0.1123</c:v>
                </c:pt>
                <c:pt idx="6654">
                  <c:v>0.122</c:v>
                </c:pt>
                <c:pt idx="6655">
                  <c:v>0.1227</c:v>
                </c:pt>
                <c:pt idx="6656">
                  <c:v>0.1166</c:v>
                </c:pt>
                <c:pt idx="6657">
                  <c:v>0.11409999999999999</c:v>
                </c:pt>
                <c:pt idx="6658">
                  <c:v>0.1134</c:v>
                </c:pt>
                <c:pt idx="6659">
                  <c:v>0.1118</c:v>
                </c:pt>
                <c:pt idx="6660">
                  <c:v>0.1045</c:v>
                </c:pt>
                <c:pt idx="6661">
                  <c:v>0.10349999999999999</c:v>
                </c:pt>
                <c:pt idx="6662">
                  <c:v>0.10440000000000001</c:v>
                </c:pt>
                <c:pt idx="6663">
                  <c:v>0.1031</c:v>
                </c:pt>
                <c:pt idx="6664">
                  <c:v>0.10249999999999999</c:v>
                </c:pt>
                <c:pt idx="6665">
                  <c:v>0.10340000000000001</c:v>
                </c:pt>
                <c:pt idx="6666">
                  <c:v>9.9599999999999994E-2</c:v>
                </c:pt>
                <c:pt idx="6667">
                  <c:v>0.1074</c:v>
                </c:pt>
                <c:pt idx="6668">
                  <c:v>0.10539999999999999</c:v>
                </c:pt>
                <c:pt idx="6669">
                  <c:v>0.10489999999999999</c:v>
                </c:pt>
                <c:pt idx="6670">
                  <c:v>0.1047</c:v>
                </c:pt>
                <c:pt idx="6671">
                  <c:v>0.1071</c:v>
                </c:pt>
                <c:pt idx="6672">
                  <c:v>0.1101</c:v>
                </c:pt>
                <c:pt idx="6673">
                  <c:v>0.1123</c:v>
                </c:pt>
                <c:pt idx="6674">
                  <c:v>0.14960000000000001</c:v>
                </c:pt>
                <c:pt idx="6675">
                  <c:v>0.16569999999999999</c:v>
                </c:pt>
                <c:pt idx="6676">
                  <c:v>0.1651</c:v>
                </c:pt>
                <c:pt idx="6677">
                  <c:v>0.15890000000000001</c:v>
                </c:pt>
                <c:pt idx="6678">
                  <c:v>0.15379999999999999</c:v>
                </c:pt>
                <c:pt idx="6679">
                  <c:v>0.15340000000000001</c:v>
                </c:pt>
                <c:pt idx="6680">
                  <c:v>0.1492</c:v>
                </c:pt>
                <c:pt idx="6681">
                  <c:v>0.1447</c:v>
                </c:pt>
                <c:pt idx="6682">
                  <c:v>0.14549999999999999</c:v>
                </c:pt>
                <c:pt idx="6683">
                  <c:v>0.15210000000000001</c:v>
                </c:pt>
                <c:pt idx="6684">
                  <c:v>0.14510000000000001</c:v>
                </c:pt>
                <c:pt idx="6685">
                  <c:v>0.1447</c:v>
                </c:pt>
                <c:pt idx="6686">
                  <c:v>0.14199999999999999</c:v>
                </c:pt>
                <c:pt idx="6687">
                  <c:v>0.13689999999999999</c:v>
                </c:pt>
                <c:pt idx="6688">
                  <c:v>0.13170000000000001</c:v>
                </c:pt>
                <c:pt idx="6689">
                  <c:v>0.1134</c:v>
                </c:pt>
                <c:pt idx="6690">
                  <c:v>8.2299999999999998E-2</c:v>
                </c:pt>
                <c:pt idx="6691">
                  <c:v>7.8799999999999995E-2</c:v>
                </c:pt>
                <c:pt idx="6692">
                  <c:v>7.9899999999999999E-2</c:v>
                </c:pt>
                <c:pt idx="6693">
                  <c:v>7.9600000000000004E-2</c:v>
                </c:pt>
                <c:pt idx="6694">
                  <c:v>8.0799999999999997E-2</c:v>
                </c:pt>
                <c:pt idx="6695">
                  <c:v>8.4900000000000003E-2</c:v>
                </c:pt>
                <c:pt idx="6696">
                  <c:v>8.4699999999999998E-2</c:v>
                </c:pt>
                <c:pt idx="6697">
                  <c:v>8.5199999999999998E-2</c:v>
                </c:pt>
                <c:pt idx="6698">
                  <c:v>7.5800000000000006E-2</c:v>
                </c:pt>
                <c:pt idx="6699">
                  <c:v>7.0800000000000002E-2</c:v>
                </c:pt>
                <c:pt idx="6700">
                  <c:v>7.0300000000000001E-2</c:v>
                </c:pt>
                <c:pt idx="6701">
                  <c:v>7.9200000000000007E-2</c:v>
                </c:pt>
                <c:pt idx="6702">
                  <c:v>7.3400000000000007E-2</c:v>
                </c:pt>
                <c:pt idx="6703">
                  <c:v>7.7200000000000005E-2</c:v>
                </c:pt>
                <c:pt idx="6704">
                  <c:v>7.7100000000000002E-2</c:v>
                </c:pt>
                <c:pt idx="6705">
                  <c:v>7.4999999999999997E-2</c:v>
                </c:pt>
                <c:pt idx="6706">
                  <c:v>8.7599999999999997E-2</c:v>
                </c:pt>
                <c:pt idx="6707">
                  <c:v>9.06E-2</c:v>
                </c:pt>
                <c:pt idx="6708">
                  <c:v>9.0399999999999994E-2</c:v>
                </c:pt>
                <c:pt idx="6709">
                  <c:v>9.01E-2</c:v>
                </c:pt>
                <c:pt idx="6710">
                  <c:v>9.3100000000000002E-2</c:v>
                </c:pt>
                <c:pt idx="6711">
                  <c:v>9.1499999999999998E-2</c:v>
                </c:pt>
                <c:pt idx="6712">
                  <c:v>9.4E-2</c:v>
                </c:pt>
                <c:pt idx="6713">
                  <c:v>9.4700000000000006E-2</c:v>
                </c:pt>
                <c:pt idx="6714">
                  <c:v>9.8599999999999993E-2</c:v>
                </c:pt>
                <c:pt idx="6715">
                  <c:v>9.8799999999999999E-2</c:v>
                </c:pt>
                <c:pt idx="6716">
                  <c:v>0.10050000000000001</c:v>
                </c:pt>
                <c:pt idx="6717">
                  <c:v>9.5000000000000001E-2</c:v>
                </c:pt>
                <c:pt idx="6718">
                  <c:v>9.4E-2</c:v>
                </c:pt>
                <c:pt idx="6719">
                  <c:v>9.0800000000000006E-2</c:v>
                </c:pt>
                <c:pt idx="6720">
                  <c:v>8.9300000000000004E-2</c:v>
                </c:pt>
                <c:pt idx="6721">
                  <c:v>8.5500000000000007E-2</c:v>
                </c:pt>
                <c:pt idx="6722">
                  <c:v>8.3099999999999993E-2</c:v>
                </c:pt>
                <c:pt idx="6723">
                  <c:v>8.3699999999999997E-2</c:v>
                </c:pt>
                <c:pt idx="6724">
                  <c:v>8.2900000000000001E-2</c:v>
                </c:pt>
                <c:pt idx="6725">
                  <c:v>9.4899999999999998E-2</c:v>
                </c:pt>
                <c:pt idx="6726">
                  <c:v>9.9500000000000005E-2</c:v>
                </c:pt>
                <c:pt idx="6727">
                  <c:v>9.9900000000000003E-2</c:v>
                </c:pt>
                <c:pt idx="6728">
                  <c:v>9.9900000000000003E-2</c:v>
                </c:pt>
                <c:pt idx="6729">
                  <c:v>0.1011</c:v>
                </c:pt>
                <c:pt idx="6730">
                  <c:v>0.1042</c:v>
                </c:pt>
                <c:pt idx="6731">
                  <c:v>0.106</c:v>
                </c:pt>
                <c:pt idx="6732">
                  <c:v>0.1103</c:v>
                </c:pt>
                <c:pt idx="6733">
                  <c:v>0.1135</c:v>
                </c:pt>
                <c:pt idx="6734">
                  <c:v>0.1026</c:v>
                </c:pt>
                <c:pt idx="6735">
                  <c:v>0.1052</c:v>
                </c:pt>
                <c:pt idx="6736">
                  <c:v>0.1124</c:v>
                </c:pt>
                <c:pt idx="6737">
                  <c:v>0.1181</c:v>
                </c:pt>
                <c:pt idx="6738">
                  <c:v>0.1211</c:v>
                </c:pt>
                <c:pt idx="6739">
                  <c:v>0.11700000000000001</c:v>
                </c:pt>
                <c:pt idx="6740">
                  <c:v>0.12139999999999999</c:v>
                </c:pt>
                <c:pt idx="6741">
                  <c:v>0.1198</c:v>
                </c:pt>
                <c:pt idx="6742">
                  <c:v>0.12139999999999999</c:v>
                </c:pt>
                <c:pt idx="6743">
                  <c:v>0.1195</c:v>
                </c:pt>
                <c:pt idx="6744">
                  <c:v>0.1177</c:v>
                </c:pt>
                <c:pt idx="6745">
                  <c:v>0.1158</c:v>
                </c:pt>
                <c:pt idx="6746">
                  <c:v>0.1173</c:v>
                </c:pt>
                <c:pt idx="6747">
                  <c:v>0.1202</c:v>
                </c:pt>
                <c:pt idx="6748">
                  <c:v>0.11990000000000001</c:v>
                </c:pt>
                <c:pt idx="6749">
                  <c:v>0.1192</c:v>
                </c:pt>
                <c:pt idx="6750">
                  <c:v>0.1119</c:v>
                </c:pt>
                <c:pt idx="6751">
                  <c:v>0.1018</c:v>
                </c:pt>
                <c:pt idx="6752">
                  <c:v>0.1012</c:v>
                </c:pt>
                <c:pt idx="6753">
                  <c:v>9.6199999999999994E-2</c:v>
                </c:pt>
                <c:pt idx="6754">
                  <c:v>9.2200000000000004E-2</c:v>
                </c:pt>
                <c:pt idx="6755">
                  <c:v>9.3600000000000003E-2</c:v>
                </c:pt>
                <c:pt idx="6756">
                  <c:v>9.0200000000000002E-2</c:v>
                </c:pt>
                <c:pt idx="6757">
                  <c:v>8.6199999999999999E-2</c:v>
                </c:pt>
                <c:pt idx="6758">
                  <c:v>8.4900000000000003E-2</c:v>
                </c:pt>
                <c:pt idx="6759">
                  <c:v>8.3599999999999994E-2</c:v>
                </c:pt>
                <c:pt idx="6760">
                  <c:v>8.1900000000000001E-2</c:v>
                </c:pt>
                <c:pt idx="6761">
                  <c:v>7.8899999999999998E-2</c:v>
                </c:pt>
                <c:pt idx="6762">
                  <c:v>7.3800000000000004E-2</c:v>
                </c:pt>
                <c:pt idx="6763">
                  <c:v>6.7799999999999999E-2</c:v>
                </c:pt>
                <c:pt idx="6764">
                  <c:v>6.3799999999999996E-2</c:v>
                </c:pt>
                <c:pt idx="6765">
                  <c:v>6.08E-2</c:v>
                </c:pt>
                <c:pt idx="6766">
                  <c:v>5.7599999999999998E-2</c:v>
                </c:pt>
                <c:pt idx="6767">
                  <c:v>5.5599999999999997E-2</c:v>
                </c:pt>
                <c:pt idx="6768">
                  <c:v>5.5100000000000003E-2</c:v>
                </c:pt>
                <c:pt idx="6769">
                  <c:v>5.6000000000000001E-2</c:v>
                </c:pt>
                <c:pt idx="6770">
                  <c:v>5.6599999999999998E-2</c:v>
                </c:pt>
                <c:pt idx="6771">
                  <c:v>5.8599999999999999E-2</c:v>
                </c:pt>
                <c:pt idx="6772">
                  <c:v>6.0499999999999998E-2</c:v>
                </c:pt>
                <c:pt idx="6773">
                  <c:v>6.2399999999999997E-2</c:v>
                </c:pt>
                <c:pt idx="6774">
                  <c:v>6.4000000000000001E-2</c:v>
                </c:pt>
                <c:pt idx="6775">
                  <c:v>6.4699999999999994E-2</c:v>
                </c:pt>
                <c:pt idx="6776">
                  <c:v>6.3799999999999996E-2</c:v>
                </c:pt>
                <c:pt idx="6777">
                  <c:v>6.25E-2</c:v>
                </c:pt>
                <c:pt idx="6778">
                  <c:v>6.2600000000000003E-2</c:v>
                </c:pt>
                <c:pt idx="6779">
                  <c:v>6.3299999999999995E-2</c:v>
                </c:pt>
                <c:pt idx="6780">
                  <c:v>6.3899999999999998E-2</c:v>
                </c:pt>
                <c:pt idx="6781">
                  <c:v>6.4299999999999996E-2</c:v>
                </c:pt>
                <c:pt idx="6782">
                  <c:v>6.4600000000000005E-2</c:v>
                </c:pt>
                <c:pt idx="6783">
                  <c:v>6.2700000000000006E-2</c:v>
                </c:pt>
                <c:pt idx="6784">
                  <c:v>6.4699999999999994E-2</c:v>
                </c:pt>
                <c:pt idx="6785">
                  <c:v>6.5699999999999995E-2</c:v>
                </c:pt>
                <c:pt idx="6786">
                  <c:v>6.9000000000000006E-2</c:v>
                </c:pt>
                <c:pt idx="6787">
                  <c:v>6.8000000000000005E-2</c:v>
                </c:pt>
                <c:pt idx="6788">
                  <c:v>6.8099999999999994E-2</c:v>
                </c:pt>
                <c:pt idx="6789">
                  <c:v>6.8400000000000002E-2</c:v>
                </c:pt>
                <c:pt idx="6790">
                  <c:v>7.1599999999999997E-2</c:v>
                </c:pt>
                <c:pt idx="6791">
                  <c:v>7.7100000000000002E-2</c:v>
                </c:pt>
                <c:pt idx="6792">
                  <c:v>7.6100000000000001E-2</c:v>
                </c:pt>
                <c:pt idx="6793">
                  <c:v>7.3700000000000002E-2</c:v>
                </c:pt>
                <c:pt idx="6794">
                  <c:v>7.51E-2</c:v>
                </c:pt>
                <c:pt idx="6795">
                  <c:v>7.7100000000000002E-2</c:v>
                </c:pt>
                <c:pt idx="6796">
                  <c:v>8.0699999999999994E-2</c:v>
                </c:pt>
                <c:pt idx="6797">
                  <c:v>8.2400000000000001E-2</c:v>
                </c:pt>
                <c:pt idx="6798">
                  <c:v>8.2000000000000003E-2</c:v>
                </c:pt>
                <c:pt idx="6799">
                  <c:v>8.3199999999999996E-2</c:v>
                </c:pt>
                <c:pt idx="6800">
                  <c:v>9.1499999999999998E-2</c:v>
                </c:pt>
                <c:pt idx="6801">
                  <c:v>0.1036</c:v>
                </c:pt>
                <c:pt idx="6802">
                  <c:v>0.1074</c:v>
                </c:pt>
                <c:pt idx="6803">
                  <c:v>0.1032</c:v>
                </c:pt>
                <c:pt idx="6804">
                  <c:v>0.1055</c:v>
                </c:pt>
                <c:pt idx="6805">
                  <c:v>0.1031</c:v>
                </c:pt>
                <c:pt idx="6806">
                  <c:v>0.1024</c:v>
                </c:pt>
                <c:pt idx="6807">
                  <c:v>0.1046</c:v>
                </c:pt>
                <c:pt idx="6808">
                  <c:v>0.1076</c:v>
                </c:pt>
                <c:pt idx="6809">
                  <c:v>0.14360000000000001</c:v>
                </c:pt>
                <c:pt idx="6810">
                  <c:v>0.1903</c:v>
                </c:pt>
                <c:pt idx="6811">
                  <c:v>0.24030000000000001</c:v>
                </c:pt>
                <c:pt idx="6812">
                  <c:v>0.28649999999999998</c:v>
                </c:pt>
                <c:pt idx="6813">
                  <c:v>0.32979999999999998</c:v>
                </c:pt>
                <c:pt idx="6814">
                  <c:v>0.35899999999999999</c:v>
                </c:pt>
                <c:pt idx="6815">
                  <c:v>0.39250000000000002</c:v>
                </c:pt>
                <c:pt idx="6816">
                  <c:v>0.40479999999999999</c:v>
                </c:pt>
                <c:pt idx="6817">
                  <c:v>0.4083</c:v>
                </c:pt>
                <c:pt idx="6818">
                  <c:v>0.40710000000000002</c:v>
                </c:pt>
                <c:pt idx="6819">
                  <c:v>0.40039999999999998</c:v>
                </c:pt>
                <c:pt idx="6820">
                  <c:v>0.39040000000000002</c:v>
                </c:pt>
                <c:pt idx="6821">
                  <c:v>0.37219999999999998</c:v>
                </c:pt>
                <c:pt idx="6822">
                  <c:v>0.34460000000000002</c:v>
                </c:pt>
                <c:pt idx="6823">
                  <c:v>0.32240000000000002</c:v>
                </c:pt>
                <c:pt idx="6824">
                  <c:v>0.29899999999999999</c:v>
                </c:pt>
                <c:pt idx="6825">
                  <c:v>0.26179999999999998</c:v>
                </c:pt>
                <c:pt idx="6826">
                  <c:v>0.23619999999999999</c:v>
                </c:pt>
                <c:pt idx="6827">
                  <c:v>0.22259999999999999</c:v>
                </c:pt>
                <c:pt idx="6828">
                  <c:v>0.2044</c:v>
                </c:pt>
                <c:pt idx="6829">
                  <c:v>0.18909999999999999</c:v>
                </c:pt>
                <c:pt idx="6830">
                  <c:v>0.18149999999999999</c:v>
                </c:pt>
                <c:pt idx="6831">
                  <c:v>0.1711</c:v>
                </c:pt>
                <c:pt idx="6832">
                  <c:v>0.1696</c:v>
                </c:pt>
                <c:pt idx="6833">
                  <c:v>0.1764</c:v>
                </c:pt>
                <c:pt idx="6834">
                  <c:v>0.1832</c:v>
                </c:pt>
                <c:pt idx="6835">
                  <c:v>0.19409999999999999</c:v>
                </c:pt>
                <c:pt idx="6836">
                  <c:v>0.2109</c:v>
                </c:pt>
                <c:pt idx="6837">
                  <c:v>0.22989999999999999</c:v>
                </c:pt>
                <c:pt idx="6838">
                  <c:v>0.25209999999999999</c:v>
                </c:pt>
                <c:pt idx="6839">
                  <c:v>0.27129999999999999</c:v>
                </c:pt>
                <c:pt idx="6840">
                  <c:v>0.27639999999999998</c:v>
                </c:pt>
                <c:pt idx="6841">
                  <c:v>0.27300000000000002</c:v>
                </c:pt>
                <c:pt idx="6842">
                  <c:v>0.27279999999999999</c:v>
                </c:pt>
                <c:pt idx="6843">
                  <c:v>0.26269999999999999</c:v>
                </c:pt>
                <c:pt idx="6844">
                  <c:v>0.25769999999999998</c:v>
                </c:pt>
                <c:pt idx="6845">
                  <c:v>0.26119999999999999</c:v>
                </c:pt>
                <c:pt idx="6846">
                  <c:v>0.26279999999999998</c:v>
                </c:pt>
                <c:pt idx="6847">
                  <c:v>0.26540000000000002</c:v>
                </c:pt>
                <c:pt idx="6848">
                  <c:v>0.26400000000000001</c:v>
                </c:pt>
                <c:pt idx="6849">
                  <c:v>0.26019999999999999</c:v>
                </c:pt>
                <c:pt idx="6850">
                  <c:v>0.25109999999999999</c:v>
                </c:pt>
                <c:pt idx="6851">
                  <c:v>0.2455</c:v>
                </c:pt>
                <c:pt idx="6852">
                  <c:v>0.23899999999999999</c:v>
                </c:pt>
                <c:pt idx="6853">
                  <c:v>0.23649999999999999</c:v>
                </c:pt>
                <c:pt idx="6854">
                  <c:v>0.23019999999999999</c:v>
                </c:pt>
                <c:pt idx="6855">
                  <c:v>0.22600000000000001</c:v>
                </c:pt>
                <c:pt idx="6856">
                  <c:v>0.223</c:v>
                </c:pt>
                <c:pt idx="6857">
                  <c:v>0.2172</c:v>
                </c:pt>
                <c:pt idx="6858">
                  <c:v>0.2147</c:v>
                </c:pt>
                <c:pt idx="6859">
                  <c:v>0.21510000000000001</c:v>
                </c:pt>
                <c:pt idx="6860">
                  <c:v>0.21410000000000001</c:v>
                </c:pt>
                <c:pt idx="6861">
                  <c:v>0.21609999999999999</c:v>
                </c:pt>
                <c:pt idx="6862">
                  <c:v>0.21940000000000001</c:v>
                </c:pt>
                <c:pt idx="6863">
                  <c:v>0.22339999999999999</c:v>
                </c:pt>
                <c:pt idx="6864">
                  <c:v>0.23019999999999999</c:v>
                </c:pt>
                <c:pt idx="6865">
                  <c:v>0.2384</c:v>
                </c:pt>
                <c:pt idx="6866">
                  <c:v>0.24690000000000001</c:v>
                </c:pt>
                <c:pt idx="6867">
                  <c:v>0.25269999999999998</c:v>
                </c:pt>
                <c:pt idx="6868">
                  <c:v>0.25419999999999998</c:v>
                </c:pt>
                <c:pt idx="6869">
                  <c:v>0.25009999999999999</c:v>
                </c:pt>
                <c:pt idx="6870">
                  <c:v>0.24399999999999999</c:v>
                </c:pt>
                <c:pt idx="6871">
                  <c:v>0.23280000000000001</c:v>
                </c:pt>
                <c:pt idx="6872">
                  <c:v>0.22320000000000001</c:v>
                </c:pt>
                <c:pt idx="6873">
                  <c:v>0.21229999999999999</c:v>
                </c:pt>
                <c:pt idx="6874">
                  <c:v>0.20530000000000001</c:v>
                </c:pt>
                <c:pt idx="6875">
                  <c:v>0.19719999999999999</c:v>
                </c:pt>
                <c:pt idx="6876">
                  <c:v>0.18770000000000001</c:v>
                </c:pt>
                <c:pt idx="6877">
                  <c:v>0.17510000000000001</c:v>
                </c:pt>
                <c:pt idx="6878">
                  <c:v>0.16309999999999999</c:v>
                </c:pt>
                <c:pt idx="6879">
                  <c:v>0.15190000000000001</c:v>
                </c:pt>
                <c:pt idx="6880">
                  <c:v>0.14169999999999999</c:v>
                </c:pt>
                <c:pt idx="6881">
                  <c:v>0.13420000000000001</c:v>
                </c:pt>
                <c:pt idx="6882">
                  <c:v>0.13159999999999999</c:v>
                </c:pt>
                <c:pt idx="6883">
                  <c:v>0.1278</c:v>
                </c:pt>
                <c:pt idx="6884">
                  <c:v>0.12690000000000001</c:v>
                </c:pt>
                <c:pt idx="6885">
                  <c:v>0.1293</c:v>
                </c:pt>
                <c:pt idx="6886">
                  <c:v>0.13350000000000001</c:v>
                </c:pt>
                <c:pt idx="6887">
                  <c:v>0.14169999999999999</c:v>
                </c:pt>
                <c:pt idx="6888">
                  <c:v>0.1467</c:v>
                </c:pt>
                <c:pt idx="6889">
                  <c:v>0.1537</c:v>
                </c:pt>
                <c:pt idx="6890">
                  <c:v>0.159</c:v>
                </c:pt>
                <c:pt idx="6891">
                  <c:v>0.16170000000000001</c:v>
                </c:pt>
                <c:pt idx="6892">
                  <c:v>0.1623</c:v>
                </c:pt>
                <c:pt idx="6893">
                  <c:v>0.16259999999999999</c:v>
                </c:pt>
                <c:pt idx="6894">
                  <c:v>0.16450000000000001</c:v>
                </c:pt>
                <c:pt idx="6895">
                  <c:v>0.1666</c:v>
                </c:pt>
                <c:pt idx="6896">
                  <c:v>0.16750000000000001</c:v>
                </c:pt>
                <c:pt idx="6897">
                  <c:v>0.16930000000000001</c:v>
                </c:pt>
                <c:pt idx="6898">
                  <c:v>0.16980000000000001</c:v>
                </c:pt>
                <c:pt idx="6899">
                  <c:v>0.17180000000000001</c:v>
                </c:pt>
                <c:pt idx="6900">
                  <c:v>0.1721</c:v>
                </c:pt>
                <c:pt idx="6901">
                  <c:v>0.1716</c:v>
                </c:pt>
                <c:pt idx="6902">
                  <c:v>0.1711</c:v>
                </c:pt>
                <c:pt idx="6903">
                  <c:v>0.17050000000000001</c:v>
                </c:pt>
                <c:pt idx="6904">
                  <c:v>0.1694</c:v>
                </c:pt>
                <c:pt idx="6905">
                  <c:v>0.1641</c:v>
                </c:pt>
                <c:pt idx="6906">
                  <c:v>0.16059999999999999</c:v>
                </c:pt>
                <c:pt idx="6907">
                  <c:v>0.15340000000000001</c:v>
                </c:pt>
                <c:pt idx="6908">
                  <c:v>0.14480000000000001</c:v>
                </c:pt>
                <c:pt idx="6909">
                  <c:v>0.1358</c:v>
                </c:pt>
                <c:pt idx="6910">
                  <c:v>0.1283</c:v>
                </c:pt>
                <c:pt idx="6911">
                  <c:v>0.1208</c:v>
                </c:pt>
                <c:pt idx="6912">
                  <c:v>0.1144</c:v>
                </c:pt>
                <c:pt idx="6913">
                  <c:v>0.10730000000000001</c:v>
                </c:pt>
                <c:pt idx="6914">
                  <c:v>0.10100000000000001</c:v>
                </c:pt>
                <c:pt idx="6915">
                  <c:v>9.8100000000000007E-2</c:v>
                </c:pt>
                <c:pt idx="6916">
                  <c:v>9.6600000000000005E-2</c:v>
                </c:pt>
                <c:pt idx="6917">
                  <c:v>9.69E-2</c:v>
                </c:pt>
                <c:pt idx="6918">
                  <c:v>9.7799999999999998E-2</c:v>
                </c:pt>
                <c:pt idx="6919">
                  <c:v>0.10100000000000001</c:v>
                </c:pt>
                <c:pt idx="6920">
                  <c:v>0.1045</c:v>
                </c:pt>
                <c:pt idx="6921">
                  <c:v>0.1085</c:v>
                </c:pt>
                <c:pt idx="6922">
                  <c:v>0.1124</c:v>
                </c:pt>
                <c:pt idx="6923">
                  <c:v>0.1152</c:v>
                </c:pt>
                <c:pt idx="6924">
                  <c:v>0.1179</c:v>
                </c:pt>
                <c:pt idx="6925">
                  <c:v>0.1196</c:v>
                </c:pt>
                <c:pt idx="6926">
                  <c:v>0.1217</c:v>
                </c:pt>
                <c:pt idx="6927">
                  <c:v>0.1226</c:v>
                </c:pt>
                <c:pt idx="6928">
                  <c:v>0.12470000000000001</c:v>
                </c:pt>
                <c:pt idx="6929">
                  <c:v>0.1255</c:v>
                </c:pt>
                <c:pt idx="6930">
                  <c:v>0.12690000000000001</c:v>
                </c:pt>
                <c:pt idx="6931">
                  <c:v>0.1275</c:v>
                </c:pt>
                <c:pt idx="6932">
                  <c:v>0.12770000000000001</c:v>
                </c:pt>
                <c:pt idx="6933">
                  <c:v>0.1263</c:v>
                </c:pt>
                <c:pt idx="6934">
                  <c:v>0.1232</c:v>
                </c:pt>
                <c:pt idx="6935">
                  <c:v>0.1249</c:v>
                </c:pt>
                <c:pt idx="6936">
                  <c:v>0.12230000000000001</c:v>
                </c:pt>
                <c:pt idx="6937">
                  <c:v>0.12</c:v>
                </c:pt>
                <c:pt idx="6938">
                  <c:v>0.1164</c:v>
                </c:pt>
                <c:pt idx="6939">
                  <c:v>0.1134</c:v>
                </c:pt>
                <c:pt idx="6940">
                  <c:v>0.11169999999999999</c:v>
                </c:pt>
                <c:pt idx="6941">
                  <c:v>0.108</c:v>
                </c:pt>
                <c:pt idx="6942">
                  <c:v>0.10630000000000001</c:v>
                </c:pt>
                <c:pt idx="6943">
                  <c:v>0.1055</c:v>
                </c:pt>
                <c:pt idx="6944">
                  <c:v>0.10539999999999999</c:v>
                </c:pt>
                <c:pt idx="6945">
                  <c:v>0.1069</c:v>
                </c:pt>
                <c:pt idx="6946">
                  <c:v>0.1076</c:v>
                </c:pt>
                <c:pt idx="6947">
                  <c:v>0.1086</c:v>
                </c:pt>
                <c:pt idx="6948">
                  <c:v>0.1091</c:v>
                </c:pt>
                <c:pt idx="6949">
                  <c:v>0.109</c:v>
                </c:pt>
                <c:pt idx="6950">
                  <c:v>0.1085</c:v>
                </c:pt>
                <c:pt idx="6951">
                  <c:v>0.1077</c:v>
                </c:pt>
                <c:pt idx="6952">
                  <c:v>0.106</c:v>
                </c:pt>
                <c:pt idx="6953">
                  <c:v>0.1047</c:v>
                </c:pt>
                <c:pt idx="6954">
                  <c:v>0.10349999999999999</c:v>
                </c:pt>
                <c:pt idx="6955">
                  <c:v>0.10349999999999999</c:v>
                </c:pt>
                <c:pt idx="6956">
                  <c:v>0.10290000000000001</c:v>
                </c:pt>
                <c:pt idx="6957">
                  <c:v>0.10199999999999999</c:v>
                </c:pt>
                <c:pt idx="6958">
                  <c:v>0.10249999999999999</c:v>
                </c:pt>
                <c:pt idx="6959">
                  <c:v>0.1013</c:v>
                </c:pt>
                <c:pt idx="6960">
                  <c:v>0.1011</c:v>
                </c:pt>
                <c:pt idx="6961">
                  <c:v>0.1019</c:v>
                </c:pt>
                <c:pt idx="6962">
                  <c:v>0.1011</c:v>
                </c:pt>
                <c:pt idx="6963">
                  <c:v>0.10299999999999999</c:v>
                </c:pt>
                <c:pt idx="6964">
                  <c:v>0.1038</c:v>
                </c:pt>
                <c:pt idx="6965">
                  <c:v>0.1038</c:v>
                </c:pt>
                <c:pt idx="6966">
                  <c:v>0.1032</c:v>
                </c:pt>
                <c:pt idx="6967">
                  <c:v>0.1051</c:v>
                </c:pt>
                <c:pt idx="6968">
                  <c:v>0.10489999999999999</c:v>
                </c:pt>
                <c:pt idx="6969">
                  <c:v>0.1053</c:v>
                </c:pt>
                <c:pt idx="6970">
                  <c:v>0.1027</c:v>
                </c:pt>
                <c:pt idx="6971">
                  <c:v>0.10100000000000001</c:v>
                </c:pt>
                <c:pt idx="6972">
                  <c:v>9.7500000000000003E-2</c:v>
                </c:pt>
                <c:pt idx="6973">
                  <c:v>9.7199999999999995E-2</c:v>
                </c:pt>
                <c:pt idx="6974">
                  <c:v>9.8699999999999996E-2</c:v>
                </c:pt>
                <c:pt idx="6975">
                  <c:v>9.7199999999999995E-2</c:v>
                </c:pt>
                <c:pt idx="6976">
                  <c:v>9.6299999999999997E-2</c:v>
                </c:pt>
                <c:pt idx="6977">
                  <c:v>9.5299999999999996E-2</c:v>
                </c:pt>
                <c:pt idx="6978">
                  <c:v>9.3399999999999997E-2</c:v>
                </c:pt>
                <c:pt idx="6979">
                  <c:v>9.1899999999999996E-2</c:v>
                </c:pt>
                <c:pt idx="6980">
                  <c:v>9.3600000000000003E-2</c:v>
                </c:pt>
                <c:pt idx="6981">
                  <c:v>9.3399999999999997E-2</c:v>
                </c:pt>
                <c:pt idx="6982">
                  <c:v>9.35E-2</c:v>
                </c:pt>
                <c:pt idx="6983">
                  <c:v>9.4299999999999995E-2</c:v>
                </c:pt>
                <c:pt idx="6984">
                  <c:v>9.0300000000000005E-2</c:v>
                </c:pt>
                <c:pt idx="6985">
                  <c:v>8.8800000000000004E-2</c:v>
                </c:pt>
                <c:pt idx="6986">
                  <c:v>9.1600000000000001E-2</c:v>
                </c:pt>
                <c:pt idx="6987">
                  <c:v>9.1700000000000004E-2</c:v>
                </c:pt>
                <c:pt idx="6988">
                  <c:v>8.6999999999999994E-2</c:v>
                </c:pt>
                <c:pt idx="6989">
                  <c:v>8.7400000000000005E-2</c:v>
                </c:pt>
                <c:pt idx="6990">
                  <c:v>8.8599999999999998E-2</c:v>
                </c:pt>
                <c:pt idx="6991">
                  <c:v>8.9499999999999996E-2</c:v>
                </c:pt>
                <c:pt idx="6992">
                  <c:v>8.9099999999999999E-2</c:v>
                </c:pt>
                <c:pt idx="6993">
                  <c:v>9.1300000000000006E-2</c:v>
                </c:pt>
                <c:pt idx="6994">
                  <c:v>9.2499999999999999E-2</c:v>
                </c:pt>
                <c:pt idx="6995">
                  <c:v>8.9899999999999994E-2</c:v>
                </c:pt>
                <c:pt idx="6996">
                  <c:v>9.0800000000000006E-2</c:v>
                </c:pt>
                <c:pt idx="6997">
                  <c:v>9.2100000000000001E-2</c:v>
                </c:pt>
                <c:pt idx="6998">
                  <c:v>9.3899999999999997E-2</c:v>
                </c:pt>
                <c:pt idx="6999">
                  <c:v>9.3600000000000003E-2</c:v>
                </c:pt>
                <c:pt idx="7000">
                  <c:v>9.3899999999999997E-2</c:v>
                </c:pt>
                <c:pt idx="7001">
                  <c:v>9.3600000000000003E-2</c:v>
                </c:pt>
                <c:pt idx="7002">
                  <c:v>9.0200000000000002E-2</c:v>
                </c:pt>
                <c:pt idx="7003">
                  <c:v>8.8400000000000006E-2</c:v>
                </c:pt>
                <c:pt idx="7004">
                  <c:v>8.6800000000000002E-2</c:v>
                </c:pt>
                <c:pt idx="7005">
                  <c:v>8.4699999999999998E-2</c:v>
                </c:pt>
                <c:pt idx="7006">
                  <c:v>8.0699999999999994E-2</c:v>
                </c:pt>
                <c:pt idx="7007">
                  <c:v>7.9100000000000004E-2</c:v>
                </c:pt>
                <c:pt idx="7008">
                  <c:v>7.8399999999999997E-2</c:v>
                </c:pt>
                <c:pt idx="7009">
                  <c:v>7.9000000000000001E-2</c:v>
                </c:pt>
                <c:pt idx="7010">
                  <c:v>7.9100000000000004E-2</c:v>
                </c:pt>
                <c:pt idx="7011">
                  <c:v>7.8799999999999995E-2</c:v>
                </c:pt>
                <c:pt idx="7012">
                  <c:v>7.9500000000000001E-2</c:v>
                </c:pt>
                <c:pt idx="7013">
                  <c:v>8.2400000000000001E-2</c:v>
                </c:pt>
                <c:pt idx="7014">
                  <c:v>8.3199999999999996E-2</c:v>
                </c:pt>
                <c:pt idx="7015">
                  <c:v>8.2900000000000001E-2</c:v>
                </c:pt>
                <c:pt idx="7016">
                  <c:v>8.48E-2</c:v>
                </c:pt>
                <c:pt idx="7017">
                  <c:v>8.6999999999999994E-2</c:v>
                </c:pt>
                <c:pt idx="7018">
                  <c:v>8.7999999999999995E-2</c:v>
                </c:pt>
                <c:pt idx="7019">
                  <c:v>8.7900000000000006E-2</c:v>
                </c:pt>
                <c:pt idx="7020">
                  <c:v>8.8499999999999995E-2</c:v>
                </c:pt>
                <c:pt idx="7021">
                  <c:v>8.8800000000000004E-2</c:v>
                </c:pt>
                <c:pt idx="7022">
                  <c:v>8.9399999999999993E-2</c:v>
                </c:pt>
                <c:pt idx="7023">
                  <c:v>0.09</c:v>
                </c:pt>
                <c:pt idx="7024">
                  <c:v>9.11E-2</c:v>
                </c:pt>
                <c:pt idx="7025">
                  <c:v>9.2100000000000001E-2</c:v>
                </c:pt>
                <c:pt idx="7026">
                  <c:v>9.3399999999999997E-2</c:v>
                </c:pt>
                <c:pt idx="7027">
                  <c:v>9.6199999999999994E-2</c:v>
                </c:pt>
                <c:pt idx="7028">
                  <c:v>9.6600000000000005E-2</c:v>
                </c:pt>
                <c:pt idx="7029">
                  <c:v>9.8400000000000001E-2</c:v>
                </c:pt>
                <c:pt idx="7030">
                  <c:v>9.8799999999999999E-2</c:v>
                </c:pt>
                <c:pt idx="7031">
                  <c:v>0.1</c:v>
                </c:pt>
                <c:pt idx="7032">
                  <c:v>0.10150000000000001</c:v>
                </c:pt>
                <c:pt idx="7033">
                  <c:v>9.9299999999999999E-2</c:v>
                </c:pt>
                <c:pt idx="7034">
                  <c:v>9.9599999999999994E-2</c:v>
                </c:pt>
                <c:pt idx="7035">
                  <c:v>9.9400000000000002E-2</c:v>
                </c:pt>
                <c:pt idx="7036">
                  <c:v>9.9400000000000002E-2</c:v>
                </c:pt>
                <c:pt idx="7037">
                  <c:v>9.9400000000000002E-2</c:v>
                </c:pt>
                <c:pt idx="7038">
                  <c:v>0.1004</c:v>
                </c:pt>
                <c:pt idx="7039">
                  <c:v>0.1016</c:v>
                </c:pt>
                <c:pt idx="7040">
                  <c:v>0.1012</c:v>
                </c:pt>
                <c:pt idx="7041">
                  <c:v>0.1011</c:v>
                </c:pt>
                <c:pt idx="7042">
                  <c:v>0.1011</c:v>
                </c:pt>
                <c:pt idx="7043">
                  <c:v>0.10150000000000001</c:v>
                </c:pt>
                <c:pt idx="7044">
                  <c:v>0.1026</c:v>
                </c:pt>
                <c:pt idx="7045">
                  <c:v>0.10249999999999999</c:v>
                </c:pt>
                <c:pt idx="7046">
                  <c:v>0.1043</c:v>
                </c:pt>
                <c:pt idx="7047">
                  <c:v>0.1018</c:v>
                </c:pt>
                <c:pt idx="7048">
                  <c:v>0.1009</c:v>
                </c:pt>
                <c:pt idx="7049">
                  <c:v>9.7799999999999998E-2</c:v>
                </c:pt>
                <c:pt idx="7050">
                  <c:v>9.8100000000000007E-2</c:v>
                </c:pt>
                <c:pt idx="7051">
                  <c:v>9.8000000000000004E-2</c:v>
                </c:pt>
                <c:pt idx="7052">
                  <c:v>9.6600000000000005E-2</c:v>
                </c:pt>
                <c:pt idx="7053">
                  <c:v>0.1007</c:v>
                </c:pt>
                <c:pt idx="7054">
                  <c:v>9.7500000000000003E-2</c:v>
                </c:pt>
                <c:pt idx="7055">
                  <c:v>9.7199999999999995E-2</c:v>
                </c:pt>
                <c:pt idx="7056">
                  <c:v>9.6000000000000002E-2</c:v>
                </c:pt>
                <c:pt idx="7057">
                  <c:v>9.4600000000000004E-2</c:v>
                </c:pt>
                <c:pt idx="7058">
                  <c:v>9.2499999999999999E-2</c:v>
                </c:pt>
                <c:pt idx="7059">
                  <c:v>9.1300000000000006E-2</c:v>
                </c:pt>
                <c:pt idx="7060">
                  <c:v>8.9200000000000002E-2</c:v>
                </c:pt>
                <c:pt idx="7061">
                  <c:v>8.7800000000000003E-2</c:v>
                </c:pt>
                <c:pt idx="7062">
                  <c:v>8.3400000000000002E-2</c:v>
                </c:pt>
                <c:pt idx="7063">
                  <c:v>8.1199999999999994E-2</c:v>
                </c:pt>
                <c:pt idx="7064">
                  <c:v>7.7200000000000005E-2</c:v>
                </c:pt>
                <c:pt idx="7065">
                  <c:v>7.3800000000000004E-2</c:v>
                </c:pt>
                <c:pt idx="7066">
                  <c:v>7.0499999999999993E-2</c:v>
                </c:pt>
                <c:pt idx="7067">
                  <c:v>6.5199999999999994E-2</c:v>
                </c:pt>
                <c:pt idx="7068">
                  <c:v>6.4000000000000001E-2</c:v>
                </c:pt>
                <c:pt idx="7069">
                  <c:v>6.0600000000000001E-2</c:v>
                </c:pt>
                <c:pt idx="7070">
                  <c:v>5.9299999999999999E-2</c:v>
                </c:pt>
                <c:pt idx="7071">
                  <c:v>5.8900000000000001E-2</c:v>
                </c:pt>
                <c:pt idx="7072">
                  <c:v>6.0600000000000001E-2</c:v>
                </c:pt>
                <c:pt idx="7073">
                  <c:v>6.3200000000000006E-2</c:v>
                </c:pt>
                <c:pt idx="7074">
                  <c:v>6.3399999999999998E-2</c:v>
                </c:pt>
                <c:pt idx="7075">
                  <c:v>6.3200000000000006E-2</c:v>
                </c:pt>
                <c:pt idx="7076">
                  <c:v>6.59E-2</c:v>
                </c:pt>
                <c:pt idx="7077">
                  <c:v>6.7100000000000007E-2</c:v>
                </c:pt>
                <c:pt idx="7078">
                  <c:v>6.8599999999999994E-2</c:v>
                </c:pt>
                <c:pt idx="7079">
                  <c:v>7.0900000000000005E-2</c:v>
                </c:pt>
                <c:pt idx="7080">
                  <c:v>7.0300000000000001E-2</c:v>
                </c:pt>
                <c:pt idx="7081">
                  <c:v>7.1400000000000005E-2</c:v>
                </c:pt>
                <c:pt idx="7082">
                  <c:v>7.1400000000000005E-2</c:v>
                </c:pt>
                <c:pt idx="7083">
                  <c:v>7.4899999999999994E-2</c:v>
                </c:pt>
                <c:pt idx="7084">
                  <c:v>7.4399999999999994E-2</c:v>
                </c:pt>
                <c:pt idx="7085">
                  <c:v>7.7299999999999994E-2</c:v>
                </c:pt>
                <c:pt idx="7086">
                  <c:v>8.1100000000000005E-2</c:v>
                </c:pt>
                <c:pt idx="7087">
                  <c:v>7.9600000000000004E-2</c:v>
                </c:pt>
                <c:pt idx="7088">
                  <c:v>8.1600000000000006E-2</c:v>
                </c:pt>
                <c:pt idx="7089">
                  <c:v>8.1600000000000006E-2</c:v>
                </c:pt>
                <c:pt idx="7090">
                  <c:v>7.9500000000000001E-2</c:v>
                </c:pt>
                <c:pt idx="7091">
                  <c:v>7.9000000000000001E-2</c:v>
                </c:pt>
                <c:pt idx="7092">
                  <c:v>8.1799999999999998E-2</c:v>
                </c:pt>
                <c:pt idx="7093">
                  <c:v>8.3900000000000002E-2</c:v>
                </c:pt>
                <c:pt idx="7094">
                  <c:v>8.5400000000000004E-2</c:v>
                </c:pt>
                <c:pt idx="7095">
                  <c:v>8.5199999999999998E-2</c:v>
                </c:pt>
                <c:pt idx="7096">
                  <c:v>8.72E-2</c:v>
                </c:pt>
                <c:pt idx="7097">
                  <c:v>8.7499999999999994E-2</c:v>
                </c:pt>
                <c:pt idx="7098">
                  <c:v>8.9200000000000002E-2</c:v>
                </c:pt>
                <c:pt idx="7099">
                  <c:v>9.2799999999999994E-2</c:v>
                </c:pt>
                <c:pt idx="7100">
                  <c:v>9.4399999999999998E-2</c:v>
                </c:pt>
                <c:pt idx="7101">
                  <c:v>9.3100000000000002E-2</c:v>
                </c:pt>
                <c:pt idx="7102">
                  <c:v>9.6100000000000005E-2</c:v>
                </c:pt>
                <c:pt idx="7103">
                  <c:v>9.8100000000000007E-2</c:v>
                </c:pt>
                <c:pt idx="7104">
                  <c:v>0.10050000000000001</c:v>
                </c:pt>
                <c:pt idx="7105">
                  <c:v>0.1033</c:v>
                </c:pt>
                <c:pt idx="7106">
                  <c:v>0.1043</c:v>
                </c:pt>
                <c:pt idx="7107">
                  <c:v>0.1057</c:v>
                </c:pt>
                <c:pt idx="7108">
                  <c:v>0.10920000000000001</c:v>
                </c:pt>
                <c:pt idx="7109">
                  <c:v>0.1113</c:v>
                </c:pt>
                <c:pt idx="7110">
                  <c:v>0.11409999999999999</c:v>
                </c:pt>
                <c:pt idx="7111">
                  <c:v>0.1179</c:v>
                </c:pt>
                <c:pt idx="7112">
                  <c:v>0.1196</c:v>
                </c:pt>
                <c:pt idx="7113">
                  <c:v>0.1196</c:v>
                </c:pt>
                <c:pt idx="7114">
                  <c:v>0.12089999999999999</c:v>
                </c:pt>
                <c:pt idx="7115">
                  <c:v>0.1231</c:v>
                </c:pt>
                <c:pt idx="7116">
                  <c:v>0.12479999999999999</c:v>
                </c:pt>
                <c:pt idx="7117">
                  <c:v>0.12870000000000001</c:v>
                </c:pt>
                <c:pt idx="7118">
                  <c:v>0.13109999999999999</c:v>
                </c:pt>
                <c:pt idx="7119">
                  <c:v>0.13059999999999999</c:v>
                </c:pt>
                <c:pt idx="7120">
                  <c:v>0.12889999999999999</c:v>
                </c:pt>
                <c:pt idx="7121">
                  <c:v>0.127</c:v>
                </c:pt>
                <c:pt idx="7122">
                  <c:v>0.1239</c:v>
                </c:pt>
                <c:pt idx="7123">
                  <c:v>0.11940000000000001</c:v>
                </c:pt>
                <c:pt idx="7124">
                  <c:v>0.11890000000000001</c:v>
                </c:pt>
                <c:pt idx="7125">
                  <c:v>0.1196</c:v>
                </c:pt>
                <c:pt idx="7126">
                  <c:v>0.12189999999999999</c:v>
                </c:pt>
                <c:pt idx="7127">
                  <c:v>0.12379999999999999</c:v>
                </c:pt>
                <c:pt idx="7128">
                  <c:v>0.1232</c:v>
                </c:pt>
                <c:pt idx="7129">
                  <c:v>0.1211</c:v>
                </c:pt>
                <c:pt idx="7130">
                  <c:v>0.1211</c:v>
                </c:pt>
                <c:pt idx="7131">
                  <c:v>0.1196</c:v>
                </c:pt>
                <c:pt idx="7132">
                  <c:v>0.1187</c:v>
                </c:pt>
                <c:pt idx="7133">
                  <c:v>0.1177</c:v>
                </c:pt>
                <c:pt idx="7134">
                  <c:v>0.11749999999999999</c:v>
                </c:pt>
                <c:pt idx="7135">
                  <c:v>0.1177</c:v>
                </c:pt>
                <c:pt idx="7136">
                  <c:v>0.1179</c:v>
                </c:pt>
                <c:pt idx="7137">
                  <c:v>0.11609999999999999</c:v>
                </c:pt>
                <c:pt idx="7138">
                  <c:v>0.11509999999999999</c:v>
                </c:pt>
                <c:pt idx="7139">
                  <c:v>0.1142</c:v>
                </c:pt>
                <c:pt idx="7140">
                  <c:v>0.1172</c:v>
                </c:pt>
                <c:pt idx="7141">
                  <c:v>0.1133</c:v>
                </c:pt>
                <c:pt idx="7142">
                  <c:v>0.1091</c:v>
                </c:pt>
                <c:pt idx="7143">
                  <c:v>0.1074</c:v>
                </c:pt>
                <c:pt idx="7144">
                  <c:v>0.10780000000000001</c:v>
                </c:pt>
                <c:pt idx="7145">
                  <c:v>0.1085</c:v>
                </c:pt>
                <c:pt idx="7146">
                  <c:v>0.1099</c:v>
                </c:pt>
                <c:pt idx="7147">
                  <c:v>0.1072</c:v>
                </c:pt>
                <c:pt idx="7148">
                  <c:v>0.1085</c:v>
                </c:pt>
                <c:pt idx="7149">
                  <c:v>0.1071</c:v>
                </c:pt>
                <c:pt idx="7150">
                  <c:v>0.106</c:v>
                </c:pt>
                <c:pt idx="7151">
                  <c:v>0.1048</c:v>
                </c:pt>
                <c:pt idx="7152">
                  <c:v>0.10390000000000001</c:v>
                </c:pt>
                <c:pt idx="7153">
                  <c:v>0.1053</c:v>
                </c:pt>
                <c:pt idx="7154">
                  <c:v>9.9500000000000005E-2</c:v>
                </c:pt>
                <c:pt idx="7155">
                  <c:v>9.6500000000000002E-2</c:v>
                </c:pt>
                <c:pt idx="7156">
                  <c:v>9.7900000000000001E-2</c:v>
                </c:pt>
                <c:pt idx="7157">
                  <c:v>9.7900000000000001E-2</c:v>
                </c:pt>
                <c:pt idx="7158">
                  <c:v>9.9099999999999994E-2</c:v>
                </c:pt>
                <c:pt idx="7159">
                  <c:v>9.9500000000000005E-2</c:v>
                </c:pt>
                <c:pt idx="7160">
                  <c:v>9.9299999999999999E-2</c:v>
                </c:pt>
                <c:pt idx="7161">
                  <c:v>9.9599999999999994E-2</c:v>
                </c:pt>
                <c:pt idx="7162">
                  <c:v>0.10150000000000001</c:v>
                </c:pt>
                <c:pt idx="7163">
                  <c:v>0.1037</c:v>
                </c:pt>
                <c:pt idx="7164">
                  <c:v>0.10589999999999999</c:v>
                </c:pt>
                <c:pt idx="7165">
                  <c:v>0.1087</c:v>
                </c:pt>
                <c:pt idx="7166">
                  <c:v>0.11</c:v>
                </c:pt>
                <c:pt idx="7167">
                  <c:v>0.1105</c:v>
                </c:pt>
                <c:pt idx="7168">
                  <c:v>0.1104</c:v>
                </c:pt>
                <c:pt idx="7169">
                  <c:v>0.1089</c:v>
                </c:pt>
                <c:pt idx="7170">
                  <c:v>0.107</c:v>
                </c:pt>
                <c:pt idx="7171">
                  <c:v>0.1095</c:v>
                </c:pt>
                <c:pt idx="7172">
                  <c:v>0.1094</c:v>
                </c:pt>
                <c:pt idx="7173">
                  <c:v>0.1062</c:v>
                </c:pt>
                <c:pt idx="7174">
                  <c:v>0.113</c:v>
                </c:pt>
                <c:pt idx="7175">
                  <c:v>0.1067</c:v>
                </c:pt>
                <c:pt idx="7176">
                  <c:v>0.1046</c:v>
                </c:pt>
                <c:pt idx="7177">
                  <c:v>0.1037</c:v>
                </c:pt>
                <c:pt idx="7178">
                  <c:v>0.1032</c:v>
                </c:pt>
                <c:pt idx="7179">
                  <c:v>0.1048</c:v>
                </c:pt>
                <c:pt idx="7180">
                  <c:v>0.1051</c:v>
                </c:pt>
                <c:pt idx="7181">
                  <c:v>0.1043</c:v>
                </c:pt>
                <c:pt idx="7182">
                  <c:v>0.1046</c:v>
                </c:pt>
                <c:pt idx="7183">
                  <c:v>0.10539999999999999</c:v>
                </c:pt>
                <c:pt idx="7184">
                  <c:v>0.1077</c:v>
                </c:pt>
                <c:pt idx="7185">
                  <c:v>0.10879999999999999</c:v>
                </c:pt>
                <c:pt idx="7186">
                  <c:v>0.10920000000000001</c:v>
                </c:pt>
                <c:pt idx="7187">
                  <c:v>0.1116</c:v>
                </c:pt>
                <c:pt idx="7188">
                  <c:v>0.1132</c:v>
                </c:pt>
                <c:pt idx="7189">
                  <c:v>0.11260000000000001</c:v>
                </c:pt>
                <c:pt idx="7190">
                  <c:v>0.1143</c:v>
                </c:pt>
                <c:pt idx="7191">
                  <c:v>0.1157</c:v>
                </c:pt>
                <c:pt idx="7192">
                  <c:v>0.11799999999999999</c:v>
                </c:pt>
                <c:pt idx="7193">
                  <c:v>0.1202</c:v>
                </c:pt>
                <c:pt idx="7194">
                  <c:v>0.11700000000000001</c:v>
                </c:pt>
                <c:pt idx="7195">
                  <c:v>0.1159</c:v>
                </c:pt>
                <c:pt idx="7196">
                  <c:v>0.1128</c:v>
                </c:pt>
                <c:pt idx="7197">
                  <c:v>0.1103</c:v>
                </c:pt>
                <c:pt idx="7198">
                  <c:v>0.1087</c:v>
                </c:pt>
                <c:pt idx="7199">
                  <c:v>0.1109</c:v>
                </c:pt>
                <c:pt idx="7200">
                  <c:v>0.10730000000000001</c:v>
                </c:pt>
                <c:pt idx="7201">
                  <c:v>0.10580000000000001</c:v>
                </c:pt>
                <c:pt idx="7202">
                  <c:v>0.1071</c:v>
                </c:pt>
                <c:pt idx="7203">
                  <c:v>0.1085</c:v>
                </c:pt>
                <c:pt idx="7204">
                  <c:v>0.10680000000000001</c:v>
                </c:pt>
                <c:pt idx="7205">
                  <c:v>0.1071</c:v>
                </c:pt>
                <c:pt idx="7206">
                  <c:v>0.1067</c:v>
                </c:pt>
                <c:pt idx="7207">
                  <c:v>0.1062</c:v>
                </c:pt>
                <c:pt idx="7208">
                  <c:v>0.1069</c:v>
                </c:pt>
                <c:pt idx="7209">
                  <c:v>0.1038</c:v>
                </c:pt>
                <c:pt idx="7210">
                  <c:v>0.10059999999999999</c:v>
                </c:pt>
                <c:pt idx="7211">
                  <c:v>9.7500000000000003E-2</c:v>
                </c:pt>
                <c:pt idx="7212">
                  <c:v>9.4399999999999998E-2</c:v>
                </c:pt>
                <c:pt idx="7213">
                  <c:v>8.9700000000000002E-2</c:v>
                </c:pt>
                <c:pt idx="7214">
                  <c:v>8.6199999999999999E-2</c:v>
                </c:pt>
                <c:pt idx="7215">
                  <c:v>8.7499999999999994E-2</c:v>
                </c:pt>
                <c:pt idx="7216">
                  <c:v>8.77E-2</c:v>
                </c:pt>
                <c:pt idx="7217">
                  <c:v>8.6300000000000002E-2</c:v>
                </c:pt>
                <c:pt idx="7218">
                  <c:v>8.7800000000000003E-2</c:v>
                </c:pt>
                <c:pt idx="7219">
                  <c:v>8.8499999999999995E-2</c:v>
                </c:pt>
                <c:pt idx="7220">
                  <c:v>8.9599999999999999E-2</c:v>
                </c:pt>
                <c:pt idx="7221">
                  <c:v>8.9700000000000002E-2</c:v>
                </c:pt>
                <c:pt idx="7222">
                  <c:v>9.11E-2</c:v>
                </c:pt>
                <c:pt idx="7223">
                  <c:v>9.0700000000000003E-2</c:v>
                </c:pt>
                <c:pt idx="7224">
                  <c:v>8.9700000000000002E-2</c:v>
                </c:pt>
                <c:pt idx="7225">
                  <c:v>8.7999999999999995E-2</c:v>
                </c:pt>
                <c:pt idx="7226">
                  <c:v>8.7400000000000005E-2</c:v>
                </c:pt>
                <c:pt idx="7227">
                  <c:v>9.1600000000000001E-2</c:v>
                </c:pt>
                <c:pt idx="7228">
                  <c:v>9.8699999999999996E-2</c:v>
                </c:pt>
                <c:pt idx="7229">
                  <c:v>0.1033</c:v>
                </c:pt>
                <c:pt idx="7230">
                  <c:v>0.1023</c:v>
                </c:pt>
                <c:pt idx="7231">
                  <c:v>0.1036</c:v>
                </c:pt>
                <c:pt idx="7232">
                  <c:v>0.10440000000000001</c:v>
                </c:pt>
                <c:pt idx="7233">
                  <c:v>0.10199999999999999</c:v>
                </c:pt>
                <c:pt idx="7234">
                  <c:v>0.10630000000000001</c:v>
                </c:pt>
                <c:pt idx="7235">
                  <c:v>0.1056</c:v>
                </c:pt>
                <c:pt idx="7236">
                  <c:v>0.1042</c:v>
                </c:pt>
                <c:pt idx="7237">
                  <c:v>0.1021</c:v>
                </c:pt>
                <c:pt idx="7238">
                  <c:v>0.1011</c:v>
                </c:pt>
                <c:pt idx="7239">
                  <c:v>9.9699999999999997E-2</c:v>
                </c:pt>
                <c:pt idx="7240">
                  <c:v>9.7900000000000001E-2</c:v>
                </c:pt>
                <c:pt idx="7241">
                  <c:v>9.7000000000000003E-2</c:v>
                </c:pt>
                <c:pt idx="7242">
                  <c:v>9.8100000000000007E-2</c:v>
                </c:pt>
                <c:pt idx="7243">
                  <c:v>9.4600000000000004E-2</c:v>
                </c:pt>
                <c:pt idx="7244">
                  <c:v>8.6499999999999994E-2</c:v>
                </c:pt>
                <c:pt idx="7245">
                  <c:v>8.3199999999999996E-2</c:v>
                </c:pt>
                <c:pt idx="7246">
                  <c:v>8.4099999999999994E-2</c:v>
                </c:pt>
                <c:pt idx="7247">
                  <c:v>8.5999999999999993E-2</c:v>
                </c:pt>
                <c:pt idx="7248">
                  <c:v>8.4500000000000006E-2</c:v>
                </c:pt>
                <c:pt idx="7249">
                  <c:v>8.5400000000000004E-2</c:v>
                </c:pt>
                <c:pt idx="7250">
                  <c:v>8.6999999999999994E-2</c:v>
                </c:pt>
                <c:pt idx="7251">
                  <c:v>8.5099999999999995E-2</c:v>
                </c:pt>
                <c:pt idx="7252">
                  <c:v>8.6699999999999999E-2</c:v>
                </c:pt>
                <c:pt idx="7253">
                  <c:v>8.8999999999999996E-2</c:v>
                </c:pt>
                <c:pt idx="7254">
                  <c:v>9.11E-2</c:v>
                </c:pt>
                <c:pt idx="7255">
                  <c:v>9.4E-2</c:v>
                </c:pt>
                <c:pt idx="7256">
                  <c:v>9.5899999999999999E-2</c:v>
                </c:pt>
                <c:pt idx="7257">
                  <c:v>9.2200000000000004E-2</c:v>
                </c:pt>
                <c:pt idx="7258">
                  <c:v>9.4200000000000006E-2</c:v>
                </c:pt>
                <c:pt idx="7259">
                  <c:v>0.105</c:v>
                </c:pt>
                <c:pt idx="7260">
                  <c:v>9.6500000000000002E-2</c:v>
                </c:pt>
                <c:pt idx="7261">
                  <c:v>9.5399999999999999E-2</c:v>
                </c:pt>
                <c:pt idx="7262">
                  <c:v>9.7500000000000003E-2</c:v>
                </c:pt>
                <c:pt idx="7263">
                  <c:v>9.7900000000000001E-2</c:v>
                </c:pt>
                <c:pt idx="7264">
                  <c:v>9.4200000000000006E-2</c:v>
                </c:pt>
                <c:pt idx="7265">
                  <c:v>9.1800000000000007E-2</c:v>
                </c:pt>
                <c:pt idx="7266">
                  <c:v>9.2299999999999993E-2</c:v>
                </c:pt>
                <c:pt idx="7267">
                  <c:v>9.0300000000000005E-2</c:v>
                </c:pt>
                <c:pt idx="7268">
                  <c:v>8.9599999999999999E-2</c:v>
                </c:pt>
                <c:pt idx="7269">
                  <c:v>8.9300000000000004E-2</c:v>
                </c:pt>
                <c:pt idx="7270">
                  <c:v>8.6400000000000005E-2</c:v>
                </c:pt>
                <c:pt idx="7271">
                  <c:v>8.5199999999999998E-2</c:v>
                </c:pt>
                <c:pt idx="7272">
                  <c:v>8.4400000000000003E-2</c:v>
                </c:pt>
                <c:pt idx="7273">
                  <c:v>8.4500000000000006E-2</c:v>
                </c:pt>
                <c:pt idx="7274">
                  <c:v>8.5300000000000001E-2</c:v>
                </c:pt>
                <c:pt idx="7275">
                  <c:v>8.5599999999999996E-2</c:v>
                </c:pt>
                <c:pt idx="7276">
                  <c:v>8.72E-2</c:v>
                </c:pt>
                <c:pt idx="7277">
                  <c:v>8.5999999999999993E-2</c:v>
                </c:pt>
                <c:pt idx="7278">
                  <c:v>8.5999999999999993E-2</c:v>
                </c:pt>
                <c:pt idx="7279">
                  <c:v>8.8099999999999998E-2</c:v>
                </c:pt>
                <c:pt idx="7280">
                  <c:v>8.8999999999999996E-2</c:v>
                </c:pt>
                <c:pt idx="7281">
                  <c:v>8.6900000000000005E-2</c:v>
                </c:pt>
                <c:pt idx="7282">
                  <c:v>8.6999999999999994E-2</c:v>
                </c:pt>
                <c:pt idx="7283">
                  <c:v>9.0700000000000003E-2</c:v>
                </c:pt>
                <c:pt idx="7284">
                  <c:v>9.0300000000000005E-2</c:v>
                </c:pt>
                <c:pt idx="7285">
                  <c:v>9.11E-2</c:v>
                </c:pt>
                <c:pt idx="7286">
                  <c:v>9.1300000000000006E-2</c:v>
                </c:pt>
                <c:pt idx="7287">
                  <c:v>9.2299999999999993E-2</c:v>
                </c:pt>
                <c:pt idx="7288">
                  <c:v>9.2600000000000002E-2</c:v>
                </c:pt>
                <c:pt idx="7289">
                  <c:v>9.4899999999999998E-2</c:v>
                </c:pt>
                <c:pt idx="7290">
                  <c:v>9.6799999999999997E-2</c:v>
                </c:pt>
                <c:pt idx="7291">
                  <c:v>9.5100000000000004E-2</c:v>
                </c:pt>
                <c:pt idx="7292">
                  <c:v>9.5299999999999996E-2</c:v>
                </c:pt>
                <c:pt idx="7293">
                  <c:v>9.5799999999999996E-2</c:v>
                </c:pt>
                <c:pt idx="7294">
                  <c:v>9.6000000000000002E-2</c:v>
                </c:pt>
                <c:pt idx="7295">
                  <c:v>9.7199999999999995E-2</c:v>
                </c:pt>
                <c:pt idx="7296">
                  <c:v>9.5899999999999999E-2</c:v>
                </c:pt>
                <c:pt idx="7297">
                  <c:v>9.3700000000000006E-2</c:v>
                </c:pt>
                <c:pt idx="7298">
                  <c:v>9.2700000000000005E-2</c:v>
                </c:pt>
                <c:pt idx="7299">
                  <c:v>9.2399999999999996E-2</c:v>
                </c:pt>
                <c:pt idx="7300">
                  <c:v>9.3399999999999997E-2</c:v>
                </c:pt>
                <c:pt idx="7301">
                  <c:v>9.5899999999999999E-2</c:v>
                </c:pt>
                <c:pt idx="7302">
                  <c:v>9.69E-2</c:v>
                </c:pt>
                <c:pt idx="7303">
                  <c:v>0.1011</c:v>
                </c:pt>
                <c:pt idx="7304">
                  <c:v>9.9099999999999994E-2</c:v>
                </c:pt>
                <c:pt idx="7305">
                  <c:v>9.5299999999999996E-2</c:v>
                </c:pt>
                <c:pt idx="7306">
                  <c:v>9.3799999999999994E-2</c:v>
                </c:pt>
                <c:pt idx="7307">
                  <c:v>9.3100000000000002E-2</c:v>
                </c:pt>
                <c:pt idx="7308">
                  <c:v>9.3200000000000005E-2</c:v>
                </c:pt>
                <c:pt idx="7309">
                  <c:v>9.4600000000000004E-2</c:v>
                </c:pt>
                <c:pt idx="7310">
                  <c:v>9.3100000000000002E-2</c:v>
                </c:pt>
                <c:pt idx="7311">
                  <c:v>9.3299999999999994E-2</c:v>
                </c:pt>
                <c:pt idx="7312">
                  <c:v>9.2399999999999996E-2</c:v>
                </c:pt>
                <c:pt idx="7313">
                  <c:v>9.3100000000000002E-2</c:v>
                </c:pt>
                <c:pt idx="7314">
                  <c:v>9.3200000000000005E-2</c:v>
                </c:pt>
                <c:pt idx="7315">
                  <c:v>9.1800000000000007E-2</c:v>
                </c:pt>
                <c:pt idx="7316">
                  <c:v>8.8800000000000004E-2</c:v>
                </c:pt>
                <c:pt idx="7317">
                  <c:v>0.09</c:v>
                </c:pt>
                <c:pt idx="7318">
                  <c:v>9.0899999999999995E-2</c:v>
                </c:pt>
                <c:pt idx="7319">
                  <c:v>9.1399999999999995E-2</c:v>
                </c:pt>
                <c:pt idx="7320">
                  <c:v>9.1700000000000004E-2</c:v>
                </c:pt>
                <c:pt idx="7321">
                  <c:v>9.1499999999999998E-2</c:v>
                </c:pt>
                <c:pt idx="7322">
                  <c:v>9.35E-2</c:v>
                </c:pt>
                <c:pt idx="7323">
                  <c:v>9.4E-2</c:v>
                </c:pt>
                <c:pt idx="7324">
                  <c:v>9.2899999999999996E-2</c:v>
                </c:pt>
                <c:pt idx="7325">
                  <c:v>9.3600000000000003E-2</c:v>
                </c:pt>
                <c:pt idx="7326">
                  <c:v>9.4700000000000006E-2</c:v>
                </c:pt>
                <c:pt idx="7327">
                  <c:v>9.35E-2</c:v>
                </c:pt>
                <c:pt idx="7328">
                  <c:v>9.3399999999999997E-2</c:v>
                </c:pt>
                <c:pt idx="7329">
                  <c:v>9.2799999999999994E-2</c:v>
                </c:pt>
                <c:pt idx="7330">
                  <c:v>9.3700000000000006E-2</c:v>
                </c:pt>
                <c:pt idx="7331">
                  <c:v>9.4100000000000003E-2</c:v>
                </c:pt>
                <c:pt idx="7332">
                  <c:v>9.1899999999999996E-2</c:v>
                </c:pt>
                <c:pt idx="7333">
                  <c:v>9.2299999999999993E-2</c:v>
                </c:pt>
                <c:pt idx="7334">
                  <c:v>9.3600000000000003E-2</c:v>
                </c:pt>
                <c:pt idx="7335">
                  <c:v>9.6699999999999994E-2</c:v>
                </c:pt>
                <c:pt idx="7336">
                  <c:v>9.9299999999999999E-2</c:v>
                </c:pt>
                <c:pt idx="7337">
                  <c:v>0.1018</c:v>
                </c:pt>
                <c:pt idx="7338">
                  <c:v>0.10440000000000001</c:v>
                </c:pt>
                <c:pt idx="7339">
                  <c:v>0.1057</c:v>
                </c:pt>
                <c:pt idx="7340">
                  <c:v>0.1066</c:v>
                </c:pt>
                <c:pt idx="7341">
                  <c:v>0.1076</c:v>
                </c:pt>
                <c:pt idx="7342">
                  <c:v>0.1074</c:v>
                </c:pt>
                <c:pt idx="7343">
                  <c:v>0.1106</c:v>
                </c:pt>
                <c:pt idx="7344">
                  <c:v>0.1114</c:v>
                </c:pt>
                <c:pt idx="7345">
                  <c:v>0.1099</c:v>
                </c:pt>
                <c:pt idx="7346">
                  <c:v>0.1182</c:v>
                </c:pt>
                <c:pt idx="7347">
                  <c:v>0.125</c:v>
                </c:pt>
                <c:pt idx="7348">
                  <c:v>0.1255</c:v>
                </c:pt>
                <c:pt idx="7349">
                  <c:v>0.1222</c:v>
                </c:pt>
                <c:pt idx="7350">
                  <c:v>0.1235</c:v>
                </c:pt>
                <c:pt idx="7351">
                  <c:v>0.1225</c:v>
                </c:pt>
                <c:pt idx="7352">
                  <c:v>0.12280000000000001</c:v>
                </c:pt>
                <c:pt idx="7353">
                  <c:v>0.1232</c:v>
                </c:pt>
                <c:pt idx="7354">
                  <c:v>0.1245</c:v>
                </c:pt>
                <c:pt idx="7355">
                  <c:v>0.12590000000000001</c:v>
                </c:pt>
                <c:pt idx="7356">
                  <c:v>0.12659999999999999</c:v>
                </c:pt>
                <c:pt idx="7357">
                  <c:v>0.12989999999999999</c:v>
                </c:pt>
                <c:pt idx="7358">
                  <c:v>0.13350000000000001</c:v>
                </c:pt>
                <c:pt idx="7359">
                  <c:v>0.13450000000000001</c:v>
                </c:pt>
                <c:pt idx="7360">
                  <c:v>0.1341</c:v>
                </c:pt>
                <c:pt idx="7361">
                  <c:v>0.1241</c:v>
                </c:pt>
                <c:pt idx="7362">
                  <c:v>0.12180000000000001</c:v>
                </c:pt>
                <c:pt idx="7363">
                  <c:v>0.1212</c:v>
                </c:pt>
                <c:pt idx="7364">
                  <c:v>0.1216</c:v>
                </c:pt>
                <c:pt idx="7365">
                  <c:v>0.12239999999999999</c:v>
                </c:pt>
                <c:pt idx="7366">
                  <c:v>0.1216</c:v>
                </c:pt>
                <c:pt idx="7367">
                  <c:v>0.12089999999999999</c:v>
                </c:pt>
                <c:pt idx="7368">
                  <c:v>0.1198</c:v>
                </c:pt>
                <c:pt idx="7369">
                  <c:v>0.11890000000000001</c:v>
                </c:pt>
                <c:pt idx="7370">
                  <c:v>0.1192</c:v>
                </c:pt>
                <c:pt idx="7371">
                  <c:v>0.1177</c:v>
                </c:pt>
                <c:pt idx="7372">
                  <c:v>0.1174</c:v>
                </c:pt>
                <c:pt idx="7373">
                  <c:v>0.1183</c:v>
                </c:pt>
                <c:pt idx="7374">
                  <c:v>0.1174</c:v>
                </c:pt>
                <c:pt idx="7375">
                  <c:v>0.1152</c:v>
                </c:pt>
                <c:pt idx="7376">
                  <c:v>0.1125</c:v>
                </c:pt>
                <c:pt idx="7377">
                  <c:v>0.1115</c:v>
                </c:pt>
                <c:pt idx="7378">
                  <c:v>0.1101</c:v>
                </c:pt>
                <c:pt idx="7379">
                  <c:v>0.11</c:v>
                </c:pt>
                <c:pt idx="7380">
                  <c:v>0.112</c:v>
                </c:pt>
                <c:pt idx="7381">
                  <c:v>0.1163</c:v>
                </c:pt>
                <c:pt idx="7382">
                  <c:v>0.11559999999999999</c:v>
                </c:pt>
                <c:pt idx="7383">
                  <c:v>0.1183</c:v>
                </c:pt>
                <c:pt idx="7384">
                  <c:v>0.1226</c:v>
                </c:pt>
                <c:pt idx="7385">
                  <c:v>0.126</c:v>
                </c:pt>
                <c:pt idx="7386">
                  <c:v>0.1411</c:v>
                </c:pt>
                <c:pt idx="7387">
                  <c:v>0.15690000000000001</c:v>
                </c:pt>
                <c:pt idx="7388">
                  <c:v>0.1636</c:v>
                </c:pt>
                <c:pt idx="7389">
                  <c:v>0.17660000000000001</c:v>
                </c:pt>
                <c:pt idx="7390">
                  <c:v>0.19089999999999999</c:v>
                </c:pt>
                <c:pt idx="7391">
                  <c:v>0.21640000000000001</c:v>
                </c:pt>
                <c:pt idx="7392">
                  <c:v>0.2374</c:v>
                </c:pt>
                <c:pt idx="7393">
                  <c:v>0.24859999999999999</c:v>
                </c:pt>
                <c:pt idx="7394">
                  <c:v>0.2626</c:v>
                </c:pt>
                <c:pt idx="7395">
                  <c:v>0.27450000000000002</c:v>
                </c:pt>
                <c:pt idx="7396">
                  <c:v>0.31190000000000001</c:v>
                </c:pt>
                <c:pt idx="7397">
                  <c:v>0.31759999999999999</c:v>
                </c:pt>
                <c:pt idx="7398">
                  <c:v>0.30520000000000003</c:v>
                </c:pt>
                <c:pt idx="7399">
                  <c:v>0.29509999999999997</c:v>
                </c:pt>
                <c:pt idx="7400">
                  <c:v>0.28799999999999998</c:v>
                </c:pt>
                <c:pt idx="7401">
                  <c:v>0.28389999999999999</c:v>
                </c:pt>
                <c:pt idx="7402">
                  <c:v>0.2802</c:v>
                </c:pt>
                <c:pt idx="7403">
                  <c:v>0.28420000000000001</c:v>
                </c:pt>
                <c:pt idx="7404">
                  <c:v>0.2858</c:v>
                </c:pt>
                <c:pt idx="7405">
                  <c:v>0.27879999999999999</c:v>
                </c:pt>
                <c:pt idx="7406">
                  <c:v>0.27379999999999999</c:v>
                </c:pt>
                <c:pt idx="7407">
                  <c:v>0.26469999999999999</c:v>
                </c:pt>
                <c:pt idx="7408">
                  <c:v>0.2641</c:v>
                </c:pt>
                <c:pt idx="7409">
                  <c:v>0.25869999999999999</c:v>
                </c:pt>
                <c:pt idx="7410">
                  <c:v>0.25080000000000002</c:v>
                </c:pt>
                <c:pt idx="7411">
                  <c:v>0.21929999999999999</c:v>
                </c:pt>
                <c:pt idx="7412">
                  <c:v>0.16309999999999999</c:v>
                </c:pt>
                <c:pt idx="7413">
                  <c:v>0.15440000000000001</c:v>
                </c:pt>
                <c:pt idx="7414">
                  <c:v>0.14990000000000001</c:v>
                </c:pt>
                <c:pt idx="7415">
                  <c:v>0.14949999999999999</c:v>
                </c:pt>
                <c:pt idx="7416">
                  <c:v>0.1512</c:v>
                </c:pt>
                <c:pt idx="7417">
                  <c:v>0.15190000000000001</c:v>
                </c:pt>
                <c:pt idx="7418">
                  <c:v>0.1532</c:v>
                </c:pt>
                <c:pt idx="7419">
                  <c:v>0.1507</c:v>
                </c:pt>
                <c:pt idx="7420">
                  <c:v>0.15640000000000001</c:v>
                </c:pt>
                <c:pt idx="7421">
                  <c:v>0.1545</c:v>
                </c:pt>
                <c:pt idx="7422">
                  <c:v>0.1555</c:v>
                </c:pt>
                <c:pt idx="7423">
                  <c:v>0.15090000000000001</c:v>
                </c:pt>
                <c:pt idx="7424">
                  <c:v>0.14960000000000001</c:v>
                </c:pt>
                <c:pt idx="7425">
                  <c:v>0.1507</c:v>
                </c:pt>
                <c:pt idx="7426">
                  <c:v>0.15079999999999999</c:v>
                </c:pt>
                <c:pt idx="7427">
                  <c:v>0.151</c:v>
                </c:pt>
                <c:pt idx="7428">
                  <c:v>0.1515</c:v>
                </c:pt>
                <c:pt idx="7429">
                  <c:v>0.153</c:v>
                </c:pt>
                <c:pt idx="7430">
                  <c:v>0.15390000000000001</c:v>
                </c:pt>
                <c:pt idx="7431">
                  <c:v>0.152</c:v>
                </c:pt>
                <c:pt idx="7432">
                  <c:v>0.15190000000000001</c:v>
                </c:pt>
                <c:pt idx="7433">
                  <c:v>0.15079999999999999</c:v>
                </c:pt>
                <c:pt idx="7434">
                  <c:v>0.1502</c:v>
                </c:pt>
                <c:pt idx="7435">
                  <c:v>0.1522</c:v>
                </c:pt>
                <c:pt idx="7436">
                  <c:v>0.1517</c:v>
                </c:pt>
                <c:pt idx="7437">
                  <c:v>0.15260000000000001</c:v>
                </c:pt>
                <c:pt idx="7438">
                  <c:v>0.15490000000000001</c:v>
                </c:pt>
                <c:pt idx="7439">
                  <c:v>0.15679999999999999</c:v>
                </c:pt>
                <c:pt idx="7440">
                  <c:v>0.15959999999999999</c:v>
                </c:pt>
                <c:pt idx="7441">
                  <c:v>0.1648</c:v>
                </c:pt>
                <c:pt idx="7442">
                  <c:v>0.1673</c:v>
                </c:pt>
                <c:pt idx="7443">
                  <c:v>0.1686</c:v>
                </c:pt>
                <c:pt idx="7444">
                  <c:v>0.1694</c:v>
                </c:pt>
                <c:pt idx="7445">
                  <c:v>0.1699</c:v>
                </c:pt>
                <c:pt idx="7446">
                  <c:v>0.1711</c:v>
                </c:pt>
                <c:pt idx="7447">
                  <c:v>0.1734</c:v>
                </c:pt>
                <c:pt idx="7448">
                  <c:v>0.1744</c:v>
                </c:pt>
                <c:pt idx="7449">
                  <c:v>0.1782</c:v>
                </c:pt>
                <c:pt idx="7450">
                  <c:v>0.1777</c:v>
                </c:pt>
              </c:numCache>
            </c:numRef>
          </c:xVal>
          <c:yVal>
            <c:numRef>
              <c:f>'CPT Data'!$B$12:$B$7462</c:f>
              <c:numCache>
                <c:formatCode>General</c:formatCode>
                <c:ptCount val="7451"/>
                <c:pt idx="0">
                  <c:v>0</c:v>
                </c:pt>
                <c:pt idx="1">
                  <c:v>7.0000000000000001E-3</c:v>
                </c:pt>
                <c:pt idx="2">
                  <c:v>1.4999999999999999E-2</c:v>
                </c:pt>
                <c:pt idx="3">
                  <c:v>2.1999999999999999E-2</c:v>
                </c:pt>
                <c:pt idx="4">
                  <c:v>0.03</c:v>
                </c:pt>
                <c:pt idx="5">
                  <c:v>3.6999999999999998E-2</c:v>
                </c:pt>
                <c:pt idx="6">
                  <c:v>4.4999999999999998E-2</c:v>
                </c:pt>
                <c:pt idx="7">
                  <c:v>5.1999999999999998E-2</c:v>
                </c:pt>
                <c:pt idx="8">
                  <c:v>5.8999999999999997E-2</c:v>
                </c:pt>
                <c:pt idx="9">
                  <c:v>6.6000000000000003E-2</c:v>
                </c:pt>
                <c:pt idx="10">
                  <c:v>7.3999999999999996E-2</c:v>
                </c:pt>
                <c:pt idx="11">
                  <c:v>8.1000000000000003E-2</c:v>
                </c:pt>
                <c:pt idx="12">
                  <c:v>8.8999999999999996E-2</c:v>
                </c:pt>
                <c:pt idx="13">
                  <c:v>9.6000000000000002E-2</c:v>
                </c:pt>
                <c:pt idx="14">
                  <c:v>0.104</c:v>
                </c:pt>
                <c:pt idx="15">
                  <c:v>0.111</c:v>
                </c:pt>
                <c:pt idx="16">
                  <c:v>0.11799999999999999</c:v>
                </c:pt>
                <c:pt idx="17">
                  <c:v>0.126</c:v>
                </c:pt>
                <c:pt idx="18">
                  <c:v>0.13400000000000001</c:v>
                </c:pt>
                <c:pt idx="19">
                  <c:v>0.14099999999999999</c:v>
                </c:pt>
                <c:pt idx="20">
                  <c:v>0.14899999999999999</c:v>
                </c:pt>
                <c:pt idx="21">
                  <c:v>0.156</c:v>
                </c:pt>
                <c:pt idx="22">
                  <c:v>0.16400000000000001</c:v>
                </c:pt>
                <c:pt idx="23">
                  <c:v>0.17199999999999999</c:v>
                </c:pt>
                <c:pt idx="24">
                  <c:v>0.17899999999999999</c:v>
                </c:pt>
                <c:pt idx="25">
                  <c:v>0.186</c:v>
                </c:pt>
                <c:pt idx="26">
                  <c:v>0.19500000000000001</c:v>
                </c:pt>
                <c:pt idx="27">
                  <c:v>0.20200000000000001</c:v>
                </c:pt>
                <c:pt idx="28">
                  <c:v>0.20899999999999999</c:v>
                </c:pt>
                <c:pt idx="29">
                  <c:v>0.217</c:v>
                </c:pt>
                <c:pt idx="30">
                  <c:v>0.224</c:v>
                </c:pt>
                <c:pt idx="31">
                  <c:v>0.23100000000000001</c:v>
                </c:pt>
                <c:pt idx="32">
                  <c:v>0.23899999999999999</c:v>
                </c:pt>
                <c:pt idx="33">
                  <c:v>0.246</c:v>
                </c:pt>
                <c:pt idx="34">
                  <c:v>0.254</c:v>
                </c:pt>
                <c:pt idx="35">
                  <c:v>0.26100000000000001</c:v>
                </c:pt>
                <c:pt idx="36">
                  <c:v>0.26900000000000002</c:v>
                </c:pt>
                <c:pt idx="37">
                  <c:v>0.27600000000000002</c:v>
                </c:pt>
                <c:pt idx="38">
                  <c:v>0.28399999999999997</c:v>
                </c:pt>
                <c:pt idx="39">
                  <c:v>0.29099999999999998</c:v>
                </c:pt>
                <c:pt idx="40">
                  <c:v>0.29899999999999999</c:v>
                </c:pt>
                <c:pt idx="41">
                  <c:v>0.30599999999999999</c:v>
                </c:pt>
                <c:pt idx="42">
                  <c:v>0.314</c:v>
                </c:pt>
                <c:pt idx="43">
                  <c:v>0.32100000000000001</c:v>
                </c:pt>
                <c:pt idx="44">
                  <c:v>0.32900000000000001</c:v>
                </c:pt>
                <c:pt idx="45">
                  <c:v>0.33600000000000002</c:v>
                </c:pt>
                <c:pt idx="46">
                  <c:v>0.34300000000000003</c:v>
                </c:pt>
                <c:pt idx="47">
                  <c:v>0.35099999999999998</c:v>
                </c:pt>
                <c:pt idx="48">
                  <c:v>0.35799999999999998</c:v>
                </c:pt>
                <c:pt idx="49">
                  <c:v>0.36599999999999999</c:v>
                </c:pt>
                <c:pt idx="50">
                  <c:v>0.374</c:v>
                </c:pt>
                <c:pt idx="51">
                  <c:v>0.38100000000000001</c:v>
                </c:pt>
                <c:pt idx="52">
                  <c:v>0.38900000000000001</c:v>
                </c:pt>
                <c:pt idx="53">
                  <c:v>0.39500000000000002</c:v>
                </c:pt>
                <c:pt idx="54">
                  <c:v>0.40300000000000002</c:v>
                </c:pt>
                <c:pt idx="55">
                  <c:v>0.41</c:v>
                </c:pt>
                <c:pt idx="56">
                  <c:v>0.41799999999999998</c:v>
                </c:pt>
                <c:pt idx="57">
                  <c:v>0.42499999999999999</c:v>
                </c:pt>
                <c:pt idx="58">
                  <c:v>0.434</c:v>
                </c:pt>
                <c:pt idx="59">
                  <c:v>0.44</c:v>
                </c:pt>
                <c:pt idx="60">
                  <c:v>0.44800000000000001</c:v>
                </c:pt>
                <c:pt idx="61">
                  <c:v>0.45700000000000002</c:v>
                </c:pt>
                <c:pt idx="62">
                  <c:v>0.46300000000000002</c:v>
                </c:pt>
                <c:pt idx="63">
                  <c:v>0.47199999999999998</c:v>
                </c:pt>
                <c:pt idx="64">
                  <c:v>0.47899999999999998</c:v>
                </c:pt>
                <c:pt idx="65">
                  <c:v>0.48699999999999999</c:v>
                </c:pt>
                <c:pt idx="66">
                  <c:v>0.49399999999999999</c:v>
                </c:pt>
                <c:pt idx="67">
                  <c:v>0.502</c:v>
                </c:pt>
                <c:pt idx="68">
                  <c:v>0.50900000000000001</c:v>
                </c:pt>
                <c:pt idx="69">
                  <c:v>0.51600000000000001</c:v>
                </c:pt>
                <c:pt idx="70">
                  <c:v>0.52400000000000002</c:v>
                </c:pt>
                <c:pt idx="71">
                  <c:v>0.53200000000000003</c:v>
                </c:pt>
                <c:pt idx="72">
                  <c:v>0.53900000000000003</c:v>
                </c:pt>
                <c:pt idx="73">
                  <c:v>0.54600000000000004</c:v>
                </c:pt>
                <c:pt idx="74">
                  <c:v>0.55400000000000005</c:v>
                </c:pt>
                <c:pt idx="75">
                  <c:v>0.56100000000000005</c:v>
                </c:pt>
                <c:pt idx="76">
                  <c:v>0.56799999999999995</c:v>
                </c:pt>
                <c:pt idx="77">
                  <c:v>0.57599999999999996</c:v>
                </c:pt>
                <c:pt idx="78">
                  <c:v>0.58299999999999996</c:v>
                </c:pt>
                <c:pt idx="79">
                  <c:v>0.59099999999999997</c:v>
                </c:pt>
                <c:pt idx="80">
                  <c:v>0.59799999999999998</c:v>
                </c:pt>
                <c:pt idx="81">
                  <c:v>0.60699999999999998</c:v>
                </c:pt>
                <c:pt idx="82">
                  <c:v>0.61399999999999999</c:v>
                </c:pt>
                <c:pt idx="83">
                  <c:v>0.621</c:v>
                </c:pt>
                <c:pt idx="84">
                  <c:v>0.629</c:v>
                </c:pt>
                <c:pt idx="85">
                  <c:v>0.63700000000000001</c:v>
                </c:pt>
                <c:pt idx="86">
                  <c:v>0.64400000000000002</c:v>
                </c:pt>
                <c:pt idx="87">
                  <c:v>0.65200000000000002</c:v>
                </c:pt>
                <c:pt idx="88">
                  <c:v>0.65900000000000003</c:v>
                </c:pt>
                <c:pt idx="89">
                  <c:v>0.66700000000000004</c:v>
                </c:pt>
                <c:pt idx="90">
                  <c:v>0.67400000000000004</c:v>
                </c:pt>
                <c:pt idx="91">
                  <c:v>0.68200000000000005</c:v>
                </c:pt>
                <c:pt idx="92">
                  <c:v>0.68899999999999995</c:v>
                </c:pt>
                <c:pt idx="93">
                  <c:v>0.69699999999999995</c:v>
                </c:pt>
                <c:pt idx="94">
                  <c:v>0.70399999999999996</c:v>
                </c:pt>
                <c:pt idx="95">
                  <c:v>0.71199999999999997</c:v>
                </c:pt>
                <c:pt idx="96">
                  <c:v>0.72</c:v>
                </c:pt>
                <c:pt idx="97">
                  <c:v>0.72599999999999998</c:v>
                </c:pt>
                <c:pt idx="98">
                  <c:v>0.73399999999999999</c:v>
                </c:pt>
                <c:pt idx="99">
                  <c:v>0.78100000000000003</c:v>
                </c:pt>
                <c:pt idx="100">
                  <c:v>0.78800000000000003</c:v>
                </c:pt>
                <c:pt idx="101">
                  <c:v>0.79600000000000004</c:v>
                </c:pt>
                <c:pt idx="102">
                  <c:v>0.80300000000000005</c:v>
                </c:pt>
                <c:pt idx="103">
                  <c:v>0.81100000000000005</c:v>
                </c:pt>
                <c:pt idx="104">
                  <c:v>0.81799999999999995</c:v>
                </c:pt>
                <c:pt idx="105">
                  <c:v>0.82499999999999996</c:v>
                </c:pt>
                <c:pt idx="106">
                  <c:v>0.83299999999999996</c:v>
                </c:pt>
                <c:pt idx="107">
                  <c:v>0.84099999999999997</c:v>
                </c:pt>
                <c:pt idx="108">
                  <c:v>0.84899999999999998</c:v>
                </c:pt>
                <c:pt idx="109">
                  <c:v>0.85599999999999998</c:v>
                </c:pt>
                <c:pt idx="110">
                  <c:v>0.86399999999999999</c:v>
                </c:pt>
                <c:pt idx="111">
                  <c:v>0.871</c:v>
                </c:pt>
                <c:pt idx="112">
                  <c:v>0.879</c:v>
                </c:pt>
                <c:pt idx="113">
                  <c:v>0.88600000000000001</c:v>
                </c:pt>
                <c:pt idx="114">
                  <c:v>0.89400000000000002</c:v>
                </c:pt>
                <c:pt idx="115">
                  <c:v>0.90100000000000002</c:v>
                </c:pt>
                <c:pt idx="116">
                  <c:v>0.90900000000000003</c:v>
                </c:pt>
                <c:pt idx="117">
                  <c:v>0.91600000000000004</c:v>
                </c:pt>
                <c:pt idx="118">
                  <c:v>0.92400000000000004</c:v>
                </c:pt>
                <c:pt idx="119">
                  <c:v>0.93100000000000005</c:v>
                </c:pt>
                <c:pt idx="120">
                  <c:v>0.93899999999999995</c:v>
                </c:pt>
                <c:pt idx="121">
                  <c:v>0.93899999999999995</c:v>
                </c:pt>
                <c:pt idx="122">
                  <c:v>0.93899999999999995</c:v>
                </c:pt>
                <c:pt idx="123">
                  <c:v>0.97</c:v>
                </c:pt>
                <c:pt idx="124">
                  <c:v>0.97699999999999998</c:v>
                </c:pt>
                <c:pt idx="125">
                  <c:v>0.98499999999999999</c:v>
                </c:pt>
                <c:pt idx="126">
                  <c:v>0.99299999999999999</c:v>
                </c:pt>
                <c:pt idx="127">
                  <c:v>1.0009999999999999</c:v>
                </c:pt>
                <c:pt idx="128">
                  <c:v>1.008</c:v>
                </c:pt>
                <c:pt idx="129">
                  <c:v>1.016</c:v>
                </c:pt>
                <c:pt idx="130">
                  <c:v>1.0229999999999999</c:v>
                </c:pt>
                <c:pt idx="131">
                  <c:v>1.0309999999999999</c:v>
                </c:pt>
                <c:pt idx="132">
                  <c:v>1.038</c:v>
                </c:pt>
                <c:pt idx="133">
                  <c:v>1.046</c:v>
                </c:pt>
                <c:pt idx="134">
                  <c:v>1.054</c:v>
                </c:pt>
                <c:pt idx="135">
                  <c:v>1.0609999999999999</c:v>
                </c:pt>
                <c:pt idx="136">
                  <c:v>1.0680000000000001</c:v>
                </c:pt>
                <c:pt idx="137">
                  <c:v>1.075</c:v>
                </c:pt>
                <c:pt idx="138">
                  <c:v>1.083</c:v>
                </c:pt>
                <c:pt idx="139">
                  <c:v>1.091</c:v>
                </c:pt>
                <c:pt idx="140">
                  <c:v>1.099</c:v>
                </c:pt>
                <c:pt idx="141">
                  <c:v>1.1060000000000001</c:v>
                </c:pt>
                <c:pt idx="142">
                  <c:v>1.1140000000000001</c:v>
                </c:pt>
                <c:pt idx="143">
                  <c:v>1.121</c:v>
                </c:pt>
                <c:pt idx="144">
                  <c:v>1.129</c:v>
                </c:pt>
                <c:pt idx="145">
                  <c:v>1.1359999999999999</c:v>
                </c:pt>
                <c:pt idx="146">
                  <c:v>1.1439999999999999</c:v>
                </c:pt>
                <c:pt idx="147">
                  <c:v>1.151</c:v>
                </c:pt>
                <c:pt idx="148">
                  <c:v>1.1599999999999999</c:v>
                </c:pt>
                <c:pt idx="149">
                  <c:v>1.167</c:v>
                </c:pt>
                <c:pt idx="150">
                  <c:v>1.2090000000000001</c:v>
                </c:pt>
                <c:pt idx="151">
                  <c:v>1.216</c:v>
                </c:pt>
                <c:pt idx="152">
                  <c:v>1.262</c:v>
                </c:pt>
                <c:pt idx="153">
                  <c:v>1.27</c:v>
                </c:pt>
                <c:pt idx="154">
                  <c:v>1.278</c:v>
                </c:pt>
                <c:pt idx="155">
                  <c:v>1.286</c:v>
                </c:pt>
                <c:pt idx="156">
                  <c:v>1.2929999999999999</c:v>
                </c:pt>
                <c:pt idx="157">
                  <c:v>1.3009999999999999</c:v>
                </c:pt>
                <c:pt idx="158">
                  <c:v>1.3080000000000001</c:v>
                </c:pt>
                <c:pt idx="159">
                  <c:v>1.3160000000000001</c:v>
                </c:pt>
                <c:pt idx="160">
                  <c:v>1.323</c:v>
                </c:pt>
                <c:pt idx="161">
                  <c:v>1.331</c:v>
                </c:pt>
                <c:pt idx="162">
                  <c:v>1.3380000000000001</c:v>
                </c:pt>
                <c:pt idx="163">
                  <c:v>1.347</c:v>
                </c:pt>
                <c:pt idx="164">
                  <c:v>1.3540000000000001</c:v>
                </c:pt>
                <c:pt idx="165">
                  <c:v>1.3620000000000001</c:v>
                </c:pt>
                <c:pt idx="166">
                  <c:v>1.369</c:v>
                </c:pt>
                <c:pt idx="167">
                  <c:v>1.377</c:v>
                </c:pt>
                <c:pt idx="168">
                  <c:v>1.385</c:v>
                </c:pt>
                <c:pt idx="169">
                  <c:v>1.3919999999999999</c:v>
                </c:pt>
                <c:pt idx="170">
                  <c:v>1.399</c:v>
                </c:pt>
                <c:pt idx="171">
                  <c:v>1.4079999999999999</c:v>
                </c:pt>
                <c:pt idx="172">
                  <c:v>1.415</c:v>
                </c:pt>
                <c:pt idx="173">
                  <c:v>1.423</c:v>
                </c:pt>
                <c:pt idx="174">
                  <c:v>1.43</c:v>
                </c:pt>
                <c:pt idx="175">
                  <c:v>1.4379999999999999</c:v>
                </c:pt>
                <c:pt idx="176">
                  <c:v>1.4450000000000001</c:v>
                </c:pt>
                <c:pt idx="177">
                  <c:v>1.454</c:v>
                </c:pt>
                <c:pt idx="178">
                  <c:v>1.4610000000000001</c:v>
                </c:pt>
                <c:pt idx="179">
                  <c:v>1.47</c:v>
                </c:pt>
                <c:pt idx="180">
                  <c:v>1.4790000000000001</c:v>
                </c:pt>
                <c:pt idx="181">
                  <c:v>1.488</c:v>
                </c:pt>
                <c:pt idx="182">
                  <c:v>1.4970000000000001</c:v>
                </c:pt>
                <c:pt idx="183">
                  <c:v>1.506</c:v>
                </c:pt>
                <c:pt idx="184">
                  <c:v>1.5149999999999999</c:v>
                </c:pt>
                <c:pt idx="185">
                  <c:v>1.524</c:v>
                </c:pt>
                <c:pt idx="186">
                  <c:v>1.5329999999999999</c:v>
                </c:pt>
                <c:pt idx="187">
                  <c:v>1.542</c:v>
                </c:pt>
                <c:pt idx="188">
                  <c:v>1.552</c:v>
                </c:pt>
                <c:pt idx="189">
                  <c:v>1.56</c:v>
                </c:pt>
                <c:pt idx="190">
                  <c:v>1.569</c:v>
                </c:pt>
                <c:pt idx="191">
                  <c:v>1.577</c:v>
                </c:pt>
                <c:pt idx="192">
                  <c:v>1.587</c:v>
                </c:pt>
                <c:pt idx="193">
                  <c:v>1.5960000000000001</c:v>
                </c:pt>
                <c:pt idx="194">
                  <c:v>1.6040000000000001</c:v>
                </c:pt>
                <c:pt idx="195">
                  <c:v>1.613</c:v>
                </c:pt>
                <c:pt idx="196">
                  <c:v>1.6220000000000001</c:v>
                </c:pt>
                <c:pt idx="197">
                  <c:v>1.6319999999999999</c:v>
                </c:pt>
                <c:pt idx="198">
                  <c:v>1.64</c:v>
                </c:pt>
                <c:pt idx="199">
                  <c:v>1.65</c:v>
                </c:pt>
                <c:pt idx="200">
                  <c:v>1.6579999999999999</c:v>
                </c:pt>
                <c:pt idx="201">
                  <c:v>1.6679999999999999</c:v>
                </c:pt>
                <c:pt idx="202">
                  <c:v>1.677</c:v>
                </c:pt>
                <c:pt idx="203">
                  <c:v>1.6859999999999999</c:v>
                </c:pt>
                <c:pt idx="204">
                  <c:v>1.6950000000000001</c:v>
                </c:pt>
                <c:pt idx="205">
                  <c:v>1.704</c:v>
                </c:pt>
                <c:pt idx="206">
                  <c:v>1.712</c:v>
                </c:pt>
                <c:pt idx="207">
                  <c:v>1.722</c:v>
                </c:pt>
                <c:pt idx="208">
                  <c:v>1.732</c:v>
                </c:pt>
                <c:pt idx="209">
                  <c:v>1.74</c:v>
                </c:pt>
                <c:pt idx="210">
                  <c:v>1.7490000000000001</c:v>
                </c:pt>
                <c:pt idx="211">
                  <c:v>1.758</c:v>
                </c:pt>
                <c:pt idx="212">
                  <c:v>1.7669999999999999</c:v>
                </c:pt>
                <c:pt idx="213">
                  <c:v>1.776</c:v>
                </c:pt>
                <c:pt idx="214">
                  <c:v>1.7849999999999999</c:v>
                </c:pt>
                <c:pt idx="215">
                  <c:v>1.794</c:v>
                </c:pt>
                <c:pt idx="216">
                  <c:v>1.804</c:v>
                </c:pt>
                <c:pt idx="217">
                  <c:v>1.8120000000000001</c:v>
                </c:pt>
                <c:pt idx="218">
                  <c:v>1.821</c:v>
                </c:pt>
                <c:pt idx="219">
                  <c:v>1.83</c:v>
                </c:pt>
                <c:pt idx="220">
                  <c:v>1.839</c:v>
                </c:pt>
                <c:pt idx="221">
                  <c:v>1.849</c:v>
                </c:pt>
                <c:pt idx="222">
                  <c:v>1.857</c:v>
                </c:pt>
                <c:pt idx="223">
                  <c:v>1.867</c:v>
                </c:pt>
                <c:pt idx="224">
                  <c:v>1.875</c:v>
                </c:pt>
                <c:pt idx="225">
                  <c:v>1.885</c:v>
                </c:pt>
                <c:pt idx="226">
                  <c:v>1.8939999999999999</c:v>
                </c:pt>
                <c:pt idx="227">
                  <c:v>1.9019999999999999</c:v>
                </c:pt>
                <c:pt idx="228">
                  <c:v>1.9119999999999999</c:v>
                </c:pt>
                <c:pt idx="229">
                  <c:v>1.92</c:v>
                </c:pt>
                <c:pt idx="230">
                  <c:v>1.929</c:v>
                </c:pt>
                <c:pt idx="231">
                  <c:v>1.9379999999999999</c:v>
                </c:pt>
                <c:pt idx="232">
                  <c:v>1.948</c:v>
                </c:pt>
                <c:pt idx="233">
                  <c:v>1.956</c:v>
                </c:pt>
                <c:pt idx="234">
                  <c:v>1.966</c:v>
                </c:pt>
                <c:pt idx="235">
                  <c:v>1.974</c:v>
                </c:pt>
                <c:pt idx="236">
                  <c:v>1.984</c:v>
                </c:pt>
                <c:pt idx="237">
                  <c:v>1.9930000000000001</c:v>
                </c:pt>
                <c:pt idx="238">
                  <c:v>2.004</c:v>
                </c:pt>
                <c:pt idx="239">
                  <c:v>2.0129999999999999</c:v>
                </c:pt>
                <c:pt idx="240">
                  <c:v>2.0230000000000001</c:v>
                </c:pt>
                <c:pt idx="241">
                  <c:v>2.0329999999999999</c:v>
                </c:pt>
                <c:pt idx="242">
                  <c:v>2.0419999999999998</c:v>
                </c:pt>
                <c:pt idx="243">
                  <c:v>2.0529999999999999</c:v>
                </c:pt>
                <c:pt idx="244">
                  <c:v>2.0630000000000002</c:v>
                </c:pt>
                <c:pt idx="245">
                  <c:v>2.073</c:v>
                </c:pt>
                <c:pt idx="246">
                  <c:v>2.0830000000000002</c:v>
                </c:pt>
                <c:pt idx="247">
                  <c:v>2.0920000000000001</c:v>
                </c:pt>
                <c:pt idx="248">
                  <c:v>2.1030000000000002</c:v>
                </c:pt>
                <c:pt idx="249">
                  <c:v>2.1120000000000001</c:v>
                </c:pt>
                <c:pt idx="250">
                  <c:v>2.1230000000000002</c:v>
                </c:pt>
                <c:pt idx="251">
                  <c:v>2.1320000000000001</c:v>
                </c:pt>
                <c:pt idx="252">
                  <c:v>2.1429999999999998</c:v>
                </c:pt>
                <c:pt idx="253">
                  <c:v>2.153</c:v>
                </c:pt>
                <c:pt idx="254">
                  <c:v>2.1629999999999998</c:v>
                </c:pt>
                <c:pt idx="255">
                  <c:v>2.173</c:v>
                </c:pt>
                <c:pt idx="256">
                  <c:v>2.1829999999999998</c:v>
                </c:pt>
                <c:pt idx="257">
                  <c:v>2.1930000000000001</c:v>
                </c:pt>
                <c:pt idx="258">
                  <c:v>2.2029999999999998</c:v>
                </c:pt>
                <c:pt idx="259">
                  <c:v>2.2130000000000001</c:v>
                </c:pt>
                <c:pt idx="260">
                  <c:v>2.222</c:v>
                </c:pt>
                <c:pt idx="261">
                  <c:v>2.2330000000000001</c:v>
                </c:pt>
                <c:pt idx="262">
                  <c:v>2.242</c:v>
                </c:pt>
                <c:pt idx="263">
                  <c:v>2.2530000000000001</c:v>
                </c:pt>
                <c:pt idx="264">
                  <c:v>2.2629999999999999</c:v>
                </c:pt>
                <c:pt idx="265">
                  <c:v>2.2730000000000001</c:v>
                </c:pt>
                <c:pt idx="266">
                  <c:v>2.2839999999999998</c:v>
                </c:pt>
                <c:pt idx="267">
                  <c:v>2.2930000000000001</c:v>
                </c:pt>
                <c:pt idx="268">
                  <c:v>2.3029999999999999</c:v>
                </c:pt>
                <c:pt idx="269">
                  <c:v>2.3130000000000002</c:v>
                </c:pt>
                <c:pt idx="270">
                  <c:v>2.3239999999999998</c:v>
                </c:pt>
                <c:pt idx="271">
                  <c:v>2.3330000000000002</c:v>
                </c:pt>
                <c:pt idx="272">
                  <c:v>2.3439999999999999</c:v>
                </c:pt>
                <c:pt idx="273">
                  <c:v>2.3530000000000002</c:v>
                </c:pt>
                <c:pt idx="274">
                  <c:v>2.3639999999999999</c:v>
                </c:pt>
                <c:pt idx="275">
                  <c:v>2.3730000000000002</c:v>
                </c:pt>
                <c:pt idx="276">
                  <c:v>2.3839999999999999</c:v>
                </c:pt>
                <c:pt idx="277">
                  <c:v>2.3929999999999998</c:v>
                </c:pt>
                <c:pt idx="278">
                  <c:v>2.4039999999999999</c:v>
                </c:pt>
                <c:pt idx="279">
                  <c:v>2.4129999999999998</c:v>
                </c:pt>
                <c:pt idx="280">
                  <c:v>2.4239999999999999</c:v>
                </c:pt>
                <c:pt idx="281">
                  <c:v>2.4329999999999998</c:v>
                </c:pt>
                <c:pt idx="282">
                  <c:v>2.4430000000000001</c:v>
                </c:pt>
                <c:pt idx="283">
                  <c:v>2.4540000000000002</c:v>
                </c:pt>
                <c:pt idx="284">
                  <c:v>2.4630000000000001</c:v>
                </c:pt>
                <c:pt idx="285">
                  <c:v>2.472</c:v>
                </c:pt>
                <c:pt idx="286">
                  <c:v>2.4830000000000001</c:v>
                </c:pt>
                <c:pt idx="287">
                  <c:v>2.4940000000000002</c:v>
                </c:pt>
                <c:pt idx="288">
                  <c:v>2.5030000000000001</c:v>
                </c:pt>
                <c:pt idx="289">
                  <c:v>2.5139999999999998</c:v>
                </c:pt>
                <c:pt idx="290">
                  <c:v>2.5230000000000001</c:v>
                </c:pt>
                <c:pt idx="291">
                  <c:v>2.5339999999999998</c:v>
                </c:pt>
                <c:pt idx="292">
                  <c:v>2.5430000000000001</c:v>
                </c:pt>
                <c:pt idx="293">
                  <c:v>2.5529999999999999</c:v>
                </c:pt>
                <c:pt idx="294">
                  <c:v>2.5640000000000001</c:v>
                </c:pt>
                <c:pt idx="295">
                  <c:v>2.573</c:v>
                </c:pt>
                <c:pt idx="296">
                  <c:v>2.5830000000000002</c:v>
                </c:pt>
                <c:pt idx="297">
                  <c:v>2.5920000000000001</c:v>
                </c:pt>
                <c:pt idx="298">
                  <c:v>2.6030000000000002</c:v>
                </c:pt>
                <c:pt idx="299">
                  <c:v>2.6120000000000001</c:v>
                </c:pt>
                <c:pt idx="300">
                  <c:v>2.6230000000000002</c:v>
                </c:pt>
                <c:pt idx="301">
                  <c:v>2.6320000000000001</c:v>
                </c:pt>
                <c:pt idx="302">
                  <c:v>2.6429999999999998</c:v>
                </c:pt>
                <c:pt idx="303">
                  <c:v>2.6520000000000001</c:v>
                </c:pt>
                <c:pt idx="304">
                  <c:v>2.6629999999999998</c:v>
                </c:pt>
                <c:pt idx="305">
                  <c:v>2.6720000000000002</c:v>
                </c:pt>
                <c:pt idx="306">
                  <c:v>2.6819999999999999</c:v>
                </c:pt>
                <c:pt idx="307">
                  <c:v>2.6920000000000002</c:v>
                </c:pt>
                <c:pt idx="308">
                  <c:v>2.702</c:v>
                </c:pt>
                <c:pt idx="309">
                  <c:v>2.7120000000000002</c:v>
                </c:pt>
                <c:pt idx="310">
                  <c:v>2.722</c:v>
                </c:pt>
                <c:pt idx="311">
                  <c:v>2.7309999999999999</c:v>
                </c:pt>
                <c:pt idx="312">
                  <c:v>2.742</c:v>
                </c:pt>
                <c:pt idx="313">
                  <c:v>2.7519999999999998</c:v>
                </c:pt>
                <c:pt idx="314">
                  <c:v>2.762</c:v>
                </c:pt>
                <c:pt idx="315">
                  <c:v>2.7709999999999999</c:v>
                </c:pt>
                <c:pt idx="316">
                  <c:v>2.782</c:v>
                </c:pt>
                <c:pt idx="317">
                  <c:v>2.7909999999999999</c:v>
                </c:pt>
                <c:pt idx="318">
                  <c:v>2.802</c:v>
                </c:pt>
                <c:pt idx="319">
                  <c:v>2.8119999999999998</c:v>
                </c:pt>
                <c:pt idx="320">
                  <c:v>2.8220000000000001</c:v>
                </c:pt>
                <c:pt idx="321">
                  <c:v>2.8730000000000002</c:v>
                </c:pt>
                <c:pt idx="322">
                  <c:v>2.8820000000000001</c:v>
                </c:pt>
                <c:pt idx="323">
                  <c:v>2.8919999999999999</c:v>
                </c:pt>
                <c:pt idx="324">
                  <c:v>2.903</c:v>
                </c:pt>
                <c:pt idx="325">
                  <c:v>2.9119999999999999</c:v>
                </c:pt>
                <c:pt idx="326">
                  <c:v>2.923</c:v>
                </c:pt>
                <c:pt idx="327">
                  <c:v>2.9329999999999998</c:v>
                </c:pt>
                <c:pt idx="328">
                  <c:v>2.9420000000000002</c:v>
                </c:pt>
                <c:pt idx="329">
                  <c:v>2.9529999999999998</c:v>
                </c:pt>
                <c:pt idx="330">
                  <c:v>2.9620000000000002</c:v>
                </c:pt>
                <c:pt idx="331">
                  <c:v>2.9729999999999999</c:v>
                </c:pt>
                <c:pt idx="332">
                  <c:v>3.032</c:v>
                </c:pt>
                <c:pt idx="333">
                  <c:v>3.0419999999999998</c:v>
                </c:pt>
                <c:pt idx="334">
                  <c:v>3.0529999999999999</c:v>
                </c:pt>
                <c:pt idx="335">
                  <c:v>3.0619999999999998</c:v>
                </c:pt>
                <c:pt idx="336">
                  <c:v>3.0720000000000001</c:v>
                </c:pt>
                <c:pt idx="337">
                  <c:v>3.0819999999999999</c:v>
                </c:pt>
                <c:pt idx="338">
                  <c:v>3.0920000000000001</c:v>
                </c:pt>
                <c:pt idx="339">
                  <c:v>3.101</c:v>
                </c:pt>
                <c:pt idx="340">
                  <c:v>3.1120000000000001</c:v>
                </c:pt>
                <c:pt idx="341">
                  <c:v>3.121</c:v>
                </c:pt>
                <c:pt idx="342">
                  <c:v>3.1320000000000001</c:v>
                </c:pt>
                <c:pt idx="343">
                  <c:v>3.1419999999999999</c:v>
                </c:pt>
                <c:pt idx="344">
                  <c:v>3.1520000000000001</c:v>
                </c:pt>
                <c:pt idx="345">
                  <c:v>3.1619999999999999</c:v>
                </c:pt>
                <c:pt idx="346">
                  <c:v>3.1720000000000002</c:v>
                </c:pt>
                <c:pt idx="347">
                  <c:v>3.1829999999999998</c:v>
                </c:pt>
                <c:pt idx="348">
                  <c:v>3.1930000000000001</c:v>
                </c:pt>
                <c:pt idx="349">
                  <c:v>3.202</c:v>
                </c:pt>
                <c:pt idx="350">
                  <c:v>3.2120000000000002</c:v>
                </c:pt>
                <c:pt idx="351">
                  <c:v>3.2229999999999999</c:v>
                </c:pt>
                <c:pt idx="352">
                  <c:v>3.2320000000000002</c:v>
                </c:pt>
                <c:pt idx="353">
                  <c:v>3.242</c:v>
                </c:pt>
                <c:pt idx="354">
                  <c:v>3.2519999999999998</c:v>
                </c:pt>
                <c:pt idx="355">
                  <c:v>3.2629999999999999</c:v>
                </c:pt>
                <c:pt idx="356">
                  <c:v>3.2719999999999998</c:v>
                </c:pt>
                <c:pt idx="357">
                  <c:v>3.2829999999999999</c:v>
                </c:pt>
                <c:pt idx="358">
                  <c:v>3.2919999999999998</c:v>
                </c:pt>
                <c:pt idx="359">
                  <c:v>3.3029999999999999</c:v>
                </c:pt>
                <c:pt idx="360">
                  <c:v>3.3119999999999998</c:v>
                </c:pt>
                <c:pt idx="361">
                  <c:v>3.323</c:v>
                </c:pt>
                <c:pt idx="362">
                  <c:v>3.3319999999999999</c:v>
                </c:pt>
                <c:pt idx="363">
                  <c:v>3.343</c:v>
                </c:pt>
                <c:pt idx="364">
                  <c:v>3.3530000000000002</c:v>
                </c:pt>
                <c:pt idx="365">
                  <c:v>3.363</c:v>
                </c:pt>
                <c:pt idx="366">
                  <c:v>3.3730000000000002</c:v>
                </c:pt>
                <c:pt idx="367">
                  <c:v>3.3839999999999999</c:v>
                </c:pt>
                <c:pt idx="368">
                  <c:v>3.3929999999999998</c:v>
                </c:pt>
                <c:pt idx="369">
                  <c:v>3.403</c:v>
                </c:pt>
                <c:pt idx="370">
                  <c:v>3.4140000000000001</c:v>
                </c:pt>
                <c:pt idx="371">
                  <c:v>3.4239999999999999</c:v>
                </c:pt>
                <c:pt idx="372">
                  <c:v>3.4329999999999998</c:v>
                </c:pt>
                <c:pt idx="373">
                  <c:v>3.444</c:v>
                </c:pt>
                <c:pt idx="374">
                  <c:v>3.4529999999999998</c:v>
                </c:pt>
                <c:pt idx="375">
                  <c:v>3.464</c:v>
                </c:pt>
                <c:pt idx="376">
                  <c:v>3.4740000000000002</c:v>
                </c:pt>
                <c:pt idx="377">
                  <c:v>3.4849999999999999</c:v>
                </c:pt>
                <c:pt idx="378">
                  <c:v>3.4940000000000002</c:v>
                </c:pt>
                <c:pt idx="379">
                  <c:v>3.5049999999999999</c:v>
                </c:pt>
                <c:pt idx="380">
                  <c:v>3.5139999999999998</c:v>
                </c:pt>
                <c:pt idx="381">
                  <c:v>3.5249999999999999</c:v>
                </c:pt>
                <c:pt idx="382">
                  <c:v>3.5339999999999998</c:v>
                </c:pt>
                <c:pt idx="383">
                  <c:v>3.5449999999999999</c:v>
                </c:pt>
                <c:pt idx="384">
                  <c:v>3.5539999999999998</c:v>
                </c:pt>
                <c:pt idx="385">
                  <c:v>3.5649999999999999</c:v>
                </c:pt>
                <c:pt idx="386">
                  <c:v>3.5739999999999998</c:v>
                </c:pt>
                <c:pt idx="387">
                  <c:v>3.5840000000000001</c:v>
                </c:pt>
                <c:pt idx="388">
                  <c:v>3.5939999999999999</c:v>
                </c:pt>
                <c:pt idx="389">
                  <c:v>3.605</c:v>
                </c:pt>
                <c:pt idx="390">
                  <c:v>3.6139999999999999</c:v>
                </c:pt>
                <c:pt idx="391">
                  <c:v>3.625</c:v>
                </c:pt>
                <c:pt idx="392">
                  <c:v>3.6339999999999999</c:v>
                </c:pt>
                <c:pt idx="393">
                  <c:v>3.645</c:v>
                </c:pt>
                <c:pt idx="394">
                  <c:v>3.6539999999999999</c:v>
                </c:pt>
                <c:pt idx="395">
                  <c:v>3.665</c:v>
                </c:pt>
                <c:pt idx="396">
                  <c:v>3.6739999999999999</c:v>
                </c:pt>
                <c:pt idx="397">
                  <c:v>3.6850000000000001</c:v>
                </c:pt>
                <c:pt idx="398">
                  <c:v>3.6949999999999998</c:v>
                </c:pt>
                <c:pt idx="399">
                  <c:v>3.7040000000000002</c:v>
                </c:pt>
                <c:pt idx="400">
                  <c:v>3.7149999999999999</c:v>
                </c:pt>
                <c:pt idx="401">
                  <c:v>3.7240000000000002</c:v>
                </c:pt>
                <c:pt idx="402">
                  <c:v>3.7349999999999999</c:v>
                </c:pt>
                <c:pt idx="403">
                  <c:v>3.7440000000000002</c:v>
                </c:pt>
                <c:pt idx="404">
                  <c:v>3.7549999999999999</c:v>
                </c:pt>
                <c:pt idx="405">
                  <c:v>3.7639999999999998</c:v>
                </c:pt>
                <c:pt idx="406">
                  <c:v>3.7749999999999999</c:v>
                </c:pt>
                <c:pt idx="407">
                  <c:v>3.7850000000000001</c:v>
                </c:pt>
                <c:pt idx="408">
                  <c:v>3.7949999999999999</c:v>
                </c:pt>
                <c:pt idx="409">
                  <c:v>3.806</c:v>
                </c:pt>
                <c:pt idx="410">
                  <c:v>3.8149999999999999</c:v>
                </c:pt>
                <c:pt idx="411">
                  <c:v>3.8260000000000001</c:v>
                </c:pt>
                <c:pt idx="412">
                  <c:v>3.835</c:v>
                </c:pt>
                <c:pt idx="413">
                  <c:v>3.8460000000000001</c:v>
                </c:pt>
                <c:pt idx="414">
                  <c:v>3.855</c:v>
                </c:pt>
                <c:pt idx="415">
                  <c:v>3.8660000000000001</c:v>
                </c:pt>
                <c:pt idx="416">
                  <c:v>3.875</c:v>
                </c:pt>
                <c:pt idx="417">
                  <c:v>3.8860000000000001</c:v>
                </c:pt>
                <c:pt idx="418">
                  <c:v>3.895</c:v>
                </c:pt>
                <c:pt idx="419">
                  <c:v>3.9060000000000001</c:v>
                </c:pt>
                <c:pt idx="420">
                  <c:v>3.915</c:v>
                </c:pt>
                <c:pt idx="421">
                  <c:v>3.9260000000000002</c:v>
                </c:pt>
                <c:pt idx="422">
                  <c:v>3.9350000000000001</c:v>
                </c:pt>
                <c:pt idx="423">
                  <c:v>3.9449999999999998</c:v>
                </c:pt>
                <c:pt idx="424">
                  <c:v>3.956</c:v>
                </c:pt>
                <c:pt idx="425">
                  <c:v>3.9649999999999999</c:v>
                </c:pt>
                <c:pt idx="426">
                  <c:v>3.976</c:v>
                </c:pt>
                <c:pt idx="427">
                  <c:v>3.9860000000000002</c:v>
                </c:pt>
                <c:pt idx="428">
                  <c:v>3.9969999999999999</c:v>
                </c:pt>
                <c:pt idx="429">
                  <c:v>4.0069999999999997</c:v>
                </c:pt>
                <c:pt idx="430">
                  <c:v>4.0170000000000003</c:v>
                </c:pt>
                <c:pt idx="431">
                  <c:v>4.0270000000000001</c:v>
                </c:pt>
                <c:pt idx="432">
                  <c:v>4.0369999999999999</c:v>
                </c:pt>
                <c:pt idx="433">
                  <c:v>4.0469999999999997</c:v>
                </c:pt>
                <c:pt idx="434">
                  <c:v>4.056</c:v>
                </c:pt>
                <c:pt idx="435">
                  <c:v>4.0659999999999998</c:v>
                </c:pt>
                <c:pt idx="436">
                  <c:v>4.077</c:v>
                </c:pt>
                <c:pt idx="437">
                  <c:v>4.0869999999999997</c:v>
                </c:pt>
                <c:pt idx="438">
                  <c:v>4.0970000000000004</c:v>
                </c:pt>
                <c:pt idx="439">
                  <c:v>4.1059999999999999</c:v>
                </c:pt>
                <c:pt idx="440">
                  <c:v>4.1159999999999997</c:v>
                </c:pt>
                <c:pt idx="441">
                  <c:v>4.1269999999999998</c:v>
                </c:pt>
                <c:pt idx="442">
                  <c:v>4.1369999999999996</c:v>
                </c:pt>
                <c:pt idx="443">
                  <c:v>4.1470000000000002</c:v>
                </c:pt>
                <c:pt idx="444">
                  <c:v>4.1580000000000004</c:v>
                </c:pt>
                <c:pt idx="445">
                  <c:v>4.1669999999999998</c:v>
                </c:pt>
                <c:pt idx="446">
                  <c:v>4.1779999999999999</c:v>
                </c:pt>
                <c:pt idx="447">
                  <c:v>4.1870000000000003</c:v>
                </c:pt>
                <c:pt idx="448">
                  <c:v>4.1980000000000004</c:v>
                </c:pt>
                <c:pt idx="449">
                  <c:v>4.2069999999999999</c:v>
                </c:pt>
                <c:pt idx="450">
                  <c:v>4.218</c:v>
                </c:pt>
                <c:pt idx="451">
                  <c:v>4.2270000000000003</c:v>
                </c:pt>
                <c:pt idx="452">
                  <c:v>4.2380000000000004</c:v>
                </c:pt>
                <c:pt idx="453">
                  <c:v>4.2469999999999999</c:v>
                </c:pt>
                <c:pt idx="454">
                  <c:v>4.258</c:v>
                </c:pt>
                <c:pt idx="455">
                  <c:v>4.2670000000000003</c:v>
                </c:pt>
                <c:pt idx="456">
                  <c:v>4.2779999999999996</c:v>
                </c:pt>
                <c:pt idx="457">
                  <c:v>4.2869999999999999</c:v>
                </c:pt>
                <c:pt idx="458">
                  <c:v>4.298</c:v>
                </c:pt>
                <c:pt idx="459">
                  <c:v>4.3070000000000004</c:v>
                </c:pt>
                <c:pt idx="460">
                  <c:v>4.3179999999999996</c:v>
                </c:pt>
                <c:pt idx="461">
                  <c:v>4.327</c:v>
                </c:pt>
                <c:pt idx="462">
                  <c:v>4.3380000000000001</c:v>
                </c:pt>
                <c:pt idx="463">
                  <c:v>4.3479999999999999</c:v>
                </c:pt>
                <c:pt idx="464">
                  <c:v>4.3579999999999997</c:v>
                </c:pt>
                <c:pt idx="465">
                  <c:v>4.3680000000000003</c:v>
                </c:pt>
                <c:pt idx="466">
                  <c:v>4.3789999999999996</c:v>
                </c:pt>
                <c:pt idx="467">
                  <c:v>4.3879999999999999</c:v>
                </c:pt>
                <c:pt idx="468">
                  <c:v>4.399</c:v>
                </c:pt>
                <c:pt idx="469">
                  <c:v>4.4080000000000004</c:v>
                </c:pt>
                <c:pt idx="470">
                  <c:v>4.4180000000000001</c:v>
                </c:pt>
                <c:pt idx="471">
                  <c:v>4.4279999999999999</c:v>
                </c:pt>
                <c:pt idx="472">
                  <c:v>4.4379999999999997</c:v>
                </c:pt>
                <c:pt idx="473">
                  <c:v>4.4480000000000004</c:v>
                </c:pt>
                <c:pt idx="474">
                  <c:v>4.4569999999999999</c:v>
                </c:pt>
                <c:pt idx="475">
                  <c:v>4.468</c:v>
                </c:pt>
                <c:pt idx="476">
                  <c:v>4.4779999999999998</c:v>
                </c:pt>
                <c:pt idx="477">
                  <c:v>4.4889999999999999</c:v>
                </c:pt>
                <c:pt idx="478">
                  <c:v>4.4980000000000002</c:v>
                </c:pt>
                <c:pt idx="479">
                  <c:v>4.5090000000000003</c:v>
                </c:pt>
                <c:pt idx="480">
                  <c:v>4.5179999999999998</c:v>
                </c:pt>
                <c:pt idx="481">
                  <c:v>4.5289999999999999</c:v>
                </c:pt>
                <c:pt idx="482">
                  <c:v>4.54</c:v>
                </c:pt>
                <c:pt idx="483">
                  <c:v>4.5490000000000004</c:v>
                </c:pt>
                <c:pt idx="484">
                  <c:v>4.5599999999999996</c:v>
                </c:pt>
                <c:pt idx="485">
                  <c:v>4.569</c:v>
                </c:pt>
                <c:pt idx="486">
                  <c:v>4.5789999999999997</c:v>
                </c:pt>
                <c:pt idx="487">
                  <c:v>4.5880000000000001</c:v>
                </c:pt>
                <c:pt idx="488">
                  <c:v>4.5979999999999999</c:v>
                </c:pt>
                <c:pt idx="489">
                  <c:v>4.6079999999999997</c:v>
                </c:pt>
                <c:pt idx="490">
                  <c:v>4.6189999999999998</c:v>
                </c:pt>
                <c:pt idx="491">
                  <c:v>4.6280000000000001</c:v>
                </c:pt>
                <c:pt idx="492">
                  <c:v>4.6390000000000002</c:v>
                </c:pt>
                <c:pt idx="493">
                  <c:v>4.6479999999999997</c:v>
                </c:pt>
                <c:pt idx="494">
                  <c:v>4.6589999999999998</c:v>
                </c:pt>
                <c:pt idx="495">
                  <c:v>4.6689999999999996</c:v>
                </c:pt>
                <c:pt idx="496">
                  <c:v>4.6790000000000003</c:v>
                </c:pt>
                <c:pt idx="497">
                  <c:v>4.6890000000000001</c:v>
                </c:pt>
                <c:pt idx="498">
                  <c:v>4.6989999999999998</c:v>
                </c:pt>
                <c:pt idx="499">
                  <c:v>4.7089999999999996</c:v>
                </c:pt>
                <c:pt idx="500">
                  <c:v>4.7190000000000003</c:v>
                </c:pt>
                <c:pt idx="501">
                  <c:v>4.7279999999999998</c:v>
                </c:pt>
                <c:pt idx="502">
                  <c:v>4.7389999999999999</c:v>
                </c:pt>
                <c:pt idx="503">
                  <c:v>4.7489999999999997</c:v>
                </c:pt>
                <c:pt idx="504">
                  <c:v>4.7590000000000003</c:v>
                </c:pt>
                <c:pt idx="505">
                  <c:v>4.7690000000000001</c:v>
                </c:pt>
                <c:pt idx="506">
                  <c:v>4.7789999999999999</c:v>
                </c:pt>
                <c:pt idx="507">
                  <c:v>4.7889999999999997</c:v>
                </c:pt>
                <c:pt idx="508">
                  <c:v>4.7990000000000004</c:v>
                </c:pt>
                <c:pt idx="509">
                  <c:v>4.8090000000000002</c:v>
                </c:pt>
                <c:pt idx="510">
                  <c:v>4.82</c:v>
                </c:pt>
                <c:pt idx="511">
                  <c:v>4.8289999999999997</c:v>
                </c:pt>
                <c:pt idx="512">
                  <c:v>4.84</c:v>
                </c:pt>
                <c:pt idx="513">
                  <c:v>4.8499999999999996</c:v>
                </c:pt>
                <c:pt idx="514">
                  <c:v>4.859</c:v>
                </c:pt>
                <c:pt idx="515">
                  <c:v>4.87</c:v>
                </c:pt>
                <c:pt idx="516">
                  <c:v>4.88</c:v>
                </c:pt>
                <c:pt idx="517">
                  <c:v>4.8899999999999997</c:v>
                </c:pt>
                <c:pt idx="518">
                  <c:v>4.899</c:v>
                </c:pt>
                <c:pt idx="519">
                  <c:v>4.91</c:v>
                </c:pt>
                <c:pt idx="520">
                  <c:v>4.9189999999999996</c:v>
                </c:pt>
                <c:pt idx="521">
                  <c:v>4.93</c:v>
                </c:pt>
                <c:pt idx="522">
                  <c:v>4.9400000000000004</c:v>
                </c:pt>
                <c:pt idx="523">
                  <c:v>4.95</c:v>
                </c:pt>
                <c:pt idx="524">
                  <c:v>4.96</c:v>
                </c:pt>
                <c:pt idx="525">
                  <c:v>4.97</c:v>
                </c:pt>
                <c:pt idx="526">
                  <c:v>4.9800000000000004</c:v>
                </c:pt>
                <c:pt idx="527">
                  <c:v>4.9909999999999997</c:v>
                </c:pt>
                <c:pt idx="528">
                  <c:v>5</c:v>
                </c:pt>
                <c:pt idx="529">
                  <c:v>5.01</c:v>
                </c:pt>
                <c:pt idx="530">
                  <c:v>5.0209999999999999</c:v>
                </c:pt>
                <c:pt idx="531">
                  <c:v>5.03</c:v>
                </c:pt>
                <c:pt idx="532">
                  <c:v>5.0410000000000004</c:v>
                </c:pt>
                <c:pt idx="533">
                  <c:v>5.05</c:v>
                </c:pt>
                <c:pt idx="534">
                  <c:v>5.0599999999999996</c:v>
                </c:pt>
                <c:pt idx="535">
                  <c:v>5.07</c:v>
                </c:pt>
                <c:pt idx="536">
                  <c:v>5.08</c:v>
                </c:pt>
                <c:pt idx="537">
                  <c:v>5.09</c:v>
                </c:pt>
                <c:pt idx="538">
                  <c:v>5.0999999999999996</c:v>
                </c:pt>
                <c:pt idx="539">
                  <c:v>5.1100000000000003</c:v>
                </c:pt>
                <c:pt idx="540">
                  <c:v>5.1210000000000004</c:v>
                </c:pt>
                <c:pt idx="541">
                  <c:v>5.181</c:v>
                </c:pt>
                <c:pt idx="542">
                  <c:v>5.1920000000000002</c:v>
                </c:pt>
                <c:pt idx="543">
                  <c:v>5.2009999999999996</c:v>
                </c:pt>
                <c:pt idx="544">
                  <c:v>5.21</c:v>
                </c:pt>
                <c:pt idx="545">
                  <c:v>5.2210000000000001</c:v>
                </c:pt>
                <c:pt idx="546">
                  <c:v>5.23</c:v>
                </c:pt>
                <c:pt idx="547">
                  <c:v>5.2409999999999997</c:v>
                </c:pt>
                <c:pt idx="548">
                  <c:v>5.25</c:v>
                </c:pt>
                <c:pt idx="549">
                  <c:v>5.2610000000000001</c:v>
                </c:pt>
                <c:pt idx="550">
                  <c:v>5.27</c:v>
                </c:pt>
                <c:pt idx="551">
                  <c:v>5.2809999999999997</c:v>
                </c:pt>
                <c:pt idx="552">
                  <c:v>5.2910000000000004</c:v>
                </c:pt>
                <c:pt idx="553">
                  <c:v>5.3010000000000002</c:v>
                </c:pt>
                <c:pt idx="554">
                  <c:v>5.3120000000000003</c:v>
                </c:pt>
                <c:pt idx="555">
                  <c:v>5.3220000000000001</c:v>
                </c:pt>
                <c:pt idx="556">
                  <c:v>5.3319999999999999</c:v>
                </c:pt>
                <c:pt idx="557">
                  <c:v>5.3419999999999996</c:v>
                </c:pt>
                <c:pt idx="558">
                  <c:v>5.3529999999999998</c:v>
                </c:pt>
                <c:pt idx="559">
                  <c:v>5.3620000000000001</c:v>
                </c:pt>
                <c:pt idx="560">
                  <c:v>5.3719999999999999</c:v>
                </c:pt>
                <c:pt idx="561">
                  <c:v>5.3819999999999997</c:v>
                </c:pt>
                <c:pt idx="562">
                  <c:v>5.3920000000000003</c:v>
                </c:pt>
                <c:pt idx="563">
                  <c:v>5.4020000000000001</c:v>
                </c:pt>
                <c:pt idx="564">
                  <c:v>5.4109999999999996</c:v>
                </c:pt>
                <c:pt idx="565">
                  <c:v>5.4219999999999997</c:v>
                </c:pt>
                <c:pt idx="566">
                  <c:v>5.4320000000000004</c:v>
                </c:pt>
                <c:pt idx="567">
                  <c:v>5.4420000000000002</c:v>
                </c:pt>
                <c:pt idx="568">
                  <c:v>5.452</c:v>
                </c:pt>
                <c:pt idx="569">
                  <c:v>5.4630000000000001</c:v>
                </c:pt>
                <c:pt idx="570">
                  <c:v>5.4720000000000004</c:v>
                </c:pt>
                <c:pt idx="571">
                  <c:v>5.4829999999999997</c:v>
                </c:pt>
                <c:pt idx="572">
                  <c:v>5.4930000000000003</c:v>
                </c:pt>
                <c:pt idx="573">
                  <c:v>5.5019999999999998</c:v>
                </c:pt>
                <c:pt idx="574">
                  <c:v>5.5129999999999999</c:v>
                </c:pt>
                <c:pt idx="575">
                  <c:v>5.5229999999999997</c:v>
                </c:pt>
                <c:pt idx="576">
                  <c:v>5.5330000000000004</c:v>
                </c:pt>
                <c:pt idx="577">
                  <c:v>5.5430000000000001</c:v>
                </c:pt>
                <c:pt idx="578">
                  <c:v>5.5519999999999996</c:v>
                </c:pt>
                <c:pt idx="579">
                  <c:v>5.5629999999999997</c:v>
                </c:pt>
                <c:pt idx="580">
                  <c:v>5.5720000000000001</c:v>
                </c:pt>
                <c:pt idx="581">
                  <c:v>5.5830000000000002</c:v>
                </c:pt>
                <c:pt idx="582">
                  <c:v>5.5919999999999996</c:v>
                </c:pt>
                <c:pt idx="583">
                  <c:v>5.6029999999999998</c:v>
                </c:pt>
                <c:pt idx="584">
                  <c:v>5.6120000000000001</c:v>
                </c:pt>
                <c:pt idx="585">
                  <c:v>5.6230000000000002</c:v>
                </c:pt>
                <c:pt idx="586">
                  <c:v>5.633</c:v>
                </c:pt>
                <c:pt idx="587">
                  <c:v>5.6429999999999998</c:v>
                </c:pt>
                <c:pt idx="588">
                  <c:v>5.6520000000000001</c:v>
                </c:pt>
                <c:pt idx="589">
                  <c:v>5.6630000000000003</c:v>
                </c:pt>
                <c:pt idx="590">
                  <c:v>5.6719999999999997</c:v>
                </c:pt>
                <c:pt idx="591">
                  <c:v>5.6829999999999998</c:v>
                </c:pt>
                <c:pt idx="592">
                  <c:v>5.6929999999999996</c:v>
                </c:pt>
                <c:pt idx="593">
                  <c:v>5.7030000000000003</c:v>
                </c:pt>
                <c:pt idx="594">
                  <c:v>5.7130000000000001</c:v>
                </c:pt>
                <c:pt idx="595">
                  <c:v>5.7229999999999999</c:v>
                </c:pt>
                <c:pt idx="596">
                  <c:v>5.7329999999999997</c:v>
                </c:pt>
                <c:pt idx="597">
                  <c:v>5.7430000000000003</c:v>
                </c:pt>
                <c:pt idx="598">
                  <c:v>5.7530000000000001</c:v>
                </c:pt>
                <c:pt idx="599">
                  <c:v>5.7629999999999999</c:v>
                </c:pt>
                <c:pt idx="600">
                  <c:v>5.7720000000000002</c:v>
                </c:pt>
                <c:pt idx="601">
                  <c:v>5.7839999999999998</c:v>
                </c:pt>
                <c:pt idx="602">
                  <c:v>5.7930000000000001</c:v>
                </c:pt>
                <c:pt idx="603">
                  <c:v>5.8029999999999999</c:v>
                </c:pt>
                <c:pt idx="604">
                  <c:v>5.8129999999999997</c:v>
                </c:pt>
                <c:pt idx="605">
                  <c:v>5.8230000000000004</c:v>
                </c:pt>
                <c:pt idx="606">
                  <c:v>5.8330000000000002</c:v>
                </c:pt>
                <c:pt idx="607">
                  <c:v>5.843</c:v>
                </c:pt>
                <c:pt idx="608">
                  <c:v>5.8529999999999998</c:v>
                </c:pt>
                <c:pt idx="609">
                  <c:v>5.8630000000000004</c:v>
                </c:pt>
                <c:pt idx="610">
                  <c:v>5.8739999999999997</c:v>
                </c:pt>
                <c:pt idx="611">
                  <c:v>5.883</c:v>
                </c:pt>
                <c:pt idx="612">
                  <c:v>5.8940000000000001</c:v>
                </c:pt>
                <c:pt idx="613">
                  <c:v>5.9039999999999999</c:v>
                </c:pt>
                <c:pt idx="614">
                  <c:v>5.9130000000000003</c:v>
                </c:pt>
                <c:pt idx="615">
                  <c:v>5.923</c:v>
                </c:pt>
                <c:pt idx="616">
                  <c:v>5.9340000000000002</c:v>
                </c:pt>
                <c:pt idx="617">
                  <c:v>5.9429999999999996</c:v>
                </c:pt>
                <c:pt idx="618">
                  <c:v>5.9539999999999997</c:v>
                </c:pt>
                <c:pt idx="619">
                  <c:v>5.9630000000000001</c:v>
                </c:pt>
                <c:pt idx="620">
                  <c:v>5.9740000000000002</c:v>
                </c:pt>
                <c:pt idx="621">
                  <c:v>5.984</c:v>
                </c:pt>
                <c:pt idx="622">
                  <c:v>5.9939999999999998</c:v>
                </c:pt>
                <c:pt idx="623">
                  <c:v>6.0039999999999996</c:v>
                </c:pt>
                <c:pt idx="624">
                  <c:v>6.0149999999999997</c:v>
                </c:pt>
                <c:pt idx="625">
                  <c:v>6.024</c:v>
                </c:pt>
                <c:pt idx="626">
                  <c:v>6.0350000000000001</c:v>
                </c:pt>
                <c:pt idx="627">
                  <c:v>6.0439999999999996</c:v>
                </c:pt>
                <c:pt idx="628">
                  <c:v>6.0549999999999997</c:v>
                </c:pt>
                <c:pt idx="629">
                  <c:v>6.0650000000000004</c:v>
                </c:pt>
                <c:pt idx="630">
                  <c:v>6.0750000000000002</c:v>
                </c:pt>
                <c:pt idx="631">
                  <c:v>6.085</c:v>
                </c:pt>
                <c:pt idx="632">
                  <c:v>6.0949999999999998</c:v>
                </c:pt>
                <c:pt idx="633">
                  <c:v>6.1059999999999999</c:v>
                </c:pt>
                <c:pt idx="634">
                  <c:v>6.1150000000000002</c:v>
                </c:pt>
                <c:pt idx="635">
                  <c:v>6.125</c:v>
                </c:pt>
                <c:pt idx="636">
                  <c:v>6.1360000000000001</c:v>
                </c:pt>
                <c:pt idx="637">
                  <c:v>6.1449999999999996</c:v>
                </c:pt>
                <c:pt idx="638">
                  <c:v>6.1559999999999997</c:v>
                </c:pt>
                <c:pt idx="639">
                  <c:v>6.165</c:v>
                </c:pt>
                <c:pt idx="640">
                  <c:v>6.1760000000000002</c:v>
                </c:pt>
                <c:pt idx="641">
                  <c:v>6.1849999999999996</c:v>
                </c:pt>
                <c:pt idx="642">
                  <c:v>6.1959999999999997</c:v>
                </c:pt>
                <c:pt idx="643">
                  <c:v>6.2050000000000001</c:v>
                </c:pt>
                <c:pt idx="644">
                  <c:v>6.2149999999999999</c:v>
                </c:pt>
                <c:pt idx="645">
                  <c:v>6.2249999999999996</c:v>
                </c:pt>
                <c:pt idx="646">
                  <c:v>6.2359999999999998</c:v>
                </c:pt>
                <c:pt idx="647">
                  <c:v>6.2450000000000001</c:v>
                </c:pt>
                <c:pt idx="648">
                  <c:v>6.2560000000000002</c:v>
                </c:pt>
                <c:pt idx="649">
                  <c:v>6.266</c:v>
                </c:pt>
                <c:pt idx="650">
                  <c:v>6.2759999999999998</c:v>
                </c:pt>
                <c:pt idx="651">
                  <c:v>6.2869999999999999</c:v>
                </c:pt>
                <c:pt idx="652">
                  <c:v>6.2960000000000003</c:v>
                </c:pt>
                <c:pt idx="653">
                  <c:v>6.306</c:v>
                </c:pt>
                <c:pt idx="654">
                  <c:v>6.3159999999999998</c:v>
                </c:pt>
                <c:pt idx="655">
                  <c:v>6.327</c:v>
                </c:pt>
                <c:pt idx="656">
                  <c:v>6.3369999999999997</c:v>
                </c:pt>
                <c:pt idx="657">
                  <c:v>6.3460000000000001</c:v>
                </c:pt>
                <c:pt idx="658">
                  <c:v>6.3570000000000002</c:v>
                </c:pt>
                <c:pt idx="659">
                  <c:v>6.3659999999999997</c:v>
                </c:pt>
                <c:pt idx="660">
                  <c:v>6.3769999999999998</c:v>
                </c:pt>
                <c:pt idx="661">
                  <c:v>6.3860000000000001</c:v>
                </c:pt>
                <c:pt idx="662">
                  <c:v>6.3970000000000002</c:v>
                </c:pt>
                <c:pt idx="663">
                  <c:v>6.4059999999999997</c:v>
                </c:pt>
                <c:pt idx="664">
                  <c:v>6.4160000000000004</c:v>
                </c:pt>
                <c:pt idx="665">
                  <c:v>6.4260000000000002</c:v>
                </c:pt>
                <c:pt idx="666">
                  <c:v>6.4359999999999999</c:v>
                </c:pt>
                <c:pt idx="667">
                  <c:v>6.4459999999999997</c:v>
                </c:pt>
                <c:pt idx="668">
                  <c:v>6.4560000000000004</c:v>
                </c:pt>
                <c:pt idx="669">
                  <c:v>6.4660000000000002</c:v>
                </c:pt>
                <c:pt idx="670">
                  <c:v>6.4770000000000003</c:v>
                </c:pt>
                <c:pt idx="671">
                  <c:v>6.4870000000000001</c:v>
                </c:pt>
                <c:pt idx="672">
                  <c:v>6.4969999999999999</c:v>
                </c:pt>
                <c:pt idx="673">
                  <c:v>6.5069999999999997</c:v>
                </c:pt>
                <c:pt idx="674">
                  <c:v>6.5170000000000003</c:v>
                </c:pt>
                <c:pt idx="675">
                  <c:v>6.5270000000000001</c:v>
                </c:pt>
                <c:pt idx="676">
                  <c:v>6.5380000000000003</c:v>
                </c:pt>
                <c:pt idx="677">
                  <c:v>6.5469999999999997</c:v>
                </c:pt>
                <c:pt idx="678">
                  <c:v>6.5570000000000004</c:v>
                </c:pt>
                <c:pt idx="679">
                  <c:v>6.5670000000000002</c:v>
                </c:pt>
                <c:pt idx="680">
                  <c:v>6.577</c:v>
                </c:pt>
                <c:pt idx="681">
                  <c:v>6.5869999999999997</c:v>
                </c:pt>
                <c:pt idx="682">
                  <c:v>6.5960000000000001</c:v>
                </c:pt>
                <c:pt idx="683">
                  <c:v>6.6070000000000002</c:v>
                </c:pt>
                <c:pt idx="684">
                  <c:v>6.6159999999999997</c:v>
                </c:pt>
                <c:pt idx="685">
                  <c:v>6.6269999999999998</c:v>
                </c:pt>
                <c:pt idx="686">
                  <c:v>6.6360000000000001</c:v>
                </c:pt>
                <c:pt idx="687">
                  <c:v>6.6470000000000002</c:v>
                </c:pt>
                <c:pt idx="688">
                  <c:v>6.6559999999999997</c:v>
                </c:pt>
                <c:pt idx="689">
                  <c:v>6.6669999999999998</c:v>
                </c:pt>
                <c:pt idx="690">
                  <c:v>6.6769999999999996</c:v>
                </c:pt>
                <c:pt idx="691">
                  <c:v>6.6870000000000003</c:v>
                </c:pt>
                <c:pt idx="692">
                  <c:v>6.6970000000000001</c:v>
                </c:pt>
                <c:pt idx="693">
                  <c:v>6.7069999999999999</c:v>
                </c:pt>
                <c:pt idx="694">
                  <c:v>6.7169999999999996</c:v>
                </c:pt>
                <c:pt idx="695">
                  <c:v>6.7279999999999998</c:v>
                </c:pt>
                <c:pt idx="696">
                  <c:v>6.7370000000000001</c:v>
                </c:pt>
                <c:pt idx="697">
                  <c:v>6.7469999999999999</c:v>
                </c:pt>
                <c:pt idx="698">
                  <c:v>6.7560000000000002</c:v>
                </c:pt>
                <c:pt idx="699">
                  <c:v>6.7670000000000003</c:v>
                </c:pt>
                <c:pt idx="700">
                  <c:v>6.7759999999999998</c:v>
                </c:pt>
                <c:pt idx="701">
                  <c:v>6.7869999999999999</c:v>
                </c:pt>
                <c:pt idx="702">
                  <c:v>6.7969999999999997</c:v>
                </c:pt>
                <c:pt idx="703">
                  <c:v>6.8070000000000004</c:v>
                </c:pt>
                <c:pt idx="704">
                  <c:v>6.8170000000000002</c:v>
                </c:pt>
                <c:pt idx="705">
                  <c:v>6.827</c:v>
                </c:pt>
                <c:pt idx="706">
                  <c:v>6.8369999999999997</c:v>
                </c:pt>
                <c:pt idx="707">
                  <c:v>6.8470000000000004</c:v>
                </c:pt>
                <c:pt idx="708">
                  <c:v>6.8579999999999997</c:v>
                </c:pt>
                <c:pt idx="709">
                  <c:v>6.867</c:v>
                </c:pt>
                <c:pt idx="710">
                  <c:v>6.8780000000000001</c:v>
                </c:pt>
                <c:pt idx="711">
                  <c:v>6.8869999999999996</c:v>
                </c:pt>
                <c:pt idx="712">
                  <c:v>6.8979999999999997</c:v>
                </c:pt>
                <c:pt idx="713">
                  <c:v>6.907</c:v>
                </c:pt>
                <c:pt idx="714">
                  <c:v>6.9180000000000001</c:v>
                </c:pt>
                <c:pt idx="715">
                  <c:v>6.9269999999999996</c:v>
                </c:pt>
                <c:pt idx="716">
                  <c:v>6.9379999999999997</c:v>
                </c:pt>
                <c:pt idx="717">
                  <c:v>6.9470000000000001</c:v>
                </c:pt>
                <c:pt idx="718">
                  <c:v>6.9580000000000002</c:v>
                </c:pt>
                <c:pt idx="719">
                  <c:v>6.9669999999999996</c:v>
                </c:pt>
                <c:pt idx="720">
                  <c:v>6.9779999999999998</c:v>
                </c:pt>
                <c:pt idx="721">
                  <c:v>6.9880000000000004</c:v>
                </c:pt>
                <c:pt idx="722">
                  <c:v>6.9980000000000002</c:v>
                </c:pt>
                <c:pt idx="723">
                  <c:v>7.008</c:v>
                </c:pt>
                <c:pt idx="724">
                  <c:v>7.0190000000000001</c:v>
                </c:pt>
                <c:pt idx="725">
                  <c:v>7.0279999999999996</c:v>
                </c:pt>
                <c:pt idx="726">
                  <c:v>7.0380000000000003</c:v>
                </c:pt>
                <c:pt idx="727">
                  <c:v>7.0869999999999997</c:v>
                </c:pt>
                <c:pt idx="728">
                  <c:v>7.0970000000000004</c:v>
                </c:pt>
                <c:pt idx="729">
                  <c:v>7.1070000000000002</c:v>
                </c:pt>
                <c:pt idx="730">
                  <c:v>7.1159999999999997</c:v>
                </c:pt>
                <c:pt idx="731">
                  <c:v>7.1269999999999998</c:v>
                </c:pt>
                <c:pt idx="732">
                  <c:v>7.1369999999999996</c:v>
                </c:pt>
                <c:pt idx="733">
                  <c:v>7.1479999999999997</c:v>
                </c:pt>
                <c:pt idx="734">
                  <c:v>7.157</c:v>
                </c:pt>
                <c:pt idx="735">
                  <c:v>7.1680000000000001</c:v>
                </c:pt>
                <c:pt idx="736">
                  <c:v>7.1779999999999999</c:v>
                </c:pt>
                <c:pt idx="737">
                  <c:v>7.1879999999999997</c:v>
                </c:pt>
                <c:pt idx="738">
                  <c:v>7.1980000000000004</c:v>
                </c:pt>
                <c:pt idx="739">
                  <c:v>7.2080000000000002</c:v>
                </c:pt>
                <c:pt idx="740">
                  <c:v>7.2169999999999996</c:v>
                </c:pt>
                <c:pt idx="741">
                  <c:v>7.2279999999999998</c:v>
                </c:pt>
                <c:pt idx="742">
                  <c:v>7.2370000000000001</c:v>
                </c:pt>
                <c:pt idx="743">
                  <c:v>7.2480000000000002</c:v>
                </c:pt>
                <c:pt idx="744">
                  <c:v>7.258</c:v>
                </c:pt>
                <c:pt idx="745">
                  <c:v>7.2679999999999998</c:v>
                </c:pt>
                <c:pt idx="746">
                  <c:v>7.2770000000000001</c:v>
                </c:pt>
                <c:pt idx="747">
                  <c:v>7.2880000000000003</c:v>
                </c:pt>
                <c:pt idx="748">
                  <c:v>7.298</c:v>
                </c:pt>
                <c:pt idx="749">
                  <c:v>7.3079999999999998</c:v>
                </c:pt>
                <c:pt idx="750">
                  <c:v>7.3179999999999996</c:v>
                </c:pt>
                <c:pt idx="751">
                  <c:v>7.3289999999999997</c:v>
                </c:pt>
                <c:pt idx="752">
                  <c:v>7.3380000000000001</c:v>
                </c:pt>
                <c:pt idx="753">
                  <c:v>7.3490000000000002</c:v>
                </c:pt>
                <c:pt idx="754">
                  <c:v>7.359</c:v>
                </c:pt>
                <c:pt idx="755">
                  <c:v>7.3689999999999998</c:v>
                </c:pt>
                <c:pt idx="756">
                  <c:v>7.3789999999999996</c:v>
                </c:pt>
                <c:pt idx="757">
                  <c:v>7.3879999999999999</c:v>
                </c:pt>
                <c:pt idx="758">
                  <c:v>7.399</c:v>
                </c:pt>
                <c:pt idx="759">
                  <c:v>7.4080000000000004</c:v>
                </c:pt>
                <c:pt idx="760">
                  <c:v>7.4189999999999996</c:v>
                </c:pt>
                <c:pt idx="761">
                  <c:v>7.4279999999999999</c:v>
                </c:pt>
                <c:pt idx="762">
                  <c:v>7.4379999999999997</c:v>
                </c:pt>
                <c:pt idx="763">
                  <c:v>7.4480000000000004</c:v>
                </c:pt>
                <c:pt idx="764">
                  <c:v>7.4589999999999996</c:v>
                </c:pt>
                <c:pt idx="765">
                  <c:v>7.468</c:v>
                </c:pt>
                <c:pt idx="766">
                  <c:v>7.4790000000000001</c:v>
                </c:pt>
                <c:pt idx="767">
                  <c:v>7.4889999999999999</c:v>
                </c:pt>
                <c:pt idx="768">
                  <c:v>7.4989999999999997</c:v>
                </c:pt>
                <c:pt idx="769">
                  <c:v>7.51</c:v>
                </c:pt>
                <c:pt idx="770">
                  <c:v>7.52</c:v>
                </c:pt>
                <c:pt idx="771">
                  <c:v>7.5289999999999999</c:v>
                </c:pt>
                <c:pt idx="772">
                  <c:v>7.54</c:v>
                </c:pt>
                <c:pt idx="773">
                  <c:v>7.55</c:v>
                </c:pt>
                <c:pt idx="774">
                  <c:v>7.5590000000000002</c:v>
                </c:pt>
                <c:pt idx="775">
                  <c:v>7.57</c:v>
                </c:pt>
                <c:pt idx="776">
                  <c:v>7.58</c:v>
                </c:pt>
                <c:pt idx="777">
                  <c:v>7.59</c:v>
                </c:pt>
                <c:pt idx="778">
                  <c:v>7.6</c:v>
                </c:pt>
                <c:pt idx="779">
                  <c:v>7.609</c:v>
                </c:pt>
                <c:pt idx="780">
                  <c:v>7.62</c:v>
                </c:pt>
                <c:pt idx="781">
                  <c:v>7.6289999999999996</c:v>
                </c:pt>
                <c:pt idx="782">
                  <c:v>7.64</c:v>
                </c:pt>
                <c:pt idx="783">
                  <c:v>7.65</c:v>
                </c:pt>
                <c:pt idx="784">
                  <c:v>7.66</c:v>
                </c:pt>
                <c:pt idx="785">
                  <c:v>7.6710000000000003</c:v>
                </c:pt>
                <c:pt idx="786">
                  <c:v>7.68</c:v>
                </c:pt>
                <c:pt idx="787">
                  <c:v>7.69</c:v>
                </c:pt>
                <c:pt idx="788">
                  <c:v>7.7009999999999996</c:v>
                </c:pt>
                <c:pt idx="789">
                  <c:v>7.7110000000000003</c:v>
                </c:pt>
                <c:pt idx="790">
                  <c:v>7.7210000000000001</c:v>
                </c:pt>
                <c:pt idx="791">
                  <c:v>7.7309999999999999</c:v>
                </c:pt>
                <c:pt idx="792">
                  <c:v>7.7409999999999997</c:v>
                </c:pt>
                <c:pt idx="793">
                  <c:v>7.75</c:v>
                </c:pt>
                <c:pt idx="794">
                  <c:v>7.7610000000000001</c:v>
                </c:pt>
                <c:pt idx="795">
                  <c:v>7.7709999999999999</c:v>
                </c:pt>
                <c:pt idx="796">
                  <c:v>7.78</c:v>
                </c:pt>
                <c:pt idx="797">
                  <c:v>7.7910000000000004</c:v>
                </c:pt>
                <c:pt idx="798">
                  <c:v>7.8010000000000002</c:v>
                </c:pt>
                <c:pt idx="799">
                  <c:v>7.8109999999999999</c:v>
                </c:pt>
                <c:pt idx="800">
                  <c:v>7.8209999999999997</c:v>
                </c:pt>
                <c:pt idx="801">
                  <c:v>7.8310000000000004</c:v>
                </c:pt>
                <c:pt idx="802">
                  <c:v>7.8410000000000002</c:v>
                </c:pt>
                <c:pt idx="803">
                  <c:v>7.8520000000000003</c:v>
                </c:pt>
                <c:pt idx="804">
                  <c:v>7.8609999999999998</c:v>
                </c:pt>
                <c:pt idx="805">
                  <c:v>7.8710000000000004</c:v>
                </c:pt>
                <c:pt idx="806">
                  <c:v>7.8819999999999997</c:v>
                </c:pt>
                <c:pt idx="807">
                  <c:v>7.891</c:v>
                </c:pt>
                <c:pt idx="808">
                  <c:v>7.9009999999999998</c:v>
                </c:pt>
                <c:pt idx="809">
                  <c:v>7.9119999999999999</c:v>
                </c:pt>
                <c:pt idx="810">
                  <c:v>7.9210000000000003</c:v>
                </c:pt>
                <c:pt idx="811">
                  <c:v>7.9320000000000004</c:v>
                </c:pt>
                <c:pt idx="812">
                  <c:v>7.9409999999999998</c:v>
                </c:pt>
                <c:pt idx="813">
                  <c:v>7.952</c:v>
                </c:pt>
                <c:pt idx="814">
                  <c:v>7.9610000000000003</c:v>
                </c:pt>
                <c:pt idx="815">
                  <c:v>7.9720000000000004</c:v>
                </c:pt>
                <c:pt idx="816">
                  <c:v>7.9820000000000002</c:v>
                </c:pt>
                <c:pt idx="817">
                  <c:v>7.9930000000000003</c:v>
                </c:pt>
                <c:pt idx="818">
                  <c:v>8.0030000000000001</c:v>
                </c:pt>
                <c:pt idx="819">
                  <c:v>8.0120000000000005</c:v>
                </c:pt>
                <c:pt idx="820">
                  <c:v>8.0229999999999997</c:v>
                </c:pt>
                <c:pt idx="821">
                  <c:v>8.032</c:v>
                </c:pt>
                <c:pt idx="822">
                  <c:v>8.0429999999999993</c:v>
                </c:pt>
                <c:pt idx="823">
                  <c:v>8.0519999999999996</c:v>
                </c:pt>
                <c:pt idx="824">
                  <c:v>8.0630000000000006</c:v>
                </c:pt>
                <c:pt idx="825">
                  <c:v>8.0719999999999992</c:v>
                </c:pt>
                <c:pt idx="826">
                  <c:v>8.0830000000000002</c:v>
                </c:pt>
                <c:pt idx="827">
                  <c:v>8.0920000000000005</c:v>
                </c:pt>
                <c:pt idx="828">
                  <c:v>8.1029999999999998</c:v>
                </c:pt>
                <c:pt idx="829">
                  <c:v>8.1140000000000008</c:v>
                </c:pt>
                <c:pt idx="830">
                  <c:v>8.1229999999999993</c:v>
                </c:pt>
                <c:pt idx="831">
                  <c:v>8.1329999999999991</c:v>
                </c:pt>
                <c:pt idx="832">
                  <c:v>8.1440000000000001</c:v>
                </c:pt>
                <c:pt idx="833">
                  <c:v>8.1530000000000005</c:v>
                </c:pt>
                <c:pt idx="834">
                  <c:v>8.1639999999999997</c:v>
                </c:pt>
                <c:pt idx="835">
                  <c:v>8.1739999999999995</c:v>
                </c:pt>
                <c:pt idx="836">
                  <c:v>8.1850000000000005</c:v>
                </c:pt>
                <c:pt idx="837">
                  <c:v>8.1940000000000008</c:v>
                </c:pt>
                <c:pt idx="838">
                  <c:v>8.2050000000000001</c:v>
                </c:pt>
                <c:pt idx="839">
                  <c:v>8.2140000000000004</c:v>
                </c:pt>
                <c:pt idx="840">
                  <c:v>8.2249999999999996</c:v>
                </c:pt>
                <c:pt idx="841">
                  <c:v>8.234</c:v>
                </c:pt>
                <c:pt idx="842">
                  <c:v>8.2439999999999998</c:v>
                </c:pt>
                <c:pt idx="843">
                  <c:v>8.2550000000000008</c:v>
                </c:pt>
                <c:pt idx="844">
                  <c:v>8.2639999999999993</c:v>
                </c:pt>
                <c:pt idx="845">
                  <c:v>8.2750000000000004</c:v>
                </c:pt>
                <c:pt idx="846">
                  <c:v>8.2840000000000007</c:v>
                </c:pt>
                <c:pt idx="847">
                  <c:v>8.2949999999999999</c:v>
                </c:pt>
                <c:pt idx="848">
                  <c:v>8.3049999999999997</c:v>
                </c:pt>
                <c:pt idx="849">
                  <c:v>8.3149999999999995</c:v>
                </c:pt>
                <c:pt idx="850">
                  <c:v>8.3239999999999998</c:v>
                </c:pt>
                <c:pt idx="851">
                  <c:v>8.3350000000000009</c:v>
                </c:pt>
                <c:pt idx="852">
                  <c:v>8.3450000000000006</c:v>
                </c:pt>
                <c:pt idx="853">
                  <c:v>8.3550000000000004</c:v>
                </c:pt>
                <c:pt idx="854">
                  <c:v>8.3650000000000002</c:v>
                </c:pt>
                <c:pt idx="855">
                  <c:v>8.3759999999999994</c:v>
                </c:pt>
                <c:pt idx="856">
                  <c:v>8.3849999999999998</c:v>
                </c:pt>
                <c:pt idx="857">
                  <c:v>8.3949999999999996</c:v>
                </c:pt>
                <c:pt idx="858">
                  <c:v>8.4049999999999994</c:v>
                </c:pt>
                <c:pt idx="859">
                  <c:v>8.4149999999999991</c:v>
                </c:pt>
                <c:pt idx="860">
                  <c:v>8.4239999999999995</c:v>
                </c:pt>
                <c:pt idx="861">
                  <c:v>8.4350000000000005</c:v>
                </c:pt>
                <c:pt idx="862">
                  <c:v>8.4440000000000008</c:v>
                </c:pt>
                <c:pt idx="863">
                  <c:v>8.4550000000000001</c:v>
                </c:pt>
                <c:pt idx="864">
                  <c:v>8.4649999999999999</c:v>
                </c:pt>
                <c:pt idx="865">
                  <c:v>8.4760000000000009</c:v>
                </c:pt>
                <c:pt idx="866">
                  <c:v>8.4849999999999994</c:v>
                </c:pt>
                <c:pt idx="867">
                  <c:v>8.4960000000000004</c:v>
                </c:pt>
                <c:pt idx="868">
                  <c:v>8.5050000000000008</c:v>
                </c:pt>
                <c:pt idx="869">
                  <c:v>8.516</c:v>
                </c:pt>
                <c:pt idx="870">
                  <c:v>8.5250000000000004</c:v>
                </c:pt>
                <c:pt idx="871">
                  <c:v>8.5359999999999996</c:v>
                </c:pt>
                <c:pt idx="872">
                  <c:v>8.5449999999999999</c:v>
                </c:pt>
                <c:pt idx="873">
                  <c:v>8.5559999999999992</c:v>
                </c:pt>
                <c:pt idx="874">
                  <c:v>8.5649999999999995</c:v>
                </c:pt>
                <c:pt idx="875">
                  <c:v>8.5749999999999993</c:v>
                </c:pt>
                <c:pt idx="876">
                  <c:v>8.5850000000000009</c:v>
                </c:pt>
                <c:pt idx="877">
                  <c:v>8.5950000000000006</c:v>
                </c:pt>
                <c:pt idx="878">
                  <c:v>8.6039999999999992</c:v>
                </c:pt>
                <c:pt idx="879">
                  <c:v>8.6150000000000002</c:v>
                </c:pt>
                <c:pt idx="880">
                  <c:v>8.6240000000000006</c:v>
                </c:pt>
                <c:pt idx="881">
                  <c:v>8.6349999999999998</c:v>
                </c:pt>
                <c:pt idx="882">
                  <c:v>8.6440000000000001</c:v>
                </c:pt>
                <c:pt idx="883">
                  <c:v>8.6539999999999999</c:v>
                </c:pt>
                <c:pt idx="884">
                  <c:v>8.6639999999999997</c:v>
                </c:pt>
                <c:pt idx="885">
                  <c:v>8.6739999999999995</c:v>
                </c:pt>
                <c:pt idx="886">
                  <c:v>8.6839999999999993</c:v>
                </c:pt>
                <c:pt idx="887">
                  <c:v>8.6950000000000003</c:v>
                </c:pt>
                <c:pt idx="888">
                  <c:v>8.7040000000000006</c:v>
                </c:pt>
                <c:pt idx="889">
                  <c:v>8.7140000000000004</c:v>
                </c:pt>
                <c:pt idx="890">
                  <c:v>8.7240000000000002</c:v>
                </c:pt>
                <c:pt idx="891">
                  <c:v>8.734</c:v>
                </c:pt>
                <c:pt idx="892">
                  <c:v>8.7430000000000003</c:v>
                </c:pt>
                <c:pt idx="893">
                  <c:v>8.7539999999999996</c:v>
                </c:pt>
                <c:pt idx="894">
                  <c:v>8.7629999999999999</c:v>
                </c:pt>
                <c:pt idx="895">
                  <c:v>8.7739999999999991</c:v>
                </c:pt>
                <c:pt idx="896">
                  <c:v>8.7829999999999995</c:v>
                </c:pt>
                <c:pt idx="897">
                  <c:v>8.7940000000000005</c:v>
                </c:pt>
                <c:pt idx="898">
                  <c:v>8.8040000000000003</c:v>
                </c:pt>
                <c:pt idx="899">
                  <c:v>8.8140000000000001</c:v>
                </c:pt>
                <c:pt idx="900">
                  <c:v>8.8230000000000004</c:v>
                </c:pt>
                <c:pt idx="901">
                  <c:v>8.8339999999999996</c:v>
                </c:pt>
                <c:pt idx="902">
                  <c:v>8.843</c:v>
                </c:pt>
                <c:pt idx="903">
                  <c:v>8.8539999999999992</c:v>
                </c:pt>
                <c:pt idx="904">
                  <c:v>8.8640000000000008</c:v>
                </c:pt>
                <c:pt idx="905">
                  <c:v>8.8740000000000006</c:v>
                </c:pt>
                <c:pt idx="906">
                  <c:v>8.8849999999999998</c:v>
                </c:pt>
                <c:pt idx="907">
                  <c:v>8.8940000000000001</c:v>
                </c:pt>
                <c:pt idx="908">
                  <c:v>8.9039999999999999</c:v>
                </c:pt>
                <c:pt idx="909">
                  <c:v>8.9130000000000003</c:v>
                </c:pt>
                <c:pt idx="910">
                  <c:v>8.9239999999999995</c:v>
                </c:pt>
                <c:pt idx="911">
                  <c:v>8.9329999999999998</c:v>
                </c:pt>
                <c:pt idx="912">
                  <c:v>8.9440000000000008</c:v>
                </c:pt>
                <c:pt idx="913">
                  <c:v>8.9529999999999994</c:v>
                </c:pt>
                <c:pt idx="914">
                  <c:v>9.0129999999999999</c:v>
                </c:pt>
                <c:pt idx="915">
                  <c:v>9.0229999999999997</c:v>
                </c:pt>
                <c:pt idx="916">
                  <c:v>9.032</c:v>
                </c:pt>
                <c:pt idx="917">
                  <c:v>9.0429999999999993</c:v>
                </c:pt>
                <c:pt idx="918">
                  <c:v>9.0519999999999996</c:v>
                </c:pt>
                <c:pt idx="919">
                  <c:v>9.0609999999999999</c:v>
                </c:pt>
                <c:pt idx="920">
                  <c:v>9.0719999999999992</c:v>
                </c:pt>
                <c:pt idx="921">
                  <c:v>9.0820000000000007</c:v>
                </c:pt>
                <c:pt idx="922">
                  <c:v>9.0920000000000005</c:v>
                </c:pt>
                <c:pt idx="923">
                  <c:v>9.1010000000000009</c:v>
                </c:pt>
                <c:pt idx="924">
                  <c:v>9.1120000000000001</c:v>
                </c:pt>
                <c:pt idx="925">
                  <c:v>9.1219999999999999</c:v>
                </c:pt>
                <c:pt idx="926">
                  <c:v>9.1319999999999997</c:v>
                </c:pt>
                <c:pt idx="927">
                  <c:v>9.1419999999999995</c:v>
                </c:pt>
                <c:pt idx="928">
                  <c:v>9.1519999999999992</c:v>
                </c:pt>
                <c:pt idx="929">
                  <c:v>9.1620000000000008</c:v>
                </c:pt>
                <c:pt idx="930">
                  <c:v>9.173</c:v>
                </c:pt>
                <c:pt idx="931">
                  <c:v>9.1820000000000004</c:v>
                </c:pt>
                <c:pt idx="932">
                  <c:v>9.1920000000000002</c:v>
                </c:pt>
                <c:pt idx="933">
                  <c:v>9.2029999999999994</c:v>
                </c:pt>
                <c:pt idx="934">
                  <c:v>9.2119999999999997</c:v>
                </c:pt>
                <c:pt idx="935">
                  <c:v>9.2230000000000008</c:v>
                </c:pt>
                <c:pt idx="936">
                  <c:v>9.2330000000000005</c:v>
                </c:pt>
                <c:pt idx="937">
                  <c:v>9.2420000000000009</c:v>
                </c:pt>
                <c:pt idx="938">
                  <c:v>9.2530000000000001</c:v>
                </c:pt>
                <c:pt idx="939">
                  <c:v>9.2620000000000005</c:v>
                </c:pt>
                <c:pt idx="940">
                  <c:v>9.2720000000000002</c:v>
                </c:pt>
                <c:pt idx="941">
                  <c:v>9.2829999999999995</c:v>
                </c:pt>
                <c:pt idx="942">
                  <c:v>9.2919999999999998</c:v>
                </c:pt>
                <c:pt idx="943">
                  <c:v>9.3030000000000008</c:v>
                </c:pt>
                <c:pt idx="944">
                  <c:v>9.3119999999999994</c:v>
                </c:pt>
                <c:pt idx="945">
                  <c:v>9.3230000000000004</c:v>
                </c:pt>
                <c:pt idx="946">
                  <c:v>9.3320000000000007</c:v>
                </c:pt>
                <c:pt idx="947">
                  <c:v>9.343</c:v>
                </c:pt>
                <c:pt idx="948">
                  <c:v>9.3520000000000003</c:v>
                </c:pt>
                <c:pt idx="949">
                  <c:v>9.3629999999999995</c:v>
                </c:pt>
                <c:pt idx="950">
                  <c:v>9.3729999999999993</c:v>
                </c:pt>
                <c:pt idx="951">
                  <c:v>9.3840000000000003</c:v>
                </c:pt>
                <c:pt idx="952">
                  <c:v>9.3930000000000007</c:v>
                </c:pt>
                <c:pt idx="953">
                  <c:v>9.4019999999999992</c:v>
                </c:pt>
                <c:pt idx="954">
                  <c:v>9.4120000000000008</c:v>
                </c:pt>
                <c:pt idx="955">
                  <c:v>9.4220000000000006</c:v>
                </c:pt>
                <c:pt idx="956">
                  <c:v>9.4329999999999998</c:v>
                </c:pt>
                <c:pt idx="957">
                  <c:v>9.4420000000000002</c:v>
                </c:pt>
                <c:pt idx="958">
                  <c:v>9.4529999999999994</c:v>
                </c:pt>
                <c:pt idx="959">
                  <c:v>9.4629999999999992</c:v>
                </c:pt>
                <c:pt idx="960">
                  <c:v>9.4730000000000008</c:v>
                </c:pt>
                <c:pt idx="961">
                  <c:v>9.4830000000000005</c:v>
                </c:pt>
                <c:pt idx="962">
                  <c:v>9.4930000000000003</c:v>
                </c:pt>
                <c:pt idx="963">
                  <c:v>9.5030000000000001</c:v>
                </c:pt>
                <c:pt idx="964">
                  <c:v>9.5129999999999999</c:v>
                </c:pt>
                <c:pt idx="965">
                  <c:v>9.5229999999999997</c:v>
                </c:pt>
                <c:pt idx="966">
                  <c:v>9.5340000000000007</c:v>
                </c:pt>
                <c:pt idx="967">
                  <c:v>9.5429999999999993</c:v>
                </c:pt>
                <c:pt idx="968">
                  <c:v>9.5530000000000008</c:v>
                </c:pt>
                <c:pt idx="969">
                  <c:v>9.5630000000000006</c:v>
                </c:pt>
                <c:pt idx="970">
                  <c:v>9.5730000000000004</c:v>
                </c:pt>
                <c:pt idx="971">
                  <c:v>9.5830000000000002</c:v>
                </c:pt>
                <c:pt idx="972">
                  <c:v>9.593</c:v>
                </c:pt>
                <c:pt idx="973">
                  <c:v>9.6020000000000003</c:v>
                </c:pt>
                <c:pt idx="974">
                  <c:v>9.6129999999999995</c:v>
                </c:pt>
                <c:pt idx="975">
                  <c:v>9.6219999999999999</c:v>
                </c:pt>
                <c:pt idx="976">
                  <c:v>9.6329999999999991</c:v>
                </c:pt>
                <c:pt idx="977">
                  <c:v>9.6430000000000007</c:v>
                </c:pt>
                <c:pt idx="978">
                  <c:v>9.6539999999999999</c:v>
                </c:pt>
                <c:pt idx="979">
                  <c:v>9.6630000000000003</c:v>
                </c:pt>
                <c:pt idx="980">
                  <c:v>9.6739999999999995</c:v>
                </c:pt>
                <c:pt idx="981">
                  <c:v>9.6829999999999998</c:v>
                </c:pt>
                <c:pt idx="982">
                  <c:v>9.6940000000000008</c:v>
                </c:pt>
                <c:pt idx="983">
                  <c:v>9.7029999999999994</c:v>
                </c:pt>
                <c:pt idx="984">
                  <c:v>9.7129999999999992</c:v>
                </c:pt>
                <c:pt idx="985">
                  <c:v>9.7230000000000008</c:v>
                </c:pt>
                <c:pt idx="986">
                  <c:v>9.7330000000000005</c:v>
                </c:pt>
                <c:pt idx="987">
                  <c:v>9.7430000000000003</c:v>
                </c:pt>
                <c:pt idx="988">
                  <c:v>9.7539999999999996</c:v>
                </c:pt>
                <c:pt idx="989">
                  <c:v>9.7629999999999999</c:v>
                </c:pt>
                <c:pt idx="990">
                  <c:v>9.7729999999999997</c:v>
                </c:pt>
                <c:pt idx="991">
                  <c:v>9.7829999999999995</c:v>
                </c:pt>
                <c:pt idx="992">
                  <c:v>9.7929999999999993</c:v>
                </c:pt>
                <c:pt idx="993">
                  <c:v>9.8030000000000008</c:v>
                </c:pt>
                <c:pt idx="994">
                  <c:v>9.8130000000000006</c:v>
                </c:pt>
                <c:pt idx="995">
                  <c:v>9.8230000000000004</c:v>
                </c:pt>
                <c:pt idx="996">
                  <c:v>9.8330000000000002</c:v>
                </c:pt>
                <c:pt idx="997">
                  <c:v>9.843</c:v>
                </c:pt>
                <c:pt idx="998">
                  <c:v>9.8529999999999998</c:v>
                </c:pt>
                <c:pt idx="999">
                  <c:v>9.8629999999999995</c:v>
                </c:pt>
                <c:pt idx="1000">
                  <c:v>9.8740000000000006</c:v>
                </c:pt>
                <c:pt idx="1001">
                  <c:v>9.8829999999999991</c:v>
                </c:pt>
                <c:pt idx="1002">
                  <c:v>9.8919999999999995</c:v>
                </c:pt>
                <c:pt idx="1003">
                  <c:v>9.9030000000000005</c:v>
                </c:pt>
                <c:pt idx="1004">
                  <c:v>9.9120000000000008</c:v>
                </c:pt>
                <c:pt idx="1005">
                  <c:v>9.923</c:v>
                </c:pt>
                <c:pt idx="1006">
                  <c:v>9.9329999999999998</c:v>
                </c:pt>
                <c:pt idx="1007">
                  <c:v>9.9429999999999996</c:v>
                </c:pt>
                <c:pt idx="1008">
                  <c:v>9.9529999999999994</c:v>
                </c:pt>
                <c:pt idx="1009">
                  <c:v>9.9629999999999992</c:v>
                </c:pt>
                <c:pt idx="1010">
                  <c:v>9.9730000000000008</c:v>
                </c:pt>
                <c:pt idx="1011">
                  <c:v>9.984</c:v>
                </c:pt>
                <c:pt idx="1012">
                  <c:v>9.9930000000000003</c:v>
                </c:pt>
                <c:pt idx="1013">
                  <c:v>10.004</c:v>
                </c:pt>
                <c:pt idx="1014">
                  <c:v>10.013</c:v>
                </c:pt>
                <c:pt idx="1015">
                  <c:v>10.023</c:v>
                </c:pt>
                <c:pt idx="1016">
                  <c:v>10.034000000000001</c:v>
                </c:pt>
                <c:pt idx="1017">
                  <c:v>10.042999999999999</c:v>
                </c:pt>
                <c:pt idx="1018">
                  <c:v>10.054</c:v>
                </c:pt>
                <c:pt idx="1019">
                  <c:v>10.063000000000001</c:v>
                </c:pt>
                <c:pt idx="1020">
                  <c:v>10.074</c:v>
                </c:pt>
                <c:pt idx="1021">
                  <c:v>10.083</c:v>
                </c:pt>
                <c:pt idx="1022">
                  <c:v>10.093</c:v>
                </c:pt>
                <c:pt idx="1023">
                  <c:v>10.103999999999999</c:v>
                </c:pt>
                <c:pt idx="1024">
                  <c:v>10.113</c:v>
                </c:pt>
                <c:pt idx="1025">
                  <c:v>10.122999999999999</c:v>
                </c:pt>
                <c:pt idx="1026">
                  <c:v>10.135</c:v>
                </c:pt>
                <c:pt idx="1027">
                  <c:v>10.144</c:v>
                </c:pt>
                <c:pt idx="1028">
                  <c:v>10.154</c:v>
                </c:pt>
                <c:pt idx="1029">
                  <c:v>10.164</c:v>
                </c:pt>
                <c:pt idx="1030">
                  <c:v>10.175000000000001</c:v>
                </c:pt>
                <c:pt idx="1031">
                  <c:v>10.183999999999999</c:v>
                </c:pt>
                <c:pt idx="1032">
                  <c:v>10.195</c:v>
                </c:pt>
                <c:pt idx="1033">
                  <c:v>10.204000000000001</c:v>
                </c:pt>
                <c:pt idx="1034">
                  <c:v>10.215</c:v>
                </c:pt>
                <c:pt idx="1035">
                  <c:v>10.224</c:v>
                </c:pt>
                <c:pt idx="1036">
                  <c:v>10.234999999999999</c:v>
                </c:pt>
                <c:pt idx="1037">
                  <c:v>10.244</c:v>
                </c:pt>
                <c:pt idx="1038">
                  <c:v>10.255000000000001</c:v>
                </c:pt>
                <c:pt idx="1039">
                  <c:v>10.263999999999999</c:v>
                </c:pt>
                <c:pt idx="1040">
                  <c:v>10.275</c:v>
                </c:pt>
                <c:pt idx="1041">
                  <c:v>10.285</c:v>
                </c:pt>
                <c:pt idx="1042">
                  <c:v>10.294</c:v>
                </c:pt>
                <c:pt idx="1043">
                  <c:v>10.304</c:v>
                </c:pt>
                <c:pt idx="1044">
                  <c:v>10.315</c:v>
                </c:pt>
                <c:pt idx="1045">
                  <c:v>10.324</c:v>
                </c:pt>
                <c:pt idx="1046">
                  <c:v>10.335000000000001</c:v>
                </c:pt>
                <c:pt idx="1047">
                  <c:v>10.343999999999999</c:v>
                </c:pt>
                <c:pt idx="1048">
                  <c:v>10.355</c:v>
                </c:pt>
                <c:pt idx="1049">
                  <c:v>10.366</c:v>
                </c:pt>
                <c:pt idx="1050">
                  <c:v>10.375</c:v>
                </c:pt>
                <c:pt idx="1051">
                  <c:v>10.385</c:v>
                </c:pt>
                <c:pt idx="1052">
                  <c:v>10.396000000000001</c:v>
                </c:pt>
                <c:pt idx="1053">
                  <c:v>10.404999999999999</c:v>
                </c:pt>
                <c:pt idx="1054">
                  <c:v>10.416</c:v>
                </c:pt>
                <c:pt idx="1055">
                  <c:v>10.425000000000001</c:v>
                </c:pt>
                <c:pt idx="1056">
                  <c:v>10.436</c:v>
                </c:pt>
                <c:pt idx="1057">
                  <c:v>10.445</c:v>
                </c:pt>
                <c:pt idx="1058">
                  <c:v>10.456</c:v>
                </c:pt>
                <c:pt idx="1059">
                  <c:v>10.465999999999999</c:v>
                </c:pt>
                <c:pt idx="1060">
                  <c:v>10.475</c:v>
                </c:pt>
                <c:pt idx="1061">
                  <c:v>10.486000000000001</c:v>
                </c:pt>
                <c:pt idx="1062">
                  <c:v>10.496</c:v>
                </c:pt>
                <c:pt idx="1063">
                  <c:v>10.506</c:v>
                </c:pt>
                <c:pt idx="1064">
                  <c:v>10.516</c:v>
                </c:pt>
                <c:pt idx="1065">
                  <c:v>10.526999999999999</c:v>
                </c:pt>
                <c:pt idx="1066">
                  <c:v>10.536</c:v>
                </c:pt>
                <c:pt idx="1067">
                  <c:v>10.545999999999999</c:v>
                </c:pt>
                <c:pt idx="1068">
                  <c:v>10.555999999999999</c:v>
                </c:pt>
                <c:pt idx="1069">
                  <c:v>10.566000000000001</c:v>
                </c:pt>
                <c:pt idx="1070">
                  <c:v>10.574999999999999</c:v>
                </c:pt>
                <c:pt idx="1071">
                  <c:v>10.586</c:v>
                </c:pt>
                <c:pt idx="1072">
                  <c:v>10.595000000000001</c:v>
                </c:pt>
                <c:pt idx="1073">
                  <c:v>10.606</c:v>
                </c:pt>
                <c:pt idx="1074">
                  <c:v>10.616</c:v>
                </c:pt>
                <c:pt idx="1075">
                  <c:v>10.627000000000001</c:v>
                </c:pt>
                <c:pt idx="1076">
                  <c:v>10.635999999999999</c:v>
                </c:pt>
                <c:pt idx="1077">
                  <c:v>10.646000000000001</c:v>
                </c:pt>
                <c:pt idx="1078">
                  <c:v>10.656000000000001</c:v>
                </c:pt>
                <c:pt idx="1079">
                  <c:v>10.667</c:v>
                </c:pt>
                <c:pt idx="1080">
                  <c:v>10.676</c:v>
                </c:pt>
                <c:pt idx="1081">
                  <c:v>10.686999999999999</c:v>
                </c:pt>
                <c:pt idx="1082">
                  <c:v>10.696</c:v>
                </c:pt>
                <c:pt idx="1083">
                  <c:v>10.707000000000001</c:v>
                </c:pt>
                <c:pt idx="1084">
                  <c:v>10.715999999999999</c:v>
                </c:pt>
                <c:pt idx="1085">
                  <c:v>10.727</c:v>
                </c:pt>
                <c:pt idx="1086">
                  <c:v>10.736000000000001</c:v>
                </c:pt>
                <c:pt idx="1087">
                  <c:v>10.746</c:v>
                </c:pt>
                <c:pt idx="1088">
                  <c:v>10.756</c:v>
                </c:pt>
                <c:pt idx="1089">
                  <c:v>10.766999999999999</c:v>
                </c:pt>
                <c:pt idx="1090">
                  <c:v>10.776</c:v>
                </c:pt>
                <c:pt idx="1091">
                  <c:v>10.786</c:v>
                </c:pt>
                <c:pt idx="1092">
                  <c:v>10.797000000000001</c:v>
                </c:pt>
                <c:pt idx="1093">
                  <c:v>10.805999999999999</c:v>
                </c:pt>
                <c:pt idx="1094">
                  <c:v>10.817</c:v>
                </c:pt>
                <c:pt idx="1095">
                  <c:v>10.826000000000001</c:v>
                </c:pt>
                <c:pt idx="1096">
                  <c:v>10.837</c:v>
                </c:pt>
                <c:pt idx="1097">
                  <c:v>10.847</c:v>
                </c:pt>
                <c:pt idx="1098">
                  <c:v>10.858000000000001</c:v>
                </c:pt>
                <c:pt idx="1099">
                  <c:v>10.867000000000001</c:v>
                </c:pt>
                <c:pt idx="1100">
                  <c:v>10.877000000000001</c:v>
                </c:pt>
                <c:pt idx="1101">
                  <c:v>10.888</c:v>
                </c:pt>
                <c:pt idx="1102">
                  <c:v>10.897</c:v>
                </c:pt>
                <c:pt idx="1103">
                  <c:v>10.907</c:v>
                </c:pt>
                <c:pt idx="1104">
                  <c:v>10.917</c:v>
                </c:pt>
                <c:pt idx="1105">
                  <c:v>10.927</c:v>
                </c:pt>
                <c:pt idx="1106">
                  <c:v>10.938000000000001</c:v>
                </c:pt>
                <c:pt idx="1107">
                  <c:v>10.946999999999999</c:v>
                </c:pt>
                <c:pt idx="1108">
                  <c:v>10.957000000000001</c:v>
                </c:pt>
                <c:pt idx="1109">
                  <c:v>10.967000000000001</c:v>
                </c:pt>
                <c:pt idx="1110">
                  <c:v>10.978</c:v>
                </c:pt>
                <c:pt idx="1111">
                  <c:v>10.988</c:v>
                </c:pt>
                <c:pt idx="1112">
                  <c:v>10.997999999999999</c:v>
                </c:pt>
                <c:pt idx="1113">
                  <c:v>11.007999999999999</c:v>
                </c:pt>
                <c:pt idx="1114">
                  <c:v>11.052</c:v>
                </c:pt>
                <c:pt idx="1115">
                  <c:v>11.061</c:v>
                </c:pt>
                <c:pt idx="1116">
                  <c:v>11.071</c:v>
                </c:pt>
                <c:pt idx="1117">
                  <c:v>11.081</c:v>
                </c:pt>
                <c:pt idx="1118">
                  <c:v>11.090999999999999</c:v>
                </c:pt>
                <c:pt idx="1119">
                  <c:v>11.101000000000001</c:v>
                </c:pt>
                <c:pt idx="1120">
                  <c:v>11.11</c:v>
                </c:pt>
                <c:pt idx="1121">
                  <c:v>11.121</c:v>
                </c:pt>
                <c:pt idx="1122">
                  <c:v>11.131</c:v>
                </c:pt>
                <c:pt idx="1123">
                  <c:v>11.141</c:v>
                </c:pt>
                <c:pt idx="1124">
                  <c:v>11.15</c:v>
                </c:pt>
                <c:pt idx="1125">
                  <c:v>11.161</c:v>
                </c:pt>
                <c:pt idx="1126">
                  <c:v>11.172000000000001</c:v>
                </c:pt>
                <c:pt idx="1127">
                  <c:v>11.180999999999999</c:v>
                </c:pt>
                <c:pt idx="1128">
                  <c:v>11.191000000000001</c:v>
                </c:pt>
                <c:pt idx="1129">
                  <c:v>11.201000000000001</c:v>
                </c:pt>
                <c:pt idx="1130">
                  <c:v>11.211</c:v>
                </c:pt>
                <c:pt idx="1131">
                  <c:v>11.222</c:v>
                </c:pt>
                <c:pt idx="1132">
                  <c:v>11.231999999999999</c:v>
                </c:pt>
                <c:pt idx="1133">
                  <c:v>11.242000000000001</c:v>
                </c:pt>
                <c:pt idx="1134">
                  <c:v>11.250999999999999</c:v>
                </c:pt>
                <c:pt idx="1135">
                  <c:v>11.260999999999999</c:v>
                </c:pt>
                <c:pt idx="1136">
                  <c:v>11.272</c:v>
                </c:pt>
                <c:pt idx="1137">
                  <c:v>11.281000000000001</c:v>
                </c:pt>
                <c:pt idx="1138">
                  <c:v>11.291</c:v>
                </c:pt>
                <c:pt idx="1139">
                  <c:v>11.302</c:v>
                </c:pt>
                <c:pt idx="1140">
                  <c:v>11.311</c:v>
                </c:pt>
                <c:pt idx="1141">
                  <c:v>11.321</c:v>
                </c:pt>
                <c:pt idx="1142">
                  <c:v>11.332000000000001</c:v>
                </c:pt>
                <c:pt idx="1143">
                  <c:v>11.342000000000001</c:v>
                </c:pt>
                <c:pt idx="1144">
                  <c:v>11.352</c:v>
                </c:pt>
                <c:pt idx="1145">
                  <c:v>11.362</c:v>
                </c:pt>
                <c:pt idx="1146">
                  <c:v>11.371</c:v>
                </c:pt>
                <c:pt idx="1147">
                  <c:v>11.382</c:v>
                </c:pt>
                <c:pt idx="1148">
                  <c:v>11.391999999999999</c:v>
                </c:pt>
                <c:pt idx="1149">
                  <c:v>11.401999999999999</c:v>
                </c:pt>
                <c:pt idx="1150">
                  <c:v>11.412000000000001</c:v>
                </c:pt>
                <c:pt idx="1151">
                  <c:v>11.422000000000001</c:v>
                </c:pt>
                <c:pt idx="1152">
                  <c:v>11.430999999999999</c:v>
                </c:pt>
                <c:pt idx="1153">
                  <c:v>11.441000000000001</c:v>
                </c:pt>
                <c:pt idx="1154">
                  <c:v>11.452</c:v>
                </c:pt>
                <c:pt idx="1155">
                  <c:v>11.461</c:v>
                </c:pt>
                <c:pt idx="1156">
                  <c:v>11.472</c:v>
                </c:pt>
                <c:pt idx="1157">
                  <c:v>11.481999999999999</c:v>
                </c:pt>
                <c:pt idx="1158">
                  <c:v>11.492000000000001</c:v>
                </c:pt>
                <c:pt idx="1159">
                  <c:v>11.503</c:v>
                </c:pt>
                <c:pt idx="1160">
                  <c:v>11.512</c:v>
                </c:pt>
                <c:pt idx="1161">
                  <c:v>11.522</c:v>
                </c:pt>
                <c:pt idx="1162">
                  <c:v>11.532999999999999</c:v>
                </c:pt>
                <c:pt idx="1163">
                  <c:v>11.542</c:v>
                </c:pt>
                <c:pt idx="1164">
                  <c:v>11.552</c:v>
                </c:pt>
                <c:pt idx="1165">
                  <c:v>11.561999999999999</c:v>
                </c:pt>
                <c:pt idx="1166">
                  <c:v>11.573</c:v>
                </c:pt>
                <c:pt idx="1167">
                  <c:v>11.582000000000001</c:v>
                </c:pt>
                <c:pt idx="1168">
                  <c:v>11.592000000000001</c:v>
                </c:pt>
                <c:pt idx="1169">
                  <c:v>11.602</c:v>
                </c:pt>
                <c:pt idx="1170">
                  <c:v>11.612</c:v>
                </c:pt>
                <c:pt idx="1171">
                  <c:v>11.621</c:v>
                </c:pt>
                <c:pt idx="1172">
                  <c:v>11.632</c:v>
                </c:pt>
                <c:pt idx="1173">
                  <c:v>11.641999999999999</c:v>
                </c:pt>
                <c:pt idx="1174">
                  <c:v>11.651999999999999</c:v>
                </c:pt>
                <c:pt idx="1175">
                  <c:v>11.662000000000001</c:v>
                </c:pt>
                <c:pt idx="1176">
                  <c:v>11.673</c:v>
                </c:pt>
                <c:pt idx="1177">
                  <c:v>11.682</c:v>
                </c:pt>
                <c:pt idx="1178">
                  <c:v>11.692</c:v>
                </c:pt>
                <c:pt idx="1179">
                  <c:v>11.702</c:v>
                </c:pt>
                <c:pt idx="1180">
                  <c:v>11.712</c:v>
                </c:pt>
                <c:pt idx="1181">
                  <c:v>11.722</c:v>
                </c:pt>
                <c:pt idx="1182">
                  <c:v>11.731999999999999</c:v>
                </c:pt>
                <c:pt idx="1183">
                  <c:v>11.742000000000001</c:v>
                </c:pt>
                <c:pt idx="1184">
                  <c:v>11.752000000000001</c:v>
                </c:pt>
                <c:pt idx="1185">
                  <c:v>11.762</c:v>
                </c:pt>
                <c:pt idx="1186">
                  <c:v>11.771000000000001</c:v>
                </c:pt>
                <c:pt idx="1187">
                  <c:v>11.782</c:v>
                </c:pt>
                <c:pt idx="1188">
                  <c:v>11.792</c:v>
                </c:pt>
                <c:pt idx="1189">
                  <c:v>11.801</c:v>
                </c:pt>
                <c:pt idx="1190">
                  <c:v>11.813000000000001</c:v>
                </c:pt>
                <c:pt idx="1191">
                  <c:v>11.821999999999999</c:v>
                </c:pt>
                <c:pt idx="1192">
                  <c:v>11.832000000000001</c:v>
                </c:pt>
                <c:pt idx="1193">
                  <c:v>11.843</c:v>
                </c:pt>
                <c:pt idx="1194">
                  <c:v>11.852</c:v>
                </c:pt>
                <c:pt idx="1195">
                  <c:v>11.862</c:v>
                </c:pt>
                <c:pt idx="1196">
                  <c:v>11.872</c:v>
                </c:pt>
                <c:pt idx="1197">
                  <c:v>11.882</c:v>
                </c:pt>
                <c:pt idx="1198">
                  <c:v>11.891999999999999</c:v>
                </c:pt>
                <c:pt idx="1199">
                  <c:v>11.901999999999999</c:v>
                </c:pt>
                <c:pt idx="1200">
                  <c:v>11.912000000000001</c:v>
                </c:pt>
                <c:pt idx="1201">
                  <c:v>11.922000000000001</c:v>
                </c:pt>
                <c:pt idx="1202">
                  <c:v>11.930999999999999</c:v>
                </c:pt>
                <c:pt idx="1203">
                  <c:v>11.942</c:v>
                </c:pt>
                <c:pt idx="1204">
                  <c:v>11.951000000000001</c:v>
                </c:pt>
                <c:pt idx="1205">
                  <c:v>11.962</c:v>
                </c:pt>
                <c:pt idx="1206">
                  <c:v>11.973000000000001</c:v>
                </c:pt>
                <c:pt idx="1207">
                  <c:v>11.983000000000001</c:v>
                </c:pt>
                <c:pt idx="1208">
                  <c:v>11.993</c:v>
                </c:pt>
                <c:pt idx="1209">
                  <c:v>12.003</c:v>
                </c:pt>
                <c:pt idx="1210">
                  <c:v>12.013</c:v>
                </c:pt>
                <c:pt idx="1211">
                  <c:v>12.023</c:v>
                </c:pt>
                <c:pt idx="1212">
                  <c:v>12.032999999999999</c:v>
                </c:pt>
                <c:pt idx="1213">
                  <c:v>12.042999999999999</c:v>
                </c:pt>
                <c:pt idx="1214">
                  <c:v>12.053000000000001</c:v>
                </c:pt>
                <c:pt idx="1215">
                  <c:v>12.063000000000001</c:v>
                </c:pt>
                <c:pt idx="1216">
                  <c:v>12.073</c:v>
                </c:pt>
                <c:pt idx="1217">
                  <c:v>12.082000000000001</c:v>
                </c:pt>
                <c:pt idx="1218">
                  <c:v>12.093</c:v>
                </c:pt>
                <c:pt idx="1219">
                  <c:v>12.102</c:v>
                </c:pt>
                <c:pt idx="1220">
                  <c:v>12.113</c:v>
                </c:pt>
                <c:pt idx="1221">
                  <c:v>12.122</c:v>
                </c:pt>
                <c:pt idx="1222">
                  <c:v>12.132999999999999</c:v>
                </c:pt>
                <c:pt idx="1223">
                  <c:v>12.141999999999999</c:v>
                </c:pt>
                <c:pt idx="1224">
                  <c:v>12.153</c:v>
                </c:pt>
                <c:pt idx="1225">
                  <c:v>12.163</c:v>
                </c:pt>
                <c:pt idx="1226">
                  <c:v>12.173</c:v>
                </c:pt>
                <c:pt idx="1227">
                  <c:v>12.183</c:v>
                </c:pt>
                <c:pt idx="1228">
                  <c:v>12.193</c:v>
                </c:pt>
                <c:pt idx="1229">
                  <c:v>12.202999999999999</c:v>
                </c:pt>
                <c:pt idx="1230">
                  <c:v>12.214</c:v>
                </c:pt>
                <c:pt idx="1231">
                  <c:v>12.224</c:v>
                </c:pt>
                <c:pt idx="1232">
                  <c:v>12.233000000000001</c:v>
                </c:pt>
                <c:pt idx="1233">
                  <c:v>12.244</c:v>
                </c:pt>
                <c:pt idx="1234">
                  <c:v>12.253</c:v>
                </c:pt>
                <c:pt idx="1235">
                  <c:v>12.263999999999999</c:v>
                </c:pt>
                <c:pt idx="1236">
                  <c:v>12.273</c:v>
                </c:pt>
                <c:pt idx="1237">
                  <c:v>12.282999999999999</c:v>
                </c:pt>
                <c:pt idx="1238">
                  <c:v>12.292999999999999</c:v>
                </c:pt>
                <c:pt idx="1239">
                  <c:v>12.303000000000001</c:v>
                </c:pt>
                <c:pt idx="1240">
                  <c:v>12.313000000000001</c:v>
                </c:pt>
                <c:pt idx="1241">
                  <c:v>12.323</c:v>
                </c:pt>
                <c:pt idx="1242">
                  <c:v>12.333</c:v>
                </c:pt>
                <c:pt idx="1243">
                  <c:v>12.343999999999999</c:v>
                </c:pt>
                <c:pt idx="1244">
                  <c:v>12.353999999999999</c:v>
                </c:pt>
                <c:pt idx="1245">
                  <c:v>12.364000000000001</c:v>
                </c:pt>
                <c:pt idx="1246">
                  <c:v>12.375</c:v>
                </c:pt>
                <c:pt idx="1247">
                  <c:v>12.384</c:v>
                </c:pt>
                <c:pt idx="1248">
                  <c:v>12.394</c:v>
                </c:pt>
                <c:pt idx="1249">
                  <c:v>12.404</c:v>
                </c:pt>
                <c:pt idx="1250">
                  <c:v>12.413</c:v>
                </c:pt>
                <c:pt idx="1251">
                  <c:v>12.423999999999999</c:v>
                </c:pt>
                <c:pt idx="1252">
                  <c:v>12.433</c:v>
                </c:pt>
                <c:pt idx="1253">
                  <c:v>12.444000000000001</c:v>
                </c:pt>
                <c:pt idx="1254">
                  <c:v>12.454000000000001</c:v>
                </c:pt>
                <c:pt idx="1255">
                  <c:v>12.464</c:v>
                </c:pt>
                <c:pt idx="1256">
                  <c:v>12.474</c:v>
                </c:pt>
                <c:pt idx="1257">
                  <c:v>12.484999999999999</c:v>
                </c:pt>
                <c:pt idx="1258">
                  <c:v>12.494</c:v>
                </c:pt>
                <c:pt idx="1259">
                  <c:v>12.504</c:v>
                </c:pt>
                <c:pt idx="1260">
                  <c:v>12.513999999999999</c:v>
                </c:pt>
                <c:pt idx="1261">
                  <c:v>12.523999999999999</c:v>
                </c:pt>
                <c:pt idx="1262">
                  <c:v>12.535</c:v>
                </c:pt>
                <c:pt idx="1263">
                  <c:v>12.544</c:v>
                </c:pt>
                <c:pt idx="1264">
                  <c:v>12.554</c:v>
                </c:pt>
                <c:pt idx="1265">
                  <c:v>12.563000000000001</c:v>
                </c:pt>
                <c:pt idx="1266">
                  <c:v>12.574</c:v>
                </c:pt>
                <c:pt idx="1267">
                  <c:v>12.583</c:v>
                </c:pt>
                <c:pt idx="1268">
                  <c:v>12.593</c:v>
                </c:pt>
                <c:pt idx="1269">
                  <c:v>12.603</c:v>
                </c:pt>
                <c:pt idx="1270">
                  <c:v>12.613</c:v>
                </c:pt>
                <c:pt idx="1271">
                  <c:v>12.622999999999999</c:v>
                </c:pt>
                <c:pt idx="1272">
                  <c:v>12.634</c:v>
                </c:pt>
                <c:pt idx="1273">
                  <c:v>12.643000000000001</c:v>
                </c:pt>
                <c:pt idx="1274">
                  <c:v>12.654</c:v>
                </c:pt>
                <c:pt idx="1275">
                  <c:v>12.663</c:v>
                </c:pt>
                <c:pt idx="1276">
                  <c:v>12.673</c:v>
                </c:pt>
                <c:pt idx="1277">
                  <c:v>12.683</c:v>
                </c:pt>
                <c:pt idx="1278">
                  <c:v>12.693</c:v>
                </c:pt>
                <c:pt idx="1279">
                  <c:v>12.704000000000001</c:v>
                </c:pt>
                <c:pt idx="1280">
                  <c:v>12.712999999999999</c:v>
                </c:pt>
                <c:pt idx="1281">
                  <c:v>12.723000000000001</c:v>
                </c:pt>
                <c:pt idx="1282">
                  <c:v>12.733000000000001</c:v>
                </c:pt>
                <c:pt idx="1283">
                  <c:v>12.742000000000001</c:v>
                </c:pt>
                <c:pt idx="1284">
                  <c:v>12.753</c:v>
                </c:pt>
                <c:pt idx="1285">
                  <c:v>12.763</c:v>
                </c:pt>
                <c:pt idx="1286">
                  <c:v>12.772</c:v>
                </c:pt>
                <c:pt idx="1287">
                  <c:v>12.782</c:v>
                </c:pt>
                <c:pt idx="1288">
                  <c:v>12.792</c:v>
                </c:pt>
                <c:pt idx="1289">
                  <c:v>12.803000000000001</c:v>
                </c:pt>
                <c:pt idx="1290">
                  <c:v>12.811999999999999</c:v>
                </c:pt>
                <c:pt idx="1291">
                  <c:v>12.823</c:v>
                </c:pt>
                <c:pt idx="1292">
                  <c:v>12.832000000000001</c:v>
                </c:pt>
                <c:pt idx="1293">
                  <c:v>12.843</c:v>
                </c:pt>
                <c:pt idx="1294">
                  <c:v>12.852</c:v>
                </c:pt>
                <c:pt idx="1295">
                  <c:v>12.862</c:v>
                </c:pt>
                <c:pt idx="1296">
                  <c:v>12.872</c:v>
                </c:pt>
                <c:pt idx="1297">
                  <c:v>12.882999999999999</c:v>
                </c:pt>
                <c:pt idx="1298">
                  <c:v>12.891999999999999</c:v>
                </c:pt>
                <c:pt idx="1299">
                  <c:v>12.903</c:v>
                </c:pt>
                <c:pt idx="1300">
                  <c:v>12.912000000000001</c:v>
                </c:pt>
                <c:pt idx="1301">
                  <c:v>12.923</c:v>
                </c:pt>
                <c:pt idx="1302">
                  <c:v>12.932</c:v>
                </c:pt>
                <c:pt idx="1303">
                  <c:v>12.943</c:v>
                </c:pt>
                <c:pt idx="1304">
                  <c:v>12.952</c:v>
                </c:pt>
                <c:pt idx="1305">
                  <c:v>12.962999999999999</c:v>
                </c:pt>
                <c:pt idx="1306">
                  <c:v>12.972</c:v>
                </c:pt>
                <c:pt idx="1307">
                  <c:v>12.983000000000001</c:v>
                </c:pt>
                <c:pt idx="1308">
                  <c:v>12.987</c:v>
                </c:pt>
                <c:pt idx="1309">
                  <c:v>12.987</c:v>
                </c:pt>
                <c:pt idx="1310">
                  <c:v>12.987</c:v>
                </c:pt>
                <c:pt idx="1311">
                  <c:v>13.031000000000001</c:v>
                </c:pt>
                <c:pt idx="1312">
                  <c:v>13.041</c:v>
                </c:pt>
                <c:pt idx="1313">
                  <c:v>13.051</c:v>
                </c:pt>
                <c:pt idx="1314">
                  <c:v>13.061</c:v>
                </c:pt>
                <c:pt idx="1315">
                  <c:v>13.071</c:v>
                </c:pt>
                <c:pt idx="1316">
                  <c:v>13.081</c:v>
                </c:pt>
                <c:pt idx="1317">
                  <c:v>13.09</c:v>
                </c:pt>
                <c:pt idx="1318">
                  <c:v>13.1</c:v>
                </c:pt>
                <c:pt idx="1319">
                  <c:v>13.11</c:v>
                </c:pt>
                <c:pt idx="1320">
                  <c:v>13.12</c:v>
                </c:pt>
                <c:pt idx="1321">
                  <c:v>13.13</c:v>
                </c:pt>
                <c:pt idx="1322">
                  <c:v>13.138999999999999</c:v>
                </c:pt>
                <c:pt idx="1323">
                  <c:v>13.151</c:v>
                </c:pt>
                <c:pt idx="1324">
                  <c:v>13.16</c:v>
                </c:pt>
                <c:pt idx="1325">
                  <c:v>13.170999999999999</c:v>
                </c:pt>
                <c:pt idx="1326">
                  <c:v>13.18</c:v>
                </c:pt>
                <c:pt idx="1327">
                  <c:v>13.19</c:v>
                </c:pt>
                <c:pt idx="1328">
                  <c:v>13.201000000000001</c:v>
                </c:pt>
                <c:pt idx="1329">
                  <c:v>13.211</c:v>
                </c:pt>
                <c:pt idx="1330">
                  <c:v>13.22</c:v>
                </c:pt>
                <c:pt idx="1331">
                  <c:v>13.23</c:v>
                </c:pt>
                <c:pt idx="1332">
                  <c:v>13.24</c:v>
                </c:pt>
                <c:pt idx="1333">
                  <c:v>13.25</c:v>
                </c:pt>
                <c:pt idx="1334">
                  <c:v>13.259</c:v>
                </c:pt>
                <c:pt idx="1335">
                  <c:v>13.27</c:v>
                </c:pt>
                <c:pt idx="1336">
                  <c:v>13.28</c:v>
                </c:pt>
                <c:pt idx="1337">
                  <c:v>13.289</c:v>
                </c:pt>
                <c:pt idx="1338">
                  <c:v>13.301</c:v>
                </c:pt>
                <c:pt idx="1339">
                  <c:v>13.31</c:v>
                </c:pt>
                <c:pt idx="1340">
                  <c:v>13.32</c:v>
                </c:pt>
                <c:pt idx="1341">
                  <c:v>13.33</c:v>
                </c:pt>
                <c:pt idx="1342">
                  <c:v>13.339</c:v>
                </c:pt>
                <c:pt idx="1343">
                  <c:v>13.351000000000001</c:v>
                </c:pt>
                <c:pt idx="1344">
                  <c:v>13.36</c:v>
                </c:pt>
                <c:pt idx="1345">
                  <c:v>13.37</c:v>
                </c:pt>
                <c:pt idx="1346">
                  <c:v>13.38</c:v>
                </c:pt>
                <c:pt idx="1347">
                  <c:v>13.391</c:v>
                </c:pt>
                <c:pt idx="1348">
                  <c:v>13.4</c:v>
                </c:pt>
                <c:pt idx="1349">
                  <c:v>13.41</c:v>
                </c:pt>
                <c:pt idx="1350">
                  <c:v>13.419</c:v>
                </c:pt>
                <c:pt idx="1351">
                  <c:v>13.43</c:v>
                </c:pt>
                <c:pt idx="1352">
                  <c:v>13.439</c:v>
                </c:pt>
                <c:pt idx="1353">
                  <c:v>13.449</c:v>
                </c:pt>
                <c:pt idx="1354">
                  <c:v>13.459</c:v>
                </c:pt>
                <c:pt idx="1355">
                  <c:v>13.468999999999999</c:v>
                </c:pt>
                <c:pt idx="1356">
                  <c:v>13.48</c:v>
                </c:pt>
                <c:pt idx="1357">
                  <c:v>13.489000000000001</c:v>
                </c:pt>
                <c:pt idx="1358">
                  <c:v>13.499000000000001</c:v>
                </c:pt>
                <c:pt idx="1359">
                  <c:v>13.51</c:v>
                </c:pt>
                <c:pt idx="1360">
                  <c:v>13.519</c:v>
                </c:pt>
                <c:pt idx="1361">
                  <c:v>13.529</c:v>
                </c:pt>
                <c:pt idx="1362">
                  <c:v>13.538</c:v>
                </c:pt>
                <c:pt idx="1363">
                  <c:v>13.548999999999999</c:v>
                </c:pt>
                <c:pt idx="1364">
                  <c:v>13.558999999999999</c:v>
                </c:pt>
                <c:pt idx="1365">
                  <c:v>13.568</c:v>
                </c:pt>
                <c:pt idx="1366">
                  <c:v>13.579000000000001</c:v>
                </c:pt>
                <c:pt idx="1367">
                  <c:v>13.587999999999999</c:v>
                </c:pt>
                <c:pt idx="1368">
                  <c:v>13.599</c:v>
                </c:pt>
                <c:pt idx="1369">
                  <c:v>13.61</c:v>
                </c:pt>
                <c:pt idx="1370">
                  <c:v>13.619</c:v>
                </c:pt>
                <c:pt idx="1371">
                  <c:v>13.63</c:v>
                </c:pt>
                <c:pt idx="1372">
                  <c:v>13.638999999999999</c:v>
                </c:pt>
                <c:pt idx="1373">
                  <c:v>13.65</c:v>
                </c:pt>
                <c:pt idx="1374">
                  <c:v>13.66</c:v>
                </c:pt>
                <c:pt idx="1375">
                  <c:v>13.669</c:v>
                </c:pt>
                <c:pt idx="1376">
                  <c:v>13.679</c:v>
                </c:pt>
                <c:pt idx="1377">
                  <c:v>13.69</c:v>
                </c:pt>
                <c:pt idx="1378">
                  <c:v>13.699</c:v>
                </c:pt>
                <c:pt idx="1379">
                  <c:v>13.709</c:v>
                </c:pt>
                <c:pt idx="1380">
                  <c:v>13.718999999999999</c:v>
                </c:pt>
                <c:pt idx="1381">
                  <c:v>13.728999999999999</c:v>
                </c:pt>
                <c:pt idx="1382">
                  <c:v>13.739000000000001</c:v>
                </c:pt>
                <c:pt idx="1383">
                  <c:v>13.749000000000001</c:v>
                </c:pt>
                <c:pt idx="1384">
                  <c:v>13.759</c:v>
                </c:pt>
                <c:pt idx="1385">
                  <c:v>13.768000000000001</c:v>
                </c:pt>
                <c:pt idx="1386">
                  <c:v>13.779</c:v>
                </c:pt>
                <c:pt idx="1387">
                  <c:v>13.789</c:v>
                </c:pt>
                <c:pt idx="1388">
                  <c:v>13.798</c:v>
                </c:pt>
                <c:pt idx="1389">
                  <c:v>13.81</c:v>
                </c:pt>
                <c:pt idx="1390">
                  <c:v>13.819000000000001</c:v>
                </c:pt>
                <c:pt idx="1391">
                  <c:v>13.83</c:v>
                </c:pt>
                <c:pt idx="1392">
                  <c:v>13.84</c:v>
                </c:pt>
                <c:pt idx="1393">
                  <c:v>13.85</c:v>
                </c:pt>
                <c:pt idx="1394">
                  <c:v>13.86</c:v>
                </c:pt>
                <c:pt idx="1395">
                  <c:v>13.869</c:v>
                </c:pt>
                <c:pt idx="1396">
                  <c:v>13.88</c:v>
                </c:pt>
                <c:pt idx="1397">
                  <c:v>13.888999999999999</c:v>
                </c:pt>
                <c:pt idx="1398">
                  <c:v>13.9</c:v>
                </c:pt>
                <c:pt idx="1399">
                  <c:v>13.909000000000001</c:v>
                </c:pt>
                <c:pt idx="1400">
                  <c:v>13.919</c:v>
                </c:pt>
                <c:pt idx="1401">
                  <c:v>13.929</c:v>
                </c:pt>
                <c:pt idx="1402">
                  <c:v>13.939</c:v>
                </c:pt>
                <c:pt idx="1403">
                  <c:v>13.949</c:v>
                </c:pt>
                <c:pt idx="1404">
                  <c:v>13.96</c:v>
                </c:pt>
                <c:pt idx="1405">
                  <c:v>13.968999999999999</c:v>
                </c:pt>
                <c:pt idx="1406">
                  <c:v>13.978999999999999</c:v>
                </c:pt>
                <c:pt idx="1407">
                  <c:v>13.989000000000001</c:v>
                </c:pt>
                <c:pt idx="1408">
                  <c:v>14</c:v>
                </c:pt>
                <c:pt idx="1409">
                  <c:v>14.01</c:v>
                </c:pt>
                <c:pt idx="1410">
                  <c:v>14.02</c:v>
                </c:pt>
                <c:pt idx="1411">
                  <c:v>14.03</c:v>
                </c:pt>
                <c:pt idx="1412">
                  <c:v>14.04</c:v>
                </c:pt>
                <c:pt idx="1413">
                  <c:v>14.05</c:v>
                </c:pt>
                <c:pt idx="1414">
                  <c:v>14.061</c:v>
                </c:pt>
                <c:pt idx="1415">
                  <c:v>14.07</c:v>
                </c:pt>
                <c:pt idx="1416">
                  <c:v>14.08</c:v>
                </c:pt>
                <c:pt idx="1417">
                  <c:v>14.089</c:v>
                </c:pt>
                <c:pt idx="1418">
                  <c:v>14.1</c:v>
                </c:pt>
                <c:pt idx="1419">
                  <c:v>14.11</c:v>
                </c:pt>
                <c:pt idx="1420">
                  <c:v>14.12</c:v>
                </c:pt>
                <c:pt idx="1421">
                  <c:v>14.13</c:v>
                </c:pt>
                <c:pt idx="1422">
                  <c:v>14.14</c:v>
                </c:pt>
                <c:pt idx="1423">
                  <c:v>14.151</c:v>
                </c:pt>
                <c:pt idx="1424">
                  <c:v>14.161</c:v>
                </c:pt>
                <c:pt idx="1425">
                  <c:v>14.170999999999999</c:v>
                </c:pt>
                <c:pt idx="1426">
                  <c:v>14.180999999999999</c:v>
                </c:pt>
                <c:pt idx="1427">
                  <c:v>14.19</c:v>
                </c:pt>
                <c:pt idx="1428">
                  <c:v>14.201000000000001</c:v>
                </c:pt>
                <c:pt idx="1429">
                  <c:v>14.211</c:v>
                </c:pt>
                <c:pt idx="1430">
                  <c:v>14.221</c:v>
                </c:pt>
                <c:pt idx="1431">
                  <c:v>14.23</c:v>
                </c:pt>
                <c:pt idx="1432">
                  <c:v>14.241</c:v>
                </c:pt>
                <c:pt idx="1433">
                  <c:v>14.25</c:v>
                </c:pt>
                <c:pt idx="1434">
                  <c:v>14.26</c:v>
                </c:pt>
                <c:pt idx="1435">
                  <c:v>14.27</c:v>
                </c:pt>
                <c:pt idx="1436">
                  <c:v>14.28</c:v>
                </c:pt>
                <c:pt idx="1437">
                  <c:v>14.291</c:v>
                </c:pt>
                <c:pt idx="1438">
                  <c:v>14.3</c:v>
                </c:pt>
                <c:pt idx="1439">
                  <c:v>14.31</c:v>
                </c:pt>
                <c:pt idx="1440">
                  <c:v>14.321</c:v>
                </c:pt>
                <c:pt idx="1441">
                  <c:v>14.33</c:v>
                </c:pt>
                <c:pt idx="1442">
                  <c:v>14.340999999999999</c:v>
                </c:pt>
                <c:pt idx="1443">
                  <c:v>14.35</c:v>
                </c:pt>
                <c:pt idx="1444">
                  <c:v>14.361000000000001</c:v>
                </c:pt>
                <c:pt idx="1445">
                  <c:v>14.371</c:v>
                </c:pt>
                <c:pt idx="1446">
                  <c:v>14.381</c:v>
                </c:pt>
                <c:pt idx="1447">
                  <c:v>14.391</c:v>
                </c:pt>
                <c:pt idx="1448">
                  <c:v>14.401</c:v>
                </c:pt>
                <c:pt idx="1449">
                  <c:v>14.41</c:v>
                </c:pt>
                <c:pt idx="1450">
                  <c:v>14.42</c:v>
                </c:pt>
                <c:pt idx="1451">
                  <c:v>14.430999999999999</c:v>
                </c:pt>
                <c:pt idx="1452">
                  <c:v>14.44</c:v>
                </c:pt>
                <c:pt idx="1453">
                  <c:v>14.45</c:v>
                </c:pt>
                <c:pt idx="1454">
                  <c:v>14.46</c:v>
                </c:pt>
                <c:pt idx="1455">
                  <c:v>14.471</c:v>
                </c:pt>
                <c:pt idx="1456">
                  <c:v>14.481</c:v>
                </c:pt>
                <c:pt idx="1457">
                  <c:v>14.491</c:v>
                </c:pt>
                <c:pt idx="1458">
                  <c:v>14.5</c:v>
                </c:pt>
                <c:pt idx="1459">
                  <c:v>14.510999999999999</c:v>
                </c:pt>
                <c:pt idx="1460">
                  <c:v>14.521000000000001</c:v>
                </c:pt>
                <c:pt idx="1461">
                  <c:v>14.53</c:v>
                </c:pt>
                <c:pt idx="1462">
                  <c:v>14.541</c:v>
                </c:pt>
                <c:pt idx="1463">
                  <c:v>14.551</c:v>
                </c:pt>
                <c:pt idx="1464">
                  <c:v>14.561</c:v>
                </c:pt>
                <c:pt idx="1465">
                  <c:v>14.57</c:v>
                </c:pt>
                <c:pt idx="1466">
                  <c:v>14.581</c:v>
                </c:pt>
                <c:pt idx="1467">
                  <c:v>14.59</c:v>
                </c:pt>
                <c:pt idx="1468">
                  <c:v>14.6</c:v>
                </c:pt>
                <c:pt idx="1469">
                  <c:v>14.61</c:v>
                </c:pt>
                <c:pt idx="1470">
                  <c:v>14.619</c:v>
                </c:pt>
                <c:pt idx="1471">
                  <c:v>14.63</c:v>
                </c:pt>
                <c:pt idx="1472">
                  <c:v>14.64</c:v>
                </c:pt>
                <c:pt idx="1473">
                  <c:v>14.65</c:v>
                </c:pt>
                <c:pt idx="1474">
                  <c:v>14.66</c:v>
                </c:pt>
                <c:pt idx="1475">
                  <c:v>14.670999999999999</c:v>
                </c:pt>
                <c:pt idx="1476">
                  <c:v>14.68</c:v>
                </c:pt>
                <c:pt idx="1477">
                  <c:v>14.691000000000001</c:v>
                </c:pt>
                <c:pt idx="1478">
                  <c:v>14.7</c:v>
                </c:pt>
                <c:pt idx="1479">
                  <c:v>14.71</c:v>
                </c:pt>
                <c:pt idx="1480">
                  <c:v>14.72</c:v>
                </c:pt>
                <c:pt idx="1481">
                  <c:v>14.73</c:v>
                </c:pt>
                <c:pt idx="1482">
                  <c:v>14.741</c:v>
                </c:pt>
                <c:pt idx="1483">
                  <c:v>14.75</c:v>
                </c:pt>
                <c:pt idx="1484">
                  <c:v>14.76</c:v>
                </c:pt>
                <c:pt idx="1485">
                  <c:v>14.771000000000001</c:v>
                </c:pt>
                <c:pt idx="1486">
                  <c:v>14.78</c:v>
                </c:pt>
                <c:pt idx="1487">
                  <c:v>14.79</c:v>
                </c:pt>
                <c:pt idx="1488">
                  <c:v>14.801</c:v>
                </c:pt>
                <c:pt idx="1489">
                  <c:v>14.81</c:v>
                </c:pt>
                <c:pt idx="1490">
                  <c:v>14.82</c:v>
                </c:pt>
                <c:pt idx="1491">
                  <c:v>14.83</c:v>
                </c:pt>
                <c:pt idx="1492">
                  <c:v>14.840999999999999</c:v>
                </c:pt>
                <c:pt idx="1493">
                  <c:v>14.85</c:v>
                </c:pt>
                <c:pt idx="1494">
                  <c:v>14.86</c:v>
                </c:pt>
                <c:pt idx="1495">
                  <c:v>14.871</c:v>
                </c:pt>
                <c:pt idx="1496">
                  <c:v>14.88</c:v>
                </c:pt>
                <c:pt idx="1497">
                  <c:v>14.888999999999999</c:v>
                </c:pt>
                <c:pt idx="1498">
                  <c:v>14.9</c:v>
                </c:pt>
                <c:pt idx="1499">
                  <c:v>14.909000000000001</c:v>
                </c:pt>
                <c:pt idx="1500">
                  <c:v>14.919</c:v>
                </c:pt>
                <c:pt idx="1501">
                  <c:v>14.929</c:v>
                </c:pt>
                <c:pt idx="1502">
                  <c:v>14.939</c:v>
                </c:pt>
                <c:pt idx="1503">
                  <c:v>14.949</c:v>
                </c:pt>
                <c:pt idx="1504">
                  <c:v>14.96</c:v>
                </c:pt>
                <c:pt idx="1505">
                  <c:v>14.97</c:v>
                </c:pt>
                <c:pt idx="1506">
                  <c:v>14.981</c:v>
                </c:pt>
                <c:pt idx="1507">
                  <c:v>14.99</c:v>
                </c:pt>
                <c:pt idx="1508">
                  <c:v>15</c:v>
                </c:pt>
                <c:pt idx="1509">
                  <c:v>15.057</c:v>
                </c:pt>
                <c:pt idx="1510">
                  <c:v>15.067</c:v>
                </c:pt>
                <c:pt idx="1511">
                  <c:v>15.077</c:v>
                </c:pt>
                <c:pt idx="1512">
                  <c:v>15.086</c:v>
                </c:pt>
                <c:pt idx="1513">
                  <c:v>15.097</c:v>
                </c:pt>
                <c:pt idx="1514">
                  <c:v>15.106999999999999</c:v>
                </c:pt>
                <c:pt idx="1515">
                  <c:v>15.116</c:v>
                </c:pt>
                <c:pt idx="1516">
                  <c:v>15.127000000000001</c:v>
                </c:pt>
                <c:pt idx="1517">
                  <c:v>15.137</c:v>
                </c:pt>
                <c:pt idx="1518">
                  <c:v>15.146000000000001</c:v>
                </c:pt>
                <c:pt idx="1519">
                  <c:v>15.157</c:v>
                </c:pt>
                <c:pt idx="1520">
                  <c:v>15.167</c:v>
                </c:pt>
                <c:pt idx="1521">
                  <c:v>15.176</c:v>
                </c:pt>
                <c:pt idx="1522">
                  <c:v>15.186</c:v>
                </c:pt>
                <c:pt idx="1523">
                  <c:v>15.196999999999999</c:v>
                </c:pt>
                <c:pt idx="1524">
                  <c:v>15.206</c:v>
                </c:pt>
                <c:pt idx="1525">
                  <c:v>15.217000000000001</c:v>
                </c:pt>
                <c:pt idx="1526">
                  <c:v>15.227</c:v>
                </c:pt>
                <c:pt idx="1527">
                  <c:v>15.236000000000001</c:v>
                </c:pt>
                <c:pt idx="1528">
                  <c:v>15.247</c:v>
                </c:pt>
                <c:pt idx="1529">
                  <c:v>15.256</c:v>
                </c:pt>
                <c:pt idx="1530">
                  <c:v>15.266</c:v>
                </c:pt>
                <c:pt idx="1531">
                  <c:v>15.276999999999999</c:v>
                </c:pt>
                <c:pt idx="1532">
                  <c:v>15.287000000000001</c:v>
                </c:pt>
                <c:pt idx="1533">
                  <c:v>15.295999999999999</c:v>
                </c:pt>
                <c:pt idx="1534">
                  <c:v>15.307</c:v>
                </c:pt>
                <c:pt idx="1535">
                  <c:v>15.317</c:v>
                </c:pt>
                <c:pt idx="1536">
                  <c:v>15.326000000000001</c:v>
                </c:pt>
                <c:pt idx="1537">
                  <c:v>15.337</c:v>
                </c:pt>
                <c:pt idx="1538">
                  <c:v>15.348000000000001</c:v>
                </c:pt>
                <c:pt idx="1539">
                  <c:v>15.356999999999999</c:v>
                </c:pt>
                <c:pt idx="1540">
                  <c:v>15.368</c:v>
                </c:pt>
                <c:pt idx="1541">
                  <c:v>15.377000000000001</c:v>
                </c:pt>
                <c:pt idx="1542">
                  <c:v>15.387</c:v>
                </c:pt>
                <c:pt idx="1543">
                  <c:v>15.396000000000001</c:v>
                </c:pt>
                <c:pt idx="1544">
                  <c:v>15.407</c:v>
                </c:pt>
                <c:pt idx="1545">
                  <c:v>15.417</c:v>
                </c:pt>
                <c:pt idx="1546">
                  <c:v>15.428000000000001</c:v>
                </c:pt>
                <c:pt idx="1547">
                  <c:v>15.436999999999999</c:v>
                </c:pt>
                <c:pt idx="1548">
                  <c:v>15.448</c:v>
                </c:pt>
                <c:pt idx="1549">
                  <c:v>15.457000000000001</c:v>
                </c:pt>
                <c:pt idx="1550">
                  <c:v>15.468</c:v>
                </c:pt>
                <c:pt idx="1551">
                  <c:v>15.477</c:v>
                </c:pt>
                <c:pt idx="1552">
                  <c:v>15.488</c:v>
                </c:pt>
                <c:pt idx="1553">
                  <c:v>15.497999999999999</c:v>
                </c:pt>
                <c:pt idx="1554">
                  <c:v>15.507</c:v>
                </c:pt>
                <c:pt idx="1555">
                  <c:v>15.518000000000001</c:v>
                </c:pt>
                <c:pt idx="1556">
                  <c:v>15.526999999999999</c:v>
                </c:pt>
                <c:pt idx="1557">
                  <c:v>15.538</c:v>
                </c:pt>
                <c:pt idx="1558">
                  <c:v>15.547000000000001</c:v>
                </c:pt>
                <c:pt idx="1559">
                  <c:v>15.558</c:v>
                </c:pt>
                <c:pt idx="1560">
                  <c:v>15.567</c:v>
                </c:pt>
                <c:pt idx="1561">
                  <c:v>15.577999999999999</c:v>
                </c:pt>
                <c:pt idx="1562">
                  <c:v>15.587</c:v>
                </c:pt>
                <c:pt idx="1563">
                  <c:v>15.597</c:v>
                </c:pt>
                <c:pt idx="1564">
                  <c:v>15.606</c:v>
                </c:pt>
                <c:pt idx="1565">
                  <c:v>15.617000000000001</c:v>
                </c:pt>
                <c:pt idx="1566">
                  <c:v>15.625999999999999</c:v>
                </c:pt>
                <c:pt idx="1567">
                  <c:v>15.637</c:v>
                </c:pt>
                <c:pt idx="1568">
                  <c:v>15.647</c:v>
                </c:pt>
                <c:pt idx="1569">
                  <c:v>15.657</c:v>
                </c:pt>
                <c:pt idx="1570">
                  <c:v>15.667</c:v>
                </c:pt>
                <c:pt idx="1571">
                  <c:v>15.677</c:v>
                </c:pt>
                <c:pt idx="1572">
                  <c:v>15.686999999999999</c:v>
                </c:pt>
                <c:pt idx="1573">
                  <c:v>15.696999999999999</c:v>
                </c:pt>
                <c:pt idx="1574">
                  <c:v>15.708</c:v>
                </c:pt>
                <c:pt idx="1575">
                  <c:v>15.717000000000001</c:v>
                </c:pt>
                <c:pt idx="1576">
                  <c:v>15.727</c:v>
                </c:pt>
                <c:pt idx="1577">
                  <c:v>15.736000000000001</c:v>
                </c:pt>
                <c:pt idx="1578">
                  <c:v>15.747</c:v>
                </c:pt>
                <c:pt idx="1579">
                  <c:v>15.757</c:v>
                </c:pt>
                <c:pt idx="1580">
                  <c:v>15.766999999999999</c:v>
                </c:pt>
                <c:pt idx="1581">
                  <c:v>15.776</c:v>
                </c:pt>
                <c:pt idx="1582">
                  <c:v>15.787000000000001</c:v>
                </c:pt>
                <c:pt idx="1583">
                  <c:v>15.797000000000001</c:v>
                </c:pt>
                <c:pt idx="1584">
                  <c:v>15.805999999999999</c:v>
                </c:pt>
                <c:pt idx="1585">
                  <c:v>15.816000000000001</c:v>
                </c:pt>
                <c:pt idx="1586">
                  <c:v>15.826000000000001</c:v>
                </c:pt>
                <c:pt idx="1587">
                  <c:v>15.836</c:v>
                </c:pt>
                <c:pt idx="1588">
                  <c:v>15.847</c:v>
                </c:pt>
                <c:pt idx="1589">
                  <c:v>15.856999999999999</c:v>
                </c:pt>
                <c:pt idx="1590">
                  <c:v>15.867000000000001</c:v>
                </c:pt>
                <c:pt idx="1591">
                  <c:v>15.877000000000001</c:v>
                </c:pt>
                <c:pt idx="1592">
                  <c:v>15.887</c:v>
                </c:pt>
                <c:pt idx="1593">
                  <c:v>15.896000000000001</c:v>
                </c:pt>
                <c:pt idx="1594">
                  <c:v>15.906000000000001</c:v>
                </c:pt>
                <c:pt idx="1595">
                  <c:v>15.917</c:v>
                </c:pt>
                <c:pt idx="1596">
                  <c:v>15.926</c:v>
                </c:pt>
                <c:pt idx="1597">
                  <c:v>15.936</c:v>
                </c:pt>
                <c:pt idx="1598">
                  <c:v>15.946</c:v>
                </c:pt>
                <c:pt idx="1599">
                  <c:v>15.957000000000001</c:v>
                </c:pt>
                <c:pt idx="1600">
                  <c:v>15.967000000000001</c:v>
                </c:pt>
                <c:pt idx="1601">
                  <c:v>15.976000000000001</c:v>
                </c:pt>
                <c:pt idx="1602">
                  <c:v>15.986000000000001</c:v>
                </c:pt>
                <c:pt idx="1603">
                  <c:v>15.997</c:v>
                </c:pt>
                <c:pt idx="1604">
                  <c:v>16.007000000000001</c:v>
                </c:pt>
                <c:pt idx="1605">
                  <c:v>16.016999999999999</c:v>
                </c:pt>
                <c:pt idx="1606">
                  <c:v>16.027000000000001</c:v>
                </c:pt>
                <c:pt idx="1607">
                  <c:v>16.036999999999999</c:v>
                </c:pt>
                <c:pt idx="1608">
                  <c:v>16.047000000000001</c:v>
                </c:pt>
                <c:pt idx="1609">
                  <c:v>16.056999999999999</c:v>
                </c:pt>
                <c:pt idx="1610">
                  <c:v>16.065999999999999</c:v>
                </c:pt>
                <c:pt idx="1611">
                  <c:v>16.076000000000001</c:v>
                </c:pt>
                <c:pt idx="1612">
                  <c:v>16.085999999999999</c:v>
                </c:pt>
                <c:pt idx="1613">
                  <c:v>16.097000000000001</c:v>
                </c:pt>
                <c:pt idx="1614">
                  <c:v>16.106000000000002</c:v>
                </c:pt>
                <c:pt idx="1615">
                  <c:v>16.116</c:v>
                </c:pt>
                <c:pt idx="1616">
                  <c:v>16.126999999999999</c:v>
                </c:pt>
                <c:pt idx="1617">
                  <c:v>16.137</c:v>
                </c:pt>
                <c:pt idx="1618">
                  <c:v>16.146000000000001</c:v>
                </c:pt>
                <c:pt idx="1619">
                  <c:v>16.155999999999999</c:v>
                </c:pt>
                <c:pt idx="1620">
                  <c:v>16.167000000000002</c:v>
                </c:pt>
                <c:pt idx="1621">
                  <c:v>16.175999999999998</c:v>
                </c:pt>
                <c:pt idx="1622">
                  <c:v>16.186</c:v>
                </c:pt>
                <c:pt idx="1623">
                  <c:v>16.196999999999999</c:v>
                </c:pt>
                <c:pt idx="1624">
                  <c:v>16.206</c:v>
                </c:pt>
                <c:pt idx="1625">
                  <c:v>16.216999999999999</c:v>
                </c:pt>
                <c:pt idx="1626">
                  <c:v>16.225999999999999</c:v>
                </c:pt>
                <c:pt idx="1627">
                  <c:v>16.236000000000001</c:v>
                </c:pt>
                <c:pt idx="1628">
                  <c:v>16.245999999999999</c:v>
                </c:pt>
                <c:pt idx="1629">
                  <c:v>16.254999999999999</c:v>
                </c:pt>
                <c:pt idx="1630">
                  <c:v>16.265999999999998</c:v>
                </c:pt>
                <c:pt idx="1631">
                  <c:v>16.276</c:v>
                </c:pt>
                <c:pt idx="1632">
                  <c:v>16.285</c:v>
                </c:pt>
                <c:pt idx="1633">
                  <c:v>16.295999999999999</c:v>
                </c:pt>
                <c:pt idx="1634">
                  <c:v>16.306000000000001</c:v>
                </c:pt>
                <c:pt idx="1635">
                  <c:v>16.315999999999999</c:v>
                </c:pt>
                <c:pt idx="1636">
                  <c:v>16.326000000000001</c:v>
                </c:pt>
                <c:pt idx="1637">
                  <c:v>16.335999999999999</c:v>
                </c:pt>
                <c:pt idx="1638">
                  <c:v>16.346</c:v>
                </c:pt>
                <c:pt idx="1639">
                  <c:v>16.356000000000002</c:v>
                </c:pt>
                <c:pt idx="1640">
                  <c:v>16.366</c:v>
                </c:pt>
                <c:pt idx="1641">
                  <c:v>16.376000000000001</c:v>
                </c:pt>
                <c:pt idx="1642">
                  <c:v>16.385000000000002</c:v>
                </c:pt>
                <c:pt idx="1643">
                  <c:v>16.395</c:v>
                </c:pt>
                <c:pt idx="1644">
                  <c:v>16.405000000000001</c:v>
                </c:pt>
                <c:pt idx="1645">
                  <c:v>16.414999999999999</c:v>
                </c:pt>
                <c:pt idx="1646">
                  <c:v>16.425000000000001</c:v>
                </c:pt>
                <c:pt idx="1647">
                  <c:v>16.434999999999999</c:v>
                </c:pt>
                <c:pt idx="1648">
                  <c:v>16.443999999999999</c:v>
                </c:pt>
                <c:pt idx="1649">
                  <c:v>16.454999999999998</c:v>
                </c:pt>
                <c:pt idx="1650">
                  <c:v>16.465</c:v>
                </c:pt>
                <c:pt idx="1651">
                  <c:v>16.475000000000001</c:v>
                </c:pt>
                <c:pt idx="1652">
                  <c:v>16.484000000000002</c:v>
                </c:pt>
                <c:pt idx="1653">
                  <c:v>16.495000000000001</c:v>
                </c:pt>
                <c:pt idx="1654">
                  <c:v>16.504999999999999</c:v>
                </c:pt>
                <c:pt idx="1655">
                  <c:v>16.515999999999998</c:v>
                </c:pt>
                <c:pt idx="1656">
                  <c:v>16.524999999999999</c:v>
                </c:pt>
                <c:pt idx="1657">
                  <c:v>16.535</c:v>
                </c:pt>
                <c:pt idx="1658">
                  <c:v>16.545999999999999</c:v>
                </c:pt>
                <c:pt idx="1659">
                  <c:v>16.555</c:v>
                </c:pt>
                <c:pt idx="1660">
                  <c:v>16.564</c:v>
                </c:pt>
                <c:pt idx="1661">
                  <c:v>16.574999999999999</c:v>
                </c:pt>
                <c:pt idx="1662">
                  <c:v>16.584</c:v>
                </c:pt>
                <c:pt idx="1663">
                  <c:v>16.594999999999999</c:v>
                </c:pt>
                <c:pt idx="1664">
                  <c:v>16.603999999999999</c:v>
                </c:pt>
                <c:pt idx="1665">
                  <c:v>16.614000000000001</c:v>
                </c:pt>
                <c:pt idx="1666">
                  <c:v>16.623999999999999</c:v>
                </c:pt>
                <c:pt idx="1667">
                  <c:v>16.635000000000002</c:v>
                </c:pt>
                <c:pt idx="1668">
                  <c:v>16.643999999999998</c:v>
                </c:pt>
                <c:pt idx="1669">
                  <c:v>16.654</c:v>
                </c:pt>
                <c:pt idx="1670">
                  <c:v>16.664000000000001</c:v>
                </c:pt>
                <c:pt idx="1671">
                  <c:v>16.673999999999999</c:v>
                </c:pt>
                <c:pt idx="1672">
                  <c:v>16.684000000000001</c:v>
                </c:pt>
                <c:pt idx="1673">
                  <c:v>16.693999999999999</c:v>
                </c:pt>
                <c:pt idx="1674">
                  <c:v>16.704999999999998</c:v>
                </c:pt>
                <c:pt idx="1675">
                  <c:v>16.713999999999999</c:v>
                </c:pt>
                <c:pt idx="1676">
                  <c:v>16.724</c:v>
                </c:pt>
                <c:pt idx="1677">
                  <c:v>16.734000000000002</c:v>
                </c:pt>
                <c:pt idx="1678">
                  <c:v>16.744</c:v>
                </c:pt>
                <c:pt idx="1679">
                  <c:v>16.754000000000001</c:v>
                </c:pt>
                <c:pt idx="1680">
                  <c:v>16.763999999999999</c:v>
                </c:pt>
                <c:pt idx="1681">
                  <c:v>16.773</c:v>
                </c:pt>
                <c:pt idx="1682">
                  <c:v>16.783999999999999</c:v>
                </c:pt>
                <c:pt idx="1683">
                  <c:v>16.794</c:v>
                </c:pt>
                <c:pt idx="1684">
                  <c:v>16.803999999999998</c:v>
                </c:pt>
                <c:pt idx="1685">
                  <c:v>16.815000000000001</c:v>
                </c:pt>
                <c:pt idx="1686">
                  <c:v>16.824000000000002</c:v>
                </c:pt>
                <c:pt idx="1687">
                  <c:v>16.834</c:v>
                </c:pt>
                <c:pt idx="1688">
                  <c:v>16.844999999999999</c:v>
                </c:pt>
                <c:pt idx="1689">
                  <c:v>16.853999999999999</c:v>
                </c:pt>
                <c:pt idx="1690">
                  <c:v>16.864999999999998</c:v>
                </c:pt>
                <c:pt idx="1691">
                  <c:v>16.873999999999999</c:v>
                </c:pt>
                <c:pt idx="1692">
                  <c:v>16.884</c:v>
                </c:pt>
                <c:pt idx="1693">
                  <c:v>16.895</c:v>
                </c:pt>
                <c:pt idx="1694">
                  <c:v>16.904</c:v>
                </c:pt>
                <c:pt idx="1695">
                  <c:v>16.914000000000001</c:v>
                </c:pt>
                <c:pt idx="1696">
                  <c:v>16.923999999999999</c:v>
                </c:pt>
                <c:pt idx="1697">
                  <c:v>16.934000000000001</c:v>
                </c:pt>
                <c:pt idx="1698">
                  <c:v>16.943999999999999</c:v>
                </c:pt>
                <c:pt idx="1699">
                  <c:v>16.954000000000001</c:v>
                </c:pt>
                <c:pt idx="1700">
                  <c:v>16.963999999999999</c:v>
                </c:pt>
                <c:pt idx="1701">
                  <c:v>16.974</c:v>
                </c:pt>
                <c:pt idx="1702">
                  <c:v>16.984000000000002</c:v>
                </c:pt>
                <c:pt idx="1703">
                  <c:v>17.027999999999999</c:v>
                </c:pt>
                <c:pt idx="1704">
                  <c:v>17.038</c:v>
                </c:pt>
                <c:pt idx="1705">
                  <c:v>17.047999999999998</c:v>
                </c:pt>
                <c:pt idx="1706">
                  <c:v>17.058</c:v>
                </c:pt>
                <c:pt idx="1707">
                  <c:v>17.068000000000001</c:v>
                </c:pt>
                <c:pt idx="1708">
                  <c:v>17.077999999999999</c:v>
                </c:pt>
                <c:pt idx="1709">
                  <c:v>17.087</c:v>
                </c:pt>
                <c:pt idx="1710">
                  <c:v>17.097999999999999</c:v>
                </c:pt>
                <c:pt idx="1711">
                  <c:v>17.108000000000001</c:v>
                </c:pt>
                <c:pt idx="1712">
                  <c:v>17.117999999999999</c:v>
                </c:pt>
                <c:pt idx="1713">
                  <c:v>17.128</c:v>
                </c:pt>
                <c:pt idx="1714">
                  <c:v>17.138999999999999</c:v>
                </c:pt>
                <c:pt idx="1715">
                  <c:v>17.148</c:v>
                </c:pt>
                <c:pt idx="1716">
                  <c:v>17.158000000000001</c:v>
                </c:pt>
                <c:pt idx="1717">
                  <c:v>17.169</c:v>
                </c:pt>
                <c:pt idx="1718">
                  <c:v>17.178999999999998</c:v>
                </c:pt>
                <c:pt idx="1719">
                  <c:v>17.187999999999999</c:v>
                </c:pt>
                <c:pt idx="1720">
                  <c:v>17.199000000000002</c:v>
                </c:pt>
                <c:pt idx="1721">
                  <c:v>17.207999999999998</c:v>
                </c:pt>
                <c:pt idx="1722">
                  <c:v>17.218</c:v>
                </c:pt>
                <c:pt idx="1723">
                  <c:v>17.228000000000002</c:v>
                </c:pt>
                <c:pt idx="1724">
                  <c:v>17.239000000000001</c:v>
                </c:pt>
                <c:pt idx="1725">
                  <c:v>17.248000000000001</c:v>
                </c:pt>
                <c:pt idx="1726">
                  <c:v>17.257999999999999</c:v>
                </c:pt>
                <c:pt idx="1727">
                  <c:v>17.268000000000001</c:v>
                </c:pt>
                <c:pt idx="1728">
                  <c:v>17.277999999999999</c:v>
                </c:pt>
                <c:pt idx="1729">
                  <c:v>17.288</c:v>
                </c:pt>
                <c:pt idx="1730">
                  <c:v>17.297999999999998</c:v>
                </c:pt>
                <c:pt idx="1731">
                  <c:v>17.308</c:v>
                </c:pt>
                <c:pt idx="1732">
                  <c:v>17.318000000000001</c:v>
                </c:pt>
                <c:pt idx="1733">
                  <c:v>17.329000000000001</c:v>
                </c:pt>
                <c:pt idx="1734">
                  <c:v>17.338999999999999</c:v>
                </c:pt>
                <c:pt idx="1735">
                  <c:v>17.349</c:v>
                </c:pt>
                <c:pt idx="1736">
                  <c:v>17.358000000000001</c:v>
                </c:pt>
                <c:pt idx="1737">
                  <c:v>17.369</c:v>
                </c:pt>
                <c:pt idx="1738">
                  <c:v>17.378</c:v>
                </c:pt>
                <c:pt idx="1739">
                  <c:v>17.388999999999999</c:v>
                </c:pt>
                <c:pt idx="1740">
                  <c:v>17.399000000000001</c:v>
                </c:pt>
                <c:pt idx="1741">
                  <c:v>17.408999999999999</c:v>
                </c:pt>
                <c:pt idx="1742">
                  <c:v>17.417999999999999</c:v>
                </c:pt>
                <c:pt idx="1743">
                  <c:v>17.428000000000001</c:v>
                </c:pt>
                <c:pt idx="1744">
                  <c:v>17.439</c:v>
                </c:pt>
                <c:pt idx="1745">
                  <c:v>17.448</c:v>
                </c:pt>
                <c:pt idx="1746">
                  <c:v>17.457999999999998</c:v>
                </c:pt>
                <c:pt idx="1747">
                  <c:v>17.468</c:v>
                </c:pt>
                <c:pt idx="1748">
                  <c:v>17.478000000000002</c:v>
                </c:pt>
                <c:pt idx="1749">
                  <c:v>17.488</c:v>
                </c:pt>
                <c:pt idx="1750">
                  <c:v>17.498999999999999</c:v>
                </c:pt>
                <c:pt idx="1751">
                  <c:v>17.509</c:v>
                </c:pt>
                <c:pt idx="1752">
                  <c:v>17.518000000000001</c:v>
                </c:pt>
                <c:pt idx="1753">
                  <c:v>17.527999999999999</c:v>
                </c:pt>
                <c:pt idx="1754">
                  <c:v>17.539000000000001</c:v>
                </c:pt>
                <c:pt idx="1755">
                  <c:v>17.547999999999998</c:v>
                </c:pt>
                <c:pt idx="1756">
                  <c:v>17.556999999999999</c:v>
                </c:pt>
                <c:pt idx="1757">
                  <c:v>17.567</c:v>
                </c:pt>
                <c:pt idx="1758">
                  <c:v>17.577999999999999</c:v>
                </c:pt>
                <c:pt idx="1759">
                  <c:v>17.587</c:v>
                </c:pt>
                <c:pt idx="1760">
                  <c:v>17.597000000000001</c:v>
                </c:pt>
                <c:pt idx="1761">
                  <c:v>17.608000000000001</c:v>
                </c:pt>
                <c:pt idx="1762">
                  <c:v>17.617000000000001</c:v>
                </c:pt>
                <c:pt idx="1763">
                  <c:v>17.626000000000001</c:v>
                </c:pt>
                <c:pt idx="1764">
                  <c:v>17.637</c:v>
                </c:pt>
                <c:pt idx="1765">
                  <c:v>17.646000000000001</c:v>
                </c:pt>
                <c:pt idx="1766">
                  <c:v>17.657</c:v>
                </c:pt>
                <c:pt idx="1767">
                  <c:v>17.666</c:v>
                </c:pt>
                <c:pt idx="1768">
                  <c:v>17.677</c:v>
                </c:pt>
                <c:pt idx="1769">
                  <c:v>17.687000000000001</c:v>
                </c:pt>
                <c:pt idx="1770">
                  <c:v>17.696999999999999</c:v>
                </c:pt>
                <c:pt idx="1771">
                  <c:v>17.707000000000001</c:v>
                </c:pt>
                <c:pt idx="1772">
                  <c:v>17.718</c:v>
                </c:pt>
                <c:pt idx="1773">
                  <c:v>17.727</c:v>
                </c:pt>
                <c:pt idx="1774">
                  <c:v>17.736999999999998</c:v>
                </c:pt>
                <c:pt idx="1775">
                  <c:v>17.747</c:v>
                </c:pt>
                <c:pt idx="1776">
                  <c:v>17.757000000000001</c:v>
                </c:pt>
                <c:pt idx="1777">
                  <c:v>17.765999999999998</c:v>
                </c:pt>
                <c:pt idx="1778">
                  <c:v>17.777000000000001</c:v>
                </c:pt>
                <c:pt idx="1779">
                  <c:v>17.786999999999999</c:v>
                </c:pt>
                <c:pt idx="1780">
                  <c:v>17.795999999999999</c:v>
                </c:pt>
                <c:pt idx="1781">
                  <c:v>17.806999999999999</c:v>
                </c:pt>
                <c:pt idx="1782">
                  <c:v>17.817</c:v>
                </c:pt>
                <c:pt idx="1783">
                  <c:v>17.826000000000001</c:v>
                </c:pt>
                <c:pt idx="1784">
                  <c:v>17.837</c:v>
                </c:pt>
                <c:pt idx="1785">
                  <c:v>17.846</c:v>
                </c:pt>
                <c:pt idx="1786">
                  <c:v>17.856000000000002</c:v>
                </c:pt>
                <c:pt idx="1787">
                  <c:v>17.867000000000001</c:v>
                </c:pt>
                <c:pt idx="1788">
                  <c:v>17.876000000000001</c:v>
                </c:pt>
                <c:pt idx="1789">
                  <c:v>17.885999999999999</c:v>
                </c:pt>
                <c:pt idx="1790">
                  <c:v>17.895</c:v>
                </c:pt>
                <c:pt idx="1791">
                  <c:v>17.905999999999999</c:v>
                </c:pt>
                <c:pt idx="1792">
                  <c:v>17.916</c:v>
                </c:pt>
                <c:pt idx="1793">
                  <c:v>17.925000000000001</c:v>
                </c:pt>
                <c:pt idx="1794">
                  <c:v>17.934999999999999</c:v>
                </c:pt>
                <c:pt idx="1795">
                  <c:v>17.946000000000002</c:v>
                </c:pt>
                <c:pt idx="1796">
                  <c:v>17.954999999999998</c:v>
                </c:pt>
                <c:pt idx="1797">
                  <c:v>17.966000000000001</c:v>
                </c:pt>
                <c:pt idx="1798">
                  <c:v>17.975000000000001</c:v>
                </c:pt>
                <c:pt idx="1799">
                  <c:v>17.984999999999999</c:v>
                </c:pt>
                <c:pt idx="1800">
                  <c:v>17.995999999999999</c:v>
                </c:pt>
                <c:pt idx="1801">
                  <c:v>18.004999999999999</c:v>
                </c:pt>
                <c:pt idx="1802">
                  <c:v>18.015000000000001</c:v>
                </c:pt>
                <c:pt idx="1803">
                  <c:v>18.026</c:v>
                </c:pt>
                <c:pt idx="1804">
                  <c:v>18.035</c:v>
                </c:pt>
                <c:pt idx="1805">
                  <c:v>18.045000000000002</c:v>
                </c:pt>
                <c:pt idx="1806">
                  <c:v>18.055</c:v>
                </c:pt>
                <c:pt idx="1807">
                  <c:v>18.062999999999999</c:v>
                </c:pt>
                <c:pt idx="1808">
                  <c:v>18.073</c:v>
                </c:pt>
                <c:pt idx="1809">
                  <c:v>18.082000000000001</c:v>
                </c:pt>
                <c:pt idx="1810">
                  <c:v>18.091999999999999</c:v>
                </c:pt>
                <c:pt idx="1811">
                  <c:v>18.100999999999999</c:v>
                </c:pt>
                <c:pt idx="1812">
                  <c:v>18.111000000000001</c:v>
                </c:pt>
                <c:pt idx="1813">
                  <c:v>18.122</c:v>
                </c:pt>
                <c:pt idx="1814">
                  <c:v>18.131</c:v>
                </c:pt>
                <c:pt idx="1815">
                  <c:v>18.141999999999999</c:v>
                </c:pt>
                <c:pt idx="1816">
                  <c:v>18.151</c:v>
                </c:pt>
                <c:pt idx="1817">
                  <c:v>18.161999999999999</c:v>
                </c:pt>
                <c:pt idx="1818">
                  <c:v>18.172999999999998</c:v>
                </c:pt>
                <c:pt idx="1819">
                  <c:v>18.181999999999999</c:v>
                </c:pt>
                <c:pt idx="1820">
                  <c:v>18.192</c:v>
                </c:pt>
                <c:pt idx="1821">
                  <c:v>18.201000000000001</c:v>
                </c:pt>
                <c:pt idx="1822">
                  <c:v>18.212</c:v>
                </c:pt>
                <c:pt idx="1823">
                  <c:v>18.221</c:v>
                </c:pt>
                <c:pt idx="1824">
                  <c:v>18.231000000000002</c:v>
                </c:pt>
                <c:pt idx="1825">
                  <c:v>18.242000000000001</c:v>
                </c:pt>
                <c:pt idx="1826">
                  <c:v>18.251000000000001</c:v>
                </c:pt>
                <c:pt idx="1827">
                  <c:v>18.262</c:v>
                </c:pt>
                <c:pt idx="1828">
                  <c:v>18.271000000000001</c:v>
                </c:pt>
                <c:pt idx="1829">
                  <c:v>18.282</c:v>
                </c:pt>
                <c:pt idx="1830">
                  <c:v>18.292000000000002</c:v>
                </c:pt>
                <c:pt idx="1831">
                  <c:v>18.302</c:v>
                </c:pt>
                <c:pt idx="1832">
                  <c:v>18.312000000000001</c:v>
                </c:pt>
                <c:pt idx="1833">
                  <c:v>18.323</c:v>
                </c:pt>
                <c:pt idx="1834">
                  <c:v>18.335999999999999</c:v>
                </c:pt>
                <c:pt idx="1835">
                  <c:v>18.346</c:v>
                </c:pt>
                <c:pt idx="1836">
                  <c:v>18.358000000000001</c:v>
                </c:pt>
                <c:pt idx="1837">
                  <c:v>18.37</c:v>
                </c:pt>
                <c:pt idx="1838">
                  <c:v>18.38</c:v>
                </c:pt>
                <c:pt idx="1839">
                  <c:v>18.39</c:v>
                </c:pt>
                <c:pt idx="1840">
                  <c:v>18.399999999999999</c:v>
                </c:pt>
                <c:pt idx="1841">
                  <c:v>18.41</c:v>
                </c:pt>
                <c:pt idx="1842">
                  <c:v>18.419</c:v>
                </c:pt>
                <c:pt idx="1843">
                  <c:v>18.428999999999998</c:v>
                </c:pt>
                <c:pt idx="1844">
                  <c:v>18.439</c:v>
                </c:pt>
                <c:pt idx="1845">
                  <c:v>18.449000000000002</c:v>
                </c:pt>
                <c:pt idx="1846">
                  <c:v>18.46</c:v>
                </c:pt>
                <c:pt idx="1847">
                  <c:v>18.469000000000001</c:v>
                </c:pt>
                <c:pt idx="1848">
                  <c:v>18.48</c:v>
                </c:pt>
                <c:pt idx="1849">
                  <c:v>18.491</c:v>
                </c:pt>
                <c:pt idx="1850">
                  <c:v>18.5</c:v>
                </c:pt>
                <c:pt idx="1851">
                  <c:v>18.510000000000002</c:v>
                </c:pt>
                <c:pt idx="1852">
                  <c:v>18.521000000000001</c:v>
                </c:pt>
                <c:pt idx="1853">
                  <c:v>18.53</c:v>
                </c:pt>
                <c:pt idx="1854">
                  <c:v>18.54</c:v>
                </c:pt>
                <c:pt idx="1855">
                  <c:v>18.55</c:v>
                </c:pt>
                <c:pt idx="1856">
                  <c:v>18.559000000000001</c:v>
                </c:pt>
                <c:pt idx="1857">
                  <c:v>18.57</c:v>
                </c:pt>
                <c:pt idx="1858">
                  <c:v>18.579000000000001</c:v>
                </c:pt>
                <c:pt idx="1859">
                  <c:v>18.59</c:v>
                </c:pt>
                <c:pt idx="1860">
                  <c:v>18.599</c:v>
                </c:pt>
                <c:pt idx="1861">
                  <c:v>18.609000000000002</c:v>
                </c:pt>
                <c:pt idx="1862">
                  <c:v>18.619</c:v>
                </c:pt>
                <c:pt idx="1863">
                  <c:v>18.629000000000001</c:v>
                </c:pt>
                <c:pt idx="1864">
                  <c:v>18.638999999999999</c:v>
                </c:pt>
                <c:pt idx="1865">
                  <c:v>18.649000000000001</c:v>
                </c:pt>
                <c:pt idx="1866">
                  <c:v>18.658999999999999</c:v>
                </c:pt>
                <c:pt idx="1867">
                  <c:v>18.669</c:v>
                </c:pt>
                <c:pt idx="1868">
                  <c:v>18.678999999999998</c:v>
                </c:pt>
                <c:pt idx="1869">
                  <c:v>18.689</c:v>
                </c:pt>
                <c:pt idx="1870">
                  <c:v>18.699000000000002</c:v>
                </c:pt>
                <c:pt idx="1871">
                  <c:v>18.707999999999998</c:v>
                </c:pt>
                <c:pt idx="1872">
                  <c:v>18.707999999999998</c:v>
                </c:pt>
                <c:pt idx="1873">
                  <c:v>18.707999999999998</c:v>
                </c:pt>
                <c:pt idx="1874">
                  <c:v>18.707999999999998</c:v>
                </c:pt>
                <c:pt idx="1875">
                  <c:v>18.716000000000001</c:v>
                </c:pt>
                <c:pt idx="1876">
                  <c:v>18.725999999999999</c:v>
                </c:pt>
                <c:pt idx="1877">
                  <c:v>18.734999999999999</c:v>
                </c:pt>
                <c:pt idx="1878">
                  <c:v>18.744</c:v>
                </c:pt>
                <c:pt idx="1879">
                  <c:v>18.754999999999999</c:v>
                </c:pt>
                <c:pt idx="1880">
                  <c:v>18.763999999999999</c:v>
                </c:pt>
                <c:pt idx="1881">
                  <c:v>18.774000000000001</c:v>
                </c:pt>
                <c:pt idx="1882">
                  <c:v>18.785</c:v>
                </c:pt>
                <c:pt idx="1883">
                  <c:v>18.794</c:v>
                </c:pt>
                <c:pt idx="1884">
                  <c:v>18.805</c:v>
                </c:pt>
                <c:pt idx="1885">
                  <c:v>18.809000000000001</c:v>
                </c:pt>
                <c:pt idx="1886">
                  <c:v>18.809000000000001</c:v>
                </c:pt>
                <c:pt idx="1887">
                  <c:v>18.809000000000001</c:v>
                </c:pt>
                <c:pt idx="1888">
                  <c:v>18.809000000000001</c:v>
                </c:pt>
                <c:pt idx="1889">
                  <c:v>18.812000000000001</c:v>
                </c:pt>
                <c:pt idx="1890">
                  <c:v>18.821000000000002</c:v>
                </c:pt>
                <c:pt idx="1891">
                  <c:v>18.832000000000001</c:v>
                </c:pt>
                <c:pt idx="1892">
                  <c:v>18.841999999999999</c:v>
                </c:pt>
                <c:pt idx="1893">
                  <c:v>18.853000000000002</c:v>
                </c:pt>
                <c:pt idx="1894">
                  <c:v>18.861999999999998</c:v>
                </c:pt>
                <c:pt idx="1895">
                  <c:v>18.870999999999999</c:v>
                </c:pt>
                <c:pt idx="1896">
                  <c:v>18.882000000000001</c:v>
                </c:pt>
                <c:pt idx="1897">
                  <c:v>18.891999999999999</c:v>
                </c:pt>
                <c:pt idx="1898">
                  <c:v>18.901</c:v>
                </c:pt>
                <c:pt idx="1899">
                  <c:v>18.911999999999999</c:v>
                </c:pt>
                <c:pt idx="1900">
                  <c:v>18.920999999999999</c:v>
                </c:pt>
                <c:pt idx="1901">
                  <c:v>18.931000000000001</c:v>
                </c:pt>
                <c:pt idx="1902">
                  <c:v>18.942</c:v>
                </c:pt>
                <c:pt idx="1903">
                  <c:v>18.986000000000001</c:v>
                </c:pt>
                <c:pt idx="1904">
                  <c:v>18.995000000000001</c:v>
                </c:pt>
                <c:pt idx="1905">
                  <c:v>19.004999999999999</c:v>
                </c:pt>
                <c:pt idx="1906">
                  <c:v>19.015000000000001</c:v>
                </c:pt>
                <c:pt idx="1907">
                  <c:v>19.024999999999999</c:v>
                </c:pt>
                <c:pt idx="1908">
                  <c:v>19.035</c:v>
                </c:pt>
                <c:pt idx="1909">
                  <c:v>19.045000000000002</c:v>
                </c:pt>
                <c:pt idx="1910">
                  <c:v>19.055</c:v>
                </c:pt>
                <c:pt idx="1911">
                  <c:v>19.065000000000001</c:v>
                </c:pt>
                <c:pt idx="1912">
                  <c:v>19.074999999999999</c:v>
                </c:pt>
                <c:pt idx="1913">
                  <c:v>19.085000000000001</c:v>
                </c:pt>
                <c:pt idx="1914">
                  <c:v>19.094999999999999</c:v>
                </c:pt>
                <c:pt idx="1915">
                  <c:v>19.103999999999999</c:v>
                </c:pt>
                <c:pt idx="1916">
                  <c:v>19.114000000000001</c:v>
                </c:pt>
                <c:pt idx="1917">
                  <c:v>19.123999999999999</c:v>
                </c:pt>
                <c:pt idx="1918">
                  <c:v>19.134</c:v>
                </c:pt>
                <c:pt idx="1919">
                  <c:v>19.143999999999998</c:v>
                </c:pt>
                <c:pt idx="1920">
                  <c:v>19.152999999999999</c:v>
                </c:pt>
                <c:pt idx="1921">
                  <c:v>19.164000000000001</c:v>
                </c:pt>
                <c:pt idx="1922">
                  <c:v>19.172999999999998</c:v>
                </c:pt>
                <c:pt idx="1923">
                  <c:v>19.183</c:v>
                </c:pt>
                <c:pt idx="1924">
                  <c:v>19.193999999999999</c:v>
                </c:pt>
                <c:pt idx="1925">
                  <c:v>19.202999999999999</c:v>
                </c:pt>
                <c:pt idx="1926">
                  <c:v>19.213000000000001</c:v>
                </c:pt>
                <c:pt idx="1927">
                  <c:v>19.222999999999999</c:v>
                </c:pt>
                <c:pt idx="1928">
                  <c:v>19.233000000000001</c:v>
                </c:pt>
                <c:pt idx="1929">
                  <c:v>19.291</c:v>
                </c:pt>
                <c:pt idx="1930">
                  <c:v>19.309999999999999</c:v>
                </c:pt>
                <c:pt idx="1931">
                  <c:v>19.327000000000002</c:v>
                </c:pt>
                <c:pt idx="1932">
                  <c:v>19.343</c:v>
                </c:pt>
                <c:pt idx="1933">
                  <c:v>19.359000000000002</c:v>
                </c:pt>
                <c:pt idx="1934">
                  <c:v>19.375</c:v>
                </c:pt>
                <c:pt idx="1935">
                  <c:v>19.393000000000001</c:v>
                </c:pt>
                <c:pt idx="1936">
                  <c:v>19.408999999999999</c:v>
                </c:pt>
                <c:pt idx="1937">
                  <c:v>19.423999999999999</c:v>
                </c:pt>
                <c:pt idx="1938">
                  <c:v>19.439</c:v>
                </c:pt>
                <c:pt idx="1939">
                  <c:v>19.457999999999998</c:v>
                </c:pt>
                <c:pt idx="1940">
                  <c:v>19.474</c:v>
                </c:pt>
                <c:pt idx="1941">
                  <c:v>19.489999999999998</c:v>
                </c:pt>
                <c:pt idx="1942">
                  <c:v>19.507999999999999</c:v>
                </c:pt>
                <c:pt idx="1943">
                  <c:v>19.524999999999999</c:v>
                </c:pt>
                <c:pt idx="1944">
                  <c:v>19.588000000000001</c:v>
                </c:pt>
                <c:pt idx="1945">
                  <c:v>19.599</c:v>
                </c:pt>
                <c:pt idx="1946">
                  <c:v>19.608000000000001</c:v>
                </c:pt>
                <c:pt idx="1947">
                  <c:v>19.664000000000001</c:v>
                </c:pt>
                <c:pt idx="1948">
                  <c:v>19.672999999999998</c:v>
                </c:pt>
                <c:pt idx="1949">
                  <c:v>19.683</c:v>
                </c:pt>
                <c:pt idx="1950">
                  <c:v>19.693000000000001</c:v>
                </c:pt>
                <c:pt idx="1951">
                  <c:v>19.702999999999999</c:v>
                </c:pt>
                <c:pt idx="1952">
                  <c:v>19.713000000000001</c:v>
                </c:pt>
                <c:pt idx="1953">
                  <c:v>19.722999999999999</c:v>
                </c:pt>
                <c:pt idx="1954">
                  <c:v>19.733000000000001</c:v>
                </c:pt>
                <c:pt idx="1955">
                  <c:v>19.742999999999999</c:v>
                </c:pt>
                <c:pt idx="1956">
                  <c:v>19.753</c:v>
                </c:pt>
                <c:pt idx="1957">
                  <c:v>19.763000000000002</c:v>
                </c:pt>
                <c:pt idx="1958">
                  <c:v>19.771999999999998</c:v>
                </c:pt>
                <c:pt idx="1959">
                  <c:v>19.782</c:v>
                </c:pt>
                <c:pt idx="1960">
                  <c:v>19.792000000000002</c:v>
                </c:pt>
                <c:pt idx="1961">
                  <c:v>19.802</c:v>
                </c:pt>
                <c:pt idx="1962">
                  <c:v>19.812000000000001</c:v>
                </c:pt>
                <c:pt idx="1963">
                  <c:v>19.821999999999999</c:v>
                </c:pt>
                <c:pt idx="1964">
                  <c:v>19.832000000000001</c:v>
                </c:pt>
                <c:pt idx="1965">
                  <c:v>19.841999999999999</c:v>
                </c:pt>
                <c:pt idx="1966">
                  <c:v>19.853000000000002</c:v>
                </c:pt>
                <c:pt idx="1967">
                  <c:v>19.863</c:v>
                </c:pt>
                <c:pt idx="1968">
                  <c:v>19.873000000000001</c:v>
                </c:pt>
                <c:pt idx="1969">
                  <c:v>19.882999999999999</c:v>
                </c:pt>
                <c:pt idx="1970">
                  <c:v>19.891999999999999</c:v>
                </c:pt>
                <c:pt idx="1971">
                  <c:v>19.902000000000001</c:v>
                </c:pt>
                <c:pt idx="1972">
                  <c:v>19.913</c:v>
                </c:pt>
                <c:pt idx="1973">
                  <c:v>19.922000000000001</c:v>
                </c:pt>
                <c:pt idx="1974">
                  <c:v>19.933</c:v>
                </c:pt>
                <c:pt idx="1975">
                  <c:v>19.942</c:v>
                </c:pt>
                <c:pt idx="1976">
                  <c:v>19.952000000000002</c:v>
                </c:pt>
                <c:pt idx="1977">
                  <c:v>19.962</c:v>
                </c:pt>
                <c:pt idx="1978">
                  <c:v>19.972000000000001</c:v>
                </c:pt>
                <c:pt idx="1979">
                  <c:v>19.981999999999999</c:v>
                </c:pt>
                <c:pt idx="1980">
                  <c:v>19.992999999999999</c:v>
                </c:pt>
                <c:pt idx="1981">
                  <c:v>20.001999999999999</c:v>
                </c:pt>
                <c:pt idx="1982">
                  <c:v>20.012</c:v>
                </c:pt>
                <c:pt idx="1983">
                  <c:v>20.021999999999998</c:v>
                </c:pt>
                <c:pt idx="1984">
                  <c:v>20.033000000000001</c:v>
                </c:pt>
                <c:pt idx="1985">
                  <c:v>20.042999999999999</c:v>
                </c:pt>
                <c:pt idx="1986">
                  <c:v>20.053000000000001</c:v>
                </c:pt>
                <c:pt idx="1987">
                  <c:v>20.062000000000001</c:v>
                </c:pt>
                <c:pt idx="1988">
                  <c:v>20.071999999999999</c:v>
                </c:pt>
                <c:pt idx="1989">
                  <c:v>20.082000000000001</c:v>
                </c:pt>
                <c:pt idx="1990">
                  <c:v>20.091999999999999</c:v>
                </c:pt>
                <c:pt idx="1991">
                  <c:v>20.102</c:v>
                </c:pt>
                <c:pt idx="1992">
                  <c:v>20.111999999999998</c:v>
                </c:pt>
                <c:pt idx="1993">
                  <c:v>20.122</c:v>
                </c:pt>
                <c:pt idx="1994">
                  <c:v>20.131</c:v>
                </c:pt>
                <c:pt idx="1995">
                  <c:v>20.140999999999998</c:v>
                </c:pt>
                <c:pt idx="1996">
                  <c:v>20.152000000000001</c:v>
                </c:pt>
                <c:pt idx="1997">
                  <c:v>20.161999999999999</c:v>
                </c:pt>
                <c:pt idx="1998">
                  <c:v>20.172000000000001</c:v>
                </c:pt>
                <c:pt idx="1999">
                  <c:v>20.181999999999999</c:v>
                </c:pt>
                <c:pt idx="2000">
                  <c:v>20.190999999999999</c:v>
                </c:pt>
                <c:pt idx="2001">
                  <c:v>20.201000000000001</c:v>
                </c:pt>
                <c:pt idx="2002">
                  <c:v>20.212</c:v>
                </c:pt>
                <c:pt idx="2003">
                  <c:v>20.222000000000001</c:v>
                </c:pt>
                <c:pt idx="2004">
                  <c:v>20.231000000000002</c:v>
                </c:pt>
                <c:pt idx="2005">
                  <c:v>20.241</c:v>
                </c:pt>
                <c:pt idx="2006">
                  <c:v>20.251000000000001</c:v>
                </c:pt>
                <c:pt idx="2007">
                  <c:v>20.260999999999999</c:v>
                </c:pt>
                <c:pt idx="2008">
                  <c:v>20.271000000000001</c:v>
                </c:pt>
                <c:pt idx="2009">
                  <c:v>20.280999999999999</c:v>
                </c:pt>
                <c:pt idx="2010">
                  <c:v>20.291</c:v>
                </c:pt>
                <c:pt idx="2011">
                  <c:v>20.300999999999998</c:v>
                </c:pt>
                <c:pt idx="2012">
                  <c:v>20.311</c:v>
                </c:pt>
                <c:pt idx="2013">
                  <c:v>20.32</c:v>
                </c:pt>
                <c:pt idx="2014">
                  <c:v>20.329999999999998</c:v>
                </c:pt>
                <c:pt idx="2015">
                  <c:v>20.341000000000001</c:v>
                </c:pt>
                <c:pt idx="2016">
                  <c:v>20.350999999999999</c:v>
                </c:pt>
                <c:pt idx="2017">
                  <c:v>20.36</c:v>
                </c:pt>
                <c:pt idx="2018">
                  <c:v>20.37</c:v>
                </c:pt>
                <c:pt idx="2019">
                  <c:v>20.379000000000001</c:v>
                </c:pt>
                <c:pt idx="2020">
                  <c:v>20.388999999999999</c:v>
                </c:pt>
                <c:pt idx="2021">
                  <c:v>20.399999999999999</c:v>
                </c:pt>
                <c:pt idx="2022">
                  <c:v>20.408999999999999</c:v>
                </c:pt>
                <c:pt idx="2023">
                  <c:v>20.419</c:v>
                </c:pt>
                <c:pt idx="2024">
                  <c:v>20.428999999999998</c:v>
                </c:pt>
                <c:pt idx="2025">
                  <c:v>20.437999999999999</c:v>
                </c:pt>
                <c:pt idx="2026">
                  <c:v>20.448</c:v>
                </c:pt>
                <c:pt idx="2027">
                  <c:v>20.457999999999998</c:v>
                </c:pt>
                <c:pt idx="2028">
                  <c:v>20.468</c:v>
                </c:pt>
                <c:pt idx="2029">
                  <c:v>20.478000000000002</c:v>
                </c:pt>
                <c:pt idx="2030">
                  <c:v>20.486999999999998</c:v>
                </c:pt>
                <c:pt idx="2031">
                  <c:v>20.497</c:v>
                </c:pt>
                <c:pt idx="2032">
                  <c:v>20.507999999999999</c:v>
                </c:pt>
                <c:pt idx="2033">
                  <c:v>20.516999999999999</c:v>
                </c:pt>
                <c:pt idx="2034">
                  <c:v>20.527000000000001</c:v>
                </c:pt>
                <c:pt idx="2035">
                  <c:v>20.536999999999999</c:v>
                </c:pt>
                <c:pt idx="2036">
                  <c:v>20.544</c:v>
                </c:pt>
                <c:pt idx="2037">
                  <c:v>20.544</c:v>
                </c:pt>
                <c:pt idx="2038">
                  <c:v>20.544</c:v>
                </c:pt>
                <c:pt idx="2039">
                  <c:v>20.544</c:v>
                </c:pt>
                <c:pt idx="2040">
                  <c:v>20.547999999999998</c:v>
                </c:pt>
                <c:pt idx="2041">
                  <c:v>20.556999999999999</c:v>
                </c:pt>
                <c:pt idx="2042">
                  <c:v>20.565999999999999</c:v>
                </c:pt>
                <c:pt idx="2043">
                  <c:v>20.576000000000001</c:v>
                </c:pt>
                <c:pt idx="2044">
                  <c:v>20.585000000000001</c:v>
                </c:pt>
                <c:pt idx="2045">
                  <c:v>20.594999999999999</c:v>
                </c:pt>
                <c:pt idx="2046">
                  <c:v>20.603999999999999</c:v>
                </c:pt>
                <c:pt idx="2047">
                  <c:v>20.661000000000001</c:v>
                </c:pt>
                <c:pt idx="2048">
                  <c:v>20.670999999999999</c:v>
                </c:pt>
                <c:pt idx="2049">
                  <c:v>20.681000000000001</c:v>
                </c:pt>
                <c:pt idx="2050">
                  <c:v>20.69</c:v>
                </c:pt>
                <c:pt idx="2051">
                  <c:v>20.701000000000001</c:v>
                </c:pt>
                <c:pt idx="2052">
                  <c:v>20.71</c:v>
                </c:pt>
                <c:pt idx="2053">
                  <c:v>20.719000000000001</c:v>
                </c:pt>
                <c:pt idx="2054">
                  <c:v>20.73</c:v>
                </c:pt>
                <c:pt idx="2055">
                  <c:v>20.739000000000001</c:v>
                </c:pt>
                <c:pt idx="2056">
                  <c:v>20.748999999999999</c:v>
                </c:pt>
                <c:pt idx="2057">
                  <c:v>20.757999999999999</c:v>
                </c:pt>
                <c:pt idx="2058">
                  <c:v>20.768000000000001</c:v>
                </c:pt>
                <c:pt idx="2059">
                  <c:v>20.773</c:v>
                </c:pt>
                <c:pt idx="2060">
                  <c:v>20.773</c:v>
                </c:pt>
                <c:pt idx="2061">
                  <c:v>20.777000000000001</c:v>
                </c:pt>
                <c:pt idx="2062">
                  <c:v>20.786000000000001</c:v>
                </c:pt>
                <c:pt idx="2063">
                  <c:v>20.795000000000002</c:v>
                </c:pt>
                <c:pt idx="2064">
                  <c:v>20.805</c:v>
                </c:pt>
                <c:pt idx="2065">
                  <c:v>20.815000000000001</c:v>
                </c:pt>
                <c:pt idx="2066">
                  <c:v>20.824999999999999</c:v>
                </c:pt>
                <c:pt idx="2067">
                  <c:v>20.834</c:v>
                </c:pt>
                <c:pt idx="2068">
                  <c:v>20.844000000000001</c:v>
                </c:pt>
                <c:pt idx="2069">
                  <c:v>20.853000000000002</c:v>
                </c:pt>
                <c:pt idx="2070">
                  <c:v>20.864000000000001</c:v>
                </c:pt>
                <c:pt idx="2071">
                  <c:v>20.873999999999999</c:v>
                </c:pt>
                <c:pt idx="2072">
                  <c:v>20.882999999999999</c:v>
                </c:pt>
                <c:pt idx="2073">
                  <c:v>20.893000000000001</c:v>
                </c:pt>
                <c:pt idx="2074">
                  <c:v>20.902000000000001</c:v>
                </c:pt>
                <c:pt idx="2075">
                  <c:v>20.904</c:v>
                </c:pt>
                <c:pt idx="2076">
                  <c:v>20.904</c:v>
                </c:pt>
                <c:pt idx="2077">
                  <c:v>20.908999999999999</c:v>
                </c:pt>
                <c:pt idx="2078">
                  <c:v>20.917000000000002</c:v>
                </c:pt>
                <c:pt idx="2079">
                  <c:v>20.928000000000001</c:v>
                </c:pt>
                <c:pt idx="2080">
                  <c:v>20.937000000000001</c:v>
                </c:pt>
                <c:pt idx="2081">
                  <c:v>20.946000000000002</c:v>
                </c:pt>
                <c:pt idx="2082">
                  <c:v>20.956</c:v>
                </c:pt>
                <c:pt idx="2083">
                  <c:v>20.965</c:v>
                </c:pt>
                <c:pt idx="2084">
                  <c:v>20.975000000000001</c:v>
                </c:pt>
                <c:pt idx="2085">
                  <c:v>20.984999999999999</c:v>
                </c:pt>
                <c:pt idx="2086">
                  <c:v>20.995000000000001</c:v>
                </c:pt>
                <c:pt idx="2087">
                  <c:v>21.006</c:v>
                </c:pt>
                <c:pt idx="2088">
                  <c:v>21.015000000000001</c:v>
                </c:pt>
                <c:pt idx="2089">
                  <c:v>21.024999999999999</c:v>
                </c:pt>
                <c:pt idx="2090">
                  <c:v>21.035</c:v>
                </c:pt>
                <c:pt idx="2091">
                  <c:v>21.045000000000002</c:v>
                </c:pt>
                <c:pt idx="2092">
                  <c:v>21.053999999999998</c:v>
                </c:pt>
                <c:pt idx="2093">
                  <c:v>21.064</c:v>
                </c:pt>
                <c:pt idx="2094">
                  <c:v>21.074000000000002</c:v>
                </c:pt>
                <c:pt idx="2095">
                  <c:v>21.082999999999998</c:v>
                </c:pt>
                <c:pt idx="2096">
                  <c:v>21.091999999999999</c:v>
                </c:pt>
                <c:pt idx="2097">
                  <c:v>21.102</c:v>
                </c:pt>
                <c:pt idx="2098">
                  <c:v>21.113</c:v>
                </c:pt>
                <c:pt idx="2099">
                  <c:v>21.122</c:v>
                </c:pt>
                <c:pt idx="2100">
                  <c:v>21.131</c:v>
                </c:pt>
                <c:pt idx="2101">
                  <c:v>21.14</c:v>
                </c:pt>
                <c:pt idx="2102">
                  <c:v>21.151</c:v>
                </c:pt>
                <c:pt idx="2103">
                  <c:v>21.161000000000001</c:v>
                </c:pt>
                <c:pt idx="2104">
                  <c:v>21.17</c:v>
                </c:pt>
                <c:pt idx="2105">
                  <c:v>21.18</c:v>
                </c:pt>
                <c:pt idx="2106">
                  <c:v>21.19</c:v>
                </c:pt>
                <c:pt idx="2107">
                  <c:v>21.2</c:v>
                </c:pt>
                <c:pt idx="2108">
                  <c:v>21.209</c:v>
                </c:pt>
                <c:pt idx="2109">
                  <c:v>21.219000000000001</c:v>
                </c:pt>
                <c:pt idx="2110">
                  <c:v>21.228999999999999</c:v>
                </c:pt>
                <c:pt idx="2111">
                  <c:v>21.239000000000001</c:v>
                </c:pt>
                <c:pt idx="2112">
                  <c:v>21.248000000000001</c:v>
                </c:pt>
                <c:pt idx="2113">
                  <c:v>21.257999999999999</c:v>
                </c:pt>
                <c:pt idx="2114">
                  <c:v>21.266999999999999</c:v>
                </c:pt>
                <c:pt idx="2115">
                  <c:v>21.277000000000001</c:v>
                </c:pt>
                <c:pt idx="2116">
                  <c:v>21.288</c:v>
                </c:pt>
                <c:pt idx="2117">
                  <c:v>21.297000000000001</c:v>
                </c:pt>
                <c:pt idx="2118">
                  <c:v>21.306999999999999</c:v>
                </c:pt>
                <c:pt idx="2119">
                  <c:v>21.317</c:v>
                </c:pt>
                <c:pt idx="2120">
                  <c:v>21.327000000000002</c:v>
                </c:pt>
                <c:pt idx="2121">
                  <c:v>21.335999999999999</c:v>
                </c:pt>
                <c:pt idx="2122">
                  <c:v>21.347000000000001</c:v>
                </c:pt>
                <c:pt idx="2123">
                  <c:v>21.356999999999999</c:v>
                </c:pt>
                <c:pt idx="2124">
                  <c:v>21.367000000000001</c:v>
                </c:pt>
                <c:pt idx="2125">
                  <c:v>21.376999999999999</c:v>
                </c:pt>
                <c:pt idx="2126">
                  <c:v>21.385999999999999</c:v>
                </c:pt>
                <c:pt idx="2127">
                  <c:v>21.396000000000001</c:v>
                </c:pt>
                <c:pt idx="2128">
                  <c:v>21.405000000000001</c:v>
                </c:pt>
                <c:pt idx="2129">
                  <c:v>21.416</c:v>
                </c:pt>
                <c:pt idx="2130">
                  <c:v>21.425999999999998</c:v>
                </c:pt>
                <c:pt idx="2131">
                  <c:v>21.436</c:v>
                </c:pt>
                <c:pt idx="2132">
                  <c:v>21.446000000000002</c:v>
                </c:pt>
                <c:pt idx="2133">
                  <c:v>21.454999999999998</c:v>
                </c:pt>
                <c:pt idx="2134">
                  <c:v>21.463999999999999</c:v>
                </c:pt>
                <c:pt idx="2135">
                  <c:v>21.474</c:v>
                </c:pt>
                <c:pt idx="2136">
                  <c:v>21.484000000000002</c:v>
                </c:pt>
                <c:pt idx="2137">
                  <c:v>21.494</c:v>
                </c:pt>
                <c:pt idx="2138">
                  <c:v>21.504999999999999</c:v>
                </c:pt>
                <c:pt idx="2139">
                  <c:v>21.515000000000001</c:v>
                </c:pt>
                <c:pt idx="2140">
                  <c:v>21.524000000000001</c:v>
                </c:pt>
                <c:pt idx="2141">
                  <c:v>21.533999999999999</c:v>
                </c:pt>
                <c:pt idx="2142">
                  <c:v>21.544</c:v>
                </c:pt>
                <c:pt idx="2143">
                  <c:v>21.553000000000001</c:v>
                </c:pt>
                <c:pt idx="2144">
                  <c:v>21.562999999999999</c:v>
                </c:pt>
                <c:pt idx="2145">
                  <c:v>21.573</c:v>
                </c:pt>
                <c:pt idx="2146">
                  <c:v>21.582000000000001</c:v>
                </c:pt>
                <c:pt idx="2147">
                  <c:v>21.593</c:v>
                </c:pt>
                <c:pt idx="2148">
                  <c:v>21.603000000000002</c:v>
                </c:pt>
                <c:pt idx="2149">
                  <c:v>21.611999999999998</c:v>
                </c:pt>
                <c:pt idx="2150">
                  <c:v>21.622</c:v>
                </c:pt>
                <c:pt idx="2151">
                  <c:v>21.632000000000001</c:v>
                </c:pt>
                <c:pt idx="2152">
                  <c:v>21.641999999999999</c:v>
                </c:pt>
                <c:pt idx="2153">
                  <c:v>21.651</c:v>
                </c:pt>
                <c:pt idx="2154">
                  <c:v>21.661999999999999</c:v>
                </c:pt>
                <c:pt idx="2155">
                  <c:v>21.672000000000001</c:v>
                </c:pt>
                <c:pt idx="2156">
                  <c:v>21.681000000000001</c:v>
                </c:pt>
                <c:pt idx="2157">
                  <c:v>21.692</c:v>
                </c:pt>
                <c:pt idx="2158">
                  <c:v>21.701000000000001</c:v>
                </c:pt>
                <c:pt idx="2159">
                  <c:v>21.71</c:v>
                </c:pt>
                <c:pt idx="2160">
                  <c:v>21.72</c:v>
                </c:pt>
                <c:pt idx="2161">
                  <c:v>21.728999999999999</c:v>
                </c:pt>
                <c:pt idx="2162">
                  <c:v>21.74</c:v>
                </c:pt>
                <c:pt idx="2163">
                  <c:v>21.748999999999999</c:v>
                </c:pt>
                <c:pt idx="2164">
                  <c:v>21.759</c:v>
                </c:pt>
                <c:pt idx="2165">
                  <c:v>21.768999999999998</c:v>
                </c:pt>
                <c:pt idx="2166">
                  <c:v>21.779</c:v>
                </c:pt>
                <c:pt idx="2167">
                  <c:v>21.789000000000001</c:v>
                </c:pt>
                <c:pt idx="2168">
                  <c:v>21.797999999999998</c:v>
                </c:pt>
                <c:pt idx="2169">
                  <c:v>21.809000000000001</c:v>
                </c:pt>
                <c:pt idx="2170">
                  <c:v>21.818000000000001</c:v>
                </c:pt>
                <c:pt idx="2171">
                  <c:v>21.827999999999999</c:v>
                </c:pt>
                <c:pt idx="2172">
                  <c:v>21.838000000000001</c:v>
                </c:pt>
                <c:pt idx="2173">
                  <c:v>21.847999999999999</c:v>
                </c:pt>
                <c:pt idx="2174">
                  <c:v>21.856999999999999</c:v>
                </c:pt>
                <c:pt idx="2175">
                  <c:v>21.867999999999999</c:v>
                </c:pt>
                <c:pt idx="2176">
                  <c:v>21.878</c:v>
                </c:pt>
                <c:pt idx="2177">
                  <c:v>21.888000000000002</c:v>
                </c:pt>
                <c:pt idx="2178">
                  <c:v>21.896999999999998</c:v>
                </c:pt>
                <c:pt idx="2179">
                  <c:v>21.907</c:v>
                </c:pt>
                <c:pt idx="2180">
                  <c:v>21.916</c:v>
                </c:pt>
                <c:pt idx="2181">
                  <c:v>21.925999999999998</c:v>
                </c:pt>
                <c:pt idx="2182">
                  <c:v>21.937000000000001</c:v>
                </c:pt>
                <c:pt idx="2183">
                  <c:v>21.946000000000002</c:v>
                </c:pt>
                <c:pt idx="2184">
                  <c:v>21.954999999999998</c:v>
                </c:pt>
                <c:pt idx="2185">
                  <c:v>21.966000000000001</c:v>
                </c:pt>
                <c:pt idx="2186">
                  <c:v>21.975000000000001</c:v>
                </c:pt>
                <c:pt idx="2187">
                  <c:v>21.984999999999999</c:v>
                </c:pt>
                <c:pt idx="2188">
                  <c:v>21.995999999999999</c:v>
                </c:pt>
                <c:pt idx="2189">
                  <c:v>22.004999999999999</c:v>
                </c:pt>
                <c:pt idx="2190">
                  <c:v>22.015000000000001</c:v>
                </c:pt>
                <c:pt idx="2191">
                  <c:v>22.024999999999999</c:v>
                </c:pt>
                <c:pt idx="2192">
                  <c:v>22.035</c:v>
                </c:pt>
                <c:pt idx="2193">
                  <c:v>22.045000000000002</c:v>
                </c:pt>
                <c:pt idx="2194">
                  <c:v>22.053999999999998</c:v>
                </c:pt>
                <c:pt idx="2195">
                  <c:v>22.064</c:v>
                </c:pt>
                <c:pt idx="2196">
                  <c:v>22.073</c:v>
                </c:pt>
                <c:pt idx="2197">
                  <c:v>22.084</c:v>
                </c:pt>
                <c:pt idx="2198">
                  <c:v>22.093</c:v>
                </c:pt>
                <c:pt idx="2199">
                  <c:v>22.103999999999999</c:v>
                </c:pt>
                <c:pt idx="2200">
                  <c:v>22.113</c:v>
                </c:pt>
                <c:pt idx="2201">
                  <c:v>22.123999999999999</c:v>
                </c:pt>
                <c:pt idx="2202">
                  <c:v>22.132999999999999</c:v>
                </c:pt>
                <c:pt idx="2203">
                  <c:v>22.143999999999998</c:v>
                </c:pt>
                <c:pt idx="2204">
                  <c:v>22.152999999999999</c:v>
                </c:pt>
                <c:pt idx="2205">
                  <c:v>22.163</c:v>
                </c:pt>
                <c:pt idx="2206">
                  <c:v>22.172999999999998</c:v>
                </c:pt>
                <c:pt idx="2207">
                  <c:v>22.181999999999999</c:v>
                </c:pt>
                <c:pt idx="2208">
                  <c:v>22.193000000000001</c:v>
                </c:pt>
                <c:pt idx="2209">
                  <c:v>22.202000000000002</c:v>
                </c:pt>
                <c:pt idx="2210">
                  <c:v>22.212</c:v>
                </c:pt>
                <c:pt idx="2211">
                  <c:v>22.222000000000001</c:v>
                </c:pt>
                <c:pt idx="2212">
                  <c:v>22.231999999999999</c:v>
                </c:pt>
                <c:pt idx="2213">
                  <c:v>22.241</c:v>
                </c:pt>
                <c:pt idx="2214">
                  <c:v>22.251000000000001</c:v>
                </c:pt>
                <c:pt idx="2215">
                  <c:v>22.260999999999999</c:v>
                </c:pt>
                <c:pt idx="2216">
                  <c:v>22.271000000000001</c:v>
                </c:pt>
                <c:pt idx="2217">
                  <c:v>22.28</c:v>
                </c:pt>
                <c:pt idx="2218">
                  <c:v>22.29</c:v>
                </c:pt>
                <c:pt idx="2219">
                  <c:v>22.298999999999999</c:v>
                </c:pt>
                <c:pt idx="2220">
                  <c:v>22.309000000000001</c:v>
                </c:pt>
                <c:pt idx="2221">
                  <c:v>22.32</c:v>
                </c:pt>
                <c:pt idx="2222">
                  <c:v>22.329000000000001</c:v>
                </c:pt>
                <c:pt idx="2223">
                  <c:v>22.338999999999999</c:v>
                </c:pt>
                <c:pt idx="2224">
                  <c:v>22.349</c:v>
                </c:pt>
                <c:pt idx="2225">
                  <c:v>22.358000000000001</c:v>
                </c:pt>
                <c:pt idx="2226">
                  <c:v>22.369</c:v>
                </c:pt>
                <c:pt idx="2227">
                  <c:v>22.378</c:v>
                </c:pt>
                <c:pt idx="2228">
                  <c:v>22.387</c:v>
                </c:pt>
                <c:pt idx="2229">
                  <c:v>22.398</c:v>
                </c:pt>
                <c:pt idx="2230">
                  <c:v>22.407</c:v>
                </c:pt>
                <c:pt idx="2231">
                  <c:v>22.416</c:v>
                </c:pt>
                <c:pt idx="2232">
                  <c:v>22.427</c:v>
                </c:pt>
                <c:pt idx="2233">
                  <c:v>22.436</c:v>
                </c:pt>
                <c:pt idx="2234">
                  <c:v>22.445</c:v>
                </c:pt>
                <c:pt idx="2235">
                  <c:v>22.456</c:v>
                </c:pt>
                <c:pt idx="2236">
                  <c:v>22.465</c:v>
                </c:pt>
                <c:pt idx="2237">
                  <c:v>22.474</c:v>
                </c:pt>
                <c:pt idx="2238">
                  <c:v>22.484000000000002</c:v>
                </c:pt>
                <c:pt idx="2239">
                  <c:v>22.495000000000001</c:v>
                </c:pt>
                <c:pt idx="2240">
                  <c:v>22.504000000000001</c:v>
                </c:pt>
                <c:pt idx="2241">
                  <c:v>22.513999999999999</c:v>
                </c:pt>
                <c:pt idx="2242">
                  <c:v>22.524000000000001</c:v>
                </c:pt>
                <c:pt idx="2243">
                  <c:v>22.533000000000001</c:v>
                </c:pt>
                <c:pt idx="2244">
                  <c:v>22.542999999999999</c:v>
                </c:pt>
                <c:pt idx="2245">
                  <c:v>22.553000000000001</c:v>
                </c:pt>
                <c:pt idx="2246">
                  <c:v>22.562000000000001</c:v>
                </c:pt>
                <c:pt idx="2247">
                  <c:v>22.571999999999999</c:v>
                </c:pt>
                <c:pt idx="2248">
                  <c:v>22.581</c:v>
                </c:pt>
                <c:pt idx="2249">
                  <c:v>22.591999999999999</c:v>
                </c:pt>
                <c:pt idx="2250">
                  <c:v>22.600999999999999</c:v>
                </c:pt>
                <c:pt idx="2251">
                  <c:v>22.611000000000001</c:v>
                </c:pt>
                <c:pt idx="2252">
                  <c:v>22.620999999999999</c:v>
                </c:pt>
                <c:pt idx="2253">
                  <c:v>22.63</c:v>
                </c:pt>
                <c:pt idx="2254">
                  <c:v>22.640999999999998</c:v>
                </c:pt>
                <c:pt idx="2255">
                  <c:v>22.651</c:v>
                </c:pt>
                <c:pt idx="2256">
                  <c:v>22.66</c:v>
                </c:pt>
                <c:pt idx="2257">
                  <c:v>22.670999999999999</c:v>
                </c:pt>
                <c:pt idx="2258">
                  <c:v>22.68</c:v>
                </c:pt>
                <c:pt idx="2259">
                  <c:v>22.689</c:v>
                </c:pt>
                <c:pt idx="2260">
                  <c:v>22.7</c:v>
                </c:pt>
                <c:pt idx="2261">
                  <c:v>22.709</c:v>
                </c:pt>
                <c:pt idx="2262">
                  <c:v>22.719000000000001</c:v>
                </c:pt>
                <c:pt idx="2263">
                  <c:v>22.728000000000002</c:v>
                </c:pt>
                <c:pt idx="2264">
                  <c:v>22.739000000000001</c:v>
                </c:pt>
                <c:pt idx="2265">
                  <c:v>22.748999999999999</c:v>
                </c:pt>
                <c:pt idx="2266">
                  <c:v>22.759</c:v>
                </c:pt>
                <c:pt idx="2267">
                  <c:v>22.768000000000001</c:v>
                </c:pt>
                <c:pt idx="2268">
                  <c:v>22.777999999999999</c:v>
                </c:pt>
                <c:pt idx="2269">
                  <c:v>22.789000000000001</c:v>
                </c:pt>
                <c:pt idx="2270">
                  <c:v>22.797999999999998</c:v>
                </c:pt>
                <c:pt idx="2271">
                  <c:v>22.808</c:v>
                </c:pt>
                <c:pt idx="2272">
                  <c:v>22.818999999999999</c:v>
                </c:pt>
                <c:pt idx="2273">
                  <c:v>22.827999999999999</c:v>
                </c:pt>
                <c:pt idx="2274">
                  <c:v>22.838999999999999</c:v>
                </c:pt>
                <c:pt idx="2275">
                  <c:v>22.847999999999999</c:v>
                </c:pt>
                <c:pt idx="2276">
                  <c:v>22.856999999999999</c:v>
                </c:pt>
                <c:pt idx="2277">
                  <c:v>22.867000000000001</c:v>
                </c:pt>
                <c:pt idx="2278">
                  <c:v>22.876999999999999</c:v>
                </c:pt>
                <c:pt idx="2279">
                  <c:v>22.887</c:v>
                </c:pt>
                <c:pt idx="2280">
                  <c:v>22.896000000000001</c:v>
                </c:pt>
                <c:pt idx="2281">
                  <c:v>22.905999999999999</c:v>
                </c:pt>
                <c:pt idx="2282">
                  <c:v>22.914999999999999</c:v>
                </c:pt>
                <c:pt idx="2283">
                  <c:v>22.923999999999999</c:v>
                </c:pt>
                <c:pt idx="2284">
                  <c:v>22.934999999999999</c:v>
                </c:pt>
                <c:pt idx="2285">
                  <c:v>22.943999999999999</c:v>
                </c:pt>
                <c:pt idx="2286">
                  <c:v>22.954000000000001</c:v>
                </c:pt>
                <c:pt idx="2287">
                  <c:v>22.963999999999999</c:v>
                </c:pt>
                <c:pt idx="2288">
                  <c:v>22.974</c:v>
                </c:pt>
                <c:pt idx="2289">
                  <c:v>22.983000000000001</c:v>
                </c:pt>
                <c:pt idx="2290">
                  <c:v>22.994</c:v>
                </c:pt>
                <c:pt idx="2291">
                  <c:v>23.003</c:v>
                </c:pt>
                <c:pt idx="2292">
                  <c:v>23.012</c:v>
                </c:pt>
                <c:pt idx="2293">
                  <c:v>23.023</c:v>
                </c:pt>
                <c:pt idx="2294">
                  <c:v>23.032</c:v>
                </c:pt>
                <c:pt idx="2295">
                  <c:v>23.042000000000002</c:v>
                </c:pt>
                <c:pt idx="2296">
                  <c:v>23.050999999999998</c:v>
                </c:pt>
                <c:pt idx="2297">
                  <c:v>23.059000000000001</c:v>
                </c:pt>
                <c:pt idx="2298">
                  <c:v>23.07</c:v>
                </c:pt>
                <c:pt idx="2299">
                  <c:v>23.079000000000001</c:v>
                </c:pt>
                <c:pt idx="2300">
                  <c:v>23.088999999999999</c:v>
                </c:pt>
                <c:pt idx="2301">
                  <c:v>23.099</c:v>
                </c:pt>
                <c:pt idx="2302">
                  <c:v>23.108000000000001</c:v>
                </c:pt>
                <c:pt idx="2303">
                  <c:v>23.117000000000001</c:v>
                </c:pt>
                <c:pt idx="2304">
                  <c:v>23.126999999999999</c:v>
                </c:pt>
                <c:pt idx="2305">
                  <c:v>23.137</c:v>
                </c:pt>
                <c:pt idx="2306">
                  <c:v>23.148</c:v>
                </c:pt>
                <c:pt idx="2307">
                  <c:v>23.157</c:v>
                </c:pt>
                <c:pt idx="2308">
                  <c:v>23.164999999999999</c:v>
                </c:pt>
                <c:pt idx="2309">
                  <c:v>23.175999999999998</c:v>
                </c:pt>
                <c:pt idx="2310">
                  <c:v>23.186</c:v>
                </c:pt>
                <c:pt idx="2311">
                  <c:v>23.195</c:v>
                </c:pt>
                <c:pt idx="2312">
                  <c:v>23.206</c:v>
                </c:pt>
                <c:pt idx="2313">
                  <c:v>23.215</c:v>
                </c:pt>
                <c:pt idx="2314">
                  <c:v>23.224</c:v>
                </c:pt>
                <c:pt idx="2315">
                  <c:v>23.234000000000002</c:v>
                </c:pt>
                <c:pt idx="2316">
                  <c:v>23.244</c:v>
                </c:pt>
                <c:pt idx="2317">
                  <c:v>23.254000000000001</c:v>
                </c:pt>
                <c:pt idx="2318">
                  <c:v>23.263999999999999</c:v>
                </c:pt>
                <c:pt idx="2319">
                  <c:v>23.274000000000001</c:v>
                </c:pt>
                <c:pt idx="2320">
                  <c:v>23.283999999999999</c:v>
                </c:pt>
                <c:pt idx="2321">
                  <c:v>23.292999999999999</c:v>
                </c:pt>
                <c:pt idx="2322">
                  <c:v>23.303999999999998</c:v>
                </c:pt>
                <c:pt idx="2323">
                  <c:v>23.314</c:v>
                </c:pt>
                <c:pt idx="2324">
                  <c:v>23.324000000000002</c:v>
                </c:pt>
                <c:pt idx="2325">
                  <c:v>23.334</c:v>
                </c:pt>
                <c:pt idx="2326">
                  <c:v>23.343</c:v>
                </c:pt>
                <c:pt idx="2327">
                  <c:v>23.352</c:v>
                </c:pt>
                <c:pt idx="2328">
                  <c:v>23.363</c:v>
                </c:pt>
                <c:pt idx="2329">
                  <c:v>23.372</c:v>
                </c:pt>
                <c:pt idx="2330">
                  <c:v>23.382000000000001</c:v>
                </c:pt>
                <c:pt idx="2331">
                  <c:v>23.390999999999998</c:v>
                </c:pt>
                <c:pt idx="2332">
                  <c:v>23.402000000000001</c:v>
                </c:pt>
                <c:pt idx="2333">
                  <c:v>23.411000000000001</c:v>
                </c:pt>
                <c:pt idx="2334">
                  <c:v>23.420999999999999</c:v>
                </c:pt>
                <c:pt idx="2335">
                  <c:v>23.43</c:v>
                </c:pt>
                <c:pt idx="2336">
                  <c:v>23.440999999999999</c:v>
                </c:pt>
                <c:pt idx="2337">
                  <c:v>23.45</c:v>
                </c:pt>
                <c:pt idx="2338">
                  <c:v>23.46</c:v>
                </c:pt>
                <c:pt idx="2339">
                  <c:v>23.47</c:v>
                </c:pt>
                <c:pt idx="2340">
                  <c:v>23.48</c:v>
                </c:pt>
                <c:pt idx="2341">
                  <c:v>23.489000000000001</c:v>
                </c:pt>
                <c:pt idx="2342">
                  <c:v>23.5</c:v>
                </c:pt>
                <c:pt idx="2343">
                  <c:v>23.509</c:v>
                </c:pt>
                <c:pt idx="2344">
                  <c:v>23.518999999999998</c:v>
                </c:pt>
                <c:pt idx="2345">
                  <c:v>23.529</c:v>
                </c:pt>
                <c:pt idx="2346">
                  <c:v>23.538</c:v>
                </c:pt>
                <c:pt idx="2347">
                  <c:v>23.547999999999998</c:v>
                </c:pt>
                <c:pt idx="2348">
                  <c:v>23.556999999999999</c:v>
                </c:pt>
                <c:pt idx="2349">
                  <c:v>23.567</c:v>
                </c:pt>
                <c:pt idx="2350">
                  <c:v>23.576000000000001</c:v>
                </c:pt>
                <c:pt idx="2351">
                  <c:v>23.585999999999999</c:v>
                </c:pt>
                <c:pt idx="2352">
                  <c:v>23.594999999999999</c:v>
                </c:pt>
                <c:pt idx="2353">
                  <c:v>23.606000000000002</c:v>
                </c:pt>
                <c:pt idx="2354">
                  <c:v>23.614999999999998</c:v>
                </c:pt>
                <c:pt idx="2355">
                  <c:v>23.623999999999999</c:v>
                </c:pt>
                <c:pt idx="2356">
                  <c:v>23.635000000000002</c:v>
                </c:pt>
                <c:pt idx="2357">
                  <c:v>23.643999999999998</c:v>
                </c:pt>
                <c:pt idx="2358">
                  <c:v>23.652999999999999</c:v>
                </c:pt>
                <c:pt idx="2359">
                  <c:v>23.664000000000001</c:v>
                </c:pt>
                <c:pt idx="2360">
                  <c:v>23.672999999999998</c:v>
                </c:pt>
                <c:pt idx="2361">
                  <c:v>23.683</c:v>
                </c:pt>
                <c:pt idx="2362">
                  <c:v>23.692</c:v>
                </c:pt>
                <c:pt idx="2363">
                  <c:v>23.702999999999999</c:v>
                </c:pt>
                <c:pt idx="2364">
                  <c:v>23.712</c:v>
                </c:pt>
                <c:pt idx="2365">
                  <c:v>23.722000000000001</c:v>
                </c:pt>
                <c:pt idx="2366">
                  <c:v>23.731999999999999</c:v>
                </c:pt>
                <c:pt idx="2367">
                  <c:v>23.742000000000001</c:v>
                </c:pt>
                <c:pt idx="2368">
                  <c:v>23.751000000000001</c:v>
                </c:pt>
                <c:pt idx="2369">
                  <c:v>23.760999999999999</c:v>
                </c:pt>
                <c:pt idx="2370">
                  <c:v>23.77</c:v>
                </c:pt>
                <c:pt idx="2371">
                  <c:v>23.780999999999999</c:v>
                </c:pt>
                <c:pt idx="2372">
                  <c:v>23.79</c:v>
                </c:pt>
                <c:pt idx="2373">
                  <c:v>23.798999999999999</c:v>
                </c:pt>
                <c:pt idx="2374">
                  <c:v>23.81</c:v>
                </c:pt>
                <c:pt idx="2375">
                  <c:v>23.818999999999999</c:v>
                </c:pt>
                <c:pt idx="2376">
                  <c:v>23.829000000000001</c:v>
                </c:pt>
                <c:pt idx="2377">
                  <c:v>23.838999999999999</c:v>
                </c:pt>
                <c:pt idx="2378">
                  <c:v>23.849</c:v>
                </c:pt>
                <c:pt idx="2379">
                  <c:v>23.859000000000002</c:v>
                </c:pt>
                <c:pt idx="2380">
                  <c:v>23.867999999999999</c:v>
                </c:pt>
                <c:pt idx="2381">
                  <c:v>23.876999999999999</c:v>
                </c:pt>
                <c:pt idx="2382">
                  <c:v>23.887</c:v>
                </c:pt>
                <c:pt idx="2383">
                  <c:v>23.898</c:v>
                </c:pt>
                <c:pt idx="2384">
                  <c:v>23.907</c:v>
                </c:pt>
                <c:pt idx="2385">
                  <c:v>23.916</c:v>
                </c:pt>
                <c:pt idx="2386">
                  <c:v>23.925999999999998</c:v>
                </c:pt>
                <c:pt idx="2387">
                  <c:v>23.936</c:v>
                </c:pt>
                <c:pt idx="2388">
                  <c:v>23.945</c:v>
                </c:pt>
                <c:pt idx="2389">
                  <c:v>23.954999999999998</c:v>
                </c:pt>
                <c:pt idx="2390">
                  <c:v>23.963999999999999</c:v>
                </c:pt>
                <c:pt idx="2391">
                  <c:v>23.975000000000001</c:v>
                </c:pt>
                <c:pt idx="2392">
                  <c:v>23.984000000000002</c:v>
                </c:pt>
                <c:pt idx="2393">
                  <c:v>23.992999999999999</c:v>
                </c:pt>
                <c:pt idx="2394">
                  <c:v>24.004000000000001</c:v>
                </c:pt>
                <c:pt idx="2395">
                  <c:v>24.013000000000002</c:v>
                </c:pt>
                <c:pt idx="2396">
                  <c:v>24.023</c:v>
                </c:pt>
                <c:pt idx="2397">
                  <c:v>24.032</c:v>
                </c:pt>
                <c:pt idx="2398">
                  <c:v>24.042000000000002</c:v>
                </c:pt>
                <c:pt idx="2399">
                  <c:v>24.052</c:v>
                </c:pt>
                <c:pt idx="2400">
                  <c:v>24.062000000000001</c:v>
                </c:pt>
                <c:pt idx="2401">
                  <c:v>24.071999999999999</c:v>
                </c:pt>
                <c:pt idx="2402">
                  <c:v>24.081</c:v>
                </c:pt>
                <c:pt idx="2403">
                  <c:v>24.091000000000001</c:v>
                </c:pt>
                <c:pt idx="2404">
                  <c:v>24.1</c:v>
                </c:pt>
                <c:pt idx="2405">
                  <c:v>24.111000000000001</c:v>
                </c:pt>
                <c:pt idx="2406">
                  <c:v>24.12</c:v>
                </c:pt>
                <c:pt idx="2407">
                  <c:v>24.129000000000001</c:v>
                </c:pt>
                <c:pt idx="2408">
                  <c:v>24.138999999999999</c:v>
                </c:pt>
                <c:pt idx="2409">
                  <c:v>24.149000000000001</c:v>
                </c:pt>
                <c:pt idx="2410">
                  <c:v>24.158000000000001</c:v>
                </c:pt>
                <c:pt idx="2411">
                  <c:v>24.169</c:v>
                </c:pt>
                <c:pt idx="2412">
                  <c:v>24.178000000000001</c:v>
                </c:pt>
                <c:pt idx="2413">
                  <c:v>24.187000000000001</c:v>
                </c:pt>
                <c:pt idx="2414">
                  <c:v>24.198</c:v>
                </c:pt>
                <c:pt idx="2415">
                  <c:v>24.207000000000001</c:v>
                </c:pt>
                <c:pt idx="2416">
                  <c:v>24.216999999999999</c:v>
                </c:pt>
                <c:pt idx="2417">
                  <c:v>24.225999999999999</c:v>
                </c:pt>
                <c:pt idx="2418">
                  <c:v>24.236000000000001</c:v>
                </c:pt>
                <c:pt idx="2419">
                  <c:v>24.247</c:v>
                </c:pt>
                <c:pt idx="2420">
                  <c:v>24.256</c:v>
                </c:pt>
                <c:pt idx="2421">
                  <c:v>24.265999999999998</c:v>
                </c:pt>
                <c:pt idx="2422">
                  <c:v>24.274999999999999</c:v>
                </c:pt>
                <c:pt idx="2423">
                  <c:v>24.286000000000001</c:v>
                </c:pt>
                <c:pt idx="2424">
                  <c:v>24.295999999999999</c:v>
                </c:pt>
                <c:pt idx="2425">
                  <c:v>24.305</c:v>
                </c:pt>
                <c:pt idx="2426">
                  <c:v>24.314</c:v>
                </c:pt>
                <c:pt idx="2427">
                  <c:v>24.324999999999999</c:v>
                </c:pt>
                <c:pt idx="2428">
                  <c:v>24.334</c:v>
                </c:pt>
                <c:pt idx="2429">
                  <c:v>24.344000000000001</c:v>
                </c:pt>
                <c:pt idx="2430">
                  <c:v>24.353999999999999</c:v>
                </c:pt>
                <c:pt idx="2431">
                  <c:v>24.364000000000001</c:v>
                </c:pt>
                <c:pt idx="2432">
                  <c:v>24.373999999999999</c:v>
                </c:pt>
                <c:pt idx="2433">
                  <c:v>24.382999999999999</c:v>
                </c:pt>
                <c:pt idx="2434">
                  <c:v>24.393000000000001</c:v>
                </c:pt>
                <c:pt idx="2435">
                  <c:v>24.402999999999999</c:v>
                </c:pt>
                <c:pt idx="2436">
                  <c:v>24.413</c:v>
                </c:pt>
                <c:pt idx="2437">
                  <c:v>24.422000000000001</c:v>
                </c:pt>
                <c:pt idx="2438">
                  <c:v>24.433</c:v>
                </c:pt>
                <c:pt idx="2439">
                  <c:v>24.442</c:v>
                </c:pt>
                <c:pt idx="2440">
                  <c:v>24.452000000000002</c:v>
                </c:pt>
                <c:pt idx="2441">
                  <c:v>24.462</c:v>
                </c:pt>
                <c:pt idx="2442">
                  <c:v>24.471</c:v>
                </c:pt>
                <c:pt idx="2443">
                  <c:v>24.481000000000002</c:v>
                </c:pt>
                <c:pt idx="2444">
                  <c:v>24.49</c:v>
                </c:pt>
                <c:pt idx="2445">
                  <c:v>24.501000000000001</c:v>
                </c:pt>
                <c:pt idx="2446">
                  <c:v>24.51</c:v>
                </c:pt>
                <c:pt idx="2447">
                  <c:v>24.52</c:v>
                </c:pt>
                <c:pt idx="2448">
                  <c:v>24.529</c:v>
                </c:pt>
                <c:pt idx="2449">
                  <c:v>24.538</c:v>
                </c:pt>
                <c:pt idx="2450">
                  <c:v>24.547999999999998</c:v>
                </c:pt>
                <c:pt idx="2451">
                  <c:v>24.558</c:v>
                </c:pt>
                <c:pt idx="2452">
                  <c:v>24.567</c:v>
                </c:pt>
                <c:pt idx="2453">
                  <c:v>24.577000000000002</c:v>
                </c:pt>
                <c:pt idx="2454">
                  <c:v>24.587</c:v>
                </c:pt>
                <c:pt idx="2455">
                  <c:v>24.596</c:v>
                </c:pt>
                <c:pt idx="2456">
                  <c:v>24.606000000000002</c:v>
                </c:pt>
                <c:pt idx="2457">
                  <c:v>24.614999999999998</c:v>
                </c:pt>
                <c:pt idx="2458">
                  <c:v>24.626000000000001</c:v>
                </c:pt>
                <c:pt idx="2459">
                  <c:v>24.635000000000002</c:v>
                </c:pt>
                <c:pt idx="2460">
                  <c:v>24.645</c:v>
                </c:pt>
                <c:pt idx="2461">
                  <c:v>24.654</c:v>
                </c:pt>
                <c:pt idx="2462">
                  <c:v>24.664999999999999</c:v>
                </c:pt>
                <c:pt idx="2463">
                  <c:v>24.673999999999999</c:v>
                </c:pt>
                <c:pt idx="2464">
                  <c:v>24.684000000000001</c:v>
                </c:pt>
                <c:pt idx="2465">
                  <c:v>24.693000000000001</c:v>
                </c:pt>
                <c:pt idx="2466">
                  <c:v>24.702999999999999</c:v>
                </c:pt>
                <c:pt idx="2467">
                  <c:v>24.713000000000001</c:v>
                </c:pt>
                <c:pt idx="2468">
                  <c:v>24.722000000000001</c:v>
                </c:pt>
                <c:pt idx="2469">
                  <c:v>24.731999999999999</c:v>
                </c:pt>
                <c:pt idx="2470">
                  <c:v>24.741</c:v>
                </c:pt>
                <c:pt idx="2471">
                  <c:v>24.751000000000001</c:v>
                </c:pt>
                <c:pt idx="2472">
                  <c:v>24.76</c:v>
                </c:pt>
                <c:pt idx="2473">
                  <c:v>24.771000000000001</c:v>
                </c:pt>
                <c:pt idx="2474">
                  <c:v>24.78</c:v>
                </c:pt>
                <c:pt idx="2475">
                  <c:v>24.789000000000001</c:v>
                </c:pt>
                <c:pt idx="2476">
                  <c:v>24.798999999999999</c:v>
                </c:pt>
                <c:pt idx="2477">
                  <c:v>24.809000000000001</c:v>
                </c:pt>
                <c:pt idx="2478">
                  <c:v>24.818999999999999</c:v>
                </c:pt>
                <c:pt idx="2479">
                  <c:v>24.829000000000001</c:v>
                </c:pt>
                <c:pt idx="2480">
                  <c:v>24.838999999999999</c:v>
                </c:pt>
                <c:pt idx="2481">
                  <c:v>24.847999999999999</c:v>
                </c:pt>
                <c:pt idx="2482">
                  <c:v>24.858000000000001</c:v>
                </c:pt>
                <c:pt idx="2483">
                  <c:v>24.867000000000001</c:v>
                </c:pt>
                <c:pt idx="2484">
                  <c:v>24.878</c:v>
                </c:pt>
                <c:pt idx="2485">
                  <c:v>24.887</c:v>
                </c:pt>
                <c:pt idx="2486">
                  <c:v>24.896999999999998</c:v>
                </c:pt>
                <c:pt idx="2487">
                  <c:v>24.907</c:v>
                </c:pt>
                <c:pt idx="2488">
                  <c:v>24.916</c:v>
                </c:pt>
                <c:pt idx="2489">
                  <c:v>24.925999999999998</c:v>
                </c:pt>
                <c:pt idx="2490">
                  <c:v>24.934999999999999</c:v>
                </c:pt>
                <c:pt idx="2491">
                  <c:v>24.945</c:v>
                </c:pt>
                <c:pt idx="2492">
                  <c:v>24.998000000000001</c:v>
                </c:pt>
                <c:pt idx="2493">
                  <c:v>25.009</c:v>
                </c:pt>
                <c:pt idx="2494">
                  <c:v>25.018999999999998</c:v>
                </c:pt>
                <c:pt idx="2495">
                  <c:v>25.027999999999999</c:v>
                </c:pt>
                <c:pt idx="2496">
                  <c:v>25.039000000000001</c:v>
                </c:pt>
                <c:pt idx="2497">
                  <c:v>25.047999999999998</c:v>
                </c:pt>
                <c:pt idx="2498">
                  <c:v>25.058</c:v>
                </c:pt>
                <c:pt idx="2499">
                  <c:v>25.068000000000001</c:v>
                </c:pt>
                <c:pt idx="2500">
                  <c:v>25.077999999999999</c:v>
                </c:pt>
                <c:pt idx="2501">
                  <c:v>25.088000000000001</c:v>
                </c:pt>
                <c:pt idx="2502">
                  <c:v>25.097999999999999</c:v>
                </c:pt>
                <c:pt idx="2503">
                  <c:v>25.106999999999999</c:v>
                </c:pt>
                <c:pt idx="2504">
                  <c:v>25.117000000000001</c:v>
                </c:pt>
                <c:pt idx="2505">
                  <c:v>25.128</c:v>
                </c:pt>
                <c:pt idx="2506">
                  <c:v>25.137</c:v>
                </c:pt>
                <c:pt idx="2507">
                  <c:v>25.146999999999998</c:v>
                </c:pt>
                <c:pt idx="2508">
                  <c:v>25.157</c:v>
                </c:pt>
                <c:pt idx="2509">
                  <c:v>25.166</c:v>
                </c:pt>
                <c:pt idx="2510">
                  <c:v>25.175999999999998</c:v>
                </c:pt>
                <c:pt idx="2511">
                  <c:v>25.184999999999999</c:v>
                </c:pt>
                <c:pt idx="2512">
                  <c:v>25.196000000000002</c:v>
                </c:pt>
                <c:pt idx="2513">
                  <c:v>25.204999999999998</c:v>
                </c:pt>
                <c:pt idx="2514">
                  <c:v>25.215</c:v>
                </c:pt>
                <c:pt idx="2515">
                  <c:v>25.225000000000001</c:v>
                </c:pt>
                <c:pt idx="2516">
                  <c:v>25.234000000000002</c:v>
                </c:pt>
                <c:pt idx="2517">
                  <c:v>25.244</c:v>
                </c:pt>
                <c:pt idx="2518">
                  <c:v>25.253</c:v>
                </c:pt>
                <c:pt idx="2519">
                  <c:v>25.263999999999999</c:v>
                </c:pt>
                <c:pt idx="2520">
                  <c:v>25.273</c:v>
                </c:pt>
                <c:pt idx="2521">
                  <c:v>25.282</c:v>
                </c:pt>
                <c:pt idx="2522">
                  <c:v>25.292000000000002</c:v>
                </c:pt>
                <c:pt idx="2523">
                  <c:v>25.302</c:v>
                </c:pt>
                <c:pt idx="2524">
                  <c:v>25.311</c:v>
                </c:pt>
                <c:pt idx="2525">
                  <c:v>25.321000000000002</c:v>
                </c:pt>
                <c:pt idx="2526">
                  <c:v>25.331</c:v>
                </c:pt>
                <c:pt idx="2527">
                  <c:v>25.341000000000001</c:v>
                </c:pt>
                <c:pt idx="2528">
                  <c:v>25.35</c:v>
                </c:pt>
                <c:pt idx="2529">
                  <c:v>25.36</c:v>
                </c:pt>
                <c:pt idx="2530">
                  <c:v>25.37</c:v>
                </c:pt>
                <c:pt idx="2531">
                  <c:v>25.38</c:v>
                </c:pt>
                <c:pt idx="2532">
                  <c:v>25.388999999999999</c:v>
                </c:pt>
                <c:pt idx="2533">
                  <c:v>25.4</c:v>
                </c:pt>
                <c:pt idx="2534">
                  <c:v>25.408999999999999</c:v>
                </c:pt>
                <c:pt idx="2535">
                  <c:v>25.417999999999999</c:v>
                </c:pt>
                <c:pt idx="2536">
                  <c:v>25.428000000000001</c:v>
                </c:pt>
                <c:pt idx="2537">
                  <c:v>25.437999999999999</c:v>
                </c:pt>
                <c:pt idx="2538">
                  <c:v>25.448</c:v>
                </c:pt>
                <c:pt idx="2539">
                  <c:v>25.457000000000001</c:v>
                </c:pt>
                <c:pt idx="2540">
                  <c:v>25.466999999999999</c:v>
                </c:pt>
                <c:pt idx="2541">
                  <c:v>25.475999999999999</c:v>
                </c:pt>
                <c:pt idx="2542">
                  <c:v>25.486000000000001</c:v>
                </c:pt>
                <c:pt idx="2543">
                  <c:v>25.495999999999999</c:v>
                </c:pt>
                <c:pt idx="2544">
                  <c:v>25.504999999999999</c:v>
                </c:pt>
                <c:pt idx="2545">
                  <c:v>25.515999999999998</c:v>
                </c:pt>
                <c:pt idx="2546">
                  <c:v>25.524999999999999</c:v>
                </c:pt>
                <c:pt idx="2547">
                  <c:v>25.535</c:v>
                </c:pt>
                <c:pt idx="2548">
                  <c:v>25.545000000000002</c:v>
                </c:pt>
                <c:pt idx="2549">
                  <c:v>25.555</c:v>
                </c:pt>
                <c:pt idx="2550">
                  <c:v>25.564</c:v>
                </c:pt>
                <c:pt idx="2551">
                  <c:v>25.574999999999999</c:v>
                </c:pt>
                <c:pt idx="2552">
                  <c:v>25.584</c:v>
                </c:pt>
                <c:pt idx="2553">
                  <c:v>25.594000000000001</c:v>
                </c:pt>
                <c:pt idx="2554">
                  <c:v>25.603999999999999</c:v>
                </c:pt>
                <c:pt idx="2555">
                  <c:v>25.614000000000001</c:v>
                </c:pt>
                <c:pt idx="2556">
                  <c:v>25.623999999999999</c:v>
                </c:pt>
                <c:pt idx="2557">
                  <c:v>25.632999999999999</c:v>
                </c:pt>
                <c:pt idx="2558">
                  <c:v>25.643000000000001</c:v>
                </c:pt>
                <c:pt idx="2559">
                  <c:v>25.652999999999999</c:v>
                </c:pt>
                <c:pt idx="2560">
                  <c:v>25.663</c:v>
                </c:pt>
                <c:pt idx="2561">
                  <c:v>25.672999999999998</c:v>
                </c:pt>
                <c:pt idx="2562">
                  <c:v>25.684000000000001</c:v>
                </c:pt>
                <c:pt idx="2563">
                  <c:v>25.693000000000001</c:v>
                </c:pt>
                <c:pt idx="2564">
                  <c:v>25.702999999999999</c:v>
                </c:pt>
                <c:pt idx="2565">
                  <c:v>25.713000000000001</c:v>
                </c:pt>
                <c:pt idx="2566">
                  <c:v>25.722999999999999</c:v>
                </c:pt>
                <c:pt idx="2567">
                  <c:v>25.733000000000001</c:v>
                </c:pt>
                <c:pt idx="2568">
                  <c:v>25.742000000000001</c:v>
                </c:pt>
                <c:pt idx="2569">
                  <c:v>25.751999999999999</c:v>
                </c:pt>
                <c:pt idx="2570">
                  <c:v>25.762</c:v>
                </c:pt>
                <c:pt idx="2571">
                  <c:v>25.771000000000001</c:v>
                </c:pt>
                <c:pt idx="2572">
                  <c:v>25.780999999999999</c:v>
                </c:pt>
                <c:pt idx="2573">
                  <c:v>25.79</c:v>
                </c:pt>
                <c:pt idx="2574">
                  <c:v>25.800999999999998</c:v>
                </c:pt>
                <c:pt idx="2575">
                  <c:v>25.81</c:v>
                </c:pt>
                <c:pt idx="2576">
                  <c:v>25.82</c:v>
                </c:pt>
                <c:pt idx="2577">
                  <c:v>25.83</c:v>
                </c:pt>
                <c:pt idx="2578">
                  <c:v>25.838999999999999</c:v>
                </c:pt>
                <c:pt idx="2579">
                  <c:v>25.85</c:v>
                </c:pt>
                <c:pt idx="2580">
                  <c:v>25.859000000000002</c:v>
                </c:pt>
                <c:pt idx="2581">
                  <c:v>25.867999999999999</c:v>
                </c:pt>
                <c:pt idx="2582">
                  <c:v>25.878</c:v>
                </c:pt>
                <c:pt idx="2583">
                  <c:v>25.888000000000002</c:v>
                </c:pt>
                <c:pt idx="2584">
                  <c:v>25.898</c:v>
                </c:pt>
                <c:pt idx="2585">
                  <c:v>25.907</c:v>
                </c:pt>
                <c:pt idx="2586">
                  <c:v>25.916</c:v>
                </c:pt>
                <c:pt idx="2587">
                  <c:v>25.925999999999998</c:v>
                </c:pt>
                <c:pt idx="2588">
                  <c:v>25.936</c:v>
                </c:pt>
                <c:pt idx="2589">
                  <c:v>25.945</c:v>
                </c:pt>
                <c:pt idx="2590">
                  <c:v>25.954999999999998</c:v>
                </c:pt>
                <c:pt idx="2591">
                  <c:v>25.966000000000001</c:v>
                </c:pt>
                <c:pt idx="2592">
                  <c:v>25.975000000000001</c:v>
                </c:pt>
                <c:pt idx="2593">
                  <c:v>25.984000000000002</c:v>
                </c:pt>
                <c:pt idx="2594">
                  <c:v>25.994</c:v>
                </c:pt>
                <c:pt idx="2595">
                  <c:v>26.004000000000001</c:v>
                </c:pt>
                <c:pt idx="2596">
                  <c:v>26.013999999999999</c:v>
                </c:pt>
                <c:pt idx="2597">
                  <c:v>26.024000000000001</c:v>
                </c:pt>
                <c:pt idx="2598">
                  <c:v>26.033000000000001</c:v>
                </c:pt>
                <c:pt idx="2599">
                  <c:v>26.042999999999999</c:v>
                </c:pt>
                <c:pt idx="2600">
                  <c:v>26.052</c:v>
                </c:pt>
                <c:pt idx="2601">
                  <c:v>26.061</c:v>
                </c:pt>
                <c:pt idx="2602">
                  <c:v>26.071999999999999</c:v>
                </c:pt>
                <c:pt idx="2603">
                  <c:v>26.081</c:v>
                </c:pt>
                <c:pt idx="2604">
                  <c:v>26.091999999999999</c:v>
                </c:pt>
                <c:pt idx="2605">
                  <c:v>26.100999999999999</c:v>
                </c:pt>
                <c:pt idx="2606">
                  <c:v>26.111000000000001</c:v>
                </c:pt>
                <c:pt idx="2607">
                  <c:v>26.12</c:v>
                </c:pt>
                <c:pt idx="2608">
                  <c:v>26.129000000000001</c:v>
                </c:pt>
                <c:pt idx="2609">
                  <c:v>26.14</c:v>
                </c:pt>
                <c:pt idx="2610">
                  <c:v>26.149000000000001</c:v>
                </c:pt>
                <c:pt idx="2611">
                  <c:v>26.158000000000001</c:v>
                </c:pt>
                <c:pt idx="2612">
                  <c:v>26.167999999999999</c:v>
                </c:pt>
                <c:pt idx="2613">
                  <c:v>26.178000000000001</c:v>
                </c:pt>
                <c:pt idx="2614">
                  <c:v>26.187000000000001</c:v>
                </c:pt>
                <c:pt idx="2615">
                  <c:v>26.198</c:v>
                </c:pt>
                <c:pt idx="2616">
                  <c:v>26.207000000000001</c:v>
                </c:pt>
                <c:pt idx="2617">
                  <c:v>26.216999999999999</c:v>
                </c:pt>
                <c:pt idx="2618">
                  <c:v>26.227</c:v>
                </c:pt>
                <c:pt idx="2619">
                  <c:v>26.236000000000001</c:v>
                </c:pt>
                <c:pt idx="2620">
                  <c:v>26.245000000000001</c:v>
                </c:pt>
                <c:pt idx="2621">
                  <c:v>26.254999999999999</c:v>
                </c:pt>
                <c:pt idx="2622">
                  <c:v>26.263999999999999</c:v>
                </c:pt>
                <c:pt idx="2623">
                  <c:v>26.274999999999999</c:v>
                </c:pt>
                <c:pt idx="2624">
                  <c:v>26.283999999999999</c:v>
                </c:pt>
                <c:pt idx="2625">
                  <c:v>26.292999999999999</c:v>
                </c:pt>
                <c:pt idx="2626">
                  <c:v>26.303999999999998</c:v>
                </c:pt>
                <c:pt idx="2627">
                  <c:v>26.312999999999999</c:v>
                </c:pt>
                <c:pt idx="2628">
                  <c:v>26.323</c:v>
                </c:pt>
                <c:pt idx="2629">
                  <c:v>26.332000000000001</c:v>
                </c:pt>
                <c:pt idx="2630">
                  <c:v>26.341000000000001</c:v>
                </c:pt>
                <c:pt idx="2631">
                  <c:v>26.350999999999999</c:v>
                </c:pt>
                <c:pt idx="2632">
                  <c:v>26.361000000000001</c:v>
                </c:pt>
                <c:pt idx="2633">
                  <c:v>26.370999999999999</c:v>
                </c:pt>
                <c:pt idx="2634">
                  <c:v>26.38</c:v>
                </c:pt>
                <c:pt idx="2635">
                  <c:v>26.39</c:v>
                </c:pt>
                <c:pt idx="2636">
                  <c:v>26.4</c:v>
                </c:pt>
                <c:pt idx="2637">
                  <c:v>26.41</c:v>
                </c:pt>
                <c:pt idx="2638">
                  <c:v>26.419</c:v>
                </c:pt>
                <c:pt idx="2639">
                  <c:v>26.43</c:v>
                </c:pt>
                <c:pt idx="2640">
                  <c:v>26.439</c:v>
                </c:pt>
                <c:pt idx="2641">
                  <c:v>26.449000000000002</c:v>
                </c:pt>
                <c:pt idx="2642">
                  <c:v>26.46</c:v>
                </c:pt>
                <c:pt idx="2643">
                  <c:v>26.47</c:v>
                </c:pt>
                <c:pt idx="2644">
                  <c:v>26.48</c:v>
                </c:pt>
                <c:pt idx="2645">
                  <c:v>26.49</c:v>
                </c:pt>
                <c:pt idx="2646">
                  <c:v>26.5</c:v>
                </c:pt>
                <c:pt idx="2647">
                  <c:v>26.51</c:v>
                </c:pt>
                <c:pt idx="2648">
                  <c:v>26.52</c:v>
                </c:pt>
                <c:pt idx="2649">
                  <c:v>26.530999999999999</c:v>
                </c:pt>
                <c:pt idx="2650">
                  <c:v>26.541</c:v>
                </c:pt>
                <c:pt idx="2651">
                  <c:v>26.55</c:v>
                </c:pt>
                <c:pt idx="2652">
                  <c:v>26.562000000000001</c:v>
                </c:pt>
                <c:pt idx="2653">
                  <c:v>26.571000000000002</c:v>
                </c:pt>
                <c:pt idx="2654">
                  <c:v>26.582000000000001</c:v>
                </c:pt>
                <c:pt idx="2655">
                  <c:v>26.591999999999999</c:v>
                </c:pt>
                <c:pt idx="2656">
                  <c:v>26.603000000000002</c:v>
                </c:pt>
                <c:pt idx="2657">
                  <c:v>26.611999999999998</c:v>
                </c:pt>
                <c:pt idx="2658">
                  <c:v>26.622</c:v>
                </c:pt>
                <c:pt idx="2659">
                  <c:v>26.632000000000001</c:v>
                </c:pt>
                <c:pt idx="2660">
                  <c:v>26.641999999999999</c:v>
                </c:pt>
                <c:pt idx="2661">
                  <c:v>26.652000000000001</c:v>
                </c:pt>
                <c:pt idx="2662">
                  <c:v>26.661000000000001</c:v>
                </c:pt>
                <c:pt idx="2663">
                  <c:v>26.672000000000001</c:v>
                </c:pt>
                <c:pt idx="2664">
                  <c:v>26.681000000000001</c:v>
                </c:pt>
                <c:pt idx="2665">
                  <c:v>26.69</c:v>
                </c:pt>
                <c:pt idx="2666">
                  <c:v>26.7</c:v>
                </c:pt>
                <c:pt idx="2667">
                  <c:v>26.709</c:v>
                </c:pt>
                <c:pt idx="2668">
                  <c:v>26.719000000000001</c:v>
                </c:pt>
                <c:pt idx="2669">
                  <c:v>26.728000000000002</c:v>
                </c:pt>
                <c:pt idx="2670">
                  <c:v>26.738</c:v>
                </c:pt>
                <c:pt idx="2671">
                  <c:v>26.748000000000001</c:v>
                </c:pt>
                <c:pt idx="2672">
                  <c:v>26.757999999999999</c:v>
                </c:pt>
                <c:pt idx="2673">
                  <c:v>26.766999999999999</c:v>
                </c:pt>
                <c:pt idx="2674">
                  <c:v>26.777999999999999</c:v>
                </c:pt>
                <c:pt idx="2675">
                  <c:v>26.786999999999999</c:v>
                </c:pt>
                <c:pt idx="2676">
                  <c:v>26.797000000000001</c:v>
                </c:pt>
                <c:pt idx="2677">
                  <c:v>26.806999999999999</c:v>
                </c:pt>
                <c:pt idx="2678">
                  <c:v>26.815999999999999</c:v>
                </c:pt>
                <c:pt idx="2679">
                  <c:v>26.826000000000001</c:v>
                </c:pt>
                <c:pt idx="2680">
                  <c:v>26.837</c:v>
                </c:pt>
                <c:pt idx="2681">
                  <c:v>26.846</c:v>
                </c:pt>
                <c:pt idx="2682">
                  <c:v>26.855</c:v>
                </c:pt>
                <c:pt idx="2683">
                  <c:v>26.866</c:v>
                </c:pt>
                <c:pt idx="2684">
                  <c:v>26.875</c:v>
                </c:pt>
                <c:pt idx="2685">
                  <c:v>26.885000000000002</c:v>
                </c:pt>
                <c:pt idx="2686">
                  <c:v>26.893999999999998</c:v>
                </c:pt>
                <c:pt idx="2687">
                  <c:v>26.904</c:v>
                </c:pt>
                <c:pt idx="2688">
                  <c:v>26.913</c:v>
                </c:pt>
                <c:pt idx="2689">
                  <c:v>26.922999999999998</c:v>
                </c:pt>
                <c:pt idx="2690">
                  <c:v>26.933</c:v>
                </c:pt>
                <c:pt idx="2691">
                  <c:v>26.942</c:v>
                </c:pt>
                <c:pt idx="2692">
                  <c:v>26.952000000000002</c:v>
                </c:pt>
                <c:pt idx="2693">
                  <c:v>26.960999999999999</c:v>
                </c:pt>
                <c:pt idx="2694">
                  <c:v>26.97</c:v>
                </c:pt>
                <c:pt idx="2695">
                  <c:v>26.98</c:v>
                </c:pt>
                <c:pt idx="2696">
                  <c:v>26.989000000000001</c:v>
                </c:pt>
                <c:pt idx="2697">
                  <c:v>27</c:v>
                </c:pt>
                <c:pt idx="2698">
                  <c:v>27.009</c:v>
                </c:pt>
                <c:pt idx="2699">
                  <c:v>27.018999999999998</c:v>
                </c:pt>
                <c:pt idx="2700">
                  <c:v>27.03</c:v>
                </c:pt>
                <c:pt idx="2701">
                  <c:v>27.04</c:v>
                </c:pt>
                <c:pt idx="2702">
                  <c:v>27.048999999999999</c:v>
                </c:pt>
                <c:pt idx="2703">
                  <c:v>27.059000000000001</c:v>
                </c:pt>
                <c:pt idx="2704">
                  <c:v>27.068999999999999</c:v>
                </c:pt>
                <c:pt idx="2705">
                  <c:v>27.079000000000001</c:v>
                </c:pt>
                <c:pt idx="2706">
                  <c:v>27.09</c:v>
                </c:pt>
                <c:pt idx="2707">
                  <c:v>27.1</c:v>
                </c:pt>
                <c:pt idx="2708">
                  <c:v>27.111000000000001</c:v>
                </c:pt>
                <c:pt idx="2709">
                  <c:v>27.122</c:v>
                </c:pt>
                <c:pt idx="2710">
                  <c:v>27.131</c:v>
                </c:pt>
                <c:pt idx="2711">
                  <c:v>27.143000000000001</c:v>
                </c:pt>
                <c:pt idx="2712">
                  <c:v>27.152000000000001</c:v>
                </c:pt>
                <c:pt idx="2713">
                  <c:v>27.161999999999999</c:v>
                </c:pt>
                <c:pt idx="2714">
                  <c:v>27.172000000000001</c:v>
                </c:pt>
                <c:pt idx="2715">
                  <c:v>27.181000000000001</c:v>
                </c:pt>
                <c:pt idx="2716">
                  <c:v>27.19</c:v>
                </c:pt>
                <c:pt idx="2717">
                  <c:v>27.2</c:v>
                </c:pt>
                <c:pt idx="2718">
                  <c:v>27.21</c:v>
                </c:pt>
                <c:pt idx="2719">
                  <c:v>27.22</c:v>
                </c:pt>
                <c:pt idx="2720">
                  <c:v>27.23</c:v>
                </c:pt>
                <c:pt idx="2721">
                  <c:v>27.239000000000001</c:v>
                </c:pt>
                <c:pt idx="2722">
                  <c:v>27.248999999999999</c:v>
                </c:pt>
                <c:pt idx="2723">
                  <c:v>27.257999999999999</c:v>
                </c:pt>
                <c:pt idx="2724">
                  <c:v>27.268000000000001</c:v>
                </c:pt>
                <c:pt idx="2725">
                  <c:v>27.277999999999999</c:v>
                </c:pt>
                <c:pt idx="2726">
                  <c:v>27.288</c:v>
                </c:pt>
                <c:pt idx="2727">
                  <c:v>27.297999999999998</c:v>
                </c:pt>
                <c:pt idx="2728">
                  <c:v>27.306000000000001</c:v>
                </c:pt>
                <c:pt idx="2729">
                  <c:v>27.317</c:v>
                </c:pt>
                <c:pt idx="2730">
                  <c:v>27.326000000000001</c:v>
                </c:pt>
                <c:pt idx="2731">
                  <c:v>27.337</c:v>
                </c:pt>
                <c:pt idx="2732">
                  <c:v>27.346</c:v>
                </c:pt>
                <c:pt idx="2733">
                  <c:v>27.356000000000002</c:v>
                </c:pt>
                <c:pt idx="2734">
                  <c:v>27.366</c:v>
                </c:pt>
                <c:pt idx="2735">
                  <c:v>27.375</c:v>
                </c:pt>
                <c:pt idx="2736">
                  <c:v>27.384</c:v>
                </c:pt>
                <c:pt idx="2737">
                  <c:v>27.395</c:v>
                </c:pt>
                <c:pt idx="2738">
                  <c:v>27.404</c:v>
                </c:pt>
                <c:pt idx="2739">
                  <c:v>27.413</c:v>
                </c:pt>
                <c:pt idx="2740">
                  <c:v>27.423999999999999</c:v>
                </c:pt>
                <c:pt idx="2741">
                  <c:v>27.433</c:v>
                </c:pt>
                <c:pt idx="2742">
                  <c:v>27.443000000000001</c:v>
                </c:pt>
                <c:pt idx="2743">
                  <c:v>27.452000000000002</c:v>
                </c:pt>
                <c:pt idx="2744">
                  <c:v>27.460999999999999</c:v>
                </c:pt>
                <c:pt idx="2745">
                  <c:v>27.472000000000001</c:v>
                </c:pt>
                <c:pt idx="2746">
                  <c:v>27.481000000000002</c:v>
                </c:pt>
                <c:pt idx="2747">
                  <c:v>27.492000000000001</c:v>
                </c:pt>
                <c:pt idx="2748">
                  <c:v>27.501000000000001</c:v>
                </c:pt>
                <c:pt idx="2749">
                  <c:v>27.510999999999999</c:v>
                </c:pt>
                <c:pt idx="2750">
                  <c:v>27.521000000000001</c:v>
                </c:pt>
                <c:pt idx="2751">
                  <c:v>27.53</c:v>
                </c:pt>
                <c:pt idx="2752">
                  <c:v>27.54</c:v>
                </c:pt>
                <c:pt idx="2753">
                  <c:v>27.55</c:v>
                </c:pt>
                <c:pt idx="2754">
                  <c:v>27.561</c:v>
                </c:pt>
                <c:pt idx="2755">
                  <c:v>27.571000000000002</c:v>
                </c:pt>
                <c:pt idx="2756">
                  <c:v>27.581</c:v>
                </c:pt>
                <c:pt idx="2757">
                  <c:v>27.591000000000001</c:v>
                </c:pt>
                <c:pt idx="2758">
                  <c:v>27.600999999999999</c:v>
                </c:pt>
                <c:pt idx="2759">
                  <c:v>27.611000000000001</c:v>
                </c:pt>
                <c:pt idx="2760">
                  <c:v>27.622</c:v>
                </c:pt>
                <c:pt idx="2761">
                  <c:v>27.632999999999999</c:v>
                </c:pt>
                <c:pt idx="2762">
                  <c:v>27.641999999999999</c:v>
                </c:pt>
                <c:pt idx="2763">
                  <c:v>27.652999999999999</c:v>
                </c:pt>
                <c:pt idx="2764">
                  <c:v>27.663</c:v>
                </c:pt>
                <c:pt idx="2765">
                  <c:v>27.673999999999999</c:v>
                </c:pt>
                <c:pt idx="2766">
                  <c:v>27.684000000000001</c:v>
                </c:pt>
                <c:pt idx="2767">
                  <c:v>27.693999999999999</c:v>
                </c:pt>
                <c:pt idx="2768">
                  <c:v>27.704999999999998</c:v>
                </c:pt>
                <c:pt idx="2769">
                  <c:v>27.713999999999999</c:v>
                </c:pt>
                <c:pt idx="2770">
                  <c:v>27.725000000000001</c:v>
                </c:pt>
                <c:pt idx="2771">
                  <c:v>27.734999999999999</c:v>
                </c:pt>
                <c:pt idx="2772">
                  <c:v>27.744</c:v>
                </c:pt>
                <c:pt idx="2773">
                  <c:v>27.754999999999999</c:v>
                </c:pt>
                <c:pt idx="2774">
                  <c:v>27.765000000000001</c:v>
                </c:pt>
                <c:pt idx="2775">
                  <c:v>27.776</c:v>
                </c:pt>
                <c:pt idx="2776">
                  <c:v>27.786000000000001</c:v>
                </c:pt>
                <c:pt idx="2777">
                  <c:v>27.795999999999999</c:v>
                </c:pt>
                <c:pt idx="2778">
                  <c:v>27.806000000000001</c:v>
                </c:pt>
                <c:pt idx="2779">
                  <c:v>27.817</c:v>
                </c:pt>
                <c:pt idx="2780">
                  <c:v>27.826000000000001</c:v>
                </c:pt>
                <c:pt idx="2781">
                  <c:v>27.835999999999999</c:v>
                </c:pt>
                <c:pt idx="2782">
                  <c:v>27.847000000000001</c:v>
                </c:pt>
                <c:pt idx="2783">
                  <c:v>27.856000000000002</c:v>
                </c:pt>
                <c:pt idx="2784">
                  <c:v>27.867000000000001</c:v>
                </c:pt>
                <c:pt idx="2785">
                  <c:v>27.876000000000001</c:v>
                </c:pt>
                <c:pt idx="2786">
                  <c:v>27.887</c:v>
                </c:pt>
                <c:pt idx="2787">
                  <c:v>27.896999999999998</c:v>
                </c:pt>
                <c:pt idx="2788">
                  <c:v>27.907</c:v>
                </c:pt>
                <c:pt idx="2789">
                  <c:v>27.917999999999999</c:v>
                </c:pt>
                <c:pt idx="2790">
                  <c:v>27.928000000000001</c:v>
                </c:pt>
                <c:pt idx="2791">
                  <c:v>27.937999999999999</c:v>
                </c:pt>
                <c:pt idx="2792">
                  <c:v>27.946999999999999</c:v>
                </c:pt>
                <c:pt idx="2793">
                  <c:v>27.959</c:v>
                </c:pt>
                <c:pt idx="2794">
                  <c:v>27.969000000000001</c:v>
                </c:pt>
                <c:pt idx="2795">
                  <c:v>27.978000000000002</c:v>
                </c:pt>
                <c:pt idx="2796">
                  <c:v>27.99</c:v>
                </c:pt>
                <c:pt idx="2797">
                  <c:v>27.998999999999999</c:v>
                </c:pt>
                <c:pt idx="2798">
                  <c:v>28.01</c:v>
                </c:pt>
                <c:pt idx="2799">
                  <c:v>28.021000000000001</c:v>
                </c:pt>
                <c:pt idx="2800">
                  <c:v>28.030999999999999</c:v>
                </c:pt>
                <c:pt idx="2801">
                  <c:v>28.041</c:v>
                </c:pt>
                <c:pt idx="2802">
                  <c:v>28.05</c:v>
                </c:pt>
                <c:pt idx="2803">
                  <c:v>28.062000000000001</c:v>
                </c:pt>
                <c:pt idx="2804">
                  <c:v>28.071999999999999</c:v>
                </c:pt>
                <c:pt idx="2805">
                  <c:v>28.082000000000001</c:v>
                </c:pt>
                <c:pt idx="2806">
                  <c:v>28.093</c:v>
                </c:pt>
                <c:pt idx="2807">
                  <c:v>28.102</c:v>
                </c:pt>
                <c:pt idx="2808">
                  <c:v>28.113</c:v>
                </c:pt>
                <c:pt idx="2809">
                  <c:v>28.123000000000001</c:v>
                </c:pt>
                <c:pt idx="2810">
                  <c:v>28.135000000000002</c:v>
                </c:pt>
                <c:pt idx="2811">
                  <c:v>28.143999999999998</c:v>
                </c:pt>
                <c:pt idx="2812">
                  <c:v>28.154</c:v>
                </c:pt>
                <c:pt idx="2813">
                  <c:v>28.164999999999999</c:v>
                </c:pt>
                <c:pt idx="2814">
                  <c:v>28.175000000000001</c:v>
                </c:pt>
                <c:pt idx="2815">
                  <c:v>28.186</c:v>
                </c:pt>
                <c:pt idx="2816">
                  <c:v>28.196000000000002</c:v>
                </c:pt>
                <c:pt idx="2817">
                  <c:v>28.206</c:v>
                </c:pt>
                <c:pt idx="2818">
                  <c:v>28.216999999999999</c:v>
                </c:pt>
                <c:pt idx="2819">
                  <c:v>28.225999999999999</c:v>
                </c:pt>
                <c:pt idx="2820">
                  <c:v>28.236999999999998</c:v>
                </c:pt>
                <c:pt idx="2821">
                  <c:v>28.247</c:v>
                </c:pt>
                <c:pt idx="2822">
                  <c:v>28.257000000000001</c:v>
                </c:pt>
                <c:pt idx="2823">
                  <c:v>28.268000000000001</c:v>
                </c:pt>
                <c:pt idx="2824">
                  <c:v>28.277000000000001</c:v>
                </c:pt>
                <c:pt idx="2825">
                  <c:v>28.288</c:v>
                </c:pt>
                <c:pt idx="2826">
                  <c:v>28.297999999999998</c:v>
                </c:pt>
                <c:pt idx="2827">
                  <c:v>28.308</c:v>
                </c:pt>
                <c:pt idx="2828">
                  <c:v>28.318000000000001</c:v>
                </c:pt>
                <c:pt idx="2829">
                  <c:v>28.33</c:v>
                </c:pt>
                <c:pt idx="2830">
                  <c:v>28.338999999999999</c:v>
                </c:pt>
                <c:pt idx="2831">
                  <c:v>28.35</c:v>
                </c:pt>
                <c:pt idx="2832">
                  <c:v>28.36</c:v>
                </c:pt>
                <c:pt idx="2833">
                  <c:v>28.370999999999999</c:v>
                </c:pt>
                <c:pt idx="2834">
                  <c:v>28.38</c:v>
                </c:pt>
                <c:pt idx="2835">
                  <c:v>28.39</c:v>
                </c:pt>
                <c:pt idx="2836">
                  <c:v>28.401</c:v>
                </c:pt>
                <c:pt idx="2837">
                  <c:v>28.411000000000001</c:v>
                </c:pt>
                <c:pt idx="2838">
                  <c:v>28.420999999999999</c:v>
                </c:pt>
                <c:pt idx="2839">
                  <c:v>28.431999999999999</c:v>
                </c:pt>
                <c:pt idx="2840">
                  <c:v>28.442</c:v>
                </c:pt>
                <c:pt idx="2841">
                  <c:v>28.452000000000002</c:v>
                </c:pt>
                <c:pt idx="2842">
                  <c:v>28.463000000000001</c:v>
                </c:pt>
                <c:pt idx="2843">
                  <c:v>28.474</c:v>
                </c:pt>
                <c:pt idx="2844">
                  <c:v>28.484999999999999</c:v>
                </c:pt>
                <c:pt idx="2845">
                  <c:v>28.495000000000001</c:v>
                </c:pt>
                <c:pt idx="2846">
                  <c:v>28.506</c:v>
                </c:pt>
                <c:pt idx="2847">
                  <c:v>28.515999999999998</c:v>
                </c:pt>
                <c:pt idx="2848">
                  <c:v>28.526</c:v>
                </c:pt>
                <c:pt idx="2849">
                  <c:v>28.536999999999999</c:v>
                </c:pt>
                <c:pt idx="2850">
                  <c:v>28.545999999999999</c:v>
                </c:pt>
                <c:pt idx="2851">
                  <c:v>28.556000000000001</c:v>
                </c:pt>
                <c:pt idx="2852">
                  <c:v>28.565000000000001</c:v>
                </c:pt>
                <c:pt idx="2853">
                  <c:v>28.574999999999999</c:v>
                </c:pt>
                <c:pt idx="2854">
                  <c:v>28.584</c:v>
                </c:pt>
                <c:pt idx="2855">
                  <c:v>28.594000000000001</c:v>
                </c:pt>
                <c:pt idx="2856">
                  <c:v>28.603999999999999</c:v>
                </c:pt>
                <c:pt idx="2857">
                  <c:v>28.613</c:v>
                </c:pt>
                <c:pt idx="2858">
                  <c:v>28.623999999999999</c:v>
                </c:pt>
                <c:pt idx="2859">
                  <c:v>28.634</c:v>
                </c:pt>
                <c:pt idx="2860">
                  <c:v>28.643999999999998</c:v>
                </c:pt>
                <c:pt idx="2861">
                  <c:v>28.652999999999999</c:v>
                </c:pt>
                <c:pt idx="2862">
                  <c:v>28.661999999999999</c:v>
                </c:pt>
                <c:pt idx="2863">
                  <c:v>28.672000000000001</c:v>
                </c:pt>
                <c:pt idx="2864">
                  <c:v>28.681000000000001</c:v>
                </c:pt>
                <c:pt idx="2865">
                  <c:v>28.690999999999999</c:v>
                </c:pt>
                <c:pt idx="2866">
                  <c:v>28.701000000000001</c:v>
                </c:pt>
                <c:pt idx="2867">
                  <c:v>28.710999999999999</c:v>
                </c:pt>
                <c:pt idx="2868">
                  <c:v>28.72</c:v>
                </c:pt>
                <c:pt idx="2869">
                  <c:v>28.728999999999999</c:v>
                </c:pt>
                <c:pt idx="2870">
                  <c:v>28.74</c:v>
                </c:pt>
                <c:pt idx="2871">
                  <c:v>28.748999999999999</c:v>
                </c:pt>
                <c:pt idx="2872">
                  <c:v>28.759</c:v>
                </c:pt>
                <c:pt idx="2873">
                  <c:v>28.768999999999998</c:v>
                </c:pt>
                <c:pt idx="2874">
                  <c:v>28.78</c:v>
                </c:pt>
                <c:pt idx="2875">
                  <c:v>28.791</c:v>
                </c:pt>
                <c:pt idx="2876">
                  <c:v>28.8</c:v>
                </c:pt>
                <c:pt idx="2877">
                  <c:v>28.811</c:v>
                </c:pt>
                <c:pt idx="2878">
                  <c:v>28.821000000000002</c:v>
                </c:pt>
                <c:pt idx="2879">
                  <c:v>28.832000000000001</c:v>
                </c:pt>
                <c:pt idx="2880">
                  <c:v>28.841999999999999</c:v>
                </c:pt>
                <c:pt idx="2881">
                  <c:v>28.853000000000002</c:v>
                </c:pt>
                <c:pt idx="2882">
                  <c:v>28.864000000000001</c:v>
                </c:pt>
                <c:pt idx="2883">
                  <c:v>28.873000000000001</c:v>
                </c:pt>
                <c:pt idx="2884">
                  <c:v>28.884</c:v>
                </c:pt>
                <c:pt idx="2885">
                  <c:v>28.893000000000001</c:v>
                </c:pt>
                <c:pt idx="2886">
                  <c:v>28.902000000000001</c:v>
                </c:pt>
                <c:pt idx="2887">
                  <c:v>28.913</c:v>
                </c:pt>
                <c:pt idx="2888">
                  <c:v>28.922000000000001</c:v>
                </c:pt>
                <c:pt idx="2889">
                  <c:v>28.931999999999999</c:v>
                </c:pt>
                <c:pt idx="2890">
                  <c:v>28.942</c:v>
                </c:pt>
                <c:pt idx="2891">
                  <c:v>28.952000000000002</c:v>
                </c:pt>
                <c:pt idx="2892">
                  <c:v>28.960999999999999</c:v>
                </c:pt>
                <c:pt idx="2893">
                  <c:v>28.972000000000001</c:v>
                </c:pt>
                <c:pt idx="2894">
                  <c:v>28.981999999999999</c:v>
                </c:pt>
                <c:pt idx="2895">
                  <c:v>28.991</c:v>
                </c:pt>
                <c:pt idx="2896">
                  <c:v>29.001000000000001</c:v>
                </c:pt>
                <c:pt idx="2897">
                  <c:v>29.010999999999999</c:v>
                </c:pt>
                <c:pt idx="2898">
                  <c:v>29.02</c:v>
                </c:pt>
                <c:pt idx="2899">
                  <c:v>29.03</c:v>
                </c:pt>
                <c:pt idx="2900">
                  <c:v>29.04</c:v>
                </c:pt>
                <c:pt idx="2901">
                  <c:v>29.05</c:v>
                </c:pt>
                <c:pt idx="2902">
                  <c:v>29.06</c:v>
                </c:pt>
                <c:pt idx="2903">
                  <c:v>29.07</c:v>
                </c:pt>
                <c:pt idx="2904">
                  <c:v>29.079000000000001</c:v>
                </c:pt>
                <c:pt idx="2905">
                  <c:v>29.088000000000001</c:v>
                </c:pt>
                <c:pt idx="2906">
                  <c:v>29.099</c:v>
                </c:pt>
                <c:pt idx="2907">
                  <c:v>29.108000000000001</c:v>
                </c:pt>
                <c:pt idx="2908">
                  <c:v>29.119</c:v>
                </c:pt>
                <c:pt idx="2909">
                  <c:v>29.128</c:v>
                </c:pt>
                <c:pt idx="2910">
                  <c:v>29.137</c:v>
                </c:pt>
                <c:pt idx="2911">
                  <c:v>29.148</c:v>
                </c:pt>
                <c:pt idx="2912">
                  <c:v>29.157</c:v>
                </c:pt>
                <c:pt idx="2913">
                  <c:v>29.167000000000002</c:v>
                </c:pt>
                <c:pt idx="2914">
                  <c:v>29.177</c:v>
                </c:pt>
                <c:pt idx="2915">
                  <c:v>29.187000000000001</c:v>
                </c:pt>
                <c:pt idx="2916">
                  <c:v>29.196999999999999</c:v>
                </c:pt>
                <c:pt idx="2917">
                  <c:v>29.207000000000001</c:v>
                </c:pt>
                <c:pt idx="2918">
                  <c:v>29.216000000000001</c:v>
                </c:pt>
                <c:pt idx="2919">
                  <c:v>29.227</c:v>
                </c:pt>
                <c:pt idx="2920">
                  <c:v>29.236000000000001</c:v>
                </c:pt>
                <c:pt idx="2921">
                  <c:v>29.245999999999999</c:v>
                </c:pt>
                <c:pt idx="2922">
                  <c:v>29.254999999999999</c:v>
                </c:pt>
                <c:pt idx="2923">
                  <c:v>29.265000000000001</c:v>
                </c:pt>
                <c:pt idx="2924">
                  <c:v>29.274999999999999</c:v>
                </c:pt>
                <c:pt idx="2925">
                  <c:v>29.285</c:v>
                </c:pt>
                <c:pt idx="2926">
                  <c:v>29.295000000000002</c:v>
                </c:pt>
                <c:pt idx="2927">
                  <c:v>29.305</c:v>
                </c:pt>
                <c:pt idx="2928">
                  <c:v>29.314</c:v>
                </c:pt>
                <c:pt idx="2929">
                  <c:v>29.324000000000002</c:v>
                </c:pt>
                <c:pt idx="2930">
                  <c:v>29.334</c:v>
                </c:pt>
                <c:pt idx="2931">
                  <c:v>29.344000000000001</c:v>
                </c:pt>
                <c:pt idx="2932">
                  <c:v>29.353999999999999</c:v>
                </c:pt>
                <c:pt idx="2933">
                  <c:v>29.361999999999998</c:v>
                </c:pt>
                <c:pt idx="2934">
                  <c:v>29.372</c:v>
                </c:pt>
                <c:pt idx="2935">
                  <c:v>29.382000000000001</c:v>
                </c:pt>
                <c:pt idx="2936">
                  <c:v>29.390999999999998</c:v>
                </c:pt>
                <c:pt idx="2937">
                  <c:v>29.402000000000001</c:v>
                </c:pt>
                <c:pt idx="2938">
                  <c:v>29.411000000000001</c:v>
                </c:pt>
                <c:pt idx="2939">
                  <c:v>29.420999999999999</c:v>
                </c:pt>
                <c:pt idx="2940">
                  <c:v>29.43</c:v>
                </c:pt>
                <c:pt idx="2941">
                  <c:v>29.44</c:v>
                </c:pt>
                <c:pt idx="2942">
                  <c:v>29.45</c:v>
                </c:pt>
                <c:pt idx="2943">
                  <c:v>29.46</c:v>
                </c:pt>
                <c:pt idx="2944">
                  <c:v>29.47</c:v>
                </c:pt>
                <c:pt idx="2945">
                  <c:v>29.48</c:v>
                </c:pt>
                <c:pt idx="2946">
                  <c:v>29.49</c:v>
                </c:pt>
                <c:pt idx="2947">
                  <c:v>29.498999999999999</c:v>
                </c:pt>
                <c:pt idx="2948">
                  <c:v>29.51</c:v>
                </c:pt>
                <c:pt idx="2949">
                  <c:v>29.518999999999998</c:v>
                </c:pt>
                <c:pt idx="2950">
                  <c:v>29.527999999999999</c:v>
                </c:pt>
                <c:pt idx="2951">
                  <c:v>29.539000000000001</c:v>
                </c:pt>
                <c:pt idx="2952">
                  <c:v>29.547999999999998</c:v>
                </c:pt>
                <c:pt idx="2953">
                  <c:v>29.558</c:v>
                </c:pt>
                <c:pt idx="2954">
                  <c:v>29.568000000000001</c:v>
                </c:pt>
                <c:pt idx="2955">
                  <c:v>29.577000000000002</c:v>
                </c:pt>
                <c:pt idx="2956">
                  <c:v>29.588000000000001</c:v>
                </c:pt>
                <c:pt idx="2957">
                  <c:v>29.597999999999999</c:v>
                </c:pt>
                <c:pt idx="2958">
                  <c:v>29.606999999999999</c:v>
                </c:pt>
                <c:pt idx="2959">
                  <c:v>29.617000000000001</c:v>
                </c:pt>
                <c:pt idx="2960">
                  <c:v>29.626999999999999</c:v>
                </c:pt>
                <c:pt idx="2961">
                  <c:v>29.635999999999999</c:v>
                </c:pt>
                <c:pt idx="2962">
                  <c:v>29.646999999999998</c:v>
                </c:pt>
                <c:pt idx="2963">
                  <c:v>29.655999999999999</c:v>
                </c:pt>
                <c:pt idx="2964">
                  <c:v>29.666</c:v>
                </c:pt>
                <c:pt idx="2965">
                  <c:v>29.675999999999998</c:v>
                </c:pt>
                <c:pt idx="2966">
                  <c:v>29.686</c:v>
                </c:pt>
                <c:pt idx="2967">
                  <c:v>29.696000000000002</c:v>
                </c:pt>
                <c:pt idx="2968">
                  <c:v>29.704999999999998</c:v>
                </c:pt>
                <c:pt idx="2969">
                  <c:v>29.716000000000001</c:v>
                </c:pt>
                <c:pt idx="2970">
                  <c:v>29.725000000000001</c:v>
                </c:pt>
                <c:pt idx="2971">
                  <c:v>29.734999999999999</c:v>
                </c:pt>
                <c:pt idx="2972">
                  <c:v>29.745000000000001</c:v>
                </c:pt>
                <c:pt idx="2973">
                  <c:v>29.754999999999999</c:v>
                </c:pt>
                <c:pt idx="2974">
                  <c:v>29.765000000000001</c:v>
                </c:pt>
                <c:pt idx="2975">
                  <c:v>29.774000000000001</c:v>
                </c:pt>
                <c:pt idx="2976">
                  <c:v>29.785</c:v>
                </c:pt>
                <c:pt idx="2977">
                  <c:v>29.794</c:v>
                </c:pt>
                <c:pt idx="2978">
                  <c:v>29.803999999999998</c:v>
                </c:pt>
                <c:pt idx="2979">
                  <c:v>29.814</c:v>
                </c:pt>
                <c:pt idx="2980">
                  <c:v>29.823</c:v>
                </c:pt>
                <c:pt idx="2981">
                  <c:v>29.832999999999998</c:v>
                </c:pt>
                <c:pt idx="2982">
                  <c:v>29.843</c:v>
                </c:pt>
                <c:pt idx="2983">
                  <c:v>29.853000000000002</c:v>
                </c:pt>
                <c:pt idx="2984">
                  <c:v>29.861999999999998</c:v>
                </c:pt>
                <c:pt idx="2985">
                  <c:v>29.873000000000001</c:v>
                </c:pt>
                <c:pt idx="2986">
                  <c:v>29.882000000000001</c:v>
                </c:pt>
                <c:pt idx="2987">
                  <c:v>29.893000000000001</c:v>
                </c:pt>
                <c:pt idx="2988">
                  <c:v>29.902000000000001</c:v>
                </c:pt>
                <c:pt idx="2989">
                  <c:v>29.911999999999999</c:v>
                </c:pt>
                <c:pt idx="2990">
                  <c:v>29.922000000000001</c:v>
                </c:pt>
                <c:pt idx="2991">
                  <c:v>29.931999999999999</c:v>
                </c:pt>
                <c:pt idx="2992">
                  <c:v>29.940999999999999</c:v>
                </c:pt>
                <c:pt idx="2993">
                  <c:v>29.952000000000002</c:v>
                </c:pt>
                <c:pt idx="2994">
                  <c:v>29.960999999999999</c:v>
                </c:pt>
                <c:pt idx="2995">
                  <c:v>29.971</c:v>
                </c:pt>
                <c:pt idx="2996">
                  <c:v>29.981000000000002</c:v>
                </c:pt>
                <c:pt idx="2997">
                  <c:v>29.991</c:v>
                </c:pt>
                <c:pt idx="2998">
                  <c:v>30</c:v>
                </c:pt>
                <c:pt idx="2999">
                  <c:v>30.01</c:v>
                </c:pt>
                <c:pt idx="3000">
                  <c:v>30.021000000000001</c:v>
                </c:pt>
                <c:pt idx="3001">
                  <c:v>30.03</c:v>
                </c:pt>
                <c:pt idx="3002">
                  <c:v>30.04</c:v>
                </c:pt>
                <c:pt idx="3003">
                  <c:v>30.050999999999998</c:v>
                </c:pt>
                <c:pt idx="3004">
                  <c:v>30.06</c:v>
                </c:pt>
                <c:pt idx="3005">
                  <c:v>30.068999999999999</c:v>
                </c:pt>
                <c:pt idx="3006">
                  <c:v>30.08</c:v>
                </c:pt>
                <c:pt idx="3007">
                  <c:v>30.09</c:v>
                </c:pt>
                <c:pt idx="3008">
                  <c:v>30.099</c:v>
                </c:pt>
                <c:pt idx="3009">
                  <c:v>30.11</c:v>
                </c:pt>
                <c:pt idx="3010">
                  <c:v>30.12</c:v>
                </c:pt>
                <c:pt idx="3011">
                  <c:v>30.13</c:v>
                </c:pt>
                <c:pt idx="3012">
                  <c:v>30.138999999999999</c:v>
                </c:pt>
                <c:pt idx="3013">
                  <c:v>30.149000000000001</c:v>
                </c:pt>
                <c:pt idx="3014">
                  <c:v>30.16</c:v>
                </c:pt>
                <c:pt idx="3015">
                  <c:v>30.169</c:v>
                </c:pt>
                <c:pt idx="3016">
                  <c:v>30.178999999999998</c:v>
                </c:pt>
                <c:pt idx="3017">
                  <c:v>30.189</c:v>
                </c:pt>
                <c:pt idx="3018">
                  <c:v>30.199000000000002</c:v>
                </c:pt>
                <c:pt idx="3019">
                  <c:v>30.209</c:v>
                </c:pt>
                <c:pt idx="3020">
                  <c:v>30.219000000000001</c:v>
                </c:pt>
                <c:pt idx="3021">
                  <c:v>30.228999999999999</c:v>
                </c:pt>
                <c:pt idx="3022">
                  <c:v>30.238</c:v>
                </c:pt>
                <c:pt idx="3023">
                  <c:v>30.248999999999999</c:v>
                </c:pt>
                <c:pt idx="3024">
                  <c:v>30.259</c:v>
                </c:pt>
                <c:pt idx="3025">
                  <c:v>30.268000000000001</c:v>
                </c:pt>
                <c:pt idx="3026">
                  <c:v>30.277999999999999</c:v>
                </c:pt>
                <c:pt idx="3027">
                  <c:v>30.288</c:v>
                </c:pt>
                <c:pt idx="3028">
                  <c:v>30.297999999999998</c:v>
                </c:pt>
                <c:pt idx="3029">
                  <c:v>30.309000000000001</c:v>
                </c:pt>
                <c:pt idx="3030">
                  <c:v>30.318000000000001</c:v>
                </c:pt>
                <c:pt idx="3031">
                  <c:v>30.327000000000002</c:v>
                </c:pt>
                <c:pt idx="3032">
                  <c:v>30.338000000000001</c:v>
                </c:pt>
                <c:pt idx="3033">
                  <c:v>30.347999999999999</c:v>
                </c:pt>
                <c:pt idx="3034">
                  <c:v>30.356999999999999</c:v>
                </c:pt>
                <c:pt idx="3035">
                  <c:v>30.367999999999999</c:v>
                </c:pt>
                <c:pt idx="3036">
                  <c:v>30.378</c:v>
                </c:pt>
                <c:pt idx="3037">
                  <c:v>30.387</c:v>
                </c:pt>
                <c:pt idx="3038">
                  <c:v>30.398</c:v>
                </c:pt>
                <c:pt idx="3039">
                  <c:v>30.407</c:v>
                </c:pt>
                <c:pt idx="3040">
                  <c:v>30.416</c:v>
                </c:pt>
                <c:pt idx="3041">
                  <c:v>30.427</c:v>
                </c:pt>
                <c:pt idx="3042">
                  <c:v>30.437000000000001</c:v>
                </c:pt>
                <c:pt idx="3043">
                  <c:v>30.446000000000002</c:v>
                </c:pt>
                <c:pt idx="3044">
                  <c:v>30.457000000000001</c:v>
                </c:pt>
                <c:pt idx="3045">
                  <c:v>30.466999999999999</c:v>
                </c:pt>
                <c:pt idx="3046">
                  <c:v>30.475999999999999</c:v>
                </c:pt>
                <c:pt idx="3047">
                  <c:v>30.486999999999998</c:v>
                </c:pt>
                <c:pt idx="3048">
                  <c:v>30.497</c:v>
                </c:pt>
                <c:pt idx="3049">
                  <c:v>30.507000000000001</c:v>
                </c:pt>
                <c:pt idx="3050">
                  <c:v>30.516999999999999</c:v>
                </c:pt>
                <c:pt idx="3051">
                  <c:v>30.526</c:v>
                </c:pt>
                <c:pt idx="3052">
                  <c:v>30.536999999999999</c:v>
                </c:pt>
                <c:pt idx="3053">
                  <c:v>30.547000000000001</c:v>
                </c:pt>
                <c:pt idx="3054">
                  <c:v>30.556000000000001</c:v>
                </c:pt>
                <c:pt idx="3055">
                  <c:v>30.565999999999999</c:v>
                </c:pt>
                <c:pt idx="3056">
                  <c:v>30.576000000000001</c:v>
                </c:pt>
                <c:pt idx="3057">
                  <c:v>30.585999999999999</c:v>
                </c:pt>
                <c:pt idx="3058">
                  <c:v>30.596</c:v>
                </c:pt>
                <c:pt idx="3059">
                  <c:v>30.606000000000002</c:v>
                </c:pt>
                <c:pt idx="3060">
                  <c:v>30.616</c:v>
                </c:pt>
                <c:pt idx="3061">
                  <c:v>30.625</c:v>
                </c:pt>
                <c:pt idx="3062">
                  <c:v>30.635999999999999</c:v>
                </c:pt>
                <c:pt idx="3063">
                  <c:v>30.645</c:v>
                </c:pt>
                <c:pt idx="3064">
                  <c:v>30.655000000000001</c:v>
                </c:pt>
                <c:pt idx="3065">
                  <c:v>30.664000000000001</c:v>
                </c:pt>
                <c:pt idx="3066">
                  <c:v>30.675000000000001</c:v>
                </c:pt>
                <c:pt idx="3067">
                  <c:v>30.684000000000001</c:v>
                </c:pt>
                <c:pt idx="3068">
                  <c:v>30.695</c:v>
                </c:pt>
                <c:pt idx="3069">
                  <c:v>30.704000000000001</c:v>
                </c:pt>
                <c:pt idx="3070">
                  <c:v>30.713000000000001</c:v>
                </c:pt>
                <c:pt idx="3071">
                  <c:v>30.724</c:v>
                </c:pt>
                <c:pt idx="3072">
                  <c:v>30.734000000000002</c:v>
                </c:pt>
                <c:pt idx="3073">
                  <c:v>30.742999999999999</c:v>
                </c:pt>
                <c:pt idx="3074">
                  <c:v>30.754000000000001</c:v>
                </c:pt>
                <c:pt idx="3075">
                  <c:v>30.763000000000002</c:v>
                </c:pt>
                <c:pt idx="3076">
                  <c:v>30.773</c:v>
                </c:pt>
                <c:pt idx="3077">
                  <c:v>30.783000000000001</c:v>
                </c:pt>
                <c:pt idx="3078">
                  <c:v>30.792999999999999</c:v>
                </c:pt>
                <c:pt idx="3079">
                  <c:v>30.803000000000001</c:v>
                </c:pt>
                <c:pt idx="3080">
                  <c:v>30.812999999999999</c:v>
                </c:pt>
                <c:pt idx="3081">
                  <c:v>30.824000000000002</c:v>
                </c:pt>
                <c:pt idx="3082">
                  <c:v>30.832999999999998</c:v>
                </c:pt>
                <c:pt idx="3083">
                  <c:v>30.844000000000001</c:v>
                </c:pt>
                <c:pt idx="3084">
                  <c:v>30.853000000000002</c:v>
                </c:pt>
                <c:pt idx="3085">
                  <c:v>30.863</c:v>
                </c:pt>
                <c:pt idx="3086">
                  <c:v>30.873000000000001</c:v>
                </c:pt>
                <c:pt idx="3087">
                  <c:v>30.882999999999999</c:v>
                </c:pt>
                <c:pt idx="3088">
                  <c:v>30.891999999999999</c:v>
                </c:pt>
                <c:pt idx="3089">
                  <c:v>30.902999999999999</c:v>
                </c:pt>
                <c:pt idx="3090">
                  <c:v>30.911999999999999</c:v>
                </c:pt>
                <c:pt idx="3091">
                  <c:v>30.922000000000001</c:v>
                </c:pt>
                <c:pt idx="3092">
                  <c:v>30.931999999999999</c:v>
                </c:pt>
                <c:pt idx="3093">
                  <c:v>30.940999999999999</c:v>
                </c:pt>
                <c:pt idx="3094">
                  <c:v>30.952000000000002</c:v>
                </c:pt>
                <c:pt idx="3095">
                  <c:v>30.962</c:v>
                </c:pt>
                <c:pt idx="3096">
                  <c:v>30.972999999999999</c:v>
                </c:pt>
                <c:pt idx="3097">
                  <c:v>30.981999999999999</c:v>
                </c:pt>
                <c:pt idx="3098">
                  <c:v>30.991</c:v>
                </c:pt>
                <c:pt idx="3099">
                  <c:v>31.001999999999999</c:v>
                </c:pt>
                <c:pt idx="3100">
                  <c:v>31.012</c:v>
                </c:pt>
                <c:pt idx="3101">
                  <c:v>31.023</c:v>
                </c:pt>
                <c:pt idx="3102">
                  <c:v>31.032</c:v>
                </c:pt>
                <c:pt idx="3103">
                  <c:v>31.041</c:v>
                </c:pt>
                <c:pt idx="3104">
                  <c:v>31.053000000000001</c:v>
                </c:pt>
                <c:pt idx="3105">
                  <c:v>31.062000000000001</c:v>
                </c:pt>
                <c:pt idx="3106">
                  <c:v>31.071000000000002</c:v>
                </c:pt>
                <c:pt idx="3107">
                  <c:v>31.082000000000001</c:v>
                </c:pt>
                <c:pt idx="3108">
                  <c:v>31.091000000000001</c:v>
                </c:pt>
                <c:pt idx="3109">
                  <c:v>31.102</c:v>
                </c:pt>
                <c:pt idx="3110">
                  <c:v>31.111999999999998</c:v>
                </c:pt>
                <c:pt idx="3111">
                  <c:v>31.120999999999999</c:v>
                </c:pt>
                <c:pt idx="3112">
                  <c:v>31.131</c:v>
                </c:pt>
                <c:pt idx="3113">
                  <c:v>31.140999999999998</c:v>
                </c:pt>
                <c:pt idx="3114">
                  <c:v>31.15</c:v>
                </c:pt>
                <c:pt idx="3115">
                  <c:v>31.16</c:v>
                </c:pt>
                <c:pt idx="3116">
                  <c:v>31.169</c:v>
                </c:pt>
                <c:pt idx="3117">
                  <c:v>31.18</c:v>
                </c:pt>
                <c:pt idx="3118">
                  <c:v>31.19</c:v>
                </c:pt>
                <c:pt idx="3119">
                  <c:v>31.2</c:v>
                </c:pt>
                <c:pt idx="3120">
                  <c:v>31.209</c:v>
                </c:pt>
                <c:pt idx="3121">
                  <c:v>31.218</c:v>
                </c:pt>
                <c:pt idx="3122">
                  <c:v>31.227</c:v>
                </c:pt>
                <c:pt idx="3123">
                  <c:v>31.238</c:v>
                </c:pt>
                <c:pt idx="3124">
                  <c:v>31.248000000000001</c:v>
                </c:pt>
                <c:pt idx="3125">
                  <c:v>31.257000000000001</c:v>
                </c:pt>
                <c:pt idx="3126">
                  <c:v>31.268000000000001</c:v>
                </c:pt>
                <c:pt idx="3127">
                  <c:v>31.277000000000001</c:v>
                </c:pt>
                <c:pt idx="3128">
                  <c:v>31.286999999999999</c:v>
                </c:pt>
                <c:pt idx="3129">
                  <c:v>31.297999999999998</c:v>
                </c:pt>
                <c:pt idx="3130">
                  <c:v>31.306999999999999</c:v>
                </c:pt>
                <c:pt idx="3131">
                  <c:v>31.317</c:v>
                </c:pt>
                <c:pt idx="3132">
                  <c:v>31.327000000000002</c:v>
                </c:pt>
                <c:pt idx="3133">
                  <c:v>31.335999999999999</c:v>
                </c:pt>
                <c:pt idx="3134">
                  <c:v>31.344999999999999</c:v>
                </c:pt>
                <c:pt idx="3135">
                  <c:v>31.356000000000002</c:v>
                </c:pt>
                <c:pt idx="3136">
                  <c:v>31.364999999999998</c:v>
                </c:pt>
                <c:pt idx="3137">
                  <c:v>31.376000000000001</c:v>
                </c:pt>
                <c:pt idx="3138">
                  <c:v>31.385000000000002</c:v>
                </c:pt>
                <c:pt idx="3139">
                  <c:v>31.395</c:v>
                </c:pt>
                <c:pt idx="3140">
                  <c:v>31.405000000000001</c:v>
                </c:pt>
                <c:pt idx="3141">
                  <c:v>31.414999999999999</c:v>
                </c:pt>
                <c:pt idx="3142">
                  <c:v>31.425000000000001</c:v>
                </c:pt>
                <c:pt idx="3143">
                  <c:v>31.434999999999999</c:v>
                </c:pt>
                <c:pt idx="3144">
                  <c:v>31.443999999999999</c:v>
                </c:pt>
                <c:pt idx="3145">
                  <c:v>31.454999999999998</c:v>
                </c:pt>
                <c:pt idx="3146">
                  <c:v>31.463999999999999</c:v>
                </c:pt>
                <c:pt idx="3147">
                  <c:v>31.474</c:v>
                </c:pt>
                <c:pt idx="3148">
                  <c:v>31.483000000000001</c:v>
                </c:pt>
                <c:pt idx="3149">
                  <c:v>31.494</c:v>
                </c:pt>
                <c:pt idx="3150">
                  <c:v>31.504999999999999</c:v>
                </c:pt>
                <c:pt idx="3151">
                  <c:v>31.513000000000002</c:v>
                </c:pt>
                <c:pt idx="3152">
                  <c:v>31.524000000000001</c:v>
                </c:pt>
                <c:pt idx="3153">
                  <c:v>31.533999999999999</c:v>
                </c:pt>
                <c:pt idx="3154">
                  <c:v>31.542999999999999</c:v>
                </c:pt>
                <c:pt idx="3155">
                  <c:v>31.553999999999998</c:v>
                </c:pt>
                <c:pt idx="3156">
                  <c:v>31.562999999999999</c:v>
                </c:pt>
                <c:pt idx="3157">
                  <c:v>31.574000000000002</c:v>
                </c:pt>
                <c:pt idx="3158">
                  <c:v>31.582999999999998</c:v>
                </c:pt>
                <c:pt idx="3159">
                  <c:v>31.593</c:v>
                </c:pt>
                <c:pt idx="3160">
                  <c:v>31.602</c:v>
                </c:pt>
                <c:pt idx="3161">
                  <c:v>31.611999999999998</c:v>
                </c:pt>
                <c:pt idx="3162">
                  <c:v>31.620999999999999</c:v>
                </c:pt>
                <c:pt idx="3163">
                  <c:v>31.632000000000001</c:v>
                </c:pt>
                <c:pt idx="3164">
                  <c:v>31.640999999999998</c:v>
                </c:pt>
                <c:pt idx="3165">
                  <c:v>31.651</c:v>
                </c:pt>
                <c:pt idx="3166">
                  <c:v>31.66</c:v>
                </c:pt>
                <c:pt idx="3167">
                  <c:v>31.670999999999999</c:v>
                </c:pt>
                <c:pt idx="3168">
                  <c:v>31.68</c:v>
                </c:pt>
                <c:pt idx="3169">
                  <c:v>31.69</c:v>
                </c:pt>
                <c:pt idx="3170">
                  <c:v>31.7</c:v>
                </c:pt>
                <c:pt idx="3171">
                  <c:v>31.71</c:v>
                </c:pt>
                <c:pt idx="3172">
                  <c:v>31.72</c:v>
                </c:pt>
                <c:pt idx="3173">
                  <c:v>31.728999999999999</c:v>
                </c:pt>
                <c:pt idx="3174">
                  <c:v>31.738</c:v>
                </c:pt>
                <c:pt idx="3175">
                  <c:v>31.748999999999999</c:v>
                </c:pt>
                <c:pt idx="3176">
                  <c:v>31.757999999999999</c:v>
                </c:pt>
                <c:pt idx="3177">
                  <c:v>31.768999999999998</c:v>
                </c:pt>
                <c:pt idx="3178">
                  <c:v>31.777999999999999</c:v>
                </c:pt>
                <c:pt idx="3179">
                  <c:v>31.788</c:v>
                </c:pt>
                <c:pt idx="3180">
                  <c:v>31.797999999999998</c:v>
                </c:pt>
                <c:pt idx="3181">
                  <c:v>31.806999999999999</c:v>
                </c:pt>
                <c:pt idx="3182">
                  <c:v>31.818000000000001</c:v>
                </c:pt>
                <c:pt idx="3183">
                  <c:v>31.827999999999999</c:v>
                </c:pt>
                <c:pt idx="3184">
                  <c:v>31.837</c:v>
                </c:pt>
                <c:pt idx="3185">
                  <c:v>31.847000000000001</c:v>
                </c:pt>
                <c:pt idx="3186">
                  <c:v>31.856999999999999</c:v>
                </c:pt>
                <c:pt idx="3187">
                  <c:v>31.867000000000001</c:v>
                </c:pt>
                <c:pt idx="3188">
                  <c:v>31.876999999999999</c:v>
                </c:pt>
                <c:pt idx="3189">
                  <c:v>31.887</c:v>
                </c:pt>
                <c:pt idx="3190">
                  <c:v>31.896000000000001</c:v>
                </c:pt>
                <c:pt idx="3191">
                  <c:v>31.905999999999999</c:v>
                </c:pt>
                <c:pt idx="3192">
                  <c:v>31.914999999999999</c:v>
                </c:pt>
                <c:pt idx="3193">
                  <c:v>31.925999999999998</c:v>
                </c:pt>
                <c:pt idx="3194">
                  <c:v>31.936</c:v>
                </c:pt>
                <c:pt idx="3195">
                  <c:v>31.945</c:v>
                </c:pt>
                <c:pt idx="3196">
                  <c:v>31.954999999999998</c:v>
                </c:pt>
                <c:pt idx="3197">
                  <c:v>31.966000000000001</c:v>
                </c:pt>
                <c:pt idx="3198">
                  <c:v>31.975000000000001</c:v>
                </c:pt>
                <c:pt idx="3199">
                  <c:v>31.986000000000001</c:v>
                </c:pt>
                <c:pt idx="3200">
                  <c:v>31.995000000000001</c:v>
                </c:pt>
                <c:pt idx="3201">
                  <c:v>32.005000000000003</c:v>
                </c:pt>
                <c:pt idx="3202">
                  <c:v>32.015000000000001</c:v>
                </c:pt>
                <c:pt idx="3203">
                  <c:v>32.024000000000001</c:v>
                </c:pt>
                <c:pt idx="3204">
                  <c:v>32.034999999999997</c:v>
                </c:pt>
                <c:pt idx="3205">
                  <c:v>32.043999999999997</c:v>
                </c:pt>
                <c:pt idx="3206">
                  <c:v>32.052999999999997</c:v>
                </c:pt>
                <c:pt idx="3207">
                  <c:v>32.064</c:v>
                </c:pt>
                <c:pt idx="3208">
                  <c:v>32.073</c:v>
                </c:pt>
                <c:pt idx="3209">
                  <c:v>32.082999999999998</c:v>
                </c:pt>
                <c:pt idx="3210">
                  <c:v>32.091999999999999</c:v>
                </c:pt>
                <c:pt idx="3211">
                  <c:v>32.103000000000002</c:v>
                </c:pt>
                <c:pt idx="3212">
                  <c:v>32.112000000000002</c:v>
                </c:pt>
                <c:pt idx="3213">
                  <c:v>32.122</c:v>
                </c:pt>
                <c:pt idx="3214">
                  <c:v>32.133000000000003</c:v>
                </c:pt>
                <c:pt idx="3215">
                  <c:v>32.143000000000001</c:v>
                </c:pt>
                <c:pt idx="3216">
                  <c:v>32.152000000000001</c:v>
                </c:pt>
                <c:pt idx="3217">
                  <c:v>32.161999999999999</c:v>
                </c:pt>
                <c:pt idx="3218">
                  <c:v>32.171999999999997</c:v>
                </c:pt>
                <c:pt idx="3219">
                  <c:v>32.182000000000002</c:v>
                </c:pt>
                <c:pt idx="3220">
                  <c:v>32.192</c:v>
                </c:pt>
                <c:pt idx="3221">
                  <c:v>32.201999999999998</c:v>
                </c:pt>
                <c:pt idx="3222">
                  <c:v>32.212000000000003</c:v>
                </c:pt>
                <c:pt idx="3223">
                  <c:v>32.222000000000001</c:v>
                </c:pt>
                <c:pt idx="3224">
                  <c:v>32.231000000000002</c:v>
                </c:pt>
                <c:pt idx="3225">
                  <c:v>32.241</c:v>
                </c:pt>
                <c:pt idx="3226">
                  <c:v>32.252000000000002</c:v>
                </c:pt>
                <c:pt idx="3227">
                  <c:v>32.261000000000003</c:v>
                </c:pt>
                <c:pt idx="3228">
                  <c:v>32.270000000000003</c:v>
                </c:pt>
                <c:pt idx="3229">
                  <c:v>32.28</c:v>
                </c:pt>
                <c:pt idx="3230">
                  <c:v>32.29</c:v>
                </c:pt>
                <c:pt idx="3231">
                  <c:v>32.298999999999999</c:v>
                </c:pt>
                <c:pt idx="3232">
                  <c:v>32.31</c:v>
                </c:pt>
                <c:pt idx="3233">
                  <c:v>32.32</c:v>
                </c:pt>
                <c:pt idx="3234">
                  <c:v>32.33</c:v>
                </c:pt>
                <c:pt idx="3235">
                  <c:v>32.338999999999999</c:v>
                </c:pt>
                <c:pt idx="3236">
                  <c:v>32.35</c:v>
                </c:pt>
                <c:pt idx="3237">
                  <c:v>32.36</c:v>
                </c:pt>
                <c:pt idx="3238">
                  <c:v>32.369</c:v>
                </c:pt>
                <c:pt idx="3239">
                  <c:v>32.380000000000003</c:v>
                </c:pt>
                <c:pt idx="3240">
                  <c:v>32.389000000000003</c:v>
                </c:pt>
                <c:pt idx="3241">
                  <c:v>32.399000000000001</c:v>
                </c:pt>
                <c:pt idx="3242">
                  <c:v>32.408999999999999</c:v>
                </c:pt>
                <c:pt idx="3243">
                  <c:v>32.417999999999999</c:v>
                </c:pt>
                <c:pt idx="3244">
                  <c:v>32.429000000000002</c:v>
                </c:pt>
                <c:pt idx="3245">
                  <c:v>32.438000000000002</c:v>
                </c:pt>
                <c:pt idx="3246">
                  <c:v>32.447000000000003</c:v>
                </c:pt>
                <c:pt idx="3247">
                  <c:v>32.457999999999998</c:v>
                </c:pt>
                <c:pt idx="3248">
                  <c:v>32.466999999999999</c:v>
                </c:pt>
                <c:pt idx="3249">
                  <c:v>32.476999999999997</c:v>
                </c:pt>
                <c:pt idx="3250">
                  <c:v>32.488</c:v>
                </c:pt>
                <c:pt idx="3251">
                  <c:v>32.497</c:v>
                </c:pt>
                <c:pt idx="3252">
                  <c:v>32.506999999999998</c:v>
                </c:pt>
                <c:pt idx="3253">
                  <c:v>32.515999999999998</c:v>
                </c:pt>
                <c:pt idx="3254">
                  <c:v>32.527000000000001</c:v>
                </c:pt>
                <c:pt idx="3255">
                  <c:v>32.536999999999999</c:v>
                </c:pt>
                <c:pt idx="3256">
                  <c:v>32.546999999999997</c:v>
                </c:pt>
                <c:pt idx="3257">
                  <c:v>32.555999999999997</c:v>
                </c:pt>
                <c:pt idx="3258">
                  <c:v>32.566000000000003</c:v>
                </c:pt>
                <c:pt idx="3259">
                  <c:v>32.576000000000001</c:v>
                </c:pt>
                <c:pt idx="3260">
                  <c:v>32.585000000000001</c:v>
                </c:pt>
                <c:pt idx="3261">
                  <c:v>32.595999999999997</c:v>
                </c:pt>
                <c:pt idx="3262">
                  <c:v>32.604999999999997</c:v>
                </c:pt>
                <c:pt idx="3263">
                  <c:v>32.613999999999997</c:v>
                </c:pt>
                <c:pt idx="3264">
                  <c:v>32.625</c:v>
                </c:pt>
                <c:pt idx="3265">
                  <c:v>32.634</c:v>
                </c:pt>
                <c:pt idx="3266">
                  <c:v>32.643999999999998</c:v>
                </c:pt>
                <c:pt idx="3267">
                  <c:v>32.654000000000003</c:v>
                </c:pt>
                <c:pt idx="3268">
                  <c:v>32.664000000000001</c:v>
                </c:pt>
                <c:pt idx="3269">
                  <c:v>32.673000000000002</c:v>
                </c:pt>
                <c:pt idx="3270">
                  <c:v>32.683</c:v>
                </c:pt>
                <c:pt idx="3271">
                  <c:v>32.692</c:v>
                </c:pt>
                <c:pt idx="3272">
                  <c:v>32.703000000000003</c:v>
                </c:pt>
                <c:pt idx="3273">
                  <c:v>32.712000000000003</c:v>
                </c:pt>
                <c:pt idx="3274">
                  <c:v>32.722000000000001</c:v>
                </c:pt>
                <c:pt idx="3275">
                  <c:v>32.731000000000002</c:v>
                </c:pt>
                <c:pt idx="3276">
                  <c:v>32.74</c:v>
                </c:pt>
                <c:pt idx="3277">
                  <c:v>32.749000000000002</c:v>
                </c:pt>
                <c:pt idx="3278">
                  <c:v>32.759</c:v>
                </c:pt>
                <c:pt idx="3279">
                  <c:v>32.768999999999998</c:v>
                </c:pt>
                <c:pt idx="3280">
                  <c:v>32.779000000000003</c:v>
                </c:pt>
                <c:pt idx="3281">
                  <c:v>32.787999999999997</c:v>
                </c:pt>
                <c:pt idx="3282">
                  <c:v>32.798000000000002</c:v>
                </c:pt>
                <c:pt idx="3283">
                  <c:v>32.807000000000002</c:v>
                </c:pt>
                <c:pt idx="3284">
                  <c:v>32.817</c:v>
                </c:pt>
                <c:pt idx="3285">
                  <c:v>32.828000000000003</c:v>
                </c:pt>
                <c:pt idx="3286">
                  <c:v>32.838000000000001</c:v>
                </c:pt>
                <c:pt idx="3287">
                  <c:v>32.847999999999999</c:v>
                </c:pt>
                <c:pt idx="3288">
                  <c:v>32.859000000000002</c:v>
                </c:pt>
                <c:pt idx="3289">
                  <c:v>32.868000000000002</c:v>
                </c:pt>
                <c:pt idx="3290">
                  <c:v>32.878999999999998</c:v>
                </c:pt>
                <c:pt idx="3291">
                  <c:v>32.889000000000003</c:v>
                </c:pt>
                <c:pt idx="3292">
                  <c:v>32.899000000000001</c:v>
                </c:pt>
                <c:pt idx="3293">
                  <c:v>32.909999999999997</c:v>
                </c:pt>
                <c:pt idx="3294">
                  <c:v>32.918999999999997</c:v>
                </c:pt>
                <c:pt idx="3295">
                  <c:v>32.93</c:v>
                </c:pt>
                <c:pt idx="3296">
                  <c:v>32.94</c:v>
                </c:pt>
                <c:pt idx="3297">
                  <c:v>32.951000000000001</c:v>
                </c:pt>
                <c:pt idx="3298">
                  <c:v>32.96</c:v>
                </c:pt>
                <c:pt idx="3299">
                  <c:v>32.970999999999997</c:v>
                </c:pt>
                <c:pt idx="3300">
                  <c:v>32.981000000000002</c:v>
                </c:pt>
                <c:pt idx="3301">
                  <c:v>32.993000000000002</c:v>
                </c:pt>
                <c:pt idx="3302">
                  <c:v>33.003</c:v>
                </c:pt>
                <c:pt idx="3303">
                  <c:v>33.012999999999998</c:v>
                </c:pt>
                <c:pt idx="3304">
                  <c:v>33.024000000000001</c:v>
                </c:pt>
                <c:pt idx="3305">
                  <c:v>33.033999999999999</c:v>
                </c:pt>
                <c:pt idx="3306">
                  <c:v>33.042999999999999</c:v>
                </c:pt>
                <c:pt idx="3307">
                  <c:v>33.052999999999997</c:v>
                </c:pt>
                <c:pt idx="3308">
                  <c:v>33.064</c:v>
                </c:pt>
                <c:pt idx="3309">
                  <c:v>33.073999999999998</c:v>
                </c:pt>
                <c:pt idx="3310">
                  <c:v>33.082999999999998</c:v>
                </c:pt>
                <c:pt idx="3311">
                  <c:v>33.091999999999999</c:v>
                </c:pt>
                <c:pt idx="3312">
                  <c:v>33.103000000000002</c:v>
                </c:pt>
                <c:pt idx="3313">
                  <c:v>33.112000000000002</c:v>
                </c:pt>
                <c:pt idx="3314">
                  <c:v>33.121000000000002</c:v>
                </c:pt>
                <c:pt idx="3315">
                  <c:v>33.131</c:v>
                </c:pt>
                <c:pt idx="3316">
                  <c:v>33.140999999999998</c:v>
                </c:pt>
                <c:pt idx="3317">
                  <c:v>33.151000000000003</c:v>
                </c:pt>
                <c:pt idx="3318">
                  <c:v>33.161000000000001</c:v>
                </c:pt>
                <c:pt idx="3319">
                  <c:v>33.170999999999999</c:v>
                </c:pt>
                <c:pt idx="3320">
                  <c:v>33.18</c:v>
                </c:pt>
                <c:pt idx="3321">
                  <c:v>33.19</c:v>
                </c:pt>
                <c:pt idx="3322">
                  <c:v>33.200000000000003</c:v>
                </c:pt>
                <c:pt idx="3323">
                  <c:v>33.209000000000003</c:v>
                </c:pt>
                <c:pt idx="3324">
                  <c:v>33.219000000000001</c:v>
                </c:pt>
                <c:pt idx="3325">
                  <c:v>33.228999999999999</c:v>
                </c:pt>
                <c:pt idx="3326">
                  <c:v>33.238</c:v>
                </c:pt>
                <c:pt idx="3327">
                  <c:v>33.247</c:v>
                </c:pt>
                <c:pt idx="3328">
                  <c:v>33.256999999999998</c:v>
                </c:pt>
                <c:pt idx="3329">
                  <c:v>33.268000000000001</c:v>
                </c:pt>
                <c:pt idx="3330">
                  <c:v>33.277000000000001</c:v>
                </c:pt>
                <c:pt idx="3331">
                  <c:v>33.286999999999999</c:v>
                </c:pt>
                <c:pt idx="3332">
                  <c:v>33.298000000000002</c:v>
                </c:pt>
                <c:pt idx="3333">
                  <c:v>33.307000000000002</c:v>
                </c:pt>
                <c:pt idx="3334">
                  <c:v>33.317999999999998</c:v>
                </c:pt>
                <c:pt idx="3335">
                  <c:v>33.326999999999998</c:v>
                </c:pt>
                <c:pt idx="3336">
                  <c:v>33.335999999999999</c:v>
                </c:pt>
                <c:pt idx="3337">
                  <c:v>33.347000000000001</c:v>
                </c:pt>
                <c:pt idx="3338">
                  <c:v>33.356000000000002</c:v>
                </c:pt>
                <c:pt idx="3339">
                  <c:v>33.366999999999997</c:v>
                </c:pt>
                <c:pt idx="3340">
                  <c:v>33.375999999999998</c:v>
                </c:pt>
                <c:pt idx="3341">
                  <c:v>33.386000000000003</c:v>
                </c:pt>
                <c:pt idx="3342">
                  <c:v>33.395000000000003</c:v>
                </c:pt>
                <c:pt idx="3343">
                  <c:v>33.405999999999999</c:v>
                </c:pt>
                <c:pt idx="3344">
                  <c:v>33.414999999999999</c:v>
                </c:pt>
                <c:pt idx="3345">
                  <c:v>33.423999999999999</c:v>
                </c:pt>
                <c:pt idx="3346">
                  <c:v>33.435000000000002</c:v>
                </c:pt>
                <c:pt idx="3347">
                  <c:v>33.444000000000003</c:v>
                </c:pt>
                <c:pt idx="3348">
                  <c:v>33.453000000000003</c:v>
                </c:pt>
                <c:pt idx="3349">
                  <c:v>33.463999999999999</c:v>
                </c:pt>
                <c:pt idx="3350">
                  <c:v>33.472999999999999</c:v>
                </c:pt>
                <c:pt idx="3351">
                  <c:v>33.481999999999999</c:v>
                </c:pt>
                <c:pt idx="3352">
                  <c:v>33.493000000000002</c:v>
                </c:pt>
                <c:pt idx="3353">
                  <c:v>33.502000000000002</c:v>
                </c:pt>
                <c:pt idx="3354">
                  <c:v>33.511000000000003</c:v>
                </c:pt>
                <c:pt idx="3355">
                  <c:v>33.521999999999998</c:v>
                </c:pt>
                <c:pt idx="3356">
                  <c:v>33.530999999999999</c:v>
                </c:pt>
                <c:pt idx="3357">
                  <c:v>33.540999999999997</c:v>
                </c:pt>
                <c:pt idx="3358">
                  <c:v>33.549999999999997</c:v>
                </c:pt>
                <c:pt idx="3359">
                  <c:v>33.56</c:v>
                </c:pt>
                <c:pt idx="3360">
                  <c:v>33.569000000000003</c:v>
                </c:pt>
                <c:pt idx="3361">
                  <c:v>33.58</c:v>
                </c:pt>
                <c:pt idx="3362">
                  <c:v>33.588999999999999</c:v>
                </c:pt>
                <c:pt idx="3363">
                  <c:v>33.598999999999997</c:v>
                </c:pt>
                <c:pt idx="3364">
                  <c:v>33.609000000000002</c:v>
                </c:pt>
                <c:pt idx="3365">
                  <c:v>33.618000000000002</c:v>
                </c:pt>
                <c:pt idx="3366">
                  <c:v>33.628</c:v>
                </c:pt>
                <c:pt idx="3367">
                  <c:v>33.637</c:v>
                </c:pt>
                <c:pt idx="3368">
                  <c:v>33.648000000000003</c:v>
                </c:pt>
                <c:pt idx="3369">
                  <c:v>33.656999999999996</c:v>
                </c:pt>
                <c:pt idx="3370">
                  <c:v>33.667999999999999</c:v>
                </c:pt>
                <c:pt idx="3371">
                  <c:v>33.677</c:v>
                </c:pt>
                <c:pt idx="3372">
                  <c:v>33.686</c:v>
                </c:pt>
                <c:pt idx="3373">
                  <c:v>33.697000000000003</c:v>
                </c:pt>
                <c:pt idx="3374">
                  <c:v>33.706000000000003</c:v>
                </c:pt>
                <c:pt idx="3375">
                  <c:v>33.715000000000003</c:v>
                </c:pt>
                <c:pt idx="3376">
                  <c:v>33.725000000000001</c:v>
                </c:pt>
                <c:pt idx="3377">
                  <c:v>33.734999999999999</c:v>
                </c:pt>
                <c:pt idx="3378">
                  <c:v>33.744999999999997</c:v>
                </c:pt>
                <c:pt idx="3379">
                  <c:v>33.753999999999998</c:v>
                </c:pt>
                <c:pt idx="3380">
                  <c:v>33.764000000000003</c:v>
                </c:pt>
                <c:pt idx="3381">
                  <c:v>33.774000000000001</c:v>
                </c:pt>
                <c:pt idx="3382">
                  <c:v>33.783999999999999</c:v>
                </c:pt>
                <c:pt idx="3383">
                  <c:v>33.793999999999997</c:v>
                </c:pt>
                <c:pt idx="3384">
                  <c:v>33.802999999999997</c:v>
                </c:pt>
                <c:pt idx="3385">
                  <c:v>33.814</c:v>
                </c:pt>
                <c:pt idx="3386">
                  <c:v>33.823999999999998</c:v>
                </c:pt>
                <c:pt idx="3387">
                  <c:v>33.834000000000003</c:v>
                </c:pt>
                <c:pt idx="3388">
                  <c:v>33.843000000000004</c:v>
                </c:pt>
                <c:pt idx="3389">
                  <c:v>33.853000000000002</c:v>
                </c:pt>
                <c:pt idx="3390">
                  <c:v>33.863</c:v>
                </c:pt>
                <c:pt idx="3391">
                  <c:v>33.872</c:v>
                </c:pt>
                <c:pt idx="3392">
                  <c:v>33.881999999999998</c:v>
                </c:pt>
                <c:pt idx="3393">
                  <c:v>33.892000000000003</c:v>
                </c:pt>
                <c:pt idx="3394">
                  <c:v>33.901000000000003</c:v>
                </c:pt>
                <c:pt idx="3395">
                  <c:v>33.911999999999999</c:v>
                </c:pt>
                <c:pt idx="3396">
                  <c:v>33.920999999999999</c:v>
                </c:pt>
                <c:pt idx="3397">
                  <c:v>33.930999999999997</c:v>
                </c:pt>
                <c:pt idx="3398">
                  <c:v>33.941000000000003</c:v>
                </c:pt>
                <c:pt idx="3399">
                  <c:v>33.951000000000001</c:v>
                </c:pt>
                <c:pt idx="3400">
                  <c:v>33.960999999999999</c:v>
                </c:pt>
                <c:pt idx="3401">
                  <c:v>33.970999999999997</c:v>
                </c:pt>
                <c:pt idx="3402">
                  <c:v>33.979999999999997</c:v>
                </c:pt>
                <c:pt idx="3403">
                  <c:v>33.99</c:v>
                </c:pt>
                <c:pt idx="3404">
                  <c:v>34</c:v>
                </c:pt>
                <c:pt idx="3405">
                  <c:v>34.01</c:v>
                </c:pt>
                <c:pt idx="3406">
                  <c:v>34.020000000000003</c:v>
                </c:pt>
                <c:pt idx="3407">
                  <c:v>34.030999999999999</c:v>
                </c:pt>
                <c:pt idx="3408">
                  <c:v>34.04</c:v>
                </c:pt>
                <c:pt idx="3409">
                  <c:v>34.048999999999999</c:v>
                </c:pt>
                <c:pt idx="3410">
                  <c:v>34.058999999999997</c:v>
                </c:pt>
                <c:pt idx="3411">
                  <c:v>34.069000000000003</c:v>
                </c:pt>
                <c:pt idx="3412">
                  <c:v>34.079000000000001</c:v>
                </c:pt>
                <c:pt idx="3413">
                  <c:v>34.088999999999999</c:v>
                </c:pt>
                <c:pt idx="3414">
                  <c:v>34.097999999999999</c:v>
                </c:pt>
                <c:pt idx="3415">
                  <c:v>34.107999999999997</c:v>
                </c:pt>
                <c:pt idx="3416">
                  <c:v>34.118000000000002</c:v>
                </c:pt>
                <c:pt idx="3417">
                  <c:v>34.127000000000002</c:v>
                </c:pt>
                <c:pt idx="3418">
                  <c:v>34.137999999999998</c:v>
                </c:pt>
                <c:pt idx="3419">
                  <c:v>34.146999999999998</c:v>
                </c:pt>
                <c:pt idx="3420">
                  <c:v>34.156999999999996</c:v>
                </c:pt>
                <c:pt idx="3421">
                  <c:v>34.167000000000002</c:v>
                </c:pt>
                <c:pt idx="3422">
                  <c:v>34.176000000000002</c:v>
                </c:pt>
                <c:pt idx="3423">
                  <c:v>34.186</c:v>
                </c:pt>
                <c:pt idx="3424">
                  <c:v>34.195999999999998</c:v>
                </c:pt>
                <c:pt idx="3425">
                  <c:v>34.206000000000003</c:v>
                </c:pt>
                <c:pt idx="3426">
                  <c:v>34.216000000000001</c:v>
                </c:pt>
                <c:pt idx="3427">
                  <c:v>34.225999999999999</c:v>
                </c:pt>
                <c:pt idx="3428">
                  <c:v>34.235999999999997</c:v>
                </c:pt>
                <c:pt idx="3429">
                  <c:v>34.244999999999997</c:v>
                </c:pt>
                <c:pt idx="3430">
                  <c:v>34.253999999999998</c:v>
                </c:pt>
                <c:pt idx="3431">
                  <c:v>34.265000000000001</c:v>
                </c:pt>
                <c:pt idx="3432">
                  <c:v>34.274000000000001</c:v>
                </c:pt>
                <c:pt idx="3433">
                  <c:v>34.283999999999999</c:v>
                </c:pt>
                <c:pt idx="3434">
                  <c:v>34.295000000000002</c:v>
                </c:pt>
                <c:pt idx="3435">
                  <c:v>34.304000000000002</c:v>
                </c:pt>
                <c:pt idx="3436">
                  <c:v>34.314</c:v>
                </c:pt>
                <c:pt idx="3437">
                  <c:v>34.323999999999998</c:v>
                </c:pt>
                <c:pt idx="3438">
                  <c:v>34.334000000000003</c:v>
                </c:pt>
                <c:pt idx="3439">
                  <c:v>34.344000000000001</c:v>
                </c:pt>
                <c:pt idx="3440">
                  <c:v>34.353000000000002</c:v>
                </c:pt>
                <c:pt idx="3441">
                  <c:v>34.363</c:v>
                </c:pt>
                <c:pt idx="3442">
                  <c:v>34.372999999999998</c:v>
                </c:pt>
                <c:pt idx="3443">
                  <c:v>34.381999999999998</c:v>
                </c:pt>
                <c:pt idx="3444">
                  <c:v>34.392000000000003</c:v>
                </c:pt>
                <c:pt idx="3445">
                  <c:v>34.401000000000003</c:v>
                </c:pt>
                <c:pt idx="3446">
                  <c:v>34.411000000000001</c:v>
                </c:pt>
                <c:pt idx="3447">
                  <c:v>34.420999999999999</c:v>
                </c:pt>
                <c:pt idx="3448">
                  <c:v>34.43</c:v>
                </c:pt>
                <c:pt idx="3449">
                  <c:v>34.441000000000003</c:v>
                </c:pt>
                <c:pt idx="3450">
                  <c:v>34.451000000000001</c:v>
                </c:pt>
                <c:pt idx="3451">
                  <c:v>34.46</c:v>
                </c:pt>
                <c:pt idx="3452">
                  <c:v>34.47</c:v>
                </c:pt>
                <c:pt idx="3453">
                  <c:v>34.479999999999997</c:v>
                </c:pt>
                <c:pt idx="3454">
                  <c:v>34.488999999999997</c:v>
                </c:pt>
                <c:pt idx="3455">
                  <c:v>34.5</c:v>
                </c:pt>
                <c:pt idx="3456">
                  <c:v>34.51</c:v>
                </c:pt>
                <c:pt idx="3457">
                  <c:v>34.518999999999998</c:v>
                </c:pt>
                <c:pt idx="3458">
                  <c:v>34.529000000000003</c:v>
                </c:pt>
                <c:pt idx="3459">
                  <c:v>34.54</c:v>
                </c:pt>
                <c:pt idx="3460">
                  <c:v>34.548999999999999</c:v>
                </c:pt>
                <c:pt idx="3461">
                  <c:v>34.558999999999997</c:v>
                </c:pt>
                <c:pt idx="3462">
                  <c:v>34.567999999999998</c:v>
                </c:pt>
                <c:pt idx="3463">
                  <c:v>34.579000000000001</c:v>
                </c:pt>
                <c:pt idx="3464">
                  <c:v>34.588000000000001</c:v>
                </c:pt>
                <c:pt idx="3465">
                  <c:v>34.597999999999999</c:v>
                </c:pt>
                <c:pt idx="3466">
                  <c:v>34.607999999999997</c:v>
                </c:pt>
                <c:pt idx="3467">
                  <c:v>34.616999999999997</c:v>
                </c:pt>
                <c:pt idx="3468">
                  <c:v>34.627000000000002</c:v>
                </c:pt>
                <c:pt idx="3469">
                  <c:v>34.637999999999998</c:v>
                </c:pt>
                <c:pt idx="3470">
                  <c:v>34.646999999999998</c:v>
                </c:pt>
                <c:pt idx="3471">
                  <c:v>34.656999999999996</c:v>
                </c:pt>
                <c:pt idx="3472">
                  <c:v>34.665999999999997</c:v>
                </c:pt>
                <c:pt idx="3473">
                  <c:v>34.677</c:v>
                </c:pt>
                <c:pt idx="3474">
                  <c:v>34.686999999999998</c:v>
                </c:pt>
                <c:pt idx="3475">
                  <c:v>34.695999999999998</c:v>
                </c:pt>
                <c:pt idx="3476">
                  <c:v>34.707000000000001</c:v>
                </c:pt>
                <c:pt idx="3477">
                  <c:v>34.716000000000001</c:v>
                </c:pt>
                <c:pt idx="3478">
                  <c:v>34.725999999999999</c:v>
                </c:pt>
                <c:pt idx="3479">
                  <c:v>34.735999999999997</c:v>
                </c:pt>
                <c:pt idx="3480">
                  <c:v>34.746000000000002</c:v>
                </c:pt>
                <c:pt idx="3481">
                  <c:v>34.755000000000003</c:v>
                </c:pt>
                <c:pt idx="3482">
                  <c:v>34.765000000000001</c:v>
                </c:pt>
                <c:pt idx="3483">
                  <c:v>34.774999999999999</c:v>
                </c:pt>
                <c:pt idx="3484">
                  <c:v>34.784999999999997</c:v>
                </c:pt>
                <c:pt idx="3485">
                  <c:v>34.793999999999997</c:v>
                </c:pt>
                <c:pt idx="3486">
                  <c:v>34.805</c:v>
                </c:pt>
                <c:pt idx="3487">
                  <c:v>34.814999999999998</c:v>
                </c:pt>
                <c:pt idx="3488">
                  <c:v>34.823999999999998</c:v>
                </c:pt>
                <c:pt idx="3489">
                  <c:v>34.835000000000001</c:v>
                </c:pt>
                <c:pt idx="3490">
                  <c:v>34.844000000000001</c:v>
                </c:pt>
                <c:pt idx="3491">
                  <c:v>34.853999999999999</c:v>
                </c:pt>
                <c:pt idx="3492">
                  <c:v>34.863999999999997</c:v>
                </c:pt>
                <c:pt idx="3493">
                  <c:v>34.872999999999998</c:v>
                </c:pt>
                <c:pt idx="3494">
                  <c:v>34.884</c:v>
                </c:pt>
                <c:pt idx="3495">
                  <c:v>34.893000000000001</c:v>
                </c:pt>
                <c:pt idx="3496">
                  <c:v>34.902999999999999</c:v>
                </c:pt>
                <c:pt idx="3497">
                  <c:v>34.912999999999997</c:v>
                </c:pt>
                <c:pt idx="3498">
                  <c:v>34.921999999999997</c:v>
                </c:pt>
                <c:pt idx="3499">
                  <c:v>34.932000000000002</c:v>
                </c:pt>
                <c:pt idx="3500">
                  <c:v>34.942</c:v>
                </c:pt>
                <c:pt idx="3501">
                  <c:v>34.951999999999998</c:v>
                </c:pt>
                <c:pt idx="3502">
                  <c:v>34.962000000000003</c:v>
                </c:pt>
                <c:pt idx="3503">
                  <c:v>34.970999999999997</c:v>
                </c:pt>
                <c:pt idx="3504">
                  <c:v>34.981999999999999</c:v>
                </c:pt>
                <c:pt idx="3505">
                  <c:v>34.991</c:v>
                </c:pt>
                <c:pt idx="3506">
                  <c:v>35.000999999999998</c:v>
                </c:pt>
                <c:pt idx="3507">
                  <c:v>35.011000000000003</c:v>
                </c:pt>
                <c:pt idx="3508">
                  <c:v>35.020000000000003</c:v>
                </c:pt>
                <c:pt idx="3509">
                  <c:v>35.030999999999999</c:v>
                </c:pt>
                <c:pt idx="3510">
                  <c:v>35.04</c:v>
                </c:pt>
                <c:pt idx="3511">
                  <c:v>35.049999999999997</c:v>
                </c:pt>
                <c:pt idx="3512">
                  <c:v>35.058999999999997</c:v>
                </c:pt>
                <c:pt idx="3513">
                  <c:v>35.069000000000003</c:v>
                </c:pt>
                <c:pt idx="3514">
                  <c:v>35.078000000000003</c:v>
                </c:pt>
                <c:pt idx="3515">
                  <c:v>35.088000000000001</c:v>
                </c:pt>
                <c:pt idx="3516">
                  <c:v>35.097000000000001</c:v>
                </c:pt>
                <c:pt idx="3517">
                  <c:v>35.106999999999999</c:v>
                </c:pt>
                <c:pt idx="3518">
                  <c:v>35.116</c:v>
                </c:pt>
                <c:pt idx="3519">
                  <c:v>35.127000000000002</c:v>
                </c:pt>
                <c:pt idx="3520">
                  <c:v>35.137</c:v>
                </c:pt>
                <c:pt idx="3521">
                  <c:v>35.146000000000001</c:v>
                </c:pt>
                <c:pt idx="3522">
                  <c:v>35.155999999999999</c:v>
                </c:pt>
                <c:pt idx="3523">
                  <c:v>35.165999999999997</c:v>
                </c:pt>
                <c:pt idx="3524">
                  <c:v>35.176000000000002</c:v>
                </c:pt>
                <c:pt idx="3525">
                  <c:v>35.185000000000002</c:v>
                </c:pt>
                <c:pt idx="3526">
                  <c:v>35.195999999999998</c:v>
                </c:pt>
                <c:pt idx="3527">
                  <c:v>35.204999999999998</c:v>
                </c:pt>
                <c:pt idx="3528">
                  <c:v>35.215000000000003</c:v>
                </c:pt>
                <c:pt idx="3529">
                  <c:v>35.225000000000001</c:v>
                </c:pt>
                <c:pt idx="3530">
                  <c:v>35.234000000000002</c:v>
                </c:pt>
                <c:pt idx="3531">
                  <c:v>35.244</c:v>
                </c:pt>
                <c:pt idx="3532">
                  <c:v>35.253</c:v>
                </c:pt>
                <c:pt idx="3533">
                  <c:v>35.264000000000003</c:v>
                </c:pt>
                <c:pt idx="3534">
                  <c:v>35.273000000000003</c:v>
                </c:pt>
                <c:pt idx="3535">
                  <c:v>35.283000000000001</c:v>
                </c:pt>
                <c:pt idx="3536">
                  <c:v>35.292999999999999</c:v>
                </c:pt>
                <c:pt idx="3537">
                  <c:v>35.302999999999997</c:v>
                </c:pt>
                <c:pt idx="3538">
                  <c:v>35.313000000000002</c:v>
                </c:pt>
                <c:pt idx="3539">
                  <c:v>35.323</c:v>
                </c:pt>
                <c:pt idx="3540">
                  <c:v>35.332000000000001</c:v>
                </c:pt>
                <c:pt idx="3541">
                  <c:v>35.343000000000004</c:v>
                </c:pt>
                <c:pt idx="3542">
                  <c:v>35.351999999999997</c:v>
                </c:pt>
                <c:pt idx="3543">
                  <c:v>35.363</c:v>
                </c:pt>
                <c:pt idx="3544">
                  <c:v>35.372</c:v>
                </c:pt>
                <c:pt idx="3545">
                  <c:v>35.381999999999998</c:v>
                </c:pt>
                <c:pt idx="3546">
                  <c:v>35.392000000000003</c:v>
                </c:pt>
                <c:pt idx="3547">
                  <c:v>35.402000000000001</c:v>
                </c:pt>
                <c:pt idx="3548">
                  <c:v>35.411000000000001</c:v>
                </c:pt>
                <c:pt idx="3549">
                  <c:v>35.421999999999997</c:v>
                </c:pt>
                <c:pt idx="3550">
                  <c:v>35.430999999999997</c:v>
                </c:pt>
                <c:pt idx="3551">
                  <c:v>35.441000000000003</c:v>
                </c:pt>
                <c:pt idx="3552">
                  <c:v>35.451999999999998</c:v>
                </c:pt>
                <c:pt idx="3553">
                  <c:v>35.460999999999999</c:v>
                </c:pt>
                <c:pt idx="3554">
                  <c:v>35.470999999999997</c:v>
                </c:pt>
                <c:pt idx="3555">
                  <c:v>35.479999999999997</c:v>
                </c:pt>
                <c:pt idx="3556">
                  <c:v>35.491</c:v>
                </c:pt>
                <c:pt idx="3557">
                  <c:v>35.500999999999998</c:v>
                </c:pt>
                <c:pt idx="3558">
                  <c:v>35.51</c:v>
                </c:pt>
                <c:pt idx="3559">
                  <c:v>35.518999999999998</c:v>
                </c:pt>
                <c:pt idx="3560">
                  <c:v>35.53</c:v>
                </c:pt>
                <c:pt idx="3561">
                  <c:v>35.539000000000001</c:v>
                </c:pt>
                <c:pt idx="3562">
                  <c:v>35.548999999999999</c:v>
                </c:pt>
                <c:pt idx="3563">
                  <c:v>35.558999999999997</c:v>
                </c:pt>
                <c:pt idx="3564">
                  <c:v>35.569000000000003</c:v>
                </c:pt>
                <c:pt idx="3565">
                  <c:v>35.578000000000003</c:v>
                </c:pt>
                <c:pt idx="3566">
                  <c:v>35.588000000000001</c:v>
                </c:pt>
                <c:pt idx="3567">
                  <c:v>35.597999999999999</c:v>
                </c:pt>
                <c:pt idx="3568">
                  <c:v>35.607999999999997</c:v>
                </c:pt>
                <c:pt idx="3569">
                  <c:v>35.616999999999997</c:v>
                </c:pt>
                <c:pt idx="3570">
                  <c:v>35.628</c:v>
                </c:pt>
                <c:pt idx="3571">
                  <c:v>35.637</c:v>
                </c:pt>
                <c:pt idx="3572">
                  <c:v>35.648000000000003</c:v>
                </c:pt>
                <c:pt idx="3573">
                  <c:v>35.656999999999996</c:v>
                </c:pt>
                <c:pt idx="3574">
                  <c:v>35.665999999999997</c:v>
                </c:pt>
                <c:pt idx="3575">
                  <c:v>35.677</c:v>
                </c:pt>
                <c:pt idx="3576">
                  <c:v>35.686</c:v>
                </c:pt>
                <c:pt idx="3577">
                  <c:v>35.695</c:v>
                </c:pt>
                <c:pt idx="3578">
                  <c:v>35.706000000000003</c:v>
                </c:pt>
                <c:pt idx="3579">
                  <c:v>35.715000000000003</c:v>
                </c:pt>
                <c:pt idx="3580">
                  <c:v>35.725000000000001</c:v>
                </c:pt>
                <c:pt idx="3581">
                  <c:v>35.734999999999999</c:v>
                </c:pt>
                <c:pt idx="3582">
                  <c:v>35.744999999999997</c:v>
                </c:pt>
                <c:pt idx="3583">
                  <c:v>35.753999999999998</c:v>
                </c:pt>
                <c:pt idx="3584">
                  <c:v>35.764000000000003</c:v>
                </c:pt>
                <c:pt idx="3585">
                  <c:v>35.773000000000003</c:v>
                </c:pt>
                <c:pt idx="3586">
                  <c:v>35.783999999999999</c:v>
                </c:pt>
                <c:pt idx="3587">
                  <c:v>35.792999999999999</c:v>
                </c:pt>
                <c:pt idx="3588">
                  <c:v>35.802999999999997</c:v>
                </c:pt>
                <c:pt idx="3589">
                  <c:v>35.814</c:v>
                </c:pt>
                <c:pt idx="3590">
                  <c:v>35.823999999999998</c:v>
                </c:pt>
                <c:pt idx="3591">
                  <c:v>35.832999999999998</c:v>
                </c:pt>
                <c:pt idx="3592">
                  <c:v>35.843000000000004</c:v>
                </c:pt>
                <c:pt idx="3593">
                  <c:v>35.851999999999997</c:v>
                </c:pt>
                <c:pt idx="3594">
                  <c:v>35.863</c:v>
                </c:pt>
                <c:pt idx="3595">
                  <c:v>35.872</c:v>
                </c:pt>
                <c:pt idx="3596">
                  <c:v>35.881999999999998</c:v>
                </c:pt>
                <c:pt idx="3597">
                  <c:v>35.890999999999998</c:v>
                </c:pt>
                <c:pt idx="3598">
                  <c:v>35.902000000000001</c:v>
                </c:pt>
                <c:pt idx="3599">
                  <c:v>35.911000000000001</c:v>
                </c:pt>
                <c:pt idx="3600">
                  <c:v>35.92</c:v>
                </c:pt>
                <c:pt idx="3601">
                  <c:v>35.930999999999997</c:v>
                </c:pt>
                <c:pt idx="3602">
                  <c:v>35.94</c:v>
                </c:pt>
                <c:pt idx="3603">
                  <c:v>35.951000000000001</c:v>
                </c:pt>
                <c:pt idx="3604">
                  <c:v>35.96</c:v>
                </c:pt>
                <c:pt idx="3605">
                  <c:v>35.97</c:v>
                </c:pt>
                <c:pt idx="3606">
                  <c:v>35.981000000000002</c:v>
                </c:pt>
                <c:pt idx="3607">
                  <c:v>35.991</c:v>
                </c:pt>
                <c:pt idx="3608">
                  <c:v>36</c:v>
                </c:pt>
                <c:pt idx="3609">
                  <c:v>36.01</c:v>
                </c:pt>
                <c:pt idx="3610">
                  <c:v>36.020000000000003</c:v>
                </c:pt>
                <c:pt idx="3611">
                  <c:v>36.03</c:v>
                </c:pt>
                <c:pt idx="3612">
                  <c:v>36.039000000000001</c:v>
                </c:pt>
                <c:pt idx="3613">
                  <c:v>36.048999999999999</c:v>
                </c:pt>
                <c:pt idx="3614">
                  <c:v>36.058999999999997</c:v>
                </c:pt>
                <c:pt idx="3615">
                  <c:v>36.069000000000003</c:v>
                </c:pt>
                <c:pt idx="3616">
                  <c:v>36.078000000000003</c:v>
                </c:pt>
                <c:pt idx="3617">
                  <c:v>36.088000000000001</c:v>
                </c:pt>
                <c:pt idx="3618">
                  <c:v>36.097999999999999</c:v>
                </c:pt>
                <c:pt idx="3619">
                  <c:v>36.107999999999997</c:v>
                </c:pt>
                <c:pt idx="3620">
                  <c:v>36.118000000000002</c:v>
                </c:pt>
                <c:pt idx="3621">
                  <c:v>36.128</c:v>
                </c:pt>
                <c:pt idx="3622">
                  <c:v>36.137</c:v>
                </c:pt>
                <c:pt idx="3623">
                  <c:v>36.146999999999998</c:v>
                </c:pt>
                <c:pt idx="3624">
                  <c:v>36.156999999999996</c:v>
                </c:pt>
                <c:pt idx="3625">
                  <c:v>36.167000000000002</c:v>
                </c:pt>
                <c:pt idx="3626">
                  <c:v>36.176000000000002</c:v>
                </c:pt>
                <c:pt idx="3627">
                  <c:v>36.186999999999998</c:v>
                </c:pt>
                <c:pt idx="3628">
                  <c:v>36.195999999999998</c:v>
                </c:pt>
                <c:pt idx="3629">
                  <c:v>36.206000000000003</c:v>
                </c:pt>
                <c:pt idx="3630">
                  <c:v>36.215000000000003</c:v>
                </c:pt>
                <c:pt idx="3631">
                  <c:v>36.225000000000001</c:v>
                </c:pt>
                <c:pt idx="3632">
                  <c:v>36.234999999999999</c:v>
                </c:pt>
                <c:pt idx="3633">
                  <c:v>36.244</c:v>
                </c:pt>
                <c:pt idx="3634">
                  <c:v>36.253999999999998</c:v>
                </c:pt>
                <c:pt idx="3635">
                  <c:v>36.262999999999998</c:v>
                </c:pt>
                <c:pt idx="3636">
                  <c:v>36.273000000000003</c:v>
                </c:pt>
                <c:pt idx="3637">
                  <c:v>36.281999999999996</c:v>
                </c:pt>
                <c:pt idx="3638">
                  <c:v>36.292000000000002</c:v>
                </c:pt>
                <c:pt idx="3639">
                  <c:v>36.301000000000002</c:v>
                </c:pt>
                <c:pt idx="3640">
                  <c:v>36.311999999999998</c:v>
                </c:pt>
                <c:pt idx="3641">
                  <c:v>36.320999999999998</c:v>
                </c:pt>
                <c:pt idx="3642">
                  <c:v>36.331000000000003</c:v>
                </c:pt>
                <c:pt idx="3643">
                  <c:v>36.340000000000003</c:v>
                </c:pt>
                <c:pt idx="3644">
                  <c:v>36.350999999999999</c:v>
                </c:pt>
                <c:pt idx="3645">
                  <c:v>36.36</c:v>
                </c:pt>
                <c:pt idx="3646">
                  <c:v>36.369999999999997</c:v>
                </c:pt>
                <c:pt idx="3647">
                  <c:v>36.378999999999998</c:v>
                </c:pt>
                <c:pt idx="3648">
                  <c:v>36.39</c:v>
                </c:pt>
                <c:pt idx="3649">
                  <c:v>36.399000000000001</c:v>
                </c:pt>
                <c:pt idx="3650">
                  <c:v>36.408999999999999</c:v>
                </c:pt>
                <c:pt idx="3651">
                  <c:v>36.417999999999999</c:v>
                </c:pt>
                <c:pt idx="3652">
                  <c:v>36.429000000000002</c:v>
                </c:pt>
                <c:pt idx="3653">
                  <c:v>36.438000000000002</c:v>
                </c:pt>
                <c:pt idx="3654">
                  <c:v>36.448</c:v>
                </c:pt>
                <c:pt idx="3655">
                  <c:v>36.459000000000003</c:v>
                </c:pt>
                <c:pt idx="3656">
                  <c:v>36.468000000000004</c:v>
                </c:pt>
                <c:pt idx="3657">
                  <c:v>36.478000000000002</c:v>
                </c:pt>
                <c:pt idx="3658">
                  <c:v>36.488</c:v>
                </c:pt>
                <c:pt idx="3659">
                  <c:v>36.497</c:v>
                </c:pt>
                <c:pt idx="3660">
                  <c:v>36.508000000000003</c:v>
                </c:pt>
                <c:pt idx="3661">
                  <c:v>36.517000000000003</c:v>
                </c:pt>
                <c:pt idx="3662">
                  <c:v>36.526000000000003</c:v>
                </c:pt>
                <c:pt idx="3663">
                  <c:v>36.536999999999999</c:v>
                </c:pt>
                <c:pt idx="3664">
                  <c:v>36.545999999999999</c:v>
                </c:pt>
                <c:pt idx="3665">
                  <c:v>36.555</c:v>
                </c:pt>
                <c:pt idx="3666">
                  <c:v>36.564999999999998</c:v>
                </c:pt>
                <c:pt idx="3667">
                  <c:v>36.575000000000003</c:v>
                </c:pt>
                <c:pt idx="3668">
                  <c:v>36.585000000000001</c:v>
                </c:pt>
                <c:pt idx="3669">
                  <c:v>36.594000000000001</c:v>
                </c:pt>
                <c:pt idx="3670">
                  <c:v>36.604999999999997</c:v>
                </c:pt>
                <c:pt idx="3671">
                  <c:v>36.613999999999997</c:v>
                </c:pt>
                <c:pt idx="3672">
                  <c:v>36.624000000000002</c:v>
                </c:pt>
                <c:pt idx="3673">
                  <c:v>36.633000000000003</c:v>
                </c:pt>
                <c:pt idx="3674">
                  <c:v>36.643999999999998</c:v>
                </c:pt>
                <c:pt idx="3675">
                  <c:v>36.652999999999999</c:v>
                </c:pt>
                <c:pt idx="3676">
                  <c:v>36.662999999999997</c:v>
                </c:pt>
                <c:pt idx="3677">
                  <c:v>36.671999999999997</c:v>
                </c:pt>
                <c:pt idx="3678">
                  <c:v>36.682000000000002</c:v>
                </c:pt>
                <c:pt idx="3679">
                  <c:v>36.692999999999998</c:v>
                </c:pt>
                <c:pt idx="3680">
                  <c:v>36.701999999999998</c:v>
                </c:pt>
                <c:pt idx="3681">
                  <c:v>36.712000000000003</c:v>
                </c:pt>
                <c:pt idx="3682">
                  <c:v>36.722000000000001</c:v>
                </c:pt>
                <c:pt idx="3683">
                  <c:v>36.731000000000002</c:v>
                </c:pt>
                <c:pt idx="3684">
                  <c:v>36.74</c:v>
                </c:pt>
                <c:pt idx="3685">
                  <c:v>36.75</c:v>
                </c:pt>
                <c:pt idx="3686">
                  <c:v>36.759</c:v>
                </c:pt>
                <c:pt idx="3687">
                  <c:v>36.770000000000003</c:v>
                </c:pt>
                <c:pt idx="3688">
                  <c:v>36.779000000000003</c:v>
                </c:pt>
                <c:pt idx="3689">
                  <c:v>36.789000000000001</c:v>
                </c:pt>
                <c:pt idx="3690">
                  <c:v>36.798999999999999</c:v>
                </c:pt>
                <c:pt idx="3691">
                  <c:v>36.808999999999997</c:v>
                </c:pt>
                <c:pt idx="3692">
                  <c:v>36.817999999999998</c:v>
                </c:pt>
                <c:pt idx="3693">
                  <c:v>36.829000000000001</c:v>
                </c:pt>
                <c:pt idx="3694">
                  <c:v>36.838000000000001</c:v>
                </c:pt>
                <c:pt idx="3695">
                  <c:v>36.847000000000001</c:v>
                </c:pt>
                <c:pt idx="3696">
                  <c:v>36.857999999999997</c:v>
                </c:pt>
                <c:pt idx="3697">
                  <c:v>36.866999999999997</c:v>
                </c:pt>
                <c:pt idx="3698">
                  <c:v>36.878</c:v>
                </c:pt>
                <c:pt idx="3699">
                  <c:v>36.887</c:v>
                </c:pt>
                <c:pt idx="3700">
                  <c:v>36.896000000000001</c:v>
                </c:pt>
                <c:pt idx="3701">
                  <c:v>36.905999999999999</c:v>
                </c:pt>
                <c:pt idx="3702">
                  <c:v>36.914999999999999</c:v>
                </c:pt>
                <c:pt idx="3703">
                  <c:v>36.924999999999997</c:v>
                </c:pt>
                <c:pt idx="3704">
                  <c:v>36.935000000000002</c:v>
                </c:pt>
                <c:pt idx="3705">
                  <c:v>36.945</c:v>
                </c:pt>
                <c:pt idx="3706">
                  <c:v>36.954000000000001</c:v>
                </c:pt>
                <c:pt idx="3707">
                  <c:v>36.963999999999999</c:v>
                </c:pt>
                <c:pt idx="3708">
                  <c:v>36.972999999999999</c:v>
                </c:pt>
                <c:pt idx="3709">
                  <c:v>36.982999999999997</c:v>
                </c:pt>
                <c:pt idx="3710">
                  <c:v>36.991999999999997</c:v>
                </c:pt>
                <c:pt idx="3711">
                  <c:v>37.002000000000002</c:v>
                </c:pt>
                <c:pt idx="3712">
                  <c:v>37.012</c:v>
                </c:pt>
                <c:pt idx="3713">
                  <c:v>37.021000000000001</c:v>
                </c:pt>
                <c:pt idx="3714">
                  <c:v>37.03</c:v>
                </c:pt>
                <c:pt idx="3715">
                  <c:v>37.040999999999997</c:v>
                </c:pt>
                <c:pt idx="3716">
                  <c:v>37.049999999999997</c:v>
                </c:pt>
                <c:pt idx="3717">
                  <c:v>37.061</c:v>
                </c:pt>
                <c:pt idx="3718">
                  <c:v>37.07</c:v>
                </c:pt>
                <c:pt idx="3719">
                  <c:v>37.08</c:v>
                </c:pt>
                <c:pt idx="3720">
                  <c:v>37.088999999999999</c:v>
                </c:pt>
                <c:pt idx="3721">
                  <c:v>37.097999999999999</c:v>
                </c:pt>
                <c:pt idx="3722">
                  <c:v>37.107999999999997</c:v>
                </c:pt>
                <c:pt idx="3723">
                  <c:v>37.119</c:v>
                </c:pt>
                <c:pt idx="3724">
                  <c:v>37.128</c:v>
                </c:pt>
                <c:pt idx="3725">
                  <c:v>37.139000000000003</c:v>
                </c:pt>
                <c:pt idx="3726">
                  <c:v>37.148000000000003</c:v>
                </c:pt>
                <c:pt idx="3727">
                  <c:v>37.158999999999999</c:v>
                </c:pt>
                <c:pt idx="3728">
                  <c:v>37.167999999999999</c:v>
                </c:pt>
                <c:pt idx="3729">
                  <c:v>37.177999999999997</c:v>
                </c:pt>
                <c:pt idx="3730">
                  <c:v>37.188000000000002</c:v>
                </c:pt>
                <c:pt idx="3731">
                  <c:v>37.198</c:v>
                </c:pt>
                <c:pt idx="3732">
                  <c:v>37.207000000000001</c:v>
                </c:pt>
                <c:pt idx="3733">
                  <c:v>37.218000000000004</c:v>
                </c:pt>
                <c:pt idx="3734">
                  <c:v>37.226999999999997</c:v>
                </c:pt>
                <c:pt idx="3735">
                  <c:v>37.237000000000002</c:v>
                </c:pt>
                <c:pt idx="3736">
                  <c:v>37.246000000000002</c:v>
                </c:pt>
                <c:pt idx="3737">
                  <c:v>37.256</c:v>
                </c:pt>
                <c:pt idx="3738">
                  <c:v>37.267000000000003</c:v>
                </c:pt>
                <c:pt idx="3739">
                  <c:v>37.276000000000003</c:v>
                </c:pt>
                <c:pt idx="3740">
                  <c:v>37.284999999999997</c:v>
                </c:pt>
                <c:pt idx="3741">
                  <c:v>37.295000000000002</c:v>
                </c:pt>
                <c:pt idx="3742">
                  <c:v>37.305</c:v>
                </c:pt>
                <c:pt idx="3743">
                  <c:v>37.314</c:v>
                </c:pt>
                <c:pt idx="3744">
                  <c:v>37.325000000000003</c:v>
                </c:pt>
                <c:pt idx="3745">
                  <c:v>37.334000000000003</c:v>
                </c:pt>
                <c:pt idx="3746">
                  <c:v>37.344000000000001</c:v>
                </c:pt>
                <c:pt idx="3747">
                  <c:v>37.353000000000002</c:v>
                </c:pt>
                <c:pt idx="3748">
                  <c:v>37.363</c:v>
                </c:pt>
                <c:pt idx="3749">
                  <c:v>37.372999999999998</c:v>
                </c:pt>
                <c:pt idx="3750">
                  <c:v>37.381999999999998</c:v>
                </c:pt>
                <c:pt idx="3751">
                  <c:v>37.392000000000003</c:v>
                </c:pt>
                <c:pt idx="3752">
                  <c:v>37.402000000000001</c:v>
                </c:pt>
                <c:pt idx="3753">
                  <c:v>37.411000000000001</c:v>
                </c:pt>
                <c:pt idx="3754">
                  <c:v>37.420999999999999</c:v>
                </c:pt>
                <c:pt idx="3755">
                  <c:v>37.430999999999997</c:v>
                </c:pt>
                <c:pt idx="3756">
                  <c:v>37.441000000000003</c:v>
                </c:pt>
                <c:pt idx="3757">
                  <c:v>37.451000000000001</c:v>
                </c:pt>
                <c:pt idx="3758">
                  <c:v>37.46</c:v>
                </c:pt>
                <c:pt idx="3759">
                  <c:v>37.47</c:v>
                </c:pt>
                <c:pt idx="3760">
                  <c:v>37.479999999999997</c:v>
                </c:pt>
                <c:pt idx="3761">
                  <c:v>37.488</c:v>
                </c:pt>
                <c:pt idx="3762">
                  <c:v>37.499000000000002</c:v>
                </c:pt>
                <c:pt idx="3763">
                  <c:v>37.508000000000003</c:v>
                </c:pt>
                <c:pt idx="3764">
                  <c:v>37.518000000000001</c:v>
                </c:pt>
                <c:pt idx="3765">
                  <c:v>37.527000000000001</c:v>
                </c:pt>
                <c:pt idx="3766">
                  <c:v>37.537999999999997</c:v>
                </c:pt>
                <c:pt idx="3767">
                  <c:v>37.548000000000002</c:v>
                </c:pt>
                <c:pt idx="3768">
                  <c:v>37.555999999999997</c:v>
                </c:pt>
                <c:pt idx="3769">
                  <c:v>37.566000000000003</c:v>
                </c:pt>
                <c:pt idx="3770">
                  <c:v>37.576000000000001</c:v>
                </c:pt>
                <c:pt idx="3771">
                  <c:v>37.585999999999999</c:v>
                </c:pt>
                <c:pt idx="3772">
                  <c:v>37.595999999999997</c:v>
                </c:pt>
                <c:pt idx="3773">
                  <c:v>37.606999999999999</c:v>
                </c:pt>
                <c:pt idx="3774">
                  <c:v>37.616</c:v>
                </c:pt>
                <c:pt idx="3775">
                  <c:v>37.625999999999998</c:v>
                </c:pt>
                <c:pt idx="3776">
                  <c:v>37.634999999999998</c:v>
                </c:pt>
                <c:pt idx="3777">
                  <c:v>37.646000000000001</c:v>
                </c:pt>
                <c:pt idx="3778">
                  <c:v>37.655000000000001</c:v>
                </c:pt>
                <c:pt idx="3779">
                  <c:v>37.664000000000001</c:v>
                </c:pt>
                <c:pt idx="3780">
                  <c:v>37.673999999999999</c:v>
                </c:pt>
                <c:pt idx="3781">
                  <c:v>37.685000000000002</c:v>
                </c:pt>
                <c:pt idx="3782">
                  <c:v>37.694000000000003</c:v>
                </c:pt>
                <c:pt idx="3783">
                  <c:v>37.704999999999998</c:v>
                </c:pt>
                <c:pt idx="3784">
                  <c:v>37.713999999999999</c:v>
                </c:pt>
                <c:pt idx="3785">
                  <c:v>37.722999999999999</c:v>
                </c:pt>
                <c:pt idx="3786">
                  <c:v>37.734000000000002</c:v>
                </c:pt>
                <c:pt idx="3787">
                  <c:v>37.743000000000002</c:v>
                </c:pt>
                <c:pt idx="3788">
                  <c:v>37.753999999999998</c:v>
                </c:pt>
                <c:pt idx="3789">
                  <c:v>37.762999999999998</c:v>
                </c:pt>
                <c:pt idx="3790">
                  <c:v>37.771999999999998</c:v>
                </c:pt>
                <c:pt idx="3791">
                  <c:v>37.783000000000001</c:v>
                </c:pt>
                <c:pt idx="3792">
                  <c:v>37.792000000000002</c:v>
                </c:pt>
                <c:pt idx="3793">
                  <c:v>37.802999999999997</c:v>
                </c:pt>
                <c:pt idx="3794">
                  <c:v>37.811999999999998</c:v>
                </c:pt>
                <c:pt idx="3795">
                  <c:v>37.823</c:v>
                </c:pt>
                <c:pt idx="3796">
                  <c:v>37.832000000000001</c:v>
                </c:pt>
                <c:pt idx="3797">
                  <c:v>37.841999999999999</c:v>
                </c:pt>
                <c:pt idx="3798">
                  <c:v>37.850999999999999</c:v>
                </c:pt>
                <c:pt idx="3799">
                  <c:v>37.862000000000002</c:v>
                </c:pt>
                <c:pt idx="3800">
                  <c:v>37.871000000000002</c:v>
                </c:pt>
                <c:pt idx="3801">
                  <c:v>37.880000000000003</c:v>
                </c:pt>
                <c:pt idx="3802">
                  <c:v>37.890999999999998</c:v>
                </c:pt>
                <c:pt idx="3803">
                  <c:v>37.9</c:v>
                </c:pt>
                <c:pt idx="3804">
                  <c:v>37.909999999999997</c:v>
                </c:pt>
                <c:pt idx="3805">
                  <c:v>37.918999999999997</c:v>
                </c:pt>
                <c:pt idx="3806">
                  <c:v>37.929000000000002</c:v>
                </c:pt>
                <c:pt idx="3807">
                  <c:v>37.939</c:v>
                </c:pt>
                <c:pt idx="3808">
                  <c:v>37.948</c:v>
                </c:pt>
                <c:pt idx="3809">
                  <c:v>37.959000000000003</c:v>
                </c:pt>
                <c:pt idx="3810">
                  <c:v>37.968000000000004</c:v>
                </c:pt>
                <c:pt idx="3811">
                  <c:v>37.978999999999999</c:v>
                </c:pt>
                <c:pt idx="3812">
                  <c:v>37.988</c:v>
                </c:pt>
                <c:pt idx="3813">
                  <c:v>37.997</c:v>
                </c:pt>
                <c:pt idx="3814">
                  <c:v>38.008000000000003</c:v>
                </c:pt>
                <c:pt idx="3815">
                  <c:v>38.017000000000003</c:v>
                </c:pt>
                <c:pt idx="3816">
                  <c:v>38.026000000000003</c:v>
                </c:pt>
                <c:pt idx="3817">
                  <c:v>38.036999999999999</c:v>
                </c:pt>
                <c:pt idx="3818">
                  <c:v>38.045999999999999</c:v>
                </c:pt>
                <c:pt idx="3819">
                  <c:v>38.055</c:v>
                </c:pt>
                <c:pt idx="3820">
                  <c:v>38.064999999999998</c:v>
                </c:pt>
                <c:pt idx="3821">
                  <c:v>38.073999999999998</c:v>
                </c:pt>
                <c:pt idx="3822">
                  <c:v>38.084000000000003</c:v>
                </c:pt>
                <c:pt idx="3823">
                  <c:v>38.093000000000004</c:v>
                </c:pt>
                <c:pt idx="3824">
                  <c:v>38.103999999999999</c:v>
                </c:pt>
                <c:pt idx="3825">
                  <c:v>38.113</c:v>
                </c:pt>
                <c:pt idx="3826">
                  <c:v>38.122999999999998</c:v>
                </c:pt>
                <c:pt idx="3827">
                  <c:v>38.133000000000003</c:v>
                </c:pt>
                <c:pt idx="3828">
                  <c:v>38.143000000000001</c:v>
                </c:pt>
                <c:pt idx="3829">
                  <c:v>38.152999999999999</c:v>
                </c:pt>
                <c:pt idx="3830">
                  <c:v>38.162999999999997</c:v>
                </c:pt>
                <c:pt idx="3831">
                  <c:v>38.173999999999999</c:v>
                </c:pt>
                <c:pt idx="3832">
                  <c:v>38.183</c:v>
                </c:pt>
                <c:pt idx="3833">
                  <c:v>38.192999999999998</c:v>
                </c:pt>
                <c:pt idx="3834">
                  <c:v>38.201999999999998</c:v>
                </c:pt>
                <c:pt idx="3835">
                  <c:v>38.213000000000001</c:v>
                </c:pt>
                <c:pt idx="3836">
                  <c:v>38.222000000000001</c:v>
                </c:pt>
                <c:pt idx="3837">
                  <c:v>38.231999999999999</c:v>
                </c:pt>
                <c:pt idx="3838">
                  <c:v>38.241999999999997</c:v>
                </c:pt>
                <c:pt idx="3839">
                  <c:v>38.250999999999998</c:v>
                </c:pt>
                <c:pt idx="3840">
                  <c:v>38.262</c:v>
                </c:pt>
                <c:pt idx="3841">
                  <c:v>38.271000000000001</c:v>
                </c:pt>
                <c:pt idx="3842">
                  <c:v>38.280999999999999</c:v>
                </c:pt>
                <c:pt idx="3843">
                  <c:v>38.290999999999997</c:v>
                </c:pt>
                <c:pt idx="3844">
                  <c:v>38.301000000000002</c:v>
                </c:pt>
                <c:pt idx="3845">
                  <c:v>38.311</c:v>
                </c:pt>
                <c:pt idx="3846">
                  <c:v>38.320999999999998</c:v>
                </c:pt>
                <c:pt idx="3847">
                  <c:v>38.33</c:v>
                </c:pt>
                <c:pt idx="3848">
                  <c:v>38.341000000000001</c:v>
                </c:pt>
                <c:pt idx="3849">
                  <c:v>38.350999999999999</c:v>
                </c:pt>
                <c:pt idx="3850">
                  <c:v>38.36</c:v>
                </c:pt>
                <c:pt idx="3851">
                  <c:v>38.369999999999997</c:v>
                </c:pt>
                <c:pt idx="3852">
                  <c:v>38.380000000000003</c:v>
                </c:pt>
                <c:pt idx="3853">
                  <c:v>38.39</c:v>
                </c:pt>
                <c:pt idx="3854">
                  <c:v>38.399000000000001</c:v>
                </c:pt>
                <c:pt idx="3855">
                  <c:v>38.409999999999997</c:v>
                </c:pt>
                <c:pt idx="3856">
                  <c:v>38.418999999999997</c:v>
                </c:pt>
                <c:pt idx="3857">
                  <c:v>38.43</c:v>
                </c:pt>
                <c:pt idx="3858">
                  <c:v>38.439</c:v>
                </c:pt>
                <c:pt idx="3859">
                  <c:v>38.448999999999998</c:v>
                </c:pt>
                <c:pt idx="3860">
                  <c:v>38.46</c:v>
                </c:pt>
                <c:pt idx="3861">
                  <c:v>38.469000000000001</c:v>
                </c:pt>
                <c:pt idx="3862">
                  <c:v>38.478999999999999</c:v>
                </c:pt>
                <c:pt idx="3863">
                  <c:v>38.488</c:v>
                </c:pt>
                <c:pt idx="3864">
                  <c:v>38.499000000000002</c:v>
                </c:pt>
                <c:pt idx="3865">
                  <c:v>38.509</c:v>
                </c:pt>
                <c:pt idx="3866">
                  <c:v>38.518000000000001</c:v>
                </c:pt>
                <c:pt idx="3867">
                  <c:v>38.529000000000003</c:v>
                </c:pt>
                <c:pt idx="3868">
                  <c:v>38.537999999999997</c:v>
                </c:pt>
                <c:pt idx="3869">
                  <c:v>38.548000000000002</c:v>
                </c:pt>
                <c:pt idx="3870">
                  <c:v>38.557000000000002</c:v>
                </c:pt>
                <c:pt idx="3871">
                  <c:v>38.567</c:v>
                </c:pt>
                <c:pt idx="3872">
                  <c:v>38.576999999999998</c:v>
                </c:pt>
                <c:pt idx="3873">
                  <c:v>38.587000000000003</c:v>
                </c:pt>
                <c:pt idx="3874">
                  <c:v>38.595999999999997</c:v>
                </c:pt>
                <c:pt idx="3875">
                  <c:v>38.606999999999999</c:v>
                </c:pt>
                <c:pt idx="3876">
                  <c:v>38.615000000000002</c:v>
                </c:pt>
                <c:pt idx="3877">
                  <c:v>38.625</c:v>
                </c:pt>
                <c:pt idx="3878">
                  <c:v>38.636000000000003</c:v>
                </c:pt>
                <c:pt idx="3879">
                  <c:v>38.645000000000003</c:v>
                </c:pt>
                <c:pt idx="3880">
                  <c:v>38.655000000000001</c:v>
                </c:pt>
                <c:pt idx="3881">
                  <c:v>38.664999999999999</c:v>
                </c:pt>
                <c:pt idx="3882">
                  <c:v>38.673999999999999</c:v>
                </c:pt>
                <c:pt idx="3883">
                  <c:v>38.683999999999997</c:v>
                </c:pt>
                <c:pt idx="3884">
                  <c:v>38.694000000000003</c:v>
                </c:pt>
                <c:pt idx="3885">
                  <c:v>38.704000000000001</c:v>
                </c:pt>
                <c:pt idx="3886">
                  <c:v>38.713000000000001</c:v>
                </c:pt>
                <c:pt idx="3887">
                  <c:v>38.723999999999997</c:v>
                </c:pt>
                <c:pt idx="3888">
                  <c:v>38.732999999999997</c:v>
                </c:pt>
                <c:pt idx="3889">
                  <c:v>38.744</c:v>
                </c:pt>
                <c:pt idx="3890">
                  <c:v>38.753</c:v>
                </c:pt>
                <c:pt idx="3891">
                  <c:v>38.762999999999998</c:v>
                </c:pt>
                <c:pt idx="3892">
                  <c:v>38.773000000000003</c:v>
                </c:pt>
                <c:pt idx="3893">
                  <c:v>38.783000000000001</c:v>
                </c:pt>
                <c:pt idx="3894">
                  <c:v>38.792000000000002</c:v>
                </c:pt>
                <c:pt idx="3895">
                  <c:v>38.802999999999997</c:v>
                </c:pt>
                <c:pt idx="3896">
                  <c:v>38.811999999999998</c:v>
                </c:pt>
                <c:pt idx="3897">
                  <c:v>38.823</c:v>
                </c:pt>
                <c:pt idx="3898">
                  <c:v>38.832000000000001</c:v>
                </c:pt>
                <c:pt idx="3899">
                  <c:v>38.841999999999999</c:v>
                </c:pt>
                <c:pt idx="3900">
                  <c:v>38.851999999999997</c:v>
                </c:pt>
                <c:pt idx="3901">
                  <c:v>38.862000000000002</c:v>
                </c:pt>
                <c:pt idx="3902">
                  <c:v>38.872</c:v>
                </c:pt>
                <c:pt idx="3903">
                  <c:v>38.881999999999998</c:v>
                </c:pt>
                <c:pt idx="3904">
                  <c:v>38.890999999999998</c:v>
                </c:pt>
                <c:pt idx="3905">
                  <c:v>38.9</c:v>
                </c:pt>
                <c:pt idx="3906">
                  <c:v>38.909999999999997</c:v>
                </c:pt>
                <c:pt idx="3907">
                  <c:v>38.92</c:v>
                </c:pt>
                <c:pt idx="3908">
                  <c:v>38.93</c:v>
                </c:pt>
                <c:pt idx="3909">
                  <c:v>38.939</c:v>
                </c:pt>
                <c:pt idx="3910">
                  <c:v>38.950000000000003</c:v>
                </c:pt>
                <c:pt idx="3911">
                  <c:v>38.959000000000003</c:v>
                </c:pt>
                <c:pt idx="3912">
                  <c:v>38.969000000000001</c:v>
                </c:pt>
                <c:pt idx="3913">
                  <c:v>38.979999999999997</c:v>
                </c:pt>
                <c:pt idx="3914">
                  <c:v>38.99</c:v>
                </c:pt>
                <c:pt idx="3915">
                  <c:v>38.999000000000002</c:v>
                </c:pt>
                <c:pt idx="3916">
                  <c:v>39.009</c:v>
                </c:pt>
                <c:pt idx="3917">
                  <c:v>39.018999999999998</c:v>
                </c:pt>
                <c:pt idx="3918">
                  <c:v>39.029000000000003</c:v>
                </c:pt>
                <c:pt idx="3919">
                  <c:v>39.039000000000001</c:v>
                </c:pt>
                <c:pt idx="3920">
                  <c:v>39.048999999999999</c:v>
                </c:pt>
                <c:pt idx="3921">
                  <c:v>39.058999999999997</c:v>
                </c:pt>
                <c:pt idx="3922">
                  <c:v>39.069000000000003</c:v>
                </c:pt>
                <c:pt idx="3923">
                  <c:v>39.078000000000003</c:v>
                </c:pt>
                <c:pt idx="3924">
                  <c:v>39.088999999999999</c:v>
                </c:pt>
                <c:pt idx="3925">
                  <c:v>39.097999999999999</c:v>
                </c:pt>
                <c:pt idx="3926">
                  <c:v>39.107999999999997</c:v>
                </c:pt>
                <c:pt idx="3927">
                  <c:v>39.116999999999997</c:v>
                </c:pt>
                <c:pt idx="3928">
                  <c:v>39.127000000000002</c:v>
                </c:pt>
                <c:pt idx="3929">
                  <c:v>39.137</c:v>
                </c:pt>
                <c:pt idx="3930">
                  <c:v>39.148000000000003</c:v>
                </c:pt>
                <c:pt idx="3931">
                  <c:v>39.156999999999996</c:v>
                </c:pt>
                <c:pt idx="3932">
                  <c:v>39.167999999999999</c:v>
                </c:pt>
                <c:pt idx="3933">
                  <c:v>39.177</c:v>
                </c:pt>
                <c:pt idx="3934">
                  <c:v>39.186</c:v>
                </c:pt>
                <c:pt idx="3935">
                  <c:v>39.197000000000003</c:v>
                </c:pt>
                <c:pt idx="3936">
                  <c:v>39.207000000000001</c:v>
                </c:pt>
                <c:pt idx="3937">
                  <c:v>39.216999999999999</c:v>
                </c:pt>
                <c:pt idx="3938">
                  <c:v>39.226999999999997</c:v>
                </c:pt>
                <c:pt idx="3939">
                  <c:v>39.237000000000002</c:v>
                </c:pt>
                <c:pt idx="3940">
                  <c:v>39.246000000000002</c:v>
                </c:pt>
                <c:pt idx="3941">
                  <c:v>39.256999999999998</c:v>
                </c:pt>
                <c:pt idx="3942">
                  <c:v>39.265999999999998</c:v>
                </c:pt>
                <c:pt idx="3943">
                  <c:v>39.277000000000001</c:v>
                </c:pt>
                <c:pt idx="3944">
                  <c:v>39.286000000000001</c:v>
                </c:pt>
                <c:pt idx="3945">
                  <c:v>39.295999999999999</c:v>
                </c:pt>
                <c:pt idx="3946">
                  <c:v>39.305999999999997</c:v>
                </c:pt>
                <c:pt idx="3947">
                  <c:v>39.316000000000003</c:v>
                </c:pt>
                <c:pt idx="3948">
                  <c:v>39.326000000000001</c:v>
                </c:pt>
                <c:pt idx="3949">
                  <c:v>39.335999999999999</c:v>
                </c:pt>
                <c:pt idx="3950">
                  <c:v>39.345999999999997</c:v>
                </c:pt>
                <c:pt idx="3951">
                  <c:v>39.356000000000002</c:v>
                </c:pt>
                <c:pt idx="3952">
                  <c:v>39.366</c:v>
                </c:pt>
                <c:pt idx="3953">
                  <c:v>39.375999999999998</c:v>
                </c:pt>
                <c:pt idx="3954">
                  <c:v>39.386000000000003</c:v>
                </c:pt>
                <c:pt idx="3955">
                  <c:v>39.395000000000003</c:v>
                </c:pt>
                <c:pt idx="3956">
                  <c:v>39.405000000000001</c:v>
                </c:pt>
                <c:pt idx="3957">
                  <c:v>39.414999999999999</c:v>
                </c:pt>
                <c:pt idx="3958">
                  <c:v>39.424999999999997</c:v>
                </c:pt>
                <c:pt idx="3959">
                  <c:v>39.433999999999997</c:v>
                </c:pt>
                <c:pt idx="3960">
                  <c:v>39.444000000000003</c:v>
                </c:pt>
                <c:pt idx="3961">
                  <c:v>39.454000000000001</c:v>
                </c:pt>
                <c:pt idx="3962">
                  <c:v>39.463999999999999</c:v>
                </c:pt>
                <c:pt idx="3963">
                  <c:v>39.475000000000001</c:v>
                </c:pt>
                <c:pt idx="3964">
                  <c:v>39.484000000000002</c:v>
                </c:pt>
                <c:pt idx="3965">
                  <c:v>39.494</c:v>
                </c:pt>
                <c:pt idx="3966">
                  <c:v>39.503999999999998</c:v>
                </c:pt>
                <c:pt idx="3967">
                  <c:v>39.514000000000003</c:v>
                </c:pt>
                <c:pt idx="3968">
                  <c:v>39.524000000000001</c:v>
                </c:pt>
                <c:pt idx="3969">
                  <c:v>39.533999999999999</c:v>
                </c:pt>
                <c:pt idx="3970">
                  <c:v>39.543999999999997</c:v>
                </c:pt>
                <c:pt idx="3971">
                  <c:v>39.552999999999997</c:v>
                </c:pt>
                <c:pt idx="3972">
                  <c:v>39.564</c:v>
                </c:pt>
                <c:pt idx="3973">
                  <c:v>39.573</c:v>
                </c:pt>
                <c:pt idx="3974">
                  <c:v>39.584000000000003</c:v>
                </c:pt>
                <c:pt idx="3975">
                  <c:v>39.593000000000004</c:v>
                </c:pt>
                <c:pt idx="3976">
                  <c:v>39.603000000000002</c:v>
                </c:pt>
                <c:pt idx="3977">
                  <c:v>39.612000000000002</c:v>
                </c:pt>
                <c:pt idx="3978">
                  <c:v>39.622999999999998</c:v>
                </c:pt>
                <c:pt idx="3979">
                  <c:v>39.633000000000003</c:v>
                </c:pt>
                <c:pt idx="3980">
                  <c:v>39.643000000000001</c:v>
                </c:pt>
                <c:pt idx="3981">
                  <c:v>39.652999999999999</c:v>
                </c:pt>
                <c:pt idx="3982">
                  <c:v>39.662999999999997</c:v>
                </c:pt>
                <c:pt idx="3983">
                  <c:v>39.671999999999997</c:v>
                </c:pt>
                <c:pt idx="3984">
                  <c:v>39.682000000000002</c:v>
                </c:pt>
                <c:pt idx="3985">
                  <c:v>39.692999999999998</c:v>
                </c:pt>
                <c:pt idx="3986">
                  <c:v>39.701999999999998</c:v>
                </c:pt>
                <c:pt idx="3987">
                  <c:v>39.712000000000003</c:v>
                </c:pt>
                <c:pt idx="3988">
                  <c:v>39.722999999999999</c:v>
                </c:pt>
                <c:pt idx="3989">
                  <c:v>39.731999999999999</c:v>
                </c:pt>
                <c:pt idx="3990">
                  <c:v>39.741</c:v>
                </c:pt>
                <c:pt idx="3991">
                  <c:v>39.752000000000002</c:v>
                </c:pt>
                <c:pt idx="3992">
                  <c:v>39.762</c:v>
                </c:pt>
                <c:pt idx="3993">
                  <c:v>39.771000000000001</c:v>
                </c:pt>
                <c:pt idx="3994">
                  <c:v>39.781999999999996</c:v>
                </c:pt>
                <c:pt idx="3995">
                  <c:v>39.790999999999997</c:v>
                </c:pt>
                <c:pt idx="3996">
                  <c:v>39.799999999999997</c:v>
                </c:pt>
                <c:pt idx="3997">
                  <c:v>39.811</c:v>
                </c:pt>
                <c:pt idx="3998">
                  <c:v>39.820999999999998</c:v>
                </c:pt>
                <c:pt idx="3999">
                  <c:v>39.831000000000003</c:v>
                </c:pt>
                <c:pt idx="4000">
                  <c:v>39.840000000000003</c:v>
                </c:pt>
                <c:pt idx="4001">
                  <c:v>39.850999999999999</c:v>
                </c:pt>
                <c:pt idx="4002">
                  <c:v>39.860999999999997</c:v>
                </c:pt>
                <c:pt idx="4003">
                  <c:v>39.869999999999997</c:v>
                </c:pt>
                <c:pt idx="4004">
                  <c:v>39.881</c:v>
                </c:pt>
                <c:pt idx="4005">
                  <c:v>39.89</c:v>
                </c:pt>
                <c:pt idx="4006">
                  <c:v>39.9</c:v>
                </c:pt>
                <c:pt idx="4007">
                  <c:v>39.909999999999997</c:v>
                </c:pt>
                <c:pt idx="4008">
                  <c:v>39.918999999999997</c:v>
                </c:pt>
                <c:pt idx="4009">
                  <c:v>39.929000000000002</c:v>
                </c:pt>
                <c:pt idx="4010">
                  <c:v>39.94</c:v>
                </c:pt>
                <c:pt idx="4011">
                  <c:v>39.948999999999998</c:v>
                </c:pt>
                <c:pt idx="4012">
                  <c:v>39.959000000000003</c:v>
                </c:pt>
                <c:pt idx="4013">
                  <c:v>39.968000000000004</c:v>
                </c:pt>
                <c:pt idx="4014">
                  <c:v>39.978999999999999</c:v>
                </c:pt>
                <c:pt idx="4015">
                  <c:v>39.988999999999997</c:v>
                </c:pt>
                <c:pt idx="4016">
                  <c:v>39.997999999999998</c:v>
                </c:pt>
                <c:pt idx="4017">
                  <c:v>40.009</c:v>
                </c:pt>
                <c:pt idx="4018">
                  <c:v>40.018000000000001</c:v>
                </c:pt>
                <c:pt idx="4019">
                  <c:v>40.029000000000003</c:v>
                </c:pt>
                <c:pt idx="4020">
                  <c:v>40.037999999999997</c:v>
                </c:pt>
                <c:pt idx="4021">
                  <c:v>40.048000000000002</c:v>
                </c:pt>
                <c:pt idx="4022">
                  <c:v>40.057000000000002</c:v>
                </c:pt>
                <c:pt idx="4023">
                  <c:v>40.067</c:v>
                </c:pt>
                <c:pt idx="4024">
                  <c:v>40.078000000000003</c:v>
                </c:pt>
                <c:pt idx="4025">
                  <c:v>40.087000000000003</c:v>
                </c:pt>
                <c:pt idx="4026">
                  <c:v>40.097999999999999</c:v>
                </c:pt>
                <c:pt idx="4027">
                  <c:v>40.106999999999999</c:v>
                </c:pt>
                <c:pt idx="4028">
                  <c:v>40.116999999999997</c:v>
                </c:pt>
                <c:pt idx="4029">
                  <c:v>40.127000000000002</c:v>
                </c:pt>
                <c:pt idx="4030">
                  <c:v>40.136000000000003</c:v>
                </c:pt>
                <c:pt idx="4031">
                  <c:v>40.146000000000001</c:v>
                </c:pt>
                <c:pt idx="4032">
                  <c:v>40.155999999999999</c:v>
                </c:pt>
                <c:pt idx="4033">
                  <c:v>40.165999999999997</c:v>
                </c:pt>
                <c:pt idx="4034">
                  <c:v>40.176000000000002</c:v>
                </c:pt>
                <c:pt idx="4035">
                  <c:v>40.186</c:v>
                </c:pt>
                <c:pt idx="4036">
                  <c:v>40.195</c:v>
                </c:pt>
                <c:pt idx="4037">
                  <c:v>40.206000000000003</c:v>
                </c:pt>
                <c:pt idx="4038">
                  <c:v>40.215000000000003</c:v>
                </c:pt>
                <c:pt idx="4039">
                  <c:v>40.225000000000001</c:v>
                </c:pt>
                <c:pt idx="4040">
                  <c:v>40.234999999999999</c:v>
                </c:pt>
                <c:pt idx="4041">
                  <c:v>40.244</c:v>
                </c:pt>
                <c:pt idx="4042">
                  <c:v>40.255000000000003</c:v>
                </c:pt>
                <c:pt idx="4043">
                  <c:v>40.264000000000003</c:v>
                </c:pt>
                <c:pt idx="4044">
                  <c:v>40.274000000000001</c:v>
                </c:pt>
                <c:pt idx="4045">
                  <c:v>40.283999999999999</c:v>
                </c:pt>
                <c:pt idx="4046">
                  <c:v>40.295000000000002</c:v>
                </c:pt>
                <c:pt idx="4047">
                  <c:v>40.304000000000002</c:v>
                </c:pt>
                <c:pt idx="4048">
                  <c:v>40.314</c:v>
                </c:pt>
                <c:pt idx="4049">
                  <c:v>40.323999999999998</c:v>
                </c:pt>
                <c:pt idx="4050">
                  <c:v>40.334000000000003</c:v>
                </c:pt>
                <c:pt idx="4051">
                  <c:v>40.344000000000001</c:v>
                </c:pt>
                <c:pt idx="4052">
                  <c:v>40.353000000000002</c:v>
                </c:pt>
                <c:pt idx="4053">
                  <c:v>40.363999999999997</c:v>
                </c:pt>
                <c:pt idx="4054">
                  <c:v>40.372999999999998</c:v>
                </c:pt>
                <c:pt idx="4055">
                  <c:v>40.383000000000003</c:v>
                </c:pt>
                <c:pt idx="4056">
                  <c:v>40.392000000000003</c:v>
                </c:pt>
                <c:pt idx="4057">
                  <c:v>40.402000000000001</c:v>
                </c:pt>
                <c:pt idx="4058">
                  <c:v>40.411999999999999</c:v>
                </c:pt>
                <c:pt idx="4059">
                  <c:v>40.421999999999997</c:v>
                </c:pt>
                <c:pt idx="4060">
                  <c:v>40.432000000000002</c:v>
                </c:pt>
                <c:pt idx="4061">
                  <c:v>40.442</c:v>
                </c:pt>
                <c:pt idx="4062">
                  <c:v>40.451999999999998</c:v>
                </c:pt>
                <c:pt idx="4063">
                  <c:v>40.462000000000003</c:v>
                </c:pt>
                <c:pt idx="4064">
                  <c:v>40.472999999999999</c:v>
                </c:pt>
                <c:pt idx="4065">
                  <c:v>40.481999999999999</c:v>
                </c:pt>
                <c:pt idx="4066">
                  <c:v>40.491999999999997</c:v>
                </c:pt>
                <c:pt idx="4067">
                  <c:v>40.502000000000002</c:v>
                </c:pt>
                <c:pt idx="4068">
                  <c:v>40.511000000000003</c:v>
                </c:pt>
                <c:pt idx="4069">
                  <c:v>40.521999999999998</c:v>
                </c:pt>
                <c:pt idx="4070">
                  <c:v>40.531999999999996</c:v>
                </c:pt>
                <c:pt idx="4071">
                  <c:v>40.540999999999997</c:v>
                </c:pt>
                <c:pt idx="4072">
                  <c:v>40.551000000000002</c:v>
                </c:pt>
                <c:pt idx="4073">
                  <c:v>40.561</c:v>
                </c:pt>
                <c:pt idx="4074">
                  <c:v>40.57</c:v>
                </c:pt>
                <c:pt idx="4075">
                  <c:v>40.581000000000003</c:v>
                </c:pt>
                <c:pt idx="4076">
                  <c:v>40.590000000000003</c:v>
                </c:pt>
                <c:pt idx="4077">
                  <c:v>40.600999999999999</c:v>
                </c:pt>
                <c:pt idx="4078">
                  <c:v>40.61</c:v>
                </c:pt>
                <c:pt idx="4079">
                  <c:v>40.619999999999997</c:v>
                </c:pt>
                <c:pt idx="4080">
                  <c:v>40.628999999999998</c:v>
                </c:pt>
                <c:pt idx="4081">
                  <c:v>40.639000000000003</c:v>
                </c:pt>
                <c:pt idx="4082">
                  <c:v>40.65</c:v>
                </c:pt>
                <c:pt idx="4083">
                  <c:v>40.658999999999999</c:v>
                </c:pt>
                <c:pt idx="4084">
                  <c:v>40.668999999999997</c:v>
                </c:pt>
                <c:pt idx="4085">
                  <c:v>40.68</c:v>
                </c:pt>
                <c:pt idx="4086">
                  <c:v>40.689</c:v>
                </c:pt>
                <c:pt idx="4087">
                  <c:v>40.698999999999998</c:v>
                </c:pt>
                <c:pt idx="4088">
                  <c:v>40.709000000000003</c:v>
                </c:pt>
                <c:pt idx="4089">
                  <c:v>40.718000000000004</c:v>
                </c:pt>
                <c:pt idx="4090">
                  <c:v>40.728999999999999</c:v>
                </c:pt>
                <c:pt idx="4091">
                  <c:v>40.738</c:v>
                </c:pt>
                <c:pt idx="4092">
                  <c:v>40.747</c:v>
                </c:pt>
                <c:pt idx="4093">
                  <c:v>40.758000000000003</c:v>
                </c:pt>
                <c:pt idx="4094">
                  <c:v>40.767000000000003</c:v>
                </c:pt>
                <c:pt idx="4095">
                  <c:v>40.777000000000001</c:v>
                </c:pt>
                <c:pt idx="4096">
                  <c:v>40.786999999999999</c:v>
                </c:pt>
                <c:pt idx="4097">
                  <c:v>40.796999999999997</c:v>
                </c:pt>
                <c:pt idx="4098">
                  <c:v>40.807000000000002</c:v>
                </c:pt>
                <c:pt idx="4099">
                  <c:v>40.816000000000003</c:v>
                </c:pt>
                <c:pt idx="4100">
                  <c:v>40.826999999999998</c:v>
                </c:pt>
                <c:pt idx="4101">
                  <c:v>40.835999999999999</c:v>
                </c:pt>
                <c:pt idx="4102">
                  <c:v>40.845999999999997</c:v>
                </c:pt>
                <c:pt idx="4103">
                  <c:v>40.856999999999999</c:v>
                </c:pt>
                <c:pt idx="4104">
                  <c:v>40.866</c:v>
                </c:pt>
                <c:pt idx="4105">
                  <c:v>40.875999999999998</c:v>
                </c:pt>
                <c:pt idx="4106">
                  <c:v>40.884999999999998</c:v>
                </c:pt>
                <c:pt idx="4107">
                  <c:v>40.895000000000003</c:v>
                </c:pt>
                <c:pt idx="4108">
                  <c:v>40.905000000000001</c:v>
                </c:pt>
                <c:pt idx="4109">
                  <c:v>40.912999999999997</c:v>
                </c:pt>
                <c:pt idx="4110">
                  <c:v>40.923000000000002</c:v>
                </c:pt>
                <c:pt idx="4111">
                  <c:v>40.933</c:v>
                </c:pt>
                <c:pt idx="4112">
                  <c:v>40.942999999999998</c:v>
                </c:pt>
                <c:pt idx="4113">
                  <c:v>40.953000000000003</c:v>
                </c:pt>
                <c:pt idx="4114">
                  <c:v>40.962000000000003</c:v>
                </c:pt>
                <c:pt idx="4115">
                  <c:v>40.972999999999999</c:v>
                </c:pt>
                <c:pt idx="4116">
                  <c:v>40.982999999999997</c:v>
                </c:pt>
                <c:pt idx="4117">
                  <c:v>40.991999999999997</c:v>
                </c:pt>
                <c:pt idx="4118">
                  <c:v>41.002000000000002</c:v>
                </c:pt>
                <c:pt idx="4119">
                  <c:v>41.012</c:v>
                </c:pt>
                <c:pt idx="4120">
                  <c:v>41.021999999999998</c:v>
                </c:pt>
                <c:pt idx="4121">
                  <c:v>41.031999999999996</c:v>
                </c:pt>
                <c:pt idx="4122">
                  <c:v>41.040999999999997</c:v>
                </c:pt>
                <c:pt idx="4123">
                  <c:v>41.051000000000002</c:v>
                </c:pt>
                <c:pt idx="4124">
                  <c:v>41.06</c:v>
                </c:pt>
                <c:pt idx="4125">
                  <c:v>41.070999999999998</c:v>
                </c:pt>
                <c:pt idx="4126">
                  <c:v>41.08</c:v>
                </c:pt>
                <c:pt idx="4127">
                  <c:v>41.09</c:v>
                </c:pt>
                <c:pt idx="4128">
                  <c:v>41.098999999999997</c:v>
                </c:pt>
                <c:pt idx="4129">
                  <c:v>41.109000000000002</c:v>
                </c:pt>
                <c:pt idx="4130">
                  <c:v>41.118000000000002</c:v>
                </c:pt>
                <c:pt idx="4131">
                  <c:v>41.128</c:v>
                </c:pt>
                <c:pt idx="4132">
                  <c:v>41.137999999999998</c:v>
                </c:pt>
                <c:pt idx="4133">
                  <c:v>41.146999999999998</c:v>
                </c:pt>
                <c:pt idx="4134">
                  <c:v>41.156999999999996</c:v>
                </c:pt>
                <c:pt idx="4135">
                  <c:v>41.167999999999999</c:v>
                </c:pt>
                <c:pt idx="4136">
                  <c:v>41.177</c:v>
                </c:pt>
                <c:pt idx="4137">
                  <c:v>41.186999999999998</c:v>
                </c:pt>
                <c:pt idx="4138">
                  <c:v>41.195999999999998</c:v>
                </c:pt>
                <c:pt idx="4139">
                  <c:v>41.207000000000001</c:v>
                </c:pt>
                <c:pt idx="4140">
                  <c:v>41.216999999999999</c:v>
                </c:pt>
                <c:pt idx="4141">
                  <c:v>41.225999999999999</c:v>
                </c:pt>
                <c:pt idx="4142">
                  <c:v>41.237000000000002</c:v>
                </c:pt>
                <c:pt idx="4143">
                  <c:v>41.246000000000002</c:v>
                </c:pt>
                <c:pt idx="4144">
                  <c:v>41.255000000000003</c:v>
                </c:pt>
                <c:pt idx="4145">
                  <c:v>41.265999999999998</c:v>
                </c:pt>
                <c:pt idx="4146">
                  <c:v>41.274999999999999</c:v>
                </c:pt>
                <c:pt idx="4147">
                  <c:v>41.284999999999997</c:v>
                </c:pt>
                <c:pt idx="4148">
                  <c:v>41.293999999999997</c:v>
                </c:pt>
                <c:pt idx="4149">
                  <c:v>41.305</c:v>
                </c:pt>
                <c:pt idx="4150">
                  <c:v>41.314999999999998</c:v>
                </c:pt>
                <c:pt idx="4151">
                  <c:v>41.325000000000003</c:v>
                </c:pt>
                <c:pt idx="4152">
                  <c:v>41.334000000000003</c:v>
                </c:pt>
                <c:pt idx="4153">
                  <c:v>41.344999999999999</c:v>
                </c:pt>
                <c:pt idx="4154">
                  <c:v>41.353999999999999</c:v>
                </c:pt>
                <c:pt idx="4155">
                  <c:v>41.363</c:v>
                </c:pt>
                <c:pt idx="4156">
                  <c:v>41.372999999999998</c:v>
                </c:pt>
                <c:pt idx="4157">
                  <c:v>41.384</c:v>
                </c:pt>
                <c:pt idx="4158">
                  <c:v>41.393000000000001</c:v>
                </c:pt>
                <c:pt idx="4159">
                  <c:v>41.402000000000001</c:v>
                </c:pt>
                <c:pt idx="4160">
                  <c:v>41.411999999999999</c:v>
                </c:pt>
                <c:pt idx="4161">
                  <c:v>41.421999999999997</c:v>
                </c:pt>
                <c:pt idx="4162">
                  <c:v>41.432000000000002</c:v>
                </c:pt>
                <c:pt idx="4163">
                  <c:v>41.441000000000003</c:v>
                </c:pt>
                <c:pt idx="4164">
                  <c:v>41.45</c:v>
                </c:pt>
                <c:pt idx="4165">
                  <c:v>41.46</c:v>
                </c:pt>
                <c:pt idx="4166">
                  <c:v>41.470999999999997</c:v>
                </c:pt>
                <c:pt idx="4167">
                  <c:v>41.481000000000002</c:v>
                </c:pt>
                <c:pt idx="4168">
                  <c:v>41.49</c:v>
                </c:pt>
                <c:pt idx="4169">
                  <c:v>41.5</c:v>
                </c:pt>
                <c:pt idx="4170">
                  <c:v>41.511000000000003</c:v>
                </c:pt>
                <c:pt idx="4171">
                  <c:v>41.52</c:v>
                </c:pt>
                <c:pt idx="4172">
                  <c:v>41.53</c:v>
                </c:pt>
                <c:pt idx="4173">
                  <c:v>41.539000000000001</c:v>
                </c:pt>
                <c:pt idx="4174">
                  <c:v>41.55</c:v>
                </c:pt>
                <c:pt idx="4175">
                  <c:v>41.558999999999997</c:v>
                </c:pt>
                <c:pt idx="4176">
                  <c:v>41.567999999999998</c:v>
                </c:pt>
                <c:pt idx="4177">
                  <c:v>41.578000000000003</c:v>
                </c:pt>
                <c:pt idx="4178">
                  <c:v>41.588000000000001</c:v>
                </c:pt>
                <c:pt idx="4179">
                  <c:v>41.597999999999999</c:v>
                </c:pt>
                <c:pt idx="4180">
                  <c:v>41.606999999999999</c:v>
                </c:pt>
                <c:pt idx="4181">
                  <c:v>41.618000000000002</c:v>
                </c:pt>
                <c:pt idx="4182">
                  <c:v>41.628</c:v>
                </c:pt>
                <c:pt idx="4183">
                  <c:v>41.637</c:v>
                </c:pt>
                <c:pt idx="4184">
                  <c:v>41.648000000000003</c:v>
                </c:pt>
                <c:pt idx="4185">
                  <c:v>41.656999999999996</c:v>
                </c:pt>
                <c:pt idx="4186">
                  <c:v>41.667000000000002</c:v>
                </c:pt>
                <c:pt idx="4187">
                  <c:v>41.676000000000002</c:v>
                </c:pt>
                <c:pt idx="4188">
                  <c:v>41.686999999999998</c:v>
                </c:pt>
                <c:pt idx="4189">
                  <c:v>41.695999999999998</c:v>
                </c:pt>
                <c:pt idx="4190">
                  <c:v>41.706000000000003</c:v>
                </c:pt>
                <c:pt idx="4191">
                  <c:v>41.715000000000003</c:v>
                </c:pt>
                <c:pt idx="4192">
                  <c:v>41.725000000000001</c:v>
                </c:pt>
                <c:pt idx="4193">
                  <c:v>41.734999999999999</c:v>
                </c:pt>
                <c:pt idx="4194">
                  <c:v>41.744</c:v>
                </c:pt>
                <c:pt idx="4195">
                  <c:v>41.753999999999998</c:v>
                </c:pt>
                <c:pt idx="4196">
                  <c:v>41.762999999999998</c:v>
                </c:pt>
                <c:pt idx="4197">
                  <c:v>41.773000000000003</c:v>
                </c:pt>
                <c:pt idx="4198">
                  <c:v>41.783000000000001</c:v>
                </c:pt>
                <c:pt idx="4199">
                  <c:v>41.792999999999999</c:v>
                </c:pt>
                <c:pt idx="4200">
                  <c:v>41.802</c:v>
                </c:pt>
                <c:pt idx="4201">
                  <c:v>41.813000000000002</c:v>
                </c:pt>
                <c:pt idx="4202">
                  <c:v>41.823</c:v>
                </c:pt>
                <c:pt idx="4203">
                  <c:v>41.832000000000001</c:v>
                </c:pt>
                <c:pt idx="4204">
                  <c:v>41.841000000000001</c:v>
                </c:pt>
                <c:pt idx="4205">
                  <c:v>41.851999999999997</c:v>
                </c:pt>
                <c:pt idx="4206">
                  <c:v>41.862000000000002</c:v>
                </c:pt>
                <c:pt idx="4207">
                  <c:v>41.871000000000002</c:v>
                </c:pt>
                <c:pt idx="4208">
                  <c:v>41.88</c:v>
                </c:pt>
                <c:pt idx="4209">
                  <c:v>41.890999999999998</c:v>
                </c:pt>
                <c:pt idx="4210">
                  <c:v>41.9</c:v>
                </c:pt>
                <c:pt idx="4211">
                  <c:v>41.908999999999999</c:v>
                </c:pt>
                <c:pt idx="4212">
                  <c:v>41.918999999999997</c:v>
                </c:pt>
                <c:pt idx="4213">
                  <c:v>41.929000000000002</c:v>
                </c:pt>
                <c:pt idx="4214">
                  <c:v>41.938000000000002</c:v>
                </c:pt>
                <c:pt idx="4215">
                  <c:v>41.948</c:v>
                </c:pt>
                <c:pt idx="4216">
                  <c:v>41.957999999999998</c:v>
                </c:pt>
                <c:pt idx="4217">
                  <c:v>41.968000000000004</c:v>
                </c:pt>
                <c:pt idx="4218">
                  <c:v>41.978000000000002</c:v>
                </c:pt>
                <c:pt idx="4219">
                  <c:v>41.987000000000002</c:v>
                </c:pt>
                <c:pt idx="4220">
                  <c:v>41.997</c:v>
                </c:pt>
                <c:pt idx="4221">
                  <c:v>42.008000000000003</c:v>
                </c:pt>
                <c:pt idx="4222">
                  <c:v>42.017000000000003</c:v>
                </c:pt>
                <c:pt idx="4223">
                  <c:v>42.027000000000001</c:v>
                </c:pt>
                <c:pt idx="4224">
                  <c:v>42.036000000000001</c:v>
                </c:pt>
                <c:pt idx="4225">
                  <c:v>42.045999999999999</c:v>
                </c:pt>
                <c:pt idx="4226">
                  <c:v>42.055999999999997</c:v>
                </c:pt>
                <c:pt idx="4227">
                  <c:v>42.066000000000003</c:v>
                </c:pt>
                <c:pt idx="4228">
                  <c:v>42.075000000000003</c:v>
                </c:pt>
                <c:pt idx="4229">
                  <c:v>42.085000000000001</c:v>
                </c:pt>
                <c:pt idx="4230">
                  <c:v>42.094999999999999</c:v>
                </c:pt>
                <c:pt idx="4231">
                  <c:v>42.104999999999997</c:v>
                </c:pt>
                <c:pt idx="4232">
                  <c:v>42.115000000000002</c:v>
                </c:pt>
                <c:pt idx="4233">
                  <c:v>42.124000000000002</c:v>
                </c:pt>
                <c:pt idx="4234">
                  <c:v>42.134</c:v>
                </c:pt>
                <c:pt idx="4235">
                  <c:v>42.143999999999998</c:v>
                </c:pt>
                <c:pt idx="4236">
                  <c:v>42.154000000000003</c:v>
                </c:pt>
                <c:pt idx="4237">
                  <c:v>42.162999999999997</c:v>
                </c:pt>
                <c:pt idx="4238">
                  <c:v>42.173000000000002</c:v>
                </c:pt>
                <c:pt idx="4239">
                  <c:v>42.183</c:v>
                </c:pt>
                <c:pt idx="4240">
                  <c:v>42.192</c:v>
                </c:pt>
                <c:pt idx="4241">
                  <c:v>42.201999999999998</c:v>
                </c:pt>
                <c:pt idx="4242">
                  <c:v>42.212000000000003</c:v>
                </c:pt>
                <c:pt idx="4243">
                  <c:v>42.222000000000001</c:v>
                </c:pt>
                <c:pt idx="4244">
                  <c:v>42.231000000000002</c:v>
                </c:pt>
                <c:pt idx="4245">
                  <c:v>42.241</c:v>
                </c:pt>
                <c:pt idx="4246">
                  <c:v>42.25</c:v>
                </c:pt>
                <c:pt idx="4247">
                  <c:v>42.259</c:v>
                </c:pt>
                <c:pt idx="4248">
                  <c:v>42.27</c:v>
                </c:pt>
                <c:pt idx="4249">
                  <c:v>42.279000000000003</c:v>
                </c:pt>
                <c:pt idx="4250">
                  <c:v>42.289000000000001</c:v>
                </c:pt>
                <c:pt idx="4251">
                  <c:v>42.298000000000002</c:v>
                </c:pt>
                <c:pt idx="4252">
                  <c:v>42.308999999999997</c:v>
                </c:pt>
                <c:pt idx="4253">
                  <c:v>42.319000000000003</c:v>
                </c:pt>
                <c:pt idx="4254">
                  <c:v>42.328000000000003</c:v>
                </c:pt>
                <c:pt idx="4255">
                  <c:v>42.338999999999999</c:v>
                </c:pt>
                <c:pt idx="4256">
                  <c:v>42.347999999999999</c:v>
                </c:pt>
                <c:pt idx="4257">
                  <c:v>42.357999999999997</c:v>
                </c:pt>
                <c:pt idx="4258">
                  <c:v>42.366999999999997</c:v>
                </c:pt>
                <c:pt idx="4259">
                  <c:v>42.378</c:v>
                </c:pt>
                <c:pt idx="4260">
                  <c:v>42.387</c:v>
                </c:pt>
                <c:pt idx="4261">
                  <c:v>42.396000000000001</c:v>
                </c:pt>
                <c:pt idx="4262">
                  <c:v>42.406999999999996</c:v>
                </c:pt>
                <c:pt idx="4263">
                  <c:v>42.415999999999997</c:v>
                </c:pt>
                <c:pt idx="4264">
                  <c:v>42.426000000000002</c:v>
                </c:pt>
                <c:pt idx="4265">
                  <c:v>42.435000000000002</c:v>
                </c:pt>
                <c:pt idx="4266">
                  <c:v>42.445</c:v>
                </c:pt>
                <c:pt idx="4267">
                  <c:v>42.456000000000003</c:v>
                </c:pt>
                <c:pt idx="4268">
                  <c:v>42.465000000000003</c:v>
                </c:pt>
                <c:pt idx="4269">
                  <c:v>42.475000000000001</c:v>
                </c:pt>
                <c:pt idx="4270">
                  <c:v>42.484000000000002</c:v>
                </c:pt>
                <c:pt idx="4271">
                  <c:v>42.494999999999997</c:v>
                </c:pt>
                <c:pt idx="4272">
                  <c:v>42.503999999999998</c:v>
                </c:pt>
                <c:pt idx="4273">
                  <c:v>42.514000000000003</c:v>
                </c:pt>
                <c:pt idx="4274">
                  <c:v>42.524000000000001</c:v>
                </c:pt>
                <c:pt idx="4275">
                  <c:v>42.533999999999999</c:v>
                </c:pt>
                <c:pt idx="4276">
                  <c:v>42.542999999999999</c:v>
                </c:pt>
                <c:pt idx="4277">
                  <c:v>42.552</c:v>
                </c:pt>
                <c:pt idx="4278">
                  <c:v>42.563000000000002</c:v>
                </c:pt>
                <c:pt idx="4279">
                  <c:v>42.572000000000003</c:v>
                </c:pt>
                <c:pt idx="4280">
                  <c:v>42.582000000000001</c:v>
                </c:pt>
                <c:pt idx="4281">
                  <c:v>42.591000000000001</c:v>
                </c:pt>
                <c:pt idx="4282">
                  <c:v>42.601999999999997</c:v>
                </c:pt>
                <c:pt idx="4283">
                  <c:v>42.610999999999997</c:v>
                </c:pt>
                <c:pt idx="4284">
                  <c:v>42.62</c:v>
                </c:pt>
                <c:pt idx="4285">
                  <c:v>42.63</c:v>
                </c:pt>
                <c:pt idx="4286">
                  <c:v>42.640999999999998</c:v>
                </c:pt>
                <c:pt idx="4287">
                  <c:v>42.65</c:v>
                </c:pt>
                <c:pt idx="4288">
                  <c:v>42.658999999999999</c:v>
                </c:pt>
                <c:pt idx="4289">
                  <c:v>42.668999999999997</c:v>
                </c:pt>
                <c:pt idx="4290">
                  <c:v>42.679000000000002</c:v>
                </c:pt>
                <c:pt idx="4291">
                  <c:v>42.688000000000002</c:v>
                </c:pt>
                <c:pt idx="4292">
                  <c:v>42.698</c:v>
                </c:pt>
                <c:pt idx="4293">
                  <c:v>42.707999999999998</c:v>
                </c:pt>
                <c:pt idx="4294">
                  <c:v>42.718000000000004</c:v>
                </c:pt>
                <c:pt idx="4295">
                  <c:v>42.726999999999997</c:v>
                </c:pt>
                <c:pt idx="4296">
                  <c:v>42.735999999999997</c:v>
                </c:pt>
                <c:pt idx="4297">
                  <c:v>42.747</c:v>
                </c:pt>
                <c:pt idx="4298">
                  <c:v>42.756</c:v>
                </c:pt>
                <c:pt idx="4299">
                  <c:v>42.765999999999998</c:v>
                </c:pt>
                <c:pt idx="4300">
                  <c:v>42.776000000000003</c:v>
                </c:pt>
                <c:pt idx="4301">
                  <c:v>42.786000000000001</c:v>
                </c:pt>
                <c:pt idx="4302">
                  <c:v>42.795000000000002</c:v>
                </c:pt>
                <c:pt idx="4303">
                  <c:v>42.805</c:v>
                </c:pt>
                <c:pt idx="4304">
                  <c:v>42.814999999999998</c:v>
                </c:pt>
                <c:pt idx="4305">
                  <c:v>42.825000000000003</c:v>
                </c:pt>
                <c:pt idx="4306">
                  <c:v>42.835000000000001</c:v>
                </c:pt>
                <c:pt idx="4307">
                  <c:v>42.844000000000001</c:v>
                </c:pt>
                <c:pt idx="4308">
                  <c:v>42.853999999999999</c:v>
                </c:pt>
                <c:pt idx="4309">
                  <c:v>42.863999999999997</c:v>
                </c:pt>
                <c:pt idx="4310">
                  <c:v>42.874000000000002</c:v>
                </c:pt>
                <c:pt idx="4311">
                  <c:v>42.883000000000003</c:v>
                </c:pt>
                <c:pt idx="4312">
                  <c:v>42.892000000000003</c:v>
                </c:pt>
                <c:pt idx="4313">
                  <c:v>42.902999999999999</c:v>
                </c:pt>
                <c:pt idx="4314">
                  <c:v>42.911999999999999</c:v>
                </c:pt>
                <c:pt idx="4315">
                  <c:v>42.920999999999999</c:v>
                </c:pt>
                <c:pt idx="4316">
                  <c:v>42.932000000000002</c:v>
                </c:pt>
                <c:pt idx="4317">
                  <c:v>42.941000000000003</c:v>
                </c:pt>
                <c:pt idx="4318">
                  <c:v>42.95</c:v>
                </c:pt>
                <c:pt idx="4319">
                  <c:v>42.96</c:v>
                </c:pt>
                <c:pt idx="4320">
                  <c:v>42.97</c:v>
                </c:pt>
                <c:pt idx="4321">
                  <c:v>42.978999999999999</c:v>
                </c:pt>
                <c:pt idx="4322">
                  <c:v>42.988999999999997</c:v>
                </c:pt>
                <c:pt idx="4323">
                  <c:v>42.999000000000002</c:v>
                </c:pt>
                <c:pt idx="4324">
                  <c:v>43.009</c:v>
                </c:pt>
                <c:pt idx="4325">
                  <c:v>43.018000000000001</c:v>
                </c:pt>
                <c:pt idx="4326">
                  <c:v>43.027999999999999</c:v>
                </c:pt>
                <c:pt idx="4327">
                  <c:v>43.039000000000001</c:v>
                </c:pt>
                <c:pt idx="4328">
                  <c:v>43.048000000000002</c:v>
                </c:pt>
                <c:pt idx="4329">
                  <c:v>43.057000000000002</c:v>
                </c:pt>
                <c:pt idx="4330">
                  <c:v>43.066000000000003</c:v>
                </c:pt>
                <c:pt idx="4331">
                  <c:v>43.076999999999998</c:v>
                </c:pt>
                <c:pt idx="4332">
                  <c:v>43.085999999999999</c:v>
                </c:pt>
                <c:pt idx="4333">
                  <c:v>43.094999999999999</c:v>
                </c:pt>
                <c:pt idx="4334">
                  <c:v>43.106000000000002</c:v>
                </c:pt>
                <c:pt idx="4335">
                  <c:v>43.115000000000002</c:v>
                </c:pt>
                <c:pt idx="4336">
                  <c:v>43.125</c:v>
                </c:pt>
                <c:pt idx="4337">
                  <c:v>43.134</c:v>
                </c:pt>
                <c:pt idx="4338">
                  <c:v>43.145000000000003</c:v>
                </c:pt>
                <c:pt idx="4339">
                  <c:v>43.155000000000001</c:v>
                </c:pt>
                <c:pt idx="4340">
                  <c:v>43.164000000000001</c:v>
                </c:pt>
                <c:pt idx="4341">
                  <c:v>43.173000000000002</c:v>
                </c:pt>
                <c:pt idx="4342">
                  <c:v>43.183999999999997</c:v>
                </c:pt>
                <c:pt idx="4343">
                  <c:v>43.192999999999998</c:v>
                </c:pt>
                <c:pt idx="4344">
                  <c:v>43.203000000000003</c:v>
                </c:pt>
                <c:pt idx="4345">
                  <c:v>43.212000000000003</c:v>
                </c:pt>
                <c:pt idx="4346">
                  <c:v>43.222999999999999</c:v>
                </c:pt>
                <c:pt idx="4347">
                  <c:v>43.231999999999999</c:v>
                </c:pt>
                <c:pt idx="4348">
                  <c:v>43.241999999999997</c:v>
                </c:pt>
                <c:pt idx="4349">
                  <c:v>43.25</c:v>
                </c:pt>
                <c:pt idx="4350">
                  <c:v>43.26</c:v>
                </c:pt>
                <c:pt idx="4351">
                  <c:v>43.268999999999998</c:v>
                </c:pt>
                <c:pt idx="4352">
                  <c:v>43.279000000000003</c:v>
                </c:pt>
                <c:pt idx="4353">
                  <c:v>43.289000000000001</c:v>
                </c:pt>
                <c:pt idx="4354">
                  <c:v>43.298999999999999</c:v>
                </c:pt>
                <c:pt idx="4355">
                  <c:v>43.308999999999997</c:v>
                </c:pt>
                <c:pt idx="4356">
                  <c:v>43.317999999999998</c:v>
                </c:pt>
                <c:pt idx="4357">
                  <c:v>43.328000000000003</c:v>
                </c:pt>
                <c:pt idx="4358">
                  <c:v>43.337000000000003</c:v>
                </c:pt>
                <c:pt idx="4359">
                  <c:v>43.347000000000001</c:v>
                </c:pt>
                <c:pt idx="4360">
                  <c:v>43.357999999999997</c:v>
                </c:pt>
                <c:pt idx="4361">
                  <c:v>43.366999999999997</c:v>
                </c:pt>
                <c:pt idx="4362">
                  <c:v>43.375999999999998</c:v>
                </c:pt>
                <c:pt idx="4363">
                  <c:v>43.384999999999998</c:v>
                </c:pt>
                <c:pt idx="4364">
                  <c:v>43.396000000000001</c:v>
                </c:pt>
                <c:pt idx="4365">
                  <c:v>43.405000000000001</c:v>
                </c:pt>
                <c:pt idx="4366">
                  <c:v>43.414999999999999</c:v>
                </c:pt>
                <c:pt idx="4367">
                  <c:v>43.423999999999999</c:v>
                </c:pt>
                <c:pt idx="4368">
                  <c:v>43.435000000000002</c:v>
                </c:pt>
                <c:pt idx="4369">
                  <c:v>43.444000000000003</c:v>
                </c:pt>
                <c:pt idx="4370">
                  <c:v>43.453000000000003</c:v>
                </c:pt>
                <c:pt idx="4371">
                  <c:v>43.463000000000001</c:v>
                </c:pt>
                <c:pt idx="4372">
                  <c:v>43.473999999999997</c:v>
                </c:pt>
                <c:pt idx="4373">
                  <c:v>43.482999999999997</c:v>
                </c:pt>
                <c:pt idx="4374">
                  <c:v>43.494</c:v>
                </c:pt>
                <c:pt idx="4375">
                  <c:v>43.503</c:v>
                </c:pt>
                <c:pt idx="4376">
                  <c:v>43.512</c:v>
                </c:pt>
                <c:pt idx="4377">
                  <c:v>43.521999999999998</c:v>
                </c:pt>
                <c:pt idx="4378">
                  <c:v>43.531999999999996</c:v>
                </c:pt>
                <c:pt idx="4379">
                  <c:v>43.540999999999997</c:v>
                </c:pt>
                <c:pt idx="4380">
                  <c:v>43.551000000000002</c:v>
                </c:pt>
                <c:pt idx="4381">
                  <c:v>43.56</c:v>
                </c:pt>
                <c:pt idx="4382">
                  <c:v>43.570999999999998</c:v>
                </c:pt>
                <c:pt idx="4383">
                  <c:v>43.58</c:v>
                </c:pt>
                <c:pt idx="4384">
                  <c:v>43.588999999999999</c:v>
                </c:pt>
                <c:pt idx="4385">
                  <c:v>43.598999999999997</c:v>
                </c:pt>
                <c:pt idx="4386">
                  <c:v>43.609000000000002</c:v>
                </c:pt>
                <c:pt idx="4387">
                  <c:v>43.618000000000002</c:v>
                </c:pt>
                <c:pt idx="4388">
                  <c:v>43.628</c:v>
                </c:pt>
                <c:pt idx="4389">
                  <c:v>43.637999999999998</c:v>
                </c:pt>
                <c:pt idx="4390">
                  <c:v>43.648000000000003</c:v>
                </c:pt>
                <c:pt idx="4391">
                  <c:v>43.656999999999996</c:v>
                </c:pt>
                <c:pt idx="4392">
                  <c:v>43.665999999999997</c:v>
                </c:pt>
                <c:pt idx="4393">
                  <c:v>43.677</c:v>
                </c:pt>
                <c:pt idx="4394">
                  <c:v>43.686999999999998</c:v>
                </c:pt>
                <c:pt idx="4395">
                  <c:v>43.697000000000003</c:v>
                </c:pt>
                <c:pt idx="4396">
                  <c:v>43.706000000000003</c:v>
                </c:pt>
                <c:pt idx="4397">
                  <c:v>43.715000000000003</c:v>
                </c:pt>
                <c:pt idx="4398">
                  <c:v>43.725999999999999</c:v>
                </c:pt>
                <c:pt idx="4399">
                  <c:v>43.734999999999999</c:v>
                </c:pt>
                <c:pt idx="4400">
                  <c:v>43.744</c:v>
                </c:pt>
                <c:pt idx="4401">
                  <c:v>43.755000000000003</c:v>
                </c:pt>
                <c:pt idx="4402">
                  <c:v>43.764000000000003</c:v>
                </c:pt>
                <c:pt idx="4403">
                  <c:v>43.774000000000001</c:v>
                </c:pt>
                <c:pt idx="4404">
                  <c:v>43.783000000000001</c:v>
                </c:pt>
                <c:pt idx="4405">
                  <c:v>43.793999999999997</c:v>
                </c:pt>
                <c:pt idx="4406">
                  <c:v>43.802999999999997</c:v>
                </c:pt>
                <c:pt idx="4407">
                  <c:v>43.813000000000002</c:v>
                </c:pt>
                <c:pt idx="4408">
                  <c:v>43.822000000000003</c:v>
                </c:pt>
                <c:pt idx="4409">
                  <c:v>43.832000000000001</c:v>
                </c:pt>
                <c:pt idx="4410">
                  <c:v>43.841999999999999</c:v>
                </c:pt>
                <c:pt idx="4411">
                  <c:v>43.850999999999999</c:v>
                </c:pt>
                <c:pt idx="4412">
                  <c:v>43.862000000000002</c:v>
                </c:pt>
                <c:pt idx="4413">
                  <c:v>43.871000000000002</c:v>
                </c:pt>
                <c:pt idx="4414">
                  <c:v>43.881</c:v>
                </c:pt>
                <c:pt idx="4415">
                  <c:v>43.890999999999998</c:v>
                </c:pt>
                <c:pt idx="4416">
                  <c:v>43.9</c:v>
                </c:pt>
                <c:pt idx="4417">
                  <c:v>43.908999999999999</c:v>
                </c:pt>
                <c:pt idx="4418">
                  <c:v>43.918999999999997</c:v>
                </c:pt>
                <c:pt idx="4419">
                  <c:v>43.929000000000002</c:v>
                </c:pt>
                <c:pt idx="4420">
                  <c:v>43.939</c:v>
                </c:pt>
                <c:pt idx="4421">
                  <c:v>43.948</c:v>
                </c:pt>
                <c:pt idx="4422">
                  <c:v>43.957999999999998</c:v>
                </c:pt>
                <c:pt idx="4423">
                  <c:v>43.969000000000001</c:v>
                </c:pt>
                <c:pt idx="4424">
                  <c:v>43.978000000000002</c:v>
                </c:pt>
                <c:pt idx="4425">
                  <c:v>43.988</c:v>
                </c:pt>
                <c:pt idx="4426">
                  <c:v>43.997</c:v>
                </c:pt>
                <c:pt idx="4427">
                  <c:v>44.006999999999998</c:v>
                </c:pt>
                <c:pt idx="4428">
                  <c:v>44.017000000000003</c:v>
                </c:pt>
                <c:pt idx="4429">
                  <c:v>44.024999999999999</c:v>
                </c:pt>
                <c:pt idx="4430">
                  <c:v>44.036000000000001</c:v>
                </c:pt>
                <c:pt idx="4431">
                  <c:v>44.045000000000002</c:v>
                </c:pt>
                <c:pt idx="4432">
                  <c:v>44.054000000000002</c:v>
                </c:pt>
                <c:pt idx="4433">
                  <c:v>44.064999999999998</c:v>
                </c:pt>
                <c:pt idx="4434">
                  <c:v>44.073999999999998</c:v>
                </c:pt>
                <c:pt idx="4435">
                  <c:v>44.082999999999998</c:v>
                </c:pt>
                <c:pt idx="4436">
                  <c:v>44.093000000000004</c:v>
                </c:pt>
                <c:pt idx="4437">
                  <c:v>44.103000000000002</c:v>
                </c:pt>
                <c:pt idx="4438">
                  <c:v>44.113</c:v>
                </c:pt>
                <c:pt idx="4439">
                  <c:v>44.122</c:v>
                </c:pt>
                <c:pt idx="4440">
                  <c:v>44.133000000000003</c:v>
                </c:pt>
                <c:pt idx="4441">
                  <c:v>44.143000000000001</c:v>
                </c:pt>
                <c:pt idx="4442">
                  <c:v>44.152000000000001</c:v>
                </c:pt>
                <c:pt idx="4443">
                  <c:v>44.161999999999999</c:v>
                </c:pt>
                <c:pt idx="4444">
                  <c:v>44.173000000000002</c:v>
                </c:pt>
                <c:pt idx="4445">
                  <c:v>44.182000000000002</c:v>
                </c:pt>
                <c:pt idx="4446">
                  <c:v>44.191000000000003</c:v>
                </c:pt>
                <c:pt idx="4447">
                  <c:v>44.201000000000001</c:v>
                </c:pt>
                <c:pt idx="4448">
                  <c:v>44.212000000000003</c:v>
                </c:pt>
                <c:pt idx="4449">
                  <c:v>44.220999999999997</c:v>
                </c:pt>
                <c:pt idx="4450">
                  <c:v>44.23</c:v>
                </c:pt>
                <c:pt idx="4451">
                  <c:v>44.238999999999997</c:v>
                </c:pt>
                <c:pt idx="4452">
                  <c:v>44.25</c:v>
                </c:pt>
                <c:pt idx="4453">
                  <c:v>44.259</c:v>
                </c:pt>
                <c:pt idx="4454">
                  <c:v>44.268000000000001</c:v>
                </c:pt>
                <c:pt idx="4455">
                  <c:v>44.277999999999999</c:v>
                </c:pt>
                <c:pt idx="4456">
                  <c:v>44.287999999999997</c:v>
                </c:pt>
                <c:pt idx="4457">
                  <c:v>44.296999999999997</c:v>
                </c:pt>
                <c:pt idx="4458">
                  <c:v>44.307000000000002</c:v>
                </c:pt>
                <c:pt idx="4459">
                  <c:v>44.317</c:v>
                </c:pt>
                <c:pt idx="4460">
                  <c:v>44.326999999999998</c:v>
                </c:pt>
                <c:pt idx="4461">
                  <c:v>44.335999999999999</c:v>
                </c:pt>
                <c:pt idx="4462">
                  <c:v>44.345999999999997</c:v>
                </c:pt>
                <c:pt idx="4463">
                  <c:v>44.356000000000002</c:v>
                </c:pt>
                <c:pt idx="4464">
                  <c:v>44.366</c:v>
                </c:pt>
                <c:pt idx="4465">
                  <c:v>44.375</c:v>
                </c:pt>
                <c:pt idx="4466">
                  <c:v>44.384</c:v>
                </c:pt>
                <c:pt idx="4467">
                  <c:v>44.395000000000003</c:v>
                </c:pt>
                <c:pt idx="4468">
                  <c:v>44.404000000000003</c:v>
                </c:pt>
                <c:pt idx="4469">
                  <c:v>44.412999999999997</c:v>
                </c:pt>
                <c:pt idx="4470">
                  <c:v>44.423000000000002</c:v>
                </c:pt>
                <c:pt idx="4471">
                  <c:v>44.433</c:v>
                </c:pt>
                <c:pt idx="4472">
                  <c:v>44.442999999999998</c:v>
                </c:pt>
                <c:pt idx="4473">
                  <c:v>44.453000000000003</c:v>
                </c:pt>
                <c:pt idx="4474">
                  <c:v>44.463000000000001</c:v>
                </c:pt>
                <c:pt idx="4475">
                  <c:v>44.472000000000001</c:v>
                </c:pt>
                <c:pt idx="4476">
                  <c:v>44.482999999999997</c:v>
                </c:pt>
                <c:pt idx="4477">
                  <c:v>44.491999999999997</c:v>
                </c:pt>
                <c:pt idx="4478">
                  <c:v>44.502000000000002</c:v>
                </c:pt>
                <c:pt idx="4479">
                  <c:v>44.511000000000003</c:v>
                </c:pt>
                <c:pt idx="4480">
                  <c:v>44.521999999999998</c:v>
                </c:pt>
                <c:pt idx="4481">
                  <c:v>44.53</c:v>
                </c:pt>
                <c:pt idx="4482">
                  <c:v>44.540999999999997</c:v>
                </c:pt>
                <c:pt idx="4483">
                  <c:v>44.55</c:v>
                </c:pt>
                <c:pt idx="4484">
                  <c:v>44.558999999999997</c:v>
                </c:pt>
                <c:pt idx="4485">
                  <c:v>44.57</c:v>
                </c:pt>
                <c:pt idx="4486">
                  <c:v>44.579000000000001</c:v>
                </c:pt>
                <c:pt idx="4487">
                  <c:v>44.588000000000001</c:v>
                </c:pt>
                <c:pt idx="4488">
                  <c:v>44.598999999999997</c:v>
                </c:pt>
                <c:pt idx="4489">
                  <c:v>44.607999999999997</c:v>
                </c:pt>
                <c:pt idx="4490">
                  <c:v>44.619</c:v>
                </c:pt>
                <c:pt idx="4491">
                  <c:v>44.628</c:v>
                </c:pt>
                <c:pt idx="4492">
                  <c:v>44.637999999999998</c:v>
                </c:pt>
                <c:pt idx="4493">
                  <c:v>44.648000000000003</c:v>
                </c:pt>
                <c:pt idx="4494">
                  <c:v>44.656999999999996</c:v>
                </c:pt>
                <c:pt idx="4495">
                  <c:v>44.665999999999997</c:v>
                </c:pt>
                <c:pt idx="4496">
                  <c:v>44.677</c:v>
                </c:pt>
                <c:pt idx="4497">
                  <c:v>44.686</c:v>
                </c:pt>
                <c:pt idx="4498">
                  <c:v>44.695999999999998</c:v>
                </c:pt>
                <c:pt idx="4499">
                  <c:v>44.706000000000003</c:v>
                </c:pt>
                <c:pt idx="4500">
                  <c:v>44.715000000000003</c:v>
                </c:pt>
                <c:pt idx="4501">
                  <c:v>44.725000000000001</c:v>
                </c:pt>
                <c:pt idx="4502">
                  <c:v>44.734000000000002</c:v>
                </c:pt>
                <c:pt idx="4503">
                  <c:v>44.744999999999997</c:v>
                </c:pt>
                <c:pt idx="4504">
                  <c:v>44.753999999999998</c:v>
                </c:pt>
                <c:pt idx="4505">
                  <c:v>44.762999999999998</c:v>
                </c:pt>
                <c:pt idx="4506">
                  <c:v>44.773000000000003</c:v>
                </c:pt>
                <c:pt idx="4507">
                  <c:v>44.783000000000001</c:v>
                </c:pt>
                <c:pt idx="4508">
                  <c:v>44.793999999999997</c:v>
                </c:pt>
                <c:pt idx="4509">
                  <c:v>44.802999999999997</c:v>
                </c:pt>
                <c:pt idx="4510">
                  <c:v>44.813000000000002</c:v>
                </c:pt>
                <c:pt idx="4511">
                  <c:v>44.822000000000003</c:v>
                </c:pt>
                <c:pt idx="4512">
                  <c:v>44.832000000000001</c:v>
                </c:pt>
                <c:pt idx="4513">
                  <c:v>44.841999999999999</c:v>
                </c:pt>
                <c:pt idx="4514">
                  <c:v>44.850999999999999</c:v>
                </c:pt>
                <c:pt idx="4515">
                  <c:v>44.862000000000002</c:v>
                </c:pt>
                <c:pt idx="4516">
                  <c:v>44.871000000000002</c:v>
                </c:pt>
                <c:pt idx="4517">
                  <c:v>44.881</c:v>
                </c:pt>
                <c:pt idx="4518">
                  <c:v>44.89</c:v>
                </c:pt>
                <c:pt idx="4519">
                  <c:v>44.9</c:v>
                </c:pt>
                <c:pt idx="4520">
                  <c:v>44.91</c:v>
                </c:pt>
                <c:pt idx="4521">
                  <c:v>44.918999999999997</c:v>
                </c:pt>
                <c:pt idx="4522">
                  <c:v>44.929000000000002</c:v>
                </c:pt>
                <c:pt idx="4523">
                  <c:v>44.939</c:v>
                </c:pt>
                <c:pt idx="4524">
                  <c:v>44.948</c:v>
                </c:pt>
                <c:pt idx="4525">
                  <c:v>44.957000000000001</c:v>
                </c:pt>
                <c:pt idx="4526">
                  <c:v>44.968000000000004</c:v>
                </c:pt>
                <c:pt idx="4527">
                  <c:v>44.978000000000002</c:v>
                </c:pt>
                <c:pt idx="4528">
                  <c:v>44.987000000000002</c:v>
                </c:pt>
                <c:pt idx="4529">
                  <c:v>44.997999999999998</c:v>
                </c:pt>
                <c:pt idx="4530">
                  <c:v>45.006999999999998</c:v>
                </c:pt>
                <c:pt idx="4531">
                  <c:v>45.018000000000001</c:v>
                </c:pt>
                <c:pt idx="4532">
                  <c:v>45.027000000000001</c:v>
                </c:pt>
                <c:pt idx="4533">
                  <c:v>45.036000000000001</c:v>
                </c:pt>
                <c:pt idx="4534">
                  <c:v>45.045999999999999</c:v>
                </c:pt>
                <c:pt idx="4535">
                  <c:v>45.055</c:v>
                </c:pt>
                <c:pt idx="4536">
                  <c:v>45.064999999999998</c:v>
                </c:pt>
                <c:pt idx="4537">
                  <c:v>45.073999999999998</c:v>
                </c:pt>
                <c:pt idx="4538">
                  <c:v>45.084000000000003</c:v>
                </c:pt>
                <c:pt idx="4539">
                  <c:v>45.093000000000004</c:v>
                </c:pt>
                <c:pt idx="4540">
                  <c:v>45.103999999999999</c:v>
                </c:pt>
                <c:pt idx="4541">
                  <c:v>45.113</c:v>
                </c:pt>
                <c:pt idx="4542">
                  <c:v>45.122</c:v>
                </c:pt>
                <c:pt idx="4543">
                  <c:v>45.131999999999998</c:v>
                </c:pt>
                <c:pt idx="4544">
                  <c:v>45.142000000000003</c:v>
                </c:pt>
                <c:pt idx="4545">
                  <c:v>45.152000000000001</c:v>
                </c:pt>
                <c:pt idx="4546">
                  <c:v>45.161999999999999</c:v>
                </c:pt>
                <c:pt idx="4547">
                  <c:v>45.171999999999997</c:v>
                </c:pt>
                <c:pt idx="4548">
                  <c:v>45.180999999999997</c:v>
                </c:pt>
                <c:pt idx="4549">
                  <c:v>45.191000000000003</c:v>
                </c:pt>
                <c:pt idx="4550">
                  <c:v>45.2</c:v>
                </c:pt>
                <c:pt idx="4551">
                  <c:v>45.21</c:v>
                </c:pt>
                <c:pt idx="4552">
                  <c:v>45.22</c:v>
                </c:pt>
                <c:pt idx="4553">
                  <c:v>45.228999999999999</c:v>
                </c:pt>
                <c:pt idx="4554">
                  <c:v>45.238</c:v>
                </c:pt>
                <c:pt idx="4555">
                  <c:v>45.249000000000002</c:v>
                </c:pt>
                <c:pt idx="4556">
                  <c:v>45.258000000000003</c:v>
                </c:pt>
                <c:pt idx="4557">
                  <c:v>45.268000000000001</c:v>
                </c:pt>
                <c:pt idx="4558">
                  <c:v>45.277999999999999</c:v>
                </c:pt>
                <c:pt idx="4559">
                  <c:v>45.286999999999999</c:v>
                </c:pt>
                <c:pt idx="4560">
                  <c:v>45.296999999999997</c:v>
                </c:pt>
                <c:pt idx="4561">
                  <c:v>45.308</c:v>
                </c:pt>
                <c:pt idx="4562">
                  <c:v>45.317</c:v>
                </c:pt>
                <c:pt idx="4563">
                  <c:v>45.326999999999998</c:v>
                </c:pt>
                <c:pt idx="4564">
                  <c:v>45.337000000000003</c:v>
                </c:pt>
                <c:pt idx="4565">
                  <c:v>45.345999999999997</c:v>
                </c:pt>
                <c:pt idx="4566">
                  <c:v>45.356999999999999</c:v>
                </c:pt>
                <c:pt idx="4567">
                  <c:v>45.366</c:v>
                </c:pt>
                <c:pt idx="4568">
                  <c:v>45.375</c:v>
                </c:pt>
                <c:pt idx="4569">
                  <c:v>45.386000000000003</c:v>
                </c:pt>
                <c:pt idx="4570">
                  <c:v>45.395000000000003</c:v>
                </c:pt>
                <c:pt idx="4571">
                  <c:v>45.404000000000003</c:v>
                </c:pt>
                <c:pt idx="4572">
                  <c:v>45.412999999999997</c:v>
                </c:pt>
                <c:pt idx="4573">
                  <c:v>45.423000000000002</c:v>
                </c:pt>
                <c:pt idx="4574">
                  <c:v>45.433</c:v>
                </c:pt>
                <c:pt idx="4575">
                  <c:v>45.442</c:v>
                </c:pt>
                <c:pt idx="4576">
                  <c:v>45.451999999999998</c:v>
                </c:pt>
                <c:pt idx="4577">
                  <c:v>45.462000000000003</c:v>
                </c:pt>
                <c:pt idx="4578">
                  <c:v>45.470999999999997</c:v>
                </c:pt>
                <c:pt idx="4579">
                  <c:v>45.481000000000002</c:v>
                </c:pt>
                <c:pt idx="4580">
                  <c:v>45.491</c:v>
                </c:pt>
                <c:pt idx="4581">
                  <c:v>45.500999999999998</c:v>
                </c:pt>
                <c:pt idx="4582">
                  <c:v>45.51</c:v>
                </c:pt>
                <c:pt idx="4583">
                  <c:v>45.518999999999998</c:v>
                </c:pt>
                <c:pt idx="4584">
                  <c:v>45.53</c:v>
                </c:pt>
                <c:pt idx="4585">
                  <c:v>45.539000000000001</c:v>
                </c:pt>
                <c:pt idx="4586">
                  <c:v>45.548999999999999</c:v>
                </c:pt>
                <c:pt idx="4587">
                  <c:v>45.558999999999997</c:v>
                </c:pt>
                <c:pt idx="4588">
                  <c:v>45.567999999999998</c:v>
                </c:pt>
                <c:pt idx="4589">
                  <c:v>45.578000000000003</c:v>
                </c:pt>
                <c:pt idx="4590">
                  <c:v>45.588000000000001</c:v>
                </c:pt>
                <c:pt idx="4591">
                  <c:v>45.597999999999999</c:v>
                </c:pt>
                <c:pt idx="4592">
                  <c:v>45.606999999999999</c:v>
                </c:pt>
                <c:pt idx="4593">
                  <c:v>45.618000000000002</c:v>
                </c:pt>
                <c:pt idx="4594">
                  <c:v>45.627000000000002</c:v>
                </c:pt>
                <c:pt idx="4595">
                  <c:v>45.636000000000003</c:v>
                </c:pt>
                <c:pt idx="4596">
                  <c:v>45.646999999999998</c:v>
                </c:pt>
                <c:pt idx="4597">
                  <c:v>45.655999999999999</c:v>
                </c:pt>
                <c:pt idx="4598">
                  <c:v>45.665999999999997</c:v>
                </c:pt>
                <c:pt idx="4599">
                  <c:v>45.674999999999997</c:v>
                </c:pt>
                <c:pt idx="4600">
                  <c:v>45.685000000000002</c:v>
                </c:pt>
                <c:pt idx="4601">
                  <c:v>45.695</c:v>
                </c:pt>
                <c:pt idx="4602">
                  <c:v>45.704999999999998</c:v>
                </c:pt>
                <c:pt idx="4603">
                  <c:v>45.713999999999999</c:v>
                </c:pt>
                <c:pt idx="4604">
                  <c:v>45.723999999999997</c:v>
                </c:pt>
                <c:pt idx="4605">
                  <c:v>45.734000000000002</c:v>
                </c:pt>
                <c:pt idx="4606">
                  <c:v>45.743000000000002</c:v>
                </c:pt>
                <c:pt idx="4607">
                  <c:v>45.753</c:v>
                </c:pt>
                <c:pt idx="4608">
                  <c:v>45.762999999999998</c:v>
                </c:pt>
                <c:pt idx="4609">
                  <c:v>45.773000000000003</c:v>
                </c:pt>
                <c:pt idx="4610">
                  <c:v>45.781999999999996</c:v>
                </c:pt>
                <c:pt idx="4611">
                  <c:v>45.792000000000002</c:v>
                </c:pt>
                <c:pt idx="4612">
                  <c:v>45.801000000000002</c:v>
                </c:pt>
                <c:pt idx="4613">
                  <c:v>45.811999999999998</c:v>
                </c:pt>
                <c:pt idx="4614">
                  <c:v>45.820999999999998</c:v>
                </c:pt>
                <c:pt idx="4615">
                  <c:v>45.83</c:v>
                </c:pt>
                <c:pt idx="4616">
                  <c:v>45.841000000000001</c:v>
                </c:pt>
                <c:pt idx="4617">
                  <c:v>45.85</c:v>
                </c:pt>
                <c:pt idx="4618">
                  <c:v>45.86</c:v>
                </c:pt>
                <c:pt idx="4619">
                  <c:v>45.869</c:v>
                </c:pt>
                <c:pt idx="4620">
                  <c:v>45.878999999999998</c:v>
                </c:pt>
                <c:pt idx="4621">
                  <c:v>45.889000000000003</c:v>
                </c:pt>
                <c:pt idx="4622">
                  <c:v>45.898000000000003</c:v>
                </c:pt>
                <c:pt idx="4623">
                  <c:v>45.908999999999999</c:v>
                </c:pt>
                <c:pt idx="4624">
                  <c:v>45.917999999999999</c:v>
                </c:pt>
                <c:pt idx="4625">
                  <c:v>45.927999999999997</c:v>
                </c:pt>
                <c:pt idx="4626">
                  <c:v>45.938000000000002</c:v>
                </c:pt>
                <c:pt idx="4627">
                  <c:v>45.947000000000003</c:v>
                </c:pt>
                <c:pt idx="4628">
                  <c:v>45.957000000000001</c:v>
                </c:pt>
                <c:pt idx="4629">
                  <c:v>45.966999999999999</c:v>
                </c:pt>
                <c:pt idx="4630">
                  <c:v>45.976999999999997</c:v>
                </c:pt>
                <c:pt idx="4631">
                  <c:v>45.985999999999997</c:v>
                </c:pt>
                <c:pt idx="4632">
                  <c:v>45.996000000000002</c:v>
                </c:pt>
                <c:pt idx="4633">
                  <c:v>46.005000000000003</c:v>
                </c:pt>
                <c:pt idx="4634">
                  <c:v>46.014000000000003</c:v>
                </c:pt>
                <c:pt idx="4635">
                  <c:v>46.024000000000001</c:v>
                </c:pt>
                <c:pt idx="4636">
                  <c:v>46.033999999999999</c:v>
                </c:pt>
                <c:pt idx="4637">
                  <c:v>46.043999999999997</c:v>
                </c:pt>
                <c:pt idx="4638">
                  <c:v>46.052999999999997</c:v>
                </c:pt>
                <c:pt idx="4639">
                  <c:v>46.063000000000002</c:v>
                </c:pt>
                <c:pt idx="4640">
                  <c:v>46.072000000000003</c:v>
                </c:pt>
                <c:pt idx="4641">
                  <c:v>46.081000000000003</c:v>
                </c:pt>
                <c:pt idx="4642">
                  <c:v>46.091000000000001</c:v>
                </c:pt>
                <c:pt idx="4643">
                  <c:v>46.1</c:v>
                </c:pt>
                <c:pt idx="4644">
                  <c:v>46.11</c:v>
                </c:pt>
                <c:pt idx="4645">
                  <c:v>46.121000000000002</c:v>
                </c:pt>
                <c:pt idx="4646">
                  <c:v>46.13</c:v>
                </c:pt>
                <c:pt idx="4647">
                  <c:v>46.14</c:v>
                </c:pt>
                <c:pt idx="4648">
                  <c:v>46.15</c:v>
                </c:pt>
                <c:pt idx="4649">
                  <c:v>46.16</c:v>
                </c:pt>
                <c:pt idx="4650">
                  <c:v>46.168999999999997</c:v>
                </c:pt>
                <c:pt idx="4651">
                  <c:v>46.179000000000002</c:v>
                </c:pt>
                <c:pt idx="4652">
                  <c:v>46.189</c:v>
                </c:pt>
                <c:pt idx="4653">
                  <c:v>46.198999999999998</c:v>
                </c:pt>
                <c:pt idx="4654">
                  <c:v>46.207999999999998</c:v>
                </c:pt>
                <c:pt idx="4655">
                  <c:v>46.219000000000001</c:v>
                </c:pt>
                <c:pt idx="4656">
                  <c:v>46.228000000000002</c:v>
                </c:pt>
                <c:pt idx="4657">
                  <c:v>46.238</c:v>
                </c:pt>
                <c:pt idx="4658">
                  <c:v>46.247</c:v>
                </c:pt>
                <c:pt idx="4659">
                  <c:v>46.256999999999998</c:v>
                </c:pt>
                <c:pt idx="4660">
                  <c:v>46.267000000000003</c:v>
                </c:pt>
                <c:pt idx="4661">
                  <c:v>46.276000000000003</c:v>
                </c:pt>
                <c:pt idx="4662">
                  <c:v>46.286000000000001</c:v>
                </c:pt>
                <c:pt idx="4663">
                  <c:v>46.295999999999999</c:v>
                </c:pt>
                <c:pt idx="4664">
                  <c:v>46.305</c:v>
                </c:pt>
                <c:pt idx="4665">
                  <c:v>46.316000000000003</c:v>
                </c:pt>
                <c:pt idx="4666">
                  <c:v>46.325000000000003</c:v>
                </c:pt>
                <c:pt idx="4667">
                  <c:v>46.335000000000001</c:v>
                </c:pt>
                <c:pt idx="4668">
                  <c:v>46.344999999999999</c:v>
                </c:pt>
                <c:pt idx="4669">
                  <c:v>46.353999999999999</c:v>
                </c:pt>
                <c:pt idx="4670">
                  <c:v>46.363999999999997</c:v>
                </c:pt>
                <c:pt idx="4671">
                  <c:v>46.372999999999998</c:v>
                </c:pt>
                <c:pt idx="4672">
                  <c:v>46.384</c:v>
                </c:pt>
                <c:pt idx="4673">
                  <c:v>46.393000000000001</c:v>
                </c:pt>
                <c:pt idx="4674">
                  <c:v>46.402999999999999</c:v>
                </c:pt>
                <c:pt idx="4675">
                  <c:v>46.411999999999999</c:v>
                </c:pt>
                <c:pt idx="4676">
                  <c:v>46.423000000000002</c:v>
                </c:pt>
                <c:pt idx="4677">
                  <c:v>46.432000000000002</c:v>
                </c:pt>
                <c:pt idx="4678">
                  <c:v>46.442999999999998</c:v>
                </c:pt>
                <c:pt idx="4679">
                  <c:v>46.451999999999998</c:v>
                </c:pt>
                <c:pt idx="4680">
                  <c:v>46.462000000000003</c:v>
                </c:pt>
                <c:pt idx="4681">
                  <c:v>46.470999999999997</c:v>
                </c:pt>
                <c:pt idx="4682">
                  <c:v>46.481000000000002</c:v>
                </c:pt>
                <c:pt idx="4683">
                  <c:v>46.491999999999997</c:v>
                </c:pt>
                <c:pt idx="4684">
                  <c:v>46.500999999999998</c:v>
                </c:pt>
                <c:pt idx="4685">
                  <c:v>46.511000000000003</c:v>
                </c:pt>
                <c:pt idx="4686">
                  <c:v>46.521000000000001</c:v>
                </c:pt>
                <c:pt idx="4687">
                  <c:v>46.530999999999999</c:v>
                </c:pt>
                <c:pt idx="4688">
                  <c:v>46.54</c:v>
                </c:pt>
                <c:pt idx="4689">
                  <c:v>46.55</c:v>
                </c:pt>
                <c:pt idx="4690">
                  <c:v>46.56</c:v>
                </c:pt>
                <c:pt idx="4691">
                  <c:v>46.569000000000003</c:v>
                </c:pt>
                <c:pt idx="4692">
                  <c:v>46.578000000000003</c:v>
                </c:pt>
                <c:pt idx="4693">
                  <c:v>46.588000000000001</c:v>
                </c:pt>
                <c:pt idx="4694">
                  <c:v>46.597999999999999</c:v>
                </c:pt>
                <c:pt idx="4695">
                  <c:v>46.606999999999999</c:v>
                </c:pt>
                <c:pt idx="4696">
                  <c:v>46.618000000000002</c:v>
                </c:pt>
                <c:pt idx="4697">
                  <c:v>46.627000000000002</c:v>
                </c:pt>
                <c:pt idx="4698">
                  <c:v>46.637</c:v>
                </c:pt>
                <c:pt idx="4699">
                  <c:v>46.646000000000001</c:v>
                </c:pt>
                <c:pt idx="4700">
                  <c:v>46.656999999999996</c:v>
                </c:pt>
                <c:pt idx="4701">
                  <c:v>46.667000000000002</c:v>
                </c:pt>
                <c:pt idx="4702">
                  <c:v>46.676000000000002</c:v>
                </c:pt>
                <c:pt idx="4703">
                  <c:v>46.685000000000002</c:v>
                </c:pt>
                <c:pt idx="4704">
                  <c:v>46.695999999999998</c:v>
                </c:pt>
                <c:pt idx="4705">
                  <c:v>46.704999999999998</c:v>
                </c:pt>
                <c:pt idx="4706">
                  <c:v>46.715000000000003</c:v>
                </c:pt>
                <c:pt idx="4707">
                  <c:v>46.723999999999997</c:v>
                </c:pt>
                <c:pt idx="4708">
                  <c:v>46.734000000000002</c:v>
                </c:pt>
                <c:pt idx="4709">
                  <c:v>46.744</c:v>
                </c:pt>
                <c:pt idx="4710">
                  <c:v>46.753999999999998</c:v>
                </c:pt>
                <c:pt idx="4711">
                  <c:v>46.762999999999998</c:v>
                </c:pt>
                <c:pt idx="4712">
                  <c:v>46.774000000000001</c:v>
                </c:pt>
                <c:pt idx="4713">
                  <c:v>46.783000000000001</c:v>
                </c:pt>
                <c:pt idx="4714">
                  <c:v>46.792000000000002</c:v>
                </c:pt>
                <c:pt idx="4715">
                  <c:v>46.802</c:v>
                </c:pt>
                <c:pt idx="4716">
                  <c:v>46.811999999999998</c:v>
                </c:pt>
                <c:pt idx="4717">
                  <c:v>46.822000000000003</c:v>
                </c:pt>
                <c:pt idx="4718">
                  <c:v>46.832000000000001</c:v>
                </c:pt>
                <c:pt idx="4719">
                  <c:v>46.841000000000001</c:v>
                </c:pt>
                <c:pt idx="4720">
                  <c:v>46.850999999999999</c:v>
                </c:pt>
                <c:pt idx="4721">
                  <c:v>46.860999999999997</c:v>
                </c:pt>
                <c:pt idx="4722">
                  <c:v>46.87</c:v>
                </c:pt>
                <c:pt idx="4723">
                  <c:v>46.88</c:v>
                </c:pt>
                <c:pt idx="4724">
                  <c:v>46.890999999999998</c:v>
                </c:pt>
                <c:pt idx="4725">
                  <c:v>46.9</c:v>
                </c:pt>
                <c:pt idx="4726">
                  <c:v>46.91</c:v>
                </c:pt>
                <c:pt idx="4727">
                  <c:v>46.918999999999997</c:v>
                </c:pt>
                <c:pt idx="4728">
                  <c:v>46.93</c:v>
                </c:pt>
                <c:pt idx="4729">
                  <c:v>46.939</c:v>
                </c:pt>
                <c:pt idx="4730">
                  <c:v>46.95</c:v>
                </c:pt>
                <c:pt idx="4731">
                  <c:v>46.959000000000003</c:v>
                </c:pt>
                <c:pt idx="4732">
                  <c:v>46.969000000000001</c:v>
                </c:pt>
                <c:pt idx="4733">
                  <c:v>46.978999999999999</c:v>
                </c:pt>
                <c:pt idx="4734">
                  <c:v>46.988</c:v>
                </c:pt>
                <c:pt idx="4735">
                  <c:v>46.999000000000002</c:v>
                </c:pt>
                <c:pt idx="4736">
                  <c:v>47.008000000000003</c:v>
                </c:pt>
                <c:pt idx="4737">
                  <c:v>47.018000000000001</c:v>
                </c:pt>
                <c:pt idx="4738">
                  <c:v>47.027000000000001</c:v>
                </c:pt>
                <c:pt idx="4739">
                  <c:v>47.036999999999999</c:v>
                </c:pt>
                <c:pt idx="4740">
                  <c:v>47.045999999999999</c:v>
                </c:pt>
                <c:pt idx="4741">
                  <c:v>47.055</c:v>
                </c:pt>
                <c:pt idx="4742">
                  <c:v>47.066000000000003</c:v>
                </c:pt>
                <c:pt idx="4743">
                  <c:v>47.075000000000003</c:v>
                </c:pt>
                <c:pt idx="4744">
                  <c:v>47.085000000000001</c:v>
                </c:pt>
                <c:pt idx="4745">
                  <c:v>47.094000000000001</c:v>
                </c:pt>
                <c:pt idx="4746">
                  <c:v>47.103999999999999</c:v>
                </c:pt>
                <c:pt idx="4747">
                  <c:v>47.113</c:v>
                </c:pt>
                <c:pt idx="4748">
                  <c:v>47.124000000000002</c:v>
                </c:pt>
                <c:pt idx="4749">
                  <c:v>47.133000000000003</c:v>
                </c:pt>
                <c:pt idx="4750">
                  <c:v>47.143999999999998</c:v>
                </c:pt>
                <c:pt idx="4751">
                  <c:v>47.152999999999999</c:v>
                </c:pt>
                <c:pt idx="4752">
                  <c:v>47.161999999999999</c:v>
                </c:pt>
                <c:pt idx="4753">
                  <c:v>47.173000000000002</c:v>
                </c:pt>
                <c:pt idx="4754">
                  <c:v>47.182000000000002</c:v>
                </c:pt>
                <c:pt idx="4755">
                  <c:v>47.192</c:v>
                </c:pt>
                <c:pt idx="4756">
                  <c:v>47.201000000000001</c:v>
                </c:pt>
                <c:pt idx="4757">
                  <c:v>47.212000000000003</c:v>
                </c:pt>
                <c:pt idx="4758">
                  <c:v>47.222000000000001</c:v>
                </c:pt>
                <c:pt idx="4759">
                  <c:v>47.231000000000002</c:v>
                </c:pt>
                <c:pt idx="4760">
                  <c:v>47.241</c:v>
                </c:pt>
                <c:pt idx="4761">
                  <c:v>47.249000000000002</c:v>
                </c:pt>
                <c:pt idx="4762">
                  <c:v>47.26</c:v>
                </c:pt>
                <c:pt idx="4763">
                  <c:v>47.268999999999998</c:v>
                </c:pt>
                <c:pt idx="4764">
                  <c:v>47.277999999999999</c:v>
                </c:pt>
                <c:pt idx="4765">
                  <c:v>47.289000000000001</c:v>
                </c:pt>
                <c:pt idx="4766">
                  <c:v>47.298000000000002</c:v>
                </c:pt>
                <c:pt idx="4767">
                  <c:v>47.308</c:v>
                </c:pt>
                <c:pt idx="4768">
                  <c:v>47.317999999999998</c:v>
                </c:pt>
                <c:pt idx="4769">
                  <c:v>47.328000000000003</c:v>
                </c:pt>
                <c:pt idx="4770">
                  <c:v>47.337000000000003</c:v>
                </c:pt>
                <c:pt idx="4771">
                  <c:v>47.347999999999999</c:v>
                </c:pt>
                <c:pt idx="4772">
                  <c:v>47.356999999999999</c:v>
                </c:pt>
                <c:pt idx="4773">
                  <c:v>47.366999999999997</c:v>
                </c:pt>
                <c:pt idx="4774">
                  <c:v>47.375999999999998</c:v>
                </c:pt>
                <c:pt idx="4775">
                  <c:v>47.387</c:v>
                </c:pt>
                <c:pt idx="4776">
                  <c:v>47.396000000000001</c:v>
                </c:pt>
                <c:pt idx="4777">
                  <c:v>47.405999999999999</c:v>
                </c:pt>
                <c:pt idx="4778">
                  <c:v>47.415999999999997</c:v>
                </c:pt>
                <c:pt idx="4779">
                  <c:v>47.424999999999997</c:v>
                </c:pt>
                <c:pt idx="4780">
                  <c:v>47.435000000000002</c:v>
                </c:pt>
                <c:pt idx="4781">
                  <c:v>47.444000000000003</c:v>
                </c:pt>
                <c:pt idx="4782">
                  <c:v>47.454999999999998</c:v>
                </c:pt>
                <c:pt idx="4783">
                  <c:v>47.465000000000003</c:v>
                </c:pt>
                <c:pt idx="4784">
                  <c:v>47.475000000000001</c:v>
                </c:pt>
                <c:pt idx="4785">
                  <c:v>47.484999999999999</c:v>
                </c:pt>
                <c:pt idx="4786">
                  <c:v>47.494999999999997</c:v>
                </c:pt>
                <c:pt idx="4787">
                  <c:v>47.505000000000003</c:v>
                </c:pt>
                <c:pt idx="4788">
                  <c:v>47.514000000000003</c:v>
                </c:pt>
                <c:pt idx="4789">
                  <c:v>47.524999999999999</c:v>
                </c:pt>
                <c:pt idx="4790">
                  <c:v>47.533999999999999</c:v>
                </c:pt>
                <c:pt idx="4791">
                  <c:v>47.542999999999999</c:v>
                </c:pt>
                <c:pt idx="4792">
                  <c:v>47.552999999999997</c:v>
                </c:pt>
                <c:pt idx="4793">
                  <c:v>47.563000000000002</c:v>
                </c:pt>
                <c:pt idx="4794">
                  <c:v>47.572000000000003</c:v>
                </c:pt>
                <c:pt idx="4795">
                  <c:v>47.582000000000001</c:v>
                </c:pt>
                <c:pt idx="4796">
                  <c:v>47.591000000000001</c:v>
                </c:pt>
                <c:pt idx="4797">
                  <c:v>47.600999999999999</c:v>
                </c:pt>
                <c:pt idx="4798">
                  <c:v>47.612000000000002</c:v>
                </c:pt>
                <c:pt idx="4799">
                  <c:v>47.621000000000002</c:v>
                </c:pt>
                <c:pt idx="4800">
                  <c:v>47.631</c:v>
                </c:pt>
                <c:pt idx="4801">
                  <c:v>47.640999999999998</c:v>
                </c:pt>
                <c:pt idx="4802">
                  <c:v>47.65</c:v>
                </c:pt>
                <c:pt idx="4803">
                  <c:v>47.661000000000001</c:v>
                </c:pt>
                <c:pt idx="4804">
                  <c:v>47.67</c:v>
                </c:pt>
                <c:pt idx="4805">
                  <c:v>47.68</c:v>
                </c:pt>
                <c:pt idx="4806">
                  <c:v>47.69</c:v>
                </c:pt>
                <c:pt idx="4807">
                  <c:v>47.7</c:v>
                </c:pt>
                <c:pt idx="4808">
                  <c:v>47.709000000000003</c:v>
                </c:pt>
                <c:pt idx="4809">
                  <c:v>47.719000000000001</c:v>
                </c:pt>
                <c:pt idx="4810">
                  <c:v>47.728000000000002</c:v>
                </c:pt>
                <c:pt idx="4811">
                  <c:v>47.738999999999997</c:v>
                </c:pt>
                <c:pt idx="4812">
                  <c:v>47.747999999999998</c:v>
                </c:pt>
                <c:pt idx="4813">
                  <c:v>47.756999999999998</c:v>
                </c:pt>
                <c:pt idx="4814">
                  <c:v>47.767000000000003</c:v>
                </c:pt>
                <c:pt idx="4815">
                  <c:v>47.776000000000003</c:v>
                </c:pt>
                <c:pt idx="4816">
                  <c:v>47.786999999999999</c:v>
                </c:pt>
                <c:pt idx="4817">
                  <c:v>47.795999999999999</c:v>
                </c:pt>
                <c:pt idx="4818">
                  <c:v>47.805999999999997</c:v>
                </c:pt>
                <c:pt idx="4819">
                  <c:v>47.816000000000003</c:v>
                </c:pt>
                <c:pt idx="4820">
                  <c:v>47.825000000000003</c:v>
                </c:pt>
                <c:pt idx="4821">
                  <c:v>47.834000000000003</c:v>
                </c:pt>
                <c:pt idx="4822">
                  <c:v>47.844999999999999</c:v>
                </c:pt>
                <c:pt idx="4823">
                  <c:v>47.853999999999999</c:v>
                </c:pt>
                <c:pt idx="4824">
                  <c:v>47.863999999999997</c:v>
                </c:pt>
                <c:pt idx="4825">
                  <c:v>47.872999999999998</c:v>
                </c:pt>
                <c:pt idx="4826">
                  <c:v>47.884</c:v>
                </c:pt>
                <c:pt idx="4827">
                  <c:v>47.893000000000001</c:v>
                </c:pt>
                <c:pt idx="4828">
                  <c:v>47.902000000000001</c:v>
                </c:pt>
                <c:pt idx="4829">
                  <c:v>47.912999999999997</c:v>
                </c:pt>
                <c:pt idx="4830">
                  <c:v>47.920999999999999</c:v>
                </c:pt>
                <c:pt idx="4831">
                  <c:v>47.932000000000002</c:v>
                </c:pt>
                <c:pt idx="4832">
                  <c:v>47.941000000000003</c:v>
                </c:pt>
                <c:pt idx="4833">
                  <c:v>47.951000000000001</c:v>
                </c:pt>
                <c:pt idx="4834">
                  <c:v>47.960999999999999</c:v>
                </c:pt>
                <c:pt idx="4835">
                  <c:v>47.970999999999997</c:v>
                </c:pt>
                <c:pt idx="4836">
                  <c:v>47.981000000000002</c:v>
                </c:pt>
                <c:pt idx="4837">
                  <c:v>47.99</c:v>
                </c:pt>
                <c:pt idx="4838">
                  <c:v>48.000999999999998</c:v>
                </c:pt>
                <c:pt idx="4839">
                  <c:v>48.01</c:v>
                </c:pt>
                <c:pt idx="4840">
                  <c:v>48.02</c:v>
                </c:pt>
                <c:pt idx="4841">
                  <c:v>48.029000000000003</c:v>
                </c:pt>
                <c:pt idx="4842">
                  <c:v>48.039000000000001</c:v>
                </c:pt>
                <c:pt idx="4843">
                  <c:v>48.048000000000002</c:v>
                </c:pt>
                <c:pt idx="4844">
                  <c:v>48.058999999999997</c:v>
                </c:pt>
                <c:pt idx="4845">
                  <c:v>48.067999999999998</c:v>
                </c:pt>
                <c:pt idx="4846">
                  <c:v>48.078000000000003</c:v>
                </c:pt>
                <c:pt idx="4847">
                  <c:v>48.088000000000001</c:v>
                </c:pt>
                <c:pt idx="4848">
                  <c:v>48.097000000000001</c:v>
                </c:pt>
                <c:pt idx="4849">
                  <c:v>48.107999999999997</c:v>
                </c:pt>
                <c:pt idx="4850">
                  <c:v>48.116999999999997</c:v>
                </c:pt>
                <c:pt idx="4851">
                  <c:v>48.125999999999998</c:v>
                </c:pt>
                <c:pt idx="4852">
                  <c:v>48.137</c:v>
                </c:pt>
                <c:pt idx="4853">
                  <c:v>48.146000000000001</c:v>
                </c:pt>
                <c:pt idx="4854">
                  <c:v>48.156999999999996</c:v>
                </c:pt>
                <c:pt idx="4855">
                  <c:v>48.165999999999997</c:v>
                </c:pt>
                <c:pt idx="4856">
                  <c:v>48.174999999999997</c:v>
                </c:pt>
                <c:pt idx="4857">
                  <c:v>48.185000000000002</c:v>
                </c:pt>
                <c:pt idx="4858">
                  <c:v>48.194000000000003</c:v>
                </c:pt>
                <c:pt idx="4859">
                  <c:v>48.204999999999998</c:v>
                </c:pt>
                <c:pt idx="4860">
                  <c:v>48.213999999999999</c:v>
                </c:pt>
                <c:pt idx="4861">
                  <c:v>48.223999999999997</c:v>
                </c:pt>
                <c:pt idx="4862">
                  <c:v>48.232999999999997</c:v>
                </c:pt>
                <c:pt idx="4863">
                  <c:v>48.243000000000002</c:v>
                </c:pt>
                <c:pt idx="4864">
                  <c:v>48.252000000000002</c:v>
                </c:pt>
                <c:pt idx="4865">
                  <c:v>48.262</c:v>
                </c:pt>
                <c:pt idx="4866">
                  <c:v>48.271999999999998</c:v>
                </c:pt>
                <c:pt idx="4867">
                  <c:v>48.281999999999996</c:v>
                </c:pt>
                <c:pt idx="4868">
                  <c:v>48.290999999999997</c:v>
                </c:pt>
                <c:pt idx="4869">
                  <c:v>48.302</c:v>
                </c:pt>
                <c:pt idx="4870">
                  <c:v>48.311999999999998</c:v>
                </c:pt>
                <c:pt idx="4871">
                  <c:v>48.320999999999998</c:v>
                </c:pt>
                <c:pt idx="4872">
                  <c:v>48.332000000000001</c:v>
                </c:pt>
                <c:pt idx="4873">
                  <c:v>48.341000000000001</c:v>
                </c:pt>
                <c:pt idx="4874">
                  <c:v>48.35</c:v>
                </c:pt>
                <c:pt idx="4875">
                  <c:v>48.36</c:v>
                </c:pt>
                <c:pt idx="4876">
                  <c:v>48.37</c:v>
                </c:pt>
                <c:pt idx="4877">
                  <c:v>48.378999999999998</c:v>
                </c:pt>
                <c:pt idx="4878">
                  <c:v>48.389000000000003</c:v>
                </c:pt>
                <c:pt idx="4879">
                  <c:v>48.398000000000003</c:v>
                </c:pt>
                <c:pt idx="4880">
                  <c:v>48.408999999999999</c:v>
                </c:pt>
                <c:pt idx="4881">
                  <c:v>48.417999999999999</c:v>
                </c:pt>
                <c:pt idx="4882">
                  <c:v>48.427</c:v>
                </c:pt>
                <c:pt idx="4883">
                  <c:v>48.438000000000002</c:v>
                </c:pt>
                <c:pt idx="4884">
                  <c:v>48.447000000000003</c:v>
                </c:pt>
                <c:pt idx="4885">
                  <c:v>48.457000000000001</c:v>
                </c:pt>
                <c:pt idx="4886">
                  <c:v>48.466000000000001</c:v>
                </c:pt>
                <c:pt idx="4887">
                  <c:v>48.475999999999999</c:v>
                </c:pt>
                <c:pt idx="4888">
                  <c:v>48.487000000000002</c:v>
                </c:pt>
                <c:pt idx="4889">
                  <c:v>48.496000000000002</c:v>
                </c:pt>
                <c:pt idx="4890">
                  <c:v>48.506</c:v>
                </c:pt>
                <c:pt idx="4891">
                  <c:v>48.515000000000001</c:v>
                </c:pt>
                <c:pt idx="4892">
                  <c:v>48.524999999999999</c:v>
                </c:pt>
                <c:pt idx="4893">
                  <c:v>48.533999999999999</c:v>
                </c:pt>
                <c:pt idx="4894">
                  <c:v>48.543999999999997</c:v>
                </c:pt>
                <c:pt idx="4895">
                  <c:v>48.554000000000002</c:v>
                </c:pt>
                <c:pt idx="4896">
                  <c:v>48.564</c:v>
                </c:pt>
                <c:pt idx="4897">
                  <c:v>48.573</c:v>
                </c:pt>
                <c:pt idx="4898">
                  <c:v>48.582000000000001</c:v>
                </c:pt>
                <c:pt idx="4899">
                  <c:v>48.591999999999999</c:v>
                </c:pt>
                <c:pt idx="4900">
                  <c:v>48.601999999999997</c:v>
                </c:pt>
                <c:pt idx="4901">
                  <c:v>48.610999999999997</c:v>
                </c:pt>
                <c:pt idx="4902">
                  <c:v>48.622</c:v>
                </c:pt>
                <c:pt idx="4903">
                  <c:v>48.631</c:v>
                </c:pt>
                <c:pt idx="4904">
                  <c:v>48.640999999999998</c:v>
                </c:pt>
                <c:pt idx="4905">
                  <c:v>48.651000000000003</c:v>
                </c:pt>
                <c:pt idx="4906">
                  <c:v>48.66</c:v>
                </c:pt>
                <c:pt idx="4907">
                  <c:v>48.67</c:v>
                </c:pt>
                <c:pt idx="4908">
                  <c:v>48.68</c:v>
                </c:pt>
                <c:pt idx="4909">
                  <c:v>48.69</c:v>
                </c:pt>
                <c:pt idx="4910">
                  <c:v>48.7</c:v>
                </c:pt>
                <c:pt idx="4911">
                  <c:v>48.709000000000003</c:v>
                </c:pt>
                <c:pt idx="4912">
                  <c:v>48.719000000000001</c:v>
                </c:pt>
                <c:pt idx="4913">
                  <c:v>48.728000000000002</c:v>
                </c:pt>
                <c:pt idx="4914">
                  <c:v>48.738</c:v>
                </c:pt>
                <c:pt idx="4915">
                  <c:v>48.747999999999998</c:v>
                </c:pt>
                <c:pt idx="4916">
                  <c:v>48.759</c:v>
                </c:pt>
                <c:pt idx="4917">
                  <c:v>48.768000000000001</c:v>
                </c:pt>
                <c:pt idx="4918">
                  <c:v>48.777000000000001</c:v>
                </c:pt>
                <c:pt idx="4919">
                  <c:v>48.787999999999997</c:v>
                </c:pt>
                <c:pt idx="4920">
                  <c:v>48.796999999999997</c:v>
                </c:pt>
                <c:pt idx="4921">
                  <c:v>48.807000000000002</c:v>
                </c:pt>
                <c:pt idx="4922">
                  <c:v>48.817999999999998</c:v>
                </c:pt>
                <c:pt idx="4923">
                  <c:v>48.826999999999998</c:v>
                </c:pt>
                <c:pt idx="4924">
                  <c:v>48.837000000000003</c:v>
                </c:pt>
                <c:pt idx="4925">
                  <c:v>48.847000000000001</c:v>
                </c:pt>
                <c:pt idx="4926">
                  <c:v>48.856999999999999</c:v>
                </c:pt>
                <c:pt idx="4927">
                  <c:v>48.866</c:v>
                </c:pt>
                <c:pt idx="4928">
                  <c:v>48.875999999999998</c:v>
                </c:pt>
                <c:pt idx="4929">
                  <c:v>48.884999999999998</c:v>
                </c:pt>
                <c:pt idx="4930">
                  <c:v>48.896000000000001</c:v>
                </c:pt>
                <c:pt idx="4931">
                  <c:v>48.905000000000001</c:v>
                </c:pt>
                <c:pt idx="4932">
                  <c:v>48.914000000000001</c:v>
                </c:pt>
                <c:pt idx="4933">
                  <c:v>48.924999999999997</c:v>
                </c:pt>
                <c:pt idx="4934">
                  <c:v>48.933999999999997</c:v>
                </c:pt>
                <c:pt idx="4935">
                  <c:v>48.945</c:v>
                </c:pt>
                <c:pt idx="4936">
                  <c:v>48.954000000000001</c:v>
                </c:pt>
                <c:pt idx="4937">
                  <c:v>48.965000000000003</c:v>
                </c:pt>
                <c:pt idx="4938">
                  <c:v>48.973999999999997</c:v>
                </c:pt>
                <c:pt idx="4939">
                  <c:v>48.984000000000002</c:v>
                </c:pt>
                <c:pt idx="4940">
                  <c:v>48.994999999999997</c:v>
                </c:pt>
                <c:pt idx="4941">
                  <c:v>49.003999999999998</c:v>
                </c:pt>
                <c:pt idx="4942">
                  <c:v>49.012999999999998</c:v>
                </c:pt>
                <c:pt idx="4943">
                  <c:v>49.023000000000003</c:v>
                </c:pt>
                <c:pt idx="4944">
                  <c:v>49.033000000000001</c:v>
                </c:pt>
                <c:pt idx="4945">
                  <c:v>49.042000000000002</c:v>
                </c:pt>
                <c:pt idx="4946">
                  <c:v>49.052</c:v>
                </c:pt>
                <c:pt idx="4947">
                  <c:v>49.061</c:v>
                </c:pt>
                <c:pt idx="4948">
                  <c:v>49.070999999999998</c:v>
                </c:pt>
                <c:pt idx="4949">
                  <c:v>49.08</c:v>
                </c:pt>
                <c:pt idx="4950">
                  <c:v>49.091000000000001</c:v>
                </c:pt>
                <c:pt idx="4951">
                  <c:v>49.1</c:v>
                </c:pt>
                <c:pt idx="4952">
                  <c:v>49.11</c:v>
                </c:pt>
                <c:pt idx="4953">
                  <c:v>49.12</c:v>
                </c:pt>
                <c:pt idx="4954">
                  <c:v>49.128999999999998</c:v>
                </c:pt>
                <c:pt idx="4955">
                  <c:v>49.139000000000003</c:v>
                </c:pt>
                <c:pt idx="4956">
                  <c:v>49.149000000000001</c:v>
                </c:pt>
                <c:pt idx="4957">
                  <c:v>49.158000000000001</c:v>
                </c:pt>
                <c:pt idx="4958">
                  <c:v>49.167999999999999</c:v>
                </c:pt>
                <c:pt idx="4959">
                  <c:v>49.177999999999997</c:v>
                </c:pt>
                <c:pt idx="4960">
                  <c:v>49.188000000000002</c:v>
                </c:pt>
                <c:pt idx="4961">
                  <c:v>49.198</c:v>
                </c:pt>
                <c:pt idx="4962">
                  <c:v>49.207000000000001</c:v>
                </c:pt>
                <c:pt idx="4963">
                  <c:v>49.216999999999999</c:v>
                </c:pt>
                <c:pt idx="4964">
                  <c:v>49.226999999999997</c:v>
                </c:pt>
                <c:pt idx="4965">
                  <c:v>49.237000000000002</c:v>
                </c:pt>
                <c:pt idx="4966">
                  <c:v>49.247</c:v>
                </c:pt>
                <c:pt idx="4967">
                  <c:v>49.256</c:v>
                </c:pt>
                <c:pt idx="4968">
                  <c:v>49.265000000000001</c:v>
                </c:pt>
                <c:pt idx="4969">
                  <c:v>49.276000000000003</c:v>
                </c:pt>
                <c:pt idx="4970">
                  <c:v>49.284999999999997</c:v>
                </c:pt>
                <c:pt idx="4971">
                  <c:v>49.295000000000002</c:v>
                </c:pt>
                <c:pt idx="4972">
                  <c:v>49.304000000000002</c:v>
                </c:pt>
                <c:pt idx="4973">
                  <c:v>49.314999999999998</c:v>
                </c:pt>
                <c:pt idx="4974">
                  <c:v>49.323999999999998</c:v>
                </c:pt>
                <c:pt idx="4975">
                  <c:v>49.386000000000003</c:v>
                </c:pt>
                <c:pt idx="4976">
                  <c:v>49.395000000000003</c:v>
                </c:pt>
                <c:pt idx="4977">
                  <c:v>49.405999999999999</c:v>
                </c:pt>
                <c:pt idx="4978">
                  <c:v>49.414000000000001</c:v>
                </c:pt>
                <c:pt idx="4979">
                  <c:v>49.423999999999999</c:v>
                </c:pt>
                <c:pt idx="4980">
                  <c:v>49.433999999999997</c:v>
                </c:pt>
                <c:pt idx="4981">
                  <c:v>49.444000000000003</c:v>
                </c:pt>
                <c:pt idx="4982">
                  <c:v>49.454000000000001</c:v>
                </c:pt>
                <c:pt idx="4983">
                  <c:v>49.463999999999999</c:v>
                </c:pt>
                <c:pt idx="4984">
                  <c:v>49.472999999999999</c:v>
                </c:pt>
                <c:pt idx="4985">
                  <c:v>49.482999999999997</c:v>
                </c:pt>
                <c:pt idx="4986">
                  <c:v>49.491999999999997</c:v>
                </c:pt>
                <c:pt idx="4987">
                  <c:v>49.503</c:v>
                </c:pt>
                <c:pt idx="4988">
                  <c:v>49.512999999999998</c:v>
                </c:pt>
                <c:pt idx="4989">
                  <c:v>49.521999999999998</c:v>
                </c:pt>
                <c:pt idx="4990">
                  <c:v>49.533000000000001</c:v>
                </c:pt>
                <c:pt idx="4991">
                  <c:v>49.542000000000002</c:v>
                </c:pt>
                <c:pt idx="4992">
                  <c:v>49.551000000000002</c:v>
                </c:pt>
                <c:pt idx="4993">
                  <c:v>49.561999999999998</c:v>
                </c:pt>
                <c:pt idx="4994">
                  <c:v>49.572000000000003</c:v>
                </c:pt>
                <c:pt idx="4995">
                  <c:v>49.581000000000003</c:v>
                </c:pt>
                <c:pt idx="4996">
                  <c:v>49.591000000000001</c:v>
                </c:pt>
                <c:pt idx="4997">
                  <c:v>49.600999999999999</c:v>
                </c:pt>
                <c:pt idx="4998">
                  <c:v>49.610999999999997</c:v>
                </c:pt>
                <c:pt idx="4999">
                  <c:v>49.621000000000002</c:v>
                </c:pt>
                <c:pt idx="5000">
                  <c:v>49.631</c:v>
                </c:pt>
                <c:pt idx="5001">
                  <c:v>49.64</c:v>
                </c:pt>
                <c:pt idx="5002">
                  <c:v>49.651000000000003</c:v>
                </c:pt>
                <c:pt idx="5003">
                  <c:v>49.66</c:v>
                </c:pt>
                <c:pt idx="5004">
                  <c:v>49.670999999999999</c:v>
                </c:pt>
                <c:pt idx="5005">
                  <c:v>49.68</c:v>
                </c:pt>
                <c:pt idx="5006">
                  <c:v>49.69</c:v>
                </c:pt>
                <c:pt idx="5007">
                  <c:v>49.7</c:v>
                </c:pt>
                <c:pt idx="5008">
                  <c:v>49.709000000000003</c:v>
                </c:pt>
                <c:pt idx="5009">
                  <c:v>49.72</c:v>
                </c:pt>
                <c:pt idx="5010">
                  <c:v>49.728999999999999</c:v>
                </c:pt>
                <c:pt idx="5011">
                  <c:v>49.74</c:v>
                </c:pt>
                <c:pt idx="5012">
                  <c:v>49.749000000000002</c:v>
                </c:pt>
                <c:pt idx="5013">
                  <c:v>49.758000000000003</c:v>
                </c:pt>
                <c:pt idx="5014">
                  <c:v>49.768999999999998</c:v>
                </c:pt>
                <c:pt idx="5015">
                  <c:v>49.777999999999999</c:v>
                </c:pt>
                <c:pt idx="5016">
                  <c:v>49.787999999999997</c:v>
                </c:pt>
                <c:pt idx="5017">
                  <c:v>49.798000000000002</c:v>
                </c:pt>
                <c:pt idx="5018">
                  <c:v>49.808999999999997</c:v>
                </c:pt>
                <c:pt idx="5019">
                  <c:v>49.817999999999998</c:v>
                </c:pt>
                <c:pt idx="5020">
                  <c:v>49.826999999999998</c:v>
                </c:pt>
                <c:pt idx="5021">
                  <c:v>49.838000000000001</c:v>
                </c:pt>
                <c:pt idx="5022">
                  <c:v>49.847000000000001</c:v>
                </c:pt>
                <c:pt idx="5023">
                  <c:v>49.857999999999997</c:v>
                </c:pt>
                <c:pt idx="5024">
                  <c:v>49.866999999999997</c:v>
                </c:pt>
                <c:pt idx="5025">
                  <c:v>49.878</c:v>
                </c:pt>
                <c:pt idx="5026">
                  <c:v>49.887</c:v>
                </c:pt>
                <c:pt idx="5027">
                  <c:v>49.896999999999998</c:v>
                </c:pt>
                <c:pt idx="5028">
                  <c:v>49.905999999999999</c:v>
                </c:pt>
                <c:pt idx="5029">
                  <c:v>49.915999999999997</c:v>
                </c:pt>
                <c:pt idx="5030">
                  <c:v>49.926000000000002</c:v>
                </c:pt>
                <c:pt idx="5031">
                  <c:v>49.936</c:v>
                </c:pt>
                <c:pt idx="5032">
                  <c:v>49.945999999999998</c:v>
                </c:pt>
                <c:pt idx="5033">
                  <c:v>49.956000000000003</c:v>
                </c:pt>
                <c:pt idx="5034">
                  <c:v>49.965000000000003</c:v>
                </c:pt>
                <c:pt idx="5035">
                  <c:v>49.975999999999999</c:v>
                </c:pt>
                <c:pt idx="5036">
                  <c:v>49.984999999999999</c:v>
                </c:pt>
                <c:pt idx="5037">
                  <c:v>49.994999999999997</c:v>
                </c:pt>
                <c:pt idx="5038">
                  <c:v>50.006</c:v>
                </c:pt>
                <c:pt idx="5039">
                  <c:v>50.015999999999998</c:v>
                </c:pt>
                <c:pt idx="5040">
                  <c:v>50.024999999999999</c:v>
                </c:pt>
                <c:pt idx="5041">
                  <c:v>50.034999999999997</c:v>
                </c:pt>
                <c:pt idx="5042">
                  <c:v>50.043999999999997</c:v>
                </c:pt>
                <c:pt idx="5043">
                  <c:v>50.055</c:v>
                </c:pt>
                <c:pt idx="5044">
                  <c:v>50.064</c:v>
                </c:pt>
                <c:pt idx="5045">
                  <c:v>50.073</c:v>
                </c:pt>
                <c:pt idx="5046">
                  <c:v>50.082999999999998</c:v>
                </c:pt>
                <c:pt idx="5047">
                  <c:v>50.094000000000001</c:v>
                </c:pt>
                <c:pt idx="5048">
                  <c:v>50.103000000000002</c:v>
                </c:pt>
                <c:pt idx="5049">
                  <c:v>50.113</c:v>
                </c:pt>
                <c:pt idx="5050">
                  <c:v>50.122999999999998</c:v>
                </c:pt>
                <c:pt idx="5051">
                  <c:v>50.133000000000003</c:v>
                </c:pt>
                <c:pt idx="5052">
                  <c:v>50.142000000000003</c:v>
                </c:pt>
                <c:pt idx="5053">
                  <c:v>50.152999999999999</c:v>
                </c:pt>
                <c:pt idx="5054">
                  <c:v>50.161999999999999</c:v>
                </c:pt>
                <c:pt idx="5055">
                  <c:v>50.170999999999999</c:v>
                </c:pt>
                <c:pt idx="5056">
                  <c:v>50.182000000000002</c:v>
                </c:pt>
                <c:pt idx="5057">
                  <c:v>50.191000000000003</c:v>
                </c:pt>
                <c:pt idx="5058">
                  <c:v>50.201999999999998</c:v>
                </c:pt>
                <c:pt idx="5059">
                  <c:v>50.210999999999999</c:v>
                </c:pt>
                <c:pt idx="5060">
                  <c:v>50.222000000000001</c:v>
                </c:pt>
                <c:pt idx="5061">
                  <c:v>50.231000000000002</c:v>
                </c:pt>
                <c:pt idx="5062">
                  <c:v>50.24</c:v>
                </c:pt>
                <c:pt idx="5063">
                  <c:v>50.250999999999998</c:v>
                </c:pt>
                <c:pt idx="5064">
                  <c:v>50.26</c:v>
                </c:pt>
                <c:pt idx="5065">
                  <c:v>50.27</c:v>
                </c:pt>
                <c:pt idx="5066">
                  <c:v>50.28</c:v>
                </c:pt>
                <c:pt idx="5067">
                  <c:v>50.289000000000001</c:v>
                </c:pt>
                <c:pt idx="5068">
                  <c:v>50.3</c:v>
                </c:pt>
                <c:pt idx="5069">
                  <c:v>50.308999999999997</c:v>
                </c:pt>
                <c:pt idx="5070">
                  <c:v>50.32</c:v>
                </c:pt>
                <c:pt idx="5071">
                  <c:v>50.329000000000001</c:v>
                </c:pt>
                <c:pt idx="5072">
                  <c:v>50.338999999999999</c:v>
                </c:pt>
                <c:pt idx="5073">
                  <c:v>50.348999999999997</c:v>
                </c:pt>
                <c:pt idx="5074">
                  <c:v>50.359000000000002</c:v>
                </c:pt>
                <c:pt idx="5075">
                  <c:v>50.368000000000002</c:v>
                </c:pt>
                <c:pt idx="5076">
                  <c:v>50.378</c:v>
                </c:pt>
                <c:pt idx="5077">
                  <c:v>50.387999999999998</c:v>
                </c:pt>
                <c:pt idx="5078">
                  <c:v>50.398000000000003</c:v>
                </c:pt>
                <c:pt idx="5079">
                  <c:v>50.406999999999996</c:v>
                </c:pt>
                <c:pt idx="5080">
                  <c:v>50.417999999999999</c:v>
                </c:pt>
                <c:pt idx="5081">
                  <c:v>50.427</c:v>
                </c:pt>
                <c:pt idx="5082">
                  <c:v>50.438000000000002</c:v>
                </c:pt>
                <c:pt idx="5083">
                  <c:v>50.447000000000003</c:v>
                </c:pt>
                <c:pt idx="5084">
                  <c:v>50.456000000000003</c:v>
                </c:pt>
                <c:pt idx="5085">
                  <c:v>50.466999999999999</c:v>
                </c:pt>
                <c:pt idx="5086">
                  <c:v>50.475999999999999</c:v>
                </c:pt>
                <c:pt idx="5087">
                  <c:v>50.485999999999997</c:v>
                </c:pt>
                <c:pt idx="5088">
                  <c:v>50.496000000000002</c:v>
                </c:pt>
                <c:pt idx="5089">
                  <c:v>50.505000000000003</c:v>
                </c:pt>
                <c:pt idx="5090">
                  <c:v>50.515999999999998</c:v>
                </c:pt>
                <c:pt idx="5091">
                  <c:v>50.524999999999999</c:v>
                </c:pt>
                <c:pt idx="5092">
                  <c:v>50.533999999999999</c:v>
                </c:pt>
                <c:pt idx="5093">
                  <c:v>50.545000000000002</c:v>
                </c:pt>
                <c:pt idx="5094">
                  <c:v>50.554000000000002</c:v>
                </c:pt>
                <c:pt idx="5095">
                  <c:v>50.564999999999998</c:v>
                </c:pt>
                <c:pt idx="5096">
                  <c:v>50.573999999999998</c:v>
                </c:pt>
                <c:pt idx="5097">
                  <c:v>50.582999999999998</c:v>
                </c:pt>
                <c:pt idx="5098">
                  <c:v>50.594000000000001</c:v>
                </c:pt>
                <c:pt idx="5099">
                  <c:v>50.603000000000002</c:v>
                </c:pt>
                <c:pt idx="5100">
                  <c:v>50.613999999999997</c:v>
                </c:pt>
                <c:pt idx="5101">
                  <c:v>50.622999999999998</c:v>
                </c:pt>
                <c:pt idx="5102">
                  <c:v>50.631999999999998</c:v>
                </c:pt>
                <c:pt idx="5103">
                  <c:v>50.643000000000001</c:v>
                </c:pt>
                <c:pt idx="5104">
                  <c:v>50.652000000000001</c:v>
                </c:pt>
                <c:pt idx="5105">
                  <c:v>50.662999999999997</c:v>
                </c:pt>
                <c:pt idx="5106">
                  <c:v>50.671999999999997</c:v>
                </c:pt>
                <c:pt idx="5107">
                  <c:v>50.680999999999997</c:v>
                </c:pt>
                <c:pt idx="5108">
                  <c:v>50.692</c:v>
                </c:pt>
                <c:pt idx="5109">
                  <c:v>50.701000000000001</c:v>
                </c:pt>
                <c:pt idx="5110">
                  <c:v>50.710999999999999</c:v>
                </c:pt>
                <c:pt idx="5111">
                  <c:v>50.72</c:v>
                </c:pt>
                <c:pt idx="5112">
                  <c:v>50.731000000000002</c:v>
                </c:pt>
                <c:pt idx="5113">
                  <c:v>50.74</c:v>
                </c:pt>
                <c:pt idx="5114">
                  <c:v>50.75</c:v>
                </c:pt>
                <c:pt idx="5115">
                  <c:v>50.761000000000003</c:v>
                </c:pt>
                <c:pt idx="5116">
                  <c:v>50.77</c:v>
                </c:pt>
                <c:pt idx="5117">
                  <c:v>50.78</c:v>
                </c:pt>
                <c:pt idx="5118">
                  <c:v>50.79</c:v>
                </c:pt>
                <c:pt idx="5119">
                  <c:v>50.8</c:v>
                </c:pt>
                <c:pt idx="5120">
                  <c:v>50.808999999999997</c:v>
                </c:pt>
                <c:pt idx="5121">
                  <c:v>50.82</c:v>
                </c:pt>
                <c:pt idx="5122">
                  <c:v>50.829000000000001</c:v>
                </c:pt>
                <c:pt idx="5123">
                  <c:v>50.838999999999999</c:v>
                </c:pt>
                <c:pt idx="5124">
                  <c:v>50.848999999999997</c:v>
                </c:pt>
                <c:pt idx="5125">
                  <c:v>50.859000000000002</c:v>
                </c:pt>
                <c:pt idx="5126">
                  <c:v>50.869</c:v>
                </c:pt>
                <c:pt idx="5127">
                  <c:v>50.878999999999998</c:v>
                </c:pt>
                <c:pt idx="5128">
                  <c:v>50.889000000000003</c:v>
                </c:pt>
                <c:pt idx="5129">
                  <c:v>50.898000000000003</c:v>
                </c:pt>
                <c:pt idx="5130">
                  <c:v>50.906999999999996</c:v>
                </c:pt>
                <c:pt idx="5131">
                  <c:v>50.917000000000002</c:v>
                </c:pt>
                <c:pt idx="5132">
                  <c:v>50.927999999999997</c:v>
                </c:pt>
                <c:pt idx="5133">
                  <c:v>50.938000000000002</c:v>
                </c:pt>
                <c:pt idx="5134">
                  <c:v>50.948</c:v>
                </c:pt>
                <c:pt idx="5135">
                  <c:v>50.957999999999998</c:v>
                </c:pt>
                <c:pt idx="5136">
                  <c:v>50.966999999999999</c:v>
                </c:pt>
                <c:pt idx="5137">
                  <c:v>50.976999999999997</c:v>
                </c:pt>
                <c:pt idx="5138">
                  <c:v>50.987000000000002</c:v>
                </c:pt>
                <c:pt idx="5139">
                  <c:v>50.996000000000002</c:v>
                </c:pt>
                <c:pt idx="5140">
                  <c:v>51.006999999999998</c:v>
                </c:pt>
                <c:pt idx="5141">
                  <c:v>51.015999999999998</c:v>
                </c:pt>
                <c:pt idx="5142">
                  <c:v>51.026000000000003</c:v>
                </c:pt>
                <c:pt idx="5143">
                  <c:v>51.036000000000001</c:v>
                </c:pt>
                <c:pt idx="5144">
                  <c:v>51.045000000000002</c:v>
                </c:pt>
                <c:pt idx="5145">
                  <c:v>51.055</c:v>
                </c:pt>
                <c:pt idx="5146">
                  <c:v>51.064</c:v>
                </c:pt>
                <c:pt idx="5147">
                  <c:v>51.073999999999998</c:v>
                </c:pt>
                <c:pt idx="5148">
                  <c:v>51.084000000000003</c:v>
                </c:pt>
                <c:pt idx="5149">
                  <c:v>51.094000000000001</c:v>
                </c:pt>
                <c:pt idx="5150">
                  <c:v>51.103000000000002</c:v>
                </c:pt>
                <c:pt idx="5151">
                  <c:v>51.113</c:v>
                </c:pt>
                <c:pt idx="5152">
                  <c:v>51.122</c:v>
                </c:pt>
                <c:pt idx="5153">
                  <c:v>51.133000000000003</c:v>
                </c:pt>
                <c:pt idx="5154">
                  <c:v>51.143000000000001</c:v>
                </c:pt>
                <c:pt idx="5155">
                  <c:v>51.152000000000001</c:v>
                </c:pt>
                <c:pt idx="5156">
                  <c:v>51.161999999999999</c:v>
                </c:pt>
                <c:pt idx="5157">
                  <c:v>51.171999999999997</c:v>
                </c:pt>
                <c:pt idx="5158">
                  <c:v>51.182000000000002</c:v>
                </c:pt>
                <c:pt idx="5159">
                  <c:v>51.192</c:v>
                </c:pt>
                <c:pt idx="5160">
                  <c:v>51.201000000000001</c:v>
                </c:pt>
                <c:pt idx="5161">
                  <c:v>51.210999999999999</c:v>
                </c:pt>
                <c:pt idx="5162">
                  <c:v>51.220999999999997</c:v>
                </c:pt>
                <c:pt idx="5163">
                  <c:v>51.231000000000002</c:v>
                </c:pt>
                <c:pt idx="5164">
                  <c:v>51.241</c:v>
                </c:pt>
                <c:pt idx="5165">
                  <c:v>51.250999999999998</c:v>
                </c:pt>
                <c:pt idx="5166">
                  <c:v>51.261000000000003</c:v>
                </c:pt>
                <c:pt idx="5167">
                  <c:v>51.27</c:v>
                </c:pt>
                <c:pt idx="5168">
                  <c:v>51.280999999999999</c:v>
                </c:pt>
                <c:pt idx="5169">
                  <c:v>51.29</c:v>
                </c:pt>
                <c:pt idx="5170">
                  <c:v>51.3</c:v>
                </c:pt>
                <c:pt idx="5171">
                  <c:v>51.31</c:v>
                </c:pt>
                <c:pt idx="5172">
                  <c:v>51.320999999999998</c:v>
                </c:pt>
                <c:pt idx="5173">
                  <c:v>51.33</c:v>
                </c:pt>
                <c:pt idx="5174">
                  <c:v>51.34</c:v>
                </c:pt>
                <c:pt idx="5175">
                  <c:v>51.348999999999997</c:v>
                </c:pt>
                <c:pt idx="5176">
                  <c:v>51.359000000000002</c:v>
                </c:pt>
                <c:pt idx="5177">
                  <c:v>51.369</c:v>
                </c:pt>
                <c:pt idx="5178">
                  <c:v>51.378999999999998</c:v>
                </c:pt>
                <c:pt idx="5179">
                  <c:v>51.389000000000003</c:v>
                </c:pt>
                <c:pt idx="5180">
                  <c:v>51.398000000000003</c:v>
                </c:pt>
                <c:pt idx="5181">
                  <c:v>51.408000000000001</c:v>
                </c:pt>
                <c:pt idx="5182">
                  <c:v>51.417999999999999</c:v>
                </c:pt>
                <c:pt idx="5183">
                  <c:v>51.427999999999997</c:v>
                </c:pt>
                <c:pt idx="5184">
                  <c:v>51.438000000000002</c:v>
                </c:pt>
                <c:pt idx="5185">
                  <c:v>51.448</c:v>
                </c:pt>
                <c:pt idx="5186">
                  <c:v>51.457999999999998</c:v>
                </c:pt>
                <c:pt idx="5187">
                  <c:v>51.466999999999999</c:v>
                </c:pt>
                <c:pt idx="5188">
                  <c:v>51.476999999999997</c:v>
                </c:pt>
                <c:pt idx="5189">
                  <c:v>51.487000000000002</c:v>
                </c:pt>
                <c:pt idx="5190">
                  <c:v>51.497</c:v>
                </c:pt>
                <c:pt idx="5191">
                  <c:v>51.508000000000003</c:v>
                </c:pt>
                <c:pt idx="5192">
                  <c:v>51.517000000000003</c:v>
                </c:pt>
                <c:pt idx="5193">
                  <c:v>51.527000000000001</c:v>
                </c:pt>
                <c:pt idx="5194">
                  <c:v>51.536000000000001</c:v>
                </c:pt>
                <c:pt idx="5195">
                  <c:v>51.545999999999999</c:v>
                </c:pt>
                <c:pt idx="5196">
                  <c:v>51.555999999999997</c:v>
                </c:pt>
                <c:pt idx="5197">
                  <c:v>51.566000000000003</c:v>
                </c:pt>
                <c:pt idx="5198">
                  <c:v>51.575000000000003</c:v>
                </c:pt>
                <c:pt idx="5199">
                  <c:v>51.585000000000001</c:v>
                </c:pt>
                <c:pt idx="5200">
                  <c:v>51.594999999999999</c:v>
                </c:pt>
                <c:pt idx="5201">
                  <c:v>51.604999999999997</c:v>
                </c:pt>
                <c:pt idx="5202">
                  <c:v>51.613999999999997</c:v>
                </c:pt>
                <c:pt idx="5203">
                  <c:v>51.624000000000002</c:v>
                </c:pt>
                <c:pt idx="5204">
                  <c:v>51.634999999999998</c:v>
                </c:pt>
                <c:pt idx="5205">
                  <c:v>51.645000000000003</c:v>
                </c:pt>
                <c:pt idx="5206">
                  <c:v>51.655000000000001</c:v>
                </c:pt>
                <c:pt idx="5207">
                  <c:v>51.664000000000001</c:v>
                </c:pt>
                <c:pt idx="5208">
                  <c:v>51.673999999999999</c:v>
                </c:pt>
                <c:pt idx="5209">
                  <c:v>51.683999999999997</c:v>
                </c:pt>
                <c:pt idx="5210">
                  <c:v>51.692999999999998</c:v>
                </c:pt>
                <c:pt idx="5211">
                  <c:v>51.704000000000001</c:v>
                </c:pt>
                <c:pt idx="5212">
                  <c:v>51.713000000000001</c:v>
                </c:pt>
                <c:pt idx="5213">
                  <c:v>51.722999999999999</c:v>
                </c:pt>
                <c:pt idx="5214">
                  <c:v>51.732999999999997</c:v>
                </c:pt>
                <c:pt idx="5215">
                  <c:v>51.743000000000002</c:v>
                </c:pt>
                <c:pt idx="5216">
                  <c:v>51.752000000000002</c:v>
                </c:pt>
                <c:pt idx="5217">
                  <c:v>51.762999999999998</c:v>
                </c:pt>
                <c:pt idx="5218">
                  <c:v>51.773000000000003</c:v>
                </c:pt>
                <c:pt idx="5219">
                  <c:v>51.781999999999996</c:v>
                </c:pt>
                <c:pt idx="5220">
                  <c:v>51.792000000000002</c:v>
                </c:pt>
                <c:pt idx="5221">
                  <c:v>51.802</c:v>
                </c:pt>
                <c:pt idx="5222">
                  <c:v>51.811999999999998</c:v>
                </c:pt>
                <c:pt idx="5223">
                  <c:v>51.820999999999998</c:v>
                </c:pt>
                <c:pt idx="5224">
                  <c:v>51.831000000000003</c:v>
                </c:pt>
                <c:pt idx="5225">
                  <c:v>51.841000000000001</c:v>
                </c:pt>
                <c:pt idx="5226">
                  <c:v>51.851999999999997</c:v>
                </c:pt>
                <c:pt idx="5227">
                  <c:v>51.860999999999997</c:v>
                </c:pt>
                <c:pt idx="5228">
                  <c:v>51.871000000000002</c:v>
                </c:pt>
                <c:pt idx="5229">
                  <c:v>51.881</c:v>
                </c:pt>
                <c:pt idx="5230">
                  <c:v>51.890999999999998</c:v>
                </c:pt>
                <c:pt idx="5231">
                  <c:v>51.901000000000003</c:v>
                </c:pt>
                <c:pt idx="5232">
                  <c:v>51.91</c:v>
                </c:pt>
                <c:pt idx="5233">
                  <c:v>51.92</c:v>
                </c:pt>
                <c:pt idx="5234">
                  <c:v>51.930999999999997</c:v>
                </c:pt>
                <c:pt idx="5235">
                  <c:v>51.94</c:v>
                </c:pt>
                <c:pt idx="5236">
                  <c:v>51.95</c:v>
                </c:pt>
                <c:pt idx="5237">
                  <c:v>51.959000000000003</c:v>
                </c:pt>
                <c:pt idx="5238">
                  <c:v>51.97</c:v>
                </c:pt>
                <c:pt idx="5239">
                  <c:v>51.98</c:v>
                </c:pt>
                <c:pt idx="5240">
                  <c:v>51.99</c:v>
                </c:pt>
                <c:pt idx="5241">
                  <c:v>52</c:v>
                </c:pt>
                <c:pt idx="5242">
                  <c:v>52.009</c:v>
                </c:pt>
                <c:pt idx="5243">
                  <c:v>52.018999999999998</c:v>
                </c:pt>
                <c:pt idx="5244">
                  <c:v>52.027999999999999</c:v>
                </c:pt>
                <c:pt idx="5245">
                  <c:v>52.037999999999997</c:v>
                </c:pt>
                <c:pt idx="5246">
                  <c:v>52.048000000000002</c:v>
                </c:pt>
                <c:pt idx="5247">
                  <c:v>52.057000000000002</c:v>
                </c:pt>
                <c:pt idx="5248">
                  <c:v>52.066000000000003</c:v>
                </c:pt>
                <c:pt idx="5249">
                  <c:v>52.075000000000003</c:v>
                </c:pt>
                <c:pt idx="5250">
                  <c:v>52.084000000000003</c:v>
                </c:pt>
                <c:pt idx="5251">
                  <c:v>52.094999999999999</c:v>
                </c:pt>
                <c:pt idx="5252">
                  <c:v>52.103999999999999</c:v>
                </c:pt>
                <c:pt idx="5253">
                  <c:v>52.113999999999997</c:v>
                </c:pt>
                <c:pt idx="5254">
                  <c:v>52.122999999999998</c:v>
                </c:pt>
                <c:pt idx="5255">
                  <c:v>52.133000000000003</c:v>
                </c:pt>
                <c:pt idx="5256">
                  <c:v>52.142000000000003</c:v>
                </c:pt>
                <c:pt idx="5257">
                  <c:v>52.152000000000001</c:v>
                </c:pt>
                <c:pt idx="5258">
                  <c:v>52.16</c:v>
                </c:pt>
                <c:pt idx="5259">
                  <c:v>52.174999999999997</c:v>
                </c:pt>
                <c:pt idx="5260">
                  <c:v>52.185000000000002</c:v>
                </c:pt>
                <c:pt idx="5261">
                  <c:v>52.195</c:v>
                </c:pt>
                <c:pt idx="5262">
                  <c:v>52.204999999999998</c:v>
                </c:pt>
                <c:pt idx="5263">
                  <c:v>52.215000000000003</c:v>
                </c:pt>
                <c:pt idx="5264">
                  <c:v>52.223999999999997</c:v>
                </c:pt>
                <c:pt idx="5265">
                  <c:v>52.232999999999997</c:v>
                </c:pt>
                <c:pt idx="5266">
                  <c:v>52.243000000000002</c:v>
                </c:pt>
                <c:pt idx="5267">
                  <c:v>52.253</c:v>
                </c:pt>
                <c:pt idx="5268">
                  <c:v>52.262</c:v>
                </c:pt>
                <c:pt idx="5269">
                  <c:v>52.271999999999998</c:v>
                </c:pt>
                <c:pt idx="5270">
                  <c:v>52.281999999999996</c:v>
                </c:pt>
                <c:pt idx="5271">
                  <c:v>52.292000000000002</c:v>
                </c:pt>
                <c:pt idx="5272">
                  <c:v>52.302</c:v>
                </c:pt>
                <c:pt idx="5273">
                  <c:v>52.311</c:v>
                </c:pt>
                <c:pt idx="5274">
                  <c:v>52.317</c:v>
                </c:pt>
                <c:pt idx="5275">
                  <c:v>52.331000000000003</c:v>
                </c:pt>
                <c:pt idx="5276">
                  <c:v>52.341000000000001</c:v>
                </c:pt>
                <c:pt idx="5277">
                  <c:v>52.35</c:v>
                </c:pt>
                <c:pt idx="5278">
                  <c:v>52.360999999999997</c:v>
                </c:pt>
                <c:pt idx="5279">
                  <c:v>52.37</c:v>
                </c:pt>
                <c:pt idx="5280">
                  <c:v>52.378999999999998</c:v>
                </c:pt>
                <c:pt idx="5281">
                  <c:v>52.39</c:v>
                </c:pt>
                <c:pt idx="5282">
                  <c:v>52.399000000000001</c:v>
                </c:pt>
                <c:pt idx="5283">
                  <c:v>52.405999999999999</c:v>
                </c:pt>
                <c:pt idx="5284">
                  <c:v>52.417000000000002</c:v>
                </c:pt>
                <c:pt idx="5285">
                  <c:v>52.427</c:v>
                </c:pt>
                <c:pt idx="5286">
                  <c:v>52.436</c:v>
                </c:pt>
                <c:pt idx="5287">
                  <c:v>52.447000000000003</c:v>
                </c:pt>
                <c:pt idx="5288">
                  <c:v>52.456000000000003</c:v>
                </c:pt>
                <c:pt idx="5289">
                  <c:v>52.466000000000001</c:v>
                </c:pt>
                <c:pt idx="5290">
                  <c:v>52.475999999999999</c:v>
                </c:pt>
                <c:pt idx="5291">
                  <c:v>52.484999999999999</c:v>
                </c:pt>
                <c:pt idx="5292">
                  <c:v>52.494999999999997</c:v>
                </c:pt>
                <c:pt idx="5293">
                  <c:v>52.506</c:v>
                </c:pt>
                <c:pt idx="5294">
                  <c:v>52.515999999999998</c:v>
                </c:pt>
                <c:pt idx="5295">
                  <c:v>52.524999999999999</c:v>
                </c:pt>
                <c:pt idx="5296">
                  <c:v>52.533999999999999</c:v>
                </c:pt>
                <c:pt idx="5297">
                  <c:v>52.543999999999997</c:v>
                </c:pt>
                <c:pt idx="5298">
                  <c:v>52.552999999999997</c:v>
                </c:pt>
                <c:pt idx="5299">
                  <c:v>52.563000000000002</c:v>
                </c:pt>
                <c:pt idx="5300">
                  <c:v>52.573</c:v>
                </c:pt>
                <c:pt idx="5301">
                  <c:v>52.582000000000001</c:v>
                </c:pt>
                <c:pt idx="5302">
                  <c:v>52.59</c:v>
                </c:pt>
                <c:pt idx="5303">
                  <c:v>52.600999999999999</c:v>
                </c:pt>
                <c:pt idx="5304">
                  <c:v>52.61</c:v>
                </c:pt>
                <c:pt idx="5305">
                  <c:v>52.619</c:v>
                </c:pt>
                <c:pt idx="5306">
                  <c:v>52.63</c:v>
                </c:pt>
                <c:pt idx="5307">
                  <c:v>52.639000000000003</c:v>
                </c:pt>
                <c:pt idx="5308">
                  <c:v>52.648000000000003</c:v>
                </c:pt>
                <c:pt idx="5309">
                  <c:v>52.658999999999999</c:v>
                </c:pt>
                <c:pt idx="5310">
                  <c:v>52.668999999999997</c:v>
                </c:pt>
                <c:pt idx="5311">
                  <c:v>52.68</c:v>
                </c:pt>
                <c:pt idx="5312">
                  <c:v>52.689</c:v>
                </c:pt>
                <c:pt idx="5313">
                  <c:v>52.7</c:v>
                </c:pt>
                <c:pt idx="5314">
                  <c:v>52.71</c:v>
                </c:pt>
                <c:pt idx="5315">
                  <c:v>52.72</c:v>
                </c:pt>
                <c:pt idx="5316">
                  <c:v>52.73</c:v>
                </c:pt>
                <c:pt idx="5317">
                  <c:v>52.741</c:v>
                </c:pt>
                <c:pt idx="5318">
                  <c:v>52.750999999999998</c:v>
                </c:pt>
                <c:pt idx="5319">
                  <c:v>52.762</c:v>
                </c:pt>
                <c:pt idx="5320">
                  <c:v>52.771000000000001</c:v>
                </c:pt>
                <c:pt idx="5321">
                  <c:v>52.781999999999996</c:v>
                </c:pt>
                <c:pt idx="5322">
                  <c:v>52.783000000000001</c:v>
                </c:pt>
                <c:pt idx="5323">
                  <c:v>52.783000000000001</c:v>
                </c:pt>
                <c:pt idx="5324">
                  <c:v>52.786000000000001</c:v>
                </c:pt>
                <c:pt idx="5325">
                  <c:v>52.793999999999997</c:v>
                </c:pt>
                <c:pt idx="5326">
                  <c:v>52.804000000000002</c:v>
                </c:pt>
                <c:pt idx="5327">
                  <c:v>52.814</c:v>
                </c:pt>
                <c:pt idx="5328">
                  <c:v>52.823999999999998</c:v>
                </c:pt>
                <c:pt idx="5329">
                  <c:v>52.83</c:v>
                </c:pt>
                <c:pt idx="5330">
                  <c:v>52.83</c:v>
                </c:pt>
                <c:pt idx="5331">
                  <c:v>52.832000000000001</c:v>
                </c:pt>
                <c:pt idx="5332">
                  <c:v>52.841999999999999</c:v>
                </c:pt>
                <c:pt idx="5333">
                  <c:v>52.850999999999999</c:v>
                </c:pt>
                <c:pt idx="5334">
                  <c:v>52.860999999999997</c:v>
                </c:pt>
                <c:pt idx="5335">
                  <c:v>52.871000000000002</c:v>
                </c:pt>
                <c:pt idx="5336">
                  <c:v>52.881</c:v>
                </c:pt>
                <c:pt idx="5337">
                  <c:v>52.890999999999998</c:v>
                </c:pt>
                <c:pt idx="5338">
                  <c:v>52.901000000000003</c:v>
                </c:pt>
                <c:pt idx="5339">
                  <c:v>52.911999999999999</c:v>
                </c:pt>
                <c:pt idx="5340">
                  <c:v>52.923000000000002</c:v>
                </c:pt>
                <c:pt idx="5341">
                  <c:v>52.933</c:v>
                </c:pt>
                <c:pt idx="5342">
                  <c:v>52.994999999999997</c:v>
                </c:pt>
                <c:pt idx="5343">
                  <c:v>53.006</c:v>
                </c:pt>
                <c:pt idx="5344">
                  <c:v>53.017000000000003</c:v>
                </c:pt>
                <c:pt idx="5345">
                  <c:v>53.027000000000001</c:v>
                </c:pt>
                <c:pt idx="5346">
                  <c:v>53.036999999999999</c:v>
                </c:pt>
                <c:pt idx="5347">
                  <c:v>53.046999999999997</c:v>
                </c:pt>
                <c:pt idx="5348">
                  <c:v>53.057000000000002</c:v>
                </c:pt>
                <c:pt idx="5349">
                  <c:v>53.067</c:v>
                </c:pt>
                <c:pt idx="5350">
                  <c:v>53.078000000000003</c:v>
                </c:pt>
                <c:pt idx="5351">
                  <c:v>53.087000000000003</c:v>
                </c:pt>
                <c:pt idx="5352">
                  <c:v>53.097999999999999</c:v>
                </c:pt>
                <c:pt idx="5353">
                  <c:v>53.107999999999997</c:v>
                </c:pt>
                <c:pt idx="5354">
                  <c:v>53.118000000000002</c:v>
                </c:pt>
                <c:pt idx="5355">
                  <c:v>53.128999999999998</c:v>
                </c:pt>
                <c:pt idx="5356">
                  <c:v>53.139000000000003</c:v>
                </c:pt>
                <c:pt idx="5357">
                  <c:v>53.149000000000001</c:v>
                </c:pt>
                <c:pt idx="5358">
                  <c:v>53.16</c:v>
                </c:pt>
                <c:pt idx="5359">
                  <c:v>53.17</c:v>
                </c:pt>
                <c:pt idx="5360">
                  <c:v>53.18</c:v>
                </c:pt>
                <c:pt idx="5361">
                  <c:v>53.191000000000003</c:v>
                </c:pt>
                <c:pt idx="5362">
                  <c:v>53.201000000000001</c:v>
                </c:pt>
                <c:pt idx="5363">
                  <c:v>53.212000000000003</c:v>
                </c:pt>
                <c:pt idx="5364">
                  <c:v>53.222000000000001</c:v>
                </c:pt>
                <c:pt idx="5365">
                  <c:v>53.231999999999999</c:v>
                </c:pt>
                <c:pt idx="5366">
                  <c:v>53.241999999999997</c:v>
                </c:pt>
                <c:pt idx="5367">
                  <c:v>53.252000000000002</c:v>
                </c:pt>
                <c:pt idx="5368">
                  <c:v>53.262</c:v>
                </c:pt>
                <c:pt idx="5369">
                  <c:v>53.273000000000003</c:v>
                </c:pt>
                <c:pt idx="5370">
                  <c:v>53.283000000000001</c:v>
                </c:pt>
                <c:pt idx="5371">
                  <c:v>53.293999999999997</c:v>
                </c:pt>
                <c:pt idx="5372">
                  <c:v>53.305</c:v>
                </c:pt>
                <c:pt idx="5373">
                  <c:v>53.316000000000003</c:v>
                </c:pt>
                <c:pt idx="5374">
                  <c:v>53.326000000000001</c:v>
                </c:pt>
                <c:pt idx="5375">
                  <c:v>53.335999999999999</c:v>
                </c:pt>
                <c:pt idx="5376">
                  <c:v>53.345999999999997</c:v>
                </c:pt>
                <c:pt idx="5377">
                  <c:v>53.356999999999999</c:v>
                </c:pt>
                <c:pt idx="5378">
                  <c:v>53.366999999999997</c:v>
                </c:pt>
                <c:pt idx="5379">
                  <c:v>53.378</c:v>
                </c:pt>
                <c:pt idx="5380">
                  <c:v>53.387</c:v>
                </c:pt>
                <c:pt idx="5381">
                  <c:v>53.398000000000003</c:v>
                </c:pt>
                <c:pt idx="5382">
                  <c:v>53.408000000000001</c:v>
                </c:pt>
                <c:pt idx="5383">
                  <c:v>53.418999999999997</c:v>
                </c:pt>
                <c:pt idx="5384">
                  <c:v>53.429000000000002</c:v>
                </c:pt>
                <c:pt idx="5385">
                  <c:v>53.439</c:v>
                </c:pt>
                <c:pt idx="5386">
                  <c:v>53.448999999999998</c:v>
                </c:pt>
                <c:pt idx="5387">
                  <c:v>53.459000000000003</c:v>
                </c:pt>
                <c:pt idx="5388">
                  <c:v>53.47</c:v>
                </c:pt>
                <c:pt idx="5389">
                  <c:v>53.48</c:v>
                </c:pt>
                <c:pt idx="5390">
                  <c:v>53.49</c:v>
                </c:pt>
                <c:pt idx="5391">
                  <c:v>53.500999999999998</c:v>
                </c:pt>
                <c:pt idx="5392">
                  <c:v>53.51</c:v>
                </c:pt>
                <c:pt idx="5393">
                  <c:v>53.521000000000001</c:v>
                </c:pt>
                <c:pt idx="5394">
                  <c:v>53.530999999999999</c:v>
                </c:pt>
                <c:pt idx="5395">
                  <c:v>53.540999999999997</c:v>
                </c:pt>
                <c:pt idx="5396">
                  <c:v>53.552</c:v>
                </c:pt>
                <c:pt idx="5397">
                  <c:v>53.561</c:v>
                </c:pt>
                <c:pt idx="5398">
                  <c:v>53.572000000000003</c:v>
                </c:pt>
                <c:pt idx="5399">
                  <c:v>53.582000000000001</c:v>
                </c:pt>
                <c:pt idx="5400">
                  <c:v>53.593000000000004</c:v>
                </c:pt>
                <c:pt idx="5401">
                  <c:v>53.603999999999999</c:v>
                </c:pt>
                <c:pt idx="5402">
                  <c:v>53.613</c:v>
                </c:pt>
                <c:pt idx="5403">
                  <c:v>53.624000000000002</c:v>
                </c:pt>
                <c:pt idx="5404">
                  <c:v>53.634</c:v>
                </c:pt>
                <c:pt idx="5405">
                  <c:v>53.645000000000003</c:v>
                </c:pt>
                <c:pt idx="5406">
                  <c:v>53.654000000000003</c:v>
                </c:pt>
                <c:pt idx="5407">
                  <c:v>53.664999999999999</c:v>
                </c:pt>
                <c:pt idx="5408">
                  <c:v>53.676000000000002</c:v>
                </c:pt>
                <c:pt idx="5409">
                  <c:v>53.698999999999998</c:v>
                </c:pt>
                <c:pt idx="5410">
                  <c:v>53.71</c:v>
                </c:pt>
                <c:pt idx="5411">
                  <c:v>53.72</c:v>
                </c:pt>
                <c:pt idx="5412">
                  <c:v>53.728999999999999</c:v>
                </c:pt>
                <c:pt idx="5413">
                  <c:v>53.746000000000002</c:v>
                </c:pt>
                <c:pt idx="5414">
                  <c:v>53.755000000000003</c:v>
                </c:pt>
                <c:pt idx="5415">
                  <c:v>53.765999999999998</c:v>
                </c:pt>
                <c:pt idx="5416">
                  <c:v>53.776000000000003</c:v>
                </c:pt>
                <c:pt idx="5417">
                  <c:v>53.786000000000001</c:v>
                </c:pt>
                <c:pt idx="5418">
                  <c:v>53.796999999999997</c:v>
                </c:pt>
                <c:pt idx="5419">
                  <c:v>53.807000000000002</c:v>
                </c:pt>
                <c:pt idx="5420">
                  <c:v>53.817</c:v>
                </c:pt>
                <c:pt idx="5421">
                  <c:v>53.828000000000003</c:v>
                </c:pt>
                <c:pt idx="5422">
                  <c:v>53.838000000000001</c:v>
                </c:pt>
                <c:pt idx="5423">
                  <c:v>53.848999999999997</c:v>
                </c:pt>
                <c:pt idx="5424">
                  <c:v>53.859000000000002</c:v>
                </c:pt>
                <c:pt idx="5425">
                  <c:v>53.869</c:v>
                </c:pt>
                <c:pt idx="5426">
                  <c:v>53.878999999999998</c:v>
                </c:pt>
                <c:pt idx="5427">
                  <c:v>53.89</c:v>
                </c:pt>
                <c:pt idx="5428">
                  <c:v>53.9</c:v>
                </c:pt>
                <c:pt idx="5429">
                  <c:v>53.91</c:v>
                </c:pt>
                <c:pt idx="5430">
                  <c:v>53.920999999999999</c:v>
                </c:pt>
                <c:pt idx="5431">
                  <c:v>53.930999999999997</c:v>
                </c:pt>
                <c:pt idx="5432">
                  <c:v>53.94</c:v>
                </c:pt>
                <c:pt idx="5433">
                  <c:v>53.948999999999998</c:v>
                </c:pt>
                <c:pt idx="5434">
                  <c:v>53.96</c:v>
                </c:pt>
                <c:pt idx="5435">
                  <c:v>53.97</c:v>
                </c:pt>
                <c:pt idx="5436">
                  <c:v>53.978999999999999</c:v>
                </c:pt>
                <c:pt idx="5437">
                  <c:v>53.988</c:v>
                </c:pt>
                <c:pt idx="5438">
                  <c:v>53.999000000000002</c:v>
                </c:pt>
                <c:pt idx="5439">
                  <c:v>54.009</c:v>
                </c:pt>
                <c:pt idx="5440">
                  <c:v>54.018999999999998</c:v>
                </c:pt>
                <c:pt idx="5441">
                  <c:v>54.029000000000003</c:v>
                </c:pt>
                <c:pt idx="5442">
                  <c:v>54.039000000000001</c:v>
                </c:pt>
                <c:pt idx="5443">
                  <c:v>54.05</c:v>
                </c:pt>
                <c:pt idx="5444">
                  <c:v>54.06</c:v>
                </c:pt>
                <c:pt idx="5445">
                  <c:v>54.070999999999998</c:v>
                </c:pt>
                <c:pt idx="5446">
                  <c:v>54.081000000000003</c:v>
                </c:pt>
                <c:pt idx="5447">
                  <c:v>54.09</c:v>
                </c:pt>
                <c:pt idx="5448">
                  <c:v>54.094999999999999</c:v>
                </c:pt>
                <c:pt idx="5449">
                  <c:v>54.113999999999997</c:v>
                </c:pt>
                <c:pt idx="5450">
                  <c:v>54.124000000000002</c:v>
                </c:pt>
                <c:pt idx="5451">
                  <c:v>54.134</c:v>
                </c:pt>
                <c:pt idx="5452">
                  <c:v>54.143999999999998</c:v>
                </c:pt>
                <c:pt idx="5453">
                  <c:v>54.155000000000001</c:v>
                </c:pt>
                <c:pt idx="5454">
                  <c:v>54.164999999999999</c:v>
                </c:pt>
                <c:pt idx="5455">
                  <c:v>54.174999999999997</c:v>
                </c:pt>
                <c:pt idx="5456">
                  <c:v>54.186</c:v>
                </c:pt>
                <c:pt idx="5457">
                  <c:v>54.195999999999998</c:v>
                </c:pt>
                <c:pt idx="5458">
                  <c:v>54.206000000000003</c:v>
                </c:pt>
                <c:pt idx="5459">
                  <c:v>54.216000000000001</c:v>
                </c:pt>
                <c:pt idx="5460">
                  <c:v>54.226999999999997</c:v>
                </c:pt>
                <c:pt idx="5461">
                  <c:v>54.237000000000002</c:v>
                </c:pt>
                <c:pt idx="5462">
                  <c:v>54.247</c:v>
                </c:pt>
                <c:pt idx="5463">
                  <c:v>54.256999999999998</c:v>
                </c:pt>
                <c:pt idx="5464">
                  <c:v>54.268000000000001</c:v>
                </c:pt>
                <c:pt idx="5465">
                  <c:v>54.277999999999999</c:v>
                </c:pt>
                <c:pt idx="5466">
                  <c:v>54.289000000000001</c:v>
                </c:pt>
                <c:pt idx="5467">
                  <c:v>54.301000000000002</c:v>
                </c:pt>
                <c:pt idx="5468">
                  <c:v>54.311</c:v>
                </c:pt>
                <c:pt idx="5469">
                  <c:v>54.322000000000003</c:v>
                </c:pt>
                <c:pt idx="5470">
                  <c:v>54.331000000000003</c:v>
                </c:pt>
                <c:pt idx="5471">
                  <c:v>54.341000000000001</c:v>
                </c:pt>
                <c:pt idx="5472">
                  <c:v>54.351999999999997</c:v>
                </c:pt>
                <c:pt idx="5473">
                  <c:v>54.362000000000002</c:v>
                </c:pt>
                <c:pt idx="5474">
                  <c:v>54.372999999999998</c:v>
                </c:pt>
                <c:pt idx="5475">
                  <c:v>54.383000000000003</c:v>
                </c:pt>
                <c:pt idx="5476">
                  <c:v>54.393000000000001</c:v>
                </c:pt>
                <c:pt idx="5477">
                  <c:v>54.402999999999999</c:v>
                </c:pt>
                <c:pt idx="5478">
                  <c:v>54.412999999999997</c:v>
                </c:pt>
                <c:pt idx="5479">
                  <c:v>54.423999999999999</c:v>
                </c:pt>
                <c:pt idx="5480">
                  <c:v>54.433999999999997</c:v>
                </c:pt>
                <c:pt idx="5481">
                  <c:v>54.444000000000003</c:v>
                </c:pt>
                <c:pt idx="5482">
                  <c:v>54.454000000000001</c:v>
                </c:pt>
                <c:pt idx="5483">
                  <c:v>54.465000000000003</c:v>
                </c:pt>
                <c:pt idx="5484">
                  <c:v>54.475999999999999</c:v>
                </c:pt>
                <c:pt idx="5485">
                  <c:v>54.485999999999997</c:v>
                </c:pt>
                <c:pt idx="5486">
                  <c:v>54.496000000000002</c:v>
                </c:pt>
                <c:pt idx="5487">
                  <c:v>54.506999999999998</c:v>
                </c:pt>
                <c:pt idx="5488">
                  <c:v>54.517000000000003</c:v>
                </c:pt>
                <c:pt idx="5489">
                  <c:v>54.526000000000003</c:v>
                </c:pt>
                <c:pt idx="5490">
                  <c:v>54.536000000000001</c:v>
                </c:pt>
                <c:pt idx="5491">
                  <c:v>54.546999999999997</c:v>
                </c:pt>
                <c:pt idx="5492">
                  <c:v>54.557000000000002</c:v>
                </c:pt>
                <c:pt idx="5493">
                  <c:v>54.567999999999998</c:v>
                </c:pt>
                <c:pt idx="5494">
                  <c:v>54.576999999999998</c:v>
                </c:pt>
                <c:pt idx="5495">
                  <c:v>54.587000000000003</c:v>
                </c:pt>
                <c:pt idx="5496">
                  <c:v>54.597000000000001</c:v>
                </c:pt>
                <c:pt idx="5497">
                  <c:v>54.607999999999997</c:v>
                </c:pt>
                <c:pt idx="5498">
                  <c:v>54.618000000000002</c:v>
                </c:pt>
                <c:pt idx="5499">
                  <c:v>54.628</c:v>
                </c:pt>
                <c:pt idx="5500">
                  <c:v>54.639000000000003</c:v>
                </c:pt>
                <c:pt idx="5501">
                  <c:v>54.649000000000001</c:v>
                </c:pt>
                <c:pt idx="5502">
                  <c:v>54.658999999999999</c:v>
                </c:pt>
                <c:pt idx="5503">
                  <c:v>54.668999999999997</c:v>
                </c:pt>
                <c:pt idx="5504">
                  <c:v>54.679000000000002</c:v>
                </c:pt>
                <c:pt idx="5505">
                  <c:v>54.689</c:v>
                </c:pt>
                <c:pt idx="5506">
                  <c:v>54.7</c:v>
                </c:pt>
                <c:pt idx="5507">
                  <c:v>54.71</c:v>
                </c:pt>
                <c:pt idx="5508">
                  <c:v>54.719000000000001</c:v>
                </c:pt>
                <c:pt idx="5509">
                  <c:v>54.728999999999999</c:v>
                </c:pt>
                <c:pt idx="5510">
                  <c:v>54.738999999999997</c:v>
                </c:pt>
                <c:pt idx="5511">
                  <c:v>54.749000000000002</c:v>
                </c:pt>
                <c:pt idx="5512">
                  <c:v>54.758000000000003</c:v>
                </c:pt>
                <c:pt idx="5513">
                  <c:v>54.768000000000001</c:v>
                </c:pt>
                <c:pt idx="5514">
                  <c:v>54.777999999999999</c:v>
                </c:pt>
                <c:pt idx="5515">
                  <c:v>54.786000000000001</c:v>
                </c:pt>
                <c:pt idx="5516">
                  <c:v>54.795999999999999</c:v>
                </c:pt>
                <c:pt idx="5517">
                  <c:v>54.805</c:v>
                </c:pt>
                <c:pt idx="5518">
                  <c:v>54.814</c:v>
                </c:pt>
                <c:pt idx="5519">
                  <c:v>54.814999999999998</c:v>
                </c:pt>
                <c:pt idx="5520">
                  <c:v>54.829000000000001</c:v>
                </c:pt>
                <c:pt idx="5521">
                  <c:v>54.838000000000001</c:v>
                </c:pt>
                <c:pt idx="5522">
                  <c:v>54.847000000000001</c:v>
                </c:pt>
                <c:pt idx="5523">
                  <c:v>54.856999999999999</c:v>
                </c:pt>
                <c:pt idx="5524">
                  <c:v>54.866999999999997</c:v>
                </c:pt>
                <c:pt idx="5525">
                  <c:v>54.878999999999998</c:v>
                </c:pt>
                <c:pt idx="5526">
                  <c:v>54.887</c:v>
                </c:pt>
                <c:pt idx="5527">
                  <c:v>54.896999999999998</c:v>
                </c:pt>
                <c:pt idx="5528">
                  <c:v>54.906999999999996</c:v>
                </c:pt>
                <c:pt idx="5529">
                  <c:v>54.915999999999997</c:v>
                </c:pt>
                <c:pt idx="5530">
                  <c:v>54.926000000000002</c:v>
                </c:pt>
                <c:pt idx="5531">
                  <c:v>54.936</c:v>
                </c:pt>
                <c:pt idx="5532">
                  <c:v>54.945999999999998</c:v>
                </c:pt>
                <c:pt idx="5533">
                  <c:v>54.956000000000003</c:v>
                </c:pt>
                <c:pt idx="5534">
                  <c:v>54.966000000000001</c:v>
                </c:pt>
                <c:pt idx="5535">
                  <c:v>54.975999999999999</c:v>
                </c:pt>
                <c:pt idx="5536">
                  <c:v>54.984999999999999</c:v>
                </c:pt>
                <c:pt idx="5537">
                  <c:v>54.994</c:v>
                </c:pt>
                <c:pt idx="5538">
                  <c:v>55.000999999999998</c:v>
                </c:pt>
                <c:pt idx="5539">
                  <c:v>55.009</c:v>
                </c:pt>
                <c:pt idx="5540">
                  <c:v>55.018000000000001</c:v>
                </c:pt>
                <c:pt idx="5541">
                  <c:v>55.027999999999999</c:v>
                </c:pt>
                <c:pt idx="5542">
                  <c:v>55.037999999999997</c:v>
                </c:pt>
                <c:pt idx="5543">
                  <c:v>55.046999999999997</c:v>
                </c:pt>
                <c:pt idx="5544">
                  <c:v>55.055999999999997</c:v>
                </c:pt>
                <c:pt idx="5545">
                  <c:v>55.066000000000003</c:v>
                </c:pt>
                <c:pt idx="5546">
                  <c:v>55.075000000000003</c:v>
                </c:pt>
                <c:pt idx="5547">
                  <c:v>55.085999999999999</c:v>
                </c:pt>
                <c:pt idx="5548">
                  <c:v>55.094999999999999</c:v>
                </c:pt>
                <c:pt idx="5549">
                  <c:v>55.104999999999997</c:v>
                </c:pt>
                <c:pt idx="5550">
                  <c:v>55.115000000000002</c:v>
                </c:pt>
                <c:pt idx="5551">
                  <c:v>55.125</c:v>
                </c:pt>
                <c:pt idx="5552">
                  <c:v>55.134</c:v>
                </c:pt>
                <c:pt idx="5553">
                  <c:v>55.145000000000003</c:v>
                </c:pt>
                <c:pt idx="5554">
                  <c:v>55.155000000000001</c:v>
                </c:pt>
                <c:pt idx="5555">
                  <c:v>55.17</c:v>
                </c:pt>
                <c:pt idx="5556">
                  <c:v>55.180999999999997</c:v>
                </c:pt>
                <c:pt idx="5557">
                  <c:v>55.192</c:v>
                </c:pt>
                <c:pt idx="5558">
                  <c:v>55.201999999999998</c:v>
                </c:pt>
                <c:pt idx="5559">
                  <c:v>55.212000000000003</c:v>
                </c:pt>
                <c:pt idx="5560">
                  <c:v>55.222000000000001</c:v>
                </c:pt>
                <c:pt idx="5561">
                  <c:v>55.232999999999997</c:v>
                </c:pt>
                <c:pt idx="5562">
                  <c:v>55.243000000000002</c:v>
                </c:pt>
                <c:pt idx="5563">
                  <c:v>55.250999999999998</c:v>
                </c:pt>
                <c:pt idx="5564">
                  <c:v>55.265000000000001</c:v>
                </c:pt>
                <c:pt idx="5565">
                  <c:v>55.274999999999999</c:v>
                </c:pt>
                <c:pt idx="5566">
                  <c:v>55.284999999999997</c:v>
                </c:pt>
                <c:pt idx="5567">
                  <c:v>55.295000000000002</c:v>
                </c:pt>
                <c:pt idx="5568">
                  <c:v>55.305999999999997</c:v>
                </c:pt>
                <c:pt idx="5569">
                  <c:v>55.316000000000003</c:v>
                </c:pt>
                <c:pt idx="5570">
                  <c:v>55.328000000000003</c:v>
                </c:pt>
                <c:pt idx="5571">
                  <c:v>55.337000000000003</c:v>
                </c:pt>
                <c:pt idx="5572">
                  <c:v>55.347999999999999</c:v>
                </c:pt>
                <c:pt idx="5573">
                  <c:v>55.359000000000002</c:v>
                </c:pt>
                <c:pt idx="5574">
                  <c:v>55.368000000000002</c:v>
                </c:pt>
                <c:pt idx="5575">
                  <c:v>55.378</c:v>
                </c:pt>
                <c:pt idx="5576">
                  <c:v>55.389000000000003</c:v>
                </c:pt>
                <c:pt idx="5577">
                  <c:v>55.399000000000001</c:v>
                </c:pt>
                <c:pt idx="5578">
                  <c:v>55.408999999999999</c:v>
                </c:pt>
                <c:pt idx="5579">
                  <c:v>55.418999999999997</c:v>
                </c:pt>
                <c:pt idx="5580">
                  <c:v>55.43</c:v>
                </c:pt>
                <c:pt idx="5581">
                  <c:v>55.439</c:v>
                </c:pt>
                <c:pt idx="5582">
                  <c:v>55.45</c:v>
                </c:pt>
                <c:pt idx="5583">
                  <c:v>55.46</c:v>
                </c:pt>
                <c:pt idx="5584">
                  <c:v>55.47</c:v>
                </c:pt>
                <c:pt idx="5585">
                  <c:v>55.481000000000002</c:v>
                </c:pt>
                <c:pt idx="5586">
                  <c:v>55.491</c:v>
                </c:pt>
                <c:pt idx="5587">
                  <c:v>55.502000000000002</c:v>
                </c:pt>
                <c:pt idx="5588">
                  <c:v>55.512</c:v>
                </c:pt>
                <c:pt idx="5589">
                  <c:v>55.521999999999998</c:v>
                </c:pt>
                <c:pt idx="5590">
                  <c:v>55.531999999999996</c:v>
                </c:pt>
                <c:pt idx="5591">
                  <c:v>55.542999999999999</c:v>
                </c:pt>
                <c:pt idx="5592">
                  <c:v>55.552999999999997</c:v>
                </c:pt>
                <c:pt idx="5593">
                  <c:v>55.563000000000002</c:v>
                </c:pt>
                <c:pt idx="5594">
                  <c:v>55.573999999999998</c:v>
                </c:pt>
                <c:pt idx="5595">
                  <c:v>55.584000000000003</c:v>
                </c:pt>
                <c:pt idx="5596">
                  <c:v>55.594999999999999</c:v>
                </c:pt>
                <c:pt idx="5597">
                  <c:v>55.603999999999999</c:v>
                </c:pt>
                <c:pt idx="5598">
                  <c:v>55.615000000000002</c:v>
                </c:pt>
                <c:pt idx="5599">
                  <c:v>55.625999999999998</c:v>
                </c:pt>
                <c:pt idx="5600">
                  <c:v>55.634999999999998</c:v>
                </c:pt>
                <c:pt idx="5601">
                  <c:v>55.637</c:v>
                </c:pt>
                <c:pt idx="5602">
                  <c:v>55.643999999999998</c:v>
                </c:pt>
                <c:pt idx="5603">
                  <c:v>55.654000000000003</c:v>
                </c:pt>
                <c:pt idx="5604">
                  <c:v>55.662999999999997</c:v>
                </c:pt>
                <c:pt idx="5605">
                  <c:v>55.673999999999999</c:v>
                </c:pt>
                <c:pt idx="5606">
                  <c:v>55.683999999999997</c:v>
                </c:pt>
                <c:pt idx="5607">
                  <c:v>55.694000000000003</c:v>
                </c:pt>
                <c:pt idx="5608">
                  <c:v>55.704999999999998</c:v>
                </c:pt>
                <c:pt idx="5609">
                  <c:v>55.716000000000001</c:v>
                </c:pt>
                <c:pt idx="5610">
                  <c:v>55.725999999999999</c:v>
                </c:pt>
                <c:pt idx="5611">
                  <c:v>55.737000000000002</c:v>
                </c:pt>
                <c:pt idx="5612">
                  <c:v>55.747</c:v>
                </c:pt>
                <c:pt idx="5613">
                  <c:v>55.756999999999998</c:v>
                </c:pt>
                <c:pt idx="5614">
                  <c:v>55.767000000000003</c:v>
                </c:pt>
                <c:pt idx="5615">
                  <c:v>55.777000000000001</c:v>
                </c:pt>
                <c:pt idx="5616">
                  <c:v>55.787999999999997</c:v>
                </c:pt>
                <c:pt idx="5617">
                  <c:v>55.798000000000002</c:v>
                </c:pt>
                <c:pt idx="5618">
                  <c:v>55.808</c:v>
                </c:pt>
                <c:pt idx="5619">
                  <c:v>55.819000000000003</c:v>
                </c:pt>
                <c:pt idx="5620">
                  <c:v>55.829000000000001</c:v>
                </c:pt>
                <c:pt idx="5621">
                  <c:v>55.84</c:v>
                </c:pt>
                <c:pt idx="5622">
                  <c:v>55.850999999999999</c:v>
                </c:pt>
                <c:pt idx="5623">
                  <c:v>55.86</c:v>
                </c:pt>
                <c:pt idx="5624">
                  <c:v>55.871000000000002</c:v>
                </c:pt>
                <c:pt idx="5625">
                  <c:v>55.881</c:v>
                </c:pt>
                <c:pt idx="5626">
                  <c:v>55.890999999999998</c:v>
                </c:pt>
                <c:pt idx="5627">
                  <c:v>55.901000000000003</c:v>
                </c:pt>
                <c:pt idx="5628">
                  <c:v>55.911999999999999</c:v>
                </c:pt>
                <c:pt idx="5629">
                  <c:v>55.923000000000002</c:v>
                </c:pt>
                <c:pt idx="5630">
                  <c:v>55.933</c:v>
                </c:pt>
                <c:pt idx="5631">
                  <c:v>55.942999999999998</c:v>
                </c:pt>
                <c:pt idx="5632">
                  <c:v>55.954000000000001</c:v>
                </c:pt>
                <c:pt idx="5633">
                  <c:v>55.965000000000003</c:v>
                </c:pt>
                <c:pt idx="5634">
                  <c:v>55.975000000000001</c:v>
                </c:pt>
                <c:pt idx="5635">
                  <c:v>55.985999999999997</c:v>
                </c:pt>
                <c:pt idx="5636">
                  <c:v>55.996000000000002</c:v>
                </c:pt>
                <c:pt idx="5637">
                  <c:v>56.006</c:v>
                </c:pt>
                <c:pt idx="5638">
                  <c:v>56.017000000000003</c:v>
                </c:pt>
                <c:pt idx="5639">
                  <c:v>56.026000000000003</c:v>
                </c:pt>
                <c:pt idx="5640">
                  <c:v>56.036000000000001</c:v>
                </c:pt>
                <c:pt idx="5641">
                  <c:v>56.045000000000002</c:v>
                </c:pt>
                <c:pt idx="5642">
                  <c:v>56.055</c:v>
                </c:pt>
                <c:pt idx="5643">
                  <c:v>56.064999999999998</c:v>
                </c:pt>
                <c:pt idx="5644">
                  <c:v>56.073999999999998</c:v>
                </c:pt>
                <c:pt idx="5645">
                  <c:v>56.084000000000003</c:v>
                </c:pt>
                <c:pt idx="5646">
                  <c:v>56.094999999999999</c:v>
                </c:pt>
                <c:pt idx="5647">
                  <c:v>56.104999999999997</c:v>
                </c:pt>
                <c:pt idx="5648">
                  <c:v>56.115000000000002</c:v>
                </c:pt>
                <c:pt idx="5649">
                  <c:v>56.125</c:v>
                </c:pt>
                <c:pt idx="5650">
                  <c:v>56.134999999999998</c:v>
                </c:pt>
                <c:pt idx="5651">
                  <c:v>56.146999999999998</c:v>
                </c:pt>
                <c:pt idx="5652">
                  <c:v>56.156999999999996</c:v>
                </c:pt>
                <c:pt idx="5653">
                  <c:v>56.167000000000002</c:v>
                </c:pt>
                <c:pt idx="5654">
                  <c:v>56.177</c:v>
                </c:pt>
                <c:pt idx="5655">
                  <c:v>56.186999999999998</c:v>
                </c:pt>
                <c:pt idx="5656">
                  <c:v>56.195999999999998</c:v>
                </c:pt>
                <c:pt idx="5657">
                  <c:v>56.206000000000003</c:v>
                </c:pt>
                <c:pt idx="5658">
                  <c:v>56.215000000000003</c:v>
                </c:pt>
                <c:pt idx="5659">
                  <c:v>56.225000000000001</c:v>
                </c:pt>
                <c:pt idx="5660">
                  <c:v>56.271999999999998</c:v>
                </c:pt>
                <c:pt idx="5661">
                  <c:v>56.281999999999996</c:v>
                </c:pt>
                <c:pt idx="5662">
                  <c:v>56.292000000000002</c:v>
                </c:pt>
                <c:pt idx="5663">
                  <c:v>56.302999999999997</c:v>
                </c:pt>
                <c:pt idx="5664">
                  <c:v>56.313000000000002</c:v>
                </c:pt>
                <c:pt idx="5665">
                  <c:v>56.323999999999998</c:v>
                </c:pt>
                <c:pt idx="5666">
                  <c:v>56.335000000000001</c:v>
                </c:pt>
                <c:pt idx="5667">
                  <c:v>56.344999999999999</c:v>
                </c:pt>
                <c:pt idx="5668">
                  <c:v>56.354999999999997</c:v>
                </c:pt>
                <c:pt idx="5669">
                  <c:v>56.365000000000002</c:v>
                </c:pt>
                <c:pt idx="5670">
                  <c:v>56.375</c:v>
                </c:pt>
                <c:pt idx="5671">
                  <c:v>56.387</c:v>
                </c:pt>
                <c:pt idx="5672">
                  <c:v>56.396999999999998</c:v>
                </c:pt>
                <c:pt idx="5673">
                  <c:v>56.406999999999996</c:v>
                </c:pt>
                <c:pt idx="5674">
                  <c:v>56.415999999999997</c:v>
                </c:pt>
                <c:pt idx="5675">
                  <c:v>56.427</c:v>
                </c:pt>
                <c:pt idx="5676">
                  <c:v>56.436999999999998</c:v>
                </c:pt>
                <c:pt idx="5677">
                  <c:v>56.447000000000003</c:v>
                </c:pt>
                <c:pt idx="5678">
                  <c:v>56.457999999999998</c:v>
                </c:pt>
                <c:pt idx="5679">
                  <c:v>56.468000000000004</c:v>
                </c:pt>
                <c:pt idx="5680">
                  <c:v>56.478000000000002</c:v>
                </c:pt>
                <c:pt idx="5681">
                  <c:v>56.488999999999997</c:v>
                </c:pt>
                <c:pt idx="5682">
                  <c:v>56.499000000000002</c:v>
                </c:pt>
                <c:pt idx="5683">
                  <c:v>56.51</c:v>
                </c:pt>
                <c:pt idx="5684">
                  <c:v>56.52</c:v>
                </c:pt>
                <c:pt idx="5685">
                  <c:v>56.530999999999999</c:v>
                </c:pt>
                <c:pt idx="5686">
                  <c:v>56.54</c:v>
                </c:pt>
                <c:pt idx="5687">
                  <c:v>56.551000000000002</c:v>
                </c:pt>
                <c:pt idx="5688">
                  <c:v>56.561999999999998</c:v>
                </c:pt>
                <c:pt idx="5689">
                  <c:v>56.570999999999998</c:v>
                </c:pt>
                <c:pt idx="5690">
                  <c:v>56.582000000000001</c:v>
                </c:pt>
                <c:pt idx="5691">
                  <c:v>56.591999999999999</c:v>
                </c:pt>
                <c:pt idx="5692">
                  <c:v>56.603000000000002</c:v>
                </c:pt>
                <c:pt idx="5693">
                  <c:v>56.613</c:v>
                </c:pt>
                <c:pt idx="5694">
                  <c:v>56.622</c:v>
                </c:pt>
                <c:pt idx="5695">
                  <c:v>56.633000000000003</c:v>
                </c:pt>
                <c:pt idx="5696">
                  <c:v>56.643999999999998</c:v>
                </c:pt>
                <c:pt idx="5697">
                  <c:v>56.652999999999999</c:v>
                </c:pt>
                <c:pt idx="5698">
                  <c:v>56.664000000000001</c:v>
                </c:pt>
                <c:pt idx="5699">
                  <c:v>56.673999999999999</c:v>
                </c:pt>
                <c:pt idx="5700">
                  <c:v>56.685000000000002</c:v>
                </c:pt>
                <c:pt idx="5701">
                  <c:v>56.695</c:v>
                </c:pt>
                <c:pt idx="5702">
                  <c:v>56.704999999999998</c:v>
                </c:pt>
                <c:pt idx="5703">
                  <c:v>56.716000000000001</c:v>
                </c:pt>
                <c:pt idx="5704">
                  <c:v>56.725999999999999</c:v>
                </c:pt>
                <c:pt idx="5705">
                  <c:v>56.735999999999997</c:v>
                </c:pt>
                <c:pt idx="5706">
                  <c:v>56.746000000000002</c:v>
                </c:pt>
                <c:pt idx="5707">
                  <c:v>56.756</c:v>
                </c:pt>
                <c:pt idx="5708">
                  <c:v>56.768000000000001</c:v>
                </c:pt>
                <c:pt idx="5709">
                  <c:v>56.777999999999999</c:v>
                </c:pt>
                <c:pt idx="5710">
                  <c:v>56.786999999999999</c:v>
                </c:pt>
                <c:pt idx="5711">
                  <c:v>56.798000000000002</c:v>
                </c:pt>
                <c:pt idx="5712">
                  <c:v>56.808999999999997</c:v>
                </c:pt>
                <c:pt idx="5713">
                  <c:v>56.82</c:v>
                </c:pt>
                <c:pt idx="5714">
                  <c:v>56.83</c:v>
                </c:pt>
                <c:pt idx="5715">
                  <c:v>56.84</c:v>
                </c:pt>
                <c:pt idx="5716">
                  <c:v>56.850999999999999</c:v>
                </c:pt>
                <c:pt idx="5717">
                  <c:v>56.860999999999997</c:v>
                </c:pt>
                <c:pt idx="5718">
                  <c:v>56.872</c:v>
                </c:pt>
                <c:pt idx="5719">
                  <c:v>56.881</c:v>
                </c:pt>
                <c:pt idx="5720">
                  <c:v>56.892000000000003</c:v>
                </c:pt>
                <c:pt idx="5721">
                  <c:v>56.902000000000001</c:v>
                </c:pt>
                <c:pt idx="5722">
                  <c:v>56.912999999999997</c:v>
                </c:pt>
                <c:pt idx="5723">
                  <c:v>56.923000000000002</c:v>
                </c:pt>
                <c:pt idx="5724">
                  <c:v>56.933</c:v>
                </c:pt>
                <c:pt idx="5725">
                  <c:v>56.942999999999998</c:v>
                </c:pt>
                <c:pt idx="5726">
                  <c:v>56.953000000000003</c:v>
                </c:pt>
                <c:pt idx="5727">
                  <c:v>56.963999999999999</c:v>
                </c:pt>
                <c:pt idx="5728">
                  <c:v>56.973999999999997</c:v>
                </c:pt>
                <c:pt idx="5729">
                  <c:v>56.982999999999997</c:v>
                </c:pt>
                <c:pt idx="5730">
                  <c:v>56.994</c:v>
                </c:pt>
                <c:pt idx="5731">
                  <c:v>57.003999999999998</c:v>
                </c:pt>
                <c:pt idx="5732">
                  <c:v>57.014000000000003</c:v>
                </c:pt>
                <c:pt idx="5733">
                  <c:v>57.024999999999999</c:v>
                </c:pt>
                <c:pt idx="5734">
                  <c:v>57.036000000000001</c:v>
                </c:pt>
                <c:pt idx="5735">
                  <c:v>57.045999999999999</c:v>
                </c:pt>
                <c:pt idx="5736">
                  <c:v>57.055999999999997</c:v>
                </c:pt>
                <c:pt idx="5737">
                  <c:v>57.066000000000003</c:v>
                </c:pt>
                <c:pt idx="5738">
                  <c:v>57.076000000000001</c:v>
                </c:pt>
                <c:pt idx="5739">
                  <c:v>57.087000000000003</c:v>
                </c:pt>
                <c:pt idx="5740">
                  <c:v>57.097999999999999</c:v>
                </c:pt>
                <c:pt idx="5741">
                  <c:v>57.106999999999999</c:v>
                </c:pt>
                <c:pt idx="5742">
                  <c:v>57.116999999999997</c:v>
                </c:pt>
                <c:pt idx="5743">
                  <c:v>57.128</c:v>
                </c:pt>
                <c:pt idx="5744">
                  <c:v>57.137</c:v>
                </c:pt>
                <c:pt idx="5745">
                  <c:v>57.148000000000003</c:v>
                </c:pt>
                <c:pt idx="5746">
                  <c:v>57.16</c:v>
                </c:pt>
                <c:pt idx="5747">
                  <c:v>57.17</c:v>
                </c:pt>
                <c:pt idx="5748">
                  <c:v>57.180999999999997</c:v>
                </c:pt>
                <c:pt idx="5749">
                  <c:v>57.191000000000003</c:v>
                </c:pt>
                <c:pt idx="5750">
                  <c:v>57.201000000000001</c:v>
                </c:pt>
                <c:pt idx="5751">
                  <c:v>57.210999999999999</c:v>
                </c:pt>
                <c:pt idx="5752">
                  <c:v>57.220999999999997</c:v>
                </c:pt>
                <c:pt idx="5753">
                  <c:v>57.231999999999999</c:v>
                </c:pt>
                <c:pt idx="5754">
                  <c:v>57.241999999999997</c:v>
                </c:pt>
                <c:pt idx="5755">
                  <c:v>57.252000000000002</c:v>
                </c:pt>
                <c:pt idx="5756">
                  <c:v>57.262999999999998</c:v>
                </c:pt>
                <c:pt idx="5757">
                  <c:v>57.271999999999998</c:v>
                </c:pt>
                <c:pt idx="5758">
                  <c:v>57.283000000000001</c:v>
                </c:pt>
                <c:pt idx="5759">
                  <c:v>57.293999999999997</c:v>
                </c:pt>
                <c:pt idx="5760">
                  <c:v>57.304000000000002</c:v>
                </c:pt>
                <c:pt idx="5761">
                  <c:v>57.314999999999998</c:v>
                </c:pt>
                <c:pt idx="5762">
                  <c:v>57.323999999999998</c:v>
                </c:pt>
                <c:pt idx="5763">
                  <c:v>57.335000000000001</c:v>
                </c:pt>
                <c:pt idx="5764">
                  <c:v>57.345999999999997</c:v>
                </c:pt>
                <c:pt idx="5765">
                  <c:v>57.356000000000002</c:v>
                </c:pt>
                <c:pt idx="5766">
                  <c:v>57.366</c:v>
                </c:pt>
                <c:pt idx="5767">
                  <c:v>57.375999999999998</c:v>
                </c:pt>
                <c:pt idx="5768">
                  <c:v>57.387</c:v>
                </c:pt>
                <c:pt idx="5769">
                  <c:v>57.396000000000001</c:v>
                </c:pt>
                <c:pt idx="5770">
                  <c:v>57.406999999999996</c:v>
                </c:pt>
                <c:pt idx="5771">
                  <c:v>57.417000000000002</c:v>
                </c:pt>
                <c:pt idx="5772">
                  <c:v>57.427</c:v>
                </c:pt>
                <c:pt idx="5773">
                  <c:v>57.438000000000002</c:v>
                </c:pt>
                <c:pt idx="5774">
                  <c:v>57.448</c:v>
                </c:pt>
                <c:pt idx="5775">
                  <c:v>57.457999999999998</c:v>
                </c:pt>
                <c:pt idx="5776">
                  <c:v>57.469000000000001</c:v>
                </c:pt>
                <c:pt idx="5777">
                  <c:v>57.478999999999999</c:v>
                </c:pt>
                <c:pt idx="5778">
                  <c:v>57.488</c:v>
                </c:pt>
                <c:pt idx="5779">
                  <c:v>57.5</c:v>
                </c:pt>
                <c:pt idx="5780">
                  <c:v>57.51</c:v>
                </c:pt>
                <c:pt idx="5781">
                  <c:v>57.521000000000001</c:v>
                </c:pt>
                <c:pt idx="5782">
                  <c:v>57.53</c:v>
                </c:pt>
                <c:pt idx="5783">
                  <c:v>57.540999999999997</c:v>
                </c:pt>
                <c:pt idx="5784">
                  <c:v>57.551000000000002</c:v>
                </c:pt>
                <c:pt idx="5785">
                  <c:v>57.561</c:v>
                </c:pt>
                <c:pt idx="5786">
                  <c:v>57.570999999999998</c:v>
                </c:pt>
                <c:pt idx="5787">
                  <c:v>57.582000000000001</c:v>
                </c:pt>
                <c:pt idx="5788">
                  <c:v>57.591000000000001</c:v>
                </c:pt>
                <c:pt idx="5789">
                  <c:v>57.601999999999997</c:v>
                </c:pt>
                <c:pt idx="5790">
                  <c:v>57.612000000000002</c:v>
                </c:pt>
                <c:pt idx="5791">
                  <c:v>57.622</c:v>
                </c:pt>
                <c:pt idx="5792">
                  <c:v>57.631999999999998</c:v>
                </c:pt>
                <c:pt idx="5793">
                  <c:v>57.643000000000001</c:v>
                </c:pt>
                <c:pt idx="5794">
                  <c:v>57.654000000000003</c:v>
                </c:pt>
                <c:pt idx="5795">
                  <c:v>57.664000000000001</c:v>
                </c:pt>
                <c:pt idx="5796">
                  <c:v>57.673999999999999</c:v>
                </c:pt>
                <c:pt idx="5797">
                  <c:v>57.685000000000002</c:v>
                </c:pt>
                <c:pt idx="5798">
                  <c:v>57.694000000000003</c:v>
                </c:pt>
                <c:pt idx="5799">
                  <c:v>57.703000000000003</c:v>
                </c:pt>
                <c:pt idx="5800">
                  <c:v>57.713999999999999</c:v>
                </c:pt>
                <c:pt idx="5801">
                  <c:v>57.723999999999997</c:v>
                </c:pt>
                <c:pt idx="5802">
                  <c:v>57.734000000000002</c:v>
                </c:pt>
                <c:pt idx="5803">
                  <c:v>57.744999999999997</c:v>
                </c:pt>
                <c:pt idx="5804">
                  <c:v>57.755000000000003</c:v>
                </c:pt>
                <c:pt idx="5805">
                  <c:v>57.765000000000001</c:v>
                </c:pt>
                <c:pt idx="5806">
                  <c:v>57.776000000000003</c:v>
                </c:pt>
                <c:pt idx="5807">
                  <c:v>57.786000000000001</c:v>
                </c:pt>
                <c:pt idx="5808">
                  <c:v>57.795999999999999</c:v>
                </c:pt>
                <c:pt idx="5809">
                  <c:v>57.807000000000002</c:v>
                </c:pt>
                <c:pt idx="5810">
                  <c:v>57.817999999999998</c:v>
                </c:pt>
                <c:pt idx="5811">
                  <c:v>57.828000000000003</c:v>
                </c:pt>
                <c:pt idx="5812">
                  <c:v>57.838000000000001</c:v>
                </c:pt>
                <c:pt idx="5813">
                  <c:v>57.848999999999997</c:v>
                </c:pt>
                <c:pt idx="5814">
                  <c:v>57.857999999999997</c:v>
                </c:pt>
                <c:pt idx="5815">
                  <c:v>57.869</c:v>
                </c:pt>
                <c:pt idx="5816">
                  <c:v>57.878999999999998</c:v>
                </c:pt>
                <c:pt idx="5817">
                  <c:v>57.887999999999998</c:v>
                </c:pt>
                <c:pt idx="5818">
                  <c:v>57.899000000000001</c:v>
                </c:pt>
                <c:pt idx="5819">
                  <c:v>57.908999999999999</c:v>
                </c:pt>
                <c:pt idx="5820">
                  <c:v>57.918999999999997</c:v>
                </c:pt>
                <c:pt idx="5821">
                  <c:v>57.929000000000002</c:v>
                </c:pt>
                <c:pt idx="5822">
                  <c:v>57.94</c:v>
                </c:pt>
                <c:pt idx="5823">
                  <c:v>57.948999999999998</c:v>
                </c:pt>
                <c:pt idx="5824">
                  <c:v>57.96</c:v>
                </c:pt>
                <c:pt idx="5825">
                  <c:v>57.97</c:v>
                </c:pt>
                <c:pt idx="5826">
                  <c:v>57.981000000000002</c:v>
                </c:pt>
                <c:pt idx="5827">
                  <c:v>57.991</c:v>
                </c:pt>
                <c:pt idx="5828">
                  <c:v>58.000999999999998</c:v>
                </c:pt>
                <c:pt idx="5829">
                  <c:v>58.01</c:v>
                </c:pt>
                <c:pt idx="5830">
                  <c:v>58.021000000000001</c:v>
                </c:pt>
                <c:pt idx="5831">
                  <c:v>58.030999999999999</c:v>
                </c:pt>
                <c:pt idx="5832">
                  <c:v>58.040999999999997</c:v>
                </c:pt>
                <c:pt idx="5833">
                  <c:v>58.051000000000002</c:v>
                </c:pt>
                <c:pt idx="5834">
                  <c:v>58.061</c:v>
                </c:pt>
                <c:pt idx="5835">
                  <c:v>58.070999999999998</c:v>
                </c:pt>
                <c:pt idx="5836">
                  <c:v>58.081000000000003</c:v>
                </c:pt>
                <c:pt idx="5837">
                  <c:v>58.091000000000001</c:v>
                </c:pt>
                <c:pt idx="5838">
                  <c:v>58.100999999999999</c:v>
                </c:pt>
                <c:pt idx="5839">
                  <c:v>58.110999999999997</c:v>
                </c:pt>
                <c:pt idx="5840">
                  <c:v>58.121000000000002</c:v>
                </c:pt>
                <c:pt idx="5841">
                  <c:v>58.13</c:v>
                </c:pt>
                <c:pt idx="5842">
                  <c:v>58.140999999999998</c:v>
                </c:pt>
                <c:pt idx="5843">
                  <c:v>58.152000000000001</c:v>
                </c:pt>
                <c:pt idx="5844">
                  <c:v>58.161999999999999</c:v>
                </c:pt>
                <c:pt idx="5845">
                  <c:v>58.171999999999997</c:v>
                </c:pt>
                <c:pt idx="5846">
                  <c:v>58.182000000000002</c:v>
                </c:pt>
                <c:pt idx="5847">
                  <c:v>58.192999999999998</c:v>
                </c:pt>
                <c:pt idx="5848">
                  <c:v>58.203000000000003</c:v>
                </c:pt>
                <c:pt idx="5849">
                  <c:v>58.213000000000001</c:v>
                </c:pt>
                <c:pt idx="5850">
                  <c:v>58.223999999999997</c:v>
                </c:pt>
                <c:pt idx="5851">
                  <c:v>58.232999999999997</c:v>
                </c:pt>
                <c:pt idx="5852">
                  <c:v>58.243000000000002</c:v>
                </c:pt>
                <c:pt idx="5853">
                  <c:v>58.253</c:v>
                </c:pt>
                <c:pt idx="5854">
                  <c:v>58.264000000000003</c:v>
                </c:pt>
                <c:pt idx="5855">
                  <c:v>58.274000000000001</c:v>
                </c:pt>
                <c:pt idx="5856">
                  <c:v>58.283999999999999</c:v>
                </c:pt>
                <c:pt idx="5857">
                  <c:v>58.293999999999997</c:v>
                </c:pt>
                <c:pt idx="5858">
                  <c:v>58.305</c:v>
                </c:pt>
                <c:pt idx="5859">
                  <c:v>58.314999999999998</c:v>
                </c:pt>
                <c:pt idx="5860">
                  <c:v>58.325000000000003</c:v>
                </c:pt>
                <c:pt idx="5861">
                  <c:v>58.335999999999999</c:v>
                </c:pt>
                <c:pt idx="5862">
                  <c:v>58.345999999999997</c:v>
                </c:pt>
                <c:pt idx="5863">
                  <c:v>58.357999999999997</c:v>
                </c:pt>
                <c:pt idx="5864">
                  <c:v>58.368000000000002</c:v>
                </c:pt>
                <c:pt idx="5865">
                  <c:v>58.378999999999998</c:v>
                </c:pt>
                <c:pt idx="5866">
                  <c:v>58.389000000000003</c:v>
                </c:pt>
                <c:pt idx="5867">
                  <c:v>58.399000000000001</c:v>
                </c:pt>
                <c:pt idx="5868">
                  <c:v>58.408999999999999</c:v>
                </c:pt>
                <c:pt idx="5869">
                  <c:v>58.42</c:v>
                </c:pt>
                <c:pt idx="5870">
                  <c:v>58.430999999999997</c:v>
                </c:pt>
                <c:pt idx="5871">
                  <c:v>58.441000000000003</c:v>
                </c:pt>
                <c:pt idx="5872">
                  <c:v>58.451000000000001</c:v>
                </c:pt>
                <c:pt idx="5873">
                  <c:v>58.462000000000003</c:v>
                </c:pt>
                <c:pt idx="5874">
                  <c:v>58.472000000000001</c:v>
                </c:pt>
                <c:pt idx="5875">
                  <c:v>58.481000000000002</c:v>
                </c:pt>
                <c:pt idx="5876">
                  <c:v>58.491</c:v>
                </c:pt>
                <c:pt idx="5877">
                  <c:v>58.500999999999998</c:v>
                </c:pt>
                <c:pt idx="5878">
                  <c:v>58.51</c:v>
                </c:pt>
                <c:pt idx="5879">
                  <c:v>58.518999999999998</c:v>
                </c:pt>
                <c:pt idx="5880">
                  <c:v>58.530999999999999</c:v>
                </c:pt>
                <c:pt idx="5881">
                  <c:v>58.540999999999997</c:v>
                </c:pt>
                <c:pt idx="5882">
                  <c:v>58.55</c:v>
                </c:pt>
                <c:pt idx="5883">
                  <c:v>58.561</c:v>
                </c:pt>
                <c:pt idx="5884">
                  <c:v>58.570999999999998</c:v>
                </c:pt>
                <c:pt idx="5885">
                  <c:v>58.58</c:v>
                </c:pt>
                <c:pt idx="5886">
                  <c:v>58.591000000000001</c:v>
                </c:pt>
                <c:pt idx="5887">
                  <c:v>58.600999999999999</c:v>
                </c:pt>
                <c:pt idx="5888">
                  <c:v>58.610999999999997</c:v>
                </c:pt>
                <c:pt idx="5889">
                  <c:v>58.622</c:v>
                </c:pt>
                <c:pt idx="5890">
                  <c:v>58.631999999999998</c:v>
                </c:pt>
                <c:pt idx="5891">
                  <c:v>58.643000000000001</c:v>
                </c:pt>
                <c:pt idx="5892">
                  <c:v>58.652999999999999</c:v>
                </c:pt>
                <c:pt idx="5893">
                  <c:v>58.661999999999999</c:v>
                </c:pt>
                <c:pt idx="5894">
                  <c:v>58.673000000000002</c:v>
                </c:pt>
                <c:pt idx="5895">
                  <c:v>58.683</c:v>
                </c:pt>
                <c:pt idx="5896">
                  <c:v>58.692999999999998</c:v>
                </c:pt>
                <c:pt idx="5897">
                  <c:v>58.704000000000001</c:v>
                </c:pt>
                <c:pt idx="5898">
                  <c:v>58.713999999999999</c:v>
                </c:pt>
                <c:pt idx="5899">
                  <c:v>58.723999999999997</c:v>
                </c:pt>
                <c:pt idx="5900">
                  <c:v>58.734999999999999</c:v>
                </c:pt>
                <c:pt idx="5901">
                  <c:v>58.744999999999997</c:v>
                </c:pt>
                <c:pt idx="5902">
                  <c:v>58.753999999999998</c:v>
                </c:pt>
                <c:pt idx="5903">
                  <c:v>58.765000000000001</c:v>
                </c:pt>
                <c:pt idx="5904">
                  <c:v>58.774999999999999</c:v>
                </c:pt>
                <c:pt idx="5905">
                  <c:v>58.783999999999999</c:v>
                </c:pt>
                <c:pt idx="5906">
                  <c:v>58.795000000000002</c:v>
                </c:pt>
                <c:pt idx="5907">
                  <c:v>58.805</c:v>
                </c:pt>
                <c:pt idx="5908">
                  <c:v>58.814</c:v>
                </c:pt>
                <c:pt idx="5909">
                  <c:v>58.823999999999998</c:v>
                </c:pt>
                <c:pt idx="5910">
                  <c:v>58.834000000000003</c:v>
                </c:pt>
                <c:pt idx="5911">
                  <c:v>58.844000000000001</c:v>
                </c:pt>
                <c:pt idx="5912">
                  <c:v>58.854999999999997</c:v>
                </c:pt>
                <c:pt idx="5913">
                  <c:v>58.863999999999997</c:v>
                </c:pt>
                <c:pt idx="5914">
                  <c:v>58.875</c:v>
                </c:pt>
                <c:pt idx="5915">
                  <c:v>58.884</c:v>
                </c:pt>
                <c:pt idx="5916">
                  <c:v>58.893999999999998</c:v>
                </c:pt>
                <c:pt idx="5917">
                  <c:v>58.902999999999999</c:v>
                </c:pt>
                <c:pt idx="5918">
                  <c:v>58.912999999999997</c:v>
                </c:pt>
                <c:pt idx="5919">
                  <c:v>58.921999999999997</c:v>
                </c:pt>
                <c:pt idx="5920">
                  <c:v>58.930999999999997</c:v>
                </c:pt>
                <c:pt idx="5921">
                  <c:v>58.941000000000003</c:v>
                </c:pt>
                <c:pt idx="5922">
                  <c:v>58.951000000000001</c:v>
                </c:pt>
                <c:pt idx="5923">
                  <c:v>58.962000000000003</c:v>
                </c:pt>
                <c:pt idx="5924">
                  <c:v>58.970999999999997</c:v>
                </c:pt>
                <c:pt idx="5925">
                  <c:v>58.981000000000002</c:v>
                </c:pt>
                <c:pt idx="5926">
                  <c:v>58.984000000000002</c:v>
                </c:pt>
                <c:pt idx="5927">
                  <c:v>58.994999999999997</c:v>
                </c:pt>
                <c:pt idx="5928">
                  <c:v>59.003999999999998</c:v>
                </c:pt>
                <c:pt idx="5929">
                  <c:v>59.015000000000001</c:v>
                </c:pt>
                <c:pt idx="5930">
                  <c:v>59.024000000000001</c:v>
                </c:pt>
                <c:pt idx="5931">
                  <c:v>59.033999999999999</c:v>
                </c:pt>
                <c:pt idx="5932">
                  <c:v>59.045000000000002</c:v>
                </c:pt>
                <c:pt idx="5933">
                  <c:v>59.055999999999997</c:v>
                </c:pt>
                <c:pt idx="5934">
                  <c:v>59.066000000000003</c:v>
                </c:pt>
                <c:pt idx="5935">
                  <c:v>59.076999999999998</c:v>
                </c:pt>
                <c:pt idx="5936">
                  <c:v>59.088000000000001</c:v>
                </c:pt>
                <c:pt idx="5937">
                  <c:v>59.097999999999999</c:v>
                </c:pt>
                <c:pt idx="5938">
                  <c:v>59.109000000000002</c:v>
                </c:pt>
                <c:pt idx="5939">
                  <c:v>59.119</c:v>
                </c:pt>
                <c:pt idx="5940">
                  <c:v>59.128999999999998</c:v>
                </c:pt>
                <c:pt idx="5941">
                  <c:v>59.139000000000003</c:v>
                </c:pt>
                <c:pt idx="5942">
                  <c:v>59.148000000000003</c:v>
                </c:pt>
                <c:pt idx="5943">
                  <c:v>59.156999999999996</c:v>
                </c:pt>
                <c:pt idx="5944">
                  <c:v>59.167000000000002</c:v>
                </c:pt>
                <c:pt idx="5945">
                  <c:v>59.177</c:v>
                </c:pt>
                <c:pt idx="5946">
                  <c:v>59.186999999999998</c:v>
                </c:pt>
                <c:pt idx="5947">
                  <c:v>59.197000000000003</c:v>
                </c:pt>
                <c:pt idx="5948">
                  <c:v>59.207000000000001</c:v>
                </c:pt>
                <c:pt idx="5949">
                  <c:v>59.216999999999999</c:v>
                </c:pt>
                <c:pt idx="5950">
                  <c:v>59.228999999999999</c:v>
                </c:pt>
                <c:pt idx="5951">
                  <c:v>59.238</c:v>
                </c:pt>
                <c:pt idx="5952">
                  <c:v>59.247</c:v>
                </c:pt>
                <c:pt idx="5953">
                  <c:v>59.256999999999998</c:v>
                </c:pt>
                <c:pt idx="5954">
                  <c:v>59.267000000000003</c:v>
                </c:pt>
                <c:pt idx="5955">
                  <c:v>59.277000000000001</c:v>
                </c:pt>
                <c:pt idx="5956">
                  <c:v>59.286999999999999</c:v>
                </c:pt>
                <c:pt idx="5957">
                  <c:v>59.295999999999999</c:v>
                </c:pt>
                <c:pt idx="5958">
                  <c:v>59.305</c:v>
                </c:pt>
                <c:pt idx="5959">
                  <c:v>59.314999999999998</c:v>
                </c:pt>
                <c:pt idx="5960">
                  <c:v>59.326999999999998</c:v>
                </c:pt>
                <c:pt idx="5961">
                  <c:v>59.337000000000003</c:v>
                </c:pt>
                <c:pt idx="5962">
                  <c:v>59.345999999999997</c:v>
                </c:pt>
                <c:pt idx="5963">
                  <c:v>59.356000000000002</c:v>
                </c:pt>
                <c:pt idx="5964">
                  <c:v>59.366999999999997</c:v>
                </c:pt>
                <c:pt idx="5965">
                  <c:v>59.377000000000002</c:v>
                </c:pt>
                <c:pt idx="5966">
                  <c:v>59.387999999999998</c:v>
                </c:pt>
                <c:pt idx="5967">
                  <c:v>59.396999999999998</c:v>
                </c:pt>
                <c:pt idx="5968">
                  <c:v>59.405999999999999</c:v>
                </c:pt>
                <c:pt idx="5969">
                  <c:v>59.417000000000002</c:v>
                </c:pt>
                <c:pt idx="5970">
                  <c:v>59.427</c:v>
                </c:pt>
                <c:pt idx="5971">
                  <c:v>59.436</c:v>
                </c:pt>
                <c:pt idx="5972">
                  <c:v>59.447000000000003</c:v>
                </c:pt>
                <c:pt idx="5973">
                  <c:v>59.457000000000001</c:v>
                </c:pt>
                <c:pt idx="5974">
                  <c:v>59.466999999999999</c:v>
                </c:pt>
                <c:pt idx="5975">
                  <c:v>59.478999999999999</c:v>
                </c:pt>
                <c:pt idx="5976">
                  <c:v>59.488</c:v>
                </c:pt>
                <c:pt idx="5977">
                  <c:v>59.5</c:v>
                </c:pt>
                <c:pt idx="5978">
                  <c:v>59.51</c:v>
                </c:pt>
                <c:pt idx="5979">
                  <c:v>59.521000000000001</c:v>
                </c:pt>
                <c:pt idx="5980">
                  <c:v>59.530999999999999</c:v>
                </c:pt>
                <c:pt idx="5981">
                  <c:v>59.540999999999997</c:v>
                </c:pt>
                <c:pt idx="5982">
                  <c:v>59.552</c:v>
                </c:pt>
                <c:pt idx="5983">
                  <c:v>59.561999999999998</c:v>
                </c:pt>
                <c:pt idx="5984">
                  <c:v>59.572000000000003</c:v>
                </c:pt>
                <c:pt idx="5985">
                  <c:v>59.582000000000001</c:v>
                </c:pt>
                <c:pt idx="5986">
                  <c:v>59.593000000000004</c:v>
                </c:pt>
                <c:pt idx="5987">
                  <c:v>59.601999999999997</c:v>
                </c:pt>
                <c:pt idx="5988">
                  <c:v>59.613</c:v>
                </c:pt>
                <c:pt idx="5989">
                  <c:v>59.622</c:v>
                </c:pt>
                <c:pt idx="5990">
                  <c:v>59.631999999999998</c:v>
                </c:pt>
                <c:pt idx="5991">
                  <c:v>59.643000000000001</c:v>
                </c:pt>
                <c:pt idx="5992">
                  <c:v>59.652999999999999</c:v>
                </c:pt>
                <c:pt idx="5993">
                  <c:v>59.664000000000001</c:v>
                </c:pt>
                <c:pt idx="5994">
                  <c:v>59.673999999999999</c:v>
                </c:pt>
                <c:pt idx="5995">
                  <c:v>59.683999999999997</c:v>
                </c:pt>
                <c:pt idx="5996">
                  <c:v>59.694000000000003</c:v>
                </c:pt>
                <c:pt idx="5997">
                  <c:v>59.704000000000001</c:v>
                </c:pt>
                <c:pt idx="5998">
                  <c:v>59.713999999999999</c:v>
                </c:pt>
                <c:pt idx="5999">
                  <c:v>59.722999999999999</c:v>
                </c:pt>
                <c:pt idx="6000">
                  <c:v>59.731999999999999</c:v>
                </c:pt>
                <c:pt idx="6001">
                  <c:v>59.741999999999997</c:v>
                </c:pt>
                <c:pt idx="6002">
                  <c:v>59.750999999999998</c:v>
                </c:pt>
                <c:pt idx="6003">
                  <c:v>59.76</c:v>
                </c:pt>
                <c:pt idx="6004">
                  <c:v>59.77</c:v>
                </c:pt>
                <c:pt idx="6005">
                  <c:v>59.779000000000003</c:v>
                </c:pt>
                <c:pt idx="6006">
                  <c:v>59.787999999999997</c:v>
                </c:pt>
                <c:pt idx="6007">
                  <c:v>59.795999999999999</c:v>
                </c:pt>
                <c:pt idx="6008">
                  <c:v>59.805999999999997</c:v>
                </c:pt>
                <c:pt idx="6009">
                  <c:v>59.814</c:v>
                </c:pt>
                <c:pt idx="6010">
                  <c:v>59.823</c:v>
                </c:pt>
                <c:pt idx="6011">
                  <c:v>59.831000000000003</c:v>
                </c:pt>
                <c:pt idx="6012">
                  <c:v>59.84</c:v>
                </c:pt>
                <c:pt idx="6013">
                  <c:v>59.847999999999999</c:v>
                </c:pt>
                <c:pt idx="6014">
                  <c:v>59.856999999999999</c:v>
                </c:pt>
                <c:pt idx="6015">
                  <c:v>59.865000000000002</c:v>
                </c:pt>
                <c:pt idx="6016">
                  <c:v>59.874000000000002</c:v>
                </c:pt>
                <c:pt idx="6017">
                  <c:v>59.881999999999998</c:v>
                </c:pt>
                <c:pt idx="6018">
                  <c:v>59.89</c:v>
                </c:pt>
                <c:pt idx="6019">
                  <c:v>59.898000000000003</c:v>
                </c:pt>
                <c:pt idx="6020">
                  <c:v>59.906999999999996</c:v>
                </c:pt>
                <c:pt idx="6021">
                  <c:v>59.915999999999997</c:v>
                </c:pt>
                <c:pt idx="6022">
                  <c:v>59.923999999999999</c:v>
                </c:pt>
                <c:pt idx="6023">
                  <c:v>59.933</c:v>
                </c:pt>
                <c:pt idx="6024">
                  <c:v>59.942</c:v>
                </c:pt>
                <c:pt idx="6025">
                  <c:v>59.951000000000001</c:v>
                </c:pt>
                <c:pt idx="6026">
                  <c:v>59.959000000000003</c:v>
                </c:pt>
                <c:pt idx="6027">
                  <c:v>59.969000000000001</c:v>
                </c:pt>
                <c:pt idx="6028">
                  <c:v>59.976999999999997</c:v>
                </c:pt>
                <c:pt idx="6029">
                  <c:v>59.984000000000002</c:v>
                </c:pt>
                <c:pt idx="6030">
                  <c:v>59.993000000000002</c:v>
                </c:pt>
                <c:pt idx="6031">
                  <c:v>60</c:v>
                </c:pt>
                <c:pt idx="6032">
                  <c:v>60.006999999999998</c:v>
                </c:pt>
                <c:pt idx="6033">
                  <c:v>60.015000000000001</c:v>
                </c:pt>
                <c:pt idx="6034">
                  <c:v>60.024000000000001</c:v>
                </c:pt>
                <c:pt idx="6035">
                  <c:v>60.031999999999996</c:v>
                </c:pt>
                <c:pt idx="6036">
                  <c:v>60.040999999999997</c:v>
                </c:pt>
                <c:pt idx="6037">
                  <c:v>60.051000000000002</c:v>
                </c:pt>
                <c:pt idx="6038">
                  <c:v>60.06</c:v>
                </c:pt>
                <c:pt idx="6039">
                  <c:v>60.07</c:v>
                </c:pt>
                <c:pt idx="6040">
                  <c:v>60.08</c:v>
                </c:pt>
                <c:pt idx="6041">
                  <c:v>60.087000000000003</c:v>
                </c:pt>
                <c:pt idx="6042">
                  <c:v>60.094999999999999</c:v>
                </c:pt>
                <c:pt idx="6043">
                  <c:v>60.104999999999997</c:v>
                </c:pt>
                <c:pt idx="6044">
                  <c:v>60.115000000000002</c:v>
                </c:pt>
                <c:pt idx="6045">
                  <c:v>60.116999999999997</c:v>
                </c:pt>
                <c:pt idx="6046">
                  <c:v>60.134</c:v>
                </c:pt>
                <c:pt idx="6047">
                  <c:v>60.145000000000003</c:v>
                </c:pt>
                <c:pt idx="6048">
                  <c:v>60.154000000000003</c:v>
                </c:pt>
                <c:pt idx="6049">
                  <c:v>60.164999999999999</c:v>
                </c:pt>
                <c:pt idx="6050">
                  <c:v>60.174999999999997</c:v>
                </c:pt>
                <c:pt idx="6051">
                  <c:v>60.186</c:v>
                </c:pt>
                <c:pt idx="6052">
                  <c:v>60.195999999999998</c:v>
                </c:pt>
                <c:pt idx="6053">
                  <c:v>60.206000000000003</c:v>
                </c:pt>
                <c:pt idx="6054">
                  <c:v>60.216000000000001</c:v>
                </c:pt>
                <c:pt idx="6055">
                  <c:v>60.226999999999997</c:v>
                </c:pt>
                <c:pt idx="6056">
                  <c:v>60.237000000000002</c:v>
                </c:pt>
                <c:pt idx="6057">
                  <c:v>60.247</c:v>
                </c:pt>
                <c:pt idx="6058">
                  <c:v>60.258000000000003</c:v>
                </c:pt>
                <c:pt idx="6059">
                  <c:v>60.268000000000001</c:v>
                </c:pt>
                <c:pt idx="6060">
                  <c:v>60.277000000000001</c:v>
                </c:pt>
                <c:pt idx="6061">
                  <c:v>60.287999999999997</c:v>
                </c:pt>
                <c:pt idx="6062">
                  <c:v>60.298000000000002</c:v>
                </c:pt>
                <c:pt idx="6063">
                  <c:v>60.308999999999997</c:v>
                </c:pt>
                <c:pt idx="6064">
                  <c:v>60.319000000000003</c:v>
                </c:pt>
                <c:pt idx="6065">
                  <c:v>60.329000000000001</c:v>
                </c:pt>
                <c:pt idx="6066">
                  <c:v>60.338999999999999</c:v>
                </c:pt>
                <c:pt idx="6067">
                  <c:v>60.348999999999997</c:v>
                </c:pt>
                <c:pt idx="6068">
                  <c:v>60.36</c:v>
                </c:pt>
                <c:pt idx="6069">
                  <c:v>60.369</c:v>
                </c:pt>
                <c:pt idx="6070">
                  <c:v>60.38</c:v>
                </c:pt>
                <c:pt idx="6071">
                  <c:v>60.39</c:v>
                </c:pt>
                <c:pt idx="6072">
                  <c:v>60.4</c:v>
                </c:pt>
                <c:pt idx="6073">
                  <c:v>60.41</c:v>
                </c:pt>
                <c:pt idx="6074">
                  <c:v>60.42</c:v>
                </c:pt>
                <c:pt idx="6075">
                  <c:v>60.43</c:v>
                </c:pt>
                <c:pt idx="6076">
                  <c:v>60.430999999999997</c:v>
                </c:pt>
                <c:pt idx="6077">
                  <c:v>60.451000000000001</c:v>
                </c:pt>
                <c:pt idx="6078">
                  <c:v>60.460999999999999</c:v>
                </c:pt>
                <c:pt idx="6079">
                  <c:v>60.472000000000001</c:v>
                </c:pt>
                <c:pt idx="6080">
                  <c:v>60.481999999999999</c:v>
                </c:pt>
                <c:pt idx="6081">
                  <c:v>60.491999999999997</c:v>
                </c:pt>
                <c:pt idx="6082">
                  <c:v>60.503</c:v>
                </c:pt>
                <c:pt idx="6083">
                  <c:v>60.512999999999998</c:v>
                </c:pt>
                <c:pt idx="6084">
                  <c:v>60.521999999999998</c:v>
                </c:pt>
                <c:pt idx="6085">
                  <c:v>60.533000000000001</c:v>
                </c:pt>
                <c:pt idx="6086">
                  <c:v>60.542999999999999</c:v>
                </c:pt>
                <c:pt idx="6087">
                  <c:v>60.552999999999997</c:v>
                </c:pt>
                <c:pt idx="6088">
                  <c:v>60.561999999999998</c:v>
                </c:pt>
                <c:pt idx="6089">
                  <c:v>60.572000000000003</c:v>
                </c:pt>
                <c:pt idx="6090">
                  <c:v>60.582000000000001</c:v>
                </c:pt>
                <c:pt idx="6091">
                  <c:v>60.591999999999999</c:v>
                </c:pt>
                <c:pt idx="6092">
                  <c:v>60.600999999999999</c:v>
                </c:pt>
                <c:pt idx="6093">
                  <c:v>60.61</c:v>
                </c:pt>
                <c:pt idx="6094">
                  <c:v>60.621000000000002</c:v>
                </c:pt>
                <c:pt idx="6095">
                  <c:v>60.631</c:v>
                </c:pt>
                <c:pt idx="6096">
                  <c:v>60.64</c:v>
                </c:pt>
                <c:pt idx="6097">
                  <c:v>60.65</c:v>
                </c:pt>
                <c:pt idx="6098">
                  <c:v>60.66</c:v>
                </c:pt>
                <c:pt idx="6099">
                  <c:v>60.665999999999997</c:v>
                </c:pt>
                <c:pt idx="6100">
                  <c:v>60.673999999999999</c:v>
                </c:pt>
                <c:pt idx="6101">
                  <c:v>60.683</c:v>
                </c:pt>
                <c:pt idx="6102">
                  <c:v>60.69</c:v>
                </c:pt>
                <c:pt idx="6103">
                  <c:v>60.7</c:v>
                </c:pt>
                <c:pt idx="6104">
                  <c:v>60.709000000000003</c:v>
                </c:pt>
                <c:pt idx="6105">
                  <c:v>60.716999999999999</c:v>
                </c:pt>
                <c:pt idx="6106">
                  <c:v>60.726999999999997</c:v>
                </c:pt>
                <c:pt idx="6107">
                  <c:v>60.735999999999997</c:v>
                </c:pt>
                <c:pt idx="6108">
                  <c:v>60.744</c:v>
                </c:pt>
                <c:pt idx="6109">
                  <c:v>60.753</c:v>
                </c:pt>
                <c:pt idx="6110">
                  <c:v>60.761000000000003</c:v>
                </c:pt>
                <c:pt idx="6111">
                  <c:v>60.77</c:v>
                </c:pt>
                <c:pt idx="6112">
                  <c:v>60.78</c:v>
                </c:pt>
                <c:pt idx="6113">
                  <c:v>60.789000000000001</c:v>
                </c:pt>
                <c:pt idx="6114">
                  <c:v>60.796999999999997</c:v>
                </c:pt>
                <c:pt idx="6115">
                  <c:v>60.807000000000002</c:v>
                </c:pt>
                <c:pt idx="6116">
                  <c:v>60.816000000000003</c:v>
                </c:pt>
                <c:pt idx="6117">
                  <c:v>60.825000000000003</c:v>
                </c:pt>
                <c:pt idx="6118">
                  <c:v>60.835999999999999</c:v>
                </c:pt>
                <c:pt idx="6119">
                  <c:v>60.844000000000001</c:v>
                </c:pt>
                <c:pt idx="6120">
                  <c:v>60.854999999999997</c:v>
                </c:pt>
                <c:pt idx="6121">
                  <c:v>60.863999999999997</c:v>
                </c:pt>
                <c:pt idx="6122">
                  <c:v>60.875</c:v>
                </c:pt>
                <c:pt idx="6123">
                  <c:v>60.884</c:v>
                </c:pt>
                <c:pt idx="6124">
                  <c:v>60.893999999999998</c:v>
                </c:pt>
                <c:pt idx="6125">
                  <c:v>60.905000000000001</c:v>
                </c:pt>
                <c:pt idx="6126">
                  <c:v>60.914999999999999</c:v>
                </c:pt>
                <c:pt idx="6127">
                  <c:v>60.923999999999999</c:v>
                </c:pt>
                <c:pt idx="6128">
                  <c:v>60.933999999999997</c:v>
                </c:pt>
                <c:pt idx="6129">
                  <c:v>60.944000000000003</c:v>
                </c:pt>
                <c:pt idx="6130">
                  <c:v>60.954000000000001</c:v>
                </c:pt>
                <c:pt idx="6131">
                  <c:v>60.963999999999999</c:v>
                </c:pt>
                <c:pt idx="6132">
                  <c:v>60.972999999999999</c:v>
                </c:pt>
                <c:pt idx="6133">
                  <c:v>60.981999999999999</c:v>
                </c:pt>
                <c:pt idx="6134">
                  <c:v>60.991999999999997</c:v>
                </c:pt>
                <c:pt idx="6135">
                  <c:v>61.000999999999998</c:v>
                </c:pt>
                <c:pt idx="6136">
                  <c:v>61.011000000000003</c:v>
                </c:pt>
                <c:pt idx="6137">
                  <c:v>61.021000000000001</c:v>
                </c:pt>
                <c:pt idx="6138">
                  <c:v>61.030999999999999</c:v>
                </c:pt>
                <c:pt idx="6139">
                  <c:v>61.040999999999997</c:v>
                </c:pt>
                <c:pt idx="6140">
                  <c:v>61.052</c:v>
                </c:pt>
                <c:pt idx="6141">
                  <c:v>61.061</c:v>
                </c:pt>
                <c:pt idx="6142">
                  <c:v>61.070999999999998</c:v>
                </c:pt>
                <c:pt idx="6143">
                  <c:v>61.082000000000001</c:v>
                </c:pt>
                <c:pt idx="6144">
                  <c:v>61.091999999999999</c:v>
                </c:pt>
                <c:pt idx="6145">
                  <c:v>61.101999999999997</c:v>
                </c:pt>
                <c:pt idx="6146">
                  <c:v>61.113</c:v>
                </c:pt>
                <c:pt idx="6147">
                  <c:v>61.122999999999998</c:v>
                </c:pt>
                <c:pt idx="6148">
                  <c:v>61.133000000000003</c:v>
                </c:pt>
                <c:pt idx="6149">
                  <c:v>61.143000000000001</c:v>
                </c:pt>
                <c:pt idx="6150">
                  <c:v>61.152000000000001</c:v>
                </c:pt>
                <c:pt idx="6151">
                  <c:v>61.161999999999999</c:v>
                </c:pt>
                <c:pt idx="6152">
                  <c:v>61.171999999999997</c:v>
                </c:pt>
                <c:pt idx="6153">
                  <c:v>61.182000000000002</c:v>
                </c:pt>
                <c:pt idx="6154">
                  <c:v>61.192</c:v>
                </c:pt>
                <c:pt idx="6155">
                  <c:v>61.201000000000001</c:v>
                </c:pt>
                <c:pt idx="6156">
                  <c:v>61.212000000000003</c:v>
                </c:pt>
                <c:pt idx="6157">
                  <c:v>61.220999999999997</c:v>
                </c:pt>
                <c:pt idx="6158">
                  <c:v>61.231000000000002</c:v>
                </c:pt>
                <c:pt idx="6159">
                  <c:v>61.241</c:v>
                </c:pt>
                <c:pt idx="6160">
                  <c:v>61.250999999999998</c:v>
                </c:pt>
                <c:pt idx="6161">
                  <c:v>61.26</c:v>
                </c:pt>
                <c:pt idx="6162">
                  <c:v>61.271000000000001</c:v>
                </c:pt>
                <c:pt idx="6163">
                  <c:v>61.28</c:v>
                </c:pt>
                <c:pt idx="6164">
                  <c:v>61.290999999999997</c:v>
                </c:pt>
                <c:pt idx="6165">
                  <c:v>61.3</c:v>
                </c:pt>
                <c:pt idx="6166">
                  <c:v>61.311</c:v>
                </c:pt>
                <c:pt idx="6167">
                  <c:v>61.320999999999998</c:v>
                </c:pt>
                <c:pt idx="6168">
                  <c:v>61.33</c:v>
                </c:pt>
                <c:pt idx="6169">
                  <c:v>61.34</c:v>
                </c:pt>
                <c:pt idx="6170">
                  <c:v>61.351999999999997</c:v>
                </c:pt>
                <c:pt idx="6171">
                  <c:v>61.362000000000002</c:v>
                </c:pt>
                <c:pt idx="6172">
                  <c:v>61.372</c:v>
                </c:pt>
                <c:pt idx="6173">
                  <c:v>61.381999999999998</c:v>
                </c:pt>
                <c:pt idx="6174">
                  <c:v>61.393000000000001</c:v>
                </c:pt>
                <c:pt idx="6175">
                  <c:v>61.402000000000001</c:v>
                </c:pt>
                <c:pt idx="6176">
                  <c:v>61.412999999999997</c:v>
                </c:pt>
                <c:pt idx="6177">
                  <c:v>61.423000000000002</c:v>
                </c:pt>
                <c:pt idx="6178">
                  <c:v>61.433</c:v>
                </c:pt>
                <c:pt idx="6179">
                  <c:v>61.442999999999998</c:v>
                </c:pt>
                <c:pt idx="6180">
                  <c:v>61.454000000000001</c:v>
                </c:pt>
                <c:pt idx="6181">
                  <c:v>61.463999999999999</c:v>
                </c:pt>
                <c:pt idx="6182">
                  <c:v>61.473999999999997</c:v>
                </c:pt>
                <c:pt idx="6183">
                  <c:v>61.484999999999999</c:v>
                </c:pt>
                <c:pt idx="6184">
                  <c:v>61.494999999999997</c:v>
                </c:pt>
                <c:pt idx="6185">
                  <c:v>61.505000000000003</c:v>
                </c:pt>
                <c:pt idx="6186">
                  <c:v>61.515999999999998</c:v>
                </c:pt>
                <c:pt idx="6187">
                  <c:v>61.526000000000003</c:v>
                </c:pt>
                <c:pt idx="6188">
                  <c:v>61.536000000000001</c:v>
                </c:pt>
                <c:pt idx="6189">
                  <c:v>61.545000000000002</c:v>
                </c:pt>
                <c:pt idx="6190">
                  <c:v>61.555999999999997</c:v>
                </c:pt>
                <c:pt idx="6191">
                  <c:v>61.566000000000003</c:v>
                </c:pt>
                <c:pt idx="6192">
                  <c:v>61.575000000000003</c:v>
                </c:pt>
                <c:pt idx="6193">
                  <c:v>61.585999999999999</c:v>
                </c:pt>
                <c:pt idx="6194">
                  <c:v>61.594999999999999</c:v>
                </c:pt>
                <c:pt idx="6195">
                  <c:v>61.604999999999997</c:v>
                </c:pt>
                <c:pt idx="6196">
                  <c:v>61.616</c:v>
                </c:pt>
                <c:pt idx="6197">
                  <c:v>61.625</c:v>
                </c:pt>
                <c:pt idx="6198">
                  <c:v>61.634999999999998</c:v>
                </c:pt>
                <c:pt idx="6199">
                  <c:v>61.645000000000003</c:v>
                </c:pt>
                <c:pt idx="6200">
                  <c:v>61.654000000000003</c:v>
                </c:pt>
                <c:pt idx="6201">
                  <c:v>61.664999999999999</c:v>
                </c:pt>
                <c:pt idx="6202">
                  <c:v>61.674999999999997</c:v>
                </c:pt>
                <c:pt idx="6203">
                  <c:v>61.685000000000002</c:v>
                </c:pt>
                <c:pt idx="6204">
                  <c:v>61.695999999999998</c:v>
                </c:pt>
                <c:pt idx="6205">
                  <c:v>61.706000000000003</c:v>
                </c:pt>
                <c:pt idx="6206">
                  <c:v>61.716000000000001</c:v>
                </c:pt>
                <c:pt idx="6207">
                  <c:v>61.726999999999997</c:v>
                </c:pt>
                <c:pt idx="6208">
                  <c:v>61.735999999999997</c:v>
                </c:pt>
                <c:pt idx="6209">
                  <c:v>61.746000000000002</c:v>
                </c:pt>
                <c:pt idx="6210">
                  <c:v>61.756999999999998</c:v>
                </c:pt>
                <c:pt idx="6211">
                  <c:v>61.767000000000003</c:v>
                </c:pt>
                <c:pt idx="6212">
                  <c:v>61.776000000000003</c:v>
                </c:pt>
                <c:pt idx="6213">
                  <c:v>61.783000000000001</c:v>
                </c:pt>
                <c:pt idx="6214">
                  <c:v>61.805</c:v>
                </c:pt>
                <c:pt idx="6215">
                  <c:v>61.814</c:v>
                </c:pt>
                <c:pt idx="6216">
                  <c:v>61.823999999999998</c:v>
                </c:pt>
                <c:pt idx="6217">
                  <c:v>61.834000000000003</c:v>
                </c:pt>
                <c:pt idx="6218">
                  <c:v>61.844999999999999</c:v>
                </c:pt>
                <c:pt idx="6219">
                  <c:v>61.854999999999997</c:v>
                </c:pt>
                <c:pt idx="6220">
                  <c:v>61.865000000000002</c:v>
                </c:pt>
                <c:pt idx="6221">
                  <c:v>61.875999999999998</c:v>
                </c:pt>
                <c:pt idx="6222">
                  <c:v>61.884999999999998</c:v>
                </c:pt>
                <c:pt idx="6223">
                  <c:v>61.895000000000003</c:v>
                </c:pt>
                <c:pt idx="6224">
                  <c:v>61.905999999999999</c:v>
                </c:pt>
                <c:pt idx="6225">
                  <c:v>61.915999999999997</c:v>
                </c:pt>
                <c:pt idx="6226">
                  <c:v>61.927</c:v>
                </c:pt>
                <c:pt idx="6227">
                  <c:v>61.936999999999998</c:v>
                </c:pt>
                <c:pt idx="6228">
                  <c:v>61.947000000000003</c:v>
                </c:pt>
                <c:pt idx="6229">
                  <c:v>61.957000000000001</c:v>
                </c:pt>
                <c:pt idx="6230">
                  <c:v>61.968000000000004</c:v>
                </c:pt>
                <c:pt idx="6231">
                  <c:v>61.978000000000002</c:v>
                </c:pt>
                <c:pt idx="6232">
                  <c:v>61.988</c:v>
                </c:pt>
                <c:pt idx="6233">
                  <c:v>62</c:v>
                </c:pt>
                <c:pt idx="6234">
                  <c:v>62.01</c:v>
                </c:pt>
                <c:pt idx="6235">
                  <c:v>62.021000000000001</c:v>
                </c:pt>
                <c:pt idx="6236">
                  <c:v>62.030999999999999</c:v>
                </c:pt>
                <c:pt idx="6237">
                  <c:v>62.040999999999997</c:v>
                </c:pt>
                <c:pt idx="6238">
                  <c:v>62.052</c:v>
                </c:pt>
                <c:pt idx="6239">
                  <c:v>62.061</c:v>
                </c:pt>
                <c:pt idx="6240">
                  <c:v>62.069000000000003</c:v>
                </c:pt>
                <c:pt idx="6241">
                  <c:v>62.079000000000001</c:v>
                </c:pt>
                <c:pt idx="6242">
                  <c:v>62.088999999999999</c:v>
                </c:pt>
                <c:pt idx="6243">
                  <c:v>62.098999999999997</c:v>
                </c:pt>
                <c:pt idx="6244">
                  <c:v>62.106999999999999</c:v>
                </c:pt>
                <c:pt idx="6245">
                  <c:v>62.116999999999997</c:v>
                </c:pt>
                <c:pt idx="6246">
                  <c:v>62.128</c:v>
                </c:pt>
                <c:pt idx="6247">
                  <c:v>62.131999999999998</c:v>
                </c:pt>
                <c:pt idx="6248">
                  <c:v>62.131999999999998</c:v>
                </c:pt>
                <c:pt idx="6249">
                  <c:v>62.133000000000003</c:v>
                </c:pt>
                <c:pt idx="6250">
                  <c:v>62.140999999999998</c:v>
                </c:pt>
                <c:pt idx="6251">
                  <c:v>62.151000000000003</c:v>
                </c:pt>
                <c:pt idx="6252">
                  <c:v>62.161000000000001</c:v>
                </c:pt>
                <c:pt idx="6253">
                  <c:v>62.170999999999999</c:v>
                </c:pt>
                <c:pt idx="6254">
                  <c:v>62.180999999999997</c:v>
                </c:pt>
                <c:pt idx="6255">
                  <c:v>62.191000000000003</c:v>
                </c:pt>
                <c:pt idx="6256">
                  <c:v>62.201000000000001</c:v>
                </c:pt>
                <c:pt idx="6257">
                  <c:v>62.210999999999999</c:v>
                </c:pt>
                <c:pt idx="6258">
                  <c:v>62.22</c:v>
                </c:pt>
                <c:pt idx="6259">
                  <c:v>62.23</c:v>
                </c:pt>
                <c:pt idx="6260">
                  <c:v>62.238999999999997</c:v>
                </c:pt>
                <c:pt idx="6261">
                  <c:v>62.247999999999998</c:v>
                </c:pt>
                <c:pt idx="6262">
                  <c:v>62.258000000000003</c:v>
                </c:pt>
                <c:pt idx="6263">
                  <c:v>62.265999999999998</c:v>
                </c:pt>
                <c:pt idx="6264">
                  <c:v>62.276000000000003</c:v>
                </c:pt>
                <c:pt idx="6265">
                  <c:v>62.283999999999999</c:v>
                </c:pt>
                <c:pt idx="6266">
                  <c:v>62.292999999999999</c:v>
                </c:pt>
                <c:pt idx="6267">
                  <c:v>62.302999999999997</c:v>
                </c:pt>
                <c:pt idx="6268">
                  <c:v>62.311999999999998</c:v>
                </c:pt>
                <c:pt idx="6269">
                  <c:v>62.320999999999998</c:v>
                </c:pt>
                <c:pt idx="6270">
                  <c:v>62.33</c:v>
                </c:pt>
                <c:pt idx="6271">
                  <c:v>62.34</c:v>
                </c:pt>
                <c:pt idx="6272">
                  <c:v>62.347999999999999</c:v>
                </c:pt>
                <c:pt idx="6273">
                  <c:v>62.356000000000002</c:v>
                </c:pt>
                <c:pt idx="6274">
                  <c:v>62.365000000000002</c:v>
                </c:pt>
                <c:pt idx="6275">
                  <c:v>62.374000000000002</c:v>
                </c:pt>
                <c:pt idx="6276">
                  <c:v>62.383000000000003</c:v>
                </c:pt>
                <c:pt idx="6277">
                  <c:v>62.392000000000003</c:v>
                </c:pt>
                <c:pt idx="6278">
                  <c:v>62.401000000000003</c:v>
                </c:pt>
                <c:pt idx="6279">
                  <c:v>62.411000000000001</c:v>
                </c:pt>
                <c:pt idx="6280">
                  <c:v>62.420999999999999</c:v>
                </c:pt>
                <c:pt idx="6281">
                  <c:v>62.430999999999997</c:v>
                </c:pt>
                <c:pt idx="6282">
                  <c:v>62.442</c:v>
                </c:pt>
                <c:pt idx="6283">
                  <c:v>62.453000000000003</c:v>
                </c:pt>
                <c:pt idx="6284">
                  <c:v>62.463000000000001</c:v>
                </c:pt>
                <c:pt idx="6285">
                  <c:v>62.473999999999997</c:v>
                </c:pt>
                <c:pt idx="6286">
                  <c:v>62.484000000000002</c:v>
                </c:pt>
                <c:pt idx="6287">
                  <c:v>62.494</c:v>
                </c:pt>
                <c:pt idx="6288">
                  <c:v>62.505000000000003</c:v>
                </c:pt>
                <c:pt idx="6289">
                  <c:v>62.514000000000003</c:v>
                </c:pt>
                <c:pt idx="6290">
                  <c:v>62.524999999999999</c:v>
                </c:pt>
                <c:pt idx="6291">
                  <c:v>62.533999999999999</c:v>
                </c:pt>
                <c:pt idx="6292">
                  <c:v>62.542999999999999</c:v>
                </c:pt>
                <c:pt idx="6293">
                  <c:v>62.554000000000002</c:v>
                </c:pt>
                <c:pt idx="6294">
                  <c:v>62.563000000000002</c:v>
                </c:pt>
                <c:pt idx="6295">
                  <c:v>62.572000000000003</c:v>
                </c:pt>
                <c:pt idx="6296">
                  <c:v>62.582000000000001</c:v>
                </c:pt>
                <c:pt idx="6297">
                  <c:v>62.591999999999999</c:v>
                </c:pt>
                <c:pt idx="6298">
                  <c:v>62.600999999999999</c:v>
                </c:pt>
                <c:pt idx="6299">
                  <c:v>62.61</c:v>
                </c:pt>
                <c:pt idx="6300">
                  <c:v>62.621000000000002</c:v>
                </c:pt>
                <c:pt idx="6301">
                  <c:v>62.631</c:v>
                </c:pt>
                <c:pt idx="6302">
                  <c:v>62.640999999999998</c:v>
                </c:pt>
                <c:pt idx="6303">
                  <c:v>62.652000000000001</c:v>
                </c:pt>
                <c:pt idx="6304">
                  <c:v>62.661999999999999</c:v>
                </c:pt>
                <c:pt idx="6305">
                  <c:v>62.67</c:v>
                </c:pt>
                <c:pt idx="6306">
                  <c:v>62.67</c:v>
                </c:pt>
                <c:pt idx="6307">
                  <c:v>62.674999999999997</c:v>
                </c:pt>
                <c:pt idx="6308">
                  <c:v>62.683999999999997</c:v>
                </c:pt>
                <c:pt idx="6309">
                  <c:v>62.694000000000003</c:v>
                </c:pt>
                <c:pt idx="6310">
                  <c:v>62.704000000000001</c:v>
                </c:pt>
                <c:pt idx="6311">
                  <c:v>62.713999999999999</c:v>
                </c:pt>
                <c:pt idx="6312">
                  <c:v>62.722999999999999</c:v>
                </c:pt>
                <c:pt idx="6313">
                  <c:v>62.734000000000002</c:v>
                </c:pt>
                <c:pt idx="6314">
                  <c:v>62.744</c:v>
                </c:pt>
                <c:pt idx="6315">
                  <c:v>62.753999999999998</c:v>
                </c:pt>
                <c:pt idx="6316">
                  <c:v>62.765000000000001</c:v>
                </c:pt>
                <c:pt idx="6317">
                  <c:v>62.776000000000003</c:v>
                </c:pt>
                <c:pt idx="6318">
                  <c:v>62.784999999999997</c:v>
                </c:pt>
                <c:pt idx="6319">
                  <c:v>62.795000000000002</c:v>
                </c:pt>
                <c:pt idx="6320">
                  <c:v>62.805999999999997</c:v>
                </c:pt>
                <c:pt idx="6321">
                  <c:v>62.816000000000003</c:v>
                </c:pt>
                <c:pt idx="6322">
                  <c:v>62.826000000000001</c:v>
                </c:pt>
                <c:pt idx="6323">
                  <c:v>62.837000000000003</c:v>
                </c:pt>
                <c:pt idx="6324">
                  <c:v>62.845999999999997</c:v>
                </c:pt>
                <c:pt idx="6325">
                  <c:v>62.856000000000002</c:v>
                </c:pt>
                <c:pt idx="6326">
                  <c:v>62.866</c:v>
                </c:pt>
                <c:pt idx="6327">
                  <c:v>62.875999999999998</c:v>
                </c:pt>
                <c:pt idx="6328">
                  <c:v>62.884999999999998</c:v>
                </c:pt>
                <c:pt idx="6329">
                  <c:v>62.895000000000003</c:v>
                </c:pt>
                <c:pt idx="6330">
                  <c:v>62.904000000000003</c:v>
                </c:pt>
                <c:pt idx="6331">
                  <c:v>62.912999999999997</c:v>
                </c:pt>
                <c:pt idx="6332">
                  <c:v>62.921999999999997</c:v>
                </c:pt>
                <c:pt idx="6333">
                  <c:v>62.933</c:v>
                </c:pt>
                <c:pt idx="6334">
                  <c:v>62.942999999999998</c:v>
                </c:pt>
                <c:pt idx="6335">
                  <c:v>62.951999999999998</c:v>
                </c:pt>
                <c:pt idx="6336">
                  <c:v>62.963000000000001</c:v>
                </c:pt>
                <c:pt idx="6337">
                  <c:v>62.973999999999997</c:v>
                </c:pt>
                <c:pt idx="6338">
                  <c:v>62.982999999999997</c:v>
                </c:pt>
                <c:pt idx="6339">
                  <c:v>62.993000000000002</c:v>
                </c:pt>
                <c:pt idx="6340">
                  <c:v>63.003999999999998</c:v>
                </c:pt>
                <c:pt idx="6341">
                  <c:v>63.014000000000003</c:v>
                </c:pt>
                <c:pt idx="6342">
                  <c:v>63.024000000000001</c:v>
                </c:pt>
                <c:pt idx="6343">
                  <c:v>63.033999999999999</c:v>
                </c:pt>
                <c:pt idx="6344">
                  <c:v>63.042999999999999</c:v>
                </c:pt>
                <c:pt idx="6345">
                  <c:v>63.054000000000002</c:v>
                </c:pt>
                <c:pt idx="6346">
                  <c:v>63.064</c:v>
                </c:pt>
                <c:pt idx="6347">
                  <c:v>63.073999999999998</c:v>
                </c:pt>
                <c:pt idx="6348">
                  <c:v>63.084000000000003</c:v>
                </c:pt>
                <c:pt idx="6349">
                  <c:v>63.094000000000001</c:v>
                </c:pt>
                <c:pt idx="6350">
                  <c:v>63.103000000000002</c:v>
                </c:pt>
                <c:pt idx="6351">
                  <c:v>63.115000000000002</c:v>
                </c:pt>
                <c:pt idx="6352">
                  <c:v>63.124000000000002</c:v>
                </c:pt>
                <c:pt idx="6353">
                  <c:v>63.136000000000003</c:v>
                </c:pt>
                <c:pt idx="6354">
                  <c:v>63.145000000000003</c:v>
                </c:pt>
                <c:pt idx="6355">
                  <c:v>63.155000000000001</c:v>
                </c:pt>
                <c:pt idx="6356">
                  <c:v>63.165999999999997</c:v>
                </c:pt>
                <c:pt idx="6357">
                  <c:v>63.176000000000002</c:v>
                </c:pt>
                <c:pt idx="6358">
                  <c:v>63.186</c:v>
                </c:pt>
                <c:pt idx="6359">
                  <c:v>63.195999999999998</c:v>
                </c:pt>
                <c:pt idx="6360">
                  <c:v>63.207999999999998</c:v>
                </c:pt>
                <c:pt idx="6361">
                  <c:v>63.216999999999999</c:v>
                </c:pt>
                <c:pt idx="6362">
                  <c:v>63.228000000000002</c:v>
                </c:pt>
                <c:pt idx="6363">
                  <c:v>63.238</c:v>
                </c:pt>
                <c:pt idx="6364">
                  <c:v>63.247999999999998</c:v>
                </c:pt>
                <c:pt idx="6365">
                  <c:v>63.259</c:v>
                </c:pt>
                <c:pt idx="6366">
                  <c:v>63.268999999999998</c:v>
                </c:pt>
                <c:pt idx="6367">
                  <c:v>63.279000000000003</c:v>
                </c:pt>
                <c:pt idx="6368">
                  <c:v>63.29</c:v>
                </c:pt>
                <c:pt idx="6369">
                  <c:v>63.3</c:v>
                </c:pt>
                <c:pt idx="6370">
                  <c:v>63.308999999999997</c:v>
                </c:pt>
                <c:pt idx="6371">
                  <c:v>63.32</c:v>
                </c:pt>
                <c:pt idx="6372">
                  <c:v>63.33</c:v>
                </c:pt>
                <c:pt idx="6373">
                  <c:v>63.34</c:v>
                </c:pt>
                <c:pt idx="6374">
                  <c:v>63.35</c:v>
                </c:pt>
                <c:pt idx="6375">
                  <c:v>63.359000000000002</c:v>
                </c:pt>
                <c:pt idx="6376">
                  <c:v>63.369</c:v>
                </c:pt>
                <c:pt idx="6377">
                  <c:v>63.378</c:v>
                </c:pt>
                <c:pt idx="6378">
                  <c:v>63.387</c:v>
                </c:pt>
                <c:pt idx="6379">
                  <c:v>63.396000000000001</c:v>
                </c:pt>
                <c:pt idx="6380">
                  <c:v>63.405000000000001</c:v>
                </c:pt>
                <c:pt idx="6381">
                  <c:v>63.414000000000001</c:v>
                </c:pt>
                <c:pt idx="6382">
                  <c:v>63.423999999999999</c:v>
                </c:pt>
                <c:pt idx="6383">
                  <c:v>63.432000000000002</c:v>
                </c:pt>
                <c:pt idx="6384">
                  <c:v>63.442</c:v>
                </c:pt>
                <c:pt idx="6385">
                  <c:v>63.45</c:v>
                </c:pt>
                <c:pt idx="6386">
                  <c:v>63.457000000000001</c:v>
                </c:pt>
                <c:pt idx="6387">
                  <c:v>63.466000000000001</c:v>
                </c:pt>
                <c:pt idx="6388">
                  <c:v>63.473999999999997</c:v>
                </c:pt>
                <c:pt idx="6389">
                  <c:v>63.481999999999999</c:v>
                </c:pt>
                <c:pt idx="6390">
                  <c:v>63.491</c:v>
                </c:pt>
                <c:pt idx="6391">
                  <c:v>63.499000000000002</c:v>
                </c:pt>
                <c:pt idx="6392">
                  <c:v>63.506999999999998</c:v>
                </c:pt>
                <c:pt idx="6393">
                  <c:v>63.515000000000001</c:v>
                </c:pt>
                <c:pt idx="6394">
                  <c:v>63.523000000000003</c:v>
                </c:pt>
                <c:pt idx="6395">
                  <c:v>63.530999999999999</c:v>
                </c:pt>
                <c:pt idx="6396">
                  <c:v>63.539000000000001</c:v>
                </c:pt>
                <c:pt idx="6397">
                  <c:v>63.546999999999997</c:v>
                </c:pt>
                <c:pt idx="6398">
                  <c:v>63.555999999999997</c:v>
                </c:pt>
                <c:pt idx="6399">
                  <c:v>63.563000000000002</c:v>
                </c:pt>
                <c:pt idx="6400">
                  <c:v>63.57</c:v>
                </c:pt>
                <c:pt idx="6401">
                  <c:v>63.578000000000003</c:v>
                </c:pt>
                <c:pt idx="6402">
                  <c:v>63.585000000000001</c:v>
                </c:pt>
                <c:pt idx="6403">
                  <c:v>63.591000000000001</c:v>
                </c:pt>
                <c:pt idx="6404">
                  <c:v>63.640999999999998</c:v>
                </c:pt>
                <c:pt idx="6405">
                  <c:v>63.651000000000003</c:v>
                </c:pt>
                <c:pt idx="6406">
                  <c:v>63.661999999999999</c:v>
                </c:pt>
                <c:pt idx="6407">
                  <c:v>63.670999999999999</c:v>
                </c:pt>
                <c:pt idx="6408">
                  <c:v>63.682000000000002</c:v>
                </c:pt>
                <c:pt idx="6409">
                  <c:v>63.692</c:v>
                </c:pt>
                <c:pt idx="6410">
                  <c:v>63.701999999999998</c:v>
                </c:pt>
                <c:pt idx="6411">
                  <c:v>63.712000000000003</c:v>
                </c:pt>
                <c:pt idx="6412">
                  <c:v>63.722000000000001</c:v>
                </c:pt>
                <c:pt idx="6413">
                  <c:v>63.731000000000002</c:v>
                </c:pt>
                <c:pt idx="6414">
                  <c:v>63.741</c:v>
                </c:pt>
                <c:pt idx="6415">
                  <c:v>63.75</c:v>
                </c:pt>
                <c:pt idx="6416">
                  <c:v>63.76</c:v>
                </c:pt>
                <c:pt idx="6417">
                  <c:v>63.768999999999998</c:v>
                </c:pt>
                <c:pt idx="6418">
                  <c:v>63.777000000000001</c:v>
                </c:pt>
                <c:pt idx="6419">
                  <c:v>63.786999999999999</c:v>
                </c:pt>
                <c:pt idx="6420">
                  <c:v>63.795999999999999</c:v>
                </c:pt>
                <c:pt idx="6421">
                  <c:v>63.805</c:v>
                </c:pt>
                <c:pt idx="6422">
                  <c:v>63.814</c:v>
                </c:pt>
                <c:pt idx="6423">
                  <c:v>63.823</c:v>
                </c:pt>
                <c:pt idx="6424">
                  <c:v>63.83</c:v>
                </c:pt>
                <c:pt idx="6425">
                  <c:v>63.837000000000003</c:v>
                </c:pt>
                <c:pt idx="6426">
                  <c:v>63.844000000000001</c:v>
                </c:pt>
                <c:pt idx="6427">
                  <c:v>63.853000000000002</c:v>
                </c:pt>
                <c:pt idx="6428">
                  <c:v>63.860999999999997</c:v>
                </c:pt>
                <c:pt idx="6429">
                  <c:v>63.869</c:v>
                </c:pt>
                <c:pt idx="6430">
                  <c:v>63.878999999999998</c:v>
                </c:pt>
                <c:pt idx="6431">
                  <c:v>63.924999999999997</c:v>
                </c:pt>
                <c:pt idx="6432">
                  <c:v>63.933</c:v>
                </c:pt>
                <c:pt idx="6433">
                  <c:v>63.941000000000003</c:v>
                </c:pt>
                <c:pt idx="6434">
                  <c:v>63.948999999999998</c:v>
                </c:pt>
                <c:pt idx="6435">
                  <c:v>63.957000000000001</c:v>
                </c:pt>
                <c:pt idx="6436">
                  <c:v>63.965000000000003</c:v>
                </c:pt>
                <c:pt idx="6437">
                  <c:v>63.972000000000001</c:v>
                </c:pt>
                <c:pt idx="6438">
                  <c:v>63.970999999999997</c:v>
                </c:pt>
                <c:pt idx="6439">
                  <c:v>63.99</c:v>
                </c:pt>
                <c:pt idx="6440">
                  <c:v>63.996000000000002</c:v>
                </c:pt>
                <c:pt idx="6441">
                  <c:v>64.007000000000005</c:v>
                </c:pt>
                <c:pt idx="6442">
                  <c:v>64.013999999999996</c:v>
                </c:pt>
                <c:pt idx="6443">
                  <c:v>64.022000000000006</c:v>
                </c:pt>
                <c:pt idx="6444">
                  <c:v>64.028999999999996</c:v>
                </c:pt>
                <c:pt idx="6445">
                  <c:v>64.072000000000003</c:v>
                </c:pt>
                <c:pt idx="6446">
                  <c:v>64.081999999999994</c:v>
                </c:pt>
                <c:pt idx="6447">
                  <c:v>64.084000000000003</c:v>
                </c:pt>
                <c:pt idx="6448">
                  <c:v>64.097999999999999</c:v>
                </c:pt>
                <c:pt idx="6449">
                  <c:v>64.105999999999995</c:v>
                </c:pt>
                <c:pt idx="6450">
                  <c:v>64.113</c:v>
                </c:pt>
                <c:pt idx="6451">
                  <c:v>64.12</c:v>
                </c:pt>
                <c:pt idx="6452">
                  <c:v>64.131</c:v>
                </c:pt>
                <c:pt idx="6453">
                  <c:v>64.14</c:v>
                </c:pt>
                <c:pt idx="6454">
                  <c:v>64.185000000000002</c:v>
                </c:pt>
                <c:pt idx="6455">
                  <c:v>64.186000000000007</c:v>
                </c:pt>
                <c:pt idx="6456">
                  <c:v>64.206000000000003</c:v>
                </c:pt>
                <c:pt idx="6457">
                  <c:v>64.212999999999994</c:v>
                </c:pt>
                <c:pt idx="6458">
                  <c:v>64.221000000000004</c:v>
                </c:pt>
                <c:pt idx="6459">
                  <c:v>64.23</c:v>
                </c:pt>
                <c:pt idx="6460">
                  <c:v>64.238</c:v>
                </c:pt>
                <c:pt idx="6461">
                  <c:v>64.245000000000005</c:v>
                </c:pt>
                <c:pt idx="6462">
                  <c:v>64.251999999999995</c:v>
                </c:pt>
                <c:pt idx="6463">
                  <c:v>64.259</c:v>
                </c:pt>
                <c:pt idx="6464">
                  <c:v>64.266999999999996</c:v>
                </c:pt>
                <c:pt idx="6465">
                  <c:v>64.275999999999996</c:v>
                </c:pt>
                <c:pt idx="6466">
                  <c:v>64.284000000000006</c:v>
                </c:pt>
                <c:pt idx="6467">
                  <c:v>64.293999999999997</c:v>
                </c:pt>
                <c:pt idx="6468">
                  <c:v>64.302999999999997</c:v>
                </c:pt>
                <c:pt idx="6469">
                  <c:v>64.313000000000002</c:v>
                </c:pt>
                <c:pt idx="6470">
                  <c:v>64.322000000000003</c:v>
                </c:pt>
                <c:pt idx="6471">
                  <c:v>64.331000000000003</c:v>
                </c:pt>
                <c:pt idx="6472">
                  <c:v>64.34</c:v>
                </c:pt>
                <c:pt idx="6473">
                  <c:v>64.350999999999999</c:v>
                </c:pt>
                <c:pt idx="6474">
                  <c:v>64.36</c:v>
                </c:pt>
                <c:pt idx="6475">
                  <c:v>64.37</c:v>
                </c:pt>
                <c:pt idx="6476">
                  <c:v>64.379000000000005</c:v>
                </c:pt>
                <c:pt idx="6477">
                  <c:v>64.388000000000005</c:v>
                </c:pt>
                <c:pt idx="6478">
                  <c:v>64.397000000000006</c:v>
                </c:pt>
                <c:pt idx="6479">
                  <c:v>64.406999999999996</c:v>
                </c:pt>
                <c:pt idx="6480">
                  <c:v>64.415999999999997</c:v>
                </c:pt>
                <c:pt idx="6481">
                  <c:v>64.427000000000007</c:v>
                </c:pt>
                <c:pt idx="6482">
                  <c:v>64.436000000000007</c:v>
                </c:pt>
                <c:pt idx="6483">
                  <c:v>64.445999999999998</c:v>
                </c:pt>
                <c:pt idx="6484">
                  <c:v>64.456000000000003</c:v>
                </c:pt>
                <c:pt idx="6485">
                  <c:v>64.465999999999994</c:v>
                </c:pt>
                <c:pt idx="6486">
                  <c:v>64.474999999999994</c:v>
                </c:pt>
                <c:pt idx="6487">
                  <c:v>64.486000000000004</c:v>
                </c:pt>
                <c:pt idx="6488">
                  <c:v>64.494</c:v>
                </c:pt>
                <c:pt idx="6489">
                  <c:v>64.501999999999995</c:v>
                </c:pt>
                <c:pt idx="6490">
                  <c:v>64.513000000000005</c:v>
                </c:pt>
                <c:pt idx="6491">
                  <c:v>64.522000000000006</c:v>
                </c:pt>
                <c:pt idx="6492">
                  <c:v>64.531999999999996</c:v>
                </c:pt>
                <c:pt idx="6493">
                  <c:v>64.540999999999997</c:v>
                </c:pt>
                <c:pt idx="6494">
                  <c:v>64.55</c:v>
                </c:pt>
                <c:pt idx="6495">
                  <c:v>64.558999999999997</c:v>
                </c:pt>
                <c:pt idx="6496">
                  <c:v>64.569000000000003</c:v>
                </c:pt>
                <c:pt idx="6497">
                  <c:v>64.578999999999994</c:v>
                </c:pt>
                <c:pt idx="6498">
                  <c:v>64.587999999999994</c:v>
                </c:pt>
                <c:pt idx="6499">
                  <c:v>64.597999999999999</c:v>
                </c:pt>
                <c:pt idx="6500">
                  <c:v>64.606999999999999</c:v>
                </c:pt>
                <c:pt idx="6501">
                  <c:v>64.616</c:v>
                </c:pt>
                <c:pt idx="6502">
                  <c:v>64.626000000000005</c:v>
                </c:pt>
                <c:pt idx="6503">
                  <c:v>64.635999999999996</c:v>
                </c:pt>
                <c:pt idx="6504">
                  <c:v>64.646000000000001</c:v>
                </c:pt>
                <c:pt idx="6505">
                  <c:v>64.655000000000001</c:v>
                </c:pt>
                <c:pt idx="6506">
                  <c:v>64.664000000000001</c:v>
                </c:pt>
                <c:pt idx="6507">
                  <c:v>64.673000000000002</c:v>
                </c:pt>
                <c:pt idx="6508">
                  <c:v>64.680999999999997</c:v>
                </c:pt>
                <c:pt idx="6509">
                  <c:v>64.69</c:v>
                </c:pt>
                <c:pt idx="6510">
                  <c:v>64.698999999999998</c:v>
                </c:pt>
                <c:pt idx="6511">
                  <c:v>64.709000000000003</c:v>
                </c:pt>
                <c:pt idx="6512">
                  <c:v>64.718000000000004</c:v>
                </c:pt>
                <c:pt idx="6513">
                  <c:v>64.727000000000004</c:v>
                </c:pt>
                <c:pt idx="6514">
                  <c:v>64.736999999999995</c:v>
                </c:pt>
                <c:pt idx="6515">
                  <c:v>64.745999999999995</c:v>
                </c:pt>
                <c:pt idx="6516">
                  <c:v>64.756</c:v>
                </c:pt>
                <c:pt idx="6517">
                  <c:v>64.765000000000001</c:v>
                </c:pt>
                <c:pt idx="6518">
                  <c:v>64.774000000000001</c:v>
                </c:pt>
                <c:pt idx="6519">
                  <c:v>64.784999999999997</c:v>
                </c:pt>
                <c:pt idx="6520">
                  <c:v>64.793999999999997</c:v>
                </c:pt>
                <c:pt idx="6521">
                  <c:v>64.804000000000002</c:v>
                </c:pt>
                <c:pt idx="6522">
                  <c:v>64.814999999999998</c:v>
                </c:pt>
                <c:pt idx="6523">
                  <c:v>64.823999999999998</c:v>
                </c:pt>
                <c:pt idx="6524">
                  <c:v>64.834000000000003</c:v>
                </c:pt>
                <c:pt idx="6525">
                  <c:v>64.844999999999999</c:v>
                </c:pt>
                <c:pt idx="6526">
                  <c:v>64.855000000000004</c:v>
                </c:pt>
                <c:pt idx="6527">
                  <c:v>64.864000000000004</c:v>
                </c:pt>
                <c:pt idx="6528">
                  <c:v>64.875</c:v>
                </c:pt>
                <c:pt idx="6529">
                  <c:v>64.885000000000005</c:v>
                </c:pt>
                <c:pt idx="6530">
                  <c:v>64.894999999999996</c:v>
                </c:pt>
                <c:pt idx="6531">
                  <c:v>64.905000000000001</c:v>
                </c:pt>
                <c:pt idx="6532">
                  <c:v>64.915999999999997</c:v>
                </c:pt>
                <c:pt idx="6533">
                  <c:v>64.965000000000003</c:v>
                </c:pt>
                <c:pt idx="6534">
                  <c:v>64.975999999999999</c:v>
                </c:pt>
                <c:pt idx="6535">
                  <c:v>64.986000000000004</c:v>
                </c:pt>
                <c:pt idx="6536">
                  <c:v>64.997</c:v>
                </c:pt>
                <c:pt idx="6537">
                  <c:v>65.007000000000005</c:v>
                </c:pt>
                <c:pt idx="6538">
                  <c:v>65.018000000000001</c:v>
                </c:pt>
                <c:pt idx="6539">
                  <c:v>65.028000000000006</c:v>
                </c:pt>
                <c:pt idx="6540">
                  <c:v>65.037999999999997</c:v>
                </c:pt>
                <c:pt idx="6541">
                  <c:v>65.048000000000002</c:v>
                </c:pt>
                <c:pt idx="6542">
                  <c:v>65.058999999999997</c:v>
                </c:pt>
                <c:pt idx="6543">
                  <c:v>65.069000000000003</c:v>
                </c:pt>
                <c:pt idx="6544">
                  <c:v>65.078999999999994</c:v>
                </c:pt>
                <c:pt idx="6545">
                  <c:v>65.09</c:v>
                </c:pt>
                <c:pt idx="6546">
                  <c:v>65.099999999999994</c:v>
                </c:pt>
                <c:pt idx="6547">
                  <c:v>65.108999999999995</c:v>
                </c:pt>
                <c:pt idx="6548">
                  <c:v>65.120999999999995</c:v>
                </c:pt>
                <c:pt idx="6549">
                  <c:v>65.13</c:v>
                </c:pt>
                <c:pt idx="6550">
                  <c:v>65.141000000000005</c:v>
                </c:pt>
                <c:pt idx="6551">
                  <c:v>65.150000000000006</c:v>
                </c:pt>
                <c:pt idx="6552">
                  <c:v>65.16</c:v>
                </c:pt>
                <c:pt idx="6553">
                  <c:v>65.171000000000006</c:v>
                </c:pt>
                <c:pt idx="6554">
                  <c:v>65.180999999999997</c:v>
                </c:pt>
                <c:pt idx="6555">
                  <c:v>65.191999999999993</c:v>
                </c:pt>
                <c:pt idx="6556">
                  <c:v>65.200999999999993</c:v>
                </c:pt>
                <c:pt idx="6557">
                  <c:v>65.210999999999999</c:v>
                </c:pt>
                <c:pt idx="6558">
                  <c:v>65.221000000000004</c:v>
                </c:pt>
                <c:pt idx="6559">
                  <c:v>65.231999999999999</c:v>
                </c:pt>
                <c:pt idx="6560">
                  <c:v>65.241</c:v>
                </c:pt>
                <c:pt idx="6561">
                  <c:v>65.25</c:v>
                </c:pt>
                <c:pt idx="6562">
                  <c:v>65.260999999999996</c:v>
                </c:pt>
                <c:pt idx="6563">
                  <c:v>65.271000000000001</c:v>
                </c:pt>
                <c:pt idx="6564">
                  <c:v>65.281000000000006</c:v>
                </c:pt>
                <c:pt idx="6565">
                  <c:v>65.290999999999997</c:v>
                </c:pt>
                <c:pt idx="6566">
                  <c:v>65.302000000000007</c:v>
                </c:pt>
                <c:pt idx="6567">
                  <c:v>65.311999999999998</c:v>
                </c:pt>
                <c:pt idx="6568">
                  <c:v>65.322000000000003</c:v>
                </c:pt>
                <c:pt idx="6569">
                  <c:v>65.332999999999998</c:v>
                </c:pt>
                <c:pt idx="6570">
                  <c:v>65.343000000000004</c:v>
                </c:pt>
                <c:pt idx="6571">
                  <c:v>65.400999999999996</c:v>
                </c:pt>
                <c:pt idx="6572">
                  <c:v>65.411000000000001</c:v>
                </c:pt>
                <c:pt idx="6573">
                  <c:v>65.421000000000006</c:v>
                </c:pt>
                <c:pt idx="6574">
                  <c:v>65.430999999999997</c:v>
                </c:pt>
                <c:pt idx="6575">
                  <c:v>65.441000000000003</c:v>
                </c:pt>
                <c:pt idx="6576">
                  <c:v>65.451999999999998</c:v>
                </c:pt>
                <c:pt idx="6577">
                  <c:v>65.462000000000003</c:v>
                </c:pt>
                <c:pt idx="6578">
                  <c:v>65.471999999999994</c:v>
                </c:pt>
                <c:pt idx="6579">
                  <c:v>65.483000000000004</c:v>
                </c:pt>
                <c:pt idx="6580">
                  <c:v>65.492999999999995</c:v>
                </c:pt>
                <c:pt idx="6581">
                  <c:v>65.504000000000005</c:v>
                </c:pt>
                <c:pt idx="6582">
                  <c:v>65.513999999999996</c:v>
                </c:pt>
                <c:pt idx="6583">
                  <c:v>65.524000000000001</c:v>
                </c:pt>
                <c:pt idx="6584">
                  <c:v>65.534000000000006</c:v>
                </c:pt>
                <c:pt idx="6585">
                  <c:v>65.545000000000002</c:v>
                </c:pt>
                <c:pt idx="6586">
                  <c:v>65.555000000000007</c:v>
                </c:pt>
                <c:pt idx="6587">
                  <c:v>65.564999999999998</c:v>
                </c:pt>
                <c:pt idx="6588">
                  <c:v>65.573999999999998</c:v>
                </c:pt>
                <c:pt idx="6589">
                  <c:v>65.585999999999999</c:v>
                </c:pt>
                <c:pt idx="6590">
                  <c:v>65.594999999999999</c:v>
                </c:pt>
                <c:pt idx="6591">
                  <c:v>65.605000000000004</c:v>
                </c:pt>
                <c:pt idx="6592">
                  <c:v>65.616</c:v>
                </c:pt>
                <c:pt idx="6593">
                  <c:v>65.626000000000005</c:v>
                </c:pt>
                <c:pt idx="6594">
                  <c:v>65.635999999999996</c:v>
                </c:pt>
                <c:pt idx="6595">
                  <c:v>65.646000000000001</c:v>
                </c:pt>
                <c:pt idx="6596">
                  <c:v>65.656999999999996</c:v>
                </c:pt>
                <c:pt idx="6597">
                  <c:v>65.667000000000002</c:v>
                </c:pt>
                <c:pt idx="6598">
                  <c:v>65.677999999999997</c:v>
                </c:pt>
                <c:pt idx="6599">
                  <c:v>65.688000000000002</c:v>
                </c:pt>
                <c:pt idx="6600">
                  <c:v>65.697000000000003</c:v>
                </c:pt>
                <c:pt idx="6601">
                  <c:v>65.706999999999994</c:v>
                </c:pt>
                <c:pt idx="6602">
                  <c:v>65.718000000000004</c:v>
                </c:pt>
                <c:pt idx="6603">
                  <c:v>65.727000000000004</c:v>
                </c:pt>
                <c:pt idx="6604">
                  <c:v>65.738</c:v>
                </c:pt>
                <c:pt idx="6605">
                  <c:v>65.748000000000005</c:v>
                </c:pt>
                <c:pt idx="6606">
                  <c:v>65.757999999999996</c:v>
                </c:pt>
                <c:pt idx="6607">
                  <c:v>65.769000000000005</c:v>
                </c:pt>
                <c:pt idx="6608">
                  <c:v>65.778000000000006</c:v>
                </c:pt>
                <c:pt idx="6609">
                  <c:v>65.787999999999997</c:v>
                </c:pt>
                <c:pt idx="6610">
                  <c:v>65.799000000000007</c:v>
                </c:pt>
                <c:pt idx="6611">
                  <c:v>65.808000000000007</c:v>
                </c:pt>
                <c:pt idx="6612">
                  <c:v>65.819000000000003</c:v>
                </c:pt>
                <c:pt idx="6613">
                  <c:v>65.828999999999994</c:v>
                </c:pt>
                <c:pt idx="6614">
                  <c:v>65.838999999999999</c:v>
                </c:pt>
                <c:pt idx="6615">
                  <c:v>65.849999999999994</c:v>
                </c:pt>
                <c:pt idx="6616">
                  <c:v>65.858999999999995</c:v>
                </c:pt>
                <c:pt idx="6617">
                  <c:v>65.87</c:v>
                </c:pt>
                <c:pt idx="6618">
                  <c:v>65.88</c:v>
                </c:pt>
                <c:pt idx="6619">
                  <c:v>65.888999999999996</c:v>
                </c:pt>
                <c:pt idx="6620">
                  <c:v>65.899000000000001</c:v>
                </c:pt>
                <c:pt idx="6621">
                  <c:v>65.91</c:v>
                </c:pt>
                <c:pt idx="6622">
                  <c:v>65.92</c:v>
                </c:pt>
                <c:pt idx="6623">
                  <c:v>65.930000000000007</c:v>
                </c:pt>
                <c:pt idx="6624">
                  <c:v>65.938999999999993</c:v>
                </c:pt>
                <c:pt idx="6625">
                  <c:v>65.95</c:v>
                </c:pt>
                <c:pt idx="6626">
                  <c:v>65.959000000000003</c:v>
                </c:pt>
                <c:pt idx="6627">
                  <c:v>65.968999999999994</c:v>
                </c:pt>
                <c:pt idx="6628">
                  <c:v>65.978999999999999</c:v>
                </c:pt>
                <c:pt idx="6629">
                  <c:v>65.986999999999995</c:v>
                </c:pt>
                <c:pt idx="6630">
                  <c:v>65.995000000000005</c:v>
                </c:pt>
                <c:pt idx="6631">
                  <c:v>66.003</c:v>
                </c:pt>
                <c:pt idx="6632">
                  <c:v>66.012</c:v>
                </c:pt>
                <c:pt idx="6633">
                  <c:v>66.022999999999996</c:v>
                </c:pt>
                <c:pt idx="6634">
                  <c:v>66.031999999999996</c:v>
                </c:pt>
                <c:pt idx="6635">
                  <c:v>66.040000000000006</c:v>
                </c:pt>
                <c:pt idx="6636">
                  <c:v>66.049000000000007</c:v>
                </c:pt>
                <c:pt idx="6637">
                  <c:v>66.058000000000007</c:v>
                </c:pt>
                <c:pt idx="6638">
                  <c:v>66.066000000000003</c:v>
                </c:pt>
                <c:pt idx="6639">
                  <c:v>66.073999999999998</c:v>
                </c:pt>
                <c:pt idx="6640">
                  <c:v>66.081999999999994</c:v>
                </c:pt>
                <c:pt idx="6641">
                  <c:v>66.090999999999994</c:v>
                </c:pt>
                <c:pt idx="6642">
                  <c:v>66.100999999999999</c:v>
                </c:pt>
                <c:pt idx="6643">
                  <c:v>66.111000000000004</c:v>
                </c:pt>
                <c:pt idx="6644">
                  <c:v>66.162999999999997</c:v>
                </c:pt>
                <c:pt idx="6645">
                  <c:v>66.173000000000002</c:v>
                </c:pt>
                <c:pt idx="6646">
                  <c:v>66.183000000000007</c:v>
                </c:pt>
                <c:pt idx="6647">
                  <c:v>66.192999999999998</c:v>
                </c:pt>
                <c:pt idx="6648">
                  <c:v>66.248999999999995</c:v>
                </c:pt>
                <c:pt idx="6649">
                  <c:v>66.259</c:v>
                </c:pt>
                <c:pt idx="6650">
                  <c:v>66.269000000000005</c:v>
                </c:pt>
                <c:pt idx="6651">
                  <c:v>66.28</c:v>
                </c:pt>
                <c:pt idx="6652">
                  <c:v>66.289000000000001</c:v>
                </c:pt>
                <c:pt idx="6653">
                  <c:v>66.301000000000002</c:v>
                </c:pt>
                <c:pt idx="6654">
                  <c:v>66.311000000000007</c:v>
                </c:pt>
                <c:pt idx="6655">
                  <c:v>66.319999999999993</c:v>
                </c:pt>
                <c:pt idx="6656">
                  <c:v>66.331000000000003</c:v>
                </c:pt>
                <c:pt idx="6657">
                  <c:v>66.340999999999994</c:v>
                </c:pt>
                <c:pt idx="6658">
                  <c:v>66.352000000000004</c:v>
                </c:pt>
                <c:pt idx="6659">
                  <c:v>66.361999999999995</c:v>
                </c:pt>
                <c:pt idx="6660">
                  <c:v>66.373000000000005</c:v>
                </c:pt>
                <c:pt idx="6661">
                  <c:v>66.382999999999996</c:v>
                </c:pt>
                <c:pt idx="6662">
                  <c:v>66.393000000000001</c:v>
                </c:pt>
                <c:pt idx="6663">
                  <c:v>66.403000000000006</c:v>
                </c:pt>
                <c:pt idx="6664">
                  <c:v>66.412999999999997</c:v>
                </c:pt>
                <c:pt idx="6665">
                  <c:v>66.424000000000007</c:v>
                </c:pt>
                <c:pt idx="6666">
                  <c:v>66.433999999999997</c:v>
                </c:pt>
                <c:pt idx="6667">
                  <c:v>66.442999999999998</c:v>
                </c:pt>
                <c:pt idx="6668">
                  <c:v>66.454999999999998</c:v>
                </c:pt>
                <c:pt idx="6669">
                  <c:v>66.465000000000003</c:v>
                </c:pt>
                <c:pt idx="6670">
                  <c:v>66.474000000000004</c:v>
                </c:pt>
                <c:pt idx="6671">
                  <c:v>66.483999999999995</c:v>
                </c:pt>
                <c:pt idx="6672">
                  <c:v>66.495000000000005</c:v>
                </c:pt>
                <c:pt idx="6673">
                  <c:v>66.504999999999995</c:v>
                </c:pt>
                <c:pt idx="6674">
                  <c:v>66.513999999999996</c:v>
                </c:pt>
                <c:pt idx="6675">
                  <c:v>66.525000000000006</c:v>
                </c:pt>
                <c:pt idx="6676">
                  <c:v>66.534999999999997</c:v>
                </c:pt>
                <c:pt idx="6677">
                  <c:v>66.545000000000002</c:v>
                </c:pt>
                <c:pt idx="6678">
                  <c:v>66.555999999999997</c:v>
                </c:pt>
                <c:pt idx="6679">
                  <c:v>66.564999999999998</c:v>
                </c:pt>
                <c:pt idx="6680">
                  <c:v>66.573999999999998</c:v>
                </c:pt>
                <c:pt idx="6681">
                  <c:v>66.584000000000003</c:v>
                </c:pt>
                <c:pt idx="6682">
                  <c:v>66.593999999999994</c:v>
                </c:pt>
                <c:pt idx="6683">
                  <c:v>66.603999999999999</c:v>
                </c:pt>
                <c:pt idx="6684">
                  <c:v>66.613</c:v>
                </c:pt>
                <c:pt idx="6685">
                  <c:v>66.623000000000005</c:v>
                </c:pt>
                <c:pt idx="6686">
                  <c:v>66.632000000000005</c:v>
                </c:pt>
                <c:pt idx="6687">
                  <c:v>66.641000000000005</c:v>
                </c:pt>
                <c:pt idx="6688">
                  <c:v>66.652000000000001</c:v>
                </c:pt>
                <c:pt idx="6689">
                  <c:v>66.66</c:v>
                </c:pt>
                <c:pt idx="6690">
                  <c:v>66.671000000000006</c:v>
                </c:pt>
                <c:pt idx="6691">
                  <c:v>66.680000000000007</c:v>
                </c:pt>
                <c:pt idx="6692">
                  <c:v>66.69</c:v>
                </c:pt>
                <c:pt idx="6693">
                  <c:v>66.7</c:v>
                </c:pt>
                <c:pt idx="6694">
                  <c:v>66.709999999999994</c:v>
                </c:pt>
                <c:pt idx="6695">
                  <c:v>66.718999999999994</c:v>
                </c:pt>
                <c:pt idx="6696">
                  <c:v>66.73</c:v>
                </c:pt>
                <c:pt idx="6697">
                  <c:v>66.739000000000004</c:v>
                </c:pt>
                <c:pt idx="6698">
                  <c:v>66.748000000000005</c:v>
                </c:pt>
                <c:pt idx="6699">
                  <c:v>66.759</c:v>
                </c:pt>
                <c:pt idx="6700">
                  <c:v>66.769000000000005</c:v>
                </c:pt>
                <c:pt idx="6701">
                  <c:v>66.778999999999996</c:v>
                </c:pt>
                <c:pt idx="6702">
                  <c:v>66.789000000000001</c:v>
                </c:pt>
                <c:pt idx="6703">
                  <c:v>66.799000000000007</c:v>
                </c:pt>
                <c:pt idx="6704">
                  <c:v>66.808999999999997</c:v>
                </c:pt>
                <c:pt idx="6705">
                  <c:v>66.819999999999993</c:v>
                </c:pt>
                <c:pt idx="6706">
                  <c:v>66.83</c:v>
                </c:pt>
                <c:pt idx="6707">
                  <c:v>66.840999999999994</c:v>
                </c:pt>
                <c:pt idx="6708">
                  <c:v>66.850999999999999</c:v>
                </c:pt>
                <c:pt idx="6709">
                  <c:v>66.861000000000004</c:v>
                </c:pt>
                <c:pt idx="6710">
                  <c:v>66.870999999999995</c:v>
                </c:pt>
                <c:pt idx="6711">
                  <c:v>66.882000000000005</c:v>
                </c:pt>
                <c:pt idx="6712">
                  <c:v>66.891999999999996</c:v>
                </c:pt>
                <c:pt idx="6713">
                  <c:v>66.900999999999996</c:v>
                </c:pt>
                <c:pt idx="6714">
                  <c:v>66.912000000000006</c:v>
                </c:pt>
                <c:pt idx="6715">
                  <c:v>66.921999999999997</c:v>
                </c:pt>
                <c:pt idx="6716">
                  <c:v>66.933000000000007</c:v>
                </c:pt>
                <c:pt idx="6717">
                  <c:v>66.942999999999998</c:v>
                </c:pt>
                <c:pt idx="6718">
                  <c:v>66.951999999999998</c:v>
                </c:pt>
                <c:pt idx="6719">
                  <c:v>66.962999999999994</c:v>
                </c:pt>
                <c:pt idx="6720">
                  <c:v>66.974999999999994</c:v>
                </c:pt>
                <c:pt idx="6721">
                  <c:v>66.983999999999995</c:v>
                </c:pt>
                <c:pt idx="6722">
                  <c:v>66.992999999999995</c:v>
                </c:pt>
                <c:pt idx="6723">
                  <c:v>67.004000000000005</c:v>
                </c:pt>
                <c:pt idx="6724">
                  <c:v>67.013999999999996</c:v>
                </c:pt>
                <c:pt idx="6725">
                  <c:v>67.024000000000001</c:v>
                </c:pt>
                <c:pt idx="6726">
                  <c:v>67.034999999999997</c:v>
                </c:pt>
                <c:pt idx="6727">
                  <c:v>67.045000000000002</c:v>
                </c:pt>
                <c:pt idx="6728">
                  <c:v>67.055999999999997</c:v>
                </c:pt>
                <c:pt idx="6729">
                  <c:v>67.066000000000003</c:v>
                </c:pt>
                <c:pt idx="6730">
                  <c:v>67.075999999999993</c:v>
                </c:pt>
                <c:pt idx="6731">
                  <c:v>67.085999999999999</c:v>
                </c:pt>
                <c:pt idx="6732">
                  <c:v>67.096000000000004</c:v>
                </c:pt>
                <c:pt idx="6733">
                  <c:v>67.106999999999999</c:v>
                </c:pt>
                <c:pt idx="6734">
                  <c:v>67.117000000000004</c:v>
                </c:pt>
                <c:pt idx="6735">
                  <c:v>67.126000000000005</c:v>
                </c:pt>
                <c:pt idx="6736">
                  <c:v>67.135999999999996</c:v>
                </c:pt>
                <c:pt idx="6737">
                  <c:v>67.147000000000006</c:v>
                </c:pt>
                <c:pt idx="6738">
                  <c:v>67.156999999999996</c:v>
                </c:pt>
                <c:pt idx="6739">
                  <c:v>67.168000000000006</c:v>
                </c:pt>
                <c:pt idx="6740">
                  <c:v>67.177999999999997</c:v>
                </c:pt>
                <c:pt idx="6741">
                  <c:v>67.188000000000002</c:v>
                </c:pt>
                <c:pt idx="6742">
                  <c:v>67.198999999999998</c:v>
                </c:pt>
                <c:pt idx="6743">
                  <c:v>67.209000000000003</c:v>
                </c:pt>
                <c:pt idx="6744">
                  <c:v>67.218999999999994</c:v>
                </c:pt>
                <c:pt idx="6745">
                  <c:v>67.228999999999999</c:v>
                </c:pt>
                <c:pt idx="6746">
                  <c:v>67.239000000000004</c:v>
                </c:pt>
                <c:pt idx="6747">
                  <c:v>67.25</c:v>
                </c:pt>
                <c:pt idx="6748">
                  <c:v>67.260000000000005</c:v>
                </c:pt>
                <c:pt idx="6749">
                  <c:v>67.27</c:v>
                </c:pt>
                <c:pt idx="6750">
                  <c:v>67.28</c:v>
                </c:pt>
                <c:pt idx="6751">
                  <c:v>67.290999999999997</c:v>
                </c:pt>
                <c:pt idx="6752">
                  <c:v>67.301000000000002</c:v>
                </c:pt>
                <c:pt idx="6753">
                  <c:v>67.311999999999998</c:v>
                </c:pt>
                <c:pt idx="6754">
                  <c:v>67.322000000000003</c:v>
                </c:pt>
                <c:pt idx="6755">
                  <c:v>67.331999999999994</c:v>
                </c:pt>
                <c:pt idx="6756">
                  <c:v>67.341999999999999</c:v>
                </c:pt>
                <c:pt idx="6757">
                  <c:v>67.353999999999999</c:v>
                </c:pt>
                <c:pt idx="6758">
                  <c:v>67.364000000000004</c:v>
                </c:pt>
                <c:pt idx="6759">
                  <c:v>67.373999999999995</c:v>
                </c:pt>
                <c:pt idx="6760">
                  <c:v>67.384</c:v>
                </c:pt>
                <c:pt idx="6761">
                  <c:v>67.394999999999996</c:v>
                </c:pt>
                <c:pt idx="6762">
                  <c:v>67.403999999999996</c:v>
                </c:pt>
                <c:pt idx="6763">
                  <c:v>67.414000000000001</c:v>
                </c:pt>
                <c:pt idx="6764">
                  <c:v>67.424999999999997</c:v>
                </c:pt>
                <c:pt idx="6765">
                  <c:v>67.435000000000002</c:v>
                </c:pt>
                <c:pt idx="6766">
                  <c:v>67.445999999999998</c:v>
                </c:pt>
                <c:pt idx="6767">
                  <c:v>67.456000000000003</c:v>
                </c:pt>
                <c:pt idx="6768">
                  <c:v>67.465999999999994</c:v>
                </c:pt>
                <c:pt idx="6769">
                  <c:v>67.477000000000004</c:v>
                </c:pt>
                <c:pt idx="6770">
                  <c:v>67.486000000000004</c:v>
                </c:pt>
                <c:pt idx="6771">
                  <c:v>67.495999999999995</c:v>
                </c:pt>
                <c:pt idx="6772">
                  <c:v>67.507999999999996</c:v>
                </c:pt>
                <c:pt idx="6773">
                  <c:v>67.518000000000001</c:v>
                </c:pt>
                <c:pt idx="6774">
                  <c:v>67.527000000000001</c:v>
                </c:pt>
                <c:pt idx="6775">
                  <c:v>67.537999999999997</c:v>
                </c:pt>
                <c:pt idx="6776">
                  <c:v>67.549000000000007</c:v>
                </c:pt>
                <c:pt idx="6777">
                  <c:v>67.558000000000007</c:v>
                </c:pt>
                <c:pt idx="6778">
                  <c:v>67.569000000000003</c:v>
                </c:pt>
                <c:pt idx="6779">
                  <c:v>67.578000000000003</c:v>
                </c:pt>
                <c:pt idx="6780">
                  <c:v>67.588999999999999</c:v>
                </c:pt>
                <c:pt idx="6781">
                  <c:v>67.597999999999999</c:v>
                </c:pt>
                <c:pt idx="6782">
                  <c:v>67.61</c:v>
                </c:pt>
                <c:pt idx="6783">
                  <c:v>67.62</c:v>
                </c:pt>
                <c:pt idx="6784">
                  <c:v>67.63</c:v>
                </c:pt>
                <c:pt idx="6785">
                  <c:v>67.641000000000005</c:v>
                </c:pt>
                <c:pt idx="6786">
                  <c:v>67.650999999999996</c:v>
                </c:pt>
                <c:pt idx="6787">
                  <c:v>67.661000000000001</c:v>
                </c:pt>
                <c:pt idx="6788">
                  <c:v>67.671000000000006</c:v>
                </c:pt>
                <c:pt idx="6789">
                  <c:v>67.680999999999997</c:v>
                </c:pt>
                <c:pt idx="6790">
                  <c:v>67.691999999999993</c:v>
                </c:pt>
                <c:pt idx="6791">
                  <c:v>67.701999999999998</c:v>
                </c:pt>
                <c:pt idx="6792">
                  <c:v>67.710999999999999</c:v>
                </c:pt>
                <c:pt idx="6793">
                  <c:v>67.721999999999994</c:v>
                </c:pt>
                <c:pt idx="6794">
                  <c:v>67.731999999999999</c:v>
                </c:pt>
                <c:pt idx="6795">
                  <c:v>67.741</c:v>
                </c:pt>
                <c:pt idx="6796">
                  <c:v>67.751999999999995</c:v>
                </c:pt>
                <c:pt idx="6797">
                  <c:v>67.760999999999996</c:v>
                </c:pt>
                <c:pt idx="6798">
                  <c:v>67.772000000000006</c:v>
                </c:pt>
                <c:pt idx="6799">
                  <c:v>67.781999999999996</c:v>
                </c:pt>
                <c:pt idx="6800">
                  <c:v>67.792000000000002</c:v>
                </c:pt>
                <c:pt idx="6801">
                  <c:v>67.804000000000002</c:v>
                </c:pt>
                <c:pt idx="6802">
                  <c:v>67.813999999999993</c:v>
                </c:pt>
                <c:pt idx="6803">
                  <c:v>67.825000000000003</c:v>
                </c:pt>
                <c:pt idx="6804">
                  <c:v>67.834999999999994</c:v>
                </c:pt>
                <c:pt idx="6805">
                  <c:v>67.846999999999994</c:v>
                </c:pt>
                <c:pt idx="6806">
                  <c:v>67.858000000000004</c:v>
                </c:pt>
                <c:pt idx="6807">
                  <c:v>67.867999999999995</c:v>
                </c:pt>
                <c:pt idx="6808">
                  <c:v>67.878</c:v>
                </c:pt>
                <c:pt idx="6809">
                  <c:v>67.89</c:v>
                </c:pt>
                <c:pt idx="6810">
                  <c:v>67.900000000000006</c:v>
                </c:pt>
                <c:pt idx="6811">
                  <c:v>67.909000000000006</c:v>
                </c:pt>
                <c:pt idx="6812">
                  <c:v>67.92</c:v>
                </c:pt>
                <c:pt idx="6813">
                  <c:v>67.930000000000007</c:v>
                </c:pt>
                <c:pt idx="6814">
                  <c:v>67.94</c:v>
                </c:pt>
                <c:pt idx="6815">
                  <c:v>67.95</c:v>
                </c:pt>
                <c:pt idx="6816">
                  <c:v>67.960999999999999</c:v>
                </c:pt>
                <c:pt idx="6817">
                  <c:v>67.971000000000004</c:v>
                </c:pt>
                <c:pt idx="6818">
                  <c:v>67.983000000000004</c:v>
                </c:pt>
                <c:pt idx="6819">
                  <c:v>67.992000000000004</c:v>
                </c:pt>
                <c:pt idx="6820">
                  <c:v>68.001000000000005</c:v>
                </c:pt>
                <c:pt idx="6821">
                  <c:v>68.012</c:v>
                </c:pt>
                <c:pt idx="6822">
                  <c:v>68.021000000000001</c:v>
                </c:pt>
                <c:pt idx="6823">
                  <c:v>68.03</c:v>
                </c:pt>
                <c:pt idx="6824">
                  <c:v>68.040000000000006</c:v>
                </c:pt>
                <c:pt idx="6825">
                  <c:v>68.05</c:v>
                </c:pt>
                <c:pt idx="6826">
                  <c:v>68.06</c:v>
                </c:pt>
                <c:pt idx="6827">
                  <c:v>68.069000000000003</c:v>
                </c:pt>
                <c:pt idx="6828">
                  <c:v>68.078000000000003</c:v>
                </c:pt>
                <c:pt idx="6829">
                  <c:v>68.088999999999999</c:v>
                </c:pt>
                <c:pt idx="6830">
                  <c:v>68.097999999999999</c:v>
                </c:pt>
                <c:pt idx="6831">
                  <c:v>68.108000000000004</c:v>
                </c:pt>
                <c:pt idx="6832">
                  <c:v>68.117999999999995</c:v>
                </c:pt>
                <c:pt idx="6833">
                  <c:v>68.128</c:v>
                </c:pt>
                <c:pt idx="6834">
                  <c:v>68.137</c:v>
                </c:pt>
                <c:pt idx="6835">
                  <c:v>68.147999999999996</c:v>
                </c:pt>
                <c:pt idx="6836">
                  <c:v>68.156999999999996</c:v>
                </c:pt>
                <c:pt idx="6837">
                  <c:v>68.168000000000006</c:v>
                </c:pt>
                <c:pt idx="6838">
                  <c:v>68.177000000000007</c:v>
                </c:pt>
                <c:pt idx="6839">
                  <c:v>68.188000000000002</c:v>
                </c:pt>
                <c:pt idx="6840">
                  <c:v>68.197000000000003</c:v>
                </c:pt>
                <c:pt idx="6841">
                  <c:v>68.206999999999994</c:v>
                </c:pt>
                <c:pt idx="6842">
                  <c:v>68.216999999999999</c:v>
                </c:pt>
                <c:pt idx="6843">
                  <c:v>68.225999999999999</c:v>
                </c:pt>
                <c:pt idx="6844">
                  <c:v>68.234999999999999</c:v>
                </c:pt>
                <c:pt idx="6845">
                  <c:v>68.245000000000005</c:v>
                </c:pt>
                <c:pt idx="6846">
                  <c:v>68.254000000000005</c:v>
                </c:pt>
                <c:pt idx="6847">
                  <c:v>68.263999999999996</c:v>
                </c:pt>
                <c:pt idx="6848">
                  <c:v>68.272999999999996</c:v>
                </c:pt>
                <c:pt idx="6849">
                  <c:v>68.281999999999996</c:v>
                </c:pt>
                <c:pt idx="6850">
                  <c:v>68.292000000000002</c:v>
                </c:pt>
                <c:pt idx="6851">
                  <c:v>68.301000000000002</c:v>
                </c:pt>
                <c:pt idx="6852">
                  <c:v>68.308999999999997</c:v>
                </c:pt>
                <c:pt idx="6853">
                  <c:v>68.319000000000003</c:v>
                </c:pt>
                <c:pt idx="6854">
                  <c:v>68.328000000000003</c:v>
                </c:pt>
                <c:pt idx="6855">
                  <c:v>68.337000000000003</c:v>
                </c:pt>
                <c:pt idx="6856">
                  <c:v>68.346000000000004</c:v>
                </c:pt>
                <c:pt idx="6857">
                  <c:v>68.356999999999999</c:v>
                </c:pt>
                <c:pt idx="6858">
                  <c:v>68.367000000000004</c:v>
                </c:pt>
                <c:pt idx="6859">
                  <c:v>68.378</c:v>
                </c:pt>
                <c:pt idx="6860">
                  <c:v>68.388000000000005</c:v>
                </c:pt>
                <c:pt idx="6861">
                  <c:v>68.397000000000006</c:v>
                </c:pt>
                <c:pt idx="6862">
                  <c:v>68.408000000000001</c:v>
                </c:pt>
                <c:pt idx="6863">
                  <c:v>68.417000000000002</c:v>
                </c:pt>
                <c:pt idx="6864">
                  <c:v>68.427000000000007</c:v>
                </c:pt>
                <c:pt idx="6865">
                  <c:v>68.438000000000002</c:v>
                </c:pt>
                <c:pt idx="6866">
                  <c:v>68.447999999999993</c:v>
                </c:pt>
                <c:pt idx="6867">
                  <c:v>68.459000000000003</c:v>
                </c:pt>
                <c:pt idx="6868">
                  <c:v>68.468999999999994</c:v>
                </c:pt>
                <c:pt idx="6869">
                  <c:v>68.478999999999999</c:v>
                </c:pt>
                <c:pt idx="6870">
                  <c:v>68.489999999999995</c:v>
                </c:pt>
                <c:pt idx="6871">
                  <c:v>68.5</c:v>
                </c:pt>
                <c:pt idx="6872">
                  <c:v>68.510999999999996</c:v>
                </c:pt>
                <c:pt idx="6873">
                  <c:v>68.522000000000006</c:v>
                </c:pt>
                <c:pt idx="6874">
                  <c:v>68.531000000000006</c:v>
                </c:pt>
                <c:pt idx="6875">
                  <c:v>68.542000000000002</c:v>
                </c:pt>
                <c:pt idx="6876">
                  <c:v>68.552000000000007</c:v>
                </c:pt>
                <c:pt idx="6877">
                  <c:v>68.561999999999998</c:v>
                </c:pt>
                <c:pt idx="6878">
                  <c:v>68.572999999999993</c:v>
                </c:pt>
                <c:pt idx="6879">
                  <c:v>68.582999999999998</c:v>
                </c:pt>
                <c:pt idx="6880">
                  <c:v>68.593000000000004</c:v>
                </c:pt>
                <c:pt idx="6881">
                  <c:v>68.602999999999994</c:v>
                </c:pt>
                <c:pt idx="6882">
                  <c:v>68.613</c:v>
                </c:pt>
                <c:pt idx="6883">
                  <c:v>68.623000000000005</c:v>
                </c:pt>
                <c:pt idx="6884">
                  <c:v>68.634</c:v>
                </c:pt>
                <c:pt idx="6885">
                  <c:v>68.644000000000005</c:v>
                </c:pt>
                <c:pt idx="6886">
                  <c:v>68.653999999999996</c:v>
                </c:pt>
                <c:pt idx="6887">
                  <c:v>68.664000000000001</c:v>
                </c:pt>
                <c:pt idx="6888">
                  <c:v>68.674999999999997</c:v>
                </c:pt>
                <c:pt idx="6889">
                  <c:v>68.686000000000007</c:v>
                </c:pt>
                <c:pt idx="6890">
                  <c:v>68.694999999999993</c:v>
                </c:pt>
                <c:pt idx="6891">
                  <c:v>68.706999999999994</c:v>
                </c:pt>
                <c:pt idx="6892">
                  <c:v>68.716999999999999</c:v>
                </c:pt>
                <c:pt idx="6893">
                  <c:v>68.725999999999999</c:v>
                </c:pt>
                <c:pt idx="6894">
                  <c:v>68.736999999999995</c:v>
                </c:pt>
                <c:pt idx="6895">
                  <c:v>68.747</c:v>
                </c:pt>
                <c:pt idx="6896">
                  <c:v>68.757999999999996</c:v>
                </c:pt>
                <c:pt idx="6897">
                  <c:v>68.766999999999996</c:v>
                </c:pt>
                <c:pt idx="6898">
                  <c:v>68.777000000000001</c:v>
                </c:pt>
                <c:pt idx="6899">
                  <c:v>68.787999999999997</c:v>
                </c:pt>
                <c:pt idx="6900">
                  <c:v>68.798000000000002</c:v>
                </c:pt>
                <c:pt idx="6901">
                  <c:v>68.808999999999997</c:v>
                </c:pt>
                <c:pt idx="6902">
                  <c:v>68.819000000000003</c:v>
                </c:pt>
                <c:pt idx="6903">
                  <c:v>68.828999999999994</c:v>
                </c:pt>
                <c:pt idx="6904">
                  <c:v>68.837999999999994</c:v>
                </c:pt>
                <c:pt idx="6905">
                  <c:v>68.849000000000004</c:v>
                </c:pt>
                <c:pt idx="6906">
                  <c:v>68.858999999999995</c:v>
                </c:pt>
                <c:pt idx="6907">
                  <c:v>68.87</c:v>
                </c:pt>
                <c:pt idx="6908">
                  <c:v>68.88</c:v>
                </c:pt>
                <c:pt idx="6909">
                  <c:v>68.89</c:v>
                </c:pt>
                <c:pt idx="6910">
                  <c:v>68.900999999999996</c:v>
                </c:pt>
                <c:pt idx="6911">
                  <c:v>68.91</c:v>
                </c:pt>
                <c:pt idx="6912">
                  <c:v>68.921000000000006</c:v>
                </c:pt>
                <c:pt idx="6913">
                  <c:v>68.930000000000007</c:v>
                </c:pt>
                <c:pt idx="6914">
                  <c:v>68.94</c:v>
                </c:pt>
                <c:pt idx="6915">
                  <c:v>68.950999999999993</c:v>
                </c:pt>
                <c:pt idx="6916">
                  <c:v>68.960999999999999</c:v>
                </c:pt>
                <c:pt idx="6917">
                  <c:v>68.971000000000004</c:v>
                </c:pt>
                <c:pt idx="6918">
                  <c:v>68.980999999999995</c:v>
                </c:pt>
                <c:pt idx="6919">
                  <c:v>68.989999999999995</c:v>
                </c:pt>
                <c:pt idx="6920">
                  <c:v>68.998999999999995</c:v>
                </c:pt>
                <c:pt idx="6921">
                  <c:v>69.009</c:v>
                </c:pt>
                <c:pt idx="6922">
                  <c:v>69.019000000000005</c:v>
                </c:pt>
                <c:pt idx="6923">
                  <c:v>69.028999999999996</c:v>
                </c:pt>
                <c:pt idx="6924">
                  <c:v>69.040000000000006</c:v>
                </c:pt>
                <c:pt idx="6925">
                  <c:v>69.05</c:v>
                </c:pt>
                <c:pt idx="6926">
                  <c:v>69.06</c:v>
                </c:pt>
                <c:pt idx="6927">
                  <c:v>69.069999999999993</c:v>
                </c:pt>
                <c:pt idx="6928">
                  <c:v>69.081000000000003</c:v>
                </c:pt>
                <c:pt idx="6929">
                  <c:v>69.090999999999994</c:v>
                </c:pt>
                <c:pt idx="6930">
                  <c:v>69.100999999999999</c:v>
                </c:pt>
                <c:pt idx="6931">
                  <c:v>69.111999999999995</c:v>
                </c:pt>
                <c:pt idx="6932">
                  <c:v>69.122</c:v>
                </c:pt>
                <c:pt idx="6933">
                  <c:v>69.132000000000005</c:v>
                </c:pt>
                <c:pt idx="6934">
                  <c:v>69.141999999999996</c:v>
                </c:pt>
                <c:pt idx="6935">
                  <c:v>69.153000000000006</c:v>
                </c:pt>
                <c:pt idx="6936">
                  <c:v>69.162999999999997</c:v>
                </c:pt>
                <c:pt idx="6937">
                  <c:v>69.171999999999997</c:v>
                </c:pt>
                <c:pt idx="6938">
                  <c:v>69.183999999999997</c:v>
                </c:pt>
                <c:pt idx="6939">
                  <c:v>69.192999999999998</c:v>
                </c:pt>
                <c:pt idx="6940">
                  <c:v>69.203999999999994</c:v>
                </c:pt>
                <c:pt idx="6941">
                  <c:v>69.213999999999999</c:v>
                </c:pt>
                <c:pt idx="6942">
                  <c:v>69.222999999999999</c:v>
                </c:pt>
                <c:pt idx="6943">
                  <c:v>69.233999999999995</c:v>
                </c:pt>
                <c:pt idx="6944">
                  <c:v>69.244</c:v>
                </c:pt>
                <c:pt idx="6945">
                  <c:v>69.254000000000005</c:v>
                </c:pt>
                <c:pt idx="6946">
                  <c:v>69.263000000000005</c:v>
                </c:pt>
                <c:pt idx="6947">
                  <c:v>69.274000000000001</c:v>
                </c:pt>
                <c:pt idx="6948">
                  <c:v>69.284999999999997</c:v>
                </c:pt>
                <c:pt idx="6949">
                  <c:v>69.293999999999997</c:v>
                </c:pt>
                <c:pt idx="6950">
                  <c:v>69.304000000000002</c:v>
                </c:pt>
                <c:pt idx="6951">
                  <c:v>69.313999999999993</c:v>
                </c:pt>
                <c:pt idx="6952">
                  <c:v>69.323999999999998</c:v>
                </c:pt>
                <c:pt idx="6953">
                  <c:v>69.332999999999998</c:v>
                </c:pt>
                <c:pt idx="6954">
                  <c:v>69.343999999999994</c:v>
                </c:pt>
                <c:pt idx="6955">
                  <c:v>69.353999999999999</c:v>
                </c:pt>
                <c:pt idx="6956">
                  <c:v>69.364000000000004</c:v>
                </c:pt>
                <c:pt idx="6957">
                  <c:v>69.373999999999995</c:v>
                </c:pt>
                <c:pt idx="6958">
                  <c:v>69.384</c:v>
                </c:pt>
                <c:pt idx="6959">
                  <c:v>69.394000000000005</c:v>
                </c:pt>
                <c:pt idx="6960">
                  <c:v>69.403999999999996</c:v>
                </c:pt>
                <c:pt idx="6961">
                  <c:v>69.414000000000001</c:v>
                </c:pt>
                <c:pt idx="6962">
                  <c:v>69.424000000000007</c:v>
                </c:pt>
                <c:pt idx="6963">
                  <c:v>69.433999999999997</c:v>
                </c:pt>
                <c:pt idx="6964">
                  <c:v>69.444999999999993</c:v>
                </c:pt>
                <c:pt idx="6965">
                  <c:v>69.453999999999994</c:v>
                </c:pt>
                <c:pt idx="6966">
                  <c:v>69.465000000000003</c:v>
                </c:pt>
                <c:pt idx="6967">
                  <c:v>69.474999999999994</c:v>
                </c:pt>
                <c:pt idx="6968">
                  <c:v>69.484999999999999</c:v>
                </c:pt>
                <c:pt idx="6969">
                  <c:v>69.494</c:v>
                </c:pt>
                <c:pt idx="6970">
                  <c:v>69.504999999999995</c:v>
                </c:pt>
                <c:pt idx="6971">
                  <c:v>69.515000000000001</c:v>
                </c:pt>
                <c:pt idx="6972">
                  <c:v>69.524000000000001</c:v>
                </c:pt>
                <c:pt idx="6973">
                  <c:v>69.534999999999997</c:v>
                </c:pt>
                <c:pt idx="6974">
                  <c:v>69.545000000000002</c:v>
                </c:pt>
                <c:pt idx="6975">
                  <c:v>69.555000000000007</c:v>
                </c:pt>
                <c:pt idx="6976">
                  <c:v>69.563999999999993</c:v>
                </c:pt>
                <c:pt idx="6977">
                  <c:v>69.573999999999998</c:v>
                </c:pt>
                <c:pt idx="6978">
                  <c:v>69.584999999999994</c:v>
                </c:pt>
                <c:pt idx="6979">
                  <c:v>69.594999999999999</c:v>
                </c:pt>
                <c:pt idx="6980">
                  <c:v>69.605000000000004</c:v>
                </c:pt>
                <c:pt idx="6981">
                  <c:v>69.614999999999995</c:v>
                </c:pt>
                <c:pt idx="6982">
                  <c:v>69.617000000000004</c:v>
                </c:pt>
                <c:pt idx="6983">
                  <c:v>69.634</c:v>
                </c:pt>
                <c:pt idx="6984">
                  <c:v>69.644999999999996</c:v>
                </c:pt>
                <c:pt idx="6985">
                  <c:v>69.655000000000001</c:v>
                </c:pt>
                <c:pt idx="6986">
                  <c:v>69.665000000000006</c:v>
                </c:pt>
                <c:pt idx="6987">
                  <c:v>69.676000000000002</c:v>
                </c:pt>
                <c:pt idx="6988">
                  <c:v>69.686000000000007</c:v>
                </c:pt>
                <c:pt idx="6989">
                  <c:v>69.695999999999998</c:v>
                </c:pt>
                <c:pt idx="6990">
                  <c:v>69.706999999999994</c:v>
                </c:pt>
                <c:pt idx="6991">
                  <c:v>69.715999999999994</c:v>
                </c:pt>
                <c:pt idx="6992">
                  <c:v>69.725999999999999</c:v>
                </c:pt>
                <c:pt idx="6993">
                  <c:v>69.736999999999995</c:v>
                </c:pt>
                <c:pt idx="6994">
                  <c:v>69.745999999999995</c:v>
                </c:pt>
                <c:pt idx="6995">
                  <c:v>69.757000000000005</c:v>
                </c:pt>
                <c:pt idx="6996">
                  <c:v>69.766000000000005</c:v>
                </c:pt>
                <c:pt idx="6997">
                  <c:v>69.775999999999996</c:v>
                </c:pt>
                <c:pt idx="6998">
                  <c:v>69.787000000000006</c:v>
                </c:pt>
                <c:pt idx="6999">
                  <c:v>69.796999999999997</c:v>
                </c:pt>
                <c:pt idx="7000">
                  <c:v>69.807000000000002</c:v>
                </c:pt>
                <c:pt idx="7001">
                  <c:v>69.816999999999993</c:v>
                </c:pt>
                <c:pt idx="7002">
                  <c:v>69.826999999999998</c:v>
                </c:pt>
                <c:pt idx="7003">
                  <c:v>69.838999999999999</c:v>
                </c:pt>
                <c:pt idx="7004">
                  <c:v>69.849000000000004</c:v>
                </c:pt>
                <c:pt idx="7005">
                  <c:v>69.86</c:v>
                </c:pt>
                <c:pt idx="7006">
                  <c:v>69.869</c:v>
                </c:pt>
                <c:pt idx="7007">
                  <c:v>69.879000000000005</c:v>
                </c:pt>
                <c:pt idx="7008">
                  <c:v>69.89</c:v>
                </c:pt>
                <c:pt idx="7009">
                  <c:v>69.899000000000001</c:v>
                </c:pt>
                <c:pt idx="7010">
                  <c:v>69.91</c:v>
                </c:pt>
                <c:pt idx="7011">
                  <c:v>69.92</c:v>
                </c:pt>
                <c:pt idx="7012">
                  <c:v>69.930000000000007</c:v>
                </c:pt>
                <c:pt idx="7013">
                  <c:v>69.94</c:v>
                </c:pt>
                <c:pt idx="7014">
                  <c:v>69.95</c:v>
                </c:pt>
                <c:pt idx="7015">
                  <c:v>69.960999999999999</c:v>
                </c:pt>
                <c:pt idx="7016">
                  <c:v>69.971000000000004</c:v>
                </c:pt>
                <c:pt idx="7017">
                  <c:v>69.980999999999995</c:v>
                </c:pt>
                <c:pt idx="7018">
                  <c:v>69.991</c:v>
                </c:pt>
                <c:pt idx="7019">
                  <c:v>70.001000000000005</c:v>
                </c:pt>
                <c:pt idx="7020">
                  <c:v>70.010000000000005</c:v>
                </c:pt>
                <c:pt idx="7021">
                  <c:v>70.021000000000001</c:v>
                </c:pt>
                <c:pt idx="7022">
                  <c:v>70.031000000000006</c:v>
                </c:pt>
                <c:pt idx="7023">
                  <c:v>70.042000000000002</c:v>
                </c:pt>
                <c:pt idx="7024">
                  <c:v>70.052000000000007</c:v>
                </c:pt>
                <c:pt idx="7025">
                  <c:v>70.063000000000002</c:v>
                </c:pt>
                <c:pt idx="7026">
                  <c:v>70.072999999999993</c:v>
                </c:pt>
                <c:pt idx="7027">
                  <c:v>70.082999999999998</c:v>
                </c:pt>
                <c:pt idx="7028">
                  <c:v>70.093000000000004</c:v>
                </c:pt>
                <c:pt idx="7029">
                  <c:v>70.102999999999994</c:v>
                </c:pt>
                <c:pt idx="7030">
                  <c:v>70.114000000000004</c:v>
                </c:pt>
                <c:pt idx="7031">
                  <c:v>70.123000000000005</c:v>
                </c:pt>
                <c:pt idx="7032">
                  <c:v>70.135000000000005</c:v>
                </c:pt>
                <c:pt idx="7033">
                  <c:v>70.144000000000005</c:v>
                </c:pt>
                <c:pt idx="7034">
                  <c:v>70.153999999999996</c:v>
                </c:pt>
                <c:pt idx="7035">
                  <c:v>70.165000000000006</c:v>
                </c:pt>
                <c:pt idx="7036">
                  <c:v>70.174000000000007</c:v>
                </c:pt>
                <c:pt idx="7037">
                  <c:v>70.185000000000002</c:v>
                </c:pt>
                <c:pt idx="7038">
                  <c:v>70.194999999999993</c:v>
                </c:pt>
                <c:pt idx="7039">
                  <c:v>70.204999999999998</c:v>
                </c:pt>
                <c:pt idx="7040">
                  <c:v>70.215000000000003</c:v>
                </c:pt>
                <c:pt idx="7041">
                  <c:v>70.224999999999994</c:v>
                </c:pt>
                <c:pt idx="7042">
                  <c:v>70.236000000000004</c:v>
                </c:pt>
                <c:pt idx="7043">
                  <c:v>70.245999999999995</c:v>
                </c:pt>
                <c:pt idx="7044">
                  <c:v>70.257000000000005</c:v>
                </c:pt>
                <c:pt idx="7045">
                  <c:v>70.266999999999996</c:v>
                </c:pt>
                <c:pt idx="7046">
                  <c:v>70.277000000000001</c:v>
                </c:pt>
                <c:pt idx="7047">
                  <c:v>70.287000000000006</c:v>
                </c:pt>
                <c:pt idx="7048">
                  <c:v>70.296999999999997</c:v>
                </c:pt>
                <c:pt idx="7049">
                  <c:v>70.308000000000007</c:v>
                </c:pt>
                <c:pt idx="7050">
                  <c:v>70.317999999999998</c:v>
                </c:pt>
                <c:pt idx="7051">
                  <c:v>70.328000000000003</c:v>
                </c:pt>
                <c:pt idx="7052">
                  <c:v>70.328999999999994</c:v>
                </c:pt>
                <c:pt idx="7053">
                  <c:v>70.346000000000004</c:v>
                </c:pt>
                <c:pt idx="7054">
                  <c:v>70.355999999999995</c:v>
                </c:pt>
                <c:pt idx="7055">
                  <c:v>70.367000000000004</c:v>
                </c:pt>
                <c:pt idx="7056">
                  <c:v>70.376999999999995</c:v>
                </c:pt>
                <c:pt idx="7057">
                  <c:v>70.387</c:v>
                </c:pt>
                <c:pt idx="7058">
                  <c:v>70.397000000000006</c:v>
                </c:pt>
                <c:pt idx="7059">
                  <c:v>70.408000000000001</c:v>
                </c:pt>
                <c:pt idx="7060">
                  <c:v>70.417000000000002</c:v>
                </c:pt>
                <c:pt idx="7061">
                  <c:v>70.427999999999997</c:v>
                </c:pt>
                <c:pt idx="7062">
                  <c:v>70.438000000000002</c:v>
                </c:pt>
                <c:pt idx="7063">
                  <c:v>70.447999999999993</c:v>
                </c:pt>
                <c:pt idx="7064">
                  <c:v>70.456999999999994</c:v>
                </c:pt>
                <c:pt idx="7065">
                  <c:v>70.468999999999994</c:v>
                </c:pt>
                <c:pt idx="7066">
                  <c:v>70.477999999999994</c:v>
                </c:pt>
                <c:pt idx="7067">
                  <c:v>70.488</c:v>
                </c:pt>
                <c:pt idx="7068">
                  <c:v>70.498999999999995</c:v>
                </c:pt>
                <c:pt idx="7069">
                  <c:v>70.509</c:v>
                </c:pt>
                <c:pt idx="7070">
                  <c:v>70.52</c:v>
                </c:pt>
                <c:pt idx="7071">
                  <c:v>70.53</c:v>
                </c:pt>
                <c:pt idx="7072">
                  <c:v>70.540000000000006</c:v>
                </c:pt>
                <c:pt idx="7073">
                  <c:v>70.551000000000002</c:v>
                </c:pt>
                <c:pt idx="7074">
                  <c:v>70.56</c:v>
                </c:pt>
                <c:pt idx="7075">
                  <c:v>70.570999999999998</c:v>
                </c:pt>
                <c:pt idx="7076">
                  <c:v>70.581999999999994</c:v>
                </c:pt>
                <c:pt idx="7077">
                  <c:v>70.590999999999994</c:v>
                </c:pt>
                <c:pt idx="7078">
                  <c:v>70.600999999999999</c:v>
                </c:pt>
                <c:pt idx="7079">
                  <c:v>70.613</c:v>
                </c:pt>
                <c:pt idx="7080">
                  <c:v>70.623000000000005</c:v>
                </c:pt>
                <c:pt idx="7081">
                  <c:v>70.632999999999996</c:v>
                </c:pt>
                <c:pt idx="7082">
                  <c:v>70.643000000000001</c:v>
                </c:pt>
                <c:pt idx="7083">
                  <c:v>70.653000000000006</c:v>
                </c:pt>
                <c:pt idx="7084">
                  <c:v>70.664000000000001</c:v>
                </c:pt>
                <c:pt idx="7085">
                  <c:v>70.673000000000002</c:v>
                </c:pt>
                <c:pt idx="7086">
                  <c:v>70.683000000000007</c:v>
                </c:pt>
                <c:pt idx="7087">
                  <c:v>70.692999999999998</c:v>
                </c:pt>
                <c:pt idx="7088">
                  <c:v>70.703999999999994</c:v>
                </c:pt>
                <c:pt idx="7089">
                  <c:v>70.713999999999999</c:v>
                </c:pt>
                <c:pt idx="7090">
                  <c:v>70.724000000000004</c:v>
                </c:pt>
                <c:pt idx="7091">
                  <c:v>70.733000000000004</c:v>
                </c:pt>
                <c:pt idx="7092">
                  <c:v>70.744</c:v>
                </c:pt>
                <c:pt idx="7093">
                  <c:v>70.754000000000005</c:v>
                </c:pt>
                <c:pt idx="7094">
                  <c:v>70.765000000000001</c:v>
                </c:pt>
                <c:pt idx="7095">
                  <c:v>70.774000000000001</c:v>
                </c:pt>
                <c:pt idx="7096">
                  <c:v>70.784999999999997</c:v>
                </c:pt>
                <c:pt idx="7097">
                  <c:v>70.795000000000002</c:v>
                </c:pt>
                <c:pt idx="7098">
                  <c:v>70.804000000000002</c:v>
                </c:pt>
                <c:pt idx="7099">
                  <c:v>70.813999999999993</c:v>
                </c:pt>
                <c:pt idx="7100">
                  <c:v>70.823999999999998</c:v>
                </c:pt>
                <c:pt idx="7101">
                  <c:v>70.834000000000003</c:v>
                </c:pt>
                <c:pt idx="7102">
                  <c:v>70.843999999999994</c:v>
                </c:pt>
                <c:pt idx="7103">
                  <c:v>70.853999999999999</c:v>
                </c:pt>
                <c:pt idx="7104">
                  <c:v>70.864000000000004</c:v>
                </c:pt>
                <c:pt idx="7105">
                  <c:v>70.873000000000005</c:v>
                </c:pt>
                <c:pt idx="7106">
                  <c:v>70.882999999999996</c:v>
                </c:pt>
                <c:pt idx="7107">
                  <c:v>70.893000000000001</c:v>
                </c:pt>
                <c:pt idx="7108">
                  <c:v>70.903999999999996</c:v>
                </c:pt>
                <c:pt idx="7109">
                  <c:v>70.914000000000001</c:v>
                </c:pt>
                <c:pt idx="7110">
                  <c:v>70.924000000000007</c:v>
                </c:pt>
                <c:pt idx="7111">
                  <c:v>70.933999999999997</c:v>
                </c:pt>
                <c:pt idx="7112">
                  <c:v>70.942999999999998</c:v>
                </c:pt>
                <c:pt idx="7113">
                  <c:v>70.953999999999994</c:v>
                </c:pt>
                <c:pt idx="7114">
                  <c:v>70.962999999999994</c:v>
                </c:pt>
                <c:pt idx="7115">
                  <c:v>70.974000000000004</c:v>
                </c:pt>
                <c:pt idx="7116">
                  <c:v>70.983000000000004</c:v>
                </c:pt>
                <c:pt idx="7117">
                  <c:v>70.992999999999995</c:v>
                </c:pt>
                <c:pt idx="7118">
                  <c:v>71.003</c:v>
                </c:pt>
                <c:pt idx="7119">
                  <c:v>71.012</c:v>
                </c:pt>
                <c:pt idx="7120">
                  <c:v>71.022000000000006</c:v>
                </c:pt>
                <c:pt idx="7121">
                  <c:v>71.031999999999996</c:v>
                </c:pt>
                <c:pt idx="7122">
                  <c:v>71.040999999999997</c:v>
                </c:pt>
                <c:pt idx="7123">
                  <c:v>71.051000000000002</c:v>
                </c:pt>
                <c:pt idx="7124">
                  <c:v>71.061999999999998</c:v>
                </c:pt>
                <c:pt idx="7125">
                  <c:v>71.072000000000003</c:v>
                </c:pt>
                <c:pt idx="7126">
                  <c:v>71.081999999999994</c:v>
                </c:pt>
                <c:pt idx="7127">
                  <c:v>71.091999999999999</c:v>
                </c:pt>
                <c:pt idx="7128">
                  <c:v>71.102000000000004</c:v>
                </c:pt>
                <c:pt idx="7129">
                  <c:v>71.111999999999995</c:v>
                </c:pt>
                <c:pt idx="7130">
                  <c:v>71.122</c:v>
                </c:pt>
                <c:pt idx="7131">
                  <c:v>71.132000000000005</c:v>
                </c:pt>
                <c:pt idx="7132">
                  <c:v>71.143000000000001</c:v>
                </c:pt>
                <c:pt idx="7133">
                  <c:v>71.152000000000001</c:v>
                </c:pt>
                <c:pt idx="7134">
                  <c:v>71.162000000000006</c:v>
                </c:pt>
                <c:pt idx="7135">
                  <c:v>71.171999999999997</c:v>
                </c:pt>
                <c:pt idx="7136">
                  <c:v>71.183000000000007</c:v>
                </c:pt>
                <c:pt idx="7137">
                  <c:v>71.191999999999993</c:v>
                </c:pt>
                <c:pt idx="7138">
                  <c:v>71.203999999999994</c:v>
                </c:pt>
                <c:pt idx="7139">
                  <c:v>71.212999999999994</c:v>
                </c:pt>
                <c:pt idx="7140">
                  <c:v>71.222999999999999</c:v>
                </c:pt>
                <c:pt idx="7141">
                  <c:v>71.233000000000004</c:v>
                </c:pt>
                <c:pt idx="7142">
                  <c:v>71.244</c:v>
                </c:pt>
                <c:pt idx="7143">
                  <c:v>71.254000000000005</c:v>
                </c:pt>
                <c:pt idx="7144">
                  <c:v>71.263999999999996</c:v>
                </c:pt>
                <c:pt idx="7145">
                  <c:v>71.275000000000006</c:v>
                </c:pt>
                <c:pt idx="7146">
                  <c:v>71.284000000000006</c:v>
                </c:pt>
                <c:pt idx="7147">
                  <c:v>71.293999999999997</c:v>
                </c:pt>
                <c:pt idx="7148">
                  <c:v>71.305000000000007</c:v>
                </c:pt>
                <c:pt idx="7149">
                  <c:v>71.314999999999998</c:v>
                </c:pt>
                <c:pt idx="7150">
                  <c:v>71.325000000000003</c:v>
                </c:pt>
                <c:pt idx="7151">
                  <c:v>71.334999999999994</c:v>
                </c:pt>
                <c:pt idx="7152">
                  <c:v>71.346000000000004</c:v>
                </c:pt>
                <c:pt idx="7153">
                  <c:v>71.355999999999995</c:v>
                </c:pt>
                <c:pt idx="7154">
                  <c:v>71.367000000000004</c:v>
                </c:pt>
                <c:pt idx="7155">
                  <c:v>71.376000000000005</c:v>
                </c:pt>
                <c:pt idx="7156">
                  <c:v>71.388000000000005</c:v>
                </c:pt>
                <c:pt idx="7157">
                  <c:v>71.397000000000006</c:v>
                </c:pt>
                <c:pt idx="7158">
                  <c:v>71.408000000000001</c:v>
                </c:pt>
                <c:pt idx="7159">
                  <c:v>71.417000000000002</c:v>
                </c:pt>
                <c:pt idx="7160">
                  <c:v>71.427000000000007</c:v>
                </c:pt>
                <c:pt idx="7161">
                  <c:v>71.438000000000002</c:v>
                </c:pt>
                <c:pt idx="7162">
                  <c:v>71.447000000000003</c:v>
                </c:pt>
                <c:pt idx="7163">
                  <c:v>71.456999999999994</c:v>
                </c:pt>
                <c:pt idx="7164">
                  <c:v>71.468000000000004</c:v>
                </c:pt>
                <c:pt idx="7165">
                  <c:v>71.477999999999994</c:v>
                </c:pt>
                <c:pt idx="7166">
                  <c:v>71.488</c:v>
                </c:pt>
                <c:pt idx="7167">
                  <c:v>71.498000000000005</c:v>
                </c:pt>
                <c:pt idx="7168">
                  <c:v>71.507999999999996</c:v>
                </c:pt>
                <c:pt idx="7169">
                  <c:v>71.519000000000005</c:v>
                </c:pt>
                <c:pt idx="7170">
                  <c:v>71.528999999999996</c:v>
                </c:pt>
                <c:pt idx="7171">
                  <c:v>71.537999999999997</c:v>
                </c:pt>
                <c:pt idx="7172">
                  <c:v>71.548000000000002</c:v>
                </c:pt>
                <c:pt idx="7173">
                  <c:v>71.558000000000007</c:v>
                </c:pt>
                <c:pt idx="7174">
                  <c:v>71.573999999999998</c:v>
                </c:pt>
                <c:pt idx="7175">
                  <c:v>71.584000000000003</c:v>
                </c:pt>
                <c:pt idx="7176">
                  <c:v>71.593000000000004</c:v>
                </c:pt>
                <c:pt idx="7177">
                  <c:v>71.603999999999999</c:v>
                </c:pt>
                <c:pt idx="7178">
                  <c:v>71.614000000000004</c:v>
                </c:pt>
                <c:pt idx="7179">
                  <c:v>71.623999999999995</c:v>
                </c:pt>
                <c:pt idx="7180">
                  <c:v>71.635000000000005</c:v>
                </c:pt>
                <c:pt idx="7181">
                  <c:v>71.644999999999996</c:v>
                </c:pt>
                <c:pt idx="7182">
                  <c:v>71.655000000000001</c:v>
                </c:pt>
                <c:pt idx="7183">
                  <c:v>71.665000000000006</c:v>
                </c:pt>
                <c:pt idx="7184">
                  <c:v>71.674999999999997</c:v>
                </c:pt>
                <c:pt idx="7185">
                  <c:v>71.686000000000007</c:v>
                </c:pt>
                <c:pt idx="7186">
                  <c:v>71.695999999999998</c:v>
                </c:pt>
                <c:pt idx="7187">
                  <c:v>71.706000000000003</c:v>
                </c:pt>
                <c:pt idx="7188">
                  <c:v>71.716999999999999</c:v>
                </c:pt>
                <c:pt idx="7189">
                  <c:v>71.727000000000004</c:v>
                </c:pt>
                <c:pt idx="7190">
                  <c:v>71.736000000000004</c:v>
                </c:pt>
                <c:pt idx="7191">
                  <c:v>71.747</c:v>
                </c:pt>
                <c:pt idx="7192">
                  <c:v>71.757000000000005</c:v>
                </c:pt>
                <c:pt idx="7193">
                  <c:v>71.766999999999996</c:v>
                </c:pt>
                <c:pt idx="7194">
                  <c:v>71.778000000000006</c:v>
                </c:pt>
                <c:pt idx="7195">
                  <c:v>71.787999999999997</c:v>
                </c:pt>
                <c:pt idx="7196">
                  <c:v>71.799000000000007</c:v>
                </c:pt>
                <c:pt idx="7197">
                  <c:v>71.808999999999997</c:v>
                </c:pt>
                <c:pt idx="7198">
                  <c:v>71.813999999999993</c:v>
                </c:pt>
                <c:pt idx="7199">
                  <c:v>71.834000000000003</c:v>
                </c:pt>
                <c:pt idx="7200">
                  <c:v>71.843000000000004</c:v>
                </c:pt>
                <c:pt idx="7201">
                  <c:v>71.853999999999999</c:v>
                </c:pt>
                <c:pt idx="7202">
                  <c:v>71.864000000000004</c:v>
                </c:pt>
                <c:pt idx="7203">
                  <c:v>71.873000000000005</c:v>
                </c:pt>
                <c:pt idx="7204">
                  <c:v>71.884</c:v>
                </c:pt>
                <c:pt idx="7205">
                  <c:v>71.894000000000005</c:v>
                </c:pt>
                <c:pt idx="7206">
                  <c:v>71.903999999999996</c:v>
                </c:pt>
                <c:pt idx="7207">
                  <c:v>71.914000000000001</c:v>
                </c:pt>
                <c:pt idx="7208">
                  <c:v>71.924999999999997</c:v>
                </c:pt>
                <c:pt idx="7209">
                  <c:v>71.935000000000002</c:v>
                </c:pt>
                <c:pt idx="7210">
                  <c:v>71.944000000000003</c:v>
                </c:pt>
                <c:pt idx="7211">
                  <c:v>71.953999999999994</c:v>
                </c:pt>
                <c:pt idx="7212">
                  <c:v>71.995000000000005</c:v>
                </c:pt>
                <c:pt idx="7213">
                  <c:v>72.004999999999995</c:v>
                </c:pt>
                <c:pt idx="7214">
                  <c:v>72.016000000000005</c:v>
                </c:pt>
                <c:pt idx="7215">
                  <c:v>72.025999999999996</c:v>
                </c:pt>
                <c:pt idx="7216">
                  <c:v>72.036000000000001</c:v>
                </c:pt>
                <c:pt idx="7217">
                  <c:v>72.046000000000006</c:v>
                </c:pt>
                <c:pt idx="7218">
                  <c:v>72.057000000000002</c:v>
                </c:pt>
                <c:pt idx="7219">
                  <c:v>72.066999999999993</c:v>
                </c:pt>
                <c:pt idx="7220">
                  <c:v>72.075999999999993</c:v>
                </c:pt>
                <c:pt idx="7221">
                  <c:v>72.087999999999994</c:v>
                </c:pt>
                <c:pt idx="7222">
                  <c:v>72.097999999999999</c:v>
                </c:pt>
                <c:pt idx="7223">
                  <c:v>72.108000000000004</c:v>
                </c:pt>
                <c:pt idx="7224">
                  <c:v>72.119</c:v>
                </c:pt>
                <c:pt idx="7225">
                  <c:v>72.129000000000005</c:v>
                </c:pt>
                <c:pt idx="7226">
                  <c:v>72.138999999999996</c:v>
                </c:pt>
                <c:pt idx="7227">
                  <c:v>72.149000000000001</c:v>
                </c:pt>
                <c:pt idx="7228">
                  <c:v>72.16</c:v>
                </c:pt>
                <c:pt idx="7229">
                  <c:v>72.168999999999997</c:v>
                </c:pt>
                <c:pt idx="7230">
                  <c:v>72.179000000000002</c:v>
                </c:pt>
                <c:pt idx="7231">
                  <c:v>72.188999999999993</c:v>
                </c:pt>
                <c:pt idx="7232">
                  <c:v>72.2</c:v>
                </c:pt>
                <c:pt idx="7233">
                  <c:v>72.209999999999994</c:v>
                </c:pt>
                <c:pt idx="7234">
                  <c:v>72.22</c:v>
                </c:pt>
                <c:pt idx="7235">
                  <c:v>72.23</c:v>
                </c:pt>
                <c:pt idx="7236">
                  <c:v>72.241</c:v>
                </c:pt>
                <c:pt idx="7237">
                  <c:v>72.25</c:v>
                </c:pt>
                <c:pt idx="7238">
                  <c:v>72.260000000000005</c:v>
                </c:pt>
                <c:pt idx="7239">
                  <c:v>72.271000000000001</c:v>
                </c:pt>
                <c:pt idx="7240">
                  <c:v>72.281000000000006</c:v>
                </c:pt>
                <c:pt idx="7241">
                  <c:v>72.290999999999997</c:v>
                </c:pt>
                <c:pt idx="7242">
                  <c:v>72.302000000000007</c:v>
                </c:pt>
                <c:pt idx="7243">
                  <c:v>72.311999999999998</c:v>
                </c:pt>
                <c:pt idx="7244">
                  <c:v>72.320999999999998</c:v>
                </c:pt>
                <c:pt idx="7245">
                  <c:v>72.331999999999994</c:v>
                </c:pt>
                <c:pt idx="7246">
                  <c:v>72.341999999999999</c:v>
                </c:pt>
                <c:pt idx="7247">
                  <c:v>72.350999999999999</c:v>
                </c:pt>
                <c:pt idx="7248">
                  <c:v>72.361000000000004</c:v>
                </c:pt>
                <c:pt idx="7249">
                  <c:v>72.372</c:v>
                </c:pt>
                <c:pt idx="7250">
                  <c:v>72.382000000000005</c:v>
                </c:pt>
                <c:pt idx="7251">
                  <c:v>72.391999999999996</c:v>
                </c:pt>
                <c:pt idx="7252">
                  <c:v>72.402000000000001</c:v>
                </c:pt>
                <c:pt idx="7253">
                  <c:v>72.412999999999997</c:v>
                </c:pt>
                <c:pt idx="7254">
                  <c:v>72.421999999999997</c:v>
                </c:pt>
                <c:pt idx="7255">
                  <c:v>72.432000000000002</c:v>
                </c:pt>
                <c:pt idx="7256">
                  <c:v>72.442999999999998</c:v>
                </c:pt>
                <c:pt idx="7257">
                  <c:v>72.451999999999998</c:v>
                </c:pt>
                <c:pt idx="7258">
                  <c:v>72.456000000000003</c:v>
                </c:pt>
                <c:pt idx="7259">
                  <c:v>72.472999999999999</c:v>
                </c:pt>
                <c:pt idx="7260">
                  <c:v>72.483999999999995</c:v>
                </c:pt>
                <c:pt idx="7261">
                  <c:v>72.492999999999995</c:v>
                </c:pt>
                <c:pt idx="7262">
                  <c:v>72.503</c:v>
                </c:pt>
                <c:pt idx="7263">
                  <c:v>72.512</c:v>
                </c:pt>
                <c:pt idx="7264">
                  <c:v>72.522999999999996</c:v>
                </c:pt>
                <c:pt idx="7265">
                  <c:v>72.531999999999996</c:v>
                </c:pt>
                <c:pt idx="7266">
                  <c:v>72.540999999999997</c:v>
                </c:pt>
                <c:pt idx="7267">
                  <c:v>72.55</c:v>
                </c:pt>
                <c:pt idx="7268">
                  <c:v>72.561000000000007</c:v>
                </c:pt>
                <c:pt idx="7269">
                  <c:v>72.570999999999998</c:v>
                </c:pt>
                <c:pt idx="7270">
                  <c:v>72.58</c:v>
                </c:pt>
                <c:pt idx="7271">
                  <c:v>72.59</c:v>
                </c:pt>
                <c:pt idx="7272">
                  <c:v>72.600999999999999</c:v>
                </c:pt>
                <c:pt idx="7273">
                  <c:v>72.61</c:v>
                </c:pt>
                <c:pt idx="7274">
                  <c:v>72.620999999999995</c:v>
                </c:pt>
                <c:pt idx="7275">
                  <c:v>72.631</c:v>
                </c:pt>
                <c:pt idx="7276">
                  <c:v>72.64</c:v>
                </c:pt>
                <c:pt idx="7277">
                  <c:v>72.650999999999996</c:v>
                </c:pt>
                <c:pt idx="7278">
                  <c:v>72.66</c:v>
                </c:pt>
                <c:pt idx="7279">
                  <c:v>72.67</c:v>
                </c:pt>
                <c:pt idx="7280">
                  <c:v>72.680000000000007</c:v>
                </c:pt>
                <c:pt idx="7281">
                  <c:v>72.69</c:v>
                </c:pt>
                <c:pt idx="7282">
                  <c:v>72.7</c:v>
                </c:pt>
                <c:pt idx="7283">
                  <c:v>72.709999999999994</c:v>
                </c:pt>
                <c:pt idx="7284">
                  <c:v>72.72</c:v>
                </c:pt>
                <c:pt idx="7285">
                  <c:v>72.728999999999999</c:v>
                </c:pt>
                <c:pt idx="7286">
                  <c:v>72.739999999999995</c:v>
                </c:pt>
                <c:pt idx="7287">
                  <c:v>72.748999999999995</c:v>
                </c:pt>
                <c:pt idx="7288">
                  <c:v>72.760000000000005</c:v>
                </c:pt>
                <c:pt idx="7289">
                  <c:v>72.769000000000005</c:v>
                </c:pt>
                <c:pt idx="7290">
                  <c:v>72.778000000000006</c:v>
                </c:pt>
                <c:pt idx="7291">
                  <c:v>72.789000000000001</c:v>
                </c:pt>
                <c:pt idx="7292">
                  <c:v>72.798000000000002</c:v>
                </c:pt>
                <c:pt idx="7293">
                  <c:v>72.807000000000002</c:v>
                </c:pt>
                <c:pt idx="7294">
                  <c:v>72.816999999999993</c:v>
                </c:pt>
                <c:pt idx="7295">
                  <c:v>72.826999999999998</c:v>
                </c:pt>
                <c:pt idx="7296">
                  <c:v>72.837000000000003</c:v>
                </c:pt>
                <c:pt idx="7297">
                  <c:v>72.846000000000004</c:v>
                </c:pt>
                <c:pt idx="7298">
                  <c:v>72.855999999999995</c:v>
                </c:pt>
                <c:pt idx="7299">
                  <c:v>72.866</c:v>
                </c:pt>
                <c:pt idx="7300">
                  <c:v>72.876000000000005</c:v>
                </c:pt>
                <c:pt idx="7301">
                  <c:v>72.885000000000005</c:v>
                </c:pt>
                <c:pt idx="7302">
                  <c:v>72.894999999999996</c:v>
                </c:pt>
                <c:pt idx="7303">
                  <c:v>72.903999999999996</c:v>
                </c:pt>
                <c:pt idx="7304">
                  <c:v>72.914000000000001</c:v>
                </c:pt>
                <c:pt idx="7305">
                  <c:v>72.924000000000007</c:v>
                </c:pt>
                <c:pt idx="7306">
                  <c:v>72.933999999999997</c:v>
                </c:pt>
                <c:pt idx="7307">
                  <c:v>72.942999999999998</c:v>
                </c:pt>
                <c:pt idx="7308">
                  <c:v>72.953000000000003</c:v>
                </c:pt>
                <c:pt idx="7309">
                  <c:v>72.960999999999999</c:v>
                </c:pt>
                <c:pt idx="7310">
                  <c:v>72.97</c:v>
                </c:pt>
                <c:pt idx="7311">
                  <c:v>72.978999999999999</c:v>
                </c:pt>
                <c:pt idx="7312">
                  <c:v>72.988</c:v>
                </c:pt>
                <c:pt idx="7313">
                  <c:v>72.995999999999995</c:v>
                </c:pt>
                <c:pt idx="7314">
                  <c:v>73.006</c:v>
                </c:pt>
                <c:pt idx="7315">
                  <c:v>73.015000000000001</c:v>
                </c:pt>
                <c:pt idx="7316">
                  <c:v>73.025000000000006</c:v>
                </c:pt>
                <c:pt idx="7317">
                  <c:v>73.036000000000001</c:v>
                </c:pt>
                <c:pt idx="7318">
                  <c:v>73.045000000000002</c:v>
                </c:pt>
                <c:pt idx="7319">
                  <c:v>73.054000000000002</c:v>
                </c:pt>
                <c:pt idx="7320">
                  <c:v>73.063999999999993</c:v>
                </c:pt>
                <c:pt idx="7321">
                  <c:v>73.072999999999993</c:v>
                </c:pt>
                <c:pt idx="7322">
                  <c:v>73.081999999999994</c:v>
                </c:pt>
                <c:pt idx="7323">
                  <c:v>73.090999999999994</c:v>
                </c:pt>
                <c:pt idx="7324">
                  <c:v>73.100999999999999</c:v>
                </c:pt>
                <c:pt idx="7325">
                  <c:v>73.11</c:v>
                </c:pt>
                <c:pt idx="7326">
                  <c:v>73.12</c:v>
                </c:pt>
                <c:pt idx="7327">
                  <c:v>73.129000000000005</c:v>
                </c:pt>
                <c:pt idx="7328">
                  <c:v>73.138999999999996</c:v>
                </c:pt>
                <c:pt idx="7329">
                  <c:v>73.147999999999996</c:v>
                </c:pt>
                <c:pt idx="7330">
                  <c:v>73.156999999999996</c:v>
                </c:pt>
                <c:pt idx="7331">
                  <c:v>73.167000000000002</c:v>
                </c:pt>
                <c:pt idx="7332">
                  <c:v>73.177000000000007</c:v>
                </c:pt>
                <c:pt idx="7333">
                  <c:v>73.186000000000007</c:v>
                </c:pt>
                <c:pt idx="7334">
                  <c:v>73.195999999999998</c:v>
                </c:pt>
                <c:pt idx="7335">
                  <c:v>73.203999999999994</c:v>
                </c:pt>
                <c:pt idx="7336">
                  <c:v>73.213999999999999</c:v>
                </c:pt>
                <c:pt idx="7337">
                  <c:v>73.222999999999999</c:v>
                </c:pt>
                <c:pt idx="7338">
                  <c:v>73.233000000000004</c:v>
                </c:pt>
                <c:pt idx="7339">
                  <c:v>73.242000000000004</c:v>
                </c:pt>
                <c:pt idx="7340">
                  <c:v>73.251999999999995</c:v>
                </c:pt>
                <c:pt idx="7341">
                  <c:v>73.260999999999996</c:v>
                </c:pt>
                <c:pt idx="7342">
                  <c:v>73.271000000000001</c:v>
                </c:pt>
                <c:pt idx="7343">
                  <c:v>73.28</c:v>
                </c:pt>
                <c:pt idx="7344">
                  <c:v>73.290000000000006</c:v>
                </c:pt>
                <c:pt idx="7345">
                  <c:v>73.3</c:v>
                </c:pt>
                <c:pt idx="7346">
                  <c:v>73.31</c:v>
                </c:pt>
                <c:pt idx="7347">
                  <c:v>73.319000000000003</c:v>
                </c:pt>
                <c:pt idx="7348">
                  <c:v>73.33</c:v>
                </c:pt>
                <c:pt idx="7349">
                  <c:v>73.338999999999999</c:v>
                </c:pt>
                <c:pt idx="7350">
                  <c:v>73.349000000000004</c:v>
                </c:pt>
                <c:pt idx="7351">
                  <c:v>73.358999999999995</c:v>
                </c:pt>
                <c:pt idx="7352">
                  <c:v>73.369</c:v>
                </c:pt>
                <c:pt idx="7353">
                  <c:v>73.379000000000005</c:v>
                </c:pt>
                <c:pt idx="7354">
                  <c:v>73.388999999999996</c:v>
                </c:pt>
                <c:pt idx="7355">
                  <c:v>73.397999999999996</c:v>
                </c:pt>
                <c:pt idx="7356">
                  <c:v>73.408000000000001</c:v>
                </c:pt>
                <c:pt idx="7357">
                  <c:v>73.417000000000002</c:v>
                </c:pt>
                <c:pt idx="7358">
                  <c:v>73.427999999999997</c:v>
                </c:pt>
                <c:pt idx="7359">
                  <c:v>73.436999999999998</c:v>
                </c:pt>
                <c:pt idx="7360">
                  <c:v>73.447000000000003</c:v>
                </c:pt>
                <c:pt idx="7361">
                  <c:v>73.456999999999994</c:v>
                </c:pt>
                <c:pt idx="7362">
                  <c:v>73.466999999999999</c:v>
                </c:pt>
                <c:pt idx="7363">
                  <c:v>73.475999999999999</c:v>
                </c:pt>
                <c:pt idx="7364">
                  <c:v>73.486000000000004</c:v>
                </c:pt>
                <c:pt idx="7365">
                  <c:v>73.494</c:v>
                </c:pt>
                <c:pt idx="7366">
                  <c:v>73.504000000000005</c:v>
                </c:pt>
                <c:pt idx="7367">
                  <c:v>73.512</c:v>
                </c:pt>
                <c:pt idx="7368">
                  <c:v>73.522000000000006</c:v>
                </c:pt>
                <c:pt idx="7369">
                  <c:v>73.531000000000006</c:v>
                </c:pt>
                <c:pt idx="7370">
                  <c:v>73.540999999999997</c:v>
                </c:pt>
                <c:pt idx="7371">
                  <c:v>73.55</c:v>
                </c:pt>
                <c:pt idx="7372">
                  <c:v>73.56</c:v>
                </c:pt>
                <c:pt idx="7373">
                  <c:v>73.569999999999993</c:v>
                </c:pt>
                <c:pt idx="7374">
                  <c:v>73.578999999999994</c:v>
                </c:pt>
                <c:pt idx="7375">
                  <c:v>73.588999999999999</c:v>
                </c:pt>
                <c:pt idx="7376">
                  <c:v>73.599000000000004</c:v>
                </c:pt>
                <c:pt idx="7377">
                  <c:v>73.608999999999995</c:v>
                </c:pt>
                <c:pt idx="7378">
                  <c:v>73.619</c:v>
                </c:pt>
                <c:pt idx="7379">
                  <c:v>73.629000000000005</c:v>
                </c:pt>
                <c:pt idx="7380">
                  <c:v>73.638000000000005</c:v>
                </c:pt>
                <c:pt idx="7381">
                  <c:v>73.647999999999996</c:v>
                </c:pt>
                <c:pt idx="7382">
                  <c:v>73.658000000000001</c:v>
                </c:pt>
                <c:pt idx="7383">
                  <c:v>73.668999999999997</c:v>
                </c:pt>
                <c:pt idx="7384">
                  <c:v>73.677999999999997</c:v>
                </c:pt>
                <c:pt idx="7385">
                  <c:v>73.688999999999993</c:v>
                </c:pt>
                <c:pt idx="7386">
                  <c:v>73.697999999999993</c:v>
                </c:pt>
                <c:pt idx="7387">
                  <c:v>73.709000000000003</c:v>
                </c:pt>
                <c:pt idx="7388">
                  <c:v>73.718000000000004</c:v>
                </c:pt>
                <c:pt idx="7389">
                  <c:v>73.728999999999999</c:v>
                </c:pt>
                <c:pt idx="7390">
                  <c:v>73.738</c:v>
                </c:pt>
                <c:pt idx="7391">
                  <c:v>73.748000000000005</c:v>
                </c:pt>
                <c:pt idx="7392">
                  <c:v>73.757000000000005</c:v>
                </c:pt>
                <c:pt idx="7393">
                  <c:v>73.766999999999996</c:v>
                </c:pt>
                <c:pt idx="7394">
                  <c:v>73.777000000000001</c:v>
                </c:pt>
                <c:pt idx="7395">
                  <c:v>73.787000000000006</c:v>
                </c:pt>
                <c:pt idx="7396">
                  <c:v>73.805000000000007</c:v>
                </c:pt>
                <c:pt idx="7397">
                  <c:v>73.814999999999998</c:v>
                </c:pt>
                <c:pt idx="7398">
                  <c:v>73.823999999999998</c:v>
                </c:pt>
                <c:pt idx="7399">
                  <c:v>73.834000000000003</c:v>
                </c:pt>
                <c:pt idx="7400">
                  <c:v>73.843000000000004</c:v>
                </c:pt>
                <c:pt idx="7401">
                  <c:v>73.852999999999994</c:v>
                </c:pt>
                <c:pt idx="7402">
                  <c:v>73.861000000000004</c:v>
                </c:pt>
                <c:pt idx="7403">
                  <c:v>73.870999999999995</c:v>
                </c:pt>
                <c:pt idx="7404">
                  <c:v>73.88</c:v>
                </c:pt>
                <c:pt idx="7405">
                  <c:v>73.89</c:v>
                </c:pt>
                <c:pt idx="7406">
                  <c:v>73.899000000000001</c:v>
                </c:pt>
                <c:pt idx="7407">
                  <c:v>73.908000000000001</c:v>
                </c:pt>
                <c:pt idx="7408">
                  <c:v>73.918000000000006</c:v>
                </c:pt>
                <c:pt idx="7409">
                  <c:v>73.927000000000007</c:v>
                </c:pt>
                <c:pt idx="7410">
                  <c:v>73.936999999999998</c:v>
                </c:pt>
                <c:pt idx="7411">
                  <c:v>73.945999999999998</c:v>
                </c:pt>
                <c:pt idx="7412">
                  <c:v>73.956000000000003</c:v>
                </c:pt>
                <c:pt idx="7413">
                  <c:v>73.965000000000003</c:v>
                </c:pt>
                <c:pt idx="7414">
                  <c:v>73.974999999999994</c:v>
                </c:pt>
                <c:pt idx="7415">
                  <c:v>73.983000000000004</c:v>
                </c:pt>
                <c:pt idx="7416">
                  <c:v>73.991</c:v>
                </c:pt>
                <c:pt idx="7417">
                  <c:v>74</c:v>
                </c:pt>
                <c:pt idx="7418">
                  <c:v>74.010999999999996</c:v>
                </c:pt>
                <c:pt idx="7419">
                  <c:v>74.018000000000001</c:v>
                </c:pt>
                <c:pt idx="7420">
                  <c:v>74.036000000000001</c:v>
                </c:pt>
                <c:pt idx="7421">
                  <c:v>74.045000000000002</c:v>
                </c:pt>
                <c:pt idx="7422">
                  <c:v>74.054000000000002</c:v>
                </c:pt>
                <c:pt idx="7423">
                  <c:v>74.063000000000002</c:v>
                </c:pt>
                <c:pt idx="7424">
                  <c:v>74.072000000000003</c:v>
                </c:pt>
                <c:pt idx="7425">
                  <c:v>74.081000000000003</c:v>
                </c:pt>
                <c:pt idx="7426">
                  <c:v>74.088999999999999</c:v>
                </c:pt>
                <c:pt idx="7427">
                  <c:v>74.097999999999999</c:v>
                </c:pt>
                <c:pt idx="7428">
                  <c:v>74.105999999999995</c:v>
                </c:pt>
                <c:pt idx="7429">
                  <c:v>74.114999999999995</c:v>
                </c:pt>
                <c:pt idx="7430">
                  <c:v>74.123999999999995</c:v>
                </c:pt>
                <c:pt idx="7431">
                  <c:v>74.132999999999996</c:v>
                </c:pt>
                <c:pt idx="7432">
                  <c:v>74.141000000000005</c:v>
                </c:pt>
                <c:pt idx="7433">
                  <c:v>74.150000000000006</c:v>
                </c:pt>
                <c:pt idx="7434">
                  <c:v>74.158000000000001</c:v>
                </c:pt>
                <c:pt idx="7435">
                  <c:v>74.167000000000002</c:v>
                </c:pt>
                <c:pt idx="7436">
                  <c:v>74.174999999999997</c:v>
                </c:pt>
                <c:pt idx="7437">
                  <c:v>74.185000000000002</c:v>
                </c:pt>
                <c:pt idx="7438">
                  <c:v>74.192999999999998</c:v>
                </c:pt>
                <c:pt idx="7439">
                  <c:v>74.201999999999998</c:v>
                </c:pt>
                <c:pt idx="7440">
                  <c:v>74.209999999999994</c:v>
                </c:pt>
                <c:pt idx="7441">
                  <c:v>74.218999999999994</c:v>
                </c:pt>
                <c:pt idx="7442">
                  <c:v>74.227000000000004</c:v>
                </c:pt>
                <c:pt idx="7443">
                  <c:v>74.234999999999999</c:v>
                </c:pt>
                <c:pt idx="7444">
                  <c:v>74.242000000000004</c:v>
                </c:pt>
                <c:pt idx="7445">
                  <c:v>74.25</c:v>
                </c:pt>
                <c:pt idx="7446">
                  <c:v>74.256</c:v>
                </c:pt>
                <c:pt idx="7447">
                  <c:v>74.265000000000001</c:v>
                </c:pt>
                <c:pt idx="7448">
                  <c:v>74.271000000000001</c:v>
                </c:pt>
                <c:pt idx="7449">
                  <c:v>74.28</c:v>
                </c:pt>
                <c:pt idx="7450">
                  <c:v>74.284000000000006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8AEF-4349-9F39-F573491C1C15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1032885056"/>
        <c:axId val="1032881696"/>
      </c:scatterChart>
      <c:valAx>
        <c:axId val="1032885056"/>
        <c:scaling>
          <c:orientation val="minMax"/>
        </c:scaling>
        <c:delete val="0"/>
        <c:axPos val="t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minorGridlines>
          <c:spPr>
            <a:ln w="9525" cap="flat" cmpd="sng" algn="ctr">
              <a:solidFill>
                <a:schemeClr val="tx1">
                  <a:lumMod val="5000"/>
                  <a:lumOff val="95000"/>
                </a:schemeClr>
              </a:solidFill>
              <a:round/>
            </a:ln>
            <a:effectLst/>
          </c:spPr>
        </c:minorGridlines>
        <c:title>
          <c:tx>
            <c:rich>
              <a:bodyPr rot="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/>
                  <a:t>f</a:t>
                </a:r>
                <a:r>
                  <a:rPr lang="en-GB" baseline="-25000"/>
                  <a:t>s</a:t>
                </a:r>
                <a:r>
                  <a:rPr lang="en-GB"/>
                  <a:t> [MPa]</a:t>
                </a:r>
              </a:p>
            </c:rich>
          </c:tx>
          <c:layout>
            <c:manualLayout>
              <c:xMode val="edge"/>
              <c:yMode val="edge"/>
              <c:x val="0.48100138888888888"/>
              <c:y val="7.0767222222222231E-2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032881696"/>
        <c:crosses val="autoZero"/>
        <c:crossBetween val="midCat"/>
      </c:valAx>
      <c:valAx>
        <c:axId val="1032881696"/>
        <c:scaling>
          <c:orientation val="maxMin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minorGridlines>
          <c:spPr>
            <a:ln w="9525" cap="flat" cmpd="sng" algn="ctr">
              <a:solidFill>
                <a:schemeClr val="tx1">
                  <a:lumMod val="5000"/>
                  <a:lumOff val="95000"/>
                </a:schemeClr>
              </a:solidFill>
              <a:round/>
            </a:ln>
            <a:effectLst/>
          </c:spPr>
        </c:min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/>
                  <a:t>Depth [m]</a:t>
                </a:r>
              </a:p>
            </c:rich>
          </c:tx>
          <c:layout>
            <c:manualLayout>
              <c:xMode val="edge"/>
              <c:yMode val="edge"/>
              <c:x val="1.4111111111111111E-2"/>
              <c:y val="0.48736259259259257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032885056"/>
        <c:crosses val="autoZero"/>
        <c:crossBetween val="midCat"/>
        <c:majorUnit val="5"/>
        <c:minorUnit val="1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Unit Weight, </a:t>
            </a:r>
            <a:r>
              <a:rPr lang="en-US">
                <a:latin typeface="Symbol" panose="05050102010706020507" pitchFamily="18" charset="2"/>
              </a:rPr>
              <a:t>g</a:t>
            </a:r>
            <a:endParaRPr lang="en-US" baseline="-25000"/>
          </a:p>
        </c:rich>
      </c:tx>
      <c:layout>
        <c:manualLayout>
          <c:xMode val="edge"/>
          <c:yMode val="edge"/>
          <c:x val="0.38647449494949493"/>
          <c:y val="1.1759259259259259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13819777777777775"/>
          <c:y val="0.15403055555555559"/>
          <c:w val="0.82102111111111109"/>
          <c:h val="0.75689277777777764"/>
        </c:manualLayout>
      </c:layout>
      <c:scatterChart>
        <c:scatterStyle val="lineMarker"/>
        <c:varyColors val="0"/>
        <c:ser>
          <c:idx val="1"/>
          <c:order val="0"/>
          <c:tx>
            <c:strRef>
              <c:f>'CPT Data'!$I$10</c:f>
              <c:strCache>
                <c:ptCount val="1"/>
                <c:pt idx="0">
                  <c:v>Unit Weight, g</c:v>
                </c:pt>
              </c:strCache>
            </c:strRef>
          </c:tx>
          <c:spPr>
            <a:ln w="19050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xVal>
            <c:numRef>
              <c:f>'CPT Data'!$I$12:$I$7462</c:f>
              <c:numCache>
                <c:formatCode>General</c:formatCode>
                <c:ptCount val="7451"/>
                <c:pt idx="2">
                  <c:v>10.600008062888222</c:v>
                </c:pt>
                <c:pt idx="3">
                  <c:v>11.412388744993432</c:v>
                </c:pt>
                <c:pt idx="4">
                  <c:v>12.224136543370561</c:v>
                </c:pt>
                <c:pt idx="5">
                  <c:v>12.488655332561834</c:v>
                </c:pt>
                <c:pt idx="6">
                  <c:v>12.485384987378518</c:v>
                </c:pt>
                <c:pt idx="7">
                  <c:v>12.486819980022794</c:v>
                </c:pt>
                <c:pt idx="8">
                  <c:v>11.888858839971926</c:v>
                </c:pt>
                <c:pt idx="9">
                  <c:v>10.602360886565929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</c:v>
                </c:pt>
                <c:pt idx="21">
                  <c:v>0</c:v>
                </c:pt>
                <c:pt idx="22">
                  <c:v>11.054838806618314</c:v>
                </c:pt>
                <c:pt idx="23">
                  <c:v>10.925729960542958</c:v>
                </c:pt>
                <c:pt idx="24">
                  <c:v>10.960428694668</c:v>
                </c:pt>
                <c:pt idx="25">
                  <c:v>10.978081827432733</c:v>
                </c:pt>
                <c:pt idx="26">
                  <c:v>11.164915335385242</c:v>
                </c:pt>
                <c:pt idx="27">
                  <c:v>11.162716370183324</c:v>
                </c:pt>
                <c:pt idx="28">
                  <c:v>11.157722994531394</c:v>
                </c:pt>
                <c:pt idx="29">
                  <c:v>11.264335656306299</c:v>
                </c:pt>
                <c:pt idx="30">
                  <c:v>11.12634402471414</c:v>
                </c:pt>
                <c:pt idx="31">
                  <c:v>11.13055662166613</c:v>
                </c:pt>
                <c:pt idx="32">
                  <c:v>11.134724300506244</c:v>
                </c:pt>
                <c:pt idx="33">
                  <c:v>11.170899468095996</c:v>
                </c:pt>
                <c:pt idx="34">
                  <c:v>11.215253527308604</c:v>
                </c:pt>
                <c:pt idx="35">
                  <c:v>11.093853221384169</c:v>
                </c:pt>
                <c:pt idx="36">
                  <c:v>11.334032681699703</c:v>
                </c:pt>
                <c:pt idx="37">
                  <c:v>11.384353770225815</c:v>
                </c:pt>
                <c:pt idx="38">
                  <c:v>11.423025936279675</c:v>
                </c:pt>
                <c:pt idx="39">
                  <c:v>11.599482970085987</c:v>
                </c:pt>
                <c:pt idx="40">
                  <c:v>11.744267271747002</c:v>
                </c:pt>
                <c:pt idx="41">
                  <c:v>11.758812765335184</c:v>
                </c:pt>
                <c:pt idx="42">
                  <c:v>11.776508753519577</c:v>
                </c:pt>
                <c:pt idx="43">
                  <c:v>11.788743024266811</c:v>
                </c:pt>
                <c:pt idx="44">
                  <c:v>11.790157495172501</c:v>
                </c:pt>
                <c:pt idx="45">
                  <c:v>11.798998866948388</c:v>
                </c:pt>
                <c:pt idx="46">
                  <c:v>11.675340096427707</c:v>
                </c:pt>
                <c:pt idx="47">
                  <c:v>11.679091017436322</c:v>
                </c:pt>
                <c:pt idx="48">
                  <c:v>11.684542500975827</c:v>
                </c:pt>
                <c:pt idx="49">
                  <c:v>11.684542500975827</c:v>
                </c:pt>
                <c:pt idx="50">
                  <c:v>11.542627386415148</c:v>
                </c:pt>
                <c:pt idx="51">
                  <c:v>11.550882498615305</c:v>
                </c:pt>
                <c:pt idx="52">
                  <c:v>11.5553495761937</c:v>
                </c:pt>
                <c:pt idx="53">
                  <c:v>11.564133429753943</c:v>
                </c:pt>
                <c:pt idx="54">
                  <c:v>11.724835395130908</c:v>
                </c:pt>
                <c:pt idx="55">
                  <c:v>11.72852924786028</c:v>
                </c:pt>
                <c:pt idx="56">
                  <c:v>11.592492853813054</c:v>
                </c:pt>
                <c:pt idx="57">
                  <c:v>11.752907629282364</c:v>
                </c:pt>
                <c:pt idx="58">
                  <c:v>11.896435670210392</c:v>
                </c:pt>
                <c:pt idx="59">
                  <c:v>11.901246925811737</c:v>
                </c:pt>
                <c:pt idx="60">
                  <c:v>11.910349433794574</c:v>
                </c:pt>
                <c:pt idx="61">
                  <c:v>11.917719613330641</c:v>
                </c:pt>
                <c:pt idx="62">
                  <c:v>12.037682807229054</c:v>
                </c:pt>
                <c:pt idx="63">
                  <c:v>11.922612872134765</c:v>
                </c:pt>
                <c:pt idx="64">
                  <c:v>11.792468013191858</c:v>
                </c:pt>
                <c:pt idx="65">
                  <c:v>11.792960596790401</c:v>
                </c:pt>
                <c:pt idx="66">
                  <c:v>11.801562084353904</c:v>
                </c:pt>
                <c:pt idx="67">
                  <c:v>11.802203635640677</c:v>
                </c:pt>
                <c:pt idx="68">
                  <c:v>11.652456357965004</c:v>
                </c:pt>
                <c:pt idx="69">
                  <c:v>11.659479476246485</c:v>
                </c:pt>
                <c:pt idx="70">
                  <c:v>11.813263610541467</c:v>
                </c:pt>
                <c:pt idx="71">
                  <c:v>11.479650097327401</c:v>
                </c:pt>
                <c:pt idx="72">
                  <c:v>11.484709413350927</c:v>
                </c:pt>
                <c:pt idx="73">
                  <c:v>11.485318237514072</c:v>
                </c:pt>
                <c:pt idx="74">
                  <c:v>11.487139040653268</c:v>
                </c:pt>
                <c:pt idx="75">
                  <c:v>11.281736374276631</c:v>
                </c:pt>
                <c:pt idx="76">
                  <c:v>11.491504611156557</c:v>
                </c:pt>
                <c:pt idx="77">
                  <c:v>11.494635722963633</c:v>
                </c:pt>
                <c:pt idx="78">
                  <c:v>11.499652557085964</c:v>
                </c:pt>
                <c:pt idx="79">
                  <c:v>11.497889253191483</c:v>
                </c:pt>
                <c:pt idx="80">
                  <c:v>11.499652557085964</c:v>
                </c:pt>
                <c:pt idx="81">
                  <c:v>11.501845559100499</c:v>
                </c:pt>
                <c:pt idx="82">
                  <c:v>11.499505918542239</c:v>
                </c:pt>
                <c:pt idx="83">
                  <c:v>11.503591144586267</c:v>
                </c:pt>
                <c:pt idx="84">
                  <c:v>11.296279161605494</c:v>
                </c:pt>
                <c:pt idx="85">
                  <c:v>11.305589270552478</c:v>
                </c:pt>
                <c:pt idx="86">
                  <c:v>11.520770110304762</c:v>
                </c:pt>
                <c:pt idx="87">
                  <c:v>11.52021411443048</c:v>
                </c:pt>
                <c:pt idx="88">
                  <c:v>11.526971166338098</c:v>
                </c:pt>
                <c:pt idx="89">
                  <c:v>11.316855756269049</c:v>
                </c:pt>
                <c:pt idx="90">
                  <c:v>11.32022704708225</c:v>
                </c:pt>
                <c:pt idx="91">
                  <c:v>10.718405496704051</c:v>
                </c:pt>
                <c:pt idx="92">
                  <c:v>10.727363630296665</c:v>
                </c:pt>
                <c:pt idx="93">
                  <c:v>9.4513680373582361</c:v>
                </c:pt>
                <c:pt idx="94">
                  <c:v>10.747584185632048</c:v>
                </c:pt>
                <c:pt idx="95">
                  <c:v>10.756518632541759</c:v>
                </c:pt>
                <c:pt idx="96">
                  <c:v>11.094955803310544</c:v>
                </c:pt>
                <c:pt idx="97">
                  <c:v>11.097030010011547</c:v>
                </c:pt>
                <c:pt idx="98">
                  <c:v>10.765493278284303</c:v>
                </c:pt>
                <c:pt idx="99">
                  <c:v>11.38526434730325</c:v>
                </c:pt>
                <c:pt idx="100">
                  <c:v>11.38423979879077</c:v>
                </c:pt>
                <c:pt idx="101">
                  <c:v>11.382297182433256</c:v>
                </c:pt>
                <c:pt idx="102">
                  <c:v>11.595857367609154</c:v>
                </c:pt>
                <c:pt idx="103">
                  <c:v>11.38730542261349</c:v>
                </c:pt>
                <c:pt idx="104">
                  <c:v>11.384809323929728</c:v>
                </c:pt>
                <c:pt idx="105">
                  <c:v>11.598257072766462</c:v>
                </c:pt>
                <c:pt idx="106">
                  <c:v>11.77935502026097</c:v>
                </c:pt>
                <c:pt idx="107">
                  <c:v>11.60525715358979</c:v>
                </c:pt>
                <c:pt idx="108">
                  <c:v>11.942591742432199</c:v>
                </c:pt>
                <c:pt idx="109">
                  <c:v>11.948698265402038</c:v>
                </c:pt>
                <c:pt idx="110">
                  <c:v>11.949798364731432</c:v>
                </c:pt>
                <c:pt idx="111">
                  <c:v>12.089226220467221</c:v>
                </c:pt>
                <c:pt idx="112">
                  <c:v>12.211784826786898</c:v>
                </c:pt>
                <c:pt idx="113">
                  <c:v>12.21473724141492</c:v>
                </c:pt>
                <c:pt idx="114">
                  <c:v>12.21831572281538</c:v>
                </c:pt>
                <c:pt idx="115">
                  <c:v>12.216584792629972</c:v>
                </c:pt>
                <c:pt idx="116">
                  <c:v>12.222929968976302</c:v>
                </c:pt>
                <c:pt idx="117">
                  <c:v>12.335755537180088</c:v>
                </c:pt>
                <c:pt idx="118">
                  <c:v>12.338828641251776</c:v>
                </c:pt>
                <c:pt idx="119">
                  <c:v>12.33755994108337</c:v>
                </c:pt>
                <c:pt idx="120">
                  <c:v>12.337030098202026</c:v>
                </c:pt>
                <c:pt idx="121">
                  <c:v>12.233454703759767</c:v>
                </c:pt>
                <c:pt idx="122">
                  <c:v>11.946710250207357</c:v>
                </c:pt>
                <c:pt idx="123">
                  <c:v>11.855538304759101</c:v>
                </c:pt>
                <c:pt idx="124">
                  <c:v>11.861579615655861</c:v>
                </c:pt>
                <c:pt idx="125">
                  <c:v>11.867256368540192</c:v>
                </c:pt>
                <c:pt idx="126">
                  <c:v>11.873836288128935</c:v>
                </c:pt>
                <c:pt idx="127">
                  <c:v>11.876863503977491</c:v>
                </c:pt>
                <c:pt idx="128">
                  <c:v>11.699375071757853</c:v>
                </c:pt>
                <c:pt idx="129">
                  <c:v>11.701917434871298</c:v>
                </c:pt>
                <c:pt idx="130">
                  <c:v>11.489349524767087</c:v>
                </c:pt>
                <c:pt idx="131">
                  <c:v>11.70409593250556</c:v>
                </c:pt>
                <c:pt idx="132">
                  <c:v>11.488302797874058</c:v>
                </c:pt>
                <c:pt idx="133">
                  <c:v>11.48496954803222</c:v>
                </c:pt>
                <c:pt idx="134">
                  <c:v>11.485673650962928</c:v>
                </c:pt>
                <c:pt idx="135">
                  <c:v>11.48169647102489</c:v>
                </c:pt>
                <c:pt idx="136">
                  <c:v>11.478037244303236</c:v>
                </c:pt>
                <c:pt idx="137">
                  <c:v>11.687498647084407</c:v>
                </c:pt>
                <c:pt idx="138">
                  <c:v>11.683305558469094</c:v>
                </c:pt>
                <c:pt idx="139">
                  <c:v>11.8608410891561</c:v>
                </c:pt>
                <c:pt idx="140">
                  <c:v>11.857593527166809</c:v>
                </c:pt>
                <c:pt idx="141">
                  <c:v>12.009013322367126</c:v>
                </c:pt>
                <c:pt idx="142">
                  <c:v>12.006550873981151</c:v>
                </c:pt>
                <c:pt idx="143">
                  <c:v>12.265825449978971</c:v>
                </c:pt>
                <c:pt idx="144">
                  <c:v>12.270670357488878</c:v>
                </c:pt>
                <c:pt idx="145">
                  <c:v>12.269441072469744</c:v>
                </c:pt>
                <c:pt idx="146">
                  <c:v>12.381485346898039</c:v>
                </c:pt>
                <c:pt idx="147">
                  <c:v>12.385346471268527</c:v>
                </c:pt>
                <c:pt idx="148">
                  <c:v>12.385908328145888</c:v>
                </c:pt>
                <c:pt idx="149">
                  <c:v>12.48952499832505</c:v>
                </c:pt>
                <c:pt idx="150">
                  <c:v>12.459472857613662</c:v>
                </c:pt>
                <c:pt idx="151">
                  <c:v>12.458852190498387</c:v>
                </c:pt>
                <c:pt idx="152">
                  <c:v>12.53229715548162</c:v>
                </c:pt>
                <c:pt idx="153">
                  <c:v>12.528519841317218</c:v>
                </c:pt>
                <c:pt idx="154">
                  <c:v>12.530790607447983</c:v>
                </c:pt>
                <c:pt idx="155">
                  <c:v>12.431435799198523</c:v>
                </c:pt>
                <c:pt idx="156">
                  <c:v>12.529278230108215</c:v>
                </c:pt>
                <c:pt idx="157">
                  <c:v>12.526659783569052</c:v>
                </c:pt>
                <c:pt idx="158">
                  <c:v>12.524023677407133</c:v>
                </c:pt>
                <c:pt idx="159">
                  <c:v>12.523083994871522</c:v>
                </c:pt>
                <c:pt idx="160">
                  <c:v>12.61160261834519</c:v>
                </c:pt>
                <c:pt idx="161">
                  <c:v>12.614367369279922</c:v>
                </c:pt>
                <c:pt idx="162">
                  <c:v>12.522142047790423</c:v>
                </c:pt>
                <c:pt idx="163">
                  <c:v>12.52274173124745</c:v>
                </c:pt>
                <c:pt idx="164">
                  <c:v>12.518004959196595</c:v>
                </c:pt>
                <c:pt idx="165">
                  <c:v>12.604339049238988</c:v>
                </c:pt>
                <c:pt idx="166">
                  <c:v>12.601680093177341</c:v>
                </c:pt>
                <c:pt idx="167">
                  <c:v>12.598375605027742</c:v>
                </c:pt>
                <c:pt idx="168">
                  <c:v>12.503889589772101</c:v>
                </c:pt>
                <c:pt idx="169">
                  <c:v>12.502990222063486</c:v>
                </c:pt>
                <c:pt idx="170">
                  <c:v>12.503619996681488</c:v>
                </c:pt>
                <c:pt idx="171">
                  <c:v>12.503709881707458</c:v>
                </c:pt>
                <c:pt idx="172">
                  <c:v>12.506486114262344</c:v>
                </c:pt>
                <c:pt idx="173">
                  <c:v>12.406592879677021</c:v>
                </c:pt>
                <c:pt idx="174">
                  <c:v>12.412581915797807</c:v>
                </c:pt>
                <c:pt idx="175">
                  <c:v>12.414413077140999</c:v>
                </c:pt>
                <c:pt idx="176">
                  <c:v>12.518264814076225</c:v>
                </c:pt>
                <c:pt idx="177">
                  <c:v>12.421567714613747</c:v>
                </c:pt>
                <c:pt idx="178">
                  <c:v>12.42884534267338</c:v>
                </c:pt>
                <c:pt idx="179">
                  <c:v>12.323817862666752</c:v>
                </c:pt>
                <c:pt idx="180">
                  <c:v>12.437304877936944</c:v>
                </c:pt>
                <c:pt idx="181">
                  <c:v>12.335348161729382</c:v>
                </c:pt>
                <c:pt idx="182">
                  <c:v>12.551848555112056</c:v>
                </c:pt>
                <c:pt idx="183">
                  <c:v>12.460788511874988</c:v>
                </c:pt>
                <c:pt idx="184">
                  <c:v>12.469422964994799</c:v>
                </c:pt>
                <c:pt idx="185">
                  <c:v>12.527726915621386</c:v>
                </c:pt>
                <c:pt idx="186">
                  <c:v>12.497205206532588</c:v>
                </c:pt>
                <c:pt idx="187">
                  <c:v>12.413026097362378</c:v>
                </c:pt>
                <c:pt idx="188">
                  <c:v>12.539336033975903</c:v>
                </c:pt>
                <c:pt idx="189">
                  <c:v>12.552203390082619</c:v>
                </c:pt>
                <c:pt idx="190">
                  <c:v>12.469710616757002</c:v>
                </c:pt>
                <c:pt idx="191">
                  <c:v>12.562760615066111</c:v>
                </c:pt>
                <c:pt idx="192">
                  <c:v>12.676977784400457</c:v>
                </c:pt>
                <c:pt idx="193">
                  <c:v>12.847090514980643</c:v>
                </c:pt>
                <c:pt idx="194">
                  <c:v>12.937537126739482</c:v>
                </c:pt>
                <c:pt idx="195">
                  <c:v>12.939211316726588</c:v>
                </c:pt>
                <c:pt idx="196">
                  <c:v>12.859116283868012</c:v>
                </c:pt>
                <c:pt idx="197">
                  <c:v>12.861409090171039</c:v>
                </c:pt>
                <c:pt idx="198">
                  <c:v>12.864766617839546</c:v>
                </c:pt>
                <c:pt idx="199">
                  <c:v>12.953520786179665</c:v>
                </c:pt>
                <c:pt idx="200">
                  <c:v>13.025515644245226</c:v>
                </c:pt>
                <c:pt idx="201">
                  <c:v>13.101284853112796</c:v>
                </c:pt>
                <c:pt idx="202">
                  <c:v>13.160136056895775</c:v>
                </c:pt>
                <c:pt idx="203">
                  <c:v>13.221095115707493</c:v>
                </c:pt>
                <c:pt idx="204">
                  <c:v>13.16284179622941</c:v>
                </c:pt>
                <c:pt idx="205">
                  <c:v>13.216514837325029</c:v>
                </c:pt>
                <c:pt idx="206">
                  <c:v>13.212404391772118</c:v>
                </c:pt>
                <c:pt idx="207">
                  <c:v>13.19968692248824</c:v>
                </c:pt>
                <c:pt idx="208">
                  <c:v>13.134721609736957</c:v>
                </c:pt>
                <c:pt idx="209">
                  <c:v>13.132663783499316</c:v>
                </c:pt>
                <c:pt idx="210">
                  <c:v>13.191423340243416</c:v>
                </c:pt>
                <c:pt idx="211">
                  <c:v>13.18467183909932</c:v>
                </c:pt>
                <c:pt idx="212">
                  <c:v>13.119331234449994</c:v>
                </c:pt>
                <c:pt idx="213">
                  <c:v>13.17338939922224</c:v>
                </c:pt>
                <c:pt idx="214">
                  <c:v>13.168926756664623</c:v>
                </c:pt>
                <c:pt idx="215">
                  <c:v>13.039608352805015</c:v>
                </c:pt>
                <c:pt idx="216">
                  <c:v>13.038894206709685</c:v>
                </c:pt>
                <c:pt idx="217">
                  <c:v>13.040644787044943</c:v>
                </c:pt>
                <c:pt idx="218">
                  <c:v>13.039997337776956</c:v>
                </c:pt>
                <c:pt idx="219">
                  <c:v>12.900486148430634</c:v>
                </c:pt>
                <c:pt idx="220">
                  <c:v>12.981784121797805</c:v>
                </c:pt>
                <c:pt idx="221">
                  <c:v>12.999016981694812</c:v>
                </c:pt>
                <c:pt idx="222">
                  <c:v>12.93978696489207</c:v>
                </c:pt>
                <c:pt idx="223">
                  <c:v>13.023492179672404</c:v>
                </c:pt>
                <c:pt idx="224">
                  <c:v>13.101949024952663</c:v>
                </c:pt>
                <c:pt idx="225">
                  <c:v>13.039448069936794</c:v>
                </c:pt>
                <c:pt idx="226">
                  <c:v>13.046630926284511</c:v>
                </c:pt>
                <c:pt idx="227">
                  <c:v>13.050962177734863</c:v>
                </c:pt>
                <c:pt idx="228">
                  <c:v>12.980761570708887</c:v>
                </c:pt>
                <c:pt idx="229">
                  <c:v>12.896792796626549</c:v>
                </c:pt>
                <c:pt idx="230">
                  <c:v>12.895799625160649</c:v>
                </c:pt>
                <c:pt idx="231">
                  <c:v>12.812028751085808</c:v>
                </c:pt>
                <c:pt idx="232">
                  <c:v>12.906180610803981</c:v>
                </c:pt>
                <c:pt idx="233">
                  <c:v>12.914949740320393</c:v>
                </c:pt>
                <c:pt idx="234">
                  <c:v>12.92493777222303</c:v>
                </c:pt>
                <c:pt idx="235">
                  <c:v>12.935765219986193</c:v>
                </c:pt>
                <c:pt idx="236">
                  <c:v>12.945932668030871</c:v>
                </c:pt>
                <c:pt idx="237">
                  <c:v>13.037505341998505</c:v>
                </c:pt>
                <c:pt idx="238">
                  <c:v>13.06076633794415</c:v>
                </c:pt>
                <c:pt idx="239">
                  <c:v>13.079635655184699</c:v>
                </c:pt>
                <c:pt idx="240">
                  <c:v>13.08212141923925</c:v>
                </c:pt>
                <c:pt idx="241">
                  <c:v>12.921607448686551</c:v>
                </c:pt>
                <c:pt idx="242">
                  <c:v>13.091714407252423</c:v>
                </c:pt>
                <c:pt idx="243">
                  <c:v>13.089798877424519</c:v>
                </c:pt>
                <c:pt idx="244">
                  <c:v>13.084194132820969</c:v>
                </c:pt>
                <c:pt idx="245">
                  <c:v>13.07899159319145</c:v>
                </c:pt>
                <c:pt idx="246">
                  <c:v>13.277247852622683</c:v>
                </c:pt>
                <c:pt idx="247">
                  <c:v>13.265891745227481</c:v>
                </c:pt>
                <c:pt idx="248">
                  <c:v>13.259671181034138</c:v>
                </c:pt>
                <c:pt idx="249">
                  <c:v>13.372638627780759</c:v>
                </c:pt>
                <c:pt idx="250">
                  <c:v>13.311499974829141</c:v>
                </c:pt>
                <c:pt idx="251">
                  <c:v>13.242047323034638</c:v>
                </c:pt>
                <c:pt idx="252">
                  <c:v>13.227609860887695</c:v>
                </c:pt>
                <c:pt idx="253">
                  <c:v>13.281907886034954</c:v>
                </c:pt>
                <c:pt idx="254">
                  <c:v>13.452447909974055</c:v>
                </c:pt>
                <c:pt idx="255">
                  <c:v>13.457499547769432</c:v>
                </c:pt>
                <c:pt idx="256">
                  <c:v>13.407413095530231</c:v>
                </c:pt>
                <c:pt idx="257">
                  <c:v>13.453034134356479</c:v>
                </c:pt>
                <c:pt idx="258">
                  <c:v>13.221082493503438</c:v>
                </c:pt>
                <c:pt idx="259">
                  <c:v>13.337694015297137</c:v>
                </c:pt>
                <c:pt idx="260">
                  <c:v>13.338874580102152</c:v>
                </c:pt>
                <c:pt idx="261">
                  <c:v>13.289148122079627</c:v>
                </c:pt>
                <c:pt idx="262">
                  <c:v>13.300646367511018</c:v>
                </c:pt>
                <c:pt idx="263">
                  <c:v>13.312402249084176</c:v>
                </c:pt>
                <c:pt idx="264">
                  <c:v>13.258705322883253</c:v>
                </c:pt>
                <c:pt idx="265">
                  <c:v>13.192033144181831</c:v>
                </c:pt>
                <c:pt idx="266">
                  <c:v>13.184181423429655</c:v>
                </c:pt>
                <c:pt idx="267">
                  <c:v>13.182159819415283</c:v>
                </c:pt>
                <c:pt idx="268">
                  <c:v>13.179946560291659</c:v>
                </c:pt>
                <c:pt idx="269">
                  <c:v>13.173921194629168</c:v>
                </c:pt>
                <c:pt idx="270">
                  <c:v>13.028257958706051</c:v>
                </c:pt>
                <c:pt idx="271">
                  <c:v>12.947586542291313</c:v>
                </c:pt>
                <c:pt idx="272">
                  <c:v>13.030453578478118</c:v>
                </c:pt>
                <c:pt idx="273">
                  <c:v>13.030772745044235</c:v>
                </c:pt>
                <c:pt idx="274">
                  <c:v>13.106905799380144</c:v>
                </c:pt>
                <c:pt idx="275">
                  <c:v>13.036563444049103</c:v>
                </c:pt>
                <c:pt idx="276">
                  <c:v>13.178857925398631</c:v>
                </c:pt>
                <c:pt idx="277">
                  <c:v>13.108767821885159</c:v>
                </c:pt>
                <c:pt idx="278">
                  <c:v>13.241863796779965</c:v>
                </c:pt>
                <c:pt idx="279">
                  <c:v>13.172631057781333</c:v>
                </c:pt>
                <c:pt idx="280">
                  <c:v>13.297288479966447</c:v>
                </c:pt>
                <c:pt idx="281">
                  <c:v>13.293854246227587</c:v>
                </c:pt>
                <c:pt idx="282">
                  <c:v>13.345835807727582</c:v>
                </c:pt>
                <c:pt idx="283">
                  <c:v>13.395003639493162</c:v>
                </c:pt>
                <c:pt idx="284">
                  <c:v>13.43876685900219</c:v>
                </c:pt>
                <c:pt idx="285">
                  <c:v>13.430011771534362</c:v>
                </c:pt>
                <c:pt idx="286">
                  <c:v>13.371769060998034</c:v>
                </c:pt>
                <c:pt idx="287">
                  <c:v>13.367300781839418</c:v>
                </c:pt>
                <c:pt idx="288">
                  <c:v>13.373021500094886</c:v>
                </c:pt>
                <c:pt idx="289">
                  <c:v>13.375514402727921</c:v>
                </c:pt>
                <c:pt idx="290">
                  <c:v>13.381065972072152</c:v>
                </c:pt>
                <c:pt idx="291">
                  <c:v>13.380708528029215</c:v>
                </c:pt>
                <c:pt idx="292">
                  <c:v>13.393967973540189</c:v>
                </c:pt>
                <c:pt idx="293">
                  <c:v>13.402322509559541</c:v>
                </c:pt>
                <c:pt idx="294">
                  <c:v>13.354897262403302</c:v>
                </c:pt>
                <c:pt idx="295">
                  <c:v>13.303192125442195</c:v>
                </c:pt>
                <c:pt idx="296">
                  <c:v>13.237618732848036</c:v>
                </c:pt>
                <c:pt idx="297">
                  <c:v>13.237247408717305</c:v>
                </c:pt>
                <c:pt idx="298">
                  <c:v>13.175298774886379</c:v>
                </c:pt>
                <c:pt idx="299">
                  <c:v>13.185344713079141</c:v>
                </c:pt>
                <c:pt idx="300">
                  <c:v>13.19899751611054</c:v>
                </c:pt>
                <c:pt idx="301">
                  <c:v>13.134072952648012</c:v>
                </c:pt>
                <c:pt idx="302">
                  <c:v>13.27265161985858</c:v>
                </c:pt>
                <c:pt idx="303">
                  <c:v>13.27417562711952</c:v>
                </c:pt>
                <c:pt idx="304">
                  <c:v>13.397805344723537</c:v>
                </c:pt>
                <c:pt idx="305">
                  <c:v>13.460136295021432</c:v>
                </c:pt>
                <c:pt idx="306">
                  <c:v>13.566684259660002</c:v>
                </c:pt>
                <c:pt idx="307">
                  <c:v>13.615043293157994</c:v>
                </c:pt>
                <c:pt idx="308">
                  <c:v>13.615503602120871</c:v>
                </c:pt>
                <c:pt idx="309">
                  <c:v>13.611594709052124</c:v>
                </c:pt>
                <c:pt idx="310">
                  <c:v>13.656962123367434</c:v>
                </c:pt>
                <c:pt idx="311">
                  <c:v>13.699107114147173</c:v>
                </c:pt>
                <c:pt idx="312">
                  <c:v>13.737521835322744</c:v>
                </c:pt>
                <c:pt idx="313">
                  <c:v>13.743490016627593</c:v>
                </c:pt>
                <c:pt idx="314">
                  <c:v>13.706043336720279</c:v>
                </c:pt>
                <c:pt idx="315">
                  <c:v>13.774901510696155</c:v>
                </c:pt>
                <c:pt idx="316">
                  <c:v>13.919459103718349</c:v>
                </c:pt>
                <c:pt idx="317">
                  <c:v>13.956451741049898</c:v>
                </c:pt>
                <c:pt idx="318">
                  <c:v>13.9586721848687</c:v>
                </c:pt>
                <c:pt idx="319">
                  <c:v>13.951558719139561</c:v>
                </c:pt>
                <c:pt idx="320">
                  <c:v>13.916303445399691</c:v>
                </c:pt>
                <c:pt idx="321">
                  <c:v>14.061333401807284</c:v>
                </c:pt>
                <c:pt idx="322">
                  <c:v>14.004989762688144</c:v>
                </c:pt>
                <c:pt idx="323">
                  <c:v>14.010352224707926</c:v>
                </c:pt>
                <c:pt idx="324">
                  <c:v>13.980252026198468</c:v>
                </c:pt>
                <c:pt idx="325">
                  <c:v>13.950110287348515</c:v>
                </c:pt>
                <c:pt idx="326">
                  <c:v>13.950489134538094</c:v>
                </c:pt>
                <c:pt idx="327">
                  <c:v>13.912418384562653</c:v>
                </c:pt>
                <c:pt idx="328">
                  <c:v>13.945705650477722</c:v>
                </c:pt>
                <c:pt idx="329">
                  <c:v>13.976125402226616</c:v>
                </c:pt>
                <c:pt idx="330">
                  <c:v>13.932934683897706</c:v>
                </c:pt>
                <c:pt idx="331">
                  <c:v>13.925111788483058</c:v>
                </c:pt>
                <c:pt idx="332">
                  <c:v>14.251131360644704</c:v>
                </c:pt>
                <c:pt idx="333">
                  <c:v>14.274946943772214</c:v>
                </c:pt>
                <c:pt idx="334">
                  <c:v>14.282448760473518</c:v>
                </c:pt>
                <c:pt idx="335">
                  <c:v>14.281217351226051</c:v>
                </c:pt>
                <c:pt idx="336">
                  <c:v>14.259711538544009</c:v>
                </c:pt>
                <c:pt idx="337">
                  <c:v>14.261774713979989</c:v>
                </c:pt>
                <c:pt idx="338">
                  <c:v>14.213602584614311</c:v>
                </c:pt>
                <c:pt idx="339">
                  <c:v>14.192415218713794</c:v>
                </c:pt>
                <c:pt idx="340">
                  <c:v>14.197302367982322</c:v>
                </c:pt>
                <c:pt idx="341">
                  <c:v>14.172821713734582</c:v>
                </c:pt>
                <c:pt idx="342">
                  <c:v>14.144017561715801</c:v>
                </c:pt>
                <c:pt idx="343">
                  <c:v>14.11407951775878</c:v>
                </c:pt>
                <c:pt idx="344">
                  <c:v>14.108629019671092</c:v>
                </c:pt>
                <c:pt idx="345">
                  <c:v>14.087592017020064</c:v>
                </c:pt>
                <c:pt idx="346">
                  <c:v>14.005327671461753</c:v>
                </c:pt>
                <c:pt idx="347">
                  <c:v>13.91693673829864</c:v>
                </c:pt>
                <c:pt idx="348">
                  <c:v>13.859141311008669</c:v>
                </c:pt>
                <c:pt idx="349">
                  <c:v>13.777520924961967</c:v>
                </c:pt>
                <c:pt idx="350">
                  <c:v>13.795027415197858</c:v>
                </c:pt>
                <c:pt idx="351">
                  <c:v>13.745743519392112</c:v>
                </c:pt>
                <c:pt idx="352">
                  <c:v>13.777181087851906</c:v>
                </c:pt>
                <c:pt idx="353">
                  <c:v>13.92207488095009</c:v>
                </c:pt>
                <c:pt idx="354">
                  <c:v>13.938986287905568</c:v>
                </c:pt>
                <c:pt idx="355">
                  <c:v>13.892427583362338</c:v>
                </c:pt>
                <c:pt idx="356">
                  <c:v>13.956823831006901</c:v>
                </c:pt>
                <c:pt idx="357">
                  <c:v>13.988581999808918</c:v>
                </c:pt>
                <c:pt idx="358">
                  <c:v>13.918910427786599</c:v>
                </c:pt>
                <c:pt idx="359">
                  <c:v>13.967190157407209</c:v>
                </c:pt>
                <c:pt idx="360">
                  <c:v>14.014364552421029</c:v>
                </c:pt>
                <c:pt idx="361">
                  <c:v>14.029874532083424</c:v>
                </c:pt>
                <c:pt idx="362">
                  <c:v>14.047606153320318</c:v>
                </c:pt>
                <c:pt idx="363">
                  <c:v>14.094632504264757</c:v>
                </c:pt>
                <c:pt idx="364">
                  <c:v>14.133343741555475</c:v>
                </c:pt>
                <c:pt idx="365">
                  <c:v>14.076074750983016</c:v>
                </c:pt>
                <c:pt idx="366">
                  <c:v>14.110541613866141</c:v>
                </c:pt>
                <c:pt idx="367">
                  <c:v>14.171968987757609</c:v>
                </c:pt>
                <c:pt idx="368">
                  <c:v>14.225302460638394</c:v>
                </c:pt>
                <c:pt idx="369">
                  <c:v>14.312334825225989</c:v>
                </c:pt>
                <c:pt idx="370">
                  <c:v>14.344493654955651</c:v>
                </c:pt>
                <c:pt idx="371">
                  <c:v>14.376324743883371</c:v>
                </c:pt>
                <c:pt idx="372">
                  <c:v>14.375103618626463</c:v>
                </c:pt>
                <c:pt idx="373">
                  <c:v>14.419829468734351</c:v>
                </c:pt>
                <c:pt idx="374">
                  <c:v>14.439667180633307</c:v>
                </c:pt>
                <c:pt idx="375">
                  <c:v>14.436151129633778</c:v>
                </c:pt>
                <c:pt idx="376">
                  <c:v>14.446084263963757</c:v>
                </c:pt>
                <c:pt idx="377">
                  <c:v>14.473624448132957</c:v>
                </c:pt>
                <c:pt idx="378">
                  <c:v>14.448337314400817</c:v>
                </c:pt>
                <c:pt idx="379">
                  <c:v>14.465007356196855</c:v>
                </c:pt>
                <c:pt idx="380">
                  <c:v>14.416540890198446</c:v>
                </c:pt>
                <c:pt idx="381">
                  <c:v>14.412624374125913</c:v>
                </c:pt>
                <c:pt idx="382">
                  <c:v>14.410799627105071</c:v>
                </c:pt>
                <c:pt idx="383">
                  <c:v>14.432633516375848</c:v>
                </c:pt>
                <c:pt idx="384">
                  <c:v>14.434908869745309</c:v>
                </c:pt>
                <c:pt idx="385">
                  <c:v>14.439029990241249</c:v>
                </c:pt>
                <c:pt idx="386">
                  <c:v>14.442624846863193</c:v>
                </c:pt>
                <c:pt idx="387">
                  <c:v>14.472676321449223</c:v>
                </c:pt>
                <c:pt idx="388">
                  <c:v>14.462608315468909</c:v>
                </c:pt>
                <c:pt idx="389">
                  <c:v>14.464898904734863</c:v>
                </c:pt>
                <c:pt idx="390">
                  <c:v>14.447391883107732</c:v>
                </c:pt>
                <c:pt idx="391">
                  <c:v>14.425140118858469</c:v>
                </c:pt>
                <c:pt idx="392">
                  <c:v>14.427286997080948</c:v>
                </c:pt>
                <c:pt idx="393">
                  <c:v>14.405776042698212</c:v>
                </c:pt>
                <c:pt idx="394">
                  <c:v>14.359355026972175</c:v>
                </c:pt>
                <c:pt idx="395">
                  <c:v>14.382945132849748</c:v>
                </c:pt>
                <c:pt idx="396">
                  <c:v>14.380468215894101</c:v>
                </c:pt>
                <c:pt idx="397">
                  <c:v>14.375197041837588</c:v>
                </c:pt>
                <c:pt idx="398">
                  <c:v>14.346954069078716</c:v>
                </c:pt>
                <c:pt idx="399">
                  <c:v>14.350832535527216</c:v>
                </c:pt>
                <c:pt idx="400">
                  <c:v>14.381221797706562</c:v>
                </c:pt>
                <c:pt idx="401">
                  <c:v>14.388895952437522</c:v>
                </c:pt>
                <c:pt idx="402">
                  <c:v>14.415791482148578</c:v>
                </c:pt>
                <c:pt idx="403">
                  <c:v>14.396762954455015</c:v>
                </c:pt>
                <c:pt idx="404">
                  <c:v>14.39901211616708</c:v>
                </c:pt>
                <c:pt idx="405">
                  <c:v>14.42450240274348</c:v>
                </c:pt>
                <c:pt idx="406">
                  <c:v>14.42450240274348</c:v>
                </c:pt>
                <c:pt idx="407">
                  <c:v>14.423191128742143</c:v>
                </c:pt>
                <c:pt idx="408">
                  <c:v>14.444434672159311</c:v>
                </c:pt>
                <c:pt idx="409">
                  <c:v>14.416266173387804</c:v>
                </c:pt>
                <c:pt idx="410">
                  <c:v>14.354361714045314</c:v>
                </c:pt>
                <c:pt idx="411">
                  <c:v>14.31968318480547</c:v>
                </c:pt>
                <c:pt idx="412">
                  <c:v>14.259165117555915</c:v>
                </c:pt>
                <c:pt idx="413">
                  <c:v>14.281975983906515</c:v>
                </c:pt>
                <c:pt idx="414">
                  <c:v>14.301237899789363</c:v>
                </c:pt>
                <c:pt idx="415">
                  <c:v>14.323945760978381</c:v>
                </c:pt>
                <c:pt idx="416">
                  <c:v>14.318573127476066</c:v>
                </c:pt>
                <c:pt idx="417">
                  <c:v>14.339725009181578</c:v>
                </c:pt>
                <c:pt idx="418">
                  <c:v>14.372502646410556</c:v>
                </c:pt>
                <c:pt idx="419">
                  <c:v>14.357863285059684</c:v>
                </c:pt>
                <c:pt idx="420">
                  <c:v>14.366511300049369</c:v>
                </c:pt>
                <c:pt idx="421">
                  <c:v>14.392300488332101</c:v>
                </c:pt>
                <c:pt idx="422">
                  <c:v>14.392071147814045</c:v>
                </c:pt>
                <c:pt idx="423">
                  <c:v>14.390922422383349</c:v>
                </c:pt>
                <c:pt idx="424">
                  <c:v>14.397448019032124</c:v>
                </c:pt>
                <c:pt idx="425">
                  <c:v>14.354983827690971</c:v>
                </c:pt>
                <c:pt idx="426">
                  <c:v>14.328322432150413</c:v>
                </c:pt>
                <c:pt idx="427">
                  <c:v>14.354584011175637</c:v>
                </c:pt>
                <c:pt idx="428">
                  <c:v>14.352712774110739</c:v>
                </c:pt>
                <c:pt idx="429">
                  <c:v>14.329344650684654</c:v>
                </c:pt>
                <c:pt idx="430">
                  <c:v>14.328989399550258</c:v>
                </c:pt>
                <c:pt idx="431">
                  <c:v>14.325508674112807</c:v>
                </c:pt>
                <c:pt idx="432">
                  <c:v>14.273095169915917</c:v>
                </c:pt>
                <c:pt idx="433">
                  <c:v>14.299739391135402</c:v>
                </c:pt>
                <c:pt idx="434">
                  <c:v>14.275636013318657</c:v>
                </c:pt>
                <c:pt idx="435">
                  <c:v>14.249020542897156</c:v>
                </c:pt>
                <c:pt idx="436">
                  <c:v>14.281676233867191</c:v>
                </c:pt>
                <c:pt idx="437">
                  <c:v>14.285117314504783</c:v>
                </c:pt>
                <c:pt idx="438">
                  <c:v>14.288657313604505</c:v>
                </c:pt>
                <c:pt idx="439">
                  <c:v>14.293695844591412</c:v>
                </c:pt>
                <c:pt idx="440">
                  <c:v>14.352314175535456</c:v>
                </c:pt>
                <c:pt idx="441">
                  <c:v>14.385794681933211</c:v>
                </c:pt>
                <c:pt idx="442">
                  <c:v>14.367178691800479</c:v>
                </c:pt>
                <c:pt idx="443">
                  <c:v>14.287324158842335</c:v>
                </c:pt>
                <c:pt idx="444">
                  <c:v>14.225830220248861</c:v>
                </c:pt>
                <c:pt idx="445">
                  <c:v>14.162256365716448</c:v>
                </c:pt>
                <c:pt idx="446">
                  <c:v>14.178738495487517</c:v>
                </c:pt>
                <c:pt idx="447">
                  <c:v>14.192694847574717</c:v>
                </c:pt>
                <c:pt idx="448">
                  <c:v>14.235538769844432</c:v>
                </c:pt>
                <c:pt idx="449">
                  <c:v>14.282397300828968</c:v>
                </c:pt>
                <c:pt idx="450">
                  <c:v>14.323512882658935</c:v>
                </c:pt>
                <c:pt idx="451">
                  <c:v>14.330254467276561</c:v>
                </c:pt>
                <c:pt idx="452">
                  <c:v>14.374143661387119</c:v>
                </c:pt>
                <c:pt idx="453">
                  <c:v>14.370859493167531</c:v>
                </c:pt>
                <c:pt idx="454">
                  <c:v>14.376538019683839</c:v>
                </c:pt>
                <c:pt idx="455">
                  <c:v>14.357957152822374</c:v>
                </c:pt>
                <c:pt idx="456">
                  <c:v>14.360303198635114</c:v>
                </c:pt>
                <c:pt idx="457">
                  <c:v>14.316373818576619</c:v>
                </c:pt>
                <c:pt idx="458">
                  <c:v>14.343644962144158</c:v>
                </c:pt>
                <c:pt idx="459">
                  <c:v>14.341199602355516</c:v>
                </c:pt>
                <c:pt idx="460">
                  <c:v>14.369257326662746</c:v>
                </c:pt>
                <c:pt idx="461">
                  <c:v>14.348779074817417</c:v>
                </c:pt>
                <c:pt idx="462">
                  <c:v>14.374283355794438</c:v>
                </c:pt>
                <c:pt idx="463">
                  <c:v>14.371681754692045</c:v>
                </c:pt>
                <c:pt idx="464">
                  <c:v>14.343937379888752</c:v>
                </c:pt>
                <c:pt idx="465">
                  <c:v>14.342815255199257</c:v>
                </c:pt>
                <c:pt idx="466">
                  <c:v>14.366964570436897</c:v>
                </c:pt>
                <c:pt idx="467">
                  <c:v>14.390260994774003</c:v>
                </c:pt>
                <c:pt idx="468">
                  <c:v>14.424114815582483</c:v>
                </c:pt>
                <c:pt idx="469">
                  <c:v>14.434766004862766</c:v>
                </c:pt>
                <c:pt idx="470">
                  <c:v>14.449591416520713</c:v>
                </c:pt>
                <c:pt idx="471">
                  <c:v>14.45787360971946</c:v>
                </c:pt>
                <c:pt idx="472">
                  <c:v>14.447886734456656</c:v>
                </c:pt>
                <c:pt idx="473">
                  <c:v>14.454343101820825</c:v>
                </c:pt>
                <c:pt idx="474">
                  <c:v>14.415272322005073</c:v>
                </c:pt>
                <c:pt idx="475">
                  <c:v>14.358357475513841</c:v>
                </c:pt>
                <c:pt idx="476">
                  <c:v>14.352207550588128</c:v>
                </c:pt>
                <c:pt idx="477">
                  <c:v>14.29698229356411</c:v>
                </c:pt>
                <c:pt idx="478">
                  <c:v>14.290071505431651</c:v>
                </c:pt>
                <c:pt idx="479">
                  <c:v>14.30926720905768</c:v>
                </c:pt>
                <c:pt idx="480">
                  <c:v>14.331229779805966</c:v>
                </c:pt>
                <c:pt idx="481">
                  <c:v>14.342432843199305</c:v>
                </c:pt>
                <c:pt idx="482">
                  <c:v>14.38158411395808</c:v>
                </c:pt>
                <c:pt idx="483">
                  <c:v>14.37433137066259</c:v>
                </c:pt>
                <c:pt idx="484">
                  <c:v>14.412051540799514</c:v>
                </c:pt>
                <c:pt idx="485">
                  <c:v>14.412422380517761</c:v>
                </c:pt>
                <c:pt idx="486">
                  <c:v>14.380334535259149</c:v>
                </c:pt>
                <c:pt idx="487">
                  <c:v>14.312482621715743</c:v>
                </c:pt>
                <c:pt idx="488">
                  <c:v>14.267275887629278</c:v>
                </c:pt>
                <c:pt idx="489">
                  <c:v>14.25145653956006</c:v>
                </c:pt>
                <c:pt idx="490">
                  <c:v>14.232020325088994</c:v>
                </c:pt>
                <c:pt idx="491">
                  <c:v>14.246880891226807</c:v>
                </c:pt>
                <c:pt idx="492">
                  <c:v>14.292370150870582</c:v>
                </c:pt>
                <c:pt idx="493">
                  <c:v>14.366070135451876</c:v>
                </c:pt>
                <c:pt idx="494">
                  <c:v>14.389570509715172</c:v>
                </c:pt>
                <c:pt idx="495">
                  <c:v>14.431042813292805</c:v>
                </c:pt>
                <c:pt idx="496">
                  <c:v>14.425831020463582</c:v>
                </c:pt>
                <c:pt idx="497">
                  <c:v>14.46781140652821</c:v>
                </c:pt>
                <c:pt idx="498">
                  <c:v>14.492112388160866</c:v>
                </c:pt>
                <c:pt idx="499">
                  <c:v>14.53347727147732</c:v>
                </c:pt>
                <c:pt idx="500">
                  <c:v>14.585454820962266</c:v>
                </c:pt>
                <c:pt idx="501">
                  <c:v>14.61187907295262</c:v>
                </c:pt>
                <c:pt idx="502">
                  <c:v>14.636687530767251</c:v>
                </c:pt>
                <c:pt idx="503">
                  <c:v>14.685933762625611</c:v>
                </c:pt>
                <c:pt idx="504">
                  <c:v>14.692331289659483</c:v>
                </c:pt>
                <c:pt idx="505">
                  <c:v>14.695733225731733</c:v>
                </c:pt>
                <c:pt idx="506">
                  <c:v>14.681616768710695</c:v>
                </c:pt>
                <c:pt idx="507">
                  <c:v>14.66880281517701</c:v>
                </c:pt>
                <c:pt idx="508">
                  <c:v>14.653622890747842</c:v>
                </c:pt>
                <c:pt idx="509">
                  <c:v>14.58954578489007</c:v>
                </c:pt>
                <c:pt idx="510">
                  <c:v>14.539558109931248</c:v>
                </c:pt>
                <c:pt idx="511">
                  <c:v>14.485164515952134</c:v>
                </c:pt>
                <c:pt idx="512">
                  <c:v>14.451479820187904</c:v>
                </c:pt>
                <c:pt idx="513">
                  <c:v>14.477828395863465</c:v>
                </c:pt>
                <c:pt idx="514">
                  <c:v>14.520765002965195</c:v>
                </c:pt>
                <c:pt idx="515">
                  <c:v>14.520130208885078</c:v>
                </c:pt>
                <c:pt idx="516">
                  <c:v>14.518294718746802</c:v>
                </c:pt>
                <c:pt idx="517">
                  <c:v>14.519743374237562</c:v>
                </c:pt>
                <c:pt idx="518">
                  <c:v>14.494660409138106</c:v>
                </c:pt>
                <c:pt idx="519">
                  <c:v>14.494067354892763</c:v>
                </c:pt>
                <c:pt idx="520">
                  <c:v>14.493643193121661</c:v>
                </c:pt>
                <c:pt idx="521">
                  <c:v>14.532459680395849</c:v>
                </c:pt>
                <c:pt idx="522">
                  <c:v>14.544770739313082</c:v>
                </c:pt>
                <c:pt idx="523">
                  <c:v>14.606293210921937</c:v>
                </c:pt>
                <c:pt idx="524">
                  <c:v>14.664679896498097</c:v>
                </c:pt>
                <c:pt idx="525">
                  <c:v>14.666809956449294</c:v>
                </c:pt>
                <c:pt idx="526">
                  <c:v>14.668808861458951</c:v>
                </c:pt>
                <c:pt idx="527">
                  <c:v>14.659191503739263</c:v>
                </c:pt>
                <c:pt idx="528">
                  <c:v>14.659247335917707</c:v>
                </c:pt>
                <c:pt idx="529">
                  <c:v>14.648176570658485</c:v>
                </c:pt>
                <c:pt idx="530">
                  <c:v>14.688586962378803</c:v>
                </c:pt>
                <c:pt idx="531">
                  <c:v>14.688262996314908</c:v>
                </c:pt>
                <c:pt idx="532">
                  <c:v>14.704893250926464</c:v>
                </c:pt>
                <c:pt idx="533">
                  <c:v>14.744427826210501</c:v>
                </c:pt>
                <c:pt idx="534">
                  <c:v>14.728809335958935</c:v>
                </c:pt>
                <c:pt idx="535">
                  <c:v>14.75356077032718</c:v>
                </c:pt>
                <c:pt idx="536">
                  <c:v>14.773724040073331</c:v>
                </c:pt>
                <c:pt idx="537">
                  <c:v>14.775422840431162</c:v>
                </c:pt>
                <c:pt idx="538">
                  <c:v>14.79954239230478</c:v>
                </c:pt>
                <c:pt idx="539">
                  <c:v>14.780161507384195</c:v>
                </c:pt>
                <c:pt idx="540">
                  <c:v>14.794913396478524</c:v>
                </c:pt>
                <c:pt idx="541">
                  <c:v>14.850639258542703</c:v>
                </c:pt>
                <c:pt idx="542">
                  <c:v>14.831612256673514</c:v>
                </c:pt>
                <c:pt idx="543">
                  <c:v>14.84538742964588</c:v>
                </c:pt>
                <c:pt idx="544">
                  <c:v>14.825739828383126</c:v>
                </c:pt>
                <c:pt idx="545">
                  <c:v>14.805007700035713</c:v>
                </c:pt>
                <c:pt idx="546">
                  <c:v>14.796364812743033</c:v>
                </c:pt>
                <c:pt idx="547">
                  <c:v>14.768122838791111</c:v>
                </c:pt>
                <c:pt idx="548">
                  <c:v>14.764326528511646</c:v>
                </c:pt>
                <c:pt idx="549">
                  <c:v>14.746326210258626</c:v>
                </c:pt>
                <c:pt idx="550">
                  <c:v>14.724233524503054</c:v>
                </c:pt>
                <c:pt idx="551">
                  <c:v>14.737748950698354</c:v>
                </c:pt>
                <c:pt idx="552">
                  <c:v>14.731792796836258</c:v>
                </c:pt>
                <c:pt idx="553">
                  <c:v>14.728541516904265</c:v>
                </c:pt>
                <c:pt idx="554">
                  <c:v>14.718716609163824</c:v>
                </c:pt>
                <c:pt idx="555">
                  <c:v>14.705787731407492</c:v>
                </c:pt>
                <c:pt idx="556">
                  <c:v>14.696514100815026</c:v>
                </c:pt>
                <c:pt idx="557">
                  <c:v>14.69476268342223</c:v>
                </c:pt>
                <c:pt idx="558">
                  <c:v>14.708656468619113</c:v>
                </c:pt>
                <c:pt idx="559">
                  <c:v>14.666787671522876</c:v>
                </c:pt>
                <c:pt idx="560">
                  <c:v>14.679354935326351</c:v>
                </c:pt>
                <c:pt idx="561">
                  <c:v>14.666318380731035</c:v>
                </c:pt>
                <c:pt idx="562">
                  <c:v>14.658289874455654</c:v>
                </c:pt>
                <c:pt idx="563">
                  <c:v>14.672725511658427</c:v>
                </c:pt>
                <c:pt idx="564">
                  <c:v>14.669225035844303</c:v>
                </c:pt>
                <c:pt idx="565">
                  <c:v>14.64175899491366</c:v>
                </c:pt>
                <c:pt idx="566">
                  <c:v>14.637893605087569</c:v>
                </c:pt>
                <c:pt idx="567">
                  <c:v>14.620014684297775</c:v>
                </c:pt>
                <c:pt idx="568">
                  <c:v>14.615481180295536</c:v>
                </c:pt>
                <c:pt idx="569">
                  <c:v>14.553245221968499</c:v>
                </c:pt>
                <c:pt idx="570">
                  <c:v>14.507403063178185</c:v>
                </c:pt>
                <c:pt idx="571">
                  <c:v>14.540483074591709</c:v>
                </c:pt>
                <c:pt idx="572">
                  <c:v>14.593340996550923</c:v>
                </c:pt>
                <c:pt idx="573">
                  <c:v>14.633717369817155</c:v>
                </c:pt>
                <c:pt idx="574">
                  <c:v>14.674680595620071</c:v>
                </c:pt>
                <c:pt idx="575">
                  <c:v>14.702894315278158</c:v>
                </c:pt>
                <c:pt idx="576">
                  <c:v>14.661946923845273</c:v>
                </c:pt>
                <c:pt idx="577">
                  <c:v>14.70195661382791</c:v>
                </c:pt>
                <c:pt idx="578">
                  <c:v>14.697480343708776</c:v>
                </c:pt>
                <c:pt idx="579">
                  <c:v>14.69369871842342</c:v>
                </c:pt>
                <c:pt idx="580">
                  <c:v>14.689772545907635</c:v>
                </c:pt>
                <c:pt idx="581">
                  <c:v>14.704274649524416</c:v>
                </c:pt>
                <c:pt idx="582">
                  <c:v>14.702559285962199</c:v>
                </c:pt>
                <c:pt idx="583">
                  <c:v>14.70732177983688</c:v>
                </c:pt>
                <c:pt idx="584">
                  <c:v>14.709771223139402</c:v>
                </c:pt>
                <c:pt idx="585">
                  <c:v>14.692703064596833</c:v>
                </c:pt>
                <c:pt idx="586">
                  <c:v>14.734953004963788</c:v>
                </c:pt>
                <c:pt idx="587">
                  <c:v>14.755121395039614</c:v>
                </c:pt>
                <c:pt idx="588">
                  <c:v>14.777571133180473</c:v>
                </c:pt>
                <c:pt idx="589">
                  <c:v>14.779148405330872</c:v>
                </c:pt>
                <c:pt idx="590">
                  <c:v>14.754093501817191</c:v>
                </c:pt>
                <c:pt idx="591">
                  <c:v>14.694018212133903</c:v>
                </c:pt>
                <c:pt idx="592">
                  <c:v>14.682347950832565</c:v>
                </c:pt>
                <c:pt idx="593">
                  <c:v>14.646065249485662</c:v>
                </c:pt>
                <c:pt idx="594">
                  <c:v>14.636850133337479</c:v>
                </c:pt>
                <c:pt idx="595">
                  <c:v>14.610506497692519</c:v>
                </c:pt>
                <c:pt idx="596">
                  <c:v>14.638314179588194</c:v>
                </c:pt>
                <c:pt idx="597">
                  <c:v>14.590143679960821</c:v>
                </c:pt>
                <c:pt idx="598">
                  <c:v>14.614861976277716</c:v>
                </c:pt>
                <c:pt idx="599">
                  <c:v>14.623053903044747</c:v>
                </c:pt>
                <c:pt idx="600">
                  <c:v>14.652627173810677</c:v>
                </c:pt>
                <c:pt idx="601">
                  <c:v>14.677582931775046</c:v>
                </c:pt>
                <c:pt idx="602">
                  <c:v>14.705599156051321</c:v>
                </c:pt>
                <c:pt idx="603">
                  <c:v>14.749027118249945</c:v>
                </c:pt>
                <c:pt idx="604">
                  <c:v>14.770627779850059</c:v>
                </c:pt>
                <c:pt idx="605">
                  <c:v>14.77497059063025</c:v>
                </c:pt>
                <c:pt idx="606">
                  <c:v>14.746782738346207</c:v>
                </c:pt>
                <c:pt idx="607">
                  <c:v>14.698556349260192</c:v>
                </c:pt>
                <c:pt idx="608">
                  <c:v>14.707956066936518</c:v>
                </c:pt>
                <c:pt idx="609">
                  <c:v>14.735137405753402</c:v>
                </c:pt>
                <c:pt idx="610">
                  <c:v>14.777307106813399</c:v>
                </c:pt>
                <c:pt idx="611">
                  <c:v>14.778223622297366</c:v>
                </c:pt>
                <c:pt idx="612">
                  <c:v>14.757726568138223</c:v>
                </c:pt>
                <c:pt idx="613">
                  <c:v>14.798874477841412</c:v>
                </c:pt>
                <c:pt idx="614">
                  <c:v>14.798960234604923</c:v>
                </c:pt>
                <c:pt idx="615">
                  <c:v>14.83544097088603</c:v>
                </c:pt>
                <c:pt idx="616">
                  <c:v>14.850300741496149</c:v>
                </c:pt>
                <c:pt idx="617">
                  <c:v>14.882283697648033</c:v>
                </c:pt>
                <c:pt idx="618">
                  <c:v>14.879282856759097</c:v>
                </c:pt>
                <c:pt idx="619">
                  <c:v>14.878147835995055</c:v>
                </c:pt>
                <c:pt idx="620">
                  <c:v>14.893551249231399</c:v>
                </c:pt>
                <c:pt idx="621">
                  <c:v>14.894995667044103</c:v>
                </c:pt>
                <c:pt idx="622">
                  <c:v>14.896165338840818</c:v>
                </c:pt>
                <c:pt idx="623">
                  <c:v>14.926425153131174</c:v>
                </c:pt>
                <c:pt idx="624">
                  <c:v>14.922791161642515</c:v>
                </c:pt>
                <c:pt idx="625">
                  <c:v>14.919803800587427</c:v>
                </c:pt>
                <c:pt idx="626">
                  <c:v>14.939164588646605</c:v>
                </c:pt>
                <c:pt idx="627">
                  <c:v>14.939718221931395</c:v>
                </c:pt>
                <c:pt idx="628">
                  <c:v>14.921500466907617</c:v>
                </c:pt>
                <c:pt idx="629">
                  <c:v>14.941833247860362</c:v>
                </c:pt>
                <c:pt idx="630">
                  <c:v>14.921838918172185</c:v>
                </c:pt>
                <c:pt idx="631">
                  <c:v>14.919958347674854</c:v>
                </c:pt>
                <c:pt idx="632">
                  <c:v>14.906022118729849</c:v>
                </c:pt>
                <c:pt idx="633">
                  <c:v>14.920822683909552</c:v>
                </c:pt>
                <c:pt idx="634">
                  <c:v>14.937437141916615</c:v>
                </c:pt>
                <c:pt idx="635">
                  <c:v>14.943328303479017</c:v>
                </c:pt>
                <c:pt idx="636">
                  <c:v>14.963733904534212</c:v>
                </c:pt>
                <c:pt idx="637">
                  <c:v>14.931408625233729</c:v>
                </c:pt>
                <c:pt idx="638">
                  <c:v>14.912845258948895</c:v>
                </c:pt>
                <c:pt idx="639">
                  <c:v>14.915183083005203</c:v>
                </c:pt>
                <c:pt idx="640">
                  <c:v>14.898791808937951</c:v>
                </c:pt>
                <c:pt idx="641">
                  <c:v>14.89754046772007</c:v>
                </c:pt>
                <c:pt idx="642">
                  <c:v>14.84088682937525</c:v>
                </c:pt>
                <c:pt idx="643">
                  <c:v>14.836984450413466</c:v>
                </c:pt>
                <c:pt idx="644">
                  <c:v>14.869925795205624</c:v>
                </c:pt>
                <c:pt idx="645">
                  <c:v>14.886063650826626</c:v>
                </c:pt>
                <c:pt idx="646">
                  <c:v>14.869344946822125</c:v>
                </c:pt>
                <c:pt idx="647">
                  <c:v>14.857677179030784</c:v>
                </c:pt>
                <c:pt idx="648">
                  <c:v>14.845518830199911</c:v>
                </c:pt>
                <c:pt idx="649">
                  <c:v>14.845843383181066</c:v>
                </c:pt>
                <c:pt idx="650">
                  <c:v>14.899653498136971</c:v>
                </c:pt>
                <c:pt idx="651">
                  <c:v>14.880949534216887</c:v>
                </c:pt>
                <c:pt idx="652">
                  <c:v>14.902875378116375</c:v>
                </c:pt>
                <c:pt idx="653">
                  <c:v>14.887253945628681</c:v>
                </c:pt>
                <c:pt idx="654">
                  <c:v>14.909153648561409</c:v>
                </c:pt>
                <c:pt idx="655">
                  <c:v>14.949786696434373</c:v>
                </c:pt>
                <c:pt idx="656">
                  <c:v>14.956345512502821</c:v>
                </c:pt>
                <c:pt idx="657">
                  <c:v>14.938696273597946</c:v>
                </c:pt>
                <c:pt idx="658">
                  <c:v>14.914961813167547</c:v>
                </c:pt>
                <c:pt idx="659">
                  <c:v>14.891381816419027</c:v>
                </c:pt>
                <c:pt idx="660">
                  <c:v>14.88567267947589</c:v>
                </c:pt>
                <c:pt idx="661">
                  <c:v>14.900128100953074</c:v>
                </c:pt>
                <c:pt idx="662">
                  <c:v>14.898821554003504</c:v>
                </c:pt>
                <c:pt idx="663">
                  <c:v>14.90080933446583</c:v>
                </c:pt>
                <c:pt idx="664">
                  <c:v>14.882993393773491</c:v>
                </c:pt>
                <c:pt idx="665">
                  <c:v>14.902669264492555</c:v>
                </c:pt>
                <c:pt idx="666">
                  <c:v>14.904579008374519</c:v>
                </c:pt>
                <c:pt idx="667">
                  <c:v>14.905223275452409</c:v>
                </c:pt>
                <c:pt idx="668">
                  <c:v>14.925184251018868</c:v>
                </c:pt>
                <c:pt idx="669">
                  <c:v>14.921643809169613</c:v>
                </c:pt>
                <c:pt idx="670">
                  <c:v>14.938368889656475</c:v>
                </c:pt>
                <c:pt idx="671">
                  <c:v>14.919255714414348</c:v>
                </c:pt>
                <c:pt idx="672">
                  <c:v>14.940339172371864</c:v>
                </c:pt>
                <c:pt idx="673">
                  <c:v>14.920053368287807</c:v>
                </c:pt>
                <c:pt idx="674">
                  <c:v>14.940045730140579</c:v>
                </c:pt>
                <c:pt idx="675">
                  <c:v>14.944511473387561</c:v>
                </c:pt>
                <c:pt idx="676">
                  <c:v>14.945959874339842</c:v>
                </c:pt>
                <c:pt idx="677">
                  <c:v>14.925562728232773</c:v>
                </c:pt>
                <c:pt idx="678">
                  <c:v>14.975139224287782</c:v>
                </c:pt>
                <c:pt idx="679">
                  <c:v>14.978877911013742</c:v>
                </c:pt>
                <c:pt idx="680">
                  <c:v>14.965065075991324</c:v>
                </c:pt>
                <c:pt idx="681">
                  <c:v>14.93090940713204</c:v>
                </c:pt>
                <c:pt idx="682">
                  <c:v>14.912901461195132</c:v>
                </c:pt>
                <c:pt idx="683">
                  <c:v>14.883203349174529</c:v>
                </c:pt>
                <c:pt idx="684">
                  <c:v>14.860715986182029</c:v>
                </c:pt>
                <c:pt idx="685">
                  <c:v>14.859948664460321</c:v>
                </c:pt>
                <c:pt idx="686">
                  <c:v>14.860403555444119</c:v>
                </c:pt>
                <c:pt idx="687">
                  <c:v>14.859151329130352</c:v>
                </c:pt>
                <c:pt idx="688">
                  <c:v>14.842807381663029</c:v>
                </c:pt>
                <c:pt idx="689">
                  <c:v>14.865372724216719</c:v>
                </c:pt>
                <c:pt idx="690">
                  <c:v>14.861481804496769</c:v>
                </c:pt>
                <c:pt idx="691">
                  <c:v>14.857465886212591</c:v>
                </c:pt>
                <c:pt idx="692">
                  <c:v>14.835123792205289</c:v>
                </c:pt>
                <c:pt idx="693">
                  <c:v>14.832083152419296</c:v>
                </c:pt>
                <c:pt idx="694">
                  <c:v>14.856204197677894</c:v>
                </c:pt>
                <c:pt idx="695">
                  <c:v>14.876103229623109</c:v>
                </c:pt>
                <c:pt idx="696">
                  <c:v>14.912528292919568</c:v>
                </c:pt>
                <c:pt idx="697">
                  <c:v>14.945178404501958</c:v>
                </c:pt>
                <c:pt idx="698">
                  <c:v>14.960953107797518</c:v>
                </c:pt>
                <c:pt idx="699">
                  <c:v>14.941773863420609</c:v>
                </c:pt>
                <c:pt idx="700">
                  <c:v>14.943174187475361</c:v>
                </c:pt>
                <c:pt idx="701">
                  <c:v>14.944801583275229</c:v>
                </c:pt>
                <c:pt idx="702">
                  <c:v>14.944801583275229</c:v>
                </c:pt>
                <c:pt idx="703">
                  <c:v>14.945612747288862</c:v>
                </c:pt>
                <c:pt idx="704">
                  <c:v>14.966703563915342</c:v>
                </c:pt>
                <c:pt idx="705">
                  <c:v>14.987588115554914</c:v>
                </c:pt>
                <c:pt idx="706">
                  <c:v>14.968306645251978</c:v>
                </c:pt>
                <c:pt idx="707">
                  <c:v>14.968535121092891</c:v>
                </c:pt>
                <c:pt idx="708">
                  <c:v>14.965928294172816</c:v>
                </c:pt>
                <c:pt idx="709">
                  <c:v>14.970840948233146</c:v>
                </c:pt>
                <c:pt idx="710">
                  <c:v>15.004393756307033</c:v>
                </c:pt>
                <c:pt idx="711">
                  <c:v>14.966186888316361</c:v>
                </c:pt>
                <c:pt idx="712">
                  <c:v>14.928259659816527</c:v>
                </c:pt>
                <c:pt idx="713">
                  <c:v>14.909153648561409</c:v>
                </c:pt>
                <c:pt idx="714">
                  <c:v>14.929269833993718</c:v>
                </c:pt>
                <c:pt idx="715">
                  <c:v>14.964401981915609</c:v>
                </c:pt>
                <c:pt idx="716">
                  <c:v>14.963361831892128</c:v>
                </c:pt>
                <c:pt idx="717">
                  <c:v>14.980299714790188</c:v>
                </c:pt>
                <c:pt idx="718">
                  <c:v>14.981629779067497</c:v>
                </c:pt>
                <c:pt idx="719">
                  <c:v>14.967162258447917</c:v>
                </c:pt>
                <c:pt idx="720">
                  <c:v>14.969988523425137</c:v>
                </c:pt>
                <c:pt idx="721">
                  <c:v>14.972455451555632</c:v>
                </c:pt>
                <c:pt idx="722">
                  <c:v>14.995440296275426</c:v>
                </c:pt>
                <c:pt idx="723">
                  <c:v>15.002180468115752</c:v>
                </c:pt>
                <c:pt idx="724">
                  <c:v>14.96753089669</c:v>
                </c:pt>
                <c:pt idx="725">
                  <c:v>14.951511761122447</c:v>
                </c:pt>
                <c:pt idx="726">
                  <c:v>14.951892800806686</c:v>
                </c:pt>
                <c:pt idx="727">
                  <c:v>15.056402393450895</c:v>
                </c:pt>
                <c:pt idx="728">
                  <c:v>15.083731451740864</c:v>
                </c:pt>
                <c:pt idx="729">
                  <c:v>15.094508276689085</c:v>
                </c:pt>
                <c:pt idx="730">
                  <c:v>15.092328414566181</c:v>
                </c:pt>
                <c:pt idx="731">
                  <c:v>15.089826195051357</c:v>
                </c:pt>
                <c:pt idx="732">
                  <c:v>15.084058227781883</c:v>
                </c:pt>
                <c:pt idx="733">
                  <c:v>15.047062630651054</c:v>
                </c:pt>
                <c:pt idx="734">
                  <c:v>15.028919570585584</c:v>
                </c:pt>
                <c:pt idx="735">
                  <c:v>14.994977641731042</c:v>
                </c:pt>
                <c:pt idx="736">
                  <c:v>14.938191960932045</c:v>
                </c:pt>
                <c:pt idx="737">
                  <c:v>14.947357719428712</c:v>
                </c:pt>
                <c:pt idx="738">
                  <c:v>14.927002255123609</c:v>
                </c:pt>
                <c:pt idx="739">
                  <c:v>14.857647134445372</c:v>
                </c:pt>
                <c:pt idx="740">
                  <c:v>14.894665125769681</c:v>
                </c:pt>
                <c:pt idx="741">
                  <c:v>14.893701958712239</c:v>
                </c:pt>
                <c:pt idx="742">
                  <c:v>14.891798759286035</c:v>
                </c:pt>
                <c:pt idx="743">
                  <c:v>14.907213362281926</c:v>
                </c:pt>
                <c:pt idx="744">
                  <c:v>14.924841345014364</c:v>
                </c:pt>
                <c:pt idx="745">
                  <c:v>14.925634051282682</c:v>
                </c:pt>
                <c:pt idx="746">
                  <c:v>14.925786310656548</c:v>
                </c:pt>
                <c:pt idx="747">
                  <c:v>14.907213362281926</c:v>
                </c:pt>
                <c:pt idx="748">
                  <c:v>14.871815213518357</c:v>
                </c:pt>
                <c:pt idx="749">
                  <c:v>14.889459970973999</c:v>
                </c:pt>
                <c:pt idx="750">
                  <c:v>14.918844242311396</c:v>
                </c:pt>
                <c:pt idx="751">
                  <c:v>14.895794334009551</c:v>
                </c:pt>
                <c:pt idx="752">
                  <c:v>14.90968831348868</c:v>
                </c:pt>
                <c:pt idx="753">
                  <c:v>14.912785166402083</c:v>
                </c:pt>
                <c:pt idx="754">
                  <c:v>14.947160583600906</c:v>
                </c:pt>
                <c:pt idx="755">
                  <c:v>14.952359249740727</c:v>
                </c:pt>
                <c:pt idx="756">
                  <c:v>14.9383943502826</c:v>
                </c:pt>
                <c:pt idx="757">
                  <c:v>14.957765918638222</c:v>
                </c:pt>
                <c:pt idx="758">
                  <c:v>14.963613015324649</c:v>
                </c:pt>
                <c:pt idx="759">
                  <c:v>14.953725541800132</c:v>
                </c:pt>
                <c:pt idx="760">
                  <c:v>14.919935300009094</c:v>
                </c:pt>
                <c:pt idx="761">
                  <c:v>14.919314855742002</c:v>
                </c:pt>
                <c:pt idx="762">
                  <c:v>14.901873235108594</c:v>
                </c:pt>
                <c:pt idx="763">
                  <c:v>14.921849504414446</c:v>
                </c:pt>
                <c:pt idx="764">
                  <c:v>14.892190642437008</c:v>
                </c:pt>
                <c:pt idx="765">
                  <c:v>14.879697809679357</c:v>
                </c:pt>
                <c:pt idx="766">
                  <c:v>14.863093621352863</c:v>
                </c:pt>
                <c:pt idx="767">
                  <c:v>14.825973872037004</c:v>
                </c:pt>
                <c:pt idx="768">
                  <c:v>14.809339539362394</c:v>
                </c:pt>
                <c:pt idx="769">
                  <c:v>14.805957099582292</c:v>
                </c:pt>
                <c:pt idx="770">
                  <c:v>14.786629037254224</c:v>
                </c:pt>
                <c:pt idx="771">
                  <c:v>14.786152765427163</c:v>
                </c:pt>
                <c:pt idx="772">
                  <c:v>14.792630494884476</c:v>
                </c:pt>
                <c:pt idx="773">
                  <c:v>14.778817421380957</c:v>
                </c:pt>
                <c:pt idx="774">
                  <c:v>14.799490589409919</c:v>
                </c:pt>
                <c:pt idx="775">
                  <c:v>14.816619352538176</c:v>
                </c:pt>
                <c:pt idx="776">
                  <c:v>14.857299918740024</c:v>
                </c:pt>
                <c:pt idx="777">
                  <c:v>14.880047199194744</c:v>
                </c:pt>
                <c:pt idx="778">
                  <c:v>14.879154473187221</c:v>
                </c:pt>
                <c:pt idx="779">
                  <c:v>14.87424883732022</c:v>
                </c:pt>
                <c:pt idx="780">
                  <c:v>14.908136144123908</c:v>
                </c:pt>
                <c:pt idx="781">
                  <c:v>14.923263983393305</c:v>
                </c:pt>
                <c:pt idx="782">
                  <c:v>14.938527409093428</c:v>
                </c:pt>
                <c:pt idx="783">
                  <c:v>14.917862178100895</c:v>
                </c:pt>
                <c:pt idx="784">
                  <c:v>14.900894330065162</c:v>
                </c:pt>
                <c:pt idx="785">
                  <c:v>14.915589205009656</c:v>
                </c:pt>
                <c:pt idx="786">
                  <c:v>14.919812056513042</c:v>
                </c:pt>
                <c:pt idx="787">
                  <c:v>14.940604989943417</c:v>
                </c:pt>
                <c:pt idx="788">
                  <c:v>14.923124253997862</c:v>
                </c:pt>
                <c:pt idx="789">
                  <c:v>14.923822401994913</c:v>
                </c:pt>
                <c:pt idx="790">
                  <c:v>14.939848232623358</c:v>
                </c:pt>
                <c:pt idx="791">
                  <c:v>14.940436948223841</c:v>
                </c:pt>
                <c:pt idx="792">
                  <c:v>14.950093209750147</c:v>
                </c:pt>
                <c:pt idx="793">
                  <c:v>14.961724712382757</c:v>
                </c:pt>
                <c:pt idx="794">
                  <c:v>14.95183883017344</c:v>
                </c:pt>
                <c:pt idx="795">
                  <c:v>14.937454427476389</c:v>
                </c:pt>
                <c:pt idx="796">
                  <c:v>14.939684067193369</c:v>
                </c:pt>
                <c:pt idx="797">
                  <c:v>14.939990607984491</c:v>
                </c:pt>
                <c:pt idx="798">
                  <c:v>14.957639077259696</c:v>
                </c:pt>
                <c:pt idx="799">
                  <c:v>14.958201620254988</c:v>
                </c:pt>
                <c:pt idx="800">
                  <c:v>14.975153341395908</c:v>
                </c:pt>
                <c:pt idx="801">
                  <c:v>14.995203098550524</c:v>
                </c:pt>
                <c:pt idx="802">
                  <c:v>15.013803928080893</c:v>
                </c:pt>
                <c:pt idx="803">
                  <c:v>15.026288709190423</c:v>
                </c:pt>
                <c:pt idx="804">
                  <c:v>14.990484245473903</c:v>
                </c:pt>
                <c:pt idx="805">
                  <c:v>14.986516565017677</c:v>
                </c:pt>
                <c:pt idx="806">
                  <c:v>14.981664620188388</c:v>
                </c:pt>
                <c:pt idx="807">
                  <c:v>14.986985446820444</c:v>
                </c:pt>
                <c:pt idx="808">
                  <c:v>14.99261725525162</c:v>
                </c:pt>
                <c:pt idx="809">
                  <c:v>14.992724621008016</c:v>
                </c:pt>
                <c:pt idx="810">
                  <c:v>15.01082066649988</c:v>
                </c:pt>
                <c:pt idx="811">
                  <c:v>15.0469485039027</c:v>
                </c:pt>
                <c:pt idx="812">
                  <c:v>15.034210554274097</c:v>
                </c:pt>
                <c:pt idx="813">
                  <c:v>15.017539965895978</c:v>
                </c:pt>
                <c:pt idx="814">
                  <c:v>15.017882125807278</c:v>
                </c:pt>
                <c:pt idx="815">
                  <c:v>15.037544234150255</c:v>
                </c:pt>
                <c:pt idx="816">
                  <c:v>15.02204294843887</c:v>
                </c:pt>
                <c:pt idx="817">
                  <c:v>15.023004870255129</c:v>
                </c:pt>
                <c:pt idx="818">
                  <c:v>15.010278915648517</c:v>
                </c:pt>
                <c:pt idx="819">
                  <c:v>15.012887420058956</c:v>
                </c:pt>
                <c:pt idx="820">
                  <c:v>15.010919867275717</c:v>
                </c:pt>
                <c:pt idx="821">
                  <c:v>15.041988440462715</c:v>
                </c:pt>
                <c:pt idx="822">
                  <c:v>15.062461886289775</c:v>
                </c:pt>
                <c:pt idx="823">
                  <c:v>15.068760971761122</c:v>
                </c:pt>
                <c:pt idx="824">
                  <c:v>15.053096347912582</c:v>
                </c:pt>
                <c:pt idx="825">
                  <c:v>15.034921474602779</c:v>
                </c:pt>
                <c:pt idx="826">
                  <c:v>15.031303148078932</c:v>
                </c:pt>
                <c:pt idx="827">
                  <c:v>15.030514318277966</c:v>
                </c:pt>
                <c:pt idx="828">
                  <c:v>15.046510429105904</c:v>
                </c:pt>
                <c:pt idx="829">
                  <c:v>15.063586899265268</c:v>
                </c:pt>
                <c:pt idx="830">
                  <c:v>15.077863728576608</c:v>
                </c:pt>
                <c:pt idx="831">
                  <c:v>15.10641020047537</c:v>
                </c:pt>
                <c:pt idx="832">
                  <c:v>15.121818746383767</c:v>
                </c:pt>
                <c:pt idx="833">
                  <c:v>15.121090393920644</c:v>
                </c:pt>
                <c:pt idx="834">
                  <c:v>15.138155790122267</c:v>
                </c:pt>
                <c:pt idx="835">
                  <c:v>15.124976536826908</c:v>
                </c:pt>
                <c:pt idx="836">
                  <c:v>15.108506690468705</c:v>
                </c:pt>
                <c:pt idx="837">
                  <c:v>15.090417841222603</c:v>
                </c:pt>
                <c:pt idx="838">
                  <c:v>15.091738551176253</c:v>
                </c:pt>
                <c:pt idx="839">
                  <c:v>15.078171840029505</c:v>
                </c:pt>
                <c:pt idx="840">
                  <c:v>15.083904409139684</c:v>
                </c:pt>
                <c:pt idx="841">
                  <c:v>15.071597796494764</c:v>
                </c:pt>
                <c:pt idx="842">
                  <c:v>15.058385468457235</c:v>
                </c:pt>
                <c:pt idx="843">
                  <c:v>15.043712604116003</c:v>
                </c:pt>
                <c:pt idx="844">
                  <c:v>15.062575636958396</c:v>
                </c:pt>
                <c:pt idx="845">
                  <c:v>15.082865114269035</c:v>
                </c:pt>
                <c:pt idx="846">
                  <c:v>15.071686783649582</c:v>
                </c:pt>
                <c:pt idx="847">
                  <c:v>15.057479521192834</c:v>
                </c:pt>
                <c:pt idx="848">
                  <c:v>15.05764590237057</c:v>
                </c:pt>
                <c:pt idx="849">
                  <c:v>15.074693085507464</c:v>
                </c:pt>
                <c:pt idx="850">
                  <c:v>15.093320136377358</c:v>
                </c:pt>
                <c:pt idx="851">
                  <c:v>15.112993452504785</c:v>
                </c:pt>
                <c:pt idx="852">
                  <c:v>15.098608052316129</c:v>
                </c:pt>
                <c:pt idx="853">
                  <c:v>15.085244971970484</c:v>
                </c:pt>
                <c:pt idx="854">
                  <c:v>15.06833465042674</c:v>
                </c:pt>
                <c:pt idx="855">
                  <c:v>15.084225706206883</c:v>
                </c:pt>
                <c:pt idx="856">
                  <c:v>15.099447519361977</c:v>
                </c:pt>
                <c:pt idx="857">
                  <c:v>15.100401388254905</c:v>
                </c:pt>
                <c:pt idx="858">
                  <c:v>15.133597043854955</c:v>
                </c:pt>
                <c:pt idx="859">
                  <c:v>15.138031391018208</c:v>
                </c:pt>
                <c:pt idx="860">
                  <c:v>15.139338211423254</c:v>
                </c:pt>
                <c:pt idx="861">
                  <c:v>15.102093999380525</c:v>
                </c:pt>
                <c:pt idx="862">
                  <c:v>15.095184942744771</c:v>
                </c:pt>
                <c:pt idx="863">
                  <c:v>15.091065801244845</c:v>
                </c:pt>
                <c:pt idx="864">
                  <c:v>15.090231968229384</c:v>
                </c:pt>
                <c:pt idx="865">
                  <c:v>15.088487085499114</c:v>
                </c:pt>
                <c:pt idx="866">
                  <c:v>15.068826108559028</c:v>
                </c:pt>
                <c:pt idx="867">
                  <c:v>15.084949603452237</c:v>
                </c:pt>
                <c:pt idx="868">
                  <c:v>15.12867932992849</c:v>
                </c:pt>
                <c:pt idx="869">
                  <c:v>15.131512759653695</c:v>
                </c:pt>
                <c:pt idx="870">
                  <c:v>15.132169328440316</c:v>
                </c:pt>
                <c:pt idx="871">
                  <c:v>15.12036853820379</c:v>
                </c:pt>
                <c:pt idx="872">
                  <c:v>15.117087182846518</c:v>
                </c:pt>
                <c:pt idx="873">
                  <c:v>15.084949603452237</c:v>
                </c:pt>
                <c:pt idx="874">
                  <c:v>15.107817608673137</c:v>
                </c:pt>
                <c:pt idx="875">
                  <c:v>15.095796735710355</c:v>
                </c:pt>
                <c:pt idx="876">
                  <c:v>15.107532010389434</c:v>
                </c:pt>
                <c:pt idx="877">
                  <c:v>15.094359860192384</c:v>
                </c:pt>
                <c:pt idx="878">
                  <c:v>15.098958049384896</c:v>
                </c:pt>
                <c:pt idx="879">
                  <c:v>15.081175241263356</c:v>
                </c:pt>
                <c:pt idx="880">
                  <c:v>15.041933733371577</c:v>
                </c:pt>
                <c:pt idx="881">
                  <c:v>15.053032391235838</c:v>
                </c:pt>
                <c:pt idx="882">
                  <c:v>15.070751555968522</c:v>
                </c:pt>
                <c:pt idx="883">
                  <c:v>15.085553479964705</c:v>
                </c:pt>
                <c:pt idx="884">
                  <c:v>15.067521048803316</c:v>
                </c:pt>
                <c:pt idx="885">
                  <c:v>15.10245172385298</c:v>
                </c:pt>
                <c:pt idx="886">
                  <c:v>15.086252809884286</c:v>
                </c:pt>
                <c:pt idx="887">
                  <c:v>15.097060061532195</c:v>
                </c:pt>
                <c:pt idx="888">
                  <c:v>15.097866246143292</c:v>
                </c:pt>
                <c:pt idx="889">
                  <c:v>15.130846595748546</c:v>
                </c:pt>
                <c:pt idx="890">
                  <c:v>15.143212733806429</c:v>
                </c:pt>
                <c:pt idx="891">
                  <c:v>15.108459442839575</c:v>
                </c:pt>
                <c:pt idx="892">
                  <c:v>15.091018201532954</c:v>
                </c:pt>
                <c:pt idx="893">
                  <c:v>15.062628150159913</c:v>
                </c:pt>
                <c:pt idx="894">
                  <c:v>15.066317786550588</c:v>
                </c:pt>
                <c:pt idx="895">
                  <c:v>15.105250892569131</c:v>
                </c:pt>
                <c:pt idx="896">
                  <c:v>15.099191206772932</c:v>
                </c:pt>
                <c:pt idx="897">
                  <c:v>15.121064689837386</c:v>
                </c:pt>
                <c:pt idx="898">
                  <c:v>15.11861064795607</c:v>
                </c:pt>
                <c:pt idx="899">
                  <c:v>15.097087766332153</c:v>
                </c:pt>
                <c:pt idx="900">
                  <c:v>15.031196119643173</c:v>
                </c:pt>
                <c:pt idx="901">
                  <c:v>15.100070746338922</c:v>
                </c:pt>
                <c:pt idx="902">
                  <c:v>15.04814515089944</c:v>
                </c:pt>
                <c:pt idx="903">
                  <c:v>15.014274445224229</c:v>
                </c:pt>
                <c:pt idx="904">
                  <c:v>15.002534386647731</c:v>
                </c:pt>
                <c:pt idx="905">
                  <c:v>14.989731757243909</c:v>
                </c:pt>
                <c:pt idx="906">
                  <c:v>14.931721385388856</c:v>
                </c:pt>
                <c:pt idx="907">
                  <c:v>15.057292861318</c:v>
                </c:pt>
                <c:pt idx="908">
                  <c:v>15.063499885607479</c:v>
                </c:pt>
                <c:pt idx="909">
                  <c:v>15.171918904652051</c:v>
                </c:pt>
                <c:pt idx="910">
                  <c:v>15.171371090920172</c:v>
                </c:pt>
                <c:pt idx="911">
                  <c:v>15.157058794464117</c:v>
                </c:pt>
                <c:pt idx="912">
                  <c:v>15.150536768357126</c:v>
                </c:pt>
                <c:pt idx="913">
                  <c:v>15.150328078214629</c:v>
                </c:pt>
                <c:pt idx="914">
                  <c:v>15.150017199566152</c:v>
                </c:pt>
                <c:pt idx="915">
                  <c:v>15.202737170216967</c:v>
                </c:pt>
                <c:pt idx="916">
                  <c:v>15.20310321300283</c:v>
                </c:pt>
                <c:pt idx="917">
                  <c:v>15.166977200094003</c:v>
                </c:pt>
                <c:pt idx="918">
                  <c:v>15.142620320909192</c:v>
                </c:pt>
                <c:pt idx="919">
                  <c:v>15.105508823079681</c:v>
                </c:pt>
                <c:pt idx="920">
                  <c:v>15.085369340100341</c:v>
                </c:pt>
                <c:pt idx="921">
                  <c:v>15.078918944188635</c:v>
                </c:pt>
                <c:pt idx="922">
                  <c:v>15.064439250411636</c:v>
                </c:pt>
                <c:pt idx="923">
                  <c:v>15.049898757581971</c:v>
                </c:pt>
                <c:pt idx="924">
                  <c:v>15.020866384621696</c:v>
                </c:pt>
                <c:pt idx="925">
                  <c:v>15.027941448443222</c:v>
                </c:pt>
                <c:pt idx="926">
                  <c:v>14.988055731882049</c:v>
                </c:pt>
                <c:pt idx="927">
                  <c:v>15.028214408120373</c:v>
                </c:pt>
                <c:pt idx="928">
                  <c:v>15.003622554644533</c:v>
                </c:pt>
                <c:pt idx="929">
                  <c:v>15.03371297120918</c:v>
                </c:pt>
                <c:pt idx="930">
                  <c:v>15.043203543993853</c:v>
                </c:pt>
                <c:pt idx="931">
                  <c:v>15.036491478451875</c:v>
                </c:pt>
                <c:pt idx="932">
                  <c:v>15.046582455478312</c:v>
                </c:pt>
                <c:pt idx="933">
                  <c:v>15.076163658375062</c:v>
                </c:pt>
                <c:pt idx="934">
                  <c:v>15.077611475874761</c:v>
                </c:pt>
                <c:pt idx="935">
                  <c:v>15.061884274924012</c:v>
                </c:pt>
                <c:pt idx="936">
                  <c:v>15.046068026874089</c:v>
                </c:pt>
                <c:pt idx="937">
                  <c:v>15.010074845160936</c:v>
                </c:pt>
                <c:pt idx="938">
                  <c:v>15.013971170946094</c:v>
                </c:pt>
                <c:pt idx="939">
                  <c:v>14.980710338512068</c:v>
                </c:pt>
                <c:pt idx="940">
                  <c:v>14.980776124093932</c:v>
                </c:pt>
                <c:pt idx="941">
                  <c:v>14.981148700060526</c:v>
                </c:pt>
                <c:pt idx="942">
                  <c:v>14.993572548960383</c:v>
                </c:pt>
                <c:pt idx="943">
                  <c:v>15.008864666347709</c:v>
                </c:pt>
                <c:pt idx="944">
                  <c:v>15.045396013927796</c:v>
                </c:pt>
                <c:pt idx="945">
                  <c:v>15.050164622029619</c:v>
                </c:pt>
                <c:pt idx="946">
                  <c:v>15.05655708332454</c:v>
                </c:pt>
                <c:pt idx="947">
                  <c:v>15.03323535104359</c:v>
                </c:pt>
                <c:pt idx="948">
                  <c:v>14.991899179533572</c:v>
                </c:pt>
                <c:pt idx="949">
                  <c:v>14.972443500291032</c:v>
                </c:pt>
                <c:pt idx="950">
                  <c:v>14.936361441471551</c:v>
                </c:pt>
                <c:pt idx="951">
                  <c:v>14.901783986375534</c:v>
                </c:pt>
                <c:pt idx="952">
                  <c:v>14.92101505967965</c:v>
                </c:pt>
                <c:pt idx="953">
                  <c:v>14.994839535592334</c:v>
                </c:pt>
                <c:pt idx="954">
                  <c:v>15.01556302123884</c:v>
                </c:pt>
                <c:pt idx="955">
                  <c:v>15.043553261548638</c:v>
                </c:pt>
                <c:pt idx="956">
                  <c:v>15.045584392926523</c:v>
                </c:pt>
                <c:pt idx="957">
                  <c:v>15.04039260570754</c:v>
                </c:pt>
                <c:pt idx="958">
                  <c:v>14.995893553386971</c:v>
                </c:pt>
                <c:pt idx="959">
                  <c:v>14.994871301641943</c:v>
                </c:pt>
                <c:pt idx="960">
                  <c:v>14.937434739801931</c:v>
                </c:pt>
                <c:pt idx="961">
                  <c:v>14.96002404189333</c:v>
                </c:pt>
                <c:pt idx="962">
                  <c:v>15.021974513948194</c:v>
                </c:pt>
                <c:pt idx="963">
                  <c:v>15.035841488248209</c:v>
                </c:pt>
                <c:pt idx="964">
                  <c:v>15.083549915109584</c:v>
                </c:pt>
                <c:pt idx="965">
                  <c:v>15.075300064783297</c:v>
                </c:pt>
                <c:pt idx="966">
                  <c:v>15.041736314984595</c:v>
                </c:pt>
                <c:pt idx="967">
                  <c:v>15.039002981931661</c:v>
                </c:pt>
                <c:pt idx="968">
                  <c:v>15.018727403780838</c:v>
                </c:pt>
                <c:pt idx="969">
                  <c:v>15.011325900292089</c:v>
                </c:pt>
                <c:pt idx="970">
                  <c:v>15.047676159566963</c:v>
                </c:pt>
                <c:pt idx="971">
                  <c:v>15.079615974088036</c:v>
                </c:pt>
                <c:pt idx="972">
                  <c:v>15.081654943317718</c:v>
                </c:pt>
                <c:pt idx="973">
                  <c:v>15.056176461348754</c:v>
                </c:pt>
                <c:pt idx="974">
                  <c:v>15.012385785696281</c:v>
                </c:pt>
                <c:pt idx="975">
                  <c:v>15.044057620323827</c:v>
                </c:pt>
                <c:pt idx="976">
                  <c:v>15.058049676330041</c:v>
                </c:pt>
                <c:pt idx="977">
                  <c:v>15.053416935357085</c:v>
                </c:pt>
                <c:pt idx="978">
                  <c:v>15.071758631638581</c:v>
                </c:pt>
                <c:pt idx="979">
                  <c:v>15.09270445159741</c:v>
                </c:pt>
                <c:pt idx="980">
                  <c:v>15.11111066931843</c:v>
                </c:pt>
                <c:pt idx="981">
                  <c:v>15.141342279398689</c:v>
                </c:pt>
                <c:pt idx="982">
                  <c:v>15.143094615575885</c:v>
                </c:pt>
                <c:pt idx="983">
                  <c:v>15.131477645361521</c:v>
                </c:pt>
                <c:pt idx="984">
                  <c:v>15.10165416187132</c:v>
                </c:pt>
                <c:pt idx="985">
                  <c:v>15.105870057585239</c:v>
                </c:pt>
                <c:pt idx="986">
                  <c:v>15.075369608928801</c:v>
                </c:pt>
                <c:pt idx="987">
                  <c:v>15.094481494279012</c:v>
                </c:pt>
                <c:pt idx="988">
                  <c:v>15.093780431456466</c:v>
                </c:pt>
                <c:pt idx="989">
                  <c:v>15.111285867466876</c:v>
                </c:pt>
                <c:pt idx="990">
                  <c:v>15.129924817538923</c:v>
                </c:pt>
                <c:pt idx="991">
                  <c:v>15.146122617962373</c:v>
                </c:pt>
                <c:pt idx="992">
                  <c:v>15.143028653541039</c:v>
                </c:pt>
                <c:pt idx="993">
                  <c:v>15.175496508085381</c:v>
                </c:pt>
                <c:pt idx="994">
                  <c:v>15.162454029957008</c:v>
                </c:pt>
                <c:pt idx="995">
                  <c:v>15.147604444783159</c:v>
                </c:pt>
                <c:pt idx="996">
                  <c:v>15.14648236491249</c:v>
                </c:pt>
                <c:pt idx="997">
                  <c:v>15.147357863444391</c:v>
                </c:pt>
                <c:pt idx="998">
                  <c:v>15.153542424991267</c:v>
                </c:pt>
                <c:pt idx="999">
                  <c:v>15.157451547135498</c:v>
                </c:pt>
                <c:pt idx="1000">
                  <c:v>15.175130409861953</c:v>
                </c:pt>
                <c:pt idx="1001">
                  <c:v>15.163307475062204</c:v>
                </c:pt>
                <c:pt idx="1002">
                  <c:v>15.167610619813587</c:v>
                </c:pt>
                <c:pt idx="1003">
                  <c:v>15.169119383879796</c:v>
                </c:pt>
                <c:pt idx="1004">
                  <c:v>15.136043930777427</c:v>
                </c:pt>
                <c:pt idx="1005">
                  <c:v>15.121982770165218</c:v>
                </c:pt>
                <c:pt idx="1006">
                  <c:v>15.119680513438807</c:v>
                </c:pt>
                <c:pt idx="1007">
                  <c:v>15.099136449715683</c:v>
                </c:pt>
                <c:pt idx="1008">
                  <c:v>15.110116408607233</c:v>
                </c:pt>
                <c:pt idx="1009">
                  <c:v>15.140285782373216</c:v>
                </c:pt>
                <c:pt idx="1010">
                  <c:v>15.156773550376229</c:v>
                </c:pt>
                <c:pt idx="1011">
                  <c:v>15.14433713635237</c:v>
                </c:pt>
                <c:pt idx="1012">
                  <c:v>15.109681993409737</c:v>
                </c:pt>
                <c:pt idx="1013">
                  <c:v>15.127270682842926</c:v>
                </c:pt>
                <c:pt idx="1014">
                  <c:v>15.114112024627794</c:v>
                </c:pt>
                <c:pt idx="1015">
                  <c:v>15.133148463285988</c:v>
                </c:pt>
                <c:pt idx="1016">
                  <c:v>15.149781296788998</c:v>
                </c:pt>
                <c:pt idx="1017">
                  <c:v>15.163264418768513</c:v>
                </c:pt>
                <c:pt idx="1018">
                  <c:v>15.141247966001288</c:v>
                </c:pt>
                <c:pt idx="1019">
                  <c:v>15.120045615132156</c:v>
                </c:pt>
                <c:pt idx="1020">
                  <c:v>15.098549880939204</c:v>
                </c:pt>
                <c:pt idx="1021">
                  <c:v>15.093191472151954</c:v>
                </c:pt>
                <c:pt idx="1022">
                  <c:v>15.10515908094531</c:v>
                </c:pt>
                <c:pt idx="1023">
                  <c:v>15.085799816850376</c:v>
                </c:pt>
                <c:pt idx="1024">
                  <c:v>15.099587255417941</c:v>
                </c:pt>
                <c:pt idx="1025">
                  <c:v>15.114399611955349</c:v>
                </c:pt>
                <c:pt idx="1026">
                  <c:v>15.12810021271444</c:v>
                </c:pt>
                <c:pt idx="1027">
                  <c:v>15.12859457636079</c:v>
                </c:pt>
                <c:pt idx="1028">
                  <c:v>15.130120798658083</c:v>
                </c:pt>
                <c:pt idx="1029">
                  <c:v>15.133294975330083</c:v>
                </c:pt>
                <c:pt idx="1030">
                  <c:v>15.137157743734823</c:v>
                </c:pt>
                <c:pt idx="1031">
                  <c:v>15.156198242648149</c:v>
                </c:pt>
                <c:pt idx="1032">
                  <c:v>15.157839864522728</c:v>
                </c:pt>
                <c:pt idx="1033">
                  <c:v>15.141734134074049</c:v>
                </c:pt>
                <c:pt idx="1034">
                  <c:v>15.142847225033593</c:v>
                </c:pt>
                <c:pt idx="1035">
                  <c:v>15.145514793165427</c:v>
                </c:pt>
                <c:pt idx="1036">
                  <c:v>15.144092848642146</c:v>
                </c:pt>
                <c:pt idx="1037">
                  <c:v>15.160289441601929</c:v>
                </c:pt>
                <c:pt idx="1038">
                  <c:v>15.164629058273846</c:v>
                </c:pt>
                <c:pt idx="1039">
                  <c:v>15.198196547226775</c:v>
                </c:pt>
                <c:pt idx="1040">
                  <c:v>15.204290826673754</c:v>
                </c:pt>
                <c:pt idx="1041">
                  <c:v>15.192258035291285</c:v>
                </c:pt>
                <c:pt idx="1042">
                  <c:v>15.177301164268036</c:v>
                </c:pt>
                <c:pt idx="1043">
                  <c:v>15.193471499060468</c:v>
                </c:pt>
                <c:pt idx="1044">
                  <c:v>15.188529148700738</c:v>
                </c:pt>
                <c:pt idx="1045">
                  <c:v>15.202358021939215</c:v>
                </c:pt>
                <c:pt idx="1046">
                  <c:v>15.220128727032263</c:v>
                </c:pt>
                <c:pt idx="1047">
                  <c:v>15.21141187072817</c:v>
                </c:pt>
                <c:pt idx="1048">
                  <c:v>15.233915651724477</c:v>
                </c:pt>
                <c:pt idx="1049">
                  <c:v>15.210241762014807</c:v>
                </c:pt>
                <c:pt idx="1050">
                  <c:v>15.217897374834648</c:v>
                </c:pt>
                <c:pt idx="1051">
                  <c:v>15.219198777978416</c:v>
                </c:pt>
                <c:pt idx="1052">
                  <c:v>15.240283655572584</c:v>
                </c:pt>
                <c:pt idx="1053">
                  <c:v>15.233863154786802</c:v>
                </c:pt>
                <c:pt idx="1054">
                  <c:v>15.224127209424982</c:v>
                </c:pt>
                <c:pt idx="1055">
                  <c:v>15.198215801061421</c:v>
                </c:pt>
                <c:pt idx="1056">
                  <c:v>15.183739535584667</c:v>
                </c:pt>
                <c:pt idx="1057">
                  <c:v>15.201189389946723</c:v>
                </c:pt>
                <c:pt idx="1058">
                  <c:v>15.229016836441872</c:v>
                </c:pt>
                <c:pt idx="1059">
                  <c:v>15.271258079506911</c:v>
                </c:pt>
                <c:pt idx="1060">
                  <c:v>15.267157053329189</c:v>
                </c:pt>
                <c:pt idx="1061">
                  <c:v>15.265923921702896</c:v>
                </c:pt>
                <c:pt idx="1062">
                  <c:v>15.23010706549805</c:v>
                </c:pt>
                <c:pt idx="1063">
                  <c:v>15.25717813030848</c:v>
                </c:pt>
                <c:pt idx="1064">
                  <c:v>15.250504959215476</c:v>
                </c:pt>
                <c:pt idx="1065">
                  <c:v>15.240633400755208</c:v>
                </c:pt>
                <c:pt idx="1066">
                  <c:v>15.299269771458217</c:v>
                </c:pt>
                <c:pt idx="1067">
                  <c:v>15.297495675005877</c:v>
                </c:pt>
                <c:pt idx="1068">
                  <c:v>15.32989008711878</c:v>
                </c:pt>
                <c:pt idx="1069">
                  <c:v>15.414984597074017</c:v>
                </c:pt>
                <c:pt idx="1070">
                  <c:v>15.451157552637223</c:v>
                </c:pt>
                <c:pt idx="1071">
                  <c:v>15.492893216216723</c:v>
                </c:pt>
                <c:pt idx="1072">
                  <c:v>15.537791290044341</c:v>
                </c:pt>
                <c:pt idx="1073">
                  <c:v>15.558247101938649</c:v>
                </c:pt>
                <c:pt idx="1074">
                  <c:v>15.530967379229901</c:v>
                </c:pt>
                <c:pt idx="1075">
                  <c:v>15.434368718462634</c:v>
                </c:pt>
                <c:pt idx="1076">
                  <c:v>15.434381917056207</c:v>
                </c:pt>
                <c:pt idx="1077">
                  <c:v>15.45986138469371</c:v>
                </c:pt>
                <c:pt idx="1078">
                  <c:v>15.548003119299914</c:v>
                </c:pt>
                <c:pt idx="1079">
                  <c:v>15.590780529272251</c:v>
                </c:pt>
                <c:pt idx="1080">
                  <c:v>15.580764736018809</c:v>
                </c:pt>
                <c:pt idx="1081">
                  <c:v>15.569855783483284</c:v>
                </c:pt>
                <c:pt idx="1082">
                  <c:v>15.547781288968356</c:v>
                </c:pt>
                <c:pt idx="1083">
                  <c:v>15.512881836346592</c:v>
                </c:pt>
                <c:pt idx="1084">
                  <c:v>15.516464425335986</c:v>
                </c:pt>
                <c:pt idx="1085">
                  <c:v>15.518334032006127</c:v>
                </c:pt>
                <c:pt idx="1086">
                  <c:v>15.522727641092317</c:v>
                </c:pt>
                <c:pt idx="1087">
                  <c:v>15.513831817463142</c:v>
                </c:pt>
                <c:pt idx="1088">
                  <c:v>15.511787864967497</c:v>
                </c:pt>
                <c:pt idx="1089">
                  <c:v>15.499080282337886</c:v>
                </c:pt>
                <c:pt idx="1090">
                  <c:v>15.512268710496201</c:v>
                </c:pt>
                <c:pt idx="1091">
                  <c:v>15.524656696035697</c:v>
                </c:pt>
                <c:pt idx="1092">
                  <c:v>15.499062473246472</c:v>
                </c:pt>
                <c:pt idx="1093">
                  <c:v>15.471372912786897</c:v>
                </c:pt>
                <c:pt idx="1094">
                  <c:v>15.46992270991262</c:v>
                </c:pt>
                <c:pt idx="1095">
                  <c:v>15.492724613299147</c:v>
                </c:pt>
                <c:pt idx="1096">
                  <c:v>15.491419190319897</c:v>
                </c:pt>
                <c:pt idx="1097">
                  <c:v>15.501276514448531</c:v>
                </c:pt>
                <c:pt idx="1098">
                  <c:v>15.494444004170623</c:v>
                </c:pt>
                <c:pt idx="1099">
                  <c:v>15.500229445424816</c:v>
                </c:pt>
                <c:pt idx="1100">
                  <c:v>15.519253496887508</c:v>
                </c:pt>
                <c:pt idx="1101">
                  <c:v>15.517418582431111</c:v>
                </c:pt>
                <c:pt idx="1102">
                  <c:v>15.516391137485533</c:v>
                </c:pt>
                <c:pt idx="1103">
                  <c:v>15.498809429214738</c:v>
                </c:pt>
                <c:pt idx="1104">
                  <c:v>15.555567489831081</c:v>
                </c:pt>
                <c:pt idx="1105">
                  <c:v>15.545822415984926</c:v>
                </c:pt>
                <c:pt idx="1106">
                  <c:v>15.570564005972045</c:v>
                </c:pt>
                <c:pt idx="1107">
                  <c:v>15.569575674724021</c:v>
                </c:pt>
                <c:pt idx="1108">
                  <c:v>15.560392801213279</c:v>
                </c:pt>
                <c:pt idx="1109">
                  <c:v>15.527652721852569</c:v>
                </c:pt>
                <c:pt idx="1110">
                  <c:v>15.50363631171161</c:v>
                </c:pt>
                <c:pt idx="1111">
                  <c:v>15.476197082027671</c:v>
                </c:pt>
                <c:pt idx="1112">
                  <c:v>15.454042071035488</c:v>
                </c:pt>
                <c:pt idx="1113">
                  <c:v>15.447839902850715</c:v>
                </c:pt>
                <c:pt idx="1114">
                  <c:v>15.534924211211241</c:v>
                </c:pt>
                <c:pt idx="1115">
                  <c:v>15.556592664063258</c:v>
                </c:pt>
                <c:pt idx="1116">
                  <c:v>15.532220446425335</c:v>
                </c:pt>
                <c:pt idx="1117">
                  <c:v>15.505844156936078</c:v>
                </c:pt>
                <c:pt idx="1118">
                  <c:v>15.492084332499074</c:v>
                </c:pt>
                <c:pt idx="1119">
                  <c:v>15.481605254022588</c:v>
                </c:pt>
                <c:pt idx="1120">
                  <c:v>15.482950481387121</c:v>
                </c:pt>
                <c:pt idx="1121">
                  <c:v>15.49601517493997</c:v>
                </c:pt>
                <c:pt idx="1122">
                  <c:v>15.496245174476082</c:v>
                </c:pt>
                <c:pt idx="1123">
                  <c:v>15.491386532104778</c:v>
                </c:pt>
                <c:pt idx="1124">
                  <c:v>15.460812235700473</c:v>
                </c:pt>
                <c:pt idx="1125">
                  <c:v>15.421510912304651</c:v>
                </c:pt>
                <c:pt idx="1126">
                  <c:v>15.395689057548417</c:v>
                </c:pt>
                <c:pt idx="1127">
                  <c:v>15.394965215090872</c:v>
                </c:pt>
                <c:pt idx="1128">
                  <c:v>15.410106771331915</c:v>
                </c:pt>
                <c:pt idx="1129">
                  <c:v>15.426926962644899</c:v>
                </c:pt>
                <c:pt idx="1130">
                  <c:v>15.403813029440167</c:v>
                </c:pt>
                <c:pt idx="1131">
                  <c:v>15.379626944434456</c:v>
                </c:pt>
                <c:pt idx="1132">
                  <c:v>15.387082950379822</c:v>
                </c:pt>
                <c:pt idx="1133">
                  <c:v>15.367165037053896</c:v>
                </c:pt>
                <c:pt idx="1134">
                  <c:v>15.327163323656931</c:v>
                </c:pt>
                <c:pt idx="1135">
                  <c:v>15.315562335936752</c:v>
                </c:pt>
                <c:pt idx="1136">
                  <c:v>15.352384987430373</c:v>
                </c:pt>
                <c:pt idx="1137">
                  <c:v>15.370833596411162</c:v>
                </c:pt>
                <c:pt idx="1138">
                  <c:v>15.372462491886594</c:v>
                </c:pt>
                <c:pt idx="1139">
                  <c:v>15.401641667849422</c:v>
                </c:pt>
                <c:pt idx="1140">
                  <c:v>15.460159761804203</c:v>
                </c:pt>
                <c:pt idx="1141">
                  <c:v>15.48958114070825</c:v>
                </c:pt>
                <c:pt idx="1142">
                  <c:v>15.514034755065131</c:v>
                </c:pt>
                <c:pt idx="1143">
                  <c:v>15.525824464272077</c:v>
                </c:pt>
                <c:pt idx="1144">
                  <c:v>15.512351396132562</c:v>
                </c:pt>
                <c:pt idx="1145">
                  <c:v>15.525032856043467</c:v>
                </c:pt>
                <c:pt idx="1146">
                  <c:v>15.511713952189741</c:v>
                </c:pt>
                <c:pt idx="1147">
                  <c:v>15.495026649039541</c:v>
                </c:pt>
                <c:pt idx="1148">
                  <c:v>15.492022130053549</c:v>
                </c:pt>
                <c:pt idx="1149">
                  <c:v>15.516411444172268</c:v>
                </c:pt>
                <c:pt idx="1150">
                  <c:v>15.535368655176091</c:v>
                </c:pt>
                <c:pt idx="1151">
                  <c:v>15.571772413205684</c:v>
                </c:pt>
                <c:pt idx="1152">
                  <c:v>15.575558406490078</c:v>
                </c:pt>
                <c:pt idx="1153">
                  <c:v>15.588526429410198</c:v>
                </c:pt>
                <c:pt idx="1154">
                  <c:v>15.577897331119781</c:v>
                </c:pt>
                <c:pt idx="1155">
                  <c:v>15.56591894654817</c:v>
                </c:pt>
                <c:pt idx="1156">
                  <c:v>15.554022008962548</c:v>
                </c:pt>
                <c:pt idx="1157">
                  <c:v>15.541480765338987</c:v>
                </c:pt>
                <c:pt idx="1158">
                  <c:v>15.513938165650005</c:v>
                </c:pt>
                <c:pt idx="1159">
                  <c:v>15.499365117499853</c:v>
                </c:pt>
                <c:pt idx="1160">
                  <c:v>15.475355560396626</c:v>
                </c:pt>
                <c:pt idx="1161">
                  <c:v>15.465669083100867</c:v>
                </c:pt>
                <c:pt idx="1162">
                  <c:v>15.451446512582816</c:v>
                </c:pt>
                <c:pt idx="1163">
                  <c:v>15.474540999708996</c:v>
                </c:pt>
                <c:pt idx="1164">
                  <c:v>15.484318798164438</c:v>
                </c:pt>
                <c:pt idx="1165">
                  <c:v>15.481374685336631</c:v>
                </c:pt>
                <c:pt idx="1166">
                  <c:v>15.493429901218773</c:v>
                </c:pt>
                <c:pt idx="1167">
                  <c:v>15.50662169844677</c:v>
                </c:pt>
                <c:pt idx="1168">
                  <c:v>15.492489234232936</c:v>
                </c:pt>
                <c:pt idx="1169">
                  <c:v>15.504140007356098</c:v>
                </c:pt>
                <c:pt idx="1170">
                  <c:v>15.541991688931493</c:v>
                </c:pt>
                <c:pt idx="1171">
                  <c:v>15.57881198569371</c:v>
                </c:pt>
                <c:pt idx="1172">
                  <c:v>15.592652638003198</c:v>
                </c:pt>
                <c:pt idx="1173">
                  <c:v>15.607998644886408</c:v>
                </c:pt>
                <c:pt idx="1174">
                  <c:v>15.598312109708313</c:v>
                </c:pt>
                <c:pt idx="1175">
                  <c:v>15.611605556585864</c:v>
                </c:pt>
                <c:pt idx="1176">
                  <c:v>15.56406100925599</c:v>
                </c:pt>
                <c:pt idx="1177">
                  <c:v>15.549999470336083</c:v>
                </c:pt>
                <c:pt idx="1178">
                  <c:v>15.512553377108967</c:v>
                </c:pt>
                <c:pt idx="1179">
                  <c:v>15.503419237805751</c:v>
                </c:pt>
                <c:pt idx="1180">
                  <c:v>15.529614057837886</c:v>
                </c:pt>
                <c:pt idx="1181">
                  <c:v>15.544396371362685</c:v>
                </c:pt>
                <c:pt idx="1182">
                  <c:v>15.563192494810629</c:v>
                </c:pt>
                <c:pt idx="1183">
                  <c:v>15.551032543391386</c:v>
                </c:pt>
                <c:pt idx="1184">
                  <c:v>15.519463722310594</c:v>
                </c:pt>
                <c:pt idx="1185">
                  <c:v>15.53633446109535</c:v>
                </c:pt>
                <c:pt idx="1186">
                  <c:v>15.539058022162218</c:v>
                </c:pt>
                <c:pt idx="1187">
                  <c:v>15.515406354546112</c:v>
                </c:pt>
                <c:pt idx="1188">
                  <c:v>15.530000913670332</c:v>
                </c:pt>
                <c:pt idx="1189">
                  <c:v>15.530685763961891</c:v>
                </c:pt>
                <c:pt idx="1190">
                  <c:v>15.538401120903949</c:v>
                </c:pt>
                <c:pt idx="1191">
                  <c:v>15.551421833746002</c:v>
                </c:pt>
                <c:pt idx="1192">
                  <c:v>15.554691358890933</c:v>
                </c:pt>
                <c:pt idx="1193">
                  <c:v>15.520162038693961</c:v>
                </c:pt>
                <c:pt idx="1194">
                  <c:v>15.522041284785679</c:v>
                </c:pt>
                <c:pt idx="1195">
                  <c:v>15.526185318306368</c:v>
                </c:pt>
                <c:pt idx="1196">
                  <c:v>15.528394713990409</c:v>
                </c:pt>
                <c:pt idx="1197">
                  <c:v>15.52640853730065</c:v>
                </c:pt>
                <c:pt idx="1198">
                  <c:v>15.540252504654282</c:v>
                </c:pt>
                <c:pt idx="1199">
                  <c:v>15.516954794018581</c:v>
                </c:pt>
                <c:pt idx="1200">
                  <c:v>15.519954488363714</c:v>
                </c:pt>
                <c:pt idx="1201">
                  <c:v>15.509913342599329</c:v>
                </c:pt>
                <c:pt idx="1202">
                  <c:v>15.486515155307117</c:v>
                </c:pt>
                <c:pt idx="1203">
                  <c:v>15.475096093548883</c:v>
                </c:pt>
                <c:pt idx="1204">
                  <c:v>15.447322569080439</c:v>
                </c:pt>
                <c:pt idx="1205">
                  <c:v>15.476744759034025</c:v>
                </c:pt>
                <c:pt idx="1206">
                  <c:v>15.504113237568617</c:v>
                </c:pt>
                <c:pt idx="1207">
                  <c:v>15.529708072779355</c:v>
                </c:pt>
                <c:pt idx="1208">
                  <c:v>15.577806191687911</c:v>
                </c:pt>
                <c:pt idx="1209">
                  <c:v>15.589533988481675</c:v>
                </c:pt>
                <c:pt idx="1210">
                  <c:v>15.627218438360877</c:v>
                </c:pt>
                <c:pt idx="1211">
                  <c:v>15.619524363821764</c:v>
                </c:pt>
                <c:pt idx="1212">
                  <c:v>15.608174953077327</c:v>
                </c:pt>
                <c:pt idx="1213">
                  <c:v>15.620424390463574</c:v>
                </c:pt>
                <c:pt idx="1214">
                  <c:v>15.61881926026178</c:v>
                </c:pt>
                <c:pt idx="1215">
                  <c:v>15.628458886985982</c:v>
                </c:pt>
                <c:pt idx="1216">
                  <c:v>15.638061421347551</c:v>
                </c:pt>
                <c:pt idx="1217">
                  <c:v>15.648881789370414</c:v>
                </c:pt>
                <c:pt idx="1218">
                  <c:v>15.67220215047872</c:v>
                </c:pt>
                <c:pt idx="1219">
                  <c:v>15.685121013732735</c:v>
                </c:pt>
                <c:pt idx="1220">
                  <c:v>15.698320100608791</c:v>
                </c:pt>
                <c:pt idx="1221">
                  <c:v>15.698485120046231</c:v>
                </c:pt>
                <c:pt idx="1222">
                  <c:v>15.696931179868482</c:v>
                </c:pt>
                <c:pt idx="1223">
                  <c:v>15.684589947029144</c:v>
                </c:pt>
                <c:pt idx="1224">
                  <c:v>15.673066859691343</c:v>
                </c:pt>
                <c:pt idx="1225">
                  <c:v>15.66158054207156</c:v>
                </c:pt>
                <c:pt idx="1226">
                  <c:v>15.672867481136347</c:v>
                </c:pt>
                <c:pt idx="1227">
                  <c:v>15.671368891372078</c:v>
                </c:pt>
                <c:pt idx="1228">
                  <c:v>15.683758708074979</c:v>
                </c:pt>
                <c:pt idx="1229">
                  <c:v>15.683742065251376</c:v>
                </c:pt>
                <c:pt idx="1230">
                  <c:v>15.692231944398236</c:v>
                </c:pt>
                <c:pt idx="1231">
                  <c:v>15.680298445468361</c:v>
                </c:pt>
                <c:pt idx="1232">
                  <c:v>15.678463987595013</c:v>
                </c:pt>
                <c:pt idx="1233">
                  <c:v>15.654626806466847</c:v>
                </c:pt>
                <c:pt idx="1234">
                  <c:v>15.631984765958801</c:v>
                </c:pt>
                <c:pt idx="1235">
                  <c:v>15.632102844428335</c:v>
                </c:pt>
                <c:pt idx="1236">
                  <c:v>15.632541109562943</c:v>
                </c:pt>
                <c:pt idx="1237">
                  <c:v>15.643499712877535</c:v>
                </c:pt>
                <c:pt idx="1238">
                  <c:v>15.634658076320068</c:v>
                </c:pt>
                <c:pt idx="1239">
                  <c:v>15.656734355160399</c:v>
                </c:pt>
                <c:pt idx="1240">
                  <c:v>15.656094861722259</c:v>
                </c:pt>
                <c:pt idx="1241">
                  <c:v>15.654153153637138</c:v>
                </c:pt>
                <c:pt idx="1242">
                  <c:v>15.642112885549054</c:v>
                </c:pt>
                <c:pt idx="1243">
                  <c:v>15.628561900333398</c:v>
                </c:pt>
                <c:pt idx="1244">
                  <c:v>15.629479863257849</c:v>
                </c:pt>
                <c:pt idx="1245">
                  <c:v>15.620063273650073</c:v>
                </c:pt>
                <c:pt idx="1246">
                  <c:v>15.621074262790806</c:v>
                </c:pt>
                <c:pt idx="1247">
                  <c:v>15.607698973479028</c:v>
                </c:pt>
                <c:pt idx="1248">
                  <c:v>15.604000335873103</c:v>
                </c:pt>
                <c:pt idx="1249">
                  <c:v>15.613821817150214</c:v>
                </c:pt>
                <c:pt idx="1250">
                  <c:v>15.587598358413771</c:v>
                </c:pt>
                <c:pt idx="1251">
                  <c:v>15.564012602248631</c:v>
                </c:pt>
                <c:pt idx="1252">
                  <c:v>15.565213680997068</c:v>
                </c:pt>
                <c:pt idx="1253">
                  <c:v>15.55429659184615</c:v>
                </c:pt>
                <c:pt idx="1254">
                  <c:v>15.555080606043123</c:v>
                </c:pt>
                <c:pt idx="1255">
                  <c:v>15.55831925205579</c:v>
                </c:pt>
                <c:pt idx="1256">
                  <c:v>15.5578799639108</c:v>
                </c:pt>
                <c:pt idx="1257">
                  <c:v>15.544983307295507</c:v>
                </c:pt>
                <c:pt idx="1258">
                  <c:v>15.544238350755206</c:v>
                </c:pt>
                <c:pt idx="1259">
                  <c:v>15.494580891695851</c:v>
                </c:pt>
                <c:pt idx="1260">
                  <c:v>15.495455611537295</c:v>
                </c:pt>
                <c:pt idx="1261">
                  <c:v>15.497182472109824</c:v>
                </c:pt>
                <c:pt idx="1262">
                  <c:v>15.496797523536717</c:v>
                </c:pt>
                <c:pt idx="1263">
                  <c:v>15.521353235099644</c:v>
                </c:pt>
                <c:pt idx="1264">
                  <c:v>15.532827050227118</c:v>
                </c:pt>
                <c:pt idx="1265">
                  <c:v>15.546232995657313</c:v>
                </c:pt>
                <c:pt idx="1266">
                  <c:v>15.570961799792329</c:v>
                </c:pt>
                <c:pt idx="1267">
                  <c:v>15.559145801644254</c:v>
                </c:pt>
                <c:pt idx="1268">
                  <c:v>15.55986970392718</c:v>
                </c:pt>
                <c:pt idx="1269">
                  <c:v>15.546805839897363</c:v>
                </c:pt>
                <c:pt idx="1270">
                  <c:v>15.56081045488151</c:v>
                </c:pt>
                <c:pt idx="1271">
                  <c:v>15.575943817545248</c:v>
                </c:pt>
                <c:pt idx="1272">
                  <c:v>15.578651305603557</c:v>
                </c:pt>
                <c:pt idx="1273">
                  <c:v>15.602940957034237</c:v>
                </c:pt>
                <c:pt idx="1274">
                  <c:v>15.611563632155931</c:v>
                </c:pt>
                <c:pt idx="1275">
                  <c:v>15.643837218324386</c:v>
                </c:pt>
                <c:pt idx="1276">
                  <c:v>15.643702251115272</c:v>
                </c:pt>
                <c:pt idx="1277">
                  <c:v>15.635428089055219</c:v>
                </c:pt>
                <c:pt idx="1278">
                  <c:v>15.611312750634848</c:v>
                </c:pt>
                <c:pt idx="1279">
                  <c:v>15.600230704741797</c:v>
                </c:pt>
                <c:pt idx="1280">
                  <c:v>15.599997043584832</c:v>
                </c:pt>
                <c:pt idx="1281">
                  <c:v>15.58795210981485</c:v>
                </c:pt>
                <c:pt idx="1282">
                  <c:v>15.62944841924541</c:v>
                </c:pt>
                <c:pt idx="1283">
                  <c:v>15.634065956065257</c:v>
                </c:pt>
                <c:pt idx="1284">
                  <c:v>15.622738558113657</c:v>
                </c:pt>
                <c:pt idx="1285">
                  <c:v>15.609007884207088</c:v>
                </c:pt>
                <c:pt idx="1286">
                  <c:v>15.6096110585285</c:v>
                </c:pt>
                <c:pt idx="1287">
                  <c:v>15.599006684799077</c:v>
                </c:pt>
                <c:pt idx="1288">
                  <c:v>15.599087775447636</c:v>
                </c:pt>
                <c:pt idx="1289">
                  <c:v>15.607766004292703</c:v>
                </c:pt>
                <c:pt idx="1290">
                  <c:v>15.629942247528046</c:v>
                </c:pt>
                <c:pt idx="1291">
                  <c:v>15.651172993563183</c:v>
                </c:pt>
                <c:pt idx="1292">
                  <c:v>15.662410052216753</c:v>
                </c:pt>
                <c:pt idx="1293">
                  <c:v>15.660799194105584</c:v>
                </c:pt>
                <c:pt idx="1294">
                  <c:v>15.67105178656421</c:v>
                </c:pt>
                <c:pt idx="1295">
                  <c:v>15.673266136596053</c:v>
                </c:pt>
                <c:pt idx="1296">
                  <c:v>15.666071964445486</c:v>
                </c:pt>
                <c:pt idx="1297">
                  <c:v>15.690490530605272</c:v>
                </c:pt>
                <c:pt idx="1298">
                  <c:v>15.701672787644211</c:v>
                </c:pt>
                <c:pt idx="1299">
                  <c:v>15.7027350325623</c:v>
                </c:pt>
                <c:pt idx="1300">
                  <c:v>15.703077603303036</c:v>
                </c:pt>
                <c:pt idx="1301">
                  <c:v>15.668167848329375</c:v>
                </c:pt>
                <c:pt idx="1302">
                  <c:v>15.666973916925865</c:v>
                </c:pt>
                <c:pt idx="1303">
                  <c:v>15.665513351019328</c:v>
                </c:pt>
                <c:pt idx="1304">
                  <c:v>15.654732478817756</c:v>
                </c:pt>
                <c:pt idx="1305">
                  <c:v>15.655584572466463</c:v>
                </c:pt>
                <c:pt idx="1306">
                  <c:v>15.643357396499786</c:v>
                </c:pt>
                <c:pt idx="1307">
                  <c:v>15.643553992212061</c:v>
                </c:pt>
                <c:pt idx="1308">
                  <c:v>15.644568164452529</c:v>
                </c:pt>
                <c:pt idx="1309">
                  <c:v>15.657185409429353</c:v>
                </c:pt>
                <c:pt idx="1310">
                  <c:v>15.448768796594976</c:v>
                </c:pt>
                <c:pt idx="1311">
                  <c:v>15.789062058376743</c:v>
                </c:pt>
                <c:pt idx="1312">
                  <c:v>15.789878401684586</c:v>
                </c:pt>
                <c:pt idx="1313">
                  <c:v>15.778725181763122</c:v>
                </c:pt>
                <c:pt idx="1314">
                  <c:v>15.76817872915937</c:v>
                </c:pt>
                <c:pt idx="1315">
                  <c:v>15.767443021464713</c:v>
                </c:pt>
                <c:pt idx="1316">
                  <c:v>15.7766285073736</c:v>
                </c:pt>
                <c:pt idx="1317">
                  <c:v>15.764387319272908</c:v>
                </c:pt>
                <c:pt idx="1318">
                  <c:v>15.752886152199537</c:v>
                </c:pt>
                <c:pt idx="1319">
                  <c:v>15.751711015602917</c:v>
                </c:pt>
                <c:pt idx="1320">
                  <c:v>15.752257645324054</c:v>
                </c:pt>
                <c:pt idx="1321">
                  <c:v>15.763644433634752</c:v>
                </c:pt>
                <c:pt idx="1322">
                  <c:v>15.753001819630935</c:v>
                </c:pt>
                <c:pt idx="1323">
                  <c:v>15.752671250401391</c:v>
                </c:pt>
                <c:pt idx="1324">
                  <c:v>15.743365682997661</c:v>
                </c:pt>
                <c:pt idx="1325">
                  <c:v>15.734576881052968</c:v>
                </c:pt>
                <c:pt idx="1326">
                  <c:v>15.712942969311758</c:v>
                </c:pt>
                <c:pt idx="1327">
                  <c:v>15.726309212158993</c:v>
                </c:pt>
                <c:pt idx="1328">
                  <c:v>15.730838030905458</c:v>
                </c:pt>
                <c:pt idx="1329">
                  <c:v>15.712247169138664</c:v>
                </c:pt>
                <c:pt idx="1330">
                  <c:v>15.712661069347442</c:v>
                </c:pt>
                <c:pt idx="1331">
                  <c:v>15.700646795506703</c:v>
                </c:pt>
                <c:pt idx="1332">
                  <c:v>15.699417583866659</c:v>
                </c:pt>
                <c:pt idx="1333">
                  <c:v>15.667434027115302</c:v>
                </c:pt>
                <c:pt idx="1334">
                  <c:v>15.669161102453968</c:v>
                </c:pt>
                <c:pt idx="1335">
                  <c:v>15.658260474003885</c:v>
                </c:pt>
                <c:pt idx="1336">
                  <c:v>15.658418182621951</c:v>
                </c:pt>
                <c:pt idx="1337">
                  <c:v>15.68152382342765</c:v>
                </c:pt>
                <c:pt idx="1338">
                  <c:v>15.714882259962074</c:v>
                </c:pt>
                <c:pt idx="1339">
                  <c:v>15.73561691912804</c:v>
                </c:pt>
                <c:pt idx="1340">
                  <c:v>15.755416707873792</c:v>
                </c:pt>
                <c:pt idx="1341">
                  <c:v>15.755049180781635</c:v>
                </c:pt>
                <c:pt idx="1342">
                  <c:v>15.745911776452353</c:v>
                </c:pt>
                <c:pt idx="1343">
                  <c:v>15.746102706212909</c:v>
                </c:pt>
                <c:pt idx="1344">
                  <c:v>15.742940376346148</c:v>
                </c:pt>
                <c:pt idx="1345">
                  <c:v>15.751564524587154</c:v>
                </c:pt>
                <c:pt idx="1346">
                  <c:v>15.761920024754104</c:v>
                </c:pt>
                <c:pt idx="1347">
                  <c:v>15.769466964859536</c:v>
                </c:pt>
                <c:pt idx="1348">
                  <c:v>15.746335808799031</c:v>
                </c:pt>
                <c:pt idx="1349">
                  <c:v>15.679164978933953</c:v>
                </c:pt>
                <c:pt idx="1350">
                  <c:v>15.676638391258212</c:v>
                </c:pt>
                <c:pt idx="1351">
                  <c:v>15.669846257448443</c:v>
                </c:pt>
                <c:pt idx="1352">
                  <c:v>15.683248304250785</c:v>
                </c:pt>
                <c:pt idx="1353">
                  <c:v>15.6930341298229</c:v>
                </c:pt>
                <c:pt idx="1354">
                  <c:v>15.707584516753169</c:v>
                </c:pt>
                <c:pt idx="1355">
                  <c:v>15.689190813522963</c:v>
                </c:pt>
                <c:pt idx="1356">
                  <c:v>15.669066232299688</c:v>
                </c:pt>
                <c:pt idx="1357">
                  <c:v>15.618102678972619</c:v>
                </c:pt>
                <c:pt idx="1358">
                  <c:v>15.586614374714017</c:v>
                </c:pt>
                <c:pt idx="1359">
                  <c:v>15.568519353359187</c:v>
                </c:pt>
                <c:pt idx="1360">
                  <c:v>15.549239470787299</c:v>
                </c:pt>
                <c:pt idx="1361">
                  <c:v>15.533720996148832</c:v>
                </c:pt>
                <c:pt idx="1362">
                  <c:v>15.536139094327437</c:v>
                </c:pt>
                <c:pt idx="1363">
                  <c:v>15.551386337670628</c:v>
                </c:pt>
                <c:pt idx="1364">
                  <c:v>15.560372146898182</c:v>
                </c:pt>
                <c:pt idx="1365">
                  <c:v>15.551333878896592</c:v>
                </c:pt>
                <c:pt idx="1366">
                  <c:v>15.522591057435251</c:v>
                </c:pt>
                <c:pt idx="1367">
                  <c:v>15.493418086625654</c:v>
                </c:pt>
                <c:pt idx="1368">
                  <c:v>15.465055229013849</c:v>
                </c:pt>
                <c:pt idx="1369">
                  <c:v>15.467900619219652</c:v>
                </c:pt>
                <c:pt idx="1370">
                  <c:v>15.470410522940185</c:v>
                </c:pt>
                <c:pt idx="1371">
                  <c:v>15.509358761059179</c:v>
                </c:pt>
                <c:pt idx="1372">
                  <c:v>15.544643732486175</c:v>
                </c:pt>
                <c:pt idx="1373">
                  <c:v>15.566774193086303</c:v>
                </c:pt>
                <c:pt idx="1374">
                  <c:v>15.589522489742727</c:v>
                </c:pt>
                <c:pt idx="1375">
                  <c:v>15.578950887134209</c:v>
                </c:pt>
                <c:pt idx="1376">
                  <c:v>15.567149015740377</c:v>
                </c:pt>
                <c:pt idx="1377">
                  <c:v>15.581379904673874</c:v>
                </c:pt>
                <c:pt idx="1378">
                  <c:v>15.583367909368659</c:v>
                </c:pt>
                <c:pt idx="1379">
                  <c:v>15.587001830238805</c:v>
                </c:pt>
                <c:pt idx="1380">
                  <c:v>15.588650820310999</c:v>
                </c:pt>
                <c:pt idx="1381">
                  <c:v>15.601286098701191</c:v>
                </c:pt>
                <c:pt idx="1382">
                  <c:v>15.611864755181575</c:v>
                </c:pt>
                <c:pt idx="1383">
                  <c:v>15.625085366849426</c:v>
                </c:pt>
                <c:pt idx="1384">
                  <c:v>15.614055299120079</c:v>
                </c:pt>
                <c:pt idx="1385">
                  <c:v>15.601742066921762</c:v>
                </c:pt>
                <c:pt idx="1386">
                  <c:v>15.5812949425802</c:v>
                </c:pt>
                <c:pt idx="1387">
                  <c:v>15.582071023755431</c:v>
                </c:pt>
                <c:pt idx="1388">
                  <c:v>15.571933886908534</c:v>
                </c:pt>
                <c:pt idx="1389">
                  <c:v>15.564858349749498</c:v>
                </c:pt>
                <c:pt idx="1390">
                  <c:v>15.533360956142776</c:v>
                </c:pt>
                <c:pt idx="1391">
                  <c:v>15.511886336877069</c:v>
                </c:pt>
                <c:pt idx="1392">
                  <c:v>15.51565969135738</c:v>
                </c:pt>
                <c:pt idx="1393">
                  <c:v>15.524870039333628</c:v>
                </c:pt>
                <c:pt idx="1394">
                  <c:v>15.532121182225014</c:v>
                </c:pt>
                <c:pt idx="1395">
                  <c:v>15.534145210141364</c:v>
                </c:pt>
                <c:pt idx="1396">
                  <c:v>15.52218143752707</c:v>
                </c:pt>
                <c:pt idx="1397">
                  <c:v>15.526090281961961</c:v>
                </c:pt>
                <c:pt idx="1398">
                  <c:v>15.529100152915259</c:v>
                </c:pt>
                <c:pt idx="1399">
                  <c:v>15.544079313588375</c:v>
                </c:pt>
                <c:pt idx="1400">
                  <c:v>15.528158058908135</c:v>
                </c:pt>
                <c:pt idx="1401">
                  <c:v>15.533623882910078</c:v>
                </c:pt>
                <c:pt idx="1402">
                  <c:v>15.542071813003703</c:v>
                </c:pt>
                <c:pt idx="1403">
                  <c:v>15.494392416725455</c:v>
                </c:pt>
                <c:pt idx="1404">
                  <c:v>15.469199917358898</c:v>
                </c:pt>
                <c:pt idx="1405">
                  <c:v>15.483755832778217</c:v>
                </c:pt>
                <c:pt idx="1406">
                  <c:v>15.482817458555608</c:v>
                </c:pt>
                <c:pt idx="1407">
                  <c:v>15.51051926758098</c:v>
                </c:pt>
                <c:pt idx="1408">
                  <c:v>15.514956213691493</c:v>
                </c:pt>
                <c:pt idx="1409">
                  <c:v>15.544349045299466</c:v>
                </c:pt>
                <c:pt idx="1410">
                  <c:v>15.562395879305955</c:v>
                </c:pt>
                <c:pt idx="1411">
                  <c:v>15.591503476013603</c:v>
                </c:pt>
                <c:pt idx="1412">
                  <c:v>15.616918324849111</c:v>
                </c:pt>
                <c:pt idx="1413">
                  <c:v>15.639718081511678</c:v>
                </c:pt>
                <c:pt idx="1414">
                  <c:v>15.660290047237879</c:v>
                </c:pt>
                <c:pt idx="1415">
                  <c:v>15.670076995405182</c:v>
                </c:pt>
                <c:pt idx="1416">
                  <c:v>15.659677565994174</c:v>
                </c:pt>
                <c:pt idx="1417">
                  <c:v>15.648165671541161</c:v>
                </c:pt>
                <c:pt idx="1418">
                  <c:v>15.675823156990404</c:v>
                </c:pt>
                <c:pt idx="1419">
                  <c:v>15.700052585672786</c:v>
                </c:pt>
                <c:pt idx="1420">
                  <c:v>15.722217071661589</c:v>
                </c:pt>
                <c:pt idx="1421">
                  <c:v>15.742669651258785</c:v>
                </c:pt>
                <c:pt idx="1422">
                  <c:v>15.762256387201848</c:v>
                </c:pt>
                <c:pt idx="1423">
                  <c:v>15.752101075804315</c:v>
                </c:pt>
                <c:pt idx="1424">
                  <c:v>15.753664412956478</c:v>
                </c:pt>
                <c:pt idx="1425">
                  <c:v>15.731742096023069</c:v>
                </c:pt>
                <c:pt idx="1426">
                  <c:v>15.730742800062401</c:v>
                </c:pt>
                <c:pt idx="1427">
                  <c:v>15.71891150755501</c:v>
                </c:pt>
                <c:pt idx="1428">
                  <c:v>15.717970872493996</c:v>
                </c:pt>
                <c:pt idx="1429">
                  <c:v>15.717703947158814</c:v>
                </c:pt>
                <c:pt idx="1430">
                  <c:v>15.727760999830689</c:v>
                </c:pt>
                <c:pt idx="1431">
                  <c:v>15.714423191566848</c:v>
                </c:pt>
                <c:pt idx="1432">
                  <c:v>15.711609542514857</c:v>
                </c:pt>
                <c:pt idx="1433">
                  <c:v>15.732538911851051</c:v>
                </c:pt>
                <c:pt idx="1434">
                  <c:v>15.712851952486698</c:v>
                </c:pt>
                <c:pt idx="1435">
                  <c:v>15.704658630297892</c:v>
                </c:pt>
                <c:pt idx="1436">
                  <c:v>15.706390144293362</c:v>
                </c:pt>
                <c:pt idx="1437">
                  <c:v>15.718441472984741</c:v>
                </c:pt>
                <c:pt idx="1438">
                  <c:v>15.718942823104737</c:v>
                </c:pt>
                <c:pt idx="1439">
                  <c:v>15.710499205974575</c:v>
                </c:pt>
                <c:pt idx="1440">
                  <c:v>15.700579316277516</c:v>
                </c:pt>
                <c:pt idx="1441">
                  <c:v>15.690232268322291</c:v>
                </c:pt>
                <c:pt idx="1442">
                  <c:v>15.691234190479555</c:v>
                </c:pt>
                <c:pt idx="1443">
                  <c:v>15.693444728334986</c:v>
                </c:pt>
                <c:pt idx="1444">
                  <c:v>15.682709670977708</c:v>
                </c:pt>
                <c:pt idx="1445">
                  <c:v>15.693276308120819</c:v>
                </c:pt>
                <c:pt idx="1446">
                  <c:v>15.706143872357272</c:v>
                </c:pt>
                <c:pt idx="1447">
                  <c:v>15.720685190446655</c:v>
                </c:pt>
                <c:pt idx="1448">
                  <c:v>15.721849402575419</c:v>
                </c:pt>
                <c:pt idx="1449">
                  <c:v>15.709245147499868</c:v>
                </c:pt>
                <c:pt idx="1450">
                  <c:v>15.72003353387985</c:v>
                </c:pt>
                <c:pt idx="1451">
                  <c:v>15.710001524068655</c:v>
                </c:pt>
                <c:pt idx="1452">
                  <c:v>15.731666274510921</c:v>
                </c:pt>
                <c:pt idx="1453">
                  <c:v>15.731969270676258</c:v>
                </c:pt>
                <c:pt idx="1454">
                  <c:v>15.742857053354061</c:v>
                </c:pt>
                <c:pt idx="1455">
                  <c:v>15.771776160082736</c:v>
                </c:pt>
                <c:pt idx="1456">
                  <c:v>15.768020773333697</c:v>
                </c:pt>
                <c:pt idx="1457">
                  <c:v>15.786400381619341</c:v>
                </c:pt>
                <c:pt idx="1458">
                  <c:v>15.785557629772772</c:v>
                </c:pt>
                <c:pt idx="1459">
                  <c:v>15.784509460990021</c:v>
                </c:pt>
                <c:pt idx="1460">
                  <c:v>15.774583237013253</c:v>
                </c:pt>
                <c:pt idx="1461">
                  <c:v>15.757514719288373</c:v>
                </c:pt>
                <c:pt idx="1462">
                  <c:v>15.758979645678291</c:v>
                </c:pt>
                <c:pt idx="1463">
                  <c:v>15.76749460580972</c:v>
                </c:pt>
                <c:pt idx="1464">
                  <c:v>15.776485943432501</c:v>
                </c:pt>
                <c:pt idx="1465">
                  <c:v>15.774630136127444</c:v>
                </c:pt>
                <c:pt idx="1466">
                  <c:v>15.762005188585416</c:v>
                </c:pt>
                <c:pt idx="1467">
                  <c:v>15.751238567606457</c:v>
                </c:pt>
                <c:pt idx="1468">
                  <c:v>15.750893030706123</c:v>
                </c:pt>
                <c:pt idx="1469">
                  <c:v>15.727256556079332</c:v>
                </c:pt>
                <c:pt idx="1470">
                  <c:v>15.715972363428358</c:v>
                </c:pt>
                <c:pt idx="1471">
                  <c:v>15.715514574317741</c:v>
                </c:pt>
                <c:pt idx="1472">
                  <c:v>15.70645296413177</c:v>
                </c:pt>
                <c:pt idx="1473">
                  <c:v>15.707816803642247</c:v>
                </c:pt>
                <c:pt idx="1474">
                  <c:v>15.706970842918411</c:v>
                </c:pt>
                <c:pt idx="1475">
                  <c:v>15.70841101368152</c:v>
                </c:pt>
                <c:pt idx="1476">
                  <c:v>15.695373939453541</c:v>
                </c:pt>
                <c:pt idx="1477">
                  <c:v>15.716681666033217</c:v>
                </c:pt>
                <c:pt idx="1478">
                  <c:v>15.728767938444889</c:v>
                </c:pt>
                <c:pt idx="1479">
                  <c:v>15.728217590322991</c:v>
                </c:pt>
                <c:pt idx="1480">
                  <c:v>15.719036754702991</c:v>
                </c:pt>
                <c:pt idx="1481">
                  <c:v>15.731336440115806</c:v>
                </c:pt>
                <c:pt idx="1482">
                  <c:v>15.74055775003912</c:v>
                </c:pt>
                <c:pt idx="1483">
                  <c:v>15.760399991119041</c:v>
                </c:pt>
                <c:pt idx="1484">
                  <c:v>15.779876512057701</c:v>
                </c:pt>
                <c:pt idx="1485">
                  <c:v>15.777858093793025</c:v>
                </c:pt>
                <c:pt idx="1486">
                  <c:v>15.787097140747054</c:v>
                </c:pt>
                <c:pt idx="1487">
                  <c:v>15.788342392489758</c:v>
                </c:pt>
                <c:pt idx="1488">
                  <c:v>15.770054517174806</c:v>
                </c:pt>
                <c:pt idx="1489">
                  <c:v>15.753820403314025</c:v>
                </c:pt>
                <c:pt idx="1490">
                  <c:v>15.74416453548549</c:v>
                </c:pt>
                <c:pt idx="1491">
                  <c:v>15.753789210222454</c:v>
                </c:pt>
                <c:pt idx="1492">
                  <c:v>15.721968568095267</c:v>
                </c:pt>
                <c:pt idx="1493">
                  <c:v>15.700981631866345</c:v>
                </c:pt>
                <c:pt idx="1494">
                  <c:v>15.679227656597199</c:v>
                </c:pt>
                <c:pt idx="1495">
                  <c:v>15.666053514452898</c:v>
                </c:pt>
                <c:pt idx="1496">
                  <c:v>15.655075553477502</c:v>
                </c:pt>
                <c:pt idx="1497">
                  <c:v>15.655692108591879</c:v>
                </c:pt>
                <c:pt idx="1498">
                  <c:v>15.66879622196571</c:v>
                </c:pt>
                <c:pt idx="1499">
                  <c:v>15.678054906307132</c:v>
                </c:pt>
                <c:pt idx="1500">
                  <c:v>15.686868667674009</c:v>
                </c:pt>
                <c:pt idx="1501">
                  <c:v>15.652677173781315</c:v>
                </c:pt>
                <c:pt idx="1502">
                  <c:v>15.663960461731104</c:v>
                </c:pt>
                <c:pt idx="1503">
                  <c:v>15.647631466724869</c:v>
                </c:pt>
                <c:pt idx="1504">
                  <c:v>15.644648532808162</c:v>
                </c:pt>
                <c:pt idx="1505">
                  <c:v>15.664645138725353</c:v>
                </c:pt>
                <c:pt idx="1506">
                  <c:v>15.69473689482432</c:v>
                </c:pt>
                <c:pt idx="1507">
                  <c:v>15.692774008336743</c:v>
                </c:pt>
                <c:pt idx="1508">
                  <c:v>15.713613252696724</c:v>
                </c:pt>
                <c:pt idx="1509">
                  <c:v>15.70117241942147</c:v>
                </c:pt>
                <c:pt idx="1510">
                  <c:v>15.706098765961947</c:v>
                </c:pt>
                <c:pt idx="1511">
                  <c:v>15.712812048180499</c:v>
                </c:pt>
                <c:pt idx="1512">
                  <c:v>15.715470948757797</c:v>
                </c:pt>
                <c:pt idx="1513">
                  <c:v>15.681366490044329</c:v>
                </c:pt>
                <c:pt idx="1514">
                  <c:v>15.654912884375175</c:v>
                </c:pt>
                <c:pt idx="1515">
                  <c:v>15.640941039582932</c:v>
                </c:pt>
                <c:pt idx="1516">
                  <c:v>15.645579712042622</c:v>
                </c:pt>
                <c:pt idx="1517">
                  <c:v>15.653099992976799</c:v>
                </c:pt>
                <c:pt idx="1518">
                  <c:v>15.656522918265852</c:v>
                </c:pt>
                <c:pt idx="1519">
                  <c:v>15.640194914174707</c:v>
                </c:pt>
                <c:pt idx="1520">
                  <c:v>15.65542566643966</c:v>
                </c:pt>
                <c:pt idx="1521">
                  <c:v>15.635841904594587</c:v>
                </c:pt>
                <c:pt idx="1522">
                  <c:v>15.608362209906989</c:v>
                </c:pt>
                <c:pt idx="1523">
                  <c:v>15.590920157482827</c:v>
                </c:pt>
                <c:pt idx="1524">
                  <c:v>15.588377779648043</c:v>
                </c:pt>
                <c:pt idx="1525">
                  <c:v>15.645717491020044</c:v>
                </c:pt>
                <c:pt idx="1526">
                  <c:v>15.642193368012457</c:v>
                </c:pt>
                <c:pt idx="1527">
                  <c:v>15.700731671480169</c:v>
                </c:pt>
                <c:pt idx="1528">
                  <c:v>15.752386072606544</c:v>
                </c:pt>
                <c:pt idx="1529">
                  <c:v>15.797548680261396</c:v>
                </c:pt>
                <c:pt idx="1530">
                  <c:v>15.787983819776567</c:v>
                </c:pt>
                <c:pt idx="1531">
                  <c:v>15.786051795730913</c:v>
                </c:pt>
                <c:pt idx="1532">
                  <c:v>15.797246963238649</c:v>
                </c:pt>
                <c:pt idx="1533">
                  <c:v>15.790686190435018</c:v>
                </c:pt>
                <c:pt idx="1534">
                  <c:v>15.702135318915333</c:v>
                </c:pt>
                <c:pt idx="1535">
                  <c:v>15.720391355617057</c:v>
                </c:pt>
                <c:pt idx="1536">
                  <c:v>15.740182404428452</c:v>
                </c:pt>
                <c:pt idx="1537">
                  <c:v>15.754326713455386</c:v>
                </c:pt>
                <c:pt idx="1538">
                  <c:v>15.738070824677983</c:v>
                </c:pt>
                <c:pt idx="1539">
                  <c:v>15.743320763604242</c:v>
                </c:pt>
                <c:pt idx="1540">
                  <c:v>15.71217657944624</c:v>
                </c:pt>
                <c:pt idx="1541">
                  <c:v>15.664741692708958</c:v>
                </c:pt>
                <c:pt idx="1542">
                  <c:v>15.640305441132531</c:v>
                </c:pt>
                <c:pt idx="1543">
                  <c:v>15.624896697609167</c:v>
                </c:pt>
                <c:pt idx="1544">
                  <c:v>15.648143907441268</c:v>
                </c:pt>
                <c:pt idx="1545">
                  <c:v>15.700119001136109</c:v>
                </c:pt>
                <c:pt idx="1546">
                  <c:v>15.711158737655634</c:v>
                </c:pt>
                <c:pt idx="1547">
                  <c:v>15.748944843466512</c:v>
                </c:pt>
                <c:pt idx="1548">
                  <c:v>15.694180767697885</c:v>
                </c:pt>
                <c:pt idx="1549">
                  <c:v>15.643711083849784</c:v>
                </c:pt>
                <c:pt idx="1550">
                  <c:v>15.614020169930058</c:v>
                </c:pt>
                <c:pt idx="1551">
                  <c:v>15.58974247428254</c:v>
                </c:pt>
                <c:pt idx="1552">
                  <c:v>15.611476003708555</c:v>
                </c:pt>
                <c:pt idx="1553">
                  <c:v>15.639841127753062</c:v>
                </c:pt>
                <c:pt idx="1554">
                  <c:v>15.620966782950319</c:v>
                </c:pt>
                <c:pt idx="1555">
                  <c:v>15.62493891559355</c:v>
                </c:pt>
                <c:pt idx="1556">
                  <c:v>15.671051514689518</c:v>
                </c:pt>
                <c:pt idx="1557">
                  <c:v>15.708605036913724</c:v>
                </c:pt>
                <c:pt idx="1558">
                  <c:v>15.727949852611625</c:v>
                </c:pt>
                <c:pt idx="1559">
                  <c:v>15.736885065463419</c:v>
                </c:pt>
                <c:pt idx="1560">
                  <c:v>15.793016273057148</c:v>
                </c:pt>
                <c:pt idx="1561">
                  <c:v>15.780454578126193</c:v>
                </c:pt>
                <c:pt idx="1562">
                  <c:v>15.759667333124019</c:v>
                </c:pt>
                <c:pt idx="1563">
                  <c:v>15.817173521752594</c:v>
                </c:pt>
                <c:pt idx="1564">
                  <c:v>15.852424183850795</c:v>
                </c:pt>
                <c:pt idx="1565">
                  <c:v>15.805610701814006</c:v>
                </c:pt>
                <c:pt idx="1566">
                  <c:v>15.733784215906399</c:v>
                </c:pt>
                <c:pt idx="1567">
                  <c:v>15.765520413489247</c:v>
                </c:pt>
                <c:pt idx="1568">
                  <c:v>15.729500124979195</c:v>
                </c:pt>
                <c:pt idx="1569">
                  <c:v>15.70397794199074</c:v>
                </c:pt>
                <c:pt idx="1570">
                  <c:v>15.705552049299257</c:v>
                </c:pt>
                <c:pt idx="1571">
                  <c:v>15.667291778320291</c:v>
                </c:pt>
                <c:pt idx="1572">
                  <c:v>15.623075298371312</c:v>
                </c:pt>
                <c:pt idx="1573">
                  <c:v>15.608573359058489</c:v>
                </c:pt>
                <c:pt idx="1574">
                  <c:v>15.654822298261323</c:v>
                </c:pt>
                <c:pt idx="1575">
                  <c:v>15.69459387264506</c:v>
                </c:pt>
                <c:pt idx="1576">
                  <c:v>15.791280853277666</c:v>
                </c:pt>
                <c:pt idx="1577">
                  <c:v>15.859934182491287</c:v>
                </c:pt>
                <c:pt idx="1578">
                  <c:v>15.930862920431007</c:v>
                </c:pt>
                <c:pt idx="1579">
                  <c:v>15.942193086951441</c:v>
                </c:pt>
                <c:pt idx="1580">
                  <c:v>15.923924529418741</c:v>
                </c:pt>
                <c:pt idx="1581">
                  <c:v>15.898982314670935</c:v>
                </c:pt>
                <c:pt idx="1582">
                  <c:v>15.917085970791373</c:v>
                </c:pt>
                <c:pt idx="1583">
                  <c:v>15.947475378963315</c:v>
                </c:pt>
                <c:pt idx="1584">
                  <c:v>15.975262085471069</c:v>
                </c:pt>
                <c:pt idx="1585">
                  <c:v>16.00753700694025</c:v>
                </c:pt>
                <c:pt idx="1586">
                  <c:v>16.072644259152042</c:v>
                </c:pt>
                <c:pt idx="1587">
                  <c:v>16.09944587131028</c:v>
                </c:pt>
                <c:pt idx="1588">
                  <c:v>16.030978148462093</c:v>
                </c:pt>
                <c:pt idx="1589">
                  <c:v>15.874392864412318</c:v>
                </c:pt>
                <c:pt idx="1590">
                  <c:v>15.757655539076197</c:v>
                </c:pt>
                <c:pt idx="1591">
                  <c:v>15.757022429009604</c:v>
                </c:pt>
                <c:pt idx="1592">
                  <c:v>15.651647336338556</c:v>
                </c:pt>
                <c:pt idx="1593">
                  <c:v>15.642589946395255</c:v>
                </c:pt>
                <c:pt idx="1594">
                  <c:v>15.698548868661881</c:v>
                </c:pt>
                <c:pt idx="1595">
                  <c:v>15.732086298161407</c:v>
                </c:pt>
                <c:pt idx="1596">
                  <c:v>15.702065128908165</c:v>
                </c:pt>
                <c:pt idx="1597">
                  <c:v>15.66313453271643</c:v>
                </c:pt>
                <c:pt idx="1598">
                  <c:v>15.7217322957181</c:v>
                </c:pt>
                <c:pt idx="1599">
                  <c:v>15.73478083699661</c:v>
                </c:pt>
                <c:pt idx="1600">
                  <c:v>15.793927356028185</c:v>
                </c:pt>
                <c:pt idx="1601">
                  <c:v>15.770426160542662</c:v>
                </c:pt>
                <c:pt idx="1602">
                  <c:v>15.788744604007128</c:v>
                </c:pt>
                <c:pt idx="1603">
                  <c:v>15.902355032817185</c:v>
                </c:pt>
                <c:pt idx="1604">
                  <c:v>15.991578804100239</c:v>
                </c:pt>
                <c:pt idx="1605">
                  <c:v>15.974954886142651</c:v>
                </c:pt>
                <c:pt idx="1606">
                  <c:v>15.908469742783248</c:v>
                </c:pt>
                <c:pt idx="1607">
                  <c:v>15.916834447690391</c:v>
                </c:pt>
                <c:pt idx="1608">
                  <c:v>15.902681146956299</c:v>
                </c:pt>
                <c:pt idx="1609">
                  <c:v>15.940742004558398</c:v>
                </c:pt>
                <c:pt idx="1610">
                  <c:v>15.918039633448039</c:v>
                </c:pt>
                <c:pt idx="1611">
                  <c:v>15.908556656600044</c:v>
                </c:pt>
                <c:pt idx="1612">
                  <c:v>15.844919077573213</c:v>
                </c:pt>
                <c:pt idx="1613">
                  <c:v>15.740683262918685</c:v>
                </c:pt>
                <c:pt idx="1614">
                  <c:v>15.600687425408335</c:v>
                </c:pt>
                <c:pt idx="1615">
                  <c:v>15.489385720156005</c:v>
                </c:pt>
                <c:pt idx="1616">
                  <c:v>15.453265328183242</c:v>
                </c:pt>
                <c:pt idx="1617">
                  <c:v>15.49328443171296</c:v>
                </c:pt>
                <c:pt idx="1618">
                  <c:v>15.484476353376506</c:v>
                </c:pt>
                <c:pt idx="1619">
                  <c:v>15.404036127790262</c:v>
                </c:pt>
                <c:pt idx="1620">
                  <c:v>15.378026629239612</c:v>
                </c:pt>
                <c:pt idx="1621">
                  <c:v>15.346473875883962</c:v>
                </c:pt>
                <c:pt idx="1622">
                  <c:v>15.346258592620305</c:v>
                </c:pt>
                <c:pt idx="1623">
                  <c:v>15.341178209048314</c:v>
                </c:pt>
                <c:pt idx="1624">
                  <c:v>15.386656257032971</c:v>
                </c:pt>
                <c:pt idx="1625">
                  <c:v>15.387552706624634</c:v>
                </c:pt>
                <c:pt idx="1626">
                  <c:v>15.403226629082361</c:v>
                </c:pt>
                <c:pt idx="1627">
                  <c:v>15.416989114816836</c:v>
                </c:pt>
                <c:pt idx="1628">
                  <c:v>15.423540736322662</c:v>
                </c:pt>
                <c:pt idx="1629">
                  <c:v>15.428278236693046</c:v>
                </c:pt>
                <c:pt idx="1630">
                  <c:v>15.462098159865105</c:v>
                </c:pt>
                <c:pt idx="1631">
                  <c:v>15.453206935647753</c:v>
                </c:pt>
                <c:pt idx="1632">
                  <c:v>15.436135875569907</c:v>
                </c:pt>
                <c:pt idx="1633">
                  <c:v>15.443269975599208</c:v>
                </c:pt>
                <c:pt idx="1634">
                  <c:v>15.477127672786779</c:v>
                </c:pt>
                <c:pt idx="1635">
                  <c:v>15.48791936934494</c:v>
                </c:pt>
                <c:pt idx="1636">
                  <c:v>15.507133586628868</c:v>
                </c:pt>
                <c:pt idx="1637">
                  <c:v>15.519867825878835</c:v>
                </c:pt>
                <c:pt idx="1638">
                  <c:v>15.529044282853718</c:v>
                </c:pt>
                <c:pt idx="1639">
                  <c:v>15.562715009497394</c:v>
                </c:pt>
                <c:pt idx="1640">
                  <c:v>15.567314050310905</c:v>
                </c:pt>
                <c:pt idx="1641">
                  <c:v>15.580680031276019</c:v>
                </c:pt>
                <c:pt idx="1642">
                  <c:v>15.568079368798298</c:v>
                </c:pt>
                <c:pt idx="1643">
                  <c:v>15.59110568116637</c:v>
                </c:pt>
                <c:pt idx="1644">
                  <c:v>15.631203081409266</c:v>
                </c:pt>
                <c:pt idx="1645">
                  <c:v>15.625975203316056</c:v>
                </c:pt>
                <c:pt idx="1646">
                  <c:v>15.526320965837987</c:v>
                </c:pt>
                <c:pt idx="1647">
                  <c:v>15.530897582571075</c:v>
                </c:pt>
                <c:pt idx="1648">
                  <c:v>15.513927642189923</c:v>
                </c:pt>
                <c:pt idx="1649">
                  <c:v>15.534200931703674</c:v>
                </c:pt>
                <c:pt idx="1650">
                  <c:v>15.527811437952103</c:v>
                </c:pt>
                <c:pt idx="1651">
                  <c:v>15.504482511349224</c:v>
                </c:pt>
                <c:pt idx="1652">
                  <c:v>15.499858512416198</c:v>
                </c:pt>
                <c:pt idx="1653">
                  <c:v>15.534161225115719</c:v>
                </c:pt>
                <c:pt idx="1654">
                  <c:v>15.572066084786487</c:v>
                </c:pt>
                <c:pt idx="1655">
                  <c:v>15.572626235406668</c:v>
                </c:pt>
                <c:pt idx="1656">
                  <c:v>15.548699502603448</c:v>
                </c:pt>
                <c:pt idx="1657">
                  <c:v>15.531704825311783</c:v>
                </c:pt>
                <c:pt idx="1658">
                  <c:v>15.547258599787613</c:v>
                </c:pt>
                <c:pt idx="1659">
                  <c:v>15.540525113884158</c:v>
                </c:pt>
                <c:pt idx="1660">
                  <c:v>15.596280481968803</c:v>
                </c:pt>
                <c:pt idx="1661">
                  <c:v>15.705013319474887</c:v>
                </c:pt>
                <c:pt idx="1662">
                  <c:v>15.746173288230811</c:v>
                </c:pt>
                <c:pt idx="1663">
                  <c:v>15.765855043715469</c:v>
                </c:pt>
                <c:pt idx="1664">
                  <c:v>15.721495567367107</c:v>
                </c:pt>
                <c:pt idx="1665">
                  <c:v>15.592302507795882</c:v>
                </c:pt>
                <c:pt idx="1666">
                  <c:v>15.29136005404165</c:v>
                </c:pt>
                <c:pt idx="1667">
                  <c:v>15.244035719699694</c:v>
                </c:pt>
                <c:pt idx="1668">
                  <c:v>15.309048758418729</c:v>
                </c:pt>
                <c:pt idx="1669">
                  <c:v>15.527225991617751</c:v>
                </c:pt>
                <c:pt idx="1670">
                  <c:v>15.932774925285917</c:v>
                </c:pt>
                <c:pt idx="1671">
                  <c:v>16.132712996855002</c:v>
                </c:pt>
                <c:pt idx="1672">
                  <c:v>16.206539258923538</c:v>
                </c:pt>
                <c:pt idx="1673">
                  <c:v>16.305590847526062</c:v>
                </c:pt>
                <c:pt idx="1674">
                  <c:v>16.374888280970147</c:v>
                </c:pt>
                <c:pt idx="1675">
                  <c:v>16.408559834457275</c:v>
                </c:pt>
                <c:pt idx="1676">
                  <c:v>16.402472791393205</c:v>
                </c:pt>
                <c:pt idx="1677">
                  <c:v>16.397538575374288</c:v>
                </c:pt>
                <c:pt idx="1678">
                  <c:v>16.397695879515105</c:v>
                </c:pt>
                <c:pt idx="1679">
                  <c:v>16.403920520954326</c:v>
                </c:pt>
                <c:pt idx="1680">
                  <c:v>16.430937399447835</c:v>
                </c:pt>
                <c:pt idx="1681">
                  <c:v>16.472504803117257</c:v>
                </c:pt>
                <c:pt idx="1682">
                  <c:v>16.454222934324861</c:v>
                </c:pt>
                <c:pt idx="1683">
                  <c:v>16.278232647769023</c:v>
                </c:pt>
                <c:pt idx="1684">
                  <c:v>16.009944002989315</c:v>
                </c:pt>
                <c:pt idx="1685">
                  <c:v>15.73435930922324</c:v>
                </c:pt>
                <c:pt idx="1686">
                  <c:v>15.677080389374652</c:v>
                </c:pt>
                <c:pt idx="1687">
                  <c:v>15.627813769564302</c:v>
                </c:pt>
                <c:pt idx="1688">
                  <c:v>15.63610543420894</c:v>
                </c:pt>
                <c:pt idx="1689">
                  <c:v>15.620609271856942</c:v>
                </c:pt>
                <c:pt idx="1690">
                  <c:v>15.596080589243861</c:v>
                </c:pt>
                <c:pt idx="1691">
                  <c:v>15.568409853006173</c:v>
                </c:pt>
                <c:pt idx="1692">
                  <c:v>15.568438697005426</c:v>
                </c:pt>
                <c:pt idx="1693">
                  <c:v>15.583338993705551</c:v>
                </c:pt>
                <c:pt idx="1694">
                  <c:v>15.597714570862315</c:v>
                </c:pt>
                <c:pt idx="1695">
                  <c:v>15.596339040895582</c:v>
                </c:pt>
                <c:pt idx="1696">
                  <c:v>15.608047616612453</c:v>
                </c:pt>
                <c:pt idx="1697">
                  <c:v>15.620580473549047</c:v>
                </c:pt>
                <c:pt idx="1698">
                  <c:v>15.61925345245367</c:v>
                </c:pt>
                <c:pt idx="1699">
                  <c:v>15.618790821793105</c:v>
                </c:pt>
                <c:pt idx="1700">
                  <c:v>15.62197475316562</c:v>
                </c:pt>
                <c:pt idx="1701">
                  <c:v>15.625175654597335</c:v>
                </c:pt>
                <c:pt idx="1702">
                  <c:v>15.638029863397819</c:v>
                </c:pt>
                <c:pt idx="1703">
                  <c:v>15.699737078880887</c:v>
                </c:pt>
                <c:pt idx="1704">
                  <c:v>15.689884024686869</c:v>
                </c:pt>
                <c:pt idx="1705">
                  <c:v>15.689869912762191</c:v>
                </c:pt>
                <c:pt idx="1706">
                  <c:v>15.687321430300717</c:v>
                </c:pt>
                <c:pt idx="1707">
                  <c:v>15.69895607275904</c:v>
                </c:pt>
                <c:pt idx="1708">
                  <c:v>15.699069770682531</c:v>
                </c:pt>
                <c:pt idx="1709">
                  <c:v>15.686710159370012</c:v>
                </c:pt>
                <c:pt idx="1710">
                  <c:v>15.685798586835354</c:v>
                </c:pt>
                <c:pt idx="1711">
                  <c:v>15.660220533080498</c:v>
                </c:pt>
                <c:pt idx="1712">
                  <c:v>15.673158205970585</c:v>
                </c:pt>
                <c:pt idx="1713">
                  <c:v>15.674896780155139</c:v>
                </c:pt>
                <c:pt idx="1714">
                  <c:v>15.688441977496907</c:v>
                </c:pt>
                <c:pt idx="1715">
                  <c:v>15.691784472490953</c:v>
                </c:pt>
                <c:pt idx="1716">
                  <c:v>15.70081372566225</c:v>
                </c:pt>
                <c:pt idx="1717">
                  <c:v>15.674882560934964</c:v>
                </c:pt>
                <c:pt idx="1718">
                  <c:v>15.674512679528778</c:v>
                </c:pt>
                <c:pt idx="1719">
                  <c:v>15.650225034795115</c:v>
                </c:pt>
                <c:pt idx="1720">
                  <c:v>15.666734746290956</c:v>
                </c:pt>
                <c:pt idx="1721">
                  <c:v>15.669749126503625</c:v>
                </c:pt>
                <c:pt idx="1722">
                  <c:v>15.669399809239312</c:v>
                </c:pt>
                <c:pt idx="1723">
                  <c:v>15.681173548928257</c:v>
                </c:pt>
                <c:pt idx="1724">
                  <c:v>15.691798515461969</c:v>
                </c:pt>
                <c:pt idx="1725">
                  <c:v>15.713615953034413</c:v>
                </c:pt>
                <c:pt idx="1726">
                  <c:v>15.73677997214963</c:v>
                </c:pt>
                <c:pt idx="1727">
                  <c:v>15.724223966421466</c:v>
                </c:pt>
                <c:pt idx="1728">
                  <c:v>15.714447566084607</c:v>
                </c:pt>
                <c:pt idx="1729">
                  <c:v>15.692570102915457</c:v>
                </c:pt>
                <c:pt idx="1730">
                  <c:v>15.703253510994868</c:v>
                </c:pt>
                <c:pt idx="1731">
                  <c:v>15.690786129744993</c:v>
                </c:pt>
                <c:pt idx="1732">
                  <c:v>15.696863068738732</c:v>
                </c:pt>
                <c:pt idx="1733">
                  <c:v>15.709971821608208</c:v>
                </c:pt>
                <c:pt idx="1734">
                  <c:v>15.710882832799488</c:v>
                </c:pt>
                <c:pt idx="1735">
                  <c:v>15.722019274711785</c:v>
                </c:pt>
                <c:pt idx="1736">
                  <c:v>15.718607159420181</c:v>
                </c:pt>
                <c:pt idx="1737">
                  <c:v>15.716091482052626</c:v>
                </c:pt>
                <c:pt idx="1738">
                  <c:v>15.715108773670599</c:v>
                </c:pt>
                <c:pt idx="1739">
                  <c:v>15.703450285801136</c:v>
                </c:pt>
                <c:pt idx="1740">
                  <c:v>15.708198936771542</c:v>
                </c:pt>
                <c:pt idx="1741">
                  <c:v>15.720289198793061</c:v>
                </c:pt>
                <c:pt idx="1742">
                  <c:v>15.728711462249937</c:v>
                </c:pt>
                <c:pt idx="1743">
                  <c:v>15.750766009563112</c:v>
                </c:pt>
                <c:pt idx="1744">
                  <c:v>15.739157683734684</c:v>
                </c:pt>
                <c:pt idx="1745">
                  <c:v>15.742690398808584</c:v>
                </c:pt>
                <c:pt idx="1746">
                  <c:v>15.745446833915629</c:v>
                </c:pt>
                <c:pt idx="1747">
                  <c:v>15.736302119971114</c:v>
                </c:pt>
                <c:pt idx="1748">
                  <c:v>15.724510929868053</c:v>
                </c:pt>
                <c:pt idx="1749">
                  <c:v>15.724963502544098</c:v>
                </c:pt>
                <c:pt idx="1750">
                  <c:v>15.724689278634362</c:v>
                </c:pt>
                <c:pt idx="1751">
                  <c:v>15.699735769101755</c:v>
                </c:pt>
                <c:pt idx="1752">
                  <c:v>15.7016027218517</c:v>
                </c:pt>
                <c:pt idx="1753">
                  <c:v>15.690164435873877</c:v>
                </c:pt>
                <c:pt idx="1754">
                  <c:v>15.696557987096135</c:v>
                </c:pt>
                <c:pt idx="1755">
                  <c:v>15.707823939641944</c:v>
                </c:pt>
                <c:pt idx="1756">
                  <c:v>15.719233556980022</c:v>
                </c:pt>
                <c:pt idx="1757">
                  <c:v>15.729814871571877</c:v>
                </c:pt>
                <c:pt idx="1758">
                  <c:v>15.741618600711879</c:v>
                </c:pt>
                <c:pt idx="1759">
                  <c:v>15.740655655037788</c:v>
                </c:pt>
                <c:pt idx="1760">
                  <c:v>15.740515900662118</c:v>
                </c:pt>
                <c:pt idx="1761">
                  <c:v>15.742634793298127</c:v>
                </c:pt>
                <c:pt idx="1762">
                  <c:v>15.755490311534611</c:v>
                </c:pt>
                <c:pt idx="1763">
                  <c:v>15.756016337654559</c:v>
                </c:pt>
                <c:pt idx="1764">
                  <c:v>15.75442224097289</c:v>
                </c:pt>
                <c:pt idx="1765">
                  <c:v>15.763397260509448</c:v>
                </c:pt>
                <c:pt idx="1766">
                  <c:v>15.764053484442709</c:v>
                </c:pt>
                <c:pt idx="1767">
                  <c:v>15.776472481074475</c:v>
                </c:pt>
                <c:pt idx="1768">
                  <c:v>15.767041391910139</c:v>
                </c:pt>
                <c:pt idx="1769">
                  <c:v>15.757424812062094</c:v>
                </c:pt>
                <c:pt idx="1770">
                  <c:v>15.778304013870184</c:v>
                </c:pt>
                <c:pt idx="1771">
                  <c:v>15.775344322088237</c:v>
                </c:pt>
                <c:pt idx="1772">
                  <c:v>15.773989018284514</c:v>
                </c:pt>
                <c:pt idx="1773">
                  <c:v>15.775330373831169</c:v>
                </c:pt>
                <c:pt idx="1774">
                  <c:v>15.765737860113411</c:v>
                </c:pt>
                <c:pt idx="1775">
                  <c:v>15.767055235926424</c:v>
                </c:pt>
                <c:pt idx="1776">
                  <c:v>15.767995480553187</c:v>
                </c:pt>
                <c:pt idx="1777">
                  <c:v>15.778110166741905</c:v>
                </c:pt>
                <c:pt idx="1778">
                  <c:v>15.77773604700084</c:v>
                </c:pt>
                <c:pt idx="1779">
                  <c:v>15.788781454979389</c:v>
                </c:pt>
                <c:pt idx="1780">
                  <c:v>15.775093177273188</c:v>
                </c:pt>
                <c:pt idx="1781">
                  <c:v>15.763047755833091</c:v>
                </c:pt>
                <c:pt idx="1782">
                  <c:v>15.760465741481964</c:v>
                </c:pt>
                <c:pt idx="1783">
                  <c:v>15.770135051358258</c:v>
                </c:pt>
                <c:pt idx="1784">
                  <c:v>15.781828891813054</c:v>
                </c:pt>
                <c:pt idx="1785">
                  <c:v>15.759182435508281</c:v>
                </c:pt>
                <c:pt idx="1786">
                  <c:v>15.769894679994918</c:v>
                </c:pt>
                <c:pt idx="1787">
                  <c:v>15.773554887140651</c:v>
                </c:pt>
                <c:pt idx="1788">
                  <c:v>15.774590403015358</c:v>
                </c:pt>
                <c:pt idx="1789">
                  <c:v>15.776027177655516</c:v>
                </c:pt>
                <c:pt idx="1790">
                  <c:v>15.790552206373329</c:v>
                </c:pt>
                <c:pt idx="1791">
                  <c:v>15.770610708692058</c:v>
                </c:pt>
                <c:pt idx="1792">
                  <c:v>15.782037522126885</c:v>
                </c:pt>
                <c:pt idx="1793">
                  <c:v>15.773140411280675</c:v>
                </c:pt>
                <c:pt idx="1794">
                  <c:v>15.785124033540004</c:v>
                </c:pt>
                <c:pt idx="1795">
                  <c:v>15.773426534716823</c:v>
                </c:pt>
                <c:pt idx="1796">
                  <c:v>15.784811031215757</c:v>
                </c:pt>
                <c:pt idx="1797">
                  <c:v>15.774826877037029</c:v>
                </c:pt>
                <c:pt idx="1798">
                  <c:v>15.787727188830312</c:v>
                </c:pt>
                <c:pt idx="1799">
                  <c:v>15.7881998597415</c:v>
                </c:pt>
                <c:pt idx="1800">
                  <c:v>15.798530993723219</c:v>
                </c:pt>
                <c:pt idx="1801">
                  <c:v>15.798165680305129</c:v>
                </c:pt>
                <c:pt idx="1802">
                  <c:v>15.7888741138913</c:v>
                </c:pt>
                <c:pt idx="1803">
                  <c:v>15.799678830159923</c:v>
                </c:pt>
                <c:pt idx="1804">
                  <c:v>15.798368674354727</c:v>
                </c:pt>
                <c:pt idx="1805">
                  <c:v>15.797230547412477</c:v>
                </c:pt>
                <c:pt idx="1806">
                  <c:v>15.80581815791785</c:v>
                </c:pt>
                <c:pt idx="1807">
                  <c:v>15.824614489262427</c:v>
                </c:pt>
                <c:pt idx="1808">
                  <c:v>15.824284215651637</c:v>
                </c:pt>
                <c:pt idx="1809">
                  <c:v>15.834000422548138</c:v>
                </c:pt>
                <c:pt idx="1810">
                  <c:v>15.843257252074183</c:v>
                </c:pt>
                <c:pt idx="1811">
                  <c:v>15.841730758842754</c:v>
                </c:pt>
                <c:pt idx="1812">
                  <c:v>15.827935849275791</c:v>
                </c:pt>
                <c:pt idx="1813">
                  <c:v>15.816371106571257</c:v>
                </c:pt>
                <c:pt idx="1814">
                  <c:v>15.828216109592329</c:v>
                </c:pt>
                <c:pt idx="1815">
                  <c:v>15.828104029579027</c:v>
                </c:pt>
                <c:pt idx="1816">
                  <c:v>15.848095816974997</c:v>
                </c:pt>
                <c:pt idx="1817">
                  <c:v>15.838869924109689</c:v>
                </c:pt>
                <c:pt idx="1818">
                  <c:v>15.828636123638455</c:v>
                </c:pt>
                <c:pt idx="1819">
                  <c:v>15.827501048260466</c:v>
                </c:pt>
                <c:pt idx="1820">
                  <c:v>15.803972957685538</c:v>
                </c:pt>
                <c:pt idx="1821">
                  <c:v>15.80192220741322</c:v>
                </c:pt>
                <c:pt idx="1822">
                  <c:v>15.802149025950683</c:v>
                </c:pt>
                <c:pt idx="1823">
                  <c:v>15.791170219231141</c:v>
                </c:pt>
                <c:pt idx="1824">
                  <c:v>15.778255827119184</c:v>
                </c:pt>
                <c:pt idx="1825">
                  <c:v>15.774563533307006</c:v>
                </c:pt>
                <c:pt idx="1826">
                  <c:v>15.771169771507525</c:v>
                </c:pt>
                <c:pt idx="1827">
                  <c:v>15.781178046793372</c:v>
                </c:pt>
                <c:pt idx="1828">
                  <c:v>15.769934947568252</c:v>
                </c:pt>
                <c:pt idx="1829">
                  <c:v>15.770647263400985</c:v>
                </c:pt>
                <c:pt idx="1830">
                  <c:v>15.757946223694653</c:v>
                </c:pt>
                <c:pt idx="1831">
                  <c:v>15.735410205521525</c:v>
                </c:pt>
                <c:pt idx="1832">
                  <c:v>15.746360390088531</c:v>
                </c:pt>
                <c:pt idx="1833">
                  <c:v>15.725585459973782</c:v>
                </c:pt>
                <c:pt idx="1834">
                  <c:v>15.701900009319179</c:v>
                </c:pt>
                <c:pt idx="1835">
                  <c:v>15.689125097062632</c:v>
                </c:pt>
                <c:pt idx="1836">
                  <c:v>15.687679367206881</c:v>
                </c:pt>
                <c:pt idx="1837">
                  <c:v>15.686521855530682</c:v>
                </c:pt>
                <c:pt idx="1838">
                  <c:v>15.673618142776927</c:v>
                </c:pt>
                <c:pt idx="1839">
                  <c:v>15.661900236597342</c:v>
                </c:pt>
                <c:pt idx="1840">
                  <c:v>15.674573210717915</c:v>
                </c:pt>
                <c:pt idx="1841">
                  <c:v>15.655411154987227</c:v>
                </c:pt>
                <c:pt idx="1842">
                  <c:v>15.655917916413992</c:v>
                </c:pt>
                <c:pt idx="1843">
                  <c:v>15.64382737994617</c:v>
                </c:pt>
                <c:pt idx="1844">
                  <c:v>15.668662070120124</c:v>
                </c:pt>
                <c:pt idx="1845">
                  <c:v>15.683237685998366</c:v>
                </c:pt>
                <c:pt idx="1846">
                  <c:v>15.686738611783761</c:v>
                </c:pt>
                <c:pt idx="1847">
                  <c:v>15.669497649545782</c:v>
                </c:pt>
                <c:pt idx="1848">
                  <c:v>15.674441506830101</c:v>
                </c:pt>
                <c:pt idx="1849">
                  <c:v>15.683175064614581</c:v>
                </c:pt>
                <c:pt idx="1850">
                  <c:v>15.715935418173355</c:v>
                </c:pt>
                <c:pt idx="1851">
                  <c:v>15.727780916666937</c:v>
                </c:pt>
                <c:pt idx="1852">
                  <c:v>15.730360388624639</c:v>
                </c:pt>
                <c:pt idx="1853">
                  <c:v>15.712536767234837</c:v>
                </c:pt>
                <c:pt idx="1854">
                  <c:v>15.70580704179468</c:v>
                </c:pt>
                <c:pt idx="1855">
                  <c:v>15.725968182233853</c:v>
                </c:pt>
                <c:pt idx="1856">
                  <c:v>15.765487760313391</c:v>
                </c:pt>
                <c:pt idx="1857">
                  <c:v>15.819104120728893</c:v>
                </c:pt>
                <c:pt idx="1858">
                  <c:v>15.879597307332865</c:v>
                </c:pt>
                <c:pt idx="1859">
                  <c:v>15.951333895302966</c:v>
                </c:pt>
                <c:pt idx="1860">
                  <c:v>16.0192334092674</c:v>
                </c:pt>
                <c:pt idx="1861">
                  <c:v>15.981517633044389</c:v>
                </c:pt>
                <c:pt idx="1862">
                  <c:v>15.975135426769334</c:v>
                </c:pt>
                <c:pt idx="1863">
                  <c:v>15.717445783715034</c:v>
                </c:pt>
                <c:pt idx="1864">
                  <c:v>15.392096999321234</c:v>
                </c:pt>
                <c:pt idx="1865">
                  <c:v>14.990392304742638</c:v>
                </c:pt>
                <c:pt idx="1866">
                  <c:v>14.89003382383013</c:v>
                </c:pt>
                <c:pt idx="1867">
                  <c:v>15.011461948917241</c:v>
                </c:pt>
                <c:pt idx="1868">
                  <c:v>15.04989206492734</c:v>
                </c:pt>
                <c:pt idx="1869">
                  <c:v>15.080723221997339</c:v>
                </c:pt>
                <c:pt idx="1870">
                  <c:v>15.076747438572763</c:v>
                </c:pt>
                <c:pt idx="1871">
                  <c:v>15.069945712081639</c:v>
                </c:pt>
                <c:pt idx="1872">
                  <c:v>15.093228514766636</c:v>
                </c:pt>
                <c:pt idx="1873">
                  <c:v>15.332260366232447</c:v>
                </c:pt>
                <c:pt idx="1874">
                  <c:v>15.566173500387086</c:v>
                </c:pt>
                <c:pt idx="1875">
                  <c:v>15.672074818074982</c:v>
                </c:pt>
                <c:pt idx="1876">
                  <c:v>15.483631500582007</c:v>
                </c:pt>
                <c:pt idx="1877">
                  <c:v>15.529170724397169</c:v>
                </c:pt>
                <c:pt idx="1878">
                  <c:v>15.726835580981364</c:v>
                </c:pt>
                <c:pt idx="1879">
                  <c:v>15.901926307443169</c:v>
                </c:pt>
                <c:pt idx="1880">
                  <c:v>16.133710492464989</c:v>
                </c:pt>
                <c:pt idx="1881">
                  <c:v>16.388697968207623</c:v>
                </c:pt>
                <c:pt idx="1882">
                  <c:v>16.621004287394847</c:v>
                </c:pt>
                <c:pt idx="1883">
                  <c:v>16.857655047870949</c:v>
                </c:pt>
                <c:pt idx="1884">
                  <c:v>17.026152618133466</c:v>
                </c:pt>
                <c:pt idx="1885">
                  <c:v>17.12099048707173</c:v>
                </c:pt>
                <c:pt idx="1886">
                  <c:v>17.197940574390937</c:v>
                </c:pt>
                <c:pt idx="1887">
                  <c:v>17.228961701257429</c:v>
                </c:pt>
                <c:pt idx="1888">
                  <c:v>17.222763660924361</c:v>
                </c:pt>
                <c:pt idx="1889">
                  <c:v>17.126597097377569</c:v>
                </c:pt>
                <c:pt idx="1890">
                  <c:v>17.160982919419034</c:v>
                </c:pt>
                <c:pt idx="1891">
                  <c:v>17.156837801061371</c:v>
                </c:pt>
                <c:pt idx="1892">
                  <c:v>17.083288514457479</c:v>
                </c:pt>
                <c:pt idx="1893">
                  <c:v>17.07720388650894</c:v>
                </c:pt>
                <c:pt idx="1894">
                  <c:v>17.320282132016487</c:v>
                </c:pt>
                <c:pt idx="1895">
                  <c:v>17.443121429119806</c:v>
                </c:pt>
                <c:pt idx="1896">
                  <c:v>17.457969451151378</c:v>
                </c:pt>
                <c:pt idx="1897">
                  <c:v>17.291206962829804</c:v>
                </c:pt>
                <c:pt idx="1898">
                  <c:v>17.128050882997133</c:v>
                </c:pt>
                <c:pt idx="1899">
                  <c:v>16.957780195740714</c:v>
                </c:pt>
                <c:pt idx="1900">
                  <c:v>16.856285653965116</c:v>
                </c:pt>
                <c:pt idx="1901">
                  <c:v>16.757110879418214</c:v>
                </c:pt>
                <c:pt idx="1902">
                  <c:v>16.552437973898662</c:v>
                </c:pt>
                <c:pt idx="1903">
                  <c:v>16.260511046335782</c:v>
                </c:pt>
                <c:pt idx="1904">
                  <c:v>16.315329423160623</c:v>
                </c:pt>
                <c:pt idx="1905">
                  <c:v>16.299475632466066</c:v>
                </c:pt>
                <c:pt idx="1906">
                  <c:v>16.31236954388045</c:v>
                </c:pt>
                <c:pt idx="1907">
                  <c:v>16.358051674762933</c:v>
                </c:pt>
                <c:pt idx="1908">
                  <c:v>16.36295829158459</c:v>
                </c:pt>
                <c:pt idx="1909">
                  <c:v>16.3570921957538</c:v>
                </c:pt>
                <c:pt idx="1910">
                  <c:v>16.300395462929337</c:v>
                </c:pt>
                <c:pt idx="1911">
                  <c:v>16.305725822388297</c:v>
                </c:pt>
                <c:pt idx="1912">
                  <c:v>16.319393082279849</c:v>
                </c:pt>
                <c:pt idx="1913">
                  <c:v>16.309185676237203</c:v>
                </c:pt>
                <c:pt idx="1914">
                  <c:v>16.283212233008811</c:v>
                </c:pt>
                <c:pt idx="1915">
                  <c:v>16.196884165605084</c:v>
                </c:pt>
                <c:pt idx="1916">
                  <c:v>16.106693668825965</c:v>
                </c:pt>
                <c:pt idx="1917">
                  <c:v>16.047603005767087</c:v>
                </c:pt>
                <c:pt idx="1918">
                  <c:v>16.032835340595859</c:v>
                </c:pt>
                <c:pt idx="1919">
                  <c:v>16.04645170798722</c:v>
                </c:pt>
                <c:pt idx="1920">
                  <c:v>16.007053716410748</c:v>
                </c:pt>
                <c:pt idx="1921">
                  <c:v>16.029415449913817</c:v>
                </c:pt>
                <c:pt idx="1922">
                  <c:v>16.066464910230213</c:v>
                </c:pt>
                <c:pt idx="1923">
                  <c:v>16.075701540998459</c:v>
                </c:pt>
                <c:pt idx="1924">
                  <c:v>16.119507355616712</c:v>
                </c:pt>
                <c:pt idx="1925">
                  <c:v>16.202453204372034</c:v>
                </c:pt>
                <c:pt idx="1926">
                  <c:v>16.272543274809173</c:v>
                </c:pt>
                <c:pt idx="1927">
                  <c:v>16.289223764094956</c:v>
                </c:pt>
                <c:pt idx="1928">
                  <c:v>16.283941920975256</c:v>
                </c:pt>
                <c:pt idx="1929">
                  <c:v>16.351728718826504</c:v>
                </c:pt>
                <c:pt idx="1930">
                  <c:v>16.478270492457799</c:v>
                </c:pt>
                <c:pt idx="1931">
                  <c:v>16.363287368476303</c:v>
                </c:pt>
                <c:pt idx="1932">
                  <c:v>16.285739723519896</c:v>
                </c:pt>
                <c:pt idx="1933">
                  <c:v>16.299865950002101</c:v>
                </c:pt>
                <c:pt idx="1934">
                  <c:v>16.361894691817682</c:v>
                </c:pt>
                <c:pt idx="1935">
                  <c:v>16.309163744484025</c:v>
                </c:pt>
                <c:pt idx="1936">
                  <c:v>16.279252351284995</c:v>
                </c:pt>
                <c:pt idx="1937">
                  <c:v>16.359355309626491</c:v>
                </c:pt>
                <c:pt idx="1938">
                  <c:v>16.370562933359146</c:v>
                </c:pt>
                <c:pt idx="1939">
                  <c:v>16.36353453628033</c:v>
                </c:pt>
                <c:pt idx="1940">
                  <c:v>16.53412635512549</c:v>
                </c:pt>
                <c:pt idx="1941">
                  <c:v>16.514375487891403</c:v>
                </c:pt>
                <c:pt idx="1942">
                  <c:v>16.476791376202748</c:v>
                </c:pt>
                <c:pt idx="1943">
                  <c:v>16.4877541542598</c:v>
                </c:pt>
                <c:pt idx="1944">
                  <c:v>15.975712453320757</c:v>
                </c:pt>
                <c:pt idx="1945">
                  <c:v>16.022512208286614</c:v>
                </c:pt>
                <c:pt idx="1946">
                  <c:v>16.055642314985928</c:v>
                </c:pt>
                <c:pt idx="1947">
                  <c:v>15.984380626649335</c:v>
                </c:pt>
                <c:pt idx="1948">
                  <c:v>16.060638392888272</c:v>
                </c:pt>
                <c:pt idx="1949">
                  <c:v>16.149530128419194</c:v>
                </c:pt>
                <c:pt idx="1950">
                  <c:v>16.190011152507214</c:v>
                </c:pt>
                <c:pt idx="1951">
                  <c:v>16.237866369618466</c:v>
                </c:pt>
                <c:pt idx="1952">
                  <c:v>16.261472713123712</c:v>
                </c:pt>
                <c:pt idx="1953">
                  <c:v>16.28229722811755</c:v>
                </c:pt>
                <c:pt idx="1954">
                  <c:v>16.291185454315386</c:v>
                </c:pt>
                <c:pt idx="1955">
                  <c:v>16.276064157255057</c:v>
                </c:pt>
                <c:pt idx="1956">
                  <c:v>16.272609437675772</c:v>
                </c:pt>
                <c:pt idx="1957">
                  <c:v>16.307455533452206</c:v>
                </c:pt>
                <c:pt idx="1958">
                  <c:v>16.348132374492437</c:v>
                </c:pt>
                <c:pt idx="1959">
                  <c:v>16.451467699708203</c:v>
                </c:pt>
                <c:pt idx="1960">
                  <c:v>16.542997832015196</c:v>
                </c:pt>
                <c:pt idx="1961">
                  <c:v>16.637187415300669</c:v>
                </c:pt>
                <c:pt idx="1962">
                  <c:v>16.691670770502931</c:v>
                </c:pt>
                <c:pt idx="1963">
                  <c:v>16.71671803179164</c:v>
                </c:pt>
                <c:pt idx="1964">
                  <c:v>16.75439522780843</c:v>
                </c:pt>
                <c:pt idx="1965">
                  <c:v>16.816737347712166</c:v>
                </c:pt>
                <c:pt idx="1966">
                  <c:v>16.893234284176952</c:v>
                </c:pt>
                <c:pt idx="1967">
                  <c:v>16.942181863911511</c:v>
                </c:pt>
                <c:pt idx="1968">
                  <c:v>16.932662911397834</c:v>
                </c:pt>
                <c:pt idx="1969">
                  <c:v>16.839203568980476</c:v>
                </c:pt>
                <c:pt idx="1970">
                  <c:v>16.705859023190374</c:v>
                </c:pt>
                <c:pt idx="1971">
                  <c:v>16.598610352792122</c:v>
                </c:pt>
                <c:pt idx="1972">
                  <c:v>16.611599661226411</c:v>
                </c:pt>
                <c:pt idx="1973">
                  <c:v>16.668583682851615</c:v>
                </c:pt>
                <c:pt idx="1974">
                  <c:v>16.724412756003129</c:v>
                </c:pt>
                <c:pt idx="1975">
                  <c:v>16.732337984486968</c:v>
                </c:pt>
                <c:pt idx="1976">
                  <c:v>16.768290646940443</c:v>
                </c:pt>
                <c:pt idx="1977">
                  <c:v>16.782391854050548</c:v>
                </c:pt>
                <c:pt idx="1978">
                  <c:v>16.720866529157934</c:v>
                </c:pt>
                <c:pt idx="1979">
                  <c:v>16.662154410432791</c:v>
                </c:pt>
                <c:pt idx="1980">
                  <c:v>16.512929977541894</c:v>
                </c:pt>
                <c:pt idx="1981">
                  <c:v>16.555749192814471</c:v>
                </c:pt>
                <c:pt idx="1982">
                  <c:v>16.600503424783831</c:v>
                </c:pt>
                <c:pt idx="1983">
                  <c:v>16.690977530490365</c:v>
                </c:pt>
                <c:pt idx="1984">
                  <c:v>16.711924412685207</c:v>
                </c:pt>
                <c:pt idx="1985">
                  <c:v>16.676807778210968</c:v>
                </c:pt>
                <c:pt idx="1986">
                  <c:v>16.705301134310247</c:v>
                </c:pt>
                <c:pt idx="1987">
                  <c:v>16.692282911598191</c:v>
                </c:pt>
                <c:pt idx="1988">
                  <c:v>16.748436030232057</c:v>
                </c:pt>
                <c:pt idx="1989">
                  <c:v>16.818671590073457</c:v>
                </c:pt>
                <c:pt idx="1990">
                  <c:v>16.889191299989058</c:v>
                </c:pt>
                <c:pt idx="1991">
                  <c:v>16.974954884253123</c:v>
                </c:pt>
                <c:pt idx="1992">
                  <c:v>17.018059956783333</c:v>
                </c:pt>
                <c:pt idx="1993">
                  <c:v>17.091855705159531</c:v>
                </c:pt>
                <c:pt idx="1994">
                  <c:v>17.192320558886987</c:v>
                </c:pt>
                <c:pt idx="1995">
                  <c:v>17.321204598741392</c:v>
                </c:pt>
                <c:pt idx="1996">
                  <c:v>17.440941473170287</c:v>
                </c:pt>
                <c:pt idx="1997">
                  <c:v>17.557907629171506</c:v>
                </c:pt>
                <c:pt idx="1998">
                  <c:v>17.605041391698304</c:v>
                </c:pt>
                <c:pt idx="1999">
                  <c:v>17.662410599825836</c:v>
                </c:pt>
                <c:pt idx="2000">
                  <c:v>17.579869463586633</c:v>
                </c:pt>
                <c:pt idx="2001">
                  <c:v>17.389759968797595</c:v>
                </c:pt>
                <c:pt idx="2002">
                  <c:v>17.281766488146136</c:v>
                </c:pt>
                <c:pt idx="2003">
                  <c:v>17.17885123151153</c:v>
                </c:pt>
                <c:pt idx="2004">
                  <c:v>17.108253619971034</c:v>
                </c:pt>
                <c:pt idx="2005">
                  <c:v>17.02128517466695</c:v>
                </c:pt>
                <c:pt idx="2006">
                  <c:v>16.951969274539088</c:v>
                </c:pt>
                <c:pt idx="2007">
                  <c:v>16.894807788745666</c:v>
                </c:pt>
                <c:pt idx="2008">
                  <c:v>16.898008642971785</c:v>
                </c:pt>
                <c:pt idx="2009">
                  <c:v>16.953366849471497</c:v>
                </c:pt>
                <c:pt idx="2010">
                  <c:v>17.027134782688563</c:v>
                </c:pt>
                <c:pt idx="2011">
                  <c:v>17.133529391925251</c:v>
                </c:pt>
                <c:pt idx="2012">
                  <c:v>17.307841131570957</c:v>
                </c:pt>
                <c:pt idx="2013">
                  <c:v>17.471929778843258</c:v>
                </c:pt>
                <c:pt idx="2014">
                  <c:v>17.688368842126703</c:v>
                </c:pt>
                <c:pt idx="2015">
                  <c:v>17.79020396240659</c:v>
                </c:pt>
                <c:pt idx="2016">
                  <c:v>17.858303285672193</c:v>
                </c:pt>
                <c:pt idx="2017">
                  <c:v>17.923452319107376</c:v>
                </c:pt>
                <c:pt idx="2018">
                  <c:v>17.943524460164607</c:v>
                </c:pt>
                <c:pt idx="2019">
                  <c:v>17.891204570021998</c:v>
                </c:pt>
                <c:pt idx="2020">
                  <c:v>17.701524613124988</c:v>
                </c:pt>
                <c:pt idx="2021">
                  <c:v>17.503432495105177</c:v>
                </c:pt>
                <c:pt idx="2022">
                  <c:v>17.417521651496639</c:v>
                </c:pt>
                <c:pt idx="2023">
                  <c:v>17.389991099236514</c:v>
                </c:pt>
                <c:pt idx="2024">
                  <c:v>17.360970378244318</c:v>
                </c:pt>
                <c:pt idx="2025">
                  <c:v>17.346778254884839</c:v>
                </c:pt>
                <c:pt idx="2026">
                  <c:v>17.402107193234485</c:v>
                </c:pt>
                <c:pt idx="2027">
                  <c:v>17.484706439238767</c:v>
                </c:pt>
                <c:pt idx="2028">
                  <c:v>17.555250916390605</c:v>
                </c:pt>
                <c:pt idx="2029">
                  <c:v>17.583045606717988</c:v>
                </c:pt>
                <c:pt idx="2030">
                  <c:v>17.5770446865933</c:v>
                </c:pt>
                <c:pt idx="2031">
                  <c:v>17.395947241862451</c:v>
                </c:pt>
                <c:pt idx="2032">
                  <c:v>17.259030315774005</c:v>
                </c:pt>
                <c:pt idx="2033">
                  <c:v>17.128456025845825</c:v>
                </c:pt>
                <c:pt idx="2034">
                  <c:v>17.205751579634196</c:v>
                </c:pt>
                <c:pt idx="2035">
                  <c:v>17.237128509971356</c:v>
                </c:pt>
                <c:pt idx="2036">
                  <c:v>17.353982283147865</c:v>
                </c:pt>
                <c:pt idx="2037">
                  <c:v>17.38609395589965</c:v>
                </c:pt>
                <c:pt idx="2038">
                  <c:v>17.658979632447164</c:v>
                </c:pt>
                <c:pt idx="2039">
                  <c:v>17.762251534027648</c:v>
                </c:pt>
                <c:pt idx="2040">
                  <c:v>17.804662347736976</c:v>
                </c:pt>
                <c:pt idx="2041">
                  <c:v>17.845322809932956</c:v>
                </c:pt>
                <c:pt idx="2042">
                  <c:v>17.578936015032056</c:v>
                </c:pt>
                <c:pt idx="2043">
                  <c:v>17.60560535268003</c:v>
                </c:pt>
                <c:pt idx="2044">
                  <c:v>17.625603337672469</c:v>
                </c:pt>
                <c:pt idx="2045">
                  <c:v>17.637777374790595</c:v>
                </c:pt>
                <c:pt idx="2046">
                  <c:v>17.637025778540405</c:v>
                </c:pt>
                <c:pt idx="2047">
                  <c:v>17.886895635980245</c:v>
                </c:pt>
                <c:pt idx="2048">
                  <c:v>17.964142336842457</c:v>
                </c:pt>
                <c:pt idx="2049">
                  <c:v>18.010555532413605</c:v>
                </c:pt>
                <c:pt idx="2050">
                  <c:v>18.064470289860459</c:v>
                </c:pt>
                <c:pt idx="2051">
                  <c:v>18.112160342103497</c:v>
                </c:pt>
                <c:pt idx="2052">
                  <c:v>18.113578079019508</c:v>
                </c:pt>
                <c:pt idx="2053">
                  <c:v>18.103600806215788</c:v>
                </c:pt>
                <c:pt idx="2054">
                  <c:v>18.121265237396884</c:v>
                </c:pt>
                <c:pt idx="2055">
                  <c:v>18.119978150480954</c:v>
                </c:pt>
                <c:pt idx="2056">
                  <c:v>18.132342968512823</c:v>
                </c:pt>
                <c:pt idx="2057">
                  <c:v>18.137784369980146</c:v>
                </c:pt>
                <c:pt idx="2058">
                  <c:v>18.205438409699259</c:v>
                </c:pt>
                <c:pt idx="2059">
                  <c:v>18.219113362930731</c:v>
                </c:pt>
                <c:pt idx="2060">
                  <c:v>18.266822037067215</c:v>
                </c:pt>
                <c:pt idx="2061">
                  <c:v>18.462347876276009</c:v>
                </c:pt>
                <c:pt idx="2062">
                  <c:v>18.521758008207609</c:v>
                </c:pt>
                <c:pt idx="2063">
                  <c:v>18.301921506517079</c:v>
                </c:pt>
                <c:pt idx="2064">
                  <c:v>18.232452587329551</c:v>
                </c:pt>
                <c:pt idx="2065">
                  <c:v>18.20151601610354</c:v>
                </c:pt>
                <c:pt idx="2066">
                  <c:v>18.152370000588625</c:v>
                </c:pt>
                <c:pt idx="2067">
                  <c:v>18.143675171162744</c:v>
                </c:pt>
                <c:pt idx="2068">
                  <c:v>18.104071030607745</c:v>
                </c:pt>
                <c:pt idx="2069">
                  <c:v>18.090549220490988</c:v>
                </c:pt>
                <c:pt idx="2070">
                  <c:v>18.07891524853374</c:v>
                </c:pt>
                <c:pt idx="2071">
                  <c:v>18.067276204153107</c:v>
                </c:pt>
                <c:pt idx="2072">
                  <c:v>18.1237542023811</c:v>
                </c:pt>
                <c:pt idx="2073">
                  <c:v>18.163851057707433</c:v>
                </c:pt>
                <c:pt idx="2074">
                  <c:v>18.196785427999785</c:v>
                </c:pt>
                <c:pt idx="2075">
                  <c:v>18.196660463585236</c:v>
                </c:pt>
                <c:pt idx="2076">
                  <c:v>18.335494127713311</c:v>
                </c:pt>
                <c:pt idx="2077">
                  <c:v>18.467231830133525</c:v>
                </c:pt>
                <c:pt idx="2078">
                  <c:v>18.418383016295813</c:v>
                </c:pt>
                <c:pt idx="2079">
                  <c:v>18.203025426802174</c:v>
                </c:pt>
                <c:pt idx="2080">
                  <c:v>18.200489884749565</c:v>
                </c:pt>
                <c:pt idx="2081">
                  <c:v>18.200000336843686</c:v>
                </c:pt>
                <c:pt idx="2082">
                  <c:v>18.23126434405695</c:v>
                </c:pt>
                <c:pt idx="2083">
                  <c:v>18.254778008268445</c:v>
                </c:pt>
                <c:pt idx="2084">
                  <c:v>18.278464261852939</c:v>
                </c:pt>
                <c:pt idx="2085">
                  <c:v>18.300565672305925</c:v>
                </c:pt>
                <c:pt idx="2086">
                  <c:v>18.294997190871975</c:v>
                </c:pt>
                <c:pt idx="2087">
                  <c:v>18.281340227199685</c:v>
                </c:pt>
                <c:pt idx="2088">
                  <c:v>18.264844665046439</c:v>
                </c:pt>
                <c:pt idx="2089">
                  <c:v>18.255695061634135</c:v>
                </c:pt>
                <c:pt idx="2090">
                  <c:v>18.227883426305311</c:v>
                </c:pt>
                <c:pt idx="2091">
                  <c:v>18.206882636259188</c:v>
                </c:pt>
                <c:pt idx="2092">
                  <c:v>18.220233733127913</c:v>
                </c:pt>
                <c:pt idx="2093">
                  <c:v>18.202913213085452</c:v>
                </c:pt>
                <c:pt idx="2094">
                  <c:v>18.244100493450244</c:v>
                </c:pt>
                <c:pt idx="2095">
                  <c:v>18.27731688656085</c:v>
                </c:pt>
                <c:pt idx="2096">
                  <c:v>18.3618591709021</c:v>
                </c:pt>
                <c:pt idx="2097">
                  <c:v>18.429986100172066</c:v>
                </c:pt>
                <c:pt idx="2098">
                  <c:v>18.434481303697421</c:v>
                </c:pt>
                <c:pt idx="2099">
                  <c:v>18.48099492755912</c:v>
                </c:pt>
                <c:pt idx="2100">
                  <c:v>18.524795998100061</c:v>
                </c:pt>
                <c:pt idx="2101">
                  <c:v>18.541478839184173</c:v>
                </c:pt>
                <c:pt idx="2102">
                  <c:v>18.590178152368861</c:v>
                </c:pt>
                <c:pt idx="2103">
                  <c:v>18.616366101038956</c:v>
                </c:pt>
                <c:pt idx="2104">
                  <c:v>18.611850509193495</c:v>
                </c:pt>
                <c:pt idx="2105">
                  <c:v>18.587318139248556</c:v>
                </c:pt>
                <c:pt idx="2106">
                  <c:v>18.551798103685599</c:v>
                </c:pt>
                <c:pt idx="2107">
                  <c:v>18.539145931535657</c:v>
                </c:pt>
                <c:pt idx="2108">
                  <c:v>18.56149293846477</c:v>
                </c:pt>
                <c:pt idx="2109">
                  <c:v>18.52784493536868</c:v>
                </c:pt>
                <c:pt idx="2110">
                  <c:v>18.525423107549315</c:v>
                </c:pt>
                <c:pt idx="2111">
                  <c:v>18.515736981529155</c:v>
                </c:pt>
                <c:pt idx="2112">
                  <c:v>18.546302757216289</c:v>
                </c:pt>
                <c:pt idx="2113">
                  <c:v>18.529237094478002</c:v>
                </c:pt>
                <c:pt idx="2114">
                  <c:v>18.505376157778489</c:v>
                </c:pt>
                <c:pt idx="2115">
                  <c:v>18.501858064657203</c:v>
                </c:pt>
                <c:pt idx="2116">
                  <c:v>18.475040640757449</c:v>
                </c:pt>
                <c:pt idx="2117">
                  <c:v>18.454011876043793</c:v>
                </c:pt>
                <c:pt idx="2118">
                  <c:v>18.406366389896611</c:v>
                </c:pt>
                <c:pt idx="2119">
                  <c:v>18.369882445694365</c:v>
                </c:pt>
                <c:pt idx="2120">
                  <c:v>18.339096629650196</c:v>
                </c:pt>
                <c:pt idx="2121">
                  <c:v>18.320293386865007</c:v>
                </c:pt>
                <c:pt idx="2122">
                  <c:v>18.331089774650618</c:v>
                </c:pt>
                <c:pt idx="2123">
                  <c:v>18.354955075967297</c:v>
                </c:pt>
                <c:pt idx="2124">
                  <c:v>18.341728224291323</c:v>
                </c:pt>
                <c:pt idx="2125">
                  <c:v>18.298261575520794</c:v>
                </c:pt>
                <c:pt idx="2126">
                  <c:v>18.259044490958157</c:v>
                </c:pt>
                <c:pt idx="2127">
                  <c:v>18.229626360577015</c:v>
                </c:pt>
                <c:pt idx="2128">
                  <c:v>18.167363809369192</c:v>
                </c:pt>
                <c:pt idx="2129">
                  <c:v>18.164121332139914</c:v>
                </c:pt>
                <c:pt idx="2130">
                  <c:v>18.064507804069425</c:v>
                </c:pt>
                <c:pt idx="2131">
                  <c:v>18.01721090245892</c:v>
                </c:pt>
                <c:pt idx="2132">
                  <c:v>17.990841999890506</c:v>
                </c:pt>
                <c:pt idx="2133">
                  <c:v>17.939249808330139</c:v>
                </c:pt>
                <c:pt idx="2134">
                  <c:v>17.919885090568236</c:v>
                </c:pt>
                <c:pt idx="2135">
                  <c:v>17.868562079465189</c:v>
                </c:pt>
                <c:pt idx="2136">
                  <c:v>17.825260780486701</c:v>
                </c:pt>
                <c:pt idx="2137">
                  <c:v>17.757127561899217</c:v>
                </c:pt>
                <c:pt idx="2138">
                  <c:v>17.639153436286307</c:v>
                </c:pt>
                <c:pt idx="2139">
                  <c:v>17.570210779566491</c:v>
                </c:pt>
                <c:pt idx="2140">
                  <c:v>17.510063968258073</c:v>
                </c:pt>
                <c:pt idx="2141">
                  <c:v>17.50426932777582</c:v>
                </c:pt>
                <c:pt idx="2142">
                  <c:v>17.48358789878397</c:v>
                </c:pt>
                <c:pt idx="2143">
                  <c:v>17.455669082541721</c:v>
                </c:pt>
                <c:pt idx="2144">
                  <c:v>17.408836271446827</c:v>
                </c:pt>
                <c:pt idx="2145">
                  <c:v>17.39999043234398</c:v>
                </c:pt>
                <c:pt idx="2146">
                  <c:v>17.430922911172694</c:v>
                </c:pt>
                <c:pt idx="2147">
                  <c:v>17.442744086248226</c:v>
                </c:pt>
                <c:pt idx="2148">
                  <c:v>17.413136444580026</c:v>
                </c:pt>
                <c:pt idx="2149">
                  <c:v>17.375312350406517</c:v>
                </c:pt>
                <c:pt idx="2150">
                  <c:v>17.359574360724313</c:v>
                </c:pt>
                <c:pt idx="2151">
                  <c:v>17.401228320893747</c:v>
                </c:pt>
                <c:pt idx="2152">
                  <c:v>17.490110822500256</c:v>
                </c:pt>
                <c:pt idx="2153">
                  <c:v>17.609569136901552</c:v>
                </c:pt>
                <c:pt idx="2154">
                  <c:v>17.711998577943803</c:v>
                </c:pt>
                <c:pt idx="2155">
                  <c:v>17.76489924392196</c:v>
                </c:pt>
                <c:pt idx="2156">
                  <c:v>17.700676436728703</c:v>
                </c:pt>
                <c:pt idx="2157">
                  <c:v>17.768509509475656</c:v>
                </c:pt>
                <c:pt idx="2158">
                  <c:v>17.658370108930317</c:v>
                </c:pt>
                <c:pt idx="2159">
                  <c:v>17.675789544205173</c:v>
                </c:pt>
                <c:pt idx="2160">
                  <c:v>17.661689119332159</c:v>
                </c:pt>
                <c:pt idx="2161">
                  <c:v>17.664049479210217</c:v>
                </c:pt>
                <c:pt idx="2162">
                  <c:v>17.661156941925036</c:v>
                </c:pt>
                <c:pt idx="2163">
                  <c:v>17.705252092100537</c:v>
                </c:pt>
                <c:pt idx="2164">
                  <c:v>17.746694457499231</c:v>
                </c:pt>
                <c:pt idx="2165">
                  <c:v>17.759134087480962</c:v>
                </c:pt>
                <c:pt idx="2166">
                  <c:v>17.804179114035495</c:v>
                </c:pt>
                <c:pt idx="2167">
                  <c:v>17.818054685557382</c:v>
                </c:pt>
                <c:pt idx="2168">
                  <c:v>17.784459047020977</c:v>
                </c:pt>
                <c:pt idx="2169">
                  <c:v>17.733207172432355</c:v>
                </c:pt>
                <c:pt idx="2170">
                  <c:v>17.810668370379577</c:v>
                </c:pt>
                <c:pt idx="2171">
                  <c:v>17.886764550805431</c:v>
                </c:pt>
                <c:pt idx="2172">
                  <c:v>18.0049870481437</c:v>
                </c:pt>
                <c:pt idx="2173">
                  <c:v>18.130732810377111</c:v>
                </c:pt>
                <c:pt idx="2174">
                  <c:v>18.217520282412206</c:v>
                </c:pt>
                <c:pt idx="2175">
                  <c:v>18.290276155886552</c:v>
                </c:pt>
                <c:pt idx="2176">
                  <c:v>18.356517030769727</c:v>
                </c:pt>
                <c:pt idx="2177">
                  <c:v>18.423593671483932</c:v>
                </c:pt>
                <c:pt idx="2178">
                  <c:v>18.487290735329221</c:v>
                </c:pt>
                <c:pt idx="2179">
                  <c:v>18.554139601677988</c:v>
                </c:pt>
                <c:pt idx="2180">
                  <c:v>18.629912693176554</c:v>
                </c:pt>
                <c:pt idx="2181">
                  <c:v>18.73598425570453</c:v>
                </c:pt>
                <c:pt idx="2182">
                  <c:v>18.840962016895972</c:v>
                </c:pt>
                <c:pt idx="2183">
                  <c:v>18.957734782879129</c:v>
                </c:pt>
                <c:pt idx="2184">
                  <c:v>19.074906596648205</c:v>
                </c:pt>
                <c:pt idx="2185">
                  <c:v>19.048867215137808</c:v>
                </c:pt>
                <c:pt idx="2186">
                  <c:v>19.050619397614813</c:v>
                </c:pt>
                <c:pt idx="2187">
                  <c:v>19.043914366186968</c:v>
                </c:pt>
                <c:pt idx="2188">
                  <c:v>19.043414698134548</c:v>
                </c:pt>
                <c:pt idx="2189">
                  <c:v>19.02935501526607</c:v>
                </c:pt>
                <c:pt idx="2190">
                  <c:v>19.009300422394414</c:v>
                </c:pt>
                <c:pt idx="2191">
                  <c:v>18.980937869009054</c:v>
                </c:pt>
                <c:pt idx="2192">
                  <c:v>18.93642599645532</c:v>
                </c:pt>
                <c:pt idx="2193">
                  <c:v>18.822932224793433</c:v>
                </c:pt>
                <c:pt idx="2194">
                  <c:v>18.717487664884413</c:v>
                </c:pt>
                <c:pt idx="2195">
                  <c:v>18.664688738527985</c:v>
                </c:pt>
                <c:pt idx="2196">
                  <c:v>18.645106756197563</c:v>
                </c:pt>
                <c:pt idx="2197">
                  <c:v>18.564823021483935</c:v>
                </c:pt>
                <c:pt idx="2198">
                  <c:v>18.410905590922532</c:v>
                </c:pt>
                <c:pt idx="2199">
                  <c:v>18.335838970072217</c:v>
                </c:pt>
                <c:pt idx="2200">
                  <c:v>18.458889373523142</c:v>
                </c:pt>
                <c:pt idx="2201">
                  <c:v>18.592362318433985</c:v>
                </c:pt>
                <c:pt idx="2202">
                  <c:v>18.730446297140016</c:v>
                </c:pt>
                <c:pt idx="2203">
                  <c:v>18.850793665325206</c:v>
                </c:pt>
                <c:pt idx="2204">
                  <c:v>18.948463527126357</c:v>
                </c:pt>
                <c:pt idx="2205">
                  <c:v>19.028893090042235</c:v>
                </c:pt>
                <c:pt idx="2206">
                  <c:v>19.110240228775726</c:v>
                </c:pt>
                <c:pt idx="2207">
                  <c:v>19.162541592911964</c:v>
                </c:pt>
                <c:pt idx="2208">
                  <c:v>19.117520603875239</c:v>
                </c:pt>
                <c:pt idx="2209">
                  <c:v>19.04970724196556</c:v>
                </c:pt>
                <c:pt idx="2210">
                  <c:v>19.024874269720961</c:v>
                </c:pt>
                <c:pt idx="2211">
                  <c:v>18.966929916398293</c:v>
                </c:pt>
                <c:pt idx="2212">
                  <c:v>18.944017507810194</c:v>
                </c:pt>
                <c:pt idx="2213">
                  <c:v>18.912091363006176</c:v>
                </c:pt>
                <c:pt idx="2214">
                  <c:v>18.82992473380834</c:v>
                </c:pt>
                <c:pt idx="2215">
                  <c:v>18.758828397270548</c:v>
                </c:pt>
                <c:pt idx="2216">
                  <c:v>18.68102565971493</c:v>
                </c:pt>
                <c:pt idx="2217">
                  <c:v>18.68090739824147</c:v>
                </c:pt>
                <c:pt idx="2218">
                  <c:v>18.727668342340159</c:v>
                </c:pt>
                <c:pt idx="2219">
                  <c:v>18.792653819940636</c:v>
                </c:pt>
                <c:pt idx="2220">
                  <c:v>18.799457002223384</c:v>
                </c:pt>
                <c:pt idx="2221">
                  <c:v>18.738900471812137</c:v>
                </c:pt>
                <c:pt idx="2222">
                  <c:v>18.672025436478798</c:v>
                </c:pt>
                <c:pt idx="2223">
                  <c:v>18.725549330784638</c:v>
                </c:pt>
                <c:pt idx="2224">
                  <c:v>18.762804569847582</c:v>
                </c:pt>
                <c:pt idx="2225">
                  <c:v>18.810170503729275</c:v>
                </c:pt>
                <c:pt idx="2226">
                  <c:v>18.921164177763423</c:v>
                </c:pt>
                <c:pt idx="2227">
                  <c:v>18.981859671687992</c:v>
                </c:pt>
                <c:pt idx="2228">
                  <c:v>19.004400363491104</c:v>
                </c:pt>
                <c:pt idx="2229">
                  <c:v>18.960952709506167</c:v>
                </c:pt>
                <c:pt idx="2230">
                  <c:v>18.929435710098602</c:v>
                </c:pt>
                <c:pt idx="2231">
                  <c:v>18.931230621433386</c:v>
                </c:pt>
                <c:pt idx="2232">
                  <c:v>18.919289941513302</c:v>
                </c:pt>
                <c:pt idx="2233">
                  <c:v>18.918556180897077</c:v>
                </c:pt>
                <c:pt idx="2234">
                  <c:v>18.899344375413737</c:v>
                </c:pt>
                <c:pt idx="2235">
                  <c:v>18.875368460872952</c:v>
                </c:pt>
                <c:pt idx="2236">
                  <c:v>18.890983020402629</c:v>
                </c:pt>
                <c:pt idx="2237">
                  <c:v>18.973411484073573</c:v>
                </c:pt>
                <c:pt idx="2238">
                  <c:v>19.097013752119395</c:v>
                </c:pt>
                <c:pt idx="2239">
                  <c:v>19.207293285412582</c:v>
                </c:pt>
                <c:pt idx="2240">
                  <c:v>19.323691811179621</c:v>
                </c:pt>
                <c:pt idx="2241">
                  <c:v>19.403305607466276</c:v>
                </c:pt>
                <c:pt idx="2242">
                  <c:v>19.440254346289237</c:v>
                </c:pt>
                <c:pt idx="2243">
                  <c:v>19.47014330116324</c:v>
                </c:pt>
                <c:pt idx="2244">
                  <c:v>19.508261621417287</c:v>
                </c:pt>
                <c:pt idx="2245">
                  <c:v>19.547983508821854</c:v>
                </c:pt>
                <c:pt idx="2246">
                  <c:v>19.576679172240379</c:v>
                </c:pt>
                <c:pt idx="2247">
                  <c:v>19.60015434088487</c:v>
                </c:pt>
                <c:pt idx="2248">
                  <c:v>19.609137328642262</c:v>
                </c:pt>
                <c:pt idx="2249">
                  <c:v>19.617138401918449</c:v>
                </c:pt>
                <c:pt idx="2250">
                  <c:v>19.631669064154572</c:v>
                </c:pt>
                <c:pt idx="2251">
                  <c:v>19.629910430728689</c:v>
                </c:pt>
                <c:pt idx="2252">
                  <c:v>19.615935476586237</c:v>
                </c:pt>
                <c:pt idx="2253">
                  <c:v>19.600508765566168</c:v>
                </c:pt>
                <c:pt idx="2254">
                  <c:v>19.582299835223719</c:v>
                </c:pt>
                <c:pt idx="2255">
                  <c:v>19.544546026122703</c:v>
                </c:pt>
                <c:pt idx="2256">
                  <c:v>19.500059134646108</c:v>
                </c:pt>
                <c:pt idx="2257">
                  <c:v>19.469290171514512</c:v>
                </c:pt>
                <c:pt idx="2258">
                  <c:v>19.42630938662646</c:v>
                </c:pt>
                <c:pt idx="2259">
                  <c:v>19.355234916776254</c:v>
                </c:pt>
                <c:pt idx="2260">
                  <c:v>19.248926487779659</c:v>
                </c:pt>
                <c:pt idx="2261">
                  <c:v>19.144184481082817</c:v>
                </c:pt>
                <c:pt idx="2262">
                  <c:v>19.066763497412552</c:v>
                </c:pt>
                <c:pt idx="2263">
                  <c:v>19.010273202013909</c:v>
                </c:pt>
                <c:pt idx="2264">
                  <c:v>18.961465796743148</c:v>
                </c:pt>
                <c:pt idx="2265">
                  <c:v>18.956143131854322</c:v>
                </c:pt>
                <c:pt idx="2266">
                  <c:v>18.96527250125699</c:v>
                </c:pt>
                <c:pt idx="2267">
                  <c:v>19.02922375607308</c:v>
                </c:pt>
                <c:pt idx="2268">
                  <c:v>19.133588824120245</c:v>
                </c:pt>
                <c:pt idx="2269">
                  <c:v>19.22284002018948</c:v>
                </c:pt>
                <c:pt idx="2270">
                  <c:v>19.303838058126438</c:v>
                </c:pt>
                <c:pt idx="2271">
                  <c:v>19.331559623827385</c:v>
                </c:pt>
                <c:pt idx="2272">
                  <c:v>19.338013757146037</c:v>
                </c:pt>
                <c:pt idx="2273">
                  <c:v>19.342153574352484</c:v>
                </c:pt>
                <c:pt idx="2274">
                  <c:v>19.403116053326851</c:v>
                </c:pt>
                <c:pt idx="2275">
                  <c:v>19.451188574956273</c:v>
                </c:pt>
                <c:pt idx="2276">
                  <c:v>19.52722728085261</c:v>
                </c:pt>
                <c:pt idx="2277">
                  <c:v>19.606465574060906</c:v>
                </c:pt>
                <c:pt idx="2278">
                  <c:v>19.702219939261504</c:v>
                </c:pt>
                <c:pt idx="2279">
                  <c:v>19.73233248971361</c:v>
                </c:pt>
                <c:pt idx="2280">
                  <c:v>19.662086871400565</c:v>
                </c:pt>
                <c:pt idx="2281">
                  <c:v>19.585709212908306</c:v>
                </c:pt>
                <c:pt idx="2282">
                  <c:v>19.542603609453757</c:v>
                </c:pt>
                <c:pt idx="2283">
                  <c:v>19.459341135002987</c:v>
                </c:pt>
                <c:pt idx="2284">
                  <c:v>19.386381431491792</c:v>
                </c:pt>
                <c:pt idx="2285">
                  <c:v>19.314378864511944</c:v>
                </c:pt>
                <c:pt idx="2286">
                  <c:v>19.213928829229591</c:v>
                </c:pt>
                <c:pt idx="2287">
                  <c:v>19.113367543733503</c:v>
                </c:pt>
                <c:pt idx="2288">
                  <c:v>19.006465000041821</c:v>
                </c:pt>
                <c:pt idx="2289">
                  <c:v>18.948487093935743</c:v>
                </c:pt>
                <c:pt idx="2290">
                  <c:v>18.867063837118025</c:v>
                </c:pt>
                <c:pt idx="2291">
                  <c:v>18.826733607231436</c:v>
                </c:pt>
                <c:pt idx="2292">
                  <c:v>18.931190881483889</c:v>
                </c:pt>
                <c:pt idx="2293">
                  <c:v>19.030089937872727</c:v>
                </c:pt>
                <c:pt idx="2294">
                  <c:v>19.064838390969985</c:v>
                </c:pt>
                <c:pt idx="2295">
                  <c:v>19.103633679640396</c:v>
                </c:pt>
                <c:pt idx="2296">
                  <c:v>19.225569655953873</c:v>
                </c:pt>
                <c:pt idx="2297">
                  <c:v>19.343912752698337</c:v>
                </c:pt>
                <c:pt idx="2298">
                  <c:v>19.420046553994023</c:v>
                </c:pt>
                <c:pt idx="2299">
                  <c:v>19.495614942075324</c:v>
                </c:pt>
                <c:pt idx="2300">
                  <c:v>19.550360145780772</c:v>
                </c:pt>
                <c:pt idx="2301">
                  <c:v>19.590865627638063</c:v>
                </c:pt>
                <c:pt idx="2302">
                  <c:v>19.596010597962842</c:v>
                </c:pt>
                <c:pt idx="2303">
                  <c:v>19.599021875656021</c:v>
                </c:pt>
                <c:pt idx="2304">
                  <c:v>19.617266150536501</c:v>
                </c:pt>
                <c:pt idx="2305">
                  <c:v>19.644523403777299</c:v>
                </c:pt>
                <c:pt idx="2306">
                  <c:v>19.687358881337602</c:v>
                </c:pt>
                <c:pt idx="2307">
                  <c:v>19.742482245347187</c:v>
                </c:pt>
                <c:pt idx="2308">
                  <c:v>19.776084261540245</c:v>
                </c:pt>
                <c:pt idx="2309">
                  <c:v>19.77148768992549</c:v>
                </c:pt>
                <c:pt idx="2310">
                  <c:v>19.703781956674653</c:v>
                </c:pt>
                <c:pt idx="2311">
                  <c:v>19.665025689539274</c:v>
                </c:pt>
                <c:pt idx="2312">
                  <c:v>19.619109122851647</c:v>
                </c:pt>
                <c:pt idx="2313">
                  <c:v>19.579222328815941</c:v>
                </c:pt>
                <c:pt idx="2314">
                  <c:v>19.545249189325471</c:v>
                </c:pt>
                <c:pt idx="2315">
                  <c:v>19.519836142832446</c:v>
                </c:pt>
                <c:pt idx="2316">
                  <c:v>19.510498916250111</c:v>
                </c:pt>
                <c:pt idx="2317">
                  <c:v>19.457711436319482</c:v>
                </c:pt>
                <c:pt idx="2318">
                  <c:v>19.439479164810368</c:v>
                </c:pt>
                <c:pt idx="2319">
                  <c:v>19.385119729516834</c:v>
                </c:pt>
                <c:pt idx="2320">
                  <c:v>19.367264131082102</c:v>
                </c:pt>
                <c:pt idx="2321">
                  <c:v>19.34621650980063</c:v>
                </c:pt>
                <c:pt idx="2322">
                  <c:v>19.32873932609953</c:v>
                </c:pt>
                <c:pt idx="2323">
                  <c:v>19.296543589318926</c:v>
                </c:pt>
                <c:pt idx="2324">
                  <c:v>19.288030340861198</c:v>
                </c:pt>
                <c:pt idx="2325">
                  <c:v>19.315723969308671</c:v>
                </c:pt>
                <c:pt idx="2326">
                  <c:v>19.43137296419906</c:v>
                </c:pt>
                <c:pt idx="2327">
                  <c:v>19.548503884896583</c:v>
                </c:pt>
                <c:pt idx="2328">
                  <c:v>19.652982272300573</c:v>
                </c:pt>
                <c:pt idx="2329">
                  <c:v>19.702395910153797</c:v>
                </c:pt>
                <c:pt idx="2330">
                  <c:v>19.771968175426196</c:v>
                </c:pt>
                <c:pt idx="2331">
                  <c:v>19.829597257269434</c:v>
                </c:pt>
                <c:pt idx="2332">
                  <c:v>19.904286821616036</c:v>
                </c:pt>
                <c:pt idx="2333">
                  <c:v>19.97603776361948</c:v>
                </c:pt>
                <c:pt idx="2334">
                  <c:v>20.01226808460595</c:v>
                </c:pt>
                <c:pt idx="2335">
                  <c:v>20.005288082276852</c:v>
                </c:pt>
                <c:pt idx="2336">
                  <c:v>19.993938282291754</c:v>
                </c:pt>
                <c:pt idx="2337">
                  <c:v>19.947308524814019</c:v>
                </c:pt>
                <c:pt idx="2338">
                  <c:v>19.895051158706607</c:v>
                </c:pt>
                <c:pt idx="2339">
                  <c:v>19.794547086277831</c:v>
                </c:pt>
                <c:pt idx="2340">
                  <c:v>19.676058323586997</c:v>
                </c:pt>
                <c:pt idx="2341">
                  <c:v>19.581954372900555</c:v>
                </c:pt>
                <c:pt idx="2342">
                  <c:v>19.503872189996216</c:v>
                </c:pt>
                <c:pt idx="2343">
                  <c:v>19.507655777943409</c:v>
                </c:pt>
                <c:pt idx="2344">
                  <c:v>19.565269217427705</c:v>
                </c:pt>
                <c:pt idx="2345">
                  <c:v>19.664308618934825</c:v>
                </c:pt>
                <c:pt idx="2346">
                  <c:v>19.774540568131513</c:v>
                </c:pt>
                <c:pt idx="2347">
                  <c:v>19.845696611844343</c:v>
                </c:pt>
                <c:pt idx="2348">
                  <c:v>19.875016028264923</c:v>
                </c:pt>
                <c:pt idx="2349">
                  <c:v>19.936628002327378</c:v>
                </c:pt>
                <c:pt idx="2350">
                  <c:v>20.008524692298767</c:v>
                </c:pt>
                <c:pt idx="2351">
                  <c:v>20.100737381094863</c:v>
                </c:pt>
                <c:pt idx="2352">
                  <c:v>20.201358364565007</c:v>
                </c:pt>
                <c:pt idx="2353">
                  <c:v>20.279384698272075</c:v>
                </c:pt>
                <c:pt idx="2354">
                  <c:v>20.352352237957554</c:v>
                </c:pt>
                <c:pt idx="2355">
                  <c:v>20.410155854716891</c:v>
                </c:pt>
                <c:pt idx="2356">
                  <c:v>20.440007733926038</c:v>
                </c:pt>
                <c:pt idx="2357">
                  <c:v>20.404284160129045</c:v>
                </c:pt>
                <c:pt idx="2358">
                  <c:v>20.323063878816157</c:v>
                </c:pt>
                <c:pt idx="2359">
                  <c:v>20.221280801107156</c:v>
                </c:pt>
                <c:pt idx="2360">
                  <c:v>20.0831662583374</c:v>
                </c:pt>
                <c:pt idx="2361">
                  <c:v>19.923296943472494</c:v>
                </c:pt>
                <c:pt idx="2362">
                  <c:v>19.837186577388263</c:v>
                </c:pt>
                <c:pt idx="2363">
                  <c:v>19.739202966945719</c:v>
                </c:pt>
                <c:pt idx="2364">
                  <c:v>19.662945265081138</c:v>
                </c:pt>
                <c:pt idx="2365">
                  <c:v>19.547895492468133</c:v>
                </c:pt>
                <c:pt idx="2366">
                  <c:v>19.421794098176438</c:v>
                </c:pt>
                <c:pt idx="2367">
                  <c:v>19.214995880978321</c:v>
                </c:pt>
                <c:pt idx="2368">
                  <c:v>19.058694779374171</c:v>
                </c:pt>
                <c:pt idx="2369">
                  <c:v>18.972382341215376</c:v>
                </c:pt>
                <c:pt idx="2370">
                  <c:v>18.969351744795656</c:v>
                </c:pt>
                <c:pt idx="2371">
                  <c:v>19.065563767416812</c:v>
                </c:pt>
                <c:pt idx="2372">
                  <c:v>19.1392562183905</c:v>
                </c:pt>
                <c:pt idx="2373">
                  <c:v>19.20673279009301</c:v>
                </c:pt>
                <c:pt idx="2374">
                  <c:v>19.302625751657846</c:v>
                </c:pt>
                <c:pt idx="2375">
                  <c:v>19.388131411000455</c:v>
                </c:pt>
                <c:pt idx="2376">
                  <c:v>19.445696385563668</c:v>
                </c:pt>
                <c:pt idx="2377">
                  <c:v>19.422690608464379</c:v>
                </c:pt>
                <c:pt idx="2378">
                  <c:v>19.399742188900792</c:v>
                </c:pt>
                <c:pt idx="2379">
                  <c:v>19.375668951281177</c:v>
                </c:pt>
                <c:pt idx="2380">
                  <c:v>19.373939035351995</c:v>
                </c:pt>
                <c:pt idx="2381">
                  <c:v>19.373741427535581</c:v>
                </c:pt>
                <c:pt idx="2382">
                  <c:v>19.381741750652569</c:v>
                </c:pt>
                <c:pt idx="2383">
                  <c:v>19.393479127802021</c:v>
                </c:pt>
                <c:pt idx="2384">
                  <c:v>19.351317592450016</c:v>
                </c:pt>
                <c:pt idx="2385">
                  <c:v>19.355987024438001</c:v>
                </c:pt>
                <c:pt idx="2386">
                  <c:v>19.357979154479331</c:v>
                </c:pt>
                <c:pt idx="2387">
                  <c:v>19.415493287742159</c:v>
                </c:pt>
                <c:pt idx="2388">
                  <c:v>19.435687390478343</c:v>
                </c:pt>
                <c:pt idx="2389">
                  <c:v>19.433571402901919</c:v>
                </c:pt>
                <c:pt idx="2390">
                  <c:v>19.364138481277568</c:v>
                </c:pt>
                <c:pt idx="2391">
                  <c:v>19.361024539142356</c:v>
                </c:pt>
                <c:pt idx="2392">
                  <c:v>19.365092191107369</c:v>
                </c:pt>
                <c:pt idx="2393">
                  <c:v>19.386410536185018</c:v>
                </c:pt>
                <c:pt idx="2394">
                  <c:v>19.402826058290511</c:v>
                </c:pt>
                <c:pt idx="2395">
                  <c:v>19.424206551055626</c:v>
                </c:pt>
                <c:pt idx="2396">
                  <c:v>19.446454302565435</c:v>
                </c:pt>
                <c:pt idx="2397">
                  <c:v>19.508084316592868</c:v>
                </c:pt>
                <c:pt idx="2398">
                  <c:v>19.562214607661446</c:v>
                </c:pt>
                <c:pt idx="2399">
                  <c:v>19.63846665297547</c:v>
                </c:pt>
                <c:pt idx="2400">
                  <c:v>19.703247227690042</c:v>
                </c:pt>
                <c:pt idx="2401">
                  <c:v>19.740215553496373</c:v>
                </c:pt>
                <c:pt idx="2402">
                  <c:v>19.764989209540946</c:v>
                </c:pt>
                <c:pt idx="2403">
                  <c:v>19.791221153582367</c:v>
                </c:pt>
                <c:pt idx="2404">
                  <c:v>19.837125297314724</c:v>
                </c:pt>
                <c:pt idx="2405">
                  <c:v>19.888798924075811</c:v>
                </c:pt>
                <c:pt idx="2406">
                  <c:v>19.93820353904724</c:v>
                </c:pt>
                <c:pt idx="2407">
                  <c:v>19.969540538749925</c:v>
                </c:pt>
                <c:pt idx="2408">
                  <c:v>19.987830528091614</c:v>
                </c:pt>
                <c:pt idx="2409">
                  <c:v>20.002181644916391</c:v>
                </c:pt>
                <c:pt idx="2410">
                  <c:v>20.014505814787444</c:v>
                </c:pt>
                <c:pt idx="2411">
                  <c:v>20.027119480781089</c:v>
                </c:pt>
                <c:pt idx="2412">
                  <c:v>20.01607548665325</c:v>
                </c:pt>
                <c:pt idx="2413">
                  <c:v>20.001380143006855</c:v>
                </c:pt>
                <c:pt idx="2414">
                  <c:v>19.976171335229395</c:v>
                </c:pt>
                <c:pt idx="2415">
                  <c:v>19.956062113877696</c:v>
                </c:pt>
                <c:pt idx="2416">
                  <c:v>19.941299916617716</c:v>
                </c:pt>
                <c:pt idx="2417">
                  <c:v>19.921812973290823</c:v>
                </c:pt>
                <c:pt idx="2418">
                  <c:v>19.902650481525118</c:v>
                </c:pt>
                <c:pt idx="2419">
                  <c:v>19.879240875137828</c:v>
                </c:pt>
                <c:pt idx="2420">
                  <c:v>19.843559688667732</c:v>
                </c:pt>
                <c:pt idx="2421">
                  <c:v>19.815212390638663</c:v>
                </c:pt>
                <c:pt idx="2422">
                  <c:v>19.78501797635149</c:v>
                </c:pt>
                <c:pt idx="2423">
                  <c:v>19.773597110036178</c:v>
                </c:pt>
                <c:pt idx="2424">
                  <c:v>19.780674001624135</c:v>
                </c:pt>
                <c:pt idx="2425">
                  <c:v>19.792060528032906</c:v>
                </c:pt>
                <c:pt idx="2426">
                  <c:v>19.800241212993043</c:v>
                </c:pt>
                <c:pt idx="2427">
                  <c:v>19.79886666339975</c:v>
                </c:pt>
                <c:pt idx="2428">
                  <c:v>19.75737179143152</c:v>
                </c:pt>
                <c:pt idx="2429">
                  <c:v>19.725412521895599</c:v>
                </c:pt>
                <c:pt idx="2430">
                  <c:v>19.676399754569776</c:v>
                </c:pt>
                <c:pt idx="2431">
                  <c:v>19.643410257700896</c:v>
                </c:pt>
                <c:pt idx="2432">
                  <c:v>19.606091815289098</c:v>
                </c:pt>
                <c:pt idx="2433">
                  <c:v>19.556022248248468</c:v>
                </c:pt>
                <c:pt idx="2434">
                  <c:v>19.539757199172641</c:v>
                </c:pt>
                <c:pt idx="2435">
                  <c:v>19.554110821407797</c:v>
                </c:pt>
                <c:pt idx="2436">
                  <c:v>19.595101248281786</c:v>
                </c:pt>
                <c:pt idx="2437">
                  <c:v>19.709782606652752</c:v>
                </c:pt>
                <c:pt idx="2438">
                  <c:v>19.817490343806114</c:v>
                </c:pt>
                <c:pt idx="2439">
                  <c:v>19.927530281735191</c:v>
                </c:pt>
                <c:pt idx="2440">
                  <c:v>20.035275479595871</c:v>
                </c:pt>
                <c:pt idx="2441">
                  <c:v>20.065876157735204</c:v>
                </c:pt>
                <c:pt idx="2442">
                  <c:v>20.049686093433024</c:v>
                </c:pt>
                <c:pt idx="2443">
                  <c:v>20.006273868052311</c:v>
                </c:pt>
                <c:pt idx="2444">
                  <c:v>19.981333606210505</c:v>
                </c:pt>
                <c:pt idx="2445">
                  <c:v>19.953939356980399</c:v>
                </c:pt>
                <c:pt idx="2446">
                  <c:v>19.947327446020665</c:v>
                </c:pt>
                <c:pt idx="2447">
                  <c:v>19.957787754627756</c:v>
                </c:pt>
                <c:pt idx="2448">
                  <c:v>19.981592772517214</c:v>
                </c:pt>
                <c:pt idx="2449">
                  <c:v>19.984665669592673</c:v>
                </c:pt>
                <c:pt idx="2450">
                  <c:v>19.905960752141453</c:v>
                </c:pt>
                <c:pt idx="2451">
                  <c:v>19.856785779117114</c:v>
                </c:pt>
                <c:pt idx="2452">
                  <c:v>19.805725737871697</c:v>
                </c:pt>
                <c:pt idx="2453">
                  <c:v>19.747443400100778</c:v>
                </c:pt>
                <c:pt idx="2454">
                  <c:v>19.66433005569754</c:v>
                </c:pt>
                <c:pt idx="2455">
                  <c:v>19.619465426292443</c:v>
                </c:pt>
                <c:pt idx="2456">
                  <c:v>19.501932856806839</c:v>
                </c:pt>
                <c:pt idx="2457">
                  <c:v>19.289867122380446</c:v>
                </c:pt>
                <c:pt idx="2458">
                  <c:v>19.089047227469116</c:v>
                </c:pt>
                <c:pt idx="2459">
                  <c:v>18.985656243814496</c:v>
                </c:pt>
                <c:pt idx="2460">
                  <c:v>19.04032952534482</c:v>
                </c:pt>
                <c:pt idx="2461">
                  <c:v>19.014421829896953</c:v>
                </c:pt>
                <c:pt idx="2462">
                  <c:v>18.880016569726138</c:v>
                </c:pt>
                <c:pt idx="2463">
                  <c:v>18.740885260615556</c:v>
                </c:pt>
                <c:pt idx="2464">
                  <c:v>18.74111949683995</c:v>
                </c:pt>
                <c:pt idx="2465">
                  <c:v>18.838220792299634</c:v>
                </c:pt>
                <c:pt idx="2466">
                  <c:v>18.967017546917869</c:v>
                </c:pt>
                <c:pt idx="2467">
                  <c:v>19.077147752768969</c:v>
                </c:pt>
                <c:pt idx="2468">
                  <c:v>19.171774116722158</c:v>
                </c:pt>
                <c:pt idx="2469">
                  <c:v>19.284749072960309</c:v>
                </c:pt>
                <c:pt idx="2470">
                  <c:v>19.370976545350075</c:v>
                </c:pt>
                <c:pt idx="2471">
                  <c:v>19.447021050684775</c:v>
                </c:pt>
                <c:pt idx="2472">
                  <c:v>19.518106989194344</c:v>
                </c:pt>
                <c:pt idx="2473">
                  <c:v>19.558761518476924</c:v>
                </c:pt>
                <c:pt idx="2474">
                  <c:v>19.589114991331304</c:v>
                </c:pt>
                <c:pt idx="2475">
                  <c:v>19.609729611511295</c:v>
                </c:pt>
                <c:pt idx="2476">
                  <c:v>19.612691746127624</c:v>
                </c:pt>
                <c:pt idx="2477">
                  <c:v>19.612691340586011</c:v>
                </c:pt>
                <c:pt idx="2478">
                  <c:v>19.629204097979063</c:v>
                </c:pt>
                <c:pt idx="2479">
                  <c:v>19.63365404377425</c:v>
                </c:pt>
                <c:pt idx="2480">
                  <c:v>19.636932109662929</c:v>
                </c:pt>
                <c:pt idx="2481">
                  <c:v>19.632917061295025</c:v>
                </c:pt>
                <c:pt idx="2482">
                  <c:v>19.630404757280804</c:v>
                </c:pt>
                <c:pt idx="2483">
                  <c:v>19.622650203074883</c:v>
                </c:pt>
                <c:pt idx="2484">
                  <c:v>19.616909065198662</c:v>
                </c:pt>
                <c:pt idx="2485">
                  <c:v>19.617979141556489</c:v>
                </c:pt>
                <c:pt idx="2486">
                  <c:v>19.610518072063421</c:v>
                </c:pt>
                <c:pt idx="2487">
                  <c:v>19.608563150078282</c:v>
                </c:pt>
                <c:pt idx="2488">
                  <c:v>19.611156286843379</c:v>
                </c:pt>
                <c:pt idx="2489">
                  <c:v>19.622959483828474</c:v>
                </c:pt>
                <c:pt idx="2490">
                  <c:v>19.643169740818266</c:v>
                </c:pt>
                <c:pt idx="2491">
                  <c:v>19.655994020005139</c:v>
                </c:pt>
                <c:pt idx="2492">
                  <c:v>19.634184842982563</c:v>
                </c:pt>
                <c:pt idx="2493">
                  <c:v>19.580139750865982</c:v>
                </c:pt>
                <c:pt idx="2494">
                  <c:v>19.523686377419903</c:v>
                </c:pt>
                <c:pt idx="2495">
                  <c:v>19.478260220777731</c:v>
                </c:pt>
                <c:pt idx="2496">
                  <c:v>19.442351605771442</c:v>
                </c:pt>
                <c:pt idx="2497">
                  <c:v>19.413657003367334</c:v>
                </c:pt>
                <c:pt idx="2498">
                  <c:v>19.362573172302007</c:v>
                </c:pt>
                <c:pt idx="2499">
                  <c:v>19.308429836106438</c:v>
                </c:pt>
                <c:pt idx="2500">
                  <c:v>19.265424462591234</c:v>
                </c:pt>
                <c:pt idx="2501">
                  <c:v>19.243200095972792</c:v>
                </c:pt>
                <c:pt idx="2502">
                  <c:v>19.261717687180774</c:v>
                </c:pt>
                <c:pt idx="2503">
                  <c:v>19.29160031431234</c:v>
                </c:pt>
                <c:pt idx="2504">
                  <c:v>19.332869677199842</c:v>
                </c:pt>
                <c:pt idx="2505">
                  <c:v>19.411041914843995</c:v>
                </c:pt>
                <c:pt idx="2506">
                  <c:v>19.51062190622881</c:v>
                </c:pt>
                <c:pt idx="2507">
                  <c:v>19.611435431677201</c:v>
                </c:pt>
                <c:pt idx="2508">
                  <c:v>19.717997651062962</c:v>
                </c:pt>
                <c:pt idx="2509">
                  <c:v>19.848752949829198</c:v>
                </c:pt>
                <c:pt idx="2510">
                  <c:v>19.990215047506485</c:v>
                </c:pt>
                <c:pt idx="2511">
                  <c:v>20.114806245075027</c:v>
                </c:pt>
                <c:pt idx="2512">
                  <c:v>20.155103750238553</c:v>
                </c:pt>
                <c:pt idx="2513">
                  <c:v>20.194557724244504</c:v>
                </c:pt>
                <c:pt idx="2514">
                  <c:v>20.186463840349479</c:v>
                </c:pt>
                <c:pt idx="2515">
                  <c:v>20.180758414620037</c:v>
                </c:pt>
                <c:pt idx="2516">
                  <c:v>20.160927736837127</c:v>
                </c:pt>
                <c:pt idx="2517">
                  <c:v>20.136783764714103</c:v>
                </c:pt>
                <c:pt idx="2518">
                  <c:v>20.141126917862827</c:v>
                </c:pt>
                <c:pt idx="2519">
                  <c:v>20.156006088402158</c:v>
                </c:pt>
                <c:pt idx="2520">
                  <c:v>20.133083110335438</c:v>
                </c:pt>
                <c:pt idx="2521">
                  <c:v>20.093934084300283</c:v>
                </c:pt>
                <c:pt idx="2522">
                  <c:v>20.082661513118047</c:v>
                </c:pt>
                <c:pt idx="2523">
                  <c:v>20.047760549449755</c:v>
                </c:pt>
                <c:pt idx="2524">
                  <c:v>20.039183716248772</c:v>
                </c:pt>
                <c:pt idx="2525">
                  <c:v>19.994915469069245</c:v>
                </c:pt>
                <c:pt idx="2526">
                  <c:v>19.881478563825773</c:v>
                </c:pt>
                <c:pt idx="2527">
                  <c:v>19.734688246044175</c:v>
                </c:pt>
                <c:pt idx="2528">
                  <c:v>19.703466705876028</c:v>
                </c:pt>
                <c:pt idx="2529">
                  <c:v>19.662099711401517</c:v>
                </c:pt>
                <c:pt idx="2530">
                  <c:v>19.439398708314428</c:v>
                </c:pt>
                <c:pt idx="2531">
                  <c:v>19.255960841043951</c:v>
                </c:pt>
                <c:pt idx="2532">
                  <c:v>19.294881697905822</c:v>
                </c:pt>
                <c:pt idx="2533">
                  <c:v>19.306646106409321</c:v>
                </c:pt>
                <c:pt idx="2534">
                  <c:v>19.339658811394678</c:v>
                </c:pt>
                <c:pt idx="2535">
                  <c:v>19.402429977958526</c:v>
                </c:pt>
                <c:pt idx="2536">
                  <c:v>19.48671733570642</c:v>
                </c:pt>
                <c:pt idx="2537">
                  <c:v>19.516228467753457</c:v>
                </c:pt>
                <c:pt idx="2538">
                  <c:v>19.521064463555561</c:v>
                </c:pt>
                <c:pt idx="2539">
                  <c:v>19.536141094244613</c:v>
                </c:pt>
                <c:pt idx="2540">
                  <c:v>19.543065782534921</c:v>
                </c:pt>
                <c:pt idx="2541">
                  <c:v>19.559726356270794</c:v>
                </c:pt>
                <c:pt idx="2542">
                  <c:v>19.602093057542913</c:v>
                </c:pt>
                <c:pt idx="2543">
                  <c:v>19.627912486760493</c:v>
                </c:pt>
                <c:pt idx="2544">
                  <c:v>19.644262389428068</c:v>
                </c:pt>
                <c:pt idx="2545">
                  <c:v>19.654009315048999</c:v>
                </c:pt>
                <c:pt idx="2546">
                  <c:v>19.661121874147046</c:v>
                </c:pt>
                <c:pt idx="2547">
                  <c:v>19.653320734062461</c:v>
                </c:pt>
                <c:pt idx="2548">
                  <c:v>19.634017656765273</c:v>
                </c:pt>
                <c:pt idx="2549">
                  <c:v>19.58906602784397</c:v>
                </c:pt>
                <c:pt idx="2550">
                  <c:v>19.518453128630959</c:v>
                </c:pt>
                <c:pt idx="2551">
                  <c:v>19.435005775827008</c:v>
                </c:pt>
                <c:pt idx="2552">
                  <c:v>19.34635629720669</c:v>
                </c:pt>
                <c:pt idx="2553">
                  <c:v>19.288450506876309</c:v>
                </c:pt>
                <c:pt idx="2554">
                  <c:v>19.242080153423771</c:v>
                </c:pt>
                <c:pt idx="2555">
                  <c:v>19.205058325328544</c:v>
                </c:pt>
                <c:pt idx="2556">
                  <c:v>19.184704925505919</c:v>
                </c:pt>
                <c:pt idx="2557">
                  <c:v>19.193610258883066</c:v>
                </c:pt>
                <c:pt idx="2558">
                  <c:v>19.222607143579872</c:v>
                </c:pt>
                <c:pt idx="2559">
                  <c:v>19.265558103262958</c:v>
                </c:pt>
                <c:pt idx="2560">
                  <c:v>19.318987538672815</c:v>
                </c:pt>
                <c:pt idx="2561">
                  <c:v>19.380460993837985</c:v>
                </c:pt>
                <c:pt idx="2562">
                  <c:v>19.445399498427626</c:v>
                </c:pt>
                <c:pt idx="2563">
                  <c:v>19.460939011090694</c:v>
                </c:pt>
                <c:pt idx="2564">
                  <c:v>19.492467031971884</c:v>
                </c:pt>
                <c:pt idx="2565">
                  <c:v>19.546630625923694</c:v>
                </c:pt>
                <c:pt idx="2566">
                  <c:v>19.546464157943127</c:v>
                </c:pt>
                <c:pt idx="2567">
                  <c:v>19.516905412717215</c:v>
                </c:pt>
                <c:pt idx="2568">
                  <c:v>19.505102026585906</c:v>
                </c:pt>
                <c:pt idx="2569">
                  <c:v>19.546007894461294</c:v>
                </c:pt>
                <c:pt idx="2570">
                  <c:v>19.604359449214609</c:v>
                </c:pt>
                <c:pt idx="2571">
                  <c:v>19.627098223214972</c:v>
                </c:pt>
                <c:pt idx="2572">
                  <c:v>19.595078980673787</c:v>
                </c:pt>
                <c:pt idx="2573">
                  <c:v>19.539565629205686</c:v>
                </c:pt>
                <c:pt idx="2574">
                  <c:v>19.44881187409333</c:v>
                </c:pt>
                <c:pt idx="2575">
                  <c:v>19.354952398789749</c:v>
                </c:pt>
                <c:pt idx="2576">
                  <c:v>19.303088557708321</c:v>
                </c:pt>
                <c:pt idx="2577">
                  <c:v>19.224412698440471</c:v>
                </c:pt>
                <c:pt idx="2578">
                  <c:v>19.134889594703882</c:v>
                </c:pt>
                <c:pt idx="2579">
                  <c:v>19.055436196314751</c:v>
                </c:pt>
                <c:pt idx="2580">
                  <c:v>18.984687800668784</c:v>
                </c:pt>
                <c:pt idx="2581">
                  <c:v>18.90066901630637</c:v>
                </c:pt>
                <c:pt idx="2582">
                  <c:v>18.738154108416751</c:v>
                </c:pt>
                <c:pt idx="2583">
                  <c:v>18.536998717393782</c:v>
                </c:pt>
                <c:pt idx="2584">
                  <c:v>18.470889889919242</c:v>
                </c:pt>
                <c:pt idx="2585">
                  <c:v>18.519929473427815</c:v>
                </c:pt>
                <c:pt idx="2586">
                  <c:v>18.573519820701669</c:v>
                </c:pt>
                <c:pt idx="2587">
                  <c:v>18.663537182054096</c:v>
                </c:pt>
                <c:pt idx="2588">
                  <c:v>18.746201176085677</c:v>
                </c:pt>
                <c:pt idx="2589">
                  <c:v>18.69707389835423</c:v>
                </c:pt>
                <c:pt idx="2590">
                  <c:v>18.665453018206662</c:v>
                </c:pt>
                <c:pt idx="2591">
                  <c:v>18.72726649387787</c:v>
                </c:pt>
                <c:pt idx="2592">
                  <c:v>18.796663299722578</c:v>
                </c:pt>
                <c:pt idx="2593">
                  <c:v>18.911031925699472</c:v>
                </c:pt>
                <c:pt idx="2594">
                  <c:v>18.97919390089757</c:v>
                </c:pt>
                <c:pt idx="2595">
                  <c:v>18.988594532223896</c:v>
                </c:pt>
                <c:pt idx="2596">
                  <c:v>18.974415323384768</c:v>
                </c:pt>
                <c:pt idx="2597">
                  <c:v>18.982638073515986</c:v>
                </c:pt>
                <c:pt idx="2598">
                  <c:v>19.011247513723141</c:v>
                </c:pt>
                <c:pt idx="2599">
                  <c:v>19.026422632478617</c:v>
                </c:pt>
                <c:pt idx="2600">
                  <c:v>19.032878779204761</c:v>
                </c:pt>
                <c:pt idx="2601">
                  <c:v>19.052193628956591</c:v>
                </c:pt>
                <c:pt idx="2602">
                  <c:v>19.098416690222667</c:v>
                </c:pt>
                <c:pt idx="2603">
                  <c:v>19.16179017100426</c:v>
                </c:pt>
                <c:pt idx="2604">
                  <c:v>19.229108144241049</c:v>
                </c:pt>
                <c:pt idx="2605">
                  <c:v>19.2942149502564</c:v>
                </c:pt>
                <c:pt idx="2606">
                  <c:v>19.375511450772187</c:v>
                </c:pt>
                <c:pt idx="2607">
                  <c:v>19.447459339742036</c:v>
                </c:pt>
                <c:pt idx="2608">
                  <c:v>19.50547371886395</c:v>
                </c:pt>
                <c:pt idx="2609">
                  <c:v>19.537490549644406</c:v>
                </c:pt>
                <c:pt idx="2610">
                  <c:v>19.541953976543674</c:v>
                </c:pt>
                <c:pt idx="2611">
                  <c:v>19.535289721939193</c:v>
                </c:pt>
                <c:pt idx="2612">
                  <c:v>19.515532102164535</c:v>
                </c:pt>
                <c:pt idx="2613">
                  <c:v>19.509290079709494</c:v>
                </c:pt>
                <c:pt idx="2614">
                  <c:v>19.511868675442209</c:v>
                </c:pt>
                <c:pt idx="2615">
                  <c:v>19.522298608747036</c:v>
                </c:pt>
                <c:pt idx="2616">
                  <c:v>19.497847545890643</c:v>
                </c:pt>
                <c:pt idx="2617">
                  <c:v>19.461577623724324</c:v>
                </c:pt>
                <c:pt idx="2618">
                  <c:v>19.426282261526072</c:v>
                </c:pt>
                <c:pt idx="2619">
                  <c:v>19.359389485726947</c:v>
                </c:pt>
                <c:pt idx="2620">
                  <c:v>19.32666379607916</c:v>
                </c:pt>
                <c:pt idx="2621">
                  <c:v>19.345171285470933</c:v>
                </c:pt>
                <c:pt idx="2622">
                  <c:v>19.393515559707804</c:v>
                </c:pt>
                <c:pt idx="2623">
                  <c:v>19.444288261177796</c:v>
                </c:pt>
                <c:pt idx="2624">
                  <c:v>19.493061669640895</c:v>
                </c:pt>
                <c:pt idx="2625">
                  <c:v>19.558109254170443</c:v>
                </c:pt>
                <c:pt idx="2626">
                  <c:v>19.669881160653201</c:v>
                </c:pt>
                <c:pt idx="2627">
                  <c:v>19.76847576192382</c:v>
                </c:pt>
                <c:pt idx="2628">
                  <c:v>19.850167697139092</c:v>
                </c:pt>
                <c:pt idx="2629">
                  <c:v>19.913465307315661</c:v>
                </c:pt>
                <c:pt idx="2630">
                  <c:v>19.965936902647179</c:v>
                </c:pt>
                <c:pt idx="2631">
                  <c:v>20.029157082169206</c:v>
                </c:pt>
                <c:pt idx="2632">
                  <c:v>20.063593417742634</c:v>
                </c:pt>
                <c:pt idx="2633">
                  <c:v>20.099652359069498</c:v>
                </c:pt>
                <c:pt idx="2634">
                  <c:v>20.139713306703726</c:v>
                </c:pt>
                <c:pt idx="2635">
                  <c:v>20.167302761939126</c:v>
                </c:pt>
                <c:pt idx="2636">
                  <c:v>20.183061638576621</c:v>
                </c:pt>
                <c:pt idx="2637">
                  <c:v>20.189753332652025</c:v>
                </c:pt>
                <c:pt idx="2638">
                  <c:v>20.185027546898748</c:v>
                </c:pt>
                <c:pt idx="2639">
                  <c:v>20.179107022308365</c:v>
                </c:pt>
                <c:pt idx="2640">
                  <c:v>20.172507610398824</c:v>
                </c:pt>
                <c:pt idx="2641">
                  <c:v>20.173175189185024</c:v>
                </c:pt>
                <c:pt idx="2642">
                  <c:v>20.174316968615496</c:v>
                </c:pt>
                <c:pt idx="2643">
                  <c:v>20.179532436789884</c:v>
                </c:pt>
                <c:pt idx="2644">
                  <c:v>20.18796482640348</c:v>
                </c:pt>
                <c:pt idx="2645">
                  <c:v>20.21029533646043</c:v>
                </c:pt>
                <c:pt idx="2646">
                  <c:v>20.235582730049334</c:v>
                </c:pt>
                <c:pt idx="2647">
                  <c:v>20.261241784362429</c:v>
                </c:pt>
                <c:pt idx="2648">
                  <c:v>20.283458066122737</c:v>
                </c:pt>
                <c:pt idx="2649">
                  <c:v>20.306240864331876</c:v>
                </c:pt>
                <c:pt idx="2650">
                  <c:v>20.33287157818387</c:v>
                </c:pt>
                <c:pt idx="2651">
                  <c:v>20.352228448580032</c:v>
                </c:pt>
                <c:pt idx="2652">
                  <c:v>20.370753366787866</c:v>
                </c:pt>
                <c:pt idx="2653">
                  <c:v>20.391640722578419</c:v>
                </c:pt>
                <c:pt idx="2654">
                  <c:v>20.400018993230944</c:v>
                </c:pt>
                <c:pt idx="2655">
                  <c:v>20.402724643259504</c:v>
                </c:pt>
                <c:pt idx="2656">
                  <c:v>20.399027033597605</c:v>
                </c:pt>
                <c:pt idx="2657">
                  <c:v>20.38152824491139</c:v>
                </c:pt>
                <c:pt idx="2658">
                  <c:v>20.353687991692148</c:v>
                </c:pt>
                <c:pt idx="2659">
                  <c:v>20.322556876627935</c:v>
                </c:pt>
                <c:pt idx="2660">
                  <c:v>20.280511916075863</c:v>
                </c:pt>
                <c:pt idx="2661">
                  <c:v>20.248379412381723</c:v>
                </c:pt>
                <c:pt idx="2662">
                  <c:v>20.232593012500697</c:v>
                </c:pt>
                <c:pt idx="2663">
                  <c:v>20.239833322841175</c:v>
                </c:pt>
                <c:pt idx="2664">
                  <c:v>20.263319331451797</c:v>
                </c:pt>
                <c:pt idx="2665">
                  <c:v>20.302369070167082</c:v>
                </c:pt>
                <c:pt idx="2666">
                  <c:v>20.357402924476268</c:v>
                </c:pt>
                <c:pt idx="2667">
                  <c:v>20.419173688834302</c:v>
                </c:pt>
                <c:pt idx="2668">
                  <c:v>20.507354363995766</c:v>
                </c:pt>
                <c:pt idx="2669">
                  <c:v>20.577101868706798</c:v>
                </c:pt>
                <c:pt idx="2670">
                  <c:v>20.602930884088302</c:v>
                </c:pt>
                <c:pt idx="2671">
                  <c:v>20.566901499393548</c:v>
                </c:pt>
                <c:pt idx="2672">
                  <c:v>20.533599670917727</c:v>
                </c:pt>
                <c:pt idx="2673">
                  <c:v>20.473843002937009</c:v>
                </c:pt>
                <c:pt idx="2674">
                  <c:v>20.396405494289578</c:v>
                </c:pt>
                <c:pt idx="2675">
                  <c:v>20.300467262365306</c:v>
                </c:pt>
                <c:pt idx="2676">
                  <c:v>20.211247752476226</c:v>
                </c:pt>
                <c:pt idx="2677">
                  <c:v>20.131608056840847</c:v>
                </c:pt>
                <c:pt idx="2678">
                  <c:v>20.040473420761277</c:v>
                </c:pt>
                <c:pt idx="2679">
                  <c:v>19.941157955443657</c:v>
                </c:pt>
                <c:pt idx="2680">
                  <c:v>19.863080132212275</c:v>
                </c:pt>
                <c:pt idx="2681">
                  <c:v>19.831239955784984</c:v>
                </c:pt>
                <c:pt idx="2682">
                  <c:v>19.834843103560896</c:v>
                </c:pt>
                <c:pt idx="2683">
                  <c:v>19.825093877988003</c:v>
                </c:pt>
                <c:pt idx="2684">
                  <c:v>19.820286544660188</c:v>
                </c:pt>
                <c:pt idx="2685">
                  <c:v>19.882937706313747</c:v>
                </c:pt>
                <c:pt idx="2686">
                  <c:v>19.971461138400052</c:v>
                </c:pt>
                <c:pt idx="2687">
                  <c:v>20.006624706459057</c:v>
                </c:pt>
                <c:pt idx="2688">
                  <c:v>20.038260904191848</c:v>
                </c:pt>
                <c:pt idx="2689">
                  <c:v>20.101490029954249</c:v>
                </c:pt>
                <c:pt idx="2690">
                  <c:v>20.145458099208472</c:v>
                </c:pt>
                <c:pt idx="2691">
                  <c:v>20.147185444878986</c:v>
                </c:pt>
                <c:pt idx="2692">
                  <c:v>20.105294077987104</c:v>
                </c:pt>
                <c:pt idx="2693">
                  <c:v>20.051296684709207</c:v>
                </c:pt>
                <c:pt idx="2694">
                  <c:v>19.977389571844867</c:v>
                </c:pt>
                <c:pt idx="2695">
                  <c:v>19.929610703463958</c:v>
                </c:pt>
                <c:pt idx="2696">
                  <c:v>19.943267560136366</c:v>
                </c:pt>
                <c:pt idx="2697">
                  <c:v>19.978736428781932</c:v>
                </c:pt>
                <c:pt idx="2698">
                  <c:v>20.021857052805501</c:v>
                </c:pt>
                <c:pt idx="2699">
                  <c:v>19.960628888298611</c:v>
                </c:pt>
                <c:pt idx="2700">
                  <c:v>19.854909157742025</c:v>
                </c:pt>
                <c:pt idx="2701">
                  <c:v>19.777522494615003</c:v>
                </c:pt>
                <c:pt idx="2702">
                  <c:v>19.740180372424195</c:v>
                </c:pt>
                <c:pt idx="2703">
                  <c:v>19.694695912687077</c:v>
                </c:pt>
                <c:pt idx="2704">
                  <c:v>19.678784155815823</c:v>
                </c:pt>
                <c:pt idx="2705">
                  <c:v>19.677556449288588</c:v>
                </c:pt>
                <c:pt idx="2706">
                  <c:v>19.637805095788536</c:v>
                </c:pt>
                <c:pt idx="2707">
                  <c:v>19.506938347374042</c:v>
                </c:pt>
                <c:pt idx="2708">
                  <c:v>19.393814621423438</c:v>
                </c:pt>
                <c:pt idx="2709">
                  <c:v>19.431912916847242</c:v>
                </c:pt>
                <c:pt idx="2710">
                  <c:v>19.531432213712719</c:v>
                </c:pt>
                <c:pt idx="2711">
                  <c:v>19.532625055292257</c:v>
                </c:pt>
                <c:pt idx="2712">
                  <c:v>19.47868488999632</c:v>
                </c:pt>
                <c:pt idx="2713">
                  <c:v>19.455454126005897</c:v>
                </c:pt>
                <c:pt idx="2714">
                  <c:v>19.571450941964684</c:v>
                </c:pt>
                <c:pt idx="2715">
                  <c:v>19.699228195659476</c:v>
                </c:pt>
                <c:pt idx="2716">
                  <c:v>19.794279019068856</c:v>
                </c:pt>
                <c:pt idx="2717">
                  <c:v>19.868908929653269</c:v>
                </c:pt>
                <c:pt idx="2718">
                  <c:v>19.915332191315343</c:v>
                </c:pt>
                <c:pt idx="2719">
                  <c:v>19.95457865564839</c:v>
                </c:pt>
                <c:pt idx="2720">
                  <c:v>19.986952647854164</c:v>
                </c:pt>
                <c:pt idx="2721">
                  <c:v>20.010289687988255</c:v>
                </c:pt>
                <c:pt idx="2722">
                  <c:v>20.017922998251692</c:v>
                </c:pt>
                <c:pt idx="2723">
                  <c:v>20.033550531306794</c:v>
                </c:pt>
                <c:pt idx="2724">
                  <c:v>20.048099366499656</c:v>
                </c:pt>
                <c:pt idx="2725">
                  <c:v>20.047138620219243</c:v>
                </c:pt>
                <c:pt idx="2726">
                  <c:v>20.055708219955392</c:v>
                </c:pt>
                <c:pt idx="2727">
                  <c:v>20.067122524021116</c:v>
                </c:pt>
                <c:pt idx="2728">
                  <c:v>20.070374259737946</c:v>
                </c:pt>
                <c:pt idx="2729">
                  <c:v>20.07491750060742</c:v>
                </c:pt>
                <c:pt idx="2730">
                  <c:v>20.083085516021406</c:v>
                </c:pt>
                <c:pt idx="2731">
                  <c:v>20.091971930098929</c:v>
                </c:pt>
                <c:pt idx="2732">
                  <c:v>20.093368375020326</c:v>
                </c:pt>
                <c:pt idx="2733">
                  <c:v>20.090510929223942</c:v>
                </c:pt>
                <c:pt idx="2734">
                  <c:v>20.087940159606759</c:v>
                </c:pt>
                <c:pt idx="2735">
                  <c:v>20.086601951515544</c:v>
                </c:pt>
                <c:pt idx="2736">
                  <c:v>20.091695809080402</c:v>
                </c:pt>
                <c:pt idx="2737">
                  <c:v>20.092701402615624</c:v>
                </c:pt>
                <c:pt idx="2738">
                  <c:v>20.097727213075807</c:v>
                </c:pt>
                <c:pt idx="2739">
                  <c:v>20.103141869888901</c:v>
                </c:pt>
                <c:pt idx="2740">
                  <c:v>20.121525756385328</c:v>
                </c:pt>
                <c:pt idx="2741">
                  <c:v>20.143983424470843</c:v>
                </c:pt>
                <c:pt idx="2742">
                  <c:v>20.169379283335665</c:v>
                </c:pt>
                <c:pt idx="2743">
                  <c:v>20.206032556641446</c:v>
                </c:pt>
                <c:pt idx="2744">
                  <c:v>20.241181296006978</c:v>
                </c:pt>
                <c:pt idx="2745">
                  <c:v>20.276027374519103</c:v>
                </c:pt>
                <c:pt idx="2746">
                  <c:v>20.312512395483239</c:v>
                </c:pt>
                <c:pt idx="2747">
                  <c:v>20.349698945406097</c:v>
                </c:pt>
                <c:pt idx="2748">
                  <c:v>20.38318916020685</c:v>
                </c:pt>
                <c:pt idx="2749">
                  <c:v>20.411807049347345</c:v>
                </c:pt>
                <c:pt idx="2750">
                  <c:v>20.439361381056969</c:v>
                </c:pt>
                <c:pt idx="2751">
                  <c:v>20.462421562823714</c:v>
                </c:pt>
                <c:pt idx="2752">
                  <c:v>20.48896494658041</c:v>
                </c:pt>
                <c:pt idx="2753">
                  <c:v>20.506764042655846</c:v>
                </c:pt>
                <c:pt idx="2754">
                  <c:v>20.525808472969082</c:v>
                </c:pt>
                <c:pt idx="2755">
                  <c:v>20.542456474762758</c:v>
                </c:pt>
                <c:pt idx="2756">
                  <c:v>20.561553674460264</c:v>
                </c:pt>
                <c:pt idx="2757">
                  <c:v>20.570801332775368</c:v>
                </c:pt>
                <c:pt idx="2758">
                  <c:v>20.577422178195008</c:v>
                </c:pt>
                <c:pt idx="2759">
                  <c:v>20.586641545877193</c:v>
                </c:pt>
                <c:pt idx="2760">
                  <c:v>20.592012681306603</c:v>
                </c:pt>
                <c:pt idx="2761">
                  <c:v>20.592403788705912</c:v>
                </c:pt>
                <c:pt idx="2762">
                  <c:v>20.590317267381529</c:v>
                </c:pt>
                <c:pt idx="2763">
                  <c:v>20.593773051853944</c:v>
                </c:pt>
                <c:pt idx="2764">
                  <c:v>20.599141580737736</c:v>
                </c:pt>
                <c:pt idx="2765">
                  <c:v>20.606078519622258</c:v>
                </c:pt>
                <c:pt idx="2766">
                  <c:v>20.605981646786834</c:v>
                </c:pt>
                <c:pt idx="2767">
                  <c:v>20.607945075919091</c:v>
                </c:pt>
                <c:pt idx="2768">
                  <c:v>20.612759536382022</c:v>
                </c:pt>
                <c:pt idx="2769">
                  <c:v>20.625349794675856</c:v>
                </c:pt>
                <c:pt idx="2770">
                  <c:v>20.639860717643405</c:v>
                </c:pt>
                <c:pt idx="2771">
                  <c:v>20.643972928770864</c:v>
                </c:pt>
                <c:pt idx="2772">
                  <c:v>20.644506087667274</c:v>
                </c:pt>
                <c:pt idx="2773">
                  <c:v>20.634747205686857</c:v>
                </c:pt>
                <c:pt idx="2774">
                  <c:v>20.611400383801591</c:v>
                </c:pt>
                <c:pt idx="2775">
                  <c:v>20.593594769907217</c:v>
                </c:pt>
                <c:pt idx="2776">
                  <c:v>20.567853972574888</c:v>
                </c:pt>
                <c:pt idx="2777">
                  <c:v>20.546916563709402</c:v>
                </c:pt>
                <c:pt idx="2778">
                  <c:v>20.540018704028515</c:v>
                </c:pt>
                <c:pt idx="2779">
                  <c:v>20.516776583595981</c:v>
                </c:pt>
                <c:pt idx="2780">
                  <c:v>20.500786565731776</c:v>
                </c:pt>
                <c:pt idx="2781">
                  <c:v>20.488522651520718</c:v>
                </c:pt>
                <c:pt idx="2782">
                  <c:v>20.50635367309296</c:v>
                </c:pt>
                <c:pt idx="2783">
                  <c:v>20.512072859656708</c:v>
                </c:pt>
                <c:pt idx="2784">
                  <c:v>20.511646526484462</c:v>
                </c:pt>
                <c:pt idx="2785">
                  <c:v>20.497811151214265</c:v>
                </c:pt>
                <c:pt idx="2786">
                  <c:v>20.461452138854668</c:v>
                </c:pt>
                <c:pt idx="2787">
                  <c:v>20.486114465670646</c:v>
                </c:pt>
                <c:pt idx="2788">
                  <c:v>20.482387965838619</c:v>
                </c:pt>
                <c:pt idx="2789">
                  <c:v>20.469070906203658</c:v>
                </c:pt>
                <c:pt idx="2790">
                  <c:v>20.468168703679979</c:v>
                </c:pt>
                <c:pt idx="2791">
                  <c:v>20.453437457249866</c:v>
                </c:pt>
                <c:pt idx="2792">
                  <c:v>20.407007024321736</c:v>
                </c:pt>
                <c:pt idx="2793">
                  <c:v>20.393323226396738</c:v>
                </c:pt>
                <c:pt idx="2794">
                  <c:v>20.391309619980163</c:v>
                </c:pt>
                <c:pt idx="2795">
                  <c:v>20.393817016941629</c:v>
                </c:pt>
                <c:pt idx="2796">
                  <c:v>20.392820054861211</c:v>
                </c:pt>
                <c:pt idx="2797">
                  <c:v>20.400397867550019</c:v>
                </c:pt>
                <c:pt idx="2798">
                  <c:v>20.422765769633635</c:v>
                </c:pt>
                <c:pt idx="2799">
                  <c:v>20.453304806707461</c:v>
                </c:pt>
                <c:pt idx="2800">
                  <c:v>20.495954954120368</c:v>
                </c:pt>
                <c:pt idx="2801">
                  <c:v>20.511043400405427</c:v>
                </c:pt>
                <c:pt idx="2802">
                  <c:v>20.535114520119144</c:v>
                </c:pt>
                <c:pt idx="2803">
                  <c:v>20.557743550477618</c:v>
                </c:pt>
                <c:pt idx="2804">
                  <c:v>20.552793920025493</c:v>
                </c:pt>
                <c:pt idx="2805">
                  <c:v>20.546933097858151</c:v>
                </c:pt>
                <c:pt idx="2806">
                  <c:v>20.535875519707961</c:v>
                </c:pt>
                <c:pt idx="2807">
                  <c:v>20.515726588322913</c:v>
                </c:pt>
                <c:pt idx="2808">
                  <c:v>20.479432977663357</c:v>
                </c:pt>
                <c:pt idx="2809">
                  <c:v>20.425552967774507</c:v>
                </c:pt>
                <c:pt idx="2810">
                  <c:v>20.369033916422381</c:v>
                </c:pt>
                <c:pt idx="2811">
                  <c:v>20.326660521052169</c:v>
                </c:pt>
                <c:pt idx="2812">
                  <c:v>20.289121418743932</c:v>
                </c:pt>
                <c:pt idx="2813">
                  <c:v>20.245980170592475</c:v>
                </c:pt>
                <c:pt idx="2814">
                  <c:v>20.210046686846532</c:v>
                </c:pt>
                <c:pt idx="2815">
                  <c:v>20.173814387963436</c:v>
                </c:pt>
                <c:pt idx="2816">
                  <c:v>20.15257358526992</c:v>
                </c:pt>
                <c:pt idx="2817">
                  <c:v>20.131237988974341</c:v>
                </c:pt>
                <c:pt idx="2818">
                  <c:v>20.122093426741952</c:v>
                </c:pt>
                <c:pt idx="2819">
                  <c:v>20.122623091515159</c:v>
                </c:pt>
                <c:pt idx="2820">
                  <c:v>20.138291191680402</c:v>
                </c:pt>
                <c:pt idx="2821">
                  <c:v>20.139229008527586</c:v>
                </c:pt>
                <c:pt idx="2822">
                  <c:v>20.138237534858369</c:v>
                </c:pt>
                <c:pt idx="2823">
                  <c:v>20.156773932720146</c:v>
                </c:pt>
                <c:pt idx="2824">
                  <c:v>20.179731573298326</c:v>
                </c:pt>
                <c:pt idx="2825">
                  <c:v>20.172015982823876</c:v>
                </c:pt>
                <c:pt idx="2826">
                  <c:v>20.148955114841662</c:v>
                </c:pt>
                <c:pt idx="2827">
                  <c:v>20.118946874891144</c:v>
                </c:pt>
                <c:pt idx="2828">
                  <c:v>20.078724568806948</c:v>
                </c:pt>
                <c:pt idx="2829">
                  <c:v>20.045989786933017</c:v>
                </c:pt>
                <c:pt idx="2830">
                  <c:v>19.974800398797555</c:v>
                </c:pt>
                <c:pt idx="2831">
                  <c:v>19.965078157016002</c:v>
                </c:pt>
                <c:pt idx="2832">
                  <c:v>19.892423289374857</c:v>
                </c:pt>
                <c:pt idx="2833">
                  <c:v>19.844368997503668</c:v>
                </c:pt>
                <c:pt idx="2834">
                  <c:v>19.790998320598089</c:v>
                </c:pt>
                <c:pt idx="2835">
                  <c:v>19.705557025881866</c:v>
                </c:pt>
                <c:pt idx="2836">
                  <c:v>19.656253507954482</c:v>
                </c:pt>
                <c:pt idx="2837">
                  <c:v>19.621813331792282</c:v>
                </c:pt>
                <c:pt idx="2838">
                  <c:v>19.597920888192871</c:v>
                </c:pt>
                <c:pt idx="2839">
                  <c:v>19.642950488136883</c:v>
                </c:pt>
                <c:pt idx="2840">
                  <c:v>19.731748334669884</c:v>
                </c:pt>
                <c:pt idx="2841">
                  <c:v>19.83426851425488</c:v>
                </c:pt>
                <c:pt idx="2842">
                  <c:v>19.903274255904712</c:v>
                </c:pt>
                <c:pt idx="2843">
                  <c:v>19.971434555057503</c:v>
                </c:pt>
                <c:pt idx="2844">
                  <c:v>20.012544229691859</c:v>
                </c:pt>
                <c:pt idx="2845">
                  <c:v>20.01751930270833</c:v>
                </c:pt>
                <c:pt idx="2846">
                  <c:v>20.047124552596731</c:v>
                </c:pt>
                <c:pt idx="2847">
                  <c:v>20.055661150367374</c:v>
                </c:pt>
                <c:pt idx="2848">
                  <c:v>20.072771483849714</c:v>
                </c:pt>
                <c:pt idx="2849">
                  <c:v>20.085182959604353</c:v>
                </c:pt>
                <c:pt idx="2850">
                  <c:v>20.078456619395094</c:v>
                </c:pt>
                <c:pt idx="2851">
                  <c:v>20.054581659468482</c:v>
                </c:pt>
                <c:pt idx="2852">
                  <c:v>20.008943209487743</c:v>
                </c:pt>
                <c:pt idx="2853">
                  <c:v>19.96133427936708</c:v>
                </c:pt>
                <c:pt idx="2854">
                  <c:v>19.903784189903305</c:v>
                </c:pt>
                <c:pt idx="2855">
                  <c:v>19.853802583500784</c:v>
                </c:pt>
                <c:pt idx="2856">
                  <c:v>19.842242196872153</c:v>
                </c:pt>
                <c:pt idx="2857">
                  <c:v>19.827496169254509</c:v>
                </c:pt>
                <c:pt idx="2858">
                  <c:v>19.79524258808798</c:v>
                </c:pt>
                <c:pt idx="2859">
                  <c:v>19.786437615816755</c:v>
                </c:pt>
                <c:pt idx="2860">
                  <c:v>19.772046139331081</c:v>
                </c:pt>
                <c:pt idx="2861">
                  <c:v>19.763363298721252</c:v>
                </c:pt>
                <c:pt idx="2862">
                  <c:v>19.747943697590561</c:v>
                </c:pt>
                <c:pt idx="2863">
                  <c:v>19.753704990745703</c:v>
                </c:pt>
                <c:pt idx="2864">
                  <c:v>19.823318711894192</c:v>
                </c:pt>
                <c:pt idx="2865">
                  <c:v>19.902353576468826</c:v>
                </c:pt>
                <c:pt idx="2866">
                  <c:v>19.951295213273369</c:v>
                </c:pt>
                <c:pt idx="2867">
                  <c:v>20.043851387638753</c:v>
                </c:pt>
                <c:pt idx="2868">
                  <c:v>20.049043788071302</c:v>
                </c:pt>
                <c:pt idx="2869">
                  <c:v>20.002096257946729</c:v>
                </c:pt>
                <c:pt idx="2870">
                  <c:v>19.943052118875372</c:v>
                </c:pt>
                <c:pt idx="2871">
                  <c:v>19.892754042691845</c:v>
                </c:pt>
                <c:pt idx="2872">
                  <c:v>19.802457978320739</c:v>
                </c:pt>
                <c:pt idx="2873">
                  <c:v>19.706250095511272</c:v>
                </c:pt>
                <c:pt idx="2874">
                  <c:v>19.656560825050011</c:v>
                </c:pt>
                <c:pt idx="2875">
                  <c:v>19.644917279885583</c:v>
                </c:pt>
                <c:pt idx="2876">
                  <c:v>19.627747975884063</c:v>
                </c:pt>
                <c:pt idx="2877">
                  <c:v>19.636568789142068</c:v>
                </c:pt>
                <c:pt idx="2878">
                  <c:v>19.677525757278509</c:v>
                </c:pt>
                <c:pt idx="2879">
                  <c:v>19.699774639603671</c:v>
                </c:pt>
                <c:pt idx="2880">
                  <c:v>19.733329930726676</c:v>
                </c:pt>
                <c:pt idx="2881">
                  <c:v>19.671079289401781</c:v>
                </c:pt>
                <c:pt idx="2882">
                  <c:v>19.552730487001487</c:v>
                </c:pt>
                <c:pt idx="2883">
                  <c:v>19.531354285431973</c:v>
                </c:pt>
                <c:pt idx="2884">
                  <c:v>19.526300056158284</c:v>
                </c:pt>
                <c:pt idx="2885">
                  <c:v>19.474578151221426</c:v>
                </c:pt>
                <c:pt idx="2886">
                  <c:v>19.4240610122121</c:v>
                </c:pt>
                <c:pt idx="2887">
                  <c:v>19.4183087980308</c:v>
                </c:pt>
                <c:pt idx="2888">
                  <c:v>19.424662734804087</c:v>
                </c:pt>
                <c:pt idx="2889">
                  <c:v>19.423400648522772</c:v>
                </c:pt>
                <c:pt idx="2890">
                  <c:v>19.425070483096011</c:v>
                </c:pt>
                <c:pt idx="2891">
                  <c:v>19.469057390439854</c:v>
                </c:pt>
                <c:pt idx="2892">
                  <c:v>19.525748616544551</c:v>
                </c:pt>
                <c:pt idx="2893">
                  <c:v>19.553502384543641</c:v>
                </c:pt>
                <c:pt idx="2894">
                  <c:v>19.592564029503833</c:v>
                </c:pt>
                <c:pt idx="2895">
                  <c:v>19.622561331925713</c:v>
                </c:pt>
                <c:pt idx="2896">
                  <c:v>19.636938026150087</c:v>
                </c:pt>
                <c:pt idx="2897">
                  <c:v>19.652338845546872</c:v>
                </c:pt>
                <c:pt idx="2898">
                  <c:v>19.60533247380301</c:v>
                </c:pt>
                <c:pt idx="2899">
                  <c:v>19.570574118229448</c:v>
                </c:pt>
                <c:pt idx="2900">
                  <c:v>19.546231690174004</c:v>
                </c:pt>
                <c:pt idx="2901">
                  <c:v>19.554311096353345</c:v>
                </c:pt>
                <c:pt idx="2902">
                  <c:v>19.57607342231843</c:v>
                </c:pt>
                <c:pt idx="2903">
                  <c:v>19.56506514198114</c:v>
                </c:pt>
                <c:pt idx="2904">
                  <c:v>19.559754541186528</c:v>
                </c:pt>
                <c:pt idx="2905">
                  <c:v>19.608610479628169</c:v>
                </c:pt>
                <c:pt idx="2906">
                  <c:v>19.645377448216351</c:v>
                </c:pt>
                <c:pt idx="2907">
                  <c:v>19.67245485851733</c:v>
                </c:pt>
                <c:pt idx="2908">
                  <c:v>19.652353722612087</c:v>
                </c:pt>
                <c:pt idx="2909">
                  <c:v>19.554371849019461</c:v>
                </c:pt>
                <c:pt idx="2910">
                  <c:v>19.437459804698442</c:v>
                </c:pt>
                <c:pt idx="2911">
                  <c:v>19.301306691975402</c:v>
                </c:pt>
                <c:pt idx="2912">
                  <c:v>19.183959489397246</c:v>
                </c:pt>
                <c:pt idx="2913">
                  <c:v>19.14209965536115</c:v>
                </c:pt>
                <c:pt idx="2914">
                  <c:v>19.109033906456563</c:v>
                </c:pt>
                <c:pt idx="2915">
                  <c:v>19.038676191126829</c:v>
                </c:pt>
                <c:pt idx="2916">
                  <c:v>18.964241498137014</c:v>
                </c:pt>
                <c:pt idx="2917">
                  <c:v>18.910662902748033</c:v>
                </c:pt>
                <c:pt idx="2918">
                  <c:v>18.973758231788931</c:v>
                </c:pt>
                <c:pt idx="2919">
                  <c:v>18.894059632737857</c:v>
                </c:pt>
                <c:pt idx="2920">
                  <c:v>18.872052282404383</c:v>
                </c:pt>
                <c:pt idx="2921">
                  <c:v>18.862239985441281</c:v>
                </c:pt>
                <c:pt idx="2922">
                  <c:v>18.866270512543601</c:v>
                </c:pt>
                <c:pt idx="2923">
                  <c:v>18.788418983607841</c:v>
                </c:pt>
                <c:pt idx="2924">
                  <c:v>18.78565257190813</c:v>
                </c:pt>
                <c:pt idx="2925">
                  <c:v>18.877278483665208</c:v>
                </c:pt>
                <c:pt idx="2926">
                  <c:v>18.980850926380359</c:v>
                </c:pt>
                <c:pt idx="2927">
                  <c:v>19.026991796353869</c:v>
                </c:pt>
                <c:pt idx="2928">
                  <c:v>19.017329998601895</c:v>
                </c:pt>
                <c:pt idx="2929">
                  <c:v>18.959255735163815</c:v>
                </c:pt>
                <c:pt idx="2930">
                  <c:v>18.921781082154489</c:v>
                </c:pt>
                <c:pt idx="2931">
                  <c:v>18.932949470237766</c:v>
                </c:pt>
                <c:pt idx="2932">
                  <c:v>19.02827986059711</c:v>
                </c:pt>
                <c:pt idx="2933">
                  <c:v>19.125351181245836</c:v>
                </c:pt>
                <c:pt idx="2934">
                  <c:v>19.175521270780507</c:v>
                </c:pt>
                <c:pt idx="2935">
                  <c:v>19.242013268756459</c:v>
                </c:pt>
                <c:pt idx="2936">
                  <c:v>19.319292152881435</c:v>
                </c:pt>
                <c:pt idx="2937">
                  <c:v>19.355420774131215</c:v>
                </c:pt>
                <c:pt idx="2938">
                  <c:v>19.382482196953561</c:v>
                </c:pt>
                <c:pt idx="2939">
                  <c:v>19.482129828176141</c:v>
                </c:pt>
                <c:pt idx="2940">
                  <c:v>19.58094039587121</c:v>
                </c:pt>
                <c:pt idx="2941">
                  <c:v>19.627134436331744</c:v>
                </c:pt>
                <c:pt idx="2942">
                  <c:v>19.636601758981982</c:v>
                </c:pt>
                <c:pt idx="2943">
                  <c:v>19.667488343607822</c:v>
                </c:pt>
                <c:pt idx="2944">
                  <c:v>19.662851374950435</c:v>
                </c:pt>
                <c:pt idx="2945">
                  <c:v>19.616899733717052</c:v>
                </c:pt>
                <c:pt idx="2946">
                  <c:v>19.535390126752944</c:v>
                </c:pt>
                <c:pt idx="2947">
                  <c:v>19.467392373568963</c:v>
                </c:pt>
                <c:pt idx="2948">
                  <c:v>19.300624084206206</c:v>
                </c:pt>
                <c:pt idx="2949">
                  <c:v>19.187837654675711</c:v>
                </c:pt>
                <c:pt idx="2950">
                  <c:v>19.126160293866938</c:v>
                </c:pt>
                <c:pt idx="2951">
                  <c:v>19.060750762841398</c:v>
                </c:pt>
                <c:pt idx="2952">
                  <c:v>19.097719401641019</c:v>
                </c:pt>
                <c:pt idx="2953">
                  <c:v>19.186416959760585</c:v>
                </c:pt>
                <c:pt idx="2954">
                  <c:v>19.207382265563719</c:v>
                </c:pt>
                <c:pt idx="2955">
                  <c:v>19.227079560307349</c:v>
                </c:pt>
                <c:pt idx="2956">
                  <c:v>19.245515002061385</c:v>
                </c:pt>
                <c:pt idx="2957">
                  <c:v>19.32446727707341</c:v>
                </c:pt>
                <c:pt idx="2958">
                  <c:v>19.418456837492837</c:v>
                </c:pt>
                <c:pt idx="2959">
                  <c:v>19.467980123224677</c:v>
                </c:pt>
                <c:pt idx="2960">
                  <c:v>19.550190361332213</c:v>
                </c:pt>
                <c:pt idx="2961">
                  <c:v>19.616804419174457</c:v>
                </c:pt>
                <c:pt idx="2962">
                  <c:v>19.6303529422221</c:v>
                </c:pt>
                <c:pt idx="2963">
                  <c:v>19.639222866785971</c:v>
                </c:pt>
                <c:pt idx="2964">
                  <c:v>19.650256680458952</c:v>
                </c:pt>
                <c:pt idx="2965">
                  <c:v>19.623771942811867</c:v>
                </c:pt>
                <c:pt idx="2966">
                  <c:v>19.635055086357617</c:v>
                </c:pt>
                <c:pt idx="2967">
                  <c:v>19.642278274176608</c:v>
                </c:pt>
                <c:pt idx="2968">
                  <c:v>19.615238426850368</c:v>
                </c:pt>
                <c:pt idx="2969">
                  <c:v>19.581496097336974</c:v>
                </c:pt>
                <c:pt idx="2970">
                  <c:v>19.546245016429118</c:v>
                </c:pt>
                <c:pt idx="2971">
                  <c:v>19.565856659774145</c:v>
                </c:pt>
                <c:pt idx="2972">
                  <c:v>19.631299350808856</c:v>
                </c:pt>
                <c:pt idx="2973">
                  <c:v>19.663905549440209</c:v>
                </c:pt>
                <c:pt idx="2974">
                  <c:v>19.746342885975587</c:v>
                </c:pt>
                <c:pt idx="2975">
                  <c:v>19.865478190439223</c:v>
                </c:pt>
                <c:pt idx="2976">
                  <c:v>19.964135459665968</c:v>
                </c:pt>
                <c:pt idx="2977">
                  <c:v>20.050207184707148</c:v>
                </c:pt>
                <c:pt idx="2978">
                  <c:v>20.055177138667936</c:v>
                </c:pt>
                <c:pt idx="2979">
                  <c:v>20.059958274606689</c:v>
                </c:pt>
                <c:pt idx="2980">
                  <c:v>20.055486334517639</c:v>
                </c:pt>
                <c:pt idx="2981">
                  <c:v>19.996539031381744</c:v>
                </c:pt>
                <c:pt idx="2982">
                  <c:v>19.972038429375047</c:v>
                </c:pt>
                <c:pt idx="2983">
                  <c:v>19.936830973514059</c:v>
                </c:pt>
                <c:pt idx="2984">
                  <c:v>19.818741757322996</c:v>
                </c:pt>
                <c:pt idx="2985">
                  <c:v>19.692106629986021</c:v>
                </c:pt>
                <c:pt idx="2986">
                  <c:v>19.583458351243607</c:v>
                </c:pt>
                <c:pt idx="2987">
                  <c:v>19.492735693694033</c:v>
                </c:pt>
                <c:pt idx="2988">
                  <c:v>19.361348785864671</c:v>
                </c:pt>
                <c:pt idx="2989">
                  <c:v>19.25892334582457</c:v>
                </c:pt>
                <c:pt idx="2990">
                  <c:v>19.238340190370632</c:v>
                </c:pt>
                <c:pt idx="2991">
                  <c:v>19.187949256023707</c:v>
                </c:pt>
                <c:pt idx="2992">
                  <c:v>19.141297235967269</c:v>
                </c:pt>
                <c:pt idx="2993">
                  <c:v>19.155761464833468</c:v>
                </c:pt>
                <c:pt idx="2994">
                  <c:v>19.243094938658839</c:v>
                </c:pt>
                <c:pt idx="2995">
                  <c:v>19.336068322166625</c:v>
                </c:pt>
                <c:pt idx="2996">
                  <c:v>19.425996981412744</c:v>
                </c:pt>
                <c:pt idx="2997">
                  <c:v>19.495142350544079</c:v>
                </c:pt>
                <c:pt idx="2998">
                  <c:v>19.535447594906977</c:v>
                </c:pt>
                <c:pt idx="2999">
                  <c:v>19.564340874374906</c:v>
                </c:pt>
                <c:pt idx="3000">
                  <c:v>19.617543600028554</c:v>
                </c:pt>
                <c:pt idx="3001">
                  <c:v>19.608806728793091</c:v>
                </c:pt>
                <c:pt idx="3002">
                  <c:v>19.587545917857373</c:v>
                </c:pt>
                <c:pt idx="3003">
                  <c:v>19.552262672158026</c:v>
                </c:pt>
                <c:pt idx="3004">
                  <c:v>19.483111528225862</c:v>
                </c:pt>
                <c:pt idx="3005">
                  <c:v>19.383565984523546</c:v>
                </c:pt>
                <c:pt idx="3006">
                  <c:v>19.317546962697993</c:v>
                </c:pt>
                <c:pt idx="3007">
                  <c:v>19.247095153460176</c:v>
                </c:pt>
                <c:pt idx="3008">
                  <c:v>19.052854506309206</c:v>
                </c:pt>
                <c:pt idx="3009">
                  <c:v>18.733029576637264</c:v>
                </c:pt>
                <c:pt idx="3010">
                  <c:v>18.545119610095195</c:v>
                </c:pt>
                <c:pt idx="3011">
                  <c:v>18.531186278541782</c:v>
                </c:pt>
                <c:pt idx="3012">
                  <c:v>18.603934155990597</c:v>
                </c:pt>
                <c:pt idx="3013">
                  <c:v>18.594741302326128</c:v>
                </c:pt>
                <c:pt idx="3014">
                  <c:v>18.543823056376901</c:v>
                </c:pt>
                <c:pt idx="3015">
                  <c:v>18.475580744224128</c:v>
                </c:pt>
                <c:pt idx="3016">
                  <c:v>18.424649838190138</c:v>
                </c:pt>
                <c:pt idx="3017">
                  <c:v>18.377870407396845</c:v>
                </c:pt>
                <c:pt idx="3018">
                  <c:v>18.333371906863494</c:v>
                </c:pt>
                <c:pt idx="3019">
                  <c:v>18.326076776043713</c:v>
                </c:pt>
                <c:pt idx="3020">
                  <c:v>18.280334826322569</c:v>
                </c:pt>
                <c:pt idx="3021">
                  <c:v>18.190907629180721</c:v>
                </c:pt>
                <c:pt idx="3022">
                  <c:v>18.153328694548826</c:v>
                </c:pt>
                <c:pt idx="3023">
                  <c:v>18.076638046880749</c:v>
                </c:pt>
                <c:pt idx="3024">
                  <c:v>18.014087652489859</c:v>
                </c:pt>
                <c:pt idx="3025">
                  <c:v>17.912596210804942</c:v>
                </c:pt>
                <c:pt idx="3026">
                  <c:v>17.74830409021434</c:v>
                </c:pt>
                <c:pt idx="3027">
                  <c:v>17.700839670430643</c:v>
                </c:pt>
                <c:pt idx="3028">
                  <c:v>17.707852942426708</c:v>
                </c:pt>
                <c:pt idx="3029">
                  <c:v>17.723299717947135</c:v>
                </c:pt>
                <c:pt idx="3030">
                  <c:v>17.735672703906108</c:v>
                </c:pt>
                <c:pt idx="3031">
                  <c:v>17.704862247854596</c:v>
                </c:pt>
                <c:pt idx="3032">
                  <c:v>17.709030534715964</c:v>
                </c:pt>
                <c:pt idx="3033">
                  <c:v>17.703069149562744</c:v>
                </c:pt>
                <c:pt idx="3034">
                  <c:v>17.728325680298063</c:v>
                </c:pt>
                <c:pt idx="3035">
                  <c:v>17.674133687508945</c:v>
                </c:pt>
                <c:pt idx="3036">
                  <c:v>17.624749284088907</c:v>
                </c:pt>
                <c:pt idx="3037">
                  <c:v>17.649262408575787</c:v>
                </c:pt>
                <c:pt idx="3038">
                  <c:v>17.716341274495729</c:v>
                </c:pt>
                <c:pt idx="3039">
                  <c:v>17.765338657774425</c:v>
                </c:pt>
                <c:pt idx="3040">
                  <c:v>17.800274323292406</c:v>
                </c:pt>
                <c:pt idx="3041">
                  <c:v>17.819423087132911</c:v>
                </c:pt>
                <c:pt idx="3042">
                  <c:v>17.792935822411383</c:v>
                </c:pt>
                <c:pt idx="3043">
                  <c:v>17.770010721146715</c:v>
                </c:pt>
                <c:pt idx="3044">
                  <c:v>17.732821076301381</c:v>
                </c:pt>
                <c:pt idx="3045">
                  <c:v>17.701084978165689</c:v>
                </c:pt>
                <c:pt idx="3046">
                  <c:v>17.744150016833007</c:v>
                </c:pt>
                <c:pt idx="3047">
                  <c:v>17.789195091003368</c:v>
                </c:pt>
                <c:pt idx="3048">
                  <c:v>17.82874034131741</c:v>
                </c:pt>
                <c:pt idx="3049">
                  <c:v>17.817096803100576</c:v>
                </c:pt>
                <c:pt idx="3050">
                  <c:v>17.864698564131679</c:v>
                </c:pt>
                <c:pt idx="3051">
                  <c:v>17.880134997745348</c:v>
                </c:pt>
                <c:pt idx="3052">
                  <c:v>17.882360450530204</c:v>
                </c:pt>
                <c:pt idx="3053">
                  <c:v>17.86509041945633</c:v>
                </c:pt>
                <c:pt idx="3054">
                  <c:v>17.875241665020955</c:v>
                </c:pt>
                <c:pt idx="3055">
                  <c:v>17.901781998581235</c:v>
                </c:pt>
                <c:pt idx="3056">
                  <c:v>17.895431379731285</c:v>
                </c:pt>
                <c:pt idx="3057">
                  <c:v>17.883903900397296</c:v>
                </c:pt>
                <c:pt idx="3058">
                  <c:v>17.914356540675254</c:v>
                </c:pt>
                <c:pt idx="3059">
                  <c:v>18.000183204387646</c:v>
                </c:pt>
                <c:pt idx="3060">
                  <c:v>18.118060438479333</c:v>
                </c:pt>
                <c:pt idx="3061">
                  <c:v>18.196167998090729</c:v>
                </c:pt>
                <c:pt idx="3062">
                  <c:v>18.16363640824266</c:v>
                </c:pt>
                <c:pt idx="3063">
                  <c:v>18.2347224163844</c:v>
                </c:pt>
                <c:pt idx="3064">
                  <c:v>18.323446950846996</c:v>
                </c:pt>
                <c:pt idx="3065">
                  <c:v>18.386579797275971</c:v>
                </c:pt>
                <c:pt idx="3066">
                  <c:v>18.526887532566416</c:v>
                </c:pt>
                <c:pt idx="3067">
                  <c:v>18.660633076303558</c:v>
                </c:pt>
                <c:pt idx="3068">
                  <c:v>18.680614202692986</c:v>
                </c:pt>
                <c:pt idx="3069">
                  <c:v>18.697512318544376</c:v>
                </c:pt>
                <c:pt idx="3070">
                  <c:v>18.644479499379639</c:v>
                </c:pt>
                <c:pt idx="3071">
                  <c:v>18.519265177596264</c:v>
                </c:pt>
                <c:pt idx="3072">
                  <c:v>18.421775429955073</c:v>
                </c:pt>
                <c:pt idx="3073">
                  <c:v>18.352967910713872</c:v>
                </c:pt>
                <c:pt idx="3074">
                  <c:v>18.307632123179328</c:v>
                </c:pt>
                <c:pt idx="3075">
                  <c:v>18.245605880277466</c:v>
                </c:pt>
                <c:pt idx="3076">
                  <c:v>18.260381418343663</c:v>
                </c:pt>
                <c:pt idx="3077">
                  <c:v>18.294699768588302</c:v>
                </c:pt>
                <c:pt idx="3078">
                  <c:v>18.406256474536843</c:v>
                </c:pt>
                <c:pt idx="3079">
                  <c:v>18.559303411081224</c:v>
                </c:pt>
                <c:pt idx="3080">
                  <c:v>18.687345640264333</c:v>
                </c:pt>
                <c:pt idx="3081">
                  <c:v>18.766454562808292</c:v>
                </c:pt>
                <c:pt idx="3082">
                  <c:v>18.792179817225904</c:v>
                </c:pt>
                <c:pt idx="3083">
                  <c:v>18.82746252560877</c:v>
                </c:pt>
                <c:pt idx="3084">
                  <c:v>18.81552208637428</c:v>
                </c:pt>
                <c:pt idx="3085">
                  <c:v>18.831434316213201</c:v>
                </c:pt>
                <c:pt idx="3086">
                  <c:v>18.838061046693934</c:v>
                </c:pt>
                <c:pt idx="3087">
                  <c:v>18.855089058526055</c:v>
                </c:pt>
                <c:pt idx="3088">
                  <c:v>18.806381098857727</c:v>
                </c:pt>
                <c:pt idx="3089">
                  <c:v>18.720710289387952</c:v>
                </c:pt>
                <c:pt idx="3090">
                  <c:v>18.605770621379619</c:v>
                </c:pt>
                <c:pt idx="3091">
                  <c:v>18.493009421021064</c:v>
                </c:pt>
                <c:pt idx="3092">
                  <c:v>18.421911280866535</c:v>
                </c:pt>
                <c:pt idx="3093">
                  <c:v>18.387437778143113</c:v>
                </c:pt>
                <c:pt idx="3094">
                  <c:v>18.359951035605519</c:v>
                </c:pt>
                <c:pt idx="3095">
                  <c:v>18.217835461542787</c:v>
                </c:pt>
                <c:pt idx="3096">
                  <c:v>18.155366922648955</c:v>
                </c:pt>
                <c:pt idx="3097">
                  <c:v>18.005182799336829</c:v>
                </c:pt>
                <c:pt idx="3098">
                  <c:v>17.918163379059081</c:v>
                </c:pt>
                <c:pt idx="3099">
                  <c:v>17.77636012814007</c:v>
                </c:pt>
                <c:pt idx="3100">
                  <c:v>17.699010545728875</c:v>
                </c:pt>
                <c:pt idx="3101">
                  <c:v>17.684743578134501</c:v>
                </c:pt>
                <c:pt idx="3102">
                  <c:v>17.657815080320511</c:v>
                </c:pt>
                <c:pt idx="3103">
                  <c:v>17.631707909634965</c:v>
                </c:pt>
                <c:pt idx="3104">
                  <c:v>17.627411209595941</c:v>
                </c:pt>
                <c:pt idx="3105">
                  <c:v>17.683175882261857</c:v>
                </c:pt>
                <c:pt idx="3106">
                  <c:v>17.744591277316847</c:v>
                </c:pt>
                <c:pt idx="3107">
                  <c:v>17.783093316463486</c:v>
                </c:pt>
                <c:pt idx="3108">
                  <c:v>17.769830977767054</c:v>
                </c:pt>
                <c:pt idx="3109">
                  <c:v>17.780478154808776</c:v>
                </c:pt>
                <c:pt idx="3110">
                  <c:v>17.803005600580356</c:v>
                </c:pt>
                <c:pt idx="3111">
                  <c:v>17.812182767163645</c:v>
                </c:pt>
                <c:pt idx="3112">
                  <c:v>17.842359669181345</c:v>
                </c:pt>
                <c:pt idx="3113">
                  <c:v>17.849064942603245</c:v>
                </c:pt>
                <c:pt idx="3114">
                  <c:v>17.906012434015032</c:v>
                </c:pt>
                <c:pt idx="3115">
                  <c:v>17.966001431904463</c:v>
                </c:pt>
                <c:pt idx="3116">
                  <c:v>18.086828055781577</c:v>
                </c:pt>
                <c:pt idx="3117">
                  <c:v>18.13729216978146</c:v>
                </c:pt>
                <c:pt idx="3118">
                  <c:v>18.188530593191498</c:v>
                </c:pt>
                <c:pt idx="3119">
                  <c:v>18.266532843638981</c:v>
                </c:pt>
                <c:pt idx="3120">
                  <c:v>18.311789421858784</c:v>
                </c:pt>
                <c:pt idx="3121">
                  <c:v>18.331698973768624</c:v>
                </c:pt>
                <c:pt idx="3122">
                  <c:v>18.346196313744638</c:v>
                </c:pt>
                <c:pt idx="3123">
                  <c:v>18.341143855192293</c:v>
                </c:pt>
                <c:pt idx="3124">
                  <c:v>18.347211501873865</c:v>
                </c:pt>
                <c:pt idx="3125">
                  <c:v>18.30918748310129</c:v>
                </c:pt>
                <c:pt idx="3126">
                  <c:v>18.266652550887606</c:v>
                </c:pt>
                <c:pt idx="3127">
                  <c:v>18.304110257737186</c:v>
                </c:pt>
                <c:pt idx="3128">
                  <c:v>18.372119397115277</c:v>
                </c:pt>
                <c:pt idx="3129">
                  <c:v>18.473797057195405</c:v>
                </c:pt>
                <c:pt idx="3130">
                  <c:v>18.533096802117463</c:v>
                </c:pt>
                <c:pt idx="3131">
                  <c:v>18.546620824750356</c:v>
                </c:pt>
                <c:pt idx="3132">
                  <c:v>18.636405653998466</c:v>
                </c:pt>
                <c:pt idx="3133">
                  <c:v>18.772380085713827</c:v>
                </c:pt>
                <c:pt idx="3134">
                  <c:v>18.875959083967302</c:v>
                </c:pt>
                <c:pt idx="3135">
                  <c:v>18.905099900215305</c:v>
                </c:pt>
                <c:pt idx="3136">
                  <c:v>18.830878135414842</c:v>
                </c:pt>
                <c:pt idx="3137">
                  <c:v>18.937789340796314</c:v>
                </c:pt>
                <c:pt idx="3138">
                  <c:v>18.970986408017332</c:v>
                </c:pt>
                <c:pt idx="3139">
                  <c:v>19.011282506472277</c:v>
                </c:pt>
                <c:pt idx="3140">
                  <c:v>19.061288987375434</c:v>
                </c:pt>
                <c:pt idx="3141">
                  <c:v>19.077957821214305</c:v>
                </c:pt>
                <c:pt idx="3142">
                  <c:v>19.09485825793907</c:v>
                </c:pt>
                <c:pt idx="3143">
                  <c:v>19.108503040793352</c:v>
                </c:pt>
                <c:pt idx="3144">
                  <c:v>18.991577793910945</c:v>
                </c:pt>
                <c:pt idx="3145">
                  <c:v>18.794768914751113</c:v>
                </c:pt>
                <c:pt idx="3146">
                  <c:v>18.713004168863037</c:v>
                </c:pt>
                <c:pt idx="3147">
                  <c:v>18.607829991488888</c:v>
                </c:pt>
                <c:pt idx="3148">
                  <c:v>18.565510846774117</c:v>
                </c:pt>
                <c:pt idx="3149">
                  <c:v>18.533661349491794</c:v>
                </c:pt>
                <c:pt idx="3150">
                  <c:v>18.574182763693642</c:v>
                </c:pt>
                <c:pt idx="3151">
                  <c:v>18.724001339784344</c:v>
                </c:pt>
                <c:pt idx="3152">
                  <c:v>18.81945524900636</c:v>
                </c:pt>
                <c:pt idx="3153">
                  <c:v>18.842126864416844</c:v>
                </c:pt>
                <c:pt idx="3154">
                  <c:v>18.810830858899848</c:v>
                </c:pt>
                <c:pt idx="3155">
                  <c:v>18.757238293240974</c:v>
                </c:pt>
                <c:pt idx="3156">
                  <c:v>18.77982061894647</c:v>
                </c:pt>
                <c:pt idx="3157">
                  <c:v>18.777125103706091</c:v>
                </c:pt>
                <c:pt idx="3158">
                  <c:v>18.788465579434181</c:v>
                </c:pt>
                <c:pt idx="3159">
                  <c:v>18.786073825801321</c:v>
                </c:pt>
                <c:pt idx="3160">
                  <c:v>18.895168898558495</c:v>
                </c:pt>
                <c:pt idx="3161">
                  <c:v>18.990147190505784</c:v>
                </c:pt>
                <c:pt idx="3162">
                  <c:v>19.09601135125201</c:v>
                </c:pt>
                <c:pt idx="3163">
                  <c:v>19.131760171072358</c:v>
                </c:pt>
                <c:pt idx="3164">
                  <c:v>19.180631450532228</c:v>
                </c:pt>
                <c:pt idx="3165">
                  <c:v>19.241827249385469</c:v>
                </c:pt>
                <c:pt idx="3166">
                  <c:v>19.254688007702882</c:v>
                </c:pt>
                <c:pt idx="3167">
                  <c:v>19.311454985154889</c:v>
                </c:pt>
                <c:pt idx="3168">
                  <c:v>19.305321456534038</c:v>
                </c:pt>
                <c:pt idx="3169">
                  <c:v>19.296869483236748</c:v>
                </c:pt>
                <c:pt idx="3170">
                  <c:v>19.296176251048902</c:v>
                </c:pt>
                <c:pt idx="3171">
                  <c:v>19.303361233756821</c:v>
                </c:pt>
                <c:pt idx="3172">
                  <c:v>19.240120443954986</c:v>
                </c:pt>
                <c:pt idx="3173">
                  <c:v>19.103928087684675</c:v>
                </c:pt>
                <c:pt idx="3174">
                  <c:v>19.032747797745206</c:v>
                </c:pt>
                <c:pt idx="3175">
                  <c:v>18.961254867561721</c:v>
                </c:pt>
                <c:pt idx="3176">
                  <c:v>18.909613774063608</c:v>
                </c:pt>
                <c:pt idx="3177">
                  <c:v>18.802817928315122</c:v>
                </c:pt>
                <c:pt idx="3178">
                  <c:v>18.836619338172884</c:v>
                </c:pt>
                <c:pt idx="3179">
                  <c:v>18.937160882990515</c:v>
                </c:pt>
                <c:pt idx="3180">
                  <c:v>19.000164650846735</c:v>
                </c:pt>
                <c:pt idx="3181">
                  <c:v>19.045981639059526</c:v>
                </c:pt>
                <c:pt idx="3182">
                  <c:v>19.081235802412127</c:v>
                </c:pt>
                <c:pt idx="3183">
                  <c:v>19.234232771448443</c:v>
                </c:pt>
                <c:pt idx="3184">
                  <c:v>19.234944488994195</c:v>
                </c:pt>
                <c:pt idx="3185">
                  <c:v>19.207295265012529</c:v>
                </c:pt>
                <c:pt idx="3186">
                  <c:v>19.232866732239206</c:v>
                </c:pt>
                <c:pt idx="3187">
                  <c:v>19.263077265419227</c:v>
                </c:pt>
                <c:pt idx="3188">
                  <c:v>19.295873055905524</c:v>
                </c:pt>
                <c:pt idx="3189">
                  <c:v>19.352101112736491</c:v>
                </c:pt>
                <c:pt idx="3190">
                  <c:v>19.435662026430258</c:v>
                </c:pt>
                <c:pt idx="3191">
                  <c:v>19.485010936529754</c:v>
                </c:pt>
                <c:pt idx="3192">
                  <c:v>19.520380856050462</c:v>
                </c:pt>
                <c:pt idx="3193">
                  <c:v>19.527556159777362</c:v>
                </c:pt>
                <c:pt idx="3194">
                  <c:v>19.497636312795596</c:v>
                </c:pt>
                <c:pt idx="3195">
                  <c:v>19.473852391221115</c:v>
                </c:pt>
                <c:pt idx="3196">
                  <c:v>19.427017742055082</c:v>
                </c:pt>
                <c:pt idx="3197">
                  <c:v>19.376666008974865</c:v>
                </c:pt>
                <c:pt idx="3198">
                  <c:v>19.295365773996728</c:v>
                </c:pt>
                <c:pt idx="3199">
                  <c:v>19.196730157360872</c:v>
                </c:pt>
                <c:pt idx="3200">
                  <c:v>19.145959087250148</c:v>
                </c:pt>
                <c:pt idx="3201">
                  <c:v>19.086781298277437</c:v>
                </c:pt>
                <c:pt idx="3202">
                  <c:v>19.04073114685497</c:v>
                </c:pt>
                <c:pt idx="3203">
                  <c:v>18.857788956507619</c:v>
                </c:pt>
                <c:pt idx="3204">
                  <c:v>18.688617388486335</c:v>
                </c:pt>
                <c:pt idx="3205">
                  <c:v>18.581393817578537</c:v>
                </c:pt>
                <c:pt idx="3206">
                  <c:v>18.541772907590655</c:v>
                </c:pt>
                <c:pt idx="3207">
                  <c:v>18.478076413043521</c:v>
                </c:pt>
                <c:pt idx="3208">
                  <c:v>18.412232031907536</c:v>
                </c:pt>
                <c:pt idx="3209">
                  <c:v>18.353070588633052</c:v>
                </c:pt>
                <c:pt idx="3210">
                  <c:v>18.285483272859324</c:v>
                </c:pt>
                <c:pt idx="3211">
                  <c:v>18.177143649155351</c:v>
                </c:pt>
                <c:pt idx="3212">
                  <c:v>18.272960130506192</c:v>
                </c:pt>
                <c:pt idx="3213">
                  <c:v>18.401397180378169</c:v>
                </c:pt>
                <c:pt idx="3214">
                  <c:v>18.513356256583521</c:v>
                </c:pt>
                <c:pt idx="3215">
                  <c:v>18.576101525193845</c:v>
                </c:pt>
                <c:pt idx="3216">
                  <c:v>18.55086119270252</c:v>
                </c:pt>
                <c:pt idx="3217">
                  <c:v>18.444394336956702</c:v>
                </c:pt>
                <c:pt idx="3218">
                  <c:v>18.543619894951636</c:v>
                </c:pt>
                <c:pt idx="3219">
                  <c:v>18.606239701083474</c:v>
                </c:pt>
                <c:pt idx="3220">
                  <c:v>18.629361126681975</c:v>
                </c:pt>
                <c:pt idx="3221">
                  <c:v>18.674591616055423</c:v>
                </c:pt>
                <c:pt idx="3222">
                  <c:v>18.703014798588285</c:v>
                </c:pt>
                <c:pt idx="3223">
                  <c:v>18.71890616178376</c:v>
                </c:pt>
                <c:pt idx="3224">
                  <c:v>18.710987363086517</c:v>
                </c:pt>
                <c:pt idx="3225">
                  <c:v>18.752286380015821</c:v>
                </c:pt>
                <c:pt idx="3226">
                  <c:v>18.762976258205633</c:v>
                </c:pt>
                <c:pt idx="3227">
                  <c:v>18.634432920635145</c:v>
                </c:pt>
                <c:pt idx="3228">
                  <c:v>18.604134258305155</c:v>
                </c:pt>
                <c:pt idx="3229">
                  <c:v>18.61525358880014</c:v>
                </c:pt>
                <c:pt idx="3230">
                  <c:v>18.602663283844251</c:v>
                </c:pt>
                <c:pt idx="3231">
                  <c:v>18.509475931236626</c:v>
                </c:pt>
                <c:pt idx="3232">
                  <c:v>18.474342021653086</c:v>
                </c:pt>
                <c:pt idx="3233">
                  <c:v>18.41343931966513</c:v>
                </c:pt>
                <c:pt idx="3234">
                  <c:v>18.327863962923313</c:v>
                </c:pt>
                <c:pt idx="3235">
                  <c:v>18.296810611120399</c:v>
                </c:pt>
                <c:pt idx="3236">
                  <c:v>18.192212379428423</c:v>
                </c:pt>
                <c:pt idx="3237">
                  <c:v>18.086256184206626</c:v>
                </c:pt>
                <c:pt idx="3238">
                  <c:v>18.029870472623966</c:v>
                </c:pt>
                <c:pt idx="3239">
                  <c:v>17.924725201150302</c:v>
                </c:pt>
                <c:pt idx="3240">
                  <c:v>17.891441631746407</c:v>
                </c:pt>
                <c:pt idx="3241">
                  <c:v>17.984634025237035</c:v>
                </c:pt>
                <c:pt idx="3242">
                  <c:v>18.133922329506365</c:v>
                </c:pt>
                <c:pt idx="3243">
                  <c:v>18.233412751345341</c:v>
                </c:pt>
                <c:pt idx="3244">
                  <c:v>18.333181136421928</c:v>
                </c:pt>
                <c:pt idx="3245">
                  <c:v>18.370279127874788</c:v>
                </c:pt>
                <c:pt idx="3246">
                  <c:v>18.291753761243918</c:v>
                </c:pt>
                <c:pt idx="3247">
                  <c:v>18.270682562034104</c:v>
                </c:pt>
                <c:pt idx="3248">
                  <c:v>18.229785507737901</c:v>
                </c:pt>
                <c:pt idx="3249">
                  <c:v>18.244902595219784</c:v>
                </c:pt>
                <c:pt idx="3250">
                  <c:v>18.274765894848418</c:v>
                </c:pt>
                <c:pt idx="3251">
                  <c:v>18.279186557211613</c:v>
                </c:pt>
                <c:pt idx="3252">
                  <c:v>18.330692736558735</c:v>
                </c:pt>
                <c:pt idx="3253">
                  <c:v>18.318786880014535</c:v>
                </c:pt>
                <c:pt idx="3254">
                  <c:v>18.399256833046888</c:v>
                </c:pt>
                <c:pt idx="3255">
                  <c:v>18.473943493418471</c:v>
                </c:pt>
                <c:pt idx="3256">
                  <c:v>18.579269208778758</c:v>
                </c:pt>
                <c:pt idx="3257">
                  <c:v>18.690686033136448</c:v>
                </c:pt>
                <c:pt idx="3258">
                  <c:v>18.792578987047371</c:v>
                </c:pt>
                <c:pt idx="3259">
                  <c:v>18.83163495239981</c:v>
                </c:pt>
                <c:pt idx="3260">
                  <c:v>18.825200307514557</c:v>
                </c:pt>
                <c:pt idx="3261">
                  <c:v>18.848752714619334</c:v>
                </c:pt>
                <c:pt idx="3262">
                  <c:v>18.788820418454826</c:v>
                </c:pt>
                <c:pt idx="3263">
                  <c:v>18.8890618780529</c:v>
                </c:pt>
                <c:pt idx="3264">
                  <c:v>18.919150641320574</c:v>
                </c:pt>
                <c:pt idx="3265">
                  <c:v>18.862633603471895</c:v>
                </c:pt>
                <c:pt idx="3266">
                  <c:v>18.801820907543998</c:v>
                </c:pt>
                <c:pt idx="3267">
                  <c:v>18.889821524858988</c:v>
                </c:pt>
                <c:pt idx="3268">
                  <c:v>18.985634372887663</c:v>
                </c:pt>
                <c:pt idx="3269">
                  <c:v>19.051464631907567</c:v>
                </c:pt>
                <c:pt idx="3270">
                  <c:v>19.149297309313972</c:v>
                </c:pt>
                <c:pt idx="3271">
                  <c:v>19.227801190561213</c:v>
                </c:pt>
                <c:pt idx="3272">
                  <c:v>19.30191837244594</c:v>
                </c:pt>
                <c:pt idx="3273">
                  <c:v>19.372456415455385</c:v>
                </c:pt>
                <c:pt idx="3274">
                  <c:v>19.483421458437562</c:v>
                </c:pt>
                <c:pt idx="3275">
                  <c:v>19.611106999242192</c:v>
                </c:pt>
                <c:pt idx="3276">
                  <c:v>19.703701430305507</c:v>
                </c:pt>
                <c:pt idx="3277">
                  <c:v>19.792358382828318</c:v>
                </c:pt>
                <c:pt idx="3278">
                  <c:v>19.877556706902961</c:v>
                </c:pt>
                <c:pt idx="3279">
                  <c:v>19.923121788227181</c:v>
                </c:pt>
                <c:pt idx="3280">
                  <c:v>19.96847745476687</c:v>
                </c:pt>
                <c:pt idx="3281">
                  <c:v>20.006906352400698</c:v>
                </c:pt>
                <c:pt idx="3282">
                  <c:v>20.051072164959791</c:v>
                </c:pt>
                <c:pt idx="3283">
                  <c:v>20.054949926477157</c:v>
                </c:pt>
                <c:pt idx="3284">
                  <c:v>19.962521932823876</c:v>
                </c:pt>
                <c:pt idx="3285">
                  <c:v>19.862569623507689</c:v>
                </c:pt>
                <c:pt idx="3286">
                  <c:v>19.819039086071406</c:v>
                </c:pt>
                <c:pt idx="3287">
                  <c:v>19.814745703731376</c:v>
                </c:pt>
                <c:pt idx="3288">
                  <c:v>19.846998786384244</c:v>
                </c:pt>
                <c:pt idx="3289">
                  <c:v>19.8159671819514</c:v>
                </c:pt>
                <c:pt idx="3290">
                  <c:v>19.811627248194693</c:v>
                </c:pt>
                <c:pt idx="3291">
                  <c:v>19.938295472763954</c:v>
                </c:pt>
                <c:pt idx="3292">
                  <c:v>20.033519836229328</c:v>
                </c:pt>
                <c:pt idx="3293">
                  <c:v>20.06594855162362</c:v>
                </c:pt>
                <c:pt idx="3294">
                  <c:v>20.030853563791389</c:v>
                </c:pt>
                <c:pt idx="3295">
                  <c:v>20.03009451372451</c:v>
                </c:pt>
                <c:pt idx="3296">
                  <c:v>20.032340411677268</c:v>
                </c:pt>
                <c:pt idx="3297">
                  <c:v>20.019363845775111</c:v>
                </c:pt>
                <c:pt idx="3298">
                  <c:v>20.031132292661937</c:v>
                </c:pt>
                <c:pt idx="3299">
                  <c:v>20.146184084885075</c:v>
                </c:pt>
                <c:pt idx="3300">
                  <c:v>20.266519393353221</c:v>
                </c:pt>
                <c:pt idx="3301">
                  <c:v>20.292677531936036</c:v>
                </c:pt>
                <c:pt idx="3302">
                  <c:v>20.26112838615958</c:v>
                </c:pt>
                <c:pt idx="3303">
                  <c:v>20.314169922117685</c:v>
                </c:pt>
                <c:pt idx="3304">
                  <c:v>20.314529337803574</c:v>
                </c:pt>
                <c:pt idx="3305">
                  <c:v>20.314954684433474</c:v>
                </c:pt>
                <c:pt idx="3306">
                  <c:v>20.347304202873833</c:v>
                </c:pt>
                <c:pt idx="3307">
                  <c:v>20.363294662798744</c:v>
                </c:pt>
                <c:pt idx="3308">
                  <c:v>20.341177609092007</c:v>
                </c:pt>
                <c:pt idx="3309">
                  <c:v>20.331460521607397</c:v>
                </c:pt>
                <c:pt idx="3310">
                  <c:v>20.276230236504098</c:v>
                </c:pt>
                <c:pt idx="3311">
                  <c:v>20.260231903914168</c:v>
                </c:pt>
                <c:pt idx="3312">
                  <c:v>20.250184188632634</c:v>
                </c:pt>
                <c:pt idx="3313">
                  <c:v>20.24163668774364</c:v>
                </c:pt>
                <c:pt idx="3314">
                  <c:v>20.189829155798623</c:v>
                </c:pt>
                <c:pt idx="3315">
                  <c:v>20.140146950991795</c:v>
                </c:pt>
                <c:pt idx="3316">
                  <c:v>20.11439735502465</c:v>
                </c:pt>
                <c:pt idx="3317">
                  <c:v>20.071417422354894</c:v>
                </c:pt>
                <c:pt idx="3318">
                  <c:v>19.93627221006442</c:v>
                </c:pt>
                <c:pt idx="3319">
                  <c:v>19.811328616429119</c:v>
                </c:pt>
                <c:pt idx="3320">
                  <c:v>19.72452829967564</c:v>
                </c:pt>
                <c:pt idx="3321">
                  <c:v>19.607611361726999</c:v>
                </c:pt>
                <c:pt idx="3322">
                  <c:v>19.457697839608496</c:v>
                </c:pt>
                <c:pt idx="3323">
                  <c:v>19.409057234990311</c:v>
                </c:pt>
                <c:pt idx="3324">
                  <c:v>19.385568646388947</c:v>
                </c:pt>
                <c:pt idx="3325">
                  <c:v>19.402040102497491</c:v>
                </c:pt>
                <c:pt idx="3326">
                  <c:v>19.424067615124915</c:v>
                </c:pt>
                <c:pt idx="3327">
                  <c:v>19.402279181803465</c:v>
                </c:pt>
                <c:pt idx="3328">
                  <c:v>19.371959895303231</c:v>
                </c:pt>
                <c:pt idx="3329">
                  <c:v>19.325755826410543</c:v>
                </c:pt>
                <c:pt idx="3330">
                  <c:v>19.177470004333173</c:v>
                </c:pt>
                <c:pt idx="3331">
                  <c:v>19.104772433399148</c:v>
                </c:pt>
                <c:pt idx="3332">
                  <c:v>19.092367063359823</c:v>
                </c:pt>
                <c:pt idx="3333">
                  <c:v>19.04831660239121</c:v>
                </c:pt>
                <c:pt idx="3334">
                  <c:v>18.972147106962094</c:v>
                </c:pt>
                <c:pt idx="3335">
                  <c:v>18.911130214460108</c:v>
                </c:pt>
                <c:pt idx="3336">
                  <c:v>18.753425521269939</c:v>
                </c:pt>
                <c:pt idx="3337">
                  <c:v>18.770401977558674</c:v>
                </c:pt>
                <c:pt idx="3338">
                  <c:v>18.776285989273639</c:v>
                </c:pt>
                <c:pt idx="3339">
                  <c:v>18.81979820699344</c:v>
                </c:pt>
                <c:pt idx="3340">
                  <c:v>18.90102849505389</c:v>
                </c:pt>
                <c:pt idx="3341">
                  <c:v>18.917312578354345</c:v>
                </c:pt>
                <c:pt idx="3342">
                  <c:v>19.039095977579336</c:v>
                </c:pt>
                <c:pt idx="3343">
                  <c:v>19.176901197171041</c:v>
                </c:pt>
                <c:pt idx="3344">
                  <c:v>19.197567312278203</c:v>
                </c:pt>
                <c:pt idx="3345">
                  <c:v>19.30145629636058</c:v>
                </c:pt>
                <c:pt idx="3346">
                  <c:v>19.37497615899926</c:v>
                </c:pt>
                <c:pt idx="3347">
                  <c:v>19.353707635699003</c:v>
                </c:pt>
                <c:pt idx="3348">
                  <c:v>19.316418769669401</c:v>
                </c:pt>
                <c:pt idx="3349">
                  <c:v>19.359484266557367</c:v>
                </c:pt>
                <c:pt idx="3350">
                  <c:v>19.461267180037076</c:v>
                </c:pt>
                <c:pt idx="3351">
                  <c:v>19.476523893770228</c:v>
                </c:pt>
                <c:pt idx="3352">
                  <c:v>19.445537837548859</c:v>
                </c:pt>
                <c:pt idx="3353">
                  <c:v>19.420688977377015</c:v>
                </c:pt>
                <c:pt idx="3354">
                  <c:v>19.281360349170505</c:v>
                </c:pt>
                <c:pt idx="3355">
                  <c:v>19.040822811087846</c:v>
                </c:pt>
                <c:pt idx="3356">
                  <c:v>18.898741760907868</c:v>
                </c:pt>
                <c:pt idx="3357">
                  <c:v>18.912804113751207</c:v>
                </c:pt>
                <c:pt idx="3358">
                  <c:v>18.845777698032784</c:v>
                </c:pt>
                <c:pt idx="3359">
                  <c:v>18.849075062231194</c:v>
                </c:pt>
                <c:pt idx="3360">
                  <c:v>18.897740123367104</c:v>
                </c:pt>
                <c:pt idx="3361">
                  <c:v>18.931544342633163</c:v>
                </c:pt>
                <c:pt idx="3362">
                  <c:v>18.977256771098876</c:v>
                </c:pt>
                <c:pt idx="3363">
                  <c:v>19.014688685155189</c:v>
                </c:pt>
                <c:pt idx="3364">
                  <c:v>19.053093147886219</c:v>
                </c:pt>
                <c:pt idx="3365">
                  <c:v>19.125777670608354</c:v>
                </c:pt>
                <c:pt idx="3366">
                  <c:v>19.159961088175042</c:v>
                </c:pt>
                <c:pt idx="3367">
                  <c:v>19.183189245562712</c:v>
                </c:pt>
                <c:pt idx="3368">
                  <c:v>19.176766653608297</c:v>
                </c:pt>
                <c:pt idx="3369">
                  <c:v>19.135391373923746</c:v>
                </c:pt>
                <c:pt idx="3370">
                  <c:v>19.150732733829962</c:v>
                </c:pt>
                <c:pt idx="3371">
                  <c:v>19.182579772750646</c:v>
                </c:pt>
                <c:pt idx="3372">
                  <c:v>19.253987906053975</c:v>
                </c:pt>
                <c:pt idx="3373">
                  <c:v>19.275186294669908</c:v>
                </c:pt>
                <c:pt idx="3374">
                  <c:v>19.244121451327185</c:v>
                </c:pt>
                <c:pt idx="3375">
                  <c:v>19.213144520994877</c:v>
                </c:pt>
                <c:pt idx="3376">
                  <c:v>19.228184205818756</c:v>
                </c:pt>
                <c:pt idx="3377">
                  <c:v>19.267724048142931</c:v>
                </c:pt>
                <c:pt idx="3378">
                  <c:v>19.292351960621087</c:v>
                </c:pt>
                <c:pt idx="3379">
                  <c:v>19.240790227163345</c:v>
                </c:pt>
                <c:pt idx="3380">
                  <c:v>19.231629182807083</c:v>
                </c:pt>
                <c:pt idx="3381">
                  <c:v>19.251857936380784</c:v>
                </c:pt>
                <c:pt idx="3382">
                  <c:v>19.274026544441686</c:v>
                </c:pt>
                <c:pt idx="3383">
                  <c:v>19.331660292147088</c:v>
                </c:pt>
                <c:pt idx="3384">
                  <c:v>19.440566466989793</c:v>
                </c:pt>
                <c:pt idx="3385">
                  <c:v>19.592738141197639</c:v>
                </c:pt>
                <c:pt idx="3386">
                  <c:v>19.708477463016195</c:v>
                </c:pt>
                <c:pt idx="3387">
                  <c:v>19.799196378488098</c:v>
                </c:pt>
                <c:pt idx="3388">
                  <c:v>19.836609787610126</c:v>
                </c:pt>
                <c:pt idx="3389">
                  <c:v>19.791018142298476</c:v>
                </c:pt>
                <c:pt idx="3390">
                  <c:v>19.787567567020439</c:v>
                </c:pt>
                <c:pt idx="3391">
                  <c:v>19.808052977572508</c:v>
                </c:pt>
                <c:pt idx="3392">
                  <c:v>19.792614655832658</c:v>
                </c:pt>
                <c:pt idx="3393">
                  <c:v>19.764618524525549</c:v>
                </c:pt>
                <c:pt idx="3394">
                  <c:v>19.744857347809017</c:v>
                </c:pt>
                <c:pt idx="3395">
                  <c:v>19.714237869733083</c:v>
                </c:pt>
                <c:pt idx="3396">
                  <c:v>19.723194072927221</c:v>
                </c:pt>
                <c:pt idx="3397">
                  <c:v>19.773618688910307</c:v>
                </c:pt>
                <c:pt idx="3398">
                  <c:v>19.818146342537382</c:v>
                </c:pt>
                <c:pt idx="3399">
                  <c:v>19.824134534736988</c:v>
                </c:pt>
                <c:pt idx="3400">
                  <c:v>19.808493179974583</c:v>
                </c:pt>
                <c:pt idx="3401">
                  <c:v>19.751499162334621</c:v>
                </c:pt>
                <c:pt idx="3402">
                  <c:v>19.724129590177618</c:v>
                </c:pt>
                <c:pt idx="3403">
                  <c:v>19.661251190824821</c:v>
                </c:pt>
                <c:pt idx="3404">
                  <c:v>19.695685112516994</c:v>
                </c:pt>
                <c:pt idx="3405">
                  <c:v>19.763186881493581</c:v>
                </c:pt>
                <c:pt idx="3406">
                  <c:v>19.822128264947157</c:v>
                </c:pt>
                <c:pt idx="3407">
                  <c:v>19.824722176457112</c:v>
                </c:pt>
                <c:pt idx="3408">
                  <c:v>19.776723225945833</c:v>
                </c:pt>
                <c:pt idx="3409">
                  <c:v>19.65032594397131</c:v>
                </c:pt>
                <c:pt idx="3410">
                  <c:v>19.519771038151212</c:v>
                </c:pt>
                <c:pt idx="3411">
                  <c:v>19.446994292146478</c:v>
                </c:pt>
                <c:pt idx="3412">
                  <c:v>19.440354669777662</c:v>
                </c:pt>
                <c:pt idx="3413">
                  <c:v>19.48343566587338</c:v>
                </c:pt>
                <c:pt idx="3414">
                  <c:v>19.582406089289933</c:v>
                </c:pt>
                <c:pt idx="3415">
                  <c:v>19.677236737039298</c:v>
                </c:pt>
                <c:pt idx="3416">
                  <c:v>19.676728613221869</c:v>
                </c:pt>
                <c:pt idx="3417">
                  <c:v>19.583115262291034</c:v>
                </c:pt>
                <c:pt idx="3418">
                  <c:v>19.445918975620472</c:v>
                </c:pt>
                <c:pt idx="3419">
                  <c:v>19.385335207949169</c:v>
                </c:pt>
                <c:pt idx="3420">
                  <c:v>19.456852574289289</c:v>
                </c:pt>
                <c:pt idx="3421">
                  <c:v>19.509417063710842</c:v>
                </c:pt>
                <c:pt idx="3422">
                  <c:v>19.532203486784194</c:v>
                </c:pt>
                <c:pt idx="3423">
                  <c:v>19.544768211662266</c:v>
                </c:pt>
                <c:pt idx="3424">
                  <c:v>19.48461312508552</c:v>
                </c:pt>
                <c:pt idx="3425">
                  <c:v>19.435060778545314</c:v>
                </c:pt>
                <c:pt idx="3426">
                  <c:v>19.238056340738336</c:v>
                </c:pt>
                <c:pt idx="3427">
                  <c:v>19.233797450489426</c:v>
                </c:pt>
                <c:pt idx="3428">
                  <c:v>19.299315238776842</c:v>
                </c:pt>
                <c:pt idx="3429">
                  <c:v>19.407016750070468</c:v>
                </c:pt>
                <c:pt idx="3430">
                  <c:v>19.472390512830334</c:v>
                </c:pt>
                <c:pt idx="3431">
                  <c:v>19.448451517035856</c:v>
                </c:pt>
                <c:pt idx="3432">
                  <c:v>19.350327812754962</c:v>
                </c:pt>
                <c:pt idx="3433">
                  <c:v>19.238213581710319</c:v>
                </c:pt>
                <c:pt idx="3434">
                  <c:v>19.169400263711314</c:v>
                </c:pt>
                <c:pt idx="3435">
                  <c:v>19.182194293554456</c:v>
                </c:pt>
                <c:pt idx="3436">
                  <c:v>19.290150336662034</c:v>
                </c:pt>
                <c:pt idx="3437">
                  <c:v>19.349439061572419</c:v>
                </c:pt>
                <c:pt idx="3438">
                  <c:v>19.421390856155941</c:v>
                </c:pt>
                <c:pt idx="3439">
                  <c:v>19.468836391683261</c:v>
                </c:pt>
                <c:pt idx="3440">
                  <c:v>19.474959993002216</c:v>
                </c:pt>
                <c:pt idx="3441">
                  <c:v>19.590433426629325</c:v>
                </c:pt>
                <c:pt idx="3442">
                  <c:v>19.714463236188905</c:v>
                </c:pt>
                <c:pt idx="3443">
                  <c:v>19.767394544201697</c:v>
                </c:pt>
                <c:pt idx="3444">
                  <c:v>19.865788703019568</c:v>
                </c:pt>
                <c:pt idx="3445">
                  <c:v>19.941845374907178</c:v>
                </c:pt>
                <c:pt idx="3446">
                  <c:v>19.941270812889293</c:v>
                </c:pt>
                <c:pt idx="3447">
                  <c:v>19.822735548118704</c:v>
                </c:pt>
                <c:pt idx="3448">
                  <c:v>19.673424219985883</c:v>
                </c:pt>
                <c:pt idx="3449">
                  <c:v>19.653194494196434</c:v>
                </c:pt>
                <c:pt idx="3450">
                  <c:v>19.604357104246848</c:v>
                </c:pt>
                <c:pt idx="3451">
                  <c:v>19.512799757487429</c:v>
                </c:pt>
                <c:pt idx="3452">
                  <c:v>19.442014840470939</c:v>
                </c:pt>
                <c:pt idx="3453">
                  <c:v>19.35015343283375</c:v>
                </c:pt>
                <c:pt idx="3454">
                  <c:v>19.240334922693055</c:v>
                </c:pt>
                <c:pt idx="3455">
                  <c:v>19.113030712863733</c:v>
                </c:pt>
                <c:pt idx="3456">
                  <c:v>18.992702693972575</c:v>
                </c:pt>
                <c:pt idx="3457">
                  <c:v>18.928469935606621</c:v>
                </c:pt>
                <c:pt idx="3458">
                  <c:v>18.940088123905912</c:v>
                </c:pt>
                <c:pt idx="3459">
                  <c:v>19.01896201805155</c:v>
                </c:pt>
                <c:pt idx="3460">
                  <c:v>19.116923102168787</c:v>
                </c:pt>
                <c:pt idx="3461">
                  <c:v>19.192604108838452</c:v>
                </c:pt>
                <c:pt idx="3462">
                  <c:v>19.284424316168746</c:v>
                </c:pt>
                <c:pt idx="3463">
                  <c:v>19.405318680296091</c:v>
                </c:pt>
                <c:pt idx="3464">
                  <c:v>19.451362104444055</c:v>
                </c:pt>
                <c:pt idx="3465">
                  <c:v>19.473779914190345</c:v>
                </c:pt>
                <c:pt idx="3466">
                  <c:v>19.537560456422195</c:v>
                </c:pt>
                <c:pt idx="3467">
                  <c:v>19.578735937538298</c:v>
                </c:pt>
                <c:pt idx="3468">
                  <c:v>19.650956546687553</c:v>
                </c:pt>
                <c:pt idx="3469">
                  <c:v>19.73462101346373</c:v>
                </c:pt>
                <c:pt idx="3470">
                  <c:v>19.84159728331165</c:v>
                </c:pt>
                <c:pt idx="3471">
                  <c:v>19.870060628893352</c:v>
                </c:pt>
                <c:pt idx="3472">
                  <c:v>19.827683793028072</c:v>
                </c:pt>
                <c:pt idx="3473">
                  <c:v>19.69902593140295</c:v>
                </c:pt>
                <c:pt idx="3474">
                  <c:v>19.611226008714681</c:v>
                </c:pt>
                <c:pt idx="3475">
                  <c:v>19.622040974572176</c:v>
                </c:pt>
                <c:pt idx="3476">
                  <c:v>19.633769963022441</c:v>
                </c:pt>
                <c:pt idx="3477">
                  <c:v>19.628464870623702</c:v>
                </c:pt>
                <c:pt idx="3478">
                  <c:v>19.58992771162243</c:v>
                </c:pt>
                <c:pt idx="3479">
                  <c:v>19.526815612279826</c:v>
                </c:pt>
                <c:pt idx="3480">
                  <c:v>19.533420448081365</c:v>
                </c:pt>
                <c:pt idx="3481">
                  <c:v>19.574726596032733</c:v>
                </c:pt>
                <c:pt idx="3482">
                  <c:v>19.68927807408404</c:v>
                </c:pt>
                <c:pt idx="3483">
                  <c:v>19.805896509055245</c:v>
                </c:pt>
                <c:pt idx="3484">
                  <c:v>19.843974965514018</c:v>
                </c:pt>
                <c:pt idx="3485">
                  <c:v>19.744794432077494</c:v>
                </c:pt>
                <c:pt idx="3486">
                  <c:v>19.678724178480749</c:v>
                </c:pt>
                <c:pt idx="3487">
                  <c:v>19.540781649671754</c:v>
                </c:pt>
                <c:pt idx="3488">
                  <c:v>19.523213605159825</c:v>
                </c:pt>
                <c:pt idx="3489">
                  <c:v>19.577988560978007</c:v>
                </c:pt>
                <c:pt idx="3490">
                  <c:v>19.693973286589536</c:v>
                </c:pt>
                <c:pt idx="3491">
                  <c:v>19.777507677272656</c:v>
                </c:pt>
                <c:pt idx="3492">
                  <c:v>19.808334723692337</c:v>
                </c:pt>
                <c:pt idx="3493">
                  <c:v>19.793931126335711</c:v>
                </c:pt>
                <c:pt idx="3494">
                  <c:v>19.750251204539953</c:v>
                </c:pt>
                <c:pt idx="3495">
                  <c:v>19.720149640978299</c:v>
                </c:pt>
                <c:pt idx="3496">
                  <c:v>19.748465178605404</c:v>
                </c:pt>
                <c:pt idx="3497">
                  <c:v>19.704840048811988</c:v>
                </c:pt>
                <c:pt idx="3498">
                  <c:v>19.654524031404193</c:v>
                </c:pt>
                <c:pt idx="3499">
                  <c:v>19.589974898215459</c:v>
                </c:pt>
                <c:pt idx="3500">
                  <c:v>19.53109445173979</c:v>
                </c:pt>
                <c:pt idx="3501">
                  <c:v>19.506093119533411</c:v>
                </c:pt>
                <c:pt idx="3502">
                  <c:v>19.588328037193872</c:v>
                </c:pt>
                <c:pt idx="3503">
                  <c:v>19.60694242339564</c:v>
                </c:pt>
                <c:pt idx="3504">
                  <c:v>19.637995890261969</c:v>
                </c:pt>
                <c:pt idx="3505">
                  <c:v>19.757899456972968</c:v>
                </c:pt>
                <c:pt idx="3506">
                  <c:v>19.804311419812443</c:v>
                </c:pt>
                <c:pt idx="3507">
                  <c:v>19.671987061390503</c:v>
                </c:pt>
                <c:pt idx="3508">
                  <c:v>19.623090087012422</c:v>
                </c:pt>
                <c:pt idx="3509">
                  <c:v>19.658046396463558</c:v>
                </c:pt>
                <c:pt idx="3510">
                  <c:v>19.68308910287799</c:v>
                </c:pt>
                <c:pt idx="3511">
                  <c:v>19.704358920227381</c:v>
                </c:pt>
                <c:pt idx="3512">
                  <c:v>19.722214266057897</c:v>
                </c:pt>
                <c:pt idx="3513">
                  <c:v>19.700953925432508</c:v>
                </c:pt>
                <c:pt idx="3514">
                  <c:v>19.59381246653162</c:v>
                </c:pt>
                <c:pt idx="3515">
                  <c:v>19.543486808192927</c:v>
                </c:pt>
                <c:pt idx="3516">
                  <c:v>19.51359401405885</c:v>
                </c:pt>
                <c:pt idx="3517">
                  <c:v>19.51789154582956</c:v>
                </c:pt>
                <c:pt idx="3518">
                  <c:v>19.563108119084621</c:v>
                </c:pt>
                <c:pt idx="3519">
                  <c:v>19.537533248160855</c:v>
                </c:pt>
                <c:pt idx="3520">
                  <c:v>19.504125449006178</c:v>
                </c:pt>
                <c:pt idx="3521">
                  <c:v>19.542874392959543</c:v>
                </c:pt>
                <c:pt idx="3522">
                  <c:v>19.611553817850194</c:v>
                </c:pt>
                <c:pt idx="3523">
                  <c:v>19.692897510942196</c:v>
                </c:pt>
                <c:pt idx="3524">
                  <c:v>19.756352026308775</c:v>
                </c:pt>
                <c:pt idx="3525">
                  <c:v>19.81768119865006</c:v>
                </c:pt>
                <c:pt idx="3526">
                  <c:v>19.881285787313018</c:v>
                </c:pt>
                <c:pt idx="3527">
                  <c:v>19.926608707839186</c:v>
                </c:pt>
                <c:pt idx="3528">
                  <c:v>19.939099456194295</c:v>
                </c:pt>
                <c:pt idx="3529">
                  <c:v>19.967209111854892</c:v>
                </c:pt>
                <c:pt idx="3530">
                  <c:v>20.039983783558384</c:v>
                </c:pt>
                <c:pt idx="3531">
                  <c:v>20.120665316811692</c:v>
                </c:pt>
                <c:pt idx="3532">
                  <c:v>20.174909290436709</c:v>
                </c:pt>
                <c:pt idx="3533">
                  <c:v>20.20689159714065</c:v>
                </c:pt>
                <c:pt idx="3534">
                  <c:v>20.166070530691321</c:v>
                </c:pt>
                <c:pt idx="3535">
                  <c:v>20.08562157915992</c:v>
                </c:pt>
                <c:pt idx="3536">
                  <c:v>20.003044632809154</c:v>
                </c:pt>
                <c:pt idx="3537">
                  <c:v>19.90312589131344</c:v>
                </c:pt>
                <c:pt idx="3538">
                  <c:v>19.862318662719357</c:v>
                </c:pt>
                <c:pt idx="3539">
                  <c:v>19.861182899738385</c:v>
                </c:pt>
                <c:pt idx="3540">
                  <c:v>19.802743516225654</c:v>
                </c:pt>
                <c:pt idx="3541">
                  <c:v>19.703872772653913</c:v>
                </c:pt>
                <c:pt idx="3542">
                  <c:v>19.667440743127596</c:v>
                </c:pt>
                <c:pt idx="3543">
                  <c:v>19.623451124768817</c:v>
                </c:pt>
                <c:pt idx="3544">
                  <c:v>19.64932214126755</c:v>
                </c:pt>
                <c:pt idx="3545">
                  <c:v>19.649029023986909</c:v>
                </c:pt>
                <c:pt idx="3546">
                  <c:v>19.667356171235252</c:v>
                </c:pt>
                <c:pt idx="3547">
                  <c:v>19.589214723458717</c:v>
                </c:pt>
                <c:pt idx="3548">
                  <c:v>19.471633247245435</c:v>
                </c:pt>
                <c:pt idx="3549">
                  <c:v>19.401258218243139</c:v>
                </c:pt>
                <c:pt idx="3550">
                  <c:v>19.468962252620287</c:v>
                </c:pt>
                <c:pt idx="3551">
                  <c:v>19.559257295462285</c:v>
                </c:pt>
                <c:pt idx="3552">
                  <c:v>19.618576307347958</c:v>
                </c:pt>
                <c:pt idx="3553">
                  <c:v>19.609936309279032</c:v>
                </c:pt>
                <c:pt idx="3554">
                  <c:v>19.612041550508419</c:v>
                </c:pt>
                <c:pt idx="3555">
                  <c:v>19.613134255666299</c:v>
                </c:pt>
                <c:pt idx="3556">
                  <c:v>19.577094069754928</c:v>
                </c:pt>
                <c:pt idx="3557">
                  <c:v>19.530708752367683</c:v>
                </c:pt>
                <c:pt idx="3558">
                  <c:v>19.498143606123413</c:v>
                </c:pt>
                <c:pt idx="3559">
                  <c:v>19.482231152336141</c:v>
                </c:pt>
                <c:pt idx="3560">
                  <c:v>19.460541056619185</c:v>
                </c:pt>
                <c:pt idx="3561">
                  <c:v>19.477528807042162</c:v>
                </c:pt>
                <c:pt idx="3562">
                  <c:v>19.467582155307454</c:v>
                </c:pt>
                <c:pt idx="3563">
                  <c:v>19.450786419176428</c:v>
                </c:pt>
                <c:pt idx="3564">
                  <c:v>19.413374086427979</c:v>
                </c:pt>
                <c:pt idx="3565">
                  <c:v>19.339016670319534</c:v>
                </c:pt>
                <c:pt idx="3566">
                  <c:v>19.188354896484551</c:v>
                </c:pt>
                <c:pt idx="3567">
                  <c:v>19.031094301320884</c:v>
                </c:pt>
                <c:pt idx="3568">
                  <c:v>18.967234261381542</c:v>
                </c:pt>
                <c:pt idx="3569">
                  <c:v>19.029273904109978</c:v>
                </c:pt>
                <c:pt idx="3570">
                  <c:v>19.058911047852739</c:v>
                </c:pt>
                <c:pt idx="3571">
                  <c:v>19.133625636493083</c:v>
                </c:pt>
                <c:pt idx="3572">
                  <c:v>19.231382967536245</c:v>
                </c:pt>
                <c:pt idx="3573">
                  <c:v>19.245640998419567</c:v>
                </c:pt>
                <c:pt idx="3574">
                  <c:v>19.280933275370025</c:v>
                </c:pt>
                <c:pt idx="3575">
                  <c:v>19.307565001182169</c:v>
                </c:pt>
                <c:pt idx="3576">
                  <c:v>19.257906500648478</c:v>
                </c:pt>
                <c:pt idx="3577">
                  <c:v>19.31339955080421</c:v>
                </c:pt>
                <c:pt idx="3578">
                  <c:v>19.377827345704244</c:v>
                </c:pt>
                <c:pt idx="3579">
                  <c:v>19.46889522869045</c:v>
                </c:pt>
                <c:pt idx="3580">
                  <c:v>19.527566541615155</c:v>
                </c:pt>
                <c:pt idx="3581">
                  <c:v>19.637195437811524</c:v>
                </c:pt>
                <c:pt idx="3582">
                  <c:v>19.768902154327954</c:v>
                </c:pt>
                <c:pt idx="3583">
                  <c:v>19.857144886759347</c:v>
                </c:pt>
                <c:pt idx="3584">
                  <c:v>19.883524077958278</c:v>
                </c:pt>
                <c:pt idx="3585">
                  <c:v>19.845199605511436</c:v>
                </c:pt>
                <c:pt idx="3586">
                  <c:v>19.714974409821615</c:v>
                </c:pt>
                <c:pt idx="3587">
                  <c:v>19.595375376116241</c:v>
                </c:pt>
                <c:pt idx="3588">
                  <c:v>19.469584111872365</c:v>
                </c:pt>
                <c:pt idx="3589">
                  <c:v>19.319640874549371</c:v>
                </c:pt>
                <c:pt idx="3590">
                  <c:v>19.287670509602009</c:v>
                </c:pt>
                <c:pt idx="3591">
                  <c:v>19.262066889517328</c:v>
                </c:pt>
                <c:pt idx="3592">
                  <c:v>19.240252856357813</c:v>
                </c:pt>
                <c:pt idx="3593">
                  <c:v>19.214390880922529</c:v>
                </c:pt>
                <c:pt idx="3594">
                  <c:v>19.282879815009771</c:v>
                </c:pt>
                <c:pt idx="3595">
                  <c:v>19.392620490015105</c:v>
                </c:pt>
                <c:pt idx="3596">
                  <c:v>19.498311240712333</c:v>
                </c:pt>
                <c:pt idx="3597">
                  <c:v>19.591108853394612</c:v>
                </c:pt>
                <c:pt idx="3598">
                  <c:v>19.631968465700854</c:v>
                </c:pt>
                <c:pt idx="3599">
                  <c:v>19.610897938616638</c:v>
                </c:pt>
                <c:pt idx="3600">
                  <c:v>19.601960514344434</c:v>
                </c:pt>
                <c:pt idx="3601">
                  <c:v>19.634239285956166</c:v>
                </c:pt>
                <c:pt idx="3602">
                  <c:v>19.702471250991159</c:v>
                </c:pt>
                <c:pt idx="3603">
                  <c:v>19.669638395778101</c:v>
                </c:pt>
                <c:pt idx="3604">
                  <c:v>19.657452505076371</c:v>
                </c:pt>
                <c:pt idx="3605">
                  <c:v>19.663779915783259</c:v>
                </c:pt>
                <c:pt idx="3606">
                  <c:v>19.671200050054296</c:v>
                </c:pt>
                <c:pt idx="3607">
                  <c:v>19.681436306509308</c:v>
                </c:pt>
                <c:pt idx="3608">
                  <c:v>19.683532368019559</c:v>
                </c:pt>
                <c:pt idx="3609">
                  <c:v>19.727976034642527</c:v>
                </c:pt>
                <c:pt idx="3610">
                  <c:v>19.808174291042821</c:v>
                </c:pt>
                <c:pt idx="3611">
                  <c:v>19.909904167670099</c:v>
                </c:pt>
                <c:pt idx="3612">
                  <c:v>19.939963846300166</c:v>
                </c:pt>
                <c:pt idx="3613">
                  <c:v>19.939610376929011</c:v>
                </c:pt>
                <c:pt idx="3614">
                  <c:v>19.919321071650103</c:v>
                </c:pt>
                <c:pt idx="3615">
                  <c:v>19.85276433167197</c:v>
                </c:pt>
                <c:pt idx="3616">
                  <c:v>19.789033323598268</c:v>
                </c:pt>
                <c:pt idx="3617">
                  <c:v>19.7365949442028</c:v>
                </c:pt>
                <c:pt idx="3618">
                  <c:v>19.765755414404648</c:v>
                </c:pt>
                <c:pt idx="3619">
                  <c:v>19.86288390589899</c:v>
                </c:pt>
                <c:pt idx="3620">
                  <c:v>19.94705661658681</c:v>
                </c:pt>
                <c:pt idx="3621">
                  <c:v>19.937253931742788</c:v>
                </c:pt>
                <c:pt idx="3622">
                  <c:v>19.870056444209045</c:v>
                </c:pt>
                <c:pt idx="3623">
                  <c:v>19.817517523628606</c:v>
                </c:pt>
                <c:pt idx="3624">
                  <c:v>19.815619585402334</c:v>
                </c:pt>
                <c:pt idx="3625">
                  <c:v>19.842007828777749</c:v>
                </c:pt>
                <c:pt idx="3626">
                  <c:v>19.900338337960271</c:v>
                </c:pt>
                <c:pt idx="3627">
                  <c:v>19.886748981964352</c:v>
                </c:pt>
                <c:pt idx="3628">
                  <c:v>19.819323309381744</c:v>
                </c:pt>
                <c:pt idx="3629">
                  <c:v>19.743576738352331</c:v>
                </c:pt>
                <c:pt idx="3630">
                  <c:v>19.745270882341327</c:v>
                </c:pt>
                <c:pt idx="3631">
                  <c:v>19.80895849692962</c:v>
                </c:pt>
                <c:pt idx="3632">
                  <c:v>19.853004717012148</c:v>
                </c:pt>
                <c:pt idx="3633">
                  <c:v>19.989288729719416</c:v>
                </c:pt>
                <c:pt idx="3634">
                  <c:v>20.076011622499294</c:v>
                </c:pt>
                <c:pt idx="3635">
                  <c:v>20.046296448917499</c:v>
                </c:pt>
                <c:pt idx="3636">
                  <c:v>19.974772744045559</c:v>
                </c:pt>
                <c:pt idx="3637">
                  <c:v>19.935463946341656</c:v>
                </c:pt>
                <c:pt idx="3638">
                  <c:v>19.97551234546571</c:v>
                </c:pt>
                <c:pt idx="3639">
                  <c:v>20.010209974535567</c:v>
                </c:pt>
                <c:pt idx="3640">
                  <c:v>20.031282608004584</c:v>
                </c:pt>
                <c:pt idx="3641">
                  <c:v>20.011949437170287</c:v>
                </c:pt>
                <c:pt idx="3642">
                  <c:v>19.8952948878119</c:v>
                </c:pt>
                <c:pt idx="3643">
                  <c:v>19.751948316215259</c:v>
                </c:pt>
                <c:pt idx="3644">
                  <c:v>19.70739033025264</c:v>
                </c:pt>
                <c:pt idx="3645">
                  <c:v>19.701693320976677</c:v>
                </c:pt>
                <c:pt idx="3646">
                  <c:v>19.689917009383471</c:v>
                </c:pt>
                <c:pt idx="3647">
                  <c:v>19.639007018866511</c:v>
                </c:pt>
                <c:pt idx="3648">
                  <c:v>19.541424508070072</c:v>
                </c:pt>
                <c:pt idx="3649">
                  <c:v>19.367750349060341</c:v>
                </c:pt>
                <c:pt idx="3650">
                  <c:v>19.12651931433679</c:v>
                </c:pt>
                <c:pt idx="3651">
                  <c:v>19.06661355001107</c:v>
                </c:pt>
                <c:pt idx="3652">
                  <c:v>19.082645009337234</c:v>
                </c:pt>
                <c:pt idx="3653">
                  <c:v>19.168167513864539</c:v>
                </c:pt>
                <c:pt idx="3654">
                  <c:v>19.209079208241093</c:v>
                </c:pt>
                <c:pt idx="3655">
                  <c:v>19.27199716763808</c:v>
                </c:pt>
                <c:pt idx="3656">
                  <c:v>19.291358397366107</c:v>
                </c:pt>
                <c:pt idx="3657">
                  <c:v>19.42388420089258</c:v>
                </c:pt>
                <c:pt idx="3658">
                  <c:v>19.538031560741249</c:v>
                </c:pt>
                <c:pt idx="3659">
                  <c:v>19.603653546463008</c:v>
                </c:pt>
                <c:pt idx="3660">
                  <c:v>19.651432276607721</c:v>
                </c:pt>
                <c:pt idx="3661">
                  <c:v>19.726094475041087</c:v>
                </c:pt>
                <c:pt idx="3662">
                  <c:v>19.831086794379988</c:v>
                </c:pt>
                <c:pt idx="3663">
                  <c:v>19.970427871617794</c:v>
                </c:pt>
                <c:pt idx="3664">
                  <c:v>20.058981938878819</c:v>
                </c:pt>
                <c:pt idx="3665">
                  <c:v>20.127941991705921</c:v>
                </c:pt>
                <c:pt idx="3666">
                  <c:v>20.139906460709955</c:v>
                </c:pt>
                <c:pt idx="3667">
                  <c:v>20.127611931761731</c:v>
                </c:pt>
                <c:pt idx="3668">
                  <c:v>20.1575699429271</c:v>
                </c:pt>
                <c:pt idx="3669">
                  <c:v>20.182182575490085</c:v>
                </c:pt>
                <c:pt idx="3670">
                  <c:v>20.13558839854586</c:v>
                </c:pt>
                <c:pt idx="3671">
                  <c:v>20.07915284752162</c:v>
                </c:pt>
                <c:pt idx="3672">
                  <c:v>19.989668433579311</c:v>
                </c:pt>
                <c:pt idx="3673">
                  <c:v>19.958215549317451</c:v>
                </c:pt>
                <c:pt idx="3674">
                  <c:v>19.936175349757633</c:v>
                </c:pt>
                <c:pt idx="3675">
                  <c:v>19.993660649504889</c:v>
                </c:pt>
                <c:pt idx="3676">
                  <c:v>20.094329075530037</c:v>
                </c:pt>
                <c:pt idx="3677">
                  <c:v>20.125653652771973</c:v>
                </c:pt>
                <c:pt idx="3678">
                  <c:v>20.006117411498614</c:v>
                </c:pt>
                <c:pt idx="3679">
                  <c:v>19.744737983100947</c:v>
                </c:pt>
                <c:pt idx="3680">
                  <c:v>19.582302184704531</c:v>
                </c:pt>
                <c:pt idx="3681">
                  <c:v>19.628374841118202</c:v>
                </c:pt>
                <c:pt idx="3682">
                  <c:v>19.772167996539658</c:v>
                </c:pt>
                <c:pt idx="3683">
                  <c:v>19.910668587134779</c:v>
                </c:pt>
                <c:pt idx="3684">
                  <c:v>20.033488539158064</c:v>
                </c:pt>
                <c:pt idx="3685">
                  <c:v>20.10151971047453</c:v>
                </c:pt>
                <c:pt idx="3686">
                  <c:v>20.147645241392169</c:v>
                </c:pt>
                <c:pt idx="3687">
                  <c:v>20.190722844890093</c:v>
                </c:pt>
                <c:pt idx="3688">
                  <c:v>20.198955192612704</c:v>
                </c:pt>
                <c:pt idx="3689">
                  <c:v>20.179084204662349</c:v>
                </c:pt>
                <c:pt idx="3690">
                  <c:v>20.188209199771585</c:v>
                </c:pt>
                <c:pt idx="3691">
                  <c:v>20.086084913225818</c:v>
                </c:pt>
                <c:pt idx="3692">
                  <c:v>19.937249038921653</c:v>
                </c:pt>
                <c:pt idx="3693">
                  <c:v>19.889876107040557</c:v>
                </c:pt>
                <c:pt idx="3694">
                  <c:v>19.874957487097724</c:v>
                </c:pt>
                <c:pt idx="3695">
                  <c:v>19.925442512685457</c:v>
                </c:pt>
                <c:pt idx="3696">
                  <c:v>19.970480953601971</c:v>
                </c:pt>
                <c:pt idx="3697">
                  <c:v>20.040012227925832</c:v>
                </c:pt>
                <c:pt idx="3698">
                  <c:v>20.077950742960677</c:v>
                </c:pt>
                <c:pt idx="3699">
                  <c:v>20.080808649540497</c:v>
                </c:pt>
                <c:pt idx="3700">
                  <c:v>20.033861297247814</c:v>
                </c:pt>
                <c:pt idx="3701">
                  <c:v>19.987787533048305</c:v>
                </c:pt>
                <c:pt idx="3702">
                  <c:v>19.944394421337812</c:v>
                </c:pt>
                <c:pt idx="3703">
                  <c:v>19.92274611782809</c:v>
                </c:pt>
                <c:pt idx="3704">
                  <c:v>19.912967692124493</c:v>
                </c:pt>
                <c:pt idx="3705">
                  <c:v>19.926200521815897</c:v>
                </c:pt>
                <c:pt idx="3706">
                  <c:v>20.115736644824548</c:v>
                </c:pt>
                <c:pt idx="3707">
                  <c:v>20.327915198730643</c:v>
                </c:pt>
                <c:pt idx="3708">
                  <c:v>20.406618113025054</c:v>
                </c:pt>
                <c:pt idx="3709">
                  <c:v>20.355628913916672</c:v>
                </c:pt>
                <c:pt idx="3710">
                  <c:v>20.273403268010775</c:v>
                </c:pt>
                <c:pt idx="3711">
                  <c:v>20.226645690903009</c:v>
                </c:pt>
                <c:pt idx="3712">
                  <c:v>20.221907852969498</c:v>
                </c:pt>
                <c:pt idx="3713">
                  <c:v>20.212030603896022</c:v>
                </c:pt>
                <c:pt idx="3714">
                  <c:v>20.170385184391542</c:v>
                </c:pt>
                <c:pt idx="3715">
                  <c:v>20.070868762386162</c:v>
                </c:pt>
                <c:pt idx="3716">
                  <c:v>19.958676663417585</c:v>
                </c:pt>
                <c:pt idx="3717">
                  <c:v>19.767677705150973</c:v>
                </c:pt>
                <c:pt idx="3718">
                  <c:v>19.531247207926846</c:v>
                </c:pt>
                <c:pt idx="3719">
                  <c:v>19.484877033330491</c:v>
                </c:pt>
                <c:pt idx="3720">
                  <c:v>19.508537212384923</c:v>
                </c:pt>
                <c:pt idx="3721">
                  <c:v>19.536042934374414</c:v>
                </c:pt>
                <c:pt idx="3722">
                  <c:v>19.542573082431662</c:v>
                </c:pt>
                <c:pt idx="3723">
                  <c:v>19.54962703376864</c:v>
                </c:pt>
                <c:pt idx="3724">
                  <c:v>19.513954300495616</c:v>
                </c:pt>
                <c:pt idx="3725">
                  <c:v>19.52798818986858</c:v>
                </c:pt>
                <c:pt idx="3726">
                  <c:v>19.687962008819461</c:v>
                </c:pt>
                <c:pt idx="3727">
                  <c:v>19.749646591104607</c:v>
                </c:pt>
                <c:pt idx="3728">
                  <c:v>19.833655486745908</c:v>
                </c:pt>
                <c:pt idx="3729">
                  <c:v>19.931874052185258</c:v>
                </c:pt>
                <c:pt idx="3730">
                  <c:v>20.007706722055079</c:v>
                </c:pt>
                <c:pt idx="3731">
                  <c:v>20.048320026838429</c:v>
                </c:pt>
                <c:pt idx="3732">
                  <c:v>20.065787088693572</c:v>
                </c:pt>
                <c:pt idx="3733">
                  <c:v>20.082169829475312</c:v>
                </c:pt>
                <c:pt idx="3734">
                  <c:v>20.018868099551103</c:v>
                </c:pt>
                <c:pt idx="3735">
                  <c:v>19.891542117976609</c:v>
                </c:pt>
                <c:pt idx="3736">
                  <c:v>19.797667086651035</c:v>
                </c:pt>
                <c:pt idx="3737">
                  <c:v>19.793866773164922</c:v>
                </c:pt>
                <c:pt idx="3738">
                  <c:v>19.906849069718064</c:v>
                </c:pt>
                <c:pt idx="3739">
                  <c:v>20.021452753520208</c:v>
                </c:pt>
                <c:pt idx="3740">
                  <c:v>20.089434536233103</c:v>
                </c:pt>
                <c:pt idx="3741">
                  <c:v>20.100263915401268</c:v>
                </c:pt>
                <c:pt idx="3742">
                  <c:v>20.067409822289015</c:v>
                </c:pt>
                <c:pt idx="3743">
                  <c:v>19.973073553842827</c:v>
                </c:pt>
                <c:pt idx="3744">
                  <c:v>19.78378252218964</c:v>
                </c:pt>
                <c:pt idx="3745">
                  <c:v>19.46322455870056</c:v>
                </c:pt>
                <c:pt idx="3746">
                  <c:v>19.306362188393102</c:v>
                </c:pt>
                <c:pt idx="3747">
                  <c:v>19.494881645852026</c:v>
                </c:pt>
                <c:pt idx="3748">
                  <c:v>19.585391613877711</c:v>
                </c:pt>
                <c:pt idx="3749">
                  <c:v>19.545314659348406</c:v>
                </c:pt>
                <c:pt idx="3750">
                  <c:v>19.469326804204321</c:v>
                </c:pt>
                <c:pt idx="3751">
                  <c:v>19.40571656553907</c:v>
                </c:pt>
                <c:pt idx="3752">
                  <c:v>19.331187279143801</c:v>
                </c:pt>
                <c:pt idx="3753">
                  <c:v>19.271313152915273</c:v>
                </c:pt>
                <c:pt idx="3754">
                  <c:v>19.340909557787938</c:v>
                </c:pt>
                <c:pt idx="3755">
                  <c:v>19.63617935799423</c:v>
                </c:pt>
                <c:pt idx="3756">
                  <c:v>19.931715233096018</c:v>
                </c:pt>
                <c:pt idx="3757">
                  <c:v>20.067255230174609</c:v>
                </c:pt>
                <c:pt idx="3758">
                  <c:v>20.179873173401308</c:v>
                </c:pt>
                <c:pt idx="3759">
                  <c:v>20.220306383541331</c:v>
                </c:pt>
                <c:pt idx="3760">
                  <c:v>20.278142082163523</c:v>
                </c:pt>
                <c:pt idx="3761">
                  <c:v>20.259517988900345</c:v>
                </c:pt>
                <c:pt idx="3762">
                  <c:v>20.188554198354794</c:v>
                </c:pt>
                <c:pt idx="3763">
                  <c:v>20.096530244944635</c:v>
                </c:pt>
                <c:pt idx="3764">
                  <c:v>20.048310131464071</c:v>
                </c:pt>
                <c:pt idx="3765">
                  <c:v>20.037953821220764</c:v>
                </c:pt>
                <c:pt idx="3766">
                  <c:v>19.957897515651958</c:v>
                </c:pt>
                <c:pt idx="3767">
                  <c:v>19.870484835069405</c:v>
                </c:pt>
                <c:pt idx="3768">
                  <c:v>19.763502836164427</c:v>
                </c:pt>
                <c:pt idx="3769">
                  <c:v>19.683000815729418</c:v>
                </c:pt>
                <c:pt idx="3770">
                  <c:v>19.629488356567407</c:v>
                </c:pt>
                <c:pt idx="3771">
                  <c:v>19.522294972678417</c:v>
                </c:pt>
                <c:pt idx="3772">
                  <c:v>19.368297647995178</c:v>
                </c:pt>
                <c:pt idx="3773">
                  <c:v>19.279943616368719</c:v>
                </c:pt>
                <c:pt idx="3774">
                  <c:v>19.298005570080242</c:v>
                </c:pt>
                <c:pt idx="3775">
                  <c:v>19.3390012645505</c:v>
                </c:pt>
                <c:pt idx="3776">
                  <c:v>19.690585976615161</c:v>
                </c:pt>
                <c:pt idx="3777">
                  <c:v>19.957695974340215</c:v>
                </c:pt>
                <c:pt idx="3778">
                  <c:v>20.118194159258607</c:v>
                </c:pt>
                <c:pt idx="3779">
                  <c:v>20.178700174690057</c:v>
                </c:pt>
                <c:pt idx="3780">
                  <c:v>20.217601792158604</c:v>
                </c:pt>
                <c:pt idx="3781">
                  <c:v>20.193433918156991</c:v>
                </c:pt>
                <c:pt idx="3782">
                  <c:v>20.132913657904187</c:v>
                </c:pt>
                <c:pt idx="3783">
                  <c:v>20.070473393942887</c:v>
                </c:pt>
                <c:pt idx="3784">
                  <c:v>20.026572452842903</c:v>
                </c:pt>
                <c:pt idx="3785">
                  <c:v>20.020644460373205</c:v>
                </c:pt>
                <c:pt idx="3786">
                  <c:v>20.084164928787843</c:v>
                </c:pt>
                <c:pt idx="3787">
                  <c:v>20.12456072135512</c:v>
                </c:pt>
                <c:pt idx="3788">
                  <c:v>20.135447905146549</c:v>
                </c:pt>
                <c:pt idx="3789">
                  <c:v>20.168458795701074</c:v>
                </c:pt>
                <c:pt idx="3790">
                  <c:v>20.176843396476354</c:v>
                </c:pt>
                <c:pt idx="3791">
                  <c:v>20.071687581731279</c:v>
                </c:pt>
                <c:pt idx="3792">
                  <c:v>19.927252521353431</c:v>
                </c:pt>
                <c:pt idx="3793">
                  <c:v>19.840649148369835</c:v>
                </c:pt>
                <c:pt idx="3794">
                  <c:v>19.877252229751292</c:v>
                </c:pt>
                <c:pt idx="3795">
                  <c:v>19.904191935486804</c:v>
                </c:pt>
                <c:pt idx="3796">
                  <c:v>19.817763765263464</c:v>
                </c:pt>
                <c:pt idx="3797">
                  <c:v>19.779504151930972</c:v>
                </c:pt>
                <c:pt idx="3798">
                  <c:v>19.862333464610657</c:v>
                </c:pt>
                <c:pt idx="3799">
                  <c:v>20.026873025679514</c:v>
                </c:pt>
                <c:pt idx="3800">
                  <c:v>20.07293646502206</c:v>
                </c:pt>
                <c:pt idx="3801">
                  <c:v>20.023788915634931</c:v>
                </c:pt>
                <c:pt idx="3802">
                  <c:v>19.91271588113468</c:v>
                </c:pt>
                <c:pt idx="3803">
                  <c:v>19.744344144912148</c:v>
                </c:pt>
                <c:pt idx="3804">
                  <c:v>19.729759395254312</c:v>
                </c:pt>
                <c:pt idx="3805">
                  <c:v>19.82223202887695</c:v>
                </c:pt>
                <c:pt idx="3806">
                  <c:v>19.965120740252765</c:v>
                </c:pt>
                <c:pt idx="3807">
                  <c:v>20.102779936445746</c:v>
                </c:pt>
                <c:pt idx="3808">
                  <c:v>20.114740995128049</c:v>
                </c:pt>
                <c:pt idx="3809">
                  <c:v>20.102688988589716</c:v>
                </c:pt>
                <c:pt idx="3810">
                  <c:v>20.083577809167664</c:v>
                </c:pt>
                <c:pt idx="3811">
                  <c:v>20.045455886425056</c:v>
                </c:pt>
                <c:pt idx="3812">
                  <c:v>20.031235188879922</c:v>
                </c:pt>
                <c:pt idx="3813">
                  <c:v>20.063887348592733</c:v>
                </c:pt>
                <c:pt idx="3814">
                  <c:v>20.137857669372686</c:v>
                </c:pt>
                <c:pt idx="3815">
                  <c:v>20.026761210436952</c:v>
                </c:pt>
                <c:pt idx="3816">
                  <c:v>19.946007691381013</c:v>
                </c:pt>
                <c:pt idx="3817">
                  <c:v>19.937948509058966</c:v>
                </c:pt>
                <c:pt idx="3818">
                  <c:v>20.00518973723219</c:v>
                </c:pt>
                <c:pt idx="3819">
                  <c:v>20.13276658969351</c:v>
                </c:pt>
                <c:pt idx="3820">
                  <c:v>20.240200140810725</c:v>
                </c:pt>
                <c:pt idx="3821">
                  <c:v>20.303928911837659</c:v>
                </c:pt>
                <c:pt idx="3822">
                  <c:v>20.314799066220957</c:v>
                </c:pt>
                <c:pt idx="3823">
                  <c:v>20.321344916821715</c:v>
                </c:pt>
                <c:pt idx="3824">
                  <c:v>20.337691760577009</c:v>
                </c:pt>
                <c:pt idx="3825">
                  <c:v>20.3202571032202</c:v>
                </c:pt>
                <c:pt idx="3826">
                  <c:v>20.181257190856407</c:v>
                </c:pt>
                <c:pt idx="3827">
                  <c:v>19.989475280732748</c:v>
                </c:pt>
                <c:pt idx="3828">
                  <c:v>19.761448529976377</c:v>
                </c:pt>
                <c:pt idx="3829">
                  <c:v>19.557175667385277</c:v>
                </c:pt>
                <c:pt idx="3830">
                  <c:v>19.365572380191324</c:v>
                </c:pt>
                <c:pt idx="3831">
                  <c:v>19.198994046026286</c:v>
                </c:pt>
                <c:pt idx="3832">
                  <c:v>19.312719680102958</c:v>
                </c:pt>
                <c:pt idx="3833">
                  <c:v>19.442521344386179</c:v>
                </c:pt>
                <c:pt idx="3834">
                  <c:v>19.482530158141959</c:v>
                </c:pt>
                <c:pt idx="3835">
                  <c:v>19.523624577517541</c:v>
                </c:pt>
                <c:pt idx="3836">
                  <c:v>19.577992744520806</c:v>
                </c:pt>
                <c:pt idx="3837">
                  <c:v>19.529570926420565</c:v>
                </c:pt>
                <c:pt idx="3838">
                  <c:v>19.629162605880705</c:v>
                </c:pt>
                <c:pt idx="3839">
                  <c:v>19.656237597071883</c:v>
                </c:pt>
                <c:pt idx="3840">
                  <c:v>19.642803156981469</c:v>
                </c:pt>
                <c:pt idx="3841">
                  <c:v>19.621492055062735</c:v>
                </c:pt>
                <c:pt idx="3842">
                  <c:v>19.627500076263608</c:v>
                </c:pt>
                <c:pt idx="3843">
                  <c:v>19.596775054402553</c:v>
                </c:pt>
                <c:pt idx="3844">
                  <c:v>19.532465335999625</c:v>
                </c:pt>
                <c:pt idx="3845">
                  <c:v>19.503607016006825</c:v>
                </c:pt>
                <c:pt idx="3846">
                  <c:v>19.420987304744326</c:v>
                </c:pt>
                <c:pt idx="3847">
                  <c:v>19.31931407111648</c:v>
                </c:pt>
                <c:pt idx="3848">
                  <c:v>19.140360029009329</c:v>
                </c:pt>
                <c:pt idx="3849">
                  <c:v>18.996175135310335</c:v>
                </c:pt>
                <c:pt idx="3850">
                  <c:v>18.92567126741557</c:v>
                </c:pt>
                <c:pt idx="3851">
                  <c:v>18.898403902808067</c:v>
                </c:pt>
                <c:pt idx="3852">
                  <c:v>19.063880358903479</c:v>
                </c:pt>
                <c:pt idx="3853">
                  <c:v>19.113903144585183</c:v>
                </c:pt>
                <c:pt idx="3854">
                  <c:v>19.168969290648214</c:v>
                </c:pt>
                <c:pt idx="3855">
                  <c:v>19.211665825728883</c:v>
                </c:pt>
                <c:pt idx="3856">
                  <c:v>18.914174218049659</c:v>
                </c:pt>
                <c:pt idx="3857">
                  <c:v>18.973945771141462</c:v>
                </c:pt>
                <c:pt idx="3858">
                  <c:v>19.184132647391326</c:v>
                </c:pt>
                <c:pt idx="3859">
                  <c:v>19.26648055998729</c:v>
                </c:pt>
                <c:pt idx="3860">
                  <c:v>19.266443522633306</c:v>
                </c:pt>
                <c:pt idx="3861">
                  <c:v>19.26856817406145</c:v>
                </c:pt>
                <c:pt idx="3862">
                  <c:v>19.254205633714928</c:v>
                </c:pt>
                <c:pt idx="3863">
                  <c:v>19.323887234811597</c:v>
                </c:pt>
                <c:pt idx="3864">
                  <c:v>19.419140088922685</c:v>
                </c:pt>
                <c:pt idx="3865">
                  <c:v>19.401584556220179</c:v>
                </c:pt>
                <c:pt idx="3866">
                  <c:v>19.37820736309029</c:v>
                </c:pt>
                <c:pt idx="3867">
                  <c:v>19.410775702461468</c:v>
                </c:pt>
                <c:pt idx="3868">
                  <c:v>19.448620828805918</c:v>
                </c:pt>
                <c:pt idx="3869">
                  <c:v>19.514171022399847</c:v>
                </c:pt>
                <c:pt idx="3870">
                  <c:v>19.509555107822507</c:v>
                </c:pt>
                <c:pt idx="3871">
                  <c:v>19.531947376546711</c:v>
                </c:pt>
                <c:pt idx="3872">
                  <c:v>19.379790005190124</c:v>
                </c:pt>
                <c:pt idx="3873">
                  <c:v>19.370590137407145</c:v>
                </c:pt>
                <c:pt idx="3874">
                  <c:v>19.374152036663421</c:v>
                </c:pt>
                <c:pt idx="3875">
                  <c:v>19.55845214697035</c:v>
                </c:pt>
                <c:pt idx="3876">
                  <c:v>19.679563608658142</c:v>
                </c:pt>
                <c:pt idx="3877">
                  <c:v>19.72978556808841</c:v>
                </c:pt>
                <c:pt idx="3878">
                  <c:v>19.677971576560186</c:v>
                </c:pt>
                <c:pt idx="3879">
                  <c:v>19.563863254376862</c:v>
                </c:pt>
                <c:pt idx="3880">
                  <c:v>19.527062425426926</c:v>
                </c:pt>
                <c:pt idx="3881">
                  <c:v>19.539482456240126</c:v>
                </c:pt>
                <c:pt idx="3882">
                  <c:v>19.605949950253986</c:v>
                </c:pt>
                <c:pt idx="3883">
                  <c:v>19.688702455486983</c:v>
                </c:pt>
                <c:pt idx="3884">
                  <c:v>19.664965078199398</c:v>
                </c:pt>
                <c:pt idx="3885">
                  <c:v>19.629422233140922</c:v>
                </c:pt>
                <c:pt idx="3886">
                  <c:v>19.533473891225395</c:v>
                </c:pt>
                <c:pt idx="3887">
                  <c:v>19.517238422854142</c:v>
                </c:pt>
                <c:pt idx="3888">
                  <c:v>19.438925488307316</c:v>
                </c:pt>
                <c:pt idx="3889">
                  <c:v>19.393501198455489</c:v>
                </c:pt>
                <c:pt idx="3890">
                  <c:v>19.414078215508678</c:v>
                </c:pt>
                <c:pt idx="3891">
                  <c:v>19.571636615124135</c:v>
                </c:pt>
                <c:pt idx="3892">
                  <c:v>19.682776287249119</c:v>
                </c:pt>
                <c:pt idx="3893">
                  <c:v>19.672334787473595</c:v>
                </c:pt>
                <c:pt idx="3894">
                  <c:v>19.615077354733184</c:v>
                </c:pt>
                <c:pt idx="3895">
                  <c:v>19.576529617667973</c:v>
                </c:pt>
                <c:pt idx="3896">
                  <c:v>19.552082231993914</c:v>
                </c:pt>
                <c:pt idx="3897">
                  <c:v>19.5357534521251</c:v>
                </c:pt>
                <c:pt idx="3898">
                  <c:v>19.553524615890812</c:v>
                </c:pt>
                <c:pt idx="3899">
                  <c:v>19.545145297807107</c:v>
                </c:pt>
                <c:pt idx="3900">
                  <c:v>19.492260635657125</c:v>
                </c:pt>
                <c:pt idx="3901">
                  <c:v>19.481645520453419</c:v>
                </c:pt>
                <c:pt idx="3902">
                  <c:v>19.415372529187373</c:v>
                </c:pt>
                <c:pt idx="3903">
                  <c:v>19.473071151283875</c:v>
                </c:pt>
                <c:pt idx="3904">
                  <c:v>19.492451885822877</c:v>
                </c:pt>
                <c:pt idx="3905">
                  <c:v>19.497255349132804</c:v>
                </c:pt>
                <c:pt idx="3906">
                  <c:v>19.436574458587973</c:v>
                </c:pt>
                <c:pt idx="3907">
                  <c:v>19.351159749305168</c:v>
                </c:pt>
                <c:pt idx="3908">
                  <c:v>19.348380059513506</c:v>
                </c:pt>
                <c:pt idx="3909">
                  <c:v>19.267075663737913</c:v>
                </c:pt>
                <c:pt idx="3910">
                  <c:v>19.205315657925041</c:v>
                </c:pt>
                <c:pt idx="3911">
                  <c:v>19.04749608930711</c:v>
                </c:pt>
                <c:pt idx="3912">
                  <c:v>19.297241723582559</c:v>
                </c:pt>
                <c:pt idx="3913">
                  <c:v>19.453577243510249</c:v>
                </c:pt>
                <c:pt idx="3914">
                  <c:v>19.435357061514832</c:v>
                </c:pt>
                <c:pt idx="3915">
                  <c:v>19.464459623825725</c:v>
                </c:pt>
                <c:pt idx="3916">
                  <c:v>19.496008761032904</c:v>
                </c:pt>
                <c:pt idx="3917">
                  <c:v>19.459917898960235</c:v>
                </c:pt>
                <c:pt idx="3918">
                  <c:v>19.377548155031981</c:v>
                </c:pt>
                <c:pt idx="3919">
                  <c:v>19.325500201701843</c:v>
                </c:pt>
                <c:pt idx="3920">
                  <c:v>19.179428158122057</c:v>
                </c:pt>
                <c:pt idx="3921">
                  <c:v>19.180720536157878</c:v>
                </c:pt>
                <c:pt idx="3922">
                  <c:v>19.273980646418167</c:v>
                </c:pt>
                <c:pt idx="3923">
                  <c:v>19.287501581393908</c:v>
                </c:pt>
                <c:pt idx="3924">
                  <c:v>19.325893161323208</c:v>
                </c:pt>
                <c:pt idx="3925">
                  <c:v>19.36551888416367</c:v>
                </c:pt>
                <c:pt idx="3926">
                  <c:v>19.391682336631408</c:v>
                </c:pt>
                <c:pt idx="3927">
                  <c:v>19.375197347508319</c:v>
                </c:pt>
                <c:pt idx="3928">
                  <c:v>19.319860968752774</c:v>
                </c:pt>
                <c:pt idx="3929">
                  <c:v>19.2800699091311</c:v>
                </c:pt>
                <c:pt idx="3930">
                  <c:v>19.226041319865402</c:v>
                </c:pt>
                <c:pt idx="3931">
                  <c:v>19.133910534341723</c:v>
                </c:pt>
                <c:pt idx="3932">
                  <c:v>18.979883836315729</c:v>
                </c:pt>
                <c:pt idx="3933">
                  <c:v>18.760090025139082</c:v>
                </c:pt>
                <c:pt idx="3934">
                  <c:v>18.501864390291235</c:v>
                </c:pt>
                <c:pt idx="3935">
                  <c:v>18.240326805614863</c:v>
                </c:pt>
                <c:pt idx="3936">
                  <c:v>18.050922359919692</c:v>
                </c:pt>
                <c:pt idx="3937">
                  <c:v>17.93945821911565</c:v>
                </c:pt>
                <c:pt idx="3938">
                  <c:v>17.988176392595172</c:v>
                </c:pt>
                <c:pt idx="3939">
                  <c:v>17.95225462370211</c:v>
                </c:pt>
                <c:pt idx="3940">
                  <c:v>17.93887172722917</c:v>
                </c:pt>
                <c:pt idx="3941">
                  <c:v>17.961819748393971</c:v>
                </c:pt>
                <c:pt idx="3942">
                  <c:v>17.954658842022674</c:v>
                </c:pt>
                <c:pt idx="3943">
                  <c:v>17.97381758691666</c:v>
                </c:pt>
                <c:pt idx="3944">
                  <c:v>17.986718909995851</c:v>
                </c:pt>
                <c:pt idx="3945">
                  <c:v>17.985297476017323</c:v>
                </c:pt>
                <c:pt idx="3946">
                  <c:v>17.996081265356018</c:v>
                </c:pt>
                <c:pt idx="3947">
                  <c:v>18.032391871912825</c:v>
                </c:pt>
                <c:pt idx="3948">
                  <c:v>18.044914728873501</c:v>
                </c:pt>
                <c:pt idx="3949">
                  <c:v>17.992595918201836</c:v>
                </c:pt>
                <c:pt idx="3950">
                  <c:v>17.951963332518652</c:v>
                </c:pt>
                <c:pt idx="3951">
                  <c:v>17.965081366498687</c:v>
                </c:pt>
                <c:pt idx="3952">
                  <c:v>17.953002281653433</c:v>
                </c:pt>
                <c:pt idx="3953">
                  <c:v>17.977815255550659</c:v>
                </c:pt>
                <c:pt idx="3954">
                  <c:v>17.979810425090395</c:v>
                </c:pt>
                <c:pt idx="3955">
                  <c:v>17.983351903095333</c:v>
                </c:pt>
                <c:pt idx="3956">
                  <c:v>17.989820893143118</c:v>
                </c:pt>
                <c:pt idx="3957">
                  <c:v>17.997360413381823</c:v>
                </c:pt>
                <c:pt idx="3958">
                  <c:v>18.006041534377719</c:v>
                </c:pt>
                <c:pt idx="3959">
                  <c:v>17.989804876906895</c:v>
                </c:pt>
                <c:pt idx="3960">
                  <c:v>17.981607280834158</c:v>
                </c:pt>
                <c:pt idx="3961">
                  <c:v>17.984677166856351</c:v>
                </c:pt>
                <c:pt idx="3962">
                  <c:v>18.013942189867286</c:v>
                </c:pt>
                <c:pt idx="3963">
                  <c:v>18.028004988309487</c:v>
                </c:pt>
                <c:pt idx="3964">
                  <c:v>18.03926996078436</c:v>
                </c:pt>
                <c:pt idx="3965">
                  <c:v>18.05113040892401</c:v>
                </c:pt>
                <c:pt idx="3966">
                  <c:v>18.05999685387453</c:v>
                </c:pt>
                <c:pt idx="3967">
                  <c:v>18.055557582043022</c:v>
                </c:pt>
                <c:pt idx="3968">
                  <c:v>18.072106824059869</c:v>
                </c:pt>
                <c:pt idx="3969">
                  <c:v>18.104473590980319</c:v>
                </c:pt>
                <c:pt idx="3970">
                  <c:v>18.136859920070858</c:v>
                </c:pt>
                <c:pt idx="3971">
                  <c:v>18.105320848524286</c:v>
                </c:pt>
                <c:pt idx="3972">
                  <c:v>18.032592453188528</c:v>
                </c:pt>
                <c:pt idx="3973">
                  <c:v>18.034237511928563</c:v>
                </c:pt>
                <c:pt idx="3974">
                  <c:v>18.104332830343466</c:v>
                </c:pt>
                <c:pt idx="3975">
                  <c:v>18.228970698327526</c:v>
                </c:pt>
                <c:pt idx="3976">
                  <c:v>18.458902639410645</c:v>
                </c:pt>
                <c:pt idx="3977">
                  <c:v>18.634099535014361</c:v>
                </c:pt>
                <c:pt idx="3978">
                  <c:v>18.731154612401188</c:v>
                </c:pt>
                <c:pt idx="3979">
                  <c:v>18.780032325158224</c:v>
                </c:pt>
                <c:pt idx="3980">
                  <c:v>18.75736552401181</c:v>
                </c:pt>
                <c:pt idx="3981">
                  <c:v>18.74975954270537</c:v>
                </c:pt>
                <c:pt idx="3982">
                  <c:v>18.688435726243824</c:v>
                </c:pt>
                <c:pt idx="3983">
                  <c:v>18.688173459004886</c:v>
                </c:pt>
                <c:pt idx="3984">
                  <c:v>18.737636629663491</c:v>
                </c:pt>
                <c:pt idx="3985">
                  <c:v>18.883574142064411</c:v>
                </c:pt>
                <c:pt idx="3986">
                  <c:v>18.993272590394188</c:v>
                </c:pt>
                <c:pt idx="3987">
                  <c:v>19.055055802942068</c:v>
                </c:pt>
                <c:pt idx="3988">
                  <c:v>19.098778487170364</c:v>
                </c:pt>
                <c:pt idx="3989">
                  <c:v>19.106469941495547</c:v>
                </c:pt>
                <c:pt idx="3990">
                  <c:v>19.0713600189946</c:v>
                </c:pt>
                <c:pt idx="3991">
                  <c:v>19.01430012624963</c:v>
                </c:pt>
                <c:pt idx="3992">
                  <c:v>18.971209245717755</c:v>
                </c:pt>
                <c:pt idx="3993">
                  <c:v>18.937794644541142</c:v>
                </c:pt>
                <c:pt idx="3994">
                  <c:v>18.967724672523257</c:v>
                </c:pt>
                <c:pt idx="3995">
                  <c:v>19.04267652967296</c:v>
                </c:pt>
                <c:pt idx="3996">
                  <c:v>19.129012022212869</c:v>
                </c:pt>
                <c:pt idx="3997">
                  <c:v>19.178508246048263</c:v>
                </c:pt>
                <c:pt idx="3998">
                  <c:v>19.16796679051938</c:v>
                </c:pt>
                <c:pt idx="3999">
                  <c:v>19.126623566798582</c:v>
                </c:pt>
                <c:pt idx="4000">
                  <c:v>18.993814704918979</c:v>
                </c:pt>
                <c:pt idx="4001">
                  <c:v>18.891026900487166</c:v>
                </c:pt>
                <c:pt idx="4002">
                  <c:v>18.858045790765519</c:v>
                </c:pt>
                <c:pt idx="4003">
                  <c:v>18.887323651419873</c:v>
                </c:pt>
                <c:pt idx="4004">
                  <c:v>18.898786315929783</c:v>
                </c:pt>
                <c:pt idx="4005">
                  <c:v>18.959839125683107</c:v>
                </c:pt>
                <c:pt idx="4006">
                  <c:v>19.07758382833514</c:v>
                </c:pt>
                <c:pt idx="4007">
                  <c:v>19.132314622295446</c:v>
                </c:pt>
                <c:pt idx="4008">
                  <c:v>19.121690762171063</c:v>
                </c:pt>
                <c:pt idx="4009">
                  <c:v>19.10722774004266</c:v>
                </c:pt>
                <c:pt idx="4010">
                  <c:v>19.059437384830524</c:v>
                </c:pt>
                <c:pt idx="4011">
                  <c:v>18.99668264667698</c:v>
                </c:pt>
                <c:pt idx="4012">
                  <c:v>19.030752322667944</c:v>
                </c:pt>
                <c:pt idx="4013">
                  <c:v>19.119876159852662</c:v>
                </c:pt>
                <c:pt idx="4014">
                  <c:v>19.124388451550058</c:v>
                </c:pt>
                <c:pt idx="4015">
                  <c:v>19.183296166713895</c:v>
                </c:pt>
                <c:pt idx="4016">
                  <c:v>19.26418461880904</c:v>
                </c:pt>
                <c:pt idx="4017">
                  <c:v>19.296009748762131</c:v>
                </c:pt>
                <c:pt idx="4018">
                  <c:v>19.23748344022188</c:v>
                </c:pt>
                <c:pt idx="4019">
                  <c:v>19.182845241342278</c:v>
                </c:pt>
                <c:pt idx="4020">
                  <c:v>19.172982932685969</c:v>
                </c:pt>
                <c:pt idx="4021">
                  <c:v>19.238923376411307</c:v>
                </c:pt>
                <c:pt idx="4022">
                  <c:v>19.329833343518192</c:v>
                </c:pt>
                <c:pt idx="4023">
                  <c:v>19.392650699215512</c:v>
                </c:pt>
                <c:pt idx="4024">
                  <c:v>19.43834738239164</c:v>
                </c:pt>
                <c:pt idx="4025">
                  <c:v>19.47442853640414</c:v>
                </c:pt>
                <c:pt idx="4026">
                  <c:v>19.513758776900847</c:v>
                </c:pt>
                <c:pt idx="4027">
                  <c:v>19.510538651803859</c:v>
                </c:pt>
                <c:pt idx="4028">
                  <c:v>19.447627336420791</c:v>
                </c:pt>
                <c:pt idx="4029">
                  <c:v>19.449130556920721</c:v>
                </c:pt>
                <c:pt idx="4030">
                  <c:v>19.417984380157694</c:v>
                </c:pt>
                <c:pt idx="4031">
                  <c:v>19.353646993261563</c:v>
                </c:pt>
                <c:pt idx="4032">
                  <c:v>19.267127830011177</c:v>
                </c:pt>
                <c:pt idx="4033">
                  <c:v>19.292744111523312</c:v>
                </c:pt>
                <c:pt idx="4034">
                  <c:v>19.344145755311757</c:v>
                </c:pt>
                <c:pt idx="4035">
                  <c:v>19.359504907159</c:v>
                </c:pt>
                <c:pt idx="4036">
                  <c:v>19.324822718118224</c:v>
                </c:pt>
                <c:pt idx="4037">
                  <c:v>19.205278024569871</c:v>
                </c:pt>
                <c:pt idx="4038">
                  <c:v>19.147111824774555</c:v>
                </c:pt>
                <c:pt idx="4039">
                  <c:v>19.207559093193257</c:v>
                </c:pt>
                <c:pt idx="4040">
                  <c:v>19.256391547903171</c:v>
                </c:pt>
                <c:pt idx="4041">
                  <c:v>19.247385627733124</c:v>
                </c:pt>
                <c:pt idx="4042">
                  <c:v>19.168811953256601</c:v>
                </c:pt>
                <c:pt idx="4043">
                  <c:v>19.119419263625886</c:v>
                </c:pt>
                <c:pt idx="4044">
                  <c:v>19.152635119883531</c:v>
                </c:pt>
                <c:pt idx="4045">
                  <c:v>19.210540124432761</c:v>
                </c:pt>
                <c:pt idx="4046">
                  <c:v>19.227868108056345</c:v>
                </c:pt>
                <c:pt idx="4047">
                  <c:v>19.189399526255517</c:v>
                </c:pt>
                <c:pt idx="4048">
                  <c:v>19.157590676242535</c:v>
                </c:pt>
                <c:pt idx="4049">
                  <c:v>19.173124190884494</c:v>
                </c:pt>
                <c:pt idx="4050">
                  <c:v>19.188903574542294</c:v>
                </c:pt>
                <c:pt idx="4051">
                  <c:v>19.282854778737949</c:v>
                </c:pt>
                <c:pt idx="4052">
                  <c:v>19.447590534427672</c:v>
                </c:pt>
                <c:pt idx="4053">
                  <c:v>19.490900055849558</c:v>
                </c:pt>
                <c:pt idx="4054">
                  <c:v>19.467649310154503</c:v>
                </c:pt>
                <c:pt idx="4055">
                  <c:v>19.303516011202152</c:v>
                </c:pt>
                <c:pt idx="4056">
                  <c:v>19.184782463852418</c:v>
                </c:pt>
                <c:pt idx="4057">
                  <c:v>19.196314407621134</c:v>
                </c:pt>
                <c:pt idx="4058">
                  <c:v>19.315683280388033</c:v>
                </c:pt>
                <c:pt idx="4059">
                  <c:v>19.343898470559981</c:v>
                </c:pt>
                <c:pt idx="4060">
                  <c:v>19.299341835727549</c:v>
                </c:pt>
                <c:pt idx="4061">
                  <c:v>19.268812809152955</c:v>
                </c:pt>
                <c:pt idx="4062">
                  <c:v>19.224982584570363</c:v>
                </c:pt>
                <c:pt idx="4063">
                  <c:v>19.233185479380154</c:v>
                </c:pt>
                <c:pt idx="4064">
                  <c:v>19.201787949251163</c:v>
                </c:pt>
                <c:pt idx="4065">
                  <c:v>19.05992720526395</c:v>
                </c:pt>
                <c:pt idx="4066">
                  <c:v>18.967330677630244</c:v>
                </c:pt>
                <c:pt idx="4067">
                  <c:v>18.923851497432892</c:v>
                </c:pt>
                <c:pt idx="4068">
                  <c:v>18.992436385058472</c:v>
                </c:pt>
                <c:pt idx="4069">
                  <c:v>18.964705124290187</c:v>
                </c:pt>
                <c:pt idx="4070">
                  <c:v>19.039668682917398</c:v>
                </c:pt>
                <c:pt idx="4071">
                  <c:v>19.148173417675931</c:v>
                </c:pt>
                <c:pt idx="4072">
                  <c:v>19.175712838050401</c:v>
                </c:pt>
                <c:pt idx="4073">
                  <c:v>19.190430841933861</c:v>
                </c:pt>
                <c:pt idx="4074">
                  <c:v>19.104455453388304</c:v>
                </c:pt>
                <c:pt idx="4075">
                  <c:v>19.020340424084154</c:v>
                </c:pt>
                <c:pt idx="4076">
                  <c:v>18.989233542473524</c:v>
                </c:pt>
                <c:pt idx="4077">
                  <c:v>18.973088202567411</c:v>
                </c:pt>
                <c:pt idx="4078">
                  <c:v>19.017580913491607</c:v>
                </c:pt>
                <c:pt idx="4079">
                  <c:v>19.003910254726836</c:v>
                </c:pt>
                <c:pt idx="4080">
                  <c:v>19.014752357049257</c:v>
                </c:pt>
                <c:pt idx="4081">
                  <c:v>19.009195485261731</c:v>
                </c:pt>
                <c:pt idx="4082">
                  <c:v>19.068055597717056</c:v>
                </c:pt>
                <c:pt idx="4083">
                  <c:v>19.127700053554054</c:v>
                </c:pt>
                <c:pt idx="4084">
                  <c:v>19.173380498512639</c:v>
                </c:pt>
                <c:pt idx="4085">
                  <c:v>19.1777104544115</c:v>
                </c:pt>
                <c:pt idx="4086">
                  <c:v>19.197747711372678</c:v>
                </c:pt>
                <c:pt idx="4087">
                  <c:v>19.205791378294531</c:v>
                </c:pt>
                <c:pt idx="4088">
                  <c:v>19.134243465696041</c:v>
                </c:pt>
                <c:pt idx="4089">
                  <c:v>19.114719663537791</c:v>
                </c:pt>
                <c:pt idx="4090">
                  <c:v>19.107325444438406</c:v>
                </c:pt>
                <c:pt idx="4091">
                  <c:v>19.144970836267248</c:v>
                </c:pt>
                <c:pt idx="4092">
                  <c:v>19.217985044682408</c:v>
                </c:pt>
                <c:pt idx="4093">
                  <c:v>19.311288752299518</c:v>
                </c:pt>
                <c:pt idx="4094">
                  <c:v>19.339489305925827</c:v>
                </c:pt>
                <c:pt idx="4095">
                  <c:v>19.379286486461961</c:v>
                </c:pt>
                <c:pt idx="4096">
                  <c:v>19.409181229604158</c:v>
                </c:pt>
                <c:pt idx="4097">
                  <c:v>19.413656576408702</c:v>
                </c:pt>
                <c:pt idx="4098">
                  <c:v>19.359079523854781</c:v>
                </c:pt>
                <c:pt idx="4099">
                  <c:v>19.292230775595364</c:v>
                </c:pt>
                <c:pt idx="4100">
                  <c:v>19.315372960588469</c:v>
                </c:pt>
                <c:pt idx="4101">
                  <c:v>19.46503243502745</c:v>
                </c:pt>
                <c:pt idx="4102">
                  <c:v>19.649411712527769</c:v>
                </c:pt>
                <c:pt idx="4103">
                  <c:v>19.746739307208149</c:v>
                </c:pt>
                <c:pt idx="4104">
                  <c:v>19.634071367624205</c:v>
                </c:pt>
                <c:pt idx="4105">
                  <c:v>19.545793361064739</c:v>
                </c:pt>
                <c:pt idx="4106">
                  <c:v>19.491665011904988</c:v>
                </c:pt>
                <c:pt idx="4107">
                  <c:v>19.529998091788482</c:v>
                </c:pt>
                <c:pt idx="4108">
                  <c:v>19.660922642057791</c:v>
                </c:pt>
                <c:pt idx="4109">
                  <c:v>19.757706691803214</c:v>
                </c:pt>
                <c:pt idx="4110">
                  <c:v>19.761655097926585</c:v>
                </c:pt>
                <c:pt idx="4111">
                  <c:v>19.789710989834578</c:v>
                </c:pt>
                <c:pt idx="4112">
                  <c:v>19.763803332077067</c:v>
                </c:pt>
                <c:pt idx="4113">
                  <c:v>19.745042907757778</c:v>
                </c:pt>
                <c:pt idx="4114">
                  <c:v>19.777063289060585</c:v>
                </c:pt>
                <c:pt idx="4115">
                  <c:v>19.869702262067911</c:v>
                </c:pt>
                <c:pt idx="4116">
                  <c:v>19.87952375370185</c:v>
                </c:pt>
                <c:pt idx="4117">
                  <c:v>19.867216242799302</c:v>
                </c:pt>
                <c:pt idx="4118">
                  <c:v>19.800026042591291</c:v>
                </c:pt>
                <c:pt idx="4119">
                  <c:v>19.746278155496249</c:v>
                </c:pt>
                <c:pt idx="4120">
                  <c:v>19.781232871057121</c:v>
                </c:pt>
                <c:pt idx="4121">
                  <c:v>19.765456574024629</c:v>
                </c:pt>
                <c:pt idx="4122">
                  <c:v>19.75639375291934</c:v>
                </c:pt>
                <c:pt idx="4123">
                  <c:v>19.757791739666292</c:v>
                </c:pt>
                <c:pt idx="4124">
                  <c:v>19.760959243316261</c:v>
                </c:pt>
                <c:pt idx="4125">
                  <c:v>19.807631886391999</c:v>
                </c:pt>
                <c:pt idx="4126">
                  <c:v>19.961342754754135</c:v>
                </c:pt>
                <c:pt idx="4127">
                  <c:v>20.034318672663343</c:v>
                </c:pt>
                <c:pt idx="4128">
                  <c:v>20.034288418650274</c:v>
                </c:pt>
                <c:pt idx="4129">
                  <c:v>20.079203754007082</c:v>
                </c:pt>
                <c:pt idx="4130">
                  <c:v>20.096571790659496</c:v>
                </c:pt>
                <c:pt idx="4131">
                  <c:v>20.128556641475718</c:v>
                </c:pt>
                <c:pt idx="4132">
                  <c:v>20.148092258219382</c:v>
                </c:pt>
                <c:pt idx="4133">
                  <c:v>20.19547966876879</c:v>
                </c:pt>
                <c:pt idx="4134">
                  <c:v>20.190989582234863</c:v>
                </c:pt>
                <c:pt idx="4135">
                  <c:v>20.050266268414866</c:v>
                </c:pt>
                <c:pt idx="4136">
                  <c:v>19.956917397571317</c:v>
                </c:pt>
                <c:pt idx="4137">
                  <c:v>19.902861836246679</c:v>
                </c:pt>
                <c:pt idx="4138">
                  <c:v>19.689695962679249</c:v>
                </c:pt>
                <c:pt idx="4139">
                  <c:v>19.473226992898354</c:v>
                </c:pt>
                <c:pt idx="4140">
                  <c:v>19.248804606566409</c:v>
                </c:pt>
                <c:pt idx="4141">
                  <c:v>19.128821875323197</c:v>
                </c:pt>
                <c:pt idx="4142">
                  <c:v>19.040783639382049</c:v>
                </c:pt>
                <c:pt idx="4143">
                  <c:v>19.002721369745345</c:v>
                </c:pt>
                <c:pt idx="4144">
                  <c:v>19.096235334032169</c:v>
                </c:pt>
                <c:pt idx="4145">
                  <c:v>19.218969535128757</c:v>
                </c:pt>
                <c:pt idx="4146">
                  <c:v>19.395680749185352</c:v>
                </c:pt>
                <c:pt idx="4147">
                  <c:v>19.565309969217108</c:v>
                </c:pt>
                <c:pt idx="4148">
                  <c:v>19.656830110973967</c:v>
                </c:pt>
                <c:pt idx="4149">
                  <c:v>19.670029685576363</c:v>
                </c:pt>
                <c:pt idx="4150">
                  <c:v>19.686990782591064</c:v>
                </c:pt>
                <c:pt idx="4151">
                  <c:v>19.770896017081224</c:v>
                </c:pt>
                <c:pt idx="4152">
                  <c:v>19.856614298441031</c:v>
                </c:pt>
                <c:pt idx="4153">
                  <c:v>19.894370670534165</c:v>
                </c:pt>
                <c:pt idx="4154">
                  <c:v>19.878747054229482</c:v>
                </c:pt>
                <c:pt idx="4155">
                  <c:v>19.895180095735483</c:v>
                </c:pt>
                <c:pt idx="4156">
                  <c:v>19.920841771597367</c:v>
                </c:pt>
                <c:pt idx="4157">
                  <c:v>19.928013596895301</c:v>
                </c:pt>
                <c:pt idx="4158">
                  <c:v>19.947416260425747</c:v>
                </c:pt>
                <c:pt idx="4159">
                  <c:v>19.986052271619499</c:v>
                </c:pt>
                <c:pt idx="4160">
                  <c:v>20.010603178389694</c:v>
                </c:pt>
                <c:pt idx="4161">
                  <c:v>20.029055263769521</c:v>
                </c:pt>
                <c:pt idx="4162">
                  <c:v>20.063011753818127</c:v>
                </c:pt>
                <c:pt idx="4163">
                  <c:v>20.104444252318867</c:v>
                </c:pt>
                <c:pt idx="4164">
                  <c:v>20.091800568438725</c:v>
                </c:pt>
                <c:pt idx="4165">
                  <c:v>20.022777107596461</c:v>
                </c:pt>
                <c:pt idx="4166">
                  <c:v>19.957921982885779</c:v>
                </c:pt>
                <c:pt idx="4167">
                  <c:v>19.906708631313549</c:v>
                </c:pt>
                <c:pt idx="4168">
                  <c:v>19.861372010717158</c:v>
                </c:pt>
                <c:pt idx="4169">
                  <c:v>19.80445704065135</c:v>
                </c:pt>
                <c:pt idx="4170">
                  <c:v>19.786241368293759</c:v>
                </c:pt>
                <c:pt idx="4171">
                  <c:v>19.771523025096972</c:v>
                </c:pt>
                <c:pt idx="4172">
                  <c:v>19.815015455013508</c:v>
                </c:pt>
                <c:pt idx="4173">
                  <c:v>19.882302133983195</c:v>
                </c:pt>
                <c:pt idx="4174">
                  <c:v>19.97454233046982</c:v>
                </c:pt>
                <c:pt idx="4175">
                  <c:v>19.943466467244903</c:v>
                </c:pt>
                <c:pt idx="4176">
                  <c:v>19.862821294081556</c:v>
                </c:pt>
                <c:pt idx="4177">
                  <c:v>19.773119539155907</c:v>
                </c:pt>
                <c:pt idx="4178">
                  <c:v>19.734506531355169</c:v>
                </c:pt>
                <c:pt idx="4179">
                  <c:v>19.70129073266223</c:v>
                </c:pt>
                <c:pt idx="4180">
                  <c:v>19.744982034151313</c:v>
                </c:pt>
                <c:pt idx="4181">
                  <c:v>19.775869573716097</c:v>
                </c:pt>
                <c:pt idx="4182">
                  <c:v>19.837728841825903</c:v>
                </c:pt>
                <c:pt idx="4183">
                  <c:v>19.885535230369044</c:v>
                </c:pt>
                <c:pt idx="4184">
                  <c:v>19.911102658977118</c:v>
                </c:pt>
                <c:pt idx="4185">
                  <c:v>19.893793911124558</c:v>
                </c:pt>
                <c:pt idx="4186">
                  <c:v>19.890016603480561</c:v>
                </c:pt>
                <c:pt idx="4187">
                  <c:v>19.966231727507047</c:v>
                </c:pt>
                <c:pt idx="4188">
                  <c:v>20.023128130715371</c:v>
                </c:pt>
                <c:pt idx="4189">
                  <c:v>20.023515563104919</c:v>
                </c:pt>
                <c:pt idx="4190">
                  <c:v>20.03735989607874</c:v>
                </c:pt>
                <c:pt idx="4191">
                  <c:v>20.06730318450294</c:v>
                </c:pt>
                <c:pt idx="4192">
                  <c:v>20.105374800602487</c:v>
                </c:pt>
                <c:pt idx="4193">
                  <c:v>20.088157406172336</c:v>
                </c:pt>
                <c:pt idx="4194">
                  <c:v>20.078119556839678</c:v>
                </c:pt>
                <c:pt idx="4195">
                  <c:v>20.146528328714158</c:v>
                </c:pt>
                <c:pt idx="4196">
                  <c:v>20.199994129651756</c:v>
                </c:pt>
                <c:pt idx="4197">
                  <c:v>20.243842872922698</c:v>
                </c:pt>
                <c:pt idx="4198">
                  <c:v>20.210649396860944</c:v>
                </c:pt>
                <c:pt idx="4199">
                  <c:v>20.215915363340553</c:v>
                </c:pt>
                <c:pt idx="4200">
                  <c:v>20.273659125071362</c:v>
                </c:pt>
                <c:pt idx="4201">
                  <c:v>20.381141376059418</c:v>
                </c:pt>
                <c:pt idx="4202">
                  <c:v>20.488324184270112</c:v>
                </c:pt>
                <c:pt idx="4203">
                  <c:v>20.524673928953145</c:v>
                </c:pt>
                <c:pt idx="4204">
                  <c:v>20.48014414636593</c:v>
                </c:pt>
                <c:pt idx="4205">
                  <c:v>20.34012374479698</c:v>
                </c:pt>
                <c:pt idx="4206">
                  <c:v>20.263151011242321</c:v>
                </c:pt>
                <c:pt idx="4207">
                  <c:v>20.258099559447984</c:v>
                </c:pt>
                <c:pt idx="4208">
                  <c:v>20.294845528996696</c:v>
                </c:pt>
                <c:pt idx="4209">
                  <c:v>20.29901562237422</c:v>
                </c:pt>
                <c:pt idx="4210">
                  <c:v>20.18868033930115</c:v>
                </c:pt>
                <c:pt idx="4211">
                  <c:v>20.111746882705486</c:v>
                </c:pt>
                <c:pt idx="4212">
                  <c:v>20.072980438664764</c:v>
                </c:pt>
                <c:pt idx="4213">
                  <c:v>20.140843401382419</c:v>
                </c:pt>
                <c:pt idx="4214">
                  <c:v>20.125545662162455</c:v>
                </c:pt>
                <c:pt idx="4215">
                  <c:v>20.030548089280593</c:v>
                </c:pt>
                <c:pt idx="4216">
                  <c:v>19.96188396154642</c:v>
                </c:pt>
                <c:pt idx="4217">
                  <c:v>19.921926022711705</c:v>
                </c:pt>
                <c:pt idx="4218">
                  <c:v>19.940878477554044</c:v>
                </c:pt>
                <c:pt idx="4219">
                  <c:v>19.951288600191642</c:v>
                </c:pt>
                <c:pt idx="4220">
                  <c:v>19.971024106199451</c:v>
                </c:pt>
                <c:pt idx="4221">
                  <c:v>20.093120805007779</c:v>
                </c:pt>
                <c:pt idx="4222">
                  <c:v>20.119638735458487</c:v>
                </c:pt>
                <c:pt idx="4223">
                  <c:v>20.124864959688171</c:v>
                </c:pt>
                <c:pt idx="4224">
                  <c:v>20.115950142288597</c:v>
                </c:pt>
                <c:pt idx="4225">
                  <c:v>20.102109063498972</c:v>
                </c:pt>
                <c:pt idx="4226">
                  <c:v>20.11748966691659</c:v>
                </c:pt>
                <c:pt idx="4227">
                  <c:v>20.148460183149805</c:v>
                </c:pt>
                <c:pt idx="4228">
                  <c:v>20.09319878646653</c:v>
                </c:pt>
                <c:pt idx="4229">
                  <c:v>19.97522500175765</c:v>
                </c:pt>
                <c:pt idx="4230">
                  <c:v>19.948873082906804</c:v>
                </c:pt>
                <c:pt idx="4231">
                  <c:v>19.948068795562509</c:v>
                </c:pt>
                <c:pt idx="4232">
                  <c:v>19.982637508058293</c:v>
                </c:pt>
                <c:pt idx="4233">
                  <c:v>20.082576741818944</c:v>
                </c:pt>
                <c:pt idx="4234">
                  <c:v>20.126595594897889</c:v>
                </c:pt>
                <c:pt idx="4235">
                  <c:v>20.076632916276672</c:v>
                </c:pt>
                <c:pt idx="4236">
                  <c:v>20.005422705341864</c:v>
                </c:pt>
                <c:pt idx="4237">
                  <c:v>19.861152164687589</c:v>
                </c:pt>
                <c:pt idx="4238">
                  <c:v>19.790311813218903</c:v>
                </c:pt>
                <c:pt idx="4239">
                  <c:v>19.780856841725484</c:v>
                </c:pt>
                <c:pt idx="4240">
                  <c:v>19.825764378382807</c:v>
                </c:pt>
                <c:pt idx="4241">
                  <c:v>19.879469993107829</c:v>
                </c:pt>
                <c:pt idx="4242">
                  <c:v>19.884696496822173</c:v>
                </c:pt>
                <c:pt idx="4243">
                  <c:v>19.865969349647319</c:v>
                </c:pt>
                <c:pt idx="4244">
                  <c:v>19.833520802432936</c:v>
                </c:pt>
                <c:pt idx="4245">
                  <c:v>19.898114175903117</c:v>
                </c:pt>
                <c:pt idx="4246">
                  <c:v>19.970705694701586</c:v>
                </c:pt>
                <c:pt idx="4247">
                  <c:v>19.994852716622457</c:v>
                </c:pt>
                <c:pt idx="4248">
                  <c:v>20.035267481769168</c:v>
                </c:pt>
                <c:pt idx="4249">
                  <c:v>20.082647399915778</c:v>
                </c:pt>
                <c:pt idx="4250">
                  <c:v>20.14363567138016</c:v>
                </c:pt>
                <c:pt idx="4251">
                  <c:v>20.244813012715078</c:v>
                </c:pt>
                <c:pt idx="4252">
                  <c:v>20.293408248885541</c:v>
                </c:pt>
                <c:pt idx="4253">
                  <c:v>20.234233955576912</c:v>
                </c:pt>
                <c:pt idx="4254">
                  <c:v>20.191502206779841</c:v>
                </c:pt>
                <c:pt idx="4255">
                  <c:v>20.157272838608108</c:v>
                </c:pt>
                <c:pt idx="4256">
                  <c:v>20.036638601857231</c:v>
                </c:pt>
                <c:pt idx="4257">
                  <c:v>19.971812627456451</c:v>
                </c:pt>
                <c:pt idx="4258">
                  <c:v>19.920610247020818</c:v>
                </c:pt>
                <c:pt idx="4259">
                  <c:v>19.933307891557973</c:v>
                </c:pt>
                <c:pt idx="4260">
                  <c:v>19.953140447099507</c:v>
                </c:pt>
                <c:pt idx="4261">
                  <c:v>19.9597744610459</c:v>
                </c:pt>
                <c:pt idx="4262">
                  <c:v>19.999953374511563</c:v>
                </c:pt>
                <c:pt idx="4263">
                  <c:v>20.086224082746863</c:v>
                </c:pt>
                <c:pt idx="4264">
                  <c:v>20.117454669173451</c:v>
                </c:pt>
                <c:pt idx="4265">
                  <c:v>20.061119794910272</c:v>
                </c:pt>
                <c:pt idx="4266">
                  <c:v>20.053494441670153</c:v>
                </c:pt>
                <c:pt idx="4267">
                  <c:v>20.048732196342883</c:v>
                </c:pt>
                <c:pt idx="4268">
                  <c:v>20.069326586705149</c:v>
                </c:pt>
                <c:pt idx="4269">
                  <c:v>20.125545889890507</c:v>
                </c:pt>
                <c:pt idx="4270">
                  <c:v>20.157488154139852</c:v>
                </c:pt>
                <c:pt idx="4271">
                  <c:v>20.173550716892837</c:v>
                </c:pt>
                <c:pt idx="4272">
                  <c:v>20.221613612379485</c:v>
                </c:pt>
                <c:pt idx="4273">
                  <c:v>20.276866007638287</c:v>
                </c:pt>
                <c:pt idx="4274">
                  <c:v>20.323160200001148</c:v>
                </c:pt>
                <c:pt idx="4275">
                  <c:v>20.307488443021171</c:v>
                </c:pt>
                <c:pt idx="4276">
                  <c:v>20.245490387555556</c:v>
                </c:pt>
                <c:pt idx="4277">
                  <c:v>20.167128861238108</c:v>
                </c:pt>
                <c:pt idx="4278">
                  <c:v>20.108159607447824</c:v>
                </c:pt>
                <c:pt idx="4279">
                  <c:v>20.102277889191509</c:v>
                </c:pt>
                <c:pt idx="4280">
                  <c:v>20.115359802353666</c:v>
                </c:pt>
                <c:pt idx="4281">
                  <c:v>20.091557290992309</c:v>
                </c:pt>
                <c:pt idx="4282">
                  <c:v>20.16332309853771</c:v>
                </c:pt>
                <c:pt idx="4283">
                  <c:v>20.177062822272323</c:v>
                </c:pt>
                <c:pt idx="4284">
                  <c:v>20.120490017002702</c:v>
                </c:pt>
                <c:pt idx="4285">
                  <c:v>20.117356774441426</c:v>
                </c:pt>
                <c:pt idx="4286">
                  <c:v>20.152735902687962</c:v>
                </c:pt>
                <c:pt idx="4287">
                  <c:v>20.179492884160609</c:v>
                </c:pt>
                <c:pt idx="4288">
                  <c:v>20.136032552867125</c:v>
                </c:pt>
                <c:pt idx="4289">
                  <c:v>20.075264288551708</c:v>
                </c:pt>
                <c:pt idx="4290">
                  <c:v>20.015200289052739</c:v>
                </c:pt>
                <c:pt idx="4291">
                  <c:v>19.991199034265271</c:v>
                </c:pt>
                <c:pt idx="4292">
                  <c:v>20.044660873191553</c:v>
                </c:pt>
                <c:pt idx="4293">
                  <c:v>20.100208240114632</c:v>
                </c:pt>
                <c:pt idx="4294">
                  <c:v>20.135889795851497</c:v>
                </c:pt>
                <c:pt idx="4295">
                  <c:v>20.136619752046965</c:v>
                </c:pt>
                <c:pt idx="4296">
                  <c:v>20.124095271531367</c:v>
                </c:pt>
                <c:pt idx="4297">
                  <c:v>20.068877256788937</c:v>
                </c:pt>
                <c:pt idx="4298">
                  <c:v>19.998831136225718</c:v>
                </c:pt>
                <c:pt idx="4299">
                  <c:v>19.936007580891633</c:v>
                </c:pt>
                <c:pt idx="4300">
                  <c:v>19.88632794716677</c:v>
                </c:pt>
                <c:pt idx="4301">
                  <c:v>19.896335638857508</c:v>
                </c:pt>
                <c:pt idx="4302">
                  <c:v>19.917482909625306</c:v>
                </c:pt>
                <c:pt idx="4303">
                  <c:v>19.884566786561365</c:v>
                </c:pt>
                <c:pt idx="4304">
                  <c:v>19.824803513205289</c:v>
                </c:pt>
                <c:pt idx="4305">
                  <c:v>19.83372721696395</c:v>
                </c:pt>
                <c:pt idx="4306">
                  <c:v>19.876298371682097</c:v>
                </c:pt>
                <c:pt idx="4307">
                  <c:v>19.898858462721766</c:v>
                </c:pt>
                <c:pt idx="4308">
                  <c:v>19.946452999895087</c:v>
                </c:pt>
                <c:pt idx="4309">
                  <c:v>20.081693330692598</c:v>
                </c:pt>
                <c:pt idx="4310">
                  <c:v>20.173172659167477</c:v>
                </c:pt>
                <c:pt idx="4311">
                  <c:v>20.280885524082084</c:v>
                </c:pt>
                <c:pt idx="4312">
                  <c:v>20.322635002948999</c:v>
                </c:pt>
                <c:pt idx="4313">
                  <c:v>20.250190289131076</c:v>
                </c:pt>
                <c:pt idx="4314">
                  <c:v>20.256916261928417</c:v>
                </c:pt>
                <c:pt idx="4315">
                  <c:v>20.317738158355713</c:v>
                </c:pt>
                <c:pt idx="4316">
                  <c:v>20.421001467948862</c:v>
                </c:pt>
                <c:pt idx="4317">
                  <c:v>20.421602224789346</c:v>
                </c:pt>
                <c:pt idx="4318">
                  <c:v>20.414987725083996</c:v>
                </c:pt>
                <c:pt idx="4319">
                  <c:v>20.38529826077912</c:v>
                </c:pt>
                <c:pt idx="4320">
                  <c:v>20.358518394663342</c:v>
                </c:pt>
                <c:pt idx="4321">
                  <c:v>20.324509772035352</c:v>
                </c:pt>
                <c:pt idx="4322">
                  <c:v>20.315369607878392</c:v>
                </c:pt>
                <c:pt idx="4323">
                  <c:v>20.282097805781664</c:v>
                </c:pt>
                <c:pt idx="4324">
                  <c:v>20.219839298790518</c:v>
                </c:pt>
                <c:pt idx="4325">
                  <c:v>20.130818463895434</c:v>
                </c:pt>
                <c:pt idx="4326">
                  <c:v>20.041219575431203</c:v>
                </c:pt>
                <c:pt idx="4327">
                  <c:v>19.966923236485748</c:v>
                </c:pt>
                <c:pt idx="4328">
                  <c:v>19.951912489895626</c:v>
                </c:pt>
                <c:pt idx="4329">
                  <c:v>19.98938632518205</c:v>
                </c:pt>
                <c:pt idx="4330">
                  <c:v>20.029339143751095</c:v>
                </c:pt>
                <c:pt idx="4331">
                  <c:v>20.001576489747563</c:v>
                </c:pt>
                <c:pt idx="4332">
                  <c:v>19.867968931064933</c:v>
                </c:pt>
                <c:pt idx="4333">
                  <c:v>19.734325277156149</c:v>
                </c:pt>
                <c:pt idx="4334">
                  <c:v>19.68641291181186</c:v>
                </c:pt>
                <c:pt idx="4335">
                  <c:v>19.70389229874478</c:v>
                </c:pt>
                <c:pt idx="4336">
                  <c:v>19.855779890075929</c:v>
                </c:pt>
                <c:pt idx="4337">
                  <c:v>19.97899733024629</c:v>
                </c:pt>
                <c:pt idx="4338">
                  <c:v>20.068379406286681</c:v>
                </c:pt>
                <c:pt idx="4339">
                  <c:v>20.161550231341934</c:v>
                </c:pt>
                <c:pt idx="4340">
                  <c:v>20.261644161427853</c:v>
                </c:pt>
                <c:pt idx="4341">
                  <c:v>20.319625378331288</c:v>
                </c:pt>
                <c:pt idx="4342">
                  <c:v>20.322389569342025</c:v>
                </c:pt>
                <c:pt idx="4343">
                  <c:v>20.305180495729502</c:v>
                </c:pt>
                <c:pt idx="4344">
                  <c:v>20.251990139629651</c:v>
                </c:pt>
                <c:pt idx="4345">
                  <c:v>20.14881362511133</c:v>
                </c:pt>
                <c:pt idx="4346">
                  <c:v>20.036102174974275</c:v>
                </c:pt>
                <c:pt idx="4347">
                  <c:v>20.02740684341985</c:v>
                </c:pt>
                <c:pt idx="4348">
                  <c:v>20.103649018305788</c:v>
                </c:pt>
                <c:pt idx="4349">
                  <c:v>20.219101319376808</c:v>
                </c:pt>
                <c:pt idx="4350">
                  <c:v>20.343086840142735</c:v>
                </c:pt>
                <c:pt idx="4351">
                  <c:v>20.38822177714016</c:v>
                </c:pt>
                <c:pt idx="4352">
                  <c:v>20.455098615625872</c:v>
                </c:pt>
                <c:pt idx="4353">
                  <c:v>20.519418170921796</c:v>
                </c:pt>
                <c:pt idx="4354">
                  <c:v>20.609178782951908</c:v>
                </c:pt>
                <c:pt idx="4355">
                  <c:v>20.614909159375642</c:v>
                </c:pt>
                <c:pt idx="4356">
                  <c:v>20.544057824183643</c:v>
                </c:pt>
                <c:pt idx="4357">
                  <c:v>20.479432741012552</c:v>
                </c:pt>
                <c:pt idx="4358">
                  <c:v>20.408595263797579</c:v>
                </c:pt>
                <c:pt idx="4359">
                  <c:v>20.30958639090748</c:v>
                </c:pt>
                <c:pt idx="4360">
                  <c:v>20.20809884482167</c:v>
                </c:pt>
                <c:pt idx="4361">
                  <c:v>20.142388753816828</c:v>
                </c:pt>
                <c:pt idx="4362">
                  <c:v>20.083741303865956</c:v>
                </c:pt>
                <c:pt idx="4363">
                  <c:v>20.076214314783556</c:v>
                </c:pt>
                <c:pt idx="4364">
                  <c:v>20.061625613967013</c:v>
                </c:pt>
                <c:pt idx="4365">
                  <c:v>19.961284270327852</c:v>
                </c:pt>
                <c:pt idx="4366">
                  <c:v>19.950583159553304</c:v>
                </c:pt>
                <c:pt idx="4367">
                  <c:v>20.027822244917594</c:v>
                </c:pt>
                <c:pt idx="4368">
                  <c:v>20.070483689909469</c:v>
                </c:pt>
                <c:pt idx="4369">
                  <c:v>20.003290404919184</c:v>
                </c:pt>
                <c:pt idx="4370">
                  <c:v>20.067065819541099</c:v>
                </c:pt>
                <c:pt idx="4371">
                  <c:v>20.179830318144838</c:v>
                </c:pt>
                <c:pt idx="4372">
                  <c:v>20.286396617164357</c:v>
                </c:pt>
                <c:pt idx="4373">
                  <c:v>20.342583030344574</c:v>
                </c:pt>
                <c:pt idx="4374">
                  <c:v>20.287687950529634</c:v>
                </c:pt>
                <c:pt idx="4375">
                  <c:v>20.217550941986158</c:v>
                </c:pt>
                <c:pt idx="4376">
                  <c:v>20.264419022402368</c:v>
                </c:pt>
                <c:pt idx="4377">
                  <c:v>20.410140970139743</c:v>
                </c:pt>
                <c:pt idx="4378">
                  <c:v>20.597776810062843</c:v>
                </c:pt>
                <c:pt idx="4379">
                  <c:v>20.701428496903791</c:v>
                </c:pt>
                <c:pt idx="4380">
                  <c:v>20.757668005988386</c:v>
                </c:pt>
                <c:pt idx="4381">
                  <c:v>20.711165121922669</c:v>
                </c:pt>
                <c:pt idx="4382">
                  <c:v>20.665062079394488</c:v>
                </c:pt>
                <c:pt idx="4383">
                  <c:v>20.593944653307847</c:v>
                </c:pt>
                <c:pt idx="4384">
                  <c:v>20.555255835801319</c:v>
                </c:pt>
                <c:pt idx="4385">
                  <c:v>20.46258185861678</c:v>
                </c:pt>
                <c:pt idx="4386">
                  <c:v>20.520835989764564</c:v>
                </c:pt>
                <c:pt idx="4387">
                  <c:v>20.629890537030878</c:v>
                </c:pt>
                <c:pt idx="4388">
                  <c:v>20.770031210373258</c:v>
                </c:pt>
                <c:pt idx="4389">
                  <c:v>20.89914110420991</c:v>
                </c:pt>
                <c:pt idx="4390">
                  <c:v>20.959852157317872</c:v>
                </c:pt>
                <c:pt idx="4391">
                  <c:v>20.843586883800281</c:v>
                </c:pt>
                <c:pt idx="4392">
                  <c:v>20.673858790105683</c:v>
                </c:pt>
                <c:pt idx="4393">
                  <c:v>20.523661417107988</c:v>
                </c:pt>
                <c:pt idx="4394">
                  <c:v>20.393652091731745</c:v>
                </c:pt>
                <c:pt idx="4395">
                  <c:v>20.266986620330727</c:v>
                </c:pt>
                <c:pt idx="4396">
                  <c:v>20.153790226322094</c:v>
                </c:pt>
                <c:pt idx="4397">
                  <c:v>20.072935299118022</c:v>
                </c:pt>
                <c:pt idx="4398">
                  <c:v>19.971230832405006</c:v>
                </c:pt>
                <c:pt idx="4399">
                  <c:v>19.901323351620146</c:v>
                </c:pt>
                <c:pt idx="4400">
                  <c:v>19.981880658229439</c:v>
                </c:pt>
                <c:pt idx="4401">
                  <c:v>20.070687552262036</c:v>
                </c:pt>
                <c:pt idx="4402">
                  <c:v>20.167373990456547</c:v>
                </c:pt>
                <c:pt idx="4403">
                  <c:v>20.111709780011829</c:v>
                </c:pt>
                <c:pt idx="4404">
                  <c:v>20.028397854498841</c:v>
                </c:pt>
                <c:pt idx="4405">
                  <c:v>19.914492605702559</c:v>
                </c:pt>
                <c:pt idx="4406">
                  <c:v>19.982710842971489</c:v>
                </c:pt>
                <c:pt idx="4407">
                  <c:v>20.123699249004055</c:v>
                </c:pt>
                <c:pt idx="4408">
                  <c:v>20.281789531427172</c:v>
                </c:pt>
                <c:pt idx="4409">
                  <c:v>20.408403067866182</c:v>
                </c:pt>
                <c:pt idx="4410">
                  <c:v>20.473906615718263</c:v>
                </c:pt>
                <c:pt idx="4411">
                  <c:v>20.427459326713411</c:v>
                </c:pt>
                <c:pt idx="4412">
                  <c:v>20.398870029960506</c:v>
                </c:pt>
                <c:pt idx="4413">
                  <c:v>20.401655528923133</c:v>
                </c:pt>
                <c:pt idx="4414">
                  <c:v>20.368730787949527</c:v>
                </c:pt>
                <c:pt idx="4415">
                  <c:v>20.355529906182817</c:v>
                </c:pt>
                <c:pt idx="4416">
                  <c:v>20.351409564609941</c:v>
                </c:pt>
                <c:pt idx="4417">
                  <c:v>20.300616050667315</c:v>
                </c:pt>
                <c:pt idx="4418">
                  <c:v>20.273346363040694</c:v>
                </c:pt>
                <c:pt idx="4419">
                  <c:v>20.182461346004015</c:v>
                </c:pt>
                <c:pt idx="4420">
                  <c:v>20.104776727618674</c:v>
                </c:pt>
                <c:pt idx="4421">
                  <c:v>20.100545854222922</c:v>
                </c:pt>
                <c:pt idx="4422">
                  <c:v>20.138462748071806</c:v>
                </c:pt>
                <c:pt idx="4423">
                  <c:v>20.177263209826556</c:v>
                </c:pt>
                <c:pt idx="4424">
                  <c:v>20.215689786740043</c:v>
                </c:pt>
                <c:pt idx="4425">
                  <c:v>20.239873776436571</c:v>
                </c:pt>
                <c:pt idx="4426">
                  <c:v>20.291513304512023</c:v>
                </c:pt>
                <c:pt idx="4427">
                  <c:v>20.304496397862032</c:v>
                </c:pt>
                <c:pt idx="4428">
                  <c:v>20.320921456498077</c:v>
                </c:pt>
                <c:pt idx="4429">
                  <c:v>20.398459132439683</c:v>
                </c:pt>
                <c:pt idx="4430">
                  <c:v>20.520478300273961</c:v>
                </c:pt>
                <c:pt idx="4431">
                  <c:v>20.652519147720877</c:v>
                </c:pt>
                <c:pt idx="4432">
                  <c:v>20.735417214173708</c:v>
                </c:pt>
                <c:pt idx="4433">
                  <c:v>20.73188194729001</c:v>
                </c:pt>
                <c:pt idx="4434">
                  <c:v>20.67408294423613</c:v>
                </c:pt>
                <c:pt idx="4435">
                  <c:v>20.530017725853085</c:v>
                </c:pt>
                <c:pt idx="4436">
                  <c:v>20.417446215495495</c:v>
                </c:pt>
                <c:pt idx="4437">
                  <c:v>20.331201500260349</c:v>
                </c:pt>
                <c:pt idx="4438">
                  <c:v>20.226369401612345</c:v>
                </c:pt>
                <c:pt idx="4439">
                  <c:v>20.172573824387378</c:v>
                </c:pt>
                <c:pt idx="4440">
                  <c:v>20.032680222667054</c:v>
                </c:pt>
                <c:pt idx="4441">
                  <c:v>19.867265794683632</c:v>
                </c:pt>
                <c:pt idx="4442">
                  <c:v>19.739520834018052</c:v>
                </c:pt>
                <c:pt idx="4443">
                  <c:v>19.714448206104397</c:v>
                </c:pt>
                <c:pt idx="4444">
                  <c:v>19.708212150759309</c:v>
                </c:pt>
                <c:pt idx="4445">
                  <c:v>19.654658295725529</c:v>
                </c:pt>
                <c:pt idx="4446">
                  <c:v>19.675428119406117</c:v>
                </c:pt>
                <c:pt idx="4447">
                  <c:v>19.780121293645397</c:v>
                </c:pt>
                <c:pt idx="4448">
                  <c:v>19.924496688997976</c:v>
                </c:pt>
                <c:pt idx="4449">
                  <c:v>20.04227327278705</c:v>
                </c:pt>
                <c:pt idx="4450">
                  <c:v>20.128747416517481</c:v>
                </c:pt>
                <c:pt idx="4451">
                  <c:v>20.176900617710327</c:v>
                </c:pt>
                <c:pt idx="4452">
                  <c:v>20.269720554310609</c:v>
                </c:pt>
                <c:pt idx="4453">
                  <c:v>20.390699354688188</c:v>
                </c:pt>
                <c:pt idx="4454">
                  <c:v>20.44779201443032</c:v>
                </c:pt>
                <c:pt idx="4455">
                  <c:v>20.479541027803961</c:v>
                </c:pt>
                <c:pt idx="4456">
                  <c:v>20.417883114359128</c:v>
                </c:pt>
                <c:pt idx="4457">
                  <c:v>20.369431012891308</c:v>
                </c:pt>
                <c:pt idx="4458">
                  <c:v>20.333664621924726</c:v>
                </c:pt>
                <c:pt idx="4459">
                  <c:v>20.314706081344465</c:v>
                </c:pt>
                <c:pt idx="4460">
                  <c:v>20.303050255411257</c:v>
                </c:pt>
                <c:pt idx="4461">
                  <c:v>20.227600397695138</c:v>
                </c:pt>
                <c:pt idx="4462">
                  <c:v>20.087202203175227</c:v>
                </c:pt>
                <c:pt idx="4463">
                  <c:v>19.985728522929492</c:v>
                </c:pt>
                <c:pt idx="4464">
                  <c:v>19.958243995651745</c:v>
                </c:pt>
                <c:pt idx="4465">
                  <c:v>19.875708015629293</c:v>
                </c:pt>
                <c:pt idx="4466">
                  <c:v>19.758850477624009</c:v>
                </c:pt>
                <c:pt idx="4467">
                  <c:v>19.618613973900583</c:v>
                </c:pt>
                <c:pt idx="4468">
                  <c:v>19.54509529649162</c:v>
                </c:pt>
                <c:pt idx="4469">
                  <c:v>19.376374089867209</c:v>
                </c:pt>
                <c:pt idx="4470">
                  <c:v>19.184137577825993</c:v>
                </c:pt>
                <c:pt idx="4471">
                  <c:v>19.122576732619976</c:v>
                </c:pt>
                <c:pt idx="4472">
                  <c:v>19.242354715146885</c:v>
                </c:pt>
                <c:pt idx="4473">
                  <c:v>19.428660299864653</c:v>
                </c:pt>
                <c:pt idx="4474">
                  <c:v>19.591120462340442</c:v>
                </c:pt>
                <c:pt idx="4475">
                  <c:v>19.734250842974852</c:v>
                </c:pt>
                <c:pt idx="4476">
                  <c:v>19.840722446341445</c:v>
                </c:pt>
                <c:pt idx="4477">
                  <c:v>20.003111234572721</c:v>
                </c:pt>
                <c:pt idx="4478">
                  <c:v>20.166605115998586</c:v>
                </c:pt>
                <c:pt idx="4479">
                  <c:v>20.32143655878145</c:v>
                </c:pt>
                <c:pt idx="4480">
                  <c:v>20.357901486953828</c:v>
                </c:pt>
                <c:pt idx="4481">
                  <c:v>20.348561515728587</c:v>
                </c:pt>
                <c:pt idx="4482">
                  <c:v>20.293722559737777</c:v>
                </c:pt>
                <c:pt idx="4483">
                  <c:v>20.283384426100696</c:v>
                </c:pt>
                <c:pt idx="4484">
                  <c:v>20.213095410744955</c:v>
                </c:pt>
                <c:pt idx="4485">
                  <c:v>20.067369250855496</c:v>
                </c:pt>
                <c:pt idx="4486">
                  <c:v>19.939472829680643</c:v>
                </c:pt>
                <c:pt idx="4487">
                  <c:v>19.958967148888224</c:v>
                </c:pt>
                <c:pt idx="4488">
                  <c:v>20.074508759413916</c:v>
                </c:pt>
                <c:pt idx="4489">
                  <c:v>20.168244246174751</c:v>
                </c:pt>
                <c:pt idx="4490">
                  <c:v>20.179068637355265</c:v>
                </c:pt>
                <c:pt idx="4491">
                  <c:v>20.08986803922777</c:v>
                </c:pt>
                <c:pt idx="4492">
                  <c:v>20.09291254103859</c:v>
                </c:pt>
                <c:pt idx="4493">
                  <c:v>20.196230142277983</c:v>
                </c:pt>
                <c:pt idx="4494">
                  <c:v>20.305722473773962</c:v>
                </c:pt>
                <c:pt idx="4495">
                  <c:v>20.317622768407052</c:v>
                </c:pt>
                <c:pt idx="4496">
                  <c:v>20.340250122105161</c:v>
                </c:pt>
                <c:pt idx="4497">
                  <c:v>20.354196352503937</c:v>
                </c:pt>
                <c:pt idx="4498">
                  <c:v>20.385683752146015</c:v>
                </c:pt>
                <c:pt idx="4499">
                  <c:v>20.399871990367959</c:v>
                </c:pt>
                <c:pt idx="4500">
                  <c:v>20.395373616846967</c:v>
                </c:pt>
                <c:pt idx="4501">
                  <c:v>20.426273704883894</c:v>
                </c:pt>
                <c:pt idx="4502">
                  <c:v>20.451031836945617</c:v>
                </c:pt>
                <c:pt idx="4503">
                  <c:v>20.430988402502397</c:v>
                </c:pt>
                <c:pt idx="4504">
                  <c:v>20.327774005785379</c:v>
                </c:pt>
                <c:pt idx="4505">
                  <c:v>20.119277308000406</c:v>
                </c:pt>
                <c:pt idx="4506">
                  <c:v>20.036719807893626</c:v>
                </c:pt>
                <c:pt idx="4507">
                  <c:v>20.114697976048028</c:v>
                </c:pt>
                <c:pt idx="4508">
                  <c:v>20.289320629183845</c:v>
                </c:pt>
                <c:pt idx="4509">
                  <c:v>20.405771267450206</c:v>
                </c:pt>
                <c:pt idx="4510">
                  <c:v>20.447518837374005</c:v>
                </c:pt>
                <c:pt idx="4511">
                  <c:v>20.392104255949313</c:v>
                </c:pt>
                <c:pt idx="4512">
                  <c:v>20.395877960290729</c:v>
                </c:pt>
                <c:pt idx="4513">
                  <c:v>20.392844195893922</c:v>
                </c:pt>
                <c:pt idx="4514">
                  <c:v>20.402959475494029</c:v>
                </c:pt>
                <c:pt idx="4515">
                  <c:v>20.379208986922826</c:v>
                </c:pt>
                <c:pt idx="4516">
                  <c:v>20.355827528990712</c:v>
                </c:pt>
                <c:pt idx="4517">
                  <c:v>20.34560453176254</c:v>
                </c:pt>
                <c:pt idx="4518">
                  <c:v>20.341489011848228</c:v>
                </c:pt>
                <c:pt idx="4519">
                  <c:v>20.371768022306327</c:v>
                </c:pt>
                <c:pt idx="4520">
                  <c:v>20.373334033736171</c:v>
                </c:pt>
                <c:pt idx="4521">
                  <c:v>20.353230429836664</c:v>
                </c:pt>
                <c:pt idx="4522">
                  <c:v>20.39666928432694</c:v>
                </c:pt>
                <c:pt idx="4523">
                  <c:v>20.409607689084524</c:v>
                </c:pt>
                <c:pt idx="4524">
                  <c:v>20.366454260667261</c:v>
                </c:pt>
                <c:pt idx="4525">
                  <c:v>20.309245734763572</c:v>
                </c:pt>
                <c:pt idx="4526">
                  <c:v>20.310203183450461</c:v>
                </c:pt>
                <c:pt idx="4527">
                  <c:v>20.336772508316855</c:v>
                </c:pt>
                <c:pt idx="4528">
                  <c:v>20.340429953016308</c:v>
                </c:pt>
                <c:pt idx="4529">
                  <c:v>20.229129616627255</c:v>
                </c:pt>
                <c:pt idx="4530">
                  <c:v>20.20725663579206</c:v>
                </c:pt>
                <c:pt idx="4531">
                  <c:v>20.171987986006354</c:v>
                </c:pt>
                <c:pt idx="4532">
                  <c:v>20.226172209704551</c:v>
                </c:pt>
                <c:pt idx="4533">
                  <c:v>20.257664046341851</c:v>
                </c:pt>
                <c:pt idx="4534">
                  <c:v>20.282886428697875</c:v>
                </c:pt>
                <c:pt idx="4535">
                  <c:v>20.252584561608018</c:v>
                </c:pt>
                <c:pt idx="4536">
                  <c:v>20.246365593151509</c:v>
                </c:pt>
                <c:pt idx="4537">
                  <c:v>20.216756394529625</c:v>
                </c:pt>
                <c:pt idx="4538">
                  <c:v>20.214510179498415</c:v>
                </c:pt>
                <c:pt idx="4539">
                  <c:v>20.250540087592796</c:v>
                </c:pt>
                <c:pt idx="4540">
                  <c:v>20.274712508327379</c:v>
                </c:pt>
                <c:pt idx="4541">
                  <c:v>20.2989342495502</c:v>
                </c:pt>
                <c:pt idx="4542">
                  <c:v>20.321775836077926</c:v>
                </c:pt>
                <c:pt idx="4543">
                  <c:v>20.2900753699295</c:v>
                </c:pt>
                <c:pt idx="4544">
                  <c:v>20.176431692656863</c:v>
                </c:pt>
                <c:pt idx="4545">
                  <c:v>20.125374518121465</c:v>
                </c:pt>
                <c:pt idx="4546">
                  <c:v>20.109455663671994</c:v>
                </c:pt>
                <c:pt idx="4547">
                  <c:v>20.093413033136645</c:v>
                </c:pt>
                <c:pt idx="4548">
                  <c:v>20.043416356283</c:v>
                </c:pt>
                <c:pt idx="4549">
                  <c:v>20.085085495767533</c:v>
                </c:pt>
                <c:pt idx="4550">
                  <c:v>19.975315551432303</c:v>
                </c:pt>
                <c:pt idx="4551">
                  <c:v>20.000726788949017</c:v>
                </c:pt>
                <c:pt idx="4552">
                  <c:v>20.11466652821127</c:v>
                </c:pt>
                <c:pt idx="4553">
                  <c:v>20.20686985549645</c:v>
                </c:pt>
                <c:pt idx="4554">
                  <c:v>20.222815945424067</c:v>
                </c:pt>
                <c:pt idx="4555">
                  <c:v>20.256575875066112</c:v>
                </c:pt>
                <c:pt idx="4556">
                  <c:v>20.345450258836635</c:v>
                </c:pt>
                <c:pt idx="4557">
                  <c:v>20.429025245387678</c:v>
                </c:pt>
                <c:pt idx="4558">
                  <c:v>20.388943888333205</c:v>
                </c:pt>
                <c:pt idx="4559">
                  <c:v>20.39930403323277</c:v>
                </c:pt>
                <c:pt idx="4560">
                  <c:v>20.354113394399974</c:v>
                </c:pt>
                <c:pt idx="4561">
                  <c:v>20.281806065906984</c:v>
                </c:pt>
                <c:pt idx="4562">
                  <c:v>20.222506755240317</c:v>
                </c:pt>
                <c:pt idx="4563">
                  <c:v>20.199727294439182</c:v>
                </c:pt>
                <c:pt idx="4564">
                  <c:v>20.162114489332801</c:v>
                </c:pt>
                <c:pt idx="4565">
                  <c:v>20.135774308541805</c:v>
                </c:pt>
                <c:pt idx="4566">
                  <c:v>20.067709939742819</c:v>
                </c:pt>
                <c:pt idx="4567">
                  <c:v>20.025049583000609</c:v>
                </c:pt>
                <c:pt idx="4568">
                  <c:v>20.108172156255534</c:v>
                </c:pt>
                <c:pt idx="4569">
                  <c:v>20.177414106908884</c:v>
                </c:pt>
                <c:pt idx="4570">
                  <c:v>20.188936334271403</c:v>
                </c:pt>
                <c:pt idx="4571">
                  <c:v>20.19895573229293</c:v>
                </c:pt>
                <c:pt idx="4572">
                  <c:v>20.214241003599376</c:v>
                </c:pt>
                <c:pt idx="4573">
                  <c:v>20.265345237983048</c:v>
                </c:pt>
                <c:pt idx="4574">
                  <c:v>20.337561216123493</c:v>
                </c:pt>
                <c:pt idx="4575">
                  <c:v>20.415519221291358</c:v>
                </c:pt>
                <c:pt idx="4576">
                  <c:v>20.507424865500123</c:v>
                </c:pt>
                <c:pt idx="4577">
                  <c:v>20.580941788878381</c:v>
                </c:pt>
                <c:pt idx="4578">
                  <c:v>20.596773883306263</c:v>
                </c:pt>
                <c:pt idx="4579">
                  <c:v>20.543687446304638</c:v>
                </c:pt>
                <c:pt idx="4580">
                  <c:v>20.476849364588908</c:v>
                </c:pt>
                <c:pt idx="4581">
                  <c:v>20.481877198780953</c:v>
                </c:pt>
                <c:pt idx="4582">
                  <c:v>20.435350359858539</c:v>
                </c:pt>
                <c:pt idx="4583">
                  <c:v>20.377075585585921</c:v>
                </c:pt>
                <c:pt idx="4584">
                  <c:v>20.311814351932131</c:v>
                </c:pt>
                <c:pt idx="4585">
                  <c:v>20.220116812347921</c:v>
                </c:pt>
                <c:pt idx="4586">
                  <c:v>20.032468224031447</c:v>
                </c:pt>
                <c:pt idx="4587">
                  <c:v>19.927362570104709</c:v>
                </c:pt>
                <c:pt idx="4588">
                  <c:v>19.893179615420312</c:v>
                </c:pt>
                <c:pt idx="4589">
                  <c:v>19.933438491421672</c:v>
                </c:pt>
                <c:pt idx="4590">
                  <c:v>19.932669490180057</c:v>
                </c:pt>
                <c:pt idx="4591">
                  <c:v>19.851876389038452</c:v>
                </c:pt>
                <c:pt idx="4592">
                  <c:v>19.731102655605241</c:v>
                </c:pt>
                <c:pt idx="4593">
                  <c:v>19.657704992704975</c:v>
                </c:pt>
                <c:pt idx="4594">
                  <c:v>19.714791831076411</c:v>
                </c:pt>
                <c:pt idx="4595">
                  <c:v>19.819794878651749</c:v>
                </c:pt>
                <c:pt idx="4596">
                  <c:v>19.876851360963734</c:v>
                </c:pt>
                <c:pt idx="4597">
                  <c:v>19.937703756002314</c:v>
                </c:pt>
                <c:pt idx="4598">
                  <c:v>19.987168430917407</c:v>
                </c:pt>
                <c:pt idx="4599">
                  <c:v>20.040707587903697</c:v>
                </c:pt>
                <c:pt idx="4600">
                  <c:v>20.112787562287345</c:v>
                </c:pt>
                <c:pt idx="4601">
                  <c:v>20.149617818329212</c:v>
                </c:pt>
                <c:pt idx="4602">
                  <c:v>20.146124112872084</c:v>
                </c:pt>
                <c:pt idx="4603">
                  <c:v>20.157269705887177</c:v>
                </c:pt>
                <c:pt idx="4604">
                  <c:v>20.161569712046653</c:v>
                </c:pt>
                <c:pt idx="4605">
                  <c:v>20.190865343096025</c:v>
                </c:pt>
                <c:pt idx="4606">
                  <c:v>20.225739917971104</c:v>
                </c:pt>
                <c:pt idx="4607">
                  <c:v>20.208292002088051</c:v>
                </c:pt>
                <c:pt idx="4608">
                  <c:v>20.221205912357245</c:v>
                </c:pt>
                <c:pt idx="4609">
                  <c:v>20.276030453924889</c:v>
                </c:pt>
                <c:pt idx="4610">
                  <c:v>20.320733190569314</c:v>
                </c:pt>
                <c:pt idx="4611">
                  <c:v>20.387621411010599</c:v>
                </c:pt>
                <c:pt idx="4612">
                  <c:v>20.421538848501122</c:v>
                </c:pt>
                <c:pt idx="4613">
                  <c:v>20.412712334107891</c:v>
                </c:pt>
                <c:pt idx="4614">
                  <c:v>20.412864559287854</c:v>
                </c:pt>
                <c:pt idx="4615">
                  <c:v>20.389358423181161</c:v>
                </c:pt>
                <c:pt idx="4616">
                  <c:v>20.321127684064763</c:v>
                </c:pt>
                <c:pt idx="4617">
                  <c:v>20.206822989561729</c:v>
                </c:pt>
                <c:pt idx="4618">
                  <c:v>20.149428596255909</c:v>
                </c:pt>
                <c:pt idx="4619">
                  <c:v>20.140765894604474</c:v>
                </c:pt>
                <c:pt idx="4620">
                  <c:v>20.100044638014083</c:v>
                </c:pt>
                <c:pt idx="4621">
                  <c:v>20.045934835326264</c:v>
                </c:pt>
                <c:pt idx="4622">
                  <c:v>19.956892825762402</c:v>
                </c:pt>
                <c:pt idx="4623">
                  <c:v>19.879737682702544</c:v>
                </c:pt>
                <c:pt idx="4624">
                  <c:v>19.852428925651608</c:v>
                </c:pt>
                <c:pt idx="4625">
                  <c:v>19.905481522057915</c:v>
                </c:pt>
                <c:pt idx="4626">
                  <c:v>19.959957448652418</c:v>
                </c:pt>
                <c:pt idx="4627">
                  <c:v>20.074616506820252</c:v>
                </c:pt>
                <c:pt idx="4628">
                  <c:v>20.169196275198402</c:v>
                </c:pt>
                <c:pt idx="4629">
                  <c:v>20.280946578482681</c:v>
                </c:pt>
                <c:pt idx="4630">
                  <c:v>20.383018026362677</c:v>
                </c:pt>
                <c:pt idx="4631">
                  <c:v>20.483662341005076</c:v>
                </c:pt>
                <c:pt idx="4632">
                  <c:v>20.549474774612996</c:v>
                </c:pt>
                <c:pt idx="4633">
                  <c:v>20.542044115127762</c:v>
                </c:pt>
                <c:pt idx="4634">
                  <c:v>20.404311514415056</c:v>
                </c:pt>
                <c:pt idx="4635">
                  <c:v>20.313830409336848</c:v>
                </c:pt>
                <c:pt idx="4636">
                  <c:v>20.242202660477567</c:v>
                </c:pt>
                <c:pt idx="4637">
                  <c:v>20.187519410274192</c:v>
                </c:pt>
                <c:pt idx="4638">
                  <c:v>20.186324307432812</c:v>
                </c:pt>
                <c:pt idx="4639">
                  <c:v>20.217556158125433</c:v>
                </c:pt>
                <c:pt idx="4640">
                  <c:v>20.270540698260948</c:v>
                </c:pt>
                <c:pt idx="4641">
                  <c:v>20.279462827162931</c:v>
                </c:pt>
                <c:pt idx="4642">
                  <c:v>20.277033103666533</c:v>
                </c:pt>
                <c:pt idx="4643">
                  <c:v>20.24326305283115</c:v>
                </c:pt>
                <c:pt idx="4644">
                  <c:v>20.105723680545999</c:v>
                </c:pt>
                <c:pt idx="4645">
                  <c:v>19.902500575019783</c:v>
                </c:pt>
                <c:pt idx="4646">
                  <c:v>19.67807262726291</c:v>
                </c:pt>
                <c:pt idx="4647">
                  <c:v>19.486632920599849</c:v>
                </c:pt>
                <c:pt idx="4648">
                  <c:v>19.169715551254502</c:v>
                </c:pt>
                <c:pt idx="4649">
                  <c:v>19.254050080941425</c:v>
                </c:pt>
                <c:pt idx="4650">
                  <c:v>19.383593235969649</c:v>
                </c:pt>
                <c:pt idx="4651">
                  <c:v>19.486542049592572</c:v>
                </c:pt>
                <c:pt idx="4652">
                  <c:v>19.491821639152196</c:v>
                </c:pt>
                <c:pt idx="4653">
                  <c:v>19.563343941060552</c:v>
                </c:pt>
                <c:pt idx="4654">
                  <c:v>19.691042660212993</c:v>
                </c:pt>
                <c:pt idx="4655">
                  <c:v>19.652116976329346</c:v>
                </c:pt>
                <c:pt idx="4656">
                  <c:v>19.57645620179095</c:v>
                </c:pt>
                <c:pt idx="4657">
                  <c:v>19.534854829952778</c:v>
                </c:pt>
                <c:pt idx="4658">
                  <c:v>19.500771322715416</c:v>
                </c:pt>
                <c:pt idx="4659">
                  <c:v>19.484083050031614</c:v>
                </c:pt>
                <c:pt idx="4660">
                  <c:v>19.549601732109188</c:v>
                </c:pt>
                <c:pt idx="4661">
                  <c:v>19.674105039804324</c:v>
                </c:pt>
                <c:pt idx="4662">
                  <c:v>19.845034385582814</c:v>
                </c:pt>
                <c:pt idx="4663">
                  <c:v>20.015666648066674</c:v>
                </c:pt>
                <c:pt idx="4664">
                  <c:v>20.20234982676747</c:v>
                </c:pt>
                <c:pt idx="4665">
                  <c:v>20.337894998473558</c:v>
                </c:pt>
                <c:pt idx="4666">
                  <c:v>20.419465272128129</c:v>
                </c:pt>
                <c:pt idx="4667">
                  <c:v>20.475551650690292</c:v>
                </c:pt>
                <c:pt idx="4668">
                  <c:v>20.515931432695361</c:v>
                </c:pt>
                <c:pt idx="4669">
                  <c:v>20.459343414645993</c:v>
                </c:pt>
                <c:pt idx="4670">
                  <c:v>20.414994078614743</c:v>
                </c:pt>
                <c:pt idx="4671">
                  <c:v>20.406653183954123</c:v>
                </c:pt>
                <c:pt idx="4672">
                  <c:v>20.402761312256288</c:v>
                </c:pt>
                <c:pt idx="4673">
                  <c:v>20.327383259273809</c:v>
                </c:pt>
                <c:pt idx="4674">
                  <c:v>20.265496887940387</c:v>
                </c:pt>
                <c:pt idx="4675">
                  <c:v>20.068498887593947</c:v>
                </c:pt>
                <c:pt idx="4676">
                  <c:v>19.826273044798093</c:v>
                </c:pt>
                <c:pt idx="4677">
                  <c:v>19.844978633426042</c:v>
                </c:pt>
                <c:pt idx="4678">
                  <c:v>19.993812301176362</c:v>
                </c:pt>
                <c:pt idx="4679">
                  <c:v>20.097211631028323</c:v>
                </c:pt>
                <c:pt idx="4680">
                  <c:v>20.207047735961311</c:v>
                </c:pt>
                <c:pt idx="4681">
                  <c:v>20.219251737097924</c:v>
                </c:pt>
                <c:pt idx="4682">
                  <c:v>20.215531958462073</c:v>
                </c:pt>
                <c:pt idx="4683">
                  <c:v>20.186135253476586</c:v>
                </c:pt>
                <c:pt idx="4684">
                  <c:v>20.127164940091767</c:v>
                </c:pt>
                <c:pt idx="4685">
                  <c:v>20.008084825035798</c:v>
                </c:pt>
                <c:pt idx="4686">
                  <c:v>19.915172276616264</c:v>
                </c:pt>
                <c:pt idx="4687">
                  <c:v>19.883732124745897</c:v>
                </c:pt>
                <c:pt idx="4688">
                  <c:v>19.918476788370892</c:v>
                </c:pt>
                <c:pt idx="4689">
                  <c:v>19.977670510250064</c:v>
                </c:pt>
                <c:pt idx="4690">
                  <c:v>20.120763723872241</c:v>
                </c:pt>
                <c:pt idx="4691">
                  <c:v>20.269296277477391</c:v>
                </c:pt>
                <c:pt idx="4692">
                  <c:v>20.28105389885831</c:v>
                </c:pt>
                <c:pt idx="4693">
                  <c:v>20.208845981840533</c:v>
                </c:pt>
                <c:pt idx="4694">
                  <c:v>20.041998692611926</c:v>
                </c:pt>
                <c:pt idx="4695">
                  <c:v>19.968031342350798</c:v>
                </c:pt>
                <c:pt idx="4696">
                  <c:v>19.965837233615865</c:v>
                </c:pt>
                <c:pt idx="4697">
                  <c:v>19.994309699063276</c:v>
                </c:pt>
                <c:pt idx="4698">
                  <c:v>20.054285587987071</c:v>
                </c:pt>
                <c:pt idx="4699">
                  <c:v>20.027828417311355</c:v>
                </c:pt>
                <c:pt idx="4700">
                  <c:v>20.030497296885788</c:v>
                </c:pt>
                <c:pt idx="4701">
                  <c:v>20.046959791448483</c:v>
                </c:pt>
                <c:pt idx="4702">
                  <c:v>20.082178493928172</c:v>
                </c:pt>
                <c:pt idx="4703">
                  <c:v>20.138439430988679</c:v>
                </c:pt>
                <c:pt idx="4704">
                  <c:v>20.177719019926776</c:v>
                </c:pt>
                <c:pt idx="4705">
                  <c:v>20.203366887722879</c:v>
                </c:pt>
                <c:pt idx="4706">
                  <c:v>20.144149741421387</c:v>
                </c:pt>
                <c:pt idx="4707">
                  <c:v>20.123593566315527</c:v>
                </c:pt>
                <c:pt idx="4708">
                  <c:v>20.083839263975758</c:v>
                </c:pt>
                <c:pt idx="4709">
                  <c:v>20.181497242101823</c:v>
                </c:pt>
                <c:pt idx="4710">
                  <c:v>20.319994795846121</c:v>
                </c:pt>
                <c:pt idx="4711">
                  <c:v>20.364889231306975</c:v>
                </c:pt>
                <c:pt idx="4712">
                  <c:v>20.325465556372468</c:v>
                </c:pt>
                <c:pt idx="4713">
                  <c:v>20.252091101841483</c:v>
                </c:pt>
                <c:pt idx="4714">
                  <c:v>20.154278926736637</c:v>
                </c:pt>
                <c:pt idx="4715">
                  <c:v>20.056956662460749</c:v>
                </c:pt>
                <c:pt idx="4716">
                  <c:v>20.07759974305047</c:v>
                </c:pt>
                <c:pt idx="4717">
                  <c:v>20.118230629825007</c:v>
                </c:pt>
                <c:pt idx="4718">
                  <c:v>20.158067380936142</c:v>
                </c:pt>
                <c:pt idx="4719">
                  <c:v>20.159265159266567</c:v>
                </c:pt>
                <c:pt idx="4720">
                  <c:v>20.134945057304279</c:v>
                </c:pt>
                <c:pt idx="4721">
                  <c:v>20.162118217065949</c:v>
                </c:pt>
                <c:pt idx="4722">
                  <c:v>20.193212843178468</c:v>
                </c:pt>
                <c:pt idx="4723">
                  <c:v>20.255301005124938</c:v>
                </c:pt>
                <c:pt idx="4724">
                  <c:v>20.287802533701836</c:v>
                </c:pt>
                <c:pt idx="4725">
                  <c:v>20.250147679347311</c:v>
                </c:pt>
                <c:pt idx="4726">
                  <c:v>20.178140867393964</c:v>
                </c:pt>
                <c:pt idx="4727">
                  <c:v>20.025043700120904</c:v>
                </c:pt>
                <c:pt idx="4728">
                  <c:v>19.821301581378467</c:v>
                </c:pt>
                <c:pt idx="4729">
                  <c:v>19.731322906559921</c:v>
                </c:pt>
                <c:pt idx="4730">
                  <c:v>19.799433738667879</c:v>
                </c:pt>
                <c:pt idx="4731">
                  <c:v>19.902249714741536</c:v>
                </c:pt>
                <c:pt idx="4732">
                  <c:v>19.917246742996685</c:v>
                </c:pt>
                <c:pt idx="4733">
                  <c:v>19.901834740326827</c:v>
                </c:pt>
                <c:pt idx="4734">
                  <c:v>19.915580214484685</c:v>
                </c:pt>
                <c:pt idx="4735">
                  <c:v>19.957813632315371</c:v>
                </c:pt>
                <c:pt idx="4736">
                  <c:v>19.982900199673139</c:v>
                </c:pt>
                <c:pt idx="4737">
                  <c:v>19.966989490025643</c:v>
                </c:pt>
                <c:pt idx="4738">
                  <c:v>19.954254274032483</c:v>
                </c:pt>
                <c:pt idx="4739">
                  <c:v>19.876760556970282</c:v>
                </c:pt>
                <c:pt idx="4740">
                  <c:v>19.730785901263708</c:v>
                </c:pt>
                <c:pt idx="4741">
                  <c:v>19.63657091271304</c:v>
                </c:pt>
                <c:pt idx="4742">
                  <c:v>19.717214653438397</c:v>
                </c:pt>
                <c:pt idx="4743">
                  <c:v>19.879183425671552</c:v>
                </c:pt>
                <c:pt idx="4744">
                  <c:v>19.923987691868497</c:v>
                </c:pt>
                <c:pt idx="4745">
                  <c:v>19.861279524382766</c:v>
                </c:pt>
                <c:pt idx="4746">
                  <c:v>19.763707539981894</c:v>
                </c:pt>
                <c:pt idx="4747">
                  <c:v>19.769847944407893</c:v>
                </c:pt>
                <c:pt idx="4748">
                  <c:v>19.746322689253798</c:v>
                </c:pt>
                <c:pt idx="4749">
                  <c:v>19.758470535639617</c:v>
                </c:pt>
                <c:pt idx="4750">
                  <c:v>19.765360972366452</c:v>
                </c:pt>
                <c:pt idx="4751">
                  <c:v>19.790417347826704</c:v>
                </c:pt>
                <c:pt idx="4752">
                  <c:v>19.842283797629506</c:v>
                </c:pt>
                <c:pt idx="4753">
                  <c:v>19.875365427768649</c:v>
                </c:pt>
                <c:pt idx="4754">
                  <c:v>19.903469247972328</c:v>
                </c:pt>
                <c:pt idx="4755">
                  <c:v>19.909219486771576</c:v>
                </c:pt>
                <c:pt idx="4756">
                  <c:v>19.936455903169843</c:v>
                </c:pt>
                <c:pt idx="4757">
                  <c:v>20.00214172457699</c:v>
                </c:pt>
                <c:pt idx="4758">
                  <c:v>20.077195247931652</c:v>
                </c:pt>
                <c:pt idx="4759">
                  <c:v>20.121492238124965</c:v>
                </c:pt>
                <c:pt idx="4760">
                  <c:v>20.073069292927013</c:v>
                </c:pt>
                <c:pt idx="4761">
                  <c:v>19.963449535914123</c:v>
                </c:pt>
                <c:pt idx="4762">
                  <c:v>19.961563101089055</c:v>
                </c:pt>
                <c:pt idx="4763">
                  <c:v>20.099979840301305</c:v>
                </c:pt>
                <c:pt idx="4764">
                  <c:v>20.216024177030931</c:v>
                </c:pt>
                <c:pt idx="4765">
                  <c:v>20.251850688047568</c:v>
                </c:pt>
                <c:pt idx="4766">
                  <c:v>20.206300684292806</c:v>
                </c:pt>
                <c:pt idx="4767">
                  <c:v>20.219309430087321</c:v>
                </c:pt>
                <c:pt idx="4768">
                  <c:v>20.17322536838774</c:v>
                </c:pt>
                <c:pt idx="4769">
                  <c:v>20.111316907715512</c:v>
                </c:pt>
                <c:pt idx="4770">
                  <c:v>20.093026759380187</c:v>
                </c:pt>
                <c:pt idx="4771">
                  <c:v>20.093216957667465</c:v>
                </c:pt>
                <c:pt idx="4772">
                  <c:v>20.102739225652499</c:v>
                </c:pt>
                <c:pt idx="4773">
                  <c:v>20.043702069832882</c:v>
                </c:pt>
                <c:pt idx="4774">
                  <c:v>19.97999591694818</c:v>
                </c:pt>
                <c:pt idx="4775">
                  <c:v>19.890873862678923</c:v>
                </c:pt>
                <c:pt idx="4776">
                  <c:v>19.787052778279239</c:v>
                </c:pt>
                <c:pt idx="4777">
                  <c:v>19.813587578999638</c:v>
                </c:pt>
                <c:pt idx="4778">
                  <c:v>19.851350092269037</c:v>
                </c:pt>
                <c:pt idx="4779">
                  <c:v>19.877402358575843</c:v>
                </c:pt>
                <c:pt idx="4780">
                  <c:v>19.958144314522485</c:v>
                </c:pt>
                <c:pt idx="4781">
                  <c:v>19.997317311487247</c:v>
                </c:pt>
                <c:pt idx="4782">
                  <c:v>19.962906608940184</c:v>
                </c:pt>
                <c:pt idx="4783">
                  <c:v>19.898382180337467</c:v>
                </c:pt>
                <c:pt idx="4784">
                  <c:v>19.823668761521763</c:v>
                </c:pt>
                <c:pt idx="4785">
                  <c:v>19.83908871809448</c:v>
                </c:pt>
                <c:pt idx="4786">
                  <c:v>19.896133566512663</c:v>
                </c:pt>
                <c:pt idx="4787">
                  <c:v>19.982511565554937</c:v>
                </c:pt>
                <c:pt idx="4788">
                  <c:v>20.028456233617732</c:v>
                </c:pt>
                <c:pt idx="4789">
                  <c:v>20.054786323262597</c:v>
                </c:pt>
                <c:pt idx="4790">
                  <c:v>20.030660043075727</c:v>
                </c:pt>
                <c:pt idx="4791">
                  <c:v>20.010249291623925</c:v>
                </c:pt>
                <c:pt idx="4792">
                  <c:v>20.017799294632361</c:v>
                </c:pt>
                <c:pt idx="4793">
                  <c:v>19.967443981967861</c:v>
                </c:pt>
                <c:pt idx="4794">
                  <c:v>19.901356489966023</c:v>
                </c:pt>
                <c:pt idx="4795">
                  <c:v>19.83787245555855</c:v>
                </c:pt>
                <c:pt idx="4796">
                  <c:v>19.850241748385184</c:v>
                </c:pt>
                <c:pt idx="4797">
                  <c:v>19.864452679534356</c:v>
                </c:pt>
                <c:pt idx="4798">
                  <c:v>19.869952687905201</c:v>
                </c:pt>
                <c:pt idx="4799">
                  <c:v>19.751888937065374</c:v>
                </c:pt>
                <c:pt idx="4800">
                  <c:v>19.628796668537891</c:v>
                </c:pt>
                <c:pt idx="4801">
                  <c:v>19.662378097624451</c:v>
                </c:pt>
                <c:pt idx="4802">
                  <c:v>19.80164529853948</c:v>
                </c:pt>
                <c:pt idx="4803">
                  <c:v>19.847226551928919</c:v>
                </c:pt>
                <c:pt idx="4804">
                  <c:v>19.883550181096528</c:v>
                </c:pt>
                <c:pt idx="4805">
                  <c:v>19.992513625680541</c:v>
                </c:pt>
                <c:pt idx="4806">
                  <c:v>20.007896084404805</c:v>
                </c:pt>
                <c:pt idx="4807">
                  <c:v>19.972600032186016</c:v>
                </c:pt>
                <c:pt idx="4808">
                  <c:v>19.944947287812468</c:v>
                </c:pt>
                <c:pt idx="4809">
                  <c:v>19.951253255690876</c:v>
                </c:pt>
                <c:pt idx="4810">
                  <c:v>20.013895966656872</c:v>
                </c:pt>
                <c:pt idx="4811">
                  <c:v>20.116648021392798</c:v>
                </c:pt>
                <c:pt idx="4812">
                  <c:v>20.203356739093429</c:v>
                </c:pt>
                <c:pt idx="4813">
                  <c:v>20.235230570825841</c:v>
                </c:pt>
                <c:pt idx="4814">
                  <c:v>20.242521269307765</c:v>
                </c:pt>
                <c:pt idx="4815">
                  <c:v>20.252171403367175</c:v>
                </c:pt>
                <c:pt idx="4816">
                  <c:v>20.233401666240802</c:v>
                </c:pt>
                <c:pt idx="4817">
                  <c:v>20.28004884160935</c:v>
                </c:pt>
                <c:pt idx="4818">
                  <c:v>20.333937667482616</c:v>
                </c:pt>
                <c:pt idx="4819">
                  <c:v>20.256772801094588</c:v>
                </c:pt>
                <c:pt idx="4820">
                  <c:v>20.275827496025713</c:v>
                </c:pt>
                <c:pt idx="4821">
                  <c:v>20.26445830672154</c:v>
                </c:pt>
                <c:pt idx="4822">
                  <c:v>20.362699066189226</c:v>
                </c:pt>
                <c:pt idx="4823">
                  <c:v>20.405818095811732</c:v>
                </c:pt>
                <c:pt idx="4824">
                  <c:v>20.425118682417924</c:v>
                </c:pt>
                <c:pt idx="4825">
                  <c:v>20.401888540094625</c:v>
                </c:pt>
                <c:pt idx="4826">
                  <c:v>20.382545187951084</c:v>
                </c:pt>
                <c:pt idx="4827">
                  <c:v>20.379640139100101</c:v>
                </c:pt>
                <c:pt idx="4828">
                  <c:v>20.316534857806069</c:v>
                </c:pt>
                <c:pt idx="4829">
                  <c:v>20.170602885044726</c:v>
                </c:pt>
                <c:pt idx="4830">
                  <c:v>20.094981021954922</c:v>
                </c:pt>
                <c:pt idx="4831">
                  <c:v>20.081191939348155</c:v>
                </c:pt>
                <c:pt idx="4832">
                  <c:v>20.111551699301401</c:v>
                </c:pt>
                <c:pt idx="4833">
                  <c:v>20.124039714458839</c:v>
                </c:pt>
                <c:pt idx="4834">
                  <c:v>20.103689286294284</c:v>
                </c:pt>
                <c:pt idx="4835">
                  <c:v>20.098881706911612</c:v>
                </c:pt>
                <c:pt idx="4836">
                  <c:v>20.061185817029447</c:v>
                </c:pt>
                <c:pt idx="4837">
                  <c:v>20.01758903459735</c:v>
                </c:pt>
                <c:pt idx="4838">
                  <c:v>19.98538307764462</c:v>
                </c:pt>
                <c:pt idx="4839">
                  <c:v>20.090324499648698</c:v>
                </c:pt>
                <c:pt idx="4840">
                  <c:v>20.209240058498938</c:v>
                </c:pt>
                <c:pt idx="4841">
                  <c:v>20.25192448544615</c:v>
                </c:pt>
                <c:pt idx="4842">
                  <c:v>20.31655291532806</c:v>
                </c:pt>
                <c:pt idx="4843">
                  <c:v>20.366174394906096</c:v>
                </c:pt>
                <c:pt idx="4844">
                  <c:v>20.339387444109057</c:v>
                </c:pt>
                <c:pt idx="4845">
                  <c:v>20.306671152204125</c:v>
                </c:pt>
                <c:pt idx="4846">
                  <c:v>20.254868766393237</c:v>
                </c:pt>
                <c:pt idx="4847">
                  <c:v>20.218760438738101</c:v>
                </c:pt>
                <c:pt idx="4848">
                  <c:v>20.223040442508967</c:v>
                </c:pt>
                <c:pt idx="4849">
                  <c:v>20.296952153391437</c:v>
                </c:pt>
                <c:pt idx="4850">
                  <c:v>20.357437654529832</c:v>
                </c:pt>
                <c:pt idx="4851">
                  <c:v>20.369342291982949</c:v>
                </c:pt>
                <c:pt idx="4852">
                  <c:v>20.258289885556742</c:v>
                </c:pt>
                <c:pt idx="4853">
                  <c:v>20.176274737944556</c:v>
                </c:pt>
                <c:pt idx="4854">
                  <c:v>20.161489400414602</c:v>
                </c:pt>
                <c:pt idx="4855">
                  <c:v>20.12558911969791</c:v>
                </c:pt>
                <c:pt idx="4856">
                  <c:v>20.176730208775396</c:v>
                </c:pt>
                <c:pt idx="4857">
                  <c:v>20.266314673000807</c:v>
                </c:pt>
                <c:pt idx="4858">
                  <c:v>20.304207683860813</c:v>
                </c:pt>
                <c:pt idx="4859">
                  <c:v>20.381319920893564</c:v>
                </c:pt>
                <c:pt idx="4860">
                  <c:v>20.433011567375303</c:v>
                </c:pt>
                <c:pt idx="4861">
                  <c:v>20.47235355108716</c:v>
                </c:pt>
                <c:pt idx="4862">
                  <c:v>20.484302767315867</c:v>
                </c:pt>
                <c:pt idx="4863">
                  <c:v>20.509038868026614</c:v>
                </c:pt>
                <c:pt idx="4864">
                  <c:v>20.440264498743879</c:v>
                </c:pt>
                <c:pt idx="4865">
                  <c:v>20.304010924431573</c:v>
                </c:pt>
                <c:pt idx="4866">
                  <c:v>20.169358776548219</c:v>
                </c:pt>
                <c:pt idx="4867">
                  <c:v>20.148817010834954</c:v>
                </c:pt>
                <c:pt idx="4868">
                  <c:v>20.114515990495999</c:v>
                </c:pt>
                <c:pt idx="4869">
                  <c:v>20.09367960206739</c:v>
                </c:pt>
                <c:pt idx="4870">
                  <c:v>20.057857352163609</c:v>
                </c:pt>
                <c:pt idx="4871">
                  <c:v>19.982545461492379</c:v>
                </c:pt>
                <c:pt idx="4872">
                  <c:v>19.978131651584029</c:v>
                </c:pt>
                <c:pt idx="4873">
                  <c:v>20.061066427736925</c:v>
                </c:pt>
                <c:pt idx="4874">
                  <c:v>20.156864611360561</c:v>
                </c:pt>
                <c:pt idx="4875">
                  <c:v>20.219389041941682</c:v>
                </c:pt>
                <c:pt idx="4876">
                  <c:v>20.232142914842083</c:v>
                </c:pt>
                <c:pt idx="4877">
                  <c:v>20.270991127500931</c:v>
                </c:pt>
                <c:pt idx="4878">
                  <c:v>20.230082258723222</c:v>
                </c:pt>
                <c:pt idx="4879">
                  <c:v>20.200642636000925</c:v>
                </c:pt>
                <c:pt idx="4880">
                  <c:v>20.196357218116763</c:v>
                </c:pt>
                <c:pt idx="4881">
                  <c:v>20.168788414950171</c:v>
                </c:pt>
                <c:pt idx="4882">
                  <c:v>20.201358220823352</c:v>
                </c:pt>
                <c:pt idx="4883">
                  <c:v>20.275813989055965</c:v>
                </c:pt>
                <c:pt idx="4884">
                  <c:v>20.36143735880777</c:v>
                </c:pt>
                <c:pt idx="4885">
                  <c:v>20.443358550443513</c:v>
                </c:pt>
                <c:pt idx="4886">
                  <c:v>20.536310931838475</c:v>
                </c:pt>
                <c:pt idx="4887">
                  <c:v>20.579639305849167</c:v>
                </c:pt>
                <c:pt idx="4888">
                  <c:v>20.589226813001446</c:v>
                </c:pt>
                <c:pt idx="4889">
                  <c:v>20.598892908188922</c:v>
                </c:pt>
                <c:pt idx="4890">
                  <c:v>20.474819677853375</c:v>
                </c:pt>
                <c:pt idx="4891">
                  <c:v>20.358463944264216</c:v>
                </c:pt>
                <c:pt idx="4892">
                  <c:v>20.305212743870989</c:v>
                </c:pt>
                <c:pt idx="4893">
                  <c:v>20.204555039089811</c:v>
                </c:pt>
                <c:pt idx="4894">
                  <c:v>20.137195739241093</c:v>
                </c:pt>
                <c:pt idx="4895">
                  <c:v>20.054537378263689</c:v>
                </c:pt>
                <c:pt idx="4896">
                  <c:v>20.031200886653409</c:v>
                </c:pt>
                <c:pt idx="4897">
                  <c:v>19.98765467461995</c:v>
                </c:pt>
                <c:pt idx="4898">
                  <c:v>19.951718420855091</c:v>
                </c:pt>
                <c:pt idx="4899">
                  <c:v>20.010511623482088</c:v>
                </c:pt>
                <c:pt idx="4900">
                  <c:v>20.053440214158137</c:v>
                </c:pt>
                <c:pt idx="4901">
                  <c:v>20.072498555092473</c:v>
                </c:pt>
                <c:pt idx="4902">
                  <c:v>20.063118562997822</c:v>
                </c:pt>
                <c:pt idx="4903">
                  <c:v>20.120844500329845</c:v>
                </c:pt>
                <c:pt idx="4904">
                  <c:v>20.170101076358719</c:v>
                </c:pt>
                <c:pt idx="4905">
                  <c:v>20.269458510643528</c:v>
                </c:pt>
                <c:pt idx="4906">
                  <c:v>20.312576374369925</c:v>
                </c:pt>
                <c:pt idx="4907">
                  <c:v>20.283838706368591</c:v>
                </c:pt>
                <c:pt idx="4908">
                  <c:v>20.189625228920711</c:v>
                </c:pt>
                <c:pt idx="4909">
                  <c:v>20.125533196792471</c:v>
                </c:pt>
                <c:pt idx="4910">
                  <c:v>20.061584689940094</c:v>
                </c:pt>
                <c:pt idx="4911">
                  <c:v>19.975549590059433</c:v>
                </c:pt>
                <c:pt idx="4912">
                  <c:v>19.912488722667188</c:v>
                </c:pt>
                <c:pt idx="4913">
                  <c:v>19.888773084002878</c:v>
                </c:pt>
                <c:pt idx="4914">
                  <c:v>19.832041308770386</c:v>
                </c:pt>
                <c:pt idx="4915">
                  <c:v>19.797274227898161</c:v>
                </c:pt>
                <c:pt idx="4916">
                  <c:v>19.710344350146993</c:v>
                </c:pt>
                <c:pt idx="4917">
                  <c:v>19.772181163349853</c:v>
                </c:pt>
                <c:pt idx="4918">
                  <c:v>19.781145396517577</c:v>
                </c:pt>
                <c:pt idx="4919">
                  <c:v>19.853189947868405</c:v>
                </c:pt>
                <c:pt idx="4920">
                  <c:v>19.907886734043299</c:v>
                </c:pt>
                <c:pt idx="4921">
                  <c:v>19.906559865485939</c:v>
                </c:pt>
                <c:pt idx="4922">
                  <c:v>19.912802798352271</c:v>
                </c:pt>
                <c:pt idx="4923">
                  <c:v>19.909412357110742</c:v>
                </c:pt>
                <c:pt idx="4924">
                  <c:v>19.889461684260286</c:v>
                </c:pt>
                <c:pt idx="4925">
                  <c:v>19.861358131858069</c:v>
                </c:pt>
                <c:pt idx="4926">
                  <c:v>19.861959447562022</c:v>
                </c:pt>
                <c:pt idx="4927">
                  <c:v>19.881488100303347</c:v>
                </c:pt>
                <c:pt idx="4928">
                  <c:v>19.869094626941092</c:v>
                </c:pt>
                <c:pt idx="4929">
                  <c:v>19.809897445819185</c:v>
                </c:pt>
                <c:pt idx="4930">
                  <c:v>19.76826312936894</c:v>
                </c:pt>
                <c:pt idx="4931">
                  <c:v>19.730035351236271</c:v>
                </c:pt>
                <c:pt idx="4932">
                  <c:v>19.663878500842422</c:v>
                </c:pt>
                <c:pt idx="4933">
                  <c:v>19.672946229613785</c:v>
                </c:pt>
                <c:pt idx="4934">
                  <c:v>19.707064329365409</c:v>
                </c:pt>
                <c:pt idx="4935">
                  <c:v>19.83910602827941</c:v>
                </c:pt>
                <c:pt idx="4936">
                  <c:v>20.00407269109693</c:v>
                </c:pt>
                <c:pt idx="4937">
                  <c:v>20.026830197655102</c:v>
                </c:pt>
                <c:pt idx="4938">
                  <c:v>19.954942826628326</c:v>
                </c:pt>
                <c:pt idx="4939">
                  <c:v>19.913249405068051</c:v>
                </c:pt>
                <c:pt idx="4940">
                  <c:v>19.814315890363275</c:v>
                </c:pt>
                <c:pt idx="4941">
                  <c:v>19.765819278256977</c:v>
                </c:pt>
                <c:pt idx="4942">
                  <c:v>19.758928512231684</c:v>
                </c:pt>
                <c:pt idx="4943">
                  <c:v>19.807804554500361</c:v>
                </c:pt>
                <c:pt idx="4944">
                  <c:v>19.887006420664878</c:v>
                </c:pt>
                <c:pt idx="4945">
                  <c:v>19.935672668471469</c:v>
                </c:pt>
                <c:pt idx="4946">
                  <c:v>20.002049732452921</c:v>
                </c:pt>
                <c:pt idx="4947">
                  <c:v>20.060952288955978</c:v>
                </c:pt>
                <c:pt idx="4948">
                  <c:v>20.07724953050208</c:v>
                </c:pt>
                <c:pt idx="4949">
                  <c:v>20.044348827895352</c:v>
                </c:pt>
                <c:pt idx="4950">
                  <c:v>19.944498589613605</c:v>
                </c:pt>
                <c:pt idx="4951">
                  <c:v>19.908402338743816</c:v>
                </c:pt>
                <c:pt idx="4952">
                  <c:v>19.973448521330702</c:v>
                </c:pt>
                <c:pt idx="4953">
                  <c:v>20.004470522778668</c:v>
                </c:pt>
                <c:pt idx="4954">
                  <c:v>20.023173336545472</c:v>
                </c:pt>
                <c:pt idx="4955">
                  <c:v>20.03014036754238</c:v>
                </c:pt>
                <c:pt idx="4956">
                  <c:v>20.079293799050948</c:v>
                </c:pt>
                <c:pt idx="4957">
                  <c:v>20.098674905591103</c:v>
                </c:pt>
                <c:pt idx="4958">
                  <c:v>20.124257411792364</c:v>
                </c:pt>
                <c:pt idx="4959">
                  <c:v>20.126555634643712</c:v>
                </c:pt>
                <c:pt idx="4960">
                  <c:v>20.125187224690624</c:v>
                </c:pt>
                <c:pt idx="4961">
                  <c:v>20.183273951373618</c:v>
                </c:pt>
                <c:pt idx="4962">
                  <c:v>20.190363240290047</c:v>
                </c:pt>
                <c:pt idx="4963">
                  <c:v>20.171990044626419</c:v>
                </c:pt>
                <c:pt idx="4964">
                  <c:v>20.120568961546979</c:v>
                </c:pt>
                <c:pt idx="4965">
                  <c:v>20.147287682091928</c:v>
                </c:pt>
                <c:pt idx="4966">
                  <c:v>20.171052787658606</c:v>
                </c:pt>
                <c:pt idx="4967">
                  <c:v>20.140688767644008</c:v>
                </c:pt>
                <c:pt idx="4968">
                  <c:v>20.160759437601779</c:v>
                </c:pt>
                <c:pt idx="4969">
                  <c:v>20.259851292646317</c:v>
                </c:pt>
                <c:pt idx="4970">
                  <c:v>20.314210548712563</c:v>
                </c:pt>
                <c:pt idx="4971">
                  <c:v>20.278848768809318</c:v>
                </c:pt>
                <c:pt idx="4972">
                  <c:v>20.203108797979876</c:v>
                </c:pt>
                <c:pt idx="4973">
                  <c:v>20.075307462055303</c:v>
                </c:pt>
                <c:pt idx="4974">
                  <c:v>20.004688151692509</c:v>
                </c:pt>
                <c:pt idx="4975">
                  <c:v>20.093833082058769</c:v>
                </c:pt>
                <c:pt idx="4976">
                  <c:v>20.025748782112458</c:v>
                </c:pt>
                <c:pt idx="4977">
                  <c:v>19.939325260557943</c:v>
                </c:pt>
                <c:pt idx="4978">
                  <c:v>19.952706535896134</c:v>
                </c:pt>
                <c:pt idx="4979">
                  <c:v>19.954101527976643</c:v>
                </c:pt>
                <c:pt idx="4980">
                  <c:v>19.922082258434813</c:v>
                </c:pt>
                <c:pt idx="4981">
                  <c:v>19.904010851815805</c:v>
                </c:pt>
                <c:pt idx="4982">
                  <c:v>19.866948098467489</c:v>
                </c:pt>
                <c:pt idx="4983">
                  <c:v>19.861954684089611</c:v>
                </c:pt>
                <c:pt idx="4984">
                  <c:v>19.868795265359925</c:v>
                </c:pt>
                <c:pt idx="4985">
                  <c:v>19.852497684207165</c:v>
                </c:pt>
                <c:pt idx="4986">
                  <c:v>19.798148810580741</c:v>
                </c:pt>
                <c:pt idx="4987">
                  <c:v>19.725060882156637</c:v>
                </c:pt>
                <c:pt idx="4988">
                  <c:v>19.652746525389613</c:v>
                </c:pt>
                <c:pt idx="4989">
                  <c:v>19.560189521176508</c:v>
                </c:pt>
                <c:pt idx="4990">
                  <c:v>19.504042878820417</c:v>
                </c:pt>
                <c:pt idx="4991">
                  <c:v>19.439407848647935</c:v>
                </c:pt>
                <c:pt idx="4992">
                  <c:v>19.423897266424419</c:v>
                </c:pt>
                <c:pt idx="4993">
                  <c:v>19.35147345290844</c:v>
                </c:pt>
                <c:pt idx="4994">
                  <c:v>19.25204087642058</c:v>
                </c:pt>
                <c:pt idx="4995">
                  <c:v>19.178985953995216</c:v>
                </c:pt>
                <c:pt idx="4996">
                  <c:v>19.075560537162652</c:v>
                </c:pt>
                <c:pt idx="4997">
                  <c:v>19.064224724249463</c:v>
                </c:pt>
                <c:pt idx="4998">
                  <c:v>19.075350214817757</c:v>
                </c:pt>
                <c:pt idx="4999">
                  <c:v>18.988185621267959</c:v>
                </c:pt>
                <c:pt idx="5000">
                  <c:v>18.995823896210581</c:v>
                </c:pt>
                <c:pt idx="5001">
                  <c:v>18.995112683660587</c:v>
                </c:pt>
                <c:pt idx="5002">
                  <c:v>19.026242658250201</c:v>
                </c:pt>
                <c:pt idx="5003">
                  <c:v>19.008761381313384</c:v>
                </c:pt>
                <c:pt idx="5004">
                  <c:v>18.91226717215978</c:v>
                </c:pt>
                <c:pt idx="5005">
                  <c:v>18.959299563555163</c:v>
                </c:pt>
                <c:pt idx="5006">
                  <c:v>19.104121102610463</c:v>
                </c:pt>
                <c:pt idx="5007">
                  <c:v>19.17878361474061</c:v>
                </c:pt>
                <c:pt idx="5008">
                  <c:v>19.143659689372438</c:v>
                </c:pt>
                <c:pt idx="5009">
                  <c:v>19.145146569248872</c:v>
                </c:pt>
                <c:pt idx="5010">
                  <c:v>19.154078497577558</c:v>
                </c:pt>
                <c:pt idx="5011">
                  <c:v>19.163319266764397</c:v>
                </c:pt>
                <c:pt idx="5012">
                  <c:v>19.170717219696648</c:v>
                </c:pt>
                <c:pt idx="5013">
                  <c:v>19.138753913573638</c:v>
                </c:pt>
                <c:pt idx="5014">
                  <c:v>19.099387884887108</c:v>
                </c:pt>
                <c:pt idx="5015">
                  <c:v>19.134213010809443</c:v>
                </c:pt>
                <c:pt idx="5016">
                  <c:v>19.242965014403101</c:v>
                </c:pt>
                <c:pt idx="5017">
                  <c:v>19.280807856434574</c:v>
                </c:pt>
                <c:pt idx="5018">
                  <c:v>19.282528191415818</c:v>
                </c:pt>
                <c:pt idx="5019">
                  <c:v>19.247719768542368</c:v>
                </c:pt>
                <c:pt idx="5020">
                  <c:v>19.229990687382667</c:v>
                </c:pt>
                <c:pt idx="5021">
                  <c:v>19.245913303879036</c:v>
                </c:pt>
                <c:pt idx="5022">
                  <c:v>19.224833577532973</c:v>
                </c:pt>
                <c:pt idx="5023">
                  <c:v>19.272111464413349</c:v>
                </c:pt>
                <c:pt idx="5024">
                  <c:v>19.319305800506172</c:v>
                </c:pt>
                <c:pt idx="5025">
                  <c:v>19.369632168510226</c:v>
                </c:pt>
                <c:pt idx="5026">
                  <c:v>19.381472341764692</c:v>
                </c:pt>
                <c:pt idx="5027">
                  <c:v>19.385808081681649</c:v>
                </c:pt>
                <c:pt idx="5028">
                  <c:v>19.429970433207181</c:v>
                </c:pt>
                <c:pt idx="5029">
                  <c:v>19.454126786464006</c:v>
                </c:pt>
                <c:pt idx="5030">
                  <c:v>19.378044852163864</c:v>
                </c:pt>
                <c:pt idx="5031">
                  <c:v>19.239325574689349</c:v>
                </c:pt>
                <c:pt idx="5032">
                  <c:v>19.174154923558753</c:v>
                </c:pt>
                <c:pt idx="5033">
                  <c:v>19.225480751643932</c:v>
                </c:pt>
                <c:pt idx="5034">
                  <c:v>19.124413306259743</c:v>
                </c:pt>
                <c:pt idx="5035">
                  <c:v>19.152280243170662</c:v>
                </c:pt>
                <c:pt idx="5036">
                  <c:v>19.34252872813747</c:v>
                </c:pt>
                <c:pt idx="5037">
                  <c:v>19.45274070836178</c:v>
                </c:pt>
                <c:pt idx="5038">
                  <c:v>19.482520528751589</c:v>
                </c:pt>
                <c:pt idx="5039">
                  <c:v>19.552674310334279</c:v>
                </c:pt>
                <c:pt idx="5040">
                  <c:v>19.598080338200429</c:v>
                </c:pt>
                <c:pt idx="5041">
                  <c:v>19.653961268446835</c:v>
                </c:pt>
                <c:pt idx="5042">
                  <c:v>19.691177814009606</c:v>
                </c:pt>
                <c:pt idx="5043">
                  <c:v>19.684296530332482</c:v>
                </c:pt>
                <c:pt idx="5044">
                  <c:v>19.646218249512426</c:v>
                </c:pt>
                <c:pt idx="5045">
                  <c:v>19.68873234375873</c:v>
                </c:pt>
                <c:pt idx="5046">
                  <c:v>19.726711191584272</c:v>
                </c:pt>
                <c:pt idx="5047">
                  <c:v>19.690088791411462</c:v>
                </c:pt>
                <c:pt idx="5048">
                  <c:v>19.605059601190845</c:v>
                </c:pt>
                <c:pt idx="5049">
                  <c:v>19.503547988492848</c:v>
                </c:pt>
                <c:pt idx="5050">
                  <c:v>19.387902207565116</c:v>
                </c:pt>
                <c:pt idx="5051">
                  <c:v>19.322656604553931</c:v>
                </c:pt>
                <c:pt idx="5052">
                  <c:v>19.265988594851223</c:v>
                </c:pt>
                <c:pt idx="5053">
                  <c:v>19.311821160341445</c:v>
                </c:pt>
                <c:pt idx="5054">
                  <c:v>19.368835727097476</c:v>
                </c:pt>
                <c:pt idx="5055">
                  <c:v>19.3783373189911</c:v>
                </c:pt>
                <c:pt idx="5056">
                  <c:v>19.401757465027988</c:v>
                </c:pt>
                <c:pt idx="5057">
                  <c:v>19.526613242733433</c:v>
                </c:pt>
                <c:pt idx="5058">
                  <c:v>19.629321432939424</c:v>
                </c:pt>
                <c:pt idx="5059">
                  <c:v>19.615483427408488</c:v>
                </c:pt>
                <c:pt idx="5060">
                  <c:v>19.586803647752138</c:v>
                </c:pt>
                <c:pt idx="5061">
                  <c:v>19.607992962994384</c:v>
                </c:pt>
                <c:pt idx="5062">
                  <c:v>19.677035533088137</c:v>
                </c:pt>
                <c:pt idx="5063">
                  <c:v>19.76309461684901</c:v>
                </c:pt>
                <c:pt idx="5064">
                  <c:v>19.866935542748681</c:v>
                </c:pt>
                <c:pt idx="5065">
                  <c:v>19.945025540034703</c:v>
                </c:pt>
                <c:pt idx="5066">
                  <c:v>19.933653243733225</c:v>
                </c:pt>
                <c:pt idx="5067">
                  <c:v>19.884310411975285</c:v>
                </c:pt>
                <c:pt idx="5068">
                  <c:v>19.849298258479912</c:v>
                </c:pt>
                <c:pt idx="5069">
                  <c:v>19.780186759063106</c:v>
                </c:pt>
                <c:pt idx="5070">
                  <c:v>19.838410602600177</c:v>
                </c:pt>
                <c:pt idx="5071">
                  <c:v>19.818850626024602</c:v>
                </c:pt>
                <c:pt idx="5072">
                  <c:v>19.784159474565101</c:v>
                </c:pt>
                <c:pt idx="5073">
                  <c:v>19.765096911341498</c:v>
                </c:pt>
                <c:pt idx="5074">
                  <c:v>19.750357046758932</c:v>
                </c:pt>
                <c:pt idx="5075">
                  <c:v>19.744486421367661</c:v>
                </c:pt>
                <c:pt idx="5076">
                  <c:v>19.735498700298105</c:v>
                </c:pt>
                <c:pt idx="5077">
                  <c:v>19.770137280503949</c:v>
                </c:pt>
                <c:pt idx="5078">
                  <c:v>19.788813848510141</c:v>
                </c:pt>
                <c:pt idx="5079">
                  <c:v>19.711054346151446</c:v>
                </c:pt>
                <c:pt idx="5080">
                  <c:v>19.631092462616117</c:v>
                </c:pt>
                <c:pt idx="5081">
                  <c:v>19.572715593277085</c:v>
                </c:pt>
                <c:pt idx="5082">
                  <c:v>19.556132546476203</c:v>
                </c:pt>
                <c:pt idx="5083">
                  <c:v>19.700662763207248</c:v>
                </c:pt>
                <c:pt idx="5084">
                  <c:v>19.817640724904969</c:v>
                </c:pt>
                <c:pt idx="5085">
                  <c:v>19.900732344201586</c:v>
                </c:pt>
                <c:pt idx="5086">
                  <c:v>19.906411227736164</c:v>
                </c:pt>
                <c:pt idx="5087">
                  <c:v>19.84879708990935</c:v>
                </c:pt>
                <c:pt idx="5088">
                  <c:v>19.809205532132871</c:v>
                </c:pt>
                <c:pt idx="5089">
                  <c:v>19.834415622129484</c:v>
                </c:pt>
                <c:pt idx="5090">
                  <c:v>19.832845057910653</c:v>
                </c:pt>
                <c:pt idx="5091">
                  <c:v>19.796351665058587</c:v>
                </c:pt>
                <c:pt idx="5092">
                  <c:v>19.741007185398441</c:v>
                </c:pt>
                <c:pt idx="5093">
                  <c:v>19.708141407549221</c:v>
                </c:pt>
                <c:pt idx="5094">
                  <c:v>19.788410979266505</c:v>
                </c:pt>
                <c:pt idx="5095">
                  <c:v>19.862818631927396</c:v>
                </c:pt>
                <c:pt idx="5096">
                  <c:v>19.89345544077889</c:v>
                </c:pt>
                <c:pt idx="5097">
                  <c:v>19.878825930013313</c:v>
                </c:pt>
                <c:pt idx="5098">
                  <c:v>19.884979391215282</c:v>
                </c:pt>
                <c:pt idx="5099">
                  <c:v>19.928140085449712</c:v>
                </c:pt>
                <c:pt idx="5100">
                  <c:v>19.912664115118083</c:v>
                </c:pt>
                <c:pt idx="5101">
                  <c:v>19.925131880903315</c:v>
                </c:pt>
                <c:pt idx="5102">
                  <c:v>20.024783160114463</c:v>
                </c:pt>
                <c:pt idx="5103">
                  <c:v>20.071935217928836</c:v>
                </c:pt>
                <c:pt idx="5104">
                  <c:v>19.976474729450068</c:v>
                </c:pt>
                <c:pt idx="5105">
                  <c:v>19.811780808456049</c:v>
                </c:pt>
                <c:pt idx="5106">
                  <c:v>19.866614400150379</c:v>
                </c:pt>
                <c:pt idx="5107">
                  <c:v>19.987420549870862</c:v>
                </c:pt>
                <c:pt idx="5108">
                  <c:v>19.990624113410817</c:v>
                </c:pt>
                <c:pt idx="5109">
                  <c:v>19.936313120979861</c:v>
                </c:pt>
                <c:pt idx="5110">
                  <c:v>19.868361047923486</c:v>
                </c:pt>
                <c:pt idx="5111">
                  <c:v>19.772666041281987</c:v>
                </c:pt>
                <c:pt idx="5112">
                  <c:v>19.70791037856355</c:v>
                </c:pt>
                <c:pt idx="5113">
                  <c:v>19.72810814762564</c:v>
                </c:pt>
                <c:pt idx="5114">
                  <c:v>19.724180058251612</c:v>
                </c:pt>
                <c:pt idx="5115">
                  <c:v>19.732765226560154</c:v>
                </c:pt>
                <c:pt idx="5116">
                  <c:v>19.752174872552008</c:v>
                </c:pt>
                <c:pt idx="5117">
                  <c:v>19.716479961411906</c:v>
                </c:pt>
                <c:pt idx="5118">
                  <c:v>19.571953991378425</c:v>
                </c:pt>
                <c:pt idx="5119">
                  <c:v>19.508897570480531</c:v>
                </c:pt>
                <c:pt idx="5120">
                  <c:v>19.440729100290579</c:v>
                </c:pt>
                <c:pt idx="5121">
                  <c:v>19.409566885082157</c:v>
                </c:pt>
                <c:pt idx="5122">
                  <c:v>19.354430685687902</c:v>
                </c:pt>
                <c:pt idx="5123">
                  <c:v>19.294060351242315</c:v>
                </c:pt>
                <c:pt idx="5124">
                  <c:v>19.259360432964876</c:v>
                </c:pt>
                <c:pt idx="5125">
                  <c:v>19.30255619186876</c:v>
                </c:pt>
                <c:pt idx="5126">
                  <c:v>19.363643155086024</c:v>
                </c:pt>
                <c:pt idx="5127">
                  <c:v>19.363814993371516</c:v>
                </c:pt>
                <c:pt idx="5128">
                  <c:v>19.360366304968526</c:v>
                </c:pt>
                <c:pt idx="5129">
                  <c:v>19.410859971563124</c:v>
                </c:pt>
                <c:pt idx="5130">
                  <c:v>19.481776373232012</c:v>
                </c:pt>
                <c:pt idx="5131">
                  <c:v>19.474047258396663</c:v>
                </c:pt>
                <c:pt idx="5132">
                  <c:v>19.541892295222194</c:v>
                </c:pt>
                <c:pt idx="5133">
                  <c:v>19.648469554159135</c:v>
                </c:pt>
                <c:pt idx="5134">
                  <c:v>19.5760227220511</c:v>
                </c:pt>
                <c:pt idx="5135">
                  <c:v>19.541400779556572</c:v>
                </c:pt>
                <c:pt idx="5136">
                  <c:v>19.563784771059304</c:v>
                </c:pt>
                <c:pt idx="5137">
                  <c:v>19.546362009612295</c:v>
                </c:pt>
                <c:pt idx="5138">
                  <c:v>19.515453092679056</c:v>
                </c:pt>
                <c:pt idx="5139">
                  <c:v>19.496945100230011</c:v>
                </c:pt>
                <c:pt idx="5140">
                  <c:v>19.470275829401452</c:v>
                </c:pt>
                <c:pt idx="5141">
                  <c:v>19.437350700909558</c:v>
                </c:pt>
                <c:pt idx="5142">
                  <c:v>19.418703325778424</c:v>
                </c:pt>
                <c:pt idx="5143">
                  <c:v>19.36930618114808</c:v>
                </c:pt>
                <c:pt idx="5144">
                  <c:v>19.393898571937488</c:v>
                </c:pt>
                <c:pt idx="5145">
                  <c:v>19.383735331769106</c:v>
                </c:pt>
                <c:pt idx="5146">
                  <c:v>19.427695675862498</c:v>
                </c:pt>
                <c:pt idx="5147">
                  <c:v>19.527824985021276</c:v>
                </c:pt>
                <c:pt idx="5148">
                  <c:v>19.615699975623922</c:v>
                </c:pt>
                <c:pt idx="5149">
                  <c:v>19.675775154064109</c:v>
                </c:pt>
                <c:pt idx="5150">
                  <c:v>19.753678915858121</c:v>
                </c:pt>
                <c:pt idx="5151">
                  <c:v>19.77874531864612</c:v>
                </c:pt>
                <c:pt idx="5152">
                  <c:v>19.757117762368431</c:v>
                </c:pt>
                <c:pt idx="5153">
                  <c:v>19.725512853234104</c:v>
                </c:pt>
                <c:pt idx="5154">
                  <c:v>19.709406930765574</c:v>
                </c:pt>
                <c:pt idx="5155">
                  <c:v>19.712948342126872</c:v>
                </c:pt>
                <c:pt idx="5156">
                  <c:v>19.698475701335674</c:v>
                </c:pt>
                <c:pt idx="5157">
                  <c:v>19.687544393245954</c:v>
                </c:pt>
                <c:pt idx="5158">
                  <c:v>19.742665826468265</c:v>
                </c:pt>
                <c:pt idx="5159">
                  <c:v>19.840225850914237</c:v>
                </c:pt>
                <c:pt idx="5160">
                  <c:v>19.854180948805016</c:v>
                </c:pt>
                <c:pt idx="5161">
                  <c:v>19.840122958244212</c:v>
                </c:pt>
                <c:pt idx="5162">
                  <c:v>19.798870082529056</c:v>
                </c:pt>
                <c:pt idx="5163">
                  <c:v>19.736561322113811</c:v>
                </c:pt>
                <c:pt idx="5164">
                  <c:v>19.746031327752995</c:v>
                </c:pt>
                <c:pt idx="5165">
                  <c:v>19.720960158550657</c:v>
                </c:pt>
                <c:pt idx="5166">
                  <c:v>19.751770281146786</c:v>
                </c:pt>
                <c:pt idx="5167">
                  <c:v>19.768111535161253</c:v>
                </c:pt>
                <c:pt idx="5168">
                  <c:v>19.819726426039988</c:v>
                </c:pt>
                <c:pt idx="5169">
                  <c:v>19.802369352944211</c:v>
                </c:pt>
                <c:pt idx="5170">
                  <c:v>19.71600318385671</c:v>
                </c:pt>
                <c:pt idx="5171">
                  <c:v>19.658041103776199</c:v>
                </c:pt>
                <c:pt idx="5172">
                  <c:v>19.588803582586181</c:v>
                </c:pt>
                <c:pt idx="5173">
                  <c:v>19.487380514066896</c:v>
                </c:pt>
                <c:pt idx="5174">
                  <c:v>19.318004987971481</c:v>
                </c:pt>
                <c:pt idx="5175">
                  <c:v>19.250159176528399</c:v>
                </c:pt>
                <c:pt idx="5176">
                  <c:v>19.263889131843662</c:v>
                </c:pt>
                <c:pt idx="5177">
                  <c:v>19.336755703956563</c:v>
                </c:pt>
                <c:pt idx="5178">
                  <c:v>19.370921935367242</c:v>
                </c:pt>
                <c:pt idx="5179">
                  <c:v>19.397869642430745</c:v>
                </c:pt>
                <c:pt idx="5180">
                  <c:v>19.453531501798341</c:v>
                </c:pt>
                <c:pt idx="5181">
                  <c:v>19.482584121676886</c:v>
                </c:pt>
                <c:pt idx="5182">
                  <c:v>19.539141080152987</c:v>
                </c:pt>
                <c:pt idx="5183">
                  <c:v>19.549565325898818</c:v>
                </c:pt>
                <c:pt idx="5184">
                  <c:v>19.549164187248184</c:v>
                </c:pt>
                <c:pt idx="5185">
                  <c:v>19.605305625917161</c:v>
                </c:pt>
                <c:pt idx="5186">
                  <c:v>19.671874513432066</c:v>
                </c:pt>
                <c:pt idx="5187">
                  <c:v>19.685903102860994</c:v>
                </c:pt>
                <c:pt idx="5188">
                  <c:v>19.648656844023346</c:v>
                </c:pt>
                <c:pt idx="5189">
                  <c:v>19.51816169093928</c:v>
                </c:pt>
                <c:pt idx="5190">
                  <c:v>19.391727077411861</c:v>
                </c:pt>
                <c:pt idx="5191">
                  <c:v>19.300840233246209</c:v>
                </c:pt>
                <c:pt idx="5192">
                  <c:v>19.295609418139527</c:v>
                </c:pt>
                <c:pt idx="5193">
                  <c:v>19.389995731921797</c:v>
                </c:pt>
                <c:pt idx="5194">
                  <c:v>19.533348520291874</c:v>
                </c:pt>
                <c:pt idx="5195">
                  <c:v>19.56470497909093</c:v>
                </c:pt>
                <c:pt idx="5196">
                  <c:v>19.582541788204985</c:v>
                </c:pt>
                <c:pt idx="5197">
                  <c:v>19.608222528672833</c:v>
                </c:pt>
                <c:pt idx="5198">
                  <c:v>19.596177815650417</c:v>
                </c:pt>
                <c:pt idx="5199">
                  <c:v>19.549321444772051</c:v>
                </c:pt>
                <c:pt idx="5200">
                  <c:v>19.416446121379103</c:v>
                </c:pt>
                <c:pt idx="5201">
                  <c:v>19.341916802266638</c:v>
                </c:pt>
                <c:pt idx="5202">
                  <c:v>19.422700552791028</c:v>
                </c:pt>
                <c:pt idx="5203">
                  <c:v>19.609716753996619</c:v>
                </c:pt>
                <c:pt idx="5204">
                  <c:v>19.789714403518698</c:v>
                </c:pt>
                <c:pt idx="5205">
                  <c:v>19.853347348278941</c:v>
                </c:pt>
                <c:pt idx="5206">
                  <c:v>19.811697203731271</c:v>
                </c:pt>
                <c:pt idx="5207">
                  <c:v>19.745908830370578</c:v>
                </c:pt>
                <c:pt idx="5208">
                  <c:v>19.700457744768404</c:v>
                </c:pt>
                <c:pt idx="5209">
                  <c:v>19.69322569390102</c:v>
                </c:pt>
                <c:pt idx="5210">
                  <c:v>19.693589648771894</c:v>
                </c:pt>
                <c:pt idx="5211">
                  <c:v>19.73015875259216</c:v>
                </c:pt>
                <c:pt idx="5212">
                  <c:v>19.737929308778583</c:v>
                </c:pt>
                <c:pt idx="5213">
                  <c:v>19.741044026647387</c:v>
                </c:pt>
                <c:pt idx="5214">
                  <c:v>19.726101836359366</c:v>
                </c:pt>
                <c:pt idx="5215">
                  <c:v>19.700847119018906</c:v>
                </c:pt>
                <c:pt idx="5216">
                  <c:v>19.681847183867795</c:v>
                </c:pt>
                <c:pt idx="5217">
                  <c:v>19.657673953710926</c:v>
                </c:pt>
                <c:pt idx="5218">
                  <c:v>19.54337235104504</c:v>
                </c:pt>
                <c:pt idx="5219">
                  <c:v>19.412504387120538</c:v>
                </c:pt>
                <c:pt idx="5220">
                  <c:v>19.270537100846891</c:v>
                </c:pt>
                <c:pt idx="5221">
                  <c:v>19.06852985242271</c:v>
                </c:pt>
                <c:pt idx="5222">
                  <c:v>18.973612443796984</c:v>
                </c:pt>
                <c:pt idx="5223">
                  <c:v>18.968589731048532</c:v>
                </c:pt>
                <c:pt idx="5224">
                  <c:v>18.922261020469268</c:v>
                </c:pt>
                <c:pt idx="5225">
                  <c:v>18.908730236437957</c:v>
                </c:pt>
                <c:pt idx="5226">
                  <c:v>18.876528398272285</c:v>
                </c:pt>
                <c:pt idx="5227">
                  <c:v>18.864176788048272</c:v>
                </c:pt>
                <c:pt idx="5228">
                  <c:v>18.913447080904568</c:v>
                </c:pt>
                <c:pt idx="5229">
                  <c:v>18.93783958157961</c:v>
                </c:pt>
                <c:pt idx="5230">
                  <c:v>19.021518987436998</c:v>
                </c:pt>
                <c:pt idx="5231">
                  <c:v>19.080548877461201</c:v>
                </c:pt>
                <c:pt idx="5232">
                  <c:v>18.953656342469774</c:v>
                </c:pt>
                <c:pt idx="5233">
                  <c:v>18.948602094642908</c:v>
                </c:pt>
                <c:pt idx="5234">
                  <c:v>18.874812555695932</c:v>
                </c:pt>
                <c:pt idx="5235">
                  <c:v>18.85953786428686</c:v>
                </c:pt>
                <c:pt idx="5236">
                  <c:v>18.913280998477745</c:v>
                </c:pt>
                <c:pt idx="5237">
                  <c:v>19.179669239558507</c:v>
                </c:pt>
                <c:pt idx="5238">
                  <c:v>19.449197817648511</c:v>
                </c:pt>
                <c:pt idx="5239">
                  <c:v>19.507967593968448</c:v>
                </c:pt>
                <c:pt idx="5240">
                  <c:v>19.560192255215547</c:v>
                </c:pt>
                <c:pt idx="5241">
                  <c:v>19.568687109612426</c:v>
                </c:pt>
                <c:pt idx="5242">
                  <c:v>19.559869549026015</c:v>
                </c:pt>
                <c:pt idx="5243">
                  <c:v>19.507039095190169</c:v>
                </c:pt>
                <c:pt idx="5244">
                  <c:v>19.509758898876338</c:v>
                </c:pt>
                <c:pt idx="5245">
                  <c:v>19.567167980997507</c:v>
                </c:pt>
                <c:pt idx="5246">
                  <c:v>19.741406618447272</c:v>
                </c:pt>
                <c:pt idx="5247">
                  <c:v>19.814166263331664</c:v>
                </c:pt>
                <c:pt idx="5248">
                  <c:v>19.806761935929529</c:v>
                </c:pt>
                <c:pt idx="5249">
                  <c:v>19.805585909508313</c:v>
                </c:pt>
                <c:pt idx="5250">
                  <c:v>19.718762644712609</c:v>
                </c:pt>
                <c:pt idx="5251">
                  <c:v>19.626222095174079</c:v>
                </c:pt>
                <c:pt idx="5252">
                  <c:v>19.615044561991798</c:v>
                </c:pt>
                <c:pt idx="5253">
                  <c:v>19.647693542015055</c:v>
                </c:pt>
                <c:pt idx="5254">
                  <c:v>19.85537033520756</c:v>
                </c:pt>
                <c:pt idx="5255">
                  <c:v>19.952226365086972</c:v>
                </c:pt>
                <c:pt idx="5256">
                  <c:v>20.083516078128074</c:v>
                </c:pt>
                <c:pt idx="5257">
                  <c:v>20.192604056562939</c:v>
                </c:pt>
                <c:pt idx="5258">
                  <c:v>20.227232318106076</c:v>
                </c:pt>
                <c:pt idx="5259">
                  <c:v>20.284323091167636</c:v>
                </c:pt>
                <c:pt idx="5260">
                  <c:v>20.107513423756217</c:v>
                </c:pt>
                <c:pt idx="5261">
                  <c:v>20.045185536921245</c:v>
                </c:pt>
                <c:pt idx="5262">
                  <c:v>20.000780843202179</c:v>
                </c:pt>
                <c:pt idx="5263">
                  <c:v>20.002025490969842</c:v>
                </c:pt>
                <c:pt idx="5264">
                  <c:v>19.941942554410524</c:v>
                </c:pt>
                <c:pt idx="5265">
                  <c:v>19.922393189620767</c:v>
                </c:pt>
                <c:pt idx="5266">
                  <c:v>19.915323719653557</c:v>
                </c:pt>
                <c:pt idx="5267">
                  <c:v>19.969068013497751</c:v>
                </c:pt>
                <c:pt idx="5268">
                  <c:v>20.025318856663475</c:v>
                </c:pt>
                <c:pt idx="5269">
                  <c:v>20.02613670050409</c:v>
                </c:pt>
                <c:pt idx="5270">
                  <c:v>20.037919657085247</c:v>
                </c:pt>
                <c:pt idx="5271">
                  <c:v>20.13883644993539</c:v>
                </c:pt>
                <c:pt idx="5272">
                  <c:v>20.280641247926567</c:v>
                </c:pt>
                <c:pt idx="5273">
                  <c:v>20.367112529654861</c:v>
                </c:pt>
                <c:pt idx="5274">
                  <c:v>20.435169850947517</c:v>
                </c:pt>
                <c:pt idx="5275">
                  <c:v>20.534629917086104</c:v>
                </c:pt>
                <c:pt idx="5276">
                  <c:v>20.480089759216106</c:v>
                </c:pt>
                <c:pt idx="5277">
                  <c:v>20.511210359630077</c:v>
                </c:pt>
                <c:pt idx="5278">
                  <c:v>20.507654251020266</c:v>
                </c:pt>
                <c:pt idx="5279">
                  <c:v>20.469299176150709</c:v>
                </c:pt>
                <c:pt idx="5280">
                  <c:v>20.467296619616473</c:v>
                </c:pt>
                <c:pt idx="5281">
                  <c:v>20.376600500481004</c:v>
                </c:pt>
                <c:pt idx="5282">
                  <c:v>20.344297690751439</c:v>
                </c:pt>
                <c:pt idx="5283">
                  <c:v>20.455194619771518</c:v>
                </c:pt>
                <c:pt idx="5284">
                  <c:v>20.701861018755082</c:v>
                </c:pt>
                <c:pt idx="5285">
                  <c:v>20.654505115760866</c:v>
                </c:pt>
                <c:pt idx="5286">
                  <c:v>20.644911489428992</c:v>
                </c:pt>
                <c:pt idx="5287">
                  <c:v>20.571106126524281</c:v>
                </c:pt>
                <c:pt idx="5288">
                  <c:v>20.590907263986324</c:v>
                </c:pt>
                <c:pt idx="5289">
                  <c:v>20.632680405638304</c:v>
                </c:pt>
                <c:pt idx="5290">
                  <c:v>20.581154789018548</c:v>
                </c:pt>
                <c:pt idx="5291">
                  <c:v>20.520112355211602</c:v>
                </c:pt>
                <c:pt idx="5292">
                  <c:v>20.465990343650425</c:v>
                </c:pt>
                <c:pt idx="5293">
                  <c:v>20.504965936513369</c:v>
                </c:pt>
                <c:pt idx="5294">
                  <c:v>20.546197867413014</c:v>
                </c:pt>
                <c:pt idx="5295">
                  <c:v>20.580930220027138</c:v>
                </c:pt>
                <c:pt idx="5296">
                  <c:v>20.479341273692523</c:v>
                </c:pt>
                <c:pt idx="5297">
                  <c:v>20.46284462950787</c:v>
                </c:pt>
                <c:pt idx="5298">
                  <c:v>20.487685122424253</c:v>
                </c:pt>
                <c:pt idx="5299">
                  <c:v>20.493717005866145</c:v>
                </c:pt>
                <c:pt idx="5300">
                  <c:v>20.508397388159754</c:v>
                </c:pt>
                <c:pt idx="5301">
                  <c:v>20.495128099908811</c:v>
                </c:pt>
                <c:pt idx="5302">
                  <c:v>20.471322074863263</c:v>
                </c:pt>
                <c:pt idx="5303">
                  <c:v>20.42529000110024</c:v>
                </c:pt>
                <c:pt idx="5304">
                  <c:v>20.393168434865633</c:v>
                </c:pt>
                <c:pt idx="5305">
                  <c:v>20.420028316438618</c:v>
                </c:pt>
                <c:pt idx="5306">
                  <c:v>20.378191785412653</c:v>
                </c:pt>
                <c:pt idx="5307">
                  <c:v>20.391053607091997</c:v>
                </c:pt>
                <c:pt idx="5308">
                  <c:v>20.37422893962998</c:v>
                </c:pt>
                <c:pt idx="5309">
                  <c:v>20.283718876689576</c:v>
                </c:pt>
                <c:pt idx="5310">
                  <c:v>20.281085946305339</c:v>
                </c:pt>
                <c:pt idx="5311">
                  <c:v>20.259537840470752</c:v>
                </c:pt>
                <c:pt idx="5312">
                  <c:v>20.199624465772608</c:v>
                </c:pt>
                <c:pt idx="5313">
                  <c:v>20.022647405926328</c:v>
                </c:pt>
                <c:pt idx="5314">
                  <c:v>19.910638245096592</c:v>
                </c:pt>
                <c:pt idx="5315">
                  <c:v>19.776127841820582</c:v>
                </c:pt>
                <c:pt idx="5316">
                  <c:v>19.674648394071088</c:v>
                </c:pt>
                <c:pt idx="5317">
                  <c:v>19.553656826049369</c:v>
                </c:pt>
                <c:pt idx="5318">
                  <c:v>19.43972944732127</c:v>
                </c:pt>
                <c:pt idx="5319">
                  <c:v>19.365227257720591</c:v>
                </c:pt>
                <c:pt idx="5320">
                  <c:v>19.303361722230804</c:v>
                </c:pt>
                <c:pt idx="5321">
                  <c:v>19.222992572875771</c:v>
                </c:pt>
                <c:pt idx="5322">
                  <c:v>19.170018532089788</c:v>
                </c:pt>
                <c:pt idx="5323">
                  <c:v>19.297582649134661</c:v>
                </c:pt>
                <c:pt idx="5324">
                  <c:v>19.352265478487645</c:v>
                </c:pt>
                <c:pt idx="5325">
                  <c:v>19.377356683243676</c:v>
                </c:pt>
                <c:pt idx="5326">
                  <c:v>19.330168171381935</c:v>
                </c:pt>
                <c:pt idx="5327">
                  <c:v>19.434868739820722</c:v>
                </c:pt>
                <c:pt idx="5328">
                  <c:v>19.53062109762406</c:v>
                </c:pt>
                <c:pt idx="5329">
                  <c:v>19.586941741437464</c:v>
                </c:pt>
                <c:pt idx="5330">
                  <c:v>19.615315931050713</c:v>
                </c:pt>
                <c:pt idx="5331">
                  <c:v>19.618531911433585</c:v>
                </c:pt>
                <c:pt idx="5332">
                  <c:v>19.593735125403672</c:v>
                </c:pt>
                <c:pt idx="5333">
                  <c:v>19.565172569106654</c:v>
                </c:pt>
                <c:pt idx="5334">
                  <c:v>19.606332130376956</c:v>
                </c:pt>
                <c:pt idx="5335">
                  <c:v>19.668196442519008</c:v>
                </c:pt>
                <c:pt idx="5336">
                  <c:v>19.653229434884839</c:v>
                </c:pt>
                <c:pt idx="5337">
                  <c:v>19.622820112412821</c:v>
                </c:pt>
                <c:pt idx="5338">
                  <c:v>19.545170510316321</c:v>
                </c:pt>
                <c:pt idx="5339">
                  <c:v>19.458994556696926</c:v>
                </c:pt>
                <c:pt idx="5340">
                  <c:v>19.339017499306664</c:v>
                </c:pt>
                <c:pt idx="5341">
                  <c:v>19.198595574561558</c:v>
                </c:pt>
                <c:pt idx="5342">
                  <c:v>19.170274173768423</c:v>
                </c:pt>
                <c:pt idx="5343">
                  <c:v>19.243633994757833</c:v>
                </c:pt>
                <c:pt idx="5344">
                  <c:v>19.275333591190794</c:v>
                </c:pt>
                <c:pt idx="5345">
                  <c:v>19.339167979740715</c:v>
                </c:pt>
                <c:pt idx="5346">
                  <c:v>19.373954967779138</c:v>
                </c:pt>
                <c:pt idx="5347">
                  <c:v>19.471024424089272</c:v>
                </c:pt>
                <c:pt idx="5348">
                  <c:v>19.498655484663871</c:v>
                </c:pt>
                <c:pt idx="5349">
                  <c:v>19.489799583731511</c:v>
                </c:pt>
                <c:pt idx="5350">
                  <c:v>19.506859105258474</c:v>
                </c:pt>
                <c:pt idx="5351">
                  <c:v>19.520480553562514</c:v>
                </c:pt>
                <c:pt idx="5352">
                  <c:v>19.583038637319234</c:v>
                </c:pt>
                <c:pt idx="5353">
                  <c:v>19.66325964264847</c:v>
                </c:pt>
                <c:pt idx="5354">
                  <c:v>19.719086661020214</c:v>
                </c:pt>
                <c:pt idx="5355">
                  <c:v>19.6904068538011</c:v>
                </c:pt>
                <c:pt idx="5356">
                  <c:v>19.700579680231492</c:v>
                </c:pt>
                <c:pt idx="5357">
                  <c:v>19.65645943463538</c:v>
                </c:pt>
                <c:pt idx="5358">
                  <c:v>19.629132516718503</c:v>
                </c:pt>
                <c:pt idx="5359">
                  <c:v>19.57377386531061</c:v>
                </c:pt>
                <c:pt idx="5360">
                  <c:v>19.531059075589113</c:v>
                </c:pt>
                <c:pt idx="5361">
                  <c:v>19.456827079215874</c:v>
                </c:pt>
                <c:pt idx="5362">
                  <c:v>19.394021971163134</c:v>
                </c:pt>
                <c:pt idx="5363">
                  <c:v>19.414317183691065</c:v>
                </c:pt>
                <c:pt idx="5364">
                  <c:v>19.468287717572853</c:v>
                </c:pt>
                <c:pt idx="5365">
                  <c:v>19.470244502406512</c:v>
                </c:pt>
                <c:pt idx="5366">
                  <c:v>19.510358568765191</c:v>
                </c:pt>
                <c:pt idx="5367">
                  <c:v>19.561694393562345</c:v>
                </c:pt>
                <c:pt idx="5368">
                  <c:v>19.61536407769783</c:v>
                </c:pt>
                <c:pt idx="5369">
                  <c:v>19.713209928304654</c:v>
                </c:pt>
                <c:pt idx="5370">
                  <c:v>19.784044184385529</c:v>
                </c:pt>
                <c:pt idx="5371">
                  <c:v>19.791495137165594</c:v>
                </c:pt>
                <c:pt idx="5372">
                  <c:v>19.763604513296226</c:v>
                </c:pt>
                <c:pt idx="5373">
                  <c:v>19.657419194348417</c:v>
                </c:pt>
                <c:pt idx="5374">
                  <c:v>19.606655736197279</c:v>
                </c:pt>
                <c:pt idx="5375">
                  <c:v>19.584985354822408</c:v>
                </c:pt>
                <c:pt idx="5376">
                  <c:v>19.502486394942</c:v>
                </c:pt>
                <c:pt idx="5377">
                  <c:v>19.400012251667331</c:v>
                </c:pt>
                <c:pt idx="5378">
                  <c:v>19.350242110766867</c:v>
                </c:pt>
                <c:pt idx="5379">
                  <c:v>19.34283073723072</c:v>
                </c:pt>
                <c:pt idx="5380">
                  <c:v>19.389338917352951</c:v>
                </c:pt>
                <c:pt idx="5381">
                  <c:v>19.374659417596114</c:v>
                </c:pt>
                <c:pt idx="5382">
                  <c:v>19.462167034864596</c:v>
                </c:pt>
                <c:pt idx="5383">
                  <c:v>19.577038978051654</c:v>
                </c:pt>
                <c:pt idx="5384">
                  <c:v>19.640886446809919</c:v>
                </c:pt>
                <c:pt idx="5385">
                  <c:v>19.70005639668393</c:v>
                </c:pt>
                <c:pt idx="5386">
                  <c:v>19.763895450962249</c:v>
                </c:pt>
                <c:pt idx="5387">
                  <c:v>19.789366901846147</c:v>
                </c:pt>
                <c:pt idx="5388">
                  <c:v>19.722801881929215</c:v>
                </c:pt>
                <c:pt idx="5389">
                  <c:v>19.651061555464672</c:v>
                </c:pt>
                <c:pt idx="5390">
                  <c:v>19.531858148420618</c:v>
                </c:pt>
                <c:pt idx="5391">
                  <c:v>19.444792227036789</c:v>
                </c:pt>
                <c:pt idx="5392">
                  <c:v>19.399451448578073</c:v>
                </c:pt>
                <c:pt idx="5393">
                  <c:v>19.328955598761798</c:v>
                </c:pt>
                <c:pt idx="5394">
                  <c:v>19.268877272658496</c:v>
                </c:pt>
                <c:pt idx="5395">
                  <c:v>19.362227397614475</c:v>
                </c:pt>
                <c:pt idx="5396">
                  <c:v>19.432458938440618</c:v>
                </c:pt>
                <c:pt idx="5397">
                  <c:v>19.549804908009964</c:v>
                </c:pt>
                <c:pt idx="5398">
                  <c:v>19.630841451069834</c:v>
                </c:pt>
                <c:pt idx="5399">
                  <c:v>19.659728456647038</c:v>
                </c:pt>
                <c:pt idx="5400">
                  <c:v>19.709045481033584</c:v>
                </c:pt>
                <c:pt idx="5401">
                  <c:v>19.504965652835491</c:v>
                </c:pt>
                <c:pt idx="5402">
                  <c:v>19.444875489373391</c:v>
                </c:pt>
                <c:pt idx="5403">
                  <c:v>19.432118682602592</c:v>
                </c:pt>
                <c:pt idx="5404">
                  <c:v>19.406571679602081</c:v>
                </c:pt>
                <c:pt idx="5405">
                  <c:v>19.328955999107276</c:v>
                </c:pt>
                <c:pt idx="5406">
                  <c:v>19.275943172811079</c:v>
                </c:pt>
                <c:pt idx="5407">
                  <c:v>19.236391657847133</c:v>
                </c:pt>
                <c:pt idx="5408">
                  <c:v>19.239367925485752</c:v>
                </c:pt>
                <c:pt idx="5409">
                  <c:v>19.020435351763449</c:v>
                </c:pt>
                <c:pt idx="5410">
                  <c:v>18.893240971184738</c:v>
                </c:pt>
                <c:pt idx="5411">
                  <c:v>18.800709696931978</c:v>
                </c:pt>
                <c:pt idx="5412">
                  <c:v>18.858011245041354</c:v>
                </c:pt>
                <c:pt idx="5413">
                  <c:v>18.992772337247526</c:v>
                </c:pt>
                <c:pt idx="5414">
                  <c:v>19.070960871199169</c:v>
                </c:pt>
                <c:pt idx="5415">
                  <c:v>19.074027434330002</c:v>
                </c:pt>
                <c:pt idx="5416">
                  <c:v>19.085117712436418</c:v>
                </c:pt>
                <c:pt idx="5417">
                  <c:v>19.125867135172232</c:v>
                </c:pt>
                <c:pt idx="5418">
                  <c:v>19.157067014282781</c:v>
                </c:pt>
                <c:pt idx="5419">
                  <c:v>19.205216449857932</c:v>
                </c:pt>
                <c:pt idx="5420">
                  <c:v>19.214668525509818</c:v>
                </c:pt>
                <c:pt idx="5421">
                  <c:v>19.188933878878093</c:v>
                </c:pt>
                <c:pt idx="5422">
                  <c:v>19.162460034144573</c:v>
                </c:pt>
                <c:pt idx="5423">
                  <c:v>19.270077107373368</c:v>
                </c:pt>
                <c:pt idx="5424">
                  <c:v>19.300893160255757</c:v>
                </c:pt>
                <c:pt idx="5425">
                  <c:v>19.305735713665445</c:v>
                </c:pt>
                <c:pt idx="5426">
                  <c:v>19.285939070787059</c:v>
                </c:pt>
                <c:pt idx="5427">
                  <c:v>19.249979811026488</c:v>
                </c:pt>
                <c:pt idx="5428">
                  <c:v>19.259928139234283</c:v>
                </c:pt>
                <c:pt idx="5429">
                  <c:v>19.245515077974954</c:v>
                </c:pt>
                <c:pt idx="5430">
                  <c:v>19.267904361029117</c:v>
                </c:pt>
                <c:pt idx="5431">
                  <c:v>19.265905647603727</c:v>
                </c:pt>
                <c:pt idx="5432">
                  <c:v>19.27690267519516</c:v>
                </c:pt>
                <c:pt idx="5433">
                  <c:v>19.29843064720572</c:v>
                </c:pt>
                <c:pt idx="5434">
                  <c:v>19.332216906444483</c:v>
                </c:pt>
                <c:pt idx="5435">
                  <c:v>19.371338874201967</c:v>
                </c:pt>
                <c:pt idx="5436">
                  <c:v>19.40419831197466</c:v>
                </c:pt>
                <c:pt idx="5437">
                  <c:v>19.444342493452694</c:v>
                </c:pt>
                <c:pt idx="5438">
                  <c:v>19.436689293402868</c:v>
                </c:pt>
                <c:pt idx="5439">
                  <c:v>19.447495625508051</c:v>
                </c:pt>
                <c:pt idx="5440">
                  <c:v>19.436903730829584</c:v>
                </c:pt>
                <c:pt idx="5441">
                  <c:v>19.631635690244561</c:v>
                </c:pt>
                <c:pt idx="5442">
                  <c:v>19.708128570154692</c:v>
                </c:pt>
                <c:pt idx="5443">
                  <c:v>19.684898393809988</c:v>
                </c:pt>
                <c:pt idx="5444">
                  <c:v>19.664791965088309</c:v>
                </c:pt>
                <c:pt idx="5445">
                  <c:v>19.620240030378937</c:v>
                </c:pt>
                <c:pt idx="5446">
                  <c:v>19.588357699315473</c:v>
                </c:pt>
                <c:pt idx="5447">
                  <c:v>19.538580598400671</c:v>
                </c:pt>
                <c:pt idx="5448">
                  <c:v>19.469878716726381</c:v>
                </c:pt>
                <c:pt idx="5449">
                  <c:v>19.276003473407656</c:v>
                </c:pt>
                <c:pt idx="5450">
                  <c:v>19.265912521052012</c:v>
                </c:pt>
                <c:pt idx="5451">
                  <c:v>19.28013748698605</c:v>
                </c:pt>
                <c:pt idx="5452">
                  <c:v>19.297273686349182</c:v>
                </c:pt>
                <c:pt idx="5453">
                  <c:v>19.331160755527197</c:v>
                </c:pt>
                <c:pt idx="5454">
                  <c:v>19.307931584591486</c:v>
                </c:pt>
                <c:pt idx="5455">
                  <c:v>19.281296918641573</c:v>
                </c:pt>
                <c:pt idx="5456">
                  <c:v>19.284191546882713</c:v>
                </c:pt>
                <c:pt idx="5457">
                  <c:v>19.361930716337802</c:v>
                </c:pt>
                <c:pt idx="5458">
                  <c:v>19.405705054298117</c:v>
                </c:pt>
                <c:pt idx="5459">
                  <c:v>19.410461915658065</c:v>
                </c:pt>
                <c:pt idx="5460">
                  <c:v>19.479896958082456</c:v>
                </c:pt>
                <c:pt idx="5461">
                  <c:v>19.44213630899165</c:v>
                </c:pt>
                <c:pt idx="5462">
                  <c:v>19.346986603440126</c:v>
                </c:pt>
                <c:pt idx="5463">
                  <c:v>19.231478353686235</c:v>
                </c:pt>
                <c:pt idx="5464">
                  <c:v>19.193508348378163</c:v>
                </c:pt>
                <c:pt idx="5465">
                  <c:v>19.213758898522915</c:v>
                </c:pt>
                <c:pt idx="5466">
                  <c:v>19.318422714400281</c:v>
                </c:pt>
                <c:pt idx="5467">
                  <c:v>19.408878109744524</c:v>
                </c:pt>
                <c:pt idx="5468">
                  <c:v>19.485713679912063</c:v>
                </c:pt>
                <c:pt idx="5469">
                  <c:v>19.297786754554242</c:v>
                </c:pt>
                <c:pt idx="5470">
                  <c:v>19.316761719138881</c:v>
                </c:pt>
                <c:pt idx="5471">
                  <c:v>19.427868530907368</c:v>
                </c:pt>
                <c:pt idx="5472">
                  <c:v>19.542811058763057</c:v>
                </c:pt>
                <c:pt idx="5473">
                  <c:v>19.555513965338466</c:v>
                </c:pt>
                <c:pt idx="5474">
                  <c:v>19.589311641706285</c:v>
                </c:pt>
                <c:pt idx="5475">
                  <c:v>19.621380950598798</c:v>
                </c:pt>
                <c:pt idx="5476">
                  <c:v>19.638579768851283</c:v>
                </c:pt>
                <c:pt idx="5477">
                  <c:v>19.645467975561782</c:v>
                </c:pt>
                <c:pt idx="5478">
                  <c:v>19.62525070162495</c:v>
                </c:pt>
                <c:pt idx="5479">
                  <c:v>19.651825958477922</c:v>
                </c:pt>
                <c:pt idx="5480">
                  <c:v>19.621047482339556</c:v>
                </c:pt>
                <c:pt idx="5481">
                  <c:v>19.603550783668851</c:v>
                </c:pt>
                <c:pt idx="5482">
                  <c:v>19.541051218892449</c:v>
                </c:pt>
                <c:pt idx="5483">
                  <c:v>19.487357243369917</c:v>
                </c:pt>
                <c:pt idx="5484">
                  <c:v>19.453307088517782</c:v>
                </c:pt>
                <c:pt idx="5485">
                  <c:v>19.457830024399229</c:v>
                </c:pt>
                <c:pt idx="5486">
                  <c:v>19.500154287960211</c:v>
                </c:pt>
                <c:pt idx="5487">
                  <c:v>19.527746560058304</c:v>
                </c:pt>
                <c:pt idx="5488">
                  <c:v>19.54160538342428</c:v>
                </c:pt>
                <c:pt idx="5489">
                  <c:v>19.593321515195829</c:v>
                </c:pt>
                <c:pt idx="5490">
                  <c:v>19.619416939148074</c:v>
                </c:pt>
                <c:pt idx="5491">
                  <c:v>19.621877702683101</c:v>
                </c:pt>
                <c:pt idx="5492">
                  <c:v>19.630505876436693</c:v>
                </c:pt>
                <c:pt idx="5493">
                  <c:v>19.606778181192102</c:v>
                </c:pt>
                <c:pt idx="5494">
                  <c:v>19.614100010679266</c:v>
                </c:pt>
                <c:pt idx="5495">
                  <c:v>19.609922289672291</c:v>
                </c:pt>
                <c:pt idx="5496">
                  <c:v>19.566496678684985</c:v>
                </c:pt>
                <c:pt idx="5497">
                  <c:v>19.589315160892603</c:v>
                </c:pt>
                <c:pt idx="5498">
                  <c:v>19.685211908701451</c:v>
                </c:pt>
                <c:pt idx="5499">
                  <c:v>19.660436066726078</c:v>
                </c:pt>
                <c:pt idx="5500">
                  <c:v>19.621592906810449</c:v>
                </c:pt>
                <c:pt idx="5501">
                  <c:v>19.76934777079595</c:v>
                </c:pt>
                <c:pt idx="5502">
                  <c:v>19.763130688150202</c:v>
                </c:pt>
                <c:pt idx="5503">
                  <c:v>19.724664799805414</c:v>
                </c:pt>
                <c:pt idx="5504">
                  <c:v>19.751971426528478</c:v>
                </c:pt>
                <c:pt idx="5505">
                  <c:v>19.777260080211406</c:v>
                </c:pt>
                <c:pt idx="5506">
                  <c:v>19.770097501830261</c:v>
                </c:pt>
                <c:pt idx="5507">
                  <c:v>19.760761380317366</c:v>
                </c:pt>
                <c:pt idx="5508">
                  <c:v>19.758001223610421</c:v>
                </c:pt>
                <c:pt idx="5509">
                  <c:v>19.764134363242114</c:v>
                </c:pt>
                <c:pt idx="5510">
                  <c:v>19.798231159959009</c:v>
                </c:pt>
                <c:pt idx="5511">
                  <c:v>19.818318837515825</c:v>
                </c:pt>
                <c:pt idx="5512">
                  <c:v>19.764113013578989</c:v>
                </c:pt>
                <c:pt idx="5513">
                  <c:v>19.694585706448919</c:v>
                </c:pt>
                <c:pt idx="5514">
                  <c:v>19.735637736320367</c:v>
                </c:pt>
                <c:pt idx="5515">
                  <c:v>19.773411505888816</c:v>
                </c:pt>
                <c:pt idx="5516">
                  <c:v>19.639770395229142</c:v>
                </c:pt>
                <c:pt idx="5517">
                  <c:v>19.593845671669172</c:v>
                </c:pt>
                <c:pt idx="5518">
                  <c:v>19.585755715592484</c:v>
                </c:pt>
                <c:pt idx="5519">
                  <c:v>19.582115064685638</c:v>
                </c:pt>
                <c:pt idx="5520">
                  <c:v>19.61017651419677</c:v>
                </c:pt>
                <c:pt idx="5521">
                  <c:v>19.486757687677819</c:v>
                </c:pt>
                <c:pt idx="5522">
                  <c:v>19.521749931119832</c:v>
                </c:pt>
                <c:pt idx="5523">
                  <c:v>19.532231386314251</c:v>
                </c:pt>
                <c:pt idx="5524">
                  <c:v>19.567293601243581</c:v>
                </c:pt>
                <c:pt idx="5525">
                  <c:v>19.56795812696031</c:v>
                </c:pt>
                <c:pt idx="5526">
                  <c:v>19.60085535016043</c:v>
                </c:pt>
                <c:pt idx="5527">
                  <c:v>19.715533295993225</c:v>
                </c:pt>
                <c:pt idx="5528">
                  <c:v>19.622735958841574</c:v>
                </c:pt>
                <c:pt idx="5529">
                  <c:v>19.656785904629068</c:v>
                </c:pt>
                <c:pt idx="5530">
                  <c:v>19.695504031557444</c:v>
                </c:pt>
                <c:pt idx="5531">
                  <c:v>19.664206775220798</c:v>
                </c:pt>
                <c:pt idx="5532">
                  <c:v>19.674944415275156</c:v>
                </c:pt>
                <c:pt idx="5533">
                  <c:v>19.675300785813629</c:v>
                </c:pt>
                <c:pt idx="5534">
                  <c:v>19.627333821665154</c:v>
                </c:pt>
                <c:pt idx="5535">
                  <c:v>19.666503675377168</c:v>
                </c:pt>
                <c:pt idx="5536">
                  <c:v>19.719605698463905</c:v>
                </c:pt>
                <c:pt idx="5537">
                  <c:v>19.758050629066584</c:v>
                </c:pt>
                <c:pt idx="5538">
                  <c:v>19.790103809741058</c:v>
                </c:pt>
                <c:pt idx="5539">
                  <c:v>19.778948644709043</c:v>
                </c:pt>
                <c:pt idx="5540">
                  <c:v>19.786664088527473</c:v>
                </c:pt>
                <c:pt idx="5541">
                  <c:v>19.776974884515234</c:v>
                </c:pt>
                <c:pt idx="5542">
                  <c:v>19.725876337817883</c:v>
                </c:pt>
                <c:pt idx="5543">
                  <c:v>19.689446009107613</c:v>
                </c:pt>
                <c:pt idx="5544">
                  <c:v>19.69554730094503</c:v>
                </c:pt>
                <c:pt idx="5545">
                  <c:v>19.744778311558903</c:v>
                </c:pt>
                <c:pt idx="5546">
                  <c:v>19.787284525534158</c:v>
                </c:pt>
                <c:pt idx="5547">
                  <c:v>19.789303255833325</c:v>
                </c:pt>
                <c:pt idx="5548">
                  <c:v>19.777716464550515</c:v>
                </c:pt>
                <c:pt idx="5549">
                  <c:v>19.680198433343246</c:v>
                </c:pt>
                <c:pt idx="5550">
                  <c:v>19.654892363151287</c:v>
                </c:pt>
                <c:pt idx="5551">
                  <c:v>19.654236818852404</c:v>
                </c:pt>
                <c:pt idx="5552">
                  <c:v>19.758105227240911</c:v>
                </c:pt>
                <c:pt idx="5553">
                  <c:v>19.738275305042766</c:v>
                </c:pt>
                <c:pt idx="5554">
                  <c:v>19.715664969663923</c:v>
                </c:pt>
                <c:pt idx="5555">
                  <c:v>19.716554911530654</c:v>
                </c:pt>
                <c:pt idx="5556">
                  <c:v>19.649498453758909</c:v>
                </c:pt>
                <c:pt idx="5557">
                  <c:v>19.62615246344388</c:v>
                </c:pt>
                <c:pt idx="5558">
                  <c:v>19.599659582304106</c:v>
                </c:pt>
                <c:pt idx="5559">
                  <c:v>19.539784068345224</c:v>
                </c:pt>
                <c:pt idx="5560">
                  <c:v>19.528284267806832</c:v>
                </c:pt>
                <c:pt idx="5561">
                  <c:v>19.555239977254836</c:v>
                </c:pt>
                <c:pt idx="5562">
                  <c:v>19.613044289502501</c:v>
                </c:pt>
                <c:pt idx="5563">
                  <c:v>19.596766838684118</c:v>
                </c:pt>
                <c:pt idx="5564">
                  <c:v>19.763065911849001</c:v>
                </c:pt>
                <c:pt idx="5565">
                  <c:v>19.599991294694675</c:v>
                </c:pt>
                <c:pt idx="5566">
                  <c:v>19.564763833749577</c:v>
                </c:pt>
                <c:pt idx="5567">
                  <c:v>19.617474823278986</c:v>
                </c:pt>
                <c:pt idx="5568">
                  <c:v>19.7235170135997</c:v>
                </c:pt>
                <c:pt idx="5569">
                  <c:v>19.782884680203182</c:v>
                </c:pt>
                <c:pt idx="5570">
                  <c:v>19.791355234710174</c:v>
                </c:pt>
                <c:pt idx="5571">
                  <c:v>19.764968432835168</c:v>
                </c:pt>
                <c:pt idx="5572">
                  <c:v>19.811709408163001</c:v>
                </c:pt>
                <c:pt idx="5573">
                  <c:v>19.830801059194272</c:v>
                </c:pt>
                <c:pt idx="5574">
                  <c:v>19.815117580236397</c:v>
                </c:pt>
                <c:pt idx="5575">
                  <c:v>19.726704306469284</c:v>
                </c:pt>
                <c:pt idx="5576">
                  <c:v>19.652063761917404</c:v>
                </c:pt>
                <c:pt idx="5577">
                  <c:v>19.668709828633116</c:v>
                </c:pt>
                <c:pt idx="5578">
                  <c:v>19.571930464900547</c:v>
                </c:pt>
                <c:pt idx="5579">
                  <c:v>19.459699723936133</c:v>
                </c:pt>
                <c:pt idx="5580">
                  <c:v>19.420415936089952</c:v>
                </c:pt>
                <c:pt idx="5581">
                  <c:v>19.476536806276503</c:v>
                </c:pt>
                <c:pt idx="5582">
                  <c:v>19.47318774848404</c:v>
                </c:pt>
                <c:pt idx="5583">
                  <c:v>19.433131478508475</c:v>
                </c:pt>
                <c:pt idx="5584">
                  <c:v>19.438815571627874</c:v>
                </c:pt>
                <c:pt idx="5585">
                  <c:v>19.477676874579114</c:v>
                </c:pt>
                <c:pt idx="5586">
                  <c:v>19.481944126325633</c:v>
                </c:pt>
                <c:pt idx="5587">
                  <c:v>19.531921387345552</c:v>
                </c:pt>
                <c:pt idx="5588">
                  <c:v>19.61739839354065</c:v>
                </c:pt>
                <c:pt idx="5589">
                  <c:v>19.688616259840114</c:v>
                </c:pt>
                <c:pt idx="5590">
                  <c:v>19.760139396065274</c:v>
                </c:pt>
                <c:pt idx="5591">
                  <c:v>19.866653808997768</c:v>
                </c:pt>
                <c:pt idx="5592">
                  <c:v>19.883896726121741</c:v>
                </c:pt>
                <c:pt idx="5593">
                  <c:v>19.845053923232999</c:v>
                </c:pt>
                <c:pt idx="5594">
                  <c:v>19.721204541127516</c:v>
                </c:pt>
                <c:pt idx="5595">
                  <c:v>19.654132899025271</c:v>
                </c:pt>
                <c:pt idx="5596">
                  <c:v>19.60975843874234</c:v>
                </c:pt>
                <c:pt idx="5597">
                  <c:v>19.563670943578451</c:v>
                </c:pt>
                <c:pt idx="5598">
                  <c:v>19.574987596714806</c:v>
                </c:pt>
                <c:pt idx="5599">
                  <c:v>19.589952596138446</c:v>
                </c:pt>
                <c:pt idx="5600">
                  <c:v>19.566961489332222</c:v>
                </c:pt>
                <c:pt idx="5601">
                  <c:v>19.644552750836077</c:v>
                </c:pt>
                <c:pt idx="5602">
                  <c:v>19.805883684618088</c:v>
                </c:pt>
                <c:pt idx="5603">
                  <c:v>19.784716147396686</c:v>
                </c:pt>
                <c:pt idx="5604">
                  <c:v>19.834456689093653</c:v>
                </c:pt>
                <c:pt idx="5605">
                  <c:v>19.872761646355865</c:v>
                </c:pt>
                <c:pt idx="5606">
                  <c:v>19.940087802883639</c:v>
                </c:pt>
                <c:pt idx="5607">
                  <c:v>19.9636191186313</c:v>
                </c:pt>
                <c:pt idx="5608">
                  <c:v>19.952869317808045</c:v>
                </c:pt>
                <c:pt idx="5609">
                  <c:v>20.000587326161231</c:v>
                </c:pt>
                <c:pt idx="5610">
                  <c:v>20.030699384719213</c:v>
                </c:pt>
                <c:pt idx="5611">
                  <c:v>20.04270898041467</c:v>
                </c:pt>
                <c:pt idx="5612">
                  <c:v>20.034667136561168</c:v>
                </c:pt>
                <c:pt idx="5613">
                  <c:v>20.047314356440587</c:v>
                </c:pt>
                <c:pt idx="5614">
                  <c:v>20.047778601506145</c:v>
                </c:pt>
                <c:pt idx="5615">
                  <c:v>20.088602969202995</c:v>
                </c:pt>
                <c:pt idx="5616">
                  <c:v>20.171149347463619</c:v>
                </c:pt>
                <c:pt idx="5617">
                  <c:v>20.156187098755119</c:v>
                </c:pt>
                <c:pt idx="5618">
                  <c:v>20.170133919757728</c:v>
                </c:pt>
                <c:pt idx="5619">
                  <c:v>20.219636280391754</c:v>
                </c:pt>
                <c:pt idx="5620">
                  <c:v>20.329000385943459</c:v>
                </c:pt>
                <c:pt idx="5621">
                  <c:v>20.418561757401569</c:v>
                </c:pt>
                <c:pt idx="5622">
                  <c:v>20.492732126878646</c:v>
                </c:pt>
                <c:pt idx="5623">
                  <c:v>20.535658339407536</c:v>
                </c:pt>
                <c:pt idx="5624">
                  <c:v>20.546736836719816</c:v>
                </c:pt>
                <c:pt idx="5625">
                  <c:v>20.467390386375818</c:v>
                </c:pt>
                <c:pt idx="5626">
                  <c:v>20.387885795260768</c:v>
                </c:pt>
                <c:pt idx="5627">
                  <c:v>20.288828663212534</c:v>
                </c:pt>
                <c:pt idx="5628">
                  <c:v>20.18291319033565</c:v>
                </c:pt>
                <c:pt idx="5629">
                  <c:v>20.051667318393736</c:v>
                </c:pt>
                <c:pt idx="5630">
                  <c:v>19.974895513675936</c:v>
                </c:pt>
                <c:pt idx="5631">
                  <c:v>19.814515361642101</c:v>
                </c:pt>
                <c:pt idx="5632">
                  <c:v>19.788278689255709</c:v>
                </c:pt>
                <c:pt idx="5633">
                  <c:v>19.698743745075891</c:v>
                </c:pt>
                <c:pt idx="5634">
                  <c:v>19.568908335196362</c:v>
                </c:pt>
                <c:pt idx="5635">
                  <c:v>19.486068082118329</c:v>
                </c:pt>
                <c:pt idx="5636">
                  <c:v>19.460223295272613</c:v>
                </c:pt>
                <c:pt idx="5637">
                  <c:v>19.462798337698025</c:v>
                </c:pt>
                <c:pt idx="5638">
                  <c:v>19.503784722834347</c:v>
                </c:pt>
                <c:pt idx="5639">
                  <c:v>19.603074367807661</c:v>
                </c:pt>
                <c:pt idx="5640">
                  <c:v>19.675301155955363</c:v>
                </c:pt>
                <c:pt idx="5641">
                  <c:v>19.855449981666688</c:v>
                </c:pt>
                <c:pt idx="5642">
                  <c:v>20.016718262232629</c:v>
                </c:pt>
                <c:pt idx="5643">
                  <c:v>20.193369210633485</c:v>
                </c:pt>
                <c:pt idx="5644">
                  <c:v>20.322073520709267</c:v>
                </c:pt>
                <c:pt idx="5645">
                  <c:v>20.435624652902533</c:v>
                </c:pt>
                <c:pt idx="5646">
                  <c:v>20.398113151820834</c:v>
                </c:pt>
                <c:pt idx="5647">
                  <c:v>20.427137353447673</c:v>
                </c:pt>
                <c:pt idx="5648">
                  <c:v>20.479404376037046</c:v>
                </c:pt>
                <c:pt idx="5649">
                  <c:v>20.435314775488855</c:v>
                </c:pt>
                <c:pt idx="5650">
                  <c:v>20.358776758140177</c:v>
                </c:pt>
                <c:pt idx="5651">
                  <c:v>20.282528620181829</c:v>
                </c:pt>
                <c:pt idx="5652">
                  <c:v>20.205517531961608</c:v>
                </c:pt>
                <c:pt idx="5653">
                  <c:v>20.12304470040317</c:v>
                </c:pt>
                <c:pt idx="5654">
                  <c:v>20.063240912562033</c:v>
                </c:pt>
                <c:pt idx="5655">
                  <c:v>20.009275854582</c:v>
                </c:pt>
                <c:pt idx="5656">
                  <c:v>19.919779955026797</c:v>
                </c:pt>
                <c:pt idx="5657">
                  <c:v>19.784567689630428</c:v>
                </c:pt>
                <c:pt idx="5658">
                  <c:v>19.659506729823413</c:v>
                </c:pt>
                <c:pt idx="5659">
                  <c:v>19.657382060505903</c:v>
                </c:pt>
                <c:pt idx="5660">
                  <c:v>20.206952950661233</c:v>
                </c:pt>
                <c:pt idx="5661">
                  <c:v>20.259738257100352</c:v>
                </c:pt>
                <c:pt idx="5662">
                  <c:v>20.333598960091408</c:v>
                </c:pt>
                <c:pt idx="5663">
                  <c:v>20.42606665622014</c:v>
                </c:pt>
                <c:pt idx="5664">
                  <c:v>20.465325411130515</c:v>
                </c:pt>
                <c:pt idx="5665">
                  <c:v>20.589599203212579</c:v>
                </c:pt>
                <c:pt idx="5666">
                  <c:v>20.721152262588159</c:v>
                </c:pt>
                <c:pt idx="5667">
                  <c:v>20.77188695674721</c:v>
                </c:pt>
                <c:pt idx="5668">
                  <c:v>20.762434887105758</c:v>
                </c:pt>
                <c:pt idx="5669">
                  <c:v>20.737009510502325</c:v>
                </c:pt>
                <c:pt idx="5670">
                  <c:v>20.745750481530294</c:v>
                </c:pt>
                <c:pt idx="5671">
                  <c:v>20.764558881227934</c:v>
                </c:pt>
                <c:pt idx="5672">
                  <c:v>20.746849898270412</c:v>
                </c:pt>
                <c:pt idx="5673">
                  <c:v>20.713830242009735</c:v>
                </c:pt>
                <c:pt idx="5674">
                  <c:v>20.692812001240259</c:v>
                </c:pt>
                <c:pt idx="5675">
                  <c:v>20.645577753215463</c:v>
                </c:pt>
                <c:pt idx="5676">
                  <c:v>20.58371774869827</c:v>
                </c:pt>
                <c:pt idx="5677">
                  <c:v>20.545179676148948</c:v>
                </c:pt>
                <c:pt idx="5678">
                  <c:v>20.521410478651944</c:v>
                </c:pt>
                <c:pt idx="5679">
                  <c:v>20.459294306809301</c:v>
                </c:pt>
                <c:pt idx="5680">
                  <c:v>20.284108300328665</c:v>
                </c:pt>
                <c:pt idx="5681">
                  <c:v>20.126795958407477</c:v>
                </c:pt>
                <c:pt idx="5682">
                  <c:v>19.982472022062858</c:v>
                </c:pt>
                <c:pt idx="5683">
                  <c:v>19.874406322599828</c:v>
                </c:pt>
                <c:pt idx="5684">
                  <c:v>19.803086739559916</c:v>
                </c:pt>
                <c:pt idx="5685">
                  <c:v>19.719754569616843</c:v>
                </c:pt>
                <c:pt idx="5686">
                  <c:v>19.663326003099865</c:v>
                </c:pt>
                <c:pt idx="5687">
                  <c:v>19.605853966573115</c:v>
                </c:pt>
                <c:pt idx="5688">
                  <c:v>19.522892723827702</c:v>
                </c:pt>
                <c:pt idx="5689">
                  <c:v>19.43371353540779</c:v>
                </c:pt>
                <c:pt idx="5690">
                  <c:v>19.395967850969601</c:v>
                </c:pt>
                <c:pt idx="5691">
                  <c:v>19.381121028773805</c:v>
                </c:pt>
                <c:pt idx="5692">
                  <c:v>19.37078332246438</c:v>
                </c:pt>
                <c:pt idx="5693">
                  <c:v>19.289866212264236</c:v>
                </c:pt>
                <c:pt idx="5694">
                  <c:v>19.22349876655035</c:v>
                </c:pt>
                <c:pt idx="5695">
                  <c:v>19.218825963306429</c:v>
                </c:pt>
                <c:pt idx="5696">
                  <c:v>19.285553351008264</c:v>
                </c:pt>
                <c:pt idx="5697">
                  <c:v>19.305721158787733</c:v>
                </c:pt>
                <c:pt idx="5698">
                  <c:v>19.314568691260213</c:v>
                </c:pt>
                <c:pt idx="5699">
                  <c:v>19.324873382106553</c:v>
                </c:pt>
                <c:pt idx="5700">
                  <c:v>19.334162139666343</c:v>
                </c:pt>
                <c:pt idx="5701">
                  <c:v>19.352867068486933</c:v>
                </c:pt>
                <c:pt idx="5702">
                  <c:v>19.374563393786435</c:v>
                </c:pt>
                <c:pt idx="5703">
                  <c:v>19.401166300459533</c:v>
                </c:pt>
                <c:pt idx="5704">
                  <c:v>19.433404580075404</c:v>
                </c:pt>
                <c:pt idx="5705">
                  <c:v>19.475535207934172</c:v>
                </c:pt>
                <c:pt idx="5706">
                  <c:v>19.51245355116702</c:v>
                </c:pt>
                <c:pt idx="5707">
                  <c:v>19.521923181843</c:v>
                </c:pt>
                <c:pt idx="5708">
                  <c:v>19.524654453892865</c:v>
                </c:pt>
                <c:pt idx="5709">
                  <c:v>19.509141062285856</c:v>
                </c:pt>
                <c:pt idx="5710">
                  <c:v>19.483444525830524</c:v>
                </c:pt>
                <c:pt idx="5711">
                  <c:v>19.458275766428184</c:v>
                </c:pt>
                <c:pt idx="5712">
                  <c:v>19.447176033898028</c:v>
                </c:pt>
                <c:pt idx="5713">
                  <c:v>19.423713176120579</c:v>
                </c:pt>
                <c:pt idx="5714">
                  <c:v>19.405031615884113</c:v>
                </c:pt>
                <c:pt idx="5715">
                  <c:v>19.366061337167764</c:v>
                </c:pt>
                <c:pt idx="5716">
                  <c:v>19.35379803523038</c:v>
                </c:pt>
                <c:pt idx="5717">
                  <c:v>19.33669705056343</c:v>
                </c:pt>
                <c:pt idx="5718">
                  <c:v>19.341471226106311</c:v>
                </c:pt>
                <c:pt idx="5719">
                  <c:v>19.339779917128435</c:v>
                </c:pt>
                <c:pt idx="5720">
                  <c:v>19.319398902560469</c:v>
                </c:pt>
                <c:pt idx="5721">
                  <c:v>19.3062972756356</c:v>
                </c:pt>
                <c:pt idx="5722">
                  <c:v>19.320928619763016</c:v>
                </c:pt>
                <c:pt idx="5723">
                  <c:v>19.31434846338237</c:v>
                </c:pt>
                <c:pt idx="5724">
                  <c:v>19.294573338570377</c:v>
                </c:pt>
                <c:pt idx="5725">
                  <c:v>19.232050886313068</c:v>
                </c:pt>
                <c:pt idx="5726">
                  <c:v>19.218194436823197</c:v>
                </c:pt>
                <c:pt idx="5727">
                  <c:v>19.189287181749343</c:v>
                </c:pt>
                <c:pt idx="5728">
                  <c:v>19.194530340867427</c:v>
                </c:pt>
                <c:pt idx="5729">
                  <c:v>19.197916944730093</c:v>
                </c:pt>
                <c:pt idx="5730">
                  <c:v>19.210675064506255</c:v>
                </c:pt>
                <c:pt idx="5731">
                  <c:v>19.224213994228641</c:v>
                </c:pt>
                <c:pt idx="5732">
                  <c:v>19.222132173635117</c:v>
                </c:pt>
                <c:pt idx="5733">
                  <c:v>19.218088605204507</c:v>
                </c:pt>
                <c:pt idx="5734">
                  <c:v>19.182414328426596</c:v>
                </c:pt>
                <c:pt idx="5735">
                  <c:v>19.18537521376032</c:v>
                </c:pt>
                <c:pt idx="5736">
                  <c:v>19.214623604326526</c:v>
                </c:pt>
                <c:pt idx="5737">
                  <c:v>19.245538951809593</c:v>
                </c:pt>
                <c:pt idx="5738">
                  <c:v>19.264472358036887</c:v>
                </c:pt>
                <c:pt idx="5739">
                  <c:v>19.278346310660353</c:v>
                </c:pt>
                <c:pt idx="5740">
                  <c:v>19.296073200153106</c:v>
                </c:pt>
                <c:pt idx="5741">
                  <c:v>19.33912914921352</c:v>
                </c:pt>
                <c:pt idx="5742">
                  <c:v>19.377073329355063</c:v>
                </c:pt>
                <c:pt idx="5743">
                  <c:v>19.414497744100046</c:v>
                </c:pt>
                <c:pt idx="5744">
                  <c:v>19.455458554357399</c:v>
                </c:pt>
                <c:pt idx="5745">
                  <c:v>19.494200303142204</c:v>
                </c:pt>
                <c:pt idx="5746">
                  <c:v>19.540650503831905</c:v>
                </c:pt>
                <c:pt idx="5747">
                  <c:v>19.583196968736491</c:v>
                </c:pt>
                <c:pt idx="5748">
                  <c:v>19.60026255795308</c:v>
                </c:pt>
                <c:pt idx="5749">
                  <c:v>19.625671630023611</c:v>
                </c:pt>
                <c:pt idx="5750">
                  <c:v>19.656236302082885</c:v>
                </c:pt>
                <c:pt idx="5751">
                  <c:v>19.683385094257165</c:v>
                </c:pt>
                <c:pt idx="5752">
                  <c:v>19.706745092082375</c:v>
                </c:pt>
                <c:pt idx="5753">
                  <c:v>19.749315674106974</c:v>
                </c:pt>
                <c:pt idx="5754">
                  <c:v>19.769720279480545</c:v>
                </c:pt>
                <c:pt idx="5755">
                  <c:v>19.773350993924367</c:v>
                </c:pt>
                <c:pt idx="5756">
                  <c:v>19.789789239721522</c:v>
                </c:pt>
                <c:pt idx="5757">
                  <c:v>19.78004546522714</c:v>
                </c:pt>
                <c:pt idx="5758">
                  <c:v>19.771761890498897</c:v>
                </c:pt>
                <c:pt idx="5759">
                  <c:v>19.777165512143888</c:v>
                </c:pt>
                <c:pt idx="5760">
                  <c:v>19.769939239019408</c:v>
                </c:pt>
                <c:pt idx="5761">
                  <c:v>19.774005338752797</c:v>
                </c:pt>
                <c:pt idx="5762">
                  <c:v>19.783271204399114</c:v>
                </c:pt>
                <c:pt idx="5763">
                  <c:v>19.78482051307882</c:v>
                </c:pt>
                <c:pt idx="5764">
                  <c:v>19.777122377852535</c:v>
                </c:pt>
                <c:pt idx="5765">
                  <c:v>19.78322852669924</c:v>
                </c:pt>
                <c:pt idx="5766">
                  <c:v>19.783621823545779</c:v>
                </c:pt>
                <c:pt idx="5767">
                  <c:v>19.778892229111872</c:v>
                </c:pt>
                <c:pt idx="5768">
                  <c:v>19.796188628177582</c:v>
                </c:pt>
                <c:pt idx="5769">
                  <c:v>19.795303464346283</c:v>
                </c:pt>
                <c:pt idx="5770">
                  <c:v>19.804457914759777</c:v>
                </c:pt>
                <c:pt idx="5771">
                  <c:v>19.786386507893237</c:v>
                </c:pt>
                <c:pt idx="5772">
                  <c:v>19.77726497721806</c:v>
                </c:pt>
                <c:pt idx="5773">
                  <c:v>19.741898909197744</c:v>
                </c:pt>
                <c:pt idx="5774">
                  <c:v>19.721298785995192</c:v>
                </c:pt>
                <c:pt idx="5775">
                  <c:v>19.678821121914844</c:v>
                </c:pt>
                <c:pt idx="5776">
                  <c:v>19.64633184506701</c:v>
                </c:pt>
                <c:pt idx="5777">
                  <c:v>19.623973897213634</c:v>
                </c:pt>
                <c:pt idx="5778">
                  <c:v>19.597374007974832</c:v>
                </c:pt>
                <c:pt idx="5779">
                  <c:v>19.536528653024817</c:v>
                </c:pt>
                <c:pt idx="5780">
                  <c:v>19.540386260210024</c:v>
                </c:pt>
                <c:pt idx="5781">
                  <c:v>19.557237662341812</c:v>
                </c:pt>
                <c:pt idx="5782">
                  <c:v>19.567281710579451</c:v>
                </c:pt>
                <c:pt idx="5783">
                  <c:v>19.574203055109834</c:v>
                </c:pt>
                <c:pt idx="5784">
                  <c:v>19.563782319259396</c:v>
                </c:pt>
                <c:pt idx="5785">
                  <c:v>19.52312523241725</c:v>
                </c:pt>
                <c:pt idx="5786">
                  <c:v>19.50771041171437</c:v>
                </c:pt>
                <c:pt idx="5787">
                  <c:v>19.495619875446135</c:v>
                </c:pt>
                <c:pt idx="5788">
                  <c:v>19.525501107909001</c:v>
                </c:pt>
                <c:pt idx="5789">
                  <c:v>19.543048637288184</c:v>
                </c:pt>
                <c:pt idx="5790">
                  <c:v>19.575975817802849</c:v>
                </c:pt>
                <c:pt idx="5791">
                  <c:v>19.590550727583224</c:v>
                </c:pt>
                <c:pt idx="5792">
                  <c:v>19.568628568361497</c:v>
                </c:pt>
                <c:pt idx="5793">
                  <c:v>19.552514120043377</c:v>
                </c:pt>
                <c:pt idx="5794">
                  <c:v>19.450035861501192</c:v>
                </c:pt>
                <c:pt idx="5795">
                  <c:v>19.364886869487094</c:v>
                </c:pt>
                <c:pt idx="5796">
                  <c:v>19.433271810986042</c:v>
                </c:pt>
                <c:pt idx="5797">
                  <c:v>19.462615194202883</c:v>
                </c:pt>
                <c:pt idx="5798">
                  <c:v>19.479322297361247</c:v>
                </c:pt>
                <c:pt idx="5799">
                  <c:v>19.55787715074355</c:v>
                </c:pt>
                <c:pt idx="5800">
                  <c:v>19.660989948228728</c:v>
                </c:pt>
                <c:pt idx="5801">
                  <c:v>19.735032027324131</c:v>
                </c:pt>
                <c:pt idx="5802">
                  <c:v>19.753551398276535</c:v>
                </c:pt>
                <c:pt idx="5803">
                  <c:v>19.869530318040379</c:v>
                </c:pt>
                <c:pt idx="5804">
                  <c:v>19.875466412443394</c:v>
                </c:pt>
                <c:pt idx="5805">
                  <c:v>19.9435515416573</c:v>
                </c:pt>
                <c:pt idx="5806">
                  <c:v>19.979231687974625</c:v>
                </c:pt>
                <c:pt idx="5807">
                  <c:v>19.925743511890836</c:v>
                </c:pt>
                <c:pt idx="5808">
                  <c:v>19.846301786557401</c:v>
                </c:pt>
                <c:pt idx="5809">
                  <c:v>19.916322141191507</c:v>
                </c:pt>
                <c:pt idx="5810">
                  <c:v>20.033054038534456</c:v>
                </c:pt>
                <c:pt idx="5811">
                  <c:v>20.062291724340639</c:v>
                </c:pt>
                <c:pt idx="5812">
                  <c:v>20.193408201964466</c:v>
                </c:pt>
                <c:pt idx="5813">
                  <c:v>20.342188434168541</c:v>
                </c:pt>
                <c:pt idx="5814">
                  <c:v>20.439462214133339</c:v>
                </c:pt>
                <c:pt idx="5815">
                  <c:v>20.532949647010263</c:v>
                </c:pt>
                <c:pt idx="5816">
                  <c:v>20.656587663457454</c:v>
                </c:pt>
                <c:pt idx="5817">
                  <c:v>20.742624613750099</c:v>
                </c:pt>
                <c:pt idx="5818">
                  <c:v>20.774779911866766</c:v>
                </c:pt>
                <c:pt idx="5819">
                  <c:v>20.793268079110689</c:v>
                </c:pt>
                <c:pt idx="5820">
                  <c:v>20.808581800032581</c:v>
                </c:pt>
                <c:pt idx="5821">
                  <c:v>20.78578589365474</c:v>
                </c:pt>
                <c:pt idx="5822">
                  <c:v>20.784082601059062</c:v>
                </c:pt>
                <c:pt idx="5823">
                  <c:v>20.789954195774499</c:v>
                </c:pt>
                <c:pt idx="5824">
                  <c:v>20.771500758946679</c:v>
                </c:pt>
                <c:pt idx="5825">
                  <c:v>20.648232637747679</c:v>
                </c:pt>
                <c:pt idx="5826">
                  <c:v>20.582491889728438</c:v>
                </c:pt>
                <c:pt idx="5827">
                  <c:v>20.495684795946186</c:v>
                </c:pt>
                <c:pt idx="5828">
                  <c:v>20.332088535349474</c:v>
                </c:pt>
                <c:pt idx="5829">
                  <c:v>20.27838273272749</c:v>
                </c:pt>
                <c:pt idx="5830">
                  <c:v>20.174685484241177</c:v>
                </c:pt>
                <c:pt idx="5831">
                  <c:v>20.177255379566851</c:v>
                </c:pt>
                <c:pt idx="5832">
                  <c:v>20.252213216861765</c:v>
                </c:pt>
                <c:pt idx="5833">
                  <c:v>20.214868446291007</c:v>
                </c:pt>
                <c:pt idx="5834">
                  <c:v>20.25570636954328</c:v>
                </c:pt>
                <c:pt idx="5835">
                  <c:v>20.276141258069032</c:v>
                </c:pt>
                <c:pt idx="5836">
                  <c:v>20.286922313461389</c:v>
                </c:pt>
                <c:pt idx="5837">
                  <c:v>20.239032598958758</c:v>
                </c:pt>
                <c:pt idx="5838">
                  <c:v>20.192596927177252</c:v>
                </c:pt>
                <c:pt idx="5839">
                  <c:v>20.094317109395099</c:v>
                </c:pt>
                <c:pt idx="5840">
                  <c:v>20.046772289489354</c:v>
                </c:pt>
                <c:pt idx="5841">
                  <c:v>19.984338554687241</c:v>
                </c:pt>
                <c:pt idx="5842">
                  <c:v>19.917817555083648</c:v>
                </c:pt>
                <c:pt idx="5843">
                  <c:v>19.810669481331892</c:v>
                </c:pt>
                <c:pt idx="5844">
                  <c:v>19.648336989603358</c:v>
                </c:pt>
                <c:pt idx="5845">
                  <c:v>19.40533067498221</c:v>
                </c:pt>
                <c:pt idx="5846">
                  <c:v>19.094192884667301</c:v>
                </c:pt>
                <c:pt idx="5847">
                  <c:v>18.823870761744963</c:v>
                </c:pt>
                <c:pt idx="5848">
                  <c:v>18.711902591506458</c:v>
                </c:pt>
                <c:pt idx="5849">
                  <c:v>18.56160274393114</c:v>
                </c:pt>
                <c:pt idx="5850">
                  <c:v>18.551449729262941</c:v>
                </c:pt>
                <c:pt idx="5851">
                  <c:v>18.667434330291822</c:v>
                </c:pt>
                <c:pt idx="5852">
                  <c:v>18.771664708689567</c:v>
                </c:pt>
                <c:pt idx="5853">
                  <c:v>18.884286980934728</c:v>
                </c:pt>
                <c:pt idx="5854">
                  <c:v>18.906103838591562</c:v>
                </c:pt>
                <c:pt idx="5855">
                  <c:v>18.94365484534098</c:v>
                </c:pt>
                <c:pt idx="5856">
                  <c:v>18.946485847096074</c:v>
                </c:pt>
                <c:pt idx="5857">
                  <c:v>18.97798408339375</c:v>
                </c:pt>
                <c:pt idx="5858">
                  <c:v>19.014475983839144</c:v>
                </c:pt>
                <c:pt idx="5859">
                  <c:v>19.041699525088557</c:v>
                </c:pt>
                <c:pt idx="5860">
                  <c:v>19.064525095070714</c:v>
                </c:pt>
                <c:pt idx="5861">
                  <c:v>19.156621365339561</c:v>
                </c:pt>
                <c:pt idx="5862">
                  <c:v>19.233783632212344</c:v>
                </c:pt>
                <c:pt idx="5863">
                  <c:v>19.254230442184394</c:v>
                </c:pt>
                <c:pt idx="5864">
                  <c:v>19.092945737200829</c:v>
                </c:pt>
                <c:pt idx="5865">
                  <c:v>18.977187207963489</c:v>
                </c:pt>
                <c:pt idx="5866">
                  <c:v>18.861423336258067</c:v>
                </c:pt>
                <c:pt idx="5867">
                  <c:v>18.816505727976349</c:v>
                </c:pt>
                <c:pt idx="5868">
                  <c:v>18.735719893138857</c:v>
                </c:pt>
                <c:pt idx="5869">
                  <c:v>18.961673073184386</c:v>
                </c:pt>
                <c:pt idx="5870">
                  <c:v>19.121847646208607</c:v>
                </c:pt>
                <c:pt idx="5871">
                  <c:v>19.305088324718486</c:v>
                </c:pt>
                <c:pt idx="5872">
                  <c:v>19.472602860612337</c:v>
                </c:pt>
                <c:pt idx="5873">
                  <c:v>19.609954393226296</c:v>
                </c:pt>
                <c:pt idx="5874">
                  <c:v>19.542429091908676</c:v>
                </c:pt>
                <c:pt idx="5875">
                  <c:v>19.660549897285609</c:v>
                </c:pt>
                <c:pt idx="5876">
                  <c:v>19.844643601455985</c:v>
                </c:pt>
                <c:pt idx="5877">
                  <c:v>19.946554105724559</c:v>
                </c:pt>
                <c:pt idx="5878">
                  <c:v>20.239331891506559</c:v>
                </c:pt>
                <c:pt idx="5879">
                  <c:v>20.498709404997122</c:v>
                </c:pt>
                <c:pt idx="5880">
                  <c:v>20.635225051317349</c:v>
                </c:pt>
                <c:pt idx="5881">
                  <c:v>20.778316748079448</c:v>
                </c:pt>
                <c:pt idx="5882">
                  <c:v>20.863201176613508</c:v>
                </c:pt>
                <c:pt idx="5883">
                  <c:v>20.933184000240765</c:v>
                </c:pt>
                <c:pt idx="5884">
                  <c:v>20.927254630250978</c:v>
                </c:pt>
                <c:pt idx="5885">
                  <c:v>20.894264989967564</c:v>
                </c:pt>
                <c:pt idx="5886">
                  <c:v>20.842746459287831</c:v>
                </c:pt>
                <c:pt idx="5887">
                  <c:v>20.769823409351758</c:v>
                </c:pt>
                <c:pt idx="5888">
                  <c:v>20.732130549118565</c:v>
                </c:pt>
                <c:pt idx="5889">
                  <c:v>20.702524896649905</c:v>
                </c:pt>
                <c:pt idx="5890">
                  <c:v>20.656933688231874</c:v>
                </c:pt>
                <c:pt idx="5891">
                  <c:v>20.588041984737679</c:v>
                </c:pt>
                <c:pt idx="5892">
                  <c:v>20.446862612116515</c:v>
                </c:pt>
                <c:pt idx="5893">
                  <c:v>20.310501082774358</c:v>
                </c:pt>
                <c:pt idx="5894">
                  <c:v>19.86075845503467</c:v>
                </c:pt>
                <c:pt idx="5895">
                  <c:v>19.517504313776531</c:v>
                </c:pt>
                <c:pt idx="5896">
                  <c:v>19.300807358968523</c:v>
                </c:pt>
                <c:pt idx="5897">
                  <c:v>19.256102533632454</c:v>
                </c:pt>
                <c:pt idx="5898">
                  <c:v>19.377836846833588</c:v>
                </c:pt>
                <c:pt idx="5899">
                  <c:v>19.459566576201482</c:v>
                </c:pt>
                <c:pt idx="5900">
                  <c:v>19.523856185970363</c:v>
                </c:pt>
                <c:pt idx="5901">
                  <c:v>19.633803278835259</c:v>
                </c:pt>
                <c:pt idx="5902">
                  <c:v>19.635468172758333</c:v>
                </c:pt>
                <c:pt idx="5903">
                  <c:v>19.535720316357931</c:v>
                </c:pt>
                <c:pt idx="5904">
                  <c:v>19.526841036521468</c:v>
                </c:pt>
                <c:pt idx="5905">
                  <c:v>19.451482398717562</c:v>
                </c:pt>
                <c:pt idx="5906">
                  <c:v>19.462924702414924</c:v>
                </c:pt>
                <c:pt idx="5907">
                  <c:v>19.38901124202744</c:v>
                </c:pt>
                <c:pt idx="5908">
                  <c:v>19.382235385210691</c:v>
                </c:pt>
                <c:pt idx="5909">
                  <c:v>19.446928853488522</c:v>
                </c:pt>
                <c:pt idx="5910">
                  <c:v>19.500261495160451</c:v>
                </c:pt>
                <c:pt idx="5911">
                  <c:v>19.583239468596293</c:v>
                </c:pt>
                <c:pt idx="5912">
                  <c:v>19.553359776747882</c:v>
                </c:pt>
                <c:pt idx="5913">
                  <c:v>19.460502818395028</c:v>
                </c:pt>
                <c:pt idx="5914">
                  <c:v>19.495765787913371</c:v>
                </c:pt>
                <c:pt idx="5915">
                  <c:v>19.566062672807206</c:v>
                </c:pt>
                <c:pt idx="5916">
                  <c:v>19.646276493782743</c:v>
                </c:pt>
                <c:pt idx="5917">
                  <c:v>19.512312208672039</c:v>
                </c:pt>
                <c:pt idx="5918">
                  <c:v>19.5228610346167</c:v>
                </c:pt>
                <c:pt idx="5919">
                  <c:v>19.49221440725681</c:v>
                </c:pt>
                <c:pt idx="5920">
                  <c:v>19.453573172349433</c:v>
                </c:pt>
                <c:pt idx="5921">
                  <c:v>19.484542520472917</c:v>
                </c:pt>
                <c:pt idx="5922">
                  <c:v>19.509033905271917</c:v>
                </c:pt>
                <c:pt idx="5923">
                  <c:v>19.516449626868791</c:v>
                </c:pt>
                <c:pt idx="5924">
                  <c:v>19.497323272560482</c:v>
                </c:pt>
                <c:pt idx="5925">
                  <c:v>19.439129867321235</c:v>
                </c:pt>
                <c:pt idx="5926">
                  <c:v>19.375614404415206</c:v>
                </c:pt>
                <c:pt idx="5927">
                  <c:v>19.312491851675158</c:v>
                </c:pt>
                <c:pt idx="5928">
                  <c:v>19.297268375089804</c:v>
                </c:pt>
                <c:pt idx="5929">
                  <c:v>19.293434366765194</c:v>
                </c:pt>
                <c:pt idx="5930">
                  <c:v>19.268567738383609</c:v>
                </c:pt>
                <c:pt idx="5931">
                  <c:v>19.136419258872817</c:v>
                </c:pt>
                <c:pt idx="5932">
                  <c:v>19.114917264005051</c:v>
                </c:pt>
                <c:pt idx="5933">
                  <c:v>19.190192663045835</c:v>
                </c:pt>
                <c:pt idx="5934">
                  <c:v>19.250664785909763</c:v>
                </c:pt>
                <c:pt idx="5935">
                  <c:v>19.275302501631842</c:v>
                </c:pt>
                <c:pt idx="5936">
                  <c:v>19.222746196631487</c:v>
                </c:pt>
                <c:pt idx="5937">
                  <c:v>19.248260143208057</c:v>
                </c:pt>
                <c:pt idx="5938">
                  <c:v>19.303916778855456</c:v>
                </c:pt>
                <c:pt idx="5939">
                  <c:v>19.297875430285423</c:v>
                </c:pt>
                <c:pt idx="5940">
                  <c:v>19.409899112550619</c:v>
                </c:pt>
                <c:pt idx="5941">
                  <c:v>19.587803753549991</c:v>
                </c:pt>
                <c:pt idx="5942">
                  <c:v>19.861269055504568</c:v>
                </c:pt>
                <c:pt idx="5943">
                  <c:v>20.077159513729615</c:v>
                </c:pt>
                <c:pt idx="5944">
                  <c:v>20.21940258397418</c:v>
                </c:pt>
                <c:pt idx="5945">
                  <c:v>20.318070699723506</c:v>
                </c:pt>
                <c:pt idx="5946">
                  <c:v>20.3836089517186</c:v>
                </c:pt>
                <c:pt idx="5947">
                  <c:v>20.364918430605016</c:v>
                </c:pt>
                <c:pt idx="5948">
                  <c:v>20.344982415363368</c:v>
                </c:pt>
                <c:pt idx="5949">
                  <c:v>20.240756125355702</c:v>
                </c:pt>
                <c:pt idx="5950">
                  <c:v>20.065390382071151</c:v>
                </c:pt>
                <c:pt idx="5951">
                  <c:v>20.042187870793896</c:v>
                </c:pt>
                <c:pt idx="5952">
                  <c:v>20.10441835966266</c:v>
                </c:pt>
                <c:pt idx="5953">
                  <c:v>20.164919342783175</c:v>
                </c:pt>
                <c:pt idx="5954">
                  <c:v>20.133399187564475</c:v>
                </c:pt>
                <c:pt idx="5955">
                  <c:v>20.209390674004037</c:v>
                </c:pt>
                <c:pt idx="5956">
                  <c:v>20.219797075875363</c:v>
                </c:pt>
                <c:pt idx="5957">
                  <c:v>20.419377466334566</c:v>
                </c:pt>
                <c:pt idx="5958">
                  <c:v>20.521968247999233</c:v>
                </c:pt>
                <c:pt idx="5959">
                  <c:v>20.571034166071346</c:v>
                </c:pt>
                <c:pt idx="5960">
                  <c:v>20.602932404508721</c:v>
                </c:pt>
                <c:pt idx="5961">
                  <c:v>20.689211415108989</c:v>
                </c:pt>
                <c:pt idx="5962">
                  <c:v>20.708138803287923</c:v>
                </c:pt>
                <c:pt idx="5963">
                  <c:v>20.809356952379375</c:v>
                </c:pt>
                <c:pt idx="5964">
                  <c:v>20.822060219489774</c:v>
                </c:pt>
                <c:pt idx="5965">
                  <c:v>20.799715232712074</c:v>
                </c:pt>
                <c:pt idx="5966">
                  <c:v>20.778828047244588</c:v>
                </c:pt>
                <c:pt idx="5967">
                  <c:v>20.759605892162476</c:v>
                </c:pt>
                <c:pt idx="5968">
                  <c:v>20.739126572138016</c:v>
                </c:pt>
                <c:pt idx="5969">
                  <c:v>20.794492020093614</c:v>
                </c:pt>
                <c:pt idx="5970">
                  <c:v>20.814633561803127</c:v>
                </c:pt>
                <c:pt idx="5971">
                  <c:v>20.820586972401944</c:v>
                </c:pt>
                <c:pt idx="5972">
                  <c:v>20.728653974240224</c:v>
                </c:pt>
                <c:pt idx="5973">
                  <c:v>20.581106038683224</c:v>
                </c:pt>
                <c:pt idx="5974">
                  <c:v>20.460442903769014</c:v>
                </c:pt>
                <c:pt idx="5975">
                  <c:v>20.477148587146367</c:v>
                </c:pt>
                <c:pt idx="5976">
                  <c:v>20.296354849469012</c:v>
                </c:pt>
                <c:pt idx="5977">
                  <c:v>20.091803473479281</c:v>
                </c:pt>
                <c:pt idx="5978">
                  <c:v>19.985251703438458</c:v>
                </c:pt>
                <c:pt idx="5979">
                  <c:v>19.97455582802823</c:v>
                </c:pt>
                <c:pt idx="5980">
                  <c:v>20.004628178422568</c:v>
                </c:pt>
                <c:pt idx="5981">
                  <c:v>20.020778427506588</c:v>
                </c:pt>
                <c:pt idx="5982">
                  <c:v>20.025747144444544</c:v>
                </c:pt>
                <c:pt idx="5983">
                  <c:v>19.972889947961068</c:v>
                </c:pt>
                <c:pt idx="5984">
                  <c:v>19.950445669949175</c:v>
                </c:pt>
                <c:pt idx="5985">
                  <c:v>20.088294134988971</c:v>
                </c:pt>
                <c:pt idx="5986">
                  <c:v>20.150715757161244</c:v>
                </c:pt>
                <c:pt idx="5987">
                  <c:v>20.22876458326758</c:v>
                </c:pt>
                <c:pt idx="5988">
                  <c:v>20.326688685115037</c:v>
                </c:pt>
                <c:pt idx="5989">
                  <c:v>20.462126442965065</c:v>
                </c:pt>
                <c:pt idx="5990">
                  <c:v>20.595907036002245</c:v>
                </c:pt>
                <c:pt idx="5991">
                  <c:v>20.674246958372006</c:v>
                </c:pt>
                <c:pt idx="5992">
                  <c:v>20.734508952481903</c:v>
                </c:pt>
                <c:pt idx="5993">
                  <c:v>20.789520479020624</c:v>
                </c:pt>
                <c:pt idx="5994">
                  <c:v>20.727425020264295</c:v>
                </c:pt>
                <c:pt idx="5995">
                  <c:v>20.722667405331926</c:v>
                </c:pt>
                <c:pt idx="5996">
                  <c:v>20.696836953384711</c:v>
                </c:pt>
                <c:pt idx="5997">
                  <c:v>20.678380229284961</c:v>
                </c:pt>
                <c:pt idx="5998">
                  <c:v>20.640770070305202</c:v>
                </c:pt>
                <c:pt idx="5999">
                  <c:v>20.595114938492749</c:v>
                </c:pt>
                <c:pt idx="6000">
                  <c:v>20.595823278146721</c:v>
                </c:pt>
                <c:pt idx="6001">
                  <c:v>20.573857529798634</c:v>
                </c:pt>
                <c:pt idx="6002">
                  <c:v>20.51282198929222</c:v>
                </c:pt>
                <c:pt idx="6003">
                  <c:v>20.497501648922597</c:v>
                </c:pt>
                <c:pt idx="6004">
                  <c:v>20.510673670010462</c:v>
                </c:pt>
                <c:pt idx="6005">
                  <c:v>20.470248579971049</c:v>
                </c:pt>
                <c:pt idx="6006">
                  <c:v>20.369760714653609</c:v>
                </c:pt>
                <c:pt idx="6007">
                  <c:v>20.357748176825762</c:v>
                </c:pt>
                <c:pt idx="6008">
                  <c:v>20.3334913383352</c:v>
                </c:pt>
                <c:pt idx="6009">
                  <c:v>20.262404609109822</c:v>
                </c:pt>
                <c:pt idx="6010">
                  <c:v>20.206434763081013</c:v>
                </c:pt>
                <c:pt idx="6011">
                  <c:v>20.263951640536838</c:v>
                </c:pt>
                <c:pt idx="6012">
                  <c:v>20.299063618914211</c:v>
                </c:pt>
                <c:pt idx="6013">
                  <c:v>20.374377092870187</c:v>
                </c:pt>
                <c:pt idx="6014">
                  <c:v>20.44055170546266</c:v>
                </c:pt>
                <c:pt idx="6015">
                  <c:v>20.467964201589766</c:v>
                </c:pt>
                <c:pt idx="6016">
                  <c:v>20.452147975084671</c:v>
                </c:pt>
                <c:pt idx="6017">
                  <c:v>20.400186298713162</c:v>
                </c:pt>
                <c:pt idx="6018">
                  <c:v>20.366844698984004</c:v>
                </c:pt>
                <c:pt idx="6019">
                  <c:v>20.390229500934332</c:v>
                </c:pt>
                <c:pt idx="6020">
                  <c:v>20.376974295711868</c:v>
                </c:pt>
                <c:pt idx="6021">
                  <c:v>20.378962260767292</c:v>
                </c:pt>
                <c:pt idx="6022">
                  <c:v>20.390273051875745</c:v>
                </c:pt>
                <c:pt idx="6023">
                  <c:v>20.321136209196528</c:v>
                </c:pt>
                <c:pt idx="6024">
                  <c:v>20.277061954473051</c:v>
                </c:pt>
                <c:pt idx="6025">
                  <c:v>20.212990693088813</c:v>
                </c:pt>
                <c:pt idx="6026">
                  <c:v>20.158162020452931</c:v>
                </c:pt>
                <c:pt idx="6027">
                  <c:v>20.104353867499295</c:v>
                </c:pt>
                <c:pt idx="6028">
                  <c:v>20.045917357957901</c:v>
                </c:pt>
                <c:pt idx="6029">
                  <c:v>19.989724780061216</c:v>
                </c:pt>
                <c:pt idx="6030">
                  <c:v>20.019843975551357</c:v>
                </c:pt>
                <c:pt idx="6031">
                  <c:v>20.009492682657015</c:v>
                </c:pt>
                <c:pt idx="6032">
                  <c:v>20.043442218787174</c:v>
                </c:pt>
                <c:pt idx="6033">
                  <c:v>20.034895909297887</c:v>
                </c:pt>
                <c:pt idx="6034">
                  <c:v>20.039974744928223</c:v>
                </c:pt>
                <c:pt idx="6035">
                  <c:v>20.112348300755816</c:v>
                </c:pt>
                <c:pt idx="6036">
                  <c:v>20.161164786451064</c:v>
                </c:pt>
                <c:pt idx="6037">
                  <c:v>20.132147430934889</c:v>
                </c:pt>
                <c:pt idx="6038">
                  <c:v>20.121892969809238</c:v>
                </c:pt>
                <c:pt idx="6039">
                  <c:v>20.041896119986767</c:v>
                </c:pt>
                <c:pt idx="6040">
                  <c:v>20.044122876990357</c:v>
                </c:pt>
                <c:pt idx="6041">
                  <c:v>20.067868767547857</c:v>
                </c:pt>
                <c:pt idx="6042">
                  <c:v>20.098728801389356</c:v>
                </c:pt>
                <c:pt idx="6043">
                  <c:v>20.0951832246162</c:v>
                </c:pt>
                <c:pt idx="6044">
                  <c:v>20.046537915567729</c:v>
                </c:pt>
                <c:pt idx="6045">
                  <c:v>20.060464636277931</c:v>
                </c:pt>
                <c:pt idx="6046">
                  <c:v>20.098175651462967</c:v>
                </c:pt>
                <c:pt idx="6047">
                  <c:v>20.135560802953549</c:v>
                </c:pt>
                <c:pt idx="6048">
                  <c:v>20.16303703992984</c:v>
                </c:pt>
                <c:pt idx="6049">
                  <c:v>20.15098051749046</c:v>
                </c:pt>
                <c:pt idx="6050">
                  <c:v>20.166589076496393</c:v>
                </c:pt>
                <c:pt idx="6051">
                  <c:v>20.135393191316737</c:v>
                </c:pt>
                <c:pt idx="6052">
                  <c:v>20.096107657419129</c:v>
                </c:pt>
                <c:pt idx="6053">
                  <c:v>20.00246430770094</c:v>
                </c:pt>
                <c:pt idx="6054">
                  <c:v>19.920025841822056</c:v>
                </c:pt>
                <c:pt idx="6055">
                  <c:v>19.802624726089817</c:v>
                </c:pt>
                <c:pt idx="6056">
                  <c:v>19.705247863681628</c:v>
                </c:pt>
                <c:pt idx="6057">
                  <c:v>19.62217381852739</c:v>
                </c:pt>
                <c:pt idx="6058">
                  <c:v>19.533514670650295</c:v>
                </c:pt>
                <c:pt idx="6059">
                  <c:v>19.514698673081298</c:v>
                </c:pt>
                <c:pt idx="6060">
                  <c:v>19.479754716626935</c:v>
                </c:pt>
                <c:pt idx="6061">
                  <c:v>19.4363372453053</c:v>
                </c:pt>
                <c:pt idx="6062">
                  <c:v>19.351862700585812</c:v>
                </c:pt>
                <c:pt idx="6063">
                  <c:v>19.318099465267061</c:v>
                </c:pt>
                <c:pt idx="6064">
                  <c:v>19.28532915475558</c:v>
                </c:pt>
                <c:pt idx="6065">
                  <c:v>19.281008692126811</c:v>
                </c:pt>
                <c:pt idx="6066">
                  <c:v>19.295508576664147</c:v>
                </c:pt>
                <c:pt idx="6067">
                  <c:v>19.294246993316527</c:v>
                </c:pt>
                <c:pt idx="6068">
                  <c:v>19.32187637224088</c:v>
                </c:pt>
                <c:pt idx="6069">
                  <c:v>19.322043140255097</c:v>
                </c:pt>
                <c:pt idx="6070">
                  <c:v>19.305201335300389</c:v>
                </c:pt>
                <c:pt idx="6071">
                  <c:v>19.264114227663832</c:v>
                </c:pt>
                <c:pt idx="6072">
                  <c:v>19.263150112910285</c:v>
                </c:pt>
                <c:pt idx="6073">
                  <c:v>19.284371485745908</c:v>
                </c:pt>
                <c:pt idx="6074">
                  <c:v>19.290666601267805</c:v>
                </c:pt>
                <c:pt idx="6075">
                  <c:v>19.256057981416955</c:v>
                </c:pt>
                <c:pt idx="6076">
                  <c:v>19.221711076695577</c:v>
                </c:pt>
                <c:pt idx="6077">
                  <c:v>19.208487255011292</c:v>
                </c:pt>
                <c:pt idx="6078">
                  <c:v>19.124577856617893</c:v>
                </c:pt>
                <c:pt idx="6079">
                  <c:v>19.065952603008071</c:v>
                </c:pt>
                <c:pt idx="6080">
                  <c:v>19.05533452435543</c:v>
                </c:pt>
                <c:pt idx="6081">
                  <c:v>19.043100913266041</c:v>
                </c:pt>
                <c:pt idx="6082">
                  <c:v>19.035721691931613</c:v>
                </c:pt>
                <c:pt idx="6083">
                  <c:v>18.958489097953333</c:v>
                </c:pt>
                <c:pt idx="6084">
                  <c:v>18.937118647109163</c:v>
                </c:pt>
                <c:pt idx="6085">
                  <c:v>18.92571418287821</c:v>
                </c:pt>
                <c:pt idx="6086">
                  <c:v>18.924715595156172</c:v>
                </c:pt>
                <c:pt idx="6087">
                  <c:v>18.858776459995916</c:v>
                </c:pt>
                <c:pt idx="6088">
                  <c:v>18.891051357608262</c:v>
                </c:pt>
                <c:pt idx="6089">
                  <c:v>18.887097246071491</c:v>
                </c:pt>
                <c:pt idx="6090">
                  <c:v>18.854849959829899</c:v>
                </c:pt>
                <c:pt idx="6091">
                  <c:v>18.951406755241727</c:v>
                </c:pt>
                <c:pt idx="6092">
                  <c:v>18.969303205178068</c:v>
                </c:pt>
                <c:pt idx="6093">
                  <c:v>18.977932763728081</c:v>
                </c:pt>
                <c:pt idx="6094">
                  <c:v>18.978950218328727</c:v>
                </c:pt>
                <c:pt idx="6095">
                  <c:v>18.979811114153009</c:v>
                </c:pt>
                <c:pt idx="6096">
                  <c:v>18.954492639093562</c:v>
                </c:pt>
                <c:pt idx="6097">
                  <c:v>19.012837033518121</c:v>
                </c:pt>
                <c:pt idx="6098">
                  <c:v>19.004423057801564</c:v>
                </c:pt>
                <c:pt idx="6099">
                  <c:v>18.979048131519431</c:v>
                </c:pt>
                <c:pt idx="6100">
                  <c:v>19.04694069960663</c:v>
                </c:pt>
                <c:pt idx="6101">
                  <c:v>19.040442811022512</c:v>
                </c:pt>
                <c:pt idx="6102">
                  <c:v>19.070280547777433</c:v>
                </c:pt>
                <c:pt idx="6103">
                  <c:v>19.082677573781744</c:v>
                </c:pt>
                <c:pt idx="6104">
                  <c:v>19.129654174033089</c:v>
                </c:pt>
                <c:pt idx="6105">
                  <c:v>19.151591030683662</c:v>
                </c:pt>
                <c:pt idx="6106">
                  <c:v>19.162132323185649</c:v>
                </c:pt>
                <c:pt idx="6107">
                  <c:v>19.174677148401976</c:v>
                </c:pt>
                <c:pt idx="6108">
                  <c:v>19.173676968878897</c:v>
                </c:pt>
                <c:pt idx="6109">
                  <c:v>19.230757191755675</c:v>
                </c:pt>
                <c:pt idx="6110">
                  <c:v>19.249600045848535</c:v>
                </c:pt>
                <c:pt idx="6111">
                  <c:v>19.281649614285168</c:v>
                </c:pt>
                <c:pt idx="6112">
                  <c:v>19.291919972432407</c:v>
                </c:pt>
                <c:pt idx="6113">
                  <c:v>19.331400330625332</c:v>
                </c:pt>
                <c:pt idx="6114">
                  <c:v>19.34930190009139</c:v>
                </c:pt>
                <c:pt idx="6115">
                  <c:v>19.386389365264591</c:v>
                </c:pt>
                <c:pt idx="6116">
                  <c:v>19.341986606593146</c:v>
                </c:pt>
                <c:pt idx="6117">
                  <c:v>19.310016421696677</c:v>
                </c:pt>
                <c:pt idx="6118">
                  <c:v>19.314145443247888</c:v>
                </c:pt>
                <c:pt idx="6119">
                  <c:v>19.29221034816543</c:v>
                </c:pt>
                <c:pt idx="6120">
                  <c:v>19.305235630693687</c:v>
                </c:pt>
                <c:pt idx="6121">
                  <c:v>19.30774446453465</c:v>
                </c:pt>
                <c:pt idx="6122">
                  <c:v>19.400609121432197</c:v>
                </c:pt>
                <c:pt idx="6123">
                  <c:v>19.510603258949846</c:v>
                </c:pt>
                <c:pt idx="6124">
                  <c:v>19.539537759356634</c:v>
                </c:pt>
                <c:pt idx="6125">
                  <c:v>19.517492268907191</c:v>
                </c:pt>
                <c:pt idx="6126">
                  <c:v>19.506810788131787</c:v>
                </c:pt>
                <c:pt idx="6127">
                  <c:v>19.519453100852356</c:v>
                </c:pt>
                <c:pt idx="6128">
                  <c:v>19.514852326707089</c:v>
                </c:pt>
                <c:pt idx="6129">
                  <c:v>19.590744577372149</c:v>
                </c:pt>
                <c:pt idx="6130">
                  <c:v>19.699705211466842</c:v>
                </c:pt>
                <c:pt idx="6131">
                  <c:v>19.761933688036361</c:v>
                </c:pt>
                <c:pt idx="6132">
                  <c:v>19.757781686782288</c:v>
                </c:pt>
                <c:pt idx="6133">
                  <c:v>19.825123680147492</c:v>
                </c:pt>
                <c:pt idx="6134">
                  <c:v>19.793444750785131</c:v>
                </c:pt>
                <c:pt idx="6135">
                  <c:v>19.788720848907307</c:v>
                </c:pt>
                <c:pt idx="6136">
                  <c:v>19.767987472301154</c:v>
                </c:pt>
                <c:pt idx="6137">
                  <c:v>19.717156905435694</c:v>
                </c:pt>
                <c:pt idx="6138">
                  <c:v>19.662201998050502</c:v>
                </c:pt>
                <c:pt idx="6139">
                  <c:v>19.576058034866303</c:v>
                </c:pt>
                <c:pt idx="6140">
                  <c:v>19.495618385059391</c:v>
                </c:pt>
                <c:pt idx="6141">
                  <c:v>19.4398314721223</c:v>
                </c:pt>
                <c:pt idx="6142">
                  <c:v>19.335248233864114</c:v>
                </c:pt>
                <c:pt idx="6143">
                  <c:v>19.250677595940282</c:v>
                </c:pt>
                <c:pt idx="6144">
                  <c:v>19.146898105108328</c:v>
                </c:pt>
                <c:pt idx="6145">
                  <c:v>19.130787576930238</c:v>
                </c:pt>
                <c:pt idx="6146">
                  <c:v>19.136939157979647</c:v>
                </c:pt>
                <c:pt idx="6147">
                  <c:v>19.235437957298839</c:v>
                </c:pt>
                <c:pt idx="6148">
                  <c:v>19.158568722346494</c:v>
                </c:pt>
                <c:pt idx="6149">
                  <c:v>19.251647502387463</c:v>
                </c:pt>
                <c:pt idx="6150">
                  <c:v>19.257834992189338</c:v>
                </c:pt>
                <c:pt idx="6151">
                  <c:v>19.231988259020426</c:v>
                </c:pt>
                <c:pt idx="6152">
                  <c:v>19.269987483432509</c:v>
                </c:pt>
                <c:pt idx="6153">
                  <c:v>19.326866857293268</c:v>
                </c:pt>
                <c:pt idx="6154">
                  <c:v>19.41371871156678</c:v>
                </c:pt>
                <c:pt idx="6155">
                  <c:v>19.463342576982122</c:v>
                </c:pt>
                <c:pt idx="6156">
                  <c:v>19.498801812967141</c:v>
                </c:pt>
                <c:pt idx="6157">
                  <c:v>19.401915694571635</c:v>
                </c:pt>
                <c:pt idx="6158">
                  <c:v>19.401342660372126</c:v>
                </c:pt>
                <c:pt idx="6159">
                  <c:v>19.384144276718093</c:v>
                </c:pt>
                <c:pt idx="6160">
                  <c:v>19.414844661679819</c:v>
                </c:pt>
                <c:pt idx="6161">
                  <c:v>19.392629098300304</c:v>
                </c:pt>
                <c:pt idx="6162">
                  <c:v>19.406496216485937</c:v>
                </c:pt>
                <c:pt idx="6163">
                  <c:v>19.460127026824271</c:v>
                </c:pt>
                <c:pt idx="6164">
                  <c:v>19.49478849496499</c:v>
                </c:pt>
                <c:pt idx="6165">
                  <c:v>19.510844960436998</c:v>
                </c:pt>
                <c:pt idx="6166">
                  <c:v>19.503545633481473</c:v>
                </c:pt>
                <c:pt idx="6167">
                  <c:v>19.4866497951658</c:v>
                </c:pt>
                <c:pt idx="6168">
                  <c:v>19.419206222190702</c:v>
                </c:pt>
                <c:pt idx="6169">
                  <c:v>19.454316715407597</c:v>
                </c:pt>
                <c:pt idx="6170">
                  <c:v>19.515329359789792</c:v>
                </c:pt>
                <c:pt idx="6171">
                  <c:v>19.432508347114542</c:v>
                </c:pt>
                <c:pt idx="6172">
                  <c:v>19.360133900359699</c:v>
                </c:pt>
                <c:pt idx="6173">
                  <c:v>19.358124510434688</c:v>
                </c:pt>
                <c:pt idx="6174">
                  <c:v>19.448274508409455</c:v>
                </c:pt>
                <c:pt idx="6175">
                  <c:v>19.450733956694023</c:v>
                </c:pt>
                <c:pt idx="6176">
                  <c:v>19.416336696281967</c:v>
                </c:pt>
                <c:pt idx="6177">
                  <c:v>19.389761404089864</c:v>
                </c:pt>
                <c:pt idx="6178">
                  <c:v>19.382199751502235</c:v>
                </c:pt>
                <c:pt idx="6179">
                  <c:v>19.38339505780915</c:v>
                </c:pt>
                <c:pt idx="6180">
                  <c:v>19.408853394802886</c:v>
                </c:pt>
                <c:pt idx="6181">
                  <c:v>19.447443841919409</c:v>
                </c:pt>
                <c:pt idx="6182">
                  <c:v>19.467343950243261</c:v>
                </c:pt>
                <c:pt idx="6183">
                  <c:v>19.497721627377494</c:v>
                </c:pt>
                <c:pt idx="6184">
                  <c:v>19.527976141030923</c:v>
                </c:pt>
                <c:pt idx="6185">
                  <c:v>19.577257001991587</c:v>
                </c:pt>
                <c:pt idx="6186">
                  <c:v>19.66124969064094</c:v>
                </c:pt>
                <c:pt idx="6187">
                  <c:v>19.778100208271457</c:v>
                </c:pt>
                <c:pt idx="6188">
                  <c:v>19.820212557622789</c:v>
                </c:pt>
                <c:pt idx="6189">
                  <c:v>19.800832084121438</c:v>
                </c:pt>
                <c:pt idx="6190">
                  <c:v>19.7814052430505</c:v>
                </c:pt>
                <c:pt idx="6191">
                  <c:v>19.728684654277448</c:v>
                </c:pt>
                <c:pt idx="6192">
                  <c:v>19.630212782761191</c:v>
                </c:pt>
                <c:pt idx="6193">
                  <c:v>19.564883339808048</c:v>
                </c:pt>
                <c:pt idx="6194">
                  <c:v>19.468640771281503</c:v>
                </c:pt>
                <c:pt idx="6195">
                  <c:v>19.472311149244767</c:v>
                </c:pt>
                <c:pt idx="6196">
                  <c:v>19.463889775182889</c:v>
                </c:pt>
                <c:pt idx="6197">
                  <c:v>19.434348503044411</c:v>
                </c:pt>
                <c:pt idx="6198">
                  <c:v>19.426014091237789</c:v>
                </c:pt>
                <c:pt idx="6199">
                  <c:v>19.46716314520398</c:v>
                </c:pt>
                <c:pt idx="6200">
                  <c:v>19.454084714006139</c:v>
                </c:pt>
                <c:pt idx="6201">
                  <c:v>19.438257710180856</c:v>
                </c:pt>
                <c:pt idx="6202">
                  <c:v>19.397433539848102</c:v>
                </c:pt>
                <c:pt idx="6203">
                  <c:v>19.37349287994644</c:v>
                </c:pt>
                <c:pt idx="6204">
                  <c:v>19.257480769599407</c:v>
                </c:pt>
                <c:pt idx="6205">
                  <c:v>19.105136851856578</c:v>
                </c:pt>
                <c:pt idx="6206">
                  <c:v>19.092110477920059</c:v>
                </c:pt>
                <c:pt idx="6207">
                  <c:v>19.23858959579027</c:v>
                </c:pt>
                <c:pt idx="6208">
                  <c:v>19.429473749368185</c:v>
                </c:pt>
                <c:pt idx="6209">
                  <c:v>19.474541352521918</c:v>
                </c:pt>
                <c:pt idx="6210">
                  <c:v>19.573431677629983</c:v>
                </c:pt>
                <c:pt idx="6211">
                  <c:v>19.570684705784871</c:v>
                </c:pt>
                <c:pt idx="6212">
                  <c:v>19.750358629886136</c:v>
                </c:pt>
                <c:pt idx="6213">
                  <c:v>19.863420746043609</c:v>
                </c:pt>
                <c:pt idx="6214">
                  <c:v>19.956173395452478</c:v>
                </c:pt>
                <c:pt idx="6215">
                  <c:v>19.995496049026443</c:v>
                </c:pt>
                <c:pt idx="6216">
                  <c:v>20.011468713450668</c:v>
                </c:pt>
                <c:pt idx="6217">
                  <c:v>20.05444891798836</c:v>
                </c:pt>
                <c:pt idx="6218">
                  <c:v>20.043527557359667</c:v>
                </c:pt>
                <c:pt idx="6219">
                  <c:v>20.013155892112785</c:v>
                </c:pt>
                <c:pt idx="6220">
                  <c:v>19.956206237723567</c:v>
                </c:pt>
                <c:pt idx="6221">
                  <c:v>19.932734548882266</c:v>
                </c:pt>
                <c:pt idx="6222">
                  <c:v>19.894153378283622</c:v>
                </c:pt>
                <c:pt idx="6223">
                  <c:v>19.869752807280125</c:v>
                </c:pt>
                <c:pt idx="6224">
                  <c:v>19.881357877084376</c:v>
                </c:pt>
                <c:pt idx="6225">
                  <c:v>19.865214959979447</c:v>
                </c:pt>
                <c:pt idx="6226">
                  <c:v>19.872026805713283</c:v>
                </c:pt>
                <c:pt idx="6227">
                  <c:v>19.882010970465807</c:v>
                </c:pt>
                <c:pt idx="6228">
                  <c:v>19.898312419837016</c:v>
                </c:pt>
                <c:pt idx="6229">
                  <c:v>19.945797851631916</c:v>
                </c:pt>
                <c:pt idx="6230">
                  <c:v>20.005729391861017</c:v>
                </c:pt>
                <c:pt idx="6231">
                  <c:v>19.986684881241203</c:v>
                </c:pt>
                <c:pt idx="6232">
                  <c:v>19.985980253345687</c:v>
                </c:pt>
                <c:pt idx="6233">
                  <c:v>19.955776281690873</c:v>
                </c:pt>
                <c:pt idx="6234">
                  <c:v>19.896736260126406</c:v>
                </c:pt>
                <c:pt idx="6235">
                  <c:v>19.864381223964035</c:v>
                </c:pt>
                <c:pt idx="6236">
                  <c:v>19.841717251978764</c:v>
                </c:pt>
                <c:pt idx="6237">
                  <c:v>19.892795638910794</c:v>
                </c:pt>
                <c:pt idx="6238">
                  <c:v>20.050349298231271</c:v>
                </c:pt>
                <c:pt idx="6239">
                  <c:v>20.252661031258338</c:v>
                </c:pt>
                <c:pt idx="6240">
                  <c:v>20.460902690059907</c:v>
                </c:pt>
                <c:pt idx="6241">
                  <c:v>20.672747784393692</c:v>
                </c:pt>
                <c:pt idx="6242">
                  <c:v>20.836324532007851</c:v>
                </c:pt>
                <c:pt idx="6243">
                  <c:v>20.890712183305027</c:v>
                </c:pt>
                <c:pt idx="6244">
                  <c:v>20.921775445281622</c:v>
                </c:pt>
                <c:pt idx="6245">
                  <c:v>20.940856495674346</c:v>
                </c:pt>
                <c:pt idx="6246">
                  <c:v>21.003039996639039</c:v>
                </c:pt>
                <c:pt idx="6247">
                  <c:v>21.035598752938036</c:v>
                </c:pt>
                <c:pt idx="6248">
                  <c:v>21.017993927816214</c:v>
                </c:pt>
                <c:pt idx="6249">
                  <c:v>21.03085036562463</c:v>
                </c:pt>
                <c:pt idx="6250">
                  <c:v>21.020575166110635</c:v>
                </c:pt>
                <c:pt idx="6251">
                  <c:v>20.994532190146419</c:v>
                </c:pt>
                <c:pt idx="6252">
                  <c:v>20.926546916635147</c:v>
                </c:pt>
                <c:pt idx="6253">
                  <c:v>20.865431609467599</c:v>
                </c:pt>
                <c:pt idx="6254">
                  <c:v>20.969870736588206</c:v>
                </c:pt>
                <c:pt idx="6255">
                  <c:v>21.072088300491103</c:v>
                </c:pt>
                <c:pt idx="6256">
                  <c:v>21.106913044245612</c:v>
                </c:pt>
                <c:pt idx="6257">
                  <c:v>21.176469741938764</c:v>
                </c:pt>
                <c:pt idx="6258">
                  <c:v>21.096268469882556</c:v>
                </c:pt>
                <c:pt idx="6259">
                  <c:v>21.094325022715559</c:v>
                </c:pt>
                <c:pt idx="6260">
                  <c:v>21.012093576883583</c:v>
                </c:pt>
                <c:pt idx="6261">
                  <c:v>20.83974494362403</c:v>
                </c:pt>
                <c:pt idx="6262">
                  <c:v>20.728102180794604</c:v>
                </c:pt>
                <c:pt idx="6263">
                  <c:v>20.733078145861725</c:v>
                </c:pt>
                <c:pt idx="6264">
                  <c:v>20.771384208231684</c:v>
                </c:pt>
                <c:pt idx="6265">
                  <c:v>20.769117910388772</c:v>
                </c:pt>
                <c:pt idx="6266">
                  <c:v>20.781842787795888</c:v>
                </c:pt>
                <c:pt idx="6267">
                  <c:v>20.772445276680056</c:v>
                </c:pt>
                <c:pt idx="6268">
                  <c:v>20.673185768296378</c:v>
                </c:pt>
                <c:pt idx="6269">
                  <c:v>20.610754099486691</c:v>
                </c:pt>
                <c:pt idx="6270">
                  <c:v>20.624103075958882</c:v>
                </c:pt>
                <c:pt idx="6271">
                  <c:v>20.57728103774182</c:v>
                </c:pt>
                <c:pt idx="6272">
                  <c:v>20.442871401419779</c:v>
                </c:pt>
                <c:pt idx="6273">
                  <c:v>20.346635110304121</c:v>
                </c:pt>
                <c:pt idx="6274">
                  <c:v>20.142342221142609</c:v>
                </c:pt>
                <c:pt idx="6275">
                  <c:v>20.245419445035711</c:v>
                </c:pt>
                <c:pt idx="6276">
                  <c:v>20.312743681848037</c:v>
                </c:pt>
                <c:pt idx="6277">
                  <c:v>20.368522836892176</c:v>
                </c:pt>
                <c:pt idx="6278">
                  <c:v>20.408813657095962</c:v>
                </c:pt>
                <c:pt idx="6279">
                  <c:v>20.442499909938</c:v>
                </c:pt>
                <c:pt idx="6280">
                  <c:v>20.461882023578415</c:v>
                </c:pt>
                <c:pt idx="6281">
                  <c:v>20.457299703166623</c:v>
                </c:pt>
                <c:pt idx="6282">
                  <c:v>20.41889360963691</c:v>
                </c:pt>
                <c:pt idx="6283">
                  <c:v>20.350445915535488</c:v>
                </c:pt>
                <c:pt idx="6284">
                  <c:v>20.29177521521358</c:v>
                </c:pt>
                <c:pt idx="6285">
                  <c:v>20.282965339482754</c:v>
                </c:pt>
                <c:pt idx="6286">
                  <c:v>20.322996355809714</c:v>
                </c:pt>
                <c:pt idx="6287">
                  <c:v>20.393664573074759</c:v>
                </c:pt>
                <c:pt idx="6288">
                  <c:v>20.516232702214431</c:v>
                </c:pt>
                <c:pt idx="6289">
                  <c:v>20.673836464364577</c:v>
                </c:pt>
                <c:pt idx="6290">
                  <c:v>20.835510677707131</c:v>
                </c:pt>
                <c:pt idx="6291">
                  <c:v>20.907334859921672</c:v>
                </c:pt>
                <c:pt idx="6292">
                  <c:v>20.934967412804525</c:v>
                </c:pt>
                <c:pt idx="6293">
                  <c:v>21.000985608976524</c:v>
                </c:pt>
                <c:pt idx="6294">
                  <c:v>21.045319819496015</c:v>
                </c:pt>
                <c:pt idx="6295">
                  <c:v>21.067832019556722</c:v>
                </c:pt>
                <c:pt idx="6296">
                  <c:v>21.119733455455354</c:v>
                </c:pt>
                <c:pt idx="6297">
                  <c:v>21.154754807487336</c:v>
                </c:pt>
                <c:pt idx="6298">
                  <c:v>21.147374779326409</c:v>
                </c:pt>
                <c:pt idx="6299">
                  <c:v>21.109129219691557</c:v>
                </c:pt>
                <c:pt idx="6300">
                  <c:v>21.038986693738316</c:v>
                </c:pt>
                <c:pt idx="6301">
                  <c:v>20.922719215342752</c:v>
                </c:pt>
                <c:pt idx="6302">
                  <c:v>20.809557006182089</c:v>
                </c:pt>
                <c:pt idx="6303">
                  <c:v>20.780072275093396</c:v>
                </c:pt>
                <c:pt idx="6304">
                  <c:v>20.708201856486017</c:v>
                </c:pt>
                <c:pt idx="6305">
                  <c:v>20.59384383579922</c:v>
                </c:pt>
                <c:pt idx="6306">
                  <c:v>20.451071027156267</c:v>
                </c:pt>
                <c:pt idx="6307">
                  <c:v>20.387941273657511</c:v>
                </c:pt>
                <c:pt idx="6308">
                  <c:v>20.386609394568392</c:v>
                </c:pt>
                <c:pt idx="6309">
                  <c:v>20.27431644394936</c:v>
                </c:pt>
                <c:pt idx="6310">
                  <c:v>20.158621513164068</c:v>
                </c:pt>
                <c:pt idx="6311">
                  <c:v>20.07708382382177</c:v>
                </c:pt>
                <c:pt idx="6312">
                  <c:v>20.019007144362746</c:v>
                </c:pt>
                <c:pt idx="6313">
                  <c:v>19.9525211523531</c:v>
                </c:pt>
                <c:pt idx="6314">
                  <c:v>19.903679862267314</c:v>
                </c:pt>
                <c:pt idx="6315">
                  <c:v>19.69152282651358</c:v>
                </c:pt>
                <c:pt idx="6316">
                  <c:v>19.537420427524086</c:v>
                </c:pt>
                <c:pt idx="6317">
                  <c:v>19.395553430682742</c:v>
                </c:pt>
                <c:pt idx="6318">
                  <c:v>19.521444614636426</c:v>
                </c:pt>
                <c:pt idx="6319">
                  <c:v>19.670297754257163</c:v>
                </c:pt>
                <c:pt idx="6320">
                  <c:v>19.822712678635828</c:v>
                </c:pt>
                <c:pt idx="6321">
                  <c:v>19.925554447678614</c:v>
                </c:pt>
                <c:pt idx="6322">
                  <c:v>19.96179852182663</c:v>
                </c:pt>
                <c:pt idx="6323">
                  <c:v>19.995031535726696</c:v>
                </c:pt>
                <c:pt idx="6324">
                  <c:v>20.043338714630224</c:v>
                </c:pt>
                <c:pt idx="6325">
                  <c:v>20.125380254768153</c:v>
                </c:pt>
                <c:pt idx="6326">
                  <c:v>20.209301403325874</c:v>
                </c:pt>
                <c:pt idx="6327">
                  <c:v>20.296899346575771</c:v>
                </c:pt>
                <c:pt idx="6328">
                  <c:v>20.396002051889806</c:v>
                </c:pt>
                <c:pt idx="6329">
                  <c:v>20.467623821603635</c:v>
                </c:pt>
                <c:pt idx="6330">
                  <c:v>20.482803335067654</c:v>
                </c:pt>
                <c:pt idx="6331">
                  <c:v>20.51039740897874</c:v>
                </c:pt>
                <c:pt idx="6332">
                  <c:v>20.571213863955382</c:v>
                </c:pt>
                <c:pt idx="6333">
                  <c:v>20.500525240663251</c:v>
                </c:pt>
                <c:pt idx="6334">
                  <c:v>20.42391707515575</c:v>
                </c:pt>
                <c:pt idx="6335">
                  <c:v>20.373674640782649</c:v>
                </c:pt>
                <c:pt idx="6336">
                  <c:v>20.336070016942497</c:v>
                </c:pt>
                <c:pt idx="6337">
                  <c:v>20.284973002071737</c:v>
                </c:pt>
                <c:pt idx="6338">
                  <c:v>20.210159361062093</c:v>
                </c:pt>
                <c:pt idx="6339">
                  <c:v>20.117321137382348</c:v>
                </c:pt>
                <c:pt idx="6340">
                  <c:v>20.051183303429312</c:v>
                </c:pt>
                <c:pt idx="6341">
                  <c:v>19.997131646100183</c:v>
                </c:pt>
                <c:pt idx="6342">
                  <c:v>19.929672833559753</c:v>
                </c:pt>
                <c:pt idx="6343">
                  <c:v>19.843853454165419</c:v>
                </c:pt>
                <c:pt idx="6344">
                  <c:v>19.683096043477416</c:v>
                </c:pt>
                <c:pt idx="6345">
                  <c:v>19.568536595385225</c:v>
                </c:pt>
                <c:pt idx="6346">
                  <c:v>19.544648181189906</c:v>
                </c:pt>
                <c:pt idx="6347">
                  <c:v>19.588352417376864</c:v>
                </c:pt>
                <c:pt idx="6348">
                  <c:v>19.655678949074847</c:v>
                </c:pt>
                <c:pt idx="6349">
                  <c:v>19.68745167130708</c:v>
                </c:pt>
                <c:pt idx="6350">
                  <c:v>19.705700310915674</c:v>
                </c:pt>
                <c:pt idx="6351">
                  <c:v>19.748192328056593</c:v>
                </c:pt>
                <c:pt idx="6352">
                  <c:v>19.78864339534671</c:v>
                </c:pt>
                <c:pt idx="6353">
                  <c:v>19.794580945595083</c:v>
                </c:pt>
                <c:pt idx="6354">
                  <c:v>19.799253939543775</c:v>
                </c:pt>
                <c:pt idx="6355">
                  <c:v>19.811673730720397</c:v>
                </c:pt>
                <c:pt idx="6356">
                  <c:v>19.814831431727843</c:v>
                </c:pt>
                <c:pt idx="6357">
                  <c:v>19.830379817408105</c:v>
                </c:pt>
                <c:pt idx="6358">
                  <c:v>19.820427221754851</c:v>
                </c:pt>
                <c:pt idx="6359">
                  <c:v>19.805210736142122</c:v>
                </c:pt>
                <c:pt idx="6360">
                  <c:v>19.775185325578619</c:v>
                </c:pt>
                <c:pt idx="6361">
                  <c:v>19.764947722413485</c:v>
                </c:pt>
                <c:pt idx="6362">
                  <c:v>19.747741738058391</c:v>
                </c:pt>
                <c:pt idx="6363">
                  <c:v>19.774766715141855</c:v>
                </c:pt>
                <c:pt idx="6364">
                  <c:v>19.796577784226713</c:v>
                </c:pt>
                <c:pt idx="6365">
                  <c:v>19.804308279238413</c:v>
                </c:pt>
                <c:pt idx="6366">
                  <c:v>19.869136286328462</c:v>
                </c:pt>
                <c:pt idx="6367">
                  <c:v>19.868372565534539</c:v>
                </c:pt>
                <c:pt idx="6368">
                  <c:v>19.916906060686145</c:v>
                </c:pt>
                <c:pt idx="6369">
                  <c:v>19.910982957888159</c:v>
                </c:pt>
                <c:pt idx="6370">
                  <c:v>19.893415884953587</c:v>
                </c:pt>
                <c:pt idx="6371">
                  <c:v>19.908955945572252</c:v>
                </c:pt>
                <c:pt idx="6372">
                  <c:v>19.925519138234154</c:v>
                </c:pt>
                <c:pt idx="6373">
                  <c:v>19.933343723653568</c:v>
                </c:pt>
                <c:pt idx="6374">
                  <c:v>19.925438086539469</c:v>
                </c:pt>
                <c:pt idx="6375">
                  <c:v>19.93969343058232</c:v>
                </c:pt>
                <c:pt idx="6376">
                  <c:v>19.946550266582626</c:v>
                </c:pt>
                <c:pt idx="6377">
                  <c:v>19.954860992789413</c:v>
                </c:pt>
                <c:pt idx="6378">
                  <c:v>19.973167106485704</c:v>
                </c:pt>
                <c:pt idx="6379">
                  <c:v>19.984057817341423</c:v>
                </c:pt>
                <c:pt idx="6380">
                  <c:v>20.00864173237451</c:v>
                </c:pt>
                <c:pt idx="6381">
                  <c:v>20.020748131905385</c:v>
                </c:pt>
                <c:pt idx="6382">
                  <c:v>20.046769361867156</c:v>
                </c:pt>
                <c:pt idx="6383">
                  <c:v>20.077920169433547</c:v>
                </c:pt>
                <c:pt idx="6384">
                  <c:v>20.052439516377568</c:v>
                </c:pt>
                <c:pt idx="6385">
                  <c:v>20.06031750500032</c:v>
                </c:pt>
                <c:pt idx="6386">
                  <c:v>20.054802745468766</c:v>
                </c:pt>
                <c:pt idx="6387">
                  <c:v>20.03956408986361</c:v>
                </c:pt>
                <c:pt idx="6388">
                  <c:v>20.03262723020805</c:v>
                </c:pt>
                <c:pt idx="6389">
                  <c:v>20.035671305242438</c:v>
                </c:pt>
                <c:pt idx="6390">
                  <c:v>20.019988338370585</c:v>
                </c:pt>
                <c:pt idx="6391">
                  <c:v>20.030630257303823</c:v>
                </c:pt>
                <c:pt idx="6392">
                  <c:v>20.031845388390536</c:v>
                </c:pt>
                <c:pt idx="6393">
                  <c:v>20.024179824830455</c:v>
                </c:pt>
                <c:pt idx="6394">
                  <c:v>20.019604136462817</c:v>
                </c:pt>
                <c:pt idx="6395">
                  <c:v>20.012875693672456</c:v>
                </c:pt>
                <c:pt idx="6396">
                  <c:v>20.006210951226677</c:v>
                </c:pt>
                <c:pt idx="6397">
                  <c:v>20.000352896002127</c:v>
                </c:pt>
                <c:pt idx="6398">
                  <c:v>20.00549986238088</c:v>
                </c:pt>
                <c:pt idx="6399">
                  <c:v>20.014851335439872</c:v>
                </c:pt>
                <c:pt idx="6400">
                  <c:v>20.02897737173484</c:v>
                </c:pt>
                <c:pt idx="6401">
                  <c:v>20.039425532403623</c:v>
                </c:pt>
                <c:pt idx="6402">
                  <c:v>20.031241191290313</c:v>
                </c:pt>
                <c:pt idx="6403">
                  <c:v>20.03752988217326</c:v>
                </c:pt>
                <c:pt idx="6404">
                  <c:v>19.965826347371454</c:v>
                </c:pt>
                <c:pt idx="6405">
                  <c:v>19.950468010915184</c:v>
                </c:pt>
                <c:pt idx="6406">
                  <c:v>19.949097722980262</c:v>
                </c:pt>
                <c:pt idx="6407">
                  <c:v>19.928004070791257</c:v>
                </c:pt>
                <c:pt idx="6408">
                  <c:v>19.882558536581797</c:v>
                </c:pt>
                <c:pt idx="6409">
                  <c:v>19.817769121249068</c:v>
                </c:pt>
                <c:pt idx="6410">
                  <c:v>19.794940655399976</c:v>
                </c:pt>
                <c:pt idx="6411">
                  <c:v>19.798268609789464</c:v>
                </c:pt>
                <c:pt idx="6412">
                  <c:v>19.777813871201968</c:v>
                </c:pt>
                <c:pt idx="6413">
                  <c:v>19.7331913193593</c:v>
                </c:pt>
                <c:pt idx="6414">
                  <c:v>19.775199775770332</c:v>
                </c:pt>
                <c:pt idx="6415">
                  <c:v>19.767531632279514</c:v>
                </c:pt>
                <c:pt idx="6416">
                  <c:v>19.759170465392817</c:v>
                </c:pt>
                <c:pt idx="6417">
                  <c:v>19.791488221137023</c:v>
                </c:pt>
                <c:pt idx="6418">
                  <c:v>19.776881586799973</c:v>
                </c:pt>
                <c:pt idx="6419">
                  <c:v>19.766557425655463</c:v>
                </c:pt>
                <c:pt idx="6420">
                  <c:v>19.800050216844859</c:v>
                </c:pt>
                <c:pt idx="6421">
                  <c:v>19.833135226336566</c:v>
                </c:pt>
                <c:pt idx="6422">
                  <c:v>19.81474643544249</c:v>
                </c:pt>
                <c:pt idx="6423">
                  <c:v>19.84745922855522</c:v>
                </c:pt>
                <c:pt idx="6424">
                  <c:v>19.880086702888953</c:v>
                </c:pt>
                <c:pt idx="6425">
                  <c:v>19.90242495638681</c:v>
                </c:pt>
                <c:pt idx="6426">
                  <c:v>19.927852113611259</c:v>
                </c:pt>
                <c:pt idx="6427">
                  <c:v>19.916459318068092</c:v>
                </c:pt>
                <c:pt idx="6428">
                  <c:v>19.915843772083456</c:v>
                </c:pt>
                <c:pt idx="6429">
                  <c:v>19.958041315751839</c:v>
                </c:pt>
                <c:pt idx="6430">
                  <c:v>20.032876177486528</c:v>
                </c:pt>
                <c:pt idx="6431">
                  <c:v>20.055287539535733</c:v>
                </c:pt>
                <c:pt idx="6432">
                  <c:v>20.059146701875761</c:v>
                </c:pt>
                <c:pt idx="6433">
                  <c:v>20.100577811419548</c:v>
                </c:pt>
                <c:pt idx="6434">
                  <c:v>20.12526074435462</c:v>
                </c:pt>
                <c:pt idx="6435">
                  <c:v>20.139126127093849</c:v>
                </c:pt>
                <c:pt idx="6436">
                  <c:v>20.157619463545451</c:v>
                </c:pt>
                <c:pt idx="6437">
                  <c:v>20.212946703890289</c:v>
                </c:pt>
                <c:pt idx="6438">
                  <c:v>20.282540907731928</c:v>
                </c:pt>
                <c:pt idx="6439">
                  <c:v>20.30457813509889</c:v>
                </c:pt>
                <c:pt idx="6440">
                  <c:v>20.411454874868866</c:v>
                </c:pt>
                <c:pt idx="6441">
                  <c:v>20.40300013373141</c:v>
                </c:pt>
                <c:pt idx="6442">
                  <c:v>20.431156244822461</c:v>
                </c:pt>
                <c:pt idx="6443">
                  <c:v>20.466167714880914</c:v>
                </c:pt>
                <c:pt idx="6444">
                  <c:v>20.460720758153617</c:v>
                </c:pt>
                <c:pt idx="6445">
                  <c:v>20.526600464451597</c:v>
                </c:pt>
                <c:pt idx="6446">
                  <c:v>20.513616901942704</c:v>
                </c:pt>
                <c:pt idx="6447">
                  <c:v>20.474129999025269</c:v>
                </c:pt>
                <c:pt idx="6448">
                  <c:v>20.56344905891574</c:v>
                </c:pt>
                <c:pt idx="6449">
                  <c:v>20.455855524188102</c:v>
                </c:pt>
                <c:pt idx="6450">
                  <c:v>20.447038455951994</c:v>
                </c:pt>
                <c:pt idx="6451">
                  <c:v>20.461213548937174</c:v>
                </c:pt>
                <c:pt idx="6452">
                  <c:v>20.594435880851702</c:v>
                </c:pt>
                <c:pt idx="6453">
                  <c:v>20.501991242536235</c:v>
                </c:pt>
                <c:pt idx="6454">
                  <c:v>20.570680928915557</c:v>
                </c:pt>
                <c:pt idx="6455">
                  <c:v>20.589197356885677</c:v>
                </c:pt>
                <c:pt idx="6456">
                  <c:v>20.665953342686642</c:v>
                </c:pt>
                <c:pt idx="6457">
                  <c:v>20.699429121857271</c:v>
                </c:pt>
                <c:pt idx="6458">
                  <c:v>20.722188535679464</c:v>
                </c:pt>
                <c:pt idx="6459">
                  <c:v>20.752086191757023</c:v>
                </c:pt>
                <c:pt idx="6460">
                  <c:v>20.751117011798055</c:v>
                </c:pt>
                <c:pt idx="6461">
                  <c:v>20.749674253468168</c:v>
                </c:pt>
                <c:pt idx="6462">
                  <c:v>20.76244823081748</c:v>
                </c:pt>
                <c:pt idx="6463">
                  <c:v>20.756307993885486</c:v>
                </c:pt>
                <c:pt idx="6464">
                  <c:v>20.682096706192624</c:v>
                </c:pt>
                <c:pt idx="6465">
                  <c:v>20.681716476371168</c:v>
                </c:pt>
                <c:pt idx="6466">
                  <c:v>20.666942053710727</c:v>
                </c:pt>
                <c:pt idx="6467">
                  <c:v>20.597275689774492</c:v>
                </c:pt>
                <c:pt idx="6468">
                  <c:v>20.576772651070144</c:v>
                </c:pt>
                <c:pt idx="6469">
                  <c:v>20.541945167425464</c:v>
                </c:pt>
                <c:pt idx="6470">
                  <c:v>20.53027299804689</c:v>
                </c:pt>
                <c:pt idx="6471">
                  <c:v>20.516275966290056</c:v>
                </c:pt>
                <c:pt idx="6472">
                  <c:v>20.472516670790206</c:v>
                </c:pt>
                <c:pt idx="6473">
                  <c:v>20.442766192105395</c:v>
                </c:pt>
                <c:pt idx="6474">
                  <c:v>20.435385373027515</c:v>
                </c:pt>
                <c:pt idx="6475">
                  <c:v>20.422908530676782</c:v>
                </c:pt>
                <c:pt idx="6476">
                  <c:v>20.406739031155823</c:v>
                </c:pt>
                <c:pt idx="6477">
                  <c:v>20.363650963246517</c:v>
                </c:pt>
                <c:pt idx="6478">
                  <c:v>20.343320839115083</c:v>
                </c:pt>
                <c:pt idx="6479">
                  <c:v>20.341966696517623</c:v>
                </c:pt>
                <c:pt idx="6480">
                  <c:v>20.294988897462368</c:v>
                </c:pt>
                <c:pt idx="6481">
                  <c:v>20.288080751716041</c:v>
                </c:pt>
                <c:pt idx="6482">
                  <c:v>20.267630763829896</c:v>
                </c:pt>
                <c:pt idx="6483">
                  <c:v>20.271784740088961</c:v>
                </c:pt>
                <c:pt idx="6484">
                  <c:v>20.27399361320418</c:v>
                </c:pt>
                <c:pt idx="6485">
                  <c:v>20.251038783244077</c:v>
                </c:pt>
                <c:pt idx="6486">
                  <c:v>20.260913743096729</c:v>
                </c:pt>
                <c:pt idx="6487">
                  <c:v>20.279544883834461</c:v>
                </c:pt>
                <c:pt idx="6488">
                  <c:v>20.291229783578821</c:v>
                </c:pt>
                <c:pt idx="6489">
                  <c:v>20.295822815939573</c:v>
                </c:pt>
                <c:pt idx="6490">
                  <c:v>20.282609747194734</c:v>
                </c:pt>
                <c:pt idx="6491">
                  <c:v>20.292467230642849</c:v>
                </c:pt>
                <c:pt idx="6492">
                  <c:v>20.292316954853998</c:v>
                </c:pt>
                <c:pt idx="6493">
                  <c:v>20.293139391847554</c:v>
                </c:pt>
                <c:pt idx="6494">
                  <c:v>20.232167979931582</c:v>
                </c:pt>
                <c:pt idx="6495">
                  <c:v>20.196164483277975</c:v>
                </c:pt>
                <c:pt idx="6496">
                  <c:v>20.177500140254068</c:v>
                </c:pt>
                <c:pt idx="6497">
                  <c:v>20.150014868120113</c:v>
                </c:pt>
                <c:pt idx="6498">
                  <c:v>20.137779503035404</c:v>
                </c:pt>
                <c:pt idx="6499">
                  <c:v>20.106508420424642</c:v>
                </c:pt>
                <c:pt idx="6500">
                  <c:v>20.105986423918104</c:v>
                </c:pt>
                <c:pt idx="6501">
                  <c:v>20.103955688051901</c:v>
                </c:pt>
                <c:pt idx="6502">
                  <c:v>20.117486068194168</c:v>
                </c:pt>
                <c:pt idx="6503">
                  <c:v>20.089106681714888</c:v>
                </c:pt>
                <c:pt idx="6504">
                  <c:v>20.070869228790876</c:v>
                </c:pt>
                <c:pt idx="6505">
                  <c:v>20.064345326055928</c:v>
                </c:pt>
                <c:pt idx="6506">
                  <c:v>20.047188424119852</c:v>
                </c:pt>
                <c:pt idx="6507">
                  <c:v>20.053610650798532</c:v>
                </c:pt>
                <c:pt idx="6508">
                  <c:v>19.998174562378491</c:v>
                </c:pt>
                <c:pt idx="6509">
                  <c:v>19.951881194787362</c:v>
                </c:pt>
                <c:pt idx="6510">
                  <c:v>19.915671431161286</c:v>
                </c:pt>
                <c:pt idx="6511">
                  <c:v>19.864856169942577</c:v>
                </c:pt>
                <c:pt idx="6512">
                  <c:v>19.815684868292319</c:v>
                </c:pt>
                <c:pt idx="6513">
                  <c:v>19.756371643495612</c:v>
                </c:pt>
                <c:pt idx="6514">
                  <c:v>19.672842615069602</c:v>
                </c:pt>
                <c:pt idx="6515">
                  <c:v>19.617699025900414</c:v>
                </c:pt>
                <c:pt idx="6516">
                  <c:v>19.646099309241613</c:v>
                </c:pt>
                <c:pt idx="6517">
                  <c:v>19.643283155336114</c:v>
                </c:pt>
                <c:pt idx="6518">
                  <c:v>19.675367669370061</c:v>
                </c:pt>
                <c:pt idx="6519">
                  <c:v>19.689255530695323</c:v>
                </c:pt>
                <c:pt idx="6520">
                  <c:v>19.685091062987269</c:v>
                </c:pt>
                <c:pt idx="6521">
                  <c:v>19.695048134635151</c:v>
                </c:pt>
                <c:pt idx="6522">
                  <c:v>19.696489630156378</c:v>
                </c:pt>
                <c:pt idx="6523">
                  <c:v>19.741169132327009</c:v>
                </c:pt>
                <c:pt idx="6524">
                  <c:v>19.781680075612144</c:v>
                </c:pt>
                <c:pt idx="6525">
                  <c:v>19.81909305674516</c:v>
                </c:pt>
                <c:pt idx="6526">
                  <c:v>19.850055508421342</c:v>
                </c:pt>
                <c:pt idx="6527">
                  <c:v>19.902658644290547</c:v>
                </c:pt>
                <c:pt idx="6528">
                  <c:v>19.967444778671251</c:v>
                </c:pt>
                <c:pt idx="6529">
                  <c:v>20.030987341250853</c:v>
                </c:pt>
                <c:pt idx="6530">
                  <c:v>20.065478015819245</c:v>
                </c:pt>
                <c:pt idx="6531">
                  <c:v>20.076922272391776</c:v>
                </c:pt>
                <c:pt idx="6532">
                  <c:v>20.09043256565414</c:v>
                </c:pt>
                <c:pt idx="6533">
                  <c:v>20.061178631222045</c:v>
                </c:pt>
                <c:pt idx="6534">
                  <c:v>20.055476920557954</c:v>
                </c:pt>
                <c:pt idx="6535">
                  <c:v>20.065577288385974</c:v>
                </c:pt>
                <c:pt idx="6536">
                  <c:v>20.048767174645732</c:v>
                </c:pt>
                <c:pt idx="6537">
                  <c:v>20.03097140021438</c:v>
                </c:pt>
                <c:pt idx="6538">
                  <c:v>20.022619765407171</c:v>
                </c:pt>
                <c:pt idx="6539">
                  <c:v>20.036329388990751</c:v>
                </c:pt>
                <c:pt idx="6540">
                  <c:v>20.08402437536116</c:v>
                </c:pt>
                <c:pt idx="6541">
                  <c:v>20.110506996146789</c:v>
                </c:pt>
                <c:pt idx="6542">
                  <c:v>20.113882696909712</c:v>
                </c:pt>
                <c:pt idx="6543">
                  <c:v>20.130459840536879</c:v>
                </c:pt>
                <c:pt idx="6544">
                  <c:v>20.147827654494197</c:v>
                </c:pt>
                <c:pt idx="6545">
                  <c:v>20.157156214631179</c:v>
                </c:pt>
                <c:pt idx="6546">
                  <c:v>20.154622581886898</c:v>
                </c:pt>
                <c:pt idx="6547">
                  <c:v>20.184749162486138</c:v>
                </c:pt>
                <c:pt idx="6548">
                  <c:v>20.223113029279251</c:v>
                </c:pt>
                <c:pt idx="6549">
                  <c:v>20.247418155991785</c:v>
                </c:pt>
                <c:pt idx="6550">
                  <c:v>20.252882757388857</c:v>
                </c:pt>
                <c:pt idx="6551">
                  <c:v>20.267779233768973</c:v>
                </c:pt>
                <c:pt idx="6552">
                  <c:v>20.269053525149594</c:v>
                </c:pt>
                <c:pt idx="6553">
                  <c:v>20.284211136621735</c:v>
                </c:pt>
                <c:pt idx="6554">
                  <c:v>20.294050925584965</c:v>
                </c:pt>
                <c:pt idx="6555">
                  <c:v>20.266084739254062</c:v>
                </c:pt>
                <c:pt idx="6556">
                  <c:v>20.258412813832045</c:v>
                </c:pt>
                <c:pt idx="6557">
                  <c:v>20.253864261643422</c:v>
                </c:pt>
                <c:pt idx="6558">
                  <c:v>20.242726715273875</c:v>
                </c:pt>
                <c:pt idx="6559">
                  <c:v>20.149736678536705</c:v>
                </c:pt>
                <c:pt idx="6560">
                  <c:v>20.095953061706645</c:v>
                </c:pt>
                <c:pt idx="6561">
                  <c:v>20.06368509497004</c:v>
                </c:pt>
                <c:pt idx="6562">
                  <c:v>20.105574358684606</c:v>
                </c:pt>
                <c:pt idx="6563">
                  <c:v>19.951277139871827</c:v>
                </c:pt>
                <c:pt idx="6564">
                  <c:v>19.998793286838481</c:v>
                </c:pt>
                <c:pt idx="6565">
                  <c:v>19.962141114517195</c:v>
                </c:pt>
                <c:pt idx="6566">
                  <c:v>19.843799484107048</c:v>
                </c:pt>
                <c:pt idx="6567">
                  <c:v>19.833999938094561</c:v>
                </c:pt>
                <c:pt idx="6568">
                  <c:v>19.870618589922433</c:v>
                </c:pt>
                <c:pt idx="6569">
                  <c:v>19.839831457586243</c:v>
                </c:pt>
                <c:pt idx="6570">
                  <c:v>19.839766959643043</c:v>
                </c:pt>
                <c:pt idx="6571">
                  <c:v>20.16717548589029</c:v>
                </c:pt>
                <c:pt idx="6572">
                  <c:v>20.216177265822715</c:v>
                </c:pt>
                <c:pt idx="6573">
                  <c:v>20.189991845519309</c:v>
                </c:pt>
                <c:pt idx="6574">
                  <c:v>20.198368756811391</c:v>
                </c:pt>
                <c:pt idx="6575">
                  <c:v>20.213842276536262</c:v>
                </c:pt>
                <c:pt idx="6576">
                  <c:v>20.223238300385745</c:v>
                </c:pt>
                <c:pt idx="6577">
                  <c:v>20.152234370864054</c:v>
                </c:pt>
                <c:pt idx="6578">
                  <c:v>20.140701493756978</c:v>
                </c:pt>
                <c:pt idx="6579">
                  <c:v>20.191659018380761</c:v>
                </c:pt>
                <c:pt idx="6580">
                  <c:v>20.247342266996355</c:v>
                </c:pt>
                <c:pt idx="6581">
                  <c:v>20.193427832767647</c:v>
                </c:pt>
                <c:pt idx="6582">
                  <c:v>20.157267310530088</c:v>
                </c:pt>
                <c:pt idx="6583">
                  <c:v>20.077491666226702</c:v>
                </c:pt>
                <c:pt idx="6584">
                  <c:v>20.007762858988567</c:v>
                </c:pt>
                <c:pt idx="6585">
                  <c:v>19.939574842702925</c:v>
                </c:pt>
                <c:pt idx="6586">
                  <c:v>19.879518388285888</c:v>
                </c:pt>
                <c:pt idx="6587">
                  <c:v>19.750994776789415</c:v>
                </c:pt>
                <c:pt idx="6588">
                  <c:v>19.820066314080826</c:v>
                </c:pt>
                <c:pt idx="6589">
                  <c:v>19.741802288245005</c:v>
                </c:pt>
                <c:pt idx="6590">
                  <c:v>19.707483380699649</c:v>
                </c:pt>
                <c:pt idx="6591">
                  <c:v>19.740425342318453</c:v>
                </c:pt>
                <c:pt idx="6592">
                  <c:v>19.761980831829757</c:v>
                </c:pt>
                <c:pt idx="6593">
                  <c:v>19.803484976592735</c:v>
                </c:pt>
                <c:pt idx="6594">
                  <c:v>19.843233088271273</c:v>
                </c:pt>
                <c:pt idx="6595">
                  <c:v>19.866394206733347</c:v>
                </c:pt>
                <c:pt idx="6596">
                  <c:v>19.900922438529619</c:v>
                </c:pt>
                <c:pt idx="6597">
                  <c:v>19.912178547203212</c:v>
                </c:pt>
                <c:pt idx="6598">
                  <c:v>19.888901297584013</c:v>
                </c:pt>
                <c:pt idx="6599">
                  <c:v>19.803928218747831</c:v>
                </c:pt>
                <c:pt idx="6600">
                  <c:v>19.82626013645077</c:v>
                </c:pt>
                <c:pt idx="6601">
                  <c:v>19.849212677228255</c:v>
                </c:pt>
                <c:pt idx="6602">
                  <c:v>19.841941311206536</c:v>
                </c:pt>
                <c:pt idx="6603">
                  <c:v>19.959098910249761</c:v>
                </c:pt>
                <c:pt idx="6604">
                  <c:v>19.943140921215011</c:v>
                </c:pt>
                <c:pt idx="6605">
                  <c:v>19.924404532280256</c:v>
                </c:pt>
                <c:pt idx="6606">
                  <c:v>19.925253193313608</c:v>
                </c:pt>
                <c:pt idx="6607">
                  <c:v>19.943658390393381</c:v>
                </c:pt>
                <c:pt idx="6608">
                  <c:v>19.970661185194484</c:v>
                </c:pt>
                <c:pt idx="6609">
                  <c:v>19.952540792911748</c:v>
                </c:pt>
                <c:pt idx="6610">
                  <c:v>19.913732303173365</c:v>
                </c:pt>
                <c:pt idx="6611">
                  <c:v>19.897459991667738</c:v>
                </c:pt>
                <c:pt idx="6612">
                  <c:v>19.864769925169146</c:v>
                </c:pt>
                <c:pt idx="6613">
                  <c:v>19.831727903927401</c:v>
                </c:pt>
                <c:pt idx="6614">
                  <c:v>19.904629382502421</c:v>
                </c:pt>
                <c:pt idx="6615">
                  <c:v>19.874825569957085</c:v>
                </c:pt>
                <c:pt idx="6616">
                  <c:v>19.797738120054024</c:v>
                </c:pt>
                <c:pt idx="6617">
                  <c:v>19.623853728542127</c:v>
                </c:pt>
                <c:pt idx="6618">
                  <c:v>19.618333318351343</c:v>
                </c:pt>
                <c:pt idx="6619">
                  <c:v>19.59926437685063</c:v>
                </c:pt>
                <c:pt idx="6620">
                  <c:v>19.61065129760896</c:v>
                </c:pt>
                <c:pt idx="6621">
                  <c:v>19.588642601056844</c:v>
                </c:pt>
                <c:pt idx="6622">
                  <c:v>19.556651904709256</c:v>
                </c:pt>
                <c:pt idx="6623">
                  <c:v>19.536988484998989</c:v>
                </c:pt>
                <c:pt idx="6624">
                  <c:v>19.534044923129517</c:v>
                </c:pt>
                <c:pt idx="6625">
                  <c:v>19.537034350551604</c:v>
                </c:pt>
                <c:pt idx="6626">
                  <c:v>19.552095010754812</c:v>
                </c:pt>
                <c:pt idx="6627">
                  <c:v>19.571352982917276</c:v>
                </c:pt>
                <c:pt idx="6628">
                  <c:v>19.599409264517757</c:v>
                </c:pt>
                <c:pt idx="6629">
                  <c:v>19.642359855392723</c:v>
                </c:pt>
                <c:pt idx="6630">
                  <c:v>19.686032181265638</c:v>
                </c:pt>
                <c:pt idx="6631">
                  <c:v>19.724973178935095</c:v>
                </c:pt>
                <c:pt idx="6632">
                  <c:v>19.723151108955346</c:v>
                </c:pt>
                <c:pt idx="6633">
                  <c:v>19.684179588733127</c:v>
                </c:pt>
                <c:pt idx="6634">
                  <c:v>19.696050899350737</c:v>
                </c:pt>
                <c:pt idx="6635">
                  <c:v>19.696520013276526</c:v>
                </c:pt>
                <c:pt idx="6636">
                  <c:v>19.664208552297623</c:v>
                </c:pt>
                <c:pt idx="6637">
                  <c:v>19.71428650616912</c:v>
                </c:pt>
                <c:pt idx="6638">
                  <c:v>19.794606947880848</c:v>
                </c:pt>
                <c:pt idx="6639">
                  <c:v>19.737169278121172</c:v>
                </c:pt>
                <c:pt idx="6640">
                  <c:v>20.329622924311771</c:v>
                </c:pt>
                <c:pt idx="6641">
                  <c:v>20.286421043458837</c:v>
                </c:pt>
                <c:pt idx="6642">
                  <c:v>20.447177180526516</c:v>
                </c:pt>
                <c:pt idx="6643">
                  <c:v>20.444329768203936</c:v>
                </c:pt>
                <c:pt idx="6644">
                  <c:v>20.461803402818095</c:v>
                </c:pt>
                <c:pt idx="6645">
                  <c:v>20.462678261914174</c:v>
                </c:pt>
                <c:pt idx="6646">
                  <c:v>20.483781485294649</c:v>
                </c:pt>
                <c:pt idx="6647">
                  <c:v>20.528279798620424</c:v>
                </c:pt>
                <c:pt idx="6648">
                  <c:v>20.160016618065406</c:v>
                </c:pt>
                <c:pt idx="6649">
                  <c:v>20.076484911086997</c:v>
                </c:pt>
                <c:pt idx="6650">
                  <c:v>19.950524334300695</c:v>
                </c:pt>
                <c:pt idx="6651">
                  <c:v>20.003256387786198</c:v>
                </c:pt>
                <c:pt idx="6652">
                  <c:v>20.019672460718585</c:v>
                </c:pt>
                <c:pt idx="6653">
                  <c:v>20.077508846825477</c:v>
                </c:pt>
                <c:pt idx="6654">
                  <c:v>20.175295403590706</c:v>
                </c:pt>
                <c:pt idx="6655">
                  <c:v>20.176801599313642</c:v>
                </c:pt>
                <c:pt idx="6656">
                  <c:v>20.111803393585358</c:v>
                </c:pt>
                <c:pt idx="6657">
                  <c:v>20.080992249719802</c:v>
                </c:pt>
                <c:pt idx="6658">
                  <c:v>20.068363198048282</c:v>
                </c:pt>
                <c:pt idx="6659">
                  <c:v>20.048238102027973</c:v>
                </c:pt>
                <c:pt idx="6660">
                  <c:v>19.963338624416515</c:v>
                </c:pt>
                <c:pt idx="6661">
                  <c:v>19.948475939859328</c:v>
                </c:pt>
                <c:pt idx="6662">
                  <c:v>19.956166967556602</c:v>
                </c:pt>
                <c:pt idx="6663">
                  <c:v>19.939104116558163</c:v>
                </c:pt>
                <c:pt idx="6664">
                  <c:v>19.931893869424599</c:v>
                </c:pt>
                <c:pt idx="6665">
                  <c:v>19.945351725271102</c:v>
                </c:pt>
                <c:pt idx="6666">
                  <c:v>19.907616708686295</c:v>
                </c:pt>
                <c:pt idx="6667">
                  <c:v>20.000968301826873</c:v>
                </c:pt>
                <c:pt idx="6668">
                  <c:v>19.982513145789113</c:v>
                </c:pt>
                <c:pt idx="6669">
                  <c:v>19.979160507445265</c:v>
                </c:pt>
                <c:pt idx="6670">
                  <c:v>19.97537101125441</c:v>
                </c:pt>
                <c:pt idx="6671">
                  <c:v>20.008092746768344</c:v>
                </c:pt>
                <c:pt idx="6672">
                  <c:v>20.045623865076703</c:v>
                </c:pt>
                <c:pt idx="6673">
                  <c:v>20.06837166600053</c:v>
                </c:pt>
                <c:pt idx="6674">
                  <c:v>20.391869271916761</c:v>
                </c:pt>
                <c:pt idx="6675">
                  <c:v>20.512457311312392</c:v>
                </c:pt>
                <c:pt idx="6676">
                  <c:v>20.511067159836692</c:v>
                </c:pt>
                <c:pt idx="6677">
                  <c:v>20.46668059582332</c:v>
                </c:pt>
                <c:pt idx="6678">
                  <c:v>20.431585716770879</c:v>
                </c:pt>
                <c:pt idx="6679">
                  <c:v>20.430779297906618</c:v>
                </c:pt>
                <c:pt idx="6680">
                  <c:v>20.403178434001838</c:v>
                </c:pt>
                <c:pt idx="6681">
                  <c:v>20.370728947637367</c:v>
                </c:pt>
                <c:pt idx="6682">
                  <c:v>20.38107202400262</c:v>
                </c:pt>
                <c:pt idx="6683">
                  <c:v>20.437077375861101</c:v>
                </c:pt>
                <c:pt idx="6684">
                  <c:v>20.385343141108091</c:v>
                </c:pt>
                <c:pt idx="6685">
                  <c:v>20.385140935801104</c:v>
                </c:pt>
                <c:pt idx="6686">
                  <c:v>20.364789083894852</c:v>
                </c:pt>
                <c:pt idx="6687">
                  <c:v>20.321349250974833</c:v>
                </c:pt>
                <c:pt idx="6688">
                  <c:v>20.276943866001254</c:v>
                </c:pt>
                <c:pt idx="6689">
                  <c:v>20.09883052887723</c:v>
                </c:pt>
                <c:pt idx="6690">
                  <c:v>19.719511511668092</c:v>
                </c:pt>
                <c:pt idx="6691">
                  <c:v>19.66841405475699</c:v>
                </c:pt>
                <c:pt idx="6692">
                  <c:v>19.681907567350574</c:v>
                </c:pt>
                <c:pt idx="6693">
                  <c:v>19.674276450712227</c:v>
                </c:pt>
                <c:pt idx="6694">
                  <c:v>19.689770138586294</c:v>
                </c:pt>
                <c:pt idx="6695">
                  <c:v>19.744590661939448</c:v>
                </c:pt>
                <c:pt idx="6696">
                  <c:v>19.736775194033399</c:v>
                </c:pt>
                <c:pt idx="6697">
                  <c:v>19.741793146741259</c:v>
                </c:pt>
                <c:pt idx="6698">
                  <c:v>19.604086665444104</c:v>
                </c:pt>
                <c:pt idx="6699">
                  <c:v>19.5184163356261</c:v>
                </c:pt>
                <c:pt idx="6700">
                  <c:v>19.513363965579543</c:v>
                </c:pt>
                <c:pt idx="6701">
                  <c:v>19.648761127437325</c:v>
                </c:pt>
                <c:pt idx="6702">
                  <c:v>19.557938356374788</c:v>
                </c:pt>
                <c:pt idx="6703">
                  <c:v>19.617323356225288</c:v>
                </c:pt>
                <c:pt idx="6704">
                  <c:v>19.613357158754823</c:v>
                </c:pt>
                <c:pt idx="6705">
                  <c:v>19.566344247900695</c:v>
                </c:pt>
                <c:pt idx="6706">
                  <c:v>19.743607815683696</c:v>
                </c:pt>
                <c:pt idx="6707">
                  <c:v>19.777621225315109</c:v>
                </c:pt>
                <c:pt idx="6708">
                  <c:v>19.77029539944672</c:v>
                </c:pt>
                <c:pt idx="6709">
                  <c:v>19.762796694851641</c:v>
                </c:pt>
                <c:pt idx="6710">
                  <c:v>19.798941690372672</c:v>
                </c:pt>
                <c:pt idx="6711">
                  <c:v>19.78066930757176</c:v>
                </c:pt>
                <c:pt idx="6712">
                  <c:v>19.814489220371758</c:v>
                </c:pt>
                <c:pt idx="6713">
                  <c:v>19.82045862851416</c:v>
                </c:pt>
                <c:pt idx="6714">
                  <c:v>19.867786925718629</c:v>
                </c:pt>
                <c:pt idx="6715">
                  <c:v>19.869476293629976</c:v>
                </c:pt>
                <c:pt idx="6716">
                  <c:v>19.889717820961064</c:v>
                </c:pt>
                <c:pt idx="6717">
                  <c:v>19.824222134794127</c:v>
                </c:pt>
                <c:pt idx="6718">
                  <c:v>19.808942032711613</c:v>
                </c:pt>
                <c:pt idx="6719">
                  <c:v>19.764257368614448</c:v>
                </c:pt>
                <c:pt idx="6720">
                  <c:v>19.742165330376416</c:v>
                </c:pt>
                <c:pt idx="6721">
                  <c:v>19.690093874875291</c:v>
                </c:pt>
                <c:pt idx="6722">
                  <c:v>19.654199794055359</c:v>
                </c:pt>
                <c:pt idx="6723">
                  <c:v>19.660498036809795</c:v>
                </c:pt>
                <c:pt idx="6724">
                  <c:v>19.645008668795548</c:v>
                </c:pt>
                <c:pt idx="6725">
                  <c:v>19.801722756233481</c:v>
                </c:pt>
                <c:pt idx="6726">
                  <c:v>19.856390677293881</c:v>
                </c:pt>
                <c:pt idx="6727">
                  <c:v>19.858442831786725</c:v>
                </c:pt>
                <c:pt idx="6728">
                  <c:v>19.857677354669345</c:v>
                </c:pt>
                <c:pt idx="6729">
                  <c:v>19.871974753598543</c:v>
                </c:pt>
                <c:pt idx="6730">
                  <c:v>19.90703881819875</c:v>
                </c:pt>
                <c:pt idx="6731">
                  <c:v>19.929084303830649</c:v>
                </c:pt>
                <c:pt idx="6732">
                  <c:v>19.978537032404631</c:v>
                </c:pt>
                <c:pt idx="6733">
                  <c:v>20.016072099908726</c:v>
                </c:pt>
                <c:pt idx="6734">
                  <c:v>19.900785673681163</c:v>
                </c:pt>
                <c:pt idx="6735">
                  <c:v>19.933067942401415</c:v>
                </c:pt>
                <c:pt idx="6736">
                  <c:v>20.004019464414352</c:v>
                </c:pt>
                <c:pt idx="6737">
                  <c:v>20.063944833213952</c:v>
                </c:pt>
                <c:pt idx="6738">
                  <c:v>20.0893710088869</c:v>
                </c:pt>
                <c:pt idx="6739">
                  <c:v>20.045999071835645</c:v>
                </c:pt>
                <c:pt idx="6740">
                  <c:v>20.086720855669576</c:v>
                </c:pt>
                <c:pt idx="6741">
                  <c:v>20.068962355662908</c:v>
                </c:pt>
                <c:pt idx="6742">
                  <c:v>20.082623630101537</c:v>
                </c:pt>
                <c:pt idx="6743">
                  <c:v>20.064106400519531</c:v>
                </c:pt>
                <c:pt idx="6744">
                  <c:v>20.047877143359937</c:v>
                </c:pt>
                <c:pt idx="6745">
                  <c:v>20.030553675800391</c:v>
                </c:pt>
                <c:pt idx="6746">
                  <c:v>20.046144669153605</c:v>
                </c:pt>
                <c:pt idx="6747">
                  <c:v>20.073466993602516</c:v>
                </c:pt>
                <c:pt idx="6748">
                  <c:v>20.069540451844183</c:v>
                </c:pt>
                <c:pt idx="6749">
                  <c:v>20.060508912376541</c:v>
                </c:pt>
                <c:pt idx="6750">
                  <c:v>19.987348921662701</c:v>
                </c:pt>
                <c:pt idx="6751">
                  <c:v>19.874544638991814</c:v>
                </c:pt>
                <c:pt idx="6752">
                  <c:v>19.868132613642896</c:v>
                </c:pt>
                <c:pt idx="6753">
                  <c:v>19.807928170019501</c:v>
                </c:pt>
                <c:pt idx="6754">
                  <c:v>19.757702419963383</c:v>
                </c:pt>
                <c:pt idx="6755">
                  <c:v>19.775044450756418</c:v>
                </c:pt>
                <c:pt idx="6756">
                  <c:v>19.728271449210002</c:v>
                </c:pt>
                <c:pt idx="6757">
                  <c:v>19.670820203006159</c:v>
                </c:pt>
                <c:pt idx="6758">
                  <c:v>19.651193265134452</c:v>
                </c:pt>
                <c:pt idx="6759">
                  <c:v>19.631224073415492</c:v>
                </c:pt>
                <c:pt idx="6760">
                  <c:v>19.608325469242271</c:v>
                </c:pt>
                <c:pt idx="6761">
                  <c:v>19.564716338909836</c:v>
                </c:pt>
                <c:pt idx="6762">
                  <c:v>19.485138536223516</c:v>
                </c:pt>
                <c:pt idx="6763">
                  <c:v>19.386920947974971</c:v>
                </c:pt>
                <c:pt idx="6764">
                  <c:v>19.318445185705816</c:v>
                </c:pt>
                <c:pt idx="6765">
                  <c:v>19.263529807173146</c:v>
                </c:pt>
                <c:pt idx="6766">
                  <c:v>19.199068483474029</c:v>
                </c:pt>
                <c:pt idx="6767">
                  <c:v>19.158565167278823</c:v>
                </c:pt>
                <c:pt idx="6768">
                  <c:v>19.149501771535917</c:v>
                </c:pt>
                <c:pt idx="6769">
                  <c:v>19.168584530231833</c:v>
                </c:pt>
                <c:pt idx="6770">
                  <c:v>19.180789865374226</c:v>
                </c:pt>
                <c:pt idx="6771">
                  <c:v>19.221635189726811</c:v>
                </c:pt>
                <c:pt idx="6772">
                  <c:v>19.261198354871922</c:v>
                </c:pt>
                <c:pt idx="6773">
                  <c:v>19.300320172841758</c:v>
                </c:pt>
                <c:pt idx="6774">
                  <c:v>19.33449923318846</c:v>
                </c:pt>
                <c:pt idx="6775">
                  <c:v>19.351450174176946</c:v>
                </c:pt>
                <c:pt idx="6776">
                  <c:v>19.338144827851497</c:v>
                </c:pt>
                <c:pt idx="6777">
                  <c:v>19.318240098390721</c:v>
                </c:pt>
                <c:pt idx="6778">
                  <c:v>19.321726444801051</c:v>
                </c:pt>
                <c:pt idx="6779">
                  <c:v>19.337428594697652</c:v>
                </c:pt>
                <c:pt idx="6780">
                  <c:v>19.351249743418343</c:v>
                </c:pt>
                <c:pt idx="6781">
                  <c:v>19.359488808325313</c:v>
                </c:pt>
                <c:pt idx="6782">
                  <c:v>19.368082325373695</c:v>
                </c:pt>
                <c:pt idx="6783">
                  <c:v>19.331126605826118</c:v>
                </c:pt>
                <c:pt idx="6784">
                  <c:v>19.372307915879119</c:v>
                </c:pt>
                <c:pt idx="6785">
                  <c:v>19.39039282111505</c:v>
                </c:pt>
                <c:pt idx="6786">
                  <c:v>19.451731843857601</c:v>
                </c:pt>
                <c:pt idx="6787">
                  <c:v>19.440004864417592</c:v>
                </c:pt>
                <c:pt idx="6788">
                  <c:v>19.447792013337441</c:v>
                </c:pt>
                <c:pt idx="6789">
                  <c:v>19.458639827477707</c:v>
                </c:pt>
                <c:pt idx="6790">
                  <c:v>19.522186045122865</c:v>
                </c:pt>
                <c:pt idx="6791">
                  <c:v>19.612271034594478</c:v>
                </c:pt>
                <c:pt idx="6792">
                  <c:v>19.601817085002324</c:v>
                </c:pt>
                <c:pt idx="6793">
                  <c:v>19.567980877414314</c:v>
                </c:pt>
                <c:pt idx="6794">
                  <c:v>19.595395914364978</c:v>
                </c:pt>
                <c:pt idx="6795">
                  <c:v>19.634355084093919</c:v>
                </c:pt>
                <c:pt idx="6796">
                  <c:v>19.697411060736311</c:v>
                </c:pt>
                <c:pt idx="6797">
                  <c:v>19.729694369604594</c:v>
                </c:pt>
                <c:pt idx="6798">
                  <c:v>19.727351059474763</c:v>
                </c:pt>
                <c:pt idx="6799">
                  <c:v>19.743220650367093</c:v>
                </c:pt>
                <c:pt idx="6800">
                  <c:v>19.844941898431912</c:v>
                </c:pt>
                <c:pt idx="6801">
                  <c:v>19.96881067193948</c:v>
                </c:pt>
                <c:pt idx="6802">
                  <c:v>19.977594720342577</c:v>
                </c:pt>
                <c:pt idx="6803">
                  <c:v>19.891666116567251</c:v>
                </c:pt>
                <c:pt idx="6804">
                  <c:v>19.873312261215105</c:v>
                </c:pt>
                <c:pt idx="6805">
                  <c:v>19.791771849566647</c:v>
                </c:pt>
                <c:pt idx="6806">
                  <c:v>19.726483918357705</c:v>
                </c:pt>
                <c:pt idx="6807">
                  <c:v>19.68203466443223</c:v>
                </c:pt>
                <c:pt idx="6808">
                  <c:v>19.63245362008173</c:v>
                </c:pt>
                <c:pt idx="6809">
                  <c:v>19.92096658453881</c:v>
                </c:pt>
                <c:pt idx="6810">
                  <c:v>20.216307499113185</c:v>
                </c:pt>
                <c:pt idx="6811">
                  <c:v>20.457162767422457</c:v>
                </c:pt>
                <c:pt idx="6812">
                  <c:v>20.618054690631258</c:v>
                </c:pt>
                <c:pt idx="6813">
                  <c:v>20.748567740676659</c:v>
                </c:pt>
                <c:pt idx="6814">
                  <c:v>20.790903424437804</c:v>
                </c:pt>
                <c:pt idx="6815">
                  <c:v>20.854354625643023</c:v>
                </c:pt>
                <c:pt idx="6816">
                  <c:v>20.868752937903821</c:v>
                </c:pt>
                <c:pt idx="6817">
                  <c:v>20.880630005690403</c:v>
                </c:pt>
                <c:pt idx="6818">
                  <c:v>20.889256876374247</c:v>
                </c:pt>
                <c:pt idx="6819">
                  <c:v>20.936467362339812</c:v>
                </c:pt>
                <c:pt idx="6820">
                  <c:v>21.032406241563741</c:v>
                </c:pt>
                <c:pt idx="6821">
                  <c:v>21.098651582013179</c:v>
                </c:pt>
                <c:pt idx="6822">
                  <c:v>21.115530452891296</c:v>
                </c:pt>
                <c:pt idx="6823">
                  <c:v>21.119313375871258</c:v>
                </c:pt>
                <c:pt idx="6824">
                  <c:v>21.094113998024206</c:v>
                </c:pt>
                <c:pt idx="6825">
                  <c:v>20.985007868946397</c:v>
                </c:pt>
                <c:pt idx="6826">
                  <c:v>20.9017590152894</c:v>
                </c:pt>
                <c:pt idx="6827">
                  <c:v>20.856412849254639</c:v>
                </c:pt>
                <c:pt idx="6828">
                  <c:v>20.773184696374109</c:v>
                </c:pt>
                <c:pt idx="6829">
                  <c:v>20.694563636090461</c:v>
                </c:pt>
                <c:pt idx="6830">
                  <c:v>20.655773495981585</c:v>
                </c:pt>
                <c:pt idx="6831">
                  <c:v>20.593516696293271</c:v>
                </c:pt>
                <c:pt idx="6832">
                  <c:v>20.588882718817313</c:v>
                </c:pt>
                <c:pt idx="6833">
                  <c:v>20.636004501560429</c:v>
                </c:pt>
                <c:pt idx="6834">
                  <c:v>20.679155348874836</c:v>
                </c:pt>
                <c:pt idx="6835">
                  <c:v>20.74168461011249</c:v>
                </c:pt>
                <c:pt idx="6836">
                  <c:v>20.830741908634806</c:v>
                </c:pt>
                <c:pt idx="6837">
                  <c:v>20.923138209063467</c:v>
                </c:pt>
                <c:pt idx="6838">
                  <c:v>21.021746917333406</c:v>
                </c:pt>
                <c:pt idx="6839">
                  <c:v>21.09775883640274</c:v>
                </c:pt>
                <c:pt idx="6840">
                  <c:v>21.109966524989858</c:v>
                </c:pt>
                <c:pt idx="6841">
                  <c:v>21.0890438309765</c:v>
                </c:pt>
                <c:pt idx="6842">
                  <c:v>21.082250912609815</c:v>
                </c:pt>
                <c:pt idx="6843">
                  <c:v>21.034050979744983</c:v>
                </c:pt>
                <c:pt idx="6844">
                  <c:v>21.007643702958646</c:v>
                </c:pt>
                <c:pt idx="6845">
                  <c:v>21.023225389941416</c:v>
                </c:pt>
                <c:pt idx="6846">
                  <c:v>21.030220855742137</c:v>
                </c:pt>
                <c:pt idx="6847">
                  <c:v>21.043771743023608</c:v>
                </c:pt>
                <c:pt idx="6848">
                  <c:v>21.040178821055648</c:v>
                </c:pt>
                <c:pt idx="6849">
                  <c:v>21.027928711421101</c:v>
                </c:pt>
                <c:pt idx="6850">
                  <c:v>20.990903057241947</c:v>
                </c:pt>
                <c:pt idx="6851">
                  <c:v>20.972212760008603</c:v>
                </c:pt>
                <c:pt idx="6852">
                  <c:v>20.947276954762103</c:v>
                </c:pt>
                <c:pt idx="6853">
                  <c:v>20.942677862144539</c:v>
                </c:pt>
                <c:pt idx="6854">
                  <c:v>20.918145481302378</c:v>
                </c:pt>
                <c:pt idx="6855">
                  <c:v>20.899585757611785</c:v>
                </c:pt>
                <c:pt idx="6856">
                  <c:v>20.885552281521829</c:v>
                </c:pt>
                <c:pt idx="6857">
                  <c:v>20.854043309879692</c:v>
                </c:pt>
                <c:pt idx="6858">
                  <c:v>20.835823961897738</c:v>
                </c:pt>
                <c:pt idx="6859">
                  <c:v>20.833907997155933</c:v>
                </c:pt>
                <c:pt idx="6860">
                  <c:v>20.823210611189484</c:v>
                </c:pt>
                <c:pt idx="6861">
                  <c:v>20.83337978222438</c:v>
                </c:pt>
                <c:pt idx="6862">
                  <c:v>20.849917483913725</c:v>
                </c:pt>
                <c:pt idx="6863">
                  <c:v>20.874382602529785</c:v>
                </c:pt>
                <c:pt idx="6864">
                  <c:v>20.911992999553259</c:v>
                </c:pt>
                <c:pt idx="6865">
                  <c:v>20.956525554826793</c:v>
                </c:pt>
                <c:pt idx="6866">
                  <c:v>21.000002888030657</c:v>
                </c:pt>
                <c:pt idx="6867">
                  <c:v>21.027480797513292</c:v>
                </c:pt>
                <c:pt idx="6868">
                  <c:v>21.030313720914535</c:v>
                </c:pt>
                <c:pt idx="6869">
                  <c:v>21.005891903091609</c:v>
                </c:pt>
                <c:pt idx="6870">
                  <c:v>20.968111057519611</c:v>
                </c:pt>
                <c:pt idx="6871">
                  <c:v>20.902759776097348</c:v>
                </c:pt>
                <c:pt idx="6872">
                  <c:v>20.842616376305692</c:v>
                </c:pt>
                <c:pt idx="6873">
                  <c:v>20.773448284912092</c:v>
                </c:pt>
                <c:pt idx="6874">
                  <c:v>20.723143516752852</c:v>
                </c:pt>
                <c:pt idx="6875">
                  <c:v>20.666118268675852</c:v>
                </c:pt>
                <c:pt idx="6876">
                  <c:v>20.599689278476138</c:v>
                </c:pt>
                <c:pt idx="6877">
                  <c:v>20.509081169159703</c:v>
                </c:pt>
                <c:pt idx="6878">
                  <c:v>20.41657920538573</c:v>
                </c:pt>
                <c:pt idx="6879">
                  <c:v>20.325462278773749</c:v>
                </c:pt>
                <c:pt idx="6880">
                  <c:v>20.236688550770232</c:v>
                </c:pt>
                <c:pt idx="6881">
                  <c:v>20.167702717708941</c:v>
                </c:pt>
                <c:pt idx="6882">
                  <c:v>20.138205089548642</c:v>
                </c:pt>
                <c:pt idx="6883">
                  <c:v>20.098796193407836</c:v>
                </c:pt>
                <c:pt idx="6884">
                  <c:v>20.085187224053552</c:v>
                </c:pt>
                <c:pt idx="6885">
                  <c:v>20.100353788631633</c:v>
                </c:pt>
                <c:pt idx="6886">
                  <c:v>20.132958735163133</c:v>
                </c:pt>
                <c:pt idx="6887">
                  <c:v>20.19617499514699</c:v>
                </c:pt>
                <c:pt idx="6888">
                  <c:v>20.231237822459789</c:v>
                </c:pt>
                <c:pt idx="6889">
                  <c:v>20.280680602398682</c:v>
                </c:pt>
                <c:pt idx="6890">
                  <c:v>20.316230400521469</c:v>
                </c:pt>
                <c:pt idx="6891">
                  <c:v>20.333806867050342</c:v>
                </c:pt>
                <c:pt idx="6892">
                  <c:v>20.336222479443418</c:v>
                </c:pt>
                <c:pt idx="6893">
                  <c:v>20.339713864742688</c:v>
                </c:pt>
                <c:pt idx="6894">
                  <c:v>20.356654482336126</c:v>
                </c:pt>
                <c:pt idx="6895">
                  <c:v>20.376111688726265</c:v>
                </c:pt>
                <c:pt idx="6896">
                  <c:v>20.389868571312615</c:v>
                </c:pt>
                <c:pt idx="6897">
                  <c:v>20.409412470428435</c:v>
                </c:pt>
                <c:pt idx="6898">
                  <c:v>20.420210895606026</c:v>
                </c:pt>
                <c:pt idx="6899">
                  <c:v>20.440806482026304</c:v>
                </c:pt>
                <c:pt idx="6900">
                  <c:v>20.452372584351103</c:v>
                </c:pt>
                <c:pt idx="6901">
                  <c:v>20.454347258094366</c:v>
                </c:pt>
                <c:pt idx="6902">
                  <c:v>20.456697819513728</c:v>
                </c:pt>
                <c:pt idx="6903">
                  <c:v>20.456077676339312</c:v>
                </c:pt>
                <c:pt idx="6904">
                  <c:v>20.451054744024589</c:v>
                </c:pt>
                <c:pt idx="6905">
                  <c:v>20.414832094249427</c:v>
                </c:pt>
                <c:pt idx="6906">
                  <c:v>20.390810110136126</c:v>
                </c:pt>
                <c:pt idx="6907">
                  <c:v>20.334944497957004</c:v>
                </c:pt>
                <c:pt idx="6908">
                  <c:v>20.265886804301019</c:v>
                </c:pt>
                <c:pt idx="6909">
                  <c:v>20.187590603737764</c:v>
                </c:pt>
                <c:pt idx="6910">
                  <c:v>20.118100069929742</c:v>
                </c:pt>
                <c:pt idx="6911">
                  <c:v>20.046161947168386</c:v>
                </c:pt>
                <c:pt idx="6912">
                  <c:v>19.979955068877505</c:v>
                </c:pt>
                <c:pt idx="6913">
                  <c:v>19.902172541853385</c:v>
                </c:pt>
                <c:pt idx="6914">
                  <c:v>19.829997878469634</c:v>
                </c:pt>
                <c:pt idx="6915">
                  <c:v>19.794498217727355</c:v>
                </c:pt>
                <c:pt idx="6916">
                  <c:v>19.775514337709513</c:v>
                </c:pt>
                <c:pt idx="6917">
                  <c:v>19.776809755985912</c:v>
                </c:pt>
                <c:pt idx="6918">
                  <c:v>19.786297130526741</c:v>
                </c:pt>
                <c:pt idx="6919">
                  <c:v>19.821253361148546</c:v>
                </c:pt>
                <c:pt idx="6920">
                  <c:v>19.858710415402953</c:v>
                </c:pt>
                <c:pt idx="6921">
                  <c:v>19.900544347317876</c:v>
                </c:pt>
                <c:pt idx="6922">
                  <c:v>19.938803574986565</c:v>
                </c:pt>
                <c:pt idx="6923">
                  <c:v>19.965791597158443</c:v>
                </c:pt>
                <c:pt idx="6924">
                  <c:v>19.991532843888706</c:v>
                </c:pt>
                <c:pt idx="6925">
                  <c:v>20.008973898194977</c:v>
                </c:pt>
                <c:pt idx="6926">
                  <c:v>20.030863472108649</c:v>
                </c:pt>
                <c:pt idx="6927">
                  <c:v>20.041590217190503</c:v>
                </c:pt>
                <c:pt idx="6928">
                  <c:v>20.064883275316497</c:v>
                </c:pt>
                <c:pt idx="6929">
                  <c:v>20.075878089347761</c:v>
                </c:pt>
                <c:pt idx="6930">
                  <c:v>20.093016776683925</c:v>
                </c:pt>
                <c:pt idx="6931">
                  <c:v>20.100905602686442</c:v>
                </c:pt>
                <c:pt idx="6932">
                  <c:v>20.106283022946275</c:v>
                </c:pt>
                <c:pt idx="6933">
                  <c:v>20.094802124573754</c:v>
                </c:pt>
                <c:pt idx="6934">
                  <c:v>20.069514826146261</c:v>
                </c:pt>
                <c:pt idx="6935">
                  <c:v>20.083937602615876</c:v>
                </c:pt>
                <c:pt idx="6936">
                  <c:v>20.058378742253261</c:v>
                </c:pt>
                <c:pt idx="6937">
                  <c:v>20.03389911448415</c:v>
                </c:pt>
                <c:pt idx="6938">
                  <c:v>19.994614716437006</c:v>
                </c:pt>
                <c:pt idx="6939">
                  <c:v>19.960421134676334</c:v>
                </c:pt>
                <c:pt idx="6940">
                  <c:v>19.939712632829089</c:v>
                </c:pt>
                <c:pt idx="6941">
                  <c:v>19.895167136910811</c:v>
                </c:pt>
                <c:pt idx="6942">
                  <c:v>19.87320148616703</c:v>
                </c:pt>
                <c:pt idx="6943">
                  <c:v>19.860788599929734</c:v>
                </c:pt>
                <c:pt idx="6944">
                  <c:v>19.859149951647982</c:v>
                </c:pt>
                <c:pt idx="6945">
                  <c:v>19.874857441986261</c:v>
                </c:pt>
                <c:pt idx="6946">
                  <c:v>19.883152420326816</c:v>
                </c:pt>
                <c:pt idx="6947">
                  <c:v>19.897580776786551</c:v>
                </c:pt>
                <c:pt idx="6948">
                  <c:v>19.907211575751372</c:v>
                </c:pt>
                <c:pt idx="6949">
                  <c:v>19.909029272658948</c:v>
                </c:pt>
                <c:pt idx="6950">
                  <c:v>19.908068903716526</c:v>
                </c:pt>
                <c:pt idx="6951">
                  <c:v>19.904736087847478</c:v>
                </c:pt>
                <c:pt idx="6952">
                  <c:v>19.890213636548715</c:v>
                </c:pt>
                <c:pt idx="6953">
                  <c:v>19.880611067528797</c:v>
                </c:pt>
                <c:pt idx="6954">
                  <c:v>19.869979222620483</c:v>
                </c:pt>
                <c:pt idx="6955">
                  <c:v>19.873550863797721</c:v>
                </c:pt>
                <c:pt idx="6956">
                  <c:v>19.869577884473713</c:v>
                </c:pt>
                <c:pt idx="6957">
                  <c:v>19.861346249235257</c:v>
                </c:pt>
                <c:pt idx="6958">
                  <c:v>19.869455542012886</c:v>
                </c:pt>
                <c:pt idx="6959">
                  <c:v>19.857797312244507</c:v>
                </c:pt>
                <c:pt idx="6960">
                  <c:v>19.857744640536332</c:v>
                </c:pt>
                <c:pt idx="6961">
                  <c:v>19.868037834866556</c:v>
                </c:pt>
                <c:pt idx="6962">
                  <c:v>19.860679246177867</c:v>
                </c:pt>
                <c:pt idx="6963">
                  <c:v>19.884181013195377</c:v>
                </c:pt>
                <c:pt idx="6964">
                  <c:v>19.895670996675609</c:v>
                </c:pt>
                <c:pt idx="6965">
                  <c:v>19.897054280485051</c:v>
                </c:pt>
                <c:pt idx="6966">
                  <c:v>19.893434165237483</c:v>
                </c:pt>
                <c:pt idx="6967">
                  <c:v>19.915192395271792</c:v>
                </c:pt>
                <c:pt idx="6968">
                  <c:v>19.915469274977138</c:v>
                </c:pt>
                <c:pt idx="6969">
                  <c:v>19.921702563961517</c:v>
                </c:pt>
                <c:pt idx="6970">
                  <c:v>19.895110012099021</c:v>
                </c:pt>
                <c:pt idx="6971">
                  <c:v>19.878975927085758</c:v>
                </c:pt>
                <c:pt idx="6972">
                  <c:v>19.834914908336444</c:v>
                </c:pt>
                <c:pt idx="6973">
                  <c:v>19.833906504678016</c:v>
                </c:pt>
                <c:pt idx="6974">
                  <c:v>19.85319393719476</c:v>
                </c:pt>
                <c:pt idx="6975">
                  <c:v>19.835437428948275</c:v>
                </c:pt>
                <c:pt idx="6976">
                  <c:v>19.824930616094335</c:v>
                </c:pt>
                <c:pt idx="6977">
                  <c:v>19.810930569067896</c:v>
                </c:pt>
                <c:pt idx="6978">
                  <c:v>19.786852734089745</c:v>
                </c:pt>
                <c:pt idx="6979">
                  <c:v>19.766592625867361</c:v>
                </c:pt>
                <c:pt idx="6980">
                  <c:v>19.784771040653226</c:v>
                </c:pt>
                <c:pt idx="6981">
                  <c:v>19.780696077474094</c:v>
                </c:pt>
                <c:pt idx="6982">
                  <c:v>19.781146823143608</c:v>
                </c:pt>
                <c:pt idx="6983">
                  <c:v>19.787228899256736</c:v>
                </c:pt>
                <c:pt idx="6984">
                  <c:v>19.734997726949011</c:v>
                </c:pt>
                <c:pt idx="6985">
                  <c:v>19.711264595885304</c:v>
                </c:pt>
                <c:pt idx="6986">
                  <c:v>19.7456923050791</c:v>
                </c:pt>
                <c:pt idx="6987">
                  <c:v>19.744129741296973</c:v>
                </c:pt>
                <c:pt idx="6988">
                  <c:v>19.679916196056656</c:v>
                </c:pt>
                <c:pt idx="6989">
                  <c:v>19.68375200057239</c:v>
                </c:pt>
                <c:pt idx="6990">
                  <c:v>19.697369938678655</c:v>
                </c:pt>
                <c:pt idx="6991">
                  <c:v>19.707670558174769</c:v>
                </c:pt>
                <c:pt idx="6992">
                  <c:v>19.702316643835278</c:v>
                </c:pt>
                <c:pt idx="6993">
                  <c:v>19.731299151458408</c:v>
                </c:pt>
                <c:pt idx="6994">
                  <c:v>19.747356205243424</c:v>
                </c:pt>
                <c:pt idx="6995">
                  <c:v>19.714965535678243</c:v>
                </c:pt>
                <c:pt idx="6996">
                  <c:v>19.729183490889053</c:v>
                </c:pt>
                <c:pt idx="6997">
                  <c:v>19.748516084436933</c:v>
                </c:pt>
                <c:pt idx="6998">
                  <c:v>19.771899977527212</c:v>
                </c:pt>
                <c:pt idx="6999">
                  <c:v>19.768663445940149</c:v>
                </c:pt>
                <c:pt idx="7000">
                  <c:v>19.773108286941703</c:v>
                </c:pt>
                <c:pt idx="7001">
                  <c:v>19.767400087733371</c:v>
                </c:pt>
                <c:pt idx="7002">
                  <c:v>19.723199301405156</c:v>
                </c:pt>
                <c:pt idx="7003">
                  <c:v>19.695019160912747</c:v>
                </c:pt>
                <c:pt idx="7004">
                  <c:v>19.671511991538331</c:v>
                </c:pt>
                <c:pt idx="7005">
                  <c:v>19.639877477020175</c:v>
                </c:pt>
                <c:pt idx="7006">
                  <c:v>19.581286205414415</c:v>
                </c:pt>
                <c:pt idx="7007">
                  <c:v>19.556381557802641</c:v>
                </c:pt>
                <c:pt idx="7008">
                  <c:v>19.544787765010714</c:v>
                </c:pt>
                <c:pt idx="7009">
                  <c:v>19.551148782026257</c:v>
                </c:pt>
                <c:pt idx="7010">
                  <c:v>19.553241263820198</c:v>
                </c:pt>
                <c:pt idx="7011">
                  <c:v>19.54742516485689</c:v>
                </c:pt>
                <c:pt idx="7012">
                  <c:v>19.558802913430121</c:v>
                </c:pt>
                <c:pt idx="7013">
                  <c:v>19.600485220990766</c:v>
                </c:pt>
                <c:pt idx="7014">
                  <c:v>19.611518666885509</c:v>
                </c:pt>
                <c:pt idx="7015">
                  <c:v>19.604938350275422</c:v>
                </c:pt>
                <c:pt idx="7016">
                  <c:v>19.628443955608127</c:v>
                </c:pt>
                <c:pt idx="7017">
                  <c:v>19.654889372128853</c:v>
                </c:pt>
                <c:pt idx="7018">
                  <c:v>19.664830154387975</c:v>
                </c:pt>
                <c:pt idx="7019">
                  <c:v>19.658388935379723</c:v>
                </c:pt>
                <c:pt idx="7020">
                  <c:v>19.662274349856123</c:v>
                </c:pt>
                <c:pt idx="7021">
                  <c:v>19.662344700234193</c:v>
                </c:pt>
                <c:pt idx="7022">
                  <c:v>19.665078002091875</c:v>
                </c:pt>
                <c:pt idx="7023">
                  <c:v>19.670588920075367</c:v>
                </c:pt>
                <c:pt idx="7024">
                  <c:v>19.68340738794933</c:v>
                </c:pt>
                <c:pt idx="7025">
                  <c:v>19.694021917296098</c:v>
                </c:pt>
                <c:pt idx="7026">
                  <c:v>19.710700654228603</c:v>
                </c:pt>
                <c:pt idx="7027">
                  <c:v>19.74625647163575</c:v>
                </c:pt>
                <c:pt idx="7028">
                  <c:v>19.752426322394101</c:v>
                </c:pt>
                <c:pt idx="7029">
                  <c:v>19.777626481752854</c:v>
                </c:pt>
                <c:pt idx="7030">
                  <c:v>19.785685999021091</c:v>
                </c:pt>
                <c:pt idx="7031">
                  <c:v>19.803635829111652</c:v>
                </c:pt>
                <c:pt idx="7032">
                  <c:v>19.825545168847803</c:v>
                </c:pt>
                <c:pt idx="7033">
                  <c:v>19.805184007513979</c:v>
                </c:pt>
                <c:pt idx="7034">
                  <c:v>19.813522139423078</c:v>
                </c:pt>
                <c:pt idx="7035">
                  <c:v>19.816714671471257</c:v>
                </c:pt>
                <c:pt idx="7036">
                  <c:v>19.820402629237108</c:v>
                </c:pt>
                <c:pt idx="7037">
                  <c:v>19.824083520543851</c:v>
                </c:pt>
                <c:pt idx="7038">
                  <c:v>19.837221323867592</c:v>
                </c:pt>
                <c:pt idx="7039">
                  <c:v>19.852553548847361</c:v>
                </c:pt>
                <c:pt idx="7040">
                  <c:v>19.848038233303914</c:v>
                </c:pt>
                <c:pt idx="7041">
                  <c:v>19.846926662552569</c:v>
                </c:pt>
                <c:pt idx="7042">
                  <c:v>19.847267422979883</c:v>
                </c:pt>
                <c:pt idx="7043">
                  <c:v>19.85246303308552</c:v>
                </c:pt>
                <c:pt idx="7044">
                  <c:v>19.865477102726473</c:v>
                </c:pt>
                <c:pt idx="7045">
                  <c:v>19.864091835436728</c:v>
                </c:pt>
                <c:pt idx="7046">
                  <c:v>19.886044462933747</c:v>
                </c:pt>
                <c:pt idx="7047">
                  <c:v>19.85804934521866</c:v>
                </c:pt>
                <c:pt idx="7048">
                  <c:v>19.847389826156235</c:v>
                </c:pt>
                <c:pt idx="7049">
                  <c:v>19.810647253452977</c:v>
                </c:pt>
                <c:pt idx="7050">
                  <c:v>19.814532395412385</c:v>
                </c:pt>
                <c:pt idx="7051">
                  <c:v>19.812602481651158</c:v>
                </c:pt>
                <c:pt idx="7052">
                  <c:v>19.798973460926462</c:v>
                </c:pt>
                <c:pt idx="7053">
                  <c:v>19.848958769359385</c:v>
                </c:pt>
                <c:pt idx="7054">
                  <c:v>19.813854129723701</c:v>
                </c:pt>
                <c:pt idx="7055">
                  <c:v>19.813503361913803</c:v>
                </c:pt>
                <c:pt idx="7056">
                  <c:v>19.800395091447495</c:v>
                </c:pt>
                <c:pt idx="7057">
                  <c:v>19.786693612326452</c:v>
                </c:pt>
                <c:pt idx="7058">
                  <c:v>19.76504612489903</c:v>
                </c:pt>
                <c:pt idx="7059">
                  <c:v>19.756839391080124</c:v>
                </c:pt>
                <c:pt idx="7060">
                  <c:v>19.738546343285954</c:v>
                </c:pt>
                <c:pt idx="7061">
                  <c:v>19.727695095828537</c:v>
                </c:pt>
                <c:pt idx="7062">
                  <c:v>19.675576662001475</c:v>
                </c:pt>
                <c:pt idx="7063">
                  <c:v>19.650164386632557</c:v>
                </c:pt>
                <c:pt idx="7064">
                  <c:v>19.594737256805178</c:v>
                </c:pt>
                <c:pt idx="7065">
                  <c:v>19.542733055544058</c:v>
                </c:pt>
                <c:pt idx="7066">
                  <c:v>19.488921984876828</c:v>
                </c:pt>
                <c:pt idx="7067">
                  <c:v>19.395072394182741</c:v>
                </c:pt>
                <c:pt idx="7068">
                  <c:v>19.372277213241546</c:v>
                </c:pt>
                <c:pt idx="7069">
                  <c:v>19.308120904590773</c:v>
                </c:pt>
                <c:pt idx="7070">
                  <c:v>19.278968892352097</c:v>
                </c:pt>
                <c:pt idx="7071">
                  <c:v>19.264676662683001</c:v>
                </c:pt>
                <c:pt idx="7072">
                  <c:v>19.295128170174166</c:v>
                </c:pt>
                <c:pt idx="7073">
                  <c:v>19.335200400936134</c:v>
                </c:pt>
                <c:pt idx="7074">
                  <c:v>19.338082006903676</c:v>
                </c:pt>
                <c:pt idx="7075">
                  <c:v>19.325920187981879</c:v>
                </c:pt>
                <c:pt idx="7076">
                  <c:v>19.371229855175216</c:v>
                </c:pt>
                <c:pt idx="7077">
                  <c:v>19.388990557870045</c:v>
                </c:pt>
                <c:pt idx="7078">
                  <c:v>19.409632552917284</c:v>
                </c:pt>
                <c:pt idx="7079">
                  <c:v>19.448653787752132</c:v>
                </c:pt>
                <c:pt idx="7080">
                  <c:v>19.435599404389524</c:v>
                </c:pt>
                <c:pt idx="7081">
                  <c:v>19.4533546370122</c:v>
                </c:pt>
                <c:pt idx="7082">
                  <c:v>19.453461310866977</c:v>
                </c:pt>
                <c:pt idx="7083">
                  <c:v>19.513736100686156</c:v>
                </c:pt>
                <c:pt idx="7084">
                  <c:v>19.512583963837503</c:v>
                </c:pt>
                <c:pt idx="7085">
                  <c:v>19.564060679064351</c:v>
                </c:pt>
                <c:pt idx="7086">
                  <c:v>19.630511244152608</c:v>
                </c:pt>
                <c:pt idx="7087">
                  <c:v>19.619690817687388</c:v>
                </c:pt>
                <c:pt idx="7088">
                  <c:v>19.659020186431164</c:v>
                </c:pt>
                <c:pt idx="7089">
                  <c:v>19.667071177964374</c:v>
                </c:pt>
                <c:pt idx="7090">
                  <c:v>19.641643445759371</c:v>
                </c:pt>
                <c:pt idx="7091">
                  <c:v>19.637620028097231</c:v>
                </c:pt>
                <c:pt idx="7092">
                  <c:v>19.681471646247907</c:v>
                </c:pt>
                <c:pt idx="7093">
                  <c:v>19.712339655993421</c:v>
                </c:pt>
                <c:pt idx="7094">
                  <c:v>19.734929806874248</c:v>
                </c:pt>
                <c:pt idx="7095">
                  <c:v>19.73323805040015</c:v>
                </c:pt>
                <c:pt idx="7096">
                  <c:v>19.762036938925476</c:v>
                </c:pt>
                <c:pt idx="7097">
                  <c:v>19.770377862791094</c:v>
                </c:pt>
                <c:pt idx="7098">
                  <c:v>19.796293682628985</c:v>
                </c:pt>
                <c:pt idx="7099">
                  <c:v>19.845025077573077</c:v>
                </c:pt>
                <c:pt idx="7100">
                  <c:v>19.867293400072171</c:v>
                </c:pt>
                <c:pt idx="7101">
                  <c:v>19.850776834059488</c:v>
                </c:pt>
                <c:pt idx="7102">
                  <c:v>19.888406666142835</c:v>
                </c:pt>
                <c:pt idx="7103">
                  <c:v>19.911665579750714</c:v>
                </c:pt>
                <c:pt idx="7104">
                  <c:v>19.938493908524716</c:v>
                </c:pt>
                <c:pt idx="7105">
                  <c:v>19.968543693848634</c:v>
                </c:pt>
                <c:pt idx="7106">
                  <c:v>19.976860438421298</c:v>
                </c:pt>
                <c:pt idx="7107">
                  <c:v>19.989443866359743</c:v>
                </c:pt>
                <c:pt idx="7108">
                  <c:v>20.024334879007082</c:v>
                </c:pt>
                <c:pt idx="7109">
                  <c:v>20.045423715758105</c:v>
                </c:pt>
                <c:pt idx="7110">
                  <c:v>20.073628628120051</c:v>
                </c:pt>
                <c:pt idx="7111">
                  <c:v>20.110864702244584</c:v>
                </c:pt>
                <c:pt idx="7112">
                  <c:v>20.126286423464045</c:v>
                </c:pt>
                <c:pt idx="7113">
                  <c:v>20.124221615317666</c:v>
                </c:pt>
                <c:pt idx="7114">
                  <c:v>20.133746528902581</c:v>
                </c:pt>
                <c:pt idx="7115">
                  <c:v>20.15382173684479</c:v>
                </c:pt>
                <c:pt idx="7116">
                  <c:v>20.167356746368135</c:v>
                </c:pt>
                <c:pt idx="7117">
                  <c:v>20.201876324965873</c:v>
                </c:pt>
                <c:pt idx="7118">
                  <c:v>20.221056401359213</c:v>
                </c:pt>
                <c:pt idx="7119">
                  <c:v>20.213369256651596</c:v>
                </c:pt>
                <c:pt idx="7120">
                  <c:v>20.194389941971096</c:v>
                </c:pt>
                <c:pt idx="7121">
                  <c:v>20.173902134731321</c:v>
                </c:pt>
                <c:pt idx="7122">
                  <c:v>20.140786757453167</c:v>
                </c:pt>
                <c:pt idx="7123">
                  <c:v>20.095024672186842</c:v>
                </c:pt>
                <c:pt idx="7124">
                  <c:v>20.088247868513982</c:v>
                </c:pt>
                <c:pt idx="7125">
                  <c:v>20.093314994377486</c:v>
                </c:pt>
                <c:pt idx="7126">
                  <c:v>20.112029329482102</c:v>
                </c:pt>
                <c:pt idx="7127">
                  <c:v>20.127509444865424</c:v>
                </c:pt>
                <c:pt idx="7128">
                  <c:v>20.120553844582165</c:v>
                </c:pt>
                <c:pt idx="7129">
                  <c:v>20.099651196249162</c:v>
                </c:pt>
                <c:pt idx="7130">
                  <c:v>20.098882324553337</c:v>
                </c:pt>
                <c:pt idx="7131">
                  <c:v>20.081936715701776</c:v>
                </c:pt>
                <c:pt idx="7132">
                  <c:v>20.072455532031277</c:v>
                </c:pt>
                <c:pt idx="7133">
                  <c:v>20.060379469443856</c:v>
                </c:pt>
                <c:pt idx="7134">
                  <c:v>20.058568068047702</c:v>
                </c:pt>
                <c:pt idx="7135">
                  <c:v>20.059586992438749</c:v>
                </c:pt>
                <c:pt idx="7136">
                  <c:v>20.059101777941084</c:v>
                </c:pt>
                <c:pt idx="7137">
                  <c:v>20.040857142276721</c:v>
                </c:pt>
                <c:pt idx="7138">
                  <c:v>20.027891106475984</c:v>
                </c:pt>
                <c:pt idx="7139">
                  <c:v>20.018480268987652</c:v>
                </c:pt>
                <c:pt idx="7140">
                  <c:v>20.050977420458228</c:v>
                </c:pt>
                <c:pt idx="7141">
                  <c:v>20.010674649488589</c:v>
                </c:pt>
                <c:pt idx="7142">
                  <c:v>19.964222158717902</c:v>
                </c:pt>
                <c:pt idx="7143">
                  <c:v>19.945243589842434</c:v>
                </c:pt>
                <c:pt idx="7144">
                  <c:v>19.948294556848388</c:v>
                </c:pt>
                <c:pt idx="7145">
                  <c:v>19.953548276780488</c:v>
                </c:pt>
                <c:pt idx="7146">
                  <c:v>19.966301264448589</c:v>
                </c:pt>
                <c:pt idx="7147">
                  <c:v>19.933443772669804</c:v>
                </c:pt>
                <c:pt idx="7148">
                  <c:v>19.94719599856354</c:v>
                </c:pt>
                <c:pt idx="7149">
                  <c:v>19.929337702133225</c:v>
                </c:pt>
                <c:pt idx="7150">
                  <c:v>19.915729242986508</c:v>
                </c:pt>
                <c:pt idx="7151">
                  <c:v>19.898238448685873</c:v>
                </c:pt>
                <c:pt idx="7152">
                  <c:v>19.886325126251755</c:v>
                </c:pt>
                <c:pt idx="7153">
                  <c:v>19.90116948175227</c:v>
                </c:pt>
                <c:pt idx="7154">
                  <c:v>19.834425083209656</c:v>
                </c:pt>
                <c:pt idx="7155">
                  <c:v>19.79923911391786</c:v>
                </c:pt>
                <c:pt idx="7156">
                  <c:v>19.817140531628993</c:v>
                </c:pt>
                <c:pt idx="7157">
                  <c:v>19.817081381517145</c:v>
                </c:pt>
                <c:pt idx="7158">
                  <c:v>19.832903800567671</c:v>
                </c:pt>
                <c:pt idx="7159">
                  <c:v>19.838745540614269</c:v>
                </c:pt>
                <c:pt idx="7160">
                  <c:v>19.839285555679453</c:v>
                </c:pt>
                <c:pt idx="7161">
                  <c:v>19.844231096035781</c:v>
                </c:pt>
                <c:pt idx="7162">
                  <c:v>19.867245203748638</c:v>
                </c:pt>
                <c:pt idx="7163">
                  <c:v>19.893923069893368</c:v>
                </c:pt>
                <c:pt idx="7164">
                  <c:v>19.919273970425394</c:v>
                </c:pt>
                <c:pt idx="7165">
                  <c:v>19.950590671062894</c:v>
                </c:pt>
                <c:pt idx="7166">
                  <c:v>19.964245468514189</c:v>
                </c:pt>
                <c:pt idx="7167">
                  <c:v>19.968407134648118</c:v>
                </c:pt>
                <c:pt idx="7168">
                  <c:v>19.966710734668766</c:v>
                </c:pt>
                <c:pt idx="7169">
                  <c:v>19.948779514376167</c:v>
                </c:pt>
                <c:pt idx="7170">
                  <c:v>19.925133103472092</c:v>
                </c:pt>
                <c:pt idx="7171">
                  <c:v>19.94764756614407</c:v>
                </c:pt>
                <c:pt idx="7172">
                  <c:v>19.942963705079972</c:v>
                </c:pt>
                <c:pt idx="7173">
                  <c:v>19.904243334703704</c:v>
                </c:pt>
                <c:pt idx="7174">
                  <c:v>19.966035544862486</c:v>
                </c:pt>
                <c:pt idx="7175">
                  <c:v>19.896986501115226</c:v>
                </c:pt>
                <c:pt idx="7176">
                  <c:v>19.869216420649508</c:v>
                </c:pt>
                <c:pt idx="7177">
                  <c:v>19.856207474859204</c:v>
                </c:pt>
                <c:pt idx="7178">
                  <c:v>19.848193277053291</c:v>
                </c:pt>
                <c:pt idx="7179">
                  <c:v>19.863377180328854</c:v>
                </c:pt>
                <c:pt idx="7180">
                  <c:v>19.8666840856386</c:v>
                </c:pt>
                <c:pt idx="7181">
                  <c:v>19.858816798658729</c:v>
                </c:pt>
                <c:pt idx="7182">
                  <c:v>19.862070807051154</c:v>
                </c:pt>
                <c:pt idx="7183">
                  <c:v>19.872667748139587</c:v>
                </c:pt>
                <c:pt idx="7184">
                  <c:v>19.900175927129887</c:v>
                </c:pt>
                <c:pt idx="7185">
                  <c:v>19.912701472539233</c:v>
                </c:pt>
                <c:pt idx="7186">
                  <c:v>19.91709875165672</c:v>
                </c:pt>
                <c:pt idx="7187">
                  <c:v>19.943368974005278</c:v>
                </c:pt>
                <c:pt idx="7188">
                  <c:v>19.960035548850037</c:v>
                </c:pt>
                <c:pt idx="7189">
                  <c:v>19.954028947603817</c:v>
                </c:pt>
                <c:pt idx="7190">
                  <c:v>19.970898560106424</c:v>
                </c:pt>
                <c:pt idx="7191">
                  <c:v>19.983307450386238</c:v>
                </c:pt>
                <c:pt idx="7192">
                  <c:v>20.00565025451348</c:v>
                </c:pt>
                <c:pt idx="7193">
                  <c:v>20.024951072094041</c:v>
                </c:pt>
                <c:pt idx="7194">
                  <c:v>19.986668836318739</c:v>
                </c:pt>
                <c:pt idx="7195">
                  <c:v>19.968751216702266</c:v>
                </c:pt>
                <c:pt idx="7196">
                  <c:v>19.933692912903396</c:v>
                </c:pt>
                <c:pt idx="7197">
                  <c:v>19.904317658772513</c:v>
                </c:pt>
                <c:pt idx="7198">
                  <c:v>19.888510172119208</c:v>
                </c:pt>
                <c:pt idx="7199">
                  <c:v>19.911719863711411</c:v>
                </c:pt>
                <c:pt idx="7200">
                  <c:v>19.877413962229021</c:v>
                </c:pt>
                <c:pt idx="7201">
                  <c:v>19.868895943150168</c:v>
                </c:pt>
                <c:pt idx="7202">
                  <c:v>19.889598488435421</c:v>
                </c:pt>
                <c:pt idx="7203">
                  <c:v>19.913530511263556</c:v>
                </c:pt>
                <c:pt idx="7204">
                  <c:v>19.902912511141029</c:v>
                </c:pt>
                <c:pt idx="7205">
                  <c:v>19.911332645388494</c:v>
                </c:pt>
                <c:pt idx="7206">
                  <c:v>19.911603228894098</c:v>
                </c:pt>
                <c:pt idx="7207">
                  <c:v>19.909148439776111</c:v>
                </c:pt>
                <c:pt idx="7208">
                  <c:v>19.917822052097772</c:v>
                </c:pt>
                <c:pt idx="7209">
                  <c:v>19.882499754603625</c:v>
                </c:pt>
                <c:pt idx="7210">
                  <c:v>19.843713215102081</c:v>
                </c:pt>
                <c:pt idx="7211">
                  <c:v>19.806005734860783</c:v>
                </c:pt>
                <c:pt idx="7212">
                  <c:v>19.759660504336338</c:v>
                </c:pt>
                <c:pt idx="7213">
                  <c:v>19.703595402803124</c:v>
                </c:pt>
                <c:pt idx="7214">
                  <c:v>19.660169300623469</c:v>
                </c:pt>
                <c:pt idx="7215">
                  <c:v>19.680427109409553</c:v>
                </c:pt>
                <c:pt idx="7216">
                  <c:v>19.684359261445067</c:v>
                </c:pt>
                <c:pt idx="7217">
                  <c:v>19.66692416815857</c:v>
                </c:pt>
                <c:pt idx="7218">
                  <c:v>19.68732702600942</c:v>
                </c:pt>
                <c:pt idx="7219">
                  <c:v>19.695880976790068</c:v>
                </c:pt>
                <c:pt idx="7220">
                  <c:v>19.707824798258621</c:v>
                </c:pt>
                <c:pt idx="7221">
                  <c:v>19.704932111317003</c:v>
                </c:pt>
                <c:pt idx="7222">
                  <c:v>19.718087379048512</c:v>
                </c:pt>
                <c:pt idx="7223">
                  <c:v>19.705431187318201</c:v>
                </c:pt>
                <c:pt idx="7224">
                  <c:v>19.691597981033148</c:v>
                </c:pt>
                <c:pt idx="7225">
                  <c:v>19.669225868547272</c:v>
                </c:pt>
                <c:pt idx="7226">
                  <c:v>19.663463623357138</c:v>
                </c:pt>
                <c:pt idx="7227">
                  <c:v>19.719669644697571</c:v>
                </c:pt>
                <c:pt idx="7228">
                  <c:v>19.813005626413108</c:v>
                </c:pt>
                <c:pt idx="7229">
                  <c:v>19.872951414459123</c:v>
                </c:pt>
                <c:pt idx="7230">
                  <c:v>19.869634111712521</c:v>
                </c:pt>
                <c:pt idx="7231">
                  <c:v>19.892702270882491</c:v>
                </c:pt>
                <c:pt idx="7232">
                  <c:v>19.908921298347355</c:v>
                </c:pt>
                <c:pt idx="7233">
                  <c:v>19.885584492541078</c:v>
                </c:pt>
                <c:pt idx="7234">
                  <c:v>19.935942336988187</c:v>
                </c:pt>
                <c:pt idx="7235">
                  <c:v>19.931277448951622</c:v>
                </c:pt>
                <c:pt idx="7236">
                  <c:v>19.919506658694832</c:v>
                </c:pt>
                <c:pt idx="7237">
                  <c:v>19.896127294420364</c:v>
                </c:pt>
                <c:pt idx="7238">
                  <c:v>19.883647200321942</c:v>
                </c:pt>
                <c:pt idx="7239">
                  <c:v>19.865644498957536</c:v>
                </c:pt>
                <c:pt idx="7240">
                  <c:v>19.844032799814901</c:v>
                </c:pt>
                <c:pt idx="7241">
                  <c:v>19.833112204443491</c:v>
                </c:pt>
                <c:pt idx="7242">
                  <c:v>19.844829253400235</c:v>
                </c:pt>
                <c:pt idx="7243">
                  <c:v>19.803386716234328</c:v>
                </c:pt>
                <c:pt idx="7244">
                  <c:v>19.700226654515205</c:v>
                </c:pt>
                <c:pt idx="7245">
                  <c:v>19.657653554576264</c:v>
                </c:pt>
                <c:pt idx="7246">
                  <c:v>19.671723594093891</c:v>
                </c:pt>
                <c:pt idx="7247">
                  <c:v>19.700960712431602</c:v>
                </c:pt>
                <c:pt idx="7248">
                  <c:v>19.67924810170004</c:v>
                </c:pt>
                <c:pt idx="7249">
                  <c:v>19.693816779860189</c:v>
                </c:pt>
                <c:pt idx="7250">
                  <c:v>19.714122223882221</c:v>
                </c:pt>
                <c:pt idx="7251">
                  <c:v>19.688370427909845</c:v>
                </c:pt>
                <c:pt idx="7252">
                  <c:v>19.710844070239414</c:v>
                </c:pt>
                <c:pt idx="7253">
                  <c:v>19.741240865702238</c:v>
                </c:pt>
                <c:pt idx="7254">
                  <c:v>19.7681988886604</c:v>
                </c:pt>
                <c:pt idx="7255">
                  <c:v>19.806860283913977</c:v>
                </c:pt>
                <c:pt idx="7256">
                  <c:v>19.831896839061038</c:v>
                </c:pt>
                <c:pt idx="7257">
                  <c:v>19.786586355193553</c:v>
                </c:pt>
                <c:pt idx="7258">
                  <c:v>19.813325043722791</c:v>
                </c:pt>
                <c:pt idx="7259">
                  <c:v>19.936006904602319</c:v>
                </c:pt>
                <c:pt idx="7260">
                  <c:v>19.844228749349064</c:v>
                </c:pt>
                <c:pt idx="7261">
                  <c:v>19.833990517988674</c:v>
                </c:pt>
                <c:pt idx="7262">
                  <c:v>19.861154655797243</c:v>
                </c:pt>
                <c:pt idx="7263">
                  <c:v>19.867875110050697</c:v>
                </c:pt>
                <c:pt idx="7264">
                  <c:v>19.821603354469698</c:v>
                </c:pt>
                <c:pt idx="7265">
                  <c:v>19.793058654662499</c:v>
                </c:pt>
                <c:pt idx="7266">
                  <c:v>19.800758819476137</c:v>
                </c:pt>
                <c:pt idx="7267">
                  <c:v>19.775600108023955</c:v>
                </c:pt>
                <c:pt idx="7268">
                  <c:v>19.768818260530836</c:v>
                </c:pt>
                <c:pt idx="7269">
                  <c:v>19.765967572507741</c:v>
                </c:pt>
                <c:pt idx="7270">
                  <c:v>19.727812175180013</c:v>
                </c:pt>
                <c:pt idx="7271">
                  <c:v>19.71189549284481</c:v>
                </c:pt>
                <c:pt idx="7272">
                  <c:v>19.701168214478557</c:v>
                </c:pt>
                <c:pt idx="7273">
                  <c:v>19.702406565302674</c:v>
                </c:pt>
                <c:pt idx="7274">
                  <c:v>19.711031814740409</c:v>
                </c:pt>
                <c:pt idx="7275">
                  <c:v>19.713633506143793</c:v>
                </c:pt>
                <c:pt idx="7276">
                  <c:v>19.732379783094537</c:v>
                </c:pt>
                <c:pt idx="7277">
                  <c:v>19.712244720723156</c:v>
                </c:pt>
                <c:pt idx="7278">
                  <c:v>19.706224900689804</c:v>
                </c:pt>
                <c:pt idx="7279">
                  <c:v>19.730898802262399</c:v>
                </c:pt>
                <c:pt idx="7280">
                  <c:v>19.737286461317719</c:v>
                </c:pt>
                <c:pt idx="7281">
                  <c:v>19.707710632337676</c:v>
                </c:pt>
                <c:pt idx="7282">
                  <c:v>19.702781720037667</c:v>
                </c:pt>
                <c:pt idx="7283">
                  <c:v>19.747707833563798</c:v>
                </c:pt>
                <c:pt idx="7284">
                  <c:v>19.7399862023955</c:v>
                </c:pt>
                <c:pt idx="7285">
                  <c:v>19.748596365861317</c:v>
                </c:pt>
                <c:pt idx="7286">
                  <c:v>19.751865909964785</c:v>
                </c:pt>
                <c:pt idx="7287">
                  <c:v>19.762212014583323</c:v>
                </c:pt>
                <c:pt idx="7288">
                  <c:v>19.764525460337818</c:v>
                </c:pt>
                <c:pt idx="7289">
                  <c:v>19.792547325305101</c:v>
                </c:pt>
                <c:pt idx="7290">
                  <c:v>19.813483609414277</c:v>
                </c:pt>
                <c:pt idx="7291">
                  <c:v>19.793628061763012</c:v>
                </c:pt>
                <c:pt idx="7292">
                  <c:v>19.795896686107827</c:v>
                </c:pt>
                <c:pt idx="7293">
                  <c:v>19.803201563085757</c:v>
                </c:pt>
                <c:pt idx="7294">
                  <c:v>19.803858976671616</c:v>
                </c:pt>
                <c:pt idx="7295">
                  <c:v>19.818940569593341</c:v>
                </c:pt>
                <c:pt idx="7296">
                  <c:v>19.804131627751829</c:v>
                </c:pt>
                <c:pt idx="7297">
                  <c:v>19.779739292972081</c:v>
                </c:pt>
                <c:pt idx="7298">
                  <c:v>19.76798245316019</c:v>
                </c:pt>
                <c:pt idx="7299">
                  <c:v>19.765736572137598</c:v>
                </c:pt>
                <c:pt idx="7300">
                  <c:v>19.780386572393116</c:v>
                </c:pt>
                <c:pt idx="7301">
                  <c:v>19.812607561148091</c:v>
                </c:pt>
                <c:pt idx="7302">
                  <c:v>19.826470728589673</c:v>
                </c:pt>
                <c:pt idx="7303">
                  <c:v>19.879107954847125</c:v>
                </c:pt>
                <c:pt idx="7304">
                  <c:v>19.859098442976943</c:v>
                </c:pt>
                <c:pt idx="7305">
                  <c:v>19.817207592463543</c:v>
                </c:pt>
                <c:pt idx="7306">
                  <c:v>19.800719664867941</c:v>
                </c:pt>
                <c:pt idx="7307">
                  <c:v>19.795628319949781</c:v>
                </c:pt>
                <c:pt idx="7308">
                  <c:v>19.799080152733758</c:v>
                </c:pt>
                <c:pt idx="7309">
                  <c:v>19.817510883211071</c:v>
                </c:pt>
                <c:pt idx="7310">
                  <c:v>19.798674162669634</c:v>
                </c:pt>
                <c:pt idx="7311">
                  <c:v>19.801740784320451</c:v>
                </c:pt>
                <c:pt idx="7312">
                  <c:v>19.788674164085791</c:v>
                </c:pt>
                <c:pt idx="7313">
                  <c:v>19.798800545436777</c:v>
                </c:pt>
                <c:pt idx="7314">
                  <c:v>19.798378498535424</c:v>
                </c:pt>
                <c:pt idx="7315">
                  <c:v>19.780234650630657</c:v>
                </c:pt>
                <c:pt idx="7316">
                  <c:v>19.740515770338373</c:v>
                </c:pt>
                <c:pt idx="7317">
                  <c:v>19.754686887451555</c:v>
                </c:pt>
                <c:pt idx="7318">
                  <c:v>19.766957161076434</c:v>
                </c:pt>
                <c:pt idx="7319">
                  <c:v>19.774340906503415</c:v>
                </c:pt>
                <c:pt idx="7320">
                  <c:v>19.778361015612063</c:v>
                </c:pt>
                <c:pt idx="7321">
                  <c:v>19.776519411728334</c:v>
                </c:pt>
                <c:pt idx="7322">
                  <c:v>19.802812248706893</c:v>
                </c:pt>
                <c:pt idx="7323">
                  <c:v>19.80910998158603</c:v>
                </c:pt>
                <c:pt idx="7324">
                  <c:v>19.796315359476399</c:v>
                </c:pt>
                <c:pt idx="7325">
                  <c:v>19.804496664776746</c:v>
                </c:pt>
                <c:pt idx="7326">
                  <c:v>19.817547701604642</c:v>
                </c:pt>
                <c:pt idx="7327">
                  <c:v>19.801879759978544</c:v>
                </c:pt>
                <c:pt idx="7328">
                  <c:v>19.799362593992825</c:v>
                </c:pt>
                <c:pt idx="7329">
                  <c:v>19.790476841515186</c:v>
                </c:pt>
                <c:pt idx="7330">
                  <c:v>19.80198158583454</c:v>
                </c:pt>
                <c:pt idx="7331">
                  <c:v>19.804888071080388</c:v>
                </c:pt>
                <c:pt idx="7332">
                  <c:v>19.778097230565095</c:v>
                </c:pt>
                <c:pt idx="7333">
                  <c:v>19.782411925303592</c:v>
                </c:pt>
                <c:pt idx="7334">
                  <c:v>19.797872030006779</c:v>
                </c:pt>
                <c:pt idx="7335">
                  <c:v>19.835013361189592</c:v>
                </c:pt>
                <c:pt idx="7336">
                  <c:v>19.865901611884983</c:v>
                </c:pt>
                <c:pt idx="7337">
                  <c:v>19.893742511749526</c:v>
                </c:pt>
                <c:pt idx="7338">
                  <c:v>19.923149142022062</c:v>
                </c:pt>
                <c:pt idx="7339">
                  <c:v>19.936021604752298</c:v>
                </c:pt>
                <c:pt idx="7340">
                  <c:v>19.946518811507708</c:v>
                </c:pt>
                <c:pt idx="7341">
                  <c:v>19.956251349048514</c:v>
                </c:pt>
                <c:pt idx="7342">
                  <c:v>19.954384091215335</c:v>
                </c:pt>
                <c:pt idx="7343">
                  <c:v>19.989512410850235</c:v>
                </c:pt>
                <c:pt idx="7344">
                  <c:v>19.996351492130582</c:v>
                </c:pt>
                <c:pt idx="7345">
                  <c:v>19.976637190843601</c:v>
                </c:pt>
                <c:pt idx="7346">
                  <c:v>20.064010409071933</c:v>
                </c:pt>
                <c:pt idx="7347">
                  <c:v>20.130383955287243</c:v>
                </c:pt>
                <c:pt idx="7348">
                  <c:v>20.137297530888322</c:v>
                </c:pt>
                <c:pt idx="7349">
                  <c:v>20.107854686656111</c:v>
                </c:pt>
                <c:pt idx="7350">
                  <c:v>20.12215262129989</c:v>
                </c:pt>
                <c:pt idx="7351">
                  <c:v>20.115389015259161</c:v>
                </c:pt>
                <c:pt idx="7352">
                  <c:v>20.119778244418526</c:v>
                </c:pt>
                <c:pt idx="7353">
                  <c:v>20.125145792191169</c:v>
                </c:pt>
                <c:pt idx="7354">
                  <c:v>20.137612917560467</c:v>
                </c:pt>
                <c:pt idx="7355">
                  <c:v>20.152640058819742</c:v>
                </c:pt>
                <c:pt idx="7356">
                  <c:v>20.159678025842545</c:v>
                </c:pt>
                <c:pt idx="7357">
                  <c:v>20.189203377242961</c:v>
                </c:pt>
                <c:pt idx="7358">
                  <c:v>20.222732832640141</c:v>
                </c:pt>
                <c:pt idx="7359">
                  <c:v>20.232620014494106</c:v>
                </c:pt>
                <c:pt idx="7360">
                  <c:v>20.231507577644024</c:v>
                </c:pt>
                <c:pt idx="7361">
                  <c:v>20.143553325416804</c:v>
                </c:pt>
                <c:pt idx="7362">
                  <c:v>20.124998126554875</c:v>
                </c:pt>
                <c:pt idx="7363">
                  <c:v>20.124336318347069</c:v>
                </c:pt>
                <c:pt idx="7364">
                  <c:v>20.132145100721552</c:v>
                </c:pt>
                <c:pt idx="7365">
                  <c:v>20.144084572584298</c:v>
                </c:pt>
                <c:pt idx="7366">
                  <c:v>20.140728393468301</c:v>
                </c:pt>
                <c:pt idx="7367">
                  <c:v>20.138627173113797</c:v>
                </c:pt>
                <c:pt idx="7368">
                  <c:v>20.131655857052788</c:v>
                </c:pt>
                <c:pt idx="7369">
                  <c:v>20.125955904579527</c:v>
                </c:pt>
                <c:pt idx="7370">
                  <c:v>20.131350642397344</c:v>
                </c:pt>
                <c:pt idx="7371">
                  <c:v>20.11774866863572</c:v>
                </c:pt>
                <c:pt idx="7372">
                  <c:v>20.116031816452029</c:v>
                </c:pt>
                <c:pt idx="7373">
                  <c:v>20.125465924181867</c:v>
                </c:pt>
                <c:pt idx="7374">
                  <c:v>20.116161329283557</c:v>
                </c:pt>
                <c:pt idx="7375">
                  <c:v>20.092468638408285</c:v>
                </c:pt>
                <c:pt idx="7376">
                  <c:v>20.061593407233204</c:v>
                </c:pt>
                <c:pt idx="7377">
                  <c:v>20.048087935004084</c:v>
                </c:pt>
                <c:pt idx="7378">
                  <c:v>20.027198678383812</c:v>
                </c:pt>
                <c:pt idx="7379">
                  <c:v>20.017856010243619</c:v>
                </c:pt>
                <c:pt idx="7380">
                  <c:v>20.026957224128861</c:v>
                </c:pt>
                <c:pt idx="7381">
                  <c:v>20.053079957231933</c:v>
                </c:pt>
                <c:pt idx="7382">
                  <c:v>20.032690034099794</c:v>
                </c:pt>
                <c:pt idx="7383">
                  <c:v>20.041826352985851</c:v>
                </c:pt>
                <c:pt idx="7384">
                  <c:v>20.064341420885409</c:v>
                </c:pt>
                <c:pt idx="7385">
                  <c:v>20.068678762469688</c:v>
                </c:pt>
                <c:pt idx="7386">
                  <c:v>20.185024151124082</c:v>
                </c:pt>
                <c:pt idx="7387">
                  <c:v>20.293261139159277</c:v>
                </c:pt>
                <c:pt idx="7388">
                  <c:v>20.333925695395756</c:v>
                </c:pt>
                <c:pt idx="7389">
                  <c:v>20.416556570097985</c:v>
                </c:pt>
                <c:pt idx="7390">
                  <c:v>20.509264536372708</c:v>
                </c:pt>
                <c:pt idx="7391">
                  <c:v>20.662195476714249</c:v>
                </c:pt>
                <c:pt idx="7392">
                  <c:v>20.786536483916201</c:v>
                </c:pt>
                <c:pt idx="7393">
                  <c:v>20.866287993419913</c:v>
                </c:pt>
                <c:pt idx="7394">
                  <c:v>20.954974815260464</c:v>
                </c:pt>
                <c:pt idx="7395">
                  <c:v>21.004410346683379</c:v>
                </c:pt>
                <c:pt idx="7396">
                  <c:v>21.172513416515002</c:v>
                </c:pt>
                <c:pt idx="7397">
                  <c:v>21.211815835834805</c:v>
                </c:pt>
                <c:pt idx="7398">
                  <c:v>21.18095904938852</c:v>
                </c:pt>
                <c:pt idx="7399">
                  <c:v>21.161857591526854</c:v>
                </c:pt>
                <c:pt idx="7400">
                  <c:v>21.147405402712849</c:v>
                </c:pt>
                <c:pt idx="7401">
                  <c:v>21.136246259542251</c:v>
                </c:pt>
                <c:pt idx="7402">
                  <c:v>21.124179088141815</c:v>
                </c:pt>
                <c:pt idx="7403">
                  <c:v>21.141251562138557</c:v>
                </c:pt>
                <c:pt idx="7404">
                  <c:v>21.142232724101543</c:v>
                </c:pt>
                <c:pt idx="7405">
                  <c:v>21.110662315497855</c:v>
                </c:pt>
                <c:pt idx="7406">
                  <c:v>21.087095705117846</c:v>
                </c:pt>
                <c:pt idx="7407">
                  <c:v>21.046197802320414</c:v>
                </c:pt>
                <c:pt idx="7408">
                  <c:v>21.042257647078671</c:v>
                </c:pt>
                <c:pt idx="7409">
                  <c:v>21.017292608792104</c:v>
                </c:pt>
                <c:pt idx="7410">
                  <c:v>20.98108284159936</c:v>
                </c:pt>
                <c:pt idx="7411">
                  <c:v>20.823779351725221</c:v>
                </c:pt>
                <c:pt idx="7412">
                  <c:v>20.47737624389984</c:v>
                </c:pt>
                <c:pt idx="7413">
                  <c:v>20.414160542934489</c:v>
                </c:pt>
                <c:pt idx="7414">
                  <c:v>20.382419869372651</c:v>
                </c:pt>
                <c:pt idx="7415">
                  <c:v>20.381136897296699</c:v>
                </c:pt>
                <c:pt idx="7416">
                  <c:v>20.398025453034293</c:v>
                </c:pt>
                <c:pt idx="7417">
                  <c:v>20.408874798328888</c:v>
                </c:pt>
                <c:pt idx="7418">
                  <c:v>20.425759717701901</c:v>
                </c:pt>
                <c:pt idx="7419">
                  <c:v>20.414002178844221</c:v>
                </c:pt>
                <c:pt idx="7420">
                  <c:v>20.471388712411969</c:v>
                </c:pt>
                <c:pt idx="7421">
                  <c:v>20.466268693165297</c:v>
                </c:pt>
                <c:pt idx="7422">
                  <c:v>20.482076868880519</c:v>
                </c:pt>
                <c:pt idx="7423">
                  <c:v>20.455318287125593</c:v>
                </c:pt>
                <c:pt idx="7424">
                  <c:v>20.451869069271904</c:v>
                </c:pt>
                <c:pt idx="7425">
                  <c:v>20.467032321130063</c:v>
                </c:pt>
                <c:pt idx="7426">
                  <c:v>20.474520547500674</c:v>
                </c:pt>
                <c:pt idx="7427">
                  <c:v>20.482152572335792</c:v>
                </c:pt>
                <c:pt idx="7428">
                  <c:v>20.492387103276076</c:v>
                </c:pt>
                <c:pt idx="7429">
                  <c:v>20.5114224534932</c:v>
                </c:pt>
                <c:pt idx="7430">
                  <c:v>20.523887828711793</c:v>
                </c:pt>
                <c:pt idx="7431">
                  <c:v>20.513552375154923</c:v>
                </c:pt>
                <c:pt idx="7432">
                  <c:v>20.517013605316308</c:v>
                </c:pt>
                <c:pt idx="7433">
                  <c:v>20.513313406671458</c:v>
                </c:pt>
                <c:pt idx="7434">
                  <c:v>20.511988785296676</c:v>
                </c:pt>
                <c:pt idx="7435">
                  <c:v>20.531353184416986</c:v>
                </c:pt>
                <c:pt idx="7436">
                  <c:v>20.531329078375752</c:v>
                </c:pt>
                <c:pt idx="7437">
                  <c:v>20.541500213292558</c:v>
                </c:pt>
                <c:pt idx="7438">
                  <c:v>20.562344125310954</c:v>
                </c:pt>
                <c:pt idx="7439">
                  <c:v>20.578216960994887</c:v>
                </c:pt>
                <c:pt idx="7440">
                  <c:v>20.601912729559576</c:v>
                </c:pt>
                <c:pt idx="7441">
                  <c:v>20.639907746699183</c:v>
                </c:pt>
                <c:pt idx="7442">
                  <c:v>20.660096041664275</c:v>
                </c:pt>
                <c:pt idx="7443">
                  <c:v>20.670975501290233</c:v>
                </c:pt>
                <c:pt idx="7444">
                  <c:v>20.678725046004764</c:v>
                </c:pt>
                <c:pt idx="7445">
                  <c:v>20.681835243534316</c:v>
                </c:pt>
                <c:pt idx="7446">
                  <c:v>20.686829448080523</c:v>
                </c:pt>
                <c:pt idx="7447">
                  <c:v>20.703927867647039</c:v>
                </c:pt>
                <c:pt idx="7448">
                  <c:v>20.714058847869623</c:v>
                </c:pt>
                <c:pt idx="7449">
                  <c:v>20.739336011704633</c:v>
                </c:pt>
                <c:pt idx="7450">
                  <c:v>20.736670262914</c:v>
                </c:pt>
              </c:numCache>
            </c:numRef>
          </c:xVal>
          <c:yVal>
            <c:numRef>
              <c:f>'CPT Data'!$B$12:$B$7462</c:f>
              <c:numCache>
                <c:formatCode>General</c:formatCode>
                <c:ptCount val="7451"/>
                <c:pt idx="0">
                  <c:v>0</c:v>
                </c:pt>
                <c:pt idx="1">
                  <c:v>7.0000000000000001E-3</c:v>
                </c:pt>
                <c:pt idx="2">
                  <c:v>1.4999999999999999E-2</c:v>
                </c:pt>
                <c:pt idx="3">
                  <c:v>2.1999999999999999E-2</c:v>
                </c:pt>
                <c:pt idx="4">
                  <c:v>0.03</c:v>
                </c:pt>
                <c:pt idx="5">
                  <c:v>3.6999999999999998E-2</c:v>
                </c:pt>
                <c:pt idx="6">
                  <c:v>4.4999999999999998E-2</c:v>
                </c:pt>
                <c:pt idx="7">
                  <c:v>5.1999999999999998E-2</c:v>
                </c:pt>
                <c:pt idx="8">
                  <c:v>5.8999999999999997E-2</c:v>
                </c:pt>
                <c:pt idx="9">
                  <c:v>6.6000000000000003E-2</c:v>
                </c:pt>
                <c:pt idx="10">
                  <c:v>7.3999999999999996E-2</c:v>
                </c:pt>
                <c:pt idx="11">
                  <c:v>8.1000000000000003E-2</c:v>
                </c:pt>
                <c:pt idx="12">
                  <c:v>8.8999999999999996E-2</c:v>
                </c:pt>
                <c:pt idx="13">
                  <c:v>9.6000000000000002E-2</c:v>
                </c:pt>
                <c:pt idx="14">
                  <c:v>0.104</c:v>
                </c:pt>
                <c:pt idx="15">
                  <c:v>0.111</c:v>
                </c:pt>
                <c:pt idx="16">
                  <c:v>0.11799999999999999</c:v>
                </c:pt>
                <c:pt idx="17">
                  <c:v>0.126</c:v>
                </c:pt>
                <c:pt idx="18">
                  <c:v>0.13400000000000001</c:v>
                </c:pt>
                <c:pt idx="19">
                  <c:v>0.14099999999999999</c:v>
                </c:pt>
                <c:pt idx="20">
                  <c:v>0.14899999999999999</c:v>
                </c:pt>
                <c:pt idx="21">
                  <c:v>0.156</c:v>
                </c:pt>
                <c:pt idx="22">
                  <c:v>0.16400000000000001</c:v>
                </c:pt>
                <c:pt idx="23">
                  <c:v>0.17199999999999999</c:v>
                </c:pt>
                <c:pt idx="24">
                  <c:v>0.17899999999999999</c:v>
                </c:pt>
                <c:pt idx="25">
                  <c:v>0.186</c:v>
                </c:pt>
                <c:pt idx="26">
                  <c:v>0.19500000000000001</c:v>
                </c:pt>
                <c:pt idx="27">
                  <c:v>0.20200000000000001</c:v>
                </c:pt>
                <c:pt idx="28">
                  <c:v>0.20899999999999999</c:v>
                </c:pt>
                <c:pt idx="29">
                  <c:v>0.217</c:v>
                </c:pt>
                <c:pt idx="30">
                  <c:v>0.224</c:v>
                </c:pt>
                <c:pt idx="31">
                  <c:v>0.23100000000000001</c:v>
                </c:pt>
                <c:pt idx="32">
                  <c:v>0.23899999999999999</c:v>
                </c:pt>
                <c:pt idx="33">
                  <c:v>0.246</c:v>
                </c:pt>
                <c:pt idx="34">
                  <c:v>0.254</c:v>
                </c:pt>
                <c:pt idx="35">
                  <c:v>0.26100000000000001</c:v>
                </c:pt>
                <c:pt idx="36">
                  <c:v>0.26900000000000002</c:v>
                </c:pt>
                <c:pt idx="37">
                  <c:v>0.27600000000000002</c:v>
                </c:pt>
                <c:pt idx="38">
                  <c:v>0.28399999999999997</c:v>
                </c:pt>
                <c:pt idx="39">
                  <c:v>0.29099999999999998</c:v>
                </c:pt>
                <c:pt idx="40">
                  <c:v>0.29899999999999999</c:v>
                </c:pt>
                <c:pt idx="41">
                  <c:v>0.30599999999999999</c:v>
                </c:pt>
                <c:pt idx="42">
                  <c:v>0.314</c:v>
                </c:pt>
                <c:pt idx="43">
                  <c:v>0.32100000000000001</c:v>
                </c:pt>
                <c:pt idx="44">
                  <c:v>0.32900000000000001</c:v>
                </c:pt>
                <c:pt idx="45">
                  <c:v>0.33600000000000002</c:v>
                </c:pt>
                <c:pt idx="46">
                  <c:v>0.34300000000000003</c:v>
                </c:pt>
                <c:pt idx="47">
                  <c:v>0.35099999999999998</c:v>
                </c:pt>
                <c:pt idx="48">
                  <c:v>0.35799999999999998</c:v>
                </c:pt>
                <c:pt idx="49">
                  <c:v>0.36599999999999999</c:v>
                </c:pt>
                <c:pt idx="50">
                  <c:v>0.374</c:v>
                </c:pt>
                <c:pt idx="51">
                  <c:v>0.38100000000000001</c:v>
                </c:pt>
                <c:pt idx="52">
                  <c:v>0.38900000000000001</c:v>
                </c:pt>
                <c:pt idx="53">
                  <c:v>0.39500000000000002</c:v>
                </c:pt>
                <c:pt idx="54">
                  <c:v>0.40300000000000002</c:v>
                </c:pt>
                <c:pt idx="55">
                  <c:v>0.41</c:v>
                </c:pt>
                <c:pt idx="56">
                  <c:v>0.41799999999999998</c:v>
                </c:pt>
                <c:pt idx="57">
                  <c:v>0.42499999999999999</c:v>
                </c:pt>
                <c:pt idx="58">
                  <c:v>0.434</c:v>
                </c:pt>
                <c:pt idx="59">
                  <c:v>0.44</c:v>
                </c:pt>
                <c:pt idx="60">
                  <c:v>0.44800000000000001</c:v>
                </c:pt>
                <c:pt idx="61">
                  <c:v>0.45700000000000002</c:v>
                </c:pt>
                <c:pt idx="62">
                  <c:v>0.46300000000000002</c:v>
                </c:pt>
                <c:pt idx="63">
                  <c:v>0.47199999999999998</c:v>
                </c:pt>
                <c:pt idx="64">
                  <c:v>0.47899999999999998</c:v>
                </c:pt>
                <c:pt idx="65">
                  <c:v>0.48699999999999999</c:v>
                </c:pt>
                <c:pt idx="66">
                  <c:v>0.49399999999999999</c:v>
                </c:pt>
                <c:pt idx="67">
                  <c:v>0.502</c:v>
                </c:pt>
                <c:pt idx="68">
                  <c:v>0.50900000000000001</c:v>
                </c:pt>
                <c:pt idx="69">
                  <c:v>0.51600000000000001</c:v>
                </c:pt>
                <c:pt idx="70">
                  <c:v>0.52400000000000002</c:v>
                </c:pt>
                <c:pt idx="71">
                  <c:v>0.53200000000000003</c:v>
                </c:pt>
                <c:pt idx="72">
                  <c:v>0.53900000000000003</c:v>
                </c:pt>
                <c:pt idx="73">
                  <c:v>0.54600000000000004</c:v>
                </c:pt>
                <c:pt idx="74">
                  <c:v>0.55400000000000005</c:v>
                </c:pt>
                <c:pt idx="75">
                  <c:v>0.56100000000000005</c:v>
                </c:pt>
                <c:pt idx="76">
                  <c:v>0.56799999999999995</c:v>
                </c:pt>
                <c:pt idx="77">
                  <c:v>0.57599999999999996</c:v>
                </c:pt>
                <c:pt idx="78">
                  <c:v>0.58299999999999996</c:v>
                </c:pt>
                <c:pt idx="79">
                  <c:v>0.59099999999999997</c:v>
                </c:pt>
                <c:pt idx="80">
                  <c:v>0.59799999999999998</c:v>
                </c:pt>
                <c:pt idx="81">
                  <c:v>0.60699999999999998</c:v>
                </c:pt>
                <c:pt idx="82">
                  <c:v>0.61399999999999999</c:v>
                </c:pt>
                <c:pt idx="83">
                  <c:v>0.621</c:v>
                </c:pt>
                <c:pt idx="84">
                  <c:v>0.629</c:v>
                </c:pt>
                <c:pt idx="85">
                  <c:v>0.63700000000000001</c:v>
                </c:pt>
                <c:pt idx="86">
                  <c:v>0.64400000000000002</c:v>
                </c:pt>
                <c:pt idx="87">
                  <c:v>0.65200000000000002</c:v>
                </c:pt>
                <c:pt idx="88">
                  <c:v>0.65900000000000003</c:v>
                </c:pt>
                <c:pt idx="89">
                  <c:v>0.66700000000000004</c:v>
                </c:pt>
                <c:pt idx="90">
                  <c:v>0.67400000000000004</c:v>
                </c:pt>
                <c:pt idx="91">
                  <c:v>0.68200000000000005</c:v>
                </c:pt>
                <c:pt idx="92">
                  <c:v>0.68899999999999995</c:v>
                </c:pt>
                <c:pt idx="93">
                  <c:v>0.69699999999999995</c:v>
                </c:pt>
                <c:pt idx="94">
                  <c:v>0.70399999999999996</c:v>
                </c:pt>
                <c:pt idx="95">
                  <c:v>0.71199999999999997</c:v>
                </c:pt>
                <c:pt idx="96">
                  <c:v>0.72</c:v>
                </c:pt>
                <c:pt idx="97">
                  <c:v>0.72599999999999998</c:v>
                </c:pt>
                <c:pt idx="98">
                  <c:v>0.73399999999999999</c:v>
                </c:pt>
                <c:pt idx="99">
                  <c:v>0.78100000000000003</c:v>
                </c:pt>
                <c:pt idx="100">
                  <c:v>0.78800000000000003</c:v>
                </c:pt>
                <c:pt idx="101">
                  <c:v>0.79600000000000004</c:v>
                </c:pt>
                <c:pt idx="102">
                  <c:v>0.80300000000000005</c:v>
                </c:pt>
                <c:pt idx="103">
                  <c:v>0.81100000000000005</c:v>
                </c:pt>
                <c:pt idx="104">
                  <c:v>0.81799999999999995</c:v>
                </c:pt>
                <c:pt idx="105">
                  <c:v>0.82499999999999996</c:v>
                </c:pt>
                <c:pt idx="106">
                  <c:v>0.83299999999999996</c:v>
                </c:pt>
                <c:pt idx="107">
                  <c:v>0.84099999999999997</c:v>
                </c:pt>
                <c:pt idx="108">
                  <c:v>0.84899999999999998</c:v>
                </c:pt>
                <c:pt idx="109">
                  <c:v>0.85599999999999998</c:v>
                </c:pt>
                <c:pt idx="110">
                  <c:v>0.86399999999999999</c:v>
                </c:pt>
                <c:pt idx="111">
                  <c:v>0.871</c:v>
                </c:pt>
                <c:pt idx="112">
                  <c:v>0.879</c:v>
                </c:pt>
                <c:pt idx="113">
                  <c:v>0.88600000000000001</c:v>
                </c:pt>
                <c:pt idx="114">
                  <c:v>0.89400000000000002</c:v>
                </c:pt>
                <c:pt idx="115">
                  <c:v>0.90100000000000002</c:v>
                </c:pt>
                <c:pt idx="116">
                  <c:v>0.90900000000000003</c:v>
                </c:pt>
                <c:pt idx="117">
                  <c:v>0.91600000000000004</c:v>
                </c:pt>
                <c:pt idx="118">
                  <c:v>0.92400000000000004</c:v>
                </c:pt>
                <c:pt idx="119">
                  <c:v>0.93100000000000005</c:v>
                </c:pt>
                <c:pt idx="120">
                  <c:v>0.93899999999999995</c:v>
                </c:pt>
                <c:pt idx="121">
                  <c:v>0.93899999999999995</c:v>
                </c:pt>
                <c:pt idx="122">
                  <c:v>0.93899999999999995</c:v>
                </c:pt>
                <c:pt idx="123">
                  <c:v>0.97</c:v>
                </c:pt>
                <c:pt idx="124">
                  <c:v>0.97699999999999998</c:v>
                </c:pt>
                <c:pt idx="125">
                  <c:v>0.98499999999999999</c:v>
                </c:pt>
                <c:pt idx="126">
                  <c:v>0.99299999999999999</c:v>
                </c:pt>
                <c:pt idx="127">
                  <c:v>1.0009999999999999</c:v>
                </c:pt>
                <c:pt idx="128">
                  <c:v>1.008</c:v>
                </c:pt>
                <c:pt idx="129">
                  <c:v>1.016</c:v>
                </c:pt>
                <c:pt idx="130">
                  <c:v>1.0229999999999999</c:v>
                </c:pt>
                <c:pt idx="131">
                  <c:v>1.0309999999999999</c:v>
                </c:pt>
                <c:pt idx="132">
                  <c:v>1.038</c:v>
                </c:pt>
                <c:pt idx="133">
                  <c:v>1.046</c:v>
                </c:pt>
                <c:pt idx="134">
                  <c:v>1.054</c:v>
                </c:pt>
                <c:pt idx="135">
                  <c:v>1.0609999999999999</c:v>
                </c:pt>
                <c:pt idx="136">
                  <c:v>1.0680000000000001</c:v>
                </c:pt>
                <c:pt idx="137">
                  <c:v>1.075</c:v>
                </c:pt>
                <c:pt idx="138">
                  <c:v>1.083</c:v>
                </c:pt>
                <c:pt idx="139">
                  <c:v>1.091</c:v>
                </c:pt>
                <c:pt idx="140">
                  <c:v>1.099</c:v>
                </c:pt>
                <c:pt idx="141">
                  <c:v>1.1060000000000001</c:v>
                </c:pt>
                <c:pt idx="142">
                  <c:v>1.1140000000000001</c:v>
                </c:pt>
                <c:pt idx="143">
                  <c:v>1.121</c:v>
                </c:pt>
                <c:pt idx="144">
                  <c:v>1.129</c:v>
                </c:pt>
                <c:pt idx="145">
                  <c:v>1.1359999999999999</c:v>
                </c:pt>
                <c:pt idx="146">
                  <c:v>1.1439999999999999</c:v>
                </c:pt>
                <c:pt idx="147">
                  <c:v>1.151</c:v>
                </c:pt>
                <c:pt idx="148">
                  <c:v>1.1599999999999999</c:v>
                </c:pt>
                <c:pt idx="149">
                  <c:v>1.167</c:v>
                </c:pt>
                <c:pt idx="150">
                  <c:v>1.2090000000000001</c:v>
                </c:pt>
                <c:pt idx="151">
                  <c:v>1.216</c:v>
                </c:pt>
                <c:pt idx="152">
                  <c:v>1.262</c:v>
                </c:pt>
                <c:pt idx="153">
                  <c:v>1.27</c:v>
                </c:pt>
                <c:pt idx="154">
                  <c:v>1.278</c:v>
                </c:pt>
                <c:pt idx="155">
                  <c:v>1.286</c:v>
                </c:pt>
                <c:pt idx="156">
                  <c:v>1.2929999999999999</c:v>
                </c:pt>
                <c:pt idx="157">
                  <c:v>1.3009999999999999</c:v>
                </c:pt>
                <c:pt idx="158">
                  <c:v>1.3080000000000001</c:v>
                </c:pt>
                <c:pt idx="159">
                  <c:v>1.3160000000000001</c:v>
                </c:pt>
                <c:pt idx="160">
                  <c:v>1.323</c:v>
                </c:pt>
                <c:pt idx="161">
                  <c:v>1.331</c:v>
                </c:pt>
                <c:pt idx="162">
                  <c:v>1.3380000000000001</c:v>
                </c:pt>
                <c:pt idx="163">
                  <c:v>1.347</c:v>
                </c:pt>
                <c:pt idx="164">
                  <c:v>1.3540000000000001</c:v>
                </c:pt>
                <c:pt idx="165">
                  <c:v>1.3620000000000001</c:v>
                </c:pt>
                <c:pt idx="166">
                  <c:v>1.369</c:v>
                </c:pt>
                <c:pt idx="167">
                  <c:v>1.377</c:v>
                </c:pt>
                <c:pt idx="168">
                  <c:v>1.385</c:v>
                </c:pt>
                <c:pt idx="169">
                  <c:v>1.3919999999999999</c:v>
                </c:pt>
                <c:pt idx="170">
                  <c:v>1.399</c:v>
                </c:pt>
                <c:pt idx="171">
                  <c:v>1.4079999999999999</c:v>
                </c:pt>
                <c:pt idx="172">
                  <c:v>1.415</c:v>
                </c:pt>
                <c:pt idx="173">
                  <c:v>1.423</c:v>
                </c:pt>
                <c:pt idx="174">
                  <c:v>1.43</c:v>
                </c:pt>
                <c:pt idx="175">
                  <c:v>1.4379999999999999</c:v>
                </c:pt>
                <c:pt idx="176">
                  <c:v>1.4450000000000001</c:v>
                </c:pt>
                <c:pt idx="177">
                  <c:v>1.454</c:v>
                </c:pt>
                <c:pt idx="178">
                  <c:v>1.4610000000000001</c:v>
                </c:pt>
                <c:pt idx="179">
                  <c:v>1.47</c:v>
                </c:pt>
                <c:pt idx="180">
                  <c:v>1.4790000000000001</c:v>
                </c:pt>
                <c:pt idx="181">
                  <c:v>1.488</c:v>
                </c:pt>
                <c:pt idx="182">
                  <c:v>1.4970000000000001</c:v>
                </c:pt>
                <c:pt idx="183">
                  <c:v>1.506</c:v>
                </c:pt>
                <c:pt idx="184">
                  <c:v>1.5149999999999999</c:v>
                </c:pt>
                <c:pt idx="185">
                  <c:v>1.524</c:v>
                </c:pt>
                <c:pt idx="186">
                  <c:v>1.5329999999999999</c:v>
                </c:pt>
                <c:pt idx="187">
                  <c:v>1.542</c:v>
                </c:pt>
                <c:pt idx="188">
                  <c:v>1.552</c:v>
                </c:pt>
                <c:pt idx="189">
                  <c:v>1.56</c:v>
                </c:pt>
                <c:pt idx="190">
                  <c:v>1.569</c:v>
                </c:pt>
                <c:pt idx="191">
                  <c:v>1.577</c:v>
                </c:pt>
                <c:pt idx="192">
                  <c:v>1.587</c:v>
                </c:pt>
                <c:pt idx="193">
                  <c:v>1.5960000000000001</c:v>
                </c:pt>
                <c:pt idx="194">
                  <c:v>1.6040000000000001</c:v>
                </c:pt>
                <c:pt idx="195">
                  <c:v>1.613</c:v>
                </c:pt>
                <c:pt idx="196">
                  <c:v>1.6220000000000001</c:v>
                </c:pt>
                <c:pt idx="197">
                  <c:v>1.6319999999999999</c:v>
                </c:pt>
                <c:pt idx="198">
                  <c:v>1.64</c:v>
                </c:pt>
                <c:pt idx="199">
                  <c:v>1.65</c:v>
                </c:pt>
                <c:pt idx="200">
                  <c:v>1.6579999999999999</c:v>
                </c:pt>
                <c:pt idx="201">
                  <c:v>1.6679999999999999</c:v>
                </c:pt>
                <c:pt idx="202">
                  <c:v>1.677</c:v>
                </c:pt>
                <c:pt idx="203">
                  <c:v>1.6859999999999999</c:v>
                </c:pt>
                <c:pt idx="204">
                  <c:v>1.6950000000000001</c:v>
                </c:pt>
                <c:pt idx="205">
                  <c:v>1.704</c:v>
                </c:pt>
                <c:pt idx="206">
                  <c:v>1.712</c:v>
                </c:pt>
                <c:pt idx="207">
                  <c:v>1.722</c:v>
                </c:pt>
                <c:pt idx="208">
                  <c:v>1.732</c:v>
                </c:pt>
                <c:pt idx="209">
                  <c:v>1.74</c:v>
                </c:pt>
                <c:pt idx="210">
                  <c:v>1.7490000000000001</c:v>
                </c:pt>
                <c:pt idx="211">
                  <c:v>1.758</c:v>
                </c:pt>
                <c:pt idx="212">
                  <c:v>1.7669999999999999</c:v>
                </c:pt>
                <c:pt idx="213">
                  <c:v>1.776</c:v>
                </c:pt>
                <c:pt idx="214">
                  <c:v>1.7849999999999999</c:v>
                </c:pt>
                <c:pt idx="215">
                  <c:v>1.794</c:v>
                </c:pt>
                <c:pt idx="216">
                  <c:v>1.804</c:v>
                </c:pt>
                <c:pt idx="217">
                  <c:v>1.8120000000000001</c:v>
                </c:pt>
                <c:pt idx="218">
                  <c:v>1.821</c:v>
                </c:pt>
                <c:pt idx="219">
                  <c:v>1.83</c:v>
                </c:pt>
                <c:pt idx="220">
                  <c:v>1.839</c:v>
                </c:pt>
                <c:pt idx="221">
                  <c:v>1.849</c:v>
                </c:pt>
                <c:pt idx="222">
                  <c:v>1.857</c:v>
                </c:pt>
                <c:pt idx="223">
                  <c:v>1.867</c:v>
                </c:pt>
                <c:pt idx="224">
                  <c:v>1.875</c:v>
                </c:pt>
                <c:pt idx="225">
                  <c:v>1.885</c:v>
                </c:pt>
                <c:pt idx="226">
                  <c:v>1.8939999999999999</c:v>
                </c:pt>
                <c:pt idx="227">
                  <c:v>1.9019999999999999</c:v>
                </c:pt>
                <c:pt idx="228">
                  <c:v>1.9119999999999999</c:v>
                </c:pt>
                <c:pt idx="229">
                  <c:v>1.92</c:v>
                </c:pt>
                <c:pt idx="230">
                  <c:v>1.929</c:v>
                </c:pt>
                <c:pt idx="231">
                  <c:v>1.9379999999999999</c:v>
                </c:pt>
                <c:pt idx="232">
                  <c:v>1.948</c:v>
                </c:pt>
                <c:pt idx="233">
                  <c:v>1.956</c:v>
                </c:pt>
                <c:pt idx="234">
                  <c:v>1.966</c:v>
                </c:pt>
                <c:pt idx="235">
                  <c:v>1.974</c:v>
                </c:pt>
                <c:pt idx="236">
                  <c:v>1.984</c:v>
                </c:pt>
                <c:pt idx="237">
                  <c:v>1.9930000000000001</c:v>
                </c:pt>
                <c:pt idx="238">
                  <c:v>2.004</c:v>
                </c:pt>
                <c:pt idx="239">
                  <c:v>2.0129999999999999</c:v>
                </c:pt>
                <c:pt idx="240">
                  <c:v>2.0230000000000001</c:v>
                </c:pt>
                <c:pt idx="241">
                  <c:v>2.0329999999999999</c:v>
                </c:pt>
                <c:pt idx="242">
                  <c:v>2.0419999999999998</c:v>
                </c:pt>
                <c:pt idx="243">
                  <c:v>2.0529999999999999</c:v>
                </c:pt>
                <c:pt idx="244">
                  <c:v>2.0630000000000002</c:v>
                </c:pt>
                <c:pt idx="245">
                  <c:v>2.073</c:v>
                </c:pt>
                <c:pt idx="246">
                  <c:v>2.0830000000000002</c:v>
                </c:pt>
                <c:pt idx="247">
                  <c:v>2.0920000000000001</c:v>
                </c:pt>
                <c:pt idx="248">
                  <c:v>2.1030000000000002</c:v>
                </c:pt>
                <c:pt idx="249">
                  <c:v>2.1120000000000001</c:v>
                </c:pt>
                <c:pt idx="250">
                  <c:v>2.1230000000000002</c:v>
                </c:pt>
                <c:pt idx="251">
                  <c:v>2.1320000000000001</c:v>
                </c:pt>
                <c:pt idx="252">
                  <c:v>2.1429999999999998</c:v>
                </c:pt>
                <c:pt idx="253">
                  <c:v>2.153</c:v>
                </c:pt>
                <c:pt idx="254">
                  <c:v>2.1629999999999998</c:v>
                </c:pt>
                <c:pt idx="255">
                  <c:v>2.173</c:v>
                </c:pt>
                <c:pt idx="256">
                  <c:v>2.1829999999999998</c:v>
                </c:pt>
                <c:pt idx="257">
                  <c:v>2.1930000000000001</c:v>
                </c:pt>
                <c:pt idx="258">
                  <c:v>2.2029999999999998</c:v>
                </c:pt>
                <c:pt idx="259">
                  <c:v>2.2130000000000001</c:v>
                </c:pt>
                <c:pt idx="260">
                  <c:v>2.222</c:v>
                </c:pt>
                <c:pt idx="261">
                  <c:v>2.2330000000000001</c:v>
                </c:pt>
                <c:pt idx="262">
                  <c:v>2.242</c:v>
                </c:pt>
                <c:pt idx="263">
                  <c:v>2.2530000000000001</c:v>
                </c:pt>
                <c:pt idx="264">
                  <c:v>2.2629999999999999</c:v>
                </c:pt>
                <c:pt idx="265">
                  <c:v>2.2730000000000001</c:v>
                </c:pt>
                <c:pt idx="266">
                  <c:v>2.2839999999999998</c:v>
                </c:pt>
                <c:pt idx="267">
                  <c:v>2.2930000000000001</c:v>
                </c:pt>
                <c:pt idx="268">
                  <c:v>2.3029999999999999</c:v>
                </c:pt>
                <c:pt idx="269">
                  <c:v>2.3130000000000002</c:v>
                </c:pt>
                <c:pt idx="270">
                  <c:v>2.3239999999999998</c:v>
                </c:pt>
                <c:pt idx="271">
                  <c:v>2.3330000000000002</c:v>
                </c:pt>
                <c:pt idx="272">
                  <c:v>2.3439999999999999</c:v>
                </c:pt>
                <c:pt idx="273">
                  <c:v>2.3530000000000002</c:v>
                </c:pt>
                <c:pt idx="274">
                  <c:v>2.3639999999999999</c:v>
                </c:pt>
                <c:pt idx="275">
                  <c:v>2.3730000000000002</c:v>
                </c:pt>
                <c:pt idx="276">
                  <c:v>2.3839999999999999</c:v>
                </c:pt>
                <c:pt idx="277">
                  <c:v>2.3929999999999998</c:v>
                </c:pt>
                <c:pt idx="278">
                  <c:v>2.4039999999999999</c:v>
                </c:pt>
                <c:pt idx="279">
                  <c:v>2.4129999999999998</c:v>
                </c:pt>
                <c:pt idx="280">
                  <c:v>2.4239999999999999</c:v>
                </c:pt>
                <c:pt idx="281">
                  <c:v>2.4329999999999998</c:v>
                </c:pt>
                <c:pt idx="282">
                  <c:v>2.4430000000000001</c:v>
                </c:pt>
                <c:pt idx="283">
                  <c:v>2.4540000000000002</c:v>
                </c:pt>
                <c:pt idx="284">
                  <c:v>2.4630000000000001</c:v>
                </c:pt>
                <c:pt idx="285">
                  <c:v>2.472</c:v>
                </c:pt>
                <c:pt idx="286">
                  <c:v>2.4830000000000001</c:v>
                </c:pt>
                <c:pt idx="287">
                  <c:v>2.4940000000000002</c:v>
                </c:pt>
                <c:pt idx="288">
                  <c:v>2.5030000000000001</c:v>
                </c:pt>
                <c:pt idx="289">
                  <c:v>2.5139999999999998</c:v>
                </c:pt>
                <c:pt idx="290">
                  <c:v>2.5230000000000001</c:v>
                </c:pt>
                <c:pt idx="291">
                  <c:v>2.5339999999999998</c:v>
                </c:pt>
                <c:pt idx="292">
                  <c:v>2.5430000000000001</c:v>
                </c:pt>
                <c:pt idx="293">
                  <c:v>2.5529999999999999</c:v>
                </c:pt>
                <c:pt idx="294">
                  <c:v>2.5640000000000001</c:v>
                </c:pt>
                <c:pt idx="295">
                  <c:v>2.573</c:v>
                </c:pt>
                <c:pt idx="296">
                  <c:v>2.5830000000000002</c:v>
                </c:pt>
                <c:pt idx="297">
                  <c:v>2.5920000000000001</c:v>
                </c:pt>
                <c:pt idx="298">
                  <c:v>2.6030000000000002</c:v>
                </c:pt>
                <c:pt idx="299">
                  <c:v>2.6120000000000001</c:v>
                </c:pt>
                <c:pt idx="300">
                  <c:v>2.6230000000000002</c:v>
                </c:pt>
                <c:pt idx="301">
                  <c:v>2.6320000000000001</c:v>
                </c:pt>
                <c:pt idx="302">
                  <c:v>2.6429999999999998</c:v>
                </c:pt>
                <c:pt idx="303">
                  <c:v>2.6520000000000001</c:v>
                </c:pt>
                <c:pt idx="304">
                  <c:v>2.6629999999999998</c:v>
                </c:pt>
                <c:pt idx="305">
                  <c:v>2.6720000000000002</c:v>
                </c:pt>
                <c:pt idx="306">
                  <c:v>2.6819999999999999</c:v>
                </c:pt>
                <c:pt idx="307">
                  <c:v>2.6920000000000002</c:v>
                </c:pt>
                <c:pt idx="308">
                  <c:v>2.702</c:v>
                </c:pt>
                <c:pt idx="309">
                  <c:v>2.7120000000000002</c:v>
                </c:pt>
                <c:pt idx="310">
                  <c:v>2.722</c:v>
                </c:pt>
                <c:pt idx="311">
                  <c:v>2.7309999999999999</c:v>
                </c:pt>
                <c:pt idx="312">
                  <c:v>2.742</c:v>
                </c:pt>
                <c:pt idx="313">
                  <c:v>2.7519999999999998</c:v>
                </c:pt>
                <c:pt idx="314">
                  <c:v>2.762</c:v>
                </c:pt>
                <c:pt idx="315">
                  <c:v>2.7709999999999999</c:v>
                </c:pt>
                <c:pt idx="316">
                  <c:v>2.782</c:v>
                </c:pt>
                <c:pt idx="317">
                  <c:v>2.7909999999999999</c:v>
                </c:pt>
                <c:pt idx="318">
                  <c:v>2.802</c:v>
                </c:pt>
                <c:pt idx="319">
                  <c:v>2.8119999999999998</c:v>
                </c:pt>
                <c:pt idx="320">
                  <c:v>2.8220000000000001</c:v>
                </c:pt>
                <c:pt idx="321">
                  <c:v>2.8730000000000002</c:v>
                </c:pt>
                <c:pt idx="322">
                  <c:v>2.8820000000000001</c:v>
                </c:pt>
                <c:pt idx="323">
                  <c:v>2.8919999999999999</c:v>
                </c:pt>
                <c:pt idx="324">
                  <c:v>2.903</c:v>
                </c:pt>
                <c:pt idx="325">
                  <c:v>2.9119999999999999</c:v>
                </c:pt>
                <c:pt idx="326">
                  <c:v>2.923</c:v>
                </c:pt>
                <c:pt idx="327">
                  <c:v>2.9329999999999998</c:v>
                </c:pt>
                <c:pt idx="328">
                  <c:v>2.9420000000000002</c:v>
                </c:pt>
                <c:pt idx="329">
                  <c:v>2.9529999999999998</c:v>
                </c:pt>
                <c:pt idx="330">
                  <c:v>2.9620000000000002</c:v>
                </c:pt>
                <c:pt idx="331">
                  <c:v>2.9729999999999999</c:v>
                </c:pt>
                <c:pt idx="332">
                  <c:v>3.032</c:v>
                </c:pt>
                <c:pt idx="333">
                  <c:v>3.0419999999999998</c:v>
                </c:pt>
                <c:pt idx="334">
                  <c:v>3.0529999999999999</c:v>
                </c:pt>
                <c:pt idx="335">
                  <c:v>3.0619999999999998</c:v>
                </c:pt>
                <c:pt idx="336">
                  <c:v>3.0720000000000001</c:v>
                </c:pt>
                <c:pt idx="337">
                  <c:v>3.0819999999999999</c:v>
                </c:pt>
                <c:pt idx="338">
                  <c:v>3.0920000000000001</c:v>
                </c:pt>
                <c:pt idx="339">
                  <c:v>3.101</c:v>
                </c:pt>
                <c:pt idx="340">
                  <c:v>3.1120000000000001</c:v>
                </c:pt>
                <c:pt idx="341">
                  <c:v>3.121</c:v>
                </c:pt>
                <c:pt idx="342">
                  <c:v>3.1320000000000001</c:v>
                </c:pt>
                <c:pt idx="343">
                  <c:v>3.1419999999999999</c:v>
                </c:pt>
                <c:pt idx="344">
                  <c:v>3.1520000000000001</c:v>
                </c:pt>
                <c:pt idx="345">
                  <c:v>3.1619999999999999</c:v>
                </c:pt>
                <c:pt idx="346">
                  <c:v>3.1720000000000002</c:v>
                </c:pt>
                <c:pt idx="347">
                  <c:v>3.1829999999999998</c:v>
                </c:pt>
                <c:pt idx="348">
                  <c:v>3.1930000000000001</c:v>
                </c:pt>
                <c:pt idx="349">
                  <c:v>3.202</c:v>
                </c:pt>
                <c:pt idx="350">
                  <c:v>3.2120000000000002</c:v>
                </c:pt>
                <c:pt idx="351">
                  <c:v>3.2229999999999999</c:v>
                </c:pt>
                <c:pt idx="352">
                  <c:v>3.2320000000000002</c:v>
                </c:pt>
                <c:pt idx="353">
                  <c:v>3.242</c:v>
                </c:pt>
                <c:pt idx="354">
                  <c:v>3.2519999999999998</c:v>
                </c:pt>
                <c:pt idx="355">
                  <c:v>3.2629999999999999</c:v>
                </c:pt>
                <c:pt idx="356">
                  <c:v>3.2719999999999998</c:v>
                </c:pt>
                <c:pt idx="357">
                  <c:v>3.2829999999999999</c:v>
                </c:pt>
                <c:pt idx="358">
                  <c:v>3.2919999999999998</c:v>
                </c:pt>
                <c:pt idx="359">
                  <c:v>3.3029999999999999</c:v>
                </c:pt>
                <c:pt idx="360">
                  <c:v>3.3119999999999998</c:v>
                </c:pt>
                <c:pt idx="361">
                  <c:v>3.323</c:v>
                </c:pt>
                <c:pt idx="362">
                  <c:v>3.3319999999999999</c:v>
                </c:pt>
                <c:pt idx="363">
                  <c:v>3.343</c:v>
                </c:pt>
                <c:pt idx="364">
                  <c:v>3.3530000000000002</c:v>
                </c:pt>
                <c:pt idx="365">
                  <c:v>3.363</c:v>
                </c:pt>
                <c:pt idx="366">
                  <c:v>3.3730000000000002</c:v>
                </c:pt>
                <c:pt idx="367">
                  <c:v>3.3839999999999999</c:v>
                </c:pt>
                <c:pt idx="368">
                  <c:v>3.3929999999999998</c:v>
                </c:pt>
                <c:pt idx="369">
                  <c:v>3.403</c:v>
                </c:pt>
                <c:pt idx="370">
                  <c:v>3.4140000000000001</c:v>
                </c:pt>
                <c:pt idx="371">
                  <c:v>3.4239999999999999</c:v>
                </c:pt>
                <c:pt idx="372">
                  <c:v>3.4329999999999998</c:v>
                </c:pt>
                <c:pt idx="373">
                  <c:v>3.444</c:v>
                </c:pt>
                <c:pt idx="374">
                  <c:v>3.4529999999999998</c:v>
                </c:pt>
                <c:pt idx="375">
                  <c:v>3.464</c:v>
                </c:pt>
                <c:pt idx="376">
                  <c:v>3.4740000000000002</c:v>
                </c:pt>
                <c:pt idx="377">
                  <c:v>3.4849999999999999</c:v>
                </c:pt>
                <c:pt idx="378">
                  <c:v>3.4940000000000002</c:v>
                </c:pt>
                <c:pt idx="379">
                  <c:v>3.5049999999999999</c:v>
                </c:pt>
                <c:pt idx="380">
                  <c:v>3.5139999999999998</c:v>
                </c:pt>
                <c:pt idx="381">
                  <c:v>3.5249999999999999</c:v>
                </c:pt>
                <c:pt idx="382">
                  <c:v>3.5339999999999998</c:v>
                </c:pt>
                <c:pt idx="383">
                  <c:v>3.5449999999999999</c:v>
                </c:pt>
                <c:pt idx="384">
                  <c:v>3.5539999999999998</c:v>
                </c:pt>
                <c:pt idx="385">
                  <c:v>3.5649999999999999</c:v>
                </c:pt>
                <c:pt idx="386">
                  <c:v>3.5739999999999998</c:v>
                </c:pt>
                <c:pt idx="387">
                  <c:v>3.5840000000000001</c:v>
                </c:pt>
                <c:pt idx="388">
                  <c:v>3.5939999999999999</c:v>
                </c:pt>
                <c:pt idx="389">
                  <c:v>3.605</c:v>
                </c:pt>
                <c:pt idx="390">
                  <c:v>3.6139999999999999</c:v>
                </c:pt>
                <c:pt idx="391">
                  <c:v>3.625</c:v>
                </c:pt>
                <c:pt idx="392">
                  <c:v>3.6339999999999999</c:v>
                </c:pt>
                <c:pt idx="393">
                  <c:v>3.645</c:v>
                </c:pt>
                <c:pt idx="394">
                  <c:v>3.6539999999999999</c:v>
                </c:pt>
                <c:pt idx="395">
                  <c:v>3.665</c:v>
                </c:pt>
                <c:pt idx="396">
                  <c:v>3.6739999999999999</c:v>
                </c:pt>
                <c:pt idx="397">
                  <c:v>3.6850000000000001</c:v>
                </c:pt>
                <c:pt idx="398">
                  <c:v>3.6949999999999998</c:v>
                </c:pt>
                <c:pt idx="399">
                  <c:v>3.7040000000000002</c:v>
                </c:pt>
                <c:pt idx="400">
                  <c:v>3.7149999999999999</c:v>
                </c:pt>
                <c:pt idx="401">
                  <c:v>3.7240000000000002</c:v>
                </c:pt>
                <c:pt idx="402">
                  <c:v>3.7349999999999999</c:v>
                </c:pt>
                <c:pt idx="403">
                  <c:v>3.7440000000000002</c:v>
                </c:pt>
                <c:pt idx="404">
                  <c:v>3.7549999999999999</c:v>
                </c:pt>
                <c:pt idx="405">
                  <c:v>3.7639999999999998</c:v>
                </c:pt>
                <c:pt idx="406">
                  <c:v>3.7749999999999999</c:v>
                </c:pt>
                <c:pt idx="407">
                  <c:v>3.7850000000000001</c:v>
                </c:pt>
                <c:pt idx="408">
                  <c:v>3.7949999999999999</c:v>
                </c:pt>
                <c:pt idx="409">
                  <c:v>3.806</c:v>
                </c:pt>
                <c:pt idx="410">
                  <c:v>3.8149999999999999</c:v>
                </c:pt>
                <c:pt idx="411">
                  <c:v>3.8260000000000001</c:v>
                </c:pt>
                <c:pt idx="412">
                  <c:v>3.835</c:v>
                </c:pt>
                <c:pt idx="413">
                  <c:v>3.8460000000000001</c:v>
                </c:pt>
                <c:pt idx="414">
                  <c:v>3.855</c:v>
                </c:pt>
                <c:pt idx="415">
                  <c:v>3.8660000000000001</c:v>
                </c:pt>
                <c:pt idx="416">
                  <c:v>3.875</c:v>
                </c:pt>
                <c:pt idx="417">
                  <c:v>3.8860000000000001</c:v>
                </c:pt>
                <c:pt idx="418">
                  <c:v>3.895</c:v>
                </c:pt>
                <c:pt idx="419">
                  <c:v>3.9060000000000001</c:v>
                </c:pt>
                <c:pt idx="420">
                  <c:v>3.915</c:v>
                </c:pt>
                <c:pt idx="421">
                  <c:v>3.9260000000000002</c:v>
                </c:pt>
                <c:pt idx="422">
                  <c:v>3.9350000000000001</c:v>
                </c:pt>
                <c:pt idx="423">
                  <c:v>3.9449999999999998</c:v>
                </c:pt>
                <c:pt idx="424">
                  <c:v>3.956</c:v>
                </c:pt>
                <c:pt idx="425">
                  <c:v>3.9649999999999999</c:v>
                </c:pt>
                <c:pt idx="426">
                  <c:v>3.976</c:v>
                </c:pt>
                <c:pt idx="427">
                  <c:v>3.9860000000000002</c:v>
                </c:pt>
                <c:pt idx="428">
                  <c:v>3.9969999999999999</c:v>
                </c:pt>
                <c:pt idx="429">
                  <c:v>4.0069999999999997</c:v>
                </c:pt>
                <c:pt idx="430">
                  <c:v>4.0170000000000003</c:v>
                </c:pt>
                <c:pt idx="431">
                  <c:v>4.0270000000000001</c:v>
                </c:pt>
                <c:pt idx="432">
                  <c:v>4.0369999999999999</c:v>
                </c:pt>
                <c:pt idx="433">
                  <c:v>4.0469999999999997</c:v>
                </c:pt>
                <c:pt idx="434">
                  <c:v>4.056</c:v>
                </c:pt>
                <c:pt idx="435">
                  <c:v>4.0659999999999998</c:v>
                </c:pt>
                <c:pt idx="436">
                  <c:v>4.077</c:v>
                </c:pt>
                <c:pt idx="437">
                  <c:v>4.0869999999999997</c:v>
                </c:pt>
                <c:pt idx="438">
                  <c:v>4.0970000000000004</c:v>
                </c:pt>
                <c:pt idx="439">
                  <c:v>4.1059999999999999</c:v>
                </c:pt>
                <c:pt idx="440">
                  <c:v>4.1159999999999997</c:v>
                </c:pt>
                <c:pt idx="441">
                  <c:v>4.1269999999999998</c:v>
                </c:pt>
                <c:pt idx="442">
                  <c:v>4.1369999999999996</c:v>
                </c:pt>
                <c:pt idx="443">
                  <c:v>4.1470000000000002</c:v>
                </c:pt>
                <c:pt idx="444">
                  <c:v>4.1580000000000004</c:v>
                </c:pt>
                <c:pt idx="445">
                  <c:v>4.1669999999999998</c:v>
                </c:pt>
                <c:pt idx="446">
                  <c:v>4.1779999999999999</c:v>
                </c:pt>
                <c:pt idx="447">
                  <c:v>4.1870000000000003</c:v>
                </c:pt>
                <c:pt idx="448">
                  <c:v>4.1980000000000004</c:v>
                </c:pt>
                <c:pt idx="449">
                  <c:v>4.2069999999999999</c:v>
                </c:pt>
                <c:pt idx="450">
                  <c:v>4.218</c:v>
                </c:pt>
                <c:pt idx="451">
                  <c:v>4.2270000000000003</c:v>
                </c:pt>
                <c:pt idx="452">
                  <c:v>4.2380000000000004</c:v>
                </c:pt>
                <c:pt idx="453">
                  <c:v>4.2469999999999999</c:v>
                </c:pt>
                <c:pt idx="454">
                  <c:v>4.258</c:v>
                </c:pt>
                <c:pt idx="455">
                  <c:v>4.2670000000000003</c:v>
                </c:pt>
                <c:pt idx="456">
                  <c:v>4.2779999999999996</c:v>
                </c:pt>
                <c:pt idx="457">
                  <c:v>4.2869999999999999</c:v>
                </c:pt>
                <c:pt idx="458">
                  <c:v>4.298</c:v>
                </c:pt>
                <c:pt idx="459">
                  <c:v>4.3070000000000004</c:v>
                </c:pt>
                <c:pt idx="460">
                  <c:v>4.3179999999999996</c:v>
                </c:pt>
                <c:pt idx="461">
                  <c:v>4.327</c:v>
                </c:pt>
                <c:pt idx="462">
                  <c:v>4.3380000000000001</c:v>
                </c:pt>
                <c:pt idx="463">
                  <c:v>4.3479999999999999</c:v>
                </c:pt>
                <c:pt idx="464">
                  <c:v>4.3579999999999997</c:v>
                </c:pt>
                <c:pt idx="465">
                  <c:v>4.3680000000000003</c:v>
                </c:pt>
                <c:pt idx="466">
                  <c:v>4.3789999999999996</c:v>
                </c:pt>
                <c:pt idx="467">
                  <c:v>4.3879999999999999</c:v>
                </c:pt>
                <c:pt idx="468">
                  <c:v>4.399</c:v>
                </c:pt>
                <c:pt idx="469">
                  <c:v>4.4080000000000004</c:v>
                </c:pt>
                <c:pt idx="470">
                  <c:v>4.4180000000000001</c:v>
                </c:pt>
                <c:pt idx="471">
                  <c:v>4.4279999999999999</c:v>
                </c:pt>
                <c:pt idx="472">
                  <c:v>4.4379999999999997</c:v>
                </c:pt>
                <c:pt idx="473">
                  <c:v>4.4480000000000004</c:v>
                </c:pt>
                <c:pt idx="474">
                  <c:v>4.4569999999999999</c:v>
                </c:pt>
                <c:pt idx="475">
                  <c:v>4.468</c:v>
                </c:pt>
                <c:pt idx="476">
                  <c:v>4.4779999999999998</c:v>
                </c:pt>
                <c:pt idx="477">
                  <c:v>4.4889999999999999</c:v>
                </c:pt>
                <c:pt idx="478">
                  <c:v>4.4980000000000002</c:v>
                </c:pt>
                <c:pt idx="479">
                  <c:v>4.5090000000000003</c:v>
                </c:pt>
                <c:pt idx="480">
                  <c:v>4.5179999999999998</c:v>
                </c:pt>
                <c:pt idx="481">
                  <c:v>4.5289999999999999</c:v>
                </c:pt>
                <c:pt idx="482">
                  <c:v>4.54</c:v>
                </c:pt>
                <c:pt idx="483">
                  <c:v>4.5490000000000004</c:v>
                </c:pt>
                <c:pt idx="484">
                  <c:v>4.5599999999999996</c:v>
                </c:pt>
                <c:pt idx="485">
                  <c:v>4.569</c:v>
                </c:pt>
                <c:pt idx="486">
                  <c:v>4.5789999999999997</c:v>
                </c:pt>
                <c:pt idx="487">
                  <c:v>4.5880000000000001</c:v>
                </c:pt>
                <c:pt idx="488">
                  <c:v>4.5979999999999999</c:v>
                </c:pt>
                <c:pt idx="489">
                  <c:v>4.6079999999999997</c:v>
                </c:pt>
                <c:pt idx="490">
                  <c:v>4.6189999999999998</c:v>
                </c:pt>
                <c:pt idx="491">
                  <c:v>4.6280000000000001</c:v>
                </c:pt>
                <c:pt idx="492">
                  <c:v>4.6390000000000002</c:v>
                </c:pt>
                <c:pt idx="493">
                  <c:v>4.6479999999999997</c:v>
                </c:pt>
                <c:pt idx="494">
                  <c:v>4.6589999999999998</c:v>
                </c:pt>
                <c:pt idx="495">
                  <c:v>4.6689999999999996</c:v>
                </c:pt>
                <c:pt idx="496">
                  <c:v>4.6790000000000003</c:v>
                </c:pt>
                <c:pt idx="497">
                  <c:v>4.6890000000000001</c:v>
                </c:pt>
                <c:pt idx="498">
                  <c:v>4.6989999999999998</c:v>
                </c:pt>
                <c:pt idx="499">
                  <c:v>4.7089999999999996</c:v>
                </c:pt>
                <c:pt idx="500">
                  <c:v>4.7190000000000003</c:v>
                </c:pt>
                <c:pt idx="501">
                  <c:v>4.7279999999999998</c:v>
                </c:pt>
                <c:pt idx="502">
                  <c:v>4.7389999999999999</c:v>
                </c:pt>
                <c:pt idx="503">
                  <c:v>4.7489999999999997</c:v>
                </c:pt>
                <c:pt idx="504">
                  <c:v>4.7590000000000003</c:v>
                </c:pt>
                <c:pt idx="505">
                  <c:v>4.7690000000000001</c:v>
                </c:pt>
                <c:pt idx="506">
                  <c:v>4.7789999999999999</c:v>
                </c:pt>
                <c:pt idx="507">
                  <c:v>4.7889999999999997</c:v>
                </c:pt>
                <c:pt idx="508">
                  <c:v>4.7990000000000004</c:v>
                </c:pt>
                <c:pt idx="509">
                  <c:v>4.8090000000000002</c:v>
                </c:pt>
                <c:pt idx="510">
                  <c:v>4.82</c:v>
                </c:pt>
                <c:pt idx="511">
                  <c:v>4.8289999999999997</c:v>
                </c:pt>
                <c:pt idx="512">
                  <c:v>4.84</c:v>
                </c:pt>
                <c:pt idx="513">
                  <c:v>4.8499999999999996</c:v>
                </c:pt>
                <c:pt idx="514">
                  <c:v>4.859</c:v>
                </c:pt>
                <c:pt idx="515">
                  <c:v>4.87</c:v>
                </c:pt>
                <c:pt idx="516">
                  <c:v>4.88</c:v>
                </c:pt>
                <c:pt idx="517">
                  <c:v>4.8899999999999997</c:v>
                </c:pt>
                <c:pt idx="518">
                  <c:v>4.899</c:v>
                </c:pt>
                <c:pt idx="519">
                  <c:v>4.91</c:v>
                </c:pt>
                <c:pt idx="520">
                  <c:v>4.9189999999999996</c:v>
                </c:pt>
                <c:pt idx="521">
                  <c:v>4.93</c:v>
                </c:pt>
                <c:pt idx="522">
                  <c:v>4.9400000000000004</c:v>
                </c:pt>
                <c:pt idx="523">
                  <c:v>4.95</c:v>
                </c:pt>
                <c:pt idx="524">
                  <c:v>4.96</c:v>
                </c:pt>
                <c:pt idx="525">
                  <c:v>4.97</c:v>
                </c:pt>
                <c:pt idx="526">
                  <c:v>4.9800000000000004</c:v>
                </c:pt>
                <c:pt idx="527">
                  <c:v>4.9909999999999997</c:v>
                </c:pt>
                <c:pt idx="528">
                  <c:v>5</c:v>
                </c:pt>
                <c:pt idx="529">
                  <c:v>5.01</c:v>
                </c:pt>
                <c:pt idx="530">
                  <c:v>5.0209999999999999</c:v>
                </c:pt>
                <c:pt idx="531">
                  <c:v>5.03</c:v>
                </c:pt>
                <c:pt idx="532">
                  <c:v>5.0410000000000004</c:v>
                </c:pt>
                <c:pt idx="533">
                  <c:v>5.05</c:v>
                </c:pt>
                <c:pt idx="534">
                  <c:v>5.0599999999999996</c:v>
                </c:pt>
                <c:pt idx="535">
                  <c:v>5.07</c:v>
                </c:pt>
                <c:pt idx="536">
                  <c:v>5.08</c:v>
                </c:pt>
                <c:pt idx="537">
                  <c:v>5.09</c:v>
                </c:pt>
                <c:pt idx="538">
                  <c:v>5.0999999999999996</c:v>
                </c:pt>
                <c:pt idx="539">
                  <c:v>5.1100000000000003</c:v>
                </c:pt>
                <c:pt idx="540">
                  <c:v>5.1210000000000004</c:v>
                </c:pt>
                <c:pt idx="541">
                  <c:v>5.181</c:v>
                </c:pt>
                <c:pt idx="542">
                  <c:v>5.1920000000000002</c:v>
                </c:pt>
                <c:pt idx="543">
                  <c:v>5.2009999999999996</c:v>
                </c:pt>
                <c:pt idx="544">
                  <c:v>5.21</c:v>
                </c:pt>
                <c:pt idx="545">
                  <c:v>5.2210000000000001</c:v>
                </c:pt>
                <c:pt idx="546">
                  <c:v>5.23</c:v>
                </c:pt>
                <c:pt idx="547">
                  <c:v>5.2409999999999997</c:v>
                </c:pt>
                <c:pt idx="548">
                  <c:v>5.25</c:v>
                </c:pt>
                <c:pt idx="549">
                  <c:v>5.2610000000000001</c:v>
                </c:pt>
                <c:pt idx="550">
                  <c:v>5.27</c:v>
                </c:pt>
                <c:pt idx="551">
                  <c:v>5.2809999999999997</c:v>
                </c:pt>
                <c:pt idx="552">
                  <c:v>5.2910000000000004</c:v>
                </c:pt>
                <c:pt idx="553">
                  <c:v>5.3010000000000002</c:v>
                </c:pt>
                <c:pt idx="554">
                  <c:v>5.3120000000000003</c:v>
                </c:pt>
                <c:pt idx="555">
                  <c:v>5.3220000000000001</c:v>
                </c:pt>
                <c:pt idx="556">
                  <c:v>5.3319999999999999</c:v>
                </c:pt>
                <c:pt idx="557">
                  <c:v>5.3419999999999996</c:v>
                </c:pt>
                <c:pt idx="558">
                  <c:v>5.3529999999999998</c:v>
                </c:pt>
                <c:pt idx="559">
                  <c:v>5.3620000000000001</c:v>
                </c:pt>
                <c:pt idx="560">
                  <c:v>5.3719999999999999</c:v>
                </c:pt>
                <c:pt idx="561">
                  <c:v>5.3819999999999997</c:v>
                </c:pt>
                <c:pt idx="562">
                  <c:v>5.3920000000000003</c:v>
                </c:pt>
                <c:pt idx="563">
                  <c:v>5.4020000000000001</c:v>
                </c:pt>
                <c:pt idx="564">
                  <c:v>5.4109999999999996</c:v>
                </c:pt>
                <c:pt idx="565">
                  <c:v>5.4219999999999997</c:v>
                </c:pt>
                <c:pt idx="566">
                  <c:v>5.4320000000000004</c:v>
                </c:pt>
                <c:pt idx="567">
                  <c:v>5.4420000000000002</c:v>
                </c:pt>
                <c:pt idx="568">
                  <c:v>5.452</c:v>
                </c:pt>
                <c:pt idx="569">
                  <c:v>5.4630000000000001</c:v>
                </c:pt>
                <c:pt idx="570">
                  <c:v>5.4720000000000004</c:v>
                </c:pt>
                <c:pt idx="571">
                  <c:v>5.4829999999999997</c:v>
                </c:pt>
                <c:pt idx="572">
                  <c:v>5.4930000000000003</c:v>
                </c:pt>
                <c:pt idx="573">
                  <c:v>5.5019999999999998</c:v>
                </c:pt>
                <c:pt idx="574">
                  <c:v>5.5129999999999999</c:v>
                </c:pt>
                <c:pt idx="575">
                  <c:v>5.5229999999999997</c:v>
                </c:pt>
                <c:pt idx="576">
                  <c:v>5.5330000000000004</c:v>
                </c:pt>
                <c:pt idx="577">
                  <c:v>5.5430000000000001</c:v>
                </c:pt>
                <c:pt idx="578">
                  <c:v>5.5519999999999996</c:v>
                </c:pt>
                <c:pt idx="579">
                  <c:v>5.5629999999999997</c:v>
                </c:pt>
                <c:pt idx="580">
                  <c:v>5.5720000000000001</c:v>
                </c:pt>
                <c:pt idx="581">
                  <c:v>5.5830000000000002</c:v>
                </c:pt>
                <c:pt idx="582">
                  <c:v>5.5919999999999996</c:v>
                </c:pt>
                <c:pt idx="583">
                  <c:v>5.6029999999999998</c:v>
                </c:pt>
                <c:pt idx="584">
                  <c:v>5.6120000000000001</c:v>
                </c:pt>
                <c:pt idx="585">
                  <c:v>5.6230000000000002</c:v>
                </c:pt>
                <c:pt idx="586">
                  <c:v>5.633</c:v>
                </c:pt>
                <c:pt idx="587">
                  <c:v>5.6429999999999998</c:v>
                </c:pt>
                <c:pt idx="588">
                  <c:v>5.6520000000000001</c:v>
                </c:pt>
                <c:pt idx="589">
                  <c:v>5.6630000000000003</c:v>
                </c:pt>
                <c:pt idx="590">
                  <c:v>5.6719999999999997</c:v>
                </c:pt>
                <c:pt idx="591">
                  <c:v>5.6829999999999998</c:v>
                </c:pt>
                <c:pt idx="592">
                  <c:v>5.6929999999999996</c:v>
                </c:pt>
                <c:pt idx="593">
                  <c:v>5.7030000000000003</c:v>
                </c:pt>
                <c:pt idx="594">
                  <c:v>5.7130000000000001</c:v>
                </c:pt>
                <c:pt idx="595">
                  <c:v>5.7229999999999999</c:v>
                </c:pt>
                <c:pt idx="596">
                  <c:v>5.7329999999999997</c:v>
                </c:pt>
                <c:pt idx="597">
                  <c:v>5.7430000000000003</c:v>
                </c:pt>
                <c:pt idx="598">
                  <c:v>5.7530000000000001</c:v>
                </c:pt>
                <c:pt idx="599">
                  <c:v>5.7629999999999999</c:v>
                </c:pt>
                <c:pt idx="600">
                  <c:v>5.7720000000000002</c:v>
                </c:pt>
                <c:pt idx="601">
                  <c:v>5.7839999999999998</c:v>
                </c:pt>
                <c:pt idx="602">
                  <c:v>5.7930000000000001</c:v>
                </c:pt>
                <c:pt idx="603">
                  <c:v>5.8029999999999999</c:v>
                </c:pt>
                <c:pt idx="604">
                  <c:v>5.8129999999999997</c:v>
                </c:pt>
                <c:pt idx="605">
                  <c:v>5.8230000000000004</c:v>
                </c:pt>
                <c:pt idx="606">
                  <c:v>5.8330000000000002</c:v>
                </c:pt>
                <c:pt idx="607">
                  <c:v>5.843</c:v>
                </c:pt>
                <c:pt idx="608">
                  <c:v>5.8529999999999998</c:v>
                </c:pt>
                <c:pt idx="609">
                  <c:v>5.8630000000000004</c:v>
                </c:pt>
                <c:pt idx="610">
                  <c:v>5.8739999999999997</c:v>
                </c:pt>
                <c:pt idx="611">
                  <c:v>5.883</c:v>
                </c:pt>
                <c:pt idx="612">
                  <c:v>5.8940000000000001</c:v>
                </c:pt>
                <c:pt idx="613">
                  <c:v>5.9039999999999999</c:v>
                </c:pt>
                <c:pt idx="614">
                  <c:v>5.9130000000000003</c:v>
                </c:pt>
                <c:pt idx="615">
                  <c:v>5.923</c:v>
                </c:pt>
                <c:pt idx="616">
                  <c:v>5.9340000000000002</c:v>
                </c:pt>
                <c:pt idx="617">
                  <c:v>5.9429999999999996</c:v>
                </c:pt>
                <c:pt idx="618">
                  <c:v>5.9539999999999997</c:v>
                </c:pt>
                <c:pt idx="619">
                  <c:v>5.9630000000000001</c:v>
                </c:pt>
                <c:pt idx="620">
                  <c:v>5.9740000000000002</c:v>
                </c:pt>
                <c:pt idx="621">
                  <c:v>5.984</c:v>
                </c:pt>
                <c:pt idx="622">
                  <c:v>5.9939999999999998</c:v>
                </c:pt>
                <c:pt idx="623">
                  <c:v>6.0039999999999996</c:v>
                </c:pt>
                <c:pt idx="624">
                  <c:v>6.0149999999999997</c:v>
                </c:pt>
                <c:pt idx="625">
                  <c:v>6.024</c:v>
                </c:pt>
                <c:pt idx="626">
                  <c:v>6.0350000000000001</c:v>
                </c:pt>
                <c:pt idx="627">
                  <c:v>6.0439999999999996</c:v>
                </c:pt>
                <c:pt idx="628">
                  <c:v>6.0549999999999997</c:v>
                </c:pt>
                <c:pt idx="629">
                  <c:v>6.0650000000000004</c:v>
                </c:pt>
                <c:pt idx="630">
                  <c:v>6.0750000000000002</c:v>
                </c:pt>
                <c:pt idx="631">
                  <c:v>6.085</c:v>
                </c:pt>
                <c:pt idx="632">
                  <c:v>6.0949999999999998</c:v>
                </c:pt>
                <c:pt idx="633">
                  <c:v>6.1059999999999999</c:v>
                </c:pt>
                <c:pt idx="634">
                  <c:v>6.1150000000000002</c:v>
                </c:pt>
                <c:pt idx="635">
                  <c:v>6.125</c:v>
                </c:pt>
                <c:pt idx="636">
                  <c:v>6.1360000000000001</c:v>
                </c:pt>
                <c:pt idx="637">
                  <c:v>6.1449999999999996</c:v>
                </c:pt>
                <c:pt idx="638">
                  <c:v>6.1559999999999997</c:v>
                </c:pt>
                <c:pt idx="639">
                  <c:v>6.165</c:v>
                </c:pt>
                <c:pt idx="640">
                  <c:v>6.1760000000000002</c:v>
                </c:pt>
                <c:pt idx="641">
                  <c:v>6.1849999999999996</c:v>
                </c:pt>
                <c:pt idx="642">
                  <c:v>6.1959999999999997</c:v>
                </c:pt>
                <c:pt idx="643">
                  <c:v>6.2050000000000001</c:v>
                </c:pt>
                <c:pt idx="644">
                  <c:v>6.2149999999999999</c:v>
                </c:pt>
                <c:pt idx="645">
                  <c:v>6.2249999999999996</c:v>
                </c:pt>
                <c:pt idx="646">
                  <c:v>6.2359999999999998</c:v>
                </c:pt>
                <c:pt idx="647">
                  <c:v>6.2450000000000001</c:v>
                </c:pt>
                <c:pt idx="648">
                  <c:v>6.2560000000000002</c:v>
                </c:pt>
                <c:pt idx="649">
                  <c:v>6.266</c:v>
                </c:pt>
                <c:pt idx="650">
                  <c:v>6.2759999999999998</c:v>
                </c:pt>
                <c:pt idx="651">
                  <c:v>6.2869999999999999</c:v>
                </c:pt>
                <c:pt idx="652">
                  <c:v>6.2960000000000003</c:v>
                </c:pt>
                <c:pt idx="653">
                  <c:v>6.306</c:v>
                </c:pt>
                <c:pt idx="654">
                  <c:v>6.3159999999999998</c:v>
                </c:pt>
                <c:pt idx="655">
                  <c:v>6.327</c:v>
                </c:pt>
                <c:pt idx="656">
                  <c:v>6.3369999999999997</c:v>
                </c:pt>
                <c:pt idx="657">
                  <c:v>6.3460000000000001</c:v>
                </c:pt>
                <c:pt idx="658">
                  <c:v>6.3570000000000002</c:v>
                </c:pt>
                <c:pt idx="659">
                  <c:v>6.3659999999999997</c:v>
                </c:pt>
                <c:pt idx="660">
                  <c:v>6.3769999999999998</c:v>
                </c:pt>
                <c:pt idx="661">
                  <c:v>6.3860000000000001</c:v>
                </c:pt>
                <c:pt idx="662">
                  <c:v>6.3970000000000002</c:v>
                </c:pt>
                <c:pt idx="663">
                  <c:v>6.4059999999999997</c:v>
                </c:pt>
                <c:pt idx="664">
                  <c:v>6.4160000000000004</c:v>
                </c:pt>
                <c:pt idx="665">
                  <c:v>6.4260000000000002</c:v>
                </c:pt>
                <c:pt idx="666">
                  <c:v>6.4359999999999999</c:v>
                </c:pt>
                <c:pt idx="667">
                  <c:v>6.4459999999999997</c:v>
                </c:pt>
                <c:pt idx="668">
                  <c:v>6.4560000000000004</c:v>
                </c:pt>
                <c:pt idx="669">
                  <c:v>6.4660000000000002</c:v>
                </c:pt>
                <c:pt idx="670">
                  <c:v>6.4770000000000003</c:v>
                </c:pt>
                <c:pt idx="671">
                  <c:v>6.4870000000000001</c:v>
                </c:pt>
                <c:pt idx="672">
                  <c:v>6.4969999999999999</c:v>
                </c:pt>
                <c:pt idx="673">
                  <c:v>6.5069999999999997</c:v>
                </c:pt>
                <c:pt idx="674">
                  <c:v>6.5170000000000003</c:v>
                </c:pt>
                <c:pt idx="675">
                  <c:v>6.5270000000000001</c:v>
                </c:pt>
                <c:pt idx="676">
                  <c:v>6.5380000000000003</c:v>
                </c:pt>
                <c:pt idx="677">
                  <c:v>6.5469999999999997</c:v>
                </c:pt>
                <c:pt idx="678">
                  <c:v>6.5570000000000004</c:v>
                </c:pt>
                <c:pt idx="679">
                  <c:v>6.5670000000000002</c:v>
                </c:pt>
                <c:pt idx="680">
                  <c:v>6.577</c:v>
                </c:pt>
                <c:pt idx="681">
                  <c:v>6.5869999999999997</c:v>
                </c:pt>
                <c:pt idx="682">
                  <c:v>6.5960000000000001</c:v>
                </c:pt>
                <c:pt idx="683">
                  <c:v>6.6070000000000002</c:v>
                </c:pt>
                <c:pt idx="684">
                  <c:v>6.6159999999999997</c:v>
                </c:pt>
                <c:pt idx="685">
                  <c:v>6.6269999999999998</c:v>
                </c:pt>
                <c:pt idx="686">
                  <c:v>6.6360000000000001</c:v>
                </c:pt>
                <c:pt idx="687">
                  <c:v>6.6470000000000002</c:v>
                </c:pt>
                <c:pt idx="688">
                  <c:v>6.6559999999999997</c:v>
                </c:pt>
                <c:pt idx="689">
                  <c:v>6.6669999999999998</c:v>
                </c:pt>
                <c:pt idx="690">
                  <c:v>6.6769999999999996</c:v>
                </c:pt>
                <c:pt idx="691">
                  <c:v>6.6870000000000003</c:v>
                </c:pt>
                <c:pt idx="692">
                  <c:v>6.6970000000000001</c:v>
                </c:pt>
                <c:pt idx="693">
                  <c:v>6.7069999999999999</c:v>
                </c:pt>
                <c:pt idx="694">
                  <c:v>6.7169999999999996</c:v>
                </c:pt>
                <c:pt idx="695">
                  <c:v>6.7279999999999998</c:v>
                </c:pt>
                <c:pt idx="696">
                  <c:v>6.7370000000000001</c:v>
                </c:pt>
                <c:pt idx="697">
                  <c:v>6.7469999999999999</c:v>
                </c:pt>
                <c:pt idx="698">
                  <c:v>6.7560000000000002</c:v>
                </c:pt>
                <c:pt idx="699">
                  <c:v>6.7670000000000003</c:v>
                </c:pt>
                <c:pt idx="700">
                  <c:v>6.7759999999999998</c:v>
                </c:pt>
                <c:pt idx="701">
                  <c:v>6.7869999999999999</c:v>
                </c:pt>
                <c:pt idx="702">
                  <c:v>6.7969999999999997</c:v>
                </c:pt>
                <c:pt idx="703">
                  <c:v>6.8070000000000004</c:v>
                </c:pt>
                <c:pt idx="704">
                  <c:v>6.8170000000000002</c:v>
                </c:pt>
                <c:pt idx="705">
                  <c:v>6.827</c:v>
                </c:pt>
                <c:pt idx="706">
                  <c:v>6.8369999999999997</c:v>
                </c:pt>
                <c:pt idx="707">
                  <c:v>6.8470000000000004</c:v>
                </c:pt>
                <c:pt idx="708">
                  <c:v>6.8579999999999997</c:v>
                </c:pt>
                <c:pt idx="709">
                  <c:v>6.867</c:v>
                </c:pt>
                <c:pt idx="710">
                  <c:v>6.8780000000000001</c:v>
                </c:pt>
                <c:pt idx="711">
                  <c:v>6.8869999999999996</c:v>
                </c:pt>
                <c:pt idx="712">
                  <c:v>6.8979999999999997</c:v>
                </c:pt>
                <c:pt idx="713">
                  <c:v>6.907</c:v>
                </c:pt>
                <c:pt idx="714">
                  <c:v>6.9180000000000001</c:v>
                </c:pt>
                <c:pt idx="715">
                  <c:v>6.9269999999999996</c:v>
                </c:pt>
                <c:pt idx="716">
                  <c:v>6.9379999999999997</c:v>
                </c:pt>
                <c:pt idx="717">
                  <c:v>6.9470000000000001</c:v>
                </c:pt>
                <c:pt idx="718">
                  <c:v>6.9580000000000002</c:v>
                </c:pt>
                <c:pt idx="719">
                  <c:v>6.9669999999999996</c:v>
                </c:pt>
                <c:pt idx="720">
                  <c:v>6.9779999999999998</c:v>
                </c:pt>
                <c:pt idx="721">
                  <c:v>6.9880000000000004</c:v>
                </c:pt>
                <c:pt idx="722">
                  <c:v>6.9980000000000002</c:v>
                </c:pt>
                <c:pt idx="723">
                  <c:v>7.008</c:v>
                </c:pt>
                <c:pt idx="724">
                  <c:v>7.0190000000000001</c:v>
                </c:pt>
                <c:pt idx="725">
                  <c:v>7.0279999999999996</c:v>
                </c:pt>
                <c:pt idx="726">
                  <c:v>7.0380000000000003</c:v>
                </c:pt>
                <c:pt idx="727">
                  <c:v>7.0869999999999997</c:v>
                </c:pt>
                <c:pt idx="728">
                  <c:v>7.0970000000000004</c:v>
                </c:pt>
                <c:pt idx="729">
                  <c:v>7.1070000000000002</c:v>
                </c:pt>
                <c:pt idx="730">
                  <c:v>7.1159999999999997</c:v>
                </c:pt>
                <c:pt idx="731">
                  <c:v>7.1269999999999998</c:v>
                </c:pt>
                <c:pt idx="732">
                  <c:v>7.1369999999999996</c:v>
                </c:pt>
                <c:pt idx="733">
                  <c:v>7.1479999999999997</c:v>
                </c:pt>
                <c:pt idx="734">
                  <c:v>7.157</c:v>
                </c:pt>
                <c:pt idx="735">
                  <c:v>7.1680000000000001</c:v>
                </c:pt>
                <c:pt idx="736">
                  <c:v>7.1779999999999999</c:v>
                </c:pt>
                <c:pt idx="737">
                  <c:v>7.1879999999999997</c:v>
                </c:pt>
                <c:pt idx="738">
                  <c:v>7.1980000000000004</c:v>
                </c:pt>
                <c:pt idx="739">
                  <c:v>7.2080000000000002</c:v>
                </c:pt>
                <c:pt idx="740">
                  <c:v>7.2169999999999996</c:v>
                </c:pt>
                <c:pt idx="741">
                  <c:v>7.2279999999999998</c:v>
                </c:pt>
                <c:pt idx="742">
                  <c:v>7.2370000000000001</c:v>
                </c:pt>
                <c:pt idx="743">
                  <c:v>7.2480000000000002</c:v>
                </c:pt>
                <c:pt idx="744">
                  <c:v>7.258</c:v>
                </c:pt>
                <c:pt idx="745">
                  <c:v>7.2679999999999998</c:v>
                </c:pt>
                <c:pt idx="746">
                  <c:v>7.2770000000000001</c:v>
                </c:pt>
                <c:pt idx="747">
                  <c:v>7.2880000000000003</c:v>
                </c:pt>
                <c:pt idx="748">
                  <c:v>7.298</c:v>
                </c:pt>
                <c:pt idx="749">
                  <c:v>7.3079999999999998</c:v>
                </c:pt>
                <c:pt idx="750">
                  <c:v>7.3179999999999996</c:v>
                </c:pt>
                <c:pt idx="751">
                  <c:v>7.3289999999999997</c:v>
                </c:pt>
                <c:pt idx="752">
                  <c:v>7.3380000000000001</c:v>
                </c:pt>
                <c:pt idx="753">
                  <c:v>7.3490000000000002</c:v>
                </c:pt>
                <c:pt idx="754">
                  <c:v>7.359</c:v>
                </c:pt>
                <c:pt idx="755">
                  <c:v>7.3689999999999998</c:v>
                </c:pt>
                <c:pt idx="756">
                  <c:v>7.3789999999999996</c:v>
                </c:pt>
                <c:pt idx="757">
                  <c:v>7.3879999999999999</c:v>
                </c:pt>
                <c:pt idx="758">
                  <c:v>7.399</c:v>
                </c:pt>
                <c:pt idx="759">
                  <c:v>7.4080000000000004</c:v>
                </c:pt>
                <c:pt idx="760">
                  <c:v>7.4189999999999996</c:v>
                </c:pt>
                <c:pt idx="761">
                  <c:v>7.4279999999999999</c:v>
                </c:pt>
                <c:pt idx="762">
                  <c:v>7.4379999999999997</c:v>
                </c:pt>
                <c:pt idx="763">
                  <c:v>7.4480000000000004</c:v>
                </c:pt>
                <c:pt idx="764">
                  <c:v>7.4589999999999996</c:v>
                </c:pt>
                <c:pt idx="765">
                  <c:v>7.468</c:v>
                </c:pt>
                <c:pt idx="766">
                  <c:v>7.4790000000000001</c:v>
                </c:pt>
                <c:pt idx="767">
                  <c:v>7.4889999999999999</c:v>
                </c:pt>
                <c:pt idx="768">
                  <c:v>7.4989999999999997</c:v>
                </c:pt>
                <c:pt idx="769">
                  <c:v>7.51</c:v>
                </c:pt>
                <c:pt idx="770">
                  <c:v>7.52</c:v>
                </c:pt>
                <c:pt idx="771">
                  <c:v>7.5289999999999999</c:v>
                </c:pt>
                <c:pt idx="772">
                  <c:v>7.54</c:v>
                </c:pt>
                <c:pt idx="773">
                  <c:v>7.55</c:v>
                </c:pt>
                <c:pt idx="774">
                  <c:v>7.5590000000000002</c:v>
                </c:pt>
                <c:pt idx="775">
                  <c:v>7.57</c:v>
                </c:pt>
                <c:pt idx="776">
                  <c:v>7.58</c:v>
                </c:pt>
                <c:pt idx="777">
                  <c:v>7.59</c:v>
                </c:pt>
                <c:pt idx="778">
                  <c:v>7.6</c:v>
                </c:pt>
                <c:pt idx="779">
                  <c:v>7.609</c:v>
                </c:pt>
                <c:pt idx="780">
                  <c:v>7.62</c:v>
                </c:pt>
                <c:pt idx="781">
                  <c:v>7.6289999999999996</c:v>
                </c:pt>
                <c:pt idx="782">
                  <c:v>7.64</c:v>
                </c:pt>
                <c:pt idx="783">
                  <c:v>7.65</c:v>
                </c:pt>
                <c:pt idx="784">
                  <c:v>7.66</c:v>
                </c:pt>
                <c:pt idx="785">
                  <c:v>7.6710000000000003</c:v>
                </c:pt>
                <c:pt idx="786">
                  <c:v>7.68</c:v>
                </c:pt>
                <c:pt idx="787">
                  <c:v>7.69</c:v>
                </c:pt>
                <c:pt idx="788">
                  <c:v>7.7009999999999996</c:v>
                </c:pt>
                <c:pt idx="789">
                  <c:v>7.7110000000000003</c:v>
                </c:pt>
                <c:pt idx="790">
                  <c:v>7.7210000000000001</c:v>
                </c:pt>
                <c:pt idx="791">
                  <c:v>7.7309999999999999</c:v>
                </c:pt>
                <c:pt idx="792">
                  <c:v>7.7409999999999997</c:v>
                </c:pt>
                <c:pt idx="793">
                  <c:v>7.75</c:v>
                </c:pt>
                <c:pt idx="794">
                  <c:v>7.7610000000000001</c:v>
                </c:pt>
                <c:pt idx="795">
                  <c:v>7.7709999999999999</c:v>
                </c:pt>
                <c:pt idx="796">
                  <c:v>7.78</c:v>
                </c:pt>
                <c:pt idx="797">
                  <c:v>7.7910000000000004</c:v>
                </c:pt>
                <c:pt idx="798">
                  <c:v>7.8010000000000002</c:v>
                </c:pt>
                <c:pt idx="799">
                  <c:v>7.8109999999999999</c:v>
                </c:pt>
                <c:pt idx="800">
                  <c:v>7.8209999999999997</c:v>
                </c:pt>
                <c:pt idx="801">
                  <c:v>7.8310000000000004</c:v>
                </c:pt>
                <c:pt idx="802">
                  <c:v>7.8410000000000002</c:v>
                </c:pt>
                <c:pt idx="803">
                  <c:v>7.8520000000000003</c:v>
                </c:pt>
                <c:pt idx="804">
                  <c:v>7.8609999999999998</c:v>
                </c:pt>
                <c:pt idx="805">
                  <c:v>7.8710000000000004</c:v>
                </c:pt>
                <c:pt idx="806">
                  <c:v>7.8819999999999997</c:v>
                </c:pt>
                <c:pt idx="807">
                  <c:v>7.891</c:v>
                </c:pt>
                <c:pt idx="808">
                  <c:v>7.9009999999999998</c:v>
                </c:pt>
                <c:pt idx="809">
                  <c:v>7.9119999999999999</c:v>
                </c:pt>
                <c:pt idx="810">
                  <c:v>7.9210000000000003</c:v>
                </c:pt>
                <c:pt idx="811">
                  <c:v>7.9320000000000004</c:v>
                </c:pt>
                <c:pt idx="812">
                  <c:v>7.9409999999999998</c:v>
                </c:pt>
                <c:pt idx="813">
                  <c:v>7.952</c:v>
                </c:pt>
                <c:pt idx="814">
                  <c:v>7.9610000000000003</c:v>
                </c:pt>
                <c:pt idx="815">
                  <c:v>7.9720000000000004</c:v>
                </c:pt>
                <c:pt idx="816">
                  <c:v>7.9820000000000002</c:v>
                </c:pt>
                <c:pt idx="817">
                  <c:v>7.9930000000000003</c:v>
                </c:pt>
                <c:pt idx="818">
                  <c:v>8.0030000000000001</c:v>
                </c:pt>
                <c:pt idx="819">
                  <c:v>8.0120000000000005</c:v>
                </c:pt>
                <c:pt idx="820">
                  <c:v>8.0229999999999997</c:v>
                </c:pt>
                <c:pt idx="821">
                  <c:v>8.032</c:v>
                </c:pt>
                <c:pt idx="822">
                  <c:v>8.0429999999999993</c:v>
                </c:pt>
                <c:pt idx="823">
                  <c:v>8.0519999999999996</c:v>
                </c:pt>
                <c:pt idx="824">
                  <c:v>8.0630000000000006</c:v>
                </c:pt>
                <c:pt idx="825">
                  <c:v>8.0719999999999992</c:v>
                </c:pt>
                <c:pt idx="826">
                  <c:v>8.0830000000000002</c:v>
                </c:pt>
                <c:pt idx="827">
                  <c:v>8.0920000000000005</c:v>
                </c:pt>
                <c:pt idx="828">
                  <c:v>8.1029999999999998</c:v>
                </c:pt>
                <c:pt idx="829">
                  <c:v>8.1140000000000008</c:v>
                </c:pt>
                <c:pt idx="830">
                  <c:v>8.1229999999999993</c:v>
                </c:pt>
                <c:pt idx="831">
                  <c:v>8.1329999999999991</c:v>
                </c:pt>
                <c:pt idx="832">
                  <c:v>8.1440000000000001</c:v>
                </c:pt>
                <c:pt idx="833">
                  <c:v>8.1530000000000005</c:v>
                </c:pt>
                <c:pt idx="834">
                  <c:v>8.1639999999999997</c:v>
                </c:pt>
                <c:pt idx="835">
                  <c:v>8.1739999999999995</c:v>
                </c:pt>
                <c:pt idx="836">
                  <c:v>8.1850000000000005</c:v>
                </c:pt>
                <c:pt idx="837">
                  <c:v>8.1940000000000008</c:v>
                </c:pt>
                <c:pt idx="838">
                  <c:v>8.2050000000000001</c:v>
                </c:pt>
                <c:pt idx="839">
                  <c:v>8.2140000000000004</c:v>
                </c:pt>
                <c:pt idx="840">
                  <c:v>8.2249999999999996</c:v>
                </c:pt>
                <c:pt idx="841">
                  <c:v>8.234</c:v>
                </c:pt>
                <c:pt idx="842">
                  <c:v>8.2439999999999998</c:v>
                </c:pt>
                <c:pt idx="843">
                  <c:v>8.2550000000000008</c:v>
                </c:pt>
                <c:pt idx="844">
                  <c:v>8.2639999999999993</c:v>
                </c:pt>
                <c:pt idx="845">
                  <c:v>8.2750000000000004</c:v>
                </c:pt>
                <c:pt idx="846">
                  <c:v>8.2840000000000007</c:v>
                </c:pt>
                <c:pt idx="847">
                  <c:v>8.2949999999999999</c:v>
                </c:pt>
                <c:pt idx="848">
                  <c:v>8.3049999999999997</c:v>
                </c:pt>
                <c:pt idx="849">
                  <c:v>8.3149999999999995</c:v>
                </c:pt>
                <c:pt idx="850">
                  <c:v>8.3239999999999998</c:v>
                </c:pt>
                <c:pt idx="851">
                  <c:v>8.3350000000000009</c:v>
                </c:pt>
                <c:pt idx="852">
                  <c:v>8.3450000000000006</c:v>
                </c:pt>
                <c:pt idx="853">
                  <c:v>8.3550000000000004</c:v>
                </c:pt>
                <c:pt idx="854">
                  <c:v>8.3650000000000002</c:v>
                </c:pt>
                <c:pt idx="855">
                  <c:v>8.3759999999999994</c:v>
                </c:pt>
                <c:pt idx="856">
                  <c:v>8.3849999999999998</c:v>
                </c:pt>
                <c:pt idx="857">
                  <c:v>8.3949999999999996</c:v>
                </c:pt>
                <c:pt idx="858">
                  <c:v>8.4049999999999994</c:v>
                </c:pt>
                <c:pt idx="859">
                  <c:v>8.4149999999999991</c:v>
                </c:pt>
                <c:pt idx="860">
                  <c:v>8.4239999999999995</c:v>
                </c:pt>
                <c:pt idx="861">
                  <c:v>8.4350000000000005</c:v>
                </c:pt>
                <c:pt idx="862">
                  <c:v>8.4440000000000008</c:v>
                </c:pt>
                <c:pt idx="863">
                  <c:v>8.4550000000000001</c:v>
                </c:pt>
                <c:pt idx="864">
                  <c:v>8.4649999999999999</c:v>
                </c:pt>
                <c:pt idx="865">
                  <c:v>8.4760000000000009</c:v>
                </c:pt>
                <c:pt idx="866">
                  <c:v>8.4849999999999994</c:v>
                </c:pt>
                <c:pt idx="867">
                  <c:v>8.4960000000000004</c:v>
                </c:pt>
                <c:pt idx="868">
                  <c:v>8.5050000000000008</c:v>
                </c:pt>
                <c:pt idx="869">
                  <c:v>8.516</c:v>
                </c:pt>
                <c:pt idx="870">
                  <c:v>8.5250000000000004</c:v>
                </c:pt>
                <c:pt idx="871">
                  <c:v>8.5359999999999996</c:v>
                </c:pt>
                <c:pt idx="872">
                  <c:v>8.5449999999999999</c:v>
                </c:pt>
                <c:pt idx="873">
                  <c:v>8.5559999999999992</c:v>
                </c:pt>
                <c:pt idx="874">
                  <c:v>8.5649999999999995</c:v>
                </c:pt>
                <c:pt idx="875">
                  <c:v>8.5749999999999993</c:v>
                </c:pt>
                <c:pt idx="876">
                  <c:v>8.5850000000000009</c:v>
                </c:pt>
                <c:pt idx="877">
                  <c:v>8.5950000000000006</c:v>
                </c:pt>
                <c:pt idx="878">
                  <c:v>8.6039999999999992</c:v>
                </c:pt>
                <c:pt idx="879">
                  <c:v>8.6150000000000002</c:v>
                </c:pt>
                <c:pt idx="880">
                  <c:v>8.6240000000000006</c:v>
                </c:pt>
                <c:pt idx="881">
                  <c:v>8.6349999999999998</c:v>
                </c:pt>
                <c:pt idx="882">
                  <c:v>8.6440000000000001</c:v>
                </c:pt>
                <c:pt idx="883">
                  <c:v>8.6539999999999999</c:v>
                </c:pt>
                <c:pt idx="884">
                  <c:v>8.6639999999999997</c:v>
                </c:pt>
                <c:pt idx="885">
                  <c:v>8.6739999999999995</c:v>
                </c:pt>
                <c:pt idx="886">
                  <c:v>8.6839999999999993</c:v>
                </c:pt>
                <c:pt idx="887">
                  <c:v>8.6950000000000003</c:v>
                </c:pt>
                <c:pt idx="888">
                  <c:v>8.7040000000000006</c:v>
                </c:pt>
                <c:pt idx="889">
                  <c:v>8.7140000000000004</c:v>
                </c:pt>
                <c:pt idx="890">
                  <c:v>8.7240000000000002</c:v>
                </c:pt>
                <c:pt idx="891">
                  <c:v>8.734</c:v>
                </c:pt>
                <c:pt idx="892">
                  <c:v>8.7430000000000003</c:v>
                </c:pt>
                <c:pt idx="893">
                  <c:v>8.7539999999999996</c:v>
                </c:pt>
                <c:pt idx="894">
                  <c:v>8.7629999999999999</c:v>
                </c:pt>
                <c:pt idx="895">
                  <c:v>8.7739999999999991</c:v>
                </c:pt>
                <c:pt idx="896">
                  <c:v>8.7829999999999995</c:v>
                </c:pt>
                <c:pt idx="897">
                  <c:v>8.7940000000000005</c:v>
                </c:pt>
                <c:pt idx="898">
                  <c:v>8.8040000000000003</c:v>
                </c:pt>
                <c:pt idx="899">
                  <c:v>8.8140000000000001</c:v>
                </c:pt>
                <c:pt idx="900">
                  <c:v>8.8230000000000004</c:v>
                </c:pt>
                <c:pt idx="901">
                  <c:v>8.8339999999999996</c:v>
                </c:pt>
                <c:pt idx="902">
                  <c:v>8.843</c:v>
                </c:pt>
                <c:pt idx="903">
                  <c:v>8.8539999999999992</c:v>
                </c:pt>
                <c:pt idx="904">
                  <c:v>8.8640000000000008</c:v>
                </c:pt>
                <c:pt idx="905">
                  <c:v>8.8740000000000006</c:v>
                </c:pt>
                <c:pt idx="906">
                  <c:v>8.8849999999999998</c:v>
                </c:pt>
                <c:pt idx="907">
                  <c:v>8.8940000000000001</c:v>
                </c:pt>
                <c:pt idx="908">
                  <c:v>8.9039999999999999</c:v>
                </c:pt>
                <c:pt idx="909">
                  <c:v>8.9130000000000003</c:v>
                </c:pt>
                <c:pt idx="910">
                  <c:v>8.9239999999999995</c:v>
                </c:pt>
                <c:pt idx="911">
                  <c:v>8.9329999999999998</c:v>
                </c:pt>
                <c:pt idx="912">
                  <c:v>8.9440000000000008</c:v>
                </c:pt>
                <c:pt idx="913">
                  <c:v>8.9529999999999994</c:v>
                </c:pt>
                <c:pt idx="914">
                  <c:v>9.0129999999999999</c:v>
                </c:pt>
                <c:pt idx="915">
                  <c:v>9.0229999999999997</c:v>
                </c:pt>
                <c:pt idx="916">
                  <c:v>9.032</c:v>
                </c:pt>
                <c:pt idx="917">
                  <c:v>9.0429999999999993</c:v>
                </c:pt>
                <c:pt idx="918">
                  <c:v>9.0519999999999996</c:v>
                </c:pt>
                <c:pt idx="919">
                  <c:v>9.0609999999999999</c:v>
                </c:pt>
                <c:pt idx="920">
                  <c:v>9.0719999999999992</c:v>
                </c:pt>
                <c:pt idx="921">
                  <c:v>9.0820000000000007</c:v>
                </c:pt>
                <c:pt idx="922">
                  <c:v>9.0920000000000005</c:v>
                </c:pt>
                <c:pt idx="923">
                  <c:v>9.1010000000000009</c:v>
                </c:pt>
                <c:pt idx="924">
                  <c:v>9.1120000000000001</c:v>
                </c:pt>
                <c:pt idx="925">
                  <c:v>9.1219999999999999</c:v>
                </c:pt>
                <c:pt idx="926">
                  <c:v>9.1319999999999997</c:v>
                </c:pt>
                <c:pt idx="927">
                  <c:v>9.1419999999999995</c:v>
                </c:pt>
                <c:pt idx="928">
                  <c:v>9.1519999999999992</c:v>
                </c:pt>
                <c:pt idx="929">
                  <c:v>9.1620000000000008</c:v>
                </c:pt>
                <c:pt idx="930">
                  <c:v>9.173</c:v>
                </c:pt>
                <c:pt idx="931">
                  <c:v>9.1820000000000004</c:v>
                </c:pt>
                <c:pt idx="932">
                  <c:v>9.1920000000000002</c:v>
                </c:pt>
                <c:pt idx="933">
                  <c:v>9.2029999999999994</c:v>
                </c:pt>
                <c:pt idx="934">
                  <c:v>9.2119999999999997</c:v>
                </c:pt>
                <c:pt idx="935">
                  <c:v>9.2230000000000008</c:v>
                </c:pt>
                <c:pt idx="936">
                  <c:v>9.2330000000000005</c:v>
                </c:pt>
                <c:pt idx="937">
                  <c:v>9.2420000000000009</c:v>
                </c:pt>
                <c:pt idx="938">
                  <c:v>9.2530000000000001</c:v>
                </c:pt>
                <c:pt idx="939">
                  <c:v>9.2620000000000005</c:v>
                </c:pt>
                <c:pt idx="940">
                  <c:v>9.2720000000000002</c:v>
                </c:pt>
                <c:pt idx="941">
                  <c:v>9.2829999999999995</c:v>
                </c:pt>
                <c:pt idx="942">
                  <c:v>9.2919999999999998</c:v>
                </c:pt>
                <c:pt idx="943">
                  <c:v>9.3030000000000008</c:v>
                </c:pt>
                <c:pt idx="944">
                  <c:v>9.3119999999999994</c:v>
                </c:pt>
                <c:pt idx="945">
                  <c:v>9.3230000000000004</c:v>
                </c:pt>
                <c:pt idx="946">
                  <c:v>9.3320000000000007</c:v>
                </c:pt>
                <c:pt idx="947">
                  <c:v>9.343</c:v>
                </c:pt>
                <c:pt idx="948">
                  <c:v>9.3520000000000003</c:v>
                </c:pt>
                <c:pt idx="949">
                  <c:v>9.3629999999999995</c:v>
                </c:pt>
                <c:pt idx="950">
                  <c:v>9.3729999999999993</c:v>
                </c:pt>
                <c:pt idx="951">
                  <c:v>9.3840000000000003</c:v>
                </c:pt>
                <c:pt idx="952">
                  <c:v>9.3930000000000007</c:v>
                </c:pt>
                <c:pt idx="953">
                  <c:v>9.4019999999999992</c:v>
                </c:pt>
                <c:pt idx="954">
                  <c:v>9.4120000000000008</c:v>
                </c:pt>
                <c:pt idx="955">
                  <c:v>9.4220000000000006</c:v>
                </c:pt>
                <c:pt idx="956">
                  <c:v>9.4329999999999998</c:v>
                </c:pt>
                <c:pt idx="957">
                  <c:v>9.4420000000000002</c:v>
                </c:pt>
                <c:pt idx="958">
                  <c:v>9.4529999999999994</c:v>
                </c:pt>
                <c:pt idx="959">
                  <c:v>9.4629999999999992</c:v>
                </c:pt>
                <c:pt idx="960">
                  <c:v>9.4730000000000008</c:v>
                </c:pt>
                <c:pt idx="961">
                  <c:v>9.4830000000000005</c:v>
                </c:pt>
                <c:pt idx="962">
                  <c:v>9.4930000000000003</c:v>
                </c:pt>
                <c:pt idx="963">
                  <c:v>9.5030000000000001</c:v>
                </c:pt>
                <c:pt idx="964">
                  <c:v>9.5129999999999999</c:v>
                </c:pt>
                <c:pt idx="965">
                  <c:v>9.5229999999999997</c:v>
                </c:pt>
                <c:pt idx="966">
                  <c:v>9.5340000000000007</c:v>
                </c:pt>
                <c:pt idx="967">
                  <c:v>9.5429999999999993</c:v>
                </c:pt>
                <c:pt idx="968">
                  <c:v>9.5530000000000008</c:v>
                </c:pt>
                <c:pt idx="969">
                  <c:v>9.5630000000000006</c:v>
                </c:pt>
                <c:pt idx="970">
                  <c:v>9.5730000000000004</c:v>
                </c:pt>
                <c:pt idx="971">
                  <c:v>9.5830000000000002</c:v>
                </c:pt>
                <c:pt idx="972">
                  <c:v>9.593</c:v>
                </c:pt>
                <c:pt idx="973">
                  <c:v>9.6020000000000003</c:v>
                </c:pt>
                <c:pt idx="974">
                  <c:v>9.6129999999999995</c:v>
                </c:pt>
                <c:pt idx="975">
                  <c:v>9.6219999999999999</c:v>
                </c:pt>
                <c:pt idx="976">
                  <c:v>9.6329999999999991</c:v>
                </c:pt>
                <c:pt idx="977">
                  <c:v>9.6430000000000007</c:v>
                </c:pt>
                <c:pt idx="978">
                  <c:v>9.6539999999999999</c:v>
                </c:pt>
                <c:pt idx="979">
                  <c:v>9.6630000000000003</c:v>
                </c:pt>
                <c:pt idx="980">
                  <c:v>9.6739999999999995</c:v>
                </c:pt>
                <c:pt idx="981">
                  <c:v>9.6829999999999998</c:v>
                </c:pt>
                <c:pt idx="982">
                  <c:v>9.6940000000000008</c:v>
                </c:pt>
                <c:pt idx="983">
                  <c:v>9.7029999999999994</c:v>
                </c:pt>
                <c:pt idx="984">
                  <c:v>9.7129999999999992</c:v>
                </c:pt>
                <c:pt idx="985">
                  <c:v>9.7230000000000008</c:v>
                </c:pt>
                <c:pt idx="986">
                  <c:v>9.7330000000000005</c:v>
                </c:pt>
                <c:pt idx="987">
                  <c:v>9.7430000000000003</c:v>
                </c:pt>
                <c:pt idx="988">
                  <c:v>9.7539999999999996</c:v>
                </c:pt>
                <c:pt idx="989">
                  <c:v>9.7629999999999999</c:v>
                </c:pt>
                <c:pt idx="990">
                  <c:v>9.7729999999999997</c:v>
                </c:pt>
                <c:pt idx="991">
                  <c:v>9.7829999999999995</c:v>
                </c:pt>
                <c:pt idx="992">
                  <c:v>9.7929999999999993</c:v>
                </c:pt>
                <c:pt idx="993">
                  <c:v>9.8030000000000008</c:v>
                </c:pt>
                <c:pt idx="994">
                  <c:v>9.8130000000000006</c:v>
                </c:pt>
                <c:pt idx="995">
                  <c:v>9.8230000000000004</c:v>
                </c:pt>
                <c:pt idx="996">
                  <c:v>9.8330000000000002</c:v>
                </c:pt>
                <c:pt idx="997">
                  <c:v>9.843</c:v>
                </c:pt>
                <c:pt idx="998">
                  <c:v>9.8529999999999998</c:v>
                </c:pt>
                <c:pt idx="999">
                  <c:v>9.8629999999999995</c:v>
                </c:pt>
                <c:pt idx="1000">
                  <c:v>9.8740000000000006</c:v>
                </c:pt>
                <c:pt idx="1001">
                  <c:v>9.8829999999999991</c:v>
                </c:pt>
                <c:pt idx="1002">
                  <c:v>9.8919999999999995</c:v>
                </c:pt>
                <c:pt idx="1003">
                  <c:v>9.9030000000000005</c:v>
                </c:pt>
                <c:pt idx="1004">
                  <c:v>9.9120000000000008</c:v>
                </c:pt>
                <c:pt idx="1005">
                  <c:v>9.923</c:v>
                </c:pt>
                <c:pt idx="1006">
                  <c:v>9.9329999999999998</c:v>
                </c:pt>
                <c:pt idx="1007">
                  <c:v>9.9429999999999996</c:v>
                </c:pt>
                <c:pt idx="1008">
                  <c:v>9.9529999999999994</c:v>
                </c:pt>
                <c:pt idx="1009">
                  <c:v>9.9629999999999992</c:v>
                </c:pt>
                <c:pt idx="1010">
                  <c:v>9.9730000000000008</c:v>
                </c:pt>
                <c:pt idx="1011">
                  <c:v>9.984</c:v>
                </c:pt>
                <c:pt idx="1012">
                  <c:v>9.9930000000000003</c:v>
                </c:pt>
                <c:pt idx="1013">
                  <c:v>10.004</c:v>
                </c:pt>
                <c:pt idx="1014">
                  <c:v>10.013</c:v>
                </c:pt>
                <c:pt idx="1015">
                  <c:v>10.023</c:v>
                </c:pt>
                <c:pt idx="1016">
                  <c:v>10.034000000000001</c:v>
                </c:pt>
                <c:pt idx="1017">
                  <c:v>10.042999999999999</c:v>
                </c:pt>
                <c:pt idx="1018">
                  <c:v>10.054</c:v>
                </c:pt>
                <c:pt idx="1019">
                  <c:v>10.063000000000001</c:v>
                </c:pt>
                <c:pt idx="1020">
                  <c:v>10.074</c:v>
                </c:pt>
                <c:pt idx="1021">
                  <c:v>10.083</c:v>
                </c:pt>
                <c:pt idx="1022">
                  <c:v>10.093</c:v>
                </c:pt>
                <c:pt idx="1023">
                  <c:v>10.103999999999999</c:v>
                </c:pt>
                <c:pt idx="1024">
                  <c:v>10.113</c:v>
                </c:pt>
                <c:pt idx="1025">
                  <c:v>10.122999999999999</c:v>
                </c:pt>
                <c:pt idx="1026">
                  <c:v>10.135</c:v>
                </c:pt>
                <c:pt idx="1027">
                  <c:v>10.144</c:v>
                </c:pt>
                <c:pt idx="1028">
                  <c:v>10.154</c:v>
                </c:pt>
                <c:pt idx="1029">
                  <c:v>10.164</c:v>
                </c:pt>
                <c:pt idx="1030">
                  <c:v>10.175000000000001</c:v>
                </c:pt>
                <c:pt idx="1031">
                  <c:v>10.183999999999999</c:v>
                </c:pt>
                <c:pt idx="1032">
                  <c:v>10.195</c:v>
                </c:pt>
                <c:pt idx="1033">
                  <c:v>10.204000000000001</c:v>
                </c:pt>
                <c:pt idx="1034">
                  <c:v>10.215</c:v>
                </c:pt>
                <c:pt idx="1035">
                  <c:v>10.224</c:v>
                </c:pt>
                <c:pt idx="1036">
                  <c:v>10.234999999999999</c:v>
                </c:pt>
                <c:pt idx="1037">
                  <c:v>10.244</c:v>
                </c:pt>
                <c:pt idx="1038">
                  <c:v>10.255000000000001</c:v>
                </c:pt>
                <c:pt idx="1039">
                  <c:v>10.263999999999999</c:v>
                </c:pt>
                <c:pt idx="1040">
                  <c:v>10.275</c:v>
                </c:pt>
                <c:pt idx="1041">
                  <c:v>10.285</c:v>
                </c:pt>
                <c:pt idx="1042">
                  <c:v>10.294</c:v>
                </c:pt>
                <c:pt idx="1043">
                  <c:v>10.304</c:v>
                </c:pt>
                <c:pt idx="1044">
                  <c:v>10.315</c:v>
                </c:pt>
                <c:pt idx="1045">
                  <c:v>10.324</c:v>
                </c:pt>
                <c:pt idx="1046">
                  <c:v>10.335000000000001</c:v>
                </c:pt>
                <c:pt idx="1047">
                  <c:v>10.343999999999999</c:v>
                </c:pt>
                <c:pt idx="1048">
                  <c:v>10.355</c:v>
                </c:pt>
                <c:pt idx="1049">
                  <c:v>10.366</c:v>
                </c:pt>
                <c:pt idx="1050">
                  <c:v>10.375</c:v>
                </c:pt>
                <c:pt idx="1051">
                  <c:v>10.385</c:v>
                </c:pt>
                <c:pt idx="1052">
                  <c:v>10.396000000000001</c:v>
                </c:pt>
                <c:pt idx="1053">
                  <c:v>10.404999999999999</c:v>
                </c:pt>
                <c:pt idx="1054">
                  <c:v>10.416</c:v>
                </c:pt>
                <c:pt idx="1055">
                  <c:v>10.425000000000001</c:v>
                </c:pt>
                <c:pt idx="1056">
                  <c:v>10.436</c:v>
                </c:pt>
                <c:pt idx="1057">
                  <c:v>10.445</c:v>
                </c:pt>
                <c:pt idx="1058">
                  <c:v>10.456</c:v>
                </c:pt>
                <c:pt idx="1059">
                  <c:v>10.465999999999999</c:v>
                </c:pt>
                <c:pt idx="1060">
                  <c:v>10.475</c:v>
                </c:pt>
                <c:pt idx="1061">
                  <c:v>10.486000000000001</c:v>
                </c:pt>
                <c:pt idx="1062">
                  <c:v>10.496</c:v>
                </c:pt>
                <c:pt idx="1063">
                  <c:v>10.506</c:v>
                </c:pt>
                <c:pt idx="1064">
                  <c:v>10.516</c:v>
                </c:pt>
                <c:pt idx="1065">
                  <c:v>10.526999999999999</c:v>
                </c:pt>
                <c:pt idx="1066">
                  <c:v>10.536</c:v>
                </c:pt>
                <c:pt idx="1067">
                  <c:v>10.545999999999999</c:v>
                </c:pt>
                <c:pt idx="1068">
                  <c:v>10.555999999999999</c:v>
                </c:pt>
                <c:pt idx="1069">
                  <c:v>10.566000000000001</c:v>
                </c:pt>
                <c:pt idx="1070">
                  <c:v>10.574999999999999</c:v>
                </c:pt>
                <c:pt idx="1071">
                  <c:v>10.586</c:v>
                </c:pt>
                <c:pt idx="1072">
                  <c:v>10.595000000000001</c:v>
                </c:pt>
                <c:pt idx="1073">
                  <c:v>10.606</c:v>
                </c:pt>
                <c:pt idx="1074">
                  <c:v>10.616</c:v>
                </c:pt>
                <c:pt idx="1075">
                  <c:v>10.627000000000001</c:v>
                </c:pt>
                <c:pt idx="1076">
                  <c:v>10.635999999999999</c:v>
                </c:pt>
                <c:pt idx="1077">
                  <c:v>10.646000000000001</c:v>
                </c:pt>
                <c:pt idx="1078">
                  <c:v>10.656000000000001</c:v>
                </c:pt>
                <c:pt idx="1079">
                  <c:v>10.667</c:v>
                </c:pt>
                <c:pt idx="1080">
                  <c:v>10.676</c:v>
                </c:pt>
                <c:pt idx="1081">
                  <c:v>10.686999999999999</c:v>
                </c:pt>
                <c:pt idx="1082">
                  <c:v>10.696</c:v>
                </c:pt>
                <c:pt idx="1083">
                  <c:v>10.707000000000001</c:v>
                </c:pt>
                <c:pt idx="1084">
                  <c:v>10.715999999999999</c:v>
                </c:pt>
                <c:pt idx="1085">
                  <c:v>10.727</c:v>
                </c:pt>
                <c:pt idx="1086">
                  <c:v>10.736000000000001</c:v>
                </c:pt>
                <c:pt idx="1087">
                  <c:v>10.746</c:v>
                </c:pt>
                <c:pt idx="1088">
                  <c:v>10.756</c:v>
                </c:pt>
                <c:pt idx="1089">
                  <c:v>10.766999999999999</c:v>
                </c:pt>
                <c:pt idx="1090">
                  <c:v>10.776</c:v>
                </c:pt>
                <c:pt idx="1091">
                  <c:v>10.786</c:v>
                </c:pt>
                <c:pt idx="1092">
                  <c:v>10.797000000000001</c:v>
                </c:pt>
                <c:pt idx="1093">
                  <c:v>10.805999999999999</c:v>
                </c:pt>
                <c:pt idx="1094">
                  <c:v>10.817</c:v>
                </c:pt>
                <c:pt idx="1095">
                  <c:v>10.826000000000001</c:v>
                </c:pt>
                <c:pt idx="1096">
                  <c:v>10.837</c:v>
                </c:pt>
                <c:pt idx="1097">
                  <c:v>10.847</c:v>
                </c:pt>
                <c:pt idx="1098">
                  <c:v>10.858000000000001</c:v>
                </c:pt>
                <c:pt idx="1099">
                  <c:v>10.867000000000001</c:v>
                </c:pt>
                <c:pt idx="1100">
                  <c:v>10.877000000000001</c:v>
                </c:pt>
                <c:pt idx="1101">
                  <c:v>10.888</c:v>
                </c:pt>
                <c:pt idx="1102">
                  <c:v>10.897</c:v>
                </c:pt>
                <c:pt idx="1103">
                  <c:v>10.907</c:v>
                </c:pt>
                <c:pt idx="1104">
                  <c:v>10.917</c:v>
                </c:pt>
                <c:pt idx="1105">
                  <c:v>10.927</c:v>
                </c:pt>
                <c:pt idx="1106">
                  <c:v>10.938000000000001</c:v>
                </c:pt>
                <c:pt idx="1107">
                  <c:v>10.946999999999999</c:v>
                </c:pt>
                <c:pt idx="1108">
                  <c:v>10.957000000000001</c:v>
                </c:pt>
                <c:pt idx="1109">
                  <c:v>10.967000000000001</c:v>
                </c:pt>
                <c:pt idx="1110">
                  <c:v>10.978</c:v>
                </c:pt>
                <c:pt idx="1111">
                  <c:v>10.988</c:v>
                </c:pt>
                <c:pt idx="1112">
                  <c:v>10.997999999999999</c:v>
                </c:pt>
                <c:pt idx="1113">
                  <c:v>11.007999999999999</c:v>
                </c:pt>
                <c:pt idx="1114">
                  <c:v>11.052</c:v>
                </c:pt>
                <c:pt idx="1115">
                  <c:v>11.061</c:v>
                </c:pt>
                <c:pt idx="1116">
                  <c:v>11.071</c:v>
                </c:pt>
                <c:pt idx="1117">
                  <c:v>11.081</c:v>
                </c:pt>
                <c:pt idx="1118">
                  <c:v>11.090999999999999</c:v>
                </c:pt>
                <c:pt idx="1119">
                  <c:v>11.101000000000001</c:v>
                </c:pt>
                <c:pt idx="1120">
                  <c:v>11.11</c:v>
                </c:pt>
                <c:pt idx="1121">
                  <c:v>11.121</c:v>
                </c:pt>
                <c:pt idx="1122">
                  <c:v>11.131</c:v>
                </c:pt>
                <c:pt idx="1123">
                  <c:v>11.141</c:v>
                </c:pt>
                <c:pt idx="1124">
                  <c:v>11.15</c:v>
                </c:pt>
                <c:pt idx="1125">
                  <c:v>11.161</c:v>
                </c:pt>
                <c:pt idx="1126">
                  <c:v>11.172000000000001</c:v>
                </c:pt>
                <c:pt idx="1127">
                  <c:v>11.180999999999999</c:v>
                </c:pt>
                <c:pt idx="1128">
                  <c:v>11.191000000000001</c:v>
                </c:pt>
                <c:pt idx="1129">
                  <c:v>11.201000000000001</c:v>
                </c:pt>
                <c:pt idx="1130">
                  <c:v>11.211</c:v>
                </c:pt>
                <c:pt idx="1131">
                  <c:v>11.222</c:v>
                </c:pt>
                <c:pt idx="1132">
                  <c:v>11.231999999999999</c:v>
                </c:pt>
                <c:pt idx="1133">
                  <c:v>11.242000000000001</c:v>
                </c:pt>
                <c:pt idx="1134">
                  <c:v>11.250999999999999</c:v>
                </c:pt>
                <c:pt idx="1135">
                  <c:v>11.260999999999999</c:v>
                </c:pt>
                <c:pt idx="1136">
                  <c:v>11.272</c:v>
                </c:pt>
                <c:pt idx="1137">
                  <c:v>11.281000000000001</c:v>
                </c:pt>
                <c:pt idx="1138">
                  <c:v>11.291</c:v>
                </c:pt>
                <c:pt idx="1139">
                  <c:v>11.302</c:v>
                </c:pt>
                <c:pt idx="1140">
                  <c:v>11.311</c:v>
                </c:pt>
                <c:pt idx="1141">
                  <c:v>11.321</c:v>
                </c:pt>
                <c:pt idx="1142">
                  <c:v>11.332000000000001</c:v>
                </c:pt>
                <c:pt idx="1143">
                  <c:v>11.342000000000001</c:v>
                </c:pt>
                <c:pt idx="1144">
                  <c:v>11.352</c:v>
                </c:pt>
                <c:pt idx="1145">
                  <c:v>11.362</c:v>
                </c:pt>
                <c:pt idx="1146">
                  <c:v>11.371</c:v>
                </c:pt>
                <c:pt idx="1147">
                  <c:v>11.382</c:v>
                </c:pt>
                <c:pt idx="1148">
                  <c:v>11.391999999999999</c:v>
                </c:pt>
                <c:pt idx="1149">
                  <c:v>11.401999999999999</c:v>
                </c:pt>
                <c:pt idx="1150">
                  <c:v>11.412000000000001</c:v>
                </c:pt>
                <c:pt idx="1151">
                  <c:v>11.422000000000001</c:v>
                </c:pt>
                <c:pt idx="1152">
                  <c:v>11.430999999999999</c:v>
                </c:pt>
                <c:pt idx="1153">
                  <c:v>11.441000000000001</c:v>
                </c:pt>
                <c:pt idx="1154">
                  <c:v>11.452</c:v>
                </c:pt>
                <c:pt idx="1155">
                  <c:v>11.461</c:v>
                </c:pt>
                <c:pt idx="1156">
                  <c:v>11.472</c:v>
                </c:pt>
                <c:pt idx="1157">
                  <c:v>11.481999999999999</c:v>
                </c:pt>
                <c:pt idx="1158">
                  <c:v>11.492000000000001</c:v>
                </c:pt>
                <c:pt idx="1159">
                  <c:v>11.503</c:v>
                </c:pt>
                <c:pt idx="1160">
                  <c:v>11.512</c:v>
                </c:pt>
                <c:pt idx="1161">
                  <c:v>11.522</c:v>
                </c:pt>
                <c:pt idx="1162">
                  <c:v>11.532999999999999</c:v>
                </c:pt>
                <c:pt idx="1163">
                  <c:v>11.542</c:v>
                </c:pt>
                <c:pt idx="1164">
                  <c:v>11.552</c:v>
                </c:pt>
                <c:pt idx="1165">
                  <c:v>11.561999999999999</c:v>
                </c:pt>
                <c:pt idx="1166">
                  <c:v>11.573</c:v>
                </c:pt>
                <c:pt idx="1167">
                  <c:v>11.582000000000001</c:v>
                </c:pt>
                <c:pt idx="1168">
                  <c:v>11.592000000000001</c:v>
                </c:pt>
                <c:pt idx="1169">
                  <c:v>11.602</c:v>
                </c:pt>
                <c:pt idx="1170">
                  <c:v>11.612</c:v>
                </c:pt>
                <c:pt idx="1171">
                  <c:v>11.621</c:v>
                </c:pt>
                <c:pt idx="1172">
                  <c:v>11.632</c:v>
                </c:pt>
                <c:pt idx="1173">
                  <c:v>11.641999999999999</c:v>
                </c:pt>
                <c:pt idx="1174">
                  <c:v>11.651999999999999</c:v>
                </c:pt>
                <c:pt idx="1175">
                  <c:v>11.662000000000001</c:v>
                </c:pt>
                <c:pt idx="1176">
                  <c:v>11.673</c:v>
                </c:pt>
                <c:pt idx="1177">
                  <c:v>11.682</c:v>
                </c:pt>
                <c:pt idx="1178">
                  <c:v>11.692</c:v>
                </c:pt>
                <c:pt idx="1179">
                  <c:v>11.702</c:v>
                </c:pt>
                <c:pt idx="1180">
                  <c:v>11.712</c:v>
                </c:pt>
                <c:pt idx="1181">
                  <c:v>11.722</c:v>
                </c:pt>
                <c:pt idx="1182">
                  <c:v>11.731999999999999</c:v>
                </c:pt>
                <c:pt idx="1183">
                  <c:v>11.742000000000001</c:v>
                </c:pt>
                <c:pt idx="1184">
                  <c:v>11.752000000000001</c:v>
                </c:pt>
                <c:pt idx="1185">
                  <c:v>11.762</c:v>
                </c:pt>
                <c:pt idx="1186">
                  <c:v>11.771000000000001</c:v>
                </c:pt>
                <c:pt idx="1187">
                  <c:v>11.782</c:v>
                </c:pt>
                <c:pt idx="1188">
                  <c:v>11.792</c:v>
                </c:pt>
                <c:pt idx="1189">
                  <c:v>11.801</c:v>
                </c:pt>
                <c:pt idx="1190">
                  <c:v>11.813000000000001</c:v>
                </c:pt>
                <c:pt idx="1191">
                  <c:v>11.821999999999999</c:v>
                </c:pt>
                <c:pt idx="1192">
                  <c:v>11.832000000000001</c:v>
                </c:pt>
                <c:pt idx="1193">
                  <c:v>11.843</c:v>
                </c:pt>
                <c:pt idx="1194">
                  <c:v>11.852</c:v>
                </c:pt>
                <c:pt idx="1195">
                  <c:v>11.862</c:v>
                </c:pt>
                <c:pt idx="1196">
                  <c:v>11.872</c:v>
                </c:pt>
                <c:pt idx="1197">
                  <c:v>11.882</c:v>
                </c:pt>
                <c:pt idx="1198">
                  <c:v>11.891999999999999</c:v>
                </c:pt>
                <c:pt idx="1199">
                  <c:v>11.901999999999999</c:v>
                </c:pt>
                <c:pt idx="1200">
                  <c:v>11.912000000000001</c:v>
                </c:pt>
                <c:pt idx="1201">
                  <c:v>11.922000000000001</c:v>
                </c:pt>
                <c:pt idx="1202">
                  <c:v>11.930999999999999</c:v>
                </c:pt>
                <c:pt idx="1203">
                  <c:v>11.942</c:v>
                </c:pt>
                <c:pt idx="1204">
                  <c:v>11.951000000000001</c:v>
                </c:pt>
                <c:pt idx="1205">
                  <c:v>11.962</c:v>
                </c:pt>
                <c:pt idx="1206">
                  <c:v>11.973000000000001</c:v>
                </c:pt>
                <c:pt idx="1207">
                  <c:v>11.983000000000001</c:v>
                </c:pt>
                <c:pt idx="1208">
                  <c:v>11.993</c:v>
                </c:pt>
                <c:pt idx="1209">
                  <c:v>12.003</c:v>
                </c:pt>
                <c:pt idx="1210">
                  <c:v>12.013</c:v>
                </c:pt>
                <c:pt idx="1211">
                  <c:v>12.023</c:v>
                </c:pt>
                <c:pt idx="1212">
                  <c:v>12.032999999999999</c:v>
                </c:pt>
                <c:pt idx="1213">
                  <c:v>12.042999999999999</c:v>
                </c:pt>
                <c:pt idx="1214">
                  <c:v>12.053000000000001</c:v>
                </c:pt>
                <c:pt idx="1215">
                  <c:v>12.063000000000001</c:v>
                </c:pt>
                <c:pt idx="1216">
                  <c:v>12.073</c:v>
                </c:pt>
                <c:pt idx="1217">
                  <c:v>12.082000000000001</c:v>
                </c:pt>
                <c:pt idx="1218">
                  <c:v>12.093</c:v>
                </c:pt>
                <c:pt idx="1219">
                  <c:v>12.102</c:v>
                </c:pt>
                <c:pt idx="1220">
                  <c:v>12.113</c:v>
                </c:pt>
                <c:pt idx="1221">
                  <c:v>12.122</c:v>
                </c:pt>
                <c:pt idx="1222">
                  <c:v>12.132999999999999</c:v>
                </c:pt>
                <c:pt idx="1223">
                  <c:v>12.141999999999999</c:v>
                </c:pt>
                <c:pt idx="1224">
                  <c:v>12.153</c:v>
                </c:pt>
                <c:pt idx="1225">
                  <c:v>12.163</c:v>
                </c:pt>
                <c:pt idx="1226">
                  <c:v>12.173</c:v>
                </c:pt>
                <c:pt idx="1227">
                  <c:v>12.183</c:v>
                </c:pt>
                <c:pt idx="1228">
                  <c:v>12.193</c:v>
                </c:pt>
                <c:pt idx="1229">
                  <c:v>12.202999999999999</c:v>
                </c:pt>
                <c:pt idx="1230">
                  <c:v>12.214</c:v>
                </c:pt>
                <c:pt idx="1231">
                  <c:v>12.224</c:v>
                </c:pt>
                <c:pt idx="1232">
                  <c:v>12.233000000000001</c:v>
                </c:pt>
                <c:pt idx="1233">
                  <c:v>12.244</c:v>
                </c:pt>
                <c:pt idx="1234">
                  <c:v>12.253</c:v>
                </c:pt>
                <c:pt idx="1235">
                  <c:v>12.263999999999999</c:v>
                </c:pt>
                <c:pt idx="1236">
                  <c:v>12.273</c:v>
                </c:pt>
                <c:pt idx="1237">
                  <c:v>12.282999999999999</c:v>
                </c:pt>
                <c:pt idx="1238">
                  <c:v>12.292999999999999</c:v>
                </c:pt>
                <c:pt idx="1239">
                  <c:v>12.303000000000001</c:v>
                </c:pt>
                <c:pt idx="1240">
                  <c:v>12.313000000000001</c:v>
                </c:pt>
                <c:pt idx="1241">
                  <c:v>12.323</c:v>
                </c:pt>
                <c:pt idx="1242">
                  <c:v>12.333</c:v>
                </c:pt>
                <c:pt idx="1243">
                  <c:v>12.343999999999999</c:v>
                </c:pt>
                <c:pt idx="1244">
                  <c:v>12.353999999999999</c:v>
                </c:pt>
                <c:pt idx="1245">
                  <c:v>12.364000000000001</c:v>
                </c:pt>
                <c:pt idx="1246">
                  <c:v>12.375</c:v>
                </c:pt>
                <c:pt idx="1247">
                  <c:v>12.384</c:v>
                </c:pt>
                <c:pt idx="1248">
                  <c:v>12.394</c:v>
                </c:pt>
                <c:pt idx="1249">
                  <c:v>12.404</c:v>
                </c:pt>
                <c:pt idx="1250">
                  <c:v>12.413</c:v>
                </c:pt>
                <c:pt idx="1251">
                  <c:v>12.423999999999999</c:v>
                </c:pt>
                <c:pt idx="1252">
                  <c:v>12.433</c:v>
                </c:pt>
                <c:pt idx="1253">
                  <c:v>12.444000000000001</c:v>
                </c:pt>
                <c:pt idx="1254">
                  <c:v>12.454000000000001</c:v>
                </c:pt>
                <c:pt idx="1255">
                  <c:v>12.464</c:v>
                </c:pt>
                <c:pt idx="1256">
                  <c:v>12.474</c:v>
                </c:pt>
                <c:pt idx="1257">
                  <c:v>12.484999999999999</c:v>
                </c:pt>
                <c:pt idx="1258">
                  <c:v>12.494</c:v>
                </c:pt>
                <c:pt idx="1259">
                  <c:v>12.504</c:v>
                </c:pt>
                <c:pt idx="1260">
                  <c:v>12.513999999999999</c:v>
                </c:pt>
                <c:pt idx="1261">
                  <c:v>12.523999999999999</c:v>
                </c:pt>
                <c:pt idx="1262">
                  <c:v>12.535</c:v>
                </c:pt>
                <c:pt idx="1263">
                  <c:v>12.544</c:v>
                </c:pt>
                <c:pt idx="1264">
                  <c:v>12.554</c:v>
                </c:pt>
                <c:pt idx="1265">
                  <c:v>12.563000000000001</c:v>
                </c:pt>
                <c:pt idx="1266">
                  <c:v>12.574</c:v>
                </c:pt>
                <c:pt idx="1267">
                  <c:v>12.583</c:v>
                </c:pt>
                <c:pt idx="1268">
                  <c:v>12.593</c:v>
                </c:pt>
                <c:pt idx="1269">
                  <c:v>12.603</c:v>
                </c:pt>
                <c:pt idx="1270">
                  <c:v>12.613</c:v>
                </c:pt>
                <c:pt idx="1271">
                  <c:v>12.622999999999999</c:v>
                </c:pt>
                <c:pt idx="1272">
                  <c:v>12.634</c:v>
                </c:pt>
                <c:pt idx="1273">
                  <c:v>12.643000000000001</c:v>
                </c:pt>
                <c:pt idx="1274">
                  <c:v>12.654</c:v>
                </c:pt>
                <c:pt idx="1275">
                  <c:v>12.663</c:v>
                </c:pt>
                <c:pt idx="1276">
                  <c:v>12.673</c:v>
                </c:pt>
                <c:pt idx="1277">
                  <c:v>12.683</c:v>
                </c:pt>
                <c:pt idx="1278">
                  <c:v>12.693</c:v>
                </c:pt>
                <c:pt idx="1279">
                  <c:v>12.704000000000001</c:v>
                </c:pt>
                <c:pt idx="1280">
                  <c:v>12.712999999999999</c:v>
                </c:pt>
                <c:pt idx="1281">
                  <c:v>12.723000000000001</c:v>
                </c:pt>
                <c:pt idx="1282">
                  <c:v>12.733000000000001</c:v>
                </c:pt>
                <c:pt idx="1283">
                  <c:v>12.742000000000001</c:v>
                </c:pt>
                <c:pt idx="1284">
                  <c:v>12.753</c:v>
                </c:pt>
                <c:pt idx="1285">
                  <c:v>12.763</c:v>
                </c:pt>
                <c:pt idx="1286">
                  <c:v>12.772</c:v>
                </c:pt>
                <c:pt idx="1287">
                  <c:v>12.782</c:v>
                </c:pt>
                <c:pt idx="1288">
                  <c:v>12.792</c:v>
                </c:pt>
                <c:pt idx="1289">
                  <c:v>12.803000000000001</c:v>
                </c:pt>
                <c:pt idx="1290">
                  <c:v>12.811999999999999</c:v>
                </c:pt>
                <c:pt idx="1291">
                  <c:v>12.823</c:v>
                </c:pt>
                <c:pt idx="1292">
                  <c:v>12.832000000000001</c:v>
                </c:pt>
                <c:pt idx="1293">
                  <c:v>12.843</c:v>
                </c:pt>
                <c:pt idx="1294">
                  <c:v>12.852</c:v>
                </c:pt>
                <c:pt idx="1295">
                  <c:v>12.862</c:v>
                </c:pt>
                <c:pt idx="1296">
                  <c:v>12.872</c:v>
                </c:pt>
                <c:pt idx="1297">
                  <c:v>12.882999999999999</c:v>
                </c:pt>
                <c:pt idx="1298">
                  <c:v>12.891999999999999</c:v>
                </c:pt>
                <c:pt idx="1299">
                  <c:v>12.903</c:v>
                </c:pt>
                <c:pt idx="1300">
                  <c:v>12.912000000000001</c:v>
                </c:pt>
                <c:pt idx="1301">
                  <c:v>12.923</c:v>
                </c:pt>
                <c:pt idx="1302">
                  <c:v>12.932</c:v>
                </c:pt>
                <c:pt idx="1303">
                  <c:v>12.943</c:v>
                </c:pt>
                <c:pt idx="1304">
                  <c:v>12.952</c:v>
                </c:pt>
                <c:pt idx="1305">
                  <c:v>12.962999999999999</c:v>
                </c:pt>
                <c:pt idx="1306">
                  <c:v>12.972</c:v>
                </c:pt>
                <c:pt idx="1307">
                  <c:v>12.983000000000001</c:v>
                </c:pt>
                <c:pt idx="1308">
                  <c:v>12.987</c:v>
                </c:pt>
                <c:pt idx="1309">
                  <c:v>12.987</c:v>
                </c:pt>
                <c:pt idx="1310">
                  <c:v>12.987</c:v>
                </c:pt>
                <c:pt idx="1311">
                  <c:v>13.031000000000001</c:v>
                </c:pt>
                <c:pt idx="1312">
                  <c:v>13.041</c:v>
                </c:pt>
                <c:pt idx="1313">
                  <c:v>13.051</c:v>
                </c:pt>
                <c:pt idx="1314">
                  <c:v>13.061</c:v>
                </c:pt>
                <c:pt idx="1315">
                  <c:v>13.071</c:v>
                </c:pt>
                <c:pt idx="1316">
                  <c:v>13.081</c:v>
                </c:pt>
                <c:pt idx="1317">
                  <c:v>13.09</c:v>
                </c:pt>
                <c:pt idx="1318">
                  <c:v>13.1</c:v>
                </c:pt>
                <c:pt idx="1319">
                  <c:v>13.11</c:v>
                </c:pt>
                <c:pt idx="1320">
                  <c:v>13.12</c:v>
                </c:pt>
                <c:pt idx="1321">
                  <c:v>13.13</c:v>
                </c:pt>
                <c:pt idx="1322">
                  <c:v>13.138999999999999</c:v>
                </c:pt>
                <c:pt idx="1323">
                  <c:v>13.151</c:v>
                </c:pt>
                <c:pt idx="1324">
                  <c:v>13.16</c:v>
                </c:pt>
                <c:pt idx="1325">
                  <c:v>13.170999999999999</c:v>
                </c:pt>
                <c:pt idx="1326">
                  <c:v>13.18</c:v>
                </c:pt>
                <c:pt idx="1327">
                  <c:v>13.19</c:v>
                </c:pt>
                <c:pt idx="1328">
                  <c:v>13.201000000000001</c:v>
                </c:pt>
                <c:pt idx="1329">
                  <c:v>13.211</c:v>
                </c:pt>
                <c:pt idx="1330">
                  <c:v>13.22</c:v>
                </c:pt>
                <c:pt idx="1331">
                  <c:v>13.23</c:v>
                </c:pt>
                <c:pt idx="1332">
                  <c:v>13.24</c:v>
                </c:pt>
                <c:pt idx="1333">
                  <c:v>13.25</c:v>
                </c:pt>
                <c:pt idx="1334">
                  <c:v>13.259</c:v>
                </c:pt>
                <c:pt idx="1335">
                  <c:v>13.27</c:v>
                </c:pt>
                <c:pt idx="1336">
                  <c:v>13.28</c:v>
                </c:pt>
                <c:pt idx="1337">
                  <c:v>13.289</c:v>
                </c:pt>
                <c:pt idx="1338">
                  <c:v>13.301</c:v>
                </c:pt>
                <c:pt idx="1339">
                  <c:v>13.31</c:v>
                </c:pt>
                <c:pt idx="1340">
                  <c:v>13.32</c:v>
                </c:pt>
                <c:pt idx="1341">
                  <c:v>13.33</c:v>
                </c:pt>
                <c:pt idx="1342">
                  <c:v>13.339</c:v>
                </c:pt>
                <c:pt idx="1343">
                  <c:v>13.351000000000001</c:v>
                </c:pt>
                <c:pt idx="1344">
                  <c:v>13.36</c:v>
                </c:pt>
                <c:pt idx="1345">
                  <c:v>13.37</c:v>
                </c:pt>
                <c:pt idx="1346">
                  <c:v>13.38</c:v>
                </c:pt>
                <c:pt idx="1347">
                  <c:v>13.391</c:v>
                </c:pt>
                <c:pt idx="1348">
                  <c:v>13.4</c:v>
                </c:pt>
                <c:pt idx="1349">
                  <c:v>13.41</c:v>
                </c:pt>
                <c:pt idx="1350">
                  <c:v>13.419</c:v>
                </c:pt>
                <c:pt idx="1351">
                  <c:v>13.43</c:v>
                </c:pt>
                <c:pt idx="1352">
                  <c:v>13.439</c:v>
                </c:pt>
                <c:pt idx="1353">
                  <c:v>13.449</c:v>
                </c:pt>
                <c:pt idx="1354">
                  <c:v>13.459</c:v>
                </c:pt>
                <c:pt idx="1355">
                  <c:v>13.468999999999999</c:v>
                </c:pt>
                <c:pt idx="1356">
                  <c:v>13.48</c:v>
                </c:pt>
                <c:pt idx="1357">
                  <c:v>13.489000000000001</c:v>
                </c:pt>
                <c:pt idx="1358">
                  <c:v>13.499000000000001</c:v>
                </c:pt>
                <c:pt idx="1359">
                  <c:v>13.51</c:v>
                </c:pt>
                <c:pt idx="1360">
                  <c:v>13.519</c:v>
                </c:pt>
                <c:pt idx="1361">
                  <c:v>13.529</c:v>
                </c:pt>
                <c:pt idx="1362">
                  <c:v>13.538</c:v>
                </c:pt>
                <c:pt idx="1363">
                  <c:v>13.548999999999999</c:v>
                </c:pt>
                <c:pt idx="1364">
                  <c:v>13.558999999999999</c:v>
                </c:pt>
                <c:pt idx="1365">
                  <c:v>13.568</c:v>
                </c:pt>
                <c:pt idx="1366">
                  <c:v>13.579000000000001</c:v>
                </c:pt>
                <c:pt idx="1367">
                  <c:v>13.587999999999999</c:v>
                </c:pt>
                <c:pt idx="1368">
                  <c:v>13.599</c:v>
                </c:pt>
                <c:pt idx="1369">
                  <c:v>13.61</c:v>
                </c:pt>
                <c:pt idx="1370">
                  <c:v>13.619</c:v>
                </c:pt>
                <c:pt idx="1371">
                  <c:v>13.63</c:v>
                </c:pt>
                <c:pt idx="1372">
                  <c:v>13.638999999999999</c:v>
                </c:pt>
                <c:pt idx="1373">
                  <c:v>13.65</c:v>
                </c:pt>
                <c:pt idx="1374">
                  <c:v>13.66</c:v>
                </c:pt>
                <c:pt idx="1375">
                  <c:v>13.669</c:v>
                </c:pt>
                <c:pt idx="1376">
                  <c:v>13.679</c:v>
                </c:pt>
                <c:pt idx="1377">
                  <c:v>13.69</c:v>
                </c:pt>
                <c:pt idx="1378">
                  <c:v>13.699</c:v>
                </c:pt>
                <c:pt idx="1379">
                  <c:v>13.709</c:v>
                </c:pt>
                <c:pt idx="1380">
                  <c:v>13.718999999999999</c:v>
                </c:pt>
                <c:pt idx="1381">
                  <c:v>13.728999999999999</c:v>
                </c:pt>
                <c:pt idx="1382">
                  <c:v>13.739000000000001</c:v>
                </c:pt>
                <c:pt idx="1383">
                  <c:v>13.749000000000001</c:v>
                </c:pt>
                <c:pt idx="1384">
                  <c:v>13.759</c:v>
                </c:pt>
                <c:pt idx="1385">
                  <c:v>13.768000000000001</c:v>
                </c:pt>
                <c:pt idx="1386">
                  <c:v>13.779</c:v>
                </c:pt>
                <c:pt idx="1387">
                  <c:v>13.789</c:v>
                </c:pt>
                <c:pt idx="1388">
                  <c:v>13.798</c:v>
                </c:pt>
                <c:pt idx="1389">
                  <c:v>13.81</c:v>
                </c:pt>
                <c:pt idx="1390">
                  <c:v>13.819000000000001</c:v>
                </c:pt>
                <c:pt idx="1391">
                  <c:v>13.83</c:v>
                </c:pt>
                <c:pt idx="1392">
                  <c:v>13.84</c:v>
                </c:pt>
                <c:pt idx="1393">
                  <c:v>13.85</c:v>
                </c:pt>
                <c:pt idx="1394">
                  <c:v>13.86</c:v>
                </c:pt>
                <c:pt idx="1395">
                  <c:v>13.869</c:v>
                </c:pt>
                <c:pt idx="1396">
                  <c:v>13.88</c:v>
                </c:pt>
                <c:pt idx="1397">
                  <c:v>13.888999999999999</c:v>
                </c:pt>
                <c:pt idx="1398">
                  <c:v>13.9</c:v>
                </c:pt>
                <c:pt idx="1399">
                  <c:v>13.909000000000001</c:v>
                </c:pt>
                <c:pt idx="1400">
                  <c:v>13.919</c:v>
                </c:pt>
                <c:pt idx="1401">
                  <c:v>13.929</c:v>
                </c:pt>
                <c:pt idx="1402">
                  <c:v>13.939</c:v>
                </c:pt>
                <c:pt idx="1403">
                  <c:v>13.949</c:v>
                </c:pt>
                <c:pt idx="1404">
                  <c:v>13.96</c:v>
                </c:pt>
                <c:pt idx="1405">
                  <c:v>13.968999999999999</c:v>
                </c:pt>
                <c:pt idx="1406">
                  <c:v>13.978999999999999</c:v>
                </c:pt>
                <c:pt idx="1407">
                  <c:v>13.989000000000001</c:v>
                </c:pt>
                <c:pt idx="1408">
                  <c:v>14</c:v>
                </c:pt>
                <c:pt idx="1409">
                  <c:v>14.01</c:v>
                </c:pt>
                <c:pt idx="1410">
                  <c:v>14.02</c:v>
                </c:pt>
                <c:pt idx="1411">
                  <c:v>14.03</c:v>
                </c:pt>
                <c:pt idx="1412">
                  <c:v>14.04</c:v>
                </c:pt>
                <c:pt idx="1413">
                  <c:v>14.05</c:v>
                </c:pt>
                <c:pt idx="1414">
                  <c:v>14.061</c:v>
                </c:pt>
                <c:pt idx="1415">
                  <c:v>14.07</c:v>
                </c:pt>
                <c:pt idx="1416">
                  <c:v>14.08</c:v>
                </c:pt>
                <c:pt idx="1417">
                  <c:v>14.089</c:v>
                </c:pt>
                <c:pt idx="1418">
                  <c:v>14.1</c:v>
                </c:pt>
                <c:pt idx="1419">
                  <c:v>14.11</c:v>
                </c:pt>
                <c:pt idx="1420">
                  <c:v>14.12</c:v>
                </c:pt>
                <c:pt idx="1421">
                  <c:v>14.13</c:v>
                </c:pt>
                <c:pt idx="1422">
                  <c:v>14.14</c:v>
                </c:pt>
                <c:pt idx="1423">
                  <c:v>14.151</c:v>
                </c:pt>
                <c:pt idx="1424">
                  <c:v>14.161</c:v>
                </c:pt>
                <c:pt idx="1425">
                  <c:v>14.170999999999999</c:v>
                </c:pt>
                <c:pt idx="1426">
                  <c:v>14.180999999999999</c:v>
                </c:pt>
                <c:pt idx="1427">
                  <c:v>14.19</c:v>
                </c:pt>
                <c:pt idx="1428">
                  <c:v>14.201000000000001</c:v>
                </c:pt>
                <c:pt idx="1429">
                  <c:v>14.211</c:v>
                </c:pt>
                <c:pt idx="1430">
                  <c:v>14.221</c:v>
                </c:pt>
                <c:pt idx="1431">
                  <c:v>14.23</c:v>
                </c:pt>
                <c:pt idx="1432">
                  <c:v>14.241</c:v>
                </c:pt>
                <c:pt idx="1433">
                  <c:v>14.25</c:v>
                </c:pt>
                <c:pt idx="1434">
                  <c:v>14.26</c:v>
                </c:pt>
                <c:pt idx="1435">
                  <c:v>14.27</c:v>
                </c:pt>
                <c:pt idx="1436">
                  <c:v>14.28</c:v>
                </c:pt>
                <c:pt idx="1437">
                  <c:v>14.291</c:v>
                </c:pt>
                <c:pt idx="1438">
                  <c:v>14.3</c:v>
                </c:pt>
                <c:pt idx="1439">
                  <c:v>14.31</c:v>
                </c:pt>
                <c:pt idx="1440">
                  <c:v>14.321</c:v>
                </c:pt>
                <c:pt idx="1441">
                  <c:v>14.33</c:v>
                </c:pt>
                <c:pt idx="1442">
                  <c:v>14.340999999999999</c:v>
                </c:pt>
                <c:pt idx="1443">
                  <c:v>14.35</c:v>
                </c:pt>
                <c:pt idx="1444">
                  <c:v>14.361000000000001</c:v>
                </c:pt>
                <c:pt idx="1445">
                  <c:v>14.371</c:v>
                </c:pt>
                <c:pt idx="1446">
                  <c:v>14.381</c:v>
                </c:pt>
                <c:pt idx="1447">
                  <c:v>14.391</c:v>
                </c:pt>
                <c:pt idx="1448">
                  <c:v>14.401</c:v>
                </c:pt>
                <c:pt idx="1449">
                  <c:v>14.41</c:v>
                </c:pt>
                <c:pt idx="1450">
                  <c:v>14.42</c:v>
                </c:pt>
                <c:pt idx="1451">
                  <c:v>14.430999999999999</c:v>
                </c:pt>
                <c:pt idx="1452">
                  <c:v>14.44</c:v>
                </c:pt>
                <c:pt idx="1453">
                  <c:v>14.45</c:v>
                </c:pt>
                <c:pt idx="1454">
                  <c:v>14.46</c:v>
                </c:pt>
                <c:pt idx="1455">
                  <c:v>14.471</c:v>
                </c:pt>
                <c:pt idx="1456">
                  <c:v>14.481</c:v>
                </c:pt>
                <c:pt idx="1457">
                  <c:v>14.491</c:v>
                </c:pt>
                <c:pt idx="1458">
                  <c:v>14.5</c:v>
                </c:pt>
                <c:pt idx="1459">
                  <c:v>14.510999999999999</c:v>
                </c:pt>
                <c:pt idx="1460">
                  <c:v>14.521000000000001</c:v>
                </c:pt>
                <c:pt idx="1461">
                  <c:v>14.53</c:v>
                </c:pt>
                <c:pt idx="1462">
                  <c:v>14.541</c:v>
                </c:pt>
                <c:pt idx="1463">
                  <c:v>14.551</c:v>
                </c:pt>
                <c:pt idx="1464">
                  <c:v>14.561</c:v>
                </c:pt>
                <c:pt idx="1465">
                  <c:v>14.57</c:v>
                </c:pt>
                <c:pt idx="1466">
                  <c:v>14.581</c:v>
                </c:pt>
                <c:pt idx="1467">
                  <c:v>14.59</c:v>
                </c:pt>
                <c:pt idx="1468">
                  <c:v>14.6</c:v>
                </c:pt>
                <c:pt idx="1469">
                  <c:v>14.61</c:v>
                </c:pt>
                <c:pt idx="1470">
                  <c:v>14.619</c:v>
                </c:pt>
                <c:pt idx="1471">
                  <c:v>14.63</c:v>
                </c:pt>
                <c:pt idx="1472">
                  <c:v>14.64</c:v>
                </c:pt>
                <c:pt idx="1473">
                  <c:v>14.65</c:v>
                </c:pt>
                <c:pt idx="1474">
                  <c:v>14.66</c:v>
                </c:pt>
                <c:pt idx="1475">
                  <c:v>14.670999999999999</c:v>
                </c:pt>
                <c:pt idx="1476">
                  <c:v>14.68</c:v>
                </c:pt>
                <c:pt idx="1477">
                  <c:v>14.691000000000001</c:v>
                </c:pt>
                <c:pt idx="1478">
                  <c:v>14.7</c:v>
                </c:pt>
                <c:pt idx="1479">
                  <c:v>14.71</c:v>
                </c:pt>
                <c:pt idx="1480">
                  <c:v>14.72</c:v>
                </c:pt>
                <c:pt idx="1481">
                  <c:v>14.73</c:v>
                </c:pt>
                <c:pt idx="1482">
                  <c:v>14.741</c:v>
                </c:pt>
                <c:pt idx="1483">
                  <c:v>14.75</c:v>
                </c:pt>
                <c:pt idx="1484">
                  <c:v>14.76</c:v>
                </c:pt>
                <c:pt idx="1485">
                  <c:v>14.771000000000001</c:v>
                </c:pt>
                <c:pt idx="1486">
                  <c:v>14.78</c:v>
                </c:pt>
                <c:pt idx="1487">
                  <c:v>14.79</c:v>
                </c:pt>
                <c:pt idx="1488">
                  <c:v>14.801</c:v>
                </c:pt>
                <c:pt idx="1489">
                  <c:v>14.81</c:v>
                </c:pt>
                <c:pt idx="1490">
                  <c:v>14.82</c:v>
                </c:pt>
                <c:pt idx="1491">
                  <c:v>14.83</c:v>
                </c:pt>
                <c:pt idx="1492">
                  <c:v>14.840999999999999</c:v>
                </c:pt>
                <c:pt idx="1493">
                  <c:v>14.85</c:v>
                </c:pt>
                <c:pt idx="1494">
                  <c:v>14.86</c:v>
                </c:pt>
                <c:pt idx="1495">
                  <c:v>14.871</c:v>
                </c:pt>
                <c:pt idx="1496">
                  <c:v>14.88</c:v>
                </c:pt>
                <c:pt idx="1497">
                  <c:v>14.888999999999999</c:v>
                </c:pt>
                <c:pt idx="1498">
                  <c:v>14.9</c:v>
                </c:pt>
                <c:pt idx="1499">
                  <c:v>14.909000000000001</c:v>
                </c:pt>
                <c:pt idx="1500">
                  <c:v>14.919</c:v>
                </c:pt>
                <c:pt idx="1501">
                  <c:v>14.929</c:v>
                </c:pt>
                <c:pt idx="1502">
                  <c:v>14.939</c:v>
                </c:pt>
                <c:pt idx="1503">
                  <c:v>14.949</c:v>
                </c:pt>
                <c:pt idx="1504">
                  <c:v>14.96</c:v>
                </c:pt>
                <c:pt idx="1505">
                  <c:v>14.97</c:v>
                </c:pt>
                <c:pt idx="1506">
                  <c:v>14.981</c:v>
                </c:pt>
                <c:pt idx="1507">
                  <c:v>14.99</c:v>
                </c:pt>
                <c:pt idx="1508">
                  <c:v>15</c:v>
                </c:pt>
                <c:pt idx="1509">
                  <c:v>15.057</c:v>
                </c:pt>
                <c:pt idx="1510">
                  <c:v>15.067</c:v>
                </c:pt>
                <c:pt idx="1511">
                  <c:v>15.077</c:v>
                </c:pt>
                <c:pt idx="1512">
                  <c:v>15.086</c:v>
                </c:pt>
                <c:pt idx="1513">
                  <c:v>15.097</c:v>
                </c:pt>
                <c:pt idx="1514">
                  <c:v>15.106999999999999</c:v>
                </c:pt>
                <c:pt idx="1515">
                  <c:v>15.116</c:v>
                </c:pt>
                <c:pt idx="1516">
                  <c:v>15.127000000000001</c:v>
                </c:pt>
                <c:pt idx="1517">
                  <c:v>15.137</c:v>
                </c:pt>
                <c:pt idx="1518">
                  <c:v>15.146000000000001</c:v>
                </c:pt>
                <c:pt idx="1519">
                  <c:v>15.157</c:v>
                </c:pt>
                <c:pt idx="1520">
                  <c:v>15.167</c:v>
                </c:pt>
                <c:pt idx="1521">
                  <c:v>15.176</c:v>
                </c:pt>
                <c:pt idx="1522">
                  <c:v>15.186</c:v>
                </c:pt>
                <c:pt idx="1523">
                  <c:v>15.196999999999999</c:v>
                </c:pt>
                <c:pt idx="1524">
                  <c:v>15.206</c:v>
                </c:pt>
                <c:pt idx="1525">
                  <c:v>15.217000000000001</c:v>
                </c:pt>
                <c:pt idx="1526">
                  <c:v>15.227</c:v>
                </c:pt>
                <c:pt idx="1527">
                  <c:v>15.236000000000001</c:v>
                </c:pt>
                <c:pt idx="1528">
                  <c:v>15.247</c:v>
                </c:pt>
                <c:pt idx="1529">
                  <c:v>15.256</c:v>
                </c:pt>
                <c:pt idx="1530">
                  <c:v>15.266</c:v>
                </c:pt>
                <c:pt idx="1531">
                  <c:v>15.276999999999999</c:v>
                </c:pt>
                <c:pt idx="1532">
                  <c:v>15.287000000000001</c:v>
                </c:pt>
                <c:pt idx="1533">
                  <c:v>15.295999999999999</c:v>
                </c:pt>
                <c:pt idx="1534">
                  <c:v>15.307</c:v>
                </c:pt>
                <c:pt idx="1535">
                  <c:v>15.317</c:v>
                </c:pt>
                <c:pt idx="1536">
                  <c:v>15.326000000000001</c:v>
                </c:pt>
                <c:pt idx="1537">
                  <c:v>15.337</c:v>
                </c:pt>
                <c:pt idx="1538">
                  <c:v>15.348000000000001</c:v>
                </c:pt>
                <c:pt idx="1539">
                  <c:v>15.356999999999999</c:v>
                </c:pt>
                <c:pt idx="1540">
                  <c:v>15.368</c:v>
                </c:pt>
                <c:pt idx="1541">
                  <c:v>15.377000000000001</c:v>
                </c:pt>
                <c:pt idx="1542">
                  <c:v>15.387</c:v>
                </c:pt>
                <c:pt idx="1543">
                  <c:v>15.396000000000001</c:v>
                </c:pt>
                <c:pt idx="1544">
                  <c:v>15.407</c:v>
                </c:pt>
                <c:pt idx="1545">
                  <c:v>15.417</c:v>
                </c:pt>
                <c:pt idx="1546">
                  <c:v>15.428000000000001</c:v>
                </c:pt>
                <c:pt idx="1547">
                  <c:v>15.436999999999999</c:v>
                </c:pt>
                <c:pt idx="1548">
                  <c:v>15.448</c:v>
                </c:pt>
                <c:pt idx="1549">
                  <c:v>15.457000000000001</c:v>
                </c:pt>
                <c:pt idx="1550">
                  <c:v>15.468</c:v>
                </c:pt>
                <c:pt idx="1551">
                  <c:v>15.477</c:v>
                </c:pt>
                <c:pt idx="1552">
                  <c:v>15.488</c:v>
                </c:pt>
                <c:pt idx="1553">
                  <c:v>15.497999999999999</c:v>
                </c:pt>
                <c:pt idx="1554">
                  <c:v>15.507</c:v>
                </c:pt>
                <c:pt idx="1555">
                  <c:v>15.518000000000001</c:v>
                </c:pt>
                <c:pt idx="1556">
                  <c:v>15.526999999999999</c:v>
                </c:pt>
                <c:pt idx="1557">
                  <c:v>15.538</c:v>
                </c:pt>
                <c:pt idx="1558">
                  <c:v>15.547000000000001</c:v>
                </c:pt>
                <c:pt idx="1559">
                  <c:v>15.558</c:v>
                </c:pt>
                <c:pt idx="1560">
                  <c:v>15.567</c:v>
                </c:pt>
                <c:pt idx="1561">
                  <c:v>15.577999999999999</c:v>
                </c:pt>
                <c:pt idx="1562">
                  <c:v>15.587</c:v>
                </c:pt>
                <c:pt idx="1563">
                  <c:v>15.597</c:v>
                </c:pt>
                <c:pt idx="1564">
                  <c:v>15.606</c:v>
                </c:pt>
                <c:pt idx="1565">
                  <c:v>15.617000000000001</c:v>
                </c:pt>
                <c:pt idx="1566">
                  <c:v>15.625999999999999</c:v>
                </c:pt>
                <c:pt idx="1567">
                  <c:v>15.637</c:v>
                </c:pt>
                <c:pt idx="1568">
                  <c:v>15.647</c:v>
                </c:pt>
                <c:pt idx="1569">
                  <c:v>15.657</c:v>
                </c:pt>
                <c:pt idx="1570">
                  <c:v>15.667</c:v>
                </c:pt>
                <c:pt idx="1571">
                  <c:v>15.677</c:v>
                </c:pt>
                <c:pt idx="1572">
                  <c:v>15.686999999999999</c:v>
                </c:pt>
                <c:pt idx="1573">
                  <c:v>15.696999999999999</c:v>
                </c:pt>
                <c:pt idx="1574">
                  <c:v>15.708</c:v>
                </c:pt>
                <c:pt idx="1575">
                  <c:v>15.717000000000001</c:v>
                </c:pt>
                <c:pt idx="1576">
                  <c:v>15.727</c:v>
                </c:pt>
                <c:pt idx="1577">
                  <c:v>15.736000000000001</c:v>
                </c:pt>
                <c:pt idx="1578">
                  <c:v>15.747</c:v>
                </c:pt>
                <c:pt idx="1579">
                  <c:v>15.757</c:v>
                </c:pt>
                <c:pt idx="1580">
                  <c:v>15.766999999999999</c:v>
                </c:pt>
                <c:pt idx="1581">
                  <c:v>15.776</c:v>
                </c:pt>
                <c:pt idx="1582">
                  <c:v>15.787000000000001</c:v>
                </c:pt>
                <c:pt idx="1583">
                  <c:v>15.797000000000001</c:v>
                </c:pt>
                <c:pt idx="1584">
                  <c:v>15.805999999999999</c:v>
                </c:pt>
                <c:pt idx="1585">
                  <c:v>15.816000000000001</c:v>
                </c:pt>
                <c:pt idx="1586">
                  <c:v>15.826000000000001</c:v>
                </c:pt>
                <c:pt idx="1587">
                  <c:v>15.836</c:v>
                </c:pt>
                <c:pt idx="1588">
                  <c:v>15.847</c:v>
                </c:pt>
                <c:pt idx="1589">
                  <c:v>15.856999999999999</c:v>
                </c:pt>
                <c:pt idx="1590">
                  <c:v>15.867000000000001</c:v>
                </c:pt>
                <c:pt idx="1591">
                  <c:v>15.877000000000001</c:v>
                </c:pt>
                <c:pt idx="1592">
                  <c:v>15.887</c:v>
                </c:pt>
                <c:pt idx="1593">
                  <c:v>15.896000000000001</c:v>
                </c:pt>
                <c:pt idx="1594">
                  <c:v>15.906000000000001</c:v>
                </c:pt>
                <c:pt idx="1595">
                  <c:v>15.917</c:v>
                </c:pt>
                <c:pt idx="1596">
                  <c:v>15.926</c:v>
                </c:pt>
                <c:pt idx="1597">
                  <c:v>15.936</c:v>
                </c:pt>
                <c:pt idx="1598">
                  <c:v>15.946</c:v>
                </c:pt>
                <c:pt idx="1599">
                  <c:v>15.957000000000001</c:v>
                </c:pt>
                <c:pt idx="1600">
                  <c:v>15.967000000000001</c:v>
                </c:pt>
                <c:pt idx="1601">
                  <c:v>15.976000000000001</c:v>
                </c:pt>
                <c:pt idx="1602">
                  <c:v>15.986000000000001</c:v>
                </c:pt>
                <c:pt idx="1603">
                  <c:v>15.997</c:v>
                </c:pt>
                <c:pt idx="1604">
                  <c:v>16.007000000000001</c:v>
                </c:pt>
                <c:pt idx="1605">
                  <c:v>16.016999999999999</c:v>
                </c:pt>
                <c:pt idx="1606">
                  <c:v>16.027000000000001</c:v>
                </c:pt>
                <c:pt idx="1607">
                  <c:v>16.036999999999999</c:v>
                </c:pt>
                <c:pt idx="1608">
                  <c:v>16.047000000000001</c:v>
                </c:pt>
                <c:pt idx="1609">
                  <c:v>16.056999999999999</c:v>
                </c:pt>
                <c:pt idx="1610">
                  <c:v>16.065999999999999</c:v>
                </c:pt>
                <c:pt idx="1611">
                  <c:v>16.076000000000001</c:v>
                </c:pt>
                <c:pt idx="1612">
                  <c:v>16.085999999999999</c:v>
                </c:pt>
                <c:pt idx="1613">
                  <c:v>16.097000000000001</c:v>
                </c:pt>
                <c:pt idx="1614">
                  <c:v>16.106000000000002</c:v>
                </c:pt>
                <c:pt idx="1615">
                  <c:v>16.116</c:v>
                </c:pt>
                <c:pt idx="1616">
                  <c:v>16.126999999999999</c:v>
                </c:pt>
                <c:pt idx="1617">
                  <c:v>16.137</c:v>
                </c:pt>
                <c:pt idx="1618">
                  <c:v>16.146000000000001</c:v>
                </c:pt>
                <c:pt idx="1619">
                  <c:v>16.155999999999999</c:v>
                </c:pt>
                <c:pt idx="1620">
                  <c:v>16.167000000000002</c:v>
                </c:pt>
                <c:pt idx="1621">
                  <c:v>16.175999999999998</c:v>
                </c:pt>
                <c:pt idx="1622">
                  <c:v>16.186</c:v>
                </c:pt>
                <c:pt idx="1623">
                  <c:v>16.196999999999999</c:v>
                </c:pt>
                <c:pt idx="1624">
                  <c:v>16.206</c:v>
                </c:pt>
                <c:pt idx="1625">
                  <c:v>16.216999999999999</c:v>
                </c:pt>
                <c:pt idx="1626">
                  <c:v>16.225999999999999</c:v>
                </c:pt>
                <c:pt idx="1627">
                  <c:v>16.236000000000001</c:v>
                </c:pt>
                <c:pt idx="1628">
                  <c:v>16.245999999999999</c:v>
                </c:pt>
                <c:pt idx="1629">
                  <c:v>16.254999999999999</c:v>
                </c:pt>
                <c:pt idx="1630">
                  <c:v>16.265999999999998</c:v>
                </c:pt>
                <c:pt idx="1631">
                  <c:v>16.276</c:v>
                </c:pt>
                <c:pt idx="1632">
                  <c:v>16.285</c:v>
                </c:pt>
                <c:pt idx="1633">
                  <c:v>16.295999999999999</c:v>
                </c:pt>
                <c:pt idx="1634">
                  <c:v>16.306000000000001</c:v>
                </c:pt>
                <c:pt idx="1635">
                  <c:v>16.315999999999999</c:v>
                </c:pt>
                <c:pt idx="1636">
                  <c:v>16.326000000000001</c:v>
                </c:pt>
                <c:pt idx="1637">
                  <c:v>16.335999999999999</c:v>
                </c:pt>
                <c:pt idx="1638">
                  <c:v>16.346</c:v>
                </c:pt>
                <c:pt idx="1639">
                  <c:v>16.356000000000002</c:v>
                </c:pt>
                <c:pt idx="1640">
                  <c:v>16.366</c:v>
                </c:pt>
                <c:pt idx="1641">
                  <c:v>16.376000000000001</c:v>
                </c:pt>
                <c:pt idx="1642">
                  <c:v>16.385000000000002</c:v>
                </c:pt>
                <c:pt idx="1643">
                  <c:v>16.395</c:v>
                </c:pt>
                <c:pt idx="1644">
                  <c:v>16.405000000000001</c:v>
                </c:pt>
                <c:pt idx="1645">
                  <c:v>16.414999999999999</c:v>
                </c:pt>
                <c:pt idx="1646">
                  <c:v>16.425000000000001</c:v>
                </c:pt>
                <c:pt idx="1647">
                  <c:v>16.434999999999999</c:v>
                </c:pt>
                <c:pt idx="1648">
                  <c:v>16.443999999999999</c:v>
                </c:pt>
                <c:pt idx="1649">
                  <c:v>16.454999999999998</c:v>
                </c:pt>
                <c:pt idx="1650">
                  <c:v>16.465</c:v>
                </c:pt>
                <c:pt idx="1651">
                  <c:v>16.475000000000001</c:v>
                </c:pt>
                <c:pt idx="1652">
                  <c:v>16.484000000000002</c:v>
                </c:pt>
                <c:pt idx="1653">
                  <c:v>16.495000000000001</c:v>
                </c:pt>
                <c:pt idx="1654">
                  <c:v>16.504999999999999</c:v>
                </c:pt>
                <c:pt idx="1655">
                  <c:v>16.515999999999998</c:v>
                </c:pt>
                <c:pt idx="1656">
                  <c:v>16.524999999999999</c:v>
                </c:pt>
                <c:pt idx="1657">
                  <c:v>16.535</c:v>
                </c:pt>
                <c:pt idx="1658">
                  <c:v>16.545999999999999</c:v>
                </c:pt>
                <c:pt idx="1659">
                  <c:v>16.555</c:v>
                </c:pt>
                <c:pt idx="1660">
                  <c:v>16.564</c:v>
                </c:pt>
                <c:pt idx="1661">
                  <c:v>16.574999999999999</c:v>
                </c:pt>
                <c:pt idx="1662">
                  <c:v>16.584</c:v>
                </c:pt>
                <c:pt idx="1663">
                  <c:v>16.594999999999999</c:v>
                </c:pt>
                <c:pt idx="1664">
                  <c:v>16.603999999999999</c:v>
                </c:pt>
                <c:pt idx="1665">
                  <c:v>16.614000000000001</c:v>
                </c:pt>
                <c:pt idx="1666">
                  <c:v>16.623999999999999</c:v>
                </c:pt>
                <c:pt idx="1667">
                  <c:v>16.635000000000002</c:v>
                </c:pt>
                <c:pt idx="1668">
                  <c:v>16.643999999999998</c:v>
                </c:pt>
                <c:pt idx="1669">
                  <c:v>16.654</c:v>
                </c:pt>
                <c:pt idx="1670">
                  <c:v>16.664000000000001</c:v>
                </c:pt>
                <c:pt idx="1671">
                  <c:v>16.673999999999999</c:v>
                </c:pt>
                <c:pt idx="1672">
                  <c:v>16.684000000000001</c:v>
                </c:pt>
                <c:pt idx="1673">
                  <c:v>16.693999999999999</c:v>
                </c:pt>
                <c:pt idx="1674">
                  <c:v>16.704999999999998</c:v>
                </c:pt>
                <c:pt idx="1675">
                  <c:v>16.713999999999999</c:v>
                </c:pt>
                <c:pt idx="1676">
                  <c:v>16.724</c:v>
                </c:pt>
                <c:pt idx="1677">
                  <c:v>16.734000000000002</c:v>
                </c:pt>
                <c:pt idx="1678">
                  <c:v>16.744</c:v>
                </c:pt>
                <c:pt idx="1679">
                  <c:v>16.754000000000001</c:v>
                </c:pt>
                <c:pt idx="1680">
                  <c:v>16.763999999999999</c:v>
                </c:pt>
                <c:pt idx="1681">
                  <c:v>16.773</c:v>
                </c:pt>
                <c:pt idx="1682">
                  <c:v>16.783999999999999</c:v>
                </c:pt>
                <c:pt idx="1683">
                  <c:v>16.794</c:v>
                </c:pt>
                <c:pt idx="1684">
                  <c:v>16.803999999999998</c:v>
                </c:pt>
                <c:pt idx="1685">
                  <c:v>16.815000000000001</c:v>
                </c:pt>
                <c:pt idx="1686">
                  <c:v>16.824000000000002</c:v>
                </c:pt>
                <c:pt idx="1687">
                  <c:v>16.834</c:v>
                </c:pt>
                <c:pt idx="1688">
                  <c:v>16.844999999999999</c:v>
                </c:pt>
                <c:pt idx="1689">
                  <c:v>16.853999999999999</c:v>
                </c:pt>
                <c:pt idx="1690">
                  <c:v>16.864999999999998</c:v>
                </c:pt>
                <c:pt idx="1691">
                  <c:v>16.873999999999999</c:v>
                </c:pt>
                <c:pt idx="1692">
                  <c:v>16.884</c:v>
                </c:pt>
                <c:pt idx="1693">
                  <c:v>16.895</c:v>
                </c:pt>
                <c:pt idx="1694">
                  <c:v>16.904</c:v>
                </c:pt>
                <c:pt idx="1695">
                  <c:v>16.914000000000001</c:v>
                </c:pt>
                <c:pt idx="1696">
                  <c:v>16.923999999999999</c:v>
                </c:pt>
                <c:pt idx="1697">
                  <c:v>16.934000000000001</c:v>
                </c:pt>
                <c:pt idx="1698">
                  <c:v>16.943999999999999</c:v>
                </c:pt>
                <c:pt idx="1699">
                  <c:v>16.954000000000001</c:v>
                </c:pt>
                <c:pt idx="1700">
                  <c:v>16.963999999999999</c:v>
                </c:pt>
                <c:pt idx="1701">
                  <c:v>16.974</c:v>
                </c:pt>
                <c:pt idx="1702">
                  <c:v>16.984000000000002</c:v>
                </c:pt>
                <c:pt idx="1703">
                  <c:v>17.027999999999999</c:v>
                </c:pt>
                <c:pt idx="1704">
                  <c:v>17.038</c:v>
                </c:pt>
                <c:pt idx="1705">
                  <c:v>17.047999999999998</c:v>
                </c:pt>
                <c:pt idx="1706">
                  <c:v>17.058</c:v>
                </c:pt>
                <c:pt idx="1707">
                  <c:v>17.068000000000001</c:v>
                </c:pt>
                <c:pt idx="1708">
                  <c:v>17.077999999999999</c:v>
                </c:pt>
                <c:pt idx="1709">
                  <c:v>17.087</c:v>
                </c:pt>
                <c:pt idx="1710">
                  <c:v>17.097999999999999</c:v>
                </c:pt>
                <c:pt idx="1711">
                  <c:v>17.108000000000001</c:v>
                </c:pt>
                <c:pt idx="1712">
                  <c:v>17.117999999999999</c:v>
                </c:pt>
                <c:pt idx="1713">
                  <c:v>17.128</c:v>
                </c:pt>
                <c:pt idx="1714">
                  <c:v>17.138999999999999</c:v>
                </c:pt>
                <c:pt idx="1715">
                  <c:v>17.148</c:v>
                </c:pt>
                <c:pt idx="1716">
                  <c:v>17.158000000000001</c:v>
                </c:pt>
                <c:pt idx="1717">
                  <c:v>17.169</c:v>
                </c:pt>
                <c:pt idx="1718">
                  <c:v>17.178999999999998</c:v>
                </c:pt>
                <c:pt idx="1719">
                  <c:v>17.187999999999999</c:v>
                </c:pt>
                <c:pt idx="1720">
                  <c:v>17.199000000000002</c:v>
                </c:pt>
                <c:pt idx="1721">
                  <c:v>17.207999999999998</c:v>
                </c:pt>
                <c:pt idx="1722">
                  <c:v>17.218</c:v>
                </c:pt>
                <c:pt idx="1723">
                  <c:v>17.228000000000002</c:v>
                </c:pt>
                <c:pt idx="1724">
                  <c:v>17.239000000000001</c:v>
                </c:pt>
                <c:pt idx="1725">
                  <c:v>17.248000000000001</c:v>
                </c:pt>
                <c:pt idx="1726">
                  <c:v>17.257999999999999</c:v>
                </c:pt>
                <c:pt idx="1727">
                  <c:v>17.268000000000001</c:v>
                </c:pt>
                <c:pt idx="1728">
                  <c:v>17.277999999999999</c:v>
                </c:pt>
                <c:pt idx="1729">
                  <c:v>17.288</c:v>
                </c:pt>
                <c:pt idx="1730">
                  <c:v>17.297999999999998</c:v>
                </c:pt>
                <c:pt idx="1731">
                  <c:v>17.308</c:v>
                </c:pt>
                <c:pt idx="1732">
                  <c:v>17.318000000000001</c:v>
                </c:pt>
                <c:pt idx="1733">
                  <c:v>17.329000000000001</c:v>
                </c:pt>
                <c:pt idx="1734">
                  <c:v>17.338999999999999</c:v>
                </c:pt>
                <c:pt idx="1735">
                  <c:v>17.349</c:v>
                </c:pt>
                <c:pt idx="1736">
                  <c:v>17.358000000000001</c:v>
                </c:pt>
                <c:pt idx="1737">
                  <c:v>17.369</c:v>
                </c:pt>
                <c:pt idx="1738">
                  <c:v>17.378</c:v>
                </c:pt>
                <c:pt idx="1739">
                  <c:v>17.388999999999999</c:v>
                </c:pt>
                <c:pt idx="1740">
                  <c:v>17.399000000000001</c:v>
                </c:pt>
                <c:pt idx="1741">
                  <c:v>17.408999999999999</c:v>
                </c:pt>
                <c:pt idx="1742">
                  <c:v>17.417999999999999</c:v>
                </c:pt>
                <c:pt idx="1743">
                  <c:v>17.428000000000001</c:v>
                </c:pt>
                <c:pt idx="1744">
                  <c:v>17.439</c:v>
                </c:pt>
                <c:pt idx="1745">
                  <c:v>17.448</c:v>
                </c:pt>
                <c:pt idx="1746">
                  <c:v>17.457999999999998</c:v>
                </c:pt>
                <c:pt idx="1747">
                  <c:v>17.468</c:v>
                </c:pt>
                <c:pt idx="1748">
                  <c:v>17.478000000000002</c:v>
                </c:pt>
                <c:pt idx="1749">
                  <c:v>17.488</c:v>
                </c:pt>
                <c:pt idx="1750">
                  <c:v>17.498999999999999</c:v>
                </c:pt>
                <c:pt idx="1751">
                  <c:v>17.509</c:v>
                </c:pt>
                <c:pt idx="1752">
                  <c:v>17.518000000000001</c:v>
                </c:pt>
                <c:pt idx="1753">
                  <c:v>17.527999999999999</c:v>
                </c:pt>
                <c:pt idx="1754">
                  <c:v>17.539000000000001</c:v>
                </c:pt>
                <c:pt idx="1755">
                  <c:v>17.547999999999998</c:v>
                </c:pt>
                <c:pt idx="1756">
                  <c:v>17.556999999999999</c:v>
                </c:pt>
                <c:pt idx="1757">
                  <c:v>17.567</c:v>
                </c:pt>
                <c:pt idx="1758">
                  <c:v>17.577999999999999</c:v>
                </c:pt>
                <c:pt idx="1759">
                  <c:v>17.587</c:v>
                </c:pt>
                <c:pt idx="1760">
                  <c:v>17.597000000000001</c:v>
                </c:pt>
                <c:pt idx="1761">
                  <c:v>17.608000000000001</c:v>
                </c:pt>
                <c:pt idx="1762">
                  <c:v>17.617000000000001</c:v>
                </c:pt>
                <c:pt idx="1763">
                  <c:v>17.626000000000001</c:v>
                </c:pt>
                <c:pt idx="1764">
                  <c:v>17.637</c:v>
                </c:pt>
                <c:pt idx="1765">
                  <c:v>17.646000000000001</c:v>
                </c:pt>
                <c:pt idx="1766">
                  <c:v>17.657</c:v>
                </c:pt>
                <c:pt idx="1767">
                  <c:v>17.666</c:v>
                </c:pt>
                <c:pt idx="1768">
                  <c:v>17.677</c:v>
                </c:pt>
                <c:pt idx="1769">
                  <c:v>17.687000000000001</c:v>
                </c:pt>
                <c:pt idx="1770">
                  <c:v>17.696999999999999</c:v>
                </c:pt>
                <c:pt idx="1771">
                  <c:v>17.707000000000001</c:v>
                </c:pt>
                <c:pt idx="1772">
                  <c:v>17.718</c:v>
                </c:pt>
                <c:pt idx="1773">
                  <c:v>17.727</c:v>
                </c:pt>
                <c:pt idx="1774">
                  <c:v>17.736999999999998</c:v>
                </c:pt>
                <c:pt idx="1775">
                  <c:v>17.747</c:v>
                </c:pt>
                <c:pt idx="1776">
                  <c:v>17.757000000000001</c:v>
                </c:pt>
                <c:pt idx="1777">
                  <c:v>17.765999999999998</c:v>
                </c:pt>
                <c:pt idx="1778">
                  <c:v>17.777000000000001</c:v>
                </c:pt>
                <c:pt idx="1779">
                  <c:v>17.786999999999999</c:v>
                </c:pt>
                <c:pt idx="1780">
                  <c:v>17.795999999999999</c:v>
                </c:pt>
                <c:pt idx="1781">
                  <c:v>17.806999999999999</c:v>
                </c:pt>
                <c:pt idx="1782">
                  <c:v>17.817</c:v>
                </c:pt>
                <c:pt idx="1783">
                  <c:v>17.826000000000001</c:v>
                </c:pt>
                <c:pt idx="1784">
                  <c:v>17.837</c:v>
                </c:pt>
                <c:pt idx="1785">
                  <c:v>17.846</c:v>
                </c:pt>
                <c:pt idx="1786">
                  <c:v>17.856000000000002</c:v>
                </c:pt>
                <c:pt idx="1787">
                  <c:v>17.867000000000001</c:v>
                </c:pt>
                <c:pt idx="1788">
                  <c:v>17.876000000000001</c:v>
                </c:pt>
                <c:pt idx="1789">
                  <c:v>17.885999999999999</c:v>
                </c:pt>
                <c:pt idx="1790">
                  <c:v>17.895</c:v>
                </c:pt>
                <c:pt idx="1791">
                  <c:v>17.905999999999999</c:v>
                </c:pt>
                <c:pt idx="1792">
                  <c:v>17.916</c:v>
                </c:pt>
                <c:pt idx="1793">
                  <c:v>17.925000000000001</c:v>
                </c:pt>
                <c:pt idx="1794">
                  <c:v>17.934999999999999</c:v>
                </c:pt>
                <c:pt idx="1795">
                  <c:v>17.946000000000002</c:v>
                </c:pt>
                <c:pt idx="1796">
                  <c:v>17.954999999999998</c:v>
                </c:pt>
                <c:pt idx="1797">
                  <c:v>17.966000000000001</c:v>
                </c:pt>
                <c:pt idx="1798">
                  <c:v>17.975000000000001</c:v>
                </c:pt>
                <c:pt idx="1799">
                  <c:v>17.984999999999999</c:v>
                </c:pt>
                <c:pt idx="1800">
                  <c:v>17.995999999999999</c:v>
                </c:pt>
                <c:pt idx="1801">
                  <c:v>18.004999999999999</c:v>
                </c:pt>
                <c:pt idx="1802">
                  <c:v>18.015000000000001</c:v>
                </c:pt>
                <c:pt idx="1803">
                  <c:v>18.026</c:v>
                </c:pt>
                <c:pt idx="1804">
                  <c:v>18.035</c:v>
                </c:pt>
                <c:pt idx="1805">
                  <c:v>18.045000000000002</c:v>
                </c:pt>
                <c:pt idx="1806">
                  <c:v>18.055</c:v>
                </c:pt>
                <c:pt idx="1807">
                  <c:v>18.062999999999999</c:v>
                </c:pt>
                <c:pt idx="1808">
                  <c:v>18.073</c:v>
                </c:pt>
                <c:pt idx="1809">
                  <c:v>18.082000000000001</c:v>
                </c:pt>
                <c:pt idx="1810">
                  <c:v>18.091999999999999</c:v>
                </c:pt>
                <c:pt idx="1811">
                  <c:v>18.100999999999999</c:v>
                </c:pt>
                <c:pt idx="1812">
                  <c:v>18.111000000000001</c:v>
                </c:pt>
                <c:pt idx="1813">
                  <c:v>18.122</c:v>
                </c:pt>
                <c:pt idx="1814">
                  <c:v>18.131</c:v>
                </c:pt>
                <c:pt idx="1815">
                  <c:v>18.141999999999999</c:v>
                </c:pt>
                <c:pt idx="1816">
                  <c:v>18.151</c:v>
                </c:pt>
                <c:pt idx="1817">
                  <c:v>18.161999999999999</c:v>
                </c:pt>
                <c:pt idx="1818">
                  <c:v>18.172999999999998</c:v>
                </c:pt>
                <c:pt idx="1819">
                  <c:v>18.181999999999999</c:v>
                </c:pt>
                <c:pt idx="1820">
                  <c:v>18.192</c:v>
                </c:pt>
                <c:pt idx="1821">
                  <c:v>18.201000000000001</c:v>
                </c:pt>
                <c:pt idx="1822">
                  <c:v>18.212</c:v>
                </c:pt>
                <c:pt idx="1823">
                  <c:v>18.221</c:v>
                </c:pt>
                <c:pt idx="1824">
                  <c:v>18.231000000000002</c:v>
                </c:pt>
                <c:pt idx="1825">
                  <c:v>18.242000000000001</c:v>
                </c:pt>
                <c:pt idx="1826">
                  <c:v>18.251000000000001</c:v>
                </c:pt>
                <c:pt idx="1827">
                  <c:v>18.262</c:v>
                </c:pt>
                <c:pt idx="1828">
                  <c:v>18.271000000000001</c:v>
                </c:pt>
                <c:pt idx="1829">
                  <c:v>18.282</c:v>
                </c:pt>
                <c:pt idx="1830">
                  <c:v>18.292000000000002</c:v>
                </c:pt>
                <c:pt idx="1831">
                  <c:v>18.302</c:v>
                </c:pt>
                <c:pt idx="1832">
                  <c:v>18.312000000000001</c:v>
                </c:pt>
                <c:pt idx="1833">
                  <c:v>18.323</c:v>
                </c:pt>
                <c:pt idx="1834">
                  <c:v>18.335999999999999</c:v>
                </c:pt>
                <c:pt idx="1835">
                  <c:v>18.346</c:v>
                </c:pt>
                <c:pt idx="1836">
                  <c:v>18.358000000000001</c:v>
                </c:pt>
                <c:pt idx="1837">
                  <c:v>18.37</c:v>
                </c:pt>
                <c:pt idx="1838">
                  <c:v>18.38</c:v>
                </c:pt>
                <c:pt idx="1839">
                  <c:v>18.39</c:v>
                </c:pt>
                <c:pt idx="1840">
                  <c:v>18.399999999999999</c:v>
                </c:pt>
                <c:pt idx="1841">
                  <c:v>18.41</c:v>
                </c:pt>
                <c:pt idx="1842">
                  <c:v>18.419</c:v>
                </c:pt>
                <c:pt idx="1843">
                  <c:v>18.428999999999998</c:v>
                </c:pt>
                <c:pt idx="1844">
                  <c:v>18.439</c:v>
                </c:pt>
                <c:pt idx="1845">
                  <c:v>18.449000000000002</c:v>
                </c:pt>
                <c:pt idx="1846">
                  <c:v>18.46</c:v>
                </c:pt>
                <c:pt idx="1847">
                  <c:v>18.469000000000001</c:v>
                </c:pt>
                <c:pt idx="1848">
                  <c:v>18.48</c:v>
                </c:pt>
                <c:pt idx="1849">
                  <c:v>18.491</c:v>
                </c:pt>
                <c:pt idx="1850">
                  <c:v>18.5</c:v>
                </c:pt>
                <c:pt idx="1851">
                  <c:v>18.510000000000002</c:v>
                </c:pt>
                <c:pt idx="1852">
                  <c:v>18.521000000000001</c:v>
                </c:pt>
                <c:pt idx="1853">
                  <c:v>18.53</c:v>
                </c:pt>
                <c:pt idx="1854">
                  <c:v>18.54</c:v>
                </c:pt>
                <c:pt idx="1855">
                  <c:v>18.55</c:v>
                </c:pt>
                <c:pt idx="1856">
                  <c:v>18.559000000000001</c:v>
                </c:pt>
                <c:pt idx="1857">
                  <c:v>18.57</c:v>
                </c:pt>
                <c:pt idx="1858">
                  <c:v>18.579000000000001</c:v>
                </c:pt>
                <c:pt idx="1859">
                  <c:v>18.59</c:v>
                </c:pt>
                <c:pt idx="1860">
                  <c:v>18.599</c:v>
                </c:pt>
                <c:pt idx="1861">
                  <c:v>18.609000000000002</c:v>
                </c:pt>
                <c:pt idx="1862">
                  <c:v>18.619</c:v>
                </c:pt>
                <c:pt idx="1863">
                  <c:v>18.629000000000001</c:v>
                </c:pt>
                <c:pt idx="1864">
                  <c:v>18.638999999999999</c:v>
                </c:pt>
                <c:pt idx="1865">
                  <c:v>18.649000000000001</c:v>
                </c:pt>
                <c:pt idx="1866">
                  <c:v>18.658999999999999</c:v>
                </c:pt>
                <c:pt idx="1867">
                  <c:v>18.669</c:v>
                </c:pt>
                <c:pt idx="1868">
                  <c:v>18.678999999999998</c:v>
                </c:pt>
                <c:pt idx="1869">
                  <c:v>18.689</c:v>
                </c:pt>
                <c:pt idx="1870">
                  <c:v>18.699000000000002</c:v>
                </c:pt>
                <c:pt idx="1871">
                  <c:v>18.707999999999998</c:v>
                </c:pt>
                <c:pt idx="1872">
                  <c:v>18.707999999999998</c:v>
                </c:pt>
                <c:pt idx="1873">
                  <c:v>18.707999999999998</c:v>
                </c:pt>
                <c:pt idx="1874">
                  <c:v>18.707999999999998</c:v>
                </c:pt>
                <c:pt idx="1875">
                  <c:v>18.716000000000001</c:v>
                </c:pt>
                <c:pt idx="1876">
                  <c:v>18.725999999999999</c:v>
                </c:pt>
                <c:pt idx="1877">
                  <c:v>18.734999999999999</c:v>
                </c:pt>
                <c:pt idx="1878">
                  <c:v>18.744</c:v>
                </c:pt>
                <c:pt idx="1879">
                  <c:v>18.754999999999999</c:v>
                </c:pt>
                <c:pt idx="1880">
                  <c:v>18.763999999999999</c:v>
                </c:pt>
                <c:pt idx="1881">
                  <c:v>18.774000000000001</c:v>
                </c:pt>
                <c:pt idx="1882">
                  <c:v>18.785</c:v>
                </c:pt>
                <c:pt idx="1883">
                  <c:v>18.794</c:v>
                </c:pt>
                <c:pt idx="1884">
                  <c:v>18.805</c:v>
                </c:pt>
                <c:pt idx="1885">
                  <c:v>18.809000000000001</c:v>
                </c:pt>
                <c:pt idx="1886">
                  <c:v>18.809000000000001</c:v>
                </c:pt>
                <c:pt idx="1887">
                  <c:v>18.809000000000001</c:v>
                </c:pt>
                <c:pt idx="1888">
                  <c:v>18.809000000000001</c:v>
                </c:pt>
                <c:pt idx="1889">
                  <c:v>18.812000000000001</c:v>
                </c:pt>
                <c:pt idx="1890">
                  <c:v>18.821000000000002</c:v>
                </c:pt>
                <c:pt idx="1891">
                  <c:v>18.832000000000001</c:v>
                </c:pt>
                <c:pt idx="1892">
                  <c:v>18.841999999999999</c:v>
                </c:pt>
                <c:pt idx="1893">
                  <c:v>18.853000000000002</c:v>
                </c:pt>
                <c:pt idx="1894">
                  <c:v>18.861999999999998</c:v>
                </c:pt>
                <c:pt idx="1895">
                  <c:v>18.870999999999999</c:v>
                </c:pt>
                <c:pt idx="1896">
                  <c:v>18.882000000000001</c:v>
                </c:pt>
                <c:pt idx="1897">
                  <c:v>18.891999999999999</c:v>
                </c:pt>
                <c:pt idx="1898">
                  <c:v>18.901</c:v>
                </c:pt>
                <c:pt idx="1899">
                  <c:v>18.911999999999999</c:v>
                </c:pt>
                <c:pt idx="1900">
                  <c:v>18.920999999999999</c:v>
                </c:pt>
                <c:pt idx="1901">
                  <c:v>18.931000000000001</c:v>
                </c:pt>
                <c:pt idx="1902">
                  <c:v>18.942</c:v>
                </c:pt>
                <c:pt idx="1903">
                  <c:v>18.986000000000001</c:v>
                </c:pt>
                <c:pt idx="1904">
                  <c:v>18.995000000000001</c:v>
                </c:pt>
                <c:pt idx="1905">
                  <c:v>19.004999999999999</c:v>
                </c:pt>
                <c:pt idx="1906">
                  <c:v>19.015000000000001</c:v>
                </c:pt>
                <c:pt idx="1907">
                  <c:v>19.024999999999999</c:v>
                </c:pt>
                <c:pt idx="1908">
                  <c:v>19.035</c:v>
                </c:pt>
                <c:pt idx="1909">
                  <c:v>19.045000000000002</c:v>
                </c:pt>
                <c:pt idx="1910">
                  <c:v>19.055</c:v>
                </c:pt>
                <c:pt idx="1911">
                  <c:v>19.065000000000001</c:v>
                </c:pt>
                <c:pt idx="1912">
                  <c:v>19.074999999999999</c:v>
                </c:pt>
                <c:pt idx="1913">
                  <c:v>19.085000000000001</c:v>
                </c:pt>
                <c:pt idx="1914">
                  <c:v>19.094999999999999</c:v>
                </c:pt>
                <c:pt idx="1915">
                  <c:v>19.103999999999999</c:v>
                </c:pt>
                <c:pt idx="1916">
                  <c:v>19.114000000000001</c:v>
                </c:pt>
                <c:pt idx="1917">
                  <c:v>19.123999999999999</c:v>
                </c:pt>
                <c:pt idx="1918">
                  <c:v>19.134</c:v>
                </c:pt>
                <c:pt idx="1919">
                  <c:v>19.143999999999998</c:v>
                </c:pt>
                <c:pt idx="1920">
                  <c:v>19.152999999999999</c:v>
                </c:pt>
                <c:pt idx="1921">
                  <c:v>19.164000000000001</c:v>
                </c:pt>
                <c:pt idx="1922">
                  <c:v>19.172999999999998</c:v>
                </c:pt>
                <c:pt idx="1923">
                  <c:v>19.183</c:v>
                </c:pt>
                <c:pt idx="1924">
                  <c:v>19.193999999999999</c:v>
                </c:pt>
                <c:pt idx="1925">
                  <c:v>19.202999999999999</c:v>
                </c:pt>
                <c:pt idx="1926">
                  <c:v>19.213000000000001</c:v>
                </c:pt>
                <c:pt idx="1927">
                  <c:v>19.222999999999999</c:v>
                </c:pt>
                <c:pt idx="1928">
                  <c:v>19.233000000000001</c:v>
                </c:pt>
                <c:pt idx="1929">
                  <c:v>19.291</c:v>
                </c:pt>
                <c:pt idx="1930">
                  <c:v>19.309999999999999</c:v>
                </c:pt>
                <c:pt idx="1931">
                  <c:v>19.327000000000002</c:v>
                </c:pt>
                <c:pt idx="1932">
                  <c:v>19.343</c:v>
                </c:pt>
                <c:pt idx="1933">
                  <c:v>19.359000000000002</c:v>
                </c:pt>
                <c:pt idx="1934">
                  <c:v>19.375</c:v>
                </c:pt>
                <c:pt idx="1935">
                  <c:v>19.393000000000001</c:v>
                </c:pt>
                <c:pt idx="1936">
                  <c:v>19.408999999999999</c:v>
                </c:pt>
                <c:pt idx="1937">
                  <c:v>19.423999999999999</c:v>
                </c:pt>
                <c:pt idx="1938">
                  <c:v>19.439</c:v>
                </c:pt>
                <c:pt idx="1939">
                  <c:v>19.457999999999998</c:v>
                </c:pt>
                <c:pt idx="1940">
                  <c:v>19.474</c:v>
                </c:pt>
                <c:pt idx="1941">
                  <c:v>19.489999999999998</c:v>
                </c:pt>
                <c:pt idx="1942">
                  <c:v>19.507999999999999</c:v>
                </c:pt>
                <c:pt idx="1943">
                  <c:v>19.524999999999999</c:v>
                </c:pt>
                <c:pt idx="1944">
                  <c:v>19.588000000000001</c:v>
                </c:pt>
                <c:pt idx="1945">
                  <c:v>19.599</c:v>
                </c:pt>
                <c:pt idx="1946">
                  <c:v>19.608000000000001</c:v>
                </c:pt>
                <c:pt idx="1947">
                  <c:v>19.664000000000001</c:v>
                </c:pt>
                <c:pt idx="1948">
                  <c:v>19.672999999999998</c:v>
                </c:pt>
                <c:pt idx="1949">
                  <c:v>19.683</c:v>
                </c:pt>
                <c:pt idx="1950">
                  <c:v>19.693000000000001</c:v>
                </c:pt>
                <c:pt idx="1951">
                  <c:v>19.702999999999999</c:v>
                </c:pt>
                <c:pt idx="1952">
                  <c:v>19.713000000000001</c:v>
                </c:pt>
                <c:pt idx="1953">
                  <c:v>19.722999999999999</c:v>
                </c:pt>
                <c:pt idx="1954">
                  <c:v>19.733000000000001</c:v>
                </c:pt>
                <c:pt idx="1955">
                  <c:v>19.742999999999999</c:v>
                </c:pt>
                <c:pt idx="1956">
                  <c:v>19.753</c:v>
                </c:pt>
                <c:pt idx="1957">
                  <c:v>19.763000000000002</c:v>
                </c:pt>
                <c:pt idx="1958">
                  <c:v>19.771999999999998</c:v>
                </c:pt>
                <c:pt idx="1959">
                  <c:v>19.782</c:v>
                </c:pt>
                <c:pt idx="1960">
                  <c:v>19.792000000000002</c:v>
                </c:pt>
                <c:pt idx="1961">
                  <c:v>19.802</c:v>
                </c:pt>
                <c:pt idx="1962">
                  <c:v>19.812000000000001</c:v>
                </c:pt>
                <c:pt idx="1963">
                  <c:v>19.821999999999999</c:v>
                </c:pt>
                <c:pt idx="1964">
                  <c:v>19.832000000000001</c:v>
                </c:pt>
                <c:pt idx="1965">
                  <c:v>19.841999999999999</c:v>
                </c:pt>
                <c:pt idx="1966">
                  <c:v>19.853000000000002</c:v>
                </c:pt>
                <c:pt idx="1967">
                  <c:v>19.863</c:v>
                </c:pt>
                <c:pt idx="1968">
                  <c:v>19.873000000000001</c:v>
                </c:pt>
                <c:pt idx="1969">
                  <c:v>19.882999999999999</c:v>
                </c:pt>
                <c:pt idx="1970">
                  <c:v>19.891999999999999</c:v>
                </c:pt>
                <c:pt idx="1971">
                  <c:v>19.902000000000001</c:v>
                </c:pt>
                <c:pt idx="1972">
                  <c:v>19.913</c:v>
                </c:pt>
                <c:pt idx="1973">
                  <c:v>19.922000000000001</c:v>
                </c:pt>
                <c:pt idx="1974">
                  <c:v>19.933</c:v>
                </c:pt>
                <c:pt idx="1975">
                  <c:v>19.942</c:v>
                </c:pt>
                <c:pt idx="1976">
                  <c:v>19.952000000000002</c:v>
                </c:pt>
                <c:pt idx="1977">
                  <c:v>19.962</c:v>
                </c:pt>
                <c:pt idx="1978">
                  <c:v>19.972000000000001</c:v>
                </c:pt>
                <c:pt idx="1979">
                  <c:v>19.981999999999999</c:v>
                </c:pt>
                <c:pt idx="1980">
                  <c:v>19.992999999999999</c:v>
                </c:pt>
                <c:pt idx="1981">
                  <c:v>20.001999999999999</c:v>
                </c:pt>
                <c:pt idx="1982">
                  <c:v>20.012</c:v>
                </c:pt>
                <c:pt idx="1983">
                  <c:v>20.021999999999998</c:v>
                </c:pt>
                <c:pt idx="1984">
                  <c:v>20.033000000000001</c:v>
                </c:pt>
                <c:pt idx="1985">
                  <c:v>20.042999999999999</c:v>
                </c:pt>
                <c:pt idx="1986">
                  <c:v>20.053000000000001</c:v>
                </c:pt>
                <c:pt idx="1987">
                  <c:v>20.062000000000001</c:v>
                </c:pt>
                <c:pt idx="1988">
                  <c:v>20.071999999999999</c:v>
                </c:pt>
                <c:pt idx="1989">
                  <c:v>20.082000000000001</c:v>
                </c:pt>
                <c:pt idx="1990">
                  <c:v>20.091999999999999</c:v>
                </c:pt>
                <c:pt idx="1991">
                  <c:v>20.102</c:v>
                </c:pt>
                <c:pt idx="1992">
                  <c:v>20.111999999999998</c:v>
                </c:pt>
                <c:pt idx="1993">
                  <c:v>20.122</c:v>
                </c:pt>
                <c:pt idx="1994">
                  <c:v>20.131</c:v>
                </c:pt>
                <c:pt idx="1995">
                  <c:v>20.140999999999998</c:v>
                </c:pt>
                <c:pt idx="1996">
                  <c:v>20.152000000000001</c:v>
                </c:pt>
                <c:pt idx="1997">
                  <c:v>20.161999999999999</c:v>
                </c:pt>
                <c:pt idx="1998">
                  <c:v>20.172000000000001</c:v>
                </c:pt>
                <c:pt idx="1999">
                  <c:v>20.181999999999999</c:v>
                </c:pt>
                <c:pt idx="2000">
                  <c:v>20.190999999999999</c:v>
                </c:pt>
                <c:pt idx="2001">
                  <c:v>20.201000000000001</c:v>
                </c:pt>
                <c:pt idx="2002">
                  <c:v>20.212</c:v>
                </c:pt>
                <c:pt idx="2003">
                  <c:v>20.222000000000001</c:v>
                </c:pt>
                <c:pt idx="2004">
                  <c:v>20.231000000000002</c:v>
                </c:pt>
                <c:pt idx="2005">
                  <c:v>20.241</c:v>
                </c:pt>
                <c:pt idx="2006">
                  <c:v>20.251000000000001</c:v>
                </c:pt>
                <c:pt idx="2007">
                  <c:v>20.260999999999999</c:v>
                </c:pt>
                <c:pt idx="2008">
                  <c:v>20.271000000000001</c:v>
                </c:pt>
                <c:pt idx="2009">
                  <c:v>20.280999999999999</c:v>
                </c:pt>
                <c:pt idx="2010">
                  <c:v>20.291</c:v>
                </c:pt>
                <c:pt idx="2011">
                  <c:v>20.300999999999998</c:v>
                </c:pt>
                <c:pt idx="2012">
                  <c:v>20.311</c:v>
                </c:pt>
                <c:pt idx="2013">
                  <c:v>20.32</c:v>
                </c:pt>
                <c:pt idx="2014">
                  <c:v>20.329999999999998</c:v>
                </c:pt>
                <c:pt idx="2015">
                  <c:v>20.341000000000001</c:v>
                </c:pt>
                <c:pt idx="2016">
                  <c:v>20.350999999999999</c:v>
                </c:pt>
                <c:pt idx="2017">
                  <c:v>20.36</c:v>
                </c:pt>
                <c:pt idx="2018">
                  <c:v>20.37</c:v>
                </c:pt>
                <c:pt idx="2019">
                  <c:v>20.379000000000001</c:v>
                </c:pt>
                <c:pt idx="2020">
                  <c:v>20.388999999999999</c:v>
                </c:pt>
                <c:pt idx="2021">
                  <c:v>20.399999999999999</c:v>
                </c:pt>
                <c:pt idx="2022">
                  <c:v>20.408999999999999</c:v>
                </c:pt>
                <c:pt idx="2023">
                  <c:v>20.419</c:v>
                </c:pt>
                <c:pt idx="2024">
                  <c:v>20.428999999999998</c:v>
                </c:pt>
                <c:pt idx="2025">
                  <c:v>20.437999999999999</c:v>
                </c:pt>
                <c:pt idx="2026">
                  <c:v>20.448</c:v>
                </c:pt>
                <c:pt idx="2027">
                  <c:v>20.457999999999998</c:v>
                </c:pt>
                <c:pt idx="2028">
                  <c:v>20.468</c:v>
                </c:pt>
                <c:pt idx="2029">
                  <c:v>20.478000000000002</c:v>
                </c:pt>
                <c:pt idx="2030">
                  <c:v>20.486999999999998</c:v>
                </c:pt>
                <c:pt idx="2031">
                  <c:v>20.497</c:v>
                </c:pt>
                <c:pt idx="2032">
                  <c:v>20.507999999999999</c:v>
                </c:pt>
                <c:pt idx="2033">
                  <c:v>20.516999999999999</c:v>
                </c:pt>
                <c:pt idx="2034">
                  <c:v>20.527000000000001</c:v>
                </c:pt>
                <c:pt idx="2035">
                  <c:v>20.536999999999999</c:v>
                </c:pt>
                <c:pt idx="2036">
                  <c:v>20.544</c:v>
                </c:pt>
                <c:pt idx="2037">
                  <c:v>20.544</c:v>
                </c:pt>
                <c:pt idx="2038">
                  <c:v>20.544</c:v>
                </c:pt>
                <c:pt idx="2039">
                  <c:v>20.544</c:v>
                </c:pt>
                <c:pt idx="2040">
                  <c:v>20.547999999999998</c:v>
                </c:pt>
                <c:pt idx="2041">
                  <c:v>20.556999999999999</c:v>
                </c:pt>
                <c:pt idx="2042">
                  <c:v>20.565999999999999</c:v>
                </c:pt>
                <c:pt idx="2043">
                  <c:v>20.576000000000001</c:v>
                </c:pt>
                <c:pt idx="2044">
                  <c:v>20.585000000000001</c:v>
                </c:pt>
                <c:pt idx="2045">
                  <c:v>20.594999999999999</c:v>
                </c:pt>
                <c:pt idx="2046">
                  <c:v>20.603999999999999</c:v>
                </c:pt>
                <c:pt idx="2047">
                  <c:v>20.661000000000001</c:v>
                </c:pt>
                <c:pt idx="2048">
                  <c:v>20.670999999999999</c:v>
                </c:pt>
                <c:pt idx="2049">
                  <c:v>20.681000000000001</c:v>
                </c:pt>
                <c:pt idx="2050">
                  <c:v>20.69</c:v>
                </c:pt>
                <c:pt idx="2051">
                  <c:v>20.701000000000001</c:v>
                </c:pt>
                <c:pt idx="2052">
                  <c:v>20.71</c:v>
                </c:pt>
                <c:pt idx="2053">
                  <c:v>20.719000000000001</c:v>
                </c:pt>
                <c:pt idx="2054">
                  <c:v>20.73</c:v>
                </c:pt>
                <c:pt idx="2055">
                  <c:v>20.739000000000001</c:v>
                </c:pt>
                <c:pt idx="2056">
                  <c:v>20.748999999999999</c:v>
                </c:pt>
                <c:pt idx="2057">
                  <c:v>20.757999999999999</c:v>
                </c:pt>
                <c:pt idx="2058">
                  <c:v>20.768000000000001</c:v>
                </c:pt>
                <c:pt idx="2059">
                  <c:v>20.773</c:v>
                </c:pt>
                <c:pt idx="2060">
                  <c:v>20.773</c:v>
                </c:pt>
                <c:pt idx="2061">
                  <c:v>20.777000000000001</c:v>
                </c:pt>
                <c:pt idx="2062">
                  <c:v>20.786000000000001</c:v>
                </c:pt>
                <c:pt idx="2063">
                  <c:v>20.795000000000002</c:v>
                </c:pt>
                <c:pt idx="2064">
                  <c:v>20.805</c:v>
                </c:pt>
                <c:pt idx="2065">
                  <c:v>20.815000000000001</c:v>
                </c:pt>
                <c:pt idx="2066">
                  <c:v>20.824999999999999</c:v>
                </c:pt>
                <c:pt idx="2067">
                  <c:v>20.834</c:v>
                </c:pt>
                <c:pt idx="2068">
                  <c:v>20.844000000000001</c:v>
                </c:pt>
                <c:pt idx="2069">
                  <c:v>20.853000000000002</c:v>
                </c:pt>
                <c:pt idx="2070">
                  <c:v>20.864000000000001</c:v>
                </c:pt>
                <c:pt idx="2071">
                  <c:v>20.873999999999999</c:v>
                </c:pt>
                <c:pt idx="2072">
                  <c:v>20.882999999999999</c:v>
                </c:pt>
                <c:pt idx="2073">
                  <c:v>20.893000000000001</c:v>
                </c:pt>
                <c:pt idx="2074">
                  <c:v>20.902000000000001</c:v>
                </c:pt>
                <c:pt idx="2075">
                  <c:v>20.904</c:v>
                </c:pt>
                <c:pt idx="2076">
                  <c:v>20.904</c:v>
                </c:pt>
                <c:pt idx="2077">
                  <c:v>20.908999999999999</c:v>
                </c:pt>
                <c:pt idx="2078">
                  <c:v>20.917000000000002</c:v>
                </c:pt>
                <c:pt idx="2079">
                  <c:v>20.928000000000001</c:v>
                </c:pt>
                <c:pt idx="2080">
                  <c:v>20.937000000000001</c:v>
                </c:pt>
                <c:pt idx="2081">
                  <c:v>20.946000000000002</c:v>
                </c:pt>
                <c:pt idx="2082">
                  <c:v>20.956</c:v>
                </c:pt>
                <c:pt idx="2083">
                  <c:v>20.965</c:v>
                </c:pt>
                <c:pt idx="2084">
                  <c:v>20.975000000000001</c:v>
                </c:pt>
                <c:pt idx="2085">
                  <c:v>20.984999999999999</c:v>
                </c:pt>
                <c:pt idx="2086">
                  <c:v>20.995000000000001</c:v>
                </c:pt>
                <c:pt idx="2087">
                  <c:v>21.006</c:v>
                </c:pt>
                <c:pt idx="2088">
                  <c:v>21.015000000000001</c:v>
                </c:pt>
                <c:pt idx="2089">
                  <c:v>21.024999999999999</c:v>
                </c:pt>
                <c:pt idx="2090">
                  <c:v>21.035</c:v>
                </c:pt>
                <c:pt idx="2091">
                  <c:v>21.045000000000002</c:v>
                </c:pt>
                <c:pt idx="2092">
                  <c:v>21.053999999999998</c:v>
                </c:pt>
                <c:pt idx="2093">
                  <c:v>21.064</c:v>
                </c:pt>
                <c:pt idx="2094">
                  <c:v>21.074000000000002</c:v>
                </c:pt>
                <c:pt idx="2095">
                  <c:v>21.082999999999998</c:v>
                </c:pt>
                <c:pt idx="2096">
                  <c:v>21.091999999999999</c:v>
                </c:pt>
                <c:pt idx="2097">
                  <c:v>21.102</c:v>
                </c:pt>
                <c:pt idx="2098">
                  <c:v>21.113</c:v>
                </c:pt>
                <c:pt idx="2099">
                  <c:v>21.122</c:v>
                </c:pt>
                <c:pt idx="2100">
                  <c:v>21.131</c:v>
                </c:pt>
                <c:pt idx="2101">
                  <c:v>21.14</c:v>
                </c:pt>
                <c:pt idx="2102">
                  <c:v>21.151</c:v>
                </c:pt>
                <c:pt idx="2103">
                  <c:v>21.161000000000001</c:v>
                </c:pt>
                <c:pt idx="2104">
                  <c:v>21.17</c:v>
                </c:pt>
                <c:pt idx="2105">
                  <c:v>21.18</c:v>
                </c:pt>
                <c:pt idx="2106">
                  <c:v>21.19</c:v>
                </c:pt>
                <c:pt idx="2107">
                  <c:v>21.2</c:v>
                </c:pt>
                <c:pt idx="2108">
                  <c:v>21.209</c:v>
                </c:pt>
                <c:pt idx="2109">
                  <c:v>21.219000000000001</c:v>
                </c:pt>
                <c:pt idx="2110">
                  <c:v>21.228999999999999</c:v>
                </c:pt>
                <c:pt idx="2111">
                  <c:v>21.239000000000001</c:v>
                </c:pt>
                <c:pt idx="2112">
                  <c:v>21.248000000000001</c:v>
                </c:pt>
                <c:pt idx="2113">
                  <c:v>21.257999999999999</c:v>
                </c:pt>
                <c:pt idx="2114">
                  <c:v>21.266999999999999</c:v>
                </c:pt>
                <c:pt idx="2115">
                  <c:v>21.277000000000001</c:v>
                </c:pt>
                <c:pt idx="2116">
                  <c:v>21.288</c:v>
                </c:pt>
                <c:pt idx="2117">
                  <c:v>21.297000000000001</c:v>
                </c:pt>
                <c:pt idx="2118">
                  <c:v>21.306999999999999</c:v>
                </c:pt>
                <c:pt idx="2119">
                  <c:v>21.317</c:v>
                </c:pt>
                <c:pt idx="2120">
                  <c:v>21.327000000000002</c:v>
                </c:pt>
                <c:pt idx="2121">
                  <c:v>21.335999999999999</c:v>
                </c:pt>
                <c:pt idx="2122">
                  <c:v>21.347000000000001</c:v>
                </c:pt>
                <c:pt idx="2123">
                  <c:v>21.356999999999999</c:v>
                </c:pt>
                <c:pt idx="2124">
                  <c:v>21.367000000000001</c:v>
                </c:pt>
                <c:pt idx="2125">
                  <c:v>21.376999999999999</c:v>
                </c:pt>
                <c:pt idx="2126">
                  <c:v>21.385999999999999</c:v>
                </c:pt>
                <c:pt idx="2127">
                  <c:v>21.396000000000001</c:v>
                </c:pt>
                <c:pt idx="2128">
                  <c:v>21.405000000000001</c:v>
                </c:pt>
                <c:pt idx="2129">
                  <c:v>21.416</c:v>
                </c:pt>
                <c:pt idx="2130">
                  <c:v>21.425999999999998</c:v>
                </c:pt>
                <c:pt idx="2131">
                  <c:v>21.436</c:v>
                </c:pt>
                <c:pt idx="2132">
                  <c:v>21.446000000000002</c:v>
                </c:pt>
                <c:pt idx="2133">
                  <c:v>21.454999999999998</c:v>
                </c:pt>
                <c:pt idx="2134">
                  <c:v>21.463999999999999</c:v>
                </c:pt>
                <c:pt idx="2135">
                  <c:v>21.474</c:v>
                </c:pt>
                <c:pt idx="2136">
                  <c:v>21.484000000000002</c:v>
                </c:pt>
                <c:pt idx="2137">
                  <c:v>21.494</c:v>
                </c:pt>
                <c:pt idx="2138">
                  <c:v>21.504999999999999</c:v>
                </c:pt>
                <c:pt idx="2139">
                  <c:v>21.515000000000001</c:v>
                </c:pt>
                <c:pt idx="2140">
                  <c:v>21.524000000000001</c:v>
                </c:pt>
                <c:pt idx="2141">
                  <c:v>21.533999999999999</c:v>
                </c:pt>
                <c:pt idx="2142">
                  <c:v>21.544</c:v>
                </c:pt>
                <c:pt idx="2143">
                  <c:v>21.553000000000001</c:v>
                </c:pt>
                <c:pt idx="2144">
                  <c:v>21.562999999999999</c:v>
                </c:pt>
                <c:pt idx="2145">
                  <c:v>21.573</c:v>
                </c:pt>
                <c:pt idx="2146">
                  <c:v>21.582000000000001</c:v>
                </c:pt>
                <c:pt idx="2147">
                  <c:v>21.593</c:v>
                </c:pt>
                <c:pt idx="2148">
                  <c:v>21.603000000000002</c:v>
                </c:pt>
                <c:pt idx="2149">
                  <c:v>21.611999999999998</c:v>
                </c:pt>
                <c:pt idx="2150">
                  <c:v>21.622</c:v>
                </c:pt>
                <c:pt idx="2151">
                  <c:v>21.632000000000001</c:v>
                </c:pt>
                <c:pt idx="2152">
                  <c:v>21.641999999999999</c:v>
                </c:pt>
                <c:pt idx="2153">
                  <c:v>21.651</c:v>
                </c:pt>
                <c:pt idx="2154">
                  <c:v>21.661999999999999</c:v>
                </c:pt>
                <c:pt idx="2155">
                  <c:v>21.672000000000001</c:v>
                </c:pt>
                <c:pt idx="2156">
                  <c:v>21.681000000000001</c:v>
                </c:pt>
                <c:pt idx="2157">
                  <c:v>21.692</c:v>
                </c:pt>
                <c:pt idx="2158">
                  <c:v>21.701000000000001</c:v>
                </c:pt>
                <c:pt idx="2159">
                  <c:v>21.71</c:v>
                </c:pt>
                <c:pt idx="2160">
                  <c:v>21.72</c:v>
                </c:pt>
                <c:pt idx="2161">
                  <c:v>21.728999999999999</c:v>
                </c:pt>
                <c:pt idx="2162">
                  <c:v>21.74</c:v>
                </c:pt>
                <c:pt idx="2163">
                  <c:v>21.748999999999999</c:v>
                </c:pt>
                <c:pt idx="2164">
                  <c:v>21.759</c:v>
                </c:pt>
                <c:pt idx="2165">
                  <c:v>21.768999999999998</c:v>
                </c:pt>
                <c:pt idx="2166">
                  <c:v>21.779</c:v>
                </c:pt>
                <c:pt idx="2167">
                  <c:v>21.789000000000001</c:v>
                </c:pt>
                <c:pt idx="2168">
                  <c:v>21.797999999999998</c:v>
                </c:pt>
                <c:pt idx="2169">
                  <c:v>21.809000000000001</c:v>
                </c:pt>
                <c:pt idx="2170">
                  <c:v>21.818000000000001</c:v>
                </c:pt>
                <c:pt idx="2171">
                  <c:v>21.827999999999999</c:v>
                </c:pt>
                <c:pt idx="2172">
                  <c:v>21.838000000000001</c:v>
                </c:pt>
                <c:pt idx="2173">
                  <c:v>21.847999999999999</c:v>
                </c:pt>
                <c:pt idx="2174">
                  <c:v>21.856999999999999</c:v>
                </c:pt>
                <c:pt idx="2175">
                  <c:v>21.867999999999999</c:v>
                </c:pt>
                <c:pt idx="2176">
                  <c:v>21.878</c:v>
                </c:pt>
                <c:pt idx="2177">
                  <c:v>21.888000000000002</c:v>
                </c:pt>
                <c:pt idx="2178">
                  <c:v>21.896999999999998</c:v>
                </c:pt>
                <c:pt idx="2179">
                  <c:v>21.907</c:v>
                </c:pt>
                <c:pt idx="2180">
                  <c:v>21.916</c:v>
                </c:pt>
                <c:pt idx="2181">
                  <c:v>21.925999999999998</c:v>
                </c:pt>
                <c:pt idx="2182">
                  <c:v>21.937000000000001</c:v>
                </c:pt>
                <c:pt idx="2183">
                  <c:v>21.946000000000002</c:v>
                </c:pt>
                <c:pt idx="2184">
                  <c:v>21.954999999999998</c:v>
                </c:pt>
                <c:pt idx="2185">
                  <c:v>21.966000000000001</c:v>
                </c:pt>
                <c:pt idx="2186">
                  <c:v>21.975000000000001</c:v>
                </c:pt>
                <c:pt idx="2187">
                  <c:v>21.984999999999999</c:v>
                </c:pt>
                <c:pt idx="2188">
                  <c:v>21.995999999999999</c:v>
                </c:pt>
                <c:pt idx="2189">
                  <c:v>22.004999999999999</c:v>
                </c:pt>
                <c:pt idx="2190">
                  <c:v>22.015000000000001</c:v>
                </c:pt>
                <c:pt idx="2191">
                  <c:v>22.024999999999999</c:v>
                </c:pt>
                <c:pt idx="2192">
                  <c:v>22.035</c:v>
                </c:pt>
                <c:pt idx="2193">
                  <c:v>22.045000000000002</c:v>
                </c:pt>
                <c:pt idx="2194">
                  <c:v>22.053999999999998</c:v>
                </c:pt>
                <c:pt idx="2195">
                  <c:v>22.064</c:v>
                </c:pt>
                <c:pt idx="2196">
                  <c:v>22.073</c:v>
                </c:pt>
                <c:pt idx="2197">
                  <c:v>22.084</c:v>
                </c:pt>
                <c:pt idx="2198">
                  <c:v>22.093</c:v>
                </c:pt>
                <c:pt idx="2199">
                  <c:v>22.103999999999999</c:v>
                </c:pt>
                <c:pt idx="2200">
                  <c:v>22.113</c:v>
                </c:pt>
                <c:pt idx="2201">
                  <c:v>22.123999999999999</c:v>
                </c:pt>
                <c:pt idx="2202">
                  <c:v>22.132999999999999</c:v>
                </c:pt>
                <c:pt idx="2203">
                  <c:v>22.143999999999998</c:v>
                </c:pt>
                <c:pt idx="2204">
                  <c:v>22.152999999999999</c:v>
                </c:pt>
                <c:pt idx="2205">
                  <c:v>22.163</c:v>
                </c:pt>
                <c:pt idx="2206">
                  <c:v>22.172999999999998</c:v>
                </c:pt>
                <c:pt idx="2207">
                  <c:v>22.181999999999999</c:v>
                </c:pt>
                <c:pt idx="2208">
                  <c:v>22.193000000000001</c:v>
                </c:pt>
                <c:pt idx="2209">
                  <c:v>22.202000000000002</c:v>
                </c:pt>
                <c:pt idx="2210">
                  <c:v>22.212</c:v>
                </c:pt>
                <c:pt idx="2211">
                  <c:v>22.222000000000001</c:v>
                </c:pt>
                <c:pt idx="2212">
                  <c:v>22.231999999999999</c:v>
                </c:pt>
                <c:pt idx="2213">
                  <c:v>22.241</c:v>
                </c:pt>
                <c:pt idx="2214">
                  <c:v>22.251000000000001</c:v>
                </c:pt>
                <c:pt idx="2215">
                  <c:v>22.260999999999999</c:v>
                </c:pt>
                <c:pt idx="2216">
                  <c:v>22.271000000000001</c:v>
                </c:pt>
                <c:pt idx="2217">
                  <c:v>22.28</c:v>
                </c:pt>
                <c:pt idx="2218">
                  <c:v>22.29</c:v>
                </c:pt>
                <c:pt idx="2219">
                  <c:v>22.298999999999999</c:v>
                </c:pt>
                <c:pt idx="2220">
                  <c:v>22.309000000000001</c:v>
                </c:pt>
                <c:pt idx="2221">
                  <c:v>22.32</c:v>
                </c:pt>
                <c:pt idx="2222">
                  <c:v>22.329000000000001</c:v>
                </c:pt>
                <c:pt idx="2223">
                  <c:v>22.338999999999999</c:v>
                </c:pt>
                <c:pt idx="2224">
                  <c:v>22.349</c:v>
                </c:pt>
                <c:pt idx="2225">
                  <c:v>22.358000000000001</c:v>
                </c:pt>
                <c:pt idx="2226">
                  <c:v>22.369</c:v>
                </c:pt>
                <c:pt idx="2227">
                  <c:v>22.378</c:v>
                </c:pt>
                <c:pt idx="2228">
                  <c:v>22.387</c:v>
                </c:pt>
                <c:pt idx="2229">
                  <c:v>22.398</c:v>
                </c:pt>
                <c:pt idx="2230">
                  <c:v>22.407</c:v>
                </c:pt>
                <c:pt idx="2231">
                  <c:v>22.416</c:v>
                </c:pt>
                <c:pt idx="2232">
                  <c:v>22.427</c:v>
                </c:pt>
                <c:pt idx="2233">
                  <c:v>22.436</c:v>
                </c:pt>
                <c:pt idx="2234">
                  <c:v>22.445</c:v>
                </c:pt>
                <c:pt idx="2235">
                  <c:v>22.456</c:v>
                </c:pt>
                <c:pt idx="2236">
                  <c:v>22.465</c:v>
                </c:pt>
                <c:pt idx="2237">
                  <c:v>22.474</c:v>
                </c:pt>
                <c:pt idx="2238">
                  <c:v>22.484000000000002</c:v>
                </c:pt>
                <c:pt idx="2239">
                  <c:v>22.495000000000001</c:v>
                </c:pt>
                <c:pt idx="2240">
                  <c:v>22.504000000000001</c:v>
                </c:pt>
                <c:pt idx="2241">
                  <c:v>22.513999999999999</c:v>
                </c:pt>
                <c:pt idx="2242">
                  <c:v>22.524000000000001</c:v>
                </c:pt>
                <c:pt idx="2243">
                  <c:v>22.533000000000001</c:v>
                </c:pt>
                <c:pt idx="2244">
                  <c:v>22.542999999999999</c:v>
                </c:pt>
                <c:pt idx="2245">
                  <c:v>22.553000000000001</c:v>
                </c:pt>
                <c:pt idx="2246">
                  <c:v>22.562000000000001</c:v>
                </c:pt>
                <c:pt idx="2247">
                  <c:v>22.571999999999999</c:v>
                </c:pt>
                <c:pt idx="2248">
                  <c:v>22.581</c:v>
                </c:pt>
                <c:pt idx="2249">
                  <c:v>22.591999999999999</c:v>
                </c:pt>
                <c:pt idx="2250">
                  <c:v>22.600999999999999</c:v>
                </c:pt>
                <c:pt idx="2251">
                  <c:v>22.611000000000001</c:v>
                </c:pt>
                <c:pt idx="2252">
                  <c:v>22.620999999999999</c:v>
                </c:pt>
                <c:pt idx="2253">
                  <c:v>22.63</c:v>
                </c:pt>
                <c:pt idx="2254">
                  <c:v>22.640999999999998</c:v>
                </c:pt>
                <c:pt idx="2255">
                  <c:v>22.651</c:v>
                </c:pt>
                <c:pt idx="2256">
                  <c:v>22.66</c:v>
                </c:pt>
                <c:pt idx="2257">
                  <c:v>22.670999999999999</c:v>
                </c:pt>
                <c:pt idx="2258">
                  <c:v>22.68</c:v>
                </c:pt>
                <c:pt idx="2259">
                  <c:v>22.689</c:v>
                </c:pt>
                <c:pt idx="2260">
                  <c:v>22.7</c:v>
                </c:pt>
                <c:pt idx="2261">
                  <c:v>22.709</c:v>
                </c:pt>
                <c:pt idx="2262">
                  <c:v>22.719000000000001</c:v>
                </c:pt>
                <c:pt idx="2263">
                  <c:v>22.728000000000002</c:v>
                </c:pt>
                <c:pt idx="2264">
                  <c:v>22.739000000000001</c:v>
                </c:pt>
                <c:pt idx="2265">
                  <c:v>22.748999999999999</c:v>
                </c:pt>
                <c:pt idx="2266">
                  <c:v>22.759</c:v>
                </c:pt>
                <c:pt idx="2267">
                  <c:v>22.768000000000001</c:v>
                </c:pt>
                <c:pt idx="2268">
                  <c:v>22.777999999999999</c:v>
                </c:pt>
                <c:pt idx="2269">
                  <c:v>22.789000000000001</c:v>
                </c:pt>
                <c:pt idx="2270">
                  <c:v>22.797999999999998</c:v>
                </c:pt>
                <c:pt idx="2271">
                  <c:v>22.808</c:v>
                </c:pt>
                <c:pt idx="2272">
                  <c:v>22.818999999999999</c:v>
                </c:pt>
                <c:pt idx="2273">
                  <c:v>22.827999999999999</c:v>
                </c:pt>
                <c:pt idx="2274">
                  <c:v>22.838999999999999</c:v>
                </c:pt>
                <c:pt idx="2275">
                  <c:v>22.847999999999999</c:v>
                </c:pt>
                <c:pt idx="2276">
                  <c:v>22.856999999999999</c:v>
                </c:pt>
                <c:pt idx="2277">
                  <c:v>22.867000000000001</c:v>
                </c:pt>
                <c:pt idx="2278">
                  <c:v>22.876999999999999</c:v>
                </c:pt>
                <c:pt idx="2279">
                  <c:v>22.887</c:v>
                </c:pt>
                <c:pt idx="2280">
                  <c:v>22.896000000000001</c:v>
                </c:pt>
                <c:pt idx="2281">
                  <c:v>22.905999999999999</c:v>
                </c:pt>
                <c:pt idx="2282">
                  <c:v>22.914999999999999</c:v>
                </c:pt>
                <c:pt idx="2283">
                  <c:v>22.923999999999999</c:v>
                </c:pt>
                <c:pt idx="2284">
                  <c:v>22.934999999999999</c:v>
                </c:pt>
                <c:pt idx="2285">
                  <c:v>22.943999999999999</c:v>
                </c:pt>
                <c:pt idx="2286">
                  <c:v>22.954000000000001</c:v>
                </c:pt>
                <c:pt idx="2287">
                  <c:v>22.963999999999999</c:v>
                </c:pt>
                <c:pt idx="2288">
                  <c:v>22.974</c:v>
                </c:pt>
                <c:pt idx="2289">
                  <c:v>22.983000000000001</c:v>
                </c:pt>
                <c:pt idx="2290">
                  <c:v>22.994</c:v>
                </c:pt>
                <c:pt idx="2291">
                  <c:v>23.003</c:v>
                </c:pt>
                <c:pt idx="2292">
                  <c:v>23.012</c:v>
                </c:pt>
                <c:pt idx="2293">
                  <c:v>23.023</c:v>
                </c:pt>
                <c:pt idx="2294">
                  <c:v>23.032</c:v>
                </c:pt>
                <c:pt idx="2295">
                  <c:v>23.042000000000002</c:v>
                </c:pt>
                <c:pt idx="2296">
                  <c:v>23.050999999999998</c:v>
                </c:pt>
                <c:pt idx="2297">
                  <c:v>23.059000000000001</c:v>
                </c:pt>
                <c:pt idx="2298">
                  <c:v>23.07</c:v>
                </c:pt>
                <c:pt idx="2299">
                  <c:v>23.079000000000001</c:v>
                </c:pt>
                <c:pt idx="2300">
                  <c:v>23.088999999999999</c:v>
                </c:pt>
                <c:pt idx="2301">
                  <c:v>23.099</c:v>
                </c:pt>
                <c:pt idx="2302">
                  <c:v>23.108000000000001</c:v>
                </c:pt>
                <c:pt idx="2303">
                  <c:v>23.117000000000001</c:v>
                </c:pt>
                <c:pt idx="2304">
                  <c:v>23.126999999999999</c:v>
                </c:pt>
                <c:pt idx="2305">
                  <c:v>23.137</c:v>
                </c:pt>
                <c:pt idx="2306">
                  <c:v>23.148</c:v>
                </c:pt>
                <c:pt idx="2307">
                  <c:v>23.157</c:v>
                </c:pt>
                <c:pt idx="2308">
                  <c:v>23.164999999999999</c:v>
                </c:pt>
                <c:pt idx="2309">
                  <c:v>23.175999999999998</c:v>
                </c:pt>
                <c:pt idx="2310">
                  <c:v>23.186</c:v>
                </c:pt>
                <c:pt idx="2311">
                  <c:v>23.195</c:v>
                </c:pt>
                <c:pt idx="2312">
                  <c:v>23.206</c:v>
                </c:pt>
                <c:pt idx="2313">
                  <c:v>23.215</c:v>
                </c:pt>
                <c:pt idx="2314">
                  <c:v>23.224</c:v>
                </c:pt>
                <c:pt idx="2315">
                  <c:v>23.234000000000002</c:v>
                </c:pt>
                <c:pt idx="2316">
                  <c:v>23.244</c:v>
                </c:pt>
                <c:pt idx="2317">
                  <c:v>23.254000000000001</c:v>
                </c:pt>
                <c:pt idx="2318">
                  <c:v>23.263999999999999</c:v>
                </c:pt>
                <c:pt idx="2319">
                  <c:v>23.274000000000001</c:v>
                </c:pt>
                <c:pt idx="2320">
                  <c:v>23.283999999999999</c:v>
                </c:pt>
                <c:pt idx="2321">
                  <c:v>23.292999999999999</c:v>
                </c:pt>
                <c:pt idx="2322">
                  <c:v>23.303999999999998</c:v>
                </c:pt>
                <c:pt idx="2323">
                  <c:v>23.314</c:v>
                </c:pt>
                <c:pt idx="2324">
                  <c:v>23.324000000000002</c:v>
                </c:pt>
                <c:pt idx="2325">
                  <c:v>23.334</c:v>
                </c:pt>
                <c:pt idx="2326">
                  <c:v>23.343</c:v>
                </c:pt>
                <c:pt idx="2327">
                  <c:v>23.352</c:v>
                </c:pt>
                <c:pt idx="2328">
                  <c:v>23.363</c:v>
                </c:pt>
                <c:pt idx="2329">
                  <c:v>23.372</c:v>
                </c:pt>
                <c:pt idx="2330">
                  <c:v>23.382000000000001</c:v>
                </c:pt>
                <c:pt idx="2331">
                  <c:v>23.390999999999998</c:v>
                </c:pt>
                <c:pt idx="2332">
                  <c:v>23.402000000000001</c:v>
                </c:pt>
                <c:pt idx="2333">
                  <c:v>23.411000000000001</c:v>
                </c:pt>
                <c:pt idx="2334">
                  <c:v>23.420999999999999</c:v>
                </c:pt>
                <c:pt idx="2335">
                  <c:v>23.43</c:v>
                </c:pt>
                <c:pt idx="2336">
                  <c:v>23.440999999999999</c:v>
                </c:pt>
                <c:pt idx="2337">
                  <c:v>23.45</c:v>
                </c:pt>
                <c:pt idx="2338">
                  <c:v>23.46</c:v>
                </c:pt>
                <c:pt idx="2339">
                  <c:v>23.47</c:v>
                </c:pt>
                <c:pt idx="2340">
                  <c:v>23.48</c:v>
                </c:pt>
                <c:pt idx="2341">
                  <c:v>23.489000000000001</c:v>
                </c:pt>
                <c:pt idx="2342">
                  <c:v>23.5</c:v>
                </c:pt>
                <c:pt idx="2343">
                  <c:v>23.509</c:v>
                </c:pt>
                <c:pt idx="2344">
                  <c:v>23.518999999999998</c:v>
                </c:pt>
                <c:pt idx="2345">
                  <c:v>23.529</c:v>
                </c:pt>
                <c:pt idx="2346">
                  <c:v>23.538</c:v>
                </c:pt>
                <c:pt idx="2347">
                  <c:v>23.547999999999998</c:v>
                </c:pt>
                <c:pt idx="2348">
                  <c:v>23.556999999999999</c:v>
                </c:pt>
                <c:pt idx="2349">
                  <c:v>23.567</c:v>
                </c:pt>
                <c:pt idx="2350">
                  <c:v>23.576000000000001</c:v>
                </c:pt>
                <c:pt idx="2351">
                  <c:v>23.585999999999999</c:v>
                </c:pt>
                <c:pt idx="2352">
                  <c:v>23.594999999999999</c:v>
                </c:pt>
                <c:pt idx="2353">
                  <c:v>23.606000000000002</c:v>
                </c:pt>
                <c:pt idx="2354">
                  <c:v>23.614999999999998</c:v>
                </c:pt>
                <c:pt idx="2355">
                  <c:v>23.623999999999999</c:v>
                </c:pt>
                <c:pt idx="2356">
                  <c:v>23.635000000000002</c:v>
                </c:pt>
                <c:pt idx="2357">
                  <c:v>23.643999999999998</c:v>
                </c:pt>
                <c:pt idx="2358">
                  <c:v>23.652999999999999</c:v>
                </c:pt>
                <c:pt idx="2359">
                  <c:v>23.664000000000001</c:v>
                </c:pt>
                <c:pt idx="2360">
                  <c:v>23.672999999999998</c:v>
                </c:pt>
                <c:pt idx="2361">
                  <c:v>23.683</c:v>
                </c:pt>
                <c:pt idx="2362">
                  <c:v>23.692</c:v>
                </c:pt>
                <c:pt idx="2363">
                  <c:v>23.702999999999999</c:v>
                </c:pt>
                <c:pt idx="2364">
                  <c:v>23.712</c:v>
                </c:pt>
                <c:pt idx="2365">
                  <c:v>23.722000000000001</c:v>
                </c:pt>
                <c:pt idx="2366">
                  <c:v>23.731999999999999</c:v>
                </c:pt>
                <c:pt idx="2367">
                  <c:v>23.742000000000001</c:v>
                </c:pt>
                <c:pt idx="2368">
                  <c:v>23.751000000000001</c:v>
                </c:pt>
                <c:pt idx="2369">
                  <c:v>23.760999999999999</c:v>
                </c:pt>
                <c:pt idx="2370">
                  <c:v>23.77</c:v>
                </c:pt>
                <c:pt idx="2371">
                  <c:v>23.780999999999999</c:v>
                </c:pt>
                <c:pt idx="2372">
                  <c:v>23.79</c:v>
                </c:pt>
                <c:pt idx="2373">
                  <c:v>23.798999999999999</c:v>
                </c:pt>
                <c:pt idx="2374">
                  <c:v>23.81</c:v>
                </c:pt>
                <c:pt idx="2375">
                  <c:v>23.818999999999999</c:v>
                </c:pt>
                <c:pt idx="2376">
                  <c:v>23.829000000000001</c:v>
                </c:pt>
                <c:pt idx="2377">
                  <c:v>23.838999999999999</c:v>
                </c:pt>
                <c:pt idx="2378">
                  <c:v>23.849</c:v>
                </c:pt>
                <c:pt idx="2379">
                  <c:v>23.859000000000002</c:v>
                </c:pt>
                <c:pt idx="2380">
                  <c:v>23.867999999999999</c:v>
                </c:pt>
                <c:pt idx="2381">
                  <c:v>23.876999999999999</c:v>
                </c:pt>
                <c:pt idx="2382">
                  <c:v>23.887</c:v>
                </c:pt>
                <c:pt idx="2383">
                  <c:v>23.898</c:v>
                </c:pt>
                <c:pt idx="2384">
                  <c:v>23.907</c:v>
                </c:pt>
                <c:pt idx="2385">
                  <c:v>23.916</c:v>
                </c:pt>
                <c:pt idx="2386">
                  <c:v>23.925999999999998</c:v>
                </c:pt>
                <c:pt idx="2387">
                  <c:v>23.936</c:v>
                </c:pt>
                <c:pt idx="2388">
                  <c:v>23.945</c:v>
                </c:pt>
                <c:pt idx="2389">
                  <c:v>23.954999999999998</c:v>
                </c:pt>
                <c:pt idx="2390">
                  <c:v>23.963999999999999</c:v>
                </c:pt>
                <c:pt idx="2391">
                  <c:v>23.975000000000001</c:v>
                </c:pt>
                <c:pt idx="2392">
                  <c:v>23.984000000000002</c:v>
                </c:pt>
                <c:pt idx="2393">
                  <c:v>23.992999999999999</c:v>
                </c:pt>
                <c:pt idx="2394">
                  <c:v>24.004000000000001</c:v>
                </c:pt>
                <c:pt idx="2395">
                  <c:v>24.013000000000002</c:v>
                </c:pt>
                <c:pt idx="2396">
                  <c:v>24.023</c:v>
                </c:pt>
                <c:pt idx="2397">
                  <c:v>24.032</c:v>
                </c:pt>
                <c:pt idx="2398">
                  <c:v>24.042000000000002</c:v>
                </c:pt>
                <c:pt idx="2399">
                  <c:v>24.052</c:v>
                </c:pt>
                <c:pt idx="2400">
                  <c:v>24.062000000000001</c:v>
                </c:pt>
                <c:pt idx="2401">
                  <c:v>24.071999999999999</c:v>
                </c:pt>
                <c:pt idx="2402">
                  <c:v>24.081</c:v>
                </c:pt>
                <c:pt idx="2403">
                  <c:v>24.091000000000001</c:v>
                </c:pt>
                <c:pt idx="2404">
                  <c:v>24.1</c:v>
                </c:pt>
                <c:pt idx="2405">
                  <c:v>24.111000000000001</c:v>
                </c:pt>
                <c:pt idx="2406">
                  <c:v>24.12</c:v>
                </c:pt>
                <c:pt idx="2407">
                  <c:v>24.129000000000001</c:v>
                </c:pt>
                <c:pt idx="2408">
                  <c:v>24.138999999999999</c:v>
                </c:pt>
                <c:pt idx="2409">
                  <c:v>24.149000000000001</c:v>
                </c:pt>
                <c:pt idx="2410">
                  <c:v>24.158000000000001</c:v>
                </c:pt>
                <c:pt idx="2411">
                  <c:v>24.169</c:v>
                </c:pt>
                <c:pt idx="2412">
                  <c:v>24.178000000000001</c:v>
                </c:pt>
                <c:pt idx="2413">
                  <c:v>24.187000000000001</c:v>
                </c:pt>
                <c:pt idx="2414">
                  <c:v>24.198</c:v>
                </c:pt>
                <c:pt idx="2415">
                  <c:v>24.207000000000001</c:v>
                </c:pt>
                <c:pt idx="2416">
                  <c:v>24.216999999999999</c:v>
                </c:pt>
                <c:pt idx="2417">
                  <c:v>24.225999999999999</c:v>
                </c:pt>
                <c:pt idx="2418">
                  <c:v>24.236000000000001</c:v>
                </c:pt>
                <c:pt idx="2419">
                  <c:v>24.247</c:v>
                </c:pt>
                <c:pt idx="2420">
                  <c:v>24.256</c:v>
                </c:pt>
                <c:pt idx="2421">
                  <c:v>24.265999999999998</c:v>
                </c:pt>
                <c:pt idx="2422">
                  <c:v>24.274999999999999</c:v>
                </c:pt>
                <c:pt idx="2423">
                  <c:v>24.286000000000001</c:v>
                </c:pt>
                <c:pt idx="2424">
                  <c:v>24.295999999999999</c:v>
                </c:pt>
                <c:pt idx="2425">
                  <c:v>24.305</c:v>
                </c:pt>
                <c:pt idx="2426">
                  <c:v>24.314</c:v>
                </c:pt>
                <c:pt idx="2427">
                  <c:v>24.324999999999999</c:v>
                </c:pt>
                <c:pt idx="2428">
                  <c:v>24.334</c:v>
                </c:pt>
                <c:pt idx="2429">
                  <c:v>24.344000000000001</c:v>
                </c:pt>
                <c:pt idx="2430">
                  <c:v>24.353999999999999</c:v>
                </c:pt>
                <c:pt idx="2431">
                  <c:v>24.364000000000001</c:v>
                </c:pt>
                <c:pt idx="2432">
                  <c:v>24.373999999999999</c:v>
                </c:pt>
                <c:pt idx="2433">
                  <c:v>24.382999999999999</c:v>
                </c:pt>
                <c:pt idx="2434">
                  <c:v>24.393000000000001</c:v>
                </c:pt>
                <c:pt idx="2435">
                  <c:v>24.402999999999999</c:v>
                </c:pt>
                <c:pt idx="2436">
                  <c:v>24.413</c:v>
                </c:pt>
                <c:pt idx="2437">
                  <c:v>24.422000000000001</c:v>
                </c:pt>
                <c:pt idx="2438">
                  <c:v>24.433</c:v>
                </c:pt>
                <c:pt idx="2439">
                  <c:v>24.442</c:v>
                </c:pt>
                <c:pt idx="2440">
                  <c:v>24.452000000000002</c:v>
                </c:pt>
                <c:pt idx="2441">
                  <c:v>24.462</c:v>
                </c:pt>
                <c:pt idx="2442">
                  <c:v>24.471</c:v>
                </c:pt>
                <c:pt idx="2443">
                  <c:v>24.481000000000002</c:v>
                </c:pt>
                <c:pt idx="2444">
                  <c:v>24.49</c:v>
                </c:pt>
                <c:pt idx="2445">
                  <c:v>24.501000000000001</c:v>
                </c:pt>
                <c:pt idx="2446">
                  <c:v>24.51</c:v>
                </c:pt>
                <c:pt idx="2447">
                  <c:v>24.52</c:v>
                </c:pt>
                <c:pt idx="2448">
                  <c:v>24.529</c:v>
                </c:pt>
                <c:pt idx="2449">
                  <c:v>24.538</c:v>
                </c:pt>
                <c:pt idx="2450">
                  <c:v>24.547999999999998</c:v>
                </c:pt>
                <c:pt idx="2451">
                  <c:v>24.558</c:v>
                </c:pt>
                <c:pt idx="2452">
                  <c:v>24.567</c:v>
                </c:pt>
                <c:pt idx="2453">
                  <c:v>24.577000000000002</c:v>
                </c:pt>
                <c:pt idx="2454">
                  <c:v>24.587</c:v>
                </c:pt>
                <c:pt idx="2455">
                  <c:v>24.596</c:v>
                </c:pt>
                <c:pt idx="2456">
                  <c:v>24.606000000000002</c:v>
                </c:pt>
                <c:pt idx="2457">
                  <c:v>24.614999999999998</c:v>
                </c:pt>
                <c:pt idx="2458">
                  <c:v>24.626000000000001</c:v>
                </c:pt>
                <c:pt idx="2459">
                  <c:v>24.635000000000002</c:v>
                </c:pt>
                <c:pt idx="2460">
                  <c:v>24.645</c:v>
                </c:pt>
                <c:pt idx="2461">
                  <c:v>24.654</c:v>
                </c:pt>
                <c:pt idx="2462">
                  <c:v>24.664999999999999</c:v>
                </c:pt>
                <c:pt idx="2463">
                  <c:v>24.673999999999999</c:v>
                </c:pt>
                <c:pt idx="2464">
                  <c:v>24.684000000000001</c:v>
                </c:pt>
                <c:pt idx="2465">
                  <c:v>24.693000000000001</c:v>
                </c:pt>
                <c:pt idx="2466">
                  <c:v>24.702999999999999</c:v>
                </c:pt>
                <c:pt idx="2467">
                  <c:v>24.713000000000001</c:v>
                </c:pt>
                <c:pt idx="2468">
                  <c:v>24.722000000000001</c:v>
                </c:pt>
                <c:pt idx="2469">
                  <c:v>24.731999999999999</c:v>
                </c:pt>
                <c:pt idx="2470">
                  <c:v>24.741</c:v>
                </c:pt>
                <c:pt idx="2471">
                  <c:v>24.751000000000001</c:v>
                </c:pt>
                <c:pt idx="2472">
                  <c:v>24.76</c:v>
                </c:pt>
                <c:pt idx="2473">
                  <c:v>24.771000000000001</c:v>
                </c:pt>
                <c:pt idx="2474">
                  <c:v>24.78</c:v>
                </c:pt>
                <c:pt idx="2475">
                  <c:v>24.789000000000001</c:v>
                </c:pt>
                <c:pt idx="2476">
                  <c:v>24.798999999999999</c:v>
                </c:pt>
                <c:pt idx="2477">
                  <c:v>24.809000000000001</c:v>
                </c:pt>
                <c:pt idx="2478">
                  <c:v>24.818999999999999</c:v>
                </c:pt>
                <c:pt idx="2479">
                  <c:v>24.829000000000001</c:v>
                </c:pt>
                <c:pt idx="2480">
                  <c:v>24.838999999999999</c:v>
                </c:pt>
                <c:pt idx="2481">
                  <c:v>24.847999999999999</c:v>
                </c:pt>
                <c:pt idx="2482">
                  <c:v>24.858000000000001</c:v>
                </c:pt>
                <c:pt idx="2483">
                  <c:v>24.867000000000001</c:v>
                </c:pt>
                <c:pt idx="2484">
                  <c:v>24.878</c:v>
                </c:pt>
                <c:pt idx="2485">
                  <c:v>24.887</c:v>
                </c:pt>
                <c:pt idx="2486">
                  <c:v>24.896999999999998</c:v>
                </c:pt>
                <c:pt idx="2487">
                  <c:v>24.907</c:v>
                </c:pt>
                <c:pt idx="2488">
                  <c:v>24.916</c:v>
                </c:pt>
                <c:pt idx="2489">
                  <c:v>24.925999999999998</c:v>
                </c:pt>
                <c:pt idx="2490">
                  <c:v>24.934999999999999</c:v>
                </c:pt>
                <c:pt idx="2491">
                  <c:v>24.945</c:v>
                </c:pt>
                <c:pt idx="2492">
                  <c:v>24.998000000000001</c:v>
                </c:pt>
                <c:pt idx="2493">
                  <c:v>25.009</c:v>
                </c:pt>
                <c:pt idx="2494">
                  <c:v>25.018999999999998</c:v>
                </c:pt>
                <c:pt idx="2495">
                  <c:v>25.027999999999999</c:v>
                </c:pt>
                <c:pt idx="2496">
                  <c:v>25.039000000000001</c:v>
                </c:pt>
                <c:pt idx="2497">
                  <c:v>25.047999999999998</c:v>
                </c:pt>
                <c:pt idx="2498">
                  <c:v>25.058</c:v>
                </c:pt>
                <c:pt idx="2499">
                  <c:v>25.068000000000001</c:v>
                </c:pt>
                <c:pt idx="2500">
                  <c:v>25.077999999999999</c:v>
                </c:pt>
                <c:pt idx="2501">
                  <c:v>25.088000000000001</c:v>
                </c:pt>
                <c:pt idx="2502">
                  <c:v>25.097999999999999</c:v>
                </c:pt>
                <c:pt idx="2503">
                  <c:v>25.106999999999999</c:v>
                </c:pt>
                <c:pt idx="2504">
                  <c:v>25.117000000000001</c:v>
                </c:pt>
                <c:pt idx="2505">
                  <c:v>25.128</c:v>
                </c:pt>
                <c:pt idx="2506">
                  <c:v>25.137</c:v>
                </c:pt>
                <c:pt idx="2507">
                  <c:v>25.146999999999998</c:v>
                </c:pt>
                <c:pt idx="2508">
                  <c:v>25.157</c:v>
                </c:pt>
                <c:pt idx="2509">
                  <c:v>25.166</c:v>
                </c:pt>
                <c:pt idx="2510">
                  <c:v>25.175999999999998</c:v>
                </c:pt>
                <c:pt idx="2511">
                  <c:v>25.184999999999999</c:v>
                </c:pt>
                <c:pt idx="2512">
                  <c:v>25.196000000000002</c:v>
                </c:pt>
                <c:pt idx="2513">
                  <c:v>25.204999999999998</c:v>
                </c:pt>
                <c:pt idx="2514">
                  <c:v>25.215</c:v>
                </c:pt>
                <c:pt idx="2515">
                  <c:v>25.225000000000001</c:v>
                </c:pt>
                <c:pt idx="2516">
                  <c:v>25.234000000000002</c:v>
                </c:pt>
                <c:pt idx="2517">
                  <c:v>25.244</c:v>
                </c:pt>
                <c:pt idx="2518">
                  <c:v>25.253</c:v>
                </c:pt>
                <c:pt idx="2519">
                  <c:v>25.263999999999999</c:v>
                </c:pt>
                <c:pt idx="2520">
                  <c:v>25.273</c:v>
                </c:pt>
                <c:pt idx="2521">
                  <c:v>25.282</c:v>
                </c:pt>
                <c:pt idx="2522">
                  <c:v>25.292000000000002</c:v>
                </c:pt>
                <c:pt idx="2523">
                  <c:v>25.302</c:v>
                </c:pt>
                <c:pt idx="2524">
                  <c:v>25.311</c:v>
                </c:pt>
                <c:pt idx="2525">
                  <c:v>25.321000000000002</c:v>
                </c:pt>
                <c:pt idx="2526">
                  <c:v>25.331</c:v>
                </c:pt>
                <c:pt idx="2527">
                  <c:v>25.341000000000001</c:v>
                </c:pt>
                <c:pt idx="2528">
                  <c:v>25.35</c:v>
                </c:pt>
                <c:pt idx="2529">
                  <c:v>25.36</c:v>
                </c:pt>
                <c:pt idx="2530">
                  <c:v>25.37</c:v>
                </c:pt>
                <c:pt idx="2531">
                  <c:v>25.38</c:v>
                </c:pt>
                <c:pt idx="2532">
                  <c:v>25.388999999999999</c:v>
                </c:pt>
                <c:pt idx="2533">
                  <c:v>25.4</c:v>
                </c:pt>
                <c:pt idx="2534">
                  <c:v>25.408999999999999</c:v>
                </c:pt>
                <c:pt idx="2535">
                  <c:v>25.417999999999999</c:v>
                </c:pt>
                <c:pt idx="2536">
                  <c:v>25.428000000000001</c:v>
                </c:pt>
                <c:pt idx="2537">
                  <c:v>25.437999999999999</c:v>
                </c:pt>
                <c:pt idx="2538">
                  <c:v>25.448</c:v>
                </c:pt>
                <c:pt idx="2539">
                  <c:v>25.457000000000001</c:v>
                </c:pt>
                <c:pt idx="2540">
                  <c:v>25.466999999999999</c:v>
                </c:pt>
                <c:pt idx="2541">
                  <c:v>25.475999999999999</c:v>
                </c:pt>
                <c:pt idx="2542">
                  <c:v>25.486000000000001</c:v>
                </c:pt>
                <c:pt idx="2543">
                  <c:v>25.495999999999999</c:v>
                </c:pt>
                <c:pt idx="2544">
                  <c:v>25.504999999999999</c:v>
                </c:pt>
                <c:pt idx="2545">
                  <c:v>25.515999999999998</c:v>
                </c:pt>
                <c:pt idx="2546">
                  <c:v>25.524999999999999</c:v>
                </c:pt>
                <c:pt idx="2547">
                  <c:v>25.535</c:v>
                </c:pt>
                <c:pt idx="2548">
                  <c:v>25.545000000000002</c:v>
                </c:pt>
                <c:pt idx="2549">
                  <c:v>25.555</c:v>
                </c:pt>
                <c:pt idx="2550">
                  <c:v>25.564</c:v>
                </c:pt>
                <c:pt idx="2551">
                  <c:v>25.574999999999999</c:v>
                </c:pt>
                <c:pt idx="2552">
                  <c:v>25.584</c:v>
                </c:pt>
                <c:pt idx="2553">
                  <c:v>25.594000000000001</c:v>
                </c:pt>
                <c:pt idx="2554">
                  <c:v>25.603999999999999</c:v>
                </c:pt>
                <c:pt idx="2555">
                  <c:v>25.614000000000001</c:v>
                </c:pt>
                <c:pt idx="2556">
                  <c:v>25.623999999999999</c:v>
                </c:pt>
                <c:pt idx="2557">
                  <c:v>25.632999999999999</c:v>
                </c:pt>
                <c:pt idx="2558">
                  <c:v>25.643000000000001</c:v>
                </c:pt>
                <c:pt idx="2559">
                  <c:v>25.652999999999999</c:v>
                </c:pt>
                <c:pt idx="2560">
                  <c:v>25.663</c:v>
                </c:pt>
                <c:pt idx="2561">
                  <c:v>25.672999999999998</c:v>
                </c:pt>
                <c:pt idx="2562">
                  <c:v>25.684000000000001</c:v>
                </c:pt>
                <c:pt idx="2563">
                  <c:v>25.693000000000001</c:v>
                </c:pt>
                <c:pt idx="2564">
                  <c:v>25.702999999999999</c:v>
                </c:pt>
                <c:pt idx="2565">
                  <c:v>25.713000000000001</c:v>
                </c:pt>
                <c:pt idx="2566">
                  <c:v>25.722999999999999</c:v>
                </c:pt>
                <c:pt idx="2567">
                  <c:v>25.733000000000001</c:v>
                </c:pt>
                <c:pt idx="2568">
                  <c:v>25.742000000000001</c:v>
                </c:pt>
                <c:pt idx="2569">
                  <c:v>25.751999999999999</c:v>
                </c:pt>
                <c:pt idx="2570">
                  <c:v>25.762</c:v>
                </c:pt>
                <c:pt idx="2571">
                  <c:v>25.771000000000001</c:v>
                </c:pt>
                <c:pt idx="2572">
                  <c:v>25.780999999999999</c:v>
                </c:pt>
                <c:pt idx="2573">
                  <c:v>25.79</c:v>
                </c:pt>
                <c:pt idx="2574">
                  <c:v>25.800999999999998</c:v>
                </c:pt>
                <c:pt idx="2575">
                  <c:v>25.81</c:v>
                </c:pt>
                <c:pt idx="2576">
                  <c:v>25.82</c:v>
                </c:pt>
                <c:pt idx="2577">
                  <c:v>25.83</c:v>
                </c:pt>
                <c:pt idx="2578">
                  <c:v>25.838999999999999</c:v>
                </c:pt>
                <c:pt idx="2579">
                  <c:v>25.85</c:v>
                </c:pt>
                <c:pt idx="2580">
                  <c:v>25.859000000000002</c:v>
                </c:pt>
                <c:pt idx="2581">
                  <c:v>25.867999999999999</c:v>
                </c:pt>
                <c:pt idx="2582">
                  <c:v>25.878</c:v>
                </c:pt>
                <c:pt idx="2583">
                  <c:v>25.888000000000002</c:v>
                </c:pt>
                <c:pt idx="2584">
                  <c:v>25.898</c:v>
                </c:pt>
                <c:pt idx="2585">
                  <c:v>25.907</c:v>
                </c:pt>
                <c:pt idx="2586">
                  <c:v>25.916</c:v>
                </c:pt>
                <c:pt idx="2587">
                  <c:v>25.925999999999998</c:v>
                </c:pt>
                <c:pt idx="2588">
                  <c:v>25.936</c:v>
                </c:pt>
                <c:pt idx="2589">
                  <c:v>25.945</c:v>
                </c:pt>
                <c:pt idx="2590">
                  <c:v>25.954999999999998</c:v>
                </c:pt>
                <c:pt idx="2591">
                  <c:v>25.966000000000001</c:v>
                </c:pt>
                <c:pt idx="2592">
                  <c:v>25.975000000000001</c:v>
                </c:pt>
                <c:pt idx="2593">
                  <c:v>25.984000000000002</c:v>
                </c:pt>
                <c:pt idx="2594">
                  <c:v>25.994</c:v>
                </c:pt>
                <c:pt idx="2595">
                  <c:v>26.004000000000001</c:v>
                </c:pt>
                <c:pt idx="2596">
                  <c:v>26.013999999999999</c:v>
                </c:pt>
                <c:pt idx="2597">
                  <c:v>26.024000000000001</c:v>
                </c:pt>
                <c:pt idx="2598">
                  <c:v>26.033000000000001</c:v>
                </c:pt>
                <c:pt idx="2599">
                  <c:v>26.042999999999999</c:v>
                </c:pt>
                <c:pt idx="2600">
                  <c:v>26.052</c:v>
                </c:pt>
                <c:pt idx="2601">
                  <c:v>26.061</c:v>
                </c:pt>
                <c:pt idx="2602">
                  <c:v>26.071999999999999</c:v>
                </c:pt>
                <c:pt idx="2603">
                  <c:v>26.081</c:v>
                </c:pt>
                <c:pt idx="2604">
                  <c:v>26.091999999999999</c:v>
                </c:pt>
                <c:pt idx="2605">
                  <c:v>26.100999999999999</c:v>
                </c:pt>
                <c:pt idx="2606">
                  <c:v>26.111000000000001</c:v>
                </c:pt>
                <c:pt idx="2607">
                  <c:v>26.12</c:v>
                </c:pt>
                <c:pt idx="2608">
                  <c:v>26.129000000000001</c:v>
                </c:pt>
                <c:pt idx="2609">
                  <c:v>26.14</c:v>
                </c:pt>
                <c:pt idx="2610">
                  <c:v>26.149000000000001</c:v>
                </c:pt>
                <c:pt idx="2611">
                  <c:v>26.158000000000001</c:v>
                </c:pt>
                <c:pt idx="2612">
                  <c:v>26.167999999999999</c:v>
                </c:pt>
                <c:pt idx="2613">
                  <c:v>26.178000000000001</c:v>
                </c:pt>
                <c:pt idx="2614">
                  <c:v>26.187000000000001</c:v>
                </c:pt>
                <c:pt idx="2615">
                  <c:v>26.198</c:v>
                </c:pt>
                <c:pt idx="2616">
                  <c:v>26.207000000000001</c:v>
                </c:pt>
                <c:pt idx="2617">
                  <c:v>26.216999999999999</c:v>
                </c:pt>
                <c:pt idx="2618">
                  <c:v>26.227</c:v>
                </c:pt>
                <c:pt idx="2619">
                  <c:v>26.236000000000001</c:v>
                </c:pt>
                <c:pt idx="2620">
                  <c:v>26.245000000000001</c:v>
                </c:pt>
                <c:pt idx="2621">
                  <c:v>26.254999999999999</c:v>
                </c:pt>
                <c:pt idx="2622">
                  <c:v>26.263999999999999</c:v>
                </c:pt>
                <c:pt idx="2623">
                  <c:v>26.274999999999999</c:v>
                </c:pt>
                <c:pt idx="2624">
                  <c:v>26.283999999999999</c:v>
                </c:pt>
                <c:pt idx="2625">
                  <c:v>26.292999999999999</c:v>
                </c:pt>
                <c:pt idx="2626">
                  <c:v>26.303999999999998</c:v>
                </c:pt>
                <c:pt idx="2627">
                  <c:v>26.312999999999999</c:v>
                </c:pt>
                <c:pt idx="2628">
                  <c:v>26.323</c:v>
                </c:pt>
                <c:pt idx="2629">
                  <c:v>26.332000000000001</c:v>
                </c:pt>
                <c:pt idx="2630">
                  <c:v>26.341000000000001</c:v>
                </c:pt>
                <c:pt idx="2631">
                  <c:v>26.350999999999999</c:v>
                </c:pt>
                <c:pt idx="2632">
                  <c:v>26.361000000000001</c:v>
                </c:pt>
                <c:pt idx="2633">
                  <c:v>26.370999999999999</c:v>
                </c:pt>
                <c:pt idx="2634">
                  <c:v>26.38</c:v>
                </c:pt>
                <c:pt idx="2635">
                  <c:v>26.39</c:v>
                </c:pt>
                <c:pt idx="2636">
                  <c:v>26.4</c:v>
                </c:pt>
                <c:pt idx="2637">
                  <c:v>26.41</c:v>
                </c:pt>
                <c:pt idx="2638">
                  <c:v>26.419</c:v>
                </c:pt>
                <c:pt idx="2639">
                  <c:v>26.43</c:v>
                </c:pt>
                <c:pt idx="2640">
                  <c:v>26.439</c:v>
                </c:pt>
                <c:pt idx="2641">
                  <c:v>26.449000000000002</c:v>
                </c:pt>
                <c:pt idx="2642">
                  <c:v>26.46</c:v>
                </c:pt>
                <c:pt idx="2643">
                  <c:v>26.47</c:v>
                </c:pt>
                <c:pt idx="2644">
                  <c:v>26.48</c:v>
                </c:pt>
                <c:pt idx="2645">
                  <c:v>26.49</c:v>
                </c:pt>
                <c:pt idx="2646">
                  <c:v>26.5</c:v>
                </c:pt>
                <c:pt idx="2647">
                  <c:v>26.51</c:v>
                </c:pt>
                <c:pt idx="2648">
                  <c:v>26.52</c:v>
                </c:pt>
                <c:pt idx="2649">
                  <c:v>26.530999999999999</c:v>
                </c:pt>
                <c:pt idx="2650">
                  <c:v>26.541</c:v>
                </c:pt>
                <c:pt idx="2651">
                  <c:v>26.55</c:v>
                </c:pt>
                <c:pt idx="2652">
                  <c:v>26.562000000000001</c:v>
                </c:pt>
                <c:pt idx="2653">
                  <c:v>26.571000000000002</c:v>
                </c:pt>
                <c:pt idx="2654">
                  <c:v>26.582000000000001</c:v>
                </c:pt>
                <c:pt idx="2655">
                  <c:v>26.591999999999999</c:v>
                </c:pt>
                <c:pt idx="2656">
                  <c:v>26.603000000000002</c:v>
                </c:pt>
                <c:pt idx="2657">
                  <c:v>26.611999999999998</c:v>
                </c:pt>
                <c:pt idx="2658">
                  <c:v>26.622</c:v>
                </c:pt>
                <c:pt idx="2659">
                  <c:v>26.632000000000001</c:v>
                </c:pt>
                <c:pt idx="2660">
                  <c:v>26.641999999999999</c:v>
                </c:pt>
                <c:pt idx="2661">
                  <c:v>26.652000000000001</c:v>
                </c:pt>
                <c:pt idx="2662">
                  <c:v>26.661000000000001</c:v>
                </c:pt>
                <c:pt idx="2663">
                  <c:v>26.672000000000001</c:v>
                </c:pt>
                <c:pt idx="2664">
                  <c:v>26.681000000000001</c:v>
                </c:pt>
                <c:pt idx="2665">
                  <c:v>26.69</c:v>
                </c:pt>
                <c:pt idx="2666">
                  <c:v>26.7</c:v>
                </c:pt>
                <c:pt idx="2667">
                  <c:v>26.709</c:v>
                </c:pt>
                <c:pt idx="2668">
                  <c:v>26.719000000000001</c:v>
                </c:pt>
                <c:pt idx="2669">
                  <c:v>26.728000000000002</c:v>
                </c:pt>
                <c:pt idx="2670">
                  <c:v>26.738</c:v>
                </c:pt>
                <c:pt idx="2671">
                  <c:v>26.748000000000001</c:v>
                </c:pt>
                <c:pt idx="2672">
                  <c:v>26.757999999999999</c:v>
                </c:pt>
                <c:pt idx="2673">
                  <c:v>26.766999999999999</c:v>
                </c:pt>
                <c:pt idx="2674">
                  <c:v>26.777999999999999</c:v>
                </c:pt>
                <c:pt idx="2675">
                  <c:v>26.786999999999999</c:v>
                </c:pt>
                <c:pt idx="2676">
                  <c:v>26.797000000000001</c:v>
                </c:pt>
                <c:pt idx="2677">
                  <c:v>26.806999999999999</c:v>
                </c:pt>
                <c:pt idx="2678">
                  <c:v>26.815999999999999</c:v>
                </c:pt>
                <c:pt idx="2679">
                  <c:v>26.826000000000001</c:v>
                </c:pt>
                <c:pt idx="2680">
                  <c:v>26.837</c:v>
                </c:pt>
                <c:pt idx="2681">
                  <c:v>26.846</c:v>
                </c:pt>
                <c:pt idx="2682">
                  <c:v>26.855</c:v>
                </c:pt>
                <c:pt idx="2683">
                  <c:v>26.866</c:v>
                </c:pt>
                <c:pt idx="2684">
                  <c:v>26.875</c:v>
                </c:pt>
                <c:pt idx="2685">
                  <c:v>26.885000000000002</c:v>
                </c:pt>
                <c:pt idx="2686">
                  <c:v>26.893999999999998</c:v>
                </c:pt>
                <c:pt idx="2687">
                  <c:v>26.904</c:v>
                </c:pt>
                <c:pt idx="2688">
                  <c:v>26.913</c:v>
                </c:pt>
                <c:pt idx="2689">
                  <c:v>26.922999999999998</c:v>
                </c:pt>
                <c:pt idx="2690">
                  <c:v>26.933</c:v>
                </c:pt>
                <c:pt idx="2691">
                  <c:v>26.942</c:v>
                </c:pt>
                <c:pt idx="2692">
                  <c:v>26.952000000000002</c:v>
                </c:pt>
                <c:pt idx="2693">
                  <c:v>26.960999999999999</c:v>
                </c:pt>
                <c:pt idx="2694">
                  <c:v>26.97</c:v>
                </c:pt>
                <c:pt idx="2695">
                  <c:v>26.98</c:v>
                </c:pt>
                <c:pt idx="2696">
                  <c:v>26.989000000000001</c:v>
                </c:pt>
                <c:pt idx="2697">
                  <c:v>27</c:v>
                </c:pt>
                <c:pt idx="2698">
                  <c:v>27.009</c:v>
                </c:pt>
                <c:pt idx="2699">
                  <c:v>27.018999999999998</c:v>
                </c:pt>
                <c:pt idx="2700">
                  <c:v>27.03</c:v>
                </c:pt>
                <c:pt idx="2701">
                  <c:v>27.04</c:v>
                </c:pt>
                <c:pt idx="2702">
                  <c:v>27.048999999999999</c:v>
                </c:pt>
                <c:pt idx="2703">
                  <c:v>27.059000000000001</c:v>
                </c:pt>
                <c:pt idx="2704">
                  <c:v>27.068999999999999</c:v>
                </c:pt>
                <c:pt idx="2705">
                  <c:v>27.079000000000001</c:v>
                </c:pt>
                <c:pt idx="2706">
                  <c:v>27.09</c:v>
                </c:pt>
                <c:pt idx="2707">
                  <c:v>27.1</c:v>
                </c:pt>
                <c:pt idx="2708">
                  <c:v>27.111000000000001</c:v>
                </c:pt>
                <c:pt idx="2709">
                  <c:v>27.122</c:v>
                </c:pt>
                <c:pt idx="2710">
                  <c:v>27.131</c:v>
                </c:pt>
                <c:pt idx="2711">
                  <c:v>27.143000000000001</c:v>
                </c:pt>
                <c:pt idx="2712">
                  <c:v>27.152000000000001</c:v>
                </c:pt>
                <c:pt idx="2713">
                  <c:v>27.161999999999999</c:v>
                </c:pt>
                <c:pt idx="2714">
                  <c:v>27.172000000000001</c:v>
                </c:pt>
                <c:pt idx="2715">
                  <c:v>27.181000000000001</c:v>
                </c:pt>
                <c:pt idx="2716">
                  <c:v>27.19</c:v>
                </c:pt>
                <c:pt idx="2717">
                  <c:v>27.2</c:v>
                </c:pt>
                <c:pt idx="2718">
                  <c:v>27.21</c:v>
                </c:pt>
                <c:pt idx="2719">
                  <c:v>27.22</c:v>
                </c:pt>
                <c:pt idx="2720">
                  <c:v>27.23</c:v>
                </c:pt>
                <c:pt idx="2721">
                  <c:v>27.239000000000001</c:v>
                </c:pt>
                <c:pt idx="2722">
                  <c:v>27.248999999999999</c:v>
                </c:pt>
                <c:pt idx="2723">
                  <c:v>27.257999999999999</c:v>
                </c:pt>
                <c:pt idx="2724">
                  <c:v>27.268000000000001</c:v>
                </c:pt>
                <c:pt idx="2725">
                  <c:v>27.277999999999999</c:v>
                </c:pt>
                <c:pt idx="2726">
                  <c:v>27.288</c:v>
                </c:pt>
                <c:pt idx="2727">
                  <c:v>27.297999999999998</c:v>
                </c:pt>
                <c:pt idx="2728">
                  <c:v>27.306000000000001</c:v>
                </c:pt>
                <c:pt idx="2729">
                  <c:v>27.317</c:v>
                </c:pt>
                <c:pt idx="2730">
                  <c:v>27.326000000000001</c:v>
                </c:pt>
                <c:pt idx="2731">
                  <c:v>27.337</c:v>
                </c:pt>
                <c:pt idx="2732">
                  <c:v>27.346</c:v>
                </c:pt>
                <c:pt idx="2733">
                  <c:v>27.356000000000002</c:v>
                </c:pt>
                <c:pt idx="2734">
                  <c:v>27.366</c:v>
                </c:pt>
                <c:pt idx="2735">
                  <c:v>27.375</c:v>
                </c:pt>
                <c:pt idx="2736">
                  <c:v>27.384</c:v>
                </c:pt>
                <c:pt idx="2737">
                  <c:v>27.395</c:v>
                </c:pt>
                <c:pt idx="2738">
                  <c:v>27.404</c:v>
                </c:pt>
                <c:pt idx="2739">
                  <c:v>27.413</c:v>
                </c:pt>
                <c:pt idx="2740">
                  <c:v>27.423999999999999</c:v>
                </c:pt>
                <c:pt idx="2741">
                  <c:v>27.433</c:v>
                </c:pt>
                <c:pt idx="2742">
                  <c:v>27.443000000000001</c:v>
                </c:pt>
                <c:pt idx="2743">
                  <c:v>27.452000000000002</c:v>
                </c:pt>
                <c:pt idx="2744">
                  <c:v>27.460999999999999</c:v>
                </c:pt>
                <c:pt idx="2745">
                  <c:v>27.472000000000001</c:v>
                </c:pt>
                <c:pt idx="2746">
                  <c:v>27.481000000000002</c:v>
                </c:pt>
                <c:pt idx="2747">
                  <c:v>27.492000000000001</c:v>
                </c:pt>
                <c:pt idx="2748">
                  <c:v>27.501000000000001</c:v>
                </c:pt>
                <c:pt idx="2749">
                  <c:v>27.510999999999999</c:v>
                </c:pt>
                <c:pt idx="2750">
                  <c:v>27.521000000000001</c:v>
                </c:pt>
                <c:pt idx="2751">
                  <c:v>27.53</c:v>
                </c:pt>
                <c:pt idx="2752">
                  <c:v>27.54</c:v>
                </c:pt>
                <c:pt idx="2753">
                  <c:v>27.55</c:v>
                </c:pt>
                <c:pt idx="2754">
                  <c:v>27.561</c:v>
                </c:pt>
                <c:pt idx="2755">
                  <c:v>27.571000000000002</c:v>
                </c:pt>
                <c:pt idx="2756">
                  <c:v>27.581</c:v>
                </c:pt>
                <c:pt idx="2757">
                  <c:v>27.591000000000001</c:v>
                </c:pt>
                <c:pt idx="2758">
                  <c:v>27.600999999999999</c:v>
                </c:pt>
                <c:pt idx="2759">
                  <c:v>27.611000000000001</c:v>
                </c:pt>
                <c:pt idx="2760">
                  <c:v>27.622</c:v>
                </c:pt>
                <c:pt idx="2761">
                  <c:v>27.632999999999999</c:v>
                </c:pt>
                <c:pt idx="2762">
                  <c:v>27.641999999999999</c:v>
                </c:pt>
                <c:pt idx="2763">
                  <c:v>27.652999999999999</c:v>
                </c:pt>
                <c:pt idx="2764">
                  <c:v>27.663</c:v>
                </c:pt>
                <c:pt idx="2765">
                  <c:v>27.673999999999999</c:v>
                </c:pt>
                <c:pt idx="2766">
                  <c:v>27.684000000000001</c:v>
                </c:pt>
                <c:pt idx="2767">
                  <c:v>27.693999999999999</c:v>
                </c:pt>
                <c:pt idx="2768">
                  <c:v>27.704999999999998</c:v>
                </c:pt>
                <c:pt idx="2769">
                  <c:v>27.713999999999999</c:v>
                </c:pt>
                <c:pt idx="2770">
                  <c:v>27.725000000000001</c:v>
                </c:pt>
                <c:pt idx="2771">
                  <c:v>27.734999999999999</c:v>
                </c:pt>
                <c:pt idx="2772">
                  <c:v>27.744</c:v>
                </c:pt>
                <c:pt idx="2773">
                  <c:v>27.754999999999999</c:v>
                </c:pt>
                <c:pt idx="2774">
                  <c:v>27.765000000000001</c:v>
                </c:pt>
                <c:pt idx="2775">
                  <c:v>27.776</c:v>
                </c:pt>
                <c:pt idx="2776">
                  <c:v>27.786000000000001</c:v>
                </c:pt>
                <c:pt idx="2777">
                  <c:v>27.795999999999999</c:v>
                </c:pt>
                <c:pt idx="2778">
                  <c:v>27.806000000000001</c:v>
                </c:pt>
                <c:pt idx="2779">
                  <c:v>27.817</c:v>
                </c:pt>
                <c:pt idx="2780">
                  <c:v>27.826000000000001</c:v>
                </c:pt>
                <c:pt idx="2781">
                  <c:v>27.835999999999999</c:v>
                </c:pt>
                <c:pt idx="2782">
                  <c:v>27.847000000000001</c:v>
                </c:pt>
                <c:pt idx="2783">
                  <c:v>27.856000000000002</c:v>
                </c:pt>
                <c:pt idx="2784">
                  <c:v>27.867000000000001</c:v>
                </c:pt>
                <c:pt idx="2785">
                  <c:v>27.876000000000001</c:v>
                </c:pt>
                <c:pt idx="2786">
                  <c:v>27.887</c:v>
                </c:pt>
                <c:pt idx="2787">
                  <c:v>27.896999999999998</c:v>
                </c:pt>
                <c:pt idx="2788">
                  <c:v>27.907</c:v>
                </c:pt>
                <c:pt idx="2789">
                  <c:v>27.917999999999999</c:v>
                </c:pt>
                <c:pt idx="2790">
                  <c:v>27.928000000000001</c:v>
                </c:pt>
                <c:pt idx="2791">
                  <c:v>27.937999999999999</c:v>
                </c:pt>
                <c:pt idx="2792">
                  <c:v>27.946999999999999</c:v>
                </c:pt>
                <c:pt idx="2793">
                  <c:v>27.959</c:v>
                </c:pt>
                <c:pt idx="2794">
                  <c:v>27.969000000000001</c:v>
                </c:pt>
                <c:pt idx="2795">
                  <c:v>27.978000000000002</c:v>
                </c:pt>
                <c:pt idx="2796">
                  <c:v>27.99</c:v>
                </c:pt>
                <c:pt idx="2797">
                  <c:v>27.998999999999999</c:v>
                </c:pt>
                <c:pt idx="2798">
                  <c:v>28.01</c:v>
                </c:pt>
                <c:pt idx="2799">
                  <c:v>28.021000000000001</c:v>
                </c:pt>
                <c:pt idx="2800">
                  <c:v>28.030999999999999</c:v>
                </c:pt>
                <c:pt idx="2801">
                  <c:v>28.041</c:v>
                </c:pt>
                <c:pt idx="2802">
                  <c:v>28.05</c:v>
                </c:pt>
                <c:pt idx="2803">
                  <c:v>28.062000000000001</c:v>
                </c:pt>
                <c:pt idx="2804">
                  <c:v>28.071999999999999</c:v>
                </c:pt>
                <c:pt idx="2805">
                  <c:v>28.082000000000001</c:v>
                </c:pt>
                <c:pt idx="2806">
                  <c:v>28.093</c:v>
                </c:pt>
                <c:pt idx="2807">
                  <c:v>28.102</c:v>
                </c:pt>
                <c:pt idx="2808">
                  <c:v>28.113</c:v>
                </c:pt>
                <c:pt idx="2809">
                  <c:v>28.123000000000001</c:v>
                </c:pt>
                <c:pt idx="2810">
                  <c:v>28.135000000000002</c:v>
                </c:pt>
                <c:pt idx="2811">
                  <c:v>28.143999999999998</c:v>
                </c:pt>
                <c:pt idx="2812">
                  <c:v>28.154</c:v>
                </c:pt>
                <c:pt idx="2813">
                  <c:v>28.164999999999999</c:v>
                </c:pt>
                <c:pt idx="2814">
                  <c:v>28.175000000000001</c:v>
                </c:pt>
                <c:pt idx="2815">
                  <c:v>28.186</c:v>
                </c:pt>
                <c:pt idx="2816">
                  <c:v>28.196000000000002</c:v>
                </c:pt>
                <c:pt idx="2817">
                  <c:v>28.206</c:v>
                </c:pt>
                <c:pt idx="2818">
                  <c:v>28.216999999999999</c:v>
                </c:pt>
                <c:pt idx="2819">
                  <c:v>28.225999999999999</c:v>
                </c:pt>
                <c:pt idx="2820">
                  <c:v>28.236999999999998</c:v>
                </c:pt>
                <c:pt idx="2821">
                  <c:v>28.247</c:v>
                </c:pt>
                <c:pt idx="2822">
                  <c:v>28.257000000000001</c:v>
                </c:pt>
                <c:pt idx="2823">
                  <c:v>28.268000000000001</c:v>
                </c:pt>
                <c:pt idx="2824">
                  <c:v>28.277000000000001</c:v>
                </c:pt>
                <c:pt idx="2825">
                  <c:v>28.288</c:v>
                </c:pt>
                <c:pt idx="2826">
                  <c:v>28.297999999999998</c:v>
                </c:pt>
                <c:pt idx="2827">
                  <c:v>28.308</c:v>
                </c:pt>
                <c:pt idx="2828">
                  <c:v>28.318000000000001</c:v>
                </c:pt>
                <c:pt idx="2829">
                  <c:v>28.33</c:v>
                </c:pt>
                <c:pt idx="2830">
                  <c:v>28.338999999999999</c:v>
                </c:pt>
                <c:pt idx="2831">
                  <c:v>28.35</c:v>
                </c:pt>
                <c:pt idx="2832">
                  <c:v>28.36</c:v>
                </c:pt>
                <c:pt idx="2833">
                  <c:v>28.370999999999999</c:v>
                </c:pt>
                <c:pt idx="2834">
                  <c:v>28.38</c:v>
                </c:pt>
                <c:pt idx="2835">
                  <c:v>28.39</c:v>
                </c:pt>
                <c:pt idx="2836">
                  <c:v>28.401</c:v>
                </c:pt>
                <c:pt idx="2837">
                  <c:v>28.411000000000001</c:v>
                </c:pt>
                <c:pt idx="2838">
                  <c:v>28.420999999999999</c:v>
                </c:pt>
                <c:pt idx="2839">
                  <c:v>28.431999999999999</c:v>
                </c:pt>
                <c:pt idx="2840">
                  <c:v>28.442</c:v>
                </c:pt>
                <c:pt idx="2841">
                  <c:v>28.452000000000002</c:v>
                </c:pt>
                <c:pt idx="2842">
                  <c:v>28.463000000000001</c:v>
                </c:pt>
                <c:pt idx="2843">
                  <c:v>28.474</c:v>
                </c:pt>
                <c:pt idx="2844">
                  <c:v>28.484999999999999</c:v>
                </c:pt>
                <c:pt idx="2845">
                  <c:v>28.495000000000001</c:v>
                </c:pt>
                <c:pt idx="2846">
                  <c:v>28.506</c:v>
                </c:pt>
                <c:pt idx="2847">
                  <c:v>28.515999999999998</c:v>
                </c:pt>
                <c:pt idx="2848">
                  <c:v>28.526</c:v>
                </c:pt>
                <c:pt idx="2849">
                  <c:v>28.536999999999999</c:v>
                </c:pt>
                <c:pt idx="2850">
                  <c:v>28.545999999999999</c:v>
                </c:pt>
                <c:pt idx="2851">
                  <c:v>28.556000000000001</c:v>
                </c:pt>
                <c:pt idx="2852">
                  <c:v>28.565000000000001</c:v>
                </c:pt>
                <c:pt idx="2853">
                  <c:v>28.574999999999999</c:v>
                </c:pt>
                <c:pt idx="2854">
                  <c:v>28.584</c:v>
                </c:pt>
                <c:pt idx="2855">
                  <c:v>28.594000000000001</c:v>
                </c:pt>
                <c:pt idx="2856">
                  <c:v>28.603999999999999</c:v>
                </c:pt>
                <c:pt idx="2857">
                  <c:v>28.613</c:v>
                </c:pt>
                <c:pt idx="2858">
                  <c:v>28.623999999999999</c:v>
                </c:pt>
                <c:pt idx="2859">
                  <c:v>28.634</c:v>
                </c:pt>
                <c:pt idx="2860">
                  <c:v>28.643999999999998</c:v>
                </c:pt>
                <c:pt idx="2861">
                  <c:v>28.652999999999999</c:v>
                </c:pt>
                <c:pt idx="2862">
                  <c:v>28.661999999999999</c:v>
                </c:pt>
                <c:pt idx="2863">
                  <c:v>28.672000000000001</c:v>
                </c:pt>
                <c:pt idx="2864">
                  <c:v>28.681000000000001</c:v>
                </c:pt>
                <c:pt idx="2865">
                  <c:v>28.690999999999999</c:v>
                </c:pt>
                <c:pt idx="2866">
                  <c:v>28.701000000000001</c:v>
                </c:pt>
                <c:pt idx="2867">
                  <c:v>28.710999999999999</c:v>
                </c:pt>
                <c:pt idx="2868">
                  <c:v>28.72</c:v>
                </c:pt>
                <c:pt idx="2869">
                  <c:v>28.728999999999999</c:v>
                </c:pt>
                <c:pt idx="2870">
                  <c:v>28.74</c:v>
                </c:pt>
                <c:pt idx="2871">
                  <c:v>28.748999999999999</c:v>
                </c:pt>
                <c:pt idx="2872">
                  <c:v>28.759</c:v>
                </c:pt>
                <c:pt idx="2873">
                  <c:v>28.768999999999998</c:v>
                </c:pt>
                <c:pt idx="2874">
                  <c:v>28.78</c:v>
                </c:pt>
                <c:pt idx="2875">
                  <c:v>28.791</c:v>
                </c:pt>
                <c:pt idx="2876">
                  <c:v>28.8</c:v>
                </c:pt>
                <c:pt idx="2877">
                  <c:v>28.811</c:v>
                </c:pt>
                <c:pt idx="2878">
                  <c:v>28.821000000000002</c:v>
                </c:pt>
                <c:pt idx="2879">
                  <c:v>28.832000000000001</c:v>
                </c:pt>
                <c:pt idx="2880">
                  <c:v>28.841999999999999</c:v>
                </c:pt>
                <c:pt idx="2881">
                  <c:v>28.853000000000002</c:v>
                </c:pt>
                <c:pt idx="2882">
                  <c:v>28.864000000000001</c:v>
                </c:pt>
                <c:pt idx="2883">
                  <c:v>28.873000000000001</c:v>
                </c:pt>
                <c:pt idx="2884">
                  <c:v>28.884</c:v>
                </c:pt>
                <c:pt idx="2885">
                  <c:v>28.893000000000001</c:v>
                </c:pt>
                <c:pt idx="2886">
                  <c:v>28.902000000000001</c:v>
                </c:pt>
                <c:pt idx="2887">
                  <c:v>28.913</c:v>
                </c:pt>
                <c:pt idx="2888">
                  <c:v>28.922000000000001</c:v>
                </c:pt>
                <c:pt idx="2889">
                  <c:v>28.931999999999999</c:v>
                </c:pt>
                <c:pt idx="2890">
                  <c:v>28.942</c:v>
                </c:pt>
                <c:pt idx="2891">
                  <c:v>28.952000000000002</c:v>
                </c:pt>
                <c:pt idx="2892">
                  <c:v>28.960999999999999</c:v>
                </c:pt>
                <c:pt idx="2893">
                  <c:v>28.972000000000001</c:v>
                </c:pt>
                <c:pt idx="2894">
                  <c:v>28.981999999999999</c:v>
                </c:pt>
                <c:pt idx="2895">
                  <c:v>28.991</c:v>
                </c:pt>
                <c:pt idx="2896">
                  <c:v>29.001000000000001</c:v>
                </c:pt>
                <c:pt idx="2897">
                  <c:v>29.010999999999999</c:v>
                </c:pt>
                <c:pt idx="2898">
                  <c:v>29.02</c:v>
                </c:pt>
                <c:pt idx="2899">
                  <c:v>29.03</c:v>
                </c:pt>
                <c:pt idx="2900">
                  <c:v>29.04</c:v>
                </c:pt>
                <c:pt idx="2901">
                  <c:v>29.05</c:v>
                </c:pt>
                <c:pt idx="2902">
                  <c:v>29.06</c:v>
                </c:pt>
                <c:pt idx="2903">
                  <c:v>29.07</c:v>
                </c:pt>
                <c:pt idx="2904">
                  <c:v>29.079000000000001</c:v>
                </c:pt>
                <c:pt idx="2905">
                  <c:v>29.088000000000001</c:v>
                </c:pt>
                <c:pt idx="2906">
                  <c:v>29.099</c:v>
                </c:pt>
                <c:pt idx="2907">
                  <c:v>29.108000000000001</c:v>
                </c:pt>
                <c:pt idx="2908">
                  <c:v>29.119</c:v>
                </c:pt>
                <c:pt idx="2909">
                  <c:v>29.128</c:v>
                </c:pt>
                <c:pt idx="2910">
                  <c:v>29.137</c:v>
                </c:pt>
                <c:pt idx="2911">
                  <c:v>29.148</c:v>
                </c:pt>
                <c:pt idx="2912">
                  <c:v>29.157</c:v>
                </c:pt>
                <c:pt idx="2913">
                  <c:v>29.167000000000002</c:v>
                </c:pt>
                <c:pt idx="2914">
                  <c:v>29.177</c:v>
                </c:pt>
                <c:pt idx="2915">
                  <c:v>29.187000000000001</c:v>
                </c:pt>
                <c:pt idx="2916">
                  <c:v>29.196999999999999</c:v>
                </c:pt>
                <c:pt idx="2917">
                  <c:v>29.207000000000001</c:v>
                </c:pt>
                <c:pt idx="2918">
                  <c:v>29.216000000000001</c:v>
                </c:pt>
                <c:pt idx="2919">
                  <c:v>29.227</c:v>
                </c:pt>
                <c:pt idx="2920">
                  <c:v>29.236000000000001</c:v>
                </c:pt>
                <c:pt idx="2921">
                  <c:v>29.245999999999999</c:v>
                </c:pt>
                <c:pt idx="2922">
                  <c:v>29.254999999999999</c:v>
                </c:pt>
                <c:pt idx="2923">
                  <c:v>29.265000000000001</c:v>
                </c:pt>
                <c:pt idx="2924">
                  <c:v>29.274999999999999</c:v>
                </c:pt>
                <c:pt idx="2925">
                  <c:v>29.285</c:v>
                </c:pt>
                <c:pt idx="2926">
                  <c:v>29.295000000000002</c:v>
                </c:pt>
                <c:pt idx="2927">
                  <c:v>29.305</c:v>
                </c:pt>
                <c:pt idx="2928">
                  <c:v>29.314</c:v>
                </c:pt>
                <c:pt idx="2929">
                  <c:v>29.324000000000002</c:v>
                </c:pt>
                <c:pt idx="2930">
                  <c:v>29.334</c:v>
                </c:pt>
                <c:pt idx="2931">
                  <c:v>29.344000000000001</c:v>
                </c:pt>
                <c:pt idx="2932">
                  <c:v>29.353999999999999</c:v>
                </c:pt>
                <c:pt idx="2933">
                  <c:v>29.361999999999998</c:v>
                </c:pt>
                <c:pt idx="2934">
                  <c:v>29.372</c:v>
                </c:pt>
                <c:pt idx="2935">
                  <c:v>29.382000000000001</c:v>
                </c:pt>
                <c:pt idx="2936">
                  <c:v>29.390999999999998</c:v>
                </c:pt>
                <c:pt idx="2937">
                  <c:v>29.402000000000001</c:v>
                </c:pt>
                <c:pt idx="2938">
                  <c:v>29.411000000000001</c:v>
                </c:pt>
                <c:pt idx="2939">
                  <c:v>29.420999999999999</c:v>
                </c:pt>
                <c:pt idx="2940">
                  <c:v>29.43</c:v>
                </c:pt>
                <c:pt idx="2941">
                  <c:v>29.44</c:v>
                </c:pt>
                <c:pt idx="2942">
                  <c:v>29.45</c:v>
                </c:pt>
                <c:pt idx="2943">
                  <c:v>29.46</c:v>
                </c:pt>
                <c:pt idx="2944">
                  <c:v>29.47</c:v>
                </c:pt>
                <c:pt idx="2945">
                  <c:v>29.48</c:v>
                </c:pt>
                <c:pt idx="2946">
                  <c:v>29.49</c:v>
                </c:pt>
                <c:pt idx="2947">
                  <c:v>29.498999999999999</c:v>
                </c:pt>
                <c:pt idx="2948">
                  <c:v>29.51</c:v>
                </c:pt>
                <c:pt idx="2949">
                  <c:v>29.518999999999998</c:v>
                </c:pt>
                <c:pt idx="2950">
                  <c:v>29.527999999999999</c:v>
                </c:pt>
                <c:pt idx="2951">
                  <c:v>29.539000000000001</c:v>
                </c:pt>
                <c:pt idx="2952">
                  <c:v>29.547999999999998</c:v>
                </c:pt>
                <c:pt idx="2953">
                  <c:v>29.558</c:v>
                </c:pt>
                <c:pt idx="2954">
                  <c:v>29.568000000000001</c:v>
                </c:pt>
                <c:pt idx="2955">
                  <c:v>29.577000000000002</c:v>
                </c:pt>
                <c:pt idx="2956">
                  <c:v>29.588000000000001</c:v>
                </c:pt>
                <c:pt idx="2957">
                  <c:v>29.597999999999999</c:v>
                </c:pt>
                <c:pt idx="2958">
                  <c:v>29.606999999999999</c:v>
                </c:pt>
                <c:pt idx="2959">
                  <c:v>29.617000000000001</c:v>
                </c:pt>
                <c:pt idx="2960">
                  <c:v>29.626999999999999</c:v>
                </c:pt>
                <c:pt idx="2961">
                  <c:v>29.635999999999999</c:v>
                </c:pt>
                <c:pt idx="2962">
                  <c:v>29.646999999999998</c:v>
                </c:pt>
                <c:pt idx="2963">
                  <c:v>29.655999999999999</c:v>
                </c:pt>
                <c:pt idx="2964">
                  <c:v>29.666</c:v>
                </c:pt>
                <c:pt idx="2965">
                  <c:v>29.675999999999998</c:v>
                </c:pt>
                <c:pt idx="2966">
                  <c:v>29.686</c:v>
                </c:pt>
                <c:pt idx="2967">
                  <c:v>29.696000000000002</c:v>
                </c:pt>
                <c:pt idx="2968">
                  <c:v>29.704999999999998</c:v>
                </c:pt>
                <c:pt idx="2969">
                  <c:v>29.716000000000001</c:v>
                </c:pt>
                <c:pt idx="2970">
                  <c:v>29.725000000000001</c:v>
                </c:pt>
                <c:pt idx="2971">
                  <c:v>29.734999999999999</c:v>
                </c:pt>
                <c:pt idx="2972">
                  <c:v>29.745000000000001</c:v>
                </c:pt>
                <c:pt idx="2973">
                  <c:v>29.754999999999999</c:v>
                </c:pt>
                <c:pt idx="2974">
                  <c:v>29.765000000000001</c:v>
                </c:pt>
                <c:pt idx="2975">
                  <c:v>29.774000000000001</c:v>
                </c:pt>
                <c:pt idx="2976">
                  <c:v>29.785</c:v>
                </c:pt>
                <c:pt idx="2977">
                  <c:v>29.794</c:v>
                </c:pt>
                <c:pt idx="2978">
                  <c:v>29.803999999999998</c:v>
                </c:pt>
                <c:pt idx="2979">
                  <c:v>29.814</c:v>
                </c:pt>
                <c:pt idx="2980">
                  <c:v>29.823</c:v>
                </c:pt>
                <c:pt idx="2981">
                  <c:v>29.832999999999998</c:v>
                </c:pt>
                <c:pt idx="2982">
                  <c:v>29.843</c:v>
                </c:pt>
                <c:pt idx="2983">
                  <c:v>29.853000000000002</c:v>
                </c:pt>
                <c:pt idx="2984">
                  <c:v>29.861999999999998</c:v>
                </c:pt>
                <c:pt idx="2985">
                  <c:v>29.873000000000001</c:v>
                </c:pt>
                <c:pt idx="2986">
                  <c:v>29.882000000000001</c:v>
                </c:pt>
                <c:pt idx="2987">
                  <c:v>29.893000000000001</c:v>
                </c:pt>
                <c:pt idx="2988">
                  <c:v>29.902000000000001</c:v>
                </c:pt>
                <c:pt idx="2989">
                  <c:v>29.911999999999999</c:v>
                </c:pt>
                <c:pt idx="2990">
                  <c:v>29.922000000000001</c:v>
                </c:pt>
                <c:pt idx="2991">
                  <c:v>29.931999999999999</c:v>
                </c:pt>
                <c:pt idx="2992">
                  <c:v>29.940999999999999</c:v>
                </c:pt>
                <c:pt idx="2993">
                  <c:v>29.952000000000002</c:v>
                </c:pt>
                <c:pt idx="2994">
                  <c:v>29.960999999999999</c:v>
                </c:pt>
                <c:pt idx="2995">
                  <c:v>29.971</c:v>
                </c:pt>
                <c:pt idx="2996">
                  <c:v>29.981000000000002</c:v>
                </c:pt>
                <c:pt idx="2997">
                  <c:v>29.991</c:v>
                </c:pt>
                <c:pt idx="2998">
                  <c:v>30</c:v>
                </c:pt>
                <c:pt idx="2999">
                  <c:v>30.01</c:v>
                </c:pt>
                <c:pt idx="3000">
                  <c:v>30.021000000000001</c:v>
                </c:pt>
                <c:pt idx="3001">
                  <c:v>30.03</c:v>
                </c:pt>
                <c:pt idx="3002">
                  <c:v>30.04</c:v>
                </c:pt>
                <c:pt idx="3003">
                  <c:v>30.050999999999998</c:v>
                </c:pt>
                <c:pt idx="3004">
                  <c:v>30.06</c:v>
                </c:pt>
                <c:pt idx="3005">
                  <c:v>30.068999999999999</c:v>
                </c:pt>
                <c:pt idx="3006">
                  <c:v>30.08</c:v>
                </c:pt>
                <c:pt idx="3007">
                  <c:v>30.09</c:v>
                </c:pt>
                <c:pt idx="3008">
                  <c:v>30.099</c:v>
                </c:pt>
                <c:pt idx="3009">
                  <c:v>30.11</c:v>
                </c:pt>
                <c:pt idx="3010">
                  <c:v>30.12</c:v>
                </c:pt>
                <c:pt idx="3011">
                  <c:v>30.13</c:v>
                </c:pt>
                <c:pt idx="3012">
                  <c:v>30.138999999999999</c:v>
                </c:pt>
                <c:pt idx="3013">
                  <c:v>30.149000000000001</c:v>
                </c:pt>
                <c:pt idx="3014">
                  <c:v>30.16</c:v>
                </c:pt>
                <c:pt idx="3015">
                  <c:v>30.169</c:v>
                </c:pt>
                <c:pt idx="3016">
                  <c:v>30.178999999999998</c:v>
                </c:pt>
                <c:pt idx="3017">
                  <c:v>30.189</c:v>
                </c:pt>
                <c:pt idx="3018">
                  <c:v>30.199000000000002</c:v>
                </c:pt>
                <c:pt idx="3019">
                  <c:v>30.209</c:v>
                </c:pt>
                <c:pt idx="3020">
                  <c:v>30.219000000000001</c:v>
                </c:pt>
                <c:pt idx="3021">
                  <c:v>30.228999999999999</c:v>
                </c:pt>
                <c:pt idx="3022">
                  <c:v>30.238</c:v>
                </c:pt>
                <c:pt idx="3023">
                  <c:v>30.248999999999999</c:v>
                </c:pt>
                <c:pt idx="3024">
                  <c:v>30.259</c:v>
                </c:pt>
                <c:pt idx="3025">
                  <c:v>30.268000000000001</c:v>
                </c:pt>
                <c:pt idx="3026">
                  <c:v>30.277999999999999</c:v>
                </c:pt>
                <c:pt idx="3027">
                  <c:v>30.288</c:v>
                </c:pt>
                <c:pt idx="3028">
                  <c:v>30.297999999999998</c:v>
                </c:pt>
                <c:pt idx="3029">
                  <c:v>30.309000000000001</c:v>
                </c:pt>
                <c:pt idx="3030">
                  <c:v>30.318000000000001</c:v>
                </c:pt>
                <c:pt idx="3031">
                  <c:v>30.327000000000002</c:v>
                </c:pt>
                <c:pt idx="3032">
                  <c:v>30.338000000000001</c:v>
                </c:pt>
                <c:pt idx="3033">
                  <c:v>30.347999999999999</c:v>
                </c:pt>
                <c:pt idx="3034">
                  <c:v>30.356999999999999</c:v>
                </c:pt>
                <c:pt idx="3035">
                  <c:v>30.367999999999999</c:v>
                </c:pt>
                <c:pt idx="3036">
                  <c:v>30.378</c:v>
                </c:pt>
                <c:pt idx="3037">
                  <c:v>30.387</c:v>
                </c:pt>
                <c:pt idx="3038">
                  <c:v>30.398</c:v>
                </c:pt>
                <c:pt idx="3039">
                  <c:v>30.407</c:v>
                </c:pt>
                <c:pt idx="3040">
                  <c:v>30.416</c:v>
                </c:pt>
                <c:pt idx="3041">
                  <c:v>30.427</c:v>
                </c:pt>
                <c:pt idx="3042">
                  <c:v>30.437000000000001</c:v>
                </c:pt>
                <c:pt idx="3043">
                  <c:v>30.446000000000002</c:v>
                </c:pt>
                <c:pt idx="3044">
                  <c:v>30.457000000000001</c:v>
                </c:pt>
                <c:pt idx="3045">
                  <c:v>30.466999999999999</c:v>
                </c:pt>
                <c:pt idx="3046">
                  <c:v>30.475999999999999</c:v>
                </c:pt>
                <c:pt idx="3047">
                  <c:v>30.486999999999998</c:v>
                </c:pt>
                <c:pt idx="3048">
                  <c:v>30.497</c:v>
                </c:pt>
                <c:pt idx="3049">
                  <c:v>30.507000000000001</c:v>
                </c:pt>
                <c:pt idx="3050">
                  <c:v>30.516999999999999</c:v>
                </c:pt>
                <c:pt idx="3051">
                  <c:v>30.526</c:v>
                </c:pt>
                <c:pt idx="3052">
                  <c:v>30.536999999999999</c:v>
                </c:pt>
                <c:pt idx="3053">
                  <c:v>30.547000000000001</c:v>
                </c:pt>
                <c:pt idx="3054">
                  <c:v>30.556000000000001</c:v>
                </c:pt>
                <c:pt idx="3055">
                  <c:v>30.565999999999999</c:v>
                </c:pt>
                <c:pt idx="3056">
                  <c:v>30.576000000000001</c:v>
                </c:pt>
                <c:pt idx="3057">
                  <c:v>30.585999999999999</c:v>
                </c:pt>
                <c:pt idx="3058">
                  <c:v>30.596</c:v>
                </c:pt>
                <c:pt idx="3059">
                  <c:v>30.606000000000002</c:v>
                </c:pt>
                <c:pt idx="3060">
                  <c:v>30.616</c:v>
                </c:pt>
                <c:pt idx="3061">
                  <c:v>30.625</c:v>
                </c:pt>
                <c:pt idx="3062">
                  <c:v>30.635999999999999</c:v>
                </c:pt>
                <c:pt idx="3063">
                  <c:v>30.645</c:v>
                </c:pt>
                <c:pt idx="3064">
                  <c:v>30.655000000000001</c:v>
                </c:pt>
                <c:pt idx="3065">
                  <c:v>30.664000000000001</c:v>
                </c:pt>
                <c:pt idx="3066">
                  <c:v>30.675000000000001</c:v>
                </c:pt>
                <c:pt idx="3067">
                  <c:v>30.684000000000001</c:v>
                </c:pt>
                <c:pt idx="3068">
                  <c:v>30.695</c:v>
                </c:pt>
                <c:pt idx="3069">
                  <c:v>30.704000000000001</c:v>
                </c:pt>
                <c:pt idx="3070">
                  <c:v>30.713000000000001</c:v>
                </c:pt>
                <c:pt idx="3071">
                  <c:v>30.724</c:v>
                </c:pt>
                <c:pt idx="3072">
                  <c:v>30.734000000000002</c:v>
                </c:pt>
                <c:pt idx="3073">
                  <c:v>30.742999999999999</c:v>
                </c:pt>
                <c:pt idx="3074">
                  <c:v>30.754000000000001</c:v>
                </c:pt>
                <c:pt idx="3075">
                  <c:v>30.763000000000002</c:v>
                </c:pt>
                <c:pt idx="3076">
                  <c:v>30.773</c:v>
                </c:pt>
                <c:pt idx="3077">
                  <c:v>30.783000000000001</c:v>
                </c:pt>
                <c:pt idx="3078">
                  <c:v>30.792999999999999</c:v>
                </c:pt>
                <c:pt idx="3079">
                  <c:v>30.803000000000001</c:v>
                </c:pt>
                <c:pt idx="3080">
                  <c:v>30.812999999999999</c:v>
                </c:pt>
                <c:pt idx="3081">
                  <c:v>30.824000000000002</c:v>
                </c:pt>
                <c:pt idx="3082">
                  <c:v>30.832999999999998</c:v>
                </c:pt>
                <c:pt idx="3083">
                  <c:v>30.844000000000001</c:v>
                </c:pt>
                <c:pt idx="3084">
                  <c:v>30.853000000000002</c:v>
                </c:pt>
                <c:pt idx="3085">
                  <c:v>30.863</c:v>
                </c:pt>
                <c:pt idx="3086">
                  <c:v>30.873000000000001</c:v>
                </c:pt>
                <c:pt idx="3087">
                  <c:v>30.882999999999999</c:v>
                </c:pt>
                <c:pt idx="3088">
                  <c:v>30.891999999999999</c:v>
                </c:pt>
                <c:pt idx="3089">
                  <c:v>30.902999999999999</c:v>
                </c:pt>
                <c:pt idx="3090">
                  <c:v>30.911999999999999</c:v>
                </c:pt>
                <c:pt idx="3091">
                  <c:v>30.922000000000001</c:v>
                </c:pt>
                <c:pt idx="3092">
                  <c:v>30.931999999999999</c:v>
                </c:pt>
                <c:pt idx="3093">
                  <c:v>30.940999999999999</c:v>
                </c:pt>
                <c:pt idx="3094">
                  <c:v>30.952000000000002</c:v>
                </c:pt>
                <c:pt idx="3095">
                  <c:v>30.962</c:v>
                </c:pt>
                <c:pt idx="3096">
                  <c:v>30.972999999999999</c:v>
                </c:pt>
                <c:pt idx="3097">
                  <c:v>30.981999999999999</c:v>
                </c:pt>
                <c:pt idx="3098">
                  <c:v>30.991</c:v>
                </c:pt>
                <c:pt idx="3099">
                  <c:v>31.001999999999999</c:v>
                </c:pt>
                <c:pt idx="3100">
                  <c:v>31.012</c:v>
                </c:pt>
                <c:pt idx="3101">
                  <c:v>31.023</c:v>
                </c:pt>
                <c:pt idx="3102">
                  <c:v>31.032</c:v>
                </c:pt>
                <c:pt idx="3103">
                  <c:v>31.041</c:v>
                </c:pt>
                <c:pt idx="3104">
                  <c:v>31.053000000000001</c:v>
                </c:pt>
                <c:pt idx="3105">
                  <c:v>31.062000000000001</c:v>
                </c:pt>
                <c:pt idx="3106">
                  <c:v>31.071000000000002</c:v>
                </c:pt>
                <c:pt idx="3107">
                  <c:v>31.082000000000001</c:v>
                </c:pt>
                <c:pt idx="3108">
                  <c:v>31.091000000000001</c:v>
                </c:pt>
                <c:pt idx="3109">
                  <c:v>31.102</c:v>
                </c:pt>
                <c:pt idx="3110">
                  <c:v>31.111999999999998</c:v>
                </c:pt>
                <c:pt idx="3111">
                  <c:v>31.120999999999999</c:v>
                </c:pt>
                <c:pt idx="3112">
                  <c:v>31.131</c:v>
                </c:pt>
                <c:pt idx="3113">
                  <c:v>31.140999999999998</c:v>
                </c:pt>
                <c:pt idx="3114">
                  <c:v>31.15</c:v>
                </c:pt>
                <c:pt idx="3115">
                  <c:v>31.16</c:v>
                </c:pt>
                <c:pt idx="3116">
                  <c:v>31.169</c:v>
                </c:pt>
                <c:pt idx="3117">
                  <c:v>31.18</c:v>
                </c:pt>
                <c:pt idx="3118">
                  <c:v>31.19</c:v>
                </c:pt>
                <c:pt idx="3119">
                  <c:v>31.2</c:v>
                </c:pt>
                <c:pt idx="3120">
                  <c:v>31.209</c:v>
                </c:pt>
                <c:pt idx="3121">
                  <c:v>31.218</c:v>
                </c:pt>
                <c:pt idx="3122">
                  <c:v>31.227</c:v>
                </c:pt>
                <c:pt idx="3123">
                  <c:v>31.238</c:v>
                </c:pt>
                <c:pt idx="3124">
                  <c:v>31.248000000000001</c:v>
                </c:pt>
                <c:pt idx="3125">
                  <c:v>31.257000000000001</c:v>
                </c:pt>
                <c:pt idx="3126">
                  <c:v>31.268000000000001</c:v>
                </c:pt>
                <c:pt idx="3127">
                  <c:v>31.277000000000001</c:v>
                </c:pt>
                <c:pt idx="3128">
                  <c:v>31.286999999999999</c:v>
                </c:pt>
                <c:pt idx="3129">
                  <c:v>31.297999999999998</c:v>
                </c:pt>
                <c:pt idx="3130">
                  <c:v>31.306999999999999</c:v>
                </c:pt>
                <c:pt idx="3131">
                  <c:v>31.317</c:v>
                </c:pt>
                <c:pt idx="3132">
                  <c:v>31.327000000000002</c:v>
                </c:pt>
                <c:pt idx="3133">
                  <c:v>31.335999999999999</c:v>
                </c:pt>
                <c:pt idx="3134">
                  <c:v>31.344999999999999</c:v>
                </c:pt>
                <c:pt idx="3135">
                  <c:v>31.356000000000002</c:v>
                </c:pt>
                <c:pt idx="3136">
                  <c:v>31.364999999999998</c:v>
                </c:pt>
                <c:pt idx="3137">
                  <c:v>31.376000000000001</c:v>
                </c:pt>
                <c:pt idx="3138">
                  <c:v>31.385000000000002</c:v>
                </c:pt>
                <c:pt idx="3139">
                  <c:v>31.395</c:v>
                </c:pt>
                <c:pt idx="3140">
                  <c:v>31.405000000000001</c:v>
                </c:pt>
                <c:pt idx="3141">
                  <c:v>31.414999999999999</c:v>
                </c:pt>
                <c:pt idx="3142">
                  <c:v>31.425000000000001</c:v>
                </c:pt>
                <c:pt idx="3143">
                  <c:v>31.434999999999999</c:v>
                </c:pt>
                <c:pt idx="3144">
                  <c:v>31.443999999999999</c:v>
                </c:pt>
                <c:pt idx="3145">
                  <c:v>31.454999999999998</c:v>
                </c:pt>
                <c:pt idx="3146">
                  <c:v>31.463999999999999</c:v>
                </c:pt>
                <c:pt idx="3147">
                  <c:v>31.474</c:v>
                </c:pt>
                <c:pt idx="3148">
                  <c:v>31.483000000000001</c:v>
                </c:pt>
                <c:pt idx="3149">
                  <c:v>31.494</c:v>
                </c:pt>
                <c:pt idx="3150">
                  <c:v>31.504999999999999</c:v>
                </c:pt>
                <c:pt idx="3151">
                  <c:v>31.513000000000002</c:v>
                </c:pt>
                <c:pt idx="3152">
                  <c:v>31.524000000000001</c:v>
                </c:pt>
                <c:pt idx="3153">
                  <c:v>31.533999999999999</c:v>
                </c:pt>
                <c:pt idx="3154">
                  <c:v>31.542999999999999</c:v>
                </c:pt>
                <c:pt idx="3155">
                  <c:v>31.553999999999998</c:v>
                </c:pt>
                <c:pt idx="3156">
                  <c:v>31.562999999999999</c:v>
                </c:pt>
                <c:pt idx="3157">
                  <c:v>31.574000000000002</c:v>
                </c:pt>
                <c:pt idx="3158">
                  <c:v>31.582999999999998</c:v>
                </c:pt>
                <c:pt idx="3159">
                  <c:v>31.593</c:v>
                </c:pt>
                <c:pt idx="3160">
                  <c:v>31.602</c:v>
                </c:pt>
                <c:pt idx="3161">
                  <c:v>31.611999999999998</c:v>
                </c:pt>
                <c:pt idx="3162">
                  <c:v>31.620999999999999</c:v>
                </c:pt>
                <c:pt idx="3163">
                  <c:v>31.632000000000001</c:v>
                </c:pt>
                <c:pt idx="3164">
                  <c:v>31.640999999999998</c:v>
                </c:pt>
                <c:pt idx="3165">
                  <c:v>31.651</c:v>
                </c:pt>
                <c:pt idx="3166">
                  <c:v>31.66</c:v>
                </c:pt>
                <c:pt idx="3167">
                  <c:v>31.670999999999999</c:v>
                </c:pt>
                <c:pt idx="3168">
                  <c:v>31.68</c:v>
                </c:pt>
                <c:pt idx="3169">
                  <c:v>31.69</c:v>
                </c:pt>
                <c:pt idx="3170">
                  <c:v>31.7</c:v>
                </c:pt>
                <c:pt idx="3171">
                  <c:v>31.71</c:v>
                </c:pt>
                <c:pt idx="3172">
                  <c:v>31.72</c:v>
                </c:pt>
                <c:pt idx="3173">
                  <c:v>31.728999999999999</c:v>
                </c:pt>
                <c:pt idx="3174">
                  <c:v>31.738</c:v>
                </c:pt>
                <c:pt idx="3175">
                  <c:v>31.748999999999999</c:v>
                </c:pt>
                <c:pt idx="3176">
                  <c:v>31.757999999999999</c:v>
                </c:pt>
                <c:pt idx="3177">
                  <c:v>31.768999999999998</c:v>
                </c:pt>
                <c:pt idx="3178">
                  <c:v>31.777999999999999</c:v>
                </c:pt>
                <c:pt idx="3179">
                  <c:v>31.788</c:v>
                </c:pt>
                <c:pt idx="3180">
                  <c:v>31.797999999999998</c:v>
                </c:pt>
                <c:pt idx="3181">
                  <c:v>31.806999999999999</c:v>
                </c:pt>
                <c:pt idx="3182">
                  <c:v>31.818000000000001</c:v>
                </c:pt>
                <c:pt idx="3183">
                  <c:v>31.827999999999999</c:v>
                </c:pt>
                <c:pt idx="3184">
                  <c:v>31.837</c:v>
                </c:pt>
                <c:pt idx="3185">
                  <c:v>31.847000000000001</c:v>
                </c:pt>
                <c:pt idx="3186">
                  <c:v>31.856999999999999</c:v>
                </c:pt>
                <c:pt idx="3187">
                  <c:v>31.867000000000001</c:v>
                </c:pt>
                <c:pt idx="3188">
                  <c:v>31.876999999999999</c:v>
                </c:pt>
                <c:pt idx="3189">
                  <c:v>31.887</c:v>
                </c:pt>
                <c:pt idx="3190">
                  <c:v>31.896000000000001</c:v>
                </c:pt>
                <c:pt idx="3191">
                  <c:v>31.905999999999999</c:v>
                </c:pt>
                <c:pt idx="3192">
                  <c:v>31.914999999999999</c:v>
                </c:pt>
                <c:pt idx="3193">
                  <c:v>31.925999999999998</c:v>
                </c:pt>
                <c:pt idx="3194">
                  <c:v>31.936</c:v>
                </c:pt>
                <c:pt idx="3195">
                  <c:v>31.945</c:v>
                </c:pt>
                <c:pt idx="3196">
                  <c:v>31.954999999999998</c:v>
                </c:pt>
                <c:pt idx="3197">
                  <c:v>31.966000000000001</c:v>
                </c:pt>
                <c:pt idx="3198">
                  <c:v>31.975000000000001</c:v>
                </c:pt>
                <c:pt idx="3199">
                  <c:v>31.986000000000001</c:v>
                </c:pt>
                <c:pt idx="3200">
                  <c:v>31.995000000000001</c:v>
                </c:pt>
                <c:pt idx="3201">
                  <c:v>32.005000000000003</c:v>
                </c:pt>
                <c:pt idx="3202">
                  <c:v>32.015000000000001</c:v>
                </c:pt>
                <c:pt idx="3203">
                  <c:v>32.024000000000001</c:v>
                </c:pt>
                <c:pt idx="3204">
                  <c:v>32.034999999999997</c:v>
                </c:pt>
                <c:pt idx="3205">
                  <c:v>32.043999999999997</c:v>
                </c:pt>
                <c:pt idx="3206">
                  <c:v>32.052999999999997</c:v>
                </c:pt>
                <c:pt idx="3207">
                  <c:v>32.064</c:v>
                </c:pt>
                <c:pt idx="3208">
                  <c:v>32.073</c:v>
                </c:pt>
                <c:pt idx="3209">
                  <c:v>32.082999999999998</c:v>
                </c:pt>
                <c:pt idx="3210">
                  <c:v>32.091999999999999</c:v>
                </c:pt>
                <c:pt idx="3211">
                  <c:v>32.103000000000002</c:v>
                </c:pt>
                <c:pt idx="3212">
                  <c:v>32.112000000000002</c:v>
                </c:pt>
                <c:pt idx="3213">
                  <c:v>32.122</c:v>
                </c:pt>
                <c:pt idx="3214">
                  <c:v>32.133000000000003</c:v>
                </c:pt>
                <c:pt idx="3215">
                  <c:v>32.143000000000001</c:v>
                </c:pt>
                <c:pt idx="3216">
                  <c:v>32.152000000000001</c:v>
                </c:pt>
                <c:pt idx="3217">
                  <c:v>32.161999999999999</c:v>
                </c:pt>
                <c:pt idx="3218">
                  <c:v>32.171999999999997</c:v>
                </c:pt>
                <c:pt idx="3219">
                  <c:v>32.182000000000002</c:v>
                </c:pt>
                <c:pt idx="3220">
                  <c:v>32.192</c:v>
                </c:pt>
                <c:pt idx="3221">
                  <c:v>32.201999999999998</c:v>
                </c:pt>
                <c:pt idx="3222">
                  <c:v>32.212000000000003</c:v>
                </c:pt>
                <c:pt idx="3223">
                  <c:v>32.222000000000001</c:v>
                </c:pt>
                <c:pt idx="3224">
                  <c:v>32.231000000000002</c:v>
                </c:pt>
                <c:pt idx="3225">
                  <c:v>32.241</c:v>
                </c:pt>
                <c:pt idx="3226">
                  <c:v>32.252000000000002</c:v>
                </c:pt>
                <c:pt idx="3227">
                  <c:v>32.261000000000003</c:v>
                </c:pt>
                <c:pt idx="3228">
                  <c:v>32.270000000000003</c:v>
                </c:pt>
                <c:pt idx="3229">
                  <c:v>32.28</c:v>
                </c:pt>
                <c:pt idx="3230">
                  <c:v>32.29</c:v>
                </c:pt>
                <c:pt idx="3231">
                  <c:v>32.298999999999999</c:v>
                </c:pt>
                <c:pt idx="3232">
                  <c:v>32.31</c:v>
                </c:pt>
                <c:pt idx="3233">
                  <c:v>32.32</c:v>
                </c:pt>
                <c:pt idx="3234">
                  <c:v>32.33</c:v>
                </c:pt>
                <c:pt idx="3235">
                  <c:v>32.338999999999999</c:v>
                </c:pt>
                <c:pt idx="3236">
                  <c:v>32.35</c:v>
                </c:pt>
                <c:pt idx="3237">
                  <c:v>32.36</c:v>
                </c:pt>
                <c:pt idx="3238">
                  <c:v>32.369</c:v>
                </c:pt>
                <c:pt idx="3239">
                  <c:v>32.380000000000003</c:v>
                </c:pt>
                <c:pt idx="3240">
                  <c:v>32.389000000000003</c:v>
                </c:pt>
                <c:pt idx="3241">
                  <c:v>32.399000000000001</c:v>
                </c:pt>
                <c:pt idx="3242">
                  <c:v>32.408999999999999</c:v>
                </c:pt>
                <c:pt idx="3243">
                  <c:v>32.417999999999999</c:v>
                </c:pt>
                <c:pt idx="3244">
                  <c:v>32.429000000000002</c:v>
                </c:pt>
                <c:pt idx="3245">
                  <c:v>32.438000000000002</c:v>
                </c:pt>
                <c:pt idx="3246">
                  <c:v>32.447000000000003</c:v>
                </c:pt>
                <c:pt idx="3247">
                  <c:v>32.457999999999998</c:v>
                </c:pt>
                <c:pt idx="3248">
                  <c:v>32.466999999999999</c:v>
                </c:pt>
                <c:pt idx="3249">
                  <c:v>32.476999999999997</c:v>
                </c:pt>
                <c:pt idx="3250">
                  <c:v>32.488</c:v>
                </c:pt>
                <c:pt idx="3251">
                  <c:v>32.497</c:v>
                </c:pt>
                <c:pt idx="3252">
                  <c:v>32.506999999999998</c:v>
                </c:pt>
                <c:pt idx="3253">
                  <c:v>32.515999999999998</c:v>
                </c:pt>
                <c:pt idx="3254">
                  <c:v>32.527000000000001</c:v>
                </c:pt>
                <c:pt idx="3255">
                  <c:v>32.536999999999999</c:v>
                </c:pt>
                <c:pt idx="3256">
                  <c:v>32.546999999999997</c:v>
                </c:pt>
                <c:pt idx="3257">
                  <c:v>32.555999999999997</c:v>
                </c:pt>
                <c:pt idx="3258">
                  <c:v>32.566000000000003</c:v>
                </c:pt>
                <c:pt idx="3259">
                  <c:v>32.576000000000001</c:v>
                </c:pt>
                <c:pt idx="3260">
                  <c:v>32.585000000000001</c:v>
                </c:pt>
                <c:pt idx="3261">
                  <c:v>32.595999999999997</c:v>
                </c:pt>
                <c:pt idx="3262">
                  <c:v>32.604999999999997</c:v>
                </c:pt>
                <c:pt idx="3263">
                  <c:v>32.613999999999997</c:v>
                </c:pt>
                <c:pt idx="3264">
                  <c:v>32.625</c:v>
                </c:pt>
                <c:pt idx="3265">
                  <c:v>32.634</c:v>
                </c:pt>
                <c:pt idx="3266">
                  <c:v>32.643999999999998</c:v>
                </c:pt>
                <c:pt idx="3267">
                  <c:v>32.654000000000003</c:v>
                </c:pt>
                <c:pt idx="3268">
                  <c:v>32.664000000000001</c:v>
                </c:pt>
                <c:pt idx="3269">
                  <c:v>32.673000000000002</c:v>
                </c:pt>
                <c:pt idx="3270">
                  <c:v>32.683</c:v>
                </c:pt>
                <c:pt idx="3271">
                  <c:v>32.692</c:v>
                </c:pt>
                <c:pt idx="3272">
                  <c:v>32.703000000000003</c:v>
                </c:pt>
                <c:pt idx="3273">
                  <c:v>32.712000000000003</c:v>
                </c:pt>
                <c:pt idx="3274">
                  <c:v>32.722000000000001</c:v>
                </c:pt>
                <c:pt idx="3275">
                  <c:v>32.731000000000002</c:v>
                </c:pt>
                <c:pt idx="3276">
                  <c:v>32.74</c:v>
                </c:pt>
                <c:pt idx="3277">
                  <c:v>32.749000000000002</c:v>
                </c:pt>
                <c:pt idx="3278">
                  <c:v>32.759</c:v>
                </c:pt>
                <c:pt idx="3279">
                  <c:v>32.768999999999998</c:v>
                </c:pt>
                <c:pt idx="3280">
                  <c:v>32.779000000000003</c:v>
                </c:pt>
                <c:pt idx="3281">
                  <c:v>32.787999999999997</c:v>
                </c:pt>
                <c:pt idx="3282">
                  <c:v>32.798000000000002</c:v>
                </c:pt>
                <c:pt idx="3283">
                  <c:v>32.807000000000002</c:v>
                </c:pt>
                <c:pt idx="3284">
                  <c:v>32.817</c:v>
                </c:pt>
                <c:pt idx="3285">
                  <c:v>32.828000000000003</c:v>
                </c:pt>
                <c:pt idx="3286">
                  <c:v>32.838000000000001</c:v>
                </c:pt>
                <c:pt idx="3287">
                  <c:v>32.847999999999999</c:v>
                </c:pt>
                <c:pt idx="3288">
                  <c:v>32.859000000000002</c:v>
                </c:pt>
                <c:pt idx="3289">
                  <c:v>32.868000000000002</c:v>
                </c:pt>
                <c:pt idx="3290">
                  <c:v>32.878999999999998</c:v>
                </c:pt>
                <c:pt idx="3291">
                  <c:v>32.889000000000003</c:v>
                </c:pt>
                <c:pt idx="3292">
                  <c:v>32.899000000000001</c:v>
                </c:pt>
                <c:pt idx="3293">
                  <c:v>32.909999999999997</c:v>
                </c:pt>
                <c:pt idx="3294">
                  <c:v>32.918999999999997</c:v>
                </c:pt>
                <c:pt idx="3295">
                  <c:v>32.93</c:v>
                </c:pt>
                <c:pt idx="3296">
                  <c:v>32.94</c:v>
                </c:pt>
                <c:pt idx="3297">
                  <c:v>32.951000000000001</c:v>
                </c:pt>
                <c:pt idx="3298">
                  <c:v>32.96</c:v>
                </c:pt>
                <c:pt idx="3299">
                  <c:v>32.970999999999997</c:v>
                </c:pt>
                <c:pt idx="3300">
                  <c:v>32.981000000000002</c:v>
                </c:pt>
                <c:pt idx="3301">
                  <c:v>32.993000000000002</c:v>
                </c:pt>
                <c:pt idx="3302">
                  <c:v>33.003</c:v>
                </c:pt>
                <c:pt idx="3303">
                  <c:v>33.012999999999998</c:v>
                </c:pt>
                <c:pt idx="3304">
                  <c:v>33.024000000000001</c:v>
                </c:pt>
                <c:pt idx="3305">
                  <c:v>33.033999999999999</c:v>
                </c:pt>
                <c:pt idx="3306">
                  <c:v>33.042999999999999</c:v>
                </c:pt>
                <c:pt idx="3307">
                  <c:v>33.052999999999997</c:v>
                </c:pt>
                <c:pt idx="3308">
                  <c:v>33.064</c:v>
                </c:pt>
                <c:pt idx="3309">
                  <c:v>33.073999999999998</c:v>
                </c:pt>
                <c:pt idx="3310">
                  <c:v>33.082999999999998</c:v>
                </c:pt>
                <c:pt idx="3311">
                  <c:v>33.091999999999999</c:v>
                </c:pt>
                <c:pt idx="3312">
                  <c:v>33.103000000000002</c:v>
                </c:pt>
                <c:pt idx="3313">
                  <c:v>33.112000000000002</c:v>
                </c:pt>
                <c:pt idx="3314">
                  <c:v>33.121000000000002</c:v>
                </c:pt>
                <c:pt idx="3315">
                  <c:v>33.131</c:v>
                </c:pt>
                <c:pt idx="3316">
                  <c:v>33.140999999999998</c:v>
                </c:pt>
                <c:pt idx="3317">
                  <c:v>33.151000000000003</c:v>
                </c:pt>
                <c:pt idx="3318">
                  <c:v>33.161000000000001</c:v>
                </c:pt>
                <c:pt idx="3319">
                  <c:v>33.170999999999999</c:v>
                </c:pt>
                <c:pt idx="3320">
                  <c:v>33.18</c:v>
                </c:pt>
                <c:pt idx="3321">
                  <c:v>33.19</c:v>
                </c:pt>
                <c:pt idx="3322">
                  <c:v>33.200000000000003</c:v>
                </c:pt>
                <c:pt idx="3323">
                  <c:v>33.209000000000003</c:v>
                </c:pt>
                <c:pt idx="3324">
                  <c:v>33.219000000000001</c:v>
                </c:pt>
                <c:pt idx="3325">
                  <c:v>33.228999999999999</c:v>
                </c:pt>
                <c:pt idx="3326">
                  <c:v>33.238</c:v>
                </c:pt>
                <c:pt idx="3327">
                  <c:v>33.247</c:v>
                </c:pt>
                <c:pt idx="3328">
                  <c:v>33.256999999999998</c:v>
                </c:pt>
                <c:pt idx="3329">
                  <c:v>33.268000000000001</c:v>
                </c:pt>
                <c:pt idx="3330">
                  <c:v>33.277000000000001</c:v>
                </c:pt>
                <c:pt idx="3331">
                  <c:v>33.286999999999999</c:v>
                </c:pt>
                <c:pt idx="3332">
                  <c:v>33.298000000000002</c:v>
                </c:pt>
                <c:pt idx="3333">
                  <c:v>33.307000000000002</c:v>
                </c:pt>
                <c:pt idx="3334">
                  <c:v>33.317999999999998</c:v>
                </c:pt>
                <c:pt idx="3335">
                  <c:v>33.326999999999998</c:v>
                </c:pt>
                <c:pt idx="3336">
                  <c:v>33.335999999999999</c:v>
                </c:pt>
                <c:pt idx="3337">
                  <c:v>33.347000000000001</c:v>
                </c:pt>
                <c:pt idx="3338">
                  <c:v>33.356000000000002</c:v>
                </c:pt>
                <c:pt idx="3339">
                  <c:v>33.366999999999997</c:v>
                </c:pt>
                <c:pt idx="3340">
                  <c:v>33.375999999999998</c:v>
                </c:pt>
                <c:pt idx="3341">
                  <c:v>33.386000000000003</c:v>
                </c:pt>
                <c:pt idx="3342">
                  <c:v>33.395000000000003</c:v>
                </c:pt>
                <c:pt idx="3343">
                  <c:v>33.405999999999999</c:v>
                </c:pt>
                <c:pt idx="3344">
                  <c:v>33.414999999999999</c:v>
                </c:pt>
                <c:pt idx="3345">
                  <c:v>33.423999999999999</c:v>
                </c:pt>
                <c:pt idx="3346">
                  <c:v>33.435000000000002</c:v>
                </c:pt>
                <c:pt idx="3347">
                  <c:v>33.444000000000003</c:v>
                </c:pt>
                <c:pt idx="3348">
                  <c:v>33.453000000000003</c:v>
                </c:pt>
                <c:pt idx="3349">
                  <c:v>33.463999999999999</c:v>
                </c:pt>
                <c:pt idx="3350">
                  <c:v>33.472999999999999</c:v>
                </c:pt>
                <c:pt idx="3351">
                  <c:v>33.481999999999999</c:v>
                </c:pt>
                <c:pt idx="3352">
                  <c:v>33.493000000000002</c:v>
                </c:pt>
                <c:pt idx="3353">
                  <c:v>33.502000000000002</c:v>
                </c:pt>
                <c:pt idx="3354">
                  <c:v>33.511000000000003</c:v>
                </c:pt>
                <c:pt idx="3355">
                  <c:v>33.521999999999998</c:v>
                </c:pt>
                <c:pt idx="3356">
                  <c:v>33.530999999999999</c:v>
                </c:pt>
                <c:pt idx="3357">
                  <c:v>33.540999999999997</c:v>
                </c:pt>
                <c:pt idx="3358">
                  <c:v>33.549999999999997</c:v>
                </c:pt>
                <c:pt idx="3359">
                  <c:v>33.56</c:v>
                </c:pt>
                <c:pt idx="3360">
                  <c:v>33.569000000000003</c:v>
                </c:pt>
                <c:pt idx="3361">
                  <c:v>33.58</c:v>
                </c:pt>
                <c:pt idx="3362">
                  <c:v>33.588999999999999</c:v>
                </c:pt>
                <c:pt idx="3363">
                  <c:v>33.598999999999997</c:v>
                </c:pt>
                <c:pt idx="3364">
                  <c:v>33.609000000000002</c:v>
                </c:pt>
                <c:pt idx="3365">
                  <c:v>33.618000000000002</c:v>
                </c:pt>
                <c:pt idx="3366">
                  <c:v>33.628</c:v>
                </c:pt>
                <c:pt idx="3367">
                  <c:v>33.637</c:v>
                </c:pt>
                <c:pt idx="3368">
                  <c:v>33.648000000000003</c:v>
                </c:pt>
                <c:pt idx="3369">
                  <c:v>33.656999999999996</c:v>
                </c:pt>
                <c:pt idx="3370">
                  <c:v>33.667999999999999</c:v>
                </c:pt>
                <c:pt idx="3371">
                  <c:v>33.677</c:v>
                </c:pt>
                <c:pt idx="3372">
                  <c:v>33.686</c:v>
                </c:pt>
                <c:pt idx="3373">
                  <c:v>33.697000000000003</c:v>
                </c:pt>
                <c:pt idx="3374">
                  <c:v>33.706000000000003</c:v>
                </c:pt>
                <c:pt idx="3375">
                  <c:v>33.715000000000003</c:v>
                </c:pt>
                <c:pt idx="3376">
                  <c:v>33.725000000000001</c:v>
                </c:pt>
                <c:pt idx="3377">
                  <c:v>33.734999999999999</c:v>
                </c:pt>
                <c:pt idx="3378">
                  <c:v>33.744999999999997</c:v>
                </c:pt>
                <c:pt idx="3379">
                  <c:v>33.753999999999998</c:v>
                </c:pt>
                <c:pt idx="3380">
                  <c:v>33.764000000000003</c:v>
                </c:pt>
                <c:pt idx="3381">
                  <c:v>33.774000000000001</c:v>
                </c:pt>
                <c:pt idx="3382">
                  <c:v>33.783999999999999</c:v>
                </c:pt>
                <c:pt idx="3383">
                  <c:v>33.793999999999997</c:v>
                </c:pt>
                <c:pt idx="3384">
                  <c:v>33.802999999999997</c:v>
                </c:pt>
                <c:pt idx="3385">
                  <c:v>33.814</c:v>
                </c:pt>
                <c:pt idx="3386">
                  <c:v>33.823999999999998</c:v>
                </c:pt>
                <c:pt idx="3387">
                  <c:v>33.834000000000003</c:v>
                </c:pt>
                <c:pt idx="3388">
                  <c:v>33.843000000000004</c:v>
                </c:pt>
                <c:pt idx="3389">
                  <c:v>33.853000000000002</c:v>
                </c:pt>
                <c:pt idx="3390">
                  <c:v>33.863</c:v>
                </c:pt>
                <c:pt idx="3391">
                  <c:v>33.872</c:v>
                </c:pt>
                <c:pt idx="3392">
                  <c:v>33.881999999999998</c:v>
                </c:pt>
                <c:pt idx="3393">
                  <c:v>33.892000000000003</c:v>
                </c:pt>
                <c:pt idx="3394">
                  <c:v>33.901000000000003</c:v>
                </c:pt>
                <c:pt idx="3395">
                  <c:v>33.911999999999999</c:v>
                </c:pt>
                <c:pt idx="3396">
                  <c:v>33.920999999999999</c:v>
                </c:pt>
                <c:pt idx="3397">
                  <c:v>33.930999999999997</c:v>
                </c:pt>
                <c:pt idx="3398">
                  <c:v>33.941000000000003</c:v>
                </c:pt>
                <c:pt idx="3399">
                  <c:v>33.951000000000001</c:v>
                </c:pt>
                <c:pt idx="3400">
                  <c:v>33.960999999999999</c:v>
                </c:pt>
                <c:pt idx="3401">
                  <c:v>33.970999999999997</c:v>
                </c:pt>
                <c:pt idx="3402">
                  <c:v>33.979999999999997</c:v>
                </c:pt>
                <c:pt idx="3403">
                  <c:v>33.99</c:v>
                </c:pt>
                <c:pt idx="3404">
                  <c:v>34</c:v>
                </c:pt>
                <c:pt idx="3405">
                  <c:v>34.01</c:v>
                </c:pt>
                <c:pt idx="3406">
                  <c:v>34.020000000000003</c:v>
                </c:pt>
                <c:pt idx="3407">
                  <c:v>34.030999999999999</c:v>
                </c:pt>
                <c:pt idx="3408">
                  <c:v>34.04</c:v>
                </c:pt>
                <c:pt idx="3409">
                  <c:v>34.048999999999999</c:v>
                </c:pt>
                <c:pt idx="3410">
                  <c:v>34.058999999999997</c:v>
                </c:pt>
                <c:pt idx="3411">
                  <c:v>34.069000000000003</c:v>
                </c:pt>
                <c:pt idx="3412">
                  <c:v>34.079000000000001</c:v>
                </c:pt>
                <c:pt idx="3413">
                  <c:v>34.088999999999999</c:v>
                </c:pt>
                <c:pt idx="3414">
                  <c:v>34.097999999999999</c:v>
                </c:pt>
                <c:pt idx="3415">
                  <c:v>34.107999999999997</c:v>
                </c:pt>
                <c:pt idx="3416">
                  <c:v>34.118000000000002</c:v>
                </c:pt>
                <c:pt idx="3417">
                  <c:v>34.127000000000002</c:v>
                </c:pt>
                <c:pt idx="3418">
                  <c:v>34.137999999999998</c:v>
                </c:pt>
                <c:pt idx="3419">
                  <c:v>34.146999999999998</c:v>
                </c:pt>
                <c:pt idx="3420">
                  <c:v>34.156999999999996</c:v>
                </c:pt>
                <c:pt idx="3421">
                  <c:v>34.167000000000002</c:v>
                </c:pt>
                <c:pt idx="3422">
                  <c:v>34.176000000000002</c:v>
                </c:pt>
                <c:pt idx="3423">
                  <c:v>34.186</c:v>
                </c:pt>
                <c:pt idx="3424">
                  <c:v>34.195999999999998</c:v>
                </c:pt>
                <c:pt idx="3425">
                  <c:v>34.206000000000003</c:v>
                </c:pt>
                <c:pt idx="3426">
                  <c:v>34.216000000000001</c:v>
                </c:pt>
                <c:pt idx="3427">
                  <c:v>34.225999999999999</c:v>
                </c:pt>
                <c:pt idx="3428">
                  <c:v>34.235999999999997</c:v>
                </c:pt>
                <c:pt idx="3429">
                  <c:v>34.244999999999997</c:v>
                </c:pt>
                <c:pt idx="3430">
                  <c:v>34.253999999999998</c:v>
                </c:pt>
                <c:pt idx="3431">
                  <c:v>34.265000000000001</c:v>
                </c:pt>
                <c:pt idx="3432">
                  <c:v>34.274000000000001</c:v>
                </c:pt>
                <c:pt idx="3433">
                  <c:v>34.283999999999999</c:v>
                </c:pt>
                <c:pt idx="3434">
                  <c:v>34.295000000000002</c:v>
                </c:pt>
                <c:pt idx="3435">
                  <c:v>34.304000000000002</c:v>
                </c:pt>
                <c:pt idx="3436">
                  <c:v>34.314</c:v>
                </c:pt>
                <c:pt idx="3437">
                  <c:v>34.323999999999998</c:v>
                </c:pt>
                <c:pt idx="3438">
                  <c:v>34.334000000000003</c:v>
                </c:pt>
                <c:pt idx="3439">
                  <c:v>34.344000000000001</c:v>
                </c:pt>
                <c:pt idx="3440">
                  <c:v>34.353000000000002</c:v>
                </c:pt>
                <c:pt idx="3441">
                  <c:v>34.363</c:v>
                </c:pt>
                <c:pt idx="3442">
                  <c:v>34.372999999999998</c:v>
                </c:pt>
                <c:pt idx="3443">
                  <c:v>34.381999999999998</c:v>
                </c:pt>
                <c:pt idx="3444">
                  <c:v>34.392000000000003</c:v>
                </c:pt>
                <c:pt idx="3445">
                  <c:v>34.401000000000003</c:v>
                </c:pt>
                <c:pt idx="3446">
                  <c:v>34.411000000000001</c:v>
                </c:pt>
                <c:pt idx="3447">
                  <c:v>34.420999999999999</c:v>
                </c:pt>
                <c:pt idx="3448">
                  <c:v>34.43</c:v>
                </c:pt>
                <c:pt idx="3449">
                  <c:v>34.441000000000003</c:v>
                </c:pt>
                <c:pt idx="3450">
                  <c:v>34.451000000000001</c:v>
                </c:pt>
                <c:pt idx="3451">
                  <c:v>34.46</c:v>
                </c:pt>
                <c:pt idx="3452">
                  <c:v>34.47</c:v>
                </c:pt>
                <c:pt idx="3453">
                  <c:v>34.479999999999997</c:v>
                </c:pt>
                <c:pt idx="3454">
                  <c:v>34.488999999999997</c:v>
                </c:pt>
                <c:pt idx="3455">
                  <c:v>34.5</c:v>
                </c:pt>
                <c:pt idx="3456">
                  <c:v>34.51</c:v>
                </c:pt>
                <c:pt idx="3457">
                  <c:v>34.518999999999998</c:v>
                </c:pt>
                <c:pt idx="3458">
                  <c:v>34.529000000000003</c:v>
                </c:pt>
                <c:pt idx="3459">
                  <c:v>34.54</c:v>
                </c:pt>
                <c:pt idx="3460">
                  <c:v>34.548999999999999</c:v>
                </c:pt>
                <c:pt idx="3461">
                  <c:v>34.558999999999997</c:v>
                </c:pt>
                <c:pt idx="3462">
                  <c:v>34.567999999999998</c:v>
                </c:pt>
                <c:pt idx="3463">
                  <c:v>34.579000000000001</c:v>
                </c:pt>
                <c:pt idx="3464">
                  <c:v>34.588000000000001</c:v>
                </c:pt>
                <c:pt idx="3465">
                  <c:v>34.597999999999999</c:v>
                </c:pt>
                <c:pt idx="3466">
                  <c:v>34.607999999999997</c:v>
                </c:pt>
                <c:pt idx="3467">
                  <c:v>34.616999999999997</c:v>
                </c:pt>
                <c:pt idx="3468">
                  <c:v>34.627000000000002</c:v>
                </c:pt>
                <c:pt idx="3469">
                  <c:v>34.637999999999998</c:v>
                </c:pt>
                <c:pt idx="3470">
                  <c:v>34.646999999999998</c:v>
                </c:pt>
                <c:pt idx="3471">
                  <c:v>34.656999999999996</c:v>
                </c:pt>
                <c:pt idx="3472">
                  <c:v>34.665999999999997</c:v>
                </c:pt>
                <c:pt idx="3473">
                  <c:v>34.677</c:v>
                </c:pt>
                <c:pt idx="3474">
                  <c:v>34.686999999999998</c:v>
                </c:pt>
                <c:pt idx="3475">
                  <c:v>34.695999999999998</c:v>
                </c:pt>
                <c:pt idx="3476">
                  <c:v>34.707000000000001</c:v>
                </c:pt>
                <c:pt idx="3477">
                  <c:v>34.716000000000001</c:v>
                </c:pt>
                <c:pt idx="3478">
                  <c:v>34.725999999999999</c:v>
                </c:pt>
                <c:pt idx="3479">
                  <c:v>34.735999999999997</c:v>
                </c:pt>
                <c:pt idx="3480">
                  <c:v>34.746000000000002</c:v>
                </c:pt>
                <c:pt idx="3481">
                  <c:v>34.755000000000003</c:v>
                </c:pt>
                <c:pt idx="3482">
                  <c:v>34.765000000000001</c:v>
                </c:pt>
                <c:pt idx="3483">
                  <c:v>34.774999999999999</c:v>
                </c:pt>
                <c:pt idx="3484">
                  <c:v>34.784999999999997</c:v>
                </c:pt>
                <c:pt idx="3485">
                  <c:v>34.793999999999997</c:v>
                </c:pt>
                <c:pt idx="3486">
                  <c:v>34.805</c:v>
                </c:pt>
                <c:pt idx="3487">
                  <c:v>34.814999999999998</c:v>
                </c:pt>
                <c:pt idx="3488">
                  <c:v>34.823999999999998</c:v>
                </c:pt>
                <c:pt idx="3489">
                  <c:v>34.835000000000001</c:v>
                </c:pt>
                <c:pt idx="3490">
                  <c:v>34.844000000000001</c:v>
                </c:pt>
                <c:pt idx="3491">
                  <c:v>34.853999999999999</c:v>
                </c:pt>
                <c:pt idx="3492">
                  <c:v>34.863999999999997</c:v>
                </c:pt>
                <c:pt idx="3493">
                  <c:v>34.872999999999998</c:v>
                </c:pt>
                <c:pt idx="3494">
                  <c:v>34.884</c:v>
                </c:pt>
                <c:pt idx="3495">
                  <c:v>34.893000000000001</c:v>
                </c:pt>
                <c:pt idx="3496">
                  <c:v>34.902999999999999</c:v>
                </c:pt>
                <c:pt idx="3497">
                  <c:v>34.912999999999997</c:v>
                </c:pt>
                <c:pt idx="3498">
                  <c:v>34.921999999999997</c:v>
                </c:pt>
                <c:pt idx="3499">
                  <c:v>34.932000000000002</c:v>
                </c:pt>
                <c:pt idx="3500">
                  <c:v>34.942</c:v>
                </c:pt>
                <c:pt idx="3501">
                  <c:v>34.951999999999998</c:v>
                </c:pt>
                <c:pt idx="3502">
                  <c:v>34.962000000000003</c:v>
                </c:pt>
                <c:pt idx="3503">
                  <c:v>34.970999999999997</c:v>
                </c:pt>
                <c:pt idx="3504">
                  <c:v>34.981999999999999</c:v>
                </c:pt>
                <c:pt idx="3505">
                  <c:v>34.991</c:v>
                </c:pt>
                <c:pt idx="3506">
                  <c:v>35.000999999999998</c:v>
                </c:pt>
                <c:pt idx="3507">
                  <c:v>35.011000000000003</c:v>
                </c:pt>
                <c:pt idx="3508">
                  <c:v>35.020000000000003</c:v>
                </c:pt>
                <c:pt idx="3509">
                  <c:v>35.030999999999999</c:v>
                </c:pt>
                <c:pt idx="3510">
                  <c:v>35.04</c:v>
                </c:pt>
                <c:pt idx="3511">
                  <c:v>35.049999999999997</c:v>
                </c:pt>
                <c:pt idx="3512">
                  <c:v>35.058999999999997</c:v>
                </c:pt>
                <c:pt idx="3513">
                  <c:v>35.069000000000003</c:v>
                </c:pt>
                <c:pt idx="3514">
                  <c:v>35.078000000000003</c:v>
                </c:pt>
                <c:pt idx="3515">
                  <c:v>35.088000000000001</c:v>
                </c:pt>
                <c:pt idx="3516">
                  <c:v>35.097000000000001</c:v>
                </c:pt>
                <c:pt idx="3517">
                  <c:v>35.106999999999999</c:v>
                </c:pt>
                <c:pt idx="3518">
                  <c:v>35.116</c:v>
                </c:pt>
                <c:pt idx="3519">
                  <c:v>35.127000000000002</c:v>
                </c:pt>
                <c:pt idx="3520">
                  <c:v>35.137</c:v>
                </c:pt>
                <c:pt idx="3521">
                  <c:v>35.146000000000001</c:v>
                </c:pt>
                <c:pt idx="3522">
                  <c:v>35.155999999999999</c:v>
                </c:pt>
                <c:pt idx="3523">
                  <c:v>35.165999999999997</c:v>
                </c:pt>
                <c:pt idx="3524">
                  <c:v>35.176000000000002</c:v>
                </c:pt>
                <c:pt idx="3525">
                  <c:v>35.185000000000002</c:v>
                </c:pt>
                <c:pt idx="3526">
                  <c:v>35.195999999999998</c:v>
                </c:pt>
                <c:pt idx="3527">
                  <c:v>35.204999999999998</c:v>
                </c:pt>
                <c:pt idx="3528">
                  <c:v>35.215000000000003</c:v>
                </c:pt>
                <c:pt idx="3529">
                  <c:v>35.225000000000001</c:v>
                </c:pt>
                <c:pt idx="3530">
                  <c:v>35.234000000000002</c:v>
                </c:pt>
                <c:pt idx="3531">
                  <c:v>35.244</c:v>
                </c:pt>
                <c:pt idx="3532">
                  <c:v>35.253</c:v>
                </c:pt>
                <c:pt idx="3533">
                  <c:v>35.264000000000003</c:v>
                </c:pt>
                <c:pt idx="3534">
                  <c:v>35.273000000000003</c:v>
                </c:pt>
                <c:pt idx="3535">
                  <c:v>35.283000000000001</c:v>
                </c:pt>
                <c:pt idx="3536">
                  <c:v>35.292999999999999</c:v>
                </c:pt>
                <c:pt idx="3537">
                  <c:v>35.302999999999997</c:v>
                </c:pt>
                <c:pt idx="3538">
                  <c:v>35.313000000000002</c:v>
                </c:pt>
                <c:pt idx="3539">
                  <c:v>35.323</c:v>
                </c:pt>
                <c:pt idx="3540">
                  <c:v>35.332000000000001</c:v>
                </c:pt>
                <c:pt idx="3541">
                  <c:v>35.343000000000004</c:v>
                </c:pt>
                <c:pt idx="3542">
                  <c:v>35.351999999999997</c:v>
                </c:pt>
                <c:pt idx="3543">
                  <c:v>35.363</c:v>
                </c:pt>
                <c:pt idx="3544">
                  <c:v>35.372</c:v>
                </c:pt>
                <c:pt idx="3545">
                  <c:v>35.381999999999998</c:v>
                </c:pt>
                <c:pt idx="3546">
                  <c:v>35.392000000000003</c:v>
                </c:pt>
                <c:pt idx="3547">
                  <c:v>35.402000000000001</c:v>
                </c:pt>
                <c:pt idx="3548">
                  <c:v>35.411000000000001</c:v>
                </c:pt>
                <c:pt idx="3549">
                  <c:v>35.421999999999997</c:v>
                </c:pt>
                <c:pt idx="3550">
                  <c:v>35.430999999999997</c:v>
                </c:pt>
                <c:pt idx="3551">
                  <c:v>35.441000000000003</c:v>
                </c:pt>
                <c:pt idx="3552">
                  <c:v>35.451999999999998</c:v>
                </c:pt>
                <c:pt idx="3553">
                  <c:v>35.460999999999999</c:v>
                </c:pt>
                <c:pt idx="3554">
                  <c:v>35.470999999999997</c:v>
                </c:pt>
                <c:pt idx="3555">
                  <c:v>35.479999999999997</c:v>
                </c:pt>
                <c:pt idx="3556">
                  <c:v>35.491</c:v>
                </c:pt>
                <c:pt idx="3557">
                  <c:v>35.500999999999998</c:v>
                </c:pt>
                <c:pt idx="3558">
                  <c:v>35.51</c:v>
                </c:pt>
                <c:pt idx="3559">
                  <c:v>35.518999999999998</c:v>
                </c:pt>
                <c:pt idx="3560">
                  <c:v>35.53</c:v>
                </c:pt>
                <c:pt idx="3561">
                  <c:v>35.539000000000001</c:v>
                </c:pt>
                <c:pt idx="3562">
                  <c:v>35.548999999999999</c:v>
                </c:pt>
                <c:pt idx="3563">
                  <c:v>35.558999999999997</c:v>
                </c:pt>
                <c:pt idx="3564">
                  <c:v>35.569000000000003</c:v>
                </c:pt>
                <c:pt idx="3565">
                  <c:v>35.578000000000003</c:v>
                </c:pt>
                <c:pt idx="3566">
                  <c:v>35.588000000000001</c:v>
                </c:pt>
                <c:pt idx="3567">
                  <c:v>35.597999999999999</c:v>
                </c:pt>
                <c:pt idx="3568">
                  <c:v>35.607999999999997</c:v>
                </c:pt>
                <c:pt idx="3569">
                  <c:v>35.616999999999997</c:v>
                </c:pt>
                <c:pt idx="3570">
                  <c:v>35.628</c:v>
                </c:pt>
                <c:pt idx="3571">
                  <c:v>35.637</c:v>
                </c:pt>
                <c:pt idx="3572">
                  <c:v>35.648000000000003</c:v>
                </c:pt>
                <c:pt idx="3573">
                  <c:v>35.656999999999996</c:v>
                </c:pt>
                <c:pt idx="3574">
                  <c:v>35.665999999999997</c:v>
                </c:pt>
                <c:pt idx="3575">
                  <c:v>35.677</c:v>
                </c:pt>
                <c:pt idx="3576">
                  <c:v>35.686</c:v>
                </c:pt>
                <c:pt idx="3577">
                  <c:v>35.695</c:v>
                </c:pt>
                <c:pt idx="3578">
                  <c:v>35.706000000000003</c:v>
                </c:pt>
                <c:pt idx="3579">
                  <c:v>35.715000000000003</c:v>
                </c:pt>
                <c:pt idx="3580">
                  <c:v>35.725000000000001</c:v>
                </c:pt>
                <c:pt idx="3581">
                  <c:v>35.734999999999999</c:v>
                </c:pt>
                <c:pt idx="3582">
                  <c:v>35.744999999999997</c:v>
                </c:pt>
                <c:pt idx="3583">
                  <c:v>35.753999999999998</c:v>
                </c:pt>
                <c:pt idx="3584">
                  <c:v>35.764000000000003</c:v>
                </c:pt>
                <c:pt idx="3585">
                  <c:v>35.773000000000003</c:v>
                </c:pt>
                <c:pt idx="3586">
                  <c:v>35.783999999999999</c:v>
                </c:pt>
                <c:pt idx="3587">
                  <c:v>35.792999999999999</c:v>
                </c:pt>
                <c:pt idx="3588">
                  <c:v>35.802999999999997</c:v>
                </c:pt>
                <c:pt idx="3589">
                  <c:v>35.814</c:v>
                </c:pt>
                <c:pt idx="3590">
                  <c:v>35.823999999999998</c:v>
                </c:pt>
                <c:pt idx="3591">
                  <c:v>35.832999999999998</c:v>
                </c:pt>
                <c:pt idx="3592">
                  <c:v>35.843000000000004</c:v>
                </c:pt>
                <c:pt idx="3593">
                  <c:v>35.851999999999997</c:v>
                </c:pt>
                <c:pt idx="3594">
                  <c:v>35.863</c:v>
                </c:pt>
                <c:pt idx="3595">
                  <c:v>35.872</c:v>
                </c:pt>
                <c:pt idx="3596">
                  <c:v>35.881999999999998</c:v>
                </c:pt>
                <c:pt idx="3597">
                  <c:v>35.890999999999998</c:v>
                </c:pt>
                <c:pt idx="3598">
                  <c:v>35.902000000000001</c:v>
                </c:pt>
                <c:pt idx="3599">
                  <c:v>35.911000000000001</c:v>
                </c:pt>
                <c:pt idx="3600">
                  <c:v>35.92</c:v>
                </c:pt>
                <c:pt idx="3601">
                  <c:v>35.930999999999997</c:v>
                </c:pt>
                <c:pt idx="3602">
                  <c:v>35.94</c:v>
                </c:pt>
                <c:pt idx="3603">
                  <c:v>35.951000000000001</c:v>
                </c:pt>
                <c:pt idx="3604">
                  <c:v>35.96</c:v>
                </c:pt>
                <c:pt idx="3605">
                  <c:v>35.97</c:v>
                </c:pt>
                <c:pt idx="3606">
                  <c:v>35.981000000000002</c:v>
                </c:pt>
                <c:pt idx="3607">
                  <c:v>35.991</c:v>
                </c:pt>
                <c:pt idx="3608">
                  <c:v>36</c:v>
                </c:pt>
                <c:pt idx="3609">
                  <c:v>36.01</c:v>
                </c:pt>
                <c:pt idx="3610">
                  <c:v>36.020000000000003</c:v>
                </c:pt>
                <c:pt idx="3611">
                  <c:v>36.03</c:v>
                </c:pt>
                <c:pt idx="3612">
                  <c:v>36.039000000000001</c:v>
                </c:pt>
                <c:pt idx="3613">
                  <c:v>36.048999999999999</c:v>
                </c:pt>
                <c:pt idx="3614">
                  <c:v>36.058999999999997</c:v>
                </c:pt>
                <c:pt idx="3615">
                  <c:v>36.069000000000003</c:v>
                </c:pt>
                <c:pt idx="3616">
                  <c:v>36.078000000000003</c:v>
                </c:pt>
                <c:pt idx="3617">
                  <c:v>36.088000000000001</c:v>
                </c:pt>
                <c:pt idx="3618">
                  <c:v>36.097999999999999</c:v>
                </c:pt>
                <c:pt idx="3619">
                  <c:v>36.107999999999997</c:v>
                </c:pt>
                <c:pt idx="3620">
                  <c:v>36.118000000000002</c:v>
                </c:pt>
                <c:pt idx="3621">
                  <c:v>36.128</c:v>
                </c:pt>
                <c:pt idx="3622">
                  <c:v>36.137</c:v>
                </c:pt>
                <c:pt idx="3623">
                  <c:v>36.146999999999998</c:v>
                </c:pt>
                <c:pt idx="3624">
                  <c:v>36.156999999999996</c:v>
                </c:pt>
                <c:pt idx="3625">
                  <c:v>36.167000000000002</c:v>
                </c:pt>
                <c:pt idx="3626">
                  <c:v>36.176000000000002</c:v>
                </c:pt>
                <c:pt idx="3627">
                  <c:v>36.186999999999998</c:v>
                </c:pt>
                <c:pt idx="3628">
                  <c:v>36.195999999999998</c:v>
                </c:pt>
                <c:pt idx="3629">
                  <c:v>36.206000000000003</c:v>
                </c:pt>
                <c:pt idx="3630">
                  <c:v>36.215000000000003</c:v>
                </c:pt>
                <c:pt idx="3631">
                  <c:v>36.225000000000001</c:v>
                </c:pt>
                <c:pt idx="3632">
                  <c:v>36.234999999999999</c:v>
                </c:pt>
                <c:pt idx="3633">
                  <c:v>36.244</c:v>
                </c:pt>
                <c:pt idx="3634">
                  <c:v>36.253999999999998</c:v>
                </c:pt>
                <c:pt idx="3635">
                  <c:v>36.262999999999998</c:v>
                </c:pt>
                <c:pt idx="3636">
                  <c:v>36.273000000000003</c:v>
                </c:pt>
                <c:pt idx="3637">
                  <c:v>36.281999999999996</c:v>
                </c:pt>
                <c:pt idx="3638">
                  <c:v>36.292000000000002</c:v>
                </c:pt>
                <c:pt idx="3639">
                  <c:v>36.301000000000002</c:v>
                </c:pt>
                <c:pt idx="3640">
                  <c:v>36.311999999999998</c:v>
                </c:pt>
                <c:pt idx="3641">
                  <c:v>36.320999999999998</c:v>
                </c:pt>
                <c:pt idx="3642">
                  <c:v>36.331000000000003</c:v>
                </c:pt>
                <c:pt idx="3643">
                  <c:v>36.340000000000003</c:v>
                </c:pt>
                <c:pt idx="3644">
                  <c:v>36.350999999999999</c:v>
                </c:pt>
                <c:pt idx="3645">
                  <c:v>36.36</c:v>
                </c:pt>
                <c:pt idx="3646">
                  <c:v>36.369999999999997</c:v>
                </c:pt>
                <c:pt idx="3647">
                  <c:v>36.378999999999998</c:v>
                </c:pt>
                <c:pt idx="3648">
                  <c:v>36.39</c:v>
                </c:pt>
                <c:pt idx="3649">
                  <c:v>36.399000000000001</c:v>
                </c:pt>
                <c:pt idx="3650">
                  <c:v>36.408999999999999</c:v>
                </c:pt>
                <c:pt idx="3651">
                  <c:v>36.417999999999999</c:v>
                </c:pt>
                <c:pt idx="3652">
                  <c:v>36.429000000000002</c:v>
                </c:pt>
                <c:pt idx="3653">
                  <c:v>36.438000000000002</c:v>
                </c:pt>
                <c:pt idx="3654">
                  <c:v>36.448</c:v>
                </c:pt>
                <c:pt idx="3655">
                  <c:v>36.459000000000003</c:v>
                </c:pt>
                <c:pt idx="3656">
                  <c:v>36.468000000000004</c:v>
                </c:pt>
                <c:pt idx="3657">
                  <c:v>36.478000000000002</c:v>
                </c:pt>
                <c:pt idx="3658">
                  <c:v>36.488</c:v>
                </c:pt>
                <c:pt idx="3659">
                  <c:v>36.497</c:v>
                </c:pt>
                <c:pt idx="3660">
                  <c:v>36.508000000000003</c:v>
                </c:pt>
                <c:pt idx="3661">
                  <c:v>36.517000000000003</c:v>
                </c:pt>
                <c:pt idx="3662">
                  <c:v>36.526000000000003</c:v>
                </c:pt>
                <c:pt idx="3663">
                  <c:v>36.536999999999999</c:v>
                </c:pt>
                <c:pt idx="3664">
                  <c:v>36.545999999999999</c:v>
                </c:pt>
                <c:pt idx="3665">
                  <c:v>36.555</c:v>
                </c:pt>
                <c:pt idx="3666">
                  <c:v>36.564999999999998</c:v>
                </c:pt>
                <c:pt idx="3667">
                  <c:v>36.575000000000003</c:v>
                </c:pt>
                <c:pt idx="3668">
                  <c:v>36.585000000000001</c:v>
                </c:pt>
                <c:pt idx="3669">
                  <c:v>36.594000000000001</c:v>
                </c:pt>
                <c:pt idx="3670">
                  <c:v>36.604999999999997</c:v>
                </c:pt>
                <c:pt idx="3671">
                  <c:v>36.613999999999997</c:v>
                </c:pt>
                <c:pt idx="3672">
                  <c:v>36.624000000000002</c:v>
                </c:pt>
                <c:pt idx="3673">
                  <c:v>36.633000000000003</c:v>
                </c:pt>
                <c:pt idx="3674">
                  <c:v>36.643999999999998</c:v>
                </c:pt>
                <c:pt idx="3675">
                  <c:v>36.652999999999999</c:v>
                </c:pt>
                <c:pt idx="3676">
                  <c:v>36.662999999999997</c:v>
                </c:pt>
                <c:pt idx="3677">
                  <c:v>36.671999999999997</c:v>
                </c:pt>
                <c:pt idx="3678">
                  <c:v>36.682000000000002</c:v>
                </c:pt>
                <c:pt idx="3679">
                  <c:v>36.692999999999998</c:v>
                </c:pt>
                <c:pt idx="3680">
                  <c:v>36.701999999999998</c:v>
                </c:pt>
                <c:pt idx="3681">
                  <c:v>36.712000000000003</c:v>
                </c:pt>
                <c:pt idx="3682">
                  <c:v>36.722000000000001</c:v>
                </c:pt>
                <c:pt idx="3683">
                  <c:v>36.731000000000002</c:v>
                </c:pt>
                <c:pt idx="3684">
                  <c:v>36.74</c:v>
                </c:pt>
                <c:pt idx="3685">
                  <c:v>36.75</c:v>
                </c:pt>
                <c:pt idx="3686">
                  <c:v>36.759</c:v>
                </c:pt>
                <c:pt idx="3687">
                  <c:v>36.770000000000003</c:v>
                </c:pt>
                <c:pt idx="3688">
                  <c:v>36.779000000000003</c:v>
                </c:pt>
                <c:pt idx="3689">
                  <c:v>36.789000000000001</c:v>
                </c:pt>
                <c:pt idx="3690">
                  <c:v>36.798999999999999</c:v>
                </c:pt>
                <c:pt idx="3691">
                  <c:v>36.808999999999997</c:v>
                </c:pt>
                <c:pt idx="3692">
                  <c:v>36.817999999999998</c:v>
                </c:pt>
                <c:pt idx="3693">
                  <c:v>36.829000000000001</c:v>
                </c:pt>
                <c:pt idx="3694">
                  <c:v>36.838000000000001</c:v>
                </c:pt>
                <c:pt idx="3695">
                  <c:v>36.847000000000001</c:v>
                </c:pt>
                <c:pt idx="3696">
                  <c:v>36.857999999999997</c:v>
                </c:pt>
                <c:pt idx="3697">
                  <c:v>36.866999999999997</c:v>
                </c:pt>
                <c:pt idx="3698">
                  <c:v>36.878</c:v>
                </c:pt>
                <c:pt idx="3699">
                  <c:v>36.887</c:v>
                </c:pt>
                <c:pt idx="3700">
                  <c:v>36.896000000000001</c:v>
                </c:pt>
                <c:pt idx="3701">
                  <c:v>36.905999999999999</c:v>
                </c:pt>
                <c:pt idx="3702">
                  <c:v>36.914999999999999</c:v>
                </c:pt>
                <c:pt idx="3703">
                  <c:v>36.924999999999997</c:v>
                </c:pt>
                <c:pt idx="3704">
                  <c:v>36.935000000000002</c:v>
                </c:pt>
                <c:pt idx="3705">
                  <c:v>36.945</c:v>
                </c:pt>
                <c:pt idx="3706">
                  <c:v>36.954000000000001</c:v>
                </c:pt>
                <c:pt idx="3707">
                  <c:v>36.963999999999999</c:v>
                </c:pt>
                <c:pt idx="3708">
                  <c:v>36.972999999999999</c:v>
                </c:pt>
                <c:pt idx="3709">
                  <c:v>36.982999999999997</c:v>
                </c:pt>
                <c:pt idx="3710">
                  <c:v>36.991999999999997</c:v>
                </c:pt>
                <c:pt idx="3711">
                  <c:v>37.002000000000002</c:v>
                </c:pt>
                <c:pt idx="3712">
                  <c:v>37.012</c:v>
                </c:pt>
                <c:pt idx="3713">
                  <c:v>37.021000000000001</c:v>
                </c:pt>
                <c:pt idx="3714">
                  <c:v>37.03</c:v>
                </c:pt>
                <c:pt idx="3715">
                  <c:v>37.040999999999997</c:v>
                </c:pt>
                <c:pt idx="3716">
                  <c:v>37.049999999999997</c:v>
                </c:pt>
                <c:pt idx="3717">
                  <c:v>37.061</c:v>
                </c:pt>
                <c:pt idx="3718">
                  <c:v>37.07</c:v>
                </c:pt>
                <c:pt idx="3719">
                  <c:v>37.08</c:v>
                </c:pt>
                <c:pt idx="3720">
                  <c:v>37.088999999999999</c:v>
                </c:pt>
                <c:pt idx="3721">
                  <c:v>37.097999999999999</c:v>
                </c:pt>
                <c:pt idx="3722">
                  <c:v>37.107999999999997</c:v>
                </c:pt>
                <c:pt idx="3723">
                  <c:v>37.119</c:v>
                </c:pt>
                <c:pt idx="3724">
                  <c:v>37.128</c:v>
                </c:pt>
                <c:pt idx="3725">
                  <c:v>37.139000000000003</c:v>
                </c:pt>
                <c:pt idx="3726">
                  <c:v>37.148000000000003</c:v>
                </c:pt>
                <c:pt idx="3727">
                  <c:v>37.158999999999999</c:v>
                </c:pt>
                <c:pt idx="3728">
                  <c:v>37.167999999999999</c:v>
                </c:pt>
                <c:pt idx="3729">
                  <c:v>37.177999999999997</c:v>
                </c:pt>
                <c:pt idx="3730">
                  <c:v>37.188000000000002</c:v>
                </c:pt>
                <c:pt idx="3731">
                  <c:v>37.198</c:v>
                </c:pt>
                <c:pt idx="3732">
                  <c:v>37.207000000000001</c:v>
                </c:pt>
                <c:pt idx="3733">
                  <c:v>37.218000000000004</c:v>
                </c:pt>
                <c:pt idx="3734">
                  <c:v>37.226999999999997</c:v>
                </c:pt>
                <c:pt idx="3735">
                  <c:v>37.237000000000002</c:v>
                </c:pt>
                <c:pt idx="3736">
                  <c:v>37.246000000000002</c:v>
                </c:pt>
                <c:pt idx="3737">
                  <c:v>37.256</c:v>
                </c:pt>
                <c:pt idx="3738">
                  <c:v>37.267000000000003</c:v>
                </c:pt>
                <c:pt idx="3739">
                  <c:v>37.276000000000003</c:v>
                </c:pt>
                <c:pt idx="3740">
                  <c:v>37.284999999999997</c:v>
                </c:pt>
                <c:pt idx="3741">
                  <c:v>37.295000000000002</c:v>
                </c:pt>
                <c:pt idx="3742">
                  <c:v>37.305</c:v>
                </c:pt>
                <c:pt idx="3743">
                  <c:v>37.314</c:v>
                </c:pt>
                <c:pt idx="3744">
                  <c:v>37.325000000000003</c:v>
                </c:pt>
                <c:pt idx="3745">
                  <c:v>37.334000000000003</c:v>
                </c:pt>
                <c:pt idx="3746">
                  <c:v>37.344000000000001</c:v>
                </c:pt>
                <c:pt idx="3747">
                  <c:v>37.353000000000002</c:v>
                </c:pt>
                <c:pt idx="3748">
                  <c:v>37.363</c:v>
                </c:pt>
                <c:pt idx="3749">
                  <c:v>37.372999999999998</c:v>
                </c:pt>
                <c:pt idx="3750">
                  <c:v>37.381999999999998</c:v>
                </c:pt>
                <c:pt idx="3751">
                  <c:v>37.392000000000003</c:v>
                </c:pt>
                <c:pt idx="3752">
                  <c:v>37.402000000000001</c:v>
                </c:pt>
                <c:pt idx="3753">
                  <c:v>37.411000000000001</c:v>
                </c:pt>
                <c:pt idx="3754">
                  <c:v>37.420999999999999</c:v>
                </c:pt>
                <c:pt idx="3755">
                  <c:v>37.430999999999997</c:v>
                </c:pt>
                <c:pt idx="3756">
                  <c:v>37.441000000000003</c:v>
                </c:pt>
                <c:pt idx="3757">
                  <c:v>37.451000000000001</c:v>
                </c:pt>
                <c:pt idx="3758">
                  <c:v>37.46</c:v>
                </c:pt>
                <c:pt idx="3759">
                  <c:v>37.47</c:v>
                </c:pt>
                <c:pt idx="3760">
                  <c:v>37.479999999999997</c:v>
                </c:pt>
                <c:pt idx="3761">
                  <c:v>37.488</c:v>
                </c:pt>
                <c:pt idx="3762">
                  <c:v>37.499000000000002</c:v>
                </c:pt>
                <c:pt idx="3763">
                  <c:v>37.508000000000003</c:v>
                </c:pt>
                <c:pt idx="3764">
                  <c:v>37.518000000000001</c:v>
                </c:pt>
                <c:pt idx="3765">
                  <c:v>37.527000000000001</c:v>
                </c:pt>
                <c:pt idx="3766">
                  <c:v>37.537999999999997</c:v>
                </c:pt>
                <c:pt idx="3767">
                  <c:v>37.548000000000002</c:v>
                </c:pt>
                <c:pt idx="3768">
                  <c:v>37.555999999999997</c:v>
                </c:pt>
                <c:pt idx="3769">
                  <c:v>37.566000000000003</c:v>
                </c:pt>
                <c:pt idx="3770">
                  <c:v>37.576000000000001</c:v>
                </c:pt>
                <c:pt idx="3771">
                  <c:v>37.585999999999999</c:v>
                </c:pt>
                <c:pt idx="3772">
                  <c:v>37.595999999999997</c:v>
                </c:pt>
                <c:pt idx="3773">
                  <c:v>37.606999999999999</c:v>
                </c:pt>
                <c:pt idx="3774">
                  <c:v>37.616</c:v>
                </c:pt>
                <c:pt idx="3775">
                  <c:v>37.625999999999998</c:v>
                </c:pt>
                <c:pt idx="3776">
                  <c:v>37.634999999999998</c:v>
                </c:pt>
                <c:pt idx="3777">
                  <c:v>37.646000000000001</c:v>
                </c:pt>
                <c:pt idx="3778">
                  <c:v>37.655000000000001</c:v>
                </c:pt>
                <c:pt idx="3779">
                  <c:v>37.664000000000001</c:v>
                </c:pt>
                <c:pt idx="3780">
                  <c:v>37.673999999999999</c:v>
                </c:pt>
                <c:pt idx="3781">
                  <c:v>37.685000000000002</c:v>
                </c:pt>
                <c:pt idx="3782">
                  <c:v>37.694000000000003</c:v>
                </c:pt>
                <c:pt idx="3783">
                  <c:v>37.704999999999998</c:v>
                </c:pt>
                <c:pt idx="3784">
                  <c:v>37.713999999999999</c:v>
                </c:pt>
                <c:pt idx="3785">
                  <c:v>37.722999999999999</c:v>
                </c:pt>
                <c:pt idx="3786">
                  <c:v>37.734000000000002</c:v>
                </c:pt>
                <c:pt idx="3787">
                  <c:v>37.743000000000002</c:v>
                </c:pt>
                <c:pt idx="3788">
                  <c:v>37.753999999999998</c:v>
                </c:pt>
                <c:pt idx="3789">
                  <c:v>37.762999999999998</c:v>
                </c:pt>
                <c:pt idx="3790">
                  <c:v>37.771999999999998</c:v>
                </c:pt>
                <c:pt idx="3791">
                  <c:v>37.783000000000001</c:v>
                </c:pt>
                <c:pt idx="3792">
                  <c:v>37.792000000000002</c:v>
                </c:pt>
                <c:pt idx="3793">
                  <c:v>37.802999999999997</c:v>
                </c:pt>
                <c:pt idx="3794">
                  <c:v>37.811999999999998</c:v>
                </c:pt>
                <c:pt idx="3795">
                  <c:v>37.823</c:v>
                </c:pt>
                <c:pt idx="3796">
                  <c:v>37.832000000000001</c:v>
                </c:pt>
                <c:pt idx="3797">
                  <c:v>37.841999999999999</c:v>
                </c:pt>
                <c:pt idx="3798">
                  <c:v>37.850999999999999</c:v>
                </c:pt>
                <c:pt idx="3799">
                  <c:v>37.862000000000002</c:v>
                </c:pt>
                <c:pt idx="3800">
                  <c:v>37.871000000000002</c:v>
                </c:pt>
                <c:pt idx="3801">
                  <c:v>37.880000000000003</c:v>
                </c:pt>
                <c:pt idx="3802">
                  <c:v>37.890999999999998</c:v>
                </c:pt>
                <c:pt idx="3803">
                  <c:v>37.9</c:v>
                </c:pt>
                <c:pt idx="3804">
                  <c:v>37.909999999999997</c:v>
                </c:pt>
                <c:pt idx="3805">
                  <c:v>37.918999999999997</c:v>
                </c:pt>
                <c:pt idx="3806">
                  <c:v>37.929000000000002</c:v>
                </c:pt>
                <c:pt idx="3807">
                  <c:v>37.939</c:v>
                </c:pt>
                <c:pt idx="3808">
                  <c:v>37.948</c:v>
                </c:pt>
                <c:pt idx="3809">
                  <c:v>37.959000000000003</c:v>
                </c:pt>
                <c:pt idx="3810">
                  <c:v>37.968000000000004</c:v>
                </c:pt>
                <c:pt idx="3811">
                  <c:v>37.978999999999999</c:v>
                </c:pt>
                <c:pt idx="3812">
                  <c:v>37.988</c:v>
                </c:pt>
                <c:pt idx="3813">
                  <c:v>37.997</c:v>
                </c:pt>
                <c:pt idx="3814">
                  <c:v>38.008000000000003</c:v>
                </c:pt>
                <c:pt idx="3815">
                  <c:v>38.017000000000003</c:v>
                </c:pt>
                <c:pt idx="3816">
                  <c:v>38.026000000000003</c:v>
                </c:pt>
                <c:pt idx="3817">
                  <c:v>38.036999999999999</c:v>
                </c:pt>
                <c:pt idx="3818">
                  <c:v>38.045999999999999</c:v>
                </c:pt>
                <c:pt idx="3819">
                  <c:v>38.055</c:v>
                </c:pt>
                <c:pt idx="3820">
                  <c:v>38.064999999999998</c:v>
                </c:pt>
                <c:pt idx="3821">
                  <c:v>38.073999999999998</c:v>
                </c:pt>
                <c:pt idx="3822">
                  <c:v>38.084000000000003</c:v>
                </c:pt>
                <c:pt idx="3823">
                  <c:v>38.093000000000004</c:v>
                </c:pt>
                <c:pt idx="3824">
                  <c:v>38.103999999999999</c:v>
                </c:pt>
                <c:pt idx="3825">
                  <c:v>38.113</c:v>
                </c:pt>
                <c:pt idx="3826">
                  <c:v>38.122999999999998</c:v>
                </c:pt>
                <c:pt idx="3827">
                  <c:v>38.133000000000003</c:v>
                </c:pt>
                <c:pt idx="3828">
                  <c:v>38.143000000000001</c:v>
                </c:pt>
                <c:pt idx="3829">
                  <c:v>38.152999999999999</c:v>
                </c:pt>
                <c:pt idx="3830">
                  <c:v>38.162999999999997</c:v>
                </c:pt>
                <c:pt idx="3831">
                  <c:v>38.173999999999999</c:v>
                </c:pt>
                <c:pt idx="3832">
                  <c:v>38.183</c:v>
                </c:pt>
                <c:pt idx="3833">
                  <c:v>38.192999999999998</c:v>
                </c:pt>
                <c:pt idx="3834">
                  <c:v>38.201999999999998</c:v>
                </c:pt>
                <c:pt idx="3835">
                  <c:v>38.213000000000001</c:v>
                </c:pt>
                <c:pt idx="3836">
                  <c:v>38.222000000000001</c:v>
                </c:pt>
                <c:pt idx="3837">
                  <c:v>38.231999999999999</c:v>
                </c:pt>
                <c:pt idx="3838">
                  <c:v>38.241999999999997</c:v>
                </c:pt>
                <c:pt idx="3839">
                  <c:v>38.250999999999998</c:v>
                </c:pt>
                <c:pt idx="3840">
                  <c:v>38.262</c:v>
                </c:pt>
                <c:pt idx="3841">
                  <c:v>38.271000000000001</c:v>
                </c:pt>
                <c:pt idx="3842">
                  <c:v>38.280999999999999</c:v>
                </c:pt>
                <c:pt idx="3843">
                  <c:v>38.290999999999997</c:v>
                </c:pt>
                <c:pt idx="3844">
                  <c:v>38.301000000000002</c:v>
                </c:pt>
                <c:pt idx="3845">
                  <c:v>38.311</c:v>
                </c:pt>
                <c:pt idx="3846">
                  <c:v>38.320999999999998</c:v>
                </c:pt>
                <c:pt idx="3847">
                  <c:v>38.33</c:v>
                </c:pt>
                <c:pt idx="3848">
                  <c:v>38.341000000000001</c:v>
                </c:pt>
                <c:pt idx="3849">
                  <c:v>38.350999999999999</c:v>
                </c:pt>
                <c:pt idx="3850">
                  <c:v>38.36</c:v>
                </c:pt>
                <c:pt idx="3851">
                  <c:v>38.369999999999997</c:v>
                </c:pt>
                <c:pt idx="3852">
                  <c:v>38.380000000000003</c:v>
                </c:pt>
                <c:pt idx="3853">
                  <c:v>38.39</c:v>
                </c:pt>
                <c:pt idx="3854">
                  <c:v>38.399000000000001</c:v>
                </c:pt>
                <c:pt idx="3855">
                  <c:v>38.409999999999997</c:v>
                </c:pt>
                <c:pt idx="3856">
                  <c:v>38.418999999999997</c:v>
                </c:pt>
                <c:pt idx="3857">
                  <c:v>38.43</c:v>
                </c:pt>
                <c:pt idx="3858">
                  <c:v>38.439</c:v>
                </c:pt>
                <c:pt idx="3859">
                  <c:v>38.448999999999998</c:v>
                </c:pt>
                <c:pt idx="3860">
                  <c:v>38.46</c:v>
                </c:pt>
                <c:pt idx="3861">
                  <c:v>38.469000000000001</c:v>
                </c:pt>
                <c:pt idx="3862">
                  <c:v>38.478999999999999</c:v>
                </c:pt>
                <c:pt idx="3863">
                  <c:v>38.488</c:v>
                </c:pt>
                <c:pt idx="3864">
                  <c:v>38.499000000000002</c:v>
                </c:pt>
                <c:pt idx="3865">
                  <c:v>38.509</c:v>
                </c:pt>
                <c:pt idx="3866">
                  <c:v>38.518000000000001</c:v>
                </c:pt>
                <c:pt idx="3867">
                  <c:v>38.529000000000003</c:v>
                </c:pt>
                <c:pt idx="3868">
                  <c:v>38.537999999999997</c:v>
                </c:pt>
                <c:pt idx="3869">
                  <c:v>38.548000000000002</c:v>
                </c:pt>
                <c:pt idx="3870">
                  <c:v>38.557000000000002</c:v>
                </c:pt>
                <c:pt idx="3871">
                  <c:v>38.567</c:v>
                </c:pt>
                <c:pt idx="3872">
                  <c:v>38.576999999999998</c:v>
                </c:pt>
                <c:pt idx="3873">
                  <c:v>38.587000000000003</c:v>
                </c:pt>
                <c:pt idx="3874">
                  <c:v>38.595999999999997</c:v>
                </c:pt>
                <c:pt idx="3875">
                  <c:v>38.606999999999999</c:v>
                </c:pt>
                <c:pt idx="3876">
                  <c:v>38.615000000000002</c:v>
                </c:pt>
                <c:pt idx="3877">
                  <c:v>38.625</c:v>
                </c:pt>
                <c:pt idx="3878">
                  <c:v>38.636000000000003</c:v>
                </c:pt>
                <c:pt idx="3879">
                  <c:v>38.645000000000003</c:v>
                </c:pt>
                <c:pt idx="3880">
                  <c:v>38.655000000000001</c:v>
                </c:pt>
                <c:pt idx="3881">
                  <c:v>38.664999999999999</c:v>
                </c:pt>
                <c:pt idx="3882">
                  <c:v>38.673999999999999</c:v>
                </c:pt>
                <c:pt idx="3883">
                  <c:v>38.683999999999997</c:v>
                </c:pt>
                <c:pt idx="3884">
                  <c:v>38.694000000000003</c:v>
                </c:pt>
                <c:pt idx="3885">
                  <c:v>38.704000000000001</c:v>
                </c:pt>
                <c:pt idx="3886">
                  <c:v>38.713000000000001</c:v>
                </c:pt>
                <c:pt idx="3887">
                  <c:v>38.723999999999997</c:v>
                </c:pt>
                <c:pt idx="3888">
                  <c:v>38.732999999999997</c:v>
                </c:pt>
                <c:pt idx="3889">
                  <c:v>38.744</c:v>
                </c:pt>
                <c:pt idx="3890">
                  <c:v>38.753</c:v>
                </c:pt>
                <c:pt idx="3891">
                  <c:v>38.762999999999998</c:v>
                </c:pt>
                <c:pt idx="3892">
                  <c:v>38.773000000000003</c:v>
                </c:pt>
                <c:pt idx="3893">
                  <c:v>38.783000000000001</c:v>
                </c:pt>
                <c:pt idx="3894">
                  <c:v>38.792000000000002</c:v>
                </c:pt>
                <c:pt idx="3895">
                  <c:v>38.802999999999997</c:v>
                </c:pt>
                <c:pt idx="3896">
                  <c:v>38.811999999999998</c:v>
                </c:pt>
                <c:pt idx="3897">
                  <c:v>38.823</c:v>
                </c:pt>
                <c:pt idx="3898">
                  <c:v>38.832000000000001</c:v>
                </c:pt>
                <c:pt idx="3899">
                  <c:v>38.841999999999999</c:v>
                </c:pt>
                <c:pt idx="3900">
                  <c:v>38.851999999999997</c:v>
                </c:pt>
                <c:pt idx="3901">
                  <c:v>38.862000000000002</c:v>
                </c:pt>
                <c:pt idx="3902">
                  <c:v>38.872</c:v>
                </c:pt>
                <c:pt idx="3903">
                  <c:v>38.881999999999998</c:v>
                </c:pt>
                <c:pt idx="3904">
                  <c:v>38.890999999999998</c:v>
                </c:pt>
                <c:pt idx="3905">
                  <c:v>38.9</c:v>
                </c:pt>
                <c:pt idx="3906">
                  <c:v>38.909999999999997</c:v>
                </c:pt>
                <c:pt idx="3907">
                  <c:v>38.92</c:v>
                </c:pt>
                <c:pt idx="3908">
                  <c:v>38.93</c:v>
                </c:pt>
                <c:pt idx="3909">
                  <c:v>38.939</c:v>
                </c:pt>
                <c:pt idx="3910">
                  <c:v>38.950000000000003</c:v>
                </c:pt>
                <c:pt idx="3911">
                  <c:v>38.959000000000003</c:v>
                </c:pt>
                <c:pt idx="3912">
                  <c:v>38.969000000000001</c:v>
                </c:pt>
                <c:pt idx="3913">
                  <c:v>38.979999999999997</c:v>
                </c:pt>
                <c:pt idx="3914">
                  <c:v>38.99</c:v>
                </c:pt>
                <c:pt idx="3915">
                  <c:v>38.999000000000002</c:v>
                </c:pt>
                <c:pt idx="3916">
                  <c:v>39.009</c:v>
                </c:pt>
                <c:pt idx="3917">
                  <c:v>39.018999999999998</c:v>
                </c:pt>
                <c:pt idx="3918">
                  <c:v>39.029000000000003</c:v>
                </c:pt>
                <c:pt idx="3919">
                  <c:v>39.039000000000001</c:v>
                </c:pt>
                <c:pt idx="3920">
                  <c:v>39.048999999999999</c:v>
                </c:pt>
                <c:pt idx="3921">
                  <c:v>39.058999999999997</c:v>
                </c:pt>
                <c:pt idx="3922">
                  <c:v>39.069000000000003</c:v>
                </c:pt>
                <c:pt idx="3923">
                  <c:v>39.078000000000003</c:v>
                </c:pt>
                <c:pt idx="3924">
                  <c:v>39.088999999999999</c:v>
                </c:pt>
                <c:pt idx="3925">
                  <c:v>39.097999999999999</c:v>
                </c:pt>
                <c:pt idx="3926">
                  <c:v>39.107999999999997</c:v>
                </c:pt>
                <c:pt idx="3927">
                  <c:v>39.116999999999997</c:v>
                </c:pt>
                <c:pt idx="3928">
                  <c:v>39.127000000000002</c:v>
                </c:pt>
                <c:pt idx="3929">
                  <c:v>39.137</c:v>
                </c:pt>
                <c:pt idx="3930">
                  <c:v>39.148000000000003</c:v>
                </c:pt>
                <c:pt idx="3931">
                  <c:v>39.156999999999996</c:v>
                </c:pt>
                <c:pt idx="3932">
                  <c:v>39.167999999999999</c:v>
                </c:pt>
                <c:pt idx="3933">
                  <c:v>39.177</c:v>
                </c:pt>
                <c:pt idx="3934">
                  <c:v>39.186</c:v>
                </c:pt>
                <c:pt idx="3935">
                  <c:v>39.197000000000003</c:v>
                </c:pt>
                <c:pt idx="3936">
                  <c:v>39.207000000000001</c:v>
                </c:pt>
                <c:pt idx="3937">
                  <c:v>39.216999999999999</c:v>
                </c:pt>
                <c:pt idx="3938">
                  <c:v>39.226999999999997</c:v>
                </c:pt>
                <c:pt idx="3939">
                  <c:v>39.237000000000002</c:v>
                </c:pt>
                <c:pt idx="3940">
                  <c:v>39.246000000000002</c:v>
                </c:pt>
                <c:pt idx="3941">
                  <c:v>39.256999999999998</c:v>
                </c:pt>
                <c:pt idx="3942">
                  <c:v>39.265999999999998</c:v>
                </c:pt>
                <c:pt idx="3943">
                  <c:v>39.277000000000001</c:v>
                </c:pt>
                <c:pt idx="3944">
                  <c:v>39.286000000000001</c:v>
                </c:pt>
                <c:pt idx="3945">
                  <c:v>39.295999999999999</c:v>
                </c:pt>
                <c:pt idx="3946">
                  <c:v>39.305999999999997</c:v>
                </c:pt>
                <c:pt idx="3947">
                  <c:v>39.316000000000003</c:v>
                </c:pt>
                <c:pt idx="3948">
                  <c:v>39.326000000000001</c:v>
                </c:pt>
                <c:pt idx="3949">
                  <c:v>39.335999999999999</c:v>
                </c:pt>
                <c:pt idx="3950">
                  <c:v>39.345999999999997</c:v>
                </c:pt>
                <c:pt idx="3951">
                  <c:v>39.356000000000002</c:v>
                </c:pt>
                <c:pt idx="3952">
                  <c:v>39.366</c:v>
                </c:pt>
                <c:pt idx="3953">
                  <c:v>39.375999999999998</c:v>
                </c:pt>
                <c:pt idx="3954">
                  <c:v>39.386000000000003</c:v>
                </c:pt>
                <c:pt idx="3955">
                  <c:v>39.395000000000003</c:v>
                </c:pt>
                <c:pt idx="3956">
                  <c:v>39.405000000000001</c:v>
                </c:pt>
                <c:pt idx="3957">
                  <c:v>39.414999999999999</c:v>
                </c:pt>
                <c:pt idx="3958">
                  <c:v>39.424999999999997</c:v>
                </c:pt>
                <c:pt idx="3959">
                  <c:v>39.433999999999997</c:v>
                </c:pt>
                <c:pt idx="3960">
                  <c:v>39.444000000000003</c:v>
                </c:pt>
                <c:pt idx="3961">
                  <c:v>39.454000000000001</c:v>
                </c:pt>
                <c:pt idx="3962">
                  <c:v>39.463999999999999</c:v>
                </c:pt>
                <c:pt idx="3963">
                  <c:v>39.475000000000001</c:v>
                </c:pt>
                <c:pt idx="3964">
                  <c:v>39.484000000000002</c:v>
                </c:pt>
                <c:pt idx="3965">
                  <c:v>39.494</c:v>
                </c:pt>
                <c:pt idx="3966">
                  <c:v>39.503999999999998</c:v>
                </c:pt>
                <c:pt idx="3967">
                  <c:v>39.514000000000003</c:v>
                </c:pt>
                <c:pt idx="3968">
                  <c:v>39.524000000000001</c:v>
                </c:pt>
                <c:pt idx="3969">
                  <c:v>39.533999999999999</c:v>
                </c:pt>
                <c:pt idx="3970">
                  <c:v>39.543999999999997</c:v>
                </c:pt>
                <c:pt idx="3971">
                  <c:v>39.552999999999997</c:v>
                </c:pt>
                <c:pt idx="3972">
                  <c:v>39.564</c:v>
                </c:pt>
                <c:pt idx="3973">
                  <c:v>39.573</c:v>
                </c:pt>
                <c:pt idx="3974">
                  <c:v>39.584000000000003</c:v>
                </c:pt>
                <c:pt idx="3975">
                  <c:v>39.593000000000004</c:v>
                </c:pt>
                <c:pt idx="3976">
                  <c:v>39.603000000000002</c:v>
                </c:pt>
                <c:pt idx="3977">
                  <c:v>39.612000000000002</c:v>
                </c:pt>
                <c:pt idx="3978">
                  <c:v>39.622999999999998</c:v>
                </c:pt>
                <c:pt idx="3979">
                  <c:v>39.633000000000003</c:v>
                </c:pt>
                <c:pt idx="3980">
                  <c:v>39.643000000000001</c:v>
                </c:pt>
                <c:pt idx="3981">
                  <c:v>39.652999999999999</c:v>
                </c:pt>
                <c:pt idx="3982">
                  <c:v>39.662999999999997</c:v>
                </c:pt>
                <c:pt idx="3983">
                  <c:v>39.671999999999997</c:v>
                </c:pt>
                <c:pt idx="3984">
                  <c:v>39.682000000000002</c:v>
                </c:pt>
                <c:pt idx="3985">
                  <c:v>39.692999999999998</c:v>
                </c:pt>
                <c:pt idx="3986">
                  <c:v>39.701999999999998</c:v>
                </c:pt>
                <c:pt idx="3987">
                  <c:v>39.712000000000003</c:v>
                </c:pt>
                <c:pt idx="3988">
                  <c:v>39.722999999999999</c:v>
                </c:pt>
                <c:pt idx="3989">
                  <c:v>39.731999999999999</c:v>
                </c:pt>
                <c:pt idx="3990">
                  <c:v>39.741</c:v>
                </c:pt>
                <c:pt idx="3991">
                  <c:v>39.752000000000002</c:v>
                </c:pt>
                <c:pt idx="3992">
                  <c:v>39.762</c:v>
                </c:pt>
                <c:pt idx="3993">
                  <c:v>39.771000000000001</c:v>
                </c:pt>
                <c:pt idx="3994">
                  <c:v>39.781999999999996</c:v>
                </c:pt>
                <c:pt idx="3995">
                  <c:v>39.790999999999997</c:v>
                </c:pt>
                <c:pt idx="3996">
                  <c:v>39.799999999999997</c:v>
                </c:pt>
                <c:pt idx="3997">
                  <c:v>39.811</c:v>
                </c:pt>
                <c:pt idx="3998">
                  <c:v>39.820999999999998</c:v>
                </c:pt>
                <c:pt idx="3999">
                  <c:v>39.831000000000003</c:v>
                </c:pt>
                <c:pt idx="4000">
                  <c:v>39.840000000000003</c:v>
                </c:pt>
                <c:pt idx="4001">
                  <c:v>39.850999999999999</c:v>
                </c:pt>
                <c:pt idx="4002">
                  <c:v>39.860999999999997</c:v>
                </c:pt>
                <c:pt idx="4003">
                  <c:v>39.869999999999997</c:v>
                </c:pt>
                <c:pt idx="4004">
                  <c:v>39.881</c:v>
                </c:pt>
                <c:pt idx="4005">
                  <c:v>39.89</c:v>
                </c:pt>
                <c:pt idx="4006">
                  <c:v>39.9</c:v>
                </c:pt>
                <c:pt idx="4007">
                  <c:v>39.909999999999997</c:v>
                </c:pt>
                <c:pt idx="4008">
                  <c:v>39.918999999999997</c:v>
                </c:pt>
                <c:pt idx="4009">
                  <c:v>39.929000000000002</c:v>
                </c:pt>
                <c:pt idx="4010">
                  <c:v>39.94</c:v>
                </c:pt>
                <c:pt idx="4011">
                  <c:v>39.948999999999998</c:v>
                </c:pt>
                <c:pt idx="4012">
                  <c:v>39.959000000000003</c:v>
                </c:pt>
                <c:pt idx="4013">
                  <c:v>39.968000000000004</c:v>
                </c:pt>
                <c:pt idx="4014">
                  <c:v>39.978999999999999</c:v>
                </c:pt>
                <c:pt idx="4015">
                  <c:v>39.988999999999997</c:v>
                </c:pt>
                <c:pt idx="4016">
                  <c:v>39.997999999999998</c:v>
                </c:pt>
                <c:pt idx="4017">
                  <c:v>40.009</c:v>
                </c:pt>
                <c:pt idx="4018">
                  <c:v>40.018000000000001</c:v>
                </c:pt>
                <c:pt idx="4019">
                  <c:v>40.029000000000003</c:v>
                </c:pt>
                <c:pt idx="4020">
                  <c:v>40.037999999999997</c:v>
                </c:pt>
                <c:pt idx="4021">
                  <c:v>40.048000000000002</c:v>
                </c:pt>
                <c:pt idx="4022">
                  <c:v>40.057000000000002</c:v>
                </c:pt>
                <c:pt idx="4023">
                  <c:v>40.067</c:v>
                </c:pt>
                <c:pt idx="4024">
                  <c:v>40.078000000000003</c:v>
                </c:pt>
                <c:pt idx="4025">
                  <c:v>40.087000000000003</c:v>
                </c:pt>
                <c:pt idx="4026">
                  <c:v>40.097999999999999</c:v>
                </c:pt>
                <c:pt idx="4027">
                  <c:v>40.106999999999999</c:v>
                </c:pt>
                <c:pt idx="4028">
                  <c:v>40.116999999999997</c:v>
                </c:pt>
                <c:pt idx="4029">
                  <c:v>40.127000000000002</c:v>
                </c:pt>
                <c:pt idx="4030">
                  <c:v>40.136000000000003</c:v>
                </c:pt>
                <c:pt idx="4031">
                  <c:v>40.146000000000001</c:v>
                </c:pt>
                <c:pt idx="4032">
                  <c:v>40.155999999999999</c:v>
                </c:pt>
                <c:pt idx="4033">
                  <c:v>40.165999999999997</c:v>
                </c:pt>
                <c:pt idx="4034">
                  <c:v>40.176000000000002</c:v>
                </c:pt>
                <c:pt idx="4035">
                  <c:v>40.186</c:v>
                </c:pt>
                <c:pt idx="4036">
                  <c:v>40.195</c:v>
                </c:pt>
                <c:pt idx="4037">
                  <c:v>40.206000000000003</c:v>
                </c:pt>
                <c:pt idx="4038">
                  <c:v>40.215000000000003</c:v>
                </c:pt>
                <c:pt idx="4039">
                  <c:v>40.225000000000001</c:v>
                </c:pt>
                <c:pt idx="4040">
                  <c:v>40.234999999999999</c:v>
                </c:pt>
                <c:pt idx="4041">
                  <c:v>40.244</c:v>
                </c:pt>
                <c:pt idx="4042">
                  <c:v>40.255000000000003</c:v>
                </c:pt>
                <c:pt idx="4043">
                  <c:v>40.264000000000003</c:v>
                </c:pt>
                <c:pt idx="4044">
                  <c:v>40.274000000000001</c:v>
                </c:pt>
                <c:pt idx="4045">
                  <c:v>40.283999999999999</c:v>
                </c:pt>
                <c:pt idx="4046">
                  <c:v>40.295000000000002</c:v>
                </c:pt>
                <c:pt idx="4047">
                  <c:v>40.304000000000002</c:v>
                </c:pt>
                <c:pt idx="4048">
                  <c:v>40.314</c:v>
                </c:pt>
                <c:pt idx="4049">
                  <c:v>40.323999999999998</c:v>
                </c:pt>
                <c:pt idx="4050">
                  <c:v>40.334000000000003</c:v>
                </c:pt>
                <c:pt idx="4051">
                  <c:v>40.344000000000001</c:v>
                </c:pt>
                <c:pt idx="4052">
                  <c:v>40.353000000000002</c:v>
                </c:pt>
                <c:pt idx="4053">
                  <c:v>40.363999999999997</c:v>
                </c:pt>
                <c:pt idx="4054">
                  <c:v>40.372999999999998</c:v>
                </c:pt>
                <c:pt idx="4055">
                  <c:v>40.383000000000003</c:v>
                </c:pt>
                <c:pt idx="4056">
                  <c:v>40.392000000000003</c:v>
                </c:pt>
                <c:pt idx="4057">
                  <c:v>40.402000000000001</c:v>
                </c:pt>
                <c:pt idx="4058">
                  <c:v>40.411999999999999</c:v>
                </c:pt>
                <c:pt idx="4059">
                  <c:v>40.421999999999997</c:v>
                </c:pt>
                <c:pt idx="4060">
                  <c:v>40.432000000000002</c:v>
                </c:pt>
                <c:pt idx="4061">
                  <c:v>40.442</c:v>
                </c:pt>
                <c:pt idx="4062">
                  <c:v>40.451999999999998</c:v>
                </c:pt>
                <c:pt idx="4063">
                  <c:v>40.462000000000003</c:v>
                </c:pt>
                <c:pt idx="4064">
                  <c:v>40.472999999999999</c:v>
                </c:pt>
                <c:pt idx="4065">
                  <c:v>40.481999999999999</c:v>
                </c:pt>
                <c:pt idx="4066">
                  <c:v>40.491999999999997</c:v>
                </c:pt>
                <c:pt idx="4067">
                  <c:v>40.502000000000002</c:v>
                </c:pt>
                <c:pt idx="4068">
                  <c:v>40.511000000000003</c:v>
                </c:pt>
                <c:pt idx="4069">
                  <c:v>40.521999999999998</c:v>
                </c:pt>
                <c:pt idx="4070">
                  <c:v>40.531999999999996</c:v>
                </c:pt>
                <c:pt idx="4071">
                  <c:v>40.540999999999997</c:v>
                </c:pt>
                <c:pt idx="4072">
                  <c:v>40.551000000000002</c:v>
                </c:pt>
                <c:pt idx="4073">
                  <c:v>40.561</c:v>
                </c:pt>
                <c:pt idx="4074">
                  <c:v>40.57</c:v>
                </c:pt>
                <c:pt idx="4075">
                  <c:v>40.581000000000003</c:v>
                </c:pt>
                <c:pt idx="4076">
                  <c:v>40.590000000000003</c:v>
                </c:pt>
                <c:pt idx="4077">
                  <c:v>40.600999999999999</c:v>
                </c:pt>
                <c:pt idx="4078">
                  <c:v>40.61</c:v>
                </c:pt>
                <c:pt idx="4079">
                  <c:v>40.619999999999997</c:v>
                </c:pt>
                <c:pt idx="4080">
                  <c:v>40.628999999999998</c:v>
                </c:pt>
                <c:pt idx="4081">
                  <c:v>40.639000000000003</c:v>
                </c:pt>
                <c:pt idx="4082">
                  <c:v>40.65</c:v>
                </c:pt>
                <c:pt idx="4083">
                  <c:v>40.658999999999999</c:v>
                </c:pt>
                <c:pt idx="4084">
                  <c:v>40.668999999999997</c:v>
                </c:pt>
                <c:pt idx="4085">
                  <c:v>40.68</c:v>
                </c:pt>
                <c:pt idx="4086">
                  <c:v>40.689</c:v>
                </c:pt>
                <c:pt idx="4087">
                  <c:v>40.698999999999998</c:v>
                </c:pt>
                <c:pt idx="4088">
                  <c:v>40.709000000000003</c:v>
                </c:pt>
                <c:pt idx="4089">
                  <c:v>40.718000000000004</c:v>
                </c:pt>
                <c:pt idx="4090">
                  <c:v>40.728999999999999</c:v>
                </c:pt>
                <c:pt idx="4091">
                  <c:v>40.738</c:v>
                </c:pt>
                <c:pt idx="4092">
                  <c:v>40.747</c:v>
                </c:pt>
                <c:pt idx="4093">
                  <c:v>40.758000000000003</c:v>
                </c:pt>
                <c:pt idx="4094">
                  <c:v>40.767000000000003</c:v>
                </c:pt>
                <c:pt idx="4095">
                  <c:v>40.777000000000001</c:v>
                </c:pt>
                <c:pt idx="4096">
                  <c:v>40.786999999999999</c:v>
                </c:pt>
                <c:pt idx="4097">
                  <c:v>40.796999999999997</c:v>
                </c:pt>
                <c:pt idx="4098">
                  <c:v>40.807000000000002</c:v>
                </c:pt>
                <c:pt idx="4099">
                  <c:v>40.816000000000003</c:v>
                </c:pt>
                <c:pt idx="4100">
                  <c:v>40.826999999999998</c:v>
                </c:pt>
                <c:pt idx="4101">
                  <c:v>40.835999999999999</c:v>
                </c:pt>
                <c:pt idx="4102">
                  <c:v>40.845999999999997</c:v>
                </c:pt>
                <c:pt idx="4103">
                  <c:v>40.856999999999999</c:v>
                </c:pt>
                <c:pt idx="4104">
                  <c:v>40.866</c:v>
                </c:pt>
                <c:pt idx="4105">
                  <c:v>40.875999999999998</c:v>
                </c:pt>
                <c:pt idx="4106">
                  <c:v>40.884999999999998</c:v>
                </c:pt>
                <c:pt idx="4107">
                  <c:v>40.895000000000003</c:v>
                </c:pt>
                <c:pt idx="4108">
                  <c:v>40.905000000000001</c:v>
                </c:pt>
                <c:pt idx="4109">
                  <c:v>40.912999999999997</c:v>
                </c:pt>
                <c:pt idx="4110">
                  <c:v>40.923000000000002</c:v>
                </c:pt>
                <c:pt idx="4111">
                  <c:v>40.933</c:v>
                </c:pt>
                <c:pt idx="4112">
                  <c:v>40.942999999999998</c:v>
                </c:pt>
                <c:pt idx="4113">
                  <c:v>40.953000000000003</c:v>
                </c:pt>
                <c:pt idx="4114">
                  <c:v>40.962000000000003</c:v>
                </c:pt>
                <c:pt idx="4115">
                  <c:v>40.972999999999999</c:v>
                </c:pt>
                <c:pt idx="4116">
                  <c:v>40.982999999999997</c:v>
                </c:pt>
                <c:pt idx="4117">
                  <c:v>40.991999999999997</c:v>
                </c:pt>
                <c:pt idx="4118">
                  <c:v>41.002000000000002</c:v>
                </c:pt>
                <c:pt idx="4119">
                  <c:v>41.012</c:v>
                </c:pt>
                <c:pt idx="4120">
                  <c:v>41.021999999999998</c:v>
                </c:pt>
                <c:pt idx="4121">
                  <c:v>41.031999999999996</c:v>
                </c:pt>
                <c:pt idx="4122">
                  <c:v>41.040999999999997</c:v>
                </c:pt>
                <c:pt idx="4123">
                  <c:v>41.051000000000002</c:v>
                </c:pt>
                <c:pt idx="4124">
                  <c:v>41.06</c:v>
                </c:pt>
                <c:pt idx="4125">
                  <c:v>41.070999999999998</c:v>
                </c:pt>
                <c:pt idx="4126">
                  <c:v>41.08</c:v>
                </c:pt>
                <c:pt idx="4127">
                  <c:v>41.09</c:v>
                </c:pt>
                <c:pt idx="4128">
                  <c:v>41.098999999999997</c:v>
                </c:pt>
                <c:pt idx="4129">
                  <c:v>41.109000000000002</c:v>
                </c:pt>
                <c:pt idx="4130">
                  <c:v>41.118000000000002</c:v>
                </c:pt>
                <c:pt idx="4131">
                  <c:v>41.128</c:v>
                </c:pt>
                <c:pt idx="4132">
                  <c:v>41.137999999999998</c:v>
                </c:pt>
                <c:pt idx="4133">
                  <c:v>41.146999999999998</c:v>
                </c:pt>
                <c:pt idx="4134">
                  <c:v>41.156999999999996</c:v>
                </c:pt>
                <c:pt idx="4135">
                  <c:v>41.167999999999999</c:v>
                </c:pt>
                <c:pt idx="4136">
                  <c:v>41.177</c:v>
                </c:pt>
                <c:pt idx="4137">
                  <c:v>41.186999999999998</c:v>
                </c:pt>
                <c:pt idx="4138">
                  <c:v>41.195999999999998</c:v>
                </c:pt>
                <c:pt idx="4139">
                  <c:v>41.207000000000001</c:v>
                </c:pt>
                <c:pt idx="4140">
                  <c:v>41.216999999999999</c:v>
                </c:pt>
                <c:pt idx="4141">
                  <c:v>41.225999999999999</c:v>
                </c:pt>
                <c:pt idx="4142">
                  <c:v>41.237000000000002</c:v>
                </c:pt>
                <c:pt idx="4143">
                  <c:v>41.246000000000002</c:v>
                </c:pt>
                <c:pt idx="4144">
                  <c:v>41.255000000000003</c:v>
                </c:pt>
                <c:pt idx="4145">
                  <c:v>41.265999999999998</c:v>
                </c:pt>
                <c:pt idx="4146">
                  <c:v>41.274999999999999</c:v>
                </c:pt>
                <c:pt idx="4147">
                  <c:v>41.284999999999997</c:v>
                </c:pt>
                <c:pt idx="4148">
                  <c:v>41.293999999999997</c:v>
                </c:pt>
                <c:pt idx="4149">
                  <c:v>41.305</c:v>
                </c:pt>
                <c:pt idx="4150">
                  <c:v>41.314999999999998</c:v>
                </c:pt>
                <c:pt idx="4151">
                  <c:v>41.325000000000003</c:v>
                </c:pt>
                <c:pt idx="4152">
                  <c:v>41.334000000000003</c:v>
                </c:pt>
                <c:pt idx="4153">
                  <c:v>41.344999999999999</c:v>
                </c:pt>
                <c:pt idx="4154">
                  <c:v>41.353999999999999</c:v>
                </c:pt>
                <c:pt idx="4155">
                  <c:v>41.363</c:v>
                </c:pt>
                <c:pt idx="4156">
                  <c:v>41.372999999999998</c:v>
                </c:pt>
                <c:pt idx="4157">
                  <c:v>41.384</c:v>
                </c:pt>
                <c:pt idx="4158">
                  <c:v>41.393000000000001</c:v>
                </c:pt>
                <c:pt idx="4159">
                  <c:v>41.402000000000001</c:v>
                </c:pt>
                <c:pt idx="4160">
                  <c:v>41.411999999999999</c:v>
                </c:pt>
                <c:pt idx="4161">
                  <c:v>41.421999999999997</c:v>
                </c:pt>
                <c:pt idx="4162">
                  <c:v>41.432000000000002</c:v>
                </c:pt>
                <c:pt idx="4163">
                  <c:v>41.441000000000003</c:v>
                </c:pt>
                <c:pt idx="4164">
                  <c:v>41.45</c:v>
                </c:pt>
                <c:pt idx="4165">
                  <c:v>41.46</c:v>
                </c:pt>
                <c:pt idx="4166">
                  <c:v>41.470999999999997</c:v>
                </c:pt>
                <c:pt idx="4167">
                  <c:v>41.481000000000002</c:v>
                </c:pt>
                <c:pt idx="4168">
                  <c:v>41.49</c:v>
                </c:pt>
                <c:pt idx="4169">
                  <c:v>41.5</c:v>
                </c:pt>
                <c:pt idx="4170">
                  <c:v>41.511000000000003</c:v>
                </c:pt>
                <c:pt idx="4171">
                  <c:v>41.52</c:v>
                </c:pt>
                <c:pt idx="4172">
                  <c:v>41.53</c:v>
                </c:pt>
                <c:pt idx="4173">
                  <c:v>41.539000000000001</c:v>
                </c:pt>
                <c:pt idx="4174">
                  <c:v>41.55</c:v>
                </c:pt>
                <c:pt idx="4175">
                  <c:v>41.558999999999997</c:v>
                </c:pt>
                <c:pt idx="4176">
                  <c:v>41.567999999999998</c:v>
                </c:pt>
                <c:pt idx="4177">
                  <c:v>41.578000000000003</c:v>
                </c:pt>
                <c:pt idx="4178">
                  <c:v>41.588000000000001</c:v>
                </c:pt>
                <c:pt idx="4179">
                  <c:v>41.597999999999999</c:v>
                </c:pt>
                <c:pt idx="4180">
                  <c:v>41.606999999999999</c:v>
                </c:pt>
                <c:pt idx="4181">
                  <c:v>41.618000000000002</c:v>
                </c:pt>
                <c:pt idx="4182">
                  <c:v>41.628</c:v>
                </c:pt>
                <c:pt idx="4183">
                  <c:v>41.637</c:v>
                </c:pt>
                <c:pt idx="4184">
                  <c:v>41.648000000000003</c:v>
                </c:pt>
                <c:pt idx="4185">
                  <c:v>41.656999999999996</c:v>
                </c:pt>
                <c:pt idx="4186">
                  <c:v>41.667000000000002</c:v>
                </c:pt>
                <c:pt idx="4187">
                  <c:v>41.676000000000002</c:v>
                </c:pt>
                <c:pt idx="4188">
                  <c:v>41.686999999999998</c:v>
                </c:pt>
                <c:pt idx="4189">
                  <c:v>41.695999999999998</c:v>
                </c:pt>
                <c:pt idx="4190">
                  <c:v>41.706000000000003</c:v>
                </c:pt>
                <c:pt idx="4191">
                  <c:v>41.715000000000003</c:v>
                </c:pt>
                <c:pt idx="4192">
                  <c:v>41.725000000000001</c:v>
                </c:pt>
                <c:pt idx="4193">
                  <c:v>41.734999999999999</c:v>
                </c:pt>
                <c:pt idx="4194">
                  <c:v>41.744</c:v>
                </c:pt>
                <c:pt idx="4195">
                  <c:v>41.753999999999998</c:v>
                </c:pt>
                <c:pt idx="4196">
                  <c:v>41.762999999999998</c:v>
                </c:pt>
                <c:pt idx="4197">
                  <c:v>41.773000000000003</c:v>
                </c:pt>
                <c:pt idx="4198">
                  <c:v>41.783000000000001</c:v>
                </c:pt>
                <c:pt idx="4199">
                  <c:v>41.792999999999999</c:v>
                </c:pt>
                <c:pt idx="4200">
                  <c:v>41.802</c:v>
                </c:pt>
                <c:pt idx="4201">
                  <c:v>41.813000000000002</c:v>
                </c:pt>
                <c:pt idx="4202">
                  <c:v>41.823</c:v>
                </c:pt>
                <c:pt idx="4203">
                  <c:v>41.832000000000001</c:v>
                </c:pt>
                <c:pt idx="4204">
                  <c:v>41.841000000000001</c:v>
                </c:pt>
                <c:pt idx="4205">
                  <c:v>41.851999999999997</c:v>
                </c:pt>
                <c:pt idx="4206">
                  <c:v>41.862000000000002</c:v>
                </c:pt>
                <c:pt idx="4207">
                  <c:v>41.871000000000002</c:v>
                </c:pt>
                <c:pt idx="4208">
                  <c:v>41.88</c:v>
                </c:pt>
                <c:pt idx="4209">
                  <c:v>41.890999999999998</c:v>
                </c:pt>
                <c:pt idx="4210">
                  <c:v>41.9</c:v>
                </c:pt>
                <c:pt idx="4211">
                  <c:v>41.908999999999999</c:v>
                </c:pt>
                <c:pt idx="4212">
                  <c:v>41.918999999999997</c:v>
                </c:pt>
                <c:pt idx="4213">
                  <c:v>41.929000000000002</c:v>
                </c:pt>
                <c:pt idx="4214">
                  <c:v>41.938000000000002</c:v>
                </c:pt>
                <c:pt idx="4215">
                  <c:v>41.948</c:v>
                </c:pt>
                <c:pt idx="4216">
                  <c:v>41.957999999999998</c:v>
                </c:pt>
                <c:pt idx="4217">
                  <c:v>41.968000000000004</c:v>
                </c:pt>
                <c:pt idx="4218">
                  <c:v>41.978000000000002</c:v>
                </c:pt>
                <c:pt idx="4219">
                  <c:v>41.987000000000002</c:v>
                </c:pt>
                <c:pt idx="4220">
                  <c:v>41.997</c:v>
                </c:pt>
                <c:pt idx="4221">
                  <c:v>42.008000000000003</c:v>
                </c:pt>
                <c:pt idx="4222">
                  <c:v>42.017000000000003</c:v>
                </c:pt>
                <c:pt idx="4223">
                  <c:v>42.027000000000001</c:v>
                </c:pt>
                <c:pt idx="4224">
                  <c:v>42.036000000000001</c:v>
                </c:pt>
                <c:pt idx="4225">
                  <c:v>42.045999999999999</c:v>
                </c:pt>
                <c:pt idx="4226">
                  <c:v>42.055999999999997</c:v>
                </c:pt>
                <c:pt idx="4227">
                  <c:v>42.066000000000003</c:v>
                </c:pt>
                <c:pt idx="4228">
                  <c:v>42.075000000000003</c:v>
                </c:pt>
                <c:pt idx="4229">
                  <c:v>42.085000000000001</c:v>
                </c:pt>
                <c:pt idx="4230">
                  <c:v>42.094999999999999</c:v>
                </c:pt>
                <c:pt idx="4231">
                  <c:v>42.104999999999997</c:v>
                </c:pt>
                <c:pt idx="4232">
                  <c:v>42.115000000000002</c:v>
                </c:pt>
                <c:pt idx="4233">
                  <c:v>42.124000000000002</c:v>
                </c:pt>
                <c:pt idx="4234">
                  <c:v>42.134</c:v>
                </c:pt>
                <c:pt idx="4235">
                  <c:v>42.143999999999998</c:v>
                </c:pt>
                <c:pt idx="4236">
                  <c:v>42.154000000000003</c:v>
                </c:pt>
                <c:pt idx="4237">
                  <c:v>42.162999999999997</c:v>
                </c:pt>
                <c:pt idx="4238">
                  <c:v>42.173000000000002</c:v>
                </c:pt>
                <c:pt idx="4239">
                  <c:v>42.183</c:v>
                </c:pt>
                <c:pt idx="4240">
                  <c:v>42.192</c:v>
                </c:pt>
                <c:pt idx="4241">
                  <c:v>42.201999999999998</c:v>
                </c:pt>
                <c:pt idx="4242">
                  <c:v>42.212000000000003</c:v>
                </c:pt>
                <c:pt idx="4243">
                  <c:v>42.222000000000001</c:v>
                </c:pt>
                <c:pt idx="4244">
                  <c:v>42.231000000000002</c:v>
                </c:pt>
                <c:pt idx="4245">
                  <c:v>42.241</c:v>
                </c:pt>
                <c:pt idx="4246">
                  <c:v>42.25</c:v>
                </c:pt>
                <c:pt idx="4247">
                  <c:v>42.259</c:v>
                </c:pt>
                <c:pt idx="4248">
                  <c:v>42.27</c:v>
                </c:pt>
                <c:pt idx="4249">
                  <c:v>42.279000000000003</c:v>
                </c:pt>
                <c:pt idx="4250">
                  <c:v>42.289000000000001</c:v>
                </c:pt>
                <c:pt idx="4251">
                  <c:v>42.298000000000002</c:v>
                </c:pt>
                <c:pt idx="4252">
                  <c:v>42.308999999999997</c:v>
                </c:pt>
                <c:pt idx="4253">
                  <c:v>42.319000000000003</c:v>
                </c:pt>
                <c:pt idx="4254">
                  <c:v>42.328000000000003</c:v>
                </c:pt>
                <c:pt idx="4255">
                  <c:v>42.338999999999999</c:v>
                </c:pt>
                <c:pt idx="4256">
                  <c:v>42.347999999999999</c:v>
                </c:pt>
                <c:pt idx="4257">
                  <c:v>42.357999999999997</c:v>
                </c:pt>
                <c:pt idx="4258">
                  <c:v>42.366999999999997</c:v>
                </c:pt>
                <c:pt idx="4259">
                  <c:v>42.378</c:v>
                </c:pt>
                <c:pt idx="4260">
                  <c:v>42.387</c:v>
                </c:pt>
                <c:pt idx="4261">
                  <c:v>42.396000000000001</c:v>
                </c:pt>
                <c:pt idx="4262">
                  <c:v>42.406999999999996</c:v>
                </c:pt>
                <c:pt idx="4263">
                  <c:v>42.415999999999997</c:v>
                </c:pt>
                <c:pt idx="4264">
                  <c:v>42.426000000000002</c:v>
                </c:pt>
                <c:pt idx="4265">
                  <c:v>42.435000000000002</c:v>
                </c:pt>
                <c:pt idx="4266">
                  <c:v>42.445</c:v>
                </c:pt>
                <c:pt idx="4267">
                  <c:v>42.456000000000003</c:v>
                </c:pt>
                <c:pt idx="4268">
                  <c:v>42.465000000000003</c:v>
                </c:pt>
                <c:pt idx="4269">
                  <c:v>42.475000000000001</c:v>
                </c:pt>
                <c:pt idx="4270">
                  <c:v>42.484000000000002</c:v>
                </c:pt>
                <c:pt idx="4271">
                  <c:v>42.494999999999997</c:v>
                </c:pt>
                <c:pt idx="4272">
                  <c:v>42.503999999999998</c:v>
                </c:pt>
                <c:pt idx="4273">
                  <c:v>42.514000000000003</c:v>
                </c:pt>
                <c:pt idx="4274">
                  <c:v>42.524000000000001</c:v>
                </c:pt>
                <c:pt idx="4275">
                  <c:v>42.533999999999999</c:v>
                </c:pt>
                <c:pt idx="4276">
                  <c:v>42.542999999999999</c:v>
                </c:pt>
                <c:pt idx="4277">
                  <c:v>42.552</c:v>
                </c:pt>
                <c:pt idx="4278">
                  <c:v>42.563000000000002</c:v>
                </c:pt>
                <c:pt idx="4279">
                  <c:v>42.572000000000003</c:v>
                </c:pt>
                <c:pt idx="4280">
                  <c:v>42.582000000000001</c:v>
                </c:pt>
                <c:pt idx="4281">
                  <c:v>42.591000000000001</c:v>
                </c:pt>
                <c:pt idx="4282">
                  <c:v>42.601999999999997</c:v>
                </c:pt>
                <c:pt idx="4283">
                  <c:v>42.610999999999997</c:v>
                </c:pt>
                <c:pt idx="4284">
                  <c:v>42.62</c:v>
                </c:pt>
                <c:pt idx="4285">
                  <c:v>42.63</c:v>
                </c:pt>
                <c:pt idx="4286">
                  <c:v>42.640999999999998</c:v>
                </c:pt>
                <c:pt idx="4287">
                  <c:v>42.65</c:v>
                </c:pt>
                <c:pt idx="4288">
                  <c:v>42.658999999999999</c:v>
                </c:pt>
                <c:pt idx="4289">
                  <c:v>42.668999999999997</c:v>
                </c:pt>
                <c:pt idx="4290">
                  <c:v>42.679000000000002</c:v>
                </c:pt>
                <c:pt idx="4291">
                  <c:v>42.688000000000002</c:v>
                </c:pt>
                <c:pt idx="4292">
                  <c:v>42.698</c:v>
                </c:pt>
                <c:pt idx="4293">
                  <c:v>42.707999999999998</c:v>
                </c:pt>
                <c:pt idx="4294">
                  <c:v>42.718000000000004</c:v>
                </c:pt>
                <c:pt idx="4295">
                  <c:v>42.726999999999997</c:v>
                </c:pt>
                <c:pt idx="4296">
                  <c:v>42.735999999999997</c:v>
                </c:pt>
                <c:pt idx="4297">
                  <c:v>42.747</c:v>
                </c:pt>
                <c:pt idx="4298">
                  <c:v>42.756</c:v>
                </c:pt>
                <c:pt idx="4299">
                  <c:v>42.765999999999998</c:v>
                </c:pt>
                <c:pt idx="4300">
                  <c:v>42.776000000000003</c:v>
                </c:pt>
                <c:pt idx="4301">
                  <c:v>42.786000000000001</c:v>
                </c:pt>
                <c:pt idx="4302">
                  <c:v>42.795000000000002</c:v>
                </c:pt>
                <c:pt idx="4303">
                  <c:v>42.805</c:v>
                </c:pt>
                <c:pt idx="4304">
                  <c:v>42.814999999999998</c:v>
                </c:pt>
                <c:pt idx="4305">
                  <c:v>42.825000000000003</c:v>
                </c:pt>
                <c:pt idx="4306">
                  <c:v>42.835000000000001</c:v>
                </c:pt>
                <c:pt idx="4307">
                  <c:v>42.844000000000001</c:v>
                </c:pt>
                <c:pt idx="4308">
                  <c:v>42.853999999999999</c:v>
                </c:pt>
                <c:pt idx="4309">
                  <c:v>42.863999999999997</c:v>
                </c:pt>
                <c:pt idx="4310">
                  <c:v>42.874000000000002</c:v>
                </c:pt>
                <c:pt idx="4311">
                  <c:v>42.883000000000003</c:v>
                </c:pt>
                <c:pt idx="4312">
                  <c:v>42.892000000000003</c:v>
                </c:pt>
                <c:pt idx="4313">
                  <c:v>42.902999999999999</c:v>
                </c:pt>
                <c:pt idx="4314">
                  <c:v>42.911999999999999</c:v>
                </c:pt>
                <c:pt idx="4315">
                  <c:v>42.920999999999999</c:v>
                </c:pt>
                <c:pt idx="4316">
                  <c:v>42.932000000000002</c:v>
                </c:pt>
                <c:pt idx="4317">
                  <c:v>42.941000000000003</c:v>
                </c:pt>
                <c:pt idx="4318">
                  <c:v>42.95</c:v>
                </c:pt>
                <c:pt idx="4319">
                  <c:v>42.96</c:v>
                </c:pt>
                <c:pt idx="4320">
                  <c:v>42.97</c:v>
                </c:pt>
                <c:pt idx="4321">
                  <c:v>42.978999999999999</c:v>
                </c:pt>
                <c:pt idx="4322">
                  <c:v>42.988999999999997</c:v>
                </c:pt>
                <c:pt idx="4323">
                  <c:v>42.999000000000002</c:v>
                </c:pt>
                <c:pt idx="4324">
                  <c:v>43.009</c:v>
                </c:pt>
                <c:pt idx="4325">
                  <c:v>43.018000000000001</c:v>
                </c:pt>
                <c:pt idx="4326">
                  <c:v>43.027999999999999</c:v>
                </c:pt>
                <c:pt idx="4327">
                  <c:v>43.039000000000001</c:v>
                </c:pt>
                <c:pt idx="4328">
                  <c:v>43.048000000000002</c:v>
                </c:pt>
                <c:pt idx="4329">
                  <c:v>43.057000000000002</c:v>
                </c:pt>
                <c:pt idx="4330">
                  <c:v>43.066000000000003</c:v>
                </c:pt>
                <c:pt idx="4331">
                  <c:v>43.076999999999998</c:v>
                </c:pt>
                <c:pt idx="4332">
                  <c:v>43.085999999999999</c:v>
                </c:pt>
                <c:pt idx="4333">
                  <c:v>43.094999999999999</c:v>
                </c:pt>
                <c:pt idx="4334">
                  <c:v>43.106000000000002</c:v>
                </c:pt>
                <c:pt idx="4335">
                  <c:v>43.115000000000002</c:v>
                </c:pt>
                <c:pt idx="4336">
                  <c:v>43.125</c:v>
                </c:pt>
                <c:pt idx="4337">
                  <c:v>43.134</c:v>
                </c:pt>
                <c:pt idx="4338">
                  <c:v>43.145000000000003</c:v>
                </c:pt>
                <c:pt idx="4339">
                  <c:v>43.155000000000001</c:v>
                </c:pt>
                <c:pt idx="4340">
                  <c:v>43.164000000000001</c:v>
                </c:pt>
                <c:pt idx="4341">
                  <c:v>43.173000000000002</c:v>
                </c:pt>
                <c:pt idx="4342">
                  <c:v>43.183999999999997</c:v>
                </c:pt>
                <c:pt idx="4343">
                  <c:v>43.192999999999998</c:v>
                </c:pt>
                <c:pt idx="4344">
                  <c:v>43.203000000000003</c:v>
                </c:pt>
                <c:pt idx="4345">
                  <c:v>43.212000000000003</c:v>
                </c:pt>
                <c:pt idx="4346">
                  <c:v>43.222999999999999</c:v>
                </c:pt>
                <c:pt idx="4347">
                  <c:v>43.231999999999999</c:v>
                </c:pt>
                <c:pt idx="4348">
                  <c:v>43.241999999999997</c:v>
                </c:pt>
                <c:pt idx="4349">
                  <c:v>43.25</c:v>
                </c:pt>
                <c:pt idx="4350">
                  <c:v>43.26</c:v>
                </c:pt>
                <c:pt idx="4351">
                  <c:v>43.268999999999998</c:v>
                </c:pt>
                <c:pt idx="4352">
                  <c:v>43.279000000000003</c:v>
                </c:pt>
                <c:pt idx="4353">
                  <c:v>43.289000000000001</c:v>
                </c:pt>
                <c:pt idx="4354">
                  <c:v>43.298999999999999</c:v>
                </c:pt>
                <c:pt idx="4355">
                  <c:v>43.308999999999997</c:v>
                </c:pt>
                <c:pt idx="4356">
                  <c:v>43.317999999999998</c:v>
                </c:pt>
                <c:pt idx="4357">
                  <c:v>43.328000000000003</c:v>
                </c:pt>
                <c:pt idx="4358">
                  <c:v>43.337000000000003</c:v>
                </c:pt>
                <c:pt idx="4359">
                  <c:v>43.347000000000001</c:v>
                </c:pt>
                <c:pt idx="4360">
                  <c:v>43.357999999999997</c:v>
                </c:pt>
                <c:pt idx="4361">
                  <c:v>43.366999999999997</c:v>
                </c:pt>
                <c:pt idx="4362">
                  <c:v>43.375999999999998</c:v>
                </c:pt>
                <c:pt idx="4363">
                  <c:v>43.384999999999998</c:v>
                </c:pt>
                <c:pt idx="4364">
                  <c:v>43.396000000000001</c:v>
                </c:pt>
                <c:pt idx="4365">
                  <c:v>43.405000000000001</c:v>
                </c:pt>
                <c:pt idx="4366">
                  <c:v>43.414999999999999</c:v>
                </c:pt>
                <c:pt idx="4367">
                  <c:v>43.423999999999999</c:v>
                </c:pt>
                <c:pt idx="4368">
                  <c:v>43.435000000000002</c:v>
                </c:pt>
                <c:pt idx="4369">
                  <c:v>43.444000000000003</c:v>
                </c:pt>
                <c:pt idx="4370">
                  <c:v>43.453000000000003</c:v>
                </c:pt>
                <c:pt idx="4371">
                  <c:v>43.463000000000001</c:v>
                </c:pt>
                <c:pt idx="4372">
                  <c:v>43.473999999999997</c:v>
                </c:pt>
                <c:pt idx="4373">
                  <c:v>43.482999999999997</c:v>
                </c:pt>
                <c:pt idx="4374">
                  <c:v>43.494</c:v>
                </c:pt>
                <c:pt idx="4375">
                  <c:v>43.503</c:v>
                </c:pt>
                <c:pt idx="4376">
                  <c:v>43.512</c:v>
                </c:pt>
                <c:pt idx="4377">
                  <c:v>43.521999999999998</c:v>
                </c:pt>
                <c:pt idx="4378">
                  <c:v>43.531999999999996</c:v>
                </c:pt>
                <c:pt idx="4379">
                  <c:v>43.540999999999997</c:v>
                </c:pt>
                <c:pt idx="4380">
                  <c:v>43.551000000000002</c:v>
                </c:pt>
                <c:pt idx="4381">
                  <c:v>43.56</c:v>
                </c:pt>
                <c:pt idx="4382">
                  <c:v>43.570999999999998</c:v>
                </c:pt>
                <c:pt idx="4383">
                  <c:v>43.58</c:v>
                </c:pt>
                <c:pt idx="4384">
                  <c:v>43.588999999999999</c:v>
                </c:pt>
                <c:pt idx="4385">
                  <c:v>43.598999999999997</c:v>
                </c:pt>
                <c:pt idx="4386">
                  <c:v>43.609000000000002</c:v>
                </c:pt>
                <c:pt idx="4387">
                  <c:v>43.618000000000002</c:v>
                </c:pt>
                <c:pt idx="4388">
                  <c:v>43.628</c:v>
                </c:pt>
                <c:pt idx="4389">
                  <c:v>43.637999999999998</c:v>
                </c:pt>
                <c:pt idx="4390">
                  <c:v>43.648000000000003</c:v>
                </c:pt>
                <c:pt idx="4391">
                  <c:v>43.656999999999996</c:v>
                </c:pt>
                <c:pt idx="4392">
                  <c:v>43.665999999999997</c:v>
                </c:pt>
                <c:pt idx="4393">
                  <c:v>43.677</c:v>
                </c:pt>
                <c:pt idx="4394">
                  <c:v>43.686999999999998</c:v>
                </c:pt>
                <c:pt idx="4395">
                  <c:v>43.697000000000003</c:v>
                </c:pt>
                <c:pt idx="4396">
                  <c:v>43.706000000000003</c:v>
                </c:pt>
                <c:pt idx="4397">
                  <c:v>43.715000000000003</c:v>
                </c:pt>
                <c:pt idx="4398">
                  <c:v>43.725999999999999</c:v>
                </c:pt>
                <c:pt idx="4399">
                  <c:v>43.734999999999999</c:v>
                </c:pt>
                <c:pt idx="4400">
                  <c:v>43.744</c:v>
                </c:pt>
                <c:pt idx="4401">
                  <c:v>43.755000000000003</c:v>
                </c:pt>
                <c:pt idx="4402">
                  <c:v>43.764000000000003</c:v>
                </c:pt>
                <c:pt idx="4403">
                  <c:v>43.774000000000001</c:v>
                </c:pt>
                <c:pt idx="4404">
                  <c:v>43.783000000000001</c:v>
                </c:pt>
                <c:pt idx="4405">
                  <c:v>43.793999999999997</c:v>
                </c:pt>
                <c:pt idx="4406">
                  <c:v>43.802999999999997</c:v>
                </c:pt>
                <c:pt idx="4407">
                  <c:v>43.813000000000002</c:v>
                </c:pt>
                <c:pt idx="4408">
                  <c:v>43.822000000000003</c:v>
                </c:pt>
                <c:pt idx="4409">
                  <c:v>43.832000000000001</c:v>
                </c:pt>
                <c:pt idx="4410">
                  <c:v>43.841999999999999</c:v>
                </c:pt>
                <c:pt idx="4411">
                  <c:v>43.850999999999999</c:v>
                </c:pt>
                <c:pt idx="4412">
                  <c:v>43.862000000000002</c:v>
                </c:pt>
                <c:pt idx="4413">
                  <c:v>43.871000000000002</c:v>
                </c:pt>
                <c:pt idx="4414">
                  <c:v>43.881</c:v>
                </c:pt>
                <c:pt idx="4415">
                  <c:v>43.890999999999998</c:v>
                </c:pt>
                <c:pt idx="4416">
                  <c:v>43.9</c:v>
                </c:pt>
                <c:pt idx="4417">
                  <c:v>43.908999999999999</c:v>
                </c:pt>
                <c:pt idx="4418">
                  <c:v>43.918999999999997</c:v>
                </c:pt>
                <c:pt idx="4419">
                  <c:v>43.929000000000002</c:v>
                </c:pt>
                <c:pt idx="4420">
                  <c:v>43.939</c:v>
                </c:pt>
                <c:pt idx="4421">
                  <c:v>43.948</c:v>
                </c:pt>
                <c:pt idx="4422">
                  <c:v>43.957999999999998</c:v>
                </c:pt>
                <c:pt idx="4423">
                  <c:v>43.969000000000001</c:v>
                </c:pt>
                <c:pt idx="4424">
                  <c:v>43.978000000000002</c:v>
                </c:pt>
                <c:pt idx="4425">
                  <c:v>43.988</c:v>
                </c:pt>
                <c:pt idx="4426">
                  <c:v>43.997</c:v>
                </c:pt>
                <c:pt idx="4427">
                  <c:v>44.006999999999998</c:v>
                </c:pt>
                <c:pt idx="4428">
                  <c:v>44.017000000000003</c:v>
                </c:pt>
                <c:pt idx="4429">
                  <c:v>44.024999999999999</c:v>
                </c:pt>
                <c:pt idx="4430">
                  <c:v>44.036000000000001</c:v>
                </c:pt>
                <c:pt idx="4431">
                  <c:v>44.045000000000002</c:v>
                </c:pt>
                <c:pt idx="4432">
                  <c:v>44.054000000000002</c:v>
                </c:pt>
                <c:pt idx="4433">
                  <c:v>44.064999999999998</c:v>
                </c:pt>
                <c:pt idx="4434">
                  <c:v>44.073999999999998</c:v>
                </c:pt>
                <c:pt idx="4435">
                  <c:v>44.082999999999998</c:v>
                </c:pt>
                <c:pt idx="4436">
                  <c:v>44.093000000000004</c:v>
                </c:pt>
                <c:pt idx="4437">
                  <c:v>44.103000000000002</c:v>
                </c:pt>
                <c:pt idx="4438">
                  <c:v>44.113</c:v>
                </c:pt>
                <c:pt idx="4439">
                  <c:v>44.122</c:v>
                </c:pt>
                <c:pt idx="4440">
                  <c:v>44.133000000000003</c:v>
                </c:pt>
                <c:pt idx="4441">
                  <c:v>44.143000000000001</c:v>
                </c:pt>
                <c:pt idx="4442">
                  <c:v>44.152000000000001</c:v>
                </c:pt>
                <c:pt idx="4443">
                  <c:v>44.161999999999999</c:v>
                </c:pt>
                <c:pt idx="4444">
                  <c:v>44.173000000000002</c:v>
                </c:pt>
                <c:pt idx="4445">
                  <c:v>44.182000000000002</c:v>
                </c:pt>
                <c:pt idx="4446">
                  <c:v>44.191000000000003</c:v>
                </c:pt>
                <c:pt idx="4447">
                  <c:v>44.201000000000001</c:v>
                </c:pt>
                <c:pt idx="4448">
                  <c:v>44.212000000000003</c:v>
                </c:pt>
                <c:pt idx="4449">
                  <c:v>44.220999999999997</c:v>
                </c:pt>
                <c:pt idx="4450">
                  <c:v>44.23</c:v>
                </c:pt>
                <c:pt idx="4451">
                  <c:v>44.238999999999997</c:v>
                </c:pt>
                <c:pt idx="4452">
                  <c:v>44.25</c:v>
                </c:pt>
                <c:pt idx="4453">
                  <c:v>44.259</c:v>
                </c:pt>
                <c:pt idx="4454">
                  <c:v>44.268000000000001</c:v>
                </c:pt>
                <c:pt idx="4455">
                  <c:v>44.277999999999999</c:v>
                </c:pt>
                <c:pt idx="4456">
                  <c:v>44.287999999999997</c:v>
                </c:pt>
                <c:pt idx="4457">
                  <c:v>44.296999999999997</c:v>
                </c:pt>
                <c:pt idx="4458">
                  <c:v>44.307000000000002</c:v>
                </c:pt>
                <c:pt idx="4459">
                  <c:v>44.317</c:v>
                </c:pt>
                <c:pt idx="4460">
                  <c:v>44.326999999999998</c:v>
                </c:pt>
                <c:pt idx="4461">
                  <c:v>44.335999999999999</c:v>
                </c:pt>
                <c:pt idx="4462">
                  <c:v>44.345999999999997</c:v>
                </c:pt>
                <c:pt idx="4463">
                  <c:v>44.356000000000002</c:v>
                </c:pt>
                <c:pt idx="4464">
                  <c:v>44.366</c:v>
                </c:pt>
                <c:pt idx="4465">
                  <c:v>44.375</c:v>
                </c:pt>
                <c:pt idx="4466">
                  <c:v>44.384</c:v>
                </c:pt>
                <c:pt idx="4467">
                  <c:v>44.395000000000003</c:v>
                </c:pt>
                <c:pt idx="4468">
                  <c:v>44.404000000000003</c:v>
                </c:pt>
                <c:pt idx="4469">
                  <c:v>44.412999999999997</c:v>
                </c:pt>
                <c:pt idx="4470">
                  <c:v>44.423000000000002</c:v>
                </c:pt>
                <c:pt idx="4471">
                  <c:v>44.433</c:v>
                </c:pt>
                <c:pt idx="4472">
                  <c:v>44.442999999999998</c:v>
                </c:pt>
                <c:pt idx="4473">
                  <c:v>44.453000000000003</c:v>
                </c:pt>
                <c:pt idx="4474">
                  <c:v>44.463000000000001</c:v>
                </c:pt>
                <c:pt idx="4475">
                  <c:v>44.472000000000001</c:v>
                </c:pt>
                <c:pt idx="4476">
                  <c:v>44.482999999999997</c:v>
                </c:pt>
                <c:pt idx="4477">
                  <c:v>44.491999999999997</c:v>
                </c:pt>
                <c:pt idx="4478">
                  <c:v>44.502000000000002</c:v>
                </c:pt>
                <c:pt idx="4479">
                  <c:v>44.511000000000003</c:v>
                </c:pt>
                <c:pt idx="4480">
                  <c:v>44.521999999999998</c:v>
                </c:pt>
                <c:pt idx="4481">
                  <c:v>44.53</c:v>
                </c:pt>
                <c:pt idx="4482">
                  <c:v>44.540999999999997</c:v>
                </c:pt>
                <c:pt idx="4483">
                  <c:v>44.55</c:v>
                </c:pt>
                <c:pt idx="4484">
                  <c:v>44.558999999999997</c:v>
                </c:pt>
                <c:pt idx="4485">
                  <c:v>44.57</c:v>
                </c:pt>
                <c:pt idx="4486">
                  <c:v>44.579000000000001</c:v>
                </c:pt>
                <c:pt idx="4487">
                  <c:v>44.588000000000001</c:v>
                </c:pt>
                <c:pt idx="4488">
                  <c:v>44.598999999999997</c:v>
                </c:pt>
                <c:pt idx="4489">
                  <c:v>44.607999999999997</c:v>
                </c:pt>
                <c:pt idx="4490">
                  <c:v>44.619</c:v>
                </c:pt>
                <c:pt idx="4491">
                  <c:v>44.628</c:v>
                </c:pt>
                <c:pt idx="4492">
                  <c:v>44.637999999999998</c:v>
                </c:pt>
                <c:pt idx="4493">
                  <c:v>44.648000000000003</c:v>
                </c:pt>
                <c:pt idx="4494">
                  <c:v>44.656999999999996</c:v>
                </c:pt>
                <c:pt idx="4495">
                  <c:v>44.665999999999997</c:v>
                </c:pt>
                <c:pt idx="4496">
                  <c:v>44.677</c:v>
                </c:pt>
                <c:pt idx="4497">
                  <c:v>44.686</c:v>
                </c:pt>
                <c:pt idx="4498">
                  <c:v>44.695999999999998</c:v>
                </c:pt>
                <c:pt idx="4499">
                  <c:v>44.706000000000003</c:v>
                </c:pt>
                <c:pt idx="4500">
                  <c:v>44.715000000000003</c:v>
                </c:pt>
                <c:pt idx="4501">
                  <c:v>44.725000000000001</c:v>
                </c:pt>
                <c:pt idx="4502">
                  <c:v>44.734000000000002</c:v>
                </c:pt>
                <c:pt idx="4503">
                  <c:v>44.744999999999997</c:v>
                </c:pt>
                <c:pt idx="4504">
                  <c:v>44.753999999999998</c:v>
                </c:pt>
                <c:pt idx="4505">
                  <c:v>44.762999999999998</c:v>
                </c:pt>
                <c:pt idx="4506">
                  <c:v>44.773000000000003</c:v>
                </c:pt>
                <c:pt idx="4507">
                  <c:v>44.783000000000001</c:v>
                </c:pt>
                <c:pt idx="4508">
                  <c:v>44.793999999999997</c:v>
                </c:pt>
                <c:pt idx="4509">
                  <c:v>44.802999999999997</c:v>
                </c:pt>
                <c:pt idx="4510">
                  <c:v>44.813000000000002</c:v>
                </c:pt>
                <c:pt idx="4511">
                  <c:v>44.822000000000003</c:v>
                </c:pt>
                <c:pt idx="4512">
                  <c:v>44.832000000000001</c:v>
                </c:pt>
                <c:pt idx="4513">
                  <c:v>44.841999999999999</c:v>
                </c:pt>
                <c:pt idx="4514">
                  <c:v>44.850999999999999</c:v>
                </c:pt>
                <c:pt idx="4515">
                  <c:v>44.862000000000002</c:v>
                </c:pt>
                <c:pt idx="4516">
                  <c:v>44.871000000000002</c:v>
                </c:pt>
                <c:pt idx="4517">
                  <c:v>44.881</c:v>
                </c:pt>
                <c:pt idx="4518">
                  <c:v>44.89</c:v>
                </c:pt>
                <c:pt idx="4519">
                  <c:v>44.9</c:v>
                </c:pt>
                <c:pt idx="4520">
                  <c:v>44.91</c:v>
                </c:pt>
                <c:pt idx="4521">
                  <c:v>44.918999999999997</c:v>
                </c:pt>
                <c:pt idx="4522">
                  <c:v>44.929000000000002</c:v>
                </c:pt>
                <c:pt idx="4523">
                  <c:v>44.939</c:v>
                </c:pt>
                <c:pt idx="4524">
                  <c:v>44.948</c:v>
                </c:pt>
                <c:pt idx="4525">
                  <c:v>44.957000000000001</c:v>
                </c:pt>
                <c:pt idx="4526">
                  <c:v>44.968000000000004</c:v>
                </c:pt>
                <c:pt idx="4527">
                  <c:v>44.978000000000002</c:v>
                </c:pt>
                <c:pt idx="4528">
                  <c:v>44.987000000000002</c:v>
                </c:pt>
                <c:pt idx="4529">
                  <c:v>44.997999999999998</c:v>
                </c:pt>
                <c:pt idx="4530">
                  <c:v>45.006999999999998</c:v>
                </c:pt>
                <c:pt idx="4531">
                  <c:v>45.018000000000001</c:v>
                </c:pt>
                <c:pt idx="4532">
                  <c:v>45.027000000000001</c:v>
                </c:pt>
                <c:pt idx="4533">
                  <c:v>45.036000000000001</c:v>
                </c:pt>
                <c:pt idx="4534">
                  <c:v>45.045999999999999</c:v>
                </c:pt>
                <c:pt idx="4535">
                  <c:v>45.055</c:v>
                </c:pt>
                <c:pt idx="4536">
                  <c:v>45.064999999999998</c:v>
                </c:pt>
                <c:pt idx="4537">
                  <c:v>45.073999999999998</c:v>
                </c:pt>
                <c:pt idx="4538">
                  <c:v>45.084000000000003</c:v>
                </c:pt>
                <c:pt idx="4539">
                  <c:v>45.093000000000004</c:v>
                </c:pt>
                <c:pt idx="4540">
                  <c:v>45.103999999999999</c:v>
                </c:pt>
                <c:pt idx="4541">
                  <c:v>45.113</c:v>
                </c:pt>
                <c:pt idx="4542">
                  <c:v>45.122</c:v>
                </c:pt>
                <c:pt idx="4543">
                  <c:v>45.131999999999998</c:v>
                </c:pt>
                <c:pt idx="4544">
                  <c:v>45.142000000000003</c:v>
                </c:pt>
                <c:pt idx="4545">
                  <c:v>45.152000000000001</c:v>
                </c:pt>
                <c:pt idx="4546">
                  <c:v>45.161999999999999</c:v>
                </c:pt>
                <c:pt idx="4547">
                  <c:v>45.171999999999997</c:v>
                </c:pt>
                <c:pt idx="4548">
                  <c:v>45.180999999999997</c:v>
                </c:pt>
                <c:pt idx="4549">
                  <c:v>45.191000000000003</c:v>
                </c:pt>
                <c:pt idx="4550">
                  <c:v>45.2</c:v>
                </c:pt>
                <c:pt idx="4551">
                  <c:v>45.21</c:v>
                </c:pt>
                <c:pt idx="4552">
                  <c:v>45.22</c:v>
                </c:pt>
                <c:pt idx="4553">
                  <c:v>45.228999999999999</c:v>
                </c:pt>
                <c:pt idx="4554">
                  <c:v>45.238</c:v>
                </c:pt>
                <c:pt idx="4555">
                  <c:v>45.249000000000002</c:v>
                </c:pt>
                <c:pt idx="4556">
                  <c:v>45.258000000000003</c:v>
                </c:pt>
                <c:pt idx="4557">
                  <c:v>45.268000000000001</c:v>
                </c:pt>
                <c:pt idx="4558">
                  <c:v>45.277999999999999</c:v>
                </c:pt>
                <c:pt idx="4559">
                  <c:v>45.286999999999999</c:v>
                </c:pt>
                <c:pt idx="4560">
                  <c:v>45.296999999999997</c:v>
                </c:pt>
                <c:pt idx="4561">
                  <c:v>45.308</c:v>
                </c:pt>
                <c:pt idx="4562">
                  <c:v>45.317</c:v>
                </c:pt>
                <c:pt idx="4563">
                  <c:v>45.326999999999998</c:v>
                </c:pt>
                <c:pt idx="4564">
                  <c:v>45.337000000000003</c:v>
                </c:pt>
                <c:pt idx="4565">
                  <c:v>45.345999999999997</c:v>
                </c:pt>
                <c:pt idx="4566">
                  <c:v>45.356999999999999</c:v>
                </c:pt>
                <c:pt idx="4567">
                  <c:v>45.366</c:v>
                </c:pt>
                <c:pt idx="4568">
                  <c:v>45.375</c:v>
                </c:pt>
                <c:pt idx="4569">
                  <c:v>45.386000000000003</c:v>
                </c:pt>
                <c:pt idx="4570">
                  <c:v>45.395000000000003</c:v>
                </c:pt>
                <c:pt idx="4571">
                  <c:v>45.404000000000003</c:v>
                </c:pt>
                <c:pt idx="4572">
                  <c:v>45.412999999999997</c:v>
                </c:pt>
                <c:pt idx="4573">
                  <c:v>45.423000000000002</c:v>
                </c:pt>
                <c:pt idx="4574">
                  <c:v>45.433</c:v>
                </c:pt>
                <c:pt idx="4575">
                  <c:v>45.442</c:v>
                </c:pt>
                <c:pt idx="4576">
                  <c:v>45.451999999999998</c:v>
                </c:pt>
                <c:pt idx="4577">
                  <c:v>45.462000000000003</c:v>
                </c:pt>
                <c:pt idx="4578">
                  <c:v>45.470999999999997</c:v>
                </c:pt>
                <c:pt idx="4579">
                  <c:v>45.481000000000002</c:v>
                </c:pt>
                <c:pt idx="4580">
                  <c:v>45.491</c:v>
                </c:pt>
                <c:pt idx="4581">
                  <c:v>45.500999999999998</c:v>
                </c:pt>
                <c:pt idx="4582">
                  <c:v>45.51</c:v>
                </c:pt>
                <c:pt idx="4583">
                  <c:v>45.518999999999998</c:v>
                </c:pt>
                <c:pt idx="4584">
                  <c:v>45.53</c:v>
                </c:pt>
                <c:pt idx="4585">
                  <c:v>45.539000000000001</c:v>
                </c:pt>
                <c:pt idx="4586">
                  <c:v>45.548999999999999</c:v>
                </c:pt>
                <c:pt idx="4587">
                  <c:v>45.558999999999997</c:v>
                </c:pt>
                <c:pt idx="4588">
                  <c:v>45.567999999999998</c:v>
                </c:pt>
                <c:pt idx="4589">
                  <c:v>45.578000000000003</c:v>
                </c:pt>
                <c:pt idx="4590">
                  <c:v>45.588000000000001</c:v>
                </c:pt>
                <c:pt idx="4591">
                  <c:v>45.597999999999999</c:v>
                </c:pt>
                <c:pt idx="4592">
                  <c:v>45.606999999999999</c:v>
                </c:pt>
                <c:pt idx="4593">
                  <c:v>45.618000000000002</c:v>
                </c:pt>
                <c:pt idx="4594">
                  <c:v>45.627000000000002</c:v>
                </c:pt>
                <c:pt idx="4595">
                  <c:v>45.636000000000003</c:v>
                </c:pt>
                <c:pt idx="4596">
                  <c:v>45.646999999999998</c:v>
                </c:pt>
                <c:pt idx="4597">
                  <c:v>45.655999999999999</c:v>
                </c:pt>
                <c:pt idx="4598">
                  <c:v>45.665999999999997</c:v>
                </c:pt>
                <c:pt idx="4599">
                  <c:v>45.674999999999997</c:v>
                </c:pt>
                <c:pt idx="4600">
                  <c:v>45.685000000000002</c:v>
                </c:pt>
                <c:pt idx="4601">
                  <c:v>45.695</c:v>
                </c:pt>
                <c:pt idx="4602">
                  <c:v>45.704999999999998</c:v>
                </c:pt>
                <c:pt idx="4603">
                  <c:v>45.713999999999999</c:v>
                </c:pt>
                <c:pt idx="4604">
                  <c:v>45.723999999999997</c:v>
                </c:pt>
                <c:pt idx="4605">
                  <c:v>45.734000000000002</c:v>
                </c:pt>
                <c:pt idx="4606">
                  <c:v>45.743000000000002</c:v>
                </c:pt>
                <c:pt idx="4607">
                  <c:v>45.753</c:v>
                </c:pt>
                <c:pt idx="4608">
                  <c:v>45.762999999999998</c:v>
                </c:pt>
                <c:pt idx="4609">
                  <c:v>45.773000000000003</c:v>
                </c:pt>
                <c:pt idx="4610">
                  <c:v>45.781999999999996</c:v>
                </c:pt>
                <c:pt idx="4611">
                  <c:v>45.792000000000002</c:v>
                </c:pt>
                <c:pt idx="4612">
                  <c:v>45.801000000000002</c:v>
                </c:pt>
                <c:pt idx="4613">
                  <c:v>45.811999999999998</c:v>
                </c:pt>
                <c:pt idx="4614">
                  <c:v>45.820999999999998</c:v>
                </c:pt>
                <c:pt idx="4615">
                  <c:v>45.83</c:v>
                </c:pt>
                <c:pt idx="4616">
                  <c:v>45.841000000000001</c:v>
                </c:pt>
                <c:pt idx="4617">
                  <c:v>45.85</c:v>
                </c:pt>
                <c:pt idx="4618">
                  <c:v>45.86</c:v>
                </c:pt>
                <c:pt idx="4619">
                  <c:v>45.869</c:v>
                </c:pt>
                <c:pt idx="4620">
                  <c:v>45.878999999999998</c:v>
                </c:pt>
                <c:pt idx="4621">
                  <c:v>45.889000000000003</c:v>
                </c:pt>
                <c:pt idx="4622">
                  <c:v>45.898000000000003</c:v>
                </c:pt>
                <c:pt idx="4623">
                  <c:v>45.908999999999999</c:v>
                </c:pt>
                <c:pt idx="4624">
                  <c:v>45.917999999999999</c:v>
                </c:pt>
                <c:pt idx="4625">
                  <c:v>45.927999999999997</c:v>
                </c:pt>
                <c:pt idx="4626">
                  <c:v>45.938000000000002</c:v>
                </c:pt>
                <c:pt idx="4627">
                  <c:v>45.947000000000003</c:v>
                </c:pt>
                <c:pt idx="4628">
                  <c:v>45.957000000000001</c:v>
                </c:pt>
                <c:pt idx="4629">
                  <c:v>45.966999999999999</c:v>
                </c:pt>
                <c:pt idx="4630">
                  <c:v>45.976999999999997</c:v>
                </c:pt>
                <c:pt idx="4631">
                  <c:v>45.985999999999997</c:v>
                </c:pt>
                <c:pt idx="4632">
                  <c:v>45.996000000000002</c:v>
                </c:pt>
                <c:pt idx="4633">
                  <c:v>46.005000000000003</c:v>
                </c:pt>
                <c:pt idx="4634">
                  <c:v>46.014000000000003</c:v>
                </c:pt>
                <c:pt idx="4635">
                  <c:v>46.024000000000001</c:v>
                </c:pt>
                <c:pt idx="4636">
                  <c:v>46.033999999999999</c:v>
                </c:pt>
                <c:pt idx="4637">
                  <c:v>46.043999999999997</c:v>
                </c:pt>
                <c:pt idx="4638">
                  <c:v>46.052999999999997</c:v>
                </c:pt>
                <c:pt idx="4639">
                  <c:v>46.063000000000002</c:v>
                </c:pt>
                <c:pt idx="4640">
                  <c:v>46.072000000000003</c:v>
                </c:pt>
                <c:pt idx="4641">
                  <c:v>46.081000000000003</c:v>
                </c:pt>
                <c:pt idx="4642">
                  <c:v>46.091000000000001</c:v>
                </c:pt>
                <c:pt idx="4643">
                  <c:v>46.1</c:v>
                </c:pt>
                <c:pt idx="4644">
                  <c:v>46.11</c:v>
                </c:pt>
                <c:pt idx="4645">
                  <c:v>46.121000000000002</c:v>
                </c:pt>
                <c:pt idx="4646">
                  <c:v>46.13</c:v>
                </c:pt>
                <c:pt idx="4647">
                  <c:v>46.14</c:v>
                </c:pt>
                <c:pt idx="4648">
                  <c:v>46.15</c:v>
                </c:pt>
                <c:pt idx="4649">
                  <c:v>46.16</c:v>
                </c:pt>
                <c:pt idx="4650">
                  <c:v>46.168999999999997</c:v>
                </c:pt>
                <c:pt idx="4651">
                  <c:v>46.179000000000002</c:v>
                </c:pt>
                <c:pt idx="4652">
                  <c:v>46.189</c:v>
                </c:pt>
                <c:pt idx="4653">
                  <c:v>46.198999999999998</c:v>
                </c:pt>
                <c:pt idx="4654">
                  <c:v>46.207999999999998</c:v>
                </c:pt>
                <c:pt idx="4655">
                  <c:v>46.219000000000001</c:v>
                </c:pt>
                <c:pt idx="4656">
                  <c:v>46.228000000000002</c:v>
                </c:pt>
                <c:pt idx="4657">
                  <c:v>46.238</c:v>
                </c:pt>
                <c:pt idx="4658">
                  <c:v>46.247</c:v>
                </c:pt>
                <c:pt idx="4659">
                  <c:v>46.256999999999998</c:v>
                </c:pt>
                <c:pt idx="4660">
                  <c:v>46.267000000000003</c:v>
                </c:pt>
                <c:pt idx="4661">
                  <c:v>46.276000000000003</c:v>
                </c:pt>
                <c:pt idx="4662">
                  <c:v>46.286000000000001</c:v>
                </c:pt>
                <c:pt idx="4663">
                  <c:v>46.295999999999999</c:v>
                </c:pt>
                <c:pt idx="4664">
                  <c:v>46.305</c:v>
                </c:pt>
                <c:pt idx="4665">
                  <c:v>46.316000000000003</c:v>
                </c:pt>
                <c:pt idx="4666">
                  <c:v>46.325000000000003</c:v>
                </c:pt>
                <c:pt idx="4667">
                  <c:v>46.335000000000001</c:v>
                </c:pt>
                <c:pt idx="4668">
                  <c:v>46.344999999999999</c:v>
                </c:pt>
                <c:pt idx="4669">
                  <c:v>46.353999999999999</c:v>
                </c:pt>
                <c:pt idx="4670">
                  <c:v>46.363999999999997</c:v>
                </c:pt>
                <c:pt idx="4671">
                  <c:v>46.372999999999998</c:v>
                </c:pt>
                <c:pt idx="4672">
                  <c:v>46.384</c:v>
                </c:pt>
                <c:pt idx="4673">
                  <c:v>46.393000000000001</c:v>
                </c:pt>
                <c:pt idx="4674">
                  <c:v>46.402999999999999</c:v>
                </c:pt>
                <c:pt idx="4675">
                  <c:v>46.411999999999999</c:v>
                </c:pt>
                <c:pt idx="4676">
                  <c:v>46.423000000000002</c:v>
                </c:pt>
                <c:pt idx="4677">
                  <c:v>46.432000000000002</c:v>
                </c:pt>
                <c:pt idx="4678">
                  <c:v>46.442999999999998</c:v>
                </c:pt>
                <c:pt idx="4679">
                  <c:v>46.451999999999998</c:v>
                </c:pt>
                <c:pt idx="4680">
                  <c:v>46.462000000000003</c:v>
                </c:pt>
                <c:pt idx="4681">
                  <c:v>46.470999999999997</c:v>
                </c:pt>
                <c:pt idx="4682">
                  <c:v>46.481000000000002</c:v>
                </c:pt>
                <c:pt idx="4683">
                  <c:v>46.491999999999997</c:v>
                </c:pt>
                <c:pt idx="4684">
                  <c:v>46.500999999999998</c:v>
                </c:pt>
                <c:pt idx="4685">
                  <c:v>46.511000000000003</c:v>
                </c:pt>
                <c:pt idx="4686">
                  <c:v>46.521000000000001</c:v>
                </c:pt>
                <c:pt idx="4687">
                  <c:v>46.530999999999999</c:v>
                </c:pt>
                <c:pt idx="4688">
                  <c:v>46.54</c:v>
                </c:pt>
                <c:pt idx="4689">
                  <c:v>46.55</c:v>
                </c:pt>
                <c:pt idx="4690">
                  <c:v>46.56</c:v>
                </c:pt>
                <c:pt idx="4691">
                  <c:v>46.569000000000003</c:v>
                </c:pt>
                <c:pt idx="4692">
                  <c:v>46.578000000000003</c:v>
                </c:pt>
                <c:pt idx="4693">
                  <c:v>46.588000000000001</c:v>
                </c:pt>
                <c:pt idx="4694">
                  <c:v>46.597999999999999</c:v>
                </c:pt>
                <c:pt idx="4695">
                  <c:v>46.606999999999999</c:v>
                </c:pt>
                <c:pt idx="4696">
                  <c:v>46.618000000000002</c:v>
                </c:pt>
                <c:pt idx="4697">
                  <c:v>46.627000000000002</c:v>
                </c:pt>
                <c:pt idx="4698">
                  <c:v>46.637</c:v>
                </c:pt>
                <c:pt idx="4699">
                  <c:v>46.646000000000001</c:v>
                </c:pt>
                <c:pt idx="4700">
                  <c:v>46.656999999999996</c:v>
                </c:pt>
                <c:pt idx="4701">
                  <c:v>46.667000000000002</c:v>
                </c:pt>
                <c:pt idx="4702">
                  <c:v>46.676000000000002</c:v>
                </c:pt>
                <c:pt idx="4703">
                  <c:v>46.685000000000002</c:v>
                </c:pt>
                <c:pt idx="4704">
                  <c:v>46.695999999999998</c:v>
                </c:pt>
                <c:pt idx="4705">
                  <c:v>46.704999999999998</c:v>
                </c:pt>
                <c:pt idx="4706">
                  <c:v>46.715000000000003</c:v>
                </c:pt>
                <c:pt idx="4707">
                  <c:v>46.723999999999997</c:v>
                </c:pt>
                <c:pt idx="4708">
                  <c:v>46.734000000000002</c:v>
                </c:pt>
                <c:pt idx="4709">
                  <c:v>46.744</c:v>
                </c:pt>
                <c:pt idx="4710">
                  <c:v>46.753999999999998</c:v>
                </c:pt>
                <c:pt idx="4711">
                  <c:v>46.762999999999998</c:v>
                </c:pt>
                <c:pt idx="4712">
                  <c:v>46.774000000000001</c:v>
                </c:pt>
                <c:pt idx="4713">
                  <c:v>46.783000000000001</c:v>
                </c:pt>
                <c:pt idx="4714">
                  <c:v>46.792000000000002</c:v>
                </c:pt>
                <c:pt idx="4715">
                  <c:v>46.802</c:v>
                </c:pt>
                <c:pt idx="4716">
                  <c:v>46.811999999999998</c:v>
                </c:pt>
                <c:pt idx="4717">
                  <c:v>46.822000000000003</c:v>
                </c:pt>
                <c:pt idx="4718">
                  <c:v>46.832000000000001</c:v>
                </c:pt>
                <c:pt idx="4719">
                  <c:v>46.841000000000001</c:v>
                </c:pt>
                <c:pt idx="4720">
                  <c:v>46.850999999999999</c:v>
                </c:pt>
                <c:pt idx="4721">
                  <c:v>46.860999999999997</c:v>
                </c:pt>
                <c:pt idx="4722">
                  <c:v>46.87</c:v>
                </c:pt>
                <c:pt idx="4723">
                  <c:v>46.88</c:v>
                </c:pt>
                <c:pt idx="4724">
                  <c:v>46.890999999999998</c:v>
                </c:pt>
                <c:pt idx="4725">
                  <c:v>46.9</c:v>
                </c:pt>
                <c:pt idx="4726">
                  <c:v>46.91</c:v>
                </c:pt>
                <c:pt idx="4727">
                  <c:v>46.918999999999997</c:v>
                </c:pt>
                <c:pt idx="4728">
                  <c:v>46.93</c:v>
                </c:pt>
                <c:pt idx="4729">
                  <c:v>46.939</c:v>
                </c:pt>
                <c:pt idx="4730">
                  <c:v>46.95</c:v>
                </c:pt>
                <c:pt idx="4731">
                  <c:v>46.959000000000003</c:v>
                </c:pt>
                <c:pt idx="4732">
                  <c:v>46.969000000000001</c:v>
                </c:pt>
                <c:pt idx="4733">
                  <c:v>46.978999999999999</c:v>
                </c:pt>
                <c:pt idx="4734">
                  <c:v>46.988</c:v>
                </c:pt>
                <c:pt idx="4735">
                  <c:v>46.999000000000002</c:v>
                </c:pt>
                <c:pt idx="4736">
                  <c:v>47.008000000000003</c:v>
                </c:pt>
                <c:pt idx="4737">
                  <c:v>47.018000000000001</c:v>
                </c:pt>
                <c:pt idx="4738">
                  <c:v>47.027000000000001</c:v>
                </c:pt>
                <c:pt idx="4739">
                  <c:v>47.036999999999999</c:v>
                </c:pt>
                <c:pt idx="4740">
                  <c:v>47.045999999999999</c:v>
                </c:pt>
                <c:pt idx="4741">
                  <c:v>47.055</c:v>
                </c:pt>
                <c:pt idx="4742">
                  <c:v>47.066000000000003</c:v>
                </c:pt>
                <c:pt idx="4743">
                  <c:v>47.075000000000003</c:v>
                </c:pt>
                <c:pt idx="4744">
                  <c:v>47.085000000000001</c:v>
                </c:pt>
                <c:pt idx="4745">
                  <c:v>47.094000000000001</c:v>
                </c:pt>
                <c:pt idx="4746">
                  <c:v>47.103999999999999</c:v>
                </c:pt>
                <c:pt idx="4747">
                  <c:v>47.113</c:v>
                </c:pt>
                <c:pt idx="4748">
                  <c:v>47.124000000000002</c:v>
                </c:pt>
                <c:pt idx="4749">
                  <c:v>47.133000000000003</c:v>
                </c:pt>
                <c:pt idx="4750">
                  <c:v>47.143999999999998</c:v>
                </c:pt>
                <c:pt idx="4751">
                  <c:v>47.152999999999999</c:v>
                </c:pt>
                <c:pt idx="4752">
                  <c:v>47.161999999999999</c:v>
                </c:pt>
                <c:pt idx="4753">
                  <c:v>47.173000000000002</c:v>
                </c:pt>
                <c:pt idx="4754">
                  <c:v>47.182000000000002</c:v>
                </c:pt>
                <c:pt idx="4755">
                  <c:v>47.192</c:v>
                </c:pt>
                <c:pt idx="4756">
                  <c:v>47.201000000000001</c:v>
                </c:pt>
                <c:pt idx="4757">
                  <c:v>47.212000000000003</c:v>
                </c:pt>
                <c:pt idx="4758">
                  <c:v>47.222000000000001</c:v>
                </c:pt>
                <c:pt idx="4759">
                  <c:v>47.231000000000002</c:v>
                </c:pt>
                <c:pt idx="4760">
                  <c:v>47.241</c:v>
                </c:pt>
                <c:pt idx="4761">
                  <c:v>47.249000000000002</c:v>
                </c:pt>
                <c:pt idx="4762">
                  <c:v>47.26</c:v>
                </c:pt>
                <c:pt idx="4763">
                  <c:v>47.268999999999998</c:v>
                </c:pt>
                <c:pt idx="4764">
                  <c:v>47.277999999999999</c:v>
                </c:pt>
                <c:pt idx="4765">
                  <c:v>47.289000000000001</c:v>
                </c:pt>
                <c:pt idx="4766">
                  <c:v>47.298000000000002</c:v>
                </c:pt>
                <c:pt idx="4767">
                  <c:v>47.308</c:v>
                </c:pt>
                <c:pt idx="4768">
                  <c:v>47.317999999999998</c:v>
                </c:pt>
                <c:pt idx="4769">
                  <c:v>47.328000000000003</c:v>
                </c:pt>
                <c:pt idx="4770">
                  <c:v>47.337000000000003</c:v>
                </c:pt>
                <c:pt idx="4771">
                  <c:v>47.347999999999999</c:v>
                </c:pt>
                <c:pt idx="4772">
                  <c:v>47.356999999999999</c:v>
                </c:pt>
                <c:pt idx="4773">
                  <c:v>47.366999999999997</c:v>
                </c:pt>
                <c:pt idx="4774">
                  <c:v>47.375999999999998</c:v>
                </c:pt>
                <c:pt idx="4775">
                  <c:v>47.387</c:v>
                </c:pt>
                <c:pt idx="4776">
                  <c:v>47.396000000000001</c:v>
                </c:pt>
                <c:pt idx="4777">
                  <c:v>47.405999999999999</c:v>
                </c:pt>
                <c:pt idx="4778">
                  <c:v>47.415999999999997</c:v>
                </c:pt>
                <c:pt idx="4779">
                  <c:v>47.424999999999997</c:v>
                </c:pt>
                <c:pt idx="4780">
                  <c:v>47.435000000000002</c:v>
                </c:pt>
                <c:pt idx="4781">
                  <c:v>47.444000000000003</c:v>
                </c:pt>
                <c:pt idx="4782">
                  <c:v>47.454999999999998</c:v>
                </c:pt>
                <c:pt idx="4783">
                  <c:v>47.465000000000003</c:v>
                </c:pt>
                <c:pt idx="4784">
                  <c:v>47.475000000000001</c:v>
                </c:pt>
                <c:pt idx="4785">
                  <c:v>47.484999999999999</c:v>
                </c:pt>
                <c:pt idx="4786">
                  <c:v>47.494999999999997</c:v>
                </c:pt>
                <c:pt idx="4787">
                  <c:v>47.505000000000003</c:v>
                </c:pt>
                <c:pt idx="4788">
                  <c:v>47.514000000000003</c:v>
                </c:pt>
                <c:pt idx="4789">
                  <c:v>47.524999999999999</c:v>
                </c:pt>
                <c:pt idx="4790">
                  <c:v>47.533999999999999</c:v>
                </c:pt>
                <c:pt idx="4791">
                  <c:v>47.542999999999999</c:v>
                </c:pt>
                <c:pt idx="4792">
                  <c:v>47.552999999999997</c:v>
                </c:pt>
                <c:pt idx="4793">
                  <c:v>47.563000000000002</c:v>
                </c:pt>
                <c:pt idx="4794">
                  <c:v>47.572000000000003</c:v>
                </c:pt>
                <c:pt idx="4795">
                  <c:v>47.582000000000001</c:v>
                </c:pt>
                <c:pt idx="4796">
                  <c:v>47.591000000000001</c:v>
                </c:pt>
                <c:pt idx="4797">
                  <c:v>47.600999999999999</c:v>
                </c:pt>
                <c:pt idx="4798">
                  <c:v>47.612000000000002</c:v>
                </c:pt>
                <c:pt idx="4799">
                  <c:v>47.621000000000002</c:v>
                </c:pt>
                <c:pt idx="4800">
                  <c:v>47.631</c:v>
                </c:pt>
                <c:pt idx="4801">
                  <c:v>47.640999999999998</c:v>
                </c:pt>
                <c:pt idx="4802">
                  <c:v>47.65</c:v>
                </c:pt>
                <c:pt idx="4803">
                  <c:v>47.661000000000001</c:v>
                </c:pt>
                <c:pt idx="4804">
                  <c:v>47.67</c:v>
                </c:pt>
                <c:pt idx="4805">
                  <c:v>47.68</c:v>
                </c:pt>
                <c:pt idx="4806">
                  <c:v>47.69</c:v>
                </c:pt>
                <c:pt idx="4807">
                  <c:v>47.7</c:v>
                </c:pt>
                <c:pt idx="4808">
                  <c:v>47.709000000000003</c:v>
                </c:pt>
                <c:pt idx="4809">
                  <c:v>47.719000000000001</c:v>
                </c:pt>
                <c:pt idx="4810">
                  <c:v>47.728000000000002</c:v>
                </c:pt>
                <c:pt idx="4811">
                  <c:v>47.738999999999997</c:v>
                </c:pt>
                <c:pt idx="4812">
                  <c:v>47.747999999999998</c:v>
                </c:pt>
                <c:pt idx="4813">
                  <c:v>47.756999999999998</c:v>
                </c:pt>
                <c:pt idx="4814">
                  <c:v>47.767000000000003</c:v>
                </c:pt>
                <c:pt idx="4815">
                  <c:v>47.776000000000003</c:v>
                </c:pt>
                <c:pt idx="4816">
                  <c:v>47.786999999999999</c:v>
                </c:pt>
                <c:pt idx="4817">
                  <c:v>47.795999999999999</c:v>
                </c:pt>
                <c:pt idx="4818">
                  <c:v>47.805999999999997</c:v>
                </c:pt>
                <c:pt idx="4819">
                  <c:v>47.816000000000003</c:v>
                </c:pt>
                <c:pt idx="4820">
                  <c:v>47.825000000000003</c:v>
                </c:pt>
                <c:pt idx="4821">
                  <c:v>47.834000000000003</c:v>
                </c:pt>
                <c:pt idx="4822">
                  <c:v>47.844999999999999</c:v>
                </c:pt>
                <c:pt idx="4823">
                  <c:v>47.853999999999999</c:v>
                </c:pt>
                <c:pt idx="4824">
                  <c:v>47.863999999999997</c:v>
                </c:pt>
                <c:pt idx="4825">
                  <c:v>47.872999999999998</c:v>
                </c:pt>
                <c:pt idx="4826">
                  <c:v>47.884</c:v>
                </c:pt>
                <c:pt idx="4827">
                  <c:v>47.893000000000001</c:v>
                </c:pt>
                <c:pt idx="4828">
                  <c:v>47.902000000000001</c:v>
                </c:pt>
                <c:pt idx="4829">
                  <c:v>47.912999999999997</c:v>
                </c:pt>
                <c:pt idx="4830">
                  <c:v>47.920999999999999</c:v>
                </c:pt>
                <c:pt idx="4831">
                  <c:v>47.932000000000002</c:v>
                </c:pt>
                <c:pt idx="4832">
                  <c:v>47.941000000000003</c:v>
                </c:pt>
                <c:pt idx="4833">
                  <c:v>47.951000000000001</c:v>
                </c:pt>
                <c:pt idx="4834">
                  <c:v>47.960999999999999</c:v>
                </c:pt>
                <c:pt idx="4835">
                  <c:v>47.970999999999997</c:v>
                </c:pt>
                <c:pt idx="4836">
                  <c:v>47.981000000000002</c:v>
                </c:pt>
                <c:pt idx="4837">
                  <c:v>47.99</c:v>
                </c:pt>
                <c:pt idx="4838">
                  <c:v>48.000999999999998</c:v>
                </c:pt>
                <c:pt idx="4839">
                  <c:v>48.01</c:v>
                </c:pt>
                <c:pt idx="4840">
                  <c:v>48.02</c:v>
                </c:pt>
                <c:pt idx="4841">
                  <c:v>48.029000000000003</c:v>
                </c:pt>
                <c:pt idx="4842">
                  <c:v>48.039000000000001</c:v>
                </c:pt>
                <c:pt idx="4843">
                  <c:v>48.048000000000002</c:v>
                </c:pt>
                <c:pt idx="4844">
                  <c:v>48.058999999999997</c:v>
                </c:pt>
                <c:pt idx="4845">
                  <c:v>48.067999999999998</c:v>
                </c:pt>
                <c:pt idx="4846">
                  <c:v>48.078000000000003</c:v>
                </c:pt>
                <c:pt idx="4847">
                  <c:v>48.088000000000001</c:v>
                </c:pt>
                <c:pt idx="4848">
                  <c:v>48.097000000000001</c:v>
                </c:pt>
                <c:pt idx="4849">
                  <c:v>48.107999999999997</c:v>
                </c:pt>
                <c:pt idx="4850">
                  <c:v>48.116999999999997</c:v>
                </c:pt>
                <c:pt idx="4851">
                  <c:v>48.125999999999998</c:v>
                </c:pt>
                <c:pt idx="4852">
                  <c:v>48.137</c:v>
                </c:pt>
                <c:pt idx="4853">
                  <c:v>48.146000000000001</c:v>
                </c:pt>
                <c:pt idx="4854">
                  <c:v>48.156999999999996</c:v>
                </c:pt>
                <c:pt idx="4855">
                  <c:v>48.165999999999997</c:v>
                </c:pt>
                <c:pt idx="4856">
                  <c:v>48.174999999999997</c:v>
                </c:pt>
                <c:pt idx="4857">
                  <c:v>48.185000000000002</c:v>
                </c:pt>
                <c:pt idx="4858">
                  <c:v>48.194000000000003</c:v>
                </c:pt>
                <c:pt idx="4859">
                  <c:v>48.204999999999998</c:v>
                </c:pt>
                <c:pt idx="4860">
                  <c:v>48.213999999999999</c:v>
                </c:pt>
                <c:pt idx="4861">
                  <c:v>48.223999999999997</c:v>
                </c:pt>
                <c:pt idx="4862">
                  <c:v>48.232999999999997</c:v>
                </c:pt>
                <c:pt idx="4863">
                  <c:v>48.243000000000002</c:v>
                </c:pt>
                <c:pt idx="4864">
                  <c:v>48.252000000000002</c:v>
                </c:pt>
                <c:pt idx="4865">
                  <c:v>48.262</c:v>
                </c:pt>
                <c:pt idx="4866">
                  <c:v>48.271999999999998</c:v>
                </c:pt>
                <c:pt idx="4867">
                  <c:v>48.281999999999996</c:v>
                </c:pt>
                <c:pt idx="4868">
                  <c:v>48.290999999999997</c:v>
                </c:pt>
                <c:pt idx="4869">
                  <c:v>48.302</c:v>
                </c:pt>
                <c:pt idx="4870">
                  <c:v>48.311999999999998</c:v>
                </c:pt>
                <c:pt idx="4871">
                  <c:v>48.320999999999998</c:v>
                </c:pt>
                <c:pt idx="4872">
                  <c:v>48.332000000000001</c:v>
                </c:pt>
                <c:pt idx="4873">
                  <c:v>48.341000000000001</c:v>
                </c:pt>
                <c:pt idx="4874">
                  <c:v>48.35</c:v>
                </c:pt>
                <c:pt idx="4875">
                  <c:v>48.36</c:v>
                </c:pt>
                <c:pt idx="4876">
                  <c:v>48.37</c:v>
                </c:pt>
                <c:pt idx="4877">
                  <c:v>48.378999999999998</c:v>
                </c:pt>
                <c:pt idx="4878">
                  <c:v>48.389000000000003</c:v>
                </c:pt>
                <c:pt idx="4879">
                  <c:v>48.398000000000003</c:v>
                </c:pt>
                <c:pt idx="4880">
                  <c:v>48.408999999999999</c:v>
                </c:pt>
                <c:pt idx="4881">
                  <c:v>48.417999999999999</c:v>
                </c:pt>
                <c:pt idx="4882">
                  <c:v>48.427</c:v>
                </c:pt>
                <c:pt idx="4883">
                  <c:v>48.438000000000002</c:v>
                </c:pt>
                <c:pt idx="4884">
                  <c:v>48.447000000000003</c:v>
                </c:pt>
                <c:pt idx="4885">
                  <c:v>48.457000000000001</c:v>
                </c:pt>
                <c:pt idx="4886">
                  <c:v>48.466000000000001</c:v>
                </c:pt>
                <c:pt idx="4887">
                  <c:v>48.475999999999999</c:v>
                </c:pt>
                <c:pt idx="4888">
                  <c:v>48.487000000000002</c:v>
                </c:pt>
                <c:pt idx="4889">
                  <c:v>48.496000000000002</c:v>
                </c:pt>
                <c:pt idx="4890">
                  <c:v>48.506</c:v>
                </c:pt>
                <c:pt idx="4891">
                  <c:v>48.515000000000001</c:v>
                </c:pt>
                <c:pt idx="4892">
                  <c:v>48.524999999999999</c:v>
                </c:pt>
                <c:pt idx="4893">
                  <c:v>48.533999999999999</c:v>
                </c:pt>
                <c:pt idx="4894">
                  <c:v>48.543999999999997</c:v>
                </c:pt>
                <c:pt idx="4895">
                  <c:v>48.554000000000002</c:v>
                </c:pt>
                <c:pt idx="4896">
                  <c:v>48.564</c:v>
                </c:pt>
                <c:pt idx="4897">
                  <c:v>48.573</c:v>
                </c:pt>
                <c:pt idx="4898">
                  <c:v>48.582000000000001</c:v>
                </c:pt>
                <c:pt idx="4899">
                  <c:v>48.591999999999999</c:v>
                </c:pt>
                <c:pt idx="4900">
                  <c:v>48.601999999999997</c:v>
                </c:pt>
                <c:pt idx="4901">
                  <c:v>48.610999999999997</c:v>
                </c:pt>
                <c:pt idx="4902">
                  <c:v>48.622</c:v>
                </c:pt>
                <c:pt idx="4903">
                  <c:v>48.631</c:v>
                </c:pt>
                <c:pt idx="4904">
                  <c:v>48.640999999999998</c:v>
                </c:pt>
                <c:pt idx="4905">
                  <c:v>48.651000000000003</c:v>
                </c:pt>
                <c:pt idx="4906">
                  <c:v>48.66</c:v>
                </c:pt>
                <c:pt idx="4907">
                  <c:v>48.67</c:v>
                </c:pt>
                <c:pt idx="4908">
                  <c:v>48.68</c:v>
                </c:pt>
                <c:pt idx="4909">
                  <c:v>48.69</c:v>
                </c:pt>
                <c:pt idx="4910">
                  <c:v>48.7</c:v>
                </c:pt>
                <c:pt idx="4911">
                  <c:v>48.709000000000003</c:v>
                </c:pt>
                <c:pt idx="4912">
                  <c:v>48.719000000000001</c:v>
                </c:pt>
                <c:pt idx="4913">
                  <c:v>48.728000000000002</c:v>
                </c:pt>
                <c:pt idx="4914">
                  <c:v>48.738</c:v>
                </c:pt>
                <c:pt idx="4915">
                  <c:v>48.747999999999998</c:v>
                </c:pt>
                <c:pt idx="4916">
                  <c:v>48.759</c:v>
                </c:pt>
                <c:pt idx="4917">
                  <c:v>48.768000000000001</c:v>
                </c:pt>
                <c:pt idx="4918">
                  <c:v>48.777000000000001</c:v>
                </c:pt>
                <c:pt idx="4919">
                  <c:v>48.787999999999997</c:v>
                </c:pt>
                <c:pt idx="4920">
                  <c:v>48.796999999999997</c:v>
                </c:pt>
                <c:pt idx="4921">
                  <c:v>48.807000000000002</c:v>
                </c:pt>
                <c:pt idx="4922">
                  <c:v>48.817999999999998</c:v>
                </c:pt>
                <c:pt idx="4923">
                  <c:v>48.826999999999998</c:v>
                </c:pt>
                <c:pt idx="4924">
                  <c:v>48.837000000000003</c:v>
                </c:pt>
                <c:pt idx="4925">
                  <c:v>48.847000000000001</c:v>
                </c:pt>
                <c:pt idx="4926">
                  <c:v>48.856999999999999</c:v>
                </c:pt>
                <c:pt idx="4927">
                  <c:v>48.866</c:v>
                </c:pt>
                <c:pt idx="4928">
                  <c:v>48.875999999999998</c:v>
                </c:pt>
                <c:pt idx="4929">
                  <c:v>48.884999999999998</c:v>
                </c:pt>
                <c:pt idx="4930">
                  <c:v>48.896000000000001</c:v>
                </c:pt>
                <c:pt idx="4931">
                  <c:v>48.905000000000001</c:v>
                </c:pt>
                <c:pt idx="4932">
                  <c:v>48.914000000000001</c:v>
                </c:pt>
                <c:pt idx="4933">
                  <c:v>48.924999999999997</c:v>
                </c:pt>
                <c:pt idx="4934">
                  <c:v>48.933999999999997</c:v>
                </c:pt>
                <c:pt idx="4935">
                  <c:v>48.945</c:v>
                </c:pt>
                <c:pt idx="4936">
                  <c:v>48.954000000000001</c:v>
                </c:pt>
                <c:pt idx="4937">
                  <c:v>48.965000000000003</c:v>
                </c:pt>
                <c:pt idx="4938">
                  <c:v>48.973999999999997</c:v>
                </c:pt>
                <c:pt idx="4939">
                  <c:v>48.984000000000002</c:v>
                </c:pt>
                <c:pt idx="4940">
                  <c:v>48.994999999999997</c:v>
                </c:pt>
                <c:pt idx="4941">
                  <c:v>49.003999999999998</c:v>
                </c:pt>
                <c:pt idx="4942">
                  <c:v>49.012999999999998</c:v>
                </c:pt>
                <c:pt idx="4943">
                  <c:v>49.023000000000003</c:v>
                </c:pt>
                <c:pt idx="4944">
                  <c:v>49.033000000000001</c:v>
                </c:pt>
                <c:pt idx="4945">
                  <c:v>49.042000000000002</c:v>
                </c:pt>
                <c:pt idx="4946">
                  <c:v>49.052</c:v>
                </c:pt>
                <c:pt idx="4947">
                  <c:v>49.061</c:v>
                </c:pt>
                <c:pt idx="4948">
                  <c:v>49.070999999999998</c:v>
                </c:pt>
                <c:pt idx="4949">
                  <c:v>49.08</c:v>
                </c:pt>
                <c:pt idx="4950">
                  <c:v>49.091000000000001</c:v>
                </c:pt>
                <c:pt idx="4951">
                  <c:v>49.1</c:v>
                </c:pt>
                <c:pt idx="4952">
                  <c:v>49.11</c:v>
                </c:pt>
                <c:pt idx="4953">
                  <c:v>49.12</c:v>
                </c:pt>
                <c:pt idx="4954">
                  <c:v>49.128999999999998</c:v>
                </c:pt>
                <c:pt idx="4955">
                  <c:v>49.139000000000003</c:v>
                </c:pt>
                <c:pt idx="4956">
                  <c:v>49.149000000000001</c:v>
                </c:pt>
                <c:pt idx="4957">
                  <c:v>49.158000000000001</c:v>
                </c:pt>
                <c:pt idx="4958">
                  <c:v>49.167999999999999</c:v>
                </c:pt>
                <c:pt idx="4959">
                  <c:v>49.177999999999997</c:v>
                </c:pt>
                <c:pt idx="4960">
                  <c:v>49.188000000000002</c:v>
                </c:pt>
                <c:pt idx="4961">
                  <c:v>49.198</c:v>
                </c:pt>
                <c:pt idx="4962">
                  <c:v>49.207000000000001</c:v>
                </c:pt>
                <c:pt idx="4963">
                  <c:v>49.216999999999999</c:v>
                </c:pt>
                <c:pt idx="4964">
                  <c:v>49.226999999999997</c:v>
                </c:pt>
                <c:pt idx="4965">
                  <c:v>49.237000000000002</c:v>
                </c:pt>
                <c:pt idx="4966">
                  <c:v>49.247</c:v>
                </c:pt>
                <c:pt idx="4967">
                  <c:v>49.256</c:v>
                </c:pt>
                <c:pt idx="4968">
                  <c:v>49.265000000000001</c:v>
                </c:pt>
                <c:pt idx="4969">
                  <c:v>49.276000000000003</c:v>
                </c:pt>
                <c:pt idx="4970">
                  <c:v>49.284999999999997</c:v>
                </c:pt>
                <c:pt idx="4971">
                  <c:v>49.295000000000002</c:v>
                </c:pt>
                <c:pt idx="4972">
                  <c:v>49.304000000000002</c:v>
                </c:pt>
                <c:pt idx="4973">
                  <c:v>49.314999999999998</c:v>
                </c:pt>
                <c:pt idx="4974">
                  <c:v>49.323999999999998</c:v>
                </c:pt>
                <c:pt idx="4975">
                  <c:v>49.386000000000003</c:v>
                </c:pt>
                <c:pt idx="4976">
                  <c:v>49.395000000000003</c:v>
                </c:pt>
                <c:pt idx="4977">
                  <c:v>49.405999999999999</c:v>
                </c:pt>
                <c:pt idx="4978">
                  <c:v>49.414000000000001</c:v>
                </c:pt>
                <c:pt idx="4979">
                  <c:v>49.423999999999999</c:v>
                </c:pt>
                <c:pt idx="4980">
                  <c:v>49.433999999999997</c:v>
                </c:pt>
                <c:pt idx="4981">
                  <c:v>49.444000000000003</c:v>
                </c:pt>
                <c:pt idx="4982">
                  <c:v>49.454000000000001</c:v>
                </c:pt>
                <c:pt idx="4983">
                  <c:v>49.463999999999999</c:v>
                </c:pt>
                <c:pt idx="4984">
                  <c:v>49.472999999999999</c:v>
                </c:pt>
                <c:pt idx="4985">
                  <c:v>49.482999999999997</c:v>
                </c:pt>
                <c:pt idx="4986">
                  <c:v>49.491999999999997</c:v>
                </c:pt>
                <c:pt idx="4987">
                  <c:v>49.503</c:v>
                </c:pt>
                <c:pt idx="4988">
                  <c:v>49.512999999999998</c:v>
                </c:pt>
                <c:pt idx="4989">
                  <c:v>49.521999999999998</c:v>
                </c:pt>
                <c:pt idx="4990">
                  <c:v>49.533000000000001</c:v>
                </c:pt>
                <c:pt idx="4991">
                  <c:v>49.542000000000002</c:v>
                </c:pt>
                <c:pt idx="4992">
                  <c:v>49.551000000000002</c:v>
                </c:pt>
                <c:pt idx="4993">
                  <c:v>49.561999999999998</c:v>
                </c:pt>
                <c:pt idx="4994">
                  <c:v>49.572000000000003</c:v>
                </c:pt>
                <c:pt idx="4995">
                  <c:v>49.581000000000003</c:v>
                </c:pt>
                <c:pt idx="4996">
                  <c:v>49.591000000000001</c:v>
                </c:pt>
                <c:pt idx="4997">
                  <c:v>49.600999999999999</c:v>
                </c:pt>
                <c:pt idx="4998">
                  <c:v>49.610999999999997</c:v>
                </c:pt>
                <c:pt idx="4999">
                  <c:v>49.621000000000002</c:v>
                </c:pt>
                <c:pt idx="5000">
                  <c:v>49.631</c:v>
                </c:pt>
                <c:pt idx="5001">
                  <c:v>49.64</c:v>
                </c:pt>
                <c:pt idx="5002">
                  <c:v>49.651000000000003</c:v>
                </c:pt>
                <c:pt idx="5003">
                  <c:v>49.66</c:v>
                </c:pt>
                <c:pt idx="5004">
                  <c:v>49.670999999999999</c:v>
                </c:pt>
                <c:pt idx="5005">
                  <c:v>49.68</c:v>
                </c:pt>
                <c:pt idx="5006">
                  <c:v>49.69</c:v>
                </c:pt>
                <c:pt idx="5007">
                  <c:v>49.7</c:v>
                </c:pt>
                <c:pt idx="5008">
                  <c:v>49.709000000000003</c:v>
                </c:pt>
                <c:pt idx="5009">
                  <c:v>49.72</c:v>
                </c:pt>
                <c:pt idx="5010">
                  <c:v>49.728999999999999</c:v>
                </c:pt>
                <c:pt idx="5011">
                  <c:v>49.74</c:v>
                </c:pt>
                <c:pt idx="5012">
                  <c:v>49.749000000000002</c:v>
                </c:pt>
                <c:pt idx="5013">
                  <c:v>49.758000000000003</c:v>
                </c:pt>
                <c:pt idx="5014">
                  <c:v>49.768999999999998</c:v>
                </c:pt>
                <c:pt idx="5015">
                  <c:v>49.777999999999999</c:v>
                </c:pt>
                <c:pt idx="5016">
                  <c:v>49.787999999999997</c:v>
                </c:pt>
                <c:pt idx="5017">
                  <c:v>49.798000000000002</c:v>
                </c:pt>
                <c:pt idx="5018">
                  <c:v>49.808999999999997</c:v>
                </c:pt>
                <c:pt idx="5019">
                  <c:v>49.817999999999998</c:v>
                </c:pt>
                <c:pt idx="5020">
                  <c:v>49.826999999999998</c:v>
                </c:pt>
                <c:pt idx="5021">
                  <c:v>49.838000000000001</c:v>
                </c:pt>
                <c:pt idx="5022">
                  <c:v>49.847000000000001</c:v>
                </c:pt>
                <c:pt idx="5023">
                  <c:v>49.857999999999997</c:v>
                </c:pt>
                <c:pt idx="5024">
                  <c:v>49.866999999999997</c:v>
                </c:pt>
                <c:pt idx="5025">
                  <c:v>49.878</c:v>
                </c:pt>
                <c:pt idx="5026">
                  <c:v>49.887</c:v>
                </c:pt>
                <c:pt idx="5027">
                  <c:v>49.896999999999998</c:v>
                </c:pt>
                <c:pt idx="5028">
                  <c:v>49.905999999999999</c:v>
                </c:pt>
                <c:pt idx="5029">
                  <c:v>49.915999999999997</c:v>
                </c:pt>
                <c:pt idx="5030">
                  <c:v>49.926000000000002</c:v>
                </c:pt>
                <c:pt idx="5031">
                  <c:v>49.936</c:v>
                </c:pt>
                <c:pt idx="5032">
                  <c:v>49.945999999999998</c:v>
                </c:pt>
                <c:pt idx="5033">
                  <c:v>49.956000000000003</c:v>
                </c:pt>
                <c:pt idx="5034">
                  <c:v>49.965000000000003</c:v>
                </c:pt>
                <c:pt idx="5035">
                  <c:v>49.975999999999999</c:v>
                </c:pt>
                <c:pt idx="5036">
                  <c:v>49.984999999999999</c:v>
                </c:pt>
                <c:pt idx="5037">
                  <c:v>49.994999999999997</c:v>
                </c:pt>
                <c:pt idx="5038">
                  <c:v>50.006</c:v>
                </c:pt>
                <c:pt idx="5039">
                  <c:v>50.015999999999998</c:v>
                </c:pt>
                <c:pt idx="5040">
                  <c:v>50.024999999999999</c:v>
                </c:pt>
                <c:pt idx="5041">
                  <c:v>50.034999999999997</c:v>
                </c:pt>
                <c:pt idx="5042">
                  <c:v>50.043999999999997</c:v>
                </c:pt>
                <c:pt idx="5043">
                  <c:v>50.055</c:v>
                </c:pt>
                <c:pt idx="5044">
                  <c:v>50.064</c:v>
                </c:pt>
                <c:pt idx="5045">
                  <c:v>50.073</c:v>
                </c:pt>
                <c:pt idx="5046">
                  <c:v>50.082999999999998</c:v>
                </c:pt>
                <c:pt idx="5047">
                  <c:v>50.094000000000001</c:v>
                </c:pt>
                <c:pt idx="5048">
                  <c:v>50.103000000000002</c:v>
                </c:pt>
                <c:pt idx="5049">
                  <c:v>50.113</c:v>
                </c:pt>
                <c:pt idx="5050">
                  <c:v>50.122999999999998</c:v>
                </c:pt>
                <c:pt idx="5051">
                  <c:v>50.133000000000003</c:v>
                </c:pt>
                <c:pt idx="5052">
                  <c:v>50.142000000000003</c:v>
                </c:pt>
                <c:pt idx="5053">
                  <c:v>50.152999999999999</c:v>
                </c:pt>
                <c:pt idx="5054">
                  <c:v>50.161999999999999</c:v>
                </c:pt>
                <c:pt idx="5055">
                  <c:v>50.170999999999999</c:v>
                </c:pt>
                <c:pt idx="5056">
                  <c:v>50.182000000000002</c:v>
                </c:pt>
                <c:pt idx="5057">
                  <c:v>50.191000000000003</c:v>
                </c:pt>
                <c:pt idx="5058">
                  <c:v>50.201999999999998</c:v>
                </c:pt>
                <c:pt idx="5059">
                  <c:v>50.210999999999999</c:v>
                </c:pt>
                <c:pt idx="5060">
                  <c:v>50.222000000000001</c:v>
                </c:pt>
                <c:pt idx="5061">
                  <c:v>50.231000000000002</c:v>
                </c:pt>
                <c:pt idx="5062">
                  <c:v>50.24</c:v>
                </c:pt>
                <c:pt idx="5063">
                  <c:v>50.250999999999998</c:v>
                </c:pt>
                <c:pt idx="5064">
                  <c:v>50.26</c:v>
                </c:pt>
                <c:pt idx="5065">
                  <c:v>50.27</c:v>
                </c:pt>
                <c:pt idx="5066">
                  <c:v>50.28</c:v>
                </c:pt>
                <c:pt idx="5067">
                  <c:v>50.289000000000001</c:v>
                </c:pt>
                <c:pt idx="5068">
                  <c:v>50.3</c:v>
                </c:pt>
                <c:pt idx="5069">
                  <c:v>50.308999999999997</c:v>
                </c:pt>
                <c:pt idx="5070">
                  <c:v>50.32</c:v>
                </c:pt>
                <c:pt idx="5071">
                  <c:v>50.329000000000001</c:v>
                </c:pt>
                <c:pt idx="5072">
                  <c:v>50.338999999999999</c:v>
                </c:pt>
                <c:pt idx="5073">
                  <c:v>50.348999999999997</c:v>
                </c:pt>
                <c:pt idx="5074">
                  <c:v>50.359000000000002</c:v>
                </c:pt>
                <c:pt idx="5075">
                  <c:v>50.368000000000002</c:v>
                </c:pt>
                <c:pt idx="5076">
                  <c:v>50.378</c:v>
                </c:pt>
                <c:pt idx="5077">
                  <c:v>50.387999999999998</c:v>
                </c:pt>
                <c:pt idx="5078">
                  <c:v>50.398000000000003</c:v>
                </c:pt>
                <c:pt idx="5079">
                  <c:v>50.406999999999996</c:v>
                </c:pt>
                <c:pt idx="5080">
                  <c:v>50.417999999999999</c:v>
                </c:pt>
                <c:pt idx="5081">
                  <c:v>50.427</c:v>
                </c:pt>
                <c:pt idx="5082">
                  <c:v>50.438000000000002</c:v>
                </c:pt>
                <c:pt idx="5083">
                  <c:v>50.447000000000003</c:v>
                </c:pt>
                <c:pt idx="5084">
                  <c:v>50.456000000000003</c:v>
                </c:pt>
                <c:pt idx="5085">
                  <c:v>50.466999999999999</c:v>
                </c:pt>
                <c:pt idx="5086">
                  <c:v>50.475999999999999</c:v>
                </c:pt>
                <c:pt idx="5087">
                  <c:v>50.485999999999997</c:v>
                </c:pt>
                <c:pt idx="5088">
                  <c:v>50.496000000000002</c:v>
                </c:pt>
                <c:pt idx="5089">
                  <c:v>50.505000000000003</c:v>
                </c:pt>
                <c:pt idx="5090">
                  <c:v>50.515999999999998</c:v>
                </c:pt>
                <c:pt idx="5091">
                  <c:v>50.524999999999999</c:v>
                </c:pt>
                <c:pt idx="5092">
                  <c:v>50.533999999999999</c:v>
                </c:pt>
                <c:pt idx="5093">
                  <c:v>50.545000000000002</c:v>
                </c:pt>
                <c:pt idx="5094">
                  <c:v>50.554000000000002</c:v>
                </c:pt>
                <c:pt idx="5095">
                  <c:v>50.564999999999998</c:v>
                </c:pt>
                <c:pt idx="5096">
                  <c:v>50.573999999999998</c:v>
                </c:pt>
                <c:pt idx="5097">
                  <c:v>50.582999999999998</c:v>
                </c:pt>
                <c:pt idx="5098">
                  <c:v>50.594000000000001</c:v>
                </c:pt>
                <c:pt idx="5099">
                  <c:v>50.603000000000002</c:v>
                </c:pt>
                <c:pt idx="5100">
                  <c:v>50.613999999999997</c:v>
                </c:pt>
                <c:pt idx="5101">
                  <c:v>50.622999999999998</c:v>
                </c:pt>
                <c:pt idx="5102">
                  <c:v>50.631999999999998</c:v>
                </c:pt>
                <c:pt idx="5103">
                  <c:v>50.643000000000001</c:v>
                </c:pt>
                <c:pt idx="5104">
                  <c:v>50.652000000000001</c:v>
                </c:pt>
                <c:pt idx="5105">
                  <c:v>50.662999999999997</c:v>
                </c:pt>
                <c:pt idx="5106">
                  <c:v>50.671999999999997</c:v>
                </c:pt>
                <c:pt idx="5107">
                  <c:v>50.680999999999997</c:v>
                </c:pt>
                <c:pt idx="5108">
                  <c:v>50.692</c:v>
                </c:pt>
                <c:pt idx="5109">
                  <c:v>50.701000000000001</c:v>
                </c:pt>
                <c:pt idx="5110">
                  <c:v>50.710999999999999</c:v>
                </c:pt>
                <c:pt idx="5111">
                  <c:v>50.72</c:v>
                </c:pt>
                <c:pt idx="5112">
                  <c:v>50.731000000000002</c:v>
                </c:pt>
                <c:pt idx="5113">
                  <c:v>50.74</c:v>
                </c:pt>
                <c:pt idx="5114">
                  <c:v>50.75</c:v>
                </c:pt>
                <c:pt idx="5115">
                  <c:v>50.761000000000003</c:v>
                </c:pt>
                <c:pt idx="5116">
                  <c:v>50.77</c:v>
                </c:pt>
                <c:pt idx="5117">
                  <c:v>50.78</c:v>
                </c:pt>
                <c:pt idx="5118">
                  <c:v>50.79</c:v>
                </c:pt>
                <c:pt idx="5119">
                  <c:v>50.8</c:v>
                </c:pt>
                <c:pt idx="5120">
                  <c:v>50.808999999999997</c:v>
                </c:pt>
                <c:pt idx="5121">
                  <c:v>50.82</c:v>
                </c:pt>
                <c:pt idx="5122">
                  <c:v>50.829000000000001</c:v>
                </c:pt>
                <c:pt idx="5123">
                  <c:v>50.838999999999999</c:v>
                </c:pt>
                <c:pt idx="5124">
                  <c:v>50.848999999999997</c:v>
                </c:pt>
                <c:pt idx="5125">
                  <c:v>50.859000000000002</c:v>
                </c:pt>
                <c:pt idx="5126">
                  <c:v>50.869</c:v>
                </c:pt>
                <c:pt idx="5127">
                  <c:v>50.878999999999998</c:v>
                </c:pt>
                <c:pt idx="5128">
                  <c:v>50.889000000000003</c:v>
                </c:pt>
                <c:pt idx="5129">
                  <c:v>50.898000000000003</c:v>
                </c:pt>
                <c:pt idx="5130">
                  <c:v>50.906999999999996</c:v>
                </c:pt>
                <c:pt idx="5131">
                  <c:v>50.917000000000002</c:v>
                </c:pt>
                <c:pt idx="5132">
                  <c:v>50.927999999999997</c:v>
                </c:pt>
                <c:pt idx="5133">
                  <c:v>50.938000000000002</c:v>
                </c:pt>
                <c:pt idx="5134">
                  <c:v>50.948</c:v>
                </c:pt>
                <c:pt idx="5135">
                  <c:v>50.957999999999998</c:v>
                </c:pt>
                <c:pt idx="5136">
                  <c:v>50.966999999999999</c:v>
                </c:pt>
                <c:pt idx="5137">
                  <c:v>50.976999999999997</c:v>
                </c:pt>
                <c:pt idx="5138">
                  <c:v>50.987000000000002</c:v>
                </c:pt>
                <c:pt idx="5139">
                  <c:v>50.996000000000002</c:v>
                </c:pt>
                <c:pt idx="5140">
                  <c:v>51.006999999999998</c:v>
                </c:pt>
                <c:pt idx="5141">
                  <c:v>51.015999999999998</c:v>
                </c:pt>
                <c:pt idx="5142">
                  <c:v>51.026000000000003</c:v>
                </c:pt>
                <c:pt idx="5143">
                  <c:v>51.036000000000001</c:v>
                </c:pt>
                <c:pt idx="5144">
                  <c:v>51.045000000000002</c:v>
                </c:pt>
                <c:pt idx="5145">
                  <c:v>51.055</c:v>
                </c:pt>
                <c:pt idx="5146">
                  <c:v>51.064</c:v>
                </c:pt>
                <c:pt idx="5147">
                  <c:v>51.073999999999998</c:v>
                </c:pt>
                <c:pt idx="5148">
                  <c:v>51.084000000000003</c:v>
                </c:pt>
                <c:pt idx="5149">
                  <c:v>51.094000000000001</c:v>
                </c:pt>
                <c:pt idx="5150">
                  <c:v>51.103000000000002</c:v>
                </c:pt>
                <c:pt idx="5151">
                  <c:v>51.113</c:v>
                </c:pt>
                <c:pt idx="5152">
                  <c:v>51.122</c:v>
                </c:pt>
                <c:pt idx="5153">
                  <c:v>51.133000000000003</c:v>
                </c:pt>
                <c:pt idx="5154">
                  <c:v>51.143000000000001</c:v>
                </c:pt>
                <c:pt idx="5155">
                  <c:v>51.152000000000001</c:v>
                </c:pt>
                <c:pt idx="5156">
                  <c:v>51.161999999999999</c:v>
                </c:pt>
                <c:pt idx="5157">
                  <c:v>51.171999999999997</c:v>
                </c:pt>
                <c:pt idx="5158">
                  <c:v>51.182000000000002</c:v>
                </c:pt>
                <c:pt idx="5159">
                  <c:v>51.192</c:v>
                </c:pt>
                <c:pt idx="5160">
                  <c:v>51.201000000000001</c:v>
                </c:pt>
                <c:pt idx="5161">
                  <c:v>51.210999999999999</c:v>
                </c:pt>
                <c:pt idx="5162">
                  <c:v>51.220999999999997</c:v>
                </c:pt>
                <c:pt idx="5163">
                  <c:v>51.231000000000002</c:v>
                </c:pt>
                <c:pt idx="5164">
                  <c:v>51.241</c:v>
                </c:pt>
                <c:pt idx="5165">
                  <c:v>51.250999999999998</c:v>
                </c:pt>
                <c:pt idx="5166">
                  <c:v>51.261000000000003</c:v>
                </c:pt>
                <c:pt idx="5167">
                  <c:v>51.27</c:v>
                </c:pt>
                <c:pt idx="5168">
                  <c:v>51.280999999999999</c:v>
                </c:pt>
                <c:pt idx="5169">
                  <c:v>51.29</c:v>
                </c:pt>
                <c:pt idx="5170">
                  <c:v>51.3</c:v>
                </c:pt>
                <c:pt idx="5171">
                  <c:v>51.31</c:v>
                </c:pt>
                <c:pt idx="5172">
                  <c:v>51.320999999999998</c:v>
                </c:pt>
                <c:pt idx="5173">
                  <c:v>51.33</c:v>
                </c:pt>
                <c:pt idx="5174">
                  <c:v>51.34</c:v>
                </c:pt>
                <c:pt idx="5175">
                  <c:v>51.348999999999997</c:v>
                </c:pt>
                <c:pt idx="5176">
                  <c:v>51.359000000000002</c:v>
                </c:pt>
                <c:pt idx="5177">
                  <c:v>51.369</c:v>
                </c:pt>
                <c:pt idx="5178">
                  <c:v>51.378999999999998</c:v>
                </c:pt>
                <c:pt idx="5179">
                  <c:v>51.389000000000003</c:v>
                </c:pt>
                <c:pt idx="5180">
                  <c:v>51.398000000000003</c:v>
                </c:pt>
                <c:pt idx="5181">
                  <c:v>51.408000000000001</c:v>
                </c:pt>
                <c:pt idx="5182">
                  <c:v>51.417999999999999</c:v>
                </c:pt>
                <c:pt idx="5183">
                  <c:v>51.427999999999997</c:v>
                </c:pt>
                <c:pt idx="5184">
                  <c:v>51.438000000000002</c:v>
                </c:pt>
                <c:pt idx="5185">
                  <c:v>51.448</c:v>
                </c:pt>
                <c:pt idx="5186">
                  <c:v>51.457999999999998</c:v>
                </c:pt>
                <c:pt idx="5187">
                  <c:v>51.466999999999999</c:v>
                </c:pt>
                <c:pt idx="5188">
                  <c:v>51.476999999999997</c:v>
                </c:pt>
                <c:pt idx="5189">
                  <c:v>51.487000000000002</c:v>
                </c:pt>
                <c:pt idx="5190">
                  <c:v>51.497</c:v>
                </c:pt>
                <c:pt idx="5191">
                  <c:v>51.508000000000003</c:v>
                </c:pt>
                <c:pt idx="5192">
                  <c:v>51.517000000000003</c:v>
                </c:pt>
                <c:pt idx="5193">
                  <c:v>51.527000000000001</c:v>
                </c:pt>
                <c:pt idx="5194">
                  <c:v>51.536000000000001</c:v>
                </c:pt>
                <c:pt idx="5195">
                  <c:v>51.545999999999999</c:v>
                </c:pt>
                <c:pt idx="5196">
                  <c:v>51.555999999999997</c:v>
                </c:pt>
                <c:pt idx="5197">
                  <c:v>51.566000000000003</c:v>
                </c:pt>
                <c:pt idx="5198">
                  <c:v>51.575000000000003</c:v>
                </c:pt>
                <c:pt idx="5199">
                  <c:v>51.585000000000001</c:v>
                </c:pt>
                <c:pt idx="5200">
                  <c:v>51.594999999999999</c:v>
                </c:pt>
                <c:pt idx="5201">
                  <c:v>51.604999999999997</c:v>
                </c:pt>
                <c:pt idx="5202">
                  <c:v>51.613999999999997</c:v>
                </c:pt>
                <c:pt idx="5203">
                  <c:v>51.624000000000002</c:v>
                </c:pt>
                <c:pt idx="5204">
                  <c:v>51.634999999999998</c:v>
                </c:pt>
                <c:pt idx="5205">
                  <c:v>51.645000000000003</c:v>
                </c:pt>
                <c:pt idx="5206">
                  <c:v>51.655000000000001</c:v>
                </c:pt>
                <c:pt idx="5207">
                  <c:v>51.664000000000001</c:v>
                </c:pt>
                <c:pt idx="5208">
                  <c:v>51.673999999999999</c:v>
                </c:pt>
                <c:pt idx="5209">
                  <c:v>51.683999999999997</c:v>
                </c:pt>
                <c:pt idx="5210">
                  <c:v>51.692999999999998</c:v>
                </c:pt>
                <c:pt idx="5211">
                  <c:v>51.704000000000001</c:v>
                </c:pt>
                <c:pt idx="5212">
                  <c:v>51.713000000000001</c:v>
                </c:pt>
                <c:pt idx="5213">
                  <c:v>51.722999999999999</c:v>
                </c:pt>
                <c:pt idx="5214">
                  <c:v>51.732999999999997</c:v>
                </c:pt>
                <c:pt idx="5215">
                  <c:v>51.743000000000002</c:v>
                </c:pt>
                <c:pt idx="5216">
                  <c:v>51.752000000000002</c:v>
                </c:pt>
                <c:pt idx="5217">
                  <c:v>51.762999999999998</c:v>
                </c:pt>
                <c:pt idx="5218">
                  <c:v>51.773000000000003</c:v>
                </c:pt>
                <c:pt idx="5219">
                  <c:v>51.781999999999996</c:v>
                </c:pt>
                <c:pt idx="5220">
                  <c:v>51.792000000000002</c:v>
                </c:pt>
                <c:pt idx="5221">
                  <c:v>51.802</c:v>
                </c:pt>
                <c:pt idx="5222">
                  <c:v>51.811999999999998</c:v>
                </c:pt>
                <c:pt idx="5223">
                  <c:v>51.820999999999998</c:v>
                </c:pt>
                <c:pt idx="5224">
                  <c:v>51.831000000000003</c:v>
                </c:pt>
                <c:pt idx="5225">
                  <c:v>51.841000000000001</c:v>
                </c:pt>
                <c:pt idx="5226">
                  <c:v>51.851999999999997</c:v>
                </c:pt>
                <c:pt idx="5227">
                  <c:v>51.860999999999997</c:v>
                </c:pt>
                <c:pt idx="5228">
                  <c:v>51.871000000000002</c:v>
                </c:pt>
                <c:pt idx="5229">
                  <c:v>51.881</c:v>
                </c:pt>
                <c:pt idx="5230">
                  <c:v>51.890999999999998</c:v>
                </c:pt>
                <c:pt idx="5231">
                  <c:v>51.901000000000003</c:v>
                </c:pt>
                <c:pt idx="5232">
                  <c:v>51.91</c:v>
                </c:pt>
                <c:pt idx="5233">
                  <c:v>51.92</c:v>
                </c:pt>
                <c:pt idx="5234">
                  <c:v>51.930999999999997</c:v>
                </c:pt>
                <c:pt idx="5235">
                  <c:v>51.94</c:v>
                </c:pt>
                <c:pt idx="5236">
                  <c:v>51.95</c:v>
                </c:pt>
                <c:pt idx="5237">
                  <c:v>51.959000000000003</c:v>
                </c:pt>
                <c:pt idx="5238">
                  <c:v>51.97</c:v>
                </c:pt>
                <c:pt idx="5239">
                  <c:v>51.98</c:v>
                </c:pt>
                <c:pt idx="5240">
                  <c:v>51.99</c:v>
                </c:pt>
                <c:pt idx="5241">
                  <c:v>52</c:v>
                </c:pt>
                <c:pt idx="5242">
                  <c:v>52.009</c:v>
                </c:pt>
                <c:pt idx="5243">
                  <c:v>52.018999999999998</c:v>
                </c:pt>
                <c:pt idx="5244">
                  <c:v>52.027999999999999</c:v>
                </c:pt>
                <c:pt idx="5245">
                  <c:v>52.037999999999997</c:v>
                </c:pt>
                <c:pt idx="5246">
                  <c:v>52.048000000000002</c:v>
                </c:pt>
                <c:pt idx="5247">
                  <c:v>52.057000000000002</c:v>
                </c:pt>
                <c:pt idx="5248">
                  <c:v>52.066000000000003</c:v>
                </c:pt>
                <c:pt idx="5249">
                  <c:v>52.075000000000003</c:v>
                </c:pt>
                <c:pt idx="5250">
                  <c:v>52.084000000000003</c:v>
                </c:pt>
                <c:pt idx="5251">
                  <c:v>52.094999999999999</c:v>
                </c:pt>
                <c:pt idx="5252">
                  <c:v>52.103999999999999</c:v>
                </c:pt>
                <c:pt idx="5253">
                  <c:v>52.113999999999997</c:v>
                </c:pt>
                <c:pt idx="5254">
                  <c:v>52.122999999999998</c:v>
                </c:pt>
                <c:pt idx="5255">
                  <c:v>52.133000000000003</c:v>
                </c:pt>
                <c:pt idx="5256">
                  <c:v>52.142000000000003</c:v>
                </c:pt>
                <c:pt idx="5257">
                  <c:v>52.152000000000001</c:v>
                </c:pt>
                <c:pt idx="5258">
                  <c:v>52.16</c:v>
                </c:pt>
                <c:pt idx="5259">
                  <c:v>52.174999999999997</c:v>
                </c:pt>
                <c:pt idx="5260">
                  <c:v>52.185000000000002</c:v>
                </c:pt>
                <c:pt idx="5261">
                  <c:v>52.195</c:v>
                </c:pt>
                <c:pt idx="5262">
                  <c:v>52.204999999999998</c:v>
                </c:pt>
                <c:pt idx="5263">
                  <c:v>52.215000000000003</c:v>
                </c:pt>
                <c:pt idx="5264">
                  <c:v>52.223999999999997</c:v>
                </c:pt>
                <c:pt idx="5265">
                  <c:v>52.232999999999997</c:v>
                </c:pt>
                <c:pt idx="5266">
                  <c:v>52.243000000000002</c:v>
                </c:pt>
                <c:pt idx="5267">
                  <c:v>52.253</c:v>
                </c:pt>
                <c:pt idx="5268">
                  <c:v>52.262</c:v>
                </c:pt>
                <c:pt idx="5269">
                  <c:v>52.271999999999998</c:v>
                </c:pt>
                <c:pt idx="5270">
                  <c:v>52.281999999999996</c:v>
                </c:pt>
                <c:pt idx="5271">
                  <c:v>52.292000000000002</c:v>
                </c:pt>
                <c:pt idx="5272">
                  <c:v>52.302</c:v>
                </c:pt>
                <c:pt idx="5273">
                  <c:v>52.311</c:v>
                </c:pt>
                <c:pt idx="5274">
                  <c:v>52.317</c:v>
                </c:pt>
                <c:pt idx="5275">
                  <c:v>52.331000000000003</c:v>
                </c:pt>
                <c:pt idx="5276">
                  <c:v>52.341000000000001</c:v>
                </c:pt>
                <c:pt idx="5277">
                  <c:v>52.35</c:v>
                </c:pt>
                <c:pt idx="5278">
                  <c:v>52.360999999999997</c:v>
                </c:pt>
                <c:pt idx="5279">
                  <c:v>52.37</c:v>
                </c:pt>
                <c:pt idx="5280">
                  <c:v>52.378999999999998</c:v>
                </c:pt>
                <c:pt idx="5281">
                  <c:v>52.39</c:v>
                </c:pt>
                <c:pt idx="5282">
                  <c:v>52.399000000000001</c:v>
                </c:pt>
                <c:pt idx="5283">
                  <c:v>52.405999999999999</c:v>
                </c:pt>
                <c:pt idx="5284">
                  <c:v>52.417000000000002</c:v>
                </c:pt>
                <c:pt idx="5285">
                  <c:v>52.427</c:v>
                </c:pt>
                <c:pt idx="5286">
                  <c:v>52.436</c:v>
                </c:pt>
                <c:pt idx="5287">
                  <c:v>52.447000000000003</c:v>
                </c:pt>
                <c:pt idx="5288">
                  <c:v>52.456000000000003</c:v>
                </c:pt>
                <c:pt idx="5289">
                  <c:v>52.466000000000001</c:v>
                </c:pt>
                <c:pt idx="5290">
                  <c:v>52.475999999999999</c:v>
                </c:pt>
                <c:pt idx="5291">
                  <c:v>52.484999999999999</c:v>
                </c:pt>
                <c:pt idx="5292">
                  <c:v>52.494999999999997</c:v>
                </c:pt>
                <c:pt idx="5293">
                  <c:v>52.506</c:v>
                </c:pt>
                <c:pt idx="5294">
                  <c:v>52.515999999999998</c:v>
                </c:pt>
                <c:pt idx="5295">
                  <c:v>52.524999999999999</c:v>
                </c:pt>
                <c:pt idx="5296">
                  <c:v>52.533999999999999</c:v>
                </c:pt>
                <c:pt idx="5297">
                  <c:v>52.543999999999997</c:v>
                </c:pt>
                <c:pt idx="5298">
                  <c:v>52.552999999999997</c:v>
                </c:pt>
                <c:pt idx="5299">
                  <c:v>52.563000000000002</c:v>
                </c:pt>
                <c:pt idx="5300">
                  <c:v>52.573</c:v>
                </c:pt>
                <c:pt idx="5301">
                  <c:v>52.582000000000001</c:v>
                </c:pt>
                <c:pt idx="5302">
                  <c:v>52.59</c:v>
                </c:pt>
                <c:pt idx="5303">
                  <c:v>52.600999999999999</c:v>
                </c:pt>
                <c:pt idx="5304">
                  <c:v>52.61</c:v>
                </c:pt>
                <c:pt idx="5305">
                  <c:v>52.619</c:v>
                </c:pt>
                <c:pt idx="5306">
                  <c:v>52.63</c:v>
                </c:pt>
                <c:pt idx="5307">
                  <c:v>52.639000000000003</c:v>
                </c:pt>
                <c:pt idx="5308">
                  <c:v>52.648000000000003</c:v>
                </c:pt>
                <c:pt idx="5309">
                  <c:v>52.658999999999999</c:v>
                </c:pt>
                <c:pt idx="5310">
                  <c:v>52.668999999999997</c:v>
                </c:pt>
                <c:pt idx="5311">
                  <c:v>52.68</c:v>
                </c:pt>
                <c:pt idx="5312">
                  <c:v>52.689</c:v>
                </c:pt>
                <c:pt idx="5313">
                  <c:v>52.7</c:v>
                </c:pt>
                <c:pt idx="5314">
                  <c:v>52.71</c:v>
                </c:pt>
                <c:pt idx="5315">
                  <c:v>52.72</c:v>
                </c:pt>
                <c:pt idx="5316">
                  <c:v>52.73</c:v>
                </c:pt>
                <c:pt idx="5317">
                  <c:v>52.741</c:v>
                </c:pt>
                <c:pt idx="5318">
                  <c:v>52.750999999999998</c:v>
                </c:pt>
                <c:pt idx="5319">
                  <c:v>52.762</c:v>
                </c:pt>
                <c:pt idx="5320">
                  <c:v>52.771000000000001</c:v>
                </c:pt>
                <c:pt idx="5321">
                  <c:v>52.781999999999996</c:v>
                </c:pt>
                <c:pt idx="5322">
                  <c:v>52.783000000000001</c:v>
                </c:pt>
                <c:pt idx="5323">
                  <c:v>52.783000000000001</c:v>
                </c:pt>
                <c:pt idx="5324">
                  <c:v>52.786000000000001</c:v>
                </c:pt>
                <c:pt idx="5325">
                  <c:v>52.793999999999997</c:v>
                </c:pt>
                <c:pt idx="5326">
                  <c:v>52.804000000000002</c:v>
                </c:pt>
                <c:pt idx="5327">
                  <c:v>52.814</c:v>
                </c:pt>
                <c:pt idx="5328">
                  <c:v>52.823999999999998</c:v>
                </c:pt>
                <c:pt idx="5329">
                  <c:v>52.83</c:v>
                </c:pt>
                <c:pt idx="5330">
                  <c:v>52.83</c:v>
                </c:pt>
                <c:pt idx="5331">
                  <c:v>52.832000000000001</c:v>
                </c:pt>
                <c:pt idx="5332">
                  <c:v>52.841999999999999</c:v>
                </c:pt>
                <c:pt idx="5333">
                  <c:v>52.850999999999999</c:v>
                </c:pt>
                <c:pt idx="5334">
                  <c:v>52.860999999999997</c:v>
                </c:pt>
                <c:pt idx="5335">
                  <c:v>52.871000000000002</c:v>
                </c:pt>
                <c:pt idx="5336">
                  <c:v>52.881</c:v>
                </c:pt>
                <c:pt idx="5337">
                  <c:v>52.890999999999998</c:v>
                </c:pt>
                <c:pt idx="5338">
                  <c:v>52.901000000000003</c:v>
                </c:pt>
                <c:pt idx="5339">
                  <c:v>52.911999999999999</c:v>
                </c:pt>
                <c:pt idx="5340">
                  <c:v>52.923000000000002</c:v>
                </c:pt>
                <c:pt idx="5341">
                  <c:v>52.933</c:v>
                </c:pt>
                <c:pt idx="5342">
                  <c:v>52.994999999999997</c:v>
                </c:pt>
                <c:pt idx="5343">
                  <c:v>53.006</c:v>
                </c:pt>
                <c:pt idx="5344">
                  <c:v>53.017000000000003</c:v>
                </c:pt>
                <c:pt idx="5345">
                  <c:v>53.027000000000001</c:v>
                </c:pt>
                <c:pt idx="5346">
                  <c:v>53.036999999999999</c:v>
                </c:pt>
                <c:pt idx="5347">
                  <c:v>53.046999999999997</c:v>
                </c:pt>
                <c:pt idx="5348">
                  <c:v>53.057000000000002</c:v>
                </c:pt>
                <c:pt idx="5349">
                  <c:v>53.067</c:v>
                </c:pt>
                <c:pt idx="5350">
                  <c:v>53.078000000000003</c:v>
                </c:pt>
                <c:pt idx="5351">
                  <c:v>53.087000000000003</c:v>
                </c:pt>
                <c:pt idx="5352">
                  <c:v>53.097999999999999</c:v>
                </c:pt>
                <c:pt idx="5353">
                  <c:v>53.107999999999997</c:v>
                </c:pt>
                <c:pt idx="5354">
                  <c:v>53.118000000000002</c:v>
                </c:pt>
                <c:pt idx="5355">
                  <c:v>53.128999999999998</c:v>
                </c:pt>
                <c:pt idx="5356">
                  <c:v>53.139000000000003</c:v>
                </c:pt>
                <c:pt idx="5357">
                  <c:v>53.149000000000001</c:v>
                </c:pt>
                <c:pt idx="5358">
                  <c:v>53.16</c:v>
                </c:pt>
                <c:pt idx="5359">
                  <c:v>53.17</c:v>
                </c:pt>
                <c:pt idx="5360">
                  <c:v>53.18</c:v>
                </c:pt>
                <c:pt idx="5361">
                  <c:v>53.191000000000003</c:v>
                </c:pt>
                <c:pt idx="5362">
                  <c:v>53.201000000000001</c:v>
                </c:pt>
                <c:pt idx="5363">
                  <c:v>53.212000000000003</c:v>
                </c:pt>
                <c:pt idx="5364">
                  <c:v>53.222000000000001</c:v>
                </c:pt>
                <c:pt idx="5365">
                  <c:v>53.231999999999999</c:v>
                </c:pt>
                <c:pt idx="5366">
                  <c:v>53.241999999999997</c:v>
                </c:pt>
                <c:pt idx="5367">
                  <c:v>53.252000000000002</c:v>
                </c:pt>
                <c:pt idx="5368">
                  <c:v>53.262</c:v>
                </c:pt>
                <c:pt idx="5369">
                  <c:v>53.273000000000003</c:v>
                </c:pt>
                <c:pt idx="5370">
                  <c:v>53.283000000000001</c:v>
                </c:pt>
                <c:pt idx="5371">
                  <c:v>53.293999999999997</c:v>
                </c:pt>
                <c:pt idx="5372">
                  <c:v>53.305</c:v>
                </c:pt>
                <c:pt idx="5373">
                  <c:v>53.316000000000003</c:v>
                </c:pt>
                <c:pt idx="5374">
                  <c:v>53.326000000000001</c:v>
                </c:pt>
                <c:pt idx="5375">
                  <c:v>53.335999999999999</c:v>
                </c:pt>
                <c:pt idx="5376">
                  <c:v>53.345999999999997</c:v>
                </c:pt>
                <c:pt idx="5377">
                  <c:v>53.356999999999999</c:v>
                </c:pt>
                <c:pt idx="5378">
                  <c:v>53.366999999999997</c:v>
                </c:pt>
                <c:pt idx="5379">
                  <c:v>53.378</c:v>
                </c:pt>
                <c:pt idx="5380">
                  <c:v>53.387</c:v>
                </c:pt>
                <c:pt idx="5381">
                  <c:v>53.398000000000003</c:v>
                </c:pt>
                <c:pt idx="5382">
                  <c:v>53.408000000000001</c:v>
                </c:pt>
                <c:pt idx="5383">
                  <c:v>53.418999999999997</c:v>
                </c:pt>
                <c:pt idx="5384">
                  <c:v>53.429000000000002</c:v>
                </c:pt>
                <c:pt idx="5385">
                  <c:v>53.439</c:v>
                </c:pt>
                <c:pt idx="5386">
                  <c:v>53.448999999999998</c:v>
                </c:pt>
                <c:pt idx="5387">
                  <c:v>53.459000000000003</c:v>
                </c:pt>
                <c:pt idx="5388">
                  <c:v>53.47</c:v>
                </c:pt>
                <c:pt idx="5389">
                  <c:v>53.48</c:v>
                </c:pt>
                <c:pt idx="5390">
                  <c:v>53.49</c:v>
                </c:pt>
                <c:pt idx="5391">
                  <c:v>53.500999999999998</c:v>
                </c:pt>
                <c:pt idx="5392">
                  <c:v>53.51</c:v>
                </c:pt>
                <c:pt idx="5393">
                  <c:v>53.521000000000001</c:v>
                </c:pt>
                <c:pt idx="5394">
                  <c:v>53.530999999999999</c:v>
                </c:pt>
                <c:pt idx="5395">
                  <c:v>53.540999999999997</c:v>
                </c:pt>
                <c:pt idx="5396">
                  <c:v>53.552</c:v>
                </c:pt>
                <c:pt idx="5397">
                  <c:v>53.561</c:v>
                </c:pt>
                <c:pt idx="5398">
                  <c:v>53.572000000000003</c:v>
                </c:pt>
                <c:pt idx="5399">
                  <c:v>53.582000000000001</c:v>
                </c:pt>
                <c:pt idx="5400">
                  <c:v>53.593000000000004</c:v>
                </c:pt>
                <c:pt idx="5401">
                  <c:v>53.603999999999999</c:v>
                </c:pt>
                <c:pt idx="5402">
                  <c:v>53.613</c:v>
                </c:pt>
                <c:pt idx="5403">
                  <c:v>53.624000000000002</c:v>
                </c:pt>
                <c:pt idx="5404">
                  <c:v>53.634</c:v>
                </c:pt>
                <c:pt idx="5405">
                  <c:v>53.645000000000003</c:v>
                </c:pt>
                <c:pt idx="5406">
                  <c:v>53.654000000000003</c:v>
                </c:pt>
                <c:pt idx="5407">
                  <c:v>53.664999999999999</c:v>
                </c:pt>
                <c:pt idx="5408">
                  <c:v>53.676000000000002</c:v>
                </c:pt>
                <c:pt idx="5409">
                  <c:v>53.698999999999998</c:v>
                </c:pt>
                <c:pt idx="5410">
                  <c:v>53.71</c:v>
                </c:pt>
                <c:pt idx="5411">
                  <c:v>53.72</c:v>
                </c:pt>
                <c:pt idx="5412">
                  <c:v>53.728999999999999</c:v>
                </c:pt>
                <c:pt idx="5413">
                  <c:v>53.746000000000002</c:v>
                </c:pt>
                <c:pt idx="5414">
                  <c:v>53.755000000000003</c:v>
                </c:pt>
                <c:pt idx="5415">
                  <c:v>53.765999999999998</c:v>
                </c:pt>
                <c:pt idx="5416">
                  <c:v>53.776000000000003</c:v>
                </c:pt>
                <c:pt idx="5417">
                  <c:v>53.786000000000001</c:v>
                </c:pt>
                <c:pt idx="5418">
                  <c:v>53.796999999999997</c:v>
                </c:pt>
                <c:pt idx="5419">
                  <c:v>53.807000000000002</c:v>
                </c:pt>
                <c:pt idx="5420">
                  <c:v>53.817</c:v>
                </c:pt>
                <c:pt idx="5421">
                  <c:v>53.828000000000003</c:v>
                </c:pt>
                <c:pt idx="5422">
                  <c:v>53.838000000000001</c:v>
                </c:pt>
                <c:pt idx="5423">
                  <c:v>53.848999999999997</c:v>
                </c:pt>
                <c:pt idx="5424">
                  <c:v>53.859000000000002</c:v>
                </c:pt>
                <c:pt idx="5425">
                  <c:v>53.869</c:v>
                </c:pt>
                <c:pt idx="5426">
                  <c:v>53.878999999999998</c:v>
                </c:pt>
                <c:pt idx="5427">
                  <c:v>53.89</c:v>
                </c:pt>
                <c:pt idx="5428">
                  <c:v>53.9</c:v>
                </c:pt>
                <c:pt idx="5429">
                  <c:v>53.91</c:v>
                </c:pt>
                <c:pt idx="5430">
                  <c:v>53.920999999999999</c:v>
                </c:pt>
                <c:pt idx="5431">
                  <c:v>53.930999999999997</c:v>
                </c:pt>
                <c:pt idx="5432">
                  <c:v>53.94</c:v>
                </c:pt>
                <c:pt idx="5433">
                  <c:v>53.948999999999998</c:v>
                </c:pt>
                <c:pt idx="5434">
                  <c:v>53.96</c:v>
                </c:pt>
                <c:pt idx="5435">
                  <c:v>53.97</c:v>
                </c:pt>
                <c:pt idx="5436">
                  <c:v>53.978999999999999</c:v>
                </c:pt>
                <c:pt idx="5437">
                  <c:v>53.988</c:v>
                </c:pt>
                <c:pt idx="5438">
                  <c:v>53.999000000000002</c:v>
                </c:pt>
                <c:pt idx="5439">
                  <c:v>54.009</c:v>
                </c:pt>
                <c:pt idx="5440">
                  <c:v>54.018999999999998</c:v>
                </c:pt>
                <c:pt idx="5441">
                  <c:v>54.029000000000003</c:v>
                </c:pt>
                <c:pt idx="5442">
                  <c:v>54.039000000000001</c:v>
                </c:pt>
                <c:pt idx="5443">
                  <c:v>54.05</c:v>
                </c:pt>
                <c:pt idx="5444">
                  <c:v>54.06</c:v>
                </c:pt>
                <c:pt idx="5445">
                  <c:v>54.070999999999998</c:v>
                </c:pt>
                <c:pt idx="5446">
                  <c:v>54.081000000000003</c:v>
                </c:pt>
                <c:pt idx="5447">
                  <c:v>54.09</c:v>
                </c:pt>
                <c:pt idx="5448">
                  <c:v>54.094999999999999</c:v>
                </c:pt>
                <c:pt idx="5449">
                  <c:v>54.113999999999997</c:v>
                </c:pt>
                <c:pt idx="5450">
                  <c:v>54.124000000000002</c:v>
                </c:pt>
                <c:pt idx="5451">
                  <c:v>54.134</c:v>
                </c:pt>
                <c:pt idx="5452">
                  <c:v>54.143999999999998</c:v>
                </c:pt>
                <c:pt idx="5453">
                  <c:v>54.155000000000001</c:v>
                </c:pt>
                <c:pt idx="5454">
                  <c:v>54.164999999999999</c:v>
                </c:pt>
                <c:pt idx="5455">
                  <c:v>54.174999999999997</c:v>
                </c:pt>
                <c:pt idx="5456">
                  <c:v>54.186</c:v>
                </c:pt>
                <c:pt idx="5457">
                  <c:v>54.195999999999998</c:v>
                </c:pt>
                <c:pt idx="5458">
                  <c:v>54.206000000000003</c:v>
                </c:pt>
                <c:pt idx="5459">
                  <c:v>54.216000000000001</c:v>
                </c:pt>
                <c:pt idx="5460">
                  <c:v>54.226999999999997</c:v>
                </c:pt>
                <c:pt idx="5461">
                  <c:v>54.237000000000002</c:v>
                </c:pt>
                <c:pt idx="5462">
                  <c:v>54.247</c:v>
                </c:pt>
                <c:pt idx="5463">
                  <c:v>54.256999999999998</c:v>
                </c:pt>
                <c:pt idx="5464">
                  <c:v>54.268000000000001</c:v>
                </c:pt>
                <c:pt idx="5465">
                  <c:v>54.277999999999999</c:v>
                </c:pt>
                <c:pt idx="5466">
                  <c:v>54.289000000000001</c:v>
                </c:pt>
                <c:pt idx="5467">
                  <c:v>54.301000000000002</c:v>
                </c:pt>
                <c:pt idx="5468">
                  <c:v>54.311</c:v>
                </c:pt>
                <c:pt idx="5469">
                  <c:v>54.322000000000003</c:v>
                </c:pt>
                <c:pt idx="5470">
                  <c:v>54.331000000000003</c:v>
                </c:pt>
                <c:pt idx="5471">
                  <c:v>54.341000000000001</c:v>
                </c:pt>
                <c:pt idx="5472">
                  <c:v>54.351999999999997</c:v>
                </c:pt>
                <c:pt idx="5473">
                  <c:v>54.362000000000002</c:v>
                </c:pt>
                <c:pt idx="5474">
                  <c:v>54.372999999999998</c:v>
                </c:pt>
                <c:pt idx="5475">
                  <c:v>54.383000000000003</c:v>
                </c:pt>
                <c:pt idx="5476">
                  <c:v>54.393000000000001</c:v>
                </c:pt>
                <c:pt idx="5477">
                  <c:v>54.402999999999999</c:v>
                </c:pt>
                <c:pt idx="5478">
                  <c:v>54.412999999999997</c:v>
                </c:pt>
                <c:pt idx="5479">
                  <c:v>54.423999999999999</c:v>
                </c:pt>
                <c:pt idx="5480">
                  <c:v>54.433999999999997</c:v>
                </c:pt>
                <c:pt idx="5481">
                  <c:v>54.444000000000003</c:v>
                </c:pt>
                <c:pt idx="5482">
                  <c:v>54.454000000000001</c:v>
                </c:pt>
                <c:pt idx="5483">
                  <c:v>54.465000000000003</c:v>
                </c:pt>
                <c:pt idx="5484">
                  <c:v>54.475999999999999</c:v>
                </c:pt>
                <c:pt idx="5485">
                  <c:v>54.485999999999997</c:v>
                </c:pt>
                <c:pt idx="5486">
                  <c:v>54.496000000000002</c:v>
                </c:pt>
                <c:pt idx="5487">
                  <c:v>54.506999999999998</c:v>
                </c:pt>
                <c:pt idx="5488">
                  <c:v>54.517000000000003</c:v>
                </c:pt>
                <c:pt idx="5489">
                  <c:v>54.526000000000003</c:v>
                </c:pt>
                <c:pt idx="5490">
                  <c:v>54.536000000000001</c:v>
                </c:pt>
                <c:pt idx="5491">
                  <c:v>54.546999999999997</c:v>
                </c:pt>
                <c:pt idx="5492">
                  <c:v>54.557000000000002</c:v>
                </c:pt>
                <c:pt idx="5493">
                  <c:v>54.567999999999998</c:v>
                </c:pt>
                <c:pt idx="5494">
                  <c:v>54.576999999999998</c:v>
                </c:pt>
                <c:pt idx="5495">
                  <c:v>54.587000000000003</c:v>
                </c:pt>
                <c:pt idx="5496">
                  <c:v>54.597000000000001</c:v>
                </c:pt>
                <c:pt idx="5497">
                  <c:v>54.607999999999997</c:v>
                </c:pt>
                <c:pt idx="5498">
                  <c:v>54.618000000000002</c:v>
                </c:pt>
                <c:pt idx="5499">
                  <c:v>54.628</c:v>
                </c:pt>
                <c:pt idx="5500">
                  <c:v>54.639000000000003</c:v>
                </c:pt>
                <c:pt idx="5501">
                  <c:v>54.649000000000001</c:v>
                </c:pt>
                <c:pt idx="5502">
                  <c:v>54.658999999999999</c:v>
                </c:pt>
                <c:pt idx="5503">
                  <c:v>54.668999999999997</c:v>
                </c:pt>
                <c:pt idx="5504">
                  <c:v>54.679000000000002</c:v>
                </c:pt>
                <c:pt idx="5505">
                  <c:v>54.689</c:v>
                </c:pt>
                <c:pt idx="5506">
                  <c:v>54.7</c:v>
                </c:pt>
                <c:pt idx="5507">
                  <c:v>54.71</c:v>
                </c:pt>
                <c:pt idx="5508">
                  <c:v>54.719000000000001</c:v>
                </c:pt>
                <c:pt idx="5509">
                  <c:v>54.728999999999999</c:v>
                </c:pt>
                <c:pt idx="5510">
                  <c:v>54.738999999999997</c:v>
                </c:pt>
                <c:pt idx="5511">
                  <c:v>54.749000000000002</c:v>
                </c:pt>
                <c:pt idx="5512">
                  <c:v>54.758000000000003</c:v>
                </c:pt>
                <c:pt idx="5513">
                  <c:v>54.768000000000001</c:v>
                </c:pt>
                <c:pt idx="5514">
                  <c:v>54.777999999999999</c:v>
                </c:pt>
                <c:pt idx="5515">
                  <c:v>54.786000000000001</c:v>
                </c:pt>
                <c:pt idx="5516">
                  <c:v>54.795999999999999</c:v>
                </c:pt>
                <c:pt idx="5517">
                  <c:v>54.805</c:v>
                </c:pt>
                <c:pt idx="5518">
                  <c:v>54.814</c:v>
                </c:pt>
                <c:pt idx="5519">
                  <c:v>54.814999999999998</c:v>
                </c:pt>
                <c:pt idx="5520">
                  <c:v>54.829000000000001</c:v>
                </c:pt>
                <c:pt idx="5521">
                  <c:v>54.838000000000001</c:v>
                </c:pt>
                <c:pt idx="5522">
                  <c:v>54.847000000000001</c:v>
                </c:pt>
                <c:pt idx="5523">
                  <c:v>54.856999999999999</c:v>
                </c:pt>
                <c:pt idx="5524">
                  <c:v>54.866999999999997</c:v>
                </c:pt>
                <c:pt idx="5525">
                  <c:v>54.878999999999998</c:v>
                </c:pt>
                <c:pt idx="5526">
                  <c:v>54.887</c:v>
                </c:pt>
                <c:pt idx="5527">
                  <c:v>54.896999999999998</c:v>
                </c:pt>
                <c:pt idx="5528">
                  <c:v>54.906999999999996</c:v>
                </c:pt>
                <c:pt idx="5529">
                  <c:v>54.915999999999997</c:v>
                </c:pt>
                <c:pt idx="5530">
                  <c:v>54.926000000000002</c:v>
                </c:pt>
                <c:pt idx="5531">
                  <c:v>54.936</c:v>
                </c:pt>
                <c:pt idx="5532">
                  <c:v>54.945999999999998</c:v>
                </c:pt>
                <c:pt idx="5533">
                  <c:v>54.956000000000003</c:v>
                </c:pt>
                <c:pt idx="5534">
                  <c:v>54.966000000000001</c:v>
                </c:pt>
                <c:pt idx="5535">
                  <c:v>54.975999999999999</c:v>
                </c:pt>
                <c:pt idx="5536">
                  <c:v>54.984999999999999</c:v>
                </c:pt>
                <c:pt idx="5537">
                  <c:v>54.994</c:v>
                </c:pt>
                <c:pt idx="5538">
                  <c:v>55.000999999999998</c:v>
                </c:pt>
                <c:pt idx="5539">
                  <c:v>55.009</c:v>
                </c:pt>
                <c:pt idx="5540">
                  <c:v>55.018000000000001</c:v>
                </c:pt>
                <c:pt idx="5541">
                  <c:v>55.027999999999999</c:v>
                </c:pt>
                <c:pt idx="5542">
                  <c:v>55.037999999999997</c:v>
                </c:pt>
                <c:pt idx="5543">
                  <c:v>55.046999999999997</c:v>
                </c:pt>
                <c:pt idx="5544">
                  <c:v>55.055999999999997</c:v>
                </c:pt>
                <c:pt idx="5545">
                  <c:v>55.066000000000003</c:v>
                </c:pt>
                <c:pt idx="5546">
                  <c:v>55.075000000000003</c:v>
                </c:pt>
                <c:pt idx="5547">
                  <c:v>55.085999999999999</c:v>
                </c:pt>
                <c:pt idx="5548">
                  <c:v>55.094999999999999</c:v>
                </c:pt>
                <c:pt idx="5549">
                  <c:v>55.104999999999997</c:v>
                </c:pt>
                <c:pt idx="5550">
                  <c:v>55.115000000000002</c:v>
                </c:pt>
                <c:pt idx="5551">
                  <c:v>55.125</c:v>
                </c:pt>
                <c:pt idx="5552">
                  <c:v>55.134</c:v>
                </c:pt>
                <c:pt idx="5553">
                  <c:v>55.145000000000003</c:v>
                </c:pt>
                <c:pt idx="5554">
                  <c:v>55.155000000000001</c:v>
                </c:pt>
                <c:pt idx="5555">
                  <c:v>55.17</c:v>
                </c:pt>
                <c:pt idx="5556">
                  <c:v>55.180999999999997</c:v>
                </c:pt>
                <c:pt idx="5557">
                  <c:v>55.192</c:v>
                </c:pt>
                <c:pt idx="5558">
                  <c:v>55.201999999999998</c:v>
                </c:pt>
                <c:pt idx="5559">
                  <c:v>55.212000000000003</c:v>
                </c:pt>
                <c:pt idx="5560">
                  <c:v>55.222000000000001</c:v>
                </c:pt>
                <c:pt idx="5561">
                  <c:v>55.232999999999997</c:v>
                </c:pt>
                <c:pt idx="5562">
                  <c:v>55.243000000000002</c:v>
                </c:pt>
                <c:pt idx="5563">
                  <c:v>55.250999999999998</c:v>
                </c:pt>
                <c:pt idx="5564">
                  <c:v>55.265000000000001</c:v>
                </c:pt>
                <c:pt idx="5565">
                  <c:v>55.274999999999999</c:v>
                </c:pt>
                <c:pt idx="5566">
                  <c:v>55.284999999999997</c:v>
                </c:pt>
                <c:pt idx="5567">
                  <c:v>55.295000000000002</c:v>
                </c:pt>
                <c:pt idx="5568">
                  <c:v>55.305999999999997</c:v>
                </c:pt>
                <c:pt idx="5569">
                  <c:v>55.316000000000003</c:v>
                </c:pt>
                <c:pt idx="5570">
                  <c:v>55.328000000000003</c:v>
                </c:pt>
                <c:pt idx="5571">
                  <c:v>55.337000000000003</c:v>
                </c:pt>
                <c:pt idx="5572">
                  <c:v>55.347999999999999</c:v>
                </c:pt>
                <c:pt idx="5573">
                  <c:v>55.359000000000002</c:v>
                </c:pt>
                <c:pt idx="5574">
                  <c:v>55.368000000000002</c:v>
                </c:pt>
                <c:pt idx="5575">
                  <c:v>55.378</c:v>
                </c:pt>
                <c:pt idx="5576">
                  <c:v>55.389000000000003</c:v>
                </c:pt>
                <c:pt idx="5577">
                  <c:v>55.399000000000001</c:v>
                </c:pt>
                <c:pt idx="5578">
                  <c:v>55.408999999999999</c:v>
                </c:pt>
                <c:pt idx="5579">
                  <c:v>55.418999999999997</c:v>
                </c:pt>
                <c:pt idx="5580">
                  <c:v>55.43</c:v>
                </c:pt>
                <c:pt idx="5581">
                  <c:v>55.439</c:v>
                </c:pt>
                <c:pt idx="5582">
                  <c:v>55.45</c:v>
                </c:pt>
                <c:pt idx="5583">
                  <c:v>55.46</c:v>
                </c:pt>
                <c:pt idx="5584">
                  <c:v>55.47</c:v>
                </c:pt>
                <c:pt idx="5585">
                  <c:v>55.481000000000002</c:v>
                </c:pt>
                <c:pt idx="5586">
                  <c:v>55.491</c:v>
                </c:pt>
                <c:pt idx="5587">
                  <c:v>55.502000000000002</c:v>
                </c:pt>
                <c:pt idx="5588">
                  <c:v>55.512</c:v>
                </c:pt>
                <c:pt idx="5589">
                  <c:v>55.521999999999998</c:v>
                </c:pt>
                <c:pt idx="5590">
                  <c:v>55.531999999999996</c:v>
                </c:pt>
                <c:pt idx="5591">
                  <c:v>55.542999999999999</c:v>
                </c:pt>
                <c:pt idx="5592">
                  <c:v>55.552999999999997</c:v>
                </c:pt>
                <c:pt idx="5593">
                  <c:v>55.563000000000002</c:v>
                </c:pt>
                <c:pt idx="5594">
                  <c:v>55.573999999999998</c:v>
                </c:pt>
                <c:pt idx="5595">
                  <c:v>55.584000000000003</c:v>
                </c:pt>
                <c:pt idx="5596">
                  <c:v>55.594999999999999</c:v>
                </c:pt>
                <c:pt idx="5597">
                  <c:v>55.603999999999999</c:v>
                </c:pt>
                <c:pt idx="5598">
                  <c:v>55.615000000000002</c:v>
                </c:pt>
                <c:pt idx="5599">
                  <c:v>55.625999999999998</c:v>
                </c:pt>
                <c:pt idx="5600">
                  <c:v>55.634999999999998</c:v>
                </c:pt>
                <c:pt idx="5601">
                  <c:v>55.637</c:v>
                </c:pt>
                <c:pt idx="5602">
                  <c:v>55.643999999999998</c:v>
                </c:pt>
                <c:pt idx="5603">
                  <c:v>55.654000000000003</c:v>
                </c:pt>
                <c:pt idx="5604">
                  <c:v>55.662999999999997</c:v>
                </c:pt>
                <c:pt idx="5605">
                  <c:v>55.673999999999999</c:v>
                </c:pt>
                <c:pt idx="5606">
                  <c:v>55.683999999999997</c:v>
                </c:pt>
                <c:pt idx="5607">
                  <c:v>55.694000000000003</c:v>
                </c:pt>
                <c:pt idx="5608">
                  <c:v>55.704999999999998</c:v>
                </c:pt>
                <c:pt idx="5609">
                  <c:v>55.716000000000001</c:v>
                </c:pt>
                <c:pt idx="5610">
                  <c:v>55.725999999999999</c:v>
                </c:pt>
                <c:pt idx="5611">
                  <c:v>55.737000000000002</c:v>
                </c:pt>
                <c:pt idx="5612">
                  <c:v>55.747</c:v>
                </c:pt>
                <c:pt idx="5613">
                  <c:v>55.756999999999998</c:v>
                </c:pt>
                <c:pt idx="5614">
                  <c:v>55.767000000000003</c:v>
                </c:pt>
                <c:pt idx="5615">
                  <c:v>55.777000000000001</c:v>
                </c:pt>
                <c:pt idx="5616">
                  <c:v>55.787999999999997</c:v>
                </c:pt>
                <c:pt idx="5617">
                  <c:v>55.798000000000002</c:v>
                </c:pt>
                <c:pt idx="5618">
                  <c:v>55.808</c:v>
                </c:pt>
                <c:pt idx="5619">
                  <c:v>55.819000000000003</c:v>
                </c:pt>
                <c:pt idx="5620">
                  <c:v>55.829000000000001</c:v>
                </c:pt>
                <c:pt idx="5621">
                  <c:v>55.84</c:v>
                </c:pt>
                <c:pt idx="5622">
                  <c:v>55.850999999999999</c:v>
                </c:pt>
                <c:pt idx="5623">
                  <c:v>55.86</c:v>
                </c:pt>
                <c:pt idx="5624">
                  <c:v>55.871000000000002</c:v>
                </c:pt>
                <c:pt idx="5625">
                  <c:v>55.881</c:v>
                </c:pt>
                <c:pt idx="5626">
                  <c:v>55.890999999999998</c:v>
                </c:pt>
                <c:pt idx="5627">
                  <c:v>55.901000000000003</c:v>
                </c:pt>
                <c:pt idx="5628">
                  <c:v>55.911999999999999</c:v>
                </c:pt>
                <c:pt idx="5629">
                  <c:v>55.923000000000002</c:v>
                </c:pt>
                <c:pt idx="5630">
                  <c:v>55.933</c:v>
                </c:pt>
                <c:pt idx="5631">
                  <c:v>55.942999999999998</c:v>
                </c:pt>
                <c:pt idx="5632">
                  <c:v>55.954000000000001</c:v>
                </c:pt>
                <c:pt idx="5633">
                  <c:v>55.965000000000003</c:v>
                </c:pt>
                <c:pt idx="5634">
                  <c:v>55.975000000000001</c:v>
                </c:pt>
                <c:pt idx="5635">
                  <c:v>55.985999999999997</c:v>
                </c:pt>
                <c:pt idx="5636">
                  <c:v>55.996000000000002</c:v>
                </c:pt>
                <c:pt idx="5637">
                  <c:v>56.006</c:v>
                </c:pt>
                <c:pt idx="5638">
                  <c:v>56.017000000000003</c:v>
                </c:pt>
                <c:pt idx="5639">
                  <c:v>56.026000000000003</c:v>
                </c:pt>
                <c:pt idx="5640">
                  <c:v>56.036000000000001</c:v>
                </c:pt>
                <c:pt idx="5641">
                  <c:v>56.045000000000002</c:v>
                </c:pt>
                <c:pt idx="5642">
                  <c:v>56.055</c:v>
                </c:pt>
                <c:pt idx="5643">
                  <c:v>56.064999999999998</c:v>
                </c:pt>
                <c:pt idx="5644">
                  <c:v>56.073999999999998</c:v>
                </c:pt>
                <c:pt idx="5645">
                  <c:v>56.084000000000003</c:v>
                </c:pt>
                <c:pt idx="5646">
                  <c:v>56.094999999999999</c:v>
                </c:pt>
                <c:pt idx="5647">
                  <c:v>56.104999999999997</c:v>
                </c:pt>
                <c:pt idx="5648">
                  <c:v>56.115000000000002</c:v>
                </c:pt>
                <c:pt idx="5649">
                  <c:v>56.125</c:v>
                </c:pt>
                <c:pt idx="5650">
                  <c:v>56.134999999999998</c:v>
                </c:pt>
                <c:pt idx="5651">
                  <c:v>56.146999999999998</c:v>
                </c:pt>
                <c:pt idx="5652">
                  <c:v>56.156999999999996</c:v>
                </c:pt>
                <c:pt idx="5653">
                  <c:v>56.167000000000002</c:v>
                </c:pt>
                <c:pt idx="5654">
                  <c:v>56.177</c:v>
                </c:pt>
                <c:pt idx="5655">
                  <c:v>56.186999999999998</c:v>
                </c:pt>
                <c:pt idx="5656">
                  <c:v>56.195999999999998</c:v>
                </c:pt>
                <c:pt idx="5657">
                  <c:v>56.206000000000003</c:v>
                </c:pt>
                <c:pt idx="5658">
                  <c:v>56.215000000000003</c:v>
                </c:pt>
                <c:pt idx="5659">
                  <c:v>56.225000000000001</c:v>
                </c:pt>
                <c:pt idx="5660">
                  <c:v>56.271999999999998</c:v>
                </c:pt>
                <c:pt idx="5661">
                  <c:v>56.281999999999996</c:v>
                </c:pt>
                <c:pt idx="5662">
                  <c:v>56.292000000000002</c:v>
                </c:pt>
                <c:pt idx="5663">
                  <c:v>56.302999999999997</c:v>
                </c:pt>
                <c:pt idx="5664">
                  <c:v>56.313000000000002</c:v>
                </c:pt>
                <c:pt idx="5665">
                  <c:v>56.323999999999998</c:v>
                </c:pt>
                <c:pt idx="5666">
                  <c:v>56.335000000000001</c:v>
                </c:pt>
                <c:pt idx="5667">
                  <c:v>56.344999999999999</c:v>
                </c:pt>
                <c:pt idx="5668">
                  <c:v>56.354999999999997</c:v>
                </c:pt>
                <c:pt idx="5669">
                  <c:v>56.365000000000002</c:v>
                </c:pt>
                <c:pt idx="5670">
                  <c:v>56.375</c:v>
                </c:pt>
                <c:pt idx="5671">
                  <c:v>56.387</c:v>
                </c:pt>
                <c:pt idx="5672">
                  <c:v>56.396999999999998</c:v>
                </c:pt>
                <c:pt idx="5673">
                  <c:v>56.406999999999996</c:v>
                </c:pt>
                <c:pt idx="5674">
                  <c:v>56.415999999999997</c:v>
                </c:pt>
                <c:pt idx="5675">
                  <c:v>56.427</c:v>
                </c:pt>
                <c:pt idx="5676">
                  <c:v>56.436999999999998</c:v>
                </c:pt>
                <c:pt idx="5677">
                  <c:v>56.447000000000003</c:v>
                </c:pt>
                <c:pt idx="5678">
                  <c:v>56.457999999999998</c:v>
                </c:pt>
                <c:pt idx="5679">
                  <c:v>56.468000000000004</c:v>
                </c:pt>
                <c:pt idx="5680">
                  <c:v>56.478000000000002</c:v>
                </c:pt>
                <c:pt idx="5681">
                  <c:v>56.488999999999997</c:v>
                </c:pt>
                <c:pt idx="5682">
                  <c:v>56.499000000000002</c:v>
                </c:pt>
                <c:pt idx="5683">
                  <c:v>56.51</c:v>
                </c:pt>
                <c:pt idx="5684">
                  <c:v>56.52</c:v>
                </c:pt>
                <c:pt idx="5685">
                  <c:v>56.530999999999999</c:v>
                </c:pt>
                <c:pt idx="5686">
                  <c:v>56.54</c:v>
                </c:pt>
                <c:pt idx="5687">
                  <c:v>56.551000000000002</c:v>
                </c:pt>
                <c:pt idx="5688">
                  <c:v>56.561999999999998</c:v>
                </c:pt>
                <c:pt idx="5689">
                  <c:v>56.570999999999998</c:v>
                </c:pt>
                <c:pt idx="5690">
                  <c:v>56.582000000000001</c:v>
                </c:pt>
                <c:pt idx="5691">
                  <c:v>56.591999999999999</c:v>
                </c:pt>
                <c:pt idx="5692">
                  <c:v>56.603000000000002</c:v>
                </c:pt>
                <c:pt idx="5693">
                  <c:v>56.613</c:v>
                </c:pt>
                <c:pt idx="5694">
                  <c:v>56.622</c:v>
                </c:pt>
                <c:pt idx="5695">
                  <c:v>56.633000000000003</c:v>
                </c:pt>
                <c:pt idx="5696">
                  <c:v>56.643999999999998</c:v>
                </c:pt>
                <c:pt idx="5697">
                  <c:v>56.652999999999999</c:v>
                </c:pt>
                <c:pt idx="5698">
                  <c:v>56.664000000000001</c:v>
                </c:pt>
                <c:pt idx="5699">
                  <c:v>56.673999999999999</c:v>
                </c:pt>
                <c:pt idx="5700">
                  <c:v>56.685000000000002</c:v>
                </c:pt>
                <c:pt idx="5701">
                  <c:v>56.695</c:v>
                </c:pt>
                <c:pt idx="5702">
                  <c:v>56.704999999999998</c:v>
                </c:pt>
                <c:pt idx="5703">
                  <c:v>56.716000000000001</c:v>
                </c:pt>
                <c:pt idx="5704">
                  <c:v>56.725999999999999</c:v>
                </c:pt>
                <c:pt idx="5705">
                  <c:v>56.735999999999997</c:v>
                </c:pt>
                <c:pt idx="5706">
                  <c:v>56.746000000000002</c:v>
                </c:pt>
                <c:pt idx="5707">
                  <c:v>56.756</c:v>
                </c:pt>
                <c:pt idx="5708">
                  <c:v>56.768000000000001</c:v>
                </c:pt>
                <c:pt idx="5709">
                  <c:v>56.777999999999999</c:v>
                </c:pt>
                <c:pt idx="5710">
                  <c:v>56.786999999999999</c:v>
                </c:pt>
                <c:pt idx="5711">
                  <c:v>56.798000000000002</c:v>
                </c:pt>
                <c:pt idx="5712">
                  <c:v>56.808999999999997</c:v>
                </c:pt>
                <c:pt idx="5713">
                  <c:v>56.82</c:v>
                </c:pt>
                <c:pt idx="5714">
                  <c:v>56.83</c:v>
                </c:pt>
                <c:pt idx="5715">
                  <c:v>56.84</c:v>
                </c:pt>
                <c:pt idx="5716">
                  <c:v>56.850999999999999</c:v>
                </c:pt>
                <c:pt idx="5717">
                  <c:v>56.860999999999997</c:v>
                </c:pt>
                <c:pt idx="5718">
                  <c:v>56.872</c:v>
                </c:pt>
                <c:pt idx="5719">
                  <c:v>56.881</c:v>
                </c:pt>
                <c:pt idx="5720">
                  <c:v>56.892000000000003</c:v>
                </c:pt>
                <c:pt idx="5721">
                  <c:v>56.902000000000001</c:v>
                </c:pt>
                <c:pt idx="5722">
                  <c:v>56.912999999999997</c:v>
                </c:pt>
                <c:pt idx="5723">
                  <c:v>56.923000000000002</c:v>
                </c:pt>
                <c:pt idx="5724">
                  <c:v>56.933</c:v>
                </c:pt>
                <c:pt idx="5725">
                  <c:v>56.942999999999998</c:v>
                </c:pt>
                <c:pt idx="5726">
                  <c:v>56.953000000000003</c:v>
                </c:pt>
                <c:pt idx="5727">
                  <c:v>56.963999999999999</c:v>
                </c:pt>
                <c:pt idx="5728">
                  <c:v>56.973999999999997</c:v>
                </c:pt>
                <c:pt idx="5729">
                  <c:v>56.982999999999997</c:v>
                </c:pt>
                <c:pt idx="5730">
                  <c:v>56.994</c:v>
                </c:pt>
                <c:pt idx="5731">
                  <c:v>57.003999999999998</c:v>
                </c:pt>
                <c:pt idx="5732">
                  <c:v>57.014000000000003</c:v>
                </c:pt>
                <c:pt idx="5733">
                  <c:v>57.024999999999999</c:v>
                </c:pt>
                <c:pt idx="5734">
                  <c:v>57.036000000000001</c:v>
                </c:pt>
                <c:pt idx="5735">
                  <c:v>57.045999999999999</c:v>
                </c:pt>
                <c:pt idx="5736">
                  <c:v>57.055999999999997</c:v>
                </c:pt>
                <c:pt idx="5737">
                  <c:v>57.066000000000003</c:v>
                </c:pt>
                <c:pt idx="5738">
                  <c:v>57.076000000000001</c:v>
                </c:pt>
                <c:pt idx="5739">
                  <c:v>57.087000000000003</c:v>
                </c:pt>
                <c:pt idx="5740">
                  <c:v>57.097999999999999</c:v>
                </c:pt>
                <c:pt idx="5741">
                  <c:v>57.106999999999999</c:v>
                </c:pt>
                <c:pt idx="5742">
                  <c:v>57.116999999999997</c:v>
                </c:pt>
                <c:pt idx="5743">
                  <c:v>57.128</c:v>
                </c:pt>
                <c:pt idx="5744">
                  <c:v>57.137</c:v>
                </c:pt>
                <c:pt idx="5745">
                  <c:v>57.148000000000003</c:v>
                </c:pt>
                <c:pt idx="5746">
                  <c:v>57.16</c:v>
                </c:pt>
                <c:pt idx="5747">
                  <c:v>57.17</c:v>
                </c:pt>
                <c:pt idx="5748">
                  <c:v>57.180999999999997</c:v>
                </c:pt>
                <c:pt idx="5749">
                  <c:v>57.191000000000003</c:v>
                </c:pt>
                <c:pt idx="5750">
                  <c:v>57.201000000000001</c:v>
                </c:pt>
                <c:pt idx="5751">
                  <c:v>57.210999999999999</c:v>
                </c:pt>
                <c:pt idx="5752">
                  <c:v>57.220999999999997</c:v>
                </c:pt>
                <c:pt idx="5753">
                  <c:v>57.231999999999999</c:v>
                </c:pt>
                <c:pt idx="5754">
                  <c:v>57.241999999999997</c:v>
                </c:pt>
                <c:pt idx="5755">
                  <c:v>57.252000000000002</c:v>
                </c:pt>
                <c:pt idx="5756">
                  <c:v>57.262999999999998</c:v>
                </c:pt>
                <c:pt idx="5757">
                  <c:v>57.271999999999998</c:v>
                </c:pt>
                <c:pt idx="5758">
                  <c:v>57.283000000000001</c:v>
                </c:pt>
                <c:pt idx="5759">
                  <c:v>57.293999999999997</c:v>
                </c:pt>
                <c:pt idx="5760">
                  <c:v>57.304000000000002</c:v>
                </c:pt>
                <c:pt idx="5761">
                  <c:v>57.314999999999998</c:v>
                </c:pt>
                <c:pt idx="5762">
                  <c:v>57.323999999999998</c:v>
                </c:pt>
                <c:pt idx="5763">
                  <c:v>57.335000000000001</c:v>
                </c:pt>
                <c:pt idx="5764">
                  <c:v>57.345999999999997</c:v>
                </c:pt>
                <c:pt idx="5765">
                  <c:v>57.356000000000002</c:v>
                </c:pt>
                <c:pt idx="5766">
                  <c:v>57.366</c:v>
                </c:pt>
                <c:pt idx="5767">
                  <c:v>57.375999999999998</c:v>
                </c:pt>
                <c:pt idx="5768">
                  <c:v>57.387</c:v>
                </c:pt>
                <c:pt idx="5769">
                  <c:v>57.396000000000001</c:v>
                </c:pt>
                <c:pt idx="5770">
                  <c:v>57.406999999999996</c:v>
                </c:pt>
                <c:pt idx="5771">
                  <c:v>57.417000000000002</c:v>
                </c:pt>
                <c:pt idx="5772">
                  <c:v>57.427</c:v>
                </c:pt>
                <c:pt idx="5773">
                  <c:v>57.438000000000002</c:v>
                </c:pt>
                <c:pt idx="5774">
                  <c:v>57.448</c:v>
                </c:pt>
                <c:pt idx="5775">
                  <c:v>57.457999999999998</c:v>
                </c:pt>
                <c:pt idx="5776">
                  <c:v>57.469000000000001</c:v>
                </c:pt>
                <c:pt idx="5777">
                  <c:v>57.478999999999999</c:v>
                </c:pt>
                <c:pt idx="5778">
                  <c:v>57.488</c:v>
                </c:pt>
                <c:pt idx="5779">
                  <c:v>57.5</c:v>
                </c:pt>
                <c:pt idx="5780">
                  <c:v>57.51</c:v>
                </c:pt>
                <c:pt idx="5781">
                  <c:v>57.521000000000001</c:v>
                </c:pt>
                <c:pt idx="5782">
                  <c:v>57.53</c:v>
                </c:pt>
                <c:pt idx="5783">
                  <c:v>57.540999999999997</c:v>
                </c:pt>
                <c:pt idx="5784">
                  <c:v>57.551000000000002</c:v>
                </c:pt>
                <c:pt idx="5785">
                  <c:v>57.561</c:v>
                </c:pt>
                <c:pt idx="5786">
                  <c:v>57.570999999999998</c:v>
                </c:pt>
                <c:pt idx="5787">
                  <c:v>57.582000000000001</c:v>
                </c:pt>
                <c:pt idx="5788">
                  <c:v>57.591000000000001</c:v>
                </c:pt>
                <c:pt idx="5789">
                  <c:v>57.601999999999997</c:v>
                </c:pt>
                <c:pt idx="5790">
                  <c:v>57.612000000000002</c:v>
                </c:pt>
                <c:pt idx="5791">
                  <c:v>57.622</c:v>
                </c:pt>
                <c:pt idx="5792">
                  <c:v>57.631999999999998</c:v>
                </c:pt>
                <c:pt idx="5793">
                  <c:v>57.643000000000001</c:v>
                </c:pt>
                <c:pt idx="5794">
                  <c:v>57.654000000000003</c:v>
                </c:pt>
                <c:pt idx="5795">
                  <c:v>57.664000000000001</c:v>
                </c:pt>
                <c:pt idx="5796">
                  <c:v>57.673999999999999</c:v>
                </c:pt>
                <c:pt idx="5797">
                  <c:v>57.685000000000002</c:v>
                </c:pt>
                <c:pt idx="5798">
                  <c:v>57.694000000000003</c:v>
                </c:pt>
                <c:pt idx="5799">
                  <c:v>57.703000000000003</c:v>
                </c:pt>
                <c:pt idx="5800">
                  <c:v>57.713999999999999</c:v>
                </c:pt>
                <c:pt idx="5801">
                  <c:v>57.723999999999997</c:v>
                </c:pt>
                <c:pt idx="5802">
                  <c:v>57.734000000000002</c:v>
                </c:pt>
                <c:pt idx="5803">
                  <c:v>57.744999999999997</c:v>
                </c:pt>
                <c:pt idx="5804">
                  <c:v>57.755000000000003</c:v>
                </c:pt>
                <c:pt idx="5805">
                  <c:v>57.765000000000001</c:v>
                </c:pt>
                <c:pt idx="5806">
                  <c:v>57.776000000000003</c:v>
                </c:pt>
                <c:pt idx="5807">
                  <c:v>57.786000000000001</c:v>
                </c:pt>
                <c:pt idx="5808">
                  <c:v>57.795999999999999</c:v>
                </c:pt>
                <c:pt idx="5809">
                  <c:v>57.807000000000002</c:v>
                </c:pt>
                <c:pt idx="5810">
                  <c:v>57.817999999999998</c:v>
                </c:pt>
                <c:pt idx="5811">
                  <c:v>57.828000000000003</c:v>
                </c:pt>
                <c:pt idx="5812">
                  <c:v>57.838000000000001</c:v>
                </c:pt>
                <c:pt idx="5813">
                  <c:v>57.848999999999997</c:v>
                </c:pt>
                <c:pt idx="5814">
                  <c:v>57.857999999999997</c:v>
                </c:pt>
                <c:pt idx="5815">
                  <c:v>57.869</c:v>
                </c:pt>
                <c:pt idx="5816">
                  <c:v>57.878999999999998</c:v>
                </c:pt>
                <c:pt idx="5817">
                  <c:v>57.887999999999998</c:v>
                </c:pt>
                <c:pt idx="5818">
                  <c:v>57.899000000000001</c:v>
                </c:pt>
                <c:pt idx="5819">
                  <c:v>57.908999999999999</c:v>
                </c:pt>
                <c:pt idx="5820">
                  <c:v>57.918999999999997</c:v>
                </c:pt>
                <c:pt idx="5821">
                  <c:v>57.929000000000002</c:v>
                </c:pt>
                <c:pt idx="5822">
                  <c:v>57.94</c:v>
                </c:pt>
                <c:pt idx="5823">
                  <c:v>57.948999999999998</c:v>
                </c:pt>
                <c:pt idx="5824">
                  <c:v>57.96</c:v>
                </c:pt>
                <c:pt idx="5825">
                  <c:v>57.97</c:v>
                </c:pt>
                <c:pt idx="5826">
                  <c:v>57.981000000000002</c:v>
                </c:pt>
                <c:pt idx="5827">
                  <c:v>57.991</c:v>
                </c:pt>
                <c:pt idx="5828">
                  <c:v>58.000999999999998</c:v>
                </c:pt>
                <c:pt idx="5829">
                  <c:v>58.01</c:v>
                </c:pt>
                <c:pt idx="5830">
                  <c:v>58.021000000000001</c:v>
                </c:pt>
                <c:pt idx="5831">
                  <c:v>58.030999999999999</c:v>
                </c:pt>
                <c:pt idx="5832">
                  <c:v>58.040999999999997</c:v>
                </c:pt>
                <c:pt idx="5833">
                  <c:v>58.051000000000002</c:v>
                </c:pt>
                <c:pt idx="5834">
                  <c:v>58.061</c:v>
                </c:pt>
                <c:pt idx="5835">
                  <c:v>58.070999999999998</c:v>
                </c:pt>
                <c:pt idx="5836">
                  <c:v>58.081000000000003</c:v>
                </c:pt>
                <c:pt idx="5837">
                  <c:v>58.091000000000001</c:v>
                </c:pt>
                <c:pt idx="5838">
                  <c:v>58.100999999999999</c:v>
                </c:pt>
                <c:pt idx="5839">
                  <c:v>58.110999999999997</c:v>
                </c:pt>
                <c:pt idx="5840">
                  <c:v>58.121000000000002</c:v>
                </c:pt>
                <c:pt idx="5841">
                  <c:v>58.13</c:v>
                </c:pt>
                <c:pt idx="5842">
                  <c:v>58.140999999999998</c:v>
                </c:pt>
                <c:pt idx="5843">
                  <c:v>58.152000000000001</c:v>
                </c:pt>
                <c:pt idx="5844">
                  <c:v>58.161999999999999</c:v>
                </c:pt>
                <c:pt idx="5845">
                  <c:v>58.171999999999997</c:v>
                </c:pt>
                <c:pt idx="5846">
                  <c:v>58.182000000000002</c:v>
                </c:pt>
                <c:pt idx="5847">
                  <c:v>58.192999999999998</c:v>
                </c:pt>
                <c:pt idx="5848">
                  <c:v>58.203000000000003</c:v>
                </c:pt>
                <c:pt idx="5849">
                  <c:v>58.213000000000001</c:v>
                </c:pt>
                <c:pt idx="5850">
                  <c:v>58.223999999999997</c:v>
                </c:pt>
                <c:pt idx="5851">
                  <c:v>58.232999999999997</c:v>
                </c:pt>
                <c:pt idx="5852">
                  <c:v>58.243000000000002</c:v>
                </c:pt>
                <c:pt idx="5853">
                  <c:v>58.253</c:v>
                </c:pt>
                <c:pt idx="5854">
                  <c:v>58.264000000000003</c:v>
                </c:pt>
                <c:pt idx="5855">
                  <c:v>58.274000000000001</c:v>
                </c:pt>
                <c:pt idx="5856">
                  <c:v>58.283999999999999</c:v>
                </c:pt>
                <c:pt idx="5857">
                  <c:v>58.293999999999997</c:v>
                </c:pt>
                <c:pt idx="5858">
                  <c:v>58.305</c:v>
                </c:pt>
                <c:pt idx="5859">
                  <c:v>58.314999999999998</c:v>
                </c:pt>
                <c:pt idx="5860">
                  <c:v>58.325000000000003</c:v>
                </c:pt>
                <c:pt idx="5861">
                  <c:v>58.335999999999999</c:v>
                </c:pt>
                <c:pt idx="5862">
                  <c:v>58.345999999999997</c:v>
                </c:pt>
                <c:pt idx="5863">
                  <c:v>58.357999999999997</c:v>
                </c:pt>
                <c:pt idx="5864">
                  <c:v>58.368000000000002</c:v>
                </c:pt>
                <c:pt idx="5865">
                  <c:v>58.378999999999998</c:v>
                </c:pt>
                <c:pt idx="5866">
                  <c:v>58.389000000000003</c:v>
                </c:pt>
                <c:pt idx="5867">
                  <c:v>58.399000000000001</c:v>
                </c:pt>
                <c:pt idx="5868">
                  <c:v>58.408999999999999</c:v>
                </c:pt>
                <c:pt idx="5869">
                  <c:v>58.42</c:v>
                </c:pt>
                <c:pt idx="5870">
                  <c:v>58.430999999999997</c:v>
                </c:pt>
                <c:pt idx="5871">
                  <c:v>58.441000000000003</c:v>
                </c:pt>
                <c:pt idx="5872">
                  <c:v>58.451000000000001</c:v>
                </c:pt>
                <c:pt idx="5873">
                  <c:v>58.462000000000003</c:v>
                </c:pt>
                <c:pt idx="5874">
                  <c:v>58.472000000000001</c:v>
                </c:pt>
                <c:pt idx="5875">
                  <c:v>58.481000000000002</c:v>
                </c:pt>
                <c:pt idx="5876">
                  <c:v>58.491</c:v>
                </c:pt>
                <c:pt idx="5877">
                  <c:v>58.500999999999998</c:v>
                </c:pt>
                <c:pt idx="5878">
                  <c:v>58.51</c:v>
                </c:pt>
                <c:pt idx="5879">
                  <c:v>58.518999999999998</c:v>
                </c:pt>
                <c:pt idx="5880">
                  <c:v>58.530999999999999</c:v>
                </c:pt>
                <c:pt idx="5881">
                  <c:v>58.540999999999997</c:v>
                </c:pt>
                <c:pt idx="5882">
                  <c:v>58.55</c:v>
                </c:pt>
                <c:pt idx="5883">
                  <c:v>58.561</c:v>
                </c:pt>
                <c:pt idx="5884">
                  <c:v>58.570999999999998</c:v>
                </c:pt>
                <c:pt idx="5885">
                  <c:v>58.58</c:v>
                </c:pt>
                <c:pt idx="5886">
                  <c:v>58.591000000000001</c:v>
                </c:pt>
                <c:pt idx="5887">
                  <c:v>58.600999999999999</c:v>
                </c:pt>
                <c:pt idx="5888">
                  <c:v>58.610999999999997</c:v>
                </c:pt>
                <c:pt idx="5889">
                  <c:v>58.622</c:v>
                </c:pt>
                <c:pt idx="5890">
                  <c:v>58.631999999999998</c:v>
                </c:pt>
                <c:pt idx="5891">
                  <c:v>58.643000000000001</c:v>
                </c:pt>
                <c:pt idx="5892">
                  <c:v>58.652999999999999</c:v>
                </c:pt>
                <c:pt idx="5893">
                  <c:v>58.661999999999999</c:v>
                </c:pt>
                <c:pt idx="5894">
                  <c:v>58.673000000000002</c:v>
                </c:pt>
                <c:pt idx="5895">
                  <c:v>58.683</c:v>
                </c:pt>
                <c:pt idx="5896">
                  <c:v>58.692999999999998</c:v>
                </c:pt>
                <c:pt idx="5897">
                  <c:v>58.704000000000001</c:v>
                </c:pt>
                <c:pt idx="5898">
                  <c:v>58.713999999999999</c:v>
                </c:pt>
                <c:pt idx="5899">
                  <c:v>58.723999999999997</c:v>
                </c:pt>
                <c:pt idx="5900">
                  <c:v>58.734999999999999</c:v>
                </c:pt>
                <c:pt idx="5901">
                  <c:v>58.744999999999997</c:v>
                </c:pt>
                <c:pt idx="5902">
                  <c:v>58.753999999999998</c:v>
                </c:pt>
                <c:pt idx="5903">
                  <c:v>58.765000000000001</c:v>
                </c:pt>
                <c:pt idx="5904">
                  <c:v>58.774999999999999</c:v>
                </c:pt>
                <c:pt idx="5905">
                  <c:v>58.783999999999999</c:v>
                </c:pt>
                <c:pt idx="5906">
                  <c:v>58.795000000000002</c:v>
                </c:pt>
                <c:pt idx="5907">
                  <c:v>58.805</c:v>
                </c:pt>
                <c:pt idx="5908">
                  <c:v>58.814</c:v>
                </c:pt>
                <c:pt idx="5909">
                  <c:v>58.823999999999998</c:v>
                </c:pt>
                <c:pt idx="5910">
                  <c:v>58.834000000000003</c:v>
                </c:pt>
                <c:pt idx="5911">
                  <c:v>58.844000000000001</c:v>
                </c:pt>
                <c:pt idx="5912">
                  <c:v>58.854999999999997</c:v>
                </c:pt>
                <c:pt idx="5913">
                  <c:v>58.863999999999997</c:v>
                </c:pt>
                <c:pt idx="5914">
                  <c:v>58.875</c:v>
                </c:pt>
                <c:pt idx="5915">
                  <c:v>58.884</c:v>
                </c:pt>
                <c:pt idx="5916">
                  <c:v>58.893999999999998</c:v>
                </c:pt>
                <c:pt idx="5917">
                  <c:v>58.902999999999999</c:v>
                </c:pt>
                <c:pt idx="5918">
                  <c:v>58.912999999999997</c:v>
                </c:pt>
                <c:pt idx="5919">
                  <c:v>58.921999999999997</c:v>
                </c:pt>
                <c:pt idx="5920">
                  <c:v>58.930999999999997</c:v>
                </c:pt>
                <c:pt idx="5921">
                  <c:v>58.941000000000003</c:v>
                </c:pt>
                <c:pt idx="5922">
                  <c:v>58.951000000000001</c:v>
                </c:pt>
                <c:pt idx="5923">
                  <c:v>58.962000000000003</c:v>
                </c:pt>
                <c:pt idx="5924">
                  <c:v>58.970999999999997</c:v>
                </c:pt>
                <c:pt idx="5925">
                  <c:v>58.981000000000002</c:v>
                </c:pt>
                <c:pt idx="5926">
                  <c:v>58.984000000000002</c:v>
                </c:pt>
                <c:pt idx="5927">
                  <c:v>58.994999999999997</c:v>
                </c:pt>
                <c:pt idx="5928">
                  <c:v>59.003999999999998</c:v>
                </c:pt>
                <c:pt idx="5929">
                  <c:v>59.015000000000001</c:v>
                </c:pt>
                <c:pt idx="5930">
                  <c:v>59.024000000000001</c:v>
                </c:pt>
                <c:pt idx="5931">
                  <c:v>59.033999999999999</c:v>
                </c:pt>
                <c:pt idx="5932">
                  <c:v>59.045000000000002</c:v>
                </c:pt>
                <c:pt idx="5933">
                  <c:v>59.055999999999997</c:v>
                </c:pt>
                <c:pt idx="5934">
                  <c:v>59.066000000000003</c:v>
                </c:pt>
                <c:pt idx="5935">
                  <c:v>59.076999999999998</c:v>
                </c:pt>
                <c:pt idx="5936">
                  <c:v>59.088000000000001</c:v>
                </c:pt>
                <c:pt idx="5937">
                  <c:v>59.097999999999999</c:v>
                </c:pt>
                <c:pt idx="5938">
                  <c:v>59.109000000000002</c:v>
                </c:pt>
                <c:pt idx="5939">
                  <c:v>59.119</c:v>
                </c:pt>
                <c:pt idx="5940">
                  <c:v>59.128999999999998</c:v>
                </c:pt>
                <c:pt idx="5941">
                  <c:v>59.139000000000003</c:v>
                </c:pt>
                <c:pt idx="5942">
                  <c:v>59.148000000000003</c:v>
                </c:pt>
                <c:pt idx="5943">
                  <c:v>59.156999999999996</c:v>
                </c:pt>
                <c:pt idx="5944">
                  <c:v>59.167000000000002</c:v>
                </c:pt>
                <c:pt idx="5945">
                  <c:v>59.177</c:v>
                </c:pt>
                <c:pt idx="5946">
                  <c:v>59.186999999999998</c:v>
                </c:pt>
                <c:pt idx="5947">
                  <c:v>59.197000000000003</c:v>
                </c:pt>
                <c:pt idx="5948">
                  <c:v>59.207000000000001</c:v>
                </c:pt>
                <c:pt idx="5949">
                  <c:v>59.216999999999999</c:v>
                </c:pt>
                <c:pt idx="5950">
                  <c:v>59.228999999999999</c:v>
                </c:pt>
                <c:pt idx="5951">
                  <c:v>59.238</c:v>
                </c:pt>
                <c:pt idx="5952">
                  <c:v>59.247</c:v>
                </c:pt>
                <c:pt idx="5953">
                  <c:v>59.256999999999998</c:v>
                </c:pt>
                <c:pt idx="5954">
                  <c:v>59.267000000000003</c:v>
                </c:pt>
                <c:pt idx="5955">
                  <c:v>59.277000000000001</c:v>
                </c:pt>
                <c:pt idx="5956">
                  <c:v>59.286999999999999</c:v>
                </c:pt>
                <c:pt idx="5957">
                  <c:v>59.295999999999999</c:v>
                </c:pt>
                <c:pt idx="5958">
                  <c:v>59.305</c:v>
                </c:pt>
                <c:pt idx="5959">
                  <c:v>59.314999999999998</c:v>
                </c:pt>
                <c:pt idx="5960">
                  <c:v>59.326999999999998</c:v>
                </c:pt>
                <c:pt idx="5961">
                  <c:v>59.337000000000003</c:v>
                </c:pt>
                <c:pt idx="5962">
                  <c:v>59.345999999999997</c:v>
                </c:pt>
                <c:pt idx="5963">
                  <c:v>59.356000000000002</c:v>
                </c:pt>
                <c:pt idx="5964">
                  <c:v>59.366999999999997</c:v>
                </c:pt>
                <c:pt idx="5965">
                  <c:v>59.377000000000002</c:v>
                </c:pt>
                <c:pt idx="5966">
                  <c:v>59.387999999999998</c:v>
                </c:pt>
                <c:pt idx="5967">
                  <c:v>59.396999999999998</c:v>
                </c:pt>
                <c:pt idx="5968">
                  <c:v>59.405999999999999</c:v>
                </c:pt>
                <c:pt idx="5969">
                  <c:v>59.417000000000002</c:v>
                </c:pt>
                <c:pt idx="5970">
                  <c:v>59.427</c:v>
                </c:pt>
                <c:pt idx="5971">
                  <c:v>59.436</c:v>
                </c:pt>
                <c:pt idx="5972">
                  <c:v>59.447000000000003</c:v>
                </c:pt>
                <c:pt idx="5973">
                  <c:v>59.457000000000001</c:v>
                </c:pt>
                <c:pt idx="5974">
                  <c:v>59.466999999999999</c:v>
                </c:pt>
                <c:pt idx="5975">
                  <c:v>59.478999999999999</c:v>
                </c:pt>
                <c:pt idx="5976">
                  <c:v>59.488</c:v>
                </c:pt>
                <c:pt idx="5977">
                  <c:v>59.5</c:v>
                </c:pt>
                <c:pt idx="5978">
                  <c:v>59.51</c:v>
                </c:pt>
                <c:pt idx="5979">
                  <c:v>59.521000000000001</c:v>
                </c:pt>
                <c:pt idx="5980">
                  <c:v>59.530999999999999</c:v>
                </c:pt>
                <c:pt idx="5981">
                  <c:v>59.540999999999997</c:v>
                </c:pt>
                <c:pt idx="5982">
                  <c:v>59.552</c:v>
                </c:pt>
                <c:pt idx="5983">
                  <c:v>59.561999999999998</c:v>
                </c:pt>
                <c:pt idx="5984">
                  <c:v>59.572000000000003</c:v>
                </c:pt>
                <c:pt idx="5985">
                  <c:v>59.582000000000001</c:v>
                </c:pt>
                <c:pt idx="5986">
                  <c:v>59.593000000000004</c:v>
                </c:pt>
                <c:pt idx="5987">
                  <c:v>59.601999999999997</c:v>
                </c:pt>
                <c:pt idx="5988">
                  <c:v>59.613</c:v>
                </c:pt>
                <c:pt idx="5989">
                  <c:v>59.622</c:v>
                </c:pt>
                <c:pt idx="5990">
                  <c:v>59.631999999999998</c:v>
                </c:pt>
                <c:pt idx="5991">
                  <c:v>59.643000000000001</c:v>
                </c:pt>
                <c:pt idx="5992">
                  <c:v>59.652999999999999</c:v>
                </c:pt>
                <c:pt idx="5993">
                  <c:v>59.664000000000001</c:v>
                </c:pt>
                <c:pt idx="5994">
                  <c:v>59.673999999999999</c:v>
                </c:pt>
                <c:pt idx="5995">
                  <c:v>59.683999999999997</c:v>
                </c:pt>
                <c:pt idx="5996">
                  <c:v>59.694000000000003</c:v>
                </c:pt>
                <c:pt idx="5997">
                  <c:v>59.704000000000001</c:v>
                </c:pt>
                <c:pt idx="5998">
                  <c:v>59.713999999999999</c:v>
                </c:pt>
                <c:pt idx="5999">
                  <c:v>59.722999999999999</c:v>
                </c:pt>
                <c:pt idx="6000">
                  <c:v>59.731999999999999</c:v>
                </c:pt>
                <c:pt idx="6001">
                  <c:v>59.741999999999997</c:v>
                </c:pt>
                <c:pt idx="6002">
                  <c:v>59.750999999999998</c:v>
                </c:pt>
                <c:pt idx="6003">
                  <c:v>59.76</c:v>
                </c:pt>
                <c:pt idx="6004">
                  <c:v>59.77</c:v>
                </c:pt>
                <c:pt idx="6005">
                  <c:v>59.779000000000003</c:v>
                </c:pt>
                <c:pt idx="6006">
                  <c:v>59.787999999999997</c:v>
                </c:pt>
                <c:pt idx="6007">
                  <c:v>59.795999999999999</c:v>
                </c:pt>
                <c:pt idx="6008">
                  <c:v>59.805999999999997</c:v>
                </c:pt>
                <c:pt idx="6009">
                  <c:v>59.814</c:v>
                </c:pt>
                <c:pt idx="6010">
                  <c:v>59.823</c:v>
                </c:pt>
                <c:pt idx="6011">
                  <c:v>59.831000000000003</c:v>
                </c:pt>
                <c:pt idx="6012">
                  <c:v>59.84</c:v>
                </c:pt>
                <c:pt idx="6013">
                  <c:v>59.847999999999999</c:v>
                </c:pt>
                <c:pt idx="6014">
                  <c:v>59.856999999999999</c:v>
                </c:pt>
                <c:pt idx="6015">
                  <c:v>59.865000000000002</c:v>
                </c:pt>
                <c:pt idx="6016">
                  <c:v>59.874000000000002</c:v>
                </c:pt>
                <c:pt idx="6017">
                  <c:v>59.881999999999998</c:v>
                </c:pt>
                <c:pt idx="6018">
                  <c:v>59.89</c:v>
                </c:pt>
                <c:pt idx="6019">
                  <c:v>59.898000000000003</c:v>
                </c:pt>
                <c:pt idx="6020">
                  <c:v>59.906999999999996</c:v>
                </c:pt>
                <c:pt idx="6021">
                  <c:v>59.915999999999997</c:v>
                </c:pt>
                <c:pt idx="6022">
                  <c:v>59.923999999999999</c:v>
                </c:pt>
                <c:pt idx="6023">
                  <c:v>59.933</c:v>
                </c:pt>
                <c:pt idx="6024">
                  <c:v>59.942</c:v>
                </c:pt>
                <c:pt idx="6025">
                  <c:v>59.951000000000001</c:v>
                </c:pt>
                <c:pt idx="6026">
                  <c:v>59.959000000000003</c:v>
                </c:pt>
                <c:pt idx="6027">
                  <c:v>59.969000000000001</c:v>
                </c:pt>
                <c:pt idx="6028">
                  <c:v>59.976999999999997</c:v>
                </c:pt>
                <c:pt idx="6029">
                  <c:v>59.984000000000002</c:v>
                </c:pt>
                <c:pt idx="6030">
                  <c:v>59.993000000000002</c:v>
                </c:pt>
                <c:pt idx="6031">
                  <c:v>60</c:v>
                </c:pt>
                <c:pt idx="6032">
                  <c:v>60.006999999999998</c:v>
                </c:pt>
                <c:pt idx="6033">
                  <c:v>60.015000000000001</c:v>
                </c:pt>
                <c:pt idx="6034">
                  <c:v>60.024000000000001</c:v>
                </c:pt>
                <c:pt idx="6035">
                  <c:v>60.031999999999996</c:v>
                </c:pt>
                <c:pt idx="6036">
                  <c:v>60.040999999999997</c:v>
                </c:pt>
                <c:pt idx="6037">
                  <c:v>60.051000000000002</c:v>
                </c:pt>
                <c:pt idx="6038">
                  <c:v>60.06</c:v>
                </c:pt>
                <c:pt idx="6039">
                  <c:v>60.07</c:v>
                </c:pt>
                <c:pt idx="6040">
                  <c:v>60.08</c:v>
                </c:pt>
                <c:pt idx="6041">
                  <c:v>60.087000000000003</c:v>
                </c:pt>
                <c:pt idx="6042">
                  <c:v>60.094999999999999</c:v>
                </c:pt>
                <c:pt idx="6043">
                  <c:v>60.104999999999997</c:v>
                </c:pt>
                <c:pt idx="6044">
                  <c:v>60.115000000000002</c:v>
                </c:pt>
                <c:pt idx="6045">
                  <c:v>60.116999999999997</c:v>
                </c:pt>
                <c:pt idx="6046">
                  <c:v>60.134</c:v>
                </c:pt>
                <c:pt idx="6047">
                  <c:v>60.145000000000003</c:v>
                </c:pt>
                <c:pt idx="6048">
                  <c:v>60.154000000000003</c:v>
                </c:pt>
                <c:pt idx="6049">
                  <c:v>60.164999999999999</c:v>
                </c:pt>
                <c:pt idx="6050">
                  <c:v>60.174999999999997</c:v>
                </c:pt>
                <c:pt idx="6051">
                  <c:v>60.186</c:v>
                </c:pt>
                <c:pt idx="6052">
                  <c:v>60.195999999999998</c:v>
                </c:pt>
                <c:pt idx="6053">
                  <c:v>60.206000000000003</c:v>
                </c:pt>
                <c:pt idx="6054">
                  <c:v>60.216000000000001</c:v>
                </c:pt>
                <c:pt idx="6055">
                  <c:v>60.226999999999997</c:v>
                </c:pt>
                <c:pt idx="6056">
                  <c:v>60.237000000000002</c:v>
                </c:pt>
                <c:pt idx="6057">
                  <c:v>60.247</c:v>
                </c:pt>
                <c:pt idx="6058">
                  <c:v>60.258000000000003</c:v>
                </c:pt>
                <c:pt idx="6059">
                  <c:v>60.268000000000001</c:v>
                </c:pt>
                <c:pt idx="6060">
                  <c:v>60.277000000000001</c:v>
                </c:pt>
                <c:pt idx="6061">
                  <c:v>60.287999999999997</c:v>
                </c:pt>
                <c:pt idx="6062">
                  <c:v>60.298000000000002</c:v>
                </c:pt>
                <c:pt idx="6063">
                  <c:v>60.308999999999997</c:v>
                </c:pt>
                <c:pt idx="6064">
                  <c:v>60.319000000000003</c:v>
                </c:pt>
                <c:pt idx="6065">
                  <c:v>60.329000000000001</c:v>
                </c:pt>
                <c:pt idx="6066">
                  <c:v>60.338999999999999</c:v>
                </c:pt>
                <c:pt idx="6067">
                  <c:v>60.348999999999997</c:v>
                </c:pt>
                <c:pt idx="6068">
                  <c:v>60.36</c:v>
                </c:pt>
                <c:pt idx="6069">
                  <c:v>60.369</c:v>
                </c:pt>
                <c:pt idx="6070">
                  <c:v>60.38</c:v>
                </c:pt>
                <c:pt idx="6071">
                  <c:v>60.39</c:v>
                </c:pt>
                <c:pt idx="6072">
                  <c:v>60.4</c:v>
                </c:pt>
                <c:pt idx="6073">
                  <c:v>60.41</c:v>
                </c:pt>
                <c:pt idx="6074">
                  <c:v>60.42</c:v>
                </c:pt>
                <c:pt idx="6075">
                  <c:v>60.43</c:v>
                </c:pt>
                <c:pt idx="6076">
                  <c:v>60.430999999999997</c:v>
                </c:pt>
                <c:pt idx="6077">
                  <c:v>60.451000000000001</c:v>
                </c:pt>
                <c:pt idx="6078">
                  <c:v>60.460999999999999</c:v>
                </c:pt>
                <c:pt idx="6079">
                  <c:v>60.472000000000001</c:v>
                </c:pt>
                <c:pt idx="6080">
                  <c:v>60.481999999999999</c:v>
                </c:pt>
                <c:pt idx="6081">
                  <c:v>60.491999999999997</c:v>
                </c:pt>
                <c:pt idx="6082">
                  <c:v>60.503</c:v>
                </c:pt>
                <c:pt idx="6083">
                  <c:v>60.512999999999998</c:v>
                </c:pt>
                <c:pt idx="6084">
                  <c:v>60.521999999999998</c:v>
                </c:pt>
                <c:pt idx="6085">
                  <c:v>60.533000000000001</c:v>
                </c:pt>
                <c:pt idx="6086">
                  <c:v>60.542999999999999</c:v>
                </c:pt>
                <c:pt idx="6087">
                  <c:v>60.552999999999997</c:v>
                </c:pt>
                <c:pt idx="6088">
                  <c:v>60.561999999999998</c:v>
                </c:pt>
                <c:pt idx="6089">
                  <c:v>60.572000000000003</c:v>
                </c:pt>
                <c:pt idx="6090">
                  <c:v>60.582000000000001</c:v>
                </c:pt>
                <c:pt idx="6091">
                  <c:v>60.591999999999999</c:v>
                </c:pt>
                <c:pt idx="6092">
                  <c:v>60.600999999999999</c:v>
                </c:pt>
                <c:pt idx="6093">
                  <c:v>60.61</c:v>
                </c:pt>
                <c:pt idx="6094">
                  <c:v>60.621000000000002</c:v>
                </c:pt>
                <c:pt idx="6095">
                  <c:v>60.631</c:v>
                </c:pt>
                <c:pt idx="6096">
                  <c:v>60.64</c:v>
                </c:pt>
                <c:pt idx="6097">
                  <c:v>60.65</c:v>
                </c:pt>
                <c:pt idx="6098">
                  <c:v>60.66</c:v>
                </c:pt>
                <c:pt idx="6099">
                  <c:v>60.665999999999997</c:v>
                </c:pt>
                <c:pt idx="6100">
                  <c:v>60.673999999999999</c:v>
                </c:pt>
                <c:pt idx="6101">
                  <c:v>60.683</c:v>
                </c:pt>
                <c:pt idx="6102">
                  <c:v>60.69</c:v>
                </c:pt>
                <c:pt idx="6103">
                  <c:v>60.7</c:v>
                </c:pt>
                <c:pt idx="6104">
                  <c:v>60.709000000000003</c:v>
                </c:pt>
                <c:pt idx="6105">
                  <c:v>60.716999999999999</c:v>
                </c:pt>
                <c:pt idx="6106">
                  <c:v>60.726999999999997</c:v>
                </c:pt>
                <c:pt idx="6107">
                  <c:v>60.735999999999997</c:v>
                </c:pt>
                <c:pt idx="6108">
                  <c:v>60.744</c:v>
                </c:pt>
                <c:pt idx="6109">
                  <c:v>60.753</c:v>
                </c:pt>
                <c:pt idx="6110">
                  <c:v>60.761000000000003</c:v>
                </c:pt>
                <c:pt idx="6111">
                  <c:v>60.77</c:v>
                </c:pt>
                <c:pt idx="6112">
                  <c:v>60.78</c:v>
                </c:pt>
                <c:pt idx="6113">
                  <c:v>60.789000000000001</c:v>
                </c:pt>
                <c:pt idx="6114">
                  <c:v>60.796999999999997</c:v>
                </c:pt>
                <c:pt idx="6115">
                  <c:v>60.807000000000002</c:v>
                </c:pt>
                <c:pt idx="6116">
                  <c:v>60.816000000000003</c:v>
                </c:pt>
                <c:pt idx="6117">
                  <c:v>60.825000000000003</c:v>
                </c:pt>
                <c:pt idx="6118">
                  <c:v>60.835999999999999</c:v>
                </c:pt>
                <c:pt idx="6119">
                  <c:v>60.844000000000001</c:v>
                </c:pt>
                <c:pt idx="6120">
                  <c:v>60.854999999999997</c:v>
                </c:pt>
                <c:pt idx="6121">
                  <c:v>60.863999999999997</c:v>
                </c:pt>
                <c:pt idx="6122">
                  <c:v>60.875</c:v>
                </c:pt>
                <c:pt idx="6123">
                  <c:v>60.884</c:v>
                </c:pt>
                <c:pt idx="6124">
                  <c:v>60.893999999999998</c:v>
                </c:pt>
                <c:pt idx="6125">
                  <c:v>60.905000000000001</c:v>
                </c:pt>
                <c:pt idx="6126">
                  <c:v>60.914999999999999</c:v>
                </c:pt>
                <c:pt idx="6127">
                  <c:v>60.923999999999999</c:v>
                </c:pt>
                <c:pt idx="6128">
                  <c:v>60.933999999999997</c:v>
                </c:pt>
                <c:pt idx="6129">
                  <c:v>60.944000000000003</c:v>
                </c:pt>
                <c:pt idx="6130">
                  <c:v>60.954000000000001</c:v>
                </c:pt>
                <c:pt idx="6131">
                  <c:v>60.963999999999999</c:v>
                </c:pt>
                <c:pt idx="6132">
                  <c:v>60.972999999999999</c:v>
                </c:pt>
                <c:pt idx="6133">
                  <c:v>60.981999999999999</c:v>
                </c:pt>
                <c:pt idx="6134">
                  <c:v>60.991999999999997</c:v>
                </c:pt>
                <c:pt idx="6135">
                  <c:v>61.000999999999998</c:v>
                </c:pt>
                <c:pt idx="6136">
                  <c:v>61.011000000000003</c:v>
                </c:pt>
                <c:pt idx="6137">
                  <c:v>61.021000000000001</c:v>
                </c:pt>
                <c:pt idx="6138">
                  <c:v>61.030999999999999</c:v>
                </c:pt>
                <c:pt idx="6139">
                  <c:v>61.040999999999997</c:v>
                </c:pt>
                <c:pt idx="6140">
                  <c:v>61.052</c:v>
                </c:pt>
                <c:pt idx="6141">
                  <c:v>61.061</c:v>
                </c:pt>
                <c:pt idx="6142">
                  <c:v>61.070999999999998</c:v>
                </c:pt>
                <c:pt idx="6143">
                  <c:v>61.082000000000001</c:v>
                </c:pt>
                <c:pt idx="6144">
                  <c:v>61.091999999999999</c:v>
                </c:pt>
                <c:pt idx="6145">
                  <c:v>61.101999999999997</c:v>
                </c:pt>
                <c:pt idx="6146">
                  <c:v>61.113</c:v>
                </c:pt>
                <c:pt idx="6147">
                  <c:v>61.122999999999998</c:v>
                </c:pt>
                <c:pt idx="6148">
                  <c:v>61.133000000000003</c:v>
                </c:pt>
                <c:pt idx="6149">
                  <c:v>61.143000000000001</c:v>
                </c:pt>
                <c:pt idx="6150">
                  <c:v>61.152000000000001</c:v>
                </c:pt>
                <c:pt idx="6151">
                  <c:v>61.161999999999999</c:v>
                </c:pt>
                <c:pt idx="6152">
                  <c:v>61.171999999999997</c:v>
                </c:pt>
                <c:pt idx="6153">
                  <c:v>61.182000000000002</c:v>
                </c:pt>
                <c:pt idx="6154">
                  <c:v>61.192</c:v>
                </c:pt>
                <c:pt idx="6155">
                  <c:v>61.201000000000001</c:v>
                </c:pt>
                <c:pt idx="6156">
                  <c:v>61.212000000000003</c:v>
                </c:pt>
                <c:pt idx="6157">
                  <c:v>61.220999999999997</c:v>
                </c:pt>
                <c:pt idx="6158">
                  <c:v>61.231000000000002</c:v>
                </c:pt>
                <c:pt idx="6159">
                  <c:v>61.241</c:v>
                </c:pt>
                <c:pt idx="6160">
                  <c:v>61.250999999999998</c:v>
                </c:pt>
                <c:pt idx="6161">
                  <c:v>61.26</c:v>
                </c:pt>
                <c:pt idx="6162">
                  <c:v>61.271000000000001</c:v>
                </c:pt>
                <c:pt idx="6163">
                  <c:v>61.28</c:v>
                </c:pt>
                <c:pt idx="6164">
                  <c:v>61.290999999999997</c:v>
                </c:pt>
                <c:pt idx="6165">
                  <c:v>61.3</c:v>
                </c:pt>
                <c:pt idx="6166">
                  <c:v>61.311</c:v>
                </c:pt>
                <c:pt idx="6167">
                  <c:v>61.320999999999998</c:v>
                </c:pt>
                <c:pt idx="6168">
                  <c:v>61.33</c:v>
                </c:pt>
                <c:pt idx="6169">
                  <c:v>61.34</c:v>
                </c:pt>
                <c:pt idx="6170">
                  <c:v>61.351999999999997</c:v>
                </c:pt>
                <c:pt idx="6171">
                  <c:v>61.362000000000002</c:v>
                </c:pt>
                <c:pt idx="6172">
                  <c:v>61.372</c:v>
                </c:pt>
                <c:pt idx="6173">
                  <c:v>61.381999999999998</c:v>
                </c:pt>
                <c:pt idx="6174">
                  <c:v>61.393000000000001</c:v>
                </c:pt>
                <c:pt idx="6175">
                  <c:v>61.402000000000001</c:v>
                </c:pt>
                <c:pt idx="6176">
                  <c:v>61.412999999999997</c:v>
                </c:pt>
                <c:pt idx="6177">
                  <c:v>61.423000000000002</c:v>
                </c:pt>
                <c:pt idx="6178">
                  <c:v>61.433</c:v>
                </c:pt>
                <c:pt idx="6179">
                  <c:v>61.442999999999998</c:v>
                </c:pt>
                <c:pt idx="6180">
                  <c:v>61.454000000000001</c:v>
                </c:pt>
                <c:pt idx="6181">
                  <c:v>61.463999999999999</c:v>
                </c:pt>
                <c:pt idx="6182">
                  <c:v>61.473999999999997</c:v>
                </c:pt>
                <c:pt idx="6183">
                  <c:v>61.484999999999999</c:v>
                </c:pt>
                <c:pt idx="6184">
                  <c:v>61.494999999999997</c:v>
                </c:pt>
                <c:pt idx="6185">
                  <c:v>61.505000000000003</c:v>
                </c:pt>
                <c:pt idx="6186">
                  <c:v>61.515999999999998</c:v>
                </c:pt>
                <c:pt idx="6187">
                  <c:v>61.526000000000003</c:v>
                </c:pt>
                <c:pt idx="6188">
                  <c:v>61.536000000000001</c:v>
                </c:pt>
                <c:pt idx="6189">
                  <c:v>61.545000000000002</c:v>
                </c:pt>
                <c:pt idx="6190">
                  <c:v>61.555999999999997</c:v>
                </c:pt>
                <c:pt idx="6191">
                  <c:v>61.566000000000003</c:v>
                </c:pt>
                <c:pt idx="6192">
                  <c:v>61.575000000000003</c:v>
                </c:pt>
                <c:pt idx="6193">
                  <c:v>61.585999999999999</c:v>
                </c:pt>
                <c:pt idx="6194">
                  <c:v>61.594999999999999</c:v>
                </c:pt>
                <c:pt idx="6195">
                  <c:v>61.604999999999997</c:v>
                </c:pt>
                <c:pt idx="6196">
                  <c:v>61.616</c:v>
                </c:pt>
                <c:pt idx="6197">
                  <c:v>61.625</c:v>
                </c:pt>
                <c:pt idx="6198">
                  <c:v>61.634999999999998</c:v>
                </c:pt>
                <c:pt idx="6199">
                  <c:v>61.645000000000003</c:v>
                </c:pt>
                <c:pt idx="6200">
                  <c:v>61.654000000000003</c:v>
                </c:pt>
                <c:pt idx="6201">
                  <c:v>61.664999999999999</c:v>
                </c:pt>
                <c:pt idx="6202">
                  <c:v>61.674999999999997</c:v>
                </c:pt>
                <c:pt idx="6203">
                  <c:v>61.685000000000002</c:v>
                </c:pt>
                <c:pt idx="6204">
                  <c:v>61.695999999999998</c:v>
                </c:pt>
                <c:pt idx="6205">
                  <c:v>61.706000000000003</c:v>
                </c:pt>
                <c:pt idx="6206">
                  <c:v>61.716000000000001</c:v>
                </c:pt>
                <c:pt idx="6207">
                  <c:v>61.726999999999997</c:v>
                </c:pt>
                <c:pt idx="6208">
                  <c:v>61.735999999999997</c:v>
                </c:pt>
                <c:pt idx="6209">
                  <c:v>61.746000000000002</c:v>
                </c:pt>
                <c:pt idx="6210">
                  <c:v>61.756999999999998</c:v>
                </c:pt>
                <c:pt idx="6211">
                  <c:v>61.767000000000003</c:v>
                </c:pt>
                <c:pt idx="6212">
                  <c:v>61.776000000000003</c:v>
                </c:pt>
                <c:pt idx="6213">
                  <c:v>61.783000000000001</c:v>
                </c:pt>
                <c:pt idx="6214">
                  <c:v>61.805</c:v>
                </c:pt>
                <c:pt idx="6215">
                  <c:v>61.814</c:v>
                </c:pt>
                <c:pt idx="6216">
                  <c:v>61.823999999999998</c:v>
                </c:pt>
                <c:pt idx="6217">
                  <c:v>61.834000000000003</c:v>
                </c:pt>
                <c:pt idx="6218">
                  <c:v>61.844999999999999</c:v>
                </c:pt>
                <c:pt idx="6219">
                  <c:v>61.854999999999997</c:v>
                </c:pt>
                <c:pt idx="6220">
                  <c:v>61.865000000000002</c:v>
                </c:pt>
                <c:pt idx="6221">
                  <c:v>61.875999999999998</c:v>
                </c:pt>
                <c:pt idx="6222">
                  <c:v>61.884999999999998</c:v>
                </c:pt>
                <c:pt idx="6223">
                  <c:v>61.895000000000003</c:v>
                </c:pt>
                <c:pt idx="6224">
                  <c:v>61.905999999999999</c:v>
                </c:pt>
                <c:pt idx="6225">
                  <c:v>61.915999999999997</c:v>
                </c:pt>
                <c:pt idx="6226">
                  <c:v>61.927</c:v>
                </c:pt>
                <c:pt idx="6227">
                  <c:v>61.936999999999998</c:v>
                </c:pt>
                <c:pt idx="6228">
                  <c:v>61.947000000000003</c:v>
                </c:pt>
                <c:pt idx="6229">
                  <c:v>61.957000000000001</c:v>
                </c:pt>
                <c:pt idx="6230">
                  <c:v>61.968000000000004</c:v>
                </c:pt>
                <c:pt idx="6231">
                  <c:v>61.978000000000002</c:v>
                </c:pt>
                <c:pt idx="6232">
                  <c:v>61.988</c:v>
                </c:pt>
                <c:pt idx="6233">
                  <c:v>62</c:v>
                </c:pt>
                <c:pt idx="6234">
                  <c:v>62.01</c:v>
                </c:pt>
                <c:pt idx="6235">
                  <c:v>62.021000000000001</c:v>
                </c:pt>
                <c:pt idx="6236">
                  <c:v>62.030999999999999</c:v>
                </c:pt>
                <c:pt idx="6237">
                  <c:v>62.040999999999997</c:v>
                </c:pt>
                <c:pt idx="6238">
                  <c:v>62.052</c:v>
                </c:pt>
                <c:pt idx="6239">
                  <c:v>62.061</c:v>
                </c:pt>
                <c:pt idx="6240">
                  <c:v>62.069000000000003</c:v>
                </c:pt>
                <c:pt idx="6241">
                  <c:v>62.079000000000001</c:v>
                </c:pt>
                <c:pt idx="6242">
                  <c:v>62.088999999999999</c:v>
                </c:pt>
                <c:pt idx="6243">
                  <c:v>62.098999999999997</c:v>
                </c:pt>
                <c:pt idx="6244">
                  <c:v>62.106999999999999</c:v>
                </c:pt>
                <c:pt idx="6245">
                  <c:v>62.116999999999997</c:v>
                </c:pt>
                <c:pt idx="6246">
                  <c:v>62.128</c:v>
                </c:pt>
                <c:pt idx="6247">
                  <c:v>62.131999999999998</c:v>
                </c:pt>
                <c:pt idx="6248">
                  <c:v>62.131999999999998</c:v>
                </c:pt>
                <c:pt idx="6249">
                  <c:v>62.133000000000003</c:v>
                </c:pt>
                <c:pt idx="6250">
                  <c:v>62.140999999999998</c:v>
                </c:pt>
                <c:pt idx="6251">
                  <c:v>62.151000000000003</c:v>
                </c:pt>
                <c:pt idx="6252">
                  <c:v>62.161000000000001</c:v>
                </c:pt>
                <c:pt idx="6253">
                  <c:v>62.170999999999999</c:v>
                </c:pt>
                <c:pt idx="6254">
                  <c:v>62.180999999999997</c:v>
                </c:pt>
                <c:pt idx="6255">
                  <c:v>62.191000000000003</c:v>
                </c:pt>
                <c:pt idx="6256">
                  <c:v>62.201000000000001</c:v>
                </c:pt>
                <c:pt idx="6257">
                  <c:v>62.210999999999999</c:v>
                </c:pt>
                <c:pt idx="6258">
                  <c:v>62.22</c:v>
                </c:pt>
                <c:pt idx="6259">
                  <c:v>62.23</c:v>
                </c:pt>
                <c:pt idx="6260">
                  <c:v>62.238999999999997</c:v>
                </c:pt>
                <c:pt idx="6261">
                  <c:v>62.247999999999998</c:v>
                </c:pt>
                <c:pt idx="6262">
                  <c:v>62.258000000000003</c:v>
                </c:pt>
                <c:pt idx="6263">
                  <c:v>62.265999999999998</c:v>
                </c:pt>
                <c:pt idx="6264">
                  <c:v>62.276000000000003</c:v>
                </c:pt>
                <c:pt idx="6265">
                  <c:v>62.283999999999999</c:v>
                </c:pt>
                <c:pt idx="6266">
                  <c:v>62.292999999999999</c:v>
                </c:pt>
                <c:pt idx="6267">
                  <c:v>62.302999999999997</c:v>
                </c:pt>
                <c:pt idx="6268">
                  <c:v>62.311999999999998</c:v>
                </c:pt>
                <c:pt idx="6269">
                  <c:v>62.320999999999998</c:v>
                </c:pt>
                <c:pt idx="6270">
                  <c:v>62.33</c:v>
                </c:pt>
                <c:pt idx="6271">
                  <c:v>62.34</c:v>
                </c:pt>
                <c:pt idx="6272">
                  <c:v>62.347999999999999</c:v>
                </c:pt>
                <c:pt idx="6273">
                  <c:v>62.356000000000002</c:v>
                </c:pt>
                <c:pt idx="6274">
                  <c:v>62.365000000000002</c:v>
                </c:pt>
                <c:pt idx="6275">
                  <c:v>62.374000000000002</c:v>
                </c:pt>
                <c:pt idx="6276">
                  <c:v>62.383000000000003</c:v>
                </c:pt>
                <c:pt idx="6277">
                  <c:v>62.392000000000003</c:v>
                </c:pt>
                <c:pt idx="6278">
                  <c:v>62.401000000000003</c:v>
                </c:pt>
                <c:pt idx="6279">
                  <c:v>62.411000000000001</c:v>
                </c:pt>
                <c:pt idx="6280">
                  <c:v>62.420999999999999</c:v>
                </c:pt>
                <c:pt idx="6281">
                  <c:v>62.430999999999997</c:v>
                </c:pt>
                <c:pt idx="6282">
                  <c:v>62.442</c:v>
                </c:pt>
                <c:pt idx="6283">
                  <c:v>62.453000000000003</c:v>
                </c:pt>
                <c:pt idx="6284">
                  <c:v>62.463000000000001</c:v>
                </c:pt>
                <c:pt idx="6285">
                  <c:v>62.473999999999997</c:v>
                </c:pt>
                <c:pt idx="6286">
                  <c:v>62.484000000000002</c:v>
                </c:pt>
                <c:pt idx="6287">
                  <c:v>62.494</c:v>
                </c:pt>
                <c:pt idx="6288">
                  <c:v>62.505000000000003</c:v>
                </c:pt>
                <c:pt idx="6289">
                  <c:v>62.514000000000003</c:v>
                </c:pt>
                <c:pt idx="6290">
                  <c:v>62.524999999999999</c:v>
                </c:pt>
                <c:pt idx="6291">
                  <c:v>62.533999999999999</c:v>
                </c:pt>
                <c:pt idx="6292">
                  <c:v>62.542999999999999</c:v>
                </c:pt>
                <c:pt idx="6293">
                  <c:v>62.554000000000002</c:v>
                </c:pt>
                <c:pt idx="6294">
                  <c:v>62.563000000000002</c:v>
                </c:pt>
                <c:pt idx="6295">
                  <c:v>62.572000000000003</c:v>
                </c:pt>
                <c:pt idx="6296">
                  <c:v>62.582000000000001</c:v>
                </c:pt>
                <c:pt idx="6297">
                  <c:v>62.591999999999999</c:v>
                </c:pt>
                <c:pt idx="6298">
                  <c:v>62.600999999999999</c:v>
                </c:pt>
                <c:pt idx="6299">
                  <c:v>62.61</c:v>
                </c:pt>
                <c:pt idx="6300">
                  <c:v>62.621000000000002</c:v>
                </c:pt>
                <c:pt idx="6301">
                  <c:v>62.631</c:v>
                </c:pt>
                <c:pt idx="6302">
                  <c:v>62.640999999999998</c:v>
                </c:pt>
                <c:pt idx="6303">
                  <c:v>62.652000000000001</c:v>
                </c:pt>
                <c:pt idx="6304">
                  <c:v>62.661999999999999</c:v>
                </c:pt>
                <c:pt idx="6305">
                  <c:v>62.67</c:v>
                </c:pt>
                <c:pt idx="6306">
                  <c:v>62.67</c:v>
                </c:pt>
                <c:pt idx="6307">
                  <c:v>62.674999999999997</c:v>
                </c:pt>
                <c:pt idx="6308">
                  <c:v>62.683999999999997</c:v>
                </c:pt>
                <c:pt idx="6309">
                  <c:v>62.694000000000003</c:v>
                </c:pt>
                <c:pt idx="6310">
                  <c:v>62.704000000000001</c:v>
                </c:pt>
                <c:pt idx="6311">
                  <c:v>62.713999999999999</c:v>
                </c:pt>
                <c:pt idx="6312">
                  <c:v>62.722999999999999</c:v>
                </c:pt>
                <c:pt idx="6313">
                  <c:v>62.734000000000002</c:v>
                </c:pt>
                <c:pt idx="6314">
                  <c:v>62.744</c:v>
                </c:pt>
                <c:pt idx="6315">
                  <c:v>62.753999999999998</c:v>
                </c:pt>
                <c:pt idx="6316">
                  <c:v>62.765000000000001</c:v>
                </c:pt>
                <c:pt idx="6317">
                  <c:v>62.776000000000003</c:v>
                </c:pt>
                <c:pt idx="6318">
                  <c:v>62.784999999999997</c:v>
                </c:pt>
                <c:pt idx="6319">
                  <c:v>62.795000000000002</c:v>
                </c:pt>
                <c:pt idx="6320">
                  <c:v>62.805999999999997</c:v>
                </c:pt>
                <c:pt idx="6321">
                  <c:v>62.816000000000003</c:v>
                </c:pt>
                <c:pt idx="6322">
                  <c:v>62.826000000000001</c:v>
                </c:pt>
                <c:pt idx="6323">
                  <c:v>62.837000000000003</c:v>
                </c:pt>
                <c:pt idx="6324">
                  <c:v>62.845999999999997</c:v>
                </c:pt>
                <c:pt idx="6325">
                  <c:v>62.856000000000002</c:v>
                </c:pt>
                <c:pt idx="6326">
                  <c:v>62.866</c:v>
                </c:pt>
                <c:pt idx="6327">
                  <c:v>62.875999999999998</c:v>
                </c:pt>
                <c:pt idx="6328">
                  <c:v>62.884999999999998</c:v>
                </c:pt>
                <c:pt idx="6329">
                  <c:v>62.895000000000003</c:v>
                </c:pt>
                <c:pt idx="6330">
                  <c:v>62.904000000000003</c:v>
                </c:pt>
                <c:pt idx="6331">
                  <c:v>62.912999999999997</c:v>
                </c:pt>
                <c:pt idx="6332">
                  <c:v>62.921999999999997</c:v>
                </c:pt>
                <c:pt idx="6333">
                  <c:v>62.933</c:v>
                </c:pt>
                <c:pt idx="6334">
                  <c:v>62.942999999999998</c:v>
                </c:pt>
                <c:pt idx="6335">
                  <c:v>62.951999999999998</c:v>
                </c:pt>
                <c:pt idx="6336">
                  <c:v>62.963000000000001</c:v>
                </c:pt>
                <c:pt idx="6337">
                  <c:v>62.973999999999997</c:v>
                </c:pt>
                <c:pt idx="6338">
                  <c:v>62.982999999999997</c:v>
                </c:pt>
                <c:pt idx="6339">
                  <c:v>62.993000000000002</c:v>
                </c:pt>
                <c:pt idx="6340">
                  <c:v>63.003999999999998</c:v>
                </c:pt>
                <c:pt idx="6341">
                  <c:v>63.014000000000003</c:v>
                </c:pt>
                <c:pt idx="6342">
                  <c:v>63.024000000000001</c:v>
                </c:pt>
                <c:pt idx="6343">
                  <c:v>63.033999999999999</c:v>
                </c:pt>
                <c:pt idx="6344">
                  <c:v>63.042999999999999</c:v>
                </c:pt>
                <c:pt idx="6345">
                  <c:v>63.054000000000002</c:v>
                </c:pt>
                <c:pt idx="6346">
                  <c:v>63.064</c:v>
                </c:pt>
                <c:pt idx="6347">
                  <c:v>63.073999999999998</c:v>
                </c:pt>
                <c:pt idx="6348">
                  <c:v>63.084000000000003</c:v>
                </c:pt>
                <c:pt idx="6349">
                  <c:v>63.094000000000001</c:v>
                </c:pt>
                <c:pt idx="6350">
                  <c:v>63.103000000000002</c:v>
                </c:pt>
                <c:pt idx="6351">
                  <c:v>63.115000000000002</c:v>
                </c:pt>
                <c:pt idx="6352">
                  <c:v>63.124000000000002</c:v>
                </c:pt>
                <c:pt idx="6353">
                  <c:v>63.136000000000003</c:v>
                </c:pt>
                <c:pt idx="6354">
                  <c:v>63.145000000000003</c:v>
                </c:pt>
                <c:pt idx="6355">
                  <c:v>63.155000000000001</c:v>
                </c:pt>
                <c:pt idx="6356">
                  <c:v>63.165999999999997</c:v>
                </c:pt>
                <c:pt idx="6357">
                  <c:v>63.176000000000002</c:v>
                </c:pt>
                <c:pt idx="6358">
                  <c:v>63.186</c:v>
                </c:pt>
                <c:pt idx="6359">
                  <c:v>63.195999999999998</c:v>
                </c:pt>
                <c:pt idx="6360">
                  <c:v>63.207999999999998</c:v>
                </c:pt>
                <c:pt idx="6361">
                  <c:v>63.216999999999999</c:v>
                </c:pt>
                <c:pt idx="6362">
                  <c:v>63.228000000000002</c:v>
                </c:pt>
                <c:pt idx="6363">
                  <c:v>63.238</c:v>
                </c:pt>
                <c:pt idx="6364">
                  <c:v>63.247999999999998</c:v>
                </c:pt>
                <c:pt idx="6365">
                  <c:v>63.259</c:v>
                </c:pt>
                <c:pt idx="6366">
                  <c:v>63.268999999999998</c:v>
                </c:pt>
                <c:pt idx="6367">
                  <c:v>63.279000000000003</c:v>
                </c:pt>
                <c:pt idx="6368">
                  <c:v>63.29</c:v>
                </c:pt>
                <c:pt idx="6369">
                  <c:v>63.3</c:v>
                </c:pt>
                <c:pt idx="6370">
                  <c:v>63.308999999999997</c:v>
                </c:pt>
                <c:pt idx="6371">
                  <c:v>63.32</c:v>
                </c:pt>
                <c:pt idx="6372">
                  <c:v>63.33</c:v>
                </c:pt>
                <c:pt idx="6373">
                  <c:v>63.34</c:v>
                </c:pt>
                <c:pt idx="6374">
                  <c:v>63.35</c:v>
                </c:pt>
                <c:pt idx="6375">
                  <c:v>63.359000000000002</c:v>
                </c:pt>
                <c:pt idx="6376">
                  <c:v>63.369</c:v>
                </c:pt>
                <c:pt idx="6377">
                  <c:v>63.378</c:v>
                </c:pt>
                <c:pt idx="6378">
                  <c:v>63.387</c:v>
                </c:pt>
                <c:pt idx="6379">
                  <c:v>63.396000000000001</c:v>
                </c:pt>
                <c:pt idx="6380">
                  <c:v>63.405000000000001</c:v>
                </c:pt>
                <c:pt idx="6381">
                  <c:v>63.414000000000001</c:v>
                </c:pt>
                <c:pt idx="6382">
                  <c:v>63.423999999999999</c:v>
                </c:pt>
                <c:pt idx="6383">
                  <c:v>63.432000000000002</c:v>
                </c:pt>
                <c:pt idx="6384">
                  <c:v>63.442</c:v>
                </c:pt>
                <c:pt idx="6385">
                  <c:v>63.45</c:v>
                </c:pt>
                <c:pt idx="6386">
                  <c:v>63.457000000000001</c:v>
                </c:pt>
                <c:pt idx="6387">
                  <c:v>63.466000000000001</c:v>
                </c:pt>
                <c:pt idx="6388">
                  <c:v>63.473999999999997</c:v>
                </c:pt>
                <c:pt idx="6389">
                  <c:v>63.481999999999999</c:v>
                </c:pt>
                <c:pt idx="6390">
                  <c:v>63.491</c:v>
                </c:pt>
                <c:pt idx="6391">
                  <c:v>63.499000000000002</c:v>
                </c:pt>
                <c:pt idx="6392">
                  <c:v>63.506999999999998</c:v>
                </c:pt>
                <c:pt idx="6393">
                  <c:v>63.515000000000001</c:v>
                </c:pt>
                <c:pt idx="6394">
                  <c:v>63.523000000000003</c:v>
                </c:pt>
                <c:pt idx="6395">
                  <c:v>63.530999999999999</c:v>
                </c:pt>
                <c:pt idx="6396">
                  <c:v>63.539000000000001</c:v>
                </c:pt>
                <c:pt idx="6397">
                  <c:v>63.546999999999997</c:v>
                </c:pt>
                <c:pt idx="6398">
                  <c:v>63.555999999999997</c:v>
                </c:pt>
                <c:pt idx="6399">
                  <c:v>63.563000000000002</c:v>
                </c:pt>
                <c:pt idx="6400">
                  <c:v>63.57</c:v>
                </c:pt>
                <c:pt idx="6401">
                  <c:v>63.578000000000003</c:v>
                </c:pt>
                <c:pt idx="6402">
                  <c:v>63.585000000000001</c:v>
                </c:pt>
                <c:pt idx="6403">
                  <c:v>63.591000000000001</c:v>
                </c:pt>
                <c:pt idx="6404">
                  <c:v>63.640999999999998</c:v>
                </c:pt>
                <c:pt idx="6405">
                  <c:v>63.651000000000003</c:v>
                </c:pt>
                <c:pt idx="6406">
                  <c:v>63.661999999999999</c:v>
                </c:pt>
                <c:pt idx="6407">
                  <c:v>63.670999999999999</c:v>
                </c:pt>
                <c:pt idx="6408">
                  <c:v>63.682000000000002</c:v>
                </c:pt>
                <c:pt idx="6409">
                  <c:v>63.692</c:v>
                </c:pt>
                <c:pt idx="6410">
                  <c:v>63.701999999999998</c:v>
                </c:pt>
                <c:pt idx="6411">
                  <c:v>63.712000000000003</c:v>
                </c:pt>
                <c:pt idx="6412">
                  <c:v>63.722000000000001</c:v>
                </c:pt>
                <c:pt idx="6413">
                  <c:v>63.731000000000002</c:v>
                </c:pt>
                <c:pt idx="6414">
                  <c:v>63.741</c:v>
                </c:pt>
                <c:pt idx="6415">
                  <c:v>63.75</c:v>
                </c:pt>
                <c:pt idx="6416">
                  <c:v>63.76</c:v>
                </c:pt>
                <c:pt idx="6417">
                  <c:v>63.768999999999998</c:v>
                </c:pt>
                <c:pt idx="6418">
                  <c:v>63.777000000000001</c:v>
                </c:pt>
                <c:pt idx="6419">
                  <c:v>63.786999999999999</c:v>
                </c:pt>
                <c:pt idx="6420">
                  <c:v>63.795999999999999</c:v>
                </c:pt>
                <c:pt idx="6421">
                  <c:v>63.805</c:v>
                </c:pt>
                <c:pt idx="6422">
                  <c:v>63.814</c:v>
                </c:pt>
                <c:pt idx="6423">
                  <c:v>63.823</c:v>
                </c:pt>
                <c:pt idx="6424">
                  <c:v>63.83</c:v>
                </c:pt>
                <c:pt idx="6425">
                  <c:v>63.837000000000003</c:v>
                </c:pt>
                <c:pt idx="6426">
                  <c:v>63.844000000000001</c:v>
                </c:pt>
                <c:pt idx="6427">
                  <c:v>63.853000000000002</c:v>
                </c:pt>
                <c:pt idx="6428">
                  <c:v>63.860999999999997</c:v>
                </c:pt>
                <c:pt idx="6429">
                  <c:v>63.869</c:v>
                </c:pt>
                <c:pt idx="6430">
                  <c:v>63.878999999999998</c:v>
                </c:pt>
                <c:pt idx="6431">
                  <c:v>63.924999999999997</c:v>
                </c:pt>
                <c:pt idx="6432">
                  <c:v>63.933</c:v>
                </c:pt>
                <c:pt idx="6433">
                  <c:v>63.941000000000003</c:v>
                </c:pt>
                <c:pt idx="6434">
                  <c:v>63.948999999999998</c:v>
                </c:pt>
                <c:pt idx="6435">
                  <c:v>63.957000000000001</c:v>
                </c:pt>
                <c:pt idx="6436">
                  <c:v>63.965000000000003</c:v>
                </c:pt>
                <c:pt idx="6437">
                  <c:v>63.972000000000001</c:v>
                </c:pt>
                <c:pt idx="6438">
                  <c:v>63.970999999999997</c:v>
                </c:pt>
                <c:pt idx="6439">
                  <c:v>63.99</c:v>
                </c:pt>
                <c:pt idx="6440">
                  <c:v>63.996000000000002</c:v>
                </c:pt>
                <c:pt idx="6441">
                  <c:v>64.007000000000005</c:v>
                </c:pt>
                <c:pt idx="6442">
                  <c:v>64.013999999999996</c:v>
                </c:pt>
                <c:pt idx="6443">
                  <c:v>64.022000000000006</c:v>
                </c:pt>
                <c:pt idx="6444">
                  <c:v>64.028999999999996</c:v>
                </c:pt>
                <c:pt idx="6445">
                  <c:v>64.072000000000003</c:v>
                </c:pt>
                <c:pt idx="6446">
                  <c:v>64.081999999999994</c:v>
                </c:pt>
                <c:pt idx="6447">
                  <c:v>64.084000000000003</c:v>
                </c:pt>
                <c:pt idx="6448">
                  <c:v>64.097999999999999</c:v>
                </c:pt>
                <c:pt idx="6449">
                  <c:v>64.105999999999995</c:v>
                </c:pt>
                <c:pt idx="6450">
                  <c:v>64.113</c:v>
                </c:pt>
                <c:pt idx="6451">
                  <c:v>64.12</c:v>
                </c:pt>
                <c:pt idx="6452">
                  <c:v>64.131</c:v>
                </c:pt>
                <c:pt idx="6453">
                  <c:v>64.14</c:v>
                </c:pt>
                <c:pt idx="6454">
                  <c:v>64.185000000000002</c:v>
                </c:pt>
                <c:pt idx="6455">
                  <c:v>64.186000000000007</c:v>
                </c:pt>
                <c:pt idx="6456">
                  <c:v>64.206000000000003</c:v>
                </c:pt>
                <c:pt idx="6457">
                  <c:v>64.212999999999994</c:v>
                </c:pt>
                <c:pt idx="6458">
                  <c:v>64.221000000000004</c:v>
                </c:pt>
                <c:pt idx="6459">
                  <c:v>64.23</c:v>
                </c:pt>
                <c:pt idx="6460">
                  <c:v>64.238</c:v>
                </c:pt>
                <c:pt idx="6461">
                  <c:v>64.245000000000005</c:v>
                </c:pt>
                <c:pt idx="6462">
                  <c:v>64.251999999999995</c:v>
                </c:pt>
                <c:pt idx="6463">
                  <c:v>64.259</c:v>
                </c:pt>
                <c:pt idx="6464">
                  <c:v>64.266999999999996</c:v>
                </c:pt>
                <c:pt idx="6465">
                  <c:v>64.275999999999996</c:v>
                </c:pt>
                <c:pt idx="6466">
                  <c:v>64.284000000000006</c:v>
                </c:pt>
                <c:pt idx="6467">
                  <c:v>64.293999999999997</c:v>
                </c:pt>
                <c:pt idx="6468">
                  <c:v>64.302999999999997</c:v>
                </c:pt>
                <c:pt idx="6469">
                  <c:v>64.313000000000002</c:v>
                </c:pt>
                <c:pt idx="6470">
                  <c:v>64.322000000000003</c:v>
                </c:pt>
                <c:pt idx="6471">
                  <c:v>64.331000000000003</c:v>
                </c:pt>
                <c:pt idx="6472">
                  <c:v>64.34</c:v>
                </c:pt>
                <c:pt idx="6473">
                  <c:v>64.350999999999999</c:v>
                </c:pt>
                <c:pt idx="6474">
                  <c:v>64.36</c:v>
                </c:pt>
                <c:pt idx="6475">
                  <c:v>64.37</c:v>
                </c:pt>
                <c:pt idx="6476">
                  <c:v>64.379000000000005</c:v>
                </c:pt>
                <c:pt idx="6477">
                  <c:v>64.388000000000005</c:v>
                </c:pt>
                <c:pt idx="6478">
                  <c:v>64.397000000000006</c:v>
                </c:pt>
                <c:pt idx="6479">
                  <c:v>64.406999999999996</c:v>
                </c:pt>
                <c:pt idx="6480">
                  <c:v>64.415999999999997</c:v>
                </c:pt>
                <c:pt idx="6481">
                  <c:v>64.427000000000007</c:v>
                </c:pt>
                <c:pt idx="6482">
                  <c:v>64.436000000000007</c:v>
                </c:pt>
                <c:pt idx="6483">
                  <c:v>64.445999999999998</c:v>
                </c:pt>
                <c:pt idx="6484">
                  <c:v>64.456000000000003</c:v>
                </c:pt>
                <c:pt idx="6485">
                  <c:v>64.465999999999994</c:v>
                </c:pt>
                <c:pt idx="6486">
                  <c:v>64.474999999999994</c:v>
                </c:pt>
                <c:pt idx="6487">
                  <c:v>64.486000000000004</c:v>
                </c:pt>
                <c:pt idx="6488">
                  <c:v>64.494</c:v>
                </c:pt>
                <c:pt idx="6489">
                  <c:v>64.501999999999995</c:v>
                </c:pt>
                <c:pt idx="6490">
                  <c:v>64.513000000000005</c:v>
                </c:pt>
                <c:pt idx="6491">
                  <c:v>64.522000000000006</c:v>
                </c:pt>
                <c:pt idx="6492">
                  <c:v>64.531999999999996</c:v>
                </c:pt>
                <c:pt idx="6493">
                  <c:v>64.540999999999997</c:v>
                </c:pt>
                <c:pt idx="6494">
                  <c:v>64.55</c:v>
                </c:pt>
                <c:pt idx="6495">
                  <c:v>64.558999999999997</c:v>
                </c:pt>
                <c:pt idx="6496">
                  <c:v>64.569000000000003</c:v>
                </c:pt>
                <c:pt idx="6497">
                  <c:v>64.578999999999994</c:v>
                </c:pt>
                <c:pt idx="6498">
                  <c:v>64.587999999999994</c:v>
                </c:pt>
                <c:pt idx="6499">
                  <c:v>64.597999999999999</c:v>
                </c:pt>
                <c:pt idx="6500">
                  <c:v>64.606999999999999</c:v>
                </c:pt>
                <c:pt idx="6501">
                  <c:v>64.616</c:v>
                </c:pt>
                <c:pt idx="6502">
                  <c:v>64.626000000000005</c:v>
                </c:pt>
                <c:pt idx="6503">
                  <c:v>64.635999999999996</c:v>
                </c:pt>
                <c:pt idx="6504">
                  <c:v>64.646000000000001</c:v>
                </c:pt>
                <c:pt idx="6505">
                  <c:v>64.655000000000001</c:v>
                </c:pt>
                <c:pt idx="6506">
                  <c:v>64.664000000000001</c:v>
                </c:pt>
                <c:pt idx="6507">
                  <c:v>64.673000000000002</c:v>
                </c:pt>
                <c:pt idx="6508">
                  <c:v>64.680999999999997</c:v>
                </c:pt>
                <c:pt idx="6509">
                  <c:v>64.69</c:v>
                </c:pt>
                <c:pt idx="6510">
                  <c:v>64.698999999999998</c:v>
                </c:pt>
                <c:pt idx="6511">
                  <c:v>64.709000000000003</c:v>
                </c:pt>
                <c:pt idx="6512">
                  <c:v>64.718000000000004</c:v>
                </c:pt>
                <c:pt idx="6513">
                  <c:v>64.727000000000004</c:v>
                </c:pt>
                <c:pt idx="6514">
                  <c:v>64.736999999999995</c:v>
                </c:pt>
                <c:pt idx="6515">
                  <c:v>64.745999999999995</c:v>
                </c:pt>
                <c:pt idx="6516">
                  <c:v>64.756</c:v>
                </c:pt>
                <c:pt idx="6517">
                  <c:v>64.765000000000001</c:v>
                </c:pt>
                <c:pt idx="6518">
                  <c:v>64.774000000000001</c:v>
                </c:pt>
                <c:pt idx="6519">
                  <c:v>64.784999999999997</c:v>
                </c:pt>
                <c:pt idx="6520">
                  <c:v>64.793999999999997</c:v>
                </c:pt>
                <c:pt idx="6521">
                  <c:v>64.804000000000002</c:v>
                </c:pt>
                <c:pt idx="6522">
                  <c:v>64.814999999999998</c:v>
                </c:pt>
                <c:pt idx="6523">
                  <c:v>64.823999999999998</c:v>
                </c:pt>
                <c:pt idx="6524">
                  <c:v>64.834000000000003</c:v>
                </c:pt>
                <c:pt idx="6525">
                  <c:v>64.844999999999999</c:v>
                </c:pt>
                <c:pt idx="6526">
                  <c:v>64.855000000000004</c:v>
                </c:pt>
                <c:pt idx="6527">
                  <c:v>64.864000000000004</c:v>
                </c:pt>
                <c:pt idx="6528">
                  <c:v>64.875</c:v>
                </c:pt>
                <c:pt idx="6529">
                  <c:v>64.885000000000005</c:v>
                </c:pt>
                <c:pt idx="6530">
                  <c:v>64.894999999999996</c:v>
                </c:pt>
                <c:pt idx="6531">
                  <c:v>64.905000000000001</c:v>
                </c:pt>
                <c:pt idx="6532">
                  <c:v>64.915999999999997</c:v>
                </c:pt>
                <c:pt idx="6533">
                  <c:v>64.965000000000003</c:v>
                </c:pt>
                <c:pt idx="6534">
                  <c:v>64.975999999999999</c:v>
                </c:pt>
                <c:pt idx="6535">
                  <c:v>64.986000000000004</c:v>
                </c:pt>
                <c:pt idx="6536">
                  <c:v>64.997</c:v>
                </c:pt>
                <c:pt idx="6537">
                  <c:v>65.007000000000005</c:v>
                </c:pt>
                <c:pt idx="6538">
                  <c:v>65.018000000000001</c:v>
                </c:pt>
                <c:pt idx="6539">
                  <c:v>65.028000000000006</c:v>
                </c:pt>
                <c:pt idx="6540">
                  <c:v>65.037999999999997</c:v>
                </c:pt>
                <c:pt idx="6541">
                  <c:v>65.048000000000002</c:v>
                </c:pt>
                <c:pt idx="6542">
                  <c:v>65.058999999999997</c:v>
                </c:pt>
                <c:pt idx="6543">
                  <c:v>65.069000000000003</c:v>
                </c:pt>
                <c:pt idx="6544">
                  <c:v>65.078999999999994</c:v>
                </c:pt>
                <c:pt idx="6545">
                  <c:v>65.09</c:v>
                </c:pt>
                <c:pt idx="6546">
                  <c:v>65.099999999999994</c:v>
                </c:pt>
                <c:pt idx="6547">
                  <c:v>65.108999999999995</c:v>
                </c:pt>
                <c:pt idx="6548">
                  <c:v>65.120999999999995</c:v>
                </c:pt>
                <c:pt idx="6549">
                  <c:v>65.13</c:v>
                </c:pt>
                <c:pt idx="6550">
                  <c:v>65.141000000000005</c:v>
                </c:pt>
                <c:pt idx="6551">
                  <c:v>65.150000000000006</c:v>
                </c:pt>
                <c:pt idx="6552">
                  <c:v>65.16</c:v>
                </c:pt>
                <c:pt idx="6553">
                  <c:v>65.171000000000006</c:v>
                </c:pt>
                <c:pt idx="6554">
                  <c:v>65.180999999999997</c:v>
                </c:pt>
                <c:pt idx="6555">
                  <c:v>65.191999999999993</c:v>
                </c:pt>
                <c:pt idx="6556">
                  <c:v>65.200999999999993</c:v>
                </c:pt>
                <c:pt idx="6557">
                  <c:v>65.210999999999999</c:v>
                </c:pt>
                <c:pt idx="6558">
                  <c:v>65.221000000000004</c:v>
                </c:pt>
                <c:pt idx="6559">
                  <c:v>65.231999999999999</c:v>
                </c:pt>
                <c:pt idx="6560">
                  <c:v>65.241</c:v>
                </c:pt>
                <c:pt idx="6561">
                  <c:v>65.25</c:v>
                </c:pt>
                <c:pt idx="6562">
                  <c:v>65.260999999999996</c:v>
                </c:pt>
                <c:pt idx="6563">
                  <c:v>65.271000000000001</c:v>
                </c:pt>
                <c:pt idx="6564">
                  <c:v>65.281000000000006</c:v>
                </c:pt>
                <c:pt idx="6565">
                  <c:v>65.290999999999997</c:v>
                </c:pt>
                <c:pt idx="6566">
                  <c:v>65.302000000000007</c:v>
                </c:pt>
                <c:pt idx="6567">
                  <c:v>65.311999999999998</c:v>
                </c:pt>
                <c:pt idx="6568">
                  <c:v>65.322000000000003</c:v>
                </c:pt>
                <c:pt idx="6569">
                  <c:v>65.332999999999998</c:v>
                </c:pt>
                <c:pt idx="6570">
                  <c:v>65.343000000000004</c:v>
                </c:pt>
                <c:pt idx="6571">
                  <c:v>65.400999999999996</c:v>
                </c:pt>
                <c:pt idx="6572">
                  <c:v>65.411000000000001</c:v>
                </c:pt>
                <c:pt idx="6573">
                  <c:v>65.421000000000006</c:v>
                </c:pt>
                <c:pt idx="6574">
                  <c:v>65.430999999999997</c:v>
                </c:pt>
                <c:pt idx="6575">
                  <c:v>65.441000000000003</c:v>
                </c:pt>
                <c:pt idx="6576">
                  <c:v>65.451999999999998</c:v>
                </c:pt>
                <c:pt idx="6577">
                  <c:v>65.462000000000003</c:v>
                </c:pt>
                <c:pt idx="6578">
                  <c:v>65.471999999999994</c:v>
                </c:pt>
                <c:pt idx="6579">
                  <c:v>65.483000000000004</c:v>
                </c:pt>
                <c:pt idx="6580">
                  <c:v>65.492999999999995</c:v>
                </c:pt>
                <c:pt idx="6581">
                  <c:v>65.504000000000005</c:v>
                </c:pt>
                <c:pt idx="6582">
                  <c:v>65.513999999999996</c:v>
                </c:pt>
                <c:pt idx="6583">
                  <c:v>65.524000000000001</c:v>
                </c:pt>
                <c:pt idx="6584">
                  <c:v>65.534000000000006</c:v>
                </c:pt>
                <c:pt idx="6585">
                  <c:v>65.545000000000002</c:v>
                </c:pt>
                <c:pt idx="6586">
                  <c:v>65.555000000000007</c:v>
                </c:pt>
                <c:pt idx="6587">
                  <c:v>65.564999999999998</c:v>
                </c:pt>
                <c:pt idx="6588">
                  <c:v>65.573999999999998</c:v>
                </c:pt>
                <c:pt idx="6589">
                  <c:v>65.585999999999999</c:v>
                </c:pt>
                <c:pt idx="6590">
                  <c:v>65.594999999999999</c:v>
                </c:pt>
                <c:pt idx="6591">
                  <c:v>65.605000000000004</c:v>
                </c:pt>
                <c:pt idx="6592">
                  <c:v>65.616</c:v>
                </c:pt>
                <c:pt idx="6593">
                  <c:v>65.626000000000005</c:v>
                </c:pt>
                <c:pt idx="6594">
                  <c:v>65.635999999999996</c:v>
                </c:pt>
                <c:pt idx="6595">
                  <c:v>65.646000000000001</c:v>
                </c:pt>
                <c:pt idx="6596">
                  <c:v>65.656999999999996</c:v>
                </c:pt>
                <c:pt idx="6597">
                  <c:v>65.667000000000002</c:v>
                </c:pt>
                <c:pt idx="6598">
                  <c:v>65.677999999999997</c:v>
                </c:pt>
                <c:pt idx="6599">
                  <c:v>65.688000000000002</c:v>
                </c:pt>
                <c:pt idx="6600">
                  <c:v>65.697000000000003</c:v>
                </c:pt>
                <c:pt idx="6601">
                  <c:v>65.706999999999994</c:v>
                </c:pt>
                <c:pt idx="6602">
                  <c:v>65.718000000000004</c:v>
                </c:pt>
                <c:pt idx="6603">
                  <c:v>65.727000000000004</c:v>
                </c:pt>
                <c:pt idx="6604">
                  <c:v>65.738</c:v>
                </c:pt>
                <c:pt idx="6605">
                  <c:v>65.748000000000005</c:v>
                </c:pt>
                <c:pt idx="6606">
                  <c:v>65.757999999999996</c:v>
                </c:pt>
                <c:pt idx="6607">
                  <c:v>65.769000000000005</c:v>
                </c:pt>
                <c:pt idx="6608">
                  <c:v>65.778000000000006</c:v>
                </c:pt>
                <c:pt idx="6609">
                  <c:v>65.787999999999997</c:v>
                </c:pt>
                <c:pt idx="6610">
                  <c:v>65.799000000000007</c:v>
                </c:pt>
                <c:pt idx="6611">
                  <c:v>65.808000000000007</c:v>
                </c:pt>
                <c:pt idx="6612">
                  <c:v>65.819000000000003</c:v>
                </c:pt>
                <c:pt idx="6613">
                  <c:v>65.828999999999994</c:v>
                </c:pt>
                <c:pt idx="6614">
                  <c:v>65.838999999999999</c:v>
                </c:pt>
                <c:pt idx="6615">
                  <c:v>65.849999999999994</c:v>
                </c:pt>
                <c:pt idx="6616">
                  <c:v>65.858999999999995</c:v>
                </c:pt>
                <c:pt idx="6617">
                  <c:v>65.87</c:v>
                </c:pt>
                <c:pt idx="6618">
                  <c:v>65.88</c:v>
                </c:pt>
                <c:pt idx="6619">
                  <c:v>65.888999999999996</c:v>
                </c:pt>
                <c:pt idx="6620">
                  <c:v>65.899000000000001</c:v>
                </c:pt>
                <c:pt idx="6621">
                  <c:v>65.91</c:v>
                </c:pt>
                <c:pt idx="6622">
                  <c:v>65.92</c:v>
                </c:pt>
                <c:pt idx="6623">
                  <c:v>65.930000000000007</c:v>
                </c:pt>
                <c:pt idx="6624">
                  <c:v>65.938999999999993</c:v>
                </c:pt>
                <c:pt idx="6625">
                  <c:v>65.95</c:v>
                </c:pt>
                <c:pt idx="6626">
                  <c:v>65.959000000000003</c:v>
                </c:pt>
                <c:pt idx="6627">
                  <c:v>65.968999999999994</c:v>
                </c:pt>
                <c:pt idx="6628">
                  <c:v>65.978999999999999</c:v>
                </c:pt>
                <c:pt idx="6629">
                  <c:v>65.986999999999995</c:v>
                </c:pt>
                <c:pt idx="6630">
                  <c:v>65.995000000000005</c:v>
                </c:pt>
                <c:pt idx="6631">
                  <c:v>66.003</c:v>
                </c:pt>
                <c:pt idx="6632">
                  <c:v>66.012</c:v>
                </c:pt>
                <c:pt idx="6633">
                  <c:v>66.022999999999996</c:v>
                </c:pt>
                <c:pt idx="6634">
                  <c:v>66.031999999999996</c:v>
                </c:pt>
                <c:pt idx="6635">
                  <c:v>66.040000000000006</c:v>
                </c:pt>
                <c:pt idx="6636">
                  <c:v>66.049000000000007</c:v>
                </c:pt>
                <c:pt idx="6637">
                  <c:v>66.058000000000007</c:v>
                </c:pt>
                <c:pt idx="6638">
                  <c:v>66.066000000000003</c:v>
                </c:pt>
                <c:pt idx="6639">
                  <c:v>66.073999999999998</c:v>
                </c:pt>
                <c:pt idx="6640">
                  <c:v>66.081999999999994</c:v>
                </c:pt>
                <c:pt idx="6641">
                  <c:v>66.090999999999994</c:v>
                </c:pt>
                <c:pt idx="6642">
                  <c:v>66.100999999999999</c:v>
                </c:pt>
                <c:pt idx="6643">
                  <c:v>66.111000000000004</c:v>
                </c:pt>
                <c:pt idx="6644">
                  <c:v>66.162999999999997</c:v>
                </c:pt>
                <c:pt idx="6645">
                  <c:v>66.173000000000002</c:v>
                </c:pt>
                <c:pt idx="6646">
                  <c:v>66.183000000000007</c:v>
                </c:pt>
                <c:pt idx="6647">
                  <c:v>66.192999999999998</c:v>
                </c:pt>
                <c:pt idx="6648">
                  <c:v>66.248999999999995</c:v>
                </c:pt>
                <c:pt idx="6649">
                  <c:v>66.259</c:v>
                </c:pt>
                <c:pt idx="6650">
                  <c:v>66.269000000000005</c:v>
                </c:pt>
                <c:pt idx="6651">
                  <c:v>66.28</c:v>
                </c:pt>
                <c:pt idx="6652">
                  <c:v>66.289000000000001</c:v>
                </c:pt>
                <c:pt idx="6653">
                  <c:v>66.301000000000002</c:v>
                </c:pt>
                <c:pt idx="6654">
                  <c:v>66.311000000000007</c:v>
                </c:pt>
                <c:pt idx="6655">
                  <c:v>66.319999999999993</c:v>
                </c:pt>
                <c:pt idx="6656">
                  <c:v>66.331000000000003</c:v>
                </c:pt>
                <c:pt idx="6657">
                  <c:v>66.340999999999994</c:v>
                </c:pt>
                <c:pt idx="6658">
                  <c:v>66.352000000000004</c:v>
                </c:pt>
                <c:pt idx="6659">
                  <c:v>66.361999999999995</c:v>
                </c:pt>
                <c:pt idx="6660">
                  <c:v>66.373000000000005</c:v>
                </c:pt>
                <c:pt idx="6661">
                  <c:v>66.382999999999996</c:v>
                </c:pt>
                <c:pt idx="6662">
                  <c:v>66.393000000000001</c:v>
                </c:pt>
                <c:pt idx="6663">
                  <c:v>66.403000000000006</c:v>
                </c:pt>
                <c:pt idx="6664">
                  <c:v>66.412999999999997</c:v>
                </c:pt>
                <c:pt idx="6665">
                  <c:v>66.424000000000007</c:v>
                </c:pt>
                <c:pt idx="6666">
                  <c:v>66.433999999999997</c:v>
                </c:pt>
                <c:pt idx="6667">
                  <c:v>66.442999999999998</c:v>
                </c:pt>
                <c:pt idx="6668">
                  <c:v>66.454999999999998</c:v>
                </c:pt>
                <c:pt idx="6669">
                  <c:v>66.465000000000003</c:v>
                </c:pt>
                <c:pt idx="6670">
                  <c:v>66.474000000000004</c:v>
                </c:pt>
                <c:pt idx="6671">
                  <c:v>66.483999999999995</c:v>
                </c:pt>
                <c:pt idx="6672">
                  <c:v>66.495000000000005</c:v>
                </c:pt>
                <c:pt idx="6673">
                  <c:v>66.504999999999995</c:v>
                </c:pt>
                <c:pt idx="6674">
                  <c:v>66.513999999999996</c:v>
                </c:pt>
                <c:pt idx="6675">
                  <c:v>66.525000000000006</c:v>
                </c:pt>
                <c:pt idx="6676">
                  <c:v>66.534999999999997</c:v>
                </c:pt>
                <c:pt idx="6677">
                  <c:v>66.545000000000002</c:v>
                </c:pt>
                <c:pt idx="6678">
                  <c:v>66.555999999999997</c:v>
                </c:pt>
                <c:pt idx="6679">
                  <c:v>66.564999999999998</c:v>
                </c:pt>
                <c:pt idx="6680">
                  <c:v>66.573999999999998</c:v>
                </c:pt>
                <c:pt idx="6681">
                  <c:v>66.584000000000003</c:v>
                </c:pt>
                <c:pt idx="6682">
                  <c:v>66.593999999999994</c:v>
                </c:pt>
                <c:pt idx="6683">
                  <c:v>66.603999999999999</c:v>
                </c:pt>
                <c:pt idx="6684">
                  <c:v>66.613</c:v>
                </c:pt>
                <c:pt idx="6685">
                  <c:v>66.623000000000005</c:v>
                </c:pt>
                <c:pt idx="6686">
                  <c:v>66.632000000000005</c:v>
                </c:pt>
                <c:pt idx="6687">
                  <c:v>66.641000000000005</c:v>
                </c:pt>
                <c:pt idx="6688">
                  <c:v>66.652000000000001</c:v>
                </c:pt>
                <c:pt idx="6689">
                  <c:v>66.66</c:v>
                </c:pt>
                <c:pt idx="6690">
                  <c:v>66.671000000000006</c:v>
                </c:pt>
                <c:pt idx="6691">
                  <c:v>66.680000000000007</c:v>
                </c:pt>
                <c:pt idx="6692">
                  <c:v>66.69</c:v>
                </c:pt>
                <c:pt idx="6693">
                  <c:v>66.7</c:v>
                </c:pt>
                <c:pt idx="6694">
                  <c:v>66.709999999999994</c:v>
                </c:pt>
                <c:pt idx="6695">
                  <c:v>66.718999999999994</c:v>
                </c:pt>
                <c:pt idx="6696">
                  <c:v>66.73</c:v>
                </c:pt>
                <c:pt idx="6697">
                  <c:v>66.739000000000004</c:v>
                </c:pt>
                <c:pt idx="6698">
                  <c:v>66.748000000000005</c:v>
                </c:pt>
                <c:pt idx="6699">
                  <c:v>66.759</c:v>
                </c:pt>
                <c:pt idx="6700">
                  <c:v>66.769000000000005</c:v>
                </c:pt>
                <c:pt idx="6701">
                  <c:v>66.778999999999996</c:v>
                </c:pt>
                <c:pt idx="6702">
                  <c:v>66.789000000000001</c:v>
                </c:pt>
                <c:pt idx="6703">
                  <c:v>66.799000000000007</c:v>
                </c:pt>
                <c:pt idx="6704">
                  <c:v>66.808999999999997</c:v>
                </c:pt>
                <c:pt idx="6705">
                  <c:v>66.819999999999993</c:v>
                </c:pt>
                <c:pt idx="6706">
                  <c:v>66.83</c:v>
                </c:pt>
                <c:pt idx="6707">
                  <c:v>66.840999999999994</c:v>
                </c:pt>
                <c:pt idx="6708">
                  <c:v>66.850999999999999</c:v>
                </c:pt>
                <c:pt idx="6709">
                  <c:v>66.861000000000004</c:v>
                </c:pt>
                <c:pt idx="6710">
                  <c:v>66.870999999999995</c:v>
                </c:pt>
                <c:pt idx="6711">
                  <c:v>66.882000000000005</c:v>
                </c:pt>
                <c:pt idx="6712">
                  <c:v>66.891999999999996</c:v>
                </c:pt>
                <c:pt idx="6713">
                  <c:v>66.900999999999996</c:v>
                </c:pt>
                <c:pt idx="6714">
                  <c:v>66.912000000000006</c:v>
                </c:pt>
                <c:pt idx="6715">
                  <c:v>66.921999999999997</c:v>
                </c:pt>
                <c:pt idx="6716">
                  <c:v>66.933000000000007</c:v>
                </c:pt>
                <c:pt idx="6717">
                  <c:v>66.942999999999998</c:v>
                </c:pt>
                <c:pt idx="6718">
                  <c:v>66.951999999999998</c:v>
                </c:pt>
                <c:pt idx="6719">
                  <c:v>66.962999999999994</c:v>
                </c:pt>
                <c:pt idx="6720">
                  <c:v>66.974999999999994</c:v>
                </c:pt>
                <c:pt idx="6721">
                  <c:v>66.983999999999995</c:v>
                </c:pt>
                <c:pt idx="6722">
                  <c:v>66.992999999999995</c:v>
                </c:pt>
                <c:pt idx="6723">
                  <c:v>67.004000000000005</c:v>
                </c:pt>
                <c:pt idx="6724">
                  <c:v>67.013999999999996</c:v>
                </c:pt>
                <c:pt idx="6725">
                  <c:v>67.024000000000001</c:v>
                </c:pt>
                <c:pt idx="6726">
                  <c:v>67.034999999999997</c:v>
                </c:pt>
                <c:pt idx="6727">
                  <c:v>67.045000000000002</c:v>
                </c:pt>
                <c:pt idx="6728">
                  <c:v>67.055999999999997</c:v>
                </c:pt>
                <c:pt idx="6729">
                  <c:v>67.066000000000003</c:v>
                </c:pt>
                <c:pt idx="6730">
                  <c:v>67.075999999999993</c:v>
                </c:pt>
                <c:pt idx="6731">
                  <c:v>67.085999999999999</c:v>
                </c:pt>
                <c:pt idx="6732">
                  <c:v>67.096000000000004</c:v>
                </c:pt>
                <c:pt idx="6733">
                  <c:v>67.106999999999999</c:v>
                </c:pt>
                <c:pt idx="6734">
                  <c:v>67.117000000000004</c:v>
                </c:pt>
                <c:pt idx="6735">
                  <c:v>67.126000000000005</c:v>
                </c:pt>
                <c:pt idx="6736">
                  <c:v>67.135999999999996</c:v>
                </c:pt>
                <c:pt idx="6737">
                  <c:v>67.147000000000006</c:v>
                </c:pt>
                <c:pt idx="6738">
                  <c:v>67.156999999999996</c:v>
                </c:pt>
                <c:pt idx="6739">
                  <c:v>67.168000000000006</c:v>
                </c:pt>
                <c:pt idx="6740">
                  <c:v>67.177999999999997</c:v>
                </c:pt>
                <c:pt idx="6741">
                  <c:v>67.188000000000002</c:v>
                </c:pt>
                <c:pt idx="6742">
                  <c:v>67.198999999999998</c:v>
                </c:pt>
                <c:pt idx="6743">
                  <c:v>67.209000000000003</c:v>
                </c:pt>
                <c:pt idx="6744">
                  <c:v>67.218999999999994</c:v>
                </c:pt>
                <c:pt idx="6745">
                  <c:v>67.228999999999999</c:v>
                </c:pt>
                <c:pt idx="6746">
                  <c:v>67.239000000000004</c:v>
                </c:pt>
                <c:pt idx="6747">
                  <c:v>67.25</c:v>
                </c:pt>
                <c:pt idx="6748">
                  <c:v>67.260000000000005</c:v>
                </c:pt>
                <c:pt idx="6749">
                  <c:v>67.27</c:v>
                </c:pt>
                <c:pt idx="6750">
                  <c:v>67.28</c:v>
                </c:pt>
                <c:pt idx="6751">
                  <c:v>67.290999999999997</c:v>
                </c:pt>
                <c:pt idx="6752">
                  <c:v>67.301000000000002</c:v>
                </c:pt>
                <c:pt idx="6753">
                  <c:v>67.311999999999998</c:v>
                </c:pt>
                <c:pt idx="6754">
                  <c:v>67.322000000000003</c:v>
                </c:pt>
                <c:pt idx="6755">
                  <c:v>67.331999999999994</c:v>
                </c:pt>
                <c:pt idx="6756">
                  <c:v>67.341999999999999</c:v>
                </c:pt>
                <c:pt idx="6757">
                  <c:v>67.353999999999999</c:v>
                </c:pt>
                <c:pt idx="6758">
                  <c:v>67.364000000000004</c:v>
                </c:pt>
                <c:pt idx="6759">
                  <c:v>67.373999999999995</c:v>
                </c:pt>
                <c:pt idx="6760">
                  <c:v>67.384</c:v>
                </c:pt>
                <c:pt idx="6761">
                  <c:v>67.394999999999996</c:v>
                </c:pt>
                <c:pt idx="6762">
                  <c:v>67.403999999999996</c:v>
                </c:pt>
                <c:pt idx="6763">
                  <c:v>67.414000000000001</c:v>
                </c:pt>
                <c:pt idx="6764">
                  <c:v>67.424999999999997</c:v>
                </c:pt>
                <c:pt idx="6765">
                  <c:v>67.435000000000002</c:v>
                </c:pt>
                <c:pt idx="6766">
                  <c:v>67.445999999999998</c:v>
                </c:pt>
                <c:pt idx="6767">
                  <c:v>67.456000000000003</c:v>
                </c:pt>
                <c:pt idx="6768">
                  <c:v>67.465999999999994</c:v>
                </c:pt>
                <c:pt idx="6769">
                  <c:v>67.477000000000004</c:v>
                </c:pt>
                <c:pt idx="6770">
                  <c:v>67.486000000000004</c:v>
                </c:pt>
                <c:pt idx="6771">
                  <c:v>67.495999999999995</c:v>
                </c:pt>
                <c:pt idx="6772">
                  <c:v>67.507999999999996</c:v>
                </c:pt>
                <c:pt idx="6773">
                  <c:v>67.518000000000001</c:v>
                </c:pt>
                <c:pt idx="6774">
                  <c:v>67.527000000000001</c:v>
                </c:pt>
                <c:pt idx="6775">
                  <c:v>67.537999999999997</c:v>
                </c:pt>
                <c:pt idx="6776">
                  <c:v>67.549000000000007</c:v>
                </c:pt>
                <c:pt idx="6777">
                  <c:v>67.558000000000007</c:v>
                </c:pt>
                <c:pt idx="6778">
                  <c:v>67.569000000000003</c:v>
                </c:pt>
                <c:pt idx="6779">
                  <c:v>67.578000000000003</c:v>
                </c:pt>
                <c:pt idx="6780">
                  <c:v>67.588999999999999</c:v>
                </c:pt>
                <c:pt idx="6781">
                  <c:v>67.597999999999999</c:v>
                </c:pt>
                <c:pt idx="6782">
                  <c:v>67.61</c:v>
                </c:pt>
                <c:pt idx="6783">
                  <c:v>67.62</c:v>
                </c:pt>
                <c:pt idx="6784">
                  <c:v>67.63</c:v>
                </c:pt>
                <c:pt idx="6785">
                  <c:v>67.641000000000005</c:v>
                </c:pt>
                <c:pt idx="6786">
                  <c:v>67.650999999999996</c:v>
                </c:pt>
                <c:pt idx="6787">
                  <c:v>67.661000000000001</c:v>
                </c:pt>
                <c:pt idx="6788">
                  <c:v>67.671000000000006</c:v>
                </c:pt>
                <c:pt idx="6789">
                  <c:v>67.680999999999997</c:v>
                </c:pt>
                <c:pt idx="6790">
                  <c:v>67.691999999999993</c:v>
                </c:pt>
                <c:pt idx="6791">
                  <c:v>67.701999999999998</c:v>
                </c:pt>
                <c:pt idx="6792">
                  <c:v>67.710999999999999</c:v>
                </c:pt>
                <c:pt idx="6793">
                  <c:v>67.721999999999994</c:v>
                </c:pt>
                <c:pt idx="6794">
                  <c:v>67.731999999999999</c:v>
                </c:pt>
                <c:pt idx="6795">
                  <c:v>67.741</c:v>
                </c:pt>
                <c:pt idx="6796">
                  <c:v>67.751999999999995</c:v>
                </c:pt>
                <c:pt idx="6797">
                  <c:v>67.760999999999996</c:v>
                </c:pt>
                <c:pt idx="6798">
                  <c:v>67.772000000000006</c:v>
                </c:pt>
                <c:pt idx="6799">
                  <c:v>67.781999999999996</c:v>
                </c:pt>
                <c:pt idx="6800">
                  <c:v>67.792000000000002</c:v>
                </c:pt>
                <c:pt idx="6801">
                  <c:v>67.804000000000002</c:v>
                </c:pt>
                <c:pt idx="6802">
                  <c:v>67.813999999999993</c:v>
                </c:pt>
                <c:pt idx="6803">
                  <c:v>67.825000000000003</c:v>
                </c:pt>
                <c:pt idx="6804">
                  <c:v>67.834999999999994</c:v>
                </c:pt>
                <c:pt idx="6805">
                  <c:v>67.846999999999994</c:v>
                </c:pt>
                <c:pt idx="6806">
                  <c:v>67.858000000000004</c:v>
                </c:pt>
                <c:pt idx="6807">
                  <c:v>67.867999999999995</c:v>
                </c:pt>
                <c:pt idx="6808">
                  <c:v>67.878</c:v>
                </c:pt>
                <c:pt idx="6809">
                  <c:v>67.89</c:v>
                </c:pt>
                <c:pt idx="6810">
                  <c:v>67.900000000000006</c:v>
                </c:pt>
                <c:pt idx="6811">
                  <c:v>67.909000000000006</c:v>
                </c:pt>
                <c:pt idx="6812">
                  <c:v>67.92</c:v>
                </c:pt>
                <c:pt idx="6813">
                  <c:v>67.930000000000007</c:v>
                </c:pt>
                <c:pt idx="6814">
                  <c:v>67.94</c:v>
                </c:pt>
                <c:pt idx="6815">
                  <c:v>67.95</c:v>
                </c:pt>
                <c:pt idx="6816">
                  <c:v>67.960999999999999</c:v>
                </c:pt>
                <c:pt idx="6817">
                  <c:v>67.971000000000004</c:v>
                </c:pt>
                <c:pt idx="6818">
                  <c:v>67.983000000000004</c:v>
                </c:pt>
                <c:pt idx="6819">
                  <c:v>67.992000000000004</c:v>
                </c:pt>
                <c:pt idx="6820">
                  <c:v>68.001000000000005</c:v>
                </c:pt>
                <c:pt idx="6821">
                  <c:v>68.012</c:v>
                </c:pt>
                <c:pt idx="6822">
                  <c:v>68.021000000000001</c:v>
                </c:pt>
                <c:pt idx="6823">
                  <c:v>68.03</c:v>
                </c:pt>
                <c:pt idx="6824">
                  <c:v>68.040000000000006</c:v>
                </c:pt>
                <c:pt idx="6825">
                  <c:v>68.05</c:v>
                </c:pt>
                <c:pt idx="6826">
                  <c:v>68.06</c:v>
                </c:pt>
                <c:pt idx="6827">
                  <c:v>68.069000000000003</c:v>
                </c:pt>
                <c:pt idx="6828">
                  <c:v>68.078000000000003</c:v>
                </c:pt>
                <c:pt idx="6829">
                  <c:v>68.088999999999999</c:v>
                </c:pt>
                <c:pt idx="6830">
                  <c:v>68.097999999999999</c:v>
                </c:pt>
                <c:pt idx="6831">
                  <c:v>68.108000000000004</c:v>
                </c:pt>
                <c:pt idx="6832">
                  <c:v>68.117999999999995</c:v>
                </c:pt>
                <c:pt idx="6833">
                  <c:v>68.128</c:v>
                </c:pt>
                <c:pt idx="6834">
                  <c:v>68.137</c:v>
                </c:pt>
                <c:pt idx="6835">
                  <c:v>68.147999999999996</c:v>
                </c:pt>
                <c:pt idx="6836">
                  <c:v>68.156999999999996</c:v>
                </c:pt>
                <c:pt idx="6837">
                  <c:v>68.168000000000006</c:v>
                </c:pt>
                <c:pt idx="6838">
                  <c:v>68.177000000000007</c:v>
                </c:pt>
                <c:pt idx="6839">
                  <c:v>68.188000000000002</c:v>
                </c:pt>
                <c:pt idx="6840">
                  <c:v>68.197000000000003</c:v>
                </c:pt>
                <c:pt idx="6841">
                  <c:v>68.206999999999994</c:v>
                </c:pt>
                <c:pt idx="6842">
                  <c:v>68.216999999999999</c:v>
                </c:pt>
                <c:pt idx="6843">
                  <c:v>68.225999999999999</c:v>
                </c:pt>
                <c:pt idx="6844">
                  <c:v>68.234999999999999</c:v>
                </c:pt>
                <c:pt idx="6845">
                  <c:v>68.245000000000005</c:v>
                </c:pt>
                <c:pt idx="6846">
                  <c:v>68.254000000000005</c:v>
                </c:pt>
                <c:pt idx="6847">
                  <c:v>68.263999999999996</c:v>
                </c:pt>
                <c:pt idx="6848">
                  <c:v>68.272999999999996</c:v>
                </c:pt>
                <c:pt idx="6849">
                  <c:v>68.281999999999996</c:v>
                </c:pt>
                <c:pt idx="6850">
                  <c:v>68.292000000000002</c:v>
                </c:pt>
                <c:pt idx="6851">
                  <c:v>68.301000000000002</c:v>
                </c:pt>
                <c:pt idx="6852">
                  <c:v>68.308999999999997</c:v>
                </c:pt>
                <c:pt idx="6853">
                  <c:v>68.319000000000003</c:v>
                </c:pt>
                <c:pt idx="6854">
                  <c:v>68.328000000000003</c:v>
                </c:pt>
                <c:pt idx="6855">
                  <c:v>68.337000000000003</c:v>
                </c:pt>
                <c:pt idx="6856">
                  <c:v>68.346000000000004</c:v>
                </c:pt>
                <c:pt idx="6857">
                  <c:v>68.356999999999999</c:v>
                </c:pt>
                <c:pt idx="6858">
                  <c:v>68.367000000000004</c:v>
                </c:pt>
                <c:pt idx="6859">
                  <c:v>68.378</c:v>
                </c:pt>
                <c:pt idx="6860">
                  <c:v>68.388000000000005</c:v>
                </c:pt>
                <c:pt idx="6861">
                  <c:v>68.397000000000006</c:v>
                </c:pt>
                <c:pt idx="6862">
                  <c:v>68.408000000000001</c:v>
                </c:pt>
                <c:pt idx="6863">
                  <c:v>68.417000000000002</c:v>
                </c:pt>
                <c:pt idx="6864">
                  <c:v>68.427000000000007</c:v>
                </c:pt>
                <c:pt idx="6865">
                  <c:v>68.438000000000002</c:v>
                </c:pt>
                <c:pt idx="6866">
                  <c:v>68.447999999999993</c:v>
                </c:pt>
                <c:pt idx="6867">
                  <c:v>68.459000000000003</c:v>
                </c:pt>
                <c:pt idx="6868">
                  <c:v>68.468999999999994</c:v>
                </c:pt>
                <c:pt idx="6869">
                  <c:v>68.478999999999999</c:v>
                </c:pt>
                <c:pt idx="6870">
                  <c:v>68.489999999999995</c:v>
                </c:pt>
                <c:pt idx="6871">
                  <c:v>68.5</c:v>
                </c:pt>
                <c:pt idx="6872">
                  <c:v>68.510999999999996</c:v>
                </c:pt>
                <c:pt idx="6873">
                  <c:v>68.522000000000006</c:v>
                </c:pt>
                <c:pt idx="6874">
                  <c:v>68.531000000000006</c:v>
                </c:pt>
                <c:pt idx="6875">
                  <c:v>68.542000000000002</c:v>
                </c:pt>
                <c:pt idx="6876">
                  <c:v>68.552000000000007</c:v>
                </c:pt>
                <c:pt idx="6877">
                  <c:v>68.561999999999998</c:v>
                </c:pt>
                <c:pt idx="6878">
                  <c:v>68.572999999999993</c:v>
                </c:pt>
                <c:pt idx="6879">
                  <c:v>68.582999999999998</c:v>
                </c:pt>
                <c:pt idx="6880">
                  <c:v>68.593000000000004</c:v>
                </c:pt>
                <c:pt idx="6881">
                  <c:v>68.602999999999994</c:v>
                </c:pt>
                <c:pt idx="6882">
                  <c:v>68.613</c:v>
                </c:pt>
                <c:pt idx="6883">
                  <c:v>68.623000000000005</c:v>
                </c:pt>
                <c:pt idx="6884">
                  <c:v>68.634</c:v>
                </c:pt>
                <c:pt idx="6885">
                  <c:v>68.644000000000005</c:v>
                </c:pt>
                <c:pt idx="6886">
                  <c:v>68.653999999999996</c:v>
                </c:pt>
                <c:pt idx="6887">
                  <c:v>68.664000000000001</c:v>
                </c:pt>
                <c:pt idx="6888">
                  <c:v>68.674999999999997</c:v>
                </c:pt>
                <c:pt idx="6889">
                  <c:v>68.686000000000007</c:v>
                </c:pt>
                <c:pt idx="6890">
                  <c:v>68.694999999999993</c:v>
                </c:pt>
                <c:pt idx="6891">
                  <c:v>68.706999999999994</c:v>
                </c:pt>
                <c:pt idx="6892">
                  <c:v>68.716999999999999</c:v>
                </c:pt>
                <c:pt idx="6893">
                  <c:v>68.725999999999999</c:v>
                </c:pt>
                <c:pt idx="6894">
                  <c:v>68.736999999999995</c:v>
                </c:pt>
                <c:pt idx="6895">
                  <c:v>68.747</c:v>
                </c:pt>
                <c:pt idx="6896">
                  <c:v>68.757999999999996</c:v>
                </c:pt>
                <c:pt idx="6897">
                  <c:v>68.766999999999996</c:v>
                </c:pt>
                <c:pt idx="6898">
                  <c:v>68.777000000000001</c:v>
                </c:pt>
                <c:pt idx="6899">
                  <c:v>68.787999999999997</c:v>
                </c:pt>
                <c:pt idx="6900">
                  <c:v>68.798000000000002</c:v>
                </c:pt>
                <c:pt idx="6901">
                  <c:v>68.808999999999997</c:v>
                </c:pt>
                <c:pt idx="6902">
                  <c:v>68.819000000000003</c:v>
                </c:pt>
                <c:pt idx="6903">
                  <c:v>68.828999999999994</c:v>
                </c:pt>
                <c:pt idx="6904">
                  <c:v>68.837999999999994</c:v>
                </c:pt>
                <c:pt idx="6905">
                  <c:v>68.849000000000004</c:v>
                </c:pt>
                <c:pt idx="6906">
                  <c:v>68.858999999999995</c:v>
                </c:pt>
                <c:pt idx="6907">
                  <c:v>68.87</c:v>
                </c:pt>
                <c:pt idx="6908">
                  <c:v>68.88</c:v>
                </c:pt>
                <c:pt idx="6909">
                  <c:v>68.89</c:v>
                </c:pt>
                <c:pt idx="6910">
                  <c:v>68.900999999999996</c:v>
                </c:pt>
                <c:pt idx="6911">
                  <c:v>68.91</c:v>
                </c:pt>
                <c:pt idx="6912">
                  <c:v>68.921000000000006</c:v>
                </c:pt>
                <c:pt idx="6913">
                  <c:v>68.930000000000007</c:v>
                </c:pt>
                <c:pt idx="6914">
                  <c:v>68.94</c:v>
                </c:pt>
                <c:pt idx="6915">
                  <c:v>68.950999999999993</c:v>
                </c:pt>
                <c:pt idx="6916">
                  <c:v>68.960999999999999</c:v>
                </c:pt>
                <c:pt idx="6917">
                  <c:v>68.971000000000004</c:v>
                </c:pt>
                <c:pt idx="6918">
                  <c:v>68.980999999999995</c:v>
                </c:pt>
                <c:pt idx="6919">
                  <c:v>68.989999999999995</c:v>
                </c:pt>
                <c:pt idx="6920">
                  <c:v>68.998999999999995</c:v>
                </c:pt>
                <c:pt idx="6921">
                  <c:v>69.009</c:v>
                </c:pt>
                <c:pt idx="6922">
                  <c:v>69.019000000000005</c:v>
                </c:pt>
                <c:pt idx="6923">
                  <c:v>69.028999999999996</c:v>
                </c:pt>
                <c:pt idx="6924">
                  <c:v>69.040000000000006</c:v>
                </c:pt>
                <c:pt idx="6925">
                  <c:v>69.05</c:v>
                </c:pt>
                <c:pt idx="6926">
                  <c:v>69.06</c:v>
                </c:pt>
                <c:pt idx="6927">
                  <c:v>69.069999999999993</c:v>
                </c:pt>
                <c:pt idx="6928">
                  <c:v>69.081000000000003</c:v>
                </c:pt>
                <c:pt idx="6929">
                  <c:v>69.090999999999994</c:v>
                </c:pt>
                <c:pt idx="6930">
                  <c:v>69.100999999999999</c:v>
                </c:pt>
                <c:pt idx="6931">
                  <c:v>69.111999999999995</c:v>
                </c:pt>
                <c:pt idx="6932">
                  <c:v>69.122</c:v>
                </c:pt>
                <c:pt idx="6933">
                  <c:v>69.132000000000005</c:v>
                </c:pt>
                <c:pt idx="6934">
                  <c:v>69.141999999999996</c:v>
                </c:pt>
                <c:pt idx="6935">
                  <c:v>69.153000000000006</c:v>
                </c:pt>
                <c:pt idx="6936">
                  <c:v>69.162999999999997</c:v>
                </c:pt>
                <c:pt idx="6937">
                  <c:v>69.171999999999997</c:v>
                </c:pt>
                <c:pt idx="6938">
                  <c:v>69.183999999999997</c:v>
                </c:pt>
                <c:pt idx="6939">
                  <c:v>69.192999999999998</c:v>
                </c:pt>
                <c:pt idx="6940">
                  <c:v>69.203999999999994</c:v>
                </c:pt>
                <c:pt idx="6941">
                  <c:v>69.213999999999999</c:v>
                </c:pt>
                <c:pt idx="6942">
                  <c:v>69.222999999999999</c:v>
                </c:pt>
                <c:pt idx="6943">
                  <c:v>69.233999999999995</c:v>
                </c:pt>
                <c:pt idx="6944">
                  <c:v>69.244</c:v>
                </c:pt>
                <c:pt idx="6945">
                  <c:v>69.254000000000005</c:v>
                </c:pt>
                <c:pt idx="6946">
                  <c:v>69.263000000000005</c:v>
                </c:pt>
                <c:pt idx="6947">
                  <c:v>69.274000000000001</c:v>
                </c:pt>
                <c:pt idx="6948">
                  <c:v>69.284999999999997</c:v>
                </c:pt>
                <c:pt idx="6949">
                  <c:v>69.293999999999997</c:v>
                </c:pt>
                <c:pt idx="6950">
                  <c:v>69.304000000000002</c:v>
                </c:pt>
                <c:pt idx="6951">
                  <c:v>69.313999999999993</c:v>
                </c:pt>
                <c:pt idx="6952">
                  <c:v>69.323999999999998</c:v>
                </c:pt>
                <c:pt idx="6953">
                  <c:v>69.332999999999998</c:v>
                </c:pt>
                <c:pt idx="6954">
                  <c:v>69.343999999999994</c:v>
                </c:pt>
                <c:pt idx="6955">
                  <c:v>69.353999999999999</c:v>
                </c:pt>
                <c:pt idx="6956">
                  <c:v>69.364000000000004</c:v>
                </c:pt>
                <c:pt idx="6957">
                  <c:v>69.373999999999995</c:v>
                </c:pt>
                <c:pt idx="6958">
                  <c:v>69.384</c:v>
                </c:pt>
                <c:pt idx="6959">
                  <c:v>69.394000000000005</c:v>
                </c:pt>
                <c:pt idx="6960">
                  <c:v>69.403999999999996</c:v>
                </c:pt>
                <c:pt idx="6961">
                  <c:v>69.414000000000001</c:v>
                </c:pt>
                <c:pt idx="6962">
                  <c:v>69.424000000000007</c:v>
                </c:pt>
                <c:pt idx="6963">
                  <c:v>69.433999999999997</c:v>
                </c:pt>
                <c:pt idx="6964">
                  <c:v>69.444999999999993</c:v>
                </c:pt>
                <c:pt idx="6965">
                  <c:v>69.453999999999994</c:v>
                </c:pt>
                <c:pt idx="6966">
                  <c:v>69.465000000000003</c:v>
                </c:pt>
                <c:pt idx="6967">
                  <c:v>69.474999999999994</c:v>
                </c:pt>
                <c:pt idx="6968">
                  <c:v>69.484999999999999</c:v>
                </c:pt>
                <c:pt idx="6969">
                  <c:v>69.494</c:v>
                </c:pt>
                <c:pt idx="6970">
                  <c:v>69.504999999999995</c:v>
                </c:pt>
                <c:pt idx="6971">
                  <c:v>69.515000000000001</c:v>
                </c:pt>
                <c:pt idx="6972">
                  <c:v>69.524000000000001</c:v>
                </c:pt>
                <c:pt idx="6973">
                  <c:v>69.534999999999997</c:v>
                </c:pt>
                <c:pt idx="6974">
                  <c:v>69.545000000000002</c:v>
                </c:pt>
                <c:pt idx="6975">
                  <c:v>69.555000000000007</c:v>
                </c:pt>
                <c:pt idx="6976">
                  <c:v>69.563999999999993</c:v>
                </c:pt>
                <c:pt idx="6977">
                  <c:v>69.573999999999998</c:v>
                </c:pt>
                <c:pt idx="6978">
                  <c:v>69.584999999999994</c:v>
                </c:pt>
                <c:pt idx="6979">
                  <c:v>69.594999999999999</c:v>
                </c:pt>
                <c:pt idx="6980">
                  <c:v>69.605000000000004</c:v>
                </c:pt>
                <c:pt idx="6981">
                  <c:v>69.614999999999995</c:v>
                </c:pt>
                <c:pt idx="6982">
                  <c:v>69.617000000000004</c:v>
                </c:pt>
                <c:pt idx="6983">
                  <c:v>69.634</c:v>
                </c:pt>
                <c:pt idx="6984">
                  <c:v>69.644999999999996</c:v>
                </c:pt>
                <c:pt idx="6985">
                  <c:v>69.655000000000001</c:v>
                </c:pt>
                <c:pt idx="6986">
                  <c:v>69.665000000000006</c:v>
                </c:pt>
                <c:pt idx="6987">
                  <c:v>69.676000000000002</c:v>
                </c:pt>
                <c:pt idx="6988">
                  <c:v>69.686000000000007</c:v>
                </c:pt>
                <c:pt idx="6989">
                  <c:v>69.695999999999998</c:v>
                </c:pt>
                <c:pt idx="6990">
                  <c:v>69.706999999999994</c:v>
                </c:pt>
                <c:pt idx="6991">
                  <c:v>69.715999999999994</c:v>
                </c:pt>
                <c:pt idx="6992">
                  <c:v>69.725999999999999</c:v>
                </c:pt>
                <c:pt idx="6993">
                  <c:v>69.736999999999995</c:v>
                </c:pt>
                <c:pt idx="6994">
                  <c:v>69.745999999999995</c:v>
                </c:pt>
                <c:pt idx="6995">
                  <c:v>69.757000000000005</c:v>
                </c:pt>
                <c:pt idx="6996">
                  <c:v>69.766000000000005</c:v>
                </c:pt>
                <c:pt idx="6997">
                  <c:v>69.775999999999996</c:v>
                </c:pt>
                <c:pt idx="6998">
                  <c:v>69.787000000000006</c:v>
                </c:pt>
                <c:pt idx="6999">
                  <c:v>69.796999999999997</c:v>
                </c:pt>
                <c:pt idx="7000">
                  <c:v>69.807000000000002</c:v>
                </c:pt>
                <c:pt idx="7001">
                  <c:v>69.816999999999993</c:v>
                </c:pt>
                <c:pt idx="7002">
                  <c:v>69.826999999999998</c:v>
                </c:pt>
                <c:pt idx="7003">
                  <c:v>69.838999999999999</c:v>
                </c:pt>
                <c:pt idx="7004">
                  <c:v>69.849000000000004</c:v>
                </c:pt>
                <c:pt idx="7005">
                  <c:v>69.86</c:v>
                </c:pt>
                <c:pt idx="7006">
                  <c:v>69.869</c:v>
                </c:pt>
                <c:pt idx="7007">
                  <c:v>69.879000000000005</c:v>
                </c:pt>
                <c:pt idx="7008">
                  <c:v>69.89</c:v>
                </c:pt>
                <c:pt idx="7009">
                  <c:v>69.899000000000001</c:v>
                </c:pt>
                <c:pt idx="7010">
                  <c:v>69.91</c:v>
                </c:pt>
                <c:pt idx="7011">
                  <c:v>69.92</c:v>
                </c:pt>
                <c:pt idx="7012">
                  <c:v>69.930000000000007</c:v>
                </c:pt>
                <c:pt idx="7013">
                  <c:v>69.94</c:v>
                </c:pt>
                <c:pt idx="7014">
                  <c:v>69.95</c:v>
                </c:pt>
                <c:pt idx="7015">
                  <c:v>69.960999999999999</c:v>
                </c:pt>
                <c:pt idx="7016">
                  <c:v>69.971000000000004</c:v>
                </c:pt>
                <c:pt idx="7017">
                  <c:v>69.980999999999995</c:v>
                </c:pt>
                <c:pt idx="7018">
                  <c:v>69.991</c:v>
                </c:pt>
                <c:pt idx="7019">
                  <c:v>70.001000000000005</c:v>
                </c:pt>
                <c:pt idx="7020">
                  <c:v>70.010000000000005</c:v>
                </c:pt>
                <c:pt idx="7021">
                  <c:v>70.021000000000001</c:v>
                </c:pt>
                <c:pt idx="7022">
                  <c:v>70.031000000000006</c:v>
                </c:pt>
                <c:pt idx="7023">
                  <c:v>70.042000000000002</c:v>
                </c:pt>
                <c:pt idx="7024">
                  <c:v>70.052000000000007</c:v>
                </c:pt>
                <c:pt idx="7025">
                  <c:v>70.063000000000002</c:v>
                </c:pt>
                <c:pt idx="7026">
                  <c:v>70.072999999999993</c:v>
                </c:pt>
                <c:pt idx="7027">
                  <c:v>70.082999999999998</c:v>
                </c:pt>
                <c:pt idx="7028">
                  <c:v>70.093000000000004</c:v>
                </c:pt>
                <c:pt idx="7029">
                  <c:v>70.102999999999994</c:v>
                </c:pt>
                <c:pt idx="7030">
                  <c:v>70.114000000000004</c:v>
                </c:pt>
                <c:pt idx="7031">
                  <c:v>70.123000000000005</c:v>
                </c:pt>
                <c:pt idx="7032">
                  <c:v>70.135000000000005</c:v>
                </c:pt>
                <c:pt idx="7033">
                  <c:v>70.144000000000005</c:v>
                </c:pt>
                <c:pt idx="7034">
                  <c:v>70.153999999999996</c:v>
                </c:pt>
                <c:pt idx="7035">
                  <c:v>70.165000000000006</c:v>
                </c:pt>
                <c:pt idx="7036">
                  <c:v>70.174000000000007</c:v>
                </c:pt>
                <c:pt idx="7037">
                  <c:v>70.185000000000002</c:v>
                </c:pt>
                <c:pt idx="7038">
                  <c:v>70.194999999999993</c:v>
                </c:pt>
                <c:pt idx="7039">
                  <c:v>70.204999999999998</c:v>
                </c:pt>
                <c:pt idx="7040">
                  <c:v>70.215000000000003</c:v>
                </c:pt>
                <c:pt idx="7041">
                  <c:v>70.224999999999994</c:v>
                </c:pt>
                <c:pt idx="7042">
                  <c:v>70.236000000000004</c:v>
                </c:pt>
                <c:pt idx="7043">
                  <c:v>70.245999999999995</c:v>
                </c:pt>
                <c:pt idx="7044">
                  <c:v>70.257000000000005</c:v>
                </c:pt>
                <c:pt idx="7045">
                  <c:v>70.266999999999996</c:v>
                </c:pt>
                <c:pt idx="7046">
                  <c:v>70.277000000000001</c:v>
                </c:pt>
                <c:pt idx="7047">
                  <c:v>70.287000000000006</c:v>
                </c:pt>
                <c:pt idx="7048">
                  <c:v>70.296999999999997</c:v>
                </c:pt>
                <c:pt idx="7049">
                  <c:v>70.308000000000007</c:v>
                </c:pt>
                <c:pt idx="7050">
                  <c:v>70.317999999999998</c:v>
                </c:pt>
                <c:pt idx="7051">
                  <c:v>70.328000000000003</c:v>
                </c:pt>
                <c:pt idx="7052">
                  <c:v>70.328999999999994</c:v>
                </c:pt>
                <c:pt idx="7053">
                  <c:v>70.346000000000004</c:v>
                </c:pt>
                <c:pt idx="7054">
                  <c:v>70.355999999999995</c:v>
                </c:pt>
                <c:pt idx="7055">
                  <c:v>70.367000000000004</c:v>
                </c:pt>
                <c:pt idx="7056">
                  <c:v>70.376999999999995</c:v>
                </c:pt>
                <c:pt idx="7057">
                  <c:v>70.387</c:v>
                </c:pt>
                <c:pt idx="7058">
                  <c:v>70.397000000000006</c:v>
                </c:pt>
                <c:pt idx="7059">
                  <c:v>70.408000000000001</c:v>
                </c:pt>
                <c:pt idx="7060">
                  <c:v>70.417000000000002</c:v>
                </c:pt>
                <c:pt idx="7061">
                  <c:v>70.427999999999997</c:v>
                </c:pt>
                <c:pt idx="7062">
                  <c:v>70.438000000000002</c:v>
                </c:pt>
                <c:pt idx="7063">
                  <c:v>70.447999999999993</c:v>
                </c:pt>
                <c:pt idx="7064">
                  <c:v>70.456999999999994</c:v>
                </c:pt>
                <c:pt idx="7065">
                  <c:v>70.468999999999994</c:v>
                </c:pt>
                <c:pt idx="7066">
                  <c:v>70.477999999999994</c:v>
                </c:pt>
                <c:pt idx="7067">
                  <c:v>70.488</c:v>
                </c:pt>
                <c:pt idx="7068">
                  <c:v>70.498999999999995</c:v>
                </c:pt>
                <c:pt idx="7069">
                  <c:v>70.509</c:v>
                </c:pt>
                <c:pt idx="7070">
                  <c:v>70.52</c:v>
                </c:pt>
                <c:pt idx="7071">
                  <c:v>70.53</c:v>
                </c:pt>
                <c:pt idx="7072">
                  <c:v>70.540000000000006</c:v>
                </c:pt>
                <c:pt idx="7073">
                  <c:v>70.551000000000002</c:v>
                </c:pt>
                <c:pt idx="7074">
                  <c:v>70.56</c:v>
                </c:pt>
                <c:pt idx="7075">
                  <c:v>70.570999999999998</c:v>
                </c:pt>
                <c:pt idx="7076">
                  <c:v>70.581999999999994</c:v>
                </c:pt>
                <c:pt idx="7077">
                  <c:v>70.590999999999994</c:v>
                </c:pt>
                <c:pt idx="7078">
                  <c:v>70.600999999999999</c:v>
                </c:pt>
                <c:pt idx="7079">
                  <c:v>70.613</c:v>
                </c:pt>
                <c:pt idx="7080">
                  <c:v>70.623000000000005</c:v>
                </c:pt>
                <c:pt idx="7081">
                  <c:v>70.632999999999996</c:v>
                </c:pt>
                <c:pt idx="7082">
                  <c:v>70.643000000000001</c:v>
                </c:pt>
                <c:pt idx="7083">
                  <c:v>70.653000000000006</c:v>
                </c:pt>
                <c:pt idx="7084">
                  <c:v>70.664000000000001</c:v>
                </c:pt>
                <c:pt idx="7085">
                  <c:v>70.673000000000002</c:v>
                </c:pt>
                <c:pt idx="7086">
                  <c:v>70.683000000000007</c:v>
                </c:pt>
                <c:pt idx="7087">
                  <c:v>70.692999999999998</c:v>
                </c:pt>
                <c:pt idx="7088">
                  <c:v>70.703999999999994</c:v>
                </c:pt>
                <c:pt idx="7089">
                  <c:v>70.713999999999999</c:v>
                </c:pt>
                <c:pt idx="7090">
                  <c:v>70.724000000000004</c:v>
                </c:pt>
                <c:pt idx="7091">
                  <c:v>70.733000000000004</c:v>
                </c:pt>
                <c:pt idx="7092">
                  <c:v>70.744</c:v>
                </c:pt>
                <c:pt idx="7093">
                  <c:v>70.754000000000005</c:v>
                </c:pt>
                <c:pt idx="7094">
                  <c:v>70.765000000000001</c:v>
                </c:pt>
                <c:pt idx="7095">
                  <c:v>70.774000000000001</c:v>
                </c:pt>
                <c:pt idx="7096">
                  <c:v>70.784999999999997</c:v>
                </c:pt>
                <c:pt idx="7097">
                  <c:v>70.795000000000002</c:v>
                </c:pt>
                <c:pt idx="7098">
                  <c:v>70.804000000000002</c:v>
                </c:pt>
                <c:pt idx="7099">
                  <c:v>70.813999999999993</c:v>
                </c:pt>
                <c:pt idx="7100">
                  <c:v>70.823999999999998</c:v>
                </c:pt>
                <c:pt idx="7101">
                  <c:v>70.834000000000003</c:v>
                </c:pt>
                <c:pt idx="7102">
                  <c:v>70.843999999999994</c:v>
                </c:pt>
                <c:pt idx="7103">
                  <c:v>70.853999999999999</c:v>
                </c:pt>
                <c:pt idx="7104">
                  <c:v>70.864000000000004</c:v>
                </c:pt>
                <c:pt idx="7105">
                  <c:v>70.873000000000005</c:v>
                </c:pt>
                <c:pt idx="7106">
                  <c:v>70.882999999999996</c:v>
                </c:pt>
                <c:pt idx="7107">
                  <c:v>70.893000000000001</c:v>
                </c:pt>
                <c:pt idx="7108">
                  <c:v>70.903999999999996</c:v>
                </c:pt>
                <c:pt idx="7109">
                  <c:v>70.914000000000001</c:v>
                </c:pt>
                <c:pt idx="7110">
                  <c:v>70.924000000000007</c:v>
                </c:pt>
                <c:pt idx="7111">
                  <c:v>70.933999999999997</c:v>
                </c:pt>
                <c:pt idx="7112">
                  <c:v>70.942999999999998</c:v>
                </c:pt>
                <c:pt idx="7113">
                  <c:v>70.953999999999994</c:v>
                </c:pt>
                <c:pt idx="7114">
                  <c:v>70.962999999999994</c:v>
                </c:pt>
                <c:pt idx="7115">
                  <c:v>70.974000000000004</c:v>
                </c:pt>
                <c:pt idx="7116">
                  <c:v>70.983000000000004</c:v>
                </c:pt>
                <c:pt idx="7117">
                  <c:v>70.992999999999995</c:v>
                </c:pt>
                <c:pt idx="7118">
                  <c:v>71.003</c:v>
                </c:pt>
                <c:pt idx="7119">
                  <c:v>71.012</c:v>
                </c:pt>
                <c:pt idx="7120">
                  <c:v>71.022000000000006</c:v>
                </c:pt>
                <c:pt idx="7121">
                  <c:v>71.031999999999996</c:v>
                </c:pt>
                <c:pt idx="7122">
                  <c:v>71.040999999999997</c:v>
                </c:pt>
                <c:pt idx="7123">
                  <c:v>71.051000000000002</c:v>
                </c:pt>
                <c:pt idx="7124">
                  <c:v>71.061999999999998</c:v>
                </c:pt>
                <c:pt idx="7125">
                  <c:v>71.072000000000003</c:v>
                </c:pt>
                <c:pt idx="7126">
                  <c:v>71.081999999999994</c:v>
                </c:pt>
                <c:pt idx="7127">
                  <c:v>71.091999999999999</c:v>
                </c:pt>
                <c:pt idx="7128">
                  <c:v>71.102000000000004</c:v>
                </c:pt>
                <c:pt idx="7129">
                  <c:v>71.111999999999995</c:v>
                </c:pt>
                <c:pt idx="7130">
                  <c:v>71.122</c:v>
                </c:pt>
                <c:pt idx="7131">
                  <c:v>71.132000000000005</c:v>
                </c:pt>
                <c:pt idx="7132">
                  <c:v>71.143000000000001</c:v>
                </c:pt>
                <c:pt idx="7133">
                  <c:v>71.152000000000001</c:v>
                </c:pt>
                <c:pt idx="7134">
                  <c:v>71.162000000000006</c:v>
                </c:pt>
                <c:pt idx="7135">
                  <c:v>71.171999999999997</c:v>
                </c:pt>
                <c:pt idx="7136">
                  <c:v>71.183000000000007</c:v>
                </c:pt>
                <c:pt idx="7137">
                  <c:v>71.191999999999993</c:v>
                </c:pt>
                <c:pt idx="7138">
                  <c:v>71.203999999999994</c:v>
                </c:pt>
                <c:pt idx="7139">
                  <c:v>71.212999999999994</c:v>
                </c:pt>
                <c:pt idx="7140">
                  <c:v>71.222999999999999</c:v>
                </c:pt>
                <c:pt idx="7141">
                  <c:v>71.233000000000004</c:v>
                </c:pt>
                <c:pt idx="7142">
                  <c:v>71.244</c:v>
                </c:pt>
                <c:pt idx="7143">
                  <c:v>71.254000000000005</c:v>
                </c:pt>
                <c:pt idx="7144">
                  <c:v>71.263999999999996</c:v>
                </c:pt>
                <c:pt idx="7145">
                  <c:v>71.275000000000006</c:v>
                </c:pt>
                <c:pt idx="7146">
                  <c:v>71.284000000000006</c:v>
                </c:pt>
                <c:pt idx="7147">
                  <c:v>71.293999999999997</c:v>
                </c:pt>
                <c:pt idx="7148">
                  <c:v>71.305000000000007</c:v>
                </c:pt>
                <c:pt idx="7149">
                  <c:v>71.314999999999998</c:v>
                </c:pt>
                <c:pt idx="7150">
                  <c:v>71.325000000000003</c:v>
                </c:pt>
                <c:pt idx="7151">
                  <c:v>71.334999999999994</c:v>
                </c:pt>
                <c:pt idx="7152">
                  <c:v>71.346000000000004</c:v>
                </c:pt>
                <c:pt idx="7153">
                  <c:v>71.355999999999995</c:v>
                </c:pt>
                <c:pt idx="7154">
                  <c:v>71.367000000000004</c:v>
                </c:pt>
                <c:pt idx="7155">
                  <c:v>71.376000000000005</c:v>
                </c:pt>
                <c:pt idx="7156">
                  <c:v>71.388000000000005</c:v>
                </c:pt>
                <c:pt idx="7157">
                  <c:v>71.397000000000006</c:v>
                </c:pt>
                <c:pt idx="7158">
                  <c:v>71.408000000000001</c:v>
                </c:pt>
                <c:pt idx="7159">
                  <c:v>71.417000000000002</c:v>
                </c:pt>
                <c:pt idx="7160">
                  <c:v>71.427000000000007</c:v>
                </c:pt>
                <c:pt idx="7161">
                  <c:v>71.438000000000002</c:v>
                </c:pt>
                <c:pt idx="7162">
                  <c:v>71.447000000000003</c:v>
                </c:pt>
                <c:pt idx="7163">
                  <c:v>71.456999999999994</c:v>
                </c:pt>
                <c:pt idx="7164">
                  <c:v>71.468000000000004</c:v>
                </c:pt>
                <c:pt idx="7165">
                  <c:v>71.477999999999994</c:v>
                </c:pt>
                <c:pt idx="7166">
                  <c:v>71.488</c:v>
                </c:pt>
                <c:pt idx="7167">
                  <c:v>71.498000000000005</c:v>
                </c:pt>
                <c:pt idx="7168">
                  <c:v>71.507999999999996</c:v>
                </c:pt>
                <c:pt idx="7169">
                  <c:v>71.519000000000005</c:v>
                </c:pt>
                <c:pt idx="7170">
                  <c:v>71.528999999999996</c:v>
                </c:pt>
                <c:pt idx="7171">
                  <c:v>71.537999999999997</c:v>
                </c:pt>
                <c:pt idx="7172">
                  <c:v>71.548000000000002</c:v>
                </c:pt>
                <c:pt idx="7173">
                  <c:v>71.558000000000007</c:v>
                </c:pt>
                <c:pt idx="7174">
                  <c:v>71.573999999999998</c:v>
                </c:pt>
                <c:pt idx="7175">
                  <c:v>71.584000000000003</c:v>
                </c:pt>
                <c:pt idx="7176">
                  <c:v>71.593000000000004</c:v>
                </c:pt>
                <c:pt idx="7177">
                  <c:v>71.603999999999999</c:v>
                </c:pt>
                <c:pt idx="7178">
                  <c:v>71.614000000000004</c:v>
                </c:pt>
                <c:pt idx="7179">
                  <c:v>71.623999999999995</c:v>
                </c:pt>
                <c:pt idx="7180">
                  <c:v>71.635000000000005</c:v>
                </c:pt>
                <c:pt idx="7181">
                  <c:v>71.644999999999996</c:v>
                </c:pt>
                <c:pt idx="7182">
                  <c:v>71.655000000000001</c:v>
                </c:pt>
                <c:pt idx="7183">
                  <c:v>71.665000000000006</c:v>
                </c:pt>
                <c:pt idx="7184">
                  <c:v>71.674999999999997</c:v>
                </c:pt>
                <c:pt idx="7185">
                  <c:v>71.686000000000007</c:v>
                </c:pt>
                <c:pt idx="7186">
                  <c:v>71.695999999999998</c:v>
                </c:pt>
                <c:pt idx="7187">
                  <c:v>71.706000000000003</c:v>
                </c:pt>
                <c:pt idx="7188">
                  <c:v>71.716999999999999</c:v>
                </c:pt>
                <c:pt idx="7189">
                  <c:v>71.727000000000004</c:v>
                </c:pt>
                <c:pt idx="7190">
                  <c:v>71.736000000000004</c:v>
                </c:pt>
                <c:pt idx="7191">
                  <c:v>71.747</c:v>
                </c:pt>
                <c:pt idx="7192">
                  <c:v>71.757000000000005</c:v>
                </c:pt>
                <c:pt idx="7193">
                  <c:v>71.766999999999996</c:v>
                </c:pt>
                <c:pt idx="7194">
                  <c:v>71.778000000000006</c:v>
                </c:pt>
                <c:pt idx="7195">
                  <c:v>71.787999999999997</c:v>
                </c:pt>
                <c:pt idx="7196">
                  <c:v>71.799000000000007</c:v>
                </c:pt>
                <c:pt idx="7197">
                  <c:v>71.808999999999997</c:v>
                </c:pt>
                <c:pt idx="7198">
                  <c:v>71.813999999999993</c:v>
                </c:pt>
                <c:pt idx="7199">
                  <c:v>71.834000000000003</c:v>
                </c:pt>
                <c:pt idx="7200">
                  <c:v>71.843000000000004</c:v>
                </c:pt>
                <c:pt idx="7201">
                  <c:v>71.853999999999999</c:v>
                </c:pt>
                <c:pt idx="7202">
                  <c:v>71.864000000000004</c:v>
                </c:pt>
                <c:pt idx="7203">
                  <c:v>71.873000000000005</c:v>
                </c:pt>
                <c:pt idx="7204">
                  <c:v>71.884</c:v>
                </c:pt>
                <c:pt idx="7205">
                  <c:v>71.894000000000005</c:v>
                </c:pt>
                <c:pt idx="7206">
                  <c:v>71.903999999999996</c:v>
                </c:pt>
                <c:pt idx="7207">
                  <c:v>71.914000000000001</c:v>
                </c:pt>
                <c:pt idx="7208">
                  <c:v>71.924999999999997</c:v>
                </c:pt>
                <c:pt idx="7209">
                  <c:v>71.935000000000002</c:v>
                </c:pt>
                <c:pt idx="7210">
                  <c:v>71.944000000000003</c:v>
                </c:pt>
                <c:pt idx="7211">
                  <c:v>71.953999999999994</c:v>
                </c:pt>
                <c:pt idx="7212">
                  <c:v>71.995000000000005</c:v>
                </c:pt>
                <c:pt idx="7213">
                  <c:v>72.004999999999995</c:v>
                </c:pt>
                <c:pt idx="7214">
                  <c:v>72.016000000000005</c:v>
                </c:pt>
                <c:pt idx="7215">
                  <c:v>72.025999999999996</c:v>
                </c:pt>
                <c:pt idx="7216">
                  <c:v>72.036000000000001</c:v>
                </c:pt>
                <c:pt idx="7217">
                  <c:v>72.046000000000006</c:v>
                </c:pt>
                <c:pt idx="7218">
                  <c:v>72.057000000000002</c:v>
                </c:pt>
                <c:pt idx="7219">
                  <c:v>72.066999999999993</c:v>
                </c:pt>
                <c:pt idx="7220">
                  <c:v>72.075999999999993</c:v>
                </c:pt>
                <c:pt idx="7221">
                  <c:v>72.087999999999994</c:v>
                </c:pt>
                <c:pt idx="7222">
                  <c:v>72.097999999999999</c:v>
                </c:pt>
                <c:pt idx="7223">
                  <c:v>72.108000000000004</c:v>
                </c:pt>
                <c:pt idx="7224">
                  <c:v>72.119</c:v>
                </c:pt>
                <c:pt idx="7225">
                  <c:v>72.129000000000005</c:v>
                </c:pt>
                <c:pt idx="7226">
                  <c:v>72.138999999999996</c:v>
                </c:pt>
                <c:pt idx="7227">
                  <c:v>72.149000000000001</c:v>
                </c:pt>
                <c:pt idx="7228">
                  <c:v>72.16</c:v>
                </c:pt>
                <c:pt idx="7229">
                  <c:v>72.168999999999997</c:v>
                </c:pt>
                <c:pt idx="7230">
                  <c:v>72.179000000000002</c:v>
                </c:pt>
                <c:pt idx="7231">
                  <c:v>72.188999999999993</c:v>
                </c:pt>
                <c:pt idx="7232">
                  <c:v>72.2</c:v>
                </c:pt>
                <c:pt idx="7233">
                  <c:v>72.209999999999994</c:v>
                </c:pt>
                <c:pt idx="7234">
                  <c:v>72.22</c:v>
                </c:pt>
                <c:pt idx="7235">
                  <c:v>72.23</c:v>
                </c:pt>
                <c:pt idx="7236">
                  <c:v>72.241</c:v>
                </c:pt>
                <c:pt idx="7237">
                  <c:v>72.25</c:v>
                </c:pt>
                <c:pt idx="7238">
                  <c:v>72.260000000000005</c:v>
                </c:pt>
                <c:pt idx="7239">
                  <c:v>72.271000000000001</c:v>
                </c:pt>
                <c:pt idx="7240">
                  <c:v>72.281000000000006</c:v>
                </c:pt>
                <c:pt idx="7241">
                  <c:v>72.290999999999997</c:v>
                </c:pt>
                <c:pt idx="7242">
                  <c:v>72.302000000000007</c:v>
                </c:pt>
                <c:pt idx="7243">
                  <c:v>72.311999999999998</c:v>
                </c:pt>
                <c:pt idx="7244">
                  <c:v>72.320999999999998</c:v>
                </c:pt>
                <c:pt idx="7245">
                  <c:v>72.331999999999994</c:v>
                </c:pt>
                <c:pt idx="7246">
                  <c:v>72.341999999999999</c:v>
                </c:pt>
                <c:pt idx="7247">
                  <c:v>72.350999999999999</c:v>
                </c:pt>
                <c:pt idx="7248">
                  <c:v>72.361000000000004</c:v>
                </c:pt>
                <c:pt idx="7249">
                  <c:v>72.372</c:v>
                </c:pt>
                <c:pt idx="7250">
                  <c:v>72.382000000000005</c:v>
                </c:pt>
                <c:pt idx="7251">
                  <c:v>72.391999999999996</c:v>
                </c:pt>
                <c:pt idx="7252">
                  <c:v>72.402000000000001</c:v>
                </c:pt>
                <c:pt idx="7253">
                  <c:v>72.412999999999997</c:v>
                </c:pt>
                <c:pt idx="7254">
                  <c:v>72.421999999999997</c:v>
                </c:pt>
                <c:pt idx="7255">
                  <c:v>72.432000000000002</c:v>
                </c:pt>
                <c:pt idx="7256">
                  <c:v>72.442999999999998</c:v>
                </c:pt>
                <c:pt idx="7257">
                  <c:v>72.451999999999998</c:v>
                </c:pt>
                <c:pt idx="7258">
                  <c:v>72.456000000000003</c:v>
                </c:pt>
                <c:pt idx="7259">
                  <c:v>72.472999999999999</c:v>
                </c:pt>
                <c:pt idx="7260">
                  <c:v>72.483999999999995</c:v>
                </c:pt>
                <c:pt idx="7261">
                  <c:v>72.492999999999995</c:v>
                </c:pt>
                <c:pt idx="7262">
                  <c:v>72.503</c:v>
                </c:pt>
                <c:pt idx="7263">
                  <c:v>72.512</c:v>
                </c:pt>
                <c:pt idx="7264">
                  <c:v>72.522999999999996</c:v>
                </c:pt>
                <c:pt idx="7265">
                  <c:v>72.531999999999996</c:v>
                </c:pt>
                <c:pt idx="7266">
                  <c:v>72.540999999999997</c:v>
                </c:pt>
                <c:pt idx="7267">
                  <c:v>72.55</c:v>
                </c:pt>
                <c:pt idx="7268">
                  <c:v>72.561000000000007</c:v>
                </c:pt>
                <c:pt idx="7269">
                  <c:v>72.570999999999998</c:v>
                </c:pt>
                <c:pt idx="7270">
                  <c:v>72.58</c:v>
                </c:pt>
                <c:pt idx="7271">
                  <c:v>72.59</c:v>
                </c:pt>
                <c:pt idx="7272">
                  <c:v>72.600999999999999</c:v>
                </c:pt>
                <c:pt idx="7273">
                  <c:v>72.61</c:v>
                </c:pt>
                <c:pt idx="7274">
                  <c:v>72.620999999999995</c:v>
                </c:pt>
                <c:pt idx="7275">
                  <c:v>72.631</c:v>
                </c:pt>
                <c:pt idx="7276">
                  <c:v>72.64</c:v>
                </c:pt>
                <c:pt idx="7277">
                  <c:v>72.650999999999996</c:v>
                </c:pt>
                <c:pt idx="7278">
                  <c:v>72.66</c:v>
                </c:pt>
                <c:pt idx="7279">
                  <c:v>72.67</c:v>
                </c:pt>
                <c:pt idx="7280">
                  <c:v>72.680000000000007</c:v>
                </c:pt>
                <c:pt idx="7281">
                  <c:v>72.69</c:v>
                </c:pt>
                <c:pt idx="7282">
                  <c:v>72.7</c:v>
                </c:pt>
                <c:pt idx="7283">
                  <c:v>72.709999999999994</c:v>
                </c:pt>
                <c:pt idx="7284">
                  <c:v>72.72</c:v>
                </c:pt>
                <c:pt idx="7285">
                  <c:v>72.728999999999999</c:v>
                </c:pt>
                <c:pt idx="7286">
                  <c:v>72.739999999999995</c:v>
                </c:pt>
                <c:pt idx="7287">
                  <c:v>72.748999999999995</c:v>
                </c:pt>
                <c:pt idx="7288">
                  <c:v>72.760000000000005</c:v>
                </c:pt>
                <c:pt idx="7289">
                  <c:v>72.769000000000005</c:v>
                </c:pt>
                <c:pt idx="7290">
                  <c:v>72.778000000000006</c:v>
                </c:pt>
                <c:pt idx="7291">
                  <c:v>72.789000000000001</c:v>
                </c:pt>
                <c:pt idx="7292">
                  <c:v>72.798000000000002</c:v>
                </c:pt>
                <c:pt idx="7293">
                  <c:v>72.807000000000002</c:v>
                </c:pt>
                <c:pt idx="7294">
                  <c:v>72.816999999999993</c:v>
                </c:pt>
                <c:pt idx="7295">
                  <c:v>72.826999999999998</c:v>
                </c:pt>
                <c:pt idx="7296">
                  <c:v>72.837000000000003</c:v>
                </c:pt>
                <c:pt idx="7297">
                  <c:v>72.846000000000004</c:v>
                </c:pt>
                <c:pt idx="7298">
                  <c:v>72.855999999999995</c:v>
                </c:pt>
                <c:pt idx="7299">
                  <c:v>72.866</c:v>
                </c:pt>
                <c:pt idx="7300">
                  <c:v>72.876000000000005</c:v>
                </c:pt>
                <c:pt idx="7301">
                  <c:v>72.885000000000005</c:v>
                </c:pt>
                <c:pt idx="7302">
                  <c:v>72.894999999999996</c:v>
                </c:pt>
                <c:pt idx="7303">
                  <c:v>72.903999999999996</c:v>
                </c:pt>
                <c:pt idx="7304">
                  <c:v>72.914000000000001</c:v>
                </c:pt>
                <c:pt idx="7305">
                  <c:v>72.924000000000007</c:v>
                </c:pt>
                <c:pt idx="7306">
                  <c:v>72.933999999999997</c:v>
                </c:pt>
                <c:pt idx="7307">
                  <c:v>72.942999999999998</c:v>
                </c:pt>
                <c:pt idx="7308">
                  <c:v>72.953000000000003</c:v>
                </c:pt>
                <c:pt idx="7309">
                  <c:v>72.960999999999999</c:v>
                </c:pt>
                <c:pt idx="7310">
                  <c:v>72.97</c:v>
                </c:pt>
                <c:pt idx="7311">
                  <c:v>72.978999999999999</c:v>
                </c:pt>
                <c:pt idx="7312">
                  <c:v>72.988</c:v>
                </c:pt>
                <c:pt idx="7313">
                  <c:v>72.995999999999995</c:v>
                </c:pt>
                <c:pt idx="7314">
                  <c:v>73.006</c:v>
                </c:pt>
                <c:pt idx="7315">
                  <c:v>73.015000000000001</c:v>
                </c:pt>
                <c:pt idx="7316">
                  <c:v>73.025000000000006</c:v>
                </c:pt>
                <c:pt idx="7317">
                  <c:v>73.036000000000001</c:v>
                </c:pt>
                <c:pt idx="7318">
                  <c:v>73.045000000000002</c:v>
                </c:pt>
                <c:pt idx="7319">
                  <c:v>73.054000000000002</c:v>
                </c:pt>
                <c:pt idx="7320">
                  <c:v>73.063999999999993</c:v>
                </c:pt>
                <c:pt idx="7321">
                  <c:v>73.072999999999993</c:v>
                </c:pt>
                <c:pt idx="7322">
                  <c:v>73.081999999999994</c:v>
                </c:pt>
                <c:pt idx="7323">
                  <c:v>73.090999999999994</c:v>
                </c:pt>
                <c:pt idx="7324">
                  <c:v>73.100999999999999</c:v>
                </c:pt>
                <c:pt idx="7325">
                  <c:v>73.11</c:v>
                </c:pt>
                <c:pt idx="7326">
                  <c:v>73.12</c:v>
                </c:pt>
                <c:pt idx="7327">
                  <c:v>73.129000000000005</c:v>
                </c:pt>
                <c:pt idx="7328">
                  <c:v>73.138999999999996</c:v>
                </c:pt>
                <c:pt idx="7329">
                  <c:v>73.147999999999996</c:v>
                </c:pt>
                <c:pt idx="7330">
                  <c:v>73.156999999999996</c:v>
                </c:pt>
                <c:pt idx="7331">
                  <c:v>73.167000000000002</c:v>
                </c:pt>
                <c:pt idx="7332">
                  <c:v>73.177000000000007</c:v>
                </c:pt>
                <c:pt idx="7333">
                  <c:v>73.186000000000007</c:v>
                </c:pt>
                <c:pt idx="7334">
                  <c:v>73.195999999999998</c:v>
                </c:pt>
                <c:pt idx="7335">
                  <c:v>73.203999999999994</c:v>
                </c:pt>
                <c:pt idx="7336">
                  <c:v>73.213999999999999</c:v>
                </c:pt>
                <c:pt idx="7337">
                  <c:v>73.222999999999999</c:v>
                </c:pt>
                <c:pt idx="7338">
                  <c:v>73.233000000000004</c:v>
                </c:pt>
                <c:pt idx="7339">
                  <c:v>73.242000000000004</c:v>
                </c:pt>
                <c:pt idx="7340">
                  <c:v>73.251999999999995</c:v>
                </c:pt>
                <c:pt idx="7341">
                  <c:v>73.260999999999996</c:v>
                </c:pt>
                <c:pt idx="7342">
                  <c:v>73.271000000000001</c:v>
                </c:pt>
                <c:pt idx="7343">
                  <c:v>73.28</c:v>
                </c:pt>
                <c:pt idx="7344">
                  <c:v>73.290000000000006</c:v>
                </c:pt>
                <c:pt idx="7345">
                  <c:v>73.3</c:v>
                </c:pt>
                <c:pt idx="7346">
                  <c:v>73.31</c:v>
                </c:pt>
                <c:pt idx="7347">
                  <c:v>73.319000000000003</c:v>
                </c:pt>
                <c:pt idx="7348">
                  <c:v>73.33</c:v>
                </c:pt>
                <c:pt idx="7349">
                  <c:v>73.338999999999999</c:v>
                </c:pt>
                <c:pt idx="7350">
                  <c:v>73.349000000000004</c:v>
                </c:pt>
                <c:pt idx="7351">
                  <c:v>73.358999999999995</c:v>
                </c:pt>
                <c:pt idx="7352">
                  <c:v>73.369</c:v>
                </c:pt>
                <c:pt idx="7353">
                  <c:v>73.379000000000005</c:v>
                </c:pt>
                <c:pt idx="7354">
                  <c:v>73.388999999999996</c:v>
                </c:pt>
                <c:pt idx="7355">
                  <c:v>73.397999999999996</c:v>
                </c:pt>
                <c:pt idx="7356">
                  <c:v>73.408000000000001</c:v>
                </c:pt>
                <c:pt idx="7357">
                  <c:v>73.417000000000002</c:v>
                </c:pt>
                <c:pt idx="7358">
                  <c:v>73.427999999999997</c:v>
                </c:pt>
                <c:pt idx="7359">
                  <c:v>73.436999999999998</c:v>
                </c:pt>
                <c:pt idx="7360">
                  <c:v>73.447000000000003</c:v>
                </c:pt>
                <c:pt idx="7361">
                  <c:v>73.456999999999994</c:v>
                </c:pt>
                <c:pt idx="7362">
                  <c:v>73.466999999999999</c:v>
                </c:pt>
                <c:pt idx="7363">
                  <c:v>73.475999999999999</c:v>
                </c:pt>
                <c:pt idx="7364">
                  <c:v>73.486000000000004</c:v>
                </c:pt>
                <c:pt idx="7365">
                  <c:v>73.494</c:v>
                </c:pt>
                <c:pt idx="7366">
                  <c:v>73.504000000000005</c:v>
                </c:pt>
                <c:pt idx="7367">
                  <c:v>73.512</c:v>
                </c:pt>
                <c:pt idx="7368">
                  <c:v>73.522000000000006</c:v>
                </c:pt>
                <c:pt idx="7369">
                  <c:v>73.531000000000006</c:v>
                </c:pt>
                <c:pt idx="7370">
                  <c:v>73.540999999999997</c:v>
                </c:pt>
                <c:pt idx="7371">
                  <c:v>73.55</c:v>
                </c:pt>
                <c:pt idx="7372">
                  <c:v>73.56</c:v>
                </c:pt>
                <c:pt idx="7373">
                  <c:v>73.569999999999993</c:v>
                </c:pt>
                <c:pt idx="7374">
                  <c:v>73.578999999999994</c:v>
                </c:pt>
                <c:pt idx="7375">
                  <c:v>73.588999999999999</c:v>
                </c:pt>
                <c:pt idx="7376">
                  <c:v>73.599000000000004</c:v>
                </c:pt>
                <c:pt idx="7377">
                  <c:v>73.608999999999995</c:v>
                </c:pt>
                <c:pt idx="7378">
                  <c:v>73.619</c:v>
                </c:pt>
                <c:pt idx="7379">
                  <c:v>73.629000000000005</c:v>
                </c:pt>
                <c:pt idx="7380">
                  <c:v>73.638000000000005</c:v>
                </c:pt>
                <c:pt idx="7381">
                  <c:v>73.647999999999996</c:v>
                </c:pt>
                <c:pt idx="7382">
                  <c:v>73.658000000000001</c:v>
                </c:pt>
                <c:pt idx="7383">
                  <c:v>73.668999999999997</c:v>
                </c:pt>
                <c:pt idx="7384">
                  <c:v>73.677999999999997</c:v>
                </c:pt>
                <c:pt idx="7385">
                  <c:v>73.688999999999993</c:v>
                </c:pt>
                <c:pt idx="7386">
                  <c:v>73.697999999999993</c:v>
                </c:pt>
                <c:pt idx="7387">
                  <c:v>73.709000000000003</c:v>
                </c:pt>
                <c:pt idx="7388">
                  <c:v>73.718000000000004</c:v>
                </c:pt>
                <c:pt idx="7389">
                  <c:v>73.728999999999999</c:v>
                </c:pt>
                <c:pt idx="7390">
                  <c:v>73.738</c:v>
                </c:pt>
                <c:pt idx="7391">
                  <c:v>73.748000000000005</c:v>
                </c:pt>
                <c:pt idx="7392">
                  <c:v>73.757000000000005</c:v>
                </c:pt>
                <c:pt idx="7393">
                  <c:v>73.766999999999996</c:v>
                </c:pt>
                <c:pt idx="7394">
                  <c:v>73.777000000000001</c:v>
                </c:pt>
                <c:pt idx="7395">
                  <c:v>73.787000000000006</c:v>
                </c:pt>
                <c:pt idx="7396">
                  <c:v>73.805000000000007</c:v>
                </c:pt>
                <c:pt idx="7397">
                  <c:v>73.814999999999998</c:v>
                </c:pt>
                <c:pt idx="7398">
                  <c:v>73.823999999999998</c:v>
                </c:pt>
                <c:pt idx="7399">
                  <c:v>73.834000000000003</c:v>
                </c:pt>
                <c:pt idx="7400">
                  <c:v>73.843000000000004</c:v>
                </c:pt>
                <c:pt idx="7401">
                  <c:v>73.852999999999994</c:v>
                </c:pt>
                <c:pt idx="7402">
                  <c:v>73.861000000000004</c:v>
                </c:pt>
                <c:pt idx="7403">
                  <c:v>73.870999999999995</c:v>
                </c:pt>
                <c:pt idx="7404">
                  <c:v>73.88</c:v>
                </c:pt>
                <c:pt idx="7405">
                  <c:v>73.89</c:v>
                </c:pt>
                <c:pt idx="7406">
                  <c:v>73.899000000000001</c:v>
                </c:pt>
                <c:pt idx="7407">
                  <c:v>73.908000000000001</c:v>
                </c:pt>
                <c:pt idx="7408">
                  <c:v>73.918000000000006</c:v>
                </c:pt>
                <c:pt idx="7409">
                  <c:v>73.927000000000007</c:v>
                </c:pt>
                <c:pt idx="7410">
                  <c:v>73.936999999999998</c:v>
                </c:pt>
                <c:pt idx="7411">
                  <c:v>73.945999999999998</c:v>
                </c:pt>
                <c:pt idx="7412">
                  <c:v>73.956000000000003</c:v>
                </c:pt>
                <c:pt idx="7413">
                  <c:v>73.965000000000003</c:v>
                </c:pt>
                <c:pt idx="7414">
                  <c:v>73.974999999999994</c:v>
                </c:pt>
                <c:pt idx="7415">
                  <c:v>73.983000000000004</c:v>
                </c:pt>
                <c:pt idx="7416">
                  <c:v>73.991</c:v>
                </c:pt>
                <c:pt idx="7417">
                  <c:v>74</c:v>
                </c:pt>
                <c:pt idx="7418">
                  <c:v>74.010999999999996</c:v>
                </c:pt>
                <c:pt idx="7419">
                  <c:v>74.018000000000001</c:v>
                </c:pt>
                <c:pt idx="7420">
                  <c:v>74.036000000000001</c:v>
                </c:pt>
                <c:pt idx="7421">
                  <c:v>74.045000000000002</c:v>
                </c:pt>
                <c:pt idx="7422">
                  <c:v>74.054000000000002</c:v>
                </c:pt>
                <c:pt idx="7423">
                  <c:v>74.063000000000002</c:v>
                </c:pt>
                <c:pt idx="7424">
                  <c:v>74.072000000000003</c:v>
                </c:pt>
                <c:pt idx="7425">
                  <c:v>74.081000000000003</c:v>
                </c:pt>
                <c:pt idx="7426">
                  <c:v>74.088999999999999</c:v>
                </c:pt>
                <c:pt idx="7427">
                  <c:v>74.097999999999999</c:v>
                </c:pt>
                <c:pt idx="7428">
                  <c:v>74.105999999999995</c:v>
                </c:pt>
                <c:pt idx="7429">
                  <c:v>74.114999999999995</c:v>
                </c:pt>
                <c:pt idx="7430">
                  <c:v>74.123999999999995</c:v>
                </c:pt>
                <c:pt idx="7431">
                  <c:v>74.132999999999996</c:v>
                </c:pt>
                <c:pt idx="7432">
                  <c:v>74.141000000000005</c:v>
                </c:pt>
                <c:pt idx="7433">
                  <c:v>74.150000000000006</c:v>
                </c:pt>
                <c:pt idx="7434">
                  <c:v>74.158000000000001</c:v>
                </c:pt>
                <c:pt idx="7435">
                  <c:v>74.167000000000002</c:v>
                </c:pt>
                <c:pt idx="7436">
                  <c:v>74.174999999999997</c:v>
                </c:pt>
                <c:pt idx="7437">
                  <c:v>74.185000000000002</c:v>
                </c:pt>
                <c:pt idx="7438">
                  <c:v>74.192999999999998</c:v>
                </c:pt>
                <c:pt idx="7439">
                  <c:v>74.201999999999998</c:v>
                </c:pt>
                <c:pt idx="7440">
                  <c:v>74.209999999999994</c:v>
                </c:pt>
                <c:pt idx="7441">
                  <c:v>74.218999999999994</c:v>
                </c:pt>
                <c:pt idx="7442">
                  <c:v>74.227000000000004</c:v>
                </c:pt>
                <c:pt idx="7443">
                  <c:v>74.234999999999999</c:v>
                </c:pt>
                <c:pt idx="7444">
                  <c:v>74.242000000000004</c:v>
                </c:pt>
                <c:pt idx="7445">
                  <c:v>74.25</c:v>
                </c:pt>
                <c:pt idx="7446">
                  <c:v>74.256</c:v>
                </c:pt>
                <c:pt idx="7447">
                  <c:v>74.265000000000001</c:v>
                </c:pt>
                <c:pt idx="7448">
                  <c:v>74.271000000000001</c:v>
                </c:pt>
                <c:pt idx="7449">
                  <c:v>74.28</c:v>
                </c:pt>
                <c:pt idx="7450">
                  <c:v>74.284000000000006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A5F3-4757-A22B-BB64CCB10C71}"/>
            </c:ext>
          </c:extLst>
        </c:ser>
        <c:ser>
          <c:idx val="0"/>
          <c:order val="1"/>
          <c:spPr>
            <a:ln w="19050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xVal>
            <c:numRef>
              <c:f>'CPT Data'!$AR$4:$AR$5</c:f>
              <c:numCache>
                <c:formatCode>General</c:formatCode>
                <c:ptCount val="2"/>
                <c:pt idx="0">
                  <c:v>20</c:v>
                </c:pt>
              </c:numCache>
            </c:numRef>
          </c:xVal>
          <c:yVal>
            <c:numRef>
              <c:f>'CPT Data'!$AR$8:$AR$9</c:f>
              <c:numCache>
                <c:formatCode>General</c:formatCode>
                <c:ptCount val="2"/>
                <c:pt idx="0">
                  <c:v>0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B496-4FC0-A9BE-6EB03A04657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1032885056"/>
        <c:axId val="1032881696"/>
      </c:scatterChart>
      <c:valAx>
        <c:axId val="1032885056"/>
        <c:scaling>
          <c:orientation val="minMax"/>
          <c:min val="10"/>
        </c:scaling>
        <c:delete val="0"/>
        <c:axPos val="t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minorGridlines>
          <c:spPr>
            <a:ln w="9525" cap="flat" cmpd="sng" algn="ctr">
              <a:solidFill>
                <a:schemeClr val="tx1">
                  <a:lumMod val="5000"/>
                  <a:lumOff val="95000"/>
                </a:schemeClr>
              </a:solidFill>
              <a:round/>
            </a:ln>
            <a:effectLst/>
          </c:spPr>
        </c:minorGridlines>
        <c:title>
          <c:tx>
            <c:rich>
              <a:bodyPr rot="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>
                    <a:latin typeface="Symbol" panose="05050102010706020507" pitchFamily="18" charset="2"/>
                  </a:rPr>
                  <a:t>g</a:t>
                </a:r>
                <a:r>
                  <a:rPr lang="en-GB"/>
                  <a:t> [kN/m</a:t>
                </a:r>
                <a:r>
                  <a:rPr lang="en-GB" baseline="30000"/>
                  <a:t>3</a:t>
                </a:r>
                <a:r>
                  <a:rPr lang="en-GB"/>
                  <a:t>]</a:t>
                </a:r>
              </a:p>
            </c:rich>
          </c:tx>
          <c:layout>
            <c:manualLayout>
              <c:xMode val="edge"/>
              <c:yMode val="edge"/>
              <c:x val="0.48100138888888888"/>
              <c:y val="7.0767222222222231E-2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032881696"/>
        <c:crosses val="autoZero"/>
        <c:crossBetween val="midCat"/>
      </c:valAx>
      <c:valAx>
        <c:axId val="1032881696"/>
        <c:scaling>
          <c:orientation val="maxMin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minorGridlines>
          <c:spPr>
            <a:ln w="9525" cap="flat" cmpd="sng" algn="ctr">
              <a:solidFill>
                <a:schemeClr val="tx1">
                  <a:lumMod val="5000"/>
                  <a:lumOff val="95000"/>
                </a:schemeClr>
              </a:solidFill>
              <a:round/>
            </a:ln>
            <a:effectLst/>
          </c:spPr>
        </c:min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/>
                  <a:t>Depth [m]</a:t>
                </a:r>
              </a:p>
            </c:rich>
          </c:tx>
          <c:layout>
            <c:manualLayout>
              <c:xMode val="edge"/>
              <c:yMode val="edge"/>
              <c:x val="1.4111111111111111E-2"/>
              <c:y val="0.48736259259259257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032885056"/>
        <c:crosses val="autoZero"/>
        <c:crossBetween val="midCat"/>
        <c:majorUnit val="5"/>
        <c:minorUnit val="1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undrained shear strength</a:t>
            </a:r>
            <a:endParaRPr lang="en-US" baseline="-25000"/>
          </a:p>
        </c:rich>
      </c:tx>
      <c:layout>
        <c:manualLayout>
          <c:xMode val="edge"/>
          <c:yMode val="edge"/>
          <c:x val="0.29667638888888886"/>
          <c:y val="1.1759259259259259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13819777777777775"/>
          <c:y val="0.15403055555555559"/>
          <c:w val="0.82102111111111109"/>
          <c:h val="0.75689277777777764"/>
        </c:manualLayout>
      </c:layout>
      <c:scatterChart>
        <c:scatterStyle val="lineMarker"/>
        <c:varyColors val="0"/>
        <c:ser>
          <c:idx val="0"/>
          <c:order val="0"/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2"/>
              </a:solidFill>
              <a:ln w="9525">
                <a:solidFill>
                  <a:schemeClr val="accent2"/>
                </a:solidFill>
              </a:ln>
              <a:effectLst/>
            </c:spPr>
          </c:marker>
          <c:xVal>
            <c:numRef>
              <c:f>'CPT Data'!$Q$14:$Q$7462</c:f>
              <c:numCache>
                <c:formatCode>General</c:formatCode>
                <c:ptCount val="7449"/>
                <c:pt idx="0">
                  <c:v>#N/A</c:v>
                </c:pt>
                <c:pt idx="1">
                  <c:v>#N/A</c:v>
                </c:pt>
                <c:pt idx="2">
                  <c:v>#N/A</c:v>
                </c:pt>
                <c:pt idx="3">
                  <c:v>#N/A</c:v>
                </c:pt>
                <c:pt idx="4">
                  <c:v>#N/A</c:v>
                </c:pt>
                <c:pt idx="5">
                  <c:v>#N/A</c:v>
                </c:pt>
                <c:pt idx="6">
                  <c:v>#N/A</c:v>
                </c:pt>
                <c:pt idx="7">
                  <c:v>#N/A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.75203252561341039</c:v>
                </c:pt>
                <c:pt idx="21">
                  <c:v>#N/A</c:v>
                </c:pt>
                <c:pt idx="22">
                  <c:v>#N/A</c:v>
                </c:pt>
                <c:pt idx="23">
                  <c:v>#N/A</c:v>
                </c:pt>
                <c:pt idx="24">
                  <c:v>1.0134163264122977</c:v>
                </c:pt>
                <c:pt idx="25">
                  <c:v>1.0002725256511875</c:v>
                </c:pt>
                <c:pt idx="26">
                  <c:v>0.97884499625872168</c:v>
                </c:pt>
                <c:pt idx="27">
                  <c:v>0.82954079268130643</c:v>
                </c:pt>
                <c:pt idx="28">
                  <c:v>0.87546527888641945</c:v>
                </c:pt>
                <c:pt idx="29">
                  <c:v>0.88056294306223226</c:v>
                </c:pt>
                <c:pt idx="30">
                  <c:v>0.88472866352354596</c:v>
                </c:pt>
                <c:pt idx="31">
                  <c:v>0.98417958559375485</c:v>
                </c:pt>
                <c:pt idx="32">
                  <c:v>1.1208193648962312</c:v>
                </c:pt>
                <c:pt idx="33">
                  <c:v>#N/A</c:v>
                </c:pt>
                <c:pt idx="34">
                  <c:v>#N/A</c:v>
                </c:pt>
                <c:pt idx="35">
                  <c:v>#N/A</c:v>
                </c:pt>
                <c:pt idx="36">
                  <c:v>#N/A</c:v>
                </c:pt>
                <c:pt idx="37">
                  <c:v>#N/A</c:v>
                </c:pt>
                <c:pt idx="38">
                  <c:v>#N/A</c:v>
                </c:pt>
                <c:pt idx="39">
                  <c:v>#N/A</c:v>
                </c:pt>
                <c:pt idx="40">
                  <c:v>#N/A</c:v>
                </c:pt>
                <c:pt idx="41">
                  <c:v>#N/A</c:v>
                </c:pt>
                <c:pt idx="42">
                  <c:v>#N/A</c:v>
                </c:pt>
                <c:pt idx="43">
                  <c:v>#N/A</c:v>
                </c:pt>
                <c:pt idx="44">
                  <c:v>#N/A</c:v>
                </c:pt>
                <c:pt idx="45">
                  <c:v>#N/A</c:v>
                </c:pt>
                <c:pt idx="46">
                  <c:v>#N/A</c:v>
                </c:pt>
                <c:pt idx="47">
                  <c:v>#N/A</c:v>
                </c:pt>
                <c:pt idx="48">
                  <c:v>#N/A</c:v>
                </c:pt>
                <c:pt idx="49">
                  <c:v>#N/A</c:v>
                </c:pt>
                <c:pt idx="50">
                  <c:v>#N/A</c:v>
                </c:pt>
                <c:pt idx="51">
                  <c:v>#N/A</c:v>
                </c:pt>
                <c:pt idx="52">
                  <c:v>#N/A</c:v>
                </c:pt>
                <c:pt idx="53">
                  <c:v>#N/A</c:v>
                </c:pt>
                <c:pt idx="54">
                  <c:v>#N/A</c:v>
                </c:pt>
                <c:pt idx="55">
                  <c:v>#N/A</c:v>
                </c:pt>
                <c:pt idx="56">
                  <c:v>#N/A</c:v>
                </c:pt>
                <c:pt idx="57">
                  <c:v>#N/A</c:v>
                </c:pt>
                <c:pt idx="58">
                  <c:v>#N/A</c:v>
                </c:pt>
                <c:pt idx="59">
                  <c:v>#N/A</c:v>
                </c:pt>
                <c:pt idx="60">
                  <c:v>#N/A</c:v>
                </c:pt>
                <c:pt idx="61">
                  <c:v>#N/A</c:v>
                </c:pt>
                <c:pt idx="62">
                  <c:v>#N/A</c:v>
                </c:pt>
                <c:pt idx="63">
                  <c:v>#N/A</c:v>
                </c:pt>
                <c:pt idx="64">
                  <c:v>#N/A</c:v>
                </c:pt>
                <c:pt idx="65">
                  <c:v>#N/A</c:v>
                </c:pt>
                <c:pt idx="66">
                  <c:v>#N/A</c:v>
                </c:pt>
                <c:pt idx="67">
                  <c:v>#N/A</c:v>
                </c:pt>
                <c:pt idx="68">
                  <c:v>#N/A</c:v>
                </c:pt>
                <c:pt idx="69">
                  <c:v>#N/A</c:v>
                </c:pt>
                <c:pt idx="70">
                  <c:v>#N/A</c:v>
                </c:pt>
                <c:pt idx="71">
                  <c:v>#N/A</c:v>
                </c:pt>
                <c:pt idx="72">
                  <c:v>#N/A</c:v>
                </c:pt>
                <c:pt idx="73">
                  <c:v>#N/A</c:v>
                </c:pt>
                <c:pt idx="74">
                  <c:v>#N/A</c:v>
                </c:pt>
                <c:pt idx="75">
                  <c:v>#N/A</c:v>
                </c:pt>
                <c:pt idx="76">
                  <c:v>#N/A</c:v>
                </c:pt>
                <c:pt idx="77">
                  <c:v>#N/A</c:v>
                </c:pt>
                <c:pt idx="78">
                  <c:v>#N/A</c:v>
                </c:pt>
                <c:pt idx="79">
                  <c:v>#N/A</c:v>
                </c:pt>
                <c:pt idx="80">
                  <c:v>#N/A</c:v>
                </c:pt>
                <c:pt idx="81">
                  <c:v>#N/A</c:v>
                </c:pt>
                <c:pt idx="82">
                  <c:v>#N/A</c:v>
                </c:pt>
                <c:pt idx="83">
                  <c:v>#N/A</c:v>
                </c:pt>
                <c:pt idx="84">
                  <c:v>#N/A</c:v>
                </c:pt>
                <c:pt idx="85">
                  <c:v>#N/A</c:v>
                </c:pt>
                <c:pt idx="86">
                  <c:v>#N/A</c:v>
                </c:pt>
                <c:pt idx="87">
                  <c:v>#N/A</c:v>
                </c:pt>
                <c:pt idx="88">
                  <c:v>#N/A</c:v>
                </c:pt>
                <c:pt idx="89">
                  <c:v>#N/A</c:v>
                </c:pt>
                <c:pt idx="90">
                  <c:v>#N/A</c:v>
                </c:pt>
                <c:pt idx="91">
                  <c:v>0</c:v>
                </c:pt>
                <c:pt idx="92">
                  <c:v>#N/A</c:v>
                </c:pt>
                <c:pt idx="93">
                  <c:v>#N/A</c:v>
                </c:pt>
                <c:pt idx="94">
                  <c:v>#N/A</c:v>
                </c:pt>
                <c:pt idx="95">
                  <c:v>#N/A</c:v>
                </c:pt>
                <c:pt idx="96">
                  <c:v>#N/A</c:v>
                </c:pt>
                <c:pt idx="97">
                  <c:v>#N/A</c:v>
                </c:pt>
                <c:pt idx="98">
                  <c:v>#N/A</c:v>
                </c:pt>
                <c:pt idx="99">
                  <c:v>#N/A</c:v>
                </c:pt>
                <c:pt idx="100">
                  <c:v>#N/A</c:v>
                </c:pt>
                <c:pt idx="101">
                  <c:v>#N/A</c:v>
                </c:pt>
                <c:pt idx="102">
                  <c:v>#N/A</c:v>
                </c:pt>
                <c:pt idx="103">
                  <c:v>#N/A</c:v>
                </c:pt>
                <c:pt idx="104">
                  <c:v>#N/A</c:v>
                </c:pt>
                <c:pt idx="105">
                  <c:v>#N/A</c:v>
                </c:pt>
                <c:pt idx="106">
                  <c:v>#N/A</c:v>
                </c:pt>
                <c:pt idx="107">
                  <c:v>#N/A</c:v>
                </c:pt>
                <c:pt idx="108">
                  <c:v>#N/A</c:v>
                </c:pt>
                <c:pt idx="109">
                  <c:v>#N/A</c:v>
                </c:pt>
                <c:pt idx="110">
                  <c:v>#N/A</c:v>
                </c:pt>
                <c:pt idx="111">
                  <c:v>#N/A</c:v>
                </c:pt>
                <c:pt idx="112">
                  <c:v>#N/A</c:v>
                </c:pt>
                <c:pt idx="113">
                  <c:v>#N/A</c:v>
                </c:pt>
                <c:pt idx="114">
                  <c:v>#N/A</c:v>
                </c:pt>
                <c:pt idx="115">
                  <c:v>#N/A</c:v>
                </c:pt>
                <c:pt idx="116">
                  <c:v>#N/A</c:v>
                </c:pt>
                <c:pt idx="117">
                  <c:v>#N/A</c:v>
                </c:pt>
                <c:pt idx="118">
                  <c:v>#N/A</c:v>
                </c:pt>
                <c:pt idx="119">
                  <c:v>#N/A</c:v>
                </c:pt>
                <c:pt idx="120">
                  <c:v>#N/A</c:v>
                </c:pt>
                <c:pt idx="121">
                  <c:v>#N/A</c:v>
                </c:pt>
                <c:pt idx="122">
                  <c:v>#N/A</c:v>
                </c:pt>
                <c:pt idx="123">
                  <c:v>#N/A</c:v>
                </c:pt>
                <c:pt idx="124">
                  <c:v>#N/A</c:v>
                </c:pt>
                <c:pt idx="125">
                  <c:v>#N/A</c:v>
                </c:pt>
                <c:pt idx="126">
                  <c:v>#N/A</c:v>
                </c:pt>
                <c:pt idx="127">
                  <c:v>#N/A</c:v>
                </c:pt>
                <c:pt idx="128">
                  <c:v>#N/A</c:v>
                </c:pt>
                <c:pt idx="129">
                  <c:v>#N/A</c:v>
                </c:pt>
                <c:pt idx="130">
                  <c:v>#N/A</c:v>
                </c:pt>
                <c:pt idx="131">
                  <c:v>#N/A</c:v>
                </c:pt>
                <c:pt idx="132">
                  <c:v>#N/A</c:v>
                </c:pt>
                <c:pt idx="133">
                  <c:v>#N/A</c:v>
                </c:pt>
                <c:pt idx="134">
                  <c:v>#N/A</c:v>
                </c:pt>
                <c:pt idx="135">
                  <c:v>#N/A</c:v>
                </c:pt>
                <c:pt idx="136">
                  <c:v>#N/A</c:v>
                </c:pt>
                <c:pt idx="137">
                  <c:v>#N/A</c:v>
                </c:pt>
                <c:pt idx="138">
                  <c:v>#N/A</c:v>
                </c:pt>
                <c:pt idx="139">
                  <c:v>#N/A</c:v>
                </c:pt>
                <c:pt idx="140">
                  <c:v>#N/A</c:v>
                </c:pt>
                <c:pt idx="141">
                  <c:v>#N/A</c:v>
                </c:pt>
                <c:pt idx="142">
                  <c:v>#N/A</c:v>
                </c:pt>
                <c:pt idx="143">
                  <c:v>#N/A</c:v>
                </c:pt>
                <c:pt idx="144">
                  <c:v>#N/A</c:v>
                </c:pt>
                <c:pt idx="145">
                  <c:v>#N/A</c:v>
                </c:pt>
                <c:pt idx="146">
                  <c:v>#N/A</c:v>
                </c:pt>
                <c:pt idx="147">
                  <c:v>#N/A</c:v>
                </c:pt>
                <c:pt idx="148">
                  <c:v>#N/A</c:v>
                </c:pt>
                <c:pt idx="149">
                  <c:v>#N/A</c:v>
                </c:pt>
                <c:pt idx="150">
                  <c:v>#N/A</c:v>
                </c:pt>
                <c:pt idx="151">
                  <c:v>#N/A</c:v>
                </c:pt>
                <c:pt idx="152">
                  <c:v>#N/A</c:v>
                </c:pt>
                <c:pt idx="153">
                  <c:v>#N/A</c:v>
                </c:pt>
                <c:pt idx="154">
                  <c:v>#N/A</c:v>
                </c:pt>
                <c:pt idx="155">
                  <c:v>#N/A</c:v>
                </c:pt>
                <c:pt idx="156">
                  <c:v>#N/A</c:v>
                </c:pt>
                <c:pt idx="157">
                  <c:v>#N/A</c:v>
                </c:pt>
                <c:pt idx="158">
                  <c:v>#N/A</c:v>
                </c:pt>
                <c:pt idx="159">
                  <c:v>#N/A</c:v>
                </c:pt>
                <c:pt idx="160">
                  <c:v>#N/A</c:v>
                </c:pt>
                <c:pt idx="161">
                  <c:v>#N/A</c:v>
                </c:pt>
                <c:pt idx="162">
                  <c:v>#N/A</c:v>
                </c:pt>
                <c:pt idx="163">
                  <c:v>5.9517600490234308</c:v>
                </c:pt>
                <c:pt idx="164">
                  <c:v>5.8947093094243712</c:v>
                </c:pt>
                <c:pt idx="165">
                  <c:v>5.8250187850926638</c:v>
                </c:pt>
                <c:pt idx="166">
                  <c:v>5.8158033454411706</c:v>
                </c:pt>
                <c:pt idx="167">
                  <c:v>5.7919465452035057</c:v>
                </c:pt>
                <c:pt idx="168">
                  <c:v>5.7962467470516144</c:v>
                </c:pt>
                <c:pt idx="169">
                  <c:v>5.7885252046439861</c:v>
                </c:pt>
                <c:pt idx="170">
                  <c:v>5.8325722959265507</c:v>
                </c:pt>
                <c:pt idx="171">
                  <c:v>#N/A</c:v>
                </c:pt>
                <c:pt idx="172">
                  <c:v>#N/A</c:v>
                </c:pt>
                <c:pt idx="173">
                  <c:v>#N/A</c:v>
                </c:pt>
                <c:pt idx="174">
                  <c:v>6.0232279331131986</c:v>
                </c:pt>
                <c:pt idx="175">
                  <c:v>#N/A</c:v>
                </c:pt>
                <c:pt idx="176">
                  <c:v>#N/A</c:v>
                </c:pt>
                <c:pt idx="177">
                  <c:v>#N/A</c:v>
                </c:pt>
                <c:pt idx="178">
                  <c:v>#N/A</c:v>
                </c:pt>
                <c:pt idx="179">
                  <c:v>#N/A</c:v>
                </c:pt>
                <c:pt idx="180">
                  <c:v>#N/A</c:v>
                </c:pt>
                <c:pt idx="181">
                  <c:v>#N/A</c:v>
                </c:pt>
                <c:pt idx="182">
                  <c:v>#N/A</c:v>
                </c:pt>
                <c:pt idx="183">
                  <c:v>#N/A</c:v>
                </c:pt>
                <c:pt idx="184">
                  <c:v>#N/A</c:v>
                </c:pt>
                <c:pt idx="185">
                  <c:v>#N/A</c:v>
                </c:pt>
                <c:pt idx="186">
                  <c:v>#N/A</c:v>
                </c:pt>
                <c:pt idx="187">
                  <c:v>#N/A</c:v>
                </c:pt>
                <c:pt idx="188">
                  <c:v>#N/A</c:v>
                </c:pt>
                <c:pt idx="189">
                  <c:v>#N/A</c:v>
                </c:pt>
                <c:pt idx="190">
                  <c:v>#N/A</c:v>
                </c:pt>
                <c:pt idx="191">
                  <c:v>#N/A</c:v>
                </c:pt>
                <c:pt idx="192">
                  <c:v>#N/A</c:v>
                </c:pt>
                <c:pt idx="193">
                  <c:v>#N/A</c:v>
                </c:pt>
                <c:pt idx="194">
                  <c:v>#N/A</c:v>
                </c:pt>
                <c:pt idx="195">
                  <c:v>#N/A</c:v>
                </c:pt>
                <c:pt idx="196">
                  <c:v>#N/A</c:v>
                </c:pt>
                <c:pt idx="197">
                  <c:v>#N/A</c:v>
                </c:pt>
                <c:pt idx="198">
                  <c:v>#N/A</c:v>
                </c:pt>
                <c:pt idx="199">
                  <c:v>#N/A</c:v>
                </c:pt>
                <c:pt idx="200">
                  <c:v>#N/A</c:v>
                </c:pt>
                <c:pt idx="201">
                  <c:v>#N/A</c:v>
                </c:pt>
                <c:pt idx="202">
                  <c:v>#N/A</c:v>
                </c:pt>
                <c:pt idx="203">
                  <c:v>#N/A</c:v>
                </c:pt>
                <c:pt idx="204">
                  <c:v>9.316070876002378</c:v>
                </c:pt>
                <c:pt idx="205">
                  <c:v>8.9485447439943897</c:v>
                </c:pt>
                <c:pt idx="206">
                  <c:v>8.903550435266979</c:v>
                </c:pt>
                <c:pt idx="207">
                  <c:v>8.8384244719329725</c:v>
                </c:pt>
                <c:pt idx="208">
                  <c:v>8.6933783784413308</c:v>
                </c:pt>
                <c:pt idx="209">
                  <c:v>8.5028033008114221</c:v>
                </c:pt>
                <c:pt idx="210">
                  <c:v>8.4508314189473346</c:v>
                </c:pt>
                <c:pt idx="211">
                  <c:v>8.1880228460646549</c:v>
                </c:pt>
                <c:pt idx="212">
                  <c:v>8.0638040188875237</c:v>
                </c:pt>
                <c:pt idx="213">
                  <c:v>8.1015183227947869</c:v>
                </c:pt>
                <c:pt idx="214">
                  <c:v>8.0724255925452244</c:v>
                </c:pt>
                <c:pt idx="215">
                  <c:v>8.1084696799486551</c:v>
                </c:pt>
                <c:pt idx="216">
                  <c:v>8.0821204024393847</c:v>
                </c:pt>
                <c:pt idx="217">
                  <c:v>8.2818678126175787</c:v>
                </c:pt>
                <c:pt idx="218">
                  <c:v>8.4081142907388671</c:v>
                </c:pt>
                <c:pt idx="219">
                  <c:v>#N/A</c:v>
                </c:pt>
                <c:pt idx="220">
                  <c:v>#N/A</c:v>
                </c:pt>
                <c:pt idx="221">
                  <c:v>#N/A</c:v>
                </c:pt>
                <c:pt idx="222">
                  <c:v>#N/A</c:v>
                </c:pt>
                <c:pt idx="223">
                  <c:v>#N/A</c:v>
                </c:pt>
                <c:pt idx="224">
                  <c:v>#N/A</c:v>
                </c:pt>
                <c:pt idx="225">
                  <c:v>#N/A</c:v>
                </c:pt>
                <c:pt idx="226">
                  <c:v>#N/A</c:v>
                </c:pt>
                <c:pt idx="227">
                  <c:v>#N/A</c:v>
                </c:pt>
                <c:pt idx="228">
                  <c:v>#N/A</c:v>
                </c:pt>
                <c:pt idx="229">
                  <c:v>#N/A</c:v>
                </c:pt>
                <c:pt idx="230">
                  <c:v>#N/A</c:v>
                </c:pt>
                <c:pt idx="231">
                  <c:v>#N/A</c:v>
                </c:pt>
                <c:pt idx="232">
                  <c:v>#N/A</c:v>
                </c:pt>
                <c:pt idx="233">
                  <c:v>#N/A</c:v>
                </c:pt>
                <c:pt idx="234">
                  <c:v>#N/A</c:v>
                </c:pt>
                <c:pt idx="235">
                  <c:v>#N/A</c:v>
                </c:pt>
                <c:pt idx="236">
                  <c:v>#N/A</c:v>
                </c:pt>
                <c:pt idx="237">
                  <c:v>#N/A</c:v>
                </c:pt>
                <c:pt idx="238">
                  <c:v>#N/A</c:v>
                </c:pt>
                <c:pt idx="239">
                  <c:v>#N/A</c:v>
                </c:pt>
                <c:pt idx="240">
                  <c:v>#N/A</c:v>
                </c:pt>
                <c:pt idx="241">
                  <c:v>#N/A</c:v>
                </c:pt>
                <c:pt idx="242">
                  <c:v>#N/A</c:v>
                </c:pt>
                <c:pt idx="243">
                  <c:v>#N/A</c:v>
                </c:pt>
                <c:pt idx="244">
                  <c:v>#N/A</c:v>
                </c:pt>
                <c:pt idx="245">
                  <c:v>#N/A</c:v>
                </c:pt>
                <c:pt idx="246">
                  <c:v>#N/A</c:v>
                </c:pt>
                <c:pt idx="247">
                  <c:v>#N/A</c:v>
                </c:pt>
                <c:pt idx="248">
                  <c:v>#N/A</c:v>
                </c:pt>
                <c:pt idx="249">
                  <c:v>#N/A</c:v>
                </c:pt>
                <c:pt idx="250">
                  <c:v>#N/A</c:v>
                </c:pt>
                <c:pt idx="251">
                  <c:v>#N/A</c:v>
                </c:pt>
                <c:pt idx="252">
                  <c:v>10.908043525507994</c:v>
                </c:pt>
                <c:pt idx="253">
                  <c:v>11.069254664960951</c:v>
                </c:pt>
                <c:pt idx="254">
                  <c:v>11.222122425343853</c:v>
                </c:pt>
                <c:pt idx="255">
                  <c:v>10.894305615191398</c:v>
                </c:pt>
                <c:pt idx="256">
                  <c:v>#N/A</c:v>
                </c:pt>
                <c:pt idx="257">
                  <c:v>10.771420583521207</c:v>
                </c:pt>
                <c:pt idx="258">
                  <c:v>10.80119940042281</c:v>
                </c:pt>
                <c:pt idx="259">
                  <c:v>11.156529690020896</c:v>
                </c:pt>
                <c:pt idx="260">
                  <c:v>#N/A</c:v>
                </c:pt>
                <c:pt idx="261">
                  <c:v>#N/A</c:v>
                </c:pt>
                <c:pt idx="262">
                  <c:v>#N/A</c:v>
                </c:pt>
                <c:pt idx="263">
                  <c:v>#N/A</c:v>
                </c:pt>
                <c:pt idx="264">
                  <c:v>#N/A</c:v>
                </c:pt>
                <c:pt idx="265">
                  <c:v>#N/A</c:v>
                </c:pt>
                <c:pt idx="266">
                  <c:v>#N/A</c:v>
                </c:pt>
                <c:pt idx="267">
                  <c:v>#N/A</c:v>
                </c:pt>
                <c:pt idx="268">
                  <c:v>#N/A</c:v>
                </c:pt>
                <c:pt idx="269">
                  <c:v>#N/A</c:v>
                </c:pt>
                <c:pt idx="270">
                  <c:v>#N/A</c:v>
                </c:pt>
                <c:pt idx="271">
                  <c:v>#N/A</c:v>
                </c:pt>
                <c:pt idx="272">
                  <c:v>#N/A</c:v>
                </c:pt>
                <c:pt idx="273">
                  <c:v>#N/A</c:v>
                </c:pt>
                <c:pt idx="274">
                  <c:v>#N/A</c:v>
                </c:pt>
                <c:pt idx="275">
                  <c:v>#N/A</c:v>
                </c:pt>
                <c:pt idx="276">
                  <c:v>#N/A</c:v>
                </c:pt>
                <c:pt idx="277">
                  <c:v>#N/A</c:v>
                </c:pt>
                <c:pt idx="278">
                  <c:v>11.230037811993427</c:v>
                </c:pt>
                <c:pt idx="279">
                  <c:v>11.099092466554323</c:v>
                </c:pt>
                <c:pt idx="280">
                  <c:v>10.79246199769797</c:v>
                </c:pt>
                <c:pt idx="281">
                  <c:v>10.49520217451335</c:v>
                </c:pt>
                <c:pt idx="282">
                  <c:v>10.116199049524219</c:v>
                </c:pt>
                <c:pt idx="283">
                  <c:v>9.8229184152639828</c:v>
                </c:pt>
                <c:pt idx="284">
                  <c:v>9.7042916504140724</c:v>
                </c:pt>
                <c:pt idx="285">
                  <c:v>9.5512935796304461</c:v>
                </c:pt>
                <c:pt idx="286">
                  <c:v>9.7217448613135957</c:v>
                </c:pt>
                <c:pt idx="287">
                  <c:v>9.7889654493634257</c:v>
                </c:pt>
                <c:pt idx="288">
                  <c:v>9.957769834522205</c:v>
                </c:pt>
                <c:pt idx="289">
                  <c:v>9.933912462472513</c:v>
                </c:pt>
                <c:pt idx="290">
                  <c:v>10.361074768258506</c:v>
                </c:pt>
                <c:pt idx="291">
                  <c:v>10.633140574221784</c:v>
                </c:pt>
                <c:pt idx="292">
                  <c:v>10.972627308336229</c:v>
                </c:pt>
                <c:pt idx="293">
                  <c:v>11.275334083842944</c:v>
                </c:pt>
                <c:pt idx="294">
                  <c:v>11.199991178681953</c:v>
                </c:pt>
                <c:pt idx="295">
                  <c:v>11.176809620705482</c:v>
                </c:pt>
                <c:pt idx="296">
                  <c:v>11.361410365032912</c:v>
                </c:pt>
                <c:pt idx="297">
                  <c:v>#N/A</c:v>
                </c:pt>
                <c:pt idx="298">
                  <c:v>#N/A</c:v>
                </c:pt>
                <c:pt idx="299">
                  <c:v>#N/A</c:v>
                </c:pt>
                <c:pt idx="300">
                  <c:v>#N/A</c:v>
                </c:pt>
                <c:pt idx="301">
                  <c:v>#N/A</c:v>
                </c:pt>
                <c:pt idx="302">
                  <c:v>12.45628575036786</c:v>
                </c:pt>
                <c:pt idx="303">
                  <c:v>12.635728064480658</c:v>
                </c:pt>
                <c:pt idx="304">
                  <c:v>12.595759967117459</c:v>
                </c:pt>
                <c:pt idx="305">
                  <c:v>12.511967396489231</c:v>
                </c:pt>
                <c:pt idx="306">
                  <c:v>12.518851482690353</c:v>
                </c:pt>
                <c:pt idx="307">
                  <c:v>12.3533863593345</c:v>
                </c:pt>
                <c:pt idx="308">
                  <c:v>12.233445652921452</c:v>
                </c:pt>
                <c:pt idx="309">
                  <c:v>12.063636018421924</c:v>
                </c:pt>
                <c:pt idx="310">
                  <c:v>11.817323148366023</c:v>
                </c:pt>
                <c:pt idx="311">
                  <c:v>12.03450999202977</c:v>
                </c:pt>
                <c:pt idx="312">
                  <c:v>12.298320883944635</c:v>
                </c:pt>
                <c:pt idx="313">
                  <c:v>11.575514352036317</c:v>
                </c:pt>
                <c:pt idx="314">
                  <c:v>11.082791748931799</c:v>
                </c:pt>
                <c:pt idx="315">
                  <c:v>11.097103196076423</c:v>
                </c:pt>
                <c:pt idx="316">
                  <c:v>11.165459270274333</c:v>
                </c:pt>
                <c:pt idx="317">
                  <c:v>10.895489816067794</c:v>
                </c:pt>
                <c:pt idx="318">
                  <c:v>10.922133816766655</c:v>
                </c:pt>
                <c:pt idx="319">
                  <c:v>11.081684872535027</c:v>
                </c:pt>
                <c:pt idx="320">
                  <c:v>11.484637869355964</c:v>
                </c:pt>
                <c:pt idx="321">
                  <c:v>11.676677819309802</c:v>
                </c:pt>
                <c:pt idx="322">
                  <c:v>11.861099177677438</c:v>
                </c:pt>
                <c:pt idx="323">
                  <c:v>12.091244134604379</c:v>
                </c:pt>
                <c:pt idx="324">
                  <c:v>12.093364473640575</c:v>
                </c:pt>
                <c:pt idx="325">
                  <c:v>12.05768865056414</c:v>
                </c:pt>
                <c:pt idx="326">
                  <c:v>11.884112826320655</c:v>
                </c:pt>
                <c:pt idx="327">
                  <c:v>11.643861213753366</c:v>
                </c:pt>
                <c:pt idx="328">
                  <c:v>11.372348167423523</c:v>
                </c:pt>
                <c:pt idx="329">
                  <c:v>11.068176536279937</c:v>
                </c:pt>
                <c:pt idx="330">
                  <c:v>8.4225273028374783</c:v>
                </c:pt>
                <c:pt idx="331">
                  <c:v>8.3446280021376111</c:v>
                </c:pt>
                <c:pt idx="332">
                  <c:v>8.5613050896331391</c:v>
                </c:pt>
                <c:pt idx="333">
                  <c:v>8.5125734160003681</c:v>
                </c:pt>
                <c:pt idx="334">
                  <c:v>8.6394986778635516</c:v>
                </c:pt>
                <c:pt idx="335">
                  <c:v>8.6920868962092968</c:v>
                </c:pt>
                <c:pt idx="336">
                  <c:v>8.8559196688720707</c:v>
                </c:pt>
                <c:pt idx="337">
                  <c:v>9.0573889427749616</c:v>
                </c:pt>
                <c:pt idx="338">
                  <c:v>9.203114678951243</c:v>
                </c:pt>
                <c:pt idx="339">
                  <c:v>9.3238194319525416</c:v>
                </c:pt>
                <c:pt idx="340">
                  <c:v>9.3233287599698418</c:v>
                </c:pt>
                <c:pt idx="341">
                  <c:v>9.3110300593188544</c:v>
                </c:pt>
                <c:pt idx="342">
                  <c:v>9.1206968110945379</c:v>
                </c:pt>
                <c:pt idx="343">
                  <c:v>8.4428039321918078</c:v>
                </c:pt>
                <c:pt idx="344">
                  <c:v>7.8310948266519604</c:v>
                </c:pt>
                <c:pt idx="345">
                  <c:v>7.1766507432636262</c:v>
                </c:pt>
                <c:pt idx="346">
                  <c:v>6.5387313152605309</c:v>
                </c:pt>
                <c:pt idx="347">
                  <c:v>6.2784017203955429</c:v>
                </c:pt>
                <c:pt idx="348">
                  <c:v>5.8005780945242398</c:v>
                </c:pt>
                <c:pt idx="349">
                  <c:v>5.4861407368029136</c:v>
                </c:pt>
                <c:pt idx="350">
                  <c:v>5.3590492493064685</c:v>
                </c:pt>
                <c:pt idx="351">
                  <c:v>4.200173980010538</c:v>
                </c:pt>
                <c:pt idx="352">
                  <c:v>4.5356657913122023</c:v>
                </c:pt>
                <c:pt idx="353">
                  <c:v>5.6038546490476859</c:v>
                </c:pt>
                <c:pt idx="354">
                  <c:v>6.3825808493135412</c:v>
                </c:pt>
                <c:pt idx="355">
                  <c:v>7.2227837807188324</c:v>
                </c:pt>
                <c:pt idx="356">
                  <c:v>8.0963649370600859</c:v>
                </c:pt>
                <c:pt idx="357">
                  <c:v>8.5136784367654865</c:v>
                </c:pt>
                <c:pt idx="358">
                  <c:v>8.9452104295207082</c:v>
                </c:pt>
                <c:pt idx="359">
                  <c:v>9.4464113376342809</c:v>
                </c:pt>
                <c:pt idx="360">
                  <c:v>10.04930912835083</c:v>
                </c:pt>
                <c:pt idx="361">
                  <c:v>10.565025497147731</c:v>
                </c:pt>
                <c:pt idx="362">
                  <c:v>10.820819320062947</c:v>
                </c:pt>
                <c:pt idx="363">
                  <c:v>11.058391094641749</c:v>
                </c:pt>
                <c:pt idx="364">
                  <c:v>11.126993077310544</c:v>
                </c:pt>
                <c:pt idx="365">
                  <c:v>11.085105060695213</c:v>
                </c:pt>
                <c:pt idx="366">
                  <c:v>10.856093822356533</c:v>
                </c:pt>
                <c:pt idx="367">
                  <c:v>10.98127591112771</c:v>
                </c:pt>
                <c:pt idx="368">
                  <c:v>11.184025843130508</c:v>
                </c:pt>
                <c:pt idx="369">
                  <c:v>11.401341529179211</c:v>
                </c:pt>
                <c:pt idx="370">
                  <c:v>11.34257458354881</c:v>
                </c:pt>
                <c:pt idx="371">
                  <c:v>11.11325384299667</c:v>
                </c:pt>
                <c:pt idx="372">
                  <c:v>10.928408907961469</c:v>
                </c:pt>
                <c:pt idx="373">
                  <c:v>10.781185462071335</c:v>
                </c:pt>
                <c:pt idx="374">
                  <c:v>10.249618821403139</c:v>
                </c:pt>
                <c:pt idx="375">
                  <c:v>9.5633945141161316</c:v>
                </c:pt>
                <c:pt idx="376">
                  <c:v>9.4715539820570296</c:v>
                </c:pt>
                <c:pt idx="377">
                  <c:v>9.2417836890019505</c:v>
                </c:pt>
                <c:pt idx="378">
                  <c:v>9.1600992581728402</c:v>
                </c:pt>
                <c:pt idx="379">
                  <c:v>9.014698954318753</c:v>
                </c:pt>
                <c:pt idx="380">
                  <c:v>8.9427591429333688</c:v>
                </c:pt>
                <c:pt idx="381">
                  <c:v>8.8764452182551867</c:v>
                </c:pt>
                <c:pt idx="382">
                  <c:v>8.9416148532511155</c:v>
                </c:pt>
                <c:pt idx="383">
                  <c:v>9.0671609412268008</c:v>
                </c:pt>
                <c:pt idx="384">
                  <c:v>9.1785964309365813</c:v>
                </c:pt>
                <c:pt idx="385">
                  <c:v>9.410936399848012</c:v>
                </c:pt>
                <c:pt idx="386">
                  <c:v>9.8552186643677526</c:v>
                </c:pt>
                <c:pt idx="387">
                  <c:v>9.9246078117303309</c:v>
                </c:pt>
                <c:pt idx="388">
                  <c:v>10.129021456469198</c:v>
                </c:pt>
                <c:pt idx="389">
                  <c:v>10.175820254164172</c:v>
                </c:pt>
                <c:pt idx="390">
                  <c:v>10.244352505132284</c:v>
                </c:pt>
                <c:pt idx="391">
                  <c:v>10.337648896388659</c:v>
                </c:pt>
                <c:pt idx="392">
                  <c:v>10.472619351386037</c:v>
                </c:pt>
                <c:pt idx="393">
                  <c:v>10.39059889200297</c:v>
                </c:pt>
                <c:pt idx="394">
                  <c:v>10.287235254359693</c:v>
                </c:pt>
                <c:pt idx="395">
                  <c:v>10.07900210667678</c:v>
                </c:pt>
                <c:pt idx="396">
                  <c:v>9.9640361161031397</c:v>
                </c:pt>
                <c:pt idx="397">
                  <c:v>10.095414343012989</c:v>
                </c:pt>
                <c:pt idx="398">
                  <c:v>10.266202464508673</c:v>
                </c:pt>
                <c:pt idx="399">
                  <c:v>10.544706145399145</c:v>
                </c:pt>
                <c:pt idx="400">
                  <c:v>10.608160779545843</c:v>
                </c:pt>
                <c:pt idx="401">
                  <c:v>10.823274736600135</c:v>
                </c:pt>
                <c:pt idx="402">
                  <c:v>10.897708549050483</c:v>
                </c:pt>
                <c:pt idx="403">
                  <c:v>10.910595372741064</c:v>
                </c:pt>
                <c:pt idx="404">
                  <c:v>10.897372912205213</c:v>
                </c:pt>
                <c:pt idx="405">
                  <c:v>10.83409865963435</c:v>
                </c:pt>
                <c:pt idx="406">
                  <c:v>10.700373455155045</c:v>
                </c:pt>
                <c:pt idx="407">
                  <c:v>10.541050400608311</c:v>
                </c:pt>
                <c:pt idx="408">
                  <c:v>10.093215882742953</c:v>
                </c:pt>
                <c:pt idx="409">
                  <c:v>9.7610941597689926</c:v>
                </c:pt>
                <c:pt idx="410">
                  <c:v>9.5079929941663313</c:v>
                </c:pt>
                <c:pt idx="411">
                  <c:v>9.3392911831485765</c:v>
                </c:pt>
                <c:pt idx="412">
                  <c:v>9.0724030468008774</c:v>
                </c:pt>
                <c:pt idx="413">
                  <c:v>8.9453244423653668</c:v>
                </c:pt>
                <c:pt idx="414">
                  <c:v>8.7513132619102123</c:v>
                </c:pt>
                <c:pt idx="415">
                  <c:v>8.5930172241153873</c:v>
                </c:pt>
                <c:pt idx="416">
                  <c:v>8.848309142562977</c:v>
                </c:pt>
                <c:pt idx="417">
                  <c:v>9.1915575876293563</c:v>
                </c:pt>
                <c:pt idx="418">
                  <c:v>9.4879728199505866</c:v>
                </c:pt>
                <c:pt idx="419">
                  <c:v>9.5063811988522087</c:v>
                </c:pt>
                <c:pt idx="420">
                  <c:v>9.4873287109488658</c:v>
                </c:pt>
                <c:pt idx="421">
                  <c:v>9.4340456250545301</c:v>
                </c:pt>
                <c:pt idx="422">
                  <c:v>9.6570398144035128</c:v>
                </c:pt>
                <c:pt idx="423">
                  <c:v>9.9369145008332627</c:v>
                </c:pt>
                <c:pt idx="424">
                  <c:v>9.8992406888995834</c:v>
                </c:pt>
                <c:pt idx="425">
                  <c:v>9.8969258516276781</c:v>
                </c:pt>
                <c:pt idx="426">
                  <c:v>9.8143896692748456</c:v>
                </c:pt>
                <c:pt idx="427">
                  <c:v>9.9002184497717831</c:v>
                </c:pt>
                <c:pt idx="428">
                  <c:v>9.8750627089836218</c:v>
                </c:pt>
                <c:pt idx="429">
                  <c:v>9.7342879275055427</c:v>
                </c:pt>
                <c:pt idx="430">
                  <c:v>9.7732855387699029</c:v>
                </c:pt>
                <c:pt idx="431">
                  <c:v>9.740754404984413</c:v>
                </c:pt>
                <c:pt idx="432">
                  <c:v>9.8448291485060633</c:v>
                </c:pt>
                <c:pt idx="433">
                  <c:v>9.8786021346983688</c:v>
                </c:pt>
                <c:pt idx="434">
                  <c:v>10.046131477346711</c:v>
                </c:pt>
                <c:pt idx="435">
                  <c:v>10.164726779735037</c:v>
                </c:pt>
                <c:pt idx="436">
                  <c:v>10.288282632279797</c:v>
                </c:pt>
                <c:pt idx="437">
                  <c:v>10.47251172775165</c:v>
                </c:pt>
                <c:pt idx="438">
                  <c:v>10.6505284210604</c:v>
                </c:pt>
                <c:pt idx="439">
                  <c:v>10.935877159202931</c:v>
                </c:pt>
                <c:pt idx="440">
                  <c:v>11.223629333572001</c:v>
                </c:pt>
                <c:pt idx="441">
                  <c:v>11.28253983186606</c:v>
                </c:pt>
                <c:pt idx="442">
                  <c:v>11.114048229645581</c:v>
                </c:pt>
                <c:pt idx="443">
                  <c:v>10.985417793218296</c:v>
                </c:pt>
                <c:pt idx="444">
                  <c:v>10.408373477943465</c:v>
                </c:pt>
                <c:pt idx="445">
                  <c:v>9.7878779614281388</c:v>
                </c:pt>
                <c:pt idx="446">
                  <c:v>9.2282380846318315</c:v>
                </c:pt>
                <c:pt idx="447">
                  <c:v>8.9244942780431966</c:v>
                </c:pt>
                <c:pt idx="448">
                  <c:v>8.5103072709269352</c:v>
                </c:pt>
                <c:pt idx="449">
                  <c:v>7.8721938456744089</c:v>
                </c:pt>
                <c:pt idx="450">
                  <c:v>7.6802498473892582</c:v>
                </c:pt>
                <c:pt idx="451">
                  <c:v>7.5639629790808023</c:v>
                </c:pt>
                <c:pt idx="452">
                  <c:v>7.7337780731936654</c:v>
                </c:pt>
                <c:pt idx="453">
                  <c:v>7.9145918774147246</c:v>
                </c:pt>
                <c:pt idx="454">
                  <c:v>7.978928753219118</c:v>
                </c:pt>
                <c:pt idx="455">
                  <c:v>8.1854933380410042</c:v>
                </c:pt>
                <c:pt idx="456">
                  <c:v>8.2326182889532848</c:v>
                </c:pt>
                <c:pt idx="457">
                  <c:v>8.1394034758226059</c:v>
                </c:pt>
                <c:pt idx="458">
                  <c:v>8.2311776387297417</c:v>
                </c:pt>
                <c:pt idx="459">
                  <c:v>8.3727728663990622</c:v>
                </c:pt>
                <c:pt idx="460">
                  <c:v>8.3787482321711906</c:v>
                </c:pt>
                <c:pt idx="461">
                  <c:v>8.27771079190682</c:v>
                </c:pt>
                <c:pt idx="462">
                  <c:v>8.1707940383420024</c:v>
                </c:pt>
                <c:pt idx="463">
                  <c:v>8.1209152226730001</c:v>
                </c:pt>
                <c:pt idx="464">
                  <c:v>8.0806359081708248</c:v>
                </c:pt>
                <c:pt idx="465">
                  <c:v>8.0313555484912555</c:v>
                </c:pt>
                <c:pt idx="466">
                  <c:v>8.3557739774968081</c:v>
                </c:pt>
                <c:pt idx="467">
                  <c:v>8.7177162343832446</c:v>
                </c:pt>
                <c:pt idx="468">
                  <c:v>9.2419043551439248</c:v>
                </c:pt>
                <c:pt idx="469">
                  <c:v>9.5384783976191887</c:v>
                </c:pt>
                <c:pt idx="470">
                  <c:v>9.1551178233018771</c:v>
                </c:pt>
                <c:pt idx="471">
                  <c:v>8.532355190401141</c:v>
                </c:pt>
                <c:pt idx="472">
                  <c:v>7.9843365139231173</c:v>
                </c:pt>
                <c:pt idx="473">
                  <c:v>7.6872806084777281</c:v>
                </c:pt>
                <c:pt idx="474">
                  <c:v>7.4742733367767054</c:v>
                </c:pt>
                <c:pt idx="475">
                  <c:v>7.3084104466871365</c:v>
                </c:pt>
                <c:pt idx="476">
                  <c:v>7.0786074057588708</c:v>
                </c:pt>
                <c:pt idx="477">
                  <c:v>6.8683065854018599</c:v>
                </c:pt>
                <c:pt idx="478">
                  <c:v>6.7643185386079407</c:v>
                </c:pt>
                <c:pt idx="479">
                  <c:v>7.1002932235877294</c:v>
                </c:pt>
                <c:pt idx="480">
                  <c:v>7.5606899342856693</c:v>
                </c:pt>
                <c:pt idx="481">
                  <c:v>8.1276489095375428</c:v>
                </c:pt>
                <c:pt idx="482">
                  <c:v>8.5784941112283146</c:v>
                </c:pt>
                <c:pt idx="483">
                  <c:v>8.5808774250064968</c:v>
                </c:pt>
                <c:pt idx="484">
                  <c:v>8.2994258753995958</c:v>
                </c:pt>
                <c:pt idx="485">
                  <c:v>7.6962097591600163</c:v>
                </c:pt>
                <c:pt idx="486">
                  <c:v>7.0632446999911638</c:v>
                </c:pt>
                <c:pt idx="487">
                  <c:v>6.5607540384570129</c:v>
                </c:pt>
                <c:pt idx="488">
                  <c:v>5.971826855057464</c:v>
                </c:pt>
                <c:pt idx="489">
                  <c:v>5.6404302834700779</c:v>
                </c:pt>
                <c:pt idx="490">
                  <c:v>5.4848117884306227</c:v>
                </c:pt>
                <c:pt idx="491">
                  <c:v>6.1972557084473197</c:v>
                </c:pt>
                <c:pt idx="492">
                  <c:v>6.9033098324004181</c:v>
                </c:pt>
                <c:pt idx="493">
                  <c:v>7.4718732003690782</c:v>
                </c:pt>
                <c:pt idx="494">
                  <c:v>8.078543122699509</c:v>
                </c:pt>
                <c:pt idx="495">
                  <c:v>8.7234755828862447</c:v>
                </c:pt>
                <c:pt idx="496">
                  <c:v>9.6235840562291006</c:v>
                </c:pt>
                <c:pt idx="497">
                  <c:v>10.340299155792804</c:v>
                </c:pt>
                <c:pt idx="498">
                  <c:v>10.627778073635481</c:v>
                </c:pt>
                <c:pt idx="499">
                  <c:v>10.813109908049222</c:v>
                </c:pt>
                <c:pt idx="500">
                  <c:v>10.946599550367447</c:v>
                </c:pt>
                <c:pt idx="501">
                  <c:v>11.264941841469112</c:v>
                </c:pt>
                <c:pt idx="502">
                  <c:v>11.531836809294843</c:v>
                </c:pt>
                <c:pt idx="503">
                  <c:v>11.669909864922124</c:v>
                </c:pt>
                <c:pt idx="504">
                  <c:v>11.94661039830938</c:v>
                </c:pt>
                <c:pt idx="505">
                  <c:v>12.304482078151958</c:v>
                </c:pt>
                <c:pt idx="506">
                  <c:v>12.576653258961359</c:v>
                </c:pt>
                <c:pt idx="507">
                  <c:v>12.670083428413156</c:v>
                </c:pt>
                <c:pt idx="508">
                  <c:v>12.488425568075073</c:v>
                </c:pt>
                <c:pt idx="509">
                  <c:v>12.196044725339902</c:v>
                </c:pt>
                <c:pt idx="510">
                  <c:v>11.786333169085987</c:v>
                </c:pt>
                <c:pt idx="511">
                  <c:v>11.838656423236102</c:v>
                </c:pt>
                <c:pt idx="512">
                  <c:v>11.588770683801071</c:v>
                </c:pt>
                <c:pt idx="513">
                  <c:v>11.547383899515987</c:v>
                </c:pt>
                <c:pt idx="514">
                  <c:v>11.454362486295571</c:v>
                </c:pt>
                <c:pt idx="515">
                  <c:v>10.501674425299834</c:v>
                </c:pt>
                <c:pt idx="516">
                  <c:v>9.4810101065413654</c:v>
                </c:pt>
                <c:pt idx="517">
                  <c:v>9.4446323132467302</c:v>
                </c:pt>
                <c:pt idx="518">
                  <c:v>9.4172687196155334</c:v>
                </c:pt>
                <c:pt idx="519">
                  <c:v>9.1430584161176025</c:v>
                </c:pt>
                <c:pt idx="520">
                  <c:v>9.6092204952473796</c:v>
                </c:pt>
                <c:pt idx="521">
                  <c:v>10.310091054867739</c:v>
                </c:pt>
                <c:pt idx="522">
                  <c:v>10.112153372720408</c:v>
                </c:pt>
                <c:pt idx="523">
                  <c:v>10.187385182178511</c:v>
                </c:pt>
                <c:pt idx="524">
                  <c:v>10.257667794330386</c:v>
                </c:pt>
                <c:pt idx="525">
                  <c:v>10.704882462113625</c:v>
                </c:pt>
                <c:pt idx="526">
                  <c:v>11.612198170980243</c:v>
                </c:pt>
                <c:pt idx="527">
                  <c:v>12.066264384749632</c:v>
                </c:pt>
                <c:pt idx="528">
                  <c:v>11.967618747552725</c:v>
                </c:pt>
                <c:pt idx="529">
                  <c:v>11.94173791412585</c:v>
                </c:pt>
                <c:pt idx="530">
                  <c:v>11.747963947903017</c:v>
                </c:pt>
                <c:pt idx="531">
                  <c:v>11.710320872701702</c:v>
                </c:pt>
                <c:pt idx="532">
                  <c:v>11.892943868783291</c:v>
                </c:pt>
                <c:pt idx="533">
                  <c:v>12.105226818319457</c:v>
                </c:pt>
                <c:pt idx="534">
                  <c:v>12.121074828725662</c:v>
                </c:pt>
                <c:pt idx="535">
                  <c:v>12.188043808507365</c:v>
                </c:pt>
                <c:pt idx="536">
                  <c:v>12.405494216332647</c:v>
                </c:pt>
                <c:pt idx="537">
                  <c:v>12.386402985651538</c:v>
                </c:pt>
                <c:pt idx="538">
                  <c:v>12.161567740867403</c:v>
                </c:pt>
                <c:pt idx="539">
                  <c:v>12.078566039691671</c:v>
                </c:pt>
                <c:pt idx="540">
                  <c:v>12.03317420409565</c:v>
                </c:pt>
                <c:pt idx="541">
                  <c:v>11.809421474201608</c:v>
                </c:pt>
                <c:pt idx="542">
                  <c:v>11.73847297274355</c:v>
                </c:pt>
                <c:pt idx="543">
                  <c:v>11.628890821001148</c:v>
                </c:pt>
                <c:pt idx="544">
                  <c:v>11.226548881920261</c:v>
                </c:pt>
                <c:pt idx="545">
                  <c:v>10.801970421813943</c:v>
                </c:pt>
                <c:pt idx="546">
                  <c:v>10.625886334251119</c:v>
                </c:pt>
                <c:pt idx="547">
                  <c:v>10.666900174275098</c:v>
                </c:pt>
                <c:pt idx="548">
                  <c:v>10.547196580045036</c:v>
                </c:pt>
                <c:pt idx="549">
                  <c:v>10.274426002834739</c:v>
                </c:pt>
                <c:pt idx="550">
                  <c:v>10.011433905126433</c:v>
                </c:pt>
                <c:pt idx="551">
                  <c:v>9.8639251007923985</c:v>
                </c:pt>
                <c:pt idx="552">
                  <c:v>10.259767365698824</c:v>
                </c:pt>
                <c:pt idx="553">
                  <c:v>10.546561517297432</c:v>
                </c:pt>
                <c:pt idx="554">
                  <c:v>11.015088534429998</c:v>
                </c:pt>
                <c:pt idx="555">
                  <c:v>11.860286756995199</c:v>
                </c:pt>
                <c:pt idx="556">
                  <c:v>11.537293543230183</c:v>
                </c:pt>
                <c:pt idx="557">
                  <c:v>11.511612668249581</c:v>
                </c:pt>
                <c:pt idx="558">
                  <c:v>12.083771730997844</c:v>
                </c:pt>
                <c:pt idx="559">
                  <c:v>11.465711558630892</c:v>
                </c:pt>
                <c:pt idx="560">
                  <c:v>11.090425752171356</c:v>
                </c:pt>
                <c:pt idx="561">
                  <c:v>10.788387155383566</c:v>
                </c:pt>
                <c:pt idx="562">
                  <c:v>10.623958992191449</c:v>
                </c:pt>
                <c:pt idx="563">
                  <c:v>10.329572920211879</c:v>
                </c:pt>
                <c:pt idx="564">
                  <c:v>10.152452266033327</c:v>
                </c:pt>
                <c:pt idx="565">
                  <c:v>10.288351682570131</c:v>
                </c:pt>
                <c:pt idx="566">
                  <c:v>10.083225414440902</c:v>
                </c:pt>
                <c:pt idx="567">
                  <c:v>9.3131245057449892</c:v>
                </c:pt>
                <c:pt idx="568">
                  <c:v>9.2930868549776022</c:v>
                </c:pt>
                <c:pt idx="569">
                  <c:v>9.6896928902946495</c:v>
                </c:pt>
                <c:pt idx="570">
                  <c:v>10.016744274410135</c:v>
                </c:pt>
                <c:pt idx="571">
                  <c:v>10.81231025440456</c:v>
                </c:pt>
                <c:pt idx="572">
                  <c:v>11.691767386709657</c:v>
                </c:pt>
                <c:pt idx="573">
                  <c:v>12.021569579743806</c:v>
                </c:pt>
                <c:pt idx="574">
                  <c:v>12.073173441569248</c:v>
                </c:pt>
                <c:pt idx="575">
                  <c:v>11.952497348820723</c:v>
                </c:pt>
                <c:pt idx="576">
                  <c:v>11.73020595784457</c:v>
                </c:pt>
                <c:pt idx="577">
                  <c:v>11.540150826703291</c:v>
                </c:pt>
                <c:pt idx="578">
                  <c:v>11.347617981835336</c:v>
                </c:pt>
                <c:pt idx="579">
                  <c:v>11.055747046187653</c:v>
                </c:pt>
                <c:pt idx="580">
                  <c:v>10.967183865658427</c:v>
                </c:pt>
                <c:pt idx="581">
                  <c:v>11.169818943336068</c:v>
                </c:pt>
                <c:pt idx="582">
                  <c:v>11.270977691191968</c:v>
                </c:pt>
                <c:pt idx="583">
                  <c:v>11.420481632435349</c:v>
                </c:pt>
                <c:pt idx="584">
                  <c:v>11.473429532839475</c:v>
                </c:pt>
                <c:pt idx="585">
                  <c:v>11.47334465146306</c:v>
                </c:pt>
                <c:pt idx="586">
                  <c:v>11.596717579433019</c:v>
                </c:pt>
                <c:pt idx="587">
                  <c:v>11.657428051620718</c:v>
                </c:pt>
                <c:pt idx="588">
                  <c:v>11.389838359350469</c:v>
                </c:pt>
                <c:pt idx="589">
                  <c:v>11.408062718993996</c:v>
                </c:pt>
                <c:pt idx="590">
                  <c:v>11.833014129297171</c:v>
                </c:pt>
                <c:pt idx="591">
                  <c:v>12.146334361577473</c:v>
                </c:pt>
                <c:pt idx="592">
                  <c:v>11.693511094931361</c:v>
                </c:pt>
                <c:pt idx="593">
                  <c:v>11.483862071599132</c:v>
                </c:pt>
                <c:pt idx="594">
                  <c:v>11.738417750639831</c:v>
                </c:pt>
                <c:pt idx="595">
                  <c:v>11.56257798764539</c:v>
                </c:pt>
                <c:pt idx="596">
                  <c:v>11.651916923692355</c:v>
                </c:pt>
                <c:pt idx="597">
                  <c:v>12.030808477839535</c:v>
                </c:pt>
                <c:pt idx="598">
                  <c:v>12.382300361915119</c:v>
                </c:pt>
                <c:pt idx="599">
                  <c:v>12.527300283594633</c:v>
                </c:pt>
                <c:pt idx="600">
                  <c:v>12.851116940257251</c:v>
                </c:pt>
                <c:pt idx="601">
                  <c:v>12.934553235218608</c:v>
                </c:pt>
                <c:pt idx="602">
                  <c:v>12.991811259182546</c:v>
                </c:pt>
                <c:pt idx="603">
                  <c:v>13.202397587074534</c:v>
                </c:pt>
                <c:pt idx="604">
                  <c:v>13.852103647199582</c:v>
                </c:pt>
                <c:pt idx="605">
                  <c:v>14.694935428809794</c:v>
                </c:pt>
                <c:pt idx="606">
                  <c:v>15.209774069390756</c:v>
                </c:pt>
                <c:pt idx="607">
                  <c:v>15.510919612659007</c:v>
                </c:pt>
                <c:pt idx="608">
                  <c:v>15.493461600360478</c:v>
                </c:pt>
                <c:pt idx="609">
                  <c:v>15.535263166281723</c:v>
                </c:pt>
                <c:pt idx="610">
                  <c:v>15.546771974447523</c:v>
                </c:pt>
                <c:pt idx="611">
                  <c:v>15.514253100347432</c:v>
                </c:pt>
                <c:pt idx="612">
                  <c:v>15.50811173786861</c:v>
                </c:pt>
                <c:pt idx="613">
                  <c:v>15.287794268019857</c:v>
                </c:pt>
                <c:pt idx="614">
                  <c:v>15.006855625429361</c:v>
                </c:pt>
                <c:pt idx="615">
                  <c:v>14.648230330896773</c:v>
                </c:pt>
                <c:pt idx="616">
                  <c:v>14.467742070904473</c:v>
                </c:pt>
                <c:pt idx="617">
                  <c:v>14.393812624067792</c:v>
                </c:pt>
                <c:pt idx="618">
                  <c:v>14.202514974653015</c:v>
                </c:pt>
                <c:pt idx="619">
                  <c:v>14.269384241506449</c:v>
                </c:pt>
                <c:pt idx="620">
                  <c:v>14.321388176363337</c:v>
                </c:pt>
                <c:pt idx="621">
                  <c:v>13.972185696389365</c:v>
                </c:pt>
                <c:pt idx="622">
                  <c:v>13.761989225070979</c:v>
                </c:pt>
                <c:pt idx="623">
                  <c:v>13.590628377655454</c:v>
                </c:pt>
                <c:pt idx="624">
                  <c:v>13.660559654969854</c:v>
                </c:pt>
                <c:pt idx="625">
                  <c:v>13.679076757850014</c:v>
                </c:pt>
                <c:pt idx="626">
                  <c:v>13.642897098011892</c:v>
                </c:pt>
                <c:pt idx="627">
                  <c:v>13.766864515371827</c:v>
                </c:pt>
                <c:pt idx="628">
                  <c:v>13.636190120377593</c:v>
                </c:pt>
                <c:pt idx="629">
                  <c:v>13.523041096902682</c:v>
                </c:pt>
                <c:pt idx="630">
                  <c:v>13.732678111764391</c:v>
                </c:pt>
                <c:pt idx="631">
                  <c:v>13.543158537569633</c:v>
                </c:pt>
                <c:pt idx="632">
                  <c:v>13.46851116143111</c:v>
                </c:pt>
                <c:pt idx="633">
                  <c:v>13.773059786609613</c:v>
                </c:pt>
                <c:pt idx="634">
                  <c:v>13.915606241592483</c:v>
                </c:pt>
                <c:pt idx="635">
                  <c:v>14.069251154859609</c:v>
                </c:pt>
                <c:pt idx="636">
                  <c:v>14.028409541893604</c:v>
                </c:pt>
                <c:pt idx="637">
                  <c:v>14.146025214571162</c:v>
                </c:pt>
                <c:pt idx="638">
                  <c:v>14.240779444221809</c:v>
                </c:pt>
                <c:pt idx="639">
                  <c:v>14.160249582535455</c:v>
                </c:pt>
                <c:pt idx="640">
                  <c:v>14.155812617749717</c:v>
                </c:pt>
                <c:pt idx="641">
                  <c:v>13.930030864694773</c:v>
                </c:pt>
                <c:pt idx="642">
                  <c:v>13.632291721946956</c:v>
                </c:pt>
                <c:pt idx="643">
                  <c:v>13.484871351596668</c:v>
                </c:pt>
                <c:pt idx="644">
                  <c:v>13.574904193853753</c:v>
                </c:pt>
                <c:pt idx="645">
                  <c:v>13.959817479767162</c:v>
                </c:pt>
                <c:pt idx="646">
                  <c:v>14.339196069173392</c:v>
                </c:pt>
                <c:pt idx="647">
                  <c:v>14.344988855389142</c:v>
                </c:pt>
                <c:pt idx="648">
                  <c:v>14.164506018348277</c:v>
                </c:pt>
                <c:pt idx="649">
                  <c:v>14.147303077093165</c:v>
                </c:pt>
                <c:pt idx="650">
                  <c:v>14.31965139558551</c:v>
                </c:pt>
                <c:pt idx="651">
                  <c:v>14.477098949707079</c:v>
                </c:pt>
                <c:pt idx="652">
                  <c:v>14.649845802602172</c:v>
                </c:pt>
                <c:pt idx="653">
                  <c:v>14.878112339877896</c:v>
                </c:pt>
                <c:pt idx="654">
                  <c:v>15.247194408821429</c:v>
                </c:pt>
                <c:pt idx="655">
                  <c:v>15.260300360138546</c:v>
                </c:pt>
                <c:pt idx="656">
                  <c:v>14.932499373865504</c:v>
                </c:pt>
                <c:pt idx="657">
                  <c:v>14.637141919115953</c:v>
                </c:pt>
                <c:pt idx="658">
                  <c:v>14.29985541931155</c:v>
                </c:pt>
                <c:pt idx="659">
                  <c:v>14.054340237001695</c:v>
                </c:pt>
                <c:pt idx="660">
                  <c:v>13.968044189159798</c:v>
                </c:pt>
                <c:pt idx="661">
                  <c:v>14.06747675572943</c:v>
                </c:pt>
                <c:pt idx="662">
                  <c:v>14.101241278275475</c:v>
                </c:pt>
                <c:pt idx="663">
                  <c:v>14.146647165935192</c:v>
                </c:pt>
                <c:pt idx="664">
                  <c:v>14.241538462930018</c:v>
                </c:pt>
                <c:pt idx="665">
                  <c:v>14.265438944113493</c:v>
                </c:pt>
                <c:pt idx="666">
                  <c:v>14.343957230431608</c:v>
                </c:pt>
                <c:pt idx="667">
                  <c:v>14.131758553047788</c:v>
                </c:pt>
                <c:pt idx="668">
                  <c:v>14.04239610699355</c:v>
                </c:pt>
                <c:pt idx="669">
                  <c:v>13.971935247549583</c:v>
                </c:pt>
                <c:pt idx="670">
                  <c:v>14.128099897608882</c:v>
                </c:pt>
                <c:pt idx="671">
                  <c:v>13.991637758844105</c:v>
                </c:pt>
                <c:pt idx="672">
                  <c:v>14.086691858065398</c:v>
                </c:pt>
                <c:pt idx="673">
                  <c:v>14.326815432792761</c:v>
                </c:pt>
                <c:pt idx="674">
                  <c:v>14.395661338390541</c:v>
                </c:pt>
                <c:pt idx="675">
                  <c:v>14.252234979779805</c:v>
                </c:pt>
                <c:pt idx="676">
                  <c:v>14.022736506742921</c:v>
                </c:pt>
                <c:pt idx="677">
                  <c:v>14.221546741979154</c:v>
                </c:pt>
                <c:pt idx="678">
                  <c:v>14.42162687089475</c:v>
                </c:pt>
                <c:pt idx="679">
                  <c:v>14.507884675089263</c:v>
                </c:pt>
                <c:pt idx="680">
                  <c:v>14.516574356015438</c:v>
                </c:pt>
                <c:pt idx="681">
                  <c:v>14.960904824620675</c:v>
                </c:pt>
                <c:pt idx="682">
                  <c:v>14.76046067061025</c:v>
                </c:pt>
                <c:pt idx="683">
                  <c:v>14.702261653439392</c:v>
                </c:pt>
                <c:pt idx="684">
                  <c:v>14.717532069246738</c:v>
                </c:pt>
                <c:pt idx="685">
                  <c:v>14.631269597881206</c:v>
                </c:pt>
                <c:pt idx="686">
                  <c:v>14.807514476610203</c:v>
                </c:pt>
                <c:pt idx="687">
                  <c:v>14.969718138059719</c:v>
                </c:pt>
                <c:pt idx="688">
                  <c:v>14.729493030333879</c:v>
                </c:pt>
                <c:pt idx="689">
                  <c:v>14.484343990008325</c:v>
                </c:pt>
                <c:pt idx="690">
                  <c:v>14.312751819178885</c:v>
                </c:pt>
                <c:pt idx="691">
                  <c:v>14.127086906565893</c:v>
                </c:pt>
                <c:pt idx="692">
                  <c:v>14.374572486131774</c:v>
                </c:pt>
                <c:pt idx="693">
                  <c:v>14.398142516141922</c:v>
                </c:pt>
                <c:pt idx="694">
                  <c:v>14.319890382387607</c:v>
                </c:pt>
                <c:pt idx="695">
                  <c:v>14.090791462804733</c:v>
                </c:pt>
                <c:pt idx="696">
                  <c:v>13.964043956289546</c:v>
                </c:pt>
                <c:pt idx="697">
                  <c:v>13.872800723606391</c:v>
                </c:pt>
                <c:pt idx="698">
                  <c:v>13.940804493748274</c:v>
                </c:pt>
                <c:pt idx="699">
                  <c:v>14.019520438782829</c:v>
                </c:pt>
                <c:pt idx="700">
                  <c:v>14.007066437463431</c:v>
                </c:pt>
                <c:pt idx="701">
                  <c:v>14.040819443202977</c:v>
                </c:pt>
                <c:pt idx="702">
                  <c:v>14.216395727478039</c:v>
                </c:pt>
                <c:pt idx="703">
                  <c:v>14.397054087659626</c:v>
                </c:pt>
                <c:pt idx="704">
                  <c:v>14.283872134410748</c:v>
                </c:pt>
                <c:pt idx="705">
                  <c:v>14.284601647643719</c:v>
                </c:pt>
                <c:pt idx="706">
                  <c:v>14.120702104718504</c:v>
                </c:pt>
                <c:pt idx="707">
                  <c:v>14.393335924593387</c:v>
                </c:pt>
                <c:pt idx="708">
                  <c:v>14.305400875034531</c:v>
                </c:pt>
                <c:pt idx="709">
                  <c:v>14.099386184031951</c:v>
                </c:pt>
                <c:pt idx="710">
                  <c:v>13.969113557017025</c:v>
                </c:pt>
                <c:pt idx="711">
                  <c:v>13.915569985410523</c:v>
                </c:pt>
                <c:pt idx="712">
                  <c:v>14.001984681439117</c:v>
                </c:pt>
                <c:pt idx="713">
                  <c:v>13.947194857095335</c:v>
                </c:pt>
                <c:pt idx="714">
                  <c:v>13.874078261929638</c:v>
                </c:pt>
                <c:pt idx="715">
                  <c:v>13.828059998279672</c:v>
                </c:pt>
                <c:pt idx="716">
                  <c:v>13.890224283808484</c:v>
                </c:pt>
                <c:pt idx="717">
                  <c:v>14.055712556766872</c:v>
                </c:pt>
                <c:pt idx="718">
                  <c:v>14.205350833600276</c:v>
                </c:pt>
                <c:pt idx="719">
                  <c:v>14.336440707724172</c:v>
                </c:pt>
                <c:pt idx="720">
                  <c:v>14.643906407394875</c:v>
                </c:pt>
                <c:pt idx="721">
                  <c:v>15.034144545226802</c:v>
                </c:pt>
                <c:pt idx="722">
                  <c:v>15.062306112700808</c:v>
                </c:pt>
                <c:pt idx="723">
                  <c:v>15.175452993763273</c:v>
                </c:pt>
                <c:pt idx="724">
                  <c:v>15.186103476460682</c:v>
                </c:pt>
                <c:pt idx="725">
                  <c:v>15.123389254530636</c:v>
                </c:pt>
                <c:pt idx="726">
                  <c:v>14.774695333929772</c:v>
                </c:pt>
                <c:pt idx="727">
                  <c:v>14.444082602958957</c:v>
                </c:pt>
                <c:pt idx="728">
                  <c:v>14.304053108404082</c:v>
                </c:pt>
                <c:pt idx="729">
                  <c:v>14.143369790936196</c:v>
                </c:pt>
                <c:pt idx="730">
                  <c:v>13.795888736326267</c:v>
                </c:pt>
                <c:pt idx="731">
                  <c:v>13.522410479543405</c:v>
                </c:pt>
                <c:pt idx="732">
                  <c:v>13.421935422526088</c:v>
                </c:pt>
                <c:pt idx="733">
                  <c:v>13.403413758963671</c:v>
                </c:pt>
                <c:pt idx="734">
                  <c:v>13.159852120679693</c:v>
                </c:pt>
                <c:pt idx="735">
                  <c:v>12.668585351398535</c:v>
                </c:pt>
                <c:pt idx="736">
                  <c:v>12.51832723195051</c:v>
                </c:pt>
                <c:pt idx="737">
                  <c:v>12.765840248738234</c:v>
                </c:pt>
                <c:pt idx="738">
                  <c:v>12.720788703600052</c:v>
                </c:pt>
                <c:pt idx="739">
                  <c:v>12.654381513011581</c:v>
                </c:pt>
                <c:pt idx="740">
                  <c:v>12.539357914196827</c:v>
                </c:pt>
                <c:pt idx="741">
                  <c:v>12.364739003643047</c:v>
                </c:pt>
                <c:pt idx="742">
                  <c:v>12.326664617275073</c:v>
                </c:pt>
                <c:pt idx="743">
                  <c:v>12.357080929469708</c:v>
                </c:pt>
                <c:pt idx="744">
                  <c:v>12.354127793460572</c:v>
                </c:pt>
                <c:pt idx="745">
                  <c:v>12.31504829243544</c:v>
                </c:pt>
                <c:pt idx="746">
                  <c:v>12.392466273186471</c:v>
                </c:pt>
                <c:pt idx="747">
                  <c:v>12.324337729326572</c:v>
                </c:pt>
                <c:pt idx="748">
                  <c:v>11.930694145371783</c:v>
                </c:pt>
                <c:pt idx="749">
                  <c:v>11.656082823865171</c:v>
                </c:pt>
                <c:pt idx="750">
                  <c:v>11.424756247817873</c:v>
                </c:pt>
                <c:pt idx="751">
                  <c:v>11.572527609022989</c:v>
                </c:pt>
                <c:pt idx="752">
                  <c:v>11.505706282447179</c:v>
                </c:pt>
                <c:pt idx="753">
                  <c:v>11.766727600284064</c:v>
                </c:pt>
                <c:pt idx="754">
                  <c:v>11.94617973747639</c:v>
                </c:pt>
                <c:pt idx="755">
                  <c:v>12.031394146210941</c:v>
                </c:pt>
                <c:pt idx="756">
                  <c:v>12.334081049226683</c:v>
                </c:pt>
                <c:pt idx="757">
                  <c:v>12.745623105428095</c:v>
                </c:pt>
                <c:pt idx="758">
                  <c:v>12.851119963027713</c:v>
                </c:pt>
                <c:pt idx="759">
                  <c:v>12.805313704628217</c:v>
                </c:pt>
                <c:pt idx="760">
                  <c:v>12.845348332492335</c:v>
                </c:pt>
                <c:pt idx="761">
                  <c:v>12.922209819804342</c:v>
                </c:pt>
                <c:pt idx="762">
                  <c:v>13.326949611046615</c:v>
                </c:pt>
                <c:pt idx="763">
                  <c:v>13.688547886831856</c:v>
                </c:pt>
                <c:pt idx="764">
                  <c:v>13.830247038437614</c:v>
                </c:pt>
                <c:pt idx="765">
                  <c:v>13.957671957451595</c:v>
                </c:pt>
                <c:pt idx="766">
                  <c:v>14.159035680924745</c:v>
                </c:pt>
                <c:pt idx="767">
                  <c:v>13.945908656819505</c:v>
                </c:pt>
                <c:pt idx="768">
                  <c:v>14.009004670259083</c:v>
                </c:pt>
                <c:pt idx="769">
                  <c:v>13.96987990820474</c:v>
                </c:pt>
                <c:pt idx="770">
                  <c:v>14.340592873502935</c:v>
                </c:pt>
                <c:pt idx="771">
                  <c:v>14.760281682543621</c:v>
                </c:pt>
                <c:pt idx="772">
                  <c:v>14.731187255731358</c:v>
                </c:pt>
                <c:pt idx="773">
                  <c:v>14.506825653062814</c:v>
                </c:pt>
                <c:pt idx="774">
                  <c:v>14.525472309615145</c:v>
                </c:pt>
                <c:pt idx="775">
                  <c:v>14.705383507375522</c:v>
                </c:pt>
                <c:pt idx="776">
                  <c:v>14.638548340424117</c:v>
                </c:pt>
                <c:pt idx="777">
                  <c:v>14.33049669489097</c:v>
                </c:pt>
                <c:pt idx="778">
                  <c:v>14.057029961232056</c:v>
                </c:pt>
                <c:pt idx="779">
                  <c:v>13.836240159881351</c:v>
                </c:pt>
                <c:pt idx="780">
                  <c:v>13.639518357199156</c:v>
                </c:pt>
                <c:pt idx="781">
                  <c:v>13.493564947731231</c:v>
                </c:pt>
                <c:pt idx="782">
                  <c:v>13.580287974334276</c:v>
                </c:pt>
                <c:pt idx="783">
                  <c:v>13.335577027733834</c:v>
                </c:pt>
                <c:pt idx="784">
                  <c:v>13.570023507531284</c:v>
                </c:pt>
                <c:pt idx="785">
                  <c:v>13.699277655188729</c:v>
                </c:pt>
                <c:pt idx="786">
                  <c:v>13.738456832478372</c:v>
                </c:pt>
                <c:pt idx="787">
                  <c:v>13.767239351252599</c:v>
                </c:pt>
                <c:pt idx="788">
                  <c:v>13.616167561128615</c:v>
                </c:pt>
                <c:pt idx="789">
                  <c:v>13.638338750993256</c:v>
                </c:pt>
                <c:pt idx="790">
                  <c:v>14.201331592982692</c:v>
                </c:pt>
                <c:pt idx="791">
                  <c:v>14.902613796001688</c:v>
                </c:pt>
                <c:pt idx="792">
                  <c:v>15.42195347590293</c:v>
                </c:pt>
                <c:pt idx="793">
                  <c:v>15.682133652089439</c:v>
                </c:pt>
                <c:pt idx="794">
                  <c:v>15.81448631214216</c:v>
                </c:pt>
                <c:pt idx="795">
                  <c:v>15.820592758954064</c:v>
                </c:pt>
                <c:pt idx="796">
                  <c:v>15.74334675265316</c:v>
                </c:pt>
                <c:pt idx="797">
                  <c:v>15.767182879627507</c:v>
                </c:pt>
                <c:pt idx="798">
                  <c:v>15.663679315861032</c:v>
                </c:pt>
                <c:pt idx="799">
                  <c:v>15.778127579745055</c:v>
                </c:pt>
                <c:pt idx="800">
                  <c:v>15.816821668951187</c:v>
                </c:pt>
                <c:pt idx="801">
                  <c:v>15.476563756366758</c:v>
                </c:pt>
                <c:pt idx="802">
                  <c:v>15.437061394670664</c:v>
                </c:pt>
                <c:pt idx="803">
                  <c:v>15.172169477725078</c:v>
                </c:pt>
                <c:pt idx="804">
                  <c:v>14.853282593001367</c:v>
                </c:pt>
                <c:pt idx="805">
                  <c:v>15.176883894772297</c:v>
                </c:pt>
                <c:pt idx="806">
                  <c:v>14.404023282253638</c:v>
                </c:pt>
                <c:pt idx="807">
                  <c:v>14.3968759892443</c:v>
                </c:pt>
                <c:pt idx="808">
                  <c:v>14.41869710377666</c:v>
                </c:pt>
                <c:pt idx="809">
                  <c:v>14.514411092214255</c:v>
                </c:pt>
                <c:pt idx="810">
                  <c:v>14.771547788532445</c:v>
                </c:pt>
                <c:pt idx="811">
                  <c:v>14.797137080913041</c:v>
                </c:pt>
                <c:pt idx="812">
                  <c:v>14.807313797610746</c:v>
                </c:pt>
                <c:pt idx="813">
                  <c:v>14.942163347916102</c:v>
                </c:pt>
                <c:pt idx="814">
                  <c:v>15.043267290516672</c:v>
                </c:pt>
                <c:pt idx="815">
                  <c:v>15.090523592178544</c:v>
                </c:pt>
                <c:pt idx="816">
                  <c:v>15.386484149206202</c:v>
                </c:pt>
                <c:pt idx="817">
                  <c:v>15.543486350202336</c:v>
                </c:pt>
                <c:pt idx="818">
                  <c:v>15.402705528659817</c:v>
                </c:pt>
                <c:pt idx="819">
                  <c:v>15.149003563773894</c:v>
                </c:pt>
                <c:pt idx="820">
                  <c:v>15.354838023481284</c:v>
                </c:pt>
                <c:pt idx="821">
                  <c:v>15.752651498515151</c:v>
                </c:pt>
                <c:pt idx="822">
                  <c:v>15.829354651768016</c:v>
                </c:pt>
                <c:pt idx="823">
                  <c:v>15.760279858944051</c:v>
                </c:pt>
                <c:pt idx="824">
                  <c:v>15.510599648009547</c:v>
                </c:pt>
                <c:pt idx="825">
                  <c:v>15.448190978060223</c:v>
                </c:pt>
                <c:pt idx="826">
                  <c:v>15.350287630496553</c:v>
                </c:pt>
                <c:pt idx="827">
                  <c:v>15.338291750638041</c:v>
                </c:pt>
                <c:pt idx="828">
                  <c:v>15.164004831572683</c:v>
                </c:pt>
                <c:pt idx="829">
                  <c:v>14.872109225911425</c:v>
                </c:pt>
                <c:pt idx="830">
                  <c:v>14.81281340505627</c:v>
                </c:pt>
                <c:pt idx="831">
                  <c:v>14.755299804260204</c:v>
                </c:pt>
                <c:pt idx="832">
                  <c:v>14.814838601664386</c:v>
                </c:pt>
                <c:pt idx="833">
                  <c:v>14.976193051977882</c:v>
                </c:pt>
                <c:pt idx="834">
                  <c:v>14.940219357112241</c:v>
                </c:pt>
                <c:pt idx="835">
                  <c:v>14.817895761159207</c:v>
                </c:pt>
                <c:pt idx="836">
                  <c:v>14.888160613121423</c:v>
                </c:pt>
                <c:pt idx="837">
                  <c:v>15.069453642406486</c:v>
                </c:pt>
                <c:pt idx="838">
                  <c:v>15.426706130474178</c:v>
                </c:pt>
                <c:pt idx="839">
                  <c:v>15.71049707735313</c:v>
                </c:pt>
                <c:pt idx="840">
                  <c:v>15.952006574693144</c:v>
                </c:pt>
                <c:pt idx="841">
                  <c:v>16.113288203437595</c:v>
                </c:pt>
                <c:pt idx="842">
                  <c:v>16.20735941380288</c:v>
                </c:pt>
                <c:pt idx="843">
                  <c:v>16.412905936268636</c:v>
                </c:pt>
                <c:pt idx="844">
                  <c:v>16.802637374311029</c:v>
                </c:pt>
                <c:pt idx="845">
                  <c:v>17.001967477362815</c:v>
                </c:pt>
                <c:pt idx="846">
                  <c:v>17.000971191844084</c:v>
                </c:pt>
                <c:pt idx="847">
                  <c:v>16.971620820467002</c:v>
                </c:pt>
                <c:pt idx="848">
                  <c:v>17.070738035479124</c:v>
                </c:pt>
                <c:pt idx="849">
                  <c:v>17.258249210628342</c:v>
                </c:pt>
                <c:pt idx="850">
                  <c:v>17.415650504982342</c:v>
                </c:pt>
                <c:pt idx="851">
                  <c:v>17.664031247832529</c:v>
                </c:pt>
                <c:pt idx="852">
                  <c:v>17.678238249311107</c:v>
                </c:pt>
                <c:pt idx="853">
                  <c:v>17.565009588729549</c:v>
                </c:pt>
                <c:pt idx="854">
                  <c:v>17.424735723565448</c:v>
                </c:pt>
                <c:pt idx="855">
                  <c:v>17.479819429609822</c:v>
                </c:pt>
                <c:pt idx="856">
                  <c:v>17.455671002142168</c:v>
                </c:pt>
                <c:pt idx="857">
                  <c:v>17.759952672026575</c:v>
                </c:pt>
                <c:pt idx="858">
                  <c:v>17.84268252287087</c:v>
                </c:pt>
                <c:pt idx="859">
                  <c:v>17.54996264776841</c:v>
                </c:pt>
                <c:pt idx="860">
                  <c:v>17.050160386505194</c:v>
                </c:pt>
                <c:pt idx="861">
                  <c:v>16.749223009256962</c:v>
                </c:pt>
                <c:pt idx="862">
                  <c:v>16.678901501059652</c:v>
                </c:pt>
                <c:pt idx="863">
                  <c:v>16.544633572742331</c:v>
                </c:pt>
                <c:pt idx="864">
                  <c:v>16.353874354303041</c:v>
                </c:pt>
                <c:pt idx="865">
                  <c:v>16.276988568024496</c:v>
                </c:pt>
                <c:pt idx="866">
                  <c:v>15.859706921188973</c:v>
                </c:pt>
                <c:pt idx="867">
                  <c:v>16.037163160675558</c:v>
                </c:pt>
                <c:pt idx="868">
                  <c:v>16.07034847169545</c:v>
                </c:pt>
                <c:pt idx="869">
                  <c:v>16.366531394804987</c:v>
                </c:pt>
                <c:pt idx="870">
                  <c:v>16.130859136071368</c:v>
                </c:pt>
                <c:pt idx="871">
                  <c:v>16.201563820007234</c:v>
                </c:pt>
                <c:pt idx="872">
                  <c:v>16.607274742081277</c:v>
                </c:pt>
                <c:pt idx="873">
                  <c:v>16.928267797369475</c:v>
                </c:pt>
                <c:pt idx="874">
                  <c:v>16.562299201239949</c:v>
                </c:pt>
                <c:pt idx="875">
                  <c:v>16.802469793388983</c:v>
                </c:pt>
                <c:pt idx="876">
                  <c:v>17.114521470786507</c:v>
                </c:pt>
                <c:pt idx="877">
                  <c:v>17.048436960267082</c:v>
                </c:pt>
                <c:pt idx="878">
                  <c:v>16.728638084961428</c:v>
                </c:pt>
                <c:pt idx="879">
                  <c:v>16.268536377368097</c:v>
                </c:pt>
                <c:pt idx="880">
                  <c:v>16.286159900924989</c:v>
                </c:pt>
                <c:pt idx="881">
                  <c:v>16.119601588228761</c:v>
                </c:pt>
                <c:pt idx="882">
                  <c:v>16.040039190042471</c:v>
                </c:pt>
                <c:pt idx="883">
                  <c:v>16.100587575780519</c:v>
                </c:pt>
                <c:pt idx="884">
                  <c:v>16.129715364052842</c:v>
                </c:pt>
                <c:pt idx="885">
                  <c:v>15.70806184878402</c:v>
                </c:pt>
                <c:pt idx="886">
                  <c:v>15.751154771440975</c:v>
                </c:pt>
                <c:pt idx="887">
                  <c:v>16.871309890901447</c:v>
                </c:pt>
                <c:pt idx="888">
                  <c:v>16.579717883284111</c:v>
                </c:pt>
                <c:pt idx="889">
                  <c:v>16.439039536861586</c:v>
                </c:pt>
                <c:pt idx="890">
                  <c:v>16.383738749284003</c:v>
                </c:pt>
                <c:pt idx="891">
                  <c:v>16.785599297545932</c:v>
                </c:pt>
                <c:pt idx="892">
                  <c:v>17.034943455080253</c:v>
                </c:pt>
                <c:pt idx="893">
                  <c:v>17.34935545207054</c:v>
                </c:pt>
                <c:pt idx="894">
                  <c:v>16.905791497446728</c:v>
                </c:pt>
                <c:pt idx="895">
                  <c:v>16.089267047533237</c:v>
                </c:pt>
                <c:pt idx="896">
                  <c:v>15.908465177494202</c:v>
                </c:pt>
                <c:pt idx="897">
                  <c:v>16.718329003492723</c:v>
                </c:pt>
                <c:pt idx="898">
                  <c:v>16.977081250768816</c:v>
                </c:pt>
                <c:pt idx="899">
                  <c:v>20.837639626838865</c:v>
                </c:pt>
                <c:pt idx="900">
                  <c:v>21.011215787221047</c:v>
                </c:pt>
                <c:pt idx="901">
                  <c:v>22.917392831925099</c:v>
                </c:pt>
                <c:pt idx="902">
                  <c:v>25.376879411455089</c:v>
                </c:pt>
                <c:pt idx="903">
                  <c:v>26.055504042376526</c:v>
                </c:pt>
                <c:pt idx="904">
                  <c:v>19.363014795043146</c:v>
                </c:pt>
                <c:pt idx="905">
                  <c:v>17.482153195122248</c:v>
                </c:pt>
                <c:pt idx="906">
                  <c:v>17.923336793145854</c:v>
                </c:pt>
                <c:pt idx="907">
                  <c:v>16.109907519597403</c:v>
                </c:pt>
                <c:pt idx="908">
                  <c:v>16.05807366518874</c:v>
                </c:pt>
                <c:pt idx="909">
                  <c:v>16.157341100051102</c:v>
                </c:pt>
                <c:pt idx="910">
                  <c:v>16.818304408432692</c:v>
                </c:pt>
                <c:pt idx="911">
                  <c:v>16.79209708435766</c:v>
                </c:pt>
                <c:pt idx="912">
                  <c:v>17.879912091725604</c:v>
                </c:pt>
                <c:pt idx="913">
                  <c:v>17.039343472776981</c:v>
                </c:pt>
                <c:pt idx="914">
                  <c:v>17.054332791887457</c:v>
                </c:pt>
                <c:pt idx="915">
                  <c:v>16.715932834995883</c:v>
                </c:pt>
                <c:pt idx="916">
                  <c:v>17.287916599781365</c:v>
                </c:pt>
                <c:pt idx="917">
                  <c:v>18.259560259653046</c:v>
                </c:pt>
                <c:pt idx="918">
                  <c:v>18.032593910999196</c:v>
                </c:pt>
                <c:pt idx="919">
                  <c:v>17.543234215124006</c:v>
                </c:pt>
                <c:pt idx="920">
                  <c:v>17.756630784167523</c:v>
                </c:pt>
                <c:pt idx="921">
                  <c:v>17.988018391545793</c:v>
                </c:pt>
                <c:pt idx="922">
                  <c:v>18.531250964001618</c:v>
                </c:pt>
                <c:pt idx="923">
                  <c:v>19.060026141453339</c:v>
                </c:pt>
                <c:pt idx="924">
                  <c:v>20.384499287214691</c:v>
                </c:pt>
                <c:pt idx="925">
                  <c:v>20.531438448485037</c:v>
                </c:pt>
                <c:pt idx="926">
                  <c:v>20.064322644814641</c:v>
                </c:pt>
                <c:pt idx="927">
                  <c:v>19.458863145714997</c:v>
                </c:pt>
                <c:pt idx="928">
                  <c:v>18.757833026312696</c:v>
                </c:pt>
                <c:pt idx="929">
                  <c:v>18.236682557100337</c:v>
                </c:pt>
                <c:pt idx="930">
                  <c:v>17.628095012202643</c:v>
                </c:pt>
                <c:pt idx="931">
                  <c:v>17.189966583131913</c:v>
                </c:pt>
                <c:pt idx="932">
                  <c:v>17.284215530381069</c:v>
                </c:pt>
                <c:pt idx="933">
                  <c:v>17.404139543525023</c:v>
                </c:pt>
                <c:pt idx="934">
                  <c:v>17.538748032004968</c:v>
                </c:pt>
                <c:pt idx="935">
                  <c:v>17.561829900411556</c:v>
                </c:pt>
                <c:pt idx="936">
                  <c:v>17.836735212786035</c:v>
                </c:pt>
                <c:pt idx="937">
                  <c:v>18.151127151422564</c:v>
                </c:pt>
                <c:pt idx="938">
                  <c:v>18.143592434189141</c:v>
                </c:pt>
                <c:pt idx="939">
                  <c:v>18.157905388186549</c:v>
                </c:pt>
                <c:pt idx="940">
                  <c:v>17.658723240241905</c:v>
                </c:pt>
                <c:pt idx="941">
                  <c:v>17.39646617180264</c:v>
                </c:pt>
                <c:pt idx="942">
                  <c:v>17.390215840866823</c:v>
                </c:pt>
                <c:pt idx="943">
                  <c:v>17.729388865097665</c:v>
                </c:pt>
                <c:pt idx="944">
                  <c:v>18.198133766499886</c:v>
                </c:pt>
                <c:pt idx="945">
                  <c:v>17.790809563554749</c:v>
                </c:pt>
                <c:pt idx="946">
                  <c:v>17.460058513938232</c:v>
                </c:pt>
                <c:pt idx="947">
                  <c:v>17.409818217606432</c:v>
                </c:pt>
                <c:pt idx="948">
                  <c:v>17.602169894931453</c:v>
                </c:pt>
                <c:pt idx="949">
                  <c:v>18.005497629979718</c:v>
                </c:pt>
                <c:pt idx="950">
                  <c:v>17.917612720820568</c:v>
                </c:pt>
                <c:pt idx="951">
                  <c:v>17.615290213592498</c:v>
                </c:pt>
                <c:pt idx="952">
                  <c:v>17.756552482104059</c:v>
                </c:pt>
                <c:pt idx="953">
                  <c:v>17.117078836876633</c:v>
                </c:pt>
                <c:pt idx="954">
                  <c:v>15.970026792689547</c:v>
                </c:pt>
                <c:pt idx="955">
                  <c:v>15.596157980429107</c:v>
                </c:pt>
                <c:pt idx="956">
                  <c:v>14.995732457892226</c:v>
                </c:pt>
                <c:pt idx="957">
                  <c:v>14.914041414306148</c:v>
                </c:pt>
                <c:pt idx="958">
                  <c:v>14.808520229419578</c:v>
                </c:pt>
                <c:pt idx="959">
                  <c:v>15.039901014918229</c:v>
                </c:pt>
                <c:pt idx="960">
                  <c:v>15.491795813390617</c:v>
                </c:pt>
                <c:pt idx="961">
                  <c:v>16.456637435632917</c:v>
                </c:pt>
                <c:pt idx="962">
                  <c:v>17.342981208914029</c:v>
                </c:pt>
                <c:pt idx="963">
                  <c:v>18.028620381960177</c:v>
                </c:pt>
                <c:pt idx="964">
                  <c:v>18.19311484392848</c:v>
                </c:pt>
                <c:pt idx="965">
                  <c:v>17.974005630358302</c:v>
                </c:pt>
                <c:pt idx="966">
                  <c:v>17.817602350292344</c:v>
                </c:pt>
                <c:pt idx="967">
                  <c:v>17.252647474734061</c:v>
                </c:pt>
                <c:pt idx="968">
                  <c:v>17.231160821465199</c:v>
                </c:pt>
                <c:pt idx="969">
                  <c:v>16.964799786011081</c:v>
                </c:pt>
                <c:pt idx="970">
                  <c:v>17.102271309446362</c:v>
                </c:pt>
                <c:pt idx="971">
                  <c:v>16.512998904446558</c:v>
                </c:pt>
                <c:pt idx="972">
                  <c:v>15.937585178550124</c:v>
                </c:pt>
                <c:pt idx="973">
                  <c:v>15.625948831715535</c:v>
                </c:pt>
                <c:pt idx="974">
                  <c:v>15.36260115130392</c:v>
                </c:pt>
                <c:pt idx="975">
                  <c:v>15.030439534241589</c:v>
                </c:pt>
                <c:pt idx="976">
                  <c:v>15.086895373381884</c:v>
                </c:pt>
                <c:pt idx="977">
                  <c:v>15.343737151281283</c:v>
                </c:pt>
                <c:pt idx="978">
                  <c:v>15.440074429974898</c:v>
                </c:pt>
                <c:pt idx="979">
                  <c:v>15.239364342044851</c:v>
                </c:pt>
                <c:pt idx="980">
                  <c:v>15.347403538243034</c:v>
                </c:pt>
                <c:pt idx="981">
                  <c:v>15.668766062547894</c:v>
                </c:pt>
                <c:pt idx="982">
                  <c:v>15.910278725406409</c:v>
                </c:pt>
                <c:pt idx="983">
                  <c:v>16.199280543375149</c:v>
                </c:pt>
                <c:pt idx="984">
                  <c:v>16.466412931963202</c:v>
                </c:pt>
                <c:pt idx="985">
                  <c:v>16.585010680974964</c:v>
                </c:pt>
                <c:pt idx="986">
                  <c:v>16.520076844549486</c:v>
                </c:pt>
                <c:pt idx="987">
                  <c:v>16.541191256416099</c:v>
                </c:pt>
                <c:pt idx="988">
                  <c:v>16.661762852659574</c:v>
                </c:pt>
                <c:pt idx="989">
                  <c:v>16.620958773899986</c:v>
                </c:pt>
                <c:pt idx="990">
                  <c:v>16.38252679970395</c:v>
                </c:pt>
                <c:pt idx="991">
                  <c:v>16.368403017232961</c:v>
                </c:pt>
                <c:pt idx="992">
                  <c:v>16.581414648520127</c:v>
                </c:pt>
                <c:pt idx="993">
                  <c:v>16.679259564167371</c:v>
                </c:pt>
                <c:pt idx="994">
                  <c:v>16.584222023530824</c:v>
                </c:pt>
                <c:pt idx="995">
                  <c:v>16.635882337930081</c:v>
                </c:pt>
                <c:pt idx="996">
                  <c:v>17.081518440294662</c:v>
                </c:pt>
                <c:pt idx="997">
                  <c:v>17.362346462619378</c:v>
                </c:pt>
                <c:pt idx="998">
                  <c:v>17.448915687157676</c:v>
                </c:pt>
                <c:pt idx="999">
                  <c:v>17.782264614690476</c:v>
                </c:pt>
                <c:pt idx="1000">
                  <c:v>18.102347418595222</c:v>
                </c:pt>
                <c:pt idx="1001">
                  <c:v>18.205532881427132</c:v>
                </c:pt>
                <c:pt idx="1002">
                  <c:v>18.218123738804127</c:v>
                </c:pt>
                <c:pt idx="1003">
                  <c:v>18.437534904253479</c:v>
                </c:pt>
                <c:pt idx="1004">
                  <c:v>18.245170935300536</c:v>
                </c:pt>
                <c:pt idx="1005">
                  <c:v>17.981248352968748</c:v>
                </c:pt>
                <c:pt idx="1006">
                  <c:v>17.484565183332702</c:v>
                </c:pt>
                <c:pt idx="1007">
                  <c:v>17.191942895891021</c:v>
                </c:pt>
                <c:pt idx="1008">
                  <c:v>17.172299566412541</c:v>
                </c:pt>
                <c:pt idx="1009">
                  <c:v>17.472079032551033</c:v>
                </c:pt>
                <c:pt idx="1010">
                  <c:v>17.40122630115086</c:v>
                </c:pt>
                <c:pt idx="1011">
                  <c:v>17.427722915301601</c:v>
                </c:pt>
                <c:pt idx="1012">
                  <c:v>17.714016256797855</c:v>
                </c:pt>
                <c:pt idx="1013">
                  <c:v>17.853865415977296</c:v>
                </c:pt>
                <c:pt idx="1014">
                  <c:v>17.826095244758058</c:v>
                </c:pt>
                <c:pt idx="1015">
                  <c:v>17.576789857769935</c:v>
                </c:pt>
                <c:pt idx="1016">
                  <c:v>17.149656807132086</c:v>
                </c:pt>
                <c:pt idx="1017">
                  <c:v>16.809401774519252</c:v>
                </c:pt>
                <c:pt idx="1018">
                  <c:v>16.466908195715423</c:v>
                </c:pt>
                <c:pt idx="1019">
                  <c:v>16.063416893883073</c:v>
                </c:pt>
                <c:pt idx="1020">
                  <c:v>15.682447125798797</c:v>
                </c:pt>
                <c:pt idx="1021">
                  <c:v>15.504889937438476</c:v>
                </c:pt>
                <c:pt idx="1022">
                  <c:v>15.260297599728856</c:v>
                </c:pt>
                <c:pt idx="1023">
                  <c:v>15.105227793788304</c:v>
                </c:pt>
                <c:pt idx="1024">
                  <c:v>14.886883420469013</c:v>
                </c:pt>
                <c:pt idx="1025">
                  <c:v>14.91011973161922</c:v>
                </c:pt>
                <c:pt idx="1026">
                  <c:v>15.004555354668033</c:v>
                </c:pt>
                <c:pt idx="1027">
                  <c:v>15.215926911297698</c:v>
                </c:pt>
                <c:pt idx="1028">
                  <c:v>15.477115005142025</c:v>
                </c:pt>
                <c:pt idx="1029">
                  <c:v>15.65794754038081</c:v>
                </c:pt>
                <c:pt idx="1030">
                  <c:v>15.762660621686869</c:v>
                </c:pt>
                <c:pt idx="1031">
                  <c:v>15.76997808623724</c:v>
                </c:pt>
                <c:pt idx="1032">
                  <c:v>15.836817960571429</c:v>
                </c:pt>
                <c:pt idx="1033">
                  <c:v>16.019856279852402</c:v>
                </c:pt>
                <c:pt idx="1034">
                  <c:v>15.902184862007344</c:v>
                </c:pt>
                <c:pt idx="1035">
                  <c:v>15.878676415526755</c:v>
                </c:pt>
                <c:pt idx="1036">
                  <c:v>16.182740117567469</c:v>
                </c:pt>
                <c:pt idx="1037">
                  <c:v>16.282674834591251</c:v>
                </c:pt>
                <c:pt idx="1038">
                  <c:v>16.723528482642823</c:v>
                </c:pt>
                <c:pt idx="1039">
                  <c:v>17.004497659439679</c:v>
                </c:pt>
                <c:pt idx="1040">
                  <c:v>17.082591910264558</c:v>
                </c:pt>
                <c:pt idx="1041">
                  <c:v>17.072735331181196</c:v>
                </c:pt>
                <c:pt idx="1042">
                  <c:v>16.684720127932732</c:v>
                </c:pt>
                <c:pt idx="1043">
                  <c:v>16.516439357304428</c:v>
                </c:pt>
                <c:pt idx="1044">
                  <c:v>16.657209208934223</c:v>
                </c:pt>
                <c:pt idx="1045">
                  <c:v>17.176636291023573</c:v>
                </c:pt>
                <c:pt idx="1046">
                  <c:v>17.688286736329594</c:v>
                </c:pt>
                <c:pt idx="1047">
                  <c:v>18.299758798940715</c:v>
                </c:pt>
                <c:pt idx="1048">
                  <c:v>18.903403334809529</c:v>
                </c:pt>
                <c:pt idx="1049">
                  <c:v>20.336262923511665</c:v>
                </c:pt>
                <c:pt idx="1050">
                  <c:v>22.16072442518804</c:v>
                </c:pt>
                <c:pt idx="1051">
                  <c:v>23.04819090971057</c:v>
                </c:pt>
                <c:pt idx="1052">
                  <c:v>23.666004989757948</c:v>
                </c:pt>
                <c:pt idx="1053">
                  <c:v>24.400415648711839</c:v>
                </c:pt>
                <c:pt idx="1054">
                  <c:v>24.65406503194896</c:v>
                </c:pt>
                <c:pt idx="1055">
                  <c:v>23.059165428978009</c:v>
                </c:pt>
                <c:pt idx="1056">
                  <c:v>22.541000256334907</c:v>
                </c:pt>
                <c:pt idx="1057">
                  <c:v>21.979825978869766</c:v>
                </c:pt>
                <c:pt idx="1058">
                  <c:v>21.603616663812506</c:v>
                </c:pt>
                <c:pt idx="1059">
                  <c:v>21.48069860203961</c:v>
                </c:pt>
                <c:pt idx="1060">
                  <c:v>22.589283915832578</c:v>
                </c:pt>
                <c:pt idx="1061">
                  <c:v>23.567907234157598</c:v>
                </c:pt>
                <c:pt idx="1062">
                  <c:v>24.469370281967045</c:v>
                </c:pt>
                <c:pt idx="1063">
                  <c:v>23.520711385337933</c:v>
                </c:pt>
                <c:pt idx="1064">
                  <c:v>23.011165714693032</c:v>
                </c:pt>
                <c:pt idx="1065">
                  <c:v>22.83497442342609</c:v>
                </c:pt>
                <c:pt idx="1066">
                  <c:v>21.607082455915332</c:v>
                </c:pt>
                <c:pt idx="1067">
                  <c:v>21.452764803291284</c:v>
                </c:pt>
                <c:pt idx="1068">
                  <c:v>22.216013915310821</c:v>
                </c:pt>
                <c:pt idx="1069">
                  <c:v>24.858390222136933</c:v>
                </c:pt>
                <c:pt idx="1070">
                  <c:v>26.678822151750875</c:v>
                </c:pt>
                <c:pt idx="1071">
                  <c:v>28.816511580546024</c:v>
                </c:pt>
                <c:pt idx="1072">
                  <c:v>30.207663922812497</c:v>
                </c:pt>
                <c:pt idx="1073">
                  <c:v>30.477250350827234</c:v>
                </c:pt>
                <c:pt idx="1074">
                  <c:v>27.315662883634133</c:v>
                </c:pt>
                <c:pt idx="1075">
                  <c:v>22.923544560686967</c:v>
                </c:pt>
                <c:pt idx="1076">
                  <c:v>21.452442898547933</c:v>
                </c:pt>
                <c:pt idx="1077">
                  <c:v>20.90018996316315</c:v>
                </c:pt>
                <c:pt idx="1078">
                  <c:v>21.065735085951275</c:v>
                </c:pt>
                <c:pt idx="1079">
                  <c:v>21.161161686033207</c:v>
                </c:pt>
                <c:pt idx="1080">
                  <c:v>21.38081381685144</c:v>
                </c:pt>
                <c:pt idx="1081">
                  <c:v>21.64434702925762</c:v>
                </c:pt>
                <c:pt idx="1082">
                  <c:v>21.956181872423077</c:v>
                </c:pt>
                <c:pt idx="1083">
                  <c:v>22.111954931407855</c:v>
                </c:pt>
                <c:pt idx="1084">
                  <c:v>22.503054594893374</c:v>
                </c:pt>
                <c:pt idx="1085">
                  <c:v>22.864746676021941</c:v>
                </c:pt>
                <c:pt idx="1086">
                  <c:v>22.661982686622036</c:v>
                </c:pt>
                <c:pt idx="1087">
                  <c:v>22.682491346837036</c:v>
                </c:pt>
                <c:pt idx="1088">
                  <c:v>22.680698188055533</c:v>
                </c:pt>
                <c:pt idx="1089">
                  <c:v>22.616643789452599</c:v>
                </c:pt>
                <c:pt idx="1090">
                  <c:v>22.642092992805882</c:v>
                </c:pt>
                <c:pt idx="1091">
                  <c:v>22.530386992901196</c:v>
                </c:pt>
                <c:pt idx="1092">
                  <c:v>22.382511292153712</c:v>
                </c:pt>
                <c:pt idx="1093">
                  <c:v>22.022017700726376</c:v>
                </c:pt>
                <c:pt idx="1094">
                  <c:v>21.88899418073629</c:v>
                </c:pt>
                <c:pt idx="1095">
                  <c:v>21.583846881948162</c:v>
                </c:pt>
                <c:pt idx="1096">
                  <c:v>20.959149009228707</c:v>
                </c:pt>
                <c:pt idx="1097">
                  <c:v>20.318959018557209</c:v>
                </c:pt>
                <c:pt idx="1098">
                  <c:v>19.748809540736065</c:v>
                </c:pt>
                <c:pt idx="1099">
                  <c:v>19.57791403371392</c:v>
                </c:pt>
                <c:pt idx="1100">
                  <c:v>19.478875042731875</c:v>
                </c:pt>
                <c:pt idx="1101">
                  <c:v>19.051914768463273</c:v>
                </c:pt>
                <c:pt idx="1102">
                  <c:v>18.595729890495246</c:v>
                </c:pt>
                <c:pt idx="1103">
                  <c:v>18.783301601453715</c:v>
                </c:pt>
                <c:pt idx="1104">
                  <c:v>18.814847070893297</c:v>
                </c:pt>
                <c:pt idx="1105">
                  <c:v>18.720736843209931</c:v>
                </c:pt>
                <c:pt idx="1106">
                  <c:v>18.94614156889288</c:v>
                </c:pt>
                <c:pt idx="1107">
                  <c:v>19.27974384737465</c:v>
                </c:pt>
                <c:pt idx="1108">
                  <c:v>19.367467168684328</c:v>
                </c:pt>
                <c:pt idx="1109">
                  <c:v>19.212989986854506</c:v>
                </c:pt>
                <c:pt idx="1110">
                  <c:v>19.555385299770744</c:v>
                </c:pt>
                <c:pt idx="1111">
                  <c:v>20.161526102394941</c:v>
                </c:pt>
                <c:pt idx="1112">
                  <c:v>19.791396840597653</c:v>
                </c:pt>
                <c:pt idx="1113">
                  <c:v>19.519785390953729</c:v>
                </c:pt>
                <c:pt idx="1114">
                  <c:v>19.534292748395838</c:v>
                </c:pt>
                <c:pt idx="1115">
                  <c:v>19.422356817174158</c:v>
                </c:pt>
                <c:pt idx="1116">
                  <c:v>19.328811438215023</c:v>
                </c:pt>
                <c:pt idx="1117">
                  <c:v>19.527255942656115</c:v>
                </c:pt>
                <c:pt idx="1118">
                  <c:v>19.631066733763234</c:v>
                </c:pt>
                <c:pt idx="1119">
                  <c:v>19.626440612143096</c:v>
                </c:pt>
                <c:pt idx="1120">
                  <c:v>19.633314056594006</c:v>
                </c:pt>
                <c:pt idx="1121">
                  <c:v>19.204908529295448</c:v>
                </c:pt>
                <c:pt idx="1122">
                  <c:v>18.811680771465795</c:v>
                </c:pt>
                <c:pt idx="1123">
                  <c:v>18.872372273679492</c:v>
                </c:pt>
                <c:pt idx="1124">
                  <c:v>19.005594306039324</c:v>
                </c:pt>
                <c:pt idx="1125">
                  <c:v>18.933054890547886</c:v>
                </c:pt>
                <c:pt idx="1126">
                  <c:v>19.027780489118655</c:v>
                </c:pt>
                <c:pt idx="1127">
                  <c:v>19.279248298346079</c:v>
                </c:pt>
                <c:pt idx="1128">
                  <c:v>19.647973234846031</c:v>
                </c:pt>
                <c:pt idx="1129">
                  <c:v>19.983123651513964</c:v>
                </c:pt>
                <c:pt idx="1130">
                  <c:v>20.624999490165546</c:v>
                </c:pt>
                <c:pt idx="1131">
                  <c:v>21.417491734058284</c:v>
                </c:pt>
                <c:pt idx="1132">
                  <c:v>21.835114632400121</c:v>
                </c:pt>
                <c:pt idx="1133">
                  <c:v>22.161555122613979</c:v>
                </c:pt>
                <c:pt idx="1134">
                  <c:v>22.749615259716403</c:v>
                </c:pt>
                <c:pt idx="1135">
                  <c:v>23.074101836171707</c:v>
                </c:pt>
                <c:pt idx="1136">
                  <c:v>23.216427770129304</c:v>
                </c:pt>
                <c:pt idx="1137">
                  <c:v>23.196538113470066</c:v>
                </c:pt>
                <c:pt idx="1138">
                  <c:v>23.38819617104711</c:v>
                </c:pt>
                <c:pt idx="1139">
                  <c:v>23.587573247835568</c:v>
                </c:pt>
                <c:pt idx="1140">
                  <c:v>23.365296366573943</c:v>
                </c:pt>
                <c:pt idx="1141">
                  <c:v>23.227898308122999</c:v>
                </c:pt>
                <c:pt idx="1142">
                  <c:v>23.177697784239669</c:v>
                </c:pt>
                <c:pt idx="1143">
                  <c:v>23.126104326635531</c:v>
                </c:pt>
                <c:pt idx="1144">
                  <c:v>23.092073553942981</c:v>
                </c:pt>
                <c:pt idx="1145">
                  <c:v>22.748672655597932</c:v>
                </c:pt>
                <c:pt idx="1146">
                  <c:v>22.451944004111692</c:v>
                </c:pt>
                <c:pt idx="1147">
                  <c:v>22.257540966138084</c:v>
                </c:pt>
                <c:pt idx="1148">
                  <c:v>21.613260040643052</c:v>
                </c:pt>
                <c:pt idx="1149">
                  <c:v>21.489018158604761</c:v>
                </c:pt>
                <c:pt idx="1150">
                  <c:v>21.827068397021446</c:v>
                </c:pt>
                <c:pt idx="1151">
                  <c:v>21.878399067176975</c:v>
                </c:pt>
                <c:pt idx="1152">
                  <c:v>22.017580420444506</c:v>
                </c:pt>
                <c:pt idx="1153">
                  <c:v>22.045663698853105</c:v>
                </c:pt>
                <c:pt idx="1154">
                  <c:v>22.091094805603699</c:v>
                </c:pt>
                <c:pt idx="1155">
                  <c:v>22.090125684811266</c:v>
                </c:pt>
                <c:pt idx="1156">
                  <c:v>21.910201680625804</c:v>
                </c:pt>
                <c:pt idx="1157">
                  <c:v>21.758274884101805</c:v>
                </c:pt>
                <c:pt idx="1158">
                  <c:v>21.989669523136399</c:v>
                </c:pt>
                <c:pt idx="1159">
                  <c:v>22.337735042341127</c:v>
                </c:pt>
                <c:pt idx="1160">
                  <c:v>22.273885624664207</c:v>
                </c:pt>
                <c:pt idx="1161">
                  <c:v>21.875097464029722</c:v>
                </c:pt>
                <c:pt idx="1162">
                  <c:v>21.527794956265961</c:v>
                </c:pt>
                <c:pt idx="1163">
                  <c:v>21.244392959244603</c:v>
                </c:pt>
                <c:pt idx="1164">
                  <c:v>21.121915813541964</c:v>
                </c:pt>
                <c:pt idx="1165">
                  <c:v>21.119237820039881</c:v>
                </c:pt>
                <c:pt idx="1166">
                  <c:v>21.011626018450951</c:v>
                </c:pt>
                <c:pt idx="1167">
                  <c:v>20.867458051225505</c:v>
                </c:pt>
                <c:pt idx="1168">
                  <c:v>20.801265537495837</c:v>
                </c:pt>
                <c:pt idx="1169">
                  <c:v>20.752306466512767</c:v>
                </c:pt>
                <c:pt idx="1170">
                  <c:v>20.891284423601071</c:v>
                </c:pt>
                <c:pt idx="1171">
                  <c:v>21.181744647228886</c:v>
                </c:pt>
                <c:pt idx="1172">
                  <c:v>21.384804623537224</c:v>
                </c:pt>
                <c:pt idx="1173">
                  <c:v>21.488894769832644</c:v>
                </c:pt>
                <c:pt idx="1174">
                  <c:v>21.597472022168301</c:v>
                </c:pt>
                <c:pt idx="1175">
                  <c:v>21.444479681985516</c:v>
                </c:pt>
                <c:pt idx="1176">
                  <c:v>21.522984482373474</c:v>
                </c:pt>
                <c:pt idx="1177">
                  <c:v>21.878959334488481</c:v>
                </c:pt>
                <c:pt idx="1178">
                  <c:v>21.880488954417292</c:v>
                </c:pt>
                <c:pt idx="1179">
                  <c:v>22.053116375790513</c:v>
                </c:pt>
                <c:pt idx="1180">
                  <c:v>25.143463999862121</c:v>
                </c:pt>
                <c:pt idx="1181">
                  <c:v>26.572386091941837</c:v>
                </c:pt>
                <c:pt idx="1182">
                  <c:v>22.091991548455173</c:v>
                </c:pt>
                <c:pt idx="1183">
                  <c:v>21.24919903415201</c:v>
                </c:pt>
                <c:pt idx="1184">
                  <c:v>21.48987678560697</c:v>
                </c:pt>
                <c:pt idx="1185">
                  <c:v>21.672174181268293</c:v>
                </c:pt>
                <c:pt idx="1186">
                  <c:v>21.81324493603293</c:v>
                </c:pt>
                <c:pt idx="1187">
                  <c:v>21.865924341652782</c:v>
                </c:pt>
                <c:pt idx="1188">
                  <c:v>21.374469697217332</c:v>
                </c:pt>
                <c:pt idx="1189">
                  <c:v>21.394995919524245</c:v>
                </c:pt>
                <c:pt idx="1190">
                  <c:v>21.687147890092888</c:v>
                </c:pt>
                <c:pt idx="1191">
                  <c:v>22.040280175834855</c:v>
                </c:pt>
                <c:pt idx="1192">
                  <c:v>22.206785081809471</c:v>
                </c:pt>
                <c:pt idx="1193">
                  <c:v>22.589756087623169</c:v>
                </c:pt>
                <c:pt idx="1194">
                  <c:v>22.789633059875314</c:v>
                </c:pt>
                <c:pt idx="1195">
                  <c:v>22.585324884962898</c:v>
                </c:pt>
                <c:pt idx="1196">
                  <c:v>22.658674915181987</c:v>
                </c:pt>
                <c:pt idx="1197">
                  <c:v>22.910485227095744</c:v>
                </c:pt>
                <c:pt idx="1198">
                  <c:v>23.189578484669166</c:v>
                </c:pt>
                <c:pt idx="1199">
                  <c:v>23.489948543577412</c:v>
                </c:pt>
                <c:pt idx="1200">
                  <c:v>23.826566107343165</c:v>
                </c:pt>
                <c:pt idx="1201">
                  <c:v>24.038727343624505</c:v>
                </c:pt>
                <c:pt idx="1202">
                  <c:v>24.036431602908603</c:v>
                </c:pt>
                <c:pt idx="1203">
                  <c:v>24.177959700479018</c:v>
                </c:pt>
                <c:pt idx="1204">
                  <c:v>24.17814841660449</c:v>
                </c:pt>
                <c:pt idx="1205">
                  <c:v>24.063018010032863</c:v>
                </c:pt>
                <c:pt idx="1206">
                  <c:v>23.710367915535727</c:v>
                </c:pt>
                <c:pt idx="1207">
                  <c:v>23.617329189514482</c:v>
                </c:pt>
                <c:pt idx="1208">
                  <c:v>23.689967952419938</c:v>
                </c:pt>
                <c:pt idx="1209">
                  <c:v>24.122982937026467</c:v>
                </c:pt>
                <c:pt idx="1210">
                  <c:v>24.20300733452434</c:v>
                </c:pt>
                <c:pt idx="1211">
                  <c:v>24.187714336365037</c:v>
                </c:pt>
                <c:pt idx="1212">
                  <c:v>24.012975265907215</c:v>
                </c:pt>
                <c:pt idx="1213">
                  <c:v>23.74860830487475</c:v>
                </c:pt>
                <c:pt idx="1214">
                  <c:v>23.494262574168371</c:v>
                </c:pt>
                <c:pt idx="1215">
                  <c:v>23.374979366112683</c:v>
                </c:pt>
                <c:pt idx="1216">
                  <c:v>23.347147067442847</c:v>
                </c:pt>
                <c:pt idx="1217">
                  <c:v>23.470705111575217</c:v>
                </c:pt>
                <c:pt idx="1218">
                  <c:v>23.631344738502502</c:v>
                </c:pt>
                <c:pt idx="1219">
                  <c:v>23.636071064219987</c:v>
                </c:pt>
                <c:pt idx="1220">
                  <c:v>23.466584376076238</c:v>
                </c:pt>
                <c:pt idx="1221">
                  <c:v>23.365625082733441</c:v>
                </c:pt>
                <c:pt idx="1222">
                  <c:v>23.354577493515745</c:v>
                </c:pt>
                <c:pt idx="1223">
                  <c:v>23.359818910881511</c:v>
                </c:pt>
                <c:pt idx="1224">
                  <c:v>23.308657852041261</c:v>
                </c:pt>
                <c:pt idx="1225">
                  <c:v>23.147117698221127</c:v>
                </c:pt>
                <c:pt idx="1226">
                  <c:v>23.216476365283196</c:v>
                </c:pt>
                <c:pt idx="1227">
                  <c:v>23.201756814349512</c:v>
                </c:pt>
                <c:pt idx="1228">
                  <c:v>22.895410387894231</c:v>
                </c:pt>
                <c:pt idx="1229">
                  <c:v>22.834482824309408</c:v>
                </c:pt>
                <c:pt idx="1230">
                  <c:v>22.642924940638611</c:v>
                </c:pt>
                <c:pt idx="1231">
                  <c:v>22.569527647438765</c:v>
                </c:pt>
                <c:pt idx="1232">
                  <c:v>22.660892879672378</c:v>
                </c:pt>
                <c:pt idx="1233">
                  <c:v>22.658109619653491</c:v>
                </c:pt>
                <c:pt idx="1234">
                  <c:v>22.689270895841741</c:v>
                </c:pt>
                <c:pt idx="1235">
                  <c:v>22.583366460392948</c:v>
                </c:pt>
                <c:pt idx="1236">
                  <c:v>22.87104923952764</c:v>
                </c:pt>
                <c:pt idx="1237">
                  <c:v>22.698732864078977</c:v>
                </c:pt>
                <c:pt idx="1238">
                  <c:v>22.623008052637147</c:v>
                </c:pt>
                <c:pt idx="1239">
                  <c:v>22.420287479983745</c:v>
                </c:pt>
                <c:pt idx="1240">
                  <c:v>22.382943047726865</c:v>
                </c:pt>
                <c:pt idx="1241">
                  <c:v>22.209202652965573</c:v>
                </c:pt>
                <c:pt idx="1242">
                  <c:v>22.285234344029607</c:v>
                </c:pt>
                <c:pt idx="1243">
                  <c:v>22.526906510625498</c:v>
                </c:pt>
                <c:pt idx="1244">
                  <c:v>22.611546126483614</c:v>
                </c:pt>
                <c:pt idx="1245">
                  <c:v>22.480292483770835</c:v>
                </c:pt>
                <c:pt idx="1246">
                  <c:v>22.107770653294988</c:v>
                </c:pt>
                <c:pt idx="1247">
                  <c:v>21.869620911065727</c:v>
                </c:pt>
                <c:pt idx="1248">
                  <c:v>21.686687897126557</c:v>
                </c:pt>
                <c:pt idx="1249">
                  <c:v>21.803471293156559</c:v>
                </c:pt>
                <c:pt idx="1250">
                  <c:v>21.907221233327533</c:v>
                </c:pt>
                <c:pt idx="1251">
                  <c:v>22.062601107267451</c:v>
                </c:pt>
                <c:pt idx="1252">
                  <c:v>22.125492641381765</c:v>
                </c:pt>
                <c:pt idx="1253">
                  <c:v>22.427501423095077</c:v>
                </c:pt>
                <c:pt idx="1254">
                  <c:v>22.371659207493668</c:v>
                </c:pt>
                <c:pt idx="1255">
                  <c:v>22.349141524297224</c:v>
                </c:pt>
                <c:pt idx="1256">
                  <c:v>22.264924642843312</c:v>
                </c:pt>
                <c:pt idx="1257">
                  <c:v>22.547018549706412</c:v>
                </c:pt>
                <c:pt idx="1258">
                  <c:v>22.619861388875254</c:v>
                </c:pt>
                <c:pt idx="1259">
                  <c:v>22.776813916383443</c:v>
                </c:pt>
                <c:pt idx="1260">
                  <c:v>22.724676718761</c:v>
                </c:pt>
                <c:pt idx="1261">
                  <c:v>22.509066207629644</c:v>
                </c:pt>
                <c:pt idx="1262">
                  <c:v>22.337468250066696</c:v>
                </c:pt>
                <c:pt idx="1263">
                  <c:v>22.370124875543894</c:v>
                </c:pt>
                <c:pt idx="1264">
                  <c:v>22.281643588500817</c:v>
                </c:pt>
                <c:pt idx="1265">
                  <c:v>22.354015199876816</c:v>
                </c:pt>
                <c:pt idx="1266">
                  <c:v>22.411956658864373</c:v>
                </c:pt>
                <c:pt idx="1267">
                  <c:v>22.374369470054393</c:v>
                </c:pt>
                <c:pt idx="1268">
                  <c:v>22.47836861714697</c:v>
                </c:pt>
                <c:pt idx="1269">
                  <c:v>22.707824399820765</c:v>
                </c:pt>
                <c:pt idx="1270">
                  <c:v>22.962364163678654</c:v>
                </c:pt>
                <c:pt idx="1271">
                  <c:v>22.885103172242946</c:v>
                </c:pt>
                <c:pt idx="1272">
                  <c:v>22.508379562010322</c:v>
                </c:pt>
                <c:pt idx="1273">
                  <c:v>22.120966347073875</c:v>
                </c:pt>
                <c:pt idx="1274">
                  <c:v>22.094738940614494</c:v>
                </c:pt>
                <c:pt idx="1275">
                  <c:v>22.438776128594668</c:v>
                </c:pt>
                <c:pt idx="1276">
                  <c:v>22.432907203787192</c:v>
                </c:pt>
                <c:pt idx="1277">
                  <c:v>22.536989228491112</c:v>
                </c:pt>
                <c:pt idx="1278">
                  <c:v>22.502203130350932</c:v>
                </c:pt>
                <c:pt idx="1279">
                  <c:v>22.525300080966193</c:v>
                </c:pt>
                <c:pt idx="1280">
                  <c:v>22.974969951390239</c:v>
                </c:pt>
                <c:pt idx="1281">
                  <c:v>23.428347504125743</c:v>
                </c:pt>
                <c:pt idx="1282">
                  <c:v>23.497714528190272</c:v>
                </c:pt>
                <c:pt idx="1283">
                  <c:v>23.337624619087862</c:v>
                </c:pt>
                <c:pt idx="1284">
                  <c:v>23.386942903156967</c:v>
                </c:pt>
                <c:pt idx="1285">
                  <c:v>23.556890800140977</c:v>
                </c:pt>
                <c:pt idx="1286">
                  <c:v>23.552138565908496</c:v>
                </c:pt>
                <c:pt idx="1287">
                  <c:v>23.160252184089206</c:v>
                </c:pt>
                <c:pt idx="1288">
                  <c:v>22.921549126700281</c:v>
                </c:pt>
                <c:pt idx="1289">
                  <c:v>22.636213909541183</c:v>
                </c:pt>
                <c:pt idx="1290">
                  <c:v>22.56913259002668</c:v>
                </c:pt>
                <c:pt idx="1291">
                  <c:v>22.394831795371726</c:v>
                </c:pt>
                <c:pt idx="1292">
                  <c:v>22.242111650131886</c:v>
                </c:pt>
                <c:pt idx="1293">
                  <c:v>22.448346984504809</c:v>
                </c:pt>
                <c:pt idx="1294">
                  <c:v>22.882998681450733</c:v>
                </c:pt>
                <c:pt idx="1295">
                  <c:v>22.987436993993878</c:v>
                </c:pt>
                <c:pt idx="1296">
                  <c:v>22.948662177600358</c:v>
                </c:pt>
                <c:pt idx="1297">
                  <c:v>23.041460751673046</c:v>
                </c:pt>
                <c:pt idx="1298">
                  <c:v>23.064315294114525</c:v>
                </c:pt>
                <c:pt idx="1299">
                  <c:v>23.027495339248148</c:v>
                </c:pt>
                <c:pt idx="1300">
                  <c:v>22.8953635103111</c:v>
                </c:pt>
                <c:pt idx="1301">
                  <c:v>22.734243274267829</c:v>
                </c:pt>
                <c:pt idx="1302">
                  <c:v>22.824124005142011</c:v>
                </c:pt>
                <c:pt idx="1303">
                  <c:v>22.895520523260377</c:v>
                </c:pt>
                <c:pt idx="1304">
                  <c:v>22.851989279531693</c:v>
                </c:pt>
                <c:pt idx="1305">
                  <c:v>22.857436949754696</c:v>
                </c:pt>
                <c:pt idx="1306">
                  <c:v>22.954458768783837</c:v>
                </c:pt>
                <c:pt idx="1307">
                  <c:v>23.025811115467246</c:v>
                </c:pt>
                <c:pt idx="1308">
                  <c:v>17.694581751683099</c:v>
                </c:pt>
                <c:pt idx="1309">
                  <c:v>22.721937979308439</c:v>
                </c:pt>
                <c:pt idx="1310">
                  <c:v>22.791227076036922</c:v>
                </c:pt>
                <c:pt idx="1311">
                  <c:v>22.725192394090147</c:v>
                </c:pt>
                <c:pt idx="1312">
                  <c:v>22.730182905796131</c:v>
                </c:pt>
                <c:pt idx="1313">
                  <c:v>22.642843697298748</c:v>
                </c:pt>
                <c:pt idx="1314">
                  <c:v>22.474696574549796</c:v>
                </c:pt>
                <c:pt idx="1315">
                  <c:v>22.311210058496044</c:v>
                </c:pt>
                <c:pt idx="1316">
                  <c:v>22.230621800770951</c:v>
                </c:pt>
                <c:pt idx="1317">
                  <c:v>22.10044421354625</c:v>
                </c:pt>
                <c:pt idx="1318">
                  <c:v>22.141720458072133</c:v>
                </c:pt>
                <c:pt idx="1319">
                  <c:v>22.184474508117592</c:v>
                </c:pt>
                <c:pt idx="1320">
                  <c:v>22.19096500871721</c:v>
                </c:pt>
                <c:pt idx="1321">
                  <c:v>22.142240757060335</c:v>
                </c:pt>
                <c:pt idx="1322">
                  <c:v>22.29229259762764</c:v>
                </c:pt>
                <c:pt idx="1323">
                  <c:v>22.502502494818231</c:v>
                </c:pt>
                <c:pt idx="1324">
                  <c:v>22.56445018877135</c:v>
                </c:pt>
                <c:pt idx="1325">
                  <c:v>22.766672138009</c:v>
                </c:pt>
                <c:pt idx="1326">
                  <c:v>23.21394358501944</c:v>
                </c:pt>
                <c:pt idx="1327">
                  <c:v>23.611290698224423</c:v>
                </c:pt>
                <c:pt idx="1328">
                  <c:v>23.642384107559351</c:v>
                </c:pt>
                <c:pt idx="1329">
                  <c:v>23.570862285251234</c:v>
                </c:pt>
                <c:pt idx="1330">
                  <c:v>23.430800592724378</c:v>
                </c:pt>
                <c:pt idx="1331">
                  <c:v>23.733014264909333</c:v>
                </c:pt>
                <c:pt idx="1332">
                  <c:v>23.901023089189994</c:v>
                </c:pt>
                <c:pt idx="1333">
                  <c:v>23.992040944440536</c:v>
                </c:pt>
                <c:pt idx="1334">
                  <c:v>23.995484621838234</c:v>
                </c:pt>
                <c:pt idx="1335">
                  <c:v>23.921500048102828</c:v>
                </c:pt>
                <c:pt idx="1336">
                  <c:v>23.767196269672013</c:v>
                </c:pt>
                <c:pt idx="1337">
                  <c:v>23.56409067706997</c:v>
                </c:pt>
                <c:pt idx="1338">
                  <c:v>23.307344780673017</c:v>
                </c:pt>
                <c:pt idx="1339">
                  <c:v>23.256289980370521</c:v>
                </c:pt>
                <c:pt idx="1340">
                  <c:v>23.439625349694769</c:v>
                </c:pt>
                <c:pt idx="1341">
                  <c:v>23.443667124024575</c:v>
                </c:pt>
                <c:pt idx="1342">
                  <c:v>23.105376429554155</c:v>
                </c:pt>
                <c:pt idx="1343">
                  <c:v>22.845986938161825</c:v>
                </c:pt>
                <c:pt idx="1344">
                  <c:v>22.774653625746936</c:v>
                </c:pt>
                <c:pt idx="1345">
                  <c:v>22.426787845193331</c:v>
                </c:pt>
                <c:pt idx="1346">
                  <c:v>22.275777042729544</c:v>
                </c:pt>
                <c:pt idx="1347">
                  <c:v>22.322679315612344</c:v>
                </c:pt>
                <c:pt idx="1348">
                  <c:v>22.057077158037071</c:v>
                </c:pt>
                <c:pt idx="1349">
                  <c:v>22.535304473855792</c:v>
                </c:pt>
                <c:pt idx="1350">
                  <c:v>22.698550731441951</c:v>
                </c:pt>
                <c:pt idx="1351">
                  <c:v>22.504519602243381</c:v>
                </c:pt>
                <c:pt idx="1352">
                  <c:v>22.8067977567197</c:v>
                </c:pt>
                <c:pt idx="1353">
                  <c:v>23.269342772362823</c:v>
                </c:pt>
                <c:pt idx="1354">
                  <c:v>23.602555887685526</c:v>
                </c:pt>
                <c:pt idx="1355">
                  <c:v>23.323061640174263</c:v>
                </c:pt>
                <c:pt idx="1356">
                  <c:v>22.640449904696538</c:v>
                </c:pt>
                <c:pt idx="1357">
                  <c:v>22.079856930965907</c:v>
                </c:pt>
                <c:pt idx="1358">
                  <c:v>21.426556355893496</c:v>
                </c:pt>
                <c:pt idx="1359">
                  <c:v>21.162752057506285</c:v>
                </c:pt>
                <c:pt idx="1360">
                  <c:v>20.133375159554621</c:v>
                </c:pt>
                <c:pt idx="1361">
                  <c:v>19.153593851272024</c:v>
                </c:pt>
                <c:pt idx="1362">
                  <c:v>18.81048638876965</c:v>
                </c:pt>
                <c:pt idx="1363">
                  <c:v>17.977363439023609</c:v>
                </c:pt>
                <c:pt idx="1364">
                  <c:v>17.652282847374064</c:v>
                </c:pt>
                <c:pt idx="1365">
                  <c:v>17.343657413794748</c:v>
                </c:pt>
                <c:pt idx="1366">
                  <c:v>17.15658077727031</c:v>
                </c:pt>
                <c:pt idx="1367">
                  <c:v>17.392512323062924</c:v>
                </c:pt>
                <c:pt idx="1368">
                  <c:v>17.60306433014485</c:v>
                </c:pt>
                <c:pt idx="1369">
                  <c:v>17.551333799840894</c:v>
                </c:pt>
                <c:pt idx="1370">
                  <c:v>17.289618053229038</c:v>
                </c:pt>
                <c:pt idx="1371">
                  <c:v>17.04520830697696</c:v>
                </c:pt>
                <c:pt idx="1372">
                  <c:v>16.901354120628543</c:v>
                </c:pt>
                <c:pt idx="1373">
                  <c:v>17.020031081664364</c:v>
                </c:pt>
                <c:pt idx="1374">
                  <c:v>17.040494888066462</c:v>
                </c:pt>
                <c:pt idx="1375">
                  <c:v>17.206664897028951</c:v>
                </c:pt>
                <c:pt idx="1376">
                  <c:v>17.371043882077025</c:v>
                </c:pt>
                <c:pt idx="1377">
                  <c:v>17.682241743505656</c:v>
                </c:pt>
                <c:pt idx="1378">
                  <c:v>17.817368329324626</c:v>
                </c:pt>
                <c:pt idx="1379">
                  <c:v>17.856596012801852</c:v>
                </c:pt>
                <c:pt idx="1380">
                  <c:v>17.721489431820547</c:v>
                </c:pt>
                <c:pt idx="1381">
                  <c:v>17.835006407396268</c:v>
                </c:pt>
                <c:pt idx="1382">
                  <c:v>17.892959293875055</c:v>
                </c:pt>
                <c:pt idx="1383">
                  <c:v>17.847035618090796</c:v>
                </c:pt>
                <c:pt idx="1384">
                  <c:v>18.176200504232124</c:v>
                </c:pt>
                <c:pt idx="1385">
                  <c:v>18.233991429216882</c:v>
                </c:pt>
                <c:pt idx="1386">
                  <c:v>18.420621647137029</c:v>
                </c:pt>
                <c:pt idx="1387">
                  <c:v>18.899855016533973</c:v>
                </c:pt>
                <c:pt idx="1388">
                  <c:v>19.506101539479662</c:v>
                </c:pt>
                <c:pt idx="1389">
                  <c:v>19.929932930445688</c:v>
                </c:pt>
                <c:pt idx="1390">
                  <c:v>20.279323290787783</c:v>
                </c:pt>
                <c:pt idx="1391">
                  <c:v>21.165768670458714</c:v>
                </c:pt>
                <c:pt idx="1392">
                  <c:v>21.876127105219741</c:v>
                </c:pt>
                <c:pt idx="1393">
                  <c:v>22.068806591418369</c:v>
                </c:pt>
                <c:pt idx="1394">
                  <c:v>22.185064743098909</c:v>
                </c:pt>
                <c:pt idx="1395">
                  <c:v>22.572234558817001</c:v>
                </c:pt>
                <c:pt idx="1396">
                  <c:v>22.867850964629024</c:v>
                </c:pt>
                <c:pt idx="1397">
                  <c:v>23.035517448541203</c:v>
                </c:pt>
                <c:pt idx="1398">
                  <c:v>22.746022090372502</c:v>
                </c:pt>
                <c:pt idx="1399">
                  <c:v>21.938407358510485</c:v>
                </c:pt>
                <c:pt idx="1400">
                  <c:v>21.457321291769361</c:v>
                </c:pt>
                <c:pt idx="1401">
                  <c:v>22.011431743834475</c:v>
                </c:pt>
                <c:pt idx="1402">
                  <c:v>22.239854462757602</c:v>
                </c:pt>
                <c:pt idx="1403">
                  <c:v>22.297983421895879</c:v>
                </c:pt>
                <c:pt idx="1404">
                  <c:v>22.189506205755084</c:v>
                </c:pt>
                <c:pt idx="1405">
                  <c:v>22.220993300056886</c:v>
                </c:pt>
                <c:pt idx="1406">
                  <c:v>22.66160147515124</c:v>
                </c:pt>
                <c:pt idx="1407">
                  <c:v>22.932706693222631</c:v>
                </c:pt>
                <c:pt idx="1408">
                  <c:v>23.43701221194047</c:v>
                </c:pt>
                <c:pt idx="1409">
                  <c:v>23.776695562988436</c:v>
                </c:pt>
                <c:pt idx="1410">
                  <c:v>23.783982095616039</c:v>
                </c:pt>
                <c:pt idx="1411">
                  <c:v>23.569286581777629</c:v>
                </c:pt>
                <c:pt idx="1412">
                  <c:v>23.172523639676569</c:v>
                </c:pt>
                <c:pt idx="1413">
                  <c:v>22.937642267801408</c:v>
                </c:pt>
                <c:pt idx="1414">
                  <c:v>23.083446467813662</c:v>
                </c:pt>
                <c:pt idx="1415">
                  <c:v>23.126877584446447</c:v>
                </c:pt>
                <c:pt idx="1416">
                  <c:v>23.503385354044514</c:v>
                </c:pt>
                <c:pt idx="1417">
                  <c:v>23.570179865354721</c:v>
                </c:pt>
                <c:pt idx="1418">
                  <c:v>23.466029205636669</c:v>
                </c:pt>
                <c:pt idx="1419">
                  <c:v>23.227189709606009</c:v>
                </c:pt>
                <c:pt idx="1420">
                  <c:v>22.942669206639689</c:v>
                </c:pt>
                <c:pt idx="1421">
                  <c:v>23.020190198651971</c:v>
                </c:pt>
                <c:pt idx="1422">
                  <c:v>23.171886158251159</c:v>
                </c:pt>
                <c:pt idx="1423">
                  <c:v>23.206300412660767</c:v>
                </c:pt>
                <c:pt idx="1424">
                  <c:v>23.087704295992964</c:v>
                </c:pt>
                <c:pt idx="1425">
                  <c:v>23.024889840695607</c:v>
                </c:pt>
                <c:pt idx="1426">
                  <c:v>22.911593452985016</c:v>
                </c:pt>
                <c:pt idx="1427">
                  <c:v>22.870477761213014</c:v>
                </c:pt>
                <c:pt idx="1428">
                  <c:v>22.722133762367211</c:v>
                </c:pt>
                <c:pt idx="1429">
                  <c:v>22.502813245528724</c:v>
                </c:pt>
                <c:pt idx="1430">
                  <c:v>22.196745814320295</c:v>
                </c:pt>
                <c:pt idx="1431">
                  <c:v>22.013454023208784</c:v>
                </c:pt>
                <c:pt idx="1432">
                  <c:v>22.300393426767258</c:v>
                </c:pt>
                <c:pt idx="1433">
                  <c:v>22.627037829671764</c:v>
                </c:pt>
                <c:pt idx="1434">
                  <c:v>22.795224455875069</c:v>
                </c:pt>
                <c:pt idx="1435">
                  <c:v>22.843148499990491</c:v>
                </c:pt>
                <c:pt idx="1436">
                  <c:v>22.884095852447</c:v>
                </c:pt>
                <c:pt idx="1437">
                  <c:v>23.189394154745468</c:v>
                </c:pt>
                <c:pt idx="1438">
                  <c:v>23.350158972233629</c:v>
                </c:pt>
                <c:pt idx="1439">
                  <c:v>23.480733601734983</c:v>
                </c:pt>
                <c:pt idx="1440">
                  <c:v>23.57348742613884</c:v>
                </c:pt>
                <c:pt idx="1441">
                  <c:v>23.799076855124273</c:v>
                </c:pt>
                <c:pt idx="1442">
                  <c:v>23.899198781898832</c:v>
                </c:pt>
                <c:pt idx="1443">
                  <c:v>23.753481592512713</c:v>
                </c:pt>
                <c:pt idx="1444">
                  <c:v>23.868323998228039</c:v>
                </c:pt>
                <c:pt idx="1445">
                  <c:v>24.177805351717939</c:v>
                </c:pt>
                <c:pt idx="1446">
                  <c:v>24.291641641610781</c:v>
                </c:pt>
                <c:pt idx="1447">
                  <c:v>24.166645178379952</c:v>
                </c:pt>
                <c:pt idx="1448">
                  <c:v>24.06892972301581</c:v>
                </c:pt>
                <c:pt idx="1449">
                  <c:v>24.221578168069485</c:v>
                </c:pt>
                <c:pt idx="1450">
                  <c:v>24.062071721665319</c:v>
                </c:pt>
                <c:pt idx="1451">
                  <c:v>24.081930651968573</c:v>
                </c:pt>
                <c:pt idx="1452">
                  <c:v>24.019040583989476</c:v>
                </c:pt>
                <c:pt idx="1453">
                  <c:v>23.519752468380272</c:v>
                </c:pt>
                <c:pt idx="1454">
                  <c:v>23.104472277230673</c:v>
                </c:pt>
                <c:pt idx="1455">
                  <c:v>22.73248140605212</c:v>
                </c:pt>
                <c:pt idx="1456">
                  <c:v>22.631659439308603</c:v>
                </c:pt>
                <c:pt idx="1457">
                  <c:v>22.506789564816732</c:v>
                </c:pt>
                <c:pt idx="1458">
                  <c:v>22.588974908165795</c:v>
                </c:pt>
                <c:pt idx="1459">
                  <c:v>23.096134477647912</c:v>
                </c:pt>
                <c:pt idx="1460">
                  <c:v>23.238249152475976</c:v>
                </c:pt>
                <c:pt idx="1461">
                  <c:v>22.956463204425287</c:v>
                </c:pt>
                <c:pt idx="1462">
                  <c:v>22.737418631606953</c:v>
                </c:pt>
                <c:pt idx="1463">
                  <c:v>22.529505110631334</c:v>
                </c:pt>
                <c:pt idx="1464">
                  <c:v>22.337044698463007</c:v>
                </c:pt>
                <c:pt idx="1465">
                  <c:v>22.353307330716252</c:v>
                </c:pt>
                <c:pt idx="1466">
                  <c:v>22.303934833575465</c:v>
                </c:pt>
                <c:pt idx="1467">
                  <c:v>22.159572709297795</c:v>
                </c:pt>
                <c:pt idx="1468">
                  <c:v>22.154850985465398</c:v>
                </c:pt>
                <c:pt idx="1469">
                  <c:v>22.092669198312635</c:v>
                </c:pt>
                <c:pt idx="1470">
                  <c:v>22.330622814654976</c:v>
                </c:pt>
                <c:pt idx="1471">
                  <c:v>22.460869878688879</c:v>
                </c:pt>
                <c:pt idx="1472">
                  <c:v>22.358813019893045</c:v>
                </c:pt>
                <c:pt idx="1473">
                  <c:v>22.495988407947845</c:v>
                </c:pt>
                <c:pt idx="1474">
                  <c:v>22.330148182199853</c:v>
                </c:pt>
                <c:pt idx="1475">
                  <c:v>22.134687201330681</c:v>
                </c:pt>
                <c:pt idx="1476">
                  <c:v>22.199767723369103</c:v>
                </c:pt>
                <c:pt idx="1477">
                  <c:v>22.129001397456751</c:v>
                </c:pt>
                <c:pt idx="1478">
                  <c:v>22.34381768567124</c:v>
                </c:pt>
                <c:pt idx="1479">
                  <c:v>22.430627799347917</c:v>
                </c:pt>
                <c:pt idx="1480">
                  <c:v>22.203218509243637</c:v>
                </c:pt>
                <c:pt idx="1481">
                  <c:v>21.947035244244329</c:v>
                </c:pt>
                <c:pt idx="1482">
                  <c:v>21.694956818134397</c:v>
                </c:pt>
                <c:pt idx="1483">
                  <c:v>21.471308591936644</c:v>
                </c:pt>
                <c:pt idx="1484">
                  <c:v>21.304767828311981</c:v>
                </c:pt>
                <c:pt idx="1485">
                  <c:v>21.420077867651994</c:v>
                </c:pt>
                <c:pt idx="1486">
                  <c:v>21.74648445607632</c:v>
                </c:pt>
                <c:pt idx="1487">
                  <c:v>22.336349714145211</c:v>
                </c:pt>
                <c:pt idx="1488">
                  <c:v>22.480140894654451</c:v>
                </c:pt>
                <c:pt idx="1489">
                  <c:v>22.30679854473938</c:v>
                </c:pt>
                <c:pt idx="1490">
                  <c:v>22.495026521739565</c:v>
                </c:pt>
                <c:pt idx="1491">
                  <c:v>22.700860803183989</c:v>
                </c:pt>
                <c:pt idx="1492">
                  <c:v>22.873035968046821</c:v>
                </c:pt>
                <c:pt idx="1493">
                  <c:v>22.72498171343101</c:v>
                </c:pt>
                <c:pt idx="1494">
                  <c:v>22.826838441094093</c:v>
                </c:pt>
                <c:pt idx="1495">
                  <c:v>22.880999169994638</c:v>
                </c:pt>
                <c:pt idx="1496">
                  <c:v>22.980384822188721</c:v>
                </c:pt>
                <c:pt idx="1497">
                  <c:v>22.683802148850919</c:v>
                </c:pt>
                <c:pt idx="1498">
                  <c:v>22.353117868970429</c:v>
                </c:pt>
                <c:pt idx="1499">
                  <c:v>22.507562601069594</c:v>
                </c:pt>
                <c:pt idx="1500">
                  <c:v>22.41381186545259</c:v>
                </c:pt>
                <c:pt idx="1501">
                  <c:v>21.949424218683081</c:v>
                </c:pt>
                <c:pt idx="1502">
                  <c:v>21.623797540743293</c:v>
                </c:pt>
                <c:pt idx="1503">
                  <c:v>21.199159565771041</c:v>
                </c:pt>
                <c:pt idx="1504">
                  <c:v>20.673917478075051</c:v>
                </c:pt>
                <c:pt idx="1505">
                  <c:v>20.462930586090877</c:v>
                </c:pt>
                <c:pt idx="1506">
                  <c:v>20.248816375193162</c:v>
                </c:pt>
                <c:pt idx="1507">
                  <c:v>21.234779590642241</c:v>
                </c:pt>
                <c:pt idx="1508">
                  <c:v>20.550512715384421</c:v>
                </c:pt>
                <c:pt idx="1509">
                  <c:v>20.067326869493325</c:v>
                </c:pt>
                <c:pt idx="1510">
                  <c:v>20.323867796973428</c:v>
                </c:pt>
                <c:pt idx="1511">
                  <c:v>20.340681638769254</c:v>
                </c:pt>
                <c:pt idx="1512">
                  <c:v>20.030901287161232</c:v>
                </c:pt>
                <c:pt idx="1513">
                  <c:v>19.81508515274512</c:v>
                </c:pt>
                <c:pt idx="1514">
                  <c:v>20.266569562826295</c:v>
                </c:pt>
                <c:pt idx="1515">
                  <c:v>21.020716425521751</c:v>
                </c:pt>
                <c:pt idx="1516">
                  <c:v>22.634658295031102</c:v>
                </c:pt>
                <c:pt idx="1517">
                  <c:v>24.880920587521093</c:v>
                </c:pt>
                <c:pt idx="1518">
                  <c:v>29.680312241397885</c:v>
                </c:pt>
                <c:pt idx="1519">
                  <c:v>33.908326179100392</c:v>
                </c:pt>
                <c:pt idx="1520">
                  <c:v>37.686722501318478</c:v>
                </c:pt>
                <c:pt idx="1521">
                  <c:v>41.439493567319658</c:v>
                </c:pt>
                <c:pt idx="1522">
                  <c:v>45.707687177260787</c:v>
                </c:pt>
                <c:pt idx="1523">
                  <c:v>48.03738641346542</c:v>
                </c:pt>
                <c:pt idx="1524">
                  <c:v>49.91048474490421</c:v>
                </c:pt>
                <c:pt idx="1525">
                  <c:v>50.306129781252373</c:v>
                </c:pt>
                <c:pt idx="1526">
                  <c:v>49.929469687789684</c:v>
                </c:pt>
                <c:pt idx="1527">
                  <c:v>48.825265014557829</c:v>
                </c:pt>
                <c:pt idx="1528">
                  <c:v>49.350929574502459</c:v>
                </c:pt>
                <c:pt idx="1529">
                  <c:v>51.273915756599074</c:v>
                </c:pt>
                <c:pt idx="1530">
                  <c:v>50.976505533476121</c:v>
                </c:pt>
                <c:pt idx="1531">
                  <c:v>49.789683236203246</c:v>
                </c:pt>
                <c:pt idx="1532">
                  <c:v>48.061444135049612</c:v>
                </c:pt>
                <c:pt idx="1533">
                  <c:v>46.578400695458576</c:v>
                </c:pt>
                <c:pt idx="1534">
                  <c:v>45.481345478880037</c:v>
                </c:pt>
                <c:pt idx="1535">
                  <c:v>45.672180956894088</c:v>
                </c:pt>
                <c:pt idx="1536">
                  <c:v>47.300187956551248</c:v>
                </c:pt>
                <c:pt idx="1537">
                  <c:v>48.193335523222913</c:v>
                </c:pt>
                <c:pt idx="1538">
                  <c:v>49.740437963593855</c:v>
                </c:pt>
                <c:pt idx="1539">
                  <c:v>51.189410015255284</c:v>
                </c:pt>
                <c:pt idx="1540">
                  <c:v>51.9710085262818</c:v>
                </c:pt>
                <c:pt idx="1541">
                  <c:v>51.824038726707705</c:v>
                </c:pt>
                <c:pt idx="1542">
                  <c:v>50.738215318783709</c:v>
                </c:pt>
                <c:pt idx="1543">
                  <c:v>49.96009718270772</c:v>
                </c:pt>
                <c:pt idx="1544">
                  <c:v>49.48151842555103</c:v>
                </c:pt>
                <c:pt idx="1545">
                  <c:v>46.811148422109312</c:v>
                </c:pt>
                <c:pt idx="1546">
                  <c:v>44.267179563831405</c:v>
                </c:pt>
                <c:pt idx="1547">
                  <c:v>40.557055312876734</c:v>
                </c:pt>
                <c:pt idx="1548">
                  <c:v>36.140969512725952</c:v>
                </c:pt>
                <c:pt idx="1549">
                  <c:v>34.660556993570758</c:v>
                </c:pt>
                <c:pt idx="1550">
                  <c:v>35.753228332215656</c:v>
                </c:pt>
                <c:pt idx="1551">
                  <c:v>35.905268424164774</c:v>
                </c:pt>
                <c:pt idx="1552">
                  <c:v>35.137917905355842</c:v>
                </c:pt>
                <c:pt idx="1553">
                  <c:v>35.683464373352365</c:v>
                </c:pt>
                <c:pt idx="1554">
                  <c:v>36.528773374334889</c:v>
                </c:pt>
                <c:pt idx="1555">
                  <c:v>36.335804597641079</c:v>
                </c:pt>
                <c:pt idx="1556">
                  <c:v>37.293971607534615</c:v>
                </c:pt>
                <c:pt idx="1557">
                  <c:v>38.601308362248204</c:v>
                </c:pt>
                <c:pt idx="1558">
                  <c:v>41.50172223260256</c:v>
                </c:pt>
                <c:pt idx="1559">
                  <c:v>45.475211813666419</c:v>
                </c:pt>
                <c:pt idx="1560">
                  <c:v>50.788698579160645</c:v>
                </c:pt>
                <c:pt idx="1561">
                  <c:v>59.302522066323093</c:v>
                </c:pt>
                <c:pt idx="1562">
                  <c:v>69.726502929675931</c:v>
                </c:pt>
                <c:pt idx="1563">
                  <c:v>78.004534745390302</c:v>
                </c:pt>
                <c:pt idx="1564">
                  <c:v>81.961168694313173</c:v>
                </c:pt>
                <c:pt idx="1565">
                  <c:v>82.443742994763582</c:v>
                </c:pt>
                <c:pt idx="1566">
                  <c:v>80.822551503777106</c:v>
                </c:pt>
                <c:pt idx="1567">
                  <c:v>78.184395433987078</c:v>
                </c:pt>
                <c:pt idx="1568">
                  <c:v>74.805921242331124</c:v>
                </c:pt>
                <c:pt idx="1569">
                  <c:v>72.959461486143439</c:v>
                </c:pt>
                <c:pt idx="1570">
                  <c:v>69.96084827679482</c:v>
                </c:pt>
                <c:pt idx="1571">
                  <c:v>66.675123666364357</c:v>
                </c:pt>
                <c:pt idx="1572">
                  <c:v>63.218636257916586</c:v>
                </c:pt>
                <c:pt idx="1573">
                  <c:v>59.209827521728847</c:v>
                </c:pt>
                <c:pt idx="1574">
                  <c:v>54.046755415539593</c:v>
                </c:pt>
                <c:pt idx="1575">
                  <c:v>50.536591270299539</c:v>
                </c:pt>
                <c:pt idx="1576">
                  <c:v>48.63235146936799</c:v>
                </c:pt>
                <c:pt idx="1577">
                  <c:v>48.642538240042903</c:v>
                </c:pt>
                <c:pt idx="1578">
                  <c:v>47.391579118030052</c:v>
                </c:pt>
                <c:pt idx="1579">
                  <c:v>46.995745656662848</c:v>
                </c:pt>
                <c:pt idx="1580">
                  <c:v>50.175698615076008</c:v>
                </c:pt>
                <c:pt idx="1581">
                  <c:v>53.675780313847433</c:v>
                </c:pt>
                <c:pt idx="1582">
                  <c:v>61.48556952597022</c:v>
                </c:pt>
                <c:pt idx="1583">
                  <c:v>76.84307062144012</c:v>
                </c:pt>
                <c:pt idx="1584">
                  <c:v>94.493903372039483</c:v>
                </c:pt>
                <c:pt idx="1585">
                  <c:v>#N/A</c:v>
                </c:pt>
                <c:pt idx="1586">
                  <c:v>#N/A</c:v>
                </c:pt>
                <c:pt idx="1587">
                  <c:v>#N/A</c:v>
                </c:pt>
                <c:pt idx="1588">
                  <c:v>#N/A</c:v>
                </c:pt>
                <c:pt idx="1589">
                  <c:v>#N/A</c:v>
                </c:pt>
                <c:pt idx="1590">
                  <c:v>#N/A</c:v>
                </c:pt>
                <c:pt idx="1591">
                  <c:v>#N/A</c:v>
                </c:pt>
                <c:pt idx="1592">
                  <c:v>#N/A</c:v>
                </c:pt>
                <c:pt idx="1593">
                  <c:v>85.163542249687666</c:v>
                </c:pt>
                <c:pt idx="1594">
                  <c:v>77.353235434409228</c:v>
                </c:pt>
                <c:pt idx="1595">
                  <c:v>71.638494169029983</c:v>
                </c:pt>
                <c:pt idx="1596">
                  <c:v>67.814275744879083</c:v>
                </c:pt>
                <c:pt idx="1597">
                  <c:v>64.322520470825324</c:v>
                </c:pt>
                <c:pt idx="1598">
                  <c:v>59.422409949815851</c:v>
                </c:pt>
                <c:pt idx="1599">
                  <c:v>54.74850538685785</c:v>
                </c:pt>
                <c:pt idx="1600">
                  <c:v>50.830970831047502</c:v>
                </c:pt>
                <c:pt idx="1601">
                  <c:v>47.286778585437766</c:v>
                </c:pt>
                <c:pt idx="1602">
                  <c:v>42.134561594533004</c:v>
                </c:pt>
                <c:pt idx="1603">
                  <c:v>37.92841435607135</c:v>
                </c:pt>
                <c:pt idx="1604">
                  <c:v>34.337192893384376</c:v>
                </c:pt>
                <c:pt idx="1605">
                  <c:v>31.149428650293583</c:v>
                </c:pt>
                <c:pt idx="1606">
                  <c:v>30.645082866901742</c:v>
                </c:pt>
                <c:pt idx="1607">
                  <c:v>31.564257568903145</c:v>
                </c:pt>
                <c:pt idx="1608">
                  <c:v>32.679350127204827</c:v>
                </c:pt>
                <c:pt idx="1609">
                  <c:v>32.808783590424497</c:v>
                </c:pt>
                <c:pt idx="1610">
                  <c:v>31.502462179308367</c:v>
                </c:pt>
                <c:pt idx="1611">
                  <c:v>29.887700524969869</c:v>
                </c:pt>
                <c:pt idx="1612">
                  <c:v>28.12704442819593</c:v>
                </c:pt>
                <c:pt idx="1613">
                  <c:v>26.386790452833907</c:v>
                </c:pt>
                <c:pt idx="1614">
                  <c:v>23.86944690914051</c:v>
                </c:pt>
                <c:pt idx="1615">
                  <c:v>21.957776843039159</c:v>
                </c:pt>
                <c:pt idx="1616">
                  <c:v>21.004669677738047</c:v>
                </c:pt>
                <c:pt idx="1617">
                  <c:v>21.681685047692923</c:v>
                </c:pt>
                <c:pt idx="1618">
                  <c:v>23.859257472623984</c:v>
                </c:pt>
                <c:pt idx="1619">
                  <c:v>25.713571991736018</c:v>
                </c:pt>
                <c:pt idx="1620">
                  <c:v>27.634406852499676</c:v>
                </c:pt>
                <c:pt idx="1621">
                  <c:v>29.047193732958988</c:v>
                </c:pt>
                <c:pt idx="1622">
                  <c:v>28.587629607693572</c:v>
                </c:pt>
                <c:pt idx="1623">
                  <c:v>28.685647552134554</c:v>
                </c:pt>
                <c:pt idx="1624">
                  <c:v>28.644588941909443</c:v>
                </c:pt>
                <c:pt idx="1625">
                  <c:v>28.38980697130313</c:v>
                </c:pt>
                <c:pt idx="1626">
                  <c:v>27.274760165238035</c:v>
                </c:pt>
                <c:pt idx="1627">
                  <c:v>25.993444600850953</c:v>
                </c:pt>
                <c:pt idx="1628">
                  <c:v>24.698478834896104</c:v>
                </c:pt>
                <c:pt idx="1629">
                  <c:v>23.670981363662221</c:v>
                </c:pt>
                <c:pt idx="1630">
                  <c:v>23.397548351456084</c:v>
                </c:pt>
                <c:pt idx="1631">
                  <c:v>24.190381280622049</c:v>
                </c:pt>
                <c:pt idx="1632">
                  <c:v>24.701524671770688</c:v>
                </c:pt>
                <c:pt idx="1633">
                  <c:v>25.953960250446112</c:v>
                </c:pt>
                <c:pt idx="1634">
                  <c:v>28.283257249983631</c:v>
                </c:pt>
                <c:pt idx="1635">
                  <c:v>29.888006522602041</c:v>
                </c:pt>
                <c:pt idx="1636">
                  <c:v>31.07424545520443</c:v>
                </c:pt>
                <c:pt idx="1637">
                  <c:v>31.743764359143928</c:v>
                </c:pt>
                <c:pt idx="1638">
                  <c:v>32.351192454246991</c:v>
                </c:pt>
                <c:pt idx="1639">
                  <c:v>32.249987380670234</c:v>
                </c:pt>
                <c:pt idx="1640">
                  <c:v>32.430499674818456</c:v>
                </c:pt>
                <c:pt idx="1641">
                  <c:v>31.762746674753796</c:v>
                </c:pt>
                <c:pt idx="1642">
                  <c:v>29.931627655920895</c:v>
                </c:pt>
                <c:pt idx="1643">
                  <c:v>27.594083238665856</c:v>
                </c:pt>
                <c:pt idx="1644">
                  <c:v>25.314071865239331</c:v>
                </c:pt>
                <c:pt idx="1645">
                  <c:v>25.843201209460201</c:v>
                </c:pt>
                <c:pt idx="1646">
                  <c:v>27.193130945443684</c:v>
                </c:pt>
                <c:pt idx="1647">
                  <c:v>27.929455256278164</c:v>
                </c:pt>
                <c:pt idx="1648">
                  <c:v>28.898606612848685</c:v>
                </c:pt>
                <c:pt idx="1649">
                  <c:v>29.599348500258412</c:v>
                </c:pt>
                <c:pt idx="1650">
                  <c:v>28.995735940909857</c:v>
                </c:pt>
                <c:pt idx="1651">
                  <c:v>27.87272914335767</c:v>
                </c:pt>
                <c:pt idx="1652">
                  <c:v>27.40100447776604</c:v>
                </c:pt>
                <c:pt idx="1653">
                  <c:v>27.455959456639278</c:v>
                </c:pt>
                <c:pt idx="1654">
                  <c:v>27.89721513466635</c:v>
                </c:pt>
                <c:pt idx="1655">
                  <c:v>27.515998553937237</c:v>
                </c:pt>
                <c:pt idx="1656">
                  <c:v>25.99699083484272</c:v>
                </c:pt>
                <c:pt idx="1657">
                  <c:v>25.184615867953749</c:v>
                </c:pt>
                <c:pt idx="1658">
                  <c:v>26.987698671670216</c:v>
                </c:pt>
                <c:pt idx="1659">
                  <c:v>34.464944943578352</c:v>
                </c:pt>
                <c:pt idx="1660">
                  <c:v>42.687973783416489</c:v>
                </c:pt>
                <c:pt idx="1661">
                  <c:v>48.232999711237312</c:v>
                </c:pt>
                <c:pt idx="1662">
                  <c:v>54.964194839034008</c:v>
                </c:pt>
                <c:pt idx="1663">
                  <c:v>55.531552687752814</c:v>
                </c:pt>
                <c:pt idx="1664">
                  <c:v>51.38862249849916</c:v>
                </c:pt>
                <c:pt idx="1665">
                  <c:v>46.490181171069459</c:v>
                </c:pt>
                <c:pt idx="1666">
                  <c:v>41.333612983848965</c:v>
                </c:pt>
                <c:pt idx="1667">
                  <c:v>36.58485574312828</c:v>
                </c:pt>
                <c:pt idx="1668">
                  <c:v>32.477314005792699</c:v>
                </c:pt>
                <c:pt idx="1669">
                  <c:v>27.823006040118141</c:v>
                </c:pt>
                <c:pt idx="1670">
                  <c:v>24.803628731577675</c:v>
                </c:pt>
                <c:pt idx="1671">
                  <c:v>24.060717127277712</c:v>
                </c:pt>
                <c:pt idx="1672">
                  <c:v>23.19267629036338</c:v>
                </c:pt>
                <c:pt idx="1673">
                  <c:v>22.475182570476864</c:v>
                </c:pt>
                <c:pt idx="1674">
                  <c:v>22.513321862189979</c:v>
                </c:pt>
                <c:pt idx="1675">
                  <c:v>22.688197687476194</c:v>
                </c:pt>
                <c:pt idx="1676">
                  <c:v>22.69264700537963</c:v>
                </c:pt>
                <c:pt idx="1677">
                  <c:v>22.638628586298157</c:v>
                </c:pt>
                <c:pt idx="1678">
                  <c:v>22.748898499787717</c:v>
                </c:pt>
                <c:pt idx="1679">
                  <c:v>23.165165372578006</c:v>
                </c:pt>
                <c:pt idx="1680">
                  <c:v>23.208958485902659</c:v>
                </c:pt>
                <c:pt idx="1681">
                  <c:v>23.269775711825119</c:v>
                </c:pt>
                <c:pt idx="1682">
                  <c:v>23.491747548482369</c:v>
                </c:pt>
                <c:pt idx="1683">
                  <c:v>23.838074060881301</c:v>
                </c:pt>
                <c:pt idx="1684">
                  <c:v>24.101544924323875</c:v>
                </c:pt>
                <c:pt idx="1685">
                  <c:v>24.170898141628459</c:v>
                </c:pt>
                <c:pt idx="1686">
                  <c:v>23.646604724899159</c:v>
                </c:pt>
                <c:pt idx="1687">
                  <c:v>23.313299633085506</c:v>
                </c:pt>
                <c:pt idx="1688">
                  <c:v>23.445106118877252</c:v>
                </c:pt>
                <c:pt idx="1689">
                  <c:v>23.285635917445408</c:v>
                </c:pt>
                <c:pt idx="1690">
                  <c:v>23.275955009219945</c:v>
                </c:pt>
                <c:pt idx="1691">
                  <c:v>23.449047589525051</c:v>
                </c:pt>
                <c:pt idx="1692">
                  <c:v>23.582118074678295</c:v>
                </c:pt>
                <c:pt idx="1693">
                  <c:v>23.4110579862982</c:v>
                </c:pt>
                <c:pt idx="1694">
                  <c:v>23.253221539147265</c:v>
                </c:pt>
                <c:pt idx="1695">
                  <c:v>23.205869527019598</c:v>
                </c:pt>
                <c:pt idx="1696">
                  <c:v>23.041392022982681</c:v>
                </c:pt>
                <c:pt idx="1697">
                  <c:v>22.975695995256018</c:v>
                </c:pt>
                <c:pt idx="1698">
                  <c:v>23.32651450921421</c:v>
                </c:pt>
                <c:pt idx="1699">
                  <c:v>23.68230372237058</c:v>
                </c:pt>
                <c:pt idx="1700">
                  <c:v>23.687763917424604</c:v>
                </c:pt>
                <c:pt idx="1701">
                  <c:v>23.652897931697368</c:v>
                </c:pt>
                <c:pt idx="1702">
                  <c:v>23.8954654312965</c:v>
                </c:pt>
                <c:pt idx="1703">
                  <c:v>23.880743901384957</c:v>
                </c:pt>
                <c:pt idx="1704">
                  <c:v>23.571290190995203</c:v>
                </c:pt>
                <c:pt idx="1705">
                  <c:v>23.510009203554841</c:v>
                </c:pt>
                <c:pt idx="1706">
                  <c:v>23.510098328723203</c:v>
                </c:pt>
                <c:pt idx="1707">
                  <c:v>23.46258253983002</c:v>
                </c:pt>
                <c:pt idx="1708">
                  <c:v>23.342834696033091</c:v>
                </c:pt>
                <c:pt idx="1709">
                  <c:v>23.202880721982527</c:v>
                </c:pt>
                <c:pt idx="1710">
                  <c:v>23.26304916146977</c:v>
                </c:pt>
                <c:pt idx="1711">
                  <c:v>23.450841018913653</c:v>
                </c:pt>
                <c:pt idx="1712">
                  <c:v>23.595467670126911</c:v>
                </c:pt>
                <c:pt idx="1713">
                  <c:v>23.973926863086049</c:v>
                </c:pt>
                <c:pt idx="1714">
                  <c:v>23.607945315930554</c:v>
                </c:pt>
                <c:pt idx="1715">
                  <c:v>23.3956387907695</c:v>
                </c:pt>
                <c:pt idx="1716">
                  <c:v>23.339772355594317</c:v>
                </c:pt>
                <c:pt idx="1717">
                  <c:v>23.379456973098758</c:v>
                </c:pt>
                <c:pt idx="1718">
                  <c:v>23.839791353480489</c:v>
                </c:pt>
                <c:pt idx="1719">
                  <c:v>24.182053772917602</c:v>
                </c:pt>
                <c:pt idx="1720">
                  <c:v>24.12782999026518</c:v>
                </c:pt>
                <c:pt idx="1721">
                  <c:v>24.052875859492204</c:v>
                </c:pt>
                <c:pt idx="1722">
                  <c:v>23.856577331796618</c:v>
                </c:pt>
                <c:pt idx="1723">
                  <c:v>23.59179561281114</c:v>
                </c:pt>
                <c:pt idx="1724">
                  <c:v>23.538734058370562</c:v>
                </c:pt>
                <c:pt idx="1725">
                  <c:v>23.425347509633255</c:v>
                </c:pt>
                <c:pt idx="1726">
                  <c:v>23.649648007179405</c:v>
                </c:pt>
                <c:pt idx="1727">
                  <c:v>23.883058004293165</c:v>
                </c:pt>
                <c:pt idx="1728">
                  <c:v>23.709586961782311</c:v>
                </c:pt>
                <c:pt idx="1729">
                  <c:v>23.64780909744016</c:v>
                </c:pt>
                <c:pt idx="1730">
                  <c:v>24.350966951421981</c:v>
                </c:pt>
                <c:pt idx="1731">
                  <c:v>24.462655675508547</c:v>
                </c:pt>
                <c:pt idx="1732">
                  <c:v>24.55824822849328</c:v>
                </c:pt>
                <c:pt idx="1733">
                  <c:v>24.450728478162358</c:v>
                </c:pt>
                <c:pt idx="1734">
                  <c:v>24.033870598075037</c:v>
                </c:pt>
                <c:pt idx="1735">
                  <c:v>23.723101640716866</c:v>
                </c:pt>
                <c:pt idx="1736">
                  <c:v>23.596070457714003</c:v>
                </c:pt>
                <c:pt idx="1737">
                  <c:v>23.613552261017063</c:v>
                </c:pt>
                <c:pt idx="1738">
                  <c:v>24.16025034097245</c:v>
                </c:pt>
                <c:pt idx="1739">
                  <c:v>24.166293946883595</c:v>
                </c:pt>
                <c:pt idx="1740">
                  <c:v>23.753950394230529</c:v>
                </c:pt>
                <c:pt idx="1741">
                  <c:v>23.597158778950085</c:v>
                </c:pt>
                <c:pt idx="1742">
                  <c:v>23.579583604761414</c:v>
                </c:pt>
                <c:pt idx="1743">
                  <c:v>23.984311396198294</c:v>
                </c:pt>
                <c:pt idx="1744">
                  <c:v>24.298850608444866</c:v>
                </c:pt>
                <c:pt idx="1745">
                  <c:v>24.59070239026536</c:v>
                </c:pt>
                <c:pt idx="1746">
                  <c:v>24.579755795356267</c:v>
                </c:pt>
                <c:pt idx="1747">
                  <c:v>24.620992751002216</c:v>
                </c:pt>
                <c:pt idx="1748">
                  <c:v>24.573644594843987</c:v>
                </c:pt>
                <c:pt idx="1749">
                  <c:v>24.443602047431757</c:v>
                </c:pt>
                <c:pt idx="1750">
                  <c:v>24.655769561471246</c:v>
                </c:pt>
                <c:pt idx="1751">
                  <c:v>24.731052409921148</c:v>
                </c:pt>
                <c:pt idx="1752">
                  <c:v>24.025662114185881</c:v>
                </c:pt>
                <c:pt idx="1753">
                  <c:v>23.920755022895051</c:v>
                </c:pt>
                <c:pt idx="1754">
                  <c:v>23.847287589583384</c:v>
                </c:pt>
                <c:pt idx="1755">
                  <c:v>23.688704237933155</c:v>
                </c:pt>
                <c:pt idx="1756">
                  <c:v>23.687001630574301</c:v>
                </c:pt>
                <c:pt idx="1757">
                  <c:v>23.561606132036303</c:v>
                </c:pt>
                <c:pt idx="1758">
                  <c:v>23.53202710894611</c:v>
                </c:pt>
                <c:pt idx="1759">
                  <c:v>23.767823750263315</c:v>
                </c:pt>
                <c:pt idx="1760">
                  <c:v>23.907151301156286</c:v>
                </c:pt>
                <c:pt idx="1761">
                  <c:v>23.957895678905356</c:v>
                </c:pt>
                <c:pt idx="1762">
                  <c:v>23.754127990970659</c:v>
                </c:pt>
                <c:pt idx="1763">
                  <c:v>23.447452976822827</c:v>
                </c:pt>
                <c:pt idx="1764">
                  <c:v>23.510371333298853</c:v>
                </c:pt>
                <c:pt idx="1765">
                  <c:v>23.623606038058824</c:v>
                </c:pt>
                <c:pt idx="1766">
                  <c:v>23.838031550412321</c:v>
                </c:pt>
                <c:pt idx="1767">
                  <c:v>24.045727443561848</c:v>
                </c:pt>
                <c:pt idx="1768">
                  <c:v>23.800150166219709</c:v>
                </c:pt>
                <c:pt idx="1769">
                  <c:v>23.436367124919844</c:v>
                </c:pt>
                <c:pt idx="1770">
                  <c:v>23.26224004143025</c:v>
                </c:pt>
                <c:pt idx="1771">
                  <c:v>23.408428814642637</c:v>
                </c:pt>
                <c:pt idx="1772">
                  <c:v>23.604455645015772</c:v>
                </c:pt>
                <c:pt idx="1773">
                  <c:v>23.747703342888769</c:v>
                </c:pt>
                <c:pt idx="1774">
                  <c:v>23.846506685015072</c:v>
                </c:pt>
                <c:pt idx="1775">
                  <c:v>23.686378462402541</c:v>
                </c:pt>
                <c:pt idx="1776">
                  <c:v>23.627469203732925</c:v>
                </c:pt>
                <c:pt idx="1777">
                  <c:v>23.589622144205538</c:v>
                </c:pt>
                <c:pt idx="1778">
                  <c:v>23.2897389557906</c:v>
                </c:pt>
                <c:pt idx="1779">
                  <c:v>23.194812495514253</c:v>
                </c:pt>
                <c:pt idx="1780">
                  <c:v>22.878842095350521</c:v>
                </c:pt>
                <c:pt idx="1781">
                  <c:v>22.669330293320598</c:v>
                </c:pt>
                <c:pt idx="1782">
                  <c:v>22.705832571581098</c:v>
                </c:pt>
                <c:pt idx="1783">
                  <c:v>22.690995377747324</c:v>
                </c:pt>
                <c:pt idx="1784">
                  <c:v>22.601929154730886</c:v>
                </c:pt>
                <c:pt idx="1785">
                  <c:v>23.015359142972329</c:v>
                </c:pt>
                <c:pt idx="1786">
                  <c:v>23.12532034070988</c:v>
                </c:pt>
                <c:pt idx="1787">
                  <c:v>23.281700840891418</c:v>
                </c:pt>
                <c:pt idx="1788">
                  <c:v>23.658216844366162</c:v>
                </c:pt>
                <c:pt idx="1789">
                  <c:v>23.963486577093409</c:v>
                </c:pt>
                <c:pt idx="1790">
                  <c:v>23.958290834685801</c:v>
                </c:pt>
                <c:pt idx="1791">
                  <c:v>24.243072509222738</c:v>
                </c:pt>
                <c:pt idx="1792">
                  <c:v>24.305358027224568</c:v>
                </c:pt>
                <c:pt idx="1793">
                  <c:v>24.250041782809578</c:v>
                </c:pt>
                <c:pt idx="1794">
                  <c:v>24.241184300978301</c:v>
                </c:pt>
                <c:pt idx="1795">
                  <c:v>24.393323676274331</c:v>
                </c:pt>
                <c:pt idx="1796">
                  <c:v>24.56884315592475</c:v>
                </c:pt>
                <c:pt idx="1797">
                  <c:v>24.613311910130605</c:v>
                </c:pt>
                <c:pt idx="1798">
                  <c:v>24.486685496159421</c:v>
                </c:pt>
                <c:pt idx="1799">
                  <c:v>24.430384507155694</c:v>
                </c:pt>
                <c:pt idx="1800">
                  <c:v>24.656162913087119</c:v>
                </c:pt>
                <c:pt idx="1801">
                  <c:v>24.58713226327902</c:v>
                </c:pt>
                <c:pt idx="1802">
                  <c:v>24.415584128227746</c:v>
                </c:pt>
                <c:pt idx="1803">
                  <c:v>24.264129615481142</c:v>
                </c:pt>
                <c:pt idx="1804">
                  <c:v>23.941382823824885</c:v>
                </c:pt>
                <c:pt idx="1805">
                  <c:v>23.54756339848981</c:v>
                </c:pt>
                <c:pt idx="1806">
                  <c:v>23.494873446669789</c:v>
                </c:pt>
                <c:pt idx="1807">
                  <c:v>23.348370196870203</c:v>
                </c:pt>
                <c:pt idx="1808">
                  <c:v>23.15789104968653</c:v>
                </c:pt>
                <c:pt idx="1809">
                  <c:v>22.964976970791597</c:v>
                </c:pt>
                <c:pt idx="1810">
                  <c:v>22.592587448725922</c:v>
                </c:pt>
                <c:pt idx="1811">
                  <c:v>22.493869783705136</c:v>
                </c:pt>
                <c:pt idx="1812">
                  <c:v>22.599117602479051</c:v>
                </c:pt>
                <c:pt idx="1813">
                  <c:v>22.571444451965363</c:v>
                </c:pt>
                <c:pt idx="1814">
                  <c:v>22.394345791400472</c:v>
                </c:pt>
                <c:pt idx="1815">
                  <c:v>22.547109710649053</c:v>
                </c:pt>
                <c:pt idx="1816">
                  <c:v>22.593083014831986</c:v>
                </c:pt>
                <c:pt idx="1817">
                  <c:v>22.447930703988835</c:v>
                </c:pt>
                <c:pt idx="1818">
                  <c:v>22.232062647040706</c:v>
                </c:pt>
                <c:pt idx="1819">
                  <c:v>21.981652279860324</c:v>
                </c:pt>
                <c:pt idx="1820">
                  <c:v>21.993489748547322</c:v>
                </c:pt>
                <c:pt idx="1821">
                  <c:v>21.989968802243666</c:v>
                </c:pt>
                <c:pt idx="1822">
                  <c:v>21.773088817214994</c:v>
                </c:pt>
                <c:pt idx="1823">
                  <c:v>21.334236164178904</c:v>
                </c:pt>
                <c:pt idx="1824">
                  <c:v>20.935898224051396</c:v>
                </c:pt>
                <c:pt idx="1825">
                  <c:v>20.79121622964891</c:v>
                </c:pt>
                <c:pt idx="1826">
                  <c:v>20.769825676467786</c:v>
                </c:pt>
                <c:pt idx="1827">
                  <c:v>20.835951771778909</c:v>
                </c:pt>
                <c:pt idx="1828">
                  <c:v>20.660496108311936</c:v>
                </c:pt>
                <c:pt idx="1829">
                  <c:v>20.683389190831978</c:v>
                </c:pt>
                <c:pt idx="1830">
                  <c:v>20.610239421619124</c:v>
                </c:pt>
                <c:pt idx="1831">
                  <c:v>20.855848059593345</c:v>
                </c:pt>
                <c:pt idx="1832">
                  <c:v>20.82165622743241</c:v>
                </c:pt>
                <c:pt idx="1833">
                  <c:v>20.714761237080697</c:v>
                </c:pt>
                <c:pt idx="1834">
                  <c:v>20.536282994365539</c:v>
                </c:pt>
                <c:pt idx="1835">
                  <c:v>20.390699930574176</c:v>
                </c:pt>
                <c:pt idx="1836">
                  <c:v>20.28405115522996</c:v>
                </c:pt>
                <c:pt idx="1837">
                  <c:v>20.323940662552587</c:v>
                </c:pt>
                <c:pt idx="1838">
                  <c:v>20.364797911272124</c:v>
                </c:pt>
                <c:pt idx="1839">
                  <c:v>20.954455709564176</c:v>
                </c:pt>
                <c:pt idx="1840">
                  <c:v>21.000269943582129</c:v>
                </c:pt>
                <c:pt idx="1841">
                  <c:v>21.027451000552642</c:v>
                </c:pt>
                <c:pt idx="1842">
                  <c:v>21.022935060295495</c:v>
                </c:pt>
                <c:pt idx="1843">
                  <c:v>21.282477549568181</c:v>
                </c:pt>
                <c:pt idx="1844">
                  <c:v>21.671051033062852</c:v>
                </c:pt>
                <c:pt idx="1845">
                  <c:v>22.50581119950715</c:v>
                </c:pt>
                <c:pt idx="1846">
                  <c:v>23.077170170360631</c:v>
                </c:pt>
                <c:pt idx="1847">
                  <c:v>24.116016008805332</c:v>
                </c:pt>
                <c:pt idx="1848">
                  <c:v>25.125433859310011</c:v>
                </c:pt>
                <c:pt idx="1849">
                  <c:v>26.612405808242631</c:v>
                </c:pt>
                <c:pt idx="1850">
                  <c:v>28.530675647083612</c:v>
                </c:pt>
                <c:pt idx="1851">
                  <c:v>29.446390121709101</c:v>
                </c:pt>
                <c:pt idx="1852">
                  <c:v>28.527023174534932</c:v>
                </c:pt>
                <c:pt idx="1853">
                  <c:v>27.90944766640315</c:v>
                </c:pt>
                <c:pt idx="1854">
                  <c:v>26.796555922555502</c:v>
                </c:pt>
                <c:pt idx="1855">
                  <c:v>26.302497517242472</c:v>
                </c:pt>
                <c:pt idx="1856">
                  <c:v>28.462009900684496</c:v>
                </c:pt>
                <c:pt idx="1857">
                  <c:v>35.668030185298754</c:v>
                </c:pt>
                <c:pt idx="1858">
                  <c:v>53.099201037908379</c:v>
                </c:pt>
                <c:pt idx="1859">
                  <c:v>78.787650749175683</c:v>
                </c:pt>
                <c:pt idx="1860">
                  <c:v>#N/A</c:v>
                </c:pt>
                <c:pt idx="1861">
                  <c:v>#N/A</c:v>
                </c:pt>
                <c:pt idx="1862">
                  <c:v>#N/A</c:v>
                </c:pt>
                <c:pt idx="1863">
                  <c:v>#N/A</c:v>
                </c:pt>
                <c:pt idx="1864">
                  <c:v>#N/A</c:v>
                </c:pt>
                <c:pt idx="1865">
                  <c:v>#N/A</c:v>
                </c:pt>
                <c:pt idx="1866">
                  <c:v>#N/A</c:v>
                </c:pt>
                <c:pt idx="1867">
                  <c:v>#N/A</c:v>
                </c:pt>
                <c:pt idx="1868">
                  <c:v>#N/A</c:v>
                </c:pt>
                <c:pt idx="1869">
                  <c:v>#N/A</c:v>
                </c:pt>
                <c:pt idx="1870">
                  <c:v>#N/A</c:v>
                </c:pt>
                <c:pt idx="1871">
                  <c:v>#N/A</c:v>
                </c:pt>
                <c:pt idx="1872">
                  <c:v>#N/A</c:v>
                </c:pt>
                <c:pt idx="1873">
                  <c:v>#N/A</c:v>
                </c:pt>
                <c:pt idx="1874">
                  <c:v>#N/A</c:v>
                </c:pt>
                <c:pt idx="1875">
                  <c:v>#N/A</c:v>
                </c:pt>
                <c:pt idx="1876">
                  <c:v>#N/A</c:v>
                </c:pt>
                <c:pt idx="1877">
                  <c:v>#N/A</c:v>
                </c:pt>
                <c:pt idx="1878">
                  <c:v>#N/A</c:v>
                </c:pt>
                <c:pt idx="1879">
                  <c:v>#N/A</c:v>
                </c:pt>
                <c:pt idx="1880">
                  <c:v>#N/A</c:v>
                </c:pt>
                <c:pt idx="1881">
                  <c:v>143.00793621797069</c:v>
                </c:pt>
                <c:pt idx="1882">
                  <c:v>131.90186525702725</c:v>
                </c:pt>
                <c:pt idx="1883">
                  <c:v>113.9692614051731</c:v>
                </c:pt>
                <c:pt idx="1884">
                  <c:v>92.93036011002512</c:v>
                </c:pt>
                <c:pt idx="1885">
                  <c:v>73.45342184107983</c:v>
                </c:pt>
                <c:pt idx="1886">
                  <c:v>70.834799803941678</c:v>
                </c:pt>
                <c:pt idx="1887">
                  <c:v>68.53286179865124</c:v>
                </c:pt>
                <c:pt idx="1888">
                  <c:v>69.316105612837532</c:v>
                </c:pt>
                <c:pt idx="1889">
                  <c:v>93.125210699584969</c:v>
                </c:pt>
                <c:pt idx="1890">
                  <c:v>80.186355069182795</c:v>
                </c:pt>
                <c:pt idx="1891">
                  <c:v>67.638584629571071</c:v>
                </c:pt>
                <c:pt idx="1892">
                  <c:v>87.033840033402427</c:v>
                </c:pt>
                <c:pt idx="1893">
                  <c:v>84.87607978009035</c:v>
                </c:pt>
                <c:pt idx="1894">
                  <c:v>75.321735550793136</c:v>
                </c:pt>
                <c:pt idx="1895">
                  <c:v>63.112963042246605</c:v>
                </c:pt>
                <c:pt idx="1896">
                  <c:v>53.163550551387686</c:v>
                </c:pt>
                <c:pt idx="1897">
                  <c:v>51.862763783293495</c:v>
                </c:pt>
                <c:pt idx="1898">
                  <c:v>57.493351095075319</c:v>
                </c:pt>
                <c:pt idx="1899">
                  <c:v>63.457369476490804</c:v>
                </c:pt>
                <c:pt idx="1900">
                  <c:v>50.129965580352405</c:v>
                </c:pt>
                <c:pt idx="1901">
                  <c:v>45.464313404299425</c:v>
                </c:pt>
                <c:pt idx="1902">
                  <c:v>41.942043742752169</c:v>
                </c:pt>
                <c:pt idx="1903">
                  <c:v>37.95021349453414</c:v>
                </c:pt>
                <c:pt idx="1904">
                  <c:v>36.204539975826712</c:v>
                </c:pt>
                <c:pt idx="1905">
                  <c:v>33.805214437446544</c:v>
                </c:pt>
                <c:pt idx="1906">
                  <c:v>32.312135802310699</c:v>
                </c:pt>
                <c:pt idx="1907">
                  <c:v>32.522806564769922</c:v>
                </c:pt>
                <c:pt idx="1908">
                  <c:v>33.117505601843497</c:v>
                </c:pt>
                <c:pt idx="1909">
                  <c:v>33.905456439743645</c:v>
                </c:pt>
                <c:pt idx="1910">
                  <c:v>34.791817725590654</c:v>
                </c:pt>
                <c:pt idx="1911">
                  <c:v>35.611112972395546</c:v>
                </c:pt>
                <c:pt idx="1912">
                  <c:v>35.255503741360663</c:v>
                </c:pt>
                <c:pt idx="1913">
                  <c:v>34.712341924119976</c:v>
                </c:pt>
                <c:pt idx="1914">
                  <c:v>33.147450339145188</c:v>
                </c:pt>
                <c:pt idx="1915">
                  <c:v>31.343164444895887</c:v>
                </c:pt>
                <c:pt idx="1916">
                  <c:v>29.243329870035243</c:v>
                </c:pt>
                <c:pt idx="1917">
                  <c:v>28.491587805354055</c:v>
                </c:pt>
                <c:pt idx="1918">
                  <c:v>28.325745795466656</c:v>
                </c:pt>
                <c:pt idx="1919">
                  <c:v>30.067040685500075</c:v>
                </c:pt>
                <c:pt idx="1920">
                  <c:v>32.639177794210653</c:v>
                </c:pt>
                <c:pt idx="1921">
                  <c:v>35.461028937484464</c:v>
                </c:pt>
                <c:pt idx="1922">
                  <c:v>37.894584363981842</c:v>
                </c:pt>
                <c:pt idx="1923">
                  <c:v>39.619809024072872</c:v>
                </c:pt>
                <c:pt idx="1924">
                  <c:v>41.332461155334578</c:v>
                </c:pt>
                <c:pt idx="1925">
                  <c:v>41.340523012429273</c:v>
                </c:pt>
                <c:pt idx="1926">
                  <c:v>40.430411052277478</c:v>
                </c:pt>
                <c:pt idx="1927">
                  <c:v>45.139438615512482</c:v>
                </c:pt>
                <c:pt idx="1928">
                  <c:v>43.608328723673935</c:v>
                </c:pt>
                <c:pt idx="1929">
                  <c:v>42.945107336753154</c:v>
                </c:pt>
                <c:pt idx="1930">
                  <c:v>40.584911392168273</c:v>
                </c:pt>
                <c:pt idx="1931">
                  <c:v>38.843749511296615</c:v>
                </c:pt>
                <c:pt idx="1932">
                  <c:v>38.703568634072923</c:v>
                </c:pt>
                <c:pt idx="1933">
                  <c:v>39.007545970786062</c:v>
                </c:pt>
                <c:pt idx="1934">
                  <c:v>39.405828823364047</c:v>
                </c:pt>
                <c:pt idx="1935">
                  <c:v>43.497533162748539</c:v>
                </c:pt>
                <c:pt idx="1936">
                  <c:v>46.943935089913758</c:v>
                </c:pt>
                <c:pt idx="1937">
                  <c:v>47.082740811234281</c:v>
                </c:pt>
                <c:pt idx="1938">
                  <c:v>47.212513520397671</c:v>
                </c:pt>
                <c:pt idx="1939">
                  <c:v>42.360868530784316</c:v>
                </c:pt>
                <c:pt idx="1940">
                  <c:v>36.055507614389178</c:v>
                </c:pt>
                <c:pt idx="1941">
                  <c:v>32.507667868096441</c:v>
                </c:pt>
                <c:pt idx="1942">
                  <c:v>27.501631204293847</c:v>
                </c:pt>
                <c:pt idx="1943">
                  <c:v>27.210578401270727</c:v>
                </c:pt>
                <c:pt idx="1944">
                  <c:v>26.587779581996738</c:v>
                </c:pt>
                <c:pt idx="1945">
                  <c:v>25.916252501829494</c:v>
                </c:pt>
                <c:pt idx="1946">
                  <c:v>25.937623780454942</c:v>
                </c:pt>
                <c:pt idx="1947">
                  <c:v>25.95848709943532</c:v>
                </c:pt>
                <c:pt idx="1948">
                  <c:v>25.750286704311907</c:v>
                </c:pt>
                <c:pt idx="1949">
                  <c:v>25.65658199866623</c:v>
                </c:pt>
                <c:pt idx="1950">
                  <c:v>25.655951559598673</c:v>
                </c:pt>
                <c:pt idx="1951">
                  <c:v>26.36318565420288</c:v>
                </c:pt>
                <c:pt idx="1952">
                  <c:v>27.55667297734789</c:v>
                </c:pt>
                <c:pt idx="1953">
                  <c:v>29.771299816034524</c:v>
                </c:pt>
                <c:pt idx="1954">
                  <c:v>32.743421170304522</c:v>
                </c:pt>
                <c:pt idx="1955">
                  <c:v>38.222492373426519</c:v>
                </c:pt>
                <c:pt idx="1956">
                  <c:v>45.279930301513083</c:v>
                </c:pt>
                <c:pt idx="1957">
                  <c:v>53.206018853189185</c:v>
                </c:pt>
                <c:pt idx="1958">
                  <c:v>61.709732324464937</c:v>
                </c:pt>
                <c:pt idx="1959">
                  <c:v>68.927239592843605</c:v>
                </c:pt>
                <c:pt idx="1960">
                  <c:v>72.408455032515761</c:v>
                </c:pt>
                <c:pt idx="1961">
                  <c:v>72.094852683337407</c:v>
                </c:pt>
                <c:pt idx="1962">
                  <c:v>68.815342884058154</c:v>
                </c:pt>
                <c:pt idx="1963">
                  <c:v>63.645001225677447</c:v>
                </c:pt>
                <c:pt idx="1964">
                  <c:v>57.198072699685348</c:v>
                </c:pt>
                <c:pt idx="1965">
                  <c:v>50.349669742514429</c:v>
                </c:pt>
                <c:pt idx="1966">
                  <c:v>44.749643216847552</c:v>
                </c:pt>
                <c:pt idx="1967">
                  <c:v>41.48199915524534</c:v>
                </c:pt>
                <c:pt idx="1968">
                  <c:v>41.173666110321619</c:v>
                </c:pt>
                <c:pt idx="1969">
                  <c:v>44.977553919266718</c:v>
                </c:pt>
                <c:pt idx="1970">
                  <c:v>49.902458095302258</c:v>
                </c:pt>
                <c:pt idx="1971">
                  <c:v>53.600429663000853</c:v>
                </c:pt>
                <c:pt idx="1972">
                  <c:v>56.184112618656805</c:v>
                </c:pt>
                <c:pt idx="1973">
                  <c:v>56.566736856604358</c:v>
                </c:pt>
                <c:pt idx="1974">
                  <c:v>56.583036920564403</c:v>
                </c:pt>
                <c:pt idx="1975">
                  <c:v>57.085614212701778</c:v>
                </c:pt>
                <c:pt idx="1976">
                  <c:v>56.677324978780149</c:v>
                </c:pt>
                <c:pt idx="1977">
                  <c:v>56.176122137633747</c:v>
                </c:pt>
                <c:pt idx="1978">
                  <c:v>56.429381789070646</c:v>
                </c:pt>
                <c:pt idx="1979">
                  <c:v>57.900649574139571</c:v>
                </c:pt>
                <c:pt idx="1980">
                  <c:v>60.063910748933303</c:v>
                </c:pt>
                <c:pt idx="1981">
                  <c:v>62.494173727269619</c:v>
                </c:pt>
                <c:pt idx="1982">
                  <c:v>64.375583475963836</c:v>
                </c:pt>
                <c:pt idx="1983">
                  <c:v>66.778623279647093</c:v>
                </c:pt>
                <c:pt idx="1984">
                  <c:v>68.922127788468075</c:v>
                </c:pt>
                <c:pt idx="1985">
                  <c:v>72.216355517324857</c:v>
                </c:pt>
                <c:pt idx="1986">
                  <c:v>76.63355258778283</c:v>
                </c:pt>
                <c:pt idx="1987">
                  <c:v>82.088763985772957</c:v>
                </c:pt>
                <c:pt idx="1988">
                  <c:v>88.533382728310002</c:v>
                </c:pt>
                <c:pt idx="1989">
                  <c:v>97.227356800077814</c:v>
                </c:pt>
                <c:pt idx="1990">
                  <c:v>107.8576587140726</c:v>
                </c:pt>
                <c:pt idx="1991">
                  <c:v>120.76311020755965</c:v>
                </c:pt>
                <c:pt idx="1992">
                  <c:v>135.80014508941318</c:v>
                </c:pt>
                <c:pt idx="1993">
                  <c:v>151.54457221741171</c:v>
                </c:pt>
                <c:pt idx="1994">
                  <c:v>165.48268616858206</c:v>
                </c:pt>
                <c:pt idx="1995">
                  <c:v>178.19669764450404</c:v>
                </c:pt>
                <c:pt idx="1996">
                  <c:v>188.64619502803362</c:v>
                </c:pt>
                <c:pt idx="1997">
                  <c:v>194.89507217904281</c:v>
                </c:pt>
                <c:pt idx="1998">
                  <c:v>199.40232622891395</c:v>
                </c:pt>
                <c:pt idx="1999">
                  <c:v>#N/A</c:v>
                </c:pt>
                <c:pt idx="2000">
                  <c:v>#N/A</c:v>
                </c:pt>
                <c:pt idx="2001">
                  <c:v>#N/A</c:v>
                </c:pt>
                <c:pt idx="2002">
                  <c:v>#N/A</c:v>
                </c:pt>
                <c:pt idx="2003">
                  <c:v>#N/A</c:v>
                </c:pt>
                <c:pt idx="2004">
                  <c:v>#N/A</c:v>
                </c:pt>
                <c:pt idx="2005">
                  <c:v>#N/A</c:v>
                </c:pt>
                <c:pt idx="2006">
                  <c:v>#N/A</c:v>
                </c:pt>
                <c:pt idx="2007">
                  <c:v>#N/A</c:v>
                </c:pt>
                <c:pt idx="2008">
                  <c:v>#N/A</c:v>
                </c:pt>
                <c:pt idx="2009">
                  <c:v>#N/A</c:v>
                </c:pt>
                <c:pt idx="2010">
                  <c:v>#N/A</c:v>
                </c:pt>
                <c:pt idx="2011">
                  <c:v>#N/A</c:v>
                </c:pt>
                <c:pt idx="2012">
                  <c:v>#N/A</c:v>
                </c:pt>
                <c:pt idx="2013">
                  <c:v>#N/A</c:v>
                </c:pt>
                <c:pt idx="2014">
                  <c:v>#N/A</c:v>
                </c:pt>
                <c:pt idx="2015">
                  <c:v>#N/A</c:v>
                </c:pt>
                <c:pt idx="2016">
                  <c:v>#N/A</c:v>
                </c:pt>
                <c:pt idx="2017">
                  <c:v>#N/A</c:v>
                </c:pt>
                <c:pt idx="2018">
                  <c:v>#N/A</c:v>
                </c:pt>
                <c:pt idx="2019">
                  <c:v>#N/A</c:v>
                </c:pt>
                <c:pt idx="2020">
                  <c:v>#N/A</c:v>
                </c:pt>
                <c:pt idx="2021">
                  <c:v>#N/A</c:v>
                </c:pt>
                <c:pt idx="2022">
                  <c:v>#N/A</c:v>
                </c:pt>
                <c:pt idx="2023">
                  <c:v>#N/A</c:v>
                </c:pt>
                <c:pt idx="2024">
                  <c:v>#N/A</c:v>
                </c:pt>
                <c:pt idx="2025">
                  <c:v>#N/A</c:v>
                </c:pt>
                <c:pt idx="2026">
                  <c:v>#N/A</c:v>
                </c:pt>
                <c:pt idx="2027">
                  <c:v>#N/A</c:v>
                </c:pt>
                <c:pt idx="2028">
                  <c:v>#N/A</c:v>
                </c:pt>
                <c:pt idx="2029">
                  <c:v>#N/A</c:v>
                </c:pt>
                <c:pt idx="2030">
                  <c:v>#N/A</c:v>
                </c:pt>
                <c:pt idx="2031">
                  <c:v>#N/A</c:v>
                </c:pt>
                <c:pt idx="2032">
                  <c:v>#N/A</c:v>
                </c:pt>
                <c:pt idx="2033">
                  <c:v>#N/A</c:v>
                </c:pt>
                <c:pt idx="2034">
                  <c:v>#N/A</c:v>
                </c:pt>
                <c:pt idx="2035">
                  <c:v>#N/A</c:v>
                </c:pt>
                <c:pt idx="2036">
                  <c:v>#N/A</c:v>
                </c:pt>
                <c:pt idx="2037">
                  <c:v>#N/A</c:v>
                </c:pt>
                <c:pt idx="2038">
                  <c:v>#N/A</c:v>
                </c:pt>
                <c:pt idx="2039">
                  <c:v>#N/A</c:v>
                </c:pt>
                <c:pt idx="2040">
                  <c:v>#N/A</c:v>
                </c:pt>
                <c:pt idx="2041">
                  <c:v>#N/A</c:v>
                </c:pt>
                <c:pt idx="2042">
                  <c:v>#N/A</c:v>
                </c:pt>
                <c:pt idx="2043">
                  <c:v>#N/A</c:v>
                </c:pt>
                <c:pt idx="2044">
                  <c:v>#N/A</c:v>
                </c:pt>
                <c:pt idx="2045">
                  <c:v>#N/A</c:v>
                </c:pt>
                <c:pt idx="2046">
                  <c:v>#N/A</c:v>
                </c:pt>
                <c:pt idx="2047">
                  <c:v>#N/A</c:v>
                </c:pt>
                <c:pt idx="2048">
                  <c:v>#N/A</c:v>
                </c:pt>
                <c:pt idx="2049">
                  <c:v>#N/A</c:v>
                </c:pt>
                <c:pt idx="2050">
                  <c:v>#N/A</c:v>
                </c:pt>
                <c:pt idx="2051">
                  <c:v>#N/A</c:v>
                </c:pt>
                <c:pt idx="2052">
                  <c:v>#N/A</c:v>
                </c:pt>
                <c:pt idx="2053">
                  <c:v>#N/A</c:v>
                </c:pt>
                <c:pt idx="2054">
                  <c:v>#N/A</c:v>
                </c:pt>
                <c:pt idx="2055">
                  <c:v>#N/A</c:v>
                </c:pt>
                <c:pt idx="2056">
                  <c:v>#N/A</c:v>
                </c:pt>
                <c:pt idx="2057">
                  <c:v>#N/A</c:v>
                </c:pt>
                <c:pt idx="2058">
                  <c:v>#N/A</c:v>
                </c:pt>
                <c:pt idx="2059">
                  <c:v>#N/A</c:v>
                </c:pt>
                <c:pt idx="2060">
                  <c:v>#N/A</c:v>
                </c:pt>
                <c:pt idx="2061">
                  <c:v>#N/A</c:v>
                </c:pt>
                <c:pt idx="2062">
                  <c:v>#N/A</c:v>
                </c:pt>
                <c:pt idx="2063">
                  <c:v>#N/A</c:v>
                </c:pt>
                <c:pt idx="2064">
                  <c:v>#N/A</c:v>
                </c:pt>
                <c:pt idx="2065">
                  <c:v>#N/A</c:v>
                </c:pt>
                <c:pt idx="2066">
                  <c:v>#N/A</c:v>
                </c:pt>
                <c:pt idx="2067">
                  <c:v>#N/A</c:v>
                </c:pt>
                <c:pt idx="2068">
                  <c:v>#N/A</c:v>
                </c:pt>
                <c:pt idx="2069">
                  <c:v>#N/A</c:v>
                </c:pt>
                <c:pt idx="2070">
                  <c:v>#N/A</c:v>
                </c:pt>
                <c:pt idx="2071">
                  <c:v>#N/A</c:v>
                </c:pt>
                <c:pt idx="2072">
                  <c:v>#N/A</c:v>
                </c:pt>
                <c:pt idx="2073">
                  <c:v>#N/A</c:v>
                </c:pt>
                <c:pt idx="2074">
                  <c:v>#N/A</c:v>
                </c:pt>
                <c:pt idx="2075">
                  <c:v>#N/A</c:v>
                </c:pt>
                <c:pt idx="2076">
                  <c:v>#N/A</c:v>
                </c:pt>
                <c:pt idx="2077">
                  <c:v>#N/A</c:v>
                </c:pt>
                <c:pt idx="2078">
                  <c:v>#N/A</c:v>
                </c:pt>
                <c:pt idx="2079">
                  <c:v>#N/A</c:v>
                </c:pt>
                <c:pt idx="2080">
                  <c:v>#N/A</c:v>
                </c:pt>
                <c:pt idx="2081">
                  <c:v>#N/A</c:v>
                </c:pt>
                <c:pt idx="2082">
                  <c:v>#N/A</c:v>
                </c:pt>
                <c:pt idx="2083">
                  <c:v>#N/A</c:v>
                </c:pt>
                <c:pt idx="2084">
                  <c:v>#N/A</c:v>
                </c:pt>
                <c:pt idx="2085">
                  <c:v>#N/A</c:v>
                </c:pt>
                <c:pt idx="2086">
                  <c:v>#N/A</c:v>
                </c:pt>
                <c:pt idx="2087">
                  <c:v>#N/A</c:v>
                </c:pt>
                <c:pt idx="2088">
                  <c:v>#N/A</c:v>
                </c:pt>
                <c:pt idx="2089">
                  <c:v>#N/A</c:v>
                </c:pt>
                <c:pt idx="2090">
                  <c:v>#N/A</c:v>
                </c:pt>
                <c:pt idx="2091">
                  <c:v>#N/A</c:v>
                </c:pt>
                <c:pt idx="2092">
                  <c:v>#N/A</c:v>
                </c:pt>
                <c:pt idx="2093">
                  <c:v>#N/A</c:v>
                </c:pt>
                <c:pt idx="2094">
                  <c:v>#N/A</c:v>
                </c:pt>
                <c:pt idx="2095">
                  <c:v>#N/A</c:v>
                </c:pt>
                <c:pt idx="2096">
                  <c:v>#N/A</c:v>
                </c:pt>
                <c:pt idx="2097">
                  <c:v>#N/A</c:v>
                </c:pt>
                <c:pt idx="2098">
                  <c:v>#N/A</c:v>
                </c:pt>
                <c:pt idx="2099">
                  <c:v>#N/A</c:v>
                </c:pt>
                <c:pt idx="2100">
                  <c:v>#N/A</c:v>
                </c:pt>
                <c:pt idx="2101">
                  <c:v>#N/A</c:v>
                </c:pt>
                <c:pt idx="2102">
                  <c:v>#N/A</c:v>
                </c:pt>
                <c:pt idx="2103">
                  <c:v>#N/A</c:v>
                </c:pt>
                <c:pt idx="2104">
                  <c:v>#N/A</c:v>
                </c:pt>
                <c:pt idx="2105">
                  <c:v>#N/A</c:v>
                </c:pt>
                <c:pt idx="2106">
                  <c:v>#N/A</c:v>
                </c:pt>
                <c:pt idx="2107">
                  <c:v>#N/A</c:v>
                </c:pt>
                <c:pt idx="2108">
                  <c:v>#N/A</c:v>
                </c:pt>
                <c:pt idx="2109">
                  <c:v>#N/A</c:v>
                </c:pt>
                <c:pt idx="2110">
                  <c:v>#N/A</c:v>
                </c:pt>
                <c:pt idx="2111">
                  <c:v>#N/A</c:v>
                </c:pt>
                <c:pt idx="2112">
                  <c:v>#N/A</c:v>
                </c:pt>
                <c:pt idx="2113">
                  <c:v>#N/A</c:v>
                </c:pt>
                <c:pt idx="2114">
                  <c:v>#N/A</c:v>
                </c:pt>
                <c:pt idx="2115">
                  <c:v>#N/A</c:v>
                </c:pt>
                <c:pt idx="2116">
                  <c:v>#N/A</c:v>
                </c:pt>
                <c:pt idx="2117">
                  <c:v>#N/A</c:v>
                </c:pt>
                <c:pt idx="2118">
                  <c:v>#N/A</c:v>
                </c:pt>
                <c:pt idx="2119">
                  <c:v>#N/A</c:v>
                </c:pt>
                <c:pt idx="2120">
                  <c:v>#N/A</c:v>
                </c:pt>
                <c:pt idx="2121">
                  <c:v>#N/A</c:v>
                </c:pt>
                <c:pt idx="2122">
                  <c:v>#N/A</c:v>
                </c:pt>
                <c:pt idx="2123">
                  <c:v>#N/A</c:v>
                </c:pt>
                <c:pt idx="2124">
                  <c:v>#N/A</c:v>
                </c:pt>
                <c:pt idx="2125">
                  <c:v>#N/A</c:v>
                </c:pt>
                <c:pt idx="2126">
                  <c:v>#N/A</c:v>
                </c:pt>
                <c:pt idx="2127">
                  <c:v>#N/A</c:v>
                </c:pt>
                <c:pt idx="2128">
                  <c:v>#N/A</c:v>
                </c:pt>
                <c:pt idx="2129">
                  <c:v>#N/A</c:v>
                </c:pt>
                <c:pt idx="2130">
                  <c:v>#N/A</c:v>
                </c:pt>
                <c:pt idx="2131">
                  <c:v>#N/A</c:v>
                </c:pt>
                <c:pt idx="2132">
                  <c:v>#N/A</c:v>
                </c:pt>
                <c:pt idx="2133">
                  <c:v>#N/A</c:v>
                </c:pt>
                <c:pt idx="2134">
                  <c:v>#N/A</c:v>
                </c:pt>
                <c:pt idx="2135">
                  <c:v>#N/A</c:v>
                </c:pt>
                <c:pt idx="2136">
                  <c:v>#N/A</c:v>
                </c:pt>
                <c:pt idx="2137">
                  <c:v>#N/A</c:v>
                </c:pt>
                <c:pt idx="2138">
                  <c:v>#N/A</c:v>
                </c:pt>
                <c:pt idx="2139">
                  <c:v>#N/A</c:v>
                </c:pt>
                <c:pt idx="2140">
                  <c:v>#N/A</c:v>
                </c:pt>
                <c:pt idx="2141">
                  <c:v>#N/A</c:v>
                </c:pt>
                <c:pt idx="2142">
                  <c:v>#N/A</c:v>
                </c:pt>
                <c:pt idx="2143">
                  <c:v>#N/A</c:v>
                </c:pt>
                <c:pt idx="2144">
                  <c:v>#N/A</c:v>
                </c:pt>
                <c:pt idx="2145">
                  <c:v>#N/A</c:v>
                </c:pt>
                <c:pt idx="2146">
                  <c:v>#N/A</c:v>
                </c:pt>
                <c:pt idx="2147">
                  <c:v>#N/A</c:v>
                </c:pt>
                <c:pt idx="2148">
                  <c:v>#N/A</c:v>
                </c:pt>
                <c:pt idx="2149">
                  <c:v>#N/A</c:v>
                </c:pt>
                <c:pt idx="2150">
                  <c:v>#N/A</c:v>
                </c:pt>
                <c:pt idx="2151">
                  <c:v>#N/A</c:v>
                </c:pt>
                <c:pt idx="2152">
                  <c:v>#N/A</c:v>
                </c:pt>
                <c:pt idx="2153">
                  <c:v>#N/A</c:v>
                </c:pt>
                <c:pt idx="2154">
                  <c:v>#N/A</c:v>
                </c:pt>
                <c:pt idx="2155">
                  <c:v>#N/A</c:v>
                </c:pt>
                <c:pt idx="2156">
                  <c:v>#N/A</c:v>
                </c:pt>
                <c:pt idx="2157">
                  <c:v>#N/A</c:v>
                </c:pt>
                <c:pt idx="2158">
                  <c:v>#N/A</c:v>
                </c:pt>
                <c:pt idx="2159">
                  <c:v>#N/A</c:v>
                </c:pt>
                <c:pt idx="2160">
                  <c:v>#N/A</c:v>
                </c:pt>
                <c:pt idx="2161">
                  <c:v>#N/A</c:v>
                </c:pt>
                <c:pt idx="2162">
                  <c:v>#N/A</c:v>
                </c:pt>
                <c:pt idx="2163">
                  <c:v>#N/A</c:v>
                </c:pt>
                <c:pt idx="2164">
                  <c:v>#N/A</c:v>
                </c:pt>
                <c:pt idx="2165">
                  <c:v>#N/A</c:v>
                </c:pt>
                <c:pt idx="2166">
                  <c:v>#N/A</c:v>
                </c:pt>
                <c:pt idx="2167">
                  <c:v>#N/A</c:v>
                </c:pt>
                <c:pt idx="2168">
                  <c:v>#N/A</c:v>
                </c:pt>
                <c:pt idx="2169">
                  <c:v>#N/A</c:v>
                </c:pt>
                <c:pt idx="2170">
                  <c:v>#N/A</c:v>
                </c:pt>
                <c:pt idx="2171">
                  <c:v>#N/A</c:v>
                </c:pt>
                <c:pt idx="2172">
                  <c:v>#N/A</c:v>
                </c:pt>
                <c:pt idx="2173">
                  <c:v>#N/A</c:v>
                </c:pt>
                <c:pt idx="2174">
                  <c:v>#N/A</c:v>
                </c:pt>
                <c:pt idx="2175">
                  <c:v>#N/A</c:v>
                </c:pt>
                <c:pt idx="2176">
                  <c:v>#N/A</c:v>
                </c:pt>
                <c:pt idx="2177">
                  <c:v>#N/A</c:v>
                </c:pt>
                <c:pt idx="2178">
                  <c:v>#N/A</c:v>
                </c:pt>
                <c:pt idx="2179">
                  <c:v>#N/A</c:v>
                </c:pt>
                <c:pt idx="2180">
                  <c:v>#N/A</c:v>
                </c:pt>
                <c:pt idx="2181">
                  <c:v>#N/A</c:v>
                </c:pt>
                <c:pt idx="2182">
                  <c:v>#N/A</c:v>
                </c:pt>
                <c:pt idx="2183">
                  <c:v>#N/A</c:v>
                </c:pt>
                <c:pt idx="2184">
                  <c:v>#N/A</c:v>
                </c:pt>
                <c:pt idx="2185">
                  <c:v>#N/A</c:v>
                </c:pt>
                <c:pt idx="2186">
                  <c:v>#N/A</c:v>
                </c:pt>
                <c:pt idx="2187">
                  <c:v>#N/A</c:v>
                </c:pt>
                <c:pt idx="2188">
                  <c:v>#N/A</c:v>
                </c:pt>
                <c:pt idx="2189">
                  <c:v>#N/A</c:v>
                </c:pt>
                <c:pt idx="2190">
                  <c:v>#N/A</c:v>
                </c:pt>
                <c:pt idx="2191">
                  <c:v>#N/A</c:v>
                </c:pt>
                <c:pt idx="2192">
                  <c:v>#N/A</c:v>
                </c:pt>
                <c:pt idx="2193">
                  <c:v>#N/A</c:v>
                </c:pt>
                <c:pt idx="2194">
                  <c:v>#N/A</c:v>
                </c:pt>
                <c:pt idx="2195">
                  <c:v>#N/A</c:v>
                </c:pt>
                <c:pt idx="2196">
                  <c:v>#N/A</c:v>
                </c:pt>
                <c:pt idx="2197">
                  <c:v>#N/A</c:v>
                </c:pt>
                <c:pt idx="2198">
                  <c:v>#N/A</c:v>
                </c:pt>
                <c:pt idx="2199">
                  <c:v>#N/A</c:v>
                </c:pt>
                <c:pt idx="2200">
                  <c:v>#N/A</c:v>
                </c:pt>
                <c:pt idx="2201">
                  <c:v>#N/A</c:v>
                </c:pt>
                <c:pt idx="2202">
                  <c:v>#N/A</c:v>
                </c:pt>
                <c:pt idx="2203">
                  <c:v>#N/A</c:v>
                </c:pt>
                <c:pt idx="2204">
                  <c:v>#N/A</c:v>
                </c:pt>
                <c:pt idx="2205">
                  <c:v>#N/A</c:v>
                </c:pt>
                <c:pt idx="2206">
                  <c:v>#N/A</c:v>
                </c:pt>
                <c:pt idx="2207">
                  <c:v>#N/A</c:v>
                </c:pt>
                <c:pt idx="2208">
                  <c:v>#N/A</c:v>
                </c:pt>
                <c:pt idx="2209">
                  <c:v>#N/A</c:v>
                </c:pt>
                <c:pt idx="2210">
                  <c:v>#N/A</c:v>
                </c:pt>
                <c:pt idx="2211">
                  <c:v>#N/A</c:v>
                </c:pt>
                <c:pt idx="2212">
                  <c:v>#N/A</c:v>
                </c:pt>
                <c:pt idx="2213">
                  <c:v>#N/A</c:v>
                </c:pt>
                <c:pt idx="2214">
                  <c:v>#N/A</c:v>
                </c:pt>
                <c:pt idx="2215">
                  <c:v>#N/A</c:v>
                </c:pt>
                <c:pt idx="2216">
                  <c:v>#N/A</c:v>
                </c:pt>
                <c:pt idx="2217">
                  <c:v>#N/A</c:v>
                </c:pt>
                <c:pt idx="2218">
                  <c:v>#N/A</c:v>
                </c:pt>
                <c:pt idx="2219">
                  <c:v>#N/A</c:v>
                </c:pt>
                <c:pt idx="2220">
                  <c:v>#N/A</c:v>
                </c:pt>
                <c:pt idx="2221">
                  <c:v>#N/A</c:v>
                </c:pt>
                <c:pt idx="2222">
                  <c:v>#N/A</c:v>
                </c:pt>
                <c:pt idx="2223">
                  <c:v>#N/A</c:v>
                </c:pt>
                <c:pt idx="2224">
                  <c:v>#N/A</c:v>
                </c:pt>
                <c:pt idx="2225">
                  <c:v>#N/A</c:v>
                </c:pt>
                <c:pt idx="2226">
                  <c:v>#N/A</c:v>
                </c:pt>
                <c:pt idx="2227">
                  <c:v>#N/A</c:v>
                </c:pt>
                <c:pt idx="2228">
                  <c:v>#N/A</c:v>
                </c:pt>
                <c:pt idx="2229">
                  <c:v>#N/A</c:v>
                </c:pt>
                <c:pt idx="2230">
                  <c:v>#N/A</c:v>
                </c:pt>
                <c:pt idx="2231">
                  <c:v>#N/A</c:v>
                </c:pt>
                <c:pt idx="2232">
                  <c:v>#N/A</c:v>
                </c:pt>
                <c:pt idx="2233">
                  <c:v>#N/A</c:v>
                </c:pt>
                <c:pt idx="2234">
                  <c:v>#N/A</c:v>
                </c:pt>
                <c:pt idx="2235">
                  <c:v>#N/A</c:v>
                </c:pt>
                <c:pt idx="2236">
                  <c:v>#N/A</c:v>
                </c:pt>
                <c:pt idx="2237">
                  <c:v>#N/A</c:v>
                </c:pt>
                <c:pt idx="2238">
                  <c:v>#N/A</c:v>
                </c:pt>
                <c:pt idx="2239">
                  <c:v>#N/A</c:v>
                </c:pt>
                <c:pt idx="2240">
                  <c:v>#N/A</c:v>
                </c:pt>
                <c:pt idx="2241">
                  <c:v>#N/A</c:v>
                </c:pt>
                <c:pt idx="2242">
                  <c:v>#N/A</c:v>
                </c:pt>
                <c:pt idx="2243">
                  <c:v>#N/A</c:v>
                </c:pt>
                <c:pt idx="2244">
                  <c:v>#N/A</c:v>
                </c:pt>
                <c:pt idx="2245">
                  <c:v>#N/A</c:v>
                </c:pt>
                <c:pt idx="2246">
                  <c:v>#N/A</c:v>
                </c:pt>
                <c:pt idx="2247">
                  <c:v>#N/A</c:v>
                </c:pt>
                <c:pt idx="2248">
                  <c:v>#N/A</c:v>
                </c:pt>
                <c:pt idx="2249">
                  <c:v>#N/A</c:v>
                </c:pt>
                <c:pt idx="2250">
                  <c:v>#N/A</c:v>
                </c:pt>
                <c:pt idx="2251">
                  <c:v>#N/A</c:v>
                </c:pt>
                <c:pt idx="2252">
                  <c:v>#N/A</c:v>
                </c:pt>
                <c:pt idx="2253">
                  <c:v>#N/A</c:v>
                </c:pt>
                <c:pt idx="2254">
                  <c:v>#N/A</c:v>
                </c:pt>
                <c:pt idx="2255">
                  <c:v>#N/A</c:v>
                </c:pt>
                <c:pt idx="2256">
                  <c:v>#N/A</c:v>
                </c:pt>
                <c:pt idx="2257">
                  <c:v>#N/A</c:v>
                </c:pt>
                <c:pt idx="2258">
                  <c:v>#N/A</c:v>
                </c:pt>
                <c:pt idx="2259">
                  <c:v>#N/A</c:v>
                </c:pt>
                <c:pt idx="2260">
                  <c:v>#N/A</c:v>
                </c:pt>
                <c:pt idx="2261">
                  <c:v>#N/A</c:v>
                </c:pt>
                <c:pt idx="2262">
                  <c:v>#N/A</c:v>
                </c:pt>
                <c:pt idx="2263">
                  <c:v>336.4466160746141</c:v>
                </c:pt>
                <c:pt idx="2264">
                  <c:v>311.28184333761686</c:v>
                </c:pt>
                <c:pt idx="2265">
                  <c:v>285.65965317400173</c:v>
                </c:pt>
                <c:pt idx="2266">
                  <c:v>264.80242074049653</c:v>
                </c:pt>
                <c:pt idx="2267">
                  <c:v>250.05043822167025</c:v>
                </c:pt>
                <c:pt idx="2268">
                  <c:v>231.89051890143674</c:v>
                </c:pt>
                <c:pt idx="2269">
                  <c:v>207.2250924180926</c:v>
                </c:pt>
                <c:pt idx="2270">
                  <c:v>192.15843584766537</c:v>
                </c:pt>
                <c:pt idx="2271">
                  <c:v>185.66272610664183</c:v>
                </c:pt>
                <c:pt idx="2272">
                  <c:v>195.38233785587011</c:v>
                </c:pt>
                <c:pt idx="2273">
                  <c:v>230.37961681328531</c:v>
                </c:pt>
                <c:pt idx="2274">
                  <c:v>284.06023805270985</c:v>
                </c:pt>
                <c:pt idx="2275">
                  <c:v>356.0880164147473</c:v>
                </c:pt>
                <c:pt idx="2276">
                  <c:v>439.29751916575742</c:v>
                </c:pt>
                <c:pt idx="2277">
                  <c:v>#N/A</c:v>
                </c:pt>
                <c:pt idx="2278">
                  <c:v>#N/A</c:v>
                </c:pt>
                <c:pt idx="2279">
                  <c:v>#N/A</c:v>
                </c:pt>
                <c:pt idx="2280">
                  <c:v>#N/A</c:v>
                </c:pt>
                <c:pt idx="2281">
                  <c:v>#N/A</c:v>
                </c:pt>
                <c:pt idx="2282">
                  <c:v>#N/A</c:v>
                </c:pt>
                <c:pt idx="2283">
                  <c:v>#N/A</c:v>
                </c:pt>
                <c:pt idx="2284">
                  <c:v>#N/A</c:v>
                </c:pt>
                <c:pt idx="2285">
                  <c:v>#N/A</c:v>
                </c:pt>
                <c:pt idx="2286">
                  <c:v>#N/A</c:v>
                </c:pt>
                <c:pt idx="2287">
                  <c:v>#N/A</c:v>
                </c:pt>
                <c:pt idx="2288">
                  <c:v>#N/A</c:v>
                </c:pt>
                <c:pt idx="2289">
                  <c:v>#N/A</c:v>
                </c:pt>
                <c:pt idx="2290">
                  <c:v>#N/A</c:v>
                </c:pt>
                <c:pt idx="2291">
                  <c:v>#N/A</c:v>
                </c:pt>
                <c:pt idx="2292">
                  <c:v>#N/A</c:v>
                </c:pt>
                <c:pt idx="2293">
                  <c:v>#N/A</c:v>
                </c:pt>
                <c:pt idx="2294">
                  <c:v>#N/A</c:v>
                </c:pt>
                <c:pt idx="2295">
                  <c:v>#N/A</c:v>
                </c:pt>
                <c:pt idx="2296">
                  <c:v>#N/A</c:v>
                </c:pt>
                <c:pt idx="2297">
                  <c:v>#N/A</c:v>
                </c:pt>
                <c:pt idx="2298">
                  <c:v>#N/A</c:v>
                </c:pt>
                <c:pt idx="2299">
                  <c:v>#N/A</c:v>
                </c:pt>
                <c:pt idx="2300">
                  <c:v>#N/A</c:v>
                </c:pt>
                <c:pt idx="2301">
                  <c:v>#N/A</c:v>
                </c:pt>
                <c:pt idx="2302">
                  <c:v>#N/A</c:v>
                </c:pt>
                <c:pt idx="2303">
                  <c:v>#N/A</c:v>
                </c:pt>
                <c:pt idx="2304">
                  <c:v>#N/A</c:v>
                </c:pt>
                <c:pt idx="2305">
                  <c:v>#N/A</c:v>
                </c:pt>
                <c:pt idx="2306">
                  <c:v>#N/A</c:v>
                </c:pt>
                <c:pt idx="2307">
                  <c:v>#N/A</c:v>
                </c:pt>
                <c:pt idx="2308">
                  <c:v>#N/A</c:v>
                </c:pt>
                <c:pt idx="2309">
                  <c:v>#N/A</c:v>
                </c:pt>
                <c:pt idx="2310">
                  <c:v>#N/A</c:v>
                </c:pt>
                <c:pt idx="2311">
                  <c:v>#N/A</c:v>
                </c:pt>
                <c:pt idx="2312">
                  <c:v>#N/A</c:v>
                </c:pt>
                <c:pt idx="2313">
                  <c:v>#N/A</c:v>
                </c:pt>
                <c:pt idx="2314">
                  <c:v>#N/A</c:v>
                </c:pt>
                <c:pt idx="2315">
                  <c:v>#N/A</c:v>
                </c:pt>
                <c:pt idx="2316">
                  <c:v>#N/A</c:v>
                </c:pt>
                <c:pt idx="2317">
                  <c:v>#N/A</c:v>
                </c:pt>
                <c:pt idx="2318">
                  <c:v>#N/A</c:v>
                </c:pt>
                <c:pt idx="2319">
                  <c:v>#N/A</c:v>
                </c:pt>
                <c:pt idx="2320">
                  <c:v>#N/A</c:v>
                </c:pt>
                <c:pt idx="2321">
                  <c:v>#N/A</c:v>
                </c:pt>
                <c:pt idx="2322">
                  <c:v>#N/A</c:v>
                </c:pt>
                <c:pt idx="2323">
                  <c:v>#N/A</c:v>
                </c:pt>
                <c:pt idx="2324">
                  <c:v>#N/A</c:v>
                </c:pt>
                <c:pt idx="2325">
                  <c:v>#N/A</c:v>
                </c:pt>
                <c:pt idx="2326">
                  <c:v>#N/A</c:v>
                </c:pt>
                <c:pt idx="2327">
                  <c:v>#N/A</c:v>
                </c:pt>
                <c:pt idx="2328">
                  <c:v>#N/A</c:v>
                </c:pt>
                <c:pt idx="2329">
                  <c:v>#N/A</c:v>
                </c:pt>
                <c:pt idx="2330">
                  <c:v>#N/A</c:v>
                </c:pt>
                <c:pt idx="2331">
                  <c:v>#N/A</c:v>
                </c:pt>
                <c:pt idx="2332">
                  <c:v>#N/A</c:v>
                </c:pt>
                <c:pt idx="2333">
                  <c:v>#N/A</c:v>
                </c:pt>
                <c:pt idx="2334">
                  <c:v>#N/A</c:v>
                </c:pt>
                <c:pt idx="2335">
                  <c:v>#N/A</c:v>
                </c:pt>
                <c:pt idx="2336">
                  <c:v>#N/A</c:v>
                </c:pt>
                <c:pt idx="2337">
                  <c:v>#N/A</c:v>
                </c:pt>
                <c:pt idx="2338">
                  <c:v>#N/A</c:v>
                </c:pt>
                <c:pt idx="2339">
                  <c:v>#N/A</c:v>
                </c:pt>
                <c:pt idx="2340">
                  <c:v>#N/A</c:v>
                </c:pt>
                <c:pt idx="2341">
                  <c:v>#N/A</c:v>
                </c:pt>
                <c:pt idx="2342">
                  <c:v>#N/A</c:v>
                </c:pt>
                <c:pt idx="2343">
                  <c:v>#N/A</c:v>
                </c:pt>
                <c:pt idx="2344">
                  <c:v>#N/A</c:v>
                </c:pt>
                <c:pt idx="2345">
                  <c:v>#N/A</c:v>
                </c:pt>
                <c:pt idx="2346">
                  <c:v>#N/A</c:v>
                </c:pt>
                <c:pt idx="2347">
                  <c:v>#N/A</c:v>
                </c:pt>
                <c:pt idx="2348">
                  <c:v>#N/A</c:v>
                </c:pt>
                <c:pt idx="2349">
                  <c:v>#N/A</c:v>
                </c:pt>
                <c:pt idx="2350">
                  <c:v>#N/A</c:v>
                </c:pt>
                <c:pt idx="2351">
                  <c:v>#N/A</c:v>
                </c:pt>
                <c:pt idx="2352">
                  <c:v>#N/A</c:v>
                </c:pt>
                <c:pt idx="2353">
                  <c:v>#N/A</c:v>
                </c:pt>
                <c:pt idx="2354">
                  <c:v>#N/A</c:v>
                </c:pt>
                <c:pt idx="2355">
                  <c:v>#N/A</c:v>
                </c:pt>
                <c:pt idx="2356">
                  <c:v>#N/A</c:v>
                </c:pt>
                <c:pt idx="2357">
                  <c:v>#N/A</c:v>
                </c:pt>
                <c:pt idx="2358">
                  <c:v>#N/A</c:v>
                </c:pt>
                <c:pt idx="2359">
                  <c:v>#N/A</c:v>
                </c:pt>
                <c:pt idx="2360">
                  <c:v>#N/A</c:v>
                </c:pt>
                <c:pt idx="2361">
                  <c:v>#N/A</c:v>
                </c:pt>
                <c:pt idx="2362">
                  <c:v>#N/A</c:v>
                </c:pt>
                <c:pt idx="2363">
                  <c:v>#N/A</c:v>
                </c:pt>
                <c:pt idx="2364">
                  <c:v>#N/A</c:v>
                </c:pt>
                <c:pt idx="2365">
                  <c:v>#N/A</c:v>
                </c:pt>
                <c:pt idx="2366">
                  <c:v>#N/A</c:v>
                </c:pt>
                <c:pt idx="2367">
                  <c:v>#N/A</c:v>
                </c:pt>
                <c:pt idx="2368">
                  <c:v>#N/A</c:v>
                </c:pt>
                <c:pt idx="2369">
                  <c:v>#N/A</c:v>
                </c:pt>
                <c:pt idx="2370">
                  <c:v>#N/A</c:v>
                </c:pt>
                <c:pt idx="2371">
                  <c:v>#N/A</c:v>
                </c:pt>
                <c:pt idx="2372">
                  <c:v>#N/A</c:v>
                </c:pt>
                <c:pt idx="2373">
                  <c:v>#N/A</c:v>
                </c:pt>
                <c:pt idx="2374">
                  <c:v>#N/A</c:v>
                </c:pt>
                <c:pt idx="2375">
                  <c:v>#N/A</c:v>
                </c:pt>
                <c:pt idx="2376">
                  <c:v>#N/A</c:v>
                </c:pt>
                <c:pt idx="2377">
                  <c:v>#N/A</c:v>
                </c:pt>
                <c:pt idx="2378">
                  <c:v>#N/A</c:v>
                </c:pt>
                <c:pt idx="2379">
                  <c:v>#N/A</c:v>
                </c:pt>
                <c:pt idx="2380">
                  <c:v>#N/A</c:v>
                </c:pt>
                <c:pt idx="2381">
                  <c:v>#N/A</c:v>
                </c:pt>
                <c:pt idx="2382">
                  <c:v>#N/A</c:v>
                </c:pt>
                <c:pt idx="2383">
                  <c:v>#N/A</c:v>
                </c:pt>
                <c:pt idx="2384">
                  <c:v>#N/A</c:v>
                </c:pt>
                <c:pt idx="2385">
                  <c:v>#N/A</c:v>
                </c:pt>
                <c:pt idx="2386">
                  <c:v>#N/A</c:v>
                </c:pt>
                <c:pt idx="2387">
                  <c:v>#N/A</c:v>
                </c:pt>
                <c:pt idx="2388">
                  <c:v>#N/A</c:v>
                </c:pt>
                <c:pt idx="2389">
                  <c:v>#N/A</c:v>
                </c:pt>
                <c:pt idx="2390">
                  <c:v>#N/A</c:v>
                </c:pt>
                <c:pt idx="2391">
                  <c:v>#N/A</c:v>
                </c:pt>
                <c:pt idx="2392">
                  <c:v>#N/A</c:v>
                </c:pt>
                <c:pt idx="2393">
                  <c:v>#N/A</c:v>
                </c:pt>
                <c:pt idx="2394">
                  <c:v>#N/A</c:v>
                </c:pt>
                <c:pt idx="2395">
                  <c:v>#N/A</c:v>
                </c:pt>
                <c:pt idx="2396">
                  <c:v>#N/A</c:v>
                </c:pt>
                <c:pt idx="2397">
                  <c:v>#N/A</c:v>
                </c:pt>
                <c:pt idx="2398">
                  <c:v>#N/A</c:v>
                </c:pt>
                <c:pt idx="2399">
                  <c:v>#N/A</c:v>
                </c:pt>
                <c:pt idx="2400">
                  <c:v>#N/A</c:v>
                </c:pt>
                <c:pt idx="2401">
                  <c:v>#N/A</c:v>
                </c:pt>
                <c:pt idx="2402">
                  <c:v>#N/A</c:v>
                </c:pt>
                <c:pt idx="2403">
                  <c:v>#N/A</c:v>
                </c:pt>
                <c:pt idx="2404">
                  <c:v>#N/A</c:v>
                </c:pt>
                <c:pt idx="2405">
                  <c:v>#N/A</c:v>
                </c:pt>
                <c:pt idx="2406">
                  <c:v>#N/A</c:v>
                </c:pt>
                <c:pt idx="2407">
                  <c:v>#N/A</c:v>
                </c:pt>
                <c:pt idx="2408">
                  <c:v>#N/A</c:v>
                </c:pt>
                <c:pt idx="2409">
                  <c:v>#N/A</c:v>
                </c:pt>
                <c:pt idx="2410">
                  <c:v>#N/A</c:v>
                </c:pt>
                <c:pt idx="2411">
                  <c:v>#N/A</c:v>
                </c:pt>
                <c:pt idx="2412">
                  <c:v>#N/A</c:v>
                </c:pt>
                <c:pt idx="2413">
                  <c:v>#N/A</c:v>
                </c:pt>
                <c:pt idx="2414">
                  <c:v>#N/A</c:v>
                </c:pt>
                <c:pt idx="2415">
                  <c:v>#N/A</c:v>
                </c:pt>
                <c:pt idx="2416">
                  <c:v>#N/A</c:v>
                </c:pt>
                <c:pt idx="2417">
                  <c:v>#N/A</c:v>
                </c:pt>
                <c:pt idx="2418">
                  <c:v>#N/A</c:v>
                </c:pt>
                <c:pt idx="2419">
                  <c:v>#N/A</c:v>
                </c:pt>
                <c:pt idx="2420">
                  <c:v>#N/A</c:v>
                </c:pt>
                <c:pt idx="2421">
                  <c:v>#N/A</c:v>
                </c:pt>
                <c:pt idx="2422">
                  <c:v>#N/A</c:v>
                </c:pt>
                <c:pt idx="2423">
                  <c:v>508.30770944082133</c:v>
                </c:pt>
                <c:pt idx="2424">
                  <c:v>505.91462806964813</c:v>
                </c:pt>
                <c:pt idx="2425">
                  <c:v>498.32259670662046</c:v>
                </c:pt>
                <c:pt idx="2426">
                  <c:v>478.00353470248712</c:v>
                </c:pt>
                <c:pt idx="2427">
                  <c:v>459.44021962121889</c:v>
                </c:pt>
                <c:pt idx="2428">
                  <c:v>434.79655793129081</c:v>
                </c:pt>
                <c:pt idx="2429">
                  <c:v>406.26545469609829</c:v>
                </c:pt>
                <c:pt idx="2430">
                  <c:v>381.53319672807089</c:v>
                </c:pt>
                <c:pt idx="2431">
                  <c:v>357.36520013972455</c:v>
                </c:pt>
                <c:pt idx="2432">
                  <c:v>341.19695674508137</c:v>
                </c:pt>
                <c:pt idx="2433">
                  <c:v>329.12315936674469</c:v>
                </c:pt>
                <c:pt idx="2434">
                  <c:v>315.6768299112029</c:v>
                </c:pt>
                <c:pt idx="2435">
                  <c:v>306.1821381382145</c:v>
                </c:pt>
                <c:pt idx="2436">
                  <c:v>313.06983173851597</c:v>
                </c:pt>
                <c:pt idx="2437">
                  <c:v>332.05256646381667</c:v>
                </c:pt>
                <c:pt idx="2438">
                  <c:v>364.22147424177319</c:v>
                </c:pt>
                <c:pt idx="2439">
                  <c:v>403.30241654688211</c:v>
                </c:pt>
                <c:pt idx="2440">
                  <c:v>441.63370661752111</c:v>
                </c:pt>
                <c:pt idx="2441">
                  <c:v>482.88553777944054</c:v>
                </c:pt>
                <c:pt idx="2442">
                  <c:v>529.62308410992898</c:v>
                </c:pt>
                <c:pt idx="2443">
                  <c:v>#N/A</c:v>
                </c:pt>
                <c:pt idx="2444">
                  <c:v>#N/A</c:v>
                </c:pt>
                <c:pt idx="2445">
                  <c:v>#N/A</c:v>
                </c:pt>
                <c:pt idx="2446">
                  <c:v>#N/A</c:v>
                </c:pt>
                <c:pt idx="2447">
                  <c:v>#N/A</c:v>
                </c:pt>
                <c:pt idx="2448">
                  <c:v>#N/A</c:v>
                </c:pt>
                <c:pt idx="2449">
                  <c:v>#N/A</c:v>
                </c:pt>
                <c:pt idx="2450">
                  <c:v>#N/A</c:v>
                </c:pt>
                <c:pt idx="2451">
                  <c:v>#N/A</c:v>
                </c:pt>
                <c:pt idx="2452">
                  <c:v>#N/A</c:v>
                </c:pt>
                <c:pt idx="2453">
                  <c:v>#N/A</c:v>
                </c:pt>
                <c:pt idx="2454">
                  <c:v>#N/A</c:v>
                </c:pt>
                <c:pt idx="2455">
                  <c:v>#N/A</c:v>
                </c:pt>
                <c:pt idx="2456">
                  <c:v>#N/A</c:v>
                </c:pt>
                <c:pt idx="2457">
                  <c:v>#N/A</c:v>
                </c:pt>
                <c:pt idx="2458">
                  <c:v>#N/A</c:v>
                </c:pt>
                <c:pt idx="2459">
                  <c:v>#N/A</c:v>
                </c:pt>
                <c:pt idx="2460">
                  <c:v>#N/A</c:v>
                </c:pt>
                <c:pt idx="2461">
                  <c:v>#N/A</c:v>
                </c:pt>
                <c:pt idx="2462">
                  <c:v>#N/A</c:v>
                </c:pt>
                <c:pt idx="2463">
                  <c:v>#N/A</c:v>
                </c:pt>
                <c:pt idx="2464">
                  <c:v>#N/A</c:v>
                </c:pt>
                <c:pt idx="2465">
                  <c:v>#N/A</c:v>
                </c:pt>
                <c:pt idx="2466">
                  <c:v>#N/A</c:v>
                </c:pt>
                <c:pt idx="2467">
                  <c:v>#N/A</c:v>
                </c:pt>
                <c:pt idx="2468">
                  <c:v>#N/A</c:v>
                </c:pt>
                <c:pt idx="2469">
                  <c:v>#N/A</c:v>
                </c:pt>
                <c:pt idx="2470">
                  <c:v>#N/A</c:v>
                </c:pt>
                <c:pt idx="2471">
                  <c:v>#N/A</c:v>
                </c:pt>
                <c:pt idx="2472">
                  <c:v>#N/A</c:v>
                </c:pt>
                <c:pt idx="2473">
                  <c:v>#N/A</c:v>
                </c:pt>
                <c:pt idx="2474">
                  <c:v>#N/A</c:v>
                </c:pt>
                <c:pt idx="2475">
                  <c:v>#N/A</c:v>
                </c:pt>
                <c:pt idx="2476">
                  <c:v>#N/A</c:v>
                </c:pt>
                <c:pt idx="2477">
                  <c:v>#N/A</c:v>
                </c:pt>
                <c:pt idx="2478">
                  <c:v>#N/A</c:v>
                </c:pt>
                <c:pt idx="2479">
                  <c:v>#N/A</c:v>
                </c:pt>
                <c:pt idx="2480">
                  <c:v>#N/A</c:v>
                </c:pt>
                <c:pt idx="2481">
                  <c:v>#N/A</c:v>
                </c:pt>
                <c:pt idx="2482">
                  <c:v>#N/A</c:v>
                </c:pt>
                <c:pt idx="2483">
                  <c:v>#N/A</c:v>
                </c:pt>
                <c:pt idx="2484">
                  <c:v>#N/A</c:v>
                </c:pt>
                <c:pt idx="2485">
                  <c:v>#N/A</c:v>
                </c:pt>
                <c:pt idx="2486">
                  <c:v>#N/A</c:v>
                </c:pt>
                <c:pt idx="2487">
                  <c:v>#N/A</c:v>
                </c:pt>
                <c:pt idx="2488">
                  <c:v>#N/A</c:v>
                </c:pt>
                <c:pt idx="2489">
                  <c:v>#N/A</c:v>
                </c:pt>
                <c:pt idx="2490">
                  <c:v>#N/A</c:v>
                </c:pt>
                <c:pt idx="2491">
                  <c:v>#N/A</c:v>
                </c:pt>
                <c:pt idx="2492">
                  <c:v>#N/A</c:v>
                </c:pt>
                <c:pt idx="2493">
                  <c:v>#N/A</c:v>
                </c:pt>
                <c:pt idx="2494">
                  <c:v>#N/A</c:v>
                </c:pt>
                <c:pt idx="2495">
                  <c:v>#N/A</c:v>
                </c:pt>
                <c:pt idx="2496">
                  <c:v>#N/A</c:v>
                </c:pt>
                <c:pt idx="2497">
                  <c:v>#N/A</c:v>
                </c:pt>
                <c:pt idx="2498">
                  <c:v>#N/A</c:v>
                </c:pt>
                <c:pt idx="2499">
                  <c:v>#N/A</c:v>
                </c:pt>
                <c:pt idx="2500">
                  <c:v>#N/A</c:v>
                </c:pt>
                <c:pt idx="2501">
                  <c:v>421.89673600922998</c:v>
                </c:pt>
                <c:pt idx="2502">
                  <c:v>372.57430353379272</c:v>
                </c:pt>
                <c:pt idx="2503">
                  <c:v>332.08460133810036</c:v>
                </c:pt>
                <c:pt idx="2504">
                  <c:v>302.23317262470579</c:v>
                </c:pt>
                <c:pt idx="2505">
                  <c:v>282.02737610396963</c:v>
                </c:pt>
                <c:pt idx="2506">
                  <c:v>271.13769658964725</c:v>
                </c:pt>
                <c:pt idx="2507">
                  <c:v>272.2537687112706</c:v>
                </c:pt>
                <c:pt idx="2508">
                  <c:v>272.4771897891091</c:v>
                </c:pt>
                <c:pt idx="2509">
                  <c:v>281.5574506967917</c:v>
                </c:pt>
                <c:pt idx="2510">
                  <c:v>334.06775763627007</c:v>
                </c:pt>
                <c:pt idx="2511">
                  <c:v>397.57312787204063</c:v>
                </c:pt>
                <c:pt idx="2512">
                  <c:v>454.6149682927059</c:v>
                </c:pt>
                <c:pt idx="2513">
                  <c:v>508.56846952500928</c:v>
                </c:pt>
                <c:pt idx="2514">
                  <c:v>564.81168966523421</c:v>
                </c:pt>
                <c:pt idx="2515">
                  <c:v>#N/A</c:v>
                </c:pt>
                <c:pt idx="2516">
                  <c:v>#N/A</c:v>
                </c:pt>
                <c:pt idx="2517">
                  <c:v>#N/A</c:v>
                </c:pt>
                <c:pt idx="2518">
                  <c:v>#N/A</c:v>
                </c:pt>
                <c:pt idx="2519">
                  <c:v>#N/A</c:v>
                </c:pt>
                <c:pt idx="2520">
                  <c:v>#N/A</c:v>
                </c:pt>
                <c:pt idx="2521">
                  <c:v>#N/A</c:v>
                </c:pt>
                <c:pt idx="2522">
                  <c:v>#N/A</c:v>
                </c:pt>
                <c:pt idx="2523">
                  <c:v>#N/A</c:v>
                </c:pt>
                <c:pt idx="2524">
                  <c:v>#N/A</c:v>
                </c:pt>
                <c:pt idx="2525">
                  <c:v>#N/A</c:v>
                </c:pt>
                <c:pt idx="2526">
                  <c:v>#N/A</c:v>
                </c:pt>
                <c:pt idx="2527">
                  <c:v>#N/A</c:v>
                </c:pt>
                <c:pt idx="2528">
                  <c:v>#N/A</c:v>
                </c:pt>
                <c:pt idx="2529">
                  <c:v>#N/A</c:v>
                </c:pt>
                <c:pt idx="2530">
                  <c:v>#N/A</c:v>
                </c:pt>
                <c:pt idx="2531">
                  <c:v>#N/A</c:v>
                </c:pt>
                <c:pt idx="2532">
                  <c:v>#N/A</c:v>
                </c:pt>
                <c:pt idx="2533">
                  <c:v>#N/A</c:v>
                </c:pt>
                <c:pt idx="2534">
                  <c:v>#N/A</c:v>
                </c:pt>
                <c:pt idx="2535">
                  <c:v>#N/A</c:v>
                </c:pt>
                <c:pt idx="2536">
                  <c:v>#N/A</c:v>
                </c:pt>
                <c:pt idx="2537">
                  <c:v>#N/A</c:v>
                </c:pt>
                <c:pt idx="2538">
                  <c:v>#N/A</c:v>
                </c:pt>
                <c:pt idx="2539">
                  <c:v>#N/A</c:v>
                </c:pt>
                <c:pt idx="2540">
                  <c:v>#N/A</c:v>
                </c:pt>
                <c:pt idx="2541">
                  <c:v>#N/A</c:v>
                </c:pt>
                <c:pt idx="2542">
                  <c:v>#N/A</c:v>
                </c:pt>
                <c:pt idx="2543">
                  <c:v>#N/A</c:v>
                </c:pt>
                <c:pt idx="2544">
                  <c:v>#N/A</c:v>
                </c:pt>
                <c:pt idx="2545">
                  <c:v>#N/A</c:v>
                </c:pt>
                <c:pt idx="2546">
                  <c:v>#N/A</c:v>
                </c:pt>
                <c:pt idx="2547">
                  <c:v>#N/A</c:v>
                </c:pt>
                <c:pt idx="2548">
                  <c:v>#N/A</c:v>
                </c:pt>
                <c:pt idx="2549">
                  <c:v>#N/A</c:v>
                </c:pt>
                <c:pt idx="2550">
                  <c:v>#N/A</c:v>
                </c:pt>
                <c:pt idx="2551">
                  <c:v>423.0655347400463</c:v>
                </c:pt>
                <c:pt idx="2552">
                  <c:v>372.48837285940095</c:v>
                </c:pt>
                <c:pt idx="2553">
                  <c:v>322.74300595527598</c:v>
                </c:pt>
                <c:pt idx="2554">
                  <c:v>275.58545116027625</c:v>
                </c:pt>
                <c:pt idx="2555">
                  <c:v>238.59537862548856</c:v>
                </c:pt>
                <c:pt idx="2556">
                  <c:v>213.79077027226552</c:v>
                </c:pt>
                <c:pt idx="2557">
                  <c:v>198.07129140697654</c:v>
                </c:pt>
                <c:pt idx="2558">
                  <c:v>189.92433797565084</c:v>
                </c:pt>
                <c:pt idx="2559">
                  <c:v>185.20009067767955</c:v>
                </c:pt>
                <c:pt idx="2560">
                  <c:v>168.37337308990615</c:v>
                </c:pt>
                <c:pt idx="2561">
                  <c:v>148.86219338009369</c:v>
                </c:pt>
                <c:pt idx="2562">
                  <c:v>135.71179726220421</c:v>
                </c:pt>
                <c:pt idx="2563">
                  <c:v>125.72285942750047</c:v>
                </c:pt>
                <c:pt idx="2564">
                  <c:v>113.34192730952788</c:v>
                </c:pt>
                <c:pt idx="2565">
                  <c:v>103.32067427936975</c:v>
                </c:pt>
                <c:pt idx="2566">
                  <c:v>103.20134994548432</c:v>
                </c:pt>
                <c:pt idx="2567">
                  <c:v>123.3556688964245</c:v>
                </c:pt>
                <c:pt idx="2568">
                  <c:v>171.43747686545646</c:v>
                </c:pt>
                <c:pt idx="2569">
                  <c:v>247.0222867814241</c:v>
                </c:pt>
                <c:pt idx="2570">
                  <c:v>339.20970286267618</c:v>
                </c:pt>
                <c:pt idx="2571">
                  <c:v>421.42928161518256</c:v>
                </c:pt>
                <c:pt idx="2572">
                  <c:v>#N/A</c:v>
                </c:pt>
                <c:pt idx="2573">
                  <c:v>#N/A</c:v>
                </c:pt>
                <c:pt idx="2574">
                  <c:v>#N/A</c:v>
                </c:pt>
                <c:pt idx="2575">
                  <c:v>#N/A</c:v>
                </c:pt>
                <c:pt idx="2576">
                  <c:v>#N/A</c:v>
                </c:pt>
                <c:pt idx="2577">
                  <c:v>#N/A</c:v>
                </c:pt>
                <c:pt idx="2578">
                  <c:v>#N/A</c:v>
                </c:pt>
                <c:pt idx="2579">
                  <c:v>#N/A</c:v>
                </c:pt>
                <c:pt idx="2580">
                  <c:v>#N/A</c:v>
                </c:pt>
                <c:pt idx="2581">
                  <c:v>#N/A</c:v>
                </c:pt>
                <c:pt idx="2582">
                  <c:v>#N/A</c:v>
                </c:pt>
                <c:pt idx="2583">
                  <c:v>#N/A</c:v>
                </c:pt>
                <c:pt idx="2584">
                  <c:v>#N/A</c:v>
                </c:pt>
                <c:pt idx="2585">
                  <c:v>#N/A</c:v>
                </c:pt>
                <c:pt idx="2586">
                  <c:v>#N/A</c:v>
                </c:pt>
                <c:pt idx="2587">
                  <c:v>#N/A</c:v>
                </c:pt>
                <c:pt idx="2588">
                  <c:v>#N/A</c:v>
                </c:pt>
                <c:pt idx="2589">
                  <c:v>#N/A</c:v>
                </c:pt>
                <c:pt idx="2590">
                  <c:v>#N/A</c:v>
                </c:pt>
                <c:pt idx="2591">
                  <c:v>#N/A</c:v>
                </c:pt>
                <c:pt idx="2592">
                  <c:v>#N/A</c:v>
                </c:pt>
                <c:pt idx="2593">
                  <c:v>#N/A</c:v>
                </c:pt>
                <c:pt idx="2594">
                  <c:v>#N/A</c:v>
                </c:pt>
                <c:pt idx="2595">
                  <c:v>#N/A</c:v>
                </c:pt>
                <c:pt idx="2596">
                  <c:v>#N/A</c:v>
                </c:pt>
                <c:pt idx="2597">
                  <c:v>#N/A</c:v>
                </c:pt>
                <c:pt idx="2598">
                  <c:v>#N/A</c:v>
                </c:pt>
                <c:pt idx="2599">
                  <c:v>#N/A</c:v>
                </c:pt>
                <c:pt idx="2600">
                  <c:v>#N/A</c:v>
                </c:pt>
                <c:pt idx="2601">
                  <c:v>#N/A</c:v>
                </c:pt>
                <c:pt idx="2602">
                  <c:v>#N/A</c:v>
                </c:pt>
                <c:pt idx="2603">
                  <c:v>#N/A</c:v>
                </c:pt>
                <c:pt idx="2604">
                  <c:v>#N/A</c:v>
                </c:pt>
                <c:pt idx="2605">
                  <c:v>#N/A</c:v>
                </c:pt>
                <c:pt idx="2606">
                  <c:v>#N/A</c:v>
                </c:pt>
                <c:pt idx="2607">
                  <c:v>#N/A</c:v>
                </c:pt>
                <c:pt idx="2608">
                  <c:v>#N/A</c:v>
                </c:pt>
                <c:pt idx="2609">
                  <c:v>#N/A</c:v>
                </c:pt>
                <c:pt idx="2610">
                  <c:v>#N/A</c:v>
                </c:pt>
                <c:pt idx="2611">
                  <c:v>#N/A</c:v>
                </c:pt>
                <c:pt idx="2612">
                  <c:v>#N/A</c:v>
                </c:pt>
                <c:pt idx="2613">
                  <c:v>#N/A</c:v>
                </c:pt>
                <c:pt idx="2614">
                  <c:v>#N/A</c:v>
                </c:pt>
                <c:pt idx="2615">
                  <c:v>#N/A</c:v>
                </c:pt>
                <c:pt idx="2616">
                  <c:v>#N/A</c:v>
                </c:pt>
                <c:pt idx="2617">
                  <c:v>#N/A</c:v>
                </c:pt>
                <c:pt idx="2618">
                  <c:v>#N/A</c:v>
                </c:pt>
                <c:pt idx="2619">
                  <c:v>#N/A</c:v>
                </c:pt>
                <c:pt idx="2620">
                  <c:v>#N/A</c:v>
                </c:pt>
                <c:pt idx="2621">
                  <c:v>#N/A</c:v>
                </c:pt>
                <c:pt idx="2622">
                  <c:v>#N/A</c:v>
                </c:pt>
                <c:pt idx="2623">
                  <c:v>#N/A</c:v>
                </c:pt>
                <c:pt idx="2624">
                  <c:v>#N/A</c:v>
                </c:pt>
                <c:pt idx="2625">
                  <c:v>#N/A</c:v>
                </c:pt>
                <c:pt idx="2626">
                  <c:v>#N/A</c:v>
                </c:pt>
                <c:pt idx="2627">
                  <c:v>#N/A</c:v>
                </c:pt>
                <c:pt idx="2628">
                  <c:v>#N/A</c:v>
                </c:pt>
                <c:pt idx="2629">
                  <c:v>#N/A</c:v>
                </c:pt>
                <c:pt idx="2630">
                  <c:v>#N/A</c:v>
                </c:pt>
                <c:pt idx="2631">
                  <c:v>#N/A</c:v>
                </c:pt>
                <c:pt idx="2632">
                  <c:v>#N/A</c:v>
                </c:pt>
                <c:pt idx="2633">
                  <c:v>#N/A</c:v>
                </c:pt>
                <c:pt idx="2634">
                  <c:v>#N/A</c:v>
                </c:pt>
                <c:pt idx="2635">
                  <c:v>#N/A</c:v>
                </c:pt>
                <c:pt idx="2636">
                  <c:v>#N/A</c:v>
                </c:pt>
                <c:pt idx="2637">
                  <c:v>#N/A</c:v>
                </c:pt>
                <c:pt idx="2638">
                  <c:v>#N/A</c:v>
                </c:pt>
                <c:pt idx="2639">
                  <c:v>#N/A</c:v>
                </c:pt>
                <c:pt idx="2640">
                  <c:v>#N/A</c:v>
                </c:pt>
                <c:pt idx="2641">
                  <c:v>#N/A</c:v>
                </c:pt>
                <c:pt idx="2642">
                  <c:v>#N/A</c:v>
                </c:pt>
                <c:pt idx="2643">
                  <c:v>#N/A</c:v>
                </c:pt>
                <c:pt idx="2644">
                  <c:v>#N/A</c:v>
                </c:pt>
                <c:pt idx="2645">
                  <c:v>#N/A</c:v>
                </c:pt>
                <c:pt idx="2646">
                  <c:v>#N/A</c:v>
                </c:pt>
                <c:pt idx="2647">
                  <c:v>#N/A</c:v>
                </c:pt>
                <c:pt idx="2648">
                  <c:v>#N/A</c:v>
                </c:pt>
                <c:pt idx="2649">
                  <c:v>#N/A</c:v>
                </c:pt>
                <c:pt idx="2650">
                  <c:v>#N/A</c:v>
                </c:pt>
                <c:pt idx="2651">
                  <c:v>#N/A</c:v>
                </c:pt>
                <c:pt idx="2652">
                  <c:v>#N/A</c:v>
                </c:pt>
                <c:pt idx="2653">
                  <c:v>#N/A</c:v>
                </c:pt>
                <c:pt idx="2654">
                  <c:v>#N/A</c:v>
                </c:pt>
                <c:pt idx="2655">
                  <c:v>#N/A</c:v>
                </c:pt>
                <c:pt idx="2656">
                  <c:v>#N/A</c:v>
                </c:pt>
                <c:pt idx="2657">
                  <c:v>#N/A</c:v>
                </c:pt>
                <c:pt idx="2658">
                  <c:v>#N/A</c:v>
                </c:pt>
                <c:pt idx="2659">
                  <c:v>#N/A</c:v>
                </c:pt>
                <c:pt idx="2660">
                  <c:v>597.74337215373384</c:v>
                </c:pt>
                <c:pt idx="2661">
                  <c:v>535.7170703705367</c:v>
                </c:pt>
                <c:pt idx="2662">
                  <c:v>493.69468501273792</c:v>
                </c:pt>
                <c:pt idx="2663">
                  <c:v>471.72265717506093</c:v>
                </c:pt>
                <c:pt idx="2664">
                  <c:v>467.33665364474626</c:v>
                </c:pt>
                <c:pt idx="2665">
                  <c:v>481.21893534672881</c:v>
                </c:pt>
                <c:pt idx="2666">
                  <c:v>503.00896251907875</c:v>
                </c:pt>
                <c:pt idx="2667">
                  <c:v>561.37327174719042</c:v>
                </c:pt>
                <c:pt idx="2668">
                  <c:v>624.29192121145297</c:v>
                </c:pt>
                <c:pt idx="2669">
                  <c:v>674.18670725039317</c:v>
                </c:pt>
                <c:pt idx="2670">
                  <c:v>#N/A</c:v>
                </c:pt>
                <c:pt idx="2671">
                  <c:v>#N/A</c:v>
                </c:pt>
                <c:pt idx="2672">
                  <c:v>#N/A</c:v>
                </c:pt>
                <c:pt idx="2673">
                  <c:v>#N/A</c:v>
                </c:pt>
                <c:pt idx="2674">
                  <c:v>#N/A</c:v>
                </c:pt>
                <c:pt idx="2675">
                  <c:v>572.86274200638877</c:v>
                </c:pt>
                <c:pt idx="2676">
                  <c:v>508.38624567190095</c:v>
                </c:pt>
                <c:pt idx="2677">
                  <c:v>445.60317373274637</c:v>
                </c:pt>
                <c:pt idx="2678">
                  <c:v>389.5977966710621</c:v>
                </c:pt>
                <c:pt idx="2679">
                  <c:v>350.59411256889069</c:v>
                </c:pt>
                <c:pt idx="2680">
                  <c:v>325.07451102963313</c:v>
                </c:pt>
                <c:pt idx="2681">
                  <c:v>304.63815029426002</c:v>
                </c:pt>
                <c:pt idx="2682">
                  <c:v>277.66404509317249</c:v>
                </c:pt>
                <c:pt idx="2683">
                  <c:v>247.52553336080825</c:v>
                </c:pt>
                <c:pt idx="2684">
                  <c:v>223.17227703098646</c:v>
                </c:pt>
                <c:pt idx="2685">
                  <c:v>217.20848460586424</c:v>
                </c:pt>
                <c:pt idx="2686">
                  <c:v>226.69754600931785</c:v>
                </c:pt>
                <c:pt idx="2687">
                  <c:v>263.24235786281264</c:v>
                </c:pt>
                <c:pt idx="2688">
                  <c:v>336.95194960172608</c:v>
                </c:pt>
                <c:pt idx="2689">
                  <c:v>399.06796333684866</c:v>
                </c:pt>
                <c:pt idx="2690">
                  <c:v>450.03357092238645</c:v>
                </c:pt>
                <c:pt idx="2691">
                  <c:v>509.27477909669557</c:v>
                </c:pt>
                <c:pt idx="2692">
                  <c:v>572.16913708119557</c:v>
                </c:pt>
                <c:pt idx="2693">
                  <c:v>#N/A</c:v>
                </c:pt>
                <c:pt idx="2694">
                  <c:v>#N/A</c:v>
                </c:pt>
                <c:pt idx="2695">
                  <c:v>#N/A</c:v>
                </c:pt>
                <c:pt idx="2696">
                  <c:v>#N/A</c:v>
                </c:pt>
                <c:pt idx="2697">
                  <c:v>#N/A</c:v>
                </c:pt>
                <c:pt idx="2698">
                  <c:v>#N/A</c:v>
                </c:pt>
                <c:pt idx="2699">
                  <c:v>#N/A</c:v>
                </c:pt>
                <c:pt idx="2700">
                  <c:v>#N/A</c:v>
                </c:pt>
                <c:pt idx="2701">
                  <c:v>#N/A</c:v>
                </c:pt>
                <c:pt idx="2702">
                  <c:v>#N/A</c:v>
                </c:pt>
                <c:pt idx="2703">
                  <c:v>#N/A</c:v>
                </c:pt>
                <c:pt idx="2704">
                  <c:v>#N/A</c:v>
                </c:pt>
                <c:pt idx="2705">
                  <c:v>#N/A</c:v>
                </c:pt>
                <c:pt idx="2706">
                  <c:v>#N/A</c:v>
                </c:pt>
                <c:pt idx="2707">
                  <c:v>#N/A</c:v>
                </c:pt>
                <c:pt idx="2708">
                  <c:v>#N/A</c:v>
                </c:pt>
                <c:pt idx="2709">
                  <c:v>#N/A</c:v>
                </c:pt>
                <c:pt idx="2710">
                  <c:v>#N/A</c:v>
                </c:pt>
                <c:pt idx="2711">
                  <c:v>#N/A</c:v>
                </c:pt>
                <c:pt idx="2712">
                  <c:v>#N/A</c:v>
                </c:pt>
                <c:pt idx="2713">
                  <c:v>#N/A</c:v>
                </c:pt>
                <c:pt idx="2714">
                  <c:v>#N/A</c:v>
                </c:pt>
                <c:pt idx="2715">
                  <c:v>#N/A</c:v>
                </c:pt>
                <c:pt idx="2716">
                  <c:v>#N/A</c:v>
                </c:pt>
                <c:pt idx="2717">
                  <c:v>#N/A</c:v>
                </c:pt>
                <c:pt idx="2718">
                  <c:v>#N/A</c:v>
                </c:pt>
                <c:pt idx="2719">
                  <c:v>#N/A</c:v>
                </c:pt>
                <c:pt idx="2720">
                  <c:v>#N/A</c:v>
                </c:pt>
                <c:pt idx="2721">
                  <c:v>#N/A</c:v>
                </c:pt>
                <c:pt idx="2722">
                  <c:v>#N/A</c:v>
                </c:pt>
                <c:pt idx="2723">
                  <c:v>#N/A</c:v>
                </c:pt>
                <c:pt idx="2724">
                  <c:v>#N/A</c:v>
                </c:pt>
                <c:pt idx="2725">
                  <c:v>#N/A</c:v>
                </c:pt>
                <c:pt idx="2726">
                  <c:v>#N/A</c:v>
                </c:pt>
                <c:pt idx="2727">
                  <c:v>#N/A</c:v>
                </c:pt>
                <c:pt idx="2728">
                  <c:v>#N/A</c:v>
                </c:pt>
                <c:pt idx="2729">
                  <c:v>#N/A</c:v>
                </c:pt>
                <c:pt idx="2730">
                  <c:v>#N/A</c:v>
                </c:pt>
                <c:pt idx="2731">
                  <c:v>#N/A</c:v>
                </c:pt>
                <c:pt idx="2732">
                  <c:v>#N/A</c:v>
                </c:pt>
                <c:pt idx="2733">
                  <c:v>#N/A</c:v>
                </c:pt>
                <c:pt idx="2734">
                  <c:v>#N/A</c:v>
                </c:pt>
                <c:pt idx="2735">
                  <c:v>#N/A</c:v>
                </c:pt>
                <c:pt idx="2736">
                  <c:v>#N/A</c:v>
                </c:pt>
                <c:pt idx="2737">
                  <c:v>#N/A</c:v>
                </c:pt>
                <c:pt idx="2738">
                  <c:v>#N/A</c:v>
                </c:pt>
                <c:pt idx="2739">
                  <c:v>#N/A</c:v>
                </c:pt>
                <c:pt idx="2740">
                  <c:v>#N/A</c:v>
                </c:pt>
                <c:pt idx="2741">
                  <c:v>#N/A</c:v>
                </c:pt>
                <c:pt idx="2742">
                  <c:v>#N/A</c:v>
                </c:pt>
                <c:pt idx="2743">
                  <c:v>#N/A</c:v>
                </c:pt>
                <c:pt idx="2744">
                  <c:v>#N/A</c:v>
                </c:pt>
                <c:pt idx="2745">
                  <c:v>#N/A</c:v>
                </c:pt>
                <c:pt idx="2746">
                  <c:v>#N/A</c:v>
                </c:pt>
                <c:pt idx="2747">
                  <c:v>#N/A</c:v>
                </c:pt>
                <c:pt idx="2748">
                  <c:v>#N/A</c:v>
                </c:pt>
                <c:pt idx="2749">
                  <c:v>#N/A</c:v>
                </c:pt>
                <c:pt idx="2750">
                  <c:v>#N/A</c:v>
                </c:pt>
                <c:pt idx="2751">
                  <c:v>#N/A</c:v>
                </c:pt>
                <c:pt idx="2752">
                  <c:v>#N/A</c:v>
                </c:pt>
                <c:pt idx="2753">
                  <c:v>#N/A</c:v>
                </c:pt>
                <c:pt idx="2754">
                  <c:v>#N/A</c:v>
                </c:pt>
                <c:pt idx="2755">
                  <c:v>#N/A</c:v>
                </c:pt>
                <c:pt idx="2756">
                  <c:v>#N/A</c:v>
                </c:pt>
                <c:pt idx="2757">
                  <c:v>#N/A</c:v>
                </c:pt>
                <c:pt idx="2758">
                  <c:v>#N/A</c:v>
                </c:pt>
                <c:pt idx="2759">
                  <c:v>#N/A</c:v>
                </c:pt>
                <c:pt idx="2760">
                  <c:v>#N/A</c:v>
                </c:pt>
                <c:pt idx="2761">
                  <c:v>#N/A</c:v>
                </c:pt>
                <c:pt idx="2762">
                  <c:v>#N/A</c:v>
                </c:pt>
                <c:pt idx="2763">
                  <c:v>#N/A</c:v>
                </c:pt>
                <c:pt idx="2764">
                  <c:v>#N/A</c:v>
                </c:pt>
                <c:pt idx="2765">
                  <c:v>#N/A</c:v>
                </c:pt>
                <c:pt idx="2766">
                  <c:v>#N/A</c:v>
                </c:pt>
                <c:pt idx="2767">
                  <c:v>#N/A</c:v>
                </c:pt>
                <c:pt idx="2768">
                  <c:v>#N/A</c:v>
                </c:pt>
                <c:pt idx="2769">
                  <c:v>#N/A</c:v>
                </c:pt>
                <c:pt idx="2770">
                  <c:v>#N/A</c:v>
                </c:pt>
                <c:pt idx="2771">
                  <c:v>#N/A</c:v>
                </c:pt>
                <c:pt idx="2772">
                  <c:v>#N/A</c:v>
                </c:pt>
                <c:pt idx="2773">
                  <c:v>#N/A</c:v>
                </c:pt>
                <c:pt idx="2774">
                  <c:v>#N/A</c:v>
                </c:pt>
                <c:pt idx="2775">
                  <c:v>#N/A</c:v>
                </c:pt>
                <c:pt idx="2776">
                  <c:v>#N/A</c:v>
                </c:pt>
                <c:pt idx="2777">
                  <c:v>#N/A</c:v>
                </c:pt>
                <c:pt idx="2778">
                  <c:v>#N/A</c:v>
                </c:pt>
                <c:pt idx="2779">
                  <c:v>#N/A</c:v>
                </c:pt>
                <c:pt idx="2780">
                  <c:v>#N/A</c:v>
                </c:pt>
                <c:pt idx="2781">
                  <c:v>#N/A</c:v>
                </c:pt>
                <c:pt idx="2782">
                  <c:v>#N/A</c:v>
                </c:pt>
                <c:pt idx="2783">
                  <c:v>#N/A</c:v>
                </c:pt>
                <c:pt idx="2784">
                  <c:v>#N/A</c:v>
                </c:pt>
                <c:pt idx="2785">
                  <c:v>#N/A</c:v>
                </c:pt>
                <c:pt idx="2786">
                  <c:v>#N/A</c:v>
                </c:pt>
                <c:pt idx="2787">
                  <c:v>#N/A</c:v>
                </c:pt>
                <c:pt idx="2788">
                  <c:v>#N/A</c:v>
                </c:pt>
                <c:pt idx="2789">
                  <c:v>#N/A</c:v>
                </c:pt>
                <c:pt idx="2790">
                  <c:v>#N/A</c:v>
                </c:pt>
                <c:pt idx="2791">
                  <c:v>#N/A</c:v>
                </c:pt>
                <c:pt idx="2792">
                  <c:v>#N/A</c:v>
                </c:pt>
                <c:pt idx="2793">
                  <c:v>#N/A</c:v>
                </c:pt>
                <c:pt idx="2794">
                  <c:v>#N/A</c:v>
                </c:pt>
                <c:pt idx="2795">
                  <c:v>#N/A</c:v>
                </c:pt>
                <c:pt idx="2796">
                  <c:v>#N/A</c:v>
                </c:pt>
                <c:pt idx="2797">
                  <c:v>#N/A</c:v>
                </c:pt>
                <c:pt idx="2798">
                  <c:v>#N/A</c:v>
                </c:pt>
                <c:pt idx="2799">
                  <c:v>#N/A</c:v>
                </c:pt>
                <c:pt idx="2800">
                  <c:v>#N/A</c:v>
                </c:pt>
                <c:pt idx="2801">
                  <c:v>#N/A</c:v>
                </c:pt>
                <c:pt idx="2802">
                  <c:v>#N/A</c:v>
                </c:pt>
                <c:pt idx="2803">
                  <c:v>#N/A</c:v>
                </c:pt>
                <c:pt idx="2804">
                  <c:v>#N/A</c:v>
                </c:pt>
                <c:pt idx="2805">
                  <c:v>#N/A</c:v>
                </c:pt>
                <c:pt idx="2806">
                  <c:v>#N/A</c:v>
                </c:pt>
                <c:pt idx="2807">
                  <c:v>#N/A</c:v>
                </c:pt>
                <c:pt idx="2808">
                  <c:v>#N/A</c:v>
                </c:pt>
                <c:pt idx="2809">
                  <c:v>#N/A</c:v>
                </c:pt>
                <c:pt idx="2810">
                  <c:v>#N/A</c:v>
                </c:pt>
                <c:pt idx="2811">
                  <c:v>#N/A</c:v>
                </c:pt>
                <c:pt idx="2812">
                  <c:v>#N/A</c:v>
                </c:pt>
                <c:pt idx="2813">
                  <c:v>#N/A</c:v>
                </c:pt>
                <c:pt idx="2814">
                  <c:v>#N/A</c:v>
                </c:pt>
                <c:pt idx="2815">
                  <c:v>#N/A</c:v>
                </c:pt>
                <c:pt idx="2816">
                  <c:v>#N/A</c:v>
                </c:pt>
                <c:pt idx="2817">
                  <c:v>#N/A</c:v>
                </c:pt>
                <c:pt idx="2818">
                  <c:v>#N/A</c:v>
                </c:pt>
                <c:pt idx="2819">
                  <c:v>#N/A</c:v>
                </c:pt>
                <c:pt idx="2820">
                  <c:v>#N/A</c:v>
                </c:pt>
                <c:pt idx="2821">
                  <c:v>#N/A</c:v>
                </c:pt>
                <c:pt idx="2822">
                  <c:v>#N/A</c:v>
                </c:pt>
                <c:pt idx="2823">
                  <c:v>#N/A</c:v>
                </c:pt>
                <c:pt idx="2824">
                  <c:v>#N/A</c:v>
                </c:pt>
                <c:pt idx="2825">
                  <c:v>#N/A</c:v>
                </c:pt>
                <c:pt idx="2826">
                  <c:v>#N/A</c:v>
                </c:pt>
                <c:pt idx="2827">
                  <c:v>#N/A</c:v>
                </c:pt>
                <c:pt idx="2828">
                  <c:v>#N/A</c:v>
                </c:pt>
                <c:pt idx="2829">
                  <c:v>#N/A</c:v>
                </c:pt>
                <c:pt idx="2830">
                  <c:v>#N/A</c:v>
                </c:pt>
                <c:pt idx="2831">
                  <c:v>#N/A</c:v>
                </c:pt>
                <c:pt idx="2832">
                  <c:v>#N/A</c:v>
                </c:pt>
                <c:pt idx="2833">
                  <c:v>#N/A</c:v>
                </c:pt>
                <c:pt idx="2834">
                  <c:v>#N/A</c:v>
                </c:pt>
                <c:pt idx="2835">
                  <c:v>#N/A</c:v>
                </c:pt>
                <c:pt idx="2836">
                  <c:v>#N/A</c:v>
                </c:pt>
                <c:pt idx="2837">
                  <c:v>#N/A</c:v>
                </c:pt>
                <c:pt idx="2838">
                  <c:v>#N/A</c:v>
                </c:pt>
                <c:pt idx="2839">
                  <c:v>#N/A</c:v>
                </c:pt>
                <c:pt idx="2840">
                  <c:v>#N/A</c:v>
                </c:pt>
                <c:pt idx="2841">
                  <c:v>#N/A</c:v>
                </c:pt>
                <c:pt idx="2842">
                  <c:v>#N/A</c:v>
                </c:pt>
                <c:pt idx="2843">
                  <c:v>#N/A</c:v>
                </c:pt>
                <c:pt idx="2844">
                  <c:v>#N/A</c:v>
                </c:pt>
                <c:pt idx="2845">
                  <c:v>#N/A</c:v>
                </c:pt>
                <c:pt idx="2846">
                  <c:v>#N/A</c:v>
                </c:pt>
                <c:pt idx="2847">
                  <c:v>#N/A</c:v>
                </c:pt>
                <c:pt idx="2848">
                  <c:v>586.54174387825685</c:v>
                </c:pt>
                <c:pt idx="2849">
                  <c:v>527.74847901698615</c:v>
                </c:pt>
                <c:pt idx="2850">
                  <c:v>470.62538331862083</c:v>
                </c:pt>
                <c:pt idx="2851">
                  <c:v>420.91038352558684</c:v>
                </c:pt>
                <c:pt idx="2852">
                  <c:v>370.52579660042784</c:v>
                </c:pt>
                <c:pt idx="2853">
                  <c:v>327.65161212878849</c:v>
                </c:pt>
                <c:pt idx="2854">
                  <c:v>295.72761665800402</c:v>
                </c:pt>
                <c:pt idx="2855">
                  <c:v>266.47122038185881</c:v>
                </c:pt>
                <c:pt idx="2856">
                  <c:v>244.64996190472382</c:v>
                </c:pt>
                <c:pt idx="2857">
                  <c:v>233.81280419766782</c:v>
                </c:pt>
                <c:pt idx="2858">
                  <c:v>225.98565955899798</c:v>
                </c:pt>
                <c:pt idx="2859">
                  <c:v>212.83822457873598</c:v>
                </c:pt>
                <c:pt idx="2860">
                  <c:v>201.12188944546187</c:v>
                </c:pt>
                <c:pt idx="2861">
                  <c:v>190.09667053668954</c:v>
                </c:pt>
                <c:pt idx="2862">
                  <c:v>235.70551327126216</c:v>
                </c:pt>
                <c:pt idx="2863">
                  <c:v>308.84174083438069</c:v>
                </c:pt>
                <c:pt idx="2864">
                  <c:v>411.23146126252783</c:v>
                </c:pt>
                <c:pt idx="2865">
                  <c:v>533.61510748076819</c:v>
                </c:pt>
                <c:pt idx="2866">
                  <c:v>#N/A</c:v>
                </c:pt>
                <c:pt idx="2867">
                  <c:v>#N/A</c:v>
                </c:pt>
                <c:pt idx="2868">
                  <c:v>#N/A</c:v>
                </c:pt>
                <c:pt idx="2869">
                  <c:v>#N/A</c:v>
                </c:pt>
                <c:pt idx="2870">
                  <c:v>#N/A</c:v>
                </c:pt>
                <c:pt idx="2871">
                  <c:v>#N/A</c:v>
                </c:pt>
                <c:pt idx="2872">
                  <c:v>#N/A</c:v>
                </c:pt>
                <c:pt idx="2873">
                  <c:v>#N/A</c:v>
                </c:pt>
                <c:pt idx="2874">
                  <c:v>#N/A</c:v>
                </c:pt>
                <c:pt idx="2875">
                  <c:v>#N/A</c:v>
                </c:pt>
                <c:pt idx="2876">
                  <c:v>#N/A</c:v>
                </c:pt>
                <c:pt idx="2877">
                  <c:v>#N/A</c:v>
                </c:pt>
                <c:pt idx="2878">
                  <c:v>#N/A</c:v>
                </c:pt>
                <c:pt idx="2879">
                  <c:v>#N/A</c:v>
                </c:pt>
                <c:pt idx="2880">
                  <c:v>#N/A</c:v>
                </c:pt>
                <c:pt idx="2881">
                  <c:v>#N/A</c:v>
                </c:pt>
                <c:pt idx="2882">
                  <c:v>#N/A</c:v>
                </c:pt>
                <c:pt idx="2883">
                  <c:v>#N/A</c:v>
                </c:pt>
                <c:pt idx="2884">
                  <c:v>467.44181308767764</c:v>
                </c:pt>
                <c:pt idx="2885">
                  <c:v>425.7011971570102</c:v>
                </c:pt>
                <c:pt idx="2886">
                  <c:v>389.78632308526159</c:v>
                </c:pt>
                <c:pt idx="2887">
                  <c:v>362.61984468678992</c:v>
                </c:pt>
                <c:pt idx="2888">
                  <c:v>346.53796546430135</c:v>
                </c:pt>
                <c:pt idx="2889">
                  <c:v>334.26734448614326</c:v>
                </c:pt>
                <c:pt idx="2890">
                  <c:v>327.28928954638076</c:v>
                </c:pt>
                <c:pt idx="2891">
                  <c:v>314.50440028597444</c:v>
                </c:pt>
                <c:pt idx="2892">
                  <c:v>298.3904547704272</c:v>
                </c:pt>
                <c:pt idx="2893">
                  <c:v>289.20330686295546</c:v>
                </c:pt>
                <c:pt idx="2894">
                  <c:v>297.4522182391504</c:v>
                </c:pt>
                <c:pt idx="2895">
                  <c:v>306.84863034364656</c:v>
                </c:pt>
                <c:pt idx="2896">
                  <c:v>301.47087407812944</c:v>
                </c:pt>
                <c:pt idx="2897">
                  <c:v>293.90026894721888</c:v>
                </c:pt>
                <c:pt idx="2898">
                  <c:v>276.85785461159821</c:v>
                </c:pt>
                <c:pt idx="2899">
                  <c:v>270.90201190238417</c:v>
                </c:pt>
                <c:pt idx="2900">
                  <c:v>260.30969490511524</c:v>
                </c:pt>
                <c:pt idx="2901">
                  <c:v>259.42337598155018</c:v>
                </c:pt>
                <c:pt idx="2902">
                  <c:v>261.10990133155207</c:v>
                </c:pt>
                <c:pt idx="2903">
                  <c:v>263.52683322016111</c:v>
                </c:pt>
                <c:pt idx="2904">
                  <c:v>263.25138993970751</c:v>
                </c:pt>
                <c:pt idx="2905">
                  <c:v>257.44432426352392</c:v>
                </c:pt>
                <c:pt idx="2906">
                  <c:v>248.40172320227643</c:v>
                </c:pt>
                <c:pt idx="2907">
                  <c:v>240.60476144872538</c:v>
                </c:pt>
                <c:pt idx="2908">
                  <c:v>228.3822329907612</c:v>
                </c:pt>
                <c:pt idx="2909">
                  <c:v>218.60505180742871</c:v>
                </c:pt>
                <c:pt idx="2910">
                  <c:v>210.67229840700588</c:v>
                </c:pt>
                <c:pt idx="2911">
                  <c:v>197.8596978374724</c:v>
                </c:pt>
                <c:pt idx="2912">
                  <c:v>179.36745674572185</c:v>
                </c:pt>
                <c:pt idx="2913">
                  <c:v>165.87428572857661</c:v>
                </c:pt>
                <c:pt idx="2914">
                  <c:v>153.31114922244839</c:v>
                </c:pt>
                <c:pt idx="2915">
                  <c:v>144.24072026997979</c:v>
                </c:pt>
                <c:pt idx="2916">
                  <c:v>146.75629131730645</c:v>
                </c:pt>
                <c:pt idx="2917">
                  <c:v>154.70129812761661</c:v>
                </c:pt>
                <c:pt idx="2918">
                  <c:v>177.48406531980018</c:v>
                </c:pt>
                <c:pt idx="2919">
                  <c:v>205.7389137554735</c:v>
                </c:pt>
                <c:pt idx="2920">
                  <c:v>231.63494333742707</c:v>
                </c:pt>
                <c:pt idx="2921">
                  <c:v>260.02070311480014</c:v>
                </c:pt>
                <c:pt idx="2922">
                  <c:v>285.5251267104494</c:v>
                </c:pt>
                <c:pt idx="2923">
                  <c:v>301.09258671293753</c:v>
                </c:pt>
                <c:pt idx="2924">
                  <c:v>312.39240317234766</c:v>
                </c:pt>
                <c:pt idx="2925">
                  <c:v>319.78226619586871</c:v>
                </c:pt>
                <c:pt idx="2926">
                  <c:v>331.91325914424789</c:v>
                </c:pt>
                <c:pt idx="2927">
                  <c:v>343.6142916343502</c:v>
                </c:pt>
                <c:pt idx="2928">
                  <c:v>358.58174385030458</c:v>
                </c:pt>
                <c:pt idx="2929">
                  <c:v>375.32533844930293</c:v>
                </c:pt>
                <c:pt idx="2930">
                  <c:v>396.25975591092146</c:v>
                </c:pt>
                <c:pt idx="2931">
                  <c:v>420.92127633954402</c:v>
                </c:pt>
                <c:pt idx="2932">
                  <c:v>#N/A</c:v>
                </c:pt>
                <c:pt idx="2933">
                  <c:v>#N/A</c:v>
                </c:pt>
                <c:pt idx="2934">
                  <c:v>#N/A</c:v>
                </c:pt>
                <c:pt idx="2935">
                  <c:v>#N/A</c:v>
                </c:pt>
                <c:pt idx="2936">
                  <c:v>#N/A</c:v>
                </c:pt>
                <c:pt idx="2937">
                  <c:v>#N/A</c:v>
                </c:pt>
                <c:pt idx="2938">
                  <c:v>#N/A</c:v>
                </c:pt>
                <c:pt idx="2939">
                  <c:v>#N/A</c:v>
                </c:pt>
                <c:pt idx="2940">
                  <c:v>#N/A</c:v>
                </c:pt>
                <c:pt idx="2941">
                  <c:v>#N/A</c:v>
                </c:pt>
                <c:pt idx="2942">
                  <c:v>#N/A</c:v>
                </c:pt>
                <c:pt idx="2943">
                  <c:v>#N/A</c:v>
                </c:pt>
                <c:pt idx="2944">
                  <c:v>#N/A</c:v>
                </c:pt>
                <c:pt idx="2945">
                  <c:v>#N/A</c:v>
                </c:pt>
                <c:pt idx="2946">
                  <c:v>#N/A</c:v>
                </c:pt>
                <c:pt idx="2947">
                  <c:v>#N/A</c:v>
                </c:pt>
                <c:pt idx="2948">
                  <c:v>#N/A</c:v>
                </c:pt>
                <c:pt idx="2949">
                  <c:v>#N/A</c:v>
                </c:pt>
                <c:pt idx="2950">
                  <c:v>#N/A</c:v>
                </c:pt>
                <c:pt idx="2951">
                  <c:v>#N/A</c:v>
                </c:pt>
                <c:pt idx="2952">
                  <c:v>#N/A</c:v>
                </c:pt>
                <c:pt idx="2953">
                  <c:v>#N/A</c:v>
                </c:pt>
                <c:pt idx="2954">
                  <c:v>#N/A</c:v>
                </c:pt>
                <c:pt idx="2955">
                  <c:v>#N/A</c:v>
                </c:pt>
                <c:pt idx="2956">
                  <c:v>#N/A</c:v>
                </c:pt>
                <c:pt idx="2957">
                  <c:v>#N/A</c:v>
                </c:pt>
                <c:pt idx="2958">
                  <c:v>497.75861345811171</c:v>
                </c:pt>
                <c:pt idx="2959">
                  <c:v>497.08614182202336</c:v>
                </c:pt>
                <c:pt idx="2960">
                  <c:v>489.49302823271137</c:v>
                </c:pt>
                <c:pt idx="2961">
                  <c:v>487.47139010188857</c:v>
                </c:pt>
                <c:pt idx="2962">
                  <c:v>480.97941975952239</c:v>
                </c:pt>
                <c:pt idx="2963">
                  <c:v>475.41352585239292</c:v>
                </c:pt>
                <c:pt idx="2964">
                  <c:v>459.58593334099942</c:v>
                </c:pt>
                <c:pt idx="2965">
                  <c:v>439.7150333598309</c:v>
                </c:pt>
                <c:pt idx="2966">
                  <c:v>421.08722076661644</c:v>
                </c:pt>
                <c:pt idx="2967">
                  <c:v>395.64444437035132</c:v>
                </c:pt>
                <c:pt idx="2968">
                  <c:v>370.10705755014669</c:v>
                </c:pt>
                <c:pt idx="2969">
                  <c:v>338.63885110151949</c:v>
                </c:pt>
                <c:pt idx="2970">
                  <c:v>322.60203499213725</c:v>
                </c:pt>
                <c:pt idx="2971">
                  <c:v>312.51484480960443</c:v>
                </c:pt>
                <c:pt idx="2972">
                  <c:v>325.41569403326156</c:v>
                </c:pt>
                <c:pt idx="2973">
                  <c:v>365.66202589209962</c:v>
                </c:pt>
                <c:pt idx="2974">
                  <c:v>435.60399785683893</c:v>
                </c:pt>
                <c:pt idx="2975">
                  <c:v>517.33703988242735</c:v>
                </c:pt>
                <c:pt idx="2976">
                  <c:v>595.9279905665926</c:v>
                </c:pt>
                <c:pt idx="2977">
                  <c:v>#N/A</c:v>
                </c:pt>
                <c:pt idx="2978">
                  <c:v>#N/A</c:v>
                </c:pt>
                <c:pt idx="2979">
                  <c:v>#N/A</c:v>
                </c:pt>
                <c:pt idx="2980">
                  <c:v>#N/A</c:v>
                </c:pt>
                <c:pt idx="2981">
                  <c:v>#N/A</c:v>
                </c:pt>
                <c:pt idx="2982">
                  <c:v>#N/A</c:v>
                </c:pt>
                <c:pt idx="2983">
                  <c:v>530.76462861573646</c:v>
                </c:pt>
                <c:pt idx="2984">
                  <c:v>484.12034847971648</c:v>
                </c:pt>
                <c:pt idx="2985">
                  <c:v>440.36167508818835</c:v>
                </c:pt>
                <c:pt idx="2986">
                  <c:v>408.88770650388136</c:v>
                </c:pt>
                <c:pt idx="2987">
                  <c:v>389.10015811192631</c:v>
                </c:pt>
                <c:pt idx="2988">
                  <c:v>382.45875443375525</c:v>
                </c:pt>
                <c:pt idx="2989">
                  <c:v>376.47505154279088</c:v>
                </c:pt>
                <c:pt idx="2990">
                  <c:v>372.24870071154629</c:v>
                </c:pt>
                <c:pt idx="2991">
                  <c:v>368.11339357796345</c:v>
                </c:pt>
                <c:pt idx="2992">
                  <c:v>352.86602785061774</c:v>
                </c:pt>
                <c:pt idx="2993">
                  <c:v>333.48783739954996</c:v>
                </c:pt>
                <c:pt idx="2994">
                  <c:v>306.76709720659454</c:v>
                </c:pt>
                <c:pt idx="2995">
                  <c:v>284.10647098010719</c:v>
                </c:pt>
                <c:pt idx="2996">
                  <c:v>261.04777669049622</c:v>
                </c:pt>
                <c:pt idx="2997">
                  <c:v>236.92925672884417</c:v>
                </c:pt>
                <c:pt idx="2998">
                  <c:v>212.04992053239525</c:v>
                </c:pt>
                <c:pt idx="2999">
                  <c:v>189.91206629845377</c:v>
                </c:pt>
                <c:pt idx="3000">
                  <c:v>175.61060278741581</c:v>
                </c:pt>
                <c:pt idx="3001">
                  <c:v>168.65098502314035</c:v>
                </c:pt>
                <c:pt idx="3002">
                  <c:v>161.8411707701857</c:v>
                </c:pt>
                <c:pt idx="3003">
                  <c:v>154.83760328110444</c:v>
                </c:pt>
                <c:pt idx="3004">
                  <c:v>146.27861751589859</c:v>
                </c:pt>
                <c:pt idx="3005">
                  <c:v>140.97080304153815</c:v>
                </c:pt>
                <c:pt idx="3006">
                  <c:v>126.39845851634527</c:v>
                </c:pt>
                <c:pt idx="3007">
                  <c:v>116.77830088787402</c:v>
                </c:pt>
                <c:pt idx="3008">
                  <c:v>111.67756776510028</c:v>
                </c:pt>
                <c:pt idx="3009">
                  <c:v>106.77542297762382</c:v>
                </c:pt>
                <c:pt idx="3010">
                  <c:v>102.24552133430761</c:v>
                </c:pt>
                <c:pt idx="3011">
                  <c:v>100.44810897210715</c:v>
                </c:pt>
                <c:pt idx="3012">
                  <c:v>102.4956752817556</c:v>
                </c:pt>
                <c:pt idx="3013">
                  <c:v>105.999961132726</c:v>
                </c:pt>
                <c:pt idx="3014">
                  <c:v>106.7259554235106</c:v>
                </c:pt>
                <c:pt idx="3015">
                  <c:v>103.71159294699571</c:v>
                </c:pt>
                <c:pt idx="3016">
                  <c:v>103.5299029489981</c:v>
                </c:pt>
                <c:pt idx="3017">
                  <c:v>102.1713191008273</c:v>
                </c:pt>
                <c:pt idx="3018">
                  <c:v>101.49121035226187</c:v>
                </c:pt>
                <c:pt idx="3019">
                  <c:v>95.946199135908344</c:v>
                </c:pt>
                <c:pt idx="3020">
                  <c:v>96.068893352924533</c:v>
                </c:pt>
                <c:pt idx="3021">
                  <c:v>98.845526015519383</c:v>
                </c:pt>
                <c:pt idx="3022">
                  <c:v>96.654818361406384</c:v>
                </c:pt>
                <c:pt idx="3023">
                  <c:v>91.755577172069295</c:v>
                </c:pt>
                <c:pt idx="3024">
                  <c:v>88.721757240426811</c:v>
                </c:pt>
                <c:pt idx="3025">
                  <c:v>86.97007282830748</c:v>
                </c:pt>
                <c:pt idx="3026">
                  <c:v>88.279285543412712</c:v>
                </c:pt>
                <c:pt idx="3027">
                  <c:v>89.360714328897146</c:v>
                </c:pt>
                <c:pt idx="3028">
                  <c:v>91.516168722658492</c:v>
                </c:pt>
                <c:pt idx="3029">
                  <c:v>90.364048053754061</c:v>
                </c:pt>
                <c:pt idx="3030">
                  <c:v>90.718949570960831</c:v>
                </c:pt>
                <c:pt idx="3031">
                  <c:v>90.780931577759745</c:v>
                </c:pt>
                <c:pt idx="3032">
                  <c:v>89.970442966912799</c:v>
                </c:pt>
                <c:pt idx="3033">
                  <c:v>91.607968926128422</c:v>
                </c:pt>
                <c:pt idx="3034">
                  <c:v>94.869894957744634</c:v>
                </c:pt>
                <c:pt idx="3035">
                  <c:v>97.686284002288971</c:v>
                </c:pt>
                <c:pt idx="3036">
                  <c:v>98.720222693899998</c:v>
                </c:pt>
                <c:pt idx="3037">
                  <c:v>98.724475400304769</c:v>
                </c:pt>
                <c:pt idx="3038">
                  <c:v>98.532621508583432</c:v>
                </c:pt>
                <c:pt idx="3039">
                  <c:v>101.30776247411806</c:v>
                </c:pt>
                <c:pt idx="3040">
                  <c:v>100.09841357700181</c:v>
                </c:pt>
                <c:pt idx="3041">
                  <c:v>100.38322030491791</c:v>
                </c:pt>
                <c:pt idx="3042">
                  <c:v>101.26463318555189</c:v>
                </c:pt>
                <c:pt idx="3043">
                  <c:v>101.12541263042277</c:v>
                </c:pt>
                <c:pt idx="3044">
                  <c:v>102.00779109475957</c:v>
                </c:pt>
                <c:pt idx="3045">
                  <c:v>108.76044446885145</c:v>
                </c:pt>
                <c:pt idx="3046">
                  <c:v>121.19347558276934</c:v>
                </c:pt>
                <c:pt idx="3047">
                  <c:v>130.57321229211939</c:v>
                </c:pt>
                <c:pt idx="3048">
                  <c:v>138.50567056736188</c:v>
                </c:pt>
                <c:pt idx="3049">
                  <c:v>141.56801333365081</c:v>
                </c:pt>
                <c:pt idx="3050">
                  <c:v>146.93262795377606</c:v>
                </c:pt>
                <c:pt idx="3051">
                  <c:v>153.36667821581693</c:v>
                </c:pt>
                <c:pt idx="3052">
                  <c:v>160.15743686460624</c:v>
                </c:pt>
                <c:pt idx="3053">
                  <c:v>162.913286992113</c:v>
                </c:pt>
                <c:pt idx="3054">
                  <c:v>165.98121317941619</c:v>
                </c:pt>
                <c:pt idx="3055">
                  <c:v>169.70567521914595</c:v>
                </c:pt>
                <c:pt idx="3056">
                  <c:v>174.68647898144036</c:v>
                </c:pt>
                <c:pt idx="3057">
                  <c:v>185.01436617741183</c:v>
                </c:pt>
                <c:pt idx="3058">
                  <c:v>204.79035733654882</c:v>
                </c:pt>
                <c:pt idx="3059">
                  <c:v>234.56914401953813</c:v>
                </c:pt>
                <c:pt idx="3060">
                  <c:v>275.4254983709946</c:v>
                </c:pt>
                <c:pt idx="3061">
                  <c:v>323.4437145505679</c:v>
                </c:pt>
                <c:pt idx="3062">
                  <c:v>#N/A</c:v>
                </c:pt>
                <c:pt idx="3063">
                  <c:v>#N/A</c:v>
                </c:pt>
                <c:pt idx="3064">
                  <c:v>#N/A</c:v>
                </c:pt>
                <c:pt idx="3065">
                  <c:v>#N/A</c:v>
                </c:pt>
                <c:pt idx="3066">
                  <c:v>#N/A</c:v>
                </c:pt>
                <c:pt idx="3067">
                  <c:v>#N/A</c:v>
                </c:pt>
                <c:pt idx="3068">
                  <c:v>#N/A</c:v>
                </c:pt>
                <c:pt idx="3069">
                  <c:v>#N/A</c:v>
                </c:pt>
                <c:pt idx="3070">
                  <c:v>#N/A</c:v>
                </c:pt>
                <c:pt idx="3071">
                  <c:v>#N/A</c:v>
                </c:pt>
                <c:pt idx="3072">
                  <c:v>#N/A</c:v>
                </c:pt>
                <c:pt idx="3073">
                  <c:v>#N/A</c:v>
                </c:pt>
                <c:pt idx="3074">
                  <c:v>#N/A</c:v>
                </c:pt>
                <c:pt idx="3075">
                  <c:v>#N/A</c:v>
                </c:pt>
                <c:pt idx="3076">
                  <c:v>#N/A</c:v>
                </c:pt>
                <c:pt idx="3077">
                  <c:v>314.27564101269519</c:v>
                </c:pt>
                <c:pt idx="3078">
                  <c:v>279.96480251716804</c:v>
                </c:pt>
                <c:pt idx="3079">
                  <c:v>245.70951414482806</c:v>
                </c:pt>
                <c:pt idx="3080">
                  <c:v>209.97102207951616</c:v>
                </c:pt>
                <c:pt idx="3081">
                  <c:v>184.39479484148356</c:v>
                </c:pt>
                <c:pt idx="3082">
                  <c:v>158.90303381030824</c:v>
                </c:pt>
                <c:pt idx="3083">
                  <c:v>135.40643856157712</c:v>
                </c:pt>
                <c:pt idx="3084">
                  <c:v>116.72370064439542</c:v>
                </c:pt>
                <c:pt idx="3085">
                  <c:v>102.79418918574578</c:v>
                </c:pt>
                <c:pt idx="3086">
                  <c:v>89.773743313481603</c:v>
                </c:pt>
                <c:pt idx="3087">
                  <c:v>83.157077908255829</c:v>
                </c:pt>
                <c:pt idx="3088">
                  <c:v>78.530721578855236</c:v>
                </c:pt>
                <c:pt idx="3089">
                  <c:v>77.232384479094506</c:v>
                </c:pt>
                <c:pt idx="3090">
                  <c:v>78.346866136600198</c:v>
                </c:pt>
                <c:pt idx="3091">
                  <c:v>76.348583314243399</c:v>
                </c:pt>
                <c:pt idx="3092">
                  <c:v>77.865942933598916</c:v>
                </c:pt>
                <c:pt idx="3093">
                  <c:v>77.485575273995252</c:v>
                </c:pt>
                <c:pt idx="3094">
                  <c:v>77.92674232277102</c:v>
                </c:pt>
                <c:pt idx="3095">
                  <c:v>81.88078856587849</c:v>
                </c:pt>
                <c:pt idx="3096">
                  <c:v>85.535302155269449</c:v>
                </c:pt>
                <c:pt idx="3097">
                  <c:v>88.206809819024855</c:v>
                </c:pt>
                <c:pt idx="3098">
                  <c:v>89.473514835806327</c:v>
                </c:pt>
                <c:pt idx="3099">
                  <c:v>95.505832765048353</c:v>
                </c:pt>
                <c:pt idx="3100">
                  <c:v>103.58552392775466</c:v>
                </c:pt>
                <c:pt idx="3101">
                  <c:v>111.90646472769906</c:v>
                </c:pt>
                <c:pt idx="3102">
                  <c:v>117.23661596557368</c:v>
                </c:pt>
                <c:pt idx="3103">
                  <c:v>126.23241441469651</c:v>
                </c:pt>
                <c:pt idx="3104">
                  <c:v>132.74516804678578</c:v>
                </c:pt>
                <c:pt idx="3105">
                  <c:v>137.04753126590808</c:v>
                </c:pt>
                <c:pt idx="3106">
                  <c:v>132.4068811572574</c:v>
                </c:pt>
                <c:pt idx="3107">
                  <c:v>134.33300264801844</c:v>
                </c:pt>
                <c:pt idx="3108">
                  <c:v>138.89645923282896</c:v>
                </c:pt>
                <c:pt idx="3109">
                  <c:v>151.06097878187248</c:v>
                </c:pt>
                <c:pt idx="3110">
                  <c:v>166.79953313803333</c:v>
                </c:pt>
                <c:pt idx="3111">
                  <c:v>193.05560100641586</c:v>
                </c:pt>
                <c:pt idx="3112">
                  <c:v>221.3344212306225</c:v>
                </c:pt>
                <c:pt idx="3113">
                  <c:v>252.96542978265666</c:v>
                </c:pt>
                <c:pt idx="3114">
                  <c:v>287.77818867714456</c:v>
                </c:pt>
                <c:pt idx="3115">
                  <c:v>316.75384926595018</c:v>
                </c:pt>
                <c:pt idx="3116">
                  <c:v>#N/A</c:v>
                </c:pt>
                <c:pt idx="3117">
                  <c:v>#N/A</c:v>
                </c:pt>
                <c:pt idx="3118">
                  <c:v>#N/A</c:v>
                </c:pt>
                <c:pt idx="3119">
                  <c:v>#N/A</c:v>
                </c:pt>
                <c:pt idx="3120">
                  <c:v>#N/A</c:v>
                </c:pt>
                <c:pt idx="3121">
                  <c:v>#N/A</c:v>
                </c:pt>
                <c:pt idx="3122">
                  <c:v>#N/A</c:v>
                </c:pt>
                <c:pt idx="3123">
                  <c:v>#N/A</c:v>
                </c:pt>
                <c:pt idx="3124">
                  <c:v>#N/A</c:v>
                </c:pt>
                <c:pt idx="3125">
                  <c:v>#N/A</c:v>
                </c:pt>
                <c:pt idx="3126">
                  <c:v>#N/A</c:v>
                </c:pt>
                <c:pt idx="3127">
                  <c:v>#N/A</c:v>
                </c:pt>
                <c:pt idx="3128">
                  <c:v>#N/A</c:v>
                </c:pt>
                <c:pt idx="3129">
                  <c:v>#N/A</c:v>
                </c:pt>
                <c:pt idx="3130">
                  <c:v>#N/A</c:v>
                </c:pt>
                <c:pt idx="3131">
                  <c:v>#N/A</c:v>
                </c:pt>
                <c:pt idx="3132">
                  <c:v>#N/A</c:v>
                </c:pt>
                <c:pt idx="3133">
                  <c:v>#N/A</c:v>
                </c:pt>
                <c:pt idx="3134">
                  <c:v>#N/A</c:v>
                </c:pt>
                <c:pt idx="3135">
                  <c:v>#N/A</c:v>
                </c:pt>
                <c:pt idx="3136">
                  <c:v>#N/A</c:v>
                </c:pt>
                <c:pt idx="3137">
                  <c:v>#N/A</c:v>
                </c:pt>
                <c:pt idx="3138">
                  <c:v>#N/A</c:v>
                </c:pt>
                <c:pt idx="3139">
                  <c:v>#N/A</c:v>
                </c:pt>
                <c:pt idx="3140">
                  <c:v>#N/A</c:v>
                </c:pt>
                <c:pt idx="3141">
                  <c:v>#N/A</c:v>
                </c:pt>
                <c:pt idx="3142">
                  <c:v>#N/A</c:v>
                </c:pt>
                <c:pt idx="3143">
                  <c:v>#N/A</c:v>
                </c:pt>
                <c:pt idx="3144">
                  <c:v>#N/A</c:v>
                </c:pt>
                <c:pt idx="3145">
                  <c:v>#N/A</c:v>
                </c:pt>
                <c:pt idx="3146">
                  <c:v>#N/A</c:v>
                </c:pt>
                <c:pt idx="3147">
                  <c:v>#N/A</c:v>
                </c:pt>
                <c:pt idx="3148">
                  <c:v>#N/A</c:v>
                </c:pt>
                <c:pt idx="3149">
                  <c:v>#N/A</c:v>
                </c:pt>
                <c:pt idx="3150">
                  <c:v>#N/A</c:v>
                </c:pt>
                <c:pt idx="3151">
                  <c:v>#N/A</c:v>
                </c:pt>
                <c:pt idx="3152">
                  <c:v>#N/A</c:v>
                </c:pt>
                <c:pt idx="3153">
                  <c:v>#N/A</c:v>
                </c:pt>
                <c:pt idx="3154">
                  <c:v>#N/A</c:v>
                </c:pt>
                <c:pt idx="3155">
                  <c:v>#N/A</c:v>
                </c:pt>
                <c:pt idx="3156">
                  <c:v>#N/A</c:v>
                </c:pt>
                <c:pt idx="3157">
                  <c:v>#N/A</c:v>
                </c:pt>
                <c:pt idx="3158">
                  <c:v>#N/A</c:v>
                </c:pt>
                <c:pt idx="3159">
                  <c:v>#N/A</c:v>
                </c:pt>
                <c:pt idx="3160">
                  <c:v>#N/A</c:v>
                </c:pt>
                <c:pt idx="3161">
                  <c:v>#N/A</c:v>
                </c:pt>
                <c:pt idx="3162">
                  <c:v>#N/A</c:v>
                </c:pt>
                <c:pt idx="3163">
                  <c:v>#N/A</c:v>
                </c:pt>
                <c:pt idx="3164">
                  <c:v>#N/A</c:v>
                </c:pt>
                <c:pt idx="3165">
                  <c:v>#N/A</c:v>
                </c:pt>
                <c:pt idx="3166">
                  <c:v>#N/A</c:v>
                </c:pt>
                <c:pt idx="3167">
                  <c:v>#N/A</c:v>
                </c:pt>
                <c:pt idx="3168">
                  <c:v>#N/A</c:v>
                </c:pt>
                <c:pt idx="3169">
                  <c:v>#N/A</c:v>
                </c:pt>
                <c:pt idx="3170">
                  <c:v>#N/A</c:v>
                </c:pt>
                <c:pt idx="3171">
                  <c:v>#N/A</c:v>
                </c:pt>
                <c:pt idx="3172">
                  <c:v>#N/A</c:v>
                </c:pt>
                <c:pt idx="3173">
                  <c:v>#N/A</c:v>
                </c:pt>
                <c:pt idx="3174">
                  <c:v>#N/A</c:v>
                </c:pt>
                <c:pt idx="3175">
                  <c:v>#N/A</c:v>
                </c:pt>
                <c:pt idx="3176">
                  <c:v>#N/A</c:v>
                </c:pt>
                <c:pt idx="3177">
                  <c:v>#N/A</c:v>
                </c:pt>
                <c:pt idx="3178">
                  <c:v>#N/A</c:v>
                </c:pt>
                <c:pt idx="3179">
                  <c:v>#N/A</c:v>
                </c:pt>
                <c:pt idx="3180">
                  <c:v>437.79556732412237</c:v>
                </c:pt>
                <c:pt idx="3181">
                  <c:v>429.77728991497833</c:v>
                </c:pt>
                <c:pt idx="3182">
                  <c:v>404.94764307627628</c:v>
                </c:pt>
                <c:pt idx="3183">
                  <c:v>389.15164323016671</c:v>
                </c:pt>
                <c:pt idx="3184">
                  <c:v>391.10609954818182</c:v>
                </c:pt>
                <c:pt idx="3185">
                  <c:v>390.62152986031191</c:v>
                </c:pt>
                <c:pt idx="3186">
                  <c:v>388.62671047569097</c:v>
                </c:pt>
                <c:pt idx="3187">
                  <c:v>395.02125137716342</c:v>
                </c:pt>
                <c:pt idx="3188">
                  <c:v>405.92968113659714</c:v>
                </c:pt>
                <c:pt idx="3189">
                  <c:v>425.03730301130309</c:v>
                </c:pt>
                <c:pt idx="3190">
                  <c:v>441.12197397042843</c:v>
                </c:pt>
                <c:pt idx="3191">
                  <c:v>452.8099945780055</c:v>
                </c:pt>
                <c:pt idx="3192">
                  <c:v>456.42333084739579</c:v>
                </c:pt>
                <c:pt idx="3193">
                  <c:v>458.19367519409826</c:v>
                </c:pt>
                <c:pt idx="3194">
                  <c:v>457.69713643140199</c:v>
                </c:pt>
                <c:pt idx="3195">
                  <c:v>465.66676091826434</c:v>
                </c:pt>
                <c:pt idx="3196">
                  <c:v>479.09381224473941</c:v>
                </c:pt>
                <c:pt idx="3197">
                  <c:v>#N/A</c:v>
                </c:pt>
                <c:pt idx="3198">
                  <c:v>#N/A</c:v>
                </c:pt>
                <c:pt idx="3199">
                  <c:v>#N/A</c:v>
                </c:pt>
                <c:pt idx="3200">
                  <c:v>#N/A</c:v>
                </c:pt>
                <c:pt idx="3201">
                  <c:v>#N/A</c:v>
                </c:pt>
                <c:pt idx="3202">
                  <c:v>#N/A</c:v>
                </c:pt>
                <c:pt idx="3203">
                  <c:v>#N/A</c:v>
                </c:pt>
                <c:pt idx="3204">
                  <c:v>#N/A</c:v>
                </c:pt>
                <c:pt idx="3205">
                  <c:v>#N/A</c:v>
                </c:pt>
                <c:pt idx="3206">
                  <c:v>#N/A</c:v>
                </c:pt>
                <c:pt idx="3207">
                  <c:v>#N/A</c:v>
                </c:pt>
                <c:pt idx="3208">
                  <c:v>#N/A</c:v>
                </c:pt>
                <c:pt idx="3209">
                  <c:v>#N/A</c:v>
                </c:pt>
                <c:pt idx="3210">
                  <c:v>321.66388458417481</c:v>
                </c:pt>
                <c:pt idx="3211">
                  <c:v>300.27659412934622</c:v>
                </c:pt>
                <c:pt idx="3212">
                  <c:v>286.14165974174983</c:v>
                </c:pt>
                <c:pt idx="3213">
                  <c:v>272.55320011553084</c:v>
                </c:pt>
                <c:pt idx="3214">
                  <c:v>255.48854724671477</c:v>
                </c:pt>
                <c:pt idx="3215">
                  <c:v>241.19170834126308</c:v>
                </c:pt>
                <c:pt idx="3216">
                  <c:v>245.41870550657339</c:v>
                </c:pt>
                <c:pt idx="3217">
                  <c:v>246.66535313480324</c:v>
                </c:pt>
                <c:pt idx="3218">
                  <c:v>250.22950101147839</c:v>
                </c:pt>
                <c:pt idx="3219">
                  <c:v>251.88429357675798</c:v>
                </c:pt>
                <c:pt idx="3220">
                  <c:v>252.30911736762201</c:v>
                </c:pt>
                <c:pt idx="3221">
                  <c:v>250.07920316651135</c:v>
                </c:pt>
                <c:pt idx="3222">
                  <c:v>259.84976193432504</c:v>
                </c:pt>
                <c:pt idx="3223">
                  <c:v>265.69490006888083</c:v>
                </c:pt>
                <c:pt idx="3224">
                  <c:v>263.57065254617993</c:v>
                </c:pt>
                <c:pt idx="3225">
                  <c:v>262.69041671481949</c:v>
                </c:pt>
                <c:pt idx="3226">
                  <c:v>262.34456803535841</c:v>
                </c:pt>
                <c:pt idx="3227">
                  <c:v>262.18916007738773</c:v>
                </c:pt>
                <c:pt idx="3228">
                  <c:v>261.14418510063803</c:v>
                </c:pt>
                <c:pt idx="3229">
                  <c:v>260.54100026904223</c:v>
                </c:pt>
                <c:pt idx="3230">
                  <c:v>262.3386108062117</c:v>
                </c:pt>
                <c:pt idx="3231">
                  <c:v>262.14887793863841</c:v>
                </c:pt>
                <c:pt idx="3232">
                  <c:v>265.75237109386916</c:v>
                </c:pt>
                <c:pt idx="3233">
                  <c:v>264.23062661010459</c:v>
                </c:pt>
                <c:pt idx="3234">
                  <c:v>262.79743958434551</c:v>
                </c:pt>
                <c:pt idx="3235">
                  <c:v>256.51627947269691</c:v>
                </c:pt>
                <c:pt idx="3236">
                  <c:v>252.12144431374529</c:v>
                </c:pt>
                <c:pt idx="3237">
                  <c:v>265.25690592193013</c:v>
                </c:pt>
                <c:pt idx="3238">
                  <c:v>286.42827809006559</c:v>
                </c:pt>
                <c:pt idx="3239">
                  <c:v>310.78347788787681</c:v>
                </c:pt>
                <c:pt idx="3240">
                  <c:v>#N/A</c:v>
                </c:pt>
                <c:pt idx="3241">
                  <c:v>#N/A</c:v>
                </c:pt>
                <c:pt idx="3242">
                  <c:v>#N/A</c:v>
                </c:pt>
                <c:pt idx="3243">
                  <c:v>#N/A</c:v>
                </c:pt>
                <c:pt idx="3244">
                  <c:v>#N/A</c:v>
                </c:pt>
                <c:pt idx="3245">
                  <c:v>#N/A</c:v>
                </c:pt>
                <c:pt idx="3246">
                  <c:v>#N/A</c:v>
                </c:pt>
                <c:pt idx="3247">
                  <c:v>#N/A</c:v>
                </c:pt>
                <c:pt idx="3248">
                  <c:v>#N/A</c:v>
                </c:pt>
                <c:pt idx="3249">
                  <c:v>#N/A</c:v>
                </c:pt>
                <c:pt idx="3250">
                  <c:v>#N/A</c:v>
                </c:pt>
                <c:pt idx="3251">
                  <c:v>#N/A</c:v>
                </c:pt>
                <c:pt idx="3252">
                  <c:v>#N/A</c:v>
                </c:pt>
                <c:pt idx="3253">
                  <c:v>#N/A</c:v>
                </c:pt>
                <c:pt idx="3254">
                  <c:v>#N/A</c:v>
                </c:pt>
                <c:pt idx="3255">
                  <c:v>#N/A</c:v>
                </c:pt>
                <c:pt idx="3256">
                  <c:v>#N/A</c:v>
                </c:pt>
                <c:pt idx="3257">
                  <c:v>#N/A</c:v>
                </c:pt>
                <c:pt idx="3258">
                  <c:v>#N/A</c:v>
                </c:pt>
                <c:pt idx="3259">
                  <c:v>411.96149981527259</c:v>
                </c:pt>
                <c:pt idx="3260">
                  <c:v>404.61183599993416</c:v>
                </c:pt>
                <c:pt idx="3261">
                  <c:v>412.82869661186078</c:v>
                </c:pt>
                <c:pt idx="3262">
                  <c:v>426.80292869845044</c:v>
                </c:pt>
                <c:pt idx="3263">
                  <c:v>#N/A</c:v>
                </c:pt>
                <c:pt idx="3264">
                  <c:v>#N/A</c:v>
                </c:pt>
                <c:pt idx="3265">
                  <c:v>#N/A</c:v>
                </c:pt>
                <c:pt idx="3266">
                  <c:v>#N/A</c:v>
                </c:pt>
                <c:pt idx="3267">
                  <c:v>#N/A</c:v>
                </c:pt>
                <c:pt idx="3268">
                  <c:v>#N/A</c:v>
                </c:pt>
                <c:pt idx="3269">
                  <c:v>#N/A</c:v>
                </c:pt>
                <c:pt idx="3270">
                  <c:v>#N/A</c:v>
                </c:pt>
                <c:pt idx="3271">
                  <c:v>#N/A</c:v>
                </c:pt>
                <c:pt idx="3272">
                  <c:v>#N/A</c:v>
                </c:pt>
                <c:pt idx="3273">
                  <c:v>#N/A</c:v>
                </c:pt>
                <c:pt idx="3274">
                  <c:v>#N/A</c:v>
                </c:pt>
                <c:pt idx="3275">
                  <c:v>#N/A</c:v>
                </c:pt>
                <c:pt idx="3276">
                  <c:v>#N/A</c:v>
                </c:pt>
                <c:pt idx="3277">
                  <c:v>#N/A</c:v>
                </c:pt>
                <c:pt idx="3278">
                  <c:v>#N/A</c:v>
                </c:pt>
                <c:pt idx="3279">
                  <c:v>#N/A</c:v>
                </c:pt>
                <c:pt idx="3280">
                  <c:v>#N/A</c:v>
                </c:pt>
                <c:pt idx="3281">
                  <c:v>#N/A</c:v>
                </c:pt>
                <c:pt idx="3282">
                  <c:v>#N/A</c:v>
                </c:pt>
                <c:pt idx="3283">
                  <c:v>#N/A</c:v>
                </c:pt>
                <c:pt idx="3284">
                  <c:v>#N/A</c:v>
                </c:pt>
                <c:pt idx="3285">
                  <c:v>#N/A</c:v>
                </c:pt>
                <c:pt idx="3286">
                  <c:v>#N/A</c:v>
                </c:pt>
                <c:pt idx="3287">
                  <c:v>#N/A</c:v>
                </c:pt>
                <c:pt idx="3288">
                  <c:v>#N/A</c:v>
                </c:pt>
                <c:pt idx="3289">
                  <c:v>#N/A</c:v>
                </c:pt>
                <c:pt idx="3290">
                  <c:v>#N/A</c:v>
                </c:pt>
                <c:pt idx="3291">
                  <c:v>#N/A</c:v>
                </c:pt>
                <c:pt idx="3292">
                  <c:v>#N/A</c:v>
                </c:pt>
                <c:pt idx="3293">
                  <c:v>#N/A</c:v>
                </c:pt>
                <c:pt idx="3294">
                  <c:v>#N/A</c:v>
                </c:pt>
                <c:pt idx="3295">
                  <c:v>#N/A</c:v>
                </c:pt>
                <c:pt idx="3296">
                  <c:v>#N/A</c:v>
                </c:pt>
                <c:pt idx="3297">
                  <c:v>#N/A</c:v>
                </c:pt>
                <c:pt idx="3298">
                  <c:v>#N/A</c:v>
                </c:pt>
                <c:pt idx="3299">
                  <c:v>#N/A</c:v>
                </c:pt>
                <c:pt idx="3300">
                  <c:v>#N/A</c:v>
                </c:pt>
                <c:pt idx="3301">
                  <c:v>#N/A</c:v>
                </c:pt>
                <c:pt idx="3302">
                  <c:v>#N/A</c:v>
                </c:pt>
                <c:pt idx="3303">
                  <c:v>#N/A</c:v>
                </c:pt>
                <c:pt idx="3304">
                  <c:v>#N/A</c:v>
                </c:pt>
                <c:pt idx="3305">
                  <c:v>#N/A</c:v>
                </c:pt>
                <c:pt idx="3306">
                  <c:v>#N/A</c:v>
                </c:pt>
                <c:pt idx="3307">
                  <c:v>#N/A</c:v>
                </c:pt>
                <c:pt idx="3308">
                  <c:v>#N/A</c:v>
                </c:pt>
                <c:pt idx="3309">
                  <c:v>#N/A</c:v>
                </c:pt>
                <c:pt idx="3310">
                  <c:v>#N/A</c:v>
                </c:pt>
                <c:pt idx="3311">
                  <c:v>#N/A</c:v>
                </c:pt>
                <c:pt idx="3312">
                  <c:v>#N/A</c:v>
                </c:pt>
                <c:pt idx="3313">
                  <c:v>#N/A</c:v>
                </c:pt>
                <c:pt idx="3314">
                  <c:v>#N/A</c:v>
                </c:pt>
                <c:pt idx="3315">
                  <c:v>#N/A</c:v>
                </c:pt>
                <c:pt idx="3316">
                  <c:v>#N/A</c:v>
                </c:pt>
                <c:pt idx="3317">
                  <c:v>#N/A</c:v>
                </c:pt>
                <c:pt idx="3318">
                  <c:v>#N/A</c:v>
                </c:pt>
                <c:pt idx="3319">
                  <c:v>#N/A</c:v>
                </c:pt>
                <c:pt idx="3320">
                  <c:v>#N/A</c:v>
                </c:pt>
                <c:pt idx="3321">
                  <c:v>#N/A</c:v>
                </c:pt>
                <c:pt idx="3322">
                  <c:v>#N/A</c:v>
                </c:pt>
                <c:pt idx="3323">
                  <c:v>#N/A</c:v>
                </c:pt>
                <c:pt idx="3324">
                  <c:v>#N/A</c:v>
                </c:pt>
                <c:pt idx="3325">
                  <c:v>#N/A</c:v>
                </c:pt>
                <c:pt idx="3326">
                  <c:v>#N/A</c:v>
                </c:pt>
                <c:pt idx="3327">
                  <c:v>#N/A</c:v>
                </c:pt>
                <c:pt idx="3328">
                  <c:v>#N/A</c:v>
                </c:pt>
                <c:pt idx="3329">
                  <c:v>#N/A</c:v>
                </c:pt>
                <c:pt idx="3330">
                  <c:v>#N/A</c:v>
                </c:pt>
                <c:pt idx="3331">
                  <c:v>#N/A</c:v>
                </c:pt>
                <c:pt idx="3332">
                  <c:v>#N/A</c:v>
                </c:pt>
                <c:pt idx="3333">
                  <c:v>#N/A</c:v>
                </c:pt>
                <c:pt idx="3334">
                  <c:v>#N/A</c:v>
                </c:pt>
                <c:pt idx="3335">
                  <c:v>#N/A</c:v>
                </c:pt>
                <c:pt idx="3336">
                  <c:v>#N/A</c:v>
                </c:pt>
                <c:pt idx="3337">
                  <c:v>414.2592943178916</c:v>
                </c:pt>
                <c:pt idx="3338">
                  <c:v>376.09596501237888</c:v>
                </c:pt>
                <c:pt idx="3339">
                  <c:v>344.40991862059246</c:v>
                </c:pt>
                <c:pt idx="3340">
                  <c:v>326.1252219583817</c:v>
                </c:pt>
                <c:pt idx="3341">
                  <c:v>321.42088974297371</c:v>
                </c:pt>
                <c:pt idx="3342">
                  <c:v>321.3056392692842</c:v>
                </c:pt>
                <c:pt idx="3343">
                  <c:v>333.96026957870987</c:v>
                </c:pt>
                <c:pt idx="3344">
                  <c:v>351.85777474641441</c:v>
                </c:pt>
                <c:pt idx="3345">
                  <c:v>361.31917314876097</c:v>
                </c:pt>
                <c:pt idx="3346">
                  <c:v>363.14858815246976</c:v>
                </c:pt>
                <c:pt idx="3347">
                  <c:v>385.65081124114926</c:v>
                </c:pt>
                <c:pt idx="3348">
                  <c:v>435.60243604607325</c:v>
                </c:pt>
                <c:pt idx="3349">
                  <c:v>514.21861355467024</c:v>
                </c:pt>
                <c:pt idx="3350">
                  <c:v>#N/A</c:v>
                </c:pt>
                <c:pt idx="3351">
                  <c:v>#N/A</c:v>
                </c:pt>
                <c:pt idx="3352">
                  <c:v>#N/A</c:v>
                </c:pt>
                <c:pt idx="3353">
                  <c:v>#N/A</c:v>
                </c:pt>
                <c:pt idx="3354">
                  <c:v>#N/A</c:v>
                </c:pt>
                <c:pt idx="3355">
                  <c:v>#N/A</c:v>
                </c:pt>
                <c:pt idx="3356">
                  <c:v>#N/A</c:v>
                </c:pt>
                <c:pt idx="3357">
                  <c:v>#N/A</c:v>
                </c:pt>
                <c:pt idx="3358">
                  <c:v>#N/A</c:v>
                </c:pt>
                <c:pt idx="3359">
                  <c:v>#N/A</c:v>
                </c:pt>
                <c:pt idx="3360">
                  <c:v>#N/A</c:v>
                </c:pt>
                <c:pt idx="3361">
                  <c:v>#N/A</c:v>
                </c:pt>
                <c:pt idx="3362">
                  <c:v>#N/A</c:v>
                </c:pt>
                <c:pt idx="3363">
                  <c:v>#N/A</c:v>
                </c:pt>
                <c:pt idx="3364">
                  <c:v>#N/A</c:v>
                </c:pt>
                <c:pt idx="3365">
                  <c:v>#N/A</c:v>
                </c:pt>
                <c:pt idx="3366">
                  <c:v>#N/A</c:v>
                </c:pt>
                <c:pt idx="3367">
                  <c:v>#N/A</c:v>
                </c:pt>
                <c:pt idx="3368">
                  <c:v>#N/A</c:v>
                </c:pt>
                <c:pt idx="3369">
                  <c:v>#N/A</c:v>
                </c:pt>
                <c:pt idx="3370">
                  <c:v>#N/A</c:v>
                </c:pt>
                <c:pt idx="3371">
                  <c:v>#N/A</c:v>
                </c:pt>
                <c:pt idx="3372">
                  <c:v>#N/A</c:v>
                </c:pt>
                <c:pt idx="3373">
                  <c:v>#N/A</c:v>
                </c:pt>
                <c:pt idx="3374">
                  <c:v>#N/A</c:v>
                </c:pt>
                <c:pt idx="3375">
                  <c:v>#N/A</c:v>
                </c:pt>
                <c:pt idx="3376">
                  <c:v>#N/A</c:v>
                </c:pt>
                <c:pt idx="3377">
                  <c:v>#N/A</c:v>
                </c:pt>
                <c:pt idx="3378">
                  <c:v>#N/A</c:v>
                </c:pt>
                <c:pt idx="3379">
                  <c:v>#N/A</c:v>
                </c:pt>
                <c:pt idx="3380">
                  <c:v>#N/A</c:v>
                </c:pt>
                <c:pt idx="3381">
                  <c:v>#N/A</c:v>
                </c:pt>
                <c:pt idx="3382">
                  <c:v>#N/A</c:v>
                </c:pt>
                <c:pt idx="3383">
                  <c:v>#N/A</c:v>
                </c:pt>
                <c:pt idx="3384">
                  <c:v>569.31320146943176</c:v>
                </c:pt>
                <c:pt idx="3385">
                  <c:v>547.3993820087403</c:v>
                </c:pt>
                <c:pt idx="3386">
                  <c:v>522.48737260220196</c:v>
                </c:pt>
                <c:pt idx="3387">
                  <c:v>517.33109999631381</c:v>
                </c:pt>
                <c:pt idx="3388">
                  <c:v>513.5076760375797</c:v>
                </c:pt>
                <c:pt idx="3389">
                  <c:v>498.81669049287558</c:v>
                </c:pt>
                <c:pt idx="3390">
                  <c:v>484.11043154447242</c:v>
                </c:pt>
                <c:pt idx="3391">
                  <c:v>466.34632510803766</c:v>
                </c:pt>
                <c:pt idx="3392">
                  <c:v>454.63231708778011</c:v>
                </c:pt>
                <c:pt idx="3393">
                  <c:v>439.26073041889163</c:v>
                </c:pt>
                <c:pt idx="3394">
                  <c:v>434.47396635089552</c:v>
                </c:pt>
                <c:pt idx="3395">
                  <c:v>442.59331329978403</c:v>
                </c:pt>
                <c:pt idx="3396">
                  <c:v>444.30091850102804</c:v>
                </c:pt>
                <c:pt idx="3397">
                  <c:v>442.93746477940726</c:v>
                </c:pt>
                <c:pt idx="3398">
                  <c:v>436.02353521392865</c:v>
                </c:pt>
                <c:pt idx="3399">
                  <c:v>421.08834020420562</c:v>
                </c:pt>
                <c:pt idx="3400">
                  <c:v>396.40434545274138</c:v>
                </c:pt>
                <c:pt idx="3401">
                  <c:v>366.32430839851662</c:v>
                </c:pt>
                <c:pt idx="3402">
                  <c:v>345.0420479975175</c:v>
                </c:pt>
                <c:pt idx="3403">
                  <c:v>328.88269637238119</c:v>
                </c:pt>
                <c:pt idx="3404">
                  <c:v>320.62082927702943</c:v>
                </c:pt>
                <c:pt idx="3405">
                  <c:v>318.99863772235193</c:v>
                </c:pt>
                <c:pt idx="3406">
                  <c:v>320.2132315376154</c:v>
                </c:pt>
                <c:pt idx="3407">
                  <c:v>329.90863368461072</c:v>
                </c:pt>
                <c:pt idx="3408">
                  <c:v>332.93439638407295</c:v>
                </c:pt>
                <c:pt idx="3409">
                  <c:v>322.52137336840894</c:v>
                </c:pt>
                <c:pt idx="3410">
                  <c:v>305.22235297427795</c:v>
                </c:pt>
                <c:pt idx="3411">
                  <c:v>281.43712880297534</c:v>
                </c:pt>
                <c:pt idx="3412">
                  <c:v>269.19468283416808</c:v>
                </c:pt>
                <c:pt idx="3413">
                  <c:v>259.62221250251861</c:v>
                </c:pt>
                <c:pt idx="3414">
                  <c:v>232.1522591895324</c:v>
                </c:pt>
                <c:pt idx="3415">
                  <c:v>203.72367560421915</c:v>
                </c:pt>
                <c:pt idx="3416">
                  <c:v>183.26594495359143</c:v>
                </c:pt>
                <c:pt idx="3417">
                  <c:v>184.91872133338461</c:v>
                </c:pt>
                <c:pt idx="3418">
                  <c:v>212.3473737156684</c:v>
                </c:pt>
                <c:pt idx="3419">
                  <c:v>241.41819275863645</c:v>
                </c:pt>
                <c:pt idx="3420">
                  <c:v>280.80034492167255</c:v>
                </c:pt>
                <c:pt idx="3421">
                  <c:v>342.02661394113301</c:v>
                </c:pt>
                <c:pt idx="3422">
                  <c:v>393.24504682220419</c:v>
                </c:pt>
                <c:pt idx="3423">
                  <c:v>389.39002970287743</c:v>
                </c:pt>
                <c:pt idx="3424">
                  <c:v>384.81044421997348</c:v>
                </c:pt>
                <c:pt idx="3425">
                  <c:v>373.26822375347518</c:v>
                </c:pt>
                <c:pt idx="3426">
                  <c:v>358.26697822432556</c:v>
                </c:pt>
                <c:pt idx="3427">
                  <c:v>354.22021337592395</c:v>
                </c:pt>
                <c:pt idx="3428">
                  <c:v>363.03408684225832</c:v>
                </c:pt>
                <c:pt idx="3429">
                  <c:v>383.31624566078216</c:v>
                </c:pt>
                <c:pt idx="3430">
                  <c:v>370.5551930700272</c:v>
                </c:pt>
                <c:pt idx="3431">
                  <c:v>353.2543127549763</c:v>
                </c:pt>
                <c:pt idx="3432">
                  <c:v>344.67496697982216</c:v>
                </c:pt>
                <c:pt idx="3433">
                  <c:v>328.68735685949684</c:v>
                </c:pt>
                <c:pt idx="3434">
                  <c:v>303.77273436667798</c:v>
                </c:pt>
                <c:pt idx="3435">
                  <c:v>286.19877497700162</c:v>
                </c:pt>
                <c:pt idx="3436">
                  <c:v>276.14682634006118</c:v>
                </c:pt>
                <c:pt idx="3437">
                  <c:v>258.33321373489764</c:v>
                </c:pt>
                <c:pt idx="3438">
                  <c:v>238.12441867336216</c:v>
                </c:pt>
                <c:pt idx="3439">
                  <c:v>254.59425576622689</c:v>
                </c:pt>
                <c:pt idx="3440">
                  <c:v>289.26939636876091</c:v>
                </c:pt>
                <c:pt idx="3441">
                  <c:v>352.55631771192219</c:v>
                </c:pt>
                <c:pt idx="3442">
                  <c:v>423.80290462055603</c:v>
                </c:pt>
                <c:pt idx="3443">
                  <c:v>519.14001418128692</c:v>
                </c:pt>
                <c:pt idx="3444">
                  <c:v>591.35670991277959</c:v>
                </c:pt>
                <c:pt idx="3445">
                  <c:v>#N/A</c:v>
                </c:pt>
                <c:pt idx="3446">
                  <c:v>#N/A</c:v>
                </c:pt>
                <c:pt idx="3447">
                  <c:v>#N/A</c:v>
                </c:pt>
                <c:pt idx="3448">
                  <c:v>#N/A</c:v>
                </c:pt>
                <c:pt idx="3449">
                  <c:v>#N/A</c:v>
                </c:pt>
                <c:pt idx="3450">
                  <c:v>#N/A</c:v>
                </c:pt>
                <c:pt idx="3451">
                  <c:v>#N/A</c:v>
                </c:pt>
                <c:pt idx="3452">
                  <c:v>#N/A</c:v>
                </c:pt>
                <c:pt idx="3453">
                  <c:v>#N/A</c:v>
                </c:pt>
                <c:pt idx="3454">
                  <c:v>#N/A</c:v>
                </c:pt>
                <c:pt idx="3455">
                  <c:v>#N/A</c:v>
                </c:pt>
                <c:pt idx="3456">
                  <c:v>#N/A</c:v>
                </c:pt>
                <c:pt idx="3457">
                  <c:v>#N/A</c:v>
                </c:pt>
                <c:pt idx="3458">
                  <c:v>451.21027018374053</c:v>
                </c:pt>
                <c:pt idx="3459">
                  <c:v>435.11476190261783</c:v>
                </c:pt>
                <c:pt idx="3460">
                  <c:v>405.30925093407444</c:v>
                </c:pt>
                <c:pt idx="3461">
                  <c:v>375.58327688206697</c:v>
                </c:pt>
                <c:pt idx="3462">
                  <c:v>359.29937058885162</c:v>
                </c:pt>
                <c:pt idx="3463">
                  <c:v>342.36187324902016</c:v>
                </c:pt>
                <c:pt idx="3464">
                  <c:v>335.01007255394461</c:v>
                </c:pt>
                <c:pt idx="3465">
                  <c:v>324.18332910015005</c:v>
                </c:pt>
                <c:pt idx="3466">
                  <c:v>325.51699036280644</c:v>
                </c:pt>
                <c:pt idx="3467">
                  <c:v>350.37919497356143</c:v>
                </c:pt>
                <c:pt idx="3468">
                  <c:v>370.6039225088403</c:v>
                </c:pt>
                <c:pt idx="3469">
                  <c:v>408.01353326740383</c:v>
                </c:pt>
                <c:pt idx="3470">
                  <c:v>431.54602561811998</c:v>
                </c:pt>
                <c:pt idx="3471">
                  <c:v>440.54789757985492</c:v>
                </c:pt>
                <c:pt idx="3472">
                  <c:v>431.69522350148122</c:v>
                </c:pt>
                <c:pt idx="3473">
                  <c:v>416.72258505275551</c:v>
                </c:pt>
                <c:pt idx="3474">
                  <c:v>400.65568185692678</c:v>
                </c:pt>
                <c:pt idx="3475">
                  <c:v>374.55463440046015</c:v>
                </c:pt>
                <c:pt idx="3476">
                  <c:v>336.79310831501505</c:v>
                </c:pt>
                <c:pt idx="3477">
                  <c:v>318.03776838342782</c:v>
                </c:pt>
                <c:pt idx="3478">
                  <c:v>347.49404225450854</c:v>
                </c:pt>
                <c:pt idx="3479">
                  <c:v>384.99978335342121</c:v>
                </c:pt>
                <c:pt idx="3480">
                  <c:v>433.59000605841561</c:v>
                </c:pt>
                <c:pt idx="3481">
                  <c:v>484.0223825144306</c:v>
                </c:pt>
                <c:pt idx="3482">
                  <c:v>495.64385322077942</c:v>
                </c:pt>
                <c:pt idx="3483">
                  <c:v>473.3264863409434</c:v>
                </c:pt>
                <c:pt idx="3484">
                  <c:v>424.75497966976894</c:v>
                </c:pt>
                <c:pt idx="3485">
                  <c:v>371.12037269485222</c:v>
                </c:pt>
                <c:pt idx="3486">
                  <c:v>326.85835599242915</c:v>
                </c:pt>
                <c:pt idx="3487">
                  <c:v>300.9848178665215</c:v>
                </c:pt>
                <c:pt idx="3488">
                  <c:v>282.59842105125671</c:v>
                </c:pt>
                <c:pt idx="3489">
                  <c:v>259.3444324975066</c:v>
                </c:pt>
                <c:pt idx="3490">
                  <c:v>243.74507304468804</c:v>
                </c:pt>
                <c:pt idx="3491">
                  <c:v>225.56373311243161</c:v>
                </c:pt>
                <c:pt idx="3492">
                  <c:v>230.78920739493833</c:v>
                </c:pt>
                <c:pt idx="3493">
                  <c:v>243.20023830206924</c:v>
                </c:pt>
                <c:pt idx="3494">
                  <c:v>282.26312992728214</c:v>
                </c:pt>
                <c:pt idx="3495">
                  <c:v>333.32357110468075</c:v>
                </c:pt>
                <c:pt idx="3496">
                  <c:v>354.04519112029357</c:v>
                </c:pt>
                <c:pt idx="3497">
                  <c:v>366.21501055665209</c:v>
                </c:pt>
                <c:pt idx="3498">
                  <c:v>379.10676794403918</c:v>
                </c:pt>
                <c:pt idx="3499">
                  <c:v>397.1932979948254</c:v>
                </c:pt>
                <c:pt idx="3500">
                  <c:v>421.45249945499069</c:v>
                </c:pt>
                <c:pt idx="3501">
                  <c:v>442.32023875903292</c:v>
                </c:pt>
                <c:pt idx="3502">
                  <c:v>464.51675781150726</c:v>
                </c:pt>
                <c:pt idx="3503">
                  <c:v>503.16580378310488</c:v>
                </c:pt>
                <c:pt idx="3504">
                  <c:v>520.21566051459024</c:v>
                </c:pt>
                <c:pt idx="3505">
                  <c:v>551.27348040859056</c:v>
                </c:pt>
                <c:pt idx="3506">
                  <c:v>574.15306223195284</c:v>
                </c:pt>
                <c:pt idx="3507">
                  <c:v>#N/A</c:v>
                </c:pt>
                <c:pt idx="3508">
                  <c:v>#N/A</c:v>
                </c:pt>
                <c:pt idx="3509">
                  <c:v>#N/A</c:v>
                </c:pt>
                <c:pt idx="3510">
                  <c:v>#N/A</c:v>
                </c:pt>
                <c:pt idx="3511">
                  <c:v>#N/A</c:v>
                </c:pt>
                <c:pt idx="3512">
                  <c:v>#N/A</c:v>
                </c:pt>
                <c:pt idx="3513">
                  <c:v>#N/A</c:v>
                </c:pt>
                <c:pt idx="3514">
                  <c:v>#N/A</c:v>
                </c:pt>
                <c:pt idx="3515">
                  <c:v>#N/A</c:v>
                </c:pt>
                <c:pt idx="3516">
                  <c:v>#N/A</c:v>
                </c:pt>
                <c:pt idx="3517">
                  <c:v>#N/A</c:v>
                </c:pt>
                <c:pt idx="3518">
                  <c:v>#N/A</c:v>
                </c:pt>
                <c:pt idx="3519">
                  <c:v>#N/A</c:v>
                </c:pt>
                <c:pt idx="3520">
                  <c:v>#N/A</c:v>
                </c:pt>
                <c:pt idx="3521">
                  <c:v>#N/A</c:v>
                </c:pt>
                <c:pt idx="3522">
                  <c:v>#N/A</c:v>
                </c:pt>
                <c:pt idx="3523">
                  <c:v>#N/A</c:v>
                </c:pt>
                <c:pt idx="3524">
                  <c:v>630.70645286918682</c:v>
                </c:pt>
                <c:pt idx="3525">
                  <c:v>637.55193555845642</c:v>
                </c:pt>
                <c:pt idx="3526">
                  <c:v>632.95868219552597</c:v>
                </c:pt>
                <c:pt idx="3527">
                  <c:v>630.351235791558</c:v>
                </c:pt>
                <c:pt idx="3528">
                  <c:v>621.09595760471575</c:v>
                </c:pt>
                <c:pt idx="3529">
                  <c:v>618.88234301929208</c:v>
                </c:pt>
                <c:pt idx="3530">
                  <c:v>629.81126226243896</c:v>
                </c:pt>
                <c:pt idx="3531">
                  <c:v>645.8654685799678</c:v>
                </c:pt>
                <c:pt idx="3532">
                  <c:v>651.13361305538672</c:v>
                </c:pt>
                <c:pt idx="3533">
                  <c:v>632.80330109779618</c:v>
                </c:pt>
                <c:pt idx="3534">
                  <c:v>610.08771392389133</c:v>
                </c:pt>
                <c:pt idx="3535">
                  <c:v>572.11993904501685</c:v>
                </c:pt>
                <c:pt idx="3536">
                  <c:v>534.41674810783593</c:v>
                </c:pt>
                <c:pt idx="3537">
                  <c:v>496.7852053927366</c:v>
                </c:pt>
                <c:pt idx="3538">
                  <c:v>454.92900710744402</c:v>
                </c:pt>
                <c:pt idx="3539">
                  <c:v>399.60366264212507</c:v>
                </c:pt>
                <c:pt idx="3540">
                  <c:v>363.47119224451291</c:v>
                </c:pt>
                <c:pt idx="3541">
                  <c:v>343.24110516938953</c:v>
                </c:pt>
                <c:pt idx="3542">
                  <c:v>340.96014353950619</c:v>
                </c:pt>
                <c:pt idx="3543">
                  <c:v>351.08796652303863</c:v>
                </c:pt>
                <c:pt idx="3544">
                  <c:v>367.88088349007006</c:v>
                </c:pt>
                <c:pt idx="3545">
                  <c:v>348.51664540526491</c:v>
                </c:pt>
                <c:pt idx="3546">
                  <c:v>323.47719137621016</c:v>
                </c:pt>
                <c:pt idx="3547">
                  <c:v>300.69870335007664</c:v>
                </c:pt>
                <c:pt idx="3548">
                  <c:v>273.20095676359824</c:v>
                </c:pt>
                <c:pt idx="3549">
                  <c:v>251.66310641604915</c:v>
                </c:pt>
                <c:pt idx="3550">
                  <c:v>226.09163023217101</c:v>
                </c:pt>
                <c:pt idx="3551">
                  <c:v>203.6157765075684</c:v>
                </c:pt>
                <c:pt idx="3552">
                  <c:v>181.20154653773076</c:v>
                </c:pt>
                <c:pt idx="3553">
                  <c:v>166.42194071239581</c:v>
                </c:pt>
                <c:pt idx="3554">
                  <c:v>162.87219950240129</c:v>
                </c:pt>
                <c:pt idx="3555">
                  <c:v>161.23975196195511</c:v>
                </c:pt>
                <c:pt idx="3556">
                  <c:v>173.92811729598338</c:v>
                </c:pt>
                <c:pt idx="3557">
                  <c:v>206.98225060985325</c:v>
                </c:pt>
                <c:pt idx="3558">
                  <c:v>238.06860000380971</c:v>
                </c:pt>
                <c:pt idx="3559">
                  <c:v>269.44203720234816</c:v>
                </c:pt>
                <c:pt idx="3560">
                  <c:v>315.65359958633849</c:v>
                </c:pt>
                <c:pt idx="3561">
                  <c:v>354.98713676878657</c:v>
                </c:pt>
                <c:pt idx="3562">
                  <c:v>375.85179922820402</c:v>
                </c:pt>
                <c:pt idx="3563">
                  <c:v>398.8426531683387</c:v>
                </c:pt>
                <c:pt idx="3564">
                  <c:v>418.4349287023486</c:v>
                </c:pt>
                <c:pt idx="3565">
                  <c:v>415.77869356014071</c:v>
                </c:pt>
                <c:pt idx="3566">
                  <c:v>413.38562442171298</c:v>
                </c:pt>
                <c:pt idx="3567">
                  <c:v>424.57562968955364</c:v>
                </c:pt>
                <c:pt idx="3568">
                  <c:v>442.75854413036978</c:v>
                </c:pt>
                <c:pt idx="3569">
                  <c:v>454.50740988097931</c:v>
                </c:pt>
                <c:pt idx="3570">
                  <c:v>491.82285663783676</c:v>
                </c:pt>
                <c:pt idx="3571">
                  <c:v>#N/A</c:v>
                </c:pt>
                <c:pt idx="3572">
                  <c:v>#N/A</c:v>
                </c:pt>
                <c:pt idx="3573">
                  <c:v>#N/A</c:v>
                </c:pt>
                <c:pt idx="3574">
                  <c:v>503.05642949694698</c:v>
                </c:pt>
                <c:pt idx="3575">
                  <c:v>480.74861640257495</c:v>
                </c:pt>
                <c:pt idx="3576">
                  <c:v>476.78924513214196</c:v>
                </c:pt>
                <c:pt idx="3577">
                  <c:v>502.76039076449342</c:v>
                </c:pt>
                <c:pt idx="3578">
                  <c:v>536.63453152221587</c:v>
                </c:pt>
                <c:pt idx="3579">
                  <c:v>566.91019011648916</c:v>
                </c:pt>
                <c:pt idx="3580">
                  <c:v>605.46158123405223</c:v>
                </c:pt>
                <c:pt idx="3581">
                  <c:v>#N/A</c:v>
                </c:pt>
                <c:pt idx="3582">
                  <c:v>#N/A</c:v>
                </c:pt>
                <c:pt idx="3583">
                  <c:v>#N/A</c:v>
                </c:pt>
                <c:pt idx="3584">
                  <c:v>#N/A</c:v>
                </c:pt>
                <c:pt idx="3585">
                  <c:v>#N/A</c:v>
                </c:pt>
                <c:pt idx="3586">
                  <c:v>#N/A</c:v>
                </c:pt>
                <c:pt idx="3587">
                  <c:v>#N/A</c:v>
                </c:pt>
                <c:pt idx="3588">
                  <c:v>510.11112544646539</c:v>
                </c:pt>
                <c:pt idx="3589">
                  <c:v>497.55309930134598</c:v>
                </c:pt>
                <c:pt idx="3590">
                  <c:v>492.75219155329683</c:v>
                </c:pt>
                <c:pt idx="3591">
                  <c:v>486.52667990611099</c:v>
                </c:pt>
                <c:pt idx="3592">
                  <c:v>485.1177551127509</c:v>
                </c:pt>
                <c:pt idx="3593">
                  <c:v>502.08697217713399</c:v>
                </c:pt>
                <c:pt idx="3594">
                  <c:v>529.58984035328706</c:v>
                </c:pt>
                <c:pt idx="3595">
                  <c:v>570.24272082539903</c:v>
                </c:pt>
                <c:pt idx="3596">
                  <c:v>#N/A</c:v>
                </c:pt>
                <c:pt idx="3597">
                  <c:v>#N/A</c:v>
                </c:pt>
                <c:pt idx="3598">
                  <c:v>#N/A</c:v>
                </c:pt>
                <c:pt idx="3599">
                  <c:v>#N/A</c:v>
                </c:pt>
                <c:pt idx="3600">
                  <c:v>#N/A</c:v>
                </c:pt>
                <c:pt idx="3601">
                  <c:v>#N/A</c:v>
                </c:pt>
                <c:pt idx="3602">
                  <c:v>552.38130084041575</c:v>
                </c:pt>
                <c:pt idx="3603">
                  <c:v>499.72429024072386</c:v>
                </c:pt>
                <c:pt idx="3604">
                  <c:v>459.62402078327892</c:v>
                </c:pt>
                <c:pt idx="3605">
                  <c:v>418.66526632888076</c:v>
                </c:pt>
                <c:pt idx="3606">
                  <c:v>373.52255162315601</c:v>
                </c:pt>
                <c:pt idx="3607">
                  <c:v>340.47280656873039</c:v>
                </c:pt>
                <c:pt idx="3608">
                  <c:v>325.41901827138958</c:v>
                </c:pt>
                <c:pt idx="3609">
                  <c:v>327.60546018066839</c:v>
                </c:pt>
                <c:pt idx="3610">
                  <c:v>341.8369352241761</c:v>
                </c:pt>
                <c:pt idx="3611">
                  <c:v>350.34638023289364</c:v>
                </c:pt>
                <c:pt idx="3612">
                  <c:v>369.73071972707248</c:v>
                </c:pt>
                <c:pt idx="3613">
                  <c:v>402.67246772260381</c:v>
                </c:pt>
                <c:pt idx="3614">
                  <c:v>425.05248158204063</c:v>
                </c:pt>
                <c:pt idx="3615">
                  <c:v>437.17699315151822</c:v>
                </c:pt>
                <c:pt idx="3616">
                  <c:v>456.50784344489347</c:v>
                </c:pt>
                <c:pt idx="3617">
                  <c:v>467.80416900942845</c:v>
                </c:pt>
                <c:pt idx="3618">
                  <c:v>480.9826532098694</c:v>
                </c:pt>
                <c:pt idx="3619">
                  <c:v>459.89387089429323</c:v>
                </c:pt>
                <c:pt idx="3620">
                  <c:v>434.57957172256062</c:v>
                </c:pt>
                <c:pt idx="3621">
                  <c:v>423.2162430580052</c:v>
                </c:pt>
                <c:pt idx="3622">
                  <c:v>424.69544599897546</c:v>
                </c:pt>
                <c:pt idx="3623">
                  <c:v>439.3510830759497</c:v>
                </c:pt>
                <c:pt idx="3624">
                  <c:v>450.49538855452619</c:v>
                </c:pt>
                <c:pt idx="3625">
                  <c:v>465.99811848604412</c:v>
                </c:pt>
                <c:pt idx="3626">
                  <c:v>475.69154239639869</c:v>
                </c:pt>
                <c:pt idx="3627">
                  <c:v>477.49352213736535</c:v>
                </c:pt>
                <c:pt idx="3628">
                  <c:v>476.28360265768202</c:v>
                </c:pt>
                <c:pt idx="3629">
                  <c:v>502.07326176318355</c:v>
                </c:pt>
                <c:pt idx="3630">
                  <c:v>557.21044542600703</c:v>
                </c:pt>
                <c:pt idx="3631">
                  <c:v>604.02734535842967</c:v>
                </c:pt>
                <c:pt idx="3632">
                  <c:v>650.4270672266058</c:v>
                </c:pt>
                <c:pt idx="3633">
                  <c:v>#N/A</c:v>
                </c:pt>
                <c:pt idx="3634">
                  <c:v>#N/A</c:v>
                </c:pt>
                <c:pt idx="3635">
                  <c:v>#N/A</c:v>
                </c:pt>
                <c:pt idx="3636">
                  <c:v>#N/A</c:v>
                </c:pt>
                <c:pt idx="3637">
                  <c:v>#N/A</c:v>
                </c:pt>
                <c:pt idx="3638">
                  <c:v>#N/A</c:v>
                </c:pt>
                <c:pt idx="3639">
                  <c:v>#N/A</c:v>
                </c:pt>
                <c:pt idx="3640">
                  <c:v>#N/A</c:v>
                </c:pt>
                <c:pt idx="3641">
                  <c:v>#N/A</c:v>
                </c:pt>
                <c:pt idx="3642">
                  <c:v>#N/A</c:v>
                </c:pt>
                <c:pt idx="3643">
                  <c:v>#N/A</c:v>
                </c:pt>
                <c:pt idx="3644">
                  <c:v>#N/A</c:v>
                </c:pt>
                <c:pt idx="3645">
                  <c:v>#N/A</c:v>
                </c:pt>
                <c:pt idx="3646">
                  <c:v>#N/A</c:v>
                </c:pt>
                <c:pt idx="3647">
                  <c:v>#N/A</c:v>
                </c:pt>
                <c:pt idx="3648">
                  <c:v>#N/A</c:v>
                </c:pt>
                <c:pt idx="3649">
                  <c:v>#N/A</c:v>
                </c:pt>
                <c:pt idx="3650">
                  <c:v>#N/A</c:v>
                </c:pt>
                <c:pt idx="3651">
                  <c:v>#N/A</c:v>
                </c:pt>
                <c:pt idx="3652">
                  <c:v>#N/A</c:v>
                </c:pt>
                <c:pt idx="3653">
                  <c:v>#N/A</c:v>
                </c:pt>
                <c:pt idx="3654">
                  <c:v>#N/A</c:v>
                </c:pt>
                <c:pt idx="3655">
                  <c:v>#N/A</c:v>
                </c:pt>
                <c:pt idx="3656">
                  <c:v>#N/A</c:v>
                </c:pt>
                <c:pt idx="3657">
                  <c:v>#N/A</c:v>
                </c:pt>
                <c:pt idx="3658">
                  <c:v>#N/A</c:v>
                </c:pt>
                <c:pt idx="3659">
                  <c:v>#N/A</c:v>
                </c:pt>
                <c:pt idx="3660">
                  <c:v>617.37404511300326</c:v>
                </c:pt>
                <c:pt idx="3661">
                  <c:v>628.42835582081682</c:v>
                </c:pt>
                <c:pt idx="3662">
                  <c:v>643.6104049112754</c:v>
                </c:pt>
                <c:pt idx="3663">
                  <c:v>663.62533134059424</c:v>
                </c:pt>
                <c:pt idx="3664">
                  <c:v>674.51377496744703</c:v>
                </c:pt>
                <c:pt idx="3665">
                  <c:v>673.16445723994468</c:v>
                </c:pt>
                <c:pt idx="3666">
                  <c:v>659.91470055230104</c:v>
                </c:pt>
                <c:pt idx="3667">
                  <c:v>642.79120717587864</c:v>
                </c:pt>
                <c:pt idx="3668">
                  <c:v>609.07147798250162</c:v>
                </c:pt>
                <c:pt idx="3669">
                  <c:v>571.96853764256468</c:v>
                </c:pt>
                <c:pt idx="3670">
                  <c:v>541.21652591396889</c:v>
                </c:pt>
                <c:pt idx="3671">
                  <c:v>548.05253310755825</c:v>
                </c:pt>
                <c:pt idx="3672">
                  <c:v>548.78486197591076</c:v>
                </c:pt>
                <c:pt idx="3673">
                  <c:v>555.24935931985362</c:v>
                </c:pt>
                <c:pt idx="3674">
                  <c:v>591.23185611728093</c:v>
                </c:pt>
                <c:pt idx="3675">
                  <c:v>620.49607573509309</c:v>
                </c:pt>
                <c:pt idx="3676">
                  <c:v>590.66797032777401</c:v>
                </c:pt>
                <c:pt idx="3677">
                  <c:v>548.62871186266318</c:v>
                </c:pt>
                <c:pt idx="3678">
                  <c:v>511.87895177768888</c:v>
                </c:pt>
                <c:pt idx="3679">
                  <c:v>503.25170845472962</c:v>
                </c:pt>
                <c:pt idx="3680">
                  <c:v>513.54040433392049</c:v>
                </c:pt>
                <c:pt idx="3681">
                  <c:v>520.27005056717178</c:v>
                </c:pt>
                <c:pt idx="3682">
                  <c:v>543.06082212425883</c:v>
                </c:pt>
                <c:pt idx="3683">
                  <c:v>602.03248843983613</c:v>
                </c:pt>
                <c:pt idx="3684">
                  <c:v>683.7028118406962</c:v>
                </c:pt>
                <c:pt idx="3685">
                  <c:v>#N/A</c:v>
                </c:pt>
                <c:pt idx="3686">
                  <c:v>#N/A</c:v>
                </c:pt>
                <c:pt idx="3687">
                  <c:v>#N/A</c:v>
                </c:pt>
                <c:pt idx="3688">
                  <c:v>#N/A</c:v>
                </c:pt>
                <c:pt idx="3689">
                  <c:v>#N/A</c:v>
                </c:pt>
                <c:pt idx="3690">
                  <c:v>#N/A</c:v>
                </c:pt>
                <c:pt idx="3691">
                  <c:v>#N/A</c:v>
                </c:pt>
                <c:pt idx="3692">
                  <c:v>#N/A</c:v>
                </c:pt>
                <c:pt idx="3693">
                  <c:v>595.90555815272228</c:v>
                </c:pt>
                <c:pt idx="3694">
                  <c:v>557.60398386490112</c:v>
                </c:pt>
                <c:pt idx="3695">
                  <c:v>543.28042910655449</c:v>
                </c:pt>
                <c:pt idx="3696">
                  <c:v>535.79382317969146</c:v>
                </c:pt>
                <c:pt idx="3697">
                  <c:v>542.20998141707889</c:v>
                </c:pt>
                <c:pt idx="3698">
                  <c:v>552.05424088381881</c:v>
                </c:pt>
                <c:pt idx="3699">
                  <c:v>558.17588565150425</c:v>
                </c:pt>
                <c:pt idx="3700">
                  <c:v>536.62935755810543</c:v>
                </c:pt>
                <c:pt idx="3701">
                  <c:v>508.80433823516864</c:v>
                </c:pt>
                <c:pt idx="3702">
                  <c:v>486.30282742210215</c:v>
                </c:pt>
                <c:pt idx="3703">
                  <c:v>504.02383376043031</c:v>
                </c:pt>
                <c:pt idx="3704">
                  <c:v>577.49698984863892</c:v>
                </c:pt>
                <c:pt idx="3705">
                  <c:v>660.60343650004268</c:v>
                </c:pt>
                <c:pt idx="3706">
                  <c:v>#N/A</c:v>
                </c:pt>
                <c:pt idx="3707">
                  <c:v>#N/A</c:v>
                </c:pt>
                <c:pt idx="3708">
                  <c:v>#N/A</c:v>
                </c:pt>
                <c:pt idx="3709">
                  <c:v>#N/A</c:v>
                </c:pt>
                <c:pt idx="3710">
                  <c:v>#N/A</c:v>
                </c:pt>
                <c:pt idx="3711">
                  <c:v>#N/A</c:v>
                </c:pt>
                <c:pt idx="3712">
                  <c:v>#N/A</c:v>
                </c:pt>
                <c:pt idx="3713">
                  <c:v>#N/A</c:v>
                </c:pt>
                <c:pt idx="3714">
                  <c:v>#N/A</c:v>
                </c:pt>
                <c:pt idx="3715">
                  <c:v>#N/A</c:v>
                </c:pt>
                <c:pt idx="3716">
                  <c:v>#N/A</c:v>
                </c:pt>
                <c:pt idx="3717">
                  <c:v>#N/A</c:v>
                </c:pt>
                <c:pt idx="3718">
                  <c:v>#N/A</c:v>
                </c:pt>
                <c:pt idx="3719">
                  <c:v>#N/A</c:v>
                </c:pt>
                <c:pt idx="3720">
                  <c:v>#N/A</c:v>
                </c:pt>
                <c:pt idx="3721">
                  <c:v>#N/A</c:v>
                </c:pt>
                <c:pt idx="3722">
                  <c:v>#N/A</c:v>
                </c:pt>
                <c:pt idx="3723">
                  <c:v>553.14889521115003</c:v>
                </c:pt>
                <c:pt idx="3724">
                  <c:v>508.7091169192031</c:v>
                </c:pt>
                <c:pt idx="3725">
                  <c:v>464.52842748727335</c:v>
                </c:pt>
                <c:pt idx="3726">
                  <c:v>413.0667940380863</c:v>
                </c:pt>
                <c:pt idx="3727">
                  <c:v>369.68102580051851</c:v>
                </c:pt>
                <c:pt idx="3728">
                  <c:v>336.09778803060584</c:v>
                </c:pt>
                <c:pt idx="3729">
                  <c:v>305.37857749015433</c:v>
                </c:pt>
                <c:pt idx="3730">
                  <c:v>307.63272669171658</c:v>
                </c:pt>
                <c:pt idx="3731">
                  <c:v>332.59019820628288</c:v>
                </c:pt>
                <c:pt idx="3732">
                  <c:v>325.08981077789235</c:v>
                </c:pt>
                <c:pt idx="3733">
                  <c:v>297.99982391231089</c:v>
                </c:pt>
                <c:pt idx="3734">
                  <c:v>274.49455628001681</c:v>
                </c:pt>
                <c:pt idx="3735">
                  <c:v>255.14485471386499</c:v>
                </c:pt>
                <c:pt idx="3736">
                  <c:v>241.88590030519205</c:v>
                </c:pt>
                <c:pt idx="3737">
                  <c:v>279.39337311075457</c:v>
                </c:pt>
                <c:pt idx="3738">
                  <c:v>336.90383827985852</c:v>
                </c:pt>
                <c:pt idx="3739">
                  <c:v>387.3384465935431</c:v>
                </c:pt>
                <c:pt idx="3740">
                  <c:v>475.02714570402208</c:v>
                </c:pt>
                <c:pt idx="3741">
                  <c:v>568.07204541056547</c:v>
                </c:pt>
                <c:pt idx="3742">
                  <c:v>600.82573365307724</c:v>
                </c:pt>
                <c:pt idx="3743">
                  <c:v>#N/A</c:v>
                </c:pt>
                <c:pt idx="3744">
                  <c:v>#N/A</c:v>
                </c:pt>
                <c:pt idx="3745">
                  <c:v>#N/A</c:v>
                </c:pt>
                <c:pt idx="3746">
                  <c:v>#N/A</c:v>
                </c:pt>
                <c:pt idx="3747">
                  <c:v>#N/A</c:v>
                </c:pt>
                <c:pt idx="3748">
                  <c:v>#N/A</c:v>
                </c:pt>
                <c:pt idx="3749">
                  <c:v>#N/A</c:v>
                </c:pt>
                <c:pt idx="3750">
                  <c:v>536.27252097470148</c:v>
                </c:pt>
                <c:pt idx="3751">
                  <c:v>484.34465023569646</c:v>
                </c:pt>
                <c:pt idx="3752">
                  <c:v>472.19993415041017</c:v>
                </c:pt>
                <c:pt idx="3753">
                  <c:v>496.83630197553538</c:v>
                </c:pt>
                <c:pt idx="3754">
                  <c:v>532.46468099702361</c:v>
                </c:pt>
                <c:pt idx="3755">
                  <c:v>605.75514126344513</c:v>
                </c:pt>
                <c:pt idx="3756">
                  <c:v>703.32860083638343</c:v>
                </c:pt>
                <c:pt idx="3757">
                  <c:v>#N/A</c:v>
                </c:pt>
                <c:pt idx="3758">
                  <c:v>#N/A</c:v>
                </c:pt>
                <c:pt idx="3759">
                  <c:v>#N/A</c:v>
                </c:pt>
                <c:pt idx="3760">
                  <c:v>#N/A</c:v>
                </c:pt>
                <c:pt idx="3761">
                  <c:v>#N/A</c:v>
                </c:pt>
                <c:pt idx="3762">
                  <c:v>#N/A</c:v>
                </c:pt>
                <c:pt idx="3763">
                  <c:v>#N/A</c:v>
                </c:pt>
                <c:pt idx="3764">
                  <c:v>#N/A</c:v>
                </c:pt>
                <c:pt idx="3765">
                  <c:v>#N/A</c:v>
                </c:pt>
                <c:pt idx="3766">
                  <c:v>#N/A</c:v>
                </c:pt>
                <c:pt idx="3767">
                  <c:v>#N/A</c:v>
                </c:pt>
                <c:pt idx="3768">
                  <c:v>#N/A</c:v>
                </c:pt>
                <c:pt idx="3769">
                  <c:v>#N/A</c:v>
                </c:pt>
                <c:pt idx="3770">
                  <c:v>#N/A</c:v>
                </c:pt>
                <c:pt idx="3771">
                  <c:v>#N/A</c:v>
                </c:pt>
                <c:pt idx="3772">
                  <c:v>#N/A</c:v>
                </c:pt>
                <c:pt idx="3773">
                  <c:v>503.24050928573956</c:v>
                </c:pt>
                <c:pt idx="3774">
                  <c:v>468.46021923932705</c:v>
                </c:pt>
                <c:pt idx="3775">
                  <c:v>440.59602343515076</c:v>
                </c:pt>
                <c:pt idx="3776">
                  <c:v>417.22585219101933</c:v>
                </c:pt>
                <c:pt idx="3777">
                  <c:v>406.55589062680809</c:v>
                </c:pt>
                <c:pt idx="3778">
                  <c:v>435.88029944123019</c:v>
                </c:pt>
                <c:pt idx="3779">
                  <c:v>472.50931640264008</c:v>
                </c:pt>
                <c:pt idx="3780">
                  <c:v>485.17424024788033</c:v>
                </c:pt>
                <c:pt idx="3781">
                  <c:v>486.74694116626171</c:v>
                </c:pt>
                <c:pt idx="3782">
                  <c:v>488.67483604338776</c:v>
                </c:pt>
                <c:pt idx="3783">
                  <c:v>481.31844779438035</c:v>
                </c:pt>
                <c:pt idx="3784">
                  <c:v>476.92039247763506</c:v>
                </c:pt>
                <c:pt idx="3785">
                  <c:v>452.86829805157862</c:v>
                </c:pt>
                <c:pt idx="3786">
                  <c:v>447.23227066036947</c:v>
                </c:pt>
                <c:pt idx="3787">
                  <c:v>457.68497247579245</c:v>
                </c:pt>
                <c:pt idx="3788">
                  <c:v>463.36679242767264</c:v>
                </c:pt>
                <c:pt idx="3789">
                  <c:v>448.92432749270989</c:v>
                </c:pt>
                <c:pt idx="3790">
                  <c:v>425.88573029005505</c:v>
                </c:pt>
                <c:pt idx="3791">
                  <c:v>414.97356873235117</c:v>
                </c:pt>
                <c:pt idx="3792">
                  <c:v>417.67337328785442</c:v>
                </c:pt>
                <c:pt idx="3793">
                  <c:v>391.30025648063594</c:v>
                </c:pt>
                <c:pt idx="3794">
                  <c:v>394.00109046490911</c:v>
                </c:pt>
                <c:pt idx="3795">
                  <c:v>399.1552050343077</c:v>
                </c:pt>
                <c:pt idx="3796">
                  <c:v>414.76248769710611</c:v>
                </c:pt>
                <c:pt idx="3797">
                  <c:v>422.89356013440852</c:v>
                </c:pt>
                <c:pt idx="3798">
                  <c:v>416.84819447403373</c:v>
                </c:pt>
                <c:pt idx="3799">
                  <c:v>422.27158686651319</c:v>
                </c:pt>
                <c:pt idx="3800">
                  <c:v>419.1922226299244</c:v>
                </c:pt>
                <c:pt idx="3801">
                  <c:v>421.99063060973691</c:v>
                </c:pt>
                <c:pt idx="3802">
                  <c:v>429.80024413680638</c:v>
                </c:pt>
                <c:pt idx="3803">
                  <c:v>437.94329494343475</c:v>
                </c:pt>
                <c:pt idx="3804">
                  <c:v>436.28022427401129</c:v>
                </c:pt>
                <c:pt idx="3805">
                  <c:v>426.92344595422833</c:v>
                </c:pt>
                <c:pt idx="3806">
                  <c:v>434.29555099198723</c:v>
                </c:pt>
                <c:pt idx="3807">
                  <c:v>441.61856229208689</c:v>
                </c:pt>
                <c:pt idx="3808">
                  <c:v>460.1239418988489</c:v>
                </c:pt>
                <c:pt idx="3809">
                  <c:v>482.66116242338899</c:v>
                </c:pt>
                <c:pt idx="3810">
                  <c:v>499.68780469092934</c:v>
                </c:pt>
                <c:pt idx="3811">
                  <c:v>516.79607663558011</c:v>
                </c:pt>
                <c:pt idx="3812">
                  <c:v>545.7751058921807</c:v>
                </c:pt>
                <c:pt idx="3813">
                  <c:v>579.59356719927428</c:v>
                </c:pt>
                <c:pt idx="3814">
                  <c:v>621.12439446511542</c:v>
                </c:pt>
                <c:pt idx="3815">
                  <c:v>659.1783181833739</c:v>
                </c:pt>
                <c:pt idx="3816">
                  <c:v>671.05521563211869</c:v>
                </c:pt>
                <c:pt idx="3817">
                  <c:v>684.33570806627847</c:v>
                </c:pt>
                <c:pt idx="3818">
                  <c:v>698.84320525341866</c:v>
                </c:pt>
                <c:pt idx="3819">
                  <c:v>715.2741948427564</c:v>
                </c:pt>
                <c:pt idx="3820">
                  <c:v>731.08778299629193</c:v>
                </c:pt>
                <c:pt idx="3821">
                  <c:v>748.21510479149401</c:v>
                </c:pt>
                <c:pt idx="3822">
                  <c:v>756.13624641644162</c:v>
                </c:pt>
                <c:pt idx="3823">
                  <c:v>752.17302356872426</c:v>
                </c:pt>
                <c:pt idx="3824">
                  <c:v>731.62760007610984</c:v>
                </c:pt>
                <c:pt idx="3825">
                  <c:v>683.28510545389861</c:v>
                </c:pt>
                <c:pt idx="3826">
                  <c:v>610.40478323840159</c:v>
                </c:pt>
                <c:pt idx="3827">
                  <c:v>531.33933141599346</c:v>
                </c:pt>
                <c:pt idx="3828">
                  <c:v>453.28726835511839</c:v>
                </c:pt>
                <c:pt idx="3829">
                  <c:v>395.87933285377625</c:v>
                </c:pt>
                <c:pt idx="3830">
                  <c:v>337.60480112436568</c:v>
                </c:pt>
                <c:pt idx="3831">
                  <c:v>286.54898999527251</c:v>
                </c:pt>
                <c:pt idx="3832">
                  <c:v>250.06373005081403</c:v>
                </c:pt>
                <c:pt idx="3833">
                  <c:v>207.47003328261371</c:v>
                </c:pt>
                <c:pt idx="3834">
                  <c:v>187.24225060567809</c:v>
                </c:pt>
                <c:pt idx="3835">
                  <c:v>167.5835126114645</c:v>
                </c:pt>
                <c:pt idx="3836">
                  <c:v>164.54658064701263</c:v>
                </c:pt>
                <c:pt idx="3837">
                  <c:v>169.22057077813187</c:v>
                </c:pt>
                <c:pt idx="3838">
                  <c:v>172.11038043580615</c:v>
                </c:pt>
                <c:pt idx="3839">
                  <c:v>177.48193566708994</c:v>
                </c:pt>
                <c:pt idx="3840">
                  <c:v>188.07642184009055</c:v>
                </c:pt>
                <c:pt idx="3841">
                  <c:v>206.63975531810445</c:v>
                </c:pt>
                <c:pt idx="3842">
                  <c:v>234.73531436860253</c:v>
                </c:pt>
                <c:pt idx="3843">
                  <c:v>253.95615307157288</c:v>
                </c:pt>
                <c:pt idx="3844">
                  <c:v>259.01535770050214</c:v>
                </c:pt>
                <c:pt idx="3845">
                  <c:v>250.37716057105033</c:v>
                </c:pt>
                <c:pt idx="3846">
                  <c:v>240.62778655399634</c:v>
                </c:pt>
                <c:pt idx="3847">
                  <c:v>234.9675550509717</c:v>
                </c:pt>
                <c:pt idx="3848">
                  <c:v>242.04864415673421</c:v>
                </c:pt>
                <c:pt idx="3849">
                  <c:v>251.27671092304786</c:v>
                </c:pt>
                <c:pt idx="3850">
                  <c:v>265.65514324898305</c:v>
                </c:pt>
                <c:pt idx="3851">
                  <c:v>299.23758796678226</c:v>
                </c:pt>
                <c:pt idx="3852">
                  <c:v>333.83541091611949</c:v>
                </c:pt>
                <c:pt idx="3853">
                  <c:v>319.91953310787778</c:v>
                </c:pt>
                <c:pt idx="3854">
                  <c:v>317.96739499468964</c:v>
                </c:pt>
                <c:pt idx="3855">
                  <c:v>309.01367346961933</c:v>
                </c:pt>
                <c:pt idx="3856">
                  <c:v>305.16128450795469</c:v>
                </c:pt>
                <c:pt idx="3857">
                  <c:v>280.90982952608067</c:v>
                </c:pt>
                <c:pt idx="3858">
                  <c:v>273.22562060201517</c:v>
                </c:pt>
                <c:pt idx="3859">
                  <c:v>265.75269424077072</c:v>
                </c:pt>
                <c:pt idx="3860">
                  <c:v>269.37101673830995</c:v>
                </c:pt>
                <c:pt idx="3861">
                  <c:v>274.49812460976796</c:v>
                </c:pt>
                <c:pt idx="3862">
                  <c:v>255.67487164143236</c:v>
                </c:pt>
                <c:pt idx="3863">
                  <c:v>245.46001595136758</c:v>
                </c:pt>
                <c:pt idx="3864">
                  <c:v>246.77715468666918</c:v>
                </c:pt>
                <c:pt idx="3865">
                  <c:v>250.43317486581495</c:v>
                </c:pt>
                <c:pt idx="3866">
                  <c:v>260.48209923710664</c:v>
                </c:pt>
                <c:pt idx="3867">
                  <c:v>285.14202788547396</c:v>
                </c:pt>
                <c:pt idx="3868">
                  <c:v>308.53388754945348</c:v>
                </c:pt>
                <c:pt idx="3869">
                  <c:v>319.40567576336321</c:v>
                </c:pt>
                <c:pt idx="3870">
                  <c:v>324.87179162498472</c:v>
                </c:pt>
                <c:pt idx="3871">
                  <c:v>325.12688604156938</c:v>
                </c:pt>
                <c:pt idx="3872">
                  <c:v>336.11757058809962</c:v>
                </c:pt>
                <c:pt idx="3873">
                  <c:v>343.21364559391208</c:v>
                </c:pt>
                <c:pt idx="3874">
                  <c:v>361.22928401641047</c:v>
                </c:pt>
                <c:pt idx="3875">
                  <c:v>376.60459507763017</c:v>
                </c:pt>
                <c:pt idx="3876">
                  <c:v>398.75996966408803</c:v>
                </c:pt>
                <c:pt idx="3877">
                  <c:v>419.30762096478225</c:v>
                </c:pt>
                <c:pt idx="3878">
                  <c:v>437.3498409485083</c:v>
                </c:pt>
                <c:pt idx="3879">
                  <c:v>452.12022393388912</c:v>
                </c:pt>
                <c:pt idx="3880">
                  <c:v>457.14472777279411</c:v>
                </c:pt>
                <c:pt idx="3881">
                  <c:v>446.5700045940942</c:v>
                </c:pt>
                <c:pt idx="3882">
                  <c:v>424.2251246683083</c:v>
                </c:pt>
                <c:pt idx="3883">
                  <c:v>396.35502065367882</c:v>
                </c:pt>
                <c:pt idx="3884">
                  <c:v>366.11144663051914</c:v>
                </c:pt>
                <c:pt idx="3885">
                  <c:v>332.15758999852977</c:v>
                </c:pt>
                <c:pt idx="3886">
                  <c:v>314.78401429498422</c:v>
                </c:pt>
                <c:pt idx="3887">
                  <c:v>293.75949533961915</c:v>
                </c:pt>
                <c:pt idx="3888">
                  <c:v>284.53017712182503</c:v>
                </c:pt>
                <c:pt idx="3889">
                  <c:v>282.70680427868746</c:v>
                </c:pt>
                <c:pt idx="3890">
                  <c:v>265.30145787070836</c:v>
                </c:pt>
                <c:pt idx="3891">
                  <c:v>240.90379552341031</c:v>
                </c:pt>
                <c:pt idx="3892">
                  <c:v>232.42243539972279</c:v>
                </c:pt>
                <c:pt idx="3893">
                  <c:v>220.33574641274615</c:v>
                </c:pt>
                <c:pt idx="3894">
                  <c:v>199.4384540822897</c:v>
                </c:pt>
                <c:pt idx="3895">
                  <c:v>186.69334950019268</c:v>
                </c:pt>
                <c:pt idx="3896">
                  <c:v>172.0978672323366</c:v>
                </c:pt>
                <c:pt idx="3897">
                  <c:v>156.64702352997173</c:v>
                </c:pt>
                <c:pt idx="3898">
                  <c:v>163.66859463399157</c:v>
                </c:pt>
                <c:pt idx="3899">
                  <c:v>176.07172194189852</c:v>
                </c:pt>
                <c:pt idx="3900">
                  <c:v>187.73679555442774</c:v>
                </c:pt>
                <c:pt idx="3901">
                  <c:v>229.36369658281993</c:v>
                </c:pt>
                <c:pt idx="3902">
                  <c:v>279.8646250726386</c:v>
                </c:pt>
                <c:pt idx="3903">
                  <c:v>312.24277064218148</c:v>
                </c:pt>
                <c:pt idx="3904">
                  <c:v>360.46157865312927</c:v>
                </c:pt>
                <c:pt idx="3905">
                  <c:v>427.61236005627399</c:v>
                </c:pt>
                <c:pt idx="3906">
                  <c:v>471.761916911963</c:v>
                </c:pt>
                <c:pt idx="3907">
                  <c:v>514.97285085494627</c:v>
                </c:pt>
                <c:pt idx="3908">
                  <c:v>#N/A</c:v>
                </c:pt>
                <c:pt idx="3909">
                  <c:v>#N/A</c:v>
                </c:pt>
                <c:pt idx="3910">
                  <c:v>#N/A</c:v>
                </c:pt>
                <c:pt idx="3911">
                  <c:v>518.92797784072286</c:v>
                </c:pt>
                <c:pt idx="3912">
                  <c:v>475.2442896392472</c:v>
                </c:pt>
                <c:pt idx="3913">
                  <c:v>422.73848252898227</c:v>
                </c:pt>
                <c:pt idx="3914">
                  <c:v>365.89472219184955</c:v>
                </c:pt>
                <c:pt idx="3915">
                  <c:v>321.34747357714701</c:v>
                </c:pt>
                <c:pt idx="3916">
                  <c:v>278.22077632452846</c:v>
                </c:pt>
                <c:pt idx="3917">
                  <c:v>225.3422563439311</c:v>
                </c:pt>
                <c:pt idx="3918">
                  <c:v>185.69973048754991</c:v>
                </c:pt>
                <c:pt idx="3919">
                  <c:v>159.38287513516354</c:v>
                </c:pt>
                <c:pt idx="3920">
                  <c:v>143.82831399913445</c:v>
                </c:pt>
                <c:pt idx="3921">
                  <c:v>139.30816880944653</c:v>
                </c:pt>
                <c:pt idx="3922">
                  <c:v>135.50545362243054</c:v>
                </c:pt>
                <c:pt idx="3923">
                  <c:v>133.66187510826316</c:v>
                </c:pt>
                <c:pt idx="3924">
                  <c:v>131.22715241294799</c:v>
                </c:pt>
                <c:pt idx="3925">
                  <c:v>128.02300264491248</c:v>
                </c:pt>
                <c:pt idx="3926">
                  <c:v>127.26391990853261</c:v>
                </c:pt>
                <c:pt idx="3927">
                  <c:v>129.54590537130832</c:v>
                </c:pt>
                <c:pt idx="3928">
                  <c:v>133.66779305826233</c:v>
                </c:pt>
                <c:pt idx="3929">
                  <c:v>136.43061688171016</c:v>
                </c:pt>
                <c:pt idx="3930">
                  <c:v>140.65406409050331</c:v>
                </c:pt>
                <c:pt idx="3931">
                  <c:v>141.94060614294185</c:v>
                </c:pt>
                <c:pt idx="3932">
                  <c:v>141.77462125439828</c:v>
                </c:pt>
                <c:pt idx="3933">
                  <c:v>139.48513270732943</c:v>
                </c:pt>
                <c:pt idx="3934">
                  <c:v>137.39532029092899</c:v>
                </c:pt>
                <c:pt idx="3935">
                  <c:v>136.21115360237289</c:v>
                </c:pt>
                <c:pt idx="3936">
                  <c:v>136.7453101568681</c:v>
                </c:pt>
                <c:pt idx="3937">
                  <c:v>138.29942092601382</c:v>
                </c:pt>
                <c:pt idx="3938">
                  <c:v>138.73138435793786</c:v>
                </c:pt>
                <c:pt idx="3939">
                  <c:v>138.81321457296136</c:v>
                </c:pt>
                <c:pt idx="3940">
                  <c:v>140.89983737675263</c:v>
                </c:pt>
                <c:pt idx="3941">
                  <c:v>143.45068194681519</c:v>
                </c:pt>
                <c:pt idx="3942">
                  <c:v>144.32163899452271</c:v>
                </c:pt>
                <c:pt idx="3943">
                  <c:v>145.01297062206291</c:v>
                </c:pt>
                <c:pt idx="3944">
                  <c:v>144.83100019606448</c:v>
                </c:pt>
                <c:pt idx="3945">
                  <c:v>143.90705899224821</c:v>
                </c:pt>
                <c:pt idx="3946">
                  <c:v>143.48933314795187</c:v>
                </c:pt>
                <c:pt idx="3947">
                  <c:v>144.41409959441998</c:v>
                </c:pt>
                <c:pt idx="3948">
                  <c:v>145.26230953850407</c:v>
                </c:pt>
                <c:pt idx="3949">
                  <c:v>144.6510011091369</c:v>
                </c:pt>
                <c:pt idx="3950">
                  <c:v>144.28564859970021</c:v>
                </c:pt>
                <c:pt idx="3951">
                  <c:v>143.91594926701882</c:v>
                </c:pt>
                <c:pt idx="3952">
                  <c:v>144.93275377253042</c:v>
                </c:pt>
                <c:pt idx="3953">
                  <c:v>145.30431127007341</c:v>
                </c:pt>
                <c:pt idx="3954">
                  <c:v>144.30975303766229</c:v>
                </c:pt>
                <c:pt idx="3955">
                  <c:v>143.90166840245408</c:v>
                </c:pt>
                <c:pt idx="3956">
                  <c:v>144.1131545664916</c:v>
                </c:pt>
                <c:pt idx="3957">
                  <c:v>144.25799692651597</c:v>
                </c:pt>
                <c:pt idx="3958">
                  <c:v>144.32661280547859</c:v>
                </c:pt>
                <c:pt idx="3959">
                  <c:v>144.45486998325143</c:v>
                </c:pt>
                <c:pt idx="3960">
                  <c:v>146.74199025120058</c:v>
                </c:pt>
                <c:pt idx="3961">
                  <c:v>149.83755826011677</c:v>
                </c:pt>
                <c:pt idx="3962">
                  <c:v>155.90197831317633</c:v>
                </c:pt>
                <c:pt idx="3963">
                  <c:v>168.71458446190144</c:v>
                </c:pt>
                <c:pt idx="3964">
                  <c:v>178.84535868854314</c:v>
                </c:pt>
                <c:pt idx="3965">
                  <c:v>186.34659055051893</c:v>
                </c:pt>
                <c:pt idx="3966">
                  <c:v>206.24204621946885</c:v>
                </c:pt>
                <c:pt idx="3967">
                  <c:v>237.53370603077676</c:v>
                </c:pt>
                <c:pt idx="3968">
                  <c:v>263.08358077834657</c:v>
                </c:pt>
                <c:pt idx="3969">
                  <c:v>291.29891514368819</c:v>
                </c:pt>
                <c:pt idx="3970">
                  <c:v>268.21539502743514</c:v>
                </c:pt>
                <c:pt idx="3971">
                  <c:v>264.38311321691953</c:v>
                </c:pt>
                <c:pt idx="3972">
                  <c:v>257.65040163112468</c:v>
                </c:pt>
                <c:pt idx="3973">
                  <c:v>245.46233049466719</c:v>
                </c:pt>
                <c:pt idx="3974">
                  <c:v>235.86677425749136</c:v>
                </c:pt>
                <c:pt idx="3975">
                  <c:v>229.96470732631295</c:v>
                </c:pt>
                <c:pt idx="3976">
                  <c:v>236.32054823959288</c:v>
                </c:pt>
                <c:pt idx="3977">
                  <c:v>247.34186992360671</c:v>
                </c:pt>
                <c:pt idx="3978">
                  <c:v>247.55775500752233</c:v>
                </c:pt>
                <c:pt idx="3979">
                  <c:v>246.78391943082522</c:v>
                </c:pt>
                <c:pt idx="3980">
                  <c:v>246.93761607000621</c:v>
                </c:pt>
                <c:pt idx="3981">
                  <c:v>233.3261333123809</c:v>
                </c:pt>
                <c:pt idx="3982">
                  <c:v>223.80368889317512</c:v>
                </c:pt>
                <c:pt idx="3983">
                  <c:v>214.1822063831693</c:v>
                </c:pt>
                <c:pt idx="3984">
                  <c:v>208.01350371035855</c:v>
                </c:pt>
                <c:pt idx="3985">
                  <c:v>205.41491744534878</c:v>
                </c:pt>
                <c:pt idx="3986">
                  <c:v>210.57774280029514</c:v>
                </c:pt>
                <c:pt idx="3987">
                  <c:v>210.96795679784077</c:v>
                </c:pt>
                <c:pt idx="3988">
                  <c:v>215.00988175043904</c:v>
                </c:pt>
                <c:pt idx="3989">
                  <c:v>209.13972012351738</c:v>
                </c:pt>
                <c:pt idx="3990">
                  <c:v>198.26329803637418</c:v>
                </c:pt>
                <c:pt idx="3991">
                  <c:v>191.8914611462055</c:v>
                </c:pt>
                <c:pt idx="3992">
                  <c:v>185.87656259586561</c:v>
                </c:pt>
                <c:pt idx="3993">
                  <c:v>185.91717974529092</c:v>
                </c:pt>
                <c:pt idx="3994">
                  <c:v>185.96993538334027</c:v>
                </c:pt>
                <c:pt idx="3995">
                  <c:v>200.14655481452459</c:v>
                </c:pt>
                <c:pt idx="3996">
                  <c:v>215.92221418352176</c:v>
                </c:pt>
                <c:pt idx="3997">
                  <c:v>225.25344525631775</c:v>
                </c:pt>
                <c:pt idx="3998">
                  <c:v>231.83661490491352</c:v>
                </c:pt>
                <c:pt idx="3999">
                  <c:v>231.95216034808243</c:v>
                </c:pt>
                <c:pt idx="4000">
                  <c:v>222.74428692123593</c:v>
                </c:pt>
                <c:pt idx="4001">
                  <c:v>202.75955144028748</c:v>
                </c:pt>
                <c:pt idx="4002">
                  <c:v>192.78081620321794</c:v>
                </c:pt>
                <c:pt idx="4003">
                  <c:v>199.22872801253166</c:v>
                </c:pt>
                <c:pt idx="4004">
                  <c:v>199.08149569468549</c:v>
                </c:pt>
                <c:pt idx="4005">
                  <c:v>205.19693746887876</c:v>
                </c:pt>
                <c:pt idx="4006">
                  <c:v>229.37125652501902</c:v>
                </c:pt>
                <c:pt idx="4007">
                  <c:v>254.01343784683471</c:v>
                </c:pt>
                <c:pt idx="4008">
                  <c:v>264.89995724263025</c:v>
                </c:pt>
                <c:pt idx="4009">
                  <c:v>266.24454181053562</c:v>
                </c:pt>
                <c:pt idx="4010">
                  <c:v>275.48194860039746</c:v>
                </c:pt>
                <c:pt idx="4011">
                  <c:v>264.35421906467735</c:v>
                </c:pt>
                <c:pt idx="4012">
                  <c:v>261.9216620678867</c:v>
                </c:pt>
                <c:pt idx="4013">
                  <c:v>254.29612105520377</c:v>
                </c:pt>
                <c:pt idx="4014">
                  <c:v>255.19883274243398</c:v>
                </c:pt>
                <c:pt idx="4015">
                  <c:v>254.06508483583477</c:v>
                </c:pt>
                <c:pt idx="4016">
                  <c:v>257.6140875061069</c:v>
                </c:pt>
                <c:pt idx="4017">
                  <c:v>265.43534731258325</c:v>
                </c:pt>
                <c:pt idx="4018">
                  <c:v>283.63386001847067</c:v>
                </c:pt>
                <c:pt idx="4019">
                  <c:v>286.85785575709292</c:v>
                </c:pt>
                <c:pt idx="4020">
                  <c:v>287.36668121600809</c:v>
                </c:pt>
                <c:pt idx="4021">
                  <c:v>283.63586774911886</c:v>
                </c:pt>
                <c:pt idx="4022">
                  <c:v>281.50049850334875</c:v>
                </c:pt>
                <c:pt idx="4023">
                  <c:v>272.66207535507687</c:v>
                </c:pt>
                <c:pt idx="4024">
                  <c:v>258.60949140627235</c:v>
                </c:pt>
                <c:pt idx="4025">
                  <c:v>241.93728333855543</c:v>
                </c:pt>
                <c:pt idx="4026">
                  <c:v>215.26963896134689</c:v>
                </c:pt>
                <c:pt idx="4027">
                  <c:v>210.0484068380284</c:v>
                </c:pt>
                <c:pt idx="4028">
                  <c:v>209.52464206738762</c:v>
                </c:pt>
                <c:pt idx="4029">
                  <c:v>209.45199694478947</c:v>
                </c:pt>
                <c:pt idx="4030">
                  <c:v>215.88867372940675</c:v>
                </c:pt>
                <c:pt idx="4031">
                  <c:v>222.46522410211128</c:v>
                </c:pt>
                <c:pt idx="4032">
                  <c:v>229.24541742957351</c:v>
                </c:pt>
                <c:pt idx="4033">
                  <c:v>239.42787102793821</c:v>
                </c:pt>
                <c:pt idx="4034">
                  <c:v>259.36783538368871</c:v>
                </c:pt>
                <c:pt idx="4035">
                  <c:v>278.33725239085965</c:v>
                </c:pt>
                <c:pt idx="4036">
                  <c:v>280.96107731245536</c:v>
                </c:pt>
                <c:pt idx="4037">
                  <c:v>289.7141990324962</c:v>
                </c:pt>
                <c:pt idx="4038">
                  <c:v>297.23949006757931</c:v>
                </c:pt>
                <c:pt idx="4039">
                  <c:v>293.1535787080752</c:v>
                </c:pt>
                <c:pt idx="4040">
                  <c:v>288.21780470877724</c:v>
                </c:pt>
                <c:pt idx="4041">
                  <c:v>280.62912822535105</c:v>
                </c:pt>
                <c:pt idx="4042">
                  <c:v>267.73173680230417</c:v>
                </c:pt>
                <c:pt idx="4043">
                  <c:v>267.76975628401846</c:v>
                </c:pt>
                <c:pt idx="4044">
                  <c:v>246.72563747188551</c:v>
                </c:pt>
                <c:pt idx="4045">
                  <c:v>218.4637306075401</c:v>
                </c:pt>
                <c:pt idx="4046">
                  <c:v>199.42124938439102</c:v>
                </c:pt>
                <c:pt idx="4047">
                  <c:v>195.73642933300917</c:v>
                </c:pt>
                <c:pt idx="4048">
                  <c:v>191.09742379578606</c:v>
                </c:pt>
                <c:pt idx="4049">
                  <c:v>196.23562389917061</c:v>
                </c:pt>
                <c:pt idx="4050">
                  <c:v>208.60562602483176</c:v>
                </c:pt>
                <c:pt idx="4051">
                  <c:v>229.1371455371733</c:v>
                </c:pt>
                <c:pt idx="4052">
                  <c:v>226.86073899552525</c:v>
                </c:pt>
                <c:pt idx="4053">
                  <c:v>226.28843646097516</c:v>
                </c:pt>
                <c:pt idx="4054">
                  <c:v>223.08854668310997</c:v>
                </c:pt>
                <c:pt idx="4055">
                  <c:v>218.4937399586787</c:v>
                </c:pt>
                <c:pt idx="4056">
                  <c:v>212.47915142132675</c:v>
                </c:pt>
                <c:pt idx="4057">
                  <c:v>206.23469527602654</c:v>
                </c:pt>
                <c:pt idx="4058">
                  <c:v>201.13867552422616</c:v>
                </c:pt>
                <c:pt idx="4059">
                  <c:v>205.05546283849165</c:v>
                </c:pt>
                <c:pt idx="4060">
                  <c:v>214.73546494725431</c:v>
                </c:pt>
                <c:pt idx="4061">
                  <c:v>213.70179011930631</c:v>
                </c:pt>
                <c:pt idx="4062">
                  <c:v>219.14337073713352</c:v>
                </c:pt>
                <c:pt idx="4063">
                  <c:v>230.85578719724515</c:v>
                </c:pt>
                <c:pt idx="4064">
                  <c:v>233.21730145967828</c:v>
                </c:pt>
                <c:pt idx="4065">
                  <c:v>236.18155280095459</c:v>
                </c:pt>
                <c:pt idx="4066">
                  <c:v>234.78419638829928</c:v>
                </c:pt>
                <c:pt idx="4067">
                  <c:v>227.11708099078191</c:v>
                </c:pt>
                <c:pt idx="4068">
                  <c:v>219.56478555206434</c:v>
                </c:pt>
                <c:pt idx="4069">
                  <c:v>210.41399489066032</c:v>
                </c:pt>
                <c:pt idx="4070">
                  <c:v>200.04165822450705</c:v>
                </c:pt>
                <c:pt idx="4071">
                  <c:v>196.71427230301788</c:v>
                </c:pt>
                <c:pt idx="4072">
                  <c:v>195.50716445368414</c:v>
                </c:pt>
                <c:pt idx="4073">
                  <c:v>196.50239230276748</c:v>
                </c:pt>
                <c:pt idx="4074">
                  <c:v>195.18166126214976</c:v>
                </c:pt>
                <c:pt idx="4075">
                  <c:v>191.33720479208151</c:v>
                </c:pt>
                <c:pt idx="4076">
                  <c:v>195.45743018079168</c:v>
                </c:pt>
                <c:pt idx="4077">
                  <c:v>192.24118273539821</c:v>
                </c:pt>
                <c:pt idx="4078">
                  <c:v>193.56356081266208</c:v>
                </c:pt>
                <c:pt idx="4079">
                  <c:v>192.37319742023715</c:v>
                </c:pt>
                <c:pt idx="4080">
                  <c:v>194.73975136183216</c:v>
                </c:pt>
                <c:pt idx="4081">
                  <c:v>200.86339478524334</c:v>
                </c:pt>
                <c:pt idx="4082">
                  <c:v>206.57433351412325</c:v>
                </c:pt>
                <c:pt idx="4083">
                  <c:v>218.30374855731009</c:v>
                </c:pt>
                <c:pt idx="4084">
                  <c:v>229.73476896716139</c:v>
                </c:pt>
                <c:pt idx="4085">
                  <c:v>241.90982810286991</c:v>
                </c:pt>
                <c:pt idx="4086">
                  <c:v>251.83983520493658</c:v>
                </c:pt>
                <c:pt idx="4087">
                  <c:v>255.83005398147608</c:v>
                </c:pt>
                <c:pt idx="4088">
                  <c:v>257.88762443763159</c:v>
                </c:pt>
                <c:pt idx="4089">
                  <c:v>263.60051607233316</c:v>
                </c:pt>
                <c:pt idx="4090">
                  <c:v>278.41160743996988</c:v>
                </c:pt>
                <c:pt idx="4091">
                  <c:v>297.73380600458682</c:v>
                </c:pt>
                <c:pt idx="4092">
                  <c:v>315.21186799087189</c:v>
                </c:pt>
                <c:pt idx="4093">
                  <c:v>327.09220749557886</c:v>
                </c:pt>
                <c:pt idx="4094">
                  <c:v>348.1077991213952</c:v>
                </c:pt>
                <c:pt idx="4095">
                  <c:v>355.08641235402411</c:v>
                </c:pt>
                <c:pt idx="4096">
                  <c:v>373.35079628556042</c:v>
                </c:pt>
                <c:pt idx="4097">
                  <c:v>390.37861285656066</c:v>
                </c:pt>
                <c:pt idx="4098">
                  <c:v>403.66887297906493</c:v>
                </c:pt>
                <c:pt idx="4099">
                  <c:v>406.38184922585532</c:v>
                </c:pt>
                <c:pt idx="4100">
                  <c:v>414.69480625600659</c:v>
                </c:pt>
                <c:pt idx="4101">
                  <c:v>404.98214160837898</c:v>
                </c:pt>
                <c:pt idx="4102">
                  <c:v>398.3026231658535</c:v>
                </c:pt>
                <c:pt idx="4103">
                  <c:v>390.56191426055381</c:v>
                </c:pt>
                <c:pt idx="4104">
                  <c:v>395.25664313694568</c:v>
                </c:pt>
                <c:pt idx="4105">
                  <c:v>395.89478650191268</c:v>
                </c:pt>
                <c:pt idx="4106">
                  <c:v>382.25563214876001</c:v>
                </c:pt>
                <c:pt idx="4107">
                  <c:v>357.04260417209144</c:v>
                </c:pt>
                <c:pt idx="4108">
                  <c:v>339.00934333443627</c:v>
                </c:pt>
                <c:pt idx="4109">
                  <c:v>347.6021906691692</c:v>
                </c:pt>
                <c:pt idx="4110">
                  <c:v>336.43574556650771</c:v>
                </c:pt>
                <c:pt idx="4111">
                  <c:v>330.63495609157911</c:v>
                </c:pt>
                <c:pt idx="4112">
                  <c:v>370.52086441637698</c:v>
                </c:pt>
                <c:pt idx="4113">
                  <c:v>427.06981476101049</c:v>
                </c:pt>
                <c:pt idx="4114">
                  <c:v>478.32138622235942</c:v>
                </c:pt>
                <c:pt idx="4115">
                  <c:v>515.63351185740601</c:v>
                </c:pt>
                <c:pt idx="4116">
                  <c:v>547.45649436533085</c:v>
                </c:pt>
                <c:pt idx="4117">
                  <c:v>565.2969886861564</c:v>
                </c:pt>
                <c:pt idx="4118">
                  <c:v>551.76272781613261</c:v>
                </c:pt>
                <c:pt idx="4119">
                  <c:v>527.2985120042199</c:v>
                </c:pt>
                <c:pt idx="4120">
                  <c:v>508.54801156189234</c:v>
                </c:pt>
                <c:pt idx="4121">
                  <c:v>488.14843298642808</c:v>
                </c:pt>
                <c:pt idx="4122">
                  <c:v>473.50611168201141</c:v>
                </c:pt>
                <c:pt idx="4123">
                  <c:v>480.58161701809991</c:v>
                </c:pt>
                <c:pt idx="4124">
                  <c:v>495.93898075283204</c:v>
                </c:pt>
                <c:pt idx="4125">
                  <c:v>551.28417383091426</c:v>
                </c:pt>
                <c:pt idx="4126">
                  <c:v>637.17091835840188</c:v>
                </c:pt>
                <c:pt idx="4127">
                  <c:v>730.39204727523338</c:v>
                </c:pt>
                <c:pt idx="4128">
                  <c:v>#N/A</c:v>
                </c:pt>
                <c:pt idx="4129">
                  <c:v>#N/A</c:v>
                </c:pt>
                <c:pt idx="4130">
                  <c:v>#N/A</c:v>
                </c:pt>
                <c:pt idx="4131">
                  <c:v>#N/A</c:v>
                </c:pt>
                <c:pt idx="4132">
                  <c:v>#N/A</c:v>
                </c:pt>
                <c:pt idx="4133">
                  <c:v>#N/A</c:v>
                </c:pt>
                <c:pt idx="4134">
                  <c:v>#N/A</c:v>
                </c:pt>
                <c:pt idx="4135">
                  <c:v>#N/A</c:v>
                </c:pt>
                <c:pt idx="4136">
                  <c:v>#N/A</c:v>
                </c:pt>
                <c:pt idx="4137">
                  <c:v>#N/A</c:v>
                </c:pt>
                <c:pt idx="4138">
                  <c:v>#N/A</c:v>
                </c:pt>
                <c:pt idx="4139">
                  <c:v>520.14409092675442</c:v>
                </c:pt>
                <c:pt idx="4140">
                  <c:v>490.13570754568974</c:v>
                </c:pt>
                <c:pt idx="4141">
                  <c:v>463.86389778608935</c:v>
                </c:pt>
                <c:pt idx="4142">
                  <c:v>449.48487374515344</c:v>
                </c:pt>
                <c:pt idx="4143">
                  <c:v>429.37871132917689</c:v>
                </c:pt>
                <c:pt idx="4144">
                  <c:v>419.71158723688478</c:v>
                </c:pt>
                <c:pt idx="4145">
                  <c:v>410.88359459088798</c:v>
                </c:pt>
                <c:pt idx="4146">
                  <c:v>407.79237126735148</c:v>
                </c:pt>
                <c:pt idx="4147">
                  <c:v>390.13225950375562</c:v>
                </c:pt>
                <c:pt idx="4148">
                  <c:v>375.24414872939406</c:v>
                </c:pt>
                <c:pt idx="4149">
                  <c:v>367.39550986385319</c:v>
                </c:pt>
                <c:pt idx="4150">
                  <c:v>371.31714174069401</c:v>
                </c:pt>
                <c:pt idx="4151">
                  <c:v>392.26220876845491</c:v>
                </c:pt>
                <c:pt idx="4152">
                  <c:v>423.74945379573109</c:v>
                </c:pt>
                <c:pt idx="4153">
                  <c:v>465.77291099673022</c:v>
                </c:pt>
                <c:pt idx="4154">
                  <c:v>480.58453827300855</c:v>
                </c:pt>
                <c:pt idx="4155">
                  <c:v>497.11821511677198</c:v>
                </c:pt>
                <c:pt idx="4156">
                  <c:v>523.57801922050169</c:v>
                </c:pt>
                <c:pt idx="4157">
                  <c:v>564.31478051802594</c:v>
                </c:pt>
                <c:pt idx="4158">
                  <c:v>597.7217479498978</c:v>
                </c:pt>
                <c:pt idx="4159">
                  <c:v>619.51138968758198</c:v>
                </c:pt>
                <c:pt idx="4160">
                  <c:v>663.98414484150703</c:v>
                </c:pt>
                <c:pt idx="4161">
                  <c:v>706.47437140411841</c:v>
                </c:pt>
                <c:pt idx="4162">
                  <c:v>728.71295908684942</c:v>
                </c:pt>
                <c:pt idx="4163">
                  <c:v>#N/A</c:v>
                </c:pt>
                <c:pt idx="4164">
                  <c:v>705.4420602418021</c:v>
                </c:pt>
                <c:pt idx="4165">
                  <c:v>674.33243051874183</c:v>
                </c:pt>
                <c:pt idx="4166">
                  <c:v>629.440892073285</c:v>
                </c:pt>
                <c:pt idx="4167">
                  <c:v>580.13113866768776</c:v>
                </c:pt>
                <c:pt idx="4168">
                  <c:v>538.48598652086127</c:v>
                </c:pt>
                <c:pt idx="4169">
                  <c:v>503.44206372159584</c:v>
                </c:pt>
                <c:pt idx="4170">
                  <c:v>483.32342610512291</c:v>
                </c:pt>
                <c:pt idx="4171">
                  <c:v>462.34401898095081</c:v>
                </c:pt>
                <c:pt idx="4172">
                  <c:v>440.60313233044099</c:v>
                </c:pt>
                <c:pt idx="4173">
                  <c:v>432.9590901127533</c:v>
                </c:pt>
                <c:pt idx="4174">
                  <c:v>423.09010701638971</c:v>
                </c:pt>
                <c:pt idx="4175">
                  <c:v>436.67430396981246</c:v>
                </c:pt>
                <c:pt idx="4176">
                  <c:v>457.49995699331004</c:v>
                </c:pt>
                <c:pt idx="4177">
                  <c:v>479.13196809482042</c:v>
                </c:pt>
                <c:pt idx="4178">
                  <c:v>472.9007289482754</c:v>
                </c:pt>
                <c:pt idx="4179">
                  <c:v>466.55052426400829</c:v>
                </c:pt>
                <c:pt idx="4180">
                  <c:v>449.93282398953039</c:v>
                </c:pt>
                <c:pt idx="4181">
                  <c:v>430.93376402997802</c:v>
                </c:pt>
                <c:pt idx="4182">
                  <c:v>427.10848118146117</c:v>
                </c:pt>
                <c:pt idx="4183">
                  <c:v>413.63529030013848</c:v>
                </c:pt>
                <c:pt idx="4184">
                  <c:v>417.97515902491659</c:v>
                </c:pt>
                <c:pt idx="4185">
                  <c:v>422.71892417887574</c:v>
                </c:pt>
                <c:pt idx="4186">
                  <c:v>436.6996682926486</c:v>
                </c:pt>
                <c:pt idx="4187">
                  <c:v>480.59830497414322</c:v>
                </c:pt>
                <c:pt idx="4188">
                  <c:v>553.97017747445113</c:v>
                </c:pt>
                <c:pt idx="4189">
                  <c:v>626.91274323172922</c:v>
                </c:pt>
                <c:pt idx="4190">
                  <c:v>672.22866450570552</c:v>
                </c:pt>
                <c:pt idx="4191">
                  <c:v>697.84344731293652</c:v>
                </c:pt>
                <c:pt idx="4192">
                  <c:v>685.30996033801512</c:v>
                </c:pt>
                <c:pt idx="4193">
                  <c:v>657.99024015509747</c:v>
                </c:pt>
                <c:pt idx="4194">
                  <c:v>615.94742042685505</c:v>
                </c:pt>
                <c:pt idx="4195">
                  <c:v>587.9646382141259</c:v>
                </c:pt>
                <c:pt idx="4196">
                  <c:v>582.08165923306149</c:v>
                </c:pt>
                <c:pt idx="4197">
                  <c:v>585.74314671895434</c:v>
                </c:pt>
                <c:pt idx="4198">
                  <c:v>593.31353473897025</c:v>
                </c:pt>
                <c:pt idx="4199">
                  <c:v>615.91883363603836</c:v>
                </c:pt>
                <c:pt idx="4200">
                  <c:v>643.35835299254688</c:v>
                </c:pt>
                <c:pt idx="4201">
                  <c:v>646.86295941012781</c:v>
                </c:pt>
                <c:pt idx="4202">
                  <c:v>633.9328041484107</c:v>
                </c:pt>
                <c:pt idx="4203">
                  <c:v>641.26729349158086</c:v>
                </c:pt>
                <c:pt idx="4204">
                  <c:v>643.76215120203767</c:v>
                </c:pt>
                <c:pt idx="4205">
                  <c:v>652.30457667027247</c:v>
                </c:pt>
                <c:pt idx="4206">
                  <c:v>669.15949443036004</c:v>
                </c:pt>
                <c:pt idx="4207">
                  <c:v>703.84133580603987</c:v>
                </c:pt>
                <c:pt idx="4208">
                  <c:v>722.67796787880468</c:v>
                </c:pt>
                <c:pt idx="4209">
                  <c:v>742.24146517673944</c:v>
                </c:pt>
                <c:pt idx="4210">
                  <c:v>#N/A</c:v>
                </c:pt>
                <c:pt idx="4211">
                  <c:v>755.48129691060387</c:v>
                </c:pt>
                <c:pt idx="4212">
                  <c:v>686.47297873665548</c:v>
                </c:pt>
                <c:pt idx="4213">
                  <c:v>630.35323188229029</c:v>
                </c:pt>
                <c:pt idx="4214">
                  <c:v>595.37491716076386</c:v>
                </c:pt>
                <c:pt idx="4215">
                  <c:v>581.52967184674947</c:v>
                </c:pt>
                <c:pt idx="4216">
                  <c:v>559.38511578488158</c:v>
                </c:pt>
                <c:pt idx="4217">
                  <c:v>549.39707538032951</c:v>
                </c:pt>
                <c:pt idx="4218">
                  <c:v>553.43639148172372</c:v>
                </c:pt>
                <c:pt idx="4219">
                  <c:v>564.76406942240567</c:v>
                </c:pt>
                <c:pt idx="4220">
                  <c:v>580.89116472694911</c:v>
                </c:pt>
                <c:pt idx="4221">
                  <c:v>588.50776453282526</c:v>
                </c:pt>
                <c:pt idx="4222">
                  <c:v>592.54222762247934</c:v>
                </c:pt>
                <c:pt idx="4223">
                  <c:v>591.86728642329717</c:v>
                </c:pt>
                <c:pt idx="4224">
                  <c:v>586.10997308298545</c:v>
                </c:pt>
                <c:pt idx="4225">
                  <c:v>574.42465942974184</c:v>
                </c:pt>
                <c:pt idx="4226">
                  <c:v>538.28494278757717</c:v>
                </c:pt>
                <c:pt idx="4227">
                  <c:v>491.5018735313368</c:v>
                </c:pt>
                <c:pt idx="4228">
                  <c:v>446.4543191405516</c:v>
                </c:pt>
                <c:pt idx="4229">
                  <c:v>404.71218332036739</c:v>
                </c:pt>
                <c:pt idx="4230">
                  <c:v>386.30925831755673</c:v>
                </c:pt>
                <c:pt idx="4231">
                  <c:v>389.50517628040097</c:v>
                </c:pt>
                <c:pt idx="4232">
                  <c:v>373.70557561447799</c:v>
                </c:pt>
                <c:pt idx="4233">
                  <c:v>381.14424323390409</c:v>
                </c:pt>
                <c:pt idx="4234">
                  <c:v>424.34428743649642</c:v>
                </c:pt>
                <c:pt idx="4235">
                  <c:v>470.16110577878584</c:v>
                </c:pt>
                <c:pt idx="4236">
                  <c:v>495.27347600698431</c:v>
                </c:pt>
                <c:pt idx="4237">
                  <c:v>504.79354848694896</c:v>
                </c:pt>
                <c:pt idx="4238">
                  <c:v>509.52251080816018</c:v>
                </c:pt>
                <c:pt idx="4239">
                  <c:v>538.30048030340129</c:v>
                </c:pt>
                <c:pt idx="4240">
                  <c:v>566.91219869596841</c:v>
                </c:pt>
                <c:pt idx="4241">
                  <c:v>591.24484199205324</c:v>
                </c:pt>
                <c:pt idx="4242">
                  <c:v>615.17078480317264</c:v>
                </c:pt>
                <c:pt idx="4243">
                  <c:v>646.25692049124234</c:v>
                </c:pt>
                <c:pt idx="4244">
                  <c:v>664.49978994489334</c:v>
                </c:pt>
                <c:pt idx="4245">
                  <c:v>695.79979025143894</c:v>
                </c:pt>
                <c:pt idx="4246">
                  <c:v>#N/A</c:v>
                </c:pt>
                <c:pt idx="4247">
                  <c:v>#N/A</c:v>
                </c:pt>
                <c:pt idx="4248">
                  <c:v>#N/A</c:v>
                </c:pt>
                <c:pt idx="4249">
                  <c:v>#N/A</c:v>
                </c:pt>
                <c:pt idx="4250">
                  <c:v>#N/A</c:v>
                </c:pt>
                <c:pt idx="4251">
                  <c:v>#N/A</c:v>
                </c:pt>
                <c:pt idx="4252">
                  <c:v>777.28795292557254</c:v>
                </c:pt>
                <c:pt idx="4253">
                  <c:v>715.78019384967013</c:v>
                </c:pt>
                <c:pt idx="4254">
                  <c:v>644.6690570798969</c:v>
                </c:pt>
                <c:pt idx="4255">
                  <c:v>585.86448028454936</c:v>
                </c:pt>
                <c:pt idx="4256">
                  <c:v>546.03024582801652</c:v>
                </c:pt>
                <c:pt idx="4257">
                  <c:v>514.20881761056648</c:v>
                </c:pt>
                <c:pt idx="4258">
                  <c:v>492.40382565432691</c:v>
                </c:pt>
                <c:pt idx="4259">
                  <c:v>474.22042669756047</c:v>
                </c:pt>
                <c:pt idx="4260">
                  <c:v>455.48849807672582</c:v>
                </c:pt>
                <c:pt idx="4261">
                  <c:v>447.76527690623226</c:v>
                </c:pt>
                <c:pt idx="4262">
                  <c:v>446.96814086569429</c:v>
                </c:pt>
                <c:pt idx="4263">
                  <c:v>429.14556744512896</c:v>
                </c:pt>
                <c:pt idx="4264">
                  <c:v>427.56915024036692</c:v>
                </c:pt>
                <c:pt idx="4265">
                  <c:v>427.21928058312011</c:v>
                </c:pt>
                <c:pt idx="4266">
                  <c:v>424.19471098180605</c:v>
                </c:pt>
                <c:pt idx="4267">
                  <c:v>436.66902642901078</c:v>
                </c:pt>
                <c:pt idx="4268">
                  <c:v>439.97419797305002</c:v>
                </c:pt>
                <c:pt idx="4269">
                  <c:v>447.89218142838808</c:v>
                </c:pt>
                <c:pt idx="4270">
                  <c:v>469.79850719289243</c:v>
                </c:pt>
                <c:pt idx="4271">
                  <c:v>493.82093805110986</c:v>
                </c:pt>
                <c:pt idx="4272">
                  <c:v>509.73168314804599</c:v>
                </c:pt>
                <c:pt idx="4273">
                  <c:v>535.47861991530328</c:v>
                </c:pt>
                <c:pt idx="4274">
                  <c:v>553.4364850729113</c:v>
                </c:pt>
                <c:pt idx="4275">
                  <c:v>556.36079188321867</c:v>
                </c:pt>
                <c:pt idx="4276">
                  <c:v>551.63142997878765</c:v>
                </c:pt>
                <c:pt idx="4277">
                  <c:v>558.093878470547</c:v>
                </c:pt>
                <c:pt idx="4278">
                  <c:v>563.15571303456602</c:v>
                </c:pt>
                <c:pt idx="4279">
                  <c:v>559.09176036003191</c:v>
                </c:pt>
                <c:pt idx="4280">
                  <c:v>555.22360438481553</c:v>
                </c:pt>
                <c:pt idx="4281">
                  <c:v>543.31636795999248</c:v>
                </c:pt>
                <c:pt idx="4282">
                  <c:v>545.14046324212211</c:v>
                </c:pt>
                <c:pt idx="4283">
                  <c:v>560.97982518358197</c:v>
                </c:pt>
                <c:pt idx="4284">
                  <c:v>587.02068812706682</c:v>
                </c:pt>
                <c:pt idx="4285">
                  <c:v>613.02382374506158</c:v>
                </c:pt>
                <c:pt idx="4286">
                  <c:v>622.81816162959262</c:v>
                </c:pt>
                <c:pt idx="4287">
                  <c:v>639.62408957681714</c:v>
                </c:pt>
                <c:pt idx="4288">
                  <c:v>641.46261443879507</c:v>
                </c:pt>
                <c:pt idx="4289">
                  <c:v>644.46630283487696</c:v>
                </c:pt>
                <c:pt idx="4290">
                  <c:v>653.44444855521499</c:v>
                </c:pt>
                <c:pt idx="4291">
                  <c:v>667.4450839949053</c:v>
                </c:pt>
                <c:pt idx="4292">
                  <c:v>656.6780009107822</c:v>
                </c:pt>
                <c:pt idx="4293">
                  <c:v>646.76363368271291</c:v>
                </c:pt>
                <c:pt idx="4294">
                  <c:v>643.67812776189476</c:v>
                </c:pt>
                <c:pt idx="4295">
                  <c:v>639.5080155037366</c:v>
                </c:pt>
                <c:pt idx="4296">
                  <c:v>632.08083064645723</c:v>
                </c:pt>
                <c:pt idx="4297">
                  <c:v>644.81802098738797</c:v>
                </c:pt>
                <c:pt idx="4298">
                  <c:v>654.30513666896866</c:v>
                </c:pt>
                <c:pt idx="4299">
                  <c:v>668.30455480877629</c:v>
                </c:pt>
                <c:pt idx="4300">
                  <c:v>676.91422843857924</c:v>
                </c:pt>
                <c:pt idx="4301">
                  <c:v>660.35169255572885</c:v>
                </c:pt>
                <c:pt idx="4302">
                  <c:v>645.2749842672257</c:v>
                </c:pt>
                <c:pt idx="4303">
                  <c:v>632.93328900200299</c:v>
                </c:pt>
                <c:pt idx="4304">
                  <c:v>612.2148244448</c:v>
                </c:pt>
                <c:pt idx="4305">
                  <c:v>586.60938333603235</c:v>
                </c:pt>
                <c:pt idx="4306">
                  <c:v>553.46452735945797</c:v>
                </c:pt>
                <c:pt idx="4307">
                  <c:v>537.72157241054231</c:v>
                </c:pt>
                <c:pt idx="4308">
                  <c:v>514.27305063495567</c:v>
                </c:pt>
                <c:pt idx="4309">
                  <c:v>491.82972935578806</c:v>
                </c:pt>
                <c:pt idx="4310">
                  <c:v>489.64031649154435</c:v>
                </c:pt>
                <c:pt idx="4311">
                  <c:v>519.53565311311945</c:v>
                </c:pt>
                <c:pt idx="4312">
                  <c:v>559.87475064849673</c:v>
                </c:pt>
                <c:pt idx="4313">
                  <c:v>602.81538205602681</c:v>
                </c:pt>
                <c:pt idx="4314">
                  <c:v>646.21570933235796</c:v>
                </c:pt>
                <c:pt idx="4315">
                  <c:v>691.93491084007439</c:v>
                </c:pt>
                <c:pt idx="4316">
                  <c:v>739.20826517680996</c:v>
                </c:pt>
                <c:pt idx="4317">
                  <c:v>747.6358569837297</c:v>
                </c:pt>
                <c:pt idx="4318">
                  <c:v>772.04974785083971</c:v>
                </c:pt>
                <c:pt idx="4319">
                  <c:v>773.50293050634139</c:v>
                </c:pt>
                <c:pt idx="4320">
                  <c:v>760.40039862618096</c:v>
                </c:pt>
                <c:pt idx="4321">
                  <c:v>735.70100426115278</c:v>
                </c:pt>
                <c:pt idx="4322">
                  <c:v>710.81220587278415</c:v>
                </c:pt>
                <c:pt idx="4323">
                  <c:v>688.17278058744944</c:v>
                </c:pt>
                <c:pt idx="4324">
                  <c:v>674.09222438711447</c:v>
                </c:pt>
                <c:pt idx="4325">
                  <c:v>654.6702799406288</c:v>
                </c:pt>
                <c:pt idx="4326">
                  <c:v>634.37747787686692</c:v>
                </c:pt>
                <c:pt idx="4327">
                  <c:v>622.80974322507609</c:v>
                </c:pt>
                <c:pt idx="4328">
                  <c:v>619.83972381743513</c:v>
                </c:pt>
                <c:pt idx="4329">
                  <c:v>612.51600838221441</c:v>
                </c:pt>
                <c:pt idx="4330">
                  <c:v>607.42731386822118</c:v>
                </c:pt>
                <c:pt idx="4331">
                  <c:v>601.48061603815802</c:v>
                </c:pt>
                <c:pt idx="4332">
                  <c:v>607.37960749281831</c:v>
                </c:pt>
                <c:pt idx="4333">
                  <c:v>609.22371756547591</c:v>
                </c:pt>
                <c:pt idx="4334">
                  <c:v>612.40154022497541</c:v>
                </c:pt>
                <c:pt idx="4335">
                  <c:v>615.06214851153891</c:v>
                </c:pt>
                <c:pt idx="4336">
                  <c:v>628.97252076430038</c:v>
                </c:pt>
                <c:pt idx="4337">
                  <c:v>629.73578588483826</c:v>
                </c:pt>
                <c:pt idx="4338">
                  <c:v>624.72401857710474</c:v>
                </c:pt>
                <c:pt idx="4339">
                  <c:v>607.61858757657922</c:v>
                </c:pt>
                <c:pt idx="4340">
                  <c:v>585.36334879704339</c:v>
                </c:pt>
                <c:pt idx="4341">
                  <c:v>581.04337292595221</c:v>
                </c:pt>
                <c:pt idx="4342">
                  <c:v>580.25125282737986</c:v>
                </c:pt>
                <c:pt idx="4343">
                  <c:v>587.09420894392213</c:v>
                </c:pt>
                <c:pt idx="4344">
                  <c:v>591.25165070052594</c:v>
                </c:pt>
                <c:pt idx="4345">
                  <c:v>603.48294493276455</c:v>
                </c:pt>
                <c:pt idx="4346">
                  <c:v>652.07322789112902</c:v>
                </c:pt>
                <c:pt idx="4347">
                  <c:v>691.12545013718227</c:v>
                </c:pt>
                <c:pt idx="4348">
                  <c:v>729.20170540860897</c:v>
                </c:pt>
                <c:pt idx="4349">
                  <c:v>790.47872912311357</c:v>
                </c:pt>
                <c:pt idx="4350">
                  <c:v>854.91224772538624</c:v>
                </c:pt>
                <c:pt idx="4351">
                  <c:v>#N/A</c:v>
                </c:pt>
                <c:pt idx="4352">
                  <c:v>#N/A</c:v>
                </c:pt>
                <c:pt idx="4353">
                  <c:v>#N/A</c:v>
                </c:pt>
                <c:pt idx="4354">
                  <c:v>#N/A</c:v>
                </c:pt>
                <c:pt idx="4355">
                  <c:v>#N/A</c:v>
                </c:pt>
                <c:pt idx="4356">
                  <c:v>#N/A</c:v>
                </c:pt>
                <c:pt idx="4357">
                  <c:v>#N/A</c:v>
                </c:pt>
                <c:pt idx="4358">
                  <c:v>#N/A</c:v>
                </c:pt>
                <c:pt idx="4359">
                  <c:v>#N/A</c:v>
                </c:pt>
                <c:pt idx="4360">
                  <c:v>#N/A</c:v>
                </c:pt>
                <c:pt idx="4361">
                  <c:v>#N/A</c:v>
                </c:pt>
                <c:pt idx="4362">
                  <c:v>#N/A</c:v>
                </c:pt>
                <c:pt idx="4363">
                  <c:v>#N/A</c:v>
                </c:pt>
                <c:pt idx="4364">
                  <c:v>#N/A</c:v>
                </c:pt>
                <c:pt idx="4365">
                  <c:v>#N/A</c:v>
                </c:pt>
                <c:pt idx="4366">
                  <c:v>#N/A</c:v>
                </c:pt>
                <c:pt idx="4367">
                  <c:v>#N/A</c:v>
                </c:pt>
                <c:pt idx="4368">
                  <c:v>#N/A</c:v>
                </c:pt>
                <c:pt idx="4369">
                  <c:v>#N/A</c:v>
                </c:pt>
                <c:pt idx="4370">
                  <c:v>807.78093318680976</c:v>
                </c:pt>
                <c:pt idx="4371">
                  <c:v>820.93048834772833</c:v>
                </c:pt>
                <c:pt idx="4372">
                  <c:v>793.65577617460985</c:v>
                </c:pt>
                <c:pt idx="4373">
                  <c:v>739.8431170189474</c:v>
                </c:pt>
                <c:pt idx="4374">
                  <c:v>652.21970420253206</c:v>
                </c:pt>
                <c:pt idx="4375">
                  <c:v>592.55439297369742</c:v>
                </c:pt>
                <c:pt idx="4376">
                  <c:v>578.53514702850123</c:v>
                </c:pt>
                <c:pt idx="4377">
                  <c:v>571.5286676513158</c:v>
                </c:pt>
                <c:pt idx="4378">
                  <c:v>587.02067536227014</c:v>
                </c:pt>
                <c:pt idx="4379">
                  <c:v>571.68388545374182</c:v>
                </c:pt>
                <c:pt idx="4380">
                  <c:v>551.38060296443825</c:v>
                </c:pt>
                <c:pt idx="4381">
                  <c:v>536.9833374684514</c:v>
                </c:pt>
                <c:pt idx="4382">
                  <c:v>530.13340334700888</c:v>
                </c:pt>
                <c:pt idx="4383">
                  <c:v>537.78792763493141</c:v>
                </c:pt>
                <c:pt idx="4384">
                  <c:v>549.61587576452371</c:v>
                </c:pt>
                <c:pt idx="4385">
                  <c:v>565.50748698246218</c:v>
                </c:pt>
                <c:pt idx="4386">
                  <c:v>616.97920571435895</c:v>
                </c:pt>
                <c:pt idx="4387">
                  <c:v>658.79913120685137</c:v>
                </c:pt>
                <c:pt idx="4388">
                  <c:v>705.29759100020749</c:v>
                </c:pt>
                <c:pt idx="4389">
                  <c:v>750.99311937684331</c:v>
                </c:pt>
                <c:pt idx="4390">
                  <c:v>791.42499992356454</c:v>
                </c:pt>
                <c:pt idx="4391">
                  <c:v>810.61097549290787</c:v>
                </c:pt>
                <c:pt idx="4392">
                  <c:v>817.56543971942995</c:v>
                </c:pt>
                <c:pt idx="4393">
                  <c:v>798.31961287981255</c:v>
                </c:pt>
                <c:pt idx="4394">
                  <c:v>765.09329340832926</c:v>
                </c:pt>
                <c:pt idx="4395">
                  <c:v>734.35101199551229</c:v>
                </c:pt>
                <c:pt idx="4396">
                  <c:v>704.23647993650695</c:v>
                </c:pt>
                <c:pt idx="4397">
                  <c:v>669.84791104002966</c:v>
                </c:pt>
                <c:pt idx="4398">
                  <c:v>650.96770713758485</c:v>
                </c:pt>
                <c:pt idx="4399">
                  <c:v>629.54729674697012</c:v>
                </c:pt>
                <c:pt idx="4400">
                  <c:v>610.21468469163278</c:v>
                </c:pt>
                <c:pt idx="4401">
                  <c:v>617.26589983818496</c:v>
                </c:pt>
                <c:pt idx="4402">
                  <c:v>635.31307129345498</c:v>
                </c:pt>
                <c:pt idx="4403">
                  <c:v>664.89867602284187</c:v>
                </c:pt>
                <c:pt idx="4404">
                  <c:v>690.88476632676839</c:v>
                </c:pt>
                <c:pt idx="4405">
                  <c:v>729.87510255817745</c:v>
                </c:pt>
                <c:pt idx="4406">
                  <c:v>759.79778264004324</c:v>
                </c:pt>
                <c:pt idx="4407">
                  <c:v>798.58181129589718</c:v>
                </c:pt>
                <c:pt idx="4408">
                  <c:v>796.13552529166589</c:v>
                </c:pt>
                <c:pt idx="4409">
                  <c:v>751.03987277329804</c:v>
                </c:pt>
                <c:pt idx="4410">
                  <c:v>704.90229623634025</c:v>
                </c:pt>
                <c:pt idx="4411">
                  <c:v>669.68848182327622</c:v>
                </c:pt>
                <c:pt idx="4412">
                  <c:v>652.26852545079191</c:v>
                </c:pt>
                <c:pt idx="4413">
                  <c:v>641.28816046642271</c:v>
                </c:pt>
                <c:pt idx="4414">
                  <c:v>629.75296499838134</c:v>
                </c:pt>
                <c:pt idx="4415">
                  <c:v>638.12352951196704</c:v>
                </c:pt>
                <c:pt idx="4416">
                  <c:v>651.26306787551323</c:v>
                </c:pt>
                <c:pt idx="4417">
                  <c:v>652.2654943967342</c:v>
                </c:pt>
                <c:pt idx="4418">
                  <c:v>652.99474573352143</c:v>
                </c:pt>
                <c:pt idx="4419">
                  <c:v>662.03849288496588</c:v>
                </c:pt>
                <c:pt idx="4420">
                  <c:v>676.15786864662471</c:v>
                </c:pt>
                <c:pt idx="4421">
                  <c:v>674.52059623080049</c:v>
                </c:pt>
                <c:pt idx="4422">
                  <c:v>663.74965869893776</c:v>
                </c:pt>
                <c:pt idx="4423">
                  <c:v>659.51084261987864</c:v>
                </c:pt>
                <c:pt idx="4424">
                  <c:v>655.97302747787626</c:v>
                </c:pt>
                <c:pt idx="4425">
                  <c:v>652.62851320783932</c:v>
                </c:pt>
                <c:pt idx="4426">
                  <c:v>658.19802055829336</c:v>
                </c:pt>
                <c:pt idx="4427">
                  <c:v>695.05505215902258</c:v>
                </c:pt>
                <c:pt idx="4428">
                  <c:v>779.91198840976983</c:v>
                </c:pt>
                <c:pt idx="4429">
                  <c:v>877.46369681438898</c:v>
                </c:pt>
                <c:pt idx="4430">
                  <c:v>956.21558983060777</c:v>
                </c:pt>
                <c:pt idx="4431">
                  <c:v>#N/A</c:v>
                </c:pt>
                <c:pt idx="4432">
                  <c:v>#N/A</c:v>
                </c:pt>
                <c:pt idx="4433">
                  <c:v>#N/A</c:v>
                </c:pt>
                <c:pt idx="4434">
                  <c:v>#N/A</c:v>
                </c:pt>
                <c:pt idx="4435">
                  <c:v>#N/A</c:v>
                </c:pt>
                <c:pt idx="4436">
                  <c:v>#N/A</c:v>
                </c:pt>
                <c:pt idx="4437">
                  <c:v>742.71724214476262</c:v>
                </c:pt>
                <c:pt idx="4438">
                  <c:v>667.32149604121616</c:v>
                </c:pt>
                <c:pt idx="4439">
                  <c:v>641.78819640715358</c:v>
                </c:pt>
                <c:pt idx="4440">
                  <c:v>613.59823773185622</c:v>
                </c:pt>
                <c:pt idx="4441">
                  <c:v>578.76071162162168</c:v>
                </c:pt>
                <c:pt idx="4442">
                  <c:v>541.64892517913029</c:v>
                </c:pt>
                <c:pt idx="4443">
                  <c:v>509.90795581552703</c:v>
                </c:pt>
                <c:pt idx="4444">
                  <c:v>477.93507366434665</c:v>
                </c:pt>
                <c:pt idx="4445">
                  <c:v>453.4597766290529</c:v>
                </c:pt>
                <c:pt idx="4446">
                  <c:v>428.89313532190363</c:v>
                </c:pt>
                <c:pt idx="4447">
                  <c:v>434.28591079308285</c:v>
                </c:pt>
                <c:pt idx="4448">
                  <c:v>456.58386691661229</c:v>
                </c:pt>
                <c:pt idx="4449">
                  <c:v>503.0429443231198</c:v>
                </c:pt>
                <c:pt idx="4450">
                  <c:v>570.89722945963638</c:v>
                </c:pt>
                <c:pt idx="4451">
                  <c:v>649.50423101302806</c:v>
                </c:pt>
                <c:pt idx="4452">
                  <c:v>744.85668980410821</c:v>
                </c:pt>
                <c:pt idx="4453">
                  <c:v>817.82918659650761</c:v>
                </c:pt>
                <c:pt idx="4454">
                  <c:v>#N/A</c:v>
                </c:pt>
                <c:pt idx="4455">
                  <c:v>#N/A</c:v>
                </c:pt>
                <c:pt idx="4456">
                  <c:v>#N/A</c:v>
                </c:pt>
                <c:pt idx="4457">
                  <c:v>#N/A</c:v>
                </c:pt>
                <c:pt idx="4458">
                  <c:v>#N/A</c:v>
                </c:pt>
                <c:pt idx="4459">
                  <c:v>#N/A</c:v>
                </c:pt>
                <c:pt idx="4460">
                  <c:v>#N/A</c:v>
                </c:pt>
                <c:pt idx="4461">
                  <c:v>#N/A</c:v>
                </c:pt>
                <c:pt idx="4462">
                  <c:v>#N/A</c:v>
                </c:pt>
                <c:pt idx="4463">
                  <c:v>#N/A</c:v>
                </c:pt>
                <c:pt idx="4464">
                  <c:v>#N/A</c:v>
                </c:pt>
                <c:pt idx="4465">
                  <c:v>#N/A</c:v>
                </c:pt>
                <c:pt idx="4466">
                  <c:v>#N/A</c:v>
                </c:pt>
                <c:pt idx="4467">
                  <c:v>#N/A</c:v>
                </c:pt>
                <c:pt idx="4468">
                  <c:v>#N/A</c:v>
                </c:pt>
                <c:pt idx="4469">
                  <c:v>#N/A</c:v>
                </c:pt>
                <c:pt idx="4470">
                  <c:v>#N/A</c:v>
                </c:pt>
                <c:pt idx="4471">
                  <c:v>#N/A</c:v>
                </c:pt>
                <c:pt idx="4472">
                  <c:v>#N/A</c:v>
                </c:pt>
                <c:pt idx="4473">
                  <c:v>#N/A</c:v>
                </c:pt>
                <c:pt idx="4474">
                  <c:v>#N/A</c:v>
                </c:pt>
                <c:pt idx="4475">
                  <c:v>745.28679972750285</c:v>
                </c:pt>
                <c:pt idx="4476">
                  <c:v>746.79724211363703</c:v>
                </c:pt>
                <c:pt idx="4477">
                  <c:v>733.80789894899942</c:v>
                </c:pt>
                <c:pt idx="4478">
                  <c:v>716.92400127568771</c:v>
                </c:pt>
                <c:pt idx="4479">
                  <c:v>686.93841630293457</c:v>
                </c:pt>
                <c:pt idx="4480">
                  <c:v>643.79161329371971</c:v>
                </c:pt>
                <c:pt idx="4481">
                  <c:v>605.36143395901627</c:v>
                </c:pt>
                <c:pt idx="4482">
                  <c:v>588.74551443837424</c:v>
                </c:pt>
                <c:pt idx="4483">
                  <c:v>563.9581520061771</c:v>
                </c:pt>
                <c:pt idx="4484">
                  <c:v>540.75481808628956</c:v>
                </c:pt>
                <c:pt idx="4485">
                  <c:v>525.6824404612845</c:v>
                </c:pt>
                <c:pt idx="4486">
                  <c:v>527.85479211668451</c:v>
                </c:pt>
                <c:pt idx="4487">
                  <c:v>530.08967819803001</c:v>
                </c:pt>
                <c:pt idx="4488">
                  <c:v>553.96928249585892</c:v>
                </c:pt>
                <c:pt idx="4489">
                  <c:v>581.79749985180149</c:v>
                </c:pt>
                <c:pt idx="4490">
                  <c:v>610.47443503174213</c:v>
                </c:pt>
                <c:pt idx="4491">
                  <c:v>604.52834085154734</c:v>
                </c:pt>
                <c:pt idx="4492">
                  <c:v>609.74412429549932</c:v>
                </c:pt>
                <c:pt idx="4493">
                  <c:v>600.63960706547584</c:v>
                </c:pt>
                <c:pt idx="4494">
                  <c:v>582.05675225379684</c:v>
                </c:pt>
                <c:pt idx="4495">
                  <c:v>570.71123843053965</c:v>
                </c:pt>
                <c:pt idx="4496">
                  <c:v>553.56368156669555</c:v>
                </c:pt>
                <c:pt idx="4497">
                  <c:v>547.22551015854515</c:v>
                </c:pt>
                <c:pt idx="4498">
                  <c:v>542.5286363615005</c:v>
                </c:pt>
                <c:pt idx="4499">
                  <c:v>558.45649103875019</c:v>
                </c:pt>
                <c:pt idx="4500">
                  <c:v>571.00722491907788</c:v>
                </c:pt>
                <c:pt idx="4501">
                  <c:v>578.70987007073734</c:v>
                </c:pt>
                <c:pt idx="4502">
                  <c:v>589.91442471359346</c:v>
                </c:pt>
                <c:pt idx="4503">
                  <c:v>583.45513540026104</c:v>
                </c:pt>
                <c:pt idx="4504">
                  <c:v>553.43301675665282</c:v>
                </c:pt>
                <c:pt idx="4505">
                  <c:v>567.00369028537284</c:v>
                </c:pt>
                <c:pt idx="4506">
                  <c:v>561.55684974839528</c:v>
                </c:pt>
                <c:pt idx="4507">
                  <c:v>558.18025585860835</c:v>
                </c:pt>
                <c:pt idx="4508">
                  <c:v>553.00237258105165</c:v>
                </c:pt>
                <c:pt idx="4509">
                  <c:v>573.22898731413591</c:v>
                </c:pt>
                <c:pt idx="4510">
                  <c:v>593.75789753583058</c:v>
                </c:pt>
                <c:pt idx="4511">
                  <c:v>592.17390253975805</c:v>
                </c:pt>
                <c:pt idx="4512">
                  <c:v>589.64080710674546</c:v>
                </c:pt>
                <c:pt idx="4513">
                  <c:v>589.77088174096468</c:v>
                </c:pt>
                <c:pt idx="4514">
                  <c:v>557.21134614494667</c:v>
                </c:pt>
                <c:pt idx="4515">
                  <c:v>526.72927852014061</c:v>
                </c:pt>
                <c:pt idx="4516">
                  <c:v>502.91941239010134</c:v>
                </c:pt>
                <c:pt idx="4517">
                  <c:v>488.06251818121677</c:v>
                </c:pt>
                <c:pt idx="4518">
                  <c:v>472.27134849026203</c:v>
                </c:pt>
                <c:pt idx="4519">
                  <c:v>466.89297624459795</c:v>
                </c:pt>
                <c:pt idx="4520">
                  <c:v>483.27006853412217</c:v>
                </c:pt>
                <c:pt idx="4521">
                  <c:v>498.38129227617111</c:v>
                </c:pt>
                <c:pt idx="4522">
                  <c:v>520.59759825594608</c:v>
                </c:pt>
                <c:pt idx="4523">
                  <c:v>552.51828368519807</c:v>
                </c:pt>
                <c:pt idx="4524">
                  <c:v>554.03774622240701</c:v>
                </c:pt>
                <c:pt idx="4525">
                  <c:v>548.11458362737358</c:v>
                </c:pt>
                <c:pt idx="4526">
                  <c:v>528.45562172611051</c:v>
                </c:pt>
                <c:pt idx="4527">
                  <c:v>510.44260245152697</c:v>
                </c:pt>
                <c:pt idx="4528">
                  <c:v>497.15445428244647</c:v>
                </c:pt>
                <c:pt idx="4529">
                  <c:v>476.39822073015563</c:v>
                </c:pt>
                <c:pt idx="4530">
                  <c:v>430.91147725992511</c:v>
                </c:pt>
                <c:pt idx="4531">
                  <c:v>405.34480380477271</c:v>
                </c:pt>
                <c:pt idx="4532">
                  <c:v>380.4682565114897</c:v>
                </c:pt>
                <c:pt idx="4533">
                  <c:v>380.86013088905679</c:v>
                </c:pt>
                <c:pt idx="4534">
                  <c:v>396.10327159198164</c:v>
                </c:pt>
                <c:pt idx="4535">
                  <c:v>431.67928663064441</c:v>
                </c:pt>
                <c:pt idx="4536">
                  <c:v>465.93587705322915</c:v>
                </c:pt>
                <c:pt idx="4537">
                  <c:v>506.06534580089925</c:v>
                </c:pt>
                <c:pt idx="4538">
                  <c:v>539.49760750099665</c:v>
                </c:pt>
                <c:pt idx="4539">
                  <c:v>604.16968931164899</c:v>
                </c:pt>
                <c:pt idx="4540">
                  <c:v>638.67859026294548</c:v>
                </c:pt>
                <c:pt idx="4541">
                  <c:v>641.52419574432759</c:v>
                </c:pt>
                <c:pt idx="4542">
                  <c:v>643.90972962932767</c:v>
                </c:pt>
                <c:pt idx="4543">
                  <c:v>640.71999728161711</c:v>
                </c:pt>
                <c:pt idx="4544">
                  <c:v>640.41812745890752</c:v>
                </c:pt>
                <c:pt idx="4545">
                  <c:v>639.00508336319865</c:v>
                </c:pt>
                <c:pt idx="4546">
                  <c:v>614.26322579343935</c:v>
                </c:pt>
                <c:pt idx="4547">
                  <c:v>610.38462474660344</c:v>
                </c:pt>
                <c:pt idx="4548">
                  <c:v>606.51963035700999</c:v>
                </c:pt>
                <c:pt idx="4549">
                  <c:v>627.33892891326138</c:v>
                </c:pt>
                <c:pt idx="4550">
                  <c:v>652.47463185499862</c:v>
                </c:pt>
                <c:pt idx="4551">
                  <c:v>663.08707761622827</c:v>
                </c:pt>
                <c:pt idx="4552">
                  <c:v>687.5201509977104</c:v>
                </c:pt>
                <c:pt idx="4553">
                  <c:v>700.40766618835494</c:v>
                </c:pt>
                <c:pt idx="4554">
                  <c:v>695.42066919478202</c:v>
                </c:pt>
                <c:pt idx="4555">
                  <c:v>673.24849069737559</c:v>
                </c:pt>
                <c:pt idx="4556">
                  <c:v>653.64267676927204</c:v>
                </c:pt>
                <c:pt idx="4557">
                  <c:v>633.77162611460164</c:v>
                </c:pt>
                <c:pt idx="4558">
                  <c:v>620.27185036396884</c:v>
                </c:pt>
                <c:pt idx="4559">
                  <c:v>610.53615861736228</c:v>
                </c:pt>
                <c:pt idx="4560">
                  <c:v>593.0298515766716</c:v>
                </c:pt>
                <c:pt idx="4561">
                  <c:v>568.21902991800141</c:v>
                </c:pt>
                <c:pt idx="4562">
                  <c:v>543.69594584987874</c:v>
                </c:pt>
                <c:pt idx="4563">
                  <c:v>535.19534405208526</c:v>
                </c:pt>
                <c:pt idx="4564">
                  <c:v>529.60911285272198</c:v>
                </c:pt>
                <c:pt idx="4565">
                  <c:v>535.10364799705621</c:v>
                </c:pt>
                <c:pt idx="4566">
                  <c:v>546.93937046791655</c:v>
                </c:pt>
                <c:pt idx="4567">
                  <c:v>569.33576043688174</c:v>
                </c:pt>
                <c:pt idx="4568">
                  <c:v>589.6620464716741</c:v>
                </c:pt>
                <c:pt idx="4569">
                  <c:v>605.8056672184249</c:v>
                </c:pt>
                <c:pt idx="4570">
                  <c:v>618.33268108254731</c:v>
                </c:pt>
                <c:pt idx="4571">
                  <c:v>650.71075672264692</c:v>
                </c:pt>
                <c:pt idx="4572">
                  <c:v>695.59216201636457</c:v>
                </c:pt>
                <c:pt idx="4573">
                  <c:v>754.77840701505204</c:v>
                </c:pt>
                <c:pt idx="4574">
                  <c:v>828.13667308227889</c:v>
                </c:pt>
                <c:pt idx="4575">
                  <c:v>916.38610758221114</c:v>
                </c:pt>
                <c:pt idx="4576">
                  <c:v>#N/A</c:v>
                </c:pt>
                <c:pt idx="4577">
                  <c:v>#N/A</c:v>
                </c:pt>
                <c:pt idx="4578">
                  <c:v>#N/A</c:v>
                </c:pt>
                <c:pt idx="4579">
                  <c:v>#N/A</c:v>
                </c:pt>
                <c:pt idx="4580">
                  <c:v>#N/A</c:v>
                </c:pt>
                <c:pt idx="4581">
                  <c:v>#N/A</c:v>
                </c:pt>
                <c:pt idx="4582">
                  <c:v>#N/A</c:v>
                </c:pt>
                <c:pt idx="4583">
                  <c:v>#N/A</c:v>
                </c:pt>
                <c:pt idx="4584">
                  <c:v>#N/A</c:v>
                </c:pt>
                <c:pt idx="4585">
                  <c:v>#N/A</c:v>
                </c:pt>
                <c:pt idx="4586">
                  <c:v>#N/A</c:v>
                </c:pt>
                <c:pt idx="4587">
                  <c:v>#N/A</c:v>
                </c:pt>
                <c:pt idx="4588">
                  <c:v>#N/A</c:v>
                </c:pt>
                <c:pt idx="4589">
                  <c:v>#N/A</c:v>
                </c:pt>
                <c:pt idx="4590">
                  <c:v>#N/A</c:v>
                </c:pt>
                <c:pt idx="4591">
                  <c:v>#N/A</c:v>
                </c:pt>
                <c:pt idx="4592">
                  <c:v>#N/A</c:v>
                </c:pt>
                <c:pt idx="4593">
                  <c:v>700.80521495683331</c:v>
                </c:pt>
                <c:pt idx="4594">
                  <c:v>669.84337532380118</c:v>
                </c:pt>
                <c:pt idx="4595">
                  <c:v>665.60531343685409</c:v>
                </c:pt>
                <c:pt idx="4596">
                  <c:v>657.60548971772857</c:v>
                </c:pt>
                <c:pt idx="4597">
                  <c:v>626.64174715630122</c:v>
                </c:pt>
                <c:pt idx="4598">
                  <c:v>624.45567414415302</c:v>
                </c:pt>
                <c:pt idx="4599">
                  <c:v>631.31368842634777</c:v>
                </c:pt>
                <c:pt idx="4600">
                  <c:v>634.61686835749754</c:v>
                </c:pt>
                <c:pt idx="4601">
                  <c:v>633.14263946275116</c:v>
                </c:pt>
                <c:pt idx="4602">
                  <c:v>625.45445978953023</c:v>
                </c:pt>
                <c:pt idx="4603">
                  <c:v>642.02269170468719</c:v>
                </c:pt>
                <c:pt idx="4604">
                  <c:v>648.84796325930608</c:v>
                </c:pt>
                <c:pt idx="4605">
                  <c:v>652.86928950603999</c:v>
                </c:pt>
                <c:pt idx="4606">
                  <c:v>669.9932085228487</c:v>
                </c:pt>
                <c:pt idx="4607">
                  <c:v>689.093932520473</c:v>
                </c:pt>
                <c:pt idx="4608">
                  <c:v>708.34153651680754</c:v>
                </c:pt>
                <c:pt idx="4609">
                  <c:v>721.80272947473998</c:v>
                </c:pt>
                <c:pt idx="4610">
                  <c:v>719.50300416431173</c:v>
                </c:pt>
                <c:pt idx="4611">
                  <c:v>703.89797596134895</c:v>
                </c:pt>
                <c:pt idx="4612">
                  <c:v>676.38375192339879</c:v>
                </c:pt>
                <c:pt idx="4613">
                  <c:v>627.53986908121408</c:v>
                </c:pt>
                <c:pt idx="4614">
                  <c:v>593.98011947738132</c:v>
                </c:pt>
                <c:pt idx="4615">
                  <c:v>571.93655114079343</c:v>
                </c:pt>
                <c:pt idx="4616">
                  <c:v>560.16735421465648</c:v>
                </c:pt>
                <c:pt idx="4617">
                  <c:v>562.8370162118041</c:v>
                </c:pt>
                <c:pt idx="4618">
                  <c:v>557.55422936375146</c:v>
                </c:pt>
                <c:pt idx="4619">
                  <c:v>550.63103482379665</c:v>
                </c:pt>
                <c:pt idx="4620">
                  <c:v>545.82151927774476</c:v>
                </c:pt>
                <c:pt idx="4621">
                  <c:v>543.83002340738233</c:v>
                </c:pt>
                <c:pt idx="4622">
                  <c:v>530.1129279662008</c:v>
                </c:pt>
                <c:pt idx="4623">
                  <c:v>520.29169858546481</c:v>
                </c:pt>
                <c:pt idx="4624">
                  <c:v>524.95493286882879</c:v>
                </c:pt>
                <c:pt idx="4625">
                  <c:v>561.16267647305642</c:v>
                </c:pt>
                <c:pt idx="4626">
                  <c:v>588.61045259621949</c:v>
                </c:pt>
                <c:pt idx="4627">
                  <c:v>632.12397460441139</c:v>
                </c:pt>
                <c:pt idx="4628">
                  <c:v>701.97938844400903</c:v>
                </c:pt>
                <c:pt idx="4629">
                  <c:v>782.03514076857721</c:v>
                </c:pt>
                <c:pt idx="4630">
                  <c:v>853.30418371586018</c:v>
                </c:pt>
                <c:pt idx="4631">
                  <c:v>891.07392123269608</c:v>
                </c:pt>
                <c:pt idx="4632">
                  <c:v>#N/A</c:v>
                </c:pt>
                <c:pt idx="4633">
                  <c:v>#N/A</c:v>
                </c:pt>
                <c:pt idx="4634">
                  <c:v>#N/A</c:v>
                </c:pt>
                <c:pt idx="4635">
                  <c:v>#N/A</c:v>
                </c:pt>
                <c:pt idx="4636">
                  <c:v>#N/A</c:v>
                </c:pt>
                <c:pt idx="4637">
                  <c:v>#N/A</c:v>
                </c:pt>
                <c:pt idx="4638">
                  <c:v>#N/A</c:v>
                </c:pt>
                <c:pt idx="4639">
                  <c:v>#N/A</c:v>
                </c:pt>
                <c:pt idx="4640">
                  <c:v>#N/A</c:v>
                </c:pt>
                <c:pt idx="4641">
                  <c:v>#N/A</c:v>
                </c:pt>
                <c:pt idx="4642">
                  <c:v>#N/A</c:v>
                </c:pt>
                <c:pt idx="4643">
                  <c:v>#N/A</c:v>
                </c:pt>
                <c:pt idx="4644">
                  <c:v>#N/A</c:v>
                </c:pt>
                <c:pt idx="4645">
                  <c:v>#N/A</c:v>
                </c:pt>
                <c:pt idx="4646">
                  <c:v>#N/A</c:v>
                </c:pt>
                <c:pt idx="4647">
                  <c:v>#N/A</c:v>
                </c:pt>
                <c:pt idx="4648">
                  <c:v>#N/A</c:v>
                </c:pt>
                <c:pt idx="4649">
                  <c:v>#N/A</c:v>
                </c:pt>
                <c:pt idx="4650">
                  <c:v>#N/A</c:v>
                </c:pt>
                <c:pt idx="4651">
                  <c:v>#N/A</c:v>
                </c:pt>
                <c:pt idx="4652">
                  <c:v>#N/A</c:v>
                </c:pt>
                <c:pt idx="4653">
                  <c:v>#N/A</c:v>
                </c:pt>
                <c:pt idx="4654">
                  <c:v>#N/A</c:v>
                </c:pt>
                <c:pt idx="4655">
                  <c:v>#N/A</c:v>
                </c:pt>
                <c:pt idx="4656">
                  <c:v>#N/A</c:v>
                </c:pt>
                <c:pt idx="4657">
                  <c:v>#N/A</c:v>
                </c:pt>
                <c:pt idx="4658">
                  <c:v>#N/A</c:v>
                </c:pt>
                <c:pt idx="4659">
                  <c:v>#N/A</c:v>
                </c:pt>
                <c:pt idx="4660">
                  <c:v>#N/A</c:v>
                </c:pt>
                <c:pt idx="4661">
                  <c:v>750.47623387730346</c:v>
                </c:pt>
                <c:pt idx="4662">
                  <c:v>720.10763397669336</c:v>
                </c:pt>
                <c:pt idx="4663">
                  <c:v>686.75936837630741</c:v>
                </c:pt>
                <c:pt idx="4664">
                  <c:v>655.35593396046409</c:v>
                </c:pt>
                <c:pt idx="4665">
                  <c:v>620.72072026056833</c:v>
                </c:pt>
                <c:pt idx="4666">
                  <c:v>600.32606410598021</c:v>
                </c:pt>
                <c:pt idx="4667">
                  <c:v>596.63923423011693</c:v>
                </c:pt>
                <c:pt idx="4668">
                  <c:v>602.35684329147125</c:v>
                </c:pt>
                <c:pt idx="4669">
                  <c:v>618.25542653939863</c:v>
                </c:pt>
                <c:pt idx="4670">
                  <c:v>611.34509488512401</c:v>
                </c:pt>
                <c:pt idx="4671">
                  <c:v>603.85616667794375</c:v>
                </c:pt>
                <c:pt idx="4672">
                  <c:v>580.66850053225983</c:v>
                </c:pt>
                <c:pt idx="4673">
                  <c:v>548.3117757601002</c:v>
                </c:pt>
                <c:pt idx="4674">
                  <c:v>513.09364252938769</c:v>
                </c:pt>
                <c:pt idx="4675">
                  <c:v>475.55973891193304</c:v>
                </c:pt>
                <c:pt idx="4676">
                  <c:v>442.39561099854785</c:v>
                </c:pt>
                <c:pt idx="4677">
                  <c:v>418.03208381640746</c:v>
                </c:pt>
                <c:pt idx="4678">
                  <c:v>403.68179978549318</c:v>
                </c:pt>
                <c:pt idx="4679">
                  <c:v>405.72272394062344</c:v>
                </c:pt>
                <c:pt idx="4680">
                  <c:v>412.79528064686934</c:v>
                </c:pt>
                <c:pt idx="4681">
                  <c:v>414.79729189517849</c:v>
                </c:pt>
                <c:pt idx="4682">
                  <c:v>400.94229943961449</c:v>
                </c:pt>
                <c:pt idx="4683">
                  <c:v>381.89366860804449</c:v>
                </c:pt>
                <c:pt idx="4684">
                  <c:v>359.95213972712253</c:v>
                </c:pt>
                <c:pt idx="4685">
                  <c:v>351.45910388569354</c:v>
                </c:pt>
                <c:pt idx="4686">
                  <c:v>373.08279330056143</c:v>
                </c:pt>
                <c:pt idx="4687">
                  <c:v>415.20160678678593</c:v>
                </c:pt>
                <c:pt idx="4688">
                  <c:v>450.21650719688131</c:v>
                </c:pt>
                <c:pt idx="4689">
                  <c:v>506.1684188940082</c:v>
                </c:pt>
                <c:pt idx="4690">
                  <c:v>563.73091990635578</c:v>
                </c:pt>
                <c:pt idx="4691">
                  <c:v>555.96764544332382</c:v>
                </c:pt>
                <c:pt idx="4692">
                  <c:v>545.39193657604312</c:v>
                </c:pt>
                <c:pt idx="4693">
                  <c:v>524.91581162053774</c:v>
                </c:pt>
                <c:pt idx="4694">
                  <c:v>506.06936339199427</c:v>
                </c:pt>
                <c:pt idx="4695">
                  <c:v>478.89044015247242</c:v>
                </c:pt>
                <c:pt idx="4696">
                  <c:v>457.56238858601358</c:v>
                </c:pt>
                <c:pt idx="4697">
                  <c:v>446.84184253708457</c:v>
                </c:pt>
                <c:pt idx="4698">
                  <c:v>446.82644175835657</c:v>
                </c:pt>
                <c:pt idx="4699">
                  <c:v>450.24907134425115</c:v>
                </c:pt>
                <c:pt idx="4700">
                  <c:v>463.65040098890557</c:v>
                </c:pt>
                <c:pt idx="4701">
                  <c:v>487.65482702002583</c:v>
                </c:pt>
                <c:pt idx="4702">
                  <c:v>479.14353972322004</c:v>
                </c:pt>
                <c:pt idx="4703">
                  <c:v>488.6369310897598</c:v>
                </c:pt>
                <c:pt idx="4704">
                  <c:v>504.20392115647405</c:v>
                </c:pt>
                <c:pt idx="4705">
                  <c:v>517.08883994686983</c:v>
                </c:pt>
                <c:pt idx="4706">
                  <c:v>531.46020355935036</c:v>
                </c:pt>
                <c:pt idx="4707">
                  <c:v>537.50478028299051</c:v>
                </c:pt>
                <c:pt idx="4708">
                  <c:v>537.55676693988175</c:v>
                </c:pt>
                <c:pt idx="4709">
                  <c:v>538.69826992508422</c:v>
                </c:pt>
                <c:pt idx="4710">
                  <c:v>541.83491269376066</c:v>
                </c:pt>
                <c:pt idx="4711">
                  <c:v>542.81734888502194</c:v>
                </c:pt>
                <c:pt idx="4712">
                  <c:v>546.87683836771896</c:v>
                </c:pt>
                <c:pt idx="4713">
                  <c:v>565.8562260816791</c:v>
                </c:pt>
                <c:pt idx="4714">
                  <c:v>575.95066200221027</c:v>
                </c:pt>
                <c:pt idx="4715">
                  <c:v>592.96541942206193</c:v>
                </c:pt>
                <c:pt idx="4716">
                  <c:v>608.10320790730532</c:v>
                </c:pt>
                <c:pt idx="4717">
                  <c:v>620.62841462757569</c:v>
                </c:pt>
                <c:pt idx="4718">
                  <c:v>628.21821947796991</c:v>
                </c:pt>
                <c:pt idx="4719">
                  <c:v>628.07200942146585</c:v>
                </c:pt>
                <c:pt idx="4720">
                  <c:v>626.86878887751038</c:v>
                </c:pt>
                <c:pt idx="4721">
                  <c:v>626.54777299889827</c:v>
                </c:pt>
                <c:pt idx="4722">
                  <c:v>621.60888883416021</c:v>
                </c:pt>
                <c:pt idx="4723">
                  <c:v>577.88081873936392</c:v>
                </c:pt>
                <c:pt idx="4724">
                  <c:v>527.18372157471845</c:v>
                </c:pt>
                <c:pt idx="4725">
                  <c:v>469.26542916166062</c:v>
                </c:pt>
                <c:pt idx="4726">
                  <c:v>423.87208882474823</c:v>
                </c:pt>
                <c:pt idx="4727">
                  <c:v>387.36579611244412</c:v>
                </c:pt>
                <c:pt idx="4728">
                  <c:v>356.41293183380952</c:v>
                </c:pt>
                <c:pt idx="4729">
                  <c:v>322.75413094945452</c:v>
                </c:pt>
                <c:pt idx="4730">
                  <c:v>292.92885487128245</c:v>
                </c:pt>
                <c:pt idx="4731">
                  <c:v>274.50591821478065</c:v>
                </c:pt>
                <c:pt idx="4732">
                  <c:v>271.73717716194119</c:v>
                </c:pt>
                <c:pt idx="4733">
                  <c:v>276.69520181585307</c:v>
                </c:pt>
                <c:pt idx="4734">
                  <c:v>278.73530897626352</c:v>
                </c:pt>
                <c:pt idx="4735">
                  <c:v>299.85432142370036</c:v>
                </c:pt>
                <c:pt idx="4736">
                  <c:v>337.78258033624934</c:v>
                </c:pt>
                <c:pt idx="4737">
                  <c:v>369.91799591714062</c:v>
                </c:pt>
                <c:pt idx="4738">
                  <c:v>392.46363016587134</c:v>
                </c:pt>
                <c:pt idx="4739">
                  <c:v>413.24655097488971</c:v>
                </c:pt>
                <c:pt idx="4740">
                  <c:v>449.64729963532022</c:v>
                </c:pt>
                <c:pt idx="4741">
                  <c:v>477.48721621004091</c:v>
                </c:pt>
                <c:pt idx="4742">
                  <c:v>484.00320895351797</c:v>
                </c:pt>
                <c:pt idx="4743">
                  <c:v>501.43432758628234</c:v>
                </c:pt>
                <c:pt idx="4744">
                  <c:v>522.60905549912275</c:v>
                </c:pt>
                <c:pt idx="4745">
                  <c:v>533.43512856089353</c:v>
                </c:pt>
                <c:pt idx="4746">
                  <c:v>532.54270948753572</c:v>
                </c:pt>
                <c:pt idx="4747">
                  <c:v>515.91685979478734</c:v>
                </c:pt>
                <c:pt idx="4748">
                  <c:v>506.64501498713025</c:v>
                </c:pt>
                <c:pt idx="4749">
                  <c:v>484.80508197661351</c:v>
                </c:pt>
                <c:pt idx="4750">
                  <c:v>470.56809229356503</c:v>
                </c:pt>
                <c:pt idx="4751">
                  <c:v>446.73487618615536</c:v>
                </c:pt>
                <c:pt idx="4752">
                  <c:v>430.57281985224216</c:v>
                </c:pt>
                <c:pt idx="4753">
                  <c:v>431.36028987639025</c:v>
                </c:pt>
                <c:pt idx="4754">
                  <c:v>428.26490834215019</c:v>
                </c:pt>
                <c:pt idx="4755">
                  <c:v>430.61990832427864</c:v>
                </c:pt>
                <c:pt idx="4756">
                  <c:v>457.65460219740891</c:v>
                </c:pt>
                <c:pt idx="4757">
                  <c:v>476.80522087889887</c:v>
                </c:pt>
                <c:pt idx="4758">
                  <c:v>492.36405375149047</c:v>
                </c:pt>
                <c:pt idx="4759">
                  <c:v>515.72889308536207</c:v>
                </c:pt>
                <c:pt idx="4760">
                  <c:v>575.75302156535315</c:v>
                </c:pt>
                <c:pt idx="4761">
                  <c:v>599.25289606564002</c:v>
                </c:pt>
                <c:pt idx="4762">
                  <c:v>638.78902676063092</c:v>
                </c:pt>
                <c:pt idx="4763">
                  <c:v>653.18433298064463</c:v>
                </c:pt>
                <c:pt idx="4764">
                  <c:v>668.29031952825915</c:v>
                </c:pt>
                <c:pt idx="4765">
                  <c:v>696.08387038728654</c:v>
                </c:pt>
                <c:pt idx="4766">
                  <c:v>720.42871121635062</c:v>
                </c:pt>
                <c:pt idx="4767">
                  <c:v>713.22436438416617</c:v>
                </c:pt>
                <c:pt idx="4768">
                  <c:v>700.93142028987802</c:v>
                </c:pt>
                <c:pt idx="4769">
                  <c:v>695.58058466725527</c:v>
                </c:pt>
                <c:pt idx="4770">
                  <c:v>687.60460813877955</c:v>
                </c:pt>
                <c:pt idx="4771">
                  <c:v>663.12752249772632</c:v>
                </c:pt>
                <c:pt idx="4772">
                  <c:v>623.29896445084</c:v>
                </c:pt>
                <c:pt idx="4773">
                  <c:v>587.40586636552268</c:v>
                </c:pt>
                <c:pt idx="4774">
                  <c:v>557.55594632417706</c:v>
                </c:pt>
                <c:pt idx="4775">
                  <c:v>514.84798019524976</c:v>
                </c:pt>
                <c:pt idx="4776">
                  <c:v>491.01561195630143</c:v>
                </c:pt>
                <c:pt idx="4777">
                  <c:v>471.13444458008752</c:v>
                </c:pt>
                <c:pt idx="4778">
                  <c:v>450.89542762090235</c:v>
                </c:pt>
                <c:pt idx="4779">
                  <c:v>435.44393822458159</c:v>
                </c:pt>
                <c:pt idx="4780">
                  <c:v>401.31666726825051</c:v>
                </c:pt>
                <c:pt idx="4781">
                  <c:v>355.19688154046207</c:v>
                </c:pt>
                <c:pt idx="4782">
                  <c:v>314.68750760234047</c:v>
                </c:pt>
                <c:pt idx="4783">
                  <c:v>291.01997882019253</c:v>
                </c:pt>
                <c:pt idx="4784">
                  <c:v>277.36436743278711</c:v>
                </c:pt>
                <c:pt idx="4785">
                  <c:v>268.28422213827258</c:v>
                </c:pt>
                <c:pt idx="4786">
                  <c:v>275.2540108091269</c:v>
                </c:pt>
                <c:pt idx="4787">
                  <c:v>287.64638862426733</c:v>
                </c:pt>
                <c:pt idx="4788">
                  <c:v>304.63190167772831</c:v>
                </c:pt>
                <c:pt idx="4789">
                  <c:v>311.46106580611365</c:v>
                </c:pt>
                <c:pt idx="4790">
                  <c:v>335.71114289478413</c:v>
                </c:pt>
                <c:pt idx="4791">
                  <c:v>359.89568616612792</c:v>
                </c:pt>
                <c:pt idx="4792">
                  <c:v>380.08433154623043</c:v>
                </c:pt>
                <c:pt idx="4793">
                  <c:v>401.91776816056682</c:v>
                </c:pt>
                <c:pt idx="4794">
                  <c:v>437.10384138706996</c:v>
                </c:pt>
                <c:pt idx="4795">
                  <c:v>450.89593659752018</c:v>
                </c:pt>
                <c:pt idx="4796">
                  <c:v>470.13257519102262</c:v>
                </c:pt>
                <c:pt idx="4797">
                  <c:v>470.22279667921413</c:v>
                </c:pt>
                <c:pt idx="4798">
                  <c:v>472.39984895479597</c:v>
                </c:pt>
                <c:pt idx="4799">
                  <c:v>478.60519014147968</c:v>
                </c:pt>
                <c:pt idx="4800">
                  <c:v>485.76085108680695</c:v>
                </c:pt>
                <c:pt idx="4801">
                  <c:v>485.79835549119827</c:v>
                </c:pt>
                <c:pt idx="4802">
                  <c:v>493.93586230986631</c:v>
                </c:pt>
                <c:pt idx="4803">
                  <c:v>500.09474149357766</c:v>
                </c:pt>
                <c:pt idx="4804">
                  <c:v>471.75862425061047</c:v>
                </c:pt>
                <c:pt idx="4805">
                  <c:v>453.75889888874593</c:v>
                </c:pt>
                <c:pt idx="4806">
                  <c:v>448.05051037306407</c:v>
                </c:pt>
                <c:pt idx="4807">
                  <c:v>458.55215038870642</c:v>
                </c:pt>
                <c:pt idx="4808">
                  <c:v>466.62473921459724</c:v>
                </c:pt>
                <c:pt idx="4809">
                  <c:v>492.6560130535733</c:v>
                </c:pt>
                <c:pt idx="4810">
                  <c:v>511.44929549324507</c:v>
                </c:pt>
                <c:pt idx="4811">
                  <c:v>524.84564502025557</c:v>
                </c:pt>
                <c:pt idx="4812">
                  <c:v>544.57809868148831</c:v>
                </c:pt>
                <c:pt idx="4813">
                  <c:v>555.35950201937942</c:v>
                </c:pt>
                <c:pt idx="4814">
                  <c:v>575.42067236558455</c:v>
                </c:pt>
                <c:pt idx="4815">
                  <c:v>613.6197288256941</c:v>
                </c:pt>
                <c:pt idx="4816">
                  <c:v>649.14984278599979</c:v>
                </c:pt>
                <c:pt idx="4817">
                  <c:v>687.84366242937233</c:v>
                </c:pt>
                <c:pt idx="4818">
                  <c:v>723.58587339958683</c:v>
                </c:pt>
                <c:pt idx="4819">
                  <c:v>753.7509793803689</c:v>
                </c:pt>
                <c:pt idx="4820">
                  <c:v>770.28243350597006</c:v>
                </c:pt>
                <c:pt idx="4821">
                  <c:v>767.29523513080801</c:v>
                </c:pt>
                <c:pt idx="4822">
                  <c:v>743.92959126796052</c:v>
                </c:pt>
                <c:pt idx="4823">
                  <c:v>724.47693359498589</c:v>
                </c:pt>
                <c:pt idx="4824">
                  <c:v>709.09040700303888</c:v>
                </c:pt>
                <c:pt idx="4825">
                  <c:v>702.1033793582543</c:v>
                </c:pt>
                <c:pt idx="4826">
                  <c:v>716.77829691544821</c:v>
                </c:pt>
                <c:pt idx="4827">
                  <c:v>718.23059151575364</c:v>
                </c:pt>
                <c:pt idx="4828">
                  <c:v>711.10742327617106</c:v>
                </c:pt>
                <c:pt idx="4829">
                  <c:v>697.97407302556167</c:v>
                </c:pt>
                <c:pt idx="4830">
                  <c:v>676.31440673714064</c:v>
                </c:pt>
                <c:pt idx="4831">
                  <c:v>643.60941999416548</c:v>
                </c:pt>
                <c:pt idx="4832">
                  <c:v>624.02230699708696</c:v>
                </c:pt>
                <c:pt idx="4833">
                  <c:v>596.1781031508076</c:v>
                </c:pt>
                <c:pt idx="4834">
                  <c:v>570.87538930115238</c:v>
                </c:pt>
                <c:pt idx="4835">
                  <c:v>564.38633544607626</c:v>
                </c:pt>
                <c:pt idx="4836">
                  <c:v>570.39679371429372</c:v>
                </c:pt>
                <c:pt idx="4837">
                  <c:v>562.25367942028026</c:v>
                </c:pt>
                <c:pt idx="4838">
                  <c:v>565.1778130892742</c:v>
                </c:pt>
                <c:pt idx="4839">
                  <c:v>571.01017352999213</c:v>
                </c:pt>
                <c:pt idx="4840">
                  <c:v>570.19294419758023</c:v>
                </c:pt>
                <c:pt idx="4841">
                  <c:v>554.71571799119295</c:v>
                </c:pt>
                <c:pt idx="4842">
                  <c:v>554.09597954463936</c:v>
                </c:pt>
                <c:pt idx="4843">
                  <c:v>548.49675647949311</c:v>
                </c:pt>
                <c:pt idx="4844">
                  <c:v>544.12401696089262</c:v>
                </c:pt>
                <c:pt idx="4845">
                  <c:v>543.13681494541936</c:v>
                </c:pt>
                <c:pt idx="4846">
                  <c:v>545.16449875997864</c:v>
                </c:pt>
                <c:pt idx="4847">
                  <c:v>532.12469203914316</c:v>
                </c:pt>
                <c:pt idx="4848">
                  <c:v>512.65363953671419</c:v>
                </c:pt>
                <c:pt idx="4849">
                  <c:v>478.37563485433947</c:v>
                </c:pt>
                <c:pt idx="4850">
                  <c:v>466.60404231734611</c:v>
                </c:pt>
                <c:pt idx="4851">
                  <c:v>455.56452586584055</c:v>
                </c:pt>
                <c:pt idx="4852">
                  <c:v>450.00202378083645</c:v>
                </c:pt>
                <c:pt idx="4853">
                  <c:v>447.37764613203899</c:v>
                </c:pt>
                <c:pt idx="4854">
                  <c:v>440.22560494197552</c:v>
                </c:pt>
                <c:pt idx="4855">
                  <c:v>445.80579097368064</c:v>
                </c:pt>
                <c:pt idx="4856">
                  <c:v>468.14009536148325</c:v>
                </c:pt>
                <c:pt idx="4857">
                  <c:v>497.88009520439761</c:v>
                </c:pt>
                <c:pt idx="4858">
                  <c:v>536.7738176142949</c:v>
                </c:pt>
                <c:pt idx="4859">
                  <c:v>613.58704406893582</c:v>
                </c:pt>
                <c:pt idx="4860">
                  <c:v>698.30866789528545</c:v>
                </c:pt>
                <c:pt idx="4861">
                  <c:v>762.47383343015554</c:v>
                </c:pt>
                <c:pt idx="4862">
                  <c:v>797.98661993817507</c:v>
                </c:pt>
                <c:pt idx="4863">
                  <c:v>808.08249607012965</c:v>
                </c:pt>
                <c:pt idx="4864">
                  <c:v>782.14049155415853</c:v>
                </c:pt>
                <c:pt idx="4865">
                  <c:v>719.32965490016193</c:v>
                </c:pt>
                <c:pt idx="4866">
                  <c:v>648.33255915957432</c:v>
                </c:pt>
                <c:pt idx="4867">
                  <c:v>591.37964530151305</c:v>
                </c:pt>
                <c:pt idx="4868">
                  <c:v>555.71710005031139</c:v>
                </c:pt>
                <c:pt idx="4869">
                  <c:v>519.68360821445469</c:v>
                </c:pt>
                <c:pt idx="4870">
                  <c:v>479.14473232810019</c:v>
                </c:pt>
                <c:pt idx="4871">
                  <c:v>457.71570127348031</c:v>
                </c:pt>
                <c:pt idx="4872">
                  <c:v>438.67972450774977</c:v>
                </c:pt>
                <c:pt idx="4873">
                  <c:v>422.30765680458285</c:v>
                </c:pt>
                <c:pt idx="4874">
                  <c:v>426.52773935079102</c:v>
                </c:pt>
                <c:pt idx="4875">
                  <c:v>445.90930143171045</c:v>
                </c:pt>
                <c:pt idx="4876">
                  <c:v>468.49068001320438</c:v>
                </c:pt>
                <c:pt idx="4877">
                  <c:v>488.6925585167732</c:v>
                </c:pt>
                <c:pt idx="4878">
                  <c:v>491.94965982739268</c:v>
                </c:pt>
                <c:pt idx="4879">
                  <c:v>494.82573200365397</c:v>
                </c:pt>
                <c:pt idx="4880">
                  <c:v>517.29085291231115</c:v>
                </c:pt>
                <c:pt idx="4881">
                  <c:v>542.84017105800251</c:v>
                </c:pt>
                <c:pt idx="4882">
                  <c:v>563.81266452827936</c:v>
                </c:pt>
                <c:pt idx="4883">
                  <c:v>600.47493985258427</c:v>
                </c:pt>
                <c:pt idx="4884">
                  <c:v>634.74424237950336</c:v>
                </c:pt>
                <c:pt idx="4885">
                  <c:v>673.32878854039973</c:v>
                </c:pt>
                <c:pt idx="4886">
                  <c:v>712.91285700880735</c:v>
                </c:pt>
                <c:pt idx="4887">
                  <c:v>707.60502348123543</c:v>
                </c:pt>
                <c:pt idx="4888">
                  <c:v>701.67764337031576</c:v>
                </c:pt>
                <c:pt idx="4889">
                  <c:v>690.59763591596936</c:v>
                </c:pt>
                <c:pt idx="4890">
                  <c:v>673.1659740077389</c:v>
                </c:pt>
                <c:pt idx="4891">
                  <c:v>655.57946313484069</c:v>
                </c:pt>
                <c:pt idx="4892">
                  <c:v>645.55007753370455</c:v>
                </c:pt>
                <c:pt idx="4893">
                  <c:v>641.71269782478601</c:v>
                </c:pt>
                <c:pt idx="4894">
                  <c:v>655.72874821223081</c:v>
                </c:pt>
                <c:pt idx="4895">
                  <c:v>666.86163025603389</c:v>
                </c:pt>
                <c:pt idx="4896">
                  <c:v>679.88043980891359</c:v>
                </c:pt>
                <c:pt idx="4897">
                  <c:v>700.86577439776011</c:v>
                </c:pt>
                <c:pt idx="4898">
                  <c:v>722.9252560660824</c:v>
                </c:pt>
                <c:pt idx="4899">
                  <c:v>743.8496900190238</c:v>
                </c:pt>
                <c:pt idx="4900">
                  <c:v>763.94095758832191</c:v>
                </c:pt>
                <c:pt idx="4901">
                  <c:v>774.95533808466337</c:v>
                </c:pt>
                <c:pt idx="4902">
                  <c:v>773.97894202103089</c:v>
                </c:pt>
                <c:pt idx="4903">
                  <c:v>756.26770501735461</c:v>
                </c:pt>
                <c:pt idx="4904">
                  <c:v>739.75601847148164</c:v>
                </c:pt>
                <c:pt idx="4905">
                  <c:v>723.32396308599891</c:v>
                </c:pt>
                <c:pt idx="4906">
                  <c:v>695.83586426939519</c:v>
                </c:pt>
                <c:pt idx="4907">
                  <c:v>672.45238894837939</c:v>
                </c:pt>
                <c:pt idx="4908">
                  <c:v>638.47510472439546</c:v>
                </c:pt>
                <c:pt idx="4909">
                  <c:v>601.08589865541046</c:v>
                </c:pt>
                <c:pt idx="4910">
                  <c:v>557.37857077845308</c:v>
                </c:pt>
                <c:pt idx="4911">
                  <c:v>511.53492388119133</c:v>
                </c:pt>
                <c:pt idx="4912">
                  <c:v>469.2503995818592</c:v>
                </c:pt>
                <c:pt idx="4913">
                  <c:v>435.12342140483469</c:v>
                </c:pt>
                <c:pt idx="4914">
                  <c:v>385.18844102013605</c:v>
                </c:pt>
                <c:pt idx="4915">
                  <c:v>364.48905619115811</c:v>
                </c:pt>
                <c:pt idx="4916">
                  <c:v>350.1444615843198</c:v>
                </c:pt>
                <c:pt idx="4917">
                  <c:v>346.37512842941925</c:v>
                </c:pt>
                <c:pt idx="4918">
                  <c:v>351.93785052050231</c:v>
                </c:pt>
                <c:pt idx="4919">
                  <c:v>345.16165654702382</c:v>
                </c:pt>
                <c:pt idx="4920">
                  <c:v>338.53468188413552</c:v>
                </c:pt>
                <c:pt idx="4921">
                  <c:v>333.46354072715445</c:v>
                </c:pt>
                <c:pt idx="4922">
                  <c:v>346.97479882979746</c:v>
                </c:pt>
                <c:pt idx="4923">
                  <c:v>363.40927240333758</c:v>
                </c:pt>
                <c:pt idx="4924">
                  <c:v>388.0269400822163</c:v>
                </c:pt>
                <c:pt idx="4925">
                  <c:v>411.95419774227321</c:v>
                </c:pt>
                <c:pt idx="4926">
                  <c:v>429.62310122300136</c:v>
                </c:pt>
                <c:pt idx="4927">
                  <c:v>437.75598605360415</c:v>
                </c:pt>
                <c:pt idx="4928">
                  <c:v>436.54578198902345</c:v>
                </c:pt>
                <c:pt idx="4929">
                  <c:v>433.85672761627075</c:v>
                </c:pt>
                <c:pt idx="4930">
                  <c:v>415.04322451327511</c:v>
                </c:pt>
                <c:pt idx="4931">
                  <c:v>393.49656802831282</c:v>
                </c:pt>
                <c:pt idx="4932">
                  <c:v>373.20103862976163</c:v>
                </c:pt>
                <c:pt idx="4933">
                  <c:v>360.51115243233852</c:v>
                </c:pt>
                <c:pt idx="4934">
                  <c:v>352.68838783240659</c:v>
                </c:pt>
                <c:pt idx="4935">
                  <c:v>351.91053726526678</c:v>
                </c:pt>
                <c:pt idx="4936">
                  <c:v>348.84719288404085</c:v>
                </c:pt>
                <c:pt idx="4937">
                  <c:v>338.0057319906652</c:v>
                </c:pt>
                <c:pt idx="4938">
                  <c:v>335.75802443024037</c:v>
                </c:pt>
                <c:pt idx="4939">
                  <c:v>325.23951273527024</c:v>
                </c:pt>
                <c:pt idx="4940">
                  <c:v>315.8294957774645</c:v>
                </c:pt>
                <c:pt idx="4941">
                  <c:v>328.85505432971746</c:v>
                </c:pt>
                <c:pt idx="4942">
                  <c:v>349.35330193504029</c:v>
                </c:pt>
                <c:pt idx="4943">
                  <c:v>368.82119089179179</c:v>
                </c:pt>
                <c:pt idx="4944">
                  <c:v>407.77495590598727</c:v>
                </c:pt>
                <c:pt idx="4945">
                  <c:v>455.45750386812944</c:v>
                </c:pt>
                <c:pt idx="4946">
                  <c:v>492.51915241962053</c:v>
                </c:pt>
                <c:pt idx="4947">
                  <c:v>515.78030583072427</c:v>
                </c:pt>
                <c:pt idx="4948">
                  <c:v>528.12035260228379</c:v>
                </c:pt>
                <c:pt idx="4949">
                  <c:v>545.08640033200413</c:v>
                </c:pt>
                <c:pt idx="4950">
                  <c:v>543.09864643809158</c:v>
                </c:pt>
                <c:pt idx="4951">
                  <c:v>548.21336993456418</c:v>
                </c:pt>
                <c:pt idx="4952">
                  <c:v>541.4451399468511</c:v>
                </c:pt>
                <c:pt idx="4953">
                  <c:v>523.65159528849233</c:v>
                </c:pt>
                <c:pt idx="4954">
                  <c:v>524.52027867725315</c:v>
                </c:pt>
                <c:pt idx="4955">
                  <c:v>517.56916914294106</c:v>
                </c:pt>
                <c:pt idx="4956">
                  <c:v>493.96094844823961</c:v>
                </c:pt>
                <c:pt idx="4957">
                  <c:v>486.21976107407778</c:v>
                </c:pt>
                <c:pt idx="4958">
                  <c:v>498.11026392520756</c:v>
                </c:pt>
                <c:pt idx="4959">
                  <c:v>497.85704758816502</c:v>
                </c:pt>
                <c:pt idx="4960">
                  <c:v>476.78951071481083</c:v>
                </c:pt>
                <c:pt idx="4961">
                  <c:v>460.14636415866113</c:v>
                </c:pt>
                <c:pt idx="4962">
                  <c:v>451.35213297605475</c:v>
                </c:pt>
                <c:pt idx="4963">
                  <c:v>424.64575228421791</c:v>
                </c:pt>
                <c:pt idx="4964">
                  <c:v>408.54478006130756</c:v>
                </c:pt>
                <c:pt idx="4965">
                  <c:v>392.64426824019171</c:v>
                </c:pt>
                <c:pt idx="4966">
                  <c:v>399.33177596855086</c:v>
                </c:pt>
                <c:pt idx="4967">
                  <c:v>392.42144888855074</c:v>
                </c:pt>
                <c:pt idx="4968">
                  <c:v>406.1330277150451</c:v>
                </c:pt>
                <c:pt idx="4969">
                  <c:v>413.30800849024376</c:v>
                </c:pt>
                <c:pt idx="4970">
                  <c:v>410.01227879883214</c:v>
                </c:pt>
                <c:pt idx="4971">
                  <c:v>400.61722830508143</c:v>
                </c:pt>
                <c:pt idx="4972">
                  <c:v>390.25239953524846</c:v>
                </c:pt>
                <c:pt idx="4973">
                  <c:v>343.37055135341831</c:v>
                </c:pt>
                <c:pt idx="4974">
                  <c:v>336.45902659575256</c:v>
                </c:pt>
                <c:pt idx="4975">
                  <c:v>311.65643928780815</c:v>
                </c:pt>
                <c:pt idx="4976">
                  <c:v>281.77471901508159</c:v>
                </c:pt>
                <c:pt idx="4977">
                  <c:v>254.16068039933157</c:v>
                </c:pt>
                <c:pt idx="4978">
                  <c:v>235.70427001769522</c:v>
                </c:pt>
                <c:pt idx="4979">
                  <c:v>220.45045129323185</c:v>
                </c:pt>
                <c:pt idx="4980">
                  <c:v>203.88991811458979</c:v>
                </c:pt>
                <c:pt idx="4981">
                  <c:v>197.58394226574833</c:v>
                </c:pt>
                <c:pt idx="4982">
                  <c:v>200.22584778364219</c:v>
                </c:pt>
                <c:pt idx="4983">
                  <c:v>206.20315204801386</c:v>
                </c:pt>
                <c:pt idx="4984">
                  <c:v>211.89071717570096</c:v>
                </c:pt>
                <c:pt idx="4985">
                  <c:v>222.97069888139791</c:v>
                </c:pt>
                <c:pt idx="4986">
                  <c:v>235.71759420950514</c:v>
                </c:pt>
                <c:pt idx="4987">
                  <c:v>222.29476798824544</c:v>
                </c:pt>
                <c:pt idx="4988">
                  <c:v>211.12356436529501</c:v>
                </c:pt>
                <c:pt idx="4989">
                  <c:v>207.01907768476869</c:v>
                </c:pt>
                <c:pt idx="4990">
                  <c:v>203.65686948602237</c:v>
                </c:pt>
                <c:pt idx="4991">
                  <c:v>202.96981108676019</c:v>
                </c:pt>
                <c:pt idx="4992">
                  <c:v>206.53104949668446</c:v>
                </c:pt>
                <c:pt idx="4993">
                  <c:v>209.10674585972006</c:v>
                </c:pt>
                <c:pt idx="4994">
                  <c:v>221.56978386044395</c:v>
                </c:pt>
                <c:pt idx="4995">
                  <c:v>236.50406991879768</c:v>
                </c:pt>
                <c:pt idx="4996">
                  <c:v>240.30219399534829</c:v>
                </c:pt>
                <c:pt idx="4997">
                  <c:v>245.01834654886761</c:v>
                </c:pt>
                <c:pt idx="4998">
                  <c:v>254.86093624787051</c:v>
                </c:pt>
                <c:pt idx="4999">
                  <c:v>265.04296434765621</c:v>
                </c:pt>
                <c:pt idx="5000">
                  <c:v>268.0501007894855</c:v>
                </c:pt>
                <c:pt idx="5001">
                  <c:v>244.9831642611372</c:v>
                </c:pt>
                <c:pt idx="5002">
                  <c:v>227.17009693015473</c:v>
                </c:pt>
                <c:pt idx="5003">
                  <c:v>214.71955939829368</c:v>
                </c:pt>
                <c:pt idx="5004">
                  <c:v>208.79249593825031</c:v>
                </c:pt>
                <c:pt idx="5005">
                  <c:v>210.43239215272456</c:v>
                </c:pt>
                <c:pt idx="5006">
                  <c:v>224.12348550990089</c:v>
                </c:pt>
                <c:pt idx="5007">
                  <c:v>230.83311071691091</c:v>
                </c:pt>
                <c:pt idx="5008">
                  <c:v>236.03340907862071</c:v>
                </c:pt>
                <c:pt idx="5009">
                  <c:v>248.46088690883383</c:v>
                </c:pt>
                <c:pt idx="5010">
                  <c:v>260.85584867148742</c:v>
                </c:pt>
                <c:pt idx="5011">
                  <c:v>267.0923211704831</c:v>
                </c:pt>
                <c:pt idx="5012">
                  <c:v>271.46968833935392</c:v>
                </c:pt>
                <c:pt idx="5013">
                  <c:v>267.44925701991696</c:v>
                </c:pt>
                <c:pt idx="5014">
                  <c:v>253.99549655149994</c:v>
                </c:pt>
                <c:pt idx="5015">
                  <c:v>250.52244133502219</c:v>
                </c:pt>
                <c:pt idx="5016">
                  <c:v>242.07762758425909</c:v>
                </c:pt>
                <c:pt idx="5017">
                  <c:v>222.96265255076136</c:v>
                </c:pt>
                <c:pt idx="5018">
                  <c:v>211.19348866288297</c:v>
                </c:pt>
                <c:pt idx="5019">
                  <c:v>203.96974117953368</c:v>
                </c:pt>
                <c:pt idx="5020">
                  <c:v>198.81452454131306</c:v>
                </c:pt>
                <c:pt idx="5021">
                  <c:v>202.39216428229417</c:v>
                </c:pt>
                <c:pt idx="5022">
                  <c:v>219.07161773223018</c:v>
                </c:pt>
                <c:pt idx="5023">
                  <c:v>235.68808951035217</c:v>
                </c:pt>
                <c:pt idx="5024">
                  <c:v>246.99767996606474</c:v>
                </c:pt>
                <c:pt idx="5025">
                  <c:v>263.48683623374188</c:v>
                </c:pt>
                <c:pt idx="5026">
                  <c:v>286.316992112783</c:v>
                </c:pt>
                <c:pt idx="5027">
                  <c:v>307.64533218453067</c:v>
                </c:pt>
                <c:pt idx="5028">
                  <c:v>320.70728158540265</c:v>
                </c:pt>
                <c:pt idx="5029">
                  <c:v>323.0983094484447</c:v>
                </c:pt>
                <c:pt idx="5030">
                  <c:v>319.35848977269995</c:v>
                </c:pt>
                <c:pt idx="5031">
                  <c:v>295.17053849467811</c:v>
                </c:pt>
                <c:pt idx="5032">
                  <c:v>272.97188000382306</c:v>
                </c:pt>
                <c:pt idx="5033">
                  <c:v>249.90997571075044</c:v>
                </c:pt>
                <c:pt idx="5034">
                  <c:v>228.24825826876213</c:v>
                </c:pt>
                <c:pt idx="5035">
                  <c:v>205.51969978920093</c:v>
                </c:pt>
                <c:pt idx="5036">
                  <c:v>200.94945467357911</c:v>
                </c:pt>
                <c:pt idx="5037">
                  <c:v>205.32585920120775</c:v>
                </c:pt>
                <c:pt idx="5038">
                  <c:v>213.18193480365758</c:v>
                </c:pt>
                <c:pt idx="5039">
                  <c:v>232.71596880517845</c:v>
                </c:pt>
                <c:pt idx="5040">
                  <c:v>258.56771131003342</c:v>
                </c:pt>
                <c:pt idx="5041">
                  <c:v>264.75502727082659</c:v>
                </c:pt>
                <c:pt idx="5042">
                  <c:v>252.24077109034639</c:v>
                </c:pt>
                <c:pt idx="5043">
                  <c:v>251.79199387311459</c:v>
                </c:pt>
                <c:pt idx="5044">
                  <c:v>266.92543419751888</c:v>
                </c:pt>
                <c:pt idx="5045">
                  <c:v>296.29187689204781</c:v>
                </c:pt>
                <c:pt idx="5046">
                  <c:v>309.31374451822865</c:v>
                </c:pt>
                <c:pt idx="5047">
                  <c:v>314.12793537404809</c:v>
                </c:pt>
                <c:pt idx="5048">
                  <c:v>310.11299108047223</c:v>
                </c:pt>
                <c:pt idx="5049">
                  <c:v>313.75770958667755</c:v>
                </c:pt>
                <c:pt idx="5050">
                  <c:v>310.37330514976117</c:v>
                </c:pt>
                <c:pt idx="5051">
                  <c:v>295.49745134112646</c:v>
                </c:pt>
                <c:pt idx="5052">
                  <c:v>283.68300367561875</c:v>
                </c:pt>
                <c:pt idx="5053">
                  <c:v>279.09875722751082</c:v>
                </c:pt>
                <c:pt idx="5054">
                  <c:v>271.84640159935174</c:v>
                </c:pt>
                <c:pt idx="5055">
                  <c:v>270.87803675222216</c:v>
                </c:pt>
                <c:pt idx="5056">
                  <c:v>268.29885088946713</c:v>
                </c:pt>
                <c:pt idx="5057">
                  <c:v>261.87368916753195</c:v>
                </c:pt>
                <c:pt idx="5058">
                  <c:v>248.63905456901048</c:v>
                </c:pt>
                <c:pt idx="5059">
                  <c:v>241.54568011888082</c:v>
                </c:pt>
                <c:pt idx="5060">
                  <c:v>234.84862283886528</c:v>
                </c:pt>
                <c:pt idx="5061">
                  <c:v>243.00858950591987</c:v>
                </c:pt>
                <c:pt idx="5062">
                  <c:v>257.43224068085419</c:v>
                </c:pt>
                <c:pt idx="5063">
                  <c:v>275.60526510676965</c:v>
                </c:pt>
                <c:pt idx="5064">
                  <c:v>299.42128753981666</c:v>
                </c:pt>
                <c:pt idx="5065">
                  <c:v>333.73975865542155</c:v>
                </c:pt>
                <c:pt idx="5066">
                  <c:v>370.74660355718908</c:v>
                </c:pt>
                <c:pt idx="5067">
                  <c:v>393.67808713713401</c:v>
                </c:pt>
                <c:pt idx="5068">
                  <c:v>392.4808372792815</c:v>
                </c:pt>
                <c:pt idx="5069">
                  <c:v>386.39631656643246</c:v>
                </c:pt>
                <c:pt idx="5070">
                  <c:v>380.32030711051578</c:v>
                </c:pt>
                <c:pt idx="5071">
                  <c:v>384.1354576074371</c:v>
                </c:pt>
                <c:pt idx="5072">
                  <c:v>368.74416849846625</c:v>
                </c:pt>
                <c:pt idx="5073">
                  <c:v>353.90565994445865</c:v>
                </c:pt>
                <c:pt idx="5074">
                  <c:v>363.73693291394039</c:v>
                </c:pt>
                <c:pt idx="5075">
                  <c:v>361.28672613924419</c:v>
                </c:pt>
                <c:pt idx="5076">
                  <c:v>358.57182344664375</c:v>
                </c:pt>
                <c:pt idx="5077">
                  <c:v>359.20357174616396</c:v>
                </c:pt>
                <c:pt idx="5078">
                  <c:v>322.93308315558824</c:v>
                </c:pt>
                <c:pt idx="5079">
                  <c:v>314.43363998224748</c:v>
                </c:pt>
                <c:pt idx="5080">
                  <c:v>289.44538996238822</c:v>
                </c:pt>
                <c:pt idx="5081">
                  <c:v>279.59488085198547</c:v>
                </c:pt>
                <c:pt idx="5082">
                  <c:v>298.12832025577239</c:v>
                </c:pt>
                <c:pt idx="5083">
                  <c:v>345.88908715929909</c:v>
                </c:pt>
                <c:pt idx="5084">
                  <c:v>382.06527764561537</c:v>
                </c:pt>
                <c:pt idx="5085">
                  <c:v>409.73271430820546</c:v>
                </c:pt>
                <c:pt idx="5086">
                  <c:v>432.07441849067862</c:v>
                </c:pt>
                <c:pt idx="5087">
                  <c:v>448.73680665947541</c:v>
                </c:pt>
                <c:pt idx="5088">
                  <c:v>431.89690241416588</c:v>
                </c:pt>
                <c:pt idx="5089">
                  <c:v>412.36732554871418</c:v>
                </c:pt>
                <c:pt idx="5090">
                  <c:v>393.0671774952811</c:v>
                </c:pt>
                <c:pt idx="5091">
                  <c:v>381.63916246210647</c:v>
                </c:pt>
                <c:pt idx="5092">
                  <c:v>357.86126585258467</c:v>
                </c:pt>
                <c:pt idx="5093">
                  <c:v>331.43630130058449</c:v>
                </c:pt>
                <c:pt idx="5094">
                  <c:v>301.83896989384453</c:v>
                </c:pt>
                <c:pt idx="5095">
                  <c:v>308.97904164697059</c:v>
                </c:pt>
                <c:pt idx="5096">
                  <c:v>334.69154562804937</c:v>
                </c:pt>
                <c:pt idx="5097">
                  <c:v>347.01631868638225</c:v>
                </c:pt>
                <c:pt idx="5098">
                  <c:v>360.48665059385149</c:v>
                </c:pt>
                <c:pt idx="5099">
                  <c:v>361.23579372634987</c:v>
                </c:pt>
                <c:pt idx="5100">
                  <c:v>346.87211270993384</c:v>
                </c:pt>
                <c:pt idx="5101">
                  <c:v>312.15645735874637</c:v>
                </c:pt>
                <c:pt idx="5102">
                  <c:v>276.32928644391677</c:v>
                </c:pt>
                <c:pt idx="5103">
                  <c:v>259.72286928057088</c:v>
                </c:pt>
                <c:pt idx="5104">
                  <c:v>254.17983178469845</c:v>
                </c:pt>
                <c:pt idx="5105">
                  <c:v>235.76145425465367</c:v>
                </c:pt>
                <c:pt idx="5106">
                  <c:v>236.9212680676477</c:v>
                </c:pt>
                <c:pt idx="5107">
                  <c:v>238.15571188708722</c:v>
                </c:pt>
                <c:pt idx="5108">
                  <c:v>228.51288511884061</c:v>
                </c:pt>
                <c:pt idx="5109">
                  <c:v>223.26406558737219</c:v>
                </c:pt>
                <c:pt idx="5110">
                  <c:v>226.9496628298119</c:v>
                </c:pt>
                <c:pt idx="5111">
                  <c:v>221.62115744554231</c:v>
                </c:pt>
                <c:pt idx="5112">
                  <c:v>227.61299427534485</c:v>
                </c:pt>
                <c:pt idx="5113">
                  <c:v>238.62526947426386</c:v>
                </c:pt>
                <c:pt idx="5114">
                  <c:v>240.84169557872019</c:v>
                </c:pt>
                <c:pt idx="5115">
                  <c:v>244.67293024326946</c:v>
                </c:pt>
                <c:pt idx="5116">
                  <c:v>257.38478837131908</c:v>
                </c:pt>
                <c:pt idx="5117">
                  <c:v>264.55704714188181</c:v>
                </c:pt>
                <c:pt idx="5118">
                  <c:v>269.66434002058651</c:v>
                </c:pt>
                <c:pt idx="5119">
                  <c:v>275.17013982236</c:v>
                </c:pt>
                <c:pt idx="5120">
                  <c:v>266.69909364099749</c:v>
                </c:pt>
                <c:pt idx="5121">
                  <c:v>256.44536035213747</c:v>
                </c:pt>
                <c:pt idx="5122">
                  <c:v>251.06963307226667</c:v>
                </c:pt>
                <c:pt idx="5123">
                  <c:v>252.65053437759079</c:v>
                </c:pt>
                <c:pt idx="5124">
                  <c:v>234.06386515383454</c:v>
                </c:pt>
                <c:pt idx="5125">
                  <c:v>232.58866697143367</c:v>
                </c:pt>
                <c:pt idx="5126">
                  <c:v>245.30715347254923</c:v>
                </c:pt>
                <c:pt idx="5127">
                  <c:v>250.2518270989317</c:v>
                </c:pt>
                <c:pt idx="5128">
                  <c:v>236.78146521687424</c:v>
                </c:pt>
                <c:pt idx="5129">
                  <c:v>237.85468783958549</c:v>
                </c:pt>
                <c:pt idx="5130">
                  <c:v>232.10227520291588</c:v>
                </c:pt>
                <c:pt idx="5131">
                  <c:v>263.16864976142671</c:v>
                </c:pt>
                <c:pt idx="5132">
                  <c:v>231.09981887633293</c:v>
                </c:pt>
                <c:pt idx="5133">
                  <c:v>237.19550740673444</c:v>
                </c:pt>
                <c:pt idx="5134">
                  <c:v>249.37079400556817</c:v>
                </c:pt>
                <c:pt idx="5135">
                  <c:v>269.74016069750513</c:v>
                </c:pt>
                <c:pt idx="5136">
                  <c:v>296.62518344460187</c:v>
                </c:pt>
                <c:pt idx="5137">
                  <c:v>312.76752219036422</c:v>
                </c:pt>
                <c:pt idx="5138">
                  <c:v>324.23966105837712</c:v>
                </c:pt>
                <c:pt idx="5139">
                  <c:v>329.67334817477541</c:v>
                </c:pt>
                <c:pt idx="5140">
                  <c:v>338.34143125184249</c:v>
                </c:pt>
                <c:pt idx="5141">
                  <c:v>337.91530624018287</c:v>
                </c:pt>
                <c:pt idx="5142">
                  <c:v>327.61618372378786</c:v>
                </c:pt>
                <c:pt idx="5143">
                  <c:v>311.78492323198753</c:v>
                </c:pt>
                <c:pt idx="5144">
                  <c:v>293.5700118231241</c:v>
                </c:pt>
                <c:pt idx="5145">
                  <c:v>285.49438012415987</c:v>
                </c:pt>
                <c:pt idx="5146">
                  <c:v>279.37574102875465</c:v>
                </c:pt>
                <c:pt idx="5147">
                  <c:v>292.48030622536061</c:v>
                </c:pt>
                <c:pt idx="5148">
                  <c:v>327.65216850960945</c:v>
                </c:pt>
                <c:pt idx="5149">
                  <c:v>364.52395347877263</c:v>
                </c:pt>
                <c:pt idx="5150">
                  <c:v>382.00291046471148</c:v>
                </c:pt>
                <c:pt idx="5151">
                  <c:v>398.59945248879603</c:v>
                </c:pt>
                <c:pt idx="5152">
                  <c:v>409.18498059903095</c:v>
                </c:pt>
                <c:pt idx="5153">
                  <c:v>390.43510475349336</c:v>
                </c:pt>
                <c:pt idx="5154">
                  <c:v>364.48537295818113</c:v>
                </c:pt>
                <c:pt idx="5155">
                  <c:v>330.49723259329755</c:v>
                </c:pt>
                <c:pt idx="5156">
                  <c:v>293.95075636087392</c:v>
                </c:pt>
                <c:pt idx="5157">
                  <c:v>269.95483665174618</c:v>
                </c:pt>
                <c:pt idx="5158">
                  <c:v>246.1104217089063</c:v>
                </c:pt>
                <c:pt idx="5159">
                  <c:v>234.46719533717194</c:v>
                </c:pt>
                <c:pt idx="5160">
                  <c:v>217.23505563277976</c:v>
                </c:pt>
                <c:pt idx="5161">
                  <c:v>217.37453190300354</c:v>
                </c:pt>
                <c:pt idx="5162">
                  <c:v>228.10431924615861</c:v>
                </c:pt>
                <c:pt idx="5163">
                  <c:v>243.90992646960251</c:v>
                </c:pt>
                <c:pt idx="5164">
                  <c:v>250.02189716750854</c:v>
                </c:pt>
                <c:pt idx="5165">
                  <c:v>266.81227486441907</c:v>
                </c:pt>
                <c:pt idx="5166">
                  <c:v>285.0869456026021</c:v>
                </c:pt>
                <c:pt idx="5167">
                  <c:v>300.23792437274682</c:v>
                </c:pt>
                <c:pt idx="5168">
                  <c:v>306.46058739086976</c:v>
                </c:pt>
                <c:pt idx="5169">
                  <c:v>306.80695977108081</c:v>
                </c:pt>
                <c:pt idx="5170">
                  <c:v>308.57667774693113</c:v>
                </c:pt>
                <c:pt idx="5171">
                  <c:v>292.53576415637872</c:v>
                </c:pt>
                <c:pt idx="5172">
                  <c:v>277.89240416270508</c:v>
                </c:pt>
                <c:pt idx="5173">
                  <c:v>264.56152729655656</c:v>
                </c:pt>
                <c:pt idx="5174">
                  <c:v>256.011730441797</c:v>
                </c:pt>
                <c:pt idx="5175">
                  <c:v>239.31379612778187</c:v>
                </c:pt>
                <c:pt idx="5176">
                  <c:v>233.50641652802616</c:v>
                </c:pt>
                <c:pt idx="5177">
                  <c:v>227.74655516938526</c:v>
                </c:pt>
                <c:pt idx="5178">
                  <c:v>221.48029688259007</c:v>
                </c:pt>
                <c:pt idx="5179">
                  <c:v>223.73797446347388</c:v>
                </c:pt>
                <c:pt idx="5180">
                  <c:v>210.81276816068785</c:v>
                </c:pt>
                <c:pt idx="5181">
                  <c:v>205.5718167814131</c:v>
                </c:pt>
                <c:pt idx="5182">
                  <c:v>219.03224472380325</c:v>
                </c:pt>
                <c:pt idx="5183">
                  <c:v>239.35862277476625</c:v>
                </c:pt>
                <c:pt idx="5184">
                  <c:v>263.97353203411723</c:v>
                </c:pt>
                <c:pt idx="5185">
                  <c:v>283.99028552723109</c:v>
                </c:pt>
                <c:pt idx="5186">
                  <c:v>299.73363601984329</c:v>
                </c:pt>
                <c:pt idx="5187">
                  <c:v>305.76541967920383</c:v>
                </c:pt>
                <c:pt idx="5188">
                  <c:v>292.386664398672</c:v>
                </c:pt>
                <c:pt idx="5189">
                  <c:v>277.85728559563216</c:v>
                </c:pt>
                <c:pt idx="5190">
                  <c:v>262.3552632393027</c:v>
                </c:pt>
                <c:pt idx="5191">
                  <c:v>262.76895165761573</c:v>
                </c:pt>
                <c:pt idx="5192">
                  <c:v>272.33884034149003</c:v>
                </c:pt>
                <c:pt idx="5193">
                  <c:v>290.71788917355269</c:v>
                </c:pt>
                <c:pt idx="5194">
                  <c:v>332.09329611331844</c:v>
                </c:pt>
                <c:pt idx="5195">
                  <c:v>374.88330455367981</c:v>
                </c:pt>
                <c:pt idx="5196">
                  <c:v>406.36035853354491</c:v>
                </c:pt>
                <c:pt idx="5197">
                  <c:v>417.96209154346224</c:v>
                </c:pt>
                <c:pt idx="5198">
                  <c:v>406.81369812419126</c:v>
                </c:pt>
                <c:pt idx="5199">
                  <c:v>394.31964806972047</c:v>
                </c:pt>
                <c:pt idx="5200">
                  <c:v>372.51272438100938</c:v>
                </c:pt>
                <c:pt idx="5201">
                  <c:v>337.08710419241305</c:v>
                </c:pt>
                <c:pt idx="5202">
                  <c:v>306.82971873126138</c:v>
                </c:pt>
                <c:pt idx="5203">
                  <c:v>268.69107080246437</c:v>
                </c:pt>
                <c:pt idx="5204">
                  <c:v>230.31712190180727</c:v>
                </c:pt>
                <c:pt idx="5205">
                  <c:v>206.1354656291289</c:v>
                </c:pt>
                <c:pt idx="5206">
                  <c:v>198.85137080842091</c:v>
                </c:pt>
                <c:pt idx="5207">
                  <c:v>197.79109798468971</c:v>
                </c:pt>
                <c:pt idx="5208">
                  <c:v>196.99809378446466</c:v>
                </c:pt>
                <c:pt idx="5209">
                  <c:v>205.35416524727029</c:v>
                </c:pt>
                <c:pt idx="5210">
                  <c:v>212.20588559669122</c:v>
                </c:pt>
                <c:pt idx="5211">
                  <c:v>214.01434725982531</c:v>
                </c:pt>
                <c:pt idx="5212">
                  <c:v>208.09730470103963</c:v>
                </c:pt>
                <c:pt idx="5213">
                  <c:v>202.16641445420316</c:v>
                </c:pt>
                <c:pt idx="5214">
                  <c:v>194.22356812256336</c:v>
                </c:pt>
                <c:pt idx="5215">
                  <c:v>182.99311890431144</c:v>
                </c:pt>
                <c:pt idx="5216">
                  <c:v>184.93648223965019</c:v>
                </c:pt>
                <c:pt idx="5217">
                  <c:v>181.94646544640284</c:v>
                </c:pt>
                <c:pt idx="5218">
                  <c:v>183.81960301938693</c:v>
                </c:pt>
                <c:pt idx="5219">
                  <c:v>191.28212469114715</c:v>
                </c:pt>
                <c:pt idx="5220">
                  <c:v>202.92600061242479</c:v>
                </c:pt>
                <c:pt idx="5221">
                  <c:v>211.13512430628762</c:v>
                </c:pt>
                <c:pt idx="5222">
                  <c:v>220.37606207293337</c:v>
                </c:pt>
                <c:pt idx="5223">
                  <c:v>230.10540641037286</c:v>
                </c:pt>
                <c:pt idx="5224">
                  <c:v>231.58886543263111</c:v>
                </c:pt>
                <c:pt idx="5225">
                  <c:v>230.16141473604543</c:v>
                </c:pt>
                <c:pt idx="5226">
                  <c:v>228.02941504966375</c:v>
                </c:pt>
                <c:pt idx="5227">
                  <c:v>235.9682091287616</c:v>
                </c:pt>
                <c:pt idx="5228">
                  <c:v>245.29229240465153</c:v>
                </c:pt>
                <c:pt idx="5229">
                  <c:v>266.34783304608573</c:v>
                </c:pt>
                <c:pt idx="5230">
                  <c:v>282.48069790473255</c:v>
                </c:pt>
                <c:pt idx="5231">
                  <c:v>284.67010162173352</c:v>
                </c:pt>
                <c:pt idx="5232">
                  <c:v>271.61868607150376</c:v>
                </c:pt>
                <c:pt idx="5233">
                  <c:v>258.13063500783255</c:v>
                </c:pt>
                <c:pt idx="5234">
                  <c:v>248.06562042467252</c:v>
                </c:pt>
                <c:pt idx="5235">
                  <c:v>237.90648530553804</c:v>
                </c:pt>
                <c:pt idx="5236">
                  <c:v>233.12344448346084</c:v>
                </c:pt>
                <c:pt idx="5237">
                  <c:v>236.71103335322312</c:v>
                </c:pt>
                <c:pt idx="5238">
                  <c:v>245.39354383309413</c:v>
                </c:pt>
                <c:pt idx="5239">
                  <c:v>252.59377092582676</c:v>
                </c:pt>
                <c:pt idx="5240">
                  <c:v>259.85897197596245</c:v>
                </c:pt>
                <c:pt idx="5241">
                  <c:v>247.71999021508074</c:v>
                </c:pt>
                <c:pt idx="5242">
                  <c:v>285.95023602679612</c:v>
                </c:pt>
                <c:pt idx="5243">
                  <c:v>370.63839023172653</c:v>
                </c:pt>
                <c:pt idx="5244">
                  <c:v>504.66145484744874</c:v>
                </c:pt>
                <c:pt idx="5245">
                  <c:v>651.45605383279906</c:v>
                </c:pt>
                <c:pt idx="5246">
                  <c:v>#N/A</c:v>
                </c:pt>
                <c:pt idx="5247">
                  <c:v>#N/A</c:v>
                </c:pt>
                <c:pt idx="5248">
                  <c:v>#N/A</c:v>
                </c:pt>
                <c:pt idx="5249">
                  <c:v>#N/A</c:v>
                </c:pt>
                <c:pt idx="5250">
                  <c:v>#N/A</c:v>
                </c:pt>
                <c:pt idx="5251">
                  <c:v>#N/A</c:v>
                </c:pt>
                <c:pt idx="5252">
                  <c:v>#N/A</c:v>
                </c:pt>
                <c:pt idx="5253">
                  <c:v>#N/A</c:v>
                </c:pt>
                <c:pt idx="5254">
                  <c:v>#N/A</c:v>
                </c:pt>
                <c:pt idx="5255">
                  <c:v>#N/A</c:v>
                </c:pt>
                <c:pt idx="5256">
                  <c:v>#N/A</c:v>
                </c:pt>
                <c:pt idx="5257">
                  <c:v>#N/A</c:v>
                </c:pt>
                <c:pt idx="5258">
                  <c:v>#N/A</c:v>
                </c:pt>
                <c:pt idx="5259">
                  <c:v>#N/A</c:v>
                </c:pt>
                <c:pt idx="5260">
                  <c:v>#N/A</c:v>
                </c:pt>
                <c:pt idx="5261">
                  <c:v>#N/A</c:v>
                </c:pt>
                <c:pt idx="5262">
                  <c:v>#N/A</c:v>
                </c:pt>
                <c:pt idx="5263">
                  <c:v>#N/A</c:v>
                </c:pt>
                <c:pt idx="5264">
                  <c:v>#N/A</c:v>
                </c:pt>
                <c:pt idx="5265">
                  <c:v>741.84300604723285</c:v>
                </c:pt>
                <c:pt idx="5266">
                  <c:v>683.08808026208737</c:v>
                </c:pt>
                <c:pt idx="5267">
                  <c:v>641.46116377901274</c:v>
                </c:pt>
                <c:pt idx="5268">
                  <c:v>606.75147916048911</c:v>
                </c:pt>
                <c:pt idx="5269">
                  <c:v>564.95507801792735</c:v>
                </c:pt>
                <c:pt idx="5270">
                  <c:v>531.29532216164</c:v>
                </c:pt>
                <c:pt idx="5271">
                  <c:v>531.12487885407768</c:v>
                </c:pt>
                <c:pt idx="5272">
                  <c:v>565.159688758078</c:v>
                </c:pt>
                <c:pt idx="5273">
                  <c:v>635.66550201819871</c:v>
                </c:pt>
                <c:pt idx="5274">
                  <c:v>748.46124854509878</c:v>
                </c:pt>
                <c:pt idx="5275">
                  <c:v>806.78180967882361</c:v>
                </c:pt>
                <c:pt idx="5276">
                  <c:v>845.74352244517365</c:v>
                </c:pt>
                <c:pt idx="5277">
                  <c:v>891.8488406032684</c:v>
                </c:pt>
                <c:pt idx="5278">
                  <c:v>927.255561786454</c:v>
                </c:pt>
                <c:pt idx="5279">
                  <c:v>894.66104466527531</c:v>
                </c:pt>
                <c:pt idx="5280">
                  <c:v>884.95346294884587</c:v>
                </c:pt>
                <c:pt idx="5281">
                  <c:v>891.96735475988282</c:v>
                </c:pt>
                <c:pt idx="5282">
                  <c:v>841.67295533392041</c:v>
                </c:pt>
                <c:pt idx="5283">
                  <c:v>997.67590348598458</c:v>
                </c:pt>
                <c:pt idx="5284">
                  <c:v>955.28232796006068</c:v>
                </c:pt>
                <c:pt idx="5285">
                  <c:v>803.67093289375543</c:v>
                </c:pt>
                <c:pt idx="5286">
                  <c:v>678.37895874259846</c:v>
                </c:pt>
                <c:pt idx="5287">
                  <c:v>647.07751821671843</c:v>
                </c:pt>
                <c:pt idx="5288">
                  <c:v>566.63894911458226</c:v>
                </c:pt>
                <c:pt idx="5289">
                  <c:v>528.14712865193371</c:v>
                </c:pt>
                <c:pt idx="5290">
                  <c:v>474.04175823687302</c:v>
                </c:pt>
                <c:pt idx="5291">
                  <c:v>458.75081610824873</c:v>
                </c:pt>
                <c:pt idx="5292">
                  <c:v>465.51664134833419</c:v>
                </c:pt>
                <c:pt idx="5293">
                  <c:v>484.33422555871795</c:v>
                </c:pt>
                <c:pt idx="5294">
                  <c:v>485.18180340972935</c:v>
                </c:pt>
                <c:pt idx="5295">
                  <c:v>508.77029430829543</c:v>
                </c:pt>
                <c:pt idx="5296">
                  <c:v>572.7995081297579</c:v>
                </c:pt>
                <c:pt idx="5297">
                  <c:v>624.86268408664171</c:v>
                </c:pt>
                <c:pt idx="5298">
                  <c:v>691.08963190783277</c:v>
                </c:pt>
                <c:pt idx="5299">
                  <c:v>755.43238667894104</c:v>
                </c:pt>
                <c:pt idx="5300">
                  <c:v>824.97970594478863</c:v>
                </c:pt>
                <c:pt idx="5301">
                  <c:v>891.99102480684451</c:v>
                </c:pt>
                <c:pt idx="5302">
                  <c:v>#N/A</c:v>
                </c:pt>
                <c:pt idx="5303">
                  <c:v>#N/A</c:v>
                </c:pt>
                <c:pt idx="5304">
                  <c:v>#N/A</c:v>
                </c:pt>
                <c:pt idx="5305">
                  <c:v>#N/A</c:v>
                </c:pt>
                <c:pt idx="5306">
                  <c:v>#N/A</c:v>
                </c:pt>
                <c:pt idx="5307">
                  <c:v>#N/A</c:v>
                </c:pt>
                <c:pt idx="5308">
                  <c:v>#N/A</c:v>
                </c:pt>
                <c:pt idx="5309">
                  <c:v>#N/A</c:v>
                </c:pt>
                <c:pt idx="5310">
                  <c:v>#N/A</c:v>
                </c:pt>
                <c:pt idx="5311">
                  <c:v>#N/A</c:v>
                </c:pt>
                <c:pt idx="5312">
                  <c:v>#N/A</c:v>
                </c:pt>
                <c:pt idx="5313">
                  <c:v>#N/A</c:v>
                </c:pt>
                <c:pt idx="5314">
                  <c:v>#N/A</c:v>
                </c:pt>
                <c:pt idx="5315">
                  <c:v>#N/A</c:v>
                </c:pt>
                <c:pt idx="5316">
                  <c:v>#N/A</c:v>
                </c:pt>
                <c:pt idx="5317">
                  <c:v>#N/A</c:v>
                </c:pt>
                <c:pt idx="5318">
                  <c:v>#N/A</c:v>
                </c:pt>
                <c:pt idx="5319">
                  <c:v>#N/A</c:v>
                </c:pt>
                <c:pt idx="5320">
                  <c:v>#N/A</c:v>
                </c:pt>
                <c:pt idx="5321">
                  <c:v>#N/A</c:v>
                </c:pt>
                <c:pt idx="5322">
                  <c:v>#N/A</c:v>
                </c:pt>
                <c:pt idx="5323">
                  <c:v>#N/A</c:v>
                </c:pt>
                <c:pt idx="5324">
                  <c:v>#N/A</c:v>
                </c:pt>
                <c:pt idx="5325">
                  <c:v>#N/A</c:v>
                </c:pt>
                <c:pt idx="5326">
                  <c:v>#N/A</c:v>
                </c:pt>
                <c:pt idx="5327">
                  <c:v>#N/A</c:v>
                </c:pt>
                <c:pt idx="5328">
                  <c:v>#N/A</c:v>
                </c:pt>
                <c:pt idx="5329">
                  <c:v>#N/A</c:v>
                </c:pt>
                <c:pt idx="5330">
                  <c:v>#N/A</c:v>
                </c:pt>
                <c:pt idx="5331">
                  <c:v>#N/A</c:v>
                </c:pt>
                <c:pt idx="5332">
                  <c:v>#N/A</c:v>
                </c:pt>
                <c:pt idx="5333">
                  <c:v>#N/A</c:v>
                </c:pt>
                <c:pt idx="5334">
                  <c:v>#N/A</c:v>
                </c:pt>
                <c:pt idx="5335">
                  <c:v>#N/A</c:v>
                </c:pt>
                <c:pt idx="5336">
                  <c:v>#N/A</c:v>
                </c:pt>
                <c:pt idx="5337">
                  <c:v>#N/A</c:v>
                </c:pt>
                <c:pt idx="5338">
                  <c:v>#N/A</c:v>
                </c:pt>
                <c:pt idx="5339">
                  <c:v>#N/A</c:v>
                </c:pt>
                <c:pt idx="5340">
                  <c:v>#N/A</c:v>
                </c:pt>
                <c:pt idx="5341">
                  <c:v>#N/A</c:v>
                </c:pt>
                <c:pt idx="5342">
                  <c:v>#N/A</c:v>
                </c:pt>
                <c:pt idx="5343">
                  <c:v>#N/A</c:v>
                </c:pt>
                <c:pt idx="5344">
                  <c:v>#N/A</c:v>
                </c:pt>
                <c:pt idx="5345">
                  <c:v>#N/A</c:v>
                </c:pt>
                <c:pt idx="5346">
                  <c:v>#N/A</c:v>
                </c:pt>
                <c:pt idx="5347">
                  <c:v>#N/A</c:v>
                </c:pt>
                <c:pt idx="5348">
                  <c:v>#N/A</c:v>
                </c:pt>
                <c:pt idx="5349">
                  <c:v>#N/A</c:v>
                </c:pt>
                <c:pt idx="5350">
                  <c:v>#N/A</c:v>
                </c:pt>
                <c:pt idx="5351">
                  <c:v>#N/A</c:v>
                </c:pt>
                <c:pt idx="5352">
                  <c:v>#N/A</c:v>
                </c:pt>
                <c:pt idx="5353">
                  <c:v>#N/A</c:v>
                </c:pt>
                <c:pt idx="5354">
                  <c:v>#N/A</c:v>
                </c:pt>
                <c:pt idx="5355">
                  <c:v>#N/A</c:v>
                </c:pt>
                <c:pt idx="5356">
                  <c:v>#N/A</c:v>
                </c:pt>
                <c:pt idx="5357">
                  <c:v>#N/A</c:v>
                </c:pt>
                <c:pt idx="5358">
                  <c:v>#N/A</c:v>
                </c:pt>
                <c:pt idx="5359">
                  <c:v>#N/A</c:v>
                </c:pt>
                <c:pt idx="5360">
                  <c:v>#N/A</c:v>
                </c:pt>
                <c:pt idx="5361">
                  <c:v>#N/A</c:v>
                </c:pt>
                <c:pt idx="5362">
                  <c:v>#N/A</c:v>
                </c:pt>
                <c:pt idx="5363">
                  <c:v>#N/A</c:v>
                </c:pt>
                <c:pt idx="5364">
                  <c:v>#N/A</c:v>
                </c:pt>
                <c:pt idx="5365">
                  <c:v>#N/A</c:v>
                </c:pt>
                <c:pt idx="5366">
                  <c:v>#N/A</c:v>
                </c:pt>
                <c:pt idx="5367">
                  <c:v>#N/A</c:v>
                </c:pt>
                <c:pt idx="5368">
                  <c:v>#N/A</c:v>
                </c:pt>
                <c:pt idx="5369">
                  <c:v>#N/A</c:v>
                </c:pt>
                <c:pt idx="5370">
                  <c:v>#N/A</c:v>
                </c:pt>
                <c:pt idx="5371">
                  <c:v>#N/A</c:v>
                </c:pt>
                <c:pt idx="5372">
                  <c:v>#N/A</c:v>
                </c:pt>
                <c:pt idx="5373">
                  <c:v>#N/A</c:v>
                </c:pt>
                <c:pt idx="5374">
                  <c:v>#N/A</c:v>
                </c:pt>
                <c:pt idx="5375">
                  <c:v>#N/A</c:v>
                </c:pt>
                <c:pt idx="5376">
                  <c:v>#N/A</c:v>
                </c:pt>
                <c:pt idx="5377">
                  <c:v>#N/A</c:v>
                </c:pt>
                <c:pt idx="5378">
                  <c:v>#N/A</c:v>
                </c:pt>
                <c:pt idx="5379">
                  <c:v>#N/A</c:v>
                </c:pt>
                <c:pt idx="5380">
                  <c:v>#N/A</c:v>
                </c:pt>
                <c:pt idx="5381">
                  <c:v>#N/A</c:v>
                </c:pt>
                <c:pt idx="5382">
                  <c:v>#N/A</c:v>
                </c:pt>
                <c:pt idx="5383">
                  <c:v>#N/A</c:v>
                </c:pt>
                <c:pt idx="5384">
                  <c:v>#N/A</c:v>
                </c:pt>
                <c:pt idx="5385">
                  <c:v>#N/A</c:v>
                </c:pt>
                <c:pt idx="5386">
                  <c:v>#N/A</c:v>
                </c:pt>
                <c:pt idx="5387">
                  <c:v>#N/A</c:v>
                </c:pt>
                <c:pt idx="5388">
                  <c:v>#N/A</c:v>
                </c:pt>
                <c:pt idx="5389">
                  <c:v>#N/A</c:v>
                </c:pt>
                <c:pt idx="5390">
                  <c:v>#N/A</c:v>
                </c:pt>
                <c:pt idx="5391">
                  <c:v>#N/A</c:v>
                </c:pt>
                <c:pt idx="5392">
                  <c:v>#N/A</c:v>
                </c:pt>
                <c:pt idx="5393">
                  <c:v>#N/A</c:v>
                </c:pt>
                <c:pt idx="5394">
                  <c:v>#N/A</c:v>
                </c:pt>
                <c:pt idx="5395">
                  <c:v>#N/A</c:v>
                </c:pt>
                <c:pt idx="5396">
                  <c:v>#N/A</c:v>
                </c:pt>
                <c:pt idx="5397">
                  <c:v>#N/A</c:v>
                </c:pt>
                <c:pt idx="5398">
                  <c:v>#N/A</c:v>
                </c:pt>
                <c:pt idx="5399">
                  <c:v>#N/A</c:v>
                </c:pt>
                <c:pt idx="5400">
                  <c:v>#N/A</c:v>
                </c:pt>
                <c:pt idx="5401">
                  <c:v>#N/A</c:v>
                </c:pt>
                <c:pt idx="5402">
                  <c:v>#N/A</c:v>
                </c:pt>
                <c:pt idx="5403">
                  <c:v>#N/A</c:v>
                </c:pt>
                <c:pt idx="5404">
                  <c:v>#N/A</c:v>
                </c:pt>
                <c:pt idx="5405">
                  <c:v>#N/A</c:v>
                </c:pt>
                <c:pt idx="5406">
                  <c:v>#N/A</c:v>
                </c:pt>
                <c:pt idx="5407">
                  <c:v>#N/A</c:v>
                </c:pt>
                <c:pt idx="5408">
                  <c:v>#N/A</c:v>
                </c:pt>
                <c:pt idx="5409">
                  <c:v>#N/A</c:v>
                </c:pt>
                <c:pt idx="5410">
                  <c:v>#N/A</c:v>
                </c:pt>
                <c:pt idx="5411">
                  <c:v>#N/A</c:v>
                </c:pt>
                <c:pt idx="5412">
                  <c:v>#N/A</c:v>
                </c:pt>
                <c:pt idx="5413">
                  <c:v>#N/A</c:v>
                </c:pt>
                <c:pt idx="5414">
                  <c:v>#N/A</c:v>
                </c:pt>
                <c:pt idx="5415">
                  <c:v>#N/A</c:v>
                </c:pt>
                <c:pt idx="5416">
                  <c:v>#N/A</c:v>
                </c:pt>
                <c:pt idx="5417">
                  <c:v>#N/A</c:v>
                </c:pt>
                <c:pt idx="5418">
                  <c:v>#N/A</c:v>
                </c:pt>
                <c:pt idx="5419">
                  <c:v>#N/A</c:v>
                </c:pt>
                <c:pt idx="5420">
                  <c:v>#N/A</c:v>
                </c:pt>
                <c:pt idx="5421">
                  <c:v>#N/A</c:v>
                </c:pt>
                <c:pt idx="5422">
                  <c:v>#N/A</c:v>
                </c:pt>
                <c:pt idx="5423">
                  <c:v>#N/A</c:v>
                </c:pt>
                <c:pt idx="5424">
                  <c:v>#N/A</c:v>
                </c:pt>
                <c:pt idx="5425">
                  <c:v>#N/A</c:v>
                </c:pt>
                <c:pt idx="5426">
                  <c:v>#N/A</c:v>
                </c:pt>
                <c:pt idx="5427">
                  <c:v>#N/A</c:v>
                </c:pt>
                <c:pt idx="5428">
                  <c:v>#N/A</c:v>
                </c:pt>
                <c:pt idx="5429">
                  <c:v>#N/A</c:v>
                </c:pt>
                <c:pt idx="5430">
                  <c:v>#N/A</c:v>
                </c:pt>
                <c:pt idx="5431">
                  <c:v>#N/A</c:v>
                </c:pt>
                <c:pt idx="5432">
                  <c:v>#N/A</c:v>
                </c:pt>
                <c:pt idx="5433">
                  <c:v>#N/A</c:v>
                </c:pt>
                <c:pt idx="5434">
                  <c:v>#N/A</c:v>
                </c:pt>
                <c:pt idx="5435">
                  <c:v>#N/A</c:v>
                </c:pt>
                <c:pt idx="5436">
                  <c:v>#N/A</c:v>
                </c:pt>
                <c:pt idx="5437">
                  <c:v>#N/A</c:v>
                </c:pt>
                <c:pt idx="5438">
                  <c:v>#N/A</c:v>
                </c:pt>
                <c:pt idx="5439">
                  <c:v>#N/A</c:v>
                </c:pt>
                <c:pt idx="5440">
                  <c:v>#N/A</c:v>
                </c:pt>
                <c:pt idx="5441">
                  <c:v>#N/A</c:v>
                </c:pt>
                <c:pt idx="5442">
                  <c:v>#N/A</c:v>
                </c:pt>
                <c:pt idx="5443">
                  <c:v>#N/A</c:v>
                </c:pt>
                <c:pt idx="5444">
                  <c:v>#N/A</c:v>
                </c:pt>
                <c:pt idx="5445">
                  <c:v>#N/A</c:v>
                </c:pt>
                <c:pt idx="5446">
                  <c:v>#N/A</c:v>
                </c:pt>
                <c:pt idx="5447">
                  <c:v>#N/A</c:v>
                </c:pt>
                <c:pt idx="5448">
                  <c:v>#N/A</c:v>
                </c:pt>
                <c:pt idx="5449">
                  <c:v>#N/A</c:v>
                </c:pt>
                <c:pt idx="5450">
                  <c:v>#N/A</c:v>
                </c:pt>
                <c:pt idx="5451">
                  <c:v>#N/A</c:v>
                </c:pt>
                <c:pt idx="5452">
                  <c:v>#N/A</c:v>
                </c:pt>
                <c:pt idx="5453">
                  <c:v>#N/A</c:v>
                </c:pt>
                <c:pt idx="5454">
                  <c:v>#N/A</c:v>
                </c:pt>
                <c:pt idx="5455">
                  <c:v>#N/A</c:v>
                </c:pt>
                <c:pt idx="5456">
                  <c:v>#N/A</c:v>
                </c:pt>
                <c:pt idx="5457">
                  <c:v>#N/A</c:v>
                </c:pt>
                <c:pt idx="5458">
                  <c:v>#N/A</c:v>
                </c:pt>
                <c:pt idx="5459">
                  <c:v>#N/A</c:v>
                </c:pt>
                <c:pt idx="5460">
                  <c:v>#N/A</c:v>
                </c:pt>
                <c:pt idx="5461">
                  <c:v>#N/A</c:v>
                </c:pt>
                <c:pt idx="5462">
                  <c:v>#N/A</c:v>
                </c:pt>
                <c:pt idx="5463">
                  <c:v>#N/A</c:v>
                </c:pt>
                <c:pt idx="5464">
                  <c:v>#N/A</c:v>
                </c:pt>
                <c:pt idx="5465">
                  <c:v>#N/A</c:v>
                </c:pt>
                <c:pt idx="5466">
                  <c:v>#N/A</c:v>
                </c:pt>
                <c:pt idx="5467">
                  <c:v>#N/A</c:v>
                </c:pt>
                <c:pt idx="5468">
                  <c:v>#N/A</c:v>
                </c:pt>
                <c:pt idx="5469">
                  <c:v>#N/A</c:v>
                </c:pt>
                <c:pt idx="5470">
                  <c:v>#N/A</c:v>
                </c:pt>
                <c:pt idx="5471">
                  <c:v>#N/A</c:v>
                </c:pt>
                <c:pt idx="5472">
                  <c:v>#N/A</c:v>
                </c:pt>
                <c:pt idx="5473">
                  <c:v>#N/A</c:v>
                </c:pt>
                <c:pt idx="5474">
                  <c:v>#N/A</c:v>
                </c:pt>
                <c:pt idx="5475">
                  <c:v>#N/A</c:v>
                </c:pt>
                <c:pt idx="5476">
                  <c:v>#N/A</c:v>
                </c:pt>
                <c:pt idx="5477">
                  <c:v>#N/A</c:v>
                </c:pt>
                <c:pt idx="5478">
                  <c:v>#N/A</c:v>
                </c:pt>
                <c:pt idx="5479">
                  <c:v>#N/A</c:v>
                </c:pt>
                <c:pt idx="5480">
                  <c:v>#N/A</c:v>
                </c:pt>
                <c:pt idx="5481">
                  <c:v>#N/A</c:v>
                </c:pt>
                <c:pt idx="5482">
                  <c:v>#N/A</c:v>
                </c:pt>
                <c:pt idx="5483">
                  <c:v>#N/A</c:v>
                </c:pt>
                <c:pt idx="5484">
                  <c:v>#N/A</c:v>
                </c:pt>
                <c:pt idx="5485">
                  <c:v>#N/A</c:v>
                </c:pt>
                <c:pt idx="5486">
                  <c:v>#N/A</c:v>
                </c:pt>
                <c:pt idx="5487">
                  <c:v>#N/A</c:v>
                </c:pt>
                <c:pt idx="5488">
                  <c:v>#N/A</c:v>
                </c:pt>
                <c:pt idx="5489">
                  <c:v>#N/A</c:v>
                </c:pt>
                <c:pt idx="5490">
                  <c:v>#N/A</c:v>
                </c:pt>
                <c:pt idx="5491">
                  <c:v>#N/A</c:v>
                </c:pt>
                <c:pt idx="5492">
                  <c:v>#N/A</c:v>
                </c:pt>
                <c:pt idx="5493">
                  <c:v>#N/A</c:v>
                </c:pt>
                <c:pt idx="5494">
                  <c:v>#N/A</c:v>
                </c:pt>
                <c:pt idx="5495">
                  <c:v>#N/A</c:v>
                </c:pt>
                <c:pt idx="5496">
                  <c:v>#N/A</c:v>
                </c:pt>
                <c:pt idx="5497">
                  <c:v>#N/A</c:v>
                </c:pt>
                <c:pt idx="5498">
                  <c:v>#N/A</c:v>
                </c:pt>
                <c:pt idx="5499">
                  <c:v>#N/A</c:v>
                </c:pt>
                <c:pt idx="5500">
                  <c:v>#N/A</c:v>
                </c:pt>
                <c:pt idx="5501">
                  <c:v>#N/A</c:v>
                </c:pt>
                <c:pt idx="5502">
                  <c:v>#N/A</c:v>
                </c:pt>
                <c:pt idx="5503">
                  <c:v>#N/A</c:v>
                </c:pt>
                <c:pt idx="5504">
                  <c:v>#N/A</c:v>
                </c:pt>
                <c:pt idx="5505">
                  <c:v>#N/A</c:v>
                </c:pt>
                <c:pt idx="5506">
                  <c:v>#N/A</c:v>
                </c:pt>
                <c:pt idx="5507">
                  <c:v>#N/A</c:v>
                </c:pt>
                <c:pt idx="5508">
                  <c:v>#N/A</c:v>
                </c:pt>
                <c:pt idx="5509">
                  <c:v>#N/A</c:v>
                </c:pt>
                <c:pt idx="5510">
                  <c:v>#N/A</c:v>
                </c:pt>
                <c:pt idx="5511">
                  <c:v>#N/A</c:v>
                </c:pt>
                <c:pt idx="5512">
                  <c:v>#N/A</c:v>
                </c:pt>
                <c:pt idx="5513">
                  <c:v>#N/A</c:v>
                </c:pt>
                <c:pt idx="5514">
                  <c:v>#N/A</c:v>
                </c:pt>
                <c:pt idx="5515">
                  <c:v>#N/A</c:v>
                </c:pt>
                <c:pt idx="5516">
                  <c:v>#N/A</c:v>
                </c:pt>
                <c:pt idx="5517">
                  <c:v>#N/A</c:v>
                </c:pt>
                <c:pt idx="5518">
                  <c:v>#N/A</c:v>
                </c:pt>
                <c:pt idx="5519">
                  <c:v>#N/A</c:v>
                </c:pt>
                <c:pt idx="5520">
                  <c:v>#N/A</c:v>
                </c:pt>
                <c:pt idx="5521">
                  <c:v>#N/A</c:v>
                </c:pt>
                <c:pt idx="5522">
                  <c:v>#N/A</c:v>
                </c:pt>
                <c:pt idx="5523">
                  <c:v>#N/A</c:v>
                </c:pt>
                <c:pt idx="5524">
                  <c:v>#N/A</c:v>
                </c:pt>
                <c:pt idx="5525">
                  <c:v>#N/A</c:v>
                </c:pt>
                <c:pt idx="5526">
                  <c:v>#N/A</c:v>
                </c:pt>
                <c:pt idx="5527">
                  <c:v>#N/A</c:v>
                </c:pt>
                <c:pt idx="5528">
                  <c:v>#N/A</c:v>
                </c:pt>
                <c:pt idx="5529">
                  <c:v>#N/A</c:v>
                </c:pt>
                <c:pt idx="5530">
                  <c:v>#N/A</c:v>
                </c:pt>
                <c:pt idx="5531">
                  <c:v>#N/A</c:v>
                </c:pt>
                <c:pt idx="5532">
                  <c:v>#N/A</c:v>
                </c:pt>
                <c:pt idx="5533">
                  <c:v>#N/A</c:v>
                </c:pt>
                <c:pt idx="5534">
                  <c:v>#N/A</c:v>
                </c:pt>
                <c:pt idx="5535">
                  <c:v>#N/A</c:v>
                </c:pt>
                <c:pt idx="5536">
                  <c:v>#N/A</c:v>
                </c:pt>
                <c:pt idx="5537">
                  <c:v>#N/A</c:v>
                </c:pt>
                <c:pt idx="5538">
                  <c:v>#N/A</c:v>
                </c:pt>
                <c:pt idx="5539">
                  <c:v>#N/A</c:v>
                </c:pt>
                <c:pt idx="5540">
                  <c:v>#N/A</c:v>
                </c:pt>
                <c:pt idx="5541">
                  <c:v>#N/A</c:v>
                </c:pt>
                <c:pt idx="5542">
                  <c:v>#N/A</c:v>
                </c:pt>
                <c:pt idx="5543">
                  <c:v>#N/A</c:v>
                </c:pt>
                <c:pt idx="5544">
                  <c:v>#N/A</c:v>
                </c:pt>
                <c:pt idx="5545">
                  <c:v>#N/A</c:v>
                </c:pt>
                <c:pt idx="5546">
                  <c:v>#N/A</c:v>
                </c:pt>
                <c:pt idx="5547">
                  <c:v>#N/A</c:v>
                </c:pt>
                <c:pt idx="5548">
                  <c:v>#N/A</c:v>
                </c:pt>
                <c:pt idx="5549">
                  <c:v>#N/A</c:v>
                </c:pt>
                <c:pt idx="5550">
                  <c:v>#N/A</c:v>
                </c:pt>
                <c:pt idx="5551">
                  <c:v>#N/A</c:v>
                </c:pt>
                <c:pt idx="5552">
                  <c:v>#N/A</c:v>
                </c:pt>
                <c:pt idx="5553">
                  <c:v>#N/A</c:v>
                </c:pt>
                <c:pt idx="5554">
                  <c:v>#N/A</c:v>
                </c:pt>
                <c:pt idx="5555">
                  <c:v>#N/A</c:v>
                </c:pt>
                <c:pt idx="5556">
                  <c:v>#N/A</c:v>
                </c:pt>
                <c:pt idx="5557">
                  <c:v>#N/A</c:v>
                </c:pt>
                <c:pt idx="5558">
                  <c:v>#N/A</c:v>
                </c:pt>
                <c:pt idx="5559">
                  <c:v>#N/A</c:v>
                </c:pt>
                <c:pt idx="5560">
                  <c:v>#N/A</c:v>
                </c:pt>
                <c:pt idx="5561">
                  <c:v>#N/A</c:v>
                </c:pt>
                <c:pt idx="5562">
                  <c:v>#N/A</c:v>
                </c:pt>
                <c:pt idx="5563">
                  <c:v>#N/A</c:v>
                </c:pt>
                <c:pt idx="5564">
                  <c:v>#N/A</c:v>
                </c:pt>
                <c:pt idx="5565">
                  <c:v>#N/A</c:v>
                </c:pt>
                <c:pt idx="5566">
                  <c:v>#N/A</c:v>
                </c:pt>
                <c:pt idx="5567">
                  <c:v>#N/A</c:v>
                </c:pt>
                <c:pt idx="5568">
                  <c:v>#N/A</c:v>
                </c:pt>
                <c:pt idx="5569">
                  <c:v>#N/A</c:v>
                </c:pt>
                <c:pt idx="5570">
                  <c:v>#N/A</c:v>
                </c:pt>
                <c:pt idx="5571">
                  <c:v>#N/A</c:v>
                </c:pt>
                <c:pt idx="5572">
                  <c:v>#N/A</c:v>
                </c:pt>
                <c:pt idx="5573">
                  <c:v>#N/A</c:v>
                </c:pt>
                <c:pt idx="5574">
                  <c:v>#N/A</c:v>
                </c:pt>
                <c:pt idx="5575">
                  <c:v>#N/A</c:v>
                </c:pt>
                <c:pt idx="5576">
                  <c:v>#N/A</c:v>
                </c:pt>
                <c:pt idx="5577">
                  <c:v>#N/A</c:v>
                </c:pt>
                <c:pt idx="5578">
                  <c:v>#N/A</c:v>
                </c:pt>
                <c:pt idx="5579">
                  <c:v>#N/A</c:v>
                </c:pt>
                <c:pt idx="5580">
                  <c:v>#N/A</c:v>
                </c:pt>
                <c:pt idx="5581">
                  <c:v>#N/A</c:v>
                </c:pt>
                <c:pt idx="5582">
                  <c:v>#N/A</c:v>
                </c:pt>
                <c:pt idx="5583">
                  <c:v>#N/A</c:v>
                </c:pt>
                <c:pt idx="5584">
                  <c:v>#N/A</c:v>
                </c:pt>
                <c:pt idx="5585">
                  <c:v>#N/A</c:v>
                </c:pt>
                <c:pt idx="5586">
                  <c:v>#N/A</c:v>
                </c:pt>
                <c:pt idx="5587">
                  <c:v>#N/A</c:v>
                </c:pt>
                <c:pt idx="5588">
                  <c:v>#N/A</c:v>
                </c:pt>
                <c:pt idx="5589">
                  <c:v>#N/A</c:v>
                </c:pt>
                <c:pt idx="5590">
                  <c:v>#N/A</c:v>
                </c:pt>
                <c:pt idx="5591">
                  <c:v>#N/A</c:v>
                </c:pt>
                <c:pt idx="5592">
                  <c:v>#N/A</c:v>
                </c:pt>
                <c:pt idx="5593">
                  <c:v>#N/A</c:v>
                </c:pt>
                <c:pt idx="5594">
                  <c:v>#N/A</c:v>
                </c:pt>
                <c:pt idx="5595">
                  <c:v>#N/A</c:v>
                </c:pt>
                <c:pt idx="5596">
                  <c:v>#N/A</c:v>
                </c:pt>
                <c:pt idx="5597">
                  <c:v>#N/A</c:v>
                </c:pt>
                <c:pt idx="5598">
                  <c:v>#N/A</c:v>
                </c:pt>
                <c:pt idx="5599">
                  <c:v>#N/A</c:v>
                </c:pt>
                <c:pt idx="5600">
                  <c:v>#N/A</c:v>
                </c:pt>
                <c:pt idx="5601">
                  <c:v>#N/A</c:v>
                </c:pt>
                <c:pt idx="5602">
                  <c:v>#N/A</c:v>
                </c:pt>
                <c:pt idx="5603">
                  <c:v>#N/A</c:v>
                </c:pt>
                <c:pt idx="5604">
                  <c:v>#N/A</c:v>
                </c:pt>
                <c:pt idx="5605">
                  <c:v>#N/A</c:v>
                </c:pt>
                <c:pt idx="5606">
                  <c:v>#N/A</c:v>
                </c:pt>
                <c:pt idx="5607">
                  <c:v>#N/A</c:v>
                </c:pt>
                <c:pt idx="5608">
                  <c:v>#N/A</c:v>
                </c:pt>
                <c:pt idx="5609">
                  <c:v>#N/A</c:v>
                </c:pt>
                <c:pt idx="5610">
                  <c:v>#N/A</c:v>
                </c:pt>
                <c:pt idx="5611">
                  <c:v>#N/A</c:v>
                </c:pt>
                <c:pt idx="5612">
                  <c:v>#N/A</c:v>
                </c:pt>
                <c:pt idx="5613">
                  <c:v>#N/A</c:v>
                </c:pt>
                <c:pt idx="5614">
                  <c:v>#N/A</c:v>
                </c:pt>
                <c:pt idx="5615">
                  <c:v>#N/A</c:v>
                </c:pt>
                <c:pt idx="5616">
                  <c:v>#N/A</c:v>
                </c:pt>
                <c:pt idx="5617">
                  <c:v>#N/A</c:v>
                </c:pt>
                <c:pt idx="5618">
                  <c:v>#N/A</c:v>
                </c:pt>
                <c:pt idx="5619">
                  <c:v>#N/A</c:v>
                </c:pt>
                <c:pt idx="5620">
                  <c:v>#N/A</c:v>
                </c:pt>
                <c:pt idx="5621">
                  <c:v>#N/A</c:v>
                </c:pt>
                <c:pt idx="5622">
                  <c:v>#N/A</c:v>
                </c:pt>
                <c:pt idx="5623">
                  <c:v>#N/A</c:v>
                </c:pt>
                <c:pt idx="5624">
                  <c:v>#N/A</c:v>
                </c:pt>
                <c:pt idx="5625">
                  <c:v>#N/A</c:v>
                </c:pt>
                <c:pt idx="5626">
                  <c:v>#N/A</c:v>
                </c:pt>
                <c:pt idx="5627">
                  <c:v>#N/A</c:v>
                </c:pt>
                <c:pt idx="5628">
                  <c:v>#N/A</c:v>
                </c:pt>
                <c:pt idx="5629">
                  <c:v>#N/A</c:v>
                </c:pt>
                <c:pt idx="5630">
                  <c:v>#N/A</c:v>
                </c:pt>
                <c:pt idx="5631">
                  <c:v>#N/A</c:v>
                </c:pt>
                <c:pt idx="5632">
                  <c:v>#N/A</c:v>
                </c:pt>
                <c:pt idx="5633">
                  <c:v>#N/A</c:v>
                </c:pt>
                <c:pt idx="5634">
                  <c:v>#N/A</c:v>
                </c:pt>
                <c:pt idx="5635">
                  <c:v>#N/A</c:v>
                </c:pt>
                <c:pt idx="5636">
                  <c:v>#N/A</c:v>
                </c:pt>
                <c:pt idx="5637">
                  <c:v>#N/A</c:v>
                </c:pt>
                <c:pt idx="5638">
                  <c:v>#N/A</c:v>
                </c:pt>
                <c:pt idx="5639">
                  <c:v>#N/A</c:v>
                </c:pt>
                <c:pt idx="5640">
                  <c:v>#N/A</c:v>
                </c:pt>
                <c:pt idx="5641">
                  <c:v>#N/A</c:v>
                </c:pt>
                <c:pt idx="5642">
                  <c:v>#N/A</c:v>
                </c:pt>
                <c:pt idx="5643">
                  <c:v>#N/A</c:v>
                </c:pt>
                <c:pt idx="5644">
                  <c:v>#N/A</c:v>
                </c:pt>
                <c:pt idx="5645">
                  <c:v>#N/A</c:v>
                </c:pt>
                <c:pt idx="5646">
                  <c:v>#N/A</c:v>
                </c:pt>
                <c:pt idx="5647">
                  <c:v>#N/A</c:v>
                </c:pt>
                <c:pt idx="5648">
                  <c:v>#N/A</c:v>
                </c:pt>
                <c:pt idx="5649">
                  <c:v>#N/A</c:v>
                </c:pt>
                <c:pt idx="5650">
                  <c:v>#N/A</c:v>
                </c:pt>
                <c:pt idx="5651">
                  <c:v>#N/A</c:v>
                </c:pt>
                <c:pt idx="5652">
                  <c:v>#N/A</c:v>
                </c:pt>
                <c:pt idx="5653">
                  <c:v>#N/A</c:v>
                </c:pt>
                <c:pt idx="5654">
                  <c:v>#N/A</c:v>
                </c:pt>
                <c:pt idx="5655">
                  <c:v>#N/A</c:v>
                </c:pt>
                <c:pt idx="5656">
                  <c:v>#N/A</c:v>
                </c:pt>
                <c:pt idx="5657">
                  <c:v>#N/A</c:v>
                </c:pt>
                <c:pt idx="5658">
                  <c:v>906.51464935258707</c:v>
                </c:pt>
                <c:pt idx="5659">
                  <c:v>918.85360246513983</c:v>
                </c:pt>
                <c:pt idx="5660">
                  <c:v>930.32028187760454</c:v>
                </c:pt>
                <c:pt idx="5661">
                  <c:v>947.2728459601193</c:v>
                </c:pt>
                <c:pt idx="5662">
                  <c:v>964.17828228340704</c:v>
                </c:pt>
                <c:pt idx="5663">
                  <c:v>978.24962847272309</c:v>
                </c:pt>
                <c:pt idx="5664">
                  <c:v>1001.0382446127445</c:v>
                </c:pt>
                <c:pt idx="5665">
                  <c:v>1013.5777860525646</c:v>
                </c:pt>
                <c:pt idx="5666">
                  <c:v>1033.6065265817804</c:v>
                </c:pt>
                <c:pt idx="5667">
                  <c:v>1058.8886348339258</c:v>
                </c:pt>
                <c:pt idx="5668">
                  <c:v>#N/A</c:v>
                </c:pt>
                <c:pt idx="5669">
                  <c:v>#N/A</c:v>
                </c:pt>
                <c:pt idx="5670">
                  <c:v>#N/A</c:v>
                </c:pt>
                <c:pt idx="5671">
                  <c:v>#N/A</c:v>
                </c:pt>
                <c:pt idx="5672">
                  <c:v>#N/A</c:v>
                </c:pt>
                <c:pt idx="5673">
                  <c:v>#N/A</c:v>
                </c:pt>
                <c:pt idx="5674">
                  <c:v>#N/A</c:v>
                </c:pt>
                <c:pt idx="5675">
                  <c:v>#N/A</c:v>
                </c:pt>
                <c:pt idx="5676">
                  <c:v>#N/A</c:v>
                </c:pt>
                <c:pt idx="5677">
                  <c:v>#N/A</c:v>
                </c:pt>
                <c:pt idx="5678">
                  <c:v>#N/A</c:v>
                </c:pt>
                <c:pt idx="5679">
                  <c:v>#N/A</c:v>
                </c:pt>
                <c:pt idx="5680">
                  <c:v>#N/A</c:v>
                </c:pt>
                <c:pt idx="5681">
                  <c:v>#N/A</c:v>
                </c:pt>
                <c:pt idx="5682">
                  <c:v>#N/A</c:v>
                </c:pt>
                <c:pt idx="5683">
                  <c:v>#N/A</c:v>
                </c:pt>
                <c:pt idx="5684">
                  <c:v>#N/A</c:v>
                </c:pt>
                <c:pt idx="5685">
                  <c:v>#N/A</c:v>
                </c:pt>
                <c:pt idx="5686">
                  <c:v>#N/A</c:v>
                </c:pt>
                <c:pt idx="5687">
                  <c:v>#N/A</c:v>
                </c:pt>
                <c:pt idx="5688">
                  <c:v>#N/A</c:v>
                </c:pt>
                <c:pt idx="5689">
                  <c:v>#N/A</c:v>
                </c:pt>
                <c:pt idx="5690">
                  <c:v>#N/A</c:v>
                </c:pt>
                <c:pt idx="5691">
                  <c:v>#N/A</c:v>
                </c:pt>
                <c:pt idx="5692">
                  <c:v>#N/A</c:v>
                </c:pt>
                <c:pt idx="5693">
                  <c:v>#N/A</c:v>
                </c:pt>
                <c:pt idx="5694">
                  <c:v>#N/A</c:v>
                </c:pt>
                <c:pt idx="5695">
                  <c:v>#N/A</c:v>
                </c:pt>
                <c:pt idx="5696">
                  <c:v>#N/A</c:v>
                </c:pt>
                <c:pt idx="5697">
                  <c:v>#N/A</c:v>
                </c:pt>
                <c:pt idx="5698">
                  <c:v>#N/A</c:v>
                </c:pt>
                <c:pt idx="5699">
                  <c:v>#N/A</c:v>
                </c:pt>
                <c:pt idx="5700">
                  <c:v>#N/A</c:v>
                </c:pt>
                <c:pt idx="5701">
                  <c:v>#N/A</c:v>
                </c:pt>
                <c:pt idx="5702">
                  <c:v>#N/A</c:v>
                </c:pt>
                <c:pt idx="5703">
                  <c:v>#N/A</c:v>
                </c:pt>
                <c:pt idx="5704">
                  <c:v>#N/A</c:v>
                </c:pt>
                <c:pt idx="5705">
                  <c:v>#N/A</c:v>
                </c:pt>
                <c:pt idx="5706">
                  <c:v>#N/A</c:v>
                </c:pt>
                <c:pt idx="5707">
                  <c:v>#N/A</c:v>
                </c:pt>
                <c:pt idx="5708">
                  <c:v>#N/A</c:v>
                </c:pt>
                <c:pt idx="5709">
                  <c:v>#N/A</c:v>
                </c:pt>
                <c:pt idx="5710">
                  <c:v>#N/A</c:v>
                </c:pt>
                <c:pt idx="5711">
                  <c:v>#N/A</c:v>
                </c:pt>
                <c:pt idx="5712">
                  <c:v>#N/A</c:v>
                </c:pt>
                <c:pt idx="5713">
                  <c:v>#N/A</c:v>
                </c:pt>
                <c:pt idx="5714">
                  <c:v>#N/A</c:v>
                </c:pt>
                <c:pt idx="5715">
                  <c:v>#N/A</c:v>
                </c:pt>
                <c:pt idx="5716">
                  <c:v>#N/A</c:v>
                </c:pt>
                <c:pt idx="5717">
                  <c:v>#N/A</c:v>
                </c:pt>
                <c:pt idx="5718">
                  <c:v>#N/A</c:v>
                </c:pt>
                <c:pt idx="5719">
                  <c:v>#N/A</c:v>
                </c:pt>
                <c:pt idx="5720">
                  <c:v>#N/A</c:v>
                </c:pt>
                <c:pt idx="5721">
                  <c:v>#N/A</c:v>
                </c:pt>
                <c:pt idx="5722">
                  <c:v>#N/A</c:v>
                </c:pt>
                <c:pt idx="5723">
                  <c:v>#N/A</c:v>
                </c:pt>
                <c:pt idx="5724">
                  <c:v>#N/A</c:v>
                </c:pt>
                <c:pt idx="5725">
                  <c:v>#N/A</c:v>
                </c:pt>
                <c:pt idx="5726">
                  <c:v>#N/A</c:v>
                </c:pt>
                <c:pt idx="5727">
                  <c:v>#N/A</c:v>
                </c:pt>
                <c:pt idx="5728">
                  <c:v>#N/A</c:v>
                </c:pt>
                <c:pt idx="5729">
                  <c:v>#N/A</c:v>
                </c:pt>
                <c:pt idx="5730">
                  <c:v>#N/A</c:v>
                </c:pt>
                <c:pt idx="5731">
                  <c:v>#N/A</c:v>
                </c:pt>
                <c:pt idx="5732">
                  <c:v>#N/A</c:v>
                </c:pt>
                <c:pt idx="5733">
                  <c:v>#N/A</c:v>
                </c:pt>
                <c:pt idx="5734">
                  <c:v>#N/A</c:v>
                </c:pt>
                <c:pt idx="5735">
                  <c:v>#N/A</c:v>
                </c:pt>
                <c:pt idx="5736">
                  <c:v>#N/A</c:v>
                </c:pt>
                <c:pt idx="5737">
                  <c:v>#N/A</c:v>
                </c:pt>
                <c:pt idx="5738">
                  <c:v>#N/A</c:v>
                </c:pt>
                <c:pt idx="5739">
                  <c:v>#N/A</c:v>
                </c:pt>
                <c:pt idx="5740">
                  <c:v>#N/A</c:v>
                </c:pt>
                <c:pt idx="5741">
                  <c:v>#N/A</c:v>
                </c:pt>
                <c:pt idx="5742">
                  <c:v>#N/A</c:v>
                </c:pt>
                <c:pt idx="5743">
                  <c:v>#N/A</c:v>
                </c:pt>
                <c:pt idx="5744">
                  <c:v>#N/A</c:v>
                </c:pt>
                <c:pt idx="5745">
                  <c:v>#N/A</c:v>
                </c:pt>
                <c:pt idx="5746">
                  <c:v>#N/A</c:v>
                </c:pt>
                <c:pt idx="5747">
                  <c:v>#N/A</c:v>
                </c:pt>
                <c:pt idx="5748">
                  <c:v>#N/A</c:v>
                </c:pt>
                <c:pt idx="5749">
                  <c:v>#N/A</c:v>
                </c:pt>
                <c:pt idx="5750">
                  <c:v>#N/A</c:v>
                </c:pt>
                <c:pt idx="5751">
                  <c:v>#N/A</c:v>
                </c:pt>
                <c:pt idx="5752">
                  <c:v>#N/A</c:v>
                </c:pt>
                <c:pt idx="5753">
                  <c:v>#N/A</c:v>
                </c:pt>
                <c:pt idx="5754">
                  <c:v>#N/A</c:v>
                </c:pt>
                <c:pt idx="5755">
                  <c:v>#N/A</c:v>
                </c:pt>
                <c:pt idx="5756">
                  <c:v>#N/A</c:v>
                </c:pt>
                <c:pt idx="5757">
                  <c:v>#N/A</c:v>
                </c:pt>
                <c:pt idx="5758">
                  <c:v>#N/A</c:v>
                </c:pt>
                <c:pt idx="5759">
                  <c:v>#N/A</c:v>
                </c:pt>
                <c:pt idx="5760">
                  <c:v>#N/A</c:v>
                </c:pt>
                <c:pt idx="5761">
                  <c:v>#N/A</c:v>
                </c:pt>
                <c:pt idx="5762">
                  <c:v>#N/A</c:v>
                </c:pt>
                <c:pt idx="5763">
                  <c:v>#N/A</c:v>
                </c:pt>
                <c:pt idx="5764">
                  <c:v>#N/A</c:v>
                </c:pt>
                <c:pt idx="5765">
                  <c:v>#N/A</c:v>
                </c:pt>
                <c:pt idx="5766">
                  <c:v>#N/A</c:v>
                </c:pt>
                <c:pt idx="5767">
                  <c:v>#N/A</c:v>
                </c:pt>
                <c:pt idx="5768">
                  <c:v>#N/A</c:v>
                </c:pt>
                <c:pt idx="5769">
                  <c:v>#N/A</c:v>
                </c:pt>
                <c:pt idx="5770">
                  <c:v>#N/A</c:v>
                </c:pt>
                <c:pt idx="5771">
                  <c:v>#N/A</c:v>
                </c:pt>
                <c:pt idx="5772">
                  <c:v>#N/A</c:v>
                </c:pt>
                <c:pt idx="5773">
                  <c:v>#N/A</c:v>
                </c:pt>
                <c:pt idx="5774">
                  <c:v>#N/A</c:v>
                </c:pt>
                <c:pt idx="5775">
                  <c:v>#N/A</c:v>
                </c:pt>
                <c:pt idx="5776">
                  <c:v>#N/A</c:v>
                </c:pt>
                <c:pt idx="5777">
                  <c:v>#N/A</c:v>
                </c:pt>
                <c:pt idx="5778">
                  <c:v>#N/A</c:v>
                </c:pt>
                <c:pt idx="5779">
                  <c:v>#N/A</c:v>
                </c:pt>
                <c:pt idx="5780">
                  <c:v>#N/A</c:v>
                </c:pt>
                <c:pt idx="5781">
                  <c:v>#N/A</c:v>
                </c:pt>
                <c:pt idx="5782">
                  <c:v>#N/A</c:v>
                </c:pt>
                <c:pt idx="5783">
                  <c:v>#N/A</c:v>
                </c:pt>
                <c:pt idx="5784">
                  <c:v>#N/A</c:v>
                </c:pt>
                <c:pt idx="5785">
                  <c:v>#N/A</c:v>
                </c:pt>
                <c:pt idx="5786">
                  <c:v>#N/A</c:v>
                </c:pt>
                <c:pt idx="5787">
                  <c:v>#N/A</c:v>
                </c:pt>
                <c:pt idx="5788">
                  <c:v>#N/A</c:v>
                </c:pt>
                <c:pt idx="5789">
                  <c:v>#N/A</c:v>
                </c:pt>
                <c:pt idx="5790">
                  <c:v>#N/A</c:v>
                </c:pt>
                <c:pt idx="5791">
                  <c:v>#N/A</c:v>
                </c:pt>
                <c:pt idx="5792">
                  <c:v>#N/A</c:v>
                </c:pt>
                <c:pt idx="5793">
                  <c:v>#N/A</c:v>
                </c:pt>
                <c:pt idx="5794">
                  <c:v>#N/A</c:v>
                </c:pt>
                <c:pt idx="5795">
                  <c:v>#N/A</c:v>
                </c:pt>
                <c:pt idx="5796">
                  <c:v>#N/A</c:v>
                </c:pt>
                <c:pt idx="5797">
                  <c:v>#N/A</c:v>
                </c:pt>
                <c:pt idx="5798">
                  <c:v>#N/A</c:v>
                </c:pt>
                <c:pt idx="5799">
                  <c:v>#N/A</c:v>
                </c:pt>
                <c:pt idx="5800">
                  <c:v>#N/A</c:v>
                </c:pt>
                <c:pt idx="5801">
                  <c:v>#N/A</c:v>
                </c:pt>
                <c:pt idx="5802">
                  <c:v>#N/A</c:v>
                </c:pt>
                <c:pt idx="5803">
                  <c:v>#N/A</c:v>
                </c:pt>
                <c:pt idx="5804">
                  <c:v>#N/A</c:v>
                </c:pt>
                <c:pt idx="5805">
                  <c:v>#N/A</c:v>
                </c:pt>
                <c:pt idx="5806">
                  <c:v>#N/A</c:v>
                </c:pt>
                <c:pt idx="5807">
                  <c:v>#N/A</c:v>
                </c:pt>
                <c:pt idx="5808">
                  <c:v>#N/A</c:v>
                </c:pt>
                <c:pt idx="5809">
                  <c:v>#N/A</c:v>
                </c:pt>
                <c:pt idx="5810">
                  <c:v>#N/A</c:v>
                </c:pt>
                <c:pt idx="5811">
                  <c:v>#N/A</c:v>
                </c:pt>
                <c:pt idx="5812">
                  <c:v>#N/A</c:v>
                </c:pt>
                <c:pt idx="5813">
                  <c:v>#N/A</c:v>
                </c:pt>
                <c:pt idx="5814">
                  <c:v>#N/A</c:v>
                </c:pt>
                <c:pt idx="5815">
                  <c:v>#N/A</c:v>
                </c:pt>
                <c:pt idx="5816">
                  <c:v>#N/A</c:v>
                </c:pt>
                <c:pt idx="5817">
                  <c:v>#N/A</c:v>
                </c:pt>
                <c:pt idx="5818">
                  <c:v>#N/A</c:v>
                </c:pt>
                <c:pt idx="5819">
                  <c:v>#N/A</c:v>
                </c:pt>
                <c:pt idx="5820">
                  <c:v>#N/A</c:v>
                </c:pt>
                <c:pt idx="5821">
                  <c:v>#N/A</c:v>
                </c:pt>
                <c:pt idx="5822">
                  <c:v>#N/A</c:v>
                </c:pt>
                <c:pt idx="5823">
                  <c:v>#N/A</c:v>
                </c:pt>
                <c:pt idx="5824">
                  <c:v>#N/A</c:v>
                </c:pt>
                <c:pt idx="5825">
                  <c:v>#N/A</c:v>
                </c:pt>
                <c:pt idx="5826">
                  <c:v>#N/A</c:v>
                </c:pt>
                <c:pt idx="5827">
                  <c:v>#N/A</c:v>
                </c:pt>
                <c:pt idx="5828">
                  <c:v>#N/A</c:v>
                </c:pt>
                <c:pt idx="5829">
                  <c:v>#N/A</c:v>
                </c:pt>
                <c:pt idx="5830">
                  <c:v>#N/A</c:v>
                </c:pt>
                <c:pt idx="5831">
                  <c:v>#N/A</c:v>
                </c:pt>
                <c:pt idx="5832">
                  <c:v>#N/A</c:v>
                </c:pt>
                <c:pt idx="5833">
                  <c:v>#N/A</c:v>
                </c:pt>
                <c:pt idx="5834">
                  <c:v>#N/A</c:v>
                </c:pt>
                <c:pt idx="5835">
                  <c:v>#N/A</c:v>
                </c:pt>
                <c:pt idx="5836">
                  <c:v>#N/A</c:v>
                </c:pt>
                <c:pt idx="5837">
                  <c:v>#N/A</c:v>
                </c:pt>
                <c:pt idx="5838">
                  <c:v>#N/A</c:v>
                </c:pt>
                <c:pt idx="5839">
                  <c:v>#N/A</c:v>
                </c:pt>
                <c:pt idx="5840">
                  <c:v>#N/A</c:v>
                </c:pt>
                <c:pt idx="5841">
                  <c:v>#N/A</c:v>
                </c:pt>
                <c:pt idx="5842">
                  <c:v>#N/A</c:v>
                </c:pt>
                <c:pt idx="5843">
                  <c:v>#N/A</c:v>
                </c:pt>
                <c:pt idx="5844">
                  <c:v>#N/A</c:v>
                </c:pt>
                <c:pt idx="5845">
                  <c:v>#N/A</c:v>
                </c:pt>
                <c:pt idx="5846">
                  <c:v>#N/A</c:v>
                </c:pt>
                <c:pt idx="5847">
                  <c:v>#N/A</c:v>
                </c:pt>
                <c:pt idx="5848">
                  <c:v>#N/A</c:v>
                </c:pt>
                <c:pt idx="5849">
                  <c:v>#N/A</c:v>
                </c:pt>
                <c:pt idx="5850">
                  <c:v>#N/A</c:v>
                </c:pt>
                <c:pt idx="5851">
                  <c:v>#N/A</c:v>
                </c:pt>
                <c:pt idx="5852">
                  <c:v>#N/A</c:v>
                </c:pt>
                <c:pt idx="5853">
                  <c:v>#N/A</c:v>
                </c:pt>
                <c:pt idx="5854">
                  <c:v>#N/A</c:v>
                </c:pt>
                <c:pt idx="5855">
                  <c:v>#N/A</c:v>
                </c:pt>
                <c:pt idx="5856">
                  <c:v>#N/A</c:v>
                </c:pt>
                <c:pt idx="5857">
                  <c:v>#N/A</c:v>
                </c:pt>
                <c:pt idx="5858">
                  <c:v>#N/A</c:v>
                </c:pt>
                <c:pt idx="5859">
                  <c:v>#N/A</c:v>
                </c:pt>
                <c:pt idx="5860">
                  <c:v>#N/A</c:v>
                </c:pt>
                <c:pt idx="5861">
                  <c:v>#N/A</c:v>
                </c:pt>
                <c:pt idx="5862">
                  <c:v>#N/A</c:v>
                </c:pt>
                <c:pt idx="5863">
                  <c:v>#N/A</c:v>
                </c:pt>
                <c:pt idx="5864">
                  <c:v>#N/A</c:v>
                </c:pt>
                <c:pt idx="5865">
                  <c:v>#N/A</c:v>
                </c:pt>
                <c:pt idx="5866">
                  <c:v>#N/A</c:v>
                </c:pt>
                <c:pt idx="5867">
                  <c:v>#N/A</c:v>
                </c:pt>
                <c:pt idx="5868">
                  <c:v>#N/A</c:v>
                </c:pt>
                <c:pt idx="5869">
                  <c:v>#N/A</c:v>
                </c:pt>
                <c:pt idx="5870">
                  <c:v>#N/A</c:v>
                </c:pt>
                <c:pt idx="5871">
                  <c:v>#N/A</c:v>
                </c:pt>
                <c:pt idx="5872">
                  <c:v>#N/A</c:v>
                </c:pt>
                <c:pt idx="5873">
                  <c:v>#N/A</c:v>
                </c:pt>
                <c:pt idx="5874">
                  <c:v>#N/A</c:v>
                </c:pt>
                <c:pt idx="5875">
                  <c:v>#N/A</c:v>
                </c:pt>
                <c:pt idx="5876">
                  <c:v>#N/A</c:v>
                </c:pt>
                <c:pt idx="5877">
                  <c:v>#N/A</c:v>
                </c:pt>
                <c:pt idx="5878">
                  <c:v>#N/A</c:v>
                </c:pt>
                <c:pt idx="5879">
                  <c:v>#N/A</c:v>
                </c:pt>
                <c:pt idx="5880">
                  <c:v>#N/A</c:v>
                </c:pt>
                <c:pt idx="5881">
                  <c:v>#N/A</c:v>
                </c:pt>
                <c:pt idx="5882">
                  <c:v>#N/A</c:v>
                </c:pt>
                <c:pt idx="5883">
                  <c:v>#N/A</c:v>
                </c:pt>
                <c:pt idx="5884">
                  <c:v>#N/A</c:v>
                </c:pt>
                <c:pt idx="5885">
                  <c:v>#N/A</c:v>
                </c:pt>
                <c:pt idx="5886">
                  <c:v>#N/A</c:v>
                </c:pt>
                <c:pt idx="5887">
                  <c:v>#N/A</c:v>
                </c:pt>
                <c:pt idx="5888">
                  <c:v>#N/A</c:v>
                </c:pt>
                <c:pt idx="5889">
                  <c:v>#N/A</c:v>
                </c:pt>
                <c:pt idx="5890">
                  <c:v>#N/A</c:v>
                </c:pt>
                <c:pt idx="5891">
                  <c:v>#N/A</c:v>
                </c:pt>
                <c:pt idx="5892">
                  <c:v>#N/A</c:v>
                </c:pt>
                <c:pt idx="5893">
                  <c:v>#N/A</c:v>
                </c:pt>
                <c:pt idx="5894">
                  <c:v>#N/A</c:v>
                </c:pt>
                <c:pt idx="5895">
                  <c:v>#N/A</c:v>
                </c:pt>
                <c:pt idx="5896">
                  <c:v>#N/A</c:v>
                </c:pt>
                <c:pt idx="5897">
                  <c:v>#N/A</c:v>
                </c:pt>
                <c:pt idx="5898">
                  <c:v>#N/A</c:v>
                </c:pt>
                <c:pt idx="5899">
                  <c:v>#N/A</c:v>
                </c:pt>
                <c:pt idx="5900">
                  <c:v>#N/A</c:v>
                </c:pt>
                <c:pt idx="5901">
                  <c:v>#N/A</c:v>
                </c:pt>
                <c:pt idx="5902">
                  <c:v>#N/A</c:v>
                </c:pt>
                <c:pt idx="5903">
                  <c:v>#N/A</c:v>
                </c:pt>
                <c:pt idx="5904">
                  <c:v>#N/A</c:v>
                </c:pt>
                <c:pt idx="5905">
                  <c:v>#N/A</c:v>
                </c:pt>
                <c:pt idx="5906">
                  <c:v>#N/A</c:v>
                </c:pt>
                <c:pt idx="5907">
                  <c:v>#N/A</c:v>
                </c:pt>
                <c:pt idx="5908">
                  <c:v>#N/A</c:v>
                </c:pt>
                <c:pt idx="5909">
                  <c:v>#N/A</c:v>
                </c:pt>
                <c:pt idx="5910">
                  <c:v>#N/A</c:v>
                </c:pt>
                <c:pt idx="5911">
                  <c:v>#N/A</c:v>
                </c:pt>
                <c:pt idx="5912">
                  <c:v>#N/A</c:v>
                </c:pt>
                <c:pt idx="5913">
                  <c:v>#N/A</c:v>
                </c:pt>
                <c:pt idx="5914">
                  <c:v>#N/A</c:v>
                </c:pt>
                <c:pt idx="5915">
                  <c:v>#N/A</c:v>
                </c:pt>
                <c:pt idx="5916">
                  <c:v>#N/A</c:v>
                </c:pt>
                <c:pt idx="5917">
                  <c:v>#N/A</c:v>
                </c:pt>
                <c:pt idx="5918">
                  <c:v>#N/A</c:v>
                </c:pt>
                <c:pt idx="5919">
                  <c:v>#N/A</c:v>
                </c:pt>
                <c:pt idx="5920">
                  <c:v>#N/A</c:v>
                </c:pt>
                <c:pt idx="5921">
                  <c:v>#N/A</c:v>
                </c:pt>
                <c:pt idx="5922">
                  <c:v>#N/A</c:v>
                </c:pt>
                <c:pt idx="5923">
                  <c:v>#N/A</c:v>
                </c:pt>
                <c:pt idx="5924">
                  <c:v>#N/A</c:v>
                </c:pt>
                <c:pt idx="5925">
                  <c:v>#N/A</c:v>
                </c:pt>
                <c:pt idx="5926">
                  <c:v>#N/A</c:v>
                </c:pt>
                <c:pt idx="5927">
                  <c:v>#N/A</c:v>
                </c:pt>
                <c:pt idx="5928">
                  <c:v>#N/A</c:v>
                </c:pt>
                <c:pt idx="5929">
                  <c:v>#N/A</c:v>
                </c:pt>
                <c:pt idx="5930">
                  <c:v>#N/A</c:v>
                </c:pt>
                <c:pt idx="5931">
                  <c:v>#N/A</c:v>
                </c:pt>
                <c:pt idx="5932">
                  <c:v>#N/A</c:v>
                </c:pt>
                <c:pt idx="5933">
                  <c:v>#N/A</c:v>
                </c:pt>
                <c:pt idx="5934">
                  <c:v>#N/A</c:v>
                </c:pt>
                <c:pt idx="5935">
                  <c:v>#N/A</c:v>
                </c:pt>
                <c:pt idx="5936">
                  <c:v>#N/A</c:v>
                </c:pt>
                <c:pt idx="5937">
                  <c:v>#N/A</c:v>
                </c:pt>
                <c:pt idx="5938">
                  <c:v>#N/A</c:v>
                </c:pt>
                <c:pt idx="5939">
                  <c:v>#N/A</c:v>
                </c:pt>
                <c:pt idx="5940">
                  <c:v>#N/A</c:v>
                </c:pt>
                <c:pt idx="5941">
                  <c:v>#N/A</c:v>
                </c:pt>
                <c:pt idx="5942">
                  <c:v>#N/A</c:v>
                </c:pt>
                <c:pt idx="5943">
                  <c:v>#N/A</c:v>
                </c:pt>
                <c:pt idx="5944">
                  <c:v>#N/A</c:v>
                </c:pt>
                <c:pt idx="5945">
                  <c:v>#N/A</c:v>
                </c:pt>
                <c:pt idx="5946">
                  <c:v>#N/A</c:v>
                </c:pt>
                <c:pt idx="5947">
                  <c:v>#N/A</c:v>
                </c:pt>
                <c:pt idx="5948">
                  <c:v>#N/A</c:v>
                </c:pt>
                <c:pt idx="5949">
                  <c:v>#N/A</c:v>
                </c:pt>
                <c:pt idx="5950">
                  <c:v>#N/A</c:v>
                </c:pt>
                <c:pt idx="5951">
                  <c:v>#N/A</c:v>
                </c:pt>
                <c:pt idx="5952">
                  <c:v>#N/A</c:v>
                </c:pt>
                <c:pt idx="5953">
                  <c:v>#N/A</c:v>
                </c:pt>
                <c:pt idx="5954">
                  <c:v>914.46253577850905</c:v>
                </c:pt>
                <c:pt idx="5955">
                  <c:v>886.40629411654072</c:v>
                </c:pt>
                <c:pt idx="5956">
                  <c:v>876.71402723584504</c:v>
                </c:pt>
                <c:pt idx="5957">
                  <c:v>904.36775880655341</c:v>
                </c:pt>
                <c:pt idx="5958">
                  <c:v>921.53117081371192</c:v>
                </c:pt>
                <c:pt idx="5959">
                  <c:v>924.61742389513199</c:v>
                </c:pt>
                <c:pt idx="5960">
                  <c:v>972.85164596264156</c:v>
                </c:pt>
                <c:pt idx="5961">
                  <c:v>1017.0021228527697</c:v>
                </c:pt>
                <c:pt idx="5962">
                  <c:v>1028.255208780924</c:v>
                </c:pt>
                <c:pt idx="5963">
                  <c:v>1032.6350755528235</c:v>
                </c:pt>
                <c:pt idx="5964">
                  <c:v>1099.1927009772141</c:v>
                </c:pt>
                <c:pt idx="5965">
                  <c:v>#N/A</c:v>
                </c:pt>
                <c:pt idx="5966">
                  <c:v>#N/A</c:v>
                </c:pt>
                <c:pt idx="5967">
                  <c:v>#N/A</c:v>
                </c:pt>
                <c:pt idx="5968">
                  <c:v>#N/A</c:v>
                </c:pt>
                <c:pt idx="5969">
                  <c:v>#N/A</c:v>
                </c:pt>
                <c:pt idx="5970">
                  <c:v>#N/A</c:v>
                </c:pt>
                <c:pt idx="5971">
                  <c:v>#N/A</c:v>
                </c:pt>
                <c:pt idx="5972">
                  <c:v>#N/A</c:v>
                </c:pt>
                <c:pt idx="5973">
                  <c:v>#N/A</c:v>
                </c:pt>
                <c:pt idx="5974">
                  <c:v>#N/A</c:v>
                </c:pt>
                <c:pt idx="5975">
                  <c:v>#N/A</c:v>
                </c:pt>
                <c:pt idx="5976">
                  <c:v>#N/A</c:v>
                </c:pt>
                <c:pt idx="5977">
                  <c:v>#N/A</c:v>
                </c:pt>
                <c:pt idx="5978">
                  <c:v>#N/A</c:v>
                </c:pt>
                <c:pt idx="5979">
                  <c:v>#N/A</c:v>
                </c:pt>
                <c:pt idx="5980">
                  <c:v>#N/A</c:v>
                </c:pt>
                <c:pt idx="5981">
                  <c:v>#N/A</c:v>
                </c:pt>
                <c:pt idx="5982">
                  <c:v>#N/A</c:v>
                </c:pt>
                <c:pt idx="5983">
                  <c:v>#N/A</c:v>
                </c:pt>
                <c:pt idx="5984">
                  <c:v>#N/A</c:v>
                </c:pt>
                <c:pt idx="5985">
                  <c:v>#N/A</c:v>
                </c:pt>
                <c:pt idx="5986">
                  <c:v>#N/A</c:v>
                </c:pt>
                <c:pt idx="5987">
                  <c:v>#N/A</c:v>
                </c:pt>
                <c:pt idx="5988">
                  <c:v>#N/A</c:v>
                </c:pt>
                <c:pt idx="5989">
                  <c:v>#N/A</c:v>
                </c:pt>
                <c:pt idx="5990">
                  <c:v>#N/A</c:v>
                </c:pt>
                <c:pt idx="5991">
                  <c:v>#N/A</c:v>
                </c:pt>
                <c:pt idx="5992">
                  <c:v>#N/A</c:v>
                </c:pt>
                <c:pt idx="5993">
                  <c:v>#N/A</c:v>
                </c:pt>
                <c:pt idx="5994">
                  <c:v>#N/A</c:v>
                </c:pt>
                <c:pt idx="5995">
                  <c:v>#N/A</c:v>
                </c:pt>
                <c:pt idx="5996">
                  <c:v>#N/A</c:v>
                </c:pt>
                <c:pt idx="5997">
                  <c:v>#N/A</c:v>
                </c:pt>
                <c:pt idx="5998">
                  <c:v>#N/A</c:v>
                </c:pt>
                <c:pt idx="5999">
                  <c:v>#N/A</c:v>
                </c:pt>
                <c:pt idx="6000">
                  <c:v>#N/A</c:v>
                </c:pt>
                <c:pt idx="6001">
                  <c:v>#N/A</c:v>
                </c:pt>
                <c:pt idx="6002">
                  <c:v>#N/A</c:v>
                </c:pt>
                <c:pt idx="6003">
                  <c:v>#N/A</c:v>
                </c:pt>
                <c:pt idx="6004">
                  <c:v>#N/A</c:v>
                </c:pt>
                <c:pt idx="6005">
                  <c:v>#N/A</c:v>
                </c:pt>
                <c:pt idx="6006">
                  <c:v>#N/A</c:v>
                </c:pt>
                <c:pt idx="6007">
                  <c:v>#N/A</c:v>
                </c:pt>
                <c:pt idx="6008">
                  <c:v>#N/A</c:v>
                </c:pt>
                <c:pt idx="6009">
                  <c:v>#N/A</c:v>
                </c:pt>
                <c:pt idx="6010">
                  <c:v>#N/A</c:v>
                </c:pt>
                <c:pt idx="6011">
                  <c:v>#N/A</c:v>
                </c:pt>
                <c:pt idx="6012">
                  <c:v>#N/A</c:v>
                </c:pt>
                <c:pt idx="6013">
                  <c:v>#N/A</c:v>
                </c:pt>
                <c:pt idx="6014">
                  <c:v>#N/A</c:v>
                </c:pt>
                <c:pt idx="6015">
                  <c:v>#N/A</c:v>
                </c:pt>
                <c:pt idx="6016">
                  <c:v>#N/A</c:v>
                </c:pt>
                <c:pt idx="6017">
                  <c:v>#N/A</c:v>
                </c:pt>
                <c:pt idx="6018">
                  <c:v>#N/A</c:v>
                </c:pt>
                <c:pt idx="6019">
                  <c:v>#N/A</c:v>
                </c:pt>
                <c:pt idx="6020">
                  <c:v>#N/A</c:v>
                </c:pt>
                <c:pt idx="6021">
                  <c:v>#N/A</c:v>
                </c:pt>
                <c:pt idx="6022">
                  <c:v>#N/A</c:v>
                </c:pt>
                <c:pt idx="6023">
                  <c:v>#N/A</c:v>
                </c:pt>
                <c:pt idx="6024">
                  <c:v>#N/A</c:v>
                </c:pt>
                <c:pt idx="6025">
                  <c:v>#N/A</c:v>
                </c:pt>
                <c:pt idx="6026">
                  <c:v>#N/A</c:v>
                </c:pt>
                <c:pt idx="6027">
                  <c:v>#N/A</c:v>
                </c:pt>
                <c:pt idx="6028">
                  <c:v>#N/A</c:v>
                </c:pt>
                <c:pt idx="6029">
                  <c:v>#N/A</c:v>
                </c:pt>
                <c:pt idx="6030">
                  <c:v>#N/A</c:v>
                </c:pt>
                <c:pt idx="6031">
                  <c:v>#N/A</c:v>
                </c:pt>
                <c:pt idx="6032">
                  <c:v>#N/A</c:v>
                </c:pt>
                <c:pt idx="6033">
                  <c:v>#N/A</c:v>
                </c:pt>
                <c:pt idx="6034">
                  <c:v>#N/A</c:v>
                </c:pt>
                <c:pt idx="6035">
                  <c:v>#N/A</c:v>
                </c:pt>
                <c:pt idx="6036">
                  <c:v>#N/A</c:v>
                </c:pt>
                <c:pt idx="6037">
                  <c:v>#N/A</c:v>
                </c:pt>
                <c:pt idx="6038">
                  <c:v>#N/A</c:v>
                </c:pt>
                <c:pt idx="6039">
                  <c:v>#N/A</c:v>
                </c:pt>
                <c:pt idx="6040">
                  <c:v>#N/A</c:v>
                </c:pt>
                <c:pt idx="6041">
                  <c:v>#N/A</c:v>
                </c:pt>
                <c:pt idx="6042">
                  <c:v>#N/A</c:v>
                </c:pt>
                <c:pt idx="6043">
                  <c:v>#N/A</c:v>
                </c:pt>
                <c:pt idx="6044">
                  <c:v>#N/A</c:v>
                </c:pt>
                <c:pt idx="6045">
                  <c:v>#N/A</c:v>
                </c:pt>
                <c:pt idx="6046">
                  <c:v>#N/A</c:v>
                </c:pt>
                <c:pt idx="6047">
                  <c:v>#N/A</c:v>
                </c:pt>
                <c:pt idx="6048">
                  <c:v>#N/A</c:v>
                </c:pt>
                <c:pt idx="6049">
                  <c:v>#N/A</c:v>
                </c:pt>
                <c:pt idx="6050">
                  <c:v>#N/A</c:v>
                </c:pt>
                <c:pt idx="6051">
                  <c:v>#N/A</c:v>
                </c:pt>
                <c:pt idx="6052">
                  <c:v>#N/A</c:v>
                </c:pt>
                <c:pt idx="6053">
                  <c:v>#N/A</c:v>
                </c:pt>
                <c:pt idx="6054">
                  <c:v>#N/A</c:v>
                </c:pt>
                <c:pt idx="6055">
                  <c:v>#N/A</c:v>
                </c:pt>
                <c:pt idx="6056">
                  <c:v>#N/A</c:v>
                </c:pt>
                <c:pt idx="6057">
                  <c:v>#N/A</c:v>
                </c:pt>
                <c:pt idx="6058">
                  <c:v>#N/A</c:v>
                </c:pt>
                <c:pt idx="6059">
                  <c:v>#N/A</c:v>
                </c:pt>
                <c:pt idx="6060">
                  <c:v>#N/A</c:v>
                </c:pt>
                <c:pt idx="6061">
                  <c:v>#N/A</c:v>
                </c:pt>
                <c:pt idx="6062">
                  <c:v>#N/A</c:v>
                </c:pt>
                <c:pt idx="6063">
                  <c:v>#N/A</c:v>
                </c:pt>
                <c:pt idx="6064">
                  <c:v>#N/A</c:v>
                </c:pt>
                <c:pt idx="6065">
                  <c:v>#N/A</c:v>
                </c:pt>
                <c:pt idx="6066">
                  <c:v>#N/A</c:v>
                </c:pt>
                <c:pt idx="6067">
                  <c:v>#N/A</c:v>
                </c:pt>
                <c:pt idx="6068">
                  <c:v>#N/A</c:v>
                </c:pt>
                <c:pt idx="6069">
                  <c:v>#N/A</c:v>
                </c:pt>
                <c:pt idx="6070">
                  <c:v>#N/A</c:v>
                </c:pt>
                <c:pt idx="6071">
                  <c:v>#N/A</c:v>
                </c:pt>
                <c:pt idx="6072">
                  <c:v>#N/A</c:v>
                </c:pt>
                <c:pt idx="6073">
                  <c:v>#N/A</c:v>
                </c:pt>
                <c:pt idx="6074">
                  <c:v>#N/A</c:v>
                </c:pt>
                <c:pt idx="6075">
                  <c:v>#N/A</c:v>
                </c:pt>
                <c:pt idx="6076">
                  <c:v>#N/A</c:v>
                </c:pt>
                <c:pt idx="6077">
                  <c:v>#N/A</c:v>
                </c:pt>
                <c:pt idx="6078">
                  <c:v>#N/A</c:v>
                </c:pt>
                <c:pt idx="6079">
                  <c:v>#N/A</c:v>
                </c:pt>
                <c:pt idx="6080">
                  <c:v>#N/A</c:v>
                </c:pt>
                <c:pt idx="6081">
                  <c:v>#N/A</c:v>
                </c:pt>
                <c:pt idx="6082">
                  <c:v>#N/A</c:v>
                </c:pt>
                <c:pt idx="6083">
                  <c:v>#N/A</c:v>
                </c:pt>
                <c:pt idx="6084">
                  <c:v>#N/A</c:v>
                </c:pt>
                <c:pt idx="6085">
                  <c:v>#N/A</c:v>
                </c:pt>
                <c:pt idx="6086">
                  <c:v>#N/A</c:v>
                </c:pt>
                <c:pt idx="6087">
                  <c:v>#N/A</c:v>
                </c:pt>
                <c:pt idx="6088">
                  <c:v>#N/A</c:v>
                </c:pt>
                <c:pt idx="6089">
                  <c:v>#N/A</c:v>
                </c:pt>
                <c:pt idx="6090">
                  <c:v>#N/A</c:v>
                </c:pt>
                <c:pt idx="6091">
                  <c:v>#N/A</c:v>
                </c:pt>
                <c:pt idx="6092">
                  <c:v>#N/A</c:v>
                </c:pt>
                <c:pt idx="6093">
                  <c:v>#N/A</c:v>
                </c:pt>
                <c:pt idx="6094">
                  <c:v>#N/A</c:v>
                </c:pt>
                <c:pt idx="6095">
                  <c:v>#N/A</c:v>
                </c:pt>
                <c:pt idx="6096">
                  <c:v>#N/A</c:v>
                </c:pt>
                <c:pt idx="6097">
                  <c:v>#N/A</c:v>
                </c:pt>
                <c:pt idx="6098">
                  <c:v>#N/A</c:v>
                </c:pt>
                <c:pt idx="6099">
                  <c:v>#N/A</c:v>
                </c:pt>
                <c:pt idx="6100">
                  <c:v>#N/A</c:v>
                </c:pt>
                <c:pt idx="6101">
                  <c:v>#N/A</c:v>
                </c:pt>
                <c:pt idx="6102">
                  <c:v>#N/A</c:v>
                </c:pt>
                <c:pt idx="6103">
                  <c:v>#N/A</c:v>
                </c:pt>
                <c:pt idx="6104">
                  <c:v>#N/A</c:v>
                </c:pt>
                <c:pt idx="6105">
                  <c:v>#N/A</c:v>
                </c:pt>
                <c:pt idx="6106">
                  <c:v>#N/A</c:v>
                </c:pt>
                <c:pt idx="6107">
                  <c:v>#N/A</c:v>
                </c:pt>
                <c:pt idx="6108">
                  <c:v>#N/A</c:v>
                </c:pt>
                <c:pt idx="6109">
                  <c:v>#N/A</c:v>
                </c:pt>
                <c:pt idx="6110">
                  <c:v>#N/A</c:v>
                </c:pt>
                <c:pt idx="6111">
                  <c:v>#N/A</c:v>
                </c:pt>
                <c:pt idx="6112">
                  <c:v>#N/A</c:v>
                </c:pt>
                <c:pt idx="6113">
                  <c:v>#N/A</c:v>
                </c:pt>
                <c:pt idx="6114">
                  <c:v>#N/A</c:v>
                </c:pt>
                <c:pt idx="6115">
                  <c:v>#N/A</c:v>
                </c:pt>
                <c:pt idx="6116">
                  <c:v>#N/A</c:v>
                </c:pt>
                <c:pt idx="6117">
                  <c:v>#N/A</c:v>
                </c:pt>
                <c:pt idx="6118">
                  <c:v>#N/A</c:v>
                </c:pt>
                <c:pt idx="6119">
                  <c:v>#N/A</c:v>
                </c:pt>
                <c:pt idx="6120">
                  <c:v>#N/A</c:v>
                </c:pt>
                <c:pt idx="6121">
                  <c:v>#N/A</c:v>
                </c:pt>
                <c:pt idx="6122">
                  <c:v>#N/A</c:v>
                </c:pt>
                <c:pt idx="6123">
                  <c:v>#N/A</c:v>
                </c:pt>
                <c:pt idx="6124">
                  <c:v>#N/A</c:v>
                </c:pt>
                <c:pt idx="6125">
                  <c:v>#N/A</c:v>
                </c:pt>
                <c:pt idx="6126">
                  <c:v>#N/A</c:v>
                </c:pt>
                <c:pt idx="6127">
                  <c:v>#N/A</c:v>
                </c:pt>
                <c:pt idx="6128">
                  <c:v>#N/A</c:v>
                </c:pt>
                <c:pt idx="6129">
                  <c:v>#N/A</c:v>
                </c:pt>
                <c:pt idx="6130">
                  <c:v>#N/A</c:v>
                </c:pt>
                <c:pt idx="6131">
                  <c:v>#N/A</c:v>
                </c:pt>
                <c:pt idx="6132">
                  <c:v>#N/A</c:v>
                </c:pt>
                <c:pt idx="6133">
                  <c:v>#N/A</c:v>
                </c:pt>
                <c:pt idx="6134">
                  <c:v>#N/A</c:v>
                </c:pt>
                <c:pt idx="6135">
                  <c:v>#N/A</c:v>
                </c:pt>
                <c:pt idx="6136">
                  <c:v>#N/A</c:v>
                </c:pt>
                <c:pt idx="6137">
                  <c:v>#N/A</c:v>
                </c:pt>
                <c:pt idx="6138">
                  <c:v>#N/A</c:v>
                </c:pt>
                <c:pt idx="6139">
                  <c:v>#N/A</c:v>
                </c:pt>
                <c:pt idx="6140">
                  <c:v>#N/A</c:v>
                </c:pt>
                <c:pt idx="6141">
                  <c:v>#N/A</c:v>
                </c:pt>
                <c:pt idx="6142">
                  <c:v>#N/A</c:v>
                </c:pt>
                <c:pt idx="6143">
                  <c:v>#N/A</c:v>
                </c:pt>
                <c:pt idx="6144">
                  <c:v>#N/A</c:v>
                </c:pt>
                <c:pt idx="6145">
                  <c:v>#N/A</c:v>
                </c:pt>
                <c:pt idx="6146">
                  <c:v>#N/A</c:v>
                </c:pt>
                <c:pt idx="6147">
                  <c:v>#N/A</c:v>
                </c:pt>
                <c:pt idx="6148">
                  <c:v>#N/A</c:v>
                </c:pt>
                <c:pt idx="6149">
                  <c:v>#N/A</c:v>
                </c:pt>
                <c:pt idx="6150">
                  <c:v>#N/A</c:v>
                </c:pt>
                <c:pt idx="6151">
                  <c:v>#N/A</c:v>
                </c:pt>
                <c:pt idx="6152">
                  <c:v>#N/A</c:v>
                </c:pt>
                <c:pt idx="6153">
                  <c:v>#N/A</c:v>
                </c:pt>
                <c:pt idx="6154">
                  <c:v>#N/A</c:v>
                </c:pt>
                <c:pt idx="6155">
                  <c:v>#N/A</c:v>
                </c:pt>
                <c:pt idx="6156">
                  <c:v>#N/A</c:v>
                </c:pt>
                <c:pt idx="6157">
                  <c:v>#N/A</c:v>
                </c:pt>
                <c:pt idx="6158">
                  <c:v>#N/A</c:v>
                </c:pt>
                <c:pt idx="6159">
                  <c:v>#N/A</c:v>
                </c:pt>
                <c:pt idx="6160">
                  <c:v>#N/A</c:v>
                </c:pt>
                <c:pt idx="6161">
                  <c:v>#N/A</c:v>
                </c:pt>
                <c:pt idx="6162">
                  <c:v>#N/A</c:v>
                </c:pt>
                <c:pt idx="6163">
                  <c:v>#N/A</c:v>
                </c:pt>
                <c:pt idx="6164">
                  <c:v>#N/A</c:v>
                </c:pt>
                <c:pt idx="6165">
                  <c:v>#N/A</c:v>
                </c:pt>
                <c:pt idx="6166">
                  <c:v>#N/A</c:v>
                </c:pt>
                <c:pt idx="6167">
                  <c:v>#N/A</c:v>
                </c:pt>
                <c:pt idx="6168">
                  <c:v>#N/A</c:v>
                </c:pt>
                <c:pt idx="6169">
                  <c:v>#N/A</c:v>
                </c:pt>
                <c:pt idx="6170">
                  <c:v>#N/A</c:v>
                </c:pt>
                <c:pt idx="6171">
                  <c:v>#N/A</c:v>
                </c:pt>
                <c:pt idx="6172">
                  <c:v>#N/A</c:v>
                </c:pt>
                <c:pt idx="6173">
                  <c:v>#N/A</c:v>
                </c:pt>
                <c:pt idx="6174">
                  <c:v>#N/A</c:v>
                </c:pt>
                <c:pt idx="6175">
                  <c:v>#N/A</c:v>
                </c:pt>
                <c:pt idx="6176">
                  <c:v>#N/A</c:v>
                </c:pt>
                <c:pt idx="6177">
                  <c:v>#N/A</c:v>
                </c:pt>
                <c:pt idx="6178">
                  <c:v>#N/A</c:v>
                </c:pt>
                <c:pt idx="6179">
                  <c:v>#N/A</c:v>
                </c:pt>
                <c:pt idx="6180">
                  <c:v>#N/A</c:v>
                </c:pt>
                <c:pt idx="6181">
                  <c:v>#N/A</c:v>
                </c:pt>
                <c:pt idx="6182">
                  <c:v>#N/A</c:v>
                </c:pt>
                <c:pt idx="6183">
                  <c:v>#N/A</c:v>
                </c:pt>
                <c:pt idx="6184">
                  <c:v>#N/A</c:v>
                </c:pt>
                <c:pt idx="6185">
                  <c:v>#N/A</c:v>
                </c:pt>
                <c:pt idx="6186">
                  <c:v>#N/A</c:v>
                </c:pt>
                <c:pt idx="6187">
                  <c:v>#N/A</c:v>
                </c:pt>
                <c:pt idx="6188">
                  <c:v>#N/A</c:v>
                </c:pt>
                <c:pt idx="6189">
                  <c:v>#N/A</c:v>
                </c:pt>
                <c:pt idx="6190">
                  <c:v>#N/A</c:v>
                </c:pt>
                <c:pt idx="6191">
                  <c:v>#N/A</c:v>
                </c:pt>
                <c:pt idx="6192">
                  <c:v>#N/A</c:v>
                </c:pt>
                <c:pt idx="6193">
                  <c:v>#N/A</c:v>
                </c:pt>
                <c:pt idx="6194">
                  <c:v>#N/A</c:v>
                </c:pt>
                <c:pt idx="6195">
                  <c:v>#N/A</c:v>
                </c:pt>
                <c:pt idx="6196">
                  <c:v>#N/A</c:v>
                </c:pt>
                <c:pt idx="6197">
                  <c:v>#N/A</c:v>
                </c:pt>
                <c:pt idx="6198">
                  <c:v>#N/A</c:v>
                </c:pt>
                <c:pt idx="6199">
                  <c:v>#N/A</c:v>
                </c:pt>
                <c:pt idx="6200">
                  <c:v>#N/A</c:v>
                </c:pt>
                <c:pt idx="6201">
                  <c:v>#N/A</c:v>
                </c:pt>
                <c:pt idx="6202">
                  <c:v>#N/A</c:v>
                </c:pt>
                <c:pt idx="6203">
                  <c:v>#N/A</c:v>
                </c:pt>
                <c:pt idx="6204">
                  <c:v>#N/A</c:v>
                </c:pt>
                <c:pt idx="6205">
                  <c:v>#N/A</c:v>
                </c:pt>
                <c:pt idx="6206">
                  <c:v>#N/A</c:v>
                </c:pt>
                <c:pt idx="6207">
                  <c:v>#N/A</c:v>
                </c:pt>
                <c:pt idx="6208">
                  <c:v>#N/A</c:v>
                </c:pt>
                <c:pt idx="6209">
                  <c:v>#N/A</c:v>
                </c:pt>
                <c:pt idx="6210">
                  <c:v>#N/A</c:v>
                </c:pt>
                <c:pt idx="6211">
                  <c:v>#N/A</c:v>
                </c:pt>
                <c:pt idx="6212">
                  <c:v>#N/A</c:v>
                </c:pt>
                <c:pt idx="6213">
                  <c:v>#N/A</c:v>
                </c:pt>
                <c:pt idx="6214">
                  <c:v>#N/A</c:v>
                </c:pt>
                <c:pt idx="6215">
                  <c:v>#N/A</c:v>
                </c:pt>
                <c:pt idx="6216">
                  <c:v>#N/A</c:v>
                </c:pt>
                <c:pt idx="6217">
                  <c:v>#N/A</c:v>
                </c:pt>
                <c:pt idx="6218">
                  <c:v>#N/A</c:v>
                </c:pt>
                <c:pt idx="6219">
                  <c:v>#N/A</c:v>
                </c:pt>
                <c:pt idx="6220">
                  <c:v>#N/A</c:v>
                </c:pt>
                <c:pt idx="6221">
                  <c:v>#N/A</c:v>
                </c:pt>
                <c:pt idx="6222">
                  <c:v>#N/A</c:v>
                </c:pt>
                <c:pt idx="6223">
                  <c:v>#N/A</c:v>
                </c:pt>
                <c:pt idx="6224">
                  <c:v>#N/A</c:v>
                </c:pt>
                <c:pt idx="6225">
                  <c:v>#N/A</c:v>
                </c:pt>
                <c:pt idx="6226">
                  <c:v>#N/A</c:v>
                </c:pt>
                <c:pt idx="6227">
                  <c:v>#N/A</c:v>
                </c:pt>
                <c:pt idx="6228">
                  <c:v>#N/A</c:v>
                </c:pt>
                <c:pt idx="6229">
                  <c:v>#N/A</c:v>
                </c:pt>
                <c:pt idx="6230">
                  <c:v>#N/A</c:v>
                </c:pt>
                <c:pt idx="6231">
                  <c:v>#N/A</c:v>
                </c:pt>
                <c:pt idx="6232">
                  <c:v>#N/A</c:v>
                </c:pt>
                <c:pt idx="6233">
                  <c:v>813.18585523142463</c:v>
                </c:pt>
                <c:pt idx="6234">
                  <c:v>679.71311076360564</c:v>
                </c:pt>
                <c:pt idx="6235">
                  <c:v>586.18085961131737</c:v>
                </c:pt>
                <c:pt idx="6236">
                  <c:v>508.68133981593678</c:v>
                </c:pt>
                <c:pt idx="6237">
                  <c:v>467.97344769719126</c:v>
                </c:pt>
                <c:pt idx="6238">
                  <c:v>439.25628810412519</c:v>
                </c:pt>
                <c:pt idx="6239">
                  <c:v>371.66676662725951</c:v>
                </c:pt>
                <c:pt idx="6240">
                  <c:v>296.76660836699062</c:v>
                </c:pt>
                <c:pt idx="6241">
                  <c:v>299.74782492618533</c:v>
                </c:pt>
                <c:pt idx="6242">
                  <c:v>317.15481207066767</c:v>
                </c:pt>
                <c:pt idx="6243">
                  <c:v>346.35861692113878</c:v>
                </c:pt>
                <c:pt idx="6244">
                  <c:v>407.33084603073218</c:v>
                </c:pt>
                <c:pt idx="6245">
                  <c:v>482.39195228947705</c:v>
                </c:pt>
                <c:pt idx="6246">
                  <c:v>536.63809393620147</c:v>
                </c:pt>
                <c:pt idx="6247">
                  <c:v>513.21144918210041</c:v>
                </c:pt>
                <c:pt idx="6248">
                  <c:v>510.77396521907349</c:v>
                </c:pt>
                <c:pt idx="6249">
                  <c:v>593.08964929796173</c:v>
                </c:pt>
                <c:pt idx="6250">
                  <c:v>646.45928357862158</c:v>
                </c:pt>
                <c:pt idx="6251">
                  <c:v>727.67844245242122</c:v>
                </c:pt>
                <c:pt idx="6252">
                  <c:v>862.18160473528042</c:v>
                </c:pt>
                <c:pt idx="6253">
                  <c:v>1032.4677717601883</c:v>
                </c:pt>
                <c:pt idx="6254">
                  <c:v>1222.4630541771824</c:v>
                </c:pt>
                <c:pt idx="6255">
                  <c:v>#N/A</c:v>
                </c:pt>
                <c:pt idx="6256">
                  <c:v>#N/A</c:v>
                </c:pt>
                <c:pt idx="6257">
                  <c:v>#N/A</c:v>
                </c:pt>
                <c:pt idx="6258">
                  <c:v>#N/A</c:v>
                </c:pt>
                <c:pt idx="6259">
                  <c:v>#N/A</c:v>
                </c:pt>
                <c:pt idx="6260">
                  <c:v>#N/A</c:v>
                </c:pt>
                <c:pt idx="6261">
                  <c:v>#N/A</c:v>
                </c:pt>
                <c:pt idx="6262">
                  <c:v>#N/A</c:v>
                </c:pt>
                <c:pt idx="6263">
                  <c:v>#N/A</c:v>
                </c:pt>
                <c:pt idx="6264">
                  <c:v>#N/A</c:v>
                </c:pt>
                <c:pt idx="6265">
                  <c:v>#N/A</c:v>
                </c:pt>
                <c:pt idx="6266">
                  <c:v>#N/A</c:v>
                </c:pt>
                <c:pt idx="6267">
                  <c:v>#N/A</c:v>
                </c:pt>
                <c:pt idx="6268">
                  <c:v>#N/A</c:v>
                </c:pt>
                <c:pt idx="6269">
                  <c:v>#N/A</c:v>
                </c:pt>
                <c:pt idx="6270">
                  <c:v>#N/A</c:v>
                </c:pt>
                <c:pt idx="6271">
                  <c:v>#N/A</c:v>
                </c:pt>
                <c:pt idx="6272">
                  <c:v>#N/A</c:v>
                </c:pt>
                <c:pt idx="6273">
                  <c:v>#N/A</c:v>
                </c:pt>
                <c:pt idx="6274">
                  <c:v>#N/A</c:v>
                </c:pt>
                <c:pt idx="6275">
                  <c:v>#N/A</c:v>
                </c:pt>
                <c:pt idx="6276">
                  <c:v>#N/A</c:v>
                </c:pt>
                <c:pt idx="6277">
                  <c:v>#N/A</c:v>
                </c:pt>
                <c:pt idx="6278">
                  <c:v>#N/A</c:v>
                </c:pt>
                <c:pt idx="6279">
                  <c:v>#N/A</c:v>
                </c:pt>
                <c:pt idx="6280">
                  <c:v>#N/A</c:v>
                </c:pt>
                <c:pt idx="6281">
                  <c:v>#N/A</c:v>
                </c:pt>
                <c:pt idx="6282">
                  <c:v>934.00307392988498</c:v>
                </c:pt>
                <c:pt idx="6283">
                  <c:v>775.10533367821074</c:v>
                </c:pt>
                <c:pt idx="6284">
                  <c:v>666.88834638983963</c:v>
                </c:pt>
                <c:pt idx="6285">
                  <c:v>593.40842348518993</c:v>
                </c:pt>
                <c:pt idx="6286">
                  <c:v>541.76304071475022</c:v>
                </c:pt>
                <c:pt idx="6287">
                  <c:v>475.47837534349696</c:v>
                </c:pt>
                <c:pt idx="6288">
                  <c:v>410.65712862092545</c:v>
                </c:pt>
                <c:pt idx="6289">
                  <c:v>366.47225610113975</c:v>
                </c:pt>
                <c:pt idx="6290">
                  <c:v>337.18090648940466</c:v>
                </c:pt>
                <c:pt idx="6291">
                  <c:v>336.33427942627878</c:v>
                </c:pt>
                <c:pt idx="6292">
                  <c:v>340.76241444763383</c:v>
                </c:pt>
                <c:pt idx="6293">
                  <c:v>391.81092414136947</c:v>
                </c:pt>
                <c:pt idx="6294">
                  <c:v>496.9110565854067</c:v>
                </c:pt>
                <c:pt idx="6295">
                  <c:v>613.57580586445033</c:v>
                </c:pt>
                <c:pt idx="6296">
                  <c:v>746.75010192190359</c:v>
                </c:pt>
                <c:pt idx="6297">
                  <c:v>893.84209862163732</c:v>
                </c:pt>
                <c:pt idx="6298">
                  <c:v>1016.9004072631891</c:v>
                </c:pt>
                <c:pt idx="6299">
                  <c:v>1122.3496359881981</c:v>
                </c:pt>
                <c:pt idx="6300">
                  <c:v>#N/A</c:v>
                </c:pt>
                <c:pt idx="6301">
                  <c:v>#N/A</c:v>
                </c:pt>
                <c:pt idx="6302">
                  <c:v>#N/A</c:v>
                </c:pt>
                <c:pt idx="6303">
                  <c:v>#N/A</c:v>
                </c:pt>
                <c:pt idx="6304">
                  <c:v>#N/A</c:v>
                </c:pt>
                <c:pt idx="6305">
                  <c:v>#N/A</c:v>
                </c:pt>
                <c:pt idx="6306">
                  <c:v>#N/A</c:v>
                </c:pt>
                <c:pt idx="6307">
                  <c:v>#N/A</c:v>
                </c:pt>
                <c:pt idx="6308">
                  <c:v>#N/A</c:v>
                </c:pt>
                <c:pt idx="6309">
                  <c:v>#N/A</c:v>
                </c:pt>
                <c:pt idx="6310">
                  <c:v>#N/A</c:v>
                </c:pt>
                <c:pt idx="6311">
                  <c:v>#N/A</c:v>
                </c:pt>
                <c:pt idx="6312">
                  <c:v>#N/A</c:v>
                </c:pt>
                <c:pt idx="6313">
                  <c:v>#N/A</c:v>
                </c:pt>
                <c:pt idx="6314">
                  <c:v>#N/A</c:v>
                </c:pt>
                <c:pt idx="6315">
                  <c:v>#N/A</c:v>
                </c:pt>
                <c:pt idx="6316">
                  <c:v>#N/A</c:v>
                </c:pt>
                <c:pt idx="6317">
                  <c:v>#N/A</c:v>
                </c:pt>
                <c:pt idx="6318">
                  <c:v>#N/A</c:v>
                </c:pt>
                <c:pt idx="6319">
                  <c:v>#N/A</c:v>
                </c:pt>
                <c:pt idx="6320">
                  <c:v>#N/A</c:v>
                </c:pt>
                <c:pt idx="6321">
                  <c:v>#N/A</c:v>
                </c:pt>
                <c:pt idx="6322">
                  <c:v>#N/A</c:v>
                </c:pt>
                <c:pt idx="6323">
                  <c:v>#N/A</c:v>
                </c:pt>
                <c:pt idx="6324">
                  <c:v>#N/A</c:v>
                </c:pt>
                <c:pt idx="6325">
                  <c:v>#N/A</c:v>
                </c:pt>
                <c:pt idx="6326">
                  <c:v>#N/A</c:v>
                </c:pt>
                <c:pt idx="6327">
                  <c:v>#N/A</c:v>
                </c:pt>
                <c:pt idx="6328">
                  <c:v>#N/A</c:v>
                </c:pt>
                <c:pt idx="6329">
                  <c:v>#N/A</c:v>
                </c:pt>
                <c:pt idx="6330">
                  <c:v>#N/A</c:v>
                </c:pt>
                <c:pt idx="6331">
                  <c:v>#N/A</c:v>
                </c:pt>
                <c:pt idx="6332">
                  <c:v>#N/A</c:v>
                </c:pt>
                <c:pt idx="6333">
                  <c:v>#N/A</c:v>
                </c:pt>
                <c:pt idx="6334">
                  <c:v>#N/A</c:v>
                </c:pt>
                <c:pt idx="6335">
                  <c:v>#N/A</c:v>
                </c:pt>
                <c:pt idx="6336">
                  <c:v>#N/A</c:v>
                </c:pt>
                <c:pt idx="6337">
                  <c:v>#N/A</c:v>
                </c:pt>
                <c:pt idx="6338">
                  <c:v>#N/A</c:v>
                </c:pt>
                <c:pt idx="6339">
                  <c:v>#N/A</c:v>
                </c:pt>
                <c:pt idx="6340">
                  <c:v>#N/A</c:v>
                </c:pt>
                <c:pt idx="6341">
                  <c:v>#N/A</c:v>
                </c:pt>
                <c:pt idx="6342">
                  <c:v>#N/A</c:v>
                </c:pt>
                <c:pt idx="6343">
                  <c:v>#N/A</c:v>
                </c:pt>
                <c:pt idx="6344">
                  <c:v>#N/A</c:v>
                </c:pt>
                <c:pt idx="6345">
                  <c:v>#N/A</c:v>
                </c:pt>
                <c:pt idx="6346">
                  <c:v>#N/A</c:v>
                </c:pt>
                <c:pt idx="6347">
                  <c:v>#N/A</c:v>
                </c:pt>
                <c:pt idx="6348">
                  <c:v>#N/A</c:v>
                </c:pt>
                <c:pt idx="6349">
                  <c:v>#N/A</c:v>
                </c:pt>
                <c:pt idx="6350">
                  <c:v>#N/A</c:v>
                </c:pt>
                <c:pt idx="6351">
                  <c:v>#N/A</c:v>
                </c:pt>
                <c:pt idx="6352">
                  <c:v>#N/A</c:v>
                </c:pt>
                <c:pt idx="6353">
                  <c:v>#N/A</c:v>
                </c:pt>
                <c:pt idx="6354">
                  <c:v>#N/A</c:v>
                </c:pt>
                <c:pt idx="6355">
                  <c:v>#N/A</c:v>
                </c:pt>
                <c:pt idx="6356">
                  <c:v>#N/A</c:v>
                </c:pt>
                <c:pt idx="6357">
                  <c:v>#N/A</c:v>
                </c:pt>
                <c:pt idx="6358">
                  <c:v>#N/A</c:v>
                </c:pt>
                <c:pt idx="6359">
                  <c:v>#N/A</c:v>
                </c:pt>
                <c:pt idx="6360">
                  <c:v>#N/A</c:v>
                </c:pt>
                <c:pt idx="6361">
                  <c:v>#N/A</c:v>
                </c:pt>
                <c:pt idx="6362">
                  <c:v>#N/A</c:v>
                </c:pt>
                <c:pt idx="6363">
                  <c:v>#N/A</c:v>
                </c:pt>
                <c:pt idx="6364">
                  <c:v>#N/A</c:v>
                </c:pt>
                <c:pt idx="6365">
                  <c:v>#N/A</c:v>
                </c:pt>
                <c:pt idx="6366">
                  <c:v>#N/A</c:v>
                </c:pt>
                <c:pt idx="6367">
                  <c:v>#N/A</c:v>
                </c:pt>
                <c:pt idx="6368">
                  <c:v>#N/A</c:v>
                </c:pt>
                <c:pt idx="6369">
                  <c:v>#N/A</c:v>
                </c:pt>
                <c:pt idx="6370">
                  <c:v>#N/A</c:v>
                </c:pt>
                <c:pt idx="6371">
                  <c:v>#N/A</c:v>
                </c:pt>
                <c:pt idx="6372">
                  <c:v>#N/A</c:v>
                </c:pt>
                <c:pt idx="6373">
                  <c:v>#N/A</c:v>
                </c:pt>
                <c:pt idx="6374">
                  <c:v>#N/A</c:v>
                </c:pt>
                <c:pt idx="6375">
                  <c:v>#N/A</c:v>
                </c:pt>
                <c:pt idx="6376">
                  <c:v>#N/A</c:v>
                </c:pt>
                <c:pt idx="6377">
                  <c:v>#N/A</c:v>
                </c:pt>
                <c:pt idx="6378">
                  <c:v>#N/A</c:v>
                </c:pt>
                <c:pt idx="6379">
                  <c:v>#N/A</c:v>
                </c:pt>
                <c:pt idx="6380">
                  <c:v>#N/A</c:v>
                </c:pt>
                <c:pt idx="6381">
                  <c:v>#N/A</c:v>
                </c:pt>
                <c:pt idx="6382">
                  <c:v>#N/A</c:v>
                </c:pt>
                <c:pt idx="6383">
                  <c:v>#N/A</c:v>
                </c:pt>
                <c:pt idx="6384">
                  <c:v>#N/A</c:v>
                </c:pt>
                <c:pt idx="6385">
                  <c:v>#N/A</c:v>
                </c:pt>
                <c:pt idx="6386">
                  <c:v>#N/A</c:v>
                </c:pt>
                <c:pt idx="6387">
                  <c:v>#N/A</c:v>
                </c:pt>
                <c:pt idx="6388">
                  <c:v>#N/A</c:v>
                </c:pt>
                <c:pt idx="6389">
                  <c:v>#N/A</c:v>
                </c:pt>
                <c:pt idx="6390">
                  <c:v>#N/A</c:v>
                </c:pt>
                <c:pt idx="6391">
                  <c:v>#N/A</c:v>
                </c:pt>
                <c:pt idx="6392">
                  <c:v>#N/A</c:v>
                </c:pt>
                <c:pt idx="6393">
                  <c:v>#N/A</c:v>
                </c:pt>
                <c:pt idx="6394">
                  <c:v>#N/A</c:v>
                </c:pt>
                <c:pt idx="6395">
                  <c:v>#N/A</c:v>
                </c:pt>
                <c:pt idx="6396">
                  <c:v>#N/A</c:v>
                </c:pt>
                <c:pt idx="6397">
                  <c:v>#N/A</c:v>
                </c:pt>
                <c:pt idx="6398">
                  <c:v>#N/A</c:v>
                </c:pt>
                <c:pt idx="6399">
                  <c:v>#N/A</c:v>
                </c:pt>
                <c:pt idx="6400">
                  <c:v>#N/A</c:v>
                </c:pt>
                <c:pt idx="6401">
                  <c:v>#N/A</c:v>
                </c:pt>
                <c:pt idx="6402">
                  <c:v>#N/A</c:v>
                </c:pt>
                <c:pt idx="6403">
                  <c:v>#N/A</c:v>
                </c:pt>
                <c:pt idx="6404">
                  <c:v>#N/A</c:v>
                </c:pt>
                <c:pt idx="6405">
                  <c:v>#N/A</c:v>
                </c:pt>
                <c:pt idx="6406">
                  <c:v>#N/A</c:v>
                </c:pt>
                <c:pt idx="6407">
                  <c:v>#N/A</c:v>
                </c:pt>
                <c:pt idx="6408">
                  <c:v>#N/A</c:v>
                </c:pt>
                <c:pt idx="6409">
                  <c:v>#N/A</c:v>
                </c:pt>
                <c:pt idx="6410">
                  <c:v>#N/A</c:v>
                </c:pt>
                <c:pt idx="6411">
                  <c:v>#N/A</c:v>
                </c:pt>
                <c:pt idx="6412">
                  <c:v>#N/A</c:v>
                </c:pt>
                <c:pt idx="6413">
                  <c:v>#N/A</c:v>
                </c:pt>
                <c:pt idx="6414">
                  <c:v>#N/A</c:v>
                </c:pt>
                <c:pt idx="6415">
                  <c:v>#N/A</c:v>
                </c:pt>
                <c:pt idx="6416">
                  <c:v>#N/A</c:v>
                </c:pt>
                <c:pt idx="6417">
                  <c:v>#N/A</c:v>
                </c:pt>
                <c:pt idx="6418">
                  <c:v>#N/A</c:v>
                </c:pt>
                <c:pt idx="6419">
                  <c:v>#N/A</c:v>
                </c:pt>
                <c:pt idx="6420">
                  <c:v>#N/A</c:v>
                </c:pt>
                <c:pt idx="6421">
                  <c:v>#N/A</c:v>
                </c:pt>
                <c:pt idx="6422">
                  <c:v>#N/A</c:v>
                </c:pt>
                <c:pt idx="6423">
                  <c:v>#N/A</c:v>
                </c:pt>
                <c:pt idx="6424">
                  <c:v>#N/A</c:v>
                </c:pt>
                <c:pt idx="6425">
                  <c:v>#N/A</c:v>
                </c:pt>
                <c:pt idx="6426">
                  <c:v>#N/A</c:v>
                </c:pt>
                <c:pt idx="6427">
                  <c:v>#N/A</c:v>
                </c:pt>
                <c:pt idx="6428">
                  <c:v>#N/A</c:v>
                </c:pt>
                <c:pt idx="6429">
                  <c:v>#N/A</c:v>
                </c:pt>
                <c:pt idx="6430">
                  <c:v>#N/A</c:v>
                </c:pt>
                <c:pt idx="6431">
                  <c:v>#N/A</c:v>
                </c:pt>
                <c:pt idx="6432">
                  <c:v>#N/A</c:v>
                </c:pt>
                <c:pt idx="6433">
                  <c:v>#N/A</c:v>
                </c:pt>
                <c:pt idx="6434">
                  <c:v>#N/A</c:v>
                </c:pt>
                <c:pt idx="6435">
                  <c:v>#N/A</c:v>
                </c:pt>
                <c:pt idx="6436">
                  <c:v>#N/A</c:v>
                </c:pt>
                <c:pt idx="6437">
                  <c:v>#N/A</c:v>
                </c:pt>
                <c:pt idx="6438">
                  <c:v>#N/A</c:v>
                </c:pt>
                <c:pt idx="6439">
                  <c:v>#N/A</c:v>
                </c:pt>
                <c:pt idx="6440">
                  <c:v>#N/A</c:v>
                </c:pt>
                <c:pt idx="6441">
                  <c:v>#N/A</c:v>
                </c:pt>
                <c:pt idx="6442">
                  <c:v>#N/A</c:v>
                </c:pt>
                <c:pt idx="6443">
                  <c:v>#N/A</c:v>
                </c:pt>
                <c:pt idx="6444">
                  <c:v>#N/A</c:v>
                </c:pt>
                <c:pt idx="6445">
                  <c:v>#N/A</c:v>
                </c:pt>
                <c:pt idx="6446">
                  <c:v>#N/A</c:v>
                </c:pt>
                <c:pt idx="6447">
                  <c:v>#N/A</c:v>
                </c:pt>
                <c:pt idx="6448">
                  <c:v>#N/A</c:v>
                </c:pt>
                <c:pt idx="6449">
                  <c:v>#N/A</c:v>
                </c:pt>
                <c:pt idx="6450">
                  <c:v>#N/A</c:v>
                </c:pt>
                <c:pt idx="6451">
                  <c:v>#N/A</c:v>
                </c:pt>
                <c:pt idx="6452">
                  <c:v>#N/A</c:v>
                </c:pt>
                <c:pt idx="6453">
                  <c:v>#N/A</c:v>
                </c:pt>
                <c:pt idx="6454">
                  <c:v>#N/A</c:v>
                </c:pt>
                <c:pt idx="6455">
                  <c:v>#N/A</c:v>
                </c:pt>
                <c:pt idx="6456">
                  <c:v>#N/A</c:v>
                </c:pt>
                <c:pt idx="6457">
                  <c:v>#N/A</c:v>
                </c:pt>
                <c:pt idx="6458">
                  <c:v>#N/A</c:v>
                </c:pt>
                <c:pt idx="6459">
                  <c:v>#N/A</c:v>
                </c:pt>
                <c:pt idx="6460">
                  <c:v>#N/A</c:v>
                </c:pt>
                <c:pt idx="6461">
                  <c:v>#N/A</c:v>
                </c:pt>
                <c:pt idx="6462">
                  <c:v>#N/A</c:v>
                </c:pt>
                <c:pt idx="6463">
                  <c:v>#N/A</c:v>
                </c:pt>
                <c:pt idx="6464">
                  <c:v>#N/A</c:v>
                </c:pt>
                <c:pt idx="6465">
                  <c:v>#N/A</c:v>
                </c:pt>
                <c:pt idx="6466">
                  <c:v>#N/A</c:v>
                </c:pt>
                <c:pt idx="6467">
                  <c:v>#N/A</c:v>
                </c:pt>
                <c:pt idx="6468">
                  <c:v>#N/A</c:v>
                </c:pt>
                <c:pt idx="6469">
                  <c:v>#N/A</c:v>
                </c:pt>
                <c:pt idx="6470">
                  <c:v>#N/A</c:v>
                </c:pt>
                <c:pt idx="6471">
                  <c:v>#N/A</c:v>
                </c:pt>
                <c:pt idx="6472">
                  <c:v>#N/A</c:v>
                </c:pt>
                <c:pt idx="6473">
                  <c:v>#N/A</c:v>
                </c:pt>
                <c:pt idx="6474">
                  <c:v>#N/A</c:v>
                </c:pt>
                <c:pt idx="6475">
                  <c:v>#N/A</c:v>
                </c:pt>
                <c:pt idx="6476">
                  <c:v>#N/A</c:v>
                </c:pt>
                <c:pt idx="6477">
                  <c:v>#N/A</c:v>
                </c:pt>
                <c:pt idx="6478">
                  <c:v>#N/A</c:v>
                </c:pt>
                <c:pt idx="6479">
                  <c:v>#N/A</c:v>
                </c:pt>
                <c:pt idx="6480">
                  <c:v>#N/A</c:v>
                </c:pt>
                <c:pt idx="6481">
                  <c:v>#N/A</c:v>
                </c:pt>
                <c:pt idx="6482">
                  <c:v>#N/A</c:v>
                </c:pt>
                <c:pt idx="6483">
                  <c:v>#N/A</c:v>
                </c:pt>
                <c:pt idx="6484">
                  <c:v>#N/A</c:v>
                </c:pt>
                <c:pt idx="6485">
                  <c:v>#N/A</c:v>
                </c:pt>
                <c:pt idx="6486">
                  <c:v>#N/A</c:v>
                </c:pt>
                <c:pt idx="6487">
                  <c:v>#N/A</c:v>
                </c:pt>
                <c:pt idx="6488">
                  <c:v>#N/A</c:v>
                </c:pt>
                <c:pt idx="6489">
                  <c:v>#N/A</c:v>
                </c:pt>
                <c:pt idx="6490">
                  <c:v>#N/A</c:v>
                </c:pt>
                <c:pt idx="6491">
                  <c:v>#N/A</c:v>
                </c:pt>
                <c:pt idx="6492">
                  <c:v>#N/A</c:v>
                </c:pt>
                <c:pt idx="6493">
                  <c:v>#N/A</c:v>
                </c:pt>
                <c:pt idx="6494">
                  <c:v>#N/A</c:v>
                </c:pt>
                <c:pt idx="6495">
                  <c:v>#N/A</c:v>
                </c:pt>
                <c:pt idx="6496">
                  <c:v>#N/A</c:v>
                </c:pt>
                <c:pt idx="6497">
                  <c:v>#N/A</c:v>
                </c:pt>
                <c:pt idx="6498">
                  <c:v>#N/A</c:v>
                </c:pt>
                <c:pt idx="6499">
                  <c:v>#N/A</c:v>
                </c:pt>
                <c:pt idx="6500">
                  <c:v>#N/A</c:v>
                </c:pt>
                <c:pt idx="6501">
                  <c:v>#N/A</c:v>
                </c:pt>
                <c:pt idx="6502">
                  <c:v>#N/A</c:v>
                </c:pt>
                <c:pt idx="6503">
                  <c:v>#N/A</c:v>
                </c:pt>
                <c:pt idx="6504">
                  <c:v>#N/A</c:v>
                </c:pt>
                <c:pt idx="6505">
                  <c:v>#N/A</c:v>
                </c:pt>
                <c:pt idx="6506">
                  <c:v>#N/A</c:v>
                </c:pt>
                <c:pt idx="6507">
                  <c:v>#N/A</c:v>
                </c:pt>
                <c:pt idx="6508">
                  <c:v>#N/A</c:v>
                </c:pt>
                <c:pt idx="6509">
                  <c:v>#N/A</c:v>
                </c:pt>
                <c:pt idx="6510">
                  <c:v>#N/A</c:v>
                </c:pt>
                <c:pt idx="6511">
                  <c:v>#N/A</c:v>
                </c:pt>
                <c:pt idx="6512">
                  <c:v>#N/A</c:v>
                </c:pt>
                <c:pt idx="6513">
                  <c:v>#N/A</c:v>
                </c:pt>
                <c:pt idx="6514">
                  <c:v>#N/A</c:v>
                </c:pt>
                <c:pt idx="6515">
                  <c:v>#N/A</c:v>
                </c:pt>
                <c:pt idx="6516">
                  <c:v>#N/A</c:v>
                </c:pt>
                <c:pt idx="6517">
                  <c:v>#N/A</c:v>
                </c:pt>
                <c:pt idx="6518">
                  <c:v>#N/A</c:v>
                </c:pt>
                <c:pt idx="6519">
                  <c:v>#N/A</c:v>
                </c:pt>
                <c:pt idx="6520">
                  <c:v>#N/A</c:v>
                </c:pt>
                <c:pt idx="6521">
                  <c:v>#N/A</c:v>
                </c:pt>
                <c:pt idx="6522">
                  <c:v>#N/A</c:v>
                </c:pt>
                <c:pt idx="6523">
                  <c:v>#N/A</c:v>
                </c:pt>
                <c:pt idx="6524">
                  <c:v>#N/A</c:v>
                </c:pt>
                <c:pt idx="6525">
                  <c:v>#N/A</c:v>
                </c:pt>
                <c:pt idx="6526">
                  <c:v>#N/A</c:v>
                </c:pt>
                <c:pt idx="6527">
                  <c:v>#N/A</c:v>
                </c:pt>
                <c:pt idx="6528">
                  <c:v>#N/A</c:v>
                </c:pt>
                <c:pt idx="6529">
                  <c:v>#N/A</c:v>
                </c:pt>
                <c:pt idx="6530">
                  <c:v>#N/A</c:v>
                </c:pt>
                <c:pt idx="6531">
                  <c:v>#N/A</c:v>
                </c:pt>
                <c:pt idx="6532">
                  <c:v>#N/A</c:v>
                </c:pt>
                <c:pt idx="6533">
                  <c:v>#N/A</c:v>
                </c:pt>
                <c:pt idx="6534">
                  <c:v>#N/A</c:v>
                </c:pt>
                <c:pt idx="6535">
                  <c:v>#N/A</c:v>
                </c:pt>
                <c:pt idx="6536">
                  <c:v>#N/A</c:v>
                </c:pt>
                <c:pt idx="6537">
                  <c:v>#N/A</c:v>
                </c:pt>
                <c:pt idx="6538">
                  <c:v>#N/A</c:v>
                </c:pt>
                <c:pt idx="6539">
                  <c:v>#N/A</c:v>
                </c:pt>
                <c:pt idx="6540">
                  <c:v>#N/A</c:v>
                </c:pt>
                <c:pt idx="6541">
                  <c:v>#N/A</c:v>
                </c:pt>
                <c:pt idx="6542">
                  <c:v>#N/A</c:v>
                </c:pt>
                <c:pt idx="6543">
                  <c:v>#N/A</c:v>
                </c:pt>
                <c:pt idx="6544">
                  <c:v>#N/A</c:v>
                </c:pt>
                <c:pt idx="6545">
                  <c:v>#N/A</c:v>
                </c:pt>
                <c:pt idx="6546">
                  <c:v>#N/A</c:v>
                </c:pt>
                <c:pt idx="6547">
                  <c:v>#N/A</c:v>
                </c:pt>
                <c:pt idx="6548">
                  <c:v>#N/A</c:v>
                </c:pt>
                <c:pt idx="6549">
                  <c:v>#N/A</c:v>
                </c:pt>
                <c:pt idx="6550">
                  <c:v>#N/A</c:v>
                </c:pt>
                <c:pt idx="6551">
                  <c:v>#N/A</c:v>
                </c:pt>
                <c:pt idx="6552">
                  <c:v>#N/A</c:v>
                </c:pt>
                <c:pt idx="6553">
                  <c:v>#N/A</c:v>
                </c:pt>
                <c:pt idx="6554">
                  <c:v>#N/A</c:v>
                </c:pt>
                <c:pt idx="6555">
                  <c:v>#N/A</c:v>
                </c:pt>
                <c:pt idx="6556">
                  <c:v>#N/A</c:v>
                </c:pt>
                <c:pt idx="6557">
                  <c:v>#N/A</c:v>
                </c:pt>
                <c:pt idx="6558">
                  <c:v>#N/A</c:v>
                </c:pt>
                <c:pt idx="6559">
                  <c:v>#N/A</c:v>
                </c:pt>
                <c:pt idx="6560">
                  <c:v>#N/A</c:v>
                </c:pt>
                <c:pt idx="6561">
                  <c:v>#N/A</c:v>
                </c:pt>
                <c:pt idx="6562">
                  <c:v>#N/A</c:v>
                </c:pt>
                <c:pt idx="6563">
                  <c:v>#N/A</c:v>
                </c:pt>
                <c:pt idx="6564">
                  <c:v>#N/A</c:v>
                </c:pt>
                <c:pt idx="6565">
                  <c:v>#N/A</c:v>
                </c:pt>
                <c:pt idx="6566">
                  <c:v>#N/A</c:v>
                </c:pt>
                <c:pt idx="6567">
                  <c:v>#N/A</c:v>
                </c:pt>
                <c:pt idx="6568">
                  <c:v>#N/A</c:v>
                </c:pt>
                <c:pt idx="6569">
                  <c:v>#N/A</c:v>
                </c:pt>
                <c:pt idx="6570">
                  <c:v>#N/A</c:v>
                </c:pt>
                <c:pt idx="6571">
                  <c:v>#N/A</c:v>
                </c:pt>
                <c:pt idx="6572">
                  <c:v>#N/A</c:v>
                </c:pt>
                <c:pt idx="6573">
                  <c:v>#N/A</c:v>
                </c:pt>
                <c:pt idx="6574">
                  <c:v>#N/A</c:v>
                </c:pt>
                <c:pt idx="6575">
                  <c:v>#N/A</c:v>
                </c:pt>
                <c:pt idx="6576">
                  <c:v>#N/A</c:v>
                </c:pt>
                <c:pt idx="6577">
                  <c:v>#N/A</c:v>
                </c:pt>
                <c:pt idx="6578">
                  <c:v>#N/A</c:v>
                </c:pt>
                <c:pt idx="6579">
                  <c:v>#N/A</c:v>
                </c:pt>
                <c:pt idx="6580">
                  <c:v>#N/A</c:v>
                </c:pt>
                <c:pt idx="6581">
                  <c:v>#N/A</c:v>
                </c:pt>
                <c:pt idx="6582">
                  <c:v>#N/A</c:v>
                </c:pt>
                <c:pt idx="6583">
                  <c:v>#N/A</c:v>
                </c:pt>
                <c:pt idx="6584">
                  <c:v>#N/A</c:v>
                </c:pt>
                <c:pt idx="6585">
                  <c:v>#N/A</c:v>
                </c:pt>
                <c:pt idx="6586">
                  <c:v>#N/A</c:v>
                </c:pt>
                <c:pt idx="6587">
                  <c:v>#N/A</c:v>
                </c:pt>
                <c:pt idx="6588">
                  <c:v>#N/A</c:v>
                </c:pt>
                <c:pt idx="6589">
                  <c:v>#N/A</c:v>
                </c:pt>
                <c:pt idx="6590">
                  <c:v>#N/A</c:v>
                </c:pt>
                <c:pt idx="6591">
                  <c:v>#N/A</c:v>
                </c:pt>
                <c:pt idx="6592">
                  <c:v>#N/A</c:v>
                </c:pt>
                <c:pt idx="6593">
                  <c:v>#N/A</c:v>
                </c:pt>
                <c:pt idx="6594">
                  <c:v>#N/A</c:v>
                </c:pt>
                <c:pt idx="6595">
                  <c:v>#N/A</c:v>
                </c:pt>
                <c:pt idx="6596">
                  <c:v>#N/A</c:v>
                </c:pt>
                <c:pt idx="6597">
                  <c:v>#N/A</c:v>
                </c:pt>
                <c:pt idx="6598">
                  <c:v>#N/A</c:v>
                </c:pt>
                <c:pt idx="6599">
                  <c:v>#N/A</c:v>
                </c:pt>
                <c:pt idx="6600">
                  <c:v>#N/A</c:v>
                </c:pt>
                <c:pt idx="6601">
                  <c:v>#N/A</c:v>
                </c:pt>
                <c:pt idx="6602">
                  <c:v>#N/A</c:v>
                </c:pt>
                <c:pt idx="6603">
                  <c:v>#N/A</c:v>
                </c:pt>
                <c:pt idx="6604">
                  <c:v>#N/A</c:v>
                </c:pt>
                <c:pt idx="6605">
                  <c:v>#N/A</c:v>
                </c:pt>
                <c:pt idx="6606">
                  <c:v>#N/A</c:v>
                </c:pt>
                <c:pt idx="6607">
                  <c:v>#N/A</c:v>
                </c:pt>
                <c:pt idx="6608">
                  <c:v>#N/A</c:v>
                </c:pt>
                <c:pt idx="6609">
                  <c:v>#N/A</c:v>
                </c:pt>
                <c:pt idx="6610">
                  <c:v>#N/A</c:v>
                </c:pt>
                <c:pt idx="6611">
                  <c:v>#N/A</c:v>
                </c:pt>
                <c:pt idx="6612">
                  <c:v>#N/A</c:v>
                </c:pt>
                <c:pt idx="6613">
                  <c:v>#N/A</c:v>
                </c:pt>
                <c:pt idx="6614">
                  <c:v>#N/A</c:v>
                </c:pt>
                <c:pt idx="6615">
                  <c:v>#N/A</c:v>
                </c:pt>
                <c:pt idx="6616">
                  <c:v>#N/A</c:v>
                </c:pt>
                <c:pt idx="6617">
                  <c:v>#N/A</c:v>
                </c:pt>
                <c:pt idx="6618">
                  <c:v>#N/A</c:v>
                </c:pt>
                <c:pt idx="6619">
                  <c:v>#N/A</c:v>
                </c:pt>
                <c:pt idx="6620">
                  <c:v>#N/A</c:v>
                </c:pt>
                <c:pt idx="6621">
                  <c:v>#N/A</c:v>
                </c:pt>
                <c:pt idx="6622">
                  <c:v>#N/A</c:v>
                </c:pt>
                <c:pt idx="6623">
                  <c:v>#N/A</c:v>
                </c:pt>
                <c:pt idx="6624">
                  <c:v>#N/A</c:v>
                </c:pt>
                <c:pt idx="6625">
                  <c:v>#N/A</c:v>
                </c:pt>
                <c:pt idx="6626">
                  <c:v>#N/A</c:v>
                </c:pt>
                <c:pt idx="6627">
                  <c:v>#N/A</c:v>
                </c:pt>
                <c:pt idx="6628">
                  <c:v>#N/A</c:v>
                </c:pt>
                <c:pt idx="6629">
                  <c:v>#N/A</c:v>
                </c:pt>
                <c:pt idx="6630">
                  <c:v>#N/A</c:v>
                </c:pt>
                <c:pt idx="6631">
                  <c:v>#N/A</c:v>
                </c:pt>
                <c:pt idx="6632">
                  <c:v>#N/A</c:v>
                </c:pt>
                <c:pt idx="6633">
                  <c:v>#N/A</c:v>
                </c:pt>
                <c:pt idx="6634">
                  <c:v>#N/A</c:v>
                </c:pt>
                <c:pt idx="6635">
                  <c:v>#N/A</c:v>
                </c:pt>
                <c:pt idx="6636">
                  <c:v>#N/A</c:v>
                </c:pt>
                <c:pt idx="6637">
                  <c:v>#N/A</c:v>
                </c:pt>
                <c:pt idx="6638">
                  <c:v>#N/A</c:v>
                </c:pt>
                <c:pt idx="6639">
                  <c:v>#N/A</c:v>
                </c:pt>
                <c:pt idx="6640">
                  <c:v>#N/A</c:v>
                </c:pt>
                <c:pt idx="6641">
                  <c:v>#N/A</c:v>
                </c:pt>
                <c:pt idx="6642">
                  <c:v>#N/A</c:v>
                </c:pt>
                <c:pt idx="6643">
                  <c:v>#N/A</c:v>
                </c:pt>
                <c:pt idx="6644">
                  <c:v>#N/A</c:v>
                </c:pt>
                <c:pt idx="6645">
                  <c:v>#N/A</c:v>
                </c:pt>
                <c:pt idx="6646">
                  <c:v>#N/A</c:v>
                </c:pt>
                <c:pt idx="6647">
                  <c:v>#N/A</c:v>
                </c:pt>
                <c:pt idx="6648">
                  <c:v>#N/A</c:v>
                </c:pt>
                <c:pt idx="6649">
                  <c:v>#N/A</c:v>
                </c:pt>
                <c:pt idx="6650">
                  <c:v>#N/A</c:v>
                </c:pt>
                <c:pt idx="6651">
                  <c:v>#N/A</c:v>
                </c:pt>
                <c:pt idx="6652">
                  <c:v>#N/A</c:v>
                </c:pt>
                <c:pt idx="6653">
                  <c:v>#N/A</c:v>
                </c:pt>
                <c:pt idx="6654">
                  <c:v>#N/A</c:v>
                </c:pt>
                <c:pt idx="6655">
                  <c:v>#N/A</c:v>
                </c:pt>
                <c:pt idx="6656">
                  <c:v>#N/A</c:v>
                </c:pt>
                <c:pt idx="6657">
                  <c:v>#N/A</c:v>
                </c:pt>
                <c:pt idx="6658">
                  <c:v>#N/A</c:v>
                </c:pt>
                <c:pt idx="6659">
                  <c:v>#N/A</c:v>
                </c:pt>
                <c:pt idx="6660">
                  <c:v>#N/A</c:v>
                </c:pt>
                <c:pt idx="6661">
                  <c:v>#N/A</c:v>
                </c:pt>
                <c:pt idx="6662">
                  <c:v>#N/A</c:v>
                </c:pt>
                <c:pt idx="6663">
                  <c:v>#N/A</c:v>
                </c:pt>
                <c:pt idx="6664">
                  <c:v>#N/A</c:v>
                </c:pt>
                <c:pt idx="6665">
                  <c:v>#N/A</c:v>
                </c:pt>
                <c:pt idx="6666">
                  <c:v>#N/A</c:v>
                </c:pt>
                <c:pt idx="6667">
                  <c:v>#N/A</c:v>
                </c:pt>
                <c:pt idx="6668">
                  <c:v>#N/A</c:v>
                </c:pt>
                <c:pt idx="6669">
                  <c:v>#N/A</c:v>
                </c:pt>
                <c:pt idx="6670">
                  <c:v>#N/A</c:v>
                </c:pt>
                <c:pt idx="6671">
                  <c:v>#N/A</c:v>
                </c:pt>
                <c:pt idx="6672">
                  <c:v>#N/A</c:v>
                </c:pt>
                <c:pt idx="6673">
                  <c:v>#N/A</c:v>
                </c:pt>
                <c:pt idx="6674">
                  <c:v>#N/A</c:v>
                </c:pt>
                <c:pt idx="6675">
                  <c:v>#N/A</c:v>
                </c:pt>
                <c:pt idx="6676">
                  <c:v>#N/A</c:v>
                </c:pt>
                <c:pt idx="6677">
                  <c:v>#N/A</c:v>
                </c:pt>
                <c:pt idx="6678">
                  <c:v>#N/A</c:v>
                </c:pt>
                <c:pt idx="6679">
                  <c:v>#N/A</c:v>
                </c:pt>
                <c:pt idx="6680">
                  <c:v>#N/A</c:v>
                </c:pt>
                <c:pt idx="6681">
                  <c:v>#N/A</c:v>
                </c:pt>
                <c:pt idx="6682">
                  <c:v>#N/A</c:v>
                </c:pt>
                <c:pt idx="6683">
                  <c:v>#N/A</c:v>
                </c:pt>
                <c:pt idx="6684">
                  <c:v>#N/A</c:v>
                </c:pt>
                <c:pt idx="6685">
                  <c:v>#N/A</c:v>
                </c:pt>
                <c:pt idx="6686">
                  <c:v>#N/A</c:v>
                </c:pt>
                <c:pt idx="6687">
                  <c:v>#N/A</c:v>
                </c:pt>
                <c:pt idx="6688">
                  <c:v>#N/A</c:v>
                </c:pt>
                <c:pt idx="6689">
                  <c:v>#N/A</c:v>
                </c:pt>
                <c:pt idx="6690">
                  <c:v>#N/A</c:v>
                </c:pt>
                <c:pt idx="6691">
                  <c:v>#N/A</c:v>
                </c:pt>
                <c:pt idx="6692">
                  <c:v>#N/A</c:v>
                </c:pt>
                <c:pt idx="6693">
                  <c:v>#N/A</c:v>
                </c:pt>
                <c:pt idx="6694">
                  <c:v>#N/A</c:v>
                </c:pt>
                <c:pt idx="6695">
                  <c:v>#N/A</c:v>
                </c:pt>
                <c:pt idx="6696">
                  <c:v>#N/A</c:v>
                </c:pt>
                <c:pt idx="6697">
                  <c:v>#N/A</c:v>
                </c:pt>
                <c:pt idx="6698">
                  <c:v>#N/A</c:v>
                </c:pt>
                <c:pt idx="6699">
                  <c:v>#N/A</c:v>
                </c:pt>
                <c:pt idx="6700">
                  <c:v>#N/A</c:v>
                </c:pt>
                <c:pt idx="6701">
                  <c:v>#N/A</c:v>
                </c:pt>
                <c:pt idx="6702">
                  <c:v>#N/A</c:v>
                </c:pt>
                <c:pt idx="6703">
                  <c:v>#N/A</c:v>
                </c:pt>
                <c:pt idx="6704">
                  <c:v>#N/A</c:v>
                </c:pt>
                <c:pt idx="6705">
                  <c:v>#N/A</c:v>
                </c:pt>
                <c:pt idx="6706">
                  <c:v>#N/A</c:v>
                </c:pt>
                <c:pt idx="6707">
                  <c:v>#N/A</c:v>
                </c:pt>
                <c:pt idx="6708">
                  <c:v>#N/A</c:v>
                </c:pt>
                <c:pt idx="6709">
                  <c:v>#N/A</c:v>
                </c:pt>
                <c:pt idx="6710">
                  <c:v>#N/A</c:v>
                </c:pt>
                <c:pt idx="6711">
                  <c:v>#N/A</c:v>
                </c:pt>
                <c:pt idx="6712">
                  <c:v>#N/A</c:v>
                </c:pt>
                <c:pt idx="6713">
                  <c:v>#N/A</c:v>
                </c:pt>
                <c:pt idx="6714">
                  <c:v>#N/A</c:v>
                </c:pt>
                <c:pt idx="6715">
                  <c:v>#N/A</c:v>
                </c:pt>
                <c:pt idx="6716">
                  <c:v>#N/A</c:v>
                </c:pt>
                <c:pt idx="6717">
                  <c:v>#N/A</c:v>
                </c:pt>
                <c:pt idx="6718">
                  <c:v>#N/A</c:v>
                </c:pt>
                <c:pt idx="6719">
                  <c:v>#N/A</c:v>
                </c:pt>
                <c:pt idx="6720">
                  <c:v>#N/A</c:v>
                </c:pt>
                <c:pt idx="6721">
                  <c:v>#N/A</c:v>
                </c:pt>
                <c:pt idx="6722">
                  <c:v>#N/A</c:v>
                </c:pt>
                <c:pt idx="6723">
                  <c:v>#N/A</c:v>
                </c:pt>
                <c:pt idx="6724">
                  <c:v>#N/A</c:v>
                </c:pt>
                <c:pt idx="6725">
                  <c:v>#N/A</c:v>
                </c:pt>
                <c:pt idx="6726">
                  <c:v>#N/A</c:v>
                </c:pt>
                <c:pt idx="6727">
                  <c:v>#N/A</c:v>
                </c:pt>
                <c:pt idx="6728">
                  <c:v>#N/A</c:v>
                </c:pt>
                <c:pt idx="6729">
                  <c:v>#N/A</c:v>
                </c:pt>
                <c:pt idx="6730">
                  <c:v>#N/A</c:v>
                </c:pt>
                <c:pt idx="6731">
                  <c:v>#N/A</c:v>
                </c:pt>
                <c:pt idx="6732">
                  <c:v>#N/A</c:v>
                </c:pt>
                <c:pt idx="6733">
                  <c:v>#N/A</c:v>
                </c:pt>
                <c:pt idx="6734">
                  <c:v>#N/A</c:v>
                </c:pt>
                <c:pt idx="6735">
                  <c:v>#N/A</c:v>
                </c:pt>
                <c:pt idx="6736">
                  <c:v>#N/A</c:v>
                </c:pt>
                <c:pt idx="6737">
                  <c:v>#N/A</c:v>
                </c:pt>
                <c:pt idx="6738">
                  <c:v>#N/A</c:v>
                </c:pt>
                <c:pt idx="6739">
                  <c:v>#N/A</c:v>
                </c:pt>
                <c:pt idx="6740">
                  <c:v>#N/A</c:v>
                </c:pt>
                <c:pt idx="6741">
                  <c:v>#N/A</c:v>
                </c:pt>
                <c:pt idx="6742">
                  <c:v>#N/A</c:v>
                </c:pt>
                <c:pt idx="6743">
                  <c:v>#N/A</c:v>
                </c:pt>
                <c:pt idx="6744">
                  <c:v>#N/A</c:v>
                </c:pt>
                <c:pt idx="6745">
                  <c:v>#N/A</c:v>
                </c:pt>
                <c:pt idx="6746">
                  <c:v>#N/A</c:v>
                </c:pt>
                <c:pt idx="6747">
                  <c:v>#N/A</c:v>
                </c:pt>
                <c:pt idx="6748">
                  <c:v>#N/A</c:v>
                </c:pt>
                <c:pt idx="6749">
                  <c:v>#N/A</c:v>
                </c:pt>
                <c:pt idx="6750">
                  <c:v>#N/A</c:v>
                </c:pt>
                <c:pt idx="6751">
                  <c:v>#N/A</c:v>
                </c:pt>
                <c:pt idx="6752">
                  <c:v>#N/A</c:v>
                </c:pt>
                <c:pt idx="6753">
                  <c:v>#N/A</c:v>
                </c:pt>
                <c:pt idx="6754">
                  <c:v>#N/A</c:v>
                </c:pt>
                <c:pt idx="6755">
                  <c:v>#N/A</c:v>
                </c:pt>
                <c:pt idx="6756">
                  <c:v>#N/A</c:v>
                </c:pt>
                <c:pt idx="6757">
                  <c:v>#N/A</c:v>
                </c:pt>
                <c:pt idx="6758">
                  <c:v>#N/A</c:v>
                </c:pt>
                <c:pt idx="6759">
                  <c:v>#N/A</c:v>
                </c:pt>
                <c:pt idx="6760">
                  <c:v>#N/A</c:v>
                </c:pt>
                <c:pt idx="6761">
                  <c:v>#N/A</c:v>
                </c:pt>
                <c:pt idx="6762">
                  <c:v>#N/A</c:v>
                </c:pt>
                <c:pt idx="6763">
                  <c:v>#N/A</c:v>
                </c:pt>
                <c:pt idx="6764">
                  <c:v>#N/A</c:v>
                </c:pt>
                <c:pt idx="6765">
                  <c:v>#N/A</c:v>
                </c:pt>
                <c:pt idx="6766">
                  <c:v>#N/A</c:v>
                </c:pt>
                <c:pt idx="6767">
                  <c:v>#N/A</c:v>
                </c:pt>
                <c:pt idx="6768">
                  <c:v>#N/A</c:v>
                </c:pt>
                <c:pt idx="6769">
                  <c:v>#N/A</c:v>
                </c:pt>
                <c:pt idx="6770">
                  <c:v>#N/A</c:v>
                </c:pt>
                <c:pt idx="6771">
                  <c:v>#N/A</c:v>
                </c:pt>
                <c:pt idx="6772">
                  <c:v>#N/A</c:v>
                </c:pt>
                <c:pt idx="6773">
                  <c:v>#N/A</c:v>
                </c:pt>
                <c:pt idx="6774">
                  <c:v>#N/A</c:v>
                </c:pt>
                <c:pt idx="6775">
                  <c:v>#N/A</c:v>
                </c:pt>
                <c:pt idx="6776">
                  <c:v>#N/A</c:v>
                </c:pt>
                <c:pt idx="6777">
                  <c:v>#N/A</c:v>
                </c:pt>
                <c:pt idx="6778">
                  <c:v>#N/A</c:v>
                </c:pt>
                <c:pt idx="6779">
                  <c:v>#N/A</c:v>
                </c:pt>
                <c:pt idx="6780">
                  <c:v>#N/A</c:v>
                </c:pt>
                <c:pt idx="6781">
                  <c:v>#N/A</c:v>
                </c:pt>
                <c:pt idx="6782">
                  <c:v>#N/A</c:v>
                </c:pt>
                <c:pt idx="6783">
                  <c:v>#N/A</c:v>
                </c:pt>
                <c:pt idx="6784">
                  <c:v>#N/A</c:v>
                </c:pt>
                <c:pt idx="6785">
                  <c:v>#N/A</c:v>
                </c:pt>
                <c:pt idx="6786">
                  <c:v>#N/A</c:v>
                </c:pt>
                <c:pt idx="6787">
                  <c:v>#N/A</c:v>
                </c:pt>
                <c:pt idx="6788">
                  <c:v>#N/A</c:v>
                </c:pt>
                <c:pt idx="6789">
                  <c:v>#N/A</c:v>
                </c:pt>
                <c:pt idx="6790">
                  <c:v>#N/A</c:v>
                </c:pt>
                <c:pt idx="6791">
                  <c:v>#N/A</c:v>
                </c:pt>
                <c:pt idx="6792">
                  <c:v>#N/A</c:v>
                </c:pt>
                <c:pt idx="6793">
                  <c:v>#N/A</c:v>
                </c:pt>
                <c:pt idx="6794">
                  <c:v>#N/A</c:v>
                </c:pt>
                <c:pt idx="6795">
                  <c:v>#N/A</c:v>
                </c:pt>
                <c:pt idx="6796">
                  <c:v>#N/A</c:v>
                </c:pt>
                <c:pt idx="6797">
                  <c:v>#N/A</c:v>
                </c:pt>
                <c:pt idx="6798">
                  <c:v>#N/A</c:v>
                </c:pt>
                <c:pt idx="6799">
                  <c:v>#N/A</c:v>
                </c:pt>
                <c:pt idx="6800">
                  <c:v>#N/A</c:v>
                </c:pt>
                <c:pt idx="6801">
                  <c:v>#N/A</c:v>
                </c:pt>
                <c:pt idx="6802">
                  <c:v>#N/A</c:v>
                </c:pt>
                <c:pt idx="6803">
                  <c:v>#N/A</c:v>
                </c:pt>
                <c:pt idx="6804">
                  <c:v>#N/A</c:v>
                </c:pt>
                <c:pt idx="6805">
                  <c:v>#N/A</c:v>
                </c:pt>
                <c:pt idx="6806">
                  <c:v>726.82047836261938</c:v>
                </c:pt>
                <c:pt idx="6807">
                  <c:v>624.7287521118127</c:v>
                </c:pt>
                <c:pt idx="6808">
                  <c:v>560.17785291355904</c:v>
                </c:pt>
                <c:pt idx="6809">
                  <c:v>504.6698111472067</c:v>
                </c:pt>
                <c:pt idx="6810">
                  <c:v>435.83217098292999</c:v>
                </c:pt>
                <c:pt idx="6811">
                  <c:v>388.3629194458349</c:v>
                </c:pt>
                <c:pt idx="6812">
                  <c:v>319.31096313897228</c:v>
                </c:pt>
                <c:pt idx="6813">
                  <c:v>275.25438197249468</c:v>
                </c:pt>
                <c:pt idx="6814">
                  <c:v>253.8320635714737</c:v>
                </c:pt>
                <c:pt idx="6815">
                  <c:v>255.44740519110482</c:v>
                </c:pt>
                <c:pt idx="6816">
                  <c:v>267.10598954763196</c:v>
                </c:pt>
                <c:pt idx="6817">
                  <c:v>338.50618886427725</c:v>
                </c:pt>
                <c:pt idx="6818">
                  <c:v>511.17688083425952</c:v>
                </c:pt>
                <c:pt idx="6819">
                  <c:v>742.1955165970993</c:v>
                </c:pt>
                <c:pt idx="6820">
                  <c:v>1014.0923593147544</c:v>
                </c:pt>
                <c:pt idx="6821">
                  <c:v>1278.2267455194258</c:v>
                </c:pt>
                <c:pt idx="6822">
                  <c:v>#N/A</c:v>
                </c:pt>
                <c:pt idx="6823">
                  <c:v>#N/A</c:v>
                </c:pt>
                <c:pt idx="6824">
                  <c:v>#N/A</c:v>
                </c:pt>
                <c:pt idx="6825">
                  <c:v>#N/A</c:v>
                </c:pt>
                <c:pt idx="6826">
                  <c:v>#N/A</c:v>
                </c:pt>
                <c:pt idx="6827">
                  <c:v>#N/A</c:v>
                </c:pt>
                <c:pt idx="6828">
                  <c:v>#N/A</c:v>
                </c:pt>
                <c:pt idx="6829">
                  <c:v>#N/A</c:v>
                </c:pt>
                <c:pt idx="6830">
                  <c:v>#N/A</c:v>
                </c:pt>
                <c:pt idx="6831">
                  <c:v>#N/A</c:v>
                </c:pt>
                <c:pt idx="6832">
                  <c:v>#N/A</c:v>
                </c:pt>
                <c:pt idx="6833">
                  <c:v>#N/A</c:v>
                </c:pt>
                <c:pt idx="6834">
                  <c:v>#N/A</c:v>
                </c:pt>
                <c:pt idx="6835">
                  <c:v>#N/A</c:v>
                </c:pt>
                <c:pt idx="6836">
                  <c:v>#N/A</c:v>
                </c:pt>
                <c:pt idx="6837">
                  <c:v>#N/A</c:v>
                </c:pt>
                <c:pt idx="6838">
                  <c:v>#N/A</c:v>
                </c:pt>
                <c:pt idx="6839">
                  <c:v>#N/A</c:v>
                </c:pt>
                <c:pt idx="6840">
                  <c:v>#N/A</c:v>
                </c:pt>
                <c:pt idx="6841">
                  <c:v>#N/A</c:v>
                </c:pt>
                <c:pt idx="6842">
                  <c:v>#N/A</c:v>
                </c:pt>
                <c:pt idx="6843">
                  <c:v>#N/A</c:v>
                </c:pt>
                <c:pt idx="6844">
                  <c:v>#N/A</c:v>
                </c:pt>
                <c:pt idx="6845">
                  <c:v>#N/A</c:v>
                </c:pt>
                <c:pt idx="6846">
                  <c:v>#N/A</c:v>
                </c:pt>
                <c:pt idx="6847">
                  <c:v>#N/A</c:v>
                </c:pt>
                <c:pt idx="6848">
                  <c:v>#N/A</c:v>
                </c:pt>
                <c:pt idx="6849">
                  <c:v>#N/A</c:v>
                </c:pt>
                <c:pt idx="6850">
                  <c:v>#N/A</c:v>
                </c:pt>
                <c:pt idx="6851">
                  <c:v>#N/A</c:v>
                </c:pt>
                <c:pt idx="6852">
                  <c:v>#N/A</c:v>
                </c:pt>
                <c:pt idx="6853">
                  <c:v>#N/A</c:v>
                </c:pt>
                <c:pt idx="6854">
                  <c:v>#N/A</c:v>
                </c:pt>
                <c:pt idx="6855">
                  <c:v>#N/A</c:v>
                </c:pt>
                <c:pt idx="6856">
                  <c:v>#N/A</c:v>
                </c:pt>
                <c:pt idx="6857">
                  <c:v>#N/A</c:v>
                </c:pt>
                <c:pt idx="6858">
                  <c:v>#N/A</c:v>
                </c:pt>
                <c:pt idx="6859">
                  <c:v>#N/A</c:v>
                </c:pt>
                <c:pt idx="6860">
                  <c:v>#N/A</c:v>
                </c:pt>
                <c:pt idx="6861">
                  <c:v>#N/A</c:v>
                </c:pt>
                <c:pt idx="6862">
                  <c:v>#N/A</c:v>
                </c:pt>
                <c:pt idx="6863">
                  <c:v>#N/A</c:v>
                </c:pt>
                <c:pt idx="6864">
                  <c:v>#N/A</c:v>
                </c:pt>
                <c:pt idx="6865">
                  <c:v>#N/A</c:v>
                </c:pt>
                <c:pt idx="6866">
                  <c:v>#N/A</c:v>
                </c:pt>
                <c:pt idx="6867">
                  <c:v>#N/A</c:v>
                </c:pt>
                <c:pt idx="6868">
                  <c:v>#N/A</c:v>
                </c:pt>
                <c:pt idx="6869">
                  <c:v>#N/A</c:v>
                </c:pt>
                <c:pt idx="6870">
                  <c:v>#N/A</c:v>
                </c:pt>
                <c:pt idx="6871">
                  <c:v>#N/A</c:v>
                </c:pt>
                <c:pt idx="6872">
                  <c:v>#N/A</c:v>
                </c:pt>
                <c:pt idx="6873">
                  <c:v>#N/A</c:v>
                </c:pt>
                <c:pt idx="6874">
                  <c:v>#N/A</c:v>
                </c:pt>
                <c:pt idx="6875">
                  <c:v>#N/A</c:v>
                </c:pt>
                <c:pt idx="6876">
                  <c:v>#N/A</c:v>
                </c:pt>
                <c:pt idx="6877">
                  <c:v>#N/A</c:v>
                </c:pt>
                <c:pt idx="6878">
                  <c:v>#N/A</c:v>
                </c:pt>
                <c:pt idx="6879">
                  <c:v>#N/A</c:v>
                </c:pt>
                <c:pt idx="6880">
                  <c:v>#N/A</c:v>
                </c:pt>
                <c:pt idx="6881">
                  <c:v>#N/A</c:v>
                </c:pt>
                <c:pt idx="6882">
                  <c:v>#N/A</c:v>
                </c:pt>
                <c:pt idx="6883">
                  <c:v>#N/A</c:v>
                </c:pt>
                <c:pt idx="6884">
                  <c:v>#N/A</c:v>
                </c:pt>
                <c:pt idx="6885">
                  <c:v>#N/A</c:v>
                </c:pt>
                <c:pt idx="6886">
                  <c:v>#N/A</c:v>
                </c:pt>
                <c:pt idx="6887">
                  <c:v>#N/A</c:v>
                </c:pt>
                <c:pt idx="6888">
                  <c:v>#N/A</c:v>
                </c:pt>
                <c:pt idx="6889">
                  <c:v>#N/A</c:v>
                </c:pt>
                <c:pt idx="6890">
                  <c:v>#N/A</c:v>
                </c:pt>
                <c:pt idx="6891">
                  <c:v>#N/A</c:v>
                </c:pt>
                <c:pt idx="6892">
                  <c:v>#N/A</c:v>
                </c:pt>
                <c:pt idx="6893">
                  <c:v>#N/A</c:v>
                </c:pt>
                <c:pt idx="6894">
                  <c:v>#N/A</c:v>
                </c:pt>
                <c:pt idx="6895">
                  <c:v>#N/A</c:v>
                </c:pt>
                <c:pt idx="6896">
                  <c:v>#N/A</c:v>
                </c:pt>
                <c:pt idx="6897">
                  <c:v>#N/A</c:v>
                </c:pt>
                <c:pt idx="6898">
                  <c:v>#N/A</c:v>
                </c:pt>
                <c:pt idx="6899">
                  <c:v>#N/A</c:v>
                </c:pt>
                <c:pt idx="6900">
                  <c:v>#N/A</c:v>
                </c:pt>
                <c:pt idx="6901">
                  <c:v>#N/A</c:v>
                </c:pt>
                <c:pt idx="6902">
                  <c:v>#N/A</c:v>
                </c:pt>
                <c:pt idx="6903">
                  <c:v>#N/A</c:v>
                </c:pt>
                <c:pt idx="6904">
                  <c:v>#N/A</c:v>
                </c:pt>
                <c:pt idx="6905">
                  <c:v>#N/A</c:v>
                </c:pt>
                <c:pt idx="6906">
                  <c:v>#N/A</c:v>
                </c:pt>
                <c:pt idx="6907">
                  <c:v>#N/A</c:v>
                </c:pt>
                <c:pt idx="6908">
                  <c:v>#N/A</c:v>
                </c:pt>
                <c:pt idx="6909">
                  <c:v>#N/A</c:v>
                </c:pt>
                <c:pt idx="6910">
                  <c:v>#N/A</c:v>
                </c:pt>
                <c:pt idx="6911">
                  <c:v>#N/A</c:v>
                </c:pt>
                <c:pt idx="6912">
                  <c:v>#N/A</c:v>
                </c:pt>
                <c:pt idx="6913">
                  <c:v>#N/A</c:v>
                </c:pt>
                <c:pt idx="6914">
                  <c:v>#N/A</c:v>
                </c:pt>
                <c:pt idx="6915">
                  <c:v>#N/A</c:v>
                </c:pt>
                <c:pt idx="6916">
                  <c:v>#N/A</c:v>
                </c:pt>
                <c:pt idx="6917">
                  <c:v>#N/A</c:v>
                </c:pt>
                <c:pt idx="6918">
                  <c:v>#N/A</c:v>
                </c:pt>
                <c:pt idx="6919">
                  <c:v>#N/A</c:v>
                </c:pt>
                <c:pt idx="6920">
                  <c:v>#N/A</c:v>
                </c:pt>
                <c:pt idx="6921">
                  <c:v>#N/A</c:v>
                </c:pt>
                <c:pt idx="6922">
                  <c:v>#N/A</c:v>
                </c:pt>
                <c:pt idx="6923">
                  <c:v>#N/A</c:v>
                </c:pt>
                <c:pt idx="6924">
                  <c:v>#N/A</c:v>
                </c:pt>
                <c:pt idx="6925">
                  <c:v>#N/A</c:v>
                </c:pt>
                <c:pt idx="6926">
                  <c:v>#N/A</c:v>
                </c:pt>
                <c:pt idx="6927">
                  <c:v>#N/A</c:v>
                </c:pt>
                <c:pt idx="6928">
                  <c:v>#N/A</c:v>
                </c:pt>
                <c:pt idx="6929">
                  <c:v>#N/A</c:v>
                </c:pt>
                <c:pt idx="6930">
                  <c:v>#N/A</c:v>
                </c:pt>
                <c:pt idx="6931">
                  <c:v>#N/A</c:v>
                </c:pt>
                <c:pt idx="6932">
                  <c:v>#N/A</c:v>
                </c:pt>
                <c:pt idx="6933">
                  <c:v>#N/A</c:v>
                </c:pt>
                <c:pt idx="6934">
                  <c:v>#N/A</c:v>
                </c:pt>
                <c:pt idx="6935">
                  <c:v>#N/A</c:v>
                </c:pt>
                <c:pt idx="6936">
                  <c:v>#N/A</c:v>
                </c:pt>
                <c:pt idx="6937">
                  <c:v>#N/A</c:v>
                </c:pt>
                <c:pt idx="6938">
                  <c:v>#N/A</c:v>
                </c:pt>
                <c:pt idx="6939">
                  <c:v>#N/A</c:v>
                </c:pt>
                <c:pt idx="6940">
                  <c:v>#N/A</c:v>
                </c:pt>
                <c:pt idx="6941">
                  <c:v>#N/A</c:v>
                </c:pt>
                <c:pt idx="6942">
                  <c:v>#N/A</c:v>
                </c:pt>
                <c:pt idx="6943">
                  <c:v>#N/A</c:v>
                </c:pt>
                <c:pt idx="6944">
                  <c:v>#N/A</c:v>
                </c:pt>
                <c:pt idx="6945">
                  <c:v>#N/A</c:v>
                </c:pt>
                <c:pt idx="6946">
                  <c:v>#N/A</c:v>
                </c:pt>
                <c:pt idx="6947">
                  <c:v>#N/A</c:v>
                </c:pt>
                <c:pt idx="6948">
                  <c:v>#N/A</c:v>
                </c:pt>
                <c:pt idx="6949">
                  <c:v>#N/A</c:v>
                </c:pt>
                <c:pt idx="6950">
                  <c:v>#N/A</c:v>
                </c:pt>
                <c:pt idx="6951">
                  <c:v>#N/A</c:v>
                </c:pt>
                <c:pt idx="6952">
                  <c:v>#N/A</c:v>
                </c:pt>
                <c:pt idx="6953">
                  <c:v>#N/A</c:v>
                </c:pt>
                <c:pt idx="6954">
                  <c:v>#N/A</c:v>
                </c:pt>
                <c:pt idx="6955">
                  <c:v>#N/A</c:v>
                </c:pt>
                <c:pt idx="6956">
                  <c:v>#N/A</c:v>
                </c:pt>
                <c:pt idx="6957">
                  <c:v>#N/A</c:v>
                </c:pt>
                <c:pt idx="6958">
                  <c:v>#N/A</c:v>
                </c:pt>
                <c:pt idx="6959">
                  <c:v>#N/A</c:v>
                </c:pt>
                <c:pt idx="6960">
                  <c:v>#N/A</c:v>
                </c:pt>
                <c:pt idx="6961">
                  <c:v>#N/A</c:v>
                </c:pt>
                <c:pt idx="6962">
                  <c:v>#N/A</c:v>
                </c:pt>
                <c:pt idx="6963">
                  <c:v>#N/A</c:v>
                </c:pt>
                <c:pt idx="6964">
                  <c:v>#N/A</c:v>
                </c:pt>
                <c:pt idx="6965">
                  <c:v>#N/A</c:v>
                </c:pt>
                <c:pt idx="6966">
                  <c:v>#N/A</c:v>
                </c:pt>
                <c:pt idx="6967">
                  <c:v>#N/A</c:v>
                </c:pt>
                <c:pt idx="6968">
                  <c:v>#N/A</c:v>
                </c:pt>
                <c:pt idx="6969">
                  <c:v>#N/A</c:v>
                </c:pt>
                <c:pt idx="6970">
                  <c:v>#N/A</c:v>
                </c:pt>
                <c:pt idx="6971">
                  <c:v>#N/A</c:v>
                </c:pt>
                <c:pt idx="6972">
                  <c:v>#N/A</c:v>
                </c:pt>
                <c:pt idx="6973">
                  <c:v>#N/A</c:v>
                </c:pt>
                <c:pt idx="6974">
                  <c:v>#N/A</c:v>
                </c:pt>
                <c:pt idx="6975">
                  <c:v>#N/A</c:v>
                </c:pt>
                <c:pt idx="6976">
                  <c:v>#N/A</c:v>
                </c:pt>
                <c:pt idx="6977">
                  <c:v>#N/A</c:v>
                </c:pt>
                <c:pt idx="6978">
                  <c:v>#N/A</c:v>
                </c:pt>
                <c:pt idx="6979">
                  <c:v>#N/A</c:v>
                </c:pt>
                <c:pt idx="6980">
                  <c:v>#N/A</c:v>
                </c:pt>
                <c:pt idx="6981">
                  <c:v>#N/A</c:v>
                </c:pt>
                <c:pt idx="6982">
                  <c:v>#N/A</c:v>
                </c:pt>
                <c:pt idx="6983">
                  <c:v>#N/A</c:v>
                </c:pt>
                <c:pt idx="6984">
                  <c:v>#N/A</c:v>
                </c:pt>
                <c:pt idx="6985">
                  <c:v>#N/A</c:v>
                </c:pt>
                <c:pt idx="6986">
                  <c:v>#N/A</c:v>
                </c:pt>
                <c:pt idx="6987">
                  <c:v>#N/A</c:v>
                </c:pt>
                <c:pt idx="6988">
                  <c:v>#N/A</c:v>
                </c:pt>
                <c:pt idx="6989">
                  <c:v>#N/A</c:v>
                </c:pt>
                <c:pt idx="6990">
                  <c:v>#N/A</c:v>
                </c:pt>
                <c:pt idx="6991">
                  <c:v>#N/A</c:v>
                </c:pt>
                <c:pt idx="6992">
                  <c:v>#N/A</c:v>
                </c:pt>
                <c:pt idx="6993">
                  <c:v>#N/A</c:v>
                </c:pt>
                <c:pt idx="6994">
                  <c:v>#N/A</c:v>
                </c:pt>
                <c:pt idx="6995">
                  <c:v>#N/A</c:v>
                </c:pt>
                <c:pt idx="6996">
                  <c:v>#N/A</c:v>
                </c:pt>
                <c:pt idx="6997">
                  <c:v>#N/A</c:v>
                </c:pt>
                <c:pt idx="6998">
                  <c:v>#N/A</c:v>
                </c:pt>
                <c:pt idx="6999">
                  <c:v>#N/A</c:v>
                </c:pt>
                <c:pt idx="7000">
                  <c:v>#N/A</c:v>
                </c:pt>
                <c:pt idx="7001">
                  <c:v>#N/A</c:v>
                </c:pt>
                <c:pt idx="7002">
                  <c:v>#N/A</c:v>
                </c:pt>
                <c:pt idx="7003">
                  <c:v>#N/A</c:v>
                </c:pt>
                <c:pt idx="7004">
                  <c:v>#N/A</c:v>
                </c:pt>
                <c:pt idx="7005">
                  <c:v>#N/A</c:v>
                </c:pt>
                <c:pt idx="7006">
                  <c:v>#N/A</c:v>
                </c:pt>
                <c:pt idx="7007">
                  <c:v>#N/A</c:v>
                </c:pt>
                <c:pt idx="7008">
                  <c:v>#N/A</c:v>
                </c:pt>
                <c:pt idx="7009">
                  <c:v>#N/A</c:v>
                </c:pt>
                <c:pt idx="7010">
                  <c:v>#N/A</c:v>
                </c:pt>
                <c:pt idx="7011">
                  <c:v>#N/A</c:v>
                </c:pt>
                <c:pt idx="7012">
                  <c:v>#N/A</c:v>
                </c:pt>
                <c:pt idx="7013">
                  <c:v>#N/A</c:v>
                </c:pt>
                <c:pt idx="7014">
                  <c:v>#N/A</c:v>
                </c:pt>
                <c:pt idx="7015">
                  <c:v>#N/A</c:v>
                </c:pt>
                <c:pt idx="7016">
                  <c:v>#N/A</c:v>
                </c:pt>
                <c:pt idx="7017">
                  <c:v>#N/A</c:v>
                </c:pt>
                <c:pt idx="7018">
                  <c:v>#N/A</c:v>
                </c:pt>
                <c:pt idx="7019">
                  <c:v>#N/A</c:v>
                </c:pt>
                <c:pt idx="7020">
                  <c:v>#N/A</c:v>
                </c:pt>
                <c:pt idx="7021">
                  <c:v>#N/A</c:v>
                </c:pt>
                <c:pt idx="7022">
                  <c:v>#N/A</c:v>
                </c:pt>
                <c:pt idx="7023">
                  <c:v>#N/A</c:v>
                </c:pt>
                <c:pt idx="7024">
                  <c:v>#N/A</c:v>
                </c:pt>
                <c:pt idx="7025">
                  <c:v>#N/A</c:v>
                </c:pt>
                <c:pt idx="7026">
                  <c:v>#N/A</c:v>
                </c:pt>
                <c:pt idx="7027">
                  <c:v>#N/A</c:v>
                </c:pt>
                <c:pt idx="7028">
                  <c:v>#N/A</c:v>
                </c:pt>
                <c:pt idx="7029">
                  <c:v>#N/A</c:v>
                </c:pt>
                <c:pt idx="7030">
                  <c:v>#N/A</c:v>
                </c:pt>
                <c:pt idx="7031">
                  <c:v>#N/A</c:v>
                </c:pt>
                <c:pt idx="7032">
                  <c:v>#N/A</c:v>
                </c:pt>
                <c:pt idx="7033">
                  <c:v>#N/A</c:v>
                </c:pt>
                <c:pt idx="7034">
                  <c:v>#N/A</c:v>
                </c:pt>
                <c:pt idx="7035">
                  <c:v>#N/A</c:v>
                </c:pt>
                <c:pt idx="7036">
                  <c:v>#N/A</c:v>
                </c:pt>
                <c:pt idx="7037">
                  <c:v>#N/A</c:v>
                </c:pt>
                <c:pt idx="7038">
                  <c:v>#N/A</c:v>
                </c:pt>
                <c:pt idx="7039">
                  <c:v>#N/A</c:v>
                </c:pt>
                <c:pt idx="7040">
                  <c:v>#N/A</c:v>
                </c:pt>
                <c:pt idx="7041">
                  <c:v>#N/A</c:v>
                </c:pt>
                <c:pt idx="7042">
                  <c:v>#N/A</c:v>
                </c:pt>
                <c:pt idx="7043">
                  <c:v>#N/A</c:v>
                </c:pt>
                <c:pt idx="7044">
                  <c:v>#N/A</c:v>
                </c:pt>
                <c:pt idx="7045">
                  <c:v>#N/A</c:v>
                </c:pt>
                <c:pt idx="7046">
                  <c:v>#N/A</c:v>
                </c:pt>
                <c:pt idx="7047">
                  <c:v>#N/A</c:v>
                </c:pt>
                <c:pt idx="7048">
                  <c:v>#N/A</c:v>
                </c:pt>
                <c:pt idx="7049">
                  <c:v>#N/A</c:v>
                </c:pt>
                <c:pt idx="7050">
                  <c:v>#N/A</c:v>
                </c:pt>
                <c:pt idx="7051">
                  <c:v>#N/A</c:v>
                </c:pt>
                <c:pt idx="7052">
                  <c:v>#N/A</c:v>
                </c:pt>
                <c:pt idx="7053">
                  <c:v>#N/A</c:v>
                </c:pt>
                <c:pt idx="7054">
                  <c:v>#N/A</c:v>
                </c:pt>
                <c:pt idx="7055">
                  <c:v>#N/A</c:v>
                </c:pt>
                <c:pt idx="7056">
                  <c:v>#N/A</c:v>
                </c:pt>
                <c:pt idx="7057">
                  <c:v>#N/A</c:v>
                </c:pt>
                <c:pt idx="7058">
                  <c:v>#N/A</c:v>
                </c:pt>
                <c:pt idx="7059">
                  <c:v>#N/A</c:v>
                </c:pt>
                <c:pt idx="7060">
                  <c:v>#N/A</c:v>
                </c:pt>
                <c:pt idx="7061">
                  <c:v>#N/A</c:v>
                </c:pt>
                <c:pt idx="7062">
                  <c:v>#N/A</c:v>
                </c:pt>
                <c:pt idx="7063">
                  <c:v>#N/A</c:v>
                </c:pt>
                <c:pt idx="7064">
                  <c:v>#N/A</c:v>
                </c:pt>
                <c:pt idx="7065">
                  <c:v>#N/A</c:v>
                </c:pt>
                <c:pt idx="7066">
                  <c:v>#N/A</c:v>
                </c:pt>
                <c:pt idx="7067">
                  <c:v>#N/A</c:v>
                </c:pt>
                <c:pt idx="7068">
                  <c:v>#N/A</c:v>
                </c:pt>
                <c:pt idx="7069">
                  <c:v>#N/A</c:v>
                </c:pt>
                <c:pt idx="7070">
                  <c:v>#N/A</c:v>
                </c:pt>
                <c:pt idx="7071">
                  <c:v>#N/A</c:v>
                </c:pt>
                <c:pt idx="7072">
                  <c:v>#N/A</c:v>
                </c:pt>
                <c:pt idx="7073">
                  <c:v>#N/A</c:v>
                </c:pt>
                <c:pt idx="7074">
                  <c:v>#N/A</c:v>
                </c:pt>
                <c:pt idx="7075">
                  <c:v>#N/A</c:v>
                </c:pt>
                <c:pt idx="7076">
                  <c:v>#N/A</c:v>
                </c:pt>
                <c:pt idx="7077">
                  <c:v>#N/A</c:v>
                </c:pt>
                <c:pt idx="7078">
                  <c:v>#N/A</c:v>
                </c:pt>
                <c:pt idx="7079">
                  <c:v>#N/A</c:v>
                </c:pt>
                <c:pt idx="7080">
                  <c:v>#N/A</c:v>
                </c:pt>
                <c:pt idx="7081">
                  <c:v>#N/A</c:v>
                </c:pt>
                <c:pt idx="7082">
                  <c:v>#N/A</c:v>
                </c:pt>
                <c:pt idx="7083">
                  <c:v>#N/A</c:v>
                </c:pt>
                <c:pt idx="7084">
                  <c:v>#N/A</c:v>
                </c:pt>
                <c:pt idx="7085">
                  <c:v>#N/A</c:v>
                </c:pt>
                <c:pt idx="7086">
                  <c:v>#N/A</c:v>
                </c:pt>
                <c:pt idx="7087">
                  <c:v>#N/A</c:v>
                </c:pt>
                <c:pt idx="7088">
                  <c:v>#N/A</c:v>
                </c:pt>
                <c:pt idx="7089">
                  <c:v>#N/A</c:v>
                </c:pt>
                <c:pt idx="7090">
                  <c:v>#N/A</c:v>
                </c:pt>
                <c:pt idx="7091">
                  <c:v>#N/A</c:v>
                </c:pt>
                <c:pt idx="7092">
                  <c:v>#N/A</c:v>
                </c:pt>
                <c:pt idx="7093">
                  <c:v>#N/A</c:v>
                </c:pt>
                <c:pt idx="7094">
                  <c:v>#N/A</c:v>
                </c:pt>
                <c:pt idx="7095">
                  <c:v>#N/A</c:v>
                </c:pt>
                <c:pt idx="7096">
                  <c:v>#N/A</c:v>
                </c:pt>
                <c:pt idx="7097">
                  <c:v>#N/A</c:v>
                </c:pt>
                <c:pt idx="7098">
                  <c:v>#N/A</c:v>
                </c:pt>
                <c:pt idx="7099">
                  <c:v>#N/A</c:v>
                </c:pt>
                <c:pt idx="7100">
                  <c:v>#N/A</c:v>
                </c:pt>
                <c:pt idx="7101">
                  <c:v>#N/A</c:v>
                </c:pt>
                <c:pt idx="7102">
                  <c:v>#N/A</c:v>
                </c:pt>
                <c:pt idx="7103">
                  <c:v>#N/A</c:v>
                </c:pt>
                <c:pt idx="7104">
                  <c:v>#N/A</c:v>
                </c:pt>
                <c:pt idx="7105">
                  <c:v>#N/A</c:v>
                </c:pt>
                <c:pt idx="7106">
                  <c:v>#N/A</c:v>
                </c:pt>
                <c:pt idx="7107">
                  <c:v>#N/A</c:v>
                </c:pt>
                <c:pt idx="7108">
                  <c:v>#N/A</c:v>
                </c:pt>
                <c:pt idx="7109">
                  <c:v>#N/A</c:v>
                </c:pt>
                <c:pt idx="7110">
                  <c:v>#N/A</c:v>
                </c:pt>
                <c:pt idx="7111">
                  <c:v>#N/A</c:v>
                </c:pt>
                <c:pt idx="7112">
                  <c:v>#N/A</c:v>
                </c:pt>
                <c:pt idx="7113">
                  <c:v>#N/A</c:v>
                </c:pt>
                <c:pt idx="7114">
                  <c:v>#N/A</c:v>
                </c:pt>
                <c:pt idx="7115">
                  <c:v>#N/A</c:v>
                </c:pt>
                <c:pt idx="7116">
                  <c:v>#N/A</c:v>
                </c:pt>
                <c:pt idx="7117">
                  <c:v>#N/A</c:v>
                </c:pt>
                <c:pt idx="7118">
                  <c:v>#N/A</c:v>
                </c:pt>
                <c:pt idx="7119">
                  <c:v>#N/A</c:v>
                </c:pt>
                <c:pt idx="7120">
                  <c:v>#N/A</c:v>
                </c:pt>
                <c:pt idx="7121">
                  <c:v>#N/A</c:v>
                </c:pt>
                <c:pt idx="7122">
                  <c:v>#N/A</c:v>
                </c:pt>
                <c:pt idx="7123">
                  <c:v>#N/A</c:v>
                </c:pt>
                <c:pt idx="7124">
                  <c:v>#N/A</c:v>
                </c:pt>
                <c:pt idx="7125">
                  <c:v>#N/A</c:v>
                </c:pt>
                <c:pt idx="7126">
                  <c:v>#N/A</c:v>
                </c:pt>
                <c:pt idx="7127">
                  <c:v>#N/A</c:v>
                </c:pt>
                <c:pt idx="7128">
                  <c:v>#N/A</c:v>
                </c:pt>
                <c:pt idx="7129">
                  <c:v>#N/A</c:v>
                </c:pt>
                <c:pt idx="7130">
                  <c:v>#N/A</c:v>
                </c:pt>
                <c:pt idx="7131">
                  <c:v>#N/A</c:v>
                </c:pt>
                <c:pt idx="7132">
                  <c:v>#N/A</c:v>
                </c:pt>
                <c:pt idx="7133">
                  <c:v>#N/A</c:v>
                </c:pt>
                <c:pt idx="7134">
                  <c:v>#N/A</c:v>
                </c:pt>
                <c:pt idx="7135">
                  <c:v>#N/A</c:v>
                </c:pt>
                <c:pt idx="7136">
                  <c:v>#N/A</c:v>
                </c:pt>
                <c:pt idx="7137">
                  <c:v>#N/A</c:v>
                </c:pt>
                <c:pt idx="7138">
                  <c:v>#N/A</c:v>
                </c:pt>
                <c:pt idx="7139">
                  <c:v>#N/A</c:v>
                </c:pt>
                <c:pt idx="7140">
                  <c:v>#N/A</c:v>
                </c:pt>
                <c:pt idx="7141">
                  <c:v>#N/A</c:v>
                </c:pt>
                <c:pt idx="7142">
                  <c:v>#N/A</c:v>
                </c:pt>
                <c:pt idx="7143">
                  <c:v>#N/A</c:v>
                </c:pt>
                <c:pt idx="7144">
                  <c:v>#N/A</c:v>
                </c:pt>
                <c:pt idx="7145">
                  <c:v>#N/A</c:v>
                </c:pt>
                <c:pt idx="7146">
                  <c:v>#N/A</c:v>
                </c:pt>
                <c:pt idx="7147">
                  <c:v>#N/A</c:v>
                </c:pt>
                <c:pt idx="7148">
                  <c:v>#N/A</c:v>
                </c:pt>
                <c:pt idx="7149">
                  <c:v>#N/A</c:v>
                </c:pt>
                <c:pt idx="7150">
                  <c:v>#N/A</c:v>
                </c:pt>
                <c:pt idx="7151">
                  <c:v>#N/A</c:v>
                </c:pt>
                <c:pt idx="7152">
                  <c:v>#N/A</c:v>
                </c:pt>
                <c:pt idx="7153">
                  <c:v>#N/A</c:v>
                </c:pt>
                <c:pt idx="7154">
                  <c:v>#N/A</c:v>
                </c:pt>
                <c:pt idx="7155">
                  <c:v>#N/A</c:v>
                </c:pt>
                <c:pt idx="7156">
                  <c:v>#N/A</c:v>
                </c:pt>
                <c:pt idx="7157">
                  <c:v>#N/A</c:v>
                </c:pt>
                <c:pt idx="7158">
                  <c:v>#N/A</c:v>
                </c:pt>
                <c:pt idx="7159">
                  <c:v>#N/A</c:v>
                </c:pt>
                <c:pt idx="7160">
                  <c:v>#N/A</c:v>
                </c:pt>
                <c:pt idx="7161">
                  <c:v>#N/A</c:v>
                </c:pt>
                <c:pt idx="7162">
                  <c:v>#N/A</c:v>
                </c:pt>
                <c:pt idx="7163">
                  <c:v>#N/A</c:v>
                </c:pt>
                <c:pt idx="7164">
                  <c:v>#N/A</c:v>
                </c:pt>
                <c:pt idx="7165">
                  <c:v>#N/A</c:v>
                </c:pt>
                <c:pt idx="7166">
                  <c:v>#N/A</c:v>
                </c:pt>
                <c:pt idx="7167">
                  <c:v>#N/A</c:v>
                </c:pt>
                <c:pt idx="7168">
                  <c:v>#N/A</c:v>
                </c:pt>
                <c:pt idx="7169">
                  <c:v>#N/A</c:v>
                </c:pt>
                <c:pt idx="7170">
                  <c:v>#N/A</c:v>
                </c:pt>
                <c:pt idx="7171">
                  <c:v>#N/A</c:v>
                </c:pt>
                <c:pt idx="7172">
                  <c:v>#N/A</c:v>
                </c:pt>
                <c:pt idx="7173">
                  <c:v>#N/A</c:v>
                </c:pt>
                <c:pt idx="7174">
                  <c:v>#N/A</c:v>
                </c:pt>
                <c:pt idx="7175">
                  <c:v>#N/A</c:v>
                </c:pt>
                <c:pt idx="7176">
                  <c:v>#N/A</c:v>
                </c:pt>
                <c:pt idx="7177">
                  <c:v>#N/A</c:v>
                </c:pt>
                <c:pt idx="7178">
                  <c:v>#N/A</c:v>
                </c:pt>
                <c:pt idx="7179">
                  <c:v>#N/A</c:v>
                </c:pt>
                <c:pt idx="7180">
                  <c:v>#N/A</c:v>
                </c:pt>
                <c:pt idx="7181">
                  <c:v>#N/A</c:v>
                </c:pt>
                <c:pt idx="7182">
                  <c:v>#N/A</c:v>
                </c:pt>
                <c:pt idx="7183">
                  <c:v>#N/A</c:v>
                </c:pt>
                <c:pt idx="7184">
                  <c:v>#N/A</c:v>
                </c:pt>
                <c:pt idx="7185">
                  <c:v>#N/A</c:v>
                </c:pt>
                <c:pt idx="7186">
                  <c:v>#N/A</c:v>
                </c:pt>
                <c:pt idx="7187">
                  <c:v>#N/A</c:v>
                </c:pt>
                <c:pt idx="7188">
                  <c:v>#N/A</c:v>
                </c:pt>
                <c:pt idx="7189">
                  <c:v>#N/A</c:v>
                </c:pt>
                <c:pt idx="7190">
                  <c:v>#N/A</c:v>
                </c:pt>
                <c:pt idx="7191">
                  <c:v>#N/A</c:v>
                </c:pt>
                <c:pt idx="7192">
                  <c:v>#N/A</c:v>
                </c:pt>
                <c:pt idx="7193">
                  <c:v>#N/A</c:v>
                </c:pt>
                <c:pt idx="7194">
                  <c:v>#N/A</c:v>
                </c:pt>
                <c:pt idx="7195">
                  <c:v>#N/A</c:v>
                </c:pt>
                <c:pt idx="7196">
                  <c:v>#N/A</c:v>
                </c:pt>
                <c:pt idx="7197">
                  <c:v>#N/A</c:v>
                </c:pt>
                <c:pt idx="7198">
                  <c:v>#N/A</c:v>
                </c:pt>
                <c:pt idx="7199">
                  <c:v>#N/A</c:v>
                </c:pt>
                <c:pt idx="7200">
                  <c:v>#N/A</c:v>
                </c:pt>
                <c:pt idx="7201">
                  <c:v>#N/A</c:v>
                </c:pt>
                <c:pt idx="7202">
                  <c:v>#N/A</c:v>
                </c:pt>
                <c:pt idx="7203">
                  <c:v>#N/A</c:v>
                </c:pt>
                <c:pt idx="7204">
                  <c:v>#N/A</c:v>
                </c:pt>
                <c:pt idx="7205">
                  <c:v>#N/A</c:v>
                </c:pt>
                <c:pt idx="7206">
                  <c:v>#N/A</c:v>
                </c:pt>
                <c:pt idx="7207">
                  <c:v>#N/A</c:v>
                </c:pt>
                <c:pt idx="7208">
                  <c:v>#N/A</c:v>
                </c:pt>
                <c:pt idx="7209">
                  <c:v>#N/A</c:v>
                </c:pt>
                <c:pt idx="7210">
                  <c:v>#N/A</c:v>
                </c:pt>
                <c:pt idx="7211">
                  <c:v>#N/A</c:v>
                </c:pt>
                <c:pt idx="7212">
                  <c:v>#N/A</c:v>
                </c:pt>
                <c:pt idx="7213">
                  <c:v>#N/A</c:v>
                </c:pt>
                <c:pt idx="7214">
                  <c:v>#N/A</c:v>
                </c:pt>
                <c:pt idx="7215">
                  <c:v>#N/A</c:v>
                </c:pt>
                <c:pt idx="7216">
                  <c:v>#N/A</c:v>
                </c:pt>
                <c:pt idx="7217">
                  <c:v>#N/A</c:v>
                </c:pt>
                <c:pt idx="7218">
                  <c:v>#N/A</c:v>
                </c:pt>
                <c:pt idx="7219">
                  <c:v>#N/A</c:v>
                </c:pt>
                <c:pt idx="7220">
                  <c:v>#N/A</c:v>
                </c:pt>
                <c:pt idx="7221">
                  <c:v>#N/A</c:v>
                </c:pt>
                <c:pt idx="7222">
                  <c:v>#N/A</c:v>
                </c:pt>
                <c:pt idx="7223">
                  <c:v>#N/A</c:v>
                </c:pt>
                <c:pt idx="7224">
                  <c:v>#N/A</c:v>
                </c:pt>
                <c:pt idx="7225">
                  <c:v>#N/A</c:v>
                </c:pt>
                <c:pt idx="7226">
                  <c:v>#N/A</c:v>
                </c:pt>
                <c:pt idx="7227">
                  <c:v>#N/A</c:v>
                </c:pt>
                <c:pt idx="7228">
                  <c:v>#N/A</c:v>
                </c:pt>
                <c:pt idx="7229">
                  <c:v>#N/A</c:v>
                </c:pt>
                <c:pt idx="7230">
                  <c:v>#N/A</c:v>
                </c:pt>
                <c:pt idx="7231">
                  <c:v>#N/A</c:v>
                </c:pt>
                <c:pt idx="7232">
                  <c:v>#N/A</c:v>
                </c:pt>
                <c:pt idx="7233">
                  <c:v>#N/A</c:v>
                </c:pt>
                <c:pt idx="7234">
                  <c:v>#N/A</c:v>
                </c:pt>
                <c:pt idx="7235">
                  <c:v>#N/A</c:v>
                </c:pt>
                <c:pt idx="7236">
                  <c:v>#N/A</c:v>
                </c:pt>
                <c:pt idx="7237">
                  <c:v>#N/A</c:v>
                </c:pt>
                <c:pt idx="7238">
                  <c:v>#N/A</c:v>
                </c:pt>
                <c:pt idx="7239">
                  <c:v>#N/A</c:v>
                </c:pt>
                <c:pt idx="7240">
                  <c:v>#N/A</c:v>
                </c:pt>
                <c:pt idx="7241">
                  <c:v>#N/A</c:v>
                </c:pt>
                <c:pt idx="7242">
                  <c:v>#N/A</c:v>
                </c:pt>
                <c:pt idx="7243">
                  <c:v>#N/A</c:v>
                </c:pt>
                <c:pt idx="7244">
                  <c:v>#N/A</c:v>
                </c:pt>
                <c:pt idx="7245">
                  <c:v>#N/A</c:v>
                </c:pt>
                <c:pt idx="7246">
                  <c:v>#N/A</c:v>
                </c:pt>
                <c:pt idx="7247">
                  <c:v>#N/A</c:v>
                </c:pt>
                <c:pt idx="7248">
                  <c:v>#N/A</c:v>
                </c:pt>
                <c:pt idx="7249">
                  <c:v>#N/A</c:v>
                </c:pt>
                <c:pt idx="7250">
                  <c:v>#N/A</c:v>
                </c:pt>
                <c:pt idx="7251">
                  <c:v>#N/A</c:v>
                </c:pt>
                <c:pt idx="7252">
                  <c:v>#N/A</c:v>
                </c:pt>
                <c:pt idx="7253">
                  <c:v>#N/A</c:v>
                </c:pt>
                <c:pt idx="7254">
                  <c:v>#N/A</c:v>
                </c:pt>
                <c:pt idx="7255">
                  <c:v>#N/A</c:v>
                </c:pt>
                <c:pt idx="7256">
                  <c:v>#N/A</c:v>
                </c:pt>
                <c:pt idx="7257">
                  <c:v>#N/A</c:v>
                </c:pt>
                <c:pt idx="7258">
                  <c:v>#N/A</c:v>
                </c:pt>
                <c:pt idx="7259">
                  <c:v>#N/A</c:v>
                </c:pt>
                <c:pt idx="7260">
                  <c:v>#N/A</c:v>
                </c:pt>
                <c:pt idx="7261">
                  <c:v>#N/A</c:v>
                </c:pt>
                <c:pt idx="7262">
                  <c:v>#N/A</c:v>
                </c:pt>
                <c:pt idx="7263">
                  <c:v>#N/A</c:v>
                </c:pt>
                <c:pt idx="7264">
                  <c:v>#N/A</c:v>
                </c:pt>
                <c:pt idx="7265">
                  <c:v>#N/A</c:v>
                </c:pt>
                <c:pt idx="7266">
                  <c:v>#N/A</c:v>
                </c:pt>
                <c:pt idx="7267">
                  <c:v>#N/A</c:v>
                </c:pt>
                <c:pt idx="7268">
                  <c:v>#N/A</c:v>
                </c:pt>
                <c:pt idx="7269">
                  <c:v>#N/A</c:v>
                </c:pt>
                <c:pt idx="7270">
                  <c:v>#N/A</c:v>
                </c:pt>
                <c:pt idx="7271">
                  <c:v>#N/A</c:v>
                </c:pt>
                <c:pt idx="7272">
                  <c:v>#N/A</c:v>
                </c:pt>
                <c:pt idx="7273">
                  <c:v>#N/A</c:v>
                </c:pt>
                <c:pt idx="7274">
                  <c:v>#N/A</c:v>
                </c:pt>
                <c:pt idx="7275">
                  <c:v>#N/A</c:v>
                </c:pt>
                <c:pt idx="7276">
                  <c:v>#N/A</c:v>
                </c:pt>
                <c:pt idx="7277">
                  <c:v>#N/A</c:v>
                </c:pt>
                <c:pt idx="7278">
                  <c:v>#N/A</c:v>
                </c:pt>
                <c:pt idx="7279">
                  <c:v>#N/A</c:v>
                </c:pt>
                <c:pt idx="7280">
                  <c:v>#N/A</c:v>
                </c:pt>
                <c:pt idx="7281">
                  <c:v>#N/A</c:v>
                </c:pt>
                <c:pt idx="7282">
                  <c:v>#N/A</c:v>
                </c:pt>
                <c:pt idx="7283">
                  <c:v>#N/A</c:v>
                </c:pt>
                <c:pt idx="7284">
                  <c:v>#N/A</c:v>
                </c:pt>
                <c:pt idx="7285">
                  <c:v>#N/A</c:v>
                </c:pt>
                <c:pt idx="7286">
                  <c:v>#N/A</c:v>
                </c:pt>
                <c:pt idx="7287">
                  <c:v>#N/A</c:v>
                </c:pt>
                <c:pt idx="7288">
                  <c:v>#N/A</c:v>
                </c:pt>
                <c:pt idx="7289">
                  <c:v>#N/A</c:v>
                </c:pt>
                <c:pt idx="7290">
                  <c:v>#N/A</c:v>
                </c:pt>
                <c:pt idx="7291">
                  <c:v>#N/A</c:v>
                </c:pt>
                <c:pt idx="7292">
                  <c:v>#N/A</c:v>
                </c:pt>
                <c:pt idx="7293">
                  <c:v>#N/A</c:v>
                </c:pt>
                <c:pt idx="7294">
                  <c:v>#N/A</c:v>
                </c:pt>
                <c:pt idx="7295">
                  <c:v>#N/A</c:v>
                </c:pt>
                <c:pt idx="7296">
                  <c:v>#N/A</c:v>
                </c:pt>
                <c:pt idx="7297">
                  <c:v>#N/A</c:v>
                </c:pt>
                <c:pt idx="7298">
                  <c:v>#N/A</c:v>
                </c:pt>
                <c:pt idx="7299">
                  <c:v>#N/A</c:v>
                </c:pt>
                <c:pt idx="7300">
                  <c:v>#N/A</c:v>
                </c:pt>
                <c:pt idx="7301">
                  <c:v>#N/A</c:v>
                </c:pt>
                <c:pt idx="7302">
                  <c:v>#N/A</c:v>
                </c:pt>
                <c:pt idx="7303">
                  <c:v>#N/A</c:v>
                </c:pt>
                <c:pt idx="7304">
                  <c:v>#N/A</c:v>
                </c:pt>
                <c:pt idx="7305">
                  <c:v>#N/A</c:v>
                </c:pt>
                <c:pt idx="7306">
                  <c:v>#N/A</c:v>
                </c:pt>
                <c:pt idx="7307">
                  <c:v>#N/A</c:v>
                </c:pt>
                <c:pt idx="7308">
                  <c:v>#N/A</c:v>
                </c:pt>
                <c:pt idx="7309">
                  <c:v>#N/A</c:v>
                </c:pt>
                <c:pt idx="7310">
                  <c:v>#N/A</c:v>
                </c:pt>
                <c:pt idx="7311">
                  <c:v>#N/A</c:v>
                </c:pt>
                <c:pt idx="7312">
                  <c:v>#N/A</c:v>
                </c:pt>
                <c:pt idx="7313">
                  <c:v>#N/A</c:v>
                </c:pt>
                <c:pt idx="7314">
                  <c:v>#N/A</c:v>
                </c:pt>
                <c:pt idx="7315">
                  <c:v>#N/A</c:v>
                </c:pt>
                <c:pt idx="7316">
                  <c:v>#N/A</c:v>
                </c:pt>
                <c:pt idx="7317">
                  <c:v>#N/A</c:v>
                </c:pt>
                <c:pt idx="7318">
                  <c:v>#N/A</c:v>
                </c:pt>
                <c:pt idx="7319">
                  <c:v>#N/A</c:v>
                </c:pt>
                <c:pt idx="7320">
                  <c:v>#N/A</c:v>
                </c:pt>
                <c:pt idx="7321">
                  <c:v>#N/A</c:v>
                </c:pt>
                <c:pt idx="7322">
                  <c:v>#N/A</c:v>
                </c:pt>
                <c:pt idx="7323">
                  <c:v>#N/A</c:v>
                </c:pt>
                <c:pt idx="7324">
                  <c:v>#N/A</c:v>
                </c:pt>
                <c:pt idx="7325">
                  <c:v>#N/A</c:v>
                </c:pt>
                <c:pt idx="7326">
                  <c:v>#N/A</c:v>
                </c:pt>
                <c:pt idx="7327">
                  <c:v>#N/A</c:v>
                </c:pt>
                <c:pt idx="7328">
                  <c:v>#N/A</c:v>
                </c:pt>
                <c:pt idx="7329">
                  <c:v>#N/A</c:v>
                </c:pt>
                <c:pt idx="7330">
                  <c:v>#N/A</c:v>
                </c:pt>
                <c:pt idx="7331">
                  <c:v>#N/A</c:v>
                </c:pt>
                <c:pt idx="7332">
                  <c:v>#N/A</c:v>
                </c:pt>
                <c:pt idx="7333">
                  <c:v>#N/A</c:v>
                </c:pt>
                <c:pt idx="7334">
                  <c:v>#N/A</c:v>
                </c:pt>
                <c:pt idx="7335">
                  <c:v>#N/A</c:v>
                </c:pt>
                <c:pt idx="7336">
                  <c:v>#N/A</c:v>
                </c:pt>
                <c:pt idx="7337">
                  <c:v>#N/A</c:v>
                </c:pt>
                <c:pt idx="7338">
                  <c:v>#N/A</c:v>
                </c:pt>
                <c:pt idx="7339">
                  <c:v>#N/A</c:v>
                </c:pt>
                <c:pt idx="7340">
                  <c:v>#N/A</c:v>
                </c:pt>
                <c:pt idx="7341">
                  <c:v>#N/A</c:v>
                </c:pt>
                <c:pt idx="7342">
                  <c:v>#N/A</c:v>
                </c:pt>
                <c:pt idx="7343">
                  <c:v>#N/A</c:v>
                </c:pt>
                <c:pt idx="7344">
                  <c:v>#N/A</c:v>
                </c:pt>
                <c:pt idx="7345">
                  <c:v>#N/A</c:v>
                </c:pt>
                <c:pt idx="7346">
                  <c:v>#N/A</c:v>
                </c:pt>
                <c:pt idx="7347">
                  <c:v>#N/A</c:v>
                </c:pt>
                <c:pt idx="7348">
                  <c:v>#N/A</c:v>
                </c:pt>
                <c:pt idx="7349">
                  <c:v>#N/A</c:v>
                </c:pt>
                <c:pt idx="7350">
                  <c:v>#N/A</c:v>
                </c:pt>
                <c:pt idx="7351">
                  <c:v>#N/A</c:v>
                </c:pt>
                <c:pt idx="7352">
                  <c:v>#N/A</c:v>
                </c:pt>
                <c:pt idx="7353">
                  <c:v>#N/A</c:v>
                </c:pt>
                <c:pt idx="7354">
                  <c:v>#N/A</c:v>
                </c:pt>
                <c:pt idx="7355">
                  <c:v>#N/A</c:v>
                </c:pt>
                <c:pt idx="7356">
                  <c:v>#N/A</c:v>
                </c:pt>
                <c:pt idx="7357">
                  <c:v>#N/A</c:v>
                </c:pt>
                <c:pt idx="7358">
                  <c:v>#N/A</c:v>
                </c:pt>
                <c:pt idx="7359">
                  <c:v>#N/A</c:v>
                </c:pt>
                <c:pt idx="7360">
                  <c:v>#N/A</c:v>
                </c:pt>
                <c:pt idx="7361">
                  <c:v>#N/A</c:v>
                </c:pt>
                <c:pt idx="7362">
                  <c:v>#N/A</c:v>
                </c:pt>
                <c:pt idx="7363">
                  <c:v>#N/A</c:v>
                </c:pt>
                <c:pt idx="7364">
                  <c:v>#N/A</c:v>
                </c:pt>
                <c:pt idx="7365">
                  <c:v>#N/A</c:v>
                </c:pt>
                <c:pt idx="7366">
                  <c:v>#N/A</c:v>
                </c:pt>
                <c:pt idx="7367">
                  <c:v>#N/A</c:v>
                </c:pt>
                <c:pt idx="7368">
                  <c:v>#N/A</c:v>
                </c:pt>
                <c:pt idx="7369">
                  <c:v>#N/A</c:v>
                </c:pt>
                <c:pt idx="7370">
                  <c:v>#N/A</c:v>
                </c:pt>
                <c:pt idx="7371">
                  <c:v>#N/A</c:v>
                </c:pt>
                <c:pt idx="7372">
                  <c:v>#N/A</c:v>
                </c:pt>
                <c:pt idx="7373">
                  <c:v>#N/A</c:v>
                </c:pt>
                <c:pt idx="7374">
                  <c:v>#N/A</c:v>
                </c:pt>
                <c:pt idx="7375">
                  <c:v>#N/A</c:v>
                </c:pt>
                <c:pt idx="7376">
                  <c:v>#N/A</c:v>
                </c:pt>
                <c:pt idx="7377">
                  <c:v>#N/A</c:v>
                </c:pt>
                <c:pt idx="7378">
                  <c:v>#N/A</c:v>
                </c:pt>
                <c:pt idx="7379">
                  <c:v>#N/A</c:v>
                </c:pt>
                <c:pt idx="7380">
                  <c:v>#N/A</c:v>
                </c:pt>
                <c:pt idx="7381">
                  <c:v>#N/A</c:v>
                </c:pt>
                <c:pt idx="7382">
                  <c:v>#N/A</c:v>
                </c:pt>
                <c:pt idx="7383">
                  <c:v>#N/A</c:v>
                </c:pt>
                <c:pt idx="7384">
                  <c:v>#N/A</c:v>
                </c:pt>
                <c:pt idx="7385">
                  <c:v>#N/A</c:v>
                </c:pt>
                <c:pt idx="7386">
                  <c:v>#N/A</c:v>
                </c:pt>
                <c:pt idx="7387">
                  <c:v>#N/A</c:v>
                </c:pt>
                <c:pt idx="7388">
                  <c:v>#N/A</c:v>
                </c:pt>
                <c:pt idx="7389">
                  <c:v>#N/A</c:v>
                </c:pt>
                <c:pt idx="7390">
                  <c:v>#N/A</c:v>
                </c:pt>
                <c:pt idx="7391">
                  <c:v>#N/A</c:v>
                </c:pt>
                <c:pt idx="7392">
                  <c:v>#N/A</c:v>
                </c:pt>
                <c:pt idx="7393">
                  <c:v>#N/A</c:v>
                </c:pt>
                <c:pt idx="7394">
                  <c:v>#N/A</c:v>
                </c:pt>
                <c:pt idx="7395">
                  <c:v>#N/A</c:v>
                </c:pt>
                <c:pt idx="7396">
                  <c:v>#N/A</c:v>
                </c:pt>
                <c:pt idx="7397">
                  <c:v>#N/A</c:v>
                </c:pt>
                <c:pt idx="7398">
                  <c:v>#N/A</c:v>
                </c:pt>
                <c:pt idx="7399">
                  <c:v>#N/A</c:v>
                </c:pt>
                <c:pt idx="7400">
                  <c:v>#N/A</c:v>
                </c:pt>
                <c:pt idx="7401">
                  <c:v>#N/A</c:v>
                </c:pt>
                <c:pt idx="7402">
                  <c:v>#N/A</c:v>
                </c:pt>
                <c:pt idx="7403">
                  <c:v>#N/A</c:v>
                </c:pt>
                <c:pt idx="7404">
                  <c:v>#N/A</c:v>
                </c:pt>
                <c:pt idx="7405">
                  <c:v>#N/A</c:v>
                </c:pt>
                <c:pt idx="7406">
                  <c:v>#N/A</c:v>
                </c:pt>
                <c:pt idx="7407">
                  <c:v>#N/A</c:v>
                </c:pt>
                <c:pt idx="7408">
                  <c:v>#N/A</c:v>
                </c:pt>
                <c:pt idx="7409">
                  <c:v>#N/A</c:v>
                </c:pt>
                <c:pt idx="7410">
                  <c:v>#N/A</c:v>
                </c:pt>
                <c:pt idx="7411">
                  <c:v>#N/A</c:v>
                </c:pt>
                <c:pt idx="7412">
                  <c:v>#N/A</c:v>
                </c:pt>
                <c:pt idx="7413">
                  <c:v>#N/A</c:v>
                </c:pt>
                <c:pt idx="7414">
                  <c:v>#N/A</c:v>
                </c:pt>
                <c:pt idx="7415">
                  <c:v>#N/A</c:v>
                </c:pt>
                <c:pt idx="7416">
                  <c:v>#N/A</c:v>
                </c:pt>
                <c:pt idx="7417">
                  <c:v>#N/A</c:v>
                </c:pt>
                <c:pt idx="7418">
                  <c:v>#N/A</c:v>
                </c:pt>
                <c:pt idx="7419">
                  <c:v>#N/A</c:v>
                </c:pt>
                <c:pt idx="7420">
                  <c:v>#N/A</c:v>
                </c:pt>
                <c:pt idx="7421">
                  <c:v>#N/A</c:v>
                </c:pt>
                <c:pt idx="7422">
                  <c:v>#N/A</c:v>
                </c:pt>
                <c:pt idx="7423">
                  <c:v>#N/A</c:v>
                </c:pt>
                <c:pt idx="7424">
                  <c:v>#N/A</c:v>
                </c:pt>
                <c:pt idx="7425">
                  <c:v>#N/A</c:v>
                </c:pt>
                <c:pt idx="7426">
                  <c:v>#N/A</c:v>
                </c:pt>
                <c:pt idx="7427">
                  <c:v>#N/A</c:v>
                </c:pt>
                <c:pt idx="7428">
                  <c:v>#N/A</c:v>
                </c:pt>
                <c:pt idx="7429">
                  <c:v>#N/A</c:v>
                </c:pt>
                <c:pt idx="7430">
                  <c:v>#N/A</c:v>
                </c:pt>
                <c:pt idx="7431">
                  <c:v>#N/A</c:v>
                </c:pt>
                <c:pt idx="7432">
                  <c:v>#N/A</c:v>
                </c:pt>
                <c:pt idx="7433">
                  <c:v>#N/A</c:v>
                </c:pt>
                <c:pt idx="7434">
                  <c:v>#N/A</c:v>
                </c:pt>
                <c:pt idx="7435">
                  <c:v>#N/A</c:v>
                </c:pt>
                <c:pt idx="7436">
                  <c:v>#N/A</c:v>
                </c:pt>
                <c:pt idx="7437">
                  <c:v>#N/A</c:v>
                </c:pt>
                <c:pt idx="7438">
                  <c:v>#N/A</c:v>
                </c:pt>
                <c:pt idx="7439">
                  <c:v>#N/A</c:v>
                </c:pt>
                <c:pt idx="7440">
                  <c:v>#N/A</c:v>
                </c:pt>
                <c:pt idx="7441">
                  <c:v>#N/A</c:v>
                </c:pt>
                <c:pt idx="7442">
                  <c:v>#N/A</c:v>
                </c:pt>
                <c:pt idx="7443">
                  <c:v>#N/A</c:v>
                </c:pt>
                <c:pt idx="7444">
                  <c:v>#N/A</c:v>
                </c:pt>
                <c:pt idx="7445">
                  <c:v>#N/A</c:v>
                </c:pt>
                <c:pt idx="7446">
                  <c:v>#N/A</c:v>
                </c:pt>
                <c:pt idx="7447">
                  <c:v>#N/A</c:v>
                </c:pt>
                <c:pt idx="7448">
                  <c:v>#N/A</c:v>
                </c:pt>
              </c:numCache>
            </c:numRef>
          </c:xVal>
          <c:yVal>
            <c:numRef>
              <c:f>'CPT Data'!$B$12:$B$7462</c:f>
              <c:numCache>
                <c:formatCode>General</c:formatCode>
                <c:ptCount val="7451"/>
                <c:pt idx="0">
                  <c:v>0</c:v>
                </c:pt>
                <c:pt idx="1">
                  <c:v>7.0000000000000001E-3</c:v>
                </c:pt>
                <c:pt idx="2">
                  <c:v>1.4999999999999999E-2</c:v>
                </c:pt>
                <c:pt idx="3">
                  <c:v>2.1999999999999999E-2</c:v>
                </c:pt>
                <c:pt idx="4">
                  <c:v>0.03</c:v>
                </c:pt>
                <c:pt idx="5">
                  <c:v>3.6999999999999998E-2</c:v>
                </c:pt>
                <c:pt idx="6">
                  <c:v>4.4999999999999998E-2</c:v>
                </c:pt>
                <c:pt idx="7">
                  <c:v>5.1999999999999998E-2</c:v>
                </c:pt>
                <c:pt idx="8">
                  <c:v>5.8999999999999997E-2</c:v>
                </c:pt>
                <c:pt idx="9">
                  <c:v>6.6000000000000003E-2</c:v>
                </c:pt>
                <c:pt idx="10">
                  <c:v>7.3999999999999996E-2</c:v>
                </c:pt>
                <c:pt idx="11">
                  <c:v>8.1000000000000003E-2</c:v>
                </c:pt>
                <c:pt idx="12">
                  <c:v>8.8999999999999996E-2</c:v>
                </c:pt>
                <c:pt idx="13">
                  <c:v>9.6000000000000002E-2</c:v>
                </c:pt>
                <c:pt idx="14">
                  <c:v>0.104</c:v>
                </c:pt>
                <c:pt idx="15">
                  <c:v>0.111</c:v>
                </c:pt>
                <c:pt idx="16">
                  <c:v>0.11799999999999999</c:v>
                </c:pt>
                <c:pt idx="17">
                  <c:v>0.126</c:v>
                </c:pt>
                <c:pt idx="18">
                  <c:v>0.13400000000000001</c:v>
                </c:pt>
                <c:pt idx="19">
                  <c:v>0.14099999999999999</c:v>
                </c:pt>
                <c:pt idx="20">
                  <c:v>0.14899999999999999</c:v>
                </c:pt>
                <c:pt idx="21">
                  <c:v>0.156</c:v>
                </c:pt>
                <c:pt idx="22">
                  <c:v>0.16400000000000001</c:v>
                </c:pt>
                <c:pt idx="23">
                  <c:v>0.17199999999999999</c:v>
                </c:pt>
                <c:pt idx="24">
                  <c:v>0.17899999999999999</c:v>
                </c:pt>
                <c:pt idx="25">
                  <c:v>0.186</c:v>
                </c:pt>
                <c:pt idx="26">
                  <c:v>0.19500000000000001</c:v>
                </c:pt>
                <c:pt idx="27">
                  <c:v>0.20200000000000001</c:v>
                </c:pt>
                <c:pt idx="28">
                  <c:v>0.20899999999999999</c:v>
                </c:pt>
                <c:pt idx="29">
                  <c:v>0.217</c:v>
                </c:pt>
                <c:pt idx="30">
                  <c:v>0.224</c:v>
                </c:pt>
                <c:pt idx="31">
                  <c:v>0.23100000000000001</c:v>
                </c:pt>
                <c:pt idx="32">
                  <c:v>0.23899999999999999</c:v>
                </c:pt>
                <c:pt idx="33">
                  <c:v>0.246</c:v>
                </c:pt>
                <c:pt idx="34">
                  <c:v>0.254</c:v>
                </c:pt>
                <c:pt idx="35">
                  <c:v>0.26100000000000001</c:v>
                </c:pt>
                <c:pt idx="36">
                  <c:v>0.26900000000000002</c:v>
                </c:pt>
                <c:pt idx="37">
                  <c:v>0.27600000000000002</c:v>
                </c:pt>
                <c:pt idx="38">
                  <c:v>0.28399999999999997</c:v>
                </c:pt>
                <c:pt idx="39">
                  <c:v>0.29099999999999998</c:v>
                </c:pt>
                <c:pt idx="40">
                  <c:v>0.29899999999999999</c:v>
                </c:pt>
                <c:pt idx="41">
                  <c:v>0.30599999999999999</c:v>
                </c:pt>
                <c:pt idx="42">
                  <c:v>0.314</c:v>
                </c:pt>
                <c:pt idx="43">
                  <c:v>0.32100000000000001</c:v>
                </c:pt>
                <c:pt idx="44">
                  <c:v>0.32900000000000001</c:v>
                </c:pt>
                <c:pt idx="45">
                  <c:v>0.33600000000000002</c:v>
                </c:pt>
                <c:pt idx="46">
                  <c:v>0.34300000000000003</c:v>
                </c:pt>
                <c:pt idx="47">
                  <c:v>0.35099999999999998</c:v>
                </c:pt>
                <c:pt idx="48">
                  <c:v>0.35799999999999998</c:v>
                </c:pt>
                <c:pt idx="49">
                  <c:v>0.36599999999999999</c:v>
                </c:pt>
                <c:pt idx="50">
                  <c:v>0.374</c:v>
                </c:pt>
                <c:pt idx="51">
                  <c:v>0.38100000000000001</c:v>
                </c:pt>
                <c:pt idx="52">
                  <c:v>0.38900000000000001</c:v>
                </c:pt>
                <c:pt idx="53">
                  <c:v>0.39500000000000002</c:v>
                </c:pt>
                <c:pt idx="54">
                  <c:v>0.40300000000000002</c:v>
                </c:pt>
                <c:pt idx="55">
                  <c:v>0.41</c:v>
                </c:pt>
                <c:pt idx="56">
                  <c:v>0.41799999999999998</c:v>
                </c:pt>
                <c:pt idx="57">
                  <c:v>0.42499999999999999</c:v>
                </c:pt>
                <c:pt idx="58">
                  <c:v>0.434</c:v>
                </c:pt>
                <c:pt idx="59">
                  <c:v>0.44</c:v>
                </c:pt>
                <c:pt idx="60">
                  <c:v>0.44800000000000001</c:v>
                </c:pt>
                <c:pt idx="61">
                  <c:v>0.45700000000000002</c:v>
                </c:pt>
                <c:pt idx="62">
                  <c:v>0.46300000000000002</c:v>
                </c:pt>
                <c:pt idx="63">
                  <c:v>0.47199999999999998</c:v>
                </c:pt>
                <c:pt idx="64">
                  <c:v>0.47899999999999998</c:v>
                </c:pt>
                <c:pt idx="65">
                  <c:v>0.48699999999999999</c:v>
                </c:pt>
                <c:pt idx="66">
                  <c:v>0.49399999999999999</c:v>
                </c:pt>
                <c:pt idx="67">
                  <c:v>0.502</c:v>
                </c:pt>
                <c:pt idx="68">
                  <c:v>0.50900000000000001</c:v>
                </c:pt>
                <c:pt idx="69">
                  <c:v>0.51600000000000001</c:v>
                </c:pt>
                <c:pt idx="70">
                  <c:v>0.52400000000000002</c:v>
                </c:pt>
                <c:pt idx="71">
                  <c:v>0.53200000000000003</c:v>
                </c:pt>
                <c:pt idx="72">
                  <c:v>0.53900000000000003</c:v>
                </c:pt>
                <c:pt idx="73">
                  <c:v>0.54600000000000004</c:v>
                </c:pt>
                <c:pt idx="74">
                  <c:v>0.55400000000000005</c:v>
                </c:pt>
                <c:pt idx="75">
                  <c:v>0.56100000000000005</c:v>
                </c:pt>
                <c:pt idx="76">
                  <c:v>0.56799999999999995</c:v>
                </c:pt>
                <c:pt idx="77">
                  <c:v>0.57599999999999996</c:v>
                </c:pt>
                <c:pt idx="78">
                  <c:v>0.58299999999999996</c:v>
                </c:pt>
                <c:pt idx="79">
                  <c:v>0.59099999999999997</c:v>
                </c:pt>
                <c:pt idx="80">
                  <c:v>0.59799999999999998</c:v>
                </c:pt>
                <c:pt idx="81">
                  <c:v>0.60699999999999998</c:v>
                </c:pt>
                <c:pt idx="82">
                  <c:v>0.61399999999999999</c:v>
                </c:pt>
                <c:pt idx="83">
                  <c:v>0.621</c:v>
                </c:pt>
                <c:pt idx="84">
                  <c:v>0.629</c:v>
                </c:pt>
                <c:pt idx="85">
                  <c:v>0.63700000000000001</c:v>
                </c:pt>
                <c:pt idx="86">
                  <c:v>0.64400000000000002</c:v>
                </c:pt>
                <c:pt idx="87">
                  <c:v>0.65200000000000002</c:v>
                </c:pt>
                <c:pt idx="88">
                  <c:v>0.65900000000000003</c:v>
                </c:pt>
                <c:pt idx="89">
                  <c:v>0.66700000000000004</c:v>
                </c:pt>
                <c:pt idx="90">
                  <c:v>0.67400000000000004</c:v>
                </c:pt>
                <c:pt idx="91">
                  <c:v>0.68200000000000005</c:v>
                </c:pt>
                <c:pt idx="92">
                  <c:v>0.68899999999999995</c:v>
                </c:pt>
                <c:pt idx="93">
                  <c:v>0.69699999999999995</c:v>
                </c:pt>
                <c:pt idx="94">
                  <c:v>0.70399999999999996</c:v>
                </c:pt>
                <c:pt idx="95">
                  <c:v>0.71199999999999997</c:v>
                </c:pt>
                <c:pt idx="96">
                  <c:v>0.72</c:v>
                </c:pt>
                <c:pt idx="97">
                  <c:v>0.72599999999999998</c:v>
                </c:pt>
                <c:pt idx="98">
                  <c:v>0.73399999999999999</c:v>
                </c:pt>
                <c:pt idx="99">
                  <c:v>0.78100000000000003</c:v>
                </c:pt>
                <c:pt idx="100">
                  <c:v>0.78800000000000003</c:v>
                </c:pt>
                <c:pt idx="101">
                  <c:v>0.79600000000000004</c:v>
                </c:pt>
                <c:pt idx="102">
                  <c:v>0.80300000000000005</c:v>
                </c:pt>
                <c:pt idx="103">
                  <c:v>0.81100000000000005</c:v>
                </c:pt>
                <c:pt idx="104">
                  <c:v>0.81799999999999995</c:v>
                </c:pt>
                <c:pt idx="105">
                  <c:v>0.82499999999999996</c:v>
                </c:pt>
                <c:pt idx="106">
                  <c:v>0.83299999999999996</c:v>
                </c:pt>
                <c:pt idx="107">
                  <c:v>0.84099999999999997</c:v>
                </c:pt>
                <c:pt idx="108">
                  <c:v>0.84899999999999998</c:v>
                </c:pt>
                <c:pt idx="109">
                  <c:v>0.85599999999999998</c:v>
                </c:pt>
                <c:pt idx="110">
                  <c:v>0.86399999999999999</c:v>
                </c:pt>
                <c:pt idx="111">
                  <c:v>0.871</c:v>
                </c:pt>
                <c:pt idx="112">
                  <c:v>0.879</c:v>
                </c:pt>
                <c:pt idx="113">
                  <c:v>0.88600000000000001</c:v>
                </c:pt>
                <c:pt idx="114">
                  <c:v>0.89400000000000002</c:v>
                </c:pt>
                <c:pt idx="115">
                  <c:v>0.90100000000000002</c:v>
                </c:pt>
                <c:pt idx="116">
                  <c:v>0.90900000000000003</c:v>
                </c:pt>
                <c:pt idx="117">
                  <c:v>0.91600000000000004</c:v>
                </c:pt>
                <c:pt idx="118">
                  <c:v>0.92400000000000004</c:v>
                </c:pt>
                <c:pt idx="119">
                  <c:v>0.93100000000000005</c:v>
                </c:pt>
                <c:pt idx="120">
                  <c:v>0.93899999999999995</c:v>
                </c:pt>
                <c:pt idx="121">
                  <c:v>0.93899999999999995</c:v>
                </c:pt>
                <c:pt idx="122">
                  <c:v>0.93899999999999995</c:v>
                </c:pt>
                <c:pt idx="123">
                  <c:v>0.97</c:v>
                </c:pt>
                <c:pt idx="124">
                  <c:v>0.97699999999999998</c:v>
                </c:pt>
                <c:pt idx="125">
                  <c:v>0.98499999999999999</c:v>
                </c:pt>
                <c:pt idx="126">
                  <c:v>0.99299999999999999</c:v>
                </c:pt>
                <c:pt idx="127">
                  <c:v>1.0009999999999999</c:v>
                </c:pt>
                <c:pt idx="128">
                  <c:v>1.008</c:v>
                </c:pt>
                <c:pt idx="129">
                  <c:v>1.016</c:v>
                </c:pt>
                <c:pt idx="130">
                  <c:v>1.0229999999999999</c:v>
                </c:pt>
                <c:pt idx="131">
                  <c:v>1.0309999999999999</c:v>
                </c:pt>
                <c:pt idx="132">
                  <c:v>1.038</c:v>
                </c:pt>
                <c:pt idx="133">
                  <c:v>1.046</c:v>
                </c:pt>
                <c:pt idx="134">
                  <c:v>1.054</c:v>
                </c:pt>
                <c:pt idx="135">
                  <c:v>1.0609999999999999</c:v>
                </c:pt>
                <c:pt idx="136">
                  <c:v>1.0680000000000001</c:v>
                </c:pt>
                <c:pt idx="137">
                  <c:v>1.075</c:v>
                </c:pt>
                <c:pt idx="138">
                  <c:v>1.083</c:v>
                </c:pt>
                <c:pt idx="139">
                  <c:v>1.091</c:v>
                </c:pt>
                <c:pt idx="140">
                  <c:v>1.099</c:v>
                </c:pt>
                <c:pt idx="141">
                  <c:v>1.1060000000000001</c:v>
                </c:pt>
                <c:pt idx="142">
                  <c:v>1.1140000000000001</c:v>
                </c:pt>
                <c:pt idx="143">
                  <c:v>1.121</c:v>
                </c:pt>
                <c:pt idx="144">
                  <c:v>1.129</c:v>
                </c:pt>
                <c:pt idx="145">
                  <c:v>1.1359999999999999</c:v>
                </c:pt>
                <c:pt idx="146">
                  <c:v>1.1439999999999999</c:v>
                </c:pt>
                <c:pt idx="147">
                  <c:v>1.151</c:v>
                </c:pt>
                <c:pt idx="148">
                  <c:v>1.1599999999999999</c:v>
                </c:pt>
                <c:pt idx="149">
                  <c:v>1.167</c:v>
                </c:pt>
                <c:pt idx="150">
                  <c:v>1.2090000000000001</c:v>
                </c:pt>
                <c:pt idx="151">
                  <c:v>1.216</c:v>
                </c:pt>
                <c:pt idx="152">
                  <c:v>1.262</c:v>
                </c:pt>
                <c:pt idx="153">
                  <c:v>1.27</c:v>
                </c:pt>
                <c:pt idx="154">
                  <c:v>1.278</c:v>
                </c:pt>
                <c:pt idx="155">
                  <c:v>1.286</c:v>
                </c:pt>
                <c:pt idx="156">
                  <c:v>1.2929999999999999</c:v>
                </c:pt>
                <c:pt idx="157">
                  <c:v>1.3009999999999999</c:v>
                </c:pt>
                <c:pt idx="158">
                  <c:v>1.3080000000000001</c:v>
                </c:pt>
                <c:pt idx="159">
                  <c:v>1.3160000000000001</c:v>
                </c:pt>
                <c:pt idx="160">
                  <c:v>1.323</c:v>
                </c:pt>
                <c:pt idx="161">
                  <c:v>1.331</c:v>
                </c:pt>
                <c:pt idx="162">
                  <c:v>1.3380000000000001</c:v>
                </c:pt>
                <c:pt idx="163">
                  <c:v>1.347</c:v>
                </c:pt>
                <c:pt idx="164">
                  <c:v>1.3540000000000001</c:v>
                </c:pt>
                <c:pt idx="165">
                  <c:v>1.3620000000000001</c:v>
                </c:pt>
                <c:pt idx="166">
                  <c:v>1.369</c:v>
                </c:pt>
                <c:pt idx="167">
                  <c:v>1.377</c:v>
                </c:pt>
                <c:pt idx="168">
                  <c:v>1.385</c:v>
                </c:pt>
                <c:pt idx="169">
                  <c:v>1.3919999999999999</c:v>
                </c:pt>
                <c:pt idx="170">
                  <c:v>1.399</c:v>
                </c:pt>
                <c:pt idx="171">
                  <c:v>1.4079999999999999</c:v>
                </c:pt>
                <c:pt idx="172">
                  <c:v>1.415</c:v>
                </c:pt>
                <c:pt idx="173">
                  <c:v>1.423</c:v>
                </c:pt>
                <c:pt idx="174">
                  <c:v>1.43</c:v>
                </c:pt>
                <c:pt idx="175">
                  <c:v>1.4379999999999999</c:v>
                </c:pt>
                <c:pt idx="176">
                  <c:v>1.4450000000000001</c:v>
                </c:pt>
                <c:pt idx="177">
                  <c:v>1.454</c:v>
                </c:pt>
                <c:pt idx="178">
                  <c:v>1.4610000000000001</c:v>
                </c:pt>
                <c:pt idx="179">
                  <c:v>1.47</c:v>
                </c:pt>
                <c:pt idx="180">
                  <c:v>1.4790000000000001</c:v>
                </c:pt>
                <c:pt idx="181">
                  <c:v>1.488</c:v>
                </c:pt>
                <c:pt idx="182">
                  <c:v>1.4970000000000001</c:v>
                </c:pt>
                <c:pt idx="183">
                  <c:v>1.506</c:v>
                </c:pt>
                <c:pt idx="184">
                  <c:v>1.5149999999999999</c:v>
                </c:pt>
                <c:pt idx="185">
                  <c:v>1.524</c:v>
                </c:pt>
                <c:pt idx="186">
                  <c:v>1.5329999999999999</c:v>
                </c:pt>
                <c:pt idx="187">
                  <c:v>1.542</c:v>
                </c:pt>
                <c:pt idx="188">
                  <c:v>1.552</c:v>
                </c:pt>
                <c:pt idx="189">
                  <c:v>1.56</c:v>
                </c:pt>
                <c:pt idx="190">
                  <c:v>1.569</c:v>
                </c:pt>
                <c:pt idx="191">
                  <c:v>1.577</c:v>
                </c:pt>
                <c:pt idx="192">
                  <c:v>1.587</c:v>
                </c:pt>
                <c:pt idx="193">
                  <c:v>1.5960000000000001</c:v>
                </c:pt>
                <c:pt idx="194">
                  <c:v>1.6040000000000001</c:v>
                </c:pt>
                <c:pt idx="195">
                  <c:v>1.613</c:v>
                </c:pt>
                <c:pt idx="196">
                  <c:v>1.6220000000000001</c:v>
                </c:pt>
                <c:pt idx="197">
                  <c:v>1.6319999999999999</c:v>
                </c:pt>
                <c:pt idx="198">
                  <c:v>1.64</c:v>
                </c:pt>
                <c:pt idx="199">
                  <c:v>1.65</c:v>
                </c:pt>
                <c:pt idx="200">
                  <c:v>1.6579999999999999</c:v>
                </c:pt>
                <c:pt idx="201">
                  <c:v>1.6679999999999999</c:v>
                </c:pt>
                <c:pt idx="202">
                  <c:v>1.677</c:v>
                </c:pt>
                <c:pt idx="203">
                  <c:v>1.6859999999999999</c:v>
                </c:pt>
                <c:pt idx="204">
                  <c:v>1.6950000000000001</c:v>
                </c:pt>
                <c:pt idx="205">
                  <c:v>1.704</c:v>
                </c:pt>
                <c:pt idx="206">
                  <c:v>1.712</c:v>
                </c:pt>
                <c:pt idx="207">
                  <c:v>1.722</c:v>
                </c:pt>
                <c:pt idx="208">
                  <c:v>1.732</c:v>
                </c:pt>
                <c:pt idx="209">
                  <c:v>1.74</c:v>
                </c:pt>
                <c:pt idx="210">
                  <c:v>1.7490000000000001</c:v>
                </c:pt>
                <c:pt idx="211">
                  <c:v>1.758</c:v>
                </c:pt>
                <c:pt idx="212">
                  <c:v>1.7669999999999999</c:v>
                </c:pt>
                <c:pt idx="213">
                  <c:v>1.776</c:v>
                </c:pt>
                <c:pt idx="214">
                  <c:v>1.7849999999999999</c:v>
                </c:pt>
                <c:pt idx="215">
                  <c:v>1.794</c:v>
                </c:pt>
                <c:pt idx="216">
                  <c:v>1.804</c:v>
                </c:pt>
                <c:pt idx="217">
                  <c:v>1.8120000000000001</c:v>
                </c:pt>
                <c:pt idx="218">
                  <c:v>1.821</c:v>
                </c:pt>
                <c:pt idx="219">
                  <c:v>1.83</c:v>
                </c:pt>
                <c:pt idx="220">
                  <c:v>1.839</c:v>
                </c:pt>
                <c:pt idx="221">
                  <c:v>1.849</c:v>
                </c:pt>
                <c:pt idx="222">
                  <c:v>1.857</c:v>
                </c:pt>
                <c:pt idx="223">
                  <c:v>1.867</c:v>
                </c:pt>
                <c:pt idx="224">
                  <c:v>1.875</c:v>
                </c:pt>
                <c:pt idx="225">
                  <c:v>1.885</c:v>
                </c:pt>
                <c:pt idx="226">
                  <c:v>1.8939999999999999</c:v>
                </c:pt>
                <c:pt idx="227">
                  <c:v>1.9019999999999999</c:v>
                </c:pt>
                <c:pt idx="228">
                  <c:v>1.9119999999999999</c:v>
                </c:pt>
                <c:pt idx="229">
                  <c:v>1.92</c:v>
                </c:pt>
                <c:pt idx="230">
                  <c:v>1.929</c:v>
                </c:pt>
                <c:pt idx="231">
                  <c:v>1.9379999999999999</c:v>
                </c:pt>
                <c:pt idx="232">
                  <c:v>1.948</c:v>
                </c:pt>
                <c:pt idx="233">
                  <c:v>1.956</c:v>
                </c:pt>
                <c:pt idx="234">
                  <c:v>1.966</c:v>
                </c:pt>
                <c:pt idx="235">
                  <c:v>1.974</c:v>
                </c:pt>
                <c:pt idx="236">
                  <c:v>1.984</c:v>
                </c:pt>
                <c:pt idx="237">
                  <c:v>1.9930000000000001</c:v>
                </c:pt>
                <c:pt idx="238">
                  <c:v>2.004</c:v>
                </c:pt>
                <c:pt idx="239">
                  <c:v>2.0129999999999999</c:v>
                </c:pt>
                <c:pt idx="240">
                  <c:v>2.0230000000000001</c:v>
                </c:pt>
                <c:pt idx="241">
                  <c:v>2.0329999999999999</c:v>
                </c:pt>
                <c:pt idx="242">
                  <c:v>2.0419999999999998</c:v>
                </c:pt>
                <c:pt idx="243">
                  <c:v>2.0529999999999999</c:v>
                </c:pt>
                <c:pt idx="244">
                  <c:v>2.0630000000000002</c:v>
                </c:pt>
                <c:pt idx="245">
                  <c:v>2.073</c:v>
                </c:pt>
                <c:pt idx="246">
                  <c:v>2.0830000000000002</c:v>
                </c:pt>
                <c:pt idx="247">
                  <c:v>2.0920000000000001</c:v>
                </c:pt>
                <c:pt idx="248">
                  <c:v>2.1030000000000002</c:v>
                </c:pt>
                <c:pt idx="249">
                  <c:v>2.1120000000000001</c:v>
                </c:pt>
                <c:pt idx="250">
                  <c:v>2.1230000000000002</c:v>
                </c:pt>
                <c:pt idx="251">
                  <c:v>2.1320000000000001</c:v>
                </c:pt>
                <c:pt idx="252">
                  <c:v>2.1429999999999998</c:v>
                </c:pt>
                <c:pt idx="253">
                  <c:v>2.153</c:v>
                </c:pt>
                <c:pt idx="254">
                  <c:v>2.1629999999999998</c:v>
                </c:pt>
                <c:pt idx="255">
                  <c:v>2.173</c:v>
                </c:pt>
                <c:pt idx="256">
                  <c:v>2.1829999999999998</c:v>
                </c:pt>
                <c:pt idx="257">
                  <c:v>2.1930000000000001</c:v>
                </c:pt>
                <c:pt idx="258">
                  <c:v>2.2029999999999998</c:v>
                </c:pt>
                <c:pt idx="259">
                  <c:v>2.2130000000000001</c:v>
                </c:pt>
                <c:pt idx="260">
                  <c:v>2.222</c:v>
                </c:pt>
                <c:pt idx="261">
                  <c:v>2.2330000000000001</c:v>
                </c:pt>
                <c:pt idx="262">
                  <c:v>2.242</c:v>
                </c:pt>
                <c:pt idx="263">
                  <c:v>2.2530000000000001</c:v>
                </c:pt>
                <c:pt idx="264">
                  <c:v>2.2629999999999999</c:v>
                </c:pt>
                <c:pt idx="265">
                  <c:v>2.2730000000000001</c:v>
                </c:pt>
                <c:pt idx="266">
                  <c:v>2.2839999999999998</c:v>
                </c:pt>
                <c:pt idx="267">
                  <c:v>2.2930000000000001</c:v>
                </c:pt>
                <c:pt idx="268">
                  <c:v>2.3029999999999999</c:v>
                </c:pt>
                <c:pt idx="269">
                  <c:v>2.3130000000000002</c:v>
                </c:pt>
                <c:pt idx="270">
                  <c:v>2.3239999999999998</c:v>
                </c:pt>
                <c:pt idx="271">
                  <c:v>2.3330000000000002</c:v>
                </c:pt>
                <c:pt idx="272">
                  <c:v>2.3439999999999999</c:v>
                </c:pt>
                <c:pt idx="273">
                  <c:v>2.3530000000000002</c:v>
                </c:pt>
                <c:pt idx="274">
                  <c:v>2.3639999999999999</c:v>
                </c:pt>
                <c:pt idx="275">
                  <c:v>2.3730000000000002</c:v>
                </c:pt>
                <c:pt idx="276">
                  <c:v>2.3839999999999999</c:v>
                </c:pt>
                <c:pt idx="277">
                  <c:v>2.3929999999999998</c:v>
                </c:pt>
                <c:pt idx="278">
                  <c:v>2.4039999999999999</c:v>
                </c:pt>
                <c:pt idx="279">
                  <c:v>2.4129999999999998</c:v>
                </c:pt>
                <c:pt idx="280">
                  <c:v>2.4239999999999999</c:v>
                </c:pt>
                <c:pt idx="281">
                  <c:v>2.4329999999999998</c:v>
                </c:pt>
                <c:pt idx="282">
                  <c:v>2.4430000000000001</c:v>
                </c:pt>
                <c:pt idx="283">
                  <c:v>2.4540000000000002</c:v>
                </c:pt>
                <c:pt idx="284">
                  <c:v>2.4630000000000001</c:v>
                </c:pt>
                <c:pt idx="285">
                  <c:v>2.472</c:v>
                </c:pt>
                <c:pt idx="286">
                  <c:v>2.4830000000000001</c:v>
                </c:pt>
                <c:pt idx="287">
                  <c:v>2.4940000000000002</c:v>
                </c:pt>
                <c:pt idx="288">
                  <c:v>2.5030000000000001</c:v>
                </c:pt>
                <c:pt idx="289">
                  <c:v>2.5139999999999998</c:v>
                </c:pt>
                <c:pt idx="290">
                  <c:v>2.5230000000000001</c:v>
                </c:pt>
                <c:pt idx="291">
                  <c:v>2.5339999999999998</c:v>
                </c:pt>
                <c:pt idx="292">
                  <c:v>2.5430000000000001</c:v>
                </c:pt>
                <c:pt idx="293">
                  <c:v>2.5529999999999999</c:v>
                </c:pt>
                <c:pt idx="294">
                  <c:v>2.5640000000000001</c:v>
                </c:pt>
                <c:pt idx="295">
                  <c:v>2.573</c:v>
                </c:pt>
                <c:pt idx="296">
                  <c:v>2.5830000000000002</c:v>
                </c:pt>
                <c:pt idx="297">
                  <c:v>2.5920000000000001</c:v>
                </c:pt>
                <c:pt idx="298">
                  <c:v>2.6030000000000002</c:v>
                </c:pt>
                <c:pt idx="299">
                  <c:v>2.6120000000000001</c:v>
                </c:pt>
                <c:pt idx="300">
                  <c:v>2.6230000000000002</c:v>
                </c:pt>
                <c:pt idx="301">
                  <c:v>2.6320000000000001</c:v>
                </c:pt>
                <c:pt idx="302">
                  <c:v>2.6429999999999998</c:v>
                </c:pt>
                <c:pt idx="303">
                  <c:v>2.6520000000000001</c:v>
                </c:pt>
                <c:pt idx="304">
                  <c:v>2.6629999999999998</c:v>
                </c:pt>
                <c:pt idx="305">
                  <c:v>2.6720000000000002</c:v>
                </c:pt>
                <c:pt idx="306">
                  <c:v>2.6819999999999999</c:v>
                </c:pt>
                <c:pt idx="307">
                  <c:v>2.6920000000000002</c:v>
                </c:pt>
                <c:pt idx="308">
                  <c:v>2.702</c:v>
                </c:pt>
                <c:pt idx="309">
                  <c:v>2.7120000000000002</c:v>
                </c:pt>
                <c:pt idx="310">
                  <c:v>2.722</c:v>
                </c:pt>
                <c:pt idx="311">
                  <c:v>2.7309999999999999</c:v>
                </c:pt>
                <c:pt idx="312">
                  <c:v>2.742</c:v>
                </c:pt>
                <c:pt idx="313">
                  <c:v>2.7519999999999998</c:v>
                </c:pt>
                <c:pt idx="314">
                  <c:v>2.762</c:v>
                </c:pt>
                <c:pt idx="315">
                  <c:v>2.7709999999999999</c:v>
                </c:pt>
                <c:pt idx="316">
                  <c:v>2.782</c:v>
                </c:pt>
                <c:pt idx="317">
                  <c:v>2.7909999999999999</c:v>
                </c:pt>
                <c:pt idx="318">
                  <c:v>2.802</c:v>
                </c:pt>
                <c:pt idx="319">
                  <c:v>2.8119999999999998</c:v>
                </c:pt>
                <c:pt idx="320">
                  <c:v>2.8220000000000001</c:v>
                </c:pt>
                <c:pt idx="321">
                  <c:v>2.8730000000000002</c:v>
                </c:pt>
                <c:pt idx="322">
                  <c:v>2.8820000000000001</c:v>
                </c:pt>
                <c:pt idx="323">
                  <c:v>2.8919999999999999</c:v>
                </c:pt>
                <c:pt idx="324">
                  <c:v>2.903</c:v>
                </c:pt>
                <c:pt idx="325">
                  <c:v>2.9119999999999999</c:v>
                </c:pt>
                <c:pt idx="326">
                  <c:v>2.923</c:v>
                </c:pt>
                <c:pt idx="327">
                  <c:v>2.9329999999999998</c:v>
                </c:pt>
                <c:pt idx="328">
                  <c:v>2.9420000000000002</c:v>
                </c:pt>
                <c:pt idx="329">
                  <c:v>2.9529999999999998</c:v>
                </c:pt>
                <c:pt idx="330">
                  <c:v>2.9620000000000002</c:v>
                </c:pt>
                <c:pt idx="331">
                  <c:v>2.9729999999999999</c:v>
                </c:pt>
                <c:pt idx="332">
                  <c:v>3.032</c:v>
                </c:pt>
                <c:pt idx="333">
                  <c:v>3.0419999999999998</c:v>
                </c:pt>
                <c:pt idx="334">
                  <c:v>3.0529999999999999</c:v>
                </c:pt>
                <c:pt idx="335">
                  <c:v>3.0619999999999998</c:v>
                </c:pt>
                <c:pt idx="336">
                  <c:v>3.0720000000000001</c:v>
                </c:pt>
                <c:pt idx="337">
                  <c:v>3.0819999999999999</c:v>
                </c:pt>
                <c:pt idx="338">
                  <c:v>3.0920000000000001</c:v>
                </c:pt>
                <c:pt idx="339">
                  <c:v>3.101</c:v>
                </c:pt>
                <c:pt idx="340">
                  <c:v>3.1120000000000001</c:v>
                </c:pt>
                <c:pt idx="341">
                  <c:v>3.121</c:v>
                </c:pt>
                <c:pt idx="342">
                  <c:v>3.1320000000000001</c:v>
                </c:pt>
                <c:pt idx="343">
                  <c:v>3.1419999999999999</c:v>
                </c:pt>
                <c:pt idx="344">
                  <c:v>3.1520000000000001</c:v>
                </c:pt>
                <c:pt idx="345">
                  <c:v>3.1619999999999999</c:v>
                </c:pt>
                <c:pt idx="346">
                  <c:v>3.1720000000000002</c:v>
                </c:pt>
                <c:pt idx="347">
                  <c:v>3.1829999999999998</c:v>
                </c:pt>
                <c:pt idx="348">
                  <c:v>3.1930000000000001</c:v>
                </c:pt>
                <c:pt idx="349">
                  <c:v>3.202</c:v>
                </c:pt>
                <c:pt idx="350">
                  <c:v>3.2120000000000002</c:v>
                </c:pt>
                <c:pt idx="351">
                  <c:v>3.2229999999999999</c:v>
                </c:pt>
                <c:pt idx="352">
                  <c:v>3.2320000000000002</c:v>
                </c:pt>
                <c:pt idx="353">
                  <c:v>3.242</c:v>
                </c:pt>
                <c:pt idx="354">
                  <c:v>3.2519999999999998</c:v>
                </c:pt>
                <c:pt idx="355">
                  <c:v>3.2629999999999999</c:v>
                </c:pt>
                <c:pt idx="356">
                  <c:v>3.2719999999999998</c:v>
                </c:pt>
                <c:pt idx="357">
                  <c:v>3.2829999999999999</c:v>
                </c:pt>
                <c:pt idx="358">
                  <c:v>3.2919999999999998</c:v>
                </c:pt>
                <c:pt idx="359">
                  <c:v>3.3029999999999999</c:v>
                </c:pt>
                <c:pt idx="360">
                  <c:v>3.3119999999999998</c:v>
                </c:pt>
                <c:pt idx="361">
                  <c:v>3.323</c:v>
                </c:pt>
                <c:pt idx="362">
                  <c:v>3.3319999999999999</c:v>
                </c:pt>
                <c:pt idx="363">
                  <c:v>3.343</c:v>
                </c:pt>
                <c:pt idx="364">
                  <c:v>3.3530000000000002</c:v>
                </c:pt>
                <c:pt idx="365">
                  <c:v>3.363</c:v>
                </c:pt>
                <c:pt idx="366">
                  <c:v>3.3730000000000002</c:v>
                </c:pt>
                <c:pt idx="367">
                  <c:v>3.3839999999999999</c:v>
                </c:pt>
                <c:pt idx="368">
                  <c:v>3.3929999999999998</c:v>
                </c:pt>
                <c:pt idx="369">
                  <c:v>3.403</c:v>
                </c:pt>
                <c:pt idx="370">
                  <c:v>3.4140000000000001</c:v>
                </c:pt>
                <c:pt idx="371">
                  <c:v>3.4239999999999999</c:v>
                </c:pt>
                <c:pt idx="372">
                  <c:v>3.4329999999999998</c:v>
                </c:pt>
                <c:pt idx="373">
                  <c:v>3.444</c:v>
                </c:pt>
                <c:pt idx="374">
                  <c:v>3.4529999999999998</c:v>
                </c:pt>
                <c:pt idx="375">
                  <c:v>3.464</c:v>
                </c:pt>
                <c:pt idx="376">
                  <c:v>3.4740000000000002</c:v>
                </c:pt>
                <c:pt idx="377">
                  <c:v>3.4849999999999999</c:v>
                </c:pt>
                <c:pt idx="378">
                  <c:v>3.4940000000000002</c:v>
                </c:pt>
                <c:pt idx="379">
                  <c:v>3.5049999999999999</c:v>
                </c:pt>
                <c:pt idx="380">
                  <c:v>3.5139999999999998</c:v>
                </c:pt>
                <c:pt idx="381">
                  <c:v>3.5249999999999999</c:v>
                </c:pt>
                <c:pt idx="382">
                  <c:v>3.5339999999999998</c:v>
                </c:pt>
                <c:pt idx="383">
                  <c:v>3.5449999999999999</c:v>
                </c:pt>
                <c:pt idx="384">
                  <c:v>3.5539999999999998</c:v>
                </c:pt>
                <c:pt idx="385">
                  <c:v>3.5649999999999999</c:v>
                </c:pt>
                <c:pt idx="386">
                  <c:v>3.5739999999999998</c:v>
                </c:pt>
                <c:pt idx="387">
                  <c:v>3.5840000000000001</c:v>
                </c:pt>
                <c:pt idx="388">
                  <c:v>3.5939999999999999</c:v>
                </c:pt>
                <c:pt idx="389">
                  <c:v>3.605</c:v>
                </c:pt>
                <c:pt idx="390">
                  <c:v>3.6139999999999999</c:v>
                </c:pt>
                <c:pt idx="391">
                  <c:v>3.625</c:v>
                </c:pt>
                <c:pt idx="392">
                  <c:v>3.6339999999999999</c:v>
                </c:pt>
                <c:pt idx="393">
                  <c:v>3.645</c:v>
                </c:pt>
                <c:pt idx="394">
                  <c:v>3.6539999999999999</c:v>
                </c:pt>
                <c:pt idx="395">
                  <c:v>3.665</c:v>
                </c:pt>
                <c:pt idx="396">
                  <c:v>3.6739999999999999</c:v>
                </c:pt>
                <c:pt idx="397">
                  <c:v>3.6850000000000001</c:v>
                </c:pt>
                <c:pt idx="398">
                  <c:v>3.6949999999999998</c:v>
                </c:pt>
                <c:pt idx="399">
                  <c:v>3.7040000000000002</c:v>
                </c:pt>
                <c:pt idx="400">
                  <c:v>3.7149999999999999</c:v>
                </c:pt>
                <c:pt idx="401">
                  <c:v>3.7240000000000002</c:v>
                </c:pt>
                <c:pt idx="402">
                  <c:v>3.7349999999999999</c:v>
                </c:pt>
                <c:pt idx="403">
                  <c:v>3.7440000000000002</c:v>
                </c:pt>
                <c:pt idx="404">
                  <c:v>3.7549999999999999</c:v>
                </c:pt>
                <c:pt idx="405">
                  <c:v>3.7639999999999998</c:v>
                </c:pt>
                <c:pt idx="406">
                  <c:v>3.7749999999999999</c:v>
                </c:pt>
                <c:pt idx="407">
                  <c:v>3.7850000000000001</c:v>
                </c:pt>
                <c:pt idx="408">
                  <c:v>3.7949999999999999</c:v>
                </c:pt>
                <c:pt idx="409">
                  <c:v>3.806</c:v>
                </c:pt>
                <c:pt idx="410">
                  <c:v>3.8149999999999999</c:v>
                </c:pt>
                <c:pt idx="411">
                  <c:v>3.8260000000000001</c:v>
                </c:pt>
                <c:pt idx="412">
                  <c:v>3.835</c:v>
                </c:pt>
                <c:pt idx="413">
                  <c:v>3.8460000000000001</c:v>
                </c:pt>
                <c:pt idx="414">
                  <c:v>3.855</c:v>
                </c:pt>
                <c:pt idx="415">
                  <c:v>3.8660000000000001</c:v>
                </c:pt>
                <c:pt idx="416">
                  <c:v>3.875</c:v>
                </c:pt>
                <c:pt idx="417">
                  <c:v>3.8860000000000001</c:v>
                </c:pt>
                <c:pt idx="418">
                  <c:v>3.895</c:v>
                </c:pt>
                <c:pt idx="419">
                  <c:v>3.9060000000000001</c:v>
                </c:pt>
                <c:pt idx="420">
                  <c:v>3.915</c:v>
                </c:pt>
                <c:pt idx="421">
                  <c:v>3.9260000000000002</c:v>
                </c:pt>
                <c:pt idx="422">
                  <c:v>3.9350000000000001</c:v>
                </c:pt>
                <c:pt idx="423">
                  <c:v>3.9449999999999998</c:v>
                </c:pt>
                <c:pt idx="424">
                  <c:v>3.956</c:v>
                </c:pt>
                <c:pt idx="425">
                  <c:v>3.9649999999999999</c:v>
                </c:pt>
                <c:pt idx="426">
                  <c:v>3.976</c:v>
                </c:pt>
                <c:pt idx="427">
                  <c:v>3.9860000000000002</c:v>
                </c:pt>
                <c:pt idx="428">
                  <c:v>3.9969999999999999</c:v>
                </c:pt>
                <c:pt idx="429">
                  <c:v>4.0069999999999997</c:v>
                </c:pt>
                <c:pt idx="430">
                  <c:v>4.0170000000000003</c:v>
                </c:pt>
                <c:pt idx="431">
                  <c:v>4.0270000000000001</c:v>
                </c:pt>
                <c:pt idx="432">
                  <c:v>4.0369999999999999</c:v>
                </c:pt>
                <c:pt idx="433">
                  <c:v>4.0469999999999997</c:v>
                </c:pt>
                <c:pt idx="434">
                  <c:v>4.056</c:v>
                </c:pt>
                <c:pt idx="435">
                  <c:v>4.0659999999999998</c:v>
                </c:pt>
                <c:pt idx="436">
                  <c:v>4.077</c:v>
                </c:pt>
                <c:pt idx="437">
                  <c:v>4.0869999999999997</c:v>
                </c:pt>
                <c:pt idx="438">
                  <c:v>4.0970000000000004</c:v>
                </c:pt>
                <c:pt idx="439">
                  <c:v>4.1059999999999999</c:v>
                </c:pt>
                <c:pt idx="440">
                  <c:v>4.1159999999999997</c:v>
                </c:pt>
                <c:pt idx="441">
                  <c:v>4.1269999999999998</c:v>
                </c:pt>
                <c:pt idx="442">
                  <c:v>4.1369999999999996</c:v>
                </c:pt>
                <c:pt idx="443">
                  <c:v>4.1470000000000002</c:v>
                </c:pt>
                <c:pt idx="444">
                  <c:v>4.1580000000000004</c:v>
                </c:pt>
                <c:pt idx="445">
                  <c:v>4.1669999999999998</c:v>
                </c:pt>
                <c:pt idx="446">
                  <c:v>4.1779999999999999</c:v>
                </c:pt>
                <c:pt idx="447">
                  <c:v>4.1870000000000003</c:v>
                </c:pt>
                <c:pt idx="448">
                  <c:v>4.1980000000000004</c:v>
                </c:pt>
                <c:pt idx="449">
                  <c:v>4.2069999999999999</c:v>
                </c:pt>
                <c:pt idx="450">
                  <c:v>4.218</c:v>
                </c:pt>
                <c:pt idx="451">
                  <c:v>4.2270000000000003</c:v>
                </c:pt>
                <c:pt idx="452">
                  <c:v>4.2380000000000004</c:v>
                </c:pt>
                <c:pt idx="453">
                  <c:v>4.2469999999999999</c:v>
                </c:pt>
                <c:pt idx="454">
                  <c:v>4.258</c:v>
                </c:pt>
                <c:pt idx="455">
                  <c:v>4.2670000000000003</c:v>
                </c:pt>
                <c:pt idx="456">
                  <c:v>4.2779999999999996</c:v>
                </c:pt>
                <c:pt idx="457">
                  <c:v>4.2869999999999999</c:v>
                </c:pt>
                <c:pt idx="458">
                  <c:v>4.298</c:v>
                </c:pt>
                <c:pt idx="459">
                  <c:v>4.3070000000000004</c:v>
                </c:pt>
                <c:pt idx="460">
                  <c:v>4.3179999999999996</c:v>
                </c:pt>
                <c:pt idx="461">
                  <c:v>4.327</c:v>
                </c:pt>
                <c:pt idx="462">
                  <c:v>4.3380000000000001</c:v>
                </c:pt>
                <c:pt idx="463">
                  <c:v>4.3479999999999999</c:v>
                </c:pt>
                <c:pt idx="464">
                  <c:v>4.3579999999999997</c:v>
                </c:pt>
                <c:pt idx="465">
                  <c:v>4.3680000000000003</c:v>
                </c:pt>
                <c:pt idx="466">
                  <c:v>4.3789999999999996</c:v>
                </c:pt>
                <c:pt idx="467">
                  <c:v>4.3879999999999999</c:v>
                </c:pt>
                <c:pt idx="468">
                  <c:v>4.399</c:v>
                </c:pt>
                <c:pt idx="469">
                  <c:v>4.4080000000000004</c:v>
                </c:pt>
                <c:pt idx="470">
                  <c:v>4.4180000000000001</c:v>
                </c:pt>
                <c:pt idx="471">
                  <c:v>4.4279999999999999</c:v>
                </c:pt>
                <c:pt idx="472">
                  <c:v>4.4379999999999997</c:v>
                </c:pt>
                <c:pt idx="473">
                  <c:v>4.4480000000000004</c:v>
                </c:pt>
                <c:pt idx="474">
                  <c:v>4.4569999999999999</c:v>
                </c:pt>
                <c:pt idx="475">
                  <c:v>4.468</c:v>
                </c:pt>
                <c:pt idx="476">
                  <c:v>4.4779999999999998</c:v>
                </c:pt>
                <c:pt idx="477">
                  <c:v>4.4889999999999999</c:v>
                </c:pt>
                <c:pt idx="478">
                  <c:v>4.4980000000000002</c:v>
                </c:pt>
                <c:pt idx="479">
                  <c:v>4.5090000000000003</c:v>
                </c:pt>
                <c:pt idx="480">
                  <c:v>4.5179999999999998</c:v>
                </c:pt>
                <c:pt idx="481">
                  <c:v>4.5289999999999999</c:v>
                </c:pt>
                <c:pt idx="482">
                  <c:v>4.54</c:v>
                </c:pt>
                <c:pt idx="483">
                  <c:v>4.5490000000000004</c:v>
                </c:pt>
                <c:pt idx="484">
                  <c:v>4.5599999999999996</c:v>
                </c:pt>
                <c:pt idx="485">
                  <c:v>4.569</c:v>
                </c:pt>
                <c:pt idx="486">
                  <c:v>4.5789999999999997</c:v>
                </c:pt>
                <c:pt idx="487">
                  <c:v>4.5880000000000001</c:v>
                </c:pt>
                <c:pt idx="488">
                  <c:v>4.5979999999999999</c:v>
                </c:pt>
                <c:pt idx="489">
                  <c:v>4.6079999999999997</c:v>
                </c:pt>
                <c:pt idx="490">
                  <c:v>4.6189999999999998</c:v>
                </c:pt>
                <c:pt idx="491">
                  <c:v>4.6280000000000001</c:v>
                </c:pt>
                <c:pt idx="492">
                  <c:v>4.6390000000000002</c:v>
                </c:pt>
                <c:pt idx="493">
                  <c:v>4.6479999999999997</c:v>
                </c:pt>
                <c:pt idx="494">
                  <c:v>4.6589999999999998</c:v>
                </c:pt>
                <c:pt idx="495">
                  <c:v>4.6689999999999996</c:v>
                </c:pt>
                <c:pt idx="496">
                  <c:v>4.6790000000000003</c:v>
                </c:pt>
                <c:pt idx="497">
                  <c:v>4.6890000000000001</c:v>
                </c:pt>
                <c:pt idx="498">
                  <c:v>4.6989999999999998</c:v>
                </c:pt>
                <c:pt idx="499">
                  <c:v>4.7089999999999996</c:v>
                </c:pt>
                <c:pt idx="500">
                  <c:v>4.7190000000000003</c:v>
                </c:pt>
                <c:pt idx="501">
                  <c:v>4.7279999999999998</c:v>
                </c:pt>
                <c:pt idx="502">
                  <c:v>4.7389999999999999</c:v>
                </c:pt>
                <c:pt idx="503">
                  <c:v>4.7489999999999997</c:v>
                </c:pt>
                <c:pt idx="504">
                  <c:v>4.7590000000000003</c:v>
                </c:pt>
                <c:pt idx="505">
                  <c:v>4.7690000000000001</c:v>
                </c:pt>
                <c:pt idx="506">
                  <c:v>4.7789999999999999</c:v>
                </c:pt>
                <c:pt idx="507">
                  <c:v>4.7889999999999997</c:v>
                </c:pt>
                <c:pt idx="508">
                  <c:v>4.7990000000000004</c:v>
                </c:pt>
                <c:pt idx="509">
                  <c:v>4.8090000000000002</c:v>
                </c:pt>
                <c:pt idx="510">
                  <c:v>4.82</c:v>
                </c:pt>
                <c:pt idx="511">
                  <c:v>4.8289999999999997</c:v>
                </c:pt>
                <c:pt idx="512">
                  <c:v>4.84</c:v>
                </c:pt>
                <c:pt idx="513">
                  <c:v>4.8499999999999996</c:v>
                </c:pt>
                <c:pt idx="514">
                  <c:v>4.859</c:v>
                </c:pt>
                <c:pt idx="515">
                  <c:v>4.87</c:v>
                </c:pt>
                <c:pt idx="516">
                  <c:v>4.88</c:v>
                </c:pt>
                <c:pt idx="517">
                  <c:v>4.8899999999999997</c:v>
                </c:pt>
                <c:pt idx="518">
                  <c:v>4.899</c:v>
                </c:pt>
                <c:pt idx="519">
                  <c:v>4.91</c:v>
                </c:pt>
                <c:pt idx="520">
                  <c:v>4.9189999999999996</c:v>
                </c:pt>
                <c:pt idx="521">
                  <c:v>4.93</c:v>
                </c:pt>
                <c:pt idx="522">
                  <c:v>4.9400000000000004</c:v>
                </c:pt>
                <c:pt idx="523">
                  <c:v>4.95</c:v>
                </c:pt>
                <c:pt idx="524">
                  <c:v>4.96</c:v>
                </c:pt>
                <c:pt idx="525">
                  <c:v>4.97</c:v>
                </c:pt>
                <c:pt idx="526">
                  <c:v>4.9800000000000004</c:v>
                </c:pt>
                <c:pt idx="527">
                  <c:v>4.9909999999999997</c:v>
                </c:pt>
                <c:pt idx="528">
                  <c:v>5</c:v>
                </c:pt>
                <c:pt idx="529">
                  <c:v>5.01</c:v>
                </c:pt>
                <c:pt idx="530">
                  <c:v>5.0209999999999999</c:v>
                </c:pt>
                <c:pt idx="531">
                  <c:v>5.03</c:v>
                </c:pt>
                <c:pt idx="532">
                  <c:v>5.0410000000000004</c:v>
                </c:pt>
                <c:pt idx="533">
                  <c:v>5.05</c:v>
                </c:pt>
                <c:pt idx="534">
                  <c:v>5.0599999999999996</c:v>
                </c:pt>
                <c:pt idx="535">
                  <c:v>5.07</c:v>
                </c:pt>
                <c:pt idx="536">
                  <c:v>5.08</c:v>
                </c:pt>
                <c:pt idx="537">
                  <c:v>5.09</c:v>
                </c:pt>
                <c:pt idx="538">
                  <c:v>5.0999999999999996</c:v>
                </c:pt>
                <c:pt idx="539">
                  <c:v>5.1100000000000003</c:v>
                </c:pt>
                <c:pt idx="540">
                  <c:v>5.1210000000000004</c:v>
                </c:pt>
                <c:pt idx="541">
                  <c:v>5.181</c:v>
                </c:pt>
                <c:pt idx="542">
                  <c:v>5.1920000000000002</c:v>
                </c:pt>
                <c:pt idx="543">
                  <c:v>5.2009999999999996</c:v>
                </c:pt>
                <c:pt idx="544">
                  <c:v>5.21</c:v>
                </c:pt>
                <c:pt idx="545">
                  <c:v>5.2210000000000001</c:v>
                </c:pt>
                <c:pt idx="546">
                  <c:v>5.23</c:v>
                </c:pt>
                <c:pt idx="547">
                  <c:v>5.2409999999999997</c:v>
                </c:pt>
                <c:pt idx="548">
                  <c:v>5.25</c:v>
                </c:pt>
                <c:pt idx="549">
                  <c:v>5.2610000000000001</c:v>
                </c:pt>
                <c:pt idx="550">
                  <c:v>5.27</c:v>
                </c:pt>
                <c:pt idx="551">
                  <c:v>5.2809999999999997</c:v>
                </c:pt>
                <c:pt idx="552">
                  <c:v>5.2910000000000004</c:v>
                </c:pt>
                <c:pt idx="553">
                  <c:v>5.3010000000000002</c:v>
                </c:pt>
                <c:pt idx="554">
                  <c:v>5.3120000000000003</c:v>
                </c:pt>
                <c:pt idx="555">
                  <c:v>5.3220000000000001</c:v>
                </c:pt>
                <c:pt idx="556">
                  <c:v>5.3319999999999999</c:v>
                </c:pt>
                <c:pt idx="557">
                  <c:v>5.3419999999999996</c:v>
                </c:pt>
                <c:pt idx="558">
                  <c:v>5.3529999999999998</c:v>
                </c:pt>
                <c:pt idx="559">
                  <c:v>5.3620000000000001</c:v>
                </c:pt>
                <c:pt idx="560">
                  <c:v>5.3719999999999999</c:v>
                </c:pt>
                <c:pt idx="561">
                  <c:v>5.3819999999999997</c:v>
                </c:pt>
                <c:pt idx="562">
                  <c:v>5.3920000000000003</c:v>
                </c:pt>
                <c:pt idx="563">
                  <c:v>5.4020000000000001</c:v>
                </c:pt>
                <c:pt idx="564">
                  <c:v>5.4109999999999996</c:v>
                </c:pt>
                <c:pt idx="565">
                  <c:v>5.4219999999999997</c:v>
                </c:pt>
                <c:pt idx="566">
                  <c:v>5.4320000000000004</c:v>
                </c:pt>
                <c:pt idx="567">
                  <c:v>5.4420000000000002</c:v>
                </c:pt>
                <c:pt idx="568">
                  <c:v>5.452</c:v>
                </c:pt>
                <c:pt idx="569">
                  <c:v>5.4630000000000001</c:v>
                </c:pt>
                <c:pt idx="570">
                  <c:v>5.4720000000000004</c:v>
                </c:pt>
                <c:pt idx="571">
                  <c:v>5.4829999999999997</c:v>
                </c:pt>
                <c:pt idx="572">
                  <c:v>5.4930000000000003</c:v>
                </c:pt>
                <c:pt idx="573">
                  <c:v>5.5019999999999998</c:v>
                </c:pt>
                <c:pt idx="574">
                  <c:v>5.5129999999999999</c:v>
                </c:pt>
                <c:pt idx="575">
                  <c:v>5.5229999999999997</c:v>
                </c:pt>
                <c:pt idx="576">
                  <c:v>5.5330000000000004</c:v>
                </c:pt>
                <c:pt idx="577">
                  <c:v>5.5430000000000001</c:v>
                </c:pt>
                <c:pt idx="578">
                  <c:v>5.5519999999999996</c:v>
                </c:pt>
                <c:pt idx="579">
                  <c:v>5.5629999999999997</c:v>
                </c:pt>
                <c:pt idx="580">
                  <c:v>5.5720000000000001</c:v>
                </c:pt>
                <c:pt idx="581">
                  <c:v>5.5830000000000002</c:v>
                </c:pt>
                <c:pt idx="582">
                  <c:v>5.5919999999999996</c:v>
                </c:pt>
                <c:pt idx="583">
                  <c:v>5.6029999999999998</c:v>
                </c:pt>
                <c:pt idx="584">
                  <c:v>5.6120000000000001</c:v>
                </c:pt>
                <c:pt idx="585">
                  <c:v>5.6230000000000002</c:v>
                </c:pt>
                <c:pt idx="586">
                  <c:v>5.633</c:v>
                </c:pt>
                <c:pt idx="587">
                  <c:v>5.6429999999999998</c:v>
                </c:pt>
                <c:pt idx="588">
                  <c:v>5.6520000000000001</c:v>
                </c:pt>
                <c:pt idx="589">
                  <c:v>5.6630000000000003</c:v>
                </c:pt>
                <c:pt idx="590">
                  <c:v>5.6719999999999997</c:v>
                </c:pt>
                <c:pt idx="591">
                  <c:v>5.6829999999999998</c:v>
                </c:pt>
                <c:pt idx="592">
                  <c:v>5.6929999999999996</c:v>
                </c:pt>
                <c:pt idx="593">
                  <c:v>5.7030000000000003</c:v>
                </c:pt>
                <c:pt idx="594">
                  <c:v>5.7130000000000001</c:v>
                </c:pt>
                <c:pt idx="595">
                  <c:v>5.7229999999999999</c:v>
                </c:pt>
                <c:pt idx="596">
                  <c:v>5.7329999999999997</c:v>
                </c:pt>
                <c:pt idx="597">
                  <c:v>5.7430000000000003</c:v>
                </c:pt>
                <c:pt idx="598">
                  <c:v>5.7530000000000001</c:v>
                </c:pt>
                <c:pt idx="599">
                  <c:v>5.7629999999999999</c:v>
                </c:pt>
                <c:pt idx="600">
                  <c:v>5.7720000000000002</c:v>
                </c:pt>
                <c:pt idx="601">
                  <c:v>5.7839999999999998</c:v>
                </c:pt>
                <c:pt idx="602">
                  <c:v>5.7930000000000001</c:v>
                </c:pt>
                <c:pt idx="603">
                  <c:v>5.8029999999999999</c:v>
                </c:pt>
                <c:pt idx="604">
                  <c:v>5.8129999999999997</c:v>
                </c:pt>
                <c:pt idx="605">
                  <c:v>5.8230000000000004</c:v>
                </c:pt>
                <c:pt idx="606">
                  <c:v>5.8330000000000002</c:v>
                </c:pt>
                <c:pt idx="607">
                  <c:v>5.843</c:v>
                </c:pt>
                <c:pt idx="608">
                  <c:v>5.8529999999999998</c:v>
                </c:pt>
                <c:pt idx="609">
                  <c:v>5.8630000000000004</c:v>
                </c:pt>
                <c:pt idx="610">
                  <c:v>5.8739999999999997</c:v>
                </c:pt>
                <c:pt idx="611">
                  <c:v>5.883</c:v>
                </c:pt>
                <c:pt idx="612">
                  <c:v>5.8940000000000001</c:v>
                </c:pt>
                <c:pt idx="613">
                  <c:v>5.9039999999999999</c:v>
                </c:pt>
                <c:pt idx="614">
                  <c:v>5.9130000000000003</c:v>
                </c:pt>
                <c:pt idx="615">
                  <c:v>5.923</c:v>
                </c:pt>
                <c:pt idx="616">
                  <c:v>5.9340000000000002</c:v>
                </c:pt>
                <c:pt idx="617">
                  <c:v>5.9429999999999996</c:v>
                </c:pt>
                <c:pt idx="618">
                  <c:v>5.9539999999999997</c:v>
                </c:pt>
                <c:pt idx="619">
                  <c:v>5.9630000000000001</c:v>
                </c:pt>
                <c:pt idx="620">
                  <c:v>5.9740000000000002</c:v>
                </c:pt>
                <c:pt idx="621">
                  <c:v>5.984</c:v>
                </c:pt>
                <c:pt idx="622">
                  <c:v>5.9939999999999998</c:v>
                </c:pt>
                <c:pt idx="623">
                  <c:v>6.0039999999999996</c:v>
                </c:pt>
                <c:pt idx="624">
                  <c:v>6.0149999999999997</c:v>
                </c:pt>
                <c:pt idx="625">
                  <c:v>6.024</c:v>
                </c:pt>
                <c:pt idx="626">
                  <c:v>6.0350000000000001</c:v>
                </c:pt>
                <c:pt idx="627">
                  <c:v>6.0439999999999996</c:v>
                </c:pt>
                <c:pt idx="628">
                  <c:v>6.0549999999999997</c:v>
                </c:pt>
                <c:pt idx="629">
                  <c:v>6.0650000000000004</c:v>
                </c:pt>
                <c:pt idx="630">
                  <c:v>6.0750000000000002</c:v>
                </c:pt>
                <c:pt idx="631">
                  <c:v>6.085</c:v>
                </c:pt>
                <c:pt idx="632">
                  <c:v>6.0949999999999998</c:v>
                </c:pt>
                <c:pt idx="633">
                  <c:v>6.1059999999999999</c:v>
                </c:pt>
                <c:pt idx="634">
                  <c:v>6.1150000000000002</c:v>
                </c:pt>
                <c:pt idx="635">
                  <c:v>6.125</c:v>
                </c:pt>
                <c:pt idx="636">
                  <c:v>6.1360000000000001</c:v>
                </c:pt>
                <c:pt idx="637">
                  <c:v>6.1449999999999996</c:v>
                </c:pt>
                <c:pt idx="638">
                  <c:v>6.1559999999999997</c:v>
                </c:pt>
                <c:pt idx="639">
                  <c:v>6.165</c:v>
                </c:pt>
                <c:pt idx="640">
                  <c:v>6.1760000000000002</c:v>
                </c:pt>
                <c:pt idx="641">
                  <c:v>6.1849999999999996</c:v>
                </c:pt>
                <c:pt idx="642">
                  <c:v>6.1959999999999997</c:v>
                </c:pt>
                <c:pt idx="643">
                  <c:v>6.2050000000000001</c:v>
                </c:pt>
                <c:pt idx="644">
                  <c:v>6.2149999999999999</c:v>
                </c:pt>
                <c:pt idx="645">
                  <c:v>6.2249999999999996</c:v>
                </c:pt>
                <c:pt idx="646">
                  <c:v>6.2359999999999998</c:v>
                </c:pt>
                <c:pt idx="647">
                  <c:v>6.2450000000000001</c:v>
                </c:pt>
                <c:pt idx="648">
                  <c:v>6.2560000000000002</c:v>
                </c:pt>
                <c:pt idx="649">
                  <c:v>6.266</c:v>
                </c:pt>
                <c:pt idx="650">
                  <c:v>6.2759999999999998</c:v>
                </c:pt>
                <c:pt idx="651">
                  <c:v>6.2869999999999999</c:v>
                </c:pt>
                <c:pt idx="652">
                  <c:v>6.2960000000000003</c:v>
                </c:pt>
                <c:pt idx="653">
                  <c:v>6.306</c:v>
                </c:pt>
                <c:pt idx="654">
                  <c:v>6.3159999999999998</c:v>
                </c:pt>
                <c:pt idx="655">
                  <c:v>6.327</c:v>
                </c:pt>
                <c:pt idx="656">
                  <c:v>6.3369999999999997</c:v>
                </c:pt>
                <c:pt idx="657">
                  <c:v>6.3460000000000001</c:v>
                </c:pt>
                <c:pt idx="658">
                  <c:v>6.3570000000000002</c:v>
                </c:pt>
                <c:pt idx="659">
                  <c:v>6.3659999999999997</c:v>
                </c:pt>
                <c:pt idx="660">
                  <c:v>6.3769999999999998</c:v>
                </c:pt>
                <c:pt idx="661">
                  <c:v>6.3860000000000001</c:v>
                </c:pt>
                <c:pt idx="662">
                  <c:v>6.3970000000000002</c:v>
                </c:pt>
                <c:pt idx="663">
                  <c:v>6.4059999999999997</c:v>
                </c:pt>
                <c:pt idx="664">
                  <c:v>6.4160000000000004</c:v>
                </c:pt>
                <c:pt idx="665">
                  <c:v>6.4260000000000002</c:v>
                </c:pt>
                <c:pt idx="666">
                  <c:v>6.4359999999999999</c:v>
                </c:pt>
                <c:pt idx="667">
                  <c:v>6.4459999999999997</c:v>
                </c:pt>
                <c:pt idx="668">
                  <c:v>6.4560000000000004</c:v>
                </c:pt>
                <c:pt idx="669">
                  <c:v>6.4660000000000002</c:v>
                </c:pt>
                <c:pt idx="670">
                  <c:v>6.4770000000000003</c:v>
                </c:pt>
                <c:pt idx="671">
                  <c:v>6.4870000000000001</c:v>
                </c:pt>
                <c:pt idx="672">
                  <c:v>6.4969999999999999</c:v>
                </c:pt>
                <c:pt idx="673">
                  <c:v>6.5069999999999997</c:v>
                </c:pt>
                <c:pt idx="674">
                  <c:v>6.5170000000000003</c:v>
                </c:pt>
                <c:pt idx="675">
                  <c:v>6.5270000000000001</c:v>
                </c:pt>
                <c:pt idx="676">
                  <c:v>6.5380000000000003</c:v>
                </c:pt>
                <c:pt idx="677">
                  <c:v>6.5469999999999997</c:v>
                </c:pt>
                <c:pt idx="678">
                  <c:v>6.5570000000000004</c:v>
                </c:pt>
                <c:pt idx="679">
                  <c:v>6.5670000000000002</c:v>
                </c:pt>
                <c:pt idx="680">
                  <c:v>6.577</c:v>
                </c:pt>
                <c:pt idx="681">
                  <c:v>6.5869999999999997</c:v>
                </c:pt>
                <c:pt idx="682">
                  <c:v>6.5960000000000001</c:v>
                </c:pt>
                <c:pt idx="683">
                  <c:v>6.6070000000000002</c:v>
                </c:pt>
                <c:pt idx="684">
                  <c:v>6.6159999999999997</c:v>
                </c:pt>
                <c:pt idx="685">
                  <c:v>6.6269999999999998</c:v>
                </c:pt>
                <c:pt idx="686">
                  <c:v>6.6360000000000001</c:v>
                </c:pt>
                <c:pt idx="687">
                  <c:v>6.6470000000000002</c:v>
                </c:pt>
                <c:pt idx="688">
                  <c:v>6.6559999999999997</c:v>
                </c:pt>
                <c:pt idx="689">
                  <c:v>6.6669999999999998</c:v>
                </c:pt>
                <c:pt idx="690">
                  <c:v>6.6769999999999996</c:v>
                </c:pt>
                <c:pt idx="691">
                  <c:v>6.6870000000000003</c:v>
                </c:pt>
                <c:pt idx="692">
                  <c:v>6.6970000000000001</c:v>
                </c:pt>
                <c:pt idx="693">
                  <c:v>6.7069999999999999</c:v>
                </c:pt>
                <c:pt idx="694">
                  <c:v>6.7169999999999996</c:v>
                </c:pt>
                <c:pt idx="695">
                  <c:v>6.7279999999999998</c:v>
                </c:pt>
                <c:pt idx="696">
                  <c:v>6.7370000000000001</c:v>
                </c:pt>
                <c:pt idx="697">
                  <c:v>6.7469999999999999</c:v>
                </c:pt>
                <c:pt idx="698">
                  <c:v>6.7560000000000002</c:v>
                </c:pt>
                <c:pt idx="699">
                  <c:v>6.7670000000000003</c:v>
                </c:pt>
                <c:pt idx="700">
                  <c:v>6.7759999999999998</c:v>
                </c:pt>
                <c:pt idx="701">
                  <c:v>6.7869999999999999</c:v>
                </c:pt>
                <c:pt idx="702">
                  <c:v>6.7969999999999997</c:v>
                </c:pt>
                <c:pt idx="703">
                  <c:v>6.8070000000000004</c:v>
                </c:pt>
                <c:pt idx="704">
                  <c:v>6.8170000000000002</c:v>
                </c:pt>
                <c:pt idx="705">
                  <c:v>6.827</c:v>
                </c:pt>
                <c:pt idx="706">
                  <c:v>6.8369999999999997</c:v>
                </c:pt>
                <c:pt idx="707">
                  <c:v>6.8470000000000004</c:v>
                </c:pt>
                <c:pt idx="708">
                  <c:v>6.8579999999999997</c:v>
                </c:pt>
                <c:pt idx="709">
                  <c:v>6.867</c:v>
                </c:pt>
                <c:pt idx="710">
                  <c:v>6.8780000000000001</c:v>
                </c:pt>
                <c:pt idx="711">
                  <c:v>6.8869999999999996</c:v>
                </c:pt>
                <c:pt idx="712">
                  <c:v>6.8979999999999997</c:v>
                </c:pt>
                <c:pt idx="713">
                  <c:v>6.907</c:v>
                </c:pt>
                <c:pt idx="714">
                  <c:v>6.9180000000000001</c:v>
                </c:pt>
                <c:pt idx="715">
                  <c:v>6.9269999999999996</c:v>
                </c:pt>
                <c:pt idx="716">
                  <c:v>6.9379999999999997</c:v>
                </c:pt>
                <c:pt idx="717">
                  <c:v>6.9470000000000001</c:v>
                </c:pt>
                <c:pt idx="718">
                  <c:v>6.9580000000000002</c:v>
                </c:pt>
                <c:pt idx="719">
                  <c:v>6.9669999999999996</c:v>
                </c:pt>
                <c:pt idx="720">
                  <c:v>6.9779999999999998</c:v>
                </c:pt>
                <c:pt idx="721">
                  <c:v>6.9880000000000004</c:v>
                </c:pt>
                <c:pt idx="722">
                  <c:v>6.9980000000000002</c:v>
                </c:pt>
                <c:pt idx="723">
                  <c:v>7.008</c:v>
                </c:pt>
                <c:pt idx="724">
                  <c:v>7.0190000000000001</c:v>
                </c:pt>
                <c:pt idx="725">
                  <c:v>7.0279999999999996</c:v>
                </c:pt>
                <c:pt idx="726">
                  <c:v>7.0380000000000003</c:v>
                </c:pt>
                <c:pt idx="727">
                  <c:v>7.0869999999999997</c:v>
                </c:pt>
                <c:pt idx="728">
                  <c:v>7.0970000000000004</c:v>
                </c:pt>
                <c:pt idx="729">
                  <c:v>7.1070000000000002</c:v>
                </c:pt>
                <c:pt idx="730">
                  <c:v>7.1159999999999997</c:v>
                </c:pt>
                <c:pt idx="731">
                  <c:v>7.1269999999999998</c:v>
                </c:pt>
                <c:pt idx="732">
                  <c:v>7.1369999999999996</c:v>
                </c:pt>
                <c:pt idx="733">
                  <c:v>7.1479999999999997</c:v>
                </c:pt>
                <c:pt idx="734">
                  <c:v>7.157</c:v>
                </c:pt>
                <c:pt idx="735">
                  <c:v>7.1680000000000001</c:v>
                </c:pt>
                <c:pt idx="736">
                  <c:v>7.1779999999999999</c:v>
                </c:pt>
                <c:pt idx="737">
                  <c:v>7.1879999999999997</c:v>
                </c:pt>
                <c:pt idx="738">
                  <c:v>7.1980000000000004</c:v>
                </c:pt>
                <c:pt idx="739">
                  <c:v>7.2080000000000002</c:v>
                </c:pt>
                <c:pt idx="740">
                  <c:v>7.2169999999999996</c:v>
                </c:pt>
                <c:pt idx="741">
                  <c:v>7.2279999999999998</c:v>
                </c:pt>
                <c:pt idx="742">
                  <c:v>7.2370000000000001</c:v>
                </c:pt>
                <c:pt idx="743">
                  <c:v>7.2480000000000002</c:v>
                </c:pt>
                <c:pt idx="744">
                  <c:v>7.258</c:v>
                </c:pt>
                <c:pt idx="745">
                  <c:v>7.2679999999999998</c:v>
                </c:pt>
                <c:pt idx="746">
                  <c:v>7.2770000000000001</c:v>
                </c:pt>
                <c:pt idx="747">
                  <c:v>7.2880000000000003</c:v>
                </c:pt>
                <c:pt idx="748">
                  <c:v>7.298</c:v>
                </c:pt>
                <c:pt idx="749">
                  <c:v>7.3079999999999998</c:v>
                </c:pt>
                <c:pt idx="750">
                  <c:v>7.3179999999999996</c:v>
                </c:pt>
                <c:pt idx="751">
                  <c:v>7.3289999999999997</c:v>
                </c:pt>
                <c:pt idx="752">
                  <c:v>7.3380000000000001</c:v>
                </c:pt>
                <c:pt idx="753">
                  <c:v>7.3490000000000002</c:v>
                </c:pt>
                <c:pt idx="754">
                  <c:v>7.359</c:v>
                </c:pt>
                <c:pt idx="755">
                  <c:v>7.3689999999999998</c:v>
                </c:pt>
                <c:pt idx="756">
                  <c:v>7.3789999999999996</c:v>
                </c:pt>
                <c:pt idx="757">
                  <c:v>7.3879999999999999</c:v>
                </c:pt>
                <c:pt idx="758">
                  <c:v>7.399</c:v>
                </c:pt>
                <c:pt idx="759">
                  <c:v>7.4080000000000004</c:v>
                </c:pt>
                <c:pt idx="760">
                  <c:v>7.4189999999999996</c:v>
                </c:pt>
                <c:pt idx="761">
                  <c:v>7.4279999999999999</c:v>
                </c:pt>
                <c:pt idx="762">
                  <c:v>7.4379999999999997</c:v>
                </c:pt>
                <c:pt idx="763">
                  <c:v>7.4480000000000004</c:v>
                </c:pt>
                <c:pt idx="764">
                  <c:v>7.4589999999999996</c:v>
                </c:pt>
                <c:pt idx="765">
                  <c:v>7.468</c:v>
                </c:pt>
                <c:pt idx="766">
                  <c:v>7.4790000000000001</c:v>
                </c:pt>
                <c:pt idx="767">
                  <c:v>7.4889999999999999</c:v>
                </c:pt>
                <c:pt idx="768">
                  <c:v>7.4989999999999997</c:v>
                </c:pt>
                <c:pt idx="769">
                  <c:v>7.51</c:v>
                </c:pt>
                <c:pt idx="770">
                  <c:v>7.52</c:v>
                </c:pt>
                <c:pt idx="771">
                  <c:v>7.5289999999999999</c:v>
                </c:pt>
                <c:pt idx="772">
                  <c:v>7.54</c:v>
                </c:pt>
                <c:pt idx="773">
                  <c:v>7.55</c:v>
                </c:pt>
                <c:pt idx="774">
                  <c:v>7.5590000000000002</c:v>
                </c:pt>
                <c:pt idx="775">
                  <c:v>7.57</c:v>
                </c:pt>
                <c:pt idx="776">
                  <c:v>7.58</c:v>
                </c:pt>
                <c:pt idx="777">
                  <c:v>7.59</c:v>
                </c:pt>
                <c:pt idx="778">
                  <c:v>7.6</c:v>
                </c:pt>
                <c:pt idx="779">
                  <c:v>7.609</c:v>
                </c:pt>
                <c:pt idx="780">
                  <c:v>7.62</c:v>
                </c:pt>
                <c:pt idx="781">
                  <c:v>7.6289999999999996</c:v>
                </c:pt>
                <c:pt idx="782">
                  <c:v>7.64</c:v>
                </c:pt>
                <c:pt idx="783">
                  <c:v>7.65</c:v>
                </c:pt>
                <c:pt idx="784">
                  <c:v>7.66</c:v>
                </c:pt>
                <c:pt idx="785">
                  <c:v>7.6710000000000003</c:v>
                </c:pt>
                <c:pt idx="786">
                  <c:v>7.68</c:v>
                </c:pt>
                <c:pt idx="787">
                  <c:v>7.69</c:v>
                </c:pt>
                <c:pt idx="788">
                  <c:v>7.7009999999999996</c:v>
                </c:pt>
                <c:pt idx="789">
                  <c:v>7.7110000000000003</c:v>
                </c:pt>
                <c:pt idx="790">
                  <c:v>7.7210000000000001</c:v>
                </c:pt>
                <c:pt idx="791">
                  <c:v>7.7309999999999999</c:v>
                </c:pt>
                <c:pt idx="792">
                  <c:v>7.7409999999999997</c:v>
                </c:pt>
                <c:pt idx="793">
                  <c:v>7.75</c:v>
                </c:pt>
                <c:pt idx="794">
                  <c:v>7.7610000000000001</c:v>
                </c:pt>
                <c:pt idx="795">
                  <c:v>7.7709999999999999</c:v>
                </c:pt>
                <c:pt idx="796">
                  <c:v>7.78</c:v>
                </c:pt>
                <c:pt idx="797">
                  <c:v>7.7910000000000004</c:v>
                </c:pt>
                <c:pt idx="798">
                  <c:v>7.8010000000000002</c:v>
                </c:pt>
                <c:pt idx="799">
                  <c:v>7.8109999999999999</c:v>
                </c:pt>
                <c:pt idx="800">
                  <c:v>7.8209999999999997</c:v>
                </c:pt>
                <c:pt idx="801">
                  <c:v>7.8310000000000004</c:v>
                </c:pt>
                <c:pt idx="802">
                  <c:v>7.8410000000000002</c:v>
                </c:pt>
                <c:pt idx="803">
                  <c:v>7.8520000000000003</c:v>
                </c:pt>
                <c:pt idx="804">
                  <c:v>7.8609999999999998</c:v>
                </c:pt>
                <c:pt idx="805">
                  <c:v>7.8710000000000004</c:v>
                </c:pt>
                <c:pt idx="806">
                  <c:v>7.8819999999999997</c:v>
                </c:pt>
                <c:pt idx="807">
                  <c:v>7.891</c:v>
                </c:pt>
                <c:pt idx="808">
                  <c:v>7.9009999999999998</c:v>
                </c:pt>
                <c:pt idx="809">
                  <c:v>7.9119999999999999</c:v>
                </c:pt>
                <c:pt idx="810">
                  <c:v>7.9210000000000003</c:v>
                </c:pt>
                <c:pt idx="811">
                  <c:v>7.9320000000000004</c:v>
                </c:pt>
                <c:pt idx="812">
                  <c:v>7.9409999999999998</c:v>
                </c:pt>
                <c:pt idx="813">
                  <c:v>7.952</c:v>
                </c:pt>
                <c:pt idx="814">
                  <c:v>7.9610000000000003</c:v>
                </c:pt>
                <c:pt idx="815">
                  <c:v>7.9720000000000004</c:v>
                </c:pt>
                <c:pt idx="816">
                  <c:v>7.9820000000000002</c:v>
                </c:pt>
                <c:pt idx="817">
                  <c:v>7.9930000000000003</c:v>
                </c:pt>
                <c:pt idx="818">
                  <c:v>8.0030000000000001</c:v>
                </c:pt>
                <c:pt idx="819">
                  <c:v>8.0120000000000005</c:v>
                </c:pt>
                <c:pt idx="820">
                  <c:v>8.0229999999999997</c:v>
                </c:pt>
                <c:pt idx="821">
                  <c:v>8.032</c:v>
                </c:pt>
                <c:pt idx="822">
                  <c:v>8.0429999999999993</c:v>
                </c:pt>
                <c:pt idx="823">
                  <c:v>8.0519999999999996</c:v>
                </c:pt>
                <c:pt idx="824">
                  <c:v>8.0630000000000006</c:v>
                </c:pt>
                <c:pt idx="825">
                  <c:v>8.0719999999999992</c:v>
                </c:pt>
                <c:pt idx="826">
                  <c:v>8.0830000000000002</c:v>
                </c:pt>
                <c:pt idx="827">
                  <c:v>8.0920000000000005</c:v>
                </c:pt>
                <c:pt idx="828">
                  <c:v>8.1029999999999998</c:v>
                </c:pt>
                <c:pt idx="829">
                  <c:v>8.1140000000000008</c:v>
                </c:pt>
                <c:pt idx="830">
                  <c:v>8.1229999999999993</c:v>
                </c:pt>
                <c:pt idx="831">
                  <c:v>8.1329999999999991</c:v>
                </c:pt>
                <c:pt idx="832">
                  <c:v>8.1440000000000001</c:v>
                </c:pt>
                <c:pt idx="833">
                  <c:v>8.1530000000000005</c:v>
                </c:pt>
                <c:pt idx="834">
                  <c:v>8.1639999999999997</c:v>
                </c:pt>
                <c:pt idx="835">
                  <c:v>8.1739999999999995</c:v>
                </c:pt>
                <c:pt idx="836">
                  <c:v>8.1850000000000005</c:v>
                </c:pt>
                <c:pt idx="837">
                  <c:v>8.1940000000000008</c:v>
                </c:pt>
                <c:pt idx="838">
                  <c:v>8.2050000000000001</c:v>
                </c:pt>
                <c:pt idx="839">
                  <c:v>8.2140000000000004</c:v>
                </c:pt>
                <c:pt idx="840">
                  <c:v>8.2249999999999996</c:v>
                </c:pt>
                <c:pt idx="841">
                  <c:v>8.234</c:v>
                </c:pt>
                <c:pt idx="842">
                  <c:v>8.2439999999999998</c:v>
                </c:pt>
                <c:pt idx="843">
                  <c:v>8.2550000000000008</c:v>
                </c:pt>
                <c:pt idx="844">
                  <c:v>8.2639999999999993</c:v>
                </c:pt>
                <c:pt idx="845">
                  <c:v>8.2750000000000004</c:v>
                </c:pt>
                <c:pt idx="846">
                  <c:v>8.2840000000000007</c:v>
                </c:pt>
                <c:pt idx="847">
                  <c:v>8.2949999999999999</c:v>
                </c:pt>
                <c:pt idx="848">
                  <c:v>8.3049999999999997</c:v>
                </c:pt>
                <c:pt idx="849">
                  <c:v>8.3149999999999995</c:v>
                </c:pt>
                <c:pt idx="850">
                  <c:v>8.3239999999999998</c:v>
                </c:pt>
                <c:pt idx="851">
                  <c:v>8.3350000000000009</c:v>
                </c:pt>
                <c:pt idx="852">
                  <c:v>8.3450000000000006</c:v>
                </c:pt>
                <c:pt idx="853">
                  <c:v>8.3550000000000004</c:v>
                </c:pt>
                <c:pt idx="854">
                  <c:v>8.3650000000000002</c:v>
                </c:pt>
                <c:pt idx="855">
                  <c:v>8.3759999999999994</c:v>
                </c:pt>
                <c:pt idx="856">
                  <c:v>8.3849999999999998</c:v>
                </c:pt>
                <c:pt idx="857">
                  <c:v>8.3949999999999996</c:v>
                </c:pt>
                <c:pt idx="858">
                  <c:v>8.4049999999999994</c:v>
                </c:pt>
                <c:pt idx="859">
                  <c:v>8.4149999999999991</c:v>
                </c:pt>
                <c:pt idx="860">
                  <c:v>8.4239999999999995</c:v>
                </c:pt>
                <c:pt idx="861">
                  <c:v>8.4350000000000005</c:v>
                </c:pt>
                <c:pt idx="862">
                  <c:v>8.4440000000000008</c:v>
                </c:pt>
                <c:pt idx="863">
                  <c:v>8.4550000000000001</c:v>
                </c:pt>
                <c:pt idx="864">
                  <c:v>8.4649999999999999</c:v>
                </c:pt>
                <c:pt idx="865">
                  <c:v>8.4760000000000009</c:v>
                </c:pt>
                <c:pt idx="866">
                  <c:v>8.4849999999999994</c:v>
                </c:pt>
                <c:pt idx="867">
                  <c:v>8.4960000000000004</c:v>
                </c:pt>
                <c:pt idx="868">
                  <c:v>8.5050000000000008</c:v>
                </c:pt>
                <c:pt idx="869">
                  <c:v>8.516</c:v>
                </c:pt>
                <c:pt idx="870">
                  <c:v>8.5250000000000004</c:v>
                </c:pt>
                <c:pt idx="871">
                  <c:v>8.5359999999999996</c:v>
                </c:pt>
                <c:pt idx="872">
                  <c:v>8.5449999999999999</c:v>
                </c:pt>
                <c:pt idx="873">
                  <c:v>8.5559999999999992</c:v>
                </c:pt>
                <c:pt idx="874">
                  <c:v>8.5649999999999995</c:v>
                </c:pt>
                <c:pt idx="875">
                  <c:v>8.5749999999999993</c:v>
                </c:pt>
                <c:pt idx="876">
                  <c:v>8.5850000000000009</c:v>
                </c:pt>
                <c:pt idx="877">
                  <c:v>8.5950000000000006</c:v>
                </c:pt>
                <c:pt idx="878">
                  <c:v>8.6039999999999992</c:v>
                </c:pt>
                <c:pt idx="879">
                  <c:v>8.6150000000000002</c:v>
                </c:pt>
                <c:pt idx="880">
                  <c:v>8.6240000000000006</c:v>
                </c:pt>
                <c:pt idx="881">
                  <c:v>8.6349999999999998</c:v>
                </c:pt>
                <c:pt idx="882">
                  <c:v>8.6440000000000001</c:v>
                </c:pt>
                <c:pt idx="883">
                  <c:v>8.6539999999999999</c:v>
                </c:pt>
                <c:pt idx="884">
                  <c:v>8.6639999999999997</c:v>
                </c:pt>
                <c:pt idx="885">
                  <c:v>8.6739999999999995</c:v>
                </c:pt>
                <c:pt idx="886">
                  <c:v>8.6839999999999993</c:v>
                </c:pt>
                <c:pt idx="887">
                  <c:v>8.6950000000000003</c:v>
                </c:pt>
                <c:pt idx="888">
                  <c:v>8.7040000000000006</c:v>
                </c:pt>
                <c:pt idx="889">
                  <c:v>8.7140000000000004</c:v>
                </c:pt>
                <c:pt idx="890">
                  <c:v>8.7240000000000002</c:v>
                </c:pt>
                <c:pt idx="891">
                  <c:v>8.734</c:v>
                </c:pt>
                <c:pt idx="892">
                  <c:v>8.7430000000000003</c:v>
                </c:pt>
                <c:pt idx="893">
                  <c:v>8.7539999999999996</c:v>
                </c:pt>
                <c:pt idx="894">
                  <c:v>8.7629999999999999</c:v>
                </c:pt>
                <c:pt idx="895">
                  <c:v>8.7739999999999991</c:v>
                </c:pt>
                <c:pt idx="896">
                  <c:v>8.7829999999999995</c:v>
                </c:pt>
                <c:pt idx="897">
                  <c:v>8.7940000000000005</c:v>
                </c:pt>
                <c:pt idx="898">
                  <c:v>8.8040000000000003</c:v>
                </c:pt>
                <c:pt idx="899">
                  <c:v>8.8140000000000001</c:v>
                </c:pt>
                <c:pt idx="900">
                  <c:v>8.8230000000000004</c:v>
                </c:pt>
                <c:pt idx="901">
                  <c:v>8.8339999999999996</c:v>
                </c:pt>
                <c:pt idx="902">
                  <c:v>8.843</c:v>
                </c:pt>
                <c:pt idx="903">
                  <c:v>8.8539999999999992</c:v>
                </c:pt>
                <c:pt idx="904">
                  <c:v>8.8640000000000008</c:v>
                </c:pt>
                <c:pt idx="905">
                  <c:v>8.8740000000000006</c:v>
                </c:pt>
                <c:pt idx="906">
                  <c:v>8.8849999999999998</c:v>
                </c:pt>
                <c:pt idx="907">
                  <c:v>8.8940000000000001</c:v>
                </c:pt>
                <c:pt idx="908">
                  <c:v>8.9039999999999999</c:v>
                </c:pt>
                <c:pt idx="909">
                  <c:v>8.9130000000000003</c:v>
                </c:pt>
                <c:pt idx="910">
                  <c:v>8.9239999999999995</c:v>
                </c:pt>
                <c:pt idx="911">
                  <c:v>8.9329999999999998</c:v>
                </c:pt>
                <c:pt idx="912">
                  <c:v>8.9440000000000008</c:v>
                </c:pt>
                <c:pt idx="913">
                  <c:v>8.9529999999999994</c:v>
                </c:pt>
                <c:pt idx="914">
                  <c:v>9.0129999999999999</c:v>
                </c:pt>
                <c:pt idx="915">
                  <c:v>9.0229999999999997</c:v>
                </c:pt>
                <c:pt idx="916">
                  <c:v>9.032</c:v>
                </c:pt>
                <c:pt idx="917">
                  <c:v>9.0429999999999993</c:v>
                </c:pt>
                <c:pt idx="918">
                  <c:v>9.0519999999999996</c:v>
                </c:pt>
                <c:pt idx="919">
                  <c:v>9.0609999999999999</c:v>
                </c:pt>
                <c:pt idx="920">
                  <c:v>9.0719999999999992</c:v>
                </c:pt>
                <c:pt idx="921">
                  <c:v>9.0820000000000007</c:v>
                </c:pt>
                <c:pt idx="922">
                  <c:v>9.0920000000000005</c:v>
                </c:pt>
                <c:pt idx="923">
                  <c:v>9.1010000000000009</c:v>
                </c:pt>
                <c:pt idx="924">
                  <c:v>9.1120000000000001</c:v>
                </c:pt>
                <c:pt idx="925">
                  <c:v>9.1219999999999999</c:v>
                </c:pt>
                <c:pt idx="926">
                  <c:v>9.1319999999999997</c:v>
                </c:pt>
                <c:pt idx="927">
                  <c:v>9.1419999999999995</c:v>
                </c:pt>
                <c:pt idx="928">
                  <c:v>9.1519999999999992</c:v>
                </c:pt>
                <c:pt idx="929">
                  <c:v>9.1620000000000008</c:v>
                </c:pt>
                <c:pt idx="930">
                  <c:v>9.173</c:v>
                </c:pt>
                <c:pt idx="931">
                  <c:v>9.1820000000000004</c:v>
                </c:pt>
                <c:pt idx="932">
                  <c:v>9.1920000000000002</c:v>
                </c:pt>
                <c:pt idx="933">
                  <c:v>9.2029999999999994</c:v>
                </c:pt>
                <c:pt idx="934">
                  <c:v>9.2119999999999997</c:v>
                </c:pt>
                <c:pt idx="935">
                  <c:v>9.2230000000000008</c:v>
                </c:pt>
                <c:pt idx="936">
                  <c:v>9.2330000000000005</c:v>
                </c:pt>
                <c:pt idx="937">
                  <c:v>9.2420000000000009</c:v>
                </c:pt>
                <c:pt idx="938">
                  <c:v>9.2530000000000001</c:v>
                </c:pt>
                <c:pt idx="939">
                  <c:v>9.2620000000000005</c:v>
                </c:pt>
                <c:pt idx="940">
                  <c:v>9.2720000000000002</c:v>
                </c:pt>
                <c:pt idx="941">
                  <c:v>9.2829999999999995</c:v>
                </c:pt>
                <c:pt idx="942">
                  <c:v>9.2919999999999998</c:v>
                </c:pt>
                <c:pt idx="943">
                  <c:v>9.3030000000000008</c:v>
                </c:pt>
                <c:pt idx="944">
                  <c:v>9.3119999999999994</c:v>
                </c:pt>
                <c:pt idx="945">
                  <c:v>9.3230000000000004</c:v>
                </c:pt>
                <c:pt idx="946">
                  <c:v>9.3320000000000007</c:v>
                </c:pt>
                <c:pt idx="947">
                  <c:v>9.343</c:v>
                </c:pt>
                <c:pt idx="948">
                  <c:v>9.3520000000000003</c:v>
                </c:pt>
                <c:pt idx="949">
                  <c:v>9.3629999999999995</c:v>
                </c:pt>
                <c:pt idx="950">
                  <c:v>9.3729999999999993</c:v>
                </c:pt>
                <c:pt idx="951">
                  <c:v>9.3840000000000003</c:v>
                </c:pt>
                <c:pt idx="952">
                  <c:v>9.3930000000000007</c:v>
                </c:pt>
                <c:pt idx="953">
                  <c:v>9.4019999999999992</c:v>
                </c:pt>
                <c:pt idx="954">
                  <c:v>9.4120000000000008</c:v>
                </c:pt>
                <c:pt idx="955">
                  <c:v>9.4220000000000006</c:v>
                </c:pt>
                <c:pt idx="956">
                  <c:v>9.4329999999999998</c:v>
                </c:pt>
                <c:pt idx="957">
                  <c:v>9.4420000000000002</c:v>
                </c:pt>
                <c:pt idx="958">
                  <c:v>9.4529999999999994</c:v>
                </c:pt>
                <c:pt idx="959">
                  <c:v>9.4629999999999992</c:v>
                </c:pt>
                <c:pt idx="960">
                  <c:v>9.4730000000000008</c:v>
                </c:pt>
                <c:pt idx="961">
                  <c:v>9.4830000000000005</c:v>
                </c:pt>
                <c:pt idx="962">
                  <c:v>9.4930000000000003</c:v>
                </c:pt>
                <c:pt idx="963">
                  <c:v>9.5030000000000001</c:v>
                </c:pt>
                <c:pt idx="964">
                  <c:v>9.5129999999999999</c:v>
                </c:pt>
                <c:pt idx="965">
                  <c:v>9.5229999999999997</c:v>
                </c:pt>
                <c:pt idx="966">
                  <c:v>9.5340000000000007</c:v>
                </c:pt>
                <c:pt idx="967">
                  <c:v>9.5429999999999993</c:v>
                </c:pt>
                <c:pt idx="968">
                  <c:v>9.5530000000000008</c:v>
                </c:pt>
                <c:pt idx="969">
                  <c:v>9.5630000000000006</c:v>
                </c:pt>
                <c:pt idx="970">
                  <c:v>9.5730000000000004</c:v>
                </c:pt>
                <c:pt idx="971">
                  <c:v>9.5830000000000002</c:v>
                </c:pt>
                <c:pt idx="972">
                  <c:v>9.593</c:v>
                </c:pt>
                <c:pt idx="973">
                  <c:v>9.6020000000000003</c:v>
                </c:pt>
                <c:pt idx="974">
                  <c:v>9.6129999999999995</c:v>
                </c:pt>
                <c:pt idx="975">
                  <c:v>9.6219999999999999</c:v>
                </c:pt>
                <c:pt idx="976">
                  <c:v>9.6329999999999991</c:v>
                </c:pt>
                <c:pt idx="977">
                  <c:v>9.6430000000000007</c:v>
                </c:pt>
                <c:pt idx="978">
                  <c:v>9.6539999999999999</c:v>
                </c:pt>
                <c:pt idx="979">
                  <c:v>9.6630000000000003</c:v>
                </c:pt>
                <c:pt idx="980">
                  <c:v>9.6739999999999995</c:v>
                </c:pt>
                <c:pt idx="981">
                  <c:v>9.6829999999999998</c:v>
                </c:pt>
                <c:pt idx="982">
                  <c:v>9.6940000000000008</c:v>
                </c:pt>
                <c:pt idx="983">
                  <c:v>9.7029999999999994</c:v>
                </c:pt>
                <c:pt idx="984">
                  <c:v>9.7129999999999992</c:v>
                </c:pt>
                <c:pt idx="985">
                  <c:v>9.7230000000000008</c:v>
                </c:pt>
                <c:pt idx="986">
                  <c:v>9.7330000000000005</c:v>
                </c:pt>
                <c:pt idx="987">
                  <c:v>9.7430000000000003</c:v>
                </c:pt>
                <c:pt idx="988">
                  <c:v>9.7539999999999996</c:v>
                </c:pt>
                <c:pt idx="989">
                  <c:v>9.7629999999999999</c:v>
                </c:pt>
                <c:pt idx="990">
                  <c:v>9.7729999999999997</c:v>
                </c:pt>
                <c:pt idx="991">
                  <c:v>9.7829999999999995</c:v>
                </c:pt>
                <c:pt idx="992">
                  <c:v>9.7929999999999993</c:v>
                </c:pt>
                <c:pt idx="993">
                  <c:v>9.8030000000000008</c:v>
                </c:pt>
                <c:pt idx="994">
                  <c:v>9.8130000000000006</c:v>
                </c:pt>
                <c:pt idx="995">
                  <c:v>9.8230000000000004</c:v>
                </c:pt>
                <c:pt idx="996">
                  <c:v>9.8330000000000002</c:v>
                </c:pt>
                <c:pt idx="997">
                  <c:v>9.843</c:v>
                </c:pt>
                <c:pt idx="998">
                  <c:v>9.8529999999999998</c:v>
                </c:pt>
                <c:pt idx="999">
                  <c:v>9.8629999999999995</c:v>
                </c:pt>
                <c:pt idx="1000">
                  <c:v>9.8740000000000006</c:v>
                </c:pt>
                <c:pt idx="1001">
                  <c:v>9.8829999999999991</c:v>
                </c:pt>
                <c:pt idx="1002">
                  <c:v>9.8919999999999995</c:v>
                </c:pt>
                <c:pt idx="1003">
                  <c:v>9.9030000000000005</c:v>
                </c:pt>
                <c:pt idx="1004">
                  <c:v>9.9120000000000008</c:v>
                </c:pt>
                <c:pt idx="1005">
                  <c:v>9.923</c:v>
                </c:pt>
                <c:pt idx="1006">
                  <c:v>9.9329999999999998</c:v>
                </c:pt>
                <c:pt idx="1007">
                  <c:v>9.9429999999999996</c:v>
                </c:pt>
                <c:pt idx="1008">
                  <c:v>9.9529999999999994</c:v>
                </c:pt>
                <c:pt idx="1009">
                  <c:v>9.9629999999999992</c:v>
                </c:pt>
                <c:pt idx="1010">
                  <c:v>9.9730000000000008</c:v>
                </c:pt>
                <c:pt idx="1011">
                  <c:v>9.984</c:v>
                </c:pt>
                <c:pt idx="1012">
                  <c:v>9.9930000000000003</c:v>
                </c:pt>
                <c:pt idx="1013">
                  <c:v>10.004</c:v>
                </c:pt>
                <c:pt idx="1014">
                  <c:v>10.013</c:v>
                </c:pt>
                <c:pt idx="1015">
                  <c:v>10.023</c:v>
                </c:pt>
                <c:pt idx="1016">
                  <c:v>10.034000000000001</c:v>
                </c:pt>
                <c:pt idx="1017">
                  <c:v>10.042999999999999</c:v>
                </c:pt>
                <c:pt idx="1018">
                  <c:v>10.054</c:v>
                </c:pt>
                <c:pt idx="1019">
                  <c:v>10.063000000000001</c:v>
                </c:pt>
                <c:pt idx="1020">
                  <c:v>10.074</c:v>
                </c:pt>
                <c:pt idx="1021">
                  <c:v>10.083</c:v>
                </c:pt>
                <c:pt idx="1022">
                  <c:v>10.093</c:v>
                </c:pt>
                <c:pt idx="1023">
                  <c:v>10.103999999999999</c:v>
                </c:pt>
                <c:pt idx="1024">
                  <c:v>10.113</c:v>
                </c:pt>
                <c:pt idx="1025">
                  <c:v>10.122999999999999</c:v>
                </c:pt>
                <c:pt idx="1026">
                  <c:v>10.135</c:v>
                </c:pt>
                <c:pt idx="1027">
                  <c:v>10.144</c:v>
                </c:pt>
                <c:pt idx="1028">
                  <c:v>10.154</c:v>
                </c:pt>
                <c:pt idx="1029">
                  <c:v>10.164</c:v>
                </c:pt>
                <c:pt idx="1030">
                  <c:v>10.175000000000001</c:v>
                </c:pt>
                <c:pt idx="1031">
                  <c:v>10.183999999999999</c:v>
                </c:pt>
                <c:pt idx="1032">
                  <c:v>10.195</c:v>
                </c:pt>
                <c:pt idx="1033">
                  <c:v>10.204000000000001</c:v>
                </c:pt>
                <c:pt idx="1034">
                  <c:v>10.215</c:v>
                </c:pt>
                <c:pt idx="1035">
                  <c:v>10.224</c:v>
                </c:pt>
                <c:pt idx="1036">
                  <c:v>10.234999999999999</c:v>
                </c:pt>
                <c:pt idx="1037">
                  <c:v>10.244</c:v>
                </c:pt>
                <c:pt idx="1038">
                  <c:v>10.255000000000001</c:v>
                </c:pt>
                <c:pt idx="1039">
                  <c:v>10.263999999999999</c:v>
                </c:pt>
                <c:pt idx="1040">
                  <c:v>10.275</c:v>
                </c:pt>
                <c:pt idx="1041">
                  <c:v>10.285</c:v>
                </c:pt>
                <c:pt idx="1042">
                  <c:v>10.294</c:v>
                </c:pt>
                <c:pt idx="1043">
                  <c:v>10.304</c:v>
                </c:pt>
                <c:pt idx="1044">
                  <c:v>10.315</c:v>
                </c:pt>
                <c:pt idx="1045">
                  <c:v>10.324</c:v>
                </c:pt>
                <c:pt idx="1046">
                  <c:v>10.335000000000001</c:v>
                </c:pt>
                <c:pt idx="1047">
                  <c:v>10.343999999999999</c:v>
                </c:pt>
                <c:pt idx="1048">
                  <c:v>10.355</c:v>
                </c:pt>
                <c:pt idx="1049">
                  <c:v>10.366</c:v>
                </c:pt>
                <c:pt idx="1050">
                  <c:v>10.375</c:v>
                </c:pt>
                <c:pt idx="1051">
                  <c:v>10.385</c:v>
                </c:pt>
                <c:pt idx="1052">
                  <c:v>10.396000000000001</c:v>
                </c:pt>
                <c:pt idx="1053">
                  <c:v>10.404999999999999</c:v>
                </c:pt>
                <c:pt idx="1054">
                  <c:v>10.416</c:v>
                </c:pt>
                <c:pt idx="1055">
                  <c:v>10.425000000000001</c:v>
                </c:pt>
                <c:pt idx="1056">
                  <c:v>10.436</c:v>
                </c:pt>
                <c:pt idx="1057">
                  <c:v>10.445</c:v>
                </c:pt>
                <c:pt idx="1058">
                  <c:v>10.456</c:v>
                </c:pt>
                <c:pt idx="1059">
                  <c:v>10.465999999999999</c:v>
                </c:pt>
                <c:pt idx="1060">
                  <c:v>10.475</c:v>
                </c:pt>
                <c:pt idx="1061">
                  <c:v>10.486000000000001</c:v>
                </c:pt>
                <c:pt idx="1062">
                  <c:v>10.496</c:v>
                </c:pt>
                <c:pt idx="1063">
                  <c:v>10.506</c:v>
                </c:pt>
                <c:pt idx="1064">
                  <c:v>10.516</c:v>
                </c:pt>
                <c:pt idx="1065">
                  <c:v>10.526999999999999</c:v>
                </c:pt>
                <c:pt idx="1066">
                  <c:v>10.536</c:v>
                </c:pt>
                <c:pt idx="1067">
                  <c:v>10.545999999999999</c:v>
                </c:pt>
                <c:pt idx="1068">
                  <c:v>10.555999999999999</c:v>
                </c:pt>
                <c:pt idx="1069">
                  <c:v>10.566000000000001</c:v>
                </c:pt>
                <c:pt idx="1070">
                  <c:v>10.574999999999999</c:v>
                </c:pt>
                <c:pt idx="1071">
                  <c:v>10.586</c:v>
                </c:pt>
                <c:pt idx="1072">
                  <c:v>10.595000000000001</c:v>
                </c:pt>
                <c:pt idx="1073">
                  <c:v>10.606</c:v>
                </c:pt>
                <c:pt idx="1074">
                  <c:v>10.616</c:v>
                </c:pt>
                <c:pt idx="1075">
                  <c:v>10.627000000000001</c:v>
                </c:pt>
                <c:pt idx="1076">
                  <c:v>10.635999999999999</c:v>
                </c:pt>
                <c:pt idx="1077">
                  <c:v>10.646000000000001</c:v>
                </c:pt>
                <c:pt idx="1078">
                  <c:v>10.656000000000001</c:v>
                </c:pt>
                <c:pt idx="1079">
                  <c:v>10.667</c:v>
                </c:pt>
                <c:pt idx="1080">
                  <c:v>10.676</c:v>
                </c:pt>
                <c:pt idx="1081">
                  <c:v>10.686999999999999</c:v>
                </c:pt>
                <c:pt idx="1082">
                  <c:v>10.696</c:v>
                </c:pt>
                <c:pt idx="1083">
                  <c:v>10.707000000000001</c:v>
                </c:pt>
                <c:pt idx="1084">
                  <c:v>10.715999999999999</c:v>
                </c:pt>
                <c:pt idx="1085">
                  <c:v>10.727</c:v>
                </c:pt>
                <c:pt idx="1086">
                  <c:v>10.736000000000001</c:v>
                </c:pt>
                <c:pt idx="1087">
                  <c:v>10.746</c:v>
                </c:pt>
                <c:pt idx="1088">
                  <c:v>10.756</c:v>
                </c:pt>
                <c:pt idx="1089">
                  <c:v>10.766999999999999</c:v>
                </c:pt>
                <c:pt idx="1090">
                  <c:v>10.776</c:v>
                </c:pt>
                <c:pt idx="1091">
                  <c:v>10.786</c:v>
                </c:pt>
                <c:pt idx="1092">
                  <c:v>10.797000000000001</c:v>
                </c:pt>
                <c:pt idx="1093">
                  <c:v>10.805999999999999</c:v>
                </c:pt>
                <c:pt idx="1094">
                  <c:v>10.817</c:v>
                </c:pt>
                <c:pt idx="1095">
                  <c:v>10.826000000000001</c:v>
                </c:pt>
                <c:pt idx="1096">
                  <c:v>10.837</c:v>
                </c:pt>
                <c:pt idx="1097">
                  <c:v>10.847</c:v>
                </c:pt>
                <c:pt idx="1098">
                  <c:v>10.858000000000001</c:v>
                </c:pt>
                <c:pt idx="1099">
                  <c:v>10.867000000000001</c:v>
                </c:pt>
                <c:pt idx="1100">
                  <c:v>10.877000000000001</c:v>
                </c:pt>
                <c:pt idx="1101">
                  <c:v>10.888</c:v>
                </c:pt>
                <c:pt idx="1102">
                  <c:v>10.897</c:v>
                </c:pt>
                <c:pt idx="1103">
                  <c:v>10.907</c:v>
                </c:pt>
                <c:pt idx="1104">
                  <c:v>10.917</c:v>
                </c:pt>
                <c:pt idx="1105">
                  <c:v>10.927</c:v>
                </c:pt>
                <c:pt idx="1106">
                  <c:v>10.938000000000001</c:v>
                </c:pt>
                <c:pt idx="1107">
                  <c:v>10.946999999999999</c:v>
                </c:pt>
                <c:pt idx="1108">
                  <c:v>10.957000000000001</c:v>
                </c:pt>
                <c:pt idx="1109">
                  <c:v>10.967000000000001</c:v>
                </c:pt>
                <c:pt idx="1110">
                  <c:v>10.978</c:v>
                </c:pt>
                <c:pt idx="1111">
                  <c:v>10.988</c:v>
                </c:pt>
                <c:pt idx="1112">
                  <c:v>10.997999999999999</c:v>
                </c:pt>
                <c:pt idx="1113">
                  <c:v>11.007999999999999</c:v>
                </c:pt>
                <c:pt idx="1114">
                  <c:v>11.052</c:v>
                </c:pt>
                <c:pt idx="1115">
                  <c:v>11.061</c:v>
                </c:pt>
                <c:pt idx="1116">
                  <c:v>11.071</c:v>
                </c:pt>
                <c:pt idx="1117">
                  <c:v>11.081</c:v>
                </c:pt>
                <c:pt idx="1118">
                  <c:v>11.090999999999999</c:v>
                </c:pt>
                <c:pt idx="1119">
                  <c:v>11.101000000000001</c:v>
                </c:pt>
                <c:pt idx="1120">
                  <c:v>11.11</c:v>
                </c:pt>
                <c:pt idx="1121">
                  <c:v>11.121</c:v>
                </c:pt>
                <c:pt idx="1122">
                  <c:v>11.131</c:v>
                </c:pt>
                <c:pt idx="1123">
                  <c:v>11.141</c:v>
                </c:pt>
                <c:pt idx="1124">
                  <c:v>11.15</c:v>
                </c:pt>
                <c:pt idx="1125">
                  <c:v>11.161</c:v>
                </c:pt>
                <c:pt idx="1126">
                  <c:v>11.172000000000001</c:v>
                </c:pt>
                <c:pt idx="1127">
                  <c:v>11.180999999999999</c:v>
                </c:pt>
                <c:pt idx="1128">
                  <c:v>11.191000000000001</c:v>
                </c:pt>
                <c:pt idx="1129">
                  <c:v>11.201000000000001</c:v>
                </c:pt>
                <c:pt idx="1130">
                  <c:v>11.211</c:v>
                </c:pt>
                <c:pt idx="1131">
                  <c:v>11.222</c:v>
                </c:pt>
                <c:pt idx="1132">
                  <c:v>11.231999999999999</c:v>
                </c:pt>
                <c:pt idx="1133">
                  <c:v>11.242000000000001</c:v>
                </c:pt>
                <c:pt idx="1134">
                  <c:v>11.250999999999999</c:v>
                </c:pt>
                <c:pt idx="1135">
                  <c:v>11.260999999999999</c:v>
                </c:pt>
                <c:pt idx="1136">
                  <c:v>11.272</c:v>
                </c:pt>
                <c:pt idx="1137">
                  <c:v>11.281000000000001</c:v>
                </c:pt>
                <c:pt idx="1138">
                  <c:v>11.291</c:v>
                </c:pt>
                <c:pt idx="1139">
                  <c:v>11.302</c:v>
                </c:pt>
                <c:pt idx="1140">
                  <c:v>11.311</c:v>
                </c:pt>
                <c:pt idx="1141">
                  <c:v>11.321</c:v>
                </c:pt>
                <c:pt idx="1142">
                  <c:v>11.332000000000001</c:v>
                </c:pt>
                <c:pt idx="1143">
                  <c:v>11.342000000000001</c:v>
                </c:pt>
                <c:pt idx="1144">
                  <c:v>11.352</c:v>
                </c:pt>
                <c:pt idx="1145">
                  <c:v>11.362</c:v>
                </c:pt>
                <c:pt idx="1146">
                  <c:v>11.371</c:v>
                </c:pt>
                <c:pt idx="1147">
                  <c:v>11.382</c:v>
                </c:pt>
                <c:pt idx="1148">
                  <c:v>11.391999999999999</c:v>
                </c:pt>
                <c:pt idx="1149">
                  <c:v>11.401999999999999</c:v>
                </c:pt>
                <c:pt idx="1150">
                  <c:v>11.412000000000001</c:v>
                </c:pt>
                <c:pt idx="1151">
                  <c:v>11.422000000000001</c:v>
                </c:pt>
                <c:pt idx="1152">
                  <c:v>11.430999999999999</c:v>
                </c:pt>
                <c:pt idx="1153">
                  <c:v>11.441000000000001</c:v>
                </c:pt>
                <c:pt idx="1154">
                  <c:v>11.452</c:v>
                </c:pt>
                <c:pt idx="1155">
                  <c:v>11.461</c:v>
                </c:pt>
                <c:pt idx="1156">
                  <c:v>11.472</c:v>
                </c:pt>
                <c:pt idx="1157">
                  <c:v>11.481999999999999</c:v>
                </c:pt>
                <c:pt idx="1158">
                  <c:v>11.492000000000001</c:v>
                </c:pt>
                <c:pt idx="1159">
                  <c:v>11.503</c:v>
                </c:pt>
                <c:pt idx="1160">
                  <c:v>11.512</c:v>
                </c:pt>
                <c:pt idx="1161">
                  <c:v>11.522</c:v>
                </c:pt>
                <c:pt idx="1162">
                  <c:v>11.532999999999999</c:v>
                </c:pt>
                <c:pt idx="1163">
                  <c:v>11.542</c:v>
                </c:pt>
                <c:pt idx="1164">
                  <c:v>11.552</c:v>
                </c:pt>
                <c:pt idx="1165">
                  <c:v>11.561999999999999</c:v>
                </c:pt>
                <c:pt idx="1166">
                  <c:v>11.573</c:v>
                </c:pt>
                <c:pt idx="1167">
                  <c:v>11.582000000000001</c:v>
                </c:pt>
                <c:pt idx="1168">
                  <c:v>11.592000000000001</c:v>
                </c:pt>
                <c:pt idx="1169">
                  <c:v>11.602</c:v>
                </c:pt>
                <c:pt idx="1170">
                  <c:v>11.612</c:v>
                </c:pt>
                <c:pt idx="1171">
                  <c:v>11.621</c:v>
                </c:pt>
                <c:pt idx="1172">
                  <c:v>11.632</c:v>
                </c:pt>
                <c:pt idx="1173">
                  <c:v>11.641999999999999</c:v>
                </c:pt>
                <c:pt idx="1174">
                  <c:v>11.651999999999999</c:v>
                </c:pt>
                <c:pt idx="1175">
                  <c:v>11.662000000000001</c:v>
                </c:pt>
                <c:pt idx="1176">
                  <c:v>11.673</c:v>
                </c:pt>
                <c:pt idx="1177">
                  <c:v>11.682</c:v>
                </c:pt>
                <c:pt idx="1178">
                  <c:v>11.692</c:v>
                </c:pt>
                <c:pt idx="1179">
                  <c:v>11.702</c:v>
                </c:pt>
                <c:pt idx="1180">
                  <c:v>11.712</c:v>
                </c:pt>
                <c:pt idx="1181">
                  <c:v>11.722</c:v>
                </c:pt>
                <c:pt idx="1182">
                  <c:v>11.731999999999999</c:v>
                </c:pt>
                <c:pt idx="1183">
                  <c:v>11.742000000000001</c:v>
                </c:pt>
                <c:pt idx="1184">
                  <c:v>11.752000000000001</c:v>
                </c:pt>
                <c:pt idx="1185">
                  <c:v>11.762</c:v>
                </c:pt>
                <c:pt idx="1186">
                  <c:v>11.771000000000001</c:v>
                </c:pt>
                <c:pt idx="1187">
                  <c:v>11.782</c:v>
                </c:pt>
                <c:pt idx="1188">
                  <c:v>11.792</c:v>
                </c:pt>
                <c:pt idx="1189">
                  <c:v>11.801</c:v>
                </c:pt>
                <c:pt idx="1190">
                  <c:v>11.813000000000001</c:v>
                </c:pt>
                <c:pt idx="1191">
                  <c:v>11.821999999999999</c:v>
                </c:pt>
                <c:pt idx="1192">
                  <c:v>11.832000000000001</c:v>
                </c:pt>
                <c:pt idx="1193">
                  <c:v>11.843</c:v>
                </c:pt>
                <c:pt idx="1194">
                  <c:v>11.852</c:v>
                </c:pt>
                <c:pt idx="1195">
                  <c:v>11.862</c:v>
                </c:pt>
                <c:pt idx="1196">
                  <c:v>11.872</c:v>
                </c:pt>
                <c:pt idx="1197">
                  <c:v>11.882</c:v>
                </c:pt>
                <c:pt idx="1198">
                  <c:v>11.891999999999999</c:v>
                </c:pt>
                <c:pt idx="1199">
                  <c:v>11.901999999999999</c:v>
                </c:pt>
                <c:pt idx="1200">
                  <c:v>11.912000000000001</c:v>
                </c:pt>
                <c:pt idx="1201">
                  <c:v>11.922000000000001</c:v>
                </c:pt>
                <c:pt idx="1202">
                  <c:v>11.930999999999999</c:v>
                </c:pt>
                <c:pt idx="1203">
                  <c:v>11.942</c:v>
                </c:pt>
                <c:pt idx="1204">
                  <c:v>11.951000000000001</c:v>
                </c:pt>
                <c:pt idx="1205">
                  <c:v>11.962</c:v>
                </c:pt>
                <c:pt idx="1206">
                  <c:v>11.973000000000001</c:v>
                </c:pt>
                <c:pt idx="1207">
                  <c:v>11.983000000000001</c:v>
                </c:pt>
                <c:pt idx="1208">
                  <c:v>11.993</c:v>
                </c:pt>
                <c:pt idx="1209">
                  <c:v>12.003</c:v>
                </c:pt>
                <c:pt idx="1210">
                  <c:v>12.013</c:v>
                </c:pt>
                <c:pt idx="1211">
                  <c:v>12.023</c:v>
                </c:pt>
                <c:pt idx="1212">
                  <c:v>12.032999999999999</c:v>
                </c:pt>
                <c:pt idx="1213">
                  <c:v>12.042999999999999</c:v>
                </c:pt>
                <c:pt idx="1214">
                  <c:v>12.053000000000001</c:v>
                </c:pt>
                <c:pt idx="1215">
                  <c:v>12.063000000000001</c:v>
                </c:pt>
                <c:pt idx="1216">
                  <c:v>12.073</c:v>
                </c:pt>
                <c:pt idx="1217">
                  <c:v>12.082000000000001</c:v>
                </c:pt>
                <c:pt idx="1218">
                  <c:v>12.093</c:v>
                </c:pt>
                <c:pt idx="1219">
                  <c:v>12.102</c:v>
                </c:pt>
                <c:pt idx="1220">
                  <c:v>12.113</c:v>
                </c:pt>
                <c:pt idx="1221">
                  <c:v>12.122</c:v>
                </c:pt>
                <c:pt idx="1222">
                  <c:v>12.132999999999999</c:v>
                </c:pt>
                <c:pt idx="1223">
                  <c:v>12.141999999999999</c:v>
                </c:pt>
                <c:pt idx="1224">
                  <c:v>12.153</c:v>
                </c:pt>
                <c:pt idx="1225">
                  <c:v>12.163</c:v>
                </c:pt>
                <c:pt idx="1226">
                  <c:v>12.173</c:v>
                </c:pt>
                <c:pt idx="1227">
                  <c:v>12.183</c:v>
                </c:pt>
                <c:pt idx="1228">
                  <c:v>12.193</c:v>
                </c:pt>
                <c:pt idx="1229">
                  <c:v>12.202999999999999</c:v>
                </c:pt>
                <c:pt idx="1230">
                  <c:v>12.214</c:v>
                </c:pt>
                <c:pt idx="1231">
                  <c:v>12.224</c:v>
                </c:pt>
                <c:pt idx="1232">
                  <c:v>12.233000000000001</c:v>
                </c:pt>
                <c:pt idx="1233">
                  <c:v>12.244</c:v>
                </c:pt>
                <c:pt idx="1234">
                  <c:v>12.253</c:v>
                </c:pt>
                <c:pt idx="1235">
                  <c:v>12.263999999999999</c:v>
                </c:pt>
                <c:pt idx="1236">
                  <c:v>12.273</c:v>
                </c:pt>
                <c:pt idx="1237">
                  <c:v>12.282999999999999</c:v>
                </c:pt>
                <c:pt idx="1238">
                  <c:v>12.292999999999999</c:v>
                </c:pt>
                <c:pt idx="1239">
                  <c:v>12.303000000000001</c:v>
                </c:pt>
                <c:pt idx="1240">
                  <c:v>12.313000000000001</c:v>
                </c:pt>
                <c:pt idx="1241">
                  <c:v>12.323</c:v>
                </c:pt>
                <c:pt idx="1242">
                  <c:v>12.333</c:v>
                </c:pt>
                <c:pt idx="1243">
                  <c:v>12.343999999999999</c:v>
                </c:pt>
                <c:pt idx="1244">
                  <c:v>12.353999999999999</c:v>
                </c:pt>
                <c:pt idx="1245">
                  <c:v>12.364000000000001</c:v>
                </c:pt>
                <c:pt idx="1246">
                  <c:v>12.375</c:v>
                </c:pt>
                <c:pt idx="1247">
                  <c:v>12.384</c:v>
                </c:pt>
                <c:pt idx="1248">
                  <c:v>12.394</c:v>
                </c:pt>
                <c:pt idx="1249">
                  <c:v>12.404</c:v>
                </c:pt>
                <c:pt idx="1250">
                  <c:v>12.413</c:v>
                </c:pt>
                <c:pt idx="1251">
                  <c:v>12.423999999999999</c:v>
                </c:pt>
                <c:pt idx="1252">
                  <c:v>12.433</c:v>
                </c:pt>
                <c:pt idx="1253">
                  <c:v>12.444000000000001</c:v>
                </c:pt>
                <c:pt idx="1254">
                  <c:v>12.454000000000001</c:v>
                </c:pt>
                <c:pt idx="1255">
                  <c:v>12.464</c:v>
                </c:pt>
                <c:pt idx="1256">
                  <c:v>12.474</c:v>
                </c:pt>
                <c:pt idx="1257">
                  <c:v>12.484999999999999</c:v>
                </c:pt>
                <c:pt idx="1258">
                  <c:v>12.494</c:v>
                </c:pt>
                <c:pt idx="1259">
                  <c:v>12.504</c:v>
                </c:pt>
                <c:pt idx="1260">
                  <c:v>12.513999999999999</c:v>
                </c:pt>
                <c:pt idx="1261">
                  <c:v>12.523999999999999</c:v>
                </c:pt>
                <c:pt idx="1262">
                  <c:v>12.535</c:v>
                </c:pt>
                <c:pt idx="1263">
                  <c:v>12.544</c:v>
                </c:pt>
                <c:pt idx="1264">
                  <c:v>12.554</c:v>
                </c:pt>
                <c:pt idx="1265">
                  <c:v>12.563000000000001</c:v>
                </c:pt>
                <c:pt idx="1266">
                  <c:v>12.574</c:v>
                </c:pt>
                <c:pt idx="1267">
                  <c:v>12.583</c:v>
                </c:pt>
                <c:pt idx="1268">
                  <c:v>12.593</c:v>
                </c:pt>
                <c:pt idx="1269">
                  <c:v>12.603</c:v>
                </c:pt>
                <c:pt idx="1270">
                  <c:v>12.613</c:v>
                </c:pt>
                <c:pt idx="1271">
                  <c:v>12.622999999999999</c:v>
                </c:pt>
                <c:pt idx="1272">
                  <c:v>12.634</c:v>
                </c:pt>
                <c:pt idx="1273">
                  <c:v>12.643000000000001</c:v>
                </c:pt>
                <c:pt idx="1274">
                  <c:v>12.654</c:v>
                </c:pt>
                <c:pt idx="1275">
                  <c:v>12.663</c:v>
                </c:pt>
                <c:pt idx="1276">
                  <c:v>12.673</c:v>
                </c:pt>
                <c:pt idx="1277">
                  <c:v>12.683</c:v>
                </c:pt>
                <c:pt idx="1278">
                  <c:v>12.693</c:v>
                </c:pt>
                <c:pt idx="1279">
                  <c:v>12.704000000000001</c:v>
                </c:pt>
                <c:pt idx="1280">
                  <c:v>12.712999999999999</c:v>
                </c:pt>
                <c:pt idx="1281">
                  <c:v>12.723000000000001</c:v>
                </c:pt>
                <c:pt idx="1282">
                  <c:v>12.733000000000001</c:v>
                </c:pt>
                <c:pt idx="1283">
                  <c:v>12.742000000000001</c:v>
                </c:pt>
                <c:pt idx="1284">
                  <c:v>12.753</c:v>
                </c:pt>
                <c:pt idx="1285">
                  <c:v>12.763</c:v>
                </c:pt>
                <c:pt idx="1286">
                  <c:v>12.772</c:v>
                </c:pt>
                <c:pt idx="1287">
                  <c:v>12.782</c:v>
                </c:pt>
                <c:pt idx="1288">
                  <c:v>12.792</c:v>
                </c:pt>
                <c:pt idx="1289">
                  <c:v>12.803000000000001</c:v>
                </c:pt>
                <c:pt idx="1290">
                  <c:v>12.811999999999999</c:v>
                </c:pt>
                <c:pt idx="1291">
                  <c:v>12.823</c:v>
                </c:pt>
                <c:pt idx="1292">
                  <c:v>12.832000000000001</c:v>
                </c:pt>
                <c:pt idx="1293">
                  <c:v>12.843</c:v>
                </c:pt>
                <c:pt idx="1294">
                  <c:v>12.852</c:v>
                </c:pt>
                <c:pt idx="1295">
                  <c:v>12.862</c:v>
                </c:pt>
                <c:pt idx="1296">
                  <c:v>12.872</c:v>
                </c:pt>
                <c:pt idx="1297">
                  <c:v>12.882999999999999</c:v>
                </c:pt>
                <c:pt idx="1298">
                  <c:v>12.891999999999999</c:v>
                </c:pt>
                <c:pt idx="1299">
                  <c:v>12.903</c:v>
                </c:pt>
                <c:pt idx="1300">
                  <c:v>12.912000000000001</c:v>
                </c:pt>
                <c:pt idx="1301">
                  <c:v>12.923</c:v>
                </c:pt>
                <c:pt idx="1302">
                  <c:v>12.932</c:v>
                </c:pt>
                <c:pt idx="1303">
                  <c:v>12.943</c:v>
                </c:pt>
                <c:pt idx="1304">
                  <c:v>12.952</c:v>
                </c:pt>
                <c:pt idx="1305">
                  <c:v>12.962999999999999</c:v>
                </c:pt>
                <c:pt idx="1306">
                  <c:v>12.972</c:v>
                </c:pt>
                <c:pt idx="1307">
                  <c:v>12.983000000000001</c:v>
                </c:pt>
                <c:pt idx="1308">
                  <c:v>12.987</c:v>
                </c:pt>
                <c:pt idx="1309">
                  <c:v>12.987</c:v>
                </c:pt>
                <c:pt idx="1310">
                  <c:v>12.987</c:v>
                </c:pt>
                <c:pt idx="1311">
                  <c:v>13.031000000000001</c:v>
                </c:pt>
                <c:pt idx="1312">
                  <c:v>13.041</c:v>
                </c:pt>
                <c:pt idx="1313">
                  <c:v>13.051</c:v>
                </c:pt>
                <c:pt idx="1314">
                  <c:v>13.061</c:v>
                </c:pt>
                <c:pt idx="1315">
                  <c:v>13.071</c:v>
                </c:pt>
                <c:pt idx="1316">
                  <c:v>13.081</c:v>
                </c:pt>
                <c:pt idx="1317">
                  <c:v>13.09</c:v>
                </c:pt>
                <c:pt idx="1318">
                  <c:v>13.1</c:v>
                </c:pt>
                <c:pt idx="1319">
                  <c:v>13.11</c:v>
                </c:pt>
                <c:pt idx="1320">
                  <c:v>13.12</c:v>
                </c:pt>
                <c:pt idx="1321">
                  <c:v>13.13</c:v>
                </c:pt>
                <c:pt idx="1322">
                  <c:v>13.138999999999999</c:v>
                </c:pt>
                <c:pt idx="1323">
                  <c:v>13.151</c:v>
                </c:pt>
                <c:pt idx="1324">
                  <c:v>13.16</c:v>
                </c:pt>
                <c:pt idx="1325">
                  <c:v>13.170999999999999</c:v>
                </c:pt>
                <c:pt idx="1326">
                  <c:v>13.18</c:v>
                </c:pt>
                <c:pt idx="1327">
                  <c:v>13.19</c:v>
                </c:pt>
                <c:pt idx="1328">
                  <c:v>13.201000000000001</c:v>
                </c:pt>
                <c:pt idx="1329">
                  <c:v>13.211</c:v>
                </c:pt>
                <c:pt idx="1330">
                  <c:v>13.22</c:v>
                </c:pt>
                <c:pt idx="1331">
                  <c:v>13.23</c:v>
                </c:pt>
                <c:pt idx="1332">
                  <c:v>13.24</c:v>
                </c:pt>
                <c:pt idx="1333">
                  <c:v>13.25</c:v>
                </c:pt>
                <c:pt idx="1334">
                  <c:v>13.259</c:v>
                </c:pt>
                <c:pt idx="1335">
                  <c:v>13.27</c:v>
                </c:pt>
                <c:pt idx="1336">
                  <c:v>13.28</c:v>
                </c:pt>
                <c:pt idx="1337">
                  <c:v>13.289</c:v>
                </c:pt>
                <c:pt idx="1338">
                  <c:v>13.301</c:v>
                </c:pt>
                <c:pt idx="1339">
                  <c:v>13.31</c:v>
                </c:pt>
                <c:pt idx="1340">
                  <c:v>13.32</c:v>
                </c:pt>
                <c:pt idx="1341">
                  <c:v>13.33</c:v>
                </c:pt>
                <c:pt idx="1342">
                  <c:v>13.339</c:v>
                </c:pt>
                <c:pt idx="1343">
                  <c:v>13.351000000000001</c:v>
                </c:pt>
                <c:pt idx="1344">
                  <c:v>13.36</c:v>
                </c:pt>
                <c:pt idx="1345">
                  <c:v>13.37</c:v>
                </c:pt>
                <c:pt idx="1346">
                  <c:v>13.38</c:v>
                </c:pt>
                <c:pt idx="1347">
                  <c:v>13.391</c:v>
                </c:pt>
                <c:pt idx="1348">
                  <c:v>13.4</c:v>
                </c:pt>
                <c:pt idx="1349">
                  <c:v>13.41</c:v>
                </c:pt>
                <c:pt idx="1350">
                  <c:v>13.419</c:v>
                </c:pt>
                <c:pt idx="1351">
                  <c:v>13.43</c:v>
                </c:pt>
                <c:pt idx="1352">
                  <c:v>13.439</c:v>
                </c:pt>
                <c:pt idx="1353">
                  <c:v>13.449</c:v>
                </c:pt>
                <c:pt idx="1354">
                  <c:v>13.459</c:v>
                </c:pt>
                <c:pt idx="1355">
                  <c:v>13.468999999999999</c:v>
                </c:pt>
                <c:pt idx="1356">
                  <c:v>13.48</c:v>
                </c:pt>
                <c:pt idx="1357">
                  <c:v>13.489000000000001</c:v>
                </c:pt>
                <c:pt idx="1358">
                  <c:v>13.499000000000001</c:v>
                </c:pt>
                <c:pt idx="1359">
                  <c:v>13.51</c:v>
                </c:pt>
                <c:pt idx="1360">
                  <c:v>13.519</c:v>
                </c:pt>
                <c:pt idx="1361">
                  <c:v>13.529</c:v>
                </c:pt>
                <c:pt idx="1362">
                  <c:v>13.538</c:v>
                </c:pt>
                <c:pt idx="1363">
                  <c:v>13.548999999999999</c:v>
                </c:pt>
                <c:pt idx="1364">
                  <c:v>13.558999999999999</c:v>
                </c:pt>
                <c:pt idx="1365">
                  <c:v>13.568</c:v>
                </c:pt>
                <c:pt idx="1366">
                  <c:v>13.579000000000001</c:v>
                </c:pt>
                <c:pt idx="1367">
                  <c:v>13.587999999999999</c:v>
                </c:pt>
                <c:pt idx="1368">
                  <c:v>13.599</c:v>
                </c:pt>
                <c:pt idx="1369">
                  <c:v>13.61</c:v>
                </c:pt>
                <c:pt idx="1370">
                  <c:v>13.619</c:v>
                </c:pt>
                <c:pt idx="1371">
                  <c:v>13.63</c:v>
                </c:pt>
                <c:pt idx="1372">
                  <c:v>13.638999999999999</c:v>
                </c:pt>
                <c:pt idx="1373">
                  <c:v>13.65</c:v>
                </c:pt>
                <c:pt idx="1374">
                  <c:v>13.66</c:v>
                </c:pt>
                <c:pt idx="1375">
                  <c:v>13.669</c:v>
                </c:pt>
                <c:pt idx="1376">
                  <c:v>13.679</c:v>
                </c:pt>
                <c:pt idx="1377">
                  <c:v>13.69</c:v>
                </c:pt>
                <c:pt idx="1378">
                  <c:v>13.699</c:v>
                </c:pt>
                <c:pt idx="1379">
                  <c:v>13.709</c:v>
                </c:pt>
                <c:pt idx="1380">
                  <c:v>13.718999999999999</c:v>
                </c:pt>
                <c:pt idx="1381">
                  <c:v>13.728999999999999</c:v>
                </c:pt>
                <c:pt idx="1382">
                  <c:v>13.739000000000001</c:v>
                </c:pt>
                <c:pt idx="1383">
                  <c:v>13.749000000000001</c:v>
                </c:pt>
                <c:pt idx="1384">
                  <c:v>13.759</c:v>
                </c:pt>
                <c:pt idx="1385">
                  <c:v>13.768000000000001</c:v>
                </c:pt>
                <c:pt idx="1386">
                  <c:v>13.779</c:v>
                </c:pt>
                <c:pt idx="1387">
                  <c:v>13.789</c:v>
                </c:pt>
                <c:pt idx="1388">
                  <c:v>13.798</c:v>
                </c:pt>
                <c:pt idx="1389">
                  <c:v>13.81</c:v>
                </c:pt>
                <c:pt idx="1390">
                  <c:v>13.819000000000001</c:v>
                </c:pt>
                <c:pt idx="1391">
                  <c:v>13.83</c:v>
                </c:pt>
                <c:pt idx="1392">
                  <c:v>13.84</c:v>
                </c:pt>
                <c:pt idx="1393">
                  <c:v>13.85</c:v>
                </c:pt>
                <c:pt idx="1394">
                  <c:v>13.86</c:v>
                </c:pt>
                <c:pt idx="1395">
                  <c:v>13.869</c:v>
                </c:pt>
                <c:pt idx="1396">
                  <c:v>13.88</c:v>
                </c:pt>
                <c:pt idx="1397">
                  <c:v>13.888999999999999</c:v>
                </c:pt>
                <c:pt idx="1398">
                  <c:v>13.9</c:v>
                </c:pt>
                <c:pt idx="1399">
                  <c:v>13.909000000000001</c:v>
                </c:pt>
                <c:pt idx="1400">
                  <c:v>13.919</c:v>
                </c:pt>
                <c:pt idx="1401">
                  <c:v>13.929</c:v>
                </c:pt>
                <c:pt idx="1402">
                  <c:v>13.939</c:v>
                </c:pt>
                <c:pt idx="1403">
                  <c:v>13.949</c:v>
                </c:pt>
                <c:pt idx="1404">
                  <c:v>13.96</c:v>
                </c:pt>
                <c:pt idx="1405">
                  <c:v>13.968999999999999</c:v>
                </c:pt>
                <c:pt idx="1406">
                  <c:v>13.978999999999999</c:v>
                </c:pt>
                <c:pt idx="1407">
                  <c:v>13.989000000000001</c:v>
                </c:pt>
                <c:pt idx="1408">
                  <c:v>14</c:v>
                </c:pt>
                <c:pt idx="1409">
                  <c:v>14.01</c:v>
                </c:pt>
                <c:pt idx="1410">
                  <c:v>14.02</c:v>
                </c:pt>
                <c:pt idx="1411">
                  <c:v>14.03</c:v>
                </c:pt>
                <c:pt idx="1412">
                  <c:v>14.04</c:v>
                </c:pt>
                <c:pt idx="1413">
                  <c:v>14.05</c:v>
                </c:pt>
                <c:pt idx="1414">
                  <c:v>14.061</c:v>
                </c:pt>
                <c:pt idx="1415">
                  <c:v>14.07</c:v>
                </c:pt>
                <c:pt idx="1416">
                  <c:v>14.08</c:v>
                </c:pt>
                <c:pt idx="1417">
                  <c:v>14.089</c:v>
                </c:pt>
                <c:pt idx="1418">
                  <c:v>14.1</c:v>
                </c:pt>
                <c:pt idx="1419">
                  <c:v>14.11</c:v>
                </c:pt>
                <c:pt idx="1420">
                  <c:v>14.12</c:v>
                </c:pt>
                <c:pt idx="1421">
                  <c:v>14.13</c:v>
                </c:pt>
                <c:pt idx="1422">
                  <c:v>14.14</c:v>
                </c:pt>
                <c:pt idx="1423">
                  <c:v>14.151</c:v>
                </c:pt>
                <c:pt idx="1424">
                  <c:v>14.161</c:v>
                </c:pt>
                <c:pt idx="1425">
                  <c:v>14.170999999999999</c:v>
                </c:pt>
                <c:pt idx="1426">
                  <c:v>14.180999999999999</c:v>
                </c:pt>
                <c:pt idx="1427">
                  <c:v>14.19</c:v>
                </c:pt>
                <c:pt idx="1428">
                  <c:v>14.201000000000001</c:v>
                </c:pt>
                <c:pt idx="1429">
                  <c:v>14.211</c:v>
                </c:pt>
                <c:pt idx="1430">
                  <c:v>14.221</c:v>
                </c:pt>
                <c:pt idx="1431">
                  <c:v>14.23</c:v>
                </c:pt>
                <c:pt idx="1432">
                  <c:v>14.241</c:v>
                </c:pt>
                <c:pt idx="1433">
                  <c:v>14.25</c:v>
                </c:pt>
                <c:pt idx="1434">
                  <c:v>14.26</c:v>
                </c:pt>
                <c:pt idx="1435">
                  <c:v>14.27</c:v>
                </c:pt>
                <c:pt idx="1436">
                  <c:v>14.28</c:v>
                </c:pt>
                <c:pt idx="1437">
                  <c:v>14.291</c:v>
                </c:pt>
                <c:pt idx="1438">
                  <c:v>14.3</c:v>
                </c:pt>
                <c:pt idx="1439">
                  <c:v>14.31</c:v>
                </c:pt>
                <c:pt idx="1440">
                  <c:v>14.321</c:v>
                </c:pt>
                <c:pt idx="1441">
                  <c:v>14.33</c:v>
                </c:pt>
                <c:pt idx="1442">
                  <c:v>14.340999999999999</c:v>
                </c:pt>
                <c:pt idx="1443">
                  <c:v>14.35</c:v>
                </c:pt>
                <c:pt idx="1444">
                  <c:v>14.361000000000001</c:v>
                </c:pt>
                <c:pt idx="1445">
                  <c:v>14.371</c:v>
                </c:pt>
                <c:pt idx="1446">
                  <c:v>14.381</c:v>
                </c:pt>
                <c:pt idx="1447">
                  <c:v>14.391</c:v>
                </c:pt>
                <c:pt idx="1448">
                  <c:v>14.401</c:v>
                </c:pt>
                <c:pt idx="1449">
                  <c:v>14.41</c:v>
                </c:pt>
                <c:pt idx="1450">
                  <c:v>14.42</c:v>
                </c:pt>
                <c:pt idx="1451">
                  <c:v>14.430999999999999</c:v>
                </c:pt>
                <c:pt idx="1452">
                  <c:v>14.44</c:v>
                </c:pt>
                <c:pt idx="1453">
                  <c:v>14.45</c:v>
                </c:pt>
                <c:pt idx="1454">
                  <c:v>14.46</c:v>
                </c:pt>
                <c:pt idx="1455">
                  <c:v>14.471</c:v>
                </c:pt>
                <c:pt idx="1456">
                  <c:v>14.481</c:v>
                </c:pt>
                <c:pt idx="1457">
                  <c:v>14.491</c:v>
                </c:pt>
                <c:pt idx="1458">
                  <c:v>14.5</c:v>
                </c:pt>
                <c:pt idx="1459">
                  <c:v>14.510999999999999</c:v>
                </c:pt>
                <c:pt idx="1460">
                  <c:v>14.521000000000001</c:v>
                </c:pt>
                <c:pt idx="1461">
                  <c:v>14.53</c:v>
                </c:pt>
                <c:pt idx="1462">
                  <c:v>14.541</c:v>
                </c:pt>
                <c:pt idx="1463">
                  <c:v>14.551</c:v>
                </c:pt>
                <c:pt idx="1464">
                  <c:v>14.561</c:v>
                </c:pt>
                <c:pt idx="1465">
                  <c:v>14.57</c:v>
                </c:pt>
                <c:pt idx="1466">
                  <c:v>14.581</c:v>
                </c:pt>
                <c:pt idx="1467">
                  <c:v>14.59</c:v>
                </c:pt>
                <c:pt idx="1468">
                  <c:v>14.6</c:v>
                </c:pt>
                <c:pt idx="1469">
                  <c:v>14.61</c:v>
                </c:pt>
                <c:pt idx="1470">
                  <c:v>14.619</c:v>
                </c:pt>
                <c:pt idx="1471">
                  <c:v>14.63</c:v>
                </c:pt>
                <c:pt idx="1472">
                  <c:v>14.64</c:v>
                </c:pt>
                <c:pt idx="1473">
                  <c:v>14.65</c:v>
                </c:pt>
                <c:pt idx="1474">
                  <c:v>14.66</c:v>
                </c:pt>
                <c:pt idx="1475">
                  <c:v>14.670999999999999</c:v>
                </c:pt>
                <c:pt idx="1476">
                  <c:v>14.68</c:v>
                </c:pt>
                <c:pt idx="1477">
                  <c:v>14.691000000000001</c:v>
                </c:pt>
                <c:pt idx="1478">
                  <c:v>14.7</c:v>
                </c:pt>
                <c:pt idx="1479">
                  <c:v>14.71</c:v>
                </c:pt>
                <c:pt idx="1480">
                  <c:v>14.72</c:v>
                </c:pt>
                <c:pt idx="1481">
                  <c:v>14.73</c:v>
                </c:pt>
                <c:pt idx="1482">
                  <c:v>14.741</c:v>
                </c:pt>
                <c:pt idx="1483">
                  <c:v>14.75</c:v>
                </c:pt>
                <c:pt idx="1484">
                  <c:v>14.76</c:v>
                </c:pt>
                <c:pt idx="1485">
                  <c:v>14.771000000000001</c:v>
                </c:pt>
                <c:pt idx="1486">
                  <c:v>14.78</c:v>
                </c:pt>
                <c:pt idx="1487">
                  <c:v>14.79</c:v>
                </c:pt>
                <c:pt idx="1488">
                  <c:v>14.801</c:v>
                </c:pt>
                <c:pt idx="1489">
                  <c:v>14.81</c:v>
                </c:pt>
                <c:pt idx="1490">
                  <c:v>14.82</c:v>
                </c:pt>
                <c:pt idx="1491">
                  <c:v>14.83</c:v>
                </c:pt>
                <c:pt idx="1492">
                  <c:v>14.840999999999999</c:v>
                </c:pt>
                <c:pt idx="1493">
                  <c:v>14.85</c:v>
                </c:pt>
                <c:pt idx="1494">
                  <c:v>14.86</c:v>
                </c:pt>
                <c:pt idx="1495">
                  <c:v>14.871</c:v>
                </c:pt>
                <c:pt idx="1496">
                  <c:v>14.88</c:v>
                </c:pt>
                <c:pt idx="1497">
                  <c:v>14.888999999999999</c:v>
                </c:pt>
                <c:pt idx="1498">
                  <c:v>14.9</c:v>
                </c:pt>
                <c:pt idx="1499">
                  <c:v>14.909000000000001</c:v>
                </c:pt>
                <c:pt idx="1500">
                  <c:v>14.919</c:v>
                </c:pt>
                <c:pt idx="1501">
                  <c:v>14.929</c:v>
                </c:pt>
                <c:pt idx="1502">
                  <c:v>14.939</c:v>
                </c:pt>
                <c:pt idx="1503">
                  <c:v>14.949</c:v>
                </c:pt>
                <c:pt idx="1504">
                  <c:v>14.96</c:v>
                </c:pt>
                <c:pt idx="1505">
                  <c:v>14.97</c:v>
                </c:pt>
                <c:pt idx="1506">
                  <c:v>14.981</c:v>
                </c:pt>
                <c:pt idx="1507">
                  <c:v>14.99</c:v>
                </c:pt>
                <c:pt idx="1508">
                  <c:v>15</c:v>
                </c:pt>
                <c:pt idx="1509">
                  <c:v>15.057</c:v>
                </c:pt>
                <c:pt idx="1510">
                  <c:v>15.067</c:v>
                </c:pt>
                <c:pt idx="1511">
                  <c:v>15.077</c:v>
                </c:pt>
                <c:pt idx="1512">
                  <c:v>15.086</c:v>
                </c:pt>
                <c:pt idx="1513">
                  <c:v>15.097</c:v>
                </c:pt>
                <c:pt idx="1514">
                  <c:v>15.106999999999999</c:v>
                </c:pt>
                <c:pt idx="1515">
                  <c:v>15.116</c:v>
                </c:pt>
                <c:pt idx="1516">
                  <c:v>15.127000000000001</c:v>
                </c:pt>
                <c:pt idx="1517">
                  <c:v>15.137</c:v>
                </c:pt>
                <c:pt idx="1518">
                  <c:v>15.146000000000001</c:v>
                </c:pt>
                <c:pt idx="1519">
                  <c:v>15.157</c:v>
                </c:pt>
                <c:pt idx="1520">
                  <c:v>15.167</c:v>
                </c:pt>
                <c:pt idx="1521">
                  <c:v>15.176</c:v>
                </c:pt>
                <c:pt idx="1522">
                  <c:v>15.186</c:v>
                </c:pt>
                <c:pt idx="1523">
                  <c:v>15.196999999999999</c:v>
                </c:pt>
                <c:pt idx="1524">
                  <c:v>15.206</c:v>
                </c:pt>
                <c:pt idx="1525">
                  <c:v>15.217000000000001</c:v>
                </c:pt>
                <c:pt idx="1526">
                  <c:v>15.227</c:v>
                </c:pt>
                <c:pt idx="1527">
                  <c:v>15.236000000000001</c:v>
                </c:pt>
                <c:pt idx="1528">
                  <c:v>15.247</c:v>
                </c:pt>
                <c:pt idx="1529">
                  <c:v>15.256</c:v>
                </c:pt>
                <c:pt idx="1530">
                  <c:v>15.266</c:v>
                </c:pt>
                <c:pt idx="1531">
                  <c:v>15.276999999999999</c:v>
                </c:pt>
                <c:pt idx="1532">
                  <c:v>15.287000000000001</c:v>
                </c:pt>
                <c:pt idx="1533">
                  <c:v>15.295999999999999</c:v>
                </c:pt>
                <c:pt idx="1534">
                  <c:v>15.307</c:v>
                </c:pt>
                <c:pt idx="1535">
                  <c:v>15.317</c:v>
                </c:pt>
                <c:pt idx="1536">
                  <c:v>15.326000000000001</c:v>
                </c:pt>
                <c:pt idx="1537">
                  <c:v>15.337</c:v>
                </c:pt>
                <c:pt idx="1538">
                  <c:v>15.348000000000001</c:v>
                </c:pt>
                <c:pt idx="1539">
                  <c:v>15.356999999999999</c:v>
                </c:pt>
                <c:pt idx="1540">
                  <c:v>15.368</c:v>
                </c:pt>
                <c:pt idx="1541">
                  <c:v>15.377000000000001</c:v>
                </c:pt>
                <c:pt idx="1542">
                  <c:v>15.387</c:v>
                </c:pt>
                <c:pt idx="1543">
                  <c:v>15.396000000000001</c:v>
                </c:pt>
                <c:pt idx="1544">
                  <c:v>15.407</c:v>
                </c:pt>
                <c:pt idx="1545">
                  <c:v>15.417</c:v>
                </c:pt>
                <c:pt idx="1546">
                  <c:v>15.428000000000001</c:v>
                </c:pt>
                <c:pt idx="1547">
                  <c:v>15.436999999999999</c:v>
                </c:pt>
                <c:pt idx="1548">
                  <c:v>15.448</c:v>
                </c:pt>
                <c:pt idx="1549">
                  <c:v>15.457000000000001</c:v>
                </c:pt>
                <c:pt idx="1550">
                  <c:v>15.468</c:v>
                </c:pt>
                <c:pt idx="1551">
                  <c:v>15.477</c:v>
                </c:pt>
                <c:pt idx="1552">
                  <c:v>15.488</c:v>
                </c:pt>
                <c:pt idx="1553">
                  <c:v>15.497999999999999</c:v>
                </c:pt>
                <c:pt idx="1554">
                  <c:v>15.507</c:v>
                </c:pt>
                <c:pt idx="1555">
                  <c:v>15.518000000000001</c:v>
                </c:pt>
                <c:pt idx="1556">
                  <c:v>15.526999999999999</c:v>
                </c:pt>
                <c:pt idx="1557">
                  <c:v>15.538</c:v>
                </c:pt>
                <c:pt idx="1558">
                  <c:v>15.547000000000001</c:v>
                </c:pt>
                <c:pt idx="1559">
                  <c:v>15.558</c:v>
                </c:pt>
                <c:pt idx="1560">
                  <c:v>15.567</c:v>
                </c:pt>
                <c:pt idx="1561">
                  <c:v>15.577999999999999</c:v>
                </c:pt>
                <c:pt idx="1562">
                  <c:v>15.587</c:v>
                </c:pt>
                <c:pt idx="1563">
                  <c:v>15.597</c:v>
                </c:pt>
                <c:pt idx="1564">
                  <c:v>15.606</c:v>
                </c:pt>
                <c:pt idx="1565">
                  <c:v>15.617000000000001</c:v>
                </c:pt>
                <c:pt idx="1566">
                  <c:v>15.625999999999999</c:v>
                </c:pt>
                <c:pt idx="1567">
                  <c:v>15.637</c:v>
                </c:pt>
                <c:pt idx="1568">
                  <c:v>15.647</c:v>
                </c:pt>
                <c:pt idx="1569">
                  <c:v>15.657</c:v>
                </c:pt>
                <c:pt idx="1570">
                  <c:v>15.667</c:v>
                </c:pt>
                <c:pt idx="1571">
                  <c:v>15.677</c:v>
                </c:pt>
                <c:pt idx="1572">
                  <c:v>15.686999999999999</c:v>
                </c:pt>
                <c:pt idx="1573">
                  <c:v>15.696999999999999</c:v>
                </c:pt>
                <c:pt idx="1574">
                  <c:v>15.708</c:v>
                </c:pt>
                <c:pt idx="1575">
                  <c:v>15.717000000000001</c:v>
                </c:pt>
                <c:pt idx="1576">
                  <c:v>15.727</c:v>
                </c:pt>
                <c:pt idx="1577">
                  <c:v>15.736000000000001</c:v>
                </c:pt>
                <c:pt idx="1578">
                  <c:v>15.747</c:v>
                </c:pt>
                <c:pt idx="1579">
                  <c:v>15.757</c:v>
                </c:pt>
                <c:pt idx="1580">
                  <c:v>15.766999999999999</c:v>
                </c:pt>
                <c:pt idx="1581">
                  <c:v>15.776</c:v>
                </c:pt>
                <c:pt idx="1582">
                  <c:v>15.787000000000001</c:v>
                </c:pt>
                <c:pt idx="1583">
                  <c:v>15.797000000000001</c:v>
                </c:pt>
                <c:pt idx="1584">
                  <c:v>15.805999999999999</c:v>
                </c:pt>
                <c:pt idx="1585">
                  <c:v>15.816000000000001</c:v>
                </c:pt>
                <c:pt idx="1586">
                  <c:v>15.826000000000001</c:v>
                </c:pt>
                <c:pt idx="1587">
                  <c:v>15.836</c:v>
                </c:pt>
                <c:pt idx="1588">
                  <c:v>15.847</c:v>
                </c:pt>
                <c:pt idx="1589">
                  <c:v>15.856999999999999</c:v>
                </c:pt>
                <c:pt idx="1590">
                  <c:v>15.867000000000001</c:v>
                </c:pt>
                <c:pt idx="1591">
                  <c:v>15.877000000000001</c:v>
                </c:pt>
                <c:pt idx="1592">
                  <c:v>15.887</c:v>
                </c:pt>
                <c:pt idx="1593">
                  <c:v>15.896000000000001</c:v>
                </c:pt>
                <c:pt idx="1594">
                  <c:v>15.906000000000001</c:v>
                </c:pt>
                <c:pt idx="1595">
                  <c:v>15.917</c:v>
                </c:pt>
                <c:pt idx="1596">
                  <c:v>15.926</c:v>
                </c:pt>
                <c:pt idx="1597">
                  <c:v>15.936</c:v>
                </c:pt>
                <c:pt idx="1598">
                  <c:v>15.946</c:v>
                </c:pt>
                <c:pt idx="1599">
                  <c:v>15.957000000000001</c:v>
                </c:pt>
                <c:pt idx="1600">
                  <c:v>15.967000000000001</c:v>
                </c:pt>
                <c:pt idx="1601">
                  <c:v>15.976000000000001</c:v>
                </c:pt>
                <c:pt idx="1602">
                  <c:v>15.986000000000001</c:v>
                </c:pt>
                <c:pt idx="1603">
                  <c:v>15.997</c:v>
                </c:pt>
                <c:pt idx="1604">
                  <c:v>16.007000000000001</c:v>
                </c:pt>
                <c:pt idx="1605">
                  <c:v>16.016999999999999</c:v>
                </c:pt>
                <c:pt idx="1606">
                  <c:v>16.027000000000001</c:v>
                </c:pt>
                <c:pt idx="1607">
                  <c:v>16.036999999999999</c:v>
                </c:pt>
                <c:pt idx="1608">
                  <c:v>16.047000000000001</c:v>
                </c:pt>
                <c:pt idx="1609">
                  <c:v>16.056999999999999</c:v>
                </c:pt>
                <c:pt idx="1610">
                  <c:v>16.065999999999999</c:v>
                </c:pt>
                <c:pt idx="1611">
                  <c:v>16.076000000000001</c:v>
                </c:pt>
                <c:pt idx="1612">
                  <c:v>16.085999999999999</c:v>
                </c:pt>
                <c:pt idx="1613">
                  <c:v>16.097000000000001</c:v>
                </c:pt>
                <c:pt idx="1614">
                  <c:v>16.106000000000002</c:v>
                </c:pt>
                <c:pt idx="1615">
                  <c:v>16.116</c:v>
                </c:pt>
                <c:pt idx="1616">
                  <c:v>16.126999999999999</c:v>
                </c:pt>
                <c:pt idx="1617">
                  <c:v>16.137</c:v>
                </c:pt>
                <c:pt idx="1618">
                  <c:v>16.146000000000001</c:v>
                </c:pt>
                <c:pt idx="1619">
                  <c:v>16.155999999999999</c:v>
                </c:pt>
                <c:pt idx="1620">
                  <c:v>16.167000000000002</c:v>
                </c:pt>
                <c:pt idx="1621">
                  <c:v>16.175999999999998</c:v>
                </c:pt>
                <c:pt idx="1622">
                  <c:v>16.186</c:v>
                </c:pt>
                <c:pt idx="1623">
                  <c:v>16.196999999999999</c:v>
                </c:pt>
                <c:pt idx="1624">
                  <c:v>16.206</c:v>
                </c:pt>
                <c:pt idx="1625">
                  <c:v>16.216999999999999</c:v>
                </c:pt>
                <c:pt idx="1626">
                  <c:v>16.225999999999999</c:v>
                </c:pt>
                <c:pt idx="1627">
                  <c:v>16.236000000000001</c:v>
                </c:pt>
                <c:pt idx="1628">
                  <c:v>16.245999999999999</c:v>
                </c:pt>
                <c:pt idx="1629">
                  <c:v>16.254999999999999</c:v>
                </c:pt>
                <c:pt idx="1630">
                  <c:v>16.265999999999998</c:v>
                </c:pt>
                <c:pt idx="1631">
                  <c:v>16.276</c:v>
                </c:pt>
                <c:pt idx="1632">
                  <c:v>16.285</c:v>
                </c:pt>
                <c:pt idx="1633">
                  <c:v>16.295999999999999</c:v>
                </c:pt>
                <c:pt idx="1634">
                  <c:v>16.306000000000001</c:v>
                </c:pt>
                <c:pt idx="1635">
                  <c:v>16.315999999999999</c:v>
                </c:pt>
                <c:pt idx="1636">
                  <c:v>16.326000000000001</c:v>
                </c:pt>
                <c:pt idx="1637">
                  <c:v>16.335999999999999</c:v>
                </c:pt>
                <c:pt idx="1638">
                  <c:v>16.346</c:v>
                </c:pt>
                <c:pt idx="1639">
                  <c:v>16.356000000000002</c:v>
                </c:pt>
                <c:pt idx="1640">
                  <c:v>16.366</c:v>
                </c:pt>
                <c:pt idx="1641">
                  <c:v>16.376000000000001</c:v>
                </c:pt>
                <c:pt idx="1642">
                  <c:v>16.385000000000002</c:v>
                </c:pt>
                <c:pt idx="1643">
                  <c:v>16.395</c:v>
                </c:pt>
                <c:pt idx="1644">
                  <c:v>16.405000000000001</c:v>
                </c:pt>
                <c:pt idx="1645">
                  <c:v>16.414999999999999</c:v>
                </c:pt>
                <c:pt idx="1646">
                  <c:v>16.425000000000001</c:v>
                </c:pt>
                <c:pt idx="1647">
                  <c:v>16.434999999999999</c:v>
                </c:pt>
                <c:pt idx="1648">
                  <c:v>16.443999999999999</c:v>
                </c:pt>
                <c:pt idx="1649">
                  <c:v>16.454999999999998</c:v>
                </c:pt>
                <c:pt idx="1650">
                  <c:v>16.465</c:v>
                </c:pt>
                <c:pt idx="1651">
                  <c:v>16.475000000000001</c:v>
                </c:pt>
                <c:pt idx="1652">
                  <c:v>16.484000000000002</c:v>
                </c:pt>
                <c:pt idx="1653">
                  <c:v>16.495000000000001</c:v>
                </c:pt>
                <c:pt idx="1654">
                  <c:v>16.504999999999999</c:v>
                </c:pt>
                <c:pt idx="1655">
                  <c:v>16.515999999999998</c:v>
                </c:pt>
                <c:pt idx="1656">
                  <c:v>16.524999999999999</c:v>
                </c:pt>
                <c:pt idx="1657">
                  <c:v>16.535</c:v>
                </c:pt>
                <c:pt idx="1658">
                  <c:v>16.545999999999999</c:v>
                </c:pt>
                <c:pt idx="1659">
                  <c:v>16.555</c:v>
                </c:pt>
                <c:pt idx="1660">
                  <c:v>16.564</c:v>
                </c:pt>
                <c:pt idx="1661">
                  <c:v>16.574999999999999</c:v>
                </c:pt>
                <c:pt idx="1662">
                  <c:v>16.584</c:v>
                </c:pt>
                <c:pt idx="1663">
                  <c:v>16.594999999999999</c:v>
                </c:pt>
                <c:pt idx="1664">
                  <c:v>16.603999999999999</c:v>
                </c:pt>
                <c:pt idx="1665">
                  <c:v>16.614000000000001</c:v>
                </c:pt>
                <c:pt idx="1666">
                  <c:v>16.623999999999999</c:v>
                </c:pt>
                <c:pt idx="1667">
                  <c:v>16.635000000000002</c:v>
                </c:pt>
                <c:pt idx="1668">
                  <c:v>16.643999999999998</c:v>
                </c:pt>
                <c:pt idx="1669">
                  <c:v>16.654</c:v>
                </c:pt>
                <c:pt idx="1670">
                  <c:v>16.664000000000001</c:v>
                </c:pt>
                <c:pt idx="1671">
                  <c:v>16.673999999999999</c:v>
                </c:pt>
                <c:pt idx="1672">
                  <c:v>16.684000000000001</c:v>
                </c:pt>
                <c:pt idx="1673">
                  <c:v>16.693999999999999</c:v>
                </c:pt>
                <c:pt idx="1674">
                  <c:v>16.704999999999998</c:v>
                </c:pt>
                <c:pt idx="1675">
                  <c:v>16.713999999999999</c:v>
                </c:pt>
                <c:pt idx="1676">
                  <c:v>16.724</c:v>
                </c:pt>
                <c:pt idx="1677">
                  <c:v>16.734000000000002</c:v>
                </c:pt>
                <c:pt idx="1678">
                  <c:v>16.744</c:v>
                </c:pt>
                <c:pt idx="1679">
                  <c:v>16.754000000000001</c:v>
                </c:pt>
                <c:pt idx="1680">
                  <c:v>16.763999999999999</c:v>
                </c:pt>
                <c:pt idx="1681">
                  <c:v>16.773</c:v>
                </c:pt>
                <c:pt idx="1682">
                  <c:v>16.783999999999999</c:v>
                </c:pt>
                <c:pt idx="1683">
                  <c:v>16.794</c:v>
                </c:pt>
                <c:pt idx="1684">
                  <c:v>16.803999999999998</c:v>
                </c:pt>
                <c:pt idx="1685">
                  <c:v>16.815000000000001</c:v>
                </c:pt>
                <c:pt idx="1686">
                  <c:v>16.824000000000002</c:v>
                </c:pt>
                <c:pt idx="1687">
                  <c:v>16.834</c:v>
                </c:pt>
                <c:pt idx="1688">
                  <c:v>16.844999999999999</c:v>
                </c:pt>
                <c:pt idx="1689">
                  <c:v>16.853999999999999</c:v>
                </c:pt>
                <c:pt idx="1690">
                  <c:v>16.864999999999998</c:v>
                </c:pt>
                <c:pt idx="1691">
                  <c:v>16.873999999999999</c:v>
                </c:pt>
                <c:pt idx="1692">
                  <c:v>16.884</c:v>
                </c:pt>
                <c:pt idx="1693">
                  <c:v>16.895</c:v>
                </c:pt>
                <c:pt idx="1694">
                  <c:v>16.904</c:v>
                </c:pt>
                <c:pt idx="1695">
                  <c:v>16.914000000000001</c:v>
                </c:pt>
                <c:pt idx="1696">
                  <c:v>16.923999999999999</c:v>
                </c:pt>
                <c:pt idx="1697">
                  <c:v>16.934000000000001</c:v>
                </c:pt>
                <c:pt idx="1698">
                  <c:v>16.943999999999999</c:v>
                </c:pt>
                <c:pt idx="1699">
                  <c:v>16.954000000000001</c:v>
                </c:pt>
                <c:pt idx="1700">
                  <c:v>16.963999999999999</c:v>
                </c:pt>
                <c:pt idx="1701">
                  <c:v>16.974</c:v>
                </c:pt>
                <c:pt idx="1702">
                  <c:v>16.984000000000002</c:v>
                </c:pt>
                <c:pt idx="1703">
                  <c:v>17.027999999999999</c:v>
                </c:pt>
                <c:pt idx="1704">
                  <c:v>17.038</c:v>
                </c:pt>
                <c:pt idx="1705">
                  <c:v>17.047999999999998</c:v>
                </c:pt>
                <c:pt idx="1706">
                  <c:v>17.058</c:v>
                </c:pt>
                <c:pt idx="1707">
                  <c:v>17.068000000000001</c:v>
                </c:pt>
                <c:pt idx="1708">
                  <c:v>17.077999999999999</c:v>
                </c:pt>
                <c:pt idx="1709">
                  <c:v>17.087</c:v>
                </c:pt>
                <c:pt idx="1710">
                  <c:v>17.097999999999999</c:v>
                </c:pt>
                <c:pt idx="1711">
                  <c:v>17.108000000000001</c:v>
                </c:pt>
                <c:pt idx="1712">
                  <c:v>17.117999999999999</c:v>
                </c:pt>
                <c:pt idx="1713">
                  <c:v>17.128</c:v>
                </c:pt>
                <c:pt idx="1714">
                  <c:v>17.138999999999999</c:v>
                </c:pt>
                <c:pt idx="1715">
                  <c:v>17.148</c:v>
                </c:pt>
                <c:pt idx="1716">
                  <c:v>17.158000000000001</c:v>
                </c:pt>
                <c:pt idx="1717">
                  <c:v>17.169</c:v>
                </c:pt>
                <c:pt idx="1718">
                  <c:v>17.178999999999998</c:v>
                </c:pt>
                <c:pt idx="1719">
                  <c:v>17.187999999999999</c:v>
                </c:pt>
                <c:pt idx="1720">
                  <c:v>17.199000000000002</c:v>
                </c:pt>
                <c:pt idx="1721">
                  <c:v>17.207999999999998</c:v>
                </c:pt>
                <c:pt idx="1722">
                  <c:v>17.218</c:v>
                </c:pt>
                <c:pt idx="1723">
                  <c:v>17.228000000000002</c:v>
                </c:pt>
                <c:pt idx="1724">
                  <c:v>17.239000000000001</c:v>
                </c:pt>
                <c:pt idx="1725">
                  <c:v>17.248000000000001</c:v>
                </c:pt>
                <c:pt idx="1726">
                  <c:v>17.257999999999999</c:v>
                </c:pt>
                <c:pt idx="1727">
                  <c:v>17.268000000000001</c:v>
                </c:pt>
                <c:pt idx="1728">
                  <c:v>17.277999999999999</c:v>
                </c:pt>
                <c:pt idx="1729">
                  <c:v>17.288</c:v>
                </c:pt>
                <c:pt idx="1730">
                  <c:v>17.297999999999998</c:v>
                </c:pt>
                <c:pt idx="1731">
                  <c:v>17.308</c:v>
                </c:pt>
                <c:pt idx="1732">
                  <c:v>17.318000000000001</c:v>
                </c:pt>
                <c:pt idx="1733">
                  <c:v>17.329000000000001</c:v>
                </c:pt>
                <c:pt idx="1734">
                  <c:v>17.338999999999999</c:v>
                </c:pt>
                <c:pt idx="1735">
                  <c:v>17.349</c:v>
                </c:pt>
                <c:pt idx="1736">
                  <c:v>17.358000000000001</c:v>
                </c:pt>
                <c:pt idx="1737">
                  <c:v>17.369</c:v>
                </c:pt>
                <c:pt idx="1738">
                  <c:v>17.378</c:v>
                </c:pt>
                <c:pt idx="1739">
                  <c:v>17.388999999999999</c:v>
                </c:pt>
                <c:pt idx="1740">
                  <c:v>17.399000000000001</c:v>
                </c:pt>
                <c:pt idx="1741">
                  <c:v>17.408999999999999</c:v>
                </c:pt>
                <c:pt idx="1742">
                  <c:v>17.417999999999999</c:v>
                </c:pt>
                <c:pt idx="1743">
                  <c:v>17.428000000000001</c:v>
                </c:pt>
                <c:pt idx="1744">
                  <c:v>17.439</c:v>
                </c:pt>
                <c:pt idx="1745">
                  <c:v>17.448</c:v>
                </c:pt>
                <c:pt idx="1746">
                  <c:v>17.457999999999998</c:v>
                </c:pt>
                <c:pt idx="1747">
                  <c:v>17.468</c:v>
                </c:pt>
                <c:pt idx="1748">
                  <c:v>17.478000000000002</c:v>
                </c:pt>
                <c:pt idx="1749">
                  <c:v>17.488</c:v>
                </c:pt>
                <c:pt idx="1750">
                  <c:v>17.498999999999999</c:v>
                </c:pt>
                <c:pt idx="1751">
                  <c:v>17.509</c:v>
                </c:pt>
                <c:pt idx="1752">
                  <c:v>17.518000000000001</c:v>
                </c:pt>
                <c:pt idx="1753">
                  <c:v>17.527999999999999</c:v>
                </c:pt>
                <c:pt idx="1754">
                  <c:v>17.539000000000001</c:v>
                </c:pt>
                <c:pt idx="1755">
                  <c:v>17.547999999999998</c:v>
                </c:pt>
                <c:pt idx="1756">
                  <c:v>17.556999999999999</c:v>
                </c:pt>
                <c:pt idx="1757">
                  <c:v>17.567</c:v>
                </c:pt>
                <c:pt idx="1758">
                  <c:v>17.577999999999999</c:v>
                </c:pt>
                <c:pt idx="1759">
                  <c:v>17.587</c:v>
                </c:pt>
                <c:pt idx="1760">
                  <c:v>17.597000000000001</c:v>
                </c:pt>
                <c:pt idx="1761">
                  <c:v>17.608000000000001</c:v>
                </c:pt>
                <c:pt idx="1762">
                  <c:v>17.617000000000001</c:v>
                </c:pt>
                <c:pt idx="1763">
                  <c:v>17.626000000000001</c:v>
                </c:pt>
                <c:pt idx="1764">
                  <c:v>17.637</c:v>
                </c:pt>
                <c:pt idx="1765">
                  <c:v>17.646000000000001</c:v>
                </c:pt>
                <c:pt idx="1766">
                  <c:v>17.657</c:v>
                </c:pt>
                <c:pt idx="1767">
                  <c:v>17.666</c:v>
                </c:pt>
                <c:pt idx="1768">
                  <c:v>17.677</c:v>
                </c:pt>
                <c:pt idx="1769">
                  <c:v>17.687000000000001</c:v>
                </c:pt>
                <c:pt idx="1770">
                  <c:v>17.696999999999999</c:v>
                </c:pt>
                <c:pt idx="1771">
                  <c:v>17.707000000000001</c:v>
                </c:pt>
                <c:pt idx="1772">
                  <c:v>17.718</c:v>
                </c:pt>
                <c:pt idx="1773">
                  <c:v>17.727</c:v>
                </c:pt>
                <c:pt idx="1774">
                  <c:v>17.736999999999998</c:v>
                </c:pt>
                <c:pt idx="1775">
                  <c:v>17.747</c:v>
                </c:pt>
                <c:pt idx="1776">
                  <c:v>17.757000000000001</c:v>
                </c:pt>
                <c:pt idx="1777">
                  <c:v>17.765999999999998</c:v>
                </c:pt>
                <c:pt idx="1778">
                  <c:v>17.777000000000001</c:v>
                </c:pt>
                <c:pt idx="1779">
                  <c:v>17.786999999999999</c:v>
                </c:pt>
                <c:pt idx="1780">
                  <c:v>17.795999999999999</c:v>
                </c:pt>
                <c:pt idx="1781">
                  <c:v>17.806999999999999</c:v>
                </c:pt>
                <c:pt idx="1782">
                  <c:v>17.817</c:v>
                </c:pt>
                <c:pt idx="1783">
                  <c:v>17.826000000000001</c:v>
                </c:pt>
                <c:pt idx="1784">
                  <c:v>17.837</c:v>
                </c:pt>
                <c:pt idx="1785">
                  <c:v>17.846</c:v>
                </c:pt>
                <c:pt idx="1786">
                  <c:v>17.856000000000002</c:v>
                </c:pt>
                <c:pt idx="1787">
                  <c:v>17.867000000000001</c:v>
                </c:pt>
                <c:pt idx="1788">
                  <c:v>17.876000000000001</c:v>
                </c:pt>
                <c:pt idx="1789">
                  <c:v>17.885999999999999</c:v>
                </c:pt>
                <c:pt idx="1790">
                  <c:v>17.895</c:v>
                </c:pt>
                <c:pt idx="1791">
                  <c:v>17.905999999999999</c:v>
                </c:pt>
                <c:pt idx="1792">
                  <c:v>17.916</c:v>
                </c:pt>
                <c:pt idx="1793">
                  <c:v>17.925000000000001</c:v>
                </c:pt>
                <c:pt idx="1794">
                  <c:v>17.934999999999999</c:v>
                </c:pt>
                <c:pt idx="1795">
                  <c:v>17.946000000000002</c:v>
                </c:pt>
                <c:pt idx="1796">
                  <c:v>17.954999999999998</c:v>
                </c:pt>
                <c:pt idx="1797">
                  <c:v>17.966000000000001</c:v>
                </c:pt>
                <c:pt idx="1798">
                  <c:v>17.975000000000001</c:v>
                </c:pt>
                <c:pt idx="1799">
                  <c:v>17.984999999999999</c:v>
                </c:pt>
                <c:pt idx="1800">
                  <c:v>17.995999999999999</c:v>
                </c:pt>
                <c:pt idx="1801">
                  <c:v>18.004999999999999</c:v>
                </c:pt>
                <c:pt idx="1802">
                  <c:v>18.015000000000001</c:v>
                </c:pt>
                <c:pt idx="1803">
                  <c:v>18.026</c:v>
                </c:pt>
                <c:pt idx="1804">
                  <c:v>18.035</c:v>
                </c:pt>
                <c:pt idx="1805">
                  <c:v>18.045000000000002</c:v>
                </c:pt>
                <c:pt idx="1806">
                  <c:v>18.055</c:v>
                </c:pt>
                <c:pt idx="1807">
                  <c:v>18.062999999999999</c:v>
                </c:pt>
                <c:pt idx="1808">
                  <c:v>18.073</c:v>
                </c:pt>
                <c:pt idx="1809">
                  <c:v>18.082000000000001</c:v>
                </c:pt>
                <c:pt idx="1810">
                  <c:v>18.091999999999999</c:v>
                </c:pt>
                <c:pt idx="1811">
                  <c:v>18.100999999999999</c:v>
                </c:pt>
                <c:pt idx="1812">
                  <c:v>18.111000000000001</c:v>
                </c:pt>
                <c:pt idx="1813">
                  <c:v>18.122</c:v>
                </c:pt>
                <c:pt idx="1814">
                  <c:v>18.131</c:v>
                </c:pt>
                <c:pt idx="1815">
                  <c:v>18.141999999999999</c:v>
                </c:pt>
                <c:pt idx="1816">
                  <c:v>18.151</c:v>
                </c:pt>
                <c:pt idx="1817">
                  <c:v>18.161999999999999</c:v>
                </c:pt>
                <c:pt idx="1818">
                  <c:v>18.172999999999998</c:v>
                </c:pt>
                <c:pt idx="1819">
                  <c:v>18.181999999999999</c:v>
                </c:pt>
                <c:pt idx="1820">
                  <c:v>18.192</c:v>
                </c:pt>
                <c:pt idx="1821">
                  <c:v>18.201000000000001</c:v>
                </c:pt>
                <c:pt idx="1822">
                  <c:v>18.212</c:v>
                </c:pt>
                <c:pt idx="1823">
                  <c:v>18.221</c:v>
                </c:pt>
                <c:pt idx="1824">
                  <c:v>18.231000000000002</c:v>
                </c:pt>
                <c:pt idx="1825">
                  <c:v>18.242000000000001</c:v>
                </c:pt>
                <c:pt idx="1826">
                  <c:v>18.251000000000001</c:v>
                </c:pt>
                <c:pt idx="1827">
                  <c:v>18.262</c:v>
                </c:pt>
                <c:pt idx="1828">
                  <c:v>18.271000000000001</c:v>
                </c:pt>
                <c:pt idx="1829">
                  <c:v>18.282</c:v>
                </c:pt>
                <c:pt idx="1830">
                  <c:v>18.292000000000002</c:v>
                </c:pt>
                <c:pt idx="1831">
                  <c:v>18.302</c:v>
                </c:pt>
                <c:pt idx="1832">
                  <c:v>18.312000000000001</c:v>
                </c:pt>
                <c:pt idx="1833">
                  <c:v>18.323</c:v>
                </c:pt>
                <c:pt idx="1834">
                  <c:v>18.335999999999999</c:v>
                </c:pt>
                <c:pt idx="1835">
                  <c:v>18.346</c:v>
                </c:pt>
                <c:pt idx="1836">
                  <c:v>18.358000000000001</c:v>
                </c:pt>
                <c:pt idx="1837">
                  <c:v>18.37</c:v>
                </c:pt>
                <c:pt idx="1838">
                  <c:v>18.38</c:v>
                </c:pt>
                <c:pt idx="1839">
                  <c:v>18.39</c:v>
                </c:pt>
                <c:pt idx="1840">
                  <c:v>18.399999999999999</c:v>
                </c:pt>
                <c:pt idx="1841">
                  <c:v>18.41</c:v>
                </c:pt>
                <c:pt idx="1842">
                  <c:v>18.419</c:v>
                </c:pt>
                <c:pt idx="1843">
                  <c:v>18.428999999999998</c:v>
                </c:pt>
                <c:pt idx="1844">
                  <c:v>18.439</c:v>
                </c:pt>
                <c:pt idx="1845">
                  <c:v>18.449000000000002</c:v>
                </c:pt>
                <c:pt idx="1846">
                  <c:v>18.46</c:v>
                </c:pt>
                <c:pt idx="1847">
                  <c:v>18.469000000000001</c:v>
                </c:pt>
                <c:pt idx="1848">
                  <c:v>18.48</c:v>
                </c:pt>
                <c:pt idx="1849">
                  <c:v>18.491</c:v>
                </c:pt>
                <c:pt idx="1850">
                  <c:v>18.5</c:v>
                </c:pt>
                <c:pt idx="1851">
                  <c:v>18.510000000000002</c:v>
                </c:pt>
                <c:pt idx="1852">
                  <c:v>18.521000000000001</c:v>
                </c:pt>
                <c:pt idx="1853">
                  <c:v>18.53</c:v>
                </c:pt>
                <c:pt idx="1854">
                  <c:v>18.54</c:v>
                </c:pt>
                <c:pt idx="1855">
                  <c:v>18.55</c:v>
                </c:pt>
                <c:pt idx="1856">
                  <c:v>18.559000000000001</c:v>
                </c:pt>
                <c:pt idx="1857">
                  <c:v>18.57</c:v>
                </c:pt>
                <c:pt idx="1858">
                  <c:v>18.579000000000001</c:v>
                </c:pt>
                <c:pt idx="1859">
                  <c:v>18.59</c:v>
                </c:pt>
                <c:pt idx="1860">
                  <c:v>18.599</c:v>
                </c:pt>
                <c:pt idx="1861">
                  <c:v>18.609000000000002</c:v>
                </c:pt>
                <c:pt idx="1862">
                  <c:v>18.619</c:v>
                </c:pt>
                <c:pt idx="1863">
                  <c:v>18.629000000000001</c:v>
                </c:pt>
                <c:pt idx="1864">
                  <c:v>18.638999999999999</c:v>
                </c:pt>
                <c:pt idx="1865">
                  <c:v>18.649000000000001</c:v>
                </c:pt>
                <c:pt idx="1866">
                  <c:v>18.658999999999999</c:v>
                </c:pt>
                <c:pt idx="1867">
                  <c:v>18.669</c:v>
                </c:pt>
                <c:pt idx="1868">
                  <c:v>18.678999999999998</c:v>
                </c:pt>
                <c:pt idx="1869">
                  <c:v>18.689</c:v>
                </c:pt>
                <c:pt idx="1870">
                  <c:v>18.699000000000002</c:v>
                </c:pt>
                <c:pt idx="1871">
                  <c:v>18.707999999999998</c:v>
                </c:pt>
                <c:pt idx="1872">
                  <c:v>18.707999999999998</c:v>
                </c:pt>
                <c:pt idx="1873">
                  <c:v>18.707999999999998</c:v>
                </c:pt>
                <c:pt idx="1874">
                  <c:v>18.707999999999998</c:v>
                </c:pt>
                <c:pt idx="1875">
                  <c:v>18.716000000000001</c:v>
                </c:pt>
                <c:pt idx="1876">
                  <c:v>18.725999999999999</c:v>
                </c:pt>
                <c:pt idx="1877">
                  <c:v>18.734999999999999</c:v>
                </c:pt>
                <c:pt idx="1878">
                  <c:v>18.744</c:v>
                </c:pt>
                <c:pt idx="1879">
                  <c:v>18.754999999999999</c:v>
                </c:pt>
                <c:pt idx="1880">
                  <c:v>18.763999999999999</c:v>
                </c:pt>
                <c:pt idx="1881">
                  <c:v>18.774000000000001</c:v>
                </c:pt>
                <c:pt idx="1882">
                  <c:v>18.785</c:v>
                </c:pt>
                <c:pt idx="1883">
                  <c:v>18.794</c:v>
                </c:pt>
                <c:pt idx="1884">
                  <c:v>18.805</c:v>
                </c:pt>
                <c:pt idx="1885">
                  <c:v>18.809000000000001</c:v>
                </c:pt>
                <c:pt idx="1886">
                  <c:v>18.809000000000001</c:v>
                </c:pt>
                <c:pt idx="1887">
                  <c:v>18.809000000000001</c:v>
                </c:pt>
                <c:pt idx="1888">
                  <c:v>18.809000000000001</c:v>
                </c:pt>
                <c:pt idx="1889">
                  <c:v>18.812000000000001</c:v>
                </c:pt>
                <c:pt idx="1890">
                  <c:v>18.821000000000002</c:v>
                </c:pt>
                <c:pt idx="1891">
                  <c:v>18.832000000000001</c:v>
                </c:pt>
                <c:pt idx="1892">
                  <c:v>18.841999999999999</c:v>
                </c:pt>
                <c:pt idx="1893">
                  <c:v>18.853000000000002</c:v>
                </c:pt>
                <c:pt idx="1894">
                  <c:v>18.861999999999998</c:v>
                </c:pt>
                <c:pt idx="1895">
                  <c:v>18.870999999999999</c:v>
                </c:pt>
                <c:pt idx="1896">
                  <c:v>18.882000000000001</c:v>
                </c:pt>
                <c:pt idx="1897">
                  <c:v>18.891999999999999</c:v>
                </c:pt>
                <c:pt idx="1898">
                  <c:v>18.901</c:v>
                </c:pt>
                <c:pt idx="1899">
                  <c:v>18.911999999999999</c:v>
                </c:pt>
                <c:pt idx="1900">
                  <c:v>18.920999999999999</c:v>
                </c:pt>
                <c:pt idx="1901">
                  <c:v>18.931000000000001</c:v>
                </c:pt>
                <c:pt idx="1902">
                  <c:v>18.942</c:v>
                </c:pt>
                <c:pt idx="1903">
                  <c:v>18.986000000000001</c:v>
                </c:pt>
                <c:pt idx="1904">
                  <c:v>18.995000000000001</c:v>
                </c:pt>
                <c:pt idx="1905">
                  <c:v>19.004999999999999</c:v>
                </c:pt>
                <c:pt idx="1906">
                  <c:v>19.015000000000001</c:v>
                </c:pt>
                <c:pt idx="1907">
                  <c:v>19.024999999999999</c:v>
                </c:pt>
                <c:pt idx="1908">
                  <c:v>19.035</c:v>
                </c:pt>
                <c:pt idx="1909">
                  <c:v>19.045000000000002</c:v>
                </c:pt>
                <c:pt idx="1910">
                  <c:v>19.055</c:v>
                </c:pt>
                <c:pt idx="1911">
                  <c:v>19.065000000000001</c:v>
                </c:pt>
                <c:pt idx="1912">
                  <c:v>19.074999999999999</c:v>
                </c:pt>
                <c:pt idx="1913">
                  <c:v>19.085000000000001</c:v>
                </c:pt>
                <c:pt idx="1914">
                  <c:v>19.094999999999999</c:v>
                </c:pt>
                <c:pt idx="1915">
                  <c:v>19.103999999999999</c:v>
                </c:pt>
                <c:pt idx="1916">
                  <c:v>19.114000000000001</c:v>
                </c:pt>
                <c:pt idx="1917">
                  <c:v>19.123999999999999</c:v>
                </c:pt>
                <c:pt idx="1918">
                  <c:v>19.134</c:v>
                </c:pt>
                <c:pt idx="1919">
                  <c:v>19.143999999999998</c:v>
                </c:pt>
                <c:pt idx="1920">
                  <c:v>19.152999999999999</c:v>
                </c:pt>
                <c:pt idx="1921">
                  <c:v>19.164000000000001</c:v>
                </c:pt>
                <c:pt idx="1922">
                  <c:v>19.172999999999998</c:v>
                </c:pt>
                <c:pt idx="1923">
                  <c:v>19.183</c:v>
                </c:pt>
                <c:pt idx="1924">
                  <c:v>19.193999999999999</c:v>
                </c:pt>
                <c:pt idx="1925">
                  <c:v>19.202999999999999</c:v>
                </c:pt>
                <c:pt idx="1926">
                  <c:v>19.213000000000001</c:v>
                </c:pt>
                <c:pt idx="1927">
                  <c:v>19.222999999999999</c:v>
                </c:pt>
                <c:pt idx="1928">
                  <c:v>19.233000000000001</c:v>
                </c:pt>
                <c:pt idx="1929">
                  <c:v>19.291</c:v>
                </c:pt>
                <c:pt idx="1930">
                  <c:v>19.309999999999999</c:v>
                </c:pt>
                <c:pt idx="1931">
                  <c:v>19.327000000000002</c:v>
                </c:pt>
                <c:pt idx="1932">
                  <c:v>19.343</c:v>
                </c:pt>
                <c:pt idx="1933">
                  <c:v>19.359000000000002</c:v>
                </c:pt>
                <c:pt idx="1934">
                  <c:v>19.375</c:v>
                </c:pt>
                <c:pt idx="1935">
                  <c:v>19.393000000000001</c:v>
                </c:pt>
                <c:pt idx="1936">
                  <c:v>19.408999999999999</c:v>
                </c:pt>
                <c:pt idx="1937">
                  <c:v>19.423999999999999</c:v>
                </c:pt>
                <c:pt idx="1938">
                  <c:v>19.439</c:v>
                </c:pt>
                <c:pt idx="1939">
                  <c:v>19.457999999999998</c:v>
                </c:pt>
                <c:pt idx="1940">
                  <c:v>19.474</c:v>
                </c:pt>
                <c:pt idx="1941">
                  <c:v>19.489999999999998</c:v>
                </c:pt>
                <c:pt idx="1942">
                  <c:v>19.507999999999999</c:v>
                </c:pt>
                <c:pt idx="1943">
                  <c:v>19.524999999999999</c:v>
                </c:pt>
                <c:pt idx="1944">
                  <c:v>19.588000000000001</c:v>
                </c:pt>
                <c:pt idx="1945">
                  <c:v>19.599</c:v>
                </c:pt>
                <c:pt idx="1946">
                  <c:v>19.608000000000001</c:v>
                </c:pt>
                <c:pt idx="1947">
                  <c:v>19.664000000000001</c:v>
                </c:pt>
                <c:pt idx="1948">
                  <c:v>19.672999999999998</c:v>
                </c:pt>
                <c:pt idx="1949">
                  <c:v>19.683</c:v>
                </c:pt>
                <c:pt idx="1950">
                  <c:v>19.693000000000001</c:v>
                </c:pt>
                <c:pt idx="1951">
                  <c:v>19.702999999999999</c:v>
                </c:pt>
                <c:pt idx="1952">
                  <c:v>19.713000000000001</c:v>
                </c:pt>
                <c:pt idx="1953">
                  <c:v>19.722999999999999</c:v>
                </c:pt>
                <c:pt idx="1954">
                  <c:v>19.733000000000001</c:v>
                </c:pt>
                <c:pt idx="1955">
                  <c:v>19.742999999999999</c:v>
                </c:pt>
                <c:pt idx="1956">
                  <c:v>19.753</c:v>
                </c:pt>
                <c:pt idx="1957">
                  <c:v>19.763000000000002</c:v>
                </c:pt>
                <c:pt idx="1958">
                  <c:v>19.771999999999998</c:v>
                </c:pt>
                <c:pt idx="1959">
                  <c:v>19.782</c:v>
                </c:pt>
                <c:pt idx="1960">
                  <c:v>19.792000000000002</c:v>
                </c:pt>
                <c:pt idx="1961">
                  <c:v>19.802</c:v>
                </c:pt>
                <c:pt idx="1962">
                  <c:v>19.812000000000001</c:v>
                </c:pt>
                <c:pt idx="1963">
                  <c:v>19.821999999999999</c:v>
                </c:pt>
                <c:pt idx="1964">
                  <c:v>19.832000000000001</c:v>
                </c:pt>
                <c:pt idx="1965">
                  <c:v>19.841999999999999</c:v>
                </c:pt>
                <c:pt idx="1966">
                  <c:v>19.853000000000002</c:v>
                </c:pt>
                <c:pt idx="1967">
                  <c:v>19.863</c:v>
                </c:pt>
                <c:pt idx="1968">
                  <c:v>19.873000000000001</c:v>
                </c:pt>
                <c:pt idx="1969">
                  <c:v>19.882999999999999</c:v>
                </c:pt>
                <c:pt idx="1970">
                  <c:v>19.891999999999999</c:v>
                </c:pt>
                <c:pt idx="1971">
                  <c:v>19.902000000000001</c:v>
                </c:pt>
                <c:pt idx="1972">
                  <c:v>19.913</c:v>
                </c:pt>
                <c:pt idx="1973">
                  <c:v>19.922000000000001</c:v>
                </c:pt>
                <c:pt idx="1974">
                  <c:v>19.933</c:v>
                </c:pt>
                <c:pt idx="1975">
                  <c:v>19.942</c:v>
                </c:pt>
                <c:pt idx="1976">
                  <c:v>19.952000000000002</c:v>
                </c:pt>
                <c:pt idx="1977">
                  <c:v>19.962</c:v>
                </c:pt>
                <c:pt idx="1978">
                  <c:v>19.972000000000001</c:v>
                </c:pt>
                <c:pt idx="1979">
                  <c:v>19.981999999999999</c:v>
                </c:pt>
                <c:pt idx="1980">
                  <c:v>19.992999999999999</c:v>
                </c:pt>
                <c:pt idx="1981">
                  <c:v>20.001999999999999</c:v>
                </c:pt>
                <c:pt idx="1982">
                  <c:v>20.012</c:v>
                </c:pt>
                <c:pt idx="1983">
                  <c:v>20.021999999999998</c:v>
                </c:pt>
                <c:pt idx="1984">
                  <c:v>20.033000000000001</c:v>
                </c:pt>
                <c:pt idx="1985">
                  <c:v>20.042999999999999</c:v>
                </c:pt>
                <c:pt idx="1986">
                  <c:v>20.053000000000001</c:v>
                </c:pt>
                <c:pt idx="1987">
                  <c:v>20.062000000000001</c:v>
                </c:pt>
                <c:pt idx="1988">
                  <c:v>20.071999999999999</c:v>
                </c:pt>
                <c:pt idx="1989">
                  <c:v>20.082000000000001</c:v>
                </c:pt>
                <c:pt idx="1990">
                  <c:v>20.091999999999999</c:v>
                </c:pt>
                <c:pt idx="1991">
                  <c:v>20.102</c:v>
                </c:pt>
                <c:pt idx="1992">
                  <c:v>20.111999999999998</c:v>
                </c:pt>
                <c:pt idx="1993">
                  <c:v>20.122</c:v>
                </c:pt>
                <c:pt idx="1994">
                  <c:v>20.131</c:v>
                </c:pt>
                <c:pt idx="1995">
                  <c:v>20.140999999999998</c:v>
                </c:pt>
                <c:pt idx="1996">
                  <c:v>20.152000000000001</c:v>
                </c:pt>
                <c:pt idx="1997">
                  <c:v>20.161999999999999</c:v>
                </c:pt>
                <c:pt idx="1998">
                  <c:v>20.172000000000001</c:v>
                </c:pt>
                <c:pt idx="1999">
                  <c:v>20.181999999999999</c:v>
                </c:pt>
                <c:pt idx="2000">
                  <c:v>20.190999999999999</c:v>
                </c:pt>
                <c:pt idx="2001">
                  <c:v>20.201000000000001</c:v>
                </c:pt>
                <c:pt idx="2002">
                  <c:v>20.212</c:v>
                </c:pt>
                <c:pt idx="2003">
                  <c:v>20.222000000000001</c:v>
                </c:pt>
                <c:pt idx="2004">
                  <c:v>20.231000000000002</c:v>
                </c:pt>
                <c:pt idx="2005">
                  <c:v>20.241</c:v>
                </c:pt>
                <c:pt idx="2006">
                  <c:v>20.251000000000001</c:v>
                </c:pt>
                <c:pt idx="2007">
                  <c:v>20.260999999999999</c:v>
                </c:pt>
                <c:pt idx="2008">
                  <c:v>20.271000000000001</c:v>
                </c:pt>
                <c:pt idx="2009">
                  <c:v>20.280999999999999</c:v>
                </c:pt>
                <c:pt idx="2010">
                  <c:v>20.291</c:v>
                </c:pt>
                <c:pt idx="2011">
                  <c:v>20.300999999999998</c:v>
                </c:pt>
                <c:pt idx="2012">
                  <c:v>20.311</c:v>
                </c:pt>
                <c:pt idx="2013">
                  <c:v>20.32</c:v>
                </c:pt>
                <c:pt idx="2014">
                  <c:v>20.329999999999998</c:v>
                </c:pt>
                <c:pt idx="2015">
                  <c:v>20.341000000000001</c:v>
                </c:pt>
                <c:pt idx="2016">
                  <c:v>20.350999999999999</c:v>
                </c:pt>
                <c:pt idx="2017">
                  <c:v>20.36</c:v>
                </c:pt>
                <c:pt idx="2018">
                  <c:v>20.37</c:v>
                </c:pt>
                <c:pt idx="2019">
                  <c:v>20.379000000000001</c:v>
                </c:pt>
                <c:pt idx="2020">
                  <c:v>20.388999999999999</c:v>
                </c:pt>
                <c:pt idx="2021">
                  <c:v>20.399999999999999</c:v>
                </c:pt>
                <c:pt idx="2022">
                  <c:v>20.408999999999999</c:v>
                </c:pt>
                <c:pt idx="2023">
                  <c:v>20.419</c:v>
                </c:pt>
                <c:pt idx="2024">
                  <c:v>20.428999999999998</c:v>
                </c:pt>
                <c:pt idx="2025">
                  <c:v>20.437999999999999</c:v>
                </c:pt>
                <c:pt idx="2026">
                  <c:v>20.448</c:v>
                </c:pt>
                <c:pt idx="2027">
                  <c:v>20.457999999999998</c:v>
                </c:pt>
                <c:pt idx="2028">
                  <c:v>20.468</c:v>
                </c:pt>
                <c:pt idx="2029">
                  <c:v>20.478000000000002</c:v>
                </c:pt>
                <c:pt idx="2030">
                  <c:v>20.486999999999998</c:v>
                </c:pt>
                <c:pt idx="2031">
                  <c:v>20.497</c:v>
                </c:pt>
                <c:pt idx="2032">
                  <c:v>20.507999999999999</c:v>
                </c:pt>
                <c:pt idx="2033">
                  <c:v>20.516999999999999</c:v>
                </c:pt>
                <c:pt idx="2034">
                  <c:v>20.527000000000001</c:v>
                </c:pt>
                <c:pt idx="2035">
                  <c:v>20.536999999999999</c:v>
                </c:pt>
                <c:pt idx="2036">
                  <c:v>20.544</c:v>
                </c:pt>
                <c:pt idx="2037">
                  <c:v>20.544</c:v>
                </c:pt>
                <c:pt idx="2038">
                  <c:v>20.544</c:v>
                </c:pt>
                <c:pt idx="2039">
                  <c:v>20.544</c:v>
                </c:pt>
                <c:pt idx="2040">
                  <c:v>20.547999999999998</c:v>
                </c:pt>
                <c:pt idx="2041">
                  <c:v>20.556999999999999</c:v>
                </c:pt>
                <c:pt idx="2042">
                  <c:v>20.565999999999999</c:v>
                </c:pt>
                <c:pt idx="2043">
                  <c:v>20.576000000000001</c:v>
                </c:pt>
                <c:pt idx="2044">
                  <c:v>20.585000000000001</c:v>
                </c:pt>
                <c:pt idx="2045">
                  <c:v>20.594999999999999</c:v>
                </c:pt>
                <c:pt idx="2046">
                  <c:v>20.603999999999999</c:v>
                </c:pt>
                <c:pt idx="2047">
                  <c:v>20.661000000000001</c:v>
                </c:pt>
                <c:pt idx="2048">
                  <c:v>20.670999999999999</c:v>
                </c:pt>
                <c:pt idx="2049">
                  <c:v>20.681000000000001</c:v>
                </c:pt>
                <c:pt idx="2050">
                  <c:v>20.69</c:v>
                </c:pt>
                <c:pt idx="2051">
                  <c:v>20.701000000000001</c:v>
                </c:pt>
                <c:pt idx="2052">
                  <c:v>20.71</c:v>
                </c:pt>
                <c:pt idx="2053">
                  <c:v>20.719000000000001</c:v>
                </c:pt>
                <c:pt idx="2054">
                  <c:v>20.73</c:v>
                </c:pt>
                <c:pt idx="2055">
                  <c:v>20.739000000000001</c:v>
                </c:pt>
                <c:pt idx="2056">
                  <c:v>20.748999999999999</c:v>
                </c:pt>
                <c:pt idx="2057">
                  <c:v>20.757999999999999</c:v>
                </c:pt>
                <c:pt idx="2058">
                  <c:v>20.768000000000001</c:v>
                </c:pt>
                <c:pt idx="2059">
                  <c:v>20.773</c:v>
                </c:pt>
                <c:pt idx="2060">
                  <c:v>20.773</c:v>
                </c:pt>
                <c:pt idx="2061">
                  <c:v>20.777000000000001</c:v>
                </c:pt>
                <c:pt idx="2062">
                  <c:v>20.786000000000001</c:v>
                </c:pt>
                <c:pt idx="2063">
                  <c:v>20.795000000000002</c:v>
                </c:pt>
                <c:pt idx="2064">
                  <c:v>20.805</c:v>
                </c:pt>
                <c:pt idx="2065">
                  <c:v>20.815000000000001</c:v>
                </c:pt>
                <c:pt idx="2066">
                  <c:v>20.824999999999999</c:v>
                </c:pt>
                <c:pt idx="2067">
                  <c:v>20.834</c:v>
                </c:pt>
                <c:pt idx="2068">
                  <c:v>20.844000000000001</c:v>
                </c:pt>
                <c:pt idx="2069">
                  <c:v>20.853000000000002</c:v>
                </c:pt>
                <c:pt idx="2070">
                  <c:v>20.864000000000001</c:v>
                </c:pt>
                <c:pt idx="2071">
                  <c:v>20.873999999999999</c:v>
                </c:pt>
                <c:pt idx="2072">
                  <c:v>20.882999999999999</c:v>
                </c:pt>
                <c:pt idx="2073">
                  <c:v>20.893000000000001</c:v>
                </c:pt>
                <c:pt idx="2074">
                  <c:v>20.902000000000001</c:v>
                </c:pt>
                <c:pt idx="2075">
                  <c:v>20.904</c:v>
                </c:pt>
                <c:pt idx="2076">
                  <c:v>20.904</c:v>
                </c:pt>
                <c:pt idx="2077">
                  <c:v>20.908999999999999</c:v>
                </c:pt>
                <c:pt idx="2078">
                  <c:v>20.917000000000002</c:v>
                </c:pt>
                <c:pt idx="2079">
                  <c:v>20.928000000000001</c:v>
                </c:pt>
                <c:pt idx="2080">
                  <c:v>20.937000000000001</c:v>
                </c:pt>
                <c:pt idx="2081">
                  <c:v>20.946000000000002</c:v>
                </c:pt>
                <c:pt idx="2082">
                  <c:v>20.956</c:v>
                </c:pt>
                <c:pt idx="2083">
                  <c:v>20.965</c:v>
                </c:pt>
                <c:pt idx="2084">
                  <c:v>20.975000000000001</c:v>
                </c:pt>
                <c:pt idx="2085">
                  <c:v>20.984999999999999</c:v>
                </c:pt>
                <c:pt idx="2086">
                  <c:v>20.995000000000001</c:v>
                </c:pt>
                <c:pt idx="2087">
                  <c:v>21.006</c:v>
                </c:pt>
                <c:pt idx="2088">
                  <c:v>21.015000000000001</c:v>
                </c:pt>
                <c:pt idx="2089">
                  <c:v>21.024999999999999</c:v>
                </c:pt>
                <c:pt idx="2090">
                  <c:v>21.035</c:v>
                </c:pt>
                <c:pt idx="2091">
                  <c:v>21.045000000000002</c:v>
                </c:pt>
                <c:pt idx="2092">
                  <c:v>21.053999999999998</c:v>
                </c:pt>
                <c:pt idx="2093">
                  <c:v>21.064</c:v>
                </c:pt>
                <c:pt idx="2094">
                  <c:v>21.074000000000002</c:v>
                </c:pt>
                <c:pt idx="2095">
                  <c:v>21.082999999999998</c:v>
                </c:pt>
                <c:pt idx="2096">
                  <c:v>21.091999999999999</c:v>
                </c:pt>
                <c:pt idx="2097">
                  <c:v>21.102</c:v>
                </c:pt>
                <c:pt idx="2098">
                  <c:v>21.113</c:v>
                </c:pt>
                <c:pt idx="2099">
                  <c:v>21.122</c:v>
                </c:pt>
                <c:pt idx="2100">
                  <c:v>21.131</c:v>
                </c:pt>
                <c:pt idx="2101">
                  <c:v>21.14</c:v>
                </c:pt>
                <c:pt idx="2102">
                  <c:v>21.151</c:v>
                </c:pt>
                <c:pt idx="2103">
                  <c:v>21.161000000000001</c:v>
                </c:pt>
                <c:pt idx="2104">
                  <c:v>21.17</c:v>
                </c:pt>
                <c:pt idx="2105">
                  <c:v>21.18</c:v>
                </c:pt>
                <c:pt idx="2106">
                  <c:v>21.19</c:v>
                </c:pt>
                <c:pt idx="2107">
                  <c:v>21.2</c:v>
                </c:pt>
                <c:pt idx="2108">
                  <c:v>21.209</c:v>
                </c:pt>
                <c:pt idx="2109">
                  <c:v>21.219000000000001</c:v>
                </c:pt>
                <c:pt idx="2110">
                  <c:v>21.228999999999999</c:v>
                </c:pt>
                <c:pt idx="2111">
                  <c:v>21.239000000000001</c:v>
                </c:pt>
                <c:pt idx="2112">
                  <c:v>21.248000000000001</c:v>
                </c:pt>
                <c:pt idx="2113">
                  <c:v>21.257999999999999</c:v>
                </c:pt>
                <c:pt idx="2114">
                  <c:v>21.266999999999999</c:v>
                </c:pt>
                <c:pt idx="2115">
                  <c:v>21.277000000000001</c:v>
                </c:pt>
                <c:pt idx="2116">
                  <c:v>21.288</c:v>
                </c:pt>
                <c:pt idx="2117">
                  <c:v>21.297000000000001</c:v>
                </c:pt>
                <c:pt idx="2118">
                  <c:v>21.306999999999999</c:v>
                </c:pt>
                <c:pt idx="2119">
                  <c:v>21.317</c:v>
                </c:pt>
                <c:pt idx="2120">
                  <c:v>21.327000000000002</c:v>
                </c:pt>
                <c:pt idx="2121">
                  <c:v>21.335999999999999</c:v>
                </c:pt>
                <c:pt idx="2122">
                  <c:v>21.347000000000001</c:v>
                </c:pt>
                <c:pt idx="2123">
                  <c:v>21.356999999999999</c:v>
                </c:pt>
                <c:pt idx="2124">
                  <c:v>21.367000000000001</c:v>
                </c:pt>
                <c:pt idx="2125">
                  <c:v>21.376999999999999</c:v>
                </c:pt>
                <c:pt idx="2126">
                  <c:v>21.385999999999999</c:v>
                </c:pt>
                <c:pt idx="2127">
                  <c:v>21.396000000000001</c:v>
                </c:pt>
                <c:pt idx="2128">
                  <c:v>21.405000000000001</c:v>
                </c:pt>
                <c:pt idx="2129">
                  <c:v>21.416</c:v>
                </c:pt>
                <c:pt idx="2130">
                  <c:v>21.425999999999998</c:v>
                </c:pt>
                <c:pt idx="2131">
                  <c:v>21.436</c:v>
                </c:pt>
                <c:pt idx="2132">
                  <c:v>21.446000000000002</c:v>
                </c:pt>
                <c:pt idx="2133">
                  <c:v>21.454999999999998</c:v>
                </c:pt>
                <c:pt idx="2134">
                  <c:v>21.463999999999999</c:v>
                </c:pt>
                <c:pt idx="2135">
                  <c:v>21.474</c:v>
                </c:pt>
                <c:pt idx="2136">
                  <c:v>21.484000000000002</c:v>
                </c:pt>
                <c:pt idx="2137">
                  <c:v>21.494</c:v>
                </c:pt>
                <c:pt idx="2138">
                  <c:v>21.504999999999999</c:v>
                </c:pt>
                <c:pt idx="2139">
                  <c:v>21.515000000000001</c:v>
                </c:pt>
                <c:pt idx="2140">
                  <c:v>21.524000000000001</c:v>
                </c:pt>
                <c:pt idx="2141">
                  <c:v>21.533999999999999</c:v>
                </c:pt>
                <c:pt idx="2142">
                  <c:v>21.544</c:v>
                </c:pt>
                <c:pt idx="2143">
                  <c:v>21.553000000000001</c:v>
                </c:pt>
                <c:pt idx="2144">
                  <c:v>21.562999999999999</c:v>
                </c:pt>
                <c:pt idx="2145">
                  <c:v>21.573</c:v>
                </c:pt>
                <c:pt idx="2146">
                  <c:v>21.582000000000001</c:v>
                </c:pt>
                <c:pt idx="2147">
                  <c:v>21.593</c:v>
                </c:pt>
                <c:pt idx="2148">
                  <c:v>21.603000000000002</c:v>
                </c:pt>
                <c:pt idx="2149">
                  <c:v>21.611999999999998</c:v>
                </c:pt>
                <c:pt idx="2150">
                  <c:v>21.622</c:v>
                </c:pt>
                <c:pt idx="2151">
                  <c:v>21.632000000000001</c:v>
                </c:pt>
                <c:pt idx="2152">
                  <c:v>21.641999999999999</c:v>
                </c:pt>
                <c:pt idx="2153">
                  <c:v>21.651</c:v>
                </c:pt>
                <c:pt idx="2154">
                  <c:v>21.661999999999999</c:v>
                </c:pt>
                <c:pt idx="2155">
                  <c:v>21.672000000000001</c:v>
                </c:pt>
                <c:pt idx="2156">
                  <c:v>21.681000000000001</c:v>
                </c:pt>
                <c:pt idx="2157">
                  <c:v>21.692</c:v>
                </c:pt>
                <c:pt idx="2158">
                  <c:v>21.701000000000001</c:v>
                </c:pt>
                <c:pt idx="2159">
                  <c:v>21.71</c:v>
                </c:pt>
                <c:pt idx="2160">
                  <c:v>21.72</c:v>
                </c:pt>
                <c:pt idx="2161">
                  <c:v>21.728999999999999</c:v>
                </c:pt>
                <c:pt idx="2162">
                  <c:v>21.74</c:v>
                </c:pt>
                <c:pt idx="2163">
                  <c:v>21.748999999999999</c:v>
                </c:pt>
                <c:pt idx="2164">
                  <c:v>21.759</c:v>
                </c:pt>
                <c:pt idx="2165">
                  <c:v>21.768999999999998</c:v>
                </c:pt>
                <c:pt idx="2166">
                  <c:v>21.779</c:v>
                </c:pt>
                <c:pt idx="2167">
                  <c:v>21.789000000000001</c:v>
                </c:pt>
                <c:pt idx="2168">
                  <c:v>21.797999999999998</c:v>
                </c:pt>
                <c:pt idx="2169">
                  <c:v>21.809000000000001</c:v>
                </c:pt>
                <c:pt idx="2170">
                  <c:v>21.818000000000001</c:v>
                </c:pt>
                <c:pt idx="2171">
                  <c:v>21.827999999999999</c:v>
                </c:pt>
                <c:pt idx="2172">
                  <c:v>21.838000000000001</c:v>
                </c:pt>
                <c:pt idx="2173">
                  <c:v>21.847999999999999</c:v>
                </c:pt>
                <c:pt idx="2174">
                  <c:v>21.856999999999999</c:v>
                </c:pt>
                <c:pt idx="2175">
                  <c:v>21.867999999999999</c:v>
                </c:pt>
                <c:pt idx="2176">
                  <c:v>21.878</c:v>
                </c:pt>
                <c:pt idx="2177">
                  <c:v>21.888000000000002</c:v>
                </c:pt>
                <c:pt idx="2178">
                  <c:v>21.896999999999998</c:v>
                </c:pt>
                <c:pt idx="2179">
                  <c:v>21.907</c:v>
                </c:pt>
                <c:pt idx="2180">
                  <c:v>21.916</c:v>
                </c:pt>
                <c:pt idx="2181">
                  <c:v>21.925999999999998</c:v>
                </c:pt>
                <c:pt idx="2182">
                  <c:v>21.937000000000001</c:v>
                </c:pt>
                <c:pt idx="2183">
                  <c:v>21.946000000000002</c:v>
                </c:pt>
                <c:pt idx="2184">
                  <c:v>21.954999999999998</c:v>
                </c:pt>
                <c:pt idx="2185">
                  <c:v>21.966000000000001</c:v>
                </c:pt>
                <c:pt idx="2186">
                  <c:v>21.975000000000001</c:v>
                </c:pt>
                <c:pt idx="2187">
                  <c:v>21.984999999999999</c:v>
                </c:pt>
                <c:pt idx="2188">
                  <c:v>21.995999999999999</c:v>
                </c:pt>
                <c:pt idx="2189">
                  <c:v>22.004999999999999</c:v>
                </c:pt>
                <c:pt idx="2190">
                  <c:v>22.015000000000001</c:v>
                </c:pt>
                <c:pt idx="2191">
                  <c:v>22.024999999999999</c:v>
                </c:pt>
                <c:pt idx="2192">
                  <c:v>22.035</c:v>
                </c:pt>
                <c:pt idx="2193">
                  <c:v>22.045000000000002</c:v>
                </c:pt>
                <c:pt idx="2194">
                  <c:v>22.053999999999998</c:v>
                </c:pt>
                <c:pt idx="2195">
                  <c:v>22.064</c:v>
                </c:pt>
                <c:pt idx="2196">
                  <c:v>22.073</c:v>
                </c:pt>
                <c:pt idx="2197">
                  <c:v>22.084</c:v>
                </c:pt>
                <c:pt idx="2198">
                  <c:v>22.093</c:v>
                </c:pt>
                <c:pt idx="2199">
                  <c:v>22.103999999999999</c:v>
                </c:pt>
                <c:pt idx="2200">
                  <c:v>22.113</c:v>
                </c:pt>
                <c:pt idx="2201">
                  <c:v>22.123999999999999</c:v>
                </c:pt>
                <c:pt idx="2202">
                  <c:v>22.132999999999999</c:v>
                </c:pt>
                <c:pt idx="2203">
                  <c:v>22.143999999999998</c:v>
                </c:pt>
                <c:pt idx="2204">
                  <c:v>22.152999999999999</c:v>
                </c:pt>
                <c:pt idx="2205">
                  <c:v>22.163</c:v>
                </c:pt>
                <c:pt idx="2206">
                  <c:v>22.172999999999998</c:v>
                </c:pt>
                <c:pt idx="2207">
                  <c:v>22.181999999999999</c:v>
                </c:pt>
                <c:pt idx="2208">
                  <c:v>22.193000000000001</c:v>
                </c:pt>
                <c:pt idx="2209">
                  <c:v>22.202000000000002</c:v>
                </c:pt>
                <c:pt idx="2210">
                  <c:v>22.212</c:v>
                </c:pt>
                <c:pt idx="2211">
                  <c:v>22.222000000000001</c:v>
                </c:pt>
                <c:pt idx="2212">
                  <c:v>22.231999999999999</c:v>
                </c:pt>
                <c:pt idx="2213">
                  <c:v>22.241</c:v>
                </c:pt>
                <c:pt idx="2214">
                  <c:v>22.251000000000001</c:v>
                </c:pt>
                <c:pt idx="2215">
                  <c:v>22.260999999999999</c:v>
                </c:pt>
                <c:pt idx="2216">
                  <c:v>22.271000000000001</c:v>
                </c:pt>
                <c:pt idx="2217">
                  <c:v>22.28</c:v>
                </c:pt>
                <c:pt idx="2218">
                  <c:v>22.29</c:v>
                </c:pt>
                <c:pt idx="2219">
                  <c:v>22.298999999999999</c:v>
                </c:pt>
                <c:pt idx="2220">
                  <c:v>22.309000000000001</c:v>
                </c:pt>
                <c:pt idx="2221">
                  <c:v>22.32</c:v>
                </c:pt>
                <c:pt idx="2222">
                  <c:v>22.329000000000001</c:v>
                </c:pt>
                <c:pt idx="2223">
                  <c:v>22.338999999999999</c:v>
                </c:pt>
                <c:pt idx="2224">
                  <c:v>22.349</c:v>
                </c:pt>
                <c:pt idx="2225">
                  <c:v>22.358000000000001</c:v>
                </c:pt>
                <c:pt idx="2226">
                  <c:v>22.369</c:v>
                </c:pt>
                <c:pt idx="2227">
                  <c:v>22.378</c:v>
                </c:pt>
                <c:pt idx="2228">
                  <c:v>22.387</c:v>
                </c:pt>
                <c:pt idx="2229">
                  <c:v>22.398</c:v>
                </c:pt>
                <c:pt idx="2230">
                  <c:v>22.407</c:v>
                </c:pt>
                <c:pt idx="2231">
                  <c:v>22.416</c:v>
                </c:pt>
                <c:pt idx="2232">
                  <c:v>22.427</c:v>
                </c:pt>
                <c:pt idx="2233">
                  <c:v>22.436</c:v>
                </c:pt>
                <c:pt idx="2234">
                  <c:v>22.445</c:v>
                </c:pt>
                <c:pt idx="2235">
                  <c:v>22.456</c:v>
                </c:pt>
                <c:pt idx="2236">
                  <c:v>22.465</c:v>
                </c:pt>
                <c:pt idx="2237">
                  <c:v>22.474</c:v>
                </c:pt>
                <c:pt idx="2238">
                  <c:v>22.484000000000002</c:v>
                </c:pt>
                <c:pt idx="2239">
                  <c:v>22.495000000000001</c:v>
                </c:pt>
                <c:pt idx="2240">
                  <c:v>22.504000000000001</c:v>
                </c:pt>
                <c:pt idx="2241">
                  <c:v>22.513999999999999</c:v>
                </c:pt>
                <c:pt idx="2242">
                  <c:v>22.524000000000001</c:v>
                </c:pt>
                <c:pt idx="2243">
                  <c:v>22.533000000000001</c:v>
                </c:pt>
                <c:pt idx="2244">
                  <c:v>22.542999999999999</c:v>
                </c:pt>
                <c:pt idx="2245">
                  <c:v>22.553000000000001</c:v>
                </c:pt>
                <c:pt idx="2246">
                  <c:v>22.562000000000001</c:v>
                </c:pt>
                <c:pt idx="2247">
                  <c:v>22.571999999999999</c:v>
                </c:pt>
                <c:pt idx="2248">
                  <c:v>22.581</c:v>
                </c:pt>
                <c:pt idx="2249">
                  <c:v>22.591999999999999</c:v>
                </c:pt>
                <c:pt idx="2250">
                  <c:v>22.600999999999999</c:v>
                </c:pt>
                <c:pt idx="2251">
                  <c:v>22.611000000000001</c:v>
                </c:pt>
                <c:pt idx="2252">
                  <c:v>22.620999999999999</c:v>
                </c:pt>
                <c:pt idx="2253">
                  <c:v>22.63</c:v>
                </c:pt>
                <c:pt idx="2254">
                  <c:v>22.640999999999998</c:v>
                </c:pt>
                <c:pt idx="2255">
                  <c:v>22.651</c:v>
                </c:pt>
                <c:pt idx="2256">
                  <c:v>22.66</c:v>
                </c:pt>
                <c:pt idx="2257">
                  <c:v>22.670999999999999</c:v>
                </c:pt>
                <c:pt idx="2258">
                  <c:v>22.68</c:v>
                </c:pt>
                <c:pt idx="2259">
                  <c:v>22.689</c:v>
                </c:pt>
                <c:pt idx="2260">
                  <c:v>22.7</c:v>
                </c:pt>
                <c:pt idx="2261">
                  <c:v>22.709</c:v>
                </c:pt>
                <c:pt idx="2262">
                  <c:v>22.719000000000001</c:v>
                </c:pt>
                <c:pt idx="2263">
                  <c:v>22.728000000000002</c:v>
                </c:pt>
                <c:pt idx="2264">
                  <c:v>22.739000000000001</c:v>
                </c:pt>
                <c:pt idx="2265">
                  <c:v>22.748999999999999</c:v>
                </c:pt>
                <c:pt idx="2266">
                  <c:v>22.759</c:v>
                </c:pt>
                <c:pt idx="2267">
                  <c:v>22.768000000000001</c:v>
                </c:pt>
                <c:pt idx="2268">
                  <c:v>22.777999999999999</c:v>
                </c:pt>
                <c:pt idx="2269">
                  <c:v>22.789000000000001</c:v>
                </c:pt>
                <c:pt idx="2270">
                  <c:v>22.797999999999998</c:v>
                </c:pt>
                <c:pt idx="2271">
                  <c:v>22.808</c:v>
                </c:pt>
                <c:pt idx="2272">
                  <c:v>22.818999999999999</c:v>
                </c:pt>
                <c:pt idx="2273">
                  <c:v>22.827999999999999</c:v>
                </c:pt>
                <c:pt idx="2274">
                  <c:v>22.838999999999999</c:v>
                </c:pt>
                <c:pt idx="2275">
                  <c:v>22.847999999999999</c:v>
                </c:pt>
                <c:pt idx="2276">
                  <c:v>22.856999999999999</c:v>
                </c:pt>
                <c:pt idx="2277">
                  <c:v>22.867000000000001</c:v>
                </c:pt>
                <c:pt idx="2278">
                  <c:v>22.876999999999999</c:v>
                </c:pt>
                <c:pt idx="2279">
                  <c:v>22.887</c:v>
                </c:pt>
                <c:pt idx="2280">
                  <c:v>22.896000000000001</c:v>
                </c:pt>
                <c:pt idx="2281">
                  <c:v>22.905999999999999</c:v>
                </c:pt>
                <c:pt idx="2282">
                  <c:v>22.914999999999999</c:v>
                </c:pt>
                <c:pt idx="2283">
                  <c:v>22.923999999999999</c:v>
                </c:pt>
                <c:pt idx="2284">
                  <c:v>22.934999999999999</c:v>
                </c:pt>
                <c:pt idx="2285">
                  <c:v>22.943999999999999</c:v>
                </c:pt>
                <c:pt idx="2286">
                  <c:v>22.954000000000001</c:v>
                </c:pt>
                <c:pt idx="2287">
                  <c:v>22.963999999999999</c:v>
                </c:pt>
                <c:pt idx="2288">
                  <c:v>22.974</c:v>
                </c:pt>
                <c:pt idx="2289">
                  <c:v>22.983000000000001</c:v>
                </c:pt>
                <c:pt idx="2290">
                  <c:v>22.994</c:v>
                </c:pt>
                <c:pt idx="2291">
                  <c:v>23.003</c:v>
                </c:pt>
                <c:pt idx="2292">
                  <c:v>23.012</c:v>
                </c:pt>
                <c:pt idx="2293">
                  <c:v>23.023</c:v>
                </c:pt>
                <c:pt idx="2294">
                  <c:v>23.032</c:v>
                </c:pt>
                <c:pt idx="2295">
                  <c:v>23.042000000000002</c:v>
                </c:pt>
                <c:pt idx="2296">
                  <c:v>23.050999999999998</c:v>
                </c:pt>
                <c:pt idx="2297">
                  <c:v>23.059000000000001</c:v>
                </c:pt>
                <c:pt idx="2298">
                  <c:v>23.07</c:v>
                </c:pt>
                <c:pt idx="2299">
                  <c:v>23.079000000000001</c:v>
                </c:pt>
                <c:pt idx="2300">
                  <c:v>23.088999999999999</c:v>
                </c:pt>
                <c:pt idx="2301">
                  <c:v>23.099</c:v>
                </c:pt>
                <c:pt idx="2302">
                  <c:v>23.108000000000001</c:v>
                </c:pt>
                <c:pt idx="2303">
                  <c:v>23.117000000000001</c:v>
                </c:pt>
                <c:pt idx="2304">
                  <c:v>23.126999999999999</c:v>
                </c:pt>
                <c:pt idx="2305">
                  <c:v>23.137</c:v>
                </c:pt>
                <c:pt idx="2306">
                  <c:v>23.148</c:v>
                </c:pt>
                <c:pt idx="2307">
                  <c:v>23.157</c:v>
                </c:pt>
                <c:pt idx="2308">
                  <c:v>23.164999999999999</c:v>
                </c:pt>
                <c:pt idx="2309">
                  <c:v>23.175999999999998</c:v>
                </c:pt>
                <c:pt idx="2310">
                  <c:v>23.186</c:v>
                </c:pt>
                <c:pt idx="2311">
                  <c:v>23.195</c:v>
                </c:pt>
                <c:pt idx="2312">
                  <c:v>23.206</c:v>
                </c:pt>
                <c:pt idx="2313">
                  <c:v>23.215</c:v>
                </c:pt>
                <c:pt idx="2314">
                  <c:v>23.224</c:v>
                </c:pt>
                <c:pt idx="2315">
                  <c:v>23.234000000000002</c:v>
                </c:pt>
                <c:pt idx="2316">
                  <c:v>23.244</c:v>
                </c:pt>
                <c:pt idx="2317">
                  <c:v>23.254000000000001</c:v>
                </c:pt>
                <c:pt idx="2318">
                  <c:v>23.263999999999999</c:v>
                </c:pt>
                <c:pt idx="2319">
                  <c:v>23.274000000000001</c:v>
                </c:pt>
                <c:pt idx="2320">
                  <c:v>23.283999999999999</c:v>
                </c:pt>
                <c:pt idx="2321">
                  <c:v>23.292999999999999</c:v>
                </c:pt>
                <c:pt idx="2322">
                  <c:v>23.303999999999998</c:v>
                </c:pt>
                <c:pt idx="2323">
                  <c:v>23.314</c:v>
                </c:pt>
                <c:pt idx="2324">
                  <c:v>23.324000000000002</c:v>
                </c:pt>
                <c:pt idx="2325">
                  <c:v>23.334</c:v>
                </c:pt>
                <c:pt idx="2326">
                  <c:v>23.343</c:v>
                </c:pt>
                <c:pt idx="2327">
                  <c:v>23.352</c:v>
                </c:pt>
                <c:pt idx="2328">
                  <c:v>23.363</c:v>
                </c:pt>
                <c:pt idx="2329">
                  <c:v>23.372</c:v>
                </c:pt>
                <c:pt idx="2330">
                  <c:v>23.382000000000001</c:v>
                </c:pt>
                <c:pt idx="2331">
                  <c:v>23.390999999999998</c:v>
                </c:pt>
                <c:pt idx="2332">
                  <c:v>23.402000000000001</c:v>
                </c:pt>
                <c:pt idx="2333">
                  <c:v>23.411000000000001</c:v>
                </c:pt>
                <c:pt idx="2334">
                  <c:v>23.420999999999999</c:v>
                </c:pt>
                <c:pt idx="2335">
                  <c:v>23.43</c:v>
                </c:pt>
                <c:pt idx="2336">
                  <c:v>23.440999999999999</c:v>
                </c:pt>
                <c:pt idx="2337">
                  <c:v>23.45</c:v>
                </c:pt>
                <c:pt idx="2338">
                  <c:v>23.46</c:v>
                </c:pt>
                <c:pt idx="2339">
                  <c:v>23.47</c:v>
                </c:pt>
                <c:pt idx="2340">
                  <c:v>23.48</c:v>
                </c:pt>
                <c:pt idx="2341">
                  <c:v>23.489000000000001</c:v>
                </c:pt>
                <c:pt idx="2342">
                  <c:v>23.5</c:v>
                </c:pt>
                <c:pt idx="2343">
                  <c:v>23.509</c:v>
                </c:pt>
                <c:pt idx="2344">
                  <c:v>23.518999999999998</c:v>
                </c:pt>
                <c:pt idx="2345">
                  <c:v>23.529</c:v>
                </c:pt>
                <c:pt idx="2346">
                  <c:v>23.538</c:v>
                </c:pt>
                <c:pt idx="2347">
                  <c:v>23.547999999999998</c:v>
                </c:pt>
                <c:pt idx="2348">
                  <c:v>23.556999999999999</c:v>
                </c:pt>
                <c:pt idx="2349">
                  <c:v>23.567</c:v>
                </c:pt>
                <c:pt idx="2350">
                  <c:v>23.576000000000001</c:v>
                </c:pt>
                <c:pt idx="2351">
                  <c:v>23.585999999999999</c:v>
                </c:pt>
                <c:pt idx="2352">
                  <c:v>23.594999999999999</c:v>
                </c:pt>
                <c:pt idx="2353">
                  <c:v>23.606000000000002</c:v>
                </c:pt>
                <c:pt idx="2354">
                  <c:v>23.614999999999998</c:v>
                </c:pt>
                <c:pt idx="2355">
                  <c:v>23.623999999999999</c:v>
                </c:pt>
                <c:pt idx="2356">
                  <c:v>23.635000000000002</c:v>
                </c:pt>
                <c:pt idx="2357">
                  <c:v>23.643999999999998</c:v>
                </c:pt>
                <c:pt idx="2358">
                  <c:v>23.652999999999999</c:v>
                </c:pt>
                <c:pt idx="2359">
                  <c:v>23.664000000000001</c:v>
                </c:pt>
                <c:pt idx="2360">
                  <c:v>23.672999999999998</c:v>
                </c:pt>
                <c:pt idx="2361">
                  <c:v>23.683</c:v>
                </c:pt>
                <c:pt idx="2362">
                  <c:v>23.692</c:v>
                </c:pt>
                <c:pt idx="2363">
                  <c:v>23.702999999999999</c:v>
                </c:pt>
                <c:pt idx="2364">
                  <c:v>23.712</c:v>
                </c:pt>
                <c:pt idx="2365">
                  <c:v>23.722000000000001</c:v>
                </c:pt>
                <c:pt idx="2366">
                  <c:v>23.731999999999999</c:v>
                </c:pt>
                <c:pt idx="2367">
                  <c:v>23.742000000000001</c:v>
                </c:pt>
                <c:pt idx="2368">
                  <c:v>23.751000000000001</c:v>
                </c:pt>
                <c:pt idx="2369">
                  <c:v>23.760999999999999</c:v>
                </c:pt>
                <c:pt idx="2370">
                  <c:v>23.77</c:v>
                </c:pt>
                <c:pt idx="2371">
                  <c:v>23.780999999999999</c:v>
                </c:pt>
                <c:pt idx="2372">
                  <c:v>23.79</c:v>
                </c:pt>
                <c:pt idx="2373">
                  <c:v>23.798999999999999</c:v>
                </c:pt>
                <c:pt idx="2374">
                  <c:v>23.81</c:v>
                </c:pt>
                <c:pt idx="2375">
                  <c:v>23.818999999999999</c:v>
                </c:pt>
                <c:pt idx="2376">
                  <c:v>23.829000000000001</c:v>
                </c:pt>
                <c:pt idx="2377">
                  <c:v>23.838999999999999</c:v>
                </c:pt>
                <c:pt idx="2378">
                  <c:v>23.849</c:v>
                </c:pt>
                <c:pt idx="2379">
                  <c:v>23.859000000000002</c:v>
                </c:pt>
                <c:pt idx="2380">
                  <c:v>23.867999999999999</c:v>
                </c:pt>
                <c:pt idx="2381">
                  <c:v>23.876999999999999</c:v>
                </c:pt>
                <c:pt idx="2382">
                  <c:v>23.887</c:v>
                </c:pt>
                <c:pt idx="2383">
                  <c:v>23.898</c:v>
                </c:pt>
                <c:pt idx="2384">
                  <c:v>23.907</c:v>
                </c:pt>
                <c:pt idx="2385">
                  <c:v>23.916</c:v>
                </c:pt>
                <c:pt idx="2386">
                  <c:v>23.925999999999998</c:v>
                </c:pt>
                <c:pt idx="2387">
                  <c:v>23.936</c:v>
                </c:pt>
                <c:pt idx="2388">
                  <c:v>23.945</c:v>
                </c:pt>
                <c:pt idx="2389">
                  <c:v>23.954999999999998</c:v>
                </c:pt>
                <c:pt idx="2390">
                  <c:v>23.963999999999999</c:v>
                </c:pt>
                <c:pt idx="2391">
                  <c:v>23.975000000000001</c:v>
                </c:pt>
                <c:pt idx="2392">
                  <c:v>23.984000000000002</c:v>
                </c:pt>
                <c:pt idx="2393">
                  <c:v>23.992999999999999</c:v>
                </c:pt>
                <c:pt idx="2394">
                  <c:v>24.004000000000001</c:v>
                </c:pt>
                <c:pt idx="2395">
                  <c:v>24.013000000000002</c:v>
                </c:pt>
                <c:pt idx="2396">
                  <c:v>24.023</c:v>
                </c:pt>
                <c:pt idx="2397">
                  <c:v>24.032</c:v>
                </c:pt>
                <c:pt idx="2398">
                  <c:v>24.042000000000002</c:v>
                </c:pt>
                <c:pt idx="2399">
                  <c:v>24.052</c:v>
                </c:pt>
                <c:pt idx="2400">
                  <c:v>24.062000000000001</c:v>
                </c:pt>
                <c:pt idx="2401">
                  <c:v>24.071999999999999</c:v>
                </c:pt>
                <c:pt idx="2402">
                  <c:v>24.081</c:v>
                </c:pt>
                <c:pt idx="2403">
                  <c:v>24.091000000000001</c:v>
                </c:pt>
                <c:pt idx="2404">
                  <c:v>24.1</c:v>
                </c:pt>
                <c:pt idx="2405">
                  <c:v>24.111000000000001</c:v>
                </c:pt>
                <c:pt idx="2406">
                  <c:v>24.12</c:v>
                </c:pt>
                <c:pt idx="2407">
                  <c:v>24.129000000000001</c:v>
                </c:pt>
                <c:pt idx="2408">
                  <c:v>24.138999999999999</c:v>
                </c:pt>
                <c:pt idx="2409">
                  <c:v>24.149000000000001</c:v>
                </c:pt>
                <c:pt idx="2410">
                  <c:v>24.158000000000001</c:v>
                </c:pt>
                <c:pt idx="2411">
                  <c:v>24.169</c:v>
                </c:pt>
                <c:pt idx="2412">
                  <c:v>24.178000000000001</c:v>
                </c:pt>
                <c:pt idx="2413">
                  <c:v>24.187000000000001</c:v>
                </c:pt>
                <c:pt idx="2414">
                  <c:v>24.198</c:v>
                </c:pt>
                <c:pt idx="2415">
                  <c:v>24.207000000000001</c:v>
                </c:pt>
                <c:pt idx="2416">
                  <c:v>24.216999999999999</c:v>
                </c:pt>
                <c:pt idx="2417">
                  <c:v>24.225999999999999</c:v>
                </c:pt>
                <c:pt idx="2418">
                  <c:v>24.236000000000001</c:v>
                </c:pt>
                <c:pt idx="2419">
                  <c:v>24.247</c:v>
                </c:pt>
                <c:pt idx="2420">
                  <c:v>24.256</c:v>
                </c:pt>
                <c:pt idx="2421">
                  <c:v>24.265999999999998</c:v>
                </c:pt>
                <c:pt idx="2422">
                  <c:v>24.274999999999999</c:v>
                </c:pt>
                <c:pt idx="2423">
                  <c:v>24.286000000000001</c:v>
                </c:pt>
                <c:pt idx="2424">
                  <c:v>24.295999999999999</c:v>
                </c:pt>
                <c:pt idx="2425">
                  <c:v>24.305</c:v>
                </c:pt>
                <c:pt idx="2426">
                  <c:v>24.314</c:v>
                </c:pt>
                <c:pt idx="2427">
                  <c:v>24.324999999999999</c:v>
                </c:pt>
                <c:pt idx="2428">
                  <c:v>24.334</c:v>
                </c:pt>
                <c:pt idx="2429">
                  <c:v>24.344000000000001</c:v>
                </c:pt>
                <c:pt idx="2430">
                  <c:v>24.353999999999999</c:v>
                </c:pt>
                <c:pt idx="2431">
                  <c:v>24.364000000000001</c:v>
                </c:pt>
                <c:pt idx="2432">
                  <c:v>24.373999999999999</c:v>
                </c:pt>
                <c:pt idx="2433">
                  <c:v>24.382999999999999</c:v>
                </c:pt>
                <c:pt idx="2434">
                  <c:v>24.393000000000001</c:v>
                </c:pt>
                <c:pt idx="2435">
                  <c:v>24.402999999999999</c:v>
                </c:pt>
                <c:pt idx="2436">
                  <c:v>24.413</c:v>
                </c:pt>
                <c:pt idx="2437">
                  <c:v>24.422000000000001</c:v>
                </c:pt>
                <c:pt idx="2438">
                  <c:v>24.433</c:v>
                </c:pt>
                <c:pt idx="2439">
                  <c:v>24.442</c:v>
                </c:pt>
                <c:pt idx="2440">
                  <c:v>24.452000000000002</c:v>
                </c:pt>
                <c:pt idx="2441">
                  <c:v>24.462</c:v>
                </c:pt>
                <c:pt idx="2442">
                  <c:v>24.471</c:v>
                </c:pt>
                <c:pt idx="2443">
                  <c:v>24.481000000000002</c:v>
                </c:pt>
                <c:pt idx="2444">
                  <c:v>24.49</c:v>
                </c:pt>
                <c:pt idx="2445">
                  <c:v>24.501000000000001</c:v>
                </c:pt>
                <c:pt idx="2446">
                  <c:v>24.51</c:v>
                </c:pt>
                <c:pt idx="2447">
                  <c:v>24.52</c:v>
                </c:pt>
                <c:pt idx="2448">
                  <c:v>24.529</c:v>
                </c:pt>
                <c:pt idx="2449">
                  <c:v>24.538</c:v>
                </c:pt>
                <c:pt idx="2450">
                  <c:v>24.547999999999998</c:v>
                </c:pt>
                <c:pt idx="2451">
                  <c:v>24.558</c:v>
                </c:pt>
                <c:pt idx="2452">
                  <c:v>24.567</c:v>
                </c:pt>
                <c:pt idx="2453">
                  <c:v>24.577000000000002</c:v>
                </c:pt>
                <c:pt idx="2454">
                  <c:v>24.587</c:v>
                </c:pt>
                <c:pt idx="2455">
                  <c:v>24.596</c:v>
                </c:pt>
                <c:pt idx="2456">
                  <c:v>24.606000000000002</c:v>
                </c:pt>
                <c:pt idx="2457">
                  <c:v>24.614999999999998</c:v>
                </c:pt>
                <c:pt idx="2458">
                  <c:v>24.626000000000001</c:v>
                </c:pt>
                <c:pt idx="2459">
                  <c:v>24.635000000000002</c:v>
                </c:pt>
                <c:pt idx="2460">
                  <c:v>24.645</c:v>
                </c:pt>
                <c:pt idx="2461">
                  <c:v>24.654</c:v>
                </c:pt>
                <c:pt idx="2462">
                  <c:v>24.664999999999999</c:v>
                </c:pt>
                <c:pt idx="2463">
                  <c:v>24.673999999999999</c:v>
                </c:pt>
                <c:pt idx="2464">
                  <c:v>24.684000000000001</c:v>
                </c:pt>
                <c:pt idx="2465">
                  <c:v>24.693000000000001</c:v>
                </c:pt>
                <c:pt idx="2466">
                  <c:v>24.702999999999999</c:v>
                </c:pt>
                <c:pt idx="2467">
                  <c:v>24.713000000000001</c:v>
                </c:pt>
                <c:pt idx="2468">
                  <c:v>24.722000000000001</c:v>
                </c:pt>
                <c:pt idx="2469">
                  <c:v>24.731999999999999</c:v>
                </c:pt>
                <c:pt idx="2470">
                  <c:v>24.741</c:v>
                </c:pt>
                <c:pt idx="2471">
                  <c:v>24.751000000000001</c:v>
                </c:pt>
                <c:pt idx="2472">
                  <c:v>24.76</c:v>
                </c:pt>
                <c:pt idx="2473">
                  <c:v>24.771000000000001</c:v>
                </c:pt>
                <c:pt idx="2474">
                  <c:v>24.78</c:v>
                </c:pt>
                <c:pt idx="2475">
                  <c:v>24.789000000000001</c:v>
                </c:pt>
                <c:pt idx="2476">
                  <c:v>24.798999999999999</c:v>
                </c:pt>
                <c:pt idx="2477">
                  <c:v>24.809000000000001</c:v>
                </c:pt>
                <c:pt idx="2478">
                  <c:v>24.818999999999999</c:v>
                </c:pt>
                <c:pt idx="2479">
                  <c:v>24.829000000000001</c:v>
                </c:pt>
                <c:pt idx="2480">
                  <c:v>24.838999999999999</c:v>
                </c:pt>
                <c:pt idx="2481">
                  <c:v>24.847999999999999</c:v>
                </c:pt>
                <c:pt idx="2482">
                  <c:v>24.858000000000001</c:v>
                </c:pt>
                <c:pt idx="2483">
                  <c:v>24.867000000000001</c:v>
                </c:pt>
                <c:pt idx="2484">
                  <c:v>24.878</c:v>
                </c:pt>
                <c:pt idx="2485">
                  <c:v>24.887</c:v>
                </c:pt>
                <c:pt idx="2486">
                  <c:v>24.896999999999998</c:v>
                </c:pt>
                <c:pt idx="2487">
                  <c:v>24.907</c:v>
                </c:pt>
                <c:pt idx="2488">
                  <c:v>24.916</c:v>
                </c:pt>
                <c:pt idx="2489">
                  <c:v>24.925999999999998</c:v>
                </c:pt>
                <c:pt idx="2490">
                  <c:v>24.934999999999999</c:v>
                </c:pt>
                <c:pt idx="2491">
                  <c:v>24.945</c:v>
                </c:pt>
                <c:pt idx="2492">
                  <c:v>24.998000000000001</c:v>
                </c:pt>
                <c:pt idx="2493">
                  <c:v>25.009</c:v>
                </c:pt>
                <c:pt idx="2494">
                  <c:v>25.018999999999998</c:v>
                </c:pt>
                <c:pt idx="2495">
                  <c:v>25.027999999999999</c:v>
                </c:pt>
                <c:pt idx="2496">
                  <c:v>25.039000000000001</c:v>
                </c:pt>
                <c:pt idx="2497">
                  <c:v>25.047999999999998</c:v>
                </c:pt>
                <c:pt idx="2498">
                  <c:v>25.058</c:v>
                </c:pt>
                <c:pt idx="2499">
                  <c:v>25.068000000000001</c:v>
                </c:pt>
                <c:pt idx="2500">
                  <c:v>25.077999999999999</c:v>
                </c:pt>
                <c:pt idx="2501">
                  <c:v>25.088000000000001</c:v>
                </c:pt>
                <c:pt idx="2502">
                  <c:v>25.097999999999999</c:v>
                </c:pt>
                <c:pt idx="2503">
                  <c:v>25.106999999999999</c:v>
                </c:pt>
                <c:pt idx="2504">
                  <c:v>25.117000000000001</c:v>
                </c:pt>
                <c:pt idx="2505">
                  <c:v>25.128</c:v>
                </c:pt>
                <c:pt idx="2506">
                  <c:v>25.137</c:v>
                </c:pt>
                <c:pt idx="2507">
                  <c:v>25.146999999999998</c:v>
                </c:pt>
                <c:pt idx="2508">
                  <c:v>25.157</c:v>
                </c:pt>
                <c:pt idx="2509">
                  <c:v>25.166</c:v>
                </c:pt>
                <c:pt idx="2510">
                  <c:v>25.175999999999998</c:v>
                </c:pt>
                <c:pt idx="2511">
                  <c:v>25.184999999999999</c:v>
                </c:pt>
                <c:pt idx="2512">
                  <c:v>25.196000000000002</c:v>
                </c:pt>
                <c:pt idx="2513">
                  <c:v>25.204999999999998</c:v>
                </c:pt>
                <c:pt idx="2514">
                  <c:v>25.215</c:v>
                </c:pt>
                <c:pt idx="2515">
                  <c:v>25.225000000000001</c:v>
                </c:pt>
                <c:pt idx="2516">
                  <c:v>25.234000000000002</c:v>
                </c:pt>
                <c:pt idx="2517">
                  <c:v>25.244</c:v>
                </c:pt>
                <c:pt idx="2518">
                  <c:v>25.253</c:v>
                </c:pt>
                <c:pt idx="2519">
                  <c:v>25.263999999999999</c:v>
                </c:pt>
                <c:pt idx="2520">
                  <c:v>25.273</c:v>
                </c:pt>
                <c:pt idx="2521">
                  <c:v>25.282</c:v>
                </c:pt>
                <c:pt idx="2522">
                  <c:v>25.292000000000002</c:v>
                </c:pt>
                <c:pt idx="2523">
                  <c:v>25.302</c:v>
                </c:pt>
                <c:pt idx="2524">
                  <c:v>25.311</c:v>
                </c:pt>
                <c:pt idx="2525">
                  <c:v>25.321000000000002</c:v>
                </c:pt>
                <c:pt idx="2526">
                  <c:v>25.331</c:v>
                </c:pt>
                <c:pt idx="2527">
                  <c:v>25.341000000000001</c:v>
                </c:pt>
                <c:pt idx="2528">
                  <c:v>25.35</c:v>
                </c:pt>
                <c:pt idx="2529">
                  <c:v>25.36</c:v>
                </c:pt>
                <c:pt idx="2530">
                  <c:v>25.37</c:v>
                </c:pt>
                <c:pt idx="2531">
                  <c:v>25.38</c:v>
                </c:pt>
                <c:pt idx="2532">
                  <c:v>25.388999999999999</c:v>
                </c:pt>
                <c:pt idx="2533">
                  <c:v>25.4</c:v>
                </c:pt>
                <c:pt idx="2534">
                  <c:v>25.408999999999999</c:v>
                </c:pt>
                <c:pt idx="2535">
                  <c:v>25.417999999999999</c:v>
                </c:pt>
                <c:pt idx="2536">
                  <c:v>25.428000000000001</c:v>
                </c:pt>
                <c:pt idx="2537">
                  <c:v>25.437999999999999</c:v>
                </c:pt>
                <c:pt idx="2538">
                  <c:v>25.448</c:v>
                </c:pt>
                <c:pt idx="2539">
                  <c:v>25.457000000000001</c:v>
                </c:pt>
                <c:pt idx="2540">
                  <c:v>25.466999999999999</c:v>
                </c:pt>
                <c:pt idx="2541">
                  <c:v>25.475999999999999</c:v>
                </c:pt>
                <c:pt idx="2542">
                  <c:v>25.486000000000001</c:v>
                </c:pt>
                <c:pt idx="2543">
                  <c:v>25.495999999999999</c:v>
                </c:pt>
                <c:pt idx="2544">
                  <c:v>25.504999999999999</c:v>
                </c:pt>
                <c:pt idx="2545">
                  <c:v>25.515999999999998</c:v>
                </c:pt>
                <c:pt idx="2546">
                  <c:v>25.524999999999999</c:v>
                </c:pt>
                <c:pt idx="2547">
                  <c:v>25.535</c:v>
                </c:pt>
                <c:pt idx="2548">
                  <c:v>25.545000000000002</c:v>
                </c:pt>
                <c:pt idx="2549">
                  <c:v>25.555</c:v>
                </c:pt>
                <c:pt idx="2550">
                  <c:v>25.564</c:v>
                </c:pt>
                <c:pt idx="2551">
                  <c:v>25.574999999999999</c:v>
                </c:pt>
                <c:pt idx="2552">
                  <c:v>25.584</c:v>
                </c:pt>
                <c:pt idx="2553">
                  <c:v>25.594000000000001</c:v>
                </c:pt>
                <c:pt idx="2554">
                  <c:v>25.603999999999999</c:v>
                </c:pt>
                <c:pt idx="2555">
                  <c:v>25.614000000000001</c:v>
                </c:pt>
                <c:pt idx="2556">
                  <c:v>25.623999999999999</c:v>
                </c:pt>
                <c:pt idx="2557">
                  <c:v>25.632999999999999</c:v>
                </c:pt>
                <c:pt idx="2558">
                  <c:v>25.643000000000001</c:v>
                </c:pt>
                <c:pt idx="2559">
                  <c:v>25.652999999999999</c:v>
                </c:pt>
                <c:pt idx="2560">
                  <c:v>25.663</c:v>
                </c:pt>
                <c:pt idx="2561">
                  <c:v>25.672999999999998</c:v>
                </c:pt>
                <c:pt idx="2562">
                  <c:v>25.684000000000001</c:v>
                </c:pt>
                <c:pt idx="2563">
                  <c:v>25.693000000000001</c:v>
                </c:pt>
                <c:pt idx="2564">
                  <c:v>25.702999999999999</c:v>
                </c:pt>
                <c:pt idx="2565">
                  <c:v>25.713000000000001</c:v>
                </c:pt>
                <c:pt idx="2566">
                  <c:v>25.722999999999999</c:v>
                </c:pt>
                <c:pt idx="2567">
                  <c:v>25.733000000000001</c:v>
                </c:pt>
                <c:pt idx="2568">
                  <c:v>25.742000000000001</c:v>
                </c:pt>
                <c:pt idx="2569">
                  <c:v>25.751999999999999</c:v>
                </c:pt>
                <c:pt idx="2570">
                  <c:v>25.762</c:v>
                </c:pt>
                <c:pt idx="2571">
                  <c:v>25.771000000000001</c:v>
                </c:pt>
                <c:pt idx="2572">
                  <c:v>25.780999999999999</c:v>
                </c:pt>
                <c:pt idx="2573">
                  <c:v>25.79</c:v>
                </c:pt>
                <c:pt idx="2574">
                  <c:v>25.800999999999998</c:v>
                </c:pt>
                <c:pt idx="2575">
                  <c:v>25.81</c:v>
                </c:pt>
                <c:pt idx="2576">
                  <c:v>25.82</c:v>
                </c:pt>
                <c:pt idx="2577">
                  <c:v>25.83</c:v>
                </c:pt>
                <c:pt idx="2578">
                  <c:v>25.838999999999999</c:v>
                </c:pt>
                <c:pt idx="2579">
                  <c:v>25.85</c:v>
                </c:pt>
                <c:pt idx="2580">
                  <c:v>25.859000000000002</c:v>
                </c:pt>
                <c:pt idx="2581">
                  <c:v>25.867999999999999</c:v>
                </c:pt>
                <c:pt idx="2582">
                  <c:v>25.878</c:v>
                </c:pt>
                <c:pt idx="2583">
                  <c:v>25.888000000000002</c:v>
                </c:pt>
                <c:pt idx="2584">
                  <c:v>25.898</c:v>
                </c:pt>
                <c:pt idx="2585">
                  <c:v>25.907</c:v>
                </c:pt>
                <c:pt idx="2586">
                  <c:v>25.916</c:v>
                </c:pt>
                <c:pt idx="2587">
                  <c:v>25.925999999999998</c:v>
                </c:pt>
                <c:pt idx="2588">
                  <c:v>25.936</c:v>
                </c:pt>
                <c:pt idx="2589">
                  <c:v>25.945</c:v>
                </c:pt>
                <c:pt idx="2590">
                  <c:v>25.954999999999998</c:v>
                </c:pt>
                <c:pt idx="2591">
                  <c:v>25.966000000000001</c:v>
                </c:pt>
                <c:pt idx="2592">
                  <c:v>25.975000000000001</c:v>
                </c:pt>
                <c:pt idx="2593">
                  <c:v>25.984000000000002</c:v>
                </c:pt>
                <c:pt idx="2594">
                  <c:v>25.994</c:v>
                </c:pt>
                <c:pt idx="2595">
                  <c:v>26.004000000000001</c:v>
                </c:pt>
                <c:pt idx="2596">
                  <c:v>26.013999999999999</c:v>
                </c:pt>
                <c:pt idx="2597">
                  <c:v>26.024000000000001</c:v>
                </c:pt>
                <c:pt idx="2598">
                  <c:v>26.033000000000001</c:v>
                </c:pt>
                <c:pt idx="2599">
                  <c:v>26.042999999999999</c:v>
                </c:pt>
                <c:pt idx="2600">
                  <c:v>26.052</c:v>
                </c:pt>
                <c:pt idx="2601">
                  <c:v>26.061</c:v>
                </c:pt>
                <c:pt idx="2602">
                  <c:v>26.071999999999999</c:v>
                </c:pt>
                <c:pt idx="2603">
                  <c:v>26.081</c:v>
                </c:pt>
                <c:pt idx="2604">
                  <c:v>26.091999999999999</c:v>
                </c:pt>
                <c:pt idx="2605">
                  <c:v>26.100999999999999</c:v>
                </c:pt>
                <c:pt idx="2606">
                  <c:v>26.111000000000001</c:v>
                </c:pt>
                <c:pt idx="2607">
                  <c:v>26.12</c:v>
                </c:pt>
                <c:pt idx="2608">
                  <c:v>26.129000000000001</c:v>
                </c:pt>
                <c:pt idx="2609">
                  <c:v>26.14</c:v>
                </c:pt>
                <c:pt idx="2610">
                  <c:v>26.149000000000001</c:v>
                </c:pt>
                <c:pt idx="2611">
                  <c:v>26.158000000000001</c:v>
                </c:pt>
                <c:pt idx="2612">
                  <c:v>26.167999999999999</c:v>
                </c:pt>
                <c:pt idx="2613">
                  <c:v>26.178000000000001</c:v>
                </c:pt>
                <c:pt idx="2614">
                  <c:v>26.187000000000001</c:v>
                </c:pt>
                <c:pt idx="2615">
                  <c:v>26.198</c:v>
                </c:pt>
                <c:pt idx="2616">
                  <c:v>26.207000000000001</c:v>
                </c:pt>
                <c:pt idx="2617">
                  <c:v>26.216999999999999</c:v>
                </c:pt>
                <c:pt idx="2618">
                  <c:v>26.227</c:v>
                </c:pt>
                <c:pt idx="2619">
                  <c:v>26.236000000000001</c:v>
                </c:pt>
                <c:pt idx="2620">
                  <c:v>26.245000000000001</c:v>
                </c:pt>
                <c:pt idx="2621">
                  <c:v>26.254999999999999</c:v>
                </c:pt>
                <c:pt idx="2622">
                  <c:v>26.263999999999999</c:v>
                </c:pt>
                <c:pt idx="2623">
                  <c:v>26.274999999999999</c:v>
                </c:pt>
                <c:pt idx="2624">
                  <c:v>26.283999999999999</c:v>
                </c:pt>
                <c:pt idx="2625">
                  <c:v>26.292999999999999</c:v>
                </c:pt>
                <c:pt idx="2626">
                  <c:v>26.303999999999998</c:v>
                </c:pt>
                <c:pt idx="2627">
                  <c:v>26.312999999999999</c:v>
                </c:pt>
                <c:pt idx="2628">
                  <c:v>26.323</c:v>
                </c:pt>
                <c:pt idx="2629">
                  <c:v>26.332000000000001</c:v>
                </c:pt>
                <c:pt idx="2630">
                  <c:v>26.341000000000001</c:v>
                </c:pt>
                <c:pt idx="2631">
                  <c:v>26.350999999999999</c:v>
                </c:pt>
                <c:pt idx="2632">
                  <c:v>26.361000000000001</c:v>
                </c:pt>
                <c:pt idx="2633">
                  <c:v>26.370999999999999</c:v>
                </c:pt>
                <c:pt idx="2634">
                  <c:v>26.38</c:v>
                </c:pt>
                <c:pt idx="2635">
                  <c:v>26.39</c:v>
                </c:pt>
                <c:pt idx="2636">
                  <c:v>26.4</c:v>
                </c:pt>
                <c:pt idx="2637">
                  <c:v>26.41</c:v>
                </c:pt>
                <c:pt idx="2638">
                  <c:v>26.419</c:v>
                </c:pt>
                <c:pt idx="2639">
                  <c:v>26.43</c:v>
                </c:pt>
                <c:pt idx="2640">
                  <c:v>26.439</c:v>
                </c:pt>
                <c:pt idx="2641">
                  <c:v>26.449000000000002</c:v>
                </c:pt>
                <c:pt idx="2642">
                  <c:v>26.46</c:v>
                </c:pt>
                <c:pt idx="2643">
                  <c:v>26.47</c:v>
                </c:pt>
                <c:pt idx="2644">
                  <c:v>26.48</c:v>
                </c:pt>
                <c:pt idx="2645">
                  <c:v>26.49</c:v>
                </c:pt>
                <c:pt idx="2646">
                  <c:v>26.5</c:v>
                </c:pt>
                <c:pt idx="2647">
                  <c:v>26.51</c:v>
                </c:pt>
                <c:pt idx="2648">
                  <c:v>26.52</c:v>
                </c:pt>
                <c:pt idx="2649">
                  <c:v>26.530999999999999</c:v>
                </c:pt>
                <c:pt idx="2650">
                  <c:v>26.541</c:v>
                </c:pt>
                <c:pt idx="2651">
                  <c:v>26.55</c:v>
                </c:pt>
                <c:pt idx="2652">
                  <c:v>26.562000000000001</c:v>
                </c:pt>
                <c:pt idx="2653">
                  <c:v>26.571000000000002</c:v>
                </c:pt>
                <c:pt idx="2654">
                  <c:v>26.582000000000001</c:v>
                </c:pt>
                <c:pt idx="2655">
                  <c:v>26.591999999999999</c:v>
                </c:pt>
                <c:pt idx="2656">
                  <c:v>26.603000000000002</c:v>
                </c:pt>
                <c:pt idx="2657">
                  <c:v>26.611999999999998</c:v>
                </c:pt>
                <c:pt idx="2658">
                  <c:v>26.622</c:v>
                </c:pt>
                <c:pt idx="2659">
                  <c:v>26.632000000000001</c:v>
                </c:pt>
                <c:pt idx="2660">
                  <c:v>26.641999999999999</c:v>
                </c:pt>
                <c:pt idx="2661">
                  <c:v>26.652000000000001</c:v>
                </c:pt>
                <c:pt idx="2662">
                  <c:v>26.661000000000001</c:v>
                </c:pt>
                <c:pt idx="2663">
                  <c:v>26.672000000000001</c:v>
                </c:pt>
                <c:pt idx="2664">
                  <c:v>26.681000000000001</c:v>
                </c:pt>
                <c:pt idx="2665">
                  <c:v>26.69</c:v>
                </c:pt>
                <c:pt idx="2666">
                  <c:v>26.7</c:v>
                </c:pt>
                <c:pt idx="2667">
                  <c:v>26.709</c:v>
                </c:pt>
                <c:pt idx="2668">
                  <c:v>26.719000000000001</c:v>
                </c:pt>
                <c:pt idx="2669">
                  <c:v>26.728000000000002</c:v>
                </c:pt>
                <c:pt idx="2670">
                  <c:v>26.738</c:v>
                </c:pt>
                <c:pt idx="2671">
                  <c:v>26.748000000000001</c:v>
                </c:pt>
                <c:pt idx="2672">
                  <c:v>26.757999999999999</c:v>
                </c:pt>
                <c:pt idx="2673">
                  <c:v>26.766999999999999</c:v>
                </c:pt>
                <c:pt idx="2674">
                  <c:v>26.777999999999999</c:v>
                </c:pt>
                <c:pt idx="2675">
                  <c:v>26.786999999999999</c:v>
                </c:pt>
                <c:pt idx="2676">
                  <c:v>26.797000000000001</c:v>
                </c:pt>
                <c:pt idx="2677">
                  <c:v>26.806999999999999</c:v>
                </c:pt>
                <c:pt idx="2678">
                  <c:v>26.815999999999999</c:v>
                </c:pt>
                <c:pt idx="2679">
                  <c:v>26.826000000000001</c:v>
                </c:pt>
                <c:pt idx="2680">
                  <c:v>26.837</c:v>
                </c:pt>
                <c:pt idx="2681">
                  <c:v>26.846</c:v>
                </c:pt>
                <c:pt idx="2682">
                  <c:v>26.855</c:v>
                </c:pt>
                <c:pt idx="2683">
                  <c:v>26.866</c:v>
                </c:pt>
                <c:pt idx="2684">
                  <c:v>26.875</c:v>
                </c:pt>
                <c:pt idx="2685">
                  <c:v>26.885000000000002</c:v>
                </c:pt>
                <c:pt idx="2686">
                  <c:v>26.893999999999998</c:v>
                </c:pt>
                <c:pt idx="2687">
                  <c:v>26.904</c:v>
                </c:pt>
                <c:pt idx="2688">
                  <c:v>26.913</c:v>
                </c:pt>
                <c:pt idx="2689">
                  <c:v>26.922999999999998</c:v>
                </c:pt>
                <c:pt idx="2690">
                  <c:v>26.933</c:v>
                </c:pt>
                <c:pt idx="2691">
                  <c:v>26.942</c:v>
                </c:pt>
                <c:pt idx="2692">
                  <c:v>26.952000000000002</c:v>
                </c:pt>
                <c:pt idx="2693">
                  <c:v>26.960999999999999</c:v>
                </c:pt>
                <c:pt idx="2694">
                  <c:v>26.97</c:v>
                </c:pt>
                <c:pt idx="2695">
                  <c:v>26.98</c:v>
                </c:pt>
                <c:pt idx="2696">
                  <c:v>26.989000000000001</c:v>
                </c:pt>
                <c:pt idx="2697">
                  <c:v>27</c:v>
                </c:pt>
                <c:pt idx="2698">
                  <c:v>27.009</c:v>
                </c:pt>
                <c:pt idx="2699">
                  <c:v>27.018999999999998</c:v>
                </c:pt>
                <c:pt idx="2700">
                  <c:v>27.03</c:v>
                </c:pt>
                <c:pt idx="2701">
                  <c:v>27.04</c:v>
                </c:pt>
                <c:pt idx="2702">
                  <c:v>27.048999999999999</c:v>
                </c:pt>
                <c:pt idx="2703">
                  <c:v>27.059000000000001</c:v>
                </c:pt>
                <c:pt idx="2704">
                  <c:v>27.068999999999999</c:v>
                </c:pt>
                <c:pt idx="2705">
                  <c:v>27.079000000000001</c:v>
                </c:pt>
                <c:pt idx="2706">
                  <c:v>27.09</c:v>
                </c:pt>
                <c:pt idx="2707">
                  <c:v>27.1</c:v>
                </c:pt>
                <c:pt idx="2708">
                  <c:v>27.111000000000001</c:v>
                </c:pt>
                <c:pt idx="2709">
                  <c:v>27.122</c:v>
                </c:pt>
                <c:pt idx="2710">
                  <c:v>27.131</c:v>
                </c:pt>
                <c:pt idx="2711">
                  <c:v>27.143000000000001</c:v>
                </c:pt>
                <c:pt idx="2712">
                  <c:v>27.152000000000001</c:v>
                </c:pt>
                <c:pt idx="2713">
                  <c:v>27.161999999999999</c:v>
                </c:pt>
                <c:pt idx="2714">
                  <c:v>27.172000000000001</c:v>
                </c:pt>
                <c:pt idx="2715">
                  <c:v>27.181000000000001</c:v>
                </c:pt>
                <c:pt idx="2716">
                  <c:v>27.19</c:v>
                </c:pt>
                <c:pt idx="2717">
                  <c:v>27.2</c:v>
                </c:pt>
                <c:pt idx="2718">
                  <c:v>27.21</c:v>
                </c:pt>
                <c:pt idx="2719">
                  <c:v>27.22</c:v>
                </c:pt>
                <c:pt idx="2720">
                  <c:v>27.23</c:v>
                </c:pt>
                <c:pt idx="2721">
                  <c:v>27.239000000000001</c:v>
                </c:pt>
                <c:pt idx="2722">
                  <c:v>27.248999999999999</c:v>
                </c:pt>
                <c:pt idx="2723">
                  <c:v>27.257999999999999</c:v>
                </c:pt>
                <c:pt idx="2724">
                  <c:v>27.268000000000001</c:v>
                </c:pt>
                <c:pt idx="2725">
                  <c:v>27.277999999999999</c:v>
                </c:pt>
                <c:pt idx="2726">
                  <c:v>27.288</c:v>
                </c:pt>
                <c:pt idx="2727">
                  <c:v>27.297999999999998</c:v>
                </c:pt>
                <c:pt idx="2728">
                  <c:v>27.306000000000001</c:v>
                </c:pt>
                <c:pt idx="2729">
                  <c:v>27.317</c:v>
                </c:pt>
                <c:pt idx="2730">
                  <c:v>27.326000000000001</c:v>
                </c:pt>
                <c:pt idx="2731">
                  <c:v>27.337</c:v>
                </c:pt>
                <c:pt idx="2732">
                  <c:v>27.346</c:v>
                </c:pt>
                <c:pt idx="2733">
                  <c:v>27.356000000000002</c:v>
                </c:pt>
                <c:pt idx="2734">
                  <c:v>27.366</c:v>
                </c:pt>
                <c:pt idx="2735">
                  <c:v>27.375</c:v>
                </c:pt>
                <c:pt idx="2736">
                  <c:v>27.384</c:v>
                </c:pt>
                <c:pt idx="2737">
                  <c:v>27.395</c:v>
                </c:pt>
                <c:pt idx="2738">
                  <c:v>27.404</c:v>
                </c:pt>
                <c:pt idx="2739">
                  <c:v>27.413</c:v>
                </c:pt>
                <c:pt idx="2740">
                  <c:v>27.423999999999999</c:v>
                </c:pt>
                <c:pt idx="2741">
                  <c:v>27.433</c:v>
                </c:pt>
                <c:pt idx="2742">
                  <c:v>27.443000000000001</c:v>
                </c:pt>
                <c:pt idx="2743">
                  <c:v>27.452000000000002</c:v>
                </c:pt>
                <c:pt idx="2744">
                  <c:v>27.460999999999999</c:v>
                </c:pt>
                <c:pt idx="2745">
                  <c:v>27.472000000000001</c:v>
                </c:pt>
                <c:pt idx="2746">
                  <c:v>27.481000000000002</c:v>
                </c:pt>
                <c:pt idx="2747">
                  <c:v>27.492000000000001</c:v>
                </c:pt>
                <c:pt idx="2748">
                  <c:v>27.501000000000001</c:v>
                </c:pt>
                <c:pt idx="2749">
                  <c:v>27.510999999999999</c:v>
                </c:pt>
                <c:pt idx="2750">
                  <c:v>27.521000000000001</c:v>
                </c:pt>
                <c:pt idx="2751">
                  <c:v>27.53</c:v>
                </c:pt>
                <c:pt idx="2752">
                  <c:v>27.54</c:v>
                </c:pt>
                <c:pt idx="2753">
                  <c:v>27.55</c:v>
                </c:pt>
                <c:pt idx="2754">
                  <c:v>27.561</c:v>
                </c:pt>
                <c:pt idx="2755">
                  <c:v>27.571000000000002</c:v>
                </c:pt>
                <c:pt idx="2756">
                  <c:v>27.581</c:v>
                </c:pt>
                <c:pt idx="2757">
                  <c:v>27.591000000000001</c:v>
                </c:pt>
                <c:pt idx="2758">
                  <c:v>27.600999999999999</c:v>
                </c:pt>
                <c:pt idx="2759">
                  <c:v>27.611000000000001</c:v>
                </c:pt>
                <c:pt idx="2760">
                  <c:v>27.622</c:v>
                </c:pt>
                <c:pt idx="2761">
                  <c:v>27.632999999999999</c:v>
                </c:pt>
                <c:pt idx="2762">
                  <c:v>27.641999999999999</c:v>
                </c:pt>
                <c:pt idx="2763">
                  <c:v>27.652999999999999</c:v>
                </c:pt>
                <c:pt idx="2764">
                  <c:v>27.663</c:v>
                </c:pt>
                <c:pt idx="2765">
                  <c:v>27.673999999999999</c:v>
                </c:pt>
                <c:pt idx="2766">
                  <c:v>27.684000000000001</c:v>
                </c:pt>
                <c:pt idx="2767">
                  <c:v>27.693999999999999</c:v>
                </c:pt>
                <c:pt idx="2768">
                  <c:v>27.704999999999998</c:v>
                </c:pt>
                <c:pt idx="2769">
                  <c:v>27.713999999999999</c:v>
                </c:pt>
                <c:pt idx="2770">
                  <c:v>27.725000000000001</c:v>
                </c:pt>
                <c:pt idx="2771">
                  <c:v>27.734999999999999</c:v>
                </c:pt>
                <c:pt idx="2772">
                  <c:v>27.744</c:v>
                </c:pt>
                <c:pt idx="2773">
                  <c:v>27.754999999999999</c:v>
                </c:pt>
                <c:pt idx="2774">
                  <c:v>27.765000000000001</c:v>
                </c:pt>
                <c:pt idx="2775">
                  <c:v>27.776</c:v>
                </c:pt>
                <c:pt idx="2776">
                  <c:v>27.786000000000001</c:v>
                </c:pt>
                <c:pt idx="2777">
                  <c:v>27.795999999999999</c:v>
                </c:pt>
                <c:pt idx="2778">
                  <c:v>27.806000000000001</c:v>
                </c:pt>
                <c:pt idx="2779">
                  <c:v>27.817</c:v>
                </c:pt>
                <c:pt idx="2780">
                  <c:v>27.826000000000001</c:v>
                </c:pt>
                <c:pt idx="2781">
                  <c:v>27.835999999999999</c:v>
                </c:pt>
                <c:pt idx="2782">
                  <c:v>27.847000000000001</c:v>
                </c:pt>
                <c:pt idx="2783">
                  <c:v>27.856000000000002</c:v>
                </c:pt>
                <c:pt idx="2784">
                  <c:v>27.867000000000001</c:v>
                </c:pt>
                <c:pt idx="2785">
                  <c:v>27.876000000000001</c:v>
                </c:pt>
                <c:pt idx="2786">
                  <c:v>27.887</c:v>
                </c:pt>
                <c:pt idx="2787">
                  <c:v>27.896999999999998</c:v>
                </c:pt>
                <c:pt idx="2788">
                  <c:v>27.907</c:v>
                </c:pt>
                <c:pt idx="2789">
                  <c:v>27.917999999999999</c:v>
                </c:pt>
                <c:pt idx="2790">
                  <c:v>27.928000000000001</c:v>
                </c:pt>
                <c:pt idx="2791">
                  <c:v>27.937999999999999</c:v>
                </c:pt>
                <c:pt idx="2792">
                  <c:v>27.946999999999999</c:v>
                </c:pt>
                <c:pt idx="2793">
                  <c:v>27.959</c:v>
                </c:pt>
                <c:pt idx="2794">
                  <c:v>27.969000000000001</c:v>
                </c:pt>
                <c:pt idx="2795">
                  <c:v>27.978000000000002</c:v>
                </c:pt>
                <c:pt idx="2796">
                  <c:v>27.99</c:v>
                </c:pt>
                <c:pt idx="2797">
                  <c:v>27.998999999999999</c:v>
                </c:pt>
                <c:pt idx="2798">
                  <c:v>28.01</c:v>
                </c:pt>
                <c:pt idx="2799">
                  <c:v>28.021000000000001</c:v>
                </c:pt>
                <c:pt idx="2800">
                  <c:v>28.030999999999999</c:v>
                </c:pt>
                <c:pt idx="2801">
                  <c:v>28.041</c:v>
                </c:pt>
                <c:pt idx="2802">
                  <c:v>28.05</c:v>
                </c:pt>
                <c:pt idx="2803">
                  <c:v>28.062000000000001</c:v>
                </c:pt>
                <c:pt idx="2804">
                  <c:v>28.071999999999999</c:v>
                </c:pt>
                <c:pt idx="2805">
                  <c:v>28.082000000000001</c:v>
                </c:pt>
                <c:pt idx="2806">
                  <c:v>28.093</c:v>
                </c:pt>
                <c:pt idx="2807">
                  <c:v>28.102</c:v>
                </c:pt>
                <c:pt idx="2808">
                  <c:v>28.113</c:v>
                </c:pt>
                <c:pt idx="2809">
                  <c:v>28.123000000000001</c:v>
                </c:pt>
                <c:pt idx="2810">
                  <c:v>28.135000000000002</c:v>
                </c:pt>
                <c:pt idx="2811">
                  <c:v>28.143999999999998</c:v>
                </c:pt>
                <c:pt idx="2812">
                  <c:v>28.154</c:v>
                </c:pt>
                <c:pt idx="2813">
                  <c:v>28.164999999999999</c:v>
                </c:pt>
                <c:pt idx="2814">
                  <c:v>28.175000000000001</c:v>
                </c:pt>
                <c:pt idx="2815">
                  <c:v>28.186</c:v>
                </c:pt>
                <c:pt idx="2816">
                  <c:v>28.196000000000002</c:v>
                </c:pt>
                <c:pt idx="2817">
                  <c:v>28.206</c:v>
                </c:pt>
                <c:pt idx="2818">
                  <c:v>28.216999999999999</c:v>
                </c:pt>
                <c:pt idx="2819">
                  <c:v>28.225999999999999</c:v>
                </c:pt>
                <c:pt idx="2820">
                  <c:v>28.236999999999998</c:v>
                </c:pt>
                <c:pt idx="2821">
                  <c:v>28.247</c:v>
                </c:pt>
                <c:pt idx="2822">
                  <c:v>28.257000000000001</c:v>
                </c:pt>
                <c:pt idx="2823">
                  <c:v>28.268000000000001</c:v>
                </c:pt>
                <c:pt idx="2824">
                  <c:v>28.277000000000001</c:v>
                </c:pt>
                <c:pt idx="2825">
                  <c:v>28.288</c:v>
                </c:pt>
                <c:pt idx="2826">
                  <c:v>28.297999999999998</c:v>
                </c:pt>
                <c:pt idx="2827">
                  <c:v>28.308</c:v>
                </c:pt>
                <c:pt idx="2828">
                  <c:v>28.318000000000001</c:v>
                </c:pt>
                <c:pt idx="2829">
                  <c:v>28.33</c:v>
                </c:pt>
                <c:pt idx="2830">
                  <c:v>28.338999999999999</c:v>
                </c:pt>
                <c:pt idx="2831">
                  <c:v>28.35</c:v>
                </c:pt>
                <c:pt idx="2832">
                  <c:v>28.36</c:v>
                </c:pt>
                <c:pt idx="2833">
                  <c:v>28.370999999999999</c:v>
                </c:pt>
                <c:pt idx="2834">
                  <c:v>28.38</c:v>
                </c:pt>
                <c:pt idx="2835">
                  <c:v>28.39</c:v>
                </c:pt>
                <c:pt idx="2836">
                  <c:v>28.401</c:v>
                </c:pt>
                <c:pt idx="2837">
                  <c:v>28.411000000000001</c:v>
                </c:pt>
                <c:pt idx="2838">
                  <c:v>28.420999999999999</c:v>
                </c:pt>
                <c:pt idx="2839">
                  <c:v>28.431999999999999</c:v>
                </c:pt>
                <c:pt idx="2840">
                  <c:v>28.442</c:v>
                </c:pt>
                <c:pt idx="2841">
                  <c:v>28.452000000000002</c:v>
                </c:pt>
                <c:pt idx="2842">
                  <c:v>28.463000000000001</c:v>
                </c:pt>
                <c:pt idx="2843">
                  <c:v>28.474</c:v>
                </c:pt>
                <c:pt idx="2844">
                  <c:v>28.484999999999999</c:v>
                </c:pt>
                <c:pt idx="2845">
                  <c:v>28.495000000000001</c:v>
                </c:pt>
                <c:pt idx="2846">
                  <c:v>28.506</c:v>
                </c:pt>
                <c:pt idx="2847">
                  <c:v>28.515999999999998</c:v>
                </c:pt>
                <c:pt idx="2848">
                  <c:v>28.526</c:v>
                </c:pt>
                <c:pt idx="2849">
                  <c:v>28.536999999999999</c:v>
                </c:pt>
                <c:pt idx="2850">
                  <c:v>28.545999999999999</c:v>
                </c:pt>
                <c:pt idx="2851">
                  <c:v>28.556000000000001</c:v>
                </c:pt>
                <c:pt idx="2852">
                  <c:v>28.565000000000001</c:v>
                </c:pt>
                <c:pt idx="2853">
                  <c:v>28.574999999999999</c:v>
                </c:pt>
                <c:pt idx="2854">
                  <c:v>28.584</c:v>
                </c:pt>
                <c:pt idx="2855">
                  <c:v>28.594000000000001</c:v>
                </c:pt>
                <c:pt idx="2856">
                  <c:v>28.603999999999999</c:v>
                </c:pt>
                <c:pt idx="2857">
                  <c:v>28.613</c:v>
                </c:pt>
                <c:pt idx="2858">
                  <c:v>28.623999999999999</c:v>
                </c:pt>
                <c:pt idx="2859">
                  <c:v>28.634</c:v>
                </c:pt>
                <c:pt idx="2860">
                  <c:v>28.643999999999998</c:v>
                </c:pt>
                <c:pt idx="2861">
                  <c:v>28.652999999999999</c:v>
                </c:pt>
                <c:pt idx="2862">
                  <c:v>28.661999999999999</c:v>
                </c:pt>
                <c:pt idx="2863">
                  <c:v>28.672000000000001</c:v>
                </c:pt>
                <c:pt idx="2864">
                  <c:v>28.681000000000001</c:v>
                </c:pt>
                <c:pt idx="2865">
                  <c:v>28.690999999999999</c:v>
                </c:pt>
                <c:pt idx="2866">
                  <c:v>28.701000000000001</c:v>
                </c:pt>
                <c:pt idx="2867">
                  <c:v>28.710999999999999</c:v>
                </c:pt>
                <c:pt idx="2868">
                  <c:v>28.72</c:v>
                </c:pt>
                <c:pt idx="2869">
                  <c:v>28.728999999999999</c:v>
                </c:pt>
                <c:pt idx="2870">
                  <c:v>28.74</c:v>
                </c:pt>
                <c:pt idx="2871">
                  <c:v>28.748999999999999</c:v>
                </c:pt>
                <c:pt idx="2872">
                  <c:v>28.759</c:v>
                </c:pt>
                <c:pt idx="2873">
                  <c:v>28.768999999999998</c:v>
                </c:pt>
                <c:pt idx="2874">
                  <c:v>28.78</c:v>
                </c:pt>
                <c:pt idx="2875">
                  <c:v>28.791</c:v>
                </c:pt>
                <c:pt idx="2876">
                  <c:v>28.8</c:v>
                </c:pt>
                <c:pt idx="2877">
                  <c:v>28.811</c:v>
                </c:pt>
                <c:pt idx="2878">
                  <c:v>28.821000000000002</c:v>
                </c:pt>
                <c:pt idx="2879">
                  <c:v>28.832000000000001</c:v>
                </c:pt>
                <c:pt idx="2880">
                  <c:v>28.841999999999999</c:v>
                </c:pt>
                <c:pt idx="2881">
                  <c:v>28.853000000000002</c:v>
                </c:pt>
                <c:pt idx="2882">
                  <c:v>28.864000000000001</c:v>
                </c:pt>
                <c:pt idx="2883">
                  <c:v>28.873000000000001</c:v>
                </c:pt>
                <c:pt idx="2884">
                  <c:v>28.884</c:v>
                </c:pt>
                <c:pt idx="2885">
                  <c:v>28.893000000000001</c:v>
                </c:pt>
                <c:pt idx="2886">
                  <c:v>28.902000000000001</c:v>
                </c:pt>
                <c:pt idx="2887">
                  <c:v>28.913</c:v>
                </c:pt>
                <c:pt idx="2888">
                  <c:v>28.922000000000001</c:v>
                </c:pt>
                <c:pt idx="2889">
                  <c:v>28.931999999999999</c:v>
                </c:pt>
                <c:pt idx="2890">
                  <c:v>28.942</c:v>
                </c:pt>
                <c:pt idx="2891">
                  <c:v>28.952000000000002</c:v>
                </c:pt>
                <c:pt idx="2892">
                  <c:v>28.960999999999999</c:v>
                </c:pt>
                <c:pt idx="2893">
                  <c:v>28.972000000000001</c:v>
                </c:pt>
                <c:pt idx="2894">
                  <c:v>28.981999999999999</c:v>
                </c:pt>
                <c:pt idx="2895">
                  <c:v>28.991</c:v>
                </c:pt>
                <c:pt idx="2896">
                  <c:v>29.001000000000001</c:v>
                </c:pt>
                <c:pt idx="2897">
                  <c:v>29.010999999999999</c:v>
                </c:pt>
                <c:pt idx="2898">
                  <c:v>29.02</c:v>
                </c:pt>
                <c:pt idx="2899">
                  <c:v>29.03</c:v>
                </c:pt>
                <c:pt idx="2900">
                  <c:v>29.04</c:v>
                </c:pt>
                <c:pt idx="2901">
                  <c:v>29.05</c:v>
                </c:pt>
                <c:pt idx="2902">
                  <c:v>29.06</c:v>
                </c:pt>
                <c:pt idx="2903">
                  <c:v>29.07</c:v>
                </c:pt>
                <c:pt idx="2904">
                  <c:v>29.079000000000001</c:v>
                </c:pt>
                <c:pt idx="2905">
                  <c:v>29.088000000000001</c:v>
                </c:pt>
                <c:pt idx="2906">
                  <c:v>29.099</c:v>
                </c:pt>
                <c:pt idx="2907">
                  <c:v>29.108000000000001</c:v>
                </c:pt>
                <c:pt idx="2908">
                  <c:v>29.119</c:v>
                </c:pt>
                <c:pt idx="2909">
                  <c:v>29.128</c:v>
                </c:pt>
                <c:pt idx="2910">
                  <c:v>29.137</c:v>
                </c:pt>
                <c:pt idx="2911">
                  <c:v>29.148</c:v>
                </c:pt>
                <c:pt idx="2912">
                  <c:v>29.157</c:v>
                </c:pt>
                <c:pt idx="2913">
                  <c:v>29.167000000000002</c:v>
                </c:pt>
                <c:pt idx="2914">
                  <c:v>29.177</c:v>
                </c:pt>
                <c:pt idx="2915">
                  <c:v>29.187000000000001</c:v>
                </c:pt>
                <c:pt idx="2916">
                  <c:v>29.196999999999999</c:v>
                </c:pt>
                <c:pt idx="2917">
                  <c:v>29.207000000000001</c:v>
                </c:pt>
                <c:pt idx="2918">
                  <c:v>29.216000000000001</c:v>
                </c:pt>
                <c:pt idx="2919">
                  <c:v>29.227</c:v>
                </c:pt>
                <c:pt idx="2920">
                  <c:v>29.236000000000001</c:v>
                </c:pt>
                <c:pt idx="2921">
                  <c:v>29.245999999999999</c:v>
                </c:pt>
                <c:pt idx="2922">
                  <c:v>29.254999999999999</c:v>
                </c:pt>
                <c:pt idx="2923">
                  <c:v>29.265000000000001</c:v>
                </c:pt>
                <c:pt idx="2924">
                  <c:v>29.274999999999999</c:v>
                </c:pt>
                <c:pt idx="2925">
                  <c:v>29.285</c:v>
                </c:pt>
                <c:pt idx="2926">
                  <c:v>29.295000000000002</c:v>
                </c:pt>
                <c:pt idx="2927">
                  <c:v>29.305</c:v>
                </c:pt>
                <c:pt idx="2928">
                  <c:v>29.314</c:v>
                </c:pt>
                <c:pt idx="2929">
                  <c:v>29.324000000000002</c:v>
                </c:pt>
                <c:pt idx="2930">
                  <c:v>29.334</c:v>
                </c:pt>
                <c:pt idx="2931">
                  <c:v>29.344000000000001</c:v>
                </c:pt>
                <c:pt idx="2932">
                  <c:v>29.353999999999999</c:v>
                </c:pt>
                <c:pt idx="2933">
                  <c:v>29.361999999999998</c:v>
                </c:pt>
                <c:pt idx="2934">
                  <c:v>29.372</c:v>
                </c:pt>
                <c:pt idx="2935">
                  <c:v>29.382000000000001</c:v>
                </c:pt>
                <c:pt idx="2936">
                  <c:v>29.390999999999998</c:v>
                </c:pt>
                <c:pt idx="2937">
                  <c:v>29.402000000000001</c:v>
                </c:pt>
                <c:pt idx="2938">
                  <c:v>29.411000000000001</c:v>
                </c:pt>
                <c:pt idx="2939">
                  <c:v>29.420999999999999</c:v>
                </c:pt>
                <c:pt idx="2940">
                  <c:v>29.43</c:v>
                </c:pt>
                <c:pt idx="2941">
                  <c:v>29.44</c:v>
                </c:pt>
                <c:pt idx="2942">
                  <c:v>29.45</c:v>
                </c:pt>
                <c:pt idx="2943">
                  <c:v>29.46</c:v>
                </c:pt>
                <c:pt idx="2944">
                  <c:v>29.47</c:v>
                </c:pt>
                <c:pt idx="2945">
                  <c:v>29.48</c:v>
                </c:pt>
                <c:pt idx="2946">
                  <c:v>29.49</c:v>
                </c:pt>
                <c:pt idx="2947">
                  <c:v>29.498999999999999</c:v>
                </c:pt>
                <c:pt idx="2948">
                  <c:v>29.51</c:v>
                </c:pt>
                <c:pt idx="2949">
                  <c:v>29.518999999999998</c:v>
                </c:pt>
                <c:pt idx="2950">
                  <c:v>29.527999999999999</c:v>
                </c:pt>
                <c:pt idx="2951">
                  <c:v>29.539000000000001</c:v>
                </c:pt>
                <c:pt idx="2952">
                  <c:v>29.547999999999998</c:v>
                </c:pt>
                <c:pt idx="2953">
                  <c:v>29.558</c:v>
                </c:pt>
                <c:pt idx="2954">
                  <c:v>29.568000000000001</c:v>
                </c:pt>
                <c:pt idx="2955">
                  <c:v>29.577000000000002</c:v>
                </c:pt>
                <c:pt idx="2956">
                  <c:v>29.588000000000001</c:v>
                </c:pt>
                <c:pt idx="2957">
                  <c:v>29.597999999999999</c:v>
                </c:pt>
                <c:pt idx="2958">
                  <c:v>29.606999999999999</c:v>
                </c:pt>
                <c:pt idx="2959">
                  <c:v>29.617000000000001</c:v>
                </c:pt>
                <c:pt idx="2960">
                  <c:v>29.626999999999999</c:v>
                </c:pt>
                <c:pt idx="2961">
                  <c:v>29.635999999999999</c:v>
                </c:pt>
                <c:pt idx="2962">
                  <c:v>29.646999999999998</c:v>
                </c:pt>
                <c:pt idx="2963">
                  <c:v>29.655999999999999</c:v>
                </c:pt>
                <c:pt idx="2964">
                  <c:v>29.666</c:v>
                </c:pt>
                <c:pt idx="2965">
                  <c:v>29.675999999999998</c:v>
                </c:pt>
                <c:pt idx="2966">
                  <c:v>29.686</c:v>
                </c:pt>
                <c:pt idx="2967">
                  <c:v>29.696000000000002</c:v>
                </c:pt>
                <c:pt idx="2968">
                  <c:v>29.704999999999998</c:v>
                </c:pt>
                <c:pt idx="2969">
                  <c:v>29.716000000000001</c:v>
                </c:pt>
                <c:pt idx="2970">
                  <c:v>29.725000000000001</c:v>
                </c:pt>
                <c:pt idx="2971">
                  <c:v>29.734999999999999</c:v>
                </c:pt>
                <c:pt idx="2972">
                  <c:v>29.745000000000001</c:v>
                </c:pt>
                <c:pt idx="2973">
                  <c:v>29.754999999999999</c:v>
                </c:pt>
                <c:pt idx="2974">
                  <c:v>29.765000000000001</c:v>
                </c:pt>
                <c:pt idx="2975">
                  <c:v>29.774000000000001</c:v>
                </c:pt>
                <c:pt idx="2976">
                  <c:v>29.785</c:v>
                </c:pt>
                <c:pt idx="2977">
                  <c:v>29.794</c:v>
                </c:pt>
                <c:pt idx="2978">
                  <c:v>29.803999999999998</c:v>
                </c:pt>
                <c:pt idx="2979">
                  <c:v>29.814</c:v>
                </c:pt>
                <c:pt idx="2980">
                  <c:v>29.823</c:v>
                </c:pt>
                <c:pt idx="2981">
                  <c:v>29.832999999999998</c:v>
                </c:pt>
                <c:pt idx="2982">
                  <c:v>29.843</c:v>
                </c:pt>
                <c:pt idx="2983">
                  <c:v>29.853000000000002</c:v>
                </c:pt>
                <c:pt idx="2984">
                  <c:v>29.861999999999998</c:v>
                </c:pt>
                <c:pt idx="2985">
                  <c:v>29.873000000000001</c:v>
                </c:pt>
                <c:pt idx="2986">
                  <c:v>29.882000000000001</c:v>
                </c:pt>
                <c:pt idx="2987">
                  <c:v>29.893000000000001</c:v>
                </c:pt>
                <c:pt idx="2988">
                  <c:v>29.902000000000001</c:v>
                </c:pt>
                <c:pt idx="2989">
                  <c:v>29.911999999999999</c:v>
                </c:pt>
                <c:pt idx="2990">
                  <c:v>29.922000000000001</c:v>
                </c:pt>
                <c:pt idx="2991">
                  <c:v>29.931999999999999</c:v>
                </c:pt>
                <c:pt idx="2992">
                  <c:v>29.940999999999999</c:v>
                </c:pt>
                <c:pt idx="2993">
                  <c:v>29.952000000000002</c:v>
                </c:pt>
                <c:pt idx="2994">
                  <c:v>29.960999999999999</c:v>
                </c:pt>
                <c:pt idx="2995">
                  <c:v>29.971</c:v>
                </c:pt>
                <c:pt idx="2996">
                  <c:v>29.981000000000002</c:v>
                </c:pt>
                <c:pt idx="2997">
                  <c:v>29.991</c:v>
                </c:pt>
                <c:pt idx="2998">
                  <c:v>30</c:v>
                </c:pt>
                <c:pt idx="2999">
                  <c:v>30.01</c:v>
                </c:pt>
                <c:pt idx="3000">
                  <c:v>30.021000000000001</c:v>
                </c:pt>
                <c:pt idx="3001">
                  <c:v>30.03</c:v>
                </c:pt>
                <c:pt idx="3002">
                  <c:v>30.04</c:v>
                </c:pt>
                <c:pt idx="3003">
                  <c:v>30.050999999999998</c:v>
                </c:pt>
                <c:pt idx="3004">
                  <c:v>30.06</c:v>
                </c:pt>
                <c:pt idx="3005">
                  <c:v>30.068999999999999</c:v>
                </c:pt>
                <c:pt idx="3006">
                  <c:v>30.08</c:v>
                </c:pt>
                <c:pt idx="3007">
                  <c:v>30.09</c:v>
                </c:pt>
                <c:pt idx="3008">
                  <c:v>30.099</c:v>
                </c:pt>
                <c:pt idx="3009">
                  <c:v>30.11</c:v>
                </c:pt>
                <c:pt idx="3010">
                  <c:v>30.12</c:v>
                </c:pt>
                <c:pt idx="3011">
                  <c:v>30.13</c:v>
                </c:pt>
                <c:pt idx="3012">
                  <c:v>30.138999999999999</c:v>
                </c:pt>
                <c:pt idx="3013">
                  <c:v>30.149000000000001</c:v>
                </c:pt>
                <c:pt idx="3014">
                  <c:v>30.16</c:v>
                </c:pt>
                <c:pt idx="3015">
                  <c:v>30.169</c:v>
                </c:pt>
                <c:pt idx="3016">
                  <c:v>30.178999999999998</c:v>
                </c:pt>
                <c:pt idx="3017">
                  <c:v>30.189</c:v>
                </c:pt>
                <c:pt idx="3018">
                  <c:v>30.199000000000002</c:v>
                </c:pt>
                <c:pt idx="3019">
                  <c:v>30.209</c:v>
                </c:pt>
                <c:pt idx="3020">
                  <c:v>30.219000000000001</c:v>
                </c:pt>
                <c:pt idx="3021">
                  <c:v>30.228999999999999</c:v>
                </c:pt>
                <c:pt idx="3022">
                  <c:v>30.238</c:v>
                </c:pt>
                <c:pt idx="3023">
                  <c:v>30.248999999999999</c:v>
                </c:pt>
                <c:pt idx="3024">
                  <c:v>30.259</c:v>
                </c:pt>
                <c:pt idx="3025">
                  <c:v>30.268000000000001</c:v>
                </c:pt>
                <c:pt idx="3026">
                  <c:v>30.277999999999999</c:v>
                </c:pt>
                <c:pt idx="3027">
                  <c:v>30.288</c:v>
                </c:pt>
                <c:pt idx="3028">
                  <c:v>30.297999999999998</c:v>
                </c:pt>
                <c:pt idx="3029">
                  <c:v>30.309000000000001</c:v>
                </c:pt>
                <c:pt idx="3030">
                  <c:v>30.318000000000001</c:v>
                </c:pt>
                <c:pt idx="3031">
                  <c:v>30.327000000000002</c:v>
                </c:pt>
                <c:pt idx="3032">
                  <c:v>30.338000000000001</c:v>
                </c:pt>
                <c:pt idx="3033">
                  <c:v>30.347999999999999</c:v>
                </c:pt>
                <c:pt idx="3034">
                  <c:v>30.356999999999999</c:v>
                </c:pt>
                <c:pt idx="3035">
                  <c:v>30.367999999999999</c:v>
                </c:pt>
                <c:pt idx="3036">
                  <c:v>30.378</c:v>
                </c:pt>
                <c:pt idx="3037">
                  <c:v>30.387</c:v>
                </c:pt>
                <c:pt idx="3038">
                  <c:v>30.398</c:v>
                </c:pt>
                <c:pt idx="3039">
                  <c:v>30.407</c:v>
                </c:pt>
                <c:pt idx="3040">
                  <c:v>30.416</c:v>
                </c:pt>
                <c:pt idx="3041">
                  <c:v>30.427</c:v>
                </c:pt>
                <c:pt idx="3042">
                  <c:v>30.437000000000001</c:v>
                </c:pt>
                <c:pt idx="3043">
                  <c:v>30.446000000000002</c:v>
                </c:pt>
                <c:pt idx="3044">
                  <c:v>30.457000000000001</c:v>
                </c:pt>
                <c:pt idx="3045">
                  <c:v>30.466999999999999</c:v>
                </c:pt>
                <c:pt idx="3046">
                  <c:v>30.475999999999999</c:v>
                </c:pt>
                <c:pt idx="3047">
                  <c:v>30.486999999999998</c:v>
                </c:pt>
                <c:pt idx="3048">
                  <c:v>30.497</c:v>
                </c:pt>
                <c:pt idx="3049">
                  <c:v>30.507000000000001</c:v>
                </c:pt>
                <c:pt idx="3050">
                  <c:v>30.516999999999999</c:v>
                </c:pt>
                <c:pt idx="3051">
                  <c:v>30.526</c:v>
                </c:pt>
                <c:pt idx="3052">
                  <c:v>30.536999999999999</c:v>
                </c:pt>
                <c:pt idx="3053">
                  <c:v>30.547000000000001</c:v>
                </c:pt>
                <c:pt idx="3054">
                  <c:v>30.556000000000001</c:v>
                </c:pt>
                <c:pt idx="3055">
                  <c:v>30.565999999999999</c:v>
                </c:pt>
                <c:pt idx="3056">
                  <c:v>30.576000000000001</c:v>
                </c:pt>
                <c:pt idx="3057">
                  <c:v>30.585999999999999</c:v>
                </c:pt>
                <c:pt idx="3058">
                  <c:v>30.596</c:v>
                </c:pt>
                <c:pt idx="3059">
                  <c:v>30.606000000000002</c:v>
                </c:pt>
                <c:pt idx="3060">
                  <c:v>30.616</c:v>
                </c:pt>
                <c:pt idx="3061">
                  <c:v>30.625</c:v>
                </c:pt>
                <c:pt idx="3062">
                  <c:v>30.635999999999999</c:v>
                </c:pt>
                <c:pt idx="3063">
                  <c:v>30.645</c:v>
                </c:pt>
                <c:pt idx="3064">
                  <c:v>30.655000000000001</c:v>
                </c:pt>
                <c:pt idx="3065">
                  <c:v>30.664000000000001</c:v>
                </c:pt>
                <c:pt idx="3066">
                  <c:v>30.675000000000001</c:v>
                </c:pt>
                <c:pt idx="3067">
                  <c:v>30.684000000000001</c:v>
                </c:pt>
                <c:pt idx="3068">
                  <c:v>30.695</c:v>
                </c:pt>
                <c:pt idx="3069">
                  <c:v>30.704000000000001</c:v>
                </c:pt>
                <c:pt idx="3070">
                  <c:v>30.713000000000001</c:v>
                </c:pt>
                <c:pt idx="3071">
                  <c:v>30.724</c:v>
                </c:pt>
                <c:pt idx="3072">
                  <c:v>30.734000000000002</c:v>
                </c:pt>
                <c:pt idx="3073">
                  <c:v>30.742999999999999</c:v>
                </c:pt>
                <c:pt idx="3074">
                  <c:v>30.754000000000001</c:v>
                </c:pt>
                <c:pt idx="3075">
                  <c:v>30.763000000000002</c:v>
                </c:pt>
                <c:pt idx="3076">
                  <c:v>30.773</c:v>
                </c:pt>
                <c:pt idx="3077">
                  <c:v>30.783000000000001</c:v>
                </c:pt>
                <c:pt idx="3078">
                  <c:v>30.792999999999999</c:v>
                </c:pt>
                <c:pt idx="3079">
                  <c:v>30.803000000000001</c:v>
                </c:pt>
                <c:pt idx="3080">
                  <c:v>30.812999999999999</c:v>
                </c:pt>
                <c:pt idx="3081">
                  <c:v>30.824000000000002</c:v>
                </c:pt>
                <c:pt idx="3082">
                  <c:v>30.832999999999998</c:v>
                </c:pt>
                <c:pt idx="3083">
                  <c:v>30.844000000000001</c:v>
                </c:pt>
                <c:pt idx="3084">
                  <c:v>30.853000000000002</c:v>
                </c:pt>
                <c:pt idx="3085">
                  <c:v>30.863</c:v>
                </c:pt>
                <c:pt idx="3086">
                  <c:v>30.873000000000001</c:v>
                </c:pt>
                <c:pt idx="3087">
                  <c:v>30.882999999999999</c:v>
                </c:pt>
                <c:pt idx="3088">
                  <c:v>30.891999999999999</c:v>
                </c:pt>
                <c:pt idx="3089">
                  <c:v>30.902999999999999</c:v>
                </c:pt>
                <c:pt idx="3090">
                  <c:v>30.911999999999999</c:v>
                </c:pt>
                <c:pt idx="3091">
                  <c:v>30.922000000000001</c:v>
                </c:pt>
                <c:pt idx="3092">
                  <c:v>30.931999999999999</c:v>
                </c:pt>
                <c:pt idx="3093">
                  <c:v>30.940999999999999</c:v>
                </c:pt>
                <c:pt idx="3094">
                  <c:v>30.952000000000002</c:v>
                </c:pt>
                <c:pt idx="3095">
                  <c:v>30.962</c:v>
                </c:pt>
                <c:pt idx="3096">
                  <c:v>30.972999999999999</c:v>
                </c:pt>
                <c:pt idx="3097">
                  <c:v>30.981999999999999</c:v>
                </c:pt>
                <c:pt idx="3098">
                  <c:v>30.991</c:v>
                </c:pt>
                <c:pt idx="3099">
                  <c:v>31.001999999999999</c:v>
                </c:pt>
                <c:pt idx="3100">
                  <c:v>31.012</c:v>
                </c:pt>
                <c:pt idx="3101">
                  <c:v>31.023</c:v>
                </c:pt>
                <c:pt idx="3102">
                  <c:v>31.032</c:v>
                </c:pt>
                <c:pt idx="3103">
                  <c:v>31.041</c:v>
                </c:pt>
                <c:pt idx="3104">
                  <c:v>31.053000000000001</c:v>
                </c:pt>
                <c:pt idx="3105">
                  <c:v>31.062000000000001</c:v>
                </c:pt>
                <c:pt idx="3106">
                  <c:v>31.071000000000002</c:v>
                </c:pt>
                <c:pt idx="3107">
                  <c:v>31.082000000000001</c:v>
                </c:pt>
                <c:pt idx="3108">
                  <c:v>31.091000000000001</c:v>
                </c:pt>
                <c:pt idx="3109">
                  <c:v>31.102</c:v>
                </c:pt>
                <c:pt idx="3110">
                  <c:v>31.111999999999998</c:v>
                </c:pt>
                <c:pt idx="3111">
                  <c:v>31.120999999999999</c:v>
                </c:pt>
                <c:pt idx="3112">
                  <c:v>31.131</c:v>
                </c:pt>
                <c:pt idx="3113">
                  <c:v>31.140999999999998</c:v>
                </c:pt>
                <c:pt idx="3114">
                  <c:v>31.15</c:v>
                </c:pt>
                <c:pt idx="3115">
                  <c:v>31.16</c:v>
                </c:pt>
                <c:pt idx="3116">
                  <c:v>31.169</c:v>
                </c:pt>
                <c:pt idx="3117">
                  <c:v>31.18</c:v>
                </c:pt>
                <c:pt idx="3118">
                  <c:v>31.19</c:v>
                </c:pt>
                <c:pt idx="3119">
                  <c:v>31.2</c:v>
                </c:pt>
                <c:pt idx="3120">
                  <c:v>31.209</c:v>
                </c:pt>
                <c:pt idx="3121">
                  <c:v>31.218</c:v>
                </c:pt>
                <c:pt idx="3122">
                  <c:v>31.227</c:v>
                </c:pt>
                <c:pt idx="3123">
                  <c:v>31.238</c:v>
                </c:pt>
                <c:pt idx="3124">
                  <c:v>31.248000000000001</c:v>
                </c:pt>
                <c:pt idx="3125">
                  <c:v>31.257000000000001</c:v>
                </c:pt>
                <c:pt idx="3126">
                  <c:v>31.268000000000001</c:v>
                </c:pt>
                <c:pt idx="3127">
                  <c:v>31.277000000000001</c:v>
                </c:pt>
                <c:pt idx="3128">
                  <c:v>31.286999999999999</c:v>
                </c:pt>
                <c:pt idx="3129">
                  <c:v>31.297999999999998</c:v>
                </c:pt>
                <c:pt idx="3130">
                  <c:v>31.306999999999999</c:v>
                </c:pt>
                <c:pt idx="3131">
                  <c:v>31.317</c:v>
                </c:pt>
                <c:pt idx="3132">
                  <c:v>31.327000000000002</c:v>
                </c:pt>
                <c:pt idx="3133">
                  <c:v>31.335999999999999</c:v>
                </c:pt>
                <c:pt idx="3134">
                  <c:v>31.344999999999999</c:v>
                </c:pt>
                <c:pt idx="3135">
                  <c:v>31.356000000000002</c:v>
                </c:pt>
                <c:pt idx="3136">
                  <c:v>31.364999999999998</c:v>
                </c:pt>
                <c:pt idx="3137">
                  <c:v>31.376000000000001</c:v>
                </c:pt>
                <c:pt idx="3138">
                  <c:v>31.385000000000002</c:v>
                </c:pt>
                <c:pt idx="3139">
                  <c:v>31.395</c:v>
                </c:pt>
                <c:pt idx="3140">
                  <c:v>31.405000000000001</c:v>
                </c:pt>
                <c:pt idx="3141">
                  <c:v>31.414999999999999</c:v>
                </c:pt>
                <c:pt idx="3142">
                  <c:v>31.425000000000001</c:v>
                </c:pt>
                <c:pt idx="3143">
                  <c:v>31.434999999999999</c:v>
                </c:pt>
                <c:pt idx="3144">
                  <c:v>31.443999999999999</c:v>
                </c:pt>
                <c:pt idx="3145">
                  <c:v>31.454999999999998</c:v>
                </c:pt>
                <c:pt idx="3146">
                  <c:v>31.463999999999999</c:v>
                </c:pt>
                <c:pt idx="3147">
                  <c:v>31.474</c:v>
                </c:pt>
                <c:pt idx="3148">
                  <c:v>31.483000000000001</c:v>
                </c:pt>
                <c:pt idx="3149">
                  <c:v>31.494</c:v>
                </c:pt>
                <c:pt idx="3150">
                  <c:v>31.504999999999999</c:v>
                </c:pt>
                <c:pt idx="3151">
                  <c:v>31.513000000000002</c:v>
                </c:pt>
                <c:pt idx="3152">
                  <c:v>31.524000000000001</c:v>
                </c:pt>
                <c:pt idx="3153">
                  <c:v>31.533999999999999</c:v>
                </c:pt>
                <c:pt idx="3154">
                  <c:v>31.542999999999999</c:v>
                </c:pt>
                <c:pt idx="3155">
                  <c:v>31.553999999999998</c:v>
                </c:pt>
                <c:pt idx="3156">
                  <c:v>31.562999999999999</c:v>
                </c:pt>
                <c:pt idx="3157">
                  <c:v>31.574000000000002</c:v>
                </c:pt>
                <c:pt idx="3158">
                  <c:v>31.582999999999998</c:v>
                </c:pt>
                <c:pt idx="3159">
                  <c:v>31.593</c:v>
                </c:pt>
                <c:pt idx="3160">
                  <c:v>31.602</c:v>
                </c:pt>
                <c:pt idx="3161">
                  <c:v>31.611999999999998</c:v>
                </c:pt>
                <c:pt idx="3162">
                  <c:v>31.620999999999999</c:v>
                </c:pt>
                <c:pt idx="3163">
                  <c:v>31.632000000000001</c:v>
                </c:pt>
                <c:pt idx="3164">
                  <c:v>31.640999999999998</c:v>
                </c:pt>
                <c:pt idx="3165">
                  <c:v>31.651</c:v>
                </c:pt>
                <c:pt idx="3166">
                  <c:v>31.66</c:v>
                </c:pt>
                <c:pt idx="3167">
                  <c:v>31.670999999999999</c:v>
                </c:pt>
                <c:pt idx="3168">
                  <c:v>31.68</c:v>
                </c:pt>
                <c:pt idx="3169">
                  <c:v>31.69</c:v>
                </c:pt>
                <c:pt idx="3170">
                  <c:v>31.7</c:v>
                </c:pt>
                <c:pt idx="3171">
                  <c:v>31.71</c:v>
                </c:pt>
                <c:pt idx="3172">
                  <c:v>31.72</c:v>
                </c:pt>
                <c:pt idx="3173">
                  <c:v>31.728999999999999</c:v>
                </c:pt>
                <c:pt idx="3174">
                  <c:v>31.738</c:v>
                </c:pt>
                <c:pt idx="3175">
                  <c:v>31.748999999999999</c:v>
                </c:pt>
                <c:pt idx="3176">
                  <c:v>31.757999999999999</c:v>
                </c:pt>
                <c:pt idx="3177">
                  <c:v>31.768999999999998</c:v>
                </c:pt>
                <c:pt idx="3178">
                  <c:v>31.777999999999999</c:v>
                </c:pt>
                <c:pt idx="3179">
                  <c:v>31.788</c:v>
                </c:pt>
                <c:pt idx="3180">
                  <c:v>31.797999999999998</c:v>
                </c:pt>
                <c:pt idx="3181">
                  <c:v>31.806999999999999</c:v>
                </c:pt>
                <c:pt idx="3182">
                  <c:v>31.818000000000001</c:v>
                </c:pt>
                <c:pt idx="3183">
                  <c:v>31.827999999999999</c:v>
                </c:pt>
                <c:pt idx="3184">
                  <c:v>31.837</c:v>
                </c:pt>
                <c:pt idx="3185">
                  <c:v>31.847000000000001</c:v>
                </c:pt>
                <c:pt idx="3186">
                  <c:v>31.856999999999999</c:v>
                </c:pt>
                <c:pt idx="3187">
                  <c:v>31.867000000000001</c:v>
                </c:pt>
                <c:pt idx="3188">
                  <c:v>31.876999999999999</c:v>
                </c:pt>
                <c:pt idx="3189">
                  <c:v>31.887</c:v>
                </c:pt>
                <c:pt idx="3190">
                  <c:v>31.896000000000001</c:v>
                </c:pt>
                <c:pt idx="3191">
                  <c:v>31.905999999999999</c:v>
                </c:pt>
                <c:pt idx="3192">
                  <c:v>31.914999999999999</c:v>
                </c:pt>
                <c:pt idx="3193">
                  <c:v>31.925999999999998</c:v>
                </c:pt>
                <c:pt idx="3194">
                  <c:v>31.936</c:v>
                </c:pt>
                <c:pt idx="3195">
                  <c:v>31.945</c:v>
                </c:pt>
                <c:pt idx="3196">
                  <c:v>31.954999999999998</c:v>
                </c:pt>
                <c:pt idx="3197">
                  <c:v>31.966000000000001</c:v>
                </c:pt>
                <c:pt idx="3198">
                  <c:v>31.975000000000001</c:v>
                </c:pt>
                <c:pt idx="3199">
                  <c:v>31.986000000000001</c:v>
                </c:pt>
                <c:pt idx="3200">
                  <c:v>31.995000000000001</c:v>
                </c:pt>
                <c:pt idx="3201">
                  <c:v>32.005000000000003</c:v>
                </c:pt>
                <c:pt idx="3202">
                  <c:v>32.015000000000001</c:v>
                </c:pt>
                <c:pt idx="3203">
                  <c:v>32.024000000000001</c:v>
                </c:pt>
                <c:pt idx="3204">
                  <c:v>32.034999999999997</c:v>
                </c:pt>
                <c:pt idx="3205">
                  <c:v>32.043999999999997</c:v>
                </c:pt>
                <c:pt idx="3206">
                  <c:v>32.052999999999997</c:v>
                </c:pt>
                <c:pt idx="3207">
                  <c:v>32.064</c:v>
                </c:pt>
                <c:pt idx="3208">
                  <c:v>32.073</c:v>
                </c:pt>
                <c:pt idx="3209">
                  <c:v>32.082999999999998</c:v>
                </c:pt>
                <c:pt idx="3210">
                  <c:v>32.091999999999999</c:v>
                </c:pt>
                <c:pt idx="3211">
                  <c:v>32.103000000000002</c:v>
                </c:pt>
                <c:pt idx="3212">
                  <c:v>32.112000000000002</c:v>
                </c:pt>
                <c:pt idx="3213">
                  <c:v>32.122</c:v>
                </c:pt>
                <c:pt idx="3214">
                  <c:v>32.133000000000003</c:v>
                </c:pt>
                <c:pt idx="3215">
                  <c:v>32.143000000000001</c:v>
                </c:pt>
                <c:pt idx="3216">
                  <c:v>32.152000000000001</c:v>
                </c:pt>
                <c:pt idx="3217">
                  <c:v>32.161999999999999</c:v>
                </c:pt>
                <c:pt idx="3218">
                  <c:v>32.171999999999997</c:v>
                </c:pt>
                <c:pt idx="3219">
                  <c:v>32.182000000000002</c:v>
                </c:pt>
                <c:pt idx="3220">
                  <c:v>32.192</c:v>
                </c:pt>
                <c:pt idx="3221">
                  <c:v>32.201999999999998</c:v>
                </c:pt>
                <c:pt idx="3222">
                  <c:v>32.212000000000003</c:v>
                </c:pt>
                <c:pt idx="3223">
                  <c:v>32.222000000000001</c:v>
                </c:pt>
                <c:pt idx="3224">
                  <c:v>32.231000000000002</c:v>
                </c:pt>
                <c:pt idx="3225">
                  <c:v>32.241</c:v>
                </c:pt>
                <c:pt idx="3226">
                  <c:v>32.252000000000002</c:v>
                </c:pt>
                <c:pt idx="3227">
                  <c:v>32.261000000000003</c:v>
                </c:pt>
                <c:pt idx="3228">
                  <c:v>32.270000000000003</c:v>
                </c:pt>
                <c:pt idx="3229">
                  <c:v>32.28</c:v>
                </c:pt>
                <c:pt idx="3230">
                  <c:v>32.29</c:v>
                </c:pt>
                <c:pt idx="3231">
                  <c:v>32.298999999999999</c:v>
                </c:pt>
                <c:pt idx="3232">
                  <c:v>32.31</c:v>
                </c:pt>
                <c:pt idx="3233">
                  <c:v>32.32</c:v>
                </c:pt>
                <c:pt idx="3234">
                  <c:v>32.33</c:v>
                </c:pt>
                <c:pt idx="3235">
                  <c:v>32.338999999999999</c:v>
                </c:pt>
                <c:pt idx="3236">
                  <c:v>32.35</c:v>
                </c:pt>
                <c:pt idx="3237">
                  <c:v>32.36</c:v>
                </c:pt>
                <c:pt idx="3238">
                  <c:v>32.369</c:v>
                </c:pt>
                <c:pt idx="3239">
                  <c:v>32.380000000000003</c:v>
                </c:pt>
                <c:pt idx="3240">
                  <c:v>32.389000000000003</c:v>
                </c:pt>
                <c:pt idx="3241">
                  <c:v>32.399000000000001</c:v>
                </c:pt>
                <c:pt idx="3242">
                  <c:v>32.408999999999999</c:v>
                </c:pt>
                <c:pt idx="3243">
                  <c:v>32.417999999999999</c:v>
                </c:pt>
                <c:pt idx="3244">
                  <c:v>32.429000000000002</c:v>
                </c:pt>
                <c:pt idx="3245">
                  <c:v>32.438000000000002</c:v>
                </c:pt>
                <c:pt idx="3246">
                  <c:v>32.447000000000003</c:v>
                </c:pt>
                <c:pt idx="3247">
                  <c:v>32.457999999999998</c:v>
                </c:pt>
                <c:pt idx="3248">
                  <c:v>32.466999999999999</c:v>
                </c:pt>
                <c:pt idx="3249">
                  <c:v>32.476999999999997</c:v>
                </c:pt>
                <c:pt idx="3250">
                  <c:v>32.488</c:v>
                </c:pt>
                <c:pt idx="3251">
                  <c:v>32.497</c:v>
                </c:pt>
                <c:pt idx="3252">
                  <c:v>32.506999999999998</c:v>
                </c:pt>
                <c:pt idx="3253">
                  <c:v>32.515999999999998</c:v>
                </c:pt>
                <c:pt idx="3254">
                  <c:v>32.527000000000001</c:v>
                </c:pt>
                <c:pt idx="3255">
                  <c:v>32.536999999999999</c:v>
                </c:pt>
                <c:pt idx="3256">
                  <c:v>32.546999999999997</c:v>
                </c:pt>
                <c:pt idx="3257">
                  <c:v>32.555999999999997</c:v>
                </c:pt>
                <c:pt idx="3258">
                  <c:v>32.566000000000003</c:v>
                </c:pt>
                <c:pt idx="3259">
                  <c:v>32.576000000000001</c:v>
                </c:pt>
                <c:pt idx="3260">
                  <c:v>32.585000000000001</c:v>
                </c:pt>
                <c:pt idx="3261">
                  <c:v>32.595999999999997</c:v>
                </c:pt>
                <c:pt idx="3262">
                  <c:v>32.604999999999997</c:v>
                </c:pt>
                <c:pt idx="3263">
                  <c:v>32.613999999999997</c:v>
                </c:pt>
                <c:pt idx="3264">
                  <c:v>32.625</c:v>
                </c:pt>
                <c:pt idx="3265">
                  <c:v>32.634</c:v>
                </c:pt>
                <c:pt idx="3266">
                  <c:v>32.643999999999998</c:v>
                </c:pt>
                <c:pt idx="3267">
                  <c:v>32.654000000000003</c:v>
                </c:pt>
                <c:pt idx="3268">
                  <c:v>32.664000000000001</c:v>
                </c:pt>
                <c:pt idx="3269">
                  <c:v>32.673000000000002</c:v>
                </c:pt>
                <c:pt idx="3270">
                  <c:v>32.683</c:v>
                </c:pt>
                <c:pt idx="3271">
                  <c:v>32.692</c:v>
                </c:pt>
                <c:pt idx="3272">
                  <c:v>32.703000000000003</c:v>
                </c:pt>
                <c:pt idx="3273">
                  <c:v>32.712000000000003</c:v>
                </c:pt>
                <c:pt idx="3274">
                  <c:v>32.722000000000001</c:v>
                </c:pt>
                <c:pt idx="3275">
                  <c:v>32.731000000000002</c:v>
                </c:pt>
                <c:pt idx="3276">
                  <c:v>32.74</c:v>
                </c:pt>
                <c:pt idx="3277">
                  <c:v>32.749000000000002</c:v>
                </c:pt>
                <c:pt idx="3278">
                  <c:v>32.759</c:v>
                </c:pt>
                <c:pt idx="3279">
                  <c:v>32.768999999999998</c:v>
                </c:pt>
                <c:pt idx="3280">
                  <c:v>32.779000000000003</c:v>
                </c:pt>
                <c:pt idx="3281">
                  <c:v>32.787999999999997</c:v>
                </c:pt>
                <c:pt idx="3282">
                  <c:v>32.798000000000002</c:v>
                </c:pt>
                <c:pt idx="3283">
                  <c:v>32.807000000000002</c:v>
                </c:pt>
                <c:pt idx="3284">
                  <c:v>32.817</c:v>
                </c:pt>
                <c:pt idx="3285">
                  <c:v>32.828000000000003</c:v>
                </c:pt>
                <c:pt idx="3286">
                  <c:v>32.838000000000001</c:v>
                </c:pt>
                <c:pt idx="3287">
                  <c:v>32.847999999999999</c:v>
                </c:pt>
                <c:pt idx="3288">
                  <c:v>32.859000000000002</c:v>
                </c:pt>
                <c:pt idx="3289">
                  <c:v>32.868000000000002</c:v>
                </c:pt>
                <c:pt idx="3290">
                  <c:v>32.878999999999998</c:v>
                </c:pt>
                <c:pt idx="3291">
                  <c:v>32.889000000000003</c:v>
                </c:pt>
                <c:pt idx="3292">
                  <c:v>32.899000000000001</c:v>
                </c:pt>
                <c:pt idx="3293">
                  <c:v>32.909999999999997</c:v>
                </c:pt>
                <c:pt idx="3294">
                  <c:v>32.918999999999997</c:v>
                </c:pt>
                <c:pt idx="3295">
                  <c:v>32.93</c:v>
                </c:pt>
                <c:pt idx="3296">
                  <c:v>32.94</c:v>
                </c:pt>
                <c:pt idx="3297">
                  <c:v>32.951000000000001</c:v>
                </c:pt>
                <c:pt idx="3298">
                  <c:v>32.96</c:v>
                </c:pt>
                <c:pt idx="3299">
                  <c:v>32.970999999999997</c:v>
                </c:pt>
                <c:pt idx="3300">
                  <c:v>32.981000000000002</c:v>
                </c:pt>
                <c:pt idx="3301">
                  <c:v>32.993000000000002</c:v>
                </c:pt>
                <c:pt idx="3302">
                  <c:v>33.003</c:v>
                </c:pt>
                <c:pt idx="3303">
                  <c:v>33.012999999999998</c:v>
                </c:pt>
                <c:pt idx="3304">
                  <c:v>33.024000000000001</c:v>
                </c:pt>
                <c:pt idx="3305">
                  <c:v>33.033999999999999</c:v>
                </c:pt>
                <c:pt idx="3306">
                  <c:v>33.042999999999999</c:v>
                </c:pt>
                <c:pt idx="3307">
                  <c:v>33.052999999999997</c:v>
                </c:pt>
                <c:pt idx="3308">
                  <c:v>33.064</c:v>
                </c:pt>
                <c:pt idx="3309">
                  <c:v>33.073999999999998</c:v>
                </c:pt>
                <c:pt idx="3310">
                  <c:v>33.082999999999998</c:v>
                </c:pt>
                <c:pt idx="3311">
                  <c:v>33.091999999999999</c:v>
                </c:pt>
                <c:pt idx="3312">
                  <c:v>33.103000000000002</c:v>
                </c:pt>
                <c:pt idx="3313">
                  <c:v>33.112000000000002</c:v>
                </c:pt>
                <c:pt idx="3314">
                  <c:v>33.121000000000002</c:v>
                </c:pt>
                <c:pt idx="3315">
                  <c:v>33.131</c:v>
                </c:pt>
                <c:pt idx="3316">
                  <c:v>33.140999999999998</c:v>
                </c:pt>
                <c:pt idx="3317">
                  <c:v>33.151000000000003</c:v>
                </c:pt>
                <c:pt idx="3318">
                  <c:v>33.161000000000001</c:v>
                </c:pt>
                <c:pt idx="3319">
                  <c:v>33.170999999999999</c:v>
                </c:pt>
                <c:pt idx="3320">
                  <c:v>33.18</c:v>
                </c:pt>
                <c:pt idx="3321">
                  <c:v>33.19</c:v>
                </c:pt>
                <c:pt idx="3322">
                  <c:v>33.200000000000003</c:v>
                </c:pt>
                <c:pt idx="3323">
                  <c:v>33.209000000000003</c:v>
                </c:pt>
                <c:pt idx="3324">
                  <c:v>33.219000000000001</c:v>
                </c:pt>
                <c:pt idx="3325">
                  <c:v>33.228999999999999</c:v>
                </c:pt>
                <c:pt idx="3326">
                  <c:v>33.238</c:v>
                </c:pt>
                <c:pt idx="3327">
                  <c:v>33.247</c:v>
                </c:pt>
                <c:pt idx="3328">
                  <c:v>33.256999999999998</c:v>
                </c:pt>
                <c:pt idx="3329">
                  <c:v>33.268000000000001</c:v>
                </c:pt>
                <c:pt idx="3330">
                  <c:v>33.277000000000001</c:v>
                </c:pt>
                <c:pt idx="3331">
                  <c:v>33.286999999999999</c:v>
                </c:pt>
                <c:pt idx="3332">
                  <c:v>33.298000000000002</c:v>
                </c:pt>
                <c:pt idx="3333">
                  <c:v>33.307000000000002</c:v>
                </c:pt>
                <c:pt idx="3334">
                  <c:v>33.317999999999998</c:v>
                </c:pt>
                <c:pt idx="3335">
                  <c:v>33.326999999999998</c:v>
                </c:pt>
                <c:pt idx="3336">
                  <c:v>33.335999999999999</c:v>
                </c:pt>
                <c:pt idx="3337">
                  <c:v>33.347000000000001</c:v>
                </c:pt>
                <c:pt idx="3338">
                  <c:v>33.356000000000002</c:v>
                </c:pt>
                <c:pt idx="3339">
                  <c:v>33.366999999999997</c:v>
                </c:pt>
                <c:pt idx="3340">
                  <c:v>33.375999999999998</c:v>
                </c:pt>
                <c:pt idx="3341">
                  <c:v>33.386000000000003</c:v>
                </c:pt>
                <c:pt idx="3342">
                  <c:v>33.395000000000003</c:v>
                </c:pt>
                <c:pt idx="3343">
                  <c:v>33.405999999999999</c:v>
                </c:pt>
                <c:pt idx="3344">
                  <c:v>33.414999999999999</c:v>
                </c:pt>
                <c:pt idx="3345">
                  <c:v>33.423999999999999</c:v>
                </c:pt>
                <c:pt idx="3346">
                  <c:v>33.435000000000002</c:v>
                </c:pt>
                <c:pt idx="3347">
                  <c:v>33.444000000000003</c:v>
                </c:pt>
                <c:pt idx="3348">
                  <c:v>33.453000000000003</c:v>
                </c:pt>
                <c:pt idx="3349">
                  <c:v>33.463999999999999</c:v>
                </c:pt>
                <c:pt idx="3350">
                  <c:v>33.472999999999999</c:v>
                </c:pt>
                <c:pt idx="3351">
                  <c:v>33.481999999999999</c:v>
                </c:pt>
                <c:pt idx="3352">
                  <c:v>33.493000000000002</c:v>
                </c:pt>
                <c:pt idx="3353">
                  <c:v>33.502000000000002</c:v>
                </c:pt>
                <c:pt idx="3354">
                  <c:v>33.511000000000003</c:v>
                </c:pt>
                <c:pt idx="3355">
                  <c:v>33.521999999999998</c:v>
                </c:pt>
                <c:pt idx="3356">
                  <c:v>33.530999999999999</c:v>
                </c:pt>
                <c:pt idx="3357">
                  <c:v>33.540999999999997</c:v>
                </c:pt>
                <c:pt idx="3358">
                  <c:v>33.549999999999997</c:v>
                </c:pt>
                <c:pt idx="3359">
                  <c:v>33.56</c:v>
                </c:pt>
                <c:pt idx="3360">
                  <c:v>33.569000000000003</c:v>
                </c:pt>
                <c:pt idx="3361">
                  <c:v>33.58</c:v>
                </c:pt>
                <c:pt idx="3362">
                  <c:v>33.588999999999999</c:v>
                </c:pt>
                <c:pt idx="3363">
                  <c:v>33.598999999999997</c:v>
                </c:pt>
                <c:pt idx="3364">
                  <c:v>33.609000000000002</c:v>
                </c:pt>
                <c:pt idx="3365">
                  <c:v>33.618000000000002</c:v>
                </c:pt>
                <c:pt idx="3366">
                  <c:v>33.628</c:v>
                </c:pt>
                <c:pt idx="3367">
                  <c:v>33.637</c:v>
                </c:pt>
                <c:pt idx="3368">
                  <c:v>33.648000000000003</c:v>
                </c:pt>
                <c:pt idx="3369">
                  <c:v>33.656999999999996</c:v>
                </c:pt>
                <c:pt idx="3370">
                  <c:v>33.667999999999999</c:v>
                </c:pt>
                <c:pt idx="3371">
                  <c:v>33.677</c:v>
                </c:pt>
                <c:pt idx="3372">
                  <c:v>33.686</c:v>
                </c:pt>
                <c:pt idx="3373">
                  <c:v>33.697000000000003</c:v>
                </c:pt>
                <c:pt idx="3374">
                  <c:v>33.706000000000003</c:v>
                </c:pt>
                <c:pt idx="3375">
                  <c:v>33.715000000000003</c:v>
                </c:pt>
                <c:pt idx="3376">
                  <c:v>33.725000000000001</c:v>
                </c:pt>
                <c:pt idx="3377">
                  <c:v>33.734999999999999</c:v>
                </c:pt>
                <c:pt idx="3378">
                  <c:v>33.744999999999997</c:v>
                </c:pt>
                <c:pt idx="3379">
                  <c:v>33.753999999999998</c:v>
                </c:pt>
                <c:pt idx="3380">
                  <c:v>33.764000000000003</c:v>
                </c:pt>
                <c:pt idx="3381">
                  <c:v>33.774000000000001</c:v>
                </c:pt>
                <c:pt idx="3382">
                  <c:v>33.783999999999999</c:v>
                </c:pt>
                <c:pt idx="3383">
                  <c:v>33.793999999999997</c:v>
                </c:pt>
                <c:pt idx="3384">
                  <c:v>33.802999999999997</c:v>
                </c:pt>
                <c:pt idx="3385">
                  <c:v>33.814</c:v>
                </c:pt>
                <c:pt idx="3386">
                  <c:v>33.823999999999998</c:v>
                </c:pt>
                <c:pt idx="3387">
                  <c:v>33.834000000000003</c:v>
                </c:pt>
                <c:pt idx="3388">
                  <c:v>33.843000000000004</c:v>
                </c:pt>
                <c:pt idx="3389">
                  <c:v>33.853000000000002</c:v>
                </c:pt>
                <c:pt idx="3390">
                  <c:v>33.863</c:v>
                </c:pt>
                <c:pt idx="3391">
                  <c:v>33.872</c:v>
                </c:pt>
                <c:pt idx="3392">
                  <c:v>33.881999999999998</c:v>
                </c:pt>
                <c:pt idx="3393">
                  <c:v>33.892000000000003</c:v>
                </c:pt>
                <c:pt idx="3394">
                  <c:v>33.901000000000003</c:v>
                </c:pt>
                <c:pt idx="3395">
                  <c:v>33.911999999999999</c:v>
                </c:pt>
                <c:pt idx="3396">
                  <c:v>33.920999999999999</c:v>
                </c:pt>
                <c:pt idx="3397">
                  <c:v>33.930999999999997</c:v>
                </c:pt>
                <c:pt idx="3398">
                  <c:v>33.941000000000003</c:v>
                </c:pt>
                <c:pt idx="3399">
                  <c:v>33.951000000000001</c:v>
                </c:pt>
                <c:pt idx="3400">
                  <c:v>33.960999999999999</c:v>
                </c:pt>
                <c:pt idx="3401">
                  <c:v>33.970999999999997</c:v>
                </c:pt>
                <c:pt idx="3402">
                  <c:v>33.979999999999997</c:v>
                </c:pt>
                <c:pt idx="3403">
                  <c:v>33.99</c:v>
                </c:pt>
                <c:pt idx="3404">
                  <c:v>34</c:v>
                </c:pt>
                <c:pt idx="3405">
                  <c:v>34.01</c:v>
                </c:pt>
                <c:pt idx="3406">
                  <c:v>34.020000000000003</c:v>
                </c:pt>
                <c:pt idx="3407">
                  <c:v>34.030999999999999</c:v>
                </c:pt>
                <c:pt idx="3408">
                  <c:v>34.04</c:v>
                </c:pt>
                <c:pt idx="3409">
                  <c:v>34.048999999999999</c:v>
                </c:pt>
                <c:pt idx="3410">
                  <c:v>34.058999999999997</c:v>
                </c:pt>
                <c:pt idx="3411">
                  <c:v>34.069000000000003</c:v>
                </c:pt>
                <c:pt idx="3412">
                  <c:v>34.079000000000001</c:v>
                </c:pt>
                <c:pt idx="3413">
                  <c:v>34.088999999999999</c:v>
                </c:pt>
                <c:pt idx="3414">
                  <c:v>34.097999999999999</c:v>
                </c:pt>
                <c:pt idx="3415">
                  <c:v>34.107999999999997</c:v>
                </c:pt>
                <c:pt idx="3416">
                  <c:v>34.118000000000002</c:v>
                </c:pt>
                <c:pt idx="3417">
                  <c:v>34.127000000000002</c:v>
                </c:pt>
                <c:pt idx="3418">
                  <c:v>34.137999999999998</c:v>
                </c:pt>
                <c:pt idx="3419">
                  <c:v>34.146999999999998</c:v>
                </c:pt>
                <c:pt idx="3420">
                  <c:v>34.156999999999996</c:v>
                </c:pt>
                <c:pt idx="3421">
                  <c:v>34.167000000000002</c:v>
                </c:pt>
                <c:pt idx="3422">
                  <c:v>34.176000000000002</c:v>
                </c:pt>
                <c:pt idx="3423">
                  <c:v>34.186</c:v>
                </c:pt>
                <c:pt idx="3424">
                  <c:v>34.195999999999998</c:v>
                </c:pt>
                <c:pt idx="3425">
                  <c:v>34.206000000000003</c:v>
                </c:pt>
                <c:pt idx="3426">
                  <c:v>34.216000000000001</c:v>
                </c:pt>
                <c:pt idx="3427">
                  <c:v>34.225999999999999</c:v>
                </c:pt>
                <c:pt idx="3428">
                  <c:v>34.235999999999997</c:v>
                </c:pt>
                <c:pt idx="3429">
                  <c:v>34.244999999999997</c:v>
                </c:pt>
                <c:pt idx="3430">
                  <c:v>34.253999999999998</c:v>
                </c:pt>
                <c:pt idx="3431">
                  <c:v>34.265000000000001</c:v>
                </c:pt>
                <c:pt idx="3432">
                  <c:v>34.274000000000001</c:v>
                </c:pt>
                <c:pt idx="3433">
                  <c:v>34.283999999999999</c:v>
                </c:pt>
                <c:pt idx="3434">
                  <c:v>34.295000000000002</c:v>
                </c:pt>
                <c:pt idx="3435">
                  <c:v>34.304000000000002</c:v>
                </c:pt>
                <c:pt idx="3436">
                  <c:v>34.314</c:v>
                </c:pt>
                <c:pt idx="3437">
                  <c:v>34.323999999999998</c:v>
                </c:pt>
                <c:pt idx="3438">
                  <c:v>34.334000000000003</c:v>
                </c:pt>
                <c:pt idx="3439">
                  <c:v>34.344000000000001</c:v>
                </c:pt>
                <c:pt idx="3440">
                  <c:v>34.353000000000002</c:v>
                </c:pt>
                <c:pt idx="3441">
                  <c:v>34.363</c:v>
                </c:pt>
                <c:pt idx="3442">
                  <c:v>34.372999999999998</c:v>
                </c:pt>
                <c:pt idx="3443">
                  <c:v>34.381999999999998</c:v>
                </c:pt>
                <c:pt idx="3444">
                  <c:v>34.392000000000003</c:v>
                </c:pt>
                <c:pt idx="3445">
                  <c:v>34.401000000000003</c:v>
                </c:pt>
                <c:pt idx="3446">
                  <c:v>34.411000000000001</c:v>
                </c:pt>
                <c:pt idx="3447">
                  <c:v>34.420999999999999</c:v>
                </c:pt>
                <c:pt idx="3448">
                  <c:v>34.43</c:v>
                </c:pt>
                <c:pt idx="3449">
                  <c:v>34.441000000000003</c:v>
                </c:pt>
                <c:pt idx="3450">
                  <c:v>34.451000000000001</c:v>
                </c:pt>
                <c:pt idx="3451">
                  <c:v>34.46</c:v>
                </c:pt>
                <c:pt idx="3452">
                  <c:v>34.47</c:v>
                </c:pt>
                <c:pt idx="3453">
                  <c:v>34.479999999999997</c:v>
                </c:pt>
                <c:pt idx="3454">
                  <c:v>34.488999999999997</c:v>
                </c:pt>
                <c:pt idx="3455">
                  <c:v>34.5</c:v>
                </c:pt>
                <c:pt idx="3456">
                  <c:v>34.51</c:v>
                </c:pt>
                <c:pt idx="3457">
                  <c:v>34.518999999999998</c:v>
                </c:pt>
                <c:pt idx="3458">
                  <c:v>34.529000000000003</c:v>
                </c:pt>
                <c:pt idx="3459">
                  <c:v>34.54</c:v>
                </c:pt>
                <c:pt idx="3460">
                  <c:v>34.548999999999999</c:v>
                </c:pt>
                <c:pt idx="3461">
                  <c:v>34.558999999999997</c:v>
                </c:pt>
                <c:pt idx="3462">
                  <c:v>34.567999999999998</c:v>
                </c:pt>
                <c:pt idx="3463">
                  <c:v>34.579000000000001</c:v>
                </c:pt>
                <c:pt idx="3464">
                  <c:v>34.588000000000001</c:v>
                </c:pt>
                <c:pt idx="3465">
                  <c:v>34.597999999999999</c:v>
                </c:pt>
                <c:pt idx="3466">
                  <c:v>34.607999999999997</c:v>
                </c:pt>
                <c:pt idx="3467">
                  <c:v>34.616999999999997</c:v>
                </c:pt>
                <c:pt idx="3468">
                  <c:v>34.627000000000002</c:v>
                </c:pt>
                <c:pt idx="3469">
                  <c:v>34.637999999999998</c:v>
                </c:pt>
                <c:pt idx="3470">
                  <c:v>34.646999999999998</c:v>
                </c:pt>
                <c:pt idx="3471">
                  <c:v>34.656999999999996</c:v>
                </c:pt>
                <c:pt idx="3472">
                  <c:v>34.665999999999997</c:v>
                </c:pt>
                <c:pt idx="3473">
                  <c:v>34.677</c:v>
                </c:pt>
                <c:pt idx="3474">
                  <c:v>34.686999999999998</c:v>
                </c:pt>
                <c:pt idx="3475">
                  <c:v>34.695999999999998</c:v>
                </c:pt>
                <c:pt idx="3476">
                  <c:v>34.707000000000001</c:v>
                </c:pt>
                <c:pt idx="3477">
                  <c:v>34.716000000000001</c:v>
                </c:pt>
                <c:pt idx="3478">
                  <c:v>34.725999999999999</c:v>
                </c:pt>
                <c:pt idx="3479">
                  <c:v>34.735999999999997</c:v>
                </c:pt>
                <c:pt idx="3480">
                  <c:v>34.746000000000002</c:v>
                </c:pt>
                <c:pt idx="3481">
                  <c:v>34.755000000000003</c:v>
                </c:pt>
                <c:pt idx="3482">
                  <c:v>34.765000000000001</c:v>
                </c:pt>
                <c:pt idx="3483">
                  <c:v>34.774999999999999</c:v>
                </c:pt>
                <c:pt idx="3484">
                  <c:v>34.784999999999997</c:v>
                </c:pt>
                <c:pt idx="3485">
                  <c:v>34.793999999999997</c:v>
                </c:pt>
                <c:pt idx="3486">
                  <c:v>34.805</c:v>
                </c:pt>
                <c:pt idx="3487">
                  <c:v>34.814999999999998</c:v>
                </c:pt>
                <c:pt idx="3488">
                  <c:v>34.823999999999998</c:v>
                </c:pt>
                <c:pt idx="3489">
                  <c:v>34.835000000000001</c:v>
                </c:pt>
                <c:pt idx="3490">
                  <c:v>34.844000000000001</c:v>
                </c:pt>
                <c:pt idx="3491">
                  <c:v>34.853999999999999</c:v>
                </c:pt>
                <c:pt idx="3492">
                  <c:v>34.863999999999997</c:v>
                </c:pt>
                <c:pt idx="3493">
                  <c:v>34.872999999999998</c:v>
                </c:pt>
                <c:pt idx="3494">
                  <c:v>34.884</c:v>
                </c:pt>
                <c:pt idx="3495">
                  <c:v>34.893000000000001</c:v>
                </c:pt>
                <c:pt idx="3496">
                  <c:v>34.902999999999999</c:v>
                </c:pt>
                <c:pt idx="3497">
                  <c:v>34.912999999999997</c:v>
                </c:pt>
                <c:pt idx="3498">
                  <c:v>34.921999999999997</c:v>
                </c:pt>
                <c:pt idx="3499">
                  <c:v>34.932000000000002</c:v>
                </c:pt>
                <c:pt idx="3500">
                  <c:v>34.942</c:v>
                </c:pt>
                <c:pt idx="3501">
                  <c:v>34.951999999999998</c:v>
                </c:pt>
                <c:pt idx="3502">
                  <c:v>34.962000000000003</c:v>
                </c:pt>
                <c:pt idx="3503">
                  <c:v>34.970999999999997</c:v>
                </c:pt>
                <c:pt idx="3504">
                  <c:v>34.981999999999999</c:v>
                </c:pt>
                <c:pt idx="3505">
                  <c:v>34.991</c:v>
                </c:pt>
                <c:pt idx="3506">
                  <c:v>35.000999999999998</c:v>
                </c:pt>
                <c:pt idx="3507">
                  <c:v>35.011000000000003</c:v>
                </c:pt>
                <c:pt idx="3508">
                  <c:v>35.020000000000003</c:v>
                </c:pt>
                <c:pt idx="3509">
                  <c:v>35.030999999999999</c:v>
                </c:pt>
                <c:pt idx="3510">
                  <c:v>35.04</c:v>
                </c:pt>
                <c:pt idx="3511">
                  <c:v>35.049999999999997</c:v>
                </c:pt>
                <c:pt idx="3512">
                  <c:v>35.058999999999997</c:v>
                </c:pt>
                <c:pt idx="3513">
                  <c:v>35.069000000000003</c:v>
                </c:pt>
                <c:pt idx="3514">
                  <c:v>35.078000000000003</c:v>
                </c:pt>
                <c:pt idx="3515">
                  <c:v>35.088000000000001</c:v>
                </c:pt>
                <c:pt idx="3516">
                  <c:v>35.097000000000001</c:v>
                </c:pt>
                <c:pt idx="3517">
                  <c:v>35.106999999999999</c:v>
                </c:pt>
                <c:pt idx="3518">
                  <c:v>35.116</c:v>
                </c:pt>
                <c:pt idx="3519">
                  <c:v>35.127000000000002</c:v>
                </c:pt>
                <c:pt idx="3520">
                  <c:v>35.137</c:v>
                </c:pt>
                <c:pt idx="3521">
                  <c:v>35.146000000000001</c:v>
                </c:pt>
                <c:pt idx="3522">
                  <c:v>35.155999999999999</c:v>
                </c:pt>
                <c:pt idx="3523">
                  <c:v>35.165999999999997</c:v>
                </c:pt>
                <c:pt idx="3524">
                  <c:v>35.176000000000002</c:v>
                </c:pt>
                <c:pt idx="3525">
                  <c:v>35.185000000000002</c:v>
                </c:pt>
                <c:pt idx="3526">
                  <c:v>35.195999999999998</c:v>
                </c:pt>
                <c:pt idx="3527">
                  <c:v>35.204999999999998</c:v>
                </c:pt>
                <c:pt idx="3528">
                  <c:v>35.215000000000003</c:v>
                </c:pt>
                <c:pt idx="3529">
                  <c:v>35.225000000000001</c:v>
                </c:pt>
                <c:pt idx="3530">
                  <c:v>35.234000000000002</c:v>
                </c:pt>
                <c:pt idx="3531">
                  <c:v>35.244</c:v>
                </c:pt>
                <c:pt idx="3532">
                  <c:v>35.253</c:v>
                </c:pt>
                <c:pt idx="3533">
                  <c:v>35.264000000000003</c:v>
                </c:pt>
                <c:pt idx="3534">
                  <c:v>35.273000000000003</c:v>
                </c:pt>
                <c:pt idx="3535">
                  <c:v>35.283000000000001</c:v>
                </c:pt>
                <c:pt idx="3536">
                  <c:v>35.292999999999999</c:v>
                </c:pt>
                <c:pt idx="3537">
                  <c:v>35.302999999999997</c:v>
                </c:pt>
                <c:pt idx="3538">
                  <c:v>35.313000000000002</c:v>
                </c:pt>
                <c:pt idx="3539">
                  <c:v>35.323</c:v>
                </c:pt>
                <c:pt idx="3540">
                  <c:v>35.332000000000001</c:v>
                </c:pt>
                <c:pt idx="3541">
                  <c:v>35.343000000000004</c:v>
                </c:pt>
                <c:pt idx="3542">
                  <c:v>35.351999999999997</c:v>
                </c:pt>
                <c:pt idx="3543">
                  <c:v>35.363</c:v>
                </c:pt>
                <c:pt idx="3544">
                  <c:v>35.372</c:v>
                </c:pt>
                <c:pt idx="3545">
                  <c:v>35.381999999999998</c:v>
                </c:pt>
                <c:pt idx="3546">
                  <c:v>35.392000000000003</c:v>
                </c:pt>
                <c:pt idx="3547">
                  <c:v>35.402000000000001</c:v>
                </c:pt>
                <c:pt idx="3548">
                  <c:v>35.411000000000001</c:v>
                </c:pt>
                <c:pt idx="3549">
                  <c:v>35.421999999999997</c:v>
                </c:pt>
                <c:pt idx="3550">
                  <c:v>35.430999999999997</c:v>
                </c:pt>
                <c:pt idx="3551">
                  <c:v>35.441000000000003</c:v>
                </c:pt>
                <c:pt idx="3552">
                  <c:v>35.451999999999998</c:v>
                </c:pt>
                <c:pt idx="3553">
                  <c:v>35.460999999999999</c:v>
                </c:pt>
                <c:pt idx="3554">
                  <c:v>35.470999999999997</c:v>
                </c:pt>
                <c:pt idx="3555">
                  <c:v>35.479999999999997</c:v>
                </c:pt>
                <c:pt idx="3556">
                  <c:v>35.491</c:v>
                </c:pt>
                <c:pt idx="3557">
                  <c:v>35.500999999999998</c:v>
                </c:pt>
                <c:pt idx="3558">
                  <c:v>35.51</c:v>
                </c:pt>
                <c:pt idx="3559">
                  <c:v>35.518999999999998</c:v>
                </c:pt>
                <c:pt idx="3560">
                  <c:v>35.53</c:v>
                </c:pt>
                <c:pt idx="3561">
                  <c:v>35.539000000000001</c:v>
                </c:pt>
                <c:pt idx="3562">
                  <c:v>35.548999999999999</c:v>
                </c:pt>
                <c:pt idx="3563">
                  <c:v>35.558999999999997</c:v>
                </c:pt>
                <c:pt idx="3564">
                  <c:v>35.569000000000003</c:v>
                </c:pt>
                <c:pt idx="3565">
                  <c:v>35.578000000000003</c:v>
                </c:pt>
                <c:pt idx="3566">
                  <c:v>35.588000000000001</c:v>
                </c:pt>
                <c:pt idx="3567">
                  <c:v>35.597999999999999</c:v>
                </c:pt>
                <c:pt idx="3568">
                  <c:v>35.607999999999997</c:v>
                </c:pt>
                <c:pt idx="3569">
                  <c:v>35.616999999999997</c:v>
                </c:pt>
                <c:pt idx="3570">
                  <c:v>35.628</c:v>
                </c:pt>
                <c:pt idx="3571">
                  <c:v>35.637</c:v>
                </c:pt>
                <c:pt idx="3572">
                  <c:v>35.648000000000003</c:v>
                </c:pt>
                <c:pt idx="3573">
                  <c:v>35.656999999999996</c:v>
                </c:pt>
                <c:pt idx="3574">
                  <c:v>35.665999999999997</c:v>
                </c:pt>
                <c:pt idx="3575">
                  <c:v>35.677</c:v>
                </c:pt>
                <c:pt idx="3576">
                  <c:v>35.686</c:v>
                </c:pt>
                <c:pt idx="3577">
                  <c:v>35.695</c:v>
                </c:pt>
                <c:pt idx="3578">
                  <c:v>35.706000000000003</c:v>
                </c:pt>
                <c:pt idx="3579">
                  <c:v>35.715000000000003</c:v>
                </c:pt>
                <c:pt idx="3580">
                  <c:v>35.725000000000001</c:v>
                </c:pt>
                <c:pt idx="3581">
                  <c:v>35.734999999999999</c:v>
                </c:pt>
                <c:pt idx="3582">
                  <c:v>35.744999999999997</c:v>
                </c:pt>
                <c:pt idx="3583">
                  <c:v>35.753999999999998</c:v>
                </c:pt>
                <c:pt idx="3584">
                  <c:v>35.764000000000003</c:v>
                </c:pt>
                <c:pt idx="3585">
                  <c:v>35.773000000000003</c:v>
                </c:pt>
                <c:pt idx="3586">
                  <c:v>35.783999999999999</c:v>
                </c:pt>
                <c:pt idx="3587">
                  <c:v>35.792999999999999</c:v>
                </c:pt>
                <c:pt idx="3588">
                  <c:v>35.802999999999997</c:v>
                </c:pt>
                <c:pt idx="3589">
                  <c:v>35.814</c:v>
                </c:pt>
                <c:pt idx="3590">
                  <c:v>35.823999999999998</c:v>
                </c:pt>
                <c:pt idx="3591">
                  <c:v>35.832999999999998</c:v>
                </c:pt>
                <c:pt idx="3592">
                  <c:v>35.843000000000004</c:v>
                </c:pt>
                <c:pt idx="3593">
                  <c:v>35.851999999999997</c:v>
                </c:pt>
                <c:pt idx="3594">
                  <c:v>35.863</c:v>
                </c:pt>
                <c:pt idx="3595">
                  <c:v>35.872</c:v>
                </c:pt>
                <c:pt idx="3596">
                  <c:v>35.881999999999998</c:v>
                </c:pt>
                <c:pt idx="3597">
                  <c:v>35.890999999999998</c:v>
                </c:pt>
                <c:pt idx="3598">
                  <c:v>35.902000000000001</c:v>
                </c:pt>
                <c:pt idx="3599">
                  <c:v>35.911000000000001</c:v>
                </c:pt>
                <c:pt idx="3600">
                  <c:v>35.92</c:v>
                </c:pt>
                <c:pt idx="3601">
                  <c:v>35.930999999999997</c:v>
                </c:pt>
                <c:pt idx="3602">
                  <c:v>35.94</c:v>
                </c:pt>
                <c:pt idx="3603">
                  <c:v>35.951000000000001</c:v>
                </c:pt>
                <c:pt idx="3604">
                  <c:v>35.96</c:v>
                </c:pt>
                <c:pt idx="3605">
                  <c:v>35.97</c:v>
                </c:pt>
                <c:pt idx="3606">
                  <c:v>35.981000000000002</c:v>
                </c:pt>
                <c:pt idx="3607">
                  <c:v>35.991</c:v>
                </c:pt>
                <c:pt idx="3608">
                  <c:v>36</c:v>
                </c:pt>
                <c:pt idx="3609">
                  <c:v>36.01</c:v>
                </c:pt>
                <c:pt idx="3610">
                  <c:v>36.020000000000003</c:v>
                </c:pt>
                <c:pt idx="3611">
                  <c:v>36.03</c:v>
                </c:pt>
                <c:pt idx="3612">
                  <c:v>36.039000000000001</c:v>
                </c:pt>
                <c:pt idx="3613">
                  <c:v>36.048999999999999</c:v>
                </c:pt>
                <c:pt idx="3614">
                  <c:v>36.058999999999997</c:v>
                </c:pt>
                <c:pt idx="3615">
                  <c:v>36.069000000000003</c:v>
                </c:pt>
                <c:pt idx="3616">
                  <c:v>36.078000000000003</c:v>
                </c:pt>
                <c:pt idx="3617">
                  <c:v>36.088000000000001</c:v>
                </c:pt>
                <c:pt idx="3618">
                  <c:v>36.097999999999999</c:v>
                </c:pt>
                <c:pt idx="3619">
                  <c:v>36.107999999999997</c:v>
                </c:pt>
                <c:pt idx="3620">
                  <c:v>36.118000000000002</c:v>
                </c:pt>
                <c:pt idx="3621">
                  <c:v>36.128</c:v>
                </c:pt>
                <c:pt idx="3622">
                  <c:v>36.137</c:v>
                </c:pt>
                <c:pt idx="3623">
                  <c:v>36.146999999999998</c:v>
                </c:pt>
                <c:pt idx="3624">
                  <c:v>36.156999999999996</c:v>
                </c:pt>
                <c:pt idx="3625">
                  <c:v>36.167000000000002</c:v>
                </c:pt>
                <c:pt idx="3626">
                  <c:v>36.176000000000002</c:v>
                </c:pt>
                <c:pt idx="3627">
                  <c:v>36.186999999999998</c:v>
                </c:pt>
                <c:pt idx="3628">
                  <c:v>36.195999999999998</c:v>
                </c:pt>
                <c:pt idx="3629">
                  <c:v>36.206000000000003</c:v>
                </c:pt>
                <c:pt idx="3630">
                  <c:v>36.215000000000003</c:v>
                </c:pt>
                <c:pt idx="3631">
                  <c:v>36.225000000000001</c:v>
                </c:pt>
                <c:pt idx="3632">
                  <c:v>36.234999999999999</c:v>
                </c:pt>
                <c:pt idx="3633">
                  <c:v>36.244</c:v>
                </c:pt>
                <c:pt idx="3634">
                  <c:v>36.253999999999998</c:v>
                </c:pt>
                <c:pt idx="3635">
                  <c:v>36.262999999999998</c:v>
                </c:pt>
                <c:pt idx="3636">
                  <c:v>36.273000000000003</c:v>
                </c:pt>
                <c:pt idx="3637">
                  <c:v>36.281999999999996</c:v>
                </c:pt>
                <c:pt idx="3638">
                  <c:v>36.292000000000002</c:v>
                </c:pt>
                <c:pt idx="3639">
                  <c:v>36.301000000000002</c:v>
                </c:pt>
                <c:pt idx="3640">
                  <c:v>36.311999999999998</c:v>
                </c:pt>
                <c:pt idx="3641">
                  <c:v>36.320999999999998</c:v>
                </c:pt>
                <c:pt idx="3642">
                  <c:v>36.331000000000003</c:v>
                </c:pt>
                <c:pt idx="3643">
                  <c:v>36.340000000000003</c:v>
                </c:pt>
                <c:pt idx="3644">
                  <c:v>36.350999999999999</c:v>
                </c:pt>
                <c:pt idx="3645">
                  <c:v>36.36</c:v>
                </c:pt>
                <c:pt idx="3646">
                  <c:v>36.369999999999997</c:v>
                </c:pt>
                <c:pt idx="3647">
                  <c:v>36.378999999999998</c:v>
                </c:pt>
                <c:pt idx="3648">
                  <c:v>36.39</c:v>
                </c:pt>
                <c:pt idx="3649">
                  <c:v>36.399000000000001</c:v>
                </c:pt>
                <c:pt idx="3650">
                  <c:v>36.408999999999999</c:v>
                </c:pt>
                <c:pt idx="3651">
                  <c:v>36.417999999999999</c:v>
                </c:pt>
                <c:pt idx="3652">
                  <c:v>36.429000000000002</c:v>
                </c:pt>
                <c:pt idx="3653">
                  <c:v>36.438000000000002</c:v>
                </c:pt>
                <c:pt idx="3654">
                  <c:v>36.448</c:v>
                </c:pt>
                <c:pt idx="3655">
                  <c:v>36.459000000000003</c:v>
                </c:pt>
                <c:pt idx="3656">
                  <c:v>36.468000000000004</c:v>
                </c:pt>
                <c:pt idx="3657">
                  <c:v>36.478000000000002</c:v>
                </c:pt>
                <c:pt idx="3658">
                  <c:v>36.488</c:v>
                </c:pt>
                <c:pt idx="3659">
                  <c:v>36.497</c:v>
                </c:pt>
                <c:pt idx="3660">
                  <c:v>36.508000000000003</c:v>
                </c:pt>
                <c:pt idx="3661">
                  <c:v>36.517000000000003</c:v>
                </c:pt>
                <c:pt idx="3662">
                  <c:v>36.526000000000003</c:v>
                </c:pt>
                <c:pt idx="3663">
                  <c:v>36.536999999999999</c:v>
                </c:pt>
                <c:pt idx="3664">
                  <c:v>36.545999999999999</c:v>
                </c:pt>
                <c:pt idx="3665">
                  <c:v>36.555</c:v>
                </c:pt>
                <c:pt idx="3666">
                  <c:v>36.564999999999998</c:v>
                </c:pt>
                <c:pt idx="3667">
                  <c:v>36.575000000000003</c:v>
                </c:pt>
                <c:pt idx="3668">
                  <c:v>36.585000000000001</c:v>
                </c:pt>
                <c:pt idx="3669">
                  <c:v>36.594000000000001</c:v>
                </c:pt>
                <c:pt idx="3670">
                  <c:v>36.604999999999997</c:v>
                </c:pt>
                <c:pt idx="3671">
                  <c:v>36.613999999999997</c:v>
                </c:pt>
                <c:pt idx="3672">
                  <c:v>36.624000000000002</c:v>
                </c:pt>
                <c:pt idx="3673">
                  <c:v>36.633000000000003</c:v>
                </c:pt>
                <c:pt idx="3674">
                  <c:v>36.643999999999998</c:v>
                </c:pt>
                <c:pt idx="3675">
                  <c:v>36.652999999999999</c:v>
                </c:pt>
                <c:pt idx="3676">
                  <c:v>36.662999999999997</c:v>
                </c:pt>
                <c:pt idx="3677">
                  <c:v>36.671999999999997</c:v>
                </c:pt>
                <c:pt idx="3678">
                  <c:v>36.682000000000002</c:v>
                </c:pt>
                <c:pt idx="3679">
                  <c:v>36.692999999999998</c:v>
                </c:pt>
                <c:pt idx="3680">
                  <c:v>36.701999999999998</c:v>
                </c:pt>
                <c:pt idx="3681">
                  <c:v>36.712000000000003</c:v>
                </c:pt>
                <c:pt idx="3682">
                  <c:v>36.722000000000001</c:v>
                </c:pt>
                <c:pt idx="3683">
                  <c:v>36.731000000000002</c:v>
                </c:pt>
                <c:pt idx="3684">
                  <c:v>36.74</c:v>
                </c:pt>
                <c:pt idx="3685">
                  <c:v>36.75</c:v>
                </c:pt>
                <c:pt idx="3686">
                  <c:v>36.759</c:v>
                </c:pt>
                <c:pt idx="3687">
                  <c:v>36.770000000000003</c:v>
                </c:pt>
                <c:pt idx="3688">
                  <c:v>36.779000000000003</c:v>
                </c:pt>
                <c:pt idx="3689">
                  <c:v>36.789000000000001</c:v>
                </c:pt>
                <c:pt idx="3690">
                  <c:v>36.798999999999999</c:v>
                </c:pt>
                <c:pt idx="3691">
                  <c:v>36.808999999999997</c:v>
                </c:pt>
                <c:pt idx="3692">
                  <c:v>36.817999999999998</c:v>
                </c:pt>
                <c:pt idx="3693">
                  <c:v>36.829000000000001</c:v>
                </c:pt>
                <c:pt idx="3694">
                  <c:v>36.838000000000001</c:v>
                </c:pt>
                <c:pt idx="3695">
                  <c:v>36.847000000000001</c:v>
                </c:pt>
                <c:pt idx="3696">
                  <c:v>36.857999999999997</c:v>
                </c:pt>
                <c:pt idx="3697">
                  <c:v>36.866999999999997</c:v>
                </c:pt>
                <c:pt idx="3698">
                  <c:v>36.878</c:v>
                </c:pt>
                <c:pt idx="3699">
                  <c:v>36.887</c:v>
                </c:pt>
                <c:pt idx="3700">
                  <c:v>36.896000000000001</c:v>
                </c:pt>
                <c:pt idx="3701">
                  <c:v>36.905999999999999</c:v>
                </c:pt>
                <c:pt idx="3702">
                  <c:v>36.914999999999999</c:v>
                </c:pt>
                <c:pt idx="3703">
                  <c:v>36.924999999999997</c:v>
                </c:pt>
                <c:pt idx="3704">
                  <c:v>36.935000000000002</c:v>
                </c:pt>
                <c:pt idx="3705">
                  <c:v>36.945</c:v>
                </c:pt>
                <c:pt idx="3706">
                  <c:v>36.954000000000001</c:v>
                </c:pt>
                <c:pt idx="3707">
                  <c:v>36.963999999999999</c:v>
                </c:pt>
                <c:pt idx="3708">
                  <c:v>36.972999999999999</c:v>
                </c:pt>
                <c:pt idx="3709">
                  <c:v>36.982999999999997</c:v>
                </c:pt>
                <c:pt idx="3710">
                  <c:v>36.991999999999997</c:v>
                </c:pt>
                <c:pt idx="3711">
                  <c:v>37.002000000000002</c:v>
                </c:pt>
                <c:pt idx="3712">
                  <c:v>37.012</c:v>
                </c:pt>
                <c:pt idx="3713">
                  <c:v>37.021000000000001</c:v>
                </c:pt>
                <c:pt idx="3714">
                  <c:v>37.03</c:v>
                </c:pt>
                <c:pt idx="3715">
                  <c:v>37.040999999999997</c:v>
                </c:pt>
                <c:pt idx="3716">
                  <c:v>37.049999999999997</c:v>
                </c:pt>
                <c:pt idx="3717">
                  <c:v>37.061</c:v>
                </c:pt>
                <c:pt idx="3718">
                  <c:v>37.07</c:v>
                </c:pt>
                <c:pt idx="3719">
                  <c:v>37.08</c:v>
                </c:pt>
                <c:pt idx="3720">
                  <c:v>37.088999999999999</c:v>
                </c:pt>
                <c:pt idx="3721">
                  <c:v>37.097999999999999</c:v>
                </c:pt>
                <c:pt idx="3722">
                  <c:v>37.107999999999997</c:v>
                </c:pt>
                <c:pt idx="3723">
                  <c:v>37.119</c:v>
                </c:pt>
                <c:pt idx="3724">
                  <c:v>37.128</c:v>
                </c:pt>
                <c:pt idx="3725">
                  <c:v>37.139000000000003</c:v>
                </c:pt>
                <c:pt idx="3726">
                  <c:v>37.148000000000003</c:v>
                </c:pt>
                <c:pt idx="3727">
                  <c:v>37.158999999999999</c:v>
                </c:pt>
                <c:pt idx="3728">
                  <c:v>37.167999999999999</c:v>
                </c:pt>
                <c:pt idx="3729">
                  <c:v>37.177999999999997</c:v>
                </c:pt>
                <c:pt idx="3730">
                  <c:v>37.188000000000002</c:v>
                </c:pt>
                <c:pt idx="3731">
                  <c:v>37.198</c:v>
                </c:pt>
                <c:pt idx="3732">
                  <c:v>37.207000000000001</c:v>
                </c:pt>
                <c:pt idx="3733">
                  <c:v>37.218000000000004</c:v>
                </c:pt>
                <c:pt idx="3734">
                  <c:v>37.226999999999997</c:v>
                </c:pt>
                <c:pt idx="3735">
                  <c:v>37.237000000000002</c:v>
                </c:pt>
                <c:pt idx="3736">
                  <c:v>37.246000000000002</c:v>
                </c:pt>
                <c:pt idx="3737">
                  <c:v>37.256</c:v>
                </c:pt>
                <c:pt idx="3738">
                  <c:v>37.267000000000003</c:v>
                </c:pt>
                <c:pt idx="3739">
                  <c:v>37.276000000000003</c:v>
                </c:pt>
                <c:pt idx="3740">
                  <c:v>37.284999999999997</c:v>
                </c:pt>
                <c:pt idx="3741">
                  <c:v>37.295000000000002</c:v>
                </c:pt>
                <c:pt idx="3742">
                  <c:v>37.305</c:v>
                </c:pt>
                <c:pt idx="3743">
                  <c:v>37.314</c:v>
                </c:pt>
                <c:pt idx="3744">
                  <c:v>37.325000000000003</c:v>
                </c:pt>
                <c:pt idx="3745">
                  <c:v>37.334000000000003</c:v>
                </c:pt>
                <c:pt idx="3746">
                  <c:v>37.344000000000001</c:v>
                </c:pt>
                <c:pt idx="3747">
                  <c:v>37.353000000000002</c:v>
                </c:pt>
                <c:pt idx="3748">
                  <c:v>37.363</c:v>
                </c:pt>
                <c:pt idx="3749">
                  <c:v>37.372999999999998</c:v>
                </c:pt>
                <c:pt idx="3750">
                  <c:v>37.381999999999998</c:v>
                </c:pt>
                <c:pt idx="3751">
                  <c:v>37.392000000000003</c:v>
                </c:pt>
                <c:pt idx="3752">
                  <c:v>37.402000000000001</c:v>
                </c:pt>
                <c:pt idx="3753">
                  <c:v>37.411000000000001</c:v>
                </c:pt>
                <c:pt idx="3754">
                  <c:v>37.420999999999999</c:v>
                </c:pt>
                <c:pt idx="3755">
                  <c:v>37.430999999999997</c:v>
                </c:pt>
                <c:pt idx="3756">
                  <c:v>37.441000000000003</c:v>
                </c:pt>
                <c:pt idx="3757">
                  <c:v>37.451000000000001</c:v>
                </c:pt>
                <c:pt idx="3758">
                  <c:v>37.46</c:v>
                </c:pt>
                <c:pt idx="3759">
                  <c:v>37.47</c:v>
                </c:pt>
                <c:pt idx="3760">
                  <c:v>37.479999999999997</c:v>
                </c:pt>
                <c:pt idx="3761">
                  <c:v>37.488</c:v>
                </c:pt>
                <c:pt idx="3762">
                  <c:v>37.499000000000002</c:v>
                </c:pt>
                <c:pt idx="3763">
                  <c:v>37.508000000000003</c:v>
                </c:pt>
                <c:pt idx="3764">
                  <c:v>37.518000000000001</c:v>
                </c:pt>
                <c:pt idx="3765">
                  <c:v>37.527000000000001</c:v>
                </c:pt>
                <c:pt idx="3766">
                  <c:v>37.537999999999997</c:v>
                </c:pt>
                <c:pt idx="3767">
                  <c:v>37.548000000000002</c:v>
                </c:pt>
                <c:pt idx="3768">
                  <c:v>37.555999999999997</c:v>
                </c:pt>
                <c:pt idx="3769">
                  <c:v>37.566000000000003</c:v>
                </c:pt>
                <c:pt idx="3770">
                  <c:v>37.576000000000001</c:v>
                </c:pt>
                <c:pt idx="3771">
                  <c:v>37.585999999999999</c:v>
                </c:pt>
                <c:pt idx="3772">
                  <c:v>37.595999999999997</c:v>
                </c:pt>
                <c:pt idx="3773">
                  <c:v>37.606999999999999</c:v>
                </c:pt>
                <c:pt idx="3774">
                  <c:v>37.616</c:v>
                </c:pt>
                <c:pt idx="3775">
                  <c:v>37.625999999999998</c:v>
                </c:pt>
                <c:pt idx="3776">
                  <c:v>37.634999999999998</c:v>
                </c:pt>
                <c:pt idx="3777">
                  <c:v>37.646000000000001</c:v>
                </c:pt>
                <c:pt idx="3778">
                  <c:v>37.655000000000001</c:v>
                </c:pt>
                <c:pt idx="3779">
                  <c:v>37.664000000000001</c:v>
                </c:pt>
                <c:pt idx="3780">
                  <c:v>37.673999999999999</c:v>
                </c:pt>
                <c:pt idx="3781">
                  <c:v>37.685000000000002</c:v>
                </c:pt>
                <c:pt idx="3782">
                  <c:v>37.694000000000003</c:v>
                </c:pt>
                <c:pt idx="3783">
                  <c:v>37.704999999999998</c:v>
                </c:pt>
                <c:pt idx="3784">
                  <c:v>37.713999999999999</c:v>
                </c:pt>
                <c:pt idx="3785">
                  <c:v>37.722999999999999</c:v>
                </c:pt>
                <c:pt idx="3786">
                  <c:v>37.734000000000002</c:v>
                </c:pt>
                <c:pt idx="3787">
                  <c:v>37.743000000000002</c:v>
                </c:pt>
                <c:pt idx="3788">
                  <c:v>37.753999999999998</c:v>
                </c:pt>
                <c:pt idx="3789">
                  <c:v>37.762999999999998</c:v>
                </c:pt>
                <c:pt idx="3790">
                  <c:v>37.771999999999998</c:v>
                </c:pt>
                <c:pt idx="3791">
                  <c:v>37.783000000000001</c:v>
                </c:pt>
                <c:pt idx="3792">
                  <c:v>37.792000000000002</c:v>
                </c:pt>
                <c:pt idx="3793">
                  <c:v>37.802999999999997</c:v>
                </c:pt>
                <c:pt idx="3794">
                  <c:v>37.811999999999998</c:v>
                </c:pt>
                <c:pt idx="3795">
                  <c:v>37.823</c:v>
                </c:pt>
                <c:pt idx="3796">
                  <c:v>37.832000000000001</c:v>
                </c:pt>
                <c:pt idx="3797">
                  <c:v>37.841999999999999</c:v>
                </c:pt>
                <c:pt idx="3798">
                  <c:v>37.850999999999999</c:v>
                </c:pt>
                <c:pt idx="3799">
                  <c:v>37.862000000000002</c:v>
                </c:pt>
                <c:pt idx="3800">
                  <c:v>37.871000000000002</c:v>
                </c:pt>
                <c:pt idx="3801">
                  <c:v>37.880000000000003</c:v>
                </c:pt>
                <c:pt idx="3802">
                  <c:v>37.890999999999998</c:v>
                </c:pt>
                <c:pt idx="3803">
                  <c:v>37.9</c:v>
                </c:pt>
                <c:pt idx="3804">
                  <c:v>37.909999999999997</c:v>
                </c:pt>
                <c:pt idx="3805">
                  <c:v>37.918999999999997</c:v>
                </c:pt>
                <c:pt idx="3806">
                  <c:v>37.929000000000002</c:v>
                </c:pt>
                <c:pt idx="3807">
                  <c:v>37.939</c:v>
                </c:pt>
                <c:pt idx="3808">
                  <c:v>37.948</c:v>
                </c:pt>
                <c:pt idx="3809">
                  <c:v>37.959000000000003</c:v>
                </c:pt>
                <c:pt idx="3810">
                  <c:v>37.968000000000004</c:v>
                </c:pt>
                <c:pt idx="3811">
                  <c:v>37.978999999999999</c:v>
                </c:pt>
                <c:pt idx="3812">
                  <c:v>37.988</c:v>
                </c:pt>
                <c:pt idx="3813">
                  <c:v>37.997</c:v>
                </c:pt>
                <c:pt idx="3814">
                  <c:v>38.008000000000003</c:v>
                </c:pt>
                <c:pt idx="3815">
                  <c:v>38.017000000000003</c:v>
                </c:pt>
                <c:pt idx="3816">
                  <c:v>38.026000000000003</c:v>
                </c:pt>
                <c:pt idx="3817">
                  <c:v>38.036999999999999</c:v>
                </c:pt>
                <c:pt idx="3818">
                  <c:v>38.045999999999999</c:v>
                </c:pt>
                <c:pt idx="3819">
                  <c:v>38.055</c:v>
                </c:pt>
                <c:pt idx="3820">
                  <c:v>38.064999999999998</c:v>
                </c:pt>
                <c:pt idx="3821">
                  <c:v>38.073999999999998</c:v>
                </c:pt>
                <c:pt idx="3822">
                  <c:v>38.084000000000003</c:v>
                </c:pt>
                <c:pt idx="3823">
                  <c:v>38.093000000000004</c:v>
                </c:pt>
                <c:pt idx="3824">
                  <c:v>38.103999999999999</c:v>
                </c:pt>
                <c:pt idx="3825">
                  <c:v>38.113</c:v>
                </c:pt>
                <c:pt idx="3826">
                  <c:v>38.122999999999998</c:v>
                </c:pt>
                <c:pt idx="3827">
                  <c:v>38.133000000000003</c:v>
                </c:pt>
                <c:pt idx="3828">
                  <c:v>38.143000000000001</c:v>
                </c:pt>
                <c:pt idx="3829">
                  <c:v>38.152999999999999</c:v>
                </c:pt>
                <c:pt idx="3830">
                  <c:v>38.162999999999997</c:v>
                </c:pt>
                <c:pt idx="3831">
                  <c:v>38.173999999999999</c:v>
                </c:pt>
                <c:pt idx="3832">
                  <c:v>38.183</c:v>
                </c:pt>
                <c:pt idx="3833">
                  <c:v>38.192999999999998</c:v>
                </c:pt>
                <c:pt idx="3834">
                  <c:v>38.201999999999998</c:v>
                </c:pt>
                <c:pt idx="3835">
                  <c:v>38.213000000000001</c:v>
                </c:pt>
                <c:pt idx="3836">
                  <c:v>38.222000000000001</c:v>
                </c:pt>
                <c:pt idx="3837">
                  <c:v>38.231999999999999</c:v>
                </c:pt>
                <c:pt idx="3838">
                  <c:v>38.241999999999997</c:v>
                </c:pt>
                <c:pt idx="3839">
                  <c:v>38.250999999999998</c:v>
                </c:pt>
                <c:pt idx="3840">
                  <c:v>38.262</c:v>
                </c:pt>
                <c:pt idx="3841">
                  <c:v>38.271000000000001</c:v>
                </c:pt>
                <c:pt idx="3842">
                  <c:v>38.280999999999999</c:v>
                </c:pt>
                <c:pt idx="3843">
                  <c:v>38.290999999999997</c:v>
                </c:pt>
                <c:pt idx="3844">
                  <c:v>38.301000000000002</c:v>
                </c:pt>
                <c:pt idx="3845">
                  <c:v>38.311</c:v>
                </c:pt>
                <c:pt idx="3846">
                  <c:v>38.320999999999998</c:v>
                </c:pt>
                <c:pt idx="3847">
                  <c:v>38.33</c:v>
                </c:pt>
                <c:pt idx="3848">
                  <c:v>38.341000000000001</c:v>
                </c:pt>
                <c:pt idx="3849">
                  <c:v>38.350999999999999</c:v>
                </c:pt>
                <c:pt idx="3850">
                  <c:v>38.36</c:v>
                </c:pt>
                <c:pt idx="3851">
                  <c:v>38.369999999999997</c:v>
                </c:pt>
                <c:pt idx="3852">
                  <c:v>38.380000000000003</c:v>
                </c:pt>
                <c:pt idx="3853">
                  <c:v>38.39</c:v>
                </c:pt>
                <c:pt idx="3854">
                  <c:v>38.399000000000001</c:v>
                </c:pt>
                <c:pt idx="3855">
                  <c:v>38.409999999999997</c:v>
                </c:pt>
                <c:pt idx="3856">
                  <c:v>38.418999999999997</c:v>
                </c:pt>
                <c:pt idx="3857">
                  <c:v>38.43</c:v>
                </c:pt>
                <c:pt idx="3858">
                  <c:v>38.439</c:v>
                </c:pt>
                <c:pt idx="3859">
                  <c:v>38.448999999999998</c:v>
                </c:pt>
                <c:pt idx="3860">
                  <c:v>38.46</c:v>
                </c:pt>
                <c:pt idx="3861">
                  <c:v>38.469000000000001</c:v>
                </c:pt>
                <c:pt idx="3862">
                  <c:v>38.478999999999999</c:v>
                </c:pt>
                <c:pt idx="3863">
                  <c:v>38.488</c:v>
                </c:pt>
                <c:pt idx="3864">
                  <c:v>38.499000000000002</c:v>
                </c:pt>
                <c:pt idx="3865">
                  <c:v>38.509</c:v>
                </c:pt>
                <c:pt idx="3866">
                  <c:v>38.518000000000001</c:v>
                </c:pt>
                <c:pt idx="3867">
                  <c:v>38.529000000000003</c:v>
                </c:pt>
                <c:pt idx="3868">
                  <c:v>38.537999999999997</c:v>
                </c:pt>
                <c:pt idx="3869">
                  <c:v>38.548000000000002</c:v>
                </c:pt>
                <c:pt idx="3870">
                  <c:v>38.557000000000002</c:v>
                </c:pt>
                <c:pt idx="3871">
                  <c:v>38.567</c:v>
                </c:pt>
                <c:pt idx="3872">
                  <c:v>38.576999999999998</c:v>
                </c:pt>
                <c:pt idx="3873">
                  <c:v>38.587000000000003</c:v>
                </c:pt>
                <c:pt idx="3874">
                  <c:v>38.595999999999997</c:v>
                </c:pt>
                <c:pt idx="3875">
                  <c:v>38.606999999999999</c:v>
                </c:pt>
                <c:pt idx="3876">
                  <c:v>38.615000000000002</c:v>
                </c:pt>
                <c:pt idx="3877">
                  <c:v>38.625</c:v>
                </c:pt>
                <c:pt idx="3878">
                  <c:v>38.636000000000003</c:v>
                </c:pt>
                <c:pt idx="3879">
                  <c:v>38.645000000000003</c:v>
                </c:pt>
                <c:pt idx="3880">
                  <c:v>38.655000000000001</c:v>
                </c:pt>
                <c:pt idx="3881">
                  <c:v>38.664999999999999</c:v>
                </c:pt>
                <c:pt idx="3882">
                  <c:v>38.673999999999999</c:v>
                </c:pt>
                <c:pt idx="3883">
                  <c:v>38.683999999999997</c:v>
                </c:pt>
                <c:pt idx="3884">
                  <c:v>38.694000000000003</c:v>
                </c:pt>
                <c:pt idx="3885">
                  <c:v>38.704000000000001</c:v>
                </c:pt>
                <c:pt idx="3886">
                  <c:v>38.713000000000001</c:v>
                </c:pt>
                <c:pt idx="3887">
                  <c:v>38.723999999999997</c:v>
                </c:pt>
                <c:pt idx="3888">
                  <c:v>38.732999999999997</c:v>
                </c:pt>
                <c:pt idx="3889">
                  <c:v>38.744</c:v>
                </c:pt>
                <c:pt idx="3890">
                  <c:v>38.753</c:v>
                </c:pt>
                <c:pt idx="3891">
                  <c:v>38.762999999999998</c:v>
                </c:pt>
                <c:pt idx="3892">
                  <c:v>38.773000000000003</c:v>
                </c:pt>
                <c:pt idx="3893">
                  <c:v>38.783000000000001</c:v>
                </c:pt>
                <c:pt idx="3894">
                  <c:v>38.792000000000002</c:v>
                </c:pt>
                <c:pt idx="3895">
                  <c:v>38.802999999999997</c:v>
                </c:pt>
                <c:pt idx="3896">
                  <c:v>38.811999999999998</c:v>
                </c:pt>
                <c:pt idx="3897">
                  <c:v>38.823</c:v>
                </c:pt>
                <c:pt idx="3898">
                  <c:v>38.832000000000001</c:v>
                </c:pt>
                <c:pt idx="3899">
                  <c:v>38.841999999999999</c:v>
                </c:pt>
                <c:pt idx="3900">
                  <c:v>38.851999999999997</c:v>
                </c:pt>
                <c:pt idx="3901">
                  <c:v>38.862000000000002</c:v>
                </c:pt>
                <c:pt idx="3902">
                  <c:v>38.872</c:v>
                </c:pt>
                <c:pt idx="3903">
                  <c:v>38.881999999999998</c:v>
                </c:pt>
                <c:pt idx="3904">
                  <c:v>38.890999999999998</c:v>
                </c:pt>
                <c:pt idx="3905">
                  <c:v>38.9</c:v>
                </c:pt>
                <c:pt idx="3906">
                  <c:v>38.909999999999997</c:v>
                </c:pt>
                <c:pt idx="3907">
                  <c:v>38.92</c:v>
                </c:pt>
                <c:pt idx="3908">
                  <c:v>38.93</c:v>
                </c:pt>
                <c:pt idx="3909">
                  <c:v>38.939</c:v>
                </c:pt>
                <c:pt idx="3910">
                  <c:v>38.950000000000003</c:v>
                </c:pt>
                <c:pt idx="3911">
                  <c:v>38.959000000000003</c:v>
                </c:pt>
                <c:pt idx="3912">
                  <c:v>38.969000000000001</c:v>
                </c:pt>
                <c:pt idx="3913">
                  <c:v>38.979999999999997</c:v>
                </c:pt>
                <c:pt idx="3914">
                  <c:v>38.99</c:v>
                </c:pt>
                <c:pt idx="3915">
                  <c:v>38.999000000000002</c:v>
                </c:pt>
                <c:pt idx="3916">
                  <c:v>39.009</c:v>
                </c:pt>
                <c:pt idx="3917">
                  <c:v>39.018999999999998</c:v>
                </c:pt>
                <c:pt idx="3918">
                  <c:v>39.029000000000003</c:v>
                </c:pt>
                <c:pt idx="3919">
                  <c:v>39.039000000000001</c:v>
                </c:pt>
                <c:pt idx="3920">
                  <c:v>39.048999999999999</c:v>
                </c:pt>
                <c:pt idx="3921">
                  <c:v>39.058999999999997</c:v>
                </c:pt>
                <c:pt idx="3922">
                  <c:v>39.069000000000003</c:v>
                </c:pt>
                <c:pt idx="3923">
                  <c:v>39.078000000000003</c:v>
                </c:pt>
                <c:pt idx="3924">
                  <c:v>39.088999999999999</c:v>
                </c:pt>
                <c:pt idx="3925">
                  <c:v>39.097999999999999</c:v>
                </c:pt>
                <c:pt idx="3926">
                  <c:v>39.107999999999997</c:v>
                </c:pt>
                <c:pt idx="3927">
                  <c:v>39.116999999999997</c:v>
                </c:pt>
                <c:pt idx="3928">
                  <c:v>39.127000000000002</c:v>
                </c:pt>
                <c:pt idx="3929">
                  <c:v>39.137</c:v>
                </c:pt>
                <c:pt idx="3930">
                  <c:v>39.148000000000003</c:v>
                </c:pt>
                <c:pt idx="3931">
                  <c:v>39.156999999999996</c:v>
                </c:pt>
                <c:pt idx="3932">
                  <c:v>39.167999999999999</c:v>
                </c:pt>
                <c:pt idx="3933">
                  <c:v>39.177</c:v>
                </c:pt>
                <c:pt idx="3934">
                  <c:v>39.186</c:v>
                </c:pt>
                <c:pt idx="3935">
                  <c:v>39.197000000000003</c:v>
                </c:pt>
                <c:pt idx="3936">
                  <c:v>39.207000000000001</c:v>
                </c:pt>
                <c:pt idx="3937">
                  <c:v>39.216999999999999</c:v>
                </c:pt>
                <c:pt idx="3938">
                  <c:v>39.226999999999997</c:v>
                </c:pt>
                <c:pt idx="3939">
                  <c:v>39.237000000000002</c:v>
                </c:pt>
                <c:pt idx="3940">
                  <c:v>39.246000000000002</c:v>
                </c:pt>
                <c:pt idx="3941">
                  <c:v>39.256999999999998</c:v>
                </c:pt>
                <c:pt idx="3942">
                  <c:v>39.265999999999998</c:v>
                </c:pt>
                <c:pt idx="3943">
                  <c:v>39.277000000000001</c:v>
                </c:pt>
                <c:pt idx="3944">
                  <c:v>39.286000000000001</c:v>
                </c:pt>
                <c:pt idx="3945">
                  <c:v>39.295999999999999</c:v>
                </c:pt>
                <c:pt idx="3946">
                  <c:v>39.305999999999997</c:v>
                </c:pt>
                <c:pt idx="3947">
                  <c:v>39.316000000000003</c:v>
                </c:pt>
                <c:pt idx="3948">
                  <c:v>39.326000000000001</c:v>
                </c:pt>
                <c:pt idx="3949">
                  <c:v>39.335999999999999</c:v>
                </c:pt>
                <c:pt idx="3950">
                  <c:v>39.345999999999997</c:v>
                </c:pt>
                <c:pt idx="3951">
                  <c:v>39.356000000000002</c:v>
                </c:pt>
                <c:pt idx="3952">
                  <c:v>39.366</c:v>
                </c:pt>
                <c:pt idx="3953">
                  <c:v>39.375999999999998</c:v>
                </c:pt>
                <c:pt idx="3954">
                  <c:v>39.386000000000003</c:v>
                </c:pt>
                <c:pt idx="3955">
                  <c:v>39.395000000000003</c:v>
                </c:pt>
                <c:pt idx="3956">
                  <c:v>39.405000000000001</c:v>
                </c:pt>
                <c:pt idx="3957">
                  <c:v>39.414999999999999</c:v>
                </c:pt>
                <c:pt idx="3958">
                  <c:v>39.424999999999997</c:v>
                </c:pt>
                <c:pt idx="3959">
                  <c:v>39.433999999999997</c:v>
                </c:pt>
                <c:pt idx="3960">
                  <c:v>39.444000000000003</c:v>
                </c:pt>
                <c:pt idx="3961">
                  <c:v>39.454000000000001</c:v>
                </c:pt>
                <c:pt idx="3962">
                  <c:v>39.463999999999999</c:v>
                </c:pt>
                <c:pt idx="3963">
                  <c:v>39.475000000000001</c:v>
                </c:pt>
                <c:pt idx="3964">
                  <c:v>39.484000000000002</c:v>
                </c:pt>
                <c:pt idx="3965">
                  <c:v>39.494</c:v>
                </c:pt>
                <c:pt idx="3966">
                  <c:v>39.503999999999998</c:v>
                </c:pt>
                <c:pt idx="3967">
                  <c:v>39.514000000000003</c:v>
                </c:pt>
                <c:pt idx="3968">
                  <c:v>39.524000000000001</c:v>
                </c:pt>
                <c:pt idx="3969">
                  <c:v>39.533999999999999</c:v>
                </c:pt>
                <c:pt idx="3970">
                  <c:v>39.543999999999997</c:v>
                </c:pt>
                <c:pt idx="3971">
                  <c:v>39.552999999999997</c:v>
                </c:pt>
                <c:pt idx="3972">
                  <c:v>39.564</c:v>
                </c:pt>
                <c:pt idx="3973">
                  <c:v>39.573</c:v>
                </c:pt>
                <c:pt idx="3974">
                  <c:v>39.584000000000003</c:v>
                </c:pt>
                <c:pt idx="3975">
                  <c:v>39.593000000000004</c:v>
                </c:pt>
                <c:pt idx="3976">
                  <c:v>39.603000000000002</c:v>
                </c:pt>
                <c:pt idx="3977">
                  <c:v>39.612000000000002</c:v>
                </c:pt>
                <c:pt idx="3978">
                  <c:v>39.622999999999998</c:v>
                </c:pt>
                <c:pt idx="3979">
                  <c:v>39.633000000000003</c:v>
                </c:pt>
                <c:pt idx="3980">
                  <c:v>39.643000000000001</c:v>
                </c:pt>
                <c:pt idx="3981">
                  <c:v>39.652999999999999</c:v>
                </c:pt>
                <c:pt idx="3982">
                  <c:v>39.662999999999997</c:v>
                </c:pt>
                <c:pt idx="3983">
                  <c:v>39.671999999999997</c:v>
                </c:pt>
                <c:pt idx="3984">
                  <c:v>39.682000000000002</c:v>
                </c:pt>
                <c:pt idx="3985">
                  <c:v>39.692999999999998</c:v>
                </c:pt>
                <c:pt idx="3986">
                  <c:v>39.701999999999998</c:v>
                </c:pt>
                <c:pt idx="3987">
                  <c:v>39.712000000000003</c:v>
                </c:pt>
                <c:pt idx="3988">
                  <c:v>39.722999999999999</c:v>
                </c:pt>
                <c:pt idx="3989">
                  <c:v>39.731999999999999</c:v>
                </c:pt>
                <c:pt idx="3990">
                  <c:v>39.741</c:v>
                </c:pt>
                <c:pt idx="3991">
                  <c:v>39.752000000000002</c:v>
                </c:pt>
                <c:pt idx="3992">
                  <c:v>39.762</c:v>
                </c:pt>
                <c:pt idx="3993">
                  <c:v>39.771000000000001</c:v>
                </c:pt>
                <c:pt idx="3994">
                  <c:v>39.781999999999996</c:v>
                </c:pt>
                <c:pt idx="3995">
                  <c:v>39.790999999999997</c:v>
                </c:pt>
                <c:pt idx="3996">
                  <c:v>39.799999999999997</c:v>
                </c:pt>
                <c:pt idx="3997">
                  <c:v>39.811</c:v>
                </c:pt>
                <c:pt idx="3998">
                  <c:v>39.820999999999998</c:v>
                </c:pt>
                <c:pt idx="3999">
                  <c:v>39.831000000000003</c:v>
                </c:pt>
                <c:pt idx="4000">
                  <c:v>39.840000000000003</c:v>
                </c:pt>
                <c:pt idx="4001">
                  <c:v>39.850999999999999</c:v>
                </c:pt>
                <c:pt idx="4002">
                  <c:v>39.860999999999997</c:v>
                </c:pt>
                <c:pt idx="4003">
                  <c:v>39.869999999999997</c:v>
                </c:pt>
                <c:pt idx="4004">
                  <c:v>39.881</c:v>
                </c:pt>
                <c:pt idx="4005">
                  <c:v>39.89</c:v>
                </c:pt>
                <c:pt idx="4006">
                  <c:v>39.9</c:v>
                </c:pt>
                <c:pt idx="4007">
                  <c:v>39.909999999999997</c:v>
                </c:pt>
                <c:pt idx="4008">
                  <c:v>39.918999999999997</c:v>
                </c:pt>
                <c:pt idx="4009">
                  <c:v>39.929000000000002</c:v>
                </c:pt>
                <c:pt idx="4010">
                  <c:v>39.94</c:v>
                </c:pt>
                <c:pt idx="4011">
                  <c:v>39.948999999999998</c:v>
                </c:pt>
                <c:pt idx="4012">
                  <c:v>39.959000000000003</c:v>
                </c:pt>
                <c:pt idx="4013">
                  <c:v>39.968000000000004</c:v>
                </c:pt>
                <c:pt idx="4014">
                  <c:v>39.978999999999999</c:v>
                </c:pt>
                <c:pt idx="4015">
                  <c:v>39.988999999999997</c:v>
                </c:pt>
                <c:pt idx="4016">
                  <c:v>39.997999999999998</c:v>
                </c:pt>
                <c:pt idx="4017">
                  <c:v>40.009</c:v>
                </c:pt>
                <c:pt idx="4018">
                  <c:v>40.018000000000001</c:v>
                </c:pt>
                <c:pt idx="4019">
                  <c:v>40.029000000000003</c:v>
                </c:pt>
                <c:pt idx="4020">
                  <c:v>40.037999999999997</c:v>
                </c:pt>
                <c:pt idx="4021">
                  <c:v>40.048000000000002</c:v>
                </c:pt>
                <c:pt idx="4022">
                  <c:v>40.057000000000002</c:v>
                </c:pt>
                <c:pt idx="4023">
                  <c:v>40.067</c:v>
                </c:pt>
                <c:pt idx="4024">
                  <c:v>40.078000000000003</c:v>
                </c:pt>
                <c:pt idx="4025">
                  <c:v>40.087000000000003</c:v>
                </c:pt>
                <c:pt idx="4026">
                  <c:v>40.097999999999999</c:v>
                </c:pt>
                <c:pt idx="4027">
                  <c:v>40.106999999999999</c:v>
                </c:pt>
                <c:pt idx="4028">
                  <c:v>40.116999999999997</c:v>
                </c:pt>
                <c:pt idx="4029">
                  <c:v>40.127000000000002</c:v>
                </c:pt>
                <c:pt idx="4030">
                  <c:v>40.136000000000003</c:v>
                </c:pt>
                <c:pt idx="4031">
                  <c:v>40.146000000000001</c:v>
                </c:pt>
                <c:pt idx="4032">
                  <c:v>40.155999999999999</c:v>
                </c:pt>
                <c:pt idx="4033">
                  <c:v>40.165999999999997</c:v>
                </c:pt>
                <c:pt idx="4034">
                  <c:v>40.176000000000002</c:v>
                </c:pt>
                <c:pt idx="4035">
                  <c:v>40.186</c:v>
                </c:pt>
                <c:pt idx="4036">
                  <c:v>40.195</c:v>
                </c:pt>
                <c:pt idx="4037">
                  <c:v>40.206000000000003</c:v>
                </c:pt>
                <c:pt idx="4038">
                  <c:v>40.215000000000003</c:v>
                </c:pt>
                <c:pt idx="4039">
                  <c:v>40.225000000000001</c:v>
                </c:pt>
                <c:pt idx="4040">
                  <c:v>40.234999999999999</c:v>
                </c:pt>
                <c:pt idx="4041">
                  <c:v>40.244</c:v>
                </c:pt>
                <c:pt idx="4042">
                  <c:v>40.255000000000003</c:v>
                </c:pt>
                <c:pt idx="4043">
                  <c:v>40.264000000000003</c:v>
                </c:pt>
                <c:pt idx="4044">
                  <c:v>40.274000000000001</c:v>
                </c:pt>
                <c:pt idx="4045">
                  <c:v>40.283999999999999</c:v>
                </c:pt>
                <c:pt idx="4046">
                  <c:v>40.295000000000002</c:v>
                </c:pt>
                <c:pt idx="4047">
                  <c:v>40.304000000000002</c:v>
                </c:pt>
                <c:pt idx="4048">
                  <c:v>40.314</c:v>
                </c:pt>
                <c:pt idx="4049">
                  <c:v>40.323999999999998</c:v>
                </c:pt>
                <c:pt idx="4050">
                  <c:v>40.334000000000003</c:v>
                </c:pt>
                <c:pt idx="4051">
                  <c:v>40.344000000000001</c:v>
                </c:pt>
                <c:pt idx="4052">
                  <c:v>40.353000000000002</c:v>
                </c:pt>
                <c:pt idx="4053">
                  <c:v>40.363999999999997</c:v>
                </c:pt>
                <c:pt idx="4054">
                  <c:v>40.372999999999998</c:v>
                </c:pt>
                <c:pt idx="4055">
                  <c:v>40.383000000000003</c:v>
                </c:pt>
                <c:pt idx="4056">
                  <c:v>40.392000000000003</c:v>
                </c:pt>
                <c:pt idx="4057">
                  <c:v>40.402000000000001</c:v>
                </c:pt>
                <c:pt idx="4058">
                  <c:v>40.411999999999999</c:v>
                </c:pt>
                <c:pt idx="4059">
                  <c:v>40.421999999999997</c:v>
                </c:pt>
                <c:pt idx="4060">
                  <c:v>40.432000000000002</c:v>
                </c:pt>
                <c:pt idx="4061">
                  <c:v>40.442</c:v>
                </c:pt>
                <c:pt idx="4062">
                  <c:v>40.451999999999998</c:v>
                </c:pt>
                <c:pt idx="4063">
                  <c:v>40.462000000000003</c:v>
                </c:pt>
                <c:pt idx="4064">
                  <c:v>40.472999999999999</c:v>
                </c:pt>
                <c:pt idx="4065">
                  <c:v>40.481999999999999</c:v>
                </c:pt>
                <c:pt idx="4066">
                  <c:v>40.491999999999997</c:v>
                </c:pt>
                <c:pt idx="4067">
                  <c:v>40.502000000000002</c:v>
                </c:pt>
                <c:pt idx="4068">
                  <c:v>40.511000000000003</c:v>
                </c:pt>
                <c:pt idx="4069">
                  <c:v>40.521999999999998</c:v>
                </c:pt>
                <c:pt idx="4070">
                  <c:v>40.531999999999996</c:v>
                </c:pt>
                <c:pt idx="4071">
                  <c:v>40.540999999999997</c:v>
                </c:pt>
                <c:pt idx="4072">
                  <c:v>40.551000000000002</c:v>
                </c:pt>
                <c:pt idx="4073">
                  <c:v>40.561</c:v>
                </c:pt>
                <c:pt idx="4074">
                  <c:v>40.57</c:v>
                </c:pt>
                <c:pt idx="4075">
                  <c:v>40.581000000000003</c:v>
                </c:pt>
                <c:pt idx="4076">
                  <c:v>40.590000000000003</c:v>
                </c:pt>
                <c:pt idx="4077">
                  <c:v>40.600999999999999</c:v>
                </c:pt>
                <c:pt idx="4078">
                  <c:v>40.61</c:v>
                </c:pt>
                <c:pt idx="4079">
                  <c:v>40.619999999999997</c:v>
                </c:pt>
                <c:pt idx="4080">
                  <c:v>40.628999999999998</c:v>
                </c:pt>
                <c:pt idx="4081">
                  <c:v>40.639000000000003</c:v>
                </c:pt>
                <c:pt idx="4082">
                  <c:v>40.65</c:v>
                </c:pt>
                <c:pt idx="4083">
                  <c:v>40.658999999999999</c:v>
                </c:pt>
                <c:pt idx="4084">
                  <c:v>40.668999999999997</c:v>
                </c:pt>
                <c:pt idx="4085">
                  <c:v>40.68</c:v>
                </c:pt>
                <c:pt idx="4086">
                  <c:v>40.689</c:v>
                </c:pt>
                <c:pt idx="4087">
                  <c:v>40.698999999999998</c:v>
                </c:pt>
                <c:pt idx="4088">
                  <c:v>40.709000000000003</c:v>
                </c:pt>
                <c:pt idx="4089">
                  <c:v>40.718000000000004</c:v>
                </c:pt>
                <c:pt idx="4090">
                  <c:v>40.728999999999999</c:v>
                </c:pt>
                <c:pt idx="4091">
                  <c:v>40.738</c:v>
                </c:pt>
                <c:pt idx="4092">
                  <c:v>40.747</c:v>
                </c:pt>
                <c:pt idx="4093">
                  <c:v>40.758000000000003</c:v>
                </c:pt>
                <c:pt idx="4094">
                  <c:v>40.767000000000003</c:v>
                </c:pt>
                <c:pt idx="4095">
                  <c:v>40.777000000000001</c:v>
                </c:pt>
                <c:pt idx="4096">
                  <c:v>40.786999999999999</c:v>
                </c:pt>
                <c:pt idx="4097">
                  <c:v>40.796999999999997</c:v>
                </c:pt>
                <c:pt idx="4098">
                  <c:v>40.807000000000002</c:v>
                </c:pt>
                <c:pt idx="4099">
                  <c:v>40.816000000000003</c:v>
                </c:pt>
                <c:pt idx="4100">
                  <c:v>40.826999999999998</c:v>
                </c:pt>
                <c:pt idx="4101">
                  <c:v>40.835999999999999</c:v>
                </c:pt>
                <c:pt idx="4102">
                  <c:v>40.845999999999997</c:v>
                </c:pt>
                <c:pt idx="4103">
                  <c:v>40.856999999999999</c:v>
                </c:pt>
                <c:pt idx="4104">
                  <c:v>40.866</c:v>
                </c:pt>
                <c:pt idx="4105">
                  <c:v>40.875999999999998</c:v>
                </c:pt>
                <c:pt idx="4106">
                  <c:v>40.884999999999998</c:v>
                </c:pt>
                <c:pt idx="4107">
                  <c:v>40.895000000000003</c:v>
                </c:pt>
                <c:pt idx="4108">
                  <c:v>40.905000000000001</c:v>
                </c:pt>
                <c:pt idx="4109">
                  <c:v>40.912999999999997</c:v>
                </c:pt>
                <c:pt idx="4110">
                  <c:v>40.923000000000002</c:v>
                </c:pt>
                <c:pt idx="4111">
                  <c:v>40.933</c:v>
                </c:pt>
                <c:pt idx="4112">
                  <c:v>40.942999999999998</c:v>
                </c:pt>
                <c:pt idx="4113">
                  <c:v>40.953000000000003</c:v>
                </c:pt>
                <c:pt idx="4114">
                  <c:v>40.962000000000003</c:v>
                </c:pt>
                <c:pt idx="4115">
                  <c:v>40.972999999999999</c:v>
                </c:pt>
                <c:pt idx="4116">
                  <c:v>40.982999999999997</c:v>
                </c:pt>
                <c:pt idx="4117">
                  <c:v>40.991999999999997</c:v>
                </c:pt>
                <c:pt idx="4118">
                  <c:v>41.002000000000002</c:v>
                </c:pt>
                <c:pt idx="4119">
                  <c:v>41.012</c:v>
                </c:pt>
                <c:pt idx="4120">
                  <c:v>41.021999999999998</c:v>
                </c:pt>
                <c:pt idx="4121">
                  <c:v>41.031999999999996</c:v>
                </c:pt>
                <c:pt idx="4122">
                  <c:v>41.040999999999997</c:v>
                </c:pt>
                <c:pt idx="4123">
                  <c:v>41.051000000000002</c:v>
                </c:pt>
                <c:pt idx="4124">
                  <c:v>41.06</c:v>
                </c:pt>
                <c:pt idx="4125">
                  <c:v>41.070999999999998</c:v>
                </c:pt>
                <c:pt idx="4126">
                  <c:v>41.08</c:v>
                </c:pt>
                <c:pt idx="4127">
                  <c:v>41.09</c:v>
                </c:pt>
                <c:pt idx="4128">
                  <c:v>41.098999999999997</c:v>
                </c:pt>
                <c:pt idx="4129">
                  <c:v>41.109000000000002</c:v>
                </c:pt>
                <c:pt idx="4130">
                  <c:v>41.118000000000002</c:v>
                </c:pt>
                <c:pt idx="4131">
                  <c:v>41.128</c:v>
                </c:pt>
                <c:pt idx="4132">
                  <c:v>41.137999999999998</c:v>
                </c:pt>
                <c:pt idx="4133">
                  <c:v>41.146999999999998</c:v>
                </c:pt>
                <c:pt idx="4134">
                  <c:v>41.156999999999996</c:v>
                </c:pt>
                <c:pt idx="4135">
                  <c:v>41.167999999999999</c:v>
                </c:pt>
                <c:pt idx="4136">
                  <c:v>41.177</c:v>
                </c:pt>
                <c:pt idx="4137">
                  <c:v>41.186999999999998</c:v>
                </c:pt>
                <c:pt idx="4138">
                  <c:v>41.195999999999998</c:v>
                </c:pt>
                <c:pt idx="4139">
                  <c:v>41.207000000000001</c:v>
                </c:pt>
                <c:pt idx="4140">
                  <c:v>41.216999999999999</c:v>
                </c:pt>
                <c:pt idx="4141">
                  <c:v>41.225999999999999</c:v>
                </c:pt>
                <c:pt idx="4142">
                  <c:v>41.237000000000002</c:v>
                </c:pt>
                <c:pt idx="4143">
                  <c:v>41.246000000000002</c:v>
                </c:pt>
                <c:pt idx="4144">
                  <c:v>41.255000000000003</c:v>
                </c:pt>
                <c:pt idx="4145">
                  <c:v>41.265999999999998</c:v>
                </c:pt>
                <c:pt idx="4146">
                  <c:v>41.274999999999999</c:v>
                </c:pt>
                <c:pt idx="4147">
                  <c:v>41.284999999999997</c:v>
                </c:pt>
                <c:pt idx="4148">
                  <c:v>41.293999999999997</c:v>
                </c:pt>
                <c:pt idx="4149">
                  <c:v>41.305</c:v>
                </c:pt>
                <c:pt idx="4150">
                  <c:v>41.314999999999998</c:v>
                </c:pt>
                <c:pt idx="4151">
                  <c:v>41.325000000000003</c:v>
                </c:pt>
                <c:pt idx="4152">
                  <c:v>41.334000000000003</c:v>
                </c:pt>
                <c:pt idx="4153">
                  <c:v>41.344999999999999</c:v>
                </c:pt>
                <c:pt idx="4154">
                  <c:v>41.353999999999999</c:v>
                </c:pt>
                <c:pt idx="4155">
                  <c:v>41.363</c:v>
                </c:pt>
                <c:pt idx="4156">
                  <c:v>41.372999999999998</c:v>
                </c:pt>
                <c:pt idx="4157">
                  <c:v>41.384</c:v>
                </c:pt>
                <c:pt idx="4158">
                  <c:v>41.393000000000001</c:v>
                </c:pt>
                <c:pt idx="4159">
                  <c:v>41.402000000000001</c:v>
                </c:pt>
                <c:pt idx="4160">
                  <c:v>41.411999999999999</c:v>
                </c:pt>
                <c:pt idx="4161">
                  <c:v>41.421999999999997</c:v>
                </c:pt>
                <c:pt idx="4162">
                  <c:v>41.432000000000002</c:v>
                </c:pt>
                <c:pt idx="4163">
                  <c:v>41.441000000000003</c:v>
                </c:pt>
                <c:pt idx="4164">
                  <c:v>41.45</c:v>
                </c:pt>
                <c:pt idx="4165">
                  <c:v>41.46</c:v>
                </c:pt>
                <c:pt idx="4166">
                  <c:v>41.470999999999997</c:v>
                </c:pt>
                <c:pt idx="4167">
                  <c:v>41.481000000000002</c:v>
                </c:pt>
                <c:pt idx="4168">
                  <c:v>41.49</c:v>
                </c:pt>
                <c:pt idx="4169">
                  <c:v>41.5</c:v>
                </c:pt>
                <c:pt idx="4170">
                  <c:v>41.511000000000003</c:v>
                </c:pt>
                <c:pt idx="4171">
                  <c:v>41.52</c:v>
                </c:pt>
                <c:pt idx="4172">
                  <c:v>41.53</c:v>
                </c:pt>
                <c:pt idx="4173">
                  <c:v>41.539000000000001</c:v>
                </c:pt>
                <c:pt idx="4174">
                  <c:v>41.55</c:v>
                </c:pt>
                <c:pt idx="4175">
                  <c:v>41.558999999999997</c:v>
                </c:pt>
                <c:pt idx="4176">
                  <c:v>41.567999999999998</c:v>
                </c:pt>
                <c:pt idx="4177">
                  <c:v>41.578000000000003</c:v>
                </c:pt>
                <c:pt idx="4178">
                  <c:v>41.588000000000001</c:v>
                </c:pt>
                <c:pt idx="4179">
                  <c:v>41.597999999999999</c:v>
                </c:pt>
                <c:pt idx="4180">
                  <c:v>41.606999999999999</c:v>
                </c:pt>
                <c:pt idx="4181">
                  <c:v>41.618000000000002</c:v>
                </c:pt>
                <c:pt idx="4182">
                  <c:v>41.628</c:v>
                </c:pt>
                <c:pt idx="4183">
                  <c:v>41.637</c:v>
                </c:pt>
                <c:pt idx="4184">
                  <c:v>41.648000000000003</c:v>
                </c:pt>
                <c:pt idx="4185">
                  <c:v>41.656999999999996</c:v>
                </c:pt>
                <c:pt idx="4186">
                  <c:v>41.667000000000002</c:v>
                </c:pt>
                <c:pt idx="4187">
                  <c:v>41.676000000000002</c:v>
                </c:pt>
                <c:pt idx="4188">
                  <c:v>41.686999999999998</c:v>
                </c:pt>
                <c:pt idx="4189">
                  <c:v>41.695999999999998</c:v>
                </c:pt>
                <c:pt idx="4190">
                  <c:v>41.706000000000003</c:v>
                </c:pt>
                <c:pt idx="4191">
                  <c:v>41.715000000000003</c:v>
                </c:pt>
                <c:pt idx="4192">
                  <c:v>41.725000000000001</c:v>
                </c:pt>
                <c:pt idx="4193">
                  <c:v>41.734999999999999</c:v>
                </c:pt>
                <c:pt idx="4194">
                  <c:v>41.744</c:v>
                </c:pt>
                <c:pt idx="4195">
                  <c:v>41.753999999999998</c:v>
                </c:pt>
                <c:pt idx="4196">
                  <c:v>41.762999999999998</c:v>
                </c:pt>
                <c:pt idx="4197">
                  <c:v>41.773000000000003</c:v>
                </c:pt>
                <c:pt idx="4198">
                  <c:v>41.783000000000001</c:v>
                </c:pt>
                <c:pt idx="4199">
                  <c:v>41.792999999999999</c:v>
                </c:pt>
                <c:pt idx="4200">
                  <c:v>41.802</c:v>
                </c:pt>
                <c:pt idx="4201">
                  <c:v>41.813000000000002</c:v>
                </c:pt>
                <c:pt idx="4202">
                  <c:v>41.823</c:v>
                </c:pt>
                <c:pt idx="4203">
                  <c:v>41.832000000000001</c:v>
                </c:pt>
                <c:pt idx="4204">
                  <c:v>41.841000000000001</c:v>
                </c:pt>
                <c:pt idx="4205">
                  <c:v>41.851999999999997</c:v>
                </c:pt>
                <c:pt idx="4206">
                  <c:v>41.862000000000002</c:v>
                </c:pt>
                <c:pt idx="4207">
                  <c:v>41.871000000000002</c:v>
                </c:pt>
                <c:pt idx="4208">
                  <c:v>41.88</c:v>
                </c:pt>
                <c:pt idx="4209">
                  <c:v>41.890999999999998</c:v>
                </c:pt>
                <c:pt idx="4210">
                  <c:v>41.9</c:v>
                </c:pt>
                <c:pt idx="4211">
                  <c:v>41.908999999999999</c:v>
                </c:pt>
                <c:pt idx="4212">
                  <c:v>41.918999999999997</c:v>
                </c:pt>
                <c:pt idx="4213">
                  <c:v>41.929000000000002</c:v>
                </c:pt>
                <c:pt idx="4214">
                  <c:v>41.938000000000002</c:v>
                </c:pt>
                <c:pt idx="4215">
                  <c:v>41.948</c:v>
                </c:pt>
                <c:pt idx="4216">
                  <c:v>41.957999999999998</c:v>
                </c:pt>
                <c:pt idx="4217">
                  <c:v>41.968000000000004</c:v>
                </c:pt>
                <c:pt idx="4218">
                  <c:v>41.978000000000002</c:v>
                </c:pt>
                <c:pt idx="4219">
                  <c:v>41.987000000000002</c:v>
                </c:pt>
                <c:pt idx="4220">
                  <c:v>41.997</c:v>
                </c:pt>
                <c:pt idx="4221">
                  <c:v>42.008000000000003</c:v>
                </c:pt>
                <c:pt idx="4222">
                  <c:v>42.017000000000003</c:v>
                </c:pt>
                <c:pt idx="4223">
                  <c:v>42.027000000000001</c:v>
                </c:pt>
                <c:pt idx="4224">
                  <c:v>42.036000000000001</c:v>
                </c:pt>
                <c:pt idx="4225">
                  <c:v>42.045999999999999</c:v>
                </c:pt>
                <c:pt idx="4226">
                  <c:v>42.055999999999997</c:v>
                </c:pt>
                <c:pt idx="4227">
                  <c:v>42.066000000000003</c:v>
                </c:pt>
                <c:pt idx="4228">
                  <c:v>42.075000000000003</c:v>
                </c:pt>
                <c:pt idx="4229">
                  <c:v>42.085000000000001</c:v>
                </c:pt>
                <c:pt idx="4230">
                  <c:v>42.094999999999999</c:v>
                </c:pt>
                <c:pt idx="4231">
                  <c:v>42.104999999999997</c:v>
                </c:pt>
                <c:pt idx="4232">
                  <c:v>42.115000000000002</c:v>
                </c:pt>
                <c:pt idx="4233">
                  <c:v>42.124000000000002</c:v>
                </c:pt>
                <c:pt idx="4234">
                  <c:v>42.134</c:v>
                </c:pt>
                <c:pt idx="4235">
                  <c:v>42.143999999999998</c:v>
                </c:pt>
                <c:pt idx="4236">
                  <c:v>42.154000000000003</c:v>
                </c:pt>
                <c:pt idx="4237">
                  <c:v>42.162999999999997</c:v>
                </c:pt>
                <c:pt idx="4238">
                  <c:v>42.173000000000002</c:v>
                </c:pt>
                <c:pt idx="4239">
                  <c:v>42.183</c:v>
                </c:pt>
                <c:pt idx="4240">
                  <c:v>42.192</c:v>
                </c:pt>
                <c:pt idx="4241">
                  <c:v>42.201999999999998</c:v>
                </c:pt>
                <c:pt idx="4242">
                  <c:v>42.212000000000003</c:v>
                </c:pt>
                <c:pt idx="4243">
                  <c:v>42.222000000000001</c:v>
                </c:pt>
                <c:pt idx="4244">
                  <c:v>42.231000000000002</c:v>
                </c:pt>
                <c:pt idx="4245">
                  <c:v>42.241</c:v>
                </c:pt>
                <c:pt idx="4246">
                  <c:v>42.25</c:v>
                </c:pt>
                <c:pt idx="4247">
                  <c:v>42.259</c:v>
                </c:pt>
                <c:pt idx="4248">
                  <c:v>42.27</c:v>
                </c:pt>
                <c:pt idx="4249">
                  <c:v>42.279000000000003</c:v>
                </c:pt>
                <c:pt idx="4250">
                  <c:v>42.289000000000001</c:v>
                </c:pt>
                <c:pt idx="4251">
                  <c:v>42.298000000000002</c:v>
                </c:pt>
                <c:pt idx="4252">
                  <c:v>42.308999999999997</c:v>
                </c:pt>
                <c:pt idx="4253">
                  <c:v>42.319000000000003</c:v>
                </c:pt>
                <c:pt idx="4254">
                  <c:v>42.328000000000003</c:v>
                </c:pt>
                <c:pt idx="4255">
                  <c:v>42.338999999999999</c:v>
                </c:pt>
                <c:pt idx="4256">
                  <c:v>42.347999999999999</c:v>
                </c:pt>
                <c:pt idx="4257">
                  <c:v>42.357999999999997</c:v>
                </c:pt>
                <c:pt idx="4258">
                  <c:v>42.366999999999997</c:v>
                </c:pt>
                <c:pt idx="4259">
                  <c:v>42.378</c:v>
                </c:pt>
                <c:pt idx="4260">
                  <c:v>42.387</c:v>
                </c:pt>
                <c:pt idx="4261">
                  <c:v>42.396000000000001</c:v>
                </c:pt>
                <c:pt idx="4262">
                  <c:v>42.406999999999996</c:v>
                </c:pt>
                <c:pt idx="4263">
                  <c:v>42.415999999999997</c:v>
                </c:pt>
                <c:pt idx="4264">
                  <c:v>42.426000000000002</c:v>
                </c:pt>
                <c:pt idx="4265">
                  <c:v>42.435000000000002</c:v>
                </c:pt>
                <c:pt idx="4266">
                  <c:v>42.445</c:v>
                </c:pt>
                <c:pt idx="4267">
                  <c:v>42.456000000000003</c:v>
                </c:pt>
                <c:pt idx="4268">
                  <c:v>42.465000000000003</c:v>
                </c:pt>
                <c:pt idx="4269">
                  <c:v>42.475000000000001</c:v>
                </c:pt>
                <c:pt idx="4270">
                  <c:v>42.484000000000002</c:v>
                </c:pt>
                <c:pt idx="4271">
                  <c:v>42.494999999999997</c:v>
                </c:pt>
                <c:pt idx="4272">
                  <c:v>42.503999999999998</c:v>
                </c:pt>
                <c:pt idx="4273">
                  <c:v>42.514000000000003</c:v>
                </c:pt>
                <c:pt idx="4274">
                  <c:v>42.524000000000001</c:v>
                </c:pt>
                <c:pt idx="4275">
                  <c:v>42.533999999999999</c:v>
                </c:pt>
                <c:pt idx="4276">
                  <c:v>42.542999999999999</c:v>
                </c:pt>
                <c:pt idx="4277">
                  <c:v>42.552</c:v>
                </c:pt>
                <c:pt idx="4278">
                  <c:v>42.563000000000002</c:v>
                </c:pt>
                <c:pt idx="4279">
                  <c:v>42.572000000000003</c:v>
                </c:pt>
                <c:pt idx="4280">
                  <c:v>42.582000000000001</c:v>
                </c:pt>
                <c:pt idx="4281">
                  <c:v>42.591000000000001</c:v>
                </c:pt>
                <c:pt idx="4282">
                  <c:v>42.601999999999997</c:v>
                </c:pt>
                <c:pt idx="4283">
                  <c:v>42.610999999999997</c:v>
                </c:pt>
                <c:pt idx="4284">
                  <c:v>42.62</c:v>
                </c:pt>
                <c:pt idx="4285">
                  <c:v>42.63</c:v>
                </c:pt>
                <c:pt idx="4286">
                  <c:v>42.640999999999998</c:v>
                </c:pt>
                <c:pt idx="4287">
                  <c:v>42.65</c:v>
                </c:pt>
                <c:pt idx="4288">
                  <c:v>42.658999999999999</c:v>
                </c:pt>
                <c:pt idx="4289">
                  <c:v>42.668999999999997</c:v>
                </c:pt>
                <c:pt idx="4290">
                  <c:v>42.679000000000002</c:v>
                </c:pt>
                <c:pt idx="4291">
                  <c:v>42.688000000000002</c:v>
                </c:pt>
                <c:pt idx="4292">
                  <c:v>42.698</c:v>
                </c:pt>
                <c:pt idx="4293">
                  <c:v>42.707999999999998</c:v>
                </c:pt>
                <c:pt idx="4294">
                  <c:v>42.718000000000004</c:v>
                </c:pt>
                <c:pt idx="4295">
                  <c:v>42.726999999999997</c:v>
                </c:pt>
                <c:pt idx="4296">
                  <c:v>42.735999999999997</c:v>
                </c:pt>
                <c:pt idx="4297">
                  <c:v>42.747</c:v>
                </c:pt>
                <c:pt idx="4298">
                  <c:v>42.756</c:v>
                </c:pt>
                <c:pt idx="4299">
                  <c:v>42.765999999999998</c:v>
                </c:pt>
                <c:pt idx="4300">
                  <c:v>42.776000000000003</c:v>
                </c:pt>
                <c:pt idx="4301">
                  <c:v>42.786000000000001</c:v>
                </c:pt>
                <c:pt idx="4302">
                  <c:v>42.795000000000002</c:v>
                </c:pt>
                <c:pt idx="4303">
                  <c:v>42.805</c:v>
                </c:pt>
                <c:pt idx="4304">
                  <c:v>42.814999999999998</c:v>
                </c:pt>
                <c:pt idx="4305">
                  <c:v>42.825000000000003</c:v>
                </c:pt>
                <c:pt idx="4306">
                  <c:v>42.835000000000001</c:v>
                </c:pt>
                <c:pt idx="4307">
                  <c:v>42.844000000000001</c:v>
                </c:pt>
                <c:pt idx="4308">
                  <c:v>42.853999999999999</c:v>
                </c:pt>
                <c:pt idx="4309">
                  <c:v>42.863999999999997</c:v>
                </c:pt>
                <c:pt idx="4310">
                  <c:v>42.874000000000002</c:v>
                </c:pt>
                <c:pt idx="4311">
                  <c:v>42.883000000000003</c:v>
                </c:pt>
                <c:pt idx="4312">
                  <c:v>42.892000000000003</c:v>
                </c:pt>
                <c:pt idx="4313">
                  <c:v>42.902999999999999</c:v>
                </c:pt>
                <c:pt idx="4314">
                  <c:v>42.911999999999999</c:v>
                </c:pt>
                <c:pt idx="4315">
                  <c:v>42.920999999999999</c:v>
                </c:pt>
                <c:pt idx="4316">
                  <c:v>42.932000000000002</c:v>
                </c:pt>
                <c:pt idx="4317">
                  <c:v>42.941000000000003</c:v>
                </c:pt>
                <c:pt idx="4318">
                  <c:v>42.95</c:v>
                </c:pt>
                <c:pt idx="4319">
                  <c:v>42.96</c:v>
                </c:pt>
                <c:pt idx="4320">
                  <c:v>42.97</c:v>
                </c:pt>
                <c:pt idx="4321">
                  <c:v>42.978999999999999</c:v>
                </c:pt>
                <c:pt idx="4322">
                  <c:v>42.988999999999997</c:v>
                </c:pt>
                <c:pt idx="4323">
                  <c:v>42.999000000000002</c:v>
                </c:pt>
                <c:pt idx="4324">
                  <c:v>43.009</c:v>
                </c:pt>
                <c:pt idx="4325">
                  <c:v>43.018000000000001</c:v>
                </c:pt>
                <c:pt idx="4326">
                  <c:v>43.027999999999999</c:v>
                </c:pt>
                <c:pt idx="4327">
                  <c:v>43.039000000000001</c:v>
                </c:pt>
                <c:pt idx="4328">
                  <c:v>43.048000000000002</c:v>
                </c:pt>
                <c:pt idx="4329">
                  <c:v>43.057000000000002</c:v>
                </c:pt>
                <c:pt idx="4330">
                  <c:v>43.066000000000003</c:v>
                </c:pt>
                <c:pt idx="4331">
                  <c:v>43.076999999999998</c:v>
                </c:pt>
                <c:pt idx="4332">
                  <c:v>43.085999999999999</c:v>
                </c:pt>
                <c:pt idx="4333">
                  <c:v>43.094999999999999</c:v>
                </c:pt>
                <c:pt idx="4334">
                  <c:v>43.106000000000002</c:v>
                </c:pt>
                <c:pt idx="4335">
                  <c:v>43.115000000000002</c:v>
                </c:pt>
                <c:pt idx="4336">
                  <c:v>43.125</c:v>
                </c:pt>
                <c:pt idx="4337">
                  <c:v>43.134</c:v>
                </c:pt>
                <c:pt idx="4338">
                  <c:v>43.145000000000003</c:v>
                </c:pt>
                <c:pt idx="4339">
                  <c:v>43.155000000000001</c:v>
                </c:pt>
                <c:pt idx="4340">
                  <c:v>43.164000000000001</c:v>
                </c:pt>
                <c:pt idx="4341">
                  <c:v>43.173000000000002</c:v>
                </c:pt>
                <c:pt idx="4342">
                  <c:v>43.183999999999997</c:v>
                </c:pt>
                <c:pt idx="4343">
                  <c:v>43.192999999999998</c:v>
                </c:pt>
                <c:pt idx="4344">
                  <c:v>43.203000000000003</c:v>
                </c:pt>
                <c:pt idx="4345">
                  <c:v>43.212000000000003</c:v>
                </c:pt>
                <c:pt idx="4346">
                  <c:v>43.222999999999999</c:v>
                </c:pt>
                <c:pt idx="4347">
                  <c:v>43.231999999999999</c:v>
                </c:pt>
                <c:pt idx="4348">
                  <c:v>43.241999999999997</c:v>
                </c:pt>
                <c:pt idx="4349">
                  <c:v>43.25</c:v>
                </c:pt>
                <c:pt idx="4350">
                  <c:v>43.26</c:v>
                </c:pt>
                <c:pt idx="4351">
                  <c:v>43.268999999999998</c:v>
                </c:pt>
                <c:pt idx="4352">
                  <c:v>43.279000000000003</c:v>
                </c:pt>
                <c:pt idx="4353">
                  <c:v>43.289000000000001</c:v>
                </c:pt>
                <c:pt idx="4354">
                  <c:v>43.298999999999999</c:v>
                </c:pt>
                <c:pt idx="4355">
                  <c:v>43.308999999999997</c:v>
                </c:pt>
                <c:pt idx="4356">
                  <c:v>43.317999999999998</c:v>
                </c:pt>
                <c:pt idx="4357">
                  <c:v>43.328000000000003</c:v>
                </c:pt>
                <c:pt idx="4358">
                  <c:v>43.337000000000003</c:v>
                </c:pt>
                <c:pt idx="4359">
                  <c:v>43.347000000000001</c:v>
                </c:pt>
                <c:pt idx="4360">
                  <c:v>43.357999999999997</c:v>
                </c:pt>
                <c:pt idx="4361">
                  <c:v>43.366999999999997</c:v>
                </c:pt>
                <c:pt idx="4362">
                  <c:v>43.375999999999998</c:v>
                </c:pt>
                <c:pt idx="4363">
                  <c:v>43.384999999999998</c:v>
                </c:pt>
                <c:pt idx="4364">
                  <c:v>43.396000000000001</c:v>
                </c:pt>
                <c:pt idx="4365">
                  <c:v>43.405000000000001</c:v>
                </c:pt>
                <c:pt idx="4366">
                  <c:v>43.414999999999999</c:v>
                </c:pt>
                <c:pt idx="4367">
                  <c:v>43.423999999999999</c:v>
                </c:pt>
                <c:pt idx="4368">
                  <c:v>43.435000000000002</c:v>
                </c:pt>
                <c:pt idx="4369">
                  <c:v>43.444000000000003</c:v>
                </c:pt>
                <c:pt idx="4370">
                  <c:v>43.453000000000003</c:v>
                </c:pt>
                <c:pt idx="4371">
                  <c:v>43.463000000000001</c:v>
                </c:pt>
                <c:pt idx="4372">
                  <c:v>43.473999999999997</c:v>
                </c:pt>
                <c:pt idx="4373">
                  <c:v>43.482999999999997</c:v>
                </c:pt>
                <c:pt idx="4374">
                  <c:v>43.494</c:v>
                </c:pt>
                <c:pt idx="4375">
                  <c:v>43.503</c:v>
                </c:pt>
                <c:pt idx="4376">
                  <c:v>43.512</c:v>
                </c:pt>
                <c:pt idx="4377">
                  <c:v>43.521999999999998</c:v>
                </c:pt>
                <c:pt idx="4378">
                  <c:v>43.531999999999996</c:v>
                </c:pt>
                <c:pt idx="4379">
                  <c:v>43.540999999999997</c:v>
                </c:pt>
                <c:pt idx="4380">
                  <c:v>43.551000000000002</c:v>
                </c:pt>
                <c:pt idx="4381">
                  <c:v>43.56</c:v>
                </c:pt>
                <c:pt idx="4382">
                  <c:v>43.570999999999998</c:v>
                </c:pt>
                <c:pt idx="4383">
                  <c:v>43.58</c:v>
                </c:pt>
                <c:pt idx="4384">
                  <c:v>43.588999999999999</c:v>
                </c:pt>
                <c:pt idx="4385">
                  <c:v>43.598999999999997</c:v>
                </c:pt>
                <c:pt idx="4386">
                  <c:v>43.609000000000002</c:v>
                </c:pt>
                <c:pt idx="4387">
                  <c:v>43.618000000000002</c:v>
                </c:pt>
                <c:pt idx="4388">
                  <c:v>43.628</c:v>
                </c:pt>
                <c:pt idx="4389">
                  <c:v>43.637999999999998</c:v>
                </c:pt>
                <c:pt idx="4390">
                  <c:v>43.648000000000003</c:v>
                </c:pt>
                <c:pt idx="4391">
                  <c:v>43.656999999999996</c:v>
                </c:pt>
                <c:pt idx="4392">
                  <c:v>43.665999999999997</c:v>
                </c:pt>
                <c:pt idx="4393">
                  <c:v>43.677</c:v>
                </c:pt>
                <c:pt idx="4394">
                  <c:v>43.686999999999998</c:v>
                </c:pt>
                <c:pt idx="4395">
                  <c:v>43.697000000000003</c:v>
                </c:pt>
                <c:pt idx="4396">
                  <c:v>43.706000000000003</c:v>
                </c:pt>
                <c:pt idx="4397">
                  <c:v>43.715000000000003</c:v>
                </c:pt>
                <c:pt idx="4398">
                  <c:v>43.725999999999999</c:v>
                </c:pt>
                <c:pt idx="4399">
                  <c:v>43.734999999999999</c:v>
                </c:pt>
                <c:pt idx="4400">
                  <c:v>43.744</c:v>
                </c:pt>
                <c:pt idx="4401">
                  <c:v>43.755000000000003</c:v>
                </c:pt>
                <c:pt idx="4402">
                  <c:v>43.764000000000003</c:v>
                </c:pt>
                <c:pt idx="4403">
                  <c:v>43.774000000000001</c:v>
                </c:pt>
                <c:pt idx="4404">
                  <c:v>43.783000000000001</c:v>
                </c:pt>
                <c:pt idx="4405">
                  <c:v>43.793999999999997</c:v>
                </c:pt>
                <c:pt idx="4406">
                  <c:v>43.802999999999997</c:v>
                </c:pt>
                <c:pt idx="4407">
                  <c:v>43.813000000000002</c:v>
                </c:pt>
                <c:pt idx="4408">
                  <c:v>43.822000000000003</c:v>
                </c:pt>
                <c:pt idx="4409">
                  <c:v>43.832000000000001</c:v>
                </c:pt>
                <c:pt idx="4410">
                  <c:v>43.841999999999999</c:v>
                </c:pt>
                <c:pt idx="4411">
                  <c:v>43.850999999999999</c:v>
                </c:pt>
                <c:pt idx="4412">
                  <c:v>43.862000000000002</c:v>
                </c:pt>
                <c:pt idx="4413">
                  <c:v>43.871000000000002</c:v>
                </c:pt>
                <c:pt idx="4414">
                  <c:v>43.881</c:v>
                </c:pt>
                <c:pt idx="4415">
                  <c:v>43.890999999999998</c:v>
                </c:pt>
                <c:pt idx="4416">
                  <c:v>43.9</c:v>
                </c:pt>
                <c:pt idx="4417">
                  <c:v>43.908999999999999</c:v>
                </c:pt>
                <c:pt idx="4418">
                  <c:v>43.918999999999997</c:v>
                </c:pt>
                <c:pt idx="4419">
                  <c:v>43.929000000000002</c:v>
                </c:pt>
                <c:pt idx="4420">
                  <c:v>43.939</c:v>
                </c:pt>
                <c:pt idx="4421">
                  <c:v>43.948</c:v>
                </c:pt>
                <c:pt idx="4422">
                  <c:v>43.957999999999998</c:v>
                </c:pt>
                <c:pt idx="4423">
                  <c:v>43.969000000000001</c:v>
                </c:pt>
                <c:pt idx="4424">
                  <c:v>43.978000000000002</c:v>
                </c:pt>
                <c:pt idx="4425">
                  <c:v>43.988</c:v>
                </c:pt>
                <c:pt idx="4426">
                  <c:v>43.997</c:v>
                </c:pt>
                <c:pt idx="4427">
                  <c:v>44.006999999999998</c:v>
                </c:pt>
                <c:pt idx="4428">
                  <c:v>44.017000000000003</c:v>
                </c:pt>
                <c:pt idx="4429">
                  <c:v>44.024999999999999</c:v>
                </c:pt>
                <c:pt idx="4430">
                  <c:v>44.036000000000001</c:v>
                </c:pt>
                <c:pt idx="4431">
                  <c:v>44.045000000000002</c:v>
                </c:pt>
                <c:pt idx="4432">
                  <c:v>44.054000000000002</c:v>
                </c:pt>
                <c:pt idx="4433">
                  <c:v>44.064999999999998</c:v>
                </c:pt>
                <c:pt idx="4434">
                  <c:v>44.073999999999998</c:v>
                </c:pt>
                <c:pt idx="4435">
                  <c:v>44.082999999999998</c:v>
                </c:pt>
                <c:pt idx="4436">
                  <c:v>44.093000000000004</c:v>
                </c:pt>
                <c:pt idx="4437">
                  <c:v>44.103000000000002</c:v>
                </c:pt>
                <c:pt idx="4438">
                  <c:v>44.113</c:v>
                </c:pt>
                <c:pt idx="4439">
                  <c:v>44.122</c:v>
                </c:pt>
                <c:pt idx="4440">
                  <c:v>44.133000000000003</c:v>
                </c:pt>
                <c:pt idx="4441">
                  <c:v>44.143000000000001</c:v>
                </c:pt>
                <c:pt idx="4442">
                  <c:v>44.152000000000001</c:v>
                </c:pt>
                <c:pt idx="4443">
                  <c:v>44.161999999999999</c:v>
                </c:pt>
                <c:pt idx="4444">
                  <c:v>44.173000000000002</c:v>
                </c:pt>
                <c:pt idx="4445">
                  <c:v>44.182000000000002</c:v>
                </c:pt>
                <c:pt idx="4446">
                  <c:v>44.191000000000003</c:v>
                </c:pt>
                <c:pt idx="4447">
                  <c:v>44.201000000000001</c:v>
                </c:pt>
                <c:pt idx="4448">
                  <c:v>44.212000000000003</c:v>
                </c:pt>
                <c:pt idx="4449">
                  <c:v>44.220999999999997</c:v>
                </c:pt>
                <c:pt idx="4450">
                  <c:v>44.23</c:v>
                </c:pt>
                <c:pt idx="4451">
                  <c:v>44.238999999999997</c:v>
                </c:pt>
                <c:pt idx="4452">
                  <c:v>44.25</c:v>
                </c:pt>
                <c:pt idx="4453">
                  <c:v>44.259</c:v>
                </c:pt>
                <c:pt idx="4454">
                  <c:v>44.268000000000001</c:v>
                </c:pt>
                <c:pt idx="4455">
                  <c:v>44.277999999999999</c:v>
                </c:pt>
                <c:pt idx="4456">
                  <c:v>44.287999999999997</c:v>
                </c:pt>
                <c:pt idx="4457">
                  <c:v>44.296999999999997</c:v>
                </c:pt>
                <c:pt idx="4458">
                  <c:v>44.307000000000002</c:v>
                </c:pt>
                <c:pt idx="4459">
                  <c:v>44.317</c:v>
                </c:pt>
                <c:pt idx="4460">
                  <c:v>44.326999999999998</c:v>
                </c:pt>
                <c:pt idx="4461">
                  <c:v>44.335999999999999</c:v>
                </c:pt>
                <c:pt idx="4462">
                  <c:v>44.345999999999997</c:v>
                </c:pt>
                <c:pt idx="4463">
                  <c:v>44.356000000000002</c:v>
                </c:pt>
                <c:pt idx="4464">
                  <c:v>44.366</c:v>
                </c:pt>
                <c:pt idx="4465">
                  <c:v>44.375</c:v>
                </c:pt>
                <c:pt idx="4466">
                  <c:v>44.384</c:v>
                </c:pt>
                <c:pt idx="4467">
                  <c:v>44.395000000000003</c:v>
                </c:pt>
                <c:pt idx="4468">
                  <c:v>44.404000000000003</c:v>
                </c:pt>
                <c:pt idx="4469">
                  <c:v>44.412999999999997</c:v>
                </c:pt>
                <c:pt idx="4470">
                  <c:v>44.423000000000002</c:v>
                </c:pt>
                <c:pt idx="4471">
                  <c:v>44.433</c:v>
                </c:pt>
                <c:pt idx="4472">
                  <c:v>44.442999999999998</c:v>
                </c:pt>
                <c:pt idx="4473">
                  <c:v>44.453000000000003</c:v>
                </c:pt>
                <c:pt idx="4474">
                  <c:v>44.463000000000001</c:v>
                </c:pt>
                <c:pt idx="4475">
                  <c:v>44.472000000000001</c:v>
                </c:pt>
                <c:pt idx="4476">
                  <c:v>44.482999999999997</c:v>
                </c:pt>
                <c:pt idx="4477">
                  <c:v>44.491999999999997</c:v>
                </c:pt>
                <c:pt idx="4478">
                  <c:v>44.502000000000002</c:v>
                </c:pt>
                <c:pt idx="4479">
                  <c:v>44.511000000000003</c:v>
                </c:pt>
                <c:pt idx="4480">
                  <c:v>44.521999999999998</c:v>
                </c:pt>
                <c:pt idx="4481">
                  <c:v>44.53</c:v>
                </c:pt>
                <c:pt idx="4482">
                  <c:v>44.540999999999997</c:v>
                </c:pt>
                <c:pt idx="4483">
                  <c:v>44.55</c:v>
                </c:pt>
                <c:pt idx="4484">
                  <c:v>44.558999999999997</c:v>
                </c:pt>
                <c:pt idx="4485">
                  <c:v>44.57</c:v>
                </c:pt>
                <c:pt idx="4486">
                  <c:v>44.579000000000001</c:v>
                </c:pt>
                <c:pt idx="4487">
                  <c:v>44.588000000000001</c:v>
                </c:pt>
                <c:pt idx="4488">
                  <c:v>44.598999999999997</c:v>
                </c:pt>
                <c:pt idx="4489">
                  <c:v>44.607999999999997</c:v>
                </c:pt>
                <c:pt idx="4490">
                  <c:v>44.619</c:v>
                </c:pt>
                <c:pt idx="4491">
                  <c:v>44.628</c:v>
                </c:pt>
                <c:pt idx="4492">
                  <c:v>44.637999999999998</c:v>
                </c:pt>
                <c:pt idx="4493">
                  <c:v>44.648000000000003</c:v>
                </c:pt>
                <c:pt idx="4494">
                  <c:v>44.656999999999996</c:v>
                </c:pt>
                <c:pt idx="4495">
                  <c:v>44.665999999999997</c:v>
                </c:pt>
                <c:pt idx="4496">
                  <c:v>44.677</c:v>
                </c:pt>
                <c:pt idx="4497">
                  <c:v>44.686</c:v>
                </c:pt>
                <c:pt idx="4498">
                  <c:v>44.695999999999998</c:v>
                </c:pt>
                <c:pt idx="4499">
                  <c:v>44.706000000000003</c:v>
                </c:pt>
                <c:pt idx="4500">
                  <c:v>44.715000000000003</c:v>
                </c:pt>
                <c:pt idx="4501">
                  <c:v>44.725000000000001</c:v>
                </c:pt>
                <c:pt idx="4502">
                  <c:v>44.734000000000002</c:v>
                </c:pt>
                <c:pt idx="4503">
                  <c:v>44.744999999999997</c:v>
                </c:pt>
                <c:pt idx="4504">
                  <c:v>44.753999999999998</c:v>
                </c:pt>
                <c:pt idx="4505">
                  <c:v>44.762999999999998</c:v>
                </c:pt>
                <c:pt idx="4506">
                  <c:v>44.773000000000003</c:v>
                </c:pt>
                <c:pt idx="4507">
                  <c:v>44.783000000000001</c:v>
                </c:pt>
                <c:pt idx="4508">
                  <c:v>44.793999999999997</c:v>
                </c:pt>
                <c:pt idx="4509">
                  <c:v>44.802999999999997</c:v>
                </c:pt>
                <c:pt idx="4510">
                  <c:v>44.813000000000002</c:v>
                </c:pt>
                <c:pt idx="4511">
                  <c:v>44.822000000000003</c:v>
                </c:pt>
                <c:pt idx="4512">
                  <c:v>44.832000000000001</c:v>
                </c:pt>
                <c:pt idx="4513">
                  <c:v>44.841999999999999</c:v>
                </c:pt>
                <c:pt idx="4514">
                  <c:v>44.850999999999999</c:v>
                </c:pt>
                <c:pt idx="4515">
                  <c:v>44.862000000000002</c:v>
                </c:pt>
                <c:pt idx="4516">
                  <c:v>44.871000000000002</c:v>
                </c:pt>
                <c:pt idx="4517">
                  <c:v>44.881</c:v>
                </c:pt>
                <c:pt idx="4518">
                  <c:v>44.89</c:v>
                </c:pt>
                <c:pt idx="4519">
                  <c:v>44.9</c:v>
                </c:pt>
                <c:pt idx="4520">
                  <c:v>44.91</c:v>
                </c:pt>
                <c:pt idx="4521">
                  <c:v>44.918999999999997</c:v>
                </c:pt>
                <c:pt idx="4522">
                  <c:v>44.929000000000002</c:v>
                </c:pt>
                <c:pt idx="4523">
                  <c:v>44.939</c:v>
                </c:pt>
                <c:pt idx="4524">
                  <c:v>44.948</c:v>
                </c:pt>
                <c:pt idx="4525">
                  <c:v>44.957000000000001</c:v>
                </c:pt>
                <c:pt idx="4526">
                  <c:v>44.968000000000004</c:v>
                </c:pt>
                <c:pt idx="4527">
                  <c:v>44.978000000000002</c:v>
                </c:pt>
                <c:pt idx="4528">
                  <c:v>44.987000000000002</c:v>
                </c:pt>
                <c:pt idx="4529">
                  <c:v>44.997999999999998</c:v>
                </c:pt>
                <c:pt idx="4530">
                  <c:v>45.006999999999998</c:v>
                </c:pt>
                <c:pt idx="4531">
                  <c:v>45.018000000000001</c:v>
                </c:pt>
                <c:pt idx="4532">
                  <c:v>45.027000000000001</c:v>
                </c:pt>
                <c:pt idx="4533">
                  <c:v>45.036000000000001</c:v>
                </c:pt>
                <c:pt idx="4534">
                  <c:v>45.045999999999999</c:v>
                </c:pt>
                <c:pt idx="4535">
                  <c:v>45.055</c:v>
                </c:pt>
                <c:pt idx="4536">
                  <c:v>45.064999999999998</c:v>
                </c:pt>
                <c:pt idx="4537">
                  <c:v>45.073999999999998</c:v>
                </c:pt>
                <c:pt idx="4538">
                  <c:v>45.084000000000003</c:v>
                </c:pt>
                <c:pt idx="4539">
                  <c:v>45.093000000000004</c:v>
                </c:pt>
                <c:pt idx="4540">
                  <c:v>45.103999999999999</c:v>
                </c:pt>
                <c:pt idx="4541">
                  <c:v>45.113</c:v>
                </c:pt>
                <c:pt idx="4542">
                  <c:v>45.122</c:v>
                </c:pt>
                <c:pt idx="4543">
                  <c:v>45.131999999999998</c:v>
                </c:pt>
                <c:pt idx="4544">
                  <c:v>45.142000000000003</c:v>
                </c:pt>
                <c:pt idx="4545">
                  <c:v>45.152000000000001</c:v>
                </c:pt>
                <c:pt idx="4546">
                  <c:v>45.161999999999999</c:v>
                </c:pt>
                <c:pt idx="4547">
                  <c:v>45.171999999999997</c:v>
                </c:pt>
                <c:pt idx="4548">
                  <c:v>45.180999999999997</c:v>
                </c:pt>
                <c:pt idx="4549">
                  <c:v>45.191000000000003</c:v>
                </c:pt>
                <c:pt idx="4550">
                  <c:v>45.2</c:v>
                </c:pt>
                <c:pt idx="4551">
                  <c:v>45.21</c:v>
                </c:pt>
                <c:pt idx="4552">
                  <c:v>45.22</c:v>
                </c:pt>
                <c:pt idx="4553">
                  <c:v>45.228999999999999</c:v>
                </c:pt>
                <c:pt idx="4554">
                  <c:v>45.238</c:v>
                </c:pt>
                <c:pt idx="4555">
                  <c:v>45.249000000000002</c:v>
                </c:pt>
                <c:pt idx="4556">
                  <c:v>45.258000000000003</c:v>
                </c:pt>
                <c:pt idx="4557">
                  <c:v>45.268000000000001</c:v>
                </c:pt>
                <c:pt idx="4558">
                  <c:v>45.277999999999999</c:v>
                </c:pt>
                <c:pt idx="4559">
                  <c:v>45.286999999999999</c:v>
                </c:pt>
                <c:pt idx="4560">
                  <c:v>45.296999999999997</c:v>
                </c:pt>
                <c:pt idx="4561">
                  <c:v>45.308</c:v>
                </c:pt>
                <c:pt idx="4562">
                  <c:v>45.317</c:v>
                </c:pt>
                <c:pt idx="4563">
                  <c:v>45.326999999999998</c:v>
                </c:pt>
                <c:pt idx="4564">
                  <c:v>45.337000000000003</c:v>
                </c:pt>
                <c:pt idx="4565">
                  <c:v>45.345999999999997</c:v>
                </c:pt>
                <c:pt idx="4566">
                  <c:v>45.356999999999999</c:v>
                </c:pt>
                <c:pt idx="4567">
                  <c:v>45.366</c:v>
                </c:pt>
                <c:pt idx="4568">
                  <c:v>45.375</c:v>
                </c:pt>
                <c:pt idx="4569">
                  <c:v>45.386000000000003</c:v>
                </c:pt>
                <c:pt idx="4570">
                  <c:v>45.395000000000003</c:v>
                </c:pt>
                <c:pt idx="4571">
                  <c:v>45.404000000000003</c:v>
                </c:pt>
                <c:pt idx="4572">
                  <c:v>45.412999999999997</c:v>
                </c:pt>
                <c:pt idx="4573">
                  <c:v>45.423000000000002</c:v>
                </c:pt>
                <c:pt idx="4574">
                  <c:v>45.433</c:v>
                </c:pt>
                <c:pt idx="4575">
                  <c:v>45.442</c:v>
                </c:pt>
                <c:pt idx="4576">
                  <c:v>45.451999999999998</c:v>
                </c:pt>
                <c:pt idx="4577">
                  <c:v>45.462000000000003</c:v>
                </c:pt>
                <c:pt idx="4578">
                  <c:v>45.470999999999997</c:v>
                </c:pt>
                <c:pt idx="4579">
                  <c:v>45.481000000000002</c:v>
                </c:pt>
                <c:pt idx="4580">
                  <c:v>45.491</c:v>
                </c:pt>
                <c:pt idx="4581">
                  <c:v>45.500999999999998</c:v>
                </c:pt>
                <c:pt idx="4582">
                  <c:v>45.51</c:v>
                </c:pt>
                <c:pt idx="4583">
                  <c:v>45.518999999999998</c:v>
                </c:pt>
                <c:pt idx="4584">
                  <c:v>45.53</c:v>
                </c:pt>
                <c:pt idx="4585">
                  <c:v>45.539000000000001</c:v>
                </c:pt>
                <c:pt idx="4586">
                  <c:v>45.548999999999999</c:v>
                </c:pt>
                <c:pt idx="4587">
                  <c:v>45.558999999999997</c:v>
                </c:pt>
                <c:pt idx="4588">
                  <c:v>45.567999999999998</c:v>
                </c:pt>
                <c:pt idx="4589">
                  <c:v>45.578000000000003</c:v>
                </c:pt>
                <c:pt idx="4590">
                  <c:v>45.588000000000001</c:v>
                </c:pt>
                <c:pt idx="4591">
                  <c:v>45.597999999999999</c:v>
                </c:pt>
                <c:pt idx="4592">
                  <c:v>45.606999999999999</c:v>
                </c:pt>
                <c:pt idx="4593">
                  <c:v>45.618000000000002</c:v>
                </c:pt>
                <c:pt idx="4594">
                  <c:v>45.627000000000002</c:v>
                </c:pt>
                <c:pt idx="4595">
                  <c:v>45.636000000000003</c:v>
                </c:pt>
                <c:pt idx="4596">
                  <c:v>45.646999999999998</c:v>
                </c:pt>
                <c:pt idx="4597">
                  <c:v>45.655999999999999</c:v>
                </c:pt>
                <c:pt idx="4598">
                  <c:v>45.665999999999997</c:v>
                </c:pt>
                <c:pt idx="4599">
                  <c:v>45.674999999999997</c:v>
                </c:pt>
                <c:pt idx="4600">
                  <c:v>45.685000000000002</c:v>
                </c:pt>
                <c:pt idx="4601">
                  <c:v>45.695</c:v>
                </c:pt>
                <c:pt idx="4602">
                  <c:v>45.704999999999998</c:v>
                </c:pt>
                <c:pt idx="4603">
                  <c:v>45.713999999999999</c:v>
                </c:pt>
                <c:pt idx="4604">
                  <c:v>45.723999999999997</c:v>
                </c:pt>
                <c:pt idx="4605">
                  <c:v>45.734000000000002</c:v>
                </c:pt>
                <c:pt idx="4606">
                  <c:v>45.743000000000002</c:v>
                </c:pt>
                <c:pt idx="4607">
                  <c:v>45.753</c:v>
                </c:pt>
                <c:pt idx="4608">
                  <c:v>45.762999999999998</c:v>
                </c:pt>
                <c:pt idx="4609">
                  <c:v>45.773000000000003</c:v>
                </c:pt>
                <c:pt idx="4610">
                  <c:v>45.781999999999996</c:v>
                </c:pt>
                <c:pt idx="4611">
                  <c:v>45.792000000000002</c:v>
                </c:pt>
                <c:pt idx="4612">
                  <c:v>45.801000000000002</c:v>
                </c:pt>
                <c:pt idx="4613">
                  <c:v>45.811999999999998</c:v>
                </c:pt>
                <c:pt idx="4614">
                  <c:v>45.820999999999998</c:v>
                </c:pt>
                <c:pt idx="4615">
                  <c:v>45.83</c:v>
                </c:pt>
                <c:pt idx="4616">
                  <c:v>45.841000000000001</c:v>
                </c:pt>
                <c:pt idx="4617">
                  <c:v>45.85</c:v>
                </c:pt>
                <c:pt idx="4618">
                  <c:v>45.86</c:v>
                </c:pt>
                <c:pt idx="4619">
                  <c:v>45.869</c:v>
                </c:pt>
                <c:pt idx="4620">
                  <c:v>45.878999999999998</c:v>
                </c:pt>
                <c:pt idx="4621">
                  <c:v>45.889000000000003</c:v>
                </c:pt>
                <c:pt idx="4622">
                  <c:v>45.898000000000003</c:v>
                </c:pt>
                <c:pt idx="4623">
                  <c:v>45.908999999999999</c:v>
                </c:pt>
                <c:pt idx="4624">
                  <c:v>45.917999999999999</c:v>
                </c:pt>
                <c:pt idx="4625">
                  <c:v>45.927999999999997</c:v>
                </c:pt>
                <c:pt idx="4626">
                  <c:v>45.938000000000002</c:v>
                </c:pt>
                <c:pt idx="4627">
                  <c:v>45.947000000000003</c:v>
                </c:pt>
                <c:pt idx="4628">
                  <c:v>45.957000000000001</c:v>
                </c:pt>
                <c:pt idx="4629">
                  <c:v>45.966999999999999</c:v>
                </c:pt>
                <c:pt idx="4630">
                  <c:v>45.976999999999997</c:v>
                </c:pt>
                <c:pt idx="4631">
                  <c:v>45.985999999999997</c:v>
                </c:pt>
                <c:pt idx="4632">
                  <c:v>45.996000000000002</c:v>
                </c:pt>
                <c:pt idx="4633">
                  <c:v>46.005000000000003</c:v>
                </c:pt>
                <c:pt idx="4634">
                  <c:v>46.014000000000003</c:v>
                </c:pt>
                <c:pt idx="4635">
                  <c:v>46.024000000000001</c:v>
                </c:pt>
                <c:pt idx="4636">
                  <c:v>46.033999999999999</c:v>
                </c:pt>
                <c:pt idx="4637">
                  <c:v>46.043999999999997</c:v>
                </c:pt>
                <c:pt idx="4638">
                  <c:v>46.052999999999997</c:v>
                </c:pt>
                <c:pt idx="4639">
                  <c:v>46.063000000000002</c:v>
                </c:pt>
                <c:pt idx="4640">
                  <c:v>46.072000000000003</c:v>
                </c:pt>
                <c:pt idx="4641">
                  <c:v>46.081000000000003</c:v>
                </c:pt>
                <c:pt idx="4642">
                  <c:v>46.091000000000001</c:v>
                </c:pt>
                <c:pt idx="4643">
                  <c:v>46.1</c:v>
                </c:pt>
                <c:pt idx="4644">
                  <c:v>46.11</c:v>
                </c:pt>
                <c:pt idx="4645">
                  <c:v>46.121000000000002</c:v>
                </c:pt>
                <c:pt idx="4646">
                  <c:v>46.13</c:v>
                </c:pt>
                <c:pt idx="4647">
                  <c:v>46.14</c:v>
                </c:pt>
                <c:pt idx="4648">
                  <c:v>46.15</c:v>
                </c:pt>
                <c:pt idx="4649">
                  <c:v>46.16</c:v>
                </c:pt>
                <c:pt idx="4650">
                  <c:v>46.168999999999997</c:v>
                </c:pt>
                <c:pt idx="4651">
                  <c:v>46.179000000000002</c:v>
                </c:pt>
                <c:pt idx="4652">
                  <c:v>46.189</c:v>
                </c:pt>
                <c:pt idx="4653">
                  <c:v>46.198999999999998</c:v>
                </c:pt>
                <c:pt idx="4654">
                  <c:v>46.207999999999998</c:v>
                </c:pt>
                <c:pt idx="4655">
                  <c:v>46.219000000000001</c:v>
                </c:pt>
                <c:pt idx="4656">
                  <c:v>46.228000000000002</c:v>
                </c:pt>
                <c:pt idx="4657">
                  <c:v>46.238</c:v>
                </c:pt>
                <c:pt idx="4658">
                  <c:v>46.247</c:v>
                </c:pt>
                <c:pt idx="4659">
                  <c:v>46.256999999999998</c:v>
                </c:pt>
                <c:pt idx="4660">
                  <c:v>46.267000000000003</c:v>
                </c:pt>
                <c:pt idx="4661">
                  <c:v>46.276000000000003</c:v>
                </c:pt>
                <c:pt idx="4662">
                  <c:v>46.286000000000001</c:v>
                </c:pt>
                <c:pt idx="4663">
                  <c:v>46.295999999999999</c:v>
                </c:pt>
                <c:pt idx="4664">
                  <c:v>46.305</c:v>
                </c:pt>
                <c:pt idx="4665">
                  <c:v>46.316000000000003</c:v>
                </c:pt>
                <c:pt idx="4666">
                  <c:v>46.325000000000003</c:v>
                </c:pt>
                <c:pt idx="4667">
                  <c:v>46.335000000000001</c:v>
                </c:pt>
                <c:pt idx="4668">
                  <c:v>46.344999999999999</c:v>
                </c:pt>
                <c:pt idx="4669">
                  <c:v>46.353999999999999</c:v>
                </c:pt>
                <c:pt idx="4670">
                  <c:v>46.363999999999997</c:v>
                </c:pt>
                <c:pt idx="4671">
                  <c:v>46.372999999999998</c:v>
                </c:pt>
                <c:pt idx="4672">
                  <c:v>46.384</c:v>
                </c:pt>
                <c:pt idx="4673">
                  <c:v>46.393000000000001</c:v>
                </c:pt>
                <c:pt idx="4674">
                  <c:v>46.402999999999999</c:v>
                </c:pt>
                <c:pt idx="4675">
                  <c:v>46.411999999999999</c:v>
                </c:pt>
                <c:pt idx="4676">
                  <c:v>46.423000000000002</c:v>
                </c:pt>
                <c:pt idx="4677">
                  <c:v>46.432000000000002</c:v>
                </c:pt>
                <c:pt idx="4678">
                  <c:v>46.442999999999998</c:v>
                </c:pt>
                <c:pt idx="4679">
                  <c:v>46.451999999999998</c:v>
                </c:pt>
                <c:pt idx="4680">
                  <c:v>46.462000000000003</c:v>
                </c:pt>
                <c:pt idx="4681">
                  <c:v>46.470999999999997</c:v>
                </c:pt>
                <c:pt idx="4682">
                  <c:v>46.481000000000002</c:v>
                </c:pt>
                <c:pt idx="4683">
                  <c:v>46.491999999999997</c:v>
                </c:pt>
                <c:pt idx="4684">
                  <c:v>46.500999999999998</c:v>
                </c:pt>
                <c:pt idx="4685">
                  <c:v>46.511000000000003</c:v>
                </c:pt>
                <c:pt idx="4686">
                  <c:v>46.521000000000001</c:v>
                </c:pt>
                <c:pt idx="4687">
                  <c:v>46.530999999999999</c:v>
                </c:pt>
                <c:pt idx="4688">
                  <c:v>46.54</c:v>
                </c:pt>
                <c:pt idx="4689">
                  <c:v>46.55</c:v>
                </c:pt>
                <c:pt idx="4690">
                  <c:v>46.56</c:v>
                </c:pt>
                <c:pt idx="4691">
                  <c:v>46.569000000000003</c:v>
                </c:pt>
                <c:pt idx="4692">
                  <c:v>46.578000000000003</c:v>
                </c:pt>
                <c:pt idx="4693">
                  <c:v>46.588000000000001</c:v>
                </c:pt>
                <c:pt idx="4694">
                  <c:v>46.597999999999999</c:v>
                </c:pt>
                <c:pt idx="4695">
                  <c:v>46.606999999999999</c:v>
                </c:pt>
                <c:pt idx="4696">
                  <c:v>46.618000000000002</c:v>
                </c:pt>
                <c:pt idx="4697">
                  <c:v>46.627000000000002</c:v>
                </c:pt>
                <c:pt idx="4698">
                  <c:v>46.637</c:v>
                </c:pt>
                <c:pt idx="4699">
                  <c:v>46.646000000000001</c:v>
                </c:pt>
                <c:pt idx="4700">
                  <c:v>46.656999999999996</c:v>
                </c:pt>
                <c:pt idx="4701">
                  <c:v>46.667000000000002</c:v>
                </c:pt>
                <c:pt idx="4702">
                  <c:v>46.676000000000002</c:v>
                </c:pt>
                <c:pt idx="4703">
                  <c:v>46.685000000000002</c:v>
                </c:pt>
                <c:pt idx="4704">
                  <c:v>46.695999999999998</c:v>
                </c:pt>
                <c:pt idx="4705">
                  <c:v>46.704999999999998</c:v>
                </c:pt>
                <c:pt idx="4706">
                  <c:v>46.715000000000003</c:v>
                </c:pt>
                <c:pt idx="4707">
                  <c:v>46.723999999999997</c:v>
                </c:pt>
                <c:pt idx="4708">
                  <c:v>46.734000000000002</c:v>
                </c:pt>
                <c:pt idx="4709">
                  <c:v>46.744</c:v>
                </c:pt>
                <c:pt idx="4710">
                  <c:v>46.753999999999998</c:v>
                </c:pt>
                <c:pt idx="4711">
                  <c:v>46.762999999999998</c:v>
                </c:pt>
                <c:pt idx="4712">
                  <c:v>46.774000000000001</c:v>
                </c:pt>
                <c:pt idx="4713">
                  <c:v>46.783000000000001</c:v>
                </c:pt>
                <c:pt idx="4714">
                  <c:v>46.792000000000002</c:v>
                </c:pt>
                <c:pt idx="4715">
                  <c:v>46.802</c:v>
                </c:pt>
                <c:pt idx="4716">
                  <c:v>46.811999999999998</c:v>
                </c:pt>
                <c:pt idx="4717">
                  <c:v>46.822000000000003</c:v>
                </c:pt>
                <c:pt idx="4718">
                  <c:v>46.832000000000001</c:v>
                </c:pt>
                <c:pt idx="4719">
                  <c:v>46.841000000000001</c:v>
                </c:pt>
                <c:pt idx="4720">
                  <c:v>46.850999999999999</c:v>
                </c:pt>
                <c:pt idx="4721">
                  <c:v>46.860999999999997</c:v>
                </c:pt>
                <c:pt idx="4722">
                  <c:v>46.87</c:v>
                </c:pt>
                <c:pt idx="4723">
                  <c:v>46.88</c:v>
                </c:pt>
                <c:pt idx="4724">
                  <c:v>46.890999999999998</c:v>
                </c:pt>
                <c:pt idx="4725">
                  <c:v>46.9</c:v>
                </c:pt>
                <c:pt idx="4726">
                  <c:v>46.91</c:v>
                </c:pt>
                <c:pt idx="4727">
                  <c:v>46.918999999999997</c:v>
                </c:pt>
                <c:pt idx="4728">
                  <c:v>46.93</c:v>
                </c:pt>
                <c:pt idx="4729">
                  <c:v>46.939</c:v>
                </c:pt>
                <c:pt idx="4730">
                  <c:v>46.95</c:v>
                </c:pt>
                <c:pt idx="4731">
                  <c:v>46.959000000000003</c:v>
                </c:pt>
                <c:pt idx="4732">
                  <c:v>46.969000000000001</c:v>
                </c:pt>
                <c:pt idx="4733">
                  <c:v>46.978999999999999</c:v>
                </c:pt>
                <c:pt idx="4734">
                  <c:v>46.988</c:v>
                </c:pt>
                <c:pt idx="4735">
                  <c:v>46.999000000000002</c:v>
                </c:pt>
                <c:pt idx="4736">
                  <c:v>47.008000000000003</c:v>
                </c:pt>
                <c:pt idx="4737">
                  <c:v>47.018000000000001</c:v>
                </c:pt>
                <c:pt idx="4738">
                  <c:v>47.027000000000001</c:v>
                </c:pt>
                <c:pt idx="4739">
                  <c:v>47.036999999999999</c:v>
                </c:pt>
                <c:pt idx="4740">
                  <c:v>47.045999999999999</c:v>
                </c:pt>
                <c:pt idx="4741">
                  <c:v>47.055</c:v>
                </c:pt>
                <c:pt idx="4742">
                  <c:v>47.066000000000003</c:v>
                </c:pt>
                <c:pt idx="4743">
                  <c:v>47.075000000000003</c:v>
                </c:pt>
                <c:pt idx="4744">
                  <c:v>47.085000000000001</c:v>
                </c:pt>
                <c:pt idx="4745">
                  <c:v>47.094000000000001</c:v>
                </c:pt>
                <c:pt idx="4746">
                  <c:v>47.103999999999999</c:v>
                </c:pt>
                <c:pt idx="4747">
                  <c:v>47.113</c:v>
                </c:pt>
                <c:pt idx="4748">
                  <c:v>47.124000000000002</c:v>
                </c:pt>
                <c:pt idx="4749">
                  <c:v>47.133000000000003</c:v>
                </c:pt>
                <c:pt idx="4750">
                  <c:v>47.143999999999998</c:v>
                </c:pt>
                <c:pt idx="4751">
                  <c:v>47.152999999999999</c:v>
                </c:pt>
                <c:pt idx="4752">
                  <c:v>47.161999999999999</c:v>
                </c:pt>
                <c:pt idx="4753">
                  <c:v>47.173000000000002</c:v>
                </c:pt>
                <c:pt idx="4754">
                  <c:v>47.182000000000002</c:v>
                </c:pt>
                <c:pt idx="4755">
                  <c:v>47.192</c:v>
                </c:pt>
                <c:pt idx="4756">
                  <c:v>47.201000000000001</c:v>
                </c:pt>
                <c:pt idx="4757">
                  <c:v>47.212000000000003</c:v>
                </c:pt>
                <c:pt idx="4758">
                  <c:v>47.222000000000001</c:v>
                </c:pt>
                <c:pt idx="4759">
                  <c:v>47.231000000000002</c:v>
                </c:pt>
                <c:pt idx="4760">
                  <c:v>47.241</c:v>
                </c:pt>
                <c:pt idx="4761">
                  <c:v>47.249000000000002</c:v>
                </c:pt>
                <c:pt idx="4762">
                  <c:v>47.26</c:v>
                </c:pt>
                <c:pt idx="4763">
                  <c:v>47.268999999999998</c:v>
                </c:pt>
                <c:pt idx="4764">
                  <c:v>47.277999999999999</c:v>
                </c:pt>
                <c:pt idx="4765">
                  <c:v>47.289000000000001</c:v>
                </c:pt>
                <c:pt idx="4766">
                  <c:v>47.298000000000002</c:v>
                </c:pt>
                <c:pt idx="4767">
                  <c:v>47.308</c:v>
                </c:pt>
                <c:pt idx="4768">
                  <c:v>47.317999999999998</c:v>
                </c:pt>
                <c:pt idx="4769">
                  <c:v>47.328000000000003</c:v>
                </c:pt>
                <c:pt idx="4770">
                  <c:v>47.337000000000003</c:v>
                </c:pt>
                <c:pt idx="4771">
                  <c:v>47.347999999999999</c:v>
                </c:pt>
                <c:pt idx="4772">
                  <c:v>47.356999999999999</c:v>
                </c:pt>
                <c:pt idx="4773">
                  <c:v>47.366999999999997</c:v>
                </c:pt>
                <c:pt idx="4774">
                  <c:v>47.375999999999998</c:v>
                </c:pt>
                <c:pt idx="4775">
                  <c:v>47.387</c:v>
                </c:pt>
                <c:pt idx="4776">
                  <c:v>47.396000000000001</c:v>
                </c:pt>
                <c:pt idx="4777">
                  <c:v>47.405999999999999</c:v>
                </c:pt>
                <c:pt idx="4778">
                  <c:v>47.415999999999997</c:v>
                </c:pt>
                <c:pt idx="4779">
                  <c:v>47.424999999999997</c:v>
                </c:pt>
                <c:pt idx="4780">
                  <c:v>47.435000000000002</c:v>
                </c:pt>
                <c:pt idx="4781">
                  <c:v>47.444000000000003</c:v>
                </c:pt>
                <c:pt idx="4782">
                  <c:v>47.454999999999998</c:v>
                </c:pt>
                <c:pt idx="4783">
                  <c:v>47.465000000000003</c:v>
                </c:pt>
                <c:pt idx="4784">
                  <c:v>47.475000000000001</c:v>
                </c:pt>
                <c:pt idx="4785">
                  <c:v>47.484999999999999</c:v>
                </c:pt>
                <c:pt idx="4786">
                  <c:v>47.494999999999997</c:v>
                </c:pt>
                <c:pt idx="4787">
                  <c:v>47.505000000000003</c:v>
                </c:pt>
                <c:pt idx="4788">
                  <c:v>47.514000000000003</c:v>
                </c:pt>
                <c:pt idx="4789">
                  <c:v>47.524999999999999</c:v>
                </c:pt>
                <c:pt idx="4790">
                  <c:v>47.533999999999999</c:v>
                </c:pt>
                <c:pt idx="4791">
                  <c:v>47.542999999999999</c:v>
                </c:pt>
                <c:pt idx="4792">
                  <c:v>47.552999999999997</c:v>
                </c:pt>
                <c:pt idx="4793">
                  <c:v>47.563000000000002</c:v>
                </c:pt>
                <c:pt idx="4794">
                  <c:v>47.572000000000003</c:v>
                </c:pt>
                <c:pt idx="4795">
                  <c:v>47.582000000000001</c:v>
                </c:pt>
                <c:pt idx="4796">
                  <c:v>47.591000000000001</c:v>
                </c:pt>
                <c:pt idx="4797">
                  <c:v>47.600999999999999</c:v>
                </c:pt>
                <c:pt idx="4798">
                  <c:v>47.612000000000002</c:v>
                </c:pt>
                <c:pt idx="4799">
                  <c:v>47.621000000000002</c:v>
                </c:pt>
                <c:pt idx="4800">
                  <c:v>47.631</c:v>
                </c:pt>
                <c:pt idx="4801">
                  <c:v>47.640999999999998</c:v>
                </c:pt>
                <c:pt idx="4802">
                  <c:v>47.65</c:v>
                </c:pt>
                <c:pt idx="4803">
                  <c:v>47.661000000000001</c:v>
                </c:pt>
                <c:pt idx="4804">
                  <c:v>47.67</c:v>
                </c:pt>
                <c:pt idx="4805">
                  <c:v>47.68</c:v>
                </c:pt>
                <c:pt idx="4806">
                  <c:v>47.69</c:v>
                </c:pt>
                <c:pt idx="4807">
                  <c:v>47.7</c:v>
                </c:pt>
                <c:pt idx="4808">
                  <c:v>47.709000000000003</c:v>
                </c:pt>
                <c:pt idx="4809">
                  <c:v>47.719000000000001</c:v>
                </c:pt>
                <c:pt idx="4810">
                  <c:v>47.728000000000002</c:v>
                </c:pt>
                <c:pt idx="4811">
                  <c:v>47.738999999999997</c:v>
                </c:pt>
                <c:pt idx="4812">
                  <c:v>47.747999999999998</c:v>
                </c:pt>
                <c:pt idx="4813">
                  <c:v>47.756999999999998</c:v>
                </c:pt>
                <c:pt idx="4814">
                  <c:v>47.767000000000003</c:v>
                </c:pt>
                <c:pt idx="4815">
                  <c:v>47.776000000000003</c:v>
                </c:pt>
                <c:pt idx="4816">
                  <c:v>47.786999999999999</c:v>
                </c:pt>
                <c:pt idx="4817">
                  <c:v>47.795999999999999</c:v>
                </c:pt>
                <c:pt idx="4818">
                  <c:v>47.805999999999997</c:v>
                </c:pt>
                <c:pt idx="4819">
                  <c:v>47.816000000000003</c:v>
                </c:pt>
                <c:pt idx="4820">
                  <c:v>47.825000000000003</c:v>
                </c:pt>
                <c:pt idx="4821">
                  <c:v>47.834000000000003</c:v>
                </c:pt>
                <c:pt idx="4822">
                  <c:v>47.844999999999999</c:v>
                </c:pt>
                <c:pt idx="4823">
                  <c:v>47.853999999999999</c:v>
                </c:pt>
                <c:pt idx="4824">
                  <c:v>47.863999999999997</c:v>
                </c:pt>
                <c:pt idx="4825">
                  <c:v>47.872999999999998</c:v>
                </c:pt>
                <c:pt idx="4826">
                  <c:v>47.884</c:v>
                </c:pt>
                <c:pt idx="4827">
                  <c:v>47.893000000000001</c:v>
                </c:pt>
                <c:pt idx="4828">
                  <c:v>47.902000000000001</c:v>
                </c:pt>
                <c:pt idx="4829">
                  <c:v>47.912999999999997</c:v>
                </c:pt>
                <c:pt idx="4830">
                  <c:v>47.920999999999999</c:v>
                </c:pt>
                <c:pt idx="4831">
                  <c:v>47.932000000000002</c:v>
                </c:pt>
                <c:pt idx="4832">
                  <c:v>47.941000000000003</c:v>
                </c:pt>
                <c:pt idx="4833">
                  <c:v>47.951000000000001</c:v>
                </c:pt>
                <c:pt idx="4834">
                  <c:v>47.960999999999999</c:v>
                </c:pt>
                <c:pt idx="4835">
                  <c:v>47.970999999999997</c:v>
                </c:pt>
                <c:pt idx="4836">
                  <c:v>47.981000000000002</c:v>
                </c:pt>
                <c:pt idx="4837">
                  <c:v>47.99</c:v>
                </c:pt>
                <c:pt idx="4838">
                  <c:v>48.000999999999998</c:v>
                </c:pt>
                <c:pt idx="4839">
                  <c:v>48.01</c:v>
                </c:pt>
                <c:pt idx="4840">
                  <c:v>48.02</c:v>
                </c:pt>
                <c:pt idx="4841">
                  <c:v>48.029000000000003</c:v>
                </c:pt>
                <c:pt idx="4842">
                  <c:v>48.039000000000001</c:v>
                </c:pt>
                <c:pt idx="4843">
                  <c:v>48.048000000000002</c:v>
                </c:pt>
                <c:pt idx="4844">
                  <c:v>48.058999999999997</c:v>
                </c:pt>
                <c:pt idx="4845">
                  <c:v>48.067999999999998</c:v>
                </c:pt>
                <c:pt idx="4846">
                  <c:v>48.078000000000003</c:v>
                </c:pt>
                <c:pt idx="4847">
                  <c:v>48.088000000000001</c:v>
                </c:pt>
                <c:pt idx="4848">
                  <c:v>48.097000000000001</c:v>
                </c:pt>
                <c:pt idx="4849">
                  <c:v>48.107999999999997</c:v>
                </c:pt>
                <c:pt idx="4850">
                  <c:v>48.116999999999997</c:v>
                </c:pt>
                <c:pt idx="4851">
                  <c:v>48.125999999999998</c:v>
                </c:pt>
                <c:pt idx="4852">
                  <c:v>48.137</c:v>
                </c:pt>
                <c:pt idx="4853">
                  <c:v>48.146000000000001</c:v>
                </c:pt>
                <c:pt idx="4854">
                  <c:v>48.156999999999996</c:v>
                </c:pt>
                <c:pt idx="4855">
                  <c:v>48.165999999999997</c:v>
                </c:pt>
                <c:pt idx="4856">
                  <c:v>48.174999999999997</c:v>
                </c:pt>
                <c:pt idx="4857">
                  <c:v>48.185000000000002</c:v>
                </c:pt>
                <c:pt idx="4858">
                  <c:v>48.194000000000003</c:v>
                </c:pt>
                <c:pt idx="4859">
                  <c:v>48.204999999999998</c:v>
                </c:pt>
                <c:pt idx="4860">
                  <c:v>48.213999999999999</c:v>
                </c:pt>
                <c:pt idx="4861">
                  <c:v>48.223999999999997</c:v>
                </c:pt>
                <c:pt idx="4862">
                  <c:v>48.232999999999997</c:v>
                </c:pt>
                <c:pt idx="4863">
                  <c:v>48.243000000000002</c:v>
                </c:pt>
                <c:pt idx="4864">
                  <c:v>48.252000000000002</c:v>
                </c:pt>
                <c:pt idx="4865">
                  <c:v>48.262</c:v>
                </c:pt>
                <c:pt idx="4866">
                  <c:v>48.271999999999998</c:v>
                </c:pt>
                <c:pt idx="4867">
                  <c:v>48.281999999999996</c:v>
                </c:pt>
                <c:pt idx="4868">
                  <c:v>48.290999999999997</c:v>
                </c:pt>
                <c:pt idx="4869">
                  <c:v>48.302</c:v>
                </c:pt>
                <c:pt idx="4870">
                  <c:v>48.311999999999998</c:v>
                </c:pt>
                <c:pt idx="4871">
                  <c:v>48.320999999999998</c:v>
                </c:pt>
                <c:pt idx="4872">
                  <c:v>48.332000000000001</c:v>
                </c:pt>
                <c:pt idx="4873">
                  <c:v>48.341000000000001</c:v>
                </c:pt>
                <c:pt idx="4874">
                  <c:v>48.35</c:v>
                </c:pt>
                <c:pt idx="4875">
                  <c:v>48.36</c:v>
                </c:pt>
                <c:pt idx="4876">
                  <c:v>48.37</c:v>
                </c:pt>
                <c:pt idx="4877">
                  <c:v>48.378999999999998</c:v>
                </c:pt>
                <c:pt idx="4878">
                  <c:v>48.389000000000003</c:v>
                </c:pt>
                <c:pt idx="4879">
                  <c:v>48.398000000000003</c:v>
                </c:pt>
                <c:pt idx="4880">
                  <c:v>48.408999999999999</c:v>
                </c:pt>
                <c:pt idx="4881">
                  <c:v>48.417999999999999</c:v>
                </c:pt>
                <c:pt idx="4882">
                  <c:v>48.427</c:v>
                </c:pt>
                <c:pt idx="4883">
                  <c:v>48.438000000000002</c:v>
                </c:pt>
                <c:pt idx="4884">
                  <c:v>48.447000000000003</c:v>
                </c:pt>
                <c:pt idx="4885">
                  <c:v>48.457000000000001</c:v>
                </c:pt>
                <c:pt idx="4886">
                  <c:v>48.466000000000001</c:v>
                </c:pt>
                <c:pt idx="4887">
                  <c:v>48.475999999999999</c:v>
                </c:pt>
                <c:pt idx="4888">
                  <c:v>48.487000000000002</c:v>
                </c:pt>
                <c:pt idx="4889">
                  <c:v>48.496000000000002</c:v>
                </c:pt>
                <c:pt idx="4890">
                  <c:v>48.506</c:v>
                </c:pt>
                <c:pt idx="4891">
                  <c:v>48.515000000000001</c:v>
                </c:pt>
                <c:pt idx="4892">
                  <c:v>48.524999999999999</c:v>
                </c:pt>
                <c:pt idx="4893">
                  <c:v>48.533999999999999</c:v>
                </c:pt>
                <c:pt idx="4894">
                  <c:v>48.543999999999997</c:v>
                </c:pt>
                <c:pt idx="4895">
                  <c:v>48.554000000000002</c:v>
                </c:pt>
                <c:pt idx="4896">
                  <c:v>48.564</c:v>
                </c:pt>
                <c:pt idx="4897">
                  <c:v>48.573</c:v>
                </c:pt>
                <c:pt idx="4898">
                  <c:v>48.582000000000001</c:v>
                </c:pt>
                <c:pt idx="4899">
                  <c:v>48.591999999999999</c:v>
                </c:pt>
                <c:pt idx="4900">
                  <c:v>48.601999999999997</c:v>
                </c:pt>
                <c:pt idx="4901">
                  <c:v>48.610999999999997</c:v>
                </c:pt>
                <c:pt idx="4902">
                  <c:v>48.622</c:v>
                </c:pt>
                <c:pt idx="4903">
                  <c:v>48.631</c:v>
                </c:pt>
                <c:pt idx="4904">
                  <c:v>48.640999999999998</c:v>
                </c:pt>
                <c:pt idx="4905">
                  <c:v>48.651000000000003</c:v>
                </c:pt>
                <c:pt idx="4906">
                  <c:v>48.66</c:v>
                </c:pt>
                <c:pt idx="4907">
                  <c:v>48.67</c:v>
                </c:pt>
                <c:pt idx="4908">
                  <c:v>48.68</c:v>
                </c:pt>
                <c:pt idx="4909">
                  <c:v>48.69</c:v>
                </c:pt>
                <c:pt idx="4910">
                  <c:v>48.7</c:v>
                </c:pt>
                <c:pt idx="4911">
                  <c:v>48.709000000000003</c:v>
                </c:pt>
                <c:pt idx="4912">
                  <c:v>48.719000000000001</c:v>
                </c:pt>
                <c:pt idx="4913">
                  <c:v>48.728000000000002</c:v>
                </c:pt>
                <c:pt idx="4914">
                  <c:v>48.738</c:v>
                </c:pt>
                <c:pt idx="4915">
                  <c:v>48.747999999999998</c:v>
                </c:pt>
                <c:pt idx="4916">
                  <c:v>48.759</c:v>
                </c:pt>
                <c:pt idx="4917">
                  <c:v>48.768000000000001</c:v>
                </c:pt>
                <c:pt idx="4918">
                  <c:v>48.777000000000001</c:v>
                </c:pt>
                <c:pt idx="4919">
                  <c:v>48.787999999999997</c:v>
                </c:pt>
                <c:pt idx="4920">
                  <c:v>48.796999999999997</c:v>
                </c:pt>
                <c:pt idx="4921">
                  <c:v>48.807000000000002</c:v>
                </c:pt>
                <c:pt idx="4922">
                  <c:v>48.817999999999998</c:v>
                </c:pt>
                <c:pt idx="4923">
                  <c:v>48.826999999999998</c:v>
                </c:pt>
                <c:pt idx="4924">
                  <c:v>48.837000000000003</c:v>
                </c:pt>
                <c:pt idx="4925">
                  <c:v>48.847000000000001</c:v>
                </c:pt>
                <c:pt idx="4926">
                  <c:v>48.856999999999999</c:v>
                </c:pt>
                <c:pt idx="4927">
                  <c:v>48.866</c:v>
                </c:pt>
                <c:pt idx="4928">
                  <c:v>48.875999999999998</c:v>
                </c:pt>
                <c:pt idx="4929">
                  <c:v>48.884999999999998</c:v>
                </c:pt>
                <c:pt idx="4930">
                  <c:v>48.896000000000001</c:v>
                </c:pt>
                <c:pt idx="4931">
                  <c:v>48.905000000000001</c:v>
                </c:pt>
                <c:pt idx="4932">
                  <c:v>48.914000000000001</c:v>
                </c:pt>
                <c:pt idx="4933">
                  <c:v>48.924999999999997</c:v>
                </c:pt>
                <c:pt idx="4934">
                  <c:v>48.933999999999997</c:v>
                </c:pt>
                <c:pt idx="4935">
                  <c:v>48.945</c:v>
                </c:pt>
                <c:pt idx="4936">
                  <c:v>48.954000000000001</c:v>
                </c:pt>
                <c:pt idx="4937">
                  <c:v>48.965000000000003</c:v>
                </c:pt>
                <c:pt idx="4938">
                  <c:v>48.973999999999997</c:v>
                </c:pt>
                <c:pt idx="4939">
                  <c:v>48.984000000000002</c:v>
                </c:pt>
                <c:pt idx="4940">
                  <c:v>48.994999999999997</c:v>
                </c:pt>
                <c:pt idx="4941">
                  <c:v>49.003999999999998</c:v>
                </c:pt>
                <c:pt idx="4942">
                  <c:v>49.012999999999998</c:v>
                </c:pt>
                <c:pt idx="4943">
                  <c:v>49.023000000000003</c:v>
                </c:pt>
                <c:pt idx="4944">
                  <c:v>49.033000000000001</c:v>
                </c:pt>
                <c:pt idx="4945">
                  <c:v>49.042000000000002</c:v>
                </c:pt>
                <c:pt idx="4946">
                  <c:v>49.052</c:v>
                </c:pt>
                <c:pt idx="4947">
                  <c:v>49.061</c:v>
                </c:pt>
                <c:pt idx="4948">
                  <c:v>49.070999999999998</c:v>
                </c:pt>
                <c:pt idx="4949">
                  <c:v>49.08</c:v>
                </c:pt>
                <c:pt idx="4950">
                  <c:v>49.091000000000001</c:v>
                </c:pt>
                <c:pt idx="4951">
                  <c:v>49.1</c:v>
                </c:pt>
                <c:pt idx="4952">
                  <c:v>49.11</c:v>
                </c:pt>
                <c:pt idx="4953">
                  <c:v>49.12</c:v>
                </c:pt>
                <c:pt idx="4954">
                  <c:v>49.128999999999998</c:v>
                </c:pt>
                <c:pt idx="4955">
                  <c:v>49.139000000000003</c:v>
                </c:pt>
                <c:pt idx="4956">
                  <c:v>49.149000000000001</c:v>
                </c:pt>
                <c:pt idx="4957">
                  <c:v>49.158000000000001</c:v>
                </c:pt>
                <c:pt idx="4958">
                  <c:v>49.167999999999999</c:v>
                </c:pt>
                <c:pt idx="4959">
                  <c:v>49.177999999999997</c:v>
                </c:pt>
                <c:pt idx="4960">
                  <c:v>49.188000000000002</c:v>
                </c:pt>
                <c:pt idx="4961">
                  <c:v>49.198</c:v>
                </c:pt>
                <c:pt idx="4962">
                  <c:v>49.207000000000001</c:v>
                </c:pt>
                <c:pt idx="4963">
                  <c:v>49.216999999999999</c:v>
                </c:pt>
                <c:pt idx="4964">
                  <c:v>49.226999999999997</c:v>
                </c:pt>
                <c:pt idx="4965">
                  <c:v>49.237000000000002</c:v>
                </c:pt>
                <c:pt idx="4966">
                  <c:v>49.247</c:v>
                </c:pt>
                <c:pt idx="4967">
                  <c:v>49.256</c:v>
                </c:pt>
                <c:pt idx="4968">
                  <c:v>49.265000000000001</c:v>
                </c:pt>
                <c:pt idx="4969">
                  <c:v>49.276000000000003</c:v>
                </c:pt>
                <c:pt idx="4970">
                  <c:v>49.284999999999997</c:v>
                </c:pt>
                <c:pt idx="4971">
                  <c:v>49.295000000000002</c:v>
                </c:pt>
                <c:pt idx="4972">
                  <c:v>49.304000000000002</c:v>
                </c:pt>
                <c:pt idx="4973">
                  <c:v>49.314999999999998</c:v>
                </c:pt>
                <c:pt idx="4974">
                  <c:v>49.323999999999998</c:v>
                </c:pt>
                <c:pt idx="4975">
                  <c:v>49.386000000000003</c:v>
                </c:pt>
                <c:pt idx="4976">
                  <c:v>49.395000000000003</c:v>
                </c:pt>
                <c:pt idx="4977">
                  <c:v>49.405999999999999</c:v>
                </c:pt>
                <c:pt idx="4978">
                  <c:v>49.414000000000001</c:v>
                </c:pt>
                <c:pt idx="4979">
                  <c:v>49.423999999999999</c:v>
                </c:pt>
                <c:pt idx="4980">
                  <c:v>49.433999999999997</c:v>
                </c:pt>
                <c:pt idx="4981">
                  <c:v>49.444000000000003</c:v>
                </c:pt>
                <c:pt idx="4982">
                  <c:v>49.454000000000001</c:v>
                </c:pt>
                <c:pt idx="4983">
                  <c:v>49.463999999999999</c:v>
                </c:pt>
                <c:pt idx="4984">
                  <c:v>49.472999999999999</c:v>
                </c:pt>
                <c:pt idx="4985">
                  <c:v>49.482999999999997</c:v>
                </c:pt>
                <c:pt idx="4986">
                  <c:v>49.491999999999997</c:v>
                </c:pt>
                <c:pt idx="4987">
                  <c:v>49.503</c:v>
                </c:pt>
                <c:pt idx="4988">
                  <c:v>49.512999999999998</c:v>
                </c:pt>
                <c:pt idx="4989">
                  <c:v>49.521999999999998</c:v>
                </c:pt>
                <c:pt idx="4990">
                  <c:v>49.533000000000001</c:v>
                </c:pt>
                <c:pt idx="4991">
                  <c:v>49.542000000000002</c:v>
                </c:pt>
                <c:pt idx="4992">
                  <c:v>49.551000000000002</c:v>
                </c:pt>
                <c:pt idx="4993">
                  <c:v>49.561999999999998</c:v>
                </c:pt>
                <c:pt idx="4994">
                  <c:v>49.572000000000003</c:v>
                </c:pt>
                <c:pt idx="4995">
                  <c:v>49.581000000000003</c:v>
                </c:pt>
                <c:pt idx="4996">
                  <c:v>49.591000000000001</c:v>
                </c:pt>
                <c:pt idx="4997">
                  <c:v>49.600999999999999</c:v>
                </c:pt>
                <c:pt idx="4998">
                  <c:v>49.610999999999997</c:v>
                </c:pt>
                <c:pt idx="4999">
                  <c:v>49.621000000000002</c:v>
                </c:pt>
                <c:pt idx="5000">
                  <c:v>49.631</c:v>
                </c:pt>
                <c:pt idx="5001">
                  <c:v>49.64</c:v>
                </c:pt>
                <c:pt idx="5002">
                  <c:v>49.651000000000003</c:v>
                </c:pt>
                <c:pt idx="5003">
                  <c:v>49.66</c:v>
                </c:pt>
                <c:pt idx="5004">
                  <c:v>49.670999999999999</c:v>
                </c:pt>
                <c:pt idx="5005">
                  <c:v>49.68</c:v>
                </c:pt>
                <c:pt idx="5006">
                  <c:v>49.69</c:v>
                </c:pt>
                <c:pt idx="5007">
                  <c:v>49.7</c:v>
                </c:pt>
                <c:pt idx="5008">
                  <c:v>49.709000000000003</c:v>
                </c:pt>
                <c:pt idx="5009">
                  <c:v>49.72</c:v>
                </c:pt>
                <c:pt idx="5010">
                  <c:v>49.728999999999999</c:v>
                </c:pt>
                <c:pt idx="5011">
                  <c:v>49.74</c:v>
                </c:pt>
                <c:pt idx="5012">
                  <c:v>49.749000000000002</c:v>
                </c:pt>
                <c:pt idx="5013">
                  <c:v>49.758000000000003</c:v>
                </c:pt>
                <c:pt idx="5014">
                  <c:v>49.768999999999998</c:v>
                </c:pt>
                <c:pt idx="5015">
                  <c:v>49.777999999999999</c:v>
                </c:pt>
                <c:pt idx="5016">
                  <c:v>49.787999999999997</c:v>
                </c:pt>
                <c:pt idx="5017">
                  <c:v>49.798000000000002</c:v>
                </c:pt>
                <c:pt idx="5018">
                  <c:v>49.808999999999997</c:v>
                </c:pt>
                <c:pt idx="5019">
                  <c:v>49.817999999999998</c:v>
                </c:pt>
                <c:pt idx="5020">
                  <c:v>49.826999999999998</c:v>
                </c:pt>
                <c:pt idx="5021">
                  <c:v>49.838000000000001</c:v>
                </c:pt>
                <c:pt idx="5022">
                  <c:v>49.847000000000001</c:v>
                </c:pt>
                <c:pt idx="5023">
                  <c:v>49.857999999999997</c:v>
                </c:pt>
                <c:pt idx="5024">
                  <c:v>49.866999999999997</c:v>
                </c:pt>
                <c:pt idx="5025">
                  <c:v>49.878</c:v>
                </c:pt>
                <c:pt idx="5026">
                  <c:v>49.887</c:v>
                </c:pt>
                <c:pt idx="5027">
                  <c:v>49.896999999999998</c:v>
                </c:pt>
                <c:pt idx="5028">
                  <c:v>49.905999999999999</c:v>
                </c:pt>
                <c:pt idx="5029">
                  <c:v>49.915999999999997</c:v>
                </c:pt>
                <c:pt idx="5030">
                  <c:v>49.926000000000002</c:v>
                </c:pt>
                <c:pt idx="5031">
                  <c:v>49.936</c:v>
                </c:pt>
                <c:pt idx="5032">
                  <c:v>49.945999999999998</c:v>
                </c:pt>
                <c:pt idx="5033">
                  <c:v>49.956000000000003</c:v>
                </c:pt>
                <c:pt idx="5034">
                  <c:v>49.965000000000003</c:v>
                </c:pt>
                <c:pt idx="5035">
                  <c:v>49.975999999999999</c:v>
                </c:pt>
                <c:pt idx="5036">
                  <c:v>49.984999999999999</c:v>
                </c:pt>
                <c:pt idx="5037">
                  <c:v>49.994999999999997</c:v>
                </c:pt>
                <c:pt idx="5038">
                  <c:v>50.006</c:v>
                </c:pt>
                <c:pt idx="5039">
                  <c:v>50.015999999999998</c:v>
                </c:pt>
                <c:pt idx="5040">
                  <c:v>50.024999999999999</c:v>
                </c:pt>
                <c:pt idx="5041">
                  <c:v>50.034999999999997</c:v>
                </c:pt>
                <c:pt idx="5042">
                  <c:v>50.043999999999997</c:v>
                </c:pt>
                <c:pt idx="5043">
                  <c:v>50.055</c:v>
                </c:pt>
                <c:pt idx="5044">
                  <c:v>50.064</c:v>
                </c:pt>
                <c:pt idx="5045">
                  <c:v>50.073</c:v>
                </c:pt>
                <c:pt idx="5046">
                  <c:v>50.082999999999998</c:v>
                </c:pt>
                <c:pt idx="5047">
                  <c:v>50.094000000000001</c:v>
                </c:pt>
                <c:pt idx="5048">
                  <c:v>50.103000000000002</c:v>
                </c:pt>
                <c:pt idx="5049">
                  <c:v>50.113</c:v>
                </c:pt>
                <c:pt idx="5050">
                  <c:v>50.122999999999998</c:v>
                </c:pt>
                <c:pt idx="5051">
                  <c:v>50.133000000000003</c:v>
                </c:pt>
                <c:pt idx="5052">
                  <c:v>50.142000000000003</c:v>
                </c:pt>
                <c:pt idx="5053">
                  <c:v>50.152999999999999</c:v>
                </c:pt>
                <c:pt idx="5054">
                  <c:v>50.161999999999999</c:v>
                </c:pt>
                <c:pt idx="5055">
                  <c:v>50.170999999999999</c:v>
                </c:pt>
                <c:pt idx="5056">
                  <c:v>50.182000000000002</c:v>
                </c:pt>
                <c:pt idx="5057">
                  <c:v>50.191000000000003</c:v>
                </c:pt>
                <c:pt idx="5058">
                  <c:v>50.201999999999998</c:v>
                </c:pt>
                <c:pt idx="5059">
                  <c:v>50.210999999999999</c:v>
                </c:pt>
                <c:pt idx="5060">
                  <c:v>50.222000000000001</c:v>
                </c:pt>
                <c:pt idx="5061">
                  <c:v>50.231000000000002</c:v>
                </c:pt>
                <c:pt idx="5062">
                  <c:v>50.24</c:v>
                </c:pt>
                <c:pt idx="5063">
                  <c:v>50.250999999999998</c:v>
                </c:pt>
                <c:pt idx="5064">
                  <c:v>50.26</c:v>
                </c:pt>
                <c:pt idx="5065">
                  <c:v>50.27</c:v>
                </c:pt>
                <c:pt idx="5066">
                  <c:v>50.28</c:v>
                </c:pt>
                <c:pt idx="5067">
                  <c:v>50.289000000000001</c:v>
                </c:pt>
                <c:pt idx="5068">
                  <c:v>50.3</c:v>
                </c:pt>
                <c:pt idx="5069">
                  <c:v>50.308999999999997</c:v>
                </c:pt>
                <c:pt idx="5070">
                  <c:v>50.32</c:v>
                </c:pt>
                <c:pt idx="5071">
                  <c:v>50.329000000000001</c:v>
                </c:pt>
                <c:pt idx="5072">
                  <c:v>50.338999999999999</c:v>
                </c:pt>
                <c:pt idx="5073">
                  <c:v>50.348999999999997</c:v>
                </c:pt>
                <c:pt idx="5074">
                  <c:v>50.359000000000002</c:v>
                </c:pt>
                <c:pt idx="5075">
                  <c:v>50.368000000000002</c:v>
                </c:pt>
                <c:pt idx="5076">
                  <c:v>50.378</c:v>
                </c:pt>
                <c:pt idx="5077">
                  <c:v>50.387999999999998</c:v>
                </c:pt>
                <c:pt idx="5078">
                  <c:v>50.398000000000003</c:v>
                </c:pt>
                <c:pt idx="5079">
                  <c:v>50.406999999999996</c:v>
                </c:pt>
                <c:pt idx="5080">
                  <c:v>50.417999999999999</c:v>
                </c:pt>
                <c:pt idx="5081">
                  <c:v>50.427</c:v>
                </c:pt>
                <c:pt idx="5082">
                  <c:v>50.438000000000002</c:v>
                </c:pt>
                <c:pt idx="5083">
                  <c:v>50.447000000000003</c:v>
                </c:pt>
                <c:pt idx="5084">
                  <c:v>50.456000000000003</c:v>
                </c:pt>
                <c:pt idx="5085">
                  <c:v>50.466999999999999</c:v>
                </c:pt>
                <c:pt idx="5086">
                  <c:v>50.475999999999999</c:v>
                </c:pt>
                <c:pt idx="5087">
                  <c:v>50.485999999999997</c:v>
                </c:pt>
                <c:pt idx="5088">
                  <c:v>50.496000000000002</c:v>
                </c:pt>
                <c:pt idx="5089">
                  <c:v>50.505000000000003</c:v>
                </c:pt>
                <c:pt idx="5090">
                  <c:v>50.515999999999998</c:v>
                </c:pt>
                <c:pt idx="5091">
                  <c:v>50.524999999999999</c:v>
                </c:pt>
                <c:pt idx="5092">
                  <c:v>50.533999999999999</c:v>
                </c:pt>
                <c:pt idx="5093">
                  <c:v>50.545000000000002</c:v>
                </c:pt>
                <c:pt idx="5094">
                  <c:v>50.554000000000002</c:v>
                </c:pt>
                <c:pt idx="5095">
                  <c:v>50.564999999999998</c:v>
                </c:pt>
                <c:pt idx="5096">
                  <c:v>50.573999999999998</c:v>
                </c:pt>
                <c:pt idx="5097">
                  <c:v>50.582999999999998</c:v>
                </c:pt>
                <c:pt idx="5098">
                  <c:v>50.594000000000001</c:v>
                </c:pt>
                <c:pt idx="5099">
                  <c:v>50.603000000000002</c:v>
                </c:pt>
                <c:pt idx="5100">
                  <c:v>50.613999999999997</c:v>
                </c:pt>
                <c:pt idx="5101">
                  <c:v>50.622999999999998</c:v>
                </c:pt>
                <c:pt idx="5102">
                  <c:v>50.631999999999998</c:v>
                </c:pt>
                <c:pt idx="5103">
                  <c:v>50.643000000000001</c:v>
                </c:pt>
                <c:pt idx="5104">
                  <c:v>50.652000000000001</c:v>
                </c:pt>
                <c:pt idx="5105">
                  <c:v>50.662999999999997</c:v>
                </c:pt>
                <c:pt idx="5106">
                  <c:v>50.671999999999997</c:v>
                </c:pt>
                <c:pt idx="5107">
                  <c:v>50.680999999999997</c:v>
                </c:pt>
                <c:pt idx="5108">
                  <c:v>50.692</c:v>
                </c:pt>
                <c:pt idx="5109">
                  <c:v>50.701000000000001</c:v>
                </c:pt>
                <c:pt idx="5110">
                  <c:v>50.710999999999999</c:v>
                </c:pt>
                <c:pt idx="5111">
                  <c:v>50.72</c:v>
                </c:pt>
                <c:pt idx="5112">
                  <c:v>50.731000000000002</c:v>
                </c:pt>
                <c:pt idx="5113">
                  <c:v>50.74</c:v>
                </c:pt>
                <c:pt idx="5114">
                  <c:v>50.75</c:v>
                </c:pt>
                <c:pt idx="5115">
                  <c:v>50.761000000000003</c:v>
                </c:pt>
                <c:pt idx="5116">
                  <c:v>50.77</c:v>
                </c:pt>
                <c:pt idx="5117">
                  <c:v>50.78</c:v>
                </c:pt>
                <c:pt idx="5118">
                  <c:v>50.79</c:v>
                </c:pt>
                <c:pt idx="5119">
                  <c:v>50.8</c:v>
                </c:pt>
                <c:pt idx="5120">
                  <c:v>50.808999999999997</c:v>
                </c:pt>
                <c:pt idx="5121">
                  <c:v>50.82</c:v>
                </c:pt>
                <c:pt idx="5122">
                  <c:v>50.829000000000001</c:v>
                </c:pt>
                <c:pt idx="5123">
                  <c:v>50.838999999999999</c:v>
                </c:pt>
                <c:pt idx="5124">
                  <c:v>50.848999999999997</c:v>
                </c:pt>
                <c:pt idx="5125">
                  <c:v>50.859000000000002</c:v>
                </c:pt>
                <c:pt idx="5126">
                  <c:v>50.869</c:v>
                </c:pt>
                <c:pt idx="5127">
                  <c:v>50.878999999999998</c:v>
                </c:pt>
                <c:pt idx="5128">
                  <c:v>50.889000000000003</c:v>
                </c:pt>
                <c:pt idx="5129">
                  <c:v>50.898000000000003</c:v>
                </c:pt>
                <c:pt idx="5130">
                  <c:v>50.906999999999996</c:v>
                </c:pt>
                <c:pt idx="5131">
                  <c:v>50.917000000000002</c:v>
                </c:pt>
                <c:pt idx="5132">
                  <c:v>50.927999999999997</c:v>
                </c:pt>
                <c:pt idx="5133">
                  <c:v>50.938000000000002</c:v>
                </c:pt>
                <c:pt idx="5134">
                  <c:v>50.948</c:v>
                </c:pt>
                <c:pt idx="5135">
                  <c:v>50.957999999999998</c:v>
                </c:pt>
                <c:pt idx="5136">
                  <c:v>50.966999999999999</c:v>
                </c:pt>
                <c:pt idx="5137">
                  <c:v>50.976999999999997</c:v>
                </c:pt>
                <c:pt idx="5138">
                  <c:v>50.987000000000002</c:v>
                </c:pt>
                <c:pt idx="5139">
                  <c:v>50.996000000000002</c:v>
                </c:pt>
                <c:pt idx="5140">
                  <c:v>51.006999999999998</c:v>
                </c:pt>
                <c:pt idx="5141">
                  <c:v>51.015999999999998</c:v>
                </c:pt>
                <c:pt idx="5142">
                  <c:v>51.026000000000003</c:v>
                </c:pt>
                <c:pt idx="5143">
                  <c:v>51.036000000000001</c:v>
                </c:pt>
                <c:pt idx="5144">
                  <c:v>51.045000000000002</c:v>
                </c:pt>
                <c:pt idx="5145">
                  <c:v>51.055</c:v>
                </c:pt>
                <c:pt idx="5146">
                  <c:v>51.064</c:v>
                </c:pt>
                <c:pt idx="5147">
                  <c:v>51.073999999999998</c:v>
                </c:pt>
                <c:pt idx="5148">
                  <c:v>51.084000000000003</c:v>
                </c:pt>
                <c:pt idx="5149">
                  <c:v>51.094000000000001</c:v>
                </c:pt>
                <c:pt idx="5150">
                  <c:v>51.103000000000002</c:v>
                </c:pt>
                <c:pt idx="5151">
                  <c:v>51.113</c:v>
                </c:pt>
                <c:pt idx="5152">
                  <c:v>51.122</c:v>
                </c:pt>
                <c:pt idx="5153">
                  <c:v>51.133000000000003</c:v>
                </c:pt>
                <c:pt idx="5154">
                  <c:v>51.143000000000001</c:v>
                </c:pt>
                <c:pt idx="5155">
                  <c:v>51.152000000000001</c:v>
                </c:pt>
                <c:pt idx="5156">
                  <c:v>51.161999999999999</c:v>
                </c:pt>
                <c:pt idx="5157">
                  <c:v>51.171999999999997</c:v>
                </c:pt>
                <c:pt idx="5158">
                  <c:v>51.182000000000002</c:v>
                </c:pt>
                <c:pt idx="5159">
                  <c:v>51.192</c:v>
                </c:pt>
                <c:pt idx="5160">
                  <c:v>51.201000000000001</c:v>
                </c:pt>
                <c:pt idx="5161">
                  <c:v>51.210999999999999</c:v>
                </c:pt>
                <c:pt idx="5162">
                  <c:v>51.220999999999997</c:v>
                </c:pt>
                <c:pt idx="5163">
                  <c:v>51.231000000000002</c:v>
                </c:pt>
                <c:pt idx="5164">
                  <c:v>51.241</c:v>
                </c:pt>
                <c:pt idx="5165">
                  <c:v>51.250999999999998</c:v>
                </c:pt>
                <c:pt idx="5166">
                  <c:v>51.261000000000003</c:v>
                </c:pt>
                <c:pt idx="5167">
                  <c:v>51.27</c:v>
                </c:pt>
                <c:pt idx="5168">
                  <c:v>51.280999999999999</c:v>
                </c:pt>
                <c:pt idx="5169">
                  <c:v>51.29</c:v>
                </c:pt>
                <c:pt idx="5170">
                  <c:v>51.3</c:v>
                </c:pt>
                <c:pt idx="5171">
                  <c:v>51.31</c:v>
                </c:pt>
                <c:pt idx="5172">
                  <c:v>51.320999999999998</c:v>
                </c:pt>
                <c:pt idx="5173">
                  <c:v>51.33</c:v>
                </c:pt>
                <c:pt idx="5174">
                  <c:v>51.34</c:v>
                </c:pt>
                <c:pt idx="5175">
                  <c:v>51.348999999999997</c:v>
                </c:pt>
                <c:pt idx="5176">
                  <c:v>51.359000000000002</c:v>
                </c:pt>
                <c:pt idx="5177">
                  <c:v>51.369</c:v>
                </c:pt>
                <c:pt idx="5178">
                  <c:v>51.378999999999998</c:v>
                </c:pt>
                <c:pt idx="5179">
                  <c:v>51.389000000000003</c:v>
                </c:pt>
                <c:pt idx="5180">
                  <c:v>51.398000000000003</c:v>
                </c:pt>
                <c:pt idx="5181">
                  <c:v>51.408000000000001</c:v>
                </c:pt>
                <c:pt idx="5182">
                  <c:v>51.417999999999999</c:v>
                </c:pt>
                <c:pt idx="5183">
                  <c:v>51.427999999999997</c:v>
                </c:pt>
                <c:pt idx="5184">
                  <c:v>51.438000000000002</c:v>
                </c:pt>
                <c:pt idx="5185">
                  <c:v>51.448</c:v>
                </c:pt>
                <c:pt idx="5186">
                  <c:v>51.457999999999998</c:v>
                </c:pt>
                <c:pt idx="5187">
                  <c:v>51.466999999999999</c:v>
                </c:pt>
                <c:pt idx="5188">
                  <c:v>51.476999999999997</c:v>
                </c:pt>
                <c:pt idx="5189">
                  <c:v>51.487000000000002</c:v>
                </c:pt>
                <c:pt idx="5190">
                  <c:v>51.497</c:v>
                </c:pt>
                <c:pt idx="5191">
                  <c:v>51.508000000000003</c:v>
                </c:pt>
                <c:pt idx="5192">
                  <c:v>51.517000000000003</c:v>
                </c:pt>
                <c:pt idx="5193">
                  <c:v>51.527000000000001</c:v>
                </c:pt>
                <c:pt idx="5194">
                  <c:v>51.536000000000001</c:v>
                </c:pt>
                <c:pt idx="5195">
                  <c:v>51.545999999999999</c:v>
                </c:pt>
                <c:pt idx="5196">
                  <c:v>51.555999999999997</c:v>
                </c:pt>
                <c:pt idx="5197">
                  <c:v>51.566000000000003</c:v>
                </c:pt>
                <c:pt idx="5198">
                  <c:v>51.575000000000003</c:v>
                </c:pt>
                <c:pt idx="5199">
                  <c:v>51.585000000000001</c:v>
                </c:pt>
                <c:pt idx="5200">
                  <c:v>51.594999999999999</c:v>
                </c:pt>
                <c:pt idx="5201">
                  <c:v>51.604999999999997</c:v>
                </c:pt>
                <c:pt idx="5202">
                  <c:v>51.613999999999997</c:v>
                </c:pt>
                <c:pt idx="5203">
                  <c:v>51.624000000000002</c:v>
                </c:pt>
                <c:pt idx="5204">
                  <c:v>51.634999999999998</c:v>
                </c:pt>
                <c:pt idx="5205">
                  <c:v>51.645000000000003</c:v>
                </c:pt>
                <c:pt idx="5206">
                  <c:v>51.655000000000001</c:v>
                </c:pt>
                <c:pt idx="5207">
                  <c:v>51.664000000000001</c:v>
                </c:pt>
                <c:pt idx="5208">
                  <c:v>51.673999999999999</c:v>
                </c:pt>
                <c:pt idx="5209">
                  <c:v>51.683999999999997</c:v>
                </c:pt>
                <c:pt idx="5210">
                  <c:v>51.692999999999998</c:v>
                </c:pt>
                <c:pt idx="5211">
                  <c:v>51.704000000000001</c:v>
                </c:pt>
                <c:pt idx="5212">
                  <c:v>51.713000000000001</c:v>
                </c:pt>
                <c:pt idx="5213">
                  <c:v>51.722999999999999</c:v>
                </c:pt>
                <c:pt idx="5214">
                  <c:v>51.732999999999997</c:v>
                </c:pt>
                <c:pt idx="5215">
                  <c:v>51.743000000000002</c:v>
                </c:pt>
                <c:pt idx="5216">
                  <c:v>51.752000000000002</c:v>
                </c:pt>
                <c:pt idx="5217">
                  <c:v>51.762999999999998</c:v>
                </c:pt>
                <c:pt idx="5218">
                  <c:v>51.773000000000003</c:v>
                </c:pt>
                <c:pt idx="5219">
                  <c:v>51.781999999999996</c:v>
                </c:pt>
                <c:pt idx="5220">
                  <c:v>51.792000000000002</c:v>
                </c:pt>
                <c:pt idx="5221">
                  <c:v>51.802</c:v>
                </c:pt>
                <c:pt idx="5222">
                  <c:v>51.811999999999998</c:v>
                </c:pt>
                <c:pt idx="5223">
                  <c:v>51.820999999999998</c:v>
                </c:pt>
                <c:pt idx="5224">
                  <c:v>51.831000000000003</c:v>
                </c:pt>
                <c:pt idx="5225">
                  <c:v>51.841000000000001</c:v>
                </c:pt>
                <c:pt idx="5226">
                  <c:v>51.851999999999997</c:v>
                </c:pt>
                <c:pt idx="5227">
                  <c:v>51.860999999999997</c:v>
                </c:pt>
                <c:pt idx="5228">
                  <c:v>51.871000000000002</c:v>
                </c:pt>
                <c:pt idx="5229">
                  <c:v>51.881</c:v>
                </c:pt>
                <c:pt idx="5230">
                  <c:v>51.890999999999998</c:v>
                </c:pt>
                <c:pt idx="5231">
                  <c:v>51.901000000000003</c:v>
                </c:pt>
                <c:pt idx="5232">
                  <c:v>51.91</c:v>
                </c:pt>
                <c:pt idx="5233">
                  <c:v>51.92</c:v>
                </c:pt>
                <c:pt idx="5234">
                  <c:v>51.930999999999997</c:v>
                </c:pt>
                <c:pt idx="5235">
                  <c:v>51.94</c:v>
                </c:pt>
                <c:pt idx="5236">
                  <c:v>51.95</c:v>
                </c:pt>
                <c:pt idx="5237">
                  <c:v>51.959000000000003</c:v>
                </c:pt>
                <c:pt idx="5238">
                  <c:v>51.97</c:v>
                </c:pt>
                <c:pt idx="5239">
                  <c:v>51.98</c:v>
                </c:pt>
                <c:pt idx="5240">
                  <c:v>51.99</c:v>
                </c:pt>
                <c:pt idx="5241">
                  <c:v>52</c:v>
                </c:pt>
                <c:pt idx="5242">
                  <c:v>52.009</c:v>
                </c:pt>
                <c:pt idx="5243">
                  <c:v>52.018999999999998</c:v>
                </c:pt>
                <c:pt idx="5244">
                  <c:v>52.027999999999999</c:v>
                </c:pt>
                <c:pt idx="5245">
                  <c:v>52.037999999999997</c:v>
                </c:pt>
                <c:pt idx="5246">
                  <c:v>52.048000000000002</c:v>
                </c:pt>
                <c:pt idx="5247">
                  <c:v>52.057000000000002</c:v>
                </c:pt>
                <c:pt idx="5248">
                  <c:v>52.066000000000003</c:v>
                </c:pt>
                <c:pt idx="5249">
                  <c:v>52.075000000000003</c:v>
                </c:pt>
                <c:pt idx="5250">
                  <c:v>52.084000000000003</c:v>
                </c:pt>
                <c:pt idx="5251">
                  <c:v>52.094999999999999</c:v>
                </c:pt>
                <c:pt idx="5252">
                  <c:v>52.103999999999999</c:v>
                </c:pt>
                <c:pt idx="5253">
                  <c:v>52.113999999999997</c:v>
                </c:pt>
                <c:pt idx="5254">
                  <c:v>52.122999999999998</c:v>
                </c:pt>
                <c:pt idx="5255">
                  <c:v>52.133000000000003</c:v>
                </c:pt>
                <c:pt idx="5256">
                  <c:v>52.142000000000003</c:v>
                </c:pt>
                <c:pt idx="5257">
                  <c:v>52.152000000000001</c:v>
                </c:pt>
                <c:pt idx="5258">
                  <c:v>52.16</c:v>
                </c:pt>
                <c:pt idx="5259">
                  <c:v>52.174999999999997</c:v>
                </c:pt>
                <c:pt idx="5260">
                  <c:v>52.185000000000002</c:v>
                </c:pt>
                <c:pt idx="5261">
                  <c:v>52.195</c:v>
                </c:pt>
                <c:pt idx="5262">
                  <c:v>52.204999999999998</c:v>
                </c:pt>
                <c:pt idx="5263">
                  <c:v>52.215000000000003</c:v>
                </c:pt>
                <c:pt idx="5264">
                  <c:v>52.223999999999997</c:v>
                </c:pt>
                <c:pt idx="5265">
                  <c:v>52.232999999999997</c:v>
                </c:pt>
                <c:pt idx="5266">
                  <c:v>52.243000000000002</c:v>
                </c:pt>
                <c:pt idx="5267">
                  <c:v>52.253</c:v>
                </c:pt>
                <c:pt idx="5268">
                  <c:v>52.262</c:v>
                </c:pt>
                <c:pt idx="5269">
                  <c:v>52.271999999999998</c:v>
                </c:pt>
                <c:pt idx="5270">
                  <c:v>52.281999999999996</c:v>
                </c:pt>
                <c:pt idx="5271">
                  <c:v>52.292000000000002</c:v>
                </c:pt>
                <c:pt idx="5272">
                  <c:v>52.302</c:v>
                </c:pt>
                <c:pt idx="5273">
                  <c:v>52.311</c:v>
                </c:pt>
                <c:pt idx="5274">
                  <c:v>52.317</c:v>
                </c:pt>
                <c:pt idx="5275">
                  <c:v>52.331000000000003</c:v>
                </c:pt>
                <c:pt idx="5276">
                  <c:v>52.341000000000001</c:v>
                </c:pt>
                <c:pt idx="5277">
                  <c:v>52.35</c:v>
                </c:pt>
                <c:pt idx="5278">
                  <c:v>52.360999999999997</c:v>
                </c:pt>
                <c:pt idx="5279">
                  <c:v>52.37</c:v>
                </c:pt>
                <c:pt idx="5280">
                  <c:v>52.378999999999998</c:v>
                </c:pt>
                <c:pt idx="5281">
                  <c:v>52.39</c:v>
                </c:pt>
                <c:pt idx="5282">
                  <c:v>52.399000000000001</c:v>
                </c:pt>
                <c:pt idx="5283">
                  <c:v>52.405999999999999</c:v>
                </c:pt>
                <c:pt idx="5284">
                  <c:v>52.417000000000002</c:v>
                </c:pt>
                <c:pt idx="5285">
                  <c:v>52.427</c:v>
                </c:pt>
                <c:pt idx="5286">
                  <c:v>52.436</c:v>
                </c:pt>
                <c:pt idx="5287">
                  <c:v>52.447000000000003</c:v>
                </c:pt>
                <c:pt idx="5288">
                  <c:v>52.456000000000003</c:v>
                </c:pt>
                <c:pt idx="5289">
                  <c:v>52.466000000000001</c:v>
                </c:pt>
                <c:pt idx="5290">
                  <c:v>52.475999999999999</c:v>
                </c:pt>
                <c:pt idx="5291">
                  <c:v>52.484999999999999</c:v>
                </c:pt>
                <c:pt idx="5292">
                  <c:v>52.494999999999997</c:v>
                </c:pt>
                <c:pt idx="5293">
                  <c:v>52.506</c:v>
                </c:pt>
                <c:pt idx="5294">
                  <c:v>52.515999999999998</c:v>
                </c:pt>
                <c:pt idx="5295">
                  <c:v>52.524999999999999</c:v>
                </c:pt>
                <c:pt idx="5296">
                  <c:v>52.533999999999999</c:v>
                </c:pt>
                <c:pt idx="5297">
                  <c:v>52.543999999999997</c:v>
                </c:pt>
                <c:pt idx="5298">
                  <c:v>52.552999999999997</c:v>
                </c:pt>
                <c:pt idx="5299">
                  <c:v>52.563000000000002</c:v>
                </c:pt>
                <c:pt idx="5300">
                  <c:v>52.573</c:v>
                </c:pt>
                <c:pt idx="5301">
                  <c:v>52.582000000000001</c:v>
                </c:pt>
                <c:pt idx="5302">
                  <c:v>52.59</c:v>
                </c:pt>
                <c:pt idx="5303">
                  <c:v>52.600999999999999</c:v>
                </c:pt>
                <c:pt idx="5304">
                  <c:v>52.61</c:v>
                </c:pt>
                <c:pt idx="5305">
                  <c:v>52.619</c:v>
                </c:pt>
                <c:pt idx="5306">
                  <c:v>52.63</c:v>
                </c:pt>
                <c:pt idx="5307">
                  <c:v>52.639000000000003</c:v>
                </c:pt>
                <c:pt idx="5308">
                  <c:v>52.648000000000003</c:v>
                </c:pt>
                <c:pt idx="5309">
                  <c:v>52.658999999999999</c:v>
                </c:pt>
                <c:pt idx="5310">
                  <c:v>52.668999999999997</c:v>
                </c:pt>
                <c:pt idx="5311">
                  <c:v>52.68</c:v>
                </c:pt>
                <c:pt idx="5312">
                  <c:v>52.689</c:v>
                </c:pt>
                <c:pt idx="5313">
                  <c:v>52.7</c:v>
                </c:pt>
                <c:pt idx="5314">
                  <c:v>52.71</c:v>
                </c:pt>
                <c:pt idx="5315">
                  <c:v>52.72</c:v>
                </c:pt>
                <c:pt idx="5316">
                  <c:v>52.73</c:v>
                </c:pt>
                <c:pt idx="5317">
                  <c:v>52.741</c:v>
                </c:pt>
                <c:pt idx="5318">
                  <c:v>52.750999999999998</c:v>
                </c:pt>
                <c:pt idx="5319">
                  <c:v>52.762</c:v>
                </c:pt>
                <c:pt idx="5320">
                  <c:v>52.771000000000001</c:v>
                </c:pt>
                <c:pt idx="5321">
                  <c:v>52.781999999999996</c:v>
                </c:pt>
                <c:pt idx="5322">
                  <c:v>52.783000000000001</c:v>
                </c:pt>
                <c:pt idx="5323">
                  <c:v>52.783000000000001</c:v>
                </c:pt>
                <c:pt idx="5324">
                  <c:v>52.786000000000001</c:v>
                </c:pt>
                <c:pt idx="5325">
                  <c:v>52.793999999999997</c:v>
                </c:pt>
                <c:pt idx="5326">
                  <c:v>52.804000000000002</c:v>
                </c:pt>
                <c:pt idx="5327">
                  <c:v>52.814</c:v>
                </c:pt>
                <c:pt idx="5328">
                  <c:v>52.823999999999998</c:v>
                </c:pt>
                <c:pt idx="5329">
                  <c:v>52.83</c:v>
                </c:pt>
                <c:pt idx="5330">
                  <c:v>52.83</c:v>
                </c:pt>
                <c:pt idx="5331">
                  <c:v>52.832000000000001</c:v>
                </c:pt>
                <c:pt idx="5332">
                  <c:v>52.841999999999999</c:v>
                </c:pt>
                <c:pt idx="5333">
                  <c:v>52.850999999999999</c:v>
                </c:pt>
                <c:pt idx="5334">
                  <c:v>52.860999999999997</c:v>
                </c:pt>
                <c:pt idx="5335">
                  <c:v>52.871000000000002</c:v>
                </c:pt>
                <c:pt idx="5336">
                  <c:v>52.881</c:v>
                </c:pt>
                <c:pt idx="5337">
                  <c:v>52.890999999999998</c:v>
                </c:pt>
                <c:pt idx="5338">
                  <c:v>52.901000000000003</c:v>
                </c:pt>
                <c:pt idx="5339">
                  <c:v>52.911999999999999</c:v>
                </c:pt>
                <c:pt idx="5340">
                  <c:v>52.923000000000002</c:v>
                </c:pt>
                <c:pt idx="5341">
                  <c:v>52.933</c:v>
                </c:pt>
                <c:pt idx="5342">
                  <c:v>52.994999999999997</c:v>
                </c:pt>
                <c:pt idx="5343">
                  <c:v>53.006</c:v>
                </c:pt>
                <c:pt idx="5344">
                  <c:v>53.017000000000003</c:v>
                </c:pt>
                <c:pt idx="5345">
                  <c:v>53.027000000000001</c:v>
                </c:pt>
                <c:pt idx="5346">
                  <c:v>53.036999999999999</c:v>
                </c:pt>
                <c:pt idx="5347">
                  <c:v>53.046999999999997</c:v>
                </c:pt>
                <c:pt idx="5348">
                  <c:v>53.057000000000002</c:v>
                </c:pt>
                <c:pt idx="5349">
                  <c:v>53.067</c:v>
                </c:pt>
                <c:pt idx="5350">
                  <c:v>53.078000000000003</c:v>
                </c:pt>
                <c:pt idx="5351">
                  <c:v>53.087000000000003</c:v>
                </c:pt>
                <c:pt idx="5352">
                  <c:v>53.097999999999999</c:v>
                </c:pt>
                <c:pt idx="5353">
                  <c:v>53.107999999999997</c:v>
                </c:pt>
                <c:pt idx="5354">
                  <c:v>53.118000000000002</c:v>
                </c:pt>
                <c:pt idx="5355">
                  <c:v>53.128999999999998</c:v>
                </c:pt>
                <c:pt idx="5356">
                  <c:v>53.139000000000003</c:v>
                </c:pt>
                <c:pt idx="5357">
                  <c:v>53.149000000000001</c:v>
                </c:pt>
                <c:pt idx="5358">
                  <c:v>53.16</c:v>
                </c:pt>
                <c:pt idx="5359">
                  <c:v>53.17</c:v>
                </c:pt>
                <c:pt idx="5360">
                  <c:v>53.18</c:v>
                </c:pt>
                <c:pt idx="5361">
                  <c:v>53.191000000000003</c:v>
                </c:pt>
                <c:pt idx="5362">
                  <c:v>53.201000000000001</c:v>
                </c:pt>
                <c:pt idx="5363">
                  <c:v>53.212000000000003</c:v>
                </c:pt>
                <c:pt idx="5364">
                  <c:v>53.222000000000001</c:v>
                </c:pt>
                <c:pt idx="5365">
                  <c:v>53.231999999999999</c:v>
                </c:pt>
                <c:pt idx="5366">
                  <c:v>53.241999999999997</c:v>
                </c:pt>
                <c:pt idx="5367">
                  <c:v>53.252000000000002</c:v>
                </c:pt>
                <c:pt idx="5368">
                  <c:v>53.262</c:v>
                </c:pt>
                <c:pt idx="5369">
                  <c:v>53.273000000000003</c:v>
                </c:pt>
                <c:pt idx="5370">
                  <c:v>53.283000000000001</c:v>
                </c:pt>
                <c:pt idx="5371">
                  <c:v>53.293999999999997</c:v>
                </c:pt>
                <c:pt idx="5372">
                  <c:v>53.305</c:v>
                </c:pt>
                <c:pt idx="5373">
                  <c:v>53.316000000000003</c:v>
                </c:pt>
                <c:pt idx="5374">
                  <c:v>53.326000000000001</c:v>
                </c:pt>
                <c:pt idx="5375">
                  <c:v>53.335999999999999</c:v>
                </c:pt>
                <c:pt idx="5376">
                  <c:v>53.345999999999997</c:v>
                </c:pt>
                <c:pt idx="5377">
                  <c:v>53.356999999999999</c:v>
                </c:pt>
                <c:pt idx="5378">
                  <c:v>53.366999999999997</c:v>
                </c:pt>
                <c:pt idx="5379">
                  <c:v>53.378</c:v>
                </c:pt>
                <c:pt idx="5380">
                  <c:v>53.387</c:v>
                </c:pt>
                <c:pt idx="5381">
                  <c:v>53.398000000000003</c:v>
                </c:pt>
                <c:pt idx="5382">
                  <c:v>53.408000000000001</c:v>
                </c:pt>
                <c:pt idx="5383">
                  <c:v>53.418999999999997</c:v>
                </c:pt>
                <c:pt idx="5384">
                  <c:v>53.429000000000002</c:v>
                </c:pt>
                <c:pt idx="5385">
                  <c:v>53.439</c:v>
                </c:pt>
                <c:pt idx="5386">
                  <c:v>53.448999999999998</c:v>
                </c:pt>
                <c:pt idx="5387">
                  <c:v>53.459000000000003</c:v>
                </c:pt>
                <c:pt idx="5388">
                  <c:v>53.47</c:v>
                </c:pt>
                <c:pt idx="5389">
                  <c:v>53.48</c:v>
                </c:pt>
                <c:pt idx="5390">
                  <c:v>53.49</c:v>
                </c:pt>
                <c:pt idx="5391">
                  <c:v>53.500999999999998</c:v>
                </c:pt>
                <c:pt idx="5392">
                  <c:v>53.51</c:v>
                </c:pt>
                <c:pt idx="5393">
                  <c:v>53.521000000000001</c:v>
                </c:pt>
                <c:pt idx="5394">
                  <c:v>53.530999999999999</c:v>
                </c:pt>
                <c:pt idx="5395">
                  <c:v>53.540999999999997</c:v>
                </c:pt>
                <c:pt idx="5396">
                  <c:v>53.552</c:v>
                </c:pt>
                <c:pt idx="5397">
                  <c:v>53.561</c:v>
                </c:pt>
                <c:pt idx="5398">
                  <c:v>53.572000000000003</c:v>
                </c:pt>
                <c:pt idx="5399">
                  <c:v>53.582000000000001</c:v>
                </c:pt>
                <c:pt idx="5400">
                  <c:v>53.593000000000004</c:v>
                </c:pt>
                <c:pt idx="5401">
                  <c:v>53.603999999999999</c:v>
                </c:pt>
                <c:pt idx="5402">
                  <c:v>53.613</c:v>
                </c:pt>
                <c:pt idx="5403">
                  <c:v>53.624000000000002</c:v>
                </c:pt>
                <c:pt idx="5404">
                  <c:v>53.634</c:v>
                </c:pt>
                <c:pt idx="5405">
                  <c:v>53.645000000000003</c:v>
                </c:pt>
                <c:pt idx="5406">
                  <c:v>53.654000000000003</c:v>
                </c:pt>
                <c:pt idx="5407">
                  <c:v>53.664999999999999</c:v>
                </c:pt>
                <c:pt idx="5408">
                  <c:v>53.676000000000002</c:v>
                </c:pt>
                <c:pt idx="5409">
                  <c:v>53.698999999999998</c:v>
                </c:pt>
                <c:pt idx="5410">
                  <c:v>53.71</c:v>
                </c:pt>
                <c:pt idx="5411">
                  <c:v>53.72</c:v>
                </c:pt>
                <c:pt idx="5412">
                  <c:v>53.728999999999999</c:v>
                </c:pt>
                <c:pt idx="5413">
                  <c:v>53.746000000000002</c:v>
                </c:pt>
                <c:pt idx="5414">
                  <c:v>53.755000000000003</c:v>
                </c:pt>
                <c:pt idx="5415">
                  <c:v>53.765999999999998</c:v>
                </c:pt>
                <c:pt idx="5416">
                  <c:v>53.776000000000003</c:v>
                </c:pt>
                <c:pt idx="5417">
                  <c:v>53.786000000000001</c:v>
                </c:pt>
                <c:pt idx="5418">
                  <c:v>53.796999999999997</c:v>
                </c:pt>
                <c:pt idx="5419">
                  <c:v>53.807000000000002</c:v>
                </c:pt>
                <c:pt idx="5420">
                  <c:v>53.817</c:v>
                </c:pt>
                <c:pt idx="5421">
                  <c:v>53.828000000000003</c:v>
                </c:pt>
                <c:pt idx="5422">
                  <c:v>53.838000000000001</c:v>
                </c:pt>
                <c:pt idx="5423">
                  <c:v>53.848999999999997</c:v>
                </c:pt>
                <c:pt idx="5424">
                  <c:v>53.859000000000002</c:v>
                </c:pt>
                <c:pt idx="5425">
                  <c:v>53.869</c:v>
                </c:pt>
                <c:pt idx="5426">
                  <c:v>53.878999999999998</c:v>
                </c:pt>
                <c:pt idx="5427">
                  <c:v>53.89</c:v>
                </c:pt>
                <c:pt idx="5428">
                  <c:v>53.9</c:v>
                </c:pt>
                <c:pt idx="5429">
                  <c:v>53.91</c:v>
                </c:pt>
                <c:pt idx="5430">
                  <c:v>53.920999999999999</c:v>
                </c:pt>
                <c:pt idx="5431">
                  <c:v>53.930999999999997</c:v>
                </c:pt>
                <c:pt idx="5432">
                  <c:v>53.94</c:v>
                </c:pt>
                <c:pt idx="5433">
                  <c:v>53.948999999999998</c:v>
                </c:pt>
                <c:pt idx="5434">
                  <c:v>53.96</c:v>
                </c:pt>
                <c:pt idx="5435">
                  <c:v>53.97</c:v>
                </c:pt>
                <c:pt idx="5436">
                  <c:v>53.978999999999999</c:v>
                </c:pt>
                <c:pt idx="5437">
                  <c:v>53.988</c:v>
                </c:pt>
                <c:pt idx="5438">
                  <c:v>53.999000000000002</c:v>
                </c:pt>
                <c:pt idx="5439">
                  <c:v>54.009</c:v>
                </c:pt>
                <c:pt idx="5440">
                  <c:v>54.018999999999998</c:v>
                </c:pt>
                <c:pt idx="5441">
                  <c:v>54.029000000000003</c:v>
                </c:pt>
                <c:pt idx="5442">
                  <c:v>54.039000000000001</c:v>
                </c:pt>
                <c:pt idx="5443">
                  <c:v>54.05</c:v>
                </c:pt>
                <c:pt idx="5444">
                  <c:v>54.06</c:v>
                </c:pt>
                <c:pt idx="5445">
                  <c:v>54.070999999999998</c:v>
                </c:pt>
                <c:pt idx="5446">
                  <c:v>54.081000000000003</c:v>
                </c:pt>
                <c:pt idx="5447">
                  <c:v>54.09</c:v>
                </c:pt>
                <c:pt idx="5448">
                  <c:v>54.094999999999999</c:v>
                </c:pt>
                <c:pt idx="5449">
                  <c:v>54.113999999999997</c:v>
                </c:pt>
                <c:pt idx="5450">
                  <c:v>54.124000000000002</c:v>
                </c:pt>
                <c:pt idx="5451">
                  <c:v>54.134</c:v>
                </c:pt>
                <c:pt idx="5452">
                  <c:v>54.143999999999998</c:v>
                </c:pt>
                <c:pt idx="5453">
                  <c:v>54.155000000000001</c:v>
                </c:pt>
                <c:pt idx="5454">
                  <c:v>54.164999999999999</c:v>
                </c:pt>
                <c:pt idx="5455">
                  <c:v>54.174999999999997</c:v>
                </c:pt>
                <c:pt idx="5456">
                  <c:v>54.186</c:v>
                </c:pt>
                <c:pt idx="5457">
                  <c:v>54.195999999999998</c:v>
                </c:pt>
                <c:pt idx="5458">
                  <c:v>54.206000000000003</c:v>
                </c:pt>
                <c:pt idx="5459">
                  <c:v>54.216000000000001</c:v>
                </c:pt>
                <c:pt idx="5460">
                  <c:v>54.226999999999997</c:v>
                </c:pt>
                <c:pt idx="5461">
                  <c:v>54.237000000000002</c:v>
                </c:pt>
                <c:pt idx="5462">
                  <c:v>54.247</c:v>
                </c:pt>
                <c:pt idx="5463">
                  <c:v>54.256999999999998</c:v>
                </c:pt>
                <c:pt idx="5464">
                  <c:v>54.268000000000001</c:v>
                </c:pt>
                <c:pt idx="5465">
                  <c:v>54.277999999999999</c:v>
                </c:pt>
                <c:pt idx="5466">
                  <c:v>54.289000000000001</c:v>
                </c:pt>
                <c:pt idx="5467">
                  <c:v>54.301000000000002</c:v>
                </c:pt>
                <c:pt idx="5468">
                  <c:v>54.311</c:v>
                </c:pt>
                <c:pt idx="5469">
                  <c:v>54.322000000000003</c:v>
                </c:pt>
                <c:pt idx="5470">
                  <c:v>54.331000000000003</c:v>
                </c:pt>
                <c:pt idx="5471">
                  <c:v>54.341000000000001</c:v>
                </c:pt>
                <c:pt idx="5472">
                  <c:v>54.351999999999997</c:v>
                </c:pt>
                <c:pt idx="5473">
                  <c:v>54.362000000000002</c:v>
                </c:pt>
                <c:pt idx="5474">
                  <c:v>54.372999999999998</c:v>
                </c:pt>
                <c:pt idx="5475">
                  <c:v>54.383000000000003</c:v>
                </c:pt>
                <c:pt idx="5476">
                  <c:v>54.393000000000001</c:v>
                </c:pt>
                <c:pt idx="5477">
                  <c:v>54.402999999999999</c:v>
                </c:pt>
                <c:pt idx="5478">
                  <c:v>54.412999999999997</c:v>
                </c:pt>
                <c:pt idx="5479">
                  <c:v>54.423999999999999</c:v>
                </c:pt>
                <c:pt idx="5480">
                  <c:v>54.433999999999997</c:v>
                </c:pt>
                <c:pt idx="5481">
                  <c:v>54.444000000000003</c:v>
                </c:pt>
                <c:pt idx="5482">
                  <c:v>54.454000000000001</c:v>
                </c:pt>
                <c:pt idx="5483">
                  <c:v>54.465000000000003</c:v>
                </c:pt>
                <c:pt idx="5484">
                  <c:v>54.475999999999999</c:v>
                </c:pt>
                <c:pt idx="5485">
                  <c:v>54.485999999999997</c:v>
                </c:pt>
                <c:pt idx="5486">
                  <c:v>54.496000000000002</c:v>
                </c:pt>
                <c:pt idx="5487">
                  <c:v>54.506999999999998</c:v>
                </c:pt>
                <c:pt idx="5488">
                  <c:v>54.517000000000003</c:v>
                </c:pt>
                <c:pt idx="5489">
                  <c:v>54.526000000000003</c:v>
                </c:pt>
                <c:pt idx="5490">
                  <c:v>54.536000000000001</c:v>
                </c:pt>
                <c:pt idx="5491">
                  <c:v>54.546999999999997</c:v>
                </c:pt>
                <c:pt idx="5492">
                  <c:v>54.557000000000002</c:v>
                </c:pt>
                <c:pt idx="5493">
                  <c:v>54.567999999999998</c:v>
                </c:pt>
                <c:pt idx="5494">
                  <c:v>54.576999999999998</c:v>
                </c:pt>
                <c:pt idx="5495">
                  <c:v>54.587000000000003</c:v>
                </c:pt>
                <c:pt idx="5496">
                  <c:v>54.597000000000001</c:v>
                </c:pt>
                <c:pt idx="5497">
                  <c:v>54.607999999999997</c:v>
                </c:pt>
                <c:pt idx="5498">
                  <c:v>54.618000000000002</c:v>
                </c:pt>
                <c:pt idx="5499">
                  <c:v>54.628</c:v>
                </c:pt>
                <c:pt idx="5500">
                  <c:v>54.639000000000003</c:v>
                </c:pt>
                <c:pt idx="5501">
                  <c:v>54.649000000000001</c:v>
                </c:pt>
                <c:pt idx="5502">
                  <c:v>54.658999999999999</c:v>
                </c:pt>
                <c:pt idx="5503">
                  <c:v>54.668999999999997</c:v>
                </c:pt>
                <c:pt idx="5504">
                  <c:v>54.679000000000002</c:v>
                </c:pt>
                <c:pt idx="5505">
                  <c:v>54.689</c:v>
                </c:pt>
                <c:pt idx="5506">
                  <c:v>54.7</c:v>
                </c:pt>
                <c:pt idx="5507">
                  <c:v>54.71</c:v>
                </c:pt>
                <c:pt idx="5508">
                  <c:v>54.719000000000001</c:v>
                </c:pt>
                <c:pt idx="5509">
                  <c:v>54.728999999999999</c:v>
                </c:pt>
                <c:pt idx="5510">
                  <c:v>54.738999999999997</c:v>
                </c:pt>
                <c:pt idx="5511">
                  <c:v>54.749000000000002</c:v>
                </c:pt>
                <c:pt idx="5512">
                  <c:v>54.758000000000003</c:v>
                </c:pt>
                <c:pt idx="5513">
                  <c:v>54.768000000000001</c:v>
                </c:pt>
                <c:pt idx="5514">
                  <c:v>54.777999999999999</c:v>
                </c:pt>
                <c:pt idx="5515">
                  <c:v>54.786000000000001</c:v>
                </c:pt>
                <c:pt idx="5516">
                  <c:v>54.795999999999999</c:v>
                </c:pt>
                <c:pt idx="5517">
                  <c:v>54.805</c:v>
                </c:pt>
                <c:pt idx="5518">
                  <c:v>54.814</c:v>
                </c:pt>
                <c:pt idx="5519">
                  <c:v>54.814999999999998</c:v>
                </c:pt>
                <c:pt idx="5520">
                  <c:v>54.829000000000001</c:v>
                </c:pt>
                <c:pt idx="5521">
                  <c:v>54.838000000000001</c:v>
                </c:pt>
                <c:pt idx="5522">
                  <c:v>54.847000000000001</c:v>
                </c:pt>
                <c:pt idx="5523">
                  <c:v>54.856999999999999</c:v>
                </c:pt>
                <c:pt idx="5524">
                  <c:v>54.866999999999997</c:v>
                </c:pt>
                <c:pt idx="5525">
                  <c:v>54.878999999999998</c:v>
                </c:pt>
                <c:pt idx="5526">
                  <c:v>54.887</c:v>
                </c:pt>
                <c:pt idx="5527">
                  <c:v>54.896999999999998</c:v>
                </c:pt>
                <c:pt idx="5528">
                  <c:v>54.906999999999996</c:v>
                </c:pt>
                <c:pt idx="5529">
                  <c:v>54.915999999999997</c:v>
                </c:pt>
                <c:pt idx="5530">
                  <c:v>54.926000000000002</c:v>
                </c:pt>
                <c:pt idx="5531">
                  <c:v>54.936</c:v>
                </c:pt>
                <c:pt idx="5532">
                  <c:v>54.945999999999998</c:v>
                </c:pt>
                <c:pt idx="5533">
                  <c:v>54.956000000000003</c:v>
                </c:pt>
                <c:pt idx="5534">
                  <c:v>54.966000000000001</c:v>
                </c:pt>
                <c:pt idx="5535">
                  <c:v>54.975999999999999</c:v>
                </c:pt>
                <c:pt idx="5536">
                  <c:v>54.984999999999999</c:v>
                </c:pt>
                <c:pt idx="5537">
                  <c:v>54.994</c:v>
                </c:pt>
                <c:pt idx="5538">
                  <c:v>55.000999999999998</c:v>
                </c:pt>
                <c:pt idx="5539">
                  <c:v>55.009</c:v>
                </c:pt>
                <c:pt idx="5540">
                  <c:v>55.018000000000001</c:v>
                </c:pt>
                <c:pt idx="5541">
                  <c:v>55.027999999999999</c:v>
                </c:pt>
                <c:pt idx="5542">
                  <c:v>55.037999999999997</c:v>
                </c:pt>
                <c:pt idx="5543">
                  <c:v>55.046999999999997</c:v>
                </c:pt>
                <c:pt idx="5544">
                  <c:v>55.055999999999997</c:v>
                </c:pt>
                <c:pt idx="5545">
                  <c:v>55.066000000000003</c:v>
                </c:pt>
                <c:pt idx="5546">
                  <c:v>55.075000000000003</c:v>
                </c:pt>
                <c:pt idx="5547">
                  <c:v>55.085999999999999</c:v>
                </c:pt>
                <c:pt idx="5548">
                  <c:v>55.094999999999999</c:v>
                </c:pt>
                <c:pt idx="5549">
                  <c:v>55.104999999999997</c:v>
                </c:pt>
                <c:pt idx="5550">
                  <c:v>55.115000000000002</c:v>
                </c:pt>
                <c:pt idx="5551">
                  <c:v>55.125</c:v>
                </c:pt>
                <c:pt idx="5552">
                  <c:v>55.134</c:v>
                </c:pt>
                <c:pt idx="5553">
                  <c:v>55.145000000000003</c:v>
                </c:pt>
                <c:pt idx="5554">
                  <c:v>55.155000000000001</c:v>
                </c:pt>
                <c:pt idx="5555">
                  <c:v>55.17</c:v>
                </c:pt>
                <c:pt idx="5556">
                  <c:v>55.180999999999997</c:v>
                </c:pt>
                <c:pt idx="5557">
                  <c:v>55.192</c:v>
                </c:pt>
                <c:pt idx="5558">
                  <c:v>55.201999999999998</c:v>
                </c:pt>
                <c:pt idx="5559">
                  <c:v>55.212000000000003</c:v>
                </c:pt>
                <c:pt idx="5560">
                  <c:v>55.222000000000001</c:v>
                </c:pt>
                <c:pt idx="5561">
                  <c:v>55.232999999999997</c:v>
                </c:pt>
                <c:pt idx="5562">
                  <c:v>55.243000000000002</c:v>
                </c:pt>
                <c:pt idx="5563">
                  <c:v>55.250999999999998</c:v>
                </c:pt>
                <c:pt idx="5564">
                  <c:v>55.265000000000001</c:v>
                </c:pt>
                <c:pt idx="5565">
                  <c:v>55.274999999999999</c:v>
                </c:pt>
                <c:pt idx="5566">
                  <c:v>55.284999999999997</c:v>
                </c:pt>
                <c:pt idx="5567">
                  <c:v>55.295000000000002</c:v>
                </c:pt>
                <c:pt idx="5568">
                  <c:v>55.305999999999997</c:v>
                </c:pt>
                <c:pt idx="5569">
                  <c:v>55.316000000000003</c:v>
                </c:pt>
                <c:pt idx="5570">
                  <c:v>55.328000000000003</c:v>
                </c:pt>
                <c:pt idx="5571">
                  <c:v>55.337000000000003</c:v>
                </c:pt>
                <c:pt idx="5572">
                  <c:v>55.347999999999999</c:v>
                </c:pt>
                <c:pt idx="5573">
                  <c:v>55.359000000000002</c:v>
                </c:pt>
                <c:pt idx="5574">
                  <c:v>55.368000000000002</c:v>
                </c:pt>
                <c:pt idx="5575">
                  <c:v>55.378</c:v>
                </c:pt>
                <c:pt idx="5576">
                  <c:v>55.389000000000003</c:v>
                </c:pt>
                <c:pt idx="5577">
                  <c:v>55.399000000000001</c:v>
                </c:pt>
                <c:pt idx="5578">
                  <c:v>55.408999999999999</c:v>
                </c:pt>
                <c:pt idx="5579">
                  <c:v>55.418999999999997</c:v>
                </c:pt>
                <c:pt idx="5580">
                  <c:v>55.43</c:v>
                </c:pt>
                <c:pt idx="5581">
                  <c:v>55.439</c:v>
                </c:pt>
                <c:pt idx="5582">
                  <c:v>55.45</c:v>
                </c:pt>
                <c:pt idx="5583">
                  <c:v>55.46</c:v>
                </c:pt>
                <c:pt idx="5584">
                  <c:v>55.47</c:v>
                </c:pt>
                <c:pt idx="5585">
                  <c:v>55.481000000000002</c:v>
                </c:pt>
                <c:pt idx="5586">
                  <c:v>55.491</c:v>
                </c:pt>
                <c:pt idx="5587">
                  <c:v>55.502000000000002</c:v>
                </c:pt>
                <c:pt idx="5588">
                  <c:v>55.512</c:v>
                </c:pt>
                <c:pt idx="5589">
                  <c:v>55.521999999999998</c:v>
                </c:pt>
                <c:pt idx="5590">
                  <c:v>55.531999999999996</c:v>
                </c:pt>
                <c:pt idx="5591">
                  <c:v>55.542999999999999</c:v>
                </c:pt>
                <c:pt idx="5592">
                  <c:v>55.552999999999997</c:v>
                </c:pt>
                <c:pt idx="5593">
                  <c:v>55.563000000000002</c:v>
                </c:pt>
                <c:pt idx="5594">
                  <c:v>55.573999999999998</c:v>
                </c:pt>
                <c:pt idx="5595">
                  <c:v>55.584000000000003</c:v>
                </c:pt>
                <c:pt idx="5596">
                  <c:v>55.594999999999999</c:v>
                </c:pt>
                <c:pt idx="5597">
                  <c:v>55.603999999999999</c:v>
                </c:pt>
                <c:pt idx="5598">
                  <c:v>55.615000000000002</c:v>
                </c:pt>
                <c:pt idx="5599">
                  <c:v>55.625999999999998</c:v>
                </c:pt>
                <c:pt idx="5600">
                  <c:v>55.634999999999998</c:v>
                </c:pt>
                <c:pt idx="5601">
                  <c:v>55.637</c:v>
                </c:pt>
                <c:pt idx="5602">
                  <c:v>55.643999999999998</c:v>
                </c:pt>
                <c:pt idx="5603">
                  <c:v>55.654000000000003</c:v>
                </c:pt>
                <c:pt idx="5604">
                  <c:v>55.662999999999997</c:v>
                </c:pt>
                <c:pt idx="5605">
                  <c:v>55.673999999999999</c:v>
                </c:pt>
                <c:pt idx="5606">
                  <c:v>55.683999999999997</c:v>
                </c:pt>
                <c:pt idx="5607">
                  <c:v>55.694000000000003</c:v>
                </c:pt>
                <c:pt idx="5608">
                  <c:v>55.704999999999998</c:v>
                </c:pt>
                <c:pt idx="5609">
                  <c:v>55.716000000000001</c:v>
                </c:pt>
                <c:pt idx="5610">
                  <c:v>55.725999999999999</c:v>
                </c:pt>
                <c:pt idx="5611">
                  <c:v>55.737000000000002</c:v>
                </c:pt>
                <c:pt idx="5612">
                  <c:v>55.747</c:v>
                </c:pt>
                <c:pt idx="5613">
                  <c:v>55.756999999999998</c:v>
                </c:pt>
                <c:pt idx="5614">
                  <c:v>55.767000000000003</c:v>
                </c:pt>
                <c:pt idx="5615">
                  <c:v>55.777000000000001</c:v>
                </c:pt>
                <c:pt idx="5616">
                  <c:v>55.787999999999997</c:v>
                </c:pt>
                <c:pt idx="5617">
                  <c:v>55.798000000000002</c:v>
                </c:pt>
                <c:pt idx="5618">
                  <c:v>55.808</c:v>
                </c:pt>
                <c:pt idx="5619">
                  <c:v>55.819000000000003</c:v>
                </c:pt>
                <c:pt idx="5620">
                  <c:v>55.829000000000001</c:v>
                </c:pt>
                <c:pt idx="5621">
                  <c:v>55.84</c:v>
                </c:pt>
                <c:pt idx="5622">
                  <c:v>55.850999999999999</c:v>
                </c:pt>
                <c:pt idx="5623">
                  <c:v>55.86</c:v>
                </c:pt>
                <c:pt idx="5624">
                  <c:v>55.871000000000002</c:v>
                </c:pt>
                <c:pt idx="5625">
                  <c:v>55.881</c:v>
                </c:pt>
                <c:pt idx="5626">
                  <c:v>55.890999999999998</c:v>
                </c:pt>
                <c:pt idx="5627">
                  <c:v>55.901000000000003</c:v>
                </c:pt>
                <c:pt idx="5628">
                  <c:v>55.911999999999999</c:v>
                </c:pt>
                <c:pt idx="5629">
                  <c:v>55.923000000000002</c:v>
                </c:pt>
                <c:pt idx="5630">
                  <c:v>55.933</c:v>
                </c:pt>
                <c:pt idx="5631">
                  <c:v>55.942999999999998</c:v>
                </c:pt>
                <c:pt idx="5632">
                  <c:v>55.954000000000001</c:v>
                </c:pt>
                <c:pt idx="5633">
                  <c:v>55.965000000000003</c:v>
                </c:pt>
                <c:pt idx="5634">
                  <c:v>55.975000000000001</c:v>
                </c:pt>
                <c:pt idx="5635">
                  <c:v>55.985999999999997</c:v>
                </c:pt>
                <c:pt idx="5636">
                  <c:v>55.996000000000002</c:v>
                </c:pt>
                <c:pt idx="5637">
                  <c:v>56.006</c:v>
                </c:pt>
                <c:pt idx="5638">
                  <c:v>56.017000000000003</c:v>
                </c:pt>
                <c:pt idx="5639">
                  <c:v>56.026000000000003</c:v>
                </c:pt>
                <c:pt idx="5640">
                  <c:v>56.036000000000001</c:v>
                </c:pt>
                <c:pt idx="5641">
                  <c:v>56.045000000000002</c:v>
                </c:pt>
                <c:pt idx="5642">
                  <c:v>56.055</c:v>
                </c:pt>
                <c:pt idx="5643">
                  <c:v>56.064999999999998</c:v>
                </c:pt>
                <c:pt idx="5644">
                  <c:v>56.073999999999998</c:v>
                </c:pt>
                <c:pt idx="5645">
                  <c:v>56.084000000000003</c:v>
                </c:pt>
                <c:pt idx="5646">
                  <c:v>56.094999999999999</c:v>
                </c:pt>
                <c:pt idx="5647">
                  <c:v>56.104999999999997</c:v>
                </c:pt>
                <c:pt idx="5648">
                  <c:v>56.115000000000002</c:v>
                </c:pt>
                <c:pt idx="5649">
                  <c:v>56.125</c:v>
                </c:pt>
                <c:pt idx="5650">
                  <c:v>56.134999999999998</c:v>
                </c:pt>
                <c:pt idx="5651">
                  <c:v>56.146999999999998</c:v>
                </c:pt>
                <c:pt idx="5652">
                  <c:v>56.156999999999996</c:v>
                </c:pt>
                <c:pt idx="5653">
                  <c:v>56.167000000000002</c:v>
                </c:pt>
                <c:pt idx="5654">
                  <c:v>56.177</c:v>
                </c:pt>
                <c:pt idx="5655">
                  <c:v>56.186999999999998</c:v>
                </c:pt>
                <c:pt idx="5656">
                  <c:v>56.195999999999998</c:v>
                </c:pt>
                <c:pt idx="5657">
                  <c:v>56.206000000000003</c:v>
                </c:pt>
                <c:pt idx="5658">
                  <c:v>56.215000000000003</c:v>
                </c:pt>
                <c:pt idx="5659">
                  <c:v>56.225000000000001</c:v>
                </c:pt>
                <c:pt idx="5660">
                  <c:v>56.271999999999998</c:v>
                </c:pt>
                <c:pt idx="5661">
                  <c:v>56.281999999999996</c:v>
                </c:pt>
                <c:pt idx="5662">
                  <c:v>56.292000000000002</c:v>
                </c:pt>
                <c:pt idx="5663">
                  <c:v>56.302999999999997</c:v>
                </c:pt>
                <c:pt idx="5664">
                  <c:v>56.313000000000002</c:v>
                </c:pt>
                <c:pt idx="5665">
                  <c:v>56.323999999999998</c:v>
                </c:pt>
                <c:pt idx="5666">
                  <c:v>56.335000000000001</c:v>
                </c:pt>
                <c:pt idx="5667">
                  <c:v>56.344999999999999</c:v>
                </c:pt>
                <c:pt idx="5668">
                  <c:v>56.354999999999997</c:v>
                </c:pt>
                <c:pt idx="5669">
                  <c:v>56.365000000000002</c:v>
                </c:pt>
                <c:pt idx="5670">
                  <c:v>56.375</c:v>
                </c:pt>
                <c:pt idx="5671">
                  <c:v>56.387</c:v>
                </c:pt>
                <c:pt idx="5672">
                  <c:v>56.396999999999998</c:v>
                </c:pt>
                <c:pt idx="5673">
                  <c:v>56.406999999999996</c:v>
                </c:pt>
                <c:pt idx="5674">
                  <c:v>56.415999999999997</c:v>
                </c:pt>
                <c:pt idx="5675">
                  <c:v>56.427</c:v>
                </c:pt>
                <c:pt idx="5676">
                  <c:v>56.436999999999998</c:v>
                </c:pt>
                <c:pt idx="5677">
                  <c:v>56.447000000000003</c:v>
                </c:pt>
                <c:pt idx="5678">
                  <c:v>56.457999999999998</c:v>
                </c:pt>
                <c:pt idx="5679">
                  <c:v>56.468000000000004</c:v>
                </c:pt>
                <c:pt idx="5680">
                  <c:v>56.478000000000002</c:v>
                </c:pt>
                <c:pt idx="5681">
                  <c:v>56.488999999999997</c:v>
                </c:pt>
                <c:pt idx="5682">
                  <c:v>56.499000000000002</c:v>
                </c:pt>
                <c:pt idx="5683">
                  <c:v>56.51</c:v>
                </c:pt>
                <c:pt idx="5684">
                  <c:v>56.52</c:v>
                </c:pt>
                <c:pt idx="5685">
                  <c:v>56.530999999999999</c:v>
                </c:pt>
                <c:pt idx="5686">
                  <c:v>56.54</c:v>
                </c:pt>
                <c:pt idx="5687">
                  <c:v>56.551000000000002</c:v>
                </c:pt>
                <c:pt idx="5688">
                  <c:v>56.561999999999998</c:v>
                </c:pt>
                <c:pt idx="5689">
                  <c:v>56.570999999999998</c:v>
                </c:pt>
                <c:pt idx="5690">
                  <c:v>56.582000000000001</c:v>
                </c:pt>
                <c:pt idx="5691">
                  <c:v>56.591999999999999</c:v>
                </c:pt>
                <c:pt idx="5692">
                  <c:v>56.603000000000002</c:v>
                </c:pt>
                <c:pt idx="5693">
                  <c:v>56.613</c:v>
                </c:pt>
                <c:pt idx="5694">
                  <c:v>56.622</c:v>
                </c:pt>
                <c:pt idx="5695">
                  <c:v>56.633000000000003</c:v>
                </c:pt>
                <c:pt idx="5696">
                  <c:v>56.643999999999998</c:v>
                </c:pt>
                <c:pt idx="5697">
                  <c:v>56.652999999999999</c:v>
                </c:pt>
                <c:pt idx="5698">
                  <c:v>56.664000000000001</c:v>
                </c:pt>
                <c:pt idx="5699">
                  <c:v>56.673999999999999</c:v>
                </c:pt>
                <c:pt idx="5700">
                  <c:v>56.685000000000002</c:v>
                </c:pt>
                <c:pt idx="5701">
                  <c:v>56.695</c:v>
                </c:pt>
                <c:pt idx="5702">
                  <c:v>56.704999999999998</c:v>
                </c:pt>
                <c:pt idx="5703">
                  <c:v>56.716000000000001</c:v>
                </c:pt>
                <c:pt idx="5704">
                  <c:v>56.725999999999999</c:v>
                </c:pt>
                <c:pt idx="5705">
                  <c:v>56.735999999999997</c:v>
                </c:pt>
                <c:pt idx="5706">
                  <c:v>56.746000000000002</c:v>
                </c:pt>
                <c:pt idx="5707">
                  <c:v>56.756</c:v>
                </c:pt>
                <c:pt idx="5708">
                  <c:v>56.768000000000001</c:v>
                </c:pt>
                <c:pt idx="5709">
                  <c:v>56.777999999999999</c:v>
                </c:pt>
                <c:pt idx="5710">
                  <c:v>56.786999999999999</c:v>
                </c:pt>
                <c:pt idx="5711">
                  <c:v>56.798000000000002</c:v>
                </c:pt>
                <c:pt idx="5712">
                  <c:v>56.808999999999997</c:v>
                </c:pt>
                <c:pt idx="5713">
                  <c:v>56.82</c:v>
                </c:pt>
                <c:pt idx="5714">
                  <c:v>56.83</c:v>
                </c:pt>
                <c:pt idx="5715">
                  <c:v>56.84</c:v>
                </c:pt>
                <c:pt idx="5716">
                  <c:v>56.850999999999999</c:v>
                </c:pt>
                <c:pt idx="5717">
                  <c:v>56.860999999999997</c:v>
                </c:pt>
                <c:pt idx="5718">
                  <c:v>56.872</c:v>
                </c:pt>
                <c:pt idx="5719">
                  <c:v>56.881</c:v>
                </c:pt>
                <c:pt idx="5720">
                  <c:v>56.892000000000003</c:v>
                </c:pt>
                <c:pt idx="5721">
                  <c:v>56.902000000000001</c:v>
                </c:pt>
                <c:pt idx="5722">
                  <c:v>56.912999999999997</c:v>
                </c:pt>
                <c:pt idx="5723">
                  <c:v>56.923000000000002</c:v>
                </c:pt>
                <c:pt idx="5724">
                  <c:v>56.933</c:v>
                </c:pt>
                <c:pt idx="5725">
                  <c:v>56.942999999999998</c:v>
                </c:pt>
                <c:pt idx="5726">
                  <c:v>56.953000000000003</c:v>
                </c:pt>
                <c:pt idx="5727">
                  <c:v>56.963999999999999</c:v>
                </c:pt>
                <c:pt idx="5728">
                  <c:v>56.973999999999997</c:v>
                </c:pt>
                <c:pt idx="5729">
                  <c:v>56.982999999999997</c:v>
                </c:pt>
                <c:pt idx="5730">
                  <c:v>56.994</c:v>
                </c:pt>
                <c:pt idx="5731">
                  <c:v>57.003999999999998</c:v>
                </c:pt>
                <c:pt idx="5732">
                  <c:v>57.014000000000003</c:v>
                </c:pt>
                <c:pt idx="5733">
                  <c:v>57.024999999999999</c:v>
                </c:pt>
                <c:pt idx="5734">
                  <c:v>57.036000000000001</c:v>
                </c:pt>
                <c:pt idx="5735">
                  <c:v>57.045999999999999</c:v>
                </c:pt>
                <c:pt idx="5736">
                  <c:v>57.055999999999997</c:v>
                </c:pt>
                <c:pt idx="5737">
                  <c:v>57.066000000000003</c:v>
                </c:pt>
                <c:pt idx="5738">
                  <c:v>57.076000000000001</c:v>
                </c:pt>
                <c:pt idx="5739">
                  <c:v>57.087000000000003</c:v>
                </c:pt>
                <c:pt idx="5740">
                  <c:v>57.097999999999999</c:v>
                </c:pt>
                <c:pt idx="5741">
                  <c:v>57.106999999999999</c:v>
                </c:pt>
                <c:pt idx="5742">
                  <c:v>57.116999999999997</c:v>
                </c:pt>
                <c:pt idx="5743">
                  <c:v>57.128</c:v>
                </c:pt>
                <c:pt idx="5744">
                  <c:v>57.137</c:v>
                </c:pt>
                <c:pt idx="5745">
                  <c:v>57.148000000000003</c:v>
                </c:pt>
                <c:pt idx="5746">
                  <c:v>57.16</c:v>
                </c:pt>
                <c:pt idx="5747">
                  <c:v>57.17</c:v>
                </c:pt>
                <c:pt idx="5748">
                  <c:v>57.180999999999997</c:v>
                </c:pt>
                <c:pt idx="5749">
                  <c:v>57.191000000000003</c:v>
                </c:pt>
                <c:pt idx="5750">
                  <c:v>57.201000000000001</c:v>
                </c:pt>
                <c:pt idx="5751">
                  <c:v>57.210999999999999</c:v>
                </c:pt>
                <c:pt idx="5752">
                  <c:v>57.220999999999997</c:v>
                </c:pt>
                <c:pt idx="5753">
                  <c:v>57.231999999999999</c:v>
                </c:pt>
                <c:pt idx="5754">
                  <c:v>57.241999999999997</c:v>
                </c:pt>
                <c:pt idx="5755">
                  <c:v>57.252000000000002</c:v>
                </c:pt>
                <c:pt idx="5756">
                  <c:v>57.262999999999998</c:v>
                </c:pt>
                <c:pt idx="5757">
                  <c:v>57.271999999999998</c:v>
                </c:pt>
                <c:pt idx="5758">
                  <c:v>57.283000000000001</c:v>
                </c:pt>
                <c:pt idx="5759">
                  <c:v>57.293999999999997</c:v>
                </c:pt>
                <c:pt idx="5760">
                  <c:v>57.304000000000002</c:v>
                </c:pt>
                <c:pt idx="5761">
                  <c:v>57.314999999999998</c:v>
                </c:pt>
                <c:pt idx="5762">
                  <c:v>57.323999999999998</c:v>
                </c:pt>
                <c:pt idx="5763">
                  <c:v>57.335000000000001</c:v>
                </c:pt>
                <c:pt idx="5764">
                  <c:v>57.345999999999997</c:v>
                </c:pt>
                <c:pt idx="5765">
                  <c:v>57.356000000000002</c:v>
                </c:pt>
                <c:pt idx="5766">
                  <c:v>57.366</c:v>
                </c:pt>
                <c:pt idx="5767">
                  <c:v>57.375999999999998</c:v>
                </c:pt>
                <c:pt idx="5768">
                  <c:v>57.387</c:v>
                </c:pt>
                <c:pt idx="5769">
                  <c:v>57.396000000000001</c:v>
                </c:pt>
                <c:pt idx="5770">
                  <c:v>57.406999999999996</c:v>
                </c:pt>
                <c:pt idx="5771">
                  <c:v>57.417000000000002</c:v>
                </c:pt>
                <c:pt idx="5772">
                  <c:v>57.427</c:v>
                </c:pt>
                <c:pt idx="5773">
                  <c:v>57.438000000000002</c:v>
                </c:pt>
                <c:pt idx="5774">
                  <c:v>57.448</c:v>
                </c:pt>
                <c:pt idx="5775">
                  <c:v>57.457999999999998</c:v>
                </c:pt>
                <c:pt idx="5776">
                  <c:v>57.469000000000001</c:v>
                </c:pt>
                <c:pt idx="5777">
                  <c:v>57.478999999999999</c:v>
                </c:pt>
                <c:pt idx="5778">
                  <c:v>57.488</c:v>
                </c:pt>
                <c:pt idx="5779">
                  <c:v>57.5</c:v>
                </c:pt>
                <c:pt idx="5780">
                  <c:v>57.51</c:v>
                </c:pt>
                <c:pt idx="5781">
                  <c:v>57.521000000000001</c:v>
                </c:pt>
                <c:pt idx="5782">
                  <c:v>57.53</c:v>
                </c:pt>
                <c:pt idx="5783">
                  <c:v>57.540999999999997</c:v>
                </c:pt>
                <c:pt idx="5784">
                  <c:v>57.551000000000002</c:v>
                </c:pt>
                <c:pt idx="5785">
                  <c:v>57.561</c:v>
                </c:pt>
                <c:pt idx="5786">
                  <c:v>57.570999999999998</c:v>
                </c:pt>
                <c:pt idx="5787">
                  <c:v>57.582000000000001</c:v>
                </c:pt>
                <c:pt idx="5788">
                  <c:v>57.591000000000001</c:v>
                </c:pt>
                <c:pt idx="5789">
                  <c:v>57.601999999999997</c:v>
                </c:pt>
                <c:pt idx="5790">
                  <c:v>57.612000000000002</c:v>
                </c:pt>
                <c:pt idx="5791">
                  <c:v>57.622</c:v>
                </c:pt>
                <c:pt idx="5792">
                  <c:v>57.631999999999998</c:v>
                </c:pt>
                <c:pt idx="5793">
                  <c:v>57.643000000000001</c:v>
                </c:pt>
                <c:pt idx="5794">
                  <c:v>57.654000000000003</c:v>
                </c:pt>
                <c:pt idx="5795">
                  <c:v>57.664000000000001</c:v>
                </c:pt>
                <c:pt idx="5796">
                  <c:v>57.673999999999999</c:v>
                </c:pt>
                <c:pt idx="5797">
                  <c:v>57.685000000000002</c:v>
                </c:pt>
                <c:pt idx="5798">
                  <c:v>57.694000000000003</c:v>
                </c:pt>
                <c:pt idx="5799">
                  <c:v>57.703000000000003</c:v>
                </c:pt>
                <c:pt idx="5800">
                  <c:v>57.713999999999999</c:v>
                </c:pt>
                <c:pt idx="5801">
                  <c:v>57.723999999999997</c:v>
                </c:pt>
                <c:pt idx="5802">
                  <c:v>57.734000000000002</c:v>
                </c:pt>
                <c:pt idx="5803">
                  <c:v>57.744999999999997</c:v>
                </c:pt>
                <c:pt idx="5804">
                  <c:v>57.755000000000003</c:v>
                </c:pt>
                <c:pt idx="5805">
                  <c:v>57.765000000000001</c:v>
                </c:pt>
                <c:pt idx="5806">
                  <c:v>57.776000000000003</c:v>
                </c:pt>
                <c:pt idx="5807">
                  <c:v>57.786000000000001</c:v>
                </c:pt>
                <c:pt idx="5808">
                  <c:v>57.795999999999999</c:v>
                </c:pt>
                <c:pt idx="5809">
                  <c:v>57.807000000000002</c:v>
                </c:pt>
                <c:pt idx="5810">
                  <c:v>57.817999999999998</c:v>
                </c:pt>
                <c:pt idx="5811">
                  <c:v>57.828000000000003</c:v>
                </c:pt>
                <c:pt idx="5812">
                  <c:v>57.838000000000001</c:v>
                </c:pt>
                <c:pt idx="5813">
                  <c:v>57.848999999999997</c:v>
                </c:pt>
                <c:pt idx="5814">
                  <c:v>57.857999999999997</c:v>
                </c:pt>
                <c:pt idx="5815">
                  <c:v>57.869</c:v>
                </c:pt>
                <c:pt idx="5816">
                  <c:v>57.878999999999998</c:v>
                </c:pt>
                <c:pt idx="5817">
                  <c:v>57.887999999999998</c:v>
                </c:pt>
                <c:pt idx="5818">
                  <c:v>57.899000000000001</c:v>
                </c:pt>
                <c:pt idx="5819">
                  <c:v>57.908999999999999</c:v>
                </c:pt>
                <c:pt idx="5820">
                  <c:v>57.918999999999997</c:v>
                </c:pt>
                <c:pt idx="5821">
                  <c:v>57.929000000000002</c:v>
                </c:pt>
                <c:pt idx="5822">
                  <c:v>57.94</c:v>
                </c:pt>
                <c:pt idx="5823">
                  <c:v>57.948999999999998</c:v>
                </c:pt>
                <c:pt idx="5824">
                  <c:v>57.96</c:v>
                </c:pt>
                <c:pt idx="5825">
                  <c:v>57.97</c:v>
                </c:pt>
                <c:pt idx="5826">
                  <c:v>57.981000000000002</c:v>
                </c:pt>
                <c:pt idx="5827">
                  <c:v>57.991</c:v>
                </c:pt>
                <c:pt idx="5828">
                  <c:v>58.000999999999998</c:v>
                </c:pt>
                <c:pt idx="5829">
                  <c:v>58.01</c:v>
                </c:pt>
                <c:pt idx="5830">
                  <c:v>58.021000000000001</c:v>
                </c:pt>
                <c:pt idx="5831">
                  <c:v>58.030999999999999</c:v>
                </c:pt>
                <c:pt idx="5832">
                  <c:v>58.040999999999997</c:v>
                </c:pt>
                <c:pt idx="5833">
                  <c:v>58.051000000000002</c:v>
                </c:pt>
                <c:pt idx="5834">
                  <c:v>58.061</c:v>
                </c:pt>
                <c:pt idx="5835">
                  <c:v>58.070999999999998</c:v>
                </c:pt>
                <c:pt idx="5836">
                  <c:v>58.081000000000003</c:v>
                </c:pt>
                <c:pt idx="5837">
                  <c:v>58.091000000000001</c:v>
                </c:pt>
                <c:pt idx="5838">
                  <c:v>58.100999999999999</c:v>
                </c:pt>
                <c:pt idx="5839">
                  <c:v>58.110999999999997</c:v>
                </c:pt>
                <c:pt idx="5840">
                  <c:v>58.121000000000002</c:v>
                </c:pt>
                <c:pt idx="5841">
                  <c:v>58.13</c:v>
                </c:pt>
                <c:pt idx="5842">
                  <c:v>58.140999999999998</c:v>
                </c:pt>
                <c:pt idx="5843">
                  <c:v>58.152000000000001</c:v>
                </c:pt>
                <c:pt idx="5844">
                  <c:v>58.161999999999999</c:v>
                </c:pt>
                <c:pt idx="5845">
                  <c:v>58.171999999999997</c:v>
                </c:pt>
                <c:pt idx="5846">
                  <c:v>58.182000000000002</c:v>
                </c:pt>
                <c:pt idx="5847">
                  <c:v>58.192999999999998</c:v>
                </c:pt>
                <c:pt idx="5848">
                  <c:v>58.203000000000003</c:v>
                </c:pt>
                <c:pt idx="5849">
                  <c:v>58.213000000000001</c:v>
                </c:pt>
                <c:pt idx="5850">
                  <c:v>58.223999999999997</c:v>
                </c:pt>
                <c:pt idx="5851">
                  <c:v>58.232999999999997</c:v>
                </c:pt>
                <c:pt idx="5852">
                  <c:v>58.243000000000002</c:v>
                </c:pt>
                <c:pt idx="5853">
                  <c:v>58.253</c:v>
                </c:pt>
                <c:pt idx="5854">
                  <c:v>58.264000000000003</c:v>
                </c:pt>
                <c:pt idx="5855">
                  <c:v>58.274000000000001</c:v>
                </c:pt>
                <c:pt idx="5856">
                  <c:v>58.283999999999999</c:v>
                </c:pt>
                <c:pt idx="5857">
                  <c:v>58.293999999999997</c:v>
                </c:pt>
                <c:pt idx="5858">
                  <c:v>58.305</c:v>
                </c:pt>
                <c:pt idx="5859">
                  <c:v>58.314999999999998</c:v>
                </c:pt>
                <c:pt idx="5860">
                  <c:v>58.325000000000003</c:v>
                </c:pt>
                <c:pt idx="5861">
                  <c:v>58.335999999999999</c:v>
                </c:pt>
                <c:pt idx="5862">
                  <c:v>58.345999999999997</c:v>
                </c:pt>
                <c:pt idx="5863">
                  <c:v>58.357999999999997</c:v>
                </c:pt>
                <c:pt idx="5864">
                  <c:v>58.368000000000002</c:v>
                </c:pt>
                <c:pt idx="5865">
                  <c:v>58.378999999999998</c:v>
                </c:pt>
                <c:pt idx="5866">
                  <c:v>58.389000000000003</c:v>
                </c:pt>
                <c:pt idx="5867">
                  <c:v>58.399000000000001</c:v>
                </c:pt>
                <c:pt idx="5868">
                  <c:v>58.408999999999999</c:v>
                </c:pt>
                <c:pt idx="5869">
                  <c:v>58.42</c:v>
                </c:pt>
                <c:pt idx="5870">
                  <c:v>58.430999999999997</c:v>
                </c:pt>
                <c:pt idx="5871">
                  <c:v>58.441000000000003</c:v>
                </c:pt>
                <c:pt idx="5872">
                  <c:v>58.451000000000001</c:v>
                </c:pt>
                <c:pt idx="5873">
                  <c:v>58.462000000000003</c:v>
                </c:pt>
                <c:pt idx="5874">
                  <c:v>58.472000000000001</c:v>
                </c:pt>
                <c:pt idx="5875">
                  <c:v>58.481000000000002</c:v>
                </c:pt>
                <c:pt idx="5876">
                  <c:v>58.491</c:v>
                </c:pt>
                <c:pt idx="5877">
                  <c:v>58.500999999999998</c:v>
                </c:pt>
                <c:pt idx="5878">
                  <c:v>58.51</c:v>
                </c:pt>
                <c:pt idx="5879">
                  <c:v>58.518999999999998</c:v>
                </c:pt>
                <c:pt idx="5880">
                  <c:v>58.530999999999999</c:v>
                </c:pt>
                <c:pt idx="5881">
                  <c:v>58.540999999999997</c:v>
                </c:pt>
                <c:pt idx="5882">
                  <c:v>58.55</c:v>
                </c:pt>
                <c:pt idx="5883">
                  <c:v>58.561</c:v>
                </c:pt>
                <c:pt idx="5884">
                  <c:v>58.570999999999998</c:v>
                </c:pt>
                <c:pt idx="5885">
                  <c:v>58.58</c:v>
                </c:pt>
                <c:pt idx="5886">
                  <c:v>58.591000000000001</c:v>
                </c:pt>
                <c:pt idx="5887">
                  <c:v>58.600999999999999</c:v>
                </c:pt>
                <c:pt idx="5888">
                  <c:v>58.610999999999997</c:v>
                </c:pt>
                <c:pt idx="5889">
                  <c:v>58.622</c:v>
                </c:pt>
                <c:pt idx="5890">
                  <c:v>58.631999999999998</c:v>
                </c:pt>
                <c:pt idx="5891">
                  <c:v>58.643000000000001</c:v>
                </c:pt>
                <c:pt idx="5892">
                  <c:v>58.652999999999999</c:v>
                </c:pt>
                <c:pt idx="5893">
                  <c:v>58.661999999999999</c:v>
                </c:pt>
                <c:pt idx="5894">
                  <c:v>58.673000000000002</c:v>
                </c:pt>
                <c:pt idx="5895">
                  <c:v>58.683</c:v>
                </c:pt>
                <c:pt idx="5896">
                  <c:v>58.692999999999998</c:v>
                </c:pt>
                <c:pt idx="5897">
                  <c:v>58.704000000000001</c:v>
                </c:pt>
                <c:pt idx="5898">
                  <c:v>58.713999999999999</c:v>
                </c:pt>
                <c:pt idx="5899">
                  <c:v>58.723999999999997</c:v>
                </c:pt>
                <c:pt idx="5900">
                  <c:v>58.734999999999999</c:v>
                </c:pt>
                <c:pt idx="5901">
                  <c:v>58.744999999999997</c:v>
                </c:pt>
                <c:pt idx="5902">
                  <c:v>58.753999999999998</c:v>
                </c:pt>
                <c:pt idx="5903">
                  <c:v>58.765000000000001</c:v>
                </c:pt>
                <c:pt idx="5904">
                  <c:v>58.774999999999999</c:v>
                </c:pt>
                <c:pt idx="5905">
                  <c:v>58.783999999999999</c:v>
                </c:pt>
                <c:pt idx="5906">
                  <c:v>58.795000000000002</c:v>
                </c:pt>
                <c:pt idx="5907">
                  <c:v>58.805</c:v>
                </c:pt>
                <c:pt idx="5908">
                  <c:v>58.814</c:v>
                </c:pt>
                <c:pt idx="5909">
                  <c:v>58.823999999999998</c:v>
                </c:pt>
                <c:pt idx="5910">
                  <c:v>58.834000000000003</c:v>
                </c:pt>
                <c:pt idx="5911">
                  <c:v>58.844000000000001</c:v>
                </c:pt>
                <c:pt idx="5912">
                  <c:v>58.854999999999997</c:v>
                </c:pt>
                <c:pt idx="5913">
                  <c:v>58.863999999999997</c:v>
                </c:pt>
                <c:pt idx="5914">
                  <c:v>58.875</c:v>
                </c:pt>
                <c:pt idx="5915">
                  <c:v>58.884</c:v>
                </c:pt>
                <c:pt idx="5916">
                  <c:v>58.893999999999998</c:v>
                </c:pt>
                <c:pt idx="5917">
                  <c:v>58.902999999999999</c:v>
                </c:pt>
                <c:pt idx="5918">
                  <c:v>58.912999999999997</c:v>
                </c:pt>
                <c:pt idx="5919">
                  <c:v>58.921999999999997</c:v>
                </c:pt>
                <c:pt idx="5920">
                  <c:v>58.930999999999997</c:v>
                </c:pt>
                <c:pt idx="5921">
                  <c:v>58.941000000000003</c:v>
                </c:pt>
                <c:pt idx="5922">
                  <c:v>58.951000000000001</c:v>
                </c:pt>
                <c:pt idx="5923">
                  <c:v>58.962000000000003</c:v>
                </c:pt>
                <c:pt idx="5924">
                  <c:v>58.970999999999997</c:v>
                </c:pt>
                <c:pt idx="5925">
                  <c:v>58.981000000000002</c:v>
                </c:pt>
                <c:pt idx="5926">
                  <c:v>58.984000000000002</c:v>
                </c:pt>
                <c:pt idx="5927">
                  <c:v>58.994999999999997</c:v>
                </c:pt>
                <c:pt idx="5928">
                  <c:v>59.003999999999998</c:v>
                </c:pt>
                <c:pt idx="5929">
                  <c:v>59.015000000000001</c:v>
                </c:pt>
                <c:pt idx="5930">
                  <c:v>59.024000000000001</c:v>
                </c:pt>
                <c:pt idx="5931">
                  <c:v>59.033999999999999</c:v>
                </c:pt>
                <c:pt idx="5932">
                  <c:v>59.045000000000002</c:v>
                </c:pt>
                <c:pt idx="5933">
                  <c:v>59.055999999999997</c:v>
                </c:pt>
                <c:pt idx="5934">
                  <c:v>59.066000000000003</c:v>
                </c:pt>
                <c:pt idx="5935">
                  <c:v>59.076999999999998</c:v>
                </c:pt>
                <c:pt idx="5936">
                  <c:v>59.088000000000001</c:v>
                </c:pt>
                <c:pt idx="5937">
                  <c:v>59.097999999999999</c:v>
                </c:pt>
                <c:pt idx="5938">
                  <c:v>59.109000000000002</c:v>
                </c:pt>
                <c:pt idx="5939">
                  <c:v>59.119</c:v>
                </c:pt>
                <c:pt idx="5940">
                  <c:v>59.128999999999998</c:v>
                </c:pt>
                <c:pt idx="5941">
                  <c:v>59.139000000000003</c:v>
                </c:pt>
                <c:pt idx="5942">
                  <c:v>59.148000000000003</c:v>
                </c:pt>
                <c:pt idx="5943">
                  <c:v>59.156999999999996</c:v>
                </c:pt>
                <c:pt idx="5944">
                  <c:v>59.167000000000002</c:v>
                </c:pt>
                <c:pt idx="5945">
                  <c:v>59.177</c:v>
                </c:pt>
                <c:pt idx="5946">
                  <c:v>59.186999999999998</c:v>
                </c:pt>
                <c:pt idx="5947">
                  <c:v>59.197000000000003</c:v>
                </c:pt>
                <c:pt idx="5948">
                  <c:v>59.207000000000001</c:v>
                </c:pt>
                <c:pt idx="5949">
                  <c:v>59.216999999999999</c:v>
                </c:pt>
                <c:pt idx="5950">
                  <c:v>59.228999999999999</c:v>
                </c:pt>
                <c:pt idx="5951">
                  <c:v>59.238</c:v>
                </c:pt>
                <c:pt idx="5952">
                  <c:v>59.247</c:v>
                </c:pt>
                <c:pt idx="5953">
                  <c:v>59.256999999999998</c:v>
                </c:pt>
                <c:pt idx="5954">
                  <c:v>59.267000000000003</c:v>
                </c:pt>
                <c:pt idx="5955">
                  <c:v>59.277000000000001</c:v>
                </c:pt>
                <c:pt idx="5956">
                  <c:v>59.286999999999999</c:v>
                </c:pt>
                <c:pt idx="5957">
                  <c:v>59.295999999999999</c:v>
                </c:pt>
                <c:pt idx="5958">
                  <c:v>59.305</c:v>
                </c:pt>
                <c:pt idx="5959">
                  <c:v>59.314999999999998</c:v>
                </c:pt>
                <c:pt idx="5960">
                  <c:v>59.326999999999998</c:v>
                </c:pt>
                <c:pt idx="5961">
                  <c:v>59.337000000000003</c:v>
                </c:pt>
                <c:pt idx="5962">
                  <c:v>59.345999999999997</c:v>
                </c:pt>
                <c:pt idx="5963">
                  <c:v>59.356000000000002</c:v>
                </c:pt>
                <c:pt idx="5964">
                  <c:v>59.366999999999997</c:v>
                </c:pt>
                <c:pt idx="5965">
                  <c:v>59.377000000000002</c:v>
                </c:pt>
                <c:pt idx="5966">
                  <c:v>59.387999999999998</c:v>
                </c:pt>
                <c:pt idx="5967">
                  <c:v>59.396999999999998</c:v>
                </c:pt>
                <c:pt idx="5968">
                  <c:v>59.405999999999999</c:v>
                </c:pt>
                <c:pt idx="5969">
                  <c:v>59.417000000000002</c:v>
                </c:pt>
                <c:pt idx="5970">
                  <c:v>59.427</c:v>
                </c:pt>
                <c:pt idx="5971">
                  <c:v>59.436</c:v>
                </c:pt>
                <c:pt idx="5972">
                  <c:v>59.447000000000003</c:v>
                </c:pt>
                <c:pt idx="5973">
                  <c:v>59.457000000000001</c:v>
                </c:pt>
                <c:pt idx="5974">
                  <c:v>59.466999999999999</c:v>
                </c:pt>
                <c:pt idx="5975">
                  <c:v>59.478999999999999</c:v>
                </c:pt>
                <c:pt idx="5976">
                  <c:v>59.488</c:v>
                </c:pt>
                <c:pt idx="5977">
                  <c:v>59.5</c:v>
                </c:pt>
                <c:pt idx="5978">
                  <c:v>59.51</c:v>
                </c:pt>
                <c:pt idx="5979">
                  <c:v>59.521000000000001</c:v>
                </c:pt>
                <c:pt idx="5980">
                  <c:v>59.530999999999999</c:v>
                </c:pt>
                <c:pt idx="5981">
                  <c:v>59.540999999999997</c:v>
                </c:pt>
                <c:pt idx="5982">
                  <c:v>59.552</c:v>
                </c:pt>
                <c:pt idx="5983">
                  <c:v>59.561999999999998</c:v>
                </c:pt>
                <c:pt idx="5984">
                  <c:v>59.572000000000003</c:v>
                </c:pt>
                <c:pt idx="5985">
                  <c:v>59.582000000000001</c:v>
                </c:pt>
                <c:pt idx="5986">
                  <c:v>59.593000000000004</c:v>
                </c:pt>
                <c:pt idx="5987">
                  <c:v>59.601999999999997</c:v>
                </c:pt>
                <c:pt idx="5988">
                  <c:v>59.613</c:v>
                </c:pt>
                <c:pt idx="5989">
                  <c:v>59.622</c:v>
                </c:pt>
                <c:pt idx="5990">
                  <c:v>59.631999999999998</c:v>
                </c:pt>
                <c:pt idx="5991">
                  <c:v>59.643000000000001</c:v>
                </c:pt>
                <c:pt idx="5992">
                  <c:v>59.652999999999999</c:v>
                </c:pt>
                <c:pt idx="5993">
                  <c:v>59.664000000000001</c:v>
                </c:pt>
                <c:pt idx="5994">
                  <c:v>59.673999999999999</c:v>
                </c:pt>
                <c:pt idx="5995">
                  <c:v>59.683999999999997</c:v>
                </c:pt>
                <c:pt idx="5996">
                  <c:v>59.694000000000003</c:v>
                </c:pt>
                <c:pt idx="5997">
                  <c:v>59.704000000000001</c:v>
                </c:pt>
                <c:pt idx="5998">
                  <c:v>59.713999999999999</c:v>
                </c:pt>
                <c:pt idx="5999">
                  <c:v>59.722999999999999</c:v>
                </c:pt>
                <c:pt idx="6000">
                  <c:v>59.731999999999999</c:v>
                </c:pt>
                <c:pt idx="6001">
                  <c:v>59.741999999999997</c:v>
                </c:pt>
                <c:pt idx="6002">
                  <c:v>59.750999999999998</c:v>
                </c:pt>
                <c:pt idx="6003">
                  <c:v>59.76</c:v>
                </c:pt>
                <c:pt idx="6004">
                  <c:v>59.77</c:v>
                </c:pt>
                <c:pt idx="6005">
                  <c:v>59.779000000000003</c:v>
                </c:pt>
                <c:pt idx="6006">
                  <c:v>59.787999999999997</c:v>
                </c:pt>
                <c:pt idx="6007">
                  <c:v>59.795999999999999</c:v>
                </c:pt>
                <c:pt idx="6008">
                  <c:v>59.805999999999997</c:v>
                </c:pt>
                <c:pt idx="6009">
                  <c:v>59.814</c:v>
                </c:pt>
                <c:pt idx="6010">
                  <c:v>59.823</c:v>
                </c:pt>
                <c:pt idx="6011">
                  <c:v>59.831000000000003</c:v>
                </c:pt>
                <c:pt idx="6012">
                  <c:v>59.84</c:v>
                </c:pt>
                <c:pt idx="6013">
                  <c:v>59.847999999999999</c:v>
                </c:pt>
                <c:pt idx="6014">
                  <c:v>59.856999999999999</c:v>
                </c:pt>
                <c:pt idx="6015">
                  <c:v>59.865000000000002</c:v>
                </c:pt>
                <c:pt idx="6016">
                  <c:v>59.874000000000002</c:v>
                </c:pt>
                <c:pt idx="6017">
                  <c:v>59.881999999999998</c:v>
                </c:pt>
                <c:pt idx="6018">
                  <c:v>59.89</c:v>
                </c:pt>
                <c:pt idx="6019">
                  <c:v>59.898000000000003</c:v>
                </c:pt>
                <c:pt idx="6020">
                  <c:v>59.906999999999996</c:v>
                </c:pt>
                <c:pt idx="6021">
                  <c:v>59.915999999999997</c:v>
                </c:pt>
                <c:pt idx="6022">
                  <c:v>59.923999999999999</c:v>
                </c:pt>
                <c:pt idx="6023">
                  <c:v>59.933</c:v>
                </c:pt>
                <c:pt idx="6024">
                  <c:v>59.942</c:v>
                </c:pt>
                <c:pt idx="6025">
                  <c:v>59.951000000000001</c:v>
                </c:pt>
                <c:pt idx="6026">
                  <c:v>59.959000000000003</c:v>
                </c:pt>
                <c:pt idx="6027">
                  <c:v>59.969000000000001</c:v>
                </c:pt>
                <c:pt idx="6028">
                  <c:v>59.976999999999997</c:v>
                </c:pt>
                <c:pt idx="6029">
                  <c:v>59.984000000000002</c:v>
                </c:pt>
                <c:pt idx="6030">
                  <c:v>59.993000000000002</c:v>
                </c:pt>
                <c:pt idx="6031">
                  <c:v>60</c:v>
                </c:pt>
                <c:pt idx="6032">
                  <c:v>60.006999999999998</c:v>
                </c:pt>
                <c:pt idx="6033">
                  <c:v>60.015000000000001</c:v>
                </c:pt>
                <c:pt idx="6034">
                  <c:v>60.024000000000001</c:v>
                </c:pt>
                <c:pt idx="6035">
                  <c:v>60.031999999999996</c:v>
                </c:pt>
                <c:pt idx="6036">
                  <c:v>60.040999999999997</c:v>
                </c:pt>
                <c:pt idx="6037">
                  <c:v>60.051000000000002</c:v>
                </c:pt>
                <c:pt idx="6038">
                  <c:v>60.06</c:v>
                </c:pt>
                <c:pt idx="6039">
                  <c:v>60.07</c:v>
                </c:pt>
                <c:pt idx="6040">
                  <c:v>60.08</c:v>
                </c:pt>
                <c:pt idx="6041">
                  <c:v>60.087000000000003</c:v>
                </c:pt>
                <c:pt idx="6042">
                  <c:v>60.094999999999999</c:v>
                </c:pt>
                <c:pt idx="6043">
                  <c:v>60.104999999999997</c:v>
                </c:pt>
                <c:pt idx="6044">
                  <c:v>60.115000000000002</c:v>
                </c:pt>
                <c:pt idx="6045">
                  <c:v>60.116999999999997</c:v>
                </c:pt>
                <c:pt idx="6046">
                  <c:v>60.134</c:v>
                </c:pt>
                <c:pt idx="6047">
                  <c:v>60.145000000000003</c:v>
                </c:pt>
                <c:pt idx="6048">
                  <c:v>60.154000000000003</c:v>
                </c:pt>
                <c:pt idx="6049">
                  <c:v>60.164999999999999</c:v>
                </c:pt>
                <c:pt idx="6050">
                  <c:v>60.174999999999997</c:v>
                </c:pt>
                <c:pt idx="6051">
                  <c:v>60.186</c:v>
                </c:pt>
                <c:pt idx="6052">
                  <c:v>60.195999999999998</c:v>
                </c:pt>
                <c:pt idx="6053">
                  <c:v>60.206000000000003</c:v>
                </c:pt>
                <c:pt idx="6054">
                  <c:v>60.216000000000001</c:v>
                </c:pt>
                <c:pt idx="6055">
                  <c:v>60.226999999999997</c:v>
                </c:pt>
                <c:pt idx="6056">
                  <c:v>60.237000000000002</c:v>
                </c:pt>
                <c:pt idx="6057">
                  <c:v>60.247</c:v>
                </c:pt>
                <c:pt idx="6058">
                  <c:v>60.258000000000003</c:v>
                </c:pt>
                <c:pt idx="6059">
                  <c:v>60.268000000000001</c:v>
                </c:pt>
                <c:pt idx="6060">
                  <c:v>60.277000000000001</c:v>
                </c:pt>
                <c:pt idx="6061">
                  <c:v>60.287999999999997</c:v>
                </c:pt>
                <c:pt idx="6062">
                  <c:v>60.298000000000002</c:v>
                </c:pt>
                <c:pt idx="6063">
                  <c:v>60.308999999999997</c:v>
                </c:pt>
                <c:pt idx="6064">
                  <c:v>60.319000000000003</c:v>
                </c:pt>
                <c:pt idx="6065">
                  <c:v>60.329000000000001</c:v>
                </c:pt>
                <c:pt idx="6066">
                  <c:v>60.338999999999999</c:v>
                </c:pt>
                <c:pt idx="6067">
                  <c:v>60.348999999999997</c:v>
                </c:pt>
                <c:pt idx="6068">
                  <c:v>60.36</c:v>
                </c:pt>
                <c:pt idx="6069">
                  <c:v>60.369</c:v>
                </c:pt>
                <c:pt idx="6070">
                  <c:v>60.38</c:v>
                </c:pt>
                <c:pt idx="6071">
                  <c:v>60.39</c:v>
                </c:pt>
                <c:pt idx="6072">
                  <c:v>60.4</c:v>
                </c:pt>
                <c:pt idx="6073">
                  <c:v>60.41</c:v>
                </c:pt>
                <c:pt idx="6074">
                  <c:v>60.42</c:v>
                </c:pt>
                <c:pt idx="6075">
                  <c:v>60.43</c:v>
                </c:pt>
                <c:pt idx="6076">
                  <c:v>60.430999999999997</c:v>
                </c:pt>
                <c:pt idx="6077">
                  <c:v>60.451000000000001</c:v>
                </c:pt>
                <c:pt idx="6078">
                  <c:v>60.460999999999999</c:v>
                </c:pt>
                <c:pt idx="6079">
                  <c:v>60.472000000000001</c:v>
                </c:pt>
                <c:pt idx="6080">
                  <c:v>60.481999999999999</c:v>
                </c:pt>
                <c:pt idx="6081">
                  <c:v>60.491999999999997</c:v>
                </c:pt>
                <c:pt idx="6082">
                  <c:v>60.503</c:v>
                </c:pt>
                <c:pt idx="6083">
                  <c:v>60.512999999999998</c:v>
                </c:pt>
                <c:pt idx="6084">
                  <c:v>60.521999999999998</c:v>
                </c:pt>
                <c:pt idx="6085">
                  <c:v>60.533000000000001</c:v>
                </c:pt>
                <c:pt idx="6086">
                  <c:v>60.542999999999999</c:v>
                </c:pt>
                <c:pt idx="6087">
                  <c:v>60.552999999999997</c:v>
                </c:pt>
                <c:pt idx="6088">
                  <c:v>60.561999999999998</c:v>
                </c:pt>
                <c:pt idx="6089">
                  <c:v>60.572000000000003</c:v>
                </c:pt>
                <c:pt idx="6090">
                  <c:v>60.582000000000001</c:v>
                </c:pt>
                <c:pt idx="6091">
                  <c:v>60.591999999999999</c:v>
                </c:pt>
                <c:pt idx="6092">
                  <c:v>60.600999999999999</c:v>
                </c:pt>
                <c:pt idx="6093">
                  <c:v>60.61</c:v>
                </c:pt>
                <c:pt idx="6094">
                  <c:v>60.621000000000002</c:v>
                </c:pt>
                <c:pt idx="6095">
                  <c:v>60.631</c:v>
                </c:pt>
                <c:pt idx="6096">
                  <c:v>60.64</c:v>
                </c:pt>
                <c:pt idx="6097">
                  <c:v>60.65</c:v>
                </c:pt>
                <c:pt idx="6098">
                  <c:v>60.66</c:v>
                </c:pt>
                <c:pt idx="6099">
                  <c:v>60.665999999999997</c:v>
                </c:pt>
                <c:pt idx="6100">
                  <c:v>60.673999999999999</c:v>
                </c:pt>
                <c:pt idx="6101">
                  <c:v>60.683</c:v>
                </c:pt>
                <c:pt idx="6102">
                  <c:v>60.69</c:v>
                </c:pt>
                <c:pt idx="6103">
                  <c:v>60.7</c:v>
                </c:pt>
                <c:pt idx="6104">
                  <c:v>60.709000000000003</c:v>
                </c:pt>
                <c:pt idx="6105">
                  <c:v>60.716999999999999</c:v>
                </c:pt>
                <c:pt idx="6106">
                  <c:v>60.726999999999997</c:v>
                </c:pt>
                <c:pt idx="6107">
                  <c:v>60.735999999999997</c:v>
                </c:pt>
                <c:pt idx="6108">
                  <c:v>60.744</c:v>
                </c:pt>
                <c:pt idx="6109">
                  <c:v>60.753</c:v>
                </c:pt>
                <c:pt idx="6110">
                  <c:v>60.761000000000003</c:v>
                </c:pt>
                <c:pt idx="6111">
                  <c:v>60.77</c:v>
                </c:pt>
                <c:pt idx="6112">
                  <c:v>60.78</c:v>
                </c:pt>
                <c:pt idx="6113">
                  <c:v>60.789000000000001</c:v>
                </c:pt>
                <c:pt idx="6114">
                  <c:v>60.796999999999997</c:v>
                </c:pt>
                <c:pt idx="6115">
                  <c:v>60.807000000000002</c:v>
                </c:pt>
                <c:pt idx="6116">
                  <c:v>60.816000000000003</c:v>
                </c:pt>
                <c:pt idx="6117">
                  <c:v>60.825000000000003</c:v>
                </c:pt>
                <c:pt idx="6118">
                  <c:v>60.835999999999999</c:v>
                </c:pt>
                <c:pt idx="6119">
                  <c:v>60.844000000000001</c:v>
                </c:pt>
                <c:pt idx="6120">
                  <c:v>60.854999999999997</c:v>
                </c:pt>
                <c:pt idx="6121">
                  <c:v>60.863999999999997</c:v>
                </c:pt>
                <c:pt idx="6122">
                  <c:v>60.875</c:v>
                </c:pt>
                <c:pt idx="6123">
                  <c:v>60.884</c:v>
                </c:pt>
                <c:pt idx="6124">
                  <c:v>60.893999999999998</c:v>
                </c:pt>
                <c:pt idx="6125">
                  <c:v>60.905000000000001</c:v>
                </c:pt>
                <c:pt idx="6126">
                  <c:v>60.914999999999999</c:v>
                </c:pt>
                <c:pt idx="6127">
                  <c:v>60.923999999999999</c:v>
                </c:pt>
                <c:pt idx="6128">
                  <c:v>60.933999999999997</c:v>
                </c:pt>
                <c:pt idx="6129">
                  <c:v>60.944000000000003</c:v>
                </c:pt>
                <c:pt idx="6130">
                  <c:v>60.954000000000001</c:v>
                </c:pt>
                <c:pt idx="6131">
                  <c:v>60.963999999999999</c:v>
                </c:pt>
                <c:pt idx="6132">
                  <c:v>60.972999999999999</c:v>
                </c:pt>
                <c:pt idx="6133">
                  <c:v>60.981999999999999</c:v>
                </c:pt>
                <c:pt idx="6134">
                  <c:v>60.991999999999997</c:v>
                </c:pt>
                <c:pt idx="6135">
                  <c:v>61.000999999999998</c:v>
                </c:pt>
                <c:pt idx="6136">
                  <c:v>61.011000000000003</c:v>
                </c:pt>
                <c:pt idx="6137">
                  <c:v>61.021000000000001</c:v>
                </c:pt>
                <c:pt idx="6138">
                  <c:v>61.030999999999999</c:v>
                </c:pt>
                <c:pt idx="6139">
                  <c:v>61.040999999999997</c:v>
                </c:pt>
                <c:pt idx="6140">
                  <c:v>61.052</c:v>
                </c:pt>
                <c:pt idx="6141">
                  <c:v>61.061</c:v>
                </c:pt>
                <c:pt idx="6142">
                  <c:v>61.070999999999998</c:v>
                </c:pt>
                <c:pt idx="6143">
                  <c:v>61.082000000000001</c:v>
                </c:pt>
                <c:pt idx="6144">
                  <c:v>61.091999999999999</c:v>
                </c:pt>
                <c:pt idx="6145">
                  <c:v>61.101999999999997</c:v>
                </c:pt>
                <c:pt idx="6146">
                  <c:v>61.113</c:v>
                </c:pt>
                <c:pt idx="6147">
                  <c:v>61.122999999999998</c:v>
                </c:pt>
                <c:pt idx="6148">
                  <c:v>61.133000000000003</c:v>
                </c:pt>
                <c:pt idx="6149">
                  <c:v>61.143000000000001</c:v>
                </c:pt>
                <c:pt idx="6150">
                  <c:v>61.152000000000001</c:v>
                </c:pt>
                <c:pt idx="6151">
                  <c:v>61.161999999999999</c:v>
                </c:pt>
                <c:pt idx="6152">
                  <c:v>61.171999999999997</c:v>
                </c:pt>
                <c:pt idx="6153">
                  <c:v>61.182000000000002</c:v>
                </c:pt>
                <c:pt idx="6154">
                  <c:v>61.192</c:v>
                </c:pt>
                <c:pt idx="6155">
                  <c:v>61.201000000000001</c:v>
                </c:pt>
                <c:pt idx="6156">
                  <c:v>61.212000000000003</c:v>
                </c:pt>
                <c:pt idx="6157">
                  <c:v>61.220999999999997</c:v>
                </c:pt>
                <c:pt idx="6158">
                  <c:v>61.231000000000002</c:v>
                </c:pt>
                <c:pt idx="6159">
                  <c:v>61.241</c:v>
                </c:pt>
                <c:pt idx="6160">
                  <c:v>61.250999999999998</c:v>
                </c:pt>
                <c:pt idx="6161">
                  <c:v>61.26</c:v>
                </c:pt>
                <c:pt idx="6162">
                  <c:v>61.271000000000001</c:v>
                </c:pt>
                <c:pt idx="6163">
                  <c:v>61.28</c:v>
                </c:pt>
                <c:pt idx="6164">
                  <c:v>61.290999999999997</c:v>
                </c:pt>
                <c:pt idx="6165">
                  <c:v>61.3</c:v>
                </c:pt>
                <c:pt idx="6166">
                  <c:v>61.311</c:v>
                </c:pt>
                <c:pt idx="6167">
                  <c:v>61.320999999999998</c:v>
                </c:pt>
                <c:pt idx="6168">
                  <c:v>61.33</c:v>
                </c:pt>
                <c:pt idx="6169">
                  <c:v>61.34</c:v>
                </c:pt>
                <c:pt idx="6170">
                  <c:v>61.351999999999997</c:v>
                </c:pt>
                <c:pt idx="6171">
                  <c:v>61.362000000000002</c:v>
                </c:pt>
                <c:pt idx="6172">
                  <c:v>61.372</c:v>
                </c:pt>
                <c:pt idx="6173">
                  <c:v>61.381999999999998</c:v>
                </c:pt>
                <c:pt idx="6174">
                  <c:v>61.393000000000001</c:v>
                </c:pt>
                <c:pt idx="6175">
                  <c:v>61.402000000000001</c:v>
                </c:pt>
                <c:pt idx="6176">
                  <c:v>61.412999999999997</c:v>
                </c:pt>
                <c:pt idx="6177">
                  <c:v>61.423000000000002</c:v>
                </c:pt>
                <c:pt idx="6178">
                  <c:v>61.433</c:v>
                </c:pt>
                <c:pt idx="6179">
                  <c:v>61.442999999999998</c:v>
                </c:pt>
                <c:pt idx="6180">
                  <c:v>61.454000000000001</c:v>
                </c:pt>
                <c:pt idx="6181">
                  <c:v>61.463999999999999</c:v>
                </c:pt>
                <c:pt idx="6182">
                  <c:v>61.473999999999997</c:v>
                </c:pt>
                <c:pt idx="6183">
                  <c:v>61.484999999999999</c:v>
                </c:pt>
                <c:pt idx="6184">
                  <c:v>61.494999999999997</c:v>
                </c:pt>
                <c:pt idx="6185">
                  <c:v>61.505000000000003</c:v>
                </c:pt>
                <c:pt idx="6186">
                  <c:v>61.515999999999998</c:v>
                </c:pt>
                <c:pt idx="6187">
                  <c:v>61.526000000000003</c:v>
                </c:pt>
                <c:pt idx="6188">
                  <c:v>61.536000000000001</c:v>
                </c:pt>
                <c:pt idx="6189">
                  <c:v>61.545000000000002</c:v>
                </c:pt>
                <c:pt idx="6190">
                  <c:v>61.555999999999997</c:v>
                </c:pt>
                <c:pt idx="6191">
                  <c:v>61.566000000000003</c:v>
                </c:pt>
                <c:pt idx="6192">
                  <c:v>61.575000000000003</c:v>
                </c:pt>
                <c:pt idx="6193">
                  <c:v>61.585999999999999</c:v>
                </c:pt>
                <c:pt idx="6194">
                  <c:v>61.594999999999999</c:v>
                </c:pt>
                <c:pt idx="6195">
                  <c:v>61.604999999999997</c:v>
                </c:pt>
                <c:pt idx="6196">
                  <c:v>61.616</c:v>
                </c:pt>
                <c:pt idx="6197">
                  <c:v>61.625</c:v>
                </c:pt>
                <c:pt idx="6198">
                  <c:v>61.634999999999998</c:v>
                </c:pt>
                <c:pt idx="6199">
                  <c:v>61.645000000000003</c:v>
                </c:pt>
                <c:pt idx="6200">
                  <c:v>61.654000000000003</c:v>
                </c:pt>
                <c:pt idx="6201">
                  <c:v>61.664999999999999</c:v>
                </c:pt>
                <c:pt idx="6202">
                  <c:v>61.674999999999997</c:v>
                </c:pt>
                <c:pt idx="6203">
                  <c:v>61.685000000000002</c:v>
                </c:pt>
                <c:pt idx="6204">
                  <c:v>61.695999999999998</c:v>
                </c:pt>
                <c:pt idx="6205">
                  <c:v>61.706000000000003</c:v>
                </c:pt>
                <c:pt idx="6206">
                  <c:v>61.716000000000001</c:v>
                </c:pt>
                <c:pt idx="6207">
                  <c:v>61.726999999999997</c:v>
                </c:pt>
                <c:pt idx="6208">
                  <c:v>61.735999999999997</c:v>
                </c:pt>
                <c:pt idx="6209">
                  <c:v>61.746000000000002</c:v>
                </c:pt>
                <c:pt idx="6210">
                  <c:v>61.756999999999998</c:v>
                </c:pt>
                <c:pt idx="6211">
                  <c:v>61.767000000000003</c:v>
                </c:pt>
                <c:pt idx="6212">
                  <c:v>61.776000000000003</c:v>
                </c:pt>
                <c:pt idx="6213">
                  <c:v>61.783000000000001</c:v>
                </c:pt>
                <c:pt idx="6214">
                  <c:v>61.805</c:v>
                </c:pt>
                <c:pt idx="6215">
                  <c:v>61.814</c:v>
                </c:pt>
                <c:pt idx="6216">
                  <c:v>61.823999999999998</c:v>
                </c:pt>
                <c:pt idx="6217">
                  <c:v>61.834000000000003</c:v>
                </c:pt>
                <c:pt idx="6218">
                  <c:v>61.844999999999999</c:v>
                </c:pt>
                <c:pt idx="6219">
                  <c:v>61.854999999999997</c:v>
                </c:pt>
                <c:pt idx="6220">
                  <c:v>61.865000000000002</c:v>
                </c:pt>
                <c:pt idx="6221">
                  <c:v>61.875999999999998</c:v>
                </c:pt>
                <c:pt idx="6222">
                  <c:v>61.884999999999998</c:v>
                </c:pt>
                <c:pt idx="6223">
                  <c:v>61.895000000000003</c:v>
                </c:pt>
                <c:pt idx="6224">
                  <c:v>61.905999999999999</c:v>
                </c:pt>
                <c:pt idx="6225">
                  <c:v>61.915999999999997</c:v>
                </c:pt>
                <c:pt idx="6226">
                  <c:v>61.927</c:v>
                </c:pt>
                <c:pt idx="6227">
                  <c:v>61.936999999999998</c:v>
                </c:pt>
                <c:pt idx="6228">
                  <c:v>61.947000000000003</c:v>
                </c:pt>
                <c:pt idx="6229">
                  <c:v>61.957000000000001</c:v>
                </c:pt>
                <c:pt idx="6230">
                  <c:v>61.968000000000004</c:v>
                </c:pt>
                <c:pt idx="6231">
                  <c:v>61.978000000000002</c:v>
                </c:pt>
                <c:pt idx="6232">
                  <c:v>61.988</c:v>
                </c:pt>
                <c:pt idx="6233">
                  <c:v>62</c:v>
                </c:pt>
                <c:pt idx="6234">
                  <c:v>62.01</c:v>
                </c:pt>
                <c:pt idx="6235">
                  <c:v>62.021000000000001</c:v>
                </c:pt>
                <c:pt idx="6236">
                  <c:v>62.030999999999999</c:v>
                </c:pt>
                <c:pt idx="6237">
                  <c:v>62.040999999999997</c:v>
                </c:pt>
                <c:pt idx="6238">
                  <c:v>62.052</c:v>
                </c:pt>
                <c:pt idx="6239">
                  <c:v>62.061</c:v>
                </c:pt>
                <c:pt idx="6240">
                  <c:v>62.069000000000003</c:v>
                </c:pt>
                <c:pt idx="6241">
                  <c:v>62.079000000000001</c:v>
                </c:pt>
                <c:pt idx="6242">
                  <c:v>62.088999999999999</c:v>
                </c:pt>
                <c:pt idx="6243">
                  <c:v>62.098999999999997</c:v>
                </c:pt>
                <c:pt idx="6244">
                  <c:v>62.106999999999999</c:v>
                </c:pt>
                <c:pt idx="6245">
                  <c:v>62.116999999999997</c:v>
                </c:pt>
                <c:pt idx="6246">
                  <c:v>62.128</c:v>
                </c:pt>
                <c:pt idx="6247">
                  <c:v>62.131999999999998</c:v>
                </c:pt>
                <c:pt idx="6248">
                  <c:v>62.131999999999998</c:v>
                </c:pt>
                <c:pt idx="6249">
                  <c:v>62.133000000000003</c:v>
                </c:pt>
                <c:pt idx="6250">
                  <c:v>62.140999999999998</c:v>
                </c:pt>
                <c:pt idx="6251">
                  <c:v>62.151000000000003</c:v>
                </c:pt>
                <c:pt idx="6252">
                  <c:v>62.161000000000001</c:v>
                </c:pt>
                <c:pt idx="6253">
                  <c:v>62.170999999999999</c:v>
                </c:pt>
                <c:pt idx="6254">
                  <c:v>62.180999999999997</c:v>
                </c:pt>
                <c:pt idx="6255">
                  <c:v>62.191000000000003</c:v>
                </c:pt>
                <c:pt idx="6256">
                  <c:v>62.201000000000001</c:v>
                </c:pt>
                <c:pt idx="6257">
                  <c:v>62.210999999999999</c:v>
                </c:pt>
                <c:pt idx="6258">
                  <c:v>62.22</c:v>
                </c:pt>
                <c:pt idx="6259">
                  <c:v>62.23</c:v>
                </c:pt>
                <c:pt idx="6260">
                  <c:v>62.238999999999997</c:v>
                </c:pt>
                <c:pt idx="6261">
                  <c:v>62.247999999999998</c:v>
                </c:pt>
                <c:pt idx="6262">
                  <c:v>62.258000000000003</c:v>
                </c:pt>
                <c:pt idx="6263">
                  <c:v>62.265999999999998</c:v>
                </c:pt>
                <c:pt idx="6264">
                  <c:v>62.276000000000003</c:v>
                </c:pt>
                <c:pt idx="6265">
                  <c:v>62.283999999999999</c:v>
                </c:pt>
                <c:pt idx="6266">
                  <c:v>62.292999999999999</c:v>
                </c:pt>
                <c:pt idx="6267">
                  <c:v>62.302999999999997</c:v>
                </c:pt>
                <c:pt idx="6268">
                  <c:v>62.311999999999998</c:v>
                </c:pt>
                <c:pt idx="6269">
                  <c:v>62.320999999999998</c:v>
                </c:pt>
                <c:pt idx="6270">
                  <c:v>62.33</c:v>
                </c:pt>
                <c:pt idx="6271">
                  <c:v>62.34</c:v>
                </c:pt>
                <c:pt idx="6272">
                  <c:v>62.347999999999999</c:v>
                </c:pt>
                <c:pt idx="6273">
                  <c:v>62.356000000000002</c:v>
                </c:pt>
                <c:pt idx="6274">
                  <c:v>62.365000000000002</c:v>
                </c:pt>
                <c:pt idx="6275">
                  <c:v>62.374000000000002</c:v>
                </c:pt>
                <c:pt idx="6276">
                  <c:v>62.383000000000003</c:v>
                </c:pt>
                <c:pt idx="6277">
                  <c:v>62.392000000000003</c:v>
                </c:pt>
                <c:pt idx="6278">
                  <c:v>62.401000000000003</c:v>
                </c:pt>
                <c:pt idx="6279">
                  <c:v>62.411000000000001</c:v>
                </c:pt>
                <c:pt idx="6280">
                  <c:v>62.420999999999999</c:v>
                </c:pt>
                <c:pt idx="6281">
                  <c:v>62.430999999999997</c:v>
                </c:pt>
                <c:pt idx="6282">
                  <c:v>62.442</c:v>
                </c:pt>
                <c:pt idx="6283">
                  <c:v>62.453000000000003</c:v>
                </c:pt>
                <c:pt idx="6284">
                  <c:v>62.463000000000001</c:v>
                </c:pt>
                <c:pt idx="6285">
                  <c:v>62.473999999999997</c:v>
                </c:pt>
                <c:pt idx="6286">
                  <c:v>62.484000000000002</c:v>
                </c:pt>
                <c:pt idx="6287">
                  <c:v>62.494</c:v>
                </c:pt>
                <c:pt idx="6288">
                  <c:v>62.505000000000003</c:v>
                </c:pt>
                <c:pt idx="6289">
                  <c:v>62.514000000000003</c:v>
                </c:pt>
                <c:pt idx="6290">
                  <c:v>62.524999999999999</c:v>
                </c:pt>
                <c:pt idx="6291">
                  <c:v>62.533999999999999</c:v>
                </c:pt>
                <c:pt idx="6292">
                  <c:v>62.542999999999999</c:v>
                </c:pt>
                <c:pt idx="6293">
                  <c:v>62.554000000000002</c:v>
                </c:pt>
                <c:pt idx="6294">
                  <c:v>62.563000000000002</c:v>
                </c:pt>
                <c:pt idx="6295">
                  <c:v>62.572000000000003</c:v>
                </c:pt>
                <c:pt idx="6296">
                  <c:v>62.582000000000001</c:v>
                </c:pt>
                <c:pt idx="6297">
                  <c:v>62.591999999999999</c:v>
                </c:pt>
                <c:pt idx="6298">
                  <c:v>62.600999999999999</c:v>
                </c:pt>
                <c:pt idx="6299">
                  <c:v>62.61</c:v>
                </c:pt>
                <c:pt idx="6300">
                  <c:v>62.621000000000002</c:v>
                </c:pt>
                <c:pt idx="6301">
                  <c:v>62.631</c:v>
                </c:pt>
                <c:pt idx="6302">
                  <c:v>62.640999999999998</c:v>
                </c:pt>
                <c:pt idx="6303">
                  <c:v>62.652000000000001</c:v>
                </c:pt>
                <c:pt idx="6304">
                  <c:v>62.661999999999999</c:v>
                </c:pt>
                <c:pt idx="6305">
                  <c:v>62.67</c:v>
                </c:pt>
                <c:pt idx="6306">
                  <c:v>62.67</c:v>
                </c:pt>
                <c:pt idx="6307">
                  <c:v>62.674999999999997</c:v>
                </c:pt>
                <c:pt idx="6308">
                  <c:v>62.683999999999997</c:v>
                </c:pt>
                <c:pt idx="6309">
                  <c:v>62.694000000000003</c:v>
                </c:pt>
                <c:pt idx="6310">
                  <c:v>62.704000000000001</c:v>
                </c:pt>
                <c:pt idx="6311">
                  <c:v>62.713999999999999</c:v>
                </c:pt>
                <c:pt idx="6312">
                  <c:v>62.722999999999999</c:v>
                </c:pt>
                <c:pt idx="6313">
                  <c:v>62.734000000000002</c:v>
                </c:pt>
                <c:pt idx="6314">
                  <c:v>62.744</c:v>
                </c:pt>
                <c:pt idx="6315">
                  <c:v>62.753999999999998</c:v>
                </c:pt>
                <c:pt idx="6316">
                  <c:v>62.765000000000001</c:v>
                </c:pt>
                <c:pt idx="6317">
                  <c:v>62.776000000000003</c:v>
                </c:pt>
                <c:pt idx="6318">
                  <c:v>62.784999999999997</c:v>
                </c:pt>
                <c:pt idx="6319">
                  <c:v>62.795000000000002</c:v>
                </c:pt>
                <c:pt idx="6320">
                  <c:v>62.805999999999997</c:v>
                </c:pt>
                <c:pt idx="6321">
                  <c:v>62.816000000000003</c:v>
                </c:pt>
                <c:pt idx="6322">
                  <c:v>62.826000000000001</c:v>
                </c:pt>
                <c:pt idx="6323">
                  <c:v>62.837000000000003</c:v>
                </c:pt>
                <c:pt idx="6324">
                  <c:v>62.845999999999997</c:v>
                </c:pt>
                <c:pt idx="6325">
                  <c:v>62.856000000000002</c:v>
                </c:pt>
                <c:pt idx="6326">
                  <c:v>62.866</c:v>
                </c:pt>
                <c:pt idx="6327">
                  <c:v>62.875999999999998</c:v>
                </c:pt>
                <c:pt idx="6328">
                  <c:v>62.884999999999998</c:v>
                </c:pt>
                <c:pt idx="6329">
                  <c:v>62.895000000000003</c:v>
                </c:pt>
                <c:pt idx="6330">
                  <c:v>62.904000000000003</c:v>
                </c:pt>
                <c:pt idx="6331">
                  <c:v>62.912999999999997</c:v>
                </c:pt>
                <c:pt idx="6332">
                  <c:v>62.921999999999997</c:v>
                </c:pt>
                <c:pt idx="6333">
                  <c:v>62.933</c:v>
                </c:pt>
                <c:pt idx="6334">
                  <c:v>62.942999999999998</c:v>
                </c:pt>
                <c:pt idx="6335">
                  <c:v>62.951999999999998</c:v>
                </c:pt>
                <c:pt idx="6336">
                  <c:v>62.963000000000001</c:v>
                </c:pt>
                <c:pt idx="6337">
                  <c:v>62.973999999999997</c:v>
                </c:pt>
                <c:pt idx="6338">
                  <c:v>62.982999999999997</c:v>
                </c:pt>
                <c:pt idx="6339">
                  <c:v>62.993000000000002</c:v>
                </c:pt>
                <c:pt idx="6340">
                  <c:v>63.003999999999998</c:v>
                </c:pt>
                <c:pt idx="6341">
                  <c:v>63.014000000000003</c:v>
                </c:pt>
                <c:pt idx="6342">
                  <c:v>63.024000000000001</c:v>
                </c:pt>
                <c:pt idx="6343">
                  <c:v>63.033999999999999</c:v>
                </c:pt>
                <c:pt idx="6344">
                  <c:v>63.042999999999999</c:v>
                </c:pt>
                <c:pt idx="6345">
                  <c:v>63.054000000000002</c:v>
                </c:pt>
                <c:pt idx="6346">
                  <c:v>63.064</c:v>
                </c:pt>
                <c:pt idx="6347">
                  <c:v>63.073999999999998</c:v>
                </c:pt>
                <c:pt idx="6348">
                  <c:v>63.084000000000003</c:v>
                </c:pt>
                <c:pt idx="6349">
                  <c:v>63.094000000000001</c:v>
                </c:pt>
                <c:pt idx="6350">
                  <c:v>63.103000000000002</c:v>
                </c:pt>
                <c:pt idx="6351">
                  <c:v>63.115000000000002</c:v>
                </c:pt>
                <c:pt idx="6352">
                  <c:v>63.124000000000002</c:v>
                </c:pt>
                <c:pt idx="6353">
                  <c:v>63.136000000000003</c:v>
                </c:pt>
                <c:pt idx="6354">
                  <c:v>63.145000000000003</c:v>
                </c:pt>
                <c:pt idx="6355">
                  <c:v>63.155000000000001</c:v>
                </c:pt>
                <c:pt idx="6356">
                  <c:v>63.165999999999997</c:v>
                </c:pt>
                <c:pt idx="6357">
                  <c:v>63.176000000000002</c:v>
                </c:pt>
                <c:pt idx="6358">
                  <c:v>63.186</c:v>
                </c:pt>
                <c:pt idx="6359">
                  <c:v>63.195999999999998</c:v>
                </c:pt>
                <c:pt idx="6360">
                  <c:v>63.207999999999998</c:v>
                </c:pt>
                <c:pt idx="6361">
                  <c:v>63.216999999999999</c:v>
                </c:pt>
                <c:pt idx="6362">
                  <c:v>63.228000000000002</c:v>
                </c:pt>
                <c:pt idx="6363">
                  <c:v>63.238</c:v>
                </c:pt>
                <c:pt idx="6364">
                  <c:v>63.247999999999998</c:v>
                </c:pt>
                <c:pt idx="6365">
                  <c:v>63.259</c:v>
                </c:pt>
                <c:pt idx="6366">
                  <c:v>63.268999999999998</c:v>
                </c:pt>
                <c:pt idx="6367">
                  <c:v>63.279000000000003</c:v>
                </c:pt>
                <c:pt idx="6368">
                  <c:v>63.29</c:v>
                </c:pt>
                <c:pt idx="6369">
                  <c:v>63.3</c:v>
                </c:pt>
                <c:pt idx="6370">
                  <c:v>63.308999999999997</c:v>
                </c:pt>
                <c:pt idx="6371">
                  <c:v>63.32</c:v>
                </c:pt>
                <c:pt idx="6372">
                  <c:v>63.33</c:v>
                </c:pt>
                <c:pt idx="6373">
                  <c:v>63.34</c:v>
                </c:pt>
                <c:pt idx="6374">
                  <c:v>63.35</c:v>
                </c:pt>
                <c:pt idx="6375">
                  <c:v>63.359000000000002</c:v>
                </c:pt>
                <c:pt idx="6376">
                  <c:v>63.369</c:v>
                </c:pt>
                <c:pt idx="6377">
                  <c:v>63.378</c:v>
                </c:pt>
                <c:pt idx="6378">
                  <c:v>63.387</c:v>
                </c:pt>
                <c:pt idx="6379">
                  <c:v>63.396000000000001</c:v>
                </c:pt>
                <c:pt idx="6380">
                  <c:v>63.405000000000001</c:v>
                </c:pt>
                <c:pt idx="6381">
                  <c:v>63.414000000000001</c:v>
                </c:pt>
                <c:pt idx="6382">
                  <c:v>63.423999999999999</c:v>
                </c:pt>
                <c:pt idx="6383">
                  <c:v>63.432000000000002</c:v>
                </c:pt>
                <c:pt idx="6384">
                  <c:v>63.442</c:v>
                </c:pt>
                <c:pt idx="6385">
                  <c:v>63.45</c:v>
                </c:pt>
                <c:pt idx="6386">
                  <c:v>63.457000000000001</c:v>
                </c:pt>
                <c:pt idx="6387">
                  <c:v>63.466000000000001</c:v>
                </c:pt>
                <c:pt idx="6388">
                  <c:v>63.473999999999997</c:v>
                </c:pt>
                <c:pt idx="6389">
                  <c:v>63.481999999999999</c:v>
                </c:pt>
                <c:pt idx="6390">
                  <c:v>63.491</c:v>
                </c:pt>
                <c:pt idx="6391">
                  <c:v>63.499000000000002</c:v>
                </c:pt>
                <c:pt idx="6392">
                  <c:v>63.506999999999998</c:v>
                </c:pt>
                <c:pt idx="6393">
                  <c:v>63.515000000000001</c:v>
                </c:pt>
                <c:pt idx="6394">
                  <c:v>63.523000000000003</c:v>
                </c:pt>
                <c:pt idx="6395">
                  <c:v>63.530999999999999</c:v>
                </c:pt>
                <c:pt idx="6396">
                  <c:v>63.539000000000001</c:v>
                </c:pt>
                <c:pt idx="6397">
                  <c:v>63.546999999999997</c:v>
                </c:pt>
                <c:pt idx="6398">
                  <c:v>63.555999999999997</c:v>
                </c:pt>
                <c:pt idx="6399">
                  <c:v>63.563000000000002</c:v>
                </c:pt>
                <c:pt idx="6400">
                  <c:v>63.57</c:v>
                </c:pt>
                <c:pt idx="6401">
                  <c:v>63.578000000000003</c:v>
                </c:pt>
                <c:pt idx="6402">
                  <c:v>63.585000000000001</c:v>
                </c:pt>
                <c:pt idx="6403">
                  <c:v>63.591000000000001</c:v>
                </c:pt>
                <c:pt idx="6404">
                  <c:v>63.640999999999998</c:v>
                </c:pt>
                <c:pt idx="6405">
                  <c:v>63.651000000000003</c:v>
                </c:pt>
                <c:pt idx="6406">
                  <c:v>63.661999999999999</c:v>
                </c:pt>
                <c:pt idx="6407">
                  <c:v>63.670999999999999</c:v>
                </c:pt>
                <c:pt idx="6408">
                  <c:v>63.682000000000002</c:v>
                </c:pt>
                <c:pt idx="6409">
                  <c:v>63.692</c:v>
                </c:pt>
                <c:pt idx="6410">
                  <c:v>63.701999999999998</c:v>
                </c:pt>
                <c:pt idx="6411">
                  <c:v>63.712000000000003</c:v>
                </c:pt>
                <c:pt idx="6412">
                  <c:v>63.722000000000001</c:v>
                </c:pt>
                <c:pt idx="6413">
                  <c:v>63.731000000000002</c:v>
                </c:pt>
                <c:pt idx="6414">
                  <c:v>63.741</c:v>
                </c:pt>
                <c:pt idx="6415">
                  <c:v>63.75</c:v>
                </c:pt>
                <c:pt idx="6416">
                  <c:v>63.76</c:v>
                </c:pt>
                <c:pt idx="6417">
                  <c:v>63.768999999999998</c:v>
                </c:pt>
                <c:pt idx="6418">
                  <c:v>63.777000000000001</c:v>
                </c:pt>
                <c:pt idx="6419">
                  <c:v>63.786999999999999</c:v>
                </c:pt>
                <c:pt idx="6420">
                  <c:v>63.795999999999999</c:v>
                </c:pt>
                <c:pt idx="6421">
                  <c:v>63.805</c:v>
                </c:pt>
                <c:pt idx="6422">
                  <c:v>63.814</c:v>
                </c:pt>
                <c:pt idx="6423">
                  <c:v>63.823</c:v>
                </c:pt>
                <c:pt idx="6424">
                  <c:v>63.83</c:v>
                </c:pt>
                <c:pt idx="6425">
                  <c:v>63.837000000000003</c:v>
                </c:pt>
                <c:pt idx="6426">
                  <c:v>63.844000000000001</c:v>
                </c:pt>
                <c:pt idx="6427">
                  <c:v>63.853000000000002</c:v>
                </c:pt>
                <c:pt idx="6428">
                  <c:v>63.860999999999997</c:v>
                </c:pt>
                <c:pt idx="6429">
                  <c:v>63.869</c:v>
                </c:pt>
                <c:pt idx="6430">
                  <c:v>63.878999999999998</c:v>
                </c:pt>
                <c:pt idx="6431">
                  <c:v>63.924999999999997</c:v>
                </c:pt>
                <c:pt idx="6432">
                  <c:v>63.933</c:v>
                </c:pt>
                <c:pt idx="6433">
                  <c:v>63.941000000000003</c:v>
                </c:pt>
                <c:pt idx="6434">
                  <c:v>63.948999999999998</c:v>
                </c:pt>
                <c:pt idx="6435">
                  <c:v>63.957000000000001</c:v>
                </c:pt>
                <c:pt idx="6436">
                  <c:v>63.965000000000003</c:v>
                </c:pt>
                <c:pt idx="6437">
                  <c:v>63.972000000000001</c:v>
                </c:pt>
                <c:pt idx="6438">
                  <c:v>63.970999999999997</c:v>
                </c:pt>
                <c:pt idx="6439">
                  <c:v>63.99</c:v>
                </c:pt>
                <c:pt idx="6440">
                  <c:v>63.996000000000002</c:v>
                </c:pt>
                <c:pt idx="6441">
                  <c:v>64.007000000000005</c:v>
                </c:pt>
                <c:pt idx="6442">
                  <c:v>64.013999999999996</c:v>
                </c:pt>
                <c:pt idx="6443">
                  <c:v>64.022000000000006</c:v>
                </c:pt>
                <c:pt idx="6444">
                  <c:v>64.028999999999996</c:v>
                </c:pt>
                <c:pt idx="6445">
                  <c:v>64.072000000000003</c:v>
                </c:pt>
                <c:pt idx="6446">
                  <c:v>64.081999999999994</c:v>
                </c:pt>
                <c:pt idx="6447">
                  <c:v>64.084000000000003</c:v>
                </c:pt>
                <c:pt idx="6448">
                  <c:v>64.097999999999999</c:v>
                </c:pt>
                <c:pt idx="6449">
                  <c:v>64.105999999999995</c:v>
                </c:pt>
                <c:pt idx="6450">
                  <c:v>64.113</c:v>
                </c:pt>
                <c:pt idx="6451">
                  <c:v>64.12</c:v>
                </c:pt>
                <c:pt idx="6452">
                  <c:v>64.131</c:v>
                </c:pt>
                <c:pt idx="6453">
                  <c:v>64.14</c:v>
                </c:pt>
                <c:pt idx="6454">
                  <c:v>64.185000000000002</c:v>
                </c:pt>
                <c:pt idx="6455">
                  <c:v>64.186000000000007</c:v>
                </c:pt>
                <c:pt idx="6456">
                  <c:v>64.206000000000003</c:v>
                </c:pt>
                <c:pt idx="6457">
                  <c:v>64.212999999999994</c:v>
                </c:pt>
                <c:pt idx="6458">
                  <c:v>64.221000000000004</c:v>
                </c:pt>
                <c:pt idx="6459">
                  <c:v>64.23</c:v>
                </c:pt>
                <c:pt idx="6460">
                  <c:v>64.238</c:v>
                </c:pt>
                <c:pt idx="6461">
                  <c:v>64.245000000000005</c:v>
                </c:pt>
                <c:pt idx="6462">
                  <c:v>64.251999999999995</c:v>
                </c:pt>
                <c:pt idx="6463">
                  <c:v>64.259</c:v>
                </c:pt>
                <c:pt idx="6464">
                  <c:v>64.266999999999996</c:v>
                </c:pt>
                <c:pt idx="6465">
                  <c:v>64.275999999999996</c:v>
                </c:pt>
                <c:pt idx="6466">
                  <c:v>64.284000000000006</c:v>
                </c:pt>
                <c:pt idx="6467">
                  <c:v>64.293999999999997</c:v>
                </c:pt>
                <c:pt idx="6468">
                  <c:v>64.302999999999997</c:v>
                </c:pt>
                <c:pt idx="6469">
                  <c:v>64.313000000000002</c:v>
                </c:pt>
                <c:pt idx="6470">
                  <c:v>64.322000000000003</c:v>
                </c:pt>
                <c:pt idx="6471">
                  <c:v>64.331000000000003</c:v>
                </c:pt>
                <c:pt idx="6472">
                  <c:v>64.34</c:v>
                </c:pt>
                <c:pt idx="6473">
                  <c:v>64.350999999999999</c:v>
                </c:pt>
                <c:pt idx="6474">
                  <c:v>64.36</c:v>
                </c:pt>
                <c:pt idx="6475">
                  <c:v>64.37</c:v>
                </c:pt>
                <c:pt idx="6476">
                  <c:v>64.379000000000005</c:v>
                </c:pt>
                <c:pt idx="6477">
                  <c:v>64.388000000000005</c:v>
                </c:pt>
                <c:pt idx="6478">
                  <c:v>64.397000000000006</c:v>
                </c:pt>
                <c:pt idx="6479">
                  <c:v>64.406999999999996</c:v>
                </c:pt>
                <c:pt idx="6480">
                  <c:v>64.415999999999997</c:v>
                </c:pt>
                <c:pt idx="6481">
                  <c:v>64.427000000000007</c:v>
                </c:pt>
                <c:pt idx="6482">
                  <c:v>64.436000000000007</c:v>
                </c:pt>
                <c:pt idx="6483">
                  <c:v>64.445999999999998</c:v>
                </c:pt>
                <c:pt idx="6484">
                  <c:v>64.456000000000003</c:v>
                </c:pt>
                <c:pt idx="6485">
                  <c:v>64.465999999999994</c:v>
                </c:pt>
                <c:pt idx="6486">
                  <c:v>64.474999999999994</c:v>
                </c:pt>
                <c:pt idx="6487">
                  <c:v>64.486000000000004</c:v>
                </c:pt>
                <c:pt idx="6488">
                  <c:v>64.494</c:v>
                </c:pt>
                <c:pt idx="6489">
                  <c:v>64.501999999999995</c:v>
                </c:pt>
                <c:pt idx="6490">
                  <c:v>64.513000000000005</c:v>
                </c:pt>
                <c:pt idx="6491">
                  <c:v>64.522000000000006</c:v>
                </c:pt>
                <c:pt idx="6492">
                  <c:v>64.531999999999996</c:v>
                </c:pt>
                <c:pt idx="6493">
                  <c:v>64.540999999999997</c:v>
                </c:pt>
                <c:pt idx="6494">
                  <c:v>64.55</c:v>
                </c:pt>
                <c:pt idx="6495">
                  <c:v>64.558999999999997</c:v>
                </c:pt>
                <c:pt idx="6496">
                  <c:v>64.569000000000003</c:v>
                </c:pt>
                <c:pt idx="6497">
                  <c:v>64.578999999999994</c:v>
                </c:pt>
                <c:pt idx="6498">
                  <c:v>64.587999999999994</c:v>
                </c:pt>
                <c:pt idx="6499">
                  <c:v>64.597999999999999</c:v>
                </c:pt>
                <c:pt idx="6500">
                  <c:v>64.606999999999999</c:v>
                </c:pt>
                <c:pt idx="6501">
                  <c:v>64.616</c:v>
                </c:pt>
                <c:pt idx="6502">
                  <c:v>64.626000000000005</c:v>
                </c:pt>
                <c:pt idx="6503">
                  <c:v>64.635999999999996</c:v>
                </c:pt>
                <c:pt idx="6504">
                  <c:v>64.646000000000001</c:v>
                </c:pt>
                <c:pt idx="6505">
                  <c:v>64.655000000000001</c:v>
                </c:pt>
                <c:pt idx="6506">
                  <c:v>64.664000000000001</c:v>
                </c:pt>
                <c:pt idx="6507">
                  <c:v>64.673000000000002</c:v>
                </c:pt>
                <c:pt idx="6508">
                  <c:v>64.680999999999997</c:v>
                </c:pt>
                <c:pt idx="6509">
                  <c:v>64.69</c:v>
                </c:pt>
                <c:pt idx="6510">
                  <c:v>64.698999999999998</c:v>
                </c:pt>
                <c:pt idx="6511">
                  <c:v>64.709000000000003</c:v>
                </c:pt>
                <c:pt idx="6512">
                  <c:v>64.718000000000004</c:v>
                </c:pt>
                <c:pt idx="6513">
                  <c:v>64.727000000000004</c:v>
                </c:pt>
                <c:pt idx="6514">
                  <c:v>64.736999999999995</c:v>
                </c:pt>
                <c:pt idx="6515">
                  <c:v>64.745999999999995</c:v>
                </c:pt>
                <c:pt idx="6516">
                  <c:v>64.756</c:v>
                </c:pt>
                <c:pt idx="6517">
                  <c:v>64.765000000000001</c:v>
                </c:pt>
                <c:pt idx="6518">
                  <c:v>64.774000000000001</c:v>
                </c:pt>
                <c:pt idx="6519">
                  <c:v>64.784999999999997</c:v>
                </c:pt>
                <c:pt idx="6520">
                  <c:v>64.793999999999997</c:v>
                </c:pt>
                <c:pt idx="6521">
                  <c:v>64.804000000000002</c:v>
                </c:pt>
                <c:pt idx="6522">
                  <c:v>64.814999999999998</c:v>
                </c:pt>
                <c:pt idx="6523">
                  <c:v>64.823999999999998</c:v>
                </c:pt>
                <c:pt idx="6524">
                  <c:v>64.834000000000003</c:v>
                </c:pt>
                <c:pt idx="6525">
                  <c:v>64.844999999999999</c:v>
                </c:pt>
                <c:pt idx="6526">
                  <c:v>64.855000000000004</c:v>
                </c:pt>
                <c:pt idx="6527">
                  <c:v>64.864000000000004</c:v>
                </c:pt>
                <c:pt idx="6528">
                  <c:v>64.875</c:v>
                </c:pt>
                <c:pt idx="6529">
                  <c:v>64.885000000000005</c:v>
                </c:pt>
                <c:pt idx="6530">
                  <c:v>64.894999999999996</c:v>
                </c:pt>
                <c:pt idx="6531">
                  <c:v>64.905000000000001</c:v>
                </c:pt>
                <c:pt idx="6532">
                  <c:v>64.915999999999997</c:v>
                </c:pt>
                <c:pt idx="6533">
                  <c:v>64.965000000000003</c:v>
                </c:pt>
                <c:pt idx="6534">
                  <c:v>64.975999999999999</c:v>
                </c:pt>
                <c:pt idx="6535">
                  <c:v>64.986000000000004</c:v>
                </c:pt>
                <c:pt idx="6536">
                  <c:v>64.997</c:v>
                </c:pt>
                <c:pt idx="6537">
                  <c:v>65.007000000000005</c:v>
                </c:pt>
                <c:pt idx="6538">
                  <c:v>65.018000000000001</c:v>
                </c:pt>
                <c:pt idx="6539">
                  <c:v>65.028000000000006</c:v>
                </c:pt>
                <c:pt idx="6540">
                  <c:v>65.037999999999997</c:v>
                </c:pt>
                <c:pt idx="6541">
                  <c:v>65.048000000000002</c:v>
                </c:pt>
                <c:pt idx="6542">
                  <c:v>65.058999999999997</c:v>
                </c:pt>
                <c:pt idx="6543">
                  <c:v>65.069000000000003</c:v>
                </c:pt>
                <c:pt idx="6544">
                  <c:v>65.078999999999994</c:v>
                </c:pt>
                <c:pt idx="6545">
                  <c:v>65.09</c:v>
                </c:pt>
                <c:pt idx="6546">
                  <c:v>65.099999999999994</c:v>
                </c:pt>
                <c:pt idx="6547">
                  <c:v>65.108999999999995</c:v>
                </c:pt>
                <c:pt idx="6548">
                  <c:v>65.120999999999995</c:v>
                </c:pt>
                <c:pt idx="6549">
                  <c:v>65.13</c:v>
                </c:pt>
                <c:pt idx="6550">
                  <c:v>65.141000000000005</c:v>
                </c:pt>
                <c:pt idx="6551">
                  <c:v>65.150000000000006</c:v>
                </c:pt>
                <c:pt idx="6552">
                  <c:v>65.16</c:v>
                </c:pt>
                <c:pt idx="6553">
                  <c:v>65.171000000000006</c:v>
                </c:pt>
                <c:pt idx="6554">
                  <c:v>65.180999999999997</c:v>
                </c:pt>
                <c:pt idx="6555">
                  <c:v>65.191999999999993</c:v>
                </c:pt>
                <c:pt idx="6556">
                  <c:v>65.200999999999993</c:v>
                </c:pt>
                <c:pt idx="6557">
                  <c:v>65.210999999999999</c:v>
                </c:pt>
                <c:pt idx="6558">
                  <c:v>65.221000000000004</c:v>
                </c:pt>
                <c:pt idx="6559">
                  <c:v>65.231999999999999</c:v>
                </c:pt>
                <c:pt idx="6560">
                  <c:v>65.241</c:v>
                </c:pt>
                <c:pt idx="6561">
                  <c:v>65.25</c:v>
                </c:pt>
                <c:pt idx="6562">
                  <c:v>65.260999999999996</c:v>
                </c:pt>
                <c:pt idx="6563">
                  <c:v>65.271000000000001</c:v>
                </c:pt>
                <c:pt idx="6564">
                  <c:v>65.281000000000006</c:v>
                </c:pt>
                <c:pt idx="6565">
                  <c:v>65.290999999999997</c:v>
                </c:pt>
                <c:pt idx="6566">
                  <c:v>65.302000000000007</c:v>
                </c:pt>
                <c:pt idx="6567">
                  <c:v>65.311999999999998</c:v>
                </c:pt>
                <c:pt idx="6568">
                  <c:v>65.322000000000003</c:v>
                </c:pt>
                <c:pt idx="6569">
                  <c:v>65.332999999999998</c:v>
                </c:pt>
                <c:pt idx="6570">
                  <c:v>65.343000000000004</c:v>
                </c:pt>
                <c:pt idx="6571">
                  <c:v>65.400999999999996</c:v>
                </c:pt>
                <c:pt idx="6572">
                  <c:v>65.411000000000001</c:v>
                </c:pt>
                <c:pt idx="6573">
                  <c:v>65.421000000000006</c:v>
                </c:pt>
                <c:pt idx="6574">
                  <c:v>65.430999999999997</c:v>
                </c:pt>
                <c:pt idx="6575">
                  <c:v>65.441000000000003</c:v>
                </c:pt>
                <c:pt idx="6576">
                  <c:v>65.451999999999998</c:v>
                </c:pt>
                <c:pt idx="6577">
                  <c:v>65.462000000000003</c:v>
                </c:pt>
                <c:pt idx="6578">
                  <c:v>65.471999999999994</c:v>
                </c:pt>
                <c:pt idx="6579">
                  <c:v>65.483000000000004</c:v>
                </c:pt>
                <c:pt idx="6580">
                  <c:v>65.492999999999995</c:v>
                </c:pt>
                <c:pt idx="6581">
                  <c:v>65.504000000000005</c:v>
                </c:pt>
                <c:pt idx="6582">
                  <c:v>65.513999999999996</c:v>
                </c:pt>
                <c:pt idx="6583">
                  <c:v>65.524000000000001</c:v>
                </c:pt>
                <c:pt idx="6584">
                  <c:v>65.534000000000006</c:v>
                </c:pt>
                <c:pt idx="6585">
                  <c:v>65.545000000000002</c:v>
                </c:pt>
                <c:pt idx="6586">
                  <c:v>65.555000000000007</c:v>
                </c:pt>
                <c:pt idx="6587">
                  <c:v>65.564999999999998</c:v>
                </c:pt>
                <c:pt idx="6588">
                  <c:v>65.573999999999998</c:v>
                </c:pt>
                <c:pt idx="6589">
                  <c:v>65.585999999999999</c:v>
                </c:pt>
                <c:pt idx="6590">
                  <c:v>65.594999999999999</c:v>
                </c:pt>
                <c:pt idx="6591">
                  <c:v>65.605000000000004</c:v>
                </c:pt>
                <c:pt idx="6592">
                  <c:v>65.616</c:v>
                </c:pt>
                <c:pt idx="6593">
                  <c:v>65.626000000000005</c:v>
                </c:pt>
                <c:pt idx="6594">
                  <c:v>65.635999999999996</c:v>
                </c:pt>
                <c:pt idx="6595">
                  <c:v>65.646000000000001</c:v>
                </c:pt>
                <c:pt idx="6596">
                  <c:v>65.656999999999996</c:v>
                </c:pt>
                <c:pt idx="6597">
                  <c:v>65.667000000000002</c:v>
                </c:pt>
                <c:pt idx="6598">
                  <c:v>65.677999999999997</c:v>
                </c:pt>
                <c:pt idx="6599">
                  <c:v>65.688000000000002</c:v>
                </c:pt>
                <c:pt idx="6600">
                  <c:v>65.697000000000003</c:v>
                </c:pt>
                <c:pt idx="6601">
                  <c:v>65.706999999999994</c:v>
                </c:pt>
                <c:pt idx="6602">
                  <c:v>65.718000000000004</c:v>
                </c:pt>
                <c:pt idx="6603">
                  <c:v>65.727000000000004</c:v>
                </c:pt>
                <c:pt idx="6604">
                  <c:v>65.738</c:v>
                </c:pt>
                <c:pt idx="6605">
                  <c:v>65.748000000000005</c:v>
                </c:pt>
                <c:pt idx="6606">
                  <c:v>65.757999999999996</c:v>
                </c:pt>
                <c:pt idx="6607">
                  <c:v>65.769000000000005</c:v>
                </c:pt>
                <c:pt idx="6608">
                  <c:v>65.778000000000006</c:v>
                </c:pt>
                <c:pt idx="6609">
                  <c:v>65.787999999999997</c:v>
                </c:pt>
                <c:pt idx="6610">
                  <c:v>65.799000000000007</c:v>
                </c:pt>
                <c:pt idx="6611">
                  <c:v>65.808000000000007</c:v>
                </c:pt>
                <c:pt idx="6612">
                  <c:v>65.819000000000003</c:v>
                </c:pt>
                <c:pt idx="6613">
                  <c:v>65.828999999999994</c:v>
                </c:pt>
                <c:pt idx="6614">
                  <c:v>65.838999999999999</c:v>
                </c:pt>
                <c:pt idx="6615">
                  <c:v>65.849999999999994</c:v>
                </c:pt>
                <c:pt idx="6616">
                  <c:v>65.858999999999995</c:v>
                </c:pt>
                <c:pt idx="6617">
                  <c:v>65.87</c:v>
                </c:pt>
                <c:pt idx="6618">
                  <c:v>65.88</c:v>
                </c:pt>
                <c:pt idx="6619">
                  <c:v>65.888999999999996</c:v>
                </c:pt>
                <c:pt idx="6620">
                  <c:v>65.899000000000001</c:v>
                </c:pt>
                <c:pt idx="6621">
                  <c:v>65.91</c:v>
                </c:pt>
                <c:pt idx="6622">
                  <c:v>65.92</c:v>
                </c:pt>
                <c:pt idx="6623">
                  <c:v>65.930000000000007</c:v>
                </c:pt>
                <c:pt idx="6624">
                  <c:v>65.938999999999993</c:v>
                </c:pt>
                <c:pt idx="6625">
                  <c:v>65.95</c:v>
                </c:pt>
                <c:pt idx="6626">
                  <c:v>65.959000000000003</c:v>
                </c:pt>
                <c:pt idx="6627">
                  <c:v>65.968999999999994</c:v>
                </c:pt>
                <c:pt idx="6628">
                  <c:v>65.978999999999999</c:v>
                </c:pt>
                <c:pt idx="6629">
                  <c:v>65.986999999999995</c:v>
                </c:pt>
                <c:pt idx="6630">
                  <c:v>65.995000000000005</c:v>
                </c:pt>
                <c:pt idx="6631">
                  <c:v>66.003</c:v>
                </c:pt>
                <c:pt idx="6632">
                  <c:v>66.012</c:v>
                </c:pt>
                <c:pt idx="6633">
                  <c:v>66.022999999999996</c:v>
                </c:pt>
                <c:pt idx="6634">
                  <c:v>66.031999999999996</c:v>
                </c:pt>
                <c:pt idx="6635">
                  <c:v>66.040000000000006</c:v>
                </c:pt>
                <c:pt idx="6636">
                  <c:v>66.049000000000007</c:v>
                </c:pt>
                <c:pt idx="6637">
                  <c:v>66.058000000000007</c:v>
                </c:pt>
                <c:pt idx="6638">
                  <c:v>66.066000000000003</c:v>
                </c:pt>
                <c:pt idx="6639">
                  <c:v>66.073999999999998</c:v>
                </c:pt>
                <c:pt idx="6640">
                  <c:v>66.081999999999994</c:v>
                </c:pt>
                <c:pt idx="6641">
                  <c:v>66.090999999999994</c:v>
                </c:pt>
                <c:pt idx="6642">
                  <c:v>66.100999999999999</c:v>
                </c:pt>
                <c:pt idx="6643">
                  <c:v>66.111000000000004</c:v>
                </c:pt>
                <c:pt idx="6644">
                  <c:v>66.162999999999997</c:v>
                </c:pt>
                <c:pt idx="6645">
                  <c:v>66.173000000000002</c:v>
                </c:pt>
                <c:pt idx="6646">
                  <c:v>66.183000000000007</c:v>
                </c:pt>
                <c:pt idx="6647">
                  <c:v>66.192999999999998</c:v>
                </c:pt>
                <c:pt idx="6648">
                  <c:v>66.248999999999995</c:v>
                </c:pt>
                <c:pt idx="6649">
                  <c:v>66.259</c:v>
                </c:pt>
                <c:pt idx="6650">
                  <c:v>66.269000000000005</c:v>
                </c:pt>
                <c:pt idx="6651">
                  <c:v>66.28</c:v>
                </c:pt>
                <c:pt idx="6652">
                  <c:v>66.289000000000001</c:v>
                </c:pt>
                <c:pt idx="6653">
                  <c:v>66.301000000000002</c:v>
                </c:pt>
                <c:pt idx="6654">
                  <c:v>66.311000000000007</c:v>
                </c:pt>
                <c:pt idx="6655">
                  <c:v>66.319999999999993</c:v>
                </c:pt>
                <c:pt idx="6656">
                  <c:v>66.331000000000003</c:v>
                </c:pt>
                <c:pt idx="6657">
                  <c:v>66.340999999999994</c:v>
                </c:pt>
                <c:pt idx="6658">
                  <c:v>66.352000000000004</c:v>
                </c:pt>
                <c:pt idx="6659">
                  <c:v>66.361999999999995</c:v>
                </c:pt>
                <c:pt idx="6660">
                  <c:v>66.373000000000005</c:v>
                </c:pt>
                <c:pt idx="6661">
                  <c:v>66.382999999999996</c:v>
                </c:pt>
                <c:pt idx="6662">
                  <c:v>66.393000000000001</c:v>
                </c:pt>
                <c:pt idx="6663">
                  <c:v>66.403000000000006</c:v>
                </c:pt>
                <c:pt idx="6664">
                  <c:v>66.412999999999997</c:v>
                </c:pt>
                <c:pt idx="6665">
                  <c:v>66.424000000000007</c:v>
                </c:pt>
                <c:pt idx="6666">
                  <c:v>66.433999999999997</c:v>
                </c:pt>
                <c:pt idx="6667">
                  <c:v>66.442999999999998</c:v>
                </c:pt>
                <c:pt idx="6668">
                  <c:v>66.454999999999998</c:v>
                </c:pt>
                <c:pt idx="6669">
                  <c:v>66.465000000000003</c:v>
                </c:pt>
                <c:pt idx="6670">
                  <c:v>66.474000000000004</c:v>
                </c:pt>
                <c:pt idx="6671">
                  <c:v>66.483999999999995</c:v>
                </c:pt>
                <c:pt idx="6672">
                  <c:v>66.495000000000005</c:v>
                </c:pt>
                <c:pt idx="6673">
                  <c:v>66.504999999999995</c:v>
                </c:pt>
                <c:pt idx="6674">
                  <c:v>66.513999999999996</c:v>
                </c:pt>
                <c:pt idx="6675">
                  <c:v>66.525000000000006</c:v>
                </c:pt>
                <c:pt idx="6676">
                  <c:v>66.534999999999997</c:v>
                </c:pt>
                <c:pt idx="6677">
                  <c:v>66.545000000000002</c:v>
                </c:pt>
                <c:pt idx="6678">
                  <c:v>66.555999999999997</c:v>
                </c:pt>
                <c:pt idx="6679">
                  <c:v>66.564999999999998</c:v>
                </c:pt>
                <c:pt idx="6680">
                  <c:v>66.573999999999998</c:v>
                </c:pt>
                <c:pt idx="6681">
                  <c:v>66.584000000000003</c:v>
                </c:pt>
                <c:pt idx="6682">
                  <c:v>66.593999999999994</c:v>
                </c:pt>
                <c:pt idx="6683">
                  <c:v>66.603999999999999</c:v>
                </c:pt>
                <c:pt idx="6684">
                  <c:v>66.613</c:v>
                </c:pt>
                <c:pt idx="6685">
                  <c:v>66.623000000000005</c:v>
                </c:pt>
                <c:pt idx="6686">
                  <c:v>66.632000000000005</c:v>
                </c:pt>
                <c:pt idx="6687">
                  <c:v>66.641000000000005</c:v>
                </c:pt>
                <c:pt idx="6688">
                  <c:v>66.652000000000001</c:v>
                </c:pt>
                <c:pt idx="6689">
                  <c:v>66.66</c:v>
                </c:pt>
                <c:pt idx="6690">
                  <c:v>66.671000000000006</c:v>
                </c:pt>
                <c:pt idx="6691">
                  <c:v>66.680000000000007</c:v>
                </c:pt>
                <c:pt idx="6692">
                  <c:v>66.69</c:v>
                </c:pt>
                <c:pt idx="6693">
                  <c:v>66.7</c:v>
                </c:pt>
                <c:pt idx="6694">
                  <c:v>66.709999999999994</c:v>
                </c:pt>
                <c:pt idx="6695">
                  <c:v>66.718999999999994</c:v>
                </c:pt>
                <c:pt idx="6696">
                  <c:v>66.73</c:v>
                </c:pt>
                <c:pt idx="6697">
                  <c:v>66.739000000000004</c:v>
                </c:pt>
                <c:pt idx="6698">
                  <c:v>66.748000000000005</c:v>
                </c:pt>
                <c:pt idx="6699">
                  <c:v>66.759</c:v>
                </c:pt>
                <c:pt idx="6700">
                  <c:v>66.769000000000005</c:v>
                </c:pt>
                <c:pt idx="6701">
                  <c:v>66.778999999999996</c:v>
                </c:pt>
                <c:pt idx="6702">
                  <c:v>66.789000000000001</c:v>
                </c:pt>
                <c:pt idx="6703">
                  <c:v>66.799000000000007</c:v>
                </c:pt>
                <c:pt idx="6704">
                  <c:v>66.808999999999997</c:v>
                </c:pt>
                <c:pt idx="6705">
                  <c:v>66.819999999999993</c:v>
                </c:pt>
                <c:pt idx="6706">
                  <c:v>66.83</c:v>
                </c:pt>
                <c:pt idx="6707">
                  <c:v>66.840999999999994</c:v>
                </c:pt>
                <c:pt idx="6708">
                  <c:v>66.850999999999999</c:v>
                </c:pt>
                <c:pt idx="6709">
                  <c:v>66.861000000000004</c:v>
                </c:pt>
                <c:pt idx="6710">
                  <c:v>66.870999999999995</c:v>
                </c:pt>
                <c:pt idx="6711">
                  <c:v>66.882000000000005</c:v>
                </c:pt>
                <c:pt idx="6712">
                  <c:v>66.891999999999996</c:v>
                </c:pt>
                <c:pt idx="6713">
                  <c:v>66.900999999999996</c:v>
                </c:pt>
                <c:pt idx="6714">
                  <c:v>66.912000000000006</c:v>
                </c:pt>
                <c:pt idx="6715">
                  <c:v>66.921999999999997</c:v>
                </c:pt>
                <c:pt idx="6716">
                  <c:v>66.933000000000007</c:v>
                </c:pt>
                <c:pt idx="6717">
                  <c:v>66.942999999999998</c:v>
                </c:pt>
                <c:pt idx="6718">
                  <c:v>66.951999999999998</c:v>
                </c:pt>
                <c:pt idx="6719">
                  <c:v>66.962999999999994</c:v>
                </c:pt>
                <c:pt idx="6720">
                  <c:v>66.974999999999994</c:v>
                </c:pt>
                <c:pt idx="6721">
                  <c:v>66.983999999999995</c:v>
                </c:pt>
                <c:pt idx="6722">
                  <c:v>66.992999999999995</c:v>
                </c:pt>
                <c:pt idx="6723">
                  <c:v>67.004000000000005</c:v>
                </c:pt>
                <c:pt idx="6724">
                  <c:v>67.013999999999996</c:v>
                </c:pt>
                <c:pt idx="6725">
                  <c:v>67.024000000000001</c:v>
                </c:pt>
                <c:pt idx="6726">
                  <c:v>67.034999999999997</c:v>
                </c:pt>
                <c:pt idx="6727">
                  <c:v>67.045000000000002</c:v>
                </c:pt>
                <c:pt idx="6728">
                  <c:v>67.055999999999997</c:v>
                </c:pt>
                <c:pt idx="6729">
                  <c:v>67.066000000000003</c:v>
                </c:pt>
                <c:pt idx="6730">
                  <c:v>67.075999999999993</c:v>
                </c:pt>
                <c:pt idx="6731">
                  <c:v>67.085999999999999</c:v>
                </c:pt>
                <c:pt idx="6732">
                  <c:v>67.096000000000004</c:v>
                </c:pt>
                <c:pt idx="6733">
                  <c:v>67.106999999999999</c:v>
                </c:pt>
                <c:pt idx="6734">
                  <c:v>67.117000000000004</c:v>
                </c:pt>
                <c:pt idx="6735">
                  <c:v>67.126000000000005</c:v>
                </c:pt>
                <c:pt idx="6736">
                  <c:v>67.135999999999996</c:v>
                </c:pt>
                <c:pt idx="6737">
                  <c:v>67.147000000000006</c:v>
                </c:pt>
                <c:pt idx="6738">
                  <c:v>67.156999999999996</c:v>
                </c:pt>
                <c:pt idx="6739">
                  <c:v>67.168000000000006</c:v>
                </c:pt>
                <c:pt idx="6740">
                  <c:v>67.177999999999997</c:v>
                </c:pt>
                <c:pt idx="6741">
                  <c:v>67.188000000000002</c:v>
                </c:pt>
                <c:pt idx="6742">
                  <c:v>67.198999999999998</c:v>
                </c:pt>
                <c:pt idx="6743">
                  <c:v>67.209000000000003</c:v>
                </c:pt>
                <c:pt idx="6744">
                  <c:v>67.218999999999994</c:v>
                </c:pt>
                <c:pt idx="6745">
                  <c:v>67.228999999999999</c:v>
                </c:pt>
                <c:pt idx="6746">
                  <c:v>67.239000000000004</c:v>
                </c:pt>
                <c:pt idx="6747">
                  <c:v>67.25</c:v>
                </c:pt>
                <c:pt idx="6748">
                  <c:v>67.260000000000005</c:v>
                </c:pt>
                <c:pt idx="6749">
                  <c:v>67.27</c:v>
                </c:pt>
                <c:pt idx="6750">
                  <c:v>67.28</c:v>
                </c:pt>
                <c:pt idx="6751">
                  <c:v>67.290999999999997</c:v>
                </c:pt>
                <c:pt idx="6752">
                  <c:v>67.301000000000002</c:v>
                </c:pt>
                <c:pt idx="6753">
                  <c:v>67.311999999999998</c:v>
                </c:pt>
                <c:pt idx="6754">
                  <c:v>67.322000000000003</c:v>
                </c:pt>
                <c:pt idx="6755">
                  <c:v>67.331999999999994</c:v>
                </c:pt>
                <c:pt idx="6756">
                  <c:v>67.341999999999999</c:v>
                </c:pt>
                <c:pt idx="6757">
                  <c:v>67.353999999999999</c:v>
                </c:pt>
                <c:pt idx="6758">
                  <c:v>67.364000000000004</c:v>
                </c:pt>
                <c:pt idx="6759">
                  <c:v>67.373999999999995</c:v>
                </c:pt>
                <c:pt idx="6760">
                  <c:v>67.384</c:v>
                </c:pt>
                <c:pt idx="6761">
                  <c:v>67.394999999999996</c:v>
                </c:pt>
                <c:pt idx="6762">
                  <c:v>67.403999999999996</c:v>
                </c:pt>
                <c:pt idx="6763">
                  <c:v>67.414000000000001</c:v>
                </c:pt>
                <c:pt idx="6764">
                  <c:v>67.424999999999997</c:v>
                </c:pt>
                <c:pt idx="6765">
                  <c:v>67.435000000000002</c:v>
                </c:pt>
                <c:pt idx="6766">
                  <c:v>67.445999999999998</c:v>
                </c:pt>
                <c:pt idx="6767">
                  <c:v>67.456000000000003</c:v>
                </c:pt>
                <c:pt idx="6768">
                  <c:v>67.465999999999994</c:v>
                </c:pt>
                <c:pt idx="6769">
                  <c:v>67.477000000000004</c:v>
                </c:pt>
                <c:pt idx="6770">
                  <c:v>67.486000000000004</c:v>
                </c:pt>
                <c:pt idx="6771">
                  <c:v>67.495999999999995</c:v>
                </c:pt>
                <c:pt idx="6772">
                  <c:v>67.507999999999996</c:v>
                </c:pt>
                <c:pt idx="6773">
                  <c:v>67.518000000000001</c:v>
                </c:pt>
                <c:pt idx="6774">
                  <c:v>67.527000000000001</c:v>
                </c:pt>
                <c:pt idx="6775">
                  <c:v>67.537999999999997</c:v>
                </c:pt>
                <c:pt idx="6776">
                  <c:v>67.549000000000007</c:v>
                </c:pt>
                <c:pt idx="6777">
                  <c:v>67.558000000000007</c:v>
                </c:pt>
                <c:pt idx="6778">
                  <c:v>67.569000000000003</c:v>
                </c:pt>
                <c:pt idx="6779">
                  <c:v>67.578000000000003</c:v>
                </c:pt>
                <c:pt idx="6780">
                  <c:v>67.588999999999999</c:v>
                </c:pt>
                <c:pt idx="6781">
                  <c:v>67.597999999999999</c:v>
                </c:pt>
                <c:pt idx="6782">
                  <c:v>67.61</c:v>
                </c:pt>
                <c:pt idx="6783">
                  <c:v>67.62</c:v>
                </c:pt>
                <c:pt idx="6784">
                  <c:v>67.63</c:v>
                </c:pt>
                <c:pt idx="6785">
                  <c:v>67.641000000000005</c:v>
                </c:pt>
                <c:pt idx="6786">
                  <c:v>67.650999999999996</c:v>
                </c:pt>
                <c:pt idx="6787">
                  <c:v>67.661000000000001</c:v>
                </c:pt>
                <c:pt idx="6788">
                  <c:v>67.671000000000006</c:v>
                </c:pt>
                <c:pt idx="6789">
                  <c:v>67.680999999999997</c:v>
                </c:pt>
                <c:pt idx="6790">
                  <c:v>67.691999999999993</c:v>
                </c:pt>
                <c:pt idx="6791">
                  <c:v>67.701999999999998</c:v>
                </c:pt>
                <c:pt idx="6792">
                  <c:v>67.710999999999999</c:v>
                </c:pt>
                <c:pt idx="6793">
                  <c:v>67.721999999999994</c:v>
                </c:pt>
                <c:pt idx="6794">
                  <c:v>67.731999999999999</c:v>
                </c:pt>
                <c:pt idx="6795">
                  <c:v>67.741</c:v>
                </c:pt>
                <c:pt idx="6796">
                  <c:v>67.751999999999995</c:v>
                </c:pt>
                <c:pt idx="6797">
                  <c:v>67.760999999999996</c:v>
                </c:pt>
                <c:pt idx="6798">
                  <c:v>67.772000000000006</c:v>
                </c:pt>
                <c:pt idx="6799">
                  <c:v>67.781999999999996</c:v>
                </c:pt>
                <c:pt idx="6800">
                  <c:v>67.792000000000002</c:v>
                </c:pt>
                <c:pt idx="6801">
                  <c:v>67.804000000000002</c:v>
                </c:pt>
                <c:pt idx="6802">
                  <c:v>67.813999999999993</c:v>
                </c:pt>
                <c:pt idx="6803">
                  <c:v>67.825000000000003</c:v>
                </c:pt>
                <c:pt idx="6804">
                  <c:v>67.834999999999994</c:v>
                </c:pt>
                <c:pt idx="6805">
                  <c:v>67.846999999999994</c:v>
                </c:pt>
                <c:pt idx="6806">
                  <c:v>67.858000000000004</c:v>
                </c:pt>
                <c:pt idx="6807">
                  <c:v>67.867999999999995</c:v>
                </c:pt>
                <c:pt idx="6808">
                  <c:v>67.878</c:v>
                </c:pt>
                <c:pt idx="6809">
                  <c:v>67.89</c:v>
                </c:pt>
                <c:pt idx="6810">
                  <c:v>67.900000000000006</c:v>
                </c:pt>
                <c:pt idx="6811">
                  <c:v>67.909000000000006</c:v>
                </c:pt>
                <c:pt idx="6812">
                  <c:v>67.92</c:v>
                </c:pt>
                <c:pt idx="6813">
                  <c:v>67.930000000000007</c:v>
                </c:pt>
                <c:pt idx="6814">
                  <c:v>67.94</c:v>
                </c:pt>
                <c:pt idx="6815">
                  <c:v>67.95</c:v>
                </c:pt>
                <c:pt idx="6816">
                  <c:v>67.960999999999999</c:v>
                </c:pt>
                <c:pt idx="6817">
                  <c:v>67.971000000000004</c:v>
                </c:pt>
                <c:pt idx="6818">
                  <c:v>67.983000000000004</c:v>
                </c:pt>
                <c:pt idx="6819">
                  <c:v>67.992000000000004</c:v>
                </c:pt>
                <c:pt idx="6820">
                  <c:v>68.001000000000005</c:v>
                </c:pt>
                <c:pt idx="6821">
                  <c:v>68.012</c:v>
                </c:pt>
                <c:pt idx="6822">
                  <c:v>68.021000000000001</c:v>
                </c:pt>
                <c:pt idx="6823">
                  <c:v>68.03</c:v>
                </c:pt>
                <c:pt idx="6824">
                  <c:v>68.040000000000006</c:v>
                </c:pt>
                <c:pt idx="6825">
                  <c:v>68.05</c:v>
                </c:pt>
                <c:pt idx="6826">
                  <c:v>68.06</c:v>
                </c:pt>
                <c:pt idx="6827">
                  <c:v>68.069000000000003</c:v>
                </c:pt>
                <c:pt idx="6828">
                  <c:v>68.078000000000003</c:v>
                </c:pt>
                <c:pt idx="6829">
                  <c:v>68.088999999999999</c:v>
                </c:pt>
                <c:pt idx="6830">
                  <c:v>68.097999999999999</c:v>
                </c:pt>
                <c:pt idx="6831">
                  <c:v>68.108000000000004</c:v>
                </c:pt>
                <c:pt idx="6832">
                  <c:v>68.117999999999995</c:v>
                </c:pt>
                <c:pt idx="6833">
                  <c:v>68.128</c:v>
                </c:pt>
                <c:pt idx="6834">
                  <c:v>68.137</c:v>
                </c:pt>
                <c:pt idx="6835">
                  <c:v>68.147999999999996</c:v>
                </c:pt>
                <c:pt idx="6836">
                  <c:v>68.156999999999996</c:v>
                </c:pt>
                <c:pt idx="6837">
                  <c:v>68.168000000000006</c:v>
                </c:pt>
                <c:pt idx="6838">
                  <c:v>68.177000000000007</c:v>
                </c:pt>
                <c:pt idx="6839">
                  <c:v>68.188000000000002</c:v>
                </c:pt>
                <c:pt idx="6840">
                  <c:v>68.197000000000003</c:v>
                </c:pt>
                <c:pt idx="6841">
                  <c:v>68.206999999999994</c:v>
                </c:pt>
                <c:pt idx="6842">
                  <c:v>68.216999999999999</c:v>
                </c:pt>
                <c:pt idx="6843">
                  <c:v>68.225999999999999</c:v>
                </c:pt>
                <c:pt idx="6844">
                  <c:v>68.234999999999999</c:v>
                </c:pt>
                <c:pt idx="6845">
                  <c:v>68.245000000000005</c:v>
                </c:pt>
                <c:pt idx="6846">
                  <c:v>68.254000000000005</c:v>
                </c:pt>
                <c:pt idx="6847">
                  <c:v>68.263999999999996</c:v>
                </c:pt>
                <c:pt idx="6848">
                  <c:v>68.272999999999996</c:v>
                </c:pt>
                <c:pt idx="6849">
                  <c:v>68.281999999999996</c:v>
                </c:pt>
                <c:pt idx="6850">
                  <c:v>68.292000000000002</c:v>
                </c:pt>
                <c:pt idx="6851">
                  <c:v>68.301000000000002</c:v>
                </c:pt>
                <c:pt idx="6852">
                  <c:v>68.308999999999997</c:v>
                </c:pt>
                <c:pt idx="6853">
                  <c:v>68.319000000000003</c:v>
                </c:pt>
                <c:pt idx="6854">
                  <c:v>68.328000000000003</c:v>
                </c:pt>
                <c:pt idx="6855">
                  <c:v>68.337000000000003</c:v>
                </c:pt>
                <c:pt idx="6856">
                  <c:v>68.346000000000004</c:v>
                </c:pt>
                <c:pt idx="6857">
                  <c:v>68.356999999999999</c:v>
                </c:pt>
                <c:pt idx="6858">
                  <c:v>68.367000000000004</c:v>
                </c:pt>
                <c:pt idx="6859">
                  <c:v>68.378</c:v>
                </c:pt>
                <c:pt idx="6860">
                  <c:v>68.388000000000005</c:v>
                </c:pt>
                <c:pt idx="6861">
                  <c:v>68.397000000000006</c:v>
                </c:pt>
                <c:pt idx="6862">
                  <c:v>68.408000000000001</c:v>
                </c:pt>
                <c:pt idx="6863">
                  <c:v>68.417000000000002</c:v>
                </c:pt>
                <c:pt idx="6864">
                  <c:v>68.427000000000007</c:v>
                </c:pt>
                <c:pt idx="6865">
                  <c:v>68.438000000000002</c:v>
                </c:pt>
                <c:pt idx="6866">
                  <c:v>68.447999999999993</c:v>
                </c:pt>
                <c:pt idx="6867">
                  <c:v>68.459000000000003</c:v>
                </c:pt>
                <c:pt idx="6868">
                  <c:v>68.468999999999994</c:v>
                </c:pt>
                <c:pt idx="6869">
                  <c:v>68.478999999999999</c:v>
                </c:pt>
                <c:pt idx="6870">
                  <c:v>68.489999999999995</c:v>
                </c:pt>
                <c:pt idx="6871">
                  <c:v>68.5</c:v>
                </c:pt>
                <c:pt idx="6872">
                  <c:v>68.510999999999996</c:v>
                </c:pt>
                <c:pt idx="6873">
                  <c:v>68.522000000000006</c:v>
                </c:pt>
                <c:pt idx="6874">
                  <c:v>68.531000000000006</c:v>
                </c:pt>
                <c:pt idx="6875">
                  <c:v>68.542000000000002</c:v>
                </c:pt>
                <c:pt idx="6876">
                  <c:v>68.552000000000007</c:v>
                </c:pt>
                <c:pt idx="6877">
                  <c:v>68.561999999999998</c:v>
                </c:pt>
                <c:pt idx="6878">
                  <c:v>68.572999999999993</c:v>
                </c:pt>
                <c:pt idx="6879">
                  <c:v>68.582999999999998</c:v>
                </c:pt>
                <c:pt idx="6880">
                  <c:v>68.593000000000004</c:v>
                </c:pt>
                <c:pt idx="6881">
                  <c:v>68.602999999999994</c:v>
                </c:pt>
                <c:pt idx="6882">
                  <c:v>68.613</c:v>
                </c:pt>
                <c:pt idx="6883">
                  <c:v>68.623000000000005</c:v>
                </c:pt>
                <c:pt idx="6884">
                  <c:v>68.634</c:v>
                </c:pt>
                <c:pt idx="6885">
                  <c:v>68.644000000000005</c:v>
                </c:pt>
                <c:pt idx="6886">
                  <c:v>68.653999999999996</c:v>
                </c:pt>
                <c:pt idx="6887">
                  <c:v>68.664000000000001</c:v>
                </c:pt>
                <c:pt idx="6888">
                  <c:v>68.674999999999997</c:v>
                </c:pt>
                <c:pt idx="6889">
                  <c:v>68.686000000000007</c:v>
                </c:pt>
                <c:pt idx="6890">
                  <c:v>68.694999999999993</c:v>
                </c:pt>
                <c:pt idx="6891">
                  <c:v>68.706999999999994</c:v>
                </c:pt>
                <c:pt idx="6892">
                  <c:v>68.716999999999999</c:v>
                </c:pt>
                <c:pt idx="6893">
                  <c:v>68.725999999999999</c:v>
                </c:pt>
                <c:pt idx="6894">
                  <c:v>68.736999999999995</c:v>
                </c:pt>
                <c:pt idx="6895">
                  <c:v>68.747</c:v>
                </c:pt>
                <c:pt idx="6896">
                  <c:v>68.757999999999996</c:v>
                </c:pt>
                <c:pt idx="6897">
                  <c:v>68.766999999999996</c:v>
                </c:pt>
                <c:pt idx="6898">
                  <c:v>68.777000000000001</c:v>
                </c:pt>
                <c:pt idx="6899">
                  <c:v>68.787999999999997</c:v>
                </c:pt>
                <c:pt idx="6900">
                  <c:v>68.798000000000002</c:v>
                </c:pt>
                <c:pt idx="6901">
                  <c:v>68.808999999999997</c:v>
                </c:pt>
                <c:pt idx="6902">
                  <c:v>68.819000000000003</c:v>
                </c:pt>
                <c:pt idx="6903">
                  <c:v>68.828999999999994</c:v>
                </c:pt>
                <c:pt idx="6904">
                  <c:v>68.837999999999994</c:v>
                </c:pt>
                <c:pt idx="6905">
                  <c:v>68.849000000000004</c:v>
                </c:pt>
                <c:pt idx="6906">
                  <c:v>68.858999999999995</c:v>
                </c:pt>
                <c:pt idx="6907">
                  <c:v>68.87</c:v>
                </c:pt>
                <c:pt idx="6908">
                  <c:v>68.88</c:v>
                </c:pt>
                <c:pt idx="6909">
                  <c:v>68.89</c:v>
                </c:pt>
                <c:pt idx="6910">
                  <c:v>68.900999999999996</c:v>
                </c:pt>
                <c:pt idx="6911">
                  <c:v>68.91</c:v>
                </c:pt>
                <c:pt idx="6912">
                  <c:v>68.921000000000006</c:v>
                </c:pt>
                <c:pt idx="6913">
                  <c:v>68.930000000000007</c:v>
                </c:pt>
                <c:pt idx="6914">
                  <c:v>68.94</c:v>
                </c:pt>
                <c:pt idx="6915">
                  <c:v>68.950999999999993</c:v>
                </c:pt>
                <c:pt idx="6916">
                  <c:v>68.960999999999999</c:v>
                </c:pt>
                <c:pt idx="6917">
                  <c:v>68.971000000000004</c:v>
                </c:pt>
                <c:pt idx="6918">
                  <c:v>68.980999999999995</c:v>
                </c:pt>
                <c:pt idx="6919">
                  <c:v>68.989999999999995</c:v>
                </c:pt>
                <c:pt idx="6920">
                  <c:v>68.998999999999995</c:v>
                </c:pt>
                <c:pt idx="6921">
                  <c:v>69.009</c:v>
                </c:pt>
                <c:pt idx="6922">
                  <c:v>69.019000000000005</c:v>
                </c:pt>
                <c:pt idx="6923">
                  <c:v>69.028999999999996</c:v>
                </c:pt>
                <c:pt idx="6924">
                  <c:v>69.040000000000006</c:v>
                </c:pt>
                <c:pt idx="6925">
                  <c:v>69.05</c:v>
                </c:pt>
                <c:pt idx="6926">
                  <c:v>69.06</c:v>
                </c:pt>
                <c:pt idx="6927">
                  <c:v>69.069999999999993</c:v>
                </c:pt>
                <c:pt idx="6928">
                  <c:v>69.081000000000003</c:v>
                </c:pt>
                <c:pt idx="6929">
                  <c:v>69.090999999999994</c:v>
                </c:pt>
                <c:pt idx="6930">
                  <c:v>69.100999999999999</c:v>
                </c:pt>
                <c:pt idx="6931">
                  <c:v>69.111999999999995</c:v>
                </c:pt>
                <c:pt idx="6932">
                  <c:v>69.122</c:v>
                </c:pt>
                <c:pt idx="6933">
                  <c:v>69.132000000000005</c:v>
                </c:pt>
                <c:pt idx="6934">
                  <c:v>69.141999999999996</c:v>
                </c:pt>
                <c:pt idx="6935">
                  <c:v>69.153000000000006</c:v>
                </c:pt>
                <c:pt idx="6936">
                  <c:v>69.162999999999997</c:v>
                </c:pt>
                <c:pt idx="6937">
                  <c:v>69.171999999999997</c:v>
                </c:pt>
                <c:pt idx="6938">
                  <c:v>69.183999999999997</c:v>
                </c:pt>
                <c:pt idx="6939">
                  <c:v>69.192999999999998</c:v>
                </c:pt>
                <c:pt idx="6940">
                  <c:v>69.203999999999994</c:v>
                </c:pt>
                <c:pt idx="6941">
                  <c:v>69.213999999999999</c:v>
                </c:pt>
                <c:pt idx="6942">
                  <c:v>69.222999999999999</c:v>
                </c:pt>
                <c:pt idx="6943">
                  <c:v>69.233999999999995</c:v>
                </c:pt>
                <c:pt idx="6944">
                  <c:v>69.244</c:v>
                </c:pt>
                <c:pt idx="6945">
                  <c:v>69.254000000000005</c:v>
                </c:pt>
                <c:pt idx="6946">
                  <c:v>69.263000000000005</c:v>
                </c:pt>
                <c:pt idx="6947">
                  <c:v>69.274000000000001</c:v>
                </c:pt>
                <c:pt idx="6948">
                  <c:v>69.284999999999997</c:v>
                </c:pt>
                <c:pt idx="6949">
                  <c:v>69.293999999999997</c:v>
                </c:pt>
                <c:pt idx="6950">
                  <c:v>69.304000000000002</c:v>
                </c:pt>
                <c:pt idx="6951">
                  <c:v>69.313999999999993</c:v>
                </c:pt>
                <c:pt idx="6952">
                  <c:v>69.323999999999998</c:v>
                </c:pt>
                <c:pt idx="6953">
                  <c:v>69.332999999999998</c:v>
                </c:pt>
                <c:pt idx="6954">
                  <c:v>69.343999999999994</c:v>
                </c:pt>
                <c:pt idx="6955">
                  <c:v>69.353999999999999</c:v>
                </c:pt>
                <c:pt idx="6956">
                  <c:v>69.364000000000004</c:v>
                </c:pt>
                <c:pt idx="6957">
                  <c:v>69.373999999999995</c:v>
                </c:pt>
                <c:pt idx="6958">
                  <c:v>69.384</c:v>
                </c:pt>
                <c:pt idx="6959">
                  <c:v>69.394000000000005</c:v>
                </c:pt>
                <c:pt idx="6960">
                  <c:v>69.403999999999996</c:v>
                </c:pt>
                <c:pt idx="6961">
                  <c:v>69.414000000000001</c:v>
                </c:pt>
                <c:pt idx="6962">
                  <c:v>69.424000000000007</c:v>
                </c:pt>
                <c:pt idx="6963">
                  <c:v>69.433999999999997</c:v>
                </c:pt>
                <c:pt idx="6964">
                  <c:v>69.444999999999993</c:v>
                </c:pt>
                <c:pt idx="6965">
                  <c:v>69.453999999999994</c:v>
                </c:pt>
                <c:pt idx="6966">
                  <c:v>69.465000000000003</c:v>
                </c:pt>
                <c:pt idx="6967">
                  <c:v>69.474999999999994</c:v>
                </c:pt>
                <c:pt idx="6968">
                  <c:v>69.484999999999999</c:v>
                </c:pt>
                <c:pt idx="6969">
                  <c:v>69.494</c:v>
                </c:pt>
                <c:pt idx="6970">
                  <c:v>69.504999999999995</c:v>
                </c:pt>
                <c:pt idx="6971">
                  <c:v>69.515000000000001</c:v>
                </c:pt>
                <c:pt idx="6972">
                  <c:v>69.524000000000001</c:v>
                </c:pt>
                <c:pt idx="6973">
                  <c:v>69.534999999999997</c:v>
                </c:pt>
                <c:pt idx="6974">
                  <c:v>69.545000000000002</c:v>
                </c:pt>
                <c:pt idx="6975">
                  <c:v>69.555000000000007</c:v>
                </c:pt>
                <c:pt idx="6976">
                  <c:v>69.563999999999993</c:v>
                </c:pt>
                <c:pt idx="6977">
                  <c:v>69.573999999999998</c:v>
                </c:pt>
                <c:pt idx="6978">
                  <c:v>69.584999999999994</c:v>
                </c:pt>
                <c:pt idx="6979">
                  <c:v>69.594999999999999</c:v>
                </c:pt>
                <c:pt idx="6980">
                  <c:v>69.605000000000004</c:v>
                </c:pt>
                <c:pt idx="6981">
                  <c:v>69.614999999999995</c:v>
                </c:pt>
                <c:pt idx="6982">
                  <c:v>69.617000000000004</c:v>
                </c:pt>
                <c:pt idx="6983">
                  <c:v>69.634</c:v>
                </c:pt>
                <c:pt idx="6984">
                  <c:v>69.644999999999996</c:v>
                </c:pt>
                <c:pt idx="6985">
                  <c:v>69.655000000000001</c:v>
                </c:pt>
                <c:pt idx="6986">
                  <c:v>69.665000000000006</c:v>
                </c:pt>
                <c:pt idx="6987">
                  <c:v>69.676000000000002</c:v>
                </c:pt>
                <c:pt idx="6988">
                  <c:v>69.686000000000007</c:v>
                </c:pt>
                <c:pt idx="6989">
                  <c:v>69.695999999999998</c:v>
                </c:pt>
                <c:pt idx="6990">
                  <c:v>69.706999999999994</c:v>
                </c:pt>
                <c:pt idx="6991">
                  <c:v>69.715999999999994</c:v>
                </c:pt>
                <c:pt idx="6992">
                  <c:v>69.725999999999999</c:v>
                </c:pt>
                <c:pt idx="6993">
                  <c:v>69.736999999999995</c:v>
                </c:pt>
                <c:pt idx="6994">
                  <c:v>69.745999999999995</c:v>
                </c:pt>
                <c:pt idx="6995">
                  <c:v>69.757000000000005</c:v>
                </c:pt>
                <c:pt idx="6996">
                  <c:v>69.766000000000005</c:v>
                </c:pt>
                <c:pt idx="6997">
                  <c:v>69.775999999999996</c:v>
                </c:pt>
                <c:pt idx="6998">
                  <c:v>69.787000000000006</c:v>
                </c:pt>
                <c:pt idx="6999">
                  <c:v>69.796999999999997</c:v>
                </c:pt>
                <c:pt idx="7000">
                  <c:v>69.807000000000002</c:v>
                </c:pt>
                <c:pt idx="7001">
                  <c:v>69.816999999999993</c:v>
                </c:pt>
                <c:pt idx="7002">
                  <c:v>69.826999999999998</c:v>
                </c:pt>
                <c:pt idx="7003">
                  <c:v>69.838999999999999</c:v>
                </c:pt>
                <c:pt idx="7004">
                  <c:v>69.849000000000004</c:v>
                </c:pt>
                <c:pt idx="7005">
                  <c:v>69.86</c:v>
                </c:pt>
                <c:pt idx="7006">
                  <c:v>69.869</c:v>
                </c:pt>
                <c:pt idx="7007">
                  <c:v>69.879000000000005</c:v>
                </c:pt>
                <c:pt idx="7008">
                  <c:v>69.89</c:v>
                </c:pt>
                <c:pt idx="7009">
                  <c:v>69.899000000000001</c:v>
                </c:pt>
                <c:pt idx="7010">
                  <c:v>69.91</c:v>
                </c:pt>
                <c:pt idx="7011">
                  <c:v>69.92</c:v>
                </c:pt>
                <c:pt idx="7012">
                  <c:v>69.930000000000007</c:v>
                </c:pt>
                <c:pt idx="7013">
                  <c:v>69.94</c:v>
                </c:pt>
                <c:pt idx="7014">
                  <c:v>69.95</c:v>
                </c:pt>
                <c:pt idx="7015">
                  <c:v>69.960999999999999</c:v>
                </c:pt>
                <c:pt idx="7016">
                  <c:v>69.971000000000004</c:v>
                </c:pt>
                <c:pt idx="7017">
                  <c:v>69.980999999999995</c:v>
                </c:pt>
                <c:pt idx="7018">
                  <c:v>69.991</c:v>
                </c:pt>
                <c:pt idx="7019">
                  <c:v>70.001000000000005</c:v>
                </c:pt>
                <c:pt idx="7020">
                  <c:v>70.010000000000005</c:v>
                </c:pt>
                <c:pt idx="7021">
                  <c:v>70.021000000000001</c:v>
                </c:pt>
                <c:pt idx="7022">
                  <c:v>70.031000000000006</c:v>
                </c:pt>
                <c:pt idx="7023">
                  <c:v>70.042000000000002</c:v>
                </c:pt>
                <c:pt idx="7024">
                  <c:v>70.052000000000007</c:v>
                </c:pt>
                <c:pt idx="7025">
                  <c:v>70.063000000000002</c:v>
                </c:pt>
                <c:pt idx="7026">
                  <c:v>70.072999999999993</c:v>
                </c:pt>
                <c:pt idx="7027">
                  <c:v>70.082999999999998</c:v>
                </c:pt>
                <c:pt idx="7028">
                  <c:v>70.093000000000004</c:v>
                </c:pt>
                <c:pt idx="7029">
                  <c:v>70.102999999999994</c:v>
                </c:pt>
                <c:pt idx="7030">
                  <c:v>70.114000000000004</c:v>
                </c:pt>
                <c:pt idx="7031">
                  <c:v>70.123000000000005</c:v>
                </c:pt>
                <c:pt idx="7032">
                  <c:v>70.135000000000005</c:v>
                </c:pt>
                <c:pt idx="7033">
                  <c:v>70.144000000000005</c:v>
                </c:pt>
                <c:pt idx="7034">
                  <c:v>70.153999999999996</c:v>
                </c:pt>
                <c:pt idx="7035">
                  <c:v>70.165000000000006</c:v>
                </c:pt>
                <c:pt idx="7036">
                  <c:v>70.174000000000007</c:v>
                </c:pt>
                <c:pt idx="7037">
                  <c:v>70.185000000000002</c:v>
                </c:pt>
                <c:pt idx="7038">
                  <c:v>70.194999999999993</c:v>
                </c:pt>
                <c:pt idx="7039">
                  <c:v>70.204999999999998</c:v>
                </c:pt>
                <c:pt idx="7040">
                  <c:v>70.215000000000003</c:v>
                </c:pt>
                <c:pt idx="7041">
                  <c:v>70.224999999999994</c:v>
                </c:pt>
                <c:pt idx="7042">
                  <c:v>70.236000000000004</c:v>
                </c:pt>
                <c:pt idx="7043">
                  <c:v>70.245999999999995</c:v>
                </c:pt>
                <c:pt idx="7044">
                  <c:v>70.257000000000005</c:v>
                </c:pt>
                <c:pt idx="7045">
                  <c:v>70.266999999999996</c:v>
                </c:pt>
                <c:pt idx="7046">
                  <c:v>70.277000000000001</c:v>
                </c:pt>
                <c:pt idx="7047">
                  <c:v>70.287000000000006</c:v>
                </c:pt>
                <c:pt idx="7048">
                  <c:v>70.296999999999997</c:v>
                </c:pt>
                <c:pt idx="7049">
                  <c:v>70.308000000000007</c:v>
                </c:pt>
                <c:pt idx="7050">
                  <c:v>70.317999999999998</c:v>
                </c:pt>
                <c:pt idx="7051">
                  <c:v>70.328000000000003</c:v>
                </c:pt>
                <c:pt idx="7052">
                  <c:v>70.328999999999994</c:v>
                </c:pt>
                <c:pt idx="7053">
                  <c:v>70.346000000000004</c:v>
                </c:pt>
                <c:pt idx="7054">
                  <c:v>70.355999999999995</c:v>
                </c:pt>
                <c:pt idx="7055">
                  <c:v>70.367000000000004</c:v>
                </c:pt>
                <c:pt idx="7056">
                  <c:v>70.376999999999995</c:v>
                </c:pt>
                <c:pt idx="7057">
                  <c:v>70.387</c:v>
                </c:pt>
                <c:pt idx="7058">
                  <c:v>70.397000000000006</c:v>
                </c:pt>
                <c:pt idx="7059">
                  <c:v>70.408000000000001</c:v>
                </c:pt>
                <c:pt idx="7060">
                  <c:v>70.417000000000002</c:v>
                </c:pt>
                <c:pt idx="7061">
                  <c:v>70.427999999999997</c:v>
                </c:pt>
                <c:pt idx="7062">
                  <c:v>70.438000000000002</c:v>
                </c:pt>
                <c:pt idx="7063">
                  <c:v>70.447999999999993</c:v>
                </c:pt>
                <c:pt idx="7064">
                  <c:v>70.456999999999994</c:v>
                </c:pt>
                <c:pt idx="7065">
                  <c:v>70.468999999999994</c:v>
                </c:pt>
                <c:pt idx="7066">
                  <c:v>70.477999999999994</c:v>
                </c:pt>
                <c:pt idx="7067">
                  <c:v>70.488</c:v>
                </c:pt>
                <c:pt idx="7068">
                  <c:v>70.498999999999995</c:v>
                </c:pt>
                <c:pt idx="7069">
                  <c:v>70.509</c:v>
                </c:pt>
                <c:pt idx="7070">
                  <c:v>70.52</c:v>
                </c:pt>
                <c:pt idx="7071">
                  <c:v>70.53</c:v>
                </c:pt>
                <c:pt idx="7072">
                  <c:v>70.540000000000006</c:v>
                </c:pt>
                <c:pt idx="7073">
                  <c:v>70.551000000000002</c:v>
                </c:pt>
                <c:pt idx="7074">
                  <c:v>70.56</c:v>
                </c:pt>
                <c:pt idx="7075">
                  <c:v>70.570999999999998</c:v>
                </c:pt>
                <c:pt idx="7076">
                  <c:v>70.581999999999994</c:v>
                </c:pt>
                <c:pt idx="7077">
                  <c:v>70.590999999999994</c:v>
                </c:pt>
                <c:pt idx="7078">
                  <c:v>70.600999999999999</c:v>
                </c:pt>
                <c:pt idx="7079">
                  <c:v>70.613</c:v>
                </c:pt>
                <c:pt idx="7080">
                  <c:v>70.623000000000005</c:v>
                </c:pt>
                <c:pt idx="7081">
                  <c:v>70.632999999999996</c:v>
                </c:pt>
                <c:pt idx="7082">
                  <c:v>70.643000000000001</c:v>
                </c:pt>
                <c:pt idx="7083">
                  <c:v>70.653000000000006</c:v>
                </c:pt>
                <c:pt idx="7084">
                  <c:v>70.664000000000001</c:v>
                </c:pt>
                <c:pt idx="7085">
                  <c:v>70.673000000000002</c:v>
                </c:pt>
                <c:pt idx="7086">
                  <c:v>70.683000000000007</c:v>
                </c:pt>
                <c:pt idx="7087">
                  <c:v>70.692999999999998</c:v>
                </c:pt>
                <c:pt idx="7088">
                  <c:v>70.703999999999994</c:v>
                </c:pt>
                <c:pt idx="7089">
                  <c:v>70.713999999999999</c:v>
                </c:pt>
                <c:pt idx="7090">
                  <c:v>70.724000000000004</c:v>
                </c:pt>
                <c:pt idx="7091">
                  <c:v>70.733000000000004</c:v>
                </c:pt>
                <c:pt idx="7092">
                  <c:v>70.744</c:v>
                </c:pt>
                <c:pt idx="7093">
                  <c:v>70.754000000000005</c:v>
                </c:pt>
                <c:pt idx="7094">
                  <c:v>70.765000000000001</c:v>
                </c:pt>
                <c:pt idx="7095">
                  <c:v>70.774000000000001</c:v>
                </c:pt>
                <c:pt idx="7096">
                  <c:v>70.784999999999997</c:v>
                </c:pt>
                <c:pt idx="7097">
                  <c:v>70.795000000000002</c:v>
                </c:pt>
                <c:pt idx="7098">
                  <c:v>70.804000000000002</c:v>
                </c:pt>
                <c:pt idx="7099">
                  <c:v>70.813999999999993</c:v>
                </c:pt>
                <c:pt idx="7100">
                  <c:v>70.823999999999998</c:v>
                </c:pt>
                <c:pt idx="7101">
                  <c:v>70.834000000000003</c:v>
                </c:pt>
                <c:pt idx="7102">
                  <c:v>70.843999999999994</c:v>
                </c:pt>
                <c:pt idx="7103">
                  <c:v>70.853999999999999</c:v>
                </c:pt>
                <c:pt idx="7104">
                  <c:v>70.864000000000004</c:v>
                </c:pt>
                <c:pt idx="7105">
                  <c:v>70.873000000000005</c:v>
                </c:pt>
                <c:pt idx="7106">
                  <c:v>70.882999999999996</c:v>
                </c:pt>
                <c:pt idx="7107">
                  <c:v>70.893000000000001</c:v>
                </c:pt>
                <c:pt idx="7108">
                  <c:v>70.903999999999996</c:v>
                </c:pt>
                <c:pt idx="7109">
                  <c:v>70.914000000000001</c:v>
                </c:pt>
                <c:pt idx="7110">
                  <c:v>70.924000000000007</c:v>
                </c:pt>
                <c:pt idx="7111">
                  <c:v>70.933999999999997</c:v>
                </c:pt>
                <c:pt idx="7112">
                  <c:v>70.942999999999998</c:v>
                </c:pt>
                <c:pt idx="7113">
                  <c:v>70.953999999999994</c:v>
                </c:pt>
                <c:pt idx="7114">
                  <c:v>70.962999999999994</c:v>
                </c:pt>
                <c:pt idx="7115">
                  <c:v>70.974000000000004</c:v>
                </c:pt>
                <c:pt idx="7116">
                  <c:v>70.983000000000004</c:v>
                </c:pt>
                <c:pt idx="7117">
                  <c:v>70.992999999999995</c:v>
                </c:pt>
                <c:pt idx="7118">
                  <c:v>71.003</c:v>
                </c:pt>
                <c:pt idx="7119">
                  <c:v>71.012</c:v>
                </c:pt>
                <c:pt idx="7120">
                  <c:v>71.022000000000006</c:v>
                </c:pt>
                <c:pt idx="7121">
                  <c:v>71.031999999999996</c:v>
                </c:pt>
                <c:pt idx="7122">
                  <c:v>71.040999999999997</c:v>
                </c:pt>
                <c:pt idx="7123">
                  <c:v>71.051000000000002</c:v>
                </c:pt>
                <c:pt idx="7124">
                  <c:v>71.061999999999998</c:v>
                </c:pt>
                <c:pt idx="7125">
                  <c:v>71.072000000000003</c:v>
                </c:pt>
                <c:pt idx="7126">
                  <c:v>71.081999999999994</c:v>
                </c:pt>
                <c:pt idx="7127">
                  <c:v>71.091999999999999</c:v>
                </c:pt>
                <c:pt idx="7128">
                  <c:v>71.102000000000004</c:v>
                </c:pt>
                <c:pt idx="7129">
                  <c:v>71.111999999999995</c:v>
                </c:pt>
                <c:pt idx="7130">
                  <c:v>71.122</c:v>
                </c:pt>
                <c:pt idx="7131">
                  <c:v>71.132000000000005</c:v>
                </c:pt>
                <c:pt idx="7132">
                  <c:v>71.143000000000001</c:v>
                </c:pt>
                <c:pt idx="7133">
                  <c:v>71.152000000000001</c:v>
                </c:pt>
                <c:pt idx="7134">
                  <c:v>71.162000000000006</c:v>
                </c:pt>
                <c:pt idx="7135">
                  <c:v>71.171999999999997</c:v>
                </c:pt>
                <c:pt idx="7136">
                  <c:v>71.183000000000007</c:v>
                </c:pt>
                <c:pt idx="7137">
                  <c:v>71.191999999999993</c:v>
                </c:pt>
                <c:pt idx="7138">
                  <c:v>71.203999999999994</c:v>
                </c:pt>
                <c:pt idx="7139">
                  <c:v>71.212999999999994</c:v>
                </c:pt>
                <c:pt idx="7140">
                  <c:v>71.222999999999999</c:v>
                </c:pt>
                <c:pt idx="7141">
                  <c:v>71.233000000000004</c:v>
                </c:pt>
                <c:pt idx="7142">
                  <c:v>71.244</c:v>
                </c:pt>
                <c:pt idx="7143">
                  <c:v>71.254000000000005</c:v>
                </c:pt>
                <c:pt idx="7144">
                  <c:v>71.263999999999996</c:v>
                </c:pt>
                <c:pt idx="7145">
                  <c:v>71.275000000000006</c:v>
                </c:pt>
                <c:pt idx="7146">
                  <c:v>71.284000000000006</c:v>
                </c:pt>
                <c:pt idx="7147">
                  <c:v>71.293999999999997</c:v>
                </c:pt>
                <c:pt idx="7148">
                  <c:v>71.305000000000007</c:v>
                </c:pt>
                <c:pt idx="7149">
                  <c:v>71.314999999999998</c:v>
                </c:pt>
                <c:pt idx="7150">
                  <c:v>71.325000000000003</c:v>
                </c:pt>
                <c:pt idx="7151">
                  <c:v>71.334999999999994</c:v>
                </c:pt>
                <c:pt idx="7152">
                  <c:v>71.346000000000004</c:v>
                </c:pt>
                <c:pt idx="7153">
                  <c:v>71.355999999999995</c:v>
                </c:pt>
                <c:pt idx="7154">
                  <c:v>71.367000000000004</c:v>
                </c:pt>
                <c:pt idx="7155">
                  <c:v>71.376000000000005</c:v>
                </c:pt>
                <c:pt idx="7156">
                  <c:v>71.388000000000005</c:v>
                </c:pt>
                <c:pt idx="7157">
                  <c:v>71.397000000000006</c:v>
                </c:pt>
                <c:pt idx="7158">
                  <c:v>71.408000000000001</c:v>
                </c:pt>
                <c:pt idx="7159">
                  <c:v>71.417000000000002</c:v>
                </c:pt>
                <c:pt idx="7160">
                  <c:v>71.427000000000007</c:v>
                </c:pt>
                <c:pt idx="7161">
                  <c:v>71.438000000000002</c:v>
                </c:pt>
                <c:pt idx="7162">
                  <c:v>71.447000000000003</c:v>
                </c:pt>
                <c:pt idx="7163">
                  <c:v>71.456999999999994</c:v>
                </c:pt>
                <c:pt idx="7164">
                  <c:v>71.468000000000004</c:v>
                </c:pt>
                <c:pt idx="7165">
                  <c:v>71.477999999999994</c:v>
                </c:pt>
                <c:pt idx="7166">
                  <c:v>71.488</c:v>
                </c:pt>
                <c:pt idx="7167">
                  <c:v>71.498000000000005</c:v>
                </c:pt>
                <c:pt idx="7168">
                  <c:v>71.507999999999996</c:v>
                </c:pt>
                <c:pt idx="7169">
                  <c:v>71.519000000000005</c:v>
                </c:pt>
                <c:pt idx="7170">
                  <c:v>71.528999999999996</c:v>
                </c:pt>
                <c:pt idx="7171">
                  <c:v>71.537999999999997</c:v>
                </c:pt>
                <c:pt idx="7172">
                  <c:v>71.548000000000002</c:v>
                </c:pt>
                <c:pt idx="7173">
                  <c:v>71.558000000000007</c:v>
                </c:pt>
                <c:pt idx="7174">
                  <c:v>71.573999999999998</c:v>
                </c:pt>
                <c:pt idx="7175">
                  <c:v>71.584000000000003</c:v>
                </c:pt>
                <c:pt idx="7176">
                  <c:v>71.593000000000004</c:v>
                </c:pt>
                <c:pt idx="7177">
                  <c:v>71.603999999999999</c:v>
                </c:pt>
                <c:pt idx="7178">
                  <c:v>71.614000000000004</c:v>
                </c:pt>
                <c:pt idx="7179">
                  <c:v>71.623999999999995</c:v>
                </c:pt>
                <c:pt idx="7180">
                  <c:v>71.635000000000005</c:v>
                </c:pt>
                <c:pt idx="7181">
                  <c:v>71.644999999999996</c:v>
                </c:pt>
                <c:pt idx="7182">
                  <c:v>71.655000000000001</c:v>
                </c:pt>
                <c:pt idx="7183">
                  <c:v>71.665000000000006</c:v>
                </c:pt>
                <c:pt idx="7184">
                  <c:v>71.674999999999997</c:v>
                </c:pt>
                <c:pt idx="7185">
                  <c:v>71.686000000000007</c:v>
                </c:pt>
                <c:pt idx="7186">
                  <c:v>71.695999999999998</c:v>
                </c:pt>
                <c:pt idx="7187">
                  <c:v>71.706000000000003</c:v>
                </c:pt>
                <c:pt idx="7188">
                  <c:v>71.716999999999999</c:v>
                </c:pt>
                <c:pt idx="7189">
                  <c:v>71.727000000000004</c:v>
                </c:pt>
                <c:pt idx="7190">
                  <c:v>71.736000000000004</c:v>
                </c:pt>
                <c:pt idx="7191">
                  <c:v>71.747</c:v>
                </c:pt>
                <c:pt idx="7192">
                  <c:v>71.757000000000005</c:v>
                </c:pt>
                <c:pt idx="7193">
                  <c:v>71.766999999999996</c:v>
                </c:pt>
                <c:pt idx="7194">
                  <c:v>71.778000000000006</c:v>
                </c:pt>
                <c:pt idx="7195">
                  <c:v>71.787999999999997</c:v>
                </c:pt>
                <c:pt idx="7196">
                  <c:v>71.799000000000007</c:v>
                </c:pt>
                <c:pt idx="7197">
                  <c:v>71.808999999999997</c:v>
                </c:pt>
                <c:pt idx="7198">
                  <c:v>71.813999999999993</c:v>
                </c:pt>
                <c:pt idx="7199">
                  <c:v>71.834000000000003</c:v>
                </c:pt>
                <c:pt idx="7200">
                  <c:v>71.843000000000004</c:v>
                </c:pt>
                <c:pt idx="7201">
                  <c:v>71.853999999999999</c:v>
                </c:pt>
                <c:pt idx="7202">
                  <c:v>71.864000000000004</c:v>
                </c:pt>
                <c:pt idx="7203">
                  <c:v>71.873000000000005</c:v>
                </c:pt>
                <c:pt idx="7204">
                  <c:v>71.884</c:v>
                </c:pt>
                <c:pt idx="7205">
                  <c:v>71.894000000000005</c:v>
                </c:pt>
                <c:pt idx="7206">
                  <c:v>71.903999999999996</c:v>
                </c:pt>
                <c:pt idx="7207">
                  <c:v>71.914000000000001</c:v>
                </c:pt>
                <c:pt idx="7208">
                  <c:v>71.924999999999997</c:v>
                </c:pt>
                <c:pt idx="7209">
                  <c:v>71.935000000000002</c:v>
                </c:pt>
                <c:pt idx="7210">
                  <c:v>71.944000000000003</c:v>
                </c:pt>
                <c:pt idx="7211">
                  <c:v>71.953999999999994</c:v>
                </c:pt>
                <c:pt idx="7212">
                  <c:v>71.995000000000005</c:v>
                </c:pt>
                <c:pt idx="7213">
                  <c:v>72.004999999999995</c:v>
                </c:pt>
                <c:pt idx="7214">
                  <c:v>72.016000000000005</c:v>
                </c:pt>
                <c:pt idx="7215">
                  <c:v>72.025999999999996</c:v>
                </c:pt>
                <c:pt idx="7216">
                  <c:v>72.036000000000001</c:v>
                </c:pt>
                <c:pt idx="7217">
                  <c:v>72.046000000000006</c:v>
                </c:pt>
                <c:pt idx="7218">
                  <c:v>72.057000000000002</c:v>
                </c:pt>
                <c:pt idx="7219">
                  <c:v>72.066999999999993</c:v>
                </c:pt>
                <c:pt idx="7220">
                  <c:v>72.075999999999993</c:v>
                </c:pt>
                <c:pt idx="7221">
                  <c:v>72.087999999999994</c:v>
                </c:pt>
                <c:pt idx="7222">
                  <c:v>72.097999999999999</c:v>
                </c:pt>
                <c:pt idx="7223">
                  <c:v>72.108000000000004</c:v>
                </c:pt>
                <c:pt idx="7224">
                  <c:v>72.119</c:v>
                </c:pt>
                <c:pt idx="7225">
                  <c:v>72.129000000000005</c:v>
                </c:pt>
                <c:pt idx="7226">
                  <c:v>72.138999999999996</c:v>
                </c:pt>
                <c:pt idx="7227">
                  <c:v>72.149000000000001</c:v>
                </c:pt>
                <c:pt idx="7228">
                  <c:v>72.16</c:v>
                </c:pt>
                <c:pt idx="7229">
                  <c:v>72.168999999999997</c:v>
                </c:pt>
                <c:pt idx="7230">
                  <c:v>72.179000000000002</c:v>
                </c:pt>
                <c:pt idx="7231">
                  <c:v>72.188999999999993</c:v>
                </c:pt>
                <c:pt idx="7232">
                  <c:v>72.2</c:v>
                </c:pt>
                <c:pt idx="7233">
                  <c:v>72.209999999999994</c:v>
                </c:pt>
                <c:pt idx="7234">
                  <c:v>72.22</c:v>
                </c:pt>
                <c:pt idx="7235">
                  <c:v>72.23</c:v>
                </c:pt>
                <c:pt idx="7236">
                  <c:v>72.241</c:v>
                </c:pt>
                <c:pt idx="7237">
                  <c:v>72.25</c:v>
                </c:pt>
                <c:pt idx="7238">
                  <c:v>72.260000000000005</c:v>
                </c:pt>
                <c:pt idx="7239">
                  <c:v>72.271000000000001</c:v>
                </c:pt>
                <c:pt idx="7240">
                  <c:v>72.281000000000006</c:v>
                </c:pt>
                <c:pt idx="7241">
                  <c:v>72.290999999999997</c:v>
                </c:pt>
                <c:pt idx="7242">
                  <c:v>72.302000000000007</c:v>
                </c:pt>
                <c:pt idx="7243">
                  <c:v>72.311999999999998</c:v>
                </c:pt>
                <c:pt idx="7244">
                  <c:v>72.320999999999998</c:v>
                </c:pt>
                <c:pt idx="7245">
                  <c:v>72.331999999999994</c:v>
                </c:pt>
                <c:pt idx="7246">
                  <c:v>72.341999999999999</c:v>
                </c:pt>
                <c:pt idx="7247">
                  <c:v>72.350999999999999</c:v>
                </c:pt>
                <c:pt idx="7248">
                  <c:v>72.361000000000004</c:v>
                </c:pt>
                <c:pt idx="7249">
                  <c:v>72.372</c:v>
                </c:pt>
                <c:pt idx="7250">
                  <c:v>72.382000000000005</c:v>
                </c:pt>
                <c:pt idx="7251">
                  <c:v>72.391999999999996</c:v>
                </c:pt>
                <c:pt idx="7252">
                  <c:v>72.402000000000001</c:v>
                </c:pt>
                <c:pt idx="7253">
                  <c:v>72.412999999999997</c:v>
                </c:pt>
                <c:pt idx="7254">
                  <c:v>72.421999999999997</c:v>
                </c:pt>
                <c:pt idx="7255">
                  <c:v>72.432000000000002</c:v>
                </c:pt>
                <c:pt idx="7256">
                  <c:v>72.442999999999998</c:v>
                </c:pt>
                <c:pt idx="7257">
                  <c:v>72.451999999999998</c:v>
                </c:pt>
                <c:pt idx="7258">
                  <c:v>72.456000000000003</c:v>
                </c:pt>
                <c:pt idx="7259">
                  <c:v>72.472999999999999</c:v>
                </c:pt>
                <c:pt idx="7260">
                  <c:v>72.483999999999995</c:v>
                </c:pt>
                <c:pt idx="7261">
                  <c:v>72.492999999999995</c:v>
                </c:pt>
                <c:pt idx="7262">
                  <c:v>72.503</c:v>
                </c:pt>
                <c:pt idx="7263">
                  <c:v>72.512</c:v>
                </c:pt>
                <c:pt idx="7264">
                  <c:v>72.522999999999996</c:v>
                </c:pt>
                <c:pt idx="7265">
                  <c:v>72.531999999999996</c:v>
                </c:pt>
                <c:pt idx="7266">
                  <c:v>72.540999999999997</c:v>
                </c:pt>
                <c:pt idx="7267">
                  <c:v>72.55</c:v>
                </c:pt>
                <c:pt idx="7268">
                  <c:v>72.561000000000007</c:v>
                </c:pt>
                <c:pt idx="7269">
                  <c:v>72.570999999999998</c:v>
                </c:pt>
                <c:pt idx="7270">
                  <c:v>72.58</c:v>
                </c:pt>
                <c:pt idx="7271">
                  <c:v>72.59</c:v>
                </c:pt>
                <c:pt idx="7272">
                  <c:v>72.600999999999999</c:v>
                </c:pt>
                <c:pt idx="7273">
                  <c:v>72.61</c:v>
                </c:pt>
                <c:pt idx="7274">
                  <c:v>72.620999999999995</c:v>
                </c:pt>
                <c:pt idx="7275">
                  <c:v>72.631</c:v>
                </c:pt>
                <c:pt idx="7276">
                  <c:v>72.64</c:v>
                </c:pt>
                <c:pt idx="7277">
                  <c:v>72.650999999999996</c:v>
                </c:pt>
                <c:pt idx="7278">
                  <c:v>72.66</c:v>
                </c:pt>
                <c:pt idx="7279">
                  <c:v>72.67</c:v>
                </c:pt>
                <c:pt idx="7280">
                  <c:v>72.680000000000007</c:v>
                </c:pt>
                <c:pt idx="7281">
                  <c:v>72.69</c:v>
                </c:pt>
                <c:pt idx="7282">
                  <c:v>72.7</c:v>
                </c:pt>
                <c:pt idx="7283">
                  <c:v>72.709999999999994</c:v>
                </c:pt>
                <c:pt idx="7284">
                  <c:v>72.72</c:v>
                </c:pt>
                <c:pt idx="7285">
                  <c:v>72.728999999999999</c:v>
                </c:pt>
                <c:pt idx="7286">
                  <c:v>72.739999999999995</c:v>
                </c:pt>
                <c:pt idx="7287">
                  <c:v>72.748999999999995</c:v>
                </c:pt>
                <c:pt idx="7288">
                  <c:v>72.760000000000005</c:v>
                </c:pt>
                <c:pt idx="7289">
                  <c:v>72.769000000000005</c:v>
                </c:pt>
                <c:pt idx="7290">
                  <c:v>72.778000000000006</c:v>
                </c:pt>
                <c:pt idx="7291">
                  <c:v>72.789000000000001</c:v>
                </c:pt>
                <c:pt idx="7292">
                  <c:v>72.798000000000002</c:v>
                </c:pt>
                <c:pt idx="7293">
                  <c:v>72.807000000000002</c:v>
                </c:pt>
                <c:pt idx="7294">
                  <c:v>72.816999999999993</c:v>
                </c:pt>
                <c:pt idx="7295">
                  <c:v>72.826999999999998</c:v>
                </c:pt>
                <c:pt idx="7296">
                  <c:v>72.837000000000003</c:v>
                </c:pt>
                <c:pt idx="7297">
                  <c:v>72.846000000000004</c:v>
                </c:pt>
                <c:pt idx="7298">
                  <c:v>72.855999999999995</c:v>
                </c:pt>
                <c:pt idx="7299">
                  <c:v>72.866</c:v>
                </c:pt>
                <c:pt idx="7300">
                  <c:v>72.876000000000005</c:v>
                </c:pt>
                <c:pt idx="7301">
                  <c:v>72.885000000000005</c:v>
                </c:pt>
                <c:pt idx="7302">
                  <c:v>72.894999999999996</c:v>
                </c:pt>
                <c:pt idx="7303">
                  <c:v>72.903999999999996</c:v>
                </c:pt>
                <c:pt idx="7304">
                  <c:v>72.914000000000001</c:v>
                </c:pt>
                <c:pt idx="7305">
                  <c:v>72.924000000000007</c:v>
                </c:pt>
                <c:pt idx="7306">
                  <c:v>72.933999999999997</c:v>
                </c:pt>
                <c:pt idx="7307">
                  <c:v>72.942999999999998</c:v>
                </c:pt>
                <c:pt idx="7308">
                  <c:v>72.953000000000003</c:v>
                </c:pt>
                <c:pt idx="7309">
                  <c:v>72.960999999999999</c:v>
                </c:pt>
                <c:pt idx="7310">
                  <c:v>72.97</c:v>
                </c:pt>
                <c:pt idx="7311">
                  <c:v>72.978999999999999</c:v>
                </c:pt>
                <c:pt idx="7312">
                  <c:v>72.988</c:v>
                </c:pt>
                <c:pt idx="7313">
                  <c:v>72.995999999999995</c:v>
                </c:pt>
                <c:pt idx="7314">
                  <c:v>73.006</c:v>
                </c:pt>
                <c:pt idx="7315">
                  <c:v>73.015000000000001</c:v>
                </c:pt>
                <c:pt idx="7316">
                  <c:v>73.025000000000006</c:v>
                </c:pt>
                <c:pt idx="7317">
                  <c:v>73.036000000000001</c:v>
                </c:pt>
                <c:pt idx="7318">
                  <c:v>73.045000000000002</c:v>
                </c:pt>
                <c:pt idx="7319">
                  <c:v>73.054000000000002</c:v>
                </c:pt>
                <c:pt idx="7320">
                  <c:v>73.063999999999993</c:v>
                </c:pt>
                <c:pt idx="7321">
                  <c:v>73.072999999999993</c:v>
                </c:pt>
                <c:pt idx="7322">
                  <c:v>73.081999999999994</c:v>
                </c:pt>
                <c:pt idx="7323">
                  <c:v>73.090999999999994</c:v>
                </c:pt>
                <c:pt idx="7324">
                  <c:v>73.100999999999999</c:v>
                </c:pt>
                <c:pt idx="7325">
                  <c:v>73.11</c:v>
                </c:pt>
                <c:pt idx="7326">
                  <c:v>73.12</c:v>
                </c:pt>
                <c:pt idx="7327">
                  <c:v>73.129000000000005</c:v>
                </c:pt>
                <c:pt idx="7328">
                  <c:v>73.138999999999996</c:v>
                </c:pt>
                <c:pt idx="7329">
                  <c:v>73.147999999999996</c:v>
                </c:pt>
                <c:pt idx="7330">
                  <c:v>73.156999999999996</c:v>
                </c:pt>
                <c:pt idx="7331">
                  <c:v>73.167000000000002</c:v>
                </c:pt>
                <c:pt idx="7332">
                  <c:v>73.177000000000007</c:v>
                </c:pt>
                <c:pt idx="7333">
                  <c:v>73.186000000000007</c:v>
                </c:pt>
                <c:pt idx="7334">
                  <c:v>73.195999999999998</c:v>
                </c:pt>
                <c:pt idx="7335">
                  <c:v>73.203999999999994</c:v>
                </c:pt>
                <c:pt idx="7336">
                  <c:v>73.213999999999999</c:v>
                </c:pt>
                <c:pt idx="7337">
                  <c:v>73.222999999999999</c:v>
                </c:pt>
                <c:pt idx="7338">
                  <c:v>73.233000000000004</c:v>
                </c:pt>
                <c:pt idx="7339">
                  <c:v>73.242000000000004</c:v>
                </c:pt>
                <c:pt idx="7340">
                  <c:v>73.251999999999995</c:v>
                </c:pt>
                <c:pt idx="7341">
                  <c:v>73.260999999999996</c:v>
                </c:pt>
                <c:pt idx="7342">
                  <c:v>73.271000000000001</c:v>
                </c:pt>
                <c:pt idx="7343">
                  <c:v>73.28</c:v>
                </c:pt>
                <c:pt idx="7344">
                  <c:v>73.290000000000006</c:v>
                </c:pt>
                <c:pt idx="7345">
                  <c:v>73.3</c:v>
                </c:pt>
                <c:pt idx="7346">
                  <c:v>73.31</c:v>
                </c:pt>
                <c:pt idx="7347">
                  <c:v>73.319000000000003</c:v>
                </c:pt>
                <c:pt idx="7348">
                  <c:v>73.33</c:v>
                </c:pt>
                <c:pt idx="7349">
                  <c:v>73.338999999999999</c:v>
                </c:pt>
                <c:pt idx="7350">
                  <c:v>73.349000000000004</c:v>
                </c:pt>
                <c:pt idx="7351">
                  <c:v>73.358999999999995</c:v>
                </c:pt>
                <c:pt idx="7352">
                  <c:v>73.369</c:v>
                </c:pt>
                <c:pt idx="7353">
                  <c:v>73.379000000000005</c:v>
                </c:pt>
                <c:pt idx="7354">
                  <c:v>73.388999999999996</c:v>
                </c:pt>
                <c:pt idx="7355">
                  <c:v>73.397999999999996</c:v>
                </c:pt>
                <c:pt idx="7356">
                  <c:v>73.408000000000001</c:v>
                </c:pt>
                <c:pt idx="7357">
                  <c:v>73.417000000000002</c:v>
                </c:pt>
                <c:pt idx="7358">
                  <c:v>73.427999999999997</c:v>
                </c:pt>
                <c:pt idx="7359">
                  <c:v>73.436999999999998</c:v>
                </c:pt>
                <c:pt idx="7360">
                  <c:v>73.447000000000003</c:v>
                </c:pt>
                <c:pt idx="7361">
                  <c:v>73.456999999999994</c:v>
                </c:pt>
                <c:pt idx="7362">
                  <c:v>73.466999999999999</c:v>
                </c:pt>
                <c:pt idx="7363">
                  <c:v>73.475999999999999</c:v>
                </c:pt>
                <c:pt idx="7364">
                  <c:v>73.486000000000004</c:v>
                </c:pt>
                <c:pt idx="7365">
                  <c:v>73.494</c:v>
                </c:pt>
                <c:pt idx="7366">
                  <c:v>73.504000000000005</c:v>
                </c:pt>
                <c:pt idx="7367">
                  <c:v>73.512</c:v>
                </c:pt>
                <c:pt idx="7368">
                  <c:v>73.522000000000006</c:v>
                </c:pt>
                <c:pt idx="7369">
                  <c:v>73.531000000000006</c:v>
                </c:pt>
                <c:pt idx="7370">
                  <c:v>73.540999999999997</c:v>
                </c:pt>
                <c:pt idx="7371">
                  <c:v>73.55</c:v>
                </c:pt>
                <c:pt idx="7372">
                  <c:v>73.56</c:v>
                </c:pt>
                <c:pt idx="7373">
                  <c:v>73.569999999999993</c:v>
                </c:pt>
                <c:pt idx="7374">
                  <c:v>73.578999999999994</c:v>
                </c:pt>
                <c:pt idx="7375">
                  <c:v>73.588999999999999</c:v>
                </c:pt>
                <c:pt idx="7376">
                  <c:v>73.599000000000004</c:v>
                </c:pt>
                <c:pt idx="7377">
                  <c:v>73.608999999999995</c:v>
                </c:pt>
                <c:pt idx="7378">
                  <c:v>73.619</c:v>
                </c:pt>
                <c:pt idx="7379">
                  <c:v>73.629000000000005</c:v>
                </c:pt>
                <c:pt idx="7380">
                  <c:v>73.638000000000005</c:v>
                </c:pt>
                <c:pt idx="7381">
                  <c:v>73.647999999999996</c:v>
                </c:pt>
                <c:pt idx="7382">
                  <c:v>73.658000000000001</c:v>
                </c:pt>
                <c:pt idx="7383">
                  <c:v>73.668999999999997</c:v>
                </c:pt>
                <c:pt idx="7384">
                  <c:v>73.677999999999997</c:v>
                </c:pt>
                <c:pt idx="7385">
                  <c:v>73.688999999999993</c:v>
                </c:pt>
                <c:pt idx="7386">
                  <c:v>73.697999999999993</c:v>
                </c:pt>
                <c:pt idx="7387">
                  <c:v>73.709000000000003</c:v>
                </c:pt>
                <c:pt idx="7388">
                  <c:v>73.718000000000004</c:v>
                </c:pt>
                <c:pt idx="7389">
                  <c:v>73.728999999999999</c:v>
                </c:pt>
                <c:pt idx="7390">
                  <c:v>73.738</c:v>
                </c:pt>
                <c:pt idx="7391">
                  <c:v>73.748000000000005</c:v>
                </c:pt>
                <c:pt idx="7392">
                  <c:v>73.757000000000005</c:v>
                </c:pt>
                <c:pt idx="7393">
                  <c:v>73.766999999999996</c:v>
                </c:pt>
                <c:pt idx="7394">
                  <c:v>73.777000000000001</c:v>
                </c:pt>
                <c:pt idx="7395">
                  <c:v>73.787000000000006</c:v>
                </c:pt>
                <c:pt idx="7396">
                  <c:v>73.805000000000007</c:v>
                </c:pt>
                <c:pt idx="7397">
                  <c:v>73.814999999999998</c:v>
                </c:pt>
                <c:pt idx="7398">
                  <c:v>73.823999999999998</c:v>
                </c:pt>
                <c:pt idx="7399">
                  <c:v>73.834000000000003</c:v>
                </c:pt>
                <c:pt idx="7400">
                  <c:v>73.843000000000004</c:v>
                </c:pt>
                <c:pt idx="7401">
                  <c:v>73.852999999999994</c:v>
                </c:pt>
                <c:pt idx="7402">
                  <c:v>73.861000000000004</c:v>
                </c:pt>
                <c:pt idx="7403">
                  <c:v>73.870999999999995</c:v>
                </c:pt>
                <c:pt idx="7404">
                  <c:v>73.88</c:v>
                </c:pt>
                <c:pt idx="7405">
                  <c:v>73.89</c:v>
                </c:pt>
                <c:pt idx="7406">
                  <c:v>73.899000000000001</c:v>
                </c:pt>
                <c:pt idx="7407">
                  <c:v>73.908000000000001</c:v>
                </c:pt>
                <c:pt idx="7408">
                  <c:v>73.918000000000006</c:v>
                </c:pt>
                <c:pt idx="7409">
                  <c:v>73.927000000000007</c:v>
                </c:pt>
                <c:pt idx="7410">
                  <c:v>73.936999999999998</c:v>
                </c:pt>
                <c:pt idx="7411">
                  <c:v>73.945999999999998</c:v>
                </c:pt>
                <c:pt idx="7412">
                  <c:v>73.956000000000003</c:v>
                </c:pt>
                <c:pt idx="7413">
                  <c:v>73.965000000000003</c:v>
                </c:pt>
                <c:pt idx="7414">
                  <c:v>73.974999999999994</c:v>
                </c:pt>
                <c:pt idx="7415">
                  <c:v>73.983000000000004</c:v>
                </c:pt>
                <c:pt idx="7416">
                  <c:v>73.991</c:v>
                </c:pt>
                <c:pt idx="7417">
                  <c:v>74</c:v>
                </c:pt>
                <c:pt idx="7418">
                  <c:v>74.010999999999996</c:v>
                </c:pt>
                <c:pt idx="7419">
                  <c:v>74.018000000000001</c:v>
                </c:pt>
                <c:pt idx="7420">
                  <c:v>74.036000000000001</c:v>
                </c:pt>
                <c:pt idx="7421">
                  <c:v>74.045000000000002</c:v>
                </c:pt>
                <c:pt idx="7422">
                  <c:v>74.054000000000002</c:v>
                </c:pt>
                <c:pt idx="7423">
                  <c:v>74.063000000000002</c:v>
                </c:pt>
                <c:pt idx="7424">
                  <c:v>74.072000000000003</c:v>
                </c:pt>
                <c:pt idx="7425">
                  <c:v>74.081000000000003</c:v>
                </c:pt>
                <c:pt idx="7426">
                  <c:v>74.088999999999999</c:v>
                </c:pt>
                <c:pt idx="7427">
                  <c:v>74.097999999999999</c:v>
                </c:pt>
                <c:pt idx="7428">
                  <c:v>74.105999999999995</c:v>
                </c:pt>
                <c:pt idx="7429">
                  <c:v>74.114999999999995</c:v>
                </c:pt>
                <c:pt idx="7430">
                  <c:v>74.123999999999995</c:v>
                </c:pt>
                <c:pt idx="7431">
                  <c:v>74.132999999999996</c:v>
                </c:pt>
                <c:pt idx="7432">
                  <c:v>74.141000000000005</c:v>
                </c:pt>
                <c:pt idx="7433">
                  <c:v>74.150000000000006</c:v>
                </c:pt>
                <c:pt idx="7434">
                  <c:v>74.158000000000001</c:v>
                </c:pt>
                <c:pt idx="7435">
                  <c:v>74.167000000000002</c:v>
                </c:pt>
                <c:pt idx="7436">
                  <c:v>74.174999999999997</c:v>
                </c:pt>
                <c:pt idx="7437">
                  <c:v>74.185000000000002</c:v>
                </c:pt>
                <c:pt idx="7438">
                  <c:v>74.192999999999998</c:v>
                </c:pt>
                <c:pt idx="7439">
                  <c:v>74.201999999999998</c:v>
                </c:pt>
                <c:pt idx="7440">
                  <c:v>74.209999999999994</c:v>
                </c:pt>
                <c:pt idx="7441">
                  <c:v>74.218999999999994</c:v>
                </c:pt>
                <c:pt idx="7442">
                  <c:v>74.227000000000004</c:v>
                </c:pt>
                <c:pt idx="7443">
                  <c:v>74.234999999999999</c:v>
                </c:pt>
                <c:pt idx="7444">
                  <c:v>74.242000000000004</c:v>
                </c:pt>
                <c:pt idx="7445">
                  <c:v>74.25</c:v>
                </c:pt>
                <c:pt idx="7446">
                  <c:v>74.256</c:v>
                </c:pt>
                <c:pt idx="7447">
                  <c:v>74.265000000000001</c:v>
                </c:pt>
                <c:pt idx="7448">
                  <c:v>74.271000000000001</c:v>
                </c:pt>
                <c:pt idx="7449">
                  <c:v>74.28</c:v>
                </c:pt>
                <c:pt idx="7450">
                  <c:v>74.284000000000006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2-EB80-48C8-A832-51A7039797B8}"/>
            </c:ext>
          </c:extLst>
        </c:ser>
        <c:ser>
          <c:idx val="1"/>
          <c:order val="1"/>
          <c:spPr>
            <a:ln w="25400" cap="rnd">
              <a:solidFill>
                <a:schemeClr val="tx2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chemeClr val="accent2"/>
              </a:solidFill>
              <a:ln w="9525">
                <a:solidFill>
                  <a:schemeClr val="accent2"/>
                </a:solidFill>
              </a:ln>
              <a:effectLst/>
            </c:spPr>
          </c:marker>
          <c:xVal>
            <c:numRef>
              <c:f>'CPT Data'!$V$37:$V$38</c:f>
              <c:numCache>
                <c:formatCode>General</c:formatCode>
                <c:ptCount val="2"/>
                <c:pt idx="0">
                  <c:v>700</c:v>
                </c:pt>
                <c:pt idx="1">
                  <c:v>200</c:v>
                </c:pt>
              </c:numCache>
            </c:numRef>
          </c:xVal>
          <c:yVal>
            <c:numRef>
              <c:f>'CPT Data'!$V$41:$V$42</c:f>
              <c:numCache>
                <c:formatCode>General</c:formatCode>
                <c:ptCount val="2"/>
                <c:pt idx="0">
                  <c:v>44</c:v>
                </c:pt>
                <c:pt idx="1">
                  <c:v>53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B563-448F-937F-B503A9D2C6F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1032885056"/>
        <c:axId val="1032881696"/>
      </c:scatterChart>
      <c:valAx>
        <c:axId val="1032885056"/>
        <c:scaling>
          <c:orientation val="minMax"/>
        </c:scaling>
        <c:delete val="0"/>
        <c:axPos val="t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minorGridlines>
          <c:spPr>
            <a:ln w="9525" cap="flat" cmpd="sng" algn="ctr">
              <a:solidFill>
                <a:schemeClr val="tx1">
                  <a:lumMod val="5000"/>
                  <a:lumOff val="95000"/>
                </a:schemeClr>
              </a:solidFill>
              <a:round/>
            </a:ln>
            <a:effectLst/>
          </c:spPr>
        </c:minorGridlines>
        <c:title>
          <c:tx>
            <c:rich>
              <a:bodyPr rot="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 baseline="0"/>
                  <a:t>s</a:t>
                </a:r>
                <a:r>
                  <a:rPr lang="en-GB" baseline="-25000"/>
                  <a:t>u</a:t>
                </a:r>
                <a:r>
                  <a:rPr lang="en-GB"/>
                  <a:t> [kPa]</a:t>
                </a:r>
              </a:p>
            </c:rich>
          </c:tx>
          <c:layout>
            <c:manualLayout>
              <c:xMode val="edge"/>
              <c:yMode val="edge"/>
              <c:x val="0.48100138888888888"/>
              <c:y val="7.0767222222222231E-2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032881696"/>
        <c:crosses val="autoZero"/>
        <c:crossBetween val="midCat"/>
      </c:valAx>
      <c:valAx>
        <c:axId val="1032881696"/>
        <c:scaling>
          <c:orientation val="maxMin"/>
          <c:max val="53"/>
          <c:min val="38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minorGridlines>
          <c:spPr>
            <a:ln w="9525" cap="flat" cmpd="sng" algn="ctr">
              <a:solidFill>
                <a:schemeClr val="tx1">
                  <a:lumMod val="5000"/>
                  <a:lumOff val="95000"/>
                </a:schemeClr>
              </a:solidFill>
              <a:round/>
            </a:ln>
            <a:effectLst/>
          </c:spPr>
        </c:min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/>
                  <a:t>Depth [m]</a:t>
                </a:r>
              </a:p>
            </c:rich>
          </c:tx>
          <c:layout>
            <c:manualLayout>
              <c:xMode val="edge"/>
              <c:yMode val="edge"/>
              <c:x val="1.4111111111111111E-2"/>
              <c:y val="0.48736259259259257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032885056"/>
        <c:crosses val="autoZero"/>
        <c:crossBetween val="midCat"/>
        <c:minorUnit val="1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Unit Weight, </a:t>
            </a:r>
            <a:r>
              <a:rPr lang="en-US">
                <a:latin typeface="Symbol" panose="05050102010706020507" pitchFamily="18" charset="2"/>
              </a:rPr>
              <a:t>g</a:t>
            </a:r>
            <a:endParaRPr lang="en-US" baseline="-25000"/>
          </a:p>
        </c:rich>
      </c:tx>
      <c:layout>
        <c:manualLayout>
          <c:xMode val="edge"/>
          <c:yMode val="edge"/>
          <c:x val="0.38647449494949493"/>
          <c:y val="1.1759259259259259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13819777777777775"/>
          <c:y val="0.15403055555555559"/>
          <c:w val="0.82102111111111109"/>
          <c:h val="0.75689277777777764"/>
        </c:manualLayout>
      </c:layout>
      <c:scatterChart>
        <c:scatterStyle val="lineMarker"/>
        <c:varyColors val="0"/>
        <c:ser>
          <c:idx val="1"/>
          <c:order val="0"/>
          <c:tx>
            <c:strRef>
              <c:f>'CPT Data'!$I$10</c:f>
              <c:strCache>
                <c:ptCount val="1"/>
                <c:pt idx="0">
                  <c:v>Unit Weight, g</c:v>
                </c:pt>
              </c:strCache>
            </c:strRef>
          </c:tx>
          <c:spPr>
            <a:ln w="19050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xVal>
            <c:numRef>
              <c:f>'CPT Data'!$T$14:$T$7462</c:f>
              <c:numCache>
                <c:formatCode>General</c:formatCode>
                <c:ptCount val="7449"/>
                <c:pt idx="0">
                  <c:v>73.782044641848103</c:v>
                </c:pt>
                <c:pt idx="1">
                  <c:v>67.857378828516772</c:v>
                </c:pt>
                <c:pt idx="2">
                  <c:v>64.193328088020451</c:v>
                </c:pt>
                <c:pt idx="3">
                  <c:v>62.68920587807856</c:v>
                </c:pt>
                <c:pt idx="4">
                  <c:v>61.719969574682672</c:v>
                </c:pt>
                <c:pt idx="5">
                  <c:v>61.043696037428553</c:v>
                </c:pt>
                <c:pt idx="6">
                  <c:v>61.766621806684185</c:v>
                </c:pt>
                <c:pt idx="7">
                  <c:v>66.711899440819579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#N/A</c:v>
                </c:pt>
                <c:pt idx="21">
                  <c:v>37.600582021544348</c:v>
                </c:pt>
                <c:pt idx="22">
                  <c:v>37.693613613458709</c:v>
                </c:pt>
                <c:pt idx="23">
                  <c:v>37.641958734594645</c:v>
                </c:pt>
                <c:pt idx="24">
                  <c:v>#N/A</c:v>
                </c:pt>
                <c:pt idx="25">
                  <c:v>#N/A</c:v>
                </c:pt>
                <c:pt idx="26">
                  <c:v>#N/A</c:v>
                </c:pt>
                <c:pt idx="27">
                  <c:v>#N/A</c:v>
                </c:pt>
                <c:pt idx="28">
                  <c:v>#N/A</c:v>
                </c:pt>
                <c:pt idx="29">
                  <c:v>#N/A</c:v>
                </c:pt>
                <c:pt idx="30">
                  <c:v>#N/A</c:v>
                </c:pt>
                <c:pt idx="31">
                  <c:v>#N/A</c:v>
                </c:pt>
                <c:pt idx="32">
                  <c:v>#N/A</c:v>
                </c:pt>
                <c:pt idx="33">
                  <c:v>36.852248674069628</c:v>
                </c:pt>
                <c:pt idx="34">
                  <c:v>36.56481853077625</c:v>
                </c:pt>
                <c:pt idx="35">
                  <c:v>36.949364303775234</c:v>
                </c:pt>
                <c:pt idx="36">
                  <c:v>37.196453732979847</c:v>
                </c:pt>
                <c:pt idx="37">
                  <c:v>36.771161734865061</c:v>
                </c:pt>
                <c:pt idx="38">
                  <c:v>36.294872475313312</c:v>
                </c:pt>
                <c:pt idx="39">
                  <c:v>36.330081158855208</c:v>
                </c:pt>
                <c:pt idx="40">
                  <c:v>36.385890922089729</c:v>
                </c:pt>
                <c:pt idx="41">
                  <c:v>36.401967188146713</c:v>
                </c:pt>
                <c:pt idx="42">
                  <c:v>36.284690369756674</c:v>
                </c:pt>
                <c:pt idx="43">
                  <c:v>36.268862711541558</c:v>
                </c:pt>
                <c:pt idx="44">
                  <c:v>36.703276532126239</c:v>
                </c:pt>
                <c:pt idx="45">
                  <c:v>36.619700418471197</c:v>
                </c:pt>
                <c:pt idx="46">
                  <c:v>36.572444508761535</c:v>
                </c:pt>
                <c:pt idx="47">
                  <c:v>36.452889919227673</c:v>
                </c:pt>
                <c:pt idx="48">
                  <c:v>36.966366247755573</c:v>
                </c:pt>
                <c:pt idx="49">
                  <c:v>36.95409769111059</c:v>
                </c:pt>
                <c:pt idx="50">
                  <c:v>36.889497146077872</c:v>
                </c:pt>
                <c:pt idx="51">
                  <c:v>36.900583283020609</c:v>
                </c:pt>
                <c:pt idx="52">
                  <c:v>36.373346595679934</c:v>
                </c:pt>
                <c:pt idx="53">
                  <c:v>36.320723420857377</c:v>
                </c:pt>
                <c:pt idx="54">
                  <c:v>36.898574964661975</c:v>
                </c:pt>
                <c:pt idx="55">
                  <c:v>36.394952549457315</c:v>
                </c:pt>
                <c:pt idx="56">
                  <c:v>35.972870297331895</c:v>
                </c:pt>
                <c:pt idx="57">
                  <c:v>35.952685385829895</c:v>
                </c:pt>
                <c:pt idx="58">
                  <c:v>35.957698489278961</c:v>
                </c:pt>
                <c:pt idx="59">
                  <c:v>35.933126733334163</c:v>
                </c:pt>
                <c:pt idx="60">
                  <c:v>35.516364678425248</c:v>
                </c:pt>
                <c:pt idx="61">
                  <c:v>35.81329556714887</c:v>
                </c:pt>
                <c:pt idx="62">
                  <c:v>36.185673030836739</c:v>
                </c:pt>
                <c:pt idx="63">
                  <c:v>36.101299325664584</c:v>
                </c:pt>
                <c:pt idx="64">
                  <c:v>36.119750398374556</c:v>
                </c:pt>
                <c:pt idx="65">
                  <c:v>36.039666461212136</c:v>
                </c:pt>
                <c:pt idx="66">
                  <c:v>36.48184974557573</c:v>
                </c:pt>
                <c:pt idx="67">
                  <c:v>36.484416323189265</c:v>
                </c:pt>
                <c:pt idx="68">
                  <c:v>35.930134617872575</c:v>
                </c:pt>
                <c:pt idx="69">
                  <c:v>36.88945927668793</c:v>
                </c:pt>
                <c:pt idx="70">
                  <c:v>36.872061299771246</c:v>
                </c:pt>
                <c:pt idx="71">
                  <c:v>36.808383880546231</c:v>
                </c:pt>
                <c:pt idx="72">
                  <c:v>36.748563820459495</c:v>
                </c:pt>
                <c:pt idx="73">
                  <c:v>37.5186240410046</c:v>
                </c:pt>
                <c:pt idx="74">
                  <c:v>36.659028607002909</c:v>
                </c:pt>
                <c:pt idx="75">
                  <c:v>36.616127526284671</c:v>
                </c:pt>
                <c:pt idx="76">
                  <c:v>36.6038456788134</c:v>
                </c:pt>
                <c:pt idx="77">
                  <c:v>36.510377835750987</c:v>
                </c:pt>
                <c:pt idx="78">
                  <c:v>36.464807060694291</c:v>
                </c:pt>
                <c:pt idx="79">
                  <c:v>36.406464322479053</c:v>
                </c:pt>
                <c:pt idx="80">
                  <c:v>36.31815131182988</c:v>
                </c:pt>
                <c:pt idx="81">
                  <c:v>36.299942263292138</c:v>
                </c:pt>
                <c:pt idx="82">
                  <c:v>37.042236494487852</c:v>
                </c:pt>
                <c:pt idx="83">
                  <c:v>37.068603434240444</c:v>
                </c:pt>
                <c:pt idx="84">
                  <c:v>36.2859837379754</c:v>
                </c:pt>
                <c:pt idx="85">
                  <c:v>36.21195168384164</c:v>
                </c:pt>
                <c:pt idx="86">
                  <c:v>36.226619786740727</c:v>
                </c:pt>
                <c:pt idx="87">
                  <c:v>36.932275486758314</c:v>
                </c:pt>
                <c:pt idx="88">
                  <c:v>36.909810439750828</c:v>
                </c:pt>
                <c:pt idx="89">
                  <c:v>39.750663101485259</c:v>
                </c:pt>
                <c:pt idx="90">
                  <c:v>39.76015568352075</c:v>
                </c:pt>
                <c:pt idx="91">
                  <c:v>0</c:v>
                </c:pt>
                <c:pt idx="92">
                  <c:v>39.792060928075649</c:v>
                </c:pt>
                <c:pt idx="93">
                  <c:v>39.797415937975529</c:v>
                </c:pt>
                <c:pt idx="94">
                  <c:v>37.965135170773721</c:v>
                </c:pt>
                <c:pt idx="95">
                  <c:v>37.939595491688493</c:v>
                </c:pt>
                <c:pt idx="96">
                  <c:v>39.699811797495997</c:v>
                </c:pt>
                <c:pt idx="97">
                  <c:v>36.779485578634578</c:v>
                </c:pt>
                <c:pt idx="98">
                  <c:v>36.719716986611019</c:v>
                </c:pt>
                <c:pt idx="99">
                  <c:v>36.643667735447494</c:v>
                </c:pt>
                <c:pt idx="100">
                  <c:v>35.892112101780512</c:v>
                </c:pt>
                <c:pt idx="101">
                  <c:v>36.593722545930675</c:v>
                </c:pt>
                <c:pt idx="102">
                  <c:v>36.51984680343692</c:v>
                </c:pt>
                <c:pt idx="103">
                  <c:v>35.768992382398388</c:v>
                </c:pt>
                <c:pt idx="104">
                  <c:v>35.195358683256991</c:v>
                </c:pt>
                <c:pt idx="105">
                  <c:v>35.740323801244763</c:v>
                </c:pt>
                <c:pt idx="106">
                  <c:v>34.753878027091041</c:v>
                </c:pt>
                <c:pt idx="107">
                  <c:v>34.779759436707693</c:v>
                </c:pt>
                <c:pt idx="108">
                  <c:v>34.740744323231795</c:v>
                </c:pt>
                <c:pt idx="109">
                  <c:v>34.375055673878435</c:v>
                </c:pt>
                <c:pt idx="110">
                  <c:v>34.02888846151653</c:v>
                </c:pt>
                <c:pt idx="111">
                  <c:v>34.020133121118462</c:v>
                </c:pt>
                <c:pt idx="112">
                  <c:v>34.013049503357351</c:v>
                </c:pt>
                <c:pt idx="113">
                  <c:v>33.948076624971819</c:v>
                </c:pt>
                <c:pt idx="114">
                  <c:v>33.975523950079143</c:v>
                </c:pt>
                <c:pt idx="115">
                  <c:v>33.703270413646223</c:v>
                </c:pt>
                <c:pt idx="116">
                  <c:v>33.692018632106198</c:v>
                </c:pt>
                <c:pt idx="117">
                  <c:v>33.633731840690459</c:v>
                </c:pt>
                <c:pt idx="118">
                  <c:v>33.57874615174353</c:v>
                </c:pt>
                <c:pt idx="119">
                  <c:v>33.920825682607834</c:v>
                </c:pt>
                <c:pt idx="120">
                  <c:v>34.235293176580768</c:v>
                </c:pt>
                <c:pt idx="121">
                  <c:v>35.225859172973927</c:v>
                </c:pt>
                <c:pt idx="122">
                  <c:v>35.255624284632383</c:v>
                </c:pt>
                <c:pt idx="123">
                  <c:v>35.275863687371725</c:v>
                </c:pt>
                <c:pt idx="124">
                  <c:v>35.306870372263035</c:v>
                </c:pt>
                <c:pt idx="125">
                  <c:v>35.297388678010357</c:v>
                </c:pt>
                <c:pt idx="126">
                  <c:v>35.790619459055762</c:v>
                </c:pt>
                <c:pt idx="127">
                  <c:v>35.775572038917943</c:v>
                </c:pt>
                <c:pt idx="128">
                  <c:v>36.405536519592033</c:v>
                </c:pt>
                <c:pt idx="129">
                  <c:v>35.719229814623816</c:v>
                </c:pt>
                <c:pt idx="130">
                  <c:v>36.314122934701956</c:v>
                </c:pt>
                <c:pt idx="131">
                  <c:v>36.235674525540148</c:v>
                </c:pt>
                <c:pt idx="132">
                  <c:v>36.201200974625998</c:v>
                </c:pt>
                <c:pt idx="133">
                  <c:v>36.121331090345997</c:v>
                </c:pt>
                <c:pt idx="134">
                  <c:v>36.044965772894372</c:v>
                </c:pt>
                <c:pt idx="135">
                  <c:v>35.29941791805534</c:v>
                </c:pt>
                <c:pt idx="136">
                  <c:v>35.210062669609655</c:v>
                </c:pt>
                <c:pt idx="137">
                  <c:v>34.630690345560794</c:v>
                </c:pt>
                <c:pt idx="138">
                  <c:v>34.55114572854901</c:v>
                </c:pt>
                <c:pt idx="139">
                  <c:v>34.054728006893967</c:v>
                </c:pt>
                <c:pt idx="140">
                  <c:v>33.983871883655354</c:v>
                </c:pt>
                <c:pt idx="141">
                  <c:v>33.312578724632615</c:v>
                </c:pt>
                <c:pt idx="142">
                  <c:v>33.332247964040789</c:v>
                </c:pt>
                <c:pt idx="143">
                  <c:v>33.281406083638586</c:v>
                </c:pt>
                <c:pt idx="144">
                  <c:v>33.006134526939938</c:v>
                </c:pt>
                <c:pt idx="145">
                  <c:v>33.01980310752888</c:v>
                </c:pt>
                <c:pt idx="146">
                  <c:v>32.98201250777641</c:v>
                </c:pt>
                <c:pt idx="147">
                  <c:v>32.759353024800156</c:v>
                </c:pt>
                <c:pt idx="148">
                  <c:v>33.665954662045408</c:v>
                </c:pt>
                <c:pt idx="149">
                  <c:v>33.625847915368574</c:v>
                </c:pt>
                <c:pt idx="150">
                  <c:v>32.853651250384551</c:v>
                </c:pt>
                <c:pt idx="151">
                  <c:v>32.769114400388958</c:v>
                </c:pt>
                <c:pt idx="152">
                  <c:v>32.761906626589401</c:v>
                </c:pt>
                <c:pt idx="153">
                  <c:v>32.964460470554172</c:v>
                </c:pt>
                <c:pt idx="154">
                  <c:v>32.675150723830612</c:v>
                </c:pt>
                <c:pt idx="155">
                  <c:v>32.605801744674835</c:v>
                </c:pt>
                <c:pt idx="156">
                  <c:v>32.540696660782999</c:v>
                </c:pt>
                <c:pt idx="157">
                  <c:v>32.493074202445399</c:v>
                </c:pt>
                <c:pt idx="158">
                  <c:v>32.210125921938399</c:v>
                </c:pt>
                <c:pt idx="159">
                  <c:v>32.210917216944694</c:v>
                </c:pt>
                <c:pt idx="160">
                  <c:v>32.384072179327717</c:v>
                </c:pt>
                <c:pt idx="161">
                  <c:v>32.352608641164728</c:v>
                </c:pt>
                <c:pt idx="162">
                  <c:v>32.26051071244575</c:v>
                </c:pt>
                <c:pt idx="163">
                  <c:v>#N/A</c:v>
                </c:pt>
                <c:pt idx="164">
                  <c:v>#N/A</c:v>
                </c:pt>
                <c:pt idx="165">
                  <c:v>#N/A</c:v>
                </c:pt>
                <c:pt idx="166">
                  <c:v>#N/A</c:v>
                </c:pt>
                <c:pt idx="167">
                  <c:v>#N/A</c:v>
                </c:pt>
                <c:pt idx="168">
                  <c:v>#N/A</c:v>
                </c:pt>
                <c:pt idx="169">
                  <c:v>#N/A</c:v>
                </c:pt>
                <c:pt idx="170">
                  <c:v>#N/A</c:v>
                </c:pt>
                <c:pt idx="171">
                  <c:v>32.05022848099005</c:v>
                </c:pt>
                <c:pt idx="172">
                  <c:v>32.099832240347055</c:v>
                </c:pt>
                <c:pt idx="173">
                  <c:v>32.09067987552833</c:v>
                </c:pt>
                <c:pt idx="174">
                  <c:v>#N/A</c:v>
                </c:pt>
                <c:pt idx="175">
                  <c:v>32.118877813144842</c:v>
                </c:pt>
                <c:pt idx="176">
                  <c:v>32.1858412532671</c:v>
                </c:pt>
                <c:pt idx="177">
                  <c:v>32.47214136262469</c:v>
                </c:pt>
                <c:pt idx="178">
                  <c:v>32.22401996083412</c:v>
                </c:pt>
                <c:pt idx="179">
                  <c:v>32.54941110645747</c:v>
                </c:pt>
                <c:pt idx="180">
                  <c:v>32.11186375028943</c:v>
                </c:pt>
                <c:pt idx="181">
                  <c:v>32.42317555096929</c:v>
                </c:pt>
                <c:pt idx="182">
                  <c:v>32.500023376819591</c:v>
                </c:pt>
                <c:pt idx="183">
                  <c:v>33.208235645562098</c:v>
                </c:pt>
                <c:pt idx="184">
                  <c:v>32.788148377072545</c:v>
                </c:pt>
                <c:pt idx="185">
                  <c:v>33.32890544931</c:v>
                </c:pt>
                <c:pt idx="186">
                  <c:v>33.250620538968235</c:v>
                </c:pt>
                <c:pt idx="187">
                  <c:v>33.3825219080464</c:v>
                </c:pt>
                <c:pt idx="188">
                  <c:v>33.931966419850312</c:v>
                </c:pt>
                <c:pt idx="189">
                  <c:v>33.453073860076834</c:v>
                </c:pt>
                <c:pt idx="190">
                  <c:v>33.37673771028691</c:v>
                </c:pt>
                <c:pt idx="191">
                  <c:v>32.885932413559289</c:v>
                </c:pt>
                <c:pt idx="192">
                  <c:v>32.840074109309214</c:v>
                </c:pt>
                <c:pt idx="193">
                  <c:v>32.829819305756118</c:v>
                </c:pt>
                <c:pt idx="194">
                  <c:v>32.947387375510942</c:v>
                </c:pt>
                <c:pt idx="195">
                  <c:v>32.941800842641761</c:v>
                </c:pt>
                <c:pt idx="196">
                  <c:v>32.95681344025536</c:v>
                </c:pt>
                <c:pt idx="197">
                  <c:v>32.884078274577504</c:v>
                </c:pt>
                <c:pt idx="198">
                  <c:v>32.683841487566241</c:v>
                </c:pt>
                <c:pt idx="199">
                  <c:v>32.594282768496456</c:v>
                </c:pt>
                <c:pt idx="200">
                  <c:v>32.35156805388548</c:v>
                </c:pt>
                <c:pt idx="201">
                  <c:v>32.190090067794628</c:v>
                </c:pt>
                <c:pt idx="202">
                  <c:v>32.325920973260978</c:v>
                </c:pt>
                <c:pt idx="203">
                  <c:v>32.069610364566763</c:v>
                </c:pt>
                <c:pt idx="204">
                  <c:v>#N/A</c:v>
                </c:pt>
                <c:pt idx="205">
                  <c:v>#N/A</c:v>
                </c:pt>
                <c:pt idx="206">
                  <c:v>#N/A</c:v>
                </c:pt>
                <c:pt idx="207">
                  <c:v>#N/A</c:v>
                </c:pt>
                <c:pt idx="208">
                  <c:v>#N/A</c:v>
                </c:pt>
                <c:pt idx="209">
                  <c:v>#N/A</c:v>
                </c:pt>
                <c:pt idx="210">
                  <c:v>#N/A</c:v>
                </c:pt>
                <c:pt idx="211">
                  <c:v>#N/A</c:v>
                </c:pt>
                <c:pt idx="212">
                  <c:v>#N/A</c:v>
                </c:pt>
                <c:pt idx="213">
                  <c:v>#N/A</c:v>
                </c:pt>
                <c:pt idx="214">
                  <c:v>#N/A</c:v>
                </c:pt>
                <c:pt idx="215">
                  <c:v>#N/A</c:v>
                </c:pt>
                <c:pt idx="216">
                  <c:v>#N/A</c:v>
                </c:pt>
                <c:pt idx="217">
                  <c:v>#N/A</c:v>
                </c:pt>
                <c:pt idx="218">
                  <c:v>#N/A</c:v>
                </c:pt>
                <c:pt idx="219">
                  <c:v>31.711299249958699</c:v>
                </c:pt>
                <c:pt idx="220">
                  <c:v>32.031345873111533</c:v>
                </c:pt>
                <c:pt idx="221">
                  <c:v>31.978521323552975</c:v>
                </c:pt>
                <c:pt idx="222">
                  <c:v>31.934374232867633</c:v>
                </c:pt>
                <c:pt idx="223">
                  <c:v>32.13230117898884</c:v>
                </c:pt>
                <c:pt idx="224">
                  <c:v>32.198677513402785</c:v>
                </c:pt>
                <c:pt idx="225">
                  <c:v>32.230923359164748</c:v>
                </c:pt>
                <c:pt idx="226">
                  <c:v>32.397370387835466</c:v>
                </c:pt>
                <c:pt idx="227">
                  <c:v>32.471219618662587</c:v>
                </c:pt>
                <c:pt idx="228">
                  <c:v>32.43160389235085</c:v>
                </c:pt>
                <c:pt idx="229">
                  <c:v>32.597136620531373</c:v>
                </c:pt>
                <c:pt idx="230">
                  <c:v>32.509549672554009</c:v>
                </c:pt>
                <c:pt idx="231">
                  <c:v>32.599036762254578</c:v>
                </c:pt>
                <c:pt idx="232">
                  <c:v>32.698156648474239</c:v>
                </c:pt>
                <c:pt idx="233">
                  <c:v>32.81349654720367</c:v>
                </c:pt>
                <c:pt idx="234">
                  <c:v>32.91440370184857</c:v>
                </c:pt>
                <c:pt idx="235">
                  <c:v>32.890180632533124</c:v>
                </c:pt>
                <c:pt idx="236">
                  <c:v>33.153895076428668</c:v>
                </c:pt>
                <c:pt idx="237">
                  <c:v>33.366102900138628</c:v>
                </c:pt>
                <c:pt idx="238">
                  <c:v>33.369848602218482</c:v>
                </c:pt>
                <c:pt idx="239">
                  <c:v>33.709938809296418</c:v>
                </c:pt>
                <c:pt idx="240">
                  <c:v>33.438245977610514</c:v>
                </c:pt>
                <c:pt idx="241">
                  <c:v>33.384657134362939</c:v>
                </c:pt>
                <c:pt idx="242">
                  <c:v>33.28754484804783</c:v>
                </c:pt>
                <c:pt idx="243">
                  <c:v>33.195333188381859</c:v>
                </c:pt>
                <c:pt idx="244">
                  <c:v>32.636672773731334</c:v>
                </c:pt>
                <c:pt idx="245">
                  <c:v>32.466390742811583</c:v>
                </c:pt>
                <c:pt idx="246">
                  <c:v>32.356368257069889</c:v>
                </c:pt>
                <c:pt idx="247">
                  <c:v>32.007941310362263</c:v>
                </c:pt>
                <c:pt idx="248">
                  <c:v>32.055454152306282</c:v>
                </c:pt>
                <c:pt idx="249">
                  <c:v>32.04893217561721</c:v>
                </c:pt>
                <c:pt idx="250">
                  <c:v>31.829494804662382</c:v>
                </c:pt>
                <c:pt idx="251">
                  <c:v>31.583883107312133</c:v>
                </c:pt>
                <c:pt idx="252">
                  <c:v>#N/A</c:v>
                </c:pt>
                <c:pt idx="253">
                  <c:v>#N/A</c:v>
                </c:pt>
                <c:pt idx="254">
                  <c:v>#N/A</c:v>
                </c:pt>
                <c:pt idx="255">
                  <c:v>#N/A</c:v>
                </c:pt>
                <c:pt idx="256">
                  <c:v>31.582708210488896</c:v>
                </c:pt>
                <c:pt idx="257">
                  <c:v>#N/A</c:v>
                </c:pt>
                <c:pt idx="258">
                  <c:v>#N/A</c:v>
                </c:pt>
                <c:pt idx="259">
                  <c:v>#N/A</c:v>
                </c:pt>
                <c:pt idx="260">
                  <c:v>31.598264851195424</c:v>
                </c:pt>
                <c:pt idx="261">
                  <c:v>31.726098014555927</c:v>
                </c:pt>
                <c:pt idx="262">
                  <c:v>31.925539809453603</c:v>
                </c:pt>
                <c:pt idx="263">
                  <c:v>32.008991584704276</c:v>
                </c:pt>
                <c:pt idx="264">
                  <c:v>31.877916729626975</c:v>
                </c:pt>
                <c:pt idx="265">
                  <c:v>31.828506384753453</c:v>
                </c:pt>
                <c:pt idx="266">
                  <c:v>31.774035083094986</c:v>
                </c:pt>
                <c:pt idx="267">
                  <c:v>31.668913173078145</c:v>
                </c:pt>
                <c:pt idx="268">
                  <c:v>31.893651503234594</c:v>
                </c:pt>
                <c:pt idx="269">
                  <c:v>32.009977009372761</c:v>
                </c:pt>
                <c:pt idx="270">
                  <c:v>31.872846737848384</c:v>
                </c:pt>
                <c:pt idx="271">
                  <c:v>31.854781042648291</c:v>
                </c:pt>
                <c:pt idx="272">
                  <c:v>31.709814848654794</c:v>
                </c:pt>
                <c:pt idx="273">
                  <c:v>31.882075974650952</c:v>
                </c:pt>
                <c:pt idx="274">
                  <c:v>31.55839096872527</c:v>
                </c:pt>
                <c:pt idx="275">
                  <c:v>31.663454237347956</c:v>
                </c:pt>
                <c:pt idx="276">
                  <c:v>31.350348261336062</c:v>
                </c:pt>
                <c:pt idx="277">
                  <c:v>31.404064330436324</c:v>
                </c:pt>
                <c:pt idx="278">
                  <c:v>#N/A</c:v>
                </c:pt>
                <c:pt idx="279">
                  <c:v>#N/A</c:v>
                </c:pt>
                <c:pt idx="280">
                  <c:v>#N/A</c:v>
                </c:pt>
                <c:pt idx="281">
                  <c:v>#N/A</c:v>
                </c:pt>
                <c:pt idx="282">
                  <c:v>#N/A</c:v>
                </c:pt>
                <c:pt idx="283">
                  <c:v>#N/A</c:v>
                </c:pt>
                <c:pt idx="284">
                  <c:v>#N/A</c:v>
                </c:pt>
                <c:pt idx="285">
                  <c:v>#N/A</c:v>
                </c:pt>
                <c:pt idx="286">
                  <c:v>#N/A</c:v>
                </c:pt>
                <c:pt idx="287">
                  <c:v>#N/A</c:v>
                </c:pt>
                <c:pt idx="288">
                  <c:v>#N/A</c:v>
                </c:pt>
                <c:pt idx="289">
                  <c:v>#N/A</c:v>
                </c:pt>
                <c:pt idx="290">
                  <c:v>#N/A</c:v>
                </c:pt>
                <c:pt idx="291">
                  <c:v>#N/A</c:v>
                </c:pt>
                <c:pt idx="292">
                  <c:v>#N/A</c:v>
                </c:pt>
                <c:pt idx="293">
                  <c:v>#N/A</c:v>
                </c:pt>
                <c:pt idx="294">
                  <c:v>#N/A</c:v>
                </c:pt>
                <c:pt idx="295">
                  <c:v>#N/A</c:v>
                </c:pt>
                <c:pt idx="296">
                  <c:v>#N/A</c:v>
                </c:pt>
                <c:pt idx="297">
                  <c:v>31.10750598241448</c:v>
                </c:pt>
                <c:pt idx="298">
                  <c:v>31.267866416171973</c:v>
                </c:pt>
                <c:pt idx="299">
                  <c:v>31.444000345969521</c:v>
                </c:pt>
                <c:pt idx="300">
                  <c:v>31.208116791030591</c:v>
                </c:pt>
                <c:pt idx="301">
                  <c:v>31.208700045121198</c:v>
                </c:pt>
                <c:pt idx="302">
                  <c:v>#N/A</c:v>
                </c:pt>
                <c:pt idx="303">
                  <c:v>#N/A</c:v>
                </c:pt>
                <c:pt idx="304">
                  <c:v>#N/A</c:v>
                </c:pt>
                <c:pt idx="305">
                  <c:v>#N/A</c:v>
                </c:pt>
                <c:pt idx="306">
                  <c:v>#N/A</c:v>
                </c:pt>
                <c:pt idx="307">
                  <c:v>#N/A</c:v>
                </c:pt>
                <c:pt idx="308">
                  <c:v>#N/A</c:v>
                </c:pt>
                <c:pt idx="309">
                  <c:v>#N/A</c:v>
                </c:pt>
                <c:pt idx="310">
                  <c:v>#N/A</c:v>
                </c:pt>
                <c:pt idx="311">
                  <c:v>#N/A</c:v>
                </c:pt>
                <c:pt idx="312">
                  <c:v>#N/A</c:v>
                </c:pt>
                <c:pt idx="313">
                  <c:v>#N/A</c:v>
                </c:pt>
                <c:pt idx="314">
                  <c:v>#N/A</c:v>
                </c:pt>
                <c:pt idx="315">
                  <c:v>#N/A</c:v>
                </c:pt>
                <c:pt idx="316">
                  <c:v>#N/A</c:v>
                </c:pt>
                <c:pt idx="317">
                  <c:v>#N/A</c:v>
                </c:pt>
                <c:pt idx="318">
                  <c:v>#N/A</c:v>
                </c:pt>
                <c:pt idx="319">
                  <c:v>#N/A</c:v>
                </c:pt>
                <c:pt idx="320">
                  <c:v>#N/A</c:v>
                </c:pt>
                <c:pt idx="321">
                  <c:v>#N/A</c:v>
                </c:pt>
                <c:pt idx="322">
                  <c:v>#N/A</c:v>
                </c:pt>
                <c:pt idx="323">
                  <c:v>#N/A</c:v>
                </c:pt>
                <c:pt idx="324">
                  <c:v>#N/A</c:v>
                </c:pt>
                <c:pt idx="325">
                  <c:v>#N/A</c:v>
                </c:pt>
                <c:pt idx="326">
                  <c:v>#N/A</c:v>
                </c:pt>
                <c:pt idx="327">
                  <c:v>#N/A</c:v>
                </c:pt>
                <c:pt idx="328">
                  <c:v>#N/A</c:v>
                </c:pt>
                <c:pt idx="329">
                  <c:v>#N/A</c:v>
                </c:pt>
                <c:pt idx="330">
                  <c:v>#N/A</c:v>
                </c:pt>
                <c:pt idx="331">
                  <c:v>#N/A</c:v>
                </c:pt>
                <c:pt idx="332">
                  <c:v>#N/A</c:v>
                </c:pt>
                <c:pt idx="333">
                  <c:v>#N/A</c:v>
                </c:pt>
                <c:pt idx="334">
                  <c:v>#N/A</c:v>
                </c:pt>
                <c:pt idx="335">
                  <c:v>#N/A</c:v>
                </c:pt>
                <c:pt idx="336">
                  <c:v>#N/A</c:v>
                </c:pt>
                <c:pt idx="337">
                  <c:v>#N/A</c:v>
                </c:pt>
                <c:pt idx="338">
                  <c:v>#N/A</c:v>
                </c:pt>
                <c:pt idx="339">
                  <c:v>#N/A</c:v>
                </c:pt>
                <c:pt idx="340">
                  <c:v>#N/A</c:v>
                </c:pt>
                <c:pt idx="341">
                  <c:v>#N/A</c:v>
                </c:pt>
                <c:pt idx="342">
                  <c:v>#N/A</c:v>
                </c:pt>
                <c:pt idx="343">
                  <c:v>#N/A</c:v>
                </c:pt>
                <c:pt idx="344">
                  <c:v>#N/A</c:v>
                </c:pt>
                <c:pt idx="345">
                  <c:v>#N/A</c:v>
                </c:pt>
                <c:pt idx="346">
                  <c:v>#N/A</c:v>
                </c:pt>
                <c:pt idx="347">
                  <c:v>#N/A</c:v>
                </c:pt>
                <c:pt idx="348">
                  <c:v>#N/A</c:v>
                </c:pt>
                <c:pt idx="349">
                  <c:v>#N/A</c:v>
                </c:pt>
                <c:pt idx="350">
                  <c:v>#N/A</c:v>
                </c:pt>
                <c:pt idx="351">
                  <c:v>#N/A</c:v>
                </c:pt>
                <c:pt idx="352">
                  <c:v>#N/A</c:v>
                </c:pt>
                <c:pt idx="353">
                  <c:v>#N/A</c:v>
                </c:pt>
                <c:pt idx="354">
                  <c:v>#N/A</c:v>
                </c:pt>
                <c:pt idx="355">
                  <c:v>#N/A</c:v>
                </c:pt>
                <c:pt idx="356">
                  <c:v>#N/A</c:v>
                </c:pt>
                <c:pt idx="357">
                  <c:v>#N/A</c:v>
                </c:pt>
                <c:pt idx="358">
                  <c:v>#N/A</c:v>
                </c:pt>
                <c:pt idx="359">
                  <c:v>#N/A</c:v>
                </c:pt>
                <c:pt idx="360">
                  <c:v>#N/A</c:v>
                </c:pt>
                <c:pt idx="361">
                  <c:v>#N/A</c:v>
                </c:pt>
                <c:pt idx="362">
                  <c:v>#N/A</c:v>
                </c:pt>
                <c:pt idx="363">
                  <c:v>#N/A</c:v>
                </c:pt>
                <c:pt idx="364">
                  <c:v>#N/A</c:v>
                </c:pt>
                <c:pt idx="365">
                  <c:v>#N/A</c:v>
                </c:pt>
                <c:pt idx="366">
                  <c:v>#N/A</c:v>
                </c:pt>
                <c:pt idx="367">
                  <c:v>#N/A</c:v>
                </c:pt>
                <c:pt idx="368">
                  <c:v>#N/A</c:v>
                </c:pt>
                <c:pt idx="369">
                  <c:v>#N/A</c:v>
                </c:pt>
                <c:pt idx="370">
                  <c:v>#N/A</c:v>
                </c:pt>
                <c:pt idx="371">
                  <c:v>#N/A</c:v>
                </c:pt>
                <c:pt idx="372">
                  <c:v>#N/A</c:v>
                </c:pt>
                <c:pt idx="373">
                  <c:v>#N/A</c:v>
                </c:pt>
                <c:pt idx="374">
                  <c:v>#N/A</c:v>
                </c:pt>
                <c:pt idx="375">
                  <c:v>#N/A</c:v>
                </c:pt>
                <c:pt idx="376">
                  <c:v>#N/A</c:v>
                </c:pt>
                <c:pt idx="377">
                  <c:v>#N/A</c:v>
                </c:pt>
                <c:pt idx="378">
                  <c:v>#N/A</c:v>
                </c:pt>
                <c:pt idx="379">
                  <c:v>#N/A</c:v>
                </c:pt>
                <c:pt idx="380">
                  <c:v>#N/A</c:v>
                </c:pt>
                <c:pt idx="381">
                  <c:v>#N/A</c:v>
                </c:pt>
                <c:pt idx="382">
                  <c:v>#N/A</c:v>
                </c:pt>
                <c:pt idx="383">
                  <c:v>#N/A</c:v>
                </c:pt>
                <c:pt idx="384">
                  <c:v>#N/A</c:v>
                </c:pt>
                <c:pt idx="385">
                  <c:v>#N/A</c:v>
                </c:pt>
                <c:pt idx="386">
                  <c:v>#N/A</c:v>
                </c:pt>
                <c:pt idx="387">
                  <c:v>#N/A</c:v>
                </c:pt>
                <c:pt idx="388">
                  <c:v>#N/A</c:v>
                </c:pt>
                <c:pt idx="389">
                  <c:v>#N/A</c:v>
                </c:pt>
                <c:pt idx="390">
                  <c:v>#N/A</c:v>
                </c:pt>
                <c:pt idx="391">
                  <c:v>#N/A</c:v>
                </c:pt>
                <c:pt idx="392">
                  <c:v>#N/A</c:v>
                </c:pt>
                <c:pt idx="393">
                  <c:v>#N/A</c:v>
                </c:pt>
                <c:pt idx="394">
                  <c:v>#N/A</c:v>
                </c:pt>
                <c:pt idx="395">
                  <c:v>#N/A</c:v>
                </c:pt>
                <c:pt idx="396">
                  <c:v>#N/A</c:v>
                </c:pt>
                <c:pt idx="397">
                  <c:v>#N/A</c:v>
                </c:pt>
                <c:pt idx="398">
                  <c:v>#N/A</c:v>
                </c:pt>
                <c:pt idx="399">
                  <c:v>#N/A</c:v>
                </c:pt>
                <c:pt idx="400">
                  <c:v>#N/A</c:v>
                </c:pt>
                <c:pt idx="401">
                  <c:v>#N/A</c:v>
                </c:pt>
                <c:pt idx="402">
                  <c:v>#N/A</c:v>
                </c:pt>
                <c:pt idx="403">
                  <c:v>#N/A</c:v>
                </c:pt>
                <c:pt idx="404">
                  <c:v>#N/A</c:v>
                </c:pt>
                <c:pt idx="405">
                  <c:v>#N/A</c:v>
                </c:pt>
                <c:pt idx="406">
                  <c:v>#N/A</c:v>
                </c:pt>
                <c:pt idx="407">
                  <c:v>#N/A</c:v>
                </c:pt>
                <c:pt idx="408">
                  <c:v>#N/A</c:v>
                </c:pt>
                <c:pt idx="409">
                  <c:v>#N/A</c:v>
                </c:pt>
                <c:pt idx="410">
                  <c:v>#N/A</c:v>
                </c:pt>
                <c:pt idx="411">
                  <c:v>#N/A</c:v>
                </c:pt>
                <c:pt idx="412">
                  <c:v>#N/A</c:v>
                </c:pt>
                <c:pt idx="413">
                  <c:v>#N/A</c:v>
                </c:pt>
                <c:pt idx="414">
                  <c:v>#N/A</c:v>
                </c:pt>
                <c:pt idx="415">
                  <c:v>#N/A</c:v>
                </c:pt>
                <c:pt idx="416">
                  <c:v>#N/A</c:v>
                </c:pt>
                <c:pt idx="417">
                  <c:v>#N/A</c:v>
                </c:pt>
                <c:pt idx="418">
                  <c:v>#N/A</c:v>
                </c:pt>
                <c:pt idx="419">
                  <c:v>#N/A</c:v>
                </c:pt>
                <c:pt idx="420">
                  <c:v>#N/A</c:v>
                </c:pt>
                <c:pt idx="421">
                  <c:v>#N/A</c:v>
                </c:pt>
                <c:pt idx="422">
                  <c:v>#N/A</c:v>
                </c:pt>
                <c:pt idx="423">
                  <c:v>#N/A</c:v>
                </c:pt>
                <c:pt idx="424">
                  <c:v>#N/A</c:v>
                </c:pt>
                <c:pt idx="425">
                  <c:v>#N/A</c:v>
                </c:pt>
                <c:pt idx="426">
                  <c:v>#N/A</c:v>
                </c:pt>
                <c:pt idx="427">
                  <c:v>#N/A</c:v>
                </c:pt>
                <c:pt idx="428">
                  <c:v>#N/A</c:v>
                </c:pt>
                <c:pt idx="429">
                  <c:v>#N/A</c:v>
                </c:pt>
                <c:pt idx="430">
                  <c:v>#N/A</c:v>
                </c:pt>
                <c:pt idx="431">
                  <c:v>#N/A</c:v>
                </c:pt>
                <c:pt idx="432">
                  <c:v>#N/A</c:v>
                </c:pt>
                <c:pt idx="433">
                  <c:v>#N/A</c:v>
                </c:pt>
                <c:pt idx="434">
                  <c:v>#N/A</c:v>
                </c:pt>
                <c:pt idx="435">
                  <c:v>#N/A</c:v>
                </c:pt>
                <c:pt idx="436">
                  <c:v>#N/A</c:v>
                </c:pt>
                <c:pt idx="437">
                  <c:v>#N/A</c:v>
                </c:pt>
                <c:pt idx="438">
                  <c:v>#N/A</c:v>
                </c:pt>
                <c:pt idx="439">
                  <c:v>#N/A</c:v>
                </c:pt>
                <c:pt idx="440">
                  <c:v>#N/A</c:v>
                </c:pt>
                <c:pt idx="441">
                  <c:v>#N/A</c:v>
                </c:pt>
                <c:pt idx="442">
                  <c:v>#N/A</c:v>
                </c:pt>
                <c:pt idx="443">
                  <c:v>#N/A</c:v>
                </c:pt>
                <c:pt idx="444">
                  <c:v>#N/A</c:v>
                </c:pt>
                <c:pt idx="445">
                  <c:v>#N/A</c:v>
                </c:pt>
                <c:pt idx="446">
                  <c:v>#N/A</c:v>
                </c:pt>
                <c:pt idx="447">
                  <c:v>#N/A</c:v>
                </c:pt>
                <c:pt idx="448">
                  <c:v>#N/A</c:v>
                </c:pt>
                <c:pt idx="449">
                  <c:v>#N/A</c:v>
                </c:pt>
                <c:pt idx="450">
                  <c:v>#N/A</c:v>
                </c:pt>
                <c:pt idx="451">
                  <c:v>#N/A</c:v>
                </c:pt>
                <c:pt idx="452">
                  <c:v>#N/A</c:v>
                </c:pt>
                <c:pt idx="453">
                  <c:v>#N/A</c:v>
                </c:pt>
                <c:pt idx="454">
                  <c:v>#N/A</c:v>
                </c:pt>
                <c:pt idx="455">
                  <c:v>#N/A</c:v>
                </c:pt>
                <c:pt idx="456">
                  <c:v>#N/A</c:v>
                </c:pt>
                <c:pt idx="457">
                  <c:v>#N/A</c:v>
                </c:pt>
                <c:pt idx="458">
                  <c:v>#N/A</c:v>
                </c:pt>
                <c:pt idx="459">
                  <c:v>#N/A</c:v>
                </c:pt>
                <c:pt idx="460">
                  <c:v>#N/A</c:v>
                </c:pt>
                <c:pt idx="461">
                  <c:v>#N/A</c:v>
                </c:pt>
                <c:pt idx="462">
                  <c:v>#N/A</c:v>
                </c:pt>
                <c:pt idx="463">
                  <c:v>#N/A</c:v>
                </c:pt>
                <c:pt idx="464">
                  <c:v>#N/A</c:v>
                </c:pt>
                <c:pt idx="465">
                  <c:v>#N/A</c:v>
                </c:pt>
                <c:pt idx="466">
                  <c:v>#N/A</c:v>
                </c:pt>
                <c:pt idx="467">
                  <c:v>#N/A</c:v>
                </c:pt>
                <c:pt idx="468">
                  <c:v>#N/A</c:v>
                </c:pt>
                <c:pt idx="469">
                  <c:v>#N/A</c:v>
                </c:pt>
                <c:pt idx="470">
                  <c:v>#N/A</c:v>
                </c:pt>
                <c:pt idx="471">
                  <c:v>#N/A</c:v>
                </c:pt>
                <c:pt idx="472">
                  <c:v>#N/A</c:v>
                </c:pt>
                <c:pt idx="473">
                  <c:v>#N/A</c:v>
                </c:pt>
                <c:pt idx="474">
                  <c:v>#N/A</c:v>
                </c:pt>
                <c:pt idx="475">
                  <c:v>#N/A</c:v>
                </c:pt>
                <c:pt idx="476">
                  <c:v>#N/A</c:v>
                </c:pt>
                <c:pt idx="477">
                  <c:v>#N/A</c:v>
                </c:pt>
                <c:pt idx="478">
                  <c:v>#N/A</c:v>
                </c:pt>
                <c:pt idx="479">
                  <c:v>#N/A</c:v>
                </c:pt>
                <c:pt idx="480">
                  <c:v>#N/A</c:v>
                </c:pt>
                <c:pt idx="481">
                  <c:v>#N/A</c:v>
                </c:pt>
                <c:pt idx="482">
                  <c:v>#N/A</c:v>
                </c:pt>
                <c:pt idx="483">
                  <c:v>#N/A</c:v>
                </c:pt>
                <c:pt idx="484">
                  <c:v>#N/A</c:v>
                </c:pt>
                <c:pt idx="485">
                  <c:v>#N/A</c:v>
                </c:pt>
                <c:pt idx="486">
                  <c:v>#N/A</c:v>
                </c:pt>
                <c:pt idx="487">
                  <c:v>#N/A</c:v>
                </c:pt>
                <c:pt idx="488">
                  <c:v>#N/A</c:v>
                </c:pt>
                <c:pt idx="489">
                  <c:v>#N/A</c:v>
                </c:pt>
                <c:pt idx="490">
                  <c:v>#N/A</c:v>
                </c:pt>
                <c:pt idx="491">
                  <c:v>#N/A</c:v>
                </c:pt>
                <c:pt idx="492">
                  <c:v>#N/A</c:v>
                </c:pt>
                <c:pt idx="493">
                  <c:v>#N/A</c:v>
                </c:pt>
                <c:pt idx="494">
                  <c:v>#N/A</c:v>
                </c:pt>
                <c:pt idx="495">
                  <c:v>#N/A</c:v>
                </c:pt>
                <c:pt idx="496">
                  <c:v>#N/A</c:v>
                </c:pt>
                <c:pt idx="497">
                  <c:v>#N/A</c:v>
                </c:pt>
                <c:pt idx="498">
                  <c:v>#N/A</c:v>
                </c:pt>
                <c:pt idx="499">
                  <c:v>#N/A</c:v>
                </c:pt>
                <c:pt idx="500">
                  <c:v>#N/A</c:v>
                </c:pt>
                <c:pt idx="501">
                  <c:v>#N/A</c:v>
                </c:pt>
                <c:pt idx="502">
                  <c:v>#N/A</c:v>
                </c:pt>
                <c:pt idx="503">
                  <c:v>#N/A</c:v>
                </c:pt>
                <c:pt idx="504">
                  <c:v>#N/A</c:v>
                </c:pt>
                <c:pt idx="505">
                  <c:v>#N/A</c:v>
                </c:pt>
                <c:pt idx="506">
                  <c:v>#N/A</c:v>
                </c:pt>
                <c:pt idx="507">
                  <c:v>#N/A</c:v>
                </c:pt>
                <c:pt idx="508">
                  <c:v>#N/A</c:v>
                </c:pt>
                <c:pt idx="509">
                  <c:v>#N/A</c:v>
                </c:pt>
                <c:pt idx="510">
                  <c:v>#N/A</c:v>
                </c:pt>
                <c:pt idx="511">
                  <c:v>#N/A</c:v>
                </c:pt>
                <c:pt idx="512">
                  <c:v>#N/A</c:v>
                </c:pt>
                <c:pt idx="513">
                  <c:v>#N/A</c:v>
                </c:pt>
                <c:pt idx="514">
                  <c:v>#N/A</c:v>
                </c:pt>
                <c:pt idx="515">
                  <c:v>#N/A</c:v>
                </c:pt>
                <c:pt idx="516">
                  <c:v>#N/A</c:v>
                </c:pt>
                <c:pt idx="517">
                  <c:v>#N/A</c:v>
                </c:pt>
                <c:pt idx="518">
                  <c:v>#N/A</c:v>
                </c:pt>
                <c:pt idx="519">
                  <c:v>#N/A</c:v>
                </c:pt>
                <c:pt idx="520">
                  <c:v>#N/A</c:v>
                </c:pt>
                <c:pt idx="521">
                  <c:v>#N/A</c:v>
                </c:pt>
                <c:pt idx="522">
                  <c:v>#N/A</c:v>
                </c:pt>
                <c:pt idx="523">
                  <c:v>#N/A</c:v>
                </c:pt>
                <c:pt idx="524">
                  <c:v>#N/A</c:v>
                </c:pt>
                <c:pt idx="525">
                  <c:v>#N/A</c:v>
                </c:pt>
                <c:pt idx="526">
                  <c:v>#N/A</c:v>
                </c:pt>
                <c:pt idx="527">
                  <c:v>#N/A</c:v>
                </c:pt>
                <c:pt idx="528">
                  <c:v>#N/A</c:v>
                </c:pt>
                <c:pt idx="529">
                  <c:v>#N/A</c:v>
                </c:pt>
                <c:pt idx="530">
                  <c:v>#N/A</c:v>
                </c:pt>
                <c:pt idx="531">
                  <c:v>#N/A</c:v>
                </c:pt>
                <c:pt idx="532">
                  <c:v>#N/A</c:v>
                </c:pt>
                <c:pt idx="533">
                  <c:v>#N/A</c:v>
                </c:pt>
                <c:pt idx="534">
                  <c:v>#N/A</c:v>
                </c:pt>
                <c:pt idx="535">
                  <c:v>#N/A</c:v>
                </c:pt>
                <c:pt idx="536">
                  <c:v>#N/A</c:v>
                </c:pt>
                <c:pt idx="537">
                  <c:v>#N/A</c:v>
                </c:pt>
                <c:pt idx="538">
                  <c:v>#N/A</c:v>
                </c:pt>
                <c:pt idx="539">
                  <c:v>#N/A</c:v>
                </c:pt>
                <c:pt idx="540">
                  <c:v>#N/A</c:v>
                </c:pt>
                <c:pt idx="541">
                  <c:v>#N/A</c:v>
                </c:pt>
                <c:pt idx="542">
                  <c:v>#N/A</c:v>
                </c:pt>
                <c:pt idx="543">
                  <c:v>#N/A</c:v>
                </c:pt>
                <c:pt idx="544">
                  <c:v>#N/A</c:v>
                </c:pt>
                <c:pt idx="545">
                  <c:v>#N/A</c:v>
                </c:pt>
                <c:pt idx="546">
                  <c:v>#N/A</c:v>
                </c:pt>
                <c:pt idx="547">
                  <c:v>#N/A</c:v>
                </c:pt>
                <c:pt idx="548">
                  <c:v>#N/A</c:v>
                </c:pt>
                <c:pt idx="549">
                  <c:v>#N/A</c:v>
                </c:pt>
                <c:pt idx="550">
                  <c:v>#N/A</c:v>
                </c:pt>
                <c:pt idx="551">
                  <c:v>#N/A</c:v>
                </c:pt>
                <c:pt idx="552">
                  <c:v>#N/A</c:v>
                </c:pt>
                <c:pt idx="553">
                  <c:v>#N/A</c:v>
                </c:pt>
                <c:pt idx="554">
                  <c:v>#N/A</c:v>
                </c:pt>
                <c:pt idx="555">
                  <c:v>#N/A</c:v>
                </c:pt>
                <c:pt idx="556">
                  <c:v>#N/A</c:v>
                </c:pt>
                <c:pt idx="557">
                  <c:v>#N/A</c:v>
                </c:pt>
                <c:pt idx="558">
                  <c:v>#N/A</c:v>
                </c:pt>
                <c:pt idx="559">
                  <c:v>#N/A</c:v>
                </c:pt>
                <c:pt idx="560">
                  <c:v>#N/A</c:v>
                </c:pt>
                <c:pt idx="561">
                  <c:v>#N/A</c:v>
                </c:pt>
                <c:pt idx="562">
                  <c:v>#N/A</c:v>
                </c:pt>
                <c:pt idx="563">
                  <c:v>#N/A</c:v>
                </c:pt>
                <c:pt idx="564">
                  <c:v>#N/A</c:v>
                </c:pt>
                <c:pt idx="565">
                  <c:v>#N/A</c:v>
                </c:pt>
                <c:pt idx="566">
                  <c:v>#N/A</c:v>
                </c:pt>
                <c:pt idx="567">
                  <c:v>#N/A</c:v>
                </c:pt>
                <c:pt idx="568">
                  <c:v>#N/A</c:v>
                </c:pt>
                <c:pt idx="569">
                  <c:v>#N/A</c:v>
                </c:pt>
                <c:pt idx="570">
                  <c:v>#N/A</c:v>
                </c:pt>
                <c:pt idx="571">
                  <c:v>#N/A</c:v>
                </c:pt>
                <c:pt idx="572">
                  <c:v>#N/A</c:v>
                </c:pt>
                <c:pt idx="573">
                  <c:v>#N/A</c:v>
                </c:pt>
                <c:pt idx="574">
                  <c:v>#N/A</c:v>
                </c:pt>
                <c:pt idx="575">
                  <c:v>#N/A</c:v>
                </c:pt>
                <c:pt idx="576">
                  <c:v>#N/A</c:v>
                </c:pt>
                <c:pt idx="577">
                  <c:v>#N/A</c:v>
                </c:pt>
                <c:pt idx="578">
                  <c:v>#N/A</c:v>
                </c:pt>
                <c:pt idx="579">
                  <c:v>#N/A</c:v>
                </c:pt>
                <c:pt idx="580">
                  <c:v>#N/A</c:v>
                </c:pt>
                <c:pt idx="581">
                  <c:v>#N/A</c:v>
                </c:pt>
                <c:pt idx="582">
                  <c:v>#N/A</c:v>
                </c:pt>
                <c:pt idx="583">
                  <c:v>#N/A</c:v>
                </c:pt>
                <c:pt idx="584">
                  <c:v>#N/A</c:v>
                </c:pt>
                <c:pt idx="585">
                  <c:v>#N/A</c:v>
                </c:pt>
                <c:pt idx="586">
                  <c:v>#N/A</c:v>
                </c:pt>
                <c:pt idx="587">
                  <c:v>#N/A</c:v>
                </c:pt>
                <c:pt idx="588">
                  <c:v>#N/A</c:v>
                </c:pt>
                <c:pt idx="589">
                  <c:v>#N/A</c:v>
                </c:pt>
                <c:pt idx="590">
                  <c:v>#N/A</c:v>
                </c:pt>
                <c:pt idx="591">
                  <c:v>#N/A</c:v>
                </c:pt>
                <c:pt idx="592">
                  <c:v>#N/A</c:v>
                </c:pt>
                <c:pt idx="593">
                  <c:v>#N/A</c:v>
                </c:pt>
                <c:pt idx="594">
                  <c:v>#N/A</c:v>
                </c:pt>
                <c:pt idx="595">
                  <c:v>#N/A</c:v>
                </c:pt>
                <c:pt idx="596">
                  <c:v>#N/A</c:v>
                </c:pt>
                <c:pt idx="597">
                  <c:v>#N/A</c:v>
                </c:pt>
                <c:pt idx="598">
                  <c:v>#N/A</c:v>
                </c:pt>
                <c:pt idx="599">
                  <c:v>#N/A</c:v>
                </c:pt>
                <c:pt idx="600">
                  <c:v>#N/A</c:v>
                </c:pt>
                <c:pt idx="601">
                  <c:v>#N/A</c:v>
                </c:pt>
                <c:pt idx="602">
                  <c:v>#N/A</c:v>
                </c:pt>
                <c:pt idx="603">
                  <c:v>#N/A</c:v>
                </c:pt>
                <c:pt idx="604">
                  <c:v>#N/A</c:v>
                </c:pt>
                <c:pt idx="605">
                  <c:v>#N/A</c:v>
                </c:pt>
                <c:pt idx="606">
                  <c:v>#N/A</c:v>
                </c:pt>
                <c:pt idx="607">
                  <c:v>#N/A</c:v>
                </c:pt>
                <c:pt idx="608">
                  <c:v>#N/A</c:v>
                </c:pt>
                <c:pt idx="609">
                  <c:v>#N/A</c:v>
                </c:pt>
                <c:pt idx="610">
                  <c:v>#N/A</c:v>
                </c:pt>
                <c:pt idx="611">
                  <c:v>#N/A</c:v>
                </c:pt>
                <c:pt idx="612">
                  <c:v>#N/A</c:v>
                </c:pt>
                <c:pt idx="613">
                  <c:v>#N/A</c:v>
                </c:pt>
                <c:pt idx="614">
                  <c:v>#N/A</c:v>
                </c:pt>
                <c:pt idx="615">
                  <c:v>#N/A</c:v>
                </c:pt>
                <c:pt idx="616">
                  <c:v>#N/A</c:v>
                </c:pt>
                <c:pt idx="617">
                  <c:v>#N/A</c:v>
                </c:pt>
                <c:pt idx="618">
                  <c:v>#N/A</c:v>
                </c:pt>
                <c:pt idx="619">
                  <c:v>#N/A</c:v>
                </c:pt>
                <c:pt idx="620">
                  <c:v>#N/A</c:v>
                </c:pt>
                <c:pt idx="621">
                  <c:v>#N/A</c:v>
                </c:pt>
                <c:pt idx="622">
                  <c:v>#N/A</c:v>
                </c:pt>
                <c:pt idx="623">
                  <c:v>#N/A</c:v>
                </c:pt>
                <c:pt idx="624">
                  <c:v>#N/A</c:v>
                </c:pt>
                <c:pt idx="625">
                  <c:v>#N/A</c:v>
                </c:pt>
                <c:pt idx="626">
                  <c:v>#N/A</c:v>
                </c:pt>
                <c:pt idx="627">
                  <c:v>#N/A</c:v>
                </c:pt>
                <c:pt idx="628">
                  <c:v>#N/A</c:v>
                </c:pt>
                <c:pt idx="629">
                  <c:v>#N/A</c:v>
                </c:pt>
                <c:pt idx="630">
                  <c:v>#N/A</c:v>
                </c:pt>
                <c:pt idx="631">
                  <c:v>#N/A</c:v>
                </c:pt>
                <c:pt idx="632">
                  <c:v>#N/A</c:v>
                </c:pt>
                <c:pt idx="633">
                  <c:v>#N/A</c:v>
                </c:pt>
                <c:pt idx="634">
                  <c:v>#N/A</c:v>
                </c:pt>
                <c:pt idx="635">
                  <c:v>#N/A</c:v>
                </c:pt>
                <c:pt idx="636">
                  <c:v>#N/A</c:v>
                </c:pt>
                <c:pt idx="637">
                  <c:v>#N/A</c:v>
                </c:pt>
                <c:pt idx="638">
                  <c:v>#N/A</c:v>
                </c:pt>
                <c:pt idx="639">
                  <c:v>#N/A</c:v>
                </c:pt>
                <c:pt idx="640">
                  <c:v>#N/A</c:v>
                </c:pt>
                <c:pt idx="641">
                  <c:v>#N/A</c:v>
                </c:pt>
                <c:pt idx="642">
                  <c:v>#N/A</c:v>
                </c:pt>
                <c:pt idx="643">
                  <c:v>#N/A</c:v>
                </c:pt>
                <c:pt idx="644">
                  <c:v>#N/A</c:v>
                </c:pt>
                <c:pt idx="645">
                  <c:v>#N/A</c:v>
                </c:pt>
                <c:pt idx="646">
                  <c:v>#N/A</c:v>
                </c:pt>
                <c:pt idx="647">
                  <c:v>#N/A</c:v>
                </c:pt>
                <c:pt idx="648">
                  <c:v>#N/A</c:v>
                </c:pt>
                <c:pt idx="649">
                  <c:v>#N/A</c:v>
                </c:pt>
                <c:pt idx="650">
                  <c:v>#N/A</c:v>
                </c:pt>
                <c:pt idx="651">
                  <c:v>#N/A</c:v>
                </c:pt>
                <c:pt idx="652">
                  <c:v>#N/A</c:v>
                </c:pt>
                <c:pt idx="653">
                  <c:v>#N/A</c:v>
                </c:pt>
                <c:pt idx="654">
                  <c:v>#N/A</c:v>
                </c:pt>
                <c:pt idx="655">
                  <c:v>#N/A</c:v>
                </c:pt>
                <c:pt idx="656">
                  <c:v>#N/A</c:v>
                </c:pt>
                <c:pt idx="657">
                  <c:v>#N/A</c:v>
                </c:pt>
                <c:pt idx="658">
                  <c:v>#N/A</c:v>
                </c:pt>
                <c:pt idx="659">
                  <c:v>#N/A</c:v>
                </c:pt>
                <c:pt idx="660">
                  <c:v>#N/A</c:v>
                </c:pt>
                <c:pt idx="661">
                  <c:v>#N/A</c:v>
                </c:pt>
                <c:pt idx="662">
                  <c:v>#N/A</c:v>
                </c:pt>
                <c:pt idx="663">
                  <c:v>#N/A</c:v>
                </c:pt>
                <c:pt idx="664">
                  <c:v>#N/A</c:v>
                </c:pt>
                <c:pt idx="665">
                  <c:v>#N/A</c:v>
                </c:pt>
                <c:pt idx="666">
                  <c:v>#N/A</c:v>
                </c:pt>
                <c:pt idx="667">
                  <c:v>#N/A</c:v>
                </c:pt>
                <c:pt idx="668">
                  <c:v>#N/A</c:v>
                </c:pt>
                <c:pt idx="669">
                  <c:v>#N/A</c:v>
                </c:pt>
                <c:pt idx="670">
                  <c:v>#N/A</c:v>
                </c:pt>
                <c:pt idx="671">
                  <c:v>#N/A</c:v>
                </c:pt>
                <c:pt idx="672">
                  <c:v>#N/A</c:v>
                </c:pt>
                <c:pt idx="673">
                  <c:v>#N/A</c:v>
                </c:pt>
                <c:pt idx="674">
                  <c:v>#N/A</c:v>
                </c:pt>
                <c:pt idx="675">
                  <c:v>#N/A</c:v>
                </c:pt>
                <c:pt idx="676">
                  <c:v>#N/A</c:v>
                </c:pt>
                <c:pt idx="677">
                  <c:v>#N/A</c:v>
                </c:pt>
                <c:pt idx="678">
                  <c:v>#N/A</c:v>
                </c:pt>
                <c:pt idx="679">
                  <c:v>#N/A</c:v>
                </c:pt>
                <c:pt idx="680">
                  <c:v>#N/A</c:v>
                </c:pt>
                <c:pt idx="681">
                  <c:v>#N/A</c:v>
                </c:pt>
                <c:pt idx="682">
                  <c:v>#N/A</c:v>
                </c:pt>
                <c:pt idx="683">
                  <c:v>#N/A</c:v>
                </c:pt>
                <c:pt idx="684">
                  <c:v>#N/A</c:v>
                </c:pt>
                <c:pt idx="685">
                  <c:v>#N/A</c:v>
                </c:pt>
                <c:pt idx="686">
                  <c:v>#N/A</c:v>
                </c:pt>
                <c:pt idx="687">
                  <c:v>#N/A</c:v>
                </c:pt>
                <c:pt idx="688">
                  <c:v>#N/A</c:v>
                </c:pt>
                <c:pt idx="689">
                  <c:v>#N/A</c:v>
                </c:pt>
                <c:pt idx="690">
                  <c:v>#N/A</c:v>
                </c:pt>
                <c:pt idx="691">
                  <c:v>#N/A</c:v>
                </c:pt>
                <c:pt idx="692">
                  <c:v>#N/A</c:v>
                </c:pt>
                <c:pt idx="693">
                  <c:v>#N/A</c:v>
                </c:pt>
                <c:pt idx="694">
                  <c:v>#N/A</c:v>
                </c:pt>
                <c:pt idx="695">
                  <c:v>#N/A</c:v>
                </c:pt>
                <c:pt idx="696">
                  <c:v>#N/A</c:v>
                </c:pt>
                <c:pt idx="697">
                  <c:v>#N/A</c:v>
                </c:pt>
                <c:pt idx="698">
                  <c:v>#N/A</c:v>
                </c:pt>
                <c:pt idx="699">
                  <c:v>#N/A</c:v>
                </c:pt>
                <c:pt idx="700">
                  <c:v>#N/A</c:v>
                </c:pt>
                <c:pt idx="701">
                  <c:v>#N/A</c:v>
                </c:pt>
                <c:pt idx="702">
                  <c:v>#N/A</c:v>
                </c:pt>
                <c:pt idx="703">
                  <c:v>#N/A</c:v>
                </c:pt>
                <c:pt idx="704">
                  <c:v>#N/A</c:v>
                </c:pt>
                <c:pt idx="705">
                  <c:v>#N/A</c:v>
                </c:pt>
                <c:pt idx="706">
                  <c:v>#N/A</c:v>
                </c:pt>
                <c:pt idx="707">
                  <c:v>#N/A</c:v>
                </c:pt>
                <c:pt idx="708">
                  <c:v>#N/A</c:v>
                </c:pt>
                <c:pt idx="709">
                  <c:v>#N/A</c:v>
                </c:pt>
                <c:pt idx="710">
                  <c:v>#N/A</c:v>
                </c:pt>
                <c:pt idx="711">
                  <c:v>#N/A</c:v>
                </c:pt>
                <c:pt idx="712">
                  <c:v>#N/A</c:v>
                </c:pt>
                <c:pt idx="713">
                  <c:v>#N/A</c:v>
                </c:pt>
                <c:pt idx="714">
                  <c:v>#N/A</c:v>
                </c:pt>
                <c:pt idx="715">
                  <c:v>#N/A</c:v>
                </c:pt>
                <c:pt idx="716">
                  <c:v>#N/A</c:v>
                </c:pt>
                <c:pt idx="717">
                  <c:v>#N/A</c:v>
                </c:pt>
                <c:pt idx="718">
                  <c:v>#N/A</c:v>
                </c:pt>
                <c:pt idx="719">
                  <c:v>#N/A</c:v>
                </c:pt>
                <c:pt idx="720">
                  <c:v>#N/A</c:v>
                </c:pt>
                <c:pt idx="721">
                  <c:v>#N/A</c:v>
                </c:pt>
                <c:pt idx="722">
                  <c:v>#N/A</c:v>
                </c:pt>
                <c:pt idx="723">
                  <c:v>#N/A</c:v>
                </c:pt>
                <c:pt idx="724">
                  <c:v>#N/A</c:v>
                </c:pt>
                <c:pt idx="725">
                  <c:v>#N/A</c:v>
                </c:pt>
                <c:pt idx="726">
                  <c:v>#N/A</c:v>
                </c:pt>
                <c:pt idx="727">
                  <c:v>#N/A</c:v>
                </c:pt>
                <c:pt idx="728">
                  <c:v>#N/A</c:v>
                </c:pt>
                <c:pt idx="729">
                  <c:v>#N/A</c:v>
                </c:pt>
                <c:pt idx="730">
                  <c:v>#N/A</c:v>
                </c:pt>
                <c:pt idx="731">
                  <c:v>#N/A</c:v>
                </c:pt>
                <c:pt idx="732">
                  <c:v>#N/A</c:v>
                </c:pt>
                <c:pt idx="733">
                  <c:v>#N/A</c:v>
                </c:pt>
                <c:pt idx="734">
                  <c:v>#N/A</c:v>
                </c:pt>
                <c:pt idx="735">
                  <c:v>#N/A</c:v>
                </c:pt>
                <c:pt idx="736">
                  <c:v>#N/A</c:v>
                </c:pt>
                <c:pt idx="737">
                  <c:v>#N/A</c:v>
                </c:pt>
                <c:pt idx="738">
                  <c:v>#N/A</c:v>
                </c:pt>
                <c:pt idx="739">
                  <c:v>#N/A</c:v>
                </c:pt>
                <c:pt idx="740">
                  <c:v>#N/A</c:v>
                </c:pt>
                <c:pt idx="741">
                  <c:v>#N/A</c:v>
                </c:pt>
                <c:pt idx="742">
                  <c:v>#N/A</c:v>
                </c:pt>
                <c:pt idx="743">
                  <c:v>#N/A</c:v>
                </c:pt>
                <c:pt idx="744">
                  <c:v>#N/A</c:v>
                </c:pt>
                <c:pt idx="745">
                  <c:v>#N/A</c:v>
                </c:pt>
                <c:pt idx="746">
                  <c:v>#N/A</c:v>
                </c:pt>
                <c:pt idx="747">
                  <c:v>#N/A</c:v>
                </c:pt>
                <c:pt idx="748">
                  <c:v>#N/A</c:v>
                </c:pt>
                <c:pt idx="749">
                  <c:v>#N/A</c:v>
                </c:pt>
                <c:pt idx="750">
                  <c:v>#N/A</c:v>
                </c:pt>
                <c:pt idx="751">
                  <c:v>#N/A</c:v>
                </c:pt>
                <c:pt idx="752">
                  <c:v>#N/A</c:v>
                </c:pt>
                <c:pt idx="753">
                  <c:v>#N/A</c:v>
                </c:pt>
                <c:pt idx="754">
                  <c:v>#N/A</c:v>
                </c:pt>
                <c:pt idx="755">
                  <c:v>#N/A</c:v>
                </c:pt>
                <c:pt idx="756">
                  <c:v>#N/A</c:v>
                </c:pt>
                <c:pt idx="757">
                  <c:v>#N/A</c:v>
                </c:pt>
                <c:pt idx="758">
                  <c:v>#N/A</c:v>
                </c:pt>
                <c:pt idx="759">
                  <c:v>#N/A</c:v>
                </c:pt>
                <c:pt idx="760">
                  <c:v>#N/A</c:v>
                </c:pt>
                <c:pt idx="761">
                  <c:v>#N/A</c:v>
                </c:pt>
                <c:pt idx="762">
                  <c:v>#N/A</c:v>
                </c:pt>
                <c:pt idx="763">
                  <c:v>#N/A</c:v>
                </c:pt>
                <c:pt idx="764">
                  <c:v>#N/A</c:v>
                </c:pt>
                <c:pt idx="765">
                  <c:v>#N/A</c:v>
                </c:pt>
                <c:pt idx="766">
                  <c:v>#N/A</c:v>
                </c:pt>
                <c:pt idx="767">
                  <c:v>#N/A</c:v>
                </c:pt>
                <c:pt idx="768">
                  <c:v>#N/A</c:v>
                </c:pt>
                <c:pt idx="769">
                  <c:v>#N/A</c:v>
                </c:pt>
                <c:pt idx="770">
                  <c:v>#N/A</c:v>
                </c:pt>
                <c:pt idx="771">
                  <c:v>#N/A</c:v>
                </c:pt>
                <c:pt idx="772">
                  <c:v>#N/A</c:v>
                </c:pt>
                <c:pt idx="773">
                  <c:v>#N/A</c:v>
                </c:pt>
                <c:pt idx="774">
                  <c:v>#N/A</c:v>
                </c:pt>
                <c:pt idx="775">
                  <c:v>#N/A</c:v>
                </c:pt>
                <c:pt idx="776">
                  <c:v>#N/A</c:v>
                </c:pt>
                <c:pt idx="777">
                  <c:v>#N/A</c:v>
                </c:pt>
                <c:pt idx="778">
                  <c:v>#N/A</c:v>
                </c:pt>
                <c:pt idx="779">
                  <c:v>#N/A</c:v>
                </c:pt>
                <c:pt idx="780">
                  <c:v>#N/A</c:v>
                </c:pt>
                <c:pt idx="781">
                  <c:v>#N/A</c:v>
                </c:pt>
                <c:pt idx="782">
                  <c:v>#N/A</c:v>
                </c:pt>
                <c:pt idx="783">
                  <c:v>#N/A</c:v>
                </c:pt>
                <c:pt idx="784">
                  <c:v>#N/A</c:v>
                </c:pt>
                <c:pt idx="785">
                  <c:v>#N/A</c:v>
                </c:pt>
                <c:pt idx="786">
                  <c:v>#N/A</c:v>
                </c:pt>
                <c:pt idx="787">
                  <c:v>#N/A</c:v>
                </c:pt>
                <c:pt idx="788">
                  <c:v>#N/A</c:v>
                </c:pt>
                <c:pt idx="789">
                  <c:v>#N/A</c:v>
                </c:pt>
                <c:pt idx="790">
                  <c:v>#N/A</c:v>
                </c:pt>
                <c:pt idx="791">
                  <c:v>#N/A</c:v>
                </c:pt>
                <c:pt idx="792">
                  <c:v>#N/A</c:v>
                </c:pt>
                <c:pt idx="793">
                  <c:v>#N/A</c:v>
                </c:pt>
                <c:pt idx="794">
                  <c:v>#N/A</c:v>
                </c:pt>
                <c:pt idx="795">
                  <c:v>#N/A</c:v>
                </c:pt>
                <c:pt idx="796">
                  <c:v>#N/A</c:v>
                </c:pt>
                <c:pt idx="797">
                  <c:v>#N/A</c:v>
                </c:pt>
                <c:pt idx="798">
                  <c:v>#N/A</c:v>
                </c:pt>
                <c:pt idx="799">
                  <c:v>#N/A</c:v>
                </c:pt>
                <c:pt idx="800">
                  <c:v>#N/A</c:v>
                </c:pt>
                <c:pt idx="801">
                  <c:v>#N/A</c:v>
                </c:pt>
                <c:pt idx="802">
                  <c:v>#N/A</c:v>
                </c:pt>
                <c:pt idx="803">
                  <c:v>#N/A</c:v>
                </c:pt>
                <c:pt idx="804">
                  <c:v>#N/A</c:v>
                </c:pt>
                <c:pt idx="805">
                  <c:v>#N/A</c:v>
                </c:pt>
                <c:pt idx="806">
                  <c:v>#N/A</c:v>
                </c:pt>
                <c:pt idx="807">
                  <c:v>#N/A</c:v>
                </c:pt>
                <c:pt idx="808">
                  <c:v>#N/A</c:v>
                </c:pt>
                <c:pt idx="809">
                  <c:v>#N/A</c:v>
                </c:pt>
                <c:pt idx="810">
                  <c:v>#N/A</c:v>
                </c:pt>
                <c:pt idx="811">
                  <c:v>#N/A</c:v>
                </c:pt>
                <c:pt idx="812">
                  <c:v>#N/A</c:v>
                </c:pt>
                <c:pt idx="813">
                  <c:v>#N/A</c:v>
                </c:pt>
                <c:pt idx="814">
                  <c:v>#N/A</c:v>
                </c:pt>
                <c:pt idx="815">
                  <c:v>#N/A</c:v>
                </c:pt>
                <c:pt idx="816">
                  <c:v>#N/A</c:v>
                </c:pt>
                <c:pt idx="817">
                  <c:v>#N/A</c:v>
                </c:pt>
                <c:pt idx="818">
                  <c:v>#N/A</c:v>
                </c:pt>
                <c:pt idx="819">
                  <c:v>#N/A</c:v>
                </c:pt>
                <c:pt idx="820">
                  <c:v>#N/A</c:v>
                </c:pt>
                <c:pt idx="821">
                  <c:v>#N/A</c:v>
                </c:pt>
                <c:pt idx="822">
                  <c:v>#N/A</c:v>
                </c:pt>
                <c:pt idx="823">
                  <c:v>#N/A</c:v>
                </c:pt>
                <c:pt idx="824">
                  <c:v>#N/A</c:v>
                </c:pt>
                <c:pt idx="825">
                  <c:v>#N/A</c:v>
                </c:pt>
                <c:pt idx="826">
                  <c:v>#N/A</c:v>
                </c:pt>
                <c:pt idx="827">
                  <c:v>#N/A</c:v>
                </c:pt>
                <c:pt idx="828">
                  <c:v>#N/A</c:v>
                </c:pt>
                <c:pt idx="829">
                  <c:v>#N/A</c:v>
                </c:pt>
                <c:pt idx="830">
                  <c:v>#N/A</c:v>
                </c:pt>
                <c:pt idx="831">
                  <c:v>#N/A</c:v>
                </c:pt>
                <c:pt idx="832">
                  <c:v>#N/A</c:v>
                </c:pt>
                <c:pt idx="833">
                  <c:v>#N/A</c:v>
                </c:pt>
                <c:pt idx="834">
                  <c:v>#N/A</c:v>
                </c:pt>
                <c:pt idx="835">
                  <c:v>#N/A</c:v>
                </c:pt>
                <c:pt idx="836">
                  <c:v>#N/A</c:v>
                </c:pt>
                <c:pt idx="837">
                  <c:v>#N/A</c:v>
                </c:pt>
                <c:pt idx="838">
                  <c:v>#N/A</c:v>
                </c:pt>
                <c:pt idx="839">
                  <c:v>#N/A</c:v>
                </c:pt>
                <c:pt idx="840">
                  <c:v>#N/A</c:v>
                </c:pt>
                <c:pt idx="841">
                  <c:v>#N/A</c:v>
                </c:pt>
                <c:pt idx="842">
                  <c:v>#N/A</c:v>
                </c:pt>
                <c:pt idx="843">
                  <c:v>#N/A</c:v>
                </c:pt>
                <c:pt idx="844">
                  <c:v>#N/A</c:v>
                </c:pt>
                <c:pt idx="845">
                  <c:v>#N/A</c:v>
                </c:pt>
                <c:pt idx="846">
                  <c:v>#N/A</c:v>
                </c:pt>
                <c:pt idx="847">
                  <c:v>#N/A</c:v>
                </c:pt>
                <c:pt idx="848">
                  <c:v>#N/A</c:v>
                </c:pt>
                <c:pt idx="849">
                  <c:v>#N/A</c:v>
                </c:pt>
                <c:pt idx="850">
                  <c:v>#N/A</c:v>
                </c:pt>
                <c:pt idx="851">
                  <c:v>#N/A</c:v>
                </c:pt>
                <c:pt idx="852">
                  <c:v>#N/A</c:v>
                </c:pt>
                <c:pt idx="853">
                  <c:v>#N/A</c:v>
                </c:pt>
                <c:pt idx="854">
                  <c:v>#N/A</c:v>
                </c:pt>
                <c:pt idx="855">
                  <c:v>#N/A</c:v>
                </c:pt>
                <c:pt idx="856">
                  <c:v>#N/A</c:v>
                </c:pt>
                <c:pt idx="857">
                  <c:v>#N/A</c:v>
                </c:pt>
                <c:pt idx="858">
                  <c:v>#N/A</c:v>
                </c:pt>
                <c:pt idx="859">
                  <c:v>#N/A</c:v>
                </c:pt>
                <c:pt idx="860">
                  <c:v>#N/A</c:v>
                </c:pt>
                <c:pt idx="861">
                  <c:v>#N/A</c:v>
                </c:pt>
                <c:pt idx="862">
                  <c:v>#N/A</c:v>
                </c:pt>
                <c:pt idx="863">
                  <c:v>#N/A</c:v>
                </c:pt>
                <c:pt idx="864">
                  <c:v>#N/A</c:v>
                </c:pt>
                <c:pt idx="865">
                  <c:v>#N/A</c:v>
                </c:pt>
                <c:pt idx="866">
                  <c:v>#N/A</c:v>
                </c:pt>
                <c:pt idx="867">
                  <c:v>#N/A</c:v>
                </c:pt>
                <c:pt idx="868">
                  <c:v>#N/A</c:v>
                </c:pt>
                <c:pt idx="869">
                  <c:v>#N/A</c:v>
                </c:pt>
                <c:pt idx="870">
                  <c:v>#N/A</c:v>
                </c:pt>
                <c:pt idx="871">
                  <c:v>#N/A</c:v>
                </c:pt>
                <c:pt idx="872">
                  <c:v>#N/A</c:v>
                </c:pt>
                <c:pt idx="873">
                  <c:v>#N/A</c:v>
                </c:pt>
                <c:pt idx="874">
                  <c:v>#N/A</c:v>
                </c:pt>
                <c:pt idx="875">
                  <c:v>#N/A</c:v>
                </c:pt>
                <c:pt idx="876">
                  <c:v>#N/A</c:v>
                </c:pt>
                <c:pt idx="877">
                  <c:v>#N/A</c:v>
                </c:pt>
                <c:pt idx="878">
                  <c:v>#N/A</c:v>
                </c:pt>
                <c:pt idx="879">
                  <c:v>#N/A</c:v>
                </c:pt>
                <c:pt idx="880">
                  <c:v>#N/A</c:v>
                </c:pt>
                <c:pt idx="881">
                  <c:v>#N/A</c:v>
                </c:pt>
                <c:pt idx="882">
                  <c:v>#N/A</c:v>
                </c:pt>
                <c:pt idx="883">
                  <c:v>#N/A</c:v>
                </c:pt>
                <c:pt idx="884">
                  <c:v>#N/A</c:v>
                </c:pt>
                <c:pt idx="885">
                  <c:v>#N/A</c:v>
                </c:pt>
                <c:pt idx="886">
                  <c:v>#N/A</c:v>
                </c:pt>
                <c:pt idx="887">
                  <c:v>#N/A</c:v>
                </c:pt>
                <c:pt idx="888">
                  <c:v>#N/A</c:v>
                </c:pt>
                <c:pt idx="889">
                  <c:v>#N/A</c:v>
                </c:pt>
                <c:pt idx="890">
                  <c:v>#N/A</c:v>
                </c:pt>
                <c:pt idx="891">
                  <c:v>#N/A</c:v>
                </c:pt>
                <c:pt idx="892">
                  <c:v>#N/A</c:v>
                </c:pt>
                <c:pt idx="893">
                  <c:v>#N/A</c:v>
                </c:pt>
                <c:pt idx="894">
                  <c:v>#N/A</c:v>
                </c:pt>
                <c:pt idx="895">
                  <c:v>#N/A</c:v>
                </c:pt>
                <c:pt idx="896">
                  <c:v>#N/A</c:v>
                </c:pt>
                <c:pt idx="897">
                  <c:v>#N/A</c:v>
                </c:pt>
                <c:pt idx="898">
                  <c:v>#N/A</c:v>
                </c:pt>
                <c:pt idx="899">
                  <c:v>#N/A</c:v>
                </c:pt>
                <c:pt idx="900">
                  <c:v>#N/A</c:v>
                </c:pt>
                <c:pt idx="901">
                  <c:v>#N/A</c:v>
                </c:pt>
                <c:pt idx="902">
                  <c:v>#N/A</c:v>
                </c:pt>
                <c:pt idx="903">
                  <c:v>#N/A</c:v>
                </c:pt>
                <c:pt idx="904">
                  <c:v>#N/A</c:v>
                </c:pt>
                <c:pt idx="905">
                  <c:v>#N/A</c:v>
                </c:pt>
                <c:pt idx="906">
                  <c:v>#N/A</c:v>
                </c:pt>
                <c:pt idx="907">
                  <c:v>#N/A</c:v>
                </c:pt>
                <c:pt idx="908">
                  <c:v>#N/A</c:v>
                </c:pt>
                <c:pt idx="909">
                  <c:v>#N/A</c:v>
                </c:pt>
                <c:pt idx="910">
                  <c:v>#N/A</c:v>
                </c:pt>
                <c:pt idx="911">
                  <c:v>#N/A</c:v>
                </c:pt>
                <c:pt idx="912">
                  <c:v>#N/A</c:v>
                </c:pt>
                <c:pt idx="913">
                  <c:v>#N/A</c:v>
                </c:pt>
                <c:pt idx="914">
                  <c:v>#N/A</c:v>
                </c:pt>
                <c:pt idx="915">
                  <c:v>#N/A</c:v>
                </c:pt>
                <c:pt idx="916">
                  <c:v>#N/A</c:v>
                </c:pt>
                <c:pt idx="917">
                  <c:v>#N/A</c:v>
                </c:pt>
                <c:pt idx="918">
                  <c:v>#N/A</c:v>
                </c:pt>
                <c:pt idx="919">
                  <c:v>#N/A</c:v>
                </c:pt>
                <c:pt idx="920">
                  <c:v>#N/A</c:v>
                </c:pt>
                <c:pt idx="921">
                  <c:v>#N/A</c:v>
                </c:pt>
                <c:pt idx="922">
                  <c:v>#N/A</c:v>
                </c:pt>
                <c:pt idx="923">
                  <c:v>#N/A</c:v>
                </c:pt>
                <c:pt idx="924">
                  <c:v>#N/A</c:v>
                </c:pt>
                <c:pt idx="925">
                  <c:v>#N/A</c:v>
                </c:pt>
                <c:pt idx="926">
                  <c:v>#N/A</c:v>
                </c:pt>
                <c:pt idx="927">
                  <c:v>#N/A</c:v>
                </c:pt>
                <c:pt idx="928">
                  <c:v>#N/A</c:v>
                </c:pt>
                <c:pt idx="929">
                  <c:v>#N/A</c:v>
                </c:pt>
                <c:pt idx="930">
                  <c:v>#N/A</c:v>
                </c:pt>
                <c:pt idx="931">
                  <c:v>#N/A</c:v>
                </c:pt>
                <c:pt idx="932">
                  <c:v>#N/A</c:v>
                </c:pt>
                <c:pt idx="933">
                  <c:v>#N/A</c:v>
                </c:pt>
                <c:pt idx="934">
                  <c:v>#N/A</c:v>
                </c:pt>
                <c:pt idx="935">
                  <c:v>#N/A</c:v>
                </c:pt>
                <c:pt idx="936">
                  <c:v>#N/A</c:v>
                </c:pt>
                <c:pt idx="937">
                  <c:v>#N/A</c:v>
                </c:pt>
                <c:pt idx="938">
                  <c:v>#N/A</c:v>
                </c:pt>
                <c:pt idx="939">
                  <c:v>#N/A</c:v>
                </c:pt>
                <c:pt idx="940">
                  <c:v>#N/A</c:v>
                </c:pt>
                <c:pt idx="941">
                  <c:v>#N/A</c:v>
                </c:pt>
                <c:pt idx="942">
                  <c:v>#N/A</c:v>
                </c:pt>
                <c:pt idx="943">
                  <c:v>#N/A</c:v>
                </c:pt>
                <c:pt idx="944">
                  <c:v>#N/A</c:v>
                </c:pt>
                <c:pt idx="945">
                  <c:v>#N/A</c:v>
                </c:pt>
                <c:pt idx="946">
                  <c:v>#N/A</c:v>
                </c:pt>
                <c:pt idx="947">
                  <c:v>#N/A</c:v>
                </c:pt>
                <c:pt idx="948">
                  <c:v>#N/A</c:v>
                </c:pt>
                <c:pt idx="949">
                  <c:v>#N/A</c:v>
                </c:pt>
                <c:pt idx="950">
                  <c:v>#N/A</c:v>
                </c:pt>
                <c:pt idx="951">
                  <c:v>#N/A</c:v>
                </c:pt>
                <c:pt idx="952">
                  <c:v>#N/A</c:v>
                </c:pt>
                <c:pt idx="953">
                  <c:v>#N/A</c:v>
                </c:pt>
                <c:pt idx="954">
                  <c:v>#N/A</c:v>
                </c:pt>
                <c:pt idx="955">
                  <c:v>#N/A</c:v>
                </c:pt>
                <c:pt idx="956">
                  <c:v>#N/A</c:v>
                </c:pt>
                <c:pt idx="957">
                  <c:v>#N/A</c:v>
                </c:pt>
                <c:pt idx="958">
                  <c:v>#N/A</c:v>
                </c:pt>
                <c:pt idx="959">
                  <c:v>#N/A</c:v>
                </c:pt>
                <c:pt idx="960">
                  <c:v>#N/A</c:v>
                </c:pt>
                <c:pt idx="961">
                  <c:v>#N/A</c:v>
                </c:pt>
                <c:pt idx="962">
                  <c:v>#N/A</c:v>
                </c:pt>
                <c:pt idx="963">
                  <c:v>#N/A</c:v>
                </c:pt>
                <c:pt idx="964">
                  <c:v>#N/A</c:v>
                </c:pt>
                <c:pt idx="965">
                  <c:v>#N/A</c:v>
                </c:pt>
                <c:pt idx="966">
                  <c:v>#N/A</c:v>
                </c:pt>
                <c:pt idx="967">
                  <c:v>#N/A</c:v>
                </c:pt>
                <c:pt idx="968">
                  <c:v>#N/A</c:v>
                </c:pt>
                <c:pt idx="969">
                  <c:v>#N/A</c:v>
                </c:pt>
                <c:pt idx="970">
                  <c:v>#N/A</c:v>
                </c:pt>
                <c:pt idx="971">
                  <c:v>#N/A</c:v>
                </c:pt>
                <c:pt idx="972">
                  <c:v>#N/A</c:v>
                </c:pt>
                <c:pt idx="973">
                  <c:v>#N/A</c:v>
                </c:pt>
                <c:pt idx="974">
                  <c:v>#N/A</c:v>
                </c:pt>
                <c:pt idx="975">
                  <c:v>#N/A</c:v>
                </c:pt>
                <c:pt idx="976">
                  <c:v>#N/A</c:v>
                </c:pt>
                <c:pt idx="977">
                  <c:v>#N/A</c:v>
                </c:pt>
                <c:pt idx="978">
                  <c:v>#N/A</c:v>
                </c:pt>
                <c:pt idx="979">
                  <c:v>#N/A</c:v>
                </c:pt>
                <c:pt idx="980">
                  <c:v>#N/A</c:v>
                </c:pt>
                <c:pt idx="981">
                  <c:v>#N/A</c:v>
                </c:pt>
                <c:pt idx="982">
                  <c:v>#N/A</c:v>
                </c:pt>
                <c:pt idx="983">
                  <c:v>#N/A</c:v>
                </c:pt>
                <c:pt idx="984">
                  <c:v>#N/A</c:v>
                </c:pt>
                <c:pt idx="985">
                  <c:v>#N/A</c:v>
                </c:pt>
                <c:pt idx="986">
                  <c:v>#N/A</c:v>
                </c:pt>
                <c:pt idx="987">
                  <c:v>#N/A</c:v>
                </c:pt>
                <c:pt idx="988">
                  <c:v>#N/A</c:v>
                </c:pt>
                <c:pt idx="989">
                  <c:v>#N/A</c:v>
                </c:pt>
                <c:pt idx="990">
                  <c:v>#N/A</c:v>
                </c:pt>
                <c:pt idx="991">
                  <c:v>#N/A</c:v>
                </c:pt>
                <c:pt idx="992">
                  <c:v>#N/A</c:v>
                </c:pt>
                <c:pt idx="993">
                  <c:v>#N/A</c:v>
                </c:pt>
                <c:pt idx="994">
                  <c:v>#N/A</c:v>
                </c:pt>
                <c:pt idx="995">
                  <c:v>#N/A</c:v>
                </c:pt>
                <c:pt idx="996">
                  <c:v>#N/A</c:v>
                </c:pt>
                <c:pt idx="997">
                  <c:v>#N/A</c:v>
                </c:pt>
                <c:pt idx="998">
                  <c:v>#N/A</c:v>
                </c:pt>
                <c:pt idx="999">
                  <c:v>#N/A</c:v>
                </c:pt>
                <c:pt idx="1000">
                  <c:v>#N/A</c:v>
                </c:pt>
                <c:pt idx="1001">
                  <c:v>#N/A</c:v>
                </c:pt>
                <c:pt idx="1002">
                  <c:v>#N/A</c:v>
                </c:pt>
                <c:pt idx="1003">
                  <c:v>#N/A</c:v>
                </c:pt>
                <c:pt idx="1004">
                  <c:v>#N/A</c:v>
                </c:pt>
                <c:pt idx="1005">
                  <c:v>#N/A</c:v>
                </c:pt>
                <c:pt idx="1006">
                  <c:v>#N/A</c:v>
                </c:pt>
                <c:pt idx="1007">
                  <c:v>#N/A</c:v>
                </c:pt>
                <c:pt idx="1008">
                  <c:v>#N/A</c:v>
                </c:pt>
                <c:pt idx="1009">
                  <c:v>#N/A</c:v>
                </c:pt>
                <c:pt idx="1010">
                  <c:v>#N/A</c:v>
                </c:pt>
                <c:pt idx="1011">
                  <c:v>#N/A</c:v>
                </c:pt>
                <c:pt idx="1012">
                  <c:v>#N/A</c:v>
                </c:pt>
                <c:pt idx="1013">
                  <c:v>#N/A</c:v>
                </c:pt>
                <c:pt idx="1014">
                  <c:v>#N/A</c:v>
                </c:pt>
                <c:pt idx="1015">
                  <c:v>#N/A</c:v>
                </c:pt>
                <c:pt idx="1016">
                  <c:v>#N/A</c:v>
                </c:pt>
                <c:pt idx="1017">
                  <c:v>#N/A</c:v>
                </c:pt>
                <c:pt idx="1018">
                  <c:v>#N/A</c:v>
                </c:pt>
                <c:pt idx="1019">
                  <c:v>#N/A</c:v>
                </c:pt>
                <c:pt idx="1020">
                  <c:v>#N/A</c:v>
                </c:pt>
                <c:pt idx="1021">
                  <c:v>#N/A</c:v>
                </c:pt>
                <c:pt idx="1022">
                  <c:v>#N/A</c:v>
                </c:pt>
                <c:pt idx="1023">
                  <c:v>#N/A</c:v>
                </c:pt>
                <c:pt idx="1024">
                  <c:v>#N/A</c:v>
                </c:pt>
                <c:pt idx="1025">
                  <c:v>#N/A</c:v>
                </c:pt>
                <c:pt idx="1026">
                  <c:v>#N/A</c:v>
                </c:pt>
                <c:pt idx="1027">
                  <c:v>#N/A</c:v>
                </c:pt>
                <c:pt idx="1028">
                  <c:v>#N/A</c:v>
                </c:pt>
                <c:pt idx="1029">
                  <c:v>#N/A</c:v>
                </c:pt>
                <c:pt idx="1030">
                  <c:v>#N/A</c:v>
                </c:pt>
                <c:pt idx="1031">
                  <c:v>#N/A</c:v>
                </c:pt>
                <c:pt idx="1032">
                  <c:v>#N/A</c:v>
                </c:pt>
                <c:pt idx="1033">
                  <c:v>#N/A</c:v>
                </c:pt>
                <c:pt idx="1034">
                  <c:v>#N/A</c:v>
                </c:pt>
                <c:pt idx="1035">
                  <c:v>#N/A</c:v>
                </c:pt>
                <c:pt idx="1036">
                  <c:v>#N/A</c:v>
                </c:pt>
                <c:pt idx="1037">
                  <c:v>#N/A</c:v>
                </c:pt>
                <c:pt idx="1038">
                  <c:v>#N/A</c:v>
                </c:pt>
                <c:pt idx="1039">
                  <c:v>#N/A</c:v>
                </c:pt>
                <c:pt idx="1040">
                  <c:v>#N/A</c:v>
                </c:pt>
                <c:pt idx="1041">
                  <c:v>#N/A</c:v>
                </c:pt>
                <c:pt idx="1042">
                  <c:v>#N/A</c:v>
                </c:pt>
                <c:pt idx="1043">
                  <c:v>#N/A</c:v>
                </c:pt>
                <c:pt idx="1044">
                  <c:v>#N/A</c:v>
                </c:pt>
                <c:pt idx="1045">
                  <c:v>#N/A</c:v>
                </c:pt>
                <c:pt idx="1046">
                  <c:v>#N/A</c:v>
                </c:pt>
                <c:pt idx="1047">
                  <c:v>#N/A</c:v>
                </c:pt>
                <c:pt idx="1048">
                  <c:v>#N/A</c:v>
                </c:pt>
                <c:pt idx="1049">
                  <c:v>#N/A</c:v>
                </c:pt>
                <c:pt idx="1050">
                  <c:v>#N/A</c:v>
                </c:pt>
                <c:pt idx="1051">
                  <c:v>#N/A</c:v>
                </c:pt>
                <c:pt idx="1052">
                  <c:v>#N/A</c:v>
                </c:pt>
                <c:pt idx="1053">
                  <c:v>#N/A</c:v>
                </c:pt>
                <c:pt idx="1054">
                  <c:v>#N/A</c:v>
                </c:pt>
                <c:pt idx="1055">
                  <c:v>#N/A</c:v>
                </c:pt>
                <c:pt idx="1056">
                  <c:v>#N/A</c:v>
                </c:pt>
                <c:pt idx="1057">
                  <c:v>#N/A</c:v>
                </c:pt>
                <c:pt idx="1058">
                  <c:v>#N/A</c:v>
                </c:pt>
                <c:pt idx="1059">
                  <c:v>#N/A</c:v>
                </c:pt>
                <c:pt idx="1060">
                  <c:v>#N/A</c:v>
                </c:pt>
                <c:pt idx="1061">
                  <c:v>#N/A</c:v>
                </c:pt>
                <c:pt idx="1062">
                  <c:v>#N/A</c:v>
                </c:pt>
                <c:pt idx="1063">
                  <c:v>#N/A</c:v>
                </c:pt>
                <c:pt idx="1064">
                  <c:v>#N/A</c:v>
                </c:pt>
                <c:pt idx="1065">
                  <c:v>#N/A</c:v>
                </c:pt>
                <c:pt idx="1066">
                  <c:v>#N/A</c:v>
                </c:pt>
                <c:pt idx="1067">
                  <c:v>#N/A</c:v>
                </c:pt>
                <c:pt idx="1068">
                  <c:v>#N/A</c:v>
                </c:pt>
                <c:pt idx="1069">
                  <c:v>#N/A</c:v>
                </c:pt>
                <c:pt idx="1070">
                  <c:v>#N/A</c:v>
                </c:pt>
                <c:pt idx="1071">
                  <c:v>#N/A</c:v>
                </c:pt>
                <c:pt idx="1072">
                  <c:v>#N/A</c:v>
                </c:pt>
                <c:pt idx="1073">
                  <c:v>#N/A</c:v>
                </c:pt>
                <c:pt idx="1074">
                  <c:v>#N/A</c:v>
                </c:pt>
                <c:pt idx="1075">
                  <c:v>#N/A</c:v>
                </c:pt>
                <c:pt idx="1076">
                  <c:v>#N/A</c:v>
                </c:pt>
                <c:pt idx="1077">
                  <c:v>#N/A</c:v>
                </c:pt>
                <c:pt idx="1078">
                  <c:v>#N/A</c:v>
                </c:pt>
                <c:pt idx="1079">
                  <c:v>#N/A</c:v>
                </c:pt>
                <c:pt idx="1080">
                  <c:v>#N/A</c:v>
                </c:pt>
                <c:pt idx="1081">
                  <c:v>#N/A</c:v>
                </c:pt>
                <c:pt idx="1082">
                  <c:v>#N/A</c:v>
                </c:pt>
                <c:pt idx="1083">
                  <c:v>#N/A</c:v>
                </c:pt>
                <c:pt idx="1084">
                  <c:v>#N/A</c:v>
                </c:pt>
                <c:pt idx="1085">
                  <c:v>#N/A</c:v>
                </c:pt>
                <c:pt idx="1086">
                  <c:v>#N/A</c:v>
                </c:pt>
                <c:pt idx="1087">
                  <c:v>#N/A</c:v>
                </c:pt>
                <c:pt idx="1088">
                  <c:v>#N/A</c:v>
                </c:pt>
                <c:pt idx="1089">
                  <c:v>#N/A</c:v>
                </c:pt>
                <c:pt idx="1090">
                  <c:v>#N/A</c:v>
                </c:pt>
                <c:pt idx="1091">
                  <c:v>#N/A</c:v>
                </c:pt>
                <c:pt idx="1092">
                  <c:v>#N/A</c:v>
                </c:pt>
                <c:pt idx="1093">
                  <c:v>#N/A</c:v>
                </c:pt>
                <c:pt idx="1094">
                  <c:v>#N/A</c:v>
                </c:pt>
                <c:pt idx="1095">
                  <c:v>#N/A</c:v>
                </c:pt>
                <c:pt idx="1096">
                  <c:v>#N/A</c:v>
                </c:pt>
                <c:pt idx="1097">
                  <c:v>#N/A</c:v>
                </c:pt>
                <c:pt idx="1098">
                  <c:v>#N/A</c:v>
                </c:pt>
                <c:pt idx="1099">
                  <c:v>#N/A</c:v>
                </c:pt>
                <c:pt idx="1100">
                  <c:v>#N/A</c:v>
                </c:pt>
                <c:pt idx="1101">
                  <c:v>#N/A</c:v>
                </c:pt>
                <c:pt idx="1102">
                  <c:v>#N/A</c:v>
                </c:pt>
                <c:pt idx="1103">
                  <c:v>#N/A</c:v>
                </c:pt>
                <c:pt idx="1104">
                  <c:v>#N/A</c:v>
                </c:pt>
                <c:pt idx="1105">
                  <c:v>#N/A</c:v>
                </c:pt>
                <c:pt idx="1106">
                  <c:v>#N/A</c:v>
                </c:pt>
                <c:pt idx="1107">
                  <c:v>#N/A</c:v>
                </c:pt>
                <c:pt idx="1108">
                  <c:v>#N/A</c:v>
                </c:pt>
                <c:pt idx="1109">
                  <c:v>#N/A</c:v>
                </c:pt>
                <c:pt idx="1110">
                  <c:v>#N/A</c:v>
                </c:pt>
                <c:pt idx="1111">
                  <c:v>#N/A</c:v>
                </c:pt>
                <c:pt idx="1112">
                  <c:v>#N/A</c:v>
                </c:pt>
                <c:pt idx="1113">
                  <c:v>#N/A</c:v>
                </c:pt>
                <c:pt idx="1114">
                  <c:v>#N/A</c:v>
                </c:pt>
                <c:pt idx="1115">
                  <c:v>#N/A</c:v>
                </c:pt>
                <c:pt idx="1116">
                  <c:v>#N/A</c:v>
                </c:pt>
                <c:pt idx="1117">
                  <c:v>#N/A</c:v>
                </c:pt>
                <c:pt idx="1118">
                  <c:v>#N/A</c:v>
                </c:pt>
                <c:pt idx="1119">
                  <c:v>#N/A</c:v>
                </c:pt>
                <c:pt idx="1120">
                  <c:v>#N/A</c:v>
                </c:pt>
                <c:pt idx="1121">
                  <c:v>#N/A</c:v>
                </c:pt>
                <c:pt idx="1122">
                  <c:v>#N/A</c:v>
                </c:pt>
                <c:pt idx="1123">
                  <c:v>#N/A</c:v>
                </c:pt>
                <c:pt idx="1124">
                  <c:v>#N/A</c:v>
                </c:pt>
                <c:pt idx="1125">
                  <c:v>#N/A</c:v>
                </c:pt>
                <c:pt idx="1126">
                  <c:v>#N/A</c:v>
                </c:pt>
                <c:pt idx="1127">
                  <c:v>#N/A</c:v>
                </c:pt>
                <c:pt idx="1128">
                  <c:v>#N/A</c:v>
                </c:pt>
                <c:pt idx="1129">
                  <c:v>#N/A</c:v>
                </c:pt>
                <c:pt idx="1130">
                  <c:v>#N/A</c:v>
                </c:pt>
                <c:pt idx="1131">
                  <c:v>#N/A</c:v>
                </c:pt>
                <c:pt idx="1132">
                  <c:v>#N/A</c:v>
                </c:pt>
                <c:pt idx="1133">
                  <c:v>#N/A</c:v>
                </c:pt>
                <c:pt idx="1134">
                  <c:v>#N/A</c:v>
                </c:pt>
                <c:pt idx="1135">
                  <c:v>#N/A</c:v>
                </c:pt>
                <c:pt idx="1136">
                  <c:v>#N/A</c:v>
                </c:pt>
                <c:pt idx="1137">
                  <c:v>#N/A</c:v>
                </c:pt>
                <c:pt idx="1138">
                  <c:v>#N/A</c:v>
                </c:pt>
                <c:pt idx="1139">
                  <c:v>#N/A</c:v>
                </c:pt>
                <c:pt idx="1140">
                  <c:v>#N/A</c:v>
                </c:pt>
                <c:pt idx="1141">
                  <c:v>#N/A</c:v>
                </c:pt>
                <c:pt idx="1142">
                  <c:v>#N/A</c:v>
                </c:pt>
                <c:pt idx="1143">
                  <c:v>#N/A</c:v>
                </c:pt>
                <c:pt idx="1144">
                  <c:v>#N/A</c:v>
                </c:pt>
                <c:pt idx="1145">
                  <c:v>#N/A</c:v>
                </c:pt>
                <c:pt idx="1146">
                  <c:v>#N/A</c:v>
                </c:pt>
                <c:pt idx="1147">
                  <c:v>#N/A</c:v>
                </c:pt>
                <c:pt idx="1148">
                  <c:v>#N/A</c:v>
                </c:pt>
                <c:pt idx="1149">
                  <c:v>#N/A</c:v>
                </c:pt>
                <c:pt idx="1150">
                  <c:v>#N/A</c:v>
                </c:pt>
                <c:pt idx="1151">
                  <c:v>#N/A</c:v>
                </c:pt>
                <c:pt idx="1152">
                  <c:v>#N/A</c:v>
                </c:pt>
                <c:pt idx="1153">
                  <c:v>#N/A</c:v>
                </c:pt>
                <c:pt idx="1154">
                  <c:v>#N/A</c:v>
                </c:pt>
                <c:pt idx="1155">
                  <c:v>#N/A</c:v>
                </c:pt>
                <c:pt idx="1156">
                  <c:v>#N/A</c:v>
                </c:pt>
                <c:pt idx="1157">
                  <c:v>#N/A</c:v>
                </c:pt>
                <c:pt idx="1158">
                  <c:v>#N/A</c:v>
                </c:pt>
                <c:pt idx="1159">
                  <c:v>#N/A</c:v>
                </c:pt>
                <c:pt idx="1160">
                  <c:v>#N/A</c:v>
                </c:pt>
                <c:pt idx="1161">
                  <c:v>#N/A</c:v>
                </c:pt>
                <c:pt idx="1162">
                  <c:v>#N/A</c:v>
                </c:pt>
                <c:pt idx="1163">
                  <c:v>#N/A</c:v>
                </c:pt>
                <c:pt idx="1164">
                  <c:v>#N/A</c:v>
                </c:pt>
                <c:pt idx="1165">
                  <c:v>#N/A</c:v>
                </c:pt>
                <c:pt idx="1166">
                  <c:v>#N/A</c:v>
                </c:pt>
                <c:pt idx="1167">
                  <c:v>#N/A</c:v>
                </c:pt>
                <c:pt idx="1168">
                  <c:v>#N/A</c:v>
                </c:pt>
                <c:pt idx="1169">
                  <c:v>#N/A</c:v>
                </c:pt>
                <c:pt idx="1170">
                  <c:v>#N/A</c:v>
                </c:pt>
                <c:pt idx="1171">
                  <c:v>#N/A</c:v>
                </c:pt>
                <c:pt idx="1172">
                  <c:v>#N/A</c:v>
                </c:pt>
                <c:pt idx="1173">
                  <c:v>#N/A</c:v>
                </c:pt>
                <c:pt idx="1174">
                  <c:v>#N/A</c:v>
                </c:pt>
                <c:pt idx="1175">
                  <c:v>#N/A</c:v>
                </c:pt>
                <c:pt idx="1176">
                  <c:v>#N/A</c:v>
                </c:pt>
                <c:pt idx="1177">
                  <c:v>#N/A</c:v>
                </c:pt>
                <c:pt idx="1178">
                  <c:v>#N/A</c:v>
                </c:pt>
                <c:pt idx="1179">
                  <c:v>#N/A</c:v>
                </c:pt>
                <c:pt idx="1180">
                  <c:v>#N/A</c:v>
                </c:pt>
                <c:pt idx="1181">
                  <c:v>#N/A</c:v>
                </c:pt>
                <c:pt idx="1182">
                  <c:v>#N/A</c:v>
                </c:pt>
                <c:pt idx="1183">
                  <c:v>#N/A</c:v>
                </c:pt>
                <c:pt idx="1184">
                  <c:v>#N/A</c:v>
                </c:pt>
                <c:pt idx="1185">
                  <c:v>#N/A</c:v>
                </c:pt>
                <c:pt idx="1186">
                  <c:v>#N/A</c:v>
                </c:pt>
                <c:pt idx="1187">
                  <c:v>#N/A</c:v>
                </c:pt>
                <c:pt idx="1188">
                  <c:v>#N/A</c:v>
                </c:pt>
                <c:pt idx="1189">
                  <c:v>#N/A</c:v>
                </c:pt>
                <c:pt idx="1190">
                  <c:v>#N/A</c:v>
                </c:pt>
                <c:pt idx="1191">
                  <c:v>#N/A</c:v>
                </c:pt>
                <c:pt idx="1192">
                  <c:v>#N/A</c:v>
                </c:pt>
                <c:pt idx="1193">
                  <c:v>#N/A</c:v>
                </c:pt>
                <c:pt idx="1194">
                  <c:v>#N/A</c:v>
                </c:pt>
                <c:pt idx="1195">
                  <c:v>#N/A</c:v>
                </c:pt>
                <c:pt idx="1196">
                  <c:v>#N/A</c:v>
                </c:pt>
                <c:pt idx="1197">
                  <c:v>#N/A</c:v>
                </c:pt>
                <c:pt idx="1198">
                  <c:v>#N/A</c:v>
                </c:pt>
                <c:pt idx="1199">
                  <c:v>#N/A</c:v>
                </c:pt>
                <c:pt idx="1200">
                  <c:v>#N/A</c:v>
                </c:pt>
                <c:pt idx="1201">
                  <c:v>#N/A</c:v>
                </c:pt>
                <c:pt idx="1202">
                  <c:v>#N/A</c:v>
                </c:pt>
                <c:pt idx="1203">
                  <c:v>#N/A</c:v>
                </c:pt>
                <c:pt idx="1204">
                  <c:v>#N/A</c:v>
                </c:pt>
                <c:pt idx="1205">
                  <c:v>#N/A</c:v>
                </c:pt>
                <c:pt idx="1206">
                  <c:v>#N/A</c:v>
                </c:pt>
                <c:pt idx="1207">
                  <c:v>#N/A</c:v>
                </c:pt>
                <c:pt idx="1208">
                  <c:v>#N/A</c:v>
                </c:pt>
                <c:pt idx="1209">
                  <c:v>#N/A</c:v>
                </c:pt>
                <c:pt idx="1210">
                  <c:v>#N/A</c:v>
                </c:pt>
                <c:pt idx="1211">
                  <c:v>#N/A</c:v>
                </c:pt>
                <c:pt idx="1212">
                  <c:v>#N/A</c:v>
                </c:pt>
                <c:pt idx="1213">
                  <c:v>#N/A</c:v>
                </c:pt>
                <c:pt idx="1214">
                  <c:v>#N/A</c:v>
                </c:pt>
                <c:pt idx="1215">
                  <c:v>#N/A</c:v>
                </c:pt>
                <c:pt idx="1216">
                  <c:v>#N/A</c:v>
                </c:pt>
                <c:pt idx="1217">
                  <c:v>#N/A</c:v>
                </c:pt>
                <c:pt idx="1218">
                  <c:v>#N/A</c:v>
                </c:pt>
                <c:pt idx="1219">
                  <c:v>#N/A</c:v>
                </c:pt>
                <c:pt idx="1220">
                  <c:v>#N/A</c:v>
                </c:pt>
                <c:pt idx="1221">
                  <c:v>#N/A</c:v>
                </c:pt>
                <c:pt idx="1222">
                  <c:v>#N/A</c:v>
                </c:pt>
                <c:pt idx="1223">
                  <c:v>#N/A</c:v>
                </c:pt>
                <c:pt idx="1224">
                  <c:v>#N/A</c:v>
                </c:pt>
                <c:pt idx="1225">
                  <c:v>#N/A</c:v>
                </c:pt>
                <c:pt idx="1226">
                  <c:v>#N/A</c:v>
                </c:pt>
                <c:pt idx="1227">
                  <c:v>#N/A</c:v>
                </c:pt>
                <c:pt idx="1228">
                  <c:v>#N/A</c:v>
                </c:pt>
                <c:pt idx="1229">
                  <c:v>#N/A</c:v>
                </c:pt>
                <c:pt idx="1230">
                  <c:v>#N/A</c:v>
                </c:pt>
                <c:pt idx="1231">
                  <c:v>#N/A</c:v>
                </c:pt>
                <c:pt idx="1232">
                  <c:v>#N/A</c:v>
                </c:pt>
                <c:pt idx="1233">
                  <c:v>#N/A</c:v>
                </c:pt>
                <c:pt idx="1234">
                  <c:v>#N/A</c:v>
                </c:pt>
                <c:pt idx="1235">
                  <c:v>#N/A</c:v>
                </c:pt>
                <c:pt idx="1236">
                  <c:v>#N/A</c:v>
                </c:pt>
                <c:pt idx="1237">
                  <c:v>#N/A</c:v>
                </c:pt>
                <c:pt idx="1238">
                  <c:v>#N/A</c:v>
                </c:pt>
                <c:pt idx="1239">
                  <c:v>#N/A</c:v>
                </c:pt>
                <c:pt idx="1240">
                  <c:v>#N/A</c:v>
                </c:pt>
                <c:pt idx="1241">
                  <c:v>#N/A</c:v>
                </c:pt>
                <c:pt idx="1242">
                  <c:v>#N/A</c:v>
                </c:pt>
                <c:pt idx="1243">
                  <c:v>#N/A</c:v>
                </c:pt>
                <c:pt idx="1244">
                  <c:v>#N/A</c:v>
                </c:pt>
                <c:pt idx="1245">
                  <c:v>#N/A</c:v>
                </c:pt>
                <c:pt idx="1246">
                  <c:v>#N/A</c:v>
                </c:pt>
                <c:pt idx="1247">
                  <c:v>#N/A</c:v>
                </c:pt>
                <c:pt idx="1248">
                  <c:v>#N/A</c:v>
                </c:pt>
                <c:pt idx="1249">
                  <c:v>#N/A</c:v>
                </c:pt>
                <c:pt idx="1250">
                  <c:v>#N/A</c:v>
                </c:pt>
                <c:pt idx="1251">
                  <c:v>#N/A</c:v>
                </c:pt>
                <c:pt idx="1252">
                  <c:v>#N/A</c:v>
                </c:pt>
                <c:pt idx="1253">
                  <c:v>#N/A</c:v>
                </c:pt>
                <c:pt idx="1254">
                  <c:v>#N/A</c:v>
                </c:pt>
                <c:pt idx="1255">
                  <c:v>#N/A</c:v>
                </c:pt>
                <c:pt idx="1256">
                  <c:v>#N/A</c:v>
                </c:pt>
                <c:pt idx="1257">
                  <c:v>#N/A</c:v>
                </c:pt>
                <c:pt idx="1258">
                  <c:v>#N/A</c:v>
                </c:pt>
                <c:pt idx="1259">
                  <c:v>#N/A</c:v>
                </c:pt>
                <c:pt idx="1260">
                  <c:v>#N/A</c:v>
                </c:pt>
                <c:pt idx="1261">
                  <c:v>#N/A</c:v>
                </c:pt>
                <c:pt idx="1262">
                  <c:v>#N/A</c:v>
                </c:pt>
                <c:pt idx="1263">
                  <c:v>#N/A</c:v>
                </c:pt>
                <c:pt idx="1264">
                  <c:v>#N/A</c:v>
                </c:pt>
                <c:pt idx="1265">
                  <c:v>#N/A</c:v>
                </c:pt>
                <c:pt idx="1266">
                  <c:v>#N/A</c:v>
                </c:pt>
                <c:pt idx="1267">
                  <c:v>#N/A</c:v>
                </c:pt>
                <c:pt idx="1268">
                  <c:v>#N/A</c:v>
                </c:pt>
                <c:pt idx="1269">
                  <c:v>#N/A</c:v>
                </c:pt>
                <c:pt idx="1270">
                  <c:v>#N/A</c:v>
                </c:pt>
                <c:pt idx="1271">
                  <c:v>#N/A</c:v>
                </c:pt>
                <c:pt idx="1272">
                  <c:v>#N/A</c:v>
                </c:pt>
                <c:pt idx="1273">
                  <c:v>#N/A</c:v>
                </c:pt>
                <c:pt idx="1274">
                  <c:v>#N/A</c:v>
                </c:pt>
                <c:pt idx="1275">
                  <c:v>#N/A</c:v>
                </c:pt>
                <c:pt idx="1276">
                  <c:v>#N/A</c:v>
                </c:pt>
                <c:pt idx="1277">
                  <c:v>#N/A</c:v>
                </c:pt>
                <c:pt idx="1278">
                  <c:v>#N/A</c:v>
                </c:pt>
                <c:pt idx="1279">
                  <c:v>#N/A</c:v>
                </c:pt>
                <c:pt idx="1280">
                  <c:v>#N/A</c:v>
                </c:pt>
                <c:pt idx="1281">
                  <c:v>#N/A</c:v>
                </c:pt>
                <c:pt idx="1282">
                  <c:v>#N/A</c:v>
                </c:pt>
                <c:pt idx="1283">
                  <c:v>#N/A</c:v>
                </c:pt>
                <c:pt idx="1284">
                  <c:v>#N/A</c:v>
                </c:pt>
                <c:pt idx="1285">
                  <c:v>#N/A</c:v>
                </c:pt>
                <c:pt idx="1286">
                  <c:v>#N/A</c:v>
                </c:pt>
                <c:pt idx="1287">
                  <c:v>#N/A</c:v>
                </c:pt>
                <c:pt idx="1288">
                  <c:v>#N/A</c:v>
                </c:pt>
                <c:pt idx="1289">
                  <c:v>#N/A</c:v>
                </c:pt>
                <c:pt idx="1290">
                  <c:v>#N/A</c:v>
                </c:pt>
                <c:pt idx="1291">
                  <c:v>#N/A</c:v>
                </c:pt>
                <c:pt idx="1292">
                  <c:v>#N/A</c:v>
                </c:pt>
                <c:pt idx="1293">
                  <c:v>#N/A</c:v>
                </c:pt>
                <c:pt idx="1294">
                  <c:v>#N/A</c:v>
                </c:pt>
                <c:pt idx="1295">
                  <c:v>#N/A</c:v>
                </c:pt>
                <c:pt idx="1296">
                  <c:v>#N/A</c:v>
                </c:pt>
                <c:pt idx="1297">
                  <c:v>#N/A</c:v>
                </c:pt>
                <c:pt idx="1298">
                  <c:v>#N/A</c:v>
                </c:pt>
                <c:pt idx="1299">
                  <c:v>#N/A</c:v>
                </c:pt>
                <c:pt idx="1300">
                  <c:v>#N/A</c:v>
                </c:pt>
                <c:pt idx="1301">
                  <c:v>#N/A</c:v>
                </c:pt>
                <c:pt idx="1302">
                  <c:v>#N/A</c:v>
                </c:pt>
                <c:pt idx="1303">
                  <c:v>#N/A</c:v>
                </c:pt>
                <c:pt idx="1304">
                  <c:v>#N/A</c:v>
                </c:pt>
                <c:pt idx="1305">
                  <c:v>#N/A</c:v>
                </c:pt>
                <c:pt idx="1306">
                  <c:v>#N/A</c:v>
                </c:pt>
                <c:pt idx="1307">
                  <c:v>#N/A</c:v>
                </c:pt>
                <c:pt idx="1308">
                  <c:v>#N/A</c:v>
                </c:pt>
                <c:pt idx="1309">
                  <c:v>#N/A</c:v>
                </c:pt>
                <c:pt idx="1310">
                  <c:v>#N/A</c:v>
                </c:pt>
                <c:pt idx="1311">
                  <c:v>#N/A</c:v>
                </c:pt>
                <c:pt idx="1312">
                  <c:v>#N/A</c:v>
                </c:pt>
                <c:pt idx="1313">
                  <c:v>#N/A</c:v>
                </c:pt>
                <c:pt idx="1314">
                  <c:v>#N/A</c:v>
                </c:pt>
                <c:pt idx="1315">
                  <c:v>#N/A</c:v>
                </c:pt>
                <c:pt idx="1316">
                  <c:v>#N/A</c:v>
                </c:pt>
                <c:pt idx="1317">
                  <c:v>#N/A</c:v>
                </c:pt>
                <c:pt idx="1318">
                  <c:v>#N/A</c:v>
                </c:pt>
                <c:pt idx="1319">
                  <c:v>#N/A</c:v>
                </c:pt>
                <c:pt idx="1320">
                  <c:v>#N/A</c:v>
                </c:pt>
                <c:pt idx="1321">
                  <c:v>#N/A</c:v>
                </c:pt>
                <c:pt idx="1322">
                  <c:v>#N/A</c:v>
                </c:pt>
                <c:pt idx="1323">
                  <c:v>#N/A</c:v>
                </c:pt>
                <c:pt idx="1324">
                  <c:v>#N/A</c:v>
                </c:pt>
                <c:pt idx="1325">
                  <c:v>#N/A</c:v>
                </c:pt>
                <c:pt idx="1326">
                  <c:v>#N/A</c:v>
                </c:pt>
                <c:pt idx="1327">
                  <c:v>#N/A</c:v>
                </c:pt>
                <c:pt idx="1328">
                  <c:v>#N/A</c:v>
                </c:pt>
                <c:pt idx="1329">
                  <c:v>#N/A</c:v>
                </c:pt>
                <c:pt idx="1330">
                  <c:v>#N/A</c:v>
                </c:pt>
                <c:pt idx="1331">
                  <c:v>#N/A</c:v>
                </c:pt>
                <c:pt idx="1332">
                  <c:v>#N/A</c:v>
                </c:pt>
                <c:pt idx="1333">
                  <c:v>#N/A</c:v>
                </c:pt>
                <c:pt idx="1334">
                  <c:v>#N/A</c:v>
                </c:pt>
                <c:pt idx="1335">
                  <c:v>#N/A</c:v>
                </c:pt>
                <c:pt idx="1336">
                  <c:v>#N/A</c:v>
                </c:pt>
                <c:pt idx="1337">
                  <c:v>#N/A</c:v>
                </c:pt>
                <c:pt idx="1338">
                  <c:v>#N/A</c:v>
                </c:pt>
                <c:pt idx="1339">
                  <c:v>#N/A</c:v>
                </c:pt>
                <c:pt idx="1340">
                  <c:v>#N/A</c:v>
                </c:pt>
                <c:pt idx="1341">
                  <c:v>#N/A</c:v>
                </c:pt>
                <c:pt idx="1342">
                  <c:v>#N/A</c:v>
                </c:pt>
                <c:pt idx="1343">
                  <c:v>#N/A</c:v>
                </c:pt>
                <c:pt idx="1344">
                  <c:v>#N/A</c:v>
                </c:pt>
                <c:pt idx="1345">
                  <c:v>#N/A</c:v>
                </c:pt>
                <c:pt idx="1346">
                  <c:v>#N/A</c:v>
                </c:pt>
                <c:pt idx="1347">
                  <c:v>#N/A</c:v>
                </c:pt>
                <c:pt idx="1348">
                  <c:v>#N/A</c:v>
                </c:pt>
                <c:pt idx="1349">
                  <c:v>#N/A</c:v>
                </c:pt>
                <c:pt idx="1350">
                  <c:v>#N/A</c:v>
                </c:pt>
                <c:pt idx="1351">
                  <c:v>#N/A</c:v>
                </c:pt>
                <c:pt idx="1352">
                  <c:v>#N/A</c:v>
                </c:pt>
                <c:pt idx="1353">
                  <c:v>#N/A</c:v>
                </c:pt>
                <c:pt idx="1354">
                  <c:v>#N/A</c:v>
                </c:pt>
                <c:pt idx="1355">
                  <c:v>#N/A</c:v>
                </c:pt>
                <c:pt idx="1356">
                  <c:v>#N/A</c:v>
                </c:pt>
                <c:pt idx="1357">
                  <c:v>#N/A</c:v>
                </c:pt>
                <c:pt idx="1358">
                  <c:v>#N/A</c:v>
                </c:pt>
                <c:pt idx="1359">
                  <c:v>#N/A</c:v>
                </c:pt>
                <c:pt idx="1360">
                  <c:v>#N/A</c:v>
                </c:pt>
                <c:pt idx="1361">
                  <c:v>#N/A</c:v>
                </c:pt>
                <c:pt idx="1362">
                  <c:v>#N/A</c:v>
                </c:pt>
                <c:pt idx="1363">
                  <c:v>#N/A</c:v>
                </c:pt>
                <c:pt idx="1364">
                  <c:v>#N/A</c:v>
                </c:pt>
                <c:pt idx="1365">
                  <c:v>#N/A</c:v>
                </c:pt>
                <c:pt idx="1366">
                  <c:v>#N/A</c:v>
                </c:pt>
                <c:pt idx="1367">
                  <c:v>#N/A</c:v>
                </c:pt>
                <c:pt idx="1368">
                  <c:v>#N/A</c:v>
                </c:pt>
                <c:pt idx="1369">
                  <c:v>#N/A</c:v>
                </c:pt>
                <c:pt idx="1370">
                  <c:v>#N/A</c:v>
                </c:pt>
                <c:pt idx="1371">
                  <c:v>#N/A</c:v>
                </c:pt>
                <c:pt idx="1372">
                  <c:v>#N/A</c:v>
                </c:pt>
                <c:pt idx="1373">
                  <c:v>#N/A</c:v>
                </c:pt>
                <c:pt idx="1374">
                  <c:v>#N/A</c:v>
                </c:pt>
                <c:pt idx="1375">
                  <c:v>#N/A</c:v>
                </c:pt>
                <c:pt idx="1376">
                  <c:v>#N/A</c:v>
                </c:pt>
                <c:pt idx="1377">
                  <c:v>#N/A</c:v>
                </c:pt>
                <c:pt idx="1378">
                  <c:v>#N/A</c:v>
                </c:pt>
                <c:pt idx="1379">
                  <c:v>#N/A</c:v>
                </c:pt>
                <c:pt idx="1380">
                  <c:v>#N/A</c:v>
                </c:pt>
                <c:pt idx="1381">
                  <c:v>#N/A</c:v>
                </c:pt>
                <c:pt idx="1382">
                  <c:v>#N/A</c:v>
                </c:pt>
                <c:pt idx="1383">
                  <c:v>#N/A</c:v>
                </c:pt>
                <c:pt idx="1384">
                  <c:v>#N/A</c:v>
                </c:pt>
                <c:pt idx="1385">
                  <c:v>#N/A</c:v>
                </c:pt>
                <c:pt idx="1386">
                  <c:v>#N/A</c:v>
                </c:pt>
                <c:pt idx="1387">
                  <c:v>#N/A</c:v>
                </c:pt>
                <c:pt idx="1388">
                  <c:v>#N/A</c:v>
                </c:pt>
                <c:pt idx="1389">
                  <c:v>#N/A</c:v>
                </c:pt>
                <c:pt idx="1390">
                  <c:v>#N/A</c:v>
                </c:pt>
                <c:pt idx="1391">
                  <c:v>#N/A</c:v>
                </c:pt>
                <c:pt idx="1392">
                  <c:v>#N/A</c:v>
                </c:pt>
                <c:pt idx="1393">
                  <c:v>#N/A</c:v>
                </c:pt>
                <c:pt idx="1394">
                  <c:v>#N/A</c:v>
                </c:pt>
                <c:pt idx="1395">
                  <c:v>#N/A</c:v>
                </c:pt>
                <c:pt idx="1396">
                  <c:v>#N/A</c:v>
                </c:pt>
                <c:pt idx="1397">
                  <c:v>#N/A</c:v>
                </c:pt>
                <c:pt idx="1398">
                  <c:v>#N/A</c:v>
                </c:pt>
                <c:pt idx="1399">
                  <c:v>#N/A</c:v>
                </c:pt>
                <c:pt idx="1400">
                  <c:v>#N/A</c:v>
                </c:pt>
                <c:pt idx="1401">
                  <c:v>#N/A</c:v>
                </c:pt>
                <c:pt idx="1402">
                  <c:v>#N/A</c:v>
                </c:pt>
                <c:pt idx="1403">
                  <c:v>#N/A</c:v>
                </c:pt>
                <c:pt idx="1404">
                  <c:v>#N/A</c:v>
                </c:pt>
                <c:pt idx="1405">
                  <c:v>#N/A</c:v>
                </c:pt>
                <c:pt idx="1406">
                  <c:v>#N/A</c:v>
                </c:pt>
                <c:pt idx="1407">
                  <c:v>#N/A</c:v>
                </c:pt>
                <c:pt idx="1408">
                  <c:v>#N/A</c:v>
                </c:pt>
                <c:pt idx="1409">
                  <c:v>#N/A</c:v>
                </c:pt>
                <c:pt idx="1410">
                  <c:v>#N/A</c:v>
                </c:pt>
                <c:pt idx="1411">
                  <c:v>#N/A</c:v>
                </c:pt>
                <c:pt idx="1412">
                  <c:v>#N/A</c:v>
                </c:pt>
                <c:pt idx="1413">
                  <c:v>#N/A</c:v>
                </c:pt>
                <c:pt idx="1414">
                  <c:v>#N/A</c:v>
                </c:pt>
                <c:pt idx="1415">
                  <c:v>#N/A</c:v>
                </c:pt>
                <c:pt idx="1416">
                  <c:v>#N/A</c:v>
                </c:pt>
                <c:pt idx="1417">
                  <c:v>#N/A</c:v>
                </c:pt>
                <c:pt idx="1418">
                  <c:v>#N/A</c:v>
                </c:pt>
                <c:pt idx="1419">
                  <c:v>#N/A</c:v>
                </c:pt>
                <c:pt idx="1420">
                  <c:v>#N/A</c:v>
                </c:pt>
                <c:pt idx="1421">
                  <c:v>#N/A</c:v>
                </c:pt>
                <c:pt idx="1422">
                  <c:v>#N/A</c:v>
                </c:pt>
                <c:pt idx="1423">
                  <c:v>#N/A</c:v>
                </c:pt>
                <c:pt idx="1424">
                  <c:v>#N/A</c:v>
                </c:pt>
                <c:pt idx="1425">
                  <c:v>#N/A</c:v>
                </c:pt>
                <c:pt idx="1426">
                  <c:v>#N/A</c:v>
                </c:pt>
                <c:pt idx="1427">
                  <c:v>#N/A</c:v>
                </c:pt>
                <c:pt idx="1428">
                  <c:v>#N/A</c:v>
                </c:pt>
                <c:pt idx="1429">
                  <c:v>#N/A</c:v>
                </c:pt>
                <c:pt idx="1430">
                  <c:v>#N/A</c:v>
                </c:pt>
                <c:pt idx="1431">
                  <c:v>#N/A</c:v>
                </c:pt>
                <c:pt idx="1432">
                  <c:v>#N/A</c:v>
                </c:pt>
                <c:pt idx="1433">
                  <c:v>#N/A</c:v>
                </c:pt>
                <c:pt idx="1434">
                  <c:v>#N/A</c:v>
                </c:pt>
                <c:pt idx="1435">
                  <c:v>#N/A</c:v>
                </c:pt>
                <c:pt idx="1436">
                  <c:v>#N/A</c:v>
                </c:pt>
                <c:pt idx="1437">
                  <c:v>#N/A</c:v>
                </c:pt>
                <c:pt idx="1438">
                  <c:v>#N/A</c:v>
                </c:pt>
                <c:pt idx="1439">
                  <c:v>#N/A</c:v>
                </c:pt>
                <c:pt idx="1440">
                  <c:v>#N/A</c:v>
                </c:pt>
                <c:pt idx="1441">
                  <c:v>#N/A</c:v>
                </c:pt>
                <c:pt idx="1442">
                  <c:v>#N/A</c:v>
                </c:pt>
                <c:pt idx="1443">
                  <c:v>#N/A</c:v>
                </c:pt>
                <c:pt idx="1444">
                  <c:v>#N/A</c:v>
                </c:pt>
                <c:pt idx="1445">
                  <c:v>#N/A</c:v>
                </c:pt>
                <c:pt idx="1446">
                  <c:v>#N/A</c:v>
                </c:pt>
                <c:pt idx="1447">
                  <c:v>#N/A</c:v>
                </c:pt>
                <c:pt idx="1448">
                  <c:v>#N/A</c:v>
                </c:pt>
                <c:pt idx="1449">
                  <c:v>#N/A</c:v>
                </c:pt>
                <c:pt idx="1450">
                  <c:v>#N/A</c:v>
                </c:pt>
                <c:pt idx="1451">
                  <c:v>#N/A</c:v>
                </c:pt>
                <c:pt idx="1452">
                  <c:v>#N/A</c:v>
                </c:pt>
                <c:pt idx="1453">
                  <c:v>#N/A</c:v>
                </c:pt>
                <c:pt idx="1454">
                  <c:v>#N/A</c:v>
                </c:pt>
                <c:pt idx="1455">
                  <c:v>#N/A</c:v>
                </c:pt>
                <c:pt idx="1456">
                  <c:v>#N/A</c:v>
                </c:pt>
                <c:pt idx="1457">
                  <c:v>#N/A</c:v>
                </c:pt>
                <c:pt idx="1458">
                  <c:v>#N/A</c:v>
                </c:pt>
                <c:pt idx="1459">
                  <c:v>#N/A</c:v>
                </c:pt>
                <c:pt idx="1460">
                  <c:v>#N/A</c:v>
                </c:pt>
                <c:pt idx="1461">
                  <c:v>#N/A</c:v>
                </c:pt>
                <c:pt idx="1462">
                  <c:v>#N/A</c:v>
                </c:pt>
                <c:pt idx="1463">
                  <c:v>#N/A</c:v>
                </c:pt>
                <c:pt idx="1464">
                  <c:v>#N/A</c:v>
                </c:pt>
                <c:pt idx="1465">
                  <c:v>#N/A</c:v>
                </c:pt>
                <c:pt idx="1466">
                  <c:v>#N/A</c:v>
                </c:pt>
                <c:pt idx="1467">
                  <c:v>#N/A</c:v>
                </c:pt>
                <c:pt idx="1468">
                  <c:v>#N/A</c:v>
                </c:pt>
                <c:pt idx="1469">
                  <c:v>#N/A</c:v>
                </c:pt>
                <c:pt idx="1470">
                  <c:v>#N/A</c:v>
                </c:pt>
                <c:pt idx="1471">
                  <c:v>#N/A</c:v>
                </c:pt>
                <c:pt idx="1472">
                  <c:v>#N/A</c:v>
                </c:pt>
                <c:pt idx="1473">
                  <c:v>#N/A</c:v>
                </c:pt>
                <c:pt idx="1474">
                  <c:v>#N/A</c:v>
                </c:pt>
                <c:pt idx="1475">
                  <c:v>#N/A</c:v>
                </c:pt>
                <c:pt idx="1476">
                  <c:v>#N/A</c:v>
                </c:pt>
                <c:pt idx="1477">
                  <c:v>#N/A</c:v>
                </c:pt>
                <c:pt idx="1478">
                  <c:v>#N/A</c:v>
                </c:pt>
                <c:pt idx="1479">
                  <c:v>#N/A</c:v>
                </c:pt>
                <c:pt idx="1480">
                  <c:v>#N/A</c:v>
                </c:pt>
                <c:pt idx="1481">
                  <c:v>#N/A</c:v>
                </c:pt>
                <c:pt idx="1482">
                  <c:v>#N/A</c:v>
                </c:pt>
                <c:pt idx="1483">
                  <c:v>#N/A</c:v>
                </c:pt>
                <c:pt idx="1484">
                  <c:v>#N/A</c:v>
                </c:pt>
                <c:pt idx="1485">
                  <c:v>#N/A</c:v>
                </c:pt>
                <c:pt idx="1486">
                  <c:v>#N/A</c:v>
                </c:pt>
                <c:pt idx="1487">
                  <c:v>#N/A</c:v>
                </c:pt>
                <c:pt idx="1488">
                  <c:v>#N/A</c:v>
                </c:pt>
                <c:pt idx="1489">
                  <c:v>#N/A</c:v>
                </c:pt>
                <c:pt idx="1490">
                  <c:v>#N/A</c:v>
                </c:pt>
                <c:pt idx="1491">
                  <c:v>#N/A</c:v>
                </c:pt>
                <c:pt idx="1492">
                  <c:v>#N/A</c:v>
                </c:pt>
                <c:pt idx="1493">
                  <c:v>#N/A</c:v>
                </c:pt>
                <c:pt idx="1494">
                  <c:v>#N/A</c:v>
                </c:pt>
                <c:pt idx="1495">
                  <c:v>#N/A</c:v>
                </c:pt>
                <c:pt idx="1496">
                  <c:v>#N/A</c:v>
                </c:pt>
                <c:pt idx="1497">
                  <c:v>#N/A</c:v>
                </c:pt>
                <c:pt idx="1498">
                  <c:v>#N/A</c:v>
                </c:pt>
                <c:pt idx="1499">
                  <c:v>#N/A</c:v>
                </c:pt>
                <c:pt idx="1500">
                  <c:v>#N/A</c:v>
                </c:pt>
                <c:pt idx="1501">
                  <c:v>#N/A</c:v>
                </c:pt>
                <c:pt idx="1502">
                  <c:v>#N/A</c:v>
                </c:pt>
                <c:pt idx="1503">
                  <c:v>#N/A</c:v>
                </c:pt>
                <c:pt idx="1504">
                  <c:v>#N/A</c:v>
                </c:pt>
                <c:pt idx="1505">
                  <c:v>#N/A</c:v>
                </c:pt>
                <c:pt idx="1506">
                  <c:v>#N/A</c:v>
                </c:pt>
                <c:pt idx="1507">
                  <c:v>#N/A</c:v>
                </c:pt>
                <c:pt idx="1508">
                  <c:v>#N/A</c:v>
                </c:pt>
                <c:pt idx="1509">
                  <c:v>#N/A</c:v>
                </c:pt>
                <c:pt idx="1510">
                  <c:v>#N/A</c:v>
                </c:pt>
                <c:pt idx="1511">
                  <c:v>#N/A</c:v>
                </c:pt>
                <c:pt idx="1512">
                  <c:v>#N/A</c:v>
                </c:pt>
                <c:pt idx="1513">
                  <c:v>#N/A</c:v>
                </c:pt>
                <c:pt idx="1514">
                  <c:v>#N/A</c:v>
                </c:pt>
                <c:pt idx="1515">
                  <c:v>#N/A</c:v>
                </c:pt>
                <c:pt idx="1516">
                  <c:v>#N/A</c:v>
                </c:pt>
                <c:pt idx="1517">
                  <c:v>#N/A</c:v>
                </c:pt>
                <c:pt idx="1518">
                  <c:v>#N/A</c:v>
                </c:pt>
                <c:pt idx="1519">
                  <c:v>#N/A</c:v>
                </c:pt>
                <c:pt idx="1520">
                  <c:v>#N/A</c:v>
                </c:pt>
                <c:pt idx="1521">
                  <c:v>#N/A</c:v>
                </c:pt>
                <c:pt idx="1522">
                  <c:v>#N/A</c:v>
                </c:pt>
                <c:pt idx="1523">
                  <c:v>#N/A</c:v>
                </c:pt>
                <c:pt idx="1524">
                  <c:v>#N/A</c:v>
                </c:pt>
                <c:pt idx="1525">
                  <c:v>#N/A</c:v>
                </c:pt>
                <c:pt idx="1526">
                  <c:v>#N/A</c:v>
                </c:pt>
                <c:pt idx="1527">
                  <c:v>#N/A</c:v>
                </c:pt>
                <c:pt idx="1528">
                  <c:v>#N/A</c:v>
                </c:pt>
                <c:pt idx="1529">
                  <c:v>#N/A</c:v>
                </c:pt>
                <c:pt idx="1530">
                  <c:v>#N/A</c:v>
                </c:pt>
                <c:pt idx="1531">
                  <c:v>#N/A</c:v>
                </c:pt>
                <c:pt idx="1532">
                  <c:v>#N/A</c:v>
                </c:pt>
                <c:pt idx="1533">
                  <c:v>#N/A</c:v>
                </c:pt>
                <c:pt idx="1534">
                  <c:v>#N/A</c:v>
                </c:pt>
                <c:pt idx="1535">
                  <c:v>#N/A</c:v>
                </c:pt>
                <c:pt idx="1536">
                  <c:v>#N/A</c:v>
                </c:pt>
                <c:pt idx="1537">
                  <c:v>#N/A</c:v>
                </c:pt>
                <c:pt idx="1538">
                  <c:v>#N/A</c:v>
                </c:pt>
                <c:pt idx="1539">
                  <c:v>#N/A</c:v>
                </c:pt>
                <c:pt idx="1540">
                  <c:v>#N/A</c:v>
                </c:pt>
                <c:pt idx="1541">
                  <c:v>#N/A</c:v>
                </c:pt>
                <c:pt idx="1542">
                  <c:v>#N/A</c:v>
                </c:pt>
                <c:pt idx="1543">
                  <c:v>#N/A</c:v>
                </c:pt>
                <c:pt idx="1544">
                  <c:v>#N/A</c:v>
                </c:pt>
                <c:pt idx="1545">
                  <c:v>#N/A</c:v>
                </c:pt>
                <c:pt idx="1546">
                  <c:v>#N/A</c:v>
                </c:pt>
                <c:pt idx="1547">
                  <c:v>#N/A</c:v>
                </c:pt>
                <c:pt idx="1548">
                  <c:v>#N/A</c:v>
                </c:pt>
                <c:pt idx="1549">
                  <c:v>#N/A</c:v>
                </c:pt>
                <c:pt idx="1550">
                  <c:v>#N/A</c:v>
                </c:pt>
                <c:pt idx="1551">
                  <c:v>#N/A</c:v>
                </c:pt>
                <c:pt idx="1552">
                  <c:v>#N/A</c:v>
                </c:pt>
                <c:pt idx="1553">
                  <c:v>#N/A</c:v>
                </c:pt>
                <c:pt idx="1554">
                  <c:v>#N/A</c:v>
                </c:pt>
                <c:pt idx="1555">
                  <c:v>#N/A</c:v>
                </c:pt>
                <c:pt idx="1556">
                  <c:v>#N/A</c:v>
                </c:pt>
                <c:pt idx="1557">
                  <c:v>#N/A</c:v>
                </c:pt>
                <c:pt idx="1558">
                  <c:v>#N/A</c:v>
                </c:pt>
                <c:pt idx="1559">
                  <c:v>#N/A</c:v>
                </c:pt>
                <c:pt idx="1560">
                  <c:v>#N/A</c:v>
                </c:pt>
                <c:pt idx="1561">
                  <c:v>#N/A</c:v>
                </c:pt>
                <c:pt idx="1562">
                  <c:v>#N/A</c:v>
                </c:pt>
                <c:pt idx="1563">
                  <c:v>#N/A</c:v>
                </c:pt>
                <c:pt idx="1564">
                  <c:v>#N/A</c:v>
                </c:pt>
                <c:pt idx="1565">
                  <c:v>#N/A</c:v>
                </c:pt>
                <c:pt idx="1566">
                  <c:v>#N/A</c:v>
                </c:pt>
                <c:pt idx="1567">
                  <c:v>#N/A</c:v>
                </c:pt>
                <c:pt idx="1568">
                  <c:v>#N/A</c:v>
                </c:pt>
                <c:pt idx="1569">
                  <c:v>#N/A</c:v>
                </c:pt>
                <c:pt idx="1570">
                  <c:v>#N/A</c:v>
                </c:pt>
                <c:pt idx="1571">
                  <c:v>#N/A</c:v>
                </c:pt>
                <c:pt idx="1572">
                  <c:v>#N/A</c:v>
                </c:pt>
                <c:pt idx="1573">
                  <c:v>#N/A</c:v>
                </c:pt>
                <c:pt idx="1574">
                  <c:v>#N/A</c:v>
                </c:pt>
                <c:pt idx="1575">
                  <c:v>#N/A</c:v>
                </c:pt>
                <c:pt idx="1576">
                  <c:v>#N/A</c:v>
                </c:pt>
                <c:pt idx="1577">
                  <c:v>#N/A</c:v>
                </c:pt>
                <c:pt idx="1578">
                  <c:v>#N/A</c:v>
                </c:pt>
                <c:pt idx="1579">
                  <c:v>#N/A</c:v>
                </c:pt>
                <c:pt idx="1580">
                  <c:v>#N/A</c:v>
                </c:pt>
                <c:pt idx="1581">
                  <c:v>#N/A</c:v>
                </c:pt>
                <c:pt idx="1582">
                  <c:v>#N/A</c:v>
                </c:pt>
                <c:pt idx="1583">
                  <c:v>#N/A</c:v>
                </c:pt>
                <c:pt idx="1584">
                  <c:v>#N/A</c:v>
                </c:pt>
                <c:pt idx="1585">
                  <c:v>30.109221398289542</c:v>
                </c:pt>
                <c:pt idx="1586">
                  <c:v>30.61682833569607</c:v>
                </c:pt>
                <c:pt idx="1587">
                  <c:v>30.907377006763262</c:v>
                </c:pt>
                <c:pt idx="1588">
                  <c:v>30.913194435076218</c:v>
                </c:pt>
                <c:pt idx="1589">
                  <c:v>30.666021113502389</c:v>
                </c:pt>
                <c:pt idx="1590">
                  <c:v>30.453330925087361</c:v>
                </c:pt>
                <c:pt idx="1591">
                  <c:v>30.072092048320815</c:v>
                </c:pt>
                <c:pt idx="1592">
                  <c:v>29.613842675776397</c:v>
                </c:pt>
                <c:pt idx="1593">
                  <c:v>#N/A</c:v>
                </c:pt>
                <c:pt idx="1594">
                  <c:v>#N/A</c:v>
                </c:pt>
                <c:pt idx="1595">
                  <c:v>#N/A</c:v>
                </c:pt>
                <c:pt idx="1596">
                  <c:v>#N/A</c:v>
                </c:pt>
                <c:pt idx="1597">
                  <c:v>#N/A</c:v>
                </c:pt>
                <c:pt idx="1598">
                  <c:v>#N/A</c:v>
                </c:pt>
                <c:pt idx="1599">
                  <c:v>#N/A</c:v>
                </c:pt>
                <c:pt idx="1600">
                  <c:v>#N/A</c:v>
                </c:pt>
                <c:pt idx="1601">
                  <c:v>#N/A</c:v>
                </c:pt>
                <c:pt idx="1602">
                  <c:v>#N/A</c:v>
                </c:pt>
                <c:pt idx="1603">
                  <c:v>#N/A</c:v>
                </c:pt>
                <c:pt idx="1604">
                  <c:v>#N/A</c:v>
                </c:pt>
                <c:pt idx="1605">
                  <c:v>#N/A</c:v>
                </c:pt>
                <c:pt idx="1606">
                  <c:v>#N/A</c:v>
                </c:pt>
                <c:pt idx="1607">
                  <c:v>#N/A</c:v>
                </c:pt>
                <c:pt idx="1608">
                  <c:v>#N/A</c:v>
                </c:pt>
                <c:pt idx="1609">
                  <c:v>#N/A</c:v>
                </c:pt>
                <c:pt idx="1610">
                  <c:v>#N/A</c:v>
                </c:pt>
                <c:pt idx="1611">
                  <c:v>#N/A</c:v>
                </c:pt>
                <c:pt idx="1612">
                  <c:v>#N/A</c:v>
                </c:pt>
                <c:pt idx="1613">
                  <c:v>#N/A</c:v>
                </c:pt>
                <c:pt idx="1614">
                  <c:v>#N/A</c:v>
                </c:pt>
                <c:pt idx="1615">
                  <c:v>#N/A</c:v>
                </c:pt>
                <c:pt idx="1616">
                  <c:v>#N/A</c:v>
                </c:pt>
                <c:pt idx="1617">
                  <c:v>#N/A</c:v>
                </c:pt>
                <c:pt idx="1618">
                  <c:v>#N/A</c:v>
                </c:pt>
                <c:pt idx="1619">
                  <c:v>#N/A</c:v>
                </c:pt>
                <c:pt idx="1620">
                  <c:v>#N/A</c:v>
                </c:pt>
                <c:pt idx="1621">
                  <c:v>#N/A</c:v>
                </c:pt>
                <c:pt idx="1622">
                  <c:v>#N/A</c:v>
                </c:pt>
                <c:pt idx="1623">
                  <c:v>#N/A</c:v>
                </c:pt>
                <c:pt idx="1624">
                  <c:v>#N/A</c:v>
                </c:pt>
                <c:pt idx="1625">
                  <c:v>#N/A</c:v>
                </c:pt>
                <c:pt idx="1626">
                  <c:v>#N/A</c:v>
                </c:pt>
                <c:pt idx="1627">
                  <c:v>#N/A</c:v>
                </c:pt>
                <c:pt idx="1628">
                  <c:v>#N/A</c:v>
                </c:pt>
                <c:pt idx="1629">
                  <c:v>#N/A</c:v>
                </c:pt>
                <c:pt idx="1630">
                  <c:v>#N/A</c:v>
                </c:pt>
                <c:pt idx="1631">
                  <c:v>#N/A</c:v>
                </c:pt>
                <c:pt idx="1632">
                  <c:v>#N/A</c:v>
                </c:pt>
                <c:pt idx="1633">
                  <c:v>#N/A</c:v>
                </c:pt>
                <c:pt idx="1634">
                  <c:v>#N/A</c:v>
                </c:pt>
                <c:pt idx="1635">
                  <c:v>#N/A</c:v>
                </c:pt>
                <c:pt idx="1636">
                  <c:v>#N/A</c:v>
                </c:pt>
                <c:pt idx="1637">
                  <c:v>#N/A</c:v>
                </c:pt>
                <c:pt idx="1638">
                  <c:v>#N/A</c:v>
                </c:pt>
                <c:pt idx="1639">
                  <c:v>#N/A</c:v>
                </c:pt>
                <c:pt idx="1640">
                  <c:v>#N/A</c:v>
                </c:pt>
                <c:pt idx="1641">
                  <c:v>#N/A</c:v>
                </c:pt>
                <c:pt idx="1642">
                  <c:v>#N/A</c:v>
                </c:pt>
                <c:pt idx="1643">
                  <c:v>#N/A</c:v>
                </c:pt>
                <c:pt idx="1644">
                  <c:v>#N/A</c:v>
                </c:pt>
                <c:pt idx="1645">
                  <c:v>#N/A</c:v>
                </c:pt>
                <c:pt idx="1646">
                  <c:v>#N/A</c:v>
                </c:pt>
                <c:pt idx="1647">
                  <c:v>#N/A</c:v>
                </c:pt>
                <c:pt idx="1648">
                  <c:v>#N/A</c:v>
                </c:pt>
                <c:pt idx="1649">
                  <c:v>#N/A</c:v>
                </c:pt>
                <c:pt idx="1650">
                  <c:v>#N/A</c:v>
                </c:pt>
                <c:pt idx="1651">
                  <c:v>#N/A</c:v>
                </c:pt>
                <c:pt idx="1652">
                  <c:v>#N/A</c:v>
                </c:pt>
                <c:pt idx="1653">
                  <c:v>#N/A</c:v>
                </c:pt>
                <c:pt idx="1654">
                  <c:v>#N/A</c:v>
                </c:pt>
                <c:pt idx="1655">
                  <c:v>#N/A</c:v>
                </c:pt>
                <c:pt idx="1656">
                  <c:v>#N/A</c:v>
                </c:pt>
                <c:pt idx="1657">
                  <c:v>#N/A</c:v>
                </c:pt>
                <c:pt idx="1658">
                  <c:v>#N/A</c:v>
                </c:pt>
                <c:pt idx="1659">
                  <c:v>#N/A</c:v>
                </c:pt>
                <c:pt idx="1660">
                  <c:v>#N/A</c:v>
                </c:pt>
                <c:pt idx="1661">
                  <c:v>#N/A</c:v>
                </c:pt>
                <c:pt idx="1662">
                  <c:v>#N/A</c:v>
                </c:pt>
                <c:pt idx="1663">
                  <c:v>#N/A</c:v>
                </c:pt>
                <c:pt idx="1664">
                  <c:v>#N/A</c:v>
                </c:pt>
                <c:pt idx="1665">
                  <c:v>#N/A</c:v>
                </c:pt>
                <c:pt idx="1666">
                  <c:v>#N/A</c:v>
                </c:pt>
                <c:pt idx="1667">
                  <c:v>#N/A</c:v>
                </c:pt>
                <c:pt idx="1668">
                  <c:v>#N/A</c:v>
                </c:pt>
                <c:pt idx="1669">
                  <c:v>#N/A</c:v>
                </c:pt>
                <c:pt idx="1670">
                  <c:v>#N/A</c:v>
                </c:pt>
                <c:pt idx="1671">
                  <c:v>#N/A</c:v>
                </c:pt>
                <c:pt idx="1672">
                  <c:v>#N/A</c:v>
                </c:pt>
                <c:pt idx="1673">
                  <c:v>#N/A</c:v>
                </c:pt>
                <c:pt idx="1674">
                  <c:v>#N/A</c:v>
                </c:pt>
                <c:pt idx="1675">
                  <c:v>#N/A</c:v>
                </c:pt>
                <c:pt idx="1676">
                  <c:v>#N/A</c:v>
                </c:pt>
                <c:pt idx="1677">
                  <c:v>#N/A</c:v>
                </c:pt>
                <c:pt idx="1678">
                  <c:v>#N/A</c:v>
                </c:pt>
                <c:pt idx="1679">
                  <c:v>#N/A</c:v>
                </c:pt>
                <c:pt idx="1680">
                  <c:v>#N/A</c:v>
                </c:pt>
                <c:pt idx="1681">
                  <c:v>#N/A</c:v>
                </c:pt>
                <c:pt idx="1682">
                  <c:v>#N/A</c:v>
                </c:pt>
                <c:pt idx="1683">
                  <c:v>#N/A</c:v>
                </c:pt>
                <c:pt idx="1684">
                  <c:v>#N/A</c:v>
                </c:pt>
                <c:pt idx="1685">
                  <c:v>#N/A</c:v>
                </c:pt>
                <c:pt idx="1686">
                  <c:v>#N/A</c:v>
                </c:pt>
                <c:pt idx="1687">
                  <c:v>#N/A</c:v>
                </c:pt>
                <c:pt idx="1688">
                  <c:v>#N/A</c:v>
                </c:pt>
                <c:pt idx="1689">
                  <c:v>#N/A</c:v>
                </c:pt>
                <c:pt idx="1690">
                  <c:v>#N/A</c:v>
                </c:pt>
                <c:pt idx="1691">
                  <c:v>#N/A</c:v>
                </c:pt>
                <c:pt idx="1692">
                  <c:v>#N/A</c:v>
                </c:pt>
                <c:pt idx="1693">
                  <c:v>#N/A</c:v>
                </c:pt>
                <c:pt idx="1694">
                  <c:v>#N/A</c:v>
                </c:pt>
                <c:pt idx="1695">
                  <c:v>#N/A</c:v>
                </c:pt>
                <c:pt idx="1696">
                  <c:v>#N/A</c:v>
                </c:pt>
                <c:pt idx="1697">
                  <c:v>#N/A</c:v>
                </c:pt>
                <c:pt idx="1698">
                  <c:v>#N/A</c:v>
                </c:pt>
                <c:pt idx="1699">
                  <c:v>#N/A</c:v>
                </c:pt>
                <c:pt idx="1700">
                  <c:v>#N/A</c:v>
                </c:pt>
                <c:pt idx="1701">
                  <c:v>#N/A</c:v>
                </c:pt>
                <c:pt idx="1702">
                  <c:v>#N/A</c:v>
                </c:pt>
                <c:pt idx="1703">
                  <c:v>#N/A</c:v>
                </c:pt>
                <c:pt idx="1704">
                  <c:v>#N/A</c:v>
                </c:pt>
                <c:pt idx="1705">
                  <c:v>#N/A</c:v>
                </c:pt>
                <c:pt idx="1706">
                  <c:v>#N/A</c:v>
                </c:pt>
                <c:pt idx="1707">
                  <c:v>#N/A</c:v>
                </c:pt>
                <c:pt idx="1708">
                  <c:v>#N/A</c:v>
                </c:pt>
                <c:pt idx="1709">
                  <c:v>#N/A</c:v>
                </c:pt>
                <c:pt idx="1710">
                  <c:v>#N/A</c:v>
                </c:pt>
                <c:pt idx="1711">
                  <c:v>#N/A</c:v>
                </c:pt>
                <c:pt idx="1712">
                  <c:v>#N/A</c:v>
                </c:pt>
                <c:pt idx="1713">
                  <c:v>#N/A</c:v>
                </c:pt>
                <c:pt idx="1714">
                  <c:v>#N/A</c:v>
                </c:pt>
                <c:pt idx="1715">
                  <c:v>#N/A</c:v>
                </c:pt>
                <c:pt idx="1716">
                  <c:v>#N/A</c:v>
                </c:pt>
                <c:pt idx="1717">
                  <c:v>#N/A</c:v>
                </c:pt>
                <c:pt idx="1718">
                  <c:v>#N/A</c:v>
                </c:pt>
                <c:pt idx="1719">
                  <c:v>#N/A</c:v>
                </c:pt>
                <c:pt idx="1720">
                  <c:v>#N/A</c:v>
                </c:pt>
                <c:pt idx="1721">
                  <c:v>#N/A</c:v>
                </c:pt>
                <c:pt idx="1722">
                  <c:v>#N/A</c:v>
                </c:pt>
                <c:pt idx="1723">
                  <c:v>#N/A</c:v>
                </c:pt>
                <c:pt idx="1724">
                  <c:v>#N/A</c:v>
                </c:pt>
                <c:pt idx="1725">
                  <c:v>#N/A</c:v>
                </c:pt>
                <c:pt idx="1726">
                  <c:v>#N/A</c:v>
                </c:pt>
                <c:pt idx="1727">
                  <c:v>#N/A</c:v>
                </c:pt>
                <c:pt idx="1728">
                  <c:v>#N/A</c:v>
                </c:pt>
                <c:pt idx="1729">
                  <c:v>#N/A</c:v>
                </c:pt>
                <c:pt idx="1730">
                  <c:v>#N/A</c:v>
                </c:pt>
                <c:pt idx="1731">
                  <c:v>#N/A</c:v>
                </c:pt>
                <c:pt idx="1732">
                  <c:v>#N/A</c:v>
                </c:pt>
                <c:pt idx="1733">
                  <c:v>#N/A</c:v>
                </c:pt>
                <c:pt idx="1734">
                  <c:v>#N/A</c:v>
                </c:pt>
                <c:pt idx="1735">
                  <c:v>#N/A</c:v>
                </c:pt>
                <c:pt idx="1736">
                  <c:v>#N/A</c:v>
                </c:pt>
                <c:pt idx="1737">
                  <c:v>#N/A</c:v>
                </c:pt>
                <c:pt idx="1738">
                  <c:v>#N/A</c:v>
                </c:pt>
                <c:pt idx="1739">
                  <c:v>#N/A</c:v>
                </c:pt>
                <c:pt idx="1740">
                  <c:v>#N/A</c:v>
                </c:pt>
                <c:pt idx="1741">
                  <c:v>#N/A</c:v>
                </c:pt>
                <c:pt idx="1742">
                  <c:v>#N/A</c:v>
                </c:pt>
                <c:pt idx="1743">
                  <c:v>#N/A</c:v>
                </c:pt>
                <c:pt idx="1744">
                  <c:v>#N/A</c:v>
                </c:pt>
                <c:pt idx="1745">
                  <c:v>#N/A</c:v>
                </c:pt>
                <c:pt idx="1746">
                  <c:v>#N/A</c:v>
                </c:pt>
                <c:pt idx="1747">
                  <c:v>#N/A</c:v>
                </c:pt>
                <c:pt idx="1748">
                  <c:v>#N/A</c:v>
                </c:pt>
                <c:pt idx="1749">
                  <c:v>#N/A</c:v>
                </c:pt>
                <c:pt idx="1750">
                  <c:v>#N/A</c:v>
                </c:pt>
                <c:pt idx="1751">
                  <c:v>#N/A</c:v>
                </c:pt>
                <c:pt idx="1752">
                  <c:v>#N/A</c:v>
                </c:pt>
                <c:pt idx="1753">
                  <c:v>#N/A</c:v>
                </c:pt>
                <c:pt idx="1754">
                  <c:v>#N/A</c:v>
                </c:pt>
                <c:pt idx="1755">
                  <c:v>#N/A</c:v>
                </c:pt>
                <c:pt idx="1756">
                  <c:v>#N/A</c:v>
                </c:pt>
                <c:pt idx="1757">
                  <c:v>#N/A</c:v>
                </c:pt>
                <c:pt idx="1758">
                  <c:v>#N/A</c:v>
                </c:pt>
                <c:pt idx="1759">
                  <c:v>#N/A</c:v>
                </c:pt>
                <c:pt idx="1760">
                  <c:v>#N/A</c:v>
                </c:pt>
                <c:pt idx="1761">
                  <c:v>#N/A</c:v>
                </c:pt>
                <c:pt idx="1762">
                  <c:v>#N/A</c:v>
                </c:pt>
                <c:pt idx="1763">
                  <c:v>#N/A</c:v>
                </c:pt>
                <c:pt idx="1764">
                  <c:v>#N/A</c:v>
                </c:pt>
                <c:pt idx="1765">
                  <c:v>#N/A</c:v>
                </c:pt>
                <c:pt idx="1766">
                  <c:v>#N/A</c:v>
                </c:pt>
                <c:pt idx="1767">
                  <c:v>#N/A</c:v>
                </c:pt>
                <c:pt idx="1768">
                  <c:v>#N/A</c:v>
                </c:pt>
                <c:pt idx="1769">
                  <c:v>#N/A</c:v>
                </c:pt>
                <c:pt idx="1770">
                  <c:v>#N/A</c:v>
                </c:pt>
                <c:pt idx="1771">
                  <c:v>#N/A</c:v>
                </c:pt>
                <c:pt idx="1772">
                  <c:v>#N/A</c:v>
                </c:pt>
                <c:pt idx="1773">
                  <c:v>#N/A</c:v>
                </c:pt>
                <c:pt idx="1774">
                  <c:v>#N/A</c:v>
                </c:pt>
                <c:pt idx="1775">
                  <c:v>#N/A</c:v>
                </c:pt>
                <c:pt idx="1776">
                  <c:v>#N/A</c:v>
                </c:pt>
                <c:pt idx="1777">
                  <c:v>#N/A</c:v>
                </c:pt>
                <c:pt idx="1778">
                  <c:v>#N/A</c:v>
                </c:pt>
                <c:pt idx="1779">
                  <c:v>#N/A</c:v>
                </c:pt>
                <c:pt idx="1780">
                  <c:v>#N/A</c:v>
                </c:pt>
                <c:pt idx="1781">
                  <c:v>#N/A</c:v>
                </c:pt>
                <c:pt idx="1782">
                  <c:v>#N/A</c:v>
                </c:pt>
                <c:pt idx="1783">
                  <c:v>#N/A</c:v>
                </c:pt>
                <c:pt idx="1784">
                  <c:v>#N/A</c:v>
                </c:pt>
                <c:pt idx="1785">
                  <c:v>#N/A</c:v>
                </c:pt>
                <c:pt idx="1786">
                  <c:v>#N/A</c:v>
                </c:pt>
                <c:pt idx="1787">
                  <c:v>#N/A</c:v>
                </c:pt>
                <c:pt idx="1788">
                  <c:v>#N/A</c:v>
                </c:pt>
                <c:pt idx="1789">
                  <c:v>#N/A</c:v>
                </c:pt>
                <c:pt idx="1790">
                  <c:v>#N/A</c:v>
                </c:pt>
                <c:pt idx="1791">
                  <c:v>#N/A</c:v>
                </c:pt>
                <c:pt idx="1792">
                  <c:v>#N/A</c:v>
                </c:pt>
                <c:pt idx="1793">
                  <c:v>#N/A</c:v>
                </c:pt>
                <c:pt idx="1794">
                  <c:v>#N/A</c:v>
                </c:pt>
                <c:pt idx="1795">
                  <c:v>#N/A</c:v>
                </c:pt>
                <c:pt idx="1796">
                  <c:v>#N/A</c:v>
                </c:pt>
                <c:pt idx="1797">
                  <c:v>#N/A</c:v>
                </c:pt>
                <c:pt idx="1798">
                  <c:v>#N/A</c:v>
                </c:pt>
                <c:pt idx="1799">
                  <c:v>#N/A</c:v>
                </c:pt>
                <c:pt idx="1800">
                  <c:v>#N/A</c:v>
                </c:pt>
                <c:pt idx="1801">
                  <c:v>#N/A</c:v>
                </c:pt>
                <c:pt idx="1802">
                  <c:v>#N/A</c:v>
                </c:pt>
                <c:pt idx="1803">
                  <c:v>#N/A</c:v>
                </c:pt>
                <c:pt idx="1804">
                  <c:v>#N/A</c:v>
                </c:pt>
                <c:pt idx="1805">
                  <c:v>#N/A</c:v>
                </c:pt>
                <c:pt idx="1806">
                  <c:v>#N/A</c:v>
                </c:pt>
                <c:pt idx="1807">
                  <c:v>#N/A</c:v>
                </c:pt>
                <c:pt idx="1808">
                  <c:v>#N/A</c:v>
                </c:pt>
                <c:pt idx="1809">
                  <c:v>#N/A</c:v>
                </c:pt>
                <c:pt idx="1810">
                  <c:v>#N/A</c:v>
                </c:pt>
                <c:pt idx="1811">
                  <c:v>#N/A</c:v>
                </c:pt>
                <c:pt idx="1812">
                  <c:v>#N/A</c:v>
                </c:pt>
                <c:pt idx="1813">
                  <c:v>#N/A</c:v>
                </c:pt>
                <c:pt idx="1814">
                  <c:v>#N/A</c:v>
                </c:pt>
                <c:pt idx="1815">
                  <c:v>#N/A</c:v>
                </c:pt>
                <c:pt idx="1816">
                  <c:v>#N/A</c:v>
                </c:pt>
                <c:pt idx="1817">
                  <c:v>#N/A</c:v>
                </c:pt>
                <c:pt idx="1818">
                  <c:v>#N/A</c:v>
                </c:pt>
                <c:pt idx="1819">
                  <c:v>#N/A</c:v>
                </c:pt>
                <c:pt idx="1820">
                  <c:v>#N/A</c:v>
                </c:pt>
                <c:pt idx="1821">
                  <c:v>#N/A</c:v>
                </c:pt>
                <c:pt idx="1822">
                  <c:v>#N/A</c:v>
                </c:pt>
                <c:pt idx="1823">
                  <c:v>#N/A</c:v>
                </c:pt>
                <c:pt idx="1824">
                  <c:v>#N/A</c:v>
                </c:pt>
                <c:pt idx="1825">
                  <c:v>#N/A</c:v>
                </c:pt>
                <c:pt idx="1826">
                  <c:v>#N/A</c:v>
                </c:pt>
                <c:pt idx="1827">
                  <c:v>#N/A</c:v>
                </c:pt>
                <c:pt idx="1828">
                  <c:v>#N/A</c:v>
                </c:pt>
                <c:pt idx="1829">
                  <c:v>#N/A</c:v>
                </c:pt>
                <c:pt idx="1830">
                  <c:v>#N/A</c:v>
                </c:pt>
                <c:pt idx="1831">
                  <c:v>#N/A</c:v>
                </c:pt>
                <c:pt idx="1832">
                  <c:v>#N/A</c:v>
                </c:pt>
                <c:pt idx="1833">
                  <c:v>#N/A</c:v>
                </c:pt>
                <c:pt idx="1834">
                  <c:v>#N/A</c:v>
                </c:pt>
                <c:pt idx="1835">
                  <c:v>#N/A</c:v>
                </c:pt>
                <c:pt idx="1836">
                  <c:v>#N/A</c:v>
                </c:pt>
                <c:pt idx="1837">
                  <c:v>#N/A</c:v>
                </c:pt>
                <c:pt idx="1838">
                  <c:v>#N/A</c:v>
                </c:pt>
                <c:pt idx="1839">
                  <c:v>#N/A</c:v>
                </c:pt>
                <c:pt idx="1840">
                  <c:v>#N/A</c:v>
                </c:pt>
                <c:pt idx="1841">
                  <c:v>#N/A</c:v>
                </c:pt>
                <c:pt idx="1842">
                  <c:v>#N/A</c:v>
                </c:pt>
                <c:pt idx="1843">
                  <c:v>#N/A</c:v>
                </c:pt>
                <c:pt idx="1844">
                  <c:v>#N/A</c:v>
                </c:pt>
                <c:pt idx="1845">
                  <c:v>#N/A</c:v>
                </c:pt>
                <c:pt idx="1846">
                  <c:v>#N/A</c:v>
                </c:pt>
                <c:pt idx="1847">
                  <c:v>#N/A</c:v>
                </c:pt>
                <c:pt idx="1848">
                  <c:v>#N/A</c:v>
                </c:pt>
                <c:pt idx="1849">
                  <c:v>#N/A</c:v>
                </c:pt>
                <c:pt idx="1850">
                  <c:v>#N/A</c:v>
                </c:pt>
                <c:pt idx="1851">
                  <c:v>#N/A</c:v>
                </c:pt>
                <c:pt idx="1852">
                  <c:v>#N/A</c:v>
                </c:pt>
                <c:pt idx="1853">
                  <c:v>#N/A</c:v>
                </c:pt>
                <c:pt idx="1854">
                  <c:v>#N/A</c:v>
                </c:pt>
                <c:pt idx="1855">
                  <c:v>#N/A</c:v>
                </c:pt>
                <c:pt idx="1856">
                  <c:v>#N/A</c:v>
                </c:pt>
                <c:pt idx="1857">
                  <c:v>#N/A</c:v>
                </c:pt>
                <c:pt idx="1858">
                  <c:v>#N/A</c:v>
                </c:pt>
                <c:pt idx="1859">
                  <c:v>#N/A</c:v>
                </c:pt>
                <c:pt idx="1860">
                  <c:v>29.709279233042786</c:v>
                </c:pt>
                <c:pt idx="1861">
                  <c:v>31.47629158814518</c:v>
                </c:pt>
                <c:pt idx="1862">
                  <c:v>32.726454442398037</c:v>
                </c:pt>
                <c:pt idx="1863">
                  <c:v>33.587730014181375</c:v>
                </c:pt>
                <c:pt idx="1864">
                  <c:v>33.941174676317893</c:v>
                </c:pt>
                <c:pt idx="1865">
                  <c:v>33.845246327389518</c:v>
                </c:pt>
                <c:pt idx="1866">
                  <c:v>33.820873342628502</c:v>
                </c:pt>
                <c:pt idx="1867">
                  <c:v>33.717342847721611</c:v>
                </c:pt>
                <c:pt idx="1868">
                  <c:v>33.664833461931337</c:v>
                </c:pt>
                <c:pt idx="1869">
                  <c:v>33.577161031738505</c:v>
                </c:pt>
                <c:pt idx="1870">
                  <c:v>33.395924846918419</c:v>
                </c:pt>
                <c:pt idx="1871">
                  <c:v>32.301294933730802</c:v>
                </c:pt>
                <c:pt idx="1872">
                  <c:v>31.699853400071298</c:v>
                </c:pt>
                <c:pt idx="1873">
                  <c:v>31.384582784757818</c:v>
                </c:pt>
                <c:pt idx="1874">
                  <c:v>32.834542399133404</c:v>
                </c:pt>
                <c:pt idx="1875">
                  <c:v>32.759041928536583</c:v>
                </c:pt>
                <c:pt idx="1876">
                  <c:v>32.36037949629403</c:v>
                </c:pt>
                <c:pt idx="1877">
                  <c:v>32.12861790189509</c:v>
                </c:pt>
                <c:pt idx="1878">
                  <c:v>31.611744311018349</c:v>
                </c:pt>
                <c:pt idx="1879">
                  <c:v>31.122338228705999</c:v>
                </c:pt>
                <c:pt idx="1880">
                  <c:v>30.582766365615342</c:v>
                </c:pt>
                <c:pt idx="1881">
                  <c:v>#N/A</c:v>
                </c:pt>
                <c:pt idx="1882">
                  <c:v>#N/A</c:v>
                </c:pt>
                <c:pt idx="1883">
                  <c:v>#N/A</c:v>
                </c:pt>
                <c:pt idx="1884">
                  <c:v>#N/A</c:v>
                </c:pt>
                <c:pt idx="1885">
                  <c:v>#N/A</c:v>
                </c:pt>
                <c:pt idx="1886">
                  <c:v>#N/A</c:v>
                </c:pt>
                <c:pt idx="1887">
                  <c:v>#N/A</c:v>
                </c:pt>
                <c:pt idx="1888">
                  <c:v>#N/A</c:v>
                </c:pt>
                <c:pt idx="1889">
                  <c:v>#N/A</c:v>
                </c:pt>
                <c:pt idx="1890">
                  <c:v>#N/A</c:v>
                </c:pt>
                <c:pt idx="1891">
                  <c:v>#N/A</c:v>
                </c:pt>
                <c:pt idx="1892">
                  <c:v>#N/A</c:v>
                </c:pt>
                <c:pt idx="1893">
                  <c:v>#N/A</c:v>
                </c:pt>
                <c:pt idx="1894">
                  <c:v>#N/A</c:v>
                </c:pt>
                <c:pt idx="1895">
                  <c:v>#N/A</c:v>
                </c:pt>
                <c:pt idx="1896">
                  <c:v>#N/A</c:v>
                </c:pt>
                <c:pt idx="1897">
                  <c:v>#N/A</c:v>
                </c:pt>
                <c:pt idx="1898">
                  <c:v>#N/A</c:v>
                </c:pt>
                <c:pt idx="1899">
                  <c:v>#N/A</c:v>
                </c:pt>
                <c:pt idx="1900">
                  <c:v>#N/A</c:v>
                </c:pt>
                <c:pt idx="1901">
                  <c:v>#N/A</c:v>
                </c:pt>
                <c:pt idx="1902">
                  <c:v>#N/A</c:v>
                </c:pt>
                <c:pt idx="1903">
                  <c:v>#N/A</c:v>
                </c:pt>
                <c:pt idx="1904">
                  <c:v>#N/A</c:v>
                </c:pt>
                <c:pt idx="1905">
                  <c:v>#N/A</c:v>
                </c:pt>
                <c:pt idx="1906">
                  <c:v>#N/A</c:v>
                </c:pt>
                <c:pt idx="1907">
                  <c:v>#N/A</c:v>
                </c:pt>
                <c:pt idx="1908">
                  <c:v>#N/A</c:v>
                </c:pt>
                <c:pt idx="1909">
                  <c:v>#N/A</c:v>
                </c:pt>
                <c:pt idx="1910">
                  <c:v>#N/A</c:v>
                </c:pt>
                <c:pt idx="1911">
                  <c:v>#N/A</c:v>
                </c:pt>
                <c:pt idx="1912">
                  <c:v>#N/A</c:v>
                </c:pt>
                <c:pt idx="1913">
                  <c:v>#N/A</c:v>
                </c:pt>
                <c:pt idx="1914">
                  <c:v>#N/A</c:v>
                </c:pt>
                <c:pt idx="1915">
                  <c:v>#N/A</c:v>
                </c:pt>
                <c:pt idx="1916">
                  <c:v>#N/A</c:v>
                </c:pt>
                <c:pt idx="1917">
                  <c:v>#N/A</c:v>
                </c:pt>
                <c:pt idx="1918">
                  <c:v>#N/A</c:v>
                </c:pt>
                <c:pt idx="1919">
                  <c:v>#N/A</c:v>
                </c:pt>
                <c:pt idx="1920">
                  <c:v>#N/A</c:v>
                </c:pt>
                <c:pt idx="1921">
                  <c:v>#N/A</c:v>
                </c:pt>
                <c:pt idx="1922">
                  <c:v>#N/A</c:v>
                </c:pt>
                <c:pt idx="1923">
                  <c:v>#N/A</c:v>
                </c:pt>
                <c:pt idx="1924">
                  <c:v>#N/A</c:v>
                </c:pt>
                <c:pt idx="1925">
                  <c:v>#N/A</c:v>
                </c:pt>
                <c:pt idx="1926">
                  <c:v>#N/A</c:v>
                </c:pt>
                <c:pt idx="1927">
                  <c:v>#N/A</c:v>
                </c:pt>
                <c:pt idx="1928">
                  <c:v>#N/A</c:v>
                </c:pt>
                <c:pt idx="1929">
                  <c:v>#N/A</c:v>
                </c:pt>
                <c:pt idx="1930">
                  <c:v>#N/A</c:v>
                </c:pt>
                <c:pt idx="1931">
                  <c:v>#N/A</c:v>
                </c:pt>
                <c:pt idx="1932">
                  <c:v>#N/A</c:v>
                </c:pt>
                <c:pt idx="1933">
                  <c:v>#N/A</c:v>
                </c:pt>
                <c:pt idx="1934">
                  <c:v>#N/A</c:v>
                </c:pt>
                <c:pt idx="1935">
                  <c:v>#N/A</c:v>
                </c:pt>
                <c:pt idx="1936">
                  <c:v>#N/A</c:v>
                </c:pt>
                <c:pt idx="1937">
                  <c:v>#N/A</c:v>
                </c:pt>
                <c:pt idx="1938">
                  <c:v>#N/A</c:v>
                </c:pt>
                <c:pt idx="1939">
                  <c:v>#N/A</c:v>
                </c:pt>
                <c:pt idx="1940">
                  <c:v>#N/A</c:v>
                </c:pt>
                <c:pt idx="1941">
                  <c:v>#N/A</c:v>
                </c:pt>
                <c:pt idx="1942">
                  <c:v>#N/A</c:v>
                </c:pt>
                <c:pt idx="1943">
                  <c:v>#N/A</c:v>
                </c:pt>
                <c:pt idx="1944">
                  <c:v>#N/A</c:v>
                </c:pt>
                <c:pt idx="1945">
                  <c:v>#N/A</c:v>
                </c:pt>
                <c:pt idx="1946">
                  <c:v>#N/A</c:v>
                </c:pt>
                <c:pt idx="1947">
                  <c:v>#N/A</c:v>
                </c:pt>
                <c:pt idx="1948">
                  <c:v>#N/A</c:v>
                </c:pt>
                <c:pt idx="1949">
                  <c:v>#N/A</c:v>
                </c:pt>
                <c:pt idx="1950">
                  <c:v>#N/A</c:v>
                </c:pt>
                <c:pt idx="1951">
                  <c:v>#N/A</c:v>
                </c:pt>
                <c:pt idx="1952">
                  <c:v>#N/A</c:v>
                </c:pt>
                <c:pt idx="1953">
                  <c:v>#N/A</c:v>
                </c:pt>
                <c:pt idx="1954">
                  <c:v>#N/A</c:v>
                </c:pt>
                <c:pt idx="1955">
                  <c:v>#N/A</c:v>
                </c:pt>
                <c:pt idx="1956">
                  <c:v>#N/A</c:v>
                </c:pt>
                <c:pt idx="1957">
                  <c:v>#N/A</c:v>
                </c:pt>
                <c:pt idx="1958">
                  <c:v>#N/A</c:v>
                </c:pt>
                <c:pt idx="1959">
                  <c:v>#N/A</c:v>
                </c:pt>
                <c:pt idx="1960">
                  <c:v>#N/A</c:v>
                </c:pt>
                <c:pt idx="1961">
                  <c:v>#N/A</c:v>
                </c:pt>
                <c:pt idx="1962">
                  <c:v>#N/A</c:v>
                </c:pt>
                <c:pt idx="1963">
                  <c:v>#N/A</c:v>
                </c:pt>
                <c:pt idx="1964">
                  <c:v>#N/A</c:v>
                </c:pt>
                <c:pt idx="1965">
                  <c:v>#N/A</c:v>
                </c:pt>
                <c:pt idx="1966">
                  <c:v>#N/A</c:v>
                </c:pt>
                <c:pt idx="1967">
                  <c:v>#N/A</c:v>
                </c:pt>
                <c:pt idx="1968">
                  <c:v>#N/A</c:v>
                </c:pt>
                <c:pt idx="1969">
                  <c:v>#N/A</c:v>
                </c:pt>
                <c:pt idx="1970">
                  <c:v>#N/A</c:v>
                </c:pt>
                <c:pt idx="1971">
                  <c:v>#N/A</c:v>
                </c:pt>
                <c:pt idx="1972">
                  <c:v>#N/A</c:v>
                </c:pt>
                <c:pt idx="1973">
                  <c:v>#N/A</c:v>
                </c:pt>
                <c:pt idx="1974">
                  <c:v>#N/A</c:v>
                </c:pt>
                <c:pt idx="1975">
                  <c:v>#N/A</c:v>
                </c:pt>
                <c:pt idx="1976">
                  <c:v>#N/A</c:v>
                </c:pt>
                <c:pt idx="1977">
                  <c:v>#N/A</c:v>
                </c:pt>
                <c:pt idx="1978">
                  <c:v>#N/A</c:v>
                </c:pt>
                <c:pt idx="1979">
                  <c:v>#N/A</c:v>
                </c:pt>
                <c:pt idx="1980">
                  <c:v>#N/A</c:v>
                </c:pt>
                <c:pt idx="1981">
                  <c:v>#N/A</c:v>
                </c:pt>
                <c:pt idx="1982">
                  <c:v>#N/A</c:v>
                </c:pt>
                <c:pt idx="1983">
                  <c:v>#N/A</c:v>
                </c:pt>
                <c:pt idx="1984">
                  <c:v>#N/A</c:v>
                </c:pt>
                <c:pt idx="1985">
                  <c:v>#N/A</c:v>
                </c:pt>
                <c:pt idx="1986">
                  <c:v>#N/A</c:v>
                </c:pt>
                <c:pt idx="1987">
                  <c:v>#N/A</c:v>
                </c:pt>
                <c:pt idx="1988">
                  <c:v>#N/A</c:v>
                </c:pt>
                <c:pt idx="1989">
                  <c:v>#N/A</c:v>
                </c:pt>
                <c:pt idx="1990">
                  <c:v>#N/A</c:v>
                </c:pt>
                <c:pt idx="1991">
                  <c:v>#N/A</c:v>
                </c:pt>
                <c:pt idx="1992">
                  <c:v>#N/A</c:v>
                </c:pt>
                <c:pt idx="1993">
                  <c:v>#N/A</c:v>
                </c:pt>
                <c:pt idx="1994">
                  <c:v>#N/A</c:v>
                </c:pt>
                <c:pt idx="1995">
                  <c:v>#N/A</c:v>
                </c:pt>
                <c:pt idx="1996">
                  <c:v>#N/A</c:v>
                </c:pt>
                <c:pt idx="1997">
                  <c:v>#N/A</c:v>
                </c:pt>
                <c:pt idx="1998">
                  <c:v>#N/A</c:v>
                </c:pt>
                <c:pt idx="1999">
                  <c:v>30.854316883801545</c:v>
                </c:pt>
                <c:pt idx="2000">
                  <c:v>30.958659190850732</c:v>
                </c:pt>
                <c:pt idx="2001">
                  <c:v>31.049129049692347</c:v>
                </c:pt>
                <c:pt idx="2002">
                  <c:v>31.103574295184664</c:v>
                </c:pt>
                <c:pt idx="2003">
                  <c:v>31.280422980232931</c:v>
                </c:pt>
                <c:pt idx="2004">
                  <c:v>31.508259062593108</c:v>
                </c:pt>
                <c:pt idx="2005">
                  <c:v>31.770040676296503</c:v>
                </c:pt>
                <c:pt idx="2006">
                  <c:v>32.018001980667592</c:v>
                </c:pt>
                <c:pt idx="2007">
                  <c:v>32.216333066642385</c:v>
                </c:pt>
                <c:pt idx="2008">
                  <c:v>32.472430195973573</c:v>
                </c:pt>
                <c:pt idx="2009">
                  <c:v>32.719907838318633</c:v>
                </c:pt>
                <c:pt idx="2010">
                  <c:v>32.935681967756629</c:v>
                </c:pt>
                <c:pt idx="2011">
                  <c:v>33.178655159485338</c:v>
                </c:pt>
                <c:pt idx="2012">
                  <c:v>33.37141307732783</c:v>
                </c:pt>
                <c:pt idx="2013">
                  <c:v>33.580483983374791</c:v>
                </c:pt>
                <c:pt idx="2014">
                  <c:v>33.847139547382305</c:v>
                </c:pt>
                <c:pt idx="2015">
                  <c:v>34.047638608189246</c:v>
                </c:pt>
                <c:pt idx="2016">
                  <c:v>34.19607534389776</c:v>
                </c:pt>
                <c:pt idx="2017">
                  <c:v>34.406766195257731</c:v>
                </c:pt>
                <c:pt idx="2018">
                  <c:v>34.661699276543885</c:v>
                </c:pt>
                <c:pt idx="2019">
                  <c:v>34.978433922527827</c:v>
                </c:pt>
                <c:pt idx="2020">
                  <c:v>35.228037155878908</c:v>
                </c:pt>
                <c:pt idx="2021">
                  <c:v>35.459866585864852</c:v>
                </c:pt>
                <c:pt idx="2022">
                  <c:v>35.695373156005665</c:v>
                </c:pt>
                <c:pt idx="2023">
                  <c:v>35.957142614364443</c:v>
                </c:pt>
                <c:pt idx="2024">
                  <c:v>36.191749398319715</c:v>
                </c:pt>
                <c:pt idx="2025">
                  <c:v>36.358377726149811</c:v>
                </c:pt>
                <c:pt idx="2026">
                  <c:v>36.577209842244343</c:v>
                </c:pt>
                <c:pt idx="2027">
                  <c:v>36.833859266661207</c:v>
                </c:pt>
                <c:pt idx="2028">
                  <c:v>36.991638782207062</c:v>
                </c:pt>
                <c:pt idx="2029">
                  <c:v>37.259164944771101</c:v>
                </c:pt>
                <c:pt idx="2030">
                  <c:v>37.465997831972984</c:v>
                </c:pt>
                <c:pt idx="2031">
                  <c:v>37.660356122104304</c:v>
                </c:pt>
                <c:pt idx="2032">
                  <c:v>37.677366616510533</c:v>
                </c:pt>
                <c:pt idx="2033">
                  <c:v>37.724821961053692</c:v>
                </c:pt>
                <c:pt idx="2034">
                  <c:v>37.690392758194719</c:v>
                </c:pt>
                <c:pt idx="2035">
                  <c:v>37.690180252484623</c:v>
                </c:pt>
                <c:pt idx="2036">
                  <c:v>37.058815505583112</c:v>
                </c:pt>
                <c:pt idx="2037">
                  <c:v>36.905889941947748</c:v>
                </c:pt>
                <c:pt idx="2038">
                  <c:v>36.827771411519137</c:v>
                </c:pt>
                <c:pt idx="2039">
                  <c:v>36.7498360072276</c:v>
                </c:pt>
                <c:pt idx="2040">
                  <c:v>37.550662782196014</c:v>
                </c:pt>
                <c:pt idx="2041">
                  <c:v>37.549587905433555</c:v>
                </c:pt>
                <c:pt idx="2042">
                  <c:v>37.5528374163775</c:v>
                </c:pt>
                <c:pt idx="2043">
                  <c:v>37.542183265840563</c:v>
                </c:pt>
                <c:pt idx="2044">
                  <c:v>37.530986389717995</c:v>
                </c:pt>
                <c:pt idx="2045">
                  <c:v>37.35097173950453</c:v>
                </c:pt>
                <c:pt idx="2046">
                  <c:v>37.317257780204585</c:v>
                </c:pt>
                <c:pt idx="2047">
                  <c:v>37.303220864995154</c:v>
                </c:pt>
                <c:pt idx="2048">
                  <c:v>37.293622875385147</c:v>
                </c:pt>
                <c:pt idx="2049">
                  <c:v>37.288023772058175</c:v>
                </c:pt>
                <c:pt idx="2050">
                  <c:v>37.354617400819379</c:v>
                </c:pt>
                <c:pt idx="2051">
                  <c:v>37.440449439030985</c:v>
                </c:pt>
                <c:pt idx="2052">
                  <c:v>37.494291653716893</c:v>
                </c:pt>
                <c:pt idx="2053">
                  <c:v>37.580672901304816</c:v>
                </c:pt>
                <c:pt idx="2054">
                  <c:v>37.675058626254504</c:v>
                </c:pt>
                <c:pt idx="2055">
                  <c:v>37.790407697472304</c:v>
                </c:pt>
                <c:pt idx="2056">
                  <c:v>37.84002740040205</c:v>
                </c:pt>
                <c:pt idx="2057">
                  <c:v>37.904643514196103</c:v>
                </c:pt>
                <c:pt idx="2058">
                  <c:v>37.947457811354511</c:v>
                </c:pt>
                <c:pt idx="2059">
                  <c:v>37.382806843378717</c:v>
                </c:pt>
                <c:pt idx="2060">
                  <c:v>37.337400212519654</c:v>
                </c:pt>
                <c:pt idx="2061">
                  <c:v>37.989918234164946</c:v>
                </c:pt>
                <c:pt idx="2062">
                  <c:v>38.106452642746788</c:v>
                </c:pt>
                <c:pt idx="2063">
                  <c:v>38.182492940498193</c:v>
                </c:pt>
                <c:pt idx="2064">
                  <c:v>38.265152892974456</c:v>
                </c:pt>
                <c:pt idx="2065">
                  <c:v>38.318863704213932</c:v>
                </c:pt>
                <c:pt idx="2066">
                  <c:v>38.388266080135608</c:v>
                </c:pt>
                <c:pt idx="2067">
                  <c:v>38.505015192999913</c:v>
                </c:pt>
                <c:pt idx="2068">
                  <c:v>38.591624095459295</c:v>
                </c:pt>
                <c:pt idx="2069">
                  <c:v>38.68197454386025</c:v>
                </c:pt>
                <c:pt idx="2070">
                  <c:v>38.726195783211047</c:v>
                </c:pt>
                <c:pt idx="2071">
                  <c:v>38.762286139276128</c:v>
                </c:pt>
                <c:pt idx="2072">
                  <c:v>38.778730630675412</c:v>
                </c:pt>
                <c:pt idx="2073">
                  <c:v>38.829767652432324</c:v>
                </c:pt>
                <c:pt idx="2074">
                  <c:v>38.459548544666859</c:v>
                </c:pt>
                <c:pt idx="2075">
                  <c:v>38.20993866484055</c:v>
                </c:pt>
                <c:pt idx="2076">
                  <c:v>38.59500923034053</c:v>
                </c:pt>
                <c:pt idx="2077">
                  <c:v>38.900199839538303</c:v>
                </c:pt>
                <c:pt idx="2078">
                  <c:v>38.920964005855467</c:v>
                </c:pt>
                <c:pt idx="2079">
                  <c:v>38.913010290332494</c:v>
                </c:pt>
                <c:pt idx="2080">
                  <c:v>38.864186597770043</c:v>
                </c:pt>
                <c:pt idx="2081">
                  <c:v>38.785117851892608</c:v>
                </c:pt>
                <c:pt idx="2082">
                  <c:v>38.7164083162995</c:v>
                </c:pt>
                <c:pt idx="2083">
                  <c:v>38.636873255166961</c:v>
                </c:pt>
                <c:pt idx="2084">
                  <c:v>38.567872899587172</c:v>
                </c:pt>
                <c:pt idx="2085">
                  <c:v>38.547325854313598</c:v>
                </c:pt>
                <c:pt idx="2086">
                  <c:v>38.494715012647163</c:v>
                </c:pt>
                <c:pt idx="2087">
                  <c:v>38.432132197490489</c:v>
                </c:pt>
                <c:pt idx="2088">
                  <c:v>38.396332854967326</c:v>
                </c:pt>
                <c:pt idx="2089">
                  <c:v>38.39695799778292</c:v>
                </c:pt>
                <c:pt idx="2090">
                  <c:v>38.401544000658255</c:v>
                </c:pt>
                <c:pt idx="2091">
                  <c:v>38.448039764285539</c:v>
                </c:pt>
                <c:pt idx="2092">
                  <c:v>38.480921583867485</c:v>
                </c:pt>
                <c:pt idx="2093">
                  <c:v>38.530030302120778</c:v>
                </c:pt>
                <c:pt idx="2094">
                  <c:v>38.54736330473343</c:v>
                </c:pt>
                <c:pt idx="2095">
                  <c:v>38.56034047499665</c:v>
                </c:pt>
                <c:pt idx="2096">
                  <c:v>38.611631213509071</c:v>
                </c:pt>
                <c:pt idx="2097">
                  <c:v>38.614508349298021</c:v>
                </c:pt>
                <c:pt idx="2098">
                  <c:v>38.604998781037679</c:v>
                </c:pt>
                <c:pt idx="2099">
                  <c:v>38.603145879773109</c:v>
                </c:pt>
                <c:pt idx="2100">
                  <c:v>38.562923417779714</c:v>
                </c:pt>
                <c:pt idx="2101">
                  <c:v>38.499099215148341</c:v>
                </c:pt>
                <c:pt idx="2102">
                  <c:v>38.405796630996647</c:v>
                </c:pt>
                <c:pt idx="2103">
                  <c:v>38.332845187270536</c:v>
                </c:pt>
                <c:pt idx="2104">
                  <c:v>38.246448847385778</c:v>
                </c:pt>
                <c:pt idx="2105">
                  <c:v>38.169383564535387</c:v>
                </c:pt>
                <c:pt idx="2106">
                  <c:v>38.053553085680278</c:v>
                </c:pt>
                <c:pt idx="2107">
                  <c:v>37.951842829005841</c:v>
                </c:pt>
                <c:pt idx="2108">
                  <c:v>37.843420026586315</c:v>
                </c:pt>
                <c:pt idx="2109">
                  <c:v>37.724460571097538</c:v>
                </c:pt>
                <c:pt idx="2110">
                  <c:v>37.599307179677901</c:v>
                </c:pt>
                <c:pt idx="2111">
                  <c:v>37.503199166823578</c:v>
                </c:pt>
                <c:pt idx="2112">
                  <c:v>37.401923944781565</c:v>
                </c:pt>
                <c:pt idx="2113">
                  <c:v>37.28124160734653</c:v>
                </c:pt>
                <c:pt idx="2114">
                  <c:v>37.145074893019753</c:v>
                </c:pt>
                <c:pt idx="2115">
                  <c:v>37.004180850460848</c:v>
                </c:pt>
                <c:pt idx="2116">
                  <c:v>36.857193751800466</c:v>
                </c:pt>
                <c:pt idx="2117">
                  <c:v>36.654027876016087</c:v>
                </c:pt>
                <c:pt idx="2118">
                  <c:v>36.441300403514823</c:v>
                </c:pt>
                <c:pt idx="2119">
                  <c:v>36.169144641829874</c:v>
                </c:pt>
                <c:pt idx="2120">
                  <c:v>35.891866434051494</c:v>
                </c:pt>
                <c:pt idx="2121">
                  <c:v>35.590254905550111</c:v>
                </c:pt>
                <c:pt idx="2122">
                  <c:v>35.309649988106443</c:v>
                </c:pt>
                <c:pt idx="2123">
                  <c:v>35.123564423657889</c:v>
                </c:pt>
                <c:pt idx="2124">
                  <c:v>34.917323716204208</c:v>
                </c:pt>
                <c:pt idx="2125">
                  <c:v>34.754713079426452</c:v>
                </c:pt>
                <c:pt idx="2126">
                  <c:v>34.567094361946623</c:v>
                </c:pt>
                <c:pt idx="2127">
                  <c:v>34.354116647783648</c:v>
                </c:pt>
                <c:pt idx="2128">
                  <c:v>34.210373221076338</c:v>
                </c:pt>
                <c:pt idx="2129">
                  <c:v>34.034678394389751</c:v>
                </c:pt>
                <c:pt idx="2130">
                  <c:v>33.939694590970966</c:v>
                </c:pt>
                <c:pt idx="2131">
                  <c:v>33.87683747133682</c:v>
                </c:pt>
                <c:pt idx="2132">
                  <c:v>33.832382939468715</c:v>
                </c:pt>
                <c:pt idx="2133">
                  <c:v>33.856592224015941</c:v>
                </c:pt>
                <c:pt idx="2134">
                  <c:v>33.847490526070857</c:v>
                </c:pt>
                <c:pt idx="2135">
                  <c:v>33.832052242122842</c:v>
                </c:pt>
                <c:pt idx="2136">
                  <c:v>33.800259882617809</c:v>
                </c:pt>
                <c:pt idx="2137">
                  <c:v>33.713347410574805</c:v>
                </c:pt>
                <c:pt idx="2138">
                  <c:v>33.708526468870296</c:v>
                </c:pt>
                <c:pt idx="2139">
                  <c:v>33.703650526957063</c:v>
                </c:pt>
                <c:pt idx="2140">
                  <c:v>33.7259086402197</c:v>
                </c:pt>
                <c:pt idx="2141">
                  <c:v>33.736196711678573</c:v>
                </c:pt>
                <c:pt idx="2142">
                  <c:v>33.745008295099041</c:v>
                </c:pt>
                <c:pt idx="2143">
                  <c:v>33.708175534980157</c:v>
                </c:pt>
                <c:pt idx="2144">
                  <c:v>33.640611073709934</c:v>
                </c:pt>
                <c:pt idx="2145">
                  <c:v>33.564369451824746</c:v>
                </c:pt>
                <c:pt idx="2146">
                  <c:v>33.486796530021934</c:v>
                </c:pt>
                <c:pt idx="2147">
                  <c:v>33.465760205903237</c:v>
                </c:pt>
                <c:pt idx="2148">
                  <c:v>33.499064789955796</c:v>
                </c:pt>
                <c:pt idx="2149">
                  <c:v>33.556826286457181</c:v>
                </c:pt>
                <c:pt idx="2150">
                  <c:v>33.641589657621026</c:v>
                </c:pt>
                <c:pt idx="2151">
                  <c:v>33.714620305119084</c:v>
                </c:pt>
                <c:pt idx="2152">
                  <c:v>33.75398108404049</c:v>
                </c:pt>
                <c:pt idx="2153">
                  <c:v>33.772213954950914</c:v>
                </c:pt>
                <c:pt idx="2154">
                  <c:v>33.847956628809108</c:v>
                </c:pt>
                <c:pt idx="2155">
                  <c:v>33.869938527567882</c:v>
                </c:pt>
                <c:pt idx="2156">
                  <c:v>33.99396530573641</c:v>
                </c:pt>
                <c:pt idx="2157">
                  <c:v>34.021207719126252</c:v>
                </c:pt>
                <c:pt idx="2158">
                  <c:v>34.030914365098546</c:v>
                </c:pt>
                <c:pt idx="2159">
                  <c:v>34.058246239244184</c:v>
                </c:pt>
                <c:pt idx="2160">
                  <c:v>34.082739137971991</c:v>
                </c:pt>
                <c:pt idx="2161">
                  <c:v>34.071355024057127</c:v>
                </c:pt>
                <c:pt idx="2162">
                  <c:v>34.046418067178138</c:v>
                </c:pt>
                <c:pt idx="2163">
                  <c:v>34.023535810270687</c:v>
                </c:pt>
                <c:pt idx="2164">
                  <c:v>34.011650419603043</c:v>
                </c:pt>
                <c:pt idx="2165">
                  <c:v>34.015056380357706</c:v>
                </c:pt>
                <c:pt idx="2166">
                  <c:v>34.044253456740378</c:v>
                </c:pt>
                <c:pt idx="2167">
                  <c:v>34.103857450064908</c:v>
                </c:pt>
                <c:pt idx="2168">
                  <c:v>34.08347755508278</c:v>
                </c:pt>
                <c:pt idx="2169">
                  <c:v>34.052854517561734</c:v>
                </c:pt>
                <c:pt idx="2170">
                  <c:v>33.975952335227724</c:v>
                </c:pt>
                <c:pt idx="2171">
                  <c:v>33.878019880563969</c:v>
                </c:pt>
                <c:pt idx="2172">
                  <c:v>33.770171443410575</c:v>
                </c:pt>
                <c:pt idx="2173">
                  <c:v>33.646022802046261</c:v>
                </c:pt>
                <c:pt idx="2174">
                  <c:v>33.540485147141993</c:v>
                </c:pt>
                <c:pt idx="2175">
                  <c:v>33.46627528810447</c:v>
                </c:pt>
                <c:pt idx="2176">
                  <c:v>33.432531161616637</c:v>
                </c:pt>
                <c:pt idx="2177">
                  <c:v>33.451632218743285</c:v>
                </c:pt>
                <c:pt idx="2178">
                  <c:v>33.512915015311208</c:v>
                </c:pt>
                <c:pt idx="2179">
                  <c:v>33.612934419859151</c:v>
                </c:pt>
                <c:pt idx="2180">
                  <c:v>33.742796038361512</c:v>
                </c:pt>
                <c:pt idx="2181">
                  <c:v>33.908521441606183</c:v>
                </c:pt>
                <c:pt idx="2182">
                  <c:v>34.099920688999418</c:v>
                </c:pt>
                <c:pt idx="2183">
                  <c:v>34.321014701324906</c:v>
                </c:pt>
                <c:pt idx="2184">
                  <c:v>34.465055369094728</c:v>
                </c:pt>
                <c:pt idx="2185">
                  <c:v>34.56756037489388</c:v>
                </c:pt>
                <c:pt idx="2186">
                  <c:v>34.621993184907623</c:v>
                </c:pt>
                <c:pt idx="2187">
                  <c:v>34.636503414503821</c:v>
                </c:pt>
                <c:pt idx="2188">
                  <c:v>34.622184140125349</c:v>
                </c:pt>
                <c:pt idx="2189">
                  <c:v>34.57482737422287</c:v>
                </c:pt>
                <c:pt idx="2190">
                  <c:v>34.538298982562807</c:v>
                </c:pt>
                <c:pt idx="2191">
                  <c:v>34.493944318221168</c:v>
                </c:pt>
                <c:pt idx="2192">
                  <c:v>34.438243703164069</c:v>
                </c:pt>
                <c:pt idx="2193">
                  <c:v>34.335794580991873</c:v>
                </c:pt>
                <c:pt idx="2194">
                  <c:v>34.203769244756884</c:v>
                </c:pt>
                <c:pt idx="2195">
                  <c:v>34.084269295855549</c:v>
                </c:pt>
                <c:pt idx="2196">
                  <c:v>34.033562658699779</c:v>
                </c:pt>
                <c:pt idx="2197">
                  <c:v>33.941629149037908</c:v>
                </c:pt>
                <c:pt idx="2198">
                  <c:v>33.791662789216218</c:v>
                </c:pt>
                <c:pt idx="2199">
                  <c:v>33.705445475257442</c:v>
                </c:pt>
                <c:pt idx="2200">
                  <c:v>33.702150791732237</c:v>
                </c:pt>
                <c:pt idx="2201">
                  <c:v>33.770616703039529</c:v>
                </c:pt>
                <c:pt idx="2202">
                  <c:v>33.875654256712409</c:v>
                </c:pt>
                <c:pt idx="2203">
                  <c:v>33.984888785073792</c:v>
                </c:pt>
                <c:pt idx="2204">
                  <c:v>34.077074377883648</c:v>
                </c:pt>
                <c:pt idx="2205">
                  <c:v>34.174684207298704</c:v>
                </c:pt>
                <c:pt idx="2206">
                  <c:v>34.260785325544305</c:v>
                </c:pt>
                <c:pt idx="2207">
                  <c:v>34.401567469633378</c:v>
                </c:pt>
                <c:pt idx="2208">
                  <c:v>34.533458016818912</c:v>
                </c:pt>
                <c:pt idx="2209">
                  <c:v>34.601501639009868</c:v>
                </c:pt>
                <c:pt idx="2210">
                  <c:v>34.587445616914849</c:v>
                </c:pt>
                <c:pt idx="2211">
                  <c:v>34.53694398755691</c:v>
                </c:pt>
                <c:pt idx="2212">
                  <c:v>34.508527602288552</c:v>
                </c:pt>
                <c:pt idx="2213">
                  <c:v>34.553714351200554</c:v>
                </c:pt>
                <c:pt idx="2214">
                  <c:v>34.719328356722841</c:v>
                </c:pt>
                <c:pt idx="2215">
                  <c:v>34.859667257304579</c:v>
                </c:pt>
                <c:pt idx="2216">
                  <c:v>35.036464089452693</c:v>
                </c:pt>
                <c:pt idx="2217">
                  <c:v>35.231057728743167</c:v>
                </c:pt>
                <c:pt idx="2218">
                  <c:v>35.420427946442302</c:v>
                </c:pt>
                <c:pt idx="2219">
                  <c:v>35.56500319882273</c:v>
                </c:pt>
                <c:pt idx="2220">
                  <c:v>35.719129139652196</c:v>
                </c:pt>
                <c:pt idx="2221">
                  <c:v>35.832713639306711</c:v>
                </c:pt>
                <c:pt idx="2222">
                  <c:v>35.908704764161243</c:v>
                </c:pt>
                <c:pt idx="2223">
                  <c:v>35.978667031674597</c:v>
                </c:pt>
                <c:pt idx="2224">
                  <c:v>36.008901697679967</c:v>
                </c:pt>
                <c:pt idx="2225">
                  <c:v>36.031587605876098</c:v>
                </c:pt>
                <c:pt idx="2226">
                  <c:v>36.065591463423985</c:v>
                </c:pt>
                <c:pt idx="2227">
                  <c:v>36.13817798154863</c:v>
                </c:pt>
                <c:pt idx="2228">
                  <c:v>36.20308328964731</c:v>
                </c:pt>
                <c:pt idx="2229">
                  <c:v>36.222984952543584</c:v>
                </c:pt>
                <c:pt idx="2230">
                  <c:v>36.254166625274031</c:v>
                </c:pt>
                <c:pt idx="2231">
                  <c:v>36.269004367481109</c:v>
                </c:pt>
                <c:pt idx="2232">
                  <c:v>36.29302436814163</c:v>
                </c:pt>
                <c:pt idx="2233">
                  <c:v>36.31670053976282</c:v>
                </c:pt>
                <c:pt idx="2234">
                  <c:v>36.318497694762868</c:v>
                </c:pt>
                <c:pt idx="2235">
                  <c:v>36.273353061847246</c:v>
                </c:pt>
                <c:pt idx="2236">
                  <c:v>36.187908343619732</c:v>
                </c:pt>
                <c:pt idx="2237">
                  <c:v>36.093710981259967</c:v>
                </c:pt>
                <c:pt idx="2238">
                  <c:v>35.981716590745137</c:v>
                </c:pt>
                <c:pt idx="2239">
                  <c:v>35.881514127984921</c:v>
                </c:pt>
                <c:pt idx="2240">
                  <c:v>35.798306434744845</c:v>
                </c:pt>
                <c:pt idx="2241">
                  <c:v>35.710635958055192</c:v>
                </c:pt>
                <c:pt idx="2242">
                  <c:v>35.613824733605895</c:v>
                </c:pt>
                <c:pt idx="2243">
                  <c:v>35.52750948201416</c:v>
                </c:pt>
                <c:pt idx="2244">
                  <c:v>35.455672974958667</c:v>
                </c:pt>
                <c:pt idx="2245">
                  <c:v>35.401085252888052</c:v>
                </c:pt>
                <c:pt idx="2246">
                  <c:v>35.369693488590769</c:v>
                </c:pt>
                <c:pt idx="2247">
                  <c:v>35.340869593493153</c:v>
                </c:pt>
                <c:pt idx="2248">
                  <c:v>35.311912076372948</c:v>
                </c:pt>
                <c:pt idx="2249">
                  <c:v>35.260743118793243</c:v>
                </c:pt>
                <c:pt idx="2250">
                  <c:v>35.20931148088475</c:v>
                </c:pt>
                <c:pt idx="2251">
                  <c:v>35.168936006643023</c:v>
                </c:pt>
                <c:pt idx="2252">
                  <c:v>35.095299800750936</c:v>
                </c:pt>
                <c:pt idx="2253">
                  <c:v>35.010777640341345</c:v>
                </c:pt>
                <c:pt idx="2254">
                  <c:v>34.882858324902116</c:v>
                </c:pt>
                <c:pt idx="2255">
                  <c:v>34.723856333890353</c:v>
                </c:pt>
                <c:pt idx="2256">
                  <c:v>34.540119445004514</c:v>
                </c:pt>
                <c:pt idx="2257">
                  <c:v>34.28729388735384</c:v>
                </c:pt>
                <c:pt idx="2258">
                  <c:v>33.981399057777097</c:v>
                </c:pt>
                <c:pt idx="2259">
                  <c:v>33.58218917183207</c:v>
                </c:pt>
                <c:pt idx="2260">
                  <c:v>33.172472344470137</c:v>
                </c:pt>
                <c:pt idx="2261">
                  <c:v>32.747610011382704</c:v>
                </c:pt>
                <c:pt idx="2262">
                  <c:v>32.301289812260023</c:v>
                </c:pt>
                <c:pt idx="2263">
                  <c:v>#N/A</c:v>
                </c:pt>
                <c:pt idx="2264">
                  <c:v>#N/A</c:v>
                </c:pt>
                <c:pt idx="2265">
                  <c:v>#N/A</c:v>
                </c:pt>
                <c:pt idx="2266">
                  <c:v>#N/A</c:v>
                </c:pt>
                <c:pt idx="2267">
                  <c:v>#N/A</c:v>
                </c:pt>
                <c:pt idx="2268">
                  <c:v>#N/A</c:v>
                </c:pt>
                <c:pt idx="2269">
                  <c:v>#N/A</c:v>
                </c:pt>
                <c:pt idx="2270">
                  <c:v>#N/A</c:v>
                </c:pt>
                <c:pt idx="2271">
                  <c:v>#N/A</c:v>
                </c:pt>
                <c:pt idx="2272">
                  <c:v>#N/A</c:v>
                </c:pt>
                <c:pt idx="2273">
                  <c:v>#N/A</c:v>
                </c:pt>
                <c:pt idx="2274">
                  <c:v>#N/A</c:v>
                </c:pt>
                <c:pt idx="2275">
                  <c:v>#N/A</c:v>
                </c:pt>
                <c:pt idx="2276">
                  <c:v>#N/A</c:v>
                </c:pt>
                <c:pt idx="2277">
                  <c:v>33.566870209500124</c:v>
                </c:pt>
                <c:pt idx="2278">
                  <c:v>34.272686457564248</c:v>
                </c:pt>
                <c:pt idx="2279">
                  <c:v>34.772503459837786</c:v>
                </c:pt>
                <c:pt idx="2280">
                  <c:v>35.07332428586929</c:v>
                </c:pt>
                <c:pt idx="2281">
                  <c:v>35.285642919625118</c:v>
                </c:pt>
                <c:pt idx="2282">
                  <c:v>35.445560087281898</c:v>
                </c:pt>
                <c:pt idx="2283">
                  <c:v>35.571195514465302</c:v>
                </c:pt>
                <c:pt idx="2284">
                  <c:v>35.675078592266651</c:v>
                </c:pt>
                <c:pt idx="2285">
                  <c:v>35.75784726075473</c:v>
                </c:pt>
                <c:pt idx="2286">
                  <c:v>35.819582268240104</c:v>
                </c:pt>
                <c:pt idx="2287">
                  <c:v>35.857043042397478</c:v>
                </c:pt>
                <c:pt idx="2288">
                  <c:v>35.910300289049346</c:v>
                </c:pt>
                <c:pt idx="2289">
                  <c:v>35.956238888565821</c:v>
                </c:pt>
                <c:pt idx="2290">
                  <c:v>35.939390284054177</c:v>
                </c:pt>
                <c:pt idx="2291">
                  <c:v>35.934081493490318</c:v>
                </c:pt>
                <c:pt idx="2292">
                  <c:v>35.966395352704154</c:v>
                </c:pt>
                <c:pt idx="2293">
                  <c:v>35.969784899339309</c:v>
                </c:pt>
                <c:pt idx="2294">
                  <c:v>35.915376813626317</c:v>
                </c:pt>
                <c:pt idx="2295">
                  <c:v>35.854575393981165</c:v>
                </c:pt>
                <c:pt idx="2296">
                  <c:v>35.812797300205375</c:v>
                </c:pt>
                <c:pt idx="2297">
                  <c:v>35.776745377337903</c:v>
                </c:pt>
                <c:pt idx="2298">
                  <c:v>35.722496571207856</c:v>
                </c:pt>
                <c:pt idx="2299">
                  <c:v>35.671228086451023</c:v>
                </c:pt>
                <c:pt idx="2300">
                  <c:v>35.645686723629581</c:v>
                </c:pt>
                <c:pt idx="2301">
                  <c:v>35.666310670262064</c:v>
                </c:pt>
                <c:pt idx="2302">
                  <c:v>35.730552906582766</c:v>
                </c:pt>
                <c:pt idx="2303">
                  <c:v>35.808659804784227</c:v>
                </c:pt>
                <c:pt idx="2304">
                  <c:v>35.903968554421247</c:v>
                </c:pt>
                <c:pt idx="2305">
                  <c:v>36.004420214134129</c:v>
                </c:pt>
                <c:pt idx="2306">
                  <c:v>36.014582936046381</c:v>
                </c:pt>
                <c:pt idx="2307">
                  <c:v>35.943188351895799</c:v>
                </c:pt>
                <c:pt idx="2308">
                  <c:v>35.867812762944631</c:v>
                </c:pt>
                <c:pt idx="2309">
                  <c:v>35.729107743998</c:v>
                </c:pt>
                <c:pt idx="2310">
                  <c:v>35.59424669972951</c:v>
                </c:pt>
                <c:pt idx="2311">
                  <c:v>35.430570638360251</c:v>
                </c:pt>
                <c:pt idx="2312">
                  <c:v>35.273048889272815</c:v>
                </c:pt>
                <c:pt idx="2313">
                  <c:v>35.046074608068238</c:v>
                </c:pt>
                <c:pt idx="2314">
                  <c:v>34.765399639532447</c:v>
                </c:pt>
                <c:pt idx="2315">
                  <c:v>34.512328303754899</c:v>
                </c:pt>
                <c:pt idx="2316">
                  <c:v>34.252711456856787</c:v>
                </c:pt>
                <c:pt idx="2317">
                  <c:v>34.083196123380418</c:v>
                </c:pt>
                <c:pt idx="2318">
                  <c:v>33.920912007056046</c:v>
                </c:pt>
                <c:pt idx="2319">
                  <c:v>33.79877781147281</c:v>
                </c:pt>
                <c:pt idx="2320">
                  <c:v>33.722226427494135</c:v>
                </c:pt>
                <c:pt idx="2321">
                  <c:v>33.693461349808722</c:v>
                </c:pt>
                <c:pt idx="2322">
                  <c:v>33.701209258239217</c:v>
                </c:pt>
                <c:pt idx="2323">
                  <c:v>33.633463727754354</c:v>
                </c:pt>
                <c:pt idx="2324">
                  <c:v>33.608093910659761</c:v>
                </c:pt>
                <c:pt idx="2325">
                  <c:v>33.704603747426859</c:v>
                </c:pt>
                <c:pt idx="2326">
                  <c:v>33.792471083322141</c:v>
                </c:pt>
                <c:pt idx="2327">
                  <c:v>33.88308111494829</c:v>
                </c:pt>
                <c:pt idx="2328">
                  <c:v>33.943873421572299</c:v>
                </c:pt>
                <c:pt idx="2329">
                  <c:v>34.026803552125727</c:v>
                </c:pt>
                <c:pt idx="2330">
                  <c:v>34.170718865830011</c:v>
                </c:pt>
                <c:pt idx="2331">
                  <c:v>34.287437377611333</c:v>
                </c:pt>
                <c:pt idx="2332">
                  <c:v>34.387368309254185</c:v>
                </c:pt>
                <c:pt idx="2333">
                  <c:v>34.385043335087978</c:v>
                </c:pt>
                <c:pt idx="2334">
                  <c:v>34.279840946502425</c:v>
                </c:pt>
                <c:pt idx="2335">
                  <c:v>34.128326008086177</c:v>
                </c:pt>
                <c:pt idx="2336">
                  <c:v>33.949536430260522</c:v>
                </c:pt>
                <c:pt idx="2337">
                  <c:v>33.913720428204428</c:v>
                </c:pt>
                <c:pt idx="2338">
                  <c:v>33.944482990999035</c:v>
                </c:pt>
                <c:pt idx="2339">
                  <c:v>33.959732862449911</c:v>
                </c:pt>
                <c:pt idx="2340">
                  <c:v>33.97438624636392</c:v>
                </c:pt>
                <c:pt idx="2341">
                  <c:v>33.977036916479705</c:v>
                </c:pt>
                <c:pt idx="2342">
                  <c:v>33.946248273894255</c:v>
                </c:pt>
                <c:pt idx="2343">
                  <c:v>34.010897494032157</c:v>
                </c:pt>
                <c:pt idx="2344">
                  <c:v>34.033732504027526</c:v>
                </c:pt>
                <c:pt idx="2345">
                  <c:v>34.117835645572654</c:v>
                </c:pt>
                <c:pt idx="2346">
                  <c:v>34.223739956086291</c:v>
                </c:pt>
                <c:pt idx="2347">
                  <c:v>34.333042931373839</c:v>
                </c:pt>
                <c:pt idx="2348">
                  <c:v>34.480944505316316</c:v>
                </c:pt>
                <c:pt idx="2349">
                  <c:v>34.686725258159598</c:v>
                </c:pt>
                <c:pt idx="2350">
                  <c:v>34.82212056881275</c:v>
                </c:pt>
                <c:pt idx="2351">
                  <c:v>34.943204090663947</c:v>
                </c:pt>
                <c:pt idx="2352">
                  <c:v>35.092060911491032</c:v>
                </c:pt>
                <c:pt idx="2353">
                  <c:v>35.183127890957678</c:v>
                </c:pt>
                <c:pt idx="2354">
                  <c:v>35.234204359270237</c:v>
                </c:pt>
                <c:pt idx="2355">
                  <c:v>35.303156444850586</c:v>
                </c:pt>
                <c:pt idx="2356">
                  <c:v>35.30726089760806</c:v>
                </c:pt>
                <c:pt idx="2357">
                  <c:v>35.325246663281618</c:v>
                </c:pt>
                <c:pt idx="2358">
                  <c:v>35.346194298421153</c:v>
                </c:pt>
                <c:pt idx="2359">
                  <c:v>35.378737713900087</c:v>
                </c:pt>
                <c:pt idx="2360">
                  <c:v>35.405181144747552</c:v>
                </c:pt>
                <c:pt idx="2361">
                  <c:v>35.434295292717231</c:v>
                </c:pt>
                <c:pt idx="2362">
                  <c:v>35.429371172613358</c:v>
                </c:pt>
                <c:pt idx="2363">
                  <c:v>35.421927925926482</c:v>
                </c:pt>
                <c:pt idx="2364">
                  <c:v>35.408948186496602</c:v>
                </c:pt>
                <c:pt idx="2365">
                  <c:v>35.479695927687359</c:v>
                </c:pt>
                <c:pt idx="2366">
                  <c:v>35.534059028905602</c:v>
                </c:pt>
                <c:pt idx="2367">
                  <c:v>35.543105393195702</c:v>
                </c:pt>
                <c:pt idx="2368">
                  <c:v>35.528146654989094</c:v>
                </c:pt>
                <c:pt idx="2369">
                  <c:v>35.455558621178014</c:v>
                </c:pt>
                <c:pt idx="2370">
                  <c:v>35.410860132692761</c:v>
                </c:pt>
                <c:pt idx="2371">
                  <c:v>35.385758943547557</c:v>
                </c:pt>
                <c:pt idx="2372">
                  <c:v>35.386245738107419</c:v>
                </c:pt>
                <c:pt idx="2373">
                  <c:v>35.430354892076934</c:v>
                </c:pt>
                <c:pt idx="2374">
                  <c:v>35.468863961512795</c:v>
                </c:pt>
                <c:pt idx="2375">
                  <c:v>35.513783612533878</c:v>
                </c:pt>
                <c:pt idx="2376">
                  <c:v>35.549785845966412</c:v>
                </c:pt>
                <c:pt idx="2377">
                  <c:v>35.561565752365276</c:v>
                </c:pt>
                <c:pt idx="2378">
                  <c:v>35.538416028383445</c:v>
                </c:pt>
                <c:pt idx="2379">
                  <c:v>35.551497882693681</c:v>
                </c:pt>
                <c:pt idx="2380">
                  <c:v>35.59558450844456</c:v>
                </c:pt>
                <c:pt idx="2381">
                  <c:v>35.633789315403291</c:v>
                </c:pt>
                <c:pt idx="2382">
                  <c:v>35.711139950403449</c:v>
                </c:pt>
                <c:pt idx="2383">
                  <c:v>35.766539884930054</c:v>
                </c:pt>
                <c:pt idx="2384">
                  <c:v>35.896539242129478</c:v>
                </c:pt>
                <c:pt idx="2385">
                  <c:v>35.999202628092114</c:v>
                </c:pt>
                <c:pt idx="2386">
                  <c:v>36.106888565711003</c:v>
                </c:pt>
                <c:pt idx="2387">
                  <c:v>36.250825703792813</c:v>
                </c:pt>
                <c:pt idx="2388">
                  <c:v>36.401279278808701</c:v>
                </c:pt>
                <c:pt idx="2389">
                  <c:v>36.527972079026185</c:v>
                </c:pt>
                <c:pt idx="2390">
                  <c:v>36.650362572469461</c:v>
                </c:pt>
                <c:pt idx="2391">
                  <c:v>36.75893430661138</c:v>
                </c:pt>
                <c:pt idx="2392">
                  <c:v>36.845594593582405</c:v>
                </c:pt>
                <c:pt idx="2393">
                  <c:v>36.92105004571183</c:v>
                </c:pt>
                <c:pt idx="2394">
                  <c:v>36.973257784408773</c:v>
                </c:pt>
                <c:pt idx="2395">
                  <c:v>36.971088322068418</c:v>
                </c:pt>
                <c:pt idx="2396">
                  <c:v>36.929961700033374</c:v>
                </c:pt>
                <c:pt idx="2397">
                  <c:v>36.867217510761719</c:v>
                </c:pt>
                <c:pt idx="2398">
                  <c:v>36.798278968607832</c:v>
                </c:pt>
                <c:pt idx="2399">
                  <c:v>36.73910300219562</c:v>
                </c:pt>
                <c:pt idx="2400">
                  <c:v>36.669533159332346</c:v>
                </c:pt>
                <c:pt idx="2401">
                  <c:v>36.600123564913773</c:v>
                </c:pt>
                <c:pt idx="2402">
                  <c:v>36.513208971858326</c:v>
                </c:pt>
                <c:pt idx="2403">
                  <c:v>36.414524390293828</c:v>
                </c:pt>
                <c:pt idx="2404">
                  <c:v>36.311001008018877</c:v>
                </c:pt>
                <c:pt idx="2405">
                  <c:v>36.206336225385755</c:v>
                </c:pt>
                <c:pt idx="2406">
                  <c:v>36.087058251561828</c:v>
                </c:pt>
                <c:pt idx="2407">
                  <c:v>35.96970702688364</c:v>
                </c:pt>
                <c:pt idx="2408">
                  <c:v>35.843657658672726</c:v>
                </c:pt>
                <c:pt idx="2409">
                  <c:v>35.704983009160344</c:v>
                </c:pt>
                <c:pt idx="2410">
                  <c:v>35.567344825803907</c:v>
                </c:pt>
                <c:pt idx="2411">
                  <c:v>35.415589996304377</c:v>
                </c:pt>
                <c:pt idx="2412">
                  <c:v>35.237863999483039</c:v>
                </c:pt>
                <c:pt idx="2413">
                  <c:v>35.040076811468083</c:v>
                </c:pt>
                <c:pt idx="2414">
                  <c:v>34.834182361757016</c:v>
                </c:pt>
                <c:pt idx="2415">
                  <c:v>34.590474226267702</c:v>
                </c:pt>
                <c:pt idx="2416">
                  <c:v>34.318154593730839</c:v>
                </c:pt>
                <c:pt idx="2417">
                  <c:v>34.0340883458504</c:v>
                </c:pt>
                <c:pt idx="2418">
                  <c:v>33.734661321102436</c:v>
                </c:pt>
                <c:pt idx="2419">
                  <c:v>33.495037702936806</c:v>
                </c:pt>
                <c:pt idx="2420">
                  <c:v>33.309676375475853</c:v>
                </c:pt>
                <c:pt idx="2421">
                  <c:v>33.207258902910851</c:v>
                </c:pt>
                <c:pt idx="2422">
                  <c:v>33.128861426822056</c:v>
                </c:pt>
                <c:pt idx="2423">
                  <c:v>#N/A</c:v>
                </c:pt>
                <c:pt idx="2424">
                  <c:v>#N/A</c:v>
                </c:pt>
                <c:pt idx="2425">
                  <c:v>#N/A</c:v>
                </c:pt>
                <c:pt idx="2426">
                  <c:v>#N/A</c:v>
                </c:pt>
                <c:pt idx="2427">
                  <c:v>#N/A</c:v>
                </c:pt>
                <c:pt idx="2428">
                  <c:v>#N/A</c:v>
                </c:pt>
                <c:pt idx="2429">
                  <c:v>#N/A</c:v>
                </c:pt>
                <c:pt idx="2430">
                  <c:v>#N/A</c:v>
                </c:pt>
                <c:pt idx="2431">
                  <c:v>#N/A</c:v>
                </c:pt>
                <c:pt idx="2432">
                  <c:v>#N/A</c:v>
                </c:pt>
                <c:pt idx="2433">
                  <c:v>#N/A</c:v>
                </c:pt>
                <c:pt idx="2434">
                  <c:v>#N/A</c:v>
                </c:pt>
                <c:pt idx="2435">
                  <c:v>#N/A</c:v>
                </c:pt>
                <c:pt idx="2436">
                  <c:v>#N/A</c:v>
                </c:pt>
                <c:pt idx="2437">
                  <c:v>#N/A</c:v>
                </c:pt>
                <c:pt idx="2438">
                  <c:v>#N/A</c:v>
                </c:pt>
                <c:pt idx="2439">
                  <c:v>#N/A</c:v>
                </c:pt>
                <c:pt idx="2440">
                  <c:v>#N/A</c:v>
                </c:pt>
                <c:pt idx="2441">
                  <c:v>#N/A</c:v>
                </c:pt>
                <c:pt idx="2442">
                  <c:v>#N/A</c:v>
                </c:pt>
                <c:pt idx="2443">
                  <c:v>33.582716730038385</c:v>
                </c:pt>
                <c:pt idx="2444">
                  <c:v>33.943816302995977</c:v>
                </c:pt>
                <c:pt idx="2445">
                  <c:v>34.243723143715904</c:v>
                </c:pt>
                <c:pt idx="2446">
                  <c:v>34.478071101620529</c:v>
                </c:pt>
                <c:pt idx="2447">
                  <c:v>34.716262001532712</c:v>
                </c:pt>
                <c:pt idx="2448">
                  <c:v>34.973642208115081</c:v>
                </c:pt>
                <c:pt idx="2449">
                  <c:v>35.186763743167013</c:v>
                </c:pt>
                <c:pt idx="2450">
                  <c:v>35.362898949074292</c:v>
                </c:pt>
                <c:pt idx="2451">
                  <c:v>35.521382275203607</c:v>
                </c:pt>
                <c:pt idx="2452">
                  <c:v>35.678266342693149</c:v>
                </c:pt>
                <c:pt idx="2453">
                  <c:v>35.810327289263867</c:v>
                </c:pt>
                <c:pt idx="2454">
                  <c:v>35.949929174986657</c:v>
                </c:pt>
                <c:pt idx="2455">
                  <c:v>36.119086860546929</c:v>
                </c:pt>
                <c:pt idx="2456">
                  <c:v>36.249237022645985</c:v>
                </c:pt>
                <c:pt idx="2457">
                  <c:v>36.29002479789321</c:v>
                </c:pt>
                <c:pt idx="2458">
                  <c:v>36.216493614399361</c:v>
                </c:pt>
                <c:pt idx="2459">
                  <c:v>36.165116683101807</c:v>
                </c:pt>
                <c:pt idx="2460">
                  <c:v>36.17670450852814</c:v>
                </c:pt>
                <c:pt idx="2461">
                  <c:v>36.184276152649282</c:v>
                </c:pt>
                <c:pt idx="2462">
                  <c:v>36.123912369445343</c:v>
                </c:pt>
                <c:pt idx="2463">
                  <c:v>36.020576632507549</c:v>
                </c:pt>
                <c:pt idx="2464">
                  <c:v>35.897676120213916</c:v>
                </c:pt>
                <c:pt idx="2465">
                  <c:v>35.787883113354596</c:v>
                </c:pt>
                <c:pt idx="2466">
                  <c:v>35.70152186114678</c:v>
                </c:pt>
                <c:pt idx="2467">
                  <c:v>35.609550606341664</c:v>
                </c:pt>
                <c:pt idx="2468">
                  <c:v>35.54987203732059</c:v>
                </c:pt>
                <c:pt idx="2469">
                  <c:v>35.508621436813115</c:v>
                </c:pt>
                <c:pt idx="2470">
                  <c:v>35.481800580270651</c:v>
                </c:pt>
                <c:pt idx="2471">
                  <c:v>35.489004383570048</c:v>
                </c:pt>
                <c:pt idx="2472">
                  <c:v>35.502856360633565</c:v>
                </c:pt>
                <c:pt idx="2473">
                  <c:v>35.520815706293881</c:v>
                </c:pt>
                <c:pt idx="2474">
                  <c:v>35.540736669320069</c:v>
                </c:pt>
                <c:pt idx="2475">
                  <c:v>35.553199731393335</c:v>
                </c:pt>
                <c:pt idx="2476">
                  <c:v>35.538396960682469</c:v>
                </c:pt>
                <c:pt idx="2477">
                  <c:v>35.505623358637131</c:v>
                </c:pt>
                <c:pt idx="2478">
                  <c:v>35.473046163191739</c:v>
                </c:pt>
                <c:pt idx="2479">
                  <c:v>35.40766357378827</c:v>
                </c:pt>
                <c:pt idx="2480">
                  <c:v>35.346434334681717</c:v>
                </c:pt>
                <c:pt idx="2481">
                  <c:v>35.277329786710929</c:v>
                </c:pt>
                <c:pt idx="2482">
                  <c:v>35.204299047625085</c:v>
                </c:pt>
                <c:pt idx="2483">
                  <c:v>35.130863557144373</c:v>
                </c:pt>
                <c:pt idx="2484">
                  <c:v>35.093227755609846</c:v>
                </c:pt>
                <c:pt idx="2485">
                  <c:v>35.081228097325329</c:v>
                </c:pt>
                <c:pt idx="2486">
                  <c:v>35.097276073787555</c:v>
                </c:pt>
                <c:pt idx="2487">
                  <c:v>35.14224061164861</c:v>
                </c:pt>
                <c:pt idx="2488">
                  <c:v>35.208232842855026</c:v>
                </c:pt>
                <c:pt idx="2489">
                  <c:v>35.281355657358802</c:v>
                </c:pt>
                <c:pt idx="2490">
                  <c:v>35.435597891533675</c:v>
                </c:pt>
                <c:pt idx="2491">
                  <c:v>35.390577582387408</c:v>
                </c:pt>
                <c:pt idx="2492">
                  <c:v>35.327693145773914</c:v>
                </c:pt>
                <c:pt idx="2493">
                  <c:v>35.220614716667498</c:v>
                </c:pt>
                <c:pt idx="2494">
                  <c:v>35.064889813515833</c:v>
                </c:pt>
                <c:pt idx="2495">
                  <c:v>34.85547894115949</c:v>
                </c:pt>
                <c:pt idx="2496">
                  <c:v>34.604123890312323</c:v>
                </c:pt>
                <c:pt idx="2497">
                  <c:v>34.27176359911229</c:v>
                </c:pt>
                <c:pt idx="2498">
                  <c:v>33.890043214805353</c:v>
                </c:pt>
                <c:pt idx="2499">
                  <c:v>33.414866732209532</c:v>
                </c:pt>
                <c:pt idx="2500">
                  <c:v>32.873477024024318</c:v>
                </c:pt>
                <c:pt idx="2501">
                  <c:v>#N/A</c:v>
                </c:pt>
                <c:pt idx="2502">
                  <c:v>#N/A</c:v>
                </c:pt>
                <c:pt idx="2503">
                  <c:v>#N/A</c:v>
                </c:pt>
                <c:pt idx="2504">
                  <c:v>#N/A</c:v>
                </c:pt>
                <c:pt idx="2505">
                  <c:v>#N/A</c:v>
                </c:pt>
                <c:pt idx="2506">
                  <c:v>#N/A</c:v>
                </c:pt>
                <c:pt idx="2507">
                  <c:v>#N/A</c:v>
                </c:pt>
                <c:pt idx="2508">
                  <c:v>#N/A</c:v>
                </c:pt>
                <c:pt idx="2509">
                  <c:v>#N/A</c:v>
                </c:pt>
                <c:pt idx="2510">
                  <c:v>#N/A</c:v>
                </c:pt>
                <c:pt idx="2511">
                  <c:v>#N/A</c:v>
                </c:pt>
                <c:pt idx="2512">
                  <c:v>#N/A</c:v>
                </c:pt>
                <c:pt idx="2513">
                  <c:v>#N/A</c:v>
                </c:pt>
                <c:pt idx="2514">
                  <c:v>#N/A</c:v>
                </c:pt>
                <c:pt idx="2515">
                  <c:v>33.742168270971263</c:v>
                </c:pt>
                <c:pt idx="2516">
                  <c:v>34.158335931729042</c:v>
                </c:pt>
                <c:pt idx="2517">
                  <c:v>34.53462685755062</c:v>
                </c:pt>
                <c:pt idx="2518">
                  <c:v>34.876665651435992</c:v>
                </c:pt>
                <c:pt idx="2519">
                  <c:v>35.178205393352478</c:v>
                </c:pt>
                <c:pt idx="2520">
                  <c:v>35.377023843413312</c:v>
                </c:pt>
                <c:pt idx="2521">
                  <c:v>35.535145630550772</c:v>
                </c:pt>
                <c:pt idx="2522">
                  <c:v>35.622673452106852</c:v>
                </c:pt>
                <c:pt idx="2523">
                  <c:v>35.676268902214645</c:v>
                </c:pt>
                <c:pt idx="2524">
                  <c:v>35.721521325446986</c:v>
                </c:pt>
                <c:pt idx="2525">
                  <c:v>35.749865479731199</c:v>
                </c:pt>
                <c:pt idx="2526">
                  <c:v>35.716125122484428</c:v>
                </c:pt>
                <c:pt idx="2527">
                  <c:v>35.678586205993355</c:v>
                </c:pt>
                <c:pt idx="2528">
                  <c:v>35.744499054581553</c:v>
                </c:pt>
                <c:pt idx="2529">
                  <c:v>35.787075211331086</c:v>
                </c:pt>
                <c:pt idx="2530">
                  <c:v>35.717181013999188</c:v>
                </c:pt>
                <c:pt idx="2531">
                  <c:v>35.650304005088948</c:v>
                </c:pt>
                <c:pt idx="2532">
                  <c:v>35.570747846248601</c:v>
                </c:pt>
                <c:pt idx="2533">
                  <c:v>35.469526411941551</c:v>
                </c:pt>
                <c:pt idx="2534">
                  <c:v>35.341081258034833</c:v>
                </c:pt>
                <c:pt idx="2535">
                  <c:v>35.229813287960567</c:v>
                </c:pt>
                <c:pt idx="2536">
                  <c:v>35.132920258241825</c:v>
                </c:pt>
                <c:pt idx="2537">
                  <c:v>35.057906937241071</c:v>
                </c:pt>
                <c:pt idx="2538">
                  <c:v>34.990859047598533</c:v>
                </c:pt>
                <c:pt idx="2539">
                  <c:v>34.927522436065374</c:v>
                </c:pt>
                <c:pt idx="2540">
                  <c:v>34.857145256190819</c:v>
                </c:pt>
                <c:pt idx="2541">
                  <c:v>34.78286971567379</c:v>
                </c:pt>
                <c:pt idx="2542">
                  <c:v>34.709586204415444</c:v>
                </c:pt>
                <c:pt idx="2543">
                  <c:v>34.625739756698181</c:v>
                </c:pt>
                <c:pt idx="2544">
                  <c:v>34.512146807670391</c:v>
                </c:pt>
                <c:pt idx="2545">
                  <c:v>34.360045859116383</c:v>
                </c:pt>
                <c:pt idx="2546">
                  <c:v>34.14381782448644</c:v>
                </c:pt>
                <c:pt idx="2547">
                  <c:v>33.848217525972558</c:v>
                </c:pt>
                <c:pt idx="2548">
                  <c:v>33.485622734225316</c:v>
                </c:pt>
                <c:pt idx="2549">
                  <c:v>33.095400180826331</c:v>
                </c:pt>
                <c:pt idx="2550">
                  <c:v>32.714352787637061</c:v>
                </c:pt>
                <c:pt idx="2551">
                  <c:v>#N/A</c:v>
                </c:pt>
                <c:pt idx="2552">
                  <c:v>#N/A</c:v>
                </c:pt>
                <c:pt idx="2553">
                  <c:v>#N/A</c:v>
                </c:pt>
                <c:pt idx="2554">
                  <c:v>#N/A</c:v>
                </c:pt>
                <c:pt idx="2555">
                  <c:v>#N/A</c:v>
                </c:pt>
                <c:pt idx="2556">
                  <c:v>#N/A</c:v>
                </c:pt>
                <c:pt idx="2557">
                  <c:v>#N/A</c:v>
                </c:pt>
                <c:pt idx="2558">
                  <c:v>#N/A</c:v>
                </c:pt>
                <c:pt idx="2559">
                  <c:v>#N/A</c:v>
                </c:pt>
                <c:pt idx="2560">
                  <c:v>#N/A</c:v>
                </c:pt>
                <c:pt idx="2561">
                  <c:v>#N/A</c:v>
                </c:pt>
                <c:pt idx="2562">
                  <c:v>#N/A</c:v>
                </c:pt>
                <c:pt idx="2563">
                  <c:v>#N/A</c:v>
                </c:pt>
                <c:pt idx="2564">
                  <c:v>#N/A</c:v>
                </c:pt>
                <c:pt idx="2565">
                  <c:v>#N/A</c:v>
                </c:pt>
                <c:pt idx="2566">
                  <c:v>#N/A</c:v>
                </c:pt>
                <c:pt idx="2567">
                  <c:v>#N/A</c:v>
                </c:pt>
                <c:pt idx="2568">
                  <c:v>#N/A</c:v>
                </c:pt>
                <c:pt idx="2569">
                  <c:v>#N/A</c:v>
                </c:pt>
                <c:pt idx="2570">
                  <c:v>#N/A</c:v>
                </c:pt>
                <c:pt idx="2571">
                  <c:v>#N/A</c:v>
                </c:pt>
                <c:pt idx="2572">
                  <c:v>32.857504555670452</c:v>
                </c:pt>
                <c:pt idx="2573">
                  <c:v>33.415139178146028</c:v>
                </c:pt>
                <c:pt idx="2574">
                  <c:v>33.743289833088099</c:v>
                </c:pt>
                <c:pt idx="2575">
                  <c:v>33.985889191867933</c:v>
                </c:pt>
                <c:pt idx="2576">
                  <c:v>34.200194619572351</c:v>
                </c:pt>
                <c:pt idx="2577">
                  <c:v>34.381330960798095</c:v>
                </c:pt>
                <c:pt idx="2578">
                  <c:v>34.534372449154226</c:v>
                </c:pt>
                <c:pt idx="2579">
                  <c:v>34.67339074776055</c:v>
                </c:pt>
                <c:pt idx="2580">
                  <c:v>34.868890753056775</c:v>
                </c:pt>
                <c:pt idx="2581">
                  <c:v>35.103803550647228</c:v>
                </c:pt>
                <c:pt idx="2582">
                  <c:v>35.251776086705554</c:v>
                </c:pt>
                <c:pt idx="2583">
                  <c:v>35.310711613244834</c:v>
                </c:pt>
                <c:pt idx="2584">
                  <c:v>35.34199288747061</c:v>
                </c:pt>
                <c:pt idx="2585">
                  <c:v>35.36315285943153</c:v>
                </c:pt>
                <c:pt idx="2586">
                  <c:v>35.367017615808109</c:v>
                </c:pt>
                <c:pt idx="2587">
                  <c:v>35.39639799400895</c:v>
                </c:pt>
                <c:pt idx="2588">
                  <c:v>35.381089146796981</c:v>
                </c:pt>
                <c:pt idx="2589">
                  <c:v>35.307114030408115</c:v>
                </c:pt>
                <c:pt idx="2590">
                  <c:v>35.200758800435914</c:v>
                </c:pt>
                <c:pt idx="2591">
                  <c:v>35.057001491759124</c:v>
                </c:pt>
                <c:pt idx="2592">
                  <c:v>34.911184863858651</c:v>
                </c:pt>
                <c:pt idx="2593">
                  <c:v>34.812026725971336</c:v>
                </c:pt>
                <c:pt idx="2594">
                  <c:v>34.705367764599004</c:v>
                </c:pt>
                <c:pt idx="2595">
                  <c:v>34.569954732555139</c:v>
                </c:pt>
                <c:pt idx="2596">
                  <c:v>34.440034876483267</c:v>
                </c:pt>
                <c:pt idx="2597">
                  <c:v>34.312383247380801</c:v>
                </c:pt>
                <c:pt idx="2598">
                  <c:v>34.213972762027737</c:v>
                </c:pt>
                <c:pt idx="2599">
                  <c:v>34.126214968144325</c:v>
                </c:pt>
                <c:pt idx="2600">
                  <c:v>34.087895344950965</c:v>
                </c:pt>
                <c:pt idx="2601">
                  <c:v>34.129268035736153</c:v>
                </c:pt>
                <c:pt idx="2602">
                  <c:v>34.235754708150552</c:v>
                </c:pt>
                <c:pt idx="2603">
                  <c:v>34.40234556718174</c:v>
                </c:pt>
                <c:pt idx="2604">
                  <c:v>34.624449816522443</c:v>
                </c:pt>
                <c:pt idx="2605">
                  <c:v>34.89892567512824</c:v>
                </c:pt>
                <c:pt idx="2606">
                  <c:v>35.165830159833021</c:v>
                </c:pt>
                <c:pt idx="2607">
                  <c:v>35.417414185768443</c:v>
                </c:pt>
                <c:pt idx="2608">
                  <c:v>35.658306140456133</c:v>
                </c:pt>
                <c:pt idx="2609">
                  <c:v>35.876310367980395</c:v>
                </c:pt>
                <c:pt idx="2610">
                  <c:v>36.070807019508749</c:v>
                </c:pt>
                <c:pt idx="2611">
                  <c:v>36.208002819465705</c:v>
                </c:pt>
                <c:pt idx="2612">
                  <c:v>36.304636311822428</c:v>
                </c:pt>
                <c:pt idx="2613">
                  <c:v>36.363060749747007</c:v>
                </c:pt>
                <c:pt idx="2614">
                  <c:v>36.416977607205226</c:v>
                </c:pt>
                <c:pt idx="2615">
                  <c:v>36.45800117902094</c:v>
                </c:pt>
                <c:pt idx="2616">
                  <c:v>36.50909237826923</c:v>
                </c:pt>
                <c:pt idx="2617">
                  <c:v>36.553351177818634</c:v>
                </c:pt>
                <c:pt idx="2618">
                  <c:v>36.583061912694859</c:v>
                </c:pt>
                <c:pt idx="2619">
                  <c:v>36.570494629311113</c:v>
                </c:pt>
                <c:pt idx="2620">
                  <c:v>36.527105367878136</c:v>
                </c:pt>
                <c:pt idx="2621">
                  <c:v>36.484871859449612</c:v>
                </c:pt>
                <c:pt idx="2622">
                  <c:v>36.446693114854043</c:v>
                </c:pt>
                <c:pt idx="2623">
                  <c:v>36.42004371027253</c:v>
                </c:pt>
                <c:pt idx="2624">
                  <c:v>36.371833433598646</c:v>
                </c:pt>
                <c:pt idx="2625">
                  <c:v>36.353653562657669</c:v>
                </c:pt>
                <c:pt idx="2626">
                  <c:v>36.361263102678791</c:v>
                </c:pt>
                <c:pt idx="2627">
                  <c:v>36.374777255056699</c:v>
                </c:pt>
                <c:pt idx="2628">
                  <c:v>36.420382575265322</c:v>
                </c:pt>
                <c:pt idx="2629">
                  <c:v>36.463993525560333</c:v>
                </c:pt>
                <c:pt idx="2630">
                  <c:v>36.521467218138241</c:v>
                </c:pt>
                <c:pt idx="2631">
                  <c:v>36.575698062196707</c:v>
                </c:pt>
                <c:pt idx="2632">
                  <c:v>36.637405841656587</c:v>
                </c:pt>
                <c:pt idx="2633">
                  <c:v>36.698516031268937</c:v>
                </c:pt>
                <c:pt idx="2634">
                  <c:v>36.748963632074478</c:v>
                </c:pt>
                <c:pt idx="2635">
                  <c:v>36.788945892457875</c:v>
                </c:pt>
                <c:pt idx="2636">
                  <c:v>36.839010348649182</c:v>
                </c:pt>
                <c:pt idx="2637">
                  <c:v>36.884999309641003</c:v>
                </c:pt>
                <c:pt idx="2638">
                  <c:v>36.934202174576981</c:v>
                </c:pt>
                <c:pt idx="2639">
                  <c:v>36.981045553021104</c:v>
                </c:pt>
                <c:pt idx="2640">
                  <c:v>37.023384097878953</c:v>
                </c:pt>
                <c:pt idx="2641">
                  <c:v>37.064591124105007</c:v>
                </c:pt>
                <c:pt idx="2642">
                  <c:v>37.094278503403842</c:v>
                </c:pt>
                <c:pt idx="2643">
                  <c:v>37.113217613892914</c:v>
                </c:pt>
                <c:pt idx="2644">
                  <c:v>37.123492829487446</c:v>
                </c:pt>
                <c:pt idx="2645">
                  <c:v>37.13453282362633</c:v>
                </c:pt>
                <c:pt idx="2646">
                  <c:v>37.137777416885541</c:v>
                </c:pt>
                <c:pt idx="2647">
                  <c:v>37.143190512587722</c:v>
                </c:pt>
                <c:pt idx="2648">
                  <c:v>37.128229315928763</c:v>
                </c:pt>
                <c:pt idx="2649">
                  <c:v>37.103134701066324</c:v>
                </c:pt>
                <c:pt idx="2650">
                  <c:v>37.054441768836071</c:v>
                </c:pt>
                <c:pt idx="2651">
                  <c:v>36.954844591572012</c:v>
                </c:pt>
                <c:pt idx="2652">
                  <c:v>36.81056470310088</c:v>
                </c:pt>
                <c:pt idx="2653">
                  <c:v>36.601087913467879</c:v>
                </c:pt>
                <c:pt idx="2654">
                  <c:v>36.308536342957495</c:v>
                </c:pt>
                <c:pt idx="2655">
                  <c:v>35.914625875675455</c:v>
                </c:pt>
                <c:pt idx="2656">
                  <c:v>35.449911703572027</c:v>
                </c:pt>
                <c:pt idx="2657">
                  <c:v>34.95136210383496</c:v>
                </c:pt>
                <c:pt idx="2658">
                  <c:v>34.387130817019326</c:v>
                </c:pt>
                <c:pt idx="2659">
                  <c:v>33.791178268911139</c:v>
                </c:pt>
                <c:pt idx="2660">
                  <c:v>#N/A</c:v>
                </c:pt>
                <c:pt idx="2661">
                  <c:v>#N/A</c:v>
                </c:pt>
                <c:pt idx="2662">
                  <c:v>#N/A</c:v>
                </c:pt>
                <c:pt idx="2663">
                  <c:v>#N/A</c:v>
                </c:pt>
                <c:pt idx="2664">
                  <c:v>#N/A</c:v>
                </c:pt>
                <c:pt idx="2665">
                  <c:v>#N/A</c:v>
                </c:pt>
                <c:pt idx="2666">
                  <c:v>#N/A</c:v>
                </c:pt>
                <c:pt idx="2667">
                  <c:v>#N/A</c:v>
                </c:pt>
                <c:pt idx="2668">
                  <c:v>#N/A</c:v>
                </c:pt>
                <c:pt idx="2669">
                  <c:v>#N/A</c:v>
                </c:pt>
                <c:pt idx="2670">
                  <c:v>33.939061883776645</c:v>
                </c:pt>
                <c:pt idx="2671">
                  <c:v>34.073679189724913</c:v>
                </c:pt>
                <c:pt idx="2672">
                  <c:v>33.976866984653697</c:v>
                </c:pt>
                <c:pt idx="2673">
                  <c:v>33.762859443430536</c:v>
                </c:pt>
                <c:pt idx="2674">
                  <c:v>33.440964978130658</c:v>
                </c:pt>
                <c:pt idx="2675">
                  <c:v>#N/A</c:v>
                </c:pt>
                <c:pt idx="2676">
                  <c:v>#N/A</c:v>
                </c:pt>
                <c:pt idx="2677">
                  <c:v>#N/A</c:v>
                </c:pt>
                <c:pt idx="2678">
                  <c:v>#N/A</c:v>
                </c:pt>
                <c:pt idx="2679">
                  <c:v>#N/A</c:v>
                </c:pt>
                <c:pt idx="2680">
                  <c:v>#N/A</c:v>
                </c:pt>
                <c:pt idx="2681">
                  <c:v>#N/A</c:v>
                </c:pt>
                <c:pt idx="2682">
                  <c:v>#N/A</c:v>
                </c:pt>
                <c:pt idx="2683">
                  <c:v>#N/A</c:v>
                </c:pt>
                <c:pt idx="2684">
                  <c:v>#N/A</c:v>
                </c:pt>
                <c:pt idx="2685">
                  <c:v>#N/A</c:v>
                </c:pt>
                <c:pt idx="2686">
                  <c:v>#N/A</c:v>
                </c:pt>
                <c:pt idx="2687">
                  <c:v>#N/A</c:v>
                </c:pt>
                <c:pt idx="2688">
                  <c:v>#N/A</c:v>
                </c:pt>
                <c:pt idx="2689">
                  <c:v>#N/A</c:v>
                </c:pt>
                <c:pt idx="2690">
                  <c:v>#N/A</c:v>
                </c:pt>
                <c:pt idx="2691">
                  <c:v>#N/A</c:v>
                </c:pt>
                <c:pt idx="2692">
                  <c:v>#N/A</c:v>
                </c:pt>
                <c:pt idx="2693">
                  <c:v>33.566929977064333</c:v>
                </c:pt>
                <c:pt idx="2694">
                  <c:v>33.933367892545078</c:v>
                </c:pt>
                <c:pt idx="2695">
                  <c:v>34.250856772257038</c:v>
                </c:pt>
                <c:pt idx="2696">
                  <c:v>34.492141332827899</c:v>
                </c:pt>
                <c:pt idx="2697">
                  <c:v>34.734440748073368</c:v>
                </c:pt>
                <c:pt idx="2698">
                  <c:v>34.950476057910905</c:v>
                </c:pt>
                <c:pt idx="2699">
                  <c:v>35.118698071050908</c:v>
                </c:pt>
                <c:pt idx="2700">
                  <c:v>35.265145590309864</c:v>
                </c:pt>
                <c:pt idx="2701">
                  <c:v>35.419456330570348</c:v>
                </c:pt>
                <c:pt idx="2702">
                  <c:v>35.543352892920787</c:v>
                </c:pt>
                <c:pt idx="2703">
                  <c:v>35.639773871208263</c:v>
                </c:pt>
                <c:pt idx="2704">
                  <c:v>35.714340390211873</c:v>
                </c:pt>
                <c:pt idx="2705">
                  <c:v>35.790957734635214</c:v>
                </c:pt>
                <c:pt idx="2706">
                  <c:v>35.838210011242282</c:v>
                </c:pt>
                <c:pt idx="2707">
                  <c:v>35.803152621492586</c:v>
                </c:pt>
                <c:pt idx="2708">
                  <c:v>35.743068815363756</c:v>
                </c:pt>
                <c:pt idx="2709">
                  <c:v>35.739369860164828</c:v>
                </c:pt>
                <c:pt idx="2710">
                  <c:v>35.768608590762994</c:v>
                </c:pt>
                <c:pt idx="2711">
                  <c:v>35.788750771286743</c:v>
                </c:pt>
                <c:pt idx="2712">
                  <c:v>35.73460255536574</c:v>
                </c:pt>
                <c:pt idx="2713">
                  <c:v>35.67549355356644</c:v>
                </c:pt>
                <c:pt idx="2714">
                  <c:v>35.630667984541418</c:v>
                </c:pt>
                <c:pt idx="2715">
                  <c:v>35.606640715705041</c:v>
                </c:pt>
                <c:pt idx="2716">
                  <c:v>35.592078401384541</c:v>
                </c:pt>
                <c:pt idx="2717">
                  <c:v>35.56757072382765</c:v>
                </c:pt>
                <c:pt idx="2718">
                  <c:v>35.551788651631099</c:v>
                </c:pt>
                <c:pt idx="2719">
                  <c:v>35.554229731692487</c:v>
                </c:pt>
                <c:pt idx="2720">
                  <c:v>35.56029220738975</c:v>
                </c:pt>
                <c:pt idx="2721">
                  <c:v>35.569753788356863</c:v>
                </c:pt>
                <c:pt idx="2722">
                  <c:v>35.609845101763966</c:v>
                </c:pt>
                <c:pt idx="2723">
                  <c:v>35.669794606085105</c:v>
                </c:pt>
                <c:pt idx="2724">
                  <c:v>35.731190446438831</c:v>
                </c:pt>
                <c:pt idx="2725">
                  <c:v>35.806681124270469</c:v>
                </c:pt>
                <c:pt idx="2726">
                  <c:v>35.897439959397957</c:v>
                </c:pt>
                <c:pt idx="2727">
                  <c:v>35.993090286441301</c:v>
                </c:pt>
                <c:pt idx="2728">
                  <c:v>36.12301354305373</c:v>
                </c:pt>
                <c:pt idx="2729">
                  <c:v>36.250769119108945</c:v>
                </c:pt>
                <c:pt idx="2730">
                  <c:v>36.361076923318549</c:v>
                </c:pt>
                <c:pt idx="2731">
                  <c:v>36.451703009846625</c:v>
                </c:pt>
                <c:pt idx="2732">
                  <c:v>36.536127870097054</c:v>
                </c:pt>
                <c:pt idx="2733">
                  <c:v>36.604250592092008</c:v>
                </c:pt>
                <c:pt idx="2734">
                  <c:v>36.664729145004472</c:v>
                </c:pt>
                <c:pt idx="2735">
                  <c:v>36.707375551504953</c:v>
                </c:pt>
                <c:pt idx="2736">
                  <c:v>36.745397534418821</c:v>
                </c:pt>
                <c:pt idx="2737">
                  <c:v>36.777415331806992</c:v>
                </c:pt>
                <c:pt idx="2738">
                  <c:v>36.806948687511301</c:v>
                </c:pt>
                <c:pt idx="2739">
                  <c:v>36.80530727769731</c:v>
                </c:pt>
                <c:pt idx="2740">
                  <c:v>36.813566728437038</c:v>
                </c:pt>
                <c:pt idx="2741">
                  <c:v>36.815604692799383</c:v>
                </c:pt>
                <c:pt idx="2742">
                  <c:v>36.821836629483911</c:v>
                </c:pt>
                <c:pt idx="2743">
                  <c:v>36.826280280663838</c:v>
                </c:pt>
                <c:pt idx="2744">
                  <c:v>36.844338515133472</c:v>
                </c:pt>
                <c:pt idx="2745">
                  <c:v>36.86476527147417</c:v>
                </c:pt>
                <c:pt idx="2746">
                  <c:v>36.904370017882741</c:v>
                </c:pt>
                <c:pt idx="2747">
                  <c:v>36.943915389091259</c:v>
                </c:pt>
                <c:pt idx="2748">
                  <c:v>36.968501234751571</c:v>
                </c:pt>
                <c:pt idx="2749">
                  <c:v>37.001688530604454</c:v>
                </c:pt>
                <c:pt idx="2750">
                  <c:v>37.017297583591343</c:v>
                </c:pt>
                <c:pt idx="2751">
                  <c:v>37.05015853373699</c:v>
                </c:pt>
                <c:pt idx="2752">
                  <c:v>37.100199927514211</c:v>
                </c:pt>
                <c:pt idx="2753">
                  <c:v>37.138773473883973</c:v>
                </c:pt>
                <c:pt idx="2754">
                  <c:v>37.193703843853385</c:v>
                </c:pt>
                <c:pt idx="2755">
                  <c:v>37.221158050222769</c:v>
                </c:pt>
                <c:pt idx="2756">
                  <c:v>37.239656393384045</c:v>
                </c:pt>
                <c:pt idx="2757">
                  <c:v>37.237736729633866</c:v>
                </c:pt>
                <c:pt idx="2758">
                  <c:v>37.211915486923829</c:v>
                </c:pt>
                <c:pt idx="2759">
                  <c:v>37.162943375600818</c:v>
                </c:pt>
                <c:pt idx="2760">
                  <c:v>37.091717571290062</c:v>
                </c:pt>
                <c:pt idx="2761">
                  <c:v>36.999795770247687</c:v>
                </c:pt>
                <c:pt idx="2762">
                  <c:v>36.896288147857589</c:v>
                </c:pt>
                <c:pt idx="2763">
                  <c:v>36.792077188133078</c:v>
                </c:pt>
                <c:pt idx="2764">
                  <c:v>36.703631336836139</c:v>
                </c:pt>
                <c:pt idx="2765">
                  <c:v>36.619578088703527</c:v>
                </c:pt>
                <c:pt idx="2766">
                  <c:v>36.549849588205291</c:v>
                </c:pt>
                <c:pt idx="2767">
                  <c:v>36.493402713200553</c:v>
                </c:pt>
                <c:pt idx="2768">
                  <c:v>36.456137465442211</c:v>
                </c:pt>
                <c:pt idx="2769">
                  <c:v>36.436655194874533</c:v>
                </c:pt>
                <c:pt idx="2770">
                  <c:v>36.421234664104468</c:v>
                </c:pt>
                <c:pt idx="2771">
                  <c:v>36.41554165954166</c:v>
                </c:pt>
                <c:pt idx="2772">
                  <c:v>36.44566937251944</c:v>
                </c:pt>
                <c:pt idx="2773">
                  <c:v>36.514681702643941</c:v>
                </c:pt>
                <c:pt idx="2774">
                  <c:v>36.623630983060522</c:v>
                </c:pt>
                <c:pt idx="2775">
                  <c:v>36.758570094282604</c:v>
                </c:pt>
                <c:pt idx="2776">
                  <c:v>36.921975702674764</c:v>
                </c:pt>
                <c:pt idx="2777">
                  <c:v>37.085115467591642</c:v>
                </c:pt>
                <c:pt idx="2778">
                  <c:v>37.221852730331101</c:v>
                </c:pt>
                <c:pt idx="2779">
                  <c:v>37.345832886368058</c:v>
                </c:pt>
                <c:pt idx="2780">
                  <c:v>37.446668330901232</c:v>
                </c:pt>
                <c:pt idx="2781">
                  <c:v>37.514463874865626</c:v>
                </c:pt>
                <c:pt idx="2782">
                  <c:v>37.572130901272388</c:v>
                </c:pt>
                <c:pt idx="2783">
                  <c:v>37.598815582420798</c:v>
                </c:pt>
                <c:pt idx="2784">
                  <c:v>37.6238455594155</c:v>
                </c:pt>
                <c:pt idx="2785">
                  <c:v>37.610350880731389</c:v>
                </c:pt>
                <c:pt idx="2786">
                  <c:v>37.605018458423061</c:v>
                </c:pt>
                <c:pt idx="2787">
                  <c:v>37.592404481894206</c:v>
                </c:pt>
                <c:pt idx="2788">
                  <c:v>37.571287831163907</c:v>
                </c:pt>
                <c:pt idx="2789">
                  <c:v>37.568709993781042</c:v>
                </c:pt>
                <c:pt idx="2790">
                  <c:v>37.57738154205321</c:v>
                </c:pt>
                <c:pt idx="2791">
                  <c:v>37.542814674464672</c:v>
                </c:pt>
                <c:pt idx="2792">
                  <c:v>37.480923906688162</c:v>
                </c:pt>
                <c:pt idx="2793">
                  <c:v>37.403091568856418</c:v>
                </c:pt>
                <c:pt idx="2794">
                  <c:v>37.300521019974454</c:v>
                </c:pt>
                <c:pt idx="2795">
                  <c:v>37.172226724588853</c:v>
                </c:pt>
                <c:pt idx="2796">
                  <c:v>37.030745245776131</c:v>
                </c:pt>
                <c:pt idx="2797">
                  <c:v>36.868539065885507</c:v>
                </c:pt>
                <c:pt idx="2798">
                  <c:v>36.699760012967786</c:v>
                </c:pt>
                <c:pt idx="2799">
                  <c:v>36.549897834231068</c:v>
                </c:pt>
                <c:pt idx="2800">
                  <c:v>36.390413181623586</c:v>
                </c:pt>
                <c:pt idx="2801">
                  <c:v>36.218729110683995</c:v>
                </c:pt>
                <c:pt idx="2802">
                  <c:v>36.077129268375316</c:v>
                </c:pt>
                <c:pt idx="2803">
                  <c:v>35.946081623644162</c:v>
                </c:pt>
                <c:pt idx="2804">
                  <c:v>35.808363813624069</c:v>
                </c:pt>
                <c:pt idx="2805">
                  <c:v>35.674370478009386</c:v>
                </c:pt>
                <c:pt idx="2806">
                  <c:v>35.562669830371163</c:v>
                </c:pt>
                <c:pt idx="2807">
                  <c:v>35.456186932281071</c:v>
                </c:pt>
                <c:pt idx="2808">
                  <c:v>35.346496489568977</c:v>
                </c:pt>
                <c:pt idx="2809">
                  <c:v>35.236769974286695</c:v>
                </c:pt>
                <c:pt idx="2810">
                  <c:v>35.138981471559703</c:v>
                </c:pt>
                <c:pt idx="2811">
                  <c:v>35.024399288928095</c:v>
                </c:pt>
                <c:pt idx="2812">
                  <c:v>34.921782836396233</c:v>
                </c:pt>
                <c:pt idx="2813">
                  <c:v>34.823260233701077</c:v>
                </c:pt>
                <c:pt idx="2814">
                  <c:v>34.760724040475047</c:v>
                </c:pt>
                <c:pt idx="2815">
                  <c:v>34.756305406143724</c:v>
                </c:pt>
                <c:pt idx="2816">
                  <c:v>34.821334219924594</c:v>
                </c:pt>
                <c:pt idx="2817">
                  <c:v>34.979720375365432</c:v>
                </c:pt>
                <c:pt idx="2818">
                  <c:v>35.219612990514833</c:v>
                </c:pt>
                <c:pt idx="2819">
                  <c:v>35.540511277257615</c:v>
                </c:pt>
                <c:pt idx="2820">
                  <c:v>35.903380098055067</c:v>
                </c:pt>
                <c:pt idx="2821">
                  <c:v>36.259196624456706</c:v>
                </c:pt>
                <c:pt idx="2822">
                  <c:v>36.578384329102533</c:v>
                </c:pt>
                <c:pt idx="2823">
                  <c:v>36.870301201584553</c:v>
                </c:pt>
                <c:pt idx="2824">
                  <c:v>37.145469861404884</c:v>
                </c:pt>
                <c:pt idx="2825">
                  <c:v>37.33542004405075</c:v>
                </c:pt>
                <c:pt idx="2826">
                  <c:v>37.434615809862251</c:v>
                </c:pt>
                <c:pt idx="2827">
                  <c:v>37.481131084468693</c:v>
                </c:pt>
                <c:pt idx="2828">
                  <c:v>37.512048275203725</c:v>
                </c:pt>
                <c:pt idx="2829">
                  <c:v>37.468384474608996</c:v>
                </c:pt>
                <c:pt idx="2830">
                  <c:v>37.46334957368127</c:v>
                </c:pt>
                <c:pt idx="2831">
                  <c:v>37.428853470791992</c:v>
                </c:pt>
                <c:pt idx="2832">
                  <c:v>37.351611174554861</c:v>
                </c:pt>
                <c:pt idx="2833">
                  <c:v>37.323676955162654</c:v>
                </c:pt>
                <c:pt idx="2834">
                  <c:v>37.231820531832064</c:v>
                </c:pt>
                <c:pt idx="2835">
                  <c:v>37.105981447798065</c:v>
                </c:pt>
                <c:pt idx="2836">
                  <c:v>36.963343432408365</c:v>
                </c:pt>
                <c:pt idx="2837">
                  <c:v>36.760583323244809</c:v>
                </c:pt>
                <c:pt idx="2838">
                  <c:v>36.533189831986348</c:v>
                </c:pt>
                <c:pt idx="2839">
                  <c:v>36.27317083940342</c:v>
                </c:pt>
                <c:pt idx="2840">
                  <c:v>36.009382934632789</c:v>
                </c:pt>
                <c:pt idx="2841">
                  <c:v>35.708596109675966</c:v>
                </c:pt>
                <c:pt idx="2842">
                  <c:v>35.358150234055373</c:v>
                </c:pt>
                <c:pt idx="2843">
                  <c:v>35.033223688174488</c:v>
                </c:pt>
                <c:pt idx="2844">
                  <c:v>34.644516924930109</c:v>
                </c:pt>
                <c:pt idx="2845">
                  <c:v>34.261338865323708</c:v>
                </c:pt>
                <c:pt idx="2846">
                  <c:v>33.818607507286444</c:v>
                </c:pt>
                <c:pt idx="2847">
                  <c:v>33.359332800028582</c:v>
                </c:pt>
                <c:pt idx="2848">
                  <c:v>#N/A</c:v>
                </c:pt>
                <c:pt idx="2849">
                  <c:v>#N/A</c:v>
                </c:pt>
                <c:pt idx="2850">
                  <c:v>#N/A</c:v>
                </c:pt>
                <c:pt idx="2851">
                  <c:v>#N/A</c:v>
                </c:pt>
                <c:pt idx="2852">
                  <c:v>#N/A</c:v>
                </c:pt>
                <c:pt idx="2853">
                  <c:v>#N/A</c:v>
                </c:pt>
                <c:pt idx="2854">
                  <c:v>#N/A</c:v>
                </c:pt>
                <c:pt idx="2855">
                  <c:v>#N/A</c:v>
                </c:pt>
                <c:pt idx="2856">
                  <c:v>#N/A</c:v>
                </c:pt>
                <c:pt idx="2857">
                  <c:v>#N/A</c:v>
                </c:pt>
                <c:pt idx="2858">
                  <c:v>#N/A</c:v>
                </c:pt>
                <c:pt idx="2859">
                  <c:v>#N/A</c:v>
                </c:pt>
                <c:pt idx="2860">
                  <c:v>#N/A</c:v>
                </c:pt>
                <c:pt idx="2861">
                  <c:v>#N/A</c:v>
                </c:pt>
                <c:pt idx="2862">
                  <c:v>#N/A</c:v>
                </c:pt>
                <c:pt idx="2863">
                  <c:v>#N/A</c:v>
                </c:pt>
                <c:pt idx="2864">
                  <c:v>#N/A</c:v>
                </c:pt>
                <c:pt idx="2865">
                  <c:v>#N/A</c:v>
                </c:pt>
                <c:pt idx="2866">
                  <c:v>33.27768186478238</c:v>
                </c:pt>
                <c:pt idx="2867">
                  <c:v>34.043768008898411</c:v>
                </c:pt>
                <c:pt idx="2868">
                  <c:v>34.617004440433107</c:v>
                </c:pt>
                <c:pt idx="2869">
                  <c:v>35.049631197154106</c:v>
                </c:pt>
                <c:pt idx="2870">
                  <c:v>35.37307121648756</c:v>
                </c:pt>
                <c:pt idx="2871">
                  <c:v>35.618733879807962</c:v>
                </c:pt>
                <c:pt idx="2872">
                  <c:v>35.74585674048614</c:v>
                </c:pt>
                <c:pt idx="2873">
                  <c:v>35.795356547676988</c:v>
                </c:pt>
                <c:pt idx="2874">
                  <c:v>35.73430440961107</c:v>
                </c:pt>
                <c:pt idx="2875">
                  <c:v>35.569402685531173</c:v>
                </c:pt>
                <c:pt idx="2876">
                  <c:v>35.327217573389063</c:v>
                </c:pt>
                <c:pt idx="2877">
                  <c:v>35.094461418037731</c:v>
                </c:pt>
                <c:pt idx="2878">
                  <c:v>34.831263462947106</c:v>
                </c:pt>
                <c:pt idx="2879">
                  <c:v>34.528637591318756</c:v>
                </c:pt>
                <c:pt idx="2880">
                  <c:v>34.090533100404819</c:v>
                </c:pt>
                <c:pt idx="2881">
                  <c:v>33.541611165817827</c:v>
                </c:pt>
                <c:pt idx="2882">
                  <c:v>33.041848160996878</c:v>
                </c:pt>
                <c:pt idx="2883">
                  <c:v>32.554733529330363</c:v>
                </c:pt>
                <c:pt idx="2884">
                  <c:v>#N/A</c:v>
                </c:pt>
                <c:pt idx="2885">
                  <c:v>#N/A</c:v>
                </c:pt>
                <c:pt idx="2886">
                  <c:v>#N/A</c:v>
                </c:pt>
                <c:pt idx="2887">
                  <c:v>#N/A</c:v>
                </c:pt>
                <c:pt idx="2888">
                  <c:v>#N/A</c:v>
                </c:pt>
                <c:pt idx="2889">
                  <c:v>#N/A</c:v>
                </c:pt>
                <c:pt idx="2890">
                  <c:v>#N/A</c:v>
                </c:pt>
                <c:pt idx="2891">
                  <c:v>#N/A</c:v>
                </c:pt>
                <c:pt idx="2892">
                  <c:v>#N/A</c:v>
                </c:pt>
                <c:pt idx="2893">
                  <c:v>#N/A</c:v>
                </c:pt>
                <c:pt idx="2894">
                  <c:v>#N/A</c:v>
                </c:pt>
                <c:pt idx="2895">
                  <c:v>#N/A</c:v>
                </c:pt>
                <c:pt idx="2896">
                  <c:v>#N/A</c:v>
                </c:pt>
                <c:pt idx="2897">
                  <c:v>#N/A</c:v>
                </c:pt>
                <c:pt idx="2898">
                  <c:v>#N/A</c:v>
                </c:pt>
                <c:pt idx="2899">
                  <c:v>#N/A</c:v>
                </c:pt>
                <c:pt idx="2900">
                  <c:v>#N/A</c:v>
                </c:pt>
                <c:pt idx="2901">
                  <c:v>#N/A</c:v>
                </c:pt>
                <c:pt idx="2902">
                  <c:v>#N/A</c:v>
                </c:pt>
                <c:pt idx="2903">
                  <c:v>#N/A</c:v>
                </c:pt>
                <c:pt idx="2904">
                  <c:v>#N/A</c:v>
                </c:pt>
                <c:pt idx="2905">
                  <c:v>#N/A</c:v>
                </c:pt>
                <c:pt idx="2906">
                  <c:v>#N/A</c:v>
                </c:pt>
                <c:pt idx="2907">
                  <c:v>#N/A</c:v>
                </c:pt>
                <c:pt idx="2908">
                  <c:v>#N/A</c:v>
                </c:pt>
                <c:pt idx="2909">
                  <c:v>#N/A</c:v>
                </c:pt>
                <c:pt idx="2910">
                  <c:v>#N/A</c:v>
                </c:pt>
                <c:pt idx="2911">
                  <c:v>#N/A</c:v>
                </c:pt>
                <c:pt idx="2912">
                  <c:v>#N/A</c:v>
                </c:pt>
                <c:pt idx="2913">
                  <c:v>#N/A</c:v>
                </c:pt>
                <c:pt idx="2914">
                  <c:v>#N/A</c:v>
                </c:pt>
                <c:pt idx="2915">
                  <c:v>#N/A</c:v>
                </c:pt>
                <c:pt idx="2916">
                  <c:v>#N/A</c:v>
                </c:pt>
                <c:pt idx="2917">
                  <c:v>#N/A</c:v>
                </c:pt>
                <c:pt idx="2918">
                  <c:v>#N/A</c:v>
                </c:pt>
                <c:pt idx="2919">
                  <c:v>#N/A</c:v>
                </c:pt>
                <c:pt idx="2920">
                  <c:v>#N/A</c:v>
                </c:pt>
                <c:pt idx="2921">
                  <c:v>#N/A</c:v>
                </c:pt>
                <c:pt idx="2922">
                  <c:v>#N/A</c:v>
                </c:pt>
                <c:pt idx="2923">
                  <c:v>#N/A</c:v>
                </c:pt>
                <c:pt idx="2924">
                  <c:v>#N/A</c:v>
                </c:pt>
                <c:pt idx="2925">
                  <c:v>#N/A</c:v>
                </c:pt>
                <c:pt idx="2926">
                  <c:v>#N/A</c:v>
                </c:pt>
                <c:pt idx="2927">
                  <c:v>#N/A</c:v>
                </c:pt>
                <c:pt idx="2928">
                  <c:v>#N/A</c:v>
                </c:pt>
                <c:pt idx="2929">
                  <c:v>#N/A</c:v>
                </c:pt>
                <c:pt idx="2930">
                  <c:v>#N/A</c:v>
                </c:pt>
                <c:pt idx="2931">
                  <c:v>#N/A</c:v>
                </c:pt>
                <c:pt idx="2932">
                  <c:v>31.926905790738388</c:v>
                </c:pt>
                <c:pt idx="2933">
                  <c:v>32.17680680172559</c:v>
                </c:pt>
                <c:pt idx="2934">
                  <c:v>32.403222332713696</c:v>
                </c:pt>
                <c:pt idx="2935">
                  <c:v>32.650328346180295</c:v>
                </c:pt>
                <c:pt idx="2936">
                  <c:v>32.86438184094871</c:v>
                </c:pt>
                <c:pt idx="2937">
                  <c:v>33.014464250565034</c:v>
                </c:pt>
                <c:pt idx="2938">
                  <c:v>33.159168632407585</c:v>
                </c:pt>
                <c:pt idx="2939">
                  <c:v>33.265076846588677</c:v>
                </c:pt>
                <c:pt idx="2940">
                  <c:v>33.356195259060499</c:v>
                </c:pt>
                <c:pt idx="2941">
                  <c:v>33.348677724618113</c:v>
                </c:pt>
                <c:pt idx="2942">
                  <c:v>33.327496857952511</c:v>
                </c:pt>
                <c:pt idx="2943">
                  <c:v>33.303949555331094</c:v>
                </c:pt>
                <c:pt idx="2944">
                  <c:v>33.251377705501881</c:v>
                </c:pt>
                <c:pt idx="2945">
                  <c:v>33.130096699838873</c:v>
                </c:pt>
                <c:pt idx="2946">
                  <c:v>33.025359731019456</c:v>
                </c:pt>
                <c:pt idx="2947">
                  <c:v>32.856841700221032</c:v>
                </c:pt>
                <c:pt idx="2948">
                  <c:v>32.70606660228205</c:v>
                </c:pt>
                <c:pt idx="2949">
                  <c:v>32.616952135500689</c:v>
                </c:pt>
                <c:pt idx="2950">
                  <c:v>32.497846400783061</c:v>
                </c:pt>
                <c:pt idx="2951">
                  <c:v>32.364806373275691</c:v>
                </c:pt>
                <c:pt idx="2952">
                  <c:v>32.375562742060715</c:v>
                </c:pt>
                <c:pt idx="2953">
                  <c:v>32.410172946656324</c:v>
                </c:pt>
                <c:pt idx="2954">
                  <c:v>32.466552142259587</c:v>
                </c:pt>
                <c:pt idx="2955">
                  <c:v>32.449506763051225</c:v>
                </c:pt>
                <c:pt idx="2956">
                  <c:v>32.33468085169023</c:v>
                </c:pt>
                <c:pt idx="2957">
                  <c:v>32.297151525722668</c:v>
                </c:pt>
                <c:pt idx="2958">
                  <c:v>#N/A</c:v>
                </c:pt>
                <c:pt idx="2959">
                  <c:v>#N/A</c:v>
                </c:pt>
                <c:pt idx="2960">
                  <c:v>#N/A</c:v>
                </c:pt>
                <c:pt idx="2961">
                  <c:v>#N/A</c:v>
                </c:pt>
                <c:pt idx="2962">
                  <c:v>#N/A</c:v>
                </c:pt>
                <c:pt idx="2963">
                  <c:v>#N/A</c:v>
                </c:pt>
                <c:pt idx="2964">
                  <c:v>#N/A</c:v>
                </c:pt>
                <c:pt idx="2965">
                  <c:v>#N/A</c:v>
                </c:pt>
                <c:pt idx="2966">
                  <c:v>#N/A</c:v>
                </c:pt>
                <c:pt idx="2967">
                  <c:v>#N/A</c:v>
                </c:pt>
                <c:pt idx="2968">
                  <c:v>#N/A</c:v>
                </c:pt>
                <c:pt idx="2969">
                  <c:v>#N/A</c:v>
                </c:pt>
                <c:pt idx="2970">
                  <c:v>#N/A</c:v>
                </c:pt>
                <c:pt idx="2971">
                  <c:v>#N/A</c:v>
                </c:pt>
                <c:pt idx="2972">
                  <c:v>#N/A</c:v>
                </c:pt>
                <c:pt idx="2973">
                  <c:v>#N/A</c:v>
                </c:pt>
                <c:pt idx="2974">
                  <c:v>#N/A</c:v>
                </c:pt>
                <c:pt idx="2975">
                  <c:v>#N/A</c:v>
                </c:pt>
                <c:pt idx="2976">
                  <c:v>#N/A</c:v>
                </c:pt>
                <c:pt idx="2977">
                  <c:v>33.129854153096971</c:v>
                </c:pt>
                <c:pt idx="2978">
                  <c:v>33.259898284203956</c:v>
                </c:pt>
                <c:pt idx="2979">
                  <c:v>33.278700783958534</c:v>
                </c:pt>
                <c:pt idx="2980">
                  <c:v>33.167206795467372</c:v>
                </c:pt>
                <c:pt idx="2981">
                  <c:v>32.953005842453067</c:v>
                </c:pt>
                <c:pt idx="2982">
                  <c:v>32.679805280715406</c:v>
                </c:pt>
                <c:pt idx="2983">
                  <c:v>#N/A</c:v>
                </c:pt>
                <c:pt idx="2984">
                  <c:v>#N/A</c:v>
                </c:pt>
                <c:pt idx="2985">
                  <c:v>#N/A</c:v>
                </c:pt>
                <c:pt idx="2986">
                  <c:v>#N/A</c:v>
                </c:pt>
                <c:pt idx="2987">
                  <c:v>#N/A</c:v>
                </c:pt>
                <c:pt idx="2988">
                  <c:v>#N/A</c:v>
                </c:pt>
                <c:pt idx="2989">
                  <c:v>#N/A</c:v>
                </c:pt>
                <c:pt idx="2990">
                  <c:v>#N/A</c:v>
                </c:pt>
                <c:pt idx="2991">
                  <c:v>#N/A</c:v>
                </c:pt>
                <c:pt idx="2992">
                  <c:v>#N/A</c:v>
                </c:pt>
                <c:pt idx="2993">
                  <c:v>#N/A</c:v>
                </c:pt>
                <c:pt idx="2994">
                  <c:v>#N/A</c:v>
                </c:pt>
                <c:pt idx="2995">
                  <c:v>#N/A</c:v>
                </c:pt>
                <c:pt idx="2996">
                  <c:v>#N/A</c:v>
                </c:pt>
                <c:pt idx="2997">
                  <c:v>#N/A</c:v>
                </c:pt>
                <c:pt idx="2998">
                  <c:v>#N/A</c:v>
                </c:pt>
                <c:pt idx="2999">
                  <c:v>#N/A</c:v>
                </c:pt>
                <c:pt idx="3000">
                  <c:v>#N/A</c:v>
                </c:pt>
                <c:pt idx="3001">
                  <c:v>#N/A</c:v>
                </c:pt>
                <c:pt idx="3002">
                  <c:v>#N/A</c:v>
                </c:pt>
                <c:pt idx="3003">
                  <c:v>#N/A</c:v>
                </c:pt>
                <c:pt idx="3004">
                  <c:v>#N/A</c:v>
                </c:pt>
                <c:pt idx="3005">
                  <c:v>#N/A</c:v>
                </c:pt>
                <c:pt idx="3006">
                  <c:v>#N/A</c:v>
                </c:pt>
                <c:pt idx="3007">
                  <c:v>#N/A</c:v>
                </c:pt>
                <c:pt idx="3008">
                  <c:v>#N/A</c:v>
                </c:pt>
                <c:pt idx="3009">
                  <c:v>#N/A</c:v>
                </c:pt>
                <c:pt idx="3010">
                  <c:v>#N/A</c:v>
                </c:pt>
                <c:pt idx="3011">
                  <c:v>#N/A</c:v>
                </c:pt>
                <c:pt idx="3012">
                  <c:v>#N/A</c:v>
                </c:pt>
                <c:pt idx="3013">
                  <c:v>#N/A</c:v>
                </c:pt>
                <c:pt idx="3014">
                  <c:v>#N/A</c:v>
                </c:pt>
                <c:pt idx="3015">
                  <c:v>#N/A</c:v>
                </c:pt>
                <c:pt idx="3016">
                  <c:v>#N/A</c:v>
                </c:pt>
                <c:pt idx="3017">
                  <c:v>#N/A</c:v>
                </c:pt>
                <c:pt idx="3018">
                  <c:v>#N/A</c:v>
                </c:pt>
                <c:pt idx="3019">
                  <c:v>#N/A</c:v>
                </c:pt>
                <c:pt idx="3020">
                  <c:v>#N/A</c:v>
                </c:pt>
                <c:pt idx="3021">
                  <c:v>#N/A</c:v>
                </c:pt>
                <c:pt idx="3022">
                  <c:v>#N/A</c:v>
                </c:pt>
                <c:pt idx="3023">
                  <c:v>#N/A</c:v>
                </c:pt>
                <c:pt idx="3024">
                  <c:v>#N/A</c:v>
                </c:pt>
                <c:pt idx="3025">
                  <c:v>#N/A</c:v>
                </c:pt>
                <c:pt idx="3026">
                  <c:v>#N/A</c:v>
                </c:pt>
                <c:pt idx="3027">
                  <c:v>#N/A</c:v>
                </c:pt>
                <c:pt idx="3028">
                  <c:v>#N/A</c:v>
                </c:pt>
                <c:pt idx="3029">
                  <c:v>#N/A</c:v>
                </c:pt>
                <c:pt idx="3030">
                  <c:v>#N/A</c:v>
                </c:pt>
                <c:pt idx="3031">
                  <c:v>#N/A</c:v>
                </c:pt>
                <c:pt idx="3032">
                  <c:v>#N/A</c:v>
                </c:pt>
                <c:pt idx="3033">
                  <c:v>#N/A</c:v>
                </c:pt>
                <c:pt idx="3034">
                  <c:v>#N/A</c:v>
                </c:pt>
                <c:pt idx="3035">
                  <c:v>#N/A</c:v>
                </c:pt>
                <c:pt idx="3036">
                  <c:v>#N/A</c:v>
                </c:pt>
                <c:pt idx="3037">
                  <c:v>#N/A</c:v>
                </c:pt>
                <c:pt idx="3038">
                  <c:v>#N/A</c:v>
                </c:pt>
                <c:pt idx="3039">
                  <c:v>#N/A</c:v>
                </c:pt>
                <c:pt idx="3040">
                  <c:v>#N/A</c:v>
                </c:pt>
                <c:pt idx="3041">
                  <c:v>#N/A</c:v>
                </c:pt>
                <c:pt idx="3042">
                  <c:v>#N/A</c:v>
                </c:pt>
                <c:pt idx="3043">
                  <c:v>#N/A</c:v>
                </c:pt>
                <c:pt idx="3044">
                  <c:v>#N/A</c:v>
                </c:pt>
                <c:pt idx="3045">
                  <c:v>#N/A</c:v>
                </c:pt>
                <c:pt idx="3046">
                  <c:v>#N/A</c:v>
                </c:pt>
                <c:pt idx="3047">
                  <c:v>#N/A</c:v>
                </c:pt>
                <c:pt idx="3048">
                  <c:v>#N/A</c:v>
                </c:pt>
                <c:pt idx="3049">
                  <c:v>#N/A</c:v>
                </c:pt>
                <c:pt idx="3050">
                  <c:v>#N/A</c:v>
                </c:pt>
                <c:pt idx="3051">
                  <c:v>#N/A</c:v>
                </c:pt>
                <c:pt idx="3052">
                  <c:v>#N/A</c:v>
                </c:pt>
                <c:pt idx="3053">
                  <c:v>#N/A</c:v>
                </c:pt>
                <c:pt idx="3054">
                  <c:v>#N/A</c:v>
                </c:pt>
                <c:pt idx="3055">
                  <c:v>#N/A</c:v>
                </c:pt>
                <c:pt idx="3056">
                  <c:v>#N/A</c:v>
                </c:pt>
                <c:pt idx="3057">
                  <c:v>#N/A</c:v>
                </c:pt>
                <c:pt idx="3058">
                  <c:v>#N/A</c:v>
                </c:pt>
                <c:pt idx="3059">
                  <c:v>#N/A</c:v>
                </c:pt>
                <c:pt idx="3060">
                  <c:v>#N/A</c:v>
                </c:pt>
                <c:pt idx="3061">
                  <c:v>#N/A</c:v>
                </c:pt>
                <c:pt idx="3062">
                  <c:v>31.308515934729286</c:v>
                </c:pt>
                <c:pt idx="3063">
                  <c:v>31.950901581997449</c:v>
                </c:pt>
                <c:pt idx="3064">
                  <c:v>32.535037841831631</c:v>
                </c:pt>
                <c:pt idx="3065">
                  <c:v>32.967936916575006</c:v>
                </c:pt>
                <c:pt idx="3066">
                  <c:v>33.337851026254192</c:v>
                </c:pt>
                <c:pt idx="3067">
                  <c:v>33.460738178303679</c:v>
                </c:pt>
                <c:pt idx="3068">
                  <c:v>33.453428263978324</c:v>
                </c:pt>
                <c:pt idx="3069">
                  <c:v>33.358707039642965</c:v>
                </c:pt>
                <c:pt idx="3070">
                  <c:v>33.180120339409363</c:v>
                </c:pt>
                <c:pt idx="3071">
                  <c:v>32.939823507763293</c:v>
                </c:pt>
                <c:pt idx="3072">
                  <c:v>32.591248431623541</c:v>
                </c:pt>
                <c:pt idx="3073">
                  <c:v>32.270081932581952</c:v>
                </c:pt>
                <c:pt idx="3074">
                  <c:v>31.862031846032693</c:v>
                </c:pt>
                <c:pt idx="3075">
                  <c:v>31.425924036888677</c:v>
                </c:pt>
                <c:pt idx="3076">
                  <c:v>30.944567275525614</c:v>
                </c:pt>
                <c:pt idx="3077">
                  <c:v>#N/A</c:v>
                </c:pt>
                <c:pt idx="3078">
                  <c:v>#N/A</c:v>
                </c:pt>
                <c:pt idx="3079">
                  <c:v>#N/A</c:v>
                </c:pt>
                <c:pt idx="3080">
                  <c:v>#N/A</c:v>
                </c:pt>
                <c:pt idx="3081">
                  <c:v>#N/A</c:v>
                </c:pt>
                <c:pt idx="3082">
                  <c:v>#N/A</c:v>
                </c:pt>
                <c:pt idx="3083">
                  <c:v>#N/A</c:v>
                </c:pt>
                <c:pt idx="3084">
                  <c:v>#N/A</c:v>
                </c:pt>
                <c:pt idx="3085">
                  <c:v>#N/A</c:v>
                </c:pt>
                <c:pt idx="3086">
                  <c:v>#N/A</c:v>
                </c:pt>
                <c:pt idx="3087">
                  <c:v>#N/A</c:v>
                </c:pt>
                <c:pt idx="3088">
                  <c:v>#N/A</c:v>
                </c:pt>
                <c:pt idx="3089">
                  <c:v>#N/A</c:v>
                </c:pt>
                <c:pt idx="3090">
                  <c:v>#N/A</c:v>
                </c:pt>
                <c:pt idx="3091">
                  <c:v>#N/A</c:v>
                </c:pt>
                <c:pt idx="3092">
                  <c:v>#N/A</c:v>
                </c:pt>
                <c:pt idx="3093">
                  <c:v>#N/A</c:v>
                </c:pt>
                <c:pt idx="3094">
                  <c:v>#N/A</c:v>
                </c:pt>
                <c:pt idx="3095">
                  <c:v>#N/A</c:v>
                </c:pt>
                <c:pt idx="3096">
                  <c:v>#N/A</c:v>
                </c:pt>
                <c:pt idx="3097">
                  <c:v>#N/A</c:v>
                </c:pt>
                <c:pt idx="3098">
                  <c:v>#N/A</c:v>
                </c:pt>
                <c:pt idx="3099">
                  <c:v>#N/A</c:v>
                </c:pt>
                <c:pt idx="3100">
                  <c:v>#N/A</c:v>
                </c:pt>
                <c:pt idx="3101">
                  <c:v>#N/A</c:v>
                </c:pt>
                <c:pt idx="3102">
                  <c:v>#N/A</c:v>
                </c:pt>
                <c:pt idx="3103">
                  <c:v>#N/A</c:v>
                </c:pt>
                <c:pt idx="3104">
                  <c:v>#N/A</c:v>
                </c:pt>
                <c:pt idx="3105">
                  <c:v>#N/A</c:v>
                </c:pt>
                <c:pt idx="3106">
                  <c:v>#N/A</c:v>
                </c:pt>
                <c:pt idx="3107">
                  <c:v>#N/A</c:v>
                </c:pt>
                <c:pt idx="3108">
                  <c:v>#N/A</c:v>
                </c:pt>
                <c:pt idx="3109">
                  <c:v>#N/A</c:v>
                </c:pt>
                <c:pt idx="3110">
                  <c:v>#N/A</c:v>
                </c:pt>
                <c:pt idx="3111">
                  <c:v>#N/A</c:v>
                </c:pt>
                <c:pt idx="3112">
                  <c:v>#N/A</c:v>
                </c:pt>
                <c:pt idx="3113">
                  <c:v>#N/A</c:v>
                </c:pt>
                <c:pt idx="3114">
                  <c:v>#N/A</c:v>
                </c:pt>
                <c:pt idx="3115">
                  <c:v>#N/A</c:v>
                </c:pt>
                <c:pt idx="3116">
                  <c:v>31.047867521668351</c:v>
                </c:pt>
                <c:pt idx="3117">
                  <c:v>31.479478766670255</c:v>
                </c:pt>
                <c:pt idx="3118">
                  <c:v>31.763449389147201</c:v>
                </c:pt>
                <c:pt idx="3119">
                  <c:v>31.945398157657774</c:v>
                </c:pt>
                <c:pt idx="3120">
                  <c:v>32.094179922585582</c:v>
                </c:pt>
                <c:pt idx="3121">
                  <c:v>32.101469125855068</c:v>
                </c:pt>
                <c:pt idx="3122">
                  <c:v>32.17807007017668</c:v>
                </c:pt>
                <c:pt idx="3123">
                  <c:v>32.177852339844605</c:v>
                </c:pt>
                <c:pt idx="3124">
                  <c:v>32.25440672931574</c:v>
                </c:pt>
                <c:pt idx="3125">
                  <c:v>32.302091327607485</c:v>
                </c:pt>
                <c:pt idx="3126">
                  <c:v>32.38093096740451</c:v>
                </c:pt>
                <c:pt idx="3127">
                  <c:v>32.446457748347427</c:v>
                </c:pt>
                <c:pt idx="3128">
                  <c:v>32.47538778009978</c:v>
                </c:pt>
                <c:pt idx="3129">
                  <c:v>32.582273099003729</c:v>
                </c:pt>
                <c:pt idx="3130">
                  <c:v>32.70089803437299</c:v>
                </c:pt>
                <c:pt idx="3131">
                  <c:v>32.781258263292266</c:v>
                </c:pt>
                <c:pt idx="3132">
                  <c:v>32.954621761399217</c:v>
                </c:pt>
                <c:pt idx="3133">
                  <c:v>33.050317378171286</c:v>
                </c:pt>
                <c:pt idx="3134">
                  <c:v>33.199755358936301</c:v>
                </c:pt>
                <c:pt idx="3135">
                  <c:v>33.338873843321061</c:v>
                </c:pt>
                <c:pt idx="3136">
                  <c:v>33.46846029788405</c:v>
                </c:pt>
                <c:pt idx="3137">
                  <c:v>33.50723946041559</c:v>
                </c:pt>
                <c:pt idx="3138">
                  <c:v>33.460382136495816</c:v>
                </c:pt>
                <c:pt idx="3139">
                  <c:v>33.406724099411612</c:v>
                </c:pt>
                <c:pt idx="3140">
                  <c:v>33.317745174465195</c:v>
                </c:pt>
                <c:pt idx="3141">
                  <c:v>33.193233917459054</c:v>
                </c:pt>
                <c:pt idx="3142">
                  <c:v>32.998019120771843</c:v>
                </c:pt>
                <c:pt idx="3143">
                  <c:v>32.858923214716846</c:v>
                </c:pt>
                <c:pt idx="3144">
                  <c:v>32.637042534457237</c:v>
                </c:pt>
                <c:pt idx="3145">
                  <c:v>32.401456101010325</c:v>
                </c:pt>
                <c:pt idx="3146">
                  <c:v>32.225948759881675</c:v>
                </c:pt>
                <c:pt idx="3147">
                  <c:v>32.065768352041154</c:v>
                </c:pt>
                <c:pt idx="3148">
                  <c:v>31.901272382106455</c:v>
                </c:pt>
                <c:pt idx="3149">
                  <c:v>31.725073641366638</c:v>
                </c:pt>
                <c:pt idx="3150">
                  <c:v>31.52748260115062</c:v>
                </c:pt>
                <c:pt idx="3151">
                  <c:v>31.40844200445073</c:v>
                </c:pt>
                <c:pt idx="3152">
                  <c:v>31.436162960500674</c:v>
                </c:pt>
                <c:pt idx="3153">
                  <c:v>31.544097283789462</c:v>
                </c:pt>
                <c:pt idx="3154">
                  <c:v>31.656709526543786</c:v>
                </c:pt>
                <c:pt idx="3155">
                  <c:v>31.594119674602098</c:v>
                </c:pt>
                <c:pt idx="3156">
                  <c:v>31.511797683514331</c:v>
                </c:pt>
                <c:pt idx="3157">
                  <c:v>31.707518441371509</c:v>
                </c:pt>
                <c:pt idx="3158">
                  <c:v>31.897667755134485</c:v>
                </c:pt>
                <c:pt idx="3159">
                  <c:v>32.014071909597</c:v>
                </c:pt>
                <c:pt idx="3160">
                  <c:v>32.140831385120158</c:v>
                </c:pt>
                <c:pt idx="3161">
                  <c:v>32.339668062433432</c:v>
                </c:pt>
                <c:pt idx="3162">
                  <c:v>32.517809178878935</c:v>
                </c:pt>
                <c:pt idx="3163">
                  <c:v>32.698877494007682</c:v>
                </c:pt>
                <c:pt idx="3164">
                  <c:v>32.806480750028427</c:v>
                </c:pt>
                <c:pt idx="3165">
                  <c:v>32.884301162137731</c:v>
                </c:pt>
                <c:pt idx="3166">
                  <c:v>32.945280823720239</c:v>
                </c:pt>
                <c:pt idx="3167">
                  <c:v>32.977879984248517</c:v>
                </c:pt>
                <c:pt idx="3168">
                  <c:v>32.949666546903259</c:v>
                </c:pt>
                <c:pt idx="3169">
                  <c:v>32.915461402315671</c:v>
                </c:pt>
                <c:pt idx="3170">
                  <c:v>32.850159969238547</c:v>
                </c:pt>
                <c:pt idx="3171">
                  <c:v>32.775220934155428</c:v>
                </c:pt>
                <c:pt idx="3172">
                  <c:v>32.715057339423161</c:v>
                </c:pt>
                <c:pt idx="3173">
                  <c:v>32.607394638820566</c:v>
                </c:pt>
                <c:pt idx="3174">
                  <c:v>32.48470500351452</c:v>
                </c:pt>
                <c:pt idx="3175">
                  <c:v>32.35786488549212</c:v>
                </c:pt>
                <c:pt idx="3176">
                  <c:v>32.204555430510304</c:v>
                </c:pt>
                <c:pt idx="3177">
                  <c:v>32.015723439988577</c:v>
                </c:pt>
                <c:pt idx="3178">
                  <c:v>31.8521067708147</c:v>
                </c:pt>
                <c:pt idx="3179">
                  <c:v>31.624328557329648</c:v>
                </c:pt>
                <c:pt idx="3180">
                  <c:v>#N/A</c:v>
                </c:pt>
                <c:pt idx="3181">
                  <c:v>#N/A</c:v>
                </c:pt>
                <c:pt idx="3182">
                  <c:v>#N/A</c:v>
                </c:pt>
                <c:pt idx="3183">
                  <c:v>#N/A</c:v>
                </c:pt>
                <c:pt idx="3184">
                  <c:v>#N/A</c:v>
                </c:pt>
                <c:pt idx="3185">
                  <c:v>#N/A</c:v>
                </c:pt>
                <c:pt idx="3186">
                  <c:v>#N/A</c:v>
                </c:pt>
                <c:pt idx="3187">
                  <c:v>#N/A</c:v>
                </c:pt>
                <c:pt idx="3188">
                  <c:v>#N/A</c:v>
                </c:pt>
                <c:pt idx="3189">
                  <c:v>#N/A</c:v>
                </c:pt>
                <c:pt idx="3190">
                  <c:v>#N/A</c:v>
                </c:pt>
                <c:pt idx="3191">
                  <c:v>#N/A</c:v>
                </c:pt>
                <c:pt idx="3192">
                  <c:v>#N/A</c:v>
                </c:pt>
                <c:pt idx="3193">
                  <c:v>#N/A</c:v>
                </c:pt>
                <c:pt idx="3194">
                  <c:v>#N/A</c:v>
                </c:pt>
                <c:pt idx="3195">
                  <c:v>#N/A</c:v>
                </c:pt>
                <c:pt idx="3196">
                  <c:v>#N/A</c:v>
                </c:pt>
                <c:pt idx="3197">
                  <c:v>31.898512109373911</c:v>
                </c:pt>
                <c:pt idx="3198">
                  <c:v>32.110267363381162</c:v>
                </c:pt>
                <c:pt idx="3199">
                  <c:v>32.263586668712009</c:v>
                </c:pt>
                <c:pt idx="3200">
                  <c:v>32.318547730104235</c:v>
                </c:pt>
                <c:pt idx="3201">
                  <c:v>32.436192945445946</c:v>
                </c:pt>
                <c:pt idx="3202">
                  <c:v>32.544889496551647</c:v>
                </c:pt>
                <c:pt idx="3203">
                  <c:v>32.462542317967696</c:v>
                </c:pt>
                <c:pt idx="3204">
                  <c:v>32.237531659789887</c:v>
                </c:pt>
                <c:pt idx="3205">
                  <c:v>32.0034080171799</c:v>
                </c:pt>
                <c:pt idx="3206">
                  <c:v>31.693821155617609</c:v>
                </c:pt>
                <c:pt idx="3207">
                  <c:v>31.344351062307283</c:v>
                </c:pt>
                <c:pt idx="3208">
                  <c:v>31.042730339789181</c:v>
                </c:pt>
                <c:pt idx="3209">
                  <c:v>30.780682087206465</c:v>
                </c:pt>
                <c:pt idx="3210">
                  <c:v>#N/A</c:v>
                </c:pt>
                <c:pt idx="3211">
                  <c:v>#N/A</c:v>
                </c:pt>
                <c:pt idx="3212">
                  <c:v>#N/A</c:v>
                </c:pt>
                <c:pt idx="3213">
                  <c:v>#N/A</c:v>
                </c:pt>
                <c:pt idx="3214">
                  <c:v>#N/A</c:v>
                </c:pt>
                <c:pt idx="3215">
                  <c:v>#N/A</c:v>
                </c:pt>
                <c:pt idx="3216">
                  <c:v>#N/A</c:v>
                </c:pt>
                <c:pt idx="3217">
                  <c:v>#N/A</c:v>
                </c:pt>
                <c:pt idx="3218">
                  <c:v>#N/A</c:v>
                </c:pt>
                <c:pt idx="3219">
                  <c:v>#N/A</c:v>
                </c:pt>
                <c:pt idx="3220">
                  <c:v>#N/A</c:v>
                </c:pt>
                <c:pt idx="3221">
                  <c:v>#N/A</c:v>
                </c:pt>
                <c:pt idx="3222">
                  <c:v>#N/A</c:v>
                </c:pt>
                <c:pt idx="3223">
                  <c:v>#N/A</c:v>
                </c:pt>
                <c:pt idx="3224">
                  <c:v>#N/A</c:v>
                </c:pt>
                <c:pt idx="3225">
                  <c:v>#N/A</c:v>
                </c:pt>
                <c:pt idx="3226">
                  <c:v>#N/A</c:v>
                </c:pt>
                <c:pt idx="3227">
                  <c:v>#N/A</c:v>
                </c:pt>
                <c:pt idx="3228">
                  <c:v>#N/A</c:v>
                </c:pt>
                <c:pt idx="3229">
                  <c:v>#N/A</c:v>
                </c:pt>
                <c:pt idx="3230">
                  <c:v>#N/A</c:v>
                </c:pt>
                <c:pt idx="3231">
                  <c:v>#N/A</c:v>
                </c:pt>
                <c:pt idx="3232">
                  <c:v>#N/A</c:v>
                </c:pt>
                <c:pt idx="3233">
                  <c:v>#N/A</c:v>
                </c:pt>
                <c:pt idx="3234">
                  <c:v>#N/A</c:v>
                </c:pt>
                <c:pt idx="3235">
                  <c:v>#N/A</c:v>
                </c:pt>
                <c:pt idx="3236">
                  <c:v>#N/A</c:v>
                </c:pt>
                <c:pt idx="3237">
                  <c:v>#N/A</c:v>
                </c:pt>
                <c:pt idx="3238">
                  <c:v>#N/A</c:v>
                </c:pt>
                <c:pt idx="3239">
                  <c:v>#N/A</c:v>
                </c:pt>
                <c:pt idx="3240">
                  <c:v>30.650987499990869</c:v>
                </c:pt>
                <c:pt idx="3241">
                  <c:v>30.914446496292008</c:v>
                </c:pt>
                <c:pt idx="3242">
                  <c:v>31.097268154291747</c:v>
                </c:pt>
                <c:pt idx="3243">
                  <c:v>31.296005947864753</c:v>
                </c:pt>
                <c:pt idx="3244">
                  <c:v>31.48435809561937</c:v>
                </c:pt>
                <c:pt idx="3245">
                  <c:v>31.516362008881007</c:v>
                </c:pt>
                <c:pt idx="3246">
                  <c:v>31.536304934342887</c:v>
                </c:pt>
                <c:pt idx="3247">
                  <c:v>31.491563756251757</c:v>
                </c:pt>
                <c:pt idx="3248">
                  <c:v>31.486901248237416</c:v>
                </c:pt>
                <c:pt idx="3249">
                  <c:v>31.504431397058148</c:v>
                </c:pt>
                <c:pt idx="3250">
                  <c:v>31.493460398159861</c:v>
                </c:pt>
                <c:pt idx="3251">
                  <c:v>31.560664321364364</c:v>
                </c:pt>
                <c:pt idx="3252">
                  <c:v>31.589983724458708</c:v>
                </c:pt>
                <c:pt idx="3253">
                  <c:v>31.638564530380286</c:v>
                </c:pt>
                <c:pt idx="3254">
                  <c:v>31.672382306464847</c:v>
                </c:pt>
                <c:pt idx="3255">
                  <c:v>31.637455636610181</c:v>
                </c:pt>
                <c:pt idx="3256">
                  <c:v>31.528975348884082</c:v>
                </c:pt>
                <c:pt idx="3257">
                  <c:v>31.437834057255422</c:v>
                </c:pt>
                <c:pt idx="3258">
                  <c:v>31.32744184382204</c:v>
                </c:pt>
                <c:pt idx="3259">
                  <c:v>#N/A</c:v>
                </c:pt>
                <c:pt idx="3260">
                  <c:v>#N/A</c:v>
                </c:pt>
                <c:pt idx="3261">
                  <c:v>#N/A</c:v>
                </c:pt>
                <c:pt idx="3262">
                  <c:v>#N/A</c:v>
                </c:pt>
                <c:pt idx="3263">
                  <c:v>31.638309223679599</c:v>
                </c:pt>
                <c:pt idx="3264">
                  <c:v>32.020954763705888</c:v>
                </c:pt>
                <c:pt idx="3265">
                  <c:v>32.497413230406138</c:v>
                </c:pt>
                <c:pt idx="3266">
                  <c:v>32.97841884591611</c:v>
                </c:pt>
                <c:pt idx="3267">
                  <c:v>33.444625312458484</c:v>
                </c:pt>
                <c:pt idx="3268">
                  <c:v>33.822694533583508</c:v>
                </c:pt>
                <c:pt idx="3269">
                  <c:v>34.162856523786722</c:v>
                </c:pt>
                <c:pt idx="3270">
                  <c:v>34.45312814489651</c:v>
                </c:pt>
                <c:pt idx="3271">
                  <c:v>34.723497798525699</c:v>
                </c:pt>
                <c:pt idx="3272">
                  <c:v>35.010303232678524</c:v>
                </c:pt>
                <c:pt idx="3273">
                  <c:v>35.243427310842939</c:v>
                </c:pt>
                <c:pt idx="3274">
                  <c:v>35.503135271557738</c:v>
                </c:pt>
                <c:pt idx="3275">
                  <c:v>35.707162595537298</c:v>
                </c:pt>
                <c:pt idx="3276">
                  <c:v>35.969983883137388</c:v>
                </c:pt>
                <c:pt idx="3277">
                  <c:v>36.266717569643873</c:v>
                </c:pt>
                <c:pt idx="3278">
                  <c:v>36.514346042918319</c:v>
                </c:pt>
                <c:pt idx="3279">
                  <c:v>36.732656152963543</c:v>
                </c:pt>
                <c:pt idx="3280">
                  <c:v>36.903797499440593</c:v>
                </c:pt>
                <c:pt idx="3281">
                  <c:v>37.009762410493117</c:v>
                </c:pt>
                <c:pt idx="3282">
                  <c:v>37.141628954854099</c:v>
                </c:pt>
                <c:pt idx="3283">
                  <c:v>37.255727030431402</c:v>
                </c:pt>
                <c:pt idx="3284">
                  <c:v>37.355526592113506</c:v>
                </c:pt>
                <c:pt idx="3285">
                  <c:v>37.361875361242753</c:v>
                </c:pt>
                <c:pt idx="3286">
                  <c:v>37.351558091333246</c:v>
                </c:pt>
                <c:pt idx="3287">
                  <c:v>37.418750084820971</c:v>
                </c:pt>
                <c:pt idx="3288">
                  <c:v>37.455050117143607</c:v>
                </c:pt>
                <c:pt idx="3289">
                  <c:v>37.479181834138785</c:v>
                </c:pt>
                <c:pt idx="3290">
                  <c:v>37.501267664523439</c:v>
                </c:pt>
                <c:pt idx="3291">
                  <c:v>37.517873174150814</c:v>
                </c:pt>
                <c:pt idx="3292">
                  <c:v>37.542059408965599</c:v>
                </c:pt>
                <c:pt idx="3293">
                  <c:v>37.531218773282959</c:v>
                </c:pt>
                <c:pt idx="3294">
                  <c:v>37.518841071203994</c:v>
                </c:pt>
                <c:pt idx="3295">
                  <c:v>37.423491955385231</c:v>
                </c:pt>
                <c:pt idx="3296">
                  <c:v>37.324610660721802</c:v>
                </c:pt>
                <c:pt idx="3297">
                  <c:v>37.17170390798951</c:v>
                </c:pt>
                <c:pt idx="3298">
                  <c:v>36.965251656504407</c:v>
                </c:pt>
                <c:pt idx="3299">
                  <c:v>36.813603816802257</c:v>
                </c:pt>
                <c:pt idx="3300">
                  <c:v>36.605346505240298</c:v>
                </c:pt>
                <c:pt idx="3301">
                  <c:v>36.523048719840205</c:v>
                </c:pt>
                <c:pt idx="3302">
                  <c:v>36.469021992797288</c:v>
                </c:pt>
                <c:pt idx="3303">
                  <c:v>36.303571744927169</c:v>
                </c:pt>
                <c:pt idx="3304">
                  <c:v>36.07507495417245</c:v>
                </c:pt>
                <c:pt idx="3305">
                  <c:v>36.020071134039377</c:v>
                </c:pt>
                <c:pt idx="3306">
                  <c:v>36.005809132845826</c:v>
                </c:pt>
                <c:pt idx="3307">
                  <c:v>35.948244991418164</c:v>
                </c:pt>
                <c:pt idx="3308">
                  <c:v>35.868681042681125</c:v>
                </c:pt>
                <c:pt idx="3309">
                  <c:v>35.78433340761876</c:v>
                </c:pt>
                <c:pt idx="3310">
                  <c:v>35.687728493137016</c:v>
                </c:pt>
                <c:pt idx="3311">
                  <c:v>35.628953157039632</c:v>
                </c:pt>
                <c:pt idx="3312">
                  <c:v>35.565034211403812</c:v>
                </c:pt>
                <c:pt idx="3313">
                  <c:v>35.550145688884193</c:v>
                </c:pt>
                <c:pt idx="3314">
                  <c:v>35.566414671586877</c:v>
                </c:pt>
                <c:pt idx="3315">
                  <c:v>35.497825717793191</c:v>
                </c:pt>
                <c:pt idx="3316">
                  <c:v>35.517352469618444</c:v>
                </c:pt>
                <c:pt idx="3317">
                  <c:v>35.466456416219955</c:v>
                </c:pt>
                <c:pt idx="3318">
                  <c:v>35.372325793662924</c:v>
                </c:pt>
                <c:pt idx="3319">
                  <c:v>35.240273982073674</c:v>
                </c:pt>
                <c:pt idx="3320">
                  <c:v>35.142441106987967</c:v>
                </c:pt>
                <c:pt idx="3321">
                  <c:v>35.026906768417206</c:v>
                </c:pt>
                <c:pt idx="3322">
                  <c:v>34.86382249407756</c:v>
                </c:pt>
                <c:pt idx="3323">
                  <c:v>34.70018018827782</c:v>
                </c:pt>
                <c:pt idx="3324">
                  <c:v>34.525803557944187</c:v>
                </c:pt>
                <c:pt idx="3325">
                  <c:v>34.395118644187633</c:v>
                </c:pt>
                <c:pt idx="3326">
                  <c:v>34.285642181104109</c:v>
                </c:pt>
                <c:pt idx="3327">
                  <c:v>34.112615975455014</c:v>
                </c:pt>
                <c:pt idx="3328">
                  <c:v>33.978325477799231</c:v>
                </c:pt>
                <c:pt idx="3329">
                  <c:v>33.774840267254632</c:v>
                </c:pt>
                <c:pt idx="3330">
                  <c:v>33.46340769351017</c:v>
                </c:pt>
                <c:pt idx="3331">
                  <c:v>33.126493282406543</c:v>
                </c:pt>
                <c:pt idx="3332">
                  <c:v>32.77379480705109</c:v>
                </c:pt>
                <c:pt idx="3333">
                  <c:v>32.42026044781467</c:v>
                </c:pt>
                <c:pt idx="3334">
                  <c:v>32.133156546277604</c:v>
                </c:pt>
                <c:pt idx="3335">
                  <c:v>31.788383501726706</c:v>
                </c:pt>
                <c:pt idx="3336">
                  <c:v>31.470896757973911</c:v>
                </c:pt>
                <c:pt idx="3337">
                  <c:v>#N/A</c:v>
                </c:pt>
                <c:pt idx="3338">
                  <c:v>#N/A</c:v>
                </c:pt>
                <c:pt idx="3339">
                  <c:v>#N/A</c:v>
                </c:pt>
                <c:pt idx="3340">
                  <c:v>#N/A</c:v>
                </c:pt>
                <c:pt idx="3341">
                  <c:v>#N/A</c:v>
                </c:pt>
                <c:pt idx="3342">
                  <c:v>#N/A</c:v>
                </c:pt>
                <c:pt idx="3343">
                  <c:v>#N/A</c:v>
                </c:pt>
                <c:pt idx="3344">
                  <c:v>#N/A</c:v>
                </c:pt>
                <c:pt idx="3345">
                  <c:v>#N/A</c:v>
                </c:pt>
                <c:pt idx="3346">
                  <c:v>#N/A</c:v>
                </c:pt>
                <c:pt idx="3347">
                  <c:v>#N/A</c:v>
                </c:pt>
                <c:pt idx="3348">
                  <c:v>#N/A</c:v>
                </c:pt>
                <c:pt idx="3349">
                  <c:v>#N/A</c:v>
                </c:pt>
                <c:pt idx="3350">
                  <c:v>32.596242712654721</c:v>
                </c:pt>
                <c:pt idx="3351">
                  <c:v>33.231073411358608</c:v>
                </c:pt>
                <c:pt idx="3352">
                  <c:v>33.765074071648506</c:v>
                </c:pt>
                <c:pt idx="3353">
                  <c:v>34.197116903681064</c:v>
                </c:pt>
                <c:pt idx="3354">
                  <c:v>34.401309307390889</c:v>
                </c:pt>
                <c:pt idx="3355">
                  <c:v>34.41351367063848</c:v>
                </c:pt>
                <c:pt idx="3356">
                  <c:v>34.486998406124371</c:v>
                </c:pt>
                <c:pt idx="3357">
                  <c:v>34.498137558429491</c:v>
                </c:pt>
                <c:pt idx="3358">
                  <c:v>34.491483145164878</c:v>
                </c:pt>
                <c:pt idx="3359">
                  <c:v>34.481186408272166</c:v>
                </c:pt>
                <c:pt idx="3360">
                  <c:v>34.426743792544791</c:v>
                </c:pt>
                <c:pt idx="3361">
                  <c:v>34.367004449244774</c:v>
                </c:pt>
                <c:pt idx="3362">
                  <c:v>34.313149840229975</c:v>
                </c:pt>
                <c:pt idx="3363">
                  <c:v>34.230532833624466</c:v>
                </c:pt>
                <c:pt idx="3364">
                  <c:v>34.152210910441781</c:v>
                </c:pt>
                <c:pt idx="3365">
                  <c:v>34.036963053682413</c:v>
                </c:pt>
                <c:pt idx="3366">
                  <c:v>33.87102223226465</c:v>
                </c:pt>
                <c:pt idx="3367">
                  <c:v>33.668195859547488</c:v>
                </c:pt>
                <c:pt idx="3368">
                  <c:v>33.457011611701184</c:v>
                </c:pt>
                <c:pt idx="3369">
                  <c:v>33.281318635064473</c:v>
                </c:pt>
                <c:pt idx="3370">
                  <c:v>33.164983369683767</c:v>
                </c:pt>
                <c:pt idx="3371">
                  <c:v>33.112598512275895</c:v>
                </c:pt>
                <c:pt idx="3372">
                  <c:v>33.113012864319764</c:v>
                </c:pt>
                <c:pt idx="3373">
                  <c:v>33.046775985538801</c:v>
                </c:pt>
                <c:pt idx="3374">
                  <c:v>32.965272819814892</c:v>
                </c:pt>
                <c:pt idx="3375">
                  <c:v>32.845166472732217</c:v>
                </c:pt>
                <c:pt idx="3376">
                  <c:v>32.755858820083517</c:v>
                </c:pt>
                <c:pt idx="3377">
                  <c:v>32.70378350422498</c:v>
                </c:pt>
                <c:pt idx="3378">
                  <c:v>32.698351668465477</c:v>
                </c:pt>
                <c:pt idx="3379">
                  <c:v>32.748370109609915</c:v>
                </c:pt>
                <c:pt idx="3380">
                  <c:v>32.752403642578024</c:v>
                </c:pt>
                <c:pt idx="3381">
                  <c:v>32.682957712514224</c:v>
                </c:pt>
                <c:pt idx="3382">
                  <c:v>32.531990134494968</c:v>
                </c:pt>
                <c:pt idx="3383">
                  <c:v>32.326524703052414</c:v>
                </c:pt>
                <c:pt idx="3384">
                  <c:v>#N/A</c:v>
                </c:pt>
                <c:pt idx="3385">
                  <c:v>#N/A</c:v>
                </c:pt>
                <c:pt idx="3386">
                  <c:v>#N/A</c:v>
                </c:pt>
                <c:pt idx="3387">
                  <c:v>#N/A</c:v>
                </c:pt>
                <c:pt idx="3388">
                  <c:v>#N/A</c:v>
                </c:pt>
                <c:pt idx="3389">
                  <c:v>#N/A</c:v>
                </c:pt>
                <c:pt idx="3390">
                  <c:v>#N/A</c:v>
                </c:pt>
                <c:pt idx="3391">
                  <c:v>#N/A</c:v>
                </c:pt>
                <c:pt idx="3392">
                  <c:v>#N/A</c:v>
                </c:pt>
                <c:pt idx="3393">
                  <c:v>#N/A</c:v>
                </c:pt>
                <c:pt idx="3394">
                  <c:v>#N/A</c:v>
                </c:pt>
                <c:pt idx="3395">
                  <c:v>#N/A</c:v>
                </c:pt>
                <c:pt idx="3396">
                  <c:v>#N/A</c:v>
                </c:pt>
                <c:pt idx="3397">
                  <c:v>#N/A</c:v>
                </c:pt>
                <c:pt idx="3398">
                  <c:v>#N/A</c:v>
                </c:pt>
                <c:pt idx="3399">
                  <c:v>#N/A</c:v>
                </c:pt>
                <c:pt idx="3400">
                  <c:v>#N/A</c:v>
                </c:pt>
                <c:pt idx="3401">
                  <c:v>#N/A</c:v>
                </c:pt>
                <c:pt idx="3402">
                  <c:v>#N/A</c:v>
                </c:pt>
                <c:pt idx="3403">
                  <c:v>#N/A</c:v>
                </c:pt>
                <c:pt idx="3404">
                  <c:v>#N/A</c:v>
                </c:pt>
                <c:pt idx="3405">
                  <c:v>#N/A</c:v>
                </c:pt>
                <c:pt idx="3406">
                  <c:v>#N/A</c:v>
                </c:pt>
                <c:pt idx="3407">
                  <c:v>#N/A</c:v>
                </c:pt>
                <c:pt idx="3408">
                  <c:v>#N/A</c:v>
                </c:pt>
                <c:pt idx="3409">
                  <c:v>#N/A</c:v>
                </c:pt>
                <c:pt idx="3410">
                  <c:v>#N/A</c:v>
                </c:pt>
                <c:pt idx="3411">
                  <c:v>#N/A</c:v>
                </c:pt>
                <c:pt idx="3412">
                  <c:v>#N/A</c:v>
                </c:pt>
                <c:pt idx="3413">
                  <c:v>#N/A</c:v>
                </c:pt>
                <c:pt idx="3414">
                  <c:v>#N/A</c:v>
                </c:pt>
                <c:pt idx="3415">
                  <c:v>#N/A</c:v>
                </c:pt>
                <c:pt idx="3416">
                  <c:v>#N/A</c:v>
                </c:pt>
                <c:pt idx="3417">
                  <c:v>#N/A</c:v>
                </c:pt>
                <c:pt idx="3418">
                  <c:v>#N/A</c:v>
                </c:pt>
                <c:pt idx="3419">
                  <c:v>#N/A</c:v>
                </c:pt>
                <c:pt idx="3420">
                  <c:v>#N/A</c:v>
                </c:pt>
                <c:pt idx="3421">
                  <c:v>#N/A</c:v>
                </c:pt>
                <c:pt idx="3422">
                  <c:v>#N/A</c:v>
                </c:pt>
                <c:pt idx="3423">
                  <c:v>#N/A</c:v>
                </c:pt>
                <c:pt idx="3424">
                  <c:v>#N/A</c:v>
                </c:pt>
                <c:pt idx="3425">
                  <c:v>#N/A</c:v>
                </c:pt>
                <c:pt idx="3426">
                  <c:v>#N/A</c:v>
                </c:pt>
                <c:pt idx="3427">
                  <c:v>#N/A</c:v>
                </c:pt>
                <c:pt idx="3428">
                  <c:v>#N/A</c:v>
                </c:pt>
                <c:pt idx="3429">
                  <c:v>#N/A</c:v>
                </c:pt>
                <c:pt idx="3430">
                  <c:v>#N/A</c:v>
                </c:pt>
                <c:pt idx="3431">
                  <c:v>#N/A</c:v>
                </c:pt>
                <c:pt idx="3432">
                  <c:v>#N/A</c:v>
                </c:pt>
                <c:pt idx="3433">
                  <c:v>#N/A</c:v>
                </c:pt>
                <c:pt idx="3434">
                  <c:v>#N/A</c:v>
                </c:pt>
                <c:pt idx="3435">
                  <c:v>#N/A</c:v>
                </c:pt>
                <c:pt idx="3436">
                  <c:v>#N/A</c:v>
                </c:pt>
                <c:pt idx="3437">
                  <c:v>#N/A</c:v>
                </c:pt>
                <c:pt idx="3438">
                  <c:v>#N/A</c:v>
                </c:pt>
                <c:pt idx="3439">
                  <c:v>#N/A</c:v>
                </c:pt>
                <c:pt idx="3440">
                  <c:v>#N/A</c:v>
                </c:pt>
                <c:pt idx="3441">
                  <c:v>#N/A</c:v>
                </c:pt>
                <c:pt idx="3442">
                  <c:v>#N/A</c:v>
                </c:pt>
                <c:pt idx="3443">
                  <c:v>#N/A</c:v>
                </c:pt>
                <c:pt idx="3444">
                  <c:v>#N/A</c:v>
                </c:pt>
                <c:pt idx="3445">
                  <c:v>32.493298742075709</c:v>
                </c:pt>
                <c:pt idx="3446">
                  <c:v>32.790765692051771</c:v>
                </c:pt>
                <c:pt idx="3447">
                  <c:v>32.826415830399533</c:v>
                </c:pt>
                <c:pt idx="3448">
                  <c:v>32.852524171475899</c:v>
                </c:pt>
                <c:pt idx="3449">
                  <c:v>32.857724203426031</c:v>
                </c:pt>
                <c:pt idx="3450">
                  <c:v>32.815770196777486</c:v>
                </c:pt>
                <c:pt idx="3451">
                  <c:v>32.745073919716916</c:v>
                </c:pt>
                <c:pt idx="3452">
                  <c:v>32.623512702933219</c:v>
                </c:pt>
                <c:pt idx="3453">
                  <c:v>32.476130542995513</c:v>
                </c:pt>
                <c:pt idx="3454">
                  <c:v>32.254348066440357</c:v>
                </c:pt>
                <c:pt idx="3455">
                  <c:v>31.933292666895007</c:v>
                </c:pt>
                <c:pt idx="3456">
                  <c:v>31.615880383046743</c:v>
                </c:pt>
                <c:pt idx="3457">
                  <c:v>31.39958042550624</c:v>
                </c:pt>
                <c:pt idx="3458">
                  <c:v>#N/A</c:v>
                </c:pt>
                <c:pt idx="3459">
                  <c:v>#N/A</c:v>
                </c:pt>
                <c:pt idx="3460">
                  <c:v>#N/A</c:v>
                </c:pt>
                <c:pt idx="3461">
                  <c:v>#N/A</c:v>
                </c:pt>
                <c:pt idx="3462">
                  <c:v>#N/A</c:v>
                </c:pt>
                <c:pt idx="3463">
                  <c:v>#N/A</c:v>
                </c:pt>
                <c:pt idx="3464">
                  <c:v>#N/A</c:v>
                </c:pt>
                <c:pt idx="3465">
                  <c:v>#N/A</c:v>
                </c:pt>
                <c:pt idx="3466">
                  <c:v>#N/A</c:v>
                </c:pt>
                <c:pt idx="3467">
                  <c:v>#N/A</c:v>
                </c:pt>
                <c:pt idx="3468">
                  <c:v>#N/A</c:v>
                </c:pt>
                <c:pt idx="3469">
                  <c:v>#N/A</c:v>
                </c:pt>
                <c:pt idx="3470">
                  <c:v>#N/A</c:v>
                </c:pt>
                <c:pt idx="3471">
                  <c:v>#N/A</c:v>
                </c:pt>
                <c:pt idx="3472">
                  <c:v>#N/A</c:v>
                </c:pt>
                <c:pt idx="3473">
                  <c:v>#N/A</c:v>
                </c:pt>
                <c:pt idx="3474">
                  <c:v>#N/A</c:v>
                </c:pt>
                <c:pt idx="3475">
                  <c:v>#N/A</c:v>
                </c:pt>
                <c:pt idx="3476">
                  <c:v>#N/A</c:v>
                </c:pt>
                <c:pt idx="3477">
                  <c:v>#N/A</c:v>
                </c:pt>
                <c:pt idx="3478">
                  <c:v>#N/A</c:v>
                </c:pt>
                <c:pt idx="3479">
                  <c:v>#N/A</c:v>
                </c:pt>
                <c:pt idx="3480">
                  <c:v>#N/A</c:v>
                </c:pt>
                <c:pt idx="3481">
                  <c:v>#N/A</c:v>
                </c:pt>
                <c:pt idx="3482">
                  <c:v>#N/A</c:v>
                </c:pt>
                <c:pt idx="3483">
                  <c:v>#N/A</c:v>
                </c:pt>
                <c:pt idx="3484">
                  <c:v>#N/A</c:v>
                </c:pt>
                <c:pt idx="3485">
                  <c:v>#N/A</c:v>
                </c:pt>
                <c:pt idx="3486">
                  <c:v>#N/A</c:v>
                </c:pt>
                <c:pt idx="3487">
                  <c:v>#N/A</c:v>
                </c:pt>
                <c:pt idx="3488">
                  <c:v>#N/A</c:v>
                </c:pt>
                <c:pt idx="3489">
                  <c:v>#N/A</c:v>
                </c:pt>
                <c:pt idx="3490">
                  <c:v>#N/A</c:v>
                </c:pt>
                <c:pt idx="3491">
                  <c:v>#N/A</c:v>
                </c:pt>
                <c:pt idx="3492">
                  <c:v>#N/A</c:v>
                </c:pt>
                <c:pt idx="3493">
                  <c:v>#N/A</c:v>
                </c:pt>
                <c:pt idx="3494">
                  <c:v>#N/A</c:v>
                </c:pt>
                <c:pt idx="3495">
                  <c:v>#N/A</c:v>
                </c:pt>
                <c:pt idx="3496">
                  <c:v>#N/A</c:v>
                </c:pt>
                <c:pt idx="3497">
                  <c:v>#N/A</c:v>
                </c:pt>
                <c:pt idx="3498">
                  <c:v>#N/A</c:v>
                </c:pt>
                <c:pt idx="3499">
                  <c:v>#N/A</c:v>
                </c:pt>
                <c:pt idx="3500">
                  <c:v>#N/A</c:v>
                </c:pt>
                <c:pt idx="3501">
                  <c:v>#N/A</c:v>
                </c:pt>
                <c:pt idx="3502">
                  <c:v>#N/A</c:v>
                </c:pt>
                <c:pt idx="3503">
                  <c:v>#N/A</c:v>
                </c:pt>
                <c:pt idx="3504">
                  <c:v>#N/A</c:v>
                </c:pt>
                <c:pt idx="3505">
                  <c:v>#N/A</c:v>
                </c:pt>
                <c:pt idx="3506">
                  <c:v>#N/A</c:v>
                </c:pt>
                <c:pt idx="3507">
                  <c:v>32.199580824892259</c:v>
                </c:pt>
                <c:pt idx="3508">
                  <c:v>32.233696029561663</c:v>
                </c:pt>
                <c:pt idx="3509">
                  <c:v>32.186247701432961</c:v>
                </c:pt>
                <c:pt idx="3510">
                  <c:v>32.188513187322876</c:v>
                </c:pt>
                <c:pt idx="3511">
                  <c:v>32.152220972281725</c:v>
                </c:pt>
                <c:pt idx="3512">
                  <c:v>32.148303319040231</c:v>
                </c:pt>
                <c:pt idx="3513">
                  <c:v>32.105542443266096</c:v>
                </c:pt>
                <c:pt idx="3514">
                  <c:v>32.127497624778819</c:v>
                </c:pt>
                <c:pt idx="3515">
                  <c:v>32.151857868447927</c:v>
                </c:pt>
                <c:pt idx="3516">
                  <c:v>32.210861890893604</c:v>
                </c:pt>
                <c:pt idx="3517">
                  <c:v>32.196774041211846</c:v>
                </c:pt>
                <c:pt idx="3518">
                  <c:v>32.237763071226055</c:v>
                </c:pt>
                <c:pt idx="3519">
                  <c:v>32.36464067154462</c:v>
                </c:pt>
                <c:pt idx="3520">
                  <c:v>32.406308351202462</c:v>
                </c:pt>
                <c:pt idx="3521">
                  <c:v>32.37972173561721</c:v>
                </c:pt>
                <c:pt idx="3522">
                  <c:v>32.362713028626509</c:v>
                </c:pt>
                <c:pt idx="3523">
                  <c:v>32.314047949103781</c:v>
                </c:pt>
                <c:pt idx="3524">
                  <c:v>#N/A</c:v>
                </c:pt>
                <c:pt idx="3525">
                  <c:v>#N/A</c:v>
                </c:pt>
                <c:pt idx="3526">
                  <c:v>#N/A</c:v>
                </c:pt>
                <c:pt idx="3527">
                  <c:v>#N/A</c:v>
                </c:pt>
                <c:pt idx="3528">
                  <c:v>#N/A</c:v>
                </c:pt>
                <c:pt idx="3529">
                  <c:v>#N/A</c:v>
                </c:pt>
                <c:pt idx="3530">
                  <c:v>#N/A</c:v>
                </c:pt>
                <c:pt idx="3531">
                  <c:v>#N/A</c:v>
                </c:pt>
                <c:pt idx="3532">
                  <c:v>#N/A</c:v>
                </c:pt>
                <c:pt idx="3533">
                  <c:v>#N/A</c:v>
                </c:pt>
                <c:pt idx="3534">
                  <c:v>#N/A</c:v>
                </c:pt>
                <c:pt idx="3535">
                  <c:v>#N/A</c:v>
                </c:pt>
                <c:pt idx="3536">
                  <c:v>#N/A</c:v>
                </c:pt>
                <c:pt idx="3537">
                  <c:v>#N/A</c:v>
                </c:pt>
                <c:pt idx="3538">
                  <c:v>#N/A</c:v>
                </c:pt>
                <c:pt idx="3539">
                  <c:v>#N/A</c:v>
                </c:pt>
                <c:pt idx="3540">
                  <c:v>#N/A</c:v>
                </c:pt>
                <c:pt idx="3541">
                  <c:v>#N/A</c:v>
                </c:pt>
                <c:pt idx="3542">
                  <c:v>#N/A</c:v>
                </c:pt>
                <c:pt idx="3543">
                  <c:v>#N/A</c:v>
                </c:pt>
                <c:pt idx="3544">
                  <c:v>#N/A</c:v>
                </c:pt>
                <c:pt idx="3545">
                  <c:v>#N/A</c:v>
                </c:pt>
                <c:pt idx="3546">
                  <c:v>#N/A</c:v>
                </c:pt>
                <c:pt idx="3547">
                  <c:v>#N/A</c:v>
                </c:pt>
                <c:pt idx="3548">
                  <c:v>#N/A</c:v>
                </c:pt>
                <c:pt idx="3549">
                  <c:v>#N/A</c:v>
                </c:pt>
                <c:pt idx="3550">
                  <c:v>#N/A</c:v>
                </c:pt>
                <c:pt idx="3551">
                  <c:v>#N/A</c:v>
                </c:pt>
                <c:pt idx="3552">
                  <c:v>#N/A</c:v>
                </c:pt>
                <c:pt idx="3553">
                  <c:v>#N/A</c:v>
                </c:pt>
                <c:pt idx="3554">
                  <c:v>#N/A</c:v>
                </c:pt>
                <c:pt idx="3555">
                  <c:v>#N/A</c:v>
                </c:pt>
                <c:pt idx="3556">
                  <c:v>#N/A</c:v>
                </c:pt>
                <c:pt idx="3557">
                  <c:v>#N/A</c:v>
                </c:pt>
                <c:pt idx="3558">
                  <c:v>#N/A</c:v>
                </c:pt>
                <c:pt idx="3559">
                  <c:v>#N/A</c:v>
                </c:pt>
                <c:pt idx="3560">
                  <c:v>#N/A</c:v>
                </c:pt>
                <c:pt idx="3561">
                  <c:v>#N/A</c:v>
                </c:pt>
                <c:pt idx="3562">
                  <c:v>#N/A</c:v>
                </c:pt>
                <c:pt idx="3563">
                  <c:v>#N/A</c:v>
                </c:pt>
                <c:pt idx="3564">
                  <c:v>#N/A</c:v>
                </c:pt>
                <c:pt idx="3565">
                  <c:v>#N/A</c:v>
                </c:pt>
                <c:pt idx="3566">
                  <c:v>#N/A</c:v>
                </c:pt>
                <c:pt idx="3567">
                  <c:v>#N/A</c:v>
                </c:pt>
                <c:pt idx="3568">
                  <c:v>#N/A</c:v>
                </c:pt>
                <c:pt idx="3569">
                  <c:v>#N/A</c:v>
                </c:pt>
                <c:pt idx="3570">
                  <c:v>#N/A</c:v>
                </c:pt>
                <c:pt idx="3571">
                  <c:v>31.66625017821265</c:v>
                </c:pt>
                <c:pt idx="3572">
                  <c:v>31.800341658396285</c:v>
                </c:pt>
                <c:pt idx="3573">
                  <c:v>31.706571796417698</c:v>
                </c:pt>
                <c:pt idx="3574">
                  <c:v>#N/A</c:v>
                </c:pt>
                <c:pt idx="3575">
                  <c:v>#N/A</c:v>
                </c:pt>
                <c:pt idx="3576">
                  <c:v>#N/A</c:v>
                </c:pt>
                <c:pt idx="3577">
                  <c:v>#N/A</c:v>
                </c:pt>
                <c:pt idx="3578">
                  <c:v>#N/A</c:v>
                </c:pt>
                <c:pt idx="3579">
                  <c:v>#N/A</c:v>
                </c:pt>
                <c:pt idx="3580">
                  <c:v>#N/A</c:v>
                </c:pt>
                <c:pt idx="3581">
                  <c:v>32.392540063330095</c:v>
                </c:pt>
                <c:pt idx="3582">
                  <c:v>32.492910509240964</c:v>
                </c:pt>
                <c:pt idx="3583">
                  <c:v>32.430628224876699</c:v>
                </c:pt>
                <c:pt idx="3584">
                  <c:v>32.265139890433602</c:v>
                </c:pt>
                <c:pt idx="3585">
                  <c:v>32.104281805843144</c:v>
                </c:pt>
                <c:pt idx="3586">
                  <c:v>31.889889962408944</c:v>
                </c:pt>
                <c:pt idx="3587">
                  <c:v>31.688372782871198</c:v>
                </c:pt>
                <c:pt idx="3588">
                  <c:v>#N/A</c:v>
                </c:pt>
                <c:pt idx="3589">
                  <c:v>#N/A</c:v>
                </c:pt>
                <c:pt idx="3590">
                  <c:v>#N/A</c:v>
                </c:pt>
                <c:pt idx="3591">
                  <c:v>#N/A</c:v>
                </c:pt>
                <c:pt idx="3592">
                  <c:v>#N/A</c:v>
                </c:pt>
                <c:pt idx="3593">
                  <c:v>#N/A</c:v>
                </c:pt>
                <c:pt idx="3594">
                  <c:v>#N/A</c:v>
                </c:pt>
                <c:pt idx="3595">
                  <c:v>#N/A</c:v>
                </c:pt>
                <c:pt idx="3596">
                  <c:v>32.27082383267274</c:v>
                </c:pt>
                <c:pt idx="3597">
                  <c:v>32.678371398578108</c:v>
                </c:pt>
                <c:pt idx="3598">
                  <c:v>32.919299155123653</c:v>
                </c:pt>
                <c:pt idx="3599">
                  <c:v>32.804920622525849</c:v>
                </c:pt>
                <c:pt idx="3600">
                  <c:v>32.531484799954455</c:v>
                </c:pt>
                <c:pt idx="3601">
                  <c:v>32.173677004488923</c:v>
                </c:pt>
                <c:pt idx="3602">
                  <c:v>#N/A</c:v>
                </c:pt>
                <c:pt idx="3603">
                  <c:v>#N/A</c:v>
                </c:pt>
                <c:pt idx="3604">
                  <c:v>#N/A</c:v>
                </c:pt>
                <c:pt idx="3605">
                  <c:v>#N/A</c:v>
                </c:pt>
                <c:pt idx="3606">
                  <c:v>#N/A</c:v>
                </c:pt>
                <c:pt idx="3607">
                  <c:v>#N/A</c:v>
                </c:pt>
                <c:pt idx="3608">
                  <c:v>#N/A</c:v>
                </c:pt>
                <c:pt idx="3609">
                  <c:v>#N/A</c:v>
                </c:pt>
                <c:pt idx="3610">
                  <c:v>#N/A</c:v>
                </c:pt>
                <c:pt idx="3611">
                  <c:v>#N/A</c:v>
                </c:pt>
                <c:pt idx="3612">
                  <c:v>#N/A</c:v>
                </c:pt>
                <c:pt idx="3613">
                  <c:v>#N/A</c:v>
                </c:pt>
                <c:pt idx="3614">
                  <c:v>#N/A</c:v>
                </c:pt>
                <c:pt idx="3615">
                  <c:v>#N/A</c:v>
                </c:pt>
                <c:pt idx="3616">
                  <c:v>#N/A</c:v>
                </c:pt>
                <c:pt idx="3617">
                  <c:v>#N/A</c:v>
                </c:pt>
                <c:pt idx="3618">
                  <c:v>#N/A</c:v>
                </c:pt>
                <c:pt idx="3619">
                  <c:v>#N/A</c:v>
                </c:pt>
                <c:pt idx="3620">
                  <c:v>#N/A</c:v>
                </c:pt>
                <c:pt idx="3621">
                  <c:v>#N/A</c:v>
                </c:pt>
                <c:pt idx="3622">
                  <c:v>#N/A</c:v>
                </c:pt>
                <c:pt idx="3623">
                  <c:v>#N/A</c:v>
                </c:pt>
                <c:pt idx="3624">
                  <c:v>#N/A</c:v>
                </c:pt>
                <c:pt idx="3625">
                  <c:v>#N/A</c:v>
                </c:pt>
                <c:pt idx="3626">
                  <c:v>#N/A</c:v>
                </c:pt>
                <c:pt idx="3627">
                  <c:v>#N/A</c:v>
                </c:pt>
                <c:pt idx="3628">
                  <c:v>#N/A</c:v>
                </c:pt>
                <c:pt idx="3629">
                  <c:v>#N/A</c:v>
                </c:pt>
                <c:pt idx="3630">
                  <c:v>#N/A</c:v>
                </c:pt>
                <c:pt idx="3631">
                  <c:v>#N/A</c:v>
                </c:pt>
                <c:pt idx="3632">
                  <c:v>#N/A</c:v>
                </c:pt>
                <c:pt idx="3633">
                  <c:v>32.577203064200738</c:v>
                </c:pt>
                <c:pt idx="3634">
                  <c:v>32.952156254185603</c:v>
                </c:pt>
                <c:pt idx="3635">
                  <c:v>33.291348402749563</c:v>
                </c:pt>
                <c:pt idx="3636">
                  <c:v>33.573930658740451</c:v>
                </c:pt>
                <c:pt idx="3637">
                  <c:v>33.845480332290769</c:v>
                </c:pt>
                <c:pt idx="3638">
                  <c:v>34.129364132753054</c:v>
                </c:pt>
                <c:pt idx="3639">
                  <c:v>34.412412849385632</c:v>
                </c:pt>
                <c:pt idx="3640">
                  <c:v>34.71268935664456</c:v>
                </c:pt>
                <c:pt idx="3641">
                  <c:v>34.939428643317811</c:v>
                </c:pt>
                <c:pt idx="3642">
                  <c:v>34.994117325021634</c:v>
                </c:pt>
                <c:pt idx="3643">
                  <c:v>34.907624022842356</c:v>
                </c:pt>
                <c:pt idx="3644">
                  <c:v>34.730803233641893</c:v>
                </c:pt>
                <c:pt idx="3645">
                  <c:v>34.4711733095344</c:v>
                </c:pt>
                <c:pt idx="3646">
                  <c:v>34.210233891702032</c:v>
                </c:pt>
                <c:pt idx="3647">
                  <c:v>33.956743228502532</c:v>
                </c:pt>
                <c:pt idx="3648">
                  <c:v>33.743963478878065</c:v>
                </c:pt>
                <c:pt idx="3649">
                  <c:v>33.46473821435896</c:v>
                </c:pt>
                <c:pt idx="3650">
                  <c:v>33.21056012967891</c:v>
                </c:pt>
                <c:pt idx="3651">
                  <c:v>33.040517340407199</c:v>
                </c:pt>
                <c:pt idx="3652">
                  <c:v>32.887453736130226</c:v>
                </c:pt>
                <c:pt idx="3653">
                  <c:v>32.720064197954969</c:v>
                </c:pt>
                <c:pt idx="3654">
                  <c:v>32.612870927994592</c:v>
                </c:pt>
                <c:pt idx="3655">
                  <c:v>32.452025793105292</c:v>
                </c:pt>
                <c:pt idx="3656">
                  <c:v>32.327324221555649</c:v>
                </c:pt>
                <c:pt idx="3657">
                  <c:v>32.388655597389167</c:v>
                </c:pt>
                <c:pt idx="3658">
                  <c:v>32.31159862281676</c:v>
                </c:pt>
                <c:pt idx="3659">
                  <c:v>32.100203320109813</c:v>
                </c:pt>
                <c:pt idx="3660">
                  <c:v>#N/A</c:v>
                </c:pt>
                <c:pt idx="3661">
                  <c:v>#N/A</c:v>
                </c:pt>
                <c:pt idx="3662">
                  <c:v>#N/A</c:v>
                </c:pt>
                <c:pt idx="3663">
                  <c:v>#N/A</c:v>
                </c:pt>
                <c:pt idx="3664">
                  <c:v>#N/A</c:v>
                </c:pt>
                <c:pt idx="3665">
                  <c:v>#N/A</c:v>
                </c:pt>
                <c:pt idx="3666">
                  <c:v>#N/A</c:v>
                </c:pt>
                <c:pt idx="3667">
                  <c:v>#N/A</c:v>
                </c:pt>
                <c:pt idx="3668">
                  <c:v>#N/A</c:v>
                </c:pt>
                <c:pt idx="3669">
                  <c:v>#N/A</c:v>
                </c:pt>
                <c:pt idx="3670">
                  <c:v>#N/A</c:v>
                </c:pt>
                <c:pt idx="3671">
                  <c:v>#N/A</c:v>
                </c:pt>
                <c:pt idx="3672">
                  <c:v>#N/A</c:v>
                </c:pt>
                <c:pt idx="3673">
                  <c:v>#N/A</c:v>
                </c:pt>
                <c:pt idx="3674">
                  <c:v>#N/A</c:v>
                </c:pt>
                <c:pt idx="3675">
                  <c:v>#N/A</c:v>
                </c:pt>
                <c:pt idx="3676">
                  <c:v>#N/A</c:v>
                </c:pt>
                <c:pt idx="3677">
                  <c:v>#N/A</c:v>
                </c:pt>
                <c:pt idx="3678">
                  <c:v>#N/A</c:v>
                </c:pt>
                <c:pt idx="3679">
                  <c:v>#N/A</c:v>
                </c:pt>
                <c:pt idx="3680">
                  <c:v>#N/A</c:v>
                </c:pt>
                <c:pt idx="3681">
                  <c:v>#N/A</c:v>
                </c:pt>
                <c:pt idx="3682">
                  <c:v>#N/A</c:v>
                </c:pt>
                <c:pt idx="3683">
                  <c:v>#N/A</c:v>
                </c:pt>
                <c:pt idx="3684">
                  <c:v>#N/A</c:v>
                </c:pt>
                <c:pt idx="3685">
                  <c:v>32.710098463040602</c:v>
                </c:pt>
                <c:pt idx="3686">
                  <c:v>33.017537290528054</c:v>
                </c:pt>
                <c:pt idx="3687">
                  <c:v>33.316148740155327</c:v>
                </c:pt>
                <c:pt idx="3688">
                  <c:v>33.311093780325663</c:v>
                </c:pt>
                <c:pt idx="3689">
                  <c:v>33.124422808137396</c:v>
                </c:pt>
                <c:pt idx="3690">
                  <c:v>32.961136869702941</c:v>
                </c:pt>
                <c:pt idx="3691">
                  <c:v>32.646123178490129</c:v>
                </c:pt>
                <c:pt idx="3692">
                  <c:v>32.251084848930851</c:v>
                </c:pt>
                <c:pt idx="3693">
                  <c:v>#N/A</c:v>
                </c:pt>
                <c:pt idx="3694">
                  <c:v>#N/A</c:v>
                </c:pt>
                <c:pt idx="3695">
                  <c:v>#N/A</c:v>
                </c:pt>
                <c:pt idx="3696">
                  <c:v>#N/A</c:v>
                </c:pt>
                <c:pt idx="3697">
                  <c:v>#N/A</c:v>
                </c:pt>
                <c:pt idx="3698">
                  <c:v>#N/A</c:v>
                </c:pt>
                <c:pt idx="3699">
                  <c:v>#N/A</c:v>
                </c:pt>
                <c:pt idx="3700">
                  <c:v>#N/A</c:v>
                </c:pt>
                <c:pt idx="3701">
                  <c:v>#N/A</c:v>
                </c:pt>
                <c:pt idx="3702">
                  <c:v>#N/A</c:v>
                </c:pt>
                <c:pt idx="3703">
                  <c:v>#N/A</c:v>
                </c:pt>
                <c:pt idx="3704">
                  <c:v>#N/A</c:v>
                </c:pt>
                <c:pt idx="3705">
                  <c:v>#N/A</c:v>
                </c:pt>
                <c:pt idx="3706">
                  <c:v>32.915241332500003</c:v>
                </c:pt>
                <c:pt idx="3707">
                  <c:v>33.612920030818572</c:v>
                </c:pt>
                <c:pt idx="3708">
                  <c:v>34.041464885850203</c:v>
                </c:pt>
                <c:pt idx="3709">
                  <c:v>34.207114438825137</c:v>
                </c:pt>
                <c:pt idx="3710">
                  <c:v>34.155838478311978</c:v>
                </c:pt>
                <c:pt idx="3711">
                  <c:v>34.040385316593557</c:v>
                </c:pt>
                <c:pt idx="3712">
                  <c:v>33.846951343888797</c:v>
                </c:pt>
                <c:pt idx="3713">
                  <c:v>33.580888890798313</c:v>
                </c:pt>
                <c:pt idx="3714">
                  <c:v>33.288567487948818</c:v>
                </c:pt>
                <c:pt idx="3715">
                  <c:v>33.035979434919255</c:v>
                </c:pt>
                <c:pt idx="3716">
                  <c:v>32.913469709699577</c:v>
                </c:pt>
                <c:pt idx="3717">
                  <c:v>32.711953125508366</c:v>
                </c:pt>
                <c:pt idx="3718">
                  <c:v>32.590403972321113</c:v>
                </c:pt>
                <c:pt idx="3719">
                  <c:v>32.529076506383099</c:v>
                </c:pt>
                <c:pt idx="3720">
                  <c:v>32.461297550871542</c:v>
                </c:pt>
                <c:pt idx="3721">
                  <c:v>32.224439634669068</c:v>
                </c:pt>
                <c:pt idx="3722">
                  <c:v>31.925658116175903</c:v>
                </c:pt>
                <c:pt idx="3723">
                  <c:v>#N/A</c:v>
                </c:pt>
                <c:pt idx="3724">
                  <c:v>#N/A</c:v>
                </c:pt>
                <c:pt idx="3725">
                  <c:v>#N/A</c:v>
                </c:pt>
                <c:pt idx="3726">
                  <c:v>#N/A</c:v>
                </c:pt>
                <c:pt idx="3727">
                  <c:v>#N/A</c:v>
                </c:pt>
                <c:pt idx="3728">
                  <c:v>#N/A</c:v>
                </c:pt>
                <c:pt idx="3729">
                  <c:v>#N/A</c:v>
                </c:pt>
                <c:pt idx="3730">
                  <c:v>#N/A</c:v>
                </c:pt>
                <c:pt idx="3731">
                  <c:v>#N/A</c:v>
                </c:pt>
                <c:pt idx="3732">
                  <c:v>#N/A</c:v>
                </c:pt>
                <c:pt idx="3733">
                  <c:v>#N/A</c:v>
                </c:pt>
                <c:pt idx="3734">
                  <c:v>#N/A</c:v>
                </c:pt>
                <c:pt idx="3735">
                  <c:v>#N/A</c:v>
                </c:pt>
                <c:pt idx="3736">
                  <c:v>#N/A</c:v>
                </c:pt>
                <c:pt idx="3737">
                  <c:v>#N/A</c:v>
                </c:pt>
                <c:pt idx="3738">
                  <c:v>#N/A</c:v>
                </c:pt>
                <c:pt idx="3739">
                  <c:v>#N/A</c:v>
                </c:pt>
                <c:pt idx="3740">
                  <c:v>#N/A</c:v>
                </c:pt>
                <c:pt idx="3741">
                  <c:v>#N/A</c:v>
                </c:pt>
                <c:pt idx="3742">
                  <c:v>#N/A</c:v>
                </c:pt>
                <c:pt idx="3743">
                  <c:v>32.31987916505777</c:v>
                </c:pt>
                <c:pt idx="3744">
                  <c:v>32.847025455402566</c:v>
                </c:pt>
                <c:pt idx="3745">
                  <c:v>32.960265600782364</c:v>
                </c:pt>
                <c:pt idx="3746">
                  <c:v>32.986845888067194</c:v>
                </c:pt>
                <c:pt idx="3747">
                  <c:v>32.866524297949567</c:v>
                </c:pt>
                <c:pt idx="3748">
                  <c:v>32.534675668607974</c:v>
                </c:pt>
                <c:pt idx="3749">
                  <c:v>32.072376716893729</c:v>
                </c:pt>
                <c:pt idx="3750">
                  <c:v>#N/A</c:v>
                </c:pt>
                <c:pt idx="3751">
                  <c:v>#N/A</c:v>
                </c:pt>
                <c:pt idx="3752">
                  <c:v>#N/A</c:v>
                </c:pt>
                <c:pt idx="3753">
                  <c:v>#N/A</c:v>
                </c:pt>
                <c:pt idx="3754">
                  <c:v>#N/A</c:v>
                </c:pt>
                <c:pt idx="3755">
                  <c:v>#N/A</c:v>
                </c:pt>
                <c:pt idx="3756">
                  <c:v>#N/A</c:v>
                </c:pt>
                <c:pt idx="3757">
                  <c:v>33.006836122486128</c:v>
                </c:pt>
                <c:pt idx="3758">
                  <c:v>33.382183188435391</c:v>
                </c:pt>
                <c:pt idx="3759">
                  <c:v>33.755374086561176</c:v>
                </c:pt>
                <c:pt idx="3760">
                  <c:v>34.029637194908915</c:v>
                </c:pt>
                <c:pt idx="3761">
                  <c:v>34.261039200032172</c:v>
                </c:pt>
                <c:pt idx="3762">
                  <c:v>34.4147988661922</c:v>
                </c:pt>
                <c:pt idx="3763">
                  <c:v>34.48227206339245</c:v>
                </c:pt>
                <c:pt idx="3764">
                  <c:v>34.442159816977281</c:v>
                </c:pt>
                <c:pt idx="3765">
                  <c:v>34.325104898575802</c:v>
                </c:pt>
                <c:pt idx="3766">
                  <c:v>34.139274364241516</c:v>
                </c:pt>
                <c:pt idx="3767">
                  <c:v>33.870006043766566</c:v>
                </c:pt>
                <c:pt idx="3768">
                  <c:v>33.530062943710718</c:v>
                </c:pt>
                <c:pt idx="3769">
                  <c:v>33.13336127141563</c:v>
                </c:pt>
                <c:pt idx="3770">
                  <c:v>32.718771422179636</c:v>
                </c:pt>
                <c:pt idx="3771">
                  <c:v>32.195352774818858</c:v>
                </c:pt>
                <c:pt idx="3772">
                  <c:v>31.66959501569518</c:v>
                </c:pt>
                <c:pt idx="3773">
                  <c:v>#N/A</c:v>
                </c:pt>
                <c:pt idx="3774">
                  <c:v>#N/A</c:v>
                </c:pt>
                <c:pt idx="3775">
                  <c:v>#N/A</c:v>
                </c:pt>
                <c:pt idx="3776">
                  <c:v>#N/A</c:v>
                </c:pt>
                <c:pt idx="3777">
                  <c:v>#N/A</c:v>
                </c:pt>
                <c:pt idx="3778">
                  <c:v>#N/A</c:v>
                </c:pt>
                <c:pt idx="3779">
                  <c:v>#N/A</c:v>
                </c:pt>
                <c:pt idx="3780">
                  <c:v>#N/A</c:v>
                </c:pt>
                <c:pt idx="3781">
                  <c:v>#N/A</c:v>
                </c:pt>
                <c:pt idx="3782">
                  <c:v>#N/A</c:v>
                </c:pt>
                <c:pt idx="3783">
                  <c:v>#N/A</c:v>
                </c:pt>
                <c:pt idx="3784">
                  <c:v>#N/A</c:v>
                </c:pt>
                <c:pt idx="3785">
                  <c:v>#N/A</c:v>
                </c:pt>
                <c:pt idx="3786">
                  <c:v>#N/A</c:v>
                </c:pt>
                <c:pt idx="3787">
                  <c:v>#N/A</c:v>
                </c:pt>
                <c:pt idx="3788">
                  <c:v>#N/A</c:v>
                </c:pt>
                <c:pt idx="3789">
                  <c:v>#N/A</c:v>
                </c:pt>
                <c:pt idx="3790">
                  <c:v>#N/A</c:v>
                </c:pt>
                <c:pt idx="3791">
                  <c:v>#N/A</c:v>
                </c:pt>
                <c:pt idx="3792">
                  <c:v>#N/A</c:v>
                </c:pt>
                <c:pt idx="3793">
                  <c:v>#N/A</c:v>
                </c:pt>
                <c:pt idx="3794">
                  <c:v>#N/A</c:v>
                </c:pt>
                <c:pt idx="3795">
                  <c:v>#N/A</c:v>
                </c:pt>
                <c:pt idx="3796">
                  <c:v>#N/A</c:v>
                </c:pt>
                <c:pt idx="3797">
                  <c:v>#N/A</c:v>
                </c:pt>
                <c:pt idx="3798">
                  <c:v>#N/A</c:v>
                </c:pt>
                <c:pt idx="3799">
                  <c:v>#N/A</c:v>
                </c:pt>
                <c:pt idx="3800">
                  <c:v>#N/A</c:v>
                </c:pt>
                <c:pt idx="3801">
                  <c:v>#N/A</c:v>
                </c:pt>
                <c:pt idx="3802">
                  <c:v>#N/A</c:v>
                </c:pt>
                <c:pt idx="3803">
                  <c:v>#N/A</c:v>
                </c:pt>
                <c:pt idx="3804">
                  <c:v>#N/A</c:v>
                </c:pt>
                <c:pt idx="3805">
                  <c:v>#N/A</c:v>
                </c:pt>
                <c:pt idx="3806">
                  <c:v>#N/A</c:v>
                </c:pt>
                <c:pt idx="3807">
                  <c:v>#N/A</c:v>
                </c:pt>
                <c:pt idx="3808">
                  <c:v>#N/A</c:v>
                </c:pt>
                <c:pt idx="3809">
                  <c:v>#N/A</c:v>
                </c:pt>
                <c:pt idx="3810">
                  <c:v>#N/A</c:v>
                </c:pt>
                <c:pt idx="3811">
                  <c:v>#N/A</c:v>
                </c:pt>
                <c:pt idx="3812">
                  <c:v>#N/A</c:v>
                </c:pt>
                <c:pt idx="3813">
                  <c:v>#N/A</c:v>
                </c:pt>
                <c:pt idx="3814">
                  <c:v>#N/A</c:v>
                </c:pt>
                <c:pt idx="3815">
                  <c:v>#N/A</c:v>
                </c:pt>
                <c:pt idx="3816">
                  <c:v>#N/A</c:v>
                </c:pt>
                <c:pt idx="3817">
                  <c:v>#N/A</c:v>
                </c:pt>
                <c:pt idx="3818">
                  <c:v>#N/A</c:v>
                </c:pt>
                <c:pt idx="3819">
                  <c:v>#N/A</c:v>
                </c:pt>
                <c:pt idx="3820">
                  <c:v>#N/A</c:v>
                </c:pt>
                <c:pt idx="3821">
                  <c:v>#N/A</c:v>
                </c:pt>
                <c:pt idx="3822">
                  <c:v>#N/A</c:v>
                </c:pt>
                <c:pt idx="3823">
                  <c:v>#N/A</c:v>
                </c:pt>
                <c:pt idx="3824">
                  <c:v>#N/A</c:v>
                </c:pt>
                <c:pt idx="3825">
                  <c:v>#N/A</c:v>
                </c:pt>
                <c:pt idx="3826">
                  <c:v>#N/A</c:v>
                </c:pt>
                <c:pt idx="3827">
                  <c:v>#N/A</c:v>
                </c:pt>
                <c:pt idx="3828">
                  <c:v>#N/A</c:v>
                </c:pt>
                <c:pt idx="3829">
                  <c:v>#N/A</c:v>
                </c:pt>
                <c:pt idx="3830">
                  <c:v>#N/A</c:v>
                </c:pt>
                <c:pt idx="3831">
                  <c:v>#N/A</c:v>
                </c:pt>
                <c:pt idx="3832">
                  <c:v>#N/A</c:v>
                </c:pt>
                <c:pt idx="3833">
                  <c:v>#N/A</c:v>
                </c:pt>
                <c:pt idx="3834">
                  <c:v>#N/A</c:v>
                </c:pt>
                <c:pt idx="3835">
                  <c:v>#N/A</c:v>
                </c:pt>
                <c:pt idx="3836">
                  <c:v>#N/A</c:v>
                </c:pt>
                <c:pt idx="3837">
                  <c:v>#N/A</c:v>
                </c:pt>
                <c:pt idx="3838">
                  <c:v>#N/A</c:v>
                </c:pt>
                <c:pt idx="3839">
                  <c:v>#N/A</c:v>
                </c:pt>
                <c:pt idx="3840">
                  <c:v>#N/A</c:v>
                </c:pt>
                <c:pt idx="3841">
                  <c:v>#N/A</c:v>
                </c:pt>
                <c:pt idx="3842">
                  <c:v>#N/A</c:v>
                </c:pt>
                <c:pt idx="3843">
                  <c:v>#N/A</c:v>
                </c:pt>
                <c:pt idx="3844">
                  <c:v>#N/A</c:v>
                </c:pt>
                <c:pt idx="3845">
                  <c:v>#N/A</c:v>
                </c:pt>
                <c:pt idx="3846">
                  <c:v>#N/A</c:v>
                </c:pt>
                <c:pt idx="3847">
                  <c:v>#N/A</c:v>
                </c:pt>
                <c:pt idx="3848">
                  <c:v>#N/A</c:v>
                </c:pt>
                <c:pt idx="3849">
                  <c:v>#N/A</c:v>
                </c:pt>
                <c:pt idx="3850">
                  <c:v>#N/A</c:v>
                </c:pt>
                <c:pt idx="3851">
                  <c:v>#N/A</c:v>
                </c:pt>
                <c:pt idx="3852">
                  <c:v>#N/A</c:v>
                </c:pt>
                <c:pt idx="3853">
                  <c:v>#N/A</c:v>
                </c:pt>
                <c:pt idx="3854">
                  <c:v>#N/A</c:v>
                </c:pt>
                <c:pt idx="3855">
                  <c:v>#N/A</c:v>
                </c:pt>
                <c:pt idx="3856">
                  <c:v>#N/A</c:v>
                </c:pt>
                <c:pt idx="3857">
                  <c:v>#N/A</c:v>
                </c:pt>
                <c:pt idx="3858">
                  <c:v>#N/A</c:v>
                </c:pt>
                <c:pt idx="3859">
                  <c:v>#N/A</c:v>
                </c:pt>
                <c:pt idx="3860">
                  <c:v>#N/A</c:v>
                </c:pt>
                <c:pt idx="3861">
                  <c:v>#N/A</c:v>
                </c:pt>
                <c:pt idx="3862">
                  <c:v>#N/A</c:v>
                </c:pt>
                <c:pt idx="3863">
                  <c:v>#N/A</c:v>
                </c:pt>
                <c:pt idx="3864">
                  <c:v>#N/A</c:v>
                </c:pt>
                <c:pt idx="3865">
                  <c:v>#N/A</c:v>
                </c:pt>
                <c:pt idx="3866">
                  <c:v>#N/A</c:v>
                </c:pt>
                <c:pt idx="3867">
                  <c:v>#N/A</c:v>
                </c:pt>
                <c:pt idx="3868">
                  <c:v>#N/A</c:v>
                </c:pt>
                <c:pt idx="3869">
                  <c:v>#N/A</c:v>
                </c:pt>
                <c:pt idx="3870">
                  <c:v>#N/A</c:v>
                </c:pt>
                <c:pt idx="3871">
                  <c:v>#N/A</c:v>
                </c:pt>
                <c:pt idx="3872">
                  <c:v>#N/A</c:v>
                </c:pt>
                <c:pt idx="3873">
                  <c:v>#N/A</c:v>
                </c:pt>
                <c:pt idx="3874">
                  <c:v>#N/A</c:v>
                </c:pt>
                <c:pt idx="3875">
                  <c:v>#N/A</c:v>
                </c:pt>
                <c:pt idx="3876">
                  <c:v>#N/A</c:v>
                </c:pt>
                <c:pt idx="3877">
                  <c:v>#N/A</c:v>
                </c:pt>
                <c:pt idx="3878">
                  <c:v>#N/A</c:v>
                </c:pt>
                <c:pt idx="3879">
                  <c:v>#N/A</c:v>
                </c:pt>
                <c:pt idx="3880">
                  <c:v>#N/A</c:v>
                </c:pt>
                <c:pt idx="3881">
                  <c:v>#N/A</c:v>
                </c:pt>
                <c:pt idx="3882">
                  <c:v>#N/A</c:v>
                </c:pt>
                <c:pt idx="3883">
                  <c:v>#N/A</c:v>
                </c:pt>
                <c:pt idx="3884">
                  <c:v>#N/A</c:v>
                </c:pt>
                <c:pt idx="3885">
                  <c:v>#N/A</c:v>
                </c:pt>
                <c:pt idx="3886">
                  <c:v>#N/A</c:v>
                </c:pt>
                <c:pt idx="3887">
                  <c:v>#N/A</c:v>
                </c:pt>
                <c:pt idx="3888">
                  <c:v>#N/A</c:v>
                </c:pt>
                <c:pt idx="3889">
                  <c:v>#N/A</c:v>
                </c:pt>
                <c:pt idx="3890">
                  <c:v>#N/A</c:v>
                </c:pt>
                <c:pt idx="3891">
                  <c:v>#N/A</c:v>
                </c:pt>
                <c:pt idx="3892">
                  <c:v>#N/A</c:v>
                </c:pt>
                <c:pt idx="3893">
                  <c:v>#N/A</c:v>
                </c:pt>
                <c:pt idx="3894">
                  <c:v>#N/A</c:v>
                </c:pt>
                <c:pt idx="3895">
                  <c:v>#N/A</c:v>
                </c:pt>
                <c:pt idx="3896">
                  <c:v>#N/A</c:v>
                </c:pt>
                <c:pt idx="3897">
                  <c:v>#N/A</c:v>
                </c:pt>
                <c:pt idx="3898">
                  <c:v>#N/A</c:v>
                </c:pt>
                <c:pt idx="3899">
                  <c:v>#N/A</c:v>
                </c:pt>
                <c:pt idx="3900">
                  <c:v>#N/A</c:v>
                </c:pt>
                <c:pt idx="3901">
                  <c:v>#N/A</c:v>
                </c:pt>
                <c:pt idx="3902">
                  <c:v>#N/A</c:v>
                </c:pt>
                <c:pt idx="3903">
                  <c:v>#N/A</c:v>
                </c:pt>
                <c:pt idx="3904">
                  <c:v>#N/A</c:v>
                </c:pt>
                <c:pt idx="3905">
                  <c:v>#N/A</c:v>
                </c:pt>
                <c:pt idx="3906">
                  <c:v>#N/A</c:v>
                </c:pt>
                <c:pt idx="3907">
                  <c:v>#N/A</c:v>
                </c:pt>
                <c:pt idx="3908">
                  <c:v>31.512446966450028</c:v>
                </c:pt>
                <c:pt idx="3909">
                  <c:v>31.741138060174404</c:v>
                </c:pt>
                <c:pt idx="3910">
                  <c:v>31.507620822383107</c:v>
                </c:pt>
                <c:pt idx="3911">
                  <c:v>#N/A</c:v>
                </c:pt>
                <c:pt idx="3912">
                  <c:v>#N/A</c:v>
                </c:pt>
                <c:pt idx="3913">
                  <c:v>#N/A</c:v>
                </c:pt>
                <c:pt idx="3914">
                  <c:v>#N/A</c:v>
                </c:pt>
                <c:pt idx="3915">
                  <c:v>#N/A</c:v>
                </c:pt>
                <c:pt idx="3916">
                  <c:v>#N/A</c:v>
                </c:pt>
                <c:pt idx="3917">
                  <c:v>#N/A</c:v>
                </c:pt>
                <c:pt idx="3918">
                  <c:v>#N/A</c:v>
                </c:pt>
                <c:pt idx="3919">
                  <c:v>#N/A</c:v>
                </c:pt>
                <c:pt idx="3920">
                  <c:v>#N/A</c:v>
                </c:pt>
                <c:pt idx="3921">
                  <c:v>#N/A</c:v>
                </c:pt>
                <c:pt idx="3922">
                  <c:v>#N/A</c:v>
                </c:pt>
                <c:pt idx="3923">
                  <c:v>#N/A</c:v>
                </c:pt>
                <c:pt idx="3924">
                  <c:v>#N/A</c:v>
                </c:pt>
                <c:pt idx="3925">
                  <c:v>#N/A</c:v>
                </c:pt>
                <c:pt idx="3926">
                  <c:v>#N/A</c:v>
                </c:pt>
                <c:pt idx="3927">
                  <c:v>#N/A</c:v>
                </c:pt>
                <c:pt idx="3928">
                  <c:v>#N/A</c:v>
                </c:pt>
                <c:pt idx="3929">
                  <c:v>#N/A</c:v>
                </c:pt>
                <c:pt idx="3930">
                  <c:v>#N/A</c:v>
                </c:pt>
                <c:pt idx="3931">
                  <c:v>#N/A</c:v>
                </c:pt>
                <c:pt idx="3932">
                  <c:v>#N/A</c:v>
                </c:pt>
                <c:pt idx="3933">
                  <c:v>#N/A</c:v>
                </c:pt>
                <c:pt idx="3934">
                  <c:v>#N/A</c:v>
                </c:pt>
                <c:pt idx="3935">
                  <c:v>#N/A</c:v>
                </c:pt>
                <c:pt idx="3936">
                  <c:v>#N/A</c:v>
                </c:pt>
                <c:pt idx="3937">
                  <c:v>#N/A</c:v>
                </c:pt>
                <c:pt idx="3938">
                  <c:v>#N/A</c:v>
                </c:pt>
                <c:pt idx="3939">
                  <c:v>#N/A</c:v>
                </c:pt>
                <c:pt idx="3940">
                  <c:v>#N/A</c:v>
                </c:pt>
                <c:pt idx="3941">
                  <c:v>#N/A</c:v>
                </c:pt>
                <c:pt idx="3942">
                  <c:v>#N/A</c:v>
                </c:pt>
                <c:pt idx="3943">
                  <c:v>#N/A</c:v>
                </c:pt>
                <c:pt idx="3944">
                  <c:v>#N/A</c:v>
                </c:pt>
                <c:pt idx="3945">
                  <c:v>#N/A</c:v>
                </c:pt>
                <c:pt idx="3946">
                  <c:v>#N/A</c:v>
                </c:pt>
                <c:pt idx="3947">
                  <c:v>#N/A</c:v>
                </c:pt>
                <c:pt idx="3948">
                  <c:v>#N/A</c:v>
                </c:pt>
                <c:pt idx="3949">
                  <c:v>#N/A</c:v>
                </c:pt>
                <c:pt idx="3950">
                  <c:v>#N/A</c:v>
                </c:pt>
                <c:pt idx="3951">
                  <c:v>#N/A</c:v>
                </c:pt>
                <c:pt idx="3952">
                  <c:v>#N/A</c:v>
                </c:pt>
                <c:pt idx="3953">
                  <c:v>#N/A</c:v>
                </c:pt>
                <c:pt idx="3954">
                  <c:v>#N/A</c:v>
                </c:pt>
                <c:pt idx="3955">
                  <c:v>#N/A</c:v>
                </c:pt>
                <c:pt idx="3956">
                  <c:v>#N/A</c:v>
                </c:pt>
                <c:pt idx="3957">
                  <c:v>#N/A</c:v>
                </c:pt>
                <c:pt idx="3958">
                  <c:v>#N/A</c:v>
                </c:pt>
                <c:pt idx="3959">
                  <c:v>#N/A</c:v>
                </c:pt>
                <c:pt idx="3960">
                  <c:v>#N/A</c:v>
                </c:pt>
                <c:pt idx="3961">
                  <c:v>#N/A</c:v>
                </c:pt>
                <c:pt idx="3962">
                  <c:v>#N/A</c:v>
                </c:pt>
                <c:pt idx="3963">
                  <c:v>#N/A</c:v>
                </c:pt>
                <c:pt idx="3964">
                  <c:v>#N/A</c:v>
                </c:pt>
                <c:pt idx="3965">
                  <c:v>#N/A</c:v>
                </c:pt>
                <c:pt idx="3966">
                  <c:v>#N/A</c:v>
                </c:pt>
                <c:pt idx="3967">
                  <c:v>#N/A</c:v>
                </c:pt>
                <c:pt idx="3968">
                  <c:v>#N/A</c:v>
                </c:pt>
                <c:pt idx="3969">
                  <c:v>#N/A</c:v>
                </c:pt>
                <c:pt idx="3970">
                  <c:v>#N/A</c:v>
                </c:pt>
                <c:pt idx="3971">
                  <c:v>#N/A</c:v>
                </c:pt>
                <c:pt idx="3972">
                  <c:v>#N/A</c:v>
                </c:pt>
                <c:pt idx="3973">
                  <c:v>#N/A</c:v>
                </c:pt>
                <c:pt idx="3974">
                  <c:v>#N/A</c:v>
                </c:pt>
                <c:pt idx="3975">
                  <c:v>#N/A</c:v>
                </c:pt>
                <c:pt idx="3976">
                  <c:v>#N/A</c:v>
                </c:pt>
                <c:pt idx="3977">
                  <c:v>#N/A</c:v>
                </c:pt>
                <c:pt idx="3978">
                  <c:v>#N/A</c:v>
                </c:pt>
                <c:pt idx="3979">
                  <c:v>#N/A</c:v>
                </c:pt>
                <c:pt idx="3980">
                  <c:v>#N/A</c:v>
                </c:pt>
                <c:pt idx="3981">
                  <c:v>#N/A</c:v>
                </c:pt>
                <c:pt idx="3982">
                  <c:v>#N/A</c:v>
                </c:pt>
                <c:pt idx="3983">
                  <c:v>#N/A</c:v>
                </c:pt>
                <c:pt idx="3984">
                  <c:v>#N/A</c:v>
                </c:pt>
                <c:pt idx="3985">
                  <c:v>#N/A</c:v>
                </c:pt>
                <c:pt idx="3986">
                  <c:v>#N/A</c:v>
                </c:pt>
                <c:pt idx="3987">
                  <c:v>#N/A</c:v>
                </c:pt>
                <c:pt idx="3988">
                  <c:v>#N/A</c:v>
                </c:pt>
                <c:pt idx="3989">
                  <c:v>#N/A</c:v>
                </c:pt>
                <c:pt idx="3990">
                  <c:v>#N/A</c:v>
                </c:pt>
                <c:pt idx="3991">
                  <c:v>#N/A</c:v>
                </c:pt>
                <c:pt idx="3992">
                  <c:v>#N/A</c:v>
                </c:pt>
                <c:pt idx="3993">
                  <c:v>#N/A</c:v>
                </c:pt>
                <c:pt idx="3994">
                  <c:v>#N/A</c:v>
                </c:pt>
                <c:pt idx="3995">
                  <c:v>#N/A</c:v>
                </c:pt>
                <c:pt idx="3996">
                  <c:v>#N/A</c:v>
                </c:pt>
                <c:pt idx="3997">
                  <c:v>#N/A</c:v>
                </c:pt>
                <c:pt idx="3998">
                  <c:v>#N/A</c:v>
                </c:pt>
                <c:pt idx="3999">
                  <c:v>#N/A</c:v>
                </c:pt>
                <c:pt idx="4000">
                  <c:v>#N/A</c:v>
                </c:pt>
                <c:pt idx="4001">
                  <c:v>#N/A</c:v>
                </c:pt>
                <c:pt idx="4002">
                  <c:v>#N/A</c:v>
                </c:pt>
                <c:pt idx="4003">
                  <c:v>#N/A</c:v>
                </c:pt>
                <c:pt idx="4004">
                  <c:v>#N/A</c:v>
                </c:pt>
                <c:pt idx="4005">
                  <c:v>#N/A</c:v>
                </c:pt>
                <c:pt idx="4006">
                  <c:v>#N/A</c:v>
                </c:pt>
                <c:pt idx="4007">
                  <c:v>#N/A</c:v>
                </c:pt>
                <c:pt idx="4008">
                  <c:v>#N/A</c:v>
                </c:pt>
                <c:pt idx="4009">
                  <c:v>#N/A</c:v>
                </c:pt>
                <c:pt idx="4010">
                  <c:v>#N/A</c:v>
                </c:pt>
                <c:pt idx="4011">
                  <c:v>#N/A</c:v>
                </c:pt>
                <c:pt idx="4012">
                  <c:v>#N/A</c:v>
                </c:pt>
                <c:pt idx="4013">
                  <c:v>#N/A</c:v>
                </c:pt>
                <c:pt idx="4014">
                  <c:v>#N/A</c:v>
                </c:pt>
                <c:pt idx="4015">
                  <c:v>#N/A</c:v>
                </c:pt>
                <c:pt idx="4016">
                  <c:v>#N/A</c:v>
                </c:pt>
                <c:pt idx="4017">
                  <c:v>#N/A</c:v>
                </c:pt>
                <c:pt idx="4018">
                  <c:v>#N/A</c:v>
                </c:pt>
                <c:pt idx="4019">
                  <c:v>#N/A</c:v>
                </c:pt>
                <c:pt idx="4020">
                  <c:v>#N/A</c:v>
                </c:pt>
                <c:pt idx="4021">
                  <c:v>#N/A</c:v>
                </c:pt>
                <c:pt idx="4022">
                  <c:v>#N/A</c:v>
                </c:pt>
                <c:pt idx="4023">
                  <c:v>#N/A</c:v>
                </c:pt>
                <c:pt idx="4024">
                  <c:v>#N/A</c:v>
                </c:pt>
                <c:pt idx="4025">
                  <c:v>#N/A</c:v>
                </c:pt>
                <c:pt idx="4026">
                  <c:v>#N/A</c:v>
                </c:pt>
                <c:pt idx="4027">
                  <c:v>#N/A</c:v>
                </c:pt>
                <c:pt idx="4028">
                  <c:v>#N/A</c:v>
                </c:pt>
                <c:pt idx="4029">
                  <c:v>#N/A</c:v>
                </c:pt>
                <c:pt idx="4030">
                  <c:v>#N/A</c:v>
                </c:pt>
                <c:pt idx="4031">
                  <c:v>#N/A</c:v>
                </c:pt>
                <c:pt idx="4032">
                  <c:v>#N/A</c:v>
                </c:pt>
                <c:pt idx="4033">
                  <c:v>#N/A</c:v>
                </c:pt>
                <c:pt idx="4034">
                  <c:v>#N/A</c:v>
                </c:pt>
                <c:pt idx="4035">
                  <c:v>#N/A</c:v>
                </c:pt>
                <c:pt idx="4036">
                  <c:v>#N/A</c:v>
                </c:pt>
                <c:pt idx="4037">
                  <c:v>#N/A</c:v>
                </c:pt>
                <c:pt idx="4038">
                  <c:v>#N/A</c:v>
                </c:pt>
                <c:pt idx="4039">
                  <c:v>#N/A</c:v>
                </c:pt>
                <c:pt idx="4040">
                  <c:v>#N/A</c:v>
                </c:pt>
                <c:pt idx="4041">
                  <c:v>#N/A</c:v>
                </c:pt>
                <c:pt idx="4042">
                  <c:v>#N/A</c:v>
                </c:pt>
                <c:pt idx="4043">
                  <c:v>#N/A</c:v>
                </c:pt>
                <c:pt idx="4044">
                  <c:v>#N/A</c:v>
                </c:pt>
                <c:pt idx="4045">
                  <c:v>#N/A</c:v>
                </c:pt>
                <c:pt idx="4046">
                  <c:v>#N/A</c:v>
                </c:pt>
                <c:pt idx="4047">
                  <c:v>#N/A</c:v>
                </c:pt>
                <c:pt idx="4048">
                  <c:v>#N/A</c:v>
                </c:pt>
                <c:pt idx="4049">
                  <c:v>#N/A</c:v>
                </c:pt>
                <c:pt idx="4050">
                  <c:v>#N/A</c:v>
                </c:pt>
                <c:pt idx="4051">
                  <c:v>#N/A</c:v>
                </c:pt>
                <c:pt idx="4052">
                  <c:v>#N/A</c:v>
                </c:pt>
                <c:pt idx="4053">
                  <c:v>#N/A</c:v>
                </c:pt>
                <c:pt idx="4054">
                  <c:v>#N/A</c:v>
                </c:pt>
                <c:pt idx="4055">
                  <c:v>#N/A</c:v>
                </c:pt>
                <c:pt idx="4056">
                  <c:v>#N/A</c:v>
                </c:pt>
                <c:pt idx="4057">
                  <c:v>#N/A</c:v>
                </c:pt>
                <c:pt idx="4058">
                  <c:v>#N/A</c:v>
                </c:pt>
                <c:pt idx="4059">
                  <c:v>#N/A</c:v>
                </c:pt>
                <c:pt idx="4060">
                  <c:v>#N/A</c:v>
                </c:pt>
                <c:pt idx="4061">
                  <c:v>#N/A</c:v>
                </c:pt>
                <c:pt idx="4062">
                  <c:v>#N/A</c:v>
                </c:pt>
                <c:pt idx="4063">
                  <c:v>#N/A</c:v>
                </c:pt>
                <c:pt idx="4064">
                  <c:v>#N/A</c:v>
                </c:pt>
                <c:pt idx="4065">
                  <c:v>#N/A</c:v>
                </c:pt>
                <c:pt idx="4066">
                  <c:v>#N/A</c:v>
                </c:pt>
                <c:pt idx="4067">
                  <c:v>#N/A</c:v>
                </c:pt>
                <c:pt idx="4068">
                  <c:v>#N/A</c:v>
                </c:pt>
                <c:pt idx="4069">
                  <c:v>#N/A</c:v>
                </c:pt>
                <c:pt idx="4070">
                  <c:v>#N/A</c:v>
                </c:pt>
                <c:pt idx="4071">
                  <c:v>#N/A</c:v>
                </c:pt>
                <c:pt idx="4072">
                  <c:v>#N/A</c:v>
                </c:pt>
                <c:pt idx="4073">
                  <c:v>#N/A</c:v>
                </c:pt>
                <c:pt idx="4074">
                  <c:v>#N/A</c:v>
                </c:pt>
                <c:pt idx="4075">
                  <c:v>#N/A</c:v>
                </c:pt>
                <c:pt idx="4076">
                  <c:v>#N/A</c:v>
                </c:pt>
                <c:pt idx="4077">
                  <c:v>#N/A</c:v>
                </c:pt>
                <c:pt idx="4078">
                  <c:v>#N/A</c:v>
                </c:pt>
                <c:pt idx="4079">
                  <c:v>#N/A</c:v>
                </c:pt>
                <c:pt idx="4080">
                  <c:v>#N/A</c:v>
                </c:pt>
                <c:pt idx="4081">
                  <c:v>#N/A</c:v>
                </c:pt>
                <c:pt idx="4082">
                  <c:v>#N/A</c:v>
                </c:pt>
                <c:pt idx="4083">
                  <c:v>#N/A</c:v>
                </c:pt>
                <c:pt idx="4084">
                  <c:v>#N/A</c:v>
                </c:pt>
                <c:pt idx="4085">
                  <c:v>#N/A</c:v>
                </c:pt>
                <c:pt idx="4086">
                  <c:v>#N/A</c:v>
                </c:pt>
                <c:pt idx="4087">
                  <c:v>#N/A</c:v>
                </c:pt>
                <c:pt idx="4088">
                  <c:v>#N/A</c:v>
                </c:pt>
                <c:pt idx="4089">
                  <c:v>#N/A</c:v>
                </c:pt>
                <c:pt idx="4090">
                  <c:v>#N/A</c:v>
                </c:pt>
                <c:pt idx="4091">
                  <c:v>#N/A</c:v>
                </c:pt>
                <c:pt idx="4092">
                  <c:v>#N/A</c:v>
                </c:pt>
                <c:pt idx="4093">
                  <c:v>#N/A</c:v>
                </c:pt>
                <c:pt idx="4094">
                  <c:v>#N/A</c:v>
                </c:pt>
                <c:pt idx="4095">
                  <c:v>#N/A</c:v>
                </c:pt>
                <c:pt idx="4096">
                  <c:v>#N/A</c:v>
                </c:pt>
                <c:pt idx="4097">
                  <c:v>#N/A</c:v>
                </c:pt>
                <c:pt idx="4098">
                  <c:v>#N/A</c:v>
                </c:pt>
                <c:pt idx="4099">
                  <c:v>#N/A</c:v>
                </c:pt>
                <c:pt idx="4100">
                  <c:v>#N/A</c:v>
                </c:pt>
                <c:pt idx="4101">
                  <c:v>#N/A</c:v>
                </c:pt>
                <c:pt idx="4102">
                  <c:v>#N/A</c:v>
                </c:pt>
                <c:pt idx="4103">
                  <c:v>#N/A</c:v>
                </c:pt>
                <c:pt idx="4104">
                  <c:v>#N/A</c:v>
                </c:pt>
                <c:pt idx="4105">
                  <c:v>#N/A</c:v>
                </c:pt>
                <c:pt idx="4106">
                  <c:v>#N/A</c:v>
                </c:pt>
                <c:pt idx="4107">
                  <c:v>#N/A</c:v>
                </c:pt>
                <c:pt idx="4108">
                  <c:v>#N/A</c:v>
                </c:pt>
                <c:pt idx="4109">
                  <c:v>#N/A</c:v>
                </c:pt>
                <c:pt idx="4110">
                  <c:v>#N/A</c:v>
                </c:pt>
                <c:pt idx="4111">
                  <c:v>#N/A</c:v>
                </c:pt>
                <c:pt idx="4112">
                  <c:v>#N/A</c:v>
                </c:pt>
                <c:pt idx="4113">
                  <c:v>#N/A</c:v>
                </c:pt>
                <c:pt idx="4114">
                  <c:v>#N/A</c:v>
                </c:pt>
                <c:pt idx="4115">
                  <c:v>#N/A</c:v>
                </c:pt>
                <c:pt idx="4116">
                  <c:v>#N/A</c:v>
                </c:pt>
                <c:pt idx="4117">
                  <c:v>#N/A</c:v>
                </c:pt>
                <c:pt idx="4118">
                  <c:v>#N/A</c:v>
                </c:pt>
                <c:pt idx="4119">
                  <c:v>#N/A</c:v>
                </c:pt>
                <c:pt idx="4120">
                  <c:v>#N/A</c:v>
                </c:pt>
                <c:pt idx="4121">
                  <c:v>#N/A</c:v>
                </c:pt>
                <c:pt idx="4122">
                  <c:v>#N/A</c:v>
                </c:pt>
                <c:pt idx="4123">
                  <c:v>#N/A</c:v>
                </c:pt>
                <c:pt idx="4124">
                  <c:v>#N/A</c:v>
                </c:pt>
                <c:pt idx="4125">
                  <c:v>#N/A</c:v>
                </c:pt>
                <c:pt idx="4126">
                  <c:v>#N/A</c:v>
                </c:pt>
                <c:pt idx="4127">
                  <c:v>#N/A</c:v>
                </c:pt>
                <c:pt idx="4128">
                  <c:v>32.656503604454336</c:v>
                </c:pt>
                <c:pt idx="4129">
                  <c:v>32.983946516112518</c:v>
                </c:pt>
                <c:pt idx="4130">
                  <c:v>33.084771350884623</c:v>
                </c:pt>
                <c:pt idx="4131">
                  <c:v>33.022098343383675</c:v>
                </c:pt>
                <c:pt idx="4132">
                  <c:v>32.871227572363964</c:v>
                </c:pt>
                <c:pt idx="4133">
                  <c:v>32.663385184087005</c:v>
                </c:pt>
                <c:pt idx="4134">
                  <c:v>32.390287722498734</c:v>
                </c:pt>
                <c:pt idx="4135">
                  <c:v>32.060308522271598</c:v>
                </c:pt>
                <c:pt idx="4136">
                  <c:v>31.823160955174522</c:v>
                </c:pt>
                <c:pt idx="4137">
                  <c:v>31.550347594054834</c:v>
                </c:pt>
                <c:pt idx="4138">
                  <c:v>31.305661066601239</c:v>
                </c:pt>
                <c:pt idx="4139">
                  <c:v>#N/A</c:v>
                </c:pt>
                <c:pt idx="4140">
                  <c:v>#N/A</c:v>
                </c:pt>
                <c:pt idx="4141">
                  <c:v>#N/A</c:v>
                </c:pt>
                <c:pt idx="4142">
                  <c:v>#N/A</c:v>
                </c:pt>
                <c:pt idx="4143">
                  <c:v>#N/A</c:v>
                </c:pt>
                <c:pt idx="4144">
                  <c:v>#N/A</c:v>
                </c:pt>
                <c:pt idx="4145">
                  <c:v>#N/A</c:v>
                </c:pt>
                <c:pt idx="4146">
                  <c:v>#N/A</c:v>
                </c:pt>
                <c:pt idx="4147">
                  <c:v>#N/A</c:v>
                </c:pt>
                <c:pt idx="4148">
                  <c:v>#N/A</c:v>
                </c:pt>
                <c:pt idx="4149">
                  <c:v>#N/A</c:v>
                </c:pt>
                <c:pt idx="4150">
                  <c:v>#N/A</c:v>
                </c:pt>
                <c:pt idx="4151">
                  <c:v>#N/A</c:v>
                </c:pt>
                <c:pt idx="4152">
                  <c:v>#N/A</c:v>
                </c:pt>
                <c:pt idx="4153">
                  <c:v>#N/A</c:v>
                </c:pt>
                <c:pt idx="4154">
                  <c:v>#N/A</c:v>
                </c:pt>
                <c:pt idx="4155">
                  <c:v>#N/A</c:v>
                </c:pt>
                <c:pt idx="4156">
                  <c:v>#N/A</c:v>
                </c:pt>
                <c:pt idx="4157">
                  <c:v>#N/A</c:v>
                </c:pt>
                <c:pt idx="4158">
                  <c:v>#N/A</c:v>
                </c:pt>
                <c:pt idx="4159">
                  <c:v>#N/A</c:v>
                </c:pt>
                <c:pt idx="4160">
                  <c:v>#N/A</c:v>
                </c:pt>
                <c:pt idx="4161">
                  <c:v>#N/A</c:v>
                </c:pt>
                <c:pt idx="4162">
                  <c:v>#N/A</c:v>
                </c:pt>
                <c:pt idx="4163">
                  <c:v>32.140427757992853</c:v>
                </c:pt>
                <c:pt idx="4164">
                  <c:v>#N/A</c:v>
                </c:pt>
                <c:pt idx="4165">
                  <c:v>#N/A</c:v>
                </c:pt>
                <c:pt idx="4166">
                  <c:v>#N/A</c:v>
                </c:pt>
                <c:pt idx="4167">
                  <c:v>#N/A</c:v>
                </c:pt>
                <c:pt idx="4168">
                  <c:v>#N/A</c:v>
                </c:pt>
                <c:pt idx="4169">
                  <c:v>#N/A</c:v>
                </c:pt>
                <c:pt idx="4170">
                  <c:v>#N/A</c:v>
                </c:pt>
                <c:pt idx="4171">
                  <c:v>#N/A</c:v>
                </c:pt>
                <c:pt idx="4172">
                  <c:v>#N/A</c:v>
                </c:pt>
                <c:pt idx="4173">
                  <c:v>#N/A</c:v>
                </c:pt>
                <c:pt idx="4174">
                  <c:v>#N/A</c:v>
                </c:pt>
                <c:pt idx="4175">
                  <c:v>#N/A</c:v>
                </c:pt>
                <c:pt idx="4176">
                  <c:v>#N/A</c:v>
                </c:pt>
                <c:pt idx="4177">
                  <c:v>#N/A</c:v>
                </c:pt>
                <c:pt idx="4178">
                  <c:v>#N/A</c:v>
                </c:pt>
                <c:pt idx="4179">
                  <c:v>#N/A</c:v>
                </c:pt>
                <c:pt idx="4180">
                  <c:v>#N/A</c:v>
                </c:pt>
                <c:pt idx="4181">
                  <c:v>#N/A</c:v>
                </c:pt>
                <c:pt idx="4182">
                  <c:v>#N/A</c:v>
                </c:pt>
                <c:pt idx="4183">
                  <c:v>#N/A</c:v>
                </c:pt>
                <c:pt idx="4184">
                  <c:v>#N/A</c:v>
                </c:pt>
                <c:pt idx="4185">
                  <c:v>#N/A</c:v>
                </c:pt>
                <c:pt idx="4186">
                  <c:v>#N/A</c:v>
                </c:pt>
                <c:pt idx="4187">
                  <c:v>#N/A</c:v>
                </c:pt>
                <c:pt idx="4188">
                  <c:v>#N/A</c:v>
                </c:pt>
                <c:pt idx="4189">
                  <c:v>#N/A</c:v>
                </c:pt>
                <c:pt idx="4190">
                  <c:v>#N/A</c:v>
                </c:pt>
                <c:pt idx="4191">
                  <c:v>#N/A</c:v>
                </c:pt>
                <c:pt idx="4192">
                  <c:v>#N/A</c:v>
                </c:pt>
                <c:pt idx="4193">
                  <c:v>#N/A</c:v>
                </c:pt>
                <c:pt idx="4194">
                  <c:v>#N/A</c:v>
                </c:pt>
                <c:pt idx="4195">
                  <c:v>#N/A</c:v>
                </c:pt>
                <c:pt idx="4196">
                  <c:v>#N/A</c:v>
                </c:pt>
                <c:pt idx="4197">
                  <c:v>#N/A</c:v>
                </c:pt>
                <c:pt idx="4198">
                  <c:v>#N/A</c:v>
                </c:pt>
                <c:pt idx="4199">
                  <c:v>#N/A</c:v>
                </c:pt>
                <c:pt idx="4200">
                  <c:v>#N/A</c:v>
                </c:pt>
                <c:pt idx="4201">
                  <c:v>#N/A</c:v>
                </c:pt>
                <c:pt idx="4202">
                  <c:v>#N/A</c:v>
                </c:pt>
                <c:pt idx="4203">
                  <c:v>#N/A</c:v>
                </c:pt>
                <c:pt idx="4204">
                  <c:v>#N/A</c:v>
                </c:pt>
                <c:pt idx="4205">
                  <c:v>#N/A</c:v>
                </c:pt>
                <c:pt idx="4206">
                  <c:v>#N/A</c:v>
                </c:pt>
                <c:pt idx="4207">
                  <c:v>#N/A</c:v>
                </c:pt>
                <c:pt idx="4208">
                  <c:v>#N/A</c:v>
                </c:pt>
                <c:pt idx="4209">
                  <c:v>#N/A</c:v>
                </c:pt>
                <c:pt idx="4210">
                  <c:v>32.313632779124703</c:v>
                </c:pt>
                <c:pt idx="4211">
                  <c:v>#N/A</c:v>
                </c:pt>
                <c:pt idx="4212">
                  <c:v>#N/A</c:v>
                </c:pt>
                <c:pt idx="4213">
                  <c:v>#N/A</c:v>
                </c:pt>
                <c:pt idx="4214">
                  <c:v>#N/A</c:v>
                </c:pt>
                <c:pt idx="4215">
                  <c:v>#N/A</c:v>
                </c:pt>
                <c:pt idx="4216">
                  <c:v>#N/A</c:v>
                </c:pt>
                <c:pt idx="4217">
                  <c:v>#N/A</c:v>
                </c:pt>
                <c:pt idx="4218">
                  <c:v>#N/A</c:v>
                </c:pt>
                <c:pt idx="4219">
                  <c:v>#N/A</c:v>
                </c:pt>
                <c:pt idx="4220">
                  <c:v>#N/A</c:v>
                </c:pt>
                <c:pt idx="4221">
                  <c:v>#N/A</c:v>
                </c:pt>
                <c:pt idx="4222">
                  <c:v>#N/A</c:v>
                </c:pt>
                <c:pt idx="4223">
                  <c:v>#N/A</c:v>
                </c:pt>
                <c:pt idx="4224">
                  <c:v>#N/A</c:v>
                </c:pt>
                <c:pt idx="4225">
                  <c:v>#N/A</c:v>
                </c:pt>
                <c:pt idx="4226">
                  <c:v>#N/A</c:v>
                </c:pt>
                <c:pt idx="4227">
                  <c:v>#N/A</c:v>
                </c:pt>
                <c:pt idx="4228">
                  <c:v>#N/A</c:v>
                </c:pt>
                <c:pt idx="4229">
                  <c:v>#N/A</c:v>
                </c:pt>
                <c:pt idx="4230">
                  <c:v>#N/A</c:v>
                </c:pt>
                <c:pt idx="4231">
                  <c:v>#N/A</c:v>
                </c:pt>
                <c:pt idx="4232">
                  <c:v>#N/A</c:v>
                </c:pt>
                <c:pt idx="4233">
                  <c:v>#N/A</c:v>
                </c:pt>
                <c:pt idx="4234">
                  <c:v>#N/A</c:v>
                </c:pt>
                <c:pt idx="4235">
                  <c:v>#N/A</c:v>
                </c:pt>
                <c:pt idx="4236">
                  <c:v>#N/A</c:v>
                </c:pt>
                <c:pt idx="4237">
                  <c:v>#N/A</c:v>
                </c:pt>
                <c:pt idx="4238">
                  <c:v>#N/A</c:v>
                </c:pt>
                <c:pt idx="4239">
                  <c:v>#N/A</c:v>
                </c:pt>
                <c:pt idx="4240">
                  <c:v>#N/A</c:v>
                </c:pt>
                <c:pt idx="4241">
                  <c:v>#N/A</c:v>
                </c:pt>
                <c:pt idx="4242">
                  <c:v>#N/A</c:v>
                </c:pt>
                <c:pt idx="4243">
                  <c:v>#N/A</c:v>
                </c:pt>
                <c:pt idx="4244">
                  <c:v>#N/A</c:v>
                </c:pt>
                <c:pt idx="4245">
                  <c:v>#N/A</c:v>
                </c:pt>
                <c:pt idx="4246">
                  <c:v>32.148841843835484</c:v>
                </c:pt>
                <c:pt idx="4247">
                  <c:v>32.44303214947977</c:v>
                </c:pt>
                <c:pt idx="4248">
                  <c:v>32.644785462973765</c:v>
                </c:pt>
                <c:pt idx="4249">
                  <c:v>32.763593449047853</c:v>
                </c:pt>
                <c:pt idx="4250">
                  <c:v>32.764298333315111</c:v>
                </c:pt>
                <c:pt idx="4251">
                  <c:v>32.634917978981363</c:v>
                </c:pt>
                <c:pt idx="4252">
                  <c:v>#N/A</c:v>
                </c:pt>
                <c:pt idx="4253">
                  <c:v>#N/A</c:v>
                </c:pt>
                <c:pt idx="4254">
                  <c:v>#N/A</c:v>
                </c:pt>
                <c:pt idx="4255">
                  <c:v>#N/A</c:v>
                </c:pt>
                <c:pt idx="4256">
                  <c:v>#N/A</c:v>
                </c:pt>
                <c:pt idx="4257">
                  <c:v>#N/A</c:v>
                </c:pt>
                <c:pt idx="4258">
                  <c:v>#N/A</c:v>
                </c:pt>
                <c:pt idx="4259">
                  <c:v>#N/A</c:v>
                </c:pt>
                <c:pt idx="4260">
                  <c:v>#N/A</c:v>
                </c:pt>
                <c:pt idx="4261">
                  <c:v>#N/A</c:v>
                </c:pt>
                <c:pt idx="4262">
                  <c:v>#N/A</c:v>
                </c:pt>
                <c:pt idx="4263">
                  <c:v>#N/A</c:v>
                </c:pt>
                <c:pt idx="4264">
                  <c:v>#N/A</c:v>
                </c:pt>
                <c:pt idx="4265">
                  <c:v>#N/A</c:v>
                </c:pt>
                <c:pt idx="4266">
                  <c:v>#N/A</c:v>
                </c:pt>
                <c:pt idx="4267">
                  <c:v>#N/A</c:v>
                </c:pt>
                <c:pt idx="4268">
                  <c:v>#N/A</c:v>
                </c:pt>
                <c:pt idx="4269">
                  <c:v>#N/A</c:v>
                </c:pt>
                <c:pt idx="4270">
                  <c:v>#N/A</c:v>
                </c:pt>
                <c:pt idx="4271">
                  <c:v>#N/A</c:v>
                </c:pt>
                <c:pt idx="4272">
                  <c:v>#N/A</c:v>
                </c:pt>
                <c:pt idx="4273">
                  <c:v>#N/A</c:v>
                </c:pt>
                <c:pt idx="4274">
                  <c:v>#N/A</c:v>
                </c:pt>
                <c:pt idx="4275">
                  <c:v>#N/A</c:v>
                </c:pt>
                <c:pt idx="4276">
                  <c:v>#N/A</c:v>
                </c:pt>
                <c:pt idx="4277">
                  <c:v>#N/A</c:v>
                </c:pt>
                <c:pt idx="4278">
                  <c:v>#N/A</c:v>
                </c:pt>
                <c:pt idx="4279">
                  <c:v>#N/A</c:v>
                </c:pt>
                <c:pt idx="4280">
                  <c:v>#N/A</c:v>
                </c:pt>
                <c:pt idx="4281">
                  <c:v>#N/A</c:v>
                </c:pt>
                <c:pt idx="4282">
                  <c:v>#N/A</c:v>
                </c:pt>
                <c:pt idx="4283">
                  <c:v>#N/A</c:v>
                </c:pt>
                <c:pt idx="4284">
                  <c:v>#N/A</c:v>
                </c:pt>
                <c:pt idx="4285">
                  <c:v>#N/A</c:v>
                </c:pt>
                <c:pt idx="4286">
                  <c:v>#N/A</c:v>
                </c:pt>
                <c:pt idx="4287">
                  <c:v>#N/A</c:v>
                </c:pt>
                <c:pt idx="4288">
                  <c:v>#N/A</c:v>
                </c:pt>
                <c:pt idx="4289">
                  <c:v>#N/A</c:v>
                </c:pt>
                <c:pt idx="4290">
                  <c:v>#N/A</c:v>
                </c:pt>
                <c:pt idx="4291">
                  <c:v>#N/A</c:v>
                </c:pt>
                <c:pt idx="4292">
                  <c:v>#N/A</c:v>
                </c:pt>
                <c:pt idx="4293">
                  <c:v>#N/A</c:v>
                </c:pt>
                <c:pt idx="4294">
                  <c:v>#N/A</c:v>
                </c:pt>
                <c:pt idx="4295">
                  <c:v>#N/A</c:v>
                </c:pt>
                <c:pt idx="4296">
                  <c:v>#N/A</c:v>
                </c:pt>
                <c:pt idx="4297">
                  <c:v>#N/A</c:v>
                </c:pt>
                <c:pt idx="4298">
                  <c:v>#N/A</c:v>
                </c:pt>
                <c:pt idx="4299">
                  <c:v>#N/A</c:v>
                </c:pt>
                <c:pt idx="4300">
                  <c:v>#N/A</c:v>
                </c:pt>
                <c:pt idx="4301">
                  <c:v>#N/A</c:v>
                </c:pt>
                <c:pt idx="4302">
                  <c:v>#N/A</c:v>
                </c:pt>
                <c:pt idx="4303">
                  <c:v>#N/A</c:v>
                </c:pt>
                <c:pt idx="4304">
                  <c:v>#N/A</c:v>
                </c:pt>
                <c:pt idx="4305">
                  <c:v>#N/A</c:v>
                </c:pt>
                <c:pt idx="4306">
                  <c:v>#N/A</c:v>
                </c:pt>
                <c:pt idx="4307">
                  <c:v>#N/A</c:v>
                </c:pt>
                <c:pt idx="4308">
                  <c:v>#N/A</c:v>
                </c:pt>
                <c:pt idx="4309">
                  <c:v>#N/A</c:v>
                </c:pt>
                <c:pt idx="4310">
                  <c:v>#N/A</c:v>
                </c:pt>
                <c:pt idx="4311">
                  <c:v>#N/A</c:v>
                </c:pt>
                <c:pt idx="4312">
                  <c:v>#N/A</c:v>
                </c:pt>
                <c:pt idx="4313">
                  <c:v>#N/A</c:v>
                </c:pt>
                <c:pt idx="4314">
                  <c:v>#N/A</c:v>
                </c:pt>
                <c:pt idx="4315">
                  <c:v>#N/A</c:v>
                </c:pt>
                <c:pt idx="4316">
                  <c:v>#N/A</c:v>
                </c:pt>
                <c:pt idx="4317">
                  <c:v>#N/A</c:v>
                </c:pt>
                <c:pt idx="4318">
                  <c:v>#N/A</c:v>
                </c:pt>
                <c:pt idx="4319">
                  <c:v>#N/A</c:v>
                </c:pt>
                <c:pt idx="4320">
                  <c:v>#N/A</c:v>
                </c:pt>
                <c:pt idx="4321">
                  <c:v>#N/A</c:v>
                </c:pt>
                <c:pt idx="4322">
                  <c:v>#N/A</c:v>
                </c:pt>
                <c:pt idx="4323">
                  <c:v>#N/A</c:v>
                </c:pt>
                <c:pt idx="4324">
                  <c:v>#N/A</c:v>
                </c:pt>
                <c:pt idx="4325">
                  <c:v>#N/A</c:v>
                </c:pt>
                <c:pt idx="4326">
                  <c:v>#N/A</c:v>
                </c:pt>
                <c:pt idx="4327">
                  <c:v>#N/A</c:v>
                </c:pt>
                <c:pt idx="4328">
                  <c:v>#N/A</c:v>
                </c:pt>
                <c:pt idx="4329">
                  <c:v>#N/A</c:v>
                </c:pt>
                <c:pt idx="4330">
                  <c:v>#N/A</c:v>
                </c:pt>
                <c:pt idx="4331">
                  <c:v>#N/A</c:v>
                </c:pt>
                <c:pt idx="4332">
                  <c:v>#N/A</c:v>
                </c:pt>
                <c:pt idx="4333">
                  <c:v>#N/A</c:v>
                </c:pt>
                <c:pt idx="4334">
                  <c:v>#N/A</c:v>
                </c:pt>
                <c:pt idx="4335">
                  <c:v>#N/A</c:v>
                </c:pt>
                <c:pt idx="4336">
                  <c:v>#N/A</c:v>
                </c:pt>
                <c:pt idx="4337">
                  <c:v>#N/A</c:v>
                </c:pt>
                <c:pt idx="4338">
                  <c:v>#N/A</c:v>
                </c:pt>
                <c:pt idx="4339">
                  <c:v>#N/A</c:v>
                </c:pt>
                <c:pt idx="4340">
                  <c:v>#N/A</c:v>
                </c:pt>
                <c:pt idx="4341">
                  <c:v>#N/A</c:v>
                </c:pt>
                <c:pt idx="4342">
                  <c:v>#N/A</c:v>
                </c:pt>
                <c:pt idx="4343">
                  <c:v>#N/A</c:v>
                </c:pt>
                <c:pt idx="4344">
                  <c:v>#N/A</c:v>
                </c:pt>
                <c:pt idx="4345">
                  <c:v>#N/A</c:v>
                </c:pt>
                <c:pt idx="4346">
                  <c:v>#N/A</c:v>
                </c:pt>
                <c:pt idx="4347">
                  <c:v>#N/A</c:v>
                </c:pt>
                <c:pt idx="4348">
                  <c:v>#N/A</c:v>
                </c:pt>
                <c:pt idx="4349">
                  <c:v>#N/A</c:v>
                </c:pt>
                <c:pt idx="4350">
                  <c:v>#N/A</c:v>
                </c:pt>
                <c:pt idx="4351">
                  <c:v>32.770610478012152</c:v>
                </c:pt>
                <c:pt idx="4352">
                  <c:v>32.932636460910594</c:v>
                </c:pt>
                <c:pt idx="4353">
                  <c:v>33.084405877610834</c:v>
                </c:pt>
                <c:pt idx="4354">
                  <c:v>33.251435189495133</c:v>
                </c:pt>
                <c:pt idx="4355">
                  <c:v>33.331547609839255</c:v>
                </c:pt>
                <c:pt idx="4356">
                  <c:v>33.356953444116215</c:v>
                </c:pt>
                <c:pt idx="4357">
                  <c:v>33.336252249966812</c:v>
                </c:pt>
                <c:pt idx="4358">
                  <c:v>33.306422926779959</c:v>
                </c:pt>
                <c:pt idx="4359">
                  <c:v>33.192097239779564</c:v>
                </c:pt>
                <c:pt idx="4360">
                  <c:v>33.129444330022551</c:v>
                </c:pt>
                <c:pt idx="4361">
                  <c:v>33.022498974290471</c:v>
                </c:pt>
                <c:pt idx="4362">
                  <c:v>32.940430907027235</c:v>
                </c:pt>
                <c:pt idx="4363">
                  <c:v>32.841450876974946</c:v>
                </c:pt>
                <c:pt idx="4364">
                  <c:v>32.726632957088796</c:v>
                </c:pt>
                <c:pt idx="4365">
                  <c:v>32.611902795343049</c:v>
                </c:pt>
                <c:pt idx="4366">
                  <c:v>32.623084840679752</c:v>
                </c:pt>
                <c:pt idx="4367">
                  <c:v>32.520720197577184</c:v>
                </c:pt>
                <c:pt idx="4368">
                  <c:v>32.525945892722675</c:v>
                </c:pt>
                <c:pt idx="4369">
                  <c:v>32.381200798730433</c:v>
                </c:pt>
                <c:pt idx="4370">
                  <c:v>#N/A</c:v>
                </c:pt>
                <c:pt idx="4371">
                  <c:v>#N/A</c:v>
                </c:pt>
                <c:pt idx="4372">
                  <c:v>#N/A</c:v>
                </c:pt>
                <c:pt idx="4373">
                  <c:v>#N/A</c:v>
                </c:pt>
                <c:pt idx="4374">
                  <c:v>#N/A</c:v>
                </c:pt>
                <c:pt idx="4375">
                  <c:v>#N/A</c:v>
                </c:pt>
                <c:pt idx="4376">
                  <c:v>#N/A</c:v>
                </c:pt>
                <c:pt idx="4377">
                  <c:v>#N/A</c:v>
                </c:pt>
                <c:pt idx="4378">
                  <c:v>#N/A</c:v>
                </c:pt>
                <c:pt idx="4379">
                  <c:v>#N/A</c:v>
                </c:pt>
                <c:pt idx="4380">
                  <c:v>#N/A</c:v>
                </c:pt>
                <c:pt idx="4381">
                  <c:v>#N/A</c:v>
                </c:pt>
                <c:pt idx="4382">
                  <c:v>#N/A</c:v>
                </c:pt>
                <c:pt idx="4383">
                  <c:v>#N/A</c:v>
                </c:pt>
                <c:pt idx="4384">
                  <c:v>#N/A</c:v>
                </c:pt>
                <c:pt idx="4385">
                  <c:v>#N/A</c:v>
                </c:pt>
                <c:pt idx="4386">
                  <c:v>#N/A</c:v>
                </c:pt>
                <c:pt idx="4387">
                  <c:v>#N/A</c:v>
                </c:pt>
                <c:pt idx="4388">
                  <c:v>#N/A</c:v>
                </c:pt>
                <c:pt idx="4389">
                  <c:v>#N/A</c:v>
                </c:pt>
                <c:pt idx="4390">
                  <c:v>#N/A</c:v>
                </c:pt>
                <c:pt idx="4391">
                  <c:v>#N/A</c:v>
                </c:pt>
                <c:pt idx="4392">
                  <c:v>#N/A</c:v>
                </c:pt>
                <c:pt idx="4393">
                  <c:v>#N/A</c:v>
                </c:pt>
                <c:pt idx="4394">
                  <c:v>#N/A</c:v>
                </c:pt>
                <c:pt idx="4395">
                  <c:v>#N/A</c:v>
                </c:pt>
                <c:pt idx="4396">
                  <c:v>#N/A</c:v>
                </c:pt>
                <c:pt idx="4397">
                  <c:v>#N/A</c:v>
                </c:pt>
                <c:pt idx="4398">
                  <c:v>#N/A</c:v>
                </c:pt>
                <c:pt idx="4399">
                  <c:v>#N/A</c:v>
                </c:pt>
                <c:pt idx="4400">
                  <c:v>#N/A</c:v>
                </c:pt>
                <c:pt idx="4401">
                  <c:v>#N/A</c:v>
                </c:pt>
                <c:pt idx="4402">
                  <c:v>#N/A</c:v>
                </c:pt>
                <c:pt idx="4403">
                  <c:v>#N/A</c:v>
                </c:pt>
                <c:pt idx="4404">
                  <c:v>#N/A</c:v>
                </c:pt>
                <c:pt idx="4405">
                  <c:v>#N/A</c:v>
                </c:pt>
                <c:pt idx="4406">
                  <c:v>#N/A</c:v>
                </c:pt>
                <c:pt idx="4407">
                  <c:v>#N/A</c:v>
                </c:pt>
                <c:pt idx="4408">
                  <c:v>#N/A</c:v>
                </c:pt>
                <c:pt idx="4409">
                  <c:v>#N/A</c:v>
                </c:pt>
                <c:pt idx="4410">
                  <c:v>#N/A</c:v>
                </c:pt>
                <c:pt idx="4411">
                  <c:v>#N/A</c:v>
                </c:pt>
                <c:pt idx="4412">
                  <c:v>#N/A</c:v>
                </c:pt>
                <c:pt idx="4413">
                  <c:v>#N/A</c:v>
                </c:pt>
                <c:pt idx="4414">
                  <c:v>#N/A</c:v>
                </c:pt>
                <c:pt idx="4415">
                  <c:v>#N/A</c:v>
                </c:pt>
                <c:pt idx="4416">
                  <c:v>#N/A</c:v>
                </c:pt>
                <c:pt idx="4417">
                  <c:v>#N/A</c:v>
                </c:pt>
                <c:pt idx="4418">
                  <c:v>#N/A</c:v>
                </c:pt>
                <c:pt idx="4419">
                  <c:v>#N/A</c:v>
                </c:pt>
                <c:pt idx="4420">
                  <c:v>#N/A</c:v>
                </c:pt>
                <c:pt idx="4421">
                  <c:v>#N/A</c:v>
                </c:pt>
                <c:pt idx="4422">
                  <c:v>#N/A</c:v>
                </c:pt>
                <c:pt idx="4423">
                  <c:v>#N/A</c:v>
                </c:pt>
                <c:pt idx="4424">
                  <c:v>#N/A</c:v>
                </c:pt>
                <c:pt idx="4425">
                  <c:v>#N/A</c:v>
                </c:pt>
                <c:pt idx="4426">
                  <c:v>#N/A</c:v>
                </c:pt>
                <c:pt idx="4427">
                  <c:v>#N/A</c:v>
                </c:pt>
                <c:pt idx="4428">
                  <c:v>#N/A</c:v>
                </c:pt>
                <c:pt idx="4429">
                  <c:v>#N/A</c:v>
                </c:pt>
                <c:pt idx="4430">
                  <c:v>#N/A</c:v>
                </c:pt>
                <c:pt idx="4431">
                  <c:v>33.036383694378507</c:v>
                </c:pt>
                <c:pt idx="4432">
                  <c:v>33.076985624797878</c:v>
                </c:pt>
                <c:pt idx="4433">
                  <c:v>32.990679619125032</c:v>
                </c:pt>
                <c:pt idx="4434">
                  <c:v>32.801431283436294</c:v>
                </c:pt>
                <c:pt idx="4435">
                  <c:v>32.519431541104936</c:v>
                </c:pt>
                <c:pt idx="4436">
                  <c:v>32.273749241381907</c:v>
                </c:pt>
                <c:pt idx="4437">
                  <c:v>#N/A</c:v>
                </c:pt>
                <c:pt idx="4438">
                  <c:v>#N/A</c:v>
                </c:pt>
                <c:pt idx="4439">
                  <c:v>#N/A</c:v>
                </c:pt>
                <c:pt idx="4440">
                  <c:v>#N/A</c:v>
                </c:pt>
                <c:pt idx="4441">
                  <c:v>#N/A</c:v>
                </c:pt>
                <c:pt idx="4442">
                  <c:v>#N/A</c:v>
                </c:pt>
                <c:pt idx="4443">
                  <c:v>#N/A</c:v>
                </c:pt>
                <c:pt idx="4444">
                  <c:v>#N/A</c:v>
                </c:pt>
                <c:pt idx="4445">
                  <c:v>#N/A</c:v>
                </c:pt>
                <c:pt idx="4446">
                  <c:v>#N/A</c:v>
                </c:pt>
                <c:pt idx="4447">
                  <c:v>#N/A</c:v>
                </c:pt>
                <c:pt idx="4448">
                  <c:v>#N/A</c:v>
                </c:pt>
                <c:pt idx="4449">
                  <c:v>#N/A</c:v>
                </c:pt>
                <c:pt idx="4450">
                  <c:v>#N/A</c:v>
                </c:pt>
                <c:pt idx="4451">
                  <c:v>#N/A</c:v>
                </c:pt>
                <c:pt idx="4452">
                  <c:v>#N/A</c:v>
                </c:pt>
                <c:pt idx="4453">
                  <c:v>#N/A</c:v>
                </c:pt>
                <c:pt idx="4454">
                  <c:v>32.566470308412669</c:v>
                </c:pt>
                <c:pt idx="4455">
                  <c:v>32.877590307269195</c:v>
                </c:pt>
                <c:pt idx="4456">
                  <c:v>33.07219151747023</c:v>
                </c:pt>
                <c:pt idx="4457">
                  <c:v>33.200370524428095</c:v>
                </c:pt>
                <c:pt idx="4458">
                  <c:v>33.235242065091356</c:v>
                </c:pt>
                <c:pt idx="4459">
                  <c:v>33.240845479896613</c:v>
                </c:pt>
                <c:pt idx="4460">
                  <c:v>33.26881886851946</c:v>
                </c:pt>
                <c:pt idx="4461">
                  <c:v>33.290671539755955</c:v>
                </c:pt>
                <c:pt idx="4462">
                  <c:v>33.266169354759469</c:v>
                </c:pt>
                <c:pt idx="4463">
                  <c:v>33.212289878364764</c:v>
                </c:pt>
                <c:pt idx="4464">
                  <c:v>33.117113767974473</c:v>
                </c:pt>
                <c:pt idx="4465">
                  <c:v>33.03000103529083</c:v>
                </c:pt>
                <c:pt idx="4466">
                  <c:v>32.945215528289737</c:v>
                </c:pt>
                <c:pt idx="4467">
                  <c:v>32.895211326060362</c:v>
                </c:pt>
                <c:pt idx="4468">
                  <c:v>32.832424963256024</c:v>
                </c:pt>
                <c:pt idx="4469">
                  <c:v>32.757113320199494</c:v>
                </c:pt>
                <c:pt idx="4470">
                  <c:v>32.604481027550946</c:v>
                </c:pt>
                <c:pt idx="4471">
                  <c:v>32.443851797391503</c:v>
                </c:pt>
                <c:pt idx="4472">
                  <c:v>32.366413922469299</c:v>
                </c:pt>
                <c:pt idx="4473">
                  <c:v>32.223969653778362</c:v>
                </c:pt>
                <c:pt idx="4474">
                  <c:v>32.013345498258637</c:v>
                </c:pt>
                <c:pt idx="4475">
                  <c:v>#N/A</c:v>
                </c:pt>
                <c:pt idx="4476">
                  <c:v>#N/A</c:v>
                </c:pt>
                <c:pt idx="4477">
                  <c:v>#N/A</c:v>
                </c:pt>
                <c:pt idx="4478">
                  <c:v>#N/A</c:v>
                </c:pt>
                <c:pt idx="4479">
                  <c:v>#N/A</c:v>
                </c:pt>
                <c:pt idx="4480">
                  <c:v>#N/A</c:v>
                </c:pt>
                <c:pt idx="4481">
                  <c:v>#N/A</c:v>
                </c:pt>
                <c:pt idx="4482">
                  <c:v>#N/A</c:v>
                </c:pt>
                <c:pt idx="4483">
                  <c:v>#N/A</c:v>
                </c:pt>
                <c:pt idx="4484">
                  <c:v>#N/A</c:v>
                </c:pt>
                <c:pt idx="4485">
                  <c:v>#N/A</c:v>
                </c:pt>
                <c:pt idx="4486">
                  <c:v>#N/A</c:v>
                </c:pt>
                <c:pt idx="4487">
                  <c:v>#N/A</c:v>
                </c:pt>
                <c:pt idx="4488">
                  <c:v>#N/A</c:v>
                </c:pt>
                <c:pt idx="4489">
                  <c:v>#N/A</c:v>
                </c:pt>
                <c:pt idx="4490">
                  <c:v>#N/A</c:v>
                </c:pt>
                <c:pt idx="4491">
                  <c:v>#N/A</c:v>
                </c:pt>
                <c:pt idx="4492">
                  <c:v>#N/A</c:v>
                </c:pt>
                <c:pt idx="4493">
                  <c:v>#N/A</c:v>
                </c:pt>
                <c:pt idx="4494">
                  <c:v>#N/A</c:v>
                </c:pt>
                <c:pt idx="4495">
                  <c:v>#N/A</c:v>
                </c:pt>
                <c:pt idx="4496">
                  <c:v>#N/A</c:v>
                </c:pt>
                <c:pt idx="4497">
                  <c:v>#N/A</c:v>
                </c:pt>
                <c:pt idx="4498">
                  <c:v>#N/A</c:v>
                </c:pt>
                <c:pt idx="4499">
                  <c:v>#N/A</c:v>
                </c:pt>
                <c:pt idx="4500">
                  <c:v>#N/A</c:v>
                </c:pt>
                <c:pt idx="4501">
                  <c:v>#N/A</c:v>
                </c:pt>
                <c:pt idx="4502">
                  <c:v>#N/A</c:v>
                </c:pt>
                <c:pt idx="4503">
                  <c:v>#N/A</c:v>
                </c:pt>
                <c:pt idx="4504">
                  <c:v>#N/A</c:v>
                </c:pt>
                <c:pt idx="4505">
                  <c:v>#N/A</c:v>
                </c:pt>
                <c:pt idx="4506">
                  <c:v>#N/A</c:v>
                </c:pt>
                <c:pt idx="4507">
                  <c:v>#N/A</c:v>
                </c:pt>
                <c:pt idx="4508">
                  <c:v>#N/A</c:v>
                </c:pt>
                <c:pt idx="4509">
                  <c:v>#N/A</c:v>
                </c:pt>
                <c:pt idx="4510">
                  <c:v>#N/A</c:v>
                </c:pt>
                <c:pt idx="4511">
                  <c:v>#N/A</c:v>
                </c:pt>
                <c:pt idx="4512">
                  <c:v>#N/A</c:v>
                </c:pt>
                <c:pt idx="4513">
                  <c:v>#N/A</c:v>
                </c:pt>
                <c:pt idx="4514">
                  <c:v>#N/A</c:v>
                </c:pt>
                <c:pt idx="4515">
                  <c:v>#N/A</c:v>
                </c:pt>
                <c:pt idx="4516">
                  <c:v>#N/A</c:v>
                </c:pt>
                <c:pt idx="4517">
                  <c:v>#N/A</c:v>
                </c:pt>
                <c:pt idx="4518">
                  <c:v>#N/A</c:v>
                </c:pt>
                <c:pt idx="4519">
                  <c:v>#N/A</c:v>
                </c:pt>
                <c:pt idx="4520">
                  <c:v>#N/A</c:v>
                </c:pt>
                <c:pt idx="4521">
                  <c:v>#N/A</c:v>
                </c:pt>
                <c:pt idx="4522">
                  <c:v>#N/A</c:v>
                </c:pt>
                <c:pt idx="4523">
                  <c:v>#N/A</c:v>
                </c:pt>
                <c:pt idx="4524">
                  <c:v>#N/A</c:v>
                </c:pt>
                <c:pt idx="4525">
                  <c:v>#N/A</c:v>
                </c:pt>
                <c:pt idx="4526">
                  <c:v>#N/A</c:v>
                </c:pt>
                <c:pt idx="4527">
                  <c:v>#N/A</c:v>
                </c:pt>
                <c:pt idx="4528">
                  <c:v>#N/A</c:v>
                </c:pt>
                <c:pt idx="4529">
                  <c:v>#N/A</c:v>
                </c:pt>
                <c:pt idx="4530">
                  <c:v>#N/A</c:v>
                </c:pt>
                <c:pt idx="4531">
                  <c:v>#N/A</c:v>
                </c:pt>
                <c:pt idx="4532">
                  <c:v>#N/A</c:v>
                </c:pt>
                <c:pt idx="4533">
                  <c:v>#N/A</c:v>
                </c:pt>
                <c:pt idx="4534">
                  <c:v>#N/A</c:v>
                </c:pt>
                <c:pt idx="4535">
                  <c:v>#N/A</c:v>
                </c:pt>
                <c:pt idx="4536">
                  <c:v>#N/A</c:v>
                </c:pt>
                <c:pt idx="4537">
                  <c:v>#N/A</c:v>
                </c:pt>
                <c:pt idx="4538">
                  <c:v>#N/A</c:v>
                </c:pt>
                <c:pt idx="4539">
                  <c:v>#N/A</c:v>
                </c:pt>
                <c:pt idx="4540">
                  <c:v>#N/A</c:v>
                </c:pt>
                <c:pt idx="4541">
                  <c:v>#N/A</c:v>
                </c:pt>
                <c:pt idx="4542">
                  <c:v>#N/A</c:v>
                </c:pt>
                <c:pt idx="4543">
                  <c:v>#N/A</c:v>
                </c:pt>
                <c:pt idx="4544">
                  <c:v>#N/A</c:v>
                </c:pt>
                <c:pt idx="4545">
                  <c:v>#N/A</c:v>
                </c:pt>
                <c:pt idx="4546">
                  <c:v>#N/A</c:v>
                </c:pt>
                <c:pt idx="4547">
                  <c:v>#N/A</c:v>
                </c:pt>
                <c:pt idx="4548">
                  <c:v>#N/A</c:v>
                </c:pt>
                <c:pt idx="4549">
                  <c:v>#N/A</c:v>
                </c:pt>
                <c:pt idx="4550">
                  <c:v>#N/A</c:v>
                </c:pt>
                <c:pt idx="4551">
                  <c:v>#N/A</c:v>
                </c:pt>
                <c:pt idx="4552">
                  <c:v>#N/A</c:v>
                </c:pt>
                <c:pt idx="4553">
                  <c:v>#N/A</c:v>
                </c:pt>
                <c:pt idx="4554">
                  <c:v>#N/A</c:v>
                </c:pt>
                <c:pt idx="4555">
                  <c:v>#N/A</c:v>
                </c:pt>
                <c:pt idx="4556">
                  <c:v>#N/A</c:v>
                </c:pt>
                <c:pt idx="4557">
                  <c:v>#N/A</c:v>
                </c:pt>
                <c:pt idx="4558">
                  <c:v>#N/A</c:v>
                </c:pt>
                <c:pt idx="4559">
                  <c:v>#N/A</c:v>
                </c:pt>
                <c:pt idx="4560">
                  <c:v>#N/A</c:v>
                </c:pt>
                <c:pt idx="4561">
                  <c:v>#N/A</c:v>
                </c:pt>
                <c:pt idx="4562">
                  <c:v>#N/A</c:v>
                </c:pt>
                <c:pt idx="4563">
                  <c:v>#N/A</c:v>
                </c:pt>
                <c:pt idx="4564">
                  <c:v>#N/A</c:v>
                </c:pt>
                <c:pt idx="4565">
                  <c:v>#N/A</c:v>
                </c:pt>
                <c:pt idx="4566">
                  <c:v>#N/A</c:v>
                </c:pt>
                <c:pt idx="4567">
                  <c:v>#N/A</c:v>
                </c:pt>
                <c:pt idx="4568">
                  <c:v>#N/A</c:v>
                </c:pt>
                <c:pt idx="4569">
                  <c:v>#N/A</c:v>
                </c:pt>
                <c:pt idx="4570">
                  <c:v>#N/A</c:v>
                </c:pt>
                <c:pt idx="4571">
                  <c:v>#N/A</c:v>
                </c:pt>
                <c:pt idx="4572">
                  <c:v>#N/A</c:v>
                </c:pt>
                <c:pt idx="4573">
                  <c:v>#N/A</c:v>
                </c:pt>
                <c:pt idx="4574">
                  <c:v>#N/A</c:v>
                </c:pt>
                <c:pt idx="4575">
                  <c:v>#N/A</c:v>
                </c:pt>
                <c:pt idx="4576">
                  <c:v>32.894236548426427</c:v>
                </c:pt>
                <c:pt idx="4577">
                  <c:v>33.075539288173402</c:v>
                </c:pt>
                <c:pt idx="4578">
                  <c:v>33.193844009348112</c:v>
                </c:pt>
                <c:pt idx="4579">
                  <c:v>33.225733691117512</c:v>
                </c:pt>
                <c:pt idx="4580">
                  <c:v>33.204582334293519</c:v>
                </c:pt>
                <c:pt idx="4581">
                  <c:v>33.122719049416744</c:v>
                </c:pt>
                <c:pt idx="4582">
                  <c:v>32.990006749225287</c:v>
                </c:pt>
                <c:pt idx="4583">
                  <c:v>32.839936776388427</c:v>
                </c:pt>
                <c:pt idx="4584">
                  <c:v>32.702047716995502</c:v>
                </c:pt>
                <c:pt idx="4585">
                  <c:v>32.549169255875313</c:v>
                </c:pt>
                <c:pt idx="4586">
                  <c:v>32.417786361134389</c:v>
                </c:pt>
                <c:pt idx="4587">
                  <c:v>32.334664824164847</c:v>
                </c:pt>
                <c:pt idx="4588">
                  <c:v>32.335172221658716</c:v>
                </c:pt>
                <c:pt idx="4589">
                  <c:v>32.382846293750816</c:v>
                </c:pt>
                <c:pt idx="4590">
                  <c:v>32.321876838749702</c:v>
                </c:pt>
                <c:pt idx="4591">
                  <c:v>32.20203107391729</c:v>
                </c:pt>
                <c:pt idx="4592">
                  <c:v>31.93272670164869</c:v>
                </c:pt>
                <c:pt idx="4593">
                  <c:v>#N/A</c:v>
                </c:pt>
                <c:pt idx="4594">
                  <c:v>#N/A</c:v>
                </c:pt>
                <c:pt idx="4595">
                  <c:v>#N/A</c:v>
                </c:pt>
                <c:pt idx="4596">
                  <c:v>#N/A</c:v>
                </c:pt>
                <c:pt idx="4597">
                  <c:v>#N/A</c:v>
                </c:pt>
                <c:pt idx="4598">
                  <c:v>#N/A</c:v>
                </c:pt>
                <c:pt idx="4599">
                  <c:v>#N/A</c:v>
                </c:pt>
                <c:pt idx="4600">
                  <c:v>#N/A</c:v>
                </c:pt>
                <c:pt idx="4601">
                  <c:v>#N/A</c:v>
                </c:pt>
                <c:pt idx="4602">
                  <c:v>#N/A</c:v>
                </c:pt>
                <c:pt idx="4603">
                  <c:v>#N/A</c:v>
                </c:pt>
                <c:pt idx="4604">
                  <c:v>#N/A</c:v>
                </c:pt>
                <c:pt idx="4605">
                  <c:v>#N/A</c:v>
                </c:pt>
                <c:pt idx="4606">
                  <c:v>#N/A</c:v>
                </c:pt>
                <c:pt idx="4607">
                  <c:v>#N/A</c:v>
                </c:pt>
                <c:pt idx="4608">
                  <c:v>#N/A</c:v>
                </c:pt>
                <c:pt idx="4609">
                  <c:v>#N/A</c:v>
                </c:pt>
                <c:pt idx="4610">
                  <c:v>#N/A</c:v>
                </c:pt>
                <c:pt idx="4611">
                  <c:v>#N/A</c:v>
                </c:pt>
                <c:pt idx="4612">
                  <c:v>#N/A</c:v>
                </c:pt>
                <c:pt idx="4613">
                  <c:v>#N/A</c:v>
                </c:pt>
                <c:pt idx="4614">
                  <c:v>#N/A</c:v>
                </c:pt>
                <c:pt idx="4615">
                  <c:v>#N/A</c:v>
                </c:pt>
                <c:pt idx="4616">
                  <c:v>#N/A</c:v>
                </c:pt>
                <c:pt idx="4617">
                  <c:v>#N/A</c:v>
                </c:pt>
                <c:pt idx="4618">
                  <c:v>#N/A</c:v>
                </c:pt>
                <c:pt idx="4619">
                  <c:v>#N/A</c:v>
                </c:pt>
                <c:pt idx="4620">
                  <c:v>#N/A</c:v>
                </c:pt>
                <c:pt idx="4621">
                  <c:v>#N/A</c:v>
                </c:pt>
                <c:pt idx="4622">
                  <c:v>#N/A</c:v>
                </c:pt>
                <c:pt idx="4623">
                  <c:v>#N/A</c:v>
                </c:pt>
                <c:pt idx="4624">
                  <c:v>#N/A</c:v>
                </c:pt>
                <c:pt idx="4625">
                  <c:v>#N/A</c:v>
                </c:pt>
                <c:pt idx="4626">
                  <c:v>#N/A</c:v>
                </c:pt>
                <c:pt idx="4627">
                  <c:v>#N/A</c:v>
                </c:pt>
                <c:pt idx="4628">
                  <c:v>#N/A</c:v>
                </c:pt>
                <c:pt idx="4629">
                  <c:v>#N/A</c:v>
                </c:pt>
                <c:pt idx="4630">
                  <c:v>#N/A</c:v>
                </c:pt>
                <c:pt idx="4631">
                  <c:v>#N/A</c:v>
                </c:pt>
                <c:pt idx="4632">
                  <c:v>32.673754758279543</c:v>
                </c:pt>
                <c:pt idx="4633">
                  <c:v>32.899172739546067</c:v>
                </c:pt>
                <c:pt idx="4634">
                  <c:v>33.074138157744144</c:v>
                </c:pt>
                <c:pt idx="4635">
                  <c:v>33.218884775342978</c:v>
                </c:pt>
                <c:pt idx="4636">
                  <c:v>33.379713888847178</c:v>
                </c:pt>
                <c:pt idx="4637">
                  <c:v>33.489125455495198</c:v>
                </c:pt>
                <c:pt idx="4638">
                  <c:v>33.530268298908666</c:v>
                </c:pt>
                <c:pt idx="4639">
                  <c:v>33.604552395928408</c:v>
                </c:pt>
                <c:pt idx="4640">
                  <c:v>33.674953900444379</c:v>
                </c:pt>
                <c:pt idx="4641">
                  <c:v>33.798760199856758</c:v>
                </c:pt>
                <c:pt idx="4642">
                  <c:v>33.987725023461891</c:v>
                </c:pt>
                <c:pt idx="4643">
                  <c:v>34.128505593360202</c:v>
                </c:pt>
                <c:pt idx="4644">
                  <c:v>34.232540590106964</c:v>
                </c:pt>
                <c:pt idx="4645">
                  <c:v>34.235598198992925</c:v>
                </c:pt>
                <c:pt idx="4646">
                  <c:v>34.250061460335928</c:v>
                </c:pt>
                <c:pt idx="4647">
                  <c:v>33.953405710989657</c:v>
                </c:pt>
                <c:pt idx="4648">
                  <c:v>33.640480644332442</c:v>
                </c:pt>
                <c:pt idx="4649">
                  <c:v>33.314952230407641</c:v>
                </c:pt>
                <c:pt idx="4650">
                  <c:v>33.102209264857677</c:v>
                </c:pt>
                <c:pt idx="4651">
                  <c:v>32.85923013112901</c:v>
                </c:pt>
                <c:pt idx="4652">
                  <c:v>32.648677777057429</c:v>
                </c:pt>
                <c:pt idx="4653">
                  <c:v>32.571932752977567</c:v>
                </c:pt>
                <c:pt idx="4654">
                  <c:v>32.562220936623945</c:v>
                </c:pt>
                <c:pt idx="4655">
                  <c:v>32.523551681317144</c:v>
                </c:pt>
                <c:pt idx="4656">
                  <c:v>32.463909882370757</c:v>
                </c:pt>
                <c:pt idx="4657">
                  <c:v>32.348979033985955</c:v>
                </c:pt>
                <c:pt idx="4658">
                  <c:v>32.229042600696481</c:v>
                </c:pt>
                <c:pt idx="4659">
                  <c:v>32.138128534087627</c:v>
                </c:pt>
                <c:pt idx="4660">
                  <c:v>31.97030492377154</c:v>
                </c:pt>
                <c:pt idx="4661">
                  <c:v>#N/A</c:v>
                </c:pt>
                <c:pt idx="4662">
                  <c:v>#N/A</c:v>
                </c:pt>
                <c:pt idx="4663">
                  <c:v>#N/A</c:v>
                </c:pt>
                <c:pt idx="4664">
                  <c:v>#N/A</c:v>
                </c:pt>
                <c:pt idx="4665">
                  <c:v>#N/A</c:v>
                </c:pt>
                <c:pt idx="4666">
                  <c:v>#N/A</c:v>
                </c:pt>
                <c:pt idx="4667">
                  <c:v>#N/A</c:v>
                </c:pt>
                <c:pt idx="4668">
                  <c:v>#N/A</c:v>
                </c:pt>
                <c:pt idx="4669">
                  <c:v>#N/A</c:v>
                </c:pt>
                <c:pt idx="4670">
                  <c:v>#N/A</c:v>
                </c:pt>
                <c:pt idx="4671">
                  <c:v>#N/A</c:v>
                </c:pt>
                <c:pt idx="4672">
                  <c:v>#N/A</c:v>
                </c:pt>
                <c:pt idx="4673">
                  <c:v>#N/A</c:v>
                </c:pt>
                <c:pt idx="4674">
                  <c:v>#N/A</c:v>
                </c:pt>
                <c:pt idx="4675">
                  <c:v>#N/A</c:v>
                </c:pt>
                <c:pt idx="4676">
                  <c:v>#N/A</c:v>
                </c:pt>
                <c:pt idx="4677">
                  <c:v>#N/A</c:v>
                </c:pt>
                <c:pt idx="4678">
                  <c:v>#N/A</c:v>
                </c:pt>
                <c:pt idx="4679">
                  <c:v>#N/A</c:v>
                </c:pt>
                <c:pt idx="4680">
                  <c:v>#N/A</c:v>
                </c:pt>
                <c:pt idx="4681">
                  <c:v>#N/A</c:v>
                </c:pt>
                <c:pt idx="4682">
                  <c:v>#N/A</c:v>
                </c:pt>
                <c:pt idx="4683">
                  <c:v>#N/A</c:v>
                </c:pt>
                <c:pt idx="4684">
                  <c:v>#N/A</c:v>
                </c:pt>
                <c:pt idx="4685">
                  <c:v>#N/A</c:v>
                </c:pt>
                <c:pt idx="4686">
                  <c:v>#N/A</c:v>
                </c:pt>
                <c:pt idx="4687">
                  <c:v>#N/A</c:v>
                </c:pt>
                <c:pt idx="4688">
                  <c:v>#N/A</c:v>
                </c:pt>
                <c:pt idx="4689">
                  <c:v>#N/A</c:v>
                </c:pt>
                <c:pt idx="4690">
                  <c:v>#N/A</c:v>
                </c:pt>
                <c:pt idx="4691">
                  <c:v>#N/A</c:v>
                </c:pt>
                <c:pt idx="4692">
                  <c:v>#N/A</c:v>
                </c:pt>
                <c:pt idx="4693">
                  <c:v>#N/A</c:v>
                </c:pt>
                <c:pt idx="4694">
                  <c:v>#N/A</c:v>
                </c:pt>
                <c:pt idx="4695">
                  <c:v>#N/A</c:v>
                </c:pt>
                <c:pt idx="4696">
                  <c:v>#N/A</c:v>
                </c:pt>
                <c:pt idx="4697">
                  <c:v>#N/A</c:v>
                </c:pt>
                <c:pt idx="4698">
                  <c:v>#N/A</c:v>
                </c:pt>
                <c:pt idx="4699">
                  <c:v>#N/A</c:v>
                </c:pt>
                <c:pt idx="4700">
                  <c:v>#N/A</c:v>
                </c:pt>
                <c:pt idx="4701">
                  <c:v>#N/A</c:v>
                </c:pt>
                <c:pt idx="4702">
                  <c:v>#N/A</c:v>
                </c:pt>
                <c:pt idx="4703">
                  <c:v>#N/A</c:v>
                </c:pt>
                <c:pt idx="4704">
                  <c:v>#N/A</c:v>
                </c:pt>
                <c:pt idx="4705">
                  <c:v>#N/A</c:v>
                </c:pt>
                <c:pt idx="4706">
                  <c:v>#N/A</c:v>
                </c:pt>
                <c:pt idx="4707">
                  <c:v>#N/A</c:v>
                </c:pt>
                <c:pt idx="4708">
                  <c:v>#N/A</c:v>
                </c:pt>
                <c:pt idx="4709">
                  <c:v>#N/A</c:v>
                </c:pt>
                <c:pt idx="4710">
                  <c:v>#N/A</c:v>
                </c:pt>
                <c:pt idx="4711">
                  <c:v>#N/A</c:v>
                </c:pt>
                <c:pt idx="4712">
                  <c:v>#N/A</c:v>
                </c:pt>
                <c:pt idx="4713">
                  <c:v>#N/A</c:v>
                </c:pt>
                <c:pt idx="4714">
                  <c:v>#N/A</c:v>
                </c:pt>
                <c:pt idx="4715">
                  <c:v>#N/A</c:v>
                </c:pt>
                <c:pt idx="4716">
                  <c:v>#N/A</c:v>
                </c:pt>
                <c:pt idx="4717">
                  <c:v>#N/A</c:v>
                </c:pt>
                <c:pt idx="4718">
                  <c:v>#N/A</c:v>
                </c:pt>
                <c:pt idx="4719">
                  <c:v>#N/A</c:v>
                </c:pt>
                <c:pt idx="4720">
                  <c:v>#N/A</c:v>
                </c:pt>
                <c:pt idx="4721">
                  <c:v>#N/A</c:v>
                </c:pt>
                <c:pt idx="4722">
                  <c:v>#N/A</c:v>
                </c:pt>
                <c:pt idx="4723">
                  <c:v>#N/A</c:v>
                </c:pt>
                <c:pt idx="4724">
                  <c:v>#N/A</c:v>
                </c:pt>
                <c:pt idx="4725">
                  <c:v>#N/A</c:v>
                </c:pt>
                <c:pt idx="4726">
                  <c:v>#N/A</c:v>
                </c:pt>
                <c:pt idx="4727">
                  <c:v>#N/A</c:v>
                </c:pt>
                <c:pt idx="4728">
                  <c:v>#N/A</c:v>
                </c:pt>
                <c:pt idx="4729">
                  <c:v>#N/A</c:v>
                </c:pt>
                <c:pt idx="4730">
                  <c:v>#N/A</c:v>
                </c:pt>
                <c:pt idx="4731">
                  <c:v>#N/A</c:v>
                </c:pt>
                <c:pt idx="4732">
                  <c:v>#N/A</c:v>
                </c:pt>
                <c:pt idx="4733">
                  <c:v>#N/A</c:v>
                </c:pt>
                <c:pt idx="4734">
                  <c:v>#N/A</c:v>
                </c:pt>
                <c:pt idx="4735">
                  <c:v>#N/A</c:v>
                </c:pt>
                <c:pt idx="4736">
                  <c:v>#N/A</c:v>
                </c:pt>
                <c:pt idx="4737">
                  <c:v>#N/A</c:v>
                </c:pt>
                <c:pt idx="4738">
                  <c:v>#N/A</c:v>
                </c:pt>
                <c:pt idx="4739">
                  <c:v>#N/A</c:v>
                </c:pt>
                <c:pt idx="4740">
                  <c:v>#N/A</c:v>
                </c:pt>
                <c:pt idx="4741">
                  <c:v>#N/A</c:v>
                </c:pt>
                <c:pt idx="4742">
                  <c:v>#N/A</c:v>
                </c:pt>
                <c:pt idx="4743">
                  <c:v>#N/A</c:v>
                </c:pt>
                <c:pt idx="4744">
                  <c:v>#N/A</c:v>
                </c:pt>
                <c:pt idx="4745">
                  <c:v>#N/A</c:v>
                </c:pt>
                <c:pt idx="4746">
                  <c:v>#N/A</c:v>
                </c:pt>
                <c:pt idx="4747">
                  <c:v>#N/A</c:v>
                </c:pt>
                <c:pt idx="4748">
                  <c:v>#N/A</c:v>
                </c:pt>
                <c:pt idx="4749">
                  <c:v>#N/A</c:v>
                </c:pt>
                <c:pt idx="4750">
                  <c:v>#N/A</c:v>
                </c:pt>
                <c:pt idx="4751">
                  <c:v>#N/A</c:v>
                </c:pt>
                <c:pt idx="4752">
                  <c:v>#N/A</c:v>
                </c:pt>
                <c:pt idx="4753">
                  <c:v>#N/A</c:v>
                </c:pt>
                <c:pt idx="4754">
                  <c:v>#N/A</c:v>
                </c:pt>
                <c:pt idx="4755">
                  <c:v>#N/A</c:v>
                </c:pt>
                <c:pt idx="4756">
                  <c:v>#N/A</c:v>
                </c:pt>
                <c:pt idx="4757">
                  <c:v>#N/A</c:v>
                </c:pt>
                <c:pt idx="4758">
                  <c:v>#N/A</c:v>
                </c:pt>
                <c:pt idx="4759">
                  <c:v>#N/A</c:v>
                </c:pt>
                <c:pt idx="4760">
                  <c:v>#N/A</c:v>
                </c:pt>
                <c:pt idx="4761">
                  <c:v>#N/A</c:v>
                </c:pt>
                <c:pt idx="4762">
                  <c:v>#N/A</c:v>
                </c:pt>
                <c:pt idx="4763">
                  <c:v>#N/A</c:v>
                </c:pt>
                <c:pt idx="4764">
                  <c:v>#N/A</c:v>
                </c:pt>
                <c:pt idx="4765">
                  <c:v>#N/A</c:v>
                </c:pt>
                <c:pt idx="4766">
                  <c:v>#N/A</c:v>
                </c:pt>
                <c:pt idx="4767">
                  <c:v>#N/A</c:v>
                </c:pt>
                <c:pt idx="4768">
                  <c:v>#N/A</c:v>
                </c:pt>
                <c:pt idx="4769">
                  <c:v>#N/A</c:v>
                </c:pt>
                <c:pt idx="4770">
                  <c:v>#N/A</c:v>
                </c:pt>
                <c:pt idx="4771">
                  <c:v>#N/A</c:v>
                </c:pt>
                <c:pt idx="4772">
                  <c:v>#N/A</c:v>
                </c:pt>
                <c:pt idx="4773">
                  <c:v>#N/A</c:v>
                </c:pt>
                <c:pt idx="4774">
                  <c:v>#N/A</c:v>
                </c:pt>
                <c:pt idx="4775">
                  <c:v>#N/A</c:v>
                </c:pt>
                <c:pt idx="4776">
                  <c:v>#N/A</c:v>
                </c:pt>
                <c:pt idx="4777">
                  <c:v>#N/A</c:v>
                </c:pt>
                <c:pt idx="4778">
                  <c:v>#N/A</c:v>
                </c:pt>
                <c:pt idx="4779">
                  <c:v>#N/A</c:v>
                </c:pt>
                <c:pt idx="4780">
                  <c:v>#N/A</c:v>
                </c:pt>
                <c:pt idx="4781">
                  <c:v>#N/A</c:v>
                </c:pt>
                <c:pt idx="4782">
                  <c:v>#N/A</c:v>
                </c:pt>
                <c:pt idx="4783">
                  <c:v>#N/A</c:v>
                </c:pt>
                <c:pt idx="4784">
                  <c:v>#N/A</c:v>
                </c:pt>
                <c:pt idx="4785">
                  <c:v>#N/A</c:v>
                </c:pt>
                <c:pt idx="4786">
                  <c:v>#N/A</c:v>
                </c:pt>
                <c:pt idx="4787">
                  <c:v>#N/A</c:v>
                </c:pt>
                <c:pt idx="4788">
                  <c:v>#N/A</c:v>
                </c:pt>
                <c:pt idx="4789">
                  <c:v>#N/A</c:v>
                </c:pt>
                <c:pt idx="4790">
                  <c:v>#N/A</c:v>
                </c:pt>
                <c:pt idx="4791">
                  <c:v>#N/A</c:v>
                </c:pt>
                <c:pt idx="4792">
                  <c:v>#N/A</c:v>
                </c:pt>
                <c:pt idx="4793">
                  <c:v>#N/A</c:v>
                </c:pt>
                <c:pt idx="4794">
                  <c:v>#N/A</c:v>
                </c:pt>
                <c:pt idx="4795">
                  <c:v>#N/A</c:v>
                </c:pt>
                <c:pt idx="4796">
                  <c:v>#N/A</c:v>
                </c:pt>
                <c:pt idx="4797">
                  <c:v>#N/A</c:v>
                </c:pt>
                <c:pt idx="4798">
                  <c:v>#N/A</c:v>
                </c:pt>
                <c:pt idx="4799">
                  <c:v>#N/A</c:v>
                </c:pt>
                <c:pt idx="4800">
                  <c:v>#N/A</c:v>
                </c:pt>
                <c:pt idx="4801">
                  <c:v>#N/A</c:v>
                </c:pt>
                <c:pt idx="4802">
                  <c:v>#N/A</c:v>
                </c:pt>
                <c:pt idx="4803">
                  <c:v>#N/A</c:v>
                </c:pt>
                <c:pt idx="4804">
                  <c:v>#N/A</c:v>
                </c:pt>
                <c:pt idx="4805">
                  <c:v>#N/A</c:v>
                </c:pt>
                <c:pt idx="4806">
                  <c:v>#N/A</c:v>
                </c:pt>
                <c:pt idx="4807">
                  <c:v>#N/A</c:v>
                </c:pt>
                <c:pt idx="4808">
                  <c:v>#N/A</c:v>
                </c:pt>
                <c:pt idx="4809">
                  <c:v>#N/A</c:v>
                </c:pt>
                <c:pt idx="4810">
                  <c:v>#N/A</c:v>
                </c:pt>
                <c:pt idx="4811">
                  <c:v>#N/A</c:v>
                </c:pt>
                <c:pt idx="4812">
                  <c:v>#N/A</c:v>
                </c:pt>
                <c:pt idx="4813">
                  <c:v>#N/A</c:v>
                </c:pt>
                <c:pt idx="4814">
                  <c:v>#N/A</c:v>
                </c:pt>
                <c:pt idx="4815">
                  <c:v>#N/A</c:v>
                </c:pt>
                <c:pt idx="4816">
                  <c:v>#N/A</c:v>
                </c:pt>
                <c:pt idx="4817">
                  <c:v>#N/A</c:v>
                </c:pt>
                <c:pt idx="4818">
                  <c:v>#N/A</c:v>
                </c:pt>
                <c:pt idx="4819">
                  <c:v>#N/A</c:v>
                </c:pt>
                <c:pt idx="4820">
                  <c:v>#N/A</c:v>
                </c:pt>
                <c:pt idx="4821">
                  <c:v>#N/A</c:v>
                </c:pt>
                <c:pt idx="4822">
                  <c:v>#N/A</c:v>
                </c:pt>
                <c:pt idx="4823">
                  <c:v>#N/A</c:v>
                </c:pt>
                <c:pt idx="4824">
                  <c:v>#N/A</c:v>
                </c:pt>
                <c:pt idx="4825">
                  <c:v>#N/A</c:v>
                </c:pt>
                <c:pt idx="4826">
                  <c:v>#N/A</c:v>
                </c:pt>
                <c:pt idx="4827">
                  <c:v>#N/A</c:v>
                </c:pt>
                <c:pt idx="4828">
                  <c:v>#N/A</c:v>
                </c:pt>
                <c:pt idx="4829">
                  <c:v>#N/A</c:v>
                </c:pt>
                <c:pt idx="4830">
                  <c:v>#N/A</c:v>
                </c:pt>
                <c:pt idx="4831">
                  <c:v>#N/A</c:v>
                </c:pt>
                <c:pt idx="4832">
                  <c:v>#N/A</c:v>
                </c:pt>
                <c:pt idx="4833">
                  <c:v>#N/A</c:v>
                </c:pt>
                <c:pt idx="4834">
                  <c:v>#N/A</c:v>
                </c:pt>
                <c:pt idx="4835">
                  <c:v>#N/A</c:v>
                </c:pt>
                <c:pt idx="4836">
                  <c:v>#N/A</c:v>
                </c:pt>
                <c:pt idx="4837">
                  <c:v>#N/A</c:v>
                </c:pt>
                <c:pt idx="4838">
                  <c:v>#N/A</c:v>
                </c:pt>
                <c:pt idx="4839">
                  <c:v>#N/A</c:v>
                </c:pt>
                <c:pt idx="4840">
                  <c:v>#N/A</c:v>
                </c:pt>
                <c:pt idx="4841">
                  <c:v>#N/A</c:v>
                </c:pt>
                <c:pt idx="4842">
                  <c:v>#N/A</c:v>
                </c:pt>
                <c:pt idx="4843">
                  <c:v>#N/A</c:v>
                </c:pt>
                <c:pt idx="4844">
                  <c:v>#N/A</c:v>
                </c:pt>
                <c:pt idx="4845">
                  <c:v>#N/A</c:v>
                </c:pt>
                <c:pt idx="4846">
                  <c:v>#N/A</c:v>
                </c:pt>
                <c:pt idx="4847">
                  <c:v>#N/A</c:v>
                </c:pt>
                <c:pt idx="4848">
                  <c:v>#N/A</c:v>
                </c:pt>
                <c:pt idx="4849">
                  <c:v>#N/A</c:v>
                </c:pt>
                <c:pt idx="4850">
                  <c:v>#N/A</c:v>
                </c:pt>
                <c:pt idx="4851">
                  <c:v>#N/A</c:v>
                </c:pt>
                <c:pt idx="4852">
                  <c:v>#N/A</c:v>
                </c:pt>
                <c:pt idx="4853">
                  <c:v>#N/A</c:v>
                </c:pt>
                <c:pt idx="4854">
                  <c:v>#N/A</c:v>
                </c:pt>
                <c:pt idx="4855">
                  <c:v>#N/A</c:v>
                </c:pt>
                <c:pt idx="4856">
                  <c:v>#N/A</c:v>
                </c:pt>
                <c:pt idx="4857">
                  <c:v>#N/A</c:v>
                </c:pt>
                <c:pt idx="4858">
                  <c:v>#N/A</c:v>
                </c:pt>
                <c:pt idx="4859">
                  <c:v>#N/A</c:v>
                </c:pt>
                <c:pt idx="4860">
                  <c:v>#N/A</c:v>
                </c:pt>
                <c:pt idx="4861">
                  <c:v>#N/A</c:v>
                </c:pt>
                <c:pt idx="4862">
                  <c:v>#N/A</c:v>
                </c:pt>
                <c:pt idx="4863">
                  <c:v>#N/A</c:v>
                </c:pt>
                <c:pt idx="4864">
                  <c:v>#N/A</c:v>
                </c:pt>
                <c:pt idx="4865">
                  <c:v>#N/A</c:v>
                </c:pt>
                <c:pt idx="4866">
                  <c:v>#N/A</c:v>
                </c:pt>
                <c:pt idx="4867">
                  <c:v>#N/A</c:v>
                </c:pt>
                <c:pt idx="4868">
                  <c:v>#N/A</c:v>
                </c:pt>
                <c:pt idx="4869">
                  <c:v>#N/A</c:v>
                </c:pt>
                <c:pt idx="4870">
                  <c:v>#N/A</c:v>
                </c:pt>
                <c:pt idx="4871">
                  <c:v>#N/A</c:v>
                </c:pt>
                <c:pt idx="4872">
                  <c:v>#N/A</c:v>
                </c:pt>
                <c:pt idx="4873">
                  <c:v>#N/A</c:v>
                </c:pt>
                <c:pt idx="4874">
                  <c:v>#N/A</c:v>
                </c:pt>
                <c:pt idx="4875">
                  <c:v>#N/A</c:v>
                </c:pt>
                <c:pt idx="4876">
                  <c:v>#N/A</c:v>
                </c:pt>
                <c:pt idx="4877">
                  <c:v>#N/A</c:v>
                </c:pt>
                <c:pt idx="4878">
                  <c:v>#N/A</c:v>
                </c:pt>
                <c:pt idx="4879">
                  <c:v>#N/A</c:v>
                </c:pt>
                <c:pt idx="4880">
                  <c:v>#N/A</c:v>
                </c:pt>
                <c:pt idx="4881">
                  <c:v>#N/A</c:v>
                </c:pt>
                <c:pt idx="4882">
                  <c:v>#N/A</c:v>
                </c:pt>
                <c:pt idx="4883">
                  <c:v>#N/A</c:v>
                </c:pt>
                <c:pt idx="4884">
                  <c:v>#N/A</c:v>
                </c:pt>
                <c:pt idx="4885">
                  <c:v>#N/A</c:v>
                </c:pt>
                <c:pt idx="4886">
                  <c:v>#N/A</c:v>
                </c:pt>
                <c:pt idx="4887">
                  <c:v>#N/A</c:v>
                </c:pt>
                <c:pt idx="4888">
                  <c:v>#N/A</c:v>
                </c:pt>
                <c:pt idx="4889">
                  <c:v>#N/A</c:v>
                </c:pt>
                <c:pt idx="4890">
                  <c:v>#N/A</c:v>
                </c:pt>
                <c:pt idx="4891">
                  <c:v>#N/A</c:v>
                </c:pt>
                <c:pt idx="4892">
                  <c:v>#N/A</c:v>
                </c:pt>
                <c:pt idx="4893">
                  <c:v>#N/A</c:v>
                </c:pt>
                <c:pt idx="4894">
                  <c:v>#N/A</c:v>
                </c:pt>
                <c:pt idx="4895">
                  <c:v>#N/A</c:v>
                </c:pt>
                <c:pt idx="4896">
                  <c:v>#N/A</c:v>
                </c:pt>
                <c:pt idx="4897">
                  <c:v>#N/A</c:v>
                </c:pt>
                <c:pt idx="4898">
                  <c:v>#N/A</c:v>
                </c:pt>
                <c:pt idx="4899">
                  <c:v>#N/A</c:v>
                </c:pt>
                <c:pt idx="4900">
                  <c:v>#N/A</c:v>
                </c:pt>
                <c:pt idx="4901">
                  <c:v>#N/A</c:v>
                </c:pt>
                <c:pt idx="4902">
                  <c:v>#N/A</c:v>
                </c:pt>
                <c:pt idx="4903">
                  <c:v>#N/A</c:v>
                </c:pt>
                <c:pt idx="4904">
                  <c:v>#N/A</c:v>
                </c:pt>
                <c:pt idx="4905">
                  <c:v>#N/A</c:v>
                </c:pt>
                <c:pt idx="4906">
                  <c:v>#N/A</c:v>
                </c:pt>
                <c:pt idx="4907">
                  <c:v>#N/A</c:v>
                </c:pt>
                <c:pt idx="4908">
                  <c:v>#N/A</c:v>
                </c:pt>
                <c:pt idx="4909">
                  <c:v>#N/A</c:v>
                </c:pt>
                <c:pt idx="4910">
                  <c:v>#N/A</c:v>
                </c:pt>
                <c:pt idx="4911">
                  <c:v>#N/A</c:v>
                </c:pt>
                <c:pt idx="4912">
                  <c:v>#N/A</c:v>
                </c:pt>
                <c:pt idx="4913">
                  <c:v>#N/A</c:v>
                </c:pt>
                <c:pt idx="4914">
                  <c:v>#N/A</c:v>
                </c:pt>
                <c:pt idx="4915">
                  <c:v>#N/A</c:v>
                </c:pt>
                <c:pt idx="4916">
                  <c:v>#N/A</c:v>
                </c:pt>
                <c:pt idx="4917">
                  <c:v>#N/A</c:v>
                </c:pt>
                <c:pt idx="4918">
                  <c:v>#N/A</c:v>
                </c:pt>
                <c:pt idx="4919">
                  <c:v>#N/A</c:v>
                </c:pt>
                <c:pt idx="4920">
                  <c:v>#N/A</c:v>
                </c:pt>
                <c:pt idx="4921">
                  <c:v>#N/A</c:v>
                </c:pt>
                <c:pt idx="4922">
                  <c:v>#N/A</c:v>
                </c:pt>
                <c:pt idx="4923">
                  <c:v>#N/A</c:v>
                </c:pt>
                <c:pt idx="4924">
                  <c:v>#N/A</c:v>
                </c:pt>
                <c:pt idx="4925">
                  <c:v>#N/A</c:v>
                </c:pt>
                <c:pt idx="4926">
                  <c:v>#N/A</c:v>
                </c:pt>
                <c:pt idx="4927">
                  <c:v>#N/A</c:v>
                </c:pt>
                <c:pt idx="4928">
                  <c:v>#N/A</c:v>
                </c:pt>
                <c:pt idx="4929">
                  <c:v>#N/A</c:v>
                </c:pt>
                <c:pt idx="4930">
                  <c:v>#N/A</c:v>
                </c:pt>
                <c:pt idx="4931">
                  <c:v>#N/A</c:v>
                </c:pt>
                <c:pt idx="4932">
                  <c:v>#N/A</c:v>
                </c:pt>
                <c:pt idx="4933">
                  <c:v>#N/A</c:v>
                </c:pt>
                <c:pt idx="4934">
                  <c:v>#N/A</c:v>
                </c:pt>
                <c:pt idx="4935">
                  <c:v>#N/A</c:v>
                </c:pt>
                <c:pt idx="4936">
                  <c:v>#N/A</c:v>
                </c:pt>
                <c:pt idx="4937">
                  <c:v>#N/A</c:v>
                </c:pt>
                <c:pt idx="4938">
                  <c:v>#N/A</c:v>
                </c:pt>
                <c:pt idx="4939">
                  <c:v>#N/A</c:v>
                </c:pt>
                <c:pt idx="4940">
                  <c:v>#N/A</c:v>
                </c:pt>
                <c:pt idx="4941">
                  <c:v>#N/A</c:v>
                </c:pt>
                <c:pt idx="4942">
                  <c:v>#N/A</c:v>
                </c:pt>
                <c:pt idx="4943">
                  <c:v>#N/A</c:v>
                </c:pt>
                <c:pt idx="4944">
                  <c:v>#N/A</c:v>
                </c:pt>
                <c:pt idx="4945">
                  <c:v>#N/A</c:v>
                </c:pt>
                <c:pt idx="4946">
                  <c:v>#N/A</c:v>
                </c:pt>
                <c:pt idx="4947">
                  <c:v>#N/A</c:v>
                </c:pt>
                <c:pt idx="4948">
                  <c:v>#N/A</c:v>
                </c:pt>
                <c:pt idx="4949">
                  <c:v>#N/A</c:v>
                </c:pt>
                <c:pt idx="4950">
                  <c:v>#N/A</c:v>
                </c:pt>
                <c:pt idx="4951">
                  <c:v>#N/A</c:v>
                </c:pt>
                <c:pt idx="4952">
                  <c:v>#N/A</c:v>
                </c:pt>
                <c:pt idx="4953">
                  <c:v>#N/A</c:v>
                </c:pt>
                <c:pt idx="4954">
                  <c:v>#N/A</c:v>
                </c:pt>
                <c:pt idx="4955">
                  <c:v>#N/A</c:v>
                </c:pt>
                <c:pt idx="4956">
                  <c:v>#N/A</c:v>
                </c:pt>
                <c:pt idx="4957">
                  <c:v>#N/A</c:v>
                </c:pt>
                <c:pt idx="4958">
                  <c:v>#N/A</c:v>
                </c:pt>
                <c:pt idx="4959">
                  <c:v>#N/A</c:v>
                </c:pt>
                <c:pt idx="4960">
                  <c:v>#N/A</c:v>
                </c:pt>
                <c:pt idx="4961">
                  <c:v>#N/A</c:v>
                </c:pt>
                <c:pt idx="4962">
                  <c:v>#N/A</c:v>
                </c:pt>
                <c:pt idx="4963">
                  <c:v>#N/A</c:v>
                </c:pt>
                <c:pt idx="4964">
                  <c:v>#N/A</c:v>
                </c:pt>
                <c:pt idx="4965">
                  <c:v>#N/A</c:v>
                </c:pt>
                <c:pt idx="4966">
                  <c:v>#N/A</c:v>
                </c:pt>
                <c:pt idx="4967">
                  <c:v>#N/A</c:v>
                </c:pt>
                <c:pt idx="4968">
                  <c:v>#N/A</c:v>
                </c:pt>
                <c:pt idx="4969">
                  <c:v>#N/A</c:v>
                </c:pt>
                <c:pt idx="4970">
                  <c:v>#N/A</c:v>
                </c:pt>
                <c:pt idx="4971">
                  <c:v>#N/A</c:v>
                </c:pt>
                <c:pt idx="4972">
                  <c:v>#N/A</c:v>
                </c:pt>
                <c:pt idx="4973">
                  <c:v>#N/A</c:v>
                </c:pt>
                <c:pt idx="4974">
                  <c:v>#N/A</c:v>
                </c:pt>
                <c:pt idx="4975">
                  <c:v>#N/A</c:v>
                </c:pt>
                <c:pt idx="4976">
                  <c:v>#N/A</c:v>
                </c:pt>
                <c:pt idx="4977">
                  <c:v>#N/A</c:v>
                </c:pt>
                <c:pt idx="4978">
                  <c:v>#N/A</c:v>
                </c:pt>
                <c:pt idx="4979">
                  <c:v>#N/A</c:v>
                </c:pt>
                <c:pt idx="4980">
                  <c:v>#N/A</c:v>
                </c:pt>
                <c:pt idx="4981">
                  <c:v>#N/A</c:v>
                </c:pt>
                <c:pt idx="4982">
                  <c:v>#N/A</c:v>
                </c:pt>
                <c:pt idx="4983">
                  <c:v>#N/A</c:v>
                </c:pt>
                <c:pt idx="4984">
                  <c:v>#N/A</c:v>
                </c:pt>
                <c:pt idx="4985">
                  <c:v>#N/A</c:v>
                </c:pt>
                <c:pt idx="4986">
                  <c:v>#N/A</c:v>
                </c:pt>
                <c:pt idx="4987">
                  <c:v>#N/A</c:v>
                </c:pt>
                <c:pt idx="4988">
                  <c:v>#N/A</c:v>
                </c:pt>
                <c:pt idx="4989">
                  <c:v>#N/A</c:v>
                </c:pt>
                <c:pt idx="4990">
                  <c:v>#N/A</c:v>
                </c:pt>
                <c:pt idx="4991">
                  <c:v>#N/A</c:v>
                </c:pt>
                <c:pt idx="4992">
                  <c:v>#N/A</c:v>
                </c:pt>
                <c:pt idx="4993">
                  <c:v>#N/A</c:v>
                </c:pt>
                <c:pt idx="4994">
                  <c:v>#N/A</c:v>
                </c:pt>
                <c:pt idx="4995">
                  <c:v>#N/A</c:v>
                </c:pt>
                <c:pt idx="4996">
                  <c:v>#N/A</c:v>
                </c:pt>
                <c:pt idx="4997">
                  <c:v>#N/A</c:v>
                </c:pt>
                <c:pt idx="4998">
                  <c:v>#N/A</c:v>
                </c:pt>
                <c:pt idx="4999">
                  <c:v>#N/A</c:v>
                </c:pt>
                <c:pt idx="5000">
                  <c:v>#N/A</c:v>
                </c:pt>
                <c:pt idx="5001">
                  <c:v>#N/A</c:v>
                </c:pt>
                <c:pt idx="5002">
                  <c:v>#N/A</c:v>
                </c:pt>
                <c:pt idx="5003">
                  <c:v>#N/A</c:v>
                </c:pt>
                <c:pt idx="5004">
                  <c:v>#N/A</c:v>
                </c:pt>
                <c:pt idx="5005">
                  <c:v>#N/A</c:v>
                </c:pt>
                <c:pt idx="5006">
                  <c:v>#N/A</c:v>
                </c:pt>
                <c:pt idx="5007">
                  <c:v>#N/A</c:v>
                </c:pt>
                <c:pt idx="5008">
                  <c:v>#N/A</c:v>
                </c:pt>
                <c:pt idx="5009">
                  <c:v>#N/A</c:v>
                </c:pt>
                <c:pt idx="5010">
                  <c:v>#N/A</c:v>
                </c:pt>
                <c:pt idx="5011">
                  <c:v>#N/A</c:v>
                </c:pt>
                <c:pt idx="5012">
                  <c:v>#N/A</c:v>
                </c:pt>
                <c:pt idx="5013">
                  <c:v>#N/A</c:v>
                </c:pt>
                <c:pt idx="5014">
                  <c:v>#N/A</c:v>
                </c:pt>
                <c:pt idx="5015">
                  <c:v>#N/A</c:v>
                </c:pt>
                <c:pt idx="5016">
                  <c:v>#N/A</c:v>
                </c:pt>
                <c:pt idx="5017">
                  <c:v>#N/A</c:v>
                </c:pt>
                <c:pt idx="5018">
                  <c:v>#N/A</c:v>
                </c:pt>
                <c:pt idx="5019">
                  <c:v>#N/A</c:v>
                </c:pt>
                <c:pt idx="5020">
                  <c:v>#N/A</c:v>
                </c:pt>
                <c:pt idx="5021">
                  <c:v>#N/A</c:v>
                </c:pt>
                <c:pt idx="5022">
                  <c:v>#N/A</c:v>
                </c:pt>
                <c:pt idx="5023">
                  <c:v>#N/A</c:v>
                </c:pt>
                <c:pt idx="5024">
                  <c:v>#N/A</c:v>
                </c:pt>
                <c:pt idx="5025">
                  <c:v>#N/A</c:v>
                </c:pt>
                <c:pt idx="5026">
                  <c:v>#N/A</c:v>
                </c:pt>
                <c:pt idx="5027">
                  <c:v>#N/A</c:v>
                </c:pt>
                <c:pt idx="5028">
                  <c:v>#N/A</c:v>
                </c:pt>
                <c:pt idx="5029">
                  <c:v>#N/A</c:v>
                </c:pt>
                <c:pt idx="5030">
                  <c:v>#N/A</c:v>
                </c:pt>
                <c:pt idx="5031">
                  <c:v>#N/A</c:v>
                </c:pt>
                <c:pt idx="5032">
                  <c:v>#N/A</c:v>
                </c:pt>
                <c:pt idx="5033">
                  <c:v>#N/A</c:v>
                </c:pt>
                <c:pt idx="5034">
                  <c:v>#N/A</c:v>
                </c:pt>
                <c:pt idx="5035">
                  <c:v>#N/A</c:v>
                </c:pt>
                <c:pt idx="5036">
                  <c:v>#N/A</c:v>
                </c:pt>
                <c:pt idx="5037">
                  <c:v>#N/A</c:v>
                </c:pt>
                <c:pt idx="5038">
                  <c:v>#N/A</c:v>
                </c:pt>
                <c:pt idx="5039">
                  <c:v>#N/A</c:v>
                </c:pt>
                <c:pt idx="5040">
                  <c:v>#N/A</c:v>
                </c:pt>
                <c:pt idx="5041">
                  <c:v>#N/A</c:v>
                </c:pt>
                <c:pt idx="5042">
                  <c:v>#N/A</c:v>
                </c:pt>
                <c:pt idx="5043">
                  <c:v>#N/A</c:v>
                </c:pt>
                <c:pt idx="5044">
                  <c:v>#N/A</c:v>
                </c:pt>
                <c:pt idx="5045">
                  <c:v>#N/A</c:v>
                </c:pt>
                <c:pt idx="5046">
                  <c:v>#N/A</c:v>
                </c:pt>
                <c:pt idx="5047">
                  <c:v>#N/A</c:v>
                </c:pt>
                <c:pt idx="5048">
                  <c:v>#N/A</c:v>
                </c:pt>
                <c:pt idx="5049">
                  <c:v>#N/A</c:v>
                </c:pt>
                <c:pt idx="5050">
                  <c:v>#N/A</c:v>
                </c:pt>
                <c:pt idx="5051">
                  <c:v>#N/A</c:v>
                </c:pt>
                <c:pt idx="5052">
                  <c:v>#N/A</c:v>
                </c:pt>
                <c:pt idx="5053">
                  <c:v>#N/A</c:v>
                </c:pt>
                <c:pt idx="5054">
                  <c:v>#N/A</c:v>
                </c:pt>
                <c:pt idx="5055">
                  <c:v>#N/A</c:v>
                </c:pt>
                <c:pt idx="5056">
                  <c:v>#N/A</c:v>
                </c:pt>
                <c:pt idx="5057">
                  <c:v>#N/A</c:v>
                </c:pt>
                <c:pt idx="5058">
                  <c:v>#N/A</c:v>
                </c:pt>
                <c:pt idx="5059">
                  <c:v>#N/A</c:v>
                </c:pt>
                <c:pt idx="5060">
                  <c:v>#N/A</c:v>
                </c:pt>
                <c:pt idx="5061">
                  <c:v>#N/A</c:v>
                </c:pt>
                <c:pt idx="5062">
                  <c:v>#N/A</c:v>
                </c:pt>
                <c:pt idx="5063">
                  <c:v>#N/A</c:v>
                </c:pt>
                <c:pt idx="5064">
                  <c:v>#N/A</c:v>
                </c:pt>
                <c:pt idx="5065">
                  <c:v>#N/A</c:v>
                </c:pt>
                <c:pt idx="5066">
                  <c:v>#N/A</c:v>
                </c:pt>
                <c:pt idx="5067">
                  <c:v>#N/A</c:v>
                </c:pt>
                <c:pt idx="5068">
                  <c:v>#N/A</c:v>
                </c:pt>
                <c:pt idx="5069">
                  <c:v>#N/A</c:v>
                </c:pt>
                <c:pt idx="5070">
                  <c:v>#N/A</c:v>
                </c:pt>
                <c:pt idx="5071">
                  <c:v>#N/A</c:v>
                </c:pt>
                <c:pt idx="5072">
                  <c:v>#N/A</c:v>
                </c:pt>
                <c:pt idx="5073">
                  <c:v>#N/A</c:v>
                </c:pt>
                <c:pt idx="5074">
                  <c:v>#N/A</c:v>
                </c:pt>
                <c:pt idx="5075">
                  <c:v>#N/A</c:v>
                </c:pt>
                <c:pt idx="5076">
                  <c:v>#N/A</c:v>
                </c:pt>
                <c:pt idx="5077">
                  <c:v>#N/A</c:v>
                </c:pt>
                <c:pt idx="5078">
                  <c:v>#N/A</c:v>
                </c:pt>
                <c:pt idx="5079">
                  <c:v>#N/A</c:v>
                </c:pt>
                <c:pt idx="5080">
                  <c:v>#N/A</c:v>
                </c:pt>
                <c:pt idx="5081">
                  <c:v>#N/A</c:v>
                </c:pt>
                <c:pt idx="5082">
                  <c:v>#N/A</c:v>
                </c:pt>
                <c:pt idx="5083">
                  <c:v>#N/A</c:v>
                </c:pt>
                <c:pt idx="5084">
                  <c:v>#N/A</c:v>
                </c:pt>
                <c:pt idx="5085">
                  <c:v>#N/A</c:v>
                </c:pt>
                <c:pt idx="5086">
                  <c:v>#N/A</c:v>
                </c:pt>
                <c:pt idx="5087">
                  <c:v>#N/A</c:v>
                </c:pt>
                <c:pt idx="5088">
                  <c:v>#N/A</c:v>
                </c:pt>
                <c:pt idx="5089">
                  <c:v>#N/A</c:v>
                </c:pt>
                <c:pt idx="5090">
                  <c:v>#N/A</c:v>
                </c:pt>
                <c:pt idx="5091">
                  <c:v>#N/A</c:v>
                </c:pt>
                <c:pt idx="5092">
                  <c:v>#N/A</c:v>
                </c:pt>
                <c:pt idx="5093">
                  <c:v>#N/A</c:v>
                </c:pt>
                <c:pt idx="5094">
                  <c:v>#N/A</c:v>
                </c:pt>
                <c:pt idx="5095">
                  <c:v>#N/A</c:v>
                </c:pt>
                <c:pt idx="5096">
                  <c:v>#N/A</c:v>
                </c:pt>
                <c:pt idx="5097">
                  <c:v>#N/A</c:v>
                </c:pt>
                <c:pt idx="5098">
                  <c:v>#N/A</c:v>
                </c:pt>
                <c:pt idx="5099">
                  <c:v>#N/A</c:v>
                </c:pt>
                <c:pt idx="5100">
                  <c:v>#N/A</c:v>
                </c:pt>
                <c:pt idx="5101">
                  <c:v>#N/A</c:v>
                </c:pt>
                <c:pt idx="5102">
                  <c:v>#N/A</c:v>
                </c:pt>
                <c:pt idx="5103">
                  <c:v>#N/A</c:v>
                </c:pt>
                <c:pt idx="5104">
                  <c:v>#N/A</c:v>
                </c:pt>
                <c:pt idx="5105">
                  <c:v>#N/A</c:v>
                </c:pt>
                <c:pt idx="5106">
                  <c:v>#N/A</c:v>
                </c:pt>
                <c:pt idx="5107">
                  <c:v>#N/A</c:v>
                </c:pt>
                <c:pt idx="5108">
                  <c:v>#N/A</c:v>
                </c:pt>
                <c:pt idx="5109">
                  <c:v>#N/A</c:v>
                </c:pt>
                <c:pt idx="5110">
                  <c:v>#N/A</c:v>
                </c:pt>
                <c:pt idx="5111">
                  <c:v>#N/A</c:v>
                </c:pt>
                <c:pt idx="5112">
                  <c:v>#N/A</c:v>
                </c:pt>
                <c:pt idx="5113">
                  <c:v>#N/A</c:v>
                </c:pt>
                <c:pt idx="5114">
                  <c:v>#N/A</c:v>
                </c:pt>
                <c:pt idx="5115">
                  <c:v>#N/A</c:v>
                </c:pt>
                <c:pt idx="5116">
                  <c:v>#N/A</c:v>
                </c:pt>
                <c:pt idx="5117">
                  <c:v>#N/A</c:v>
                </c:pt>
                <c:pt idx="5118">
                  <c:v>#N/A</c:v>
                </c:pt>
                <c:pt idx="5119">
                  <c:v>#N/A</c:v>
                </c:pt>
                <c:pt idx="5120">
                  <c:v>#N/A</c:v>
                </c:pt>
                <c:pt idx="5121">
                  <c:v>#N/A</c:v>
                </c:pt>
                <c:pt idx="5122">
                  <c:v>#N/A</c:v>
                </c:pt>
                <c:pt idx="5123">
                  <c:v>#N/A</c:v>
                </c:pt>
                <c:pt idx="5124">
                  <c:v>#N/A</c:v>
                </c:pt>
                <c:pt idx="5125">
                  <c:v>#N/A</c:v>
                </c:pt>
                <c:pt idx="5126">
                  <c:v>#N/A</c:v>
                </c:pt>
                <c:pt idx="5127">
                  <c:v>#N/A</c:v>
                </c:pt>
                <c:pt idx="5128">
                  <c:v>#N/A</c:v>
                </c:pt>
                <c:pt idx="5129">
                  <c:v>#N/A</c:v>
                </c:pt>
                <c:pt idx="5130">
                  <c:v>#N/A</c:v>
                </c:pt>
                <c:pt idx="5131">
                  <c:v>#N/A</c:v>
                </c:pt>
                <c:pt idx="5132">
                  <c:v>#N/A</c:v>
                </c:pt>
                <c:pt idx="5133">
                  <c:v>#N/A</c:v>
                </c:pt>
                <c:pt idx="5134">
                  <c:v>#N/A</c:v>
                </c:pt>
                <c:pt idx="5135">
                  <c:v>#N/A</c:v>
                </c:pt>
                <c:pt idx="5136">
                  <c:v>#N/A</c:v>
                </c:pt>
                <c:pt idx="5137">
                  <c:v>#N/A</c:v>
                </c:pt>
                <c:pt idx="5138">
                  <c:v>#N/A</c:v>
                </c:pt>
                <c:pt idx="5139">
                  <c:v>#N/A</c:v>
                </c:pt>
                <c:pt idx="5140">
                  <c:v>#N/A</c:v>
                </c:pt>
                <c:pt idx="5141">
                  <c:v>#N/A</c:v>
                </c:pt>
                <c:pt idx="5142">
                  <c:v>#N/A</c:v>
                </c:pt>
                <c:pt idx="5143">
                  <c:v>#N/A</c:v>
                </c:pt>
                <c:pt idx="5144">
                  <c:v>#N/A</c:v>
                </c:pt>
                <c:pt idx="5145">
                  <c:v>#N/A</c:v>
                </c:pt>
                <c:pt idx="5146">
                  <c:v>#N/A</c:v>
                </c:pt>
                <c:pt idx="5147">
                  <c:v>#N/A</c:v>
                </c:pt>
                <c:pt idx="5148">
                  <c:v>#N/A</c:v>
                </c:pt>
                <c:pt idx="5149">
                  <c:v>#N/A</c:v>
                </c:pt>
                <c:pt idx="5150">
                  <c:v>#N/A</c:v>
                </c:pt>
                <c:pt idx="5151">
                  <c:v>#N/A</c:v>
                </c:pt>
                <c:pt idx="5152">
                  <c:v>#N/A</c:v>
                </c:pt>
                <c:pt idx="5153">
                  <c:v>#N/A</c:v>
                </c:pt>
                <c:pt idx="5154">
                  <c:v>#N/A</c:v>
                </c:pt>
                <c:pt idx="5155">
                  <c:v>#N/A</c:v>
                </c:pt>
                <c:pt idx="5156">
                  <c:v>#N/A</c:v>
                </c:pt>
                <c:pt idx="5157">
                  <c:v>#N/A</c:v>
                </c:pt>
                <c:pt idx="5158">
                  <c:v>#N/A</c:v>
                </c:pt>
                <c:pt idx="5159">
                  <c:v>#N/A</c:v>
                </c:pt>
                <c:pt idx="5160">
                  <c:v>#N/A</c:v>
                </c:pt>
                <c:pt idx="5161">
                  <c:v>#N/A</c:v>
                </c:pt>
                <c:pt idx="5162">
                  <c:v>#N/A</c:v>
                </c:pt>
                <c:pt idx="5163">
                  <c:v>#N/A</c:v>
                </c:pt>
                <c:pt idx="5164">
                  <c:v>#N/A</c:v>
                </c:pt>
                <c:pt idx="5165">
                  <c:v>#N/A</c:v>
                </c:pt>
                <c:pt idx="5166">
                  <c:v>#N/A</c:v>
                </c:pt>
                <c:pt idx="5167">
                  <c:v>#N/A</c:v>
                </c:pt>
                <c:pt idx="5168">
                  <c:v>#N/A</c:v>
                </c:pt>
                <c:pt idx="5169">
                  <c:v>#N/A</c:v>
                </c:pt>
                <c:pt idx="5170">
                  <c:v>#N/A</c:v>
                </c:pt>
                <c:pt idx="5171">
                  <c:v>#N/A</c:v>
                </c:pt>
                <c:pt idx="5172">
                  <c:v>#N/A</c:v>
                </c:pt>
                <c:pt idx="5173">
                  <c:v>#N/A</c:v>
                </c:pt>
                <c:pt idx="5174">
                  <c:v>#N/A</c:v>
                </c:pt>
                <c:pt idx="5175">
                  <c:v>#N/A</c:v>
                </c:pt>
                <c:pt idx="5176">
                  <c:v>#N/A</c:v>
                </c:pt>
                <c:pt idx="5177">
                  <c:v>#N/A</c:v>
                </c:pt>
                <c:pt idx="5178">
                  <c:v>#N/A</c:v>
                </c:pt>
                <c:pt idx="5179">
                  <c:v>#N/A</c:v>
                </c:pt>
                <c:pt idx="5180">
                  <c:v>#N/A</c:v>
                </c:pt>
                <c:pt idx="5181">
                  <c:v>#N/A</c:v>
                </c:pt>
                <c:pt idx="5182">
                  <c:v>#N/A</c:v>
                </c:pt>
                <c:pt idx="5183">
                  <c:v>#N/A</c:v>
                </c:pt>
                <c:pt idx="5184">
                  <c:v>#N/A</c:v>
                </c:pt>
                <c:pt idx="5185">
                  <c:v>#N/A</c:v>
                </c:pt>
                <c:pt idx="5186">
                  <c:v>#N/A</c:v>
                </c:pt>
                <c:pt idx="5187">
                  <c:v>#N/A</c:v>
                </c:pt>
                <c:pt idx="5188">
                  <c:v>#N/A</c:v>
                </c:pt>
                <c:pt idx="5189">
                  <c:v>#N/A</c:v>
                </c:pt>
                <c:pt idx="5190">
                  <c:v>#N/A</c:v>
                </c:pt>
                <c:pt idx="5191">
                  <c:v>#N/A</c:v>
                </c:pt>
                <c:pt idx="5192">
                  <c:v>#N/A</c:v>
                </c:pt>
                <c:pt idx="5193">
                  <c:v>#N/A</c:v>
                </c:pt>
                <c:pt idx="5194">
                  <c:v>#N/A</c:v>
                </c:pt>
                <c:pt idx="5195">
                  <c:v>#N/A</c:v>
                </c:pt>
                <c:pt idx="5196">
                  <c:v>#N/A</c:v>
                </c:pt>
                <c:pt idx="5197">
                  <c:v>#N/A</c:v>
                </c:pt>
                <c:pt idx="5198">
                  <c:v>#N/A</c:v>
                </c:pt>
                <c:pt idx="5199">
                  <c:v>#N/A</c:v>
                </c:pt>
                <c:pt idx="5200">
                  <c:v>#N/A</c:v>
                </c:pt>
                <c:pt idx="5201">
                  <c:v>#N/A</c:v>
                </c:pt>
                <c:pt idx="5202">
                  <c:v>#N/A</c:v>
                </c:pt>
                <c:pt idx="5203">
                  <c:v>#N/A</c:v>
                </c:pt>
                <c:pt idx="5204">
                  <c:v>#N/A</c:v>
                </c:pt>
                <c:pt idx="5205">
                  <c:v>#N/A</c:v>
                </c:pt>
                <c:pt idx="5206">
                  <c:v>#N/A</c:v>
                </c:pt>
                <c:pt idx="5207">
                  <c:v>#N/A</c:v>
                </c:pt>
                <c:pt idx="5208">
                  <c:v>#N/A</c:v>
                </c:pt>
                <c:pt idx="5209">
                  <c:v>#N/A</c:v>
                </c:pt>
                <c:pt idx="5210">
                  <c:v>#N/A</c:v>
                </c:pt>
                <c:pt idx="5211">
                  <c:v>#N/A</c:v>
                </c:pt>
                <c:pt idx="5212">
                  <c:v>#N/A</c:v>
                </c:pt>
                <c:pt idx="5213">
                  <c:v>#N/A</c:v>
                </c:pt>
                <c:pt idx="5214">
                  <c:v>#N/A</c:v>
                </c:pt>
                <c:pt idx="5215">
                  <c:v>#N/A</c:v>
                </c:pt>
                <c:pt idx="5216">
                  <c:v>#N/A</c:v>
                </c:pt>
                <c:pt idx="5217">
                  <c:v>#N/A</c:v>
                </c:pt>
                <c:pt idx="5218">
                  <c:v>#N/A</c:v>
                </c:pt>
                <c:pt idx="5219">
                  <c:v>#N/A</c:v>
                </c:pt>
                <c:pt idx="5220">
                  <c:v>#N/A</c:v>
                </c:pt>
                <c:pt idx="5221">
                  <c:v>#N/A</c:v>
                </c:pt>
                <c:pt idx="5222">
                  <c:v>#N/A</c:v>
                </c:pt>
                <c:pt idx="5223">
                  <c:v>#N/A</c:v>
                </c:pt>
                <c:pt idx="5224">
                  <c:v>#N/A</c:v>
                </c:pt>
                <c:pt idx="5225">
                  <c:v>#N/A</c:v>
                </c:pt>
                <c:pt idx="5226">
                  <c:v>#N/A</c:v>
                </c:pt>
                <c:pt idx="5227">
                  <c:v>#N/A</c:v>
                </c:pt>
                <c:pt idx="5228">
                  <c:v>#N/A</c:v>
                </c:pt>
                <c:pt idx="5229">
                  <c:v>#N/A</c:v>
                </c:pt>
                <c:pt idx="5230">
                  <c:v>#N/A</c:v>
                </c:pt>
                <c:pt idx="5231">
                  <c:v>#N/A</c:v>
                </c:pt>
                <c:pt idx="5232">
                  <c:v>#N/A</c:v>
                </c:pt>
                <c:pt idx="5233">
                  <c:v>#N/A</c:v>
                </c:pt>
                <c:pt idx="5234">
                  <c:v>#N/A</c:v>
                </c:pt>
                <c:pt idx="5235">
                  <c:v>#N/A</c:v>
                </c:pt>
                <c:pt idx="5236">
                  <c:v>#N/A</c:v>
                </c:pt>
                <c:pt idx="5237">
                  <c:v>#N/A</c:v>
                </c:pt>
                <c:pt idx="5238">
                  <c:v>#N/A</c:v>
                </c:pt>
                <c:pt idx="5239">
                  <c:v>#N/A</c:v>
                </c:pt>
                <c:pt idx="5240">
                  <c:v>#N/A</c:v>
                </c:pt>
                <c:pt idx="5241">
                  <c:v>#N/A</c:v>
                </c:pt>
                <c:pt idx="5242">
                  <c:v>#N/A</c:v>
                </c:pt>
                <c:pt idx="5243">
                  <c:v>#N/A</c:v>
                </c:pt>
                <c:pt idx="5244">
                  <c:v>#N/A</c:v>
                </c:pt>
                <c:pt idx="5245">
                  <c:v>#N/A</c:v>
                </c:pt>
                <c:pt idx="5246">
                  <c:v>31.583098091558096</c:v>
                </c:pt>
                <c:pt idx="5247">
                  <c:v>32.423688922837222</c:v>
                </c:pt>
                <c:pt idx="5248">
                  <c:v>32.510596379197068</c:v>
                </c:pt>
                <c:pt idx="5249">
                  <c:v>33.182312800380529</c:v>
                </c:pt>
                <c:pt idx="5250">
                  <c:v>33.218708613644587</c:v>
                </c:pt>
                <c:pt idx="5251">
                  <c:v>33.46785176674183</c:v>
                </c:pt>
                <c:pt idx="5252">
                  <c:v>33.416169555624748</c:v>
                </c:pt>
                <c:pt idx="5253">
                  <c:v>33.514720378610583</c:v>
                </c:pt>
                <c:pt idx="5254">
                  <c:v>33.695330267624371</c:v>
                </c:pt>
                <c:pt idx="5255">
                  <c:v>33.757049524108787</c:v>
                </c:pt>
                <c:pt idx="5256">
                  <c:v>33.840236112679008</c:v>
                </c:pt>
                <c:pt idx="5257">
                  <c:v>33.291957228780959</c:v>
                </c:pt>
                <c:pt idx="5258">
                  <c:v>33.688405424869913</c:v>
                </c:pt>
                <c:pt idx="5259">
                  <c:v>33.565332131565327</c:v>
                </c:pt>
                <c:pt idx="5260">
                  <c:v>33.287487645454434</c:v>
                </c:pt>
                <c:pt idx="5261">
                  <c:v>32.958936963806501</c:v>
                </c:pt>
                <c:pt idx="5262">
                  <c:v>32.537359589605927</c:v>
                </c:pt>
                <c:pt idx="5263">
                  <c:v>32.152617354696105</c:v>
                </c:pt>
                <c:pt idx="5264">
                  <c:v>31.653158486521434</c:v>
                </c:pt>
                <c:pt idx="5265">
                  <c:v>#N/A</c:v>
                </c:pt>
                <c:pt idx="5266">
                  <c:v>#N/A</c:v>
                </c:pt>
                <c:pt idx="5267">
                  <c:v>#N/A</c:v>
                </c:pt>
                <c:pt idx="5268">
                  <c:v>#N/A</c:v>
                </c:pt>
                <c:pt idx="5269">
                  <c:v>#N/A</c:v>
                </c:pt>
                <c:pt idx="5270">
                  <c:v>#N/A</c:v>
                </c:pt>
                <c:pt idx="5271">
                  <c:v>#N/A</c:v>
                </c:pt>
                <c:pt idx="5272">
                  <c:v>#N/A</c:v>
                </c:pt>
                <c:pt idx="5273">
                  <c:v>#N/A</c:v>
                </c:pt>
                <c:pt idx="5274">
                  <c:v>#N/A</c:v>
                </c:pt>
                <c:pt idx="5275">
                  <c:v>#N/A</c:v>
                </c:pt>
                <c:pt idx="5276">
                  <c:v>#N/A</c:v>
                </c:pt>
                <c:pt idx="5277">
                  <c:v>#N/A</c:v>
                </c:pt>
                <c:pt idx="5278">
                  <c:v>#N/A</c:v>
                </c:pt>
                <c:pt idx="5279">
                  <c:v>#N/A</c:v>
                </c:pt>
                <c:pt idx="5280">
                  <c:v>#N/A</c:v>
                </c:pt>
                <c:pt idx="5281">
                  <c:v>#N/A</c:v>
                </c:pt>
                <c:pt idx="5282">
                  <c:v>#N/A</c:v>
                </c:pt>
                <c:pt idx="5283">
                  <c:v>#N/A</c:v>
                </c:pt>
                <c:pt idx="5284">
                  <c:v>#N/A</c:v>
                </c:pt>
                <c:pt idx="5285">
                  <c:v>#N/A</c:v>
                </c:pt>
                <c:pt idx="5286">
                  <c:v>#N/A</c:v>
                </c:pt>
                <c:pt idx="5287">
                  <c:v>#N/A</c:v>
                </c:pt>
                <c:pt idx="5288">
                  <c:v>#N/A</c:v>
                </c:pt>
                <c:pt idx="5289">
                  <c:v>#N/A</c:v>
                </c:pt>
                <c:pt idx="5290">
                  <c:v>#N/A</c:v>
                </c:pt>
                <c:pt idx="5291">
                  <c:v>#N/A</c:v>
                </c:pt>
                <c:pt idx="5292">
                  <c:v>#N/A</c:v>
                </c:pt>
                <c:pt idx="5293">
                  <c:v>#N/A</c:v>
                </c:pt>
                <c:pt idx="5294">
                  <c:v>#N/A</c:v>
                </c:pt>
                <c:pt idx="5295">
                  <c:v>#N/A</c:v>
                </c:pt>
                <c:pt idx="5296">
                  <c:v>#N/A</c:v>
                </c:pt>
                <c:pt idx="5297">
                  <c:v>#N/A</c:v>
                </c:pt>
                <c:pt idx="5298">
                  <c:v>#N/A</c:v>
                </c:pt>
                <c:pt idx="5299">
                  <c:v>#N/A</c:v>
                </c:pt>
                <c:pt idx="5300">
                  <c:v>#N/A</c:v>
                </c:pt>
                <c:pt idx="5301">
                  <c:v>#N/A</c:v>
                </c:pt>
                <c:pt idx="5302">
                  <c:v>32.08398867747902</c:v>
                </c:pt>
                <c:pt idx="5303">
                  <c:v>32.404066946798196</c:v>
                </c:pt>
                <c:pt idx="5304">
                  <c:v>32.733407310825484</c:v>
                </c:pt>
                <c:pt idx="5305">
                  <c:v>32.956006647359551</c:v>
                </c:pt>
                <c:pt idx="5306">
                  <c:v>33.208906759584181</c:v>
                </c:pt>
                <c:pt idx="5307">
                  <c:v>33.465305975322792</c:v>
                </c:pt>
                <c:pt idx="5308">
                  <c:v>33.623589223816559</c:v>
                </c:pt>
                <c:pt idx="5309">
                  <c:v>33.70352781148091</c:v>
                </c:pt>
                <c:pt idx="5310">
                  <c:v>33.740877096650934</c:v>
                </c:pt>
                <c:pt idx="5311">
                  <c:v>33.778747995241133</c:v>
                </c:pt>
                <c:pt idx="5312">
                  <c:v>33.786653015538811</c:v>
                </c:pt>
                <c:pt idx="5313">
                  <c:v>33.819294549363022</c:v>
                </c:pt>
                <c:pt idx="5314">
                  <c:v>33.827263259393199</c:v>
                </c:pt>
                <c:pt idx="5315">
                  <c:v>33.850215437486426</c:v>
                </c:pt>
                <c:pt idx="5316">
                  <c:v>33.917631295573983</c:v>
                </c:pt>
                <c:pt idx="5317">
                  <c:v>33.998498444501095</c:v>
                </c:pt>
                <c:pt idx="5318">
                  <c:v>34.108616703689556</c:v>
                </c:pt>
                <c:pt idx="5319">
                  <c:v>34.23186024928053</c:v>
                </c:pt>
                <c:pt idx="5320">
                  <c:v>34.329516271772995</c:v>
                </c:pt>
                <c:pt idx="5321">
                  <c:v>34.10199341576805</c:v>
                </c:pt>
                <c:pt idx="5322">
                  <c:v>33.875906540051247</c:v>
                </c:pt>
                <c:pt idx="5323">
                  <c:v>33.773931867209804</c:v>
                </c:pt>
                <c:pt idx="5324">
                  <c:v>34.39547338606495</c:v>
                </c:pt>
                <c:pt idx="5325">
                  <c:v>34.429476658417975</c:v>
                </c:pt>
                <c:pt idx="5326">
                  <c:v>34.431504614406876</c:v>
                </c:pt>
                <c:pt idx="5327">
                  <c:v>34.453891732864676</c:v>
                </c:pt>
                <c:pt idx="5328">
                  <c:v>34.470337308420817</c:v>
                </c:pt>
                <c:pt idx="5329">
                  <c:v>34.146053196370815</c:v>
                </c:pt>
                <c:pt idx="5330">
                  <c:v>34.042750196904535</c:v>
                </c:pt>
                <c:pt idx="5331">
                  <c:v>34.561907439893446</c:v>
                </c:pt>
                <c:pt idx="5332">
                  <c:v>34.584978467428812</c:v>
                </c:pt>
                <c:pt idx="5333">
                  <c:v>34.590690813419457</c:v>
                </c:pt>
                <c:pt idx="5334">
                  <c:v>34.642051654580904</c:v>
                </c:pt>
                <c:pt idx="5335">
                  <c:v>34.698330754716608</c:v>
                </c:pt>
                <c:pt idx="5336">
                  <c:v>34.717564157943713</c:v>
                </c:pt>
                <c:pt idx="5337">
                  <c:v>34.800781811302173</c:v>
                </c:pt>
                <c:pt idx="5338">
                  <c:v>34.894892068571224</c:v>
                </c:pt>
                <c:pt idx="5339">
                  <c:v>35.023047183962433</c:v>
                </c:pt>
                <c:pt idx="5340">
                  <c:v>35.10604329998548</c:v>
                </c:pt>
                <c:pt idx="5341">
                  <c:v>35.047557371048072</c:v>
                </c:pt>
                <c:pt idx="5342">
                  <c:v>35.002318247649526</c:v>
                </c:pt>
                <c:pt idx="5343">
                  <c:v>34.977124775100101</c:v>
                </c:pt>
                <c:pt idx="5344">
                  <c:v>34.98243527701996</c:v>
                </c:pt>
                <c:pt idx="5345">
                  <c:v>34.957141736906067</c:v>
                </c:pt>
                <c:pt idx="5346">
                  <c:v>34.957042866129413</c:v>
                </c:pt>
                <c:pt idx="5347">
                  <c:v>34.946024355988868</c:v>
                </c:pt>
                <c:pt idx="5348">
                  <c:v>34.938016883382318</c:v>
                </c:pt>
                <c:pt idx="5349">
                  <c:v>34.949086166362015</c:v>
                </c:pt>
                <c:pt idx="5350">
                  <c:v>34.92559934729708</c:v>
                </c:pt>
                <c:pt idx="5351">
                  <c:v>34.968870675653768</c:v>
                </c:pt>
                <c:pt idx="5352">
                  <c:v>35.013751421650817</c:v>
                </c:pt>
                <c:pt idx="5353">
                  <c:v>35.113089595600485</c:v>
                </c:pt>
                <c:pt idx="5354">
                  <c:v>35.152563671232599</c:v>
                </c:pt>
                <c:pt idx="5355">
                  <c:v>35.195933670762798</c:v>
                </c:pt>
                <c:pt idx="5356">
                  <c:v>35.197044475069347</c:v>
                </c:pt>
                <c:pt idx="5357">
                  <c:v>35.196738490823549</c:v>
                </c:pt>
                <c:pt idx="5358">
                  <c:v>35.16854318656187</c:v>
                </c:pt>
                <c:pt idx="5359">
                  <c:v>35.158049018273928</c:v>
                </c:pt>
                <c:pt idx="5360">
                  <c:v>35.170862662054589</c:v>
                </c:pt>
                <c:pt idx="5361">
                  <c:v>35.159876070493667</c:v>
                </c:pt>
                <c:pt idx="5362">
                  <c:v>35.110775753304097</c:v>
                </c:pt>
                <c:pt idx="5363">
                  <c:v>35.092997595644313</c:v>
                </c:pt>
                <c:pt idx="5364">
                  <c:v>35.103992866137673</c:v>
                </c:pt>
                <c:pt idx="5365">
                  <c:v>35.115735258986845</c:v>
                </c:pt>
                <c:pt idx="5366">
                  <c:v>35.162730921872054</c:v>
                </c:pt>
                <c:pt idx="5367">
                  <c:v>35.160550270632967</c:v>
                </c:pt>
                <c:pt idx="5368">
                  <c:v>35.119759402944467</c:v>
                </c:pt>
                <c:pt idx="5369">
                  <c:v>35.115971089874364</c:v>
                </c:pt>
                <c:pt idx="5370">
                  <c:v>35.088731928587322</c:v>
                </c:pt>
                <c:pt idx="5371">
                  <c:v>35.103931936586271</c:v>
                </c:pt>
                <c:pt idx="5372">
                  <c:v>35.067413098115779</c:v>
                </c:pt>
                <c:pt idx="5373">
                  <c:v>34.982665667533816</c:v>
                </c:pt>
                <c:pt idx="5374">
                  <c:v>34.977066633211251</c:v>
                </c:pt>
                <c:pt idx="5375">
                  <c:v>34.904922181876117</c:v>
                </c:pt>
                <c:pt idx="5376">
                  <c:v>34.812625030033757</c:v>
                </c:pt>
                <c:pt idx="5377">
                  <c:v>34.697462028666493</c:v>
                </c:pt>
                <c:pt idx="5378">
                  <c:v>34.641287987031099</c:v>
                </c:pt>
                <c:pt idx="5379">
                  <c:v>34.62992339256941</c:v>
                </c:pt>
                <c:pt idx="5380">
                  <c:v>34.571149244960765</c:v>
                </c:pt>
                <c:pt idx="5381">
                  <c:v>34.49103688240676</c:v>
                </c:pt>
                <c:pt idx="5382">
                  <c:v>34.488104001803208</c:v>
                </c:pt>
                <c:pt idx="5383">
                  <c:v>34.466851867759715</c:v>
                </c:pt>
                <c:pt idx="5384">
                  <c:v>34.44625265171593</c:v>
                </c:pt>
                <c:pt idx="5385">
                  <c:v>34.454633981240228</c:v>
                </c:pt>
                <c:pt idx="5386">
                  <c:v>34.519067155362734</c:v>
                </c:pt>
                <c:pt idx="5387">
                  <c:v>34.558193329849942</c:v>
                </c:pt>
                <c:pt idx="5388">
                  <c:v>34.704952083181283</c:v>
                </c:pt>
                <c:pt idx="5389">
                  <c:v>34.752676035440658</c:v>
                </c:pt>
                <c:pt idx="5390">
                  <c:v>34.819205647661619</c:v>
                </c:pt>
                <c:pt idx="5391">
                  <c:v>34.894884334983331</c:v>
                </c:pt>
                <c:pt idx="5392">
                  <c:v>35.066105641504137</c:v>
                </c:pt>
                <c:pt idx="5393">
                  <c:v>35.213320953415433</c:v>
                </c:pt>
                <c:pt idx="5394">
                  <c:v>35.41607108253892</c:v>
                </c:pt>
                <c:pt idx="5395">
                  <c:v>35.579779707899462</c:v>
                </c:pt>
                <c:pt idx="5396">
                  <c:v>35.748537801492418</c:v>
                </c:pt>
                <c:pt idx="5397">
                  <c:v>35.916545391328881</c:v>
                </c:pt>
                <c:pt idx="5398">
                  <c:v>35.977756265475719</c:v>
                </c:pt>
                <c:pt idx="5399">
                  <c:v>36.087561370805588</c:v>
                </c:pt>
                <c:pt idx="5400">
                  <c:v>36.153951593044297</c:v>
                </c:pt>
                <c:pt idx="5401">
                  <c:v>36.131177676915186</c:v>
                </c:pt>
                <c:pt idx="5402">
                  <c:v>36.067142784759383</c:v>
                </c:pt>
                <c:pt idx="5403">
                  <c:v>36.036154148453747</c:v>
                </c:pt>
                <c:pt idx="5404">
                  <c:v>35.982269679945745</c:v>
                </c:pt>
                <c:pt idx="5405">
                  <c:v>35.881983584439311</c:v>
                </c:pt>
                <c:pt idx="5406">
                  <c:v>35.787886098323099</c:v>
                </c:pt>
                <c:pt idx="5407">
                  <c:v>35.504704757726863</c:v>
                </c:pt>
                <c:pt idx="5408">
                  <c:v>35.543188881690597</c:v>
                </c:pt>
                <c:pt idx="5409">
                  <c:v>35.492517129756791</c:v>
                </c:pt>
                <c:pt idx="5410">
                  <c:v>35.381608877819957</c:v>
                </c:pt>
                <c:pt idx="5411">
                  <c:v>35.068529909712943</c:v>
                </c:pt>
                <c:pt idx="5412">
                  <c:v>34.978143670442272</c:v>
                </c:pt>
                <c:pt idx="5413">
                  <c:v>34.902107514751364</c:v>
                </c:pt>
                <c:pt idx="5414">
                  <c:v>34.870457711599059</c:v>
                </c:pt>
                <c:pt idx="5415">
                  <c:v>34.880856416617618</c:v>
                </c:pt>
                <c:pt idx="5416">
                  <c:v>34.814725462917075</c:v>
                </c:pt>
                <c:pt idx="5417">
                  <c:v>34.744652561648181</c:v>
                </c:pt>
                <c:pt idx="5418">
                  <c:v>34.686469184309885</c:v>
                </c:pt>
                <c:pt idx="5419">
                  <c:v>34.64137513506148</c:v>
                </c:pt>
                <c:pt idx="5420">
                  <c:v>34.59229290159815</c:v>
                </c:pt>
                <c:pt idx="5421">
                  <c:v>34.503616479933591</c:v>
                </c:pt>
                <c:pt idx="5422">
                  <c:v>34.446542100403427</c:v>
                </c:pt>
                <c:pt idx="5423">
                  <c:v>34.392257853666237</c:v>
                </c:pt>
                <c:pt idx="5424">
                  <c:v>34.373030934893791</c:v>
                </c:pt>
                <c:pt idx="5425">
                  <c:v>34.367557958207016</c:v>
                </c:pt>
                <c:pt idx="5426">
                  <c:v>34.349087071030638</c:v>
                </c:pt>
                <c:pt idx="5427">
                  <c:v>34.28638730996569</c:v>
                </c:pt>
                <c:pt idx="5428">
                  <c:v>34.213512188645574</c:v>
                </c:pt>
                <c:pt idx="5429">
                  <c:v>34.187630360444267</c:v>
                </c:pt>
                <c:pt idx="5430">
                  <c:v>34.139914167681006</c:v>
                </c:pt>
                <c:pt idx="5431">
                  <c:v>34.11323879803416</c:v>
                </c:pt>
                <c:pt idx="5432">
                  <c:v>34.091664861164148</c:v>
                </c:pt>
                <c:pt idx="5433">
                  <c:v>34.128195571010878</c:v>
                </c:pt>
                <c:pt idx="5434">
                  <c:v>34.202763768740226</c:v>
                </c:pt>
                <c:pt idx="5435">
                  <c:v>34.274507393767202</c:v>
                </c:pt>
                <c:pt idx="5436">
                  <c:v>34.380264602445202</c:v>
                </c:pt>
                <c:pt idx="5437">
                  <c:v>34.452961320578432</c:v>
                </c:pt>
                <c:pt idx="5438">
                  <c:v>34.42177449155632</c:v>
                </c:pt>
                <c:pt idx="5439">
                  <c:v>34.299085419609057</c:v>
                </c:pt>
                <c:pt idx="5440">
                  <c:v>34.331363347076625</c:v>
                </c:pt>
                <c:pt idx="5441">
                  <c:v>34.435387908036176</c:v>
                </c:pt>
                <c:pt idx="5442">
                  <c:v>34.503634637371917</c:v>
                </c:pt>
                <c:pt idx="5443">
                  <c:v>34.572466023077446</c:v>
                </c:pt>
                <c:pt idx="5444">
                  <c:v>34.642158056119314</c:v>
                </c:pt>
                <c:pt idx="5445">
                  <c:v>34.73200851859842</c:v>
                </c:pt>
                <c:pt idx="5446">
                  <c:v>34.824068409479537</c:v>
                </c:pt>
                <c:pt idx="5447">
                  <c:v>34.979219803582609</c:v>
                </c:pt>
                <c:pt idx="5448">
                  <c:v>35.046694091077654</c:v>
                </c:pt>
                <c:pt idx="5449">
                  <c:v>35.172901868105448</c:v>
                </c:pt>
                <c:pt idx="5450">
                  <c:v>35.28691514798237</c:v>
                </c:pt>
                <c:pt idx="5451">
                  <c:v>35.394714699357223</c:v>
                </c:pt>
                <c:pt idx="5452">
                  <c:v>35.560536550712001</c:v>
                </c:pt>
                <c:pt idx="5453">
                  <c:v>35.723270251975066</c:v>
                </c:pt>
                <c:pt idx="5454">
                  <c:v>35.857693355153721</c:v>
                </c:pt>
                <c:pt idx="5455">
                  <c:v>35.909870871969474</c:v>
                </c:pt>
                <c:pt idx="5456">
                  <c:v>35.980796916646796</c:v>
                </c:pt>
                <c:pt idx="5457">
                  <c:v>36.015276240006493</c:v>
                </c:pt>
                <c:pt idx="5458">
                  <c:v>36.02182988792719</c:v>
                </c:pt>
                <c:pt idx="5459">
                  <c:v>36.018306764745958</c:v>
                </c:pt>
                <c:pt idx="5460">
                  <c:v>35.983777644957954</c:v>
                </c:pt>
                <c:pt idx="5461">
                  <c:v>35.923887768738311</c:v>
                </c:pt>
                <c:pt idx="5462">
                  <c:v>35.803483861989861</c:v>
                </c:pt>
                <c:pt idx="5463">
                  <c:v>35.547533114030813</c:v>
                </c:pt>
                <c:pt idx="5464">
                  <c:v>35.272482408255684</c:v>
                </c:pt>
                <c:pt idx="5465">
                  <c:v>34.904767869091074</c:v>
                </c:pt>
                <c:pt idx="5466">
                  <c:v>34.54017849280411</c:v>
                </c:pt>
                <c:pt idx="5467">
                  <c:v>34.364471411773422</c:v>
                </c:pt>
                <c:pt idx="5468">
                  <c:v>34.23900166859616</c:v>
                </c:pt>
                <c:pt idx="5469">
                  <c:v>34.177274721384578</c:v>
                </c:pt>
                <c:pt idx="5470">
                  <c:v>34.178250861147376</c:v>
                </c:pt>
                <c:pt idx="5471">
                  <c:v>34.262128796012178</c:v>
                </c:pt>
                <c:pt idx="5472">
                  <c:v>34.427431949913398</c:v>
                </c:pt>
                <c:pt idx="5473">
                  <c:v>34.486955035300177</c:v>
                </c:pt>
                <c:pt idx="5474">
                  <c:v>34.559648138465434</c:v>
                </c:pt>
                <c:pt idx="5475">
                  <c:v>34.453653653211504</c:v>
                </c:pt>
                <c:pt idx="5476">
                  <c:v>34.39197551725497</c:v>
                </c:pt>
                <c:pt idx="5477">
                  <c:v>34.376404650655466</c:v>
                </c:pt>
                <c:pt idx="5478">
                  <c:v>34.407729766277015</c:v>
                </c:pt>
                <c:pt idx="5479">
                  <c:v>34.436677452202417</c:v>
                </c:pt>
                <c:pt idx="5480">
                  <c:v>34.576822217498844</c:v>
                </c:pt>
                <c:pt idx="5481">
                  <c:v>34.704872086455673</c:v>
                </c:pt>
                <c:pt idx="5482">
                  <c:v>34.84942627989615</c:v>
                </c:pt>
                <c:pt idx="5483">
                  <c:v>35.007921160160805</c:v>
                </c:pt>
                <c:pt idx="5484">
                  <c:v>35.161212936889783</c:v>
                </c:pt>
                <c:pt idx="5485">
                  <c:v>35.31981772819519</c:v>
                </c:pt>
                <c:pt idx="5486">
                  <c:v>35.489523830820964</c:v>
                </c:pt>
                <c:pt idx="5487">
                  <c:v>35.63535381840552</c:v>
                </c:pt>
                <c:pt idx="5488">
                  <c:v>35.744878090501714</c:v>
                </c:pt>
                <c:pt idx="5489">
                  <c:v>35.830985341319234</c:v>
                </c:pt>
                <c:pt idx="5490">
                  <c:v>35.897901828269454</c:v>
                </c:pt>
                <c:pt idx="5491">
                  <c:v>35.970416539377993</c:v>
                </c:pt>
                <c:pt idx="5492">
                  <c:v>36.00117996683619</c:v>
                </c:pt>
                <c:pt idx="5493">
                  <c:v>36.046012441668516</c:v>
                </c:pt>
                <c:pt idx="5494">
                  <c:v>36.088217498978722</c:v>
                </c:pt>
                <c:pt idx="5495">
                  <c:v>36.106147864633641</c:v>
                </c:pt>
                <c:pt idx="5496">
                  <c:v>36.059810959621515</c:v>
                </c:pt>
                <c:pt idx="5497">
                  <c:v>36.051204484993207</c:v>
                </c:pt>
                <c:pt idx="5498">
                  <c:v>36.106549551769703</c:v>
                </c:pt>
                <c:pt idx="5499">
                  <c:v>35.976958797143737</c:v>
                </c:pt>
                <c:pt idx="5500">
                  <c:v>36.019279174997244</c:v>
                </c:pt>
                <c:pt idx="5501">
                  <c:v>36.034559466612436</c:v>
                </c:pt>
                <c:pt idx="5502">
                  <c:v>36.018392459482392</c:v>
                </c:pt>
                <c:pt idx="5503">
                  <c:v>36.002438139665699</c:v>
                </c:pt>
                <c:pt idx="5504">
                  <c:v>35.998492019100759</c:v>
                </c:pt>
                <c:pt idx="5505">
                  <c:v>35.968497232764854</c:v>
                </c:pt>
                <c:pt idx="5506">
                  <c:v>35.950977785226783</c:v>
                </c:pt>
                <c:pt idx="5507">
                  <c:v>35.939812635734292</c:v>
                </c:pt>
                <c:pt idx="5508">
                  <c:v>35.920323541631255</c:v>
                </c:pt>
                <c:pt idx="5509">
                  <c:v>35.919501436751375</c:v>
                </c:pt>
                <c:pt idx="5510">
                  <c:v>35.988089208551841</c:v>
                </c:pt>
                <c:pt idx="5511">
                  <c:v>36.051547357205123</c:v>
                </c:pt>
                <c:pt idx="5512">
                  <c:v>36.088395174907156</c:v>
                </c:pt>
                <c:pt idx="5513">
                  <c:v>36.133560722154755</c:v>
                </c:pt>
                <c:pt idx="5514">
                  <c:v>36.256672778989625</c:v>
                </c:pt>
                <c:pt idx="5515">
                  <c:v>36.323075754831954</c:v>
                </c:pt>
                <c:pt idx="5516">
                  <c:v>36.364449988723251</c:v>
                </c:pt>
                <c:pt idx="5517">
                  <c:v>36.401050931579135</c:v>
                </c:pt>
                <c:pt idx="5518">
                  <c:v>35.930156135192227</c:v>
                </c:pt>
                <c:pt idx="5519">
                  <c:v>36.53058308364929</c:v>
                </c:pt>
                <c:pt idx="5520">
                  <c:v>36.584183648122021</c:v>
                </c:pt>
                <c:pt idx="5521">
                  <c:v>36.603344490322534</c:v>
                </c:pt>
                <c:pt idx="5522">
                  <c:v>36.606750394114144</c:v>
                </c:pt>
                <c:pt idx="5523">
                  <c:v>36.551358115355015</c:v>
                </c:pt>
                <c:pt idx="5524">
                  <c:v>36.521823533863099</c:v>
                </c:pt>
                <c:pt idx="5525">
                  <c:v>36.441574033612739</c:v>
                </c:pt>
                <c:pt idx="5526">
                  <c:v>36.467405018979662</c:v>
                </c:pt>
                <c:pt idx="5527">
                  <c:v>36.434347449394409</c:v>
                </c:pt>
                <c:pt idx="5528">
                  <c:v>36.378450742824455</c:v>
                </c:pt>
                <c:pt idx="5529">
                  <c:v>36.408479341313019</c:v>
                </c:pt>
                <c:pt idx="5530">
                  <c:v>36.405994974162709</c:v>
                </c:pt>
                <c:pt idx="5531">
                  <c:v>35.834568050605711</c:v>
                </c:pt>
                <c:pt idx="5532">
                  <c:v>36.478693613059264</c:v>
                </c:pt>
                <c:pt idx="5533">
                  <c:v>36.451928376705837</c:v>
                </c:pt>
                <c:pt idx="5534">
                  <c:v>36.483303478249169</c:v>
                </c:pt>
                <c:pt idx="5535">
                  <c:v>36.466162879299546</c:v>
                </c:pt>
                <c:pt idx="5536">
                  <c:v>36.420911263472519</c:v>
                </c:pt>
                <c:pt idx="5537">
                  <c:v>36.404787821902346</c:v>
                </c:pt>
                <c:pt idx="5538">
                  <c:v>36.343048678987557</c:v>
                </c:pt>
                <c:pt idx="5539">
                  <c:v>36.309813660560138</c:v>
                </c:pt>
                <c:pt idx="5540">
                  <c:v>36.265335501105568</c:v>
                </c:pt>
                <c:pt idx="5541">
                  <c:v>36.201160054441765</c:v>
                </c:pt>
                <c:pt idx="5542">
                  <c:v>36.091757671566555</c:v>
                </c:pt>
                <c:pt idx="5543">
                  <c:v>35.964432406564008</c:v>
                </c:pt>
                <c:pt idx="5544">
                  <c:v>35.88858601408522</c:v>
                </c:pt>
                <c:pt idx="5545">
                  <c:v>35.795869172690665</c:v>
                </c:pt>
                <c:pt idx="5546">
                  <c:v>35.719322675285845</c:v>
                </c:pt>
                <c:pt idx="5547">
                  <c:v>35.735887770344803</c:v>
                </c:pt>
                <c:pt idx="5548">
                  <c:v>35.697983015170522</c:v>
                </c:pt>
                <c:pt idx="5549">
                  <c:v>35.597173030439095</c:v>
                </c:pt>
                <c:pt idx="5550">
                  <c:v>35.50813783690883</c:v>
                </c:pt>
                <c:pt idx="5551">
                  <c:v>35.482361652556087</c:v>
                </c:pt>
                <c:pt idx="5552">
                  <c:v>35.425707592305024</c:v>
                </c:pt>
                <c:pt idx="5553">
                  <c:v>35.178391929716341</c:v>
                </c:pt>
                <c:pt idx="5554">
                  <c:v>35.29709955512574</c:v>
                </c:pt>
                <c:pt idx="5555">
                  <c:v>35.245311950844581</c:v>
                </c:pt>
                <c:pt idx="5556">
                  <c:v>35.177279937635092</c:v>
                </c:pt>
                <c:pt idx="5557">
                  <c:v>35.146573410436019</c:v>
                </c:pt>
                <c:pt idx="5558">
                  <c:v>34.964314533766924</c:v>
                </c:pt>
                <c:pt idx="5559">
                  <c:v>34.85204200914206</c:v>
                </c:pt>
                <c:pt idx="5560">
                  <c:v>34.750339851815909</c:v>
                </c:pt>
                <c:pt idx="5561">
                  <c:v>34.711432839398597</c:v>
                </c:pt>
                <c:pt idx="5562">
                  <c:v>34.360306435260782</c:v>
                </c:pt>
                <c:pt idx="5563">
                  <c:v>34.658038371203347</c:v>
                </c:pt>
                <c:pt idx="5564">
                  <c:v>34.625512467734509</c:v>
                </c:pt>
                <c:pt idx="5565">
                  <c:v>34.513558890291876</c:v>
                </c:pt>
                <c:pt idx="5566">
                  <c:v>34.421851822625747</c:v>
                </c:pt>
                <c:pt idx="5567">
                  <c:v>34.354137416575426</c:v>
                </c:pt>
                <c:pt idx="5568">
                  <c:v>34.320600260103575</c:v>
                </c:pt>
                <c:pt idx="5569">
                  <c:v>34.252622381180984</c:v>
                </c:pt>
                <c:pt idx="5570">
                  <c:v>34.15074900666184</c:v>
                </c:pt>
                <c:pt idx="5571">
                  <c:v>34.078899336950641</c:v>
                </c:pt>
                <c:pt idx="5572">
                  <c:v>34.043341260002038</c:v>
                </c:pt>
                <c:pt idx="5573">
                  <c:v>34.085491715043943</c:v>
                </c:pt>
                <c:pt idx="5574">
                  <c:v>34.086178730249379</c:v>
                </c:pt>
                <c:pt idx="5575">
                  <c:v>34.041711489675414</c:v>
                </c:pt>
                <c:pt idx="5576">
                  <c:v>34.042640892303297</c:v>
                </c:pt>
                <c:pt idx="5577">
                  <c:v>34.093734135361103</c:v>
                </c:pt>
                <c:pt idx="5578">
                  <c:v>34.08519380185988</c:v>
                </c:pt>
                <c:pt idx="5579">
                  <c:v>34.046739739646426</c:v>
                </c:pt>
                <c:pt idx="5580">
                  <c:v>33.945374322037594</c:v>
                </c:pt>
                <c:pt idx="5581">
                  <c:v>33.857022234086273</c:v>
                </c:pt>
                <c:pt idx="5582">
                  <c:v>33.728367189313076</c:v>
                </c:pt>
                <c:pt idx="5583">
                  <c:v>33.613716303766843</c:v>
                </c:pt>
                <c:pt idx="5584">
                  <c:v>33.533583447355355</c:v>
                </c:pt>
                <c:pt idx="5585">
                  <c:v>33.459469619217892</c:v>
                </c:pt>
                <c:pt idx="5586">
                  <c:v>33.369835352106122</c:v>
                </c:pt>
                <c:pt idx="5587">
                  <c:v>33.339992652004952</c:v>
                </c:pt>
                <c:pt idx="5588">
                  <c:v>33.337191815575196</c:v>
                </c:pt>
                <c:pt idx="5589">
                  <c:v>33.245977941596323</c:v>
                </c:pt>
                <c:pt idx="5590">
                  <c:v>33.180410745807038</c:v>
                </c:pt>
                <c:pt idx="5591">
                  <c:v>33.05234618247804</c:v>
                </c:pt>
                <c:pt idx="5592">
                  <c:v>32.92986950551402</c:v>
                </c:pt>
                <c:pt idx="5593">
                  <c:v>32.738618562652462</c:v>
                </c:pt>
                <c:pt idx="5594">
                  <c:v>32.555215611759152</c:v>
                </c:pt>
                <c:pt idx="5595">
                  <c:v>32.392701849478179</c:v>
                </c:pt>
                <c:pt idx="5596">
                  <c:v>32.337178142617709</c:v>
                </c:pt>
                <c:pt idx="5597">
                  <c:v>32.396479642335308</c:v>
                </c:pt>
                <c:pt idx="5598">
                  <c:v>32.499035811479359</c:v>
                </c:pt>
                <c:pt idx="5599">
                  <c:v>32.595541557955983</c:v>
                </c:pt>
                <c:pt idx="5600">
                  <c:v>32.298507508693888</c:v>
                </c:pt>
                <c:pt idx="5601">
                  <c:v>32.736476800185486</c:v>
                </c:pt>
                <c:pt idx="5602">
                  <c:v>32.771579233874334</c:v>
                </c:pt>
                <c:pt idx="5603">
                  <c:v>32.762064676260124</c:v>
                </c:pt>
                <c:pt idx="5604">
                  <c:v>32.671192377189094</c:v>
                </c:pt>
                <c:pt idx="5605">
                  <c:v>32.577362148764422</c:v>
                </c:pt>
                <c:pt idx="5606">
                  <c:v>32.463093137957507</c:v>
                </c:pt>
                <c:pt idx="5607">
                  <c:v>32.334941348325884</c:v>
                </c:pt>
                <c:pt idx="5608">
                  <c:v>32.295234072957811</c:v>
                </c:pt>
                <c:pt idx="5609">
                  <c:v>32.267966430962559</c:v>
                </c:pt>
                <c:pt idx="5610">
                  <c:v>32.310238066963997</c:v>
                </c:pt>
                <c:pt idx="5611">
                  <c:v>32.381411944528359</c:v>
                </c:pt>
                <c:pt idx="5612">
                  <c:v>32.476557264255547</c:v>
                </c:pt>
                <c:pt idx="5613">
                  <c:v>32.465887861205069</c:v>
                </c:pt>
                <c:pt idx="5614">
                  <c:v>32.406851540432804</c:v>
                </c:pt>
                <c:pt idx="5615">
                  <c:v>32.387806994893602</c:v>
                </c:pt>
                <c:pt idx="5616">
                  <c:v>32.42248580993013</c:v>
                </c:pt>
                <c:pt idx="5617">
                  <c:v>32.466676953505292</c:v>
                </c:pt>
                <c:pt idx="5618">
                  <c:v>32.525626515275718</c:v>
                </c:pt>
                <c:pt idx="5619">
                  <c:v>32.587525444823775</c:v>
                </c:pt>
                <c:pt idx="5620">
                  <c:v>32.641235109990809</c:v>
                </c:pt>
                <c:pt idx="5621">
                  <c:v>32.707321076841048</c:v>
                </c:pt>
                <c:pt idx="5622">
                  <c:v>32.779037574971454</c:v>
                </c:pt>
                <c:pt idx="5623">
                  <c:v>32.900814120710692</c:v>
                </c:pt>
                <c:pt idx="5624">
                  <c:v>32.89110117138889</c:v>
                </c:pt>
                <c:pt idx="5625">
                  <c:v>32.880785851719494</c:v>
                </c:pt>
                <c:pt idx="5626">
                  <c:v>32.862720629122677</c:v>
                </c:pt>
                <c:pt idx="5627">
                  <c:v>32.841595479537709</c:v>
                </c:pt>
                <c:pt idx="5628">
                  <c:v>32.735603019399321</c:v>
                </c:pt>
                <c:pt idx="5629">
                  <c:v>32.697382275109256</c:v>
                </c:pt>
                <c:pt idx="5630">
                  <c:v>32.626769877533903</c:v>
                </c:pt>
                <c:pt idx="5631">
                  <c:v>32.622410353808853</c:v>
                </c:pt>
                <c:pt idx="5632">
                  <c:v>32.593191874878059</c:v>
                </c:pt>
                <c:pt idx="5633">
                  <c:v>32.543530751596911</c:v>
                </c:pt>
                <c:pt idx="5634">
                  <c:v>32.484493987910945</c:v>
                </c:pt>
                <c:pt idx="5635">
                  <c:v>32.425008712327454</c:v>
                </c:pt>
                <c:pt idx="5636">
                  <c:v>32.30531772708251</c:v>
                </c:pt>
                <c:pt idx="5637">
                  <c:v>32.299543408926205</c:v>
                </c:pt>
                <c:pt idx="5638">
                  <c:v>32.254503364451587</c:v>
                </c:pt>
                <c:pt idx="5639">
                  <c:v>32.268885527982832</c:v>
                </c:pt>
                <c:pt idx="5640">
                  <c:v>32.428987288951767</c:v>
                </c:pt>
                <c:pt idx="5641">
                  <c:v>32.614903534786102</c:v>
                </c:pt>
                <c:pt idx="5642">
                  <c:v>32.667445666695812</c:v>
                </c:pt>
                <c:pt idx="5643">
                  <c:v>32.658100198060716</c:v>
                </c:pt>
                <c:pt idx="5644">
                  <c:v>32.751854048447811</c:v>
                </c:pt>
                <c:pt idx="5645">
                  <c:v>32.823374774863424</c:v>
                </c:pt>
                <c:pt idx="5646">
                  <c:v>32.86980992882792</c:v>
                </c:pt>
                <c:pt idx="5647">
                  <c:v>32.85852242700868</c:v>
                </c:pt>
                <c:pt idx="5648">
                  <c:v>32.797117471451486</c:v>
                </c:pt>
                <c:pt idx="5649">
                  <c:v>32.570852923533494</c:v>
                </c:pt>
                <c:pt idx="5650">
                  <c:v>32.372341878106674</c:v>
                </c:pt>
                <c:pt idx="5651">
                  <c:v>32.072060791803985</c:v>
                </c:pt>
                <c:pt idx="5652">
                  <c:v>31.829772719193823</c:v>
                </c:pt>
                <c:pt idx="5653">
                  <c:v>31.56867005083258</c:v>
                </c:pt>
                <c:pt idx="5654">
                  <c:v>31.372516888801606</c:v>
                </c:pt>
                <c:pt idx="5655">
                  <c:v>31.320735372910455</c:v>
                </c:pt>
                <c:pt idx="5656">
                  <c:v>31.282638663630191</c:v>
                </c:pt>
                <c:pt idx="5657">
                  <c:v>31.194656350272052</c:v>
                </c:pt>
                <c:pt idx="5658">
                  <c:v>#N/A</c:v>
                </c:pt>
                <c:pt idx="5659">
                  <c:v>#N/A</c:v>
                </c:pt>
                <c:pt idx="5660">
                  <c:v>#N/A</c:v>
                </c:pt>
                <c:pt idx="5661">
                  <c:v>#N/A</c:v>
                </c:pt>
                <c:pt idx="5662">
                  <c:v>#N/A</c:v>
                </c:pt>
                <c:pt idx="5663">
                  <c:v>#N/A</c:v>
                </c:pt>
                <c:pt idx="5664">
                  <c:v>#N/A</c:v>
                </c:pt>
                <c:pt idx="5665">
                  <c:v>#N/A</c:v>
                </c:pt>
                <c:pt idx="5666">
                  <c:v>#N/A</c:v>
                </c:pt>
                <c:pt idx="5667">
                  <c:v>#N/A</c:v>
                </c:pt>
                <c:pt idx="5668">
                  <c:v>32.337139119936694</c:v>
                </c:pt>
                <c:pt idx="5669">
                  <c:v>32.50151967017203</c:v>
                </c:pt>
                <c:pt idx="5670">
                  <c:v>32.667802722682588</c:v>
                </c:pt>
                <c:pt idx="5671">
                  <c:v>32.800857523697701</c:v>
                </c:pt>
                <c:pt idx="5672">
                  <c:v>32.908692278443269</c:v>
                </c:pt>
                <c:pt idx="5673">
                  <c:v>32.994723851294488</c:v>
                </c:pt>
                <c:pt idx="5674">
                  <c:v>33.136605790796892</c:v>
                </c:pt>
                <c:pt idx="5675">
                  <c:v>33.268773281660543</c:v>
                </c:pt>
                <c:pt idx="5676">
                  <c:v>33.435178839961537</c:v>
                </c:pt>
                <c:pt idx="5677">
                  <c:v>33.569865458874872</c:v>
                </c:pt>
                <c:pt idx="5678">
                  <c:v>33.726608266939785</c:v>
                </c:pt>
                <c:pt idx="5679">
                  <c:v>33.864618676536296</c:v>
                </c:pt>
                <c:pt idx="5680">
                  <c:v>33.980757863724321</c:v>
                </c:pt>
                <c:pt idx="5681">
                  <c:v>34.059599217483672</c:v>
                </c:pt>
                <c:pt idx="5682">
                  <c:v>34.101156377170639</c:v>
                </c:pt>
                <c:pt idx="5683">
                  <c:v>34.150446241158676</c:v>
                </c:pt>
                <c:pt idx="5684">
                  <c:v>34.190105558576207</c:v>
                </c:pt>
                <c:pt idx="5685">
                  <c:v>34.219348144657346</c:v>
                </c:pt>
                <c:pt idx="5686">
                  <c:v>34.31082539595711</c:v>
                </c:pt>
                <c:pt idx="5687">
                  <c:v>34.394680728036519</c:v>
                </c:pt>
                <c:pt idx="5688">
                  <c:v>34.429446385980356</c:v>
                </c:pt>
                <c:pt idx="5689">
                  <c:v>34.437781277014025</c:v>
                </c:pt>
                <c:pt idx="5690">
                  <c:v>34.46076259629546</c:v>
                </c:pt>
                <c:pt idx="5691">
                  <c:v>34.496039927863421</c:v>
                </c:pt>
                <c:pt idx="5692">
                  <c:v>34.514173575141569</c:v>
                </c:pt>
                <c:pt idx="5693">
                  <c:v>34.504782576474256</c:v>
                </c:pt>
                <c:pt idx="5694">
                  <c:v>34.439631516646045</c:v>
                </c:pt>
                <c:pt idx="5695">
                  <c:v>34.387630224204358</c:v>
                </c:pt>
                <c:pt idx="5696">
                  <c:v>34.35927866761628</c:v>
                </c:pt>
                <c:pt idx="5697">
                  <c:v>34.305211064903297</c:v>
                </c:pt>
                <c:pt idx="5698">
                  <c:v>34.262829779848275</c:v>
                </c:pt>
                <c:pt idx="5699">
                  <c:v>34.20740493873852</c:v>
                </c:pt>
                <c:pt idx="5700">
                  <c:v>34.151618232292861</c:v>
                </c:pt>
                <c:pt idx="5701">
                  <c:v>34.079859424259325</c:v>
                </c:pt>
                <c:pt idx="5702">
                  <c:v>34.048243774154173</c:v>
                </c:pt>
                <c:pt idx="5703">
                  <c:v>34.033965319440192</c:v>
                </c:pt>
                <c:pt idx="5704">
                  <c:v>34.011083748621061</c:v>
                </c:pt>
                <c:pt idx="5705">
                  <c:v>34.014788087790201</c:v>
                </c:pt>
                <c:pt idx="5706">
                  <c:v>33.99126072494434</c:v>
                </c:pt>
                <c:pt idx="5707">
                  <c:v>33.985827069394816</c:v>
                </c:pt>
                <c:pt idx="5708">
                  <c:v>33.9718137375068</c:v>
                </c:pt>
                <c:pt idx="5709">
                  <c:v>33.990504568888412</c:v>
                </c:pt>
                <c:pt idx="5710">
                  <c:v>33.970500367698129</c:v>
                </c:pt>
                <c:pt idx="5711">
                  <c:v>33.959364931656928</c:v>
                </c:pt>
                <c:pt idx="5712">
                  <c:v>33.951176261311957</c:v>
                </c:pt>
                <c:pt idx="5713">
                  <c:v>33.968806995170652</c:v>
                </c:pt>
                <c:pt idx="5714">
                  <c:v>33.965226921824289</c:v>
                </c:pt>
                <c:pt idx="5715">
                  <c:v>33.990477672635144</c:v>
                </c:pt>
                <c:pt idx="5716">
                  <c:v>33.983364486984392</c:v>
                </c:pt>
                <c:pt idx="5717">
                  <c:v>34.005272380413075</c:v>
                </c:pt>
                <c:pt idx="5718">
                  <c:v>34.015221762461465</c:v>
                </c:pt>
                <c:pt idx="5719">
                  <c:v>34.052932642630466</c:v>
                </c:pt>
                <c:pt idx="5720">
                  <c:v>34.077217385239045</c:v>
                </c:pt>
                <c:pt idx="5721">
                  <c:v>34.1290505010316</c:v>
                </c:pt>
                <c:pt idx="5722">
                  <c:v>34.154601955334378</c:v>
                </c:pt>
                <c:pt idx="5723">
                  <c:v>34.1996385109505</c:v>
                </c:pt>
                <c:pt idx="5724">
                  <c:v>34.221142136940472</c:v>
                </c:pt>
                <c:pt idx="5725">
                  <c:v>34.23255668386588</c:v>
                </c:pt>
                <c:pt idx="5726">
                  <c:v>34.246798298278804</c:v>
                </c:pt>
                <c:pt idx="5727">
                  <c:v>34.26316149263225</c:v>
                </c:pt>
                <c:pt idx="5728">
                  <c:v>34.271763649313115</c:v>
                </c:pt>
                <c:pt idx="5729">
                  <c:v>34.26712117215132</c:v>
                </c:pt>
                <c:pt idx="5730">
                  <c:v>34.264804713367965</c:v>
                </c:pt>
                <c:pt idx="5731">
                  <c:v>34.262590335373829</c:v>
                </c:pt>
                <c:pt idx="5732">
                  <c:v>34.266780663476489</c:v>
                </c:pt>
                <c:pt idx="5733">
                  <c:v>34.25214741200881</c:v>
                </c:pt>
                <c:pt idx="5734">
                  <c:v>34.216617401593062</c:v>
                </c:pt>
                <c:pt idx="5735">
                  <c:v>34.188117774255836</c:v>
                </c:pt>
                <c:pt idx="5736">
                  <c:v>34.161871950497265</c:v>
                </c:pt>
                <c:pt idx="5737">
                  <c:v>34.14654245132698</c:v>
                </c:pt>
                <c:pt idx="5738">
                  <c:v>34.112694906718204</c:v>
                </c:pt>
                <c:pt idx="5739">
                  <c:v>34.087108970920653</c:v>
                </c:pt>
                <c:pt idx="5740">
                  <c:v>34.081773137690149</c:v>
                </c:pt>
                <c:pt idx="5741">
                  <c:v>34.063712838405408</c:v>
                </c:pt>
                <c:pt idx="5742">
                  <c:v>34.084931822580153</c:v>
                </c:pt>
                <c:pt idx="5743">
                  <c:v>34.113026113403947</c:v>
                </c:pt>
                <c:pt idx="5744">
                  <c:v>34.156216817887518</c:v>
                </c:pt>
                <c:pt idx="5745">
                  <c:v>34.205480505188007</c:v>
                </c:pt>
                <c:pt idx="5746">
                  <c:v>34.272523464536569</c:v>
                </c:pt>
                <c:pt idx="5747">
                  <c:v>34.320617977349329</c:v>
                </c:pt>
                <c:pt idx="5748">
                  <c:v>34.368211265669061</c:v>
                </c:pt>
                <c:pt idx="5749">
                  <c:v>34.397317855156203</c:v>
                </c:pt>
                <c:pt idx="5750">
                  <c:v>34.402008926384326</c:v>
                </c:pt>
                <c:pt idx="5751">
                  <c:v>34.392212835945244</c:v>
                </c:pt>
                <c:pt idx="5752">
                  <c:v>34.406657744285198</c:v>
                </c:pt>
                <c:pt idx="5753">
                  <c:v>34.403681990835231</c:v>
                </c:pt>
                <c:pt idx="5754">
                  <c:v>34.404121542020754</c:v>
                </c:pt>
                <c:pt idx="5755">
                  <c:v>34.422433557231443</c:v>
                </c:pt>
                <c:pt idx="5756">
                  <c:v>34.428451538622966</c:v>
                </c:pt>
                <c:pt idx="5757">
                  <c:v>34.431729622239644</c:v>
                </c:pt>
                <c:pt idx="5758">
                  <c:v>34.419701354353137</c:v>
                </c:pt>
                <c:pt idx="5759">
                  <c:v>34.422010112334377</c:v>
                </c:pt>
                <c:pt idx="5760">
                  <c:v>34.44233051164025</c:v>
                </c:pt>
                <c:pt idx="5761">
                  <c:v>34.476299066157381</c:v>
                </c:pt>
                <c:pt idx="5762">
                  <c:v>34.536985723714324</c:v>
                </c:pt>
                <c:pt idx="5763">
                  <c:v>34.564641178627568</c:v>
                </c:pt>
                <c:pt idx="5764">
                  <c:v>34.615993322775623</c:v>
                </c:pt>
                <c:pt idx="5765">
                  <c:v>34.683287087690935</c:v>
                </c:pt>
                <c:pt idx="5766">
                  <c:v>34.738586925339916</c:v>
                </c:pt>
                <c:pt idx="5767">
                  <c:v>34.789921112170418</c:v>
                </c:pt>
                <c:pt idx="5768">
                  <c:v>34.855083602710678</c:v>
                </c:pt>
                <c:pt idx="5769">
                  <c:v>34.900359530458502</c:v>
                </c:pt>
                <c:pt idx="5770">
                  <c:v>34.931408809873467</c:v>
                </c:pt>
                <c:pt idx="5771">
                  <c:v>34.969066661553427</c:v>
                </c:pt>
                <c:pt idx="5772">
                  <c:v>34.982641441679988</c:v>
                </c:pt>
                <c:pt idx="5773">
                  <c:v>34.99218156324703</c:v>
                </c:pt>
                <c:pt idx="5774">
                  <c:v>35.035824150096573</c:v>
                </c:pt>
                <c:pt idx="5775">
                  <c:v>35.06974182640193</c:v>
                </c:pt>
                <c:pt idx="5776">
                  <c:v>35.133606062186971</c:v>
                </c:pt>
                <c:pt idx="5777">
                  <c:v>35.19969445883148</c:v>
                </c:pt>
                <c:pt idx="5778">
                  <c:v>35.226412144850968</c:v>
                </c:pt>
                <c:pt idx="5779">
                  <c:v>35.234821301385196</c:v>
                </c:pt>
                <c:pt idx="5780">
                  <c:v>35.240083102345551</c:v>
                </c:pt>
                <c:pt idx="5781">
                  <c:v>35.246445003011445</c:v>
                </c:pt>
                <c:pt idx="5782">
                  <c:v>35.253888905410577</c:v>
                </c:pt>
                <c:pt idx="5783">
                  <c:v>35.250753195894305</c:v>
                </c:pt>
                <c:pt idx="5784">
                  <c:v>35.223079318106002</c:v>
                </c:pt>
                <c:pt idx="5785">
                  <c:v>35.238114460289808</c:v>
                </c:pt>
                <c:pt idx="5786">
                  <c:v>35.236889464492364</c:v>
                </c:pt>
                <c:pt idx="5787">
                  <c:v>35.291215170773953</c:v>
                </c:pt>
                <c:pt idx="5788">
                  <c:v>35.301067927162961</c:v>
                </c:pt>
                <c:pt idx="5789">
                  <c:v>35.324663399931495</c:v>
                </c:pt>
                <c:pt idx="5790">
                  <c:v>35.306574590079165</c:v>
                </c:pt>
                <c:pt idx="5791">
                  <c:v>35.205404682055679</c:v>
                </c:pt>
                <c:pt idx="5792">
                  <c:v>35.133262296799316</c:v>
                </c:pt>
                <c:pt idx="5793">
                  <c:v>35.100658534658152</c:v>
                </c:pt>
                <c:pt idx="5794">
                  <c:v>35.075285230483303</c:v>
                </c:pt>
                <c:pt idx="5795">
                  <c:v>35.094242815308888</c:v>
                </c:pt>
                <c:pt idx="5796">
                  <c:v>35.152363718670664</c:v>
                </c:pt>
                <c:pt idx="5797">
                  <c:v>35.226846420656152</c:v>
                </c:pt>
                <c:pt idx="5798">
                  <c:v>35.359000466129729</c:v>
                </c:pt>
                <c:pt idx="5799">
                  <c:v>35.36724797204824</c:v>
                </c:pt>
                <c:pt idx="5800">
                  <c:v>35.204296858808689</c:v>
                </c:pt>
                <c:pt idx="5801">
                  <c:v>34.939367690612798</c:v>
                </c:pt>
                <c:pt idx="5802">
                  <c:v>34.758564918948537</c:v>
                </c:pt>
                <c:pt idx="5803">
                  <c:v>34.54461958156822</c:v>
                </c:pt>
                <c:pt idx="5804">
                  <c:v>34.297502046813776</c:v>
                </c:pt>
                <c:pt idx="5805">
                  <c:v>34.073076278164564</c:v>
                </c:pt>
                <c:pt idx="5806">
                  <c:v>33.937311270670861</c:v>
                </c:pt>
                <c:pt idx="5807">
                  <c:v>33.816730739007909</c:v>
                </c:pt>
                <c:pt idx="5808">
                  <c:v>33.533151282733471</c:v>
                </c:pt>
                <c:pt idx="5809">
                  <c:v>33.361762486892673</c:v>
                </c:pt>
                <c:pt idx="5810">
                  <c:v>33.143245054691668</c:v>
                </c:pt>
                <c:pt idx="5811">
                  <c:v>32.972852292894018</c:v>
                </c:pt>
                <c:pt idx="5812">
                  <c:v>33.05830415283252</c:v>
                </c:pt>
                <c:pt idx="5813">
                  <c:v>33.080336244310871</c:v>
                </c:pt>
                <c:pt idx="5814">
                  <c:v>33.067745445365013</c:v>
                </c:pt>
                <c:pt idx="5815">
                  <c:v>33.126349968712127</c:v>
                </c:pt>
                <c:pt idx="5816">
                  <c:v>33.139136333743778</c:v>
                </c:pt>
                <c:pt idx="5817">
                  <c:v>33.134685497080682</c:v>
                </c:pt>
                <c:pt idx="5818">
                  <c:v>33.143980156826728</c:v>
                </c:pt>
                <c:pt idx="5819">
                  <c:v>33.230608190967601</c:v>
                </c:pt>
                <c:pt idx="5820">
                  <c:v>33.337563069024533</c:v>
                </c:pt>
                <c:pt idx="5821">
                  <c:v>33.384987139299355</c:v>
                </c:pt>
                <c:pt idx="5822">
                  <c:v>33.346637014159938</c:v>
                </c:pt>
                <c:pt idx="5823">
                  <c:v>33.298738252992578</c:v>
                </c:pt>
                <c:pt idx="5824">
                  <c:v>33.324378543812031</c:v>
                </c:pt>
                <c:pt idx="5825">
                  <c:v>33.339569906724691</c:v>
                </c:pt>
                <c:pt idx="5826">
                  <c:v>33.381165509117622</c:v>
                </c:pt>
                <c:pt idx="5827">
                  <c:v>33.557747057332641</c:v>
                </c:pt>
                <c:pt idx="5828">
                  <c:v>33.75911195099301</c:v>
                </c:pt>
                <c:pt idx="5829">
                  <c:v>33.856476560828888</c:v>
                </c:pt>
                <c:pt idx="5830">
                  <c:v>33.73233030256678</c:v>
                </c:pt>
                <c:pt idx="5831">
                  <c:v>33.764228257086216</c:v>
                </c:pt>
                <c:pt idx="5832">
                  <c:v>33.90859346401551</c:v>
                </c:pt>
                <c:pt idx="5833">
                  <c:v>34.029763860538111</c:v>
                </c:pt>
                <c:pt idx="5834">
                  <c:v>34.153486847408402</c:v>
                </c:pt>
                <c:pt idx="5835">
                  <c:v>34.265847441080851</c:v>
                </c:pt>
                <c:pt idx="5836">
                  <c:v>34.375128958801291</c:v>
                </c:pt>
                <c:pt idx="5837">
                  <c:v>34.457223787916007</c:v>
                </c:pt>
                <c:pt idx="5838">
                  <c:v>34.47359549567895</c:v>
                </c:pt>
                <c:pt idx="5839">
                  <c:v>34.503269256847872</c:v>
                </c:pt>
                <c:pt idx="5840">
                  <c:v>34.48513437804715</c:v>
                </c:pt>
                <c:pt idx="5841">
                  <c:v>34.477758966550894</c:v>
                </c:pt>
                <c:pt idx="5842">
                  <c:v>34.46462281793012</c:v>
                </c:pt>
                <c:pt idx="5843">
                  <c:v>34.469865525287993</c:v>
                </c:pt>
                <c:pt idx="5844">
                  <c:v>34.529054475361761</c:v>
                </c:pt>
                <c:pt idx="5845">
                  <c:v>34.591917807698081</c:v>
                </c:pt>
                <c:pt idx="5846">
                  <c:v>34.588446137274829</c:v>
                </c:pt>
                <c:pt idx="5847">
                  <c:v>34.634876253871894</c:v>
                </c:pt>
                <c:pt idx="5848">
                  <c:v>34.638608730286393</c:v>
                </c:pt>
                <c:pt idx="5849">
                  <c:v>34.618490592593076</c:v>
                </c:pt>
                <c:pt idx="5850">
                  <c:v>34.617240417382547</c:v>
                </c:pt>
                <c:pt idx="5851">
                  <c:v>34.554920179071075</c:v>
                </c:pt>
                <c:pt idx="5852">
                  <c:v>34.529551310639</c:v>
                </c:pt>
                <c:pt idx="5853">
                  <c:v>34.515232147544751</c:v>
                </c:pt>
                <c:pt idx="5854">
                  <c:v>34.518070261649598</c:v>
                </c:pt>
                <c:pt idx="5855">
                  <c:v>34.566666770850773</c:v>
                </c:pt>
                <c:pt idx="5856">
                  <c:v>34.624744494509599</c:v>
                </c:pt>
                <c:pt idx="5857">
                  <c:v>34.694916747417992</c:v>
                </c:pt>
                <c:pt idx="5858">
                  <c:v>34.80188490627522</c:v>
                </c:pt>
                <c:pt idx="5859">
                  <c:v>34.797806410219408</c:v>
                </c:pt>
                <c:pt idx="5860">
                  <c:v>34.790055180376385</c:v>
                </c:pt>
                <c:pt idx="5861">
                  <c:v>34.817135323078929</c:v>
                </c:pt>
                <c:pt idx="5862">
                  <c:v>34.778018626225887</c:v>
                </c:pt>
                <c:pt idx="5863">
                  <c:v>34.67265480447454</c:v>
                </c:pt>
                <c:pt idx="5864">
                  <c:v>34.628103118329136</c:v>
                </c:pt>
                <c:pt idx="5865">
                  <c:v>34.517493028800473</c:v>
                </c:pt>
                <c:pt idx="5866">
                  <c:v>34.488564103858977</c:v>
                </c:pt>
                <c:pt idx="5867">
                  <c:v>34.352932677848408</c:v>
                </c:pt>
                <c:pt idx="5868">
                  <c:v>34.169675155098005</c:v>
                </c:pt>
                <c:pt idx="5869">
                  <c:v>33.901729733514927</c:v>
                </c:pt>
                <c:pt idx="5870">
                  <c:v>33.649316092170864</c:v>
                </c:pt>
                <c:pt idx="5871">
                  <c:v>33.366487182819199</c:v>
                </c:pt>
                <c:pt idx="5872">
                  <c:v>33.233930999710061</c:v>
                </c:pt>
                <c:pt idx="5873">
                  <c:v>33.086154682642736</c:v>
                </c:pt>
                <c:pt idx="5874">
                  <c:v>33.058818356253269</c:v>
                </c:pt>
                <c:pt idx="5875">
                  <c:v>33.092625055246131</c:v>
                </c:pt>
                <c:pt idx="5876">
                  <c:v>33.191623502272151</c:v>
                </c:pt>
                <c:pt idx="5877">
                  <c:v>33.356105607158895</c:v>
                </c:pt>
                <c:pt idx="5878">
                  <c:v>33.518659977461894</c:v>
                </c:pt>
                <c:pt idx="5879">
                  <c:v>33.726082112269069</c:v>
                </c:pt>
                <c:pt idx="5880">
                  <c:v>33.783911654192352</c:v>
                </c:pt>
                <c:pt idx="5881">
                  <c:v>33.894173228913743</c:v>
                </c:pt>
                <c:pt idx="5882">
                  <c:v>33.985935694176931</c:v>
                </c:pt>
                <c:pt idx="5883">
                  <c:v>34.071296150587834</c:v>
                </c:pt>
                <c:pt idx="5884">
                  <c:v>34.154203574213753</c:v>
                </c:pt>
                <c:pt idx="5885">
                  <c:v>34.288475028625257</c:v>
                </c:pt>
                <c:pt idx="5886">
                  <c:v>34.382518823224459</c:v>
                </c:pt>
                <c:pt idx="5887">
                  <c:v>34.442940242282226</c:v>
                </c:pt>
                <c:pt idx="5888">
                  <c:v>34.485387250891471</c:v>
                </c:pt>
                <c:pt idx="5889">
                  <c:v>34.563441867137698</c:v>
                </c:pt>
                <c:pt idx="5890">
                  <c:v>34.667902048563832</c:v>
                </c:pt>
                <c:pt idx="5891">
                  <c:v>34.757669578037081</c:v>
                </c:pt>
                <c:pt idx="5892">
                  <c:v>35.05396220539815</c:v>
                </c:pt>
                <c:pt idx="5893">
                  <c:v>35.371350663211558</c:v>
                </c:pt>
                <c:pt idx="5894">
                  <c:v>35.611936857137366</c:v>
                </c:pt>
                <c:pt idx="5895">
                  <c:v>35.753389575810246</c:v>
                </c:pt>
                <c:pt idx="5896">
                  <c:v>35.79961886344212</c:v>
                </c:pt>
                <c:pt idx="5897">
                  <c:v>35.857493211245611</c:v>
                </c:pt>
                <c:pt idx="5898">
                  <c:v>35.863043572524354</c:v>
                </c:pt>
                <c:pt idx="5899">
                  <c:v>35.856242679428092</c:v>
                </c:pt>
                <c:pt idx="5900">
                  <c:v>35.914560982726691</c:v>
                </c:pt>
                <c:pt idx="5901">
                  <c:v>36.005827211065316</c:v>
                </c:pt>
                <c:pt idx="5902">
                  <c:v>36.023555651369719</c:v>
                </c:pt>
                <c:pt idx="5903">
                  <c:v>36.068435943739097</c:v>
                </c:pt>
                <c:pt idx="5904">
                  <c:v>36.049282960730785</c:v>
                </c:pt>
                <c:pt idx="5905">
                  <c:v>36.119660364107759</c:v>
                </c:pt>
                <c:pt idx="5906">
                  <c:v>36.132322259575545</c:v>
                </c:pt>
                <c:pt idx="5907">
                  <c:v>36.123362067185738</c:v>
                </c:pt>
                <c:pt idx="5908">
                  <c:v>36.10350376060083</c:v>
                </c:pt>
                <c:pt idx="5909">
                  <c:v>36.102770532694407</c:v>
                </c:pt>
                <c:pt idx="5910">
                  <c:v>36.171836233015142</c:v>
                </c:pt>
                <c:pt idx="5911">
                  <c:v>36.308698560633474</c:v>
                </c:pt>
                <c:pt idx="5912">
                  <c:v>36.376578549528801</c:v>
                </c:pt>
                <c:pt idx="5913">
                  <c:v>36.387706461606847</c:v>
                </c:pt>
                <c:pt idx="5914">
                  <c:v>36.406482361217883</c:v>
                </c:pt>
                <c:pt idx="5915">
                  <c:v>36.509236971560668</c:v>
                </c:pt>
                <c:pt idx="5916">
                  <c:v>36.52641156029356</c:v>
                </c:pt>
                <c:pt idx="5917">
                  <c:v>36.576678693979829</c:v>
                </c:pt>
                <c:pt idx="5918">
                  <c:v>36.612226867520818</c:v>
                </c:pt>
                <c:pt idx="5919">
                  <c:v>36.595339978061446</c:v>
                </c:pt>
                <c:pt idx="5920">
                  <c:v>36.509690688076205</c:v>
                </c:pt>
                <c:pt idx="5921">
                  <c:v>36.466174154592885</c:v>
                </c:pt>
                <c:pt idx="5922">
                  <c:v>36.432179075199052</c:v>
                </c:pt>
                <c:pt idx="5923">
                  <c:v>36.408554163659232</c:v>
                </c:pt>
                <c:pt idx="5924">
                  <c:v>36.378616880629011</c:v>
                </c:pt>
                <c:pt idx="5925">
                  <c:v>35.829967338531858</c:v>
                </c:pt>
                <c:pt idx="5926">
                  <c:v>36.231702141573663</c:v>
                </c:pt>
                <c:pt idx="5927">
                  <c:v>36.210039001880403</c:v>
                </c:pt>
                <c:pt idx="5928">
                  <c:v>36.142448186376257</c:v>
                </c:pt>
                <c:pt idx="5929">
                  <c:v>36.06360420308765</c:v>
                </c:pt>
                <c:pt idx="5930">
                  <c:v>35.888294155040533</c:v>
                </c:pt>
                <c:pt idx="5931">
                  <c:v>35.639203809127565</c:v>
                </c:pt>
                <c:pt idx="5932">
                  <c:v>35.395857912950973</c:v>
                </c:pt>
                <c:pt idx="5933">
                  <c:v>35.09052100038685</c:v>
                </c:pt>
                <c:pt idx="5934">
                  <c:v>34.741501117412724</c:v>
                </c:pt>
                <c:pt idx="5935">
                  <c:v>34.212984003187188</c:v>
                </c:pt>
                <c:pt idx="5936">
                  <c:v>33.625716961720514</c:v>
                </c:pt>
                <c:pt idx="5937">
                  <c:v>33.059942306172204</c:v>
                </c:pt>
                <c:pt idx="5938">
                  <c:v>32.462972294502897</c:v>
                </c:pt>
                <c:pt idx="5939">
                  <c:v>32.130895990890842</c:v>
                </c:pt>
                <c:pt idx="5940">
                  <c:v>32.022335842271225</c:v>
                </c:pt>
                <c:pt idx="5941">
                  <c:v>32.188183754977857</c:v>
                </c:pt>
                <c:pt idx="5942">
                  <c:v>32.387780286561124</c:v>
                </c:pt>
                <c:pt idx="5943">
                  <c:v>32.594320951641841</c:v>
                </c:pt>
                <c:pt idx="5944">
                  <c:v>32.786676670900505</c:v>
                </c:pt>
                <c:pt idx="5945">
                  <c:v>32.87888945776762</c:v>
                </c:pt>
                <c:pt idx="5946">
                  <c:v>32.787847825943153</c:v>
                </c:pt>
                <c:pt idx="5947">
                  <c:v>32.577576749129861</c:v>
                </c:pt>
                <c:pt idx="5948">
                  <c:v>32.388860681258699</c:v>
                </c:pt>
                <c:pt idx="5949">
                  <c:v>32.146522503181899</c:v>
                </c:pt>
                <c:pt idx="5950">
                  <c:v>32.018285603779248</c:v>
                </c:pt>
                <c:pt idx="5951">
                  <c:v>31.828124530724903</c:v>
                </c:pt>
                <c:pt idx="5952">
                  <c:v>31.871877142576245</c:v>
                </c:pt>
                <c:pt idx="5953">
                  <c:v>31.678335625619404</c:v>
                </c:pt>
                <c:pt idx="5954">
                  <c:v>#N/A</c:v>
                </c:pt>
                <c:pt idx="5955">
                  <c:v>#N/A</c:v>
                </c:pt>
                <c:pt idx="5956">
                  <c:v>#N/A</c:v>
                </c:pt>
                <c:pt idx="5957">
                  <c:v>#N/A</c:v>
                </c:pt>
                <c:pt idx="5958">
                  <c:v>#N/A</c:v>
                </c:pt>
                <c:pt idx="5959">
                  <c:v>#N/A</c:v>
                </c:pt>
                <c:pt idx="5960">
                  <c:v>#N/A</c:v>
                </c:pt>
                <c:pt idx="5961">
                  <c:v>#N/A</c:v>
                </c:pt>
                <c:pt idx="5962">
                  <c:v>#N/A</c:v>
                </c:pt>
                <c:pt idx="5963">
                  <c:v>#N/A</c:v>
                </c:pt>
                <c:pt idx="5964">
                  <c:v>#N/A</c:v>
                </c:pt>
                <c:pt idx="5965">
                  <c:v>32.440729261674051</c:v>
                </c:pt>
                <c:pt idx="5966">
                  <c:v>32.875667082536012</c:v>
                </c:pt>
                <c:pt idx="5967">
                  <c:v>33.25599310337082</c:v>
                </c:pt>
                <c:pt idx="5968">
                  <c:v>33.658289687124864</c:v>
                </c:pt>
                <c:pt idx="5969">
                  <c:v>33.836479021682294</c:v>
                </c:pt>
                <c:pt idx="5970">
                  <c:v>34.045580560015246</c:v>
                </c:pt>
                <c:pt idx="5971">
                  <c:v>34.13084456542812</c:v>
                </c:pt>
                <c:pt idx="5972">
                  <c:v>34.113889978685037</c:v>
                </c:pt>
                <c:pt idx="5973">
                  <c:v>34.047908549199761</c:v>
                </c:pt>
                <c:pt idx="5974">
                  <c:v>33.976933229499963</c:v>
                </c:pt>
                <c:pt idx="5975">
                  <c:v>33.895913667103784</c:v>
                </c:pt>
                <c:pt idx="5976">
                  <c:v>33.76402861635092</c:v>
                </c:pt>
                <c:pt idx="5977">
                  <c:v>33.641625085321195</c:v>
                </c:pt>
                <c:pt idx="5978">
                  <c:v>33.685189721729124</c:v>
                </c:pt>
                <c:pt idx="5979">
                  <c:v>33.673094480251201</c:v>
                </c:pt>
                <c:pt idx="5980">
                  <c:v>33.684634289440844</c:v>
                </c:pt>
                <c:pt idx="5981">
                  <c:v>33.656143308964346</c:v>
                </c:pt>
                <c:pt idx="5982">
                  <c:v>33.635502097512145</c:v>
                </c:pt>
                <c:pt idx="5983">
                  <c:v>33.50143748160766</c:v>
                </c:pt>
                <c:pt idx="5984">
                  <c:v>33.320422990239649</c:v>
                </c:pt>
                <c:pt idx="5985">
                  <c:v>33.363281222067094</c:v>
                </c:pt>
                <c:pt idx="5986">
                  <c:v>33.584410512630313</c:v>
                </c:pt>
                <c:pt idx="5987">
                  <c:v>33.707436576828471</c:v>
                </c:pt>
                <c:pt idx="5988">
                  <c:v>33.95746711802709</c:v>
                </c:pt>
                <c:pt idx="5989">
                  <c:v>34.226720282962859</c:v>
                </c:pt>
                <c:pt idx="5990">
                  <c:v>34.279979790217155</c:v>
                </c:pt>
                <c:pt idx="5991">
                  <c:v>34.216171655839204</c:v>
                </c:pt>
                <c:pt idx="5992">
                  <c:v>34.125134852855069</c:v>
                </c:pt>
                <c:pt idx="5993">
                  <c:v>34.129405035066945</c:v>
                </c:pt>
                <c:pt idx="5994">
                  <c:v>34.332370186246258</c:v>
                </c:pt>
                <c:pt idx="5995">
                  <c:v>34.668501843918847</c:v>
                </c:pt>
                <c:pt idx="5996">
                  <c:v>34.97251016217885</c:v>
                </c:pt>
                <c:pt idx="5997">
                  <c:v>35.226312588695713</c:v>
                </c:pt>
                <c:pt idx="5998">
                  <c:v>35.405021661555004</c:v>
                </c:pt>
                <c:pt idx="5999">
                  <c:v>35.533085038958092</c:v>
                </c:pt>
                <c:pt idx="6000">
                  <c:v>35.529368850330542</c:v>
                </c:pt>
                <c:pt idx="6001">
                  <c:v>35.507387333784337</c:v>
                </c:pt>
                <c:pt idx="6002">
                  <c:v>35.418231803253875</c:v>
                </c:pt>
                <c:pt idx="6003">
                  <c:v>35.434398000620874</c:v>
                </c:pt>
                <c:pt idx="6004">
                  <c:v>35.676363870527254</c:v>
                </c:pt>
                <c:pt idx="6005">
                  <c:v>35.964397339798602</c:v>
                </c:pt>
                <c:pt idx="6006">
                  <c:v>36.237282986000764</c:v>
                </c:pt>
                <c:pt idx="6007">
                  <c:v>36.504532042601816</c:v>
                </c:pt>
                <c:pt idx="6008">
                  <c:v>36.700976875904971</c:v>
                </c:pt>
                <c:pt idx="6009">
                  <c:v>36.813521313523978</c:v>
                </c:pt>
                <c:pt idx="6010">
                  <c:v>36.889315870867726</c:v>
                </c:pt>
                <c:pt idx="6011">
                  <c:v>36.912294441137689</c:v>
                </c:pt>
                <c:pt idx="6012">
                  <c:v>36.928179804755047</c:v>
                </c:pt>
                <c:pt idx="6013">
                  <c:v>36.892416492966746</c:v>
                </c:pt>
                <c:pt idx="6014">
                  <c:v>36.919315478655264</c:v>
                </c:pt>
                <c:pt idx="6015">
                  <c:v>36.978097907275192</c:v>
                </c:pt>
                <c:pt idx="6016">
                  <c:v>37.009708502697563</c:v>
                </c:pt>
                <c:pt idx="6017">
                  <c:v>37.033731230359734</c:v>
                </c:pt>
                <c:pt idx="6018">
                  <c:v>37.086011378186868</c:v>
                </c:pt>
                <c:pt idx="6019">
                  <c:v>37.064088765135907</c:v>
                </c:pt>
                <c:pt idx="6020">
                  <c:v>37.076965590450669</c:v>
                </c:pt>
                <c:pt idx="6021">
                  <c:v>37.102458006517075</c:v>
                </c:pt>
                <c:pt idx="6022">
                  <c:v>37.099160404564998</c:v>
                </c:pt>
                <c:pt idx="6023">
                  <c:v>37.079225492260406</c:v>
                </c:pt>
                <c:pt idx="6024">
                  <c:v>37.062871997207651</c:v>
                </c:pt>
                <c:pt idx="6025">
                  <c:v>37.032039526152012</c:v>
                </c:pt>
                <c:pt idx="6026">
                  <c:v>37.017177642537561</c:v>
                </c:pt>
                <c:pt idx="6027">
                  <c:v>36.986344022183097</c:v>
                </c:pt>
                <c:pt idx="6028">
                  <c:v>36.923338047744288</c:v>
                </c:pt>
                <c:pt idx="6029">
                  <c:v>36.887653566030892</c:v>
                </c:pt>
                <c:pt idx="6030">
                  <c:v>36.807294273825633</c:v>
                </c:pt>
                <c:pt idx="6031">
                  <c:v>36.761479565253154</c:v>
                </c:pt>
                <c:pt idx="6032">
                  <c:v>36.704960156874023</c:v>
                </c:pt>
                <c:pt idx="6033">
                  <c:v>36.526104820964271</c:v>
                </c:pt>
                <c:pt idx="6034">
                  <c:v>36.440357776150691</c:v>
                </c:pt>
                <c:pt idx="6035">
                  <c:v>36.441892925279106</c:v>
                </c:pt>
                <c:pt idx="6036">
                  <c:v>36.356065596709598</c:v>
                </c:pt>
                <c:pt idx="6037">
                  <c:v>36.33365769873933</c:v>
                </c:pt>
                <c:pt idx="6038">
                  <c:v>36.274406025060678</c:v>
                </c:pt>
                <c:pt idx="6039">
                  <c:v>36.226343886765505</c:v>
                </c:pt>
                <c:pt idx="6040">
                  <c:v>36.083231588917542</c:v>
                </c:pt>
                <c:pt idx="6041">
                  <c:v>36.065923907602368</c:v>
                </c:pt>
                <c:pt idx="6042">
                  <c:v>36.215852136523893</c:v>
                </c:pt>
                <c:pt idx="6043">
                  <c:v>36.231073317469921</c:v>
                </c:pt>
                <c:pt idx="6044">
                  <c:v>36.100172231209228</c:v>
                </c:pt>
                <c:pt idx="6045">
                  <c:v>36.092508840003717</c:v>
                </c:pt>
                <c:pt idx="6046">
                  <c:v>35.990380464403955</c:v>
                </c:pt>
                <c:pt idx="6047">
                  <c:v>35.879779093854509</c:v>
                </c:pt>
                <c:pt idx="6048">
                  <c:v>35.767595073417169</c:v>
                </c:pt>
                <c:pt idx="6049">
                  <c:v>35.635621053992686</c:v>
                </c:pt>
                <c:pt idx="6050">
                  <c:v>35.512441038816135</c:v>
                </c:pt>
                <c:pt idx="6051">
                  <c:v>35.427694826049404</c:v>
                </c:pt>
                <c:pt idx="6052">
                  <c:v>35.352665815256714</c:v>
                </c:pt>
                <c:pt idx="6053">
                  <c:v>35.315252832418082</c:v>
                </c:pt>
                <c:pt idx="6054">
                  <c:v>35.311285637590913</c:v>
                </c:pt>
                <c:pt idx="6055">
                  <c:v>35.28017819028274</c:v>
                </c:pt>
                <c:pt idx="6056">
                  <c:v>35.271256393222984</c:v>
                </c:pt>
                <c:pt idx="6057">
                  <c:v>35.286001299464502</c:v>
                </c:pt>
                <c:pt idx="6058">
                  <c:v>35.297751080673464</c:v>
                </c:pt>
                <c:pt idx="6059">
                  <c:v>35.262640361746222</c:v>
                </c:pt>
                <c:pt idx="6060">
                  <c:v>35.252003229119197</c:v>
                </c:pt>
                <c:pt idx="6061">
                  <c:v>35.195116107209913</c:v>
                </c:pt>
                <c:pt idx="6062">
                  <c:v>35.13449878758577</c:v>
                </c:pt>
                <c:pt idx="6063">
                  <c:v>35.05543275574842</c:v>
                </c:pt>
                <c:pt idx="6064">
                  <c:v>34.986898759752066</c:v>
                </c:pt>
                <c:pt idx="6065">
                  <c:v>34.921536595860694</c:v>
                </c:pt>
                <c:pt idx="6066">
                  <c:v>34.900294938333431</c:v>
                </c:pt>
                <c:pt idx="6067">
                  <c:v>34.830173703435392</c:v>
                </c:pt>
                <c:pt idx="6068">
                  <c:v>34.787963261468803</c:v>
                </c:pt>
                <c:pt idx="6069">
                  <c:v>34.791611010955862</c:v>
                </c:pt>
                <c:pt idx="6070">
                  <c:v>34.778830871372918</c:v>
                </c:pt>
                <c:pt idx="6071">
                  <c:v>34.745321927561506</c:v>
                </c:pt>
                <c:pt idx="6072">
                  <c:v>34.749481425689183</c:v>
                </c:pt>
                <c:pt idx="6073">
                  <c:v>34.71332672444256</c:v>
                </c:pt>
                <c:pt idx="6074">
                  <c:v>34.691722515045619</c:v>
                </c:pt>
                <c:pt idx="6075">
                  <c:v>34.577304112034923</c:v>
                </c:pt>
                <c:pt idx="6076">
                  <c:v>34.628508663611854</c:v>
                </c:pt>
                <c:pt idx="6077">
                  <c:v>34.636793552356835</c:v>
                </c:pt>
                <c:pt idx="6078">
                  <c:v>34.62079419562528</c:v>
                </c:pt>
                <c:pt idx="6079">
                  <c:v>34.615172843029953</c:v>
                </c:pt>
                <c:pt idx="6080">
                  <c:v>34.611588932938837</c:v>
                </c:pt>
                <c:pt idx="6081">
                  <c:v>34.666498950595269</c:v>
                </c:pt>
                <c:pt idx="6082">
                  <c:v>34.721760060062067</c:v>
                </c:pt>
                <c:pt idx="6083">
                  <c:v>34.808170266907979</c:v>
                </c:pt>
                <c:pt idx="6084">
                  <c:v>34.927010071504483</c:v>
                </c:pt>
                <c:pt idx="6085">
                  <c:v>35.068333278625829</c:v>
                </c:pt>
                <c:pt idx="6086">
                  <c:v>35.186475723213519</c:v>
                </c:pt>
                <c:pt idx="6087">
                  <c:v>35.275707457302985</c:v>
                </c:pt>
                <c:pt idx="6088">
                  <c:v>35.373576142482307</c:v>
                </c:pt>
                <c:pt idx="6089">
                  <c:v>35.384826055930304</c:v>
                </c:pt>
                <c:pt idx="6090">
                  <c:v>35.40600362791028</c:v>
                </c:pt>
                <c:pt idx="6091">
                  <c:v>35.413274720910266</c:v>
                </c:pt>
                <c:pt idx="6092">
                  <c:v>35.424875629373417</c:v>
                </c:pt>
                <c:pt idx="6093">
                  <c:v>35.434633205182372</c:v>
                </c:pt>
                <c:pt idx="6094">
                  <c:v>35.45207795636145</c:v>
                </c:pt>
                <c:pt idx="6095">
                  <c:v>35.38968012498686</c:v>
                </c:pt>
                <c:pt idx="6096">
                  <c:v>35.380573091524226</c:v>
                </c:pt>
                <c:pt idx="6097">
                  <c:v>35.357288392171832</c:v>
                </c:pt>
                <c:pt idx="6098">
                  <c:v>35.309291150592038</c:v>
                </c:pt>
                <c:pt idx="6099">
                  <c:v>35.320725289900807</c:v>
                </c:pt>
                <c:pt idx="6100">
                  <c:v>35.292084570076966</c:v>
                </c:pt>
                <c:pt idx="6101">
                  <c:v>35.264835615546559</c:v>
                </c:pt>
                <c:pt idx="6102">
                  <c:v>35.232124099418655</c:v>
                </c:pt>
                <c:pt idx="6103">
                  <c:v>35.19146141828638</c:v>
                </c:pt>
                <c:pt idx="6104">
                  <c:v>35.181571324285429</c:v>
                </c:pt>
                <c:pt idx="6105">
                  <c:v>35.142979004777274</c:v>
                </c:pt>
                <c:pt idx="6106">
                  <c:v>35.157342848037757</c:v>
                </c:pt>
                <c:pt idx="6107">
                  <c:v>35.138881183458494</c:v>
                </c:pt>
                <c:pt idx="6108">
                  <c:v>35.13756148234399</c:v>
                </c:pt>
                <c:pt idx="6109">
                  <c:v>35.126507960334848</c:v>
                </c:pt>
                <c:pt idx="6110">
                  <c:v>35.127822378574983</c:v>
                </c:pt>
                <c:pt idx="6111">
                  <c:v>35.101970997228676</c:v>
                </c:pt>
                <c:pt idx="6112">
                  <c:v>35.107909905057923</c:v>
                </c:pt>
                <c:pt idx="6113">
                  <c:v>35.076262330896959</c:v>
                </c:pt>
                <c:pt idx="6114">
                  <c:v>35.0633967704958</c:v>
                </c:pt>
                <c:pt idx="6115">
                  <c:v>34.979567687008199</c:v>
                </c:pt>
                <c:pt idx="6116">
                  <c:v>34.908862779334662</c:v>
                </c:pt>
                <c:pt idx="6117">
                  <c:v>34.830702800565206</c:v>
                </c:pt>
                <c:pt idx="6118">
                  <c:v>34.724782439752644</c:v>
                </c:pt>
                <c:pt idx="6119">
                  <c:v>34.611628551718667</c:v>
                </c:pt>
                <c:pt idx="6120">
                  <c:v>34.441215616770478</c:v>
                </c:pt>
                <c:pt idx="6121">
                  <c:v>34.251219023777544</c:v>
                </c:pt>
                <c:pt idx="6122">
                  <c:v>34.162925721031613</c:v>
                </c:pt>
                <c:pt idx="6123">
                  <c:v>34.099696221191316</c:v>
                </c:pt>
                <c:pt idx="6124">
                  <c:v>34.122303022258464</c:v>
                </c:pt>
                <c:pt idx="6125">
                  <c:v>34.083631477276484</c:v>
                </c:pt>
                <c:pt idx="6126">
                  <c:v>34.122939147308614</c:v>
                </c:pt>
                <c:pt idx="6127">
                  <c:v>34.139693968305664</c:v>
                </c:pt>
                <c:pt idx="6128">
                  <c:v>34.177917493970554</c:v>
                </c:pt>
                <c:pt idx="6129">
                  <c:v>34.181076140027812</c:v>
                </c:pt>
                <c:pt idx="6130">
                  <c:v>34.144516840898945</c:v>
                </c:pt>
                <c:pt idx="6131">
                  <c:v>34.065889498690275</c:v>
                </c:pt>
                <c:pt idx="6132">
                  <c:v>34.051964972588344</c:v>
                </c:pt>
                <c:pt idx="6133">
                  <c:v>34.054338967931344</c:v>
                </c:pt>
                <c:pt idx="6134">
                  <c:v>34.013932377883656</c:v>
                </c:pt>
                <c:pt idx="6135">
                  <c:v>34.056375373943396</c:v>
                </c:pt>
                <c:pt idx="6136">
                  <c:v>34.113675159861202</c:v>
                </c:pt>
                <c:pt idx="6137">
                  <c:v>34.189474425322111</c:v>
                </c:pt>
                <c:pt idx="6138">
                  <c:v>34.289582747100965</c:v>
                </c:pt>
                <c:pt idx="6139">
                  <c:v>34.376525577188517</c:v>
                </c:pt>
                <c:pt idx="6140">
                  <c:v>34.48979818661784</c:v>
                </c:pt>
                <c:pt idx="6141">
                  <c:v>34.517534977247507</c:v>
                </c:pt>
                <c:pt idx="6142">
                  <c:v>34.578890315129946</c:v>
                </c:pt>
                <c:pt idx="6143">
                  <c:v>34.541938262342484</c:v>
                </c:pt>
                <c:pt idx="6144">
                  <c:v>34.5079063470546</c:v>
                </c:pt>
                <c:pt idx="6145">
                  <c:v>34.374440564828518</c:v>
                </c:pt>
                <c:pt idx="6146">
                  <c:v>34.291256823320751</c:v>
                </c:pt>
                <c:pt idx="6147">
                  <c:v>34.204013535489274</c:v>
                </c:pt>
                <c:pt idx="6148">
                  <c:v>34.15871029275695</c:v>
                </c:pt>
                <c:pt idx="6149">
                  <c:v>34.153975483262727</c:v>
                </c:pt>
                <c:pt idx="6150">
                  <c:v>34.187911119852075</c:v>
                </c:pt>
                <c:pt idx="6151">
                  <c:v>34.214625612646131</c:v>
                </c:pt>
                <c:pt idx="6152">
                  <c:v>34.231730588519184</c:v>
                </c:pt>
                <c:pt idx="6153">
                  <c:v>34.220204277686641</c:v>
                </c:pt>
                <c:pt idx="6154">
                  <c:v>34.175943193081793</c:v>
                </c:pt>
                <c:pt idx="6155">
                  <c:v>34.168048532011213</c:v>
                </c:pt>
                <c:pt idx="6156">
                  <c:v>34.073950133516661</c:v>
                </c:pt>
                <c:pt idx="6157">
                  <c:v>34.030946808716521</c:v>
                </c:pt>
                <c:pt idx="6158">
                  <c:v>34.027753670181184</c:v>
                </c:pt>
                <c:pt idx="6159">
                  <c:v>34.048780080521837</c:v>
                </c:pt>
                <c:pt idx="6160">
                  <c:v>34.049363688024869</c:v>
                </c:pt>
                <c:pt idx="6161">
                  <c:v>34.030003223985958</c:v>
                </c:pt>
                <c:pt idx="6162">
                  <c:v>34.019796562661071</c:v>
                </c:pt>
                <c:pt idx="6163">
                  <c:v>34.042377187770199</c:v>
                </c:pt>
                <c:pt idx="6164">
                  <c:v>34.048520766838664</c:v>
                </c:pt>
                <c:pt idx="6165">
                  <c:v>34.055010710510118</c:v>
                </c:pt>
                <c:pt idx="6166">
                  <c:v>34.07572593706864</c:v>
                </c:pt>
                <c:pt idx="6167">
                  <c:v>34.034264388142901</c:v>
                </c:pt>
                <c:pt idx="6168">
                  <c:v>33.899206440167333</c:v>
                </c:pt>
                <c:pt idx="6169">
                  <c:v>33.800440552737051</c:v>
                </c:pt>
                <c:pt idx="6170">
                  <c:v>33.631988859699177</c:v>
                </c:pt>
                <c:pt idx="6171">
                  <c:v>33.540763366207969</c:v>
                </c:pt>
                <c:pt idx="6172">
                  <c:v>33.487157723291539</c:v>
                </c:pt>
                <c:pt idx="6173">
                  <c:v>33.517394834938919</c:v>
                </c:pt>
                <c:pt idx="6174">
                  <c:v>33.655244106797468</c:v>
                </c:pt>
                <c:pt idx="6175">
                  <c:v>33.741635513545745</c:v>
                </c:pt>
                <c:pt idx="6176">
                  <c:v>33.795921233006169</c:v>
                </c:pt>
                <c:pt idx="6177">
                  <c:v>33.831623099446517</c:v>
                </c:pt>
                <c:pt idx="6178">
                  <c:v>33.851217473504605</c:v>
                </c:pt>
                <c:pt idx="6179">
                  <c:v>33.814993732298362</c:v>
                </c:pt>
                <c:pt idx="6180">
                  <c:v>33.80049626141605</c:v>
                </c:pt>
                <c:pt idx="6181">
                  <c:v>33.803830689556435</c:v>
                </c:pt>
                <c:pt idx="6182">
                  <c:v>33.795683051194473</c:v>
                </c:pt>
                <c:pt idx="6183">
                  <c:v>33.777146121695125</c:v>
                </c:pt>
                <c:pt idx="6184">
                  <c:v>33.700347928576015</c:v>
                </c:pt>
                <c:pt idx="6185">
                  <c:v>33.629407163117506</c:v>
                </c:pt>
                <c:pt idx="6186">
                  <c:v>33.64282565305156</c:v>
                </c:pt>
                <c:pt idx="6187">
                  <c:v>33.699371446398047</c:v>
                </c:pt>
                <c:pt idx="6188">
                  <c:v>33.823213884815459</c:v>
                </c:pt>
                <c:pt idx="6189">
                  <c:v>34.040026157053624</c:v>
                </c:pt>
                <c:pt idx="6190">
                  <c:v>34.288359825260315</c:v>
                </c:pt>
                <c:pt idx="6191">
                  <c:v>34.517642045614423</c:v>
                </c:pt>
                <c:pt idx="6192">
                  <c:v>34.711578772859653</c:v>
                </c:pt>
                <c:pt idx="6193">
                  <c:v>34.798443438826681</c:v>
                </c:pt>
                <c:pt idx="6194">
                  <c:v>34.863015029514628</c:v>
                </c:pt>
                <c:pt idx="6195">
                  <c:v>34.907420203743754</c:v>
                </c:pt>
                <c:pt idx="6196">
                  <c:v>34.957631639561001</c:v>
                </c:pt>
                <c:pt idx="6197">
                  <c:v>34.922500977817968</c:v>
                </c:pt>
                <c:pt idx="6198">
                  <c:v>34.910144454048762</c:v>
                </c:pt>
                <c:pt idx="6199">
                  <c:v>34.908762377680119</c:v>
                </c:pt>
                <c:pt idx="6200">
                  <c:v>34.846205338567955</c:v>
                </c:pt>
                <c:pt idx="6201">
                  <c:v>34.684513704381246</c:v>
                </c:pt>
                <c:pt idx="6202">
                  <c:v>34.476984297657182</c:v>
                </c:pt>
                <c:pt idx="6203">
                  <c:v>34.227927489028772</c:v>
                </c:pt>
                <c:pt idx="6204">
                  <c:v>33.953798245376674</c:v>
                </c:pt>
                <c:pt idx="6205">
                  <c:v>33.676381987147444</c:v>
                </c:pt>
                <c:pt idx="6206">
                  <c:v>33.464354165822719</c:v>
                </c:pt>
                <c:pt idx="6207">
                  <c:v>33.471009652325193</c:v>
                </c:pt>
                <c:pt idx="6208">
                  <c:v>33.471158109710395</c:v>
                </c:pt>
                <c:pt idx="6209">
                  <c:v>33.526572157602445</c:v>
                </c:pt>
                <c:pt idx="6210">
                  <c:v>33.476960606542036</c:v>
                </c:pt>
                <c:pt idx="6211">
                  <c:v>33.537841861501832</c:v>
                </c:pt>
                <c:pt idx="6212">
                  <c:v>33.506125912765683</c:v>
                </c:pt>
                <c:pt idx="6213">
                  <c:v>33.4926143738546</c:v>
                </c:pt>
                <c:pt idx="6214">
                  <c:v>33.489328874274889</c:v>
                </c:pt>
                <c:pt idx="6215">
                  <c:v>33.495664346442879</c:v>
                </c:pt>
                <c:pt idx="6216">
                  <c:v>33.504409699313562</c:v>
                </c:pt>
                <c:pt idx="6217">
                  <c:v>33.533343722586466</c:v>
                </c:pt>
                <c:pt idx="6218">
                  <c:v>33.541373561820023</c:v>
                </c:pt>
                <c:pt idx="6219">
                  <c:v>33.512760794877487</c:v>
                </c:pt>
                <c:pt idx="6220">
                  <c:v>33.464755437357638</c:v>
                </c:pt>
                <c:pt idx="6221">
                  <c:v>33.394777204586973</c:v>
                </c:pt>
                <c:pt idx="6222">
                  <c:v>33.301477826845527</c:v>
                </c:pt>
                <c:pt idx="6223">
                  <c:v>33.250896263226068</c:v>
                </c:pt>
                <c:pt idx="6224">
                  <c:v>33.181685965565194</c:v>
                </c:pt>
                <c:pt idx="6225">
                  <c:v>33.140380606011817</c:v>
                </c:pt>
                <c:pt idx="6226">
                  <c:v>33.098949047140216</c:v>
                </c:pt>
                <c:pt idx="6227">
                  <c:v>33.033363256203174</c:v>
                </c:pt>
                <c:pt idx="6228">
                  <c:v>32.941706643431246</c:v>
                </c:pt>
                <c:pt idx="6229">
                  <c:v>32.81049273506197</c:v>
                </c:pt>
                <c:pt idx="6230">
                  <c:v>32.601674516602131</c:v>
                </c:pt>
                <c:pt idx="6231">
                  <c:v>32.213303140422447</c:v>
                </c:pt>
                <c:pt idx="6232">
                  <c:v>31.637568024023899</c:v>
                </c:pt>
                <c:pt idx="6233">
                  <c:v>#N/A</c:v>
                </c:pt>
                <c:pt idx="6234">
                  <c:v>#N/A</c:v>
                </c:pt>
                <c:pt idx="6235">
                  <c:v>#N/A</c:v>
                </c:pt>
                <c:pt idx="6236">
                  <c:v>#N/A</c:v>
                </c:pt>
                <c:pt idx="6237">
                  <c:v>#N/A</c:v>
                </c:pt>
                <c:pt idx="6238">
                  <c:v>#N/A</c:v>
                </c:pt>
                <c:pt idx="6239">
                  <c:v>#N/A</c:v>
                </c:pt>
                <c:pt idx="6240">
                  <c:v>#N/A</c:v>
                </c:pt>
                <c:pt idx="6241">
                  <c:v>#N/A</c:v>
                </c:pt>
                <c:pt idx="6242">
                  <c:v>#N/A</c:v>
                </c:pt>
                <c:pt idx="6243">
                  <c:v>#N/A</c:v>
                </c:pt>
                <c:pt idx="6244">
                  <c:v>#N/A</c:v>
                </c:pt>
                <c:pt idx="6245">
                  <c:v>#N/A</c:v>
                </c:pt>
                <c:pt idx="6246">
                  <c:v>#N/A</c:v>
                </c:pt>
                <c:pt idx="6247">
                  <c:v>#N/A</c:v>
                </c:pt>
                <c:pt idx="6248">
                  <c:v>#N/A</c:v>
                </c:pt>
                <c:pt idx="6249">
                  <c:v>#N/A</c:v>
                </c:pt>
                <c:pt idx="6250">
                  <c:v>#N/A</c:v>
                </c:pt>
                <c:pt idx="6251">
                  <c:v>#N/A</c:v>
                </c:pt>
                <c:pt idx="6252">
                  <c:v>#N/A</c:v>
                </c:pt>
                <c:pt idx="6253">
                  <c:v>#N/A</c:v>
                </c:pt>
                <c:pt idx="6254">
                  <c:v>#N/A</c:v>
                </c:pt>
                <c:pt idx="6255">
                  <c:v>32.708512357960913</c:v>
                </c:pt>
                <c:pt idx="6256">
                  <c:v>33.322496893222024</c:v>
                </c:pt>
                <c:pt idx="6257">
                  <c:v>33.717792251063088</c:v>
                </c:pt>
                <c:pt idx="6258">
                  <c:v>34.038199005493539</c:v>
                </c:pt>
                <c:pt idx="6259">
                  <c:v>34.371202081483361</c:v>
                </c:pt>
                <c:pt idx="6260">
                  <c:v>34.613711670850691</c:v>
                </c:pt>
                <c:pt idx="6261">
                  <c:v>34.764581310373799</c:v>
                </c:pt>
                <c:pt idx="6262">
                  <c:v>34.869331160906256</c:v>
                </c:pt>
                <c:pt idx="6263">
                  <c:v>34.957804678261937</c:v>
                </c:pt>
                <c:pt idx="6264">
                  <c:v>35.004865520099273</c:v>
                </c:pt>
                <c:pt idx="6265">
                  <c:v>35.019547840527295</c:v>
                </c:pt>
                <c:pt idx="6266">
                  <c:v>35.063673951574856</c:v>
                </c:pt>
                <c:pt idx="6267">
                  <c:v>35.079229536735994</c:v>
                </c:pt>
                <c:pt idx="6268">
                  <c:v>35.059215739657475</c:v>
                </c:pt>
                <c:pt idx="6269">
                  <c:v>35.082716437441356</c:v>
                </c:pt>
                <c:pt idx="6270">
                  <c:v>35.126255077806377</c:v>
                </c:pt>
                <c:pt idx="6271">
                  <c:v>35.149349760948503</c:v>
                </c:pt>
                <c:pt idx="6272">
                  <c:v>35.215206625378741</c:v>
                </c:pt>
                <c:pt idx="6273">
                  <c:v>35.125334361140609</c:v>
                </c:pt>
                <c:pt idx="6274">
                  <c:v>35.036777712513057</c:v>
                </c:pt>
                <c:pt idx="6275">
                  <c:v>34.90938218225336</c:v>
                </c:pt>
                <c:pt idx="6276">
                  <c:v>34.748843949200975</c:v>
                </c:pt>
                <c:pt idx="6277">
                  <c:v>34.524180818080914</c:v>
                </c:pt>
                <c:pt idx="6278">
                  <c:v>34.210265644630468</c:v>
                </c:pt>
                <c:pt idx="6279">
                  <c:v>33.729227442044859</c:v>
                </c:pt>
                <c:pt idx="6280">
                  <c:v>33.101219885838965</c:v>
                </c:pt>
                <c:pt idx="6281">
                  <c:v>32.271513584793084</c:v>
                </c:pt>
                <c:pt idx="6282">
                  <c:v>#N/A</c:v>
                </c:pt>
                <c:pt idx="6283">
                  <c:v>#N/A</c:v>
                </c:pt>
                <c:pt idx="6284">
                  <c:v>#N/A</c:v>
                </c:pt>
                <c:pt idx="6285">
                  <c:v>#N/A</c:v>
                </c:pt>
                <c:pt idx="6286">
                  <c:v>#N/A</c:v>
                </c:pt>
                <c:pt idx="6287">
                  <c:v>#N/A</c:v>
                </c:pt>
                <c:pt idx="6288">
                  <c:v>#N/A</c:v>
                </c:pt>
                <c:pt idx="6289">
                  <c:v>#N/A</c:v>
                </c:pt>
                <c:pt idx="6290">
                  <c:v>#N/A</c:v>
                </c:pt>
                <c:pt idx="6291">
                  <c:v>#N/A</c:v>
                </c:pt>
                <c:pt idx="6292">
                  <c:v>#N/A</c:v>
                </c:pt>
                <c:pt idx="6293">
                  <c:v>#N/A</c:v>
                </c:pt>
                <c:pt idx="6294">
                  <c:v>#N/A</c:v>
                </c:pt>
                <c:pt idx="6295">
                  <c:v>#N/A</c:v>
                </c:pt>
                <c:pt idx="6296">
                  <c:v>#N/A</c:v>
                </c:pt>
                <c:pt idx="6297">
                  <c:v>#N/A</c:v>
                </c:pt>
                <c:pt idx="6298">
                  <c:v>#N/A</c:v>
                </c:pt>
                <c:pt idx="6299">
                  <c:v>#N/A</c:v>
                </c:pt>
                <c:pt idx="6300">
                  <c:v>32.233303478052932</c:v>
                </c:pt>
                <c:pt idx="6301">
                  <c:v>32.458101874849312</c:v>
                </c:pt>
                <c:pt idx="6302">
                  <c:v>32.672069172080057</c:v>
                </c:pt>
                <c:pt idx="6303">
                  <c:v>32.854628410611788</c:v>
                </c:pt>
                <c:pt idx="6304">
                  <c:v>33.017369464815658</c:v>
                </c:pt>
                <c:pt idx="6305">
                  <c:v>32.823046616206327</c:v>
                </c:pt>
                <c:pt idx="6306">
                  <c:v>32.733342543270652</c:v>
                </c:pt>
                <c:pt idx="6307">
                  <c:v>33.178634075737179</c:v>
                </c:pt>
                <c:pt idx="6308">
                  <c:v>33.270133415922366</c:v>
                </c:pt>
                <c:pt idx="6309">
                  <c:v>33.334323114528274</c:v>
                </c:pt>
                <c:pt idx="6310">
                  <c:v>33.37178333522295</c:v>
                </c:pt>
                <c:pt idx="6311">
                  <c:v>33.396883838503328</c:v>
                </c:pt>
                <c:pt idx="6312">
                  <c:v>33.403226323799061</c:v>
                </c:pt>
                <c:pt idx="6313">
                  <c:v>33.47579390739476</c:v>
                </c:pt>
                <c:pt idx="6314">
                  <c:v>33.506568931152515</c:v>
                </c:pt>
                <c:pt idx="6315">
                  <c:v>33.51175407957308</c:v>
                </c:pt>
                <c:pt idx="6316">
                  <c:v>33.360006651414764</c:v>
                </c:pt>
                <c:pt idx="6317">
                  <c:v>33.204330069273198</c:v>
                </c:pt>
                <c:pt idx="6318">
                  <c:v>33.068879540112576</c:v>
                </c:pt>
                <c:pt idx="6319">
                  <c:v>32.942341703872984</c:v>
                </c:pt>
                <c:pt idx="6320">
                  <c:v>32.815507732620318</c:v>
                </c:pt>
                <c:pt idx="6321">
                  <c:v>32.683873835752927</c:v>
                </c:pt>
                <c:pt idx="6322">
                  <c:v>32.573439086631886</c:v>
                </c:pt>
                <c:pt idx="6323">
                  <c:v>32.480182025817101</c:v>
                </c:pt>
                <c:pt idx="6324">
                  <c:v>32.509950560014495</c:v>
                </c:pt>
                <c:pt idx="6325">
                  <c:v>32.59460253580216</c:v>
                </c:pt>
                <c:pt idx="6326">
                  <c:v>32.72020991479841</c:v>
                </c:pt>
                <c:pt idx="6327">
                  <c:v>32.918082897945254</c:v>
                </c:pt>
                <c:pt idx="6328">
                  <c:v>33.127004722736217</c:v>
                </c:pt>
                <c:pt idx="6329">
                  <c:v>33.215573568698915</c:v>
                </c:pt>
                <c:pt idx="6330">
                  <c:v>33.237911815055554</c:v>
                </c:pt>
                <c:pt idx="6331">
                  <c:v>33.348889099327181</c:v>
                </c:pt>
                <c:pt idx="6332">
                  <c:v>33.428517791572929</c:v>
                </c:pt>
                <c:pt idx="6333">
                  <c:v>33.496038069026405</c:v>
                </c:pt>
                <c:pt idx="6334">
                  <c:v>33.598600345900522</c:v>
                </c:pt>
                <c:pt idx="6335">
                  <c:v>33.686887977502806</c:v>
                </c:pt>
                <c:pt idx="6336">
                  <c:v>33.808221229062084</c:v>
                </c:pt>
                <c:pt idx="6337">
                  <c:v>33.925380366279228</c:v>
                </c:pt>
                <c:pt idx="6338">
                  <c:v>34.043628345044155</c:v>
                </c:pt>
                <c:pt idx="6339">
                  <c:v>34.147261906343303</c:v>
                </c:pt>
                <c:pt idx="6340">
                  <c:v>34.252759553318931</c:v>
                </c:pt>
                <c:pt idx="6341">
                  <c:v>34.344693357092225</c:v>
                </c:pt>
                <c:pt idx="6342">
                  <c:v>34.454020320857197</c:v>
                </c:pt>
                <c:pt idx="6343">
                  <c:v>34.501759713191412</c:v>
                </c:pt>
                <c:pt idx="6344">
                  <c:v>34.496860732287161</c:v>
                </c:pt>
                <c:pt idx="6345">
                  <c:v>34.45916959359382</c:v>
                </c:pt>
                <c:pt idx="6346">
                  <c:v>34.411006325748417</c:v>
                </c:pt>
                <c:pt idx="6347">
                  <c:v>34.399130544916808</c:v>
                </c:pt>
                <c:pt idx="6348">
                  <c:v>34.38332825057369</c:v>
                </c:pt>
                <c:pt idx="6349">
                  <c:v>34.371782093346184</c:v>
                </c:pt>
                <c:pt idx="6350">
                  <c:v>34.369684145588749</c:v>
                </c:pt>
                <c:pt idx="6351">
                  <c:v>34.362746638379988</c:v>
                </c:pt>
                <c:pt idx="6352">
                  <c:v>34.340711788666958</c:v>
                </c:pt>
                <c:pt idx="6353">
                  <c:v>34.289773859832835</c:v>
                </c:pt>
                <c:pt idx="6354">
                  <c:v>34.218974912961698</c:v>
                </c:pt>
                <c:pt idx="6355">
                  <c:v>34.119259848654394</c:v>
                </c:pt>
                <c:pt idx="6356">
                  <c:v>33.978667213154665</c:v>
                </c:pt>
                <c:pt idx="6357">
                  <c:v>33.894787562363298</c:v>
                </c:pt>
                <c:pt idx="6358">
                  <c:v>33.844917988949319</c:v>
                </c:pt>
                <c:pt idx="6359">
                  <c:v>33.778982522107334</c:v>
                </c:pt>
                <c:pt idx="6360">
                  <c:v>33.721431528601215</c:v>
                </c:pt>
                <c:pt idx="6361">
                  <c:v>33.648888852845261</c:v>
                </c:pt>
                <c:pt idx="6362">
                  <c:v>33.582500733151093</c:v>
                </c:pt>
                <c:pt idx="6363">
                  <c:v>33.52674708261835</c:v>
                </c:pt>
                <c:pt idx="6364">
                  <c:v>33.516838370672801</c:v>
                </c:pt>
                <c:pt idx="6365">
                  <c:v>33.477707219788002</c:v>
                </c:pt>
                <c:pt idx="6366">
                  <c:v>33.484218698439214</c:v>
                </c:pt>
                <c:pt idx="6367">
                  <c:v>33.491658681043276</c:v>
                </c:pt>
                <c:pt idx="6368">
                  <c:v>33.520950683358471</c:v>
                </c:pt>
                <c:pt idx="6369">
                  <c:v>33.547827694126816</c:v>
                </c:pt>
                <c:pt idx="6370">
                  <c:v>33.589480750534641</c:v>
                </c:pt>
                <c:pt idx="6371">
                  <c:v>33.64591268080769</c:v>
                </c:pt>
                <c:pt idx="6372">
                  <c:v>33.724955368536669</c:v>
                </c:pt>
                <c:pt idx="6373">
                  <c:v>33.792816233605492</c:v>
                </c:pt>
                <c:pt idx="6374">
                  <c:v>33.850586429181007</c:v>
                </c:pt>
                <c:pt idx="6375">
                  <c:v>33.899333562595004</c:v>
                </c:pt>
                <c:pt idx="6376">
                  <c:v>33.951572598250593</c:v>
                </c:pt>
                <c:pt idx="6377">
                  <c:v>34.006536917434559</c:v>
                </c:pt>
                <c:pt idx="6378">
                  <c:v>34.03457041854692</c:v>
                </c:pt>
                <c:pt idx="6379">
                  <c:v>34.080420576372816</c:v>
                </c:pt>
                <c:pt idx="6380">
                  <c:v>34.120393169734029</c:v>
                </c:pt>
                <c:pt idx="6381">
                  <c:v>34.154592755802952</c:v>
                </c:pt>
                <c:pt idx="6382">
                  <c:v>34.189796899681795</c:v>
                </c:pt>
                <c:pt idx="6383">
                  <c:v>34.210936984430433</c:v>
                </c:pt>
                <c:pt idx="6384">
                  <c:v>34.243714507721108</c:v>
                </c:pt>
                <c:pt idx="6385">
                  <c:v>34.259213187055636</c:v>
                </c:pt>
                <c:pt idx="6386">
                  <c:v>34.263192467777678</c:v>
                </c:pt>
                <c:pt idx="6387">
                  <c:v>34.261394798594928</c:v>
                </c:pt>
                <c:pt idx="6388">
                  <c:v>34.261718619383615</c:v>
                </c:pt>
                <c:pt idx="6389">
                  <c:v>34.249347947563137</c:v>
                </c:pt>
                <c:pt idx="6390">
                  <c:v>34.250801746187562</c:v>
                </c:pt>
                <c:pt idx="6391">
                  <c:v>34.27255089048618</c:v>
                </c:pt>
                <c:pt idx="6392">
                  <c:v>34.280792429678485</c:v>
                </c:pt>
                <c:pt idx="6393">
                  <c:v>34.289047751494138</c:v>
                </c:pt>
                <c:pt idx="6394">
                  <c:v>34.312055251526921</c:v>
                </c:pt>
                <c:pt idx="6395">
                  <c:v>34.33239416928879</c:v>
                </c:pt>
                <c:pt idx="6396">
                  <c:v>34.355479238798637</c:v>
                </c:pt>
                <c:pt idx="6397">
                  <c:v>34.377738638488061</c:v>
                </c:pt>
                <c:pt idx="6398">
                  <c:v>34.393892504530257</c:v>
                </c:pt>
                <c:pt idx="6399">
                  <c:v>34.405055973346322</c:v>
                </c:pt>
                <c:pt idx="6400">
                  <c:v>34.447310752192699</c:v>
                </c:pt>
                <c:pt idx="6401">
                  <c:v>34.459183267050676</c:v>
                </c:pt>
                <c:pt idx="6402">
                  <c:v>34.540974108368097</c:v>
                </c:pt>
                <c:pt idx="6403">
                  <c:v>34.53261617163907</c:v>
                </c:pt>
                <c:pt idx="6404">
                  <c:v>34.514700066785451</c:v>
                </c:pt>
                <c:pt idx="6405">
                  <c:v>34.509385238501629</c:v>
                </c:pt>
                <c:pt idx="6406">
                  <c:v>34.547350857708906</c:v>
                </c:pt>
                <c:pt idx="6407">
                  <c:v>34.622786266789603</c:v>
                </c:pt>
                <c:pt idx="6408">
                  <c:v>34.692681121349125</c:v>
                </c:pt>
                <c:pt idx="6409">
                  <c:v>34.782066194511984</c:v>
                </c:pt>
                <c:pt idx="6410">
                  <c:v>34.907619951782721</c:v>
                </c:pt>
                <c:pt idx="6411">
                  <c:v>35.055529938451826</c:v>
                </c:pt>
                <c:pt idx="6412">
                  <c:v>35.160193092280444</c:v>
                </c:pt>
                <c:pt idx="6413">
                  <c:v>35.287168790659265</c:v>
                </c:pt>
                <c:pt idx="6414">
                  <c:v>35.408703890516151</c:v>
                </c:pt>
                <c:pt idx="6415">
                  <c:v>35.529237848671499</c:v>
                </c:pt>
                <c:pt idx="6416">
                  <c:v>35.660143782322038</c:v>
                </c:pt>
                <c:pt idx="6417">
                  <c:v>35.761108327966028</c:v>
                </c:pt>
                <c:pt idx="6418">
                  <c:v>35.804238977081582</c:v>
                </c:pt>
                <c:pt idx="6419">
                  <c:v>35.834338524287134</c:v>
                </c:pt>
                <c:pt idx="6420">
                  <c:v>35.879878680364875</c:v>
                </c:pt>
                <c:pt idx="6421">
                  <c:v>35.907956733321143</c:v>
                </c:pt>
                <c:pt idx="6422">
                  <c:v>35.960536851953449</c:v>
                </c:pt>
                <c:pt idx="6423">
                  <c:v>36.00699304442422</c:v>
                </c:pt>
                <c:pt idx="6424">
                  <c:v>35.93721708558482</c:v>
                </c:pt>
                <c:pt idx="6425">
                  <c:v>36.049680507141304</c:v>
                </c:pt>
                <c:pt idx="6426">
                  <c:v>36.089360959170449</c:v>
                </c:pt>
                <c:pt idx="6427">
                  <c:v>36.149261454199291</c:v>
                </c:pt>
                <c:pt idx="6428">
                  <c:v>36.148736492985158</c:v>
                </c:pt>
                <c:pt idx="6429">
                  <c:v>36.202668194386632</c:v>
                </c:pt>
                <c:pt idx="6430">
                  <c:v>36.364316372635045</c:v>
                </c:pt>
                <c:pt idx="6431">
                  <c:v>36.317433865812248</c:v>
                </c:pt>
                <c:pt idx="6432">
                  <c:v>36.274751996458278</c:v>
                </c:pt>
                <c:pt idx="6433">
                  <c:v>36.389336484484716</c:v>
                </c:pt>
                <c:pt idx="6434">
                  <c:v>36.399650340546543</c:v>
                </c:pt>
                <c:pt idx="6435">
                  <c:v>36.371616588351365</c:v>
                </c:pt>
                <c:pt idx="6436">
                  <c:v>36.213643015793345</c:v>
                </c:pt>
                <c:pt idx="6437">
                  <c:v>36.304307176892401</c:v>
                </c:pt>
                <c:pt idx="6438">
                  <c:v>36.17760319822186</c:v>
                </c:pt>
                <c:pt idx="6439">
                  <c:v>36.28844426315046</c:v>
                </c:pt>
                <c:pt idx="6440">
                  <c:v>36.279128252379479</c:v>
                </c:pt>
                <c:pt idx="6441">
                  <c:v>36.269102110302455</c:v>
                </c:pt>
                <c:pt idx="6442">
                  <c:v>36.304979657786404</c:v>
                </c:pt>
                <c:pt idx="6443">
                  <c:v>36.539306962372166</c:v>
                </c:pt>
                <c:pt idx="6444">
                  <c:v>36.559886253140931</c:v>
                </c:pt>
                <c:pt idx="6445">
                  <c:v>36.589044350814419</c:v>
                </c:pt>
                <c:pt idx="6446">
                  <c:v>36.460295896363533</c:v>
                </c:pt>
                <c:pt idx="6447">
                  <c:v>36.584409050424135</c:v>
                </c:pt>
                <c:pt idx="6448">
                  <c:v>36.624830416890276</c:v>
                </c:pt>
                <c:pt idx="6449">
                  <c:v>36.627615816723761</c:v>
                </c:pt>
                <c:pt idx="6450">
                  <c:v>36.355003202515853</c:v>
                </c:pt>
                <c:pt idx="6451">
                  <c:v>36.585370175655868</c:v>
                </c:pt>
                <c:pt idx="6452">
                  <c:v>36.647720479899917</c:v>
                </c:pt>
                <c:pt idx="6453">
                  <c:v>36.65333437121884</c:v>
                </c:pt>
                <c:pt idx="6454">
                  <c:v>36.640407966208606</c:v>
                </c:pt>
                <c:pt idx="6455">
                  <c:v>36.64385580243416</c:v>
                </c:pt>
                <c:pt idx="6456">
                  <c:v>36.663002733913757</c:v>
                </c:pt>
                <c:pt idx="6457">
                  <c:v>36.665068560916325</c:v>
                </c:pt>
                <c:pt idx="6458">
                  <c:v>36.669272228505513</c:v>
                </c:pt>
                <c:pt idx="6459">
                  <c:v>36.667791506041311</c:v>
                </c:pt>
                <c:pt idx="6460">
                  <c:v>36.6079197931642</c:v>
                </c:pt>
                <c:pt idx="6461">
                  <c:v>36.557078919446703</c:v>
                </c:pt>
                <c:pt idx="6462">
                  <c:v>36.620266119601212</c:v>
                </c:pt>
                <c:pt idx="6463">
                  <c:v>36.703085915380704</c:v>
                </c:pt>
                <c:pt idx="6464">
                  <c:v>36.673239916475723</c:v>
                </c:pt>
                <c:pt idx="6465">
                  <c:v>36.658288444945889</c:v>
                </c:pt>
                <c:pt idx="6466">
                  <c:v>36.588051462088977</c:v>
                </c:pt>
                <c:pt idx="6467">
                  <c:v>36.481336874431875</c:v>
                </c:pt>
                <c:pt idx="6468">
                  <c:v>36.367379773401254</c:v>
                </c:pt>
                <c:pt idx="6469">
                  <c:v>36.234773990057462</c:v>
                </c:pt>
                <c:pt idx="6470">
                  <c:v>36.138367411415146</c:v>
                </c:pt>
                <c:pt idx="6471">
                  <c:v>36.029149564005237</c:v>
                </c:pt>
                <c:pt idx="6472">
                  <c:v>35.917239703524942</c:v>
                </c:pt>
                <c:pt idx="6473">
                  <c:v>35.815087595929128</c:v>
                </c:pt>
                <c:pt idx="6474">
                  <c:v>35.719944969426543</c:v>
                </c:pt>
                <c:pt idx="6475">
                  <c:v>35.603347978789742</c:v>
                </c:pt>
                <c:pt idx="6476">
                  <c:v>35.503999121781106</c:v>
                </c:pt>
                <c:pt idx="6477">
                  <c:v>35.399623371472792</c:v>
                </c:pt>
                <c:pt idx="6478">
                  <c:v>35.326806068970953</c:v>
                </c:pt>
                <c:pt idx="6479">
                  <c:v>35.2070403720409</c:v>
                </c:pt>
                <c:pt idx="6480">
                  <c:v>35.111457836814139</c:v>
                </c:pt>
                <c:pt idx="6481">
                  <c:v>34.992860277186665</c:v>
                </c:pt>
                <c:pt idx="6482">
                  <c:v>34.87414087699166</c:v>
                </c:pt>
                <c:pt idx="6483">
                  <c:v>34.77923883934595</c:v>
                </c:pt>
                <c:pt idx="6484">
                  <c:v>34.688125733475808</c:v>
                </c:pt>
                <c:pt idx="6485">
                  <c:v>34.599053930933472</c:v>
                </c:pt>
                <c:pt idx="6486">
                  <c:v>34.494676370353588</c:v>
                </c:pt>
                <c:pt idx="6487">
                  <c:v>34.327017090124286</c:v>
                </c:pt>
                <c:pt idx="6488">
                  <c:v>34.299942853768357</c:v>
                </c:pt>
                <c:pt idx="6489">
                  <c:v>34.209426828834474</c:v>
                </c:pt>
                <c:pt idx="6490">
                  <c:v>34.11184062760767</c:v>
                </c:pt>
                <c:pt idx="6491">
                  <c:v>34.006061286906061</c:v>
                </c:pt>
                <c:pt idx="6492">
                  <c:v>33.948144805883999</c:v>
                </c:pt>
                <c:pt idx="6493">
                  <c:v>33.873612609149845</c:v>
                </c:pt>
                <c:pt idx="6494">
                  <c:v>33.842550963432721</c:v>
                </c:pt>
                <c:pt idx="6495">
                  <c:v>33.819614566414657</c:v>
                </c:pt>
                <c:pt idx="6496">
                  <c:v>33.794054754906213</c:v>
                </c:pt>
                <c:pt idx="6497">
                  <c:v>33.80566228248108</c:v>
                </c:pt>
                <c:pt idx="6498">
                  <c:v>33.798400109271839</c:v>
                </c:pt>
                <c:pt idx="6499">
                  <c:v>33.760124624662915</c:v>
                </c:pt>
                <c:pt idx="6500">
                  <c:v>33.73741501223374</c:v>
                </c:pt>
                <c:pt idx="6501">
                  <c:v>33.741925127562226</c:v>
                </c:pt>
                <c:pt idx="6502">
                  <c:v>33.708562108681861</c:v>
                </c:pt>
                <c:pt idx="6503">
                  <c:v>33.687826589261206</c:v>
                </c:pt>
                <c:pt idx="6504">
                  <c:v>33.633765382642267</c:v>
                </c:pt>
                <c:pt idx="6505">
                  <c:v>33.588703846105489</c:v>
                </c:pt>
                <c:pt idx="6506">
                  <c:v>33.552815022750217</c:v>
                </c:pt>
                <c:pt idx="6507">
                  <c:v>33.499307730735474</c:v>
                </c:pt>
                <c:pt idx="6508">
                  <c:v>33.46652006979815</c:v>
                </c:pt>
                <c:pt idx="6509">
                  <c:v>33.434003037528974</c:v>
                </c:pt>
                <c:pt idx="6510">
                  <c:v>33.402415111918643</c:v>
                </c:pt>
                <c:pt idx="6511">
                  <c:v>33.40788144474017</c:v>
                </c:pt>
                <c:pt idx="6512">
                  <c:v>33.398249554308379</c:v>
                </c:pt>
                <c:pt idx="6513">
                  <c:v>33.375428146964602</c:v>
                </c:pt>
                <c:pt idx="6514">
                  <c:v>33.349299018670422</c:v>
                </c:pt>
                <c:pt idx="6515">
                  <c:v>33.347534849995029</c:v>
                </c:pt>
                <c:pt idx="6516">
                  <c:v>33.326057991474407</c:v>
                </c:pt>
                <c:pt idx="6517">
                  <c:v>33.283638342571692</c:v>
                </c:pt>
                <c:pt idx="6518">
                  <c:v>33.263478621300251</c:v>
                </c:pt>
                <c:pt idx="6519">
                  <c:v>33.20677269324851</c:v>
                </c:pt>
                <c:pt idx="6520">
                  <c:v>33.158488013288832</c:v>
                </c:pt>
                <c:pt idx="6521">
                  <c:v>33.081777859119285</c:v>
                </c:pt>
                <c:pt idx="6522">
                  <c:v>33.038409377877855</c:v>
                </c:pt>
                <c:pt idx="6523">
                  <c:v>33.048561991418488</c:v>
                </c:pt>
                <c:pt idx="6524">
                  <c:v>33.062218455128331</c:v>
                </c:pt>
                <c:pt idx="6525">
                  <c:v>33.067646479523027</c:v>
                </c:pt>
                <c:pt idx="6526">
                  <c:v>33.057760492855692</c:v>
                </c:pt>
                <c:pt idx="6527">
                  <c:v>33.049982466261667</c:v>
                </c:pt>
                <c:pt idx="6528">
                  <c:v>33.047579238497995</c:v>
                </c:pt>
                <c:pt idx="6529">
                  <c:v>33.012603272163595</c:v>
                </c:pt>
                <c:pt idx="6530">
                  <c:v>32.982328080465884</c:v>
                </c:pt>
                <c:pt idx="6531">
                  <c:v>32.629362552205706</c:v>
                </c:pt>
                <c:pt idx="6532">
                  <c:v>32.567448673079262</c:v>
                </c:pt>
                <c:pt idx="6533">
                  <c:v>32.483827089878332</c:v>
                </c:pt>
                <c:pt idx="6534">
                  <c:v>32.420614340119258</c:v>
                </c:pt>
                <c:pt idx="6535">
                  <c:v>32.346283819355428</c:v>
                </c:pt>
                <c:pt idx="6536">
                  <c:v>32.310179804146742</c:v>
                </c:pt>
                <c:pt idx="6537">
                  <c:v>32.246559372407098</c:v>
                </c:pt>
                <c:pt idx="6538">
                  <c:v>32.196961541265473</c:v>
                </c:pt>
                <c:pt idx="6539">
                  <c:v>32.143588608171015</c:v>
                </c:pt>
                <c:pt idx="6540">
                  <c:v>32.130740214694654</c:v>
                </c:pt>
                <c:pt idx="6541">
                  <c:v>32.123645294028961</c:v>
                </c:pt>
                <c:pt idx="6542">
                  <c:v>32.140566671684269</c:v>
                </c:pt>
                <c:pt idx="6543">
                  <c:v>32.163209477051787</c:v>
                </c:pt>
                <c:pt idx="6544">
                  <c:v>32.226367078232471</c:v>
                </c:pt>
                <c:pt idx="6545">
                  <c:v>32.293752269797679</c:v>
                </c:pt>
                <c:pt idx="6546">
                  <c:v>32.400946194897209</c:v>
                </c:pt>
                <c:pt idx="6547">
                  <c:v>32.548603232262458</c:v>
                </c:pt>
                <c:pt idx="6548">
                  <c:v>32.718892900324974</c:v>
                </c:pt>
                <c:pt idx="6549">
                  <c:v>32.907906044878246</c:v>
                </c:pt>
                <c:pt idx="6550">
                  <c:v>33.075713603181448</c:v>
                </c:pt>
                <c:pt idx="6551">
                  <c:v>33.266827888972983</c:v>
                </c:pt>
                <c:pt idx="6552">
                  <c:v>33.512568739331364</c:v>
                </c:pt>
                <c:pt idx="6553">
                  <c:v>33.763033420540445</c:v>
                </c:pt>
                <c:pt idx="6554">
                  <c:v>34.00827474741142</c:v>
                </c:pt>
                <c:pt idx="6555">
                  <c:v>34.233552563848207</c:v>
                </c:pt>
                <c:pt idx="6556">
                  <c:v>34.348048118140198</c:v>
                </c:pt>
                <c:pt idx="6557">
                  <c:v>34.489789213288375</c:v>
                </c:pt>
                <c:pt idx="6558">
                  <c:v>34.692610366156316</c:v>
                </c:pt>
                <c:pt idx="6559">
                  <c:v>34.865576829316794</c:v>
                </c:pt>
                <c:pt idx="6560">
                  <c:v>35.055168507072338</c:v>
                </c:pt>
                <c:pt idx="6561">
                  <c:v>35.125796106546176</c:v>
                </c:pt>
                <c:pt idx="6562">
                  <c:v>35.018680866476465</c:v>
                </c:pt>
                <c:pt idx="6563">
                  <c:v>35.00916705799213</c:v>
                </c:pt>
                <c:pt idx="6564">
                  <c:v>35.0435137450159</c:v>
                </c:pt>
                <c:pt idx="6565">
                  <c:v>34.85722301665411</c:v>
                </c:pt>
                <c:pt idx="6566">
                  <c:v>34.727857553021707</c:v>
                </c:pt>
                <c:pt idx="6567">
                  <c:v>34.673146924553308</c:v>
                </c:pt>
                <c:pt idx="6568">
                  <c:v>34.655774309719405</c:v>
                </c:pt>
                <c:pt idx="6569">
                  <c:v>34.536996332816884</c:v>
                </c:pt>
                <c:pt idx="6570">
                  <c:v>34.592572783000136</c:v>
                </c:pt>
                <c:pt idx="6571">
                  <c:v>34.65227997056801</c:v>
                </c:pt>
                <c:pt idx="6572">
                  <c:v>34.672914417582504</c:v>
                </c:pt>
                <c:pt idx="6573">
                  <c:v>34.688755194937286</c:v>
                </c:pt>
                <c:pt idx="6574">
                  <c:v>34.654085465800193</c:v>
                </c:pt>
                <c:pt idx="6575">
                  <c:v>34.661289311279575</c:v>
                </c:pt>
                <c:pt idx="6576">
                  <c:v>34.652325952658906</c:v>
                </c:pt>
                <c:pt idx="6577">
                  <c:v>34.632731806799271</c:v>
                </c:pt>
                <c:pt idx="6578">
                  <c:v>34.619832321379889</c:v>
                </c:pt>
                <c:pt idx="6579">
                  <c:v>34.570592109433882</c:v>
                </c:pt>
                <c:pt idx="6580">
                  <c:v>34.610177646105846</c:v>
                </c:pt>
                <c:pt idx="6581">
                  <c:v>34.596035475627183</c:v>
                </c:pt>
                <c:pt idx="6582">
                  <c:v>34.608925576598736</c:v>
                </c:pt>
                <c:pt idx="6583">
                  <c:v>34.622588396095907</c:v>
                </c:pt>
                <c:pt idx="6584">
                  <c:v>34.681838865169375</c:v>
                </c:pt>
                <c:pt idx="6585">
                  <c:v>34.684496283457193</c:v>
                </c:pt>
                <c:pt idx="6586">
                  <c:v>34.632107803315279</c:v>
                </c:pt>
                <c:pt idx="6587">
                  <c:v>34.637070644404787</c:v>
                </c:pt>
                <c:pt idx="6588">
                  <c:v>34.626825219532705</c:v>
                </c:pt>
                <c:pt idx="6589">
                  <c:v>34.601389909251665</c:v>
                </c:pt>
                <c:pt idx="6590">
                  <c:v>34.613848940834657</c:v>
                </c:pt>
                <c:pt idx="6591">
                  <c:v>34.599739643575646</c:v>
                </c:pt>
                <c:pt idx="6592">
                  <c:v>34.58173548236924</c:v>
                </c:pt>
                <c:pt idx="6593">
                  <c:v>34.557872199816146</c:v>
                </c:pt>
                <c:pt idx="6594">
                  <c:v>34.531421317715285</c:v>
                </c:pt>
                <c:pt idx="6595">
                  <c:v>34.49239588524631</c:v>
                </c:pt>
                <c:pt idx="6596">
                  <c:v>34.470200886469271</c:v>
                </c:pt>
                <c:pt idx="6597">
                  <c:v>34.487115603178736</c:v>
                </c:pt>
                <c:pt idx="6598">
                  <c:v>34.476403801636494</c:v>
                </c:pt>
                <c:pt idx="6599">
                  <c:v>34.401141840804272</c:v>
                </c:pt>
                <c:pt idx="6600">
                  <c:v>34.387351108678089</c:v>
                </c:pt>
                <c:pt idx="6601">
                  <c:v>34.308054998785032</c:v>
                </c:pt>
                <c:pt idx="6602">
                  <c:v>34.320832032996549</c:v>
                </c:pt>
                <c:pt idx="6603">
                  <c:v>34.331055764518823</c:v>
                </c:pt>
                <c:pt idx="6604">
                  <c:v>34.340863751898766</c:v>
                </c:pt>
                <c:pt idx="6605">
                  <c:v>34.353459088665019</c:v>
                </c:pt>
                <c:pt idx="6606">
                  <c:v>34.364066015039555</c:v>
                </c:pt>
                <c:pt idx="6607">
                  <c:v>34.391386739060579</c:v>
                </c:pt>
                <c:pt idx="6608">
                  <c:v>34.427870219896889</c:v>
                </c:pt>
                <c:pt idx="6609">
                  <c:v>34.417034189454931</c:v>
                </c:pt>
                <c:pt idx="6610">
                  <c:v>34.41690409275671</c:v>
                </c:pt>
                <c:pt idx="6611">
                  <c:v>34.408045763009468</c:v>
                </c:pt>
                <c:pt idx="6612">
                  <c:v>34.340860574943989</c:v>
                </c:pt>
                <c:pt idx="6613">
                  <c:v>34.281596297370243</c:v>
                </c:pt>
                <c:pt idx="6614">
                  <c:v>34.26805941908745</c:v>
                </c:pt>
                <c:pt idx="6615">
                  <c:v>34.343207693360029</c:v>
                </c:pt>
                <c:pt idx="6616">
                  <c:v>34.3482138718933</c:v>
                </c:pt>
                <c:pt idx="6617">
                  <c:v>34.316874849270839</c:v>
                </c:pt>
                <c:pt idx="6618">
                  <c:v>34.288435363508583</c:v>
                </c:pt>
                <c:pt idx="6619">
                  <c:v>34.296993133453114</c:v>
                </c:pt>
                <c:pt idx="6620">
                  <c:v>34.343116643141158</c:v>
                </c:pt>
                <c:pt idx="6621">
                  <c:v>34.415123210845913</c:v>
                </c:pt>
                <c:pt idx="6622">
                  <c:v>34.498552308159219</c:v>
                </c:pt>
                <c:pt idx="6623">
                  <c:v>34.575288276127054</c:v>
                </c:pt>
                <c:pt idx="6624">
                  <c:v>34.701048877716204</c:v>
                </c:pt>
                <c:pt idx="6625">
                  <c:v>34.818881026399978</c:v>
                </c:pt>
                <c:pt idx="6626">
                  <c:v>34.967579148303713</c:v>
                </c:pt>
                <c:pt idx="6627">
                  <c:v>35.148648384270885</c:v>
                </c:pt>
                <c:pt idx="6628">
                  <c:v>35.308870007183117</c:v>
                </c:pt>
                <c:pt idx="6629">
                  <c:v>35.41988339209513</c:v>
                </c:pt>
                <c:pt idx="6630">
                  <c:v>35.451376852098846</c:v>
                </c:pt>
                <c:pt idx="6631">
                  <c:v>35.433736998881493</c:v>
                </c:pt>
                <c:pt idx="6632">
                  <c:v>35.373704721358166</c:v>
                </c:pt>
                <c:pt idx="6633">
                  <c:v>35.360323098024395</c:v>
                </c:pt>
                <c:pt idx="6634">
                  <c:v>35.528301932162876</c:v>
                </c:pt>
                <c:pt idx="6635">
                  <c:v>35.670385476778733</c:v>
                </c:pt>
                <c:pt idx="6636">
                  <c:v>35.684258270267385</c:v>
                </c:pt>
                <c:pt idx="6637">
                  <c:v>35.710361960141086</c:v>
                </c:pt>
                <c:pt idx="6638">
                  <c:v>35.436622916190636</c:v>
                </c:pt>
                <c:pt idx="6639">
                  <c:v>35.364266795165086</c:v>
                </c:pt>
                <c:pt idx="6640">
                  <c:v>35.230147760733047</c:v>
                </c:pt>
                <c:pt idx="6641">
                  <c:v>35.32380910799958</c:v>
                </c:pt>
                <c:pt idx="6642">
                  <c:v>35.169665249502273</c:v>
                </c:pt>
                <c:pt idx="6643">
                  <c:v>35.209077512694968</c:v>
                </c:pt>
                <c:pt idx="6644">
                  <c:v>35.206877377519014</c:v>
                </c:pt>
                <c:pt idx="6645">
                  <c:v>35.179954584361113</c:v>
                </c:pt>
                <c:pt idx="6646">
                  <c:v>35.180568487737865</c:v>
                </c:pt>
                <c:pt idx="6647">
                  <c:v>35.187372752187919</c:v>
                </c:pt>
                <c:pt idx="6648">
                  <c:v>35.248627835254069</c:v>
                </c:pt>
                <c:pt idx="6649">
                  <c:v>35.210852175396639</c:v>
                </c:pt>
                <c:pt idx="6650">
                  <c:v>35.227996186652447</c:v>
                </c:pt>
                <c:pt idx="6651">
                  <c:v>35.143123995537294</c:v>
                </c:pt>
                <c:pt idx="6652">
                  <c:v>35.103280891841926</c:v>
                </c:pt>
                <c:pt idx="6653">
                  <c:v>35.035032458951136</c:v>
                </c:pt>
                <c:pt idx="6654">
                  <c:v>34.998707174266485</c:v>
                </c:pt>
                <c:pt idx="6655">
                  <c:v>34.943498218635057</c:v>
                </c:pt>
                <c:pt idx="6656">
                  <c:v>34.879135386496387</c:v>
                </c:pt>
                <c:pt idx="6657">
                  <c:v>34.843595355469787</c:v>
                </c:pt>
                <c:pt idx="6658">
                  <c:v>34.810682032885367</c:v>
                </c:pt>
                <c:pt idx="6659">
                  <c:v>34.770995779334378</c:v>
                </c:pt>
                <c:pt idx="6660">
                  <c:v>34.734695895455602</c:v>
                </c:pt>
                <c:pt idx="6661">
                  <c:v>34.711780622483495</c:v>
                </c:pt>
                <c:pt idx="6662">
                  <c:v>34.709857625853445</c:v>
                </c:pt>
                <c:pt idx="6663">
                  <c:v>34.743749428707517</c:v>
                </c:pt>
                <c:pt idx="6664">
                  <c:v>34.841202732039406</c:v>
                </c:pt>
                <c:pt idx="6665">
                  <c:v>34.858160446441097</c:v>
                </c:pt>
                <c:pt idx="6666">
                  <c:v>34.912503001880744</c:v>
                </c:pt>
                <c:pt idx="6667">
                  <c:v>34.942012175716414</c:v>
                </c:pt>
                <c:pt idx="6668">
                  <c:v>34.92321946231754</c:v>
                </c:pt>
                <c:pt idx="6669">
                  <c:v>34.985498787263623</c:v>
                </c:pt>
                <c:pt idx="6670">
                  <c:v>35.032381042187865</c:v>
                </c:pt>
                <c:pt idx="6671">
                  <c:v>35.014729383349639</c:v>
                </c:pt>
                <c:pt idx="6672">
                  <c:v>34.694189255965142</c:v>
                </c:pt>
                <c:pt idx="6673">
                  <c:v>34.646138195296373</c:v>
                </c:pt>
                <c:pt idx="6674">
                  <c:v>34.68294763355685</c:v>
                </c:pt>
                <c:pt idx="6675">
                  <c:v>34.709363882764485</c:v>
                </c:pt>
                <c:pt idx="6676">
                  <c:v>34.765702365922522</c:v>
                </c:pt>
                <c:pt idx="6677">
                  <c:v>34.794342462385167</c:v>
                </c:pt>
                <c:pt idx="6678">
                  <c:v>34.870402872705597</c:v>
                </c:pt>
                <c:pt idx="6679">
                  <c:v>34.929496715042049</c:v>
                </c:pt>
                <c:pt idx="6680">
                  <c:v>34.9737145979784</c:v>
                </c:pt>
                <c:pt idx="6681">
                  <c:v>34.997815552605928</c:v>
                </c:pt>
                <c:pt idx="6682">
                  <c:v>35.066614976001645</c:v>
                </c:pt>
                <c:pt idx="6683">
                  <c:v>35.104921651925572</c:v>
                </c:pt>
                <c:pt idx="6684">
                  <c:v>35.136119078883382</c:v>
                </c:pt>
                <c:pt idx="6685">
                  <c:v>35.148949390000496</c:v>
                </c:pt>
                <c:pt idx="6686">
                  <c:v>35.18210162074844</c:v>
                </c:pt>
                <c:pt idx="6687">
                  <c:v>35.232643193562751</c:v>
                </c:pt>
                <c:pt idx="6688">
                  <c:v>35.375040705452236</c:v>
                </c:pt>
                <c:pt idx="6689">
                  <c:v>35.398375339276043</c:v>
                </c:pt>
                <c:pt idx="6690">
                  <c:v>35.355380457405019</c:v>
                </c:pt>
                <c:pt idx="6691">
                  <c:v>35.317177328650445</c:v>
                </c:pt>
                <c:pt idx="6692">
                  <c:v>35.282262243989301</c:v>
                </c:pt>
                <c:pt idx="6693">
                  <c:v>35.212627763684388</c:v>
                </c:pt>
                <c:pt idx="6694">
                  <c:v>35.150854755840925</c:v>
                </c:pt>
                <c:pt idx="6695">
                  <c:v>35.123442157133184</c:v>
                </c:pt>
                <c:pt idx="6696">
                  <c:v>35.184449382364932</c:v>
                </c:pt>
                <c:pt idx="6697">
                  <c:v>35.154839845724503</c:v>
                </c:pt>
                <c:pt idx="6698">
                  <c:v>35.198569497650603</c:v>
                </c:pt>
                <c:pt idx="6699">
                  <c:v>35.072248820586921</c:v>
                </c:pt>
                <c:pt idx="6700">
                  <c:v>35.096688514438412</c:v>
                </c:pt>
                <c:pt idx="6701">
                  <c:v>35.06812682185469</c:v>
                </c:pt>
                <c:pt idx="6702">
                  <c:v>35.037916368069524</c:v>
                </c:pt>
                <c:pt idx="6703">
                  <c:v>34.872638971603763</c:v>
                </c:pt>
                <c:pt idx="6704">
                  <c:v>34.71942975363168</c:v>
                </c:pt>
                <c:pt idx="6705">
                  <c:v>34.630813583393135</c:v>
                </c:pt>
                <c:pt idx="6706">
                  <c:v>34.572542117261754</c:v>
                </c:pt>
                <c:pt idx="6707">
                  <c:v>34.528985825727446</c:v>
                </c:pt>
                <c:pt idx="6708">
                  <c:v>34.4807887088486</c:v>
                </c:pt>
                <c:pt idx="6709">
                  <c:v>34.515723790745</c:v>
                </c:pt>
                <c:pt idx="6710">
                  <c:v>34.526612744303733</c:v>
                </c:pt>
                <c:pt idx="6711">
                  <c:v>34.487616603851379</c:v>
                </c:pt>
                <c:pt idx="6712">
                  <c:v>34.463217722980545</c:v>
                </c:pt>
                <c:pt idx="6713">
                  <c:v>34.452730980339425</c:v>
                </c:pt>
                <c:pt idx="6714">
                  <c:v>34.444890797132928</c:v>
                </c:pt>
                <c:pt idx="6715">
                  <c:v>34.483266201251595</c:v>
                </c:pt>
                <c:pt idx="6716">
                  <c:v>34.453068699638607</c:v>
                </c:pt>
                <c:pt idx="6717">
                  <c:v>34.421968415345276</c:v>
                </c:pt>
                <c:pt idx="6718">
                  <c:v>34.399046624224312</c:v>
                </c:pt>
                <c:pt idx="6719">
                  <c:v>34.410720292940709</c:v>
                </c:pt>
                <c:pt idx="6720">
                  <c:v>34.395786768126939</c:v>
                </c:pt>
                <c:pt idx="6721">
                  <c:v>34.364032613168575</c:v>
                </c:pt>
                <c:pt idx="6722">
                  <c:v>34.316335008433612</c:v>
                </c:pt>
                <c:pt idx="6723">
                  <c:v>34.21276801205245</c:v>
                </c:pt>
                <c:pt idx="6724">
                  <c:v>34.17368855882799</c:v>
                </c:pt>
                <c:pt idx="6725">
                  <c:v>34.137446904029531</c:v>
                </c:pt>
                <c:pt idx="6726">
                  <c:v>34.127048450856755</c:v>
                </c:pt>
                <c:pt idx="6727">
                  <c:v>34.122997554268153</c:v>
                </c:pt>
                <c:pt idx="6728">
                  <c:v>34.100210023785181</c:v>
                </c:pt>
                <c:pt idx="6729">
                  <c:v>34.114005626916423</c:v>
                </c:pt>
                <c:pt idx="6730">
                  <c:v>34.125470000462983</c:v>
                </c:pt>
                <c:pt idx="6731">
                  <c:v>34.158095002273257</c:v>
                </c:pt>
                <c:pt idx="6732">
                  <c:v>34.254650770401383</c:v>
                </c:pt>
                <c:pt idx="6733">
                  <c:v>34.276051773781113</c:v>
                </c:pt>
                <c:pt idx="6734">
                  <c:v>34.15361580071967</c:v>
                </c:pt>
                <c:pt idx="6735">
                  <c:v>34.148289127842695</c:v>
                </c:pt>
                <c:pt idx="6736">
                  <c:v>34.083292335974548</c:v>
                </c:pt>
                <c:pt idx="6737">
                  <c:v>34.064905394123485</c:v>
                </c:pt>
                <c:pt idx="6738">
                  <c:v>34.010828316541129</c:v>
                </c:pt>
                <c:pt idx="6739">
                  <c:v>33.990124082166425</c:v>
                </c:pt>
                <c:pt idx="6740">
                  <c:v>33.957934609199469</c:v>
                </c:pt>
                <c:pt idx="6741">
                  <c:v>33.965983301970923</c:v>
                </c:pt>
                <c:pt idx="6742">
                  <c:v>33.993585608121464</c:v>
                </c:pt>
                <c:pt idx="6743">
                  <c:v>34.024231690549648</c:v>
                </c:pt>
                <c:pt idx="6744">
                  <c:v>34.022313625916553</c:v>
                </c:pt>
                <c:pt idx="6745">
                  <c:v>33.990981645554527</c:v>
                </c:pt>
                <c:pt idx="6746">
                  <c:v>33.979185619883481</c:v>
                </c:pt>
                <c:pt idx="6747">
                  <c:v>33.954670995353212</c:v>
                </c:pt>
                <c:pt idx="6748">
                  <c:v>34.002206758101487</c:v>
                </c:pt>
                <c:pt idx="6749">
                  <c:v>34.032897636861335</c:v>
                </c:pt>
                <c:pt idx="6750">
                  <c:v>34.042104587219924</c:v>
                </c:pt>
                <c:pt idx="6751">
                  <c:v>34.06116778343673</c:v>
                </c:pt>
                <c:pt idx="6752">
                  <c:v>34.080170847183581</c:v>
                </c:pt>
                <c:pt idx="6753">
                  <c:v>34.066379552992636</c:v>
                </c:pt>
                <c:pt idx="6754">
                  <c:v>34.045211436645062</c:v>
                </c:pt>
                <c:pt idx="6755">
                  <c:v>34.018008109730175</c:v>
                </c:pt>
                <c:pt idx="6756">
                  <c:v>34.003722696583694</c:v>
                </c:pt>
                <c:pt idx="6757">
                  <c:v>33.988751225538792</c:v>
                </c:pt>
                <c:pt idx="6758">
                  <c:v>34.015259566842424</c:v>
                </c:pt>
                <c:pt idx="6759">
                  <c:v>34.038805092578912</c:v>
                </c:pt>
                <c:pt idx="6760">
                  <c:v>34.063398472031793</c:v>
                </c:pt>
                <c:pt idx="6761">
                  <c:v>34.129752974176824</c:v>
                </c:pt>
                <c:pt idx="6762">
                  <c:v>34.201793354758067</c:v>
                </c:pt>
                <c:pt idx="6763">
                  <c:v>34.250441701799772</c:v>
                </c:pt>
                <c:pt idx="6764">
                  <c:v>34.270180469053926</c:v>
                </c:pt>
                <c:pt idx="6765">
                  <c:v>34.303308464651209</c:v>
                </c:pt>
                <c:pt idx="6766">
                  <c:v>34.327301045824377</c:v>
                </c:pt>
                <c:pt idx="6767">
                  <c:v>34.31731600940843</c:v>
                </c:pt>
                <c:pt idx="6768">
                  <c:v>34.306304921021848</c:v>
                </c:pt>
                <c:pt idx="6769">
                  <c:v>34.285341004902989</c:v>
                </c:pt>
                <c:pt idx="6770">
                  <c:v>34.291269305282981</c:v>
                </c:pt>
                <c:pt idx="6771">
                  <c:v>34.3069647016085</c:v>
                </c:pt>
                <c:pt idx="6772">
                  <c:v>34.346563670223965</c:v>
                </c:pt>
                <c:pt idx="6773">
                  <c:v>34.391259974753027</c:v>
                </c:pt>
                <c:pt idx="6774">
                  <c:v>34.437912832554474</c:v>
                </c:pt>
                <c:pt idx="6775">
                  <c:v>34.502629997525524</c:v>
                </c:pt>
                <c:pt idx="6776">
                  <c:v>34.520849583299409</c:v>
                </c:pt>
                <c:pt idx="6777">
                  <c:v>34.546395570351322</c:v>
                </c:pt>
                <c:pt idx="6778">
                  <c:v>34.57402664687082</c:v>
                </c:pt>
                <c:pt idx="6779">
                  <c:v>34.580958104092765</c:v>
                </c:pt>
                <c:pt idx="6780">
                  <c:v>34.616129299262369</c:v>
                </c:pt>
                <c:pt idx="6781">
                  <c:v>34.609562462436465</c:v>
                </c:pt>
                <c:pt idx="6782">
                  <c:v>34.64362080307356</c:v>
                </c:pt>
                <c:pt idx="6783">
                  <c:v>34.634622151662718</c:v>
                </c:pt>
                <c:pt idx="6784">
                  <c:v>34.651983315550403</c:v>
                </c:pt>
                <c:pt idx="6785">
                  <c:v>34.727020893154886</c:v>
                </c:pt>
                <c:pt idx="6786">
                  <c:v>34.800542127664826</c:v>
                </c:pt>
                <c:pt idx="6787">
                  <c:v>34.867636912143865</c:v>
                </c:pt>
                <c:pt idx="6788">
                  <c:v>34.962022242567329</c:v>
                </c:pt>
                <c:pt idx="6789">
                  <c:v>34.957662512591185</c:v>
                </c:pt>
                <c:pt idx="6790">
                  <c:v>35.024835686294146</c:v>
                </c:pt>
                <c:pt idx="6791">
                  <c:v>35.089449635786551</c:v>
                </c:pt>
                <c:pt idx="6792">
                  <c:v>35.143486517151274</c:v>
                </c:pt>
                <c:pt idx="6793">
                  <c:v>35.227578637988344</c:v>
                </c:pt>
                <c:pt idx="6794">
                  <c:v>35.317351599007992</c:v>
                </c:pt>
                <c:pt idx="6795">
                  <c:v>35.400948569542464</c:v>
                </c:pt>
                <c:pt idx="6796">
                  <c:v>35.444412146430579</c:v>
                </c:pt>
                <c:pt idx="6797">
                  <c:v>35.420757299788178</c:v>
                </c:pt>
                <c:pt idx="6798">
                  <c:v>35.243718223453058</c:v>
                </c:pt>
                <c:pt idx="6799">
                  <c:v>34.90174080794278</c:v>
                </c:pt>
                <c:pt idx="6800">
                  <c:v>34.46483798390188</c:v>
                </c:pt>
                <c:pt idx="6801">
                  <c:v>33.998532905374617</c:v>
                </c:pt>
                <c:pt idx="6802">
                  <c:v>33.429452477599149</c:v>
                </c:pt>
                <c:pt idx="6803">
                  <c:v>32.750315885382705</c:v>
                </c:pt>
                <c:pt idx="6804">
                  <c:v>32.018289859781547</c:v>
                </c:pt>
                <c:pt idx="6805">
                  <c:v>31.099875205827214</c:v>
                </c:pt>
                <c:pt idx="6806">
                  <c:v>#N/A</c:v>
                </c:pt>
                <c:pt idx="6807">
                  <c:v>#N/A</c:v>
                </c:pt>
                <c:pt idx="6808">
                  <c:v>#N/A</c:v>
                </c:pt>
                <c:pt idx="6809">
                  <c:v>#N/A</c:v>
                </c:pt>
                <c:pt idx="6810">
                  <c:v>#N/A</c:v>
                </c:pt>
                <c:pt idx="6811">
                  <c:v>#N/A</c:v>
                </c:pt>
                <c:pt idx="6812">
                  <c:v>#N/A</c:v>
                </c:pt>
                <c:pt idx="6813">
                  <c:v>#N/A</c:v>
                </c:pt>
                <c:pt idx="6814">
                  <c:v>#N/A</c:v>
                </c:pt>
                <c:pt idx="6815">
                  <c:v>#N/A</c:v>
                </c:pt>
                <c:pt idx="6816">
                  <c:v>#N/A</c:v>
                </c:pt>
                <c:pt idx="6817">
                  <c:v>#N/A</c:v>
                </c:pt>
                <c:pt idx="6818">
                  <c:v>#N/A</c:v>
                </c:pt>
                <c:pt idx="6819">
                  <c:v>#N/A</c:v>
                </c:pt>
                <c:pt idx="6820">
                  <c:v>#N/A</c:v>
                </c:pt>
                <c:pt idx="6821">
                  <c:v>#N/A</c:v>
                </c:pt>
                <c:pt idx="6822">
                  <c:v>32.825835612818125</c:v>
                </c:pt>
                <c:pt idx="6823">
                  <c:v>33.486673617979463</c:v>
                </c:pt>
                <c:pt idx="6824">
                  <c:v>34.010576337936939</c:v>
                </c:pt>
                <c:pt idx="6825">
                  <c:v>34.343772607714641</c:v>
                </c:pt>
                <c:pt idx="6826">
                  <c:v>34.597731785020926</c:v>
                </c:pt>
                <c:pt idx="6827">
                  <c:v>34.795320196446113</c:v>
                </c:pt>
                <c:pt idx="6828">
                  <c:v>34.932211559135553</c:v>
                </c:pt>
                <c:pt idx="6829">
                  <c:v>35.049281796953238</c:v>
                </c:pt>
                <c:pt idx="6830">
                  <c:v>35.123727472945014</c:v>
                </c:pt>
                <c:pt idx="6831">
                  <c:v>35.114391965087094</c:v>
                </c:pt>
                <c:pt idx="6832">
                  <c:v>35.078471943278977</c:v>
                </c:pt>
                <c:pt idx="6833">
                  <c:v>34.981766383224937</c:v>
                </c:pt>
                <c:pt idx="6834">
                  <c:v>34.83419208062908</c:v>
                </c:pt>
                <c:pt idx="6835">
                  <c:v>34.679051153173347</c:v>
                </c:pt>
                <c:pt idx="6836">
                  <c:v>34.512014175672135</c:v>
                </c:pt>
                <c:pt idx="6837">
                  <c:v>34.347586477134989</c:v>
                </c:pt>
                <c:pt idx="6838">
                  <c:v>34.216991471614037</c:v>
                </c:pt>
                <c:pt idx="6839">
                  <c:v>34.142570421794673</c:v>
                </c:pt>
                <c:pt idx="6840">
                  <c:v>34.067969660587238</c:v>
                </c:pt>
                <c:pt idx="6841">
                  <c:v>34.037415286334955</c:v>
                </c:pt>
                <c:pt idx="6842">
                  <c:v>33.998307363595856</c:v>
                </c:pt>
                <c:pt idx="6843">
                  <c:v>33.987513326702349</c:v>
                </c:pt>
                <c:pt idx="6844">
                  <c:v>33.981568555952549</c:v>
                </c:pt>
                <c:pt idx="6845">
                  <c:v>34.000811352570778</c:v>
                </c:pt>
                <c:pt idx="6846">
                  <c:v>34.035589199261153</c:v>
                </c:pt>
                <c:pt idx="6847">
                  <c:v>34.101982104747975</c:v>
                </c:pt>
                <c:pt idx="6848">
                  <c:v>34.178924137712826</c:v>
                </c:pt>
                <c:pt idx="6849">
                  <c:v>34.287013872708812</c:v>
                </c:pt>
                <c:pt idx="6850">
                  <c:v>34.382010607462433</c:v>
                </c:pt>
                <c:pt idx="6851">
                  <c:v>34.483163431862245</c:v>
                </c:pt>
                <c:pt idx="6852">
                  <c:v>34.585459211455017</c:v>
                </c:pt>
                <c:pt idx="6853">
                  <c:v>34.632229321143654</c:v>
                </c:pt>
                <c:pt idx="6854">
                  <c:v>34.658974214115005</c:v>
                </c:pt>
                <c:pt idx="6855">
                  <c:v>34.664577363216935</c:v>
                </c:pt>
                <c:pt idx="6856">
                  <c:v>34.612246532617149</c:v>
                </c:pt>
                <c:pt idx="6857">
                  <c:v>34.559459923393788</c:v>
                </c:pt>
                <c:pt idx="6858">
                  <c:v>34.4960589751892</c:v>
                </c:pt>
                <c:pt idx="6859">
                  <c:v>34.481307647420763</c:v>
                </c:pt>
                <c:pt idx="6860">
                  <c:v>34.457073855631371</c:v>
                </c:pt>
                <c:pt idx="6861">
                  <c:v>34.487669206064524</c:v>
                </c:pt>
                <c:pt idx="6862">
                  <c:v>34.501581768572919</c:v>
                </c:pt>
                <c:pt idx="6863">
                  <c:v>34.525774631842076</c:v>
                </c:pt>
                <c:pt idx="6864">
                  <c:v>34.536489655480324</c:v>
                </c:pt>
                <c:pt idx="6865">
                  <c:v>34.526649726329744</c:v>
                </c:pt>
                <c:pt idx="6866">
                  <c:v>34.471671362634169</c:v>
                </c:pt>
                <c:pt idx="6867">
                  <c:v>34.412712558667955</c:v>
                </c:pt>
                <c:pt idx="6868">
                  <c:v>34.31477617643629</c:v>
                </c:pt>
                <c:pt idx="6869">
                  <c:v>34.210816228752762</c:v>
                </c:pt>
                <c:pt idx="6870">
                  <c:v>34.097803480719811</c:v>
                </c:pt>
                <c:pt idx="6871">
                  <c:v>33.992839381738051</c:v>
                </c:pt>
                <c:pt idx="6872">
                  <c:v>33.872450411163548</c:v>
                </c:pt>
                <c:pt idx="6873">
                  <c:v>33.770104816913054</c:v>
                </c:pt>
                <c:pt idx="6874">
                  <c:v>33.689008694245658</c:v>
                </c:pt>
                <c:pt idx="6875">
                  <c:v>33.611600006757911</c:v>
                </c:pt>
                <c:pt idx="6876">
                  <c:v>33.533578581344337</c:v>
                </c:pt>
                <c:pt idx="6877">
                  <c:v>33.475612282484484</c:v>
                </c:pt>
                <c:pt idx="6878">
                  <c:v>33.422451793129568</c:v>
                </c:pt>
                <c:pt idx="6879">
                  <c:v>33.38678163320688</c:v>
                </c:pt>
                <c:pt idx="6880">
                  <c:v>33.314405152795622</c:v>
                </c:pt>
                <c:pt idx="6881">
                  <c:v>33.266623910308937</c:v>
                </c:pt>
                <c:pt idx="6882">
                  <c:v>33.20253139472694</c:v>
                </c:pt>
                <c:pt idx="6883">
                  <c:v>33.10479692833237</c:v>
                </c:pt>
                <c:pt idx="6884">
                  <c:v>33.023763288733292</c:v>
                </c:pt>
                <c:pt idx="6885">
                  <c:v>32.903929919679037</c:v>
                </c:pt>
                <c:pt idx="6886">
                  <c:v>32.812032359751889</c:v>
                </c:pt>
                <c:pt idx="6887">
                  <c:v>32.718203162072683</c:v>
                </c:pt>
                <c:pt idx="6888">
                  <c:v>32.64465380517003</c:v>
                </c:pt>
                <c:pt idx="6889">
                  <c:v>32.606518042852166</c:v>
                </c:pt>
                <c:pt idx="6890">
                  <c:v>32.579032968357453</c:v>
                </c:pt>
                <c:pt idx="6891">
                  <c:v>32.594260064598032</c:v>
                </c:pt>
                <c:pt idx="6892">
                  <c:v>32.629270516214831</c:v>
                </c:pt>
                <c:pt idx="6893">
                  <c:v>32.679885789091756</c:v>
                </c:pt>
                <c:pt idx="6894">
                  <c:v>32.770913439914978</c:v>
                </c:pt>
                <c:pt idx="6895">
                  <c:v>32.853525330955122</c:v>
                </c:pt>
                <c:pt idx="6896">
                  <c:v>32.944487534033385</c:v>
                </c:pt>
                <c:pt idx="6897">
                  <c:v>33.024320764119068</c:v>
                </c:pt>
                <c:pt idx="6898">
                  <c:v>33.143344315084875</c:v>
                </c:pt>
                <c:pt idx="6899">
                  <c:v>33.212359655488179</c:v>
                </c:pt>
                <c:pt idx="6900">
                  <c:v>33.286263623254257</c:v>
                </c:pt>
                <c:pt idx="6901">
                  <c:v>33.331700732770692</c:v>
                </c:pt>
                <c:pt idx="6902">
                  <c:v>33.36705317904763</c:v>
                </c:pt>
                <c:pt idx="6903">
                  <c:v>33.397192635739714</c:v>
                </c:pt>
                <c:pt idx="6904">
                  <c:v>33.424363547842418</c:v>
                </c:pt>
                <c:pt idx="6905">
                  <c:v>33.422981177046381</c:v>
                </c:pt>
                <c:pt idx="6906">
                  <c:v>33.437036669223787</c:v>
                </c:pt>
                <c:pt idx="6907">
                  <c:v>33.434234238473124</c:v>
                </c:pt>
                <c:pt idx="6908">
                  <c:v>33.429652347640712</c:v>
                </c:pt>
                <c:pt idx="6909">
                  <c:v>33.447179564466786</c:v>
                </c:pt>
                <c:pt idx="6910">
                  <c:v>33.447944841627027</c:v>
                </c:pt>
                <c:pt idx="6911">
                  <c:v>33.451246423217967</c:v>
                </c:pt>
                <c:pt idx="6912">
                  <c:v>33.470676573252916</c:v>
                </c:pt>
                <c:pt idx="6913">
                  <c:v>33.470217871917889</c:v>
                </c:pt>
                <c:pt idx="6914">
                  <c:v>33.467067447811814</c:v>
                </c:pt>
                <c:pt idx="6915">
                  <c:v>33.434965446243787</c:v>
                </c:pt>
                <c:pt idx="6916">
                  <c:v>33.411660025729574</c:v>
                </c:pt>
                <c:pt idx="6917">
                  <c:v>33.356614758840955</c:v>
                </c:pt>
                <c:pt idx="6918">
                  <c:v>33.304381824663459</c:v>
                </c:pt>
                <c:pt idx="6919">
                  <c:v>33.253565854130159</c:v>
                </c:pt>
                <c:pt idx="6920">
                  <c:v>33.192264515654742</c:v>
                </c:pt>
                <c:pt idx="6921">
                  <c:v>33.153523120869792</c:v>
                </c:pt>
                <c:pt idx="6922">
                  <c:v>33.121146151775179</c:v>
                </c:pt>
                <c:pt idx="6923">
                  <c:v>33.120361053168978</c:v>
                </c:pt>
                <c:pt idx="6924">
                  <c:v>33.128254537552564</c:v>
                </c:pt>
                <c:pt idx="6925">
                  <c:v>33.149683328786573</c:v>
                </c:pt>
                <c:pt idx="6926">
                  <c:v>33.181821781213444</c:v>
                </c:pt>
                <c:pt idx="6927">
                  <c:v>33.221643861136897</c:v>
                </c:pt>
                <c:pt idx="6928">
                  <c:v>33.266759370656025</c:v>
                </c:pt>
                <c:pt idx="6929">
                  <c:v>33.293039164381057</c:v>
                </c:pt>
                <c:pt idx="6930">
                  <c:v>33.336127992946999</c:v>
                </c:pt>
                <c:pt idx="6931">
                  <c:v>33.359985215108203</c:v>
                </c:pt>
                <c:pt idx="6932">
                  <c:v>33.422195629857733</c:v>
                </c:pt>
                <c:pt idx="6933">
                  <c:v>33.392698104452883</c:v>
                </c:pt>
                <c:pt idx="6934">
                  <c:v>33.392830123497248</c:v>
                </c:pt>
                <c:pt idx="6935">
                  <c:v>33.375141276683209</c:v>
                </c:pt>
                <c:pt idx="6936">
                  <c:v>33.346856728482813</c:v>
                </c:pt>
                <c:pt idx="6937">
                  <c:v>33.316215212921549</c:v>
                </c:pt>
                <c:pt idx="6938">
                  <c:v>33.286340545642432</c:v>
                </c:pt>
                <c:pt idx="6939">
                  <c:v>33.241524238245418</c:v>
                </c:pt>
                <c:pt idx="6940">
                  <c:v>33.207653608640129</c:v>
                </c:pt>
                <c:pt idx="6941">
                  <c:v>33.166280855695412</c:v>
                </c:pt>
                <c:pt idx="6942">
                  <c:v>33.159426183414887</c:v>
                </c:pt>
                <c:pt idx="6943">
                  <c:v>33.139421600088887</c:v>
                </c:pt>
                <c:pt idx="6944">
                  <c:v>33.143038528189919</c:v>
                </c:pt>
                <c:pt idx="6945">
                  <c:v>33.182137713776541</c:v>
                </c:pt>
                <c:pt idx="6946">
                  <c:v>33.232349289493875</c:v>
                </c:pt>
                <c:pt idx="6947">
                  <c:v>33.268814354832479</c:v>
                </c:pt>
                <c:pt idx="6948">
                  <c:v>33.326778391337157</c:v>
                </c:pt>
                <c:pt idx="6949">
                  <c:v>33.397877233827572</c:v>
                </c:pt>
                <c:pt idx="6950">
                  <c:v>33.458627216121926</c:v>
                </c:pt>
                <c:pt idx="6951">
                  <c:v>33.526554602694816</c:v>
                </c:pt>
                <c:pt idx="6952">
                  <c:v>33.568851755020191</c:v>
                </c:pt>
                <c:pt idx="6953">
                  <c:v>33.613069237101428</c:v>
                </c:pt>
                <c:pt idx="6954">
                  <c:v>33.651527834487226</c:v>
                </c:pt>
                <c:pt idx="6955">
                  <c:v>33.681971334529678</c:v>
                </c:pt>
                <c:pt idx="6956">
                  <c:v>33.708216688999315</c:v>
                </c:pt>
                <c:pt idx="6957">
                  <c:v>33.741417297659297</c:v>
                </c:pt>
                <c:pt idx="6958">
                  <c:v>33.770282764254603</c:v>
                </c:pt>
                <c:pt idx="6959">
                  <c:v>33.778114636001746</c:v>
                </c:pt>
                <c:pt idx="6960">
                  <c:v>33.80564879415725</c:v>
                </c:pt>
                <c:pt idx="6961">
                  <c:v>33.814943036995274</c:v>
                </c:pt>
                <c:pt idx="6962">
                  <c:v>33.839937637246479</c:v>
                </c:pt>
                <c:pt idx="6963">
                  <c:v>33.856626781330149</c:v>
                </c:pt>
                <c:pt idx="6964">
                  <c:v>33.899048804577816</c:v>
                </c:pt>
                <c:pt idx="6965">
                  <c:v>33.892245372457751</c:v>
                </c:pt>
                <c:pt idx="6966">
                  <c:v>33.924085624320732</c:v>
                </c:pt>
                <c:pt idx="6967">
                  <c:v>33.94338793686466</c:v>
                </c:pt>
                <c:pt idx="6968">
                  <c:v>33.991286748206875</c:v>
                </c:pt>
                <c:pt idx="6969">
                  <c:v>34.043345904266879</c:v>
                </c:pt>
                <c:pt idx="6970">
                  <c:v>34.029521008023082</c:v>
                </c:pt>
                <c:pt idx="6971">
                  <c:v>34.063116104773194</c:v>
                </c:pt>
                <c:pt idx="6972">
                  <c:v>34.070025908925949</c:v>
                </c:pt>
                <c:pt idx="6973">
                  <c:v>34.080798361756671</c:v>
                </c:pt>
                <c:pt idx="6974">
                  <c:v>34.090625029556307</c:v>
                </c:pt>
                <c:pt idx="6975">
                  <c:v>34.074034824225066</c:v>
                </c:pt>
                <c:pt idx="6976">
                  <c:v>34.079313114844375</c:v>
                </c:pt>
                <c:pt idx="6977">
                  <c:v>34.072206257293693</c:v>
                </c:pt>
                <c:pt idx="6978">
                  <c:v>34.019176425833912</c:v>
                </c:pt>
                <c:pt idx="6979">
                  <c:v>34.000102670820183</c:v>
                </c:pt>
                <c:pt idx="6980">
                  <c:v>33.989259623654661</c:v>
                </c:pt>
                <c:pt idx="6981">
                  <c:v>33.934040139830316</c:v>
                </c:pt>
                <c:pt idx="6982">
                  <c:v>33.94130521689268</c:v>
                </c:pt>
                <c:pt idx="6983">
                  <c:v>33.899283336638526</c:v>
                </c:pt>
                <c:pt idx="6984">
                  <c:v>33.855324009895199</c:v>
                </c:pt>
                <c:pt idx="6985">
                  <c:v>33.818223386527166</c:v>
                </c:pt>
                <c:pt idx="6986">
                  <c:v>33.817261668228781</c:v>
                </c:pt>
                <c:pt idx="6987">
                  <c:v>33.79442383442634</c:v>
                </c:pt>
                <c:pt idx="6988">
                  <c:v>33.755689450420022</c:v>
                </c:pt>
                <c:pt idx="6989">
                  <c:v>33.729523241991821</c:v>
                </c:pt>
                <c:pt idx="6990">
                  <c:v>33.73018911921686</c:v>
                </c:pt>
                <c:pt idx="6991">
                  <c:v>33.719629265878346</c:v>
                </c:pt>
                <c:pt idx="6992">
                  <c:v>33.720567780285691</c:v>
                </c:pt>
                <c:pt idx="6993">
                  <c:v>33.749807971316301</c:v>
                </c:pt>
                <c:pt idx="6994">
                  <c:v>33.775072386570031</c:v>
                </c:pt>
                <c:pt idx="6995">
                  <c:v>33.799317204078349</c:v>
                </c:pt>
                <c:pt idx="6996">
                  <c:v>33.795661427635523</c:v>
                </c:pt>
                <c:pt idx="6997">
                  <c:v>33.803299554526788</c:v>
                </c:pt>
                <c:pt idx="6998">
                  <c:v>33.809362500822033</c:v>
                </c:pt>
                <c:pt idx="6999">
                  <c:v>33.785981838157412</c:v>
                </c:pt>
                <c:pt idx="7000">
                  <c:v>33.797025217181705</c:v>
                </c:pt>
                <c:pt idx="7001">
                  <c:v>33.751133844054721</c:v>
                </c:pt>
                <c:pt idx="7002">
                  <c:v>33.735090258137134</c:v>
                </c:pt>
                <c:pt idx="7003">
                  <c:v>33.712344402719424</c:v>
                </c:pt>
                <c:pt idx="7004">
                  <c:v>33.717425390563967</c:v>
                </c:pt>
                <c:pt idx="7005">
                  <c:v>33.710947268846247</c:v>
                </c:pt>
                <c:pt idx="7006">
                  <c:v>33.700827071271277</c:v>
                </c:pt>
                <c:pt idx="7007">
                  <c:v>33.66313081068752</c:v>
                </c:pt>
                <c:pt idx="7008">
                  <c:v>33.669215546723052</c:v>
                </c:pt>
                <c:pt idx="7009">
                  <c:v>33.6536873422545</c:v>
                </c:pt>
                <c:pt idx="7010">
                  <c:v>33.660254050760209</c:v>
                </c:pt>
                <c:pt idx="7011">
                  <c:v>33.633694502725106</c:v>
                </c:pt>
                <c:pt idx="7012">
                  <c:v>33.623407915163526</c:v>
                </c:pt>
                <c:pt idx="7013">
                  <c:v>33.595284436139281</c:v>
                </c:pt>
                <c:pt idx="7014">
                  <c:v>33.542288845871482</c:v>
                </c:pt>
                <c:pt idx="7015">
                  <c:v>33.480939342860694</c:v>
                </c:pt>
                <c:pt idx="7016">
                  <c:v>33.429702996633765</c:v>
                </c:pt>
                <c:pt idx="7017">
                  <c:v>33.365186792506222</c:v>
                </c:pt>
                <c:pt idx="7018">
                  <c:v>33.308751596932723</c:v>
                </c:pt>
                <c:pt idx="7019">
                  <c:v>33.256630203144915</c:v>
                </c:pt>
                <c:pt idx="7020">
                  <c:v>33.186509787041381</c:v>
                </c:pt>
                <c:pt idx="7021">
                  <c:v>33.152135711604629</c:v>
                </c:pt>
                <c:pt idx="7022">
                  <c:v>33.126023240965282</c:v>
                </c:pt>
                <c:pt idx="7023">
                  <c:v>33.090934642065072</c:v>
                </c:pt>
                <c:pt idx="7024">
                  <c:v>33.084873501557169</c:v>
                </c:pt>
                <c:pt idx="7025">
                  <c:v>33.078127153911083</c:v>
                </c:pt>
                <c:pt idx="7026">
                  <c:v>33.091454403028848</c:v>
                </c:pt>
                <c:pt idx="7027">
                  <c:v>33.124739162655786</c:v>
                </c:pt>
                <c:pt idx="7028">
                  <c:v>33.163360046862749</c:v>
                </c:pt>
                <c:pt idx="7029">
                  <c:v>33.203564699483806</c:v>
                </c:pt>
                <c:pt idx="7030">
                  <c:v>33.250186087863256</c:v>
                </c:pt>
                <c:pt idx="7031">
                  <c:v>33.329934184286245</c:v>
                </c:pt>
                <c:pt idx="7032">
                  <c:v>33.388044709674979</c:v>
                </c:pt>
                <c:pt idx="7033">
                  <c:v>33.45844616249142</c:v>
                </c:pt>
                <c:pt idx="7034">
                  <c:v>33.504279586232762</c:v>
                </c:pt>
                <c:pt idx="7035">
                  <c:v>33.549848096164425</c:v>
                </c:pt>
                <c:pt idx="7036">
                  <c:v>33.560842756021827</c:v>
                </c:pt>
                <c:pt idx="7037">
                  <c:v>33.570744552235844</c:v>
                </c:pt>
                <c:pt idx="7038">
                  <c:v>33.573727098763854</c:v>
                </c:pt>
                <c:pt idx="7039">
                  <c:v>33.574181036261784</c:v>
                </c:pt>
                <c:pt idx="7040">
                  <c:v>33.577669472129088</c:v>
                </c:pt>
                <c:pt idx="7041">
                  <c:v>33.58173394012492</c:v>
                </c:pt>
                <c:pt idx="7042">
                  <c:v>33.579306796905755</c:v>
                </c:pt>
                <c:pt idx="7043">
                  <c:v>33.576107452744409</c:v>
                </c:pt>
                <c:pt idx="7044">
                  <c:v>33.584535290991347</c:v>
                </c:pt>
                <c:pt idx="7045">
                  <c:v>33.603766126217302</c:v>
                </c:pt>
                <c:pt idx="7046">
                  <c:v>33.605160278253152</c:v>
                </c:pt>
                <c:pt idx="7047">
                  <c:v>33.620863173186194</c:v>
                </c:pt>
                <c:pt idx="7048">
                  <c:v>33.622021595171532</c:v>
                </c:pt>
                <c:pt idx="7049">
                  <c:v>33.612661938424417</c:v>
                </c:pt>
                <c:pt idx="7050">
                  <c:v>33.661887815568008</c:v>
                </c:pt>
                <c:pt idx="7051">
                  <c:v>33.651770555063891</c:v>
                </c:pt>
                <c:pt idx="7052">
                  <c:v>33.704807001063493</c:v>
                </c:pt>
                <c:pt idx="7053">
                  <c:v>33.746816838157102</c:v>
                </c:pt>
                <c:pt idx="7054">
                  <c:v>33.771739925942626</c:v>
                </c:pt>
                <c:pt idx="7055">
                  <c:v>33.823937136896006</c:v>
                </c:pt>
                <c:pt idx="7056">
                  <c:v>33.895137415271471</c:v>
                </c:pt>
                <c:pt idx="7057">
                  <c:v>33.991070860523386</c:v>
                </c:pt>
                <c:pt idx="7058">
                  <c:v>34.116695264759763</c:v>
                </c:pt>
                <c:pt idx="7059">
                  <c:v>34.22143434015517</c:v>
                </c:pt>
                <c:pt idx="7060">
                  <c:v>34.353159113536762</c:v>
                </c:pt>
                <c:pt idx="7061">
                  <c:v>34.442298263552644</c:v>
                </c:pt>
                <c:pt idx="7062">
                  <c:v>34.519279062850444</c:v>
                </c:pt>
                <c:pt idx="7063">
                  <c:v>34.555618491173412</c:v>
                </c:pt>
                <c:pt idx="7064">
                  <c:v>34.580568296379035</c:v>
                </c:pt>
                <c:pt idx="7065">
                  <c:v>34.600124208605294</c:v>
                </c:pt>
                <c:pt idx="7066">
                  <c:v>34.598166072492319</c:v>
                </c:pt>
                <c:pt idx="7067">
                  <c:v>34.629299267753936</c:v>
                </c:pt>
                <c:pt idx="7068">
                  <c:v>34.595726776475921</c:v>
                </c:pt>
                <c:pt idx="7069">
                  <c:v>34.520262999970178</c:v>
                </c:pt>
                <c:pt idx="7070">
                  <c:v>34.465650725103131</c:v>
                </c:pt>
                <c:pt idx="7071">
                  <c:v>34.324481093165033</c:v>
                </c:pt>
                <c:pt idx="7072">
                  <c:v>34.311622788088094</c:v>
                </c:pt>
                <c:pt idx="7073">
                  <c:v>34.207336313493208</c:v>
                </c:pt>
                <c:pt idx="7074">
                  <c:v>34.133946829058658</c:v>
                </c:pt>
                <c:pt idx="7075">
                  <c:v>34.079707208874815</c:v>
                </c:pt>
                <c:pt idx="7076">
                  <c:v>33.999329816169634</c:v>
                </c:pt>
                <c:pt idx="7077">
                  <c:v>33.982636877859534</c:v>
                </c:pt>
                <c:pt idx="7078">
                  <c:v>33.948452999083656</c:v>
                </c:pt>
                <c:pt idx="7079">
                  <c:v>33.932578910702858</c:v>
                </c:pt>
                <c:pt idx="7080">
                  <c:v>33.933193009522569</c:v>
                </c:pt>
                <c:pt idx="7081">
                  <c:v>33.955361275100742</c:v>
                </c:pt>
                <c:pt idx="7082">
                  <c:v>34.042503206514425</c:v>
                </c:pt>
                <c:pt idx="7083">
                  <c:v>34.101683056960056</c:v>
                </c:pt>
                <c:pt idx="7084">
                  <c:v>34.199208901781731</c:v>
                </c:pt>
                <c:pt idx="7085">
                  <c:v>34.347745214641009</c:v>
                </c:pt>
                <c:pt idx="7086">
                  <c:v>34.459495348813931</c:v>
                </c:pt>
                <c:pt idx="7087">
                  <c:v>34.558896706238087</c:v>
                </c:pt>
                <c:pt idx="7088">
                  <c:v>34.637645989579532</c:v>
                </c:pt>
                <c:pt idx="7089">
                  <c:v>34.682662556630717</c:v>
                </c:pt>
                <c:pt idx="7090">
                  <c:v>34.698476072402926</c:v>
                </c:pt>
                <c:pt idx="7091">
                  <c:v>34.696913798109421</c:v>
                </c:pt>
                <c:pt idx="7092">
                  <c:v>34.708109611438786</c:v>
                </c:pt>
                <c:pt idx="7093">
                  <c:v>34.721975769595943</c:v>
                </c:pt>
                <c:pt idx="7094">
                  <c:v>34.727228104628338</c:v>
                </c:pt>
                <c:pt idx="7095">
                  <c:v>34.777989126642481</c:v>
                </c:pt>
                <c:pt idx="7096">
                  <c:v>34.807588022867435</c:v>
                </c:pt>
                <c:pt idx="7097">
                  <c:v>34.812658826914216</c:v>
                </c:pt>
                <c:pt idx="7098">
                  <c:v>34.829524841128183</c:v>
                </c:pt>
                <c:pt idx="7099">
                  <c:v>34.833729805533835</c:v>
                </c:pt>
                <c:pt idx="7100">
                  <c:v>34.819992106598605</c:v>
                </c:pt>
                <c:pt idx="7101">
                  <c:v>34.796222508041147</c:v>
                </c:pt>
                <c:pt idx="7102">
                  <c:v>34.762724018902972</c:v>
                </c:pt>
                <c:pt idx="7103">
                  <c:v>34.719235036259022</c:v>
                </c:pt>
                <c:pt idx="7104">
                  <c:v>34.675970469180264</c:v>
                </c:pt>
                <c:pt idx="7105">
                  <c:v>34.629669903584499</c:v>
                </c:pt>
                <c:pt idx="7106">
                  <c:v>34.569026452578953</c:v>
                </c:pt>
                <c:pt idx="7107">
                  <c:v>34.54187029329421</c:v>
                </c:pt>
                <c:pt idx="7108">
                  <c:v>34.515362325419389</c:v>
                </c:pt>
                <c:pt idx="7109">
                  <c:v>34.481254095358942</c:v>
                </c:pt>
                <c:pt idx="7110">
                  <c:v>34.455461776307168</c:v>
                </c:pt>
                <c:pt idx="7111">
                  <c:v>34.428967674679697</c:v>
                </c:pt>
                <c:pt idx="7112">
                  <c:v>34.382906553013569</c:v>
                </c:pt>
                <c:pt idx="7113">
                  <c:v>34.358524729670322</c:v>
                </c:pt>
                <c:pt idx="7114">
                  <c:v>34.318331457875814</c:v>
                </c:pt>
                <c:pt idx="7115">
                  <c:v>34.280682057328178</c:v>
                </c:pt>
                <c:pt idx="7116">
                  <c:v>34.238508928905617</c:v>
                </c:pt>
                <c:pt idx="7117">
                  <c:v>34.199990016014404</c:v>
                </c:pt>
                <c:pt idx="7118">
                  <c:v>34.16152673438885</c:v>
                </c:pt>
                <c:pt idx="7119">
                  <c:v>34.130808250771629</c:v>
                </c:pt>
                <c:pt idx="7120">
                  <c:v>34.092491756012748</c:v>
                </c:pt>
                <c:pt idx="7121">
                  <c:v>34.083130300879155</c:v>
                </c:pt>
                <c:pt idx="7122">
                  <c:v>34.061531542786454</c:v>
                </c:pt>
                <c:pt idx="7123">
                  <c:v>34.034732149059018</c:v>
                </c:pt>
                <c:pt idx="7124">
                  <c:v>33.977779395482457</c:v>
                </c:pt>
                <c:pt idx="7125">
                  <c:v>33.934957695205028</c:v>
                </c:pt>
                <c:pt idx="7126">
                  <c:v>33.921244328837318</c:v>
                </c:pt>
                <c:pt idx="7127">
                  <c:v>33.921056727815682</c:v>
                </c:pt>
                <c:pt idx="7128">
                  <c:v>33.910704780060293</c:v>
                </c:pt>
                <c:pt idx="7129">
                  <c:v>33.88792092148347</c:v>
                </c:pt>
                <c:pt idx="7130">
                  <c:v>33.88364849627893</c:v>
                </c:pt>
                <c:pt idx="7131">
                  <c:v>33.860837696196967</c:v>
                </c:pt>
                <c:pt idx="7132">
                  <c:v>33.863393053675694</c:v>
                </c:pt>
                <c:pt idx="7133">
                  <c:v>33.849466150712175</c:v>
                </c:pt>
                <c:pt idx="7134">
                  <c:v>33.816636259333492</c:v>
                </c:pt>
                <c:pt idx="7135">
                  <c:v>33.822290483435964</c:v>
                </c:pt>
                <c:pt idx="7136">
                  <c:v>33.790999862417749</c:v>
                </c:pt>
                <c:pt idx="7137">
                  <c:v>33.792305356624574</c:v>
                </c:pt>
                <c:pt idx="7138">
                  <c:v>33.802873882895334</c:v>
                </c:pt>
                <c:pt idx="7139">
                  <c:v>33.813924728006313</c:v>
                </c:pt>
                <c:pt idx="7140">
                  <c:v>33.807947262564866</c:v>
                </c:pt>
                <c:pt idx="7141">
                  <c:v>33.809296804175624</c:v>
                </c:pt>
                <c:pt idx="7142">
                  <c:v>33.789998665165349</c:v>
                </c:pt>
                <c:pt idx="7143">
                  <c:v>33.756115390307485</c:v>
                </c:pt>
                <c:pt idx="7144">
                  <c:v>33.719367410020539</c:v>
                </c:pt>
                <c:pt idx="7145">
                  <c:v>33.686766725831916</c:v>
                </c:pt>
                <c:pt idx="7146">
                  <c:v>33.674147143033821</c:v>
                </c:pt>
                <c:pt idx="7147">
                  <c:v>33.647938278235301</c:v>
                </c:pt>
                <c:pt idx="7148">
                  <c:v>33.634351316090424</c:v>
                </c:pt>
                <c:pt idx="7149">
                  <c:v>33.588197309874246</c:v>
                </c:pt>
                <c:pt idx="7150">
                  <c:v>33.569806697507204</c:v>
                </c:pt>
                <c:pt idx="7151">
                  <c:v>33.550536139769008</c:v>
                </c:pt>
                <c:pt idx="7152">
                  <c:v>33.579142650725288</c:v>
                </c:pt>
                <c:pt idx="7153">
                  <c:v>33.605550269445132</c:v>
                </c:pt>
                <c:pt idx="7154">
                  <c:v>33.608908670680982</c:v>
                </c:pt>
                <c:pt idx="7155">
                  <c:v>33.607519521434156</c:v>
                </c:pt>
                <c:pt idx="7156">
                  <c:v>33.618879150249157</c:v>
                </c:pt>
                <c:pt idx="7157">
                  <c:v>33.629929021262249</c:v>
                </c:pt>
                <c:pt idx="7158">
                  <c:v>33.666861934884942</c:v>
                </c:pt>
                <c:pt idx="7159">
                  <c:v>33.682003459641379</c:v>
                </c:pt>
                <c:pt idx="7160">
                  <c:v>33.681009251676301</c:v>
                </c:pt>
                <c:pt idx="7161">
                  <c:v>33.686994802900116</c:v>
                </c:pt>
                <c:pt idx="7162">
                  <c:v>33.683160668650189</c:v>
                </c:pt>
                <c:pt idx="7163">
                  <c:v>33.676224996049157</c:v>
                </c:pt>
                <c:pt idx="7164">
                  <c:v>33.664998823355255</c:v>
                </c:pt>
                <c:pt idx="7165">
                  <c:v>33.647105965609128</c:v>
                </c:pt>
                <c:pt idx="7166">
                  <c:v>33.638933848129668</c:v>
                </c:pt>
                <c:pt idx="7167">
                  <c:v>33.622335230767533</c:v>
                </c:pt>
                <c:pt idx="7168">
                  <c:v>33.594045907095946</c:v>
                </c:pt>
                <c:pt idx="7169">
                  <c:v>33.522402766583554</c:v>
                </c:pt>
                <c:pt idx="7170">
                  <c:v>33.4766898063613</c:v>
                </c:pt>
                <c:pt idx="7171">
                  <c:v>33.444032953380479</c:v>
                </c:pt>
                <c:pt idx="7172">
                  <c:v>33.26788105857203</c:v>
                </c:pt>
                <c:pt idx="7173">
                  <c:v>33.278213461524587</c:v>
                </c:pt>
                <c:pt idx="7174">
                  <c:v>33.23282557846774</c:v>
                </c:pt>
                <c:pt idx="7175">
                  <c:v>33.200731680743367</c:v>
                </c:pt>
                <c:pt idx="7176">
                  <c:v>33.1731531475059</c:v>
                </c:pt>
                <c:pt idx="7177">
                  <c:v>33.127166105485131</c:v>
                </c:pt>
                <c:pt idx="7178">
                  <c:v>33.124119215652456</c:v>
                </c:pt>
                <c:pt idx="7179">
                  <c:v>33.141751323373036</c:v>
                </c:pt>
                <c:pt idx="7180">
                  <c:v>33.137894590446137</c:v>
                </c:pt>
                <c:pt idx="7181">
                  <c:v>33.153751100953926</c:v>
                </c:pt>
                <c:pt idx="7182">
                  <c:v>33.168139437923848</c:v>
                </c:pt>
                <c:pt idx="7183">
                  <c:v>33.169107620267887</c:v>
                </c:pt>
                <c:pt idx="7184">
                  <c:v>33.167429525452889</c:v>
                </c:pt>
                <c:pt idx="7185">
                  <c:v>33.163830768270465</c:v>
                </c:pt>
                <c:pt idx="7186">
                  <c:v>33.154397595065134</c:v>
                </c:pt>
                <c:pt idx="7187">
                  <c:v>33.159636568105633</c:v>
                </c:pt>
                <c:pt idx="7188">
                  <c:v>33.14135214345518</c:v>
                </c:pt>
                <c:pt idx="7189">
                  <c:v>33.109808761161119</c:v>
                </c:pt>
                <c:pt idx="7190">
                  <c:v>33.088264256459887</c:v>
                </c:pt>
                <c:pt idx="7191">
                  <c:v>33.046874041394247</c:v>
                </c:pt>
                <c:pt idx="7192">
                  <c:v>32.977462426026662</c:v>
                </c:pt>
                <c:pt idx="7193">
                  <c:v>32.895301354323969</c:v>
                </c:pt>
                <c:pt idx="7194">
                  <c:v>32.868822222837281</c:v>
                </c:pt>
                <c:pt idx="7195">
                  <c:v>32.841891498503422</c:v>
                </c:pt>
                <c:pt idx="7196">
                  <c:v>32.867027359924982</c:v>
                </c:pt>
                <c:pt idx="7197">
                  <c:v>32.850148657090955</c:v>
                </c:pt>
                <c:pt idx="7198">
                  <c:v>32.92479230555562</c:v>
                </c:pt>
                <c:pt idx="7199">
                  <c:v>33.033801749883956</c:v>
                </c:pt>
                <c:pt idx="7200">
                  <c:v>33.106843417735654</c:v>
                </c:pt>
                <c:pt idx="7201">
                  <c:v>33.208815727971363</c:v>
                </c:pt>
                <c:pt idx="7202">
                  <c:v>33.317205198641496</c:v>
                </c:pt>
                <c:pt idx="7203">
                  <c:v>33.37965563796822</c:v>
                </c:pt>
                <c:pt idx="7204">
                  <c:v>33.439919785413906</c:v>
                </c:pt>
                <c:pt idx="7205">
                  <c:v>33.480457172174745</c:v>
                </c:pt>
                <c:pt idx="7206">
                  <c:v>33.488055803282279</c:v>
                </c:pt>
                <c:pt idx="7207">
                  <c:v>33.494315553672962</c:v>
                </c:pt>
                <c:pt idx="7208">
                  <c:v>33.486028749581585</c:v>
                </c:pt>
                <c:pt idx="7209">
                  <c:v>33.491131199921071</c:v>
                </c:pt>
                <c:pt idx="7210">
                  <c:v>33.400718246589676</c:v>
                </c:pt>
                <c:pt idx="7211">
                  <c:v>33.478649278223379</c:v>
                </c:pt>
                <c:pt idx="7212">
                  <c:v>33.542590807399691</c:v>
                </c:pt>
                <c:pt idx="7213">
                  <c:v>33.566970931355129</c:v>
                </c:pt>
                <c:pt idx="7214">
                  <c:v>33.58069105137735</c:v>
                </c:pt>
                <c:pt idx="7215">
                  <c:v>33.607679635623086</c:v>
                </c:pt>
                <c:pt idx="7216">
                  <c:v>33.599049857298652</c:v>
                </c:pt>
                <c:pt idx="7217">
                  <c:v>33.584052398151442</c:v>
                </c:pt>
                <c:pt idx="7218">
                  <c:v>33.54403647123371</c:v>
                </c:pt>
                <c:pt idx="7219">
                  <c:v>33.489592824161356</c:v>
                </c:pt>
                <c:pt idx="7220">
                  <c:v>33.416511572911737</c:v>
                </c:pt>
                <c:pt idx="7221">
                  <c:v>33.323782893649252</c:v>
                </c:pt>
                <c:pt idx="7222">
                  <c:v>33.319114194946089</c:v>
                </c:pt>
                <c:pt idx="7223">
                  <c:v>33.330697778676182</c:v>
                </c:pt>
                <c:pt idx="7224">
                  <c:v>33.362642859471904</c:v>
                </c:pt>
                <c:pt idx="7225">
                  <c:v>33.348563570815926</c:v>
                </c:pt>
                <c:pt idx="7226">
                  <c:v>33.376589562825231</c:v>
                </c:pt>
                <c:pt idx="7227">
                  <c:v>33.431503782002295</c:v>
                </c:pt>
                <c:pt idx="7228">
                  <c:v>33.538484987207802</c:v>
                </c:pt>
                <c:pt idx="7229">
                  <c:v>33.634351751892567</c:v>
                </c:pt>
                <c:pt idx="7230">
                  <c:v>33.719575185484217</c:v>
                </c:pt>
                <c:pt idx="7231">
                  <c:v>33.78188734867345</c:v>
                </c:pt>
                <c:pt idx="7232">
                  <c:v>33.78138814465823</c:v>
                </c:pt>
                <c:pt idx="7233">
                  <c:v>33.823218178399898</c:v>
                </c:pt>
                <c:pt idx="7234">
                  <c:v>33.878875999587123</c:v>
                </c:pt>
                <c:pt idx="7235">
                  <c:v>33.89632526367501</c:v>
                </c:pt>
                <c:pt idx="7236">
                  <c:v>33.889612633417741</c:v>
                </c:pt>
                <c:pt idx="7237">
                  <c:v>33.876305305684163</c:v>
                </c:pt>
                <c:pt idx="7238">
                  <c:v>33.883189802848165</c:v>
                </c:pt>
                <c:pt idx="7239">
                  <c:v>33.886776326860222</c:v>
                </c:pt>
                <c:pt idx="7240">
                  <c:v>33.860491322592068</c:v>
                </c:pt>
                <c:pt idx="7241">
                  <c:v>33.895702187146696</c:v>
                </c:pt>
                <c:pt idx="7242">
                  <c:v>33.97075157597866</c:v>
                </c:pt>
                <c:pt idx="7243">
                  <c:v>34.031229036063792</c:v>
                </c:pt>
                <c:pt idx="7244">
                  <c:v>34.042275415438191</c:v>
                </c:pt>
                <c:pt idx="7245">
                  <c:v>34.066335279549932</c:v>
                </c:pt>
                <c:pt idx="7246">
                  <c:v>34.062624431132534</c:v>
                </c:pt>
                <c:pt idx="7247">
                  <c:v>34.082355993588706</c:v>
                </c:pt>
                <c:pt idx="7248">
                  <c:v>34.052336974589167</c:v>
                </c:pt>
                <c:pt idx="7249">
                  <c:v>34.066546563377202</c:v>
                </c:pt>
                <c:pt idx="7250">
                  <c:v>34.062645486175171</c:v>
                </c:pt>
                <c:pt idx="7251">
                  <c:v>34.042500815996277</c:v>
                </c:pt>
                <c:pt idx="7252">
                  <c:v>34.023185155352621</c:v>
                </c:pt>
                <c:pt idx="7253">
                  <c:v>34.027942038789</c:v>
                </c:pt>
                <c:pt idx="7254">
                  <c:v>34.035049354418433</c:v>
                </c:pt>
                <c:pt idx="7255">
                  <c:v>34.067939634290958</c:v>
                </c:pt>
                <c:pt idx="7256">
                  <c:v>34.074693629432062</c:v>
                </c:pt>
                <c:pt idx="7257">
                  <c:v>33.952477488660477</c:v>
                </c:pt>
                <c:pt idx="7258">
                  <c:v>34.091270778040908</c:v>
                </c:pt>
                <c:pt idx="7259">
                  <c:v>34.137428642022343</c:v>
                </c:pt>
                <c:pt idx="7260">
                  <c:v>34.144347836485281</c:v>
                </c:pt>
                <c:pt idx="7261">
                  <c:v>34.165300443833452</c:v>
                </c:pt>
                <c:pt idx="7262">
                  <c:v>34.17344771734065</c:v>
                </c:pt>
                <c:pt idx="7263">
                  <c:v>34.209460242045225</c:v>
                </c:pt>
                <c:pt idx="7264">
                  <c:v>34.222239696029163</c:v>
                </c:pt>
                <c:pt idx="7265">
                  <c:v>34.241133938425449</c:v>
                </c:pt>
                <c:pt idx="7266">
                  <c:v>34.274196769716809</c:v>
                </c:pt>
                <c:pt idx="7267">
                  <c:v>34.288973728683843</c:v>
                </c:pt>
                <c:pt idx="7268">
                  <c:v>34.314831430188242</c:v>
                </c:pt>
                <c:pt idx="7269">
                  <c:v>34.328463611405311</c:v>
                </c:pt>
                <c:pt idx="7270">
                  <c:v>34.337479152067885</c:v>
                </c:pt>
                <c:pt idx="7271">
                  <c:v>34.334275230238546</c:v>
                </c:pt>
                <c:pt idx="7272">
                  <c:v>34.297689131048458</c:v>
                </c:pt>
                <c:pt idx="7273">
                  <c:v>34.276011563410975</c:v>
                </c:pt>
                <c:pt idx="7274">
                  <c:v>34.227346599581857</c:v>
                </c:pt>
                <c:pt idx="7275">
                  <c:v>34.186298000909964</c:v>
                </c:pt>
                <c:pt idx="7276">
                  <c:v>34.110472692907102</c:v>
                </c:pt>
                <c:pt idx="7277">
                  <c:v>34.050226501408801</c:v>
                </c:pt>
                <c:pt idx="7278">
                  <c:v>33.974283178245152</c:v>
                </c:pt>
                <c:pt idx="7279">
                  <c:v>33.968052834103318</c:v>
                </c:pt>
                <c:pt idx="7280">
                  <c:v>33.888026340604497</c:v>
                </c:pt>
                <c:pt idx="7281">
                  <c:v>33.813482510431143</c:v>
                </c:pt>
                <c:pt idx="7282">
                  <c:v>33.783545513739078</c:v>
                </c:pt>
                <c:pt idx="7283">
                  <c:v>33.755920315745598</c:v>
                </c:pt>
                <c:pt idx="7284">
                  <c:v>33.762610518111657</c:v>
                </c:pt>
                <c:pt idx="7285">
                  <c:v>33.725025783190247</c:v>
                </c:pt>
                <c:pt idx="7286">
                  <c:v>33.703586611314833</c:v>
                </c:pt>
                <c:pt idx="7287">
                  <c:v>33.67902385502228</c:v>
                </c:pt>
                <c:pt idx="7288">
                  <c:v>33.637644463750888</c:v>
                </c:pt>
                <c:pt idx="7289">
                  <c:v>33.65892429979435</c:v>
                </c:pt>
                <c:pt idx="7290">
                  <c:v>33.654599387227208</c:v>
                </c:pt>
                <c:pt idx="7291">
                  <c:v>33.665569331507221</c:v>
                </c:pt>
                <c:pt idx="7292">
                  <c:v>33.641149216744232</c:v>
                </c:pt>
                <c:pt idx="7293">
                  <c:v>33.639585106915007</c:v>
                </c:pt>
                <c:pt idx="7294">
                  <c:v>33.659158872832073</c:v>
                </c:pt>
                <c:pt idx="7295">
                  <c:v>33.70772181983267</c:v>
                </c:pt>
                <c:pt idx="7296">
                  <c:v>33.723743436558543</c:v>
                </c:pt>
                <c:pt idx="7297">
                  <c:v>33.744498133967681</c:v>
                </c:pt>
                <c:pt idx="7298">
                  <c:v>33.762881236107773</c:v>
                </c:pt>
                <c:pt idx="7299">
                  <c:v>33.762295497293977</c:v>
                </c:pt>
                <c:pt idx="7300">
                  <c:v>33.776810720968285</c:v>
                </c:pt>
                <c:pt idx="7301">
                  <c:v>33.787436523582016</c:v>
                </c:pt>
                <c:pt idx="7302">
                  <c:v>33.841369451050213</c:v>
                </c:pt>
                <c:pt idx="7303">
                  <c:v>33.913282472725747</c:v>
                </c:pt>
                <c:pt idx="7304">
                  <c:v>33.948440507594768</c:v>
                </c:pt>
                <c:pt idx="7305">
                  <c:v>33.998462545655791</c:v>
                </c:pt>
                <c:pt idx="7306">
                  <c:v>34.024575701228549</c:v>
                </c:pt>
                <c:pt idx="7307">
                  <c:v>34.027085964557592</c:v>
                </c:pt>
                <c:pt idx="7308">
                  <c:v>34.034694073652226</c:v>
                </c:pt>
                <c:pt idx="7309">
                  <c:v>34.03968553602877</c:v>
                </c:pt>
                <c:pt idx="7310">
                  <c:v>34.023504191627808</c:v>
                </c:pt>
                <c:pt idx="7311">
                  <c:v>34.03446308931666</c:v>
                </c:pt>
                <c:pt idx="7312">
                  <c:v>34.012100789677604</c:v>
                </c:pt>
                <c:pt idx="7313">
                  <c:v>34.015456326737223</c:v>
                </c:pt>
                <c:pt idx="7314">
                  <c:v>34.024949136841997</c:v>
                </c:pt>
                <c:pt idx="7315">
                  <c:v>33.996589983575035</c:v>
                </c:pt>
                <c:pt idx="7316">
                  <c:v>33.997609748991195</c:v>
                </c:pt>
                <c:pt idx="7317">
                  <c:v>34.005645026150759</c:v>
                </c:pt>
                <c:pt idx="7318">
                  <c:v>34.005233371583685</c:v>
                </c:pt>
                <c:pt idx="7319">
                  <c:v>34.014891333984423</c:v>
                </c:pt>
                <c:pt idx="7320">
                  <c:v>34.013237319309454</c:v>
                </c:pt>
                <c:pt idx="7321">
                  <c:v>34.010015000628215</c:v>
                </c:pt>
                <c:pt idx="7322">
                  <c:v>34.028877156398053</c:v>
                </c:pt>
                <c:pt idx="7323">
                  <c:v>34.016051104014707</c:v>
                </c:pt>
                <c:pt idx="7324">
                  <c:v>34.000345454756015</c:v>
                </c:pt>
                <c:pt idx="7325">
                  <c:v>33.998295397198078</c:v>
                </c:pt>
                <c:pt idx="7326">
                  <c:v>33.98242849235514</c:v>
                </c:pt>
                <c:pt idx="7327">
                  <c:v>33.968971523448865</c:v>
                </c:pt>
                <c:pt idx="7328">
                  <c:v>33.964993062689203</c:v>
                </c:pt>
                <c:pt idx="7329">
                  <c:v>33.935624719100971</c:v>
                </c:pt>
                <c:pt idx="7330">
                  <c:v>33.96079414439717</c:v>
                </c:pt>
                <c:pt idx="7331">
                  <c:v>33.947855607366094</c:v>
                </c:pt>
                <c:pt idx="7332">
                  <c:v>33.927119093401316</c:v>
                </c:pt>
                <c:pt idx="7333">
                  <c:v>33.894006759542975</c:v>
                </c:pt>
                <c:pt idx="7334">
                  <c:v>33.8749247235301</c:v>
                </c:pt>
                <c:pt idx="7335">
                  <c:v>33.843239077861554</c:v>
                </c:pt>
                <c:pt idx="7336">
                  <c:v>33.82572943845075</c:v>
                </c:pt>
                <c:pt idx="7337">
                  <c:v>33.797323489971525</c:v>
                </c:pt>
                <c:pt idx="7338">
                  <c:v>33.798657425651768</c:v>
                </c:pt>
                <c:pt idx="7339">
                  <c:v>33.777331062800485</c:v>
                </c:pt>
                <c:pt idx="7340">
                  <c:v>33.781663171700892</c:v>
                </c:pt>
                <c:pt idx="7341">
                  <c:v>33.772787232683854</c:v>
                </c:pt>
                <c:pt idx="7342">
                  <c:v>33.747668883965439</c:v>
                </c:pt>
                <c:pt idx="7343">
                  <c:v>33.706867790265747</c:v>
                </c:pt>
                <c:pt idx="7344">
                  <c:v>33.689204358002712</c:v>
                </c:pt>
                <c:pt idx="7345">
                  <c:v>33.666326815941261</c:v>
                </c:pt>
                <c:pt idx="7346">
                  <c:v>33.691348183159874</c:v>
                </c:pt>
                <c:pt idx="7347">
                  <c:v>33.728633000696576</c:v>
                </c:pt>
                <c:pt idx="7348">
                  <c:v>33.745613677361305</c:v>
                </c:pt>
                <c:pt idx="7349">
                  <c:v>33.784355243775025</c:v>
                </c:pt>
                <c:pt idx="7350">
                  <c:v>33.801355484114325</c:v>
                </c:pt>
                <c:pt idx="7351">
                  <c:v>33.8183075327116</c:v>
                </c:pt>
                <c:pt idx="7352">
                  <c:v>33.813607393222881</c:v>
                </c:pt>
                <c:pt idx="7353">
                  <c:v>33.83063139293553</c:v>
                </c:pt>
                <c:pt idx="7354">
                  <c:v>33.833507717040504</c:v>
                </c:pt>
                <c:pt idx="7355">
                  <c:v>33.810104429076418</c:v>
                </c:pt>
                <c:pt idx="7356">
                  <c:v>33.812342705502374</c:v>
                </c:pt>
                <c:pt idx="7357">
                  <c:v>33.821756533880446</c:v>
                </c:pt>
                <c:pt idx="7358">
                  <c:v>33.852610675014319</c:v>
                </c:pt>
                <c:pt idx="7359">
                  <c:v>33.932544009191126</c:v>
                </c:pt>
                <c:pt idx="7360">
                  <c:v>33.98487966508236</c:v>
                </c:pt>
                <c:pt idx="7361">
                  <c:v>34.051272611952569</c:v>
                </c:pt>
                <c:pt idx="7362">
                  <c:v>34.098046447171441</c:v>
                </c:pt>
                <c:pt idx="7363">
                  <c:v>34.146886326024195</c:v>
                </c:pt>
                <c:pt idx="7364">
                  <c:v>34.204058509646103</c:v>
                </c:pt>
                <c:pt idx="7365">
                  <c:v>34.265069704144267</c:v>
                </c:pt>
                <c:pt idx="7366">
                  <c:v>34.316318178079335</c:v>
                </c:pt>
                <c:pt idx="7367">
                  <c:v>34.359171699317997</c:v>
                </c:pt>
                <c:pt idx="7368">
                  <c:v>34.387453174422845</c:v>
                </c:pt>
                <c:pt idx="7369">
                  <c:v>34.409589776356874</c:v>
                </c:pt>
                <c:pt idx="7370">
                  <c:v>34.426246341411954</c:v>
                </c:pt>
                <c:pt idx="7371">
                  <c:v>34.427174393256507</c:v>
                </c:pt>
                <c:pt idx="7372">
                  <c:v>34.426553040257076</c:v>
                </c:pt>
                <c:pt idx="7373">
                  <c:v>34.417850758477528</c:v>
                </c:pt>
                <c:pt idx="7374">
                  <c:v>34.392554995837429</c:v>
                </c:pt>
                <c:pt idx="7375">
                  <c:v>34.35916248792784</c:v>
                </c:pt>
                <c:pt idx="7376">
                  <c:v>34.290022236729079</c:v>
                </c:pt>
                <c:pt idx="7377">
                  <c:v>34.186550037127645</c:v>
                </c:pt>
                <c:pt idx="7378">
                  <c:v>34.025180301351483</c:v>
                </c:pt>
                <c:pt idx="7379">
                  <c:v>33.776470622723998</c:v>
                </c:pt>
                <c:pt idx="7380">
                  <c:v>33.611945354021856</c:v>
                </c:pt>
                <c:pt idx="7381">
                  <c:v>33.371736474031287</c:v>
                </c:pt>
                <c:pt idx="7382">
                  <c:v>33.105633583772565</c:v>
                </c:pt>
                <c:pt idx="7383">
                  <c:v>32.736333851446631</c:v>
                </c:pt>
                <c:pt idx="7384">
                  <c:v>32.461048406605308</c:v>
                </c:pt>
                <c:pt idx="7385">
                  <c:v>32.191220601872509</c:v>
                </c:pt>
                <c:pt idx="7386">
                  <c:v>32.058934477461818</c:v>
                </c:pt>
                <c:pt idx="7387">
                  <c:v>31.924028884195344</c:v>
                </c:pt>
                <c:pt idx="7388">
                  <c:v>31.897818897539054</c:v>
                </c:pt>
                <c:pt idx="7389">
                  <c:v>31.903935607615338</c:v>
                </c:pt>
                <c:pt idx="7390">
                  <c:v>32.055847268674455</c:v>
                </c:pt>
                <c:pt idx="7391">
                  <c:v>32.36075275699833</c:v>
                </c:pt>
                <c:pt idx="7392">
                  <c:v>32.643564070260837</c:v>
                </c:pt>
                <c:pt idx="7393">
                  <c:v>32.586913829466468</c:v>
                </c:pt>
                <c:pt idx="7394">
                  <c:v>32.752295089690527</c:v>
                </c:pt>
                <c:pt idx="7395">
                  <c:v>32.972080541745058</c:v>
                </c:pt>
                <c:pt idx="7396">
                  <c:v>33.193107150348851</c:v>
                </c:pt>
                <c:pt idx="7397">
                  <c:v>33.467250736446744</c:v>
                </c:pt>
                <c:pt idx="7398">
                  <c:v>33.657002385793724</c:v>
                </c:pt>
                <c:pt idx="7399">
                  <c:v>33.734879368246879</c:v>
                </c:pt>
                <c:pt idx="7400">
                  <c:v>33.782818369898649</c:v>
                </c:pt>
                <c:pt idx="7401">
                  <c:v>33.780427878708252</c:v>
                </c:pt>
                <c:pt idx="7402">
                  <c:v>33.706479889340976</c:v>
                </c:pt>
                <c:pt idx="7403">
                  <c:v>33.687353593884069</c:v>
                </c:pt>
                <c:pt idx="7404">
                  <c:v>33.666665598098838</c:v>
                </c:pt>
                <c:pt idx="7405">
                  <c:v>33.667854305130717</c:v>
                </c:pt>
                <c:pt idx="7406">
                  <c:v>33.652261210571332</c:v>
                </c:pt>
                <c:pt idx="7407">
                  <c:v>33.653176935075479</c:v>
                </c:pt>
                <c:pt idx="7408">
                  <c:v>33.670796042422957</c:v>
                </c:pt>
                <c:pt idx="7409">
                  <c:v>33.742468576619366</c:v>
                </c:pt>
                <c:pt idx="7410">
                  <c:v>33.912466687254422</c:v>
                </c:pt>
                <c:pt idx="7411">
                  <c:v>33.955521155155182</c:v>
                </c:pt>
                <c:pt idx="7412">
                  <c:v>34.008141452745136</c:v>
                </c:pt>
                <c:pt idx="7413">
                  <c:v>34.032242780095743</c:v>
                </c:pt>
                <c:pt idx="7414">
                  <c:v>34.070827350766038</c:v>
                </c:pt>
                <c:pt idx="7415">
                  <c:v>34.13559185166708</c:v>
                </c:pt>
                <c:pt idx="7416">
                  <c:v>34.216231066214455</c:v>
                </c:pt>
                <c:pt idx="7417">
                  <c:v>34.318916297909915</c:v>
                </c:pt>
                <c:pt idx="7418">
                  <c:v>34.46982397049554</c:v>
                </c:pt>
                <c:pt idx="7419">
                  <c:v>34.590570824911239</c:v>
                </c:pt>
                <c:pt idx="7420">
                  <c:v>34.688854387206831</c:v>
                </c:pt>
                <c:pt idx="7421">
                  <c:v>34.809674619754801</c:v>
                </c:pt>
                <c:pt idx="7422">
                  <c:v>34.896852491528058</c:v>
                </c:pt>
                <c:pt idx="7423">
                  <c:v>34.973638043365639</c:v>
                </c:pt>
                <c:pt idx="7424">
                  <c:v>35.055792591476745</c:v>
                </c:pt>
                <c:pt idx="7425">
                  <c:v>35.129628801366209</c:v>
                </c:pt>
                <c:pt idx="7426">
                  <c:v>35.205857506586995</c:v>
                </c:pt>
                <c:pt idx="7427">
                  <c:v>35.292267307930494</c:v>
                </c:pt>
                <c:pt idx="7428">
                  <c:v>35.357416489887378</c:v>
                </c:pt>
                <c:pt idx="7429">
                  <c:v>35.415767026845906</c:v>
                </c:pt>
                <c:pt idx="7430">
                  <c:v>35.467763335519393</c:v>
                </c:pt>
                <c:pt idx="7431">
                  <c:v>35.530527917330552</c:v>
                </c:pt>
                <c:pt idx="7432">
                  <c:v>35.573415924285243</c:v>
                </c:pt>
                <c:pt idx="7433">
                  <c:v>35.613039725675208</c:v>
                </c:pt>
                <c:pt idx="7434">
                  <c:v>35.661471417003838</c:v>
                </c:pt>
                <c:pt idx="7435">
                  <c:v>35.697371693473997</c:v>
                </c:pt>
                <c:pt idx="7436">
                  <c:v>35.729319295788017</c:v>
                </c:pt>
                <c:pt idx="7437">
                  <c:v>35.741500257827155</c:v>
                </c:pt>
                <c:pt idx="7438">
                  <c:v>35.767547237176458</c:v>
                </c:pt>
                <c:pt idx="7439">
                  <c:v>35.754563704242756</c:v>
                </c:pt>
                <c:pt idx="7440">
                  <c:v>35.777075964207405</c:v>
                </c:pt>
                <c:pt idx="7441">
                  <c:v>35.794543722714963</c:v>
                </c:pt>
                <c:pt idx="7442">
                  <c:v>35.818554650528284</c:v>
                </c:pt>
                <c:pt idx="7443">
                  <c:v>35.812189752578789</c:v>
                </c:pt>
                <c:pt idx="7444">
                  <c:v>35.767964384372313</c:v>
                </c:pt>
                <c:pt idx="7445">
                  <c:v>35.777923140953476</c:v>
                </c:pt>
                <c:pt idx="7446">
                  <c:v>35.816085376698055</c:v>
                </c:pt>
                <c:pt idx="7447">
                  <c:v>35.803999361096977</c:v>
                </c:pt>
                <c:pt idx="7448">
                  <c:v>35.81295922049209</c:v>
                </c:pt>
              </c:numCache>
            </c:numRef>
          </c:xVal>
          <c:yVal>
            <c:numRef>
              <c:f>'CPT Data'!$B$12:$B$7462</c:f>
              <c:numCache>
                <c:formatCode>General</c:formatCode>
                <c:ptCount val="7451"/>
                <c:pt idx="0">
                  <c:v>0</c:v>
                </c:pt>
                <c:pt idx="1">
                  <c:v>7.0000000000000001E-3</c:v>
                </c:pt>
                <c:pt idx="2">
                  <c:v>1.4999999999999999E-2</c:v>
                </c:pt>
                <c:pt idx="3">
                  <c:v>2.1999999999999999E-2</c:v>
                </c:pt>
                <c:pt idx="4">
                  <c:v>0.03</c:v>
                </c:pt>
                <c:pt idx="5">
                  <c:v>3.6999999999999998E-2</c:v>
                </c:pt>
                <c:pt idx="6">
                  <c:v>4.4999999999999998E-2</c:v>
                </c:pt>
                <c:pt idx="7">
                  <c:v>5.1999999999999998E-2</c:v>
                </c:pt>
                <c:pt idx="8">
                  <c:v>5.8999999999999997E-2</c:v>
                </c:pt>
                <c:pt idx="9">
                  <c:v>6.6000000000000003E-2</c:v>
                </c:pt>
                <c:pt idx="10">
                  <c:v>7.3999999999999996E-2</c:v>
                </c:pt>
                <c:pt idx="11">
                  <c:v>8.1000000000000003E-2</c:v>
                </c:pt>
                <c:pt idx="12">
                  <c:v>8.8999999999999996E-2</c:v>
                </c:pt>
                <c:pt idx="13">
                  <c:v>9.6000000000000002E-2</c:v>
                </c:pt>
                <c:pt idx="14">
                  <c:v>0.104</c:v>
                </c:pt>
                <c:pt idx="15">
                  <c:v>0.111</c:v>
                </c:pt>
                <c:pt idx="16">
                  <c:v>0.11799999999999999</c:v>
                </c:pt>
                <c:pt idx="17">
                  <c:v>0.126</c:v>
                </c:pt>
                <c:pt idx="18">
                  <c:v>0.13400000000000001</c:v>
                </c:pt>
                <c:pt idx="19">
                  <c:v>0.14099999999999999</c:v>
                </c:pt>
                <c:pt idx="20">
                  <c:v>0.14899999999999999</c:v>
                </c:pt>
                <c:pt idx="21">
                  <c:v>0.156</c:v>
                </c:pt>
                <c:pt idx="22">
                  <c:v>0.16400000000000001</c:v>
                </c:pt>
                <c:pt idx="23">
                  <c:v>0.17199999999999999</c:v>
                </c:pt>
                <c:pt idx="24">
                  <c:v>0.17899999999999999</c:v>
                </c:pt>
                <c:pt idx="25">
                  <c:v>0.186</c:v>
                </c:pt>
                <c:pt idx="26">
                  <c:v>0.19500000000000001</c:v>
                </c:pt>
                <c:pt idx="27">
                  <c:v>0.20200000000000001</c:v>
                </c:pt>
                <c:pt idx="28">
                  <c:v>0.20899999999999999</c:v>
                </c:pt>
                <c:pt idx="29">
                  <c:v>0.217</c:v>
                </c:pt>
                <c:pt idx="30">
                  <c:v>0.224</c:v>
                </c:pt>
                <c:pt idx="31">
                  <c:v>0.23100000000000001</c:v>
                </c:pt>
                <c:pt idx="32">
                  <c:v>0.23899999999999999</c:v>
                </c:pt>
                <c:pt idx="33">
                  <c:v>0.246</c:v>
                </c:pt>
                <c:pt idx="34">
                  <c:v>0.254</c:v>
                </c:pt>
                <c:pt idx="35">
                  <c:v>0.26100000000000001</c:v>
                </c:pt>
                <c:pt idx="36">
                  <c:v>0.26900000000000002</c:v>
                </c:pt>
                <c:pt idx="37">
                  <c:v>0.27600000000000002</c:v>
                </c:pt>
                <c:pt idx="38">
                  <c:v>0.28399999999999997</c:v>
                </c:pt>
                <c:pt idx="39">
                  <c:v>0.29099999999999998</c:v>
                </c:pt>
                <c:pt idx="40">
                  <c:v>0.29899999999999999</c:v>
                </c:pt>
                <c:pt idx="41">
                  <c:v>0.30599999999999999</c:v>
                </c:pt>
                <c:pt idx="42">
                  <c:v>0.314</c:v>
                </c:pt>
                <c:pt idx="43">
                  <c:v>0.32100000000000001</c:v>
                </c:pt>
                <c:pt idx="44">
                  <c:v>0.32900000000000001</c:v>
                </c:pt>
                <c:pt idx="45">
                  <c:v>0.33600000000000002</c:v>
                </c:pt>
                <c:pt idx="46">
                  <c:v>0.34300000000000003</c:v>
                </c:pt>
                <c:pt idx="47">
                  <c:v>0.35099999999999998</c:v>
                </c:pt>
                <c:pt idx="48">
                  <c:v>0.35799999999999998</c:v>
                </c:pt>
                <c:pt idx="49">
                  <c:v>0.36599999999999999</c:v>
                </c:pt>
                <c:pt idx="50">
                  <c:v>0.374</c:v>
                </c:pt>
                <c:pt idx="51">
                  <c:v>0.38100000000000001</c:v>
                </c:pt>
                <c:pt idx="52">
                  <c:v>0.38900000000000001</c:v>
                </c:pt>
                <c:pt idx="53">
                  <c:v>0.39500000000000002</c:v>
                </c:pt>
                <c:pt idx="54">
                  <c:v>0.40300000000000002</c:v>
                </c:pt>
                <c:pt idx="55">
                  <c:v>0.41</c:v>
                </c:pt>
                <c:pt idx="56">
                  <c:v>0.41799999999999998</c:v>
                </c:pt>
                <c:pt idx="57">
                  <c:v>0.42499999999999999</c:v>
                </c:pt>
                <c:pt idx="58">
                  <c:v>0.434</c:v>
                </c:pt>
                <c:pt idx="59">
                  <c:v>0.44</c:v>
                </c:pt>
                <c:pt idx="60">
                  <c:v>0.44800000000000001</c:v>
                </c:pt>
                <c:pt idx="61">
                  <c:v>0.45700000000000002</c:v>
                </c:pt>
                <c:pt idx="62">
                  <c:v>0.46300000000000002</c:v>
                </c:pt>
                <c:pt idx="63">
                  <c:v>0.47199999999999998</c:v>
                </c:pt>
                <c:pt idx="64">
                  <c:v>0.47899999999999998</c:v>
                </c:pt>
                <c:pt idx="65">
                  <c:v>0.48699999999999999</c:v>
                </c:pt>
                <c:pt idx="66">
                  <c:v>0.49399999999999999</c:v>
                </c:pt>
                <c:pt idx="67">
                  <c:v>0.502</c:v>
                </c:pt>
                <c:pt idx="68">
                  <c:v>0.50900000000000001</c:v>
                </c:pt>
                <c:pt idx="69">
                  <c:v>0.51600000000000001</c:v>
                </c:pt>
                <c:pt idx="70">
                  <c:v>0.52400000000000002</c:v>
                </c:pt>
                <c:pt idx="71">
                  <c:v>0.53200000000000003</c:v>
                </c:pt>
                <c:pt idx="72">
                  <c:v>0.53900000000000003</c:v>
                </c:pt>
                <c:pt idx="73">
                  <c:v>0.54600000000000004</c:v>
                </c:pt>
                <c:pt idx="74">
                  <c:v>0.55400000000000005</c:v>
                </c:pt>
                <c:pt idx="75">
                  <c:v>0.56100000000000005</c:v>
                </c:pt>
                <c:pt idx="76">
                  <c:v>0.56799999999999995</c:v>
                </c:pt>
                <c:pt idx="77">
                  <c:v>0.57599999999999996</c:v>
                </c:pt>
                <c:pt idx="78">
                  <c:v>0.58299999999999996</c:v>
                </c:pt>
                <c:pt idx="79">
                  <c:v>0.59099999999999997</c:v>
                </c:pt>
                <c:pt idx="80">
                  <c:v>0.59799999999999998</c:v>
                </c:pt>
                <c:pt idx="81">
                  <c:v>0.60699999999999998</c:v>
                </c:pt>
                <c:pt idx="82">
                  <c:v>0.61399999999999999</c:v>
                </c:pt>
                <c:pt idx="83">
                  <c:v>0.621</c:v>
                </c:pt>
                <c:pt idx="84">
                  <c:v>0.629</c:v>
                </c:pt>
                <c:pt idx="85">
                  <c:v>0.63700000000000001</c:v>
                </c:pt>
                <c:pt idx="86">
                  <c:v>0.64400000000000002</c:v>
                </c:pt>
                <c:pt idx="87">
                  <c:v>0.65200000000000002</c:v>
                </c:pt>
                <c:pt idx="88">
                  <c:v>0.65900000000000003</c:v>
                </c:pt>
                <c:pt idx="89">
                  <c:v>0.66700000000000004</c:v>
                </c:pt>
                <c:pt idx="90">
                  <c:v>0.67400000000000004</c:v>
                </c:pt>
                <c:pt idx="91">
                  <c:v>0.68200000000000005</c:v>
                </c:pt>
                <c:pt idx="92">
                  <c:v>0.68899999999999995</c:v>
                </c:pt>
                <c:pt idx="93">
                  <c:v>0.69699999999999995</c:v>
                </c:pt>
                <c:pt idx="94">
                  <c:v>0.70399999999999996</c:v>
                </c:pt>
                <c:pt idx="95">
                  <c:v>0.71199999999999997</c:v>
                </c:pt>
                <c:pt idx="96">
                  <c:v>0.72</c:v>
                </c:pt>
                <c:pt idx="97">
                  <c:v>0.72599999999999998</c:v>
                </c:pt>
                <c:pt idx="98">
                  <c:v>0.73399999999999999</c:v>
                </c:pt>
                <c:pt idx="99">
                  <c:v>0.78100000000000003</c:v>
                </c:pt>
                <c:pt idx="100">
                  <c:v>0.78800000000000003</c:v>
                </c:pt>
                <c:pt idx="101">
                  <c:v>0.79600000000000004</c:v>
                </c:pt>
                <c:pt idx="102">
                  <c:v>0.80300000000000005</c:v>
                </c:pt>
                <c:pt idx="103">
                  <c:v>0.81100000000000005</c:v>
                </c:pt>
                <c:pt idx="104">
                  <c:v>0.81799999999999995</c:v>
                </c:pt>
                <c:pt idx="105">
                  <c:v>0.82499999999999996</c:v>
                </c:pt>
                <c:pt idx="106">
                  <c:v>0.83299999999999996</c:v>
                </c:pt>
                <c:pt idx="107">
                  <c:v>0.84099999999999997</c:v>
                </c:pt>
                <c:pt idx="108">
                  <c:v>0.84899999999999998</c:v>
                </c:pt>
                <c:pt idx="109">
                  <c:v>0.85599999999999998</c:v>
                </c:pt>
                <c:pt idx="110">
                  <c:v>0.86399999999999999</c:v>
                </c:pt>
                <c:pt idx="111">
                  <c:v>0.871</c:v>
                </c:pt>
                <c:pt idx="112">
                  <c:v>0.879</c:v>
                </c:pt>
                <c:pt idx="113">
                  <c:v>0.88600000000000001</c:v>
                </c:pt>
                <c:pt idx="114">
                  <c:v>0.89400000000000002</c:v>
                </c:pt>
                <c:pt idx="115">
                  <c:v>0.90100000000000002</c:v>
                </c:pt>
                <c:pt idx="116">
                  <c:v>0.90900000000000003</c:v>
                </c:pt>
                <c:pt idx="117">
                  <c:v>0.91600000000000004</c:v>
                </c:pt>
                <c:pt idx="118">
                  <c:v>0.92400000000000004</c:v>
                </c:pt>
                <c:pt idx="119">
                  <c:v>0.93100000000000005</c:v>
                </c:pt>
                <c:pt idx="120">
                  <c:v>0.93899999999999995</c:v>
                </c:pt>
                <c:pt idx="121">
                  <c:v>0.93899999999999995</c:v>
                </c:pt>
                <c:pt idx="122">
                  <c:v>0.93899999999999995</c:v>
                </c:pt>
                <c:pt idx="123">
                  <c:v>0.97</c:v>
                </c:pt>
                <c:pt idx="124">
                  <c:v>0.97699999999999998</c:v>
                </c:pt>
                <c:pt idx="125">
                  <c:v>0.98499999999999999</c:v>
                </c:pt>
                <c:pt idx="126">
                  <c:v>0.99299999999999999</c:v>
                </c:pt>
                <c:pt idx="127">
                  <c:v>1.0009999999999999</c:v>
                </c:pt>
                <c:pt idx="128">
                  <c:v>1.008</c:v>
                </c:pt>
                <c:pt idx="129">
                  <c:v>1.016</c:v>
                </c:pt>
                <c:pt idx="130">
                  <c:v>1.0229999999999999</c:v>
                </c:pt>
                <c:pt idx="131">
                  <c:v>1.0309999999999999</c:v>
                </c:pt>
                <c:pt idx="132">
                  <c:v>1.038</c:v>
                </c:pt>
                <c:pt idx="133">
                  <c:v>1.046</c:v>
                </c:pt>
                <c:pt idx="134">
                  <c:v>1.054</c:v>
                </c:pt>
                <c:pt idx="135">
                  <c:v>1.0609999999999999</c:v>
                </c:pt>
                <c:pt idx="136">
                  <c:v>1.0680000000000001</c:v>
                </c:pt>
                <c:pt idx="137">
                  <c:v>1.075</c:v>
                </c:pt>
                <c:pt idx="138">
                  <c:v>1.083</c:v>
                </c:pt>
                <c:pt idx="139">
                  <c:v>1.091</c:v>
                </c:pt>
                <c:pt idx="140">
                  <c:v>1.099</c:v>
                </c:pt>
                <c:pt idx="141">
                  <c:v>1.1060000000000001</c:v>
                </c:pt>
                <c:pt idx="142">
                  <c:v>1.1140000000000001</c:v>
                </c:pt>
                <c:pt idx="143">
                  <c:v>1.121</c:v>
                </c:pt>
                <c:pt idx="144">
                  <c:v>1.129</c:v>
                </c:pt>
                <c:pt idx="145">
                  <c:v>1.1359999999999999</c:v>
                </c:pt>
                <c:pt idx="146">
                  <c:v>1.1439999999999999</c:v>
                </c:pt>
                <c:pt idx="147">
                  <c:v>1.151</c:v>
                </c:pt>
                <c:pt idx="148">
                  <c:v>1.1599999999999999</c:v>
                </c:pt>
                <c:pt idx="149">
                  <c:v>1.167</c:v>
                </c:pt>
                <c:pt idx="150">
                  <c:v>1.2090000000000001</c:v>
                </c:pt>
                <c:pt idx="151">
                  <c:v>1.216</c:v>
                </c:pt>
                <c:pt idx="152">
                  <c:v>1.262</c:v>
                </c:pt>
                <c:pt idx="153">
                  <c:v>1.27</c:v>
                </c:pt>
                <c:pt idx="154">
                  <c:v>1.278</c:v>
                </c:pt>
                <c:pt idx="155">
                  <c:v>1.286</c:v>
                </c:pt>
                <c:pt idx="156">
                  <c:v>1.2929999999999999</c:v>
                </c:pt>
                <c:pt idx="157">
                  <c:v>1.3009999999999999</c:v>
                </c:pt>
                <c:pt idx="158">
                  <c:v>1.3080000000000001</c:v>
                </c:pt>
                <c:pt idx="159">
                  <c:v>1.3160000000000001</c:v>
                </c:pt>
                <c:pt idx="160">
                  <c:v>1.323</c:v>
                </c:pt>
                <c:pt idx="161">
                  <c:v>1.331</c:v>
                </c:pt>
                <c:pt idx="162">
                  <c:v>1.3380000000000001</c:v>
                </c:pt>
                <c:pt idx="163">
                  <c:v>1.347</c:v>
                </c:pt>
                <c:pt idx="164">
                  <c:v>1.3540000000000001</c:v>
                </c:pt>
                <c:pt idx="165">
                  <c:v>1.3620000000000001</c:v>
                </c:pt>
                <c:pt idx="166">
                  <c:v>1.369</c:v>
                </c:pt>
                <c:pt idx="167">
                  <c:v>1.377</c:v>
                </c:pt>
                <c:pt idx="168">
                  <c:v>1.385</c:v>
                </c:pt>
                <c:pt idx="169">
                  <c:v>1.3919999999999999</c:v>
                </c:pt>
                <c:pt idx="170">
                  <c:v>1.399</c:v>
                </c:pt>
                <c:pt idx="171">
                  <c:v>1.4079999999999999</c:v>
                </c:pt>
                <c:pt idx="172">
                  <c:v>1.415</c:v>
                </c:pt>
                <c:pt idx="173">
                  <c:v>1.423</c:v>
                </c:pt>
                <c:pt idx="174">
                  <c:v>1.43</c:v>
                </c:pt>
                <c:pt idx="175">
                  <c:v>1.4379999999999999</c:v>
                </c:pt>
                <c:pt idx="176">
                  <c:v>1.4450000000000001</c:v>
                </c:pt>
                <c:pt idx="177">
                  <c:v>1.454</c:v>
                </c:pt>
                <c:pt idx="178">
                  <c:v>1.4610000000000001</c:v>
                </c:pt>
                <c:pt idx="179">
                  <c:v>1.47</c:v>
                </c:pt>
                <c:pt idx="180">
                  <c:v>1.4790000000000001</c:v>
                </c:pt>
                <c:pt idx="181">
                  <c:v>1.488</c:v>
                </c:pt>
                <c:pt idx="182">
                  <c:v>1.4970000000000001</c:v>
                </c:pt>
                <c:pt idx="183">
                  <c:v>1.506</c:v>
                </c:pt>
                <c:pt idx="184">
                  <c:v>1.5149999999999999</c:v>
                </c:pt>
                <c:pt idx="185">
                  <c:v>1.524</c:v>
                </c:pt>
                <c:pt idx="186">
                  <c:v>1.5329999999999999</c:v>
                </c:pt>
                <c:pt idx="187">
                  <c:v>1.542</c:v>
                </c:pt>
                <c:pt idx="188">
                  <c:v>1.552</c:v>
                </c:pt>
                <c:pt idx="189">
                  <c:v>1.56</c:v>
                </c:pt>
                <c:pt idx="190">
                  <c:v>1.569</c:v>
                </c:pt>
                <c:pt idx="191">
                  <c:v>1.577</c:v>
                </c:pt>
                <c:pt idx="192">
                  <c:v>1.587</c:v>
                </c:pt>
                <c:pt idx="193">
                  <c:v>1.5960000000000001</c:v>
                </c:pt>
                <c:pt idx="194">
                  <c:v>1.6040000000000001</c:v>
                </c:pt>
                <c:pt idx="195">
                  <c:v>1.613</c:v>
                </c:pt>
                <c:pt idx="196">
                  <c:v>1.6220000000000001</c:v>
                </c:pt>
                <c:pt idx="197">
                  <c:v>1.6319999999999999</c:v>
                </c:pt>
                <c:pt idx="198">
                  <c:v>1.64</c:v>
                </c:pt>
                <c:pt idx="199">
                  <c:v>1.65</c:v>
                </c:pt>
                <c:pt idx="200">
                  <c:v>1.6579999999999999</c:v>
                </c:pt>
                <c:pt idx="201">
                  <c:v>1.6679999999999999</c:v>
                </c:pt>
                <c:pt idx="202">
                  <c:v>1.677</c:v>
                </c:pt>
                <c:pt idx="203">
                  <c:v>1.6859999999999999</c:v>
                </c:pt>
                <c:pt idx="204">
                  <c:v>1.6950000000000001</c:v>
                </c:pt>
                <c:pt idx="205">
                  <c:v>1.704</c:v>
                </c:pt>
                <c:pt idx="206">
                  <c:v>1.712</c:v>
                </c:pt>
                <c:pt idx="207">
                  <c:v>1.722</c:v>
                </c:pt>
                <c:pt idx="208">
                  <c:v>1.732</c:v>
                </c:pt>
                <c:pt idx="209">
                  <c:v>1.74</c:v>
                </c:pt>
                <c:pt idx="210">
                  <c:v>1.7490000000000001</c:v>
                </c:pt>
                <c:pt idx="211">
                  <c:v>1.758</c:v>
                </c:pt>
                <c:pt idx="212">
                  <c:v>1.7669999999999999</c:v>
                </c:pt>
                <c:pt idx="213">
                  <c:v>1.776</c:v>
                </c:pt>
                <c:pt idx="214">
                  <c:v>1.7849999999999999</c:v>
                </c:pt>
                <c:pt idx="215">
                  <c:v>1.794</c:v>
                </c:pt>
                <c:pt idx="216">
                  <c:v>1.804</c:v>
                </c:pt>
                <c:pt idx="217">
                  <c:v>1.8120000000000001</c:v>
                </c:pt>
                <c:pt idx="218">
                  <c:v>1.821</c:v>
                </c:pt>
                <c:pt idx="219">
                  <c:v>1.83</c:v>
                </c:pt>
                <c:pt idx="220">
                  <c:v>1.839</c:v>
                </c:pt>
                <c:pt idx="221">
                  <c:v>1.849</c:v>
                </c:pt>
                <c:pt idx="222">
                  <c:v>1.857</c:v>
                </c:pt>
                <c:pt idx="223">
                  <c:v>1.867</c:v>
                </c:pt>
                <c:pt idx="224">
                  <c:v>1.875</c:v>
                </c:pt>
                <c:pt idx="225">
                  <c:v>1.885</c:v>
                </c:pt>
                <c:pt idx="226">
                  <c:v>1.8939999999999999</c:v>
                </c:pt>
                <c:pt idx="227">
                  <c:v>1.9019999999999999</c:v>
                </c:pt>
                <c:pt idx="228">
                  <c:v>1.9119999999999999</c:v>
                </c:pt>
                <c:pt idx="229">
                  <c:v>1.92</c:v>
                </c:pt>
                <c:pt idx="230">
                  <c:v>1.929</c:v>
                </c:pt>
                <c:pt idx="231">
                  <c:v>1.9379999999999999</c:v>
                </c:pt>
                <c:pt idx="232">
                  <c:v>1.948</c:v>
                </c:pt>
                <c:pt idx="233">
                  <c:v>1.956</c:v>
                </c:pt>
                <c:pt idx="234">
                  <c:v>1.966</c:v>
                </c:pt>
                <c:pt idx="235">
                  <c:v>1.974</c:v>
                </c:pt>
                <c:pt idx="236">
                  <c:v>1.984</c:v>
                </c:pt>
                <c:pt idx="237">
                  <c:v>1.9930000000000001</c:v>
                </c:pt>
                <c:pt idx="238">
                  <c:v>2.004</c:v>
                </c:pt>
                <c:pt idx="239">
                  <c:v>2.0129999999999999</c:v>
                </c:pt>
                <c:pt idx="240">
                  <c:v>2.0230000000000001</c:v>
                </c:pt>
                <c:pt idx="241">
                  <c:v>2.0329999999999999</c:v>
                </c:pt>
                <c:pt idx="242">
                  <c:v>2.0419999999999998</c:v>
                </c:pt>
                <c:pt idx="243">
                  <c:v>2.0529999999999999</c:v>
                </c:pt>
                <c:pt idx="244">
                  <c:v>2.0630000000000002</c:v>
                </c:pt>
                <c:pt idx="245">
                  <c:v>2.073</c:v>
                </c:pt>
                <c:pt idx="246">
                  <c:v>2.0830000000000002</c:v>
                </c:pt>
                <c:pt idx="247">
                  <c:v>2.0920000000000001</c:v>
                </c:pt>
                <c:pt idx="248">
                  <c:v>2.1030000000000002</c:v>
                </c:pt>
                <c:pt idx="249">
                  <c:v>2.1120000000000001</c:v>
                </c:pt>
                <c:pt idx="250">
                  <c:v>2.1230000000000002</c:v>
                </c:pt>
                <c:pt idx="251">
                  <c:v>2.1320000000000001</c:v>
                </c:pt>
                <c:pt idx="252">
                  <c:v>2.1429999999999998</c:v>
                </c:pt>
                <c:pt idx="253">
                  <c:v>2.153</c:v>
                </c:pt>
                <c:pt idx="254">
                  <c:v>2.1629999999999998</c:v>
                </c:pt>
                <c:pt idx="255">
                  <c:v>2.173</c:v>
                </c:pt>
                <c:pt idx="256">
                  <c:v>2.1829999999999998</c:v>
                </c:pt>
                <c:pt idx="257">
                  <c:v>2.1930000000000001</c:v>
                </c:pt>
                <c:pt idx="258">
                  <c:v>2.2029999999999998</c:v>
                </c:pt>
                <c:pt idx="259">
                  <c:v>2.2130000000000001</c:v>
                </c:pt>
                <c:pt idx="260">
                  <c:v>2.222</c:v>
                </c:pt>
                <c:pt idx="261">
                  <c:v>2.2330000000000001</c:v>
                </c:pt>
                <c:pt idx="262">
                  <c:v>2.242</c:v>
                </c:pt>
                <c:pt idx="263">
                  <c:v>2.2530000000000001</c:v>
                </c:pt>
                <c:pt idx="264">
                  <c:v>2.2629999999999999</c:v>
                </c:pt>
                <c:pt idx="265">
                  <c:v>2.2730000000000001</c:v>
                </c:pt>
                <c:pt idx="266">
                  <c:v>2.2839999999999998</c:v>
                </c:pt>
                <c:pt idx="267">
                  <c:v>2.2930000000000001</c:v>
                </c:pt>
                <c:pt idx="268">
                  <c:v>2.3029999999999999</c:v>
                </c:pt>
                <c:pt idx="269">
                  <c:v>2.3130000000000002</c:v>
                </c:pt>
                <c:pt idx="270">
                  <c:v>2.3239999999999998</c:v>
                </c:pt>
                <c:pt idx="271">
                  <c:v>2.3330000000000002</c:v>
                </c:pt>
                <c:pt idx="272">
                  <c:v>2.3439999999999999</c:v>
                </c:pt>
                <c:pt idx="273">
                  <c:v>2.3530000000000002</c:v>
                </c:pt>
                <c:pt idx="274">
                  <c:v>2.3639999999999999</c:v>
                </c:pt>
                <c:pt idx="275">
                  <c:v>2.3730000000000002</c:v>
                </c:pt>
                <c:pt idx="276">
                  <c:v>2.3839999999999999</c:v>
                </c:pt>
                <c:pt idx="277">
                  <c:v>2.3929999999999998</c:v>
                </c:pt>
                <c:pt idx="278">
                  <c:v>2.4039999999999999</c:v>
                </c:pt>
                <c:pt idx="279">
                  <c:v>2.4129999999999998</c:v>
                </c:pt>
                <c:pt idx="280">
                  <c:v>2.4239999999999999</c:v>
                </c:pt>
                <c:pt idx="281">
                  <c:v>2.4329999999999998</c:v>
                </c:pt>
                <c:pt idx="282">
                  <c:v>2.4430000000000001</c:v>
                </c:pt>
                <c:pt idx="283">
                  <c:v>2.4540000000000002</c:v>
                </c:pt>
                <c:pt idx="284">
                  <c:v>2.4630000000000001</c:v>
                </c:pt>
                <c:pt idx="285">
                  <c:v>2.472</c:v>
                </c:pt>
                <c:pt idx="286">
                  <c:v>2.4830000000000001</c:v>
                </c:pt>
                <c:pt idx="287">
                  <c:v>2.4940000000000002</c:v>
                </c:pt>
                <c:pt idx="288">
                  <c:v>2.5030000000000001</c:v>
                </c:pt>
                <c:pt idx="289">
                  <c:v>2.5139999999999998</c:v>
                </c:pt>
                <c:pt idx="290">
                  <c:v>2.5230000000000001</c:v>
                </c:pt>
                <c:pt idx="291">
                  <c:v>2.5339999999999998</c:v>
                </c:pt>
                <c:pt idx="292">
                  <c:v>2.5430000000000001</c:v>
                </c:pt>
                <c:pt idx="293">
                  <c:v>2.5529999999999999</c:v>
                </c:pt>
                <c:pt idx="294">
                  <c:v>2.5640000000000001</c:v>
                </c:pt>
                <c:pt idx="295">
                  <c:v>2.573</c:v>
                </c:pt>
                <c:pt idx="296">
                  <c:v>2.5830000000000002</c:v>
                </c:pt>
                <c:pt idx="297">
                  <c:v>2.5920000000000001</c:v>
                </c:pt>
                <c:pt idx="298">
                  <c:v>2.6030000000000002</c:v>
                </c:pt>
                <c:pt idx="299">
                  <c:v>2.6120000000000001</c:v>
                </c:pt>
                <c:pt idx="300">
                  <c:v>2.6230000000000002</c:v>
                </c:pt>
                <c:pt idx="301">
                  <c:v>2.6320000000000001</c:v>
                </c:pt>
                <c:pt idx="302">
                  <c:v>2.6429999999999998</c:v>
                </c:pt>
                <c:pt idx="303">
                  <c:v>2.6520000000000001</c:v>
                </c:pt>
                <c:pt idx="304">
                  <c:v>2.6629999999999998</c:v>
                </c:pt>
                <c:pt idx="305">
                  <c:v>2.6720000000000002</c:v>
                </c:pt>
                <c:pt idx="306">
                  <c:v>2.6819999999999999</c:v>
                </c:pt>
                <c:pt idx="307">
                  <c:v>2.6920000000000002</c:v>
                </c:pt>
                <c:pt idx="308">
                  <c:v>2.702</c:v>
                </c:pt>
                <c:pt idx="309">
                  <c:v>2.7120000000000002</c:v>
                </c:pt>
                <c:pt idx="310">
                  <c:v>2.722</c:v>
                </c:pt>
                <c:pt idx="311">
                  <c:v>2.7309999999999999</c:v>
                </c:pt>
                <c:pt idx="312">
                  <c:v>2.742</c:v>
                </c:pt>
                <c:pt idx="313">
                  <c:v>2.7519999999999998</c:v>
                </c:pt>
                <c:pt idx="314">
                  <c:v>2.762</c:v>
                </c:pt>
                <c:pt idx="315">
                  <c:v>2.7709999999999999</c:v>
                </c:pt>
                <c:pt idx="316">
                  <c:v>2.782</c:v>
                </c:pt>
                <c:pt idx="317">
                  <c:v>2.7909999999999999</c:v>
                </c:pt>
                <c:pt idx="318">
                  <c:v>2.802</c:v>
                </c:pt>
                <c:pt idx="319">
                  <c:v>2.8119999999999998</c:v>
                </c:pt>
                <c:pt idx="320">
                  <c:v>2.8220000000000001</c:v>
                </c:pt>
                <c:pt idx="321">
                  <c:v>2.8730000000000002</c:v>
                </c:pt>
                <c:pt idx="322">
                  <c:v>2.8820000000000001</c:v>
                </c:pt>
                <c:pt idx="323">
                  <c:v>2.8919999999999999</c:v>
                </c:pt>
                <c:pt idx="324">
                  <c:v>2.903</c:v>
                </c:pt>
                <c:pt idx="325">
                  <c:v>2.9119999999999999</c:v>
                </c:pt>
                <c:pt idx="326">
                  <c:v>2.923</c:v>
                </c:pt>
                <c:pt idx="327">
                  <c:v>2.9329999999999998</c:v>
                </c:pt>
                <c:pt idx="328">
                  <c:v>2.9420000000000002</c:v>
                </c:pt>
                <c:pt idx="329">
                  <c:v>2.9529999999999998</c:v>
                </c:pt>
                <c:pt idx="330">
                  <c:v>2.9620000000000002</c:v>
                </c:pt>
                <c:pt idx="331">
                  <c:v>2.9729999999999999</c:v>
                </c:pt>
                <c:pt idx="332">
                  <c:v>3.032</c:v>
                </c:pt>
                <c:pt idx="333">
                  <c:v>3.0419999999999998</c:v>
                </c:pt>
                <c:pt idx="334">
                  <c:v>3.0529999999999999</c:v>
                </c:pt>
                <c:pt idx="335">
                  <c:v>3.0619999999999998</c:v>
                </c:pt>
                <c:pt idx="336">
                  <c:v>3.0720000000000001</c:v>
                </c:pt>
                <c:pt idx="337">
                  <c:v>3.0819999999999999</c:v>
                </c:pt>
                <c:pt idx="338">
                  <c:v>3.0920000000000001</c:v>
                </c:pt>
                <c:pt idx="339">
                  <c:v>3.101</c:v>
                </c:pt>
                <c:pt idx="340">
                  <c:v>3.1120000000000001</c:v>
                </c:pt>
                <c:pt idx="341">
                  <c:v>3.121</c:v>
                </c:pt>
                <c:pt idx="342">
                  <c:v>3.1320000000000001</c:v>
                </c:pt>
                <c:pt idx="343">
                  <c:v>3.1419999999999999</c:v>
                </c:pt>
                <c:pt idx="344">
                  <c:v>3.1520000000000001</c:v>
                </c:pt>
                <c:pt idx="345">
                  <c:v>3.1619999999999999</c:v>
                </c:pt>
                <c:pt idx="346">
                  <c:v>3.1720000000000002</c:v>
                </c:pt>
                <c:pt idx="347">
                  <c:v>3.1829999999999998</c:v>
                </c:pt>
                <c:pt idx="348">
                  <c:v>3.1930000000000001</c:v>
                </c:pt>
                <c:pt idx="349">
                  <c:v>3.202</c:v>
                </c:pt>
                <c:pt idx="350">
                  <c:v>3.2120000000000002</c:v>
                </c:pt>
                <c:pt idx="351">
                  <c:v>3.2229999999999999</c:v>
                </c:pt>
                <c:pt idx="352">
                  <c:v>3.2320000000000002</c:v>
                </c:pt>
                <c:pt idx="353">
                  <c:v>3.242</c:v>
                </c:pt>
                <c:pt idx="354">
                  <c:v>3.2519999999999998</c:v>
                </c:pt>
                <c:pt idx="355">
                  <c:v>3.2629999999999999</c:v>
                </c:pt>
                <c:pt idx="356">
                  <c:v>3.2719999999999998</c:v>
                </c:pt>
                <c:pt idx="357">
                  <c:v>3.2829999999999999</c:v>
                </c:pt>
                <c:pt idx="358">
                  <c:v>3.2919999999999998</c:v>
                </c:pt>
                <c:pt idx="359">
                  <c:v>3.3029999999999999</c:v>
                </c:pt>
                <c:pt idx="360">
                  <c:v>3.3119999999999998</c:v>
                </c:pt>
                <c:pt idx="361">
                  <c:v>3.323</c:v>
                </c:pt>
                <c:pt idx="362">
                  <c:v>3.3319999999999999</c:v>
                </c:pt>
                <c:pt idx="363">
                  <c:v>3.343</c:v>
                </c:pt>
                <c:pt idx="364">
                  <c:v>3.3530000000000002</c:v>
                </c:pt>
                <c:pt idx="365">
                  <c:v>3.363</c:v>
                </c:pt>
                <c:pt idx="366">
                  <c:v>3.3730000000000002</c:v>
                </c:pt>
                <c:pt idx="367">
                  <c:v>3.3839999999999999</c:v>
                </c:pt>
                <c:pt idx="368">
                  <c:v>3.3929999999999998</c:v>
                </c:pt>
                <c:pt idx="369">
                  <c:v>3.403</c:v>
                </c:pt>
                <c:pt idx="370">
                  <c:v>3.4140000000000001</c:v>
                </c:pt>
                <c:pt idx="371">
                  <c:v>3.4239999999999999</c:v>
                </c:pt>
                <c:pt idx="372">
                  <c:v>3.4329999999999998</c:v>
                </c:pt>
                <c:pt idx="373">
                  <c:v>3.444</c:v>
                </c:pt>
                <c:pt idx="374">
                  <c:v>3.4529999999999998</c:v>
                </c:pt>
                <c:pt idx="375">
                  <c:v>3.464</c:v>
                </c:pt>
                <c:pt idx="376">
                  <c:v>3.4740000000000002</c:v>
                </c:pt>
                <c:pt idx="377">
                  <c:v>3.4849999999999999</c:v>
                </c:pt>
                <c:pt idx="378">
                  <c:v>3.4940000000000002</c:v>
                </c:pt>
                <c:pt idx="379">
                  <c:v>3.5049999999999999</c:v>
                </c:pt>
                <c:pt idx="380">
                  <c:v>3.5139999999999998</c:v>
                </c:pt>
                <c:pt idx="381">
                  <c:v>3.5249999999999999</c:v>
                </c:pt>
                <c:pt idx="382">
                  <c:v>3.5339999999999998</c:v>
                </c:pt>
                <c:pt idx="383">
                  <c:v>3.5449999999999999</c:v>
                </c:pt>
                <c:pt idx="384">
                  <c:v>3.5539999999999998</c:v>
                </c:pt>
                <c:pt idx="385">
                  <c:v>3.5649999999999999</c:v>
                </c:pt>
                <c:pt idx="386">
                  <c:v>3.5739999999999998</c:v>
                </c:pt>
                <c:pt idx="387">
                  <c:v>3.5840000000000001</c:v>
                </c:pt>
                <c:pt idx="388">
                  <c:v>3.5939999999999999</c:v>
                </c:pt>
                <c:pt idx="389">
                  <c:v>3.605</c:v>
                </c:pt>
                <c:pt idx="390">
                  <c:v>3.6139999999999999</c:v>
                </c:pt>
                <c:pt idx="391">
                  <c:v>3.625</c:v>
                </c:pt>
                <c:pt idx="392">
                  <c:v>3.6339999999999999</c:v>
                </c:pt>
                <c:pt idx="393">
                  <c:v>3.645</c:v>
                </c:pt>
                <c:pt idx="394">
                  <c:v>3.6539999999999999</c:v>
                </c:pt>
                <c:pt idx="395">
                  <c:v>3.665</c:v>
                </c:pt>
                <c:pt idx="396">
                  <c:v>3.6739999999999999</c:v>
                </c:pt>
                <c:pt idx="397">
                  <c:v>3.6850000000000001</c:v>
                </c:pt>
                <c:pt idx="398">
                  <c:v>3.6949999999999998</c:v>
                </c:pt>
                <c:pt idx="399">
                  <c:v>3.7040000000000002</c:v>
                </c:pt>
                <c:pt idx="400">
                  <c:v>3.7149999999999999</c:v>
                </c:pt>
                <c:pt idx="401">
                  <c:v>3.7240000000000002</c:v>
                </c:pt>
                <c:pt idx="402">
                  <c:v>3.7349999999999999</c:v>
                </c:pt>
                <c:pt idx="403">
                  <c:v>3.7440000000000002</c:v>
                </c:pt>
                <c:pt idx="404">
                  <c:v>3.7549999999999999</c:v>
                </c:pt>
                <c:pt idx="405">
                  <c:v>3.7639999999999998</c:v>
                </c:pt>
                <c:pt idx="406">
                  <c:v>3.7749999999999999</c:v>
                </c:pt>
                <c:pt idx="407">
                  <c:v>3.7850000000000001</c:v>
                </c:pt>
                <c:pt idx="408">
                  <c:v>3.7949999999999999</c:v>
                </c:pt>
                <c:pt idx="409">
                  <c:v>3.806</c:v>
                </c:pt>
                <c:pt idx="410">
                  <c:v>3.8149999999999999</c:v>
                </c:pt>
                <c:pt idx="411">
                  <c:v>3.8260000000000001</c:v>
                </c:pt>
                <c:pt idx="412">
                  <c:v>3.835</c:v>
                </c:pt>
                <c:pt idx="413">
                  <c:v>3.8460000000000001</c:v>
                </c:pt>
                <c:pt idx="414">
                  <c:v>3.855</c:v>
                </c:pt>
                <c:pt idx="415">
                  <c:v>3.8660000000000001</c:v>
                </c:pt>
                <c:pt idx="416">
                  <c:v>3.875</c:v>
                </c:pt>
                <c:pt idx="417">
                  <c:v>3.8860000000000001</c:v>
                </c:pt>
                <c:pt idx="418">
                  <c:v>3.895</c:v>
                </c:pt>
                <c:pt idx="419">
                  <c:v>3.9060000000000001</c:v>
                </c:pt>
                <c:pt idx="420">
                  <c:v>3.915</c:v>
                </c:pt>
                <c:pt idx="421">
                  <c:v>3.9260000000000002</c:v>
                </c:pt>
                <c:pt idx="422">
                  <c:v>3.9350000000000001</c:v>
                </c:pt>
                <c:pt idx="423">
                  <c:v>3.9449999999999998</c:v>
                </c:pt>
                <c:pt idx="424">
                  <c:v>3.956</c:v>
                </c:pt>
                <c:pt idx="425">
                  <c:v>3.9649999999999999</c:v>
                </c:pt>
                <c:pt idx="426">
                  <c:v>3.976</c:v>
                </c:pt>
                <c:pt idx="427">
                  <c:v>3.9860000000000002</c:v>
                </c:pt>
                <c:pt idx="428">
                  <c:v>3.9969999999999999</c:v>
                </c:pt>
                <c:pt idx="429">
                  <c:v>4.0069999999999997</c:v>
                </c:pt>
                <c:pt idx="430">
                  <c:v>4.0170000000000003</c:v>
                </c:pt>
                <c:pt idx="431">
                  <c:v>4.0270000000000001</c:v>
                </c:pt>
                <c:pt idx="432">
                  <c:v>4.0369999999999999</c:v>
                </c:pt>
                <c:pt idx="433">
                  <c:v>4.0469999999999997</c:v>
                </c:pt>
                <c:pt idx="434">
                  <c:v>4.056</c:v>
                </c:pt>
                <c:pt idx="435">
                  <c:v>4.0659999999999998</c:v>
                </c:pt>
                <c:pt idx="436">
                  <c:v>4.077</c:v>
                </c:pt>
                <c:pt idx="437">
                  <c:v>4.0869999999999997</c:v>
                </c:pt>
                <c:pt idx="438">
                  <c:v>4.0970000000000004</c:v>
                </c:pt>
                <c:pt idx="439">
                  <c:v>4.1059999999999999</c:v>
                </c:pt>
                <c:pt idx="440">
                  <c:v>4.1159999999999997</c:v>
                </c:pt>
                <c:pt idx="441">
                  <c:v>4.1269999999999998</c:v>
                </c:pt>
                <c:pt idx="442">
                  <c:v>4.1369999999999996</c:v>
                </c:pt>
                <c:pt idx="443">
                  <c:v>4.1470000000000002</c:v>
                </c:pt>
                <c:pt idx="444">
                  <c:v>4.1580000000000004</c:v>
                </c:pt>
                <c:pt idx="445">
                  <c:v>4.1669999999999998</c:v>
                </c:pt>
                <c:pt idx="446">
                  <c:v>4.1779999999999999</c:v>
                </c:pt>
                <c:pt idx="447">
                  <c:v>4.1870000000000003</c:v>
                </c:pt>
                <c:pt idx="448">
                  <c:v>4.1980000000000004</c:v>
                </c:pt>
                <c:pt idx="449">
                  <c:v>4.2069999999999999</c:v>
                </c:pt>
                <c:pt idx="450">
                  <c:v>4.218</c:v>
                </c:pt>
                <c:pt idx="451">
                  <c:v>4.2270000000000003</c:v>
                </c:pt>
                <c:pt idx="452">
                  <c:v>4.2380000000000004</c:v>
                </c:pt>
                <c:pt idx="453">
                  <c:v>4.2469999999999999</c:v>
                </c:pt>
                <c:pt idx="454">
                  <c:v>4.258</c:v>
                </c:pt>
                <c:pt idx="455">
                  <c:v>4.2670000000000003</c:v>
                </c:pt>
                <c:pt idx="456">
                  <c:v>4.2779999999999996</c:v>
                </c:pt>
                <c:pt idx="457">
                  <c:v>4.2869999999999999</c:v>
                </c:pt>
                <c:pt idx="458">
                  <c:v>4.298</c:v>
                </c:pt>
                <c:pt idx="459">
                  <c:v>4.3070000000000004</c:v>
                </c:pt>
                <c:pt idx="460">
                  <c:v>4.3179999999999996</c:v>
                </c:pt>
                <c:pt idx="461">
                  <c:v>4.327</c:v>
                </c:pt>
                <c:pt idx="462">
                  <c:v>4.3380000000000001</c:v>
                </c:pt>
                <c:pt idx="463">
                  <c:v>4.3479999999999999</c:v>
                </c:pt>
                <c:pt idx="464">
                  <c:v>4.3579999999999997</c:v>
                </c:pt>
                <c:pt idx="465">
                  <c:v>4.3680000000000003</c:v>
                </c:pt>
                <c:pt idx="466">
                  <c:v>4.3789999999999996</c:v>
                </c:pt>
                <c:pt idx="467">
                  <c:v>4.3879999999999999</c:v>
                </c:pt>
                <c:pt idx="468">
                  <c:v>4.399</c:v>
                </c:pt>
                <c:pt idx="469">
                  <c:v>4.4080000000000004</c:v>
                </c:pt>
                <c:pt idx="470">
                  <c:v>4.4180000000000001</c:v>
                </c:pt>
                <c:pt idx="471">
                  <c:v>4.4279999999999999</c:v>
                </c:pt>
                <c:pt idx="472">
                  <c:v>4.4379999999999997</c:v>
                </c:pt>
                <c:pt idx="473">
                  <c:v>4.4480000000000004</c:v>
                </c:pt>
                <c:pt idx="474">
                  <c:v>4.4569999999999999</c:v>
                </c:pt>
                <c:pt idx="475">
                  <c:v>4.468</c:v>
                </c:pt>
                <c:pt idx="476">
                  <c:v>4.4779999999999998</c:v>
                </c:pt>
                <c:pt idx="477">
                  <c:v>4.4889999999999999</c:v>
                </c:pt>
                <c:pt idx="478">
                  <c:v>4.4980000000000002</c:v>
                </c:pt>
                <c:pt idx="479">
                  <c:v>4.5090000000000003</c:v>
                </c:pt>
                <c:pt idx="480">
                  <c:v>4.5179999999999998</c:v>
                </c:pt>
                <c:pt idx="481">
                  <c:v>4.5289999999999999</c:v>
                </c:pt>
                <c:pt idx="482">
                  <c:v>4.54</c:v>
                </c:pt>
                <c:pt idx="483">
                  <c:v>4.5490000000000004</c:v>
                </c:pt>
                <c:pt idx="484">
                  <c:v>4.5599999999999996</c:v>
                </c:pt>
                <c:pt idx="485">
                  <c:v>4.569</c:v>
                </c:pt>
                <c:pt idx="486">
                  <c:v>4.5789999999999997</c:v>
                </c:pt>
                <c:pt idx="487">
                  <c:v>4.5880000000000001</c:v>
                </c:pt>
                <c:pt idx="488">
                  <c:v>4.5979999999999999</c:v>
                </c:pt>
                <c:pt idx="489">
                  <c:v>4.6079999999999997</c:v>
                </c:pt>
                <c:pt idx="490">
                  <c:v>4.6189999999999998</c:v>
                </c:pt>
                <c:pt idx="491">
                  <c:v>4.6280000000000001</c:v>
                </c:pt>
                <c:pt idx="492">
                  <c:v>4.6390000000000002</c:v>
                </c:pt>
                <c:pt idx="493">
                  <c:v>4.6479999999999997</c:v>
                </c:pt>
                <c:pt idx="494">
                  <c:v>4.6589999999999998</c:v>
                </c:pt>
                <c:pt idx="495">
                  <c:v>4.6689999999999996</c:v>
                </c:pt>
                <c:pt idx="496">
                  <c:v>4.6790000000000003</c:v>
                </c:pt>
                <c:pt idx="497">
                  <c:v>4.6890000000000001</c:v>
                </c:pt>
                <c:pt idx="498">
                  <c:v>4.6989999999999998</c:v>
                </c:pt>
                <c:pt idx="499">
                  <c:v>4.7089999999999996</c:v>
                </c:pt>
                <c:pt idx="500">
                  <c:v>4.7190000000000003</c:v>
                </c:pt>
                <c:pt idx="501">
                  <c:v>4.7279999999999998</c:v>
                </c:pt>
                <c:pt idx="502">
                  <c:v>4.7389999999999999</c:v>
                </c:pt>
                <c:pt idx="503">
                  <c:v>4.7489999999999997</c:v>
                </c:pt>
                <c:pt idx="504">
                  <c:v>4.7590000000000003</c:v>
                </c:pt>
                <c:pt idx="505">
                  <c:v>4.7690000000000001</c:v>
                </c:pt>
                <c:pt idx="506">
                  <c:v>4.7789999999999999</c:v>
                </c:pt>
                <c:pt idx="507">
                  <c:v>4.7889999999999997</c:v>
                </c:pt>
                <c:pt idx="508">
                  <c:v>4.7990000000000004</c:v>
                </c:pt>
                <c:pt idx="509">
                  <c:v>4.8090000000000002</c:v>
                </c:pt>
                <c:pt idx="510">
                  <c:v>4.82</c:v>
                </c:pt>
                <c:pt idx="511">
                  <c:v>4.8289999999999997</c:v>
                </c:pt>
                <c:pt idx="512">
                  <c:v>4.84</c:v>
                </c:pt>
                <c:pt idx="513">
                  <c:v>4.8499999999999996</c:v>
                </c:pt>
                <c:pt idx="514">
                  <c:v>4.859</c:v>
                </c:pt>
                <c:pt idx="515">
                  <c:v>4.87</c:v>
                </c:pt>
                <c:pt idx="516">
                  <c:v>4.88</c:v>
                </c:pt>
                <c:pt idx="517">
                  <c:v>4.8899999999999997</c:v>
                </c:pt>
                <c:pt idx="518">
                  <c:v>4.899</c:v>
                </c:pt>
                <c:pt idx="519">
                  <c:v>4.91</c:v>
                </c:pt>
                <c:pt idx="520">
                  <c:v>4.9189999999999996</c:v>
                </c:pt>
                <c:pt idx="521">
                  <c:v>4.93</c:v>
                </c:pt>
                <c:pt idx="522">
                  <c:v>4.9400000000000004</c:v>
                </c:pt>
                <c:pt idx="523">
                  <c:v>4.95</c:v>
                </c:pt>
                <c:pt idx="524">
                  <c:v>4.96</c:v>
                </c:pt>
                <c:pt idx="525">
                  <c:v>4.97</c:v>
                </c:pt>
                <c:pt idx="526">
                  <c:v>4.9800000000000004</c:v>
                </c:pt>
                <c:pt idx="527">
                  <c:v>4.9909999999999997</c:v>
                </c:pt>
                <c:pt idx="528">
                  <c:v>5</c:v>
                </c:pt>
                <c:pt idx="529">
                  <c:v>5.01</c:v>
                </c:pt>
                <c:pt idx="530">
                  <c:v>5.0209999999999999</c:v>
                </c:pt>
                <c:pt idx="531">
                  <c:v>5.03</c:v>
                </c:pt>
                <c:pt idx="532">
                  <c:v>5.0410000000000004</c:v>
                </c:pt>
                <c:pt idx="533">
                  <c:v>5.05</c:v>
                </c:pt>
                <c:pt idx="534">
                  <c:v>5.0599999999999996</c:v>
                </c:pt>
                <c:pt idx="535">
                  <c:v>5.07</c:v>
                </c:pt>
                <c:pt idx="536">
                  <c:v>5.08</c:v>
                </c:pt>
                <c:pt idx="537">
                  <c:v>5.09</c:v>
                </c:pt>
                <c:pt idx="538">
                  <c:v>5.0999999999999996</c:v>
                </c:pt>
                <c:pt idx="539">
                  <c:v>5.1100000000000003</c:v>
                </c:pt>
                <c:pt idx="540">
                  <c:v>5.1210000000000004</c:v>
                </c:pt>
                <c:pt idx="541">
                  <c:v>5.181</c:v>
                </c:pt>
                <c:pt idx="542">
                  <c:v>5.1920000000000002</c:v>
                </c:pt>
                <c:pt idx="543">
                  <c:v>5.2009999999999996</c:v>
                </c:pt>
                <c:pt idx="544">
                  <c:v>5.21</c:v>
                </c:pt>
                <c:pt idx="545">
                  <c:v>5.2210000000000001</c:v>
                </c:pt>
                <c:pt idx="546">
                  <c:v>5.23</c:v>
                </c:pt>
                <c:pt idx="547">
                  <c:v>5.2409999999999997</c:v>
                </c:pt>
                <c:pt idx="548">
                  <c:v>5.25</c:v>
                </c:pt>
                <c:pt idx="549">
                  <c:v>5.2610000000000001</c:v>
                </c:pt>
                <c:pt idx="550">
                  <c:v>5.27</c:v>
                </c:pt>
                <c:pt idx="551">
                  <c:v>5.2809999999999997</c:v>
                </c:pt>
                <c:pt idx="552">
                  <c:v>5.2910000000000004</c:v>
                </c:pt>
                <c:pt idx="553">
                  <c:v>5.3010000000000002</c:v>
                </c:pt>
                <c:pt idx="554">
                  <c:v>5.3120000000000003</c:v>
                </c:pt>
                <c:pt idx="555">
                  <c:v>5.3220000000000001</c:v>
                </c:pt>
                <c:pt idx="556">
                  <c:v>5.3319999999999999</c:v>
                </c:pt>
                <c:pt idx="557">
                  <c:v>5.3419999999999996</c:v>
                </c:pt>
                <c:pt idx="558">
                  <c:v>5.3529999999999998</c:v>
                </c:pt>
                <c:pt idx="559">
                  <c:v>5.3620000000000001</c:v>
                </c:pt>
                <c:pt idx="560">
                  <c:v>5.3719999999999999</c:v>
                </c:pt>
                <c:pt idx="561">
                  <c:v>5.3819999999999997</c:v>
                </c:pt>
                <c:pt idx="562">
                  <c:v>5.3920000000000003</c:v>
                </c:pt>
                <c:pt idx="563">
                  <c:v>5.4020000000000001</c:v>
                </c:pt>
                <c:pt idx="564">
                  <c:v>5.4109999999999996</c:v>
                </c:pt>
                <c:pt idx="565">
                  <c:v>5.4219999999999997</c:v>
                </c:pt>
                <c:pt idx="566">
                  <c:v>5.4320000000000004</c:v>
                </c:pt>
                <c:pt idx="567">
                  <c:v>5.4420000000000002</c:v>
                </c:pt>
                <c:pt idx="568">
                  <c:v>5.452</c:v>
                </c:pt>
                <c:pt idx="569">
                  <c:v>5.4630000000000001</c:v>
                </c:pt>
                <c:pt idx="570">
                  <c:v>5.4720000000000004</c:v>
                </c:pt>
                <c:pt idx="571">
                  <c:v>5.4829999999999997</c:v>
                </c:pt>
                <c:pt idx="572">
                  <c:v>5.4930000000000003</c:v>
                </c:pt>
                <c:pt idx="573">
                  <c:v>5.5019999999999998</c:v>
                </c:pt>
                <c:pt idx="574">
                  <c:v>5.5129999999999999</c:v>
                </c:pt>
                <c:pt idx="575">
                  <c:v>5.5229999999999997</c:v>
                </c:pt>
                <c:pt idx="576">
                  <c:v>5.5330000000000004</c:v>
                </c:pt>
                <c:pt idx="577">
                  <c:v>5.5430000000000001</c:v>
                </c:pt>
                <c:pt idx="578">
                  <c:v>5.5519999999999996</c:v>
                </c:pt>
                <c:pt idx="579">
                  <c:v>5.5629999999999997</c:v>
                </c:pt>
                <c:pt idx="580">
                  <c:v>5.5720000000000001</c:v>
                </c:pt>
                <c:pt idx="581">
                  <c:v>5.5830000000000002</c:v>
                </c:pt>
                <c:pt idx="582">
                  <c:v>5.5919999999999996</c:v>
                </c:pt>
                <c:pt idx="583">
                  <c:v>5.6029999999999998</c:v>
                </c:pt>
                <c:pt idx="584">
                  <c:v>5.6120000000000001</c:v>
                </c:pt>
                <c:pt idx="585">
                  <c:v>5.6230000000000002</c:v>
                </c:pt>
                <c:pt idx="586">
                  <c:v>5.633</c:v>
                </c:pt>
                <c:pt idx="587">
                  <c:v>5.6429999999999998</c:v>
                </c:pt>
                <c:pt idx="588">
                  <c:v>5.6520000000000001</c:v>
                </c:pt>
                <c:pt idx="589">
                  <c:v>5.6630000000000003</c:v>
                </c:pt>
                <c:pt idx="590">
                  <c:v>5.6719999999999997</c:v>
                </c:pt>
                <c:pt idx="591">
                  <c:v>5.6829999999999998</c:v>
                </c:pt>
                <c:pt idx="592">
                  <c:v>5.6929999999999996</c:v>
                </c:pt>
                <c:pt idx="593">
                  <c:v>5.7030000000000003</c:v>
                </c:pt>
                <c:pt idx="594">
                  <c:v>5.7130000000000001</c:v>
                </c:pt>
                <c:pt idx="595">
                  <c:v>5.7229999999999999</c:v>
                </c:pt>
                <c:pt idx="596">
                  <c:v>5.7329999999999997</c:v>
                </c:pt>
                <c:pt idx="597">
                  <c:v>5.7430000000000003</c:v>
                </c:pt>
                <c:pt idx="598">
                  <c:v>5.7530000000000001</c:v>
                </c:pt>
                <c:pt idx="599">
                  <c:v>5.7629999999999999</c:v>
                </c:pt>
                <c:pt idx="600">
                  <c:v>5.7720000000000002</c:v>
                </c:pt>
                <c:pt idx="601">
                  <c:v>5.7839999999999998</c:v>
                </c:pt>
                <c:pt idx="602">
                  <c:v>5.7930000000000001</c:v>
                </c:pt>
                <c:pt idx="603">
                  <c:v>5.8029999999999999</c:v>
                </c:pt>
                <c:pt idx="604">
                  <c:v>5.8129999999999997</c:v>
                </c:pt>
                <c:pt idx="605">
                  <c:v>5.8230000000000004</c:v>
                </c:pt>
                <c:pt idx="606">
                  <c:v>5.8330000000000002</c:v>
                </c:pt>
                <c:pt idx="607">
                  <c:v>5.843</c:v>
                </c:pt>
                <c:pt idx="608">
                  <c:v>5.8529999999999998</c:v>
                </c:pt>
                <c:pt idx="609">
                  <c:v>5.8630000000000004</c:v>
                </c:pt>
                <c:pt idx="610">
                  <c:v>5.8739999999999997</c:v>
                </c:pt>
                <c:pt idx="611">
                  <c:v>5.883</c:v>
                </c:pt>
                <c:pt idx="612">
                  <c:v>5.8940000000000001</c:v>
                </c:pt>
                <c:pt idx="613">
                  <c:v>5.9039999999999999</c:v>
                </c:pt>
                <c:pt idx="614">
                  <c:v>5.9130000000000003</c:v>
                </c:pt>
                <c:pt idx="615">
                  <c:v>5.923</c:v>
                </c:pt>
                <c:pt idx="616">
                  <c:v>5.9340000000000002</c:v>
                </c:pt>
                <c:pt idx="617">
                  <c:v>5.9429999999999996</c:v>
                </c:pt>
                <c:pt idx="618">
                  <c:v>5.9539999999999997</c:v>
                </c:pt>
                <c:pt idx="619">
                  <c:v>5.9630000000000001</c:v>
                </c:pt>
                <c:pt idx="620">
                  <c:v>5.9740000000000002</c:v>
                </c:pt>
                <c:pt idx="621">
                  <c:v>5.984</c:v>
                </c:pt>
                <c:pt idx="622">
                  <c:v>5.9939999999999998</c:v>
                </c:pt>
                <c:pt idx="623">
                  <c:v>6.0039999999999996</c:v>
                </c:pt>
                <c:pt idx="624">
                  <c:v>6.0149999999999997</c:v>
                </c:pt>
                <c:pt idx="625">
                  <c:v>6.024</c:v>
                </c:pt>
                <c:pt idx="626">
                  <c:v>6.0350000000000001</c:v>
                </c:pt>
                <c:pt idx="627">
                  <c:v>6.0439999999999996</c:v>
                </c:pt>
                <c:pt idx="628">
                  <c:v>6.0549999999999997</c:v>
                </c:pt>
                <c:pt idx="629">
                  <c:v>6.0650000000000004</c:v>
                </c:pt>
                <c:pt idx="630">
                  <c:v>6.0750000000000002</c:v>
                </c:pt>
                <c:pt idx="631">
                  <c:v>6.085</c:v>
                </c:pt>
                <c:pt idx="632">
                  <c:v>6.0949999999999998</c:v>
                </c:pt>
                <c:pt idx="633">
                  <c:v>6.1059999999999999</c:v>
                </c:pt>
                <c:pt idx="634">
                  <c:v>6.1150000000000002</c:v>
                </c:pt>
                <c:pt idx="635">
                  <c:v>6.125</c:v>
                </c:pt>
                <c:pt idx="636">
                  <c:v>6.1360000000000001</c:v>
                </c:pt>
                <c:pt idx="637">
                  <c:v>6.1449999999999996</c:v>
                </c:pt>
                <c:pt idx="638">
                  <c:v>6.1559999999999997</c:v>
                </c:pt>
                <c:pt idx="639">
                  <c:v>6.165</c:v>
                </c:pt>
                <c:pt idx="640">
                  <c:v>6.1760000000000002</c:v>
                </c:pt>
                <c:pt idx="641">
                  <c:v>6.1849999999999996</c:v>
                </c:pt>
                <c:pt idx="642">
                  <c:v>6.1959999999999997</c:v>
                </c:pt>
                <c:pt idx="643">
                  <c:v>6.2050000000000001</c:v>
                </c:pt>
                <c:pt idx="644">
                  <c:v>6.2149999999999999</c:v>
                </c:pt>
                <c:pt idx="645">
                  <c:v>6.2249999999999996</c:v>
                </c:pt>
                <c:pt idx="646">
                  <c:v>6.2359999999999998</c:v>
                </c:pt>
                <c:pt idx="647">
                  <c:v>6.2450000000000001</c:v>
                </c:pt>
                <c:pt idx="648">
                  <c:v>6.2560000000000002</c:v>
                </c:pt>
                <c:pt idx="649">
                  <c:v>6.266</c:v>
                </c:pt>
                <c:pt idx="650">
                  <c:v>6.2759999999999998</c:v>
                </c:pt>
                <c:pt idx="651">
                  <c:v>6.2869999999999999</c:v>
                </c:pt>
                <c:pt idx="652">
                  <c:v>6.2960000000000003</c:v>
                </c:pt>
                <c:pt idx="653">
                  <c:v>6.306</c:v>
                </c:pt>
                <c:pt idx="654">
                  <c:v>6.3159999999999998</c:v>
                </c:pt>
                <c:pt idx="655">
                  <c:v>6.327</c:v>
                </c:pt>
                <c:pt idx="656">
                  <c:v>6.3369999999999997</c:v>
                </c:pt>
                <c:pt idx="657">
                  <c:v>6.3460000000000001</c:v>
                </c:pt>
                <c:pt idx="658">
                  <c:v>6.3570000000000002</c:v>
                </c:pt>
                <c:pt idx="659">
                  <c:v>6.3659999999999997</c:v>
                </c:pt>
                <c:pt idx="660">
                  <c:v>6.3769999999999998</c:v>
                </c:pt>
                <c:pt idx="661">
                  <c:v>6.3860000000000001</c:v>
                </c:pt>
                <c:pt idx="662">
                  <c:v>6.3970000000000002</c:v>
                </c:pt>
                <c:pt idx="663">
                  <c:v>6.4059999999999997</c:v>
                </c:pt>
                <c:pt idx="664">
                  <c:v>6.4160000000000004</c:v>
                </c:pt>
                <c:pt idx="665">
                  <c:v>6.4260000000000002</c:v>
                </c:pt>
                <c:pt idx="666">
                  <c:v>6.4359999999999999</c:v>
                </c:pt>
                <c:pt idx="667">
                  <c:v>6.4459999999999997</c:v>
                </c:pt>
                <c:pt idx="668">
                  <c:v>6.4560000000000004</c:v>
                </c:pt>
                <c:pt idx="669">
                  <c:v>6.4660000000000002</c:v>
                </c:pt>
                <c:pt idx="670">
                  <c:v>6.4770000000000003</c:v>
                </c:pt>
                <c:pt idx="671">
                  <c:v>6.4870000000000001</c:v>
                </c:pt>
                <c:pt idx="672">
                  <c:v>6.4969999999999999</c:v>
                </c:pt>
                <c:pt idx="673">
                  <c:v>6.5069999999999997</c:v>
                </c:pt>
                <c:pt idx="674">
                  <c:v>6.5170000000000003</c:v>
                </c:pt>
                <c:pt idx="675">
                  <c:v>6.5270000000000001</c:v>
                </c:pt>
                <c:pt idx="676">
                  <c:v>6.5380000000000003</c:v>
                </c:pt>
                <c:pt idx="677">
                  <c:v>6.5469999999999997</c:v>
                </c:pt>
                <c:pt idx="678">
                  <c:v>6.5570000000000004</c:v>
                </c:pt>
                <c:pt idx="679">
                  <c:v>6.5670000000000002</c:v>
                </c:pt>
                <c:pt idx="680">
                  <c:v>6.577</c:v>
                </c:pt>
                <c:pt idx="681">
                  <c:v>6.5869999999999997</c:v>
                </c:pt>
                <c:pt idx="682">
                  <c:v>6.5960000000000001</c:v>
                </c:pt>
                <c:pt idx="683">
                  <c:v>6.6070000000000002</c:v>
                </c:pt>
                <c:pt idx="684">
                  <c:v>6.6159999999999997</c:v>
                </c:pt>
                <c:pt idx="685">
                  <c:v>6.6269999999999998</c:v>
                </c:pt>
                <c:pt idx="686">
                  <c:v>6.6360000000000001</c:v>
                </c:pt>
                <c:pt idx="687">
                  <c:v>6.6470000000000002</c:v>
                </c:pt>
                <c:pt idx="688">
                  <c:v>6.6559999999999997</c:v>
                </c:pt>
                <c:pt idx="689">
                  <c:v>6.6669999999999998</c:v>
                </c:pt>
                <c:pt idx="690">
                  <c:v>6.6769999999999996</c:v>
                </c:pt>
                <c:pt idx="691">
                  <c:v>6.6870000000000003</c:v>
                </c:pt>
                <c:pt idx="692">
                  <c:v>6.6970000000000001</c:v>
                </c:pt>
                <c:pt idx="693">
                  <c:v>6.7069999999999999</c:v>
                </c:pt>
                <c:pt idx="694">
                  <c:v>6.7169999999999996</c:v>
                </c:pt>
                <c:pt idx="695">
                  <c:v>6.7279999999999998</c:v>
                </c:pt>
                <c:pt idx="696">
                  <c:v>6.7370000000000001</c:v>
                </c:pt>
                <c:pt idx="697">
                  <c:v>6.7469999999999999</c:v>
                </c:pt>
                <c:pt idx="698">
                  <c:v>6.7560000000000002</c:v>
                </c:pt>
                <c:pt idx="699">
                  <c:v>6.7670000000000003</c:v>
                </c:pt>
                <c:pt idx="700">
                  <c:v>6.7759999999999998</c:v>
                </c:pt>
                <c:pt idx="701">
                  <c:v>6.7869999999999999</c:v>
                </c:pt>
                <c:pt idx="702">
                  <c:v>6.7969999999999997</c:v>
                </c:pt>
                <c:pt idx="703">
                  <c:v>6.8070000000000004</c:v>
                </c:pt>
                <c:pt idx="704">
                  <c:v>6.8170000000000002</c:v>
                </c:pt>
                <c:pt idx="705">
                  <c:v>6.827</c:v>
                </c:pt>
                <c:pt idx="706">
                  <c:v>6.8369999999999997</c:v>
                </c:pt>
                <c:pt idx="707">
                  <c:v>6.8470000000000004</c:v>
                </c:pt>
                <c:pt idx="708">
                  <c:v>6.8579999999999997</c:v>
                </c:pt>
                <c:pt idx="709">
                  <c:v>6.867</c:v>
                </c:pt>
                <c:pt idx="710">
                  <c:v>6.8780000000000001</c:v>
                </c:pt>
                <c:pt idx="711">
                  <c:v>6.8869999999999996</c:v>
                </c:pt>
                <c:pt idx="712">
                  <c:v>6.8979999999999997</c:v>
                </c:pt>
                <c:pt idx="713">
                  <c:v>6.907</c:v>
                </c:pt>
                <c:pt idx="714">
                  <c:v>6.9180000000000001</c:v>
                </c:pt>
                <c:pt idx="715">
                  <c:v>6.9269999999999996</c:v>
                </c:pt>
                <c:pt idx="716">
                  <c:v>6.9379999999999997</c:v>
                </c:pt>
                <c:pt idx="717">
                  <c:v>6.9470000000000001</c:v>
                </c:pt>
                <c:pt idx="718">
                  <c:v>6.9580000000000002</c:v>
                </c:pt>
                <c:pt idx="719">
                  <c:v>6.9669999999999996</c:v>
                </c:pt>
                <c:pt idx="720">
                  <c:v>6.9779999999999998</c:v>
                </c:pt>
                <c:pt idx="721">
                  <c:v>6.9880000000000004</c:v>
                </c:pt>
                <c:pt idx="722">
                  <c:v>6.9980000000000002</c:v>
                </c:pt>
                <c:pt idx="723">
                  <c:v>7.008</c:v>
                </c:pt>
                <c:pt idx="724">
                  <c:v>7.0190000000000001</c:v>
                </c:pt>
                <c:pt idx="725">
                  <c:v>7.0279999999999996</c:v>
                </c:pt>
                <c:pt idx="726">
                  <c:v>7.0380000000000003</c:v>
                </c:pt>
                <c:pt idx="727">
                  <c:v>7.0869999999999997</c:v>
                </c:pt>
                <c:pt idx="728">
                  <c:v>7.0970000000000004</c:v>
                </c:pt>
                <c:pt idx="729">
                  <c:v>7.1070000000000002</c:v>
                </c:pt>
                <c:pt idx="730">
                  <c:v>7.1159999999999997</c:v>
                </c:pt>
                <c:pt idx="731">
                  <c:v>7.1269999999999998</c:v>
                </c:pt>
                <c:pt idx="732">
                  <c:v>7.1369999999999996</c:v>
                </c:pt>
                <c:pt idx="733">
                  <c:v>7.1479999999999997</c:v>
                </c:pt>
                <c:pt idx="734">
                  <c:v>7.157</c:v>
                </c:pt>
                <c:pt idx="735">
                  <c:v>7.1680000000000001</c:v>
                </c:pt>
                <c:pt idx="736">
                  <c:v>7.1779999999999999</c:v>
                </c:pt>
                <c:pt idx="737">
                  <c:v>7.1879999999999997</c:v>
                </c:pt>
                <c:pt idx="738">
                  <c:v>7.1980000000000004</c:v>
                </c:pt>
                <c:pt idx="739">
                  <c:v>7.2080000000000002</c:v>
                </c:pt>
                <c:pt idx="740">
                  <c:v>7.2169999999999996</c:v>
                </c:pt>
                <c:pt idx="741">
                  <c:v>7.2279999999999998</c:v>
                </c:pt>
                <c:pt idx="742">
                  <c:v>7.2370000000000001</c:v>
                </c:pt>
                <c:pt idx="743">
                  <c:v>7.2480000000000002</c:v>
                </c:pt>
                <c:pt idx="744">
                  <c:v>7.258</c:v>
                </c:pt>
                <c:pt idx="745">
                  <c:v>7.2679999999999998</c:v>
                </c:pt>
                <c:pt idx="746">
                  <c:v>7.2770000000000001</c:v>
                </c:pt>
                <c:pt idx="747">
                  <c:v>7.2880000000000003</c:v>
                </c:pt>
                <c:pt idx="748">
                  <c:v>7.298</c:v>
                </c:pt>
                <c:pt idx="749">
                  <c:v>7.3079999999999998</c:v>
                </c:pt>
                <c:pt idx="750">
                  <c:v>7.3179999999999996</c:v>
                </c:pt>
                <c:pt idx="751">
                  <c:v>7.3289999999999997</c:v>
                </c:pt>
                <c:pt idx="752">
                  <c:v>7.3380000000000001</c:v>
                </c:pt>
                <c:pt idx="753">
                  <c:v>7.3490000000000002</c:v>
                </c:pt>
                <c:pt idx="754">
                  <c:v>7.359</c:v>
                </c:pt>
                <c:pt idx="755">
                  <c:v>7.3689999999999998</c:v>
                </c:pt>
                <c:pt idx="756">
                  <c:v>7.3789999999999996</c:v>
                </c:pt>
                <c:pt idx="757">
                  <c:v>7.3879999999999999</c:v>
                </c:pt>
                <c:pt idx="758">
                  <c:v>7.399</c:v>
                </c:pt>
                <c:pt idx="759">
                  <c:v>7.4080000000000004</c:v>
                </c:pt>
                <c:pt idx="760">
                  <c:v>7.4189999999999996</c:v>
                </c:pt>
                <c:pt idx="761">
                  <c:v>7.4279999999999999</c:v>
                </c:pt>
                <c:pt idx="762">
                  <c:v>7.4379999999999997</c:v>
                </c:pt>
                <c:pt idx="763">
                  <c:v>7.4480000000000004</c:v>
                </c:pt>
                <c:pt idx="764">
                  <c:v>7.4589999999999996</c:v>
                </c:pt>
                <c:pt idx="765">
                  <c:v>7.468</c:v>
                </c:pt>
                <c:pt idx="766">
                  <c:v>7.4790000000000001</c:v>
                </c:pt>
                <c:pt idx="767">
                  <c:v>7.4889999999999999</c:v>
                </c:pt>
                <c:pt idx="768">
                  <c:v>7.4989999999999997</c:v>
                </c:pt>
                <c:pt idx="769">
                  <c:v>7.51</c:v>
                </c:pt>
                <c:pt idx="770">
                  <c:v>7.52</c:v>
                </c:pt>
                <c:pt idx="771">
                  <c:v>7.5289999999999999</c:v>
                </c:pt>
                <c:pt idx="772">
                  <c:v>7.54</c:v>
                </c:pt>
                <c:pt idx="773">
                  <c:v>7.55</c:v>
                </c:pt>
                <c:pt idx="774">
                  <c:v>7.5590000000000002</c:v>
                </c:pt>
                <c:pt idx="775">
                  <c:v>7.57</c:v>
                </c:pt>
                <c:pt idx="776">
                  <c:v>7.58</c:v>
                </c:pt>
                <c:pt idx="777">
                  <c:v>7.59</c:v>
                </c:pt>
                <c:pt idx="778">
                  <c:v>7.6</c:v>
                </c:pt>
                <c:pt idx="779">
                  <c:v>7.609</c:v>
                </c:pt>
                <c:pt idx="780">
                  <c:v>7.62</c:v>
                </c:pt>
                <c:pt idx="781">
                  <c:v>7.6289999999999996</c:v>
                </c:pt>
                <c:pt idx="782">
                  <c:v>7.64</c:v>
                </c:pt>
                <c:pt idx="783">
                  <c:v>7.65</c:v>
                </c:pt>
                <c:pt idx="784">
                  <c:v>7.66</c:v>
                </c:pt>
                <c:pt idx="785">
                  <c:v>7.6710000000000003</c:v>
                </c:pt>
                <c:pt idx="786">
                  <c:v>7.68</c:v>
                </c:pt>
                <c:pt idx="787">
                  <c:v>7.69</c:v>
                </c:pt>
                <c:pt idx="788">
                  <c:v>7.7009999999999996</c:v>
                </c:pt>
                <c:pt idx="789">
                  <c:v>7.7110000000000003</c:v>
                </c:pt>
                <c:pt idx="790">
                  <c:v>7.7210000000000001</c:v>
                </c:pt>
                <c:pt idx="791">
                  <c:v>7.7309999999999999</c:v>
                </c:pt>
                <c:pt idx="792">
                  <c:v>7.7409999999999997</c:v>
                </c:pt>
                <c:pt idx="793">
                  <c:v>7.75</c:v>
                </c:pt>
                <c:pt idx="794">
                  <c:v>7.7610000000000001</c:v>
                </c:pt>
                <c:pt idx="795">
                  <c:v>7.7709999999999999</c:v>
                </c:pt>
                <c:pt idx="796">
                  <c:v>7.78</c:v>
                </c:pt>
                <c:pt idx="797">
                  <c:v>7.7910000000000004</c:v>
                </c:pt>
                <c:pt idx="798">
                  <c:v>7.8010000000000002</c:v>
                </c:pt>
                <c:pt idx="799">
                  <c:v>7.8109999999999999</c:v>
                </c:pt>
                <c:pt idx="800">
                  <c:v>7.8209999999999997</c:v>
                </c:pt>
                <c:pt idx="801">
                  <c:v>7.8310000000000004</c:v>
                </c:pt>
                <c:pt idx="802">
                  <c:v>7.8410000000000002</c:v>
                </c:pt>
                <c:pt idx="803">
                  <c:v>7.8520000000000003</c:v>
                </c:pt>
                <c:pt idx="804">
                  <c:v>7.8609999999999998</c:v>
                </c:pt>
                <c:pt idx="805">
                  <c:v>7.8710000000000004</c:v>
                </c:pt>
                <c:pt idx="806">
                  <c:v>7.8819999999999997</c:v>
                </c:pt>
                <c:pt idx="807">
                  <c:v>7.891</c:v>
                </c:pt>
                <c:pt idx="808">
                  <c:v>7.9009999999999998</c:v>
                </c:pt>
                <c:pt idx="809">
                  <c:v>7.9119999999999999</c:v>
                </c:pt>
                <c:pt idx="810">
                  <c:v>7.9210000000000003</c:v>
                </c:pt>
                <c:pt idx="811">
                  <c:v>7.9320000000000004</c:v>
                </c:pt>
                <c:pt idx="812">
                  <c:v>7.9409999999999998</c:v>
                </c:pt>
                <c:pt idx="813">
                  <c:v>7.952</c:v>
                </c:pt>
                <c:pt idx="814">
                  <c:v>7.9610000000000003</c:v>
                </c:pt>
                <c:pt idx="815">
                  <c:v>7.9720000000000004</c:v>
                </c:pt>
                <c:pt idx="816">
                  <c:v>7.9820000000000002</c:v>
                </c:pt>
                <c:pt idx="817">
                  <c:v>7.9930000000000003</c:v>
                </c:pt>
                <c:pt idx="818">
                  <c:v>8.0030000000000001</c:v>
                </c:pt>
                <c:pt idx="819">
                  <c:v>8.0120000000000005</c:v>
                </c:pt>
                <c:pt idx="820">
                  <c:v>8.0229999999999997</c:v>
                </c:pt>
                <c:pt idx="821">
                  <c:v>8.032</c:v>
                </c:pt>
                <c:pt idx="822">
                  <c:v>8.0429999999999993</c:v>
                </c:pt>
                <c:pt idx="823">
                  <c:v>8.0519999999999996</c:v>
                </c:pt>
                <c:pt idx="824">
                  <c:v>8.0630000000000006</c:v>
                </c:pt>
                <c:pt idx="825">
                  <c:v>8.0719999999999992</c:v>
                </c:pt>
                <c:pt idx="826">
                  <c:v>8.0830000000000002</c:v>
                </c:pt>
                <c:pt idx="827">
                  <c:v>8.0920000000000005</c:v>
                </c:pt>
                <c:pt idx="828">
                  <c:v>8.1029999999999998</c:v>
                </c:pt>
                <c:pt idx="829">
                  <c:v>8.1140000000000008</c:v>
                </c:pt>
                <c:pt idx="830">
                  <c:v>8.1229999999999993</c:v>
                </c:pt>
                <c:pt idx="831">
                  <c:v>8.1329999999999991</c:v>
                </c:pt>
                <c:pt idx="832">
                  <c:v>8.1440000000000001</c:v>
                </c:pt>
                <c:pt idx="833">
                  <c:v>8.1530000000000005</c:v>
                </c:pt>
                <c:pt idx="834">
                  <c:v>8.1639999999999997</c:v>
                </c:pt>
                <c:pt idx="835">
                  <c:v>8.1739999999999995</c:v>
                </c:pt>
                <c:pt idx="836">
                  <c:v>8.1850000000000005</c:v>
                </c:pt>
                <c:pt idx="837">
                  <c:v>8.1940000000000008</c:v>
                </c:pt>
                <c:pt idx="838">
                  <c:v>8.2050000000000001</c:v>
                </c:pt>
                <c:pt idx="839">
                  <c:v>8.2140000000000004</c:v>
                </c:pt>
                <c:pt idx="840">
                  <c:v>8.2249999999999996</c:v>
                </c:pt>
                <c:pt idx="841">
                  <c:v>8.234</c:v>
                </c:pt>
                <c:pt idx="842">
                  <c:v>8.2439999999999998</c:v>
                </c:pt>
                <c:pt idx="843">
                  <c:v>8.2550000000000008</c:v>
                </c:pt>
                <c:pt idx="844">
                  <c:v>8.2639999999999993</c:v>
                </c:pt>
                <c:pt idx="845">
                  <c:v>8.2750000000000004</c:v>
                </c:pt>
                <c:pt idx="846">
                  <c:v>8.2840000000000007</c:v>
                </c:pt>
                <c:pt idx="847">
                  <c:v>8.2949999999999999</c:v>
                </c:pt>
                <c:pt idx="848">
                  <c:v>8.3049999999999997</c:v>
                </c:pt>
                <c:pt idx="849">
                  <c:v>8.3149999999999995</c:v>
                </c:pt>
                <c:pt idx="850">
                  <c:v>8.3239999999999998</c:v>
                </c:pt>
                <c:pt idx="851">
                  <c:v>8.3350000000000009</c:v>
                </c:pt>
                <c:pt idx="852">
                  <c:v>8.3450000000000006</c:v>
                </c:pt>
                <c:pt idx="853">
                  <c:v>8.3550000000000004</c:v>
                </c:pt>
                <c:pt idx="854">
                  <c:v>8.3650000000000002</c:v>
                </c:pt>
                <c:pt idx="855">
                  <c:v>8.3759999999999994</c:v>
                </c:pt>
                <c:pt idx="856">
                  <c:v>8.3849999999999998</c:v>
                </c:pt>
                <c:pt idx="857">
                  <c:v>8.3949999999999996</c:v>
                </c:pt>
                <c:pt idx="858">
                  <c:v>8.4049999999999994</c:v>
                </c:pt>
                <c:pt idx="859">
                  <c:v>8.4149999999999991</c:v>
                </c:pt>
                <c:pt idx="860">
                  <c:v>8.4239999999999995</c:v>
                </c:pt>
                <c:pt idx="861">
                  <c:v>8.4350000000000005</c:v>
                </c:pt>
                <c:pt idx="862">
                  <c:v>8.4440000000000008</c:v>
                </c:pt>
                <c:pt idx="863">
                  <c:v>8.4550000000000001</c:v>
                </c:pt>
                <c:pt idx="864">
                  <c:v>8.4649999999999999</c:v>
                </c:pt>
                <c:pt idx="865">
                  <c:v>8.4760000000000009</c:v>
                </c:pt>
                <c:pt idx="866">
                  <c:v>8.4849999999999994</c:v>
                </c:pt>
                <c:pt idx="867">
                  <c:v>8.4960000000000004</c:v>
                </c:pt>
                <c:pt idx="868">
                  <c:v>8.5050000000000008</c:v>
                </c:pt>
                <c:pt idx="869">
                  <c:v>8.516</c:v>
                </c:pt>
                <c:pt idx="870">
                  <c:v>8.5250000000000004</c:v>
                </c:pt>
                <c:pt idx="871">
                  <c:v>8.5359999999999996</c:v>
                </c:pt>
                <c:pt idx="872">
                  <c:v>8.5449999999999999</c:v>
                </c:pt>
                <c:pt idx="873">
                  <c:v>8.5559999999999992</c:v>
                </c:pt>
                <c:pt idx="874">
                  <c:v>8.5649999999999995</c:v>
                </c:pt>
                <c:pt idx="875">
                  <c:v>8.5749999999999993</c:v>
                </c:pt>
                <c:pt idx="876">
                  <c:v>8.5850000000000009</c:v>
                </c:pt>
                <c:pt idx="877">
                  <c:v>8.5950000000000006</c:v>
                </c:pt>
                <c:pt idx="878">
                  <c:v>8.6039999999999992</c:v>
                </c:pt>
                <c:pt idx="879">
                  <c:v>8.6150000000000002</c:v>
                </c:pt>
                <c:pt idx="880">
                  <c:v>8.6240000000000006</c:v>
                </c:pt>
                <c:pt idx="881">
                  <c:v>8.6349999999999998</c:v>
                </c:pt>
                <c:pt idx="882">
                  <c:v>8.6440000000000001</c:v>
                </c:pt>
                <c:pt idx="883">
                  <c:v>8.6539999999999999</c:v>
                </c:pt>
                <c:pt idx="884">
                  <c:v>8.6639999999999997</c:v>
                </c:pt>
                <c:pt idx="885">
                  <c:v>8.6739999999999995</c:v>
                </c:pt>
                <c:pt idx="886">
                  <c:v>8.6839999999999993</c:v>
                </c:pt>
                <c:pt idx="887">
                  <c:v>8.6950000000000003</c:v>
                </c:pt>
                <c:pt idx="888">
                  <c:v>8.7040000000000006</c:v>
                </c:pt>
                <c:pt idx="889">
                  <c:v>8.7140000000000004</c:v>
                </c:pt>
                <c:pt idx="890">
                  <c:v>8.7240000000000002</c:v>
                </c:pt>
                <c:pt idx="891">
                  <c:v>8.734</c:v>
                </c:pt>
                <c:pt idx="892">
                  <c:v>8.7430000000000003</c:v>
                </c:pt>
                <c:pt idx="893">
                  <c:v>8.7539999999999996</c:v>
                </c:pt>
                <c:pt idx="894">
                  <c:v>8.7629999999999999</c:v>
                </c:pt>
                <c:pt idx="895">
                  <c:v>8.7739999999999991</c:v>
                </c:pt>
                <c:pt idx="896">
                  <c:v>8.7829999999999995</c:v>
                </c:pt>
                <c:pt idx="897">
                  <c:v>8.7940000000000005</c:v>
                </c:pt>
                <c:pt idx="898">
                  <c:v>8.8040000000000003</c:v>
                </c:pt>
                <c:pt idx="899">
                  <c:v>8.8140000000000001</c:v>
                </c:pt>
                <c:pt idx="900">
                  <c:v>8.8230000000000004</c:v>
                </c:pt>
                <c:pt idx="901">
                  <c:v>8.8339999999999996</c:v>
                </c:pt>
                <c:pt idx="902">
                  <c:v>8.843</c:v>
                </c:pt>
                <c:pt idx="903">
                  <c:v>8.8539999999999992</c:v>
                </c:pt>
                <c:pt idx="904">
                  <c:v>8.8640000000000008</c:v>
                </c:pt>
                <c:pt idx="905">
                  <c:v>8.8740000000000006</c:v>
                </c:pt>
                <c:pt idx="906">
                  <c:v>8.8849999999999998</c:v>
                </c:pt>
                <c:pt idx="907">
                  <c:v>8.8940000000000001</c:v>
                </c:pt>
                <c:pt idx="908">
                  <c:v>8.9039999999999999</c:v>
                </c:pt>
                <c:pt idx="909">
                  <c:v>8.9130000000000003</c:v>
                </c:pt>
                <c:pt idx="910">
                  <c:v>8.9239999999999995</c:v>
                </c:pt>
                <c:pt idx="911">
                  <c:v>8.9329999999999998</c:v>
                </c:pt>
                <c:pt idx="912">
                  <c:v>8.9440000000000008</c:v>
                </c:pt>
                <c:pt idx="913">
                  <c:v>8.9529999999999994</c:v>
                </c:pt>
                <c:pt idx="914">
                  <c:v>9.0129999999999999</c:v>
                </c:pt>
                <c:pt idx="915">
                  <c:v>9.0229999999999997</c:v>
                </c:pt>
                <c:pt idx="916">
                  <c:v>9.032</c:v>
                </c:pt>
                <c:pt idx="917">
                  <c:v>9.0429999999999993</c:v>
                </c:pt>
                <c:pt idx="918">
                  <c:v>9.0519999999999996</c:v>
                </c:pt>
                <c:pt idx="919">
                  <c:v>9.0609999999999999</c:v>
                </c:pt>
                <c:pt idx="920">
                  <c:v>9.0719999999999992</c:v>
                </c:pt>
                <c:pt idx="921">
                  <c:v>9.0820000000000007</c:v>
                </c:pt>
                <c:pt idx="922">
                  <c:v>9.0920000000000005</c:v>
                </c:pt>
                <c:pt idx="923">
                  <c:v>9.1010000000000009</c:v>
                </c:pt>
                <c:pt idx="924">
                  <c:v>9.1120000000000001</c:v>
                </c:pt>
                <c:pt idx="925">
                  <c:v>9.1219999999999999</c:v>
                </c:pt>
                <c:pt idx="926">
                  <c:v>9.1319999999999997</c:v>
                </c:pt>
                <c:pt idx="927">
                  <c:v>9.1419999999999995</c:v>
                </c:pt>
                <c:pt idx="928">
                  <c:v>9.1519999999999992</c:v>
                </c:pt>
                <c:pt idx="929">
                  <c:v>9.1620000000000008</c:v>
                </c:pt>
                <c:pt idx="930">
                  <c:v>9.173</c:v>
                </c:pt>
                <c:pt idx="931">
                  <c:v>9.1820000000000004</c:v>
                </c:pt>
                <c:pt idx="932">
                  <c:v>9.1920000000000002</c:v>
                </c:pt>
                <c:pt idx="933">
                  <c:v>9.2029999999999994</c:v>
                </c:pt>
                <c:pt idx="934">
                  <c:v>9.2119999999999997</c:v>
                </c:pt>
                <c:pt idx="935">
                  <c:v>9.2230000000000008</c:v>
                </c:pt>
                <c:pt idx="936">
                  <c:v>9.2330000000000005</c:v>
                </c:pt>
                <c:pt idx="937">
                  <c:v>9.2420000000000009</c:v>
                </c:pt>
                <c:pt idx="938">
                  <c:v>9.2530000000000001</c:v>
                </c:pt>
                <c:pt idx="939">
                  <c:v>9.2620000000000005</c:v>
                </c:pt>
                <c:pt idx="940">
                  <c:v>9.2720000000000002</c:v>
                </c:pt>
                <c:pt idx="941">
                  <c:v>9.2829999999999995</c:v>
                </c:pt>
                <c:pt idx="942">
                  <c:v>9.2919999999999998</c:v>
                </c:pt>
                <c:pt idx="943">
                  <c:v>9.3030000000000008</c:v>
                </c:pt>
                <c:pt idx="944">
                  <c:v>9.3119999999999994</c:v>
                </c:pt>
                <c:pt idx="945">
                  <c:v>9.3230000000000004</c:v>
                </c:pt>
                <c:pt idx="946">
                  <c:v>9.3320000000000007</c:v>
                </c:pt>
                <c:pt idx="947">
                  <c:v>9.343</c:v>
                </c:pt>
                <c:pt idx="948">
                  <c:v>9.3520000000000003</c:v>
                </c:pt>
                <c:pt idx="949">
                  <c:v>9.3629999999999995</c:v>
                </c:pt>
                <c:pt idx="950">
                  <c:v>9.3729999999999993</c:v>
                </c:pt>
                <c:pt idx="951">
                  <c:v>9.3840000000000003</c:v>
                </c:pt>
                <c:pt idx="952">
                  <c:v>9.3930000000000007</c:v>
                </c:pt>
                <c:pt idx="953">
                  <c:v>9.4019999999999992</c:v>
                </c:pt>
                <c:pt idx="954">
                  <c:v>9.4120000000000008</c:v>
                </c:pt>
                <c:pt idx="955">
                  <c:v>9.4220000000000006</c:v>
                </c:pt>
                <c:pt idx="956">
                  <c:v>9.4329999999999998</c:v>
                </c:pt>
                <c:pt idx="957">
                  <c:v>9.4420000000000002</c:v>
                </c:pt>
                <c:pt idx="958">
                  <c:v>9.4529999999999994</c:v>
                </c:pt>
                <c:pt idx="959">
                  <c:v>9.4629999999999992</c:v>
                </c:pt>
                <c:pt idx="960">
                  <c:v>9.4730000000000008</c:v>
                </c:pt>
                <c:pt idx="961">
                  <c:v>9.4830000000000005</c:v>
                </c:pt>
                <c:pt idx="962">
                  <c:v>9.4930000000000003</c:v>
                </c:pt>
                <c:pt idx="963">
                  <c:v>9.5030000000000001</c:v>
                </c:pt>
                <c:pt idx="964">
                  <c:v>9.5129999999999999</c:v>
                </c:pt>
                <c:pt idx="965">
                  <c:v>9.5229999999999997</c:v>
                </c:pt>
                <c:pt idx="966">
                  <c:v>9.5340000000000007</c:v>
                </c:pt>
                <c:pt idx="967">
                  <c:v>9.5429999999999993</c:v>
                </c:pt>
                <c:pt idx="968">
                  <c:v>9.5530000000000008</c:v>
                </c:pt>
                <c:pt idx="969">
                  <c:v>9.5630000000000006</c:v>
                </c:pt>
                <c:pt idx="970">
                  <c:v>9.5730000000000004</c:v>
                </c:pt>
                <c:pt idx="971">
                  <c:v>9.5830000000000002</c:v>
                </c:pt>
                <c:pt idx="972">
                  <c:v>9.593</c:v>
                </c:pt>
                <c:pt idx="973">
                  <c:v>9.6020000000000003</c:v>
                </c:pt>
                <c:pt idx="974">
                  <c:v>9.6129999999999995</c:v>
                </c:pt>
                <c:pt idx="975">
                  <c:v>9.6219999999999999</c:v>
                </c:pt>
                <c:pt idx="976">
                  <c:v>9.6329999999999991</c:v>
                </c:pt>
                <c:pt idx="977">
                  <c:v>9.6430000000000007</c:v>
                </c:pt>
                <c:pt idx="978">
                  <c:v>9.6539999999999999</c:v>
                </c:pt>
                <c:pt idx="979">
                  <c:v>9.6630000000000003</c:v>
                </c:pt>
                <c:pt idx="980">
                  <c:v>9.6739999999999995</c:v>
                </c:pt>
                <c:pt idx="981">
                  <c:v>9.6829999999999998</c:v>
                </c:pt>
                <c:pt idx="982">
                  <c:v>9.6940000000000008</c:v>
                </c:pt>
                <c:pt idx="983">
                  <c:v>9.7029999999999994</c:v>
                </c:pt>
                <c:pt idx="984">
                  <c:v>9.7129999999999992</c:v>
                </c:pt>
                <c:pt idx="985">
                  <c:v>9.7230000000000008</c:v>
                </c:pt>
                <c:pt idx="986">
                  <c:v>9.7330000000000005</c:v>
                </c:pt>
                <c:pt idx="987">
                  <c:v>9.7430000000000003</c:v>
                </c:pt>
                <c:pt idx="988">
                  <c:v>9.7539999999999996</c:v>
                </c:pt>
                <c:pt idx="989">
                  <c:v>9.7629999999999999</c:v>
                </c:pt>
                <c:pt idx="990">
                  <c:v>9.7729999999999997</c:v>
                </c:pt>
                <c:pt idx="991">
                  <c:v>9.7829999999999995</c:v>
                </c:pt>
                <c:pt idx="992">
                  <c:v>9.7929999999999993</c:v>
                </c:pt>
                <c:pt idx="993">
                  <c:v>9.8030000000000008</c:v>
                </c:pt>
                <c:pt idx="994">
                  <c:v>9.8130000000000006</c:v>
                </c:pt>
                <c:pt idx="995">
                  <c:v>9.8230000000000004</c:v>
                </c:pt>
                <c:pt idx="996">
                  <c:v>9.8330000000000002</c:v>
                </c:pt>
                <c:pt idx="997">
                  <c:v>9.843</c:v>
                </c:pt>
                <c:pt idx="998">
                  <c:v>9.8529999999999998</c:v>
                </c:pt>
                <c:pt idx="999">
                  <c:v>9.8629999999999995</c:v>
                </c:pt>
                <c:pt idx="1000">
                  <c:v>9.8740000000000006</c:v>
                </c:pt>
                <c:pt idx="1001">
                  <c:v>9.8829999999999991</c:v>
                </c:pt>
                <c:pt idx="1002">
                  <c:v>9.8919999999999995</c:v>
                </c:pt>
                <c:pt idx="1003">
                  <c:v>9.9030000000000005</c:v>
                </c:pt>
                <c:pt idx="1004">
                  <c:v>9.9120000000000008</c:v>
                </c:pt>
                <c:pt idx="1005">
                  <c:v>9.923</c:v>
                </c:pt>
                <c:pt idx="1006">
                  <c:v>9.9329999999999998</c:v>
                </c:pt>
                <c:pt idx="1007">
                  <c:v>9.9429999999999996</c:v>
                </c:pt>
                <c:pt idx="1008">
                  <c:v>9.9529999999999994</c:v>
                </c:pt>
                <c:pt idx="1009">
                  <c:v>9.9629999999999992</c:v>
                </c:pt>
                <c:pt idx="1010">
                  <c:v>9.9730000000000008</c:v>
                </c:pt>
                <c:pt idx="1011">
                  <c:v>9.984</c:v>
                </c:pt>
                <c:pt idx="1012">
                  <c:v>9.9930000000000003</c:v>
                </c:pt>
                <c:pt idx="1013">
                  <c:v>10.004</c:v>
                </c:pt>
                <c:pt idx="1014">
                  <c:v>10.013</c:v>
                </c:pt>
                <c:pt idx="1015">
                  <c:v>10.023</c:v>
                </c:pt>
                <c:pt idx="1016">
                  <c:v>10.034000000000001</c:v>
                </c:pt>
                <c:pt idx="1017">
                  <c:v>10.042999999999999</c:v>
                </c:pt>
                <c:pt idx="1018">
                  <c:v>10.054</c:v>
                </c:pt>
                <c:pt idx="1019">
                  <c:v>10.063000000000001</c:v>
                </c:pt>
                <c:pt idx="1020">
                  <c:v>10.074</c:v>
                </c:pt>
                <c:pt idx="1021">
                  <c:v>10.083</c:v>
                </c:pt>
                <c:pt idx="1022">
                  <c:v>10.093</c:v>
                </c:pt>
                <c:pt idx="1023">
                  <c:v>10.103999999999999</c:v>
                </c:pt>
                <c:pt idx="1024">
                  <c:v>10.113</c:v>
                </c:pt>
                <c:pt idx="1025">
                  <c:v>10.122999999999999</c:v>
                </c:pt>
                <c:pt idx="1026">
                  <c:v>10.135</c:v>
                </c:pt>
                <c:pt idx="1027">
                  <c:v>10.144</c:v>
                </c:pt>
                <c:pt idx="1028">
                  <c:v>10.154</c:v>
                </c:pt>
                <c:pt idx="1029">
                  <c:v>10.164</c:v>
                </c:pt>
                <c:pt idx="1030">
                  <c:v>10.175000000000001</c:v>
                </c:pt>
                <c:pt idx="1031">
                  <c:v>10.183999999999999</c:v>
                </c:pt>
                <c:pt idx="1032">
                  <c:v>10.195</c:v>
                </c:pt>
                <c:pt idx="1033">
                  <c:v>10.204000000000001</c:v>
                </c:pt>
                <c:pt idx="1034">
                  <c:v>10.215</c:v>
                </c:pt>
                <c:pt idx="1035">
                  <c:v>10.224</c:v>
                </c:pt>
                <c:pt idx="1036">
                  <c:v>10.234999999999999</c:v>
                </c:pt>
                <c:pt idx="1037">
                  <c:v>10.244</c:v>
                </c:pt>
                <c:pt idx="1038">
                  <c:v>10.255000000000001</c:v>
                </c:pt>
                <c:pt idx="1039">
                  <c:v>10.263999999999999</c:v>
                </c:pt>
                <c:pt idx="1040">
                  <c:v>10.275</c:v>
                </c:pt>
                <c:pt idx="1041">
                  <c:v>10.285</c:v>
                </c:pt>
                <c:pt idx="1042">
                  <c:v>10.294</c:v>
                </c:pt>
                <c:pt idx="1043">
                  <c:v>10.304</c:v>
                </c:pt>
                <c:pt idx="1044">
                  <c:v>10.315</c:v>
                </c:pt>
                <c:pt idx="1045">
                  <c:v>10.324</c:v>
                </c:pt>
                <c:pt idx="1046">
                  <c:v>10.335000000000001</c:v>
                </c:pt>
                <c:pt idx="1047">
                  <c:v>10.343999999999999</c:v>
                </c:pt>
                <c:pt idx="1048">
                  <c:v>10.355</c:v>
                </c:pt>
                <c:pt idx="1049">
                  <c:v>10.366</c:v>
                </c:pt>
                <c:pt idx="1050">
                  <c:v>10.375</c:v>
                </c:pt>
                <c:pt idx="1051">
                  <c:v>10.385</c:v>
                </c:pt>
                <c:pt idx="1052">
                  <c:v>10.396000000000001</c:v>
                </c:pt>
                <c:pt idx="1053">
                  <c:v>10.404999999999999</c:v>
                </c:pt>
                <c:pt idx="1054">
                  <c:v>10.416</c:v>
                </c:pt>
                <c:pt idx="1055">
                  <c:v>10.425000000000001</c:v>
                </c:pt>
                <c:pt idx="1056">
                  <c:v>10.436</c:v>
                </c:pt>
                <c:pt idx="1057">
                  <c:v>10.445</c:v>
                </c:pt>
                <c:pt idx="1058">
                  <c:v>10.456</c:v>
                </c:pt>
                <c:pt idx="1059">
                  <c:v>10.465999999999999</c:v>
                </c:pt>
                <c:pt idx="1060">
                  <c:v>10.475</c:v>
                </c:pt>
                <c:pt idx="1061">
                  <c:v>10.486000000000001</c:v>
                </c:pt>
                <c:pt idx="1062">
                  <c:v>10.496</c:v>
                </c:pt>
                <c:pt idx="1063">
                  <c:v>10.506</c:v>
                </c:pt>
                <c:pt idx="1064">
                  <c:v>10.516</c:v>
                </c:pt>
                <c:pt idx="1065">
                  <c:v>10.526999999999999</c:v>
                </c:pt>
                <c:pt idx="1066">
                  <c:v>10.536</c:v>
                </c:pt>
                <c:pt idx="1067">
                  <c:v>10.545999999999999</c:v>
                </c:pt>
                <c:pt idx="1068">
                  <c:v>10.555999999999999</c:v>
                </c:pt>
                <c:pt idx="1069">
                  <c:v>10.566000000000001</c:v>
                </c:pt>
                <c:pt idx="1070">
                  <c:v>10.574999999999999</c:v>
                </c:pt>
                <c:pt idx="1071">
                  <c:v>10.586</c:v>
                </c:pt>
                <c:pt idx="1072">
                  <c:v>10.595000000000001</c:v>
                </c:pt>
                <c:pt idx="1073">
                  <c:v>10.606</c:v>
                </c:pt>
                <c:pt idx="1074">
                  <c:v>10.616</c:v>
                </c:pt>
                <c:pt idx="1075">
                  <c:v>10.627000000000001</c:v>
                </c:pt>
                <c:pt idx="1076">
                  <c:v>10.635999999999999</c:v>
                </c:pt>
                <c:pt idx="1077">
                  <c:v>10.646000000000001</c:v>
                </c:pt>
                <c:pt idx="1078">
                  <c:v>10.656000000000001</c:v>
                </c:pt>
                <c:pt idx="1079">
                  <c:v>10.667</c:v>
                </c:pt>
                <c:pt idx="1080">
                  <c:v>10.676</c:v>
                </c:pt>
                <c:pt idx="1081">
                  <c:v>10.686999999999999</c:v>
                </c:pt>
                <c:pt idx="1082">
                  <c:v>10.696</c:v>
                </c:pt>
                <c:pt idx="1083">
                  <c:v>10.707000000000001</c:v>
                </c:pt>
                <c:pt idx="1084">
                  <c:v>10.715999999999999</c:v>
                </c:pt>
                <c:pt idx="1085">
                  <c:v>10.727</c:v>
                </c:pt>
                <c:pt idx="1086">
                  <c:v>10.736000000000001</c:v>
                </c:pt>
                <c:pt idx="1087">
                  <c:v>10.746</c:v>
                </c:pt>
                <c:pt idx="1088">
                  <c:v>10.756</c:v>
                </c:pt>
                <c:pt idx="1089">
                  <c:v>10.766999999999999</c:v>
                </c:pt>
                <c:pt idx="1090">
                  <c:v>10.776</c:v>
                </c:pt>
                <c:pt idx="1091">
                  <c:v>10.786</c:v>
                </c:pt>
                <c:pt idx="1092">
                  <c:v>10.797000000000001</c:v>
                </c:pt>
                <c:pt idx="1093">
                  <c:v>10.805999999999999</c:v>
                </c:pt>
                <c:pt idx="1094">
                  <c:v>10.817</c:v>
                </c:pt>
                <c:pt idx="1095">
                  <c:v>10.826000000000001</c:v>
                </c:pt>
                <c:pt idx="1096">
                  <c:v>10.837</c:v>
                </c:pt>
                <c:pt idx="1097">
                  <c:v>10.847</c:v>
                </c:pt>
                <c:pt idx="1098">
                  <c:v>10.858000000000001</c:v>
                </c:pt>
                <c:pt idx="1099">
                  <c:v>10.867000000000001</c:v>
                </c:pt>
                <c:pt idx="1100">
                  <c:v>10.877000000000001</c:v>
                </c:pt>
                <c:pt idx="1101">
                  <c:v>10.888</c:v>
                </c:pt>
                <c:pt idx="1102">
                  <c:v>10.897</c:v>
                </c:pt>
                <c:pt idx="1103">
                  <c:v>10.907</c:v>
                </c:pt>
                <c:pt idx="1104">
                  <c:v>10.917</c:v>
                </c:pt>
                <c:pt idx="1105">
                  <c:v>10.927</c:v>
                </c:pt>
                <c:pt idx="1106">
                  <c:v>10.938000000000001</c:v>
                </c:pt>
                <c:pt idx="1107">
                  <c:v>10.946999999999999</c:v>
                </c:pt>
                <c:pt idx="1108">
                  <c:v>10.957000000000001</c:v>
                </c:pt>
                <c:pt idx="1109">
                  <c:v>10.967000000000001</c:v>
                </c:pt>
                <c:pt idx="1110">
                  <c:v>10.978</c:v>
                </c:pt>
                <c:pt idx="1111">
                  <c:v>10.988</c:v>
                </c:pt>
                <c:pt idx="1112">
                  <c:v>10.997999999999999</c:v>
                </c:pt>
                <c:pt idx="1113">
                  <c:v>11.007999999999999</c:v>
                </c:pt>
                <c:pt idx="1114">
                  <c:v>11.052</c:v>
                </c:pt>
                <c:pt idx="1115">
                  <c:v>11.061</c:v>
                </c:pt>
                <c:pt idx="1116">
                  <c:v>11.071</c:v>
                </c:pt>
                <c:pt idx="1117">
                  <c:v>11.081</c:v>
                </c:pt>
                <c:pt idx="1118">
                  <c:v>11.090999999999999</c:v>
                </c:pt>
                <c:pt idx="1119">
                  <c:v>11.101000000000001</c:v>
                </c:pt>
                <c:pt idx="1120">
                  <c:v>11.11</c:v>
                </c:pt>
                <c:pt idx="1121">
                  <c:v>11.121</c:v>
                </c:pt>
                <c:pt idx="1122">
                  <c:v>11.131</c:v>
                </c:pt>
                <c:pt idx="1123">
                  <c:v>11.141</c:v>
                </c:pt>
                <c:pt idx="1124">
                  <c:v>11.15</c:v>
                </c:pt>
                <c:pt idx="1125">
                  <c:v>11.161</c:v>
                </c:pt>
                <c:pt idx="1126">
                  <c:v>11.172000000000001</c:v>
                </c:pt>
                <c:pt idx="1127">
                  <c:v>11.180999999999999</c:v>
                </c:pt>
                <c:pt idx="1128">
                  <c:v>11.191000000000001</c:v>
                </c:pt>
                <c:pt idx="1129">
                  <c:v>11.201000000000001</c:v>
                </c:pt>
                <c:pt idx="1130">
                  <c:v>11.211</c:v>
                </c:pt>
                <c:pt idx="1131">
                  <c:v>11.222</c:v>
                </c:pt>
                <c:pt idx="1132">
                  <c:v>11.231999999999999</c:v>
                </c:pt>
                <c:pt idx="1133">
                  <c:v>11.242000000000001</c:v>
                </c:pt>
                <c:pt idx="1134">
                  <c:v>11.250999999999999</c:v>
                </c:pt>
                <c:pt idx="1135">
                  <c:v>11.260999999999999</c:v>
                </c:pt>
                <c:pt idx="1136">
                  <c:v>11.272</c:v>
                </c:pt>
                <c:pt idx="1137">
                  <c:v>11.281000000000001</c:v>
                </c:pt>
                <c:pt idx="1138">
                  <c:v>11.291</c:v>
                </c:pt>
                <c:pt idx="1139">
                  <c:v>11.302</c:v>
                </c:pt>
                <c:pt idx="1140">
                  <c:v>11.311</c:v>
                </c:pt>
                <c:pt idx="1141">
                  <c:v>11.321</c:v>
                </c:pt>
                <c:pt idx="1142">
                  <c:v>11.332000000000001</c:v>
                </c:pt>
                <c:pt idx="1143">
                  <c:v>11.342000000000001</c:v>
                </c:pt>
                <c:pt idx="1144">
                  <c:v>11.352</c:v>
                </c:pt>
                <c:pt idx="1145">
                  <c:v>11.362</c:v>
                </c:pt>
                <c:pt idx="1146">
                  <c:v>11.371</c:v>
                </c:pt>
                <c:pt idx="1147">
                  <c:v>11.382</c:v>
                </c:pt>
                <c:pt idx="1148">
                  <c:v>11.391999999999999</c:v>
                </c:pt>
                <c:pt idx="1149">
                  <c:v>11.401999999999999</c:v>
                </c:pt>
                <c:pt idx="1150">
                  <c:v>11.412000000000001</c:v>
                </c:pt>
                <c:pt idx="1151">
                  <c:v>11.422000000000001</c:v>
                </c:pt>
                <c:pt idx="1152">
                  <c:v>11.430999999999999</c:v>
                </c:pt>
                <c:pt idx="1153">
                  <c:v>11.441000000000001</c:v>
                </c:pt>
                <c:pt idx="1154">
                  <c:v>11.452</c:v>
                </c:pt>
                <c:pt idx="1155">
                  <c:v>11.461</c:v>
                </c:pt>
                <c:pt idx="1156">
                  <c:v>11.472</c:v>
                </c:pt>
                <c:pt idx="1157">
                  <c:v>11.481999999999999</c:v>
                </c:pt>
                <c:pt idx="1158">
                  <c:v>11.492000000000001</c:v>
                </c:pt>
                <c:pt idx="1159">
                  <c:v>11.503</c:v>
                </c:pt>
                <c:pt idx="1160">
                  <c:v>11.512</c:v>
                </c:pt>
                <c:pt idx="1161">
                  <c:v>11.522</c:v>
                </c:pt>
                <c:pt idx="1162">
                  <c:v>11.532999999999999</c:v>
                </c:pt>
                <c:pt idx="1163">
                  <c:v>11.542</c:v>
                </c:pt>
                <c:pt idx="1164">
                  <c:v>11.552</c:v>
                </c:pt>
                <c:pt idx="1165">
                  <c:v>11.561999999999999</c:v>
                </c:pt>
                <c:pt idx="1166">
                  <c:v>11.573</c:v>
                </c:pt>
                <c:pt idx="1167">
                  <c:v>11.582000000000001</c:v>
                </c:pt>
                <c:pt idx="1168">
                  <c:v>11.592000000000001</c:v>
                </c:pt>
                <c:pt idx="1169">
                  <c:v>11.602</c:v>
                </c:pt>
                <c:pt idx="1170">
                  <c:v>11.612</c:v>
                </c:pt>
                <c:pt idx="1171">
                  <c:v>11.621</c:v>
                </c:pt>
                <c:pt idx="1172">
                  <c:v>11.632</c:v>
                </c:pt>
                <c:pt idx="1173">
                  <c:v>11.641999999999999</c:v>
                </c:pt>
                <c:pt idx="1174">
                  <c:v>11.651999999999999</c:v>
                </c:pt>
                <c:pt idx="1175">
                  <c:v>11.662000000000001</c:v>
                </c:pt>
                <c:pt idx="1176">
                  <c:v>11.673</c:v>
                </c:pt>
                <c:pt idx="1177">
                  <c:v>11.682</c:v>
                </c:pt>
                <c:pt idx="1178">
                  <c:v>11.692</c:v>
                </c:pt>
                <c:pt idx="1179">
                  <c:v>11.702</c:v>
                </c:pt>
                <c:pt idx="1180">
                  <c:v>11.712</c:v>
                </c:pt>
                <c:pt idx="1181">
                  <c:v>11.722</c:v>
                </c:pt>
                <c:pt idx="1182">
                  <c:v>11.731999999999999</c:v>
                </c:pt>
                <c:pt idx="1183">
                  <c:v>11.742000000000001</c:v>
                </c:pt>
                <c:pt idx="1184">
                  <c:v>11.752000000000001</c:v>
                </c:pt>
                <c:pt idx="1185">
                  <c:v>11.762</c:v>
                </c:pt>
                <c:pt idx="1186">
                  <c:v>11.771000000000001</c:v>
                </c:pt>
                <c:pt idx="1187">
                  <c:v>11.782</c:v>
                </c:pt>
                <c:pt idx="1188">
                  <c:v>11.792</c:v>
                </c:pt>
                <c:pt idx="1189">
                  <c:v>11.801</c:v>
                </c:pt>
                <c:pt idx="1190">
                  <c:v>11.813000000000001</c:v>
                </c:pt>
                <c:pt idx="1191">
                  <c:v>11.821999999999999</c:v>
                </c:pt>
                <c:pt idx="1192">
                  <c:v>11.832000000000001</c:v>
                </c:pt>
                <c:pt idx="1193">
                  <c:v>11.843</c:v>
                </c:pt>
                <c:pt idx="1194">
                  <c:v>11.852</c:v>
                </c:pt>
                <c:pt idx="1195">
                  <c:v>11.862</c:v>
                </c:pt>
                <c:pt idx="1196">
                  <c:v>11.872</c:v>
                </c:pt>
                <c:pt idx="1197">
                  <c:v>11.882</c:v>
                </c:pt>
                <c:pt idx="1198">
                  <c:v>11.891999999999999</c:v>
                </c:pt>
                <c:pt idx="1199">
                  <c:v>11.901999999999999</c:v>
                </c:pt>
                <c:pt idx="1200">
                  <c:v>11.912000000000001</c:v>
                </c:pt>
                <c:pt idx="1201">
                  <c:v>11.922000000000001</c:v>
                </c:pt>
                <c:pt idx="1202">
                  <c:v>11.930999999999999</c:v>
                </c:pt>
                <c:pt idx="1203">
                  <c:v>11.942</c:v>
                </c:pt>
                <c:pt idx="1204">
                  <c:v>11.951000000000001</c:v>
                </c:pt>
                <c:pt idx="1205">
                  <c:v>11.962</c:v>
                </c:pt>
                <c:pt idx="1206">
                  <c:v>11.973000000000001</c:v>
                </c:pt>
                <c:pt idx="1207">
                  <c:v>11.983000000000001</c:v>
                </c:pt>
                <c:pt idx="1208">
                  <c:v>11.993</c:v>
                </c:pt>
                <c:pt idx="1209">
                  <c:v>12.003</c:v>
                </c:pt>
                <c:pt idx="1210">
                  <c:v>12.013</c:v>
                </c:pt>
                <c:pt idx="1211">
                  <c:v>12.023</c:v>
                </c:pt>
                <c:pt idx="1212">
                  <c:v>12.032999999999999</c:v>
                </c:pt>
                <c:pt idx="1213">
                  <c:v>12.042999999999999</c:v>
                </c:pt>
                <c:pt idx="1214">
                  <c:v>12.053000000000001</c:v>
                </c:pt>
                <c:pt idx="1215">
                  <c:v>12.063000000000001</c:v>
                </c:pt>
                <c:pt idx="1216">
                  <c:v>12.073</c:v>
                </c:pt>
                <c:pt idx="1217">
                  <c:v>12.082000000000001</c:v>
                </c:pt>
                <c:pt idx="1218">
                  <c:v>12.093</c:v>
                </c:pt>
                <c:pt idx="1219">
                  <c:v>12.102</c:v>
                </c:pt>
                <c:pt idx="1220">
                  <c:v>12.113</c:v>
                </c:pt>
                <c:pt idx="1221">
                  <c:v>12.122</c:v>
                </c:pt>
                <c:pt idx="1222">
                  <c:v>12.132999999999999</c:v>
                </c:pt>
                <c:pt idx="1223">
                  <c:v>12.141999999999999</c:v>
                </c:pt>
                <c:pt idx="1224">
                  <c:v>12.153</c:v>
                </c:pt>
                <c:pt idx="1225">
                  <c:v>12.163</c:v>
                </c:pt>
                <c:pt idx="1226">
                  <c:v>12.173</c:v>
                </c:pt>
                <c:pt idx="1227">
                  <c:v>12.183</c:v>
                </c:pt>
                <c:pt idx="1228">
                  <c:v>12.193</c:v>
                </c:pt>
                <c:pt idx="1229">
                  <c:v>12.202999999999999</c:v>
                </c:pt>
                <c:pt idx="1230">
                  <c:v>12.214</c:v>
                </c:pt>
                <c:pt idx="1231">
                  <c:v>12.224</c:v>
                </c:pt>
                <c:pt idx="1232">
                  <c:v>12.233000000000001</c:v>
                </c:pt>
                <c:pt idx="1233">
                  <c:v>12.244</c:v>
                </c:pt>
                <c:pt idx="1234">
                  <c:v>12.253</c:v>
                </c:pt>
                <c:pt idx="1235">
                  <c:v>12.263999999999999</c:v>
                </c:pt>
                <c:pt idx="1236">
                  <c:v>12.273</c:v>
                </c:pt>
                <c:pt idx="1237">
                  <c:v>12.282999999999999</c:v>
                </c:pt>
                <c:pt idx="1238">
                  <c:v>12.292999999999999</c:v>
                </c:pt>
                <c:pt idx="1239">
                  <c:v>12.303000000000001</c:v>
                </c:pt>
                <c:pt idx="1240">
                  <c:v>12.313000000000001</c:v>
                </c:pt>
                <c:pt idx="1241">
                  <c:v>12.323</c:v>
                </c:pt>
                <c:pt idx="1242">
                  <c:v>12.333</c:v>
                </c:pt>
                <c:pt idx="1243">
                  <c:v>12.343999999999999</c:v>
                </c:pt>
                <c:pt idx="1244">
                  <c:v>12.353999999999999</c:v>
                </c:pt>
                <c:pt idx="1245">
                  <c:v>12.364000000000001</c:v>
                </c:pt>
                <c:pt idx="1246">
                  <c:v>12.375</c:v>
                </c:pt>
                <c:pt idx="1247">
                  <c:v>12.384</c:v>
                </c:pt>
                <c:pt idx="1248">
                  <c:v>12.394</c:v>
                </c:pt>
                <c:pt idx="1249">
                  <c:v>12.404</c:v>
                </c:pt>
                <c:pt idx="1250">
                  <c:v>12.413</c:v>
                </c:pt>
                <c:pt idx="1251">
                  <c:v>12.423999999999999</c:v>
                </c:pt>
                <c:pt idx="1252">
                  <c:v>12.433</c:v>
                </c:pt>
                <c:pt idx="1253">
                  <c:v>12.444000000000001</c:v>
                </c:pt>
                <c:pt idx="1254">
                  <c:v>12.454000000000001</c:v>
                </c:pt>
                <c:pt idx="1255">
                  <c:v>12.464</c:v>
                </c:pt>
                <c:pt idx="1256">
                  <c:v>12.474</c:v>
                </c:pt>
                <c:pt idx="1257">
                  <c:v>12.484999999999999</c:v>
                </c:pt>
                <c:pt idx="1258">
                  <c:v>12.494</c:v>
                </c:pt>
                <c:pt idx="1259">
                  <c:v>12.504</c:v>
                </c:pt>
                <c:pt idx="1260">
                  <c:v>12.513999999999999</c:v>
                </c:pt>
                <c:pt idx="1261">
                  <c:v>12.523999999999999</c:v>
                </c:pt>
                <c:pt idx="1262">
                  <c:v>12.535</c:v>
                </c:pt>
                <c:pt idx="1263">
                  <c:v>12.544</c:v>
                </c:pt>
                <c:pt idx="1264">
                  <c:v>12.554</c:v>
                </c:pt>
                <c:pt idx="1265">
                  <c:v>12.563000000000001</c:v>
                </c:pt>
                <c:pt idx="1266">
                  <c:v>12.574</c:v>
                </c:pt>
                <c:pt idx="1267">
                  <c:v>12.583</c:v>
                </c:pt>
                <c:pt idx="1268">
                  <c:v>12.593</c:v>
                </c:pt>
                <c:pt idx="1269">
                  <c:v>12.603</c:v>
                </c:pt>
                <c:pt idx="1270">
                  <c:v>12.613</c:v>
                </c:pt>
                <c:pt idx="1271">
                  <c:v>12.622999999999999</c:v>
                </c:pt>
                <c:pt idx="1272">
                  <c:v>12.634</c:v>
                </c:pt>
                <c:pt idx="1273">
                  <c:v>12.643000000000001</c:v>
                </c:pt>
                <c:pt idx="1274">
                  <c:v>12.654</c:v>
                </c:pt>
                <c:pt idx="1275">
                  <c:v>12.663</c:v>
                </c:pt>
                <c:pt idx="1276">
                  <c:v>12.673</c:v>
                </c:pt>
                <c:pt idx="1277">
                  <c:v>12.683</c:v>
                </c:pt>
                <c:pt idx="1278">
                  <c:v>12.693</c:v>
                </c:pt>
                <c:pt idx="1279">
                  <c:v>12.704000000000001</c:v>
                </c:pt>
                <c:pt idx="1280">
                  <c:v>12.712999999999999</c:v>
                </c:pt>
                <c:pt idx="1281">
                  <c:v>12.723000000000001</c:v>
                </c:pt>
                <c:pt idx="1282">
                  <c:v>12.733000000000001</c:v>
                </c:pt>
                <c:pt idx="1283">
                  <c:v>12.742000000000001</c:v>
                </c:pt>
                <c:pt idx="1284">
                  <c:v>12.753</c:v>
                </c:pt>
                <c:pt idx="1285">
                  <c:v>12.763</c:v>
                </c:pt>
                <c:pt idx="1286">
                  <c:v>12.772</c:v>
                </c:pt>
                <c:pt idx="1287">
                  <c:v>12.782</c:v>
                </c:pt>
                <c:pt idx="1288">
                  <c:v>12.792</c:v>
                </c:pt>
                <c:pt idx="1289">
                  <c:v>12.803000000000001</c:v>
                </c:pt>
                <c:pt idx="1290">
                  <c:v>12.811999999999999</c:v>
                </c:pt>
                <c:pt idx="1291">
                  <c:v>12.823</c:v>
                </c:pt>
                <c:pt idx="1292">
                  <c:v>12.832000000000001</c:v>
                </c:pt>
                <c:pt idx="1293">
                  <c:v>12.843</c:v>
                </c:pt>
                <c:pt idx="1294">
                  <c:v>12.852</c:v>
                </c:pt>
                <c:pt idx="1295">
                  <c:v>12.862</c:v>
                </c:pt>
                <c:pt idx="1296">
                  <c:v>12.872</c:v>
                </c:pt>
                <c:pt idx="1297">
                  <c:v>12.882999999999999</c:v>
                </c:pt>
                <c:pt idx="1298">
                  <c:v>12.891999999999999</c:v>
                </c:pt>
                <c:pt idx="1299">
                  <c:v>12.903</c:v>
                </c:pt>
                <c:pt idx="1300">
                  <c:v>12.912000000000001</c:v>
                </c:pt>
                <c:pt idx="1301">
                  <c:v>12.923</c:v>
                </c:pt>
                <c:pt idx="1302">
                  <c:v>12.932</c:v>
                </c:pt>
                <c:pt idx="1303">
                  <c:v>12.943</c:v>
                </c:pt>
                <c:pt idx="1304">
                  <c:v>12.952</c:v>
                </c:pt>
                <c:pt idx="1305">
                  <c:v>12.962999999999999</c:v>
                </c:pt>
                <c:pt idx="1306">
                  <c:v>12.972</c:v>
                </c:pt>
                <c:pt idx="1307">
                  <c:v>12.983000000000001</c:v>
                </c:pt>
                <c:pt idx="1308">
                  <c:v>12.987</c:v>
                </c:pt>
                <c:pt idx="1309">
                  <c:v>12.987</c:v>
                </c:pt>
                <c:pt idx="1310">
                  <c:v>12.987</c:v>
                </c:pt>
                <c:pt idx="1311">
                  <c:v>13.031000000000001</c:v>
                </c:pt>
                <c:pt idx="1312">
                  <c:v>13.041</c:v>
                </c:pt>
                <c:pt idx="1313">
                  <c:v>13.051</c:v>
                </c:pt>
                <c:pt idx="1314">
                  <c:v>13.061</c:v>
                </c:pt>
                <c:pt idx="1315">
                  <c:v>13.071</c:v>
                </c:pt>
                <c:pt idx="1316">
                  <c:v>13.081</c:v>
                </c:pt>
                <c:pt idx="1317">
                  <c:v>13.09</c:v>
                </c:pt>
                <c:pt idx="1318">
                  <c:v>13.1</c:v>
                </c:pt>
                <c:pt idx="1319">
                  <c:v>13.11</c:v>
                </c:pt>
                <c:pt idx="1320">
                  <c:v>13.12</c:v>
                </c:pt>
                <c:pt idx="1321">
                  <c:v>13.13</c:v>
                </c:pt>
                <c:pt idx="1322">
                  <c:v>13.138999999999999</c:v>
                </c:pt>
                <c:pt idx="1323">
                  <c:v>13.151</c:v>
                </c:pt>
                <c:pt idx="1324">
                  <c:v>13.16</c:v>
                </c:pt>
                <c:pt idx="1325">
                  <c:v>13.170999999999999</c:v>
                </c:pt>
                <c:pt idx="1326">
                  <c:v>13.18</c:v>
                </c:pt>
                <c:pt idx="1327">
                  <c:v>13.19</c:v>
                </c:pt>
                <c:pt idx="1328">
                  <c:v>13.201000000000001</c:v>
                </c:pt>
                <c:pt idx="1329">
                  <c:v>13.211</c:v>
                </c:pt>
                <c:pt idx="1330">
                  <c:v>13.22</c:v>
                </c:pt>
                <c:pt idx="1331">
                  <c:v>13.23</c:v>
                </c:pt>
                <c:pt idx="1332">
                  <c:v>13.24</c:v>
                </c:pt>
                <c:pt idx="1333">
                  <c:v>13.25</c:v>
                </c:pt>
                <c:pt idx="1334">
                  <c:v>13.259</c:v>
                </c:pt>
                <c:pt idx="1335">
                  <c:v>13.27</c:v>
                </c:pt>
                <c:pt idx="1336">
                  <c:v>13.28</c:v>
                </c:pt>
                <c:pt idx="1337">
                  <c:v>13.289</c:v>
                </c:pt>
                <c:pt idx="1338">
                  <c:v>13.301</c:v>
                </c:pt>
                <c:pt idx="1339">
                  <c:v>13.31</c:v>
                </c:pt>
                <c:pt idx="1340">
                  <c:v>13.32</c:v>
                </c:pt>
                <c:pt idx="1341">
                  <c:v>13.33</c:v>
                </c:pt>
                <c:pt idx="1342">
                  <c:v>13.339</c:v>
                </c:pt>
                <c:pt idx="1343">
                  <c:v>13.351000000000001</c:v>
                </c:pt>
                <c:pt idx="1344">
                  <c:v>13.36</c:v>
                </c:pt>
                <c:pt idx="1345">
                  <c:v>13.37</c:v>
                </c:pt>
                <c:pt idx="1346">
                  <c:v>13.38</c:v>
                </c:pt>
                <c:pt idx="1347">
                  <c:v>13.391</c:v>
                </c:pt>
                <c:pt idx="1348">
                  <c:v>13.4</c:v>
                </c:pt>
                <c:pt idx="1349">
                  <c:v>13.41</c:v>
                </c:pt>
                <c:pt idx="1350">
                  <c:v>13.419</c:v>
                </c:pt>
                <c:pt idx="1351">
                  <c:v>13.43</c:v>
                </c:pt>
                <c:pt idx="1352">
                  <c:v>13.439</c:v>
                </c:pt>
                <c:pt idx="1353">
                  <c:v>13.449</c:v>
                </c:pt>
                <c:pt idx="1354">
                  <c:v>13.459</c:v>
                </c:pt>
                <c:pt idx="1355">
                  <c:v>13.468999999999999</c:v>
                </c:pt>
                <c:pt idx="1356">
                  <c:v>13.48</c:v>
                </c:pt>
                <c:pt idx="1357">
                  <c:v>13.489000000000001</c:v>
                </c:pt>
                <c:pt idx="1358">
                  <c:v>13.499000000000001</c:v>
                </c:pt>
                <c:pt idx="1359">
                  <c:v>13.51</c:v>
                </c:pt>
                <c:pt idx="1360">
                  <c:v>13.519</c:v>
                </c:pt>
                <c:pt idx="1361">
                  <c:v>13.529</c:v>
                </c:pt>
                <c:pt idx="1362">
                  <c:v>13.538</c:v>
                </c:pt>
                <c:pt idx="1363">
                  <c:v>13.548999999999999</c:v>
                </c:pt>
                <c:pt idx="1364">
                  <c:v>13.558999999999999</c:v>
                </c:pt>
                <c:pt idx="1365">
                  <c:v>13.568</c:v>
                </c:pt>
                <c:pt idx="1366">
                  <c:v>13.579000000000001</c:v>
                </c:pt>
                <c:pt idx="1367">
                  <c:v>13.587999999999999</c:v>
                </c:pt>
                <c:pt idx="1368">
                  <c:v>13.599</c:v>
                </c:pt>
                <c:pt idx="1369">
                  <c:v>13.61</c:v>
                </c:pt>
                <c:pt idx="1370">
                  <c:v>13.619</c:v>
                </c:pt>
                <c:pt idx="1371">
                  <c:v>13.63</c:v>
                </c:pt>
                <c:pt idx="1372">
                  <c:v>13.638999999999999</c:v>
                </c:pt>
                <c:pt idx="1373">
                  <c:v>13.65</c:v>
                </c:pt>
                <c:pt idx="1374">
                  <c:v>13.66</c:v>
                </c:pt>
                <c:pt idx="1375">
                  <c:v>13.669</c:v>
                </c:pt>
                <c:pt idx="1376">
                  <c:v>13.679</c:v>
                </c:pt>
                <c:pt idx="1377">
                  <c:v>13.69</c:v>
                </c:pt>
                <c:pt idx="1378">
                  <c:v>13.699</c:v>
                </c:pt>
                <c:pt idx="1379">
                  <c:v>13.709</c:v>
                </c:pt>
                <c:pt idx="1380">
                  <c:v>13.718999999999999</c:v>
                </c:pt>
                <c:pt idx="1381">
                  <c:v>13.728999999999999</c:v>
                </c:pt>
                <c:pt idx="1382">
                  <c:v>13.739000000000001</c:v>
                </c:pt>
                <c:pt idx="1383">
                  <c:v>13.749000000000001</c:v>
                </c:pt>
                <c:pt idx="1384">
                  <c:v>13.759</c:v>
                </c:pt>
                <c:pt idx="1385">
                  <c:v>13.768000000000001</c:v>
                </c:pt>
                <c:pt idx="1386">
                  <c:v>13.779</c:v>
                </c:pt>
                <c:pt idx="1387">
                  <c:v>13.789</c:v>
                </c:pt>
                <c:pt idx="1388">
                  <c:v>13.798</c:v>
                </c:pt>
                <c:pt idx="1389">
                  <c:v>13.81</c:v>
                </c:pt>
                <c:pt idx="1390">
                  <c:v>13.819000000000001</c:v>
                </c:pt>
                <c:pt idx="1391">
                  <c:v>13.83</c:v>
                </c:pt>
                <c:pt idx="1392">
                  <c:v>13.84</c:v>
                </c:pt>
                <c:pt idx="1393">
                  <c:v>13.85</c:v>
                </c:pt>
                <c:pt idx="1394">
                  <c:v>13.86</c:v>
                </c:pt>
                <c:pt idx="1395">
                  <c:v>13.869</c:v>
                </c:pt>
                <c:pt idx="1396">
                  <c:v>13.88</c:v>
                </c:pt>
                <c:pt idx="1397">
                  <c:v>13.888999999999999</c:v>
                </c:pt>
                <c:pt idx="1398">
                  <c:v>13.9</c:v>
                </c:pt>
                <c:pt idx="1399">
                  <c:v>13.909000000000001</c:v>
                </c:pt>
                <c:pt idx="1400">
                  <c:v>13.919</c:v>
                </c:pt>
                <c:pt idx="1401">
                  <c:v>13.929</c:v>
                </c:pt>
                <c:pt idx="1402">
                  <c:v>13.939</c:v>
                </c:pt>
                <c:pt idx="1403">
                  <c:v>13.949</c:v>
                </c:pt>
                <c:pt idx="1404">
                  <c:v>13.96</c:v>
                </c:pt>
                <c:pt idx="1405">
                  <c:v>13.968999999999999</c:v>
                </c:pt>
                <c:pt idx="1406">
                  <c:v>13.978999999999999</c:v>
                </c:pt>
                <c:pt idx="1407">
                  <c:v>13.989000000000001</c:v>
                </c:pt>
                <c:pt idx="1408">
                  <c:v>14</c:v>
                </c:pt>
                <c:pt idx="1409">
                  <c:v>14.01</c:v>
                </c:pt>
                <c:pt idx="1410">
                  <c:v>14.02</c:v>
                </c:pt>
                <c:pt idx="1411">
                  <c:v>14.03</c:v>
                </c:pt>
                <c:pt idx="1412">
                  <c:v>14.04</c:v>
                </c:pt>
                <c:pt idx="1413">
                  <c:v>14.05</c:v>
                </c:pt>
                <c:pt idx="1414">
                  <c:v>14.061</c:v>
                </c:pt>
                <c:pt idx="1415">
                  <c:v>14.07</c:v>
                </c:pt>
                <c:pt idx="1416">
                  <c:v>14.08</c:v>
                </c:pt>
                <c:pt idx="1417">
                  <c:v>14.089</c:v>
                </c:pt>
                <c:pt idx="1418">
                  <c:v>14.1</c:v>
                </c:pt>
                <c:pt idx="1419">
                  <c:v>14.11</c:v>
                </c:pt>
                <c:pt idx="1420">
                  <c:v>14.12</c:v>
                </c:pt>
                <c:pt idx="1421">
                  <c:v>14.13</c:v>
                </c:pt>
                <c:pt idx="1422">
                  <c:v>14.14</c:v>
                </c:pt>
                <c:pt idx="1423">
                  <c:v>14.151</c:v>
                </c:pt>
                <c:pt idx="1424">
                  <c:v>14.161</c:v>
                </c:pt>
                <c:pt idx="1425">
                  <c:v>14.170999999999999</c:v>
                </c:pt>
                <c:pt idx="1426">
                  <c:v>14.180999999999999</c:v>
                </c:pt>
                <c:pt idx="1427">
                  <c:v>14.19</c:v>
                </c:pt>
                <c:pt idx="1428">
                  <c:v>14.201000000000001</c:v>
                </c:pt>
                <c:pt idx="1429">
                  <c:v>14.211</c:v>
                </c:pt>
                <c:pt idx="1430">
                  <c:v>14.221</c:v>
                </c:pt>
                <c:pt idx="1431">
                  <c:v>14.23</c:v>
                </c:pt>
                <c:pt idx="1432">
                  <c:v>14.241</c:v>
                </c:pt>
                <c:pt idx="1433">
                  <c:v>14.25</c:v>
                </c:pt>
                <c:pt idx="1434">
                  <c:v>14.26</c:v>
                </c:pt>
                <c:pt idx="1435">
                  <c:v>14.27</c:v>
                </c:pt>
                <c:pt idx="1436">
                  <c:v>14.28</c:v>
                </c:pt>
                <c:pt idx="1437">
                  <c:v>14.291</c:v>
                </c:pt>
                <c:pt idx="1438">
                  <c:v>14.3</c:v>
                </c:pt>
                <c:pt idx="1439">
                  <c:v>14.31</c:v>
                </c:pt>
                <c:pt idx="1440">
                  <c:v>14.321</c:v>
                </c:pt>
                <c:pt idx="1441">
                  <c:v>14.33</c:v>
                </c:pt>
                <c:pt idx="1442">
                  <c:v>14.340999999999999</c:v>
                </c:pt>
                <c:pt idx="1443">
                  <c:v>14.35</c:v>
                </c:pt>
                <c:pt idx="1444">
                  <c:v>14.361000000000001</c:v>
                </c:pt>
                <c:pt idx="1445">
                  <c:v>14.371</c:v>
                </c:pt>
                <c:pt idx="1446">
                  <c:v>14.381</c:v>
                </c:pt>
                <c:pt idx="1447">
                  <c:v>14.391</c:v>
                </c:pt>
                <c:pt idx="1448">
                  <c:v>14.401</c:v>
                </c:pt>
                <c:pt idx="1449">
                  <c:v>14.41</c:v>
                </c:pt>
                <c:pt idx="1450">
                  <c:v>14.42</c:v>
                </c:pt>
                <c:pt idx="1451">
                  <c:v>14.430999999999999</c:v>
                </c:pt>
                <c:pt idx="1452">
                  <c:v>14.44</c:v>
                </c:pt>
                <c:pt idx="1453">
                  <c:v>14.45</c:v>
                </c:pt>
                <c:pt idx="1454">
                  <c:v>14.46</c:v>
                </c:pt>
                <c:pt idx="1455">
                  <c:v>14.471</c:v>
                </c:pt>
                <c:pt idx="1456">
                  <c:v>14.481</c:v>
                </c:pt>
                <c:pt idx="1457">
                  <c:v>14.491</c:v>
                </c:pt>
                <c:pt idx="1458">
                  <c:v>14.5</c:v>
                </c:pt>
                <c:pt idx="1459">
                  <c:v>14.510999999999999</c:v>
                </c:pt>
                <c:pt idx="1460">
                  <c:v>14.521000000000001</c:v>
                </c:pt>
                <c:pt idx="1461">
                  <c:v>14.53</c:v>
                </c:pt>
                <c:pt idx="1462">
                  <c:v>14.541</c:v>
                </c:pt>
                <c:pt idx="1463">
                  <c:v>14.551</c:v>
                </c:pt>
                <c:pt idx="1464">
                  <c:v>14.561</c:v>
                </c:pt>
                <c:pt idx="1465">
                  <c:v>14.57</c:v>
                </c:pt>
                <c:pt idx="1466">
                  <c:v>14.581</c:v>
                </c:pt>
                <c:pt idx="1467">
                  <c:v>14.59</c:v>
                </c:pt>
                <c:pt idx="1468">
                  <c:v>14.6</c:v>
                </c:pt>
                <c:pt idx="1469">
                  <c:v>14.61</c:v>
                </c:pt>
                <c:pt idx="1470">
                  <c:v>14.619</c:v>
                </c:pt>
                <c:pt idx="1471">
                  <c:v>14.63</c:v>
                </c:pt>
                <c:pt idx="1472">
                  <c:v>14.64</c:v>
                </c:pt>
                <c:pt idx="1473">
                  <c:v>14.65</c:v>
                </c:pt>
                <c:pt idx="1474">
                  <c:v>14.66</c:v>
                </c:pt>
                <c:pt idx="1475">
                  <c:v>14.670999999999999</c:v>
                </c:pt>
                <c:pt idx="1476">
                  <c:v>14.68</c:v>
                </c:pt>
                <c:pt idx="1477">
                  <c:v>14.691000000000001</c:v>
                </c:pt>
                <c:pt idx="1478">
                  <c:v>14.7</c:v>
                </c:pt>
                <c:pt idx="1479">
                  <c:v>14.71</c:v>
                </c:pt>
                <c:pt idx="1480">
                  <c:v>14.72</c:v>
                </c:pt>
                <c:pt idx="1481">
                  <c:v>14.73</c:v>
                </c:pt>
                <c:pt idx="1482">
                  <c:v>14.741</c:v>
                </c:pt>
                <c:pt idx="1483">
                  <c:v>14.75</c:v>
                </c:pt>
                <c:pt idx="1484">
                  <c:v>14.76</c:v>
                </c:pt>
                <c:pt idx="1485">
                  <c:v>14.771000000000001</c:v>
                </c:pt>
                <c:pt idx="1486">
                  <c:v>14.78</c:v>
                </c:pt>
                <c:pt idx="1487">
                  <c:v>14.79</c:v>
                </c:pt>
                <c:pt idx="1488">
                  <c:v>14.801</c:v>
                </c:pt>
                <c:pt idx="1489">
                  <c:v>14.81</c:v>
                </c:pt>
                <c:pt idx="1490">
                  <c:v>14.82</c:v>
                </c:pt>
                <c:pt idx="1491">
                  <c:v>14.83</c:v>
                </c:pt>
                <c:pt idx="1492">
                  <c:v>14.840999999999999</c:v>
                </c:pt>
                <c:pt idx="1493">
                  <c:v>14.85</c:v>
                </c:pt>
                <c:pt idx="1494">
                  <c:v>14.86</c:v>
                </c:pt>
                <c:pt idx="1495">
                  <c:v>14.871</c:v>
                </c:pt>
                <c:pt idx="1496">
                  <c:v>14.88</c:v>
                </c:pt>
                <c:pt idx="1497">
                  <c:v>14.888999999999999</c:v>
                </c:pt>
                <c:pt idx="1498">
                  <c:v>14.9</c:v>
                </c:pt>
                <c:pt idx="1499">
                  <c:v>14.909000000000001</c:v>
                </c:pt>
                <c:pt idx="1500">
                  <c:v>14.919</c:v>
                </c:pt>
                <c:pt idx="1501">
                  <c:v>14.929</c:v>
                </c:pt>
                <c:pt idx="1502">
                  <c:v>14.939</c:v>
                </c:pt>
                <c:pt idx="1503">
                  <c:v>14.949</c:v>
                </c:pt>
                <c:pt idx="1504">
                  <c:v>14.96</c:v>
                </c:pt>
                <c:pt idx="1505">
                  <c:v>14.97</c:v>
                </c:pt>
                <c:pt idx="1506">
                  <c:v>14.981</c:v>
                </c:pt>
                <c:pt idx="1507">
                  <c:v>14.99</c:v>
                </c:pt>
                <c:pt idx="1508">
                  <c:v>15</c:v>
                </c:pt>
                <c:pt idx="1509">
                  <c:v>15.057</c:v>
                </c:pt>
                <c:pt idx="1510">
                  <c:v>15.067</c:v>
                </c:pt>
                <c:pt idx="1511">
                  <c:v>15.077</c:v>
                </c:pt>
                <c:pt idx="1512">
                  <c:v>15.086</c:v>
                </c:pt>
                <c:pt idx="1513">
                  <c:v>15.097</c:v>
                </c:pt>
                <c:pt idx="1514">
                  <c:v>15.106999999999999</c:v>
                </c:pt>
                <c:pt idx="1515">
                  <c:v>15.116</c:v>
                </c:pt>
                <c:pt idx="1516">
                  <c:v>15.127000000000001</c:v>
                </c:pt>
                <c:pt idx="1517">
                  <c:v>15.137</c:v>
                </c:pt>
                <c:pt idx="1518">
                  <c:v>15.146000000000001</c:v>
                </c:pt>
                <c:pt idx="1519">
                  <c:v>15.157</c:v>
                </c:pt>
                <c:pt idx="1520">
                  <c:v>15.167</c:v>
                </c:pt>
                <c:pt idx="1521">
                  <c:v>15.176</c:v>
                </c:pt>
                <c:pt idx="1522">
                  <c:v>15.186</c:v>
                </c:pt>
                <c:pt idx="1523">
                  <c:v>15.196999999999999</c:v>
                </c:pt>
                <c:pt idx="1524">
                  <c:v>15.206</c:v>
                </c:pt>
                <c:pt idx="1525">
                  <c:v>15.217000000000001</c:v>
                </c:pt>
                <c:pt idx="1526">
                  <c:v>15.227</c:v>
                </c:pt>
                <c:pt idx="1527">
                  <c:v>15.236000000000001</c:v>
                </c:pt>
                <c:pt idx="1528">
                  <c:v>15.247</c:v>
                </c:pt>
                <c:pt idx="1529">
                  <c:v>15.256</c:v>
                </c:pt>
                <c:pt idx="1530">
                  <c:v>15.266</c:v>
                </c:pt>
                <c:pt idx="1531">
                  <c:v>15.276999999999999</c:v>
                </c:pt>
                <c:pt idx="1532">
                  <c:v>15.287000000000001</c:v>
                </c:pt>
                <c:pt idx="1533">
                  <c:v>15.295999999999999</c:v>
                </c:pt>
                <c:pt idx="1534">
                  <c:v>15.307</c:v>
                </c:pt>
                <c:pt idx="1535">
                  <c:v>15.317</c:v>
                </c:pt>
                <c:pt idx="1536">
                  <c:v>15.326000000000001</c:v>
                </c:pt>
                <c:pt idx="1537">
                  <c:v>15.337</c:v>
                </c:pt>
                <c:pt idx="1538">
                  <c:v>15.348000000000001</c:v>
                </c:pt>
                <c:pt idx="1539">
                  <c:v>15.356999999999999</c:v>
                </c:pt>
                <c:pt idx="1540">
                  <c:v>15.368</c:v>
                </c:pt>
                <c:pt idx="1541">
                  <c:v>15.377000000000001</c:v>
                </c:pt>
                <c:pt idx="1542">
                  <c:v>15.387</c:v>
                </c:pt>
                <c:pt idx="1543">
                  <c:v>15.396000000000001</c:v>
                </c:pt>
                <c:pt idx="1544">
                  <c:v>15.407</c:v>
                </c:pt>
                <c:pt idx="1545">
                  <c:v>15.417</c:v>
                </c:pt>
                <c:pt idx="1546">
                  <c:v>15.428000000000001</c:v>
                </c:pt>
                <c:pt idx="1547">
                  <c:v>15.436999999999999</c:v>
                </c:pt>
                <c:pt idx="1548">
                  <c:v>15.448</c:v>
                </c:pt>
                <c:pt idx="1549">
                  <c:v>15.457000000000001</c:v>
                </c:pt>
                <c:pt idx="1550">
                  <c:v>15.468</c:v>
                </c:pt>
                <c:pt idx="1551">
                  <c:v>15.477</c:v>
                </c:pt>
                <c:pt idx="1552">
                  <c:v>15.488</c:v>
                </c:pt>
                <c:pt idx="1553">
                  <c:v>15.497999999999999</c:v>
                </c:pt>
                <c:pt idx="1554">
                  <c:v>15.507</c:v>
                </c:pt>
                <c:pt idx="1555">
                  <c:v>15.518000000000001</c:v>
                </c:pt>
                <c:pt idx="1556">
                  <c:v>15.526999999999999</c:v>
                </c:pt>
                <c:pt idx="1557">
                  <c:v>15.538</c:v>
                </c:pt>
                <c:pt idx="1558">
                  <c:v>15.547000000000001</c:v>
                </c:pt>
                <c:pt idx="1559">
                  <c:v>15.558</c:v>
                </c:pt>
                <c:pt idx="1560">
                  <c:v>15.567</c:v>
                </c:pt>
                <c:pt idx="1561">
                  <c:v>15.577999999999999</c:v>
                </c:pt>
                <c:pt idx="1562">
                  <c:v>15.587</c:v>
                </c:pt>
                <c:pt idx="1563">
                  <c:v>15.597</c:v>
                </c:pt>
                <c:pt idx="1564">
                  <c:v>15.606</c:v>
                </c:pt>
                <c:pt idx="1565">
                  <c:v>15.617000000000001</c:v>
                </c:pt>
                <c:pt idx="1566">
                  <c:v>15.625999999999999</c:v>
                </c:pt>
                <c:pt idx="1567">
                  <c:v>15.637</c:v>
                </c:pt>
                <c:pt idx="1568">
                  <c:v>15.647</c:v>
                </c:pt>
                <c:pt idx="1569">
                  <c:v>15.657</c:v>
                </c:pt>
                <c:pt idx="1570">
                  <c:v>15.667</c:v>
                </c:pt>
                <c:pt idx="1571">
                  <c:v>15.677</c:v>
                </c:pt>
                <c:pt idx="1572">
                  <c:v>15.686999999999999</c:v>
                </c:pt>
                <c:pt idx="1573">
                  <c:v>15.696999999999999</c:v>
                </c:pt>
                <c:pt idx="1574">
                  <c:v>15.708</c:v>
                </c:pt>
                <c:pt idx="1575">
                  <c:v>15.717000000000001</c:v>
                </c:pt>
                <c:pt idx="1576">
                  <c:v>15.727</c:v>
                </c:pt>
                <c:pt idx="1577">
                  <c:v>15.736000000000001</c:v>
                </c:pt>
                <c:pt idx="1578">
                  <c:v>15.747</c:v>
                </c:pt>
                <c:pt idx="1579">
                  <c:v>15.757</c:v>
                </c:pt>
                <c:pt idx="1580">
                  <c:v>15.766999999999999</c:v>
                </c:pt>
                <c:pt idx="1581">
                  <c:v>15.776</c:v>
                </c:pt>
                <c:pt idx="1582">
                  <c:v>15.787000000000001</c:v>
                </c:pt>
                <c:pt idx="1583">
                  <c:v>15.797000000000001</c:v>
                </c:pt>
                <c:pt idx="1584">
                  <c:v>15.805999999999999</c:v>
                </c:pt>
                <c:pt idx="1585">
                  <c:v>15.816000000000001</c:v>
                </c:pt>
                <c:pt idx="1586">
                  <c:v>15.826000000000001</c:v>
                </c:pt>
                <c:pt idx="1587">
                  <c:v>15.836</c:v>
                </c:pt>
                <c:pt idx="1588">
                  <c:v>15.847</c:v>
                </c:pt>
                <c:pt idx="1589">
                  <c:v>15.856999999999999</c:v>
                </c:pt>
                <c:pt idx="1590">
                  <c:v>15.867000000000001</c:v>
                </c:pt>
                <c:pt idx="1591">
                  <c:v>15.877000000000001</c:v>
                </c:pt>
                <c:pt idx="1592">
                  <c:v>15.887</c:v>
                </c:pt>
                <c:pt idx="1593">
                  <c:v>15.896000000000001</c:v>
                </c:pt>
                <c:pt idx="1594">
                  <c:v>15.906000000000001</c:v>
                </c:pt>
                <c:pt idx="1595">
                  <c:v>15.917</c:v>
                </c:pt>
                <c:pt idx="1596">
                  <c:v>15.926</c:v>
                </c:pt>
                <c:pt idx="1597">
                  <c:v>15.936</c:v>
                </c:pt>
                <c:pt idx="1598">
                  <c:v>15.946</c:v>
                </c:pt>
                <c:pt idx="1599">
                  <c:v>15.957000000000001</c:v>
                </c:pt>
                <c:pt idx="1600">
                  <c:v>15.967000000000001</c:v>
                </c:pt>
                <c:pt idx="1601">
                  <c:v>15.976000000000001</c:v>
                </c:pt>
                <c:pt idx="1602">
                  <c:v>15.986000000000001</c:v>
                </c:pt>
                <c:pt idx="1603">
                  <c:v>15.997</c:v>
                </c:pt>
                <c:pt idx="1604">
                  <c:v>16.007000000000001</c:v>
                </c:pt>
                <c:pt idx="1605">
                  <c:v>16.016999999999999</c:v>
                </c:pt>
                <c:pt idx="1606">
                  <c:v>16.027000000000001</c:v>
                </c:pt>
                <c:pt idx="1607">
                  <c:v>16.036999999999999</c:v>
                </c:pt>
                <c:pt idx="1608">
                  <c:v>16.047000000000001</c:v>
                </c:pt>
                <c:pt idx="1609">
                  <c:v>16.056999999999999</c:v>
                </c:pt>
                <c:pt idx="1610">
                  <c:v>16.065999999999999</c:v>
                </c:pt>
                <c:pt idx="1611">
                  <c:v>16.076000000000001</c:v>
                </c:pt>
                <c:pt idx="1612">
                  <c:v>16.085999999999999</c:v>
                </c:pt>
                <c:pt idx="1613">
                  <c:v>16.097000000000001</c:v>
                </c:pt>
                <c:pt idx="1614">
                  <c:v>16.106000000000002</c:v>
                </c:pt>
                <c:pt idx="1615">
                  <c:v>16.116</c:v>
                </c:pt>
                <c:pt idx="1616">
                  <c:v>16.126999999999999</c:v>
                </c:pt>
                <c:pt idx="1617">
                  <c:v>16.137</c:v>
                </c:pt>
                <c:pt idx="1618">
                  <c:v>16.146000000000001</c:v>
                </c:pt>
                <c:pt idx="1619">
                  <c:v>16.155999999999999</c:v>
                </c:pt>
                <c:pt idx="1620">
                  <c:v>16.167000000000002</c:v>
                </c:pt>
                <c:pt idx="1621">
                  <c:v>16.175999999999998</c:v>
                </c:pt>
                <c:pt idx="1622">
                  <c:v>16.186</c:v>
                </c:pt>
                <c:pt idx="1623">
                  <c:v>16.196999999999999</c:v>
                </c:pt>
                <c:pt idx="1624">
                  <c:v>16.206</c:v>
                </c:pt>
                <c:pt idx="1625">
                  <c:v>16.216999999999999</c:v>
                </c:pt>
                <c:pt idx="1626">
                  <c:v>16.225999999999999</c:v>
                </c:pt>
                <c:pt idx="1627">
                  <c:v>16.236000000000001</c:v>
                </c:pt>
                <c:pt idx="1628">
                  <c:v>16.245999999999999</c:v>
                </c:pt>
                <c:pt idx="1629">
                  <c:v>16.254999999999999</c:v>
                </c:pt>
                <c:pt idx="1630">
                  <c:v>16.265999999999998</c:v>
                </c:pt>
                <c:pt idx="1631">
                  <c:v>16.276</c:v>
                </c:pt>
                <c:pt idx="1632">
                  <c:v>16.285</c:v>
                </c:pt>
                <c:pt idx="1633">
                  <c:v>16.295999999999999</c:v>
                </c:pt>
                <c:pt idx="1634">
                  <c:v>16.306000000000001</c:v>
                </c:pt>
                <c:pt idx="1635">
                  <c:v>16.315999999999999</c:v>
                </c:pt>
                <c:pt idx="1636">
                  <c:v>16.326000000000001</c:v>
                </c:pt>
                <c:pt idx="1637">
                  <c:v>16.335999999999999</c:v>
                </c:pt>
                <c:pt idx="1638">
                  <c:v>16.346</c:v>
                </c:pt>
                <c:pt idx="1639">
                  <c:v>16.356000000000002</c:v>
                </c:pt>
                <c:pt idx="1640">
                  <c:v>16.366</c:v>
                </c:pt>
                <c:pt idx="1641">
                  <c:v>16.376000000000001</c:v>
                </c:pt>
                <c:pt idx="1642">
                  <c:v>16.385000000000002</c:v>
                </c:pt>
                <c:pt idx="1643">
                  <c:v>16.395</c:v>
                </c:pt>
                <c:pt idx="1644">
                  <c:v>16.405000000000001</c:v>
                </c:pt>
                <c:pt idx="1645">
                  <c:v>16.414999999999999</c:v>
                </c:pt>
                <c:pt idx="1646">
                  <c:v>16.425000000000001</c:v>
                </c:pt>
                <c:pt idx="1647">
                  <c:v>16.434999999999999</c:v>
                </c:pt>
                <c:pt idx="1648">
                  <c:v>16.443999999999999</c:v>
                </c:pt>
                <c:pt idx="1649">
                  <c:v>16.454999999999998</c:v>
                </c:pt>
                <c:pt idx="1650">
                  <c:v>16.465</c:v>
                </c:pt>
                <c:pt idx="1651">
                  <c:v>16.475000000000001</c:v>
                </c:pt>
                <c:pt idx="1652">
                  <c:v>16.484000000000002</c:v>
                </c:pt>
                <c:pt idx="1653">
                  <c:v>16.495000000000001</c:v>
                </c:pt>
                <c:pt idx="1654">
                  <c:v>16.504999999999999</c:v>
                </c:pt>
                <c:pt idx="1655">
                  <c:v>16.515999999999998</c:v>
                </c:pt>
                <c:pt idx="1656">
                  <c:v>16.524999999999999</c:v>
                </c:pt>
                <c:pt idx="1657">
                  <c:v>16.535</c:v>
                </c:pt>
                <c:pt idx="1658">
                  <c:v>16.545999999999999</c:v>
                </c:pt>
                <c:pt idx="1659">
                  <c:v>16.555</c:v>
                </c:pt>
                <c:pt idx="1660">
                  <c:v>16.564</c:v>
                </c:pt>
                <c:pt idx="1661">
                  <c:v>16.574999999999999</c:v>
                </c:pt>
                <c:pt idx="1662">
                  <c:v>16.584</c:v>
                </c:pt>
                <c:pt idx="1663">
                  <c:v>16.594999999999999</c:v>
                </c:pt>
                <c:pt idx="1664">
                  <c:v>16.603999999999999</c:v>
                </c:pt>
                <c:pt idx="1665">
                  <c:v>16.614000000000001</c:v>
                </c:pt>
                <c:pt idx="1666">
                  <c:v>16.623999999999999</c:v>
                </c:pt>
                <c:pt idx="1667">
                  <c:v>16.635000000000002</c:v>
                </c:pt>
                <c:pt idx="1668">
                  <c:v>16.643999999999998</c:v>
                </c:pt>
                <c:pt idx="1669">
                  <c:v>16.654</c:v>
                </c:pt>
                <c:pt idx="1670">
                  <c:v>16.664000000000001</c:v>
                </c:pt>
                <c:pt idx="1671">
                  <c:v>16.673999999999999</c:v>
                </c:pt>
                <c:pt idx="1672">
                  <c:v>16.684000000000001</c:v>
                </c:pt>
                <c:pt idx="1673">
                  <c:v>16.693999999999999</c:v>
                </c:pt>
                <c:pt idx="1674">
                  <c:v>16.704999999999998</c:v>
                </c:pt>
                <c:pt idx="1675">
                  <c:v>16.713999999999999</c:v>
                </c:pt>
                <c:pt idx="1676">
                  <c:v>16.724</c:v>
                </c:pt>
                <c:pt idx="1677">
                  <c:v>16.734000000000002</c:v>
                </c:pt>
                <c:pt idx="1678">
                  <c:v>16.744</c:v>
                </c:pt>
                <c:pt idx="1679">
                  <c:v>16.754000000000001</c:v>
                </c:pt>
                <c:pt idx="1680">
                  <c:v>16.763999999999999</c:v>
                </c:pt>
                <c:pt idx="1681">
                  <c:v>16.773</c:v>
                </c:pt>
                <c:pt idx="1682">
                  <c:v>16.783999999999999</c:v>
                </c:pt>
                <c:pt idx="1683">
                  <c:v>16.794</c:v>
                </c:pt>
                <c:pt idx="1684">
                  <c:v>16.803999999999998</c:v>
                </c:pt>
                <c:pt idx="1685">
                  <c:v>16.815000000000001</c:v>
                </c:pt>
                <c:pt idx="1686">
                  <c:v>16.824000000000002</c:v>
                </c:pt>
                <c:pt idx="1687">
                  <c:v>16.834</c:v>
                </c:pt>
                <c:pt idx="1688">
                  <c:v>16.844999999999999</c:v>
                </c:pt>
                <c:pt idx="1689">
                  <c:v>16.853999999999999</c:v>
                </c:pt>
                <c:pt idx="1690">
                  <c:v>16.864999999999998</c:v>
                </c:pt>
                <c:pt idx="1691">
                  <c:v>16.873999999999999</c:v>
                </c:pt>
                <c:pt idx="1692">
                  <c:v>16.884</c:v>
                </c:pt>
                <c:pt idx="1693">
                  <c:v>16.895</c:v>
                </c:pt>
                <c:pt idx="1694">
                  <c:v>16.904</c:v>
                </c:pt>
                <c:pt idx="1695">
                  <c:v>16.914000000000001</c:v>
                </c:pt>
                <c:pt idx="1696">
                  <c:v>16.923999999999999</c:v>
                </c:pt>
                <c:pt idx="1697">
                  <c:v>16.934000000000001</c:v>
                </c:pt>
                <c:pt idx="1698">
                  <c:v>16.943999999999999</c:v>
                </c:pt>
                <c:pt idx="1699">
                  <c:v>16.954000000000001</c:v>
                </c:pt>
                <c:pt idx="1700">
                  <c:v>16.963999999999999</c:v>
                </c:pt>
                <c:pt idx="1701">
                  <c:v>16.974</c:v>
                </c:pt>
                <c:pt idx="1702">
                  <c:v>16.984000000000002</c:v>
                </c:pt>
                <c:pt idx="1703">
                  <c:v>17.027999999999999</c:v>
                </c:pt>
                <c:pt idx="1704">
                  <c:v>17.038</c:v>
                </c:pt>
                <c:pt idx="1705">
                  <c:v>17.047999999999998</c:v>
                </c:pt>
                <c:pt idx="1706">
                  <c:v>17.058</c:v>
                </c:pt>
                <c:pt idx="1707">
                  <c:v>17.068000000000001</c:v>
                </c:pt>
                <c:pt idx="1708">
                  <c:v>17.077999999999999</c:v>
                </c:pt>
                <c:pt idx="1709">
                  <c:v>17.087</c:v>
                </c:pt>
                <c:pt idx="1710">
                  <c:v>17.097999999999999</c:v>
                </c:pt>
                <c:pt idx="1711">
                  <c:v>17.108000000000001</c:v>
                </c:pt>
                <c:pt idx="1712">
                  <c:v>17.117999999999999</c:v>
                </c:pt>
                <c:pt idx="1713">
                  <c:v>17.128</c:v>
                </c:pt>
                <c:pt idx="1714">
                  <c:v>17.138999999999999</c:v>
                </c:pt>
                <c:pt idx="1715">
                  <c:v>17.148</c:v>
                </c:pt>
                <c:pt idx="1716">
                  <c:v>17.158000000000001</c:v>
                </c:pt>
                <c:pt idx="1717">
                  <c:v>17.169</c:v>
                </c:pt>
                <c:pt idx="1718">
                  <c:v>17.178999999999998</c:v>
                </c:pt>
                <c:pt idx="1719">
                  <c:v>17.187999999999999</c:v>
                </c:pt>
                <c:pt idx="1720">
                  <c:v>17.199000000000002</c:v>
                </c:pt>
                <c:pt idx="1721">
                  <c:v>17.207999999999998</c:v>
                </c:pt>
                <c:pt idx="1722">
                  <c:v>17.218</c:v>
                </c:pt>
                <c:pt idx="1723">
                  <c:v>17.228000000000002</c:v>
                </c:pt>
                <c:pt idx="1724">
                  <c:v>17.239000000000001</c:v>
                </c:pt>
                <c:pt idx="1725">
                  <c:v>17.248000000000001</c:v>
                </c:pt>
                <c:pt idx="1726">
                  <c:v>17.257999999999999</c:v>
                </c:pt>
                <c:pt idx="1727">
                  <c:v>17.268000000000001</c:v>
                </c:pt>
                <c:pt idx="1728">
                  <c:v>17.277999999999999</c:v>
                </c:pt>
                <c:pt idx="1729">
                  <c:v>17.288</c:v>
                </c:pt>
                <c:pt idx="1730">
                  <c:v>17.297999999999998</c:v>
                </c:pt>
                <c:pt idx="1731">
                  <c:v>17.308</c:v>
                </c:pt>
                <c:pt idx="1732">
                  <c:v>17.318000000000001</c:v>
                </c:pt>
                <c:pt idx="1733">
                  <c:v>17.329000000000001</c:v>
                </c:pt>
                <c:pt idx="1734">
                  <c:v>17.338999999999999</c:v>
                </c:pt>
                <c:pt idx="1735">
                  <c:v>17.349</c:v>
                </c:pt>
                <c:pt idx="1736">
                  <c:v>17.358000000000001</c:v>
                </c:pt>
                <c:pt idx="1737">
                  <c:v>17.369</c:v>
                </c:pt>
                <c:pt idx="1738">
                  <c:v>17.378</c:v>
                </c:pt>
                <c:pt idx="1739">
                  <c:v>17.388999999999999</c:v>
                </c:pt>
                <c:pt idx="1740">
                  <c:v>17.399000000000001</c:v>
                </c:pt>
                <c:pt idx="1741">
                  <c:v>17.408999999999999</c:v>
                </c:pt>
                <c:pt idx="1742">
                  <c:v>17.417999999999999</c:v>
                </c:pt>
                <c:pt idx="1743">
                  <c:v>17.428000000000001</c:v>
                </c:pt>
                <c:pt idx="1744">
                  <c:v>17.439</c:v>
                </c:pt>
                <c:pt idx="1745">
                  <c:v>17.448</c:v>
                </c:pt>
                <c:pt idx="1746">
                  <c:v>17.457999999999998</c:v>
                </c:pt>
                <c:pt idx="1747">
                  <c:v>17.468</c:v>
                </c:pt>
                <c:pt idx="1748">
                  <c:v>17.478000000000002</c:v>
                </c:pt>
                <c:pt idx="1749">
                  <c:v>17.488</c:v>
                </c:pt>
                <c:pt idx="1750">
                  <c:v>17.498999999999999</c:v>
                </c:pt>
                <c:pt idx="1751">
                  <c:v>17.509</c:v>
                </c:pt>
                <c:pt idx="1752">
                  <c:v>17.518000000000001</c:v>
                </c:pt>
                <c:pt idx="1753">
                  <c:v>17.527999999999999</c:v>
                </c:pt>
                <c:pt idx="1754">
                  <c:v>17.539000000000001</c:v>
                </c:pt>
                <c:pt idx="1755">
                  <c:v>17.547999999999998</c:v>
                </c:pt>
                <c:pt idx="1756">
                  <c:v>17.556999999999999</c:v>
                </c:pt>
                <c:pt idx="1757">
                  <c:v>17.567</c:v>
                </c:pt>
                <c:pt idx="1758">
                  <c:v>17.577999999999999</c:v>
                </c:pt>
                <c:pt idx="1759">
                  <c:v>17.587</c:v>
                </c:pt>
                <c:pt idx="1760">
                  <c:v>17.597000000000001</c:v>
                </c:pt>
                <c:pt idx="1761">
                  <c:v>17.608000000000001</c:v>
                </c:pt>
                <c:pt idx="1762">
                  <c:v>17.617000000000001</c:v>
                </c:pt>
                <c:pt idx="1763">
                  <c:v>17.626000000000001</c:v>
                </c:pt>
                <c:pt idx="1764">
                  <c:v>17.637</c:v>
                </c:pt>
                <c:pt idx="1765">
                  <c:v>17.646000000000001</c:v>
                </c:pt>
                <c:pt idx="1766">
                  <c:v>17.657</c:v>
                </c:pt>
                <c:pt idx="1767">
                  <c:v>17.666</c:v>
                </c:pt>
                <c:pt idx="1768">
                  <c:v>17.677</c:v>
                </c:pt>
                <c:pt idx="1769">
                  <c:v>17.687000000000001</c:v>
                </c:pt>
                <c:pt idx="1770">
                  <c:v>17.696999999999999</c:v>
                </c:pt>
                <c:pt idx="1771">
                  <c:v>17.707000000000001</c:v>
                </c:pt>
                <c:pt idx="1772">
                  <c:v>17.718</c:v>
                </c:pt>
                <c:pt idx="1773">
                  <c:v>17.727</c:v>
                </c:pt>
                <c:pt idx="1774">
                  <c:v>17.736999999999998</c:v>
                </c:pt>
                <c:pt idx="1775">
                  <c:v>17.747</c:v>
                </c:pt>
                <c:pt idx="1776">
                  <c:v>17.757000000000001</c:v>
                </c:pt>
                <c:pt idx="1777">
                  <c:v>17.765999999999998</c:v>
                </c:pt>
                <c:pt idx="1778">
                  <c:v>17.777000000000001</c:v>
                </c:pt>
                <c:pt idx="1779">
                  <c:v>17.786999999999999</c:v>
                </c:pt>
                <c:pt idx="1780">
                  <c:v>17.795999999999999</c:v>
                </c:pt>
                <c:pt idx="1781">
                  <c:v>17.806999999999999</c:v>
                </c:pt>
                <c:pt idx="1782">
                  <c:v>17.817</c:v>
                </c:pt>
                <c:pt idx="1783">
                  <c:v>17.826000000000001</c:v>
                </c:pt>
                <c:pt idx="1784">
                  <c:v>17.837</c:v>
                </c:pt>
                <c:pt idx="1785">
                  <c:v>17.846</c:v>
                </c:pt>
                <c:pt idx="1786">
                  <c:v>17.856000000000002</c:v>
                </c:pt>
                <c:pt idx="1787">
                  <c:v>17.867000000000001</c:v>
                </c:pt>
                <c:pt idx="1788">
                  <c:v>17.876000000000001</c:v>
                </c:pt>
                <c:pt idx="1789">
                  <c:v>17.885999999999999</c:v>
                </c:pt>
                <c:pt idx="1790">
                  <c:v>17.895</c:v>
                </c:pt>
                <c:pt idx="1791">
                  <c:v>17.905999999999999</c:v>
                </c:pt>
                <c:pt idx="1792">
                  <c:v>17.916</c:v>
                </c:pt>
                <c:pt idx="1793">
                  <c:v>17.925000000000001</c:v>
                </c:pt>
                <c:pt idx="1794">
                  <c:v>17.934999999999999</c:v>
                </c:pt>
                <c:pt idx="1795">
                  <c:v>17.946000000000002</c:v>
                </c:pt>
                <c:pt idx="1796">
                  <c:v>17.954999999999998</c:v>
                </c:pt>
                <c:pt idx="1797">
                  <c:v>17.966000000000001</c:v>
                </c:pt>
                <c:pt idx="1798">
                  <c:v>17.975000000000001</c:v>
                </c:pt>
                <c:pt idx="1799">
                  <c:v>17.984999999999999</c:v>
                </c:pt>
                <c:pt idx="1800">
                  <c:v>17.995999999999999</c:v>
                </c:pt>
                <c:pt idx="1801">
                  <c:v>18.004999999999999</c:v>
                </c:pt>
                <c:pt idx="1802">
                  <c:v>18.015000000000001</c:v>
                </c:pt>
                <c:pt idx="1803">
                  <c:v>18.026</c:v>
                </c:pt>
                <c:pt idx="1804">
                  <c:v>18.035</c:v>
                </c:pt>
                <c:pt idx="1805">
                  <c:v>18.045000000000002</c:v>
                </c:pt>
                <c:pt idx="1806">
                  <c:v>18.055</c:v>
                </c:pt>
                <c:pt idx="1807">
                  <c:v>18.062999999999999</c:v>
                </c:pt>
                <c:pt idx="1808">
                  <c:v>18.073</c:v>
                </c:pt>
                <c:pt idx="1809">
                  <c:v>18.082000000000001</c:v>
                </c:pt>
                <c:pt idx="1810">
                  <c:v>18.091999999999999</c:v>
                </c:pt>
                <c:pt idx="1811">
                  <c:v>18.100999999999999</c:v>
                </c:pt>
                <c:pt idx="1812">
                  <c:v>18.111000000000001</c:v>
                </c:pt>
                <c:pt idx="1813">
                  <c:v>18.122</c:v>
                </c:pt>
                <c:pt idx="1814">
                  <c:v>18.131</c:v>
                </c:pt>
                <c:pt idx="1815">
                  <c:v>18.141999999999999</c:v>
                </c:pt>
                <c:pt idx="1816">
                  <c:v>18.151</c:v>
                </c:pt>
                <c:pt idx="1817">
                  <c:v>18.161999999999999</c:v>
                </c:pt>
                <c:pt idx="1818">
                  <c:v>18.172999999999998</c:v>
                </c:pt>
                <c:pt idx="1819">
                  <c:v>18.181999999999999</c:v>
                </c:pt>
                <c:pt idx="1820">
                  <c:v>18.192</c:v>
                </c:pt>
                <c:pt idx="1821">
                  <c:v>18.201000000000001</c:v>
                </c:pt>
                <c:pt idx="1822">
                  <c:v>18.212</c:v>
                </c:pt>
                <c:pt idx="1823">
                  <c:v>18.221</c:v>
                </c:pt>
                <c:pt idx="1824">
                  <c:v>18.231000000000002</c:v>
                </c:pt>
                <c:pt idx="1825">
                  <c:v>18.242000000000001</c:v>
                </c:pt>
                <c:pt idx="1826">
                  <c:v>18.251000000000001</c:v>
                </c:pt>
                <c:pt idx="1827">
                  <c:v>18.262</c:v>
                </c:pt>
                <c:pt idx="1828">
                  <c:v>18.271000000000001</c:v>
                </c:pt>
                <c:pt idx="1829">
                  <c:v>18.282</c:v>
                </c:pt>
                <c:pt idx="1830">
                  <c:v>18.292000000000002</c:v>
                </c:pt>
                <c:pt idx="1831">
                  <c:v>18.302</c:v>
                </c:pt>
                <c:pt idx="1832">
                  <c:v>18.312000000000001</c:v>
                </c:pt>
                <c:pt idx="1833">
                  <c:v>18.323</c:v>
                </c:pt>
                <c:pt idx="1834">
                  <c:v>18.335999999999999</c:v>
                </c:pt>
                <c:pt idx="1835">
                  <c:v>18.346</c:v>
                </c:pt>
                <c:pt idx="1836">
                  <c:v>18.358000000000001</c:v>
                </c:pt>
                <c:pt idx="1837">
                  <c:v>18.37</c:v>
                </c:pt>
                <c:pt idx="1838">
                  <c:v>18.38</c:v>
                </c:pt>
                <c:pt idx="1839">
                  <c:v>18.39</c:v>
                </c:pt>
                <c:pt idx="1840">
                  <c:v>18.399999999999999</c:v>
                </c:pt>
                <c:pt idx="1841">
                  <c:v>18.41</c:v>
                </c:pt>
                <c:pt idx="1842">
                  <c:v>18.419</c:v>
                </c:pt>
                <c:pt idx="1843">
                  <c:v>18.428999999999998</c:v>
                </c:pt>
                <c:pt idx="1844">
                  <c:v>18.439</c:v>
                </c:pt>
                <c:pt idx="1845">
                  <c:v>18.449000000000002</c:v>
                </c:pt>
                <c:pt idx="1846">
                  <c:v>18.46</c:v>
                </c:pt>
                <c:pt idx="1847">
                  <c:v>18.469000000000001</c:v>
                </c:pt>
                <c:pt idx="1848">
                  <c:v>18.48</c:v>
                </c:pt>
                <c:pt idx="1849">
                  <c:v>18.491</c:v>
                </c:pt>
                <c:pt idx="1850">
                  <c:v>18.5</c:v>
                </c:pt>
                <c:pt idx="1851">
                  <c:v>18.510000000000002</c:v>
                </c:pt>
                <c:pt idx="1852">
                  <c:v>18.521000000000001</c:v>
                </c:pt>
                <c:pt idx="1853">
                  <c:v>18.53</c:v>
                </c:pt>
                <c:pt idx="1854">
                  <c:v>18.54</c:v>
                </c:pt>
                <c:pt idx="1855">
                  <c:v>18.55</c:v>
                </c:pt>
                <c:pt idx="1856">
                  <c:v>18.559000000000001</c:v>
                </c:pt>
                <c:pt idx="1857">
                  <c:v>18.57</c:v>
                </c:pt>
                <c:pt idx="1858">
                  <c:v>18.579000000000001</c:v>
                </c:pt>
                <c:pt idx="1859">
                  <c:v>18.59</c:v>
                </c:pt>
                <c:pt idx="1860">
                  <c:v>18.599</c:v>
                </c:pt>
                <c:pt idx="1861">
                  <c:v>18.609000000000002</c:v>
                </c:pt>
                <c:pt idx="1862">
                  <c:v>18.619</c:v>
                </c:pt>
                <c:pt idx="1863">
                  <c:v>18.629000000000001</c:v>
                </c:pt>
                <c:pt idx="1864">
                  <c:v>18.638999999999999</c:v>
                </c:pt>
                <c:pt idx="1865">
                  <c:v>18.649000000000001</c:v>
                </c:pt>
                <c:pt idx="1866">
                  <c:v>18.658999999999999</c:v>
                </c:pt>
                <c:pt idx="1867">
                  <c:v>18.669</c:v>
                </c:pt>
                <c:pt idx="1868">
                  <c:v>18.678999999999998</c:v>
                </c:pt>
                <c:pt idx="1869">
                  <c:v>18.689</c:v>
                </c:pt>
                <c:pt idx="1870">
                  <c:v>18.699000000000002</c:v>
                </c:pt>
                <c:pt idx="1871">
                  <c:v>18.707999999999998</c:v>
                </c:pt>
                <c:pt idx="1872">
                  <c:v>18.707999999999998</c:v>
                </c:pt>
                <c:pt idx="1873">
                  <c:v>18.707999999999998</c:v>
                </c:pt>
                <c:pt idx="1874">
                  <c:v>18.707999999999998</c:v>
                </c:pt>
                <c:pt idx="1875">
                  <c:v>18.716000000000001</c:v>
                </c:pt>
                <c:pt idx="1876">
                  <c:v>18.725999999999999</c:v>
                </c:pt>
                <c:pt idx="1877">
                  <c:v>18.734999999999999</c:v>
                </c:pt>
                <c:pt idx="1878">
                  <c:v>18.744</c:v>
                </c:pt>
                <c:pt idx="1879">
                  <c:v>18.754999999999999</c:v>
                </c:pt>
                <c:pt idx="1880">
                  <c:v>18.763999999999999</c:v>
                </c:pt>
                <c:pt idx="1881">
                  <c:v>18.774000000000001</c:v>
                </c:pt>
                <c:pt idx="1882">
                  <c:v>18.785</c:v>
                </c:pt>
                <c:pt idx="1883">
                  <c:v>18.794</c:v>
                </c:pt>
                <c:pt idx="1884">
                  <c:v>18.805</c:v>
                </c:pt>
                <c:pt idx="1885">
                  <c:v>18.809000000000001</c:v>
                </c:pt>
                <c:pt idx="1886">
                  <c:v>18.809000000000001</c:v>
                </c:pt>
                <c:pt idx="1887">
                  <c:v>18.809000000000001</c:v>
                </c:pt>
                <c:pt idx="1888">
                  <c:v>18.809000000000001</c:v>
                </c:pt>
                <c:pt idx="1889">
                  <c:v>18.812000000000001</c:v>
                </c:pt>
                <c:pt idx="1890">
                  <c:v>18.821000000000002</c:v>
                </c:pt>
                <c:pt idx="1891">
                  <c:v>18.832000000000001</c:v>
                </c:pt>
                <c:pt idx="1892">
                  <c:v>18.841999999999999</c:v>
                </c:pt>
                <c:pt idx="1893">
                  <c:v>18.853000000000002</c:v>
                </c:pt>
                <c:pt idx="1894">
                  <c:v>18.861999999999998</c:v>
                </c:pt>
                <c:pt idx="1895">
                  <c:v>18.870999999999999</c:v>
                </c:pt>
                <c:pt idx="1896">
                  <c:v>18.882000000000001</c:v>
                </c:pt>
                <c:pt idx="1897">
                  <c:v>18.891999999999999</c:v>
                </c:pt>
                <c:pt idx="1898">
                  <c:v>18.901</c:v>
                </c:pt>
                <c:pt idx="1899">
                  <c:v>18.911999999999999</c:v>
                </c:pt>
                <c:pt idx="1900">
                  <c:v>18.920999999999999</c:v>
                </c:pt>
                <c:pt idx="1901">
                  <c:v>18.931000000000001</c:v>
                </c:pt>
                <c:pt idx="1902">
                  <c:v>18.942</c:v>
                </c:pt>
                <c:pt idx="1903">
                  <c:v>18.986000000000001</c:v>
                </c:pt>
                <c:pt idx="1904">
                  <c:v>18.995000000000001</c:v>
                </c:pt>
                <c:pt idx="1905">
                  <c:v>19.004999999999999</c:v>
                </c:pt>
                <c:pt idx="1906">
                  <c:v>19.015000000000001</c:v>
                </c:pt>
                <c:pt idx="1907">
                  <c:v>19.024999999999999</c:v>
                </c:pt>
                <c:pt idx="1908">
                  <c:v>19.035</c:v>
                </c:pt>
                <c:pt idx="1909">
                  <c:v>19.045000000000002</c:v>
                </c:pt>
                <c:pt idx="1910">
                  <c:v>19.055</c:v>
                </c:pt>
                <c:pt idx="1911">
                  <c:v>19.065000000000001</c:v>
                </c:pt>
                <c:pt idx="1912">
                  <c:v>19.074999999999999</c:v>
                </c:pt>
                <c:pt idx="1913">
                  <c:v>19.085000000000001</c:v>
                </c:pt>
                <c:pt idx="1914">
                  <c:v>19.094999999999999</c:v>
                </c:pt>
                <c:pt idx="1915">
                  <c:v>19.103999999999999</c:v>
                </c:pt>
                <c:pt idx="1916">
                  <c:v>19.114000000000001</c:v>
                </c:pt>
                <c:pt idx="1917">
                  <c:v>19.123999999999999</c:v>
                </c:pt>
                <c:pt idx="1918">
                  <c:v>19.134</c:v>
                </c:pt>
                <c:pt idx="1919">
                  <c:v>19.143999999999998</c:v>
                </c:pt>
                <c:pt idx="1920">
                  <c:v>19.152999999999999</c:v>
                </c:pt>
                <c:pt idx="1921">
                  <c:v>19.164000000000001</c:v>
                </c:pt>
                <c:pt idx="1922">
                  <c:v>19.172999999999998</c:v>
                </c:pt>
                <c:pt idx="1923">
                  <c:v>19.183</c:v>
                </c:pt>
                <c:pt idx="1924">
                  <c:v>19.193999999999999</c:v>
                </c:pt>
                <c:pt idx="1925">
                  <c:v>19.202999999999999</c:v>
                </c:pt>
                <c:pt idx="1926">
                  <c:v>19.213000000000001</c:v>
                </c:pt>
                <c:pt idx="1927">
                  <c:v>19.222999999999999</c:v>
                </c:pt>
                <c:pt idx="1928">
                  <c:v>19.233000000000001</c:v>
                </c:pt>
                <c:pt idx="1929">
                  <c:v>19.291</c:v>
                </c:pt>
                <c:pt idx="1930">
                  <c:v>19.309999999999999</c:v>
                </c:pt>
                <c:pt idx="1931">
                  <c:v>19.327000000000002</c:v>
                </c:pt>
                <c:pt idx="1932">
                  <c:v>19.343</c:v>
                </c:pt>
                <c:pt idx="1933">
                  <c:v>19.359000000000002</c:v>
                </c:pt>
                <c:pt idx="1934">
                  <c:v>19.375</c:v>
                </c:pt>
                <c:pt idx="1935">
                  <c:v>19.393000000000001</c:v>
                </c:pt>
                <c:pt idx="1936">
                  <c:v>19.408999999999999</c:v>
                </c:pt>
                <c:pt idx="1937">
                  <c:v>19.423999999999999</c:v>
                </c:pt>
                <c:pt idx="1938">
                  <c:v>19.439</c:v>
                </c:pt>
                <c:pt idx="1939">
                  <c:v>19.457999999999998</c:v>
                </c:pt>
                <c:pt idx="1940">
                  <c:v>19.474</c:v>
                </c:pt>
                <c:pt idx="1941">
                  <c:v>19.489999999999998</c:v>
                </c:pt>
                <c:pt idx="1942">
                  <c:v>19.507999999999999</c:v>
                </c:pt>
                <c:pt idx="1943">
                  <c:v>19.524999999999999</c:v>
                </c:pt>
                <c:pt idx="1944">
                  <c:v>19.588000000000001</c:v>
                </c:pt>
                <c:pt idx="1945">
                  <c:v>19.599</c:v>
                </c:pt>
                <c:pt idx="1946">
                  <c:v>19.608000000000001</c:v>
                </c:pt>
                <c:pt idx="1947">
                  <c:v>19.664000000000001</c:v>
                </c:pt>
                <c:pt idx="1948">
                  <c:v>19.672999999999998</c:v>
                </c:pt>
                <c:pt idx="1949">
                  <c:v>19.683</c:v>
                </c:pt>
                <c:pt idx="1950">
                  <c:v>19.693000000000001</c:v>
                </c:pt>
                <c:pt idx="1951">
                  <c:v>19.702999999999999</c:v>
                </c:pt>
                <c:pt idx="1952">
                  <c:v>19.713000000000001</c:v>
                </c:pt>
                <c:pt idx="1953">
                  <c:v>19.722999999999999</c:v>
                </c:pt>
                <c:pt idx="1954">
                  <c:v>19.733000000000001</c:v>
                </c:pt>
                <c:pt idx="1955">
                  <c:v>19.742999999999999</c:v>
                </c:pt>
                <c:pt idx="1956">
                  <c:v>19.753</c:v>
                </c:pt>
                <c:pt idx="1957">
                  <c:v>19.763000000000002</c:v>
                </c:pt>
                <c:pt idx="1958">
                  <c:v>19.771999999999998</c:v>
                </c:pt>
                <c:pt idx="1959">
                  <c:v>19.782</c:v>
                </c:pt>
                <c:pt idx="1960">
                  <c:v>19.792000000000002</c:v>
                </c:pt>
                <c:pt idx="1961">
                  <c:v>19.802</c:v>
                </c:pt>
                <c:pt idx="1962">
                  <c:v>19.812000000000001</c:v>
                </c:pt>
                <c:pt idx="1963">
                  <c:v>19.821999999999999</c:v>
                </c:pt>
                <c:pt idx="1964">
                  <c:v>19.832000000000001</c:v>
                </c:pt>
                <c:pt idx="1965">
                  <c:v>19.841999999999999</c:v>
                </c:pt>
                <c:pt idx="1966">
                  <c:v>19.853000000000002</c:v>
                </c:pt>
                <c:pt idx="1967">
                  <c:v>19.863</c:v>
                </c:pt>
                <c:pt idx="1968">
                  <c:v>19.873000000000001</c:v>
                </c:pt>
                <c:pt idx="1969">
                  <c:v>19.882999999999999</c:v>
                </c:pt>
                <c:pt idx="1970">
                  <c:v>19.891999999999999</c:v>
                </c:pt>
                <c:pt idx="1971">
                  <c:v>19.902000000000001</c:v>
                </c:pt>
                <c:pt idx="1972">
                  <c:v>19.913</c:v>
                </c:pt>
                <c:pt idx="1973">
                  <c:v>19.922000000000001</c:v>
                </c:pt>
                <c:pt idx="1974">
                  <c:v>19.933</c:v>
                </c:pt>
                <c:pt idx="1975">
                  <c:v>19.942</c:v>
                </c:pt>
                <c:pt idx="1976">
                  <c:v>19.952000000000002</c:v>
                </c:pt>
                <c:pt idx="1977">
                  <c:v>19.962</c:v>
                </c:pt>
                <c:pt idx="1978">
                  <c:v>19.972000000000001</c:v>
                </c:pt>
                <c:pt idx="1979">
                  <c:v>19.981999999999999</c:v>
                </c:pt>
                <c:pt idx="1980">
                  <c:v>19.992999999999999</c:v>
                </c:pt>
                <c:pt idx="1981">
                  <c:v>20.001999999999999</c:v>
                </c:pt>
                <c:pt idx="1982">
                  <c:v>20.012</c:v>
                </c:pt>
                <c:pt idx="1983">
                  <c:v>20.021999999999998</c:v>
                </c:pt>
                <c:pt idx="1984">
                  <c:v>20.033000000000001</c:v>
                </c:pt>
                <c:pt idx="1985">
                  <c:v>20.042999999999999</c:v>
                </c:pt>
                <c:pt idx="1986">
                  <c:v>20.053000000000001</c:v>
                </c:pt>
                <c:pt idx="1987">
                  <c:v>20.062000000000001</c:v>
                </c:pt>
                <c:pt idx="1988">
                  <c:v>20.071999999999999</c:v>
                </c:pt>
                <c:pt idx="1989">
                  <c:v>20.082000000000001</c:v>
                </c:pt>
                <c:pt idx="1990">
                  <c:v>20.091999999999999</c:v>
                </c:pt>
                <c:pt idx="1991">
                  <c:v>20.102</c:v>
                </c:pt>
                <c:pt idx="1992">
                  <c:v>20.111999999999998</c:v>
                </c:pt>
                <c:pt idx="1993">
                  <c:v>20.122</c:v>
                </c:pt>
                <c:pt idx="1994">
                  <c:v>20.131</c:v>
                </c:pt>
                <c:pt idx="1995">
                  <c:v>20.140999999999998</c:v>
                </c:pt>
                <c:pt idx="1996">
                  <c:v>20.152000000000001</c:v>
                </c:pt>
                <c:pt idx="1997">
                  <c:v>20.161999999999999</c:v>
                </c:pt>
                <c:pt idx="1998">
                  <c:v>20.172000000000001</c:v>
                </c:pt>
                <c:pt idx="1999">
                  <c:v>20.181999999999999</c:v>
                </c:pt>
                <c:pt idx="2000">
                  <c:v>20.190999999999999</c:v>
                </c:pt>
                <c:pt idx="2001">
                  <c:v>20.201000000000001</c:v>
                </c:pt>
                <c:pt idx="2002">
                  <c:v>20.212</c:v>
                </c:pt>
                <c:pt idx="2003">
                  <c:v>20.222000000000001</c:v>
                </c:pt>
                <c:pt idx="2004">
                  <c:v>20.231000000000002</c:v>
                </c:pt>
                <c:pt idx="2005">
                  <c:v>20.241</c:v>
                </c:pt>
                <c:pt idx="2006">
                  <c:v>20.251000000000001</c:v>
                </c:pt>
                <c:pt idx="2007">
                  <c:v>20.260999999999999</c:v>
                </c:pt>
                <c:pt idx="2008">
                  <c:v>20.271000000000001</c:v>
                </c:pt>
                <c:pt idx="2009">
                  <c:v>20.280999999999999</c:v>
                </c:pt>
                <c:pt idx="2010">
                  <c:v>20.291</c:v>
                </c:pt>
                <c:pt idx="2011">
                  <c:v>20.300999999999998</c:v>
                </c:pt>
                <c:pt idx="2012">
                  <c:v>20.311</c:v>
                </c:pt>
                <c:pt idx="2013">
                  <c:v>20.32</c:v>
                </c:pt>
                <c:pt idx="2014">
                  <c:v>20.329999999999998</c:v>
                </c:pt>
                <c:pt idx="2015">
                  <c:v>20.341000000000001</c:v>
                </c:pt>
                <c:pt idx="2016">
                  <c:v>20.350999999999999</c:v>
                </c:pt>
                <c:pt idx="2017">
                  <c:v>20.36</c:v>
                </c:pt>
                <c:pt idx="2018">
                  <c:v>20.37</c:v>
                </c:pt>
                <c:pt idx="2019">
                  <c:v>20.379000000000001</c:v>
                </c:pt>
                <c:pt idx="2020">
                  <c:v>20.388999999999999</c:v>
                </c:pt>
                <c:pt idx="2021">
                  <c:v>20.399999999999999</c:v>
                </c:pt>
                <c:pt idx="2022">
                  <c:v>20.408999999999999</c:v>
                </c:pt>
                <c:pt idx="2023">
                  <c:v>20.419</c:v>
                </c:pt>
                <c:pt idx="2024">
                  <c:v>20.428999999999998</c:v>
                </c:pt>
                <c:pt idx="2025">
                  <c:v>20.437999999999999</c:v>
                </c:pt>
                <c:pt idx="2026">
                  <c:v>20.448</c:v>
                </c:pt>
                <c:pt idx="2027">
                  <c:v>20.457999999999998</c:v>
                </c:pt>
                <c:pt idx="2028">
                  <c:v>20.468</c:v>
                </c:pt>
                <c:pt idx="2029">
                  <c:v>20.478000000000002</c:v>
                </c:pt>
                <c:pt idx="2030">
                  <c:v>20.486999999999998</c:v>
                </c:pt>
                <c:pt idx="2031">
                  <c:v>20.497</c:v>
                </c:pt>
                <c:pt idx="2032">
                  <c:v>20.507999999999999</c:v>
                </c:pt>
                <c:pt idx="2033">
                  <c:v>20.516999999999999</c:v>
                </c:pt>
                <c:pt idx="2034">
                  <c:v>20.527000000000001</c:v>
                </c:pt>
                <c:pt idx="2035">
                  <c:v>20.536999999999999</c:v>
                </c:pt>
                <c:pt idx="2036">
                  <c:v>20.544</c:v>
                </c:pt>
                <c:pt idx="2037">
                  <c:v>20.544</c:v>
                </c:pt>
                <c:pt idx="2038">
                  <c:v>20.544</c:v>
                </c:pt>
                <c:pt idx="2039">
                  <c:v>20.544</c:v>
                </c:pt>
                <c:pt idx="2040">
                  <c:v>20.547999999999998</c:v>
                </c:pt>
                <c:pt idx="2041">
                  <c:v>20.556999999999999</c:v>
                </c:pt>
                <c:pt idx="2042">
                  <c:v>20.565999999999999</c:v>
                </c:pt>
                <c:pt idx="2043">
                  <c:v>20.576000000000001</c:v>
                </c:pt>
                <c:pt idx="2044">
                  <c:v>20.585000000000001</c:v>
                </c:pt>
                <c:pt idx="2045">
                  <c:v>20.594999999999999</c:v>
                </c:pt>
                <c:pt idx="2046">
                  <c:v>20.603999999999999</c:v>
                </c:pt>
                <c:pt idx="2047">
                  <c:v>20.661000000000001</c:v>
                </c:pt>
                <c:pt idx="2048">
                  <c:v>20.670999999999999</c:v>
                </c:pt>
                <c:pt idx="2049">
                  <c:v>20.681000000000001</c:v>
                </c:pt>
                <c:pt idx="2050">
                  <c:v>20.69</c:v>
                </c:pt>
                <c:pt idx="2051">
                  <c:v>20.701000000000001</c:v>
                </c:pt>
                <c:pt idx="2052">
                  <c:v>20.71</c:v>
                </c:pt>
                <c:pt idx="2053">
                  <c:v>20.719000000000001</c:v>
                </c:pt>
                <c:pt idx="2054">
                  <c:v>20.73</c:v>
                </c:pt>
                <c:pt idx="2055">
                  <c:v>20.739000000000001</c:v>
                </c:pt>
                <c:pt idx="2056">
                  <c:v>20.748999999999999</c:v>
                </c:pt>
                <c:pt idx="2057">
                  <c:v>20.757999999999999</c:v>
                </c:pt>
                <c:pt idx="2058">
                  <c:v>20.768000000000001</c:v>
                </c:pt>
                <c:pt idx="2059">
                  <c:v>20.773</c:v>
                </c:pt>
                <c:pt idx="2060">
                  <c:v>20.773</c:v>
                </c:pt>
                <c:pt idx="2061">
                  <c:v>20.777000000000001</c:v>
                </c:pt>
                <c:pt idx="2062">
                  <c:v>20.786000000000001</c:v>
                </c:pt>
                <c:pt idx="2063">
                  <c:v>20.795000000000002</c:v>
                </c:pt>
                <c:pt idx="2064">
                  <c:v>20.805</c:v>
                </c:pt>
                <c:pt idx="2065">
                  <c:v>20.815000000000001</c:v>
                </c:pt>
                <c:pt idx="2066">
                  <c:v>20.824999999999999</c:v>
                </c:pt>
                <c:pt idx="2067">
                  <c:v>20.834</c:v>
                </c:pt>
                <c:pt idx="2068">
                  <c:v>20.844000000000001</c:v>
                </c:pt>
                <c:pt idx="2069">
                  <c:v>20.853000000000002</c:v>
                </c:pt>
                <c:pt idx="2070">
                  <c:v>20.864000000000001</c:v>
                </c:pt>
                <c:pt idx="2071">
                  <c:v>20.873999999999999</c:v>
                </c:pt>
                <c:pt idx="2072">
                  <c:v>20.882999999999999</c:v>
                </c:pt>
                <c:pt idx="2073">
                  <c:v>20.893000000000001</c:v>
                </c:pt>
                <c:pt idx="2074">
                  <c:v>20.902000000000001</c:v>
                </c:pt>
                <c:pt idx="2075">
                  <c:v>20.904</c:v>
                </c:pt>
                <c:pt idx="2076">
                  <c:v>20.904</c:v>
                </c:pt>
                <c:pt idx="2077">
                  <c:v>20.908999999999999</c:v>
                </c:pt>
                <c:pt idx="2078">
                  <c:v>20.917000000000002</c:v>
                </c:pt>
                <c:pt idx="2079">
                  <c:v>20.928000000000001</c:v>
                </c:pt>
                <c:pt idx="2080">
                  <c:v>20.937000000000001</c:v>
                </c:pt>
                <c:pt idx="2081">
                  <c:v>20.946000000000002</c:v>
                </c:pt>
                <c:pt idx="2082">
                  <c:v>20.956</c:v>
                </c:pt>
                <c:pt idx="2083">
                  <c:v>20.965</c:v>
                </c:pt>
                <c:pt idx="2084">
                  <c:v>20.975000000000001</c:v>
                </c:pt>
                <c:pt idx="2085">
                  <c:v>20.984999999999999</c:v>
                </c:pt>
                <c:pt idx="2086">
                  <c:v>20.995000000000001</c:v>
                </c:pt>
                <c:pt idx="2087">
                  <c:v>21.006</c:v>
                </c:pt>
                <c:pt idx="2088">
                  <c:v>21.015000000000001</c:v>
                </c:pt>
                <c:pt idx="2089">
                  <c:v>21.024999999999999</c:v>
                </c:pt>
                <c:pt idx="2090">
                  <c:v>21.035</c:v>
                </c:pt>
                <c:pt idx="2091">
                  <c:v>21.045000000000002</c:v>
                </c:pt>
                <c:pt idx="2092">
                  <c:v>21.053999999999998</c:v>
                </c:pt>
                <c:pt idx="2093">
                  <c:v>21.064</c:v>
                </c:pt>
                <c:pt idx="2094">
                  <c:v>21.074000000000002</c:v>
                </c:pt>
                <c:pt idx="2095">
                  <c:v>21.082999999999998</c:v>
                </c:pt>
                <c:pt idx="2096">
                  <c:v>21.091999999999999</c:v>
                </c:pt>
                <c:pt idx="2097">
                  <c:v>21.102</c:v>
                </c:pt>
                <c:pt idx="2098">
                  <c:v>21.113</c:v>
                </c:pt>
                <c:pt idx="2099">
                  <c:v>21.122</c:v>
                </c:pt>
                <c:pt idx="2100">
                  <c:v>21.131</c:v>
                </c:pt>
                <c:pt idx="2101">
                  <c:v>21.14</c:v>
                </c:pt>
                <c:pt idx="2102">
                  <c:v>21.151</c:v>
                </c:pt>
                <c:pt idx="2103">
                  <c:v>21.161000000000001</c:v>
                </c:pt>
                <c:pt idx="2104">
                  <c:v>21.17</c:v>
                </c:pt>
                <c:pt idx="2105">
                  <c:v>21.18</c:v>
                </c:pt>
                <c:pt idx="2106">
                  <c:v>21.19</c:v>
                </c:pt>
                <c:pt idx="2107">
                  <c:v>21.2</c:v>
                </c:pt>
                <c:pt idx="2108">
                  <c:v>21.209</c:v>
                </c:pt>
                <c:pt idx="2109">
                  <c:v>21.219000000000001</c:v>
                </c:pt>
                <c:pt idx="2110">
                  <c:v>21.228999999999999</c:v>
                </c:pt>
                <c:pt idx="2111">
                  <c:v>21.239000000000001</c:v>
                </c:pt>
                <c:pt idx="2112">
                  <c:v>21.248000000000001</c:v>
                </c:pt>
                <c:pt idx="2113">
                  <c:v>21.257999999999999</c:v>
                </c:pt>
                <c:pt idx="2114">
                  <c:v>21.266999999999999</c:v>
                </c:pt>
                <c:pt idx="2115">
                  <c:v>21.277000000000001</c:v>
                </c:pt>
                <c:pt idx="2116">
                  <c:v>21.288</c:v>
                </c:pt>
                <c:pt idx="2117">
                  <c:v>21.297000000000001</c:v>
                </c:pt>
                <c:pt idx="2118">
                  <c:v>21.306999999999999</c:v>
                </c:pt>
                <c:pt idx="2119">
                  <c:v>21.317</c:v>
                </c:pt>
                <c:pt idx="2120">
                  <c:v>21.327000000000002</c:v>
                </c:pt>
                <c:pt idx="2121">
                  <c:v>21.335999999999999</c:v>
                </c:pt>
                <c:pt idx="2122">
                  <c:v>21.347000000000001</c:v>
                </c:pt>
                <c:pt idx="2123">
                  <c:v>21.356999999999999</c:v>
                </c:pt>
                <c:pt idx="2124">
                  <c:v>21.367000000000001</c:v>
                </c:pt>
                <c:pt idx="2125">
                  <c:v>21.376999999999999</c:v>
                </c:pt>
                <c:pt idx="2126">
                  <c:v>21.385999999999999</c:v>
                </c:pt>
                <c:pt idx="2127">
                  <c:v>21.396000000000001</c:v>
                </c:pt>
                <c:pt idx="2128">
                  <c:v>21.405000000000001</c:v>
                </c:pt>
                <c:pt idx="2129">
                  <c:v>21.416</c:v>
                </c:pt>
                <c:pt idx="2130">
                  <c:v>21.425999999999998</c:v>
                </c:pt>
                <c:pt idx="2131">
                  <c:v>21.436</c:v>
                </c:pt>
                <c:pt idx="2132">
                  <c:v>21.446000000000002</c:v>
                </c:pt>
                <c:pt idx="2133">
                  <c:v>21.454999999999998</c:v>
                </c:pt>
                <c:pt idx="2134">
                  <c:v>21.463999999999999</c:v>
                </c:pt>
                <c:pt idx="2135">
                  <c:v>21.474</c:v>
                </c:pt>
                <c:pt idx="2136">
                  <c:v>21.484000000000002</c:v>
                </c:pt>
                <c:pt idx="2137">
                  <c:v>21.494</c:v>
                </c:pt>
                <c:pt idx="2138">
                  <c:v>21.504999999999999</c:v>
                </c:pt>
                <c:pt idx="2139">
                  <c:v>21.515000000000001</c:v>
                </c:pt>
                <c:pt idx="2140">
                  <c:v>21.524000000000001</c:v>
                </c:pt>
                <c:pt idx="2141">
                  <c:v>21.533999999999999</c:v>
                </c:pt>
                <c:pt idx="2142">
                  <c:v>21.544</c:v>
                </c:pt>
                <c:pt idx="2143">
                  <c:v>21.553000000000001</c:v>
                </c:pt>
                <c:pt idx="2144">
                  <c:v>21.562999999999999</c:v>
                </c:pt>
                <c:pt idx="2145">
                  <c:v>21.573</c:v>
                </c:pt>
                <c:pt idx="2146">
                  <c:v>21.582000000000001</c:v>
                </c:pt>
                <c:pt idx="2147">
                  <c:v>21.593</c:v>
                </c:pt>
                <c:pt idx="2148">
                  <c:v>21.603000000000002</c:v>
                </c:pt>
                <c:pt idx="2149">
                  <c:v>21.611999999999998</c:v>
                </c:pt>
                <c:pt idx="2150">
                  <c:v>21.622</c:v>
                </c:pt>
                <c:pt idx="2151">
                  <c:v>21.632000000000001</c:v>
                </c:pt>
                <c:pt idx="2152">
                  <c:v>21.641999999999999</c:v>
                </c:pt>
                <c:pt idx="2153">
                  <c:v>21.651</c:v>
                </c:pt>
                <c:pt idx="2154">
                  <c:v>21.661999999999999</c:v>
                </c:pt>
                <c:pt idx="2155">
                  <c:v>21.672000000000001</c:v>
                </c:pt>
                <c:pt idx="2156">
                  <c:v>21.681000000000001</c:v>
                </c:pt>
                <c:pt idx="2157">
                  <c:v>21.692</c:v>
                </c:pt>
                <c:pt idx="2158">
                  <c:v>21.701000000000001</c:v>
                </c:pt>
                <c:pt idx="2159">
                  <c:v>21.71</c:v>
                </c:pt>
                <c:pt idx="2160">
                  <c:v>21.72</c:v>
                </c:pt>
                <c:pt idx="2161">
                  <c:v>21.728999999999999</c:v>
                </c:pt>
                <c:pt idx="2162">
                  <c:v>21.74</c:v>
                </c:pt>
                <c:pt idx="2163">
                  <c:v>21.748999999999999</c:v>
                </c:pt>
                <c:pt idx="2164">
                  <c:v>21.759</c:v>
                </c:pt>
                <c:pt idx="2165">
                  <c:v>21.768999999999998</c:v>
                </c:pt>
                <c:pt idx="2166">
                  <c:v>21.779</c:v>
                </c:pt>
                <c:pt idx="2167">
                  <c:v>21.789000000000001</c:v>
                </c:pt>
                <c:pt idx="2168">
                  <c:v>21.797999999999998</c:v>
                </c:pt>
                <c:pt idx="2169">
                  <c:v>21.809000000000001</c:v>
                </c:pt>
                <c:pt idx="2170">
                  <c:v>21.818000000000001</c:v>
                </c:pt>
                <c:pt idx="2171">
                  <c:v>21.827999999999999</c:v>
                </c:pt>
                <c:pt idx="2172">
                  <c:v>21.838000000000001</c:v>
                </c:pt>
                <c:pt idx="2173">
                  <c:v>21.847999999999999</c:v>
                </c:pt>
                <c:pt idx="2174">
                  <c:v>21.856999999999999</c:v>
                </c:pt>
                <c:pt idx="2175">
                  <c:v>21.867999999999999</c:v>
                </c:pt>
                <c:pt idx="2176">
                  <c:v>21.878</c:v>
                </c:pt>
                <c:pt idx="2177">
                  <c:v>21.888000000000002</c:v>
                </c:pt>
                <c:pt idx="2178">
                  <c:v>21.896999999999998</c:v>
                </c:pt>
                <c:pt idx="2179">
                  <c:v>21.907</c:v>
                </c:pt>
                <c:pt idx="2180">
                  <c:v>21.916</c:v>
                </c:pt>
                <c:pt idx="2181">
                  <c:v>21.925999999999998</c:v>
                </c:pt>
                <c:pt idx="2182">
                  <c:v>21.937000000000001</c:v>
                </c:pt>
                <c:pt idx="2183">
                  <c:v>21.946000000000002</c:v>
                </c:pt>
                <c:pt idx="2184">
                  <c:v>21.954999999999998</c:v>
                </c:pt>
                <c:pt idx="2185">
                  <c:v>21.966000000000001</c:v>
                </c:pt>
                <c:pt idx="2186">
                  <c:v>21.975000000000001</c:v>
                </c:pt>
                <c:pt idx="2187">
                  <c:v>21.984999999999999</c:v>
                </c:pt>
                <c:pt idx="2188">
                  <c:v>21.995999999999999</c:v>
                </c:pt>
                <c:pt idx="2189">
                  <c:v>22.004999999999999</c:v>
                </c:pt>
                <c:pt idx="2190">
                  <c:v>22.015000000000001</c:v>
                </c:pt>
                <c:pt idx="2191">
                  <c:v>22.024999999999999</c:v>
                </c:pt>
                <c:pt idx="2192">
                  <c:v>22.035</c:v>
                </c:pt>
                <c:pt idx="2193">
                  <c:v>22.045000000000002</c:v>
                </c:pt>
                <c:pt idx="2194">
                  <c:v>22.053999999999998</c:v>
                </c:pt>
                <c:pt idx="2195">
                  <c:v>22.064</c:v>
                </c:pt>
                <c:pt idx="2196">
                  <c:v>22.073</c:v>
                </c:pt>
                <c:pt idx="2197">
                  <c:v>22.084</c:v>
                </c:pt>
                <c:pt idx="2198">
                  <c:v>22.093</c:v>
                </c:pt>
                <c:pt idx="2199">
                  <c:v>22.103999999999999</c:v>
                </c:pt>
                <c:pt idx="2200">
                  <c:v>22.113</c:v>
                </c:pt>
                <c:pt idx="2201">
                  <c:v>22.123999999999999</c:v>
                </c:pt>
                <c:pt idx="2202">
                  <c:v>22.132999999999999</c:v>
                </c:pt>
                <c:pt idx="2203">
                  <c:v>22.143999999999998</c:v>
                </c:pt>
                <c:pt idx="2204">
                  <c:v>22.152999999999999</c:v>
                </c:pt>
                <c:pt idx="2205">
                  <c:v>22.163</c:v>
                </c:pt>
                <c:pt idx="2206">
                  <c:v>22.172999999999998</c:v>
                </c:pt>
                <c:pt idx="2207">
                  <c:v>22.181999999999999</c:v>
                </c:pt>
                <c:pt idx="2208">
                  <c:v>22.193000000000001</c:v>
                </c:pt>
                <c:pt idx="2209">
                  <c:v>22.202000000000002</c:v>
                </c:pt>
                <c:pt idx="2210">
                  <c:v>22.212</c:v>
                </c:pt>
                <c:pt idx="2211">
                  <c:v>22.222000000000001</c:v>
                </c:pt>
                <c:pt idx="2212">
                  <c:v>22.231999999999999</c:v>
                </c:pt>
                <c:pt idx="2213">
                  <c:v>22.241</c:v>
                </c:pt>
                <c:pt idx="2214">
                  <c:v>22.251000000000001</c:v>
                </c:pt>
                <c:pt idx="2215">
                  <c:v>22.260999999999999</c:v>
                </c:pt>
                <c:pt idx="2216">
                  <c:v>22.271000000000001</c:v>
                </c:pt>
                <c:pt idx="2217">
                  <c:v>22.28</c:v>
                </c:pt>
                <c:pt idx="2218">
                  <c:v>22.29</c:v>
                </c:pt>
                <c:pt idx="2219">
                  <c:v>22.298999999999999</c:v>
                </c:pt>
                <c:pt idx="2220">
                  <c:v>22.309000000000001</c:v>
                </c:pt>
                <c:pt idx="2221">
                  <c:v>22.32</c:v>
                </c:pt>
                <c:pt idx="2222">
                  <c:v>22.329000000000001</c:v>
                </c:pt>
                <c:pt idx="2223">
                  <c:v>22.338999999999999</c:v>
                </c:pt>
                <c:pt idx="2224">
                  <c:v>22.349</c:v>
                </c:pt>
                <c:pt idx="2225">
                  <c:v>22.358000000000001</c:v>
                </c:pt>
                <c:pt idx="2226">
                  <c:v>22.369</c:v>
                </c:pt>
                <c:pt idx="2227">
                  <c:v>22.378</c:v>
                </c:pt>
                <c:pt idx="2228">
                  <c:v>22.387</c:v>
                </c:pt>
                <c:pt idx="2229">
                  <c:v>22.398</c:v>
                </c:pt>
                <c:pt idx="2230">
                  <c:v>22.407</c:v>
                </c:pt>
                <c:pt idx="2231">
                  <c:v>22.416</c:v>
                </c:pt>
                <c:pt idx="2232">
                  <c:v>22.427</c:v>
                </c:pt>
                <c:pt idx="2233">
                  <c:v>22.436</c:v>
                </c:pt>
                <c:pt idx="2234">
                  <c:v>22.445</c:v>
                </c:pt>
                <c:pt idx="2235">
                  <c:v>22.456</c:v>
                </c:pt>
                <c:pt idx="2236">
                  <c:v>22.465</c:v>
                </c:pt>
                <c:pt idx="2237">
                  <c:v>22.474</c:v>
                </c:pt>
                <c:pt idx="2238">
                  <c:v>22.484000000000002</c:v>
                </c:pt>
                <c:pt idx="2239">
                  <c:v>22.495000000000001</c:v>
                </c:pt>
                <c:pt idx="2240">
                  <c:v>22.504000000000001</c:v>
                </c:pt>
                <c:pt idx="2241">
                  <c:v>22.513999999999999</c:v>
                </c:pt>
                <c:pt idx="2242">
                  <c:v>22.524000000000001</c:v>
                </c:pt>
                <c:pt idx="2243">
                  <c:v>22.533000000000001</c:v>
                </c:pt>
                <c:pt idx="2244">
                  <c:v>22.542999999999999</c:v>
                </c:pt>
                <c:pt idx="2245">
                  <c:v>22.553000000000001</c:v>
                </c:pt>
                <c:pt idx="2246">
                  <c:v>22.562000000000001</c:v>
                </c:pt>
                <c:pt idx="2247">
                  <c:v>22.571999999999999</c:v>
                </c:pt>
                <c:pt idx="2248">
                  <c:v>22.581</c:v>
                </c:pt>
                <c:pt idx="2249">
                  <c:v>22.591999999999999</c:v>
                </c:pt>
                <c:pt idx="2250">
                  <c:v>22.600999999999999</c:v>
                </c:pt>
                <c:pt idx="2251">
                  <c:v>22.611000000000001</c:v>
                </c:pt>
                <c:pt idx="2252">
                  <c:v>22.620999999999999</c:v>
                </c:pt>
                <c:pt idx="2253">
                  <c:v>22.63</c:v>
                </c:pt>
                <c:pt idx="2254">
                  <c:v>22.640999999999998</c:v>
                </c:pt>
                <c:pt idx="2255">
                  <c:v>22.651</c:v>
                </c:pt>
                <c:pt idx="2256">
                  <c:v>22.66</c:v>
                </c:pt>
                <c:pt idx="2257">
                  <c:v>22.670999999999999</c:v>
                </c:pt>
                <c:pt idx="2258">
                  <c:v>22.68</c:v>
                </c:pt>
                <c:pt idx="2259">
                  <c:v>22.689</c:v>
                </c:pt>
                <c:pt idx="2260">
                  <c:v>22.7</c:v>
                </c:pt>
                <c:pt idx="2261">
                  <c:v>22.709</c:v>
                </c:pt>
                <c:pt idx="2262">
                  <c:v>22.719000000000001</c:v>
                </c:pt>
                <c:pt idx="2263">
                  <c:v>22.728000000000002</c:v>
                </c:pt>
                <c:pt idx="2264">
                  <c:v>22.739000000000001</c:v>
                </c:pt>
                <c:pt idx="2265">
                  <c:v>22.748999999999999</c:v>
                </c:pt>
                <c:pt idx="2266">
                  <c:v>22.759</c:v>
                </c:pt>
                <c:pt idx="2267">
                  <c:v>22.768000000000001</c:v>
                </c:pt>
                <c:pt idx="2268">
                  <c:v>22.777999999999999</c:v>
                </c:pt>
                <c:pt idx="2269">
                  <c:v>22.789000000000001</c:v>
                </c:pt>
                <c:pt idx="2270">
                  <c:v>22.797999999999998</c:v>
                </c:pt>
                <c:pt idx="2271">
                  <c:v>22.808</c:v>
                </c:pt>
                <c:pt idx="2272">
                  <c:v>22.818999999999999</c:v>
                </c:pt>
                <c:pt idx="2273">
                  <c:v>22.827999999999999</c:v>
                </c:pt>
                <c:pt idx="2274">
                  <c:v>22.838999999999999</c:v>
                </c:pt>
                <c:pt idx="2275">
                  <c:v>22.847999999999999</c:v>
                </c:pt>
                <c:pt idx="2276">
                  <c:v>22.856999999999999</c:v>
                </c:pt>
                <c:pt idx="2277">
                  <c:v>22.867000000000001</c:v>
                </c:pt>
                <c:pt idx="2278">
                  <c:v>22.876999999999999</c:v>
                </c:pt>
                <c:pt idx="2279">
                  <c:v>22.887</c:v>
                </c:pt>
                <c:pt idx="2280">
                  <c:v>22.896000000000001</c:v>
                </c:pt>
                <c:pt idx="2281">
                  <c:v>22.905999999999999</c:v>
                </c:pt>
                <c:pt idx="2282">
                  <c:v>22.914999999999999</c:v>
                </c:pt>
                <c:pt idx="2283">
                  <c:v>22.923999999999999</c:v>
                </c:pt>
                <c:pt idx="2284">
                  <c:v>22.934999999999999</c:v>
                </c:pt>
                <c:pt idx="2285">
                  <c:v>22.943999999999999</c:v>
                </c:pt>
                <c:pt idx="2286">
                  <c:v>22.954000000000001</c:v>
                </c:pt>
                <c:pt idx="2287">
                  <c:v>22.963999999999999</c:v>
                </c:pt>
                <c:pt idx="2288">
                  <c:v>22.974</c:v>
                </c:pt>
                <c:pt idx="2289">
                  <c:v>22.983000000000001</c:v>
                </c:pt>
                <c:pt idx="2290">
                  <c:v>22.994</c:v>
                </c:pt>
                <c:pt idx="2291">
                  <c:v>23.003</c:v>
                </c:pt>
                <c:pt idx="2292">
                  <c:v>23.012</c:v>
                </c:pt>
                <c:pt idx="2293">
                  <c:v>23.023</c:v>
                </c:pt>
                <c:pt idx="2294">
                  <c:v>23.032</c:v>
                </c:pt>
                <c:pt idx="2295">
                  <c:v>23.042000000000002</c:v>
                </c:pt>
                <c:pt idx="2296">
                  <c:v>23.050999999999998</c:v>
                </c:pt>
                <c:pt idx="2297">
                  <c:v>23.059000000000001</c:v>
                </c:pt>
                <c:pt idx="2298">
                  <c:v>23.07</c:v>
                </c:pt>
                <c:pt idx="2299">
                  <c:v>23.079000000000001</c:v>
                </c:pt>
                <c:pt idx="2300">
                  <c:v>23.088999999999999</c:v>
                </c:pt>
                <c:pt idx="2301">
                  <c:v>23.099</c:v>
                </c:pt>
                <c:pt idx="2302">
                  <c:v>23.108000000000001</c:v>
                </c:pt>
                <c:pt idx="2303">
                  <c:v>23.117000000000001</c:v>
                </c:pt>
                <c:pt idx="2304">
                  <c:v>23.126999999999999</c:v>
                </c:pt>
                <c:pt idx="2305">
                  <c:v>23.137</c:v>
                </c:pt>
                <c:pt idx="2306">
                  <c:v>23.148</c:v>
                </c:pt>
                <c:pt idx="2307">
                  <c:v>23.157</c:v>
                </c:pt>
                <c:pt idx="2308">
                  <c:v>23.164999999999999</c:v>
                </c:pt>
                <c:pt idx="2309">
                  <c:v>23.175999999999998</c:v>
                </c:pt>
                <c:pt idx="2310">
                  <c:v>23.186</c:v>
                </c:pt>
                <c:pt idx="2311">
                  <c:v>23.195</c:v>
                </c:pt>
                <c:pt idx="2312">
                  <c:v>23.206</c:v>
                </c:pt>
                <c:pt idx="2313">
                  <c:v>23.215</c:v>
                </c:pt>
                <c:pt idx="2314">
                  <c:v>23.224</c:v>
                </c:pt>
                <c:pt idx="2315">
                  <c:v>23.234000000000002</c:v>
                </c:pt>
                <c:pt idx="2316">
                  <c:v>23.244</c:v>
                </c:pt>
                <c:pt idx="2317">
                  <c:v>23.254000000000001</c:v>
                </c:pt>
                <c:pt idx="2318">
                  <c:v>23.263999999999999</c:v>
                </c:pt>
                <c:pt idx="2319">
                  <c:v>23.274000000000001</c:v>
                </c:pt>
                <c:pt idx="2320">
                  <c:v>23.283999999999999</c:v>
                </c:pt>
                <c:pt idx="2321">
                  <c:v>23.292999999999999</c:v>
                </c:pt>
                <c:pt idx="2322">
                  <c:v>23.303999999999998</c:v>
                </c:pt>
                <c:pt idx="2323">
                  <c:v>23.314</c:v>
                </c:pt>
                <c:pt idx="2324">
                  <c:v>23.324000000000002</c:v>
                </c:pt>
                <c:pt idx="2325">
                  <c:v>23.334</c:v>
                </c:pt>
                <c:pt idx="2326">
                  <c:v>23.343</c:v>
                </c:pt>
                <c:pt idx="2327">
                  <c:v>23.352</c:v>
                </c:pt>
                <c:pt idx="2328">
                  <c:v>23.363</c:v>
                </c:pt>
                <c:pt idx="2329">
                  <c:v>23.372</c:v>
                </c:pt>
                <c:pt idx="2330">
                  <c:v>23.382000000000001</c:v>
                </c:pt>
                <c:pt idx="2331">
                  <c:v>23.390999999999998</c:v>
                </c:pt>
                <c:pt idx="2332">
                  <c:v>23.402000000000001</c:v>
                </c:pt>
                <c:pt idx="2333">
                  <c:v>23.411000000000001</c:v>
                </c:pt>
                <c:pt idx="2334">
                  <c:v>23.420999999999999</c:v>
                </c:pt>
                <c:pt idx="2335">
                  <c:v>23.43</c:v>
                </c:pt>
                <c:pt idx="2336">
                  <c:v>23.440999999999999</c:v>
                </c:pt>
                <c:pt idx="2337">
                  <c:v>23.45</c:v>
                </c:pt>
                <c:pt idx="2338">
                  <c:v>23.46</c:v>
                </c:pt>
                <c:pt idx="2339">
                  <c:v>23.47</c:v>
                </c:pt>
                <c:pt idx="2340">
                  <c:v>23.48</c:v>
                </c:pt>
                <c:pt idx="2341">
                  <c:v>23.489000000000001</c:v>
                </c:pt>
                <c:pt idx="2342">
                  <c:v>23.5</c:v>
                </c:pt>
                <c:pt idx="2343">
                  <c:v>23.509</c:v>
                </c:pt>
                <c:pt idx="2344">
                  <c:v>23.518999999999998</c:v>
                </c:pt>
                <c:pt idx="2345">
                  <c:v>23.529</c:v>
                </c:pt>
                <c:pt idx="2346">
                  <c:v>23.538</c:v>
                </c:pt>
                <c:pt idx="2347">
                  <c:v>23.547999999999998</c:v>
                </c:pt>
                <c:pt idx="2348">
                  <c:v>23.556999999999999</c:v>
                </c:pt>
                <c:pt idx="2349">
                  <c:v>23.567</c:v>
                </c:pt>
                <c:pt idx="2350">
                  <c:v>23.576000000000001</c:v>
                </c:pt>
                <c:pt idx="2351">
                  <c:v>23.585999999999999</c:v>
                </c:pt>
                <c:pt idx="2352">
                  <c:v>23.594999999999999</c:v>
                </c:pt>
                <c:pt idx="2353">
                  <c:v>23.606000000000002</c:v>
                </c:pt>
                <c:pt idx="2354">
                  <c:v>23.614999999999998</c:v>
                </c:pt>
                <c:pt idx="2355">
                  <c:v>23.623999999999999</c:v>
                </c:pt>
                <c:pt idx="2356">
                  <c:v>23.635000000000002</c:v>
                </c:pt>
                <c:pt idx="2357">
                  <c:v>23.643999999999998</c:v>
                </c:pt>
                <c:pt idx="2358">
                  <c:v>23.652999999999999</c:v>
                </c:pt>
                <c:pt idx="2359">
                  <c:v>23.664000000000001</c:v>
                </c:pt>
                <c:pt idx="2360">
                  <c:v>23.672999999999998</c:v>
                </c:pt>
                <c:pt idx="2361">
                  <c:v>23.683</c:v>
                </c:pt>
                <c:pt idx="2362">
                  <c:v>23.692</c:v>
                </c:pt>
                <c:pt idx="2363">
                  <c:v>23.702999999999999</c:v>
                </c:pt>
                <c:pt idx="2364">
                  <c:v>23.712</c:v>
                </c:pt>
                <c:pt idx="2365">
                  <c:v>23.722000000000001</c:v>
                </c:pt>
                <c:pt idx="2366">
                  <c:v>23.731999999999999</c:v>
                </c:pt>
                <c:pt idx="2367">
                  <c:v>23.742000000000001</c:v>
                </c:pt>
                <c:pt idx="2368">
                  <c:v>23.751000000000001</c:v>
                </c:pt>
                <c:pt idx="2369">
                  <c:v>23.760999999999999</c:v>
                </c:pt>
                <c:pt idx="2370">
                  <c:v>23.77</c:v>
                </c:pt>
                <c:pt idx="2371">
                  <c:v>23.780999999999999</c:v>
                </c:pt>
                <c:pt idx="2372">
                  <c:v>23.79</c:v>
                </c:pt>
                <c:pt idx="2373">
                  <c:v>23.798999999999999</c:v>
                </c:pt>
                <c:pt idx="2374">
                  <c:v>23.81</c:v>
                </c:pt>
                <c:pt idx="2375">
                  <c:v>23.818999999999999</c:v>
                </c:pt>
                <c:pt idx="2376">
                  <c:v>23.829000000000001</c:v>
                </c:pt>
                <c:pt idx="2377">
                  <c:v>23.838999999999999</c:v>
                </c:pt>
                <c:pt idx="2378">
                  <c:v>23.849</c:v>
                </c:pt>
                <c:pt idx="2379">
                  <c:v>23.859000000000002</c:v>
                </c:pt>
                <c:pt idx="2380">
                  <c:v>23.867999999999999</c:v>
                </c:pt>
                <c:pt idx="2381">
                  <c:v>23.876999999999999</c:v>
                </c:pt>
                <c:pt idx="2382">
                  <c:v>23.887</c:v>
                </c:pt>
                <c:pt idx="2383">
                  <c:v>23.898</c:v>
                </c:pt>
                <c:pt idx="2384">
                  <c:v>23.907</c:v>
                </c:pt>
                <c:pt idx="2385">
                  <c:v>23.916</c:v>
                </c:pt>
                <c:pt idx="2386">
                  <c:v>23.925999999999998</c:v>
                </c:pt>
                <c:pt idx="2387">
                  <c:v>23.936</c:v>
                </c:pt>
                <c:pt idx="2388">
                  <c:v>23.945</c:v>
                </c:pt>
                <c:pt idx="2389">
                  <c:v>23.954999999999998</c:v>
                </c:pt>
                <c:pt idx="2390">
                  <c:v>23.963999999999999</c:v>
                </c:pt>
                <c:pt idx="2391">
                  <c:v>23.975000000000001</c:v>
                </c:pt>
                <c:pt idx="2392">
                  <c:v>23.984000000000002</c:v>
                </c:pt>
                <c:pt idx="2393">
                  <c:v>23.992999999999999</c:v>
                </c:pt>
                <c:pt idx="2394">
                  <c:v>24.004000000000001</c:v>
                </c:pt>
                <c:pt idx="2395">
                  <c:v>24.013000000000002</c:v>
                </c:pt>
                <c:pt idx="2396">
                  <c:v>24.023</c:v>
                </c:pt>
                <c:pt idx="2397">
                  <c:v>24.032</c:v>
                </c:pt>
                <c:pt idx="2398">
                  <c:v>24.042000000000002</c:v>
                </c:pt>
                <c:pt idx="2399">
                  <c:v>24.052</c:v>
                </c:pt>
                <c:pt idx="2400">
                  <c:v>24.062000000000001</c:v>
                </c:pt>
                <c:pt idx="2401">
                  <c:v>24.071999999999999</c:v>
                </c:pt>
                <c:pt idx="2402">
                  <c:v>24.081</c:v>
                </c:pt>
                <c:pt idx="2403">
                  <c:v>24.091000000000001</c:v>
                </c:pt>
                <c:pt idx="2404">
                  <c:v>24.1</c:v>
                </c:pt>
                <c:pt idx="2405">
                  <c:v>24.111000000000001</c:v>
                </c:pt>
                <c:pt idx="2406">
                  <c:v>24.12</c:v>
                </c:pt>
                <c:pt idx="2407">
                  <c:v>24.129000000000001</c:v>
                </c:pt>
                <c:pt idx="2408">
                  <c:v>24.138999999999999</c:v>
                </c:pt>
                <c:pt idx="2409">
                  <c:v>24.149000000000001</c:v>
                </c:pt>
                <c:pt idx="2410">
                  <c:v>24.158000000000001</c:v>
                </c:pt>
                <c:pt idx="2411">
                  <c:v>24.169</c:v>
                </c:pt>
                <c:pt idx="2412">
                  <c:v>24.178000000000001</c:v>
                </c:pt>
                <c:pt idx="2413">
                  <c:v>24.187000000000001</c:v>
                </c:pt>
                <c:pt idx="2414">
                  <c:v>24.198</c:v>
                </c:pt>
                <c:pt idx="2415">
                  <c:v>24.207000000000001</c:v>
                </c:pt>
                <c:pt idx="2416">
                  <c:v>24.216999999999999</c:v>
                </c:pt>
                <c:pt idx="2417">
                  <c:v>24.225999999999999</c:v>
                </c:pt>
                <c:pt idx="2418">
                  <c:v>24.236000000000001</c:v>
                </c:pt>
                <c:pt idx="2419">
                  <c:v>24.247</c:v>
                </c:pt>
                <c:pt idx="2420">
                  <c:v>24.256</c:v>
                </c:pt>
                <c:pt idx="2421">
                  <c:v>24.265999999999998</c:v>
                </c:pt>
                <c:pt idx="2422">
                  <c:v>24.274999999999999</c:v>
                </c:pt>
                <c:pt idx="2423">
                  <c:v>24.286000000000001</c:v>
                </c:pt>
                <c:pt idx="2424">
                  <c:v>24.295999999999999</c:v>
                </c:pt>
                <c:pt idx="2425">
                  <c:v>24.305</c:v>
                </c:pt>
                <c:pt idx="2426">
                  <c:v>24.314</c:v>
                </c:pt>
                <c:pt idx="2427">
                  <c:v>24.324999999999999</c:v>
                </c:pt>
                <c:pt idx="2428">
                  <c:v>24.334</c:v>
                </c:pt>
                <c:pt idx="2429">
                  <c:v>24.344000000000001</c:v>
                </c:pt>
                <c:pt idx="2430">
                  <c:v>24.353999999999999</c:v>
                </c:pt>
                <c:pt idx="2431">
                  <c:v>24.364000000000001</c:v>
                </c:pt>
                <c:pt idx="2432">
                  <c:v>24.373999999999999</c:v>
                </c:pt>
                <c:pt idx="2433">
                  <c:v>24.382999999999999</c:v>
                </c:pt>
                <c:pt idx="2434">
                  <c:v>24.393000000000001</c:v>
                </c:pt>
                <c:pt idx="2435">
                  <c:v>24.402999999999999</c:v>
                </c:pt>
                <c:pt idx="2436">
                  <c:v>24.413</c:v>
                </c:pt>
                <c:pt idx="2437">
                  <c:v>24.422000000000001</c:v>
                </c:pt>
                <c:pt idx="2438">
                  <c:v>24.433</c:v>
                </c:pt>
                <c:pt idx="2439">
                  <c:v>24.442</c:v>
                </c:pt>
                <c:pt idx="2440">
                  <c:v>24.452000000000002</c:v>
                </c:pt>
                <c:pt idx="2441">
                  <c:v>24.462</c:v>
                </c:pt>
                <c:pt idx="2442">
                  <c:v>24.471</c:v>
                </c:pt>
                <c:pt idx="2443">
                  <c:v>24.481000000000002</c:v>
                </c:pt>
                <c:pt idx="2444">
                  <c:v>24.49</c:v>
                </c:pt>
                <c:pt idx="2445">
                  <c:v>24.501000000000001</c:v>
                </c:pt>
                <c:pt idx="2446">
                  <c:v>24.51</c:v>
                </c:pt>
                <c:pt idx="2447">
                  <c:v>24.52</c:v>
                </c:pt>
                <c:pt idx="2448">
                  <c:v>24.529</c:v>
                </c:pt>
                <c:pt idx="2449">
                  <c:v>24.538</c:v>
                </c:pt>
                <c:pt idx="2450">
                  <c:v>24.547999999999998</c:v>
                </c:pt>
                <c:pt idx="2451">
                  <c:v>24.558</c:v>
                </c:pt>
                <c:pt idx="2452">
                  <c:v>24.567</c:v>
                </c:pt>
                <c:pt idx="2453">
                  <c:v>24.577000000000002</c:v>
                </c:pt>
                <c:pt idx="2454">
                  <c:v>24.587</c:v>
                </c:pt>
                <c:pt idx="2455">
                  <c:v>24.596</c:v>
                </c:pt>
                <c:pt idx="2456">
                  <c:v>24.606000000000002</c:v>
                </c:pt>
                <c:pt idx="2457">
                  <c:v>24.614999999999998</c:v>
                </c:pt>
                <c:pt idx="2458">
                  <c:v>24.626000000000001</c:v>
                </c:pt>
                <c:pt idx="2459">
                  <c:v>24.635000000000002</c:v>
                </c:pt>
                <c:pt idx="2460">
                  <c:v>24.645</c:v>
                </c:pt>
                <c:pt idx="2461">
                  <c:v>24.654</c:v>
                </c:pt>
                <c:pt idx="2462">
                  <c:v>24.664999999999999</c:v>
                </c:pt>
                <c:pt idx="2463">
                  <c:v>24.673999999999999</c:v>
                </c:pt>
                <c:pt idx="2464">
                  <c:v>24.684000000000001</c:v>
                </c:pt>
                <c:pt idx="2465">
                  <c:v>24.693000000000001</c:v>
                </c:pt>
                <c:pt idx="2466">
                  <c:v>24.702999999999999</c:v>
                </c:pt>
                <c:pt idx="2467">
                  <c:v>24.713000000000001</c:v>
                </c:pt>
                <c:pt idx="2468">
                  <c:v>24.722000000000001</c:v>
                </c:pt>
                <c:pt idx="2469">
                  <c:v>24.731999999999999</c:v>
                </c:pt>
                <c:pt idx="2470">
                  <c:v>24.741</c:v>
                </c:pt>
                <c:pt idx="2471">
                  <c:v>24.751000000000001</c:v>
                </c:pt>
                <c:pt idx="2472">
                  <c:v>24.76</c:v>
                </c:pt>
                <c:pt idx="2473">
                  <c:v>24.771000000000001</c:v>
                </c:pt>
                <c:pt idx="2474">
                  <c:v>24.78</c:v>
                </c:pt>
                <c:pt idx="2475">
                  <c:v>24.789000000000001</c:v>
                </c:pt>
                <c:pt idx="2476">
                  <c:v>24.798999999999999</c:v>
                </c:pt>
                <c:pt idx="2477">
                  <c:v>24.809000000000001</c:v>
                </c:pt>
                <c:pt idx="2478">
                  <c:v>24.818999999999999</c:v>
                </c:pt>
                <c:pt idx="2479">
                  <c:v>24.829000000000001</c:v>
                </c:pt>
                <c:pt idx="2480">
                  <c:v>24.838999999999999</c:v>
                </c:pt>
                <c:pt idx="2481">
                  <c:v>24.847999999999999</c:v>
                </c:pt>
                <c:pt idx="2482">
                  <c:v>24.858000000000001</c:v>
                </c:pt>
                <c:pt idx="2483">
                  <c:v>24.867000000000001</c:v>
                </c:pt>
                <c:pt idx="2484">
                  <c:v>24.878</c:v>
                </c:pt>
                <c:pt idx="2485">
                  <c:v>24.887</c:v>
                </c:pt>
                <c:pt idx="2486">
                  <c:v>24.896999999999998</c:v>
                </c:pt>
                <c:pt idx="2487">
                  <c:v>24.907</c:v>
                </c:pt>
                <c:pt idx="2488">
                  <c:v>24.916</c:v>
                </c:pt>
                <c:pt idx="2489">
                  <c:v>24.925999999999998</c:v>
                </c:pt>
                <c:pt idx="2490">
                  <c:v>24.934999999999999</c:v>
                </c:pt>
                <c:pt idx="2491">
                  <c:v>24.945</c:v>
                </c:pt>
                <c:pt idx="2492">
                  <c:v>24.998000000000001</c:v>
                </c:pt>
                <c:pt idx="2493">
                  <c:v>25.009</c:v>
                </c:pt>
                <c:pt idx="2494">
                  <c:v>25.018999999999998</c:v>
                </c:pt>
                <c:pt idx="2495">
                  <c:v>25.027999999999999</c:v>
                </c:pt>
                <c:pt idx="2496">
                  <c:v>25.039000000000001</c:v>
                </c:pt>
                <c:pt idx="2497">
                  <c:v>25.047999999999998</c:v>
                </c:pt>
                <c:pt idx="2498">
                  <c:v>25.058</c:v>
                </c:pt>
                <c:pt idx="2499">
                  <c:v>25.068000000000001</c:v>
                </c:pt>
                <c:pt idx="2500">
                  <c:v>25.077999999999999</c:v>
                </c:pt>
                <c:pt idx="2501">
                  <c:v>25.088000000000001</c:v>
                </c:pt>
                <c:pt idx="2502">
                  <c:v>25.097999999999999</c:v>
                </c:pt>
                <c:pt idx="2503">
                  <c:v>25.106999999999999</c:v>
                </c:pt>
                <c:pt idx="2504">
                  <c:v>25.117000000000001</c:v>
                </c:pt>
                <c:pt idx="2505">
                  <c:v>25.128</c:v>
                </c:pt>
                <c:pt idx="2506">
                  <c:v>25.137</c:v>
                </c:pt>
                <c:pt idx="2507">
                  <c:v>25.146999999999998</c:v>
                </c:pt>
                <c:pt idx="2508">
                  <c:v>25.157</c:v>
                </c:pt>
                <c:pt idx="2509">
                  <c:v>25.166</c:v>
                </c:pt>
                <c:pt idx="2510">
                  <c:v>25.175999999999998</c:v>
                </c:pt>
                <c:pt idx="2511">
                  <c:v>25.184999999999999</c:v>
                </c:pt>
                <c:pt idx="2512">
                  <c:v>25.196000000000002</c:v>
                </c:pt>
                <c:pt idx="2513">
                  <c:v>25.204999999999998</c:v>
                </c:pt>
                <c:pt idx="2514">
                  <c:v>25.215</c:v>
                </c:pt>
                <c:pt idx="2515">
                  <c:v>25.225000000000001</c:v>
                </c:pt>
                <c:pt idx="2516">
                  <c:v>25.234000000000002</c:v>
                </c:pt>
                <c:pt idx="2517">
                  <c:v>25.244</c:v>
                </c:pt>
                <c:pt idx="2518">
                  <c:v>25.253</c:v>
                </c:pt>
                <c:pt idx="2519">
                  <c:v>25.263999999999999</c:v>
                </c:pt>
                <c:pt idx="2520">
                  <c:v>25.273</c:v>
                </c:pt>
                <c:pt idx="2521">
                  <c:v>25.282</c:v>
                </c:pt>
                <c:pt idx="2522">
                  <c:v>25.292000000000002</c:v>
                </c:pt>
                <c:pt idx="2523">
                  <c:v>25.302</c:v>
                </c:pt>
                <c:pt idx="2524">
                  <c:v>25.311</c:v>
                </c:pt>
                <c:pt idx="2525">
                  <c:v>25.321000000000002</c:v>
                </c:pt>
                <c:pt idx="2526">
                  <c:v>25.331</c:v>
                </c:pt>
                <c:pt idx="2527">
                  <c:v>25.341000000000001</c:v>
                </c:pt>
                <c:pt idx="2528">
                  <c:v>25.35</c:v>
                </c:pt>
                <c:pt idx="2529">
                  <c:v>25.36</c:v>
                </c:pt>
                <c:pt idx="2530">
                  <c:v>25.37</c:v>
                </c:pt>
                <c:pt idx="2531">
                  <c:v>25.38</c:v>
                </c:pt>
                <c:pt idx="2532">
                  <c:v>25.388999999999999</c:v>
                </c:pt>
                <c:pt idx="2533">
                  <c:v>25.4</c:v>
                </c:pt>
                <c:pt idx="2534">
                  <c:v>25.408999999999999</c:v>
                </c:pt>
                <c:pt idx="2535">
                  <c:v>25.417999999999999</c:v>
                </c:pt>
                <c:pt idx="2536">
                  <c:v>25.428000000000001</c:v>
                </c:pt>
                <c:pt idx="2537">
                  <c:v>25.437999999999999</c:v>
                </c:pt>
                <c:pt idx="2538">
                  <c:v>25.448</c:v>
                </c:pt>
                <c:pt idx="2539">
                  <c:v>25.457000000000001</c:v>
                </c:pt>
                <c:pt idx="2540">
                  <c:v>25.466999999999999</c:v>
                </c:pt>
                <c:pt idx="2541">
                  <c:v>25.475999999999999</c:v>
                </c:pt>
                <c:pt idx="2542">
                  <c:v>25.486000000000001</c:v>
                </c:pt>
                <c:pt idx="2543">
                  <c:v>25.495999999999999</c:v>
                </c:pt>
                <c:pt idx="2544">
                  <c:v>25.504999999999999</c:v>
                </c:pt>
                <c:pt idx="2545">
                  <c:v>25.515999999999998</c:v>
                </c:pt>
                <c:pt idx="2546">
                  <c:v>25.524999999999999</c:v>
                </c:pt>
                <c:pt idx="2547">
                  <c:v>25.535</c:v>
                </c:pt>
                <c:pt idx="2548">
                  <c:v>25.545000000000002</c:v>
                </c:pt>
                <c:pt idx="2549">
                  <c:v>25.555</c:v>
                </c:pt>
                <c:pt idx="2550">
                  <c:v>25.564</c:v>
                </c:pt>
                <c:pt idx="2551">
                  <c:v>25.574999999999999</c:v>
                </c:pt>
                <c:pt idx="2552">
                  <c:v>25.584</c:v>
                </c:pt>
                <c:pt idx="2553">
                  <c:v>25.594000000000001</c:v>
                </c:pt>
                <c:pt idx="2554">
                  <c:v>25.603999999999999</c:v>
                </c:pt>
                <c:pt idx="2555">
                  <c:v>25.614000000000001</c:v>
                </c:pt>
                <c:pt idx="2556">
                  <c:v>25.623999999999999</c:v>
                </c:pt>
                <c:pt idx="2557">
                  <c:v>25.632999999999999</c:v>
                </c:pt>
                <c:pt idx="2558">
                  <c:v>25.643000000000001</c:v>
                </c:pt>
                <c:pt idx="2559">
                  <c:v>25.652999999999999</c:v>
                </c:pt>
                <c:pt idx="2560">
                  <c:v>25.663</c:v>
                </c:pt>
                <c:pt idx="2561">
                  <c:v>25.672999999999998</c:v>
                </c:pt>
                <c:pt idx="2562">
                  <c:v>25.684000000000001</c:v>
                </c:pt>
                <c:pt idx="2563">
                  <c:v>25.693000000000001</c:v>
                </c:pt>
                <c:pt idx="2564">
                  <c:v>25.702999999999999</c:v>
                </c:pt>
                <c:pt idx="2565">
                  <c:v>25.713000000000001</c:v>
                </c:pt>
                <c:pt idx="2566">
                  <c:v>25.722999999999999</c:v>
                </c:pt>
                <c:pt idx="2567">
                  <c:v>25.733000000000001</c:v>
                </c:pt>
                <c:pt idx="2568">
                  <c:v>25.742000000000001</c:v>
                </c:pt>
                <c:pt idx="2569">
                  <c:v>25.751999999999999</c:v>
                </c:pt>
                <c:pt idx="2570">
                  <c:v>25.762</c:v>
                </c:pt>
                <c:pt idx="2571">
                  <c:v>25.771000000000001</c:v>
                </c:pt>
                <c:pt idx="2572">
                  <c:v>25.780999999999999</c:v>
                </c:pt>
                <c:pt idx="2573">
                  <c:v>25.79</c:v>
                </c:pt>
                <c:pt idx="2574">
                  <c:v>25.800999999999998</c:v>
                </c:pt>
                <c:pt idx="2575">
                  <c:v>25.81</c:v>
                </c:pt>
                <c:pt idx="2576">
                  <c:v>25.82</c:v>
                </c:pt>
                <c:pt idx="2577">
                  <c:v>25.83</c:v>
                </c:pt>
                <c:pt idx="2578">
                  <c:v>25.838999999999999</c:v>
                </c:pt>
                <c:pt idx="2579">
                  <c:v>25.85</c:v>
                </c:pt>
                <c:pt idx="2580">
                  <c:v>25.859000000000002</c:v>
                </c:pt>
                <c:pt idx="2581">
                  <c:v>25.867999999999999</c:v>
                </c:pt>
                <c:pt idx="2582">
                  <c:v>25.878</c:v>
                </c:pt>
                <c:pt idx="2583">
                  <c:v>25.888000000000002</c:v>
                </c:pt>
                <c:pt idx="2584">
                  <c:v>25.898</c:v>
                </c:pt>
                <c:pt idx="2585">
                  <c:v>25.907</c:v>
                </c:pt>
                <c:pt idx="2586">
                  <c:v>25.916</c:v>
                </c:pt>
                <c:pt idx="2587">
                  <c:v>25.925999999999998</c:v>
                </c:pt>
                <c:pt idx="2588">
                  <c:v>25.936</c:v>
                </c:pt>
                <c:pt idx="2589">
                  <c:v>25.945</c:v>
                </c:pt>
                <c:pt idx="2590">
                  <c:v>25.954999999999998</c:v>
                </c:pt>
                <c:pt idx="2591">
                  <c:v>25.966000000000001</c:v>
                </c:pt>
                <c:pt idx="2592">
                  <c:v>25.975000000000001</c:v>
                </c:pt>
                <c:pt idx="2593">
                  <c:v>25.984000000000002</c:v>
                </c:pt>
                <c:pt idx="2594">
                  <c:v>25.994</c:v>
                </c:pt>
                <c:pt idx="2595">
                  <c:v>26.004000000000001</c:v>
                </c:pt>
                <c:pt idx="2596">
                  <c:v>26.013999999999999</c:v>
                </c:pt>
                <c:pt idx="2597">
                  <c:v>26.024000000000001</c:v>
                </c:pt>
                <c:pt idx="2598">
                  <c:v>26.033000000000001</c:v>
                </c:pt>
                <c:pt idx="2599">
                  <c:v>26.042999999999999</c:v>
                </c:pt>
                <c:pt idx="2600">
                  <c:v>26.052</c:v>
                </c:pt>
                <c:pt idx="2601">
                  <c:v>26.061</c:v>
                </c:pt>
                <c:pt idx="2602">
                  <c:v>26.071999999999999</c:v>
                </c:pt>
                <c:pt idx="2603">
                  <c:v>26.081</c:v>
                </c:pt>
                <c:pt idx="2604">
                  <c:v>26.091999999999999</c:v>
                </c:pt>
                <c:pt idx="2605">
                  <c:v>26.100999999999999</c:v>
                </c:pt>
                <c:pt idx="2606">
                  <c:v>26.111000000000001</c:v>
                </c:pt>
                <c:pt idx="2607">
                  <c:v>26.12</c:v>
                </c:pt>
                <c:pt idx="2608">
                  <c:v>26.129000000000001</c:v>
                </c:pt>
                <c:pt idx="2609">
                  <c:v>26.14</c:v>
                </c:pt>
                <c:pt idx="2610">
                  <c:v>26.149000000000001</c:v>
                </c:pt>
                <c:pt idx="2611">
                  <c:v>26.158000000000001</c:v>
                </c:pt>
                <c:pt idx="2612">
                  <c:v>26.167999999999999</c:v>
                </c:pt>
                <c:pt idx="2613">
                  <c:v>26.178000000000001</c:v>
                </c:pt>
                <c:pt idx="2614">
                  <c:v>26.187000000000001</c:v>
                </c:pt>
                <c:pt idx="2615">
                  <c:v>26.198</c:v>
                </c:pt>
                <c:pt idx="2616">
                  <c:v>26.207000000000001</c:v>
                </c:pt>
                <c:pt idx="2617">
                  <c:v>26.216999999999999</c:v>
                </c:pt>
                <c:pt idx="2618">
                  <c:v>26.227</c:v>
                </c:pt>
                <c:pt idx="2619">
                  <c:v>26.236000000000001</c:v>
                </c:pt>
                <c:pt idx="2620">
                  <c:v>26.245000000000001</c:v>
                </c:pt>
                <c:pt idx="2621">
                  <c:v>26.254999999999999</c:v>
                </c:pt>
                <c:pt idx="2622">
                  <c:v>26.263999999999999</c:v>
                </c:pt>
                <c:pt idx="2623">
                  <c:v>26.274999999999999</c:v>
                </c:pt>
                <c:pt idx="2624">
                  <c:v>26.283999999999999</c:v>
                </c:pt>
                <c:pt idx="2625">
                  <c:v>26.292999999999999</c:v>
                </c:pt>
                <c:pt idx="2626">
                  <c:v>26.303999999999998</c:v>
                </c:pt>
                <c:pt idx="2627">
                  <c:v>26.312999999999999</c:v>
                </c:pt>
                <c:pt idx="2628">
                  <c:v>26.323</c:v>
                </c:pt>
                <c:pt idx="2629">
                  <c:v>26.332000000000001</c:v>
                </c:pt>
                <c:pt idx="2630">
                  <c:v>26.341000000000001</c:v>
                </c:pt>
                <c:pt idx="2631">
                  <c:v>26.350999999999999</c:v>
                </c:pt>
                <c:pt idx="2632">
                  <c:v>26.361000000000001</c:v>
                </c:pt>
                <c:pt idx="2633">
                  <c:v>26.370999999999999</c:v>
                </c:pt>
                <c:pt idx="2634">
                  <c:v>26.38</c:v>
                </c:pt>
                <c:pt idx="2635">
                  <c:v>26.39</c:v>
                </c:pt>
                <c:pt idx="2636">
                  <c:v>26.4</c:v>
                </c:pt>
                <c:pt idx="2637">
                  <c:v>26.41</c:v>
                </c:pt>
                <c:pt idx="2638">
                  <c:v>26.419</c:v>
                </c:pt>
                <c:pt idx="2639">
                  <c:v>26.43</c:v>
                </c:pt>
                <c:pt idx="2640">
                  <c:v>26.439</c:v>
                </c:pt>
                <c:pt idx="2641">
                  <c:v>26.449000000000002</c:v>
                </c:pt>
                <c:pt idx="2642">
                  <c:v>26.46</c:v>
                </c:pt>
                <c:pt idx="2643">
                  <c:v>26.47</c:v>
                </c:pt>
                <c:pt idx="2644">
                  <c:v>26.48</c:v>
                </c:pt>
                <c:pt idx="2645">
                  <c:v>26.49</c:v>
                </c:pt>
                <c:pt idx="2646">
                  <c:v>26.5</c:v>
                </c:pt>
                <c:pt idx="2647">
                  <c:v>26.51</c:v>
                </c:pt>
                <c:pt idx="2648">
                  <c:v>26.52</c:v>
                </c:pt>
                <c:pt idx="2649">
                  <c:v>26.530999999999999</c:v>
                </c:pt>
                <c:pt idx="2650">
                  <c:v>26.541</c:v>
                </c:pt>
                <c:pt idx="2651">
                  <c:v>26.55</c:v>
                </c:pt>
                <c:pt idx="2652">
                  <c:v>26.562000000000001</c:v>
                </c:pt>
                <c:pt idx="2653">
                  <c:v>26.571000000000002</c:v>
                </c:pt>
                <c:pt idx="2654">
                  <c:v>26.582000000000001</c:v>
                </c:pt>
                <c:pt idx="2655">
                  <c:v>26.591999999999999</c:v>
                </c:pt>
                <c:pt idx="2656">
                  <c:v>26.603000000000002</c:v>
                </c:pt>
                <c:pt idx="2657">
                  <c:v>26.611999999999998</c:v>
                </c:pt>
                <c:pt idx="2658">
                  <c:v>26.622</c:v>
                </c:pt>
                <c:pt idx="2659">
                  <c:v>26.632000000000001</c:v>
                </c:pt>
                <c:pt idx="2660">
                  <c:v>26.641999999999999</c:v>
                </c:pt>
                <c:pt idx="2661">
                  <c:v>26.652000000000001</c:v>
                </c:pt>
                <c:pt idx="2662">
                  <c:v>26.661000000000001</c:v>
                </c:pt>
                <c:pt idx="2663">
                  <c:v>26.672000000000001</c:v>
                </c:pt>
                <c:pt idx="2664">
                  <c:v>26.681000000000001</c:v>
                </c:pt>
                <c:pt idx="2665">
                  <c:v>26.69</c:v>
                </c:pt>
                <c:pt idx="2666">
                  <c:v>26.7</c:v>
                </c:pt>
                <c:pt idx="2667">
                  <c:v>26.709</c:v>
                </c:pt>
                <c:pt idx="2668">
                  <c:v>26.719000000000001</c:v>
                </c:pt>
                <c:pt idx="2669">
                  <c:v>26.728000000000002</c:v>
                </c:pt>
                <c:pt idx="2670">
                  <c:v>26.738</c:v>
                </c:pt>
                <c:pt idx="2671">
                  <c:v>26.748000000000001</c:v>
                </c:pt>
                <c:pt idx="2672">
                  <c:v>26.757999999999999</c:v>
                </c:pt>
                <c:pt idx="2673">
                  <c:v>26.766999999999999</c:v>
                </c:pt>
                <c:pt idx="2674">
                  <c:v>26.777999999999999</c:v>
                </c:pt>
                <c:pt idx="2675">
                  <c:v>26.786999999999999</c:v>
                </c:pt>
                <c:pt idx="2676">
                  <c:v>26.797000000000001</c:v>
                </c:pt>
                <c:pt idx="2677">
                  <c:v>26.806999999999999</c:v>
                </c:pt>
                <c:pt idx="2678">
                  <c:v>26.815999999999999</c:v>
                </c:pt>
                <c:pt idx="2679">
                  <c:v>26.826000000000001</c:v>
                </c:pt>
                <c:pt idx="2680">
                  <c:v>26.837</c:v>
                </c:pt>
                <c:pt idx="2681">
                  <c:v>26.846</c:v>
                </c:pt>
                <c:pt idx="2682">
                  <c:v>26.855</c:v>
                </c:pt>
                <c:pt idx="2683">
                  <c:v>26.866</c:v>
                </c:pt>
                <c:pt idx="2684">
                  <c:v>26.875</c:v>
                </c:pt>
                <c:pt idx="2685">
                  <c:v>26.885000000000002</c:v>
                </c:pt>
                <c:pt idx="2686">
                  <c:v>26.893999999999998</c:v>
                </c:pt>
                <c:pt idx="2687">
                  <c:v>26.904</c:v>
                </c:pt>
                <c:pt idx="2688">
                  <c:v>26.913</c:v>
                </c:pt>
                <c:pt idx="2689">
                  <c:v>26.922999999999998</c:v>
                </c:pt>
                <c:pt idx="2690">
                  <c:v>26.933</c:v>
                </c:pt>
                <c:pt idx="2691">
                  <c:v>26.942</c:v>
                </c:pt>
                <c:pt idx="2692">
                  <c:v>26.952000000000002</c:v>
                </c:pt>
                <c:pt idx="2693">
                  <c:v>26.960999999999999</c:v>
                </c:pt>
                <c:pt idx="2694">
                  <c:v>26.97</c:v>
                </c:pt>
                <c:pt idx="2695">
                  <c:v>26.98</c:v>
                </c:pt>
                <c:pt idx="2696">
                  <c:v>26.989000000000001</c:v>
                </c:pt>
                <c:pt idx="2697">
                  <c:v>27</c:v>
                </c:pt>
                <c:pt idx="2698">
                  <c:v>27.009</c:v>
                </c:pt>
                <c:pt idx="2699">
                  <c:v>27.018999999999998</c:v>
                </c:pt>
                <c:pt idx="2700">
                  <c:v>27.03</c:v>
                </c:pt>
                <c:pt idx="2701">
                  <c:v>27.04</c:v>
                </c:pt>
                <c:pt idx="2702">
                  <c:v>27.048999999999999</c:v>
                </c:pt>
                <c:pt idx="2703">
                  <c:v>27.059000000000001</c:v>
                </c:pt>
                <c:pt idx="2704">
                  <c:v>27.068999999999999</c:v>
                </c:pt>
                <c:pt idx="2705">
                  <c:v>27.079000000000001</c:v>
                </c:pt>
                <c:pt idx="2706">
                  <c:v>27.09</c:v>
                </c:pt>
                <c:pt idx="2707">
                  <c:v>27.1</c:v>
                </c:pt>
                <c:pt idx="2708">
                  <c:v>27.111000000000001</c:v>
                </c:pt>
                <c:pt idx="2709">
                  <c:v>27.122</c:v>
                </c:pt>
                <c:pt idx="2710">
                  <c:v>27.131</c:v>
                </c:pt>
                <c:pt idx="2711">
                  <c:v>27.143000000000001</c:v>
                </c:pt>
                <c:pt idx="2712">
                  <c:v>27.152000000000001</c:v>
                </c:pt>
                <c:pt idx="2713">
                  <c:v>27.161999999999999</c:v>
                </c:pt>
                <c:pt idx="2714">
                  <c:v>27.172000000000001</c:v>
                </c:pt>
                <c:pt idx="2715">
                  <c:v>27.181000000000001</c:v>
                </c:pt>
                <c:pt idx="2716">
                  <c:v>27.19</c:v>
                </c:pt>
                <c:pt idx="2717">
                  <c:v>27.2</c:v>
                </c:pt>
                <c:pt idx="2718">
                  <c:v>27.21</c:v>
                </c:pt>
                <c:pt idx="2719">
                  <c:v>27.22</c:v>
                </c:pt>
                <c:pt idx="2720">
                  <c:v>27.23</c:v>
                </c:pt>
                <c:pt idx="2721">
                  <c:v>27.239000000000001</c:v>
                </c:pt>
                <c:pt idx="2722">
                  <c:v>27.248999999999999</c:v>
                </c:pt>
                <c:pt idx="2723">
                  <c:v>27.257999999999999</c:v>
                </c:pt>
                <c:pt idx="2724">
                  <c:v>27.268000000000001</c:v>
                </c:pt>
                <c:pt idx="2725">
                  <c:v>27.277999999999999</c:v>
                </c:pt>
                <c:pt idx="2726">
                  <c:v>27.288</c:v>
                </c:pt>
                <c:pt idx="2727">
                  <c:v>27.297999999999998</c:v>
                </c:pt>
                <c:pt idx="2728">
                  <c:v>27.306000000000001</c:v>
                </c:pt>
                <c:pt idx="2729">
                  <c:v>27.317</c:v>
                </c:pt>
                <c:pt idx="2730">
                  <c:v>27.326000000000001</c:v>
                </c:pt>
                <c:pt idx="2731">
                  <c:v>27.337</c:v>
                </c:pt>
                <c:pt idx="2732">
                  <c:v>27.346</c:v>
                </c:pt>
                <c:pt idx="2733">
                  <c:v>27.356000000000002</c:v>
                </c:pt>
                <c:pt idx="2734">
                  <c:v>27.366</c:v>
                </c:pt>
                <c:pt idx="2735">
                  <c:v>27.375</c:v>
                </c:pt>
                <c:pt idx="2736">
                  <c:v>27.384</c:v>
                </c:pt>
                <c:pt idx="2737">
                  <c:v>27.395</c:v>
                </c:pt>
                <c:pt idx="2738">
                  <c:v>27.404</c:v>
                </c:pt>
                <c:pt idx="2739">
                  <c:v>27.413</c:v>
                </c:pt>
                <c:pt idx="2740">
                  <c:v>27.423999999999999</c:v>
                </c:pt>
                <c:pt idx="2741">
                  <c:v>27.433</c:v>
                </c:pt>
                <c:pt idx="2742">
                  <c:v>27.443000000000001</c:v>
                </c:pt>
                <c:pt idx="2743">
                  <c:v>27.452000000000002</c:v>
                </c:pt>
                <c:pt idx="2744">
                  <c:v>27.460999999999999</c:v>
                </c:pt>
                <c:pt idx="2745">
                  <c:v>27.472000000000001</c:v>
                </c:pt>
                <c:pt idx="2746">
                  <c:v>27.481000000000002</c:v>
                </c:pt>
                <c:pt idx="2747">
                  <c:v>27.492000000000001</c:v>
                </c:pt>
                <c:pt idx="2748">
                  <c:v>27.501000000000001</c:v>
                </c:pt>
                <c:pt idx="2749">
                  <c:v>27.510999999999999</c:v>
                </c:pt>
                <c:pt idx="2750">
                  <c:v>27.521000000000001</c:v>
                </c:pt>
                <c:pt idx="2751">
                  <c:v>27.53</c:v>
                </c:pt>
                <c:pt idx="2752">
                  <c:v>27.54</c:v>
                </c:pt>
                <c:pt idx="2753">
                  <c:v>27.55</c:v>
                </c:pt>
                <c:pt idx="2754">
                  <c:v>27.561</c:v>
                </c:pt>
                <c:pt idx="2755">
                  <c:v>27.571000000000002</c:v>
                </c:pt>
                <c:pt idx="2756">
                  <c:v>27.581</c:v>
                </c:pt>
                <c:pt idx="2757">
                  <c:v>27.591000000000001</c:v>
                </c:pt>
                <c:pt idx="2758">
                  <c:v>27.600999999999999</c:v>
                </c:pt>
                <c:pt idx="2759">
                  <c:v>27.611000000000001</c:v>
                </c:pt>
                <c:pt idx="2760">
                  <c:v>27.622</c:v>
                </c:pt>
                <c:pt idx="2761">
                  <c:v>27.632999999999999</c:v>
                </c:pt>
                <c:pt idx="2762">
                  <c:v>27.641999999999999</c:v>
                </c:pt>
                <c:pt idx="2763">
                  <c:v>27.652999999999999</c:v>
                </c:pt>
                <c:pt idx="2764">
                  <c:v>27.663</c:v>
                </c:pt>
                <c:pt idx="2765">
                  <c:v>27.673999999999999</c:v>
                </c:pt>
                <c:pt idx="2766">
                  <c:v>27.684000000000001</c:v>
                </c:pt>
                <c:pt idx="2767">
                  <c:v>27.693999999999999</c:v>
                </c:pt>
                <c:pt idx="2768">
                  <c:v>27.704999999999998</c:v>
                </c:pt>
                <c:pt idx="2769">
                  <c:v>27.713999999999999</c:v>
                </c:pt>
                <c:pt idx="2770">
                  <c:v>27.725000000000001</c:v>
                </c:pt>
                <c:pt idx="2771">
                  <c:v>27.734999999999999</c:v>
                </c:pt>
                <c:pt idx="2772">
                  <c:v>27.744</c:v>
                </c:pt>
                <c:pt idx="2773">
                  <c:v>27.754999999999999</c:v>
                </c:pt>
                <c:pt idx="2774">
                  <c:v>27.765000000000001</c:v>
                </c:pt>
                <c:pt idx="2775">
                  <c:v>27.776</c:v>
                </c:pt>
                <c:pt idx="2776">
                  <c:v>27.786000000000001</c:v>
                </c:pt>
                <c:pt idx="2777">
                  <c:v>27.795999999999999</c:v>
                </c:pt>
                <c:pt idx="2778">
                  <c:v>27.806000000000001</c:v>
                </c:pt>
                <c:pt idx="2779">
                  <c:v>27.817</c:v>
                </c:pt>
                <c:pt idx="2780">
                  <c:v>27.826000000000001</c:v>
                </c:pt>
                <c:pt idx="2781">
                  <c:v>27.835999999999999</c:v>
                </c:pt>
                <c:pt idx="2782">
                  <c:v>27.847000000000001</c:v>
                </c:pt>
                <c:pt idx="2783">
                  <c:v>27.856000000000002</c:v>
                </c:pt>
                <c:pt idx="2784">
                  <c:v>27.867000000000001</c:v>
                </c:pt>
                <c:pt idx="2785">
                  <c:v>27.876000000000001</c:v>
                </c:pt>
                <c:pt idx="2786">
                  <c:v>27.887</c:v>
                </c:pt>
                <c:pt idx="2787">
                  <c:v>27.896999999999998</c:v>
                </c:pt>
                <c:pt idx="2788">
                  <c:v>27.907</c:v>
                </c:pt>
                <c:pt idx="2789">
                  <c:v>27.917999999999999</c:v>
                </c:pt>
                <c:pt idx="2790">
                  <c:v>27.928000000000001</c:v>
                </c:pt>
                <c:pt idx="2791">
                  <c:v>27.937999999999999</c:v>
                </c:pt>
                <c:pt idx="2792">
                  <c:v>27.946999999999999</c:v>
                </c:pt>
                <c:pt idx="2793">
                  <c:v>27.959</c:v>
                </c:pt>
                <c:pt idx="2794">
                  <c:v>27.969000000000001</c:v>
                </c:pt>
                <c:pt idx="2795">
                  <c:v>27.978000000000002</c:v>
                </c:pt>
                <c:pt idx="2796">
                  <c:v>27.99</c:v>
                </c:pt>
                <c:pt idx="2797">
                  <c:v>27.998999999999999</c:v>
                </c:pt>
                <c:pt idx="2798">
                  <c:v>28.01</c:v>
                </c:pt>
                <c:pt idx="2799">
                  <c:v>28.021000000000001</c:v>
                </c:pt>
                <c:pt idx="2800">
                  <c:v>28.030999999999999</c:v>
                </c:pt>
                <c:pt idx="2801">
                  <c:v>28.041</c:v>
                </c:pt>
                <c:pt idx="2802">
                  <c:v>28.05</c:v>
                </c:pt>
                <c:pt idx="2803">
                  <c:v>28.062000000000001</c:v>
                </c:pt>
                <c:pt idx="2804">
                  <c:v>28.071999999999999</c:v>
                </c:pt>
                <c:pt idx="2805">
                  <c:v>28.082000000000001</c:v>
                </c:pt>
                <c:pt idx="2806">
                  <c:v>28.093</c:v>
                </c:pt>
                <c:pt idx="2807">
                  <c:v>28.102</c:v>
                </c:pt>
                <c:pt idx="2808">
                  <c:v>28.113</c:v>
                </c:pt>
                <c:pt idx="2809">
                  <c:v>28.123000000000001</c:v>
                </c:pt>
                <c:pt idx="2810">
                  <c:v>28.135000000000002</c:v>
                </c:pt>
                <c:pt idx="2811">
                  <c:v>28.143999999999998</c:v>
                </c:pt>
                <c:pt idx="2812">
                  <c:v>28.154</c:v>
                </c:pt>
                <c:pt idx="2813">
                  <c:v>28.164999999999999</c:v>
                </c:pt>
                <c:pt idx="2814">
                  <c:v>28.175000000000001</c:v>
                </c:pt>
                <c:pt idx="2815">
                  <c:v>28.186</c:v>
                </c:pt>
                <c:pt idx="2816">
                  <c:v>28.196000000000002</c:v>
                </c:pt>
                <c:pt idx="2817">
                  <c:v>28.206</c:v>
                </c:pt>
                <c:pt idx="2818">
                  <c:v>28.216999999999999</c:v>
                </c:pt>
                <c:pt idx="2819">
                  <c:v>28.225999999999999</c:v>
                </c:pt>
                <c:pt idx="2820">
                  <c:v>28.236999999999998</c:v>
                </c:pt>
                <c:pt idx="2821">
                  <c:v>28.247</c:v>
                </c:pt>
                <c:pt idx="2822">
                  <c:v>28.257000000000001</c:v>
                </c:pt>
                <c:pt idx="2823">
                  <c:v>28.268000000000001</c:v>
                </c:pt>
                <c:pt idx="2824">
                  <c:v>28.277000000000001</c:v>
                </c:pt>
                <c:pt idx="2825">
                  <c:v>28.288</c:v>
                </c:pt>
                <c:pt idx="2826">
                  <c:v>28.297999999999998</c:v>
                </c:pt>
                <c:pt idx="2827">
                  <c:v>28.308</c:v>
                </c:pt>
                <c:pt idx="2828">
                  <c:v>28.318000000000001</c:v>
                </c:pt>
                <c:pt idx="2829">
                  <c:v>28.33</c:v>
                </c:pt>
                <c:pt idx="2830">
                  <c:v>28.338999999999999</c:v>
                </c:pt>
                <c:pt idx="2831">
                  <c:v>28.35</c:v>
                </c:pt>
                <c:pt idx="2832">
                  <c:v>28.36</c:v>
                </c:pt>
                <c:pt idx="2833">
                  <c:v>28.370999999999999</c:v>
                </c:pt>
                <c:pt idx="2834">
                  <c:v>28.38</c:v>
                </c:pt>
                <c:pt idx="2835">
                  <c:v>28.39</c:v>
                </c:pt>
                <c:pt idx="2836">
                  <c:v>28.401</c:v>
                </c:pt>
                <c:pt idx="2837">
                  <c:v>28.411000000000001</c:v>
                </c:pt>
                <c:pt idx="2838">
                  <c:v>28.420999999999999</c:v>
                </c:pt>
                <c:pt idx="2839">
                  <c:v>28.431999999999999</c:v>
                </c:pt>
                <c:pt idx="2840">
                  <c:v>28.442</c:v>
                </c:pt>
                <c:pt idx="2841">
                  <c:v>28.452000000000002</c:v>
                </c:pt>
                <c:pt idx="2842">
                  <c:v>28.463000000000001</c:v>
                </c:pt>
                <c:pt idx="2843">
                  <c:v>28.474</c:v>
                </c:pt>
                <c:pt idx="2844">
                  <c:v>28.484999999999999</c:v>
                </c:pt>
                <c:pt idx="2845">
                  <c:v>28.495000000000001</c:v>
                </c:pt>
                <c:pt idx="2846">
                  <c:v>28.506</c:v>
                </c:pt>
                <c:pt idx="2847">
                  <c:v>28.515999999999998</c:v>
                </c:pt>
                <c:pt idx="2848">
                  <c:v>28.526</c:v>
                </c:pt>
                <c:pt idx="2849">
                  <c:v>28.536999999999999</c:v>
                </c:pt>
                <c:pt idx="2850">
                  <c:v>28.545999999999999</c:v>
                </c:pt>
                <c:pt idx="2851">
                  <c:v>28.556000000000001</c:v>
                </c:pt>
                <c:pt idx="2852">
                  <c:v>28.565000000000001</c:v>
                </c:pt>
                <c:pt idx="2853">
                  <c:v>28.574999999999999</c:v>
                </c:pt>
                <c:pt idx="2854">
                  <c:v>28.584</c:v>
                </c:pt>
                <c:pt idx="2855">
                  <c:v>28.594000000000001</c:v>
                </c:pt>
                <c:pt idx="2856">
                  <c:v>28.603999999999999</c:v>
                </c:pt>
                <c:pt idx="2857">
                  <c:v>28.613</c:v>
                </c:pt>
                <c:pt idx="2858">
                  <c:v>28.623999999999999</c:v>
                </c:pt>
                <c:pt idx="2859">
                  <c:v>28.634</c:v>
                </c:pt>
                <c:pt idx="2860">
                  <c:v>28.643999999999998</c:v>
                </c:pt>
                <c:pt idx="2861">
                  <c:v>28.652999999999999</c:v>
                </c:pt>
                <c:pt idx="2862">
                  <c:v>28.661999999999999</c:v>
                </c:pt>
                <c:pt idx="2863">
                  <c:v>28.672000000000001</c:v>
                </c:pt>
                <c:pt idx="2864">
                  <c:v>28.681000000000001</c:v>
                </c:pt>
                <c:pt idx="2865">
                  <c:v>28.690999999999999</c:v>
                </c:pt>
                <c:pt idx="2866">
                  <c:v>28.701000000000001</c:v>
                </c:pt>
                <c:pt idx="2867">
                  <c:v>28.710999999999999</c:v>
                </c:pt>
                <c:pt idx="2868">
                  <c:v>28.72</c:v>
                </c:pt>
                <c:pt idx="2869">
                  <c:v>28.728999999999999</c:v>
                </c:pt>
                <c:pt idx="2870">
                  <c:v>28.74</c:v>
                </c:pt>
                <c:pt idx="2871">
                  <c:v>28.748999999999999</c:v>
                </c:pt>
                <c:pt idx="2872">
                  <c:v>28.759</c:v>
                </c:pt>
                <c:pt idx="2873">
                  <c:v>28.768999999999998</c:v>
                </c:pt>
                <c:pt idx="2874">
                  <c:v>28.78</c:v>
                </c:pt>
                <c:pt idx="2875">
                  <c:v>28.791</c:v>
                </c:pt>
                <c:pt idx="2876">
                  <c:v>28.8</c:v>
                </c:pt>
                <c:pt idx="2877">
                  <c:v>28.811</c:v>
                </c:pt>
                <c:pt idx="2878">
                  <c:v>28.821000000000002</c:v>
                </c:pt>
                <c:pt idx="2879">
                  <c:v>28.832000000000001</c:v>
                </c:pt>
                <c:pt idx="2880">
                  <c:v>28.841999999999999</c:v>
                </c:pt>
                <c:pt idx="2881">
                  <c:v>28.853000000000002</c:v>
                </c:pt>
                <c:pt idx="2882">
                  <c:v>28.864000000000001</c:v>
                </c:pt>
                <c:pt idx="2883">
                  <c:v>28.873000000000001</c:v>
                </c:pt>
                <c:pt idx="2884">
                  <c:v>28.884</c:v>
                </c:pt>
                <c:pt idx="2885">
                  <c:v>28.893000000000001</c:v>
                </c:pt>
                <c:pt idx="2886">
                  <c:v>28.902000000000001</c:v>
                </c:pt>
                <c:pt idx="2887">
                  <c:v>28.913</c:v>
                </c:pt>
                <c:pt idx="2888">
                  <c:v>28.922000000000001</c:v>
                </c:pt>
                <c:pt idx="2889">
                  <c:v>28.931999999999999</c:v>
                </c:pt>
                <c:pt idx="2890">
                  <c:v>28.942</c:v>
                </c:pt>
                <c:pt idx="2891">
                  <c:v>28.952000000000002</c:v>
                </c:pt>
                <c:pt idx="2892">
                  <c:v>28.960999999999999</c:v>
                </c:pt>
                <c:pt idx="2893">
                  <c:v>28.972000000000001</c:v>
                </c:pt>
                <c:pt idx="2894">
                  <c:v>28.981999999999999</c:v>
                </c:pt>
                <c:pt idx="2895">
                  <c:v>28.991</c:v>
                </c:pt>
                <c:pt idx="2896">
                  <c:v>29.001000000000001</c:v>
                </c:pt>
                <c:pt idx="2897">
                  <c:v>29.010999999999999</c:v>
                </c:pt>
                <c:pt idx="2898">
                  <c:v>29.02</c:v>
                </c:pt>
                <c:pt idx="2899">
                  <c:v>29.03</c:v>
                </c:pt>
                <c:pt idx="2900">
                  <c:v>29.04</c:v>
                </c:pt>
                <c:pt idx="2901">
                  <c:v>29.05</c:v>
                </c:pt>
                <c:pt idx="2902">
                  <c:v>29.06</c:v>
                </c:pt>
                <c:pt idx="2903">
                  <c:v>29.07</c:v>
                </c:pt>
                <c:pt idx="2904">
                  <c:v>29.079000000000001</c:v>
                </c:pt>
                <c:pt idx="2905">
                  <c:v>29.088000000000001</c:v>
                </c:pt>
                <c:pt idx="2906">
                  <c:v>29.099</c:v>
                </c:pt>
                <c:pt idx="2907">
                  <c:v>29.108000000000001</c:v>
                </c:pt>
                <c:pt idx="2908">
                  <c:v>29.119</c:v>
                </c:pt>
                <c:pt idx="2909">
                  <c:v>29.128</c:v>
                </c:pt>
                <c:pt idx="2910">
                  <c:v>29.137</c:v>
                </c:pt>
                <c:pt idx="2911">
                  <c:v>29.148</c:v>
                </c:pt>
                <c:pt idx="2912">
                  <c:v>29.157</c:v>
                </c:pt>
                <c:pt idx="2913">
                  <c:v>29.167000000000002</c:v>
                </c:pt>
                <c:pt idx="2914">
                  <c:v>29.177</c:v>
                </c:pt>
                <c:pt idx="2915">
                  <c:v>29.187000000000001</c:v>
                </c:pt>
                <c:pt idx="2916">
                  <c:v>29.196999999999999</c:v>
                </c:pt>
                <c:pt idx="2917">
                  <c:v>29.207000000000001</c:v>
                </c:pt>
                <c:pt idx="2918">
                  <c:v>29.216000000000001</c:v>
                </c:pt>
                <c:pt idx="2919">
                  <c:v>29.227</c:v>
                </c:pt>
                <c:pt idx="2920">
                  <c:v>29.236000000000001</c:v>
                </c:pt>
                <c:pt idx="2921">
                  <c:v>29.245999999999999</c:v>
                </c:pt>
                <c:pt idx="2922">
                  <c:v>29.254999999999999</c:v>
                </c:pt>
                <c:pt idx="2923">
                  <c:v>29.265000000000001</c:v>
                </c:pt>
                <c:pt idx="2924">
                  <c:v>29.274999999999999</c:v>
                </c:pt>
                <c:pt idx="2925">
                  <c:v>29.285</c:v>
                </c:pt>
                <c:pt idx="2926">
                  <c:v>29.295000000000002</c:v>
                </c:pt>
                <c:pt idx="2927">
                  <c:v>29.305</c:v>
                </c:pt>
                <c:pt idx="2928">
                  <c:v>29.314</c:v>
                </c:pt>
                <c:pt idx="2929">
                  <c:v>29.324000000000002</c:v>
                </c:pt>
                <c:pt idx="2930">
                  <c:v>29.334</c:v>
                </c:pt>
                <c:pt idx="2931">
                  <c:v>29.344000000000001</c:v>
                </c:pt>
                <c:pt idx="2932">
                  <c:v>29.353999999999999</c:v>
                </c:pt>
                <c:pt idx="2933">
                  <c:v>29.361999999999998</c:v>
                </c:pt>
                <c:pt idx="2934">
                  <c:v>29.372</c:v>
                </c:pt>
                <c:pt idx="2935">
                  <c:v>29.382000000000001</c:v>
                </c:pt>
                <c:pt idx="2936">
                  <c:v>29.390999999999998</c:v>
                </c:pt>
                <c:pt idx="2937">
                  <c:v>29.402000000000001</c:v>
                </c:pt>
                <c:pt idx="2938">
                  <c:v>29.411000000000001</c:v>
                </c:pt>
                <c:pt idx="2939">
                  <c:v>29.420999999999999</c:v>
                </c:pt>
                <c:pt idx="2940">
                  <c:v>29.43</c:v>
                </c:pt>
                <c:pt idx="2941">
                  <c:v>29.44</c:v>
                </c:pt>
                <c:pt idx="2942">
                  <c:v>29.45</c:v>
                </c:pt>
                <c:pt idx="2943">
                  <c:v>29.46</c:v>
                </c:pt>
                <c:pt idx="2944">
                  <c:v>29.47</c:v>
                </c:pt>
                <c:pt idx="2945">
                  <c:v>29.48</c:v>
                </c:pt>
                <c:pt idx="2946">
                  <c:v>29.49</c:v>
                </c:pt>
                <c:pt idx="2947">
                  <c:v>29.498999999999999</c:v>
                </c:pt>
                <c:pt idx="2948">
                  <c:v>29.51</c:v>
                </c:pt>
                <c:pt idx="2949">
                  <c:v>29.518999999999998</c:v>
                </c:pt>
                <c:pt idx="2950">
                  <c:v>29.527999999999999</c:v>
                </c:pt>
                <c:pt idx="2951">
                  <c:v>29.539000000000001</c:v>
                </c:pt>
                <c:pt idx="2952">
                  <c:v>29.547999999999998</c:v>
                </c:pt>
                <c:pt idx="2953">
                  <c:v>29.558</c:v>
                </c:pt>
                <c:pt idx="2954">
                  <c:v>29.568000000000001</c:v>
                </c:pt>
                <c:pt idx="2955">
                  <c:v>29.577000000000002</c:v>
                </c:pt>
                <c:pt idx="2956">
                  <c:v>29.588000000000001</c:v>
                </c:pt>
                <c:pt idx="2957">
                  <c:v>29.597999999999999</c:v>
                </c:pt>
                <c:pt idx="2958">
                  <c:v>29.606999999999999</c:v>
                </c:pt>
                <c:pt idx="2959">
                  <c:v>29.617000000000001</c:v>
                </c:pt>
                <c:pt idx="2960">
                  <c:v>29.626999999999999</c:v>
                </c:pt>
                <c:pt idx="2961">
                  <c:v>29.635999999999999</c:v>
                </c:pt>
                <c:pt idx="2962">
                  <c:v>29.646999999999998</c:v>
                </c:pt>
                <c:pt idx="2963">
                  <c:v>29.655999999999999</c:v>
                </c:pt>
                <c:pt idx="2964">
                  <c:v>29.666</c:v>
                </c:pt>
                <c:pt idx="2965">
                  <c:v>29.675999999999998</c:v>
                </c:pt>
                <c:pt idx="2966">
                  <c:v>29.686</c:v>
                </c:pt>
                <c:pt idx="2967">
                  <c:v>29.696000000000002</c:v>
                </c:pt>
                <c:pt idx="2968">
                  <c:v>29.704999999999998</c:v>
                </c:pt>
                <c:pt idx="2969">
                  <c:v>29.716000000000001</c:v>
                </c:pt>
                <c:pt idx="2970">
                  <c:v>29.725000000000001</c:v>
                </c:pt>
                <c:pt idx="2971">
                  <c:v>29.734999999999999</c:v>
                </c:pt>
                <c:pt idx="2972">
                  <c:v>29.745000000000001</c:v>
                </c:pt>
                <c:pt idx="2973">
                  <c:v>29.754999999999999</c:v>
                </c:pt>
                <c:pt idx="2974">
                  <c:v>29.765000000000001</c:v>
                </c:pt>
                <c:pt idx="2975">
                  <c:v>29.774000000000001</c:v>
                </c:pt>
                <c:pt idx="2976">
                  <c:v>29.785</c:v>
                </c:pt>
                <c:pt idx="2977">
                  <c:v>29.794</c:v>
                </c:pt>
                <c:pt idx="2978">
                  <c:v>29.803999999999998</c:v>
                </c:pt>
                <c:pt idx="2979">
                  <c:v>29.814</c:v>
                </c:pt>
                <c:pt idx="2980">
                  <c:v>29.823</c:v>
                </c:pt>
                <c:pt idx="2981">
                  <c:v>29.832999999999998</c:v>
                </c:pt>
                <c:pt idx="2982">
                  <c:v>29.843</c:v>
                </c:pt>
                <c:pt idx="2983">
                  <c:v>29.853000000000002</c:v>
                </c:pt>
                <c:pt idx="2984">
                  <c:v>29.861999999999998</c:v>
                </c:pt>
                <c:pt idx="2985">
                  <c:v>29.873000000000001</c:v>
                </c:pt>
                <c:pt idx="2986">
                  <c:v>29.882000000000001</c:v>
                </c:pt>
                <c:pt idx="2987">
                  <c:v>29.893000000000001</c:v>
                </c:pt>
                <c:pt idx="2988">
                  <c:v>29.902000000000001</c:v>
                </c:pt>
                <c:pt idx="2989">
                  <c:v>29.911999999999999</c:v>
                </c:pt>
                <c:pt idx="2990">
                  <c:v>29.922000000000001</c:v>
                </c:pt>
                <c:pt idx="2991">
                  <c:v>29.931999999999999</c:v>
                </c:pt>
                <c:pt idx="2992">
                  <c:v>29.940999999999999</c:v>
                </c:pt>
                <c:pt idx="2993">
                  <c:v>29.952000000000002</c:v>
                </c:pt>
                <c:pt idx="2994">
                  <c:v>29.960999999999999</c:v>
                </c:pt>
                <c:pt idx="2995">
                  <c:v>29.971</c:v>
                </c:pt>
                <c:pt idx="2996">
                  <c:v>29.981000000000002</c:v>
                </c:pt>
                <c:pt idx="2997">
                  <c:v>29.991</c:v>
                </c:pt>
                <c:pt idx="2998">
                  <c:v>30</c:v>
                </c:pt>
                <c:pt idx="2999">
                  <c:v>30.01</c:v>
                </c:pt>
                <c:pt idx="3000">
                  <c:v>30.021000000000001</c:v>
                </c:pt>
                <c:pt idx="3001">
                  <c:v>30.03</c:v>
                </c:pt>
                <c:pt idx="3002">
                  <c:v>30.04</c:v>
                </c:pt>
                <c:pt idx="3003">
                  <c:v>30.050999999999998</c:v>
                </c:pt>
                <c:pt idx="3004">
                  <c:v>30.06</c:v>
                </c:pt>
                <c:pt idx="3005">
                  <c:v>30.068999999999999</c:v>
                </c:pt>
                <c:pt idx="3006">
                  <c:v>30.08</c:v>
                </c:pt>
                <c:pt idx="3007">
                  <c:v>30.09</c:v>
                </c:pt>
                <c:pt idx="3008">
                  <c:v>30.099</c:v>
                </c:pt>
                <c:pt idx="3009">
                  <c:v>30.11</c:v>
                </c:pt>
                <c:pt idx="3010">
                  <c:v>30.12</c:v>
                </c:pt>
                <c:pt idx="3011">
                  <c:v>30.13</c:v>
                </c:pt>
                <c:pt idx="3012">
                  <c:v>30.138999999999999</c:v>
                </c:pt>
                <c:pt idx="3013">
                  <c:v>30.149000000000001</c:v>
                </c:pt>
                <c:pt idx="3014">
                  <c:v>30.16</c:v>
                </c:pt>
                <c:pt idx="3015">
                  <c:v>30.169</c:v>
                </c:pt>
                <c:pt idx="3016">
                  <c:v>30.178999999999998</c:v>
                </c:pt>
                <c:pt idx="3017">
                  <c:v>30.189</c:v>
                </c:pt>
                <c:pt idx="3018">
                  <c:v>30.199000000000002</c:v>
                </c:pt>
                <c:pt idx="3019">
                  <c:v>30.209</c:v>
                </c:pt>
                <c:pt idx="3020">
                  <c:v>30.219000000000001</c:v>
                </c:pt>
                <c:pt idx="3021">
                  <c:v>30.228999999999999</c:v>
                </c:pt>
                <c:pt idx="3022">
                  <c:v>30.238</c:v>
                </c:pt>
                <c:pt idx="3023">
                  <c:v>30.248999999999999</c:v>
                </c:pt>
                <c:pt idx="3024">
                  <c:v>30.259</c:v>
                </c:pt>
                <c:pt idx="3025">
                  <c:v>30.268000000000001</c:v>
                </c:pt>
                <c:pt idx="3026">
                  <c:v>30.277999999999999</c:v>
                </c:pt>
                <c:pt idx="3027">
                  <c:v>30.288</c:v>
                </c:pt>
                <c:pt idx="3028">
                  <c:v>30.297999999999998</c:v>
                </c:pt>
                <c:pt idx="3029">
                  <c:v>30.309000000000001</c:v>
                </c:pt>
                <c:pt idx="3030">
                  <c:v>30.318000000000001</c:v>
                </c:pt>
                <c:pt idx="3031">
                  <c:v>30.327000000000002</c:v>
                </c:pt>
                <c:pt idx="3032">
                  <c:v>30.338000000000001</c:v>
                </c:pt>
                <c:pt idx="3033">
                  <c:v>30.347999999999999</c:v>
                </c:pt>
                <c:pt idx="3034">
                  <c:v>30.356999999999999</c:v>
                </c:pt>
                <c:pt idx="3035">
                  <c:v>30.367999999999999</c:v>
                </c:pt>
                <c:pt idx="3036">
                  <c:v>30.378</c:v>
                </c:pt>
                <c:pt idx="3037">
                  <c:v>30.387</c:v>
                </c:pt>
                <c:pt idx="3038">
                  <c:v>30.398</c:v>
                </c:pt>
                <c:pt idx="3039">
                  <c:v>30.407</c:v>
                </c:pt>
                <c:pt idx="3040">
                  <c:v>30.416</c:v>
                </c:pt>
                <c:pt idx="3041">
                  <c:v>30.427</c:v>
                </c:pt>
                <c:pt idx="3042">
                  <c:v>30.437000000000001</c:v>
                </c:pt>
                <c:pt idx="3043">
                  <c:v>30.446000000000002</c:v>
                </c:pt>
                <c:pt idx="3044">
                  <c:v>30.457000000000001</c:v>
                </c:pt>
                <c:pt idx="3045">
                  <c:v>30.466999999999999</c:v>
                </c:pt>
                <c:pt idx="3046">
                  <c:v>30.475999999999999</c:v>
                </c:pt>
                <c:pt idx="3047">
                  <c:v>30.486999999999998</c:v>
                </c:pt>
                <c:pt idx="3048">
                  <c:v>30.497</c:v>
                </c:pt>
                <c:pt idx="3049">
                  <c:v>30.507000000000001</c:v>
                </c:pt>
                <c:pt idx="3050">
                  <c:v>30.516999999999999</c:v>
                </c:pt>
                <c:pt idx="3051">
                  <c:v>30.526</c:v>
                </c:pt>
                <c:pt idx="3052">
                  <c:v>30.536999999999999</c:v>
                </c:pt>
                <c:pt idx="3053">
                  <c:v>30.547000000000001</c:v>
                </c:pt>
                <c:pt idx="3054">
                  <c:v>30.556000000000001</c:v>
                </c:pt>
                <c:pt idx="3055">
                  <c:v>30.565999999999999</c:v>
                </c:pt>
                <c:pt idx="3056">
                  <c:v>30.576000000000001</c:v>
                </c:pt>
                <c:pt idx="3057">
                  <c:v>30.585999999999999</c:v>
                </c:pt>
                <c:pt idx="3058">
                  <c:v>30.596</c:v>
                </c:pt>
                <c:pt idx="3059">
                  <c:v>30.606000000000002</c:v>
                </c:pt>
                <c:pt idx="3060">
                  <c:v>30.616</c:v>
                </c:pt>
                <c:pt idx="3061">
                  <c:v>30.625</c:v>
                </c:pt>
                <c:pt idx="3062">
                  <c:v>30.635999999999999</c:v>
                </c:pt>
                <c:pt idx="3063">
                  <c:v>30.645</c:v>
                </c:pt>
                <c:pt idx="3064">
                  <c:v>30.655000000000001</c:v>
                </c:pt>
                <c:pt idx="3065">
                  <c:v>30.664000000000001</c:v>
                </c:pt>
                <c:pt idx="3066">
                  <c:v>30.675000000000001</c:v>
                </c:pt>
                <c:pt idx="3067">
                  <c:v>30.684000000000001</c:v>
                </c:pt>
                <c:pt idx="3068">
                  <c:v>30.695</c:v>
                </c:pt>
                <c:pt idx="3069">
                  <c:v>30.704000000000001</c:v>
                </c:pt>
                <c:pt idx="3070">
                  <c:v>30.713000000000001</c:v>
                </c:pt>
                <c:pt idx="3071">
                  <c:v>30.724</c:v>
                </c:pt>
                <c:pt idx="3072">
                  <c:v>30.734000000000002</c:v>
                </c:pt>
                <c:pt idx="3073">
                  <c:v>30.742999999999999</c:v>
                </c:pt>
                <c:pt idx="3074">
                  <c:v>30.754000000000001</c:v>
                </c:pt>
                <c:pt idx="3075">
                  <c:v>30.763000000000002</c:v>
                </c:pt>
                <c:pt idx="3076">
                  <c:v>30.773</c:v>
                </c:pt>
                <c:pt idx="3077">
                  <c:v>30.783000000000001</c:v>
                </c:pt>
                <c:pt idx="3078">
                  <c:v>30.792999999999999</c:v>
                </c:pt>
                <c:pt idx="3079">
                  <c:v>30.803000000000001</c:v>
                </c:pt>
                <c:pt idx="3080">
                  <c:v>30.812999999999999</c:v>
                </c:pt>
                <c:pt idx="3081">
                  <c:v>30.824000000000002</c:v>
                </c:pt>
                <c:pt idx="3082">
                  <c:v>30.832999999999998</c:v>
                </c:pt>
                <c:pt idx="3083">
                  <c:v>30.844000000000001</c:v>
                </c:pt>
                <c:pt idx="3084">
                  <c:v>30.853000000000002</c:v>
                </c:pt>
                <c:pt idx="3085">
                  <c:v>30.863</c:v>
                </c:pt>
                <c:pt idx="3086">
                  <c:v>30.873000000000001</c:v>
                </c:pt>
                <c:pt idx="3087">
                  <c:v>30.882999999999999</c:v>
                </c:pt>
                <c:pt idx="3088">
                  <c:v>30.891999999999999</c:v>
                </c:pt>
                <c:pt idx="3089">
                  <c:v>30.902999999999999</c:v>
                </c:pt>
                <c:pt idx="3090">
                  <c:v>30.911999999999999</c:v>
                </c:pt>
                <c:pt idx="3091">
                  <c:v>30.922000000000001</c:v>
                </c:pt>
                <c:pt idx="3092">
                  <c:v>30.931999999999999</c:v>
                </c:pt>
                <c:pt idx="3093">
                  <c:v>30.940999999999999</c:v>
                </c:pt>
                <c:pt idx="3094">
                  <c:v>30.952000000000002</c:v>
                </c:pt>
                <c:pt idx="3095">
                  <c:v>30.962</c:v>
                </c:pt>
                <c:pt idx="3096">
                  <c:v>30.972999999999999</c:v>
                </c:pt>
                <c:pt idx="3097">
                  <c:v>30.981999999999999</c:v>
                </c:pt>
                <c:pt idx="3098">
                  <c:v>30.991</c:v>
                </c:pt>
                <c:pt idx="3099">
                  <c:v>31.001999999999999</c:v>
                </c:pt>
                <c:pt idx="3100">
                  <c:v>31.012</c:v>
                </c:pt>
                <c:pt idx="3101">
                  <c:v>31.023</c:v>
                </c:pt>
                <c:pt idx="3102">
                  <c:v>31.032</c:v>
                </c:pt>
                <c:pt idx="3103">
                  <c:v>31.041</c:v>
                </c:pt>
                <c:pt idx="3104">
                  <c:v>31.053000000000001</c:v>
                </c:pt>
                <c:pt idx="3105">
                  <c:v>31.062000000000001</c:v>
                </c:pt>
                <c:pt idx="3106">
                  <c:v>31.071000000000002</c:v>
                </c:pt>
                <c:pt idx="3107">
                  <c:v>31.082000000000001</c:v>
                </c:pt>
                <c:pt idx="3108">
                  <c:v>31.091000000000001</c:v>
                </c:pt>
                <c:pt idx="3109">
                  <c:v>31.102</c:v>
                </c:pt>
                <c:pt idx="3110">
                  <c:v>31.111999999999998</c:v>
                </c:pt>
                <c:pt idx="3111">
                  <c:v>31.120999999999999</c:v>
                </c:pt>
                <c:pt idx="3112">
                  <c:v>31.131</c:v>
                </c:pt>
                <c:pt idx="3113">
                  <c:v>31.140999999999998</c:v>
                </c:pt>
                <c:pt idx="3114">
                  <c:v>31.15</c:v>
                </c:pt>
                <c:pt idx="3115">
                  <c:v>31.16</c:v>
                </c:pt>
                <c:pt idx="3116">
                  <c:v>31.169</c:v>
                </c:pt>
                <c:pt idx="3117">
                  <c:v>31.18</c:v>
                </c:pt>
                <c:pt idx="3118">
                  <c:v>31.19</c:v>
                </c:pt>
                <c:pt idx="3119">
                  <c:v>31.2</c:v>
                </c:pt>
                <c:pt idx="3120">
                  <c:v>31.209</c:v>
                </c:pt>
                <c:pt idx="3121">
                  <c:v>31.218</c:v>
                </c:pt>
                <c:pt idx="3122">
                  <c:v>31.227</c:v>
                </c:pt>
                <c:pt idx="3123">
                  <c:v>31.238</c:v>
                </c:pt>
                <c:pt idx="3124">
                  <c:v>31.248000000000001</c:v>
                </c:pt>
                <c:pt idx="3125">
                  <c:v>31.257000000000001</c:v>
                </c:pt>
                <c:pt idx="3126">
                  <c:v>31.268000000000001</c:v>
                </c:pt>
                <c:pt idx="3127">
                  <c:v>31.277000000000001</c:v>
                </c:pt>
                <c:pt idx="3128">
                  <c:v>31.286999999999999</c:v>
                </c:pt>
                <c:pt idx="3129">
                  <c:v>31.297999999999998</c:v>
                </c:pt>
                <c:pt idx="3130">
                  <c:v>31.306999999999999</c:v>
                </c:pt>
                <c:pt idx="3131">
                  <c:v>31.317</c:v>
                </c:pt>
                <c:pt idx="3132">
                  <c:v>31.327000000000002</c:v>
                </c:pt>
                <c:pt idx="3133">
                  <c:v>31.335999999999999</c:v>
                </c:pt>
                <c:pt idx="3134">
                  <c:v>31.344999999999999</c:v>
                </c:pt>
                <c:pt idx="3135">
                  <c:v>31.356000000000002</c:v>
                </c:pt>
                <c:pt idx="3136">
                  <c:v>31.364999999999998</c:v>
                </c:pt>
                <c:pt idx="3137">
                  <c:v>31.376000000000001</c:v>
                </c:pt>
                <c:pt idx="3138">
                  <c:v>31.385000000000002</c:v>
                </c:pt>
                <c:pt idx="3139">
                  <c:v>31.395</c:v>
                </c:pt>
                <c:pt idx="3140">
                  <c:v>31.405000000000001</c:v>
                </c:pt>
                <c:pt idx="3141">
                  <c:v>31.414999999999999</c:v>
                </c:pt>
                <c:pt idx="3142">
                  <c:v>31.425000000000001</c:v>
                </c:pt>
                <c:pt idx="3143">
                  <c:v>31.434999999999999</c:v>
                </c:pt>
                <c:pt idx="3144">
                  <c:v>31.443999999999999</c:v>
                </c:pt>
                <c:pt idx="3145">
                  <c:v>31.454999999999998</c:v>
                </c:pt>
                <c:pt idx="3146">
                  <c:v>31.463999999999999</c:v>
                </c:pt>
                <c:pt idx="3147">
                  <c:v>31.474</c:v>
                </c:pt>
                <c:pt idx="3148">
                  <c:v>31.483000000000001</c:v>
                </c:pt>
                <c:pt idx="3149">
                  <c:v>31.494</c:v>
                </c:pt>
                <c:pt idx="3150">
                  <c:v>31.504999999999999</c:v>
                </c:pt>
                <c:pt idx="3151">
                  <c:v>31.513000000000002</c:v>
                </c:pt>
                <c:pt idx="3152">
                  <c:v>31.524000000000001</c:v>
                </c:pt>
                <c:pt idx="3153">
                  <c:v>31.533999999999999</c:v>
                </c:pt>
                <c:pt idx="3154">
                  <c:v>31.542999999999999</c:v>
                </c:pt>
                <c:pt idx="3155">
                  <c:v>31.553999999999998</c:v>
                </c:pt>
                <c:pt idx="3156">
                  <c:v>31.562999999999999</c:v>
                </c:pt>
                <c:pt idx="3157">
                  <c:v>31.574000000000002</c:v>
                </c:pt>
                <c:pt idx="3158">
                  <c:v>31.582999999999998</c:v>
                </c:pt>
                <c:pt idx="3159">
                  <c:v>31.593</c:v>
                </c:pt>
                <c:pt idx="3160">
                  <c:v>31.602</c:v>
                </c:pt>
                <c:pt idx="3161">
                  <c:v>31.611999999999998</c:v>
                </c:pt>
                <c:pt idx="3162">
                  <c:v>31.620999999999999</c:v>
                </c:pt>
                <c:pt idx="3163">
                  <c:v>31.632000000000001</c:v>
                </c:pt>
                <c:pt idx="3164">
                  <c:v>31.640999999999998</c:v>
                </c:pt>
                <c:pt idx="3165">
                  <c:v>31.651</c:v>
                </c:pt>
                <c:pt idx="3166">
                  <c:v>31.66</c:v>
                </c:pt>
                <c:pt idx="3167">
                  <c:v>31.670999999999999</c:v>
                </c:pt>
                <c:pt idx="3168">
                  <c:v>31.68</c:v>
                </c:pt>
                <c:pt idx="3169">
                  <c:v>31.69</c:v>
                </c:pt>
                <c:pt idx="3170">
                  <c:v>31.7</c:v>
                </c:pt>
                <c:pt idx="3171">
                  <c:v>31.71</c:v>
                </c:pt>
                <c:pt idx="3172">
                  <c:v>31.72</c:v>
                </c:pt>
                <c:pt idx="3173">
                  <c:v>31.728999999999999</c:v>
                </c:pt>
                <c:pt idx="3174">
                  <c:v>31.738</c:v>
                </c:pt>
                <c:pt idx="3175">
                  <c:v>31.748999999999999</c:v>
                </c:pt>
                <c:pt idx="3176">
                  <c:v>31.757999999999999</c:v>
                </c:pt>
                <c:pt idx="3177">
                  <c:v>31.768999999999998</c:v>
                </c:pt>
                <c:pt idx="3178">
                  <c:v>31.777999999999999</c:v>
                </c:pt>
                <c:pt idx="3179">
                  <c:v>31.788</c:v>
                </c:pt>
                <c:pt idx="3180">
                  <c:v>31.797999999999998</c:v>
                </c:pt>
                <c:pt idx="3181">
                  <c:v>31.806999999999999</c:v>
                </c:pt>
                <c:pt idx="3182">
                  <c:v>31.818000000000001</c:v>
                </c:pt>
                <c:pt idx="3183">
                  <c:v>31.827999999999999</c:v>
                </c:pt>
                <c:pt idx="3184">
                  <c:v>31.837</c:v>
                </c:pt>
                <c:pt idx="3185">
                  <c:v>31.847000000000001</c:v>
                </c:pt>
                <c:pt idx="3186">
                  <c:v>31.856999999999999</c:v>
                </c:pt>
                <c:pt idx="3187">
                  <c:v>31.867000000000001</c:v>
                </c:pt>
                <c:pt idx="3188">
                  <c:v>31.876999999999999</c:v>
                </c:pt>
                <c:pt idx="3189">
                  <c:v>31.887</c:v>
                </c:pt>
                <c:pt idx="3190">
                  <c:v>31.896000000000001</c:v>
                </c:pt>
                <c:pt idx="3191">
                  <c:v>31.905999999999999</c:v>
                </c:pt>
                <c:pt idx="3192">
                  <c:v>31.914999999999999</c:v>
                </c:pt>
                <c:pt idx="3193">
                  <c:v>31.925999999999998</c:v>
                </c:pt>
                <c:pt idx="3194">
                  <c:v>31.936</c:v>
                </c:pt>
                <c:pt idx="3195">
                  <c:v>31.945</c:v>
                </c:pt>
                <c:pt idx="3196">
                  <c:v>31.954999999999998</c:v>
                </c:pt>
                <c:pt idx="3197">
                  <c:v>31.966000000000001</c:v>
                </c:pt>
                <c:pt idx="3198">
                  <c:v>31.975000000000001</c:v>
                </c:pt>
                <c:pt idx="3199">
                  <c:v>31.986000000000001</c:v>
                </c:pt>
                <c:pt idx="3200">
                  <c:v>31.995000000000001</c:v>
                </c:pt>
                <c:pt idx="3201">
                  <c:v>32.005000000000003</c:v>
                </c:pt>
                <c:pt idx="3202">
                  <c:v>32.015000000000001</c:v>
                </c:pt>
                <c:pt idx="3203">
                  <c:v>32.024000000000001</c:v>
                </c:pt>
                <c:pt idx="3204">
                  <c:v>32.034999999999997</c:v>
                </c:pt>
                <c:pt idx="3205">
                  <c:v>32.043999999999997</c:v>
                </c:pt>
                <c:pt idx="3206">
                  <c:v>32.052999999999997</c:v>
                </c:pt>
                <c:pt idx="3207">
                  <c:v>32.064</c:v>
                </c:pt>
                <c:pt idx="3208">
                  <c:v>32.073</c:v>
                </c:pt>
                <c:pt idx="3209">
                  <c:v>32.082999999999998</c:v>
                </c:pt>
                <c:pt idx="3210">
                  <c:v>32.091999999999999</c:v>
                </c:pt>
                <c:pt idx="3211">
                  <c:v>32.103000000000002</c:v>
                </c:pt>
                <c:pt idx="3212">
                  <c:v>32.112000000000002</c:v>
                </c:pt>
                <c:pt idx="3213">
                  <c:v>32.122</c:v>
                </c:pt>
                <c:pt idx="3214">
                  <c:v>32.133000000000003</c:v>
                </c:pt>
                <c:pt idx="3215">
                  <c:v>32.143000000000001</c:v>
                </c:pt>
                <c:pt idx="3216">
                  <c:v>32.152000000000001</c:v>
                </c:pt>
                <c:pt idx="3217">
                  <c:v>32.161999999999999</c:v>
                </c:pt>
                <c:pt idx="3218">
                  <c:v>32.171999999999997</c:v>
                </c:pt>
                <c:pt idx="3219">
                  <c:v>32.182000000000002</c:v>
                </c:pt>
                <c:pt idx="3220">
                  <c:v>32.192</c:v>
                </c:pt>
                <c:pt idx="3221">
                  <c:v>32.201999999999998</c:v>
                </c:pt>
                <c:pt idx="3222">
                  <c:v>32.212000000000003</c:v>
                </c:pt>
                <c:pt idx="3223">
                  <c:v>32.222000000000001</c:v>
                </c:pt>
                <c:pt idx="3224">
                  <c:v>32.231000000000002</c:v>
                </c:pt>
                <c:pt idx="3225">
                  <c:v>32.241</c:v>
                </c:pt>
                <c:pt idx="3226">
                  <c:v>32.252000000000002</c:v>
                </c:pt>
                <c:pt idx="3227">
                  <c:v>32.261000000000003</c:v>
                </c:pt>
                <c:pt idx="3228">
                  <c:v>32.270000000000003</c:v>
                </c:pt>
                <c:pt idx="3229">
                  <c:v>32.28</c:v>
                </c:pt>
                <c:pt idx="3230">
                  <c:v>32.29</c:v>
                </c:pt>
                <c:pt idx="3231">
                  <c:v>32.298999999999999</c:v>
                </c:pt>
                <c:pt idx="3232">
                  <c:v>32.31</c:v>
                </c:pt>
                <c:pt idx="3233">
                  <c:v>32.32</c:v>
                </c:pt>
                <c:pt idx="3234">
                  <c:v>32.33</c:v>
                </c:pt>
                <c:pt idx="3235">
                  <c:v>32.338999999999999</c:v>
                </c:pt>
                <c:pt idx="3236">
                  <c:v>32.35</c:v>
                </c:pt>
                <c:pt idx="3237">
                  <c:v>32.36</c:v>
                </c:pt>
                <c:pt idx="3238">
                  <c:v>32.369</c:v>
                </c:pt>
                <c:pt idx="3239">
                  <c:v>32.380000000000003</c:v>
                </c:pt>
                <c:pt idx="3240">
                  <c:v>32.389000000000003</c:v>
                </c:pt>
                <c:pt idx="3241">
                  <c:v>32.399000000000001</c:v>
                </c:pt>
                <c:pt idx="3242">
                  <c:v>32.408999999999999</c:v>
                </c:pt>
                <c:pt idx="3243">
                  <c:v>32.417999999999999</c:v>
                </c:pt>
                <c:pt idx="3244">
                  <c:v>32.429000000000002</c:v>
                </c:pt>
                <c:pt idx="3245">
                  <c:v>32.438000000000002</c:v>
                </c:pt>
                <c:pt idx="3246">
                  <c:v>32.447000000000003</c:v>
                </c:pt>
                <c:pt idx="3247">
                  <c:v>32.457999999999998</c:v>
                </c:pt>
                <c:pt idx="3248">
                  <c:v>32.466999999999999</c:v>
                </c:pt>
                <c:pt idx="3249">
                  <c:v>32.476999999999997</c:v>
                </c:pt>
                <c:pt idx="3250">
                  <c:v>32.488</c:v>
                </c:pt>
                <c:pt idx="3251">
                  <c:v>32.497</c:v>
                </c:pt>
                <c:pt idx="3252">
                  <c:v>32.506999999999998</c:v>
                </c:pt>
                <c:pt idx="3253">
                  <c:v>32.515999999999998</c:v>
                </c:pt>
                <c:pt idx="3254">
                  <c:v>32.527000000000001</c:v>
                </c:pt>
                <c:pt idx="3255">
                  <c:v>32.536999999999999</c:v>
                </c:pt>
                <c:pt idx="3256">
                  <c:v>32.546999999999997</c:v>
                </c:pt>
                <c:pt idx="3257">
                  <c:v>32.555999999999997</c:v>
                </c:pt>
                <c:pt idx="3258">
                  <c:v>32.566000000000003</c:v>
                </c:pt>
                <c:pt idx="3259">
                  <c:v>32.576000000000001</c:v>
                </c:pt>
                <c:pt idx="3260">
                  <c:v>32.585000000000001</c:v>
                </c:pt>
                <c:pt idx="3261">
                  <c:v>32.595999999999997</c:v>
                </c:pt>
                <c:pt idx="3262">
                  <c:v>32.604999999999997</c:v>
                </c:pt>
                <c:pt idx="3263">
                  <c:v>32.613999999999997</c:v>
                </c:pt>
                <c:pt idx="3264">
                  <c:v>32.625</c:v>
                </c:pt>
                <c:pt idx="3265">
                  <c:v>32.634</c:v>
                </c:pt>
                <c:pt idx="3266">
                  <c:v>32.643999999999998</c:v>
                </c:pt>
                <c:pt idx="3267">
                  <c:v>32.654000000000003</c:v>
                </c:pt>
                <c:pt idx="3268">
                  <c:v>32.664000000000001</c:v>
                </c:pt>
                <c:pt idx="3269">
                  <c:v>32.673000000000002</c:v>
                </c:pt>
                <c:pt idx="3270">
                  <c:v>32.683</c:v>
                </c:pt>
                <c:pt idx="3271">
                  <c:v>32.692</c:v>
                </c:pt>
                <c:pt idx="3272">
                  <c:v>32.703000000000003</c:v>
                </c:pt>
                <c:pt idx="3273">
                  <c:v>32.712000000000003</c:v>
                </c:pt>
                <c:pt idx="3274">
                  <c:v>32.722000000000001</c:v>
                </c:pt>
                <c:pt idx="3275">
                  <c:v>32.731000000000002</c:v>
                </c:pt>
                <c:pt idx="3276">
                  <c:v>32.74</c:v>
                </c:pt>
                <c:pt idx="3277">
                  <c:v>32.749000000000002</c:v>
                </c:pt>
                <c:pt idx="3278">
                  <c:v>32.759</c:v>
                </c:pt>
                <c:pt idx="3279">
                  <c:v>32.768999999999998</c:v>
                </c:pt>
                <c:pt idx="3280">
                  <c:v>32.779000000000003</c:v>
                </c:pt>
                <c:pt idx="3281">
                  <c:v>32.787999999999997</c:v>
                </c:pt>
                <c:pt idx="3282">
                  <c:v>32.798000000000002</c:v>
                </c:pt>
                <c:pt idx="3283">
                  <c:v>32.807000000000002</c:v>
                </c:pt>
                <c:pt idx="3284">
                  <c:v>32.817</c:v>
                </c:pt>
                <c:pt idx="3285">
                  <c:v>32.828000000000003</c:v>
                </c:pt>
                <c:pt idx="3286">
                  <c:v>32.838000000000001</c:v>
                </c:pt>
                <c:pt idx="3287">
                  <c:v>32.847999999999999</c:v>
                </c:pt>
                <c:pt idx="3288">
                  <c:v>32.859000000000002</c:v>
                </c:pt>
                <c:pt idx="3289">
                  <c:v>32.868000000000002</c:v>
                </c:pt>
                <c:pt idx="3290">
                  <c:v>32.878999999999998</c:v>
                </c:pt>
                <c:pt idx="3291">
                  <c:v>32.889000000000003</c:v>
                </c:pt>
                <c:pt idx="3292">
                  <c:v>32.899000000000001</c:v>
                </c:pt>
                <c:pt idx="3293">
                  <c:v>32.909999999999997</c:v>
                </c:pt>
                <c:pt idx="3294">
                  <c:v>32.918999999999997</c:v>
                </c:pt>
                <c:pt idx="3295">
                  <c:v>32.93</c:v>
                </c:pt>
                <c:pt idx="3296">
                  <c:v>32.94</c:v>
                </c:pt>
                <c:pt idx="3297">
                  <c:v>32.951000000000001</c:v>
                </c:pt>
                <c:pt idx="3298">
                  <c:v>32.96</c:v>
                </c:pt>
                <c:pt idx="3299">
                  <c:v>32.970999999999997</c:v>
                </c:pt>
                <c:pt idx="3300">
                  <c:v>32.981000000000002</c:v>
                </c:pt>
                <c:pt idx="3301">
                  <c:v>32.993000000000002</c:v>
                </c:pt>
                <c:pt idx="3302">
                  <c:v>33.003</c:v>
                </c:pt>
                <c:pt idx="3303">
                  <c:v>33.012999999999998</c:v>
                </c:pt>
                <c:pt idx="3304">
                  <c:v>33.024000000000001</c:v>
                </c:pt>
                <c:pt idx="3305">
                  <c:v>33.033999999999999</c:v>
                </c:pt>
                <c:pt idx="3306">
                  <c:v>33.042999999999999</c:v>
                </c:pt>
                <c:pt idx="3307">
                  <c:v>33.052999999999997</c:v>
                </c:pt>
                <c:pt idx="3308">
                  <c:v>33.064</c:v>
                </c:pt>
                <c:pt idx="3309">
                  <c:v>33.073999999999998</c:v>
                </c:pt>
                <c:pt idx="3310">
                  <c:v>33.082999999999998</c:v>
                </c:pt>
                <c:pt idx="3311">
                  <c:v>33.091999999999999</c:v>
                </c:pt>
                <c:pt idx="3312">
                  <c:v>33.103000000000002</c:v>
                </c:pt>
                <c:pt idx="3313">
                  <c:v>33.112000000000002</c:v>
                </c:pt>
                <c:pt idx="3314">
                  <c:v>33.121000000000002</c:v>
                </c:pt>
                <c:pt idx="3315">
                  <c:v>33.131</c:v>
                </c:pt>
                <c:pt idx="3316">
                  <c:v>33.140999999999998</c:v>
                </c:pt>
                <c:pt idx="3317">
                  <c:v>33.151000000000003</c:v>
                </c:pt>
                <c:pt idx="3318">
                  <c:v>33.161000000000001</c:v>
                </c:pt>
                <c:pt idx="3319">
                  <c:v>33.170999999999999</c:v>
                </c:pt>
                <c:pt idx="3320">
                  <c:v>33.18</c:v>
                </c:pt>
                <c:pt idx="3321">
                  <c:v>33.19</c:v>
                </c:pt>
                <c:pt idx="3322">
                  <c:v>33.200000000000003</c:v>
                </c:pt>
                <c:pt idx="3323">
                  <c:v>33.209000000000003</c:v>
                </c:pt>
                <c:pt idx="3324">
                  <c:v>33.219000000000001</c:v>
                </c:pt>
                <c:pt idx="3325">
                  <c:v>33.228999999999999</c:v>
                </c:pt>
                <c:pt idx="3326">
                  <c:v>33.238</c:v>
                </c:pt>
                <c:pt idx="3327">
                  <c:v>33.247</c:v>
                </c:pt>
                <c:pt idx="3328">
                  <c:v>33.256999999999998</c:v>
                </c:pt>
                <c:pt idx="3329">
                  <c:v>33.268000000000001</c:v>
                </c:pt>
                <c:pt idx="3330">
                  <c:v>33.277000000000001</c:v>
                </c:pt>
                <c:pt idx="3331">
                  <c:v>33.286999999999999</c:v>
                </c:pt>
                <c:pt idx="3332">
                  <c:v>33.298000000000002</c:v>
                </c:pt>
                <c:pt idx="3333">
                  <c:v>33.307000000000002</c:v>
                </c:pt>
                <c:pt idx="3334">
                  <c:v>33.317999999999998</c:v>
                </c:pt>
                <c:pt idx="3335">
                  <c:v>33.326999999999998</c:v>
                </c:pt>
                <c:pt idx="3336">
                  <c:v>33.335999999999999</c:v>
                </c:pt>
                <c:pt idx="3337">
                  <c:v>33.347000000000001</c:v>
                </c:pt>
                <c:pt idx="3338">
                  <c:v>33.356000000000002</c:v>
                </c:pt>
                <c:pt idx="3339">
                  <c:v>33.366999999999997</c:v>
                </c:pt>
                <c:pt idx="3340">
                  <c:v>33.375999999999998</c:v>
                </c:pt>
                <c:pt idx="3341">
                  <c:v>33.386000000000003</c:v>
                </c:pt>
                <c:pt idx="3342">
                  <c:v>33.395000000000003</c:v>
                </c:pt>
                <c:pt idx="3343">
                  <c:v>33.405999999999999</c:v>
                </c:pt>
                <c:pt idx="3344">
                  <c:v>33.414999999999999</c:v>
                </c:pt>
                <c:pt idx="3345">
                  <c:v>33.423999999999999</c:v>
                </c:pt>
                <c:pt idx="3346">
                  <c:v>33.435000000000002</c:v>
                </c:pt>
                <c:pt idx="3347">
                  <c:v>33.444000000000003</c:v>
                </c:pt>
                <c:pt idx="3348">
                  <c:v>33.453000000000003</c:v>
                </c:pt>
                <c:pt idx="3349">
                  <c:v>33.463999999999999</c:v>
                </c:pt>
                <c:pt idx="3350">
                  <c:v>33.472999999999999</c:v>
                </c:pt>
                <c:pt idx="3351">
                  <c:v>33.481999999999999</c:v>
                </c:pt>
                <c:pt idx="3352">
                  <c:v>33.493000000000002</c:v>
                </c:pt>
                <c:pt idx="3353">
                  <c:v>33.502000000000002</c:v>
                </c:pt>
                <c:pt idx="3354">
                  <c:v>33.511000000000003</c:v>
                </c:pt>
                <c:pt idx="3355">
                  <c:v>33.521999999999998</c:v>
                </c:pt>
                <c:pt idx="3356">
                  <c:v>33.530999999999999</c:v>
                </c:pt>
                <c:pt idx="3357">
                  <c:v>33.540999999999997</c:v>
                </c:pt>
                <c:pt idx="3358">
                  <c:v>33.549999999999997</c:v>
                </c:pt>
                <c:pt idx="3359">
                  <c:v>33.56</c:v>
                </c:pt>
                <c:pt idx="3360">
                  <c:v>33.569000000000003</c:v>
                </c:pt>
                <c:pt idx="3361">
                  <c:v>33.58</c:v>
                </c:pt>
                <c:pt idx="3362">
                  <c:v>33.588999999999999</c:v>
                </c:pt>
                <c:pt idx="3363">
                  <c:v>33.598999999999997</c:v>
                </c:pt>
                <c:pt idx="3364">
                  <c:v>33.609000000000002</c:v>
                </c:pt>
                <c:pt idx="3365">
                  <c:v>33.618000000000002</c:v>
                </c:pt>
                <c:pt idx="3366">
                  <c:v>33.628</c:v>
                </c:pt>
                <c:pt idx="3367">
                  <c:v>33.637</c:v>
                </c:pt>
                <c:pt idx="3368">
                  <c:v>33.648000000000003</c:v>
                </c:pt>
                <c:pt idx="3369">
                  <c:v>33.656999999999996</c:v>
                </c:pt>
                <c:pt idx="3370">
                  <c:v>33.667999999999999</c:v>
                </c:pt>
                <c:pt idx="3371">
                  <c:v>33.677</c:v>
                </c:pt>
                <c:pt idx="3372">
                  <c:v>33.686</c:v>
                </c:pt>
                <c:pt idx="3373">
                  <c:v>33.697000000000003</c:v>
                </c:pt>
                <c:pt idx="3374">
                  <c:v>33.706000000000003</c:v>
                </c:pt>
                <c:pt idx="3375">
                  <c:v>33.715000000000003</c:v>
                </c:pt>
                <c:pt idx="3376">
                  <c:v>33.725000000000001</c:v>
                </c:pt>
                <c:pt idx="3377">
                  <c:v>33.734999999999999</c:v>
                </c:pt>
                <c:pt idx="3378">
                  <c:v>33.744999999999997</c:v>
                </c:pt>
                <c:pt idx="3379">
                  <c:v>33.753999999999998</c:v>
                </c:pt>
                <c:pt idx="3380">
                  <c:v>33.764000000000003</c:v>
                </c:pt>
                <c:pt idx="3381">
                  <c:v>33.774000000000001</c:v>
                </c:pt>
                <c:pt idx="3382">
                  <c:v>33.783999999999999</c:v>
                </c:pt>
                <c:pt idx="3383">
                  <c:v>33.793999999999997</c:v>
                </c:pt>
                <c:pt idx="3384">
                  <c:v>33.802999999999997</c:v>
                </c:pt>
                <c:pt idx="3385">
                  <c:v>33.814</c:v>
                </c:pt>
                <c:pt idx="3386">
                  <c:v>33.823999999999998</c:v>
                </c:pt>
                <c:pt idx="3387">
                  <c:v>33.834000000000003</c:v>
                </c:pt>
                <c:pt idx="3388">
                  <c:v>33.843000000000004</c:v>
                </c:pt>
                <c:pt idx="3389">
                  <c:v>33.853000000000002</c:v>
                </c:pt>
                <c:pt idx="3390">
                  <c:v>33.863</c:v>
                </c:pt>
                <c:pt idx="3391">
                  <c:v>33.872</c:v>
                </c:pt>
                <c:pt idx="3392">
                  <c:v>33.881999999999998</c:v>
                </c:pt>
                <c:pt idx="3393">
                  <c:v>33.892000000000003</c:v>
                </c:pt>
                <c:pt idx="3394">
                  <c:v>33.901000000000003</c:v>
                </c:pt>
                <c:pt idx="3395">
                  <c:v>33.911999999999999</c:v>
                </c:pt>
                <c:pt idx="3396">
                  <c:v>33.920999999999999</c:v>
                </c:pt>
                <c:pt idx="3397">
                  <c:v>33.930999999999997</c:v>
                </c:pt>
                <c:pt idx="3398">
                  <c:v>33.941000000000003</c:v>
                </c:pt>
                <c:pt idx="3399">
                  <c:v>33.951000000000001</c:v>
                </c:pt>
                <c:pt idx="3400">
                  <c:v>33.960999999999999</c:v>
                </c:pt>
                <c:pt idx="3401">
                  <c:v>33.970999999999997</c:v>
                </c:pt>
                <c:pt idx="3402">
                  <c:v>33.979999999999997</c:v>
                </c:pt>
                <c:pt idx="3403">
                  <c:v>33.99</c:v>
                </c:pt>
                <c:pt idx="3404">
                  <c:v>34</c:v>
                </c:pt>
                <c:pt idx="3405">
                  <c:v>34.01</c:v>
                </c:pt>
                <c:pt idx="3406">
                  <c:v>34.020000000000003</c:v>
                </c:pt>
                <c:pt idx="3407">
                  <c:v>34.030999999999999</c:v>
                </c:pt>
                <c:pt idx="3408">
                  <c:v>34.04</c:v>
                </c:pt>
                <c:pt idx="3409">
                  <c:v>34.048999999999999</c:v>
                </c:pt>
                <c:pt idx="3410">
                  <c:v>34.058999999999997</c:v>
                </c:pt>
                <c:pt idx="3411">
                  <c:v>34.069000000000003</c:v>
                </c:pt>
                <c:pt idx="3412">
                  <c:v>34.079000000000001</c:v>
                </c:pt>
                <c:pt idx="3413">
                  <c:v>34.088999999999999</c:v>
                </c:pt>
                <c:pt idx="3414">
                  <c:v>34.097999999999999</c:v>
                </c:pt>
                <c:pt idx="3415">
                  <c:v>34.107999999999997</c:v>
                </c:pt>
                <c:pt idx="3416">
                  <c:v>34.118000000000002</c:v>
                </c:pt>
                <c:pt idx="3417">
                  <c:v>34.127000000000002</c:v>
                </c:pt>
                <c:pt idx="3418">
                  <c:v>34.137999999999998</c:v>
                </c:pt>
                <c:pt idx="3419">
                  <c:v>34.146999999999998</c:v>
                </c:pt>
                <c:pt idx="3420">
                  <c:v>34.156999999999996</c:v>
                </c:pt>
                <c:pt idx="3421">
                  <c:v>34.167000000000002</c:v>
                </c:pt>
                <c:pt idx="3422">
                  <c:v>34.176000000000002</c:v>
                </c:pt>
                <c:pt idx="3423">
                  <c:v>34.186</c:v>
                </c:pt>
                <c:pt idx="3424">
                  <c:v>34.195999999999998</c:v>
                </c:pt>
                <c:pt idx="3425">
                  <c:v>34.206000000000003</c:v>
                </c:pt>
                <c:pt idx="3426">
                  <c:v>34.216000000000001</c:v>
                </c:pt>
                <c:pt idx="3427">
                  <c:v>34.225999999999999</c:v>
                </c:pt>
                <c:pt idx="3428">
                  <c:v>34.235999999999997</c:v>
                </c:pt>
                <c:pt idx="3429">
                  <c:v>34.244999999999997</c:v>
                </c:pt>
                <c:pt idx="3430">
                  <c:v>34.253999999999998</c:v>
                </c:pt>
                <c:pt idx="3431">
                  <c:v>34.265000000000001</c:v>
                </c:pt>
                <c:pt idx="3432">
                  <c:v>34.274000000000001</c:v>
                </c:pt>
                <c:pt idx="3433">
                  <c:v>34.283999999999999</c:v>
                </c:pt>
                <c:pt idx="3434">
                  <c:v>34.295000000000002</c:v>
                </c:pt>
                <c:pt idx="3435">
                  <c:v>34.304000000000002</c:v>
                </c:pt>
                <c:pt idx="3436">
                  <c:v>34.314</c:v>
                </c:pt>
                <c:pt idx="3437">
                  <c:v>34.323999999999998</c:v>
                </c:pt>
                <c:pt idx="3438">
                  <c:v>34.334000000000003</c:v>
                </c:pt>
                <c:pt idx="3439">
                  <c:v>34.344000000000001</c:v>
                </c:pt>
                <c:pt idx="3440">
                  <c:v>34.353000000000002</c:v>
                </c:pt>
                <c:pt idx="3441">
                  <c:v>34.363</c:v>
                </c:pt>
                <c:pt idx="3442">
                  <c:v>34.372999999999998</c:v>
                </c:pt>
                <c:pt idx="3443">
                  <c:v>34.381999999999998</c:v>
                </c:pt>
                <c:pt idx="3444">
                  <c:v>34.392000000000003</c:v>
                </c:pt>
                <c:pt idx="3445">
                  <c:v>34.401000000000003</c:v>
                </c:pt>
                <c:pt idx="3446">
                  <c:v>34.411000000000001</c:v>
                </c:pt>
                <c:pt idx="3447">
                  <c:v>34.420999999999999</c:v>
                </c:pt>
                <c:pt idx="3448">
                  <c:v>34.43</c:v>
                </c:pt>
                <c:pt idx="3449">
                  <c:v>34.441000000000003</c:v>
                </c:pt>
                <c:pt idx="3450">
                  <c:v>34.451000000000001</c:v>
                </c:pt>
                <c:pt idx="3451">
                  <c:v>34.46</c:v>
                </c:pt>
                <c:pt idx="3452">
                  <c:v>34.47</c:v>
                </c:pt>
                <c:pt idx="3453">
                  <c:v>34.479999999999997</c:v>
                </c:pt>
                <c:pt idx="3454">
                  <c:v>34.488999999999997</c:v>
                </c:pt>
                <c:pt idx="3455">
                  <c:v>34.5</c:v>
                </c:pt>
                <c:pt idx="3456">
                  <c:v>34.51</c:v>
                </c:pt>
                <c:pt idx="3457">
                  <c:v>34.518999999999998</c:v>
                </c:pt>
                <c:pt idx="3458">
                  <c:v>34.529000000000003</c:v>
                </c:pt>
                <c:pt idx="3459">
                  <c:v>34.54</c:v>
                </c:pt>
                <c:pt idx="3460">
                  <c:v>34.548999999999999</c:v>
                </c:pt>
                <c:pt idx="3461">
                  <c:v>34.558999999999997</c:v>
                </c:pt>
                <c:pt idx="3462">
                  <c:v>34.567999999999998</c:v>
                </c:pt>
                <c:pt idx="3463">
                  <c:v>34.579000000000001</c:v>
                </c:pt>
                <c:pt idx="3464">
                  <c:v>34.588000000000001</c:v>
                </c:pt>
                <c:pt idx="3465">
                  <c:v>34.597999999999999</c:v>
                </c:pt>
                <c:pt idx="3466">
                  <c:v>34.607999999999997</c:v>
                </c:pt>
                <c:pt idx="3467">
                  <c:v>34.616999999999997</c:v>
                </c:pt>
                <c:pt idx="3468">
                  <c:v>34.627000000000002</c:v>
                </c:pt>
                <c:pt idx="3469">
                  <c:v>34.637999999999998</c:v>
                </c:pt>
                <c:pt idx="3470">
                  <c:v>34.646999999999998</c:v>
                </c:pt>
                <c:pt idx="3471">
                  <c:v>34.656999999999996</c:v>
                </c:pt>
                <c:pt idx="3472">
                  <c:v>34.665999999999997</c:v>
                </c:pt>
                <c:pt idx="3473">
                  <c:v>34.677</c:v>
                </c:pt>
                <c:pt idx="3474">
                  <c:v>34.686999999999998</c:v>
                </c:pt>
                <c:pt idx="3475">
                  <c:v>34.695999999999998</c:v>
                </c:pt>
                <c:pt idx="3476">
                  <c:v>34.707000000000001</c:v>
                </c:pt>
                <c:pt idx="3477">
                  <c:v>34.716000000000001</c:v>
                </c:pt>
                <c:pt idx="3478">
                  <c:v>34.725999999999999</c:v>
                </c:pt>
                <c:pt idx="3479">
                  <c:v>34.735999999999997</c:v>
                </c:pt>
                <c:pt idx="3480">
                  <c:v>34.746000000000002</c:v>
                </c:pt>
                <c:pt idx="3481">
                  <c:v>34.755000000000003</c:v>
                </c:pt>
                <c:pt idx="3482">
                  <c:v>34.765000000000001</c:v>
                </c:pt>
                <c:pt idx="3483">
                  <c:v>34.774999999999999</c:v>
                </c:pt>
                <c:pt idx="3484">
                  <c:v>34.784999999999997</c:v>
                </c:pt>
                <c:pt idx="3485">
                  <c:v>34.793999999999997</c:v>
                </c:pt>
                <c:pt idx="3486">
                  <c:v>34.805</c:v>
                </c:pt>
                <c:pt idx="3487">
                  <c:v>34.814999999999998</c:v>
                </c:pt>
                <c:pt idx="3488">
                  <c:v>34.823999999999998</c:v>
                </c:pt>
                <c:pt idx="3489">
                  <c:v>34.835000000000001</c:v>
                </c:pt>
                <c:pt idx="3490">
                  <c:v>34.844000000000001</c:v>
                </c:pt>
                <c:pt idx="3491">
                  <c:v>34.853999999999999</c:v>
                </c:pt>
                <c:pt idx="3492">
                  <c:v>34.863999999999997</c:v>
                </c:pt>
                <c:pt idx="3493">
                  <c:v>34.872999999999998</c:v>
                </c:pt>
                <c:pt idx="3494">
                  <c:v>34.884</c:v>
                </c:pt>
                <c:pt idx="3495">
                  <c:v>34.893000000000001</c:v>
                </c:pt>
                <c:pt idx="3496">
                  <c:v>34.902999999999999</c:v>
                </c:pt>
                <c:pt idx="3497">
                  <c:v>34.912999999999997</c:v>
                </c:pt>
                <c:pt idx="3498">
                  <c:v>34.921999999999997</c:v>
                </c:pt>
                <c:pt idx="3499">
                  <c:v>34.932000000000002</c:v>
                </c:pt>
                <c:pt idx="3500">
                  <c:v>34.942</c:v>
                </c:pt>
                <c:pt idx="3501">
                  <c:v>34.951999999999998</c:v>
                </c:pt>
                <c:pt idx="3502">
                  <c:v>34.962000000000003</c:v>
                </c:pt>
                <c:pt idx="3503">
                  <c:v>34.970999999999997</c:v>
                </c:pt>
                <c:pt idx="3504">
                  <c:v>34.981999999999999</c:v>
                </c:pt>
                <c:pt idx="3505">
                  <c:v>34.991</c:v>
                </c:pt>
                <c:pt idx="3506">
                  <c:v>35.000999999999998</c:v>
                </c:pt>
                <c:pt idx="3507">
                  <c:v>35.011000000000003</c:v>
                </c:pt>
                <c:pt idx="3508">
                  <c:v>35.020000000000003</c:v>
                </c:pt>
                <c:pt idx="3509">
                  <c:v>35.030999999999999</c:v>
                </c:pt>
                <c:pt idx="3510">
                  <c:v>35.04</c:v>
                </c:pt>
                <c:pt idx="3511">
                  <c:v>35.049999999999997</c:v>
                </c:pt>
                <c:pt idx="3512">
                  <c:v>35.058999999999997</c:v>
                </c:pt>
                <c:pt idx="3513">
                  <c:v>35.069000000000003</c:v>
                </c:pt>
                <c:pt idx="3514">
                  <c:v>35.078000000000003</c:v>
                </c:pt>
                <c:pt idx="3515">
                  <c:v>35.088000000000001</c:v>
                </c:pt>
                <c:pt idx="3516">
                  <c:v>35.097000000000001</c:v>
                </c:pt>
                <c:pt idx="3517">
                  <c:v>35.106999999999999</c:v>
                </c:pt>
                <c:pt idx="3518">
                  <c:v>35.116</c:v>
                </c:pt>
                <c:pt idx="3519">
                  <c:v>35.127000000000002</c:v>
                </c:pt>
                <c:pt idx="3520">
                  <c:v>35.137</c:v>
                </c:pt>
                <c:pt idx="3521">
                  <c:v>35.146000000000001</c:v>
                </c:pt>
                <c:pt idx="3522">
                  <c:v>35.155999999999999</c:v>
                </c:pt>
                <c:pt idx="3523">
                  <c:v>35.165999999999997</c:v>
                </c:pt>
                <c:pt idx="3524">
                  <c:v>35.176000000000002</c:v>
                </c:pt>
                <c:pt idx="3525">
                  <c:v>35.185000000000002</c:v>
                </c:pt>
                <c:pt idx="3526">
                  <c:v>35.195999999999998</c:v>
                </c:pt>
                <c:pt idx="3527">
                  <c:v>35.204999999999998</c:v>
                </c:pt>
                <c:pt idx="3528">
                  <c:v>35.215000000000003</c:v>
                </c:pt>
                <c:pt idx="3529">
                  <c:v>35.225000000000001</c:v>
                </c:pt>
                <c:pt idx="3530">
                  <c:v>35.234000000000002</c:v>
                </c:pt>
                <c:pt idx="3531">
                  <c:v>35.244</c:v>
                </c:pt>
                <c:pt idx="3532">
                  <c:v>35.253</c:v>
                </c:pt>
                <c:pt idx="3533">
                  <c:v>35.264000000000003</c:v>
                </c:pt>
                <c:pt idx="3534">
                  <c:v>35.273000000000003</c:v>
                </c:pt>
                <c:pt idx="3535">
                  <c:v>35.283000000000001</c:v>
                </c:pt>
                <c:pt idx="3536">
                  <c:v>35.292999999999999</c:v>
                </c:pt>
                <c:pt idx="3537">
                  <c:v>35.302999999999997</c:v>
                </c:pt>
                <c:pt idx="3538">
                  <c:v>35.313000000000002</c:v>
                </c:pt>
                <c:pt idx="3539">
                  <c:v>35.323</c:v>
                </c:pt>
                <c:pt idx="3540">
                  <c:v>35.332000000000001</c:v>
                </c:pt>
                <c:pt idx="3541">
                  <c:v>35.343000000000004</c:v>
                </c:pt>
                <c:pt idx="3542">
                  <c:v>35.351999999999997</c:v>
                </c:pt>
                <c:pt idx="3543">
                  <c:v>35.363</c:v>
                </c:pt>
                <c:pt idx="3544">
                  <c:v>35.372</c:v>
                </c:pt>
                <c:pt idx="3545">
                  <c:v>35.381999999999998</c:v>
                </c:pt>
                <c:pt idx="3546">
                  <c:v>35.392000000000003</c:v>
                </c:pt>
                <c:pt idx="3547">
                  <c:v>35.402000000000001</c:v>
                </c:pt>
                <c:pt idx="3548">
                  <c:v>35.411000000000001</c:v>
                </c:pt>
                <c:pt idx="3549">
                  <c:v>35.421999999999997</c:v>
                </c:pt>
                <c:pt idx="3550">
                  <c:v>35.430999999999997</c:v>
                </c:pt>
                <c:pt idx="3551">
                  <c:v>35.441000000000003</c:v>
                </c:pt>
                <c:pt idx="3552">
                  <c:v>35.451999999999998</c:v>
                </c:pt>
                <c:pt idx="3553">
                  <c:v>35.460999999999999</c:v>
                </c:pt>
                <c:pt idx="3554">
                  <c:v>35.470999999999997</c:v>
                </c:pt>
                <c:pt idx="3555">
                  <c:v>35.479999999999997</c:v>
                </c:pt>
                <c:pt idx="3556">
                  <c:v>35.491</c:v>
                </c:pt>
                <c:pt idx="3557">
                  <c:v>35.500999999999998</c:v>
                </c:pt>
                <c:pt idx="3558">
                  <c:v>35.51</c:v>
                </c:pt>
                <c:pt idx="3559">
                  <c:v>35.518999999999998</c:v>
                </c:pt>
                <c:pt idx="3560">
                  <c:v>35.53</c:v>
                </c:pt>
                <c:pt idx="3561">
                  <c:v>35.539000000000001</c:v>
                </c:pt>
                <c:pt idx="3562">
                  <c:v>35.548999999999999</c:v>
                </c:pt>
                <c:pt idx="3563">
                  <c:v>35.558999999999997</c:v>
                </c:pt>
                <c:pt idx="3564">
                  <c:v>35.569000000000003</c:v>
                </c:pt>
                <c:pt idx="3565">
                  <c:v>35.578000000000003</c:v>
                </c:pt>
                <c:pt idx="3566">
                  <c:v>35.588000000000001</c:v>
                </c:pt>
                <c:pt idx="3567">
                  <c:v>35.597999999999999</c:v>
                </c:pt>
                <c:pt idx="3568">
                  <c:v>35.607999999999997</c:v>
                </c:pt>
                <c:pt idx="3569">
                  <c:v>35.616999999999997</c:v>
                </c:pt>
                <c:pt idx="3570">
                  <c:v>35.628</c:v>
                </c:pt>
                <c:pt idx="3571">
                  <c:v>35.637</c:v>
                </c:pt>
                <c:pt idx="3572">
                  <c:v>35.648000000000003</c:v>
                </c:pt>
                <c:pt idx="3573">
                  <c:v>35.656999999999996</c:v>
                </c:pt>
                <c:pt idx="3574">
                  <c:v>35.665999999999997</c:v>
                </c:pt>
                <c:pt idx="3575">
                  <c:v>35.677</c:v>
                </c:pt>
                <c:pt idx="3576">
                  <c:v>35.686</c:v>
                </c:pt>
                <c:pt idx="3577">
                  <c:v>35.695</c:v>
                </c:pt>
                <c:pt idx="3578">
                  <c:v>35.706000000000003</c:v>
                </c:pt>
                <c:pt idx="3579">
                  <c:v>35.715000000000003</c:v>
                </c:pt>
                <c:pt idx="3580">
                  <c:v>35.725000000000001</c:v>
                </c:pt>
                <c:pt idx="3581">
                  <c:v>35.734999999999999</c:v>
                </c:pt>
                <c:pt idx="3582">
                  <c:v>35.744999999999997</c:v>
                </c:pt>
                <c:pt idx="3583">
                  <c:v>35.753999999999998</c:v>
                </c:pt>
                <c:pt idx="3584">
                  <c:v>35.764000000000003</c:v>
                </c:pt>
                <c:pt idx="3585">
                  <c:v>35.773000000000003</c:v>
                </c:pt>
                <c:pt idx="3586">
                  <c:v>35.783999999999999</c:v>
                </c:pt>
                <c:pt idx="3587">
                  <c:v>35.792999999999999</c:v>
                </c:pt>
                <c:pt idx="3588">
                  <c:v>35.802999999999997</c:v>
                </c:pt>
                <c:pt idx="3589">
                  <c:v>35.814</c:v>
                </c:pt>
                <c:pt idx="3590">
                  <c:v>35.823999999999998</c:v>
                </c:pt>
                <c:pt idx="3591">
                  <c:v>35.832999999999998</c:v>
                </c:pt>
                <c:pt idx="3592">
                  <c:v>35.843000000000004</c:v>
                </c:pt>
                <c:pt idx="3593">
                  <c:v>35.851999999999997</c:v>
                </c:pt>
                <c:pt idx="3594">
                  <c:v>35.863</c:v>
                </c:pt>
                <c:pt idx="3595">
                  <c:v>35.872</c:v>
                </c:pt>
                <c:pt idx="3596">
                  <c:v>35.881999999999998</c:v>
                </c:pt>
                <c:pt idx="3597">
                  <c:v>35.890999999999998</c:v>
                </c:pt>
                <c:pt idx="3598">
                  <c:v>35.902000000000001</c:v>
                </c:pt>
                <c:pt idx="3599">
                  <c:v>35.911000000000001</c:v>
                </c:pt>
                <c:pt idx="3600">
                  <c:v>35.92</c:v>
                </c:pt>
                <c:pt idx="3601">
                  <c:v>35.930999999999997</c:v>
                </c:pt>
                <c:pt idx="3602">
                  <c:v>35.94</c:v>
                </c:pt>
                <c:pt idx="3603">
                  <c:v>35.951000000000001</c:v>
                </c:pt>
                <c:pt idx="3604">
                  <c:v>35.96</c:v>
                </c:pt>
                <c:pt idx="3605">
                  <c:v>35.97</c:v>
                </c:pt>
                <c:pt idx="3606">
                  <c:v>35.981000000000002</c:v>
                </c:pt>
                <c:pt idx="3607">
                  <c:v>35.991</c:v>
                </c:pt>
                <c:pt idx="3608">
                  <c:v>36</c:v>
                </c:pt>
                <c:pt idx="3609">
                  <c:v>36.01</c:v>
                </c:pt>
                <c:pt idx="3610">
                  <c:v>36.020000000000003</c:v>
                </c:pt>
                <c:pt idx="3611">
                  <c:v>36.03</c:v>
                </c:pt>
                <c:pt idx="3612">
                  <c:v>36.039000000000001</c:v>
                </c:pt>
                <c:pt idx="3613">
                  <c:v>36.048999999999999</c:v>
                </c:pt>
                <c:pt idx="3614">
                  <c:v>36.058999999999997</c:v>
                </c:pt>
                <c:pt idx="3615">
                  <c:v>36.069000000000003</c:v>
                </c:pt>
                <c:pt idx="3616">
                  <c:v>36.078000000000003</c:v>
                </c:pt>
                <c:pt idx="3617">
                  <c:v>36.088000000000001</c:v>
                </c:pt>
                <c:pt idx="3618">
                  <c:v>36.097999999999999</c:v>
                </c:pt>
                <c:pt idx="3619">
                  <c:v>36.107999999999997</c:v>
                </c:pt>
                <c:pt idx="3620">
                  <c:v>36.118000000000002</c:v>
                </c:pt>
                <c:pt idx="3621">
                  <c:v>36.128</c:v>
                </c:pt>
                <c:pt idx="3622">
                  <c:v>36.137</c:v>
                </c:pt>
                <c:pt idx="3623">
                  <c:v>36.146999999999998</c:v>
                </c:pt>
                <c:pt idx="3624">
                  <c:v>36.156999999999996</c:v>
                </c:pt>
                <c:pt idx="3625">
                  <c:v>36.167000000000002</c:v>
                </c:pt>
                <c:pt idx="3626">
                  <c:v>36.176000000000002</c:v>
                </c:pt>
                <c:pt idx="3627">
                  <c:v>36.186999999999998</c:v>
                </c:pt>
                <c:pt idx="3628">
                  <c:v>36.195999999999998</c:v>
                </c:pt>
                <c:pt idx="3629">
                  <c:v>36.206000000000003</c:v>
                </c:pt>
                <c:pt idx="3630">
                  <c:v>36.215000000000003</c:v>
                </c:pt>
                <c:pt idx="3631">
                  <c:v>36.225000000000001</c:v>
                </c:pt>
                <c:pt idx="3632">
                  <c:v>36.234999999999999</c:v>
                </c:pt>
                <c:pt idx="3633">
                  <c:v>36.244</c:v>
                </c:pt>
                <c:pt idx="3634">
                  <c:v>36.253999999999998</c:v>
                </c:pt>
                <c:pt idx="3635">
                  <c:v>36.262999999999998</c:v>
                </c:pt>
                <c:pt idx="3636">
                  <c:v>36.273000000000003</c:v>
                </c:pt>
                <c:pt idx="3637">
                  <c:v>36.281999999999996</c:v>
                </c:pt>
                <c:pt idx="3638">
                  <c:v>36.292000000000002</c:v>
                </c:pt>
                <c:pt idx="3639">
                  <c:v>36.301000000000002</c:v>
                </c:pt>
                <c:pt idx="3640">
                  <c:v>36.311999999999998</c:v>
                </c:pt>
                <c:pt idx="3641">
                  <c:v>36.320999999999998</c:v>
                </c:pt>
                <c:pt idx="3642">
                  <c:v>36.331000000000003</c:v>
                </c:pt>
                <c:pt idx="3643">
                  <c:v>36.340000000000003</c:v>
                </c:pt>
                <c:pt idx="3644">
                  <c:v>36.350999999999999</c:v>
                </c:pt>
                <c:pt idx="3645">
                  <c:v>36.36</c:v>
                </c:pt>
                <c:pt idx="3646">
                  <c:v>36.369999999999997</c:v>
                </c:pt>
                <c:pt idx="3647">
                  <c:v>36.378999999999998</c:v>
                </c:pt>
                <c:pt idx="3648">
                  <c:v>36.39</c:v>
                </c:pt>
                <c:pt idx="3649">
                  <c:v>36.399000000000001</c:v>
                </c:pt>
                <c:pt idx="3650">
                  <c:v>36.408999999999999</c:v>
                </c:pt>
                <c:pt idx="3651">
                  <c:v>36.417999999999999</c:v>
                </c:pt>
                <c:pt idx="3652">
                  <c:v>36.429000000000002</c:v>
                </c:pt>
                <c:pt idx="3653">
                  <c:v>36.438000000000002</c:v>
                </c:pt>
                <c:pt idx="3654">
                  <c:v>36.448</c:v>
                </c:pt>
                <c:pt idx="3655">
                  <c:v>36.459000000000003</c:v>
                </c:pt>
                <c:pt idx="3656">
                  <c:v>36.468000000000004</c:v>
                </c:pt>
                <c:pt idx="3657">
                  <c:v>36.478000000000002</c:v>
                </c:pt>
                <c:pt idx="3658">
                  <c:v>36.488</c:v>
                </c:pt>
                <c:pt idx="3659">
                  <c:v>36.497</c:v>
                </c:pt>
                <c:pt idx="3660">
                  <c:v>36.508000000000003</c:v>
                </c:pt>
                <c:pt idx="3661">
                  <c:v>36.517000000000003</c:v>
                </c:pt>
                <c:pt idx="3662">
                  <c:v>36.526000000000003</c:v>
                </c:pt>
                <c:pt idx="3663">
                  <c:v>36.536999999999999</c:v>
                </c:pt>
                <c:pt idx="3664">
                  <c:v>36.545999999999999</c:v>
                </c:pt>
                <c:pt idx="3665">
                  <c:v>36.555</c:v>
                </c:pt>
                <c:pt idx="3666">
                  <c:v>36.564999999999998</c:v>
                </c:pt>
                <c:pt idx="3667">
                  <c:v>36.575000000000003</c:v>
                </c:pt>
                <c:pt idx="3668">
                  <c:v>36.585000000000001</c:v>
                </c:pt>
                <c:pt idx="3669">
                  <c:v>36.594000000000001</c:v>
                </c:pt>
                <c:pt idx="3670">
                  <c:v>36.604999999999997</c:v>
                </c:pt>
                <c:pt idx="3671">
                  <c:v>36.613999999999997</c:v>
                </c:pt>
                <c:pt idx="3672">
                  <c:v>36.624000000000002</c:v>
                </c:pt>
                <c:pt idx="3673">
                  <c:v>36.633000000000003</c:v>
                </c:pt>
                <c:pt idx="3674">
                  <c:v>36.643999999999998</c:v>
                </c:pt>
                <c:pt idx="3675">
                  <c:v>36.652999999999999</c:v>
                </c:pt>
                <c:pt idx="3676">
                  <c:v>36.662999999999997</c:v>
                </c:pt>
                <c:pt idx="3677">
                  <c:v>36.671999999999997</c:v>
                </c:pt>
                <c:pt idx="3678">
                  <c:v>36.682000000000002</c:v>
                </c:pt>
                <c:pt idx="3679">
                  <c:v>36.692999999999998</c:v>
                </c:pt>
                <c:pt idx="3680">
                  <c:v>36.701999999999998</c:v>
                </c:pt>
                <c:pt idx="3681">
                  <c:v>36.712000000000003</c:v>
                </c:pt>
                <c:pt idx="3682">
                  <c:v>36.722000000000001</c:v>
                </c:pt>
                <c:pt idx="3683">
                  <c:v>36.731000000000002</c:v>
                </c:pt>
                <c:pt idx="3684">
                  <c:v>36.74</c:v>
                </c:pt>
                <c:pt idx="3685">
                  <c:v>36.75</c:v>
                </c:pt>
                <c:pt idx="3686">
                  <c:v>36.759</c:v>
                </c:pt>
                <c:pt idx="3687">
                  <c:v>36.770000000000003</c:v>
                </c:pt>
                <c:pt idx="3688">
                  <c:v>36.779000000000003</c:v>
                </c:pt>
                <c:pt idx="3689">
                  <c:v>36.789000000000001</c:v>
                </c:pt>
                <c:pt idx="3690">
                  <c:v>36.798999999999999</c:v>
                </c:pt>
                <c:pt idx="3691">
                  <c:v>36.808999999999997</c:v>
                </c:pt>
                <c:pt idx="3692">
                  <c:v>36.817999999999998</c:v>
                </c:pt>
                <c:pt idx="3693">
                  <c:v>36.829000000000001</c:v>
                </c:pt>
                <c:pt idx="3694">
                  <c:v>36.838000000000001</c:v>
                </c:pt>
                <c:pt idx="3695">
                  <c:v>36.847000000000001</c:v>
                </c:pt>
                <c:pt idx="3696">
                  <c:v>36.857999999999997</c:v>
                </c:pt>
                <c:pt idx="3697">
                  <c:v>36.866999999999997</c:v>
                </c:pt>
                <c:pt idx="3698">
                  <c:v>36.878</c:v>
                </c:pt>
                <c:pt idx="3699">
                  <c:v>36.887</c:v>
                </c:pt>
                <c:pt idx="3700">
                  <c:v>36.896000000000001</c:v>
                </c:pt>
                <c:pt idx="3701">
                  <c:v>36.905999999999999</c:v>
                </c:pt>
                <c:pt idx="3702">
                  <c:v>36.914999999999999</c:v>
                </c:pt>
                <c:pt idx="3703">
                  <c:v>36.924999999999997</c:v>
                </c:pt>
                <c:pt idx="3704">
                  <c:v>36.935000000000002</c:v>
                </c:pt>
                <c:pt idx="3705">
                  <c:v>36.945</c:v>
                </c:pt>
                <c:pt idx="3706">
                  <c:v>36.954000000000001</c:v>
                </c:pt>
                <c:pt idx="3707">
                  <c:v>36.963999999999999</c:v>
                </c:pt>
                <c:pt idx="3708">
                  <c:v>36.972999999999999</c:v>
                </c:pt>
                <c:pt idx="3709">
                  <c:v>36.982999999999997</c:v>
                </c:pt>
                <c:pt idx="3710">
                  <c:v>36.991999999999997</c:v>
                </c:pt>
                <c:pt idx="3711">
                  <c:v>37.002000000000002</c:v>
                </c:pt>
                <c:pt idx="3712">
                  <c:v>37.012</c:v>
                </c:pt>
                <c:pt idx="3713">
                  <c:v>37.021000000000001</c:v>
                </c:pt>
                <c:pt idx="3714">
                  <c:v>37.03</c:v>
                </c:pt>
                <c:pt idx="3715">
                  <c:v>37.040999999999997</c:v>
                </c:pt>
                <c:pt idx="3716">
                  <c:v>37.049999999999997</c:v>
                </c:pt>
                <c:pt idx="3717">
                  <c:v>37.061</c:v>
                </c:pt>
                <c:pt idx="3718">
                  <c:v>37.07</c:v>
                </c:pt>
                <c:pt idx="3719">
                  <c:v>37.08</c:v>
                </c:pt>
                <c:pt idx="3720">
                  <c:v>37.088999999999999</c:v>
                </c:pt>
                <c:pt idx="3721">
                  <c:v>37.097999999999999</c:v>
                </c:pt>
                <c:pt idx="3722">
                  <c:v>37.107999999999997</c:v>
                </c:pt>
                <c:pt idx="3723">
                  <c:v>37.119</c:v>
                </c:pt>
                <c:pt idx="3724">
                  <c:v>37.128</c:v>
                </c:pt>
                <c:pt idx="3725">
                  <c:v>37.139000000000003</c:v>
                </c:pt>
                <c:pt idx="3726">
                  <c:v>37.148000000000003</c:v>
                </c:pt>
                <c:pt idx="3727">
                  <c:v>37.158999999999999</c:v>
                </c:pt>
                <c:pt idx="3728">
                  <c:v>37.167999999999999</c:v>
                </c:pt>
                <c:pt idx="3729">
                  <c:v>37.177999999999997</c:v>
                </c:pt>
                <c:pt idx="3730">
                  <c:v>37.188000000000002</c:v>
                </c:pt>
                <c:pt idx="3731">
                  <c:v>37.198</c:v>
                </c:pt>
                <c:pt idx="3732">
                  <c:v>37.207000000000001</c:v>
                </c:pt>
                <c:pt idx="3733">
                  <c:v>37.218000000000004</c:v>
                </c:pt>
                <c:pt idx="3734">
                  <c:v>37.226999999999997</c:v>
                </c:pt>
                <c:pt idx="3735">
                  <c:v>37.237000000000002</c:v>
                </c:pt>
                <c:pt idx="3736">
                  <c:v>37.246000000000002</c:v>
                </c:pt>
                <c:pt idx="3737">
                  <c:v>37.256</c:v>
                </c:pt>
                <c:pt idx="3738">
                  <c:v>37.267000000000003</c:v>
                </c:pt>
                <c:pt idx="3739">
                  <c:v>37.276000000000003</c:v>
                </c:pt>
                <c:pt idx="3740">
                  <c:v>37.284999999999997</c:v>
                </c:pt>
                <c:pt idx="3741">
                  <c:v>37.295000000000002</c:v>
                </c:pt>
                <c:pt idx="3742">
                  <c:v>37.305</c:v>
                </c:pt>
                <c:pt idx="3743">
                  <c:v>37.314</c:v>
                </c:pt>
                <c:pt idx="3744">
                  <c:v>37.325000000000003</c:v>
                </c:pt>
                <c:pt idx="3745">
                  <c:v>37.334000000000003</c:v>
                </c:pt>
                <c:pt idx="3746">
                  <c:v>37.344000000000001</c:v>
                </c:pt>
                <c:pt idx="3747">
                  <c:v>37.353000000000002</c:v>
                </c:pt>
                <c:pt idx="3748">
                  <c:v>37.363</c:v>
                </c:pt>
                <c:pt idx="3749">
                  <c:v>37.372999999999998</c:v>
                </c:pt>
                <c:pt idx="3750">
                  <c:v>37.381999999999998</c:v>
                </c:pt>
                <c:pt idx="3751">
                  <c:v>37.392000000000003</c:v>
                </c:pt>
                <c:pt idx="3752">
                  <c:v>37.402000000000001</c:v>
                </c:pt>
                <c:pt idx="3753">
                  <c:v>37.411000000000001</c:v>
                </c:pt>
                <c:pt idx="3754">
                  <c:v>37.420999999999999</c:v>
                </c:pt>
                <c:pt idx="3755">
                  <c:v>37.430999999999997</c:v>
                </c:pt>
                <c:pt idx="3756">
                  <c:v>37.441000000000003</c:v>
                </c:pt>
                <c:pt idx="3757">
                  <c:v>37.451000000000001</c:v>
                </c:pt>
                <c:pt idx="3758">
                  <c:v>37.46</c:v>
                </c:pt>
                <c:pt idx="3759">
                  <c:v>37.47</c:v>
                </c:pt>
                <c:pt idx="3760">
                  <c:v>37.479999999999997</c:v>
                </c:pt>
                <c:pt idx="3761">
                  <c:v>37.488</c:v>
                </c:pt>
                <c:pt idx="3762">
                  <c:v>37.499000000000002</c:v>
                </c:pt>
                <c:pt idx="3763">
                  <c:v>37.508000000000003</c:v>
                </c:pt>
                <c:pt idx="3764">
                  <c:v>37.518000000000001</c:v>
                </c:pt>
                <c:pt idx="3765">
                  <c:v>37.527000000000001</c:v>
                </c:pt>
                <c:pt idx="3766">
                  <c:v>37.537999999999997</c:v>
                </c:pt>
                <c:pt idx="3767">
                  <c:v>37.548000000000002</c:v>
                </c:pt>
                <c:pt idx="3768">
                  <c:v>37.555999999999997</c:v>
                </c:pt>
                <c:pt idx="3769">
                  <c:v>37.566000000000003</c:v>
                </c:pt>
                <c:pt idx="3770">
                  <c:v>37.576000000000001</c:v>
                </c:pt>
                <c:pt idx="3771">
                  <c:v>37.585999999999999</c:v>
                </c:pt>
                <c:pt idx="3772">
                  <c:v>37.595999999999997</c:v>
                </c:pt>
                <c:pt idx="3773">
                  <c:v>37.606999999999999</c:v>
                </c:pt>
                <c:pt idx="3774">
                  <c:v>37.616</c:v>
                </c:pt>
                <c:pt idx="3775">
                  <c:v>37.625999999999998</c:v>
                </c:pt>
                <c:pt idx="3776">
                  <c:v>37.634999999999998</c:v>
                </c:pt>
                <c:pt idx="3777">
                  <c:v>37.646000000000001</c:v>
                </c:pt>
                <c:pt idx="3778">
                  <c:v>37.655000000000001</c:v>
                </c:pt>
                <c:pt idx="3779">
                  <c:v>37.664000000000001</c:v>
                </c:pt>
                <c:pt idx="3780">
                  <c:v>37.673999999999999</c:v>
                </c:pt>
                <c:pt idx="3781">
                  <c:v>37.685000000000002</c:v>
                </c:pt>
                <c:pt idx="3782">
                  <c:v>37.694000000000003</c:v>
                </c:pt>
                <c:pt idx="3783">
                  <c:v>37.704999999999998</c:v>
                </c:pt>
                <c:pt idx="3784">
                  <c:v>37.713999999999999</c:v>
                </c:pt>
                <c:pt idx="3785">
                  <c:v>37.722999999999999</c:v>
                </c:pt>
                <c:pt idx="3786">
                  <c:v>37.734000000000002</c:v>
                </c:pt>
                <c:pt idx="3787">
                  <c:v>37.743000000000002</c:v>
                </c:pt>
                <c:pt idx="3788">
                  <c:v>37.753999999999998</c:v>
                </c:pt>
                <c:pt idx="3789">
                  <c:v>37.762999999999998</c:v>
                </c:pt>
                <c:pt idx="3790">
                  <c:v>37.771999999999998</c:v>
                </c:pt>
                <c:pt idx="3791">
                  <c:v>37.783000000000001</c:v>
                </c:pt>
                <c:pt idx="3792">
                  <c:v>37.792000000000002</c:v>
                </c:pt>
                <c:pt idx="3793">
                  <c:v>37.802999999999997</c:v>
                </c:pt>
                <c:pt idx="3794">
                  <c:v>37.811999999999998</c:v>
                </c:pt>
                <c:pt idx="3795">
                  <c:v>37.823</c:v>
                </c:pt>
                <c:pt idx="3796">
                  <c:v>37.832000000000001</c:v>
                </c:pt>
                <c:pt idx="3797">
                  <c:v>37.841999999999999</c:v>
                </c:pt>
                <c:pt idx="3798">
                  <c:v>37.850999999999999</c:v>
                </c:pt>
                <c:pt idx="3799">
                  <c:v>37.862000000000002</c:v>
                </c:pt>
                <c:pt idx="3800">
                  <c:v>37.871000000000002</c:v>
                </c:pt>
                <c:pt idx="3801">
                  <c:v>37.880000000000003</c:v>
                </c:pt>
                <c:pt idx="3802">
                  <c:v>37.890999999999998</c:v>
                </c:pt>
                <c:pt idx="3803">
                  <c:v>37.9</c:v>
                </c:pt>
                <c:pt idx="3804">
                  <c:v>37.909999999999997</c:v>
                </c:pt>
                <c:pt idx="3805">
                  <c:v>37.918999999999997</c:v>
                </c:pt>
                <c:pt idx="3806">
                  <c:v>37.929000000000002</c:v>
                </c:pt>
                <c:pt idx="3807">
                  <c:v>37.939</c:v>
                </c:pt>
                <c:pt idx="3808">
                  <c:v>37.948</c:v>
                </c:pt>
                <c:pt idx="3809">
                  <c:v>37.959000000000003</c:v>
                </c:pt>
                <c:pt idx="3810">
                  <c:v>37.968000000000004</c:v>
                </c:pt>
                <c:pt idx="3811">
                  <c:v>37.978999999999999</c:v>
                </c:pt>
                <c:pt idx="3812">
                  <c:v>37.988</c:v>
                </c:pt>
                <c:pt idx="3813">
                  <c:v>37.997</c:v>
                </c:pt>
                <c:pt idx="3814">
                  <c:v>38.008000000000003</c:v>
                </c:pt>
                <c:pt idx="3815">
                  <c:v>38.017000000000003</c:v>
                </c:pt>
                <c:pt idx="3816">
                  <c:v>38.026000000000003</c:v>
                </c:pt>
                <c:pt idx="3817">
                  <c:v>38.036999999999999</c:v>
                </c:pt>
                <c:pt idx="3818">
                  <c:v>38.045999999999999</c:v>
                </c:pt>
                <c:pt idx="3819">
                  <c:v>38.055</c:v>
                </c:pt>
                <c:pt idx="3820">
                  <c:v>38.064999999999998</c:v>
                </c:pt>
                <c:pt idx="3821">
                  <c:v>38.073999999999998</c:v>
                </c:pt>
                <c:pt idx="3822">
                  <c:v>38.084000000000003</c:v>
                </c:pt>
                <c:pt idx="3823">
                  <c:v>38.093000000000004</c:v>
                </c:pt>
                <c:pt idx="3824">
                  <c:v>38.103999999999999</c:v>
                </c:pt>
                <c:pt idx="3825">
                  <c:v>38.113</c:v>
                </c:pt>
                <c:pt idx="3826">
                  <c:v>38.122999999999998</c:v>
                </c:pt>
                <c:pt idx="3827">
                  <c:v>38.133000000000003</c:v>
                </c:pt>
                <c:pt idx="3828">
                  <c:v>38.143000000000001</c:v>
                </c:pt>
                <c:pt idx="3829">
                  <c:v>38.152999999999999</c:v>
                </c:pt>
                <c:pt idx="3830">
                  <c:v>38.162999999999997</c:v>
                </c:pt>
                <c:pt idx="3831">
                  <c:v>38.173999999999999</c:v>
                </c:pt>
                <c:pt idx="3832">
                  <c:v>38.183</c:v>
                </c:pt>
                <c:pt idx="3833">
                  <c:v>38.192999999999998</c:v>
                </c:pt>
                <c:pt idx="3834">
                  <c:v>38.201999999999998</c:v>
                </c:pt>
                <c:pt idx="3835">
                  <c:v>38.213000000000001</c:v>
                </c:pt>
                <c:pt idx="3836">
                  <c:v>38.222000000000001</c:v>
                </c:pt>
                <c:pt idx="3837">
                  <c:v>38.231999999999999</c:v>
                </c:pt>
                <c:pt idx="3838">
                  <c:v>38.241999999999997</c:v>
                </c:pt>
                <c:pt idx="3839">
                  <c:v>38.250999999999998</c:v>
                </c:pt>
                <c:pt idx="3840">
                  <c:v>38.262</c:v>
                </c:pt>
                <c:pt idx="3841">
                  <c:v>38.271000000000001</c:v>
                </c:pt>
                <c:pt idx="3842">
                  <c:v>38.280999999999999</c:v>
                </c:pt>
                <c:pt idx="3843">
                  <c:v>38.290999999999997</c:v>
                </c:pt>
                <c:pt idx="3844">
                  <c:v>38.301000000000002</c:v>
                </c:pt>
                <c:pt idx="3845">
                  <c:v>38.311</c:v>
                </c:pt>
                <c:pt idx="3846">
                  <c:v>38.320999999999998</c:v>
                </c:pt>
                <c:pt idx="3847">
                  <c:v>38.33</c:v>
                </c:pt>
                <c:pt idx="3848">
                  <c:v>38.341000000000001</c:v>
                </c:pt>
                <c:pt idx="3849">
                  <c:v>38.350999999999999</c:v>
                </c:pt>
                <c:pt idx="3850">
                  <c:v>38.36</c:v>
                </c:pt>
                <c:pt idx="3851">
                  <c:v>38.369999999999997</c:v>
                </c:pt>
                <c:pt idx="3852">
                  <c:v>38.380000000000003</c:v>
                </c:pt>
                <c:pt idx="3853">
                  <c:v>38.39</c:v>
                </c:pt>
                <c:pt idx="3854">
                  <c:v>38.399000000000001</c:v>
                </c:pt>
                <c:pt idx="3855">
                  <c:v>38.409999999999997</c:v>
                </c:pt>
                <c:pt idx="3856">
                  <c:v>38.418999999999997</c:v>
                </c:pt>
                <c:pt idx="3857">
                  <c:v>38.43</c:v>
                </c:pt>
                <c:pt idx="3858">
                  <c:v>38.439</c:v>
                </c:pt>
                <c:pt idx="3859">
                  <c:v>38.448999999999998</c:v>
                </c:pt>
                <c:pt idx="3860">
                  <c:v>38.46</c:v>
                </c:pt>
                <c:pt idx="3861">
                  <c:v>38.469000000000001</c:v>
                </c:pt>
                <c:pt idx="3862">
                  <c:v>38.478999999999999</c:v>
                </c:pt>
                <c:pt idx="3863">
                  <c:v>38.488</c:v>
                </c:pt>
                <c:pt idx="3864">
                  <c:v>38.499000000000002</c:v>
                </c:pt>
                <c:pt idx="3865">
                  <c:v>38.509</c:v>
                </c:pt>
                <c:pt idx="3866">
                  <c:v>38.518000000000001</c:v>
                </c:pt>
                <c:pt idx="3867">
                  <c:v>38.529000000000003</c:v>
                </c:pt>
                <c:pt idx="3868">
                  <c:v>38.537999999999997</c:v>
                </c:pt>
                <c:pt idx="3869">
                  <c:v>38.548000000000002</c:v>
                </c:pt>
                <c:pt idx="3870">
                  <c:v>38.557000000000002</c:v>
                </c:pt>
                <c:pt idx="3871">
                  <c:v>38.567</c:v>
                </c:pt>
                <c:pt idx="3872">
                  <c:v>38.576999999999998</c:v>
                </c:pt>
                <c:pt idx="3873">
                  <c:v>38.587000000000003</c:v>
                </c:pt>
                <c:pt idx="3874">
                  <c:v>38.595999999999997</c:v>
                </c:pt>
                <c:pt idx="3875">
                  <c:v>38.606999999999999</c:v>
                </c:pt>
                <c:pt idx="3876">
                  <c:v>38.615000000000002</c:v>
                </c:pt>
                <c:pt idx="3877">
                  <c:v>38.625</c:v>
                </c:pt>
                <c:pt idx="3878">
                  <c:v>38.636000000000003</c:v>
                </c:pt>
                <c:pt idx="3879">
                  <c:v>38.645000000000003</c:v>
                </c:pt>
                <c:pt idx="3880">
                  <c:v>38.655000000000001</c:v>
                </c:pt>
                <c:pt idx="3881">
                  <c:v>38.664999999999999</c:v>
                </c:pt>
                <c:pt idx="3882">
                  <c:v>38.673999999999999</c:v>
                </c:pt>
                <c:pt idx="3883">
                  <c:v>38.683999999999997</c:v>
                </c:pt>
                <c:pt idx="3884">
                  <c:v>38.694000000000003</c:v>
                </c:pt>
                <c:pt idx="3885">
                  <c:v>38.704000000000001</c:v>
                </c:pt>
                <c:pt idx="3886">
                  <c:v>38.713000000000001</c:v>
                </c:pt>
                <c:pt idx="3887">
                  <c:v>38.723999999999997</c:v>
                </c:pt>
                <c:pt idx="3888">
                  <c:v>38.732999999999997</c:v>
                </c:pt>
                <c:pt idx="3889">
                  <c:v>38.744</c:v>
                </c:pt>
                <c:pt idx="3890">
                  <c:v>38.753</c:v>
                </c:pt>
                <c:pt idx="3891">
                  <c:v>38.762999999999998</c:v>
                </c:pt>
                <c:pt idx="3892">
                  <c:v>38.773000000000003</c:v>
                </c:pt>
                <c:pt idx="3893">
                  <c:v>38.783000000000001</c:v>
                </c:pt>
                <c:pt idx="3894">
                  <c:v>38.792000000000002</c:v>
                </c:pt>
                <c:pt idx="3895">
                  <c:v>38.802999999999997</c:v>
                </c:pt>
                <c:pt idx="3896">
                  <c:v>38.811999999999998</c:v>
                </c:pt>
                <c:pt idx="3897">
                  <c:v>38.823</c:v>
                </c:pt>
                <c:pt idx="3898">
                  <c:v>38.832000000000001</c:v>
                </c:pt>
                <c:pt idx="3899">
                  <c:v>38.841999999999999</c:v>
                </c:pt>
                <c:pt idx="3900">
                  <c:v>38.851999999999997</c:v>
                </c:pt>
                <c:pt idx="3901">
                  <c:v>38.862000000000002</c:v>
                </c:pt>
                <c:pt idx="3902">
                  <c:v>38.872</c:v>
                </c:pt>
                <c:pt idx="3903">
                  <c:v>38.881999999999998</c:v>
                </c:pt>
                <c:pt idx="3904">
                  <c:v>38.890999999999998</c:v>
                </c:pt>
                <c:pt idx="3905">
                  <c:v>38.9</c:v>
                </c:pt>
                <c:pt idx="3906">
                  <c:v>38.909999999999997</c:v>
                </c:pt>
                <c:pt idx="3907">
                  <c:v>38.92</c:v>
                </c:pt>
                <c:pt idx="3908">
                  <c:v>38.93</c:v>
                </c:pt>
                <c:pt idx="3909">
                  <c:v>38.939</c:v>
                </c:pt>
                <c:pt idx="3910">
                  <c:v>38.950000000000003</c:v>
                </c:pt>
                <c:pt idx="3911">
                  <c:v>38.959000000000003</c:v>
                </c:pt>
                <c:pt idx="3912">
                  <c:v>38.969000000000001</c:v>
                </c:pt>
                <c:pt idx="3913">
                  <c:v>38.979999999999997</c:v>
                </c:pt>
                <c:pt idx="3914">
                  <c:v>38.99</c:v>
                </c:pt>
                <c:pt idx="3915">
                  <c:v>38.999000000000002</c:v>
                </c:pt>
                <c:pt idx="3916">
                  <c:v>39.009</c:v>
                </c:pt>
                <c:pt idx="3917">
                  <c:v>39.018999999999998</c:v>
                </c:pt>
                <c:pt idx="3918">
                  <c:v>39.029000000000003</c:v>
                </c:pt>
                <c:pt idx="3919">
                  <c:v>39.039000000000001</c:v>
                </c:pt>
                <c:pt idx="3920">
                  <c:v>39.048999999999999</c:v>
                </c:pt>
                <c:pt idx="3921">
                  <c:v>39.058999999999997</c:v>
                </c:pt>
                <c:pt idx="3922">
                  <c:v>39.069000000000003</c:v>
                </c:pt>
                <c:pt idx="3923">
                  <c:v>39.078000000000003</c:v>
                </c:pt>
                <c:pt idx="3924">
                  <c:v>39.088999999999999</c:v>
                </c:pt>
                <c:pt idx="3925">
                  <c:v>39.097999999999999</c:v>
                </c:pt>
                <c:pt idx="3926">
                  <c:v>39.107999999999997</c:v>
                </c:pt>
                <c:pt idx="3927">
                  <c:v>39.116999999999997</c:v>
                </c:pt>
                <c:pt idx="3928">
                  <c:v>39.127000000000002</c:v>
                </c:pt>
                <c:pt idx="3929">
                  <c:v>39.137</c:v>
                </c:pt>
                <c:pt idx="3930">
                  <c:v>39.148000000000003</c:v>
                </c:pt>
                <c:pt idx="3931">
                  <c:v>39.156999999999996</c:v>
                </c:pt>
                <c:pt idx="3932">
                  <c:v>39.167999999999999</c:v>
                </c:pt>
                <c:pt idx="3933">
                  <c:v>39.177</c:v>
                </c:pt>
                <c:pt idx="3934">
                  <c:v>39.186</c:v>
                </c:pt>
                <c:pt idx="3935">
                  <c:v>39.197000000000003</c:v>
                </c:pt>
                <c:pt idx="3936">
                  <c:v>39.207000000000001</c:v>
                </c:pt>
                <c:pt idx="3937">
                  <c:v>39.216999999999999</c:v>
                </c:pt>
                <c:pt idx="3938">
                  <c:v>39.226999999999997</c:v>
                </c:pt>
                <c:pt idx="3939">
                  <c:v>39.237000000000002</c:v>
                </c:pt>
                <c:pt idx="3940">
                  <c:v>39.246000000000002</c:v>
                </c:pt>
                <c:pt idx="3941">
                  <c:v>39.256999999999998</c:v>
                </c:pt>
                <c:pt idx="3942">
                  <c:v>39.265999999999998</c:v>
                </c:pt>
                <c:pt idx="3943">
                  <c:v>39.277000000000001</c:v>
                </c:pt>
                <c:pt idx="3944">
                  <c:v>39.286000000000001</c:v>
                </c:pt>
                <c:pt idx="3945">
                  <c:v>39.295999999999999</c:v>
                </c:pt>
                <c:pt idx="3946">
                  <c:v>39.305999999999997</c:v>
                </c:pt>
                <c:pt idx="3947">
                  <c:v>39.316000000000003</c:v>
                </c:pt>
                <c:pt idx="3948">
                  <c:v>39.326000000000001</c:v>
                </c:pt>
                <c:pt idx="3949">
                  <c:v>39.335999999999999</c:v>
                </c:pt>
                <c:pt idx="3950">
                  <c:v>39.345999999999997</c:v>
                </c:pt>
                <c:pt idx="3951">
                  <c:v>39.356000000000002</c:v>
                </c:pt>
                <c:pt idx="3952">
                  <c:v>39.366</c:v>
                </c:pt>
                <c:pt idx="3953">
                  <c:v>39.375999999999998</c:v>
                </c:pt>
                <c:pt idx="3954">
                  <c:v>39.386000000000003</c:v>
                </c:pt>
                <c:pt idx="3955">
                  <c:v>39.395000000000003</c:v>
                </c:pt>
                <c:pt idx="3956">
                  <c:v>39.405000000000001</c:v>
                </c:pt>
                <c:pt idx="3957">
                  <c:v>39.414999999999999</c:v>
                </c:pt>
                <c:pt idx="3958">
                  <c:v>39.424999999999997</c:v>
                </c:pt>
                <c:pt idx="3959">
                  <c:v>39.433999999999997</c:v>
                </c:pt>
                <c:pt idx="3960">
                  <c:v>39.444000000000003</c:v>
                </c:pt>
                <c:pt idx="3961">
                  <c:v>39.454000000000001</c:v>
                </c:pt>
                <c:pt idx="3962">
                  <c:v>39.463999999999999</c:v>
                </c:pt>
                <c:pt idx="3963">
                  <c:v>39.475000000000001</c:v>
                </c:pt>
                <c:pt idx="3964">
                  <c:v>39.484000000000002</c:v>
                </c:pt>
                <c:pt idx="3965">
                  <c:v>39.494</c:v>
                </c:pt>
                <c:pt idx="3966">
                  <c:v>39.503999999999998</c:v>
                </c:pt>
                <c:pt idx="3967">
                  <c:v>39.514000000000003</c:v>
                </c:pt>
                <c:pt idx="3968">
                  <c:v>39.524000000000001</c:v>
                </c:pt>
                <c:pt idx="3969">
                  <c:v>39.533999999999999</c:v>
                </c:pt>
                <c:pt idx="3970">
                  <c:v>39.543999999999997</c:v>
                </c:pt>
                <c:pt idx="3971">
                  <c:v>39.552999999999997</c:v>
                </c:pt>
                <c:pt idx="3972">
                  <c:v>39.564</c:v>
                </c:pt>
                <c:pt idx="3973">
                  <c:v>39.573</c:v>
                </c:pt>
                <c:pt idx="3974">
                  <c:v>39.584000000000003</c:v>
                </c:pt>
                <c:pt idx="3975">
                  <c:v>39.593000000000004</c:v>
                </c:pt>
                <c:pt idx="3976">
                  <c:v>39.603000000000002</c:v>
                </c:pt>
                <c:pt idx="3977">
                  <c:v>39.612000000000002</c:v>
                </c:pt>
                <c:pt idx="3978">
                  <c:v>39.622999999999998</c:v>
                </c:pt>
                <c:pt idx="3979">
                  <c:v>39.633000000000003</c:v>
                </c:pt>
                <c:pt idx="3980">
                  <c:v>39.643000000000001</c:v>
                </c:pt>
                <c:pt idx="3981">
                  <c:v>39.652999999999999</c:v>
                </c:pt>
                <c:pt idx="3982">
                  <c:v>39.662999999999997</c:v>
                </c:pt>
                <c:pt idx="3983">
                  <c:v>39.671999999999997</c:v>
                </c:pt>
                <c:pt idx="3984">
                  <c:v>39.682000000000002</c:v>
                </c:pt>
                <c:pt idx="3985">
                  <c:v>39.692999999999998</c:v>
                </c:pt>
                <c:pt idx="3986">
                  <c:v>39.701999999999998</c:v>
                </c:pt>
                <c:pt idx="3987">
                  <c:v>39.712000000000003</c:v>
                </c:pt>
                <c:pt idx="3988">
                  <c:v>39.722999999999999</c:v>
                </c:pt>
                <c:pt idx="3989">
                  <c:v>39.731999999999999</c:v>
                </c:pt>
                <c:pt idx="3990">
                  <c:v>39.741</c:v>
                </c:pt>
                <c:pt idx="3991">
                  <c:v>39.752000000000002</c:v>
                </c:pt>
                <c:pt idx="3992">
                  <c:v>39.762</c:v>
                </c:pt>
                <c:pt idx="3993">
                  <c:v>39.771000000000001</c:v>
                </c:pt>
                <c:pt idx="3994">
                  <c:v>39.781999999999996</c:v>
                </c:pt>
                <c:pt idx="3995">
                  <c:v>39.790999999999997</c:v>
                </c:pt>
                <c:pt idx="3996">
                  <c:v>39.799999999999997</c:v>
                </c:pt>
                <c:pt idx="3997">
                  <c:v>39.811</c:v>
                </c:pt>
                <c:pt idx="3998">
                  <c:v>39.820999999999998</c:v>
                </c:pt>
                <c:pt idx="3999">
                  <c:v>39.831000000000003</c:v>
                </c:pt>
                <c:pt idx="4000">
                  <c:v>39.840000000000003</c:v>
                </c:pt>
                <c:pt idx="4001">
                  <c:v>39.850999999999999</c:v>
                </c:pt>
                <c:pt idx="4002">
                  <c:v>39.860999999999997</c:v>
                </c:pt>
                <c:pt idx="4003">
                  <c:v>39.869999999999997</c:v>
                </c:pt>
                <c:pt idx="4004">
                  <c:v>39.881</c:v>
                </c:pt>
                <c:pt idx="4005">
                  <c:v>39.89</c:v>
                </c:pt>
                <c:pt idx="4006">
                  <c:v>39.9</c:v>
                </c:pt>
                <c:pt idx="4007">
                  <c:v>39.909999999999997</c:v>
                </c:pt>
                <c:pt idx="4008">
                  <c:v>39.918999999999997</c:v>
                </c:pt>
                <c:pt idx="4009">
                  <c:v>39.929000000000002</c:v>
                </c:pt>
                <c:pt idx="4010">
                  <c:v>39.94</c:v>
                </c:pt>
                <c:pt idx="4011">
                  <c:v>39.948999999999998</c:v>
                </c:pt>
                <c:pt idx="4012">
                  <c:v>39.959000000000003</c:v>
                </c:pt>
                <c:pt idx="4013">
                  <c:v>39.968000000000004</c:v>
                </c:pt>
                <c:pt idx="4014">
                  <c:v>39.978999999999999</c:v>
                </c:pt>
                <c:pt idx="4015">
                  <c:v>39.988999999999997</c:v>
                </c:pt>
                <c:pt idx="4016">
                  <c:v>39.997999999999998</c:v>
                </c:pt>
                <c:pt idx="4017">
                  <c:v>40.009</c:v>
                </c:pt>
                <c:pt idx="4018">
                  <c:v>40.018000000000001</c:v>
                </c:pt>
                <c:pt idx="4019">
                  <c:v>40.029000000000003</c:v>
                </c:pt>
                <c:pt idx="4020">
                  <c:v>40.037999999999997</c:v>
                </c:pt>
                <c:pt idx="4021">
                  <c:v>40.048000000000002</c:v>
                </c:pt>
                <c:pt idx="4022">
                  <c:v>40.057000000000002</c:v>
                </c:pt>
                <c:pt idx="4023">
                  <c:v>40.067</c:v>
                </c:pt>
                <c:pt idx="4024">
                  <c:v>40.078000000000003</c:v>
                </c:pt>
                <c:pt idx="4025">
                  <c:v>40.087000000000003</c:v>
                </c:pt>
                <c:pt idx="4026">
                  <c:v>40.097999999999999</c:v>
                </c:pt>
                <c:pt idx="4027">
                  <c:v>40.106999999999999</c:v>
                </c:pt>
                <c:pt idx="4028">
                  <c:v>40.116999999999997</c:v>
                </c:pt>
                <c:pt idx="4029">
                  <c:v>40.127000000000002</c:v>
                </c:pt>
                <c:pt idx="4030">
                  <c:v>40.136000000000003</c:v>
                </c:pt>
                <c:pt idx="4031">
                  <c:v>40.146000000000001</c:v>
                </c:pt>
                <c:pt idx="4032">
                  <c:v>40.155999999999999</c:v>
                </c:pt>
                <c:pt idx="4033">
                  <c:v>40.165999999999997</c:v>
                </c:pt>
                <c:pt idx="4034">
                  <c:v>40.176000000000002</c:v>
                </c:pt>
                <c:pt idx="4035">
                  <c:v>40.186</c:v>
                </c:pt>
                <c:pt idx="4036">
                  <c:v>40.195</c:v>
                </c:pt>
                <c:pt idx="4037">
                  <c:v>40.206000000000003</c:v>
                </c:pt>
                <c:pt idx="4038">
                  <c:v>40.215000000000003</c:v>
                </c:pt>
                <c:pt idx="4039">
                  <c:v>40.225000000000001</c:v>
                </c:pt>
                <c:pt idx="4040">
                  <c:v>40.234999999999999</c:v>
                </c:pt>
                <c:pt idx="4041">
                  <c:v>40.244</c:v>
                </c:pt>
                <c:pt idx="4042">
                  <c:v>40.255000000000003</c:v>
                </c:pt>
                <c:pt idx="4043">
                  <c:v>40.264000000000003</c:v>
                </c:pt>
                <c:pt idx="4044">
                  <c:v>40.274000000000001</c:v>
                </c:pt>
                <c:pt idx="4045">
                  <c:v>40.283999999999999</c:v>
                </c:pt>
                <c:pt idx="4046">
                  <c:v>40.295000000000002</c:v>
                </c:pt>
                <c:pt idx="4047">
                  <c:v>40.304000000000002</c:v>
                </c:pt>
                <c:pt idx="4048">
                  <c:v>40.314</c:v>
                </c:pt>
                <c:pt idx="4049">
                  <c:v>40.323999999999998</c:v>
                </c:pt>
                <c:pt idx="4050">
                  <c:v>40.334000000000003</c:v>
                </c:pt>
                <c:pt idx="4051">
                  <c:v>40.344000000000001</c:v>
                </c:pt>
                <c:pt idx="4052">
                  <c:v>40.353000000000002</c:v>
                </c:pt>
                <c:pt idx="4053">
                  <c:v>40.363999999999997</c:v>
                </c:pt>
                <c:pt idx="4054">
                  <c:v>40.372999999999998</c:v>
                </c:pt>
                <c:pt idx="4055">
                  <c:v>40.383000000000003</c:v>
                </c:pt>
                <c:pt idx="4056">
                  <c:v>40.392000000000003</c:v>
                </c:pt>
                <c:pt idx="4057">
                  <c:v>40.402000000000001</c:v>
                </c:pt>
                <c:pt idx="4058">
                  <c:v>40.411999999999999</c:v>
                </c:pt>
                <c:pt idx="4059">
                  <c:v>40.421999999999997</c:v>
                </c:pt>
                <c:pt idx="4060">
                  <c:v>40.432000000000002</c:v>
                </c:pt>
                <c:pt idx="4061">
                  <c:v>40.442</c:v>
                </c:pt>
                <c:pt idx="4062">
                  <c:v>40.451999999999998</c:v>
                </c:pt>
                <c:pt idx="4063">
                  <c:v>40.462000000000003</c:v>
                </c:pt>
                <c:pt idx="4064">
                  <c:v>40.472999999999999</c:v>
                </c:pt>
                <c:pt idx="4065">
                  <c:v>40.481999999999999</c:v>
                </c:pt>
                <c:pt idx="4066">
                  <c:v>40.491999999999997</c:v>
                </c:pt>
                <c:pt idx="4067">
                  <c:v>40.502000000000002</c:v>
                </c:pt>
                <c:pt idx="4068">
                  <c:v>40.511000000000003</c:v>
                </c:pt>
                <c:pt idx="4069">
                  <c:v>40.521999999999998</c:v>
                </c:pt>
                <c:pt idx="4070">
                  <c:v>40.531999999999996</c:v>
                </c:pt>
                <c:pt idx="4071">
                  <c:v>40.540999999999997</c:v>
                </c:pt>
                <c:pt idx="4072">
                  <c:v>40.551000000000002</c:v>
                </c:pt>
                <c:pt idx="4073">
                  <c:v>40.561</c:v>
                </c:pt>
                <c:pt idx="4074">
                  <c:v>40.57</c:v>
                </c:pt>
                <c:pt idx="4075">
                  <c:v>40.581000000000003</c:v>
                </c:pt>
                <c:pt idx="4076">
                  <c:v>40.590000000000003</c:v>
                </c:pt>
                <c:pt idx="4077">
                  <c:v>40.600999999999999</c:v>
                </c:pt>
                <c:pt idx="4078">
                  <c:v>40.61</c:v>
                </c:pt>
                <c:pt idx="4079">
                  <c:v>40.619999999999997</c:v>
                </c:pt>
                <c:pt idx="4080">
                  <c:v>40.628999999999998</c:v>
                </c:pt>
                <c:pt idx="4081">
                  <c:v>40.639000000000003</c:v>
                </c:pt>
                <c:pt idx="4082">
                  <c:v>40.65</c:v>
                </c:pt>
                <c:pt idx="4083">
                  <c:v>40.658999999999999</c:v>
                </c:pt>
                <c:pt idx="4084">
                  <c:v>40.668999999999997</c:v>
                </c:pt>
                <c:pt idx="4085">
                  <c:v>40.68</c:v>
                </c:pt>
                <c:pt idx="4086">
                  <c:v>40.689</c:v>
                </c:pt>
                <c:pt idx="4087">
                  <c:v>40.698999999999998</c:v>
                </c:pt>
                <c:pt idx="4088">
                  <c:v>40.709000000000003</c:v>
                </c:pt>
                <c:pt idx="4089">
                  <c:v>40.718000000000004</c:v>
                </c:pt>
                <c:pt idx="4090">
                  <c:v>40.728999999999999</c:v>
                </c:pt>
                <c:pt idx="4091">
                  <c:v>40.738</c:v>
                </c:pt>
                <c:pt idx="4092">
                  <c:v>40.747</c:v>
                </c:pt>
                <c:pt idx="4093">
                  <c:v>40.758000000000003</c:v>
                </c:pt>
                <c:pt idx="4094">
                  <c:v>40.767000000000003</c:v>
                </c:pt>
                <c:pt idx="4095">
                  <c:v>40.777000000000001</c:v>
                </c:pt>
                <c:pt idx="4096">
                  <c:v>40.786999999999999</c:v>
                </c:pt>
                <c:pt idx="4097">
                  <c:v>40.796999999999997</c:v>
                </c:pt>
                <c:pt idx="4098">
                  <c:v>40.807000000000002</c:v>
                </c:pt>
                <c:pt idx="4099">
                  <c:v>40.816000000000003</c:v>
                </c:pt>
                <c:pt idx="4100">
                  <c:v>40.826999999999998</c:v>
                </c:pt>
                <c:pt idx="4101">
                  <c:v>40.835999999999999</c:v>
                </c:pt>
                <c:pt idx="4102">
                  <c:v>40.845999999999997</c:v>
                </c:pt>
                <c:pt idx="4103">
                  <c:v>40.856999999999999</c:v>
                </c:pt>
                <c:pt idx="4104">
                  <c:v>40.866</c:v>
                </c:pt>
                <c:pt idx="4105">
                  <c:v>40.875999999999998</c:v>
                </c:pt>
                <c:pt idx="4106">
                  <c:v>40.884999999999998</c:v>
                </c:pt>
                <c:pt idx="4107">
                  <c:v>40.895000000000003</c:v>
                </c:pt>
                <c:pt idx="4108">
                  <c:v>40.905000000000001</c:v>
                </c:pt>
                <c:pt idx="4109">
                  <c:v>40.912999999999997</c:v>
                </c:pt>
                <c:pt idx="4110">
                  <c:v>40.923000000000002</c:v>
                </c:pt>
                <c:pt idx="4111">
                  <c:v>40.933</c:v>
                </c:pt>
                <c:pt idx="4112">
                  <c:v>40.942999999999998</c:v>
                </c:pt>
                <c:pt idx="4113">
                  <c:v>40.953000000000003</c:v>
                </c:pt>
                <c:pt idx="4114">
                  <c:v>40.962000000000003</c:v>
                </c:pt>
                <c:pt idx="4115">
                  <c:v>40.972999999999999</c:v>
                </c:pt>
                <c:pt idx="4116">
                  <c:v>40.982999999999997</c:v>
                </c:pt>
                <c:pt idx="4117">
                  <c:v>40.991999999999997</c:v>
                </c:pt>
                <c:pt idx="4118">
                  <c:v>41.002000000000002</c:v>
                </c:pt>
                <c:pt idx="4119">
                  <c:v>41.012</c:v>
                </c:pt>
                <c:pt idx="4120">
                  <c:v>41.021999999999998</c:v>
                </c:pt>
                <c:pt idx="4121">
                  <c:v>41.031999999999996</c:v>
                </c:pt>
                <c:pt idx="4122">
                  <c:v>41.040999999999997</c:v>
                </c:pt>
                <c:pt idx="4123">
                  <c:v>41.051000000000002</c:v>
                </c:pt>
                <c:pt idx="4124">
                  <c:v>41.06</c:v>
                </c:pt>
                <c:pt idx="4125">
                  <c:v>41.070999999999998</c:v>
                </c:pt>
                <c:pt idx="4126">
                  <c:v>41.08</c:v>
                </c:pt>
                <c:pt idx="4127">
                  <c:v>41.09</c:v>
                </c:pt>
                <c:pt idx="4128">
                  <c:v>41.098999999999997</c:v>
                </c:pt>
                <c:pt idx="4129">
                  <c:v>41.109000000000002</c:v>
                </c:pt>
                <c:pt idx="4130">
                  <c:v>41.118000000000002</c:v>
                </c:pt>
                <c:pt idx="4131">
                  <c:v>41.128</c:v>
                </c:pt>
                <c:pt idx="4132">
                  <c:v>41.137999999999998</c:v>
                </c:pt>
                <c:pt idx="4133">
                  <c:v>41.146999999999998</c:v>
                </c:pt>
                <c:pt idx="4134">
                  <c:v>41.156999999999996</c:v>
                </c:pt>
                <c:pt idx="4135">
                  <c:v>41.167999999999999</c:v>
                </c:pt>
                <c:pt idx="4136">
                  <c:v>41.177</c:v>
                </c:pt>
                <c:pt idx="4137">
                  <c:v>41.186999999999998</c:v>
                </c:pt>
                <c:pt idx="4138">
                  <c:v>41.195999999999998</c:v>
                </c:pt>
                <c:pt idx="4139">
                  <c:v>41.207000000000001</c:v>
                </c:pt>
                <c:pt idx="4140">
                  <c:v>41.216999999999999</c:v>
                </c:pt>
                <c:pt idx="4141">
                  <c:v>41.225999999999999</c:v>
                </c:pt>
                <c:pt idx="4142">
                  <c:v>41.237000000000002</c:v>
                </c:pt>
                <c:pt idx="4143">
                  <c:v>41.246000000000002</c:v>
                </c:pt>
                <c:pt idx="4144">
                  <c:v>41.255000000000003</c:v>
                </c:pt>
                <c:pt idx="4145">
                  <c:v>41.265999999999998</c:v>
                </c:pt>
                <c:pt idx="4146">
                  <c:v>41.274999999999999</c:v>
                </c:pt>
                <c:pt idx="4147">
                  <c:v>41.284999999999997</c:v>
                </c:pt>
                <c:pt idx="4148">
                  <c:v>41.293999999999997</c:v>
                </c:pt>
                <c:pt idx="4149">
                  <c:v>41.305</c:v>
                </c:pt>
                <c:pt idx="4150">
                  <c:v>41.314999999999998</c:v>
                </c:pt>
                <c:pt idx="4151">
                  <c:v>41.325000000000003</c:v>
                </c:pt>
                <c:pt idx="4152">
                  <c:v>41.334000000000003</c:v>
                </c:pt>
                <c:pt idx="4153">
                  <c:v>41.344999999999999</c:v>
                </c:pt>
                <c:pt idx="4154">
                  <c:v>41.353999999999999</c:v>
                </c:pt>
                <c:pt idx="4155">
                  <c:v>41.363</c:v>
                </c:pt>
                <c:pt idx="4156">
                  <c:v>41.372999999999998</c:v>
                </c:pt>
                <c:pt idx="4157">
                  <c:v>41.384</c:v>
                </c:pt>
                <c:pt idx="4158">
                  <c:v>41.393000000000001</c:v>
                </c:pt>
                <c:pt idx="4159">
                  <c:v>41.402000000000001</c:v>
                </c:pt>
                <c:pt idx="4160">
                  <c:v>41.411999999999999</c:v>
                </c:pt>
                <c:pt idx="4161">
                  <c:v>41.421999999999997</c:v>
                </c:pt>
                <c:pt idx="4162">
                  <c:v>41.432000000000002</c:v>
                </c:pt>
                <c:pt idx="4163">
                  <c:v>41.441000000000003</c:v>
                </c:pt>
                <c:pt idx="4164">
                  <c:v>41.45</c:v>
                </c:pt>
                <c:pt idx="4165">
                  <c:v>41.46</c:v>
                </c:pt>
                <c:pt idx="4166">
                  <c:v>41.470999999999997</c:v>
                </c:pt>
                <c:pt idx="4167">
                  <c:v>41.481000000000002</c:v>
                </c:pt>
                <c:pt idx="4168">
                  <c:v>41.49</c:v>
                </c:pt>
                <c:pt idx="4169">
                  <c:v>41.5</c:v>
                </c:pt>
                <c:pt idx="4170">
                  <c:v>41.511000000000003</c:v>
                </c:pt>
                <c:pt idx="4171">
                  <c:v>41.52</c:v>
                </c:pt>
                <c:pt idx="4172">
                  <c:v>41.53</c:v>
                </c:pt>
                <c:pt idx="4173">
                  <c:v>41.539000000000001</c:v>
                </c:pt>
                <c:pt idx="4174">
                  <c:v>41.55</c:v>
                </c:pt>
                <c:pt idx="4175">
                  <c:v>41.558999999999997</c:v>
                </c:pt>
                <c:pt idx="4176">
                  <c:v>41.567999999999998</c:v>
                </c:pt>
                <c:pt idx="4177">
                  <c:v>41.578000000000003</c:v>
                </c:pt>
                <c:pt idx="4178">
                  <c:v>41.588000000000001</c:v>
                </c:pt>
                <c:pt idx="4179">
                  <c:v>41.597999999999999</c:v>
                </c:pt>
                <c:pt idx="4180">
                  <c:v>41.606999999999999</c:v>
                </c:pt>
                <c:pt idx="4181">
                  <c:v>41.618000000000002</c:v>
                </c:pt>
                <c:pt idx="4182">
                  <c:v>41.628</c:v>
                </c:pt>
                <c:pt idx="4183">
                  <c:v>41.637</c:v>
                </c:pt>
                <c:pt idx="4184">
                  <c:v>41.648000000000003</c:v>
                </c:pt>
                <c:pt idx="4185">
                  <c:v>41.656999999999996</c:v>
                </c:pt>
                <c:pt idx="4186">
                  <c:v>41.667000000000002</c:v>
                </c:pt>
                <c:pt idx="4187">
                  <c:v>41.676000000000002</c:v>
                </c:pt>
                <c:pt idx="4188">
                  <c:v>41.686999999999998</c:v>
                </c:pt>
                <c:pt idx="4189">
                  <c:v>41.695999999999998</c:v>
                </c:pt>
                <c:pt idx="4190">
                  <c:v>41.706000000000003</c:v>
                </c:pt>
                <c:pt idx="4191">
                  <c:v>41.715000000000003</c:v>
                </c:pt>
                <c:pt idx="4192">
                  <c:v>41.725000000000001</c:v>
                </c:pt>
                <c:pt idx="4193">
                  <c:v>41.734999999999999</c:v>
                </c:pt>
                <c:pt idx="4194">
                  <c:v>41.744</c:v>
                </c:pt>
                <c:pt idx="4195">
                  <c:v>41.753999999999998</c:v>
                </c:pt>
                <c:pt idx="4196">
                  <c:v>41.762999999999998</c:v>
                </c:pt>
                <c:pt idx="4197">
                  <c:v>41.773000000000003</c:v>
                </c:pt>
                <c:pt idx="4198">
                  <c:v>41.783000000000001</c:v>
                </c:pt>
                <c:pt idx="4199">
                  <c:v>41.792999999999999</c:v>
                </c:pt>
                <c:pt idx="4200">
                  <c:v>41.802</c:v>
                </c:pt>
                <c:pt idx="4201">
                  <c:v>41.813000000000002</c:v>
                </c:pt>
                <c:pt idx="4202">
                  <c:v>41.823</c:v>
                </c:pt>
                <c:pt idx="4203">
                  <c:v>41.832000000000001</c:v>
                </c:pt>
                <c:pt idx="4204">
                  <c:v>41.841000000000001</c:v>
                </c:pt>
                <c:pt idx="4205">
                  <c:v>41.851999999999997</c:v>
                </c:pt>
                <c:pt idx="4206">
                  <c:v>41.862000000000002</c:v>
                </c:pt>
                <c:pt idx="4207">
                  <c:v>41.871000000000002</c:v>
                </c:pt>
                <c:pt idx="4208">
                  <c:v>41.88</c:v>
                </c:pt>
                <c:pt idx="4209">
                  <c:v>41.890999999999998</c:v>
                </c:pt>
                <c:pt idx="4210">
                  <c:v>41.9</c:v>
                </c:pt>
                <c:pt idx="4211">
                  <c:v>41.908999999999999</c:v>
                </c:pt>
                <c:pt idx="4212">
                  <c:v>41.918999999999997</c:v>
                </c:pt>
                <c:pt idx="4213">
                  <c:v>41.929000000000002</c:v>
                </c:pt>
                <c:pt idx="4214">
                  <c:v>41.938000000000002</c:v>
                </c:pt>
                <c:pt idx="4215">
                  <c:v>41.948</c:v>
                </c:pt>
                <c:pt idx="4216">
                  <c:v>41.957999999999998</c:v>
                </c:pt>
                <c:pt idx="4217">
                  <c:v>41.968000000000004</c:v>
                </c:pt>
                <c:pt idx="4218">
                  <c:v>41.978000000000002</c:v>
                </c:pt>
                <c:pt idx="4219">
                  <c:v>41.987000000000002</c:v>
                </c:pt>
                <c:pt idx="4220">
                  <c:v>41.997</c:v>
                </c:pt>
                <c:pt idx="4221">
                  <c:v>42.008000000000003</c:v>
                </c:pt>
                <c:pt idx="4222">
                  <c:v>42.017000000000003</c:v>
                </c:pt>
                <c:pt idx="4223">
                  <c:v>42.027000000000001</c:v>
                </c:pt>
                <c:pt idx="4224">
                  <c:v>42.036000000000001</c:v>
                </c:pt>
                <c:pt idx="4225">
                  <c:v>42.045999999999999</c:v>
                </c:pt>
                <c:pt idx="4226">
                  <c:v>42.055999999999997</c:v>
                </c:pt>
                <c:pt idx="4227">
                  <c:v>42.066000000000003</c:v>
                </c:pt>
                <c:pt idx="4228">
                  <c:v>42.075000000000003</c:v>
                </c:pt>
                <c:pt idx="4229">
                  <c:v>42.085000000000001</c:v>
                </c:pt>
                <c:pt idx="4230">
                  <c:v>42.094999999999999</c:v>
                </c:pt>
                <c:pt idx="4231">
                  <c:v>42.104999999999997</c:v>
                </c:pt>
                <c:pt idx="4232">
                  <c:v>42.115000000000002</c:v>
                </c:pt>
                <c:pt idx="4233">
                  <c:v>42.124000000000002</c:v>
                </c:pt>
                <c:pt idx="4234">
                  <c:v>42.134</c:v>
                </c:pt>
                <c:pt idx="4235">
                  <c:v>42.143999999999998</c:v>
                </c:pt>
                <c:pt idx="4236">
                  <c:v>42.154000000000003</c:v>
                </c:pt>
                <c:pt idx="4237">
                  <c:v>42.162999999999997</c:v>
                </c:pt>
                <c:pt idx="4238">
                  <c:v>42.173000000000002</c:v>
                </c:pt>
                <c:pt idx="4239">
                  <c:v>42.183</c:v>
                </c:pt>
                <c:pt idx="4240">
                  <c:v>42.192</c:v>
                </c:pt>
                <c:pt idx="4241">
                  <c:v>42.201999999999998</c:v>
                </c:pt>
                <c:pt idx="4242">
                  <c:v>42.212000000000003</c:v>
                </c:pt>
                <c:pt idx="4243">
                  <c:v>42.222000000000001</c:v>
                </c:pt>
                <c:pt idx="4244">
                  <c:v>42.231000000000002</c:v>
                </c:pt>
                <c:pt idx="4245">
                  <c:v>42.241</c:v>
                </c:pt>
                <c:pt idx="4246">
                  <c:v>42.25</c:v>
                </c:pt>
                <c:pt idx="4247">
                  <c:v>42.259</c:v>
                </c:pt>
                <c:pt idx="4248">
                  <c:v>42.27</c:v>
                </c:pt>
                <c:pt idx="4249">
                  <c:v>42.279000000000003</c:v>
                </c:pt>
                <c:pt idx="4250">
                  <c:v>42.289000000000001</c:v>
                </c:pt>
                <c:pt idx="4251">
                  <c:v>42.298000000000002</c:v>
                </c:pt>
                <c:pt idx="4252">
                  <c:v>42.308999999999997</c:v>
                </c:pt>
                <c:pt idx="4253">
                  <c:v>42.319000000000003</c:v>
                </c:pt>
                <c:pt idx="4254">
                  <c:v>42.328000000000003</c:v>
                </c:pt>
                <c:pt idx="4255">
                  <c:v>42.338999999999999</c:v>
                </c:pt>
                <c:pt idx="4256">
                  <c:v>42.347999999999999</c:v>
                </c:pt>
                <c:pt idx="4257">
                  <c:v>42.357999999999997</c:v>
                </c:pt>
                <c:pt idx="4258">
                  <c:v>42.366999999999997</c:v>
                </c:pt>
                <c:pt idx="4259">
                  <c:v>42.378</c:v>
                </c:pt>
                <c:pt idx="4260">
                  <c:v>42.387</c:v>
                </c:pt>
                <c:pt idx="4261">
                  <c:v>42.396000000000001</c:v>
                </c:pt>
                <c:pt idx="4262">
                  <c:v>42.406999999999996</c:v>
                </c:pt>
                <c:pt idx="4263">
                  <c:v>42.415999999999997</c:v>
                </c:pt>
                <c:pt idx="4264">
                  <c:v>42.426000000000002</c:v>
                </c:pt>
                <c:pt idx="4265">
                  <c:v>42.435000000000002</c:v>
                </c:pt>
                <c:pt idx="4266">
                  <c:v>42.445</c:v>
                </c:pt>
                <c:pt idx="4267">
                  <c:v>42.456000000000003</c:v>
                </c:pt>
                <c:pt idx="4268">
                  <c:v>42.465000000000003</c:v>
                </c:pt>
                <c:pt idx="4269">
                  <c:v>42.475000000000001</c:v>
                </c:pt>
                <c:pt idx="4270">
                  <c:v>42.484000000000002</c:v>
                </c:pt>
                <c:pt idx="4271">
                  <c:v>42.494999999999997</c:v>
                </c:pt>
                <c:pt idx="4272">
                  <c:v>42.503999999999998</c:v>
                </c:pt>
                <c:pt idx="4273">
                  <c:v>42.514000000000003</c:v>
                </c:pt>
                <c:pt idx="4274">
                  <c:v>42.524000000000001</c:v>
                </c:pt>
                <c:pt idx="4275">
                  <c:v>42.533999999999999</c:v>
                </c:pt>
                <c:pt idx="4276">
                  <c:v>42.542999999999999</c:v>
                </c:pt>
                <c:pt idx="4277">
                  <c:v>42.552</c:v>
                </c:pt>
                <c:pt idx="4278">
                  <c:v>42.563000000000002</c:v>
                </c:pt>
                <c:pt idx="4279">
                  <c:v>42.572000000000003</c:v>
                </c:pt>
                <c:pt idx="4280">
                  <c:v>42.582000000000001</c:v>
                </c:pt>
                <c:pt idx="4281">
                  <c:v>42.591000000000001</c:v>
                </c:pt>
                <c:pt idx="4282">
                  <c:v>42.601999999999997</c:v>
                </c:pt>
                <c:pt idx="4283">
                  <c:v>42.610999999999997</c:v>
                </c:pt>
                <c:pt idx="4284">
                  <c:v>42.62</c:v>
                </c:pt>
                <c:pt idx="4285">
                  <c:v>42.63</c:v>
                </c:pt>
                <c:pt idx="4286">
                  <c:v>42.640999999999998</c:v>
                </c:pt>
                <c:pt idx="4287">
                  <c:v>42.65</c:v>
                </c:pt>
                <c:pt idx="4288">
                  <c:v>42.658999999999999</c:v>
                </c:pt>
                <c:pt idx="4289">
                  <c:v>42.668999999999997</c:v>
                </c:pt>
                <c:pt idx="4290">
                  <c:v>42.679000000000002</c:v>
                </c:pt>
                <c:pt idx="4291">
                  <c:v>42.688000000000002</c:v>
                </c:pt>
                <c:pt idx="4292">
                  <c:v>42.698</c:v>
                </c:pt>
                <c:pt idx="4293">
                  <c:v>42.707999999999998</c:v>
                </c:pt>
                <c:pt idx="4294">
                  <c:v>42.718000000000004</c:v>
                </c:pt>
                <c:pt idx="4295">
                  <c:v>42.726999999999997</c:v>
                </c:pt>
                <c:pt idx="4296">
                  <c:v>42.735999999999997</c:v>
                </c:pt>
                <c:pt idx="4297">
                  <c:v>42.747</c:v>
                </c:pt>
                <c:pt idx="4298">
                  <c:v>42.756</c:v>
                </c:pt>
                <c:pt idx="4299">
                  <c:v>42.765999999999998</c:v>
                </c:pt>
                <c:pt idx="4300">
                  <c:v>42.776000000000003</c:v>
                </c:pt>
                <c:pt idx="4301">
                  <c:v>42.786000000000001</c:v>
                </c:pt>
                <c:pt idx="4302">
                  <c:v>42.795000000000002</c:v>
                </c:pt>
                <c:pt idx="4303">
                  <c:v>42.805</c:v>
                </c:pt>
                <c:pt idx="4304">
                  <c:v>42.814999999999998</c:v>
                </c:pt>
                <c:pt idx="4305">
                  <c:v>42.825000000000003</c:v>
                </c:pt>
                <c:pt idx="4306">
                  <c:v>42.835000000000001</c:v>
                </c:pt>
                <c:pt idx="4307">
                  <c:v>42.844000000000001</c:v>
                </c:pt>
                <c:pt idx="4308">
                  <c:v>42.853999999999999</c:v>
                </c:pt>
                <c:pt idx="4309">
                  <c:v>42.863999999999997</c:v>
                </c:pt>
                <c:pt idx="4310">
                  <c:v>42.874000000000002</c:v>
                </c:pt>
                <c:pt idx="4311">
                  <c:v>42.883000000000003</c:v>
                </c:pt>
                <c:pt idx="4312">
                  <c:v>42.892000000000003</c:v>
                </c:pt>
                <c:pt idx="4313">
                  <c:v>42.902999999999999</c:v>
                </c:pt>
                <c:pt idx="4314">
                  <c:v>42.911999999999999</c:v>
                </c:pt>
                <c:pt idx="4315">
                  <c:v>42.920999999999999</c:v>
                </c:pt>
                <c:pt idx="4316">
                  <c:v>42.932000000000002</c:v>
                </c:pt>
                <c:pt idx="4317">
                  <c:v>42.941000000000003</c:v>
                </c:pt>
                <c:pt idx="4318">
                  <c:v>42.95</c:v>
                </c:pt>
                <c:pt idx="4319">
                  <c:v>42.96</c:v>
                </c:pt>
                <c:pt idx="4320">
                  <c:v>42.97</c:v>
                </c:pt>
                <c:pt idx="4321">
                  <c:v>42.978999999999999</c:v>
                </c:pt>
                <c:pt idx="4322">
                  <c:v>42.988999999999997</c:v>
                </c:pt>
                <c:pt idx="4323">
                  <c:v>42.999000000000002</c:v>
                </c:pt>
                <c:pt idx="4324">
                  <c:v>43.009</c:v>
                </c:pt>
                <c:pt idx="4325">
                  <c:v>43.018000000000001</c:v>
                </c:pt>
                <c:pt idx="4326">
                  <c:v>43.027999999999999</c:v>
                </c:pt>
                <c:pt idx="4327">
                  <c:v>43.039000000000001</c:v>
                </c:pt>
                <c:pt idx="4328">
                  <c:v>43.048000000000002</c:v>
                </c:pt>
                <c:pt idx="4329">
                  <c:v>43.057000000000002</c:v>
                </c:pt>
                <c:pt idx="4330">
                  <c:v>43.066000000000003</c:v>
                </c:pt>
                <c:pt idx="4331">
                  <c:v>43.076999999999998</c:v>
                </c:pt>
                <c:pt idx="4332">
                  <c:v>43.085999999999999</c:v>
                </c:pt>
                <c:pt idx="4333">
                  <c:v>43.094999999999999</c:v>
                </c:pt>
                <c:pt idx="4334">
                  <c:v>43.106000000000002</c:v>
                </c:pt>
                <c:pt idx="4335">
                  <c:v>43.115000000000002</c:v>
                </c:pt>
                <c:pt idx="4336">
                  <c:v>43.125</c:v>
                </c:pt>
                <c:pt idx="4337">
                  <c:v>43.134</c:v>
                </c:pt>
                <c:pt idx="4338">
                  <c:v>43.145000000000003</c:v>
                </c:pt>
                <c:pt idx="4339">
                  <c:v>43.155000000000001</c:v>
                </c:pt>
                <c:pt idx="4340">
                  <c:v>43.164000000000001</c:v>
                </c:pt>
                <c:pt idx="4341">
                  <c:v>43.173000000000002</c:v>
                </c:pt>
                <c:pt idx="4342">
                  <c:v>43.183999999999997</c:v>
                </c:pt>
                <c:pt idx="4343">
                  <c:v>43.192999999999998</c:v>
                </c:pt>
                <c:pt idx="4344">
                  <c:v>43.203000000000003</c:v>
                </c:pt>
                <c:pt idx="4345">
                  <c:v>43.212000000000003</c:v>
                </c:pt>
                <c:pt idx="4346">
                  <c:v>43.222999999999999</c:v>
                </c:pt>
                <c:pt idx="4347">
                  <c:v>43.231999999999999</c:v>
                </c:pt>
                <c:pt idx="4348">
                  <c:v>43.241999999999997</c:v>
                </c:pt>
                <c:pt idx="4349">
                  <c:v>43.25</c:v>
                </c:pt>
                <c:pt idx="4350">
                  <c:v>43.26</c:v>
                </c:pt>
                <c:pt idx="4351">
                  <c:v>43.268999999999998</c:v>
                </c:pt>
                <c:pt idx="4352">
                  <c:v>43.279000000000003</c:v>
                </c:pt>
                <c:pt idx="4353">
                  <c:v>43.289000000000001</c:v>
                </c:pt>
                <c:pt idx="4354">
                  <c:v>43.298999999999999</c:v>
                </c:pt>
                <c:pt idx="4355">
                  <c:v>43.308999999999997</c:v>
                </c:pt>
                <c:pt idx="4356">
                  <c:v>43.317999999999998</c:v>
                </c:pt>
                <c:pt idx="4357">
                  <c:v>43.328000000000003</c:v>
                </c:pt>
                <c:pt idx="4358">
                  <c:v>43.337000000000003</c:v>
                </c:pt>
                <c:pt idx="4359">
                  <c:v>43.347000000000001</c:v>
                </c:pt>
                <c:pt idx="4360">
                  <c:v>43.357999999999997</c:v>
                </c:pt>
                <c:pt idx="4361">
                  <c:v>43.366999999999997</c:v>
                </c:pt>
                <c:pt idx="4362">
                  <c:v>43.375999999999998</c:v>
                </c:pt>
                <c:pt idx="4363">
                  <c:v>43.384999999999998</c:v>
                </c:pt>
                <c:pt idx="4364">
                  <c:v>43.396000000000001</c:v>
                </c:pt>
                <c:pt idx="4365">
                  <c:v>43.405000000000001</c:v>
                </c:pt>
                <c:pt idx="4366">
                  <c:v>43.414999999999999</c:v>
                </c:pt>
                <c:pt idx="4367">
                  <c:v>43.423999999999999</c:v>
                </c:pt>
                <c:pt idx="4368">
                  <c:v>43.435000000000002</c:v>
                </c:pt>
                <c:pt idx="4369">
                  <c:v>43.444000000000003</c:v>
                </c:pt>
                <c:pt idx="4370">
                  <c:v>43.453000000000003</c:v>
                </c:pt>
                <c:pt idx="4371">
                  <c:v>43.463000000000001</c:v>
                </c:pt>
                <c:pt idx="4372">
                  <c:v>43.473999999999997</c:v>
                </c:pt>
                <c:pt idx="4373">
                  <c:v>43.482999999999997</c:v>
                </c:pt>
                <c:pt idx="4374">
                  <c:v>43.494</c:v>
                </c:pt>
                <c:pt idx="4375">
                  <c:v>43.503</c:v>
                </c:pt>
                <c:pt idx="4376">
                  <c:v>43.512</c:v>
                </c:pt>
                <c:pt idx="4377">
                  <c:v>43.521999999999998</c:v>
                </c:pt>
                <c:pt idx="4378">
                  <c:v>43.531999999999996</c:v>
                </c:pt>
                <c:pt idx="4379">
                  <c:v>43.540999999999997</c:v>
                </c:pt>
                <c:pt idx="4380">
                  <c:v>43.551000000000002</c:v>
                </c:pt>
                <c:pt idx="4381">
                  <c:v>43.56</c:v>
                </c:pt>
                <c:pt idx="4382">
                  <c:v>43.570999999999998</c:v>
                </c:pt>
                <c:pt idx="4383">
                  <c:v>43.58</c:v>
                </c:pt>
                <c:pt idx="4384">
                  <c:v>43.588999999999999</c:v>
                </c:pt>
                <c:pt idx="4385">
                  <c:v>43.598999999999997</c:v>
                </c:pt>
                <c:pt idx="4386">
                  <c:v>43.609000000000002</c:v>
                </c:pt>
                <c:pt idx="4387">
                  <c:v>43.618000000000002</c:v>
                </c:pt>
                <c:pt idx="4388">
                  <c:v>43.628</c:v>
                </c:pt>
                <c:pt idx="4389">
                  <c:v>43.637999999999998</c:v>
                </c:pt>
                <c:pt idx="4390">
                  <c:v>43.648000000000003</c:v>
                </c:pt>
                <c:pt idx="4391">
                  <c:v>43.656999999999996</c:v>
                </c:pt>
                <c:pt idx="4392">
                  <c:v>43.665999999999997</c:v>
                </c:pt>
                <c:pt idx="4393">
                  <c:v>43.677</c:v>
                </c:pt>
                <c:pt idx="4394">
                  <c:v>43.686999999999998</c:v>
                </c:pt>
                <c:pt idx="4395">
                  <c:v>43.697000000000003</c:v>
                </c:pt>
                <c:pt idx="4396">
                  <c:v>43.706000000000003</c:v>
                </c:pt>
                <c:pt idx="4397">
                  <c:v>43.715000000000003</c:v>
                </c:pt>
                <c:pt idx="4398">
                  <c:v>43.725999999999999</c:v>
                </c:pt>
                <c:pt idx="4399">
                  <c:v>43.734999999999999</c:v>
                </c:pt>
                <c:pt idx="4400">
                  <c:v>43.744</c:v>
                </c:pt>
                <c:pt idx="4401">
                  <c:v>43.755000000000003</c:v>
                </c:pt>
                <c:pt idx="4402">
                  <c:v>43.764000000000003</c:v>
                </c:pt>
                <c:pt idx="4403">
                  <c:v>43.774000000000001</c:v>
                </c:pt>
                <c:pt idx="4404">
                  <c:v>43.783000000000001</c:v>
                </c:pt>
                <c:pt idx="4405">
                  <c:v>43.793999999999997</c:v>
                </c:pt>
                <c:pt idx="4406">
                  <c:v>43.802999999999997</c:v>
                </c:pt>
                <c:pt idx="4407">
                  <c:v>43.813000000000002</c:v>
                </c:pt>
                <c:pt idx="4408">
                  <c:v>43.822000000000003</c:v>
                </c:pt>
                <c:pt idx="4409">
                  <c:v>43.832000000000001</c:v>
                </c:pt>
                <c:pt idx="4410">
                  <c:v>43.841999999999999</c:v>
                </c:pt>
                <c:pt idx="4411">
                  <c:v>43.850999999999999</c:v>
                </c:pt>
                <c:pt idx="4412">
                  <c:v>43.862000000000002</c:v>
                </c:pt>
                <c:pt idx="4413">
                  <c:v>43.871000000000002</c:v>
                </c:pt>
                <c:pt idx="4414">
                  <c:v>43.881</c:v>
                </c:pt>
                <c:pt idx="4415">
                  <c:v>43.890999999999998</c:v>
                </c:pt>
                <c:pt idx="4416">
                  <c:v>43.9</c:v>
                </c:pt>
                <c:pt idx="4417">
                  <c:v>43.908999999999999</c:v>
                </c:pt>
                <c:pt idx="4418">
                  <c:v>43.918999999999997</c:v>
                </c:pt>
                <c:pt idx="4419">
                  <c:v>43.929000000000002</c:v>
                </c:pt>
                <c:pt idx="4420">
                  <c:v>43.939</c:v>
                </c:pt>
                <c:pt idx="4421">
                  <c:v>43.948</c:v>
                </c:pt>
                <c:pt idx="4422">
                  <c:v>43.957999999999998</c:v>
                </c:pt>
                <c:pt idx="4423">
                  <c:v>43.969000000000001</c:v>
                </c:pt>
                <c:pt idx="4424">
                  <c:v>43.978000000000002</c:v>
                </c:pt>
                <c:pt idx="4425">
                  <c:v>43.988</c:v>
                </c:pt>
                <c:pt idx="4426">
                  <c:v>43.997</c:v>
                </c:pt>
                <c:pt idx="4427">
                  <c:v>44.006999999999998</c:v>
                </c:pt>
                <c:pt idx="4428">
                  <c:v>44.017000000000003</c:v>
                </c:pt>
                <c:pt idx="4429">
                  <c:v>44.024999999999999</c:v>
                </c:pt>
                <c:pt idx="4430">
                  <c:v>44.036000000000001</c:v>
                </c:pt>
                <c:pt idx="4431">
                  <c:v>44.045000000000002</c:v>
                </c:pt>
                <c:pt idx="4432">
                  <c:v>44.054000000000002</c:v>
                </c:pt>
                <c:pt idx="4433">
                  <c:v>44.064999999999998</c:v>
                </c:pt>
                <c:pt idx="4434">
                  <c:v>44.073999999999998</c:v>
                </c:pt>
                <c:pt idx="4435">
                  <c:v>44.082999999999998</c:v>
                </c:pt>
                <c:pt idx="4436">
                  <c:v>44.093000000000004</c:v>
                </c:pt>
                <c:pt idx="4437">
                  <c:v>44.103000000000002</c:v>
                </c:pt>
                <c:pt idx="4438">
                  <c:v>44.113</c:v>
                </c:pt>
                <c:pt idx="4439">
                  <c:v>44.122</c:v>
                </c:pt>
                <c:pt idx="4440">
                  <c:v>44.133000000000003</c:v>
                </c:pt>
                <c:pt idx="4441">
                  <c:v>44.143000000000001</c:v>
                </c:pt>
                <c:pt idx="4442">
                  <c:v>44.152000000000001</c:v>
                </c:pt>
                <c:pt idx="4443">
                  <c:v>44.161999999999999</c:v>
                </c:pt>
                <c:pt idx="4444">
                  <c:v>44.173000000000002</c:v>
                </c:pt>
                <c:pt idx="4445">
                  <c:v>44.182000000000002</c:v>
                </c:pt>
                <c:pt idx="4446">
                  <c:v>44.191000000000003</c:v>
                </c:pt>
                <c:pt idx="4447">
                  <c:v>44.201000000000001</c:v>
                </c:pt>
                <c:pt idx="4448">
                  <c:v>44.212000000000003</c:v>
                </c:pt>
                <c:pt idx="4449">
                  <c:v>44.220999999999997</c:v>
                </c:pt>
                <c:pt idx="4450">
                  <c:v>44.23</c:v>
                </c:pt>
                <c:pt idx="4451">
                  <c:v>44.238999999999997</c:v>
                </c:pt>
                <c:pt idx="4452">
                  <c:v>44.25</c:v>
                </c:pt>
                <c:pt idx="4453">
                  <c:v>44.259</c:v>
                </c:pt>
                <c:pt idx="4454">
                  <c:v>44.268000000000001</c:v>
                </c:pt>
                <c:pt idx="4455">
                  <c:v>44.277999999999999</c:v>
                </c:pt>
                <c:pt idx="4456">
                  <c:v>44.287999999999997</c:v>
                </c:pt>
                <c:pt idx="4457">
                  <c:v>44.296999999999997</c:v>
                </c:pt>
                <c:pt idx="4458">
                  <c:v>44.307000000000002</c:v>
                </c:pt>
                <c:pt idx="4459">
                  <c:v>44.317</c:v>
                </c:pt>
                <c:pt idx="4460">
                  <c:v>44.326999999999998</c:v>
                </c:pt>
                <c:pt idx="4461">
                  <c:v>44.335999999999999</c:v>
                </c:pt>
                <c:pt idx="4462">
                  <c:v>44.345999999999997</c:v>
                </c:pt>
                <c:pt idx="4463">
                  <c:v>44.356000000000002</c:v>
                </c:pt>
                <c:pt idx="4464">
                  <c:v>44.366</c:v>
                </c:pt>
                <c:pt idx="4465">
                  <c:v>44.375</c:v>
                </c:pt>
                <c:pt idx="4466">
                  <c:v>44.384</c:v>
                </c:pt>
                <c:pt idx="4467">
                  <c:v>44.395000000000003</c:v>
                </c:pt>
                <c:pt idx="4468">
                  <c:v>44.404000000000003</c:v>
                </c:pt>
                <c:pt idx="4469">
                  <c:v>44.412999999999997</c:v>
                </c:pt>
                <c:pt idx="4470">
                  <c:v>44.423000000000002</c:v>
                </c:pt>
                <c:pt idx="4471">
                  <c:v>44.433</c:v>
                </c:pt>
                <c:pt idx="4472">
                  <c:v>44.442999999999998</c:v>
                </c:pt>
                <c:pt idx="4473">
                  <c:v>44.453000000000003</c:v>
                </c:pt>
                <c:pt idx="4474">
                  <c:v>44.463000000000001</c:v>
                </c:pt>
                <c:pt idx="4475">
                  <c:v>44.472000000000001</c:v>
                </c:pt>
                <c:pt idx="4476">
                  <c:v>44.482999999999997</c:v>
                </c:pt>
                <c:pt idx="4477">
                  <c:v>44.491999999999997</c:v>
                </c:pt>
                <c:pt idx="4478">
                  <c:v>44.502000000000002</c:v>
                </c:pt>
                <c:pt idx="4479">
                  <c:v>44.511000000000003</c:v>
                </c:pt>
                <c:pt idx="4480">
                  <c:v>44.521999999999998</c:v>
                </c:pt>
                <c:pt idx="4481">
                  <c:v>44.53</c:v>
                </c:pt>
                <c:pt idx="4482">
                  <c:v>44.540999999999997</c:v>
                </c:pt>
                <c:pt idx="4483">
                  <c:v>44.55</c:v>
                </c:pt>
                <c:pt idx="4484">
                  <c:v>44.558999999999997</c:v>
                </c:pt>
                <c:pt idx="4485">
                  <c:v>44.57</c:v>
                </c:pt>
                <c:pt idx="4486">
                  <c:v>44.579000000000001</c:v>
                </c:pt>
                <c:pt idx="4487">
                  <c:v>44.588000000000001</c:v>
                </c:pt>
                <c:pt idx="4488">
                  <c:v>44.598999999999997</c:v>
                </c:pt>
                <c:pt idx="4489">
                  <c:v>44.607999999999997</c:v>
                </c:pt>
                <c:pt idx="4490">
                  <c:v>44.619</c:v>
                </c:pt>
                <c:pt idx="4491">
                  <c:v>44.628</c:v>
                </c:pt>
                <c:pt idx="4492">
                  <c:v>44.637999999999998</c:v>
                </c:pt>
                <c:pt idx="4493">
                  <c:v>44.648000000000003</c:v>
                </c:pt>
                <c:pt idx="4494">
                  <c:v>44.656999999999996</c:v>
                </c:pt>
                <c:pt idx="4495">
                  <c:v>44.665999999999997</c:v>
                </c:pt>
                <c:pt idx="4496">
                  <c:v>44.677</c:v>
                </c:pt>
                <c:pt idx="4497">
                  <c:v>44.686</c:v>
                </c:pt>
                <c:pt idx="4498">
                  <c:v>44.695999999999998</c:v>
                </c:pt>
                <c:pt idx="4499">
                  <c:v>44.706000000000003</c:v>
                </c:pt>
                <c:pt idx="4500">
                  <c:v>44.715000000000003</c:v>
                </c:pt>
                <c:pt idx="4501">
                  <c:v>44.725000000000001</c:v>
                </c:pt>
                <c:pt idx="4502">
                  <c:v>44.734000000000002</c:v>
                </c:pt>
                <c:pt idx="4503">
                  <c:v>44.744999999999997</c:v>
                </c:pt>
                <c:pt idx="4504">
                  <c:v>44.753999999999998</c:v>
                </c:pt>
                <c:pt idx="4505">
                  <c:v>44.762999999999998</c:v>
                </c:pt>
                <c:pt idx="4506">
                  <c:v>44.773000000000003</c:v>
                </c:pt>
                <c:pt idx="4507">
                  <c:v>44.783000000000001</c:v>
                </c:pt>
                <c:pt idx="4508">
                  <c:v>44.793999999999997</c:v>
                </c:pt>
                <c:pt idx="4509">
                  <c:v>44.802999999999997</c:v>
                </c:pt>
                <c:pt idx="4510">
                  <c:v>44.813000000000002</c:v>
                </c:pt>
                <c:pt idx="4511">
                  <c:v>44.822000000000003</c:v>
                </c:pt>
                <c:pt idx="4512">
                  <c:v>44.832000000000001</c:v>
                </c:pt>
                <c:pt idx="4513">
                  <c:v>44.841999999999999</c:v>
                </c:pt>
                <c:pt idx="4514">
                  <c:v>44.850999999999999</c:v>
                </c:pt>
                <c:pt idx="4515">
                  <c:v>44.862000000000002</c:v>
                </c:pt>
                <c:pt idx="4516">
                  <c:v>44.871000000000002</c:v>
                </c:pt>
                <c:pt idx="4517">
                  <c:v>44.881</c:v>
                </c:pt>
                <c:pt idx="4518">
                  <c:v>44.89</c:v>
                </c:pt>
                <c:pt idx="4519">
                  <c:v>44.9</c:v>
                </c:pt>
                <c:pt idx="4520">
                  <c:v>44.91</c:v>
                </c:pt>
                <c:pt idx="4521">
                  <c:v>44.918999999999997</c:v>
                </c:pt>
                <c:pt idx="4522">
                  <c:v>44.929000000000002</c:v>
                </c:pt>
                <c:pt idx="4523">
                  <c:v>44.939</c:v>
                </c:pt>
                <c:pt idx="4524">
                  <c:v>44.948</c:v>
                </c:pt>
                <c:pt idx="4525">
                  <c:v>44.957000000000001</c:v>
                </c:pt>
                <c:pt idx="4526">
                  <c:v>44.968000000000004</c:v>
                </c:pt>
                <c:pt idx="4527">
                  <c:v>44.978000000000002</c:v>
                </c:pt>
                <c:pt idx="4528">
                  <c:v>44.987000000000002</c:v>
                </c:pt>
                <c:pt idx="4529">
                  <c:v>44.997999999999998</c:v>
                </c:pt>
                <c:pt idx="4530">
                  <c:v>45.006999999999998</c:v>
                </c:pt>
                <c:pt idx="4531">
                  <c:v>45.018000000000001</c:v>
                </c:pt>
                <c:pt idx="4532">
                  <c:v>45.027000000000001</c:v>
                </c:pt>
                <c:pt idx="4533">
                  <c:v>45.036000000000001</c:v>
                </c:pt>
                <c:pt idx="4534">
                  <c:v>45.045999999999999</c:v>
                </c:pt>
                <c:pt idx="4535">
                  <c:v>45.055</c:v>
                </c:pt>
                <c:pt idx="4536">
                  <c:v>45.064999999999998</c:v>
                </c:pt>
                <c:pt idx="4537">
                  <c:v>45.073999999999998</c:v>
                </c:pt>
                <c:pt idx="4538">
                  <c:v>45.084000000000003</c:v>
                </c:pt>
                <c:pt idx="4539">
                  <c:v>45.093000000000004</c:v>
                </c:pt>
                <c:pt idx="4540">
                  <c:v>45.103999999999999</c:v>
                </c:pt>
                <c:pt idx="4541">
                  <c:v>45.113</c:v>
                </c:pt>
                <c:pt idx="4542">
                  <c:v>45.122</c:v>
                </c:pt>
                <c:pt idx="4543">
                  <c:v>45.131999999999998</c:v>
                </c:pt>
                <c:pt idx="4544">
                  <c:v>45.142000000000003</c:v>
                </c:pt>
                <c:pt idx="4545">
                  <c:v>45.152000000000001</c:v>
                </c:pt>
                <c:pt idx="4546">
                  <c:v>45.161999999999999</c:v>
                </c:pt>
                <c:pt idx="4547">
                  <c:v>45.171999999999997</c:v>
                </c:pt>
                <c:pt idx="4548">
                  <c:v>45.180999999999997</c:v>
                </c:pt>
                <c:pt idx="4549">
                  <c:v>45.191000000000003</c:v>
                </c:pt>
                <c:pt idx="4550">
                  <c:v>45.2</c:v>
                </c:pt>
                <c:pt idx="4551">
                  <c:v>45.21</c:v>
                </c:pt>
                <c:pt idx="4552">
                  <c:v>45.22</c:v>
                </c:pt>
                <c:pt idx="4553">
                  <c:v>45.228999999999999</c:v>
                </c:pt>
                <c:pt idx="4554">
                  <c:v>45.238</c:v>
                </c:pt>
                <c:pt idx="4555">
                  <c:v>45.249000000000002</c:v>
                </c:pt>
                <c:pt idx="4556">
                  <c:v>45.258000000000003</c:v>
                </c:pt>
                <c:pt idx="4557">
                  <c:v>45.268000000000001</c:v>
                </c:pt>
                <c:pt idx="4558">
                  <c:v>45.277999999999999</c:v>
                </c:pt>
                <c:pt idx="4559">
                  <c:v>45.286999999999999</c:v>
                </c:pt>
                <c:pt idx="4560">
                  <c:v>45.296999999999997</c:v>
                </c:pt>
                <c:pt idx="4561">
                  <c:v>45.308</c:v>
                </c:pt>
                <c:pt idx="4562">
                  <c:v>45.317</c:v>
                </c:pt>
                <c:pt idx="4563">
                  <c:v>45.326999999999998</c:v>
                </c:pt>
                <c:pt idx="4564">
                  <c:v>45.337000000000003</c:v>
                </c:pt>
                <c:pt idx="4565">
                  <c:v>45.345999999999997</c:v>
                </c:pt>
                <c:pt idx="4566">
                  <c:v>45.356999999999999</c:v>
                </c:pt>
                <c:pt idx="4567">
                  <c:v>45.366</c:v>
                </c:pt>
                <c:pt idx="4568">
                  <c:v>45.375</c:v>
                </c:pt>
                <c:pt idx="4569">
                  <c:v>45.386000000000003</c:v>
                </c:pt>
                <c:pt idx="4570">
                  <c:v>45.395000000000003</c:v>
                </c:pt>
                <c:pt idx="4571">
                  <c:v>45.404000000000003</c:v>
                </c:pt>
                <c:pt idx="4572">
                  <c:v>45.412999999999997</c:v>
                </c:pt>
                <c:pt idx="4573">
                  <c:v>45.423000000000002</c:v>
                </c:pt>
                <c:pt idx="4574">
                  <c:v>45.433</c:v>
                </c:pt>
                <c:pt idx="4575">
                  <c:v>45.442</c:v>
                </c:pt>
                <c:pt idx="4576">
                  <c:v>45.451999999999998</c:v>
                </c:pt>
                <c:pt idx="4577">
                  <c:v>45.462000000000003</c:v>
                </c:pt>
                <c:pt idx="4578">
                  <c:v>45.470999999999997</c:v>
                </c:pt>
                <c:pt idx="4579">
                  <c:v>45.481000000000002</c:v>
                </c:pt>
                <c:pt idx="4580">
                  <c:v>45.491</c:v>
                </c:pt>
                <c:pt idx="4581">
                  <c:v>45.500999999999998</c:v>
                </c:pt>
                <c:pt idx="4582">
                  <c:v>45.51</c:v>
                </c:pt>
                <c:pt idx="4583">
                  <c:v>45.518999999999998</c:v>
                </c:pt>
                <c:pt idx="4584">
                  <c:v>45.53</c:v>
                </c:pt>
                <c:pt idx="4585">
                  <c:v>45.539000000000001</c:v>
                </c:pt>
                <c:pt idx="4586">
                  <c:v>45.548999999999999</c:v>
                </c:pt>
                <c:pt idx="4587">
                  <c:v>45.558999999999997</c:v>
                </c:pt>
                <c:pt idx="4588">
                  <c:v>45.567999999999998</c:v>
                </c:pt>
                <c:pt idx="4589">
                  <c:v>45.578000000000003</c:v>
                </c:pt>
                <c:pt idx="4590">
                  <c:v>45.588000000000001</c:v>
                </c:pt>
                <c:pt idx="4591">
                  <c:v>45.597999999999999</c:v>
                </c:pt>
                <c:pt idx="4592">
                  <c:v>45.606999999999999</c:v>
                </c:pt>
                <c:pt idx="4593">
                  <c:v>45.618000000000002</c:v>
                </c:pt>
                <c:pt idx="4594">
                  <c:v>45.627000000000002</c:v>
                </c:pt>
                <c:pt idx="4595">
                  <c:v>45.636000000000003</c:v>
                </c:pt>
                <c:pt idx="4596">
                  <c:v>45.646999999999998</c:v>
                </c:pt>
                <c:pt idx="4597">
                  <c:v>45.655999999999999</c:v>
                </c:pt>
                <c:pt idx="4598">
                  <c:v>45.665999999999997</c:v>
                </c:pt>
                <c:pt idx="4599">
                  <c:v>45.674999999999997</c:v>
                </c:pt>
                <c:pt idx="4600">
                  <c:v>45.685000000000002</c:v>
                </c:pt>
                <c:pt idx="4601">
                  <c:v>45.695</c:v>
                </c:pt>
                <c:pt idx="4602">
                  <c:v>45.704999999999998</c:v>
                </c:pt>
                <c:pt idx="4603">
                  <c:v>45.713999999999999</c:v>
                </c:pt>
                <c:pt idx="4604">
                  <c:v>45.723999999999997</c:v>
                </c:pt>
                <c:pt idx="4605">
                  <c:v>45.734000000000002</c:v>
                </c:pt>
                <c:pt idx="4606">
                  <c:v>45.743000000000002</c:v>
                </c:pt>
                <c:pt idx="4607">
                  <c:v>45.753</c:v>
                </c:pt>
                <c:pt idx="4608">
                  <c:v>45.762999999999998</c:v>
                </c:pt>
                <c:pt idx="4609">
                  <c:v>45.773000000000003</c:v>
                </c:pt>
                <c:pt idx="4610">
                  <c:v>45.781999999999996</c:v>
                </c:pt>
                <c:pt idx="4611">
                  <c:v>45.792000000000002</c:v>
                </c:pt>
                <c:pt idx="4612">
                  <c:v>45.801000000000002</c:v>
                </c:pt>
                <c:pt idx="4613">
                  <c:v>45.811999999999998</c:v>
                </c:pt>
                <c:pt idx="4614">
                  <c:v>45.820999999999998</c:v>
                </c:pt>
                <c:pt idx="4615">
                  <c:v>45.83</c:v>
                </c:pt>
                <c:pt idx="4616">
                  <c:v>45.841000000000001</c:v>
                </c:pt>
                <c:pt idx="4617">
                  <c:v>45.85</c:v>
                </c:pt>
                <c:pt idx="4618">
                  <c:v>45.86</c:v>
                </c:pt>
                <c:pt idx="4619">
                  <c:v>45.869</c:v>
                </c:pt>
                <c:pt idx="4620">
                  <c:v>45.878999999999998</c:v>
                </c:pt>
                <c:pt idx="4621">
                  <c:v>45.889000000000003</c:v>
                </c:pt>
                <c:pt idx="4622">
                  <c:v>45.898000000000003</c:v>
                </c:pt>
                <c:pt idx="4623">
                  <c:v>45.908999999999999</c:v>
                </c:pt>
                <c:pt idx="4624">
                  <c:v>45.917999999999999</c:v>
                </c:pt>
                <c:pt idx="4625">
                  <c:v>45.927999999999997</c:v>
                </c:pt>
                <c:pt idx="4626">
                  <c:v>45.938000000000002</c:v>
                </c:pt>
                <c:pt idx="4627">
                  <c:v>45.947000000000003</c:v>
                </c:pt>
                <c:pt idx="4628">
                  <c:v>45.957000000000001</c:v>
                </c:pt>
                <c:pt idx="4629">
                  <c:v>45.966999999999999</c:v>
                </c:pt>
                <c:pt idx="4630">
                  <c:v>45.976999999999997</c:v>
                </c:pt>
                <c:pt idx="4631">
                  <c:v>45.985999999999997</c:v>
                </c:pt>
                <c:pt idx="4632">
                  <c:v>45.996000000000002</c:v>
                </c:pt>
                <c:pt idx="4633">
                  <c:v>46.005000000000003</c:v>
                </c:pt>
                <c:pt idx="4634">
                  <c:v>46.014000000000003</c:v>
                </c:pt>
                <c:pt idx="4635">
                  <c:v>46.024000000000001</c:v>
                </c:pt>
                <c:pt idx="4636">
                  <c:v>46.033999999999999</c:v>
                </c:pt>
                <c:pt idx="4637">
                  <c:v>46.043999999999997</c:v>
                </c:pt>
                <c:pt idx="4638">
                  <c:v>46.052999999999997</c:v>
                </c:pt>
                <c:pt idx="4639">
                  <c:v>46.063000000000002</c:v>
                </c:pt>
                <c:pt idx="4640">
                  <c:v>46.072000000000003</c:v>
                </c:pt>
                <c:pt idx="4641">
                  <c:v>46.081000000000003</c:v>
                </c:pt>
                <c:pt idx="4642">
                  <c:v>46.091000000000001</c:v>
                </c:pt>
                <c:pt idx="4643">
                  <c:v>46.1</c:v>
                </c:pt>
                <c:pt idx="4644">
                  <c:v>46.11</c:v>
                </c:pt>
                <c:pt idx="4645">
                  <c:v>46.121000000000002</c:v>
                </c:pt>
                <c:pt idx="4646">
                  <c:v>46.13</c:v>
                </c:pt>
                <c:pt idx="4647">
                  <c:v>46.14</c:v>
                </c:pt>
                <c:pt idx="4648">
                  <c:v>46.15</c:v>
                </c:pt>
                <c:pt idx="4649">
                  <c:v>46.16</c:v>
                </c:pt>
                <c:pt idx="4650">
                  <c:v>46.168999999999997</c:v>
                </c:pt>
                <c:pt idx="4651">
                  <c:v>46.179000000000002</c:v>
                </c:pt>
                <c:pt idx="4652">
                  <c:v>46.189</c:v>
                </c:pt>
                <c:pt idx="4653">
                  <c:v>46.198999999999998</c:v>
                </c:pt>
                <c:pt idx="4654">
                  <c:v>46.207999999999998</c:v>
                </c:pt>
                <c:pt idx="4655">
                  <c:v>46.219000000000001</c:v>
                </c:pt>
                <c:pt idx="4656">
                  <c:v>46.228000000000002</c:v>
                </c:pt>
                <c:pt idx="4657">
                  <c:v>46.238</c:v>
                </c:pt>
                <c:pt idx="4658">
                  <c:v>46.247</c:v>
                </c:pt>
                <c:pt idx="4659">
                  <c:v>46.256999999999998</c:v>
                </c:pt>
                <c:pt idx="4660">
                  <c:v>46.267000000000003</c:v>
                </c:pt>
                <c:pt idx="4661">
                  <c:v>46.276000000000003</c:v>
                </c:pt>
                <c:pt idx="4662">
                  <c:v>46.286000000000001</c:v>
                </c:pt>
                <c:pt idx="4663">
                  <c:v>46.295999999999999</c:v>
                </c:pt>
                <c:pt idx="4664">
                  <c:v>46.305</c:v>
                </c:pt>
                <c:pt idx="4665">
                  <c:v>46.316000000000003</c:v>
                </c:pt>
                <c:pt idx="4666">
                  <c:v>46.325000000000003</c:v>
                </c:pt>
                <c:pt idx="4667">
                  <c:v>46.335000000000001</c:v>
                </c:pt>
                <c:pt idx="4668">
                  <c:v>46.344999999999999</c:v>
                </c:pt>
                <c:pt idx="4669">
                  <c:v>46.353999999999999</c:v>
                </c:pt>
                <c:pt idx="4670">
                  <c:v>46.363999999999997</c:v>
                </c:pt>
                <c:pt idx="4671">
                  <c:v>46.372999999999998</c:v>
                </c:pt>
                <c:pt idx="4672">
                  <c:v>46.384</c:v>
                </c:pt>
                <c:pt idx="4673">
                  <c:v>46.393000000000001</c:v>
                </c:pt>
                <c:pt idx="4674">
                  <c:v>46.402999999999999</c:v>
                </c:pt>
                <c:pt idx="4675">
                  <c:v>46.411999999999999</c:v>
                </c:pt>
                <c:pt idx="4676">
                  <c:v>46.423000000000002</c:v>
                </c:pt>
                <c:pt idx="4677">
                  <c:v>46.432000000000002</c:v>
                </c:pt>
                <c:pt idx="4678">
                  <c:v>46.442999999999998</c:v>
                </c:pt>
                <c:pt idx="4679">
                  <c:v>46.451999999999998</c:v>
                </c:pt>
                <c:pt idx="4680">
                  <c:v>46.462000000000003</c:v>
                </c:pt>
                <c:pt idx="4681">
                  <c:v>46.470999999999997</c:v>
                </c:pt>
                <c:pt idx="4682">
                  <c:v>46.481000000000002</c:v>
                </c:pt>
                <c:pt idx="4683">
                  <c:v>46.491999999999997</c:v>
                </c:pt>
                <c:pt idx="4684">
                  <c:v>46.500999999999998</c:v>
                </c:pt>
                <c:pt idx="4685">
                  <c:v>46.511000000000003</c:v>
                </c:pt>
                <c:pt idx="4686">
                  <c:v>46.521000000000001</c:v>
                </c:pt>
                <c:pt idx="4687">
                  <c:v>46.530999999999999</c:v>
                </c:pt>
                <c:pt idx="4688">
                  <c:v>46.54</c:v>
                </c:pt>
                <c:pt idx="4689">
                  <c:v>46.55</c:v>
                </c:pt>
                <c:pt idx="4690">
                  <c:v>46.56</c:v>
                </c:pt>
                <c:pt idx="4691">
                  <c:v>46.569000000000003</c:v>
                </c:pt>
                <c:pt idx="4692">
                  <c:v>46.578000000000003</c:v>
                </c:pt>
                <c:pt idx="4693">
                  <c:v>46.588000000000001</c:v>
                </c:pt>
                <c:pt idx="4694">
                  <c:v>46.597999999999999</c:v>
                </c:pt>
                <c:pt idx="4695">
                  <c:v>46.606999999999999</c:v>
                </c:pt>
                <c:pt idx="4696">
                  <c:v>46.618000000000002</c:v>
                </c:pt>
                <c:pt idx="4697">
                  <c:v>46.627000000000002</c:v>
                </c:pt>
                <c:pt idx="4698">
                  <c:v>46.637</c:v>
                </c:pt>
                <c:pt idx="4699">
                  <c:v>46.646000000000001</c:v>
                </c:pt>
                <c:pt idx="4700">
                  <c:v>46.656999999999996</c:v>
                </c:pt>
                <c:pt idx="4701">
                  <c:v>46.667000000000002</c:v>
                </c:pt>
                <c:pt idx="4702">
                  <c:v>46.676000000000002</c:v>
                </c:pt>
                <c:pt idx="4703">
                  <c:v>46.685000000000002</c:v>
                </c:pt>
                <c:pt idx="4704">
                  <c:v>46.695999999999998</c:v>
                </c:pt>
                <c:pt idx="4705">
                  <c:v>46.704999999999998</c:v>
                </c:pt>
                <c:pt idx="4706">
                  <c:v>46.715000000000003</c:v>
                </c:pt>
                <c:pt idx="4707">
                  <c:v>46.723999999999997</c:v>
                </c:pt>
                <c:pt idx="4708">
                  <c:v>46.734000000000002</c:v>
                </c:pt>
                <c:pt idx="4709">
                  <c:v>46.744</c:v>
                </c:pt>
                <c:pt idx="4710">
                  <c:v>46.753999999999998</c:v>
                </c:pt>
                <c:pt idx="4711">
                  <c:v>46.762999999999998</c:v>
                </c:pt>
                <c:pt idx="4712">
                  <c:v>46.774000000000001</c:v>
                </c:pt>
                <c:pt idx="4713">
                  <c:v>46.783000000000001</c:v>
                </c:pt>
                <c:pt idx="4714">
                  <c:v>46.792000000000002</c:v>
                </c:pt>
                <c:pt idx="4715">
                  <c:v>46.802</c:v>
                </c:pt>
                <c:pt idx="4716">
                  <c:v>46.811999999999998</c:v>
                </c:pt>
                <c:pt idx="4717">
                  <c:v>46.822000000000003</c:v>
                </c:pt>
                <c:pt idx="4718">
                  <c:v>46.832000000000001</c:v>
                </c:pt>
                <c:pt idx="4719">
                  <c:v>46.841000000000001</c:v>
                </c:pt>
                <c:pt idx="4720">
                  <c:v>46.850999999999999</c:v>
                </c:pt>
                <c:pt idx="4721">
                  <c:v>46.860999999999997</c:v>
                </c:pt>
                <c:pt idx="4722">
                  <c:v>46.87</c:v>
                </c:pt>
                <c:pt idx="4723">
                  <c:v>46.88</c:v>
                </c:pt>
                <c:pt idx="4724">
                  <c:v>46.890999999999998</c:v>
                </c:pt>
                <c:pt idx="4725">
                  <c:v>46.9</c:v>
                </c:pt>
                <c:pt idx="4726">
                  <c:v>46.91</c:v>
                </c:pt>
                <c:pt idx="4727">
                  <c:v>46.918999999999997</c:v>
                </c:pt>
                <c:pt idx="4728">
                  <c:v>46.93</c:v>
                </c:pt>
                <c:pt idx="4729">
                  <c:v>46.939</c:v>
                </c:pt>
                <c:pt idx="4730">
                  <c:v>46.95</c:v>
                </c:pt>
                <c:pt idx="4731">
                  <c:v>46.959000000000003</c:v>
                </c:pt>
                <c:pt idx="4732">
                  <c:v>46.969000000000001</c:v>
                </c:pt>
                <c:pt idx="4733">
                  <c:v>46.978999999999999</c:v>
                </c:pt>
                <c:pt idx="4734">
                  <c:v>46.988</c:v>
                </c:pt>
                <c:pt idx="4735">
                  <c:v>46.999000000000002</c:v>
                </c:pt>
                <c:pt idx="4736">
                  <c:v>47.008000000000003</c:v>
                </c:pt>
                <c:pt idx="4737">
                  <c:v>47.018000000000001</c:v>
                </c:pt>
                <c:pt idx="4738">
                  <c:v>47.027000000000001</c:v>
                </c:pt>
                <c:pt idx="4739">
                  <c:v>47.036999999999999</c:v>
                </c:pt>
                <c:pt idx="4740">
                  <c:v>47.045999999999999</c:v>
                </c:pt>
                <c:pt idx="4741">
                  <c:v>47.055</c:v>
                </c:pt>
                <c:pt idx="4742">
                  <c:v>47.066000000000003</c:v>
                </c:pt>
                <c:pt idx="4743">
                  <c:v>47.075000000000003</c:v>
                </c:pt>
                <c:pt idx="4744">
                  <c:v>47.085000000000001</c:v>
                </c:pt>
                <c:pt idx="4745">
                  <c:v>47.094000000000001</c:v>
                </c:pt>
                <c:pt idx="4746">
                  <c:v>47.103999999999999</c:v>
                </c:pt>
                <c:pt idx="4747">
                  <c:v>47.113</c:v>
                </c:pt>
                <c:pt idx="4748">
                  <c:v>47.124000000000002</c:v>
                </c:pt>
                <c:pt idx="4749">
                  <c:v>47.133000000000003</c:v>
                </c:pt>
                <c:pt idx="4750">
                  <c:v>47.143999999999998</c:v>
                </c:pt>
                <c:pt idx="4751">
                  <c:v>47.152999999999999</c:v>
                </c:pt>
                <c:pt idx="4752">
                  <c:v>47.161999999999999</c:v>
                </c:pt>
                <c:pt idx="4753">
                  <c:v>47.173000000000002</c:v>
                </c:pt>
                <c:pt idx="4754">
                  <c:v>47.182000000000002</c:v>
                </c:pt>
                <c:pt idx="4755">
                  <c:v>47.192</c:v>
                </c:pt>
                <c:pt idx="4756">
                  <c:v>47.201000000000001</c:v>
                </c:pt>
                <c:pt idx="4757">
                  <c:v>47.212000000000003</c:v>
                </c:pt>
                <c:pt idx="4758">
                  <c:v>47.222000000000001</c:v>
                </c:pt>
                <c:pt idx="4759">
                  <c:v>47.231000000000002</c:v>
                </c:pt>
                <c:pt idx="4760">
                  <c:v>47.241</c:v>
                </c:pt>
                <c:pt idx="4761">
                  <c:v>47.249000000000002</c:v>
                </c:pt>
                <c:pt idx="4762">
                  <c:v>47.26</c:v>
                </c:pt>
                <c:pt idx="4763">
                  <c:v>47.268999999999998</c:v>
                </c:pt>
                <c:pt idx="4764">
                  <c:v>47.277999999999999</c:v>
                </c:pt>
                <c:pt idx="4765">
                  <c:v>47.289000000000001</c:v>
                </c:pt>
                <c:pt idx="4766">
                  <c:v>47.298000000000002</c:v>
                </c:pt>
                <c:pt idx="4767">
                  <c:v>47.308</c:v>
                </c:pt>
                <c:pt idx="4768">
                  <c:v>47.317999999999998</c:v>
                </c:pt>
                <c:pt idx="4769">
                  <c:v>47.328000000000003</c:v>
                </c:pt>
                <c:pt idx="4770">
                  <c:v>47.337000000000003</c:v>
                </c:pt>
                <c:pt idx="4771">
                  <c:v>47.347999999999999</c:v>
                </c:pt>
                <c:pt idx="4772">
                  <c:v>47.356999999999999</c:v>
                </c:pt>
                <c:pt idx="4773">
                  <c:v>47.366999999999997</c:v>
                </c:pt>
                <c:pt idx="4774">
                  <c:v>47.375999999999998</c:v>
                </c:pt>
                <c:pt idx="4775">
                  <c:v>47.387</c:v>
                </c:pt>
                <c:pt idx="4776">
                  <c:v>47.396000000000001</c:v>
                </c:pt>
                <c:pt idx="4777">
                  <c:v>47.405999999999999</c:v>
                </c:pt>
                <c:pt idx="4778">
                  <c:v>47.415999999999997</c:v>
                </c:pt>
                <c:pt idx="4779">
                  <c:v>47.424999999999997</c:v>
                </c:pt>
                <c:pt idx="4780">
                  <c:v>47.435000000000002</c:v>
                </c:pt>
                <c:pt idx="4781">
                  <c:v>47.444000000000003</c:v>
                </c:pt>
                <c:pt idx="4782">
                  <c:v>47.454999999999998</c:v>
                </c:pt>
                <c:pt idx="4783">
                  <c:v>47.465000000000003</c:v>
                </c:pt>
                <c:pt idx="4784">
                  <c:v>47.475000000000001</c:v>
                </c:pt>
                <c:pt idx="4785">
                  <c:v>47.484999999999999</c:v>
                </c:pt>
                <c:pt idx="4786">
                  <c:v>47.494999999999997</c:v>
                </c:pt>
                <c:pt idx="4787">
                  <c:v>47.505000000000003</c:v>
                </c:pt>
                <c:pt idx="4788">
                  <c:v>47.514000000000003</c:v>
                </c:pt>
                <c:pt idx="4789">
                  <c:v>47.524999999999999</c:v>
                </c:pt>
                <c:pt idx="4790">
                  <c:v>47.533999999999999</c:v>
                </c:pt>
                <c:pt idx="4791">
                  <c:v>47.542999999999999</c:v>
                </c:pt>
                <c:pt idx="4792">
                  <c:v>47.552999999999997</c:v>
                </c:pt>
                <c:pt idx="4793">
                  <c:v>47.563000000000002</c:v>
                </c:pt>
                <c:pt idx="4794">
                  <c:v>47.572000000000003</c:v>
                </c:pt>
                <c:pt idx="4795">
                  <c:v>47.582000000000001</c:v>
                </c:pt>
                <c:pt idx="4796">
                  <c:v>47.591000000000001</c:v>
                </c:pt>
                <c:pt idx="4797">
                  <c:v>47.600999999999999</c:v>
                </c:pt>
                <c:pt idx="4798">
                  <c:v>47.612000000000002</c:v>
                </c:pt>
                <c:pt idx="4799">
                  <c:v>47.621000000000002</c:v>
                </c:pt>
                <c:pt idx="4800">
                  <c:v>47.631</c:v>
                </c:pt>
                <c:pt idx="4801">
                  <c:v>47.640999999999998</c:v>
                </c:pt>
                <c:pt idx="4802">
                  <c:v>47.65</c:v>
                </c:pt>
                <c:pt idx="4803">
                  <c:v>47.661000000000001</c:v>
                </c:pt>
                <c:pt idx="4804">
                  <c:v>47.67</c:v>
                </c:pt>
                <c:pt idx="4805">
                  <c:v>47.68</c:v>
                </c:pt>
                <c:pt idx="4806">
                  <c:v>47.69</c:v>
                </c:pt>
                <c:pt idx="4807">
                  <c:v>47.7</c:v>
                </c:pt>
                <c:pt idx="4808">
                  <c:v>47.709000000000003</c:v>
                </c:pt>
                <c:pt idx="4809">
                  <c:v>47.719000000000001</c:v>
                </c:pt>
                <c:pt idx="4810">
                  <c:v>47.728000000000002</c:v>
                </c:pt>
                <c:pt idx="4811">
                  <c:v>47.738999999999997</c:v>
                </c:pt>
                <c:pt idx="4812">
                  <c:v>47.747999999999998</c:v>
                </c:pt>
                <c:pt idx="4813">
                  <c:v>47.756999999999998</c:v>
                </c:pt>
                <c:pt idx="4814">
                  <c:v>47.767000000000003</c:v>
                </c:pt>
                <c:pt idx="4815">
                  <c:v>47.776000000000003</c:v>
                </c:pt>
                <c:pt idx="4816">
                  <c:v>47.786999999999999</c:v>
                </c:pt>
                <c:pt idx="4817">
                  <c:v>47.795999999999999</c:v>
                </c:pt>
                <c:pt idx="4818">
                  <c:v>47.805999999999997</c:v>
                </c:pt>
                <c:pt idx="4819">
                  <c:v>47.816000000000003</c:v>
                </c:pt>
                <c:pt idx="4820">
                  <c:v>47.825000000000003</c:v>
                </c:pt>
                <c:pt idx="4821">
                  <c:v>47.834000000000003</c:v>
                </c:pt>
                <c:pt idx="4822">
                  <c:v>47.844999999999999</c:v>
                </c:pt>
                <c:pt idx="4823">
                  <c:v>47.853999999999999</c:v>
                </c:pt>
                <c:pt idx="4824">
                  <c:v>47.863999999999997</c:v>
                </c:pt>
                <c:pt idx="4825">
                  <c:v>47.872999999999998</c:v>
                </c:pt>
                <c:pt idx="4826">
                  <c:v>47.884</c:v>
                </c:pt>
                <c:pt idx="4827">
                  <c:v>47.893000000000001</c:v>
                </c:pt>
                <c:pt idx="4828">
                  <c:v>47.902000000000001</c:v>
                </c:pt>
                <c:pt idx="4829">
                  <c:v>47.912999999999997</c:v>
                </c:pt>
                <c:pt idx="4830">
                  <c:v>47.920999999999999</c:v>
                </c:pt>
                <c:pt idx="4831">
                  <c:v>47.932000000000002</c:v>
                </c:pt>
                <c:pt idx="4832">
                  <c:v>47.941000000000003</c:v>
                </c:pt>
                <c:pt idx="4833">
                  <c:v>47.951000000000001</c:v>
                </c:pt>
                <c:pt idx="4834">
                  <c:v>47.960999999999999</c:v>
                </c:pt>
                <c:pt idx="4835">
                  <c:v>47.970999999999997</c:v>
                </c:pt>
                <c:pt idx="4836">
                  <c:v>47.981000000000002</c:v>
                </c:pt>
                <c:pt idx="4837">
                  <c:v>47.99</c:v>
                </c:pt>
                <c:pt idx="4838">
                  <c:v>48.000999999999998</c:v>
                </c:pt>
                <c:pt idx="4839">
                  <c:v>48.01</c:v>
                </c:pt>
                <c:pt idx="4840">
                  <c:v>48.02</c:v>
                </c:pt>
                <c:pt idx="4841">
                  <c:v>48.029000000000003</c:v>
                </c:pt>
                <c:pt idx="4842">
                  <c:v>48.039000000000001</c:v>
                </c:pt>
                <c:pt idx="4843">
                  <c:v>48.048000000000002</c:v>
                </c:pt>
                <c:pt idx="4844">
                  <c:v>48.058999999999997</c:v>
                </c:pt>
                <c:pt idx="4845">
                  <c:v>48.067999999999998</c:v>
                </c:pt>
                <c:pt idx="4846">
                  <c:v>48.078000000000003</c:v>
                </c:pt>
                <c:pt idx="4847">
                  <c:v>48.088000000000001</c:v>
                </c:pt>
                <c:pt idx="4848">
                  <c:v>48.097000000000001</c:v>
                </c:pt>
                <c:pt idx="4849">
                  <c:v>48.107999999999997</c:v>
                </c:pt>
                <c:pt idx="4850">
                  <c:v>48.116999999999997</c:v>
                </c:pt>
                <c:pt idx="4851">
                  <c:v>48.125999999999998</c:v>
                </c:pt>
                <c:pt idx="4852">
                  <c:v>48.137</c:v>
                </c:pt>
                <c:pt idx="4853">
                  <c:v>48.146000000000001</c:v>
                </c:pt>
                <c:pt idx="4854">
                  <c:v>48.156999999999996</c:v>
                </c:pt>
                <c:pt idx="4855">
                  <c:v>48.165999999999997</c:v>
                </c:pt>
                <c:pt idx="4856">
                  <c:v>48.174999999999997</c:v>
                </c:pt>
                <c:pt idx="4857">
                  <c:v>48.185000000000002</c:v>
                </c:pt>
                <c:pt idx="4858">
                  <c:v>48.194000000000003</c:v>
                </c:pt>
                <c:pt idx="4859">
                  <c:v>48.204999999999998</c:v>
                </c:pt>
                <c:pt idx="4860">
                  <c:v>48.213999999999999</c:v>
                </c:pt>
                <c:pt idx="4861">
                  <c:v>48.223999999999997</c:v>
                </c:pt>
                <c:pt idx="4862">
                  <c:v>48.232999999999997</c:v>
                </c:pt>
                <c:pt idx="4863">
                  <c:v>48.243000000000002</c:v>
                </c:pt>
                <c:pt idx="4864">
                  <c:v>48.252000000000002</c:v>
                </c:pt>
                <c:pt idx="4865">
                  <c:v>48.262</c:v>
                </c:pt>
                <c:pt idx="4866">
                  <c:v>48.271999999999998</c:v>
                </c:pt>
                <c:pt idx="4867">
                  <c:v>48.281999999999996</c:v>
                </c:pt>
                <c:pt idx="4868">
                  <c:v>48.290999999999997</c:v>
                </c:pt>
                <c:pt idx="4869">
                  <c:v>48.302</c:v>
                </c:pt>
                <c:pt idx="4870">
                  <c:v>48.311999999999998</c:v>
                </c:pt>
                <c:pt idx="4871">
                  <c:v>48.320999999999998</c:v>
                </c:pt>
                <c:pt idx="4872">
                  <c:v>48.332000000000001</c:v>
                </c:pt>
                <c:pt idx="4873">
                  <c:v>48.341000000000001</c:v>
                </c:pt>
                <c:pt idx="4874">
                  <c:v>48.35</c:v>
                </c:pt>
                <c:pt idx="4875">
                  <c:v>48.36</c:v>
                </c:pt>
                <c:pt idx="4876">
                  <c:v>48.37</c:v>
                </c:pt>
                <c:pt idx="4877">
                  <c:v>48.378999999999998</c:v>
                </c:pt>
                <c:pt idx="4878">
                  <c:v>48.389000000000003</c:v>
                </c:pt>
                <c:pt idx="4879">
                  <c:v>48.398000000000003</c:v>
                </c:pt>
                <c:pt idx="4880">
                  <c:v>48.408999999999999</c:v>
                </c:pt>
                <c:pt idx="4881">
                  <c:v>48.417999999999999</c:v>
                </c:pt>
                <c:pt idx="4882">
                  <c:v>48.427</c:v>
                </c:pt>
                <c:pt idx="4883">
                  <c:v>48.438000000000002</c:v>
                </c:pt>
                <c:pt idx="4884">
                  <c:v>48.447000000000003</c:v>
                </c:pt>
                <c:pt idx="4885">
                  <c:v>48.457000000000001</c:v>
                </c:pt>
                <c:pt idx="4886">
                  <c:v>48.466000000000001</c:v>
                </c:pt>
                <c:pt idx="4887">
                  <c:v>48.475999999999999</c:v>
                </c:pt>
                <c:pt idx="4888">
                  <c:v>48.487000000000002</c:v>
                </c:pt>
                <c:pt idx="4889">
                  <c:v>48.496000000000002</c:v>
                </c:pt>
                <c:pt idx="4890">
                  <c:v>48.506</c:v>
                </c:pt>
                <c:pt idx="4891">
                  <c:v>48.515000000000001</c:v>
                </c:pt>
                <c:pt idx="4892">
                  <c:v>48.524999999999999</c:v>
                </c:pt>
                <c:pt idx="4893">
                  <c:v>48.533999999999999</c:v>
                </c:pt>
                <c:pt idx="4894">
                  <c:v>48.543999999999997</c:v>
                </c:pt>
                <c:pt idx="4895">
                  <c:v>48.554000000000002</c:v>
                </c:pt>
                <c:pt idx="4896">
                  <c:v>48.564</c:v>
                </c:pt>
                <c:pt idx="4897">
                  <c:v>48.573</c:v>
                </c:pt>
                <c:pt idx="4898">
                  <c:v>48.582000000000001</c:v>
                </c:pt>
                <c:pt idx="4899">
                  <c:v>48.591999999999999</c:v>
                </c:pt>
                <c:pt idx="4900">
                  <c:v>48.601999999999997</c:v>
                </c:pt>
                <c:pt idx="4901">
                  <c:v>48.610999999999997</c:v>
                </c:pt>
                <c:pt idx="4902">
                  <c:v>48.622</c:v>
                </c:pt>
                <c:pt idx="4903">
                  <c:v>48.631</c:v>
                </c:pt>
                <c:pt idx="4904">
                  <c:v>48.640999999999998</c:v>
                </c:pt>
                <c:pt idx="4905">
                  <c:v>48.651000000000003</c:v>
                </c:pt>
                <c:pt idx="4906">
                  <c:v>48.66</c:v>
                </c:pt>
                <c:pt idx="4907">
                  <c:v>48.67</c:v>
                </c:pt>
                <c:pt idx="4908">
                  <c:v>48.68</c:v>
                </c:pt>
                <c:pt idx="4909">
                  <c:v>48.69</c:v>
                </c:pt>
                <c:pt idx="4910">
                  <c:v>48.7</c:v>
                </c:pt>
                <c:pt idx="4911">
                  <c:v>48.709000000000003</c:v>
                </c:pt>
                <c:pt idx="4912">
                  <c:v>48.719000000000001</c:v>
                </c:pt>
                <c:pt idx="4913">
                  <c:v>48.728000000000002</c:v>
                </c:pt>
                <c:pt idx="4914">
                  <c:v>48.738</c:v>
                </c:pt>
                <c:pt idx="4915">
                  <c:v>48.747999999999998</c:v>
                </c:pt>
                <c:pt idx="4916">
                  <c:v>48.759</c:v>
                </c:pt>
                <c:pt idx="4917">
                  <c:v>48.768000000000001</c:v>
                </c:pt>
                <c:pt idx="4918">
                  <c:v>48.777000000000001</c:v>
                </c:pt>
                <c:pt idx="4919">
                  <c:v>48.787999999999997</c:v>
                </c:pt>
                <c:pt idx="4920">
                  <c:v>48.796999999999997</c:v>
                </c:pt>
                <c:pt idx="4921">
                  <c:v>48.807000000000002</c:v>
                </c:pt>
                <c:pt idx="4922">
                  <c:v>48.817999999999998</c:v>
                </c:pt>
                <c:pt idx="4923">
                  <c:v>48.826999999999998</c:v>
                </c:pt>
                <c:pt idx="4924">
                  <c:v>48.837000000000003</c:v>
                </c:pt>
                <c:pt idx="4925">
                  <c:v>48.847000000000001</c:v>
                </c:pt>
                <c:pt idx="4926">
                  <c:v>48.856999999999999</c:v>
                </c:pt>
                <c:pt idx="4927">
                  <c:v>48.866</c:v>
                </c:pt>
                <c:pt idx="4928">
                  <c:v>48.875999999999998</c:v>
                </c:pt>
                <c:pt idx="4929">
                  <c:v>48.884999999999998</c:v>
                </c:pt>
                <c:pt idx="4930">
                  <c:v>48.896000000000001</c:v>
                </c:pt>
                <c:pt idx="4931">
                  <c:v>48.905000000000001</c:v>
                </c:pt>
                <c:pt idx="4932">
                  <c:v>48.914000000000001</c:v>
                </c:pt>
                <c:pt idx="4933">
                  <c:v>48.924999999999997</c:v>
                </c:pt>
                <c:pt idx="4934">
                  <c:v>48.933999999999997</c:v>
                </c:pt>
                <c:pt idx="4935">
                  <c:v>48.945</c:v>
                </c:pt>
                <c:pt idx="4936">
                  <c:v>48.954000000000001</c:v>
                </c:pt>
                <c:pt idx="4937">
                  <c:v>48.965000000000003</c:v>
                </c:pt>
                <c:pt idx="4938">
                  <c:v>48.973999999999997</c:v>
                </c:pt>
                <c:pt idx="4939">
                  <c:v>48.984000000000002</c:v>
                </c:pt>
                <c:pt idx="4940">
                  <c:v>48.994999999999997</c:v>
                </c:pt>
                <c:pt idx="4941">
                  <c:v>49.003999999999998</c:v>
                </c:pt>
                <c:pt idx="4942">
                  <c:v>49.012999999999998</c:v>
                </c:pt>
                <c:pt idx="4943">
                  <c:v>49.023000000000003</c:v>
                </c:pt>
                <c:pt idx="4944">
                  <c:v>49.033000000000001</c:v>
                </c:pt>
                <c:pt idx="4945">
                  <c:v>49.042000000000002</c:v>
                </c:pt>
                <c:pt idx="4946">
                  <c:v>49.052</c:v>
                </c:pt>
                <c:pt idx="4947">
                  <c:v>49.061</c:v>
                </c:pt>
                <c:pt idx="4948">
                  <c:v>49.070999999999998</c:v>
                </c:pt>
                <c:pt idx="4949">
                  <c:v>49.08</c:v>
                </c:pt>
                <c:pt idx="4950">
                  <c:v>49.091000000000001</c:v>
                </c:pt>
                <c:pt idx="4951">
                  <c:v>49.1</c:v>
                </c:pt>
                <c:pt idx="4952">
                  <c:v>49.11</c:v>
                </c:pt>
                <c:pt idx="4953">
                  <c:v>49.12</c:v>
                </c:pt>
                <c:pt idx="4954">
                  <c:v>49.128999999999998</c:v>
                </c:pt>
                <c:pt idx="4955">
                  <c:v>49.139000000000003</c:v>
                </c:pt>
                <c:pt idx="4956">
                  <c:v>49.149000000000001</c:v>
                </c:pt>
                <c:pt idx="4957">
                  <c:v>49.158000000000001</c:v>
                </c:pt>
                <c:pt idx="4958">
                  <c:v>49.167999999999999</c:v>
                </c:pt>
                <c:pt idx="4959">
                  <c:v>49.177999999999997</c:v>
                </c:pt>
                <c:pt idx="4960">
                  <c:v>49.188000000000002</c:v>
                </c:pt>
                <c:pt idx="4961">
                  <c:v>49.198</c:v>
                </c:pt>
                <c:pt idx="4962">
                  <c:v>49.207000000000001</c:v>
                </c:pt>
                <c:pt idx="4963">
                  <c:v>49.216999999999999</c:v>
                </c:pt>
                <c:pt idx="4964">
                  <c:v>49.226999999999997</c:v>
                </c:pt>
                <c:pt idx="4965">
                  <c:v>49.237000000000002</c:v>
                </c:pt>
                <c:pt idx="4966">
                  <c:v>49.247</c:v>
                </c:pt>
                <c:pt idx="4967">
                  <c:v>49.256</c:v>
                </c:pt>
                <c:pt idx="4968">
                  <c:v>49.265000000000001</c:v>
                </c:pt>
                <c:pt idx="4969">
                  <c:v>49.276000000000003</c:v>
                </c:pt>
                <c:pt idx="4970">
                  <c:v>49.284999999999997</c:v>
                </c:pt>
                <c:pt idx="4971">
                  <c:v>49.295000000000002</c:v>
                </c:pt>
                <c:pt idx="4972">
                  <c:v>49.304000000000002</c:v>
                </c:pt>
                <c:pt idx="4973">
                  <c:v>49.314999999999998</c:v>
                </c:pt>
                <c:pt idx="4974">
                  <c:v>49.323999999999998</c:v>
                </c:pt>
                <c:pt idx="4975">
                  <c:v>49.386000000000003</c:v>
                </c:pt>
                <c:pt idx="4976">
                  <c:v>49.395000000000003</c:v>
                </c:pt>
                <c:pt idx="4977">
                  <c:v>49.405999999999999</c:v>
                </c:pt>
                <c:pt idx="4978">
                  <c:v>49.414000000000001</c:v>
                </c:pt>
                <c:pt idx="4979">
                  <c:v>49.423999999999999</c:v>
                </c:pt>
                <c:pt idx="4980">
                  <c:v>49.433999999999997</c:v>
                </c:pt>
                <c:pt idx="4981">
                  <c:v>49.444000000000003</c:v>
                </c:pt>
                <c:pt idx="4982">
                  <c:v>49.454000000000001</c:v>
                </c:pt>
                <c:pt idx="4983">
                  <c:v>49.463999999999999</c:v>
                </c:pt>
                <c:pt idx="4984">
                  <c:v>49.472999999999999</c:v>
                </c:pt>
                <c:pt idx="4985">
                  <c:v>49.482999999999997</c:v>
                </c:pt>
                <c:pt idx="4986">
                  <c:v>49.491999999999997</c:v>
                </c:pt>
                <c:pt idx="4987">
                  <c:v>49.503</c:v>
                </c:pt>
                <c:pt idx="4988">
                  <c:v>49.512999999999998</c:v>
                </c:pt>
                <c:pt idx="4989">
                  <c:v>49.521999999999998</c:v>
                </c:pt>
                <c:pt idx="4990">
                  <c:v>49.533000000000001</c:v>
                </c:pt>
                <c:pt idx="4991">
                  <c:v>49.542000000000002</c:v>
                </c:pt>
                <c:pt idx="4992">
                  <c:v>49.551000000000002</c:v>
                </c:pt>
                <c:pt idx="4993">
                  <c:v>49.561999999999998</c:v>
                </c:pt>
                <c:pt idx="4994">
                  <c:v>49.572000000000003</c:v>
                </c:pt>
                <c:pt idx="4995">
                  <c:v>49.581000000000003</c:v>
                </c:pt>
                <c:pt idx="4996">
                  <c:v>49.591000000000001</c:v>
                </c:pt>
                <c:pt idx="4997">
                  <c:v>49.600999999999999</c:v>
                </c:pt>
                <c:pt idx="4998">
                  <c:v>49.610999999999997</c:v>
                </c:pt>
                <c:pt idx="4999">
                  <c:v>49.621000000000002</c:v>
                </c:pt>
                <c:pt idx="5000">
                  <c:v>49.631</c:v>
                </c:pt>
                <c:pt idx="5001">
                  <c:v>49.64</c:v>
                </c:pt>
                <c:pt idx="5002">
                  <c:v>49.651000000000003</c:v>
                </c:pt>
                <c:pt idx="5003">
                  <c:v>49.66</c:v>
                </c:pt>
                <c:pt idx="5004">
                  <c:v>49.670999999999999</c:v>
                </c:pt>
                <c:pt idx="5005">
                  <c:v>49.68</c:v>
                </c:pt>
                <c:pt idx="5006">
                  <c:v>49.69</c:v>
                </c:pt>
                <c:pt idx="5007">
                  <c:v>49.7</c:v>
                </c:pt>
                <c:pt idx="5008">
                  <c:v>49.709000000000003</c:v>
                </c:pt>
                <c:pt idx="5009">
                  <c:v>49.72</c:v>
                </c:pt>
                <c:pt idx="5010">
                  <c:v>49.728999999999999</c:v>
                </c:pt>
                <c:pt idx="5011">
                  <c:v>49.74</c:v>
                </c:pt>
                <c:pt idx="5012">
                  <c:v>49.749000000000002</c:v>
                </c:pt>
                <c:pt idx="5013">
                  <c:v>49.758000000000003</c:v>
                </c:pt>
                <c:pt idx="5014">
                  <c:v>49.768999999999998</c:v>
                </c:pt>
                <c:pt idx="5015">
                  <c:v>49.777999999999999</c:v>
                </c:pt>
                <c:pt idx="5016">
                  <c:v>49.787999999999997</c:v>
                </c:pt>
                <c:pt idx="5017">
                  <c:v>49.798000000000002</c:v>
                </c:pt>
                <c:pt idx="5018">
                  <c:v>49.808999999999997</c:v>
                </c:pt>
                <c:pt idx="5019">
                  <c:v>49.817999999999998</c:v>
                </c:pt>
                <c:pt idx="5020">
                  <c:v>49.826999999999998</c:v>
                </c:pt>
                <c:pt idx="5021">
                  <c:v>49.838000000000001</c:v>
                </c:pt>
                <c:pt idx="5022">
                  <c:v>49.847000000000001</c:v>
                </c:pt>
                <c:pt idx="5023">
                  <c:v>49.857999999999997</c:v>
                </c:pt>
                <c:pt idx="5024">
                  <c:v>49.866999999999997</c:v>
                </c:pt>
                <c:pt idx="5025">
                  <c:v>49.878</c:v>
                </c:pt>
                <c:pt idx="5026">
                  <c:v>49.887</c:v>
                </c:pt>
                <c:pt idx="5027">
                  <c:v>49.896999999999998</c:v>
                </c:pt>
                <c:pt idx="5028">
                  <c:v>49.905999999999999</c:v>
                </c:pt>
                <c:pt idx="5029">
                  <c:v>49.915999999999997</c:v>
                </c:pt>
                <c:pt idx="5030">
                  <c:v>49.926000000000002</c:v>
                </c:pt>
                <c:pt idx="5031">
                  <c:v>49.936</c:v>
                </c:pt>
                <c:pt idx="5032">
                  <c:v>49.945999999999998</c:v>
                </c:pt>
                <c:pt idx="5033">
                  <c:v>49.956000000000003</c:v>
                </c:pt>
                <c:pt idx="5034">
                  <c:v>49.965000000000003</c:v>
                </c:pt>
                <c:pt idx="5035">
                  <c:v>49.975999999999999</c:v>
                </c:pt>
                <c:pt idx="5036">
                  <c:v>49.984999999999999</c:v>
                </c:pt>
                <c:pt idx="5037">
                  <c:v>49.994999999999997</c:v>
                </c:pt>
                <c:pt idx="5038">
                  <c:v>50.006</c:v>
                </c:pt>
                <c:pt idx="5039">
                  <c:v>50.015999999999998</c:v>
                </c:pt>
                <c:pt idx="5040">
                  <c:v>50.024999999999999</c:v>
                </c:pt>
                <c:pt idx="5041">
                  <c:v>50.034999999999997</c:v>
                </c:pt>
                <c:pt idx="5042">
                  <c:v>50.043999999999997</c:v>
                </c:pt>
                <c:pt idx="5043">
                  <c:v>50.055</c:v>
                </c:pt>
                <c:pt idx="5044">
                  <c:v>50.064</c:v>
                </c:pt>
                <c:pt idx="5045">
                  <c:v>50.073</c:v>
                </c:pt>
                <c:pt idx="5046">
                  <c:v>50.082999999999998</c:v>
                </c:pt>
                <c:pt idx="5047">
                  <c:v>50.094000000000001</c:v>
                </c:pt>
                <c:pt idx="5048">
                  <c:v>50.103000000000002</c:v>
                </c:pt>
                <c:pt idx="5049">
                  <c:v>50.113</c:v>
                </c:pt>
                <c:pt idx="5050">
                  <c:v>50.122999999999998</c:v>
                </c:pt>
                <c:pt idx="5051">
                  <c:v>50.133000000000003</c:v>
                </c:pt>
                <c:pt idx="5052">
                  <c:v>50.142000000000003</c:v>
                </c:pt>
                <c:pt idx="5053">
                  <c:v>50.152999999999999</c:v>
                </c:pt>
                <c:pt idx="5054">
                  <c:v>50.161999999999999</c:v>
                </c:pt>
                <c:pt idx="5055">
                  <c:v>50.170999999999999</c:v>
                </c:pt>
                <c:pt idx="5056">
                  <c:v>50.182000000000002</c:v>
                </c:pt>
                <c:pt idx="5057">
                  <c:v>50.191000000000003</c:v>
                </c:pt>
                <c:pt idx="5058">
                  <c:v>50.201999999999998</c:v>
                </c:pt>
                <c:pt idx="5059">
                  <c:v>50.210999999999999</c:v>
                </c:pt>
                <c:pt idx="5060">
                  <c:v>50.222000000000001</c:v>
                </c:pt>
                <c:pt idx="5061">
                  <c:v>50.231000000000002</c:v>
                </c:pt>
                <c:pt idx="5062">
                  <c:v>50.24</c:v>
                </c:pt>
                <c:pt idx="5063">
                  <c:v>50.250999999999998</c:v>
                </c:pt>
                <c:pt idx="5064">
                  <c:v>50.26</c:v>
                </c:pt>
                <c:pt idx="5065">
                  <c:v>50.27</c:v>
                </c:pt>
                <c:pt idx="5066">
                  <c:v>50.28</c:v>
                </c:pt>
                <c:pt idx="5067">
                  <c:v>50.289000000000001</c:v>
                </c:pt>
                <c:pt idx="5068">
                  <c:v>50.3</c:v>
                </c:pt>
                <c:pt idx="5069">
                  <c:v>50.308999999999997</c:v>
                </c:pt>
                <c:pt idx="5070">
                  <c:v>50.32</c:v>
                </c:pt>
                <c:pt idx="5071">
                  <c:v>50.329000000000001</c:v>
                </c:pt>
                <c:pt idx="5072">
                  <c:v>50.338999999999999</c:v>
                </c:pt>
                <c:pt idx="5073">
                  <c:v>50.348999999999997</c:v>
                </c:pt>
                <c:pt idx="5074">
                  <c:v>50.359000000000002</c:v>
                </c:pt>
                <c:pt idx="5075">
                  <c:v>50.368000000000002</c:v>
                </c:pt>
                <c:pt idx="5076">
                  <c:v>50.378</c:v>
                </c:pt>
                <c:pt idx="5077">
                  <c:v>50.387999999999998</c:v>
                </c:pt>
                <c:pt idx="5078">
                  <c:v>50.398000000000003</c:v>
                </c:pt>
                <c:pt idx="5079">
                  <c:v>50.406999999999996</c:v>
                </c:pt>
                <c:pt idx="5080">
                  <c:v>50.417999999999999</c:v>
                </c:pt>
                <c:pt idx="5081">
                  <c:v>50.427</c:v>
                </c:pt>
                <c:pt idx="5082">
                  <c:v>50.438000000000002</c:v>
                </c:pt>
                <c:pt idx="5083">
                  <c:v>50.447000000000003</c:v>
                </c:pt>
                <c:pt idx="5084">
                  <c:v>50.456000000000003</c:v>
                </c:pt>
                <c:pt idx="5085">
                  <c:v>50.466999999999999</c:v>
                </c:pt>
                <c:pt idx="5086">
                  <c:v>50.475999999999999</c:v>
                </c:pt>
                <c:pt idx="5087">
                  <c:v>50.485999999999997</c:v>
                </c:pt>
                <c:pt idx="5088">
                  <c:v>50.496000000000002</c:v>
                </c:pt>
                <c:pt idx="5089">
                  <c:v>50.505000000000003</c:v>
                </c:pt>
                <c:pt idx="5090">
                  <c:v>50.515999999999998</c:v>
                </c:pt>
                <c:pt idx="5091">
                  <c:v>50.524999999999999</c:v>
                </c:pt>
                <c:pt idx="5092">
                  <c:v>50.533999999999999</c:v>
                </c:pt>
                <c:pt idx="5093">
                  <c:v>50.545000000000002</c:v>
                </c:pt>
                <c:pt idx="5094">
                  <c:v>50.554000000000002</c:v>
                </c:pt>
                <c:pt idx="5095">
                  <c:v>50.564999999999998</c:v>
                </c:pt>
                <c:pt idx="5096">
                  <c:v>50.573999999999998</c:v>
                </c:pt>
                <c:pt idx="5097">
                  <c:v>50.582999999999998</c:v>
                </c:pt>
                <c:pt idx="5098">
                  <c:v>50.594000000000001</c:v>
                </c:pt>
                <c:pt idx="5099">
                  <c:v>50.603000000000002</c:v>
                </c:pt>
                <c:pt idx="5100">
                  <c:v>50.613999999999997</c:v>
                </c:pt>
                <c:pt idx="5101">
                  <c:v>50.622999999999998</c:v>
                </c:pt>
                <c:pt idx="5102">
                  <c:v>50.631999999999998</c:v>
                </c:pt>
                <c:pt idx="5103">
                  <c:v>50.643000000000001</c:v>
                </c:pt>
                <c:pt idx="5104">
                  <c:v>50.652000000000001</c:v>
                </c:pt>
                <c:pt idx="5105">
                  <c:v>50.662999999999997</c:v>
                </c:pt>
                <c:pt idx="5106">
                  <c:v>50.671999999999997</c:v>
                </c:pt>
                <c:pt idx="5107">
                  <c:v>50.680999999999997</c:v>
                </c:pt>
                <c:pt idx="5108">
                  <c:v>50.692</c:v>
                </c:pt>
                <c:pt idx="5109">
                  <c:v>50.701000000000001</c:v>
                </c:pt>
                <c:pt idx="5110">
                  <c:v>50.710999999999999</c:v>
                </c:pt>
                <c:pt idx="5111">
                  <c:v>50.72</c:v>
                </c:pt>
                <c:pt idx="5112">
                  <c:v>50.731000000000002</c:v>
                </c:pt>
                <c:pt idx="5113">
                  <c:v>50.74</c:v>
                </c:pt>
                <c:pt idx="5114">
                  <c:v>50.75</c:v>
                </c:pt>
                <c:pt idx="5115">
                  <c:v>50.761000000000003</c:v>
                </c:pt>
                <c:pt idx="5116">
                  <c:v>50.77</c:v>
                </c:pt>
                <c:pt idx="5117">
                  <c:v>50.78</c:v>
                </c:pt>
                <c:pt idx="5118">
                  <c:v>50.79</c:v>
                </c:pt>
                <c:pt idx="5119">
                  <c:v>50.8</c:v>
                </c:pt>
                <c:pt idx="5120">
                  <c:v>50.808999999999997</c:v>
                </c:pt>
                <c:pt idx="5121">
                  <c:v>50.82</c:v>
                </c:pt>
                <c:pt idx="5122">
                  <c:v>50.829000000000001</c:v>
                </c:pt>
                <c:pt idx="5123">
                  <c:v>50.838999999999999</c:v>
                </c:pt>
                <c:pt idx="5124">
                  <c:v>50.848999999999997</c:v>
                </c:pt>
                <c:pt idx="5125">
                  <c:v>50.859000000000002</c:v>
                </c:pt>
                <c:pt idx="5126">
                  <c:v>50.869</c:v>
                </c:pt>
                <c:pt idx="5127">
                  <c:v>50.878999999999998</c:v>
                </c:pt>
                <c:pt idx="5128">
                  <c:v>50.889000000000003</c:v>
                </c:pt>
                <c:pt idx="5129">
                  <c:v>50.898000000000003</c:v>
                </c:pt>
                <c:pt idx="5130">
                  <c:v>50.906999999999996</c:v>
                </c:pt>
                <c:pt idx="5131">
                  <c:v>50.917000000000002</c:v>
                </c:pt>
                <c:pt idx="5132">
                  <c:v>50.927999999999997</c:v>
                </c:pt>
                <c:pt idx="5133">
                  <c:v>50.938000000000002</c:v>
                </c:pt>
                <c:pt idx="5134">
                  <c:v>50.948</c:v>
                </c:pt>
                <c:pt idx="5135">
                  <c:v>50.957999999999998</c:v>
                </c:pt>
                <c:pt idx="5136">
                  <c:v>50.966999999999999</c:v>
                </c:pt>
                <c:pt idx="5137">
                  <c:v>50.976999999999997</c:v>
                </c:pt>
                <c:pt idx="5138">
                  <c:v>50.987000000000002</c:v>
                </c:pt>
                <c:pt idx="5139">
                  <c:v>50.996000000000002</c:v>
                </c:pt>
                <c:pt idx="5140">
                  <c:v>51.006999999999998</c:v>
                </c:pt>
                <c:pt idx="5141">
                  <c:v>51.015999999999998</c:v>
                </c:pt>
                <c:pt idx="5142">
                  <c:v>51.026000000000003</c:v>
                </c:pt>
                <c:pt idx="5143">
                  <c:v>51.036000000000001</c:v>
                </c:pt>
                <c:pt idx="5144">
                  <c:v>51.045000000000002</c:v>
                </c:pt>
                <c:pt idx="5145">
                  <c:v>51.055</c:v>
                </c:pt>
                <c:pt idx="5146">
                  <c:v>51.064</c:v>
                </c:pt>
                <c:pt idx="5147">
                  <c:v>51.073999999999998</c:v>
                </c:pt>
                <c:pt idx="5148">
                  <c:v>51.084000000000003</c:v>
                </c:pt>
                <c:pt idx="5149">
                  <c:v>51.094000000000001</c:v>
                </c:pt>
                <c:pt idx="5150">
                  <c:v>51.103000000000002</c:v>
                </c:pt>
                <c:pt idx="5151">
                  <c:v>51.113</c:v>
                </c:pt>
                <c:pt idx="5152">
                  <c:v>51.122</c:v>
                </c:pt>
                <c:pt idx="5153">
                  <c:v>51.133000000000003</c:v>
                </c:pt>
                <c:pt idx="5154">
                  <c:v>51.143000000000001</c:v>
                </c:pt>
                <c:pt idx="5155">
                  <c:v>51.152000000000001</c:v>
                </c:pt>
                <c:pt idx="5156">
                  <c:v>51.161999999999999</c:v>
                </c:pt>
                <c:pt idx="5157">
                  <c:v>51.171999999999997</c:v>
                </c:pt>
                <c:pt idx="5158">
                  <c:v>51.182000000000002</c:v>
                </c:pt>
                <c:pt idx="5159">
                  <c:v>51.192</c:v>
                </c:pt>
                <c:pt idx="5160">
                  <c:v>51.201000000000001</c:v>
                </c:pt>
                <c:pt idx="5161">
                  <c:v>51.210999999999999</c:v>
                </c:pt>
                <c:pt idx="5162">
                  <c:v>51.220999999999997</c:v>
                </c:pt>
                <c:pt idx="5163">
                  <c:v>51.231000000000002</c:v>
                </c:pt>
                <c:pt idx="5164">
                  <c:v>51.241</c:v>
                </c:pt>
                <c:pt idx="5165">
                  <c:v>51.250999999999998</c:v>
                </c:pt>
                <c:pt idx="5166">
                  <c:v>51.261000000000003</c:v>
                </c:pt>
                <c:pt idx="5167">
                  <c:v>51.27</c:v>
                </c:pt>
                <c:pt idx="5168">
                  <c:v>51.280999999999999</c:v>
                </c:pt>
                <c:pt idx="5169">
                  <c:v>51.29</c:v>
                </c:pt>
                <c:pt idx="5170">
                  <c:v>51.3</c:v>
                </c:pt>
                <c:pt idx="5171">
                  <c:v>51.31</c:v>
                </c:pt>
                <c:pt idx="5172">
                  <c:v>51.320999999999998</c:v>
                </c:pt>
                <c:pt idx="5173">
                  <c:v>51.33</c:v>
                </c:pt>
                <c:pt idx="5174">
                  <c:v>51.34</c:v>
                </c:pt>
                <c:pt idx="5175">
                  <c:v>51.348999999999997</c:v>
                </c:pt>
                <c:pt idx="5176">
                  <c:v>51.359000000000002</c:v>
                </c:pt>
                <c:pt idx="5177">
                  <c:v>51.369</c:v>
                </c:pt>
                <c:pt idx="5178">
                  <c:v>51.378999999999998</c:v>
                </c:pt>
                <c:pt idx="5179">
                  <c:v>51.389000000000003</c:v>
                </c:pt>
                <c:pt idx="5180">
                  <c:v>51.398000000000003</c:v>
                </c:pt>
                <c:pt idx="5181">
                  <c:v>51.408000000000001</c:v>
                </c:pt>
                <c:pt idx="5182">
                  <c:v>51.417999999999999</c:v>
                </c:pt>
                <c:pt idx="5183">
                  <c:v>51.427999999999997</c:v>
                </c:pt>
                <c:pt idx="5184">
                  <c:v>51.438000000000002</c:v>
                </c:pt>
                <c:pt idx="5185">
                  <c:v>51.448</c:v>
                </c:pt>
                <c:pt idx="5186">
                  <c:v>51.457999999999998</c:v>
                </c:pt>
                <c:pt idx="5187">
                  <c:v>51.466999999999999</c:v>
                </c:pt>
                <c:pt idx="5188">
                  <c:v>51.476999999999997</c:v>
                </c:pt>
                <c:pt idx="5189">
                  <c:v>51.487000000000002</c:v>
                </c:pt>
                <c:pt idx="5190">
                  <c:v>51.497</c:v>
                </c:pt>
                <c:pt idx="5191">
                  <c:v>51.508000000000003</c:v>
                </c:pt>
                <c:pt idx="5192">
                  <c:v>51.517000000000003</c:v>
                </c:pt>
                <c:pt idx="5193">
                  <c:v>51.527000000000001</c:v>
                </c:pt>
                <c:pt idx="5194">
                  <c:v>51.536000000000001</c:v>
                </c:pt>
                <c:pt idx="5195">
                  <c:v>51.545999999999999</c:v>
                </c:pt>
                <c:pt idx="5196">
                  <c:v>51.555999999999997</c:v>
                </c:pt>
                <c:pt idx="5197">
                  <c:v>51.566000000000003</c:v>
                </c:pt>
                <c:pt idx="5198">
                  <c:v>51.575000000000003</c:v>
                </c:pt>
                <c:pt idx="5199">
                  <c:v>51.585000000000001</c:v>
                </c:pt>
                <c:pt idx="5200">
                  <c:v>51.594999999999999</c:v>
                </c:pt>
                <c:pt idx="5201">
                  <c:v>51.604999999999997</c:v>
                </c:pt>
                <c:pt idx="5202">
                  <c:v>51.613999999999997</c:v>
                </c:pt>
                <c:pt idx="5203">
                  <c:v>51.624000000000002</c:v>
                </c:pt>
                <c:pt idx="5204">
                  <c:v>51.634999999999998</c:v>
                </c:pt>
                <c:pt idx="5205">
                  <c:v>51.645000000000003</c:v>
                </c:pt>
                <c:pt idx="5206">
                  <c:v>51.655000000000001</c:v>
                </c:pt>
                <c:pt idx="5207">
                  <c:v>51.664000000000001</c:v>
                </c:pt>
                <c:pt idx="5208">
                  <c:v>51.673999999999999</c:v>
                </c:pt>
                <c:pt idx="5209">
                  <c:v>51.683999999999997</c:v>
                </c:pt>
                <c:pt idx="5210">
                  <c:v>51.692999999999998</c:v>
                </c:pt>
                <c:pt idx="5211">
                  <c:v>51.704000000000001</c:v>
                </c:pt>
                <c:pt idx="5212">
                  <c:v>51.713000000000001</c:v>
                </c:pt>
                <c:pt idx="5213">
                  <c:v>51.722999999999999</c:v>
                </c:pt>
                <c:pt idx="5214">
                  <c:v>51.732999999999997</c:v>
                </c:pt>
                <c:pt idx="5215">
                  <c:v>51.743000000000002</c:v>
                </c:pt>
                <c:pt idx="5216">
                  <c:v>51.752000000000002</c:v>
                </c:pt>
                <c:pt idx="5217">
                  <c:v>51.762999999999998</c:v>
                </c:pt>
                <c:pt idx="5218">
                  <c:v>51.773000000000003</c:v>
                </c:pt>
                <c:pt idx="5219">
                  <c:v>51.781999999999996</c:v>
                </c:pt>
                <c:pt idx="5220">
                  <c:v>51.792000000000002</c:v>
                </c:pt>
                <c:pt idx="5221">
                  <c:v>51.802</c:v>
                </c:pt>
                <c:pt idx="5222">
                  <c:v>51.811999999999998</c:v>
                </c:pt>
                <c:pt idx="5223">
                  <c:v>51.820999999999998</c:v>
                </c:pt>
                <c:pt idx="5224">
                  <c:v>51.831000000000003</c:v>
                </c:pt>
                <c:pt idx="5225">
                  <c:v>51.841000000000001</c:v>
                </c:pt>
                <c:pt idx="5226">
                  <c:v>51.851999999999997</c:v>
                </c:pt>
                <c:pt idx="5227">
                  <c:v>51.860999999999997</c:v>
                </c:pt>
                <c:pt idx="5228">
                  <c:v>51.871000000000002</c:v>
                </c:pt>
                <c:pt idx="5229">
                  <c:v>51.881</c:v>
                </c:pt>
                <c:pt idx="5230">
                  <c:v>51.890999999999998</c:v>
                </c:pt>
                <c:pt idx="5231">
                  <c:v>51.901000000000003</c:v>
                </c:pt>
                <c:pt idx="5232">
                  <c:v>51.91</c:v>
                </c:pt>
                <c:pt idx="5233">
                  <c:v>51.92</c:v>
                </c:pt>
                <c:pt idx="5234">
                  <c:v>51.930999999999997</c:v>
                </c:pt>
                <c:pt idx="5235">
                  <c:v>51.94</c:v>
                </c:pt>
                <c:pt idx="5236">
                  <c:v>51.95</c:v>
                </c:pt>
                <c:pt idx="5237">
                  <c:v>51.959000000000003</c:v>
                </c:pt>
                <c:pt idx="5238">
                  <c:v>51.97</c:v>
                </c:pt>
                <c:pt idx="5239">
                  <c:v>51.98</c:v>
                </c:pt>
                <c:pt idx="5240">
                  <c:v>51.99</c:v>
                </c:pt>
                <c:pt idx="5241">
                  <c:v>52</c:v>
                </c:pt>
                <c:pt idx="5242">
                  <c:v>52.009</c:v>
                </c:pt>
                <c:pt idx="5243">
                  <c:v>52.018999999999998</c:v>
                </c:pt>
                <c:pt idx="5244">
                  <c:v>52.027999999999999</c:v>
                </c:pt>
                <c:pt idx="5245">
                  <c:v>52.037999999999997</c:v>
                </c:pt>
                <c:pt idx="5246">
                  <c:v>52.048000000000002</c:v>
                </c:pt>
                <c:pt idx="5247">
                  <c:v>52.057000000000002</c:v>
                </c:pt>
                <c:pt idx="5248">
                  <c:v>52.066000000000003</c:v>
                </c:pt>
                <c:pt idx="5249">
                  <c:v>52.075000000000003</c:v>
                </c:pt>
                <c:pt idx="5250">
                  <c:v>52.084000000000003</c:v>
                </c:pt>
                <c:pt idx="5251">
                  <c:v>52.094999999999999</c:v>
                </c:pt>
                <c:pt idx="5252">
                  <c:v>52.103999999999999</c:v>
                </c:pt>
                <c:pt idx="5253">
                  <c:v>52.113999999999997</c:v>
                </c:pt>
                <c:pt idx="5254">
                  <c:v>52.122999999999998</c:v>
                </c:pt>
                <c:pt idx="5255">
                  <c:v>52.133000000000003</c:v>
                </c:pt>
                <c:pt idx="5256">
                  <c:v>52.142000000000003</c:v>
                </c:pt>
                <c:pt idx="5257">
                  <c:v>52.152000000000001</c:v>
                </c:pt>
                <c:pt idx="5258">
                  <c:v>52.16</c:v>
                </c:pt>
                <c:pt idx="5259">
                  <c:v>52.174999999999997</c:v>
                </c:pt>
                <c:pt idx="5260">
                  <c:v>52.185000000000002</c:v>
                </c:pt>
                <c:pt idx="5261">
                  <c:v>52.195</c:v>
                </c:pt>
                <c:pt idx="5262">
                  <c:v>52.204999999999998</c:v>
                </c:pt>
                <c:pt idx="5263">
                  <c:v>52.215000000000003</c:v>
                </c:pt>
                <c:pt idx="5264">
                  <c:v>52.223999999999997</c:v>
                </c:pt>
                <c:pt idx="5265">
                  <c:v>52.232999999999997</c:v>
                </c:pt>
                <c:pt idx="5266">
                  <c:v>52.243000000000002</c:v>
                </c:pt>
                <c:pt idx="5267">
                  <c:v>52.253</c:v>
                </c:pt>
                <c:pt idx="5268">
                  <c:v>52.262</c:v>
                </c:pt>
                <c:pt idx="5269">
                  <c:v>52.271999999999998</c:v>
                </c:pt>
                <c:pt idx="5270">
                  <c:v>52.281999999999996</c:v>
                </c:pt>
                <c:pt idx="5271">
                  <c:v>52.292000000000002</c:v>
                </c:pt>
                <c:pt idx="5272">
                  <c:v>52.302</c:v>
                </c:pt>
                <c:pt idx="5273">
                  <c:v>52.311</c:v>
                </c:pt>
                <c:pt idx="5274">
                  <c:v>52.317</c:v>
                </c:pt>
                <c:pt idx="5275">
                  <c:v>52.331000000000003</c:v>
                </c:pt>
                <c:pt idx="5276">
                  <c:v>52.341000000000001</c:v>
                </c:pt>
                <c:pt idx="5277">
                  <c:v>52.35</c:v>
                </c:pt>
                <c:pt idx="5278">
                  <c:v>52.360999999999997</c:v>
                </c:pt>
                <c:pt idx="5279">
                  <c:v>52.37</c:v>
                </c:pt>
                <c:pt idx="5280">
                  <c:v>52.378999999999998</c:v>
                </c:pt>
                <c:pt idx="5281">
                  <c:v>52.39</c:v>
                </c:pt>
                <c:pt idx="5282">
                  <c:v>52.399000000000001</c:v>
                </c:pt>
                <c:pt idx="5283">
                  <c:v>52.405999999999999</c:v>
                </c:pt>
                <c:pt idx="5284">
                  <c:v>52.417000000000002</c:v>
                </c:pt>
                <c:pt idx="5285">
                  <c:v>52.427</c:v>
                </c:pt>
                <c:pt idx="5286">
                  <c:v>52.436</c:v>
                </c:pt>
                <c:pt idx="5287">
                  <c:v>52.447000000000003</c:v>
                </c:pt>
                <c:pt idx="5288">
                  <c:v>52.456000000000003</c:v>
                </c:pt>
                <c:pt idx="5289">
                  <c:v>52.466000000000001</c:v>
                </c:pt>
                <c:pt idx="5290">
                  <c:v>52.475999999999999</c:v>
                </c:pt>
                <c:pt idx="5291">
                  <c:v>52.484999999999999</c:v>
                </c:pt>
                <c:pt idx="5292">
                  <c:v>52.494999999999997</c:v>
                </c:pt>
                <c:pt idx="5293">
                  <c:v>52.506</c:v>
                </c:pt>
                <c:pt idx="5294">
                  <c:v>52.515999999999998</c:v>
                </c:pt>
                <c:pt idx="5295">
                  <c:v>52.524999999999999</c:v>
                </c:pt>
                <c:pt idx="5296">
                  <c:v>52.533999999999999</c:v>
                </c:pt>
                <c:pt idx="5297">
                  <c:v>52.543999999999997</c:v>
                </c:pt>
                <c:pt idx="5298">
                  <c:v>52.552999999999997</c:v>
                </c:pt>
                <c:pt idx="5299">
                  <c:v>52.563000000000002</c:v>
                </c:pt>
                <c:pt idx="5300">
                  <c:v>52.573</c:v>
                </c:pt>
                <c:pt idx="5301">
                  <c:v>52.582000000000001</c:v>
                </c:pt>
                <c:pt idx="5302">
                  <c:v>52.59</c:v>
                </c:pt>
                <c:pt idx="5303">
                  <c:v>52.600999999999999</c:v>
                </c:pt>
                <c:pt idx="5304">
                  <c:v>52.61</c:v>
                </c:pt>
                <c:pt idx="5305">
                  <c:v>52.619</c:v>
                </c:pt>
                <c:pt idx="5306">
                  <c:v>52.63</c:v>
                </c:pt>
                <c:pt idx="5307">
                  <c:v>52.639000000000003</c:v>
                </c:pt>
                <c:pt idx="5308">
                  <c:v>52.648000000000003</c:v>
                </c:pt>
                <c:pt idx="5309">
                  <c:v>52.658999999999999</c:v>
                </c:pt>
                <c:pt idx="5310">
                  <c:v>52.668999999999997</c:v>
                </c:pt>
                <c:pt idx="5311">
                  <c:v>52.68</c:v>
                </c:pt>
                <c:pt idx="5312">
                  <c:v>52.689</c:v>
                </c:pt>
                <c:pt idx="5313">
                  <c:v>52.7</c:v>
                </c:pt>
                <c:pt idx="5314">
                  <c:v>52.71</c:v>
                </c:pt>
                <c:pt idx="5315">
                  <c:v>52.72</c:v>
                </c:pt>
                <c:pt idx="5316">
                  <c:v>52.73</c:v>
                </c:pt>
                <c:pt idx="5317">
                  <c:v>52.741</c:v>
                </c:pt>
                <c:pt idx="5318">
                  <c:v>52.750999999999998</c:v>
                </c:pt>
                <c:pt idx="5319">
                  <c:v>52.762</c:v>
                </c:pt>
                <c:pt idx="5320">
                  <c:v>52.771000000000001</c:v>
                </c:pt>
                <c:pt idx="5321">
                  <c:v>52.781999999999996</c:v>
                </c:pt>
                <c:pt idx="5322">
                  <c:v>52.783000000000001</c:v>
                </c:pt>
                <c:pt idx="5323">
                  <c:v>52.783000000000001</c:v>
                </c:pt>
                <c:pt idx="5324">
                  <c:v>52.786000000000001</c:v>
                </c:pt>
                <c:pt idx="5325">
                  <c:v>52.793999999999997</c:v>
                </c:pt>
                <c:pt idx="5326">
                  <c:v>52.804000000000002</c:v>
                </c:pt>
                <c:pt idx="5327">
                  <c:v>52.814</c:v>
                </c:pt>
                <c:pt idx="5328">
                  <c:v>52.823999999999998</c:v>
                </c:pt>
                <c:pt idx="5329">
                  <c:v>52.83</c:v>
                </c:pt>
                <c:pt idx="5330">
                  <c:v>52.83</c:v>
                </c:pt>
                <c:pt idx="5331">
                  <c:v>52.832000000000001</c:v>
                </c:pt>
                <c:pt idx="5332">
                  <c:v>52.841999999999999</c:v>
                </c:pt>
                <c:pt idx="5333">
                  <c:v>52.850999999999999</c:v>
                </c:pt>
                <c:pt idx="5334">
                  <c:v>52.860999999999997</c:v>
                </c:pt>
                <c:pt idx="5335">
                  <c:v>52.871000000000002</c:v>
                </c:pt>
                <c:pt idx="5336">
                  <c:v>52.881</c:v>
                </c:pt>
                <c:pt idx="5337">
                  <c:v>52.890999999999998</c:v>
                </c:pt>
                <c:pt idx="5338">
                  <c:v>52.901000000000003</c:v>
                </c:pt>
                <c:pt idx="5339">
                  <c:v>52.911999999999999</c:v>
                </c:pt>
                <c:pt idx="5340">
                  <c:v>52.923000000000002</c:v>
                </c:pt>
                <c:pt idx="5341">
                  <c:v>52.933</c:v>
                </c:pt>
                <c:pt idx="5342">
                  <c:v>52.994999999999997</c:v>
                </c:pt>
                <c:pt idx="5343">
                  <c:v>53.006</c:v>
                </c:pt>
                <c:pt idx="5344">
                  <c:v>53.017000000000003</c:v>
                </c:pt>
                <c:pt idx="5345">
                  <c:v>53.027000000000001</c:v>
                </c:pt>
                <c:pt idx="5346">
                  <c:v>53.036999999999999</c:v>
                </c:pt>
                <c:pt idx="5347">
                  <c:v>53.046999999999997</c:v>
                </c:pt>
                <c:pt idx="5348">
                  <c:v>53.057000000000002</c:v>
                </c:pt>
                <c:pt idx="5349">
                  <c:v>53.067</c:v>
                </c:pt>
                <c:pt idx="5350">
                  <c:v>53.078000000000003</c:v>
                </c:pt>
                <c:pt idx="5351">
                  <c:v>53.087000000000003</c:v>
                </c:pt>
                <c:pt idx="5352">
                  <c:v>53.097999999999999</c:v>
                </c:pt>
                <c:pt idx="5353">
                  <c:v>53.107999999999997</c:v>
                </c:pt>
                <c:pt idx="5354">
                  <c:v>53.118000000000002</c:v>
                </c:pt>
                <c:pt idx="5355">
                  <c:v>53.128999999999998</c:v>
                </c:pt>
                <c:pt idx="5356">
                  <c:v>53.139000000000003</c:v>
                </c:pt>
                <c:pt idx="5357">
                  <c:v>53.149000000000001</c:v>
                </c:pt>
                <c:pt idx="5358">
                  <c:v>53.16</c:v>
                </c:pt>
                <c:pt idx="5359">
                  <c:v>53.17</c:v>
                </c:pt>
                <c:pt idx="5360">
                  <c:v>53.18</c:v>
                </c:pt>
                <c:pt idx="5361">
                  <c:v>53.191000000000003</c:v>
                </c:pt>
                <c:pt idx="5362">
                  <c:v>53.201000000000001</c:v>
                </c:pt>
                <c:pt idx="5363">
                  <c:v>53.212000000000003</c:v>
                </c:pt>
                <c:pt idx="5364">
                  <c:v>53.222000000000001</c:v>
                </c:pt>
                <c:pt idx="5365">
                  <c:v>53.231999999999999</c:v>
                </c:pt>
                <c:pt idx="5366">
                  <c:v>53.241999999999997</c:v>
                </c:pt>
                <c:pt idx="5367">
                  <c:v>53.252000000000002</c:v>
                </c:pt>
                <c:pt idx="5368">
                  <c:v>53.262</c:v>
                </c:pt>
                <c:pt idx="5369">
                  <c:v>53.273000000000003</c:v>
                </c:pt>
                <c:pt idx="5370">
                  <c:v>53.283000000000001</c:v>
                </c:pt>
                <c:pt idx="5371">
                  <c:v>53.293999999999997</c:v>
                </c:pt>
                <c:pt idx="5372">
                  <c:v>53.305</c:v>
                </c:pt>
                <c:pt idx="5373">
                  <c:v>53.316000000000003</c:v>
                </c:pt>
                <c:pt idx="5374">
                  <c:v>53.326000000000001</c:v>
                </c:pt>
                <c:pt idx="5375">
                  <c:v>53.335999999999999</c:v>
                </c:pt>
                <c:pt idx="5376">
                  <c:v>53.345999999999997</c:v>
                </c:pt>
                <c:pt idx="5377">
                  <c:v>53.356999999999999</c:v>
                </c:pt>
                <c:pt idx="5378">
                  <c:v>53.366999999999997</c:v>
                </c:pt>
                <c:pt idx="5379">
                  <c:v>53.378</c:v>
                </c:pt>
                <c:pt idx="5380">
                  <c:v>53.387</c:v>
                </c:pt>
                <c:pt idx="5381">
                  <c:v>53.398000000000003</c:v>
                </c:pt>
                <c:pt idx="5382">
                  <c:v>53.408000000000001</c:v>
                </c:pt>
                <c:pt idx="5383">
                  <c:v>53.418999999999997</c:v>
                </c:pt>
                <c:pt idx="5384">
                  <c:v>53.429000000000002</c:v>
                </c:pt>
                <c:pt idx="5385">
                  <c:v>53.439</c:v>
                </c:pt>
                <c:pt idx="5386">
                  <c:v>53.448999999999998</c:v>
                </c:pt>
                <c:pt idx="5387">
                  <c:v>53.459000000000003</c:v>
                </c:pt>
                <c:pt idx="5388">
                  <c:v>53.47</c:v>
                </c:pt>
                <c:pt idx="5389">
                  <c:v>53.48</c:v>
                </c:pt>
                <c:pt idx="5390">
                  <c:v>53.49</c:v>
                </c:pt>
                <c:pt idx="5391">
                  <c:v>53.500999999999998</c:v>
                </c:pt>
                <c:pt idx="5392">
                  <c:v>53.51</c:v>
                </c:pt>
                <c:pt idx="5393">
                  <c:v>53.521000000000001</c:v>
                </c:pt>
                <c:pt idx="5394">
                  <c:v>53.530999999999999</c:v>
                </c:pt>
                <c:pt idx="5395">
                  <c:v>53.540999999999997</c:v>
                </c:pt>
                <c:pt idx="5396">
                  <c:v>53.552</c:v>
                </c:pt>
                <c:pt idx="5397">
                  <c:v>53.561</c:v>
                </c:pt>
                <c:pt idx="5398">
                  <c:v>53.572000000000003</c:v>
                </c:pt>
                <c:pt idx="5399">
                  <c:v>53.582000000000001</c:v>
                </c:pt>
                <c:pt idx="5400">
                  <c:v>53.593000000000004</c:v>
                </c:pt>
                <c:pt idx="5401">
                  <c:v>53.603999999999999</c:v>
                </c:pt>
                <c:pt idx="5402">
                  <c:v>53.613</c:v>
                </c:pt>
                <c:pt idx="5403">
                  <c:v>53.624000000000002</c:v>
                </c:pt>
                <c:pt idx="5404">
                  <c:v>53.634</c:v>
                </c:pt>
                <c:pt idx="5405">
                  <c:v>53.645000000000003</c:v>
                </c:pt>
                <c:pt idx="5406">
                  <c:v>53.654000000000003</c:v>
                </c:pt>
                <c:pt idx="5407">
                  <c:v>53.664999999999999</c:v>
                </c:pt>
                <c:pt idx="5408">
                  <c:v>53.676000000000002</c:v>
                </c:pt>
                <c:pt idx="5409">
                  <c:v>53.698999999999998</c:v>
                </c:pt>
                <c:pt idx="5410">
                  <c:v>53.71</c:v>
                </c:pt>
                <c:pt idx="5411">
                  <c:v>53.72</c:v>
                </c:pt>
                <c:pt idx="5412">
                  <c:v>53.728999999999999</c:v>
                </c:pt>
                <c:pt idx="5413">
                  <c:v>53.746000000000002</c:v>
                </c:pt>
                <c:pt idx="5414">
                  <c:v>53.755000000000003</c:v>
                </c:pt>
                <c:pt idx="5415">
                  <c:v>53.765999999999998</c:v>
                </c:pt>
                <c:pt idx="5416">
                  <c:v>53.776000000000003</c:v>
                </c:pt>
                <c:pt idx="5417">
                  <c:v>53.786000000000001</c:v>
                </c:pt>
                <c:pt idx="5418">
                  <c:v>53.796999999999997</c:v>
                </c:pt>
                <c:pt idx="5419">
                  <c:v>53.807000000000002</c:v>
                </c:pt>
                <c:pt idx="5420">
                  <c:v>53.817</c:v>
                </c:pt>
                <c:pt idx="5421">
                  <c:v>53.828000000000003</c:v>
                </c:pt>
                <c:pt idx="5422">
                  <c:v>53.838000000000001</c:v>
                </c:pt>
                <c:pt idx="5423">
                  <c:v>53.848999999999997</c:v>
                </c:pt>
                <c:pt idx="5424">
                  <c:v>53.859000000000002</c:v>
                </c:pt>
                <c:pt idx="5425">
                  <c:v>53.869</c:v>
                </c:pt>
                <c:pt idx="5426">
                  <c:v>53.878999999999998</c:v>
                </c:pt>
                <c:pt idx="5427">
                  <c:v>53.89</c:v>
                </c:pt>
                <c:pt idx="5428">
                  <c:v>53.9</c:v>
                </c:pt>
                <c:pt idx="5429">
                  <c:v>53.91</c:v>
                </c:pt>
                <c:pt idx="5430">
                  <c:v>53.920999999999999</c:v>
                </c:pt>
                <c:pt idx="5431">
                  <c:v>53.930999999999997</c:v>
                </c:pt>
                <c:pt idx="5432">
                  <c:v>53.94</c:v>
                </c:pt>
                <c:pt idx="5433">
                  <c:v>53.948999999999998</c:v>
                </c:pt>
                <c:pt idx="5434">
                  <c:v>53.96</c:v>
                </c:pt>
                <c:pt idx="5435">
                  <c:v>53.97</c:v>
                </c:pt>
                <c:pt idx="5436">
                  <c:v>53.978999999999999</c:v>
                </c:pt>
                <c:pt idx="5437">
                  <c:v>53.988</c:v>
                </c:pt>
                <c:pt idx="5438">
                  <c:v>53.999000000000002</c:v>
                </c:pt>
                <c:pt idx="5439">
                  <c:v>54.009</c:v>
                </c:pt>
                <c:pt idx="5440">
                  <c:v>54.018999999999998</c:v>
                </c:pt>
                <c:pt idx="5441">
                  <c:v>54.029000000000003</c:v>
                </c:pt>
                <c:pt idx="5442">
                  <c:v>54.039000000000001</c:v>
                </c:pt>
                <c:pt idx="5443">
                  <c:v>54.05</c:v>
                </c:pt>
                <c:pt idx="5444">
                  <c:v>54.06</c:v>
                </c:pt>
                <c:pt idx="5445">
                  <c:v>54.070999999999998</c:v>
                </c:pt>
                <c:pt idx="5446">
                  <c:v>54.081000000000003</c:v>
                </c:pt>
                <c:pt idx="5447">
                  <c:v>54.09</c:v>
                </c:pt>
                <c:pt idx="5448">
                  <c:v>54.094999999999999</c:v>
                </c:pt>
                <c:pt idx="5449">
                  <c:v>54.113999999999997</c:v>
                </c:pt>
                <c:pt idx="5450">
                  <c:v>54.124000000000002</c:v>
                </c:pt>
                <c:pt idx="5451">
                  <c:v>54.134</c:v>
                </c:pt>
                <c:pt idx="5452">
                  <c:v>54.143999999999998</c:v>
                </c:pt>
                <c:pt idx="5453">
                  <c:v>54.155000000000001</c:v>
                </c:pt>
                <c:pt idx="5454">
                  <c:v>54.164999999999999</c:v>
                </c:pt>
                <c:pt idx="5455">
                  <c:v>54.174999999999997</c:v>
                </c:pt>
                <c:pt idx="5456">
                  <c:v>54.186</c:v>
                </c:pt>
                <c:pt idx="5457">
                  <c:v>54.195999999999998</c:v>
                </c:pt>
                <c:pt idx="5458">
                  <c:v>54.206000000000003</c:v>
                </c:pt>
                <c:pt idx="5459">
                  <c:v>54.216000000000001</c:v>
                </c:pt>
                <c:pt idx="5460">
                  <c:v>54.226999999999997</c:v>
                </c:pt>
                <c:pt idx="5461">
                  <c:v>54.237000000000002</c:v>
                </c:pt>
                <c:pt idx="5462">
                  <c:v>54.247</c:v>
                </c:pt>
                <c:pt idx="5463">
                  <c:v>54.256999999999998</c:v>
                </c:pt>
                <c:pt idx="5464">
                  <c:v>54.268000000000001</c:v>
                </c:pt>
                <c:pt idx="5465">
                  <c:v>54.277999999999999</c:v>
                </c:pt>
                <c:pt idx="5466">
                  <c:v>54.289000000000001</c:v>
                </c:pt>
                <c:pt idx="5467">
                  <c:v>54.301000000000002</c:v>
                </c:pt>
                <c:pt idx="5468">
                  <c:v>54.311</c:v>
                </c:pt>
                <c:pt idx="5469">
                  <c:v>54.322000000000003</c:v>
                </c:pt>
                <c:pt idx="5470">
                  <c:v>54.331000000000003</c:v>
                </c:pt>
                <c:pt idx="5471">
                  <c:v>54.341000000000001</c:v>
                </c:pt>
                <c:pt idx="5472">
                  <c:v>54.351999999999997</c:v>
                </c:pt>
                <c:pt idx="5473">
                  <c:v>54.362000000000002</c:v>
                </c:pt>
                <c:pt idx="5474">
                  <c:v>54.372999999999998</c:v>
                </c:pt>
                <c:pt idx="5475">
                  <c:v>54.383000000000003</c:v>
                </c:pt>
                <c:pt idx="5476">
                  <c:v>54.393000000000001</c:v>
                </c:pt>
                <c:pt idx="5477">
                  <c:v>54.402999999999999</c:v>
                </c:pt>
                <c:pt idx="5478">
                  <c:v>54.412999999999997</c:v>
                </c:pt>
                <c:pt idx="5479">
                  <c:v>54.423999999999999</c:v>
                </c:pt>
                <c:pt idx="5480">
                  <c:v>54.433999999999997</c:v>
                </c:pt>
                <c:pt idx="5481">
                  <c:v>54.444000000000003</c:v>
                </c:pt>
                <c:pt idx="5482">
                  <c:v>54.454000000000001</c:v>
                </c:pt>
                <c:pt idx="5483">
                  <c:v>54.465000000000003</c:v>
                </c:pt>
                <c:pt idx="5484">
                  <c:v>54.475999999999999</c:v>
                </c:pt>
                <c:pt idx="5485">
                  <c:v>54.485999999999997</c:v>
                </c:pt>
                <c:pt idx="5486">
                  <c:v>54.496000000000002</c:v>
                </c:pt>
                <c:pt idx="5487">
                  <c:v>54.506999999999998</c:v>
                </c:pt>
                <c:pt idx="5488">
                  <c:v>54.517000000000003</c:v>
                </c:pt>
                <c:pt idx="5489">
                  <c:v>54.526000000000003</c:v>
                </c:pt>
                <c:pt idx="5490">
                  <c:v>54.536000000000001</c:v>
                </c:pt>
                <c:pt idx="5491">
                  <c:v>54.546999999999997</c:v>
                </c:pt>
                <c:pt idx="5492">
                  <c:v>54.557000000000002</c:v>
                </c:pt>
                <c:pt idx="5493">
                  <c:v>54.567999999999998</c:v>
                </c:pt>
                <c:pt idx="5494">
                  <c:v>54.576999999999998</c:v>
                </c:pt>
                <c:pt idx="5495">
                  <c:v>54.587000000000003</c:v>
                </c:pt>
                <c:pt idx="5496">
                  <c:v>54.597000000000001</c:v>
                </c:pt>
                <c:pt idx="5497">
                  <c:v>54.607999999999997</c:v>
                </c:pt>
                <c:pt idx="5498">
                  <c:v>54.618000000000002</c:v>
                </c:pt>
                <c:pt idx="5499">
                  <c:v>54.628</c:v>
                </c:pt>
                <c:pt idx="5500">
                  <c:v>54.639000000000003</c:v>
                </c:pt>
                <c:pt idx="5501">
                  <c:v>54.649000000000001</c:v>
                </c:pt>
                <c:pt idx="5502">
                  <c:v>54.658999999999999</c:v>
                </c:pt>
                <c:pt idx="5503">
                  <c:v>54.668999999999997</c:v>
                </c:pt>
                <c:pt idx="5504">
                  <c:v>54.679000000000002</c:v>
                </c:pt>
                <c:pt idx="5505">
                  <c:v>54.689</c:v>
                </c:pt>
                <c:pt idx="5506">
                  <c:v>54.7</c:v>
                </c:pt>
                <c:pt idx="5507">
                  <c:v>54.71</c:v>
                </c:pt>
                <c:pt idx="5508">
                  <c:v>54.719000000000001</c:v>
                </c:pt>
                <c:pt idx="5509">
                  <c:v>54.728999999999999</c:v>
                </c:pt>
                <c:pt idx="5510">
                  <c:v>54.738999999999997</c:v>
                </c:pt>
                <c:pt idx="5511">
                  <c:v>54.749000000000002</c:v>
                </c:pt>
                <c:pt idx="5512">
                  <c:v>54.758000000000003</c:v>
                </c:pt>
                <c:pt idx="5513">
                  <c:v>54.768000000000001</c:v>
                </c:pt>
                <c:pt idx="5514">
                  <c:v>54.777999999999999</c:v>
                </c:pt>
                <c:pt idx="5515">
                  <c:v>54.786000000000001</c:v>
                </c:pt>
                <c:pt idx="5516">
                  <c:v>54.795999999999999</c:v>
                </c:pt>
                <c:pt idx="5517">
                  <c:v>54.805</c:v>
                </c:pt>
                <c:pt idx="5518">
                  <c:v>54.814</c:v>
                </c:pt>
                <c:pt idx="5519">
                  <c:v>54.814999999999998</c:v>
                </c:pt>
                <c:pt idx="5520">
                  <c:v>54.829000000000001</c:v>
                </c:pt>
                <c:pt idx="5521">
                  <c:v>54.838000000000001</c:v>
                </c:pt>
                <c:pt idx="5522">
                  <c:v>54.847000000000001</c:v>
                </c:pt>
                <c:pt idx="5523">
                  <c:v>54.856999999999999</c:v>
                </c:pt>
                <c:pt idx="5524">
                  <c:v>54.866999999999997</c:v>
                </c:pt>
                <c:pt idx="5525">
                  <c:v>54.878999999999998</c:v>
                </c:pt>
                <c:pt idx="5526">
                  <c:v>54.887</c:v>
                </c:pt>
                <c:pt idx="5527">
                  <c:v>54.896999999999998</c:v>
                </c:pt>
                <c:pt idx="5528">
                  <c:v>54.906999999999996</c:v>
                </c:pt>
                <c:pt idx="5529">
                  <c:v>54.915999999999997</c:v>
                </c:pt>
                <c:pt idx="5530">
                  <c:v>54.926000000000002</c:v>
                </c:pt>
                <c:pt idx="5531">
                  <c:v>54.936</c:v>
                </c:pt>
                <c:pt idx="5532">
                  <c:v>54.945999999999998</c:v>
                </c:pt>
                <c:pt idx="5533">
                  <c:v>54.956000000000003</c:v>
                </c:pt>
                <c:pt idx="5534">
                  <c:v>54.966000000000001</c:v>
                </c:pt>
                <c:pt idx="5535">
                  <c:v>54.975999999999999</c:v>
                </c:pt>
                <c:pt idx="5536">
                  <c:v>54.984999999999999</c:v>
                </c:pt>
                <c:pt idx="5537">
                  <c:v>54.994</c:v>
                </c:pt>
                <c:pt idx="5538">
                  <c:v>55.000999999999998</c:v>
                </c:pt>
                <c:pt idx="5539">
                  <c:v>55.009</c:v>
                </c:pt>
                <c:pt idx="5540">
                  <c:v>55.018000000000001</c:v>
                </c:pt>
                <c:pt idx="5541">
                  <c:v>55.027999999999999</c:v>
                </c:pt>
                <c:pt idx="5542">
                  <c:v>55.037999999999997</c:v>
                </c:pt>
                <c:pt idx="5543">
                  <c:v>55.046999999999997</c:v>
                </c:pt>
                <c:pt idx="5544">
                  <c:v>55.055999999999997</c:v>
                </c:pt>
                <c:pt idx="5545">
                  <c:v>55.066000000000003</c:v>
                </c:pt>
                <c:pt idx="5546">
                  <c:v>55.075000000000003</c:v>
                </c:pt>
                <c:pt idx="5547">
                  <c:v>55.085999999999999</c:v>
                </c:pt>
                <c:pt idx="5548">
                  <c:v>55.094999999999999</c:v>
                </c:pt>
                <c:pt idx="5549">
                  <c:v>55.104999999999997</c:v>
                </c:pt>
                <c:pt idx="5550">
                  <c:v>55.115000000000002</c:v>
                </c:pt>
                <c:pt idx="5551">
                  <c:v>55.125</c:v>
                </c:pt>
                <c:pt idx="5552">
                  <c:v>55.134</c:v>
                </c:pt>
                <c:pt idx="5553">
                  <c:v>55.145000000000003</c:v>
                </c:pt>
                <c:pt idx="5554">
                  <c:v>55.155000000000001</c:v>
                </c:pt>
                <c:pt idx="5555">
                  <c:v>55.17</c:v>
                </c:pt>
                <c:pt idx="5556">
                  <c:v>55.180999999999997</c:v>
                </c:pt>
                <c:pt idx="5557">
                  <c:v>55.192</c:v>
                </c:pt>
                <c:pt idx="5558">
                  <c:v>55.201999999999998</c:v>
                </c:pt>
                <c:pt idx="5559">
                  <c:v>55.212000000000003</c:v>
                </c:pt>
                <c:pt idx="5560">
                  <c:v>55.222000000000001</c:v>
                </c:pt>
                <c:pt idx="5561">
                  <c:v>55.232999999999997</c:v>
                </c:pt>
                <c:pt idx="5562">
                  <c:v>55.243000000000002</c:v>
                </c:pt>
                <c:pt idx="5563">
                  <c:v>55.250999999999998</c:v>
                </c:pt>
                <c:pt idx="5564">
                  <c:v>55.265000000000001</c:v>
                </c:pt>
                <c:pt idx="5565">
                  <c:v>55.274999999999999</c:v>
                </c:pt>
                <c:pt idx="5566">
                  <c:v>55.284999999999997</c:v>
                </c:pt>
                <c:pt idx="5567">
                  <c:v>55.295000000000002</c:v>
                </c:pt>
                <c:pt idx="5568">
                  <c:v>55.305999999999997</c:v>
                </c:pt>
                <c:pt idx="5569">
                  <c:v>55.316000000000003</c:v>
                </c:pt>
                <c:pt idx="5570">
                  <c:v>55.328000000000003</c:v>
                </c:pt>
                <c:pt idx="5571">
                  <c:v>55.337000000000003</c:v>
                </c:pt>
                <c:pt idx="5572">
                  <c:v>55.347999999999999</c:v>
                </c:pt>
                <c:pt idx="5573">
                  <c:v>55.359000000000002</c:v>
                </c:pt>
                <c:pt idx="5574">
                  <c:v>55.368000000000002</c:v>
                </c:pt>
                <c:pt idx="5575">
                  <c:v>55.378</c:v>
                </c:pt>
                <c:pt idx="5576">
                  <c:v>55.389000000000003</c:v>
                </c:pt>
                <c:pt idx="5577">
                  <c:v>55.399000000000001</c:v>
                </c:pt>
                <c:pt idx="5578">
                  <c:v>55.408999999999999</c:v>
                </c:pt>
                <c:pt idx="5579">
                  <c:v>55.418999999999997</c:v>
                </c:pt>
                <c:pt idx="5580">
                  <c:v>55.43</c:v>
                </c:pt>
                <c:pt idx="5581">
                  <c:v>55.439</c:v>
                </c:pt>
                <c:pt idx="5582">
                  <c:v>55.45</c:v>
                </c:pt>
                <c:pt idx="5583">
                  <c:v>55.46</c:v>
                </c:pt>
                <c:pt idx="5584">
                  <c:v>55.47</c:v>
                </c:pt>
                <c:pt idx="5585">
                  <c:v>55.481000000000002</c:v>
                </c:pt>
                <c:pt idx="5586">
                  <c:v>55.491</c:v>
                </c:pt>
                <c:pt idx="5587">
                  <c:v>55.502000000000002</c:v>
                </c:pt>
                <c:pt idx="5588">
                  <c:v>55.512</c:v>
                </c:pt>
                <c:pt idx="5589">
                  <c:v>55.521999999999998</c:v>
                </c:pt>
                <c:pt idx="5590">
                  <c:v>55.531999999999996</c:v>
                </c:pt>
                <c:pt idx="5591">
                  <c:v>55.542999999999999</c:v>
                </c:pt>
                <c:pt idx="5592">
                  <c:v>55.552999999999997</c:v>
                </c:pt>
                <c:pt idx="5593">
                  <c:v>55.563000000000002</c:v>
                </c:pt>
                <c:pt idx="5594">
                  <c:v>55.573999999999998</c:v>
                </c:pt>
                <c:pt idx="5595">
                  <c:v>55.584000000000003</c:v>
                </c:pt>
                <c:pt idx="5596">
                  <c:v>55.594999999999999</c:v>
                </c:pt>
                <c:pt idx="5597">
                  <c:v>55.603999999999999</c:v>
                </c:pt>
                <c:pt idx="5598">
                  <c:v>55.615000000000002</c:v>
                </c:pt>
                <c:pt idx="5599">
                  <c:v>55.625999999999998</c:v>
                </c:pt>
                <c:pt idx="5600">
                  <c:v>55.634999999999998</c:v>
                </c:pt>
                <c:pt idx="5601">
                  <c:v>55.637</c:v>
                </c:pt>
                <c:pt idx="5602">
                  <c:v>55.643999999999998</c:v>
                </c:pt>
                <c:pt idx="5603">
                  <c:v>55.654000000000003</c:v>
                </c:pt>
                <c:pt idx="5604">
                  <c:v>55.662999999999997</c:v>
                </c:pt>
                <c:pt idx="5605">
                  <c:v>55.673999999999999</c:v>
                </c:pt>
                <c:pt idx="5606">
                  <c:v>55.683999999999997</c:v>
                </c:pt>
                <c:pt idx="5607">
                  <c:v>55.694000000000003</c:v>
                </c:pt>
                <c:pt idx="5608">
                  <c:v>55.704999999999998</c:v>
                </c:pt>
                <c:pt idx="5609">
                  <c:v>55.716000000000001</c:v>
                </c:pt>
                <c:pt idx="5610">
                  <c:v>55.725999999999999</c:v>
                </c:pt>
                <c:pt idx="5611">
                  <c:v>55.737000000000002</c:v>
                </c:pt>
                <c:pt idx="5612">
                  <c:v>55.747</c:v>
                </c:pt>
                <c:pt idx="5613">
                  <c:v>55.756999999999998</c:v>
                </c:pt>
                <c:pt idx="5614">
                  <c:v>55.767000000000003</c:v>
                </c:pt>
                <c:pt idx="5615">
                  <c:v>55.777000000000001</c:v>
                </c:pt>
                <c:pt idx="5616">
                  <c:v>55.787999999999997</c:v>
                </c:pt>
                <c:pt idx="5617">
                  <c:v>55.798000000000002</c:v>
                </c:pt>
                <c:pt idx="5618">
                  <c:v>55.808</c:v>
                </c:pt>
                <c:pt idx="5619">
                  <c:v>55.819000000000003</c:v>
                </c:pt>
                <c:pt idx="5620">
                  <c:v>55.829000000000001</c:v>
                </c:pt>
                <c:pt idx="5621">
                  <c:v>55.84</c:v>
                </c:pt>
                <c:pt idx="5622">
                  <c:v>55.850999999999999</c:v>
                </c:pt>
                <c:pt idx="5623">
                  <c:v>55.86</c:v>
                </c:pt>
                <c:pt idx="5624">
                  <c:v>55.871000000000002</c:v>
                </c:pt>
                <c:pt idx="5625">
                  <c:v>55.881</c:v>
                </c:pt>
                <c:pt idx="5626">
                  <c:v>55.890999999999998</c:v>
                </c:pt>
                <c:pt idx="5627">
                  <c:v>55.901000000000003</c:v>
                </c:pt>
                <c:pt idx="5628">
                  <c:v>55.911999999999999</c:v>
                </c:pt>
                <c:pt idx="5629">
                  <c:v>55.923000000000002</c:v>
                </c:pt>
                <c:pt idx="5630">
                  <c:v>55.933</c:v>
                </c:pt>
                <c:pt idx="5631">
                  <c:v>55.942999999999998</c:v>
                </c:pt>
                <c:pt idx="5632">
                  <c:v>55.954000000000001</c:v>
                </c:pt>
                <c:pt idx="5633">
                  <c:v>55.965000000000003</c:v>
                </c:pt>
                <c:pt idx="5634">
                  <c:v>55.975000000000001</c:v>
                </c:pt>
                <c:pt idx="5635">
                  <c:v>55.985999999999997</c:v>
                </c:pt>
                <c:pt idx="5636">
                  <c:v>55.996000000000002</c:v>
                </c:pt>
                <c:pt idx="5637">
                  <c:v>56.006</c:v>
                </c:pt>
                <c:pt idx="5638">
                  <c:v>56.017000000000003</c:v>
                </c:pt>
                <c:pt idx="5639">
                  <c:v>56.026000000000003</c:v>
                </c:pt>
                <c:pt idx="5640">
                  <c:v>56.036000000000001</c:v>
                </c:pt>
                <c:pt idx="5641">
                  <c:v>56.045000000000002</c:v>
                </c:pt>
                <c:pt idx="5642">
                  <c:v>56.055</c:v>
                </c:pt>
                <c:pt idx="5643">
                  <c:v>56.064999999999998</c:v>
                </c:pt>
                <c:pt idx="5644">
                  <c:v>56.073999999999998</c:v>
                </c:pt>
                <c:pt idx="5645">
                  <c:v>56.084000000000003</c:v>
                </c:pt>
                <c:pt idx="5646">
                  <c:v>56.094999999999999</c:v>
                </c:pt>
                <c:pt idx="5647">
                  <c:v>56.104999999999997</c:v>
                </c:pt>
                <c:pt idx="5648">
                  <c:v>56.115000000000002</c:v>
                </c:pt>
                <c:pt idx="5649">
                  <c:v>56.125</c:v>
                </c:pt>
                <c:pt idx="5650">
                  <c:v>56.134999999999998</c:v>
                </c:pt>
                <c:pt idx="5651">
                  <c:v>56.146999999999998</c:v>
                </c:pt>
                <c:pt idx="5652">
                  <c:v>56.156999999999996</c:v>
                </c:pt>
                <c:pt idx="5653">
                  <c:v>56.167000000000002</c:v>
                </c:pt>
                <c:pt idx="5654">
                  <c:v>56.177</c:v>
                </c:pt>
                <c:pt idx="5655">
                  <c:v>56.186999999999998</c:v>
                </c:pt>
                <c:pt idx="5656">
                  <c:v>56.195999999999998</c:v>
                </c:pt>
                <c:pt idx="5657">
                  <c:v>56.206000000000003</c:v>
                </c:pt>
                <c:pt idx="5658">
                  <c:v>56.215000000000003</c:v>
                </c:pt>
                <c:pt idx="5659">
                  <c:v>56.225000000000001</c:v>
                </c:pt>
                <c:pt idx="5660">
                  <c:v>56.271999999999998</c:v>
                </c:pt>
                <c:pt idx="5661">
                  <c:v>56.281999999999996</c:v>
                </c:pt>
                <c:pt idx="5662">
                  <c:v>56.292000000000002</c:v>
                </c:pt>
                <c:pt idx="5663">
                  <c:v>56.302999999999997</c:v>
                </c:pt>
                <c:pt idx="5664">
                  <c:v>56.313000000000002</c:v>
                </c:pt>
                <c:pt idx="5665">
                  <c:v>56.323999999999998</c:v>
                </c:pt>
                <c:pt idx="5666">
                  <c:v>56.335000000000001</c:v>
                </c:pt>
                <c:pt idx="5667">
                  <c:v>56.344999999999999</c:v>
                </c:pt>
                <c:pt idx="5668">
                  <c:v>56.354999999999997</c:v>
                </c:pt>
                <c:pt idx="5669">
                  <c:v>56.365000000000002</c:v>
                </c:pt>
                <c:pt idx="5670">
                  <c:v>56.375</c:v>
                </c:pt>
                <c:pt idx="5671">
                  <c:v>56.387</c:v>
                </c:pt>
                <c:pt idx="5672">
                  <c:v>56.396999999999998</c:v>
                </c:pt>
                <c:pt idx="5673">
                  <c:v>56.406999999999996</c:v>
                </c:pt>
                <c:pt idx="5674">
                  <c:v>56.415999999999997</c:v>
                </c:pt>
                <c:pt idx="5675">
                  <c:v>56.427</c:v>
                </c:pt>
                <c:pt idx="5676">
                  <c:v>56.436999999999998</c:v>
                </c:pt>
                <c:pt idx="5677">
                  <c:v>56.447000000000003</c:v>
                </c:pt>
                <c:pt idx="5678">
                  <c:v>56.457999999999998</c:v>
                </c:pt>
                <c:pt idx="5679">
                  <c:v>56.468000000000004</c:v>
                </c:pt>
                <c:pt idx="5680">
                  <c:v>56.478000000000002</c:v>
                </c:pt>
                <c:pt idx="5681">
                  <c:v>56.488999999999997</c:v>
                </c:pt>
                <c:pt idx="5682">
                  <c:v>56.499000000000002</c:v>
                </c:pt>
                <c:pt idx="5683">
                  <c:v>56.51</c:v>
                </c:pt>
                <c:pt idx="5684">
                  <c:v>56.52</c:v>
                </c:pt>
                <c:pt idx="5685">
                  <c:v>56.530999999999999</c:v>
                </c:pt>
                <c:pt idx="5686">
                  <c:v>56.54</c:v>
                </c:pt>
                <c:pt idx="5687">
                  <c:v>56.551000000000002</c:v>
                </c:pt>
                <c:pt idx="5688">
                  <c:v>56.561999999999998</c:v>
                </c:pt>
                <c:pt idx="5689">
                  <c:v>56.570999999999998</c:v>
                </c:pt>
                <c:pt idx="5690">
                  <c:v>56.582000000000001</c:v>
                </c:pt>
                <c:pt idx="5691">
                  <c:v>56.591999999999999</c:v>
                </c:pt>
                <c:pt idx="5692">
                  <c:v>56.603000000000002</c:v>
                </c:pt>
                <c:pt idx="5693">
                  <c:v>56.613</c:v>
                </c:pt>
                <c:pt idx="5694">
                  <c:v>56.622</c:v>
                </c:pt>
                <c:pt idx="5695">
                  <c:v>56.633000000000003</c:v>
                </c:pt>
                <c:pt idx="5696">
                  <c:v>56.643999999999998</c:v>
                </c:pt>
                <c:pt idx="5697">
                  <c:v>56.652999999999999</c:v>
                </c:pt>
                <c:pt idx="5698">
                  <c:v>56.664000000000001</c:v>
                </c:pt>
                <c:pt idx="5699">
                  <c:v>56.673999999999999</c:v>
                </c:pt>
                <c:pt idx="5700">
                  <c:v>56.685000000000002</c:v>
                </c:pt>
                <c:pt idx="5701">
                  <c:v>56.695</c:v>
                </c:pt>
                <c:pt idx="5702">
                  <c:v>56.704999999999998</c:v>
                </c:pt>
                <c:pt idx="5703">
                  <c:v>56.716000000000001</c:v>
                </c:pt>
                <c:pt idx="5704">
                  <c:v>56.725999999999999</c:v>
                </c:pt>
                <c:pt idx="5705">
                  <c:v>56.735999999999997</c:v>
                </c:pt>
                <c:pt idx="5706">
                  <c:v>56.746000000000002</c:v>
                </c:pt>
                <c:pt idx="5707">
                  <c:v>56.756</c:v>
                </c:pt>
                <c:pt idx="5708">
                  <c:v>56.768000000000001</c:v>
                </c:pt>
                <c:pt idx="5709">
                  <c:v>56.777999999999999</c:v>
                </c:pt>
                <c:pt idx="5710">
                  <c:v>56.786999999999999</c:v>
                </c:pt>
                <c:pt idx="5711">
                  <c:v>56.798000000000002</c:v>
                </c:pt>
                <c:pt idx="5712">
                  <c:v>56.808999999999997</c:v>
                </c:pt>
                <c:pt idx="5713">
                  <c:v>56.82</c:v>
                </c:pt>
                <c:pt idx="5714">
                  <c:v>56.83</c:v>
                </c:pt>
                <c:pt idx="5715">
                  <c:v>56.84</c:v>
                </c:pt>
                <c:pt idx="5716">
                  <c:v>56.850999999999999</c:v>
                </c:pt>
                <c:pt idx="5717">
                  <c:v>56.860999999999997</c:v>
                </c:pt>
                <c:pt idx="5718">
                  <c:v>56.872</c:v>
                </c:pt>
                <c:pt idx="5719">
                  <c:v>56.881</c:v>
                </c:pt>
                <c:pt idx="5720">
                  <c:v>56.892000000000003</c:v>
                </c:pt>
                <c:pt idx="5721">
                  <c:v>56.902000000000001</c:v>
                </c:pt>
                <c:pt idx="5722">
                  <c:v>56.912999999999997</c:v>
                </c:pt>
                <c:pt idx="5723">
                  <c:v>56.923000000000002</c:v>
                </c:pt>
                <c:pt idx="5724">
                  <c:v>56.933</c:v>
                </c:pt>
                <c:pt idx="5725">
                  <c:v>56.942999999999998</c:v>
                </c:pt>
                <c:pt idx="5726">
                  <c:v>56.953000000000003</c:v>
                </c:pt>
                <c:pt idx="5727">
                  <c:v>56.963999999999999</c:v>
                </c:pt>
                <c:pt idx="5728">
                  <c:v>56.973999999999997</c:v>
                </c:pt>
                <c:pt idx="5729">
                  <c:v>56.982999999999997</c:v>
                </c:pt>
                <c:pt idx="5730">
                  <c:v>56.994</c:v>
                </c:pt>
                <c:pt idx="5731">
                  <c:v>57.003999999999998</c:v>
                </c:pt>
                <c:pt idx="5732">
                  <c:v>57.014000000000003</c:v>
                </c:pt>
                <c:pt idx="5733">
                  <c:v>57.024999999999999</c:v>
                </c:pt>
                <c:pt idx="5734">
                  <c:v>57.036000000000001</c:v>
                </c:pt>
                <c:pt idx="5735">
                  <c:v>57.045999999999999</c:v>
                </c:pt>
                <c:pt idx="5736">
                  <c:v>57.055999999999997</c:v>
                </c:pt>
                <c:pt idx="5737">
                  <c:v>57.066000000000003</c:v>
                </c:pt>
                <c:pt idx="5738">
                  <c:v>57.076000000000001</c:v>
                </c:pt>
                <c:pt idx="5739">
                  <c:v>57.087000000000003</c:v>
                </c:pt>
                <c:pt idx="5740">
                  <c:v>57.097999999999999</c:v>
                </c:pt>
                <c:pt idx="5741">
                  <c:v>57.106999999999999</c:v>
                </c:pt>
                <c:pt idx="5742">
                  <c:v>57.116999999999997</c:v>
                </c:pt>
                <c:pt idx="5743">
                  <c:v>57.128</c:v>
                </c:pt>
                <c:pt idx="5744">
                  <c:v>57.137</c:v>
                </c:pt>
                <c:pt idx="5745">
                  <c:v>57.148000000000003</c:v>
                </c:pt>
                <c:pt idx="5746">
                  <c:v>57.16</c:v>
                </c:pt>
                <c:pt idx="5747">
                  <c:v>57.17</c:v>
                </c:pt>
                <c:pt idx="5748">
                  <c:v>57.180999999999997</c:v>
                </c:pt>
                <c:pt idx="5749">
                  <c:v>57.191000000000003</c:v>
                </c:pt>
                <c:pt idx="5750">
                  <c:v>57.201000000000001</c:v>
                </c:pt>
                <c:pt idx="5751">
                  <c:v>57.210999999999999</c:v>
                </c:pt>
                <c:pt idx="5752">
                  <c:v>57.220999999999997</c:v>
                </c:pt>
                <c:pt idx="5753">
                  <c:v>57.231999999999999</c:v>
                </c:pt>
                <c:pt idx="5754">
                  <c:v>57.241999999999997</c:v>
                </c:pt>
                <c:pt idx="5755">
                  <c:v>57.252000000000002</c:v>
                </c:pt>
                <c:pt idx="5756">
                  <c:v>57.262999999999998</c:v>
                </c:pt>
                <c:pt idx="5757">
                  <c:v>57.271999999999998</c:v>
                </c:pt>
                <c:pt idx="5758">
                  <c:v>57.283000000000001</c:v>
                </c:pt>
                <c:pt idx="5759">
                  <c:v>57.293999999999997</c:v>
                </c:pt>
                <c:pt idx="5760">
                  <c:v>57.304000000000002</c:v>
                </c:pt>
                <c:pt idx="5761">
                  <c:v>57.314999999999998</c:v>
                </c:pt>
                <c:pt idx="5762">
                  <c:v>57.323999999999998</c:v>
                </c:pt>
                <c:pt idx="5763">
                  <c:v>57.335000000000001</c:v>
                </c:pt>
                <c:pt idx="5764">
                  <c:v>57.345999999999997</c:v>
                </c:pt>
                <c:pt idx="5765">
                  <c:v>57.356000000000002</c:v>
                </c:pt>
                <c:pt idx="5766">
                  <c:v>57.366</c:v>
                </c:pt>
                <c:pt idx="5767">
                  <c:v>57.375999999999998</c:v>
                </c:pt>
                <c:pt idx="5768">
                  <c:v>57.387</c:v>
                </c:pt>
                <c:pt idx="5769">
                  <c:v>57.396000000000001</c:v>
                </c:pt>
                <c:pt idx="5770">
                  <c:v>57.406999999999996</c:v>
                </c:pt>
                <c:pt idx="5771">
                  <c:v>57.417000000000002</c:v>
                </c:pt>
                <c:pt idx="5772">
                  <c:v>57.427</c:v>
                </c:pt>
                <c:pt idx="5773">
                  <c:v>57.438000000000002</c:v>
                </c:pt>
                <c:pt idx="5774">
                  <c:v>57.448</c:v>
                </c:pt>
                <c:pt idx="5775">
                  <c:v>57.457999999999998</c:v>
                </c:pt>
                <c:pt idx="5776">
                  <c:v>57.469000000000001</c:v>
                </c:pt>
                <c:pt idx="5777">
                  <c:v>57.478999999999999</c:v>
                </c:pt>
                <c:pt idx="5778">
                  <c:v>57.488</c:v>
                </c:pt>
                <c:pt idx="5779">
                  <c:v>57.5</c:v>
                </c:pt>
                <c:pt idx="5780">
                  <c:v>57.51</c:v>
                </c:pt>
                <c:pt idx="5781">
                  <c:v>57.521000000000001</c:v>
                </c:pt>
                <c:pt idx="5782">
                  <c:v>57.53</c:v>
                </c:pt>
                <c:pt idx="5783">
                  <c:v>57.540999999999997</c:v>
                </c:pt>
                <c:pt idx="5784">
                  <c:v>57.551000000000002</c:v>
                </c:pt>
                <c:pt idx="5785">
                  <c:v>57.561</c:v>
                </c:pt>
                <c:pt idx="5786">
                  <c:v>57.570999999999998</c:v>
                </c:pt>
                <c:pt idx="5787">
                  <c:v>57.582000000000001</c:v>
                </c:pt>
                <c:pt idx="5788">
                  <c:v>57.591000000000001</c:v>
                </c:pt>
                <c:pt idx="5789">
                  <c:v>57.601999999999997</c:v>
                </c:pt>
                <c:pt idx="5790">
                  <c:v>57.612000000000002</c:v>
                </c:pt>
                <c:pt idx="5791">
                  <c:v>57.622</c:v>
                </c:pt>
                <c:pt idx="5792">
                  <c:v>57.631999999999998</c:v>
                </c:pt>
                <c:pt idx="5793">
                  <c:v>57.643000000000001</c:v>
                </c:pt>
                <c:pt idx="5794">
                  <c:v>57.654000000000003</c:v>
                </c:pt>
                <c:pt idx="5795">
                  <c:v>57.664000000000001</c:v>
                </c:pt>
                <c:pt idx="5796">
                  <c:v>57.673999999999999</c:v>
                </c:pt>
                <c:pt idx="5797">
                  <c:v>57.685000000000002</c:v>
                </c:pt>
                <c:pt idx="5798">
                  <c:v>57.694000000000003</c:v>
                </c:pt>
                <c:pt idx="5799">
                  <c:v>57.703000000000003</c:v>
                </c:pt>
                <c:pt idx="5800">
                  <c:v>57.713999999999999</c:v>
                </c:pt>
                <c:pt idx="5801">
                  <c:v>57.723999999999997</c:v>
                </c:pt>
                <c:pt idx="5802">
                  <c:v>57.734000000000002</c:v>
                </c:pt>
                <c:pt idx="5803">
                  <c:v>57.744999999999997</c:v>
                </c:pt>
                <c:pt idx="5804">
                  <c:v>57.755000000000003</c:v>
                </c:pt>
                <c:pt idx="5805">
                  <c:v>57.765000000000001</c:v>
                </c:pt>
                <c:pt idx="5806">
                  <c:v>57.776000000000003</c:v>
                </c:pt>
                <c:pt idx="5807">
                  <c:v>57.786000000000001</c:v>
                </c:pt>
                <c:pt idx="5808">
                  <c:v>57.795999999999999</c:v>
                </c:pt>
                <c:pt idx="5809">
                  <c:v>57.807000000000002</c:v>
                </c:pt>
                <c:pt idx="5810">
                  <c:v>57.817999999999998</c:v>
                </c:pt>
                <c:pt idx="5811">
                  <c:v>57.828000000000003</c:v>
                </c:pt>
                <c:pt idx="5812">
                  <c:v>57.838000000000001</c:v>
                </c:pt>
                <c:pt idx="5813">
                  <c:v>57.848999999999997</c:v>
                </c:pt>
                <c:pt idx="5814">
                  <c:v>57.857999999999997</c:v>
                </c:pt>
                <c:pt idx="5815">
                  <c:v>57.869</c:v>
                </c:pt>
                <c:pt idx="5816">
                  <c:v>57.878999999999998</c:v>
                </c:pt>
                <c:pt idx="5817">
                  <c:v>57.887999999999998</c:v>
                </c:pt>
                <c:pt idx="5818">
                  <c:v>57.899000000000001</c:v>
                </c:pt>
                <c:pt idx="5819">
                  <c:v>57.908999999999999</c:v>
                </c:pt>
                <c:pt idx="5820">
                  <c:v>57.918999999999997</c:v>
                </c:pt>
                <c:pt idx="5821">
                  <c:v>57.929000000000002</c:v>
                </c:pt>
                <c:pt idx="5822">
                  <c:v>57.94</c:v>
                </c:pt>
                <c:pt idx="5823">
                  <c:v>57.948999999999998</c:v>
                </c:pt>
                <c:pt idx="5824">
                  <c:v>57.96</c:v>
                </c:pt>
                <c:pt idx="5825">
                  <c:v>57.97</c:v>
                </c:pt>
                <c:pt idx="5826">
                  <c:v>57.981000000000002</c:v>
                </c:pt>
                <c:pt idx="5827">
                  <c:v>57.991</c:v>
                </c:pt>
                <c:pt idx="5828">
                  <c:v>58.000999999999998</c:v>
                </c:pt>
                <c:pt idx="5829">
                  <c:v>58.01</c:v>
                </c:pt>
                <c:pt idx="5830">
                  <c:v>58.021000000000001</c:v>
                </c:pt>
                <c:pt idx="5831">
                  <c:v>58.030999999999999</c:v>
                </c:pt>
                <c:pt idx="5832">
                  <c:v>58.040999999999997</c:v>
                </c:pt>
                <c:pt idx="5833">
                  <c:v>58.051000000000002</c:v>
                </c:pt>
                <c:pt idx="5834">
                  <c:v>58.061</c:v>
                </c:pt>
                <c:pt idx="5835">
                  <c:v>58.070999999999998</c:v>
                </c:pt>
                <c:pt idx="5836">
                  <c:v>58.081000000000003</c:v>
                </c:pt>
                <c:pt idx="5837">
                  <c:v>58.091000000000001</c:v>
                </c:pt>
                <c:pt idx="5838">
                  <c:v>58.100999999999999</c:v>
                </c:pt>
                <c:pt idx="5839">
                  <c:v>58.110999999999997</c:v>
                </c:pt>
                <c:pt idx="5840">
                  <c:v>58.121000000000002</c:v>
                </c:pt>
                <c:pt idx="5841">
                  <c:v>58.13</c:v>
                </c:pt>
                <c:pt idx="5842">
                  <c:v>58.140999999999998</c:v>
                </c:pt>
                <c:pt idx="5843">
                  <c:v>58.152000000000001</c:v>
                </c:pt>
                <c:pt idx="5844">
                  <c:v>58.161999999999999</c:v>
                </c:pt>
                <c:pt idx="5845">
                  <c:v>58.171999999999997</c:v>
                </c:pt>
                <c:pt idx="5846">
                  <c:v>58.182000000000002</c:v>
                </c:pt>
                <c:pt idx="5847">
                  <c:v>58.192999999999998</c:v>
                </c:pt>
                <c:pt idx="5848">
                  <c:v>58.203000000000003</c:v>
                </c:pt>
                <c:pt idx="5849">
                  <c:v>58.213000000000001</c:v>
                </c:pt>
                <c:pt idx="5850">
                  <c:v>58.223999999999997</c:v>
                </c:pt>
                <c:pt idx="5851">
                  <c:v>58.232999999999997</c:v>
                </c:pt>
                <c:pt idx="5852">
                  <c:v>58.243000000000002</c:v>
                </c:pt>
                <c:pt idx="5853">
                  <c:v>58.253</c:v>
                </c:pt>
                <c:pt idx="5854">
                  <c:v>58.264000000000003</c:v>
                </c:pt>
                <c:pt idx="5855">
                  <c:v>58.274000000000001</c:v>
                </c:pt>
                <c:pt idx="5856">
                  <c:v>58.283999999999999</c:v>
                </c:pt>
                <c:pt idx="5857">
                  <c:v>58.293999999999997</c:v>
                </c:pt>
                <c:pt idx="5858">
                  <c:v>58.305</c:v>
                </c:pt>
                <c:pt idx="5859">
                  <c:v>58.314999999999998</c:v>
                </c:pt>
                <c:pt idx="5860">
                  <c:v>58.325000000000003</c:v>
                </c:pt>
                <c:pt idx="5861">
                  <c:v>58.335999999999999</c:v>
                </c:pt>
                <c:pt idx="5862">
                  <c:v>58.345999999999997</c:v>
                </c:pt>
                <c:pt idx="5863">
                  <c:v>58.357999999999997</c:v>
                </c:pt>
                <c:pt idx="5864">
                  <c:v>58.368000000000002</c:v>
                </c:pt>
                <c:pt idx="5865">
                  <c:v>58.378999999999998</c:v>
                </c:pt>
                <c:pt idx="5866">
                  <c:v>58.389000000000003</c:v>
                </c:pt>
                <c:pt idx="5867">
                  <c:v>58.399000000000001</c:v>
                </c:pt>
                <c:pt idx="5868">
                  <c:v>58.408999999999999</c:v>
                </c:pt>
                <c:pt idx="5869">
                  <c:v>58.42</c:v>
                </c:pt>
                <c:pt idx="5870">
                  <c:v>58.430999999999997</c:v>
                </c:pt>
                <c:pt idx="5871">
                  <c:v>58.441000000000003</c:v>
                </c:pt>
                <c:pt idx="5872">
                  <c:v>58.451000000000001</c:v>
                </c:pt>
                <c:pt idx="5873">
                  <c:v>58.462000000000003</c:v>
                </c:pt>
                <c:pt idx="5874">
                  <c:v>58.472000000000001</c:v>
                </c:pt>
                <c:pt idx="5875">
                  <c:v>58.481000000000002</c:v>
                </c:pt>
                <c:pt idx="5876">
                  <c:v>58.491</c:v>
                </c:pt>
                <c:pt idx="5877">
                  <c:v>58.500999999999998</c:v>
                </c:pt>
                <c:pt idx="5878">
                  <c:v>58.51</c:v>
                </c:pt>
                <c:pt idx="5879">
                  <c:v>58.518999999999998</c:v>
                </c:pt>
                <c:pt idx="5880">
                  <c:v>58.530999999999999</c:v>
                </c:pt>
                <c:pt idx="5881">
                  <c:v>58.540999999999997</c:v>
                </c:pt>
                <c:pt idx="5882">
                  <c:v>58.55</c:v>
                </c:pt>
                <c:pt idx="5883">
                  <c:v>58.561</c:v>
                </c:pt>
                <c:pt idx="5884">
                  <c:v>58.570999999999998</c:v>
                </c:pt>
                <c:pt idx="5885">
                  <c:v>58.58</c:v>
                </c:pt>
                <c:pt idx="5886">
                  <c:v>58.591000000000001</c:v>
                </c:pt>
                <c:pt idx="5887">
                  <c:v>58.600999999999999</c:v>
                </c:pt>
                <c:pt idx="5888">
                  <c:v>58.610999999999997</c:v>
                </c:pt>
                <c:pt idx="5889">
                  <c:v>58.622</c:v>
                </c:pt>
                <c:pt idx="5890">
                  <c:v>58.631999999999998</c:v>
                </c:pt>
                <c:pt idx="5891">
                  <c:v>58.643000000000001</c:v>
                </c:pt>
                <c:pt idx="5892">
                  <c:v>58.652999999999999</c:v>
                </c:pt>
                <c:pt idx="5893">
                  <c:v>58.661999999999999</c:v>
                </c:pt>
                <c:pt idx="5894">
                  <c:v>58.673000000000002</c:v>
                </c:pt>
                <c:pt idx="5895">
                  <c:v>58.683</c:v>
                </c:pt>
                <c:pt idx="5896">
                  <c:v>58.692999999999998</c:v>
                </c:pt>
                <c:pt idx="5897">
                  <c:v>58.704000000000001</c:v>
                </c:pt>
                <c:pt idx="5898">
                  <c:v>58.713999999999999</c:v>
                </c:pt>
                <c:pt idx="5899">
                  <c:v>58.723999999999997</c:v>
                </c:pt>
                <c:pt idx="5900">
                  <c:v>58.734999999999999</c:v>
                </c:pt>
                <c:pt idx="5901">
                  <c:v>58.744999999999997</c:v>
                </c:pt>
                <c:pt idx="5902">
                  <c:v>58.753999999999998</c:v>
                </c:pt>
                <c:pt idx="5903">
                  <c:v>58.765000000000001</c:v>
                </c:pt>
                <c:pt idx="5904">
                  <c:v>58.774999999999999</c:v>
                </c:pt>
                <c:pt idx="5905">
                  <c:v>58.783999999999999</c:v>
                </c:pt>
                <c:pt idx="5906">
                  <c:v>58.795000000000002</c:v>
                </c:pt>
                <c:pt idx="5907">
                  <c:v>58.805</c:v>
                </c:pt>
                <c:pt idx="5908">
                  <c:v>58.814</c:v>
                </c:pt>
                <c:pt idx="5909">
                  <c:v>58.823999999999998</c:v>
                </c:pt>
                <c:pt idx="5910">
                  <c:v>58.834000000000003</c:v>
                </c:pt>
                <c:pt idx="5911">
                  <c:v>58.844000000000001</c:v>
                </c:pt>
                <c:pt idx="5912">
                  <c:v>58.854999999999997</c:v>
                </c:pt>
                <c:pt idx="5913">
                  <c:v>58.863999999999997</c:v>
                </c:pt>
                <c:pt idx="5914">
                  <c:v>58.875</c:v>
                </c:pt>
                <c:pt idx="5915">
                  <c:v>58.884</c:v>
                </c:pt>
                <c:pt idx="5916">
                  <c:v>58.893999999999998</c:v>
                </c:pt>
                <c:pt idx="5917">
                  <c:v>58.902999999999999</c:v>
                </c:pt>
                <c:pt idx="5918">
                  <c:v>58.912999999999997</c:v>
                </c:pt>
                <c:pt idx="5919">
                  <c:v>58.921999999999997</c:v>
                </c:pt>
                <c:pt idx="5920">
                  <c:v>58.930999999999997</c:v>
                </c:pt>
                <c:pt idx="5921">
                  <c:v>58.941000000000003</c:v>
                </c:pt>
                <c:pt idx="5922">
                  <c:v>58.951000000000001</c:v>
                </c:pt>
                <c:pt idx="5923">
                  <c:v>58.962000000000003</c:v>
                </c:pt>
                <c:pt idx="5924">
                  <c:v>58.970999999999997</c:v>
                </c:pt>
                <c:pt idx="5925">
                  <c:v>58.981000000000002</c:v>
                </c:pt>
                <c:pt idx="5926">
                  <c:v>58.984000000000002</c:v>
                </c:pt>
                <c:pt idx="5927">
                  <c:v>58.994999999999997</c:v>
                </c:pt>
                <c:pt idx="5928">
                  <c:v>59.003999999999998</c:v>
                </c:pt>
                <c:pt idx="5929">
                  <c:v>59.015000000000001</c:v>
                </c:pt>
                <c:pt idx="5930">
                  <c:v>59.024000000000001</c:v>
                </c:pt>
                <c:pt idx="5931">
                  <c:v>59.033999999999999</c:v>
                </c:pt>
                <c:pt idx="5932">
                  <c:v>59.045000000000002</c:v>
                </c:pt>
                <c:pt idx="5933">
                  <c:v>59.055999999999997</c:v>
                </c:pt>
                <c:pt idx="5934">
                  <c:v>59.066000000000003</c:v>
                </c:pt>
                <c:pt idx="5935">
                  <c:v>59.076999999999998</c:v>
                </c:pt>
                <c:pt idx="5936">
                  <c:v>59.088000000000001</c:v>
                </c:pt>
                <c:pt idx="5937">
                  <c:v>59.097999999999999</c:v>
                </c:pt>
                <c:pt idx="5938">
                  <c:v>59.109000000000002</c:v>
                </c:pt>
                <c:pt idx="5939">
                  <c:v>59.119</c:v>
                </c:pt>
                <c:pt idx="5940">
                  <c:v>59.128999999999998</c:v>
                </c:pt>
                <c:pt idx="5941">
                  <c:v>59.139000000000003</c:v>
                </c:pt>
                <c:pt idx="5942">
                  <c:v>59.148000000000003</c:v>
                </c:pt>
                <c:pt idx="5943">
                  <c:v>59.156999999999996</c:v>
                </c:pt>
                <c:pt idx="5944">
                  <c:v>59.167000000000002</c:v>
                </c:pt>
                <c:pt idx="5945">
                  <c:v>59.177</c:v>
                </c:pt>
                <c:pt idx="5946">
                  <c:v>59.186999999999998</c:v>
                </c:pt>
                <c:pt idx="5947">
                  <c:v>59.197000000000003</c:v>
                </c:pt>
                <c:pt idx="5948">
                  <c:v>59.207000000000001</c:v>
                </c:pt>
                <c:pt idx="5949">
                  <c:v>59.216999999999999</c:v>
                </c:pt>
                <c:pt idx="5950">
                  <c:v>59.228999999999999</c:v>
                </c:pt>
                <c:pt idx="5951">
                  <c:v>59.238</c:v>
                </c:pt>
                <c:pt idx="5952">
                  <c:v>59.247</c:v>
                </c:pt>
                <c:pt idx="5953">
                  <c:v>59.256999999999998</c:v>
                </c:pt>
                <c:pt idx="5954">
                  <c:v>59.267000000000003</c:v>
                </c:pt>
                <c:pt idx="5955">
                  <c:v>59.277000000000001</c:v>
                </c:pt>
                <c:pt idx="5956">
                  <c:v>59.286999999999999</c:v>
                </c:pt>
                <c:pt idx="5957">
                  <c:v>59.295999999999999</c:v>
                </c:pt>
                <c:pt idx="5958">
                  <c:v>59.305</c:v>
                </c:pt>
                <c:pt idx="5959">
                  <c:v>59.314999999999998</c:v>
                </c:pt>
                <c:pt idx="5960">
                  <c:v>59.326999999999998</c:v>
                </c:pt>
                <c:pt idx="5961">
                  <c:v>59.337000000000003</c:v>
                </c:pt>
                <c:pt idx="5962">
                  <c:v>59.345999999999997</c:v>
                </c:pt>
                <c:pt idx="5963">
                  <c:v>59.356000000000002</c:v>
                </c:pt>
                <c:pt idx="5964">
                  <c:v>59.366999999999997</c:v>
                </c:pt>
                <c:pt idx="5965">
                  <c:v>59.377000000000002</c:v>
                </c:pt>
                <c:pt idx="5966">
                  <c:v>59.387999999999998</c:v>
                </c:pt>
                <c:pt idx="5967">
                  <c:v>59.396999999999998</c:v>
                </c:pt>
                <c:pt idx="5968">
                  <c:v>59.405999999999999</c:v>
                </c:pt>
                <c:pt idx="5969">
                  <c:v>59.417000000000002</c:v>
                </c:pt>
                <c:pt idx="5970">
                  <c:v>59.427</c:v>
                </c:pt>
                <c:pt idx="5971">
                  <c:v>59.436</c:v>
                </c:pt>
                <c:pt idx="5972">
                  <c:v>59.447000000000003</c:v>
                </c:pt>
                <c:pt idx="5973">
                  <c:v>59.457000000000001</c:v>
                </c:pt>
                <c:pt idx="5974">
                  <c:v>59.466999999999999</c:v>
                </c:pt>
                <c:pt idx="5975">
                  <c:v>59.478999999999999</c:v>
                </c:pt>
                <c:pt idx="5976">
                  <c:v>59.488</c:v>
                </c:pt>
                <c:pt idx="5977">
                  <c:v>59.5</c:v>
                </c:pt>
                <c:pt idx="5978">
                  <c:v>59.51</c:v>
                </c:pt>
                <c:pt idx="5979">
                  <c:v>59.521000000000001</c:v>
                </c:pt>
                <c:pt idx="5980">
                  <c:v>59.530999999999999</c:v>
                </c:pt>
                <c:pt idx="5981">
                  <c:v>59.540999999999997</c:v>
                </c:pt>
                <c:pt idx="5982">
                  <c:v>59.552</c:v>
                </c:pt>
                <c:pt idx="5983">
                  <c:v>59.561999999999998</c:v>
                </c:pt>
                <c:pt idx="5984">
                  <c:v>59.572000000000003</c:v>
                </c:pt>
                <c:pt idx="5985">
                  <c:v>59.582000000000001</c:v>
                </c:pt>
                <c:pt idx="5986">
                  <c:v>59.593000000000004</c:v>
                </c:pt>
                <c:pt idx="5987">
                  <c:v>59.601999999999997</c:v>
                </c:pt>
                <c:pt idx="5988">
                  <c:v>59.613</c:v>
                </c:pt>
                <c:pt idx="5989">
                  <c:v>59.622</c:v>
                </c:pt>
                <c:pt idx="5990">
                  <c:v>59.631999999999998</c:v>
                </c:pt>
                <c:pt idx="5991">
                  <c:v>59.643000000000001</c:v>
                </c:pt>
                <c:pt idx="5992">
                  <c:v>59.652999999999999</c:v>
                </c:pt>
                <c:pt idx="5993">
                  <c:v>59.664000000000001</c:v>
                </c:pt>
                <c:pt idx="5994">
                  <c:v>59.673999999999999</c:v>
                </c:pt>
                <c:pt idx="5995">
                  <c:v>59.683999999999997</c:v>
                </c:pt>
                <c:pt idx="5996">
                  <c:v>59.694000000000003</c:v>
                </c:pt>
                <c:pt idx="5997">
                  <c:v>59.704000000000001</c:v>
                </c:pt>
                <c:pt idx="5998">
                  <c:v>59.713999999999999</c:v>
                </c:pt>
                <c:pt idx="5999">
                  <c:v>59.722999999999999</c:v>
                </c:pt>
                <c:pt idx="6000">
                  <c:v>59.731999999999999</c:v>
                </c:pt>
                <c:pt idx="6001">
                  <c:v>59.741999999999997</c:v>
                </c:pt>
                <c:pt idx="6002">
                  <c:v>59.750999999999998</c:v>
                </c:pt>
                <c:pt idx="6003">
                  <c:v>59.76</c:v>
                </c:pt>
                <c:pt idx="6004">
                  <c:v>59.77</c:v>
                </c:pt>
                <c:pt idx="6005">
                  <c:v>59.779000000000003</c:v>
                </c:pt>
                <c:pt idx="6006">
                  <c:v>59.787999999999997</c:v>
                </c:pt>
                <c:pt idx="6007">
                  <c:v>59.795999999999999</c:v>
                </c:pt>
                <c:pt idx="6008">
                  <c:v>59.805999999999997</c:v>
                </c:pt>
                <c:pt idx="6009">
                  <c:v>59.814</c:v>
                </c:pt>
                <c:pt idx="6010">
                  <c:v>59.823</c:v>
                </c:pt>
                <c:pt idx="6011">
                  <c:v>59.831000000000003</c:v>
                </c:pt>
                <c:pt idx="6012">
                  <c:v>59.84</c:v>
                </c:pt>
                <c:pt idx="6013">
                  <c:v>59.847999999999999</c:v>
                </c:pt>
                <c:pt idx="6014">
                  <c:v>59.856999999999999</c:v>
                </c:pt>
                <c:pt idx="6015">
                  <c:v>59.865000000000002</c:v>
                </c:pt>
                <c:pt idx="6016">
                  <c:v>59.874000000000002</c:v>
                </c:pt>
                <c:pt idx="6017">
                  <c:v>59.881999999999998</c:v>
                </c:pt>
                <c:pt idx="6018">
                  <c:v>59.89</c:v>
                </c:pt>
                <c:pt idx="6019">
                  <c:v>59.898000000000003</c:v>
                </c:pt>
                <c:pt idx="6020">
                  <c:v>59.906999999999996</c:v>
                </c:pt>
                <c:pt idx="6021">
                  <c:v>59.915999999999997</c:v>
                </c:pt>
                <c:pt idx="6022">
                  <c:v>59.923999999999999</c:v>
                </c:pt>
                <c:pt idx="6023">
                  <c:v>59.933</c:v>
                </c:pt>
                <c:pt idx="6024">
                  <c:v>59.942</c:v>
                </c:pt>
                <c:pt idx="6025">
                  <c:v>59.951000000000001</c:v>
                </c:pt>
                <c:pt idx="6026">
                  <c:v>59.959000000000003</c:v>
                </c:pt>
                <c:pt idx="6027">
                  <c:v>59.969000000000001</c:v>
                </c:pt>
                <c:pt idx="6028">
                  <c:v>59.976999999999997</c:v>
                </c:pt>
                <c:pt idx="6029">
                  <c:v>59.984000000000002</c:v>
                </c:pt>
                <c:pt idx="6030">
                  <c:v>59.993000000000002</c:v>
                </c:pt>
                <c:pt idx="6031">
                  <c:v>60</c:v>
                </c:pt>
                <c:pt idx="6032">
                  <c:v>60.006999999999998</c:v>
                </c:pt>
                <c:pt idx="6033">
                  <c:v>60.015000000000001</c:v>
                </c:pt>
                <c:pt idx="6034">
                  <c:v>60.024000000000001</c:v>
                </c:pt>
                <c:pt idx="6035">
                  <c:v>60.031999999999996</c:v>
                </c:pt>
                <c:pt idx="6036">
                  <c:v>60.040999999999997</c:v>
                </c:pt>
                <c:pt idx="6037">
                  <c:v>60.051000000000002</c:v>
                </c:pt>
                <c:pt idx="6038">
                  <c:v>60.06</c:v>
                </c:pt>
                <c:pt idx="6039">
                  <c:v>60.07</c:v>
                </c:pt>
                <c:pt idx="6040">
                  <c:v>60.08</c:v>
                </c:pt>
                <c:pt idx="6041">
                  <c:v>60.087000000000003</c:v>
                </c:pt>
                <c:pt idx="6042">
                  <c:v>60.094999999999999</c:v>
                </c:pt>
                <c:pt idx="6043">
                  <c:v>60.104999999999997</c:v>
                </c:pt>
                <c:pt idx="6044">
                  <c:v>60.115000000000002</c:v>
                </c:pt>
                <c:pt idx="6045">
                  <c:v>60.116999999999997</c:v>
                </c:pt>
                <c:pt idx="6046">
                  <c:v>60.134</c:v>
                </c:pt>
                <c:pt idx="6047">
                  <c:v>60.145000000000003</c:v>
                </c:pt>
                <c:pt idx="6048">
                  <c:v>60.154000000000003</c:v>
                </c:pt>
                <c:pt idx="6049">
                  <c:v>60.164999999999999</c:v>
                </c:pt>
                <c:pt idx="6050">
                  <c:v>60.174999999999997</c:v>
                </c:pt>
                <c:pt idx="6051">
                  <c:v>60.186</c:v>
                </c:pt>
                <c:pt idx="6052">
                  <c:v>60.195999999999998</c:v>
                </c:pt>
                <c:pt idx="6053">
                  <c:v>60.206000000000003</c:v>
                </c:pt>
                <c:pt idx="6054">
                  <c:v>60.216000000000001</c:v>
                </c:pt>
                <c:pt idx="6055">
                  <c:v>60.226999999999997</c:v>
                </c:pt>
                <c:pt idx="6056">
                  <c:v>60.237000000000002</c:v>
                </c:pt>
                <c:pt idx="6057">
                  <c:v>60.247</c:v>
                </c:pt>
                <c:pt idx="6058">
                  <c:v>60.258000000000003</c:v>
                </c:pt>
                <c:pt idx="6059">
                  <c:v>60.268000000000001</c:v>
                </c:pt>
                <c:pt idx="6060">
                  <c:v>60.277000000000001</c:v>
                </c:pt>
                <c:pt idx="6061">
                  <c:v>60.287999999999997</c:v>
                </c:pt>
                <c:pt idx="6062">
                  <c:v>60.298000000000002</c:v>
                </c:pt>
                <c:pt idx="6063">
                  <c:v>60.308999999999997</c:v>
                </c:pt>
                <c:pt idx="6064">
                  <c:v>60.319000000000003</c:v>
                </c:pt>
                <c:pt idx="6065">
                  <c:v>60.329000000000001</c:v>
                </c:pt>
                <c:pt idx="6066">
                  <c:v>60.338999999999999</c:v>
                </c:pt>
                <c:pt idx="6067">
                  <c:v>60.348999999999997</c:v>
                </c:pt>
                <c:pt idx="6068">
                  <c:v>60.36</c:v>
                </c:pt>
                <c:pt idx="6069">
                  <c:v>60.369</c:v>
                </c:pt>
                <c:pt idx="6070">
                  <c:v>60.38</c:v>
                </c:pt>
                <c:pt idx="6071">
                  <c:v>60.39</c:v>
                </c:pt>
                <c:pt idx="6072">
                  <c:v>60.4</c:v>
                </c:pt>
                <c:pt idx="6073">
                  <c:v>60.41</c:v>
                </c:pt>
                <c:pt idx="6074">
                  <c:v>60.42</c:v>
                </c:pt>
                <c:pt idx="6075">
                  <c:v>60.43</c:v>
                </c:pt>
                <c:pt idx="6076">
                  <c:v>60.430999999999997</c:v>
                </c:pt>
                <c:pt idx="6077">
                  <c:v>60.451000000000001</c:v>
                </c:pt>
                <c:pt idx="6078">
                  <c:v>60.460999999999999</c:v>
                </c:pt>
                <c:pt idx="6079">
                  <c:v>60.472000000000001</c:v>
                </c:pt>
                <c:pt idx="6080">
                  <c:v>60.481999999999999</c:v>
                </c:pt>
                <c:pt idx="6081">
                  <c:v>60.491999999999997</c:v>
                </c:pt>
                <c:pt idx="6082">
                  <c:v>60.503</c:v>
                </c:pt>
                <c:pt idx="6083">
                  <c:v>60.512999999999998</c:v>
                </c:pt>
                <c:pt idx="6084">
                  <c:v>60.521999999999998</c:v>
                </c:pt>
                <c:pt idx="6085">
                  <c:v>60.533000000000001</c:v>
                </c:pt>
                <c:pt idx="6086">
                  <c:v>60.542999999999999</c:v>
                </c:pt>
                <c:pt idx="6087">
                  <c:v>60.552999999999997</c:v>
                </c:pt>
                <c:pt idx="6088">
                  <c:v>60.561999999999998</c:v>
                </c:pt>
                <c:pt idx="6089">
                  <c:v>60.572000000000003</c:v>
                </c:pt>
                <c:pt idx="6090">
                  <c:v>60.582000000000001</c:v>
                </c:pt>
                <c:pt idx="6091">
                  <c:v>60.591999999999999</c:v>
                </c:pt>
                <c:pt idx="6092">
                  <c:v>60.600999999999999</c:v>
                </c:pt>
                <c:pt idx="6093">
                  <c:v>60.61</c:v>
                </c:pt>
                <c:pt idx="6094">
                  <c:v>60.621000000000002</c:v>
                </c:pt>
                <c:pt idx="6095">
                  <c:v>60.631</c:v>
                </c:pt>
                <c:pt idx="6096">
                  <c:v>60.64</c:v>
                </c:pt>
                <c:pt idx="6097">
                  <c:v>60.65</c:v>
                </c:pt>
                <c:pt idx="6098">
                  <c:v>60.66</c:v>
                </c:pt>
                <c:pt idx="6099">
                  <c:v>60.665999999999997</c:v>
                </c:pt>
                <c:pt idx="6100">
                  <c:v>60.673999999999999</c:v>
                </c:pt>
                <c:pt idx="6101">
                  <c:v>60.683</c:v>
                </c:pt>
                <c:pt idx="6102">
                  <c:v>60.69</c:v>
                </c:pt>
                <c:pt idx="6103">
                  <c:v>60.7</c:v>
                </c:pt>
                <c:pt idx="6104">
                  <c:v>60.709000000000003</c:v>
                </c:pt>
                <c:pt idx="6105">
                  <c:v>60.716999999999999</c:v>
                </c:pt>
                <c:pt idx="6106">
                  <c:v>60.726999999999997</c:v>
                </c:pt>
                <c:pt idx="6107">
                  <c:v>60.735999999999997</c:v>
                </c:pt>
                <c:pt idx="6108">
                  <c:v>60.744</c:v>
                </c:pt>
                <c:pt idx="6109">
                  <c:v>60.753</c:v>
                </c:pt>
                <c:pt idx="6110">
                  <c:v>60.761000000000003</c:v>
                </c:pt>
                <c:pt idx="6111">
                  <c:v>60.77</c:v>
                </c:pt>
                <c:pt idx="6112">
                  <c:v>60.78</c:v>
                </c:pt>
                <c:pt idx="6113">
                  <c:v>60.789000000000001</c:v>
                </c:pt>
                <c:pt idx="6114">
                  <c:v>60.796999999999997</c:v>
                </c:pt>
                <c:pt idx="6115">
                  <c:v>60.807000000000002</c:v>
                </c:pt>
                <c:pt idx="6116">
                  <c:v>60.816000000000003</c:v>
                </c:pt>
                <c:pt idx="6117">
                  <c:v>60.825000000000003</c:v>
                </c:pt>
                <c:pt idx="6118">
                  <c:v>60.835999999999999</c:v>
                </c:pt>
                <c:pt idx="6119">
                  <c:v>60.844000000000001</c:v>
                </c:pt>
                <c:pt idx="6120">
                  <c:v>60.854999999999997</c:v>
                </c:pt>
                <c:pt idx="6121">
                  <c:v>60.863999999999997</c:v>
                </c:pt>
                <c:pt idx="6122">
                  <c:v>60.875</c:v>
                </c:pt>
                <c:pt idx="6123">
                  <c:v>60.884</c:v>
                </c:pt>
                <c:pt idx="6124">
                  <c:v>60.893999999999998</c:v>
                </c:pt>
                <c:pt idx="6125">
                  <c:v>60.905000000000001</c:v>
                </c:pt>
                <c:pt idx="6126">
                  <c:v>60.914999999999999</c:v>
                </c:pt>
                <c:pt idx="6127">
                  <c:v>60.923999999999999</c:v>
                </c:pt>
                <c:pt idx="6128">
                  <c:v>60.933999999999997</c:v>
                </c:pt>
                <c:pt idx="6129">
                  <c:v>60.944000000000003</c:v>
                </c:pt>
                <c:pt idx="6130">
                  <c:v>60.954000000000001</c:v>
                </c:pt>
                <c:pt idx="6131">
                  <c:v>60.963999999999999</c:v>
                </c:pt>
                <c:pt idx="6132">
                  <c:v>60.972999999999999</c:v>
                </c:pt>
                <c:pt idx="6133">
                  <c:v>60.981999999999999</c:v>
                </c:pt>
                <c:pt idx="6134">
                  <c:v>60.991999999999997</c:v>
                </c:pt>
                <c:pt idx="6135">
                  <c:v>61.000999999999998</c:v>
                </c:pt>
                <c:pt idx="6136">
                  <c:v>61.011000000000003</c:v>
                </c:pt>
                <c:pt idx="6137">
                  <c:v>61.021000000000001</c:v>
                </c:pt>
                <c:pt idx="6138">
                  <c:v>61.030999999999999</c:v>
                </c:pt>
                <c:pt idx="6139">
                  <c:v>61.040999999999997</c:v>
                </c:pt>
                <c:pt idx="6140">
                  <c:v>61.052</c:v>
                </c:pt>
                <c:pt idx="6141">
                  <c:v>61.061</c:v>
                </c:pt>
                <c:pt idx="6142">
                  <c:v>61.070999999999998</c:v>
                </c:pt>
                <c:pt idx="6143">
                  <c:v>61.082000000000001</c:v>
                </c:pt>
                <c:pt idx="6144">
                  <c:v>61.091999999999999</c:v>
                </c:pt>
                <c:pt idx="6145">
                  <c:v>61.101999999999997</c:v>
                </c:pt>
                <c:pt idx="6146">
                  <c:v>61.113</c:v>
                </c:pt>
                <c:pt idx="6147">
                  <c:v>61.122999999999998</c:v>
                </c:pt>
                <c:pt idx="6148">
                  <c:v>61.133000000000003</c:v>
                </c:pt>
                <c:pt idx="6149">
                  <c:v>61.143000000000001</c:v>
                </c:pt>
                <c:pt idx="6150">
                  <c:v>61.152000000000001</c:v>
                </c:pt>
                <c:pt idx="6151">
                  <c:v>61.161999999999999</c:v>
                </c:pt>
                <c:pt idx="6152">
                  <c:v>61.171999999999997</c:v>
                </c:pt>
                <c:pt idx="6153">
                  <c:v>61.182000000000002</c:v>
                </c:pt>
                <c:pt idx="6154">
                  <c:v>61.192</c:v>
                </c:pt>
                <c:pt idx="6155">
                  <c:v>61.201000000000001</c:v>
                </c:pt>
                <c:pt idx="6156">
                  <c:v>61.212000000000003</c:v>
                </c:pt>
                <c:pt idx="6157">
                  <c:v>61.220999999999997</c:v>
                </c:pt>
                <c:pt idx="6158">
                  <c:v>61.231000000000002</c:v>
                </c:pt>
                <c:pt idx="6159">
                  <c:v>61.241</c:v>
                </c:pt>
                <c:pt idx="6160">
                  <c:v>61.250999999999998</c:v>
                </c:pt>
                <c:pt idx="6161">
                  <c:v>61.26</c:v>
                </c:pt>
                <c:pt idx="6162">
                  <c:v>61.271000000000001</c:v>
                </c:pt>
                <c:pt idx="6163">
                  <c:v>61.28</c:v>
                </c:pt>
                <c:pt idx="6164">
                  <c:v>61.290999999999997</c:v>
                </c:pt>
                <c:pt idx="6165">
                  <c:v>61.3</c:v>
                </c:pt>
                <c:pt idx="6166">
                  <c:v>61.311</c:v>
                </c:pt>
                <c:pt idx="6167">
                  <c:v>61.320999999999998</c:v>
                </c:pt>
                <c:pt idx="6168">
                  <c:v>61.33</c:v>
                </c:pt>
                <c:pt idx="6169">
                  <c:v>61.34</c:v>
                </c:pt>
                <c:pt idx="6170">
                  <c:v>61.351999999999997</c:v>
                </c:pt>
                <c:pt idx="6171">
                  <c:v>61.362000000000002</c:v>
                </c:pt>
                <c:pt idx="6172">
                  <c:v>61.372</c:v>
                </c:pt>
                <c:pt idx="6173">
                  <c:v>61.381999999999998</c:v>
                </c:pt>
                <c:pt idx="6174">
                  <c:v>61.393000000000001</c:v>
                </c:pt>
                <c:pt idx="6175">
                  <c:v>61.402000000000001</c:v>
                </c:pt>
                <c:pt idx="6176">
                  <c:v>61.412999999999997</c:v>
                </c:pt>
                <c:pt idx="6177">
                  <c:v>61.423000000000002</c:v>
                </c:pt>
                <c:pt idx="6178">
                  <c:v>61.433</c:v>
                </c:pt>
                <c:pt idx="6179">
                  <c:v>61.442999999999998</c:v>
                </c:pt>
                <c:pt idx="6180">
                  <c:v>61.454000000000001</c:v>
                </c:pt>
                <c:pt idx="6181">
                  <c:v>61.463999999999999</c:v>
                </c:pt>
                <c:pt idx="6182">
                  <c:v>61.473999999999997</c:v>
                </c:pt>
                <c:pt idx="6183">
                  <c:v>61.484999999999999</c:v>
                </c:pt>
                <c:pt idx="6184">
                  <c:v>61.494999999999997</c:v>
                </c:pt>
                <c:pt idx="6185">
                  <c:v>61.505000000000003</c:v>
                </c:pt>
                <c:pt idx="6186">
                  <c:v>61.515999999999998</c:v>
                </c:pt>
                <c:pt idx="6187">
                  <c:v>61.526000000000003</c:v>
                </c:pt>
                <c:pt idx="6188">
                  <c:v>61.536000000000001</c:v>
                </c:pt>
                <c:pt idx="6189">
                  <c:v>61.545000000000002</c:v>
                </c:pt>
                <c:pt idx="6190">
                  <c:v>61.555999999999997</c:v>
                </c:pt>
                <c:pt idx="6191">
                  <c:v>61.566000000000003</c:v>
                </c:pt>
                <c:pt idx="6192">
                  <c:v>61.575000000000003</c:v>
                </c:pt>
                <c:pt idx="6193">
                  <c:v>61.585999999999999</c:v>
                </c:pt>
                <c:pt idx="6194">
                  <c:v>61.594999999999999</c:v>
                </c:pt>
                <c:pt idx="6195">
                  <c:v>61.604999999999997</c:v>
                </c:pt>
                <c:pt idx="6196">
                  <c:v>61.616</c:v>
                </c:pt>
                <c:pt idx="6197">
                  <c:v>61.625</c:v>
                </c:pt>
                <c:pt idx="6198">
                  <c:v>61.634999999999998</c:v>
                </c:pt>
                <c:pt idx="6199">
                  <c:v>61.645000000000003</c:v>
                </c:pt>
                <c:pt idx="6200">
                  <c:v>61.654000000000003</c:v>
                </c:pt>
                <c:pt idx="6201">
                  <c:v>61.664999999999999</c:v>
                </c:pt>
                <c:pt idx="6202">
                  <c:v>61.674999999999997</c:v>
                </c:pt>
                <c:pt idx="6203">
                  <c:v>61.685000000000002</c:v>
                </c:pt>
                <c:pt idx="6204">
                  <c:v>61.695999999999998</c:v>
                </c:pt>
                <c:pt idx="6205">
                  <c:v>61.706000000000003</c:v>
                </c:pt>
                <c:pt idx="6206">
                  <c:v>61.716000000000001</c:v>
                </c:pt>
                <c:pt idx="6207">
                  <c:v>61.726999999999997</c:v>
                </c:pt>
                <c:pt idx="6208">
                  <c:v>61.735999999999997</c:v>
                </c:pt>
                <c:pt idx="6209">
                  <c:v>61.746000000000002</c:v>
                </c:pt>
                <c:pt idx="6210">
                  <c:v>61.756999999999998</c:v>
                </c:pt>
                <c:pt idx="6211">
                  <c:v>61.767000000000003</c:v>
                </c:pt>
                <c:pt idx="6212">
                  <c:v>61.776000000000003</c:v>
                </c:pt>
                <c:pt idx="6213">
                  <c:v>61.783000000000001</c:v>
                </c:pt>
                <c:pt idx="6214">
                  <c:v>61.805</c:v>
                </c:pt>
                <c:pt idx="6215">
                  <c:v>61.814</c:v>
                </c:pt>
                <c:pt idx="6216">
                  <c:v>61.823999999999998</c:v>
                </c:pt>
                <c:pt idx="6217">
                  <c:v>61.834000000000003</c:v>
                </c:pt>
                <c:pt idx="6218">
                  <c:v>61.844999999999999</c:v>
                </c:pt>
                <c:pt idx="6219">
                  <c:v>61.854999999999997</c:v>
                </c:pt>
                <c:pt idx="6220">
                  <c:v>61.865000000000002</c:v>
                </c:pt>
                <c:pt idx="6221">
                  <c:v>61.875999999999998</c:v>
                </c:pt>
                <c:pt idx="6222">
                  <c:v>61.884999999999998</c:v>
                </c:pt>
                <c:pt idx="6223">
                  <c:v>61.895000000000003</c:v>
                </c:pt>
                <c:pt idx="6224">
                  <c:v>61.905999999999999</c:v>
                </c:pt>
                <c:pt idx="6225">
                  <c:v>61.915999999999997</c:v>
                </c:pt>
                <c:pt idx="6226">
                  <c:v>61.927</c:v>
                </c:pt>
                <c:pt idx="6227">
                  <c:v>61.936999999999998</c:v>
                </c:pt>
                <c:pt idx="6228">
                  <c:v>61.947000000000003</c:v>
                </c:pt>
                <c:pt idx="6229">
                  <c:v>61.957000000000001</c:v>
                </c:pt>
                <c:pt idx="6230">
                  <c:v>61.968000000000004</c:v>
                </c:pt>
                <c:pt idx="6231">
                  <c:v>61.978000000000002</c:v>
                </c:pt>
                <c:pt idx="6232">
                  <c:v>61.988</c:v>
                </c:pt>
                <c:pt idx="6233">
                  <c:v>62</c:v>
                </c:pt>
                <c:pt idx="6234">
                  <c:v>62.01</c:v>
                </c:pt>
                <c:pt idx="6235">
                  <c:v>62.021000000000001</c:v>
                </c:pt>
                <c:pt idx="6236">
                  <c:v>62.030999999999999</c:v>
                </c:pt>
                <c:pt idx="6237">
                  <c:v>62.040999999999997</c:v>
                </c:pt>
                <c:pt idx="6238">
                  <c:v>62.052</c:v>
                </c:pt>
                <c:pt idx="6239">
                  <c:v>62.061</c:v>
                </c:pt>
                <c:pt idx="6240">
                  <c:v>62.069000000000003</c:v>
                </c:pt>
                <c:pt idx="6241">
                  <c:v>62.079000000000001</c:v>
                </c:pt>
                <c:pt idx="6242">
                  <c:v>62.088999999999999</c:v>
                </c:pt>
                <c:pt idx="6243">
                  <c:v>62.098999999999997</c:v>
                </c:pt>
                <c:pt idx="6244">
                  <c:v>62.106999999999999</c:v>
                </c:pt>
                <c:pt idx="6245">
                  <c:v>62.116999999999997</c:v>
                </c:pt>
                <c:pt idx="6246">
                  <c:v>62.128</c:v>
                </c:pt>
                <c:pt idx="6247">
                  <c:v>62.131999999999998</c:v>
                </c:pt>
                <c:pt idx="6248">
                  <c:v>62.131999999999998</c:v>
                </c:pt>
                <c:pt idx="6249">
                  <c:v>62.133000000000003</c:v>
                </c:pt>
                <c:pt idx="6250">
                  <c:v>62.140999999999998</c:v>
                </c:pt>
                <c:pt idx="6251">
                  <c:v>62.151000000000003</c:v>
                </c:pt>
                <c:pt idx="6252">
                  <c:v>62.161000000000001</c:v>
                </c:pt>
                <c:pt idx="6253">
                  <c:v>62.170999999999999</c:v>
                </c:pt>
                <c:pt idx="6254">
                  <c:v>62.180999999999997</c:v>
                </c:pt>
                <c:pt idx="6255">
                  <c:v>62.191000000000003</c:v>
                </c:pt>
                <c:pt idx="6256">
                  <c:v>62.201000000000001</c:v>
                </c:pt>
                <c:pt idx="6257">
                  <c:v>62.210999999999999</c:v>
                </c:pt>
                <c:pt idx="6258">
                  <c:v>62.22</c:v>
                </c:pt>
                <c:pt idx="6259">
                  <c:v>62.23</c:v>
                </c:pt>
                <c:pt idx="6260">
                  <c:v>62.238999999999997</c:v>
                </c:pt>
                <c:pt idx="6261">
                  <c:v>62.247999999999998</c:v>
                </c:pt>
                <c:pt idx="6262">
                  <c:v>62.258000000000003</c:v>
                </c:pt>
                <c:pt idx="6263">
                  <c:v>62.265999999999998</c:v>
                </c:pt>
                <c:pt idx="6264">
                  <c:v>62.276000000000003</c:v>
                </c:pt>
                <c:pt idx="6265">
                  <c:v>62.283999999999999</c:v>
                </c:pt>
                <c:pt idx="6266">
                  <c:v>62.292999999999999</c:v>
                </c:pt>
                <c:pt idx="6267">
                  <c:v>62.302999999999997</c:v>
                </c:pt>
                <c:pt idx="6268">
                  <c:v>62.311999999999998</c:v>
                </c:pt>
                <c:pt idx="6269">
                  <c:v>62.320999999999998</c:v>
                </c:pt>
                <c:pt idx="6270">
                  <c:v>62.33</c:v>
                </c:pt>
                <c:pt idx="6271">
                  <c:v>62.34</c:v>
                </c:pt>
                <c:pt idx="6272">
                  <c:v>62.347999999999999</c:v>
                </c:pt>
                <c:pt idx="6273">
                  <c:v>62.356000000000002</c:v>
                </c:pt>
                <c:pt idx="6274">
                  <c:v>62.365000000000002</c:v>
                </c:pt>
                <c:pt idx="6275">
                  <c:v>62.374000000000002</c:v>
                </c:pt>
                <c:pt idx="6276">
                  <c:v>62.383000000000003</c:v>
                </c:pt>
                <c:pt idx="6277">
                  <c:v>62.392000000000003</c:v>
                </c:pt>
                <c:pt idx="6278">
                  <c:v>62.401000000000003</c:v>
                </c:pt>
                <c:pt idx="6279">
                  <c:v>62.411000000000001</c:v>
                </c:pt>
                <c:pt idx="6280">
                  <c:v>62.420999999999999</c:v>
                </c:pt>
                <c:pt idx="6281">
                  <c:v>62.430999999999997</c:v>
                </c:pt>
                <c:pt idx="6282">
                  <c:v>62.442</c:v>
                </c:pt>
                <c:pt idx="6283">
                  <c:v>62.453000000000003</c:v>
                </c:pt>
                <c:pt idx="6284">
                  <c:v>62.463000000000001</c:v>
                </c:pt>
                <c:pt idx="6285">
                  <c:v>62.473999999999997</c:v>
                </c:pt>
                <c:pt idx="6286">
                  <c:v>62.484000000000002</c:v>
                </c:pt>
                <c:pt idx="6287">
                  <c:v>62.494</c:v>
                </c:pt>
                <c:pt idx="6288">
                  <c:v>62.505000000000003</c:v>
                </c:pt>
                <c:pt idx="6289">
                  <c:v>62.514000000000003</c:v>
                </c:pt>
                <c:pt idx="6290">
                  <c:v>62.524999999999999</c:v>
                </c:pt>
                <c:pt idx="6291">
                  <c:v>62.533999999999999</c:v>
                </c:pt>
                <c:pt idx="6292">
                  <c:v>62.542999999999999</c:v>
                </c:pt>
                <c:pt idx="6293">
                  <c:v>62.554000000000002</c:v>
                </c:pt>
                <c:pt idx="6294">
                  <c:v>62.563000000000002</c:v>
                </c:pt>
                <c:pt idx="6295">
                  <c:v>62.572000000000003</c:v>
                </c:pt>
                <c:pt idx="6296">
                  <c:v>62.582000000000001</c:v>
                </c:pt>
                <c:pt idx="6297">
                  <c:v>62.591999999999999</c:v>
                </c:pt>
                <c:pt idx="6298">
                  <c:v>62.600999999999999</c:v>
                </c:pt>
                <c:pt idx="6299">
                  <c:v>62.61</c:v>
                </c:pt>
                <c:pt idx="6300">
                  <c:v>62.621000000000002</c:v>
                </c:pt>
                <c:pt idx="6301">
                  <c:v>62.631</c:v>
                </c:pt>
                <c:pt idx="6302">
                  <c:v>62.640999999999998</c:v>
                </c:pt>
                <c:pt idx="6303">
                  <c:v>62.652000000000001</c:v>
                </c:pt>
                <c:pt idx="6304">
                  <c:v>62.661999999999999</c:v>
                </c:pt>
                <c:pt idx="6305">
                  <c:v>62.67</c:v>
                </c:pt>
                <c:pt idx="6306">
                  <c:v>62.67</c:v>
                </c:pt>
                <c:pt idx="6307">
                  <c:v>62.674999999999997</c:v>
                </c:pt>
                <c:pt idx="6308">
                  <c:v>62.683999999999997</c:v>
                </c:pt>
                <c:pt idx="6309">
                  <c:v>62.694000000000003</c:v>
                </c:pt>
                <c:pt idx="6310">
                  <c:v>62.704000000000001</c:v>
                </c:pt>
                <c:pt idx="6311">
                  <c:v>62.713999999999999</c:v>
                </c:pt>
                <c:pt idx="6312">
                  <c:v>62.722999999999999</c:v>
                </c:pt>
                <c:pt idx="6313">
                  <c:v>62.734000000000002</c:v>
                </c:pt>
                <c:pt idx="6314">
                  <c:v>62.744</c:v>
                </c:pt>
                <c:pt idx="6315">
                  <c:v>62.753999999999998</c:v>
                </c:pt>
                <c:pt idx="6316">
                  <c:v>62.765000000000001</c:v>
                </c:pt>
                <c:pt idx="6317">
                  <c:v>62.776000000000003</c:v>
                </c:pt>
                <c:pt idx="6318">
                  <c:v>62.784999999999997</c:v>
                </c:pt>
                <c:pt idx="6319">
                  <c:v>62.795000000000002</c:v>
                </c:pt>
                <c:pt idx="6320">
                  <c:v>62.805999999999997</c:v>
                </c:pt>
                <c:pt idx="6321">
                  <c:v>62.816000000000003</c:v>
                </c:pt>
                <c:pt idx="6322">
                  <c:v>62.826000000000001</c:v>
                </c:pt>
                <c:pt idx="6323">
                  <c:v>62.837000000000003</c:v>
                </c:pt>
                <c:pt idx="6324">
                  <c:v>62.845999999999997</c:v>
                </c:pt>
                <c:pt idx="6325">
                  <c:v>62.856000000000002</c:v>
                </c:pt>
                <c:pt idx="6326">
                  <c:v>62.866</c:v>
                </c:pt>
                <c:pt idx="6327">
                  <c:v>62.875999999999998</c:v>
                </c:pt>
                <c:pt idx="6328">
                  <c:v>62.884999999999998</c:v>
                </c:pt>
                <c:pt idx="6329">
                  <c:v>62.895000000000003</c:v>
                </c:pt>
                <c:pt idx="6330">
                  <c:v>62.904000000000003</c:v>
                </c:pt>
                <c:pt idx="6331">
                  <c:v>62.912999999999997</c:v>
                </c:pt>
                <c:pt idx="6332">
                  <c:v>62.921999999999997</c:v>
                </c:pt>
                <c:pt idx="6333">
                  <c:v>62.933</c:v>
                </c:pt>
                <c:pt idx="6334">
                  <c:v>62.942999999999998</c:v>
                </c:pt>
                <c:pt idx="6335">
                  <c:v>62.951999999999998</c:v>
                </c:pt>
                <c:pt idx="6336">
                  <c:v>62.963000000000001</c:v>
                </c:pt>
                <c:pt idx="6337">
                  <c:v>62.973999999999997</c:v>
                </c:pt>
                <c:pt idx="6338">
                  <c:v>62.982999999999997</c:v>
                </c:pt>
                <c:pt idx="6339">
                  <c:v>62.993000000000002</c:v>
                </c:pt>
                <c:pt idx="6340">
                  <c:v>63.003999999999998</c:v>
                </c:pt>
                <c:pt idx="6341">
                  <c:v>63.014000000000003</c:v>
                </c:pt>
                <c:pt idx="6342">
                  <c:v>63.024000000000001</c:v>
                </c:pt>
                <c:pt idx="6343">
                  <c:v>63.033999999999999</c:v>
                </c:pt>
                <c:pt idx="6344">
                  <c:v>63.042999999999999</c:v>
                </c:pt>
                <c:pt idx="6345">
                  <c:v>63.054000000000002</c:v>
                </c:pt>
                <c:pt idx="6346">
                  <c:v>63.064</c:v>
                </c:pt>
                <c:pt idx="6347">
                  <c:v>63.073999999999998</c:v>
                </c:pt>
                <c:pt idx="6348">
                  <c:v>63.084000000000003</c:v>
                </c:pt>
                <c:pt idx="6349">
                  <c:v>63.094000000000001</c:v>
                </c:pt>
                <c:pt idx="6350">
                  <c:v>63.103000000000002</c:v>
                </c:pt>
                <c:pt idx="6351">
                  <c:v>63.115000000000002</c:v>
                </c:pt>
                <c:pt idx="6352">
                  <c:v>63.124000000000002</c:v>
                </c:pt>
                <c:pt idx="6353">
                  <c:v>63.136000000000003</c:v>
                </c:pt>
                <c:pt idx="6354">
                  <c:v>63.145000000000003</c:v>
                </c:pt>
                <c:pt idx="6355">
                  <c:v>63.155000000000001</c:v>
                </c:pt>
                <c:pt idx="6356">
                  <c:v>63.165999999999997</c:v>
                </c:pt>
                <c:pt idx="6357">
                  <c:v>63.176000000000002</c:v>
                </c:pt>
                <c:pt idx="6358">
                  <c:v>63.186</c:v>
                </c:pt>
                <c:pt idx="6359">
                  <c:v>63.195999999999998</c:v>
                </c:pt>
                <c:pt idx="6360">
                  <c:v>63.207999999999998</c:v>
                </c:pt>
                <c:pt idx="6361">
                  <c:v>63.216999999999999</c:v>
                </c:pt>
                <c:pt idx="6362">
                  <c:v>63.228000000000002</c:v>
                </c:pt>
                <c:pt idx="6363">
                  <c:v>63.238</c:v>
                </c:pt>
                <c:pt idx="6364">
                  <c:v>63.247999999999998</c:v>
                </c:pt>
                <c:pt idx="6365">
                  <c:v>63.259</c:v>
                </c:pt>
                <c:pt idx="6366">
                  <c:v>63.268999999999998</c:v>
                </c:pt>
                <c:pt idx="6367">
                  <c:v>63.279000000000003</c:v>
                </c:pt>
                <c:pt idx="6368">
                  <c:v>63.29</c:v>
                </c:pt>
                <c:pt idx="6369">
                  <c:v>63.3</c:v>
                </c:pt>
                <c:pt idx="6370">
                  <c:v>63.308999999999997</c:v>
                </c:pt>
                <c:pt idx="6371">
                  <c:v>63.32</c:v>
                </c:pt>
                <c:pt idx="6372">
                  <c:v>63.33</c:v>
                </c:pt>
                <c:pt idx="6373">
                  <c:v>63.34</c:v>
                </c:pt>
                <c:pt idx="6374">
                  <c:v>63.35</c:v>
                </c:pt>
                <c:pt idx="6375">
                  <c:v>63.359000000000002</c:v>
                </c:pt>
                <c:pt idx="6376">
                  <c:v>63.369</c:v>
                </c:pt>
                <c:pt idx="6377">
                  <c:v>63.378</c:v>
                </c:pt>
                <c:pt idx="6378">
                  <c:v>63.387</c:v>
                </c:pt>
                <c:pt idx="6379">
                  <c:v>63.396000000000001</c:v>
                </c:pt>
                <c:pt idx="6380">
                  <c:v>63.405000000000001</c:v>
                </c:pt>
                <c:pt idx="6381">
                  <c:v>63.414000000000001</c:v>
                </c:pt>
                <c:pt idx="6382">
                  <c:v>63.423999999999999</c:v>
                </c:pt>
                <c:pt idx="6383">
                  <c:v>63.432000000000002</c:v>
                </c:pt>
                <c:pt idx="6384">
                  <c:v>63.442</c:v>
                </c:pt>
                <c:pt idx="6385">
                  <c:v>63.45</c:v>
                </c:pt>
                <c:pt idx="6386">
                  <c:v>63.457000000000001</c:v>
                </c:pt>
                <c:pt idx="6387">
                  <c:v>63.466000000000001</c:v>
                </c:pt>
                <c:pt idx="6388">
                  <c:v>63.473999999999997</c:v>
                </c:pt>
                <c:pt idx="6389">
                  <c:v>63.481999999999999</c:v>
                </c:pt>
                <c:pt idx="6390">
                  <c:v>63.491</c:v>
                </c:pt>
                <c:pt idx="6391">
                  <c:v>63.499000000000002</c:v>
                </c:pt>
                <c:pt idx="6392">
                  <c:v>63.506999999999998</c:v>
                </c:pt>
                <c:pt idx="6393">
                  <c:v>63.515000000000001</c:v>
                </c:pt>
                <c:pt idx="6394">
                  <c:v>63.523000000000003</c:v>
                </c:pt>
                <c:pt idx="6395">
                  <c:v>63.530999999999999</c:v>
                </c:pt>
                <c:pt idx="6396">
                  <c:v>63.539000000000001</c:v>
                </c:pt>
                <c:pt idx="6397">
                  <c:v>63.546999999999997</c:v>
                </c:pt>
                <c:pt idx="6398">
                  <c:v>63.555999999999997</c:v>
                </c:pt>
                <c:pt idx="6399">
                  <c:v>63.563000000000002</c:v>
                </c:pt>
                <c:pt idx="6400">
                  <c:v>63.57</c:v>
                </c:pt>
                <c:pt idx="6401">
                  <c:v>63.578000000000003</c:v>
                </c:pt>
                <c:pt idx="6402">
                  <c:v>63.585000000000001</c:v>
                </c:pt>
                <c:pt idx="6403">
                  <c:v>63.591000000000001</c:v>
                </c:pt>
                <c:pt idx="6404">
                  <c:v>63.640999999999998</c:v>
                </c:pt>
                <c:pt idx="6405">
                  <c:v>63.651000000000003</c:v>
                </c:pt>
                <c:pt idx="6406">
                  <c:v>63.661999999999999</c:v>
                </c:pt>
                <c:pt idx="6407">
                  <c:v>63.670999999999999</c:v>
                </c:pt>
                <c:pt idx="6408">
                  <c:v>63.682000000000002</c:v>
                </c:pt>
                <c:pt idx="6409">
                  <c:v>63.692</c:v>
                </c:pt>
                <c:pt idx="6410">
                  <c:v>63.701999999999998</c:v>
                </c:pt>
                <c:pt idx="6411">
                  <c:v>63.712000000000003</c:v>
                </c:pt>
                <c:pt idx="6412">
                  <c:v>63.722000000000001</c:v>
                </c:pt>
                <c:pt idx="6413">
                  <c:v>63.731000000000002</c:v>
                </c:pt>
                <c:pt idx="6414">
                  <c:v>63.741</c:v>
                </c:pt>
                <c:pt idx="6415">
                  <c:v>63.75</c:v>
                </c:pt>
                <c:pt idx="6416">
                  <c:v>63.76</c:v>
                </c:pt>
                <c:pt idx="6417">
                  <c:v>63.768999999999998</c:v>
                </c:pt>
                <c:pt idx="6418">
                  <c:v>63.777000000000001</c:v>
                </c:pt>
                <c:pt idx="6419">
                  <c:v>63.786999999999999</c:v>
                </c:pt>
                <c:pt idx="6420">
                  <c:v>63.795999999999999</c:v>
                </c:pt>
                <c:pt idx="6421">
                  <c:v>63.805</c:v>
                </c:pt>
                <c:pt idx="6422">
                  <c:v>63.814</c:v>
                </c:pt>
                <c:pt idx="6423">
                  <c:v>63.823</c:v>
                </c:pt>
                <c:pt idx="6424">
                  <c:v>63.83</c:v>
                </c:pt>
                <c:pt idx="6425">
                  <c:v>63.837000000000003</c:v>
                </c:pt>
                <c:pt idx="6426">
                  <c:v>63.844000000000001</c:v>
                </c:pt>
                <c:pt idx="6427">
                  <c:v>63.853000000000002</c:v>
                </c:pt>
                <c:pt idx="6428">
                  <c:v>63.860999999999997</c:v>
                </c:pt>
                <c:pt idx="6429">
                  <c:v>63.869</c:v>
                </c:pt>
                <c:pt idx="6430">
                  <c:v>63.878999999999998</c:v>
                </c:pt>
                <c:pt idx="6431">
                  <c:v>63.924999999999997</c:v>
                </c:pt>
                <c:pt idx="6432">
                  <c:v>63.933</c:v>
                </c:pt>
                <c:pt idx="6433">
                  <c:v>63.941000000000003</c:v>
                </c:pt>
                <c:pt idx="6434">
                  <c:v>63.948999999999998</c:v>
                </c:pt>
                <c:pt idx="6435">
                  <c:v>63.957000000000001</c:v>
                </c:pt>
                <c:pt idx="6436">
                  <c:v>63.965000000000003</c:v>
                </c:pt>
                <c:pt idx="6437">
                  <c:v>63.972000000000001</c:v>
                </c:pt>
                <c:pt idx="6438">
                  <c:v>63.970999999999997</c:v>
                </c:pt>
                <c:pt idx="6439">
                  <c:v>63.99</c:v>
                </c:pt>
                <c:pt idx="6440">
                  <c:v>63.996000000000002</c:v>
                </c:pt>
                <c:pt idx="6441">
                  <c:v>64.007000000000005</c:v>
                </c:pt>
                <c:pt idx="6442">
                  <c:v>64.013999999999996</c:v>
                </c:pt>
                <c:pt idx="6443">
                  <c:v>64.022000000000006</c:v>
                </c:pt>
                <c:pt idx="6444">
                  <c:v>64.028999999999996</c:v>
                </c:pt>
                <c:pt idx="6445">
                  <c:v>64.072000000000003</c:v>
                </c:pt>
                <c:pt idx="6446">
                  <c:v>64.081999999999994</c:v>
                </c:pt>
                <c:pt idx="6447">
                  <c:v>64.084000000000003</c:v>
                </c:pt>
                <c:pt idx="6448">
                  <c:v>64.097999999999999</c:v>
                </c:pt>
                <c:pt idx="6449">
                  <c:v>64.105999999999995</c:v>
                </c:pt>
                <c:pt idx="6450">
                  <c:v>64.113</c:v>
                </c:pt>
                <c:pt idx="6451">
                  <c:v>64.12</c:v>
                </c:pt>
                <c:pt idx="6452">
                  <c:v>64.131</c:v>
                </c:pt>
                <c:pt idx="6453">
                  <c:v>64.14</c:v>
                </c:pt>
                <c:pt idx="6454">
                  <c:v>64.185000000000002</c:v>
                </c:pt>
                <c:pt idx="6455">
                  <c:v>64.186000000000007</c:v>
                </c:pt>
                <c:pt idx="6456">
                  <c:v>64.206000000000003</c:v>
                </c:pt>
                <c:pt idx="6457">
                  <c:v>64.212999999999994</c:v>
                </c:pt>
                <c:pt idx="6458">
                  <c:v>64.221000000000004</c:v>
                </c:pt>
                <c:pt idx="6459">
                  <c:v>64.23</c:v>
                </c:pt>
                <c:pt idx="6460">
                  <c:v>64.238</c:v>
                </c:pt>
                <c:pt idx="6461">
                  <c:v>64.245000000000005</c:v>
                </c:pt>
                <c:pt idx="6462">
                  <c:v>64.251999999999995</c:v>
                </c:pt>
                <c:pt idx="6463">
                  <c:v>64.259</c:v>
                </c:pt>
                <c:pt idx="6464">
                  <c:v>64.266999999999996</c:v>
                </c:pt>
                <c:pt idx="6465">
                  <c:v>64.275999999999996</c:v>
                </c:pt>
                <c:pt idx="6466">
                  <c:v>64.284000000000006</c:v>
                </c:pt>
                <c:pt idx="6467">
                  <c:v>64.293999999999997</c:v>
                </c:pt>
                <c:pt idx="6468">
                  <c:v>64.302999999999997</c:v>
                </c:pt>
                <c:pt idx="6469">
                  <c:v>64.313000000000002</c:v>
                </c:pt>
                <c:pt idx="6470">
                  <c:v>64.322000000000003</c:v>
                </c:pt>
                <c:pt idx="6471">
                  <c:v>64.331000000000003</c:v>
                </c:pt>
                <c:pt idx="6472">
                  <c:v>64.34</c:v>
                </c:pt>
                <c:pt idx="6473">
                  <c:v>64.350999999999999</c:v>
                </c:pt>
                <c:pt idx="6474">
                  <c:v>64.36</c:v>
                </c:pt>
                <c:pt idx="6475">
                  <c:v>64.37</c:v>
                </c:pt>
                <c:pt idx="6476">
                  <c:v>64.379000000000005</c:v>
                </c:pt>
                <c:pt idx="6477">
                  <c:v>64.388000000000005</c:v>
                </c:pt>
                <c:pt idx="6478">
                  <c:v>64.397000000000006</c:v>
                </c:pt>
                <c:pt idx="6479">
                  <c:v>64.406999999999996</c:v>
                </c:pt>
                <c:pt idx="6480">
                  <c:v>64.415999999999997</c:v>
                </c:pt>
                <c:pt idx="6481">
                  <c:v>64.427000000000007</c:v>
                </c:pt>
                <c:pt idx="6482">
                  <c:v>64.436000000000007</c:v>
                </c:pt>
                <c:pt idx="6483">
                  <c:v>64.445999999999998</c:v>
                </c:pt>
                <c:pt idx="6484">
                  <c:v>64.456000000000003</c:v>
                </c:pt>
                <c:pt idx="6485">
                  <c:v>64.465999999999994</c:v>
                </c:pt>
                <c:pt idx="6486">
                  <c:v>64.474999999999994</c:v>
                </c:pt>
                <c:pt idx="6487">
                  <c:v>64.486000000000004</c:v>
                </c:pt>
                <c:pt idx="6488">
                  <c:v>64.494</c:v>
                </c:pt>
                <c:pt idx="6489">
                  <c:v>64.501999999999995</c:v>
                </c:pt>
                <c:pt idx="6490">
                  <c:v>64.513000000000005</c:v>
                </c:pt>
                <c:pt idx="6491">
                  <c:v>64.522000000000006</c:v>
                </c:pt>
                <c:pt idx="6492">
                  <c:v>64.531999999999996</c:v>
                </c:pt>
                <c:pt idx="6493">
                  <c:v>64.540999999999997</c:v>
                </c:pt>
                <c:pt idx="6494">
                  <c:v>64.55</c:v>
                </c:pt>
                <c:pt idx="6495">
                  <c:v>64.558999999999997</c:v>
                </c:pt>
                <c:pt idx="6496">
                  <c:v>64.569000000000003</c:v>
                </c:pt>
                <c:pt idx="6497">
                  <c:v>64.578999999999994</c:v>
                </c:pt>
                <c:pt idx="6498">
                  <c:v>64.587999999999994</c:v>
                </c:pt>
                <c:pt idx="6499">
                  <c:v>64.597999999999999</c:v>
                </c:pt>
                <c:pt idx="6500">
                  <c:v>64.606999999999999</c:v>
                </c:pt>
                <c:pt idx="6501">
                  <c:v>64.616</c:v>
                </c:pt>
                <c:pt idx="6502">
                  <c:v>64.626000000000005</c:v>
                </c:pt>
                <c:pt idx="6503">
                  <c:v>64.635999999999996</c:v>
                </c:pt>
                <c:pt idx="6504">
                  <c:v>64.646000000000001</c:v>
                </c:pt>
                <c:pt idx="6505">
                  <c:v>64.655000000000001</c:v>
                </c:pt>
                <c:pt idx="6506">
                  <c:v>64.664000000000001</c:v>
                </c:pt>
                <c:pt idx="6507">
                  <c:v>64.673000000000002</c:v>
                </c:pt>
                <c:pt idx="6508">
                  <c:v>64.680999999999997</c:v>
                </c:pt>
                <c:pt idx="6509">
                  <c:v>64.69</c:v>
                </c:pt>
                <c:pt idx="6510">
                  <c:v>64.698999999999998</c:v>
                </c:pt>
                <c:pt idx="6511">
                  <c:v>64.709000000000003</c:v>
                </c:pt>
                <c:pt idx="6512">
                  <c:v>64.718000000000004</c:v>
                </c:pt>
                <c:pt idx="6513">
                  <c:v>64.727000000000004</c:v>
                </c:pt>
                <c:pt idx="6514">
                  <c:v>64.736999999999995</c:v>
                </c:pt>
                <c:pt idx="6515">
                  <c:v>64.745999999999995</c:v>
                </c:pt>
                <c:pt idx="6516">
                  <c:v>64.756</c:v>
                </c:pt>
                <c:pt idx="6517">
                  <c:v>64.765000000000001</c:v>
                </c:pt>
                <c:pt idx="6518">
                  <c:v>64.774000000000001</c:v>
                </c:pt>
                <c:pt idx="6519">
                  <c:v>64.784999999999997</c:v>
                </c:pt>
                <c:pt idx="6520">
                  <c:v>64.793999999999997</c:v>
                </c:pt>
                <c:pt idx="6521">
                  <c:v>64.804000000000002</c:v>
                </c:pt>
                <c:pt idx="6522">
                  <c:v>64.814999999999998</c:v>
                </c:pt>
                <c:pt idx="6523">
                  <c:v>64.823999999999998</c:v>
                </c:pt>
                <c:pt idx="6524">
                  <c:v>64.834000000000003</c:v>
                </c:pt>
                <c:pt idx="6525">
                  <c:v>64.844999999999999</c:v>
                </c:pt>
                <c:pt idx="6526">
                  <c:v>64.855000000000004</c:v>
                </c:pt>
                <c:pt idx="6527">
                  <c:v>64.864000000000004</c:v>
                </c:pt>
                <c:pt idx="6528">
                  <c:v>64.875</c:v>
                </c:pt>
                <c:pt idx="6529">
                  <c:v>64.885000000000005</c:v>
                </c:pt>
                <c:pt idx="6530">
                  <c:v>64.894999999999996</c:v>
                </c:pt>
                <c:pt idx="6531">
                  <c:v>64.905000000000001</c:v>
                </c:pt>
                <c:pt idx="6532">
                  <c:v>64.915999999999997</c:v>
                </c:pt>
                <c:pt idx="6533">
                  <c:v>64.965000000000003</c:v>
                </c:pt>
                <c:pt idx="6534">
                  <c:v>64.975999999999999</c:v>
                </c:pt>
                <c:pt idx="6535">
                  <c:v>64.986000000000004</c:v>
                </c:pt>
                <c:pt idx="6536">
                  <c:v>64.997</c:v>
                </c:pt>
                <c:pt idx="6537">
                  <c:v>65.007000000000005</c:v>
                </c:pt>
                <c:pt idx="6538">
                  <c:v>65.018000000000001</c:v>
                </c:pt>
                <c:pt idx="6539">
                  <c:v>65.028000000000006</c:v>
                </c:pt>
                <c:pt idx="6540">
                  <c:v>65.037999999999997</c:v>
                </c:pt>
                <c:pt idx="6541">
                  <c:v>65.048000000000002</c:v>
                </c:pt>
                <c:pt idx="6542">
                  <c:v>65.058999999999997</c:v>
                </c:pt>
                <c:pt idx="6543">
                  <c:v>65.069000000000003</c:v>
                </c:pt>
                <c:pt idx="6544">
                  <c:v>65.078999999999994</c:v>
                </c:pt>
                <c:pt idx="6545">
                  <c:v>65.09</c:v>
                </c:pt>
                <c:pt idx="6546">
                  <c:v>65.099999999999994</c:v>
                </c:pt>
                <c:pt idx="6547">
                  <c:v>65.108999999999995</c:v>
                </c:pt>
                <c:pt idx="6548">
                  <c:v>65.120999999999995</c:v>
                </c:pt>
                <c:pt idx="6549">
                  <c:v>65.13</c:v>
                </c:pt>
                <c:pt idx="6550">
                  <c:v>65.141000000000005</c:v>
                </c:pt>
                <c:pt idx="6551">
                  <c:v>65.150000000000006</c:v>
                </c:pt>
                <c:pt idx="6552">
                  <c:v>65.16</c:v>
                </c:pt>
                <c:pt idx="6553">
                  <c:v>65.171000000000006</c:v>
                </c:pt>
                <c:pt idx="6554">
                  <c:v>65.180999999999997</c:v>
                </c:pt>
                <c:pt idx="6555">
                  <c:v>65.191999999999993</c:v>
                </c:pt>
                <c:pt idx="6556">
                  <c:v>65.200999999999993</c:v>
                </c:pt>
                <c:pt idx="6557">
                  <c:v>65.210999999999999</c:v>
                </c:pt>
                <c:pt idx="6558">
                  <c:v>65.221000000000004</c:v>
                </c:pt>
                <c:pt idx="6559">
                  <c:v>65.231999999999999</c:v>
                </c:pt>
                <c:pt idx="6560">
                  <c:v>65.241</c:v>
                </c:pt>
                <c:pt idx="6561">
                  <c:v>65.25</c:v>
                </c:pt>
                <c:pt idx="6562">
                  <c:v>65.260999999999996</c:v>
                </c:pt>
                <c:pt idx="6563">
                  <c:v>65.271000000000001</c:v>
                </c:pt>
                <c:pt idx="6564">
                  <c:v>65.281000000000006</c:v>
                </c:pt>
                <c:pt idx="6565">
                  <c:v>65.290999999999997</c:v>
                </c:pt>
                <c:pt idx="6566">
                  <c:v>65.302000000000007</c:v>
                </c:pt>
                <c:pt idx="6567">
                  <c:v>65.311999999999998</c:v>
                </c:pt>
                <c:pt idx="6568">
                  <c:v>65.322000000000003</c:v>
                </c:pt>
                <c:pt idx="6569">
                  <c:v>65.332999999999998</c:v>
                </c:pt>
                <c:pt idx="6570">
                  <c:v>65.343000000000004</c:v>
                </c:pt>
                <c:pt idx="6571">
                  <c:v>65.400999999999996</c:v>
                </c:pt>
                <c:pt idx="6572">
                  <c:v>65.411000000000001</c:v>
                </c:pt>
                <c:pt idx="6573">
                  <c:v>65.421000000000006</c:v>
                </c:pt>
                <c:pt idx="6574">
                  <c:v>65.430999999999997</c:v>
                </c:pt>
                <c:pt idx="6575">
                  <c:v>65.441000000000003</c:v>
                </c:pt>
                <c:pt idx="6576">
                  <c:v>65.451999999999998</c:v>
                </c:pt>
                <c:pt idx="6577">
                  <c:v>65.462000000000003</c:v>
                </c:pt>
                <c:pt idx="6578">
                  <c:v>65.471999999999994</c:v>
                </c:pt>
                <c:pt idx="6579">
                  <c:v>65.483000000000004</c:v>
                </c:pt>
                <c:pt idx="6580">
                  <c:v>65.492999999999995</c:v>
                </c:pt>
                <c:pt idx="6581">
                  <c:v>65.504000000000005</c:v>
                </c:pt>
                <c:pt idx="6582">
                  <c:v>65.513999999999996</c:v>
                </c:pt>
                <c:pt idx="6583">
                  <c:v>65.524000000000001</c:v>
                </c:pt>
                <c:pt idx="6584">
                  <c:v>65.534000000000006</c:v>
                </c:pt>
                <c:pt idx="6585">
                  <c:v>65.545000000000002</c:v>
                </c:pt>
                <c:pt idx="6586">
                  <c:v>65.555000000000007</c:v>
                </c:pt>
                <c:pt idx="6587">
                  <c:v>65.564999999999998</c:v>
                </c:pt>
                <c:pt idx="6588">
                  <c:v>65.573999999999998</c:v>
                </c:pt>
                <c:pt idx="6589">
                  <c:v>65.585999999999999</c:v>
                </c:pt>
                <c:pt idx="6590">
                  <c:v>65.594999999999999</c:v>
                </c:pt>
                <c:pt idx="6591">
                  <c:v>65.605000000000004</c:v>
                </c:pt>
                <c:pt idx="6592">
                  <c:v>65.616</c:v>
                </c:pt>
                <c:pt idx="6593">
                  <c:v>65.626000000000005</c:v>
                </c:pt>
                <c:pt idx="6594">
                  <c:v>65.635999999999996</c:v>
                </c:pt>
                <c:pt idx="6595">
                  <c:v>65.646000000000001</c:v>
                </c:pt>
                <c:pt idx="6596">
                  <c:v>65.656999999999996</c:v>
                </c:pt>
                <c:pt idx="6597">
                  <c:v>65.667000000000002</c:v>
                </c:pt>
                <c:pt idx="6598">
                  <c:v>65.677999999999997</c:v>
                </c:pt>
                <c:pt idx="6599">
                  <c:v>65.688000000000002</c:v>
                </c:pt>
                <c:pt idx="6600">
                  <c:v>65.697000000000003</c:v>
                </c:pt>
                <c:pt idx="6601">
                  <c:v>65.706999999999994</c:v>
                </c:pt>
                <c:pt idx="6602">
                  <c:v>65.718000000000004</c:v>
                </c:pt>
                <c:pt idx="6603">
                  <c:v>65.727000000000004</c:v>
                </c:pt>
                <c:pt idx="6604">
                  <c:v>65.738</c:v>
                </c:pt>
                <c:pt idx="6605">
                  <c:v>65.748000000000005</c:v>
                </c:pt>
                <c:pt idx="6606">
                  <c:v>65.757999999999996</c:v>
                </c:pt>
                <c:pt idx="6607">
                  <c:v>65.769000000000005</c:v>
                </c:pt>
                <c:pt idx="6608">
                  <c:v>65.778000000000006</c:v>
                </c:pt>
                <c:pt idx="6609">
                  <c:v>65.787999999999997</c:v>
                </c:pt>
                <c:pt idx="6610">
                  <c:v>65.799000000000007</c:v>
                </c:pt>
                <c:pt idx="6611">
                  <c:v>65.808000000000007</c:v>
                </c:pt>
                <c:pt idx="6612">
                  <c:v>65.819000000000003</c:v>
                </c:pt>
                <c:pt idx="6613">
                  <c:v>65.828999999999994</c:v>
                </c:pt>
                <c:pt idx="6614">
                  <c:v>65.838999999999999</c:v>
                </c:pt>
                <c:pt idx="6615">
                  <c:v>65.849999999999994</c:v>
                </c:pt>
                <c:pt idx="6616">
                  <c:v>65.858999999999995</c:v>
                </c:pt>
                <c:pt idx="6617">
                  <c:v>65.87</c:v>
                </c:pt>
                <c:pt idx="6618">
                  <c:v>65.88</c:v>
                </c:pt>
                <c:pt idx="6619">
                  <c:v>65.888999999999996</c:v>
                </c:pt>
                <c:pt idx="6620">
                  <c:v>65.899000000000001</c:v>
                </c:pt>
                <c:pt idx="6621">
                  <c:v>65.91</c:v>
                </c:pt>
                <c:pt idx="6622">
                  <c:v>65.92</c:v>
                </c:pt>
                <c:pt idx="6623">
                  <c:v>65.930000000000007</c:v>
                </c:pt>
                <c:pt idx="6624">
                  <c:v>65.938999999999993</c:v>
                </c:pt>
                <c:pt idx="6625">
                  <c:v>65.95</c:v>
                </c:pt>
                <c:pt idx="6626">
                  <c:v>65.959000000000003</c:v>
                </c:pt>
                <c:pt idx="6627">
                  <c:v>65.968999999999994</c:v>
                </c:pt>
                <c:pt idx="6628">
                  <c:v>65.978999999999999</c:v>
                </c:pt>
                <c:pt idx="6629">
                  <c:v>65.986999999999995</c:v>
                </c:pt>
                <c:pt idx="6630">
                  <c:v>65.995000000000005</c:v>
                </c:pt>
                <c:pt idx="6631">
                  <c:v>66.003</c:v>
                </c:pt>
                <c:pt idx="6632">
                  <c:v>66.012</c:v>
                </c:pt>
                <c:pt idx="6633">
                  <c:v>66.022999999999996</c:v>
                </c:pt>
                <c:pt idx="6634">
                  <c:v>66.031999999999996</c:v>
                </c:pt>
                <c:pt idx="6635">
                  <c:v>66.040000000000006</c:v>
                </c:pt>
                <c:pt idx="6636">
                  <c:v>66.049000000000007</c:v>
                </c:pt>
                <c:pt idx="6637">
                  <c:v>66.058000000000007</c:v>
                </c:pt>
                <c:pt idx="6638">
                  <c:v>66.066000000000003</c:v>
                </c:pt>
                <c:pt idx="6639">
                  <c:v>66.073999999999998</c:v>
                </c:pt>
                <c:pt idx="6640">
                  <c:v>66.081999999999994</c:v>
                </c:pt>
                <c:pt idx="6641">
                  <c:v>66.090999999999994</c:v>
                </c:pt>
                <c:pt idx="6642">
                  <c:v>66.100999999999999</c:v>
                </c:pt>
                <c:pt idx="6643">
                  <c:v>66.111000000000004</c:v>
                </c:pt>
                <c:pt idx="6644">
                  <c:v>66.162999999999997</c:v>
                </c:pt>
                <c:pt idx="6645">
                  <c:v>66.173000000000002</c:v>
                </c:pt>
                <c:pt idx="6646">
                  <c:v>66.183000000000007</c:v>
                </c:pt>
                <c:pt idx="6647">
                  <c:v>66.192999999999998</c:v>
                </c:pt>
                <c:pt idx="6648">
                  <c:v>66.248999999999995</c:v>
                </c:pt>
                <c:pt idx="6649">
                  <c:v>66.259</c:v>
                </c:pt>
                <c:pt idx="6650">
                  <c:v>66.269000000000005</c:v>
                </c:pt>
                <c:pt idx="6651">
                  <c:v>66.28</c:v>
                </c:pt>
                <c:pt idx="6652">
                  <c:v>66.289000000000001</c:v>
                </c:pt>
                <c:pt idx="6653">
                  <c:v>66.301000000000002</c:v>
                </c:pt>
                <c:pt idx="6654">
                  <c:v>66.311000000000007</c:v>
                </c:pt>
                <c:pt idx="6655">
                  <c:v>66.319999999999993</c:v>
                </c:pt>
                <c:pt idx="6656">
                  <c:v>66.331000000000003</c:v>
                </c:pt>
                <c:pt idx="6657">
                  <c:v>66.340999999999994</c:v>
                </c:pt>
                <c:pt idx="6658">
                  <c:v>66.352000000000004</c:v>
                </c:pt>
                <c:pt idx="6659">
                  <c:v>66.361999999999995</c:v>
                </c:pt>
                <c:pt idx="6660">
                  <c:v>66.373000000000005</c:v>
                </c:pt>
                <c:pt idx="6661">
                  <c:v>66.382999999999996</c:v>
                </c:pt>
                <c:pt idx="6662">
                  <c:v>66.393000000000001</c:v>
                </c:pt>
                <c:pt idx="6663">
                  <c:v>66.403000000000006</c:v>
                </c:pt>
                <c:pt idx="6664">
                  <c:v>66.412999999999997</c:v>
                </c:pt>
                <c:pt idx="6665">
                  <c:v>66.424000000000007</c:v>
                </c:pt>
                <c:pt idx="6666">
                  <c:v>66.433999999999997</c:v>
                </c:pt>
                <c:pt idx="6667">
                  <c:v>66.442999999999998</c:v>
                </c:pt>
                <c:pt idx="6668">
                  <c:v>66.454999999999998</c:v>
                </c:pt>
                <c:pt idx="6669">
                  <c:v>66.465000000000003</c:v>
                </c:pt>
                <c:pt idx="6670">
                  <c:v>66.474000000000004</c:v>
                </c:pt>
                <c:pt idx="6671">
                  <c:v>66.483999999999995</c:v>
                </c:pt>
                <c:pt idx="6672">
                  <c:v>66.495000000000005</c:v>
                </c:pt>
                <c:pt idx="6673">
                  <c:v>66.504999999999995</c:v>
                </c:pt>
                <c:pt idx="6674">
                  <c:v>66.513999999999996</c:v>
                </c:pt>
                <c:pt idx="6675">
                  <c:v>66.525000000000006</c:v>
                </c:pt>
                <c:pt idx="6676">
                  <c:v>66.534999999999997</c:v>
                </c:pt>
                <c:pt idx="6677">
                  <c:v>66.545000000000002</c:v>
                </c:pt>
                <c:pt idx="6678">
                  <c:v>66.555999999999997</c:v>
                </c:pt>
                <c:pt idx="6679">
                  <c:v>66.564999999999998</c:v>
                </c:pt>
                <c:pt idx="6680">
                  <c:v>66.573999999999998</c:v>
                </c:pt>
                <c:pt idx="6681">
                  <c:v>66.584000000000003</c:v>
                </c:pt>
                <c:pt idx="6682">
                  <c:v>66.593999999999994</c:v>
                </c:pt>
                <c:pt idx="6683">
                  <c:v>66.603999999999999</c:v>
                </c:pt>
                <c:pt idx="6684">
                  <c:v>66.613</c:v>
                </c:pt>
                <c:pt idx="6685">
                  <c:v>66.623000000000005</c:v>
                </c:pt>
                <c:pt idx="6686">
                  <c:v>66.632000000000005</c:v>
                </c:pt>
                <c:pt idx="6687">
                  <c:v>66.641000000000005</c:v>
                </c:pt>
                <c:pt idx="6688">
                  <c:v>66.652000000000001</c:v>
                </c:pt>
                <c:pt idx="6689">
                  <c:v>66.66</c:v>
                </c:pt>
                <c:pt idx="6690">
                  <c:v>66.671000000000006</c:v>
                </c:pt>
                <c:pt idx="6691">
                  <c:v>66.680000000000007</c:v>
                </c:pt>
                <c:pt idx="6692">
                  <c:v>66.69</c:v>
                </c:pt>
                <c:pt idx="6693">
                  <c:v>66.7</c:v>
                </c:pt>
                <c:pt idx="6694">
                  <c:v>66.709999999999994</c:v>
                </c:pt>
                <c:pt idx="6695">
                  <c:v>66.718999999999994</c:v>
                </c:pt>
                <c:pt idx="6696">
                  <c:v>66.73</c:v>
                </c:pt>
                <c:pt idx="6697">
                  <c:v>66.739000000000004</c:v>
                </c:pt>
                <c:pt idx="6698">
                  <c:v>66.748000000000005</c:v>
                </c:pt>
                <c:pt idx="6699">
                  <c:v>66.759</c:v>
                </c:pt>
                <c:pt idx="6700">
                  <c:v>66.769000000000005</c:v>
                </c:pt>
                <c:pt idx="6701">
                  <c:v>66.778999999999996</c:v>
                </c:pt>
                <c:pt idx="6702">
                  <c:v>66.789000000000001</c:v>
                </c:pt>
                <c:pt idx="6703">
                  <c:v>66.799000000000007</c:v>
                </c:pt>
                <c:pt idx="6704">
                  <c:v>66.808999999999997</c:v>
                </c:pt>
                <c:pt idx="6705">
                  <c:v>66.819999999999993</c:v>
                </c:pt>
                <c:pt idx="6706">
                  <c:v>66.83</c:v>
                </c:pt>
                <c:pt idx="6707">
                  <c:v>66.840999999999994</c:v>
                </c:pt>
                <c:pt idx="6708">
                  <c:v>66.850999999999999</c:v>
                </c:pt>
                <c:pt idx="6709">
                  <c:v>66.861000000000004</c:v>
                </c:pt>
                <c:pt idx="6710">
                  <c:v>66.870999999999995</c:v>
                </c:pt>
                <c:pt idx="6711">
                  <c:v>66.882000000000005</c:v>
                </c:pt>
                <c:pt idx="6712">
                  <c:v>66.891999999999996</c:v>
                </c:pt>
                <c:pt idx="6713">
                  <c:v>66.900999999999996</c:v>
                </c:pt>
                <c:pt idx="6714">
                  <c:v>66.912000000000006</c:v>
                </c:pt>
                <c:pt idx="6715">
                  <c:v>66.921999999999997</c:v>
                </c:pt>
                <c:pt idx="6716">
                  <c:v>66.933000000000007</c:v>
                </c:pt>
                <c:pt idx="6717">
                  <c:v>66.942999999999998</c:v>
                </c:pt>
                <c:pt idx="6718">
                  <c:v>66.951999999999998</c:v>
                </c:pt>
                <c:pt idx="6719">
                  <c:v>66.962999999999994</c:v>
                </c:pt>
                <c:pt idx="6720">
                  <c:v>66.974999999999994</c:v>
                </c:pt>
                <c:pt idx="6721">
                  <c:v>66.983999999999995</c:v>
                </c:pt>
                <c:pt idx="6722">
                  <c:v>66.992999999999995</c:v>
                </c:pt>
                <c:pt idx="6723">
                  <c:v>67.004000000000005</c:v>
                </c:pt>
                <c:pt idx="6724">
                  <c:v>67.013999999999996</c:v>
                </c:pt>
                <c:pt idx="6725">
                  <c:v>67.024000000000001</c:v>
                </c:pt>
                <c:pt idx="6726">
                  <c:v>67.034999999999997</c:v>
                </c:pt>
                <c:pt idx="6727">
                  <c:v>67.045000000000002</c:v>
                </c:pt>
                <c:pt idx="6728">
                  <c:v>67.055999999999997</c:v>
                </c:pt>
                <c:pt idx="6729">
                  <c:v>67.066000000000003</c:v>
                </c:pt>
                <c:pt idx="6730">
                  <c:v>67.075999999999993</c:v>
                </c:pt>
                <c:pt idx="6731">
                  <c:v>67.085999999999999</c:v>
                </c:pt>
                <c:pt idx="6732">
                  <c:v>67.096000000000004</c:v>
                </c:pt>
                <c:pt idx="6733">
                  <c:v>67.106999999999999</c:v>
                </c:pt>
                <c:pt idx="6734">
                  <c:v>67.117000000000004</c:v>
                </c:pt>
                <c:pt idx="6735">
                  <c:v>67.126000000000005</c:v>
                </c:pt>
                <c:pt idx="6736">
                  <c:v>67.135999999999996</c:v>
                </c:pt>
                <c:pt idx="6737">
                  <c:v>67.147000000000006</c:v>
                </c:pt>
                <c:pt idx="6738">
                  <c:v>67.156999999999996</c:v>
                </c:pt>
                <c:pt idx="6739">
                  <c:v>67.168000000000006</c:v>
                </c:pt>
                <c:pt idx="6740">
                  <c:v>67.177999999999997</c:v>
                </c:pt>
                <c:pt idx="6741">
                  <c:v>67.188000000000002</c:v>
                </c:pt>
                <c:pt idx="6742">
                  <c:v>67.198999999999998</c:v>
                </c:pt>
                <c:pt idx="6743">
                  <c:v>67.209000000000003</c:v>
                </c:pt>
                <c:pt idx="6744">
                  <c:v>67.218999999999994</c:v>
                </c:pt>
                <c:pt idx="6745">
                  <c:v>67.228999999999999</c:v>
                </c:pt>
                <c:pt idx="6746">
                  <c:v>67.239000000000004</c:v>
                </c:pt>
                <c:pt idx="6747">
                  <c:v>67.25</c:v>
                </c:pt>
                <c:pt idx="6748">
                  <c:v>67.260000000000005</c:v>
                </c:pt>
                <c:pt idx="6749">
                  <c:v>67.27</c:v>
                </c:pt>
                <c:pt idx="6750">
                  <c:v>67.28</c:v>
                </c:pt>
                <c:pt idx="6751">
                  <c:v>67.290999999999997</c:v>
                </c:pt>
                <c:pt idx="6752">
                  <c:v>67.301000000000002</c:v>
                </c:pt>
                <c:pt idx="6753">
                  <c:v>67.311999999999998</c:v>
                </c:pt>
                <c:pt idx="6754">
                  <c:v>67.322000000000003</c:v>
                </c:pt>
                <c:pt idx="6755">
                  <c:v>67.331999999999994</c:v>
                </c:pt>
                <c:pt idx="6756">
                  <c:v>67.341999999999999</c:v>
                </c:pt>
                <c:pt idx="6757">
                  <c:v>67.353999999999999</c:v>
                </c:pt>
                <c:pt idx="6758">
                  <c:v>67.364000000000004</c:v>
                </c:pt>
                <c:pt idx="6759">
                  <c:v>67.373999999999995</c:v>
                </c:pt>
                <c:pt idx="6760">
                  <c:v>67.384</c:v>
                </c:pt>
                <c:pt idx="6761">
                  <c:v>67.394999999999996</c:v>
                </c:pt>
                <c:pt idx="6762">
                  <c:v>67.403999999999996</c:v>
                </c:pt>
                <c:pt idx="6763">
                  <c:v>67.414000000000001</c:v>
                </c:pt>
                <c:pt idx="6764">
                  <c:v>67.424999999999997</c:v>
                </c:pt>
                <c:pt idx="6765">
                  <c:v>67.435000000000002</c:v>
                </c:pt>
                <c:pt idx="6766">
                  <c:v>67.445999999999998</c:v>
                </c:pt>
                <c:pt idx="6767">
                  <c:v>67.456000000000003</c:v>
                </c:pt>
                <c:pt idx="6768">
                  <c:v>67.465999999999994</c:v>
                </c:pt>
                <c:pt idx="6769">
                  <c:v>67.477000000000004</c:v>
                </c:pt>
                <c:pt idx="6770">
                  <c:v>67.486000000000004</c:v>
                </c:pt>
                <c:pt idx="6771">
                  <c:v>67.495999999999995</c:v>
                </c:pt>
                <c:pt idx="6772">
                  <c:v>67.507999999999996</c:v>
                </c:pt>
                <c:pt idx="6773">
                  <c:v>67.518000000000001</c:v>
                </c:pt>
                <c:pt idx="6774">
                  <c:v>67.527000000000001</c:v>
                </c:pt>
                <c:pt idx="6775">
                  <c:v>67.537999999999997</c:v>
                </c:pt>
                <c:pt idx="6776">
                  <c:v>67.549000000000007</c:v>
                </c:pt>
                <c:pt idx="6777">
                  <c:v>67.558000000000007</c:v>
                </c:pt>
                <c:pt idx="6778">
                  <c:v>67.569000000000003</c:v>
                </c:pt>
                <c:pt idx="6779">
                  <c:v>67.578000000000003</c:v>
                </c:pt>
                <c:pt idx="6780">
                  <c:v>67.588999999999999</c:v>
                </c:pt>
                <c:pt idx="6781">
                  <c:v>67.597999999999999</c:v>
                </c:pt>
                <c:pt idx="6782">
                  <c:v>67.61</c:v>
                </c:pt>
                <c:pt idx="6783">
                  <c:v>67.62</c:v>
                </c:pt>
                <c:pt idx="6784">
                  <c:v>67.63</c:v>
                </c:pt>
                <c:pt idx="6785">
                  <c:v>67.641000000000005</c:v>
                </c:pt>
                <c:pt idx="6786">
                  <c:v>67.650999999999996</c:v>
                </c:pt>
                <c:pt idx="6787">
                  <c:v>67.661000000000001</c:v>
                </c:pt>
                <c:pt idx="6788">
                  <c:v>67.671000000000006</c:v>
                </c:pt>
                <c:pt idx="6789">
                  <c:v>67.680999999999997</c:v>
                </c:pt>
                <c:pt idx="6790">
                  <c:v>67.691999999999993</c:v>
                </c:pt>
                <c:pt idx="6791">
                  <c:v>67.701999999999998</c:v>
                </c:pt>
                <c:pt idx="6792">
                  <c:v>67.710999999999999</c:v>
                </c:pt>
                <c:pt idx="6793">
                  <c:v>67.721999999999994</c:v>
                </c:pt>
                <c:pt idx="6794">
                  <c:v>67.731999999999999</c:v>
                </c:pt>
                <c:pt idx="6795">
                  <c:v>67.741</c:v>
                </c:pt>
                <c:pt idx="6796">
                  <c:v>67.751999999999995</c:v>
                </c:pt>
                <c:pt idx="6797">
                  <c:v>67.760999999999996</c:v>
                </c:pt>
                <c:pt idx="6798">
                  <c:v>67.772000000000006</c:v>
                </c:pt>
                <c:pt idx="6799">
                  <c:v>67.781999999999996</c:v>
                </c:pt>
                <c:pt idx="6800">
                  <c:v>67.792000000000002</c:v>
                </c:pt>
                <c:pt idx="6801">
                  <c:v>67.804000000000002</c:v>
                </c:pt>
                <c:pt idx="6802">
                  <c:v>67.813999999999993</c:v>
                </c:pt>
                <c:pt idx="6803">
                  <c:v>67.825000000000003</c:v>
                </c:pt>
                <c:pt idx="6804">
                  <c:v>67.834999999999994</c:v>
                </c:pt>
                <c:pt idx="6805">
                  <c:v>67.846999999999994</c:v>
                </c:pt>
                <c:pt idx="6806">
                  <c:v>67.858000000000004</c:v>
                </c:pt>
                <c:pt idx="6807">
                  <c:v>67.867999999999995</c:v>
                </c:pt>
                <c:pt idx="6808">
                  <c:v>67.878</c:v>
                </c:pt>
                <c:pt idx="6809">
                  <c:v>67.89</c:v>
                </c:pt>
                <c:pt idx="6810">
                  <c:v>67.900000000000006</c:v>
                </c:pt>
                <c:pt idx="6811">
                  <c:v>67.909000000000006</c:v>
                </c:pt>
                <c:pt idx="6812">
                  <c:v>67.92</c:v>
                </c:pt>
                <c:pt idx="6813">
                  <c:v>67.930000000000007</c:v>
                </c:pt>
                <c:pt idx="6814">
                  <c:v>67.94</c:v>
                </c:pt>
                <c:pt idx="6815">
                  <c:v>67.95</c:v>
                </c:pt>
                <c:pt idx="6816">
                  <c:v>67.960999999999999</c:v>
                </c:pt>
                <c:pt idx="6817">
                  <c:v>67.971000000000004</c:v>
                </c:pt>
                <c:pt idx="6818">
                  <c:v>67.983000000000004</c:v>
                </c:pt>
                <c:pt idx="6819">
                  <c:v>67.992000000000004</c:v>
                </c:pt>
                <c:pt idx="6820">
                  <c:v>68.001000000000005</c:v>
                </c:pt>
                <c:pt idx="6821">
                  <c:v>68.012</c:v>
                </c:pt>
                <c:pt idx="6822">
                  <c:v>68.021000000000001</c:v>
                </c:pt>
                <c:pt idx="6823">
                  <c:v>68.03</c:v>
                </c:pt>
                <c:pt idx="6824">
                  <c:v>68.040000000000006</c:v>
                </c:pt>
                <c:pt idx="6825">
                  <c:v>68.05</c:v>
                </c:pt>
                <c:pt idx="6826">
                  <c:v>68.06</c:v>
                </c:pt>
                <c:pt idx="6827">
                  <c:v>68.069000000000003</c:v>
                </c:pt>
                <c:pt idx="6828">
                  <c:v>68.078000000000003</c:v>
                </c:pt>
                <c:pt idx="6829">
                  <c:v>68.088999999999999</c:v>
                </c:pt>
                <c:pt idx="6830">
                  <c:v>68.097999999999999</c:v>
                </c:pt>
                <c:pt idx="6831">
                  <c:v>68.108000000000004</c:v>
                </c:pt>
                <c:pt idx="6832">
                  <c:v>68.117999999999995</c:v>
                </c:pt>
                <c:pt idx="6833">
                  <c:v>68.128</c:v>
                </c:pt>
                <c:pt idx="6834">
                  <c:v>68.137</c:v>
                </c:pt>
                <c:pt idx="6835">
                  <c:v>68.147999999999996</c:v>
                </c:pt>
                <c:pt idx="6836">
                  <c:v>68.156999999999996</c:v>
                </c:pt>
                <c:pt idx="6837">
                  <c:v>68.168000000000006</c:v>
                </c:pt>
                <c:pt idx="6838">
                  <c:v>68.177000000000007</c:v>
                </c:pt>
                <c:pt idx="6839">
                  <c:v>68.188000000000002</c:v>
                </c:pt>
                <c:pt idx="6840">
                  <c:v>68.197000000000003</c:v>
                </c:pt>
                <c:pt idx="6841">
                  <c:v>68.206999999999994</c:v>
                </c:pt>
                <c:pt idx="6842">
                  <c:v>68.216999999999999</c:v>
                </c:pt>
                <c:pt idx="6843">
                  <c:v>68.225999999999999</c:v>
                </c:pt>
                <c:pt idx="6844">
                  <c:v>68.234999999999999</c:v>
                </c:pt>
                <c:pt idx="6845">
                  <c:v>68.245000000000005</c:v>
                </c:pt>
                <c:pt idx="6846">
                  <c:v>68.254000000000005</c:v>
                </c:pt>
                <c:pt idx="6847">
                  <c:v>68.263999999999996</c:v>
                </c:pt>
                <c:pt idx="6848">
                  <c:v>68.272999999999996</c:v>
                </c:pt>
                <c:pt idx="6849">
                  <c:v>68.281999999999996</c:v>
                </c:pt>
                <c:pt idx="6850">
                  <c:v>68.292000000000002</c:v>
                </c:pt>
                <c:pt idx="6851">
                  <c:v>68.301000000000002</c:v>
                </c:pt>
                <c:pt idx="6852">
                  <c:v>68.308999999999997</c:v>
                </c:pt>
                <c:pt idx="6853">
                  <c:v>68.319000000000003</c:v>
                </c:pt>
                <c:pt idx="6854">
                  <c:v>68.328000000000003</c:v>
                </c:pt>
                <c:pt idx="6855">
                  <c:v>68.337000000000003</c:v>
                </c:pt>
                <c:pt idx="6856">
                  <c:v>68.346000000000004</c:v>
                </c:pt>
                <c:pt idx="6857">
                  <c:v>68.356999999999999</c:v>
                </c:pt>
                <c:pt idx="6858">
                  <c:v>68.367000000000004</c:v>
                </c:pt>
                <c:pt idx="6859">
                  <c:v>68.378</c:v>
                </c:pt>
                <c:pt idx="6860">
                  <c:v>68.388000000000005</c:v>
                </c:pt>
                <c:pt idx="6861">
                  <c:v>68.397000000000006</c:v>
                </c:pt>
                <c:pt idx="6862">
                  <c:v>68.408000000000001</c:v>
                </c:pt>
                <c:pt idx="6863">
                  <c:v>68.417000000000002</c:v>
                </c:pt>
                <c:pt idx="6864">
                  <c:v>68.427000000000007</c:v>
                </c:pt>
                <c:pt idx="6865">
                  <c:v>68.438000000000002</c:v>
                </c:pt>
                <c:pt idx="6866">
                  <c:v>68.447999999999993</c:v>
                </c:pt>
                <c:pt idx="6867">
                  <c:v>68.459000000000003</c:v>
                </c:pt>
                <c:pt idx="6868">
                  <c:v>68.468999999999994</c:v>
                </c:pt>
                <c:pt idx="6869">
                  <c:v>68.478999999999999</c:v>
                </c:pt>
                <c:pt idx="6870">
                  <c:v>68.489999999999995</c:v>
                </c:pt>
                <c:pt idx="6871">
                  <c:v>68.5</c:v>
                </c:pt>
                <c:pt idx="6872">
                  <c:v>68.510999999999996</c:v>
                </c:pt>
                <c:pt idx="6873">
                  <c:v>68.522000000000006</c:v>
                </c:pt>
                <c:pt idx="6874">
                  <c:v>68.531000000000006</c:v>
                </c:pt>
                <c:pt idx="6875">
                  <c:v>68.542000000000002</c:v>
                </c:pt>
                <c:pt idx="6876">
                  <c:v>68.552000000000007</c:v>
                </c:pt>
                <c:pt idx="6877">
                  <c:v>68.561999999999998</c:v>
                </c:pt>
                <c:pt idx="6878">
                  <c:v>68.572999999999993</c:v>
                </c:pt>
                <c:pt idx="6879">
                  <c:v>68.582999999999998</c:v>
                </c:pt>
                <c:pt idx="6880">
                  <c:v>68.593000000000004</c:v>
                </c:pt>
                <c:pt idx="6881">
                  <c:v>68.602999999999994</c:v>
                </c:pt>
                <c:pt idx="6882">
                  <c:v>68.613</c:v>
                </c:pt>
                <c:pt idx="6883">
                  <c:v>68.623000000000005</c:v>
                </c:pt>
                <c:pt idx="6884">
                  <c:v>68.634</c:v>
                </c:pt>
                <c:pt idx="6885">
                  <c:v>68.644000000000005</c:v>
                </c:pt>
                <c:pt idx="6886">
                  <c:v>68.653999999999996</c:v>
                </c:pt>
                <c:pt idx="6887">
                  <c:v>68.664000000000001</c:v>
                </c:pt>
                <c:pt idx="6888">
                  <c:v>68.674999999999997</c:v>
                </c:pt>
                <c:pt idx="6889">
                  <c:v>68.686000000000007</c:v>
                </c:pt>
                <c:pt idx="6890">
                  <c:v>68.694999999999993</c:v>
                </c:pt>
                <c:pt idx="6891">
                  <c:v>68.706999999999994</c:v>
                </c:pt>
                <c:pt idx="6892">
                  <c:v>68.716999999999999</c:v>
                </c:pt>
                <c:pt idx="6893">
                  <c:v>68.725999999999999</c:v>
                </c:pt>
                <c:pt idx="6894">
                  <c:v>68.736999999999995</c:v>
                </c:pt>
                <c:pt idx="6895">
                  <c:v>68.747</c:v>
                </c:pt>
                <c:pt idx="6896">
                  <c:v>68.757999999999996</c:v>
                </c:pt>
                <c:pt idx="6897">
                  <c:v>68.766999999999996</c:v>
                </c:pt>
                <c:pt idx="6898">
                  <c:v>68.777000000000001</c:v>
                </c:pt>
                <c:pt idx="6899">
                  <c:v>68.787999999999997</c:v>
                </c:pt>
                <c:pt idx="6900">
                  <c:v>68.798000000000002</c:v>
                </c:pt>
                <c:pt idx="6901">
                  <c:v>68.808999999999997</c:v>
                </c:pt>
                <c:pt idx="6902">
                  <c:v>68.819000000000003</c:v>
                </c:pt>
                <c:pt idx="6903">
                  <c:v>68.828999999999994</c:v>
                </c:pt>
                <c:pt idx="6904">
                  <c:v>68.837999999999994</c:v>
                </c:pt>
                <c:pt idx="6905">
                  <c:v>68.849000000000004</c:v>
                </c:pt>
                <c:pt idx="6906">
                  <c:v>68.858999999999995</c:v>
                </c:pt>
                <c:pt idx="6907">
                  <c:v>68.87</c:v>
                </c:pt>
                <c:pt idx="6908">
                  <c:v>68.88</c:v>
                </c:pt>
                <c:pt idx="6909">
                  <c:v>68.89</c:v>
                </c:pt>
                <c:pt idx="6910">
                  <c:v>68.900999999999996</c:v>
                </c:pt>
                <c:pt idx="6911">
                  <c:v>68.91</c:v>
                </c:pt>
                <c:pt idx="6912">
                  <c:v>68.921000000000006</c:v>
                </c:pt>
                <c:pt idx="6913">
                  <c:v>68.930000000000007</c:v>
                </c:pt>
                <c:pt idx="6914">
                  <c:v>68.94</c:v>
                </c:pt>
                <c:pt idx="6915">
                  <c:v>68.950999999999993</c:v>
                </c:pt>
                <c:pt idx="6916">
                  <c:v>68.960999999999999</c:v>
                </c:pt>
                <c:pt idx="6917">
                  <c:v>68.971000000000004</c:v>
                </c:pt>
                <c:pt idx="6918">
                  <c:v>68.980999999999995</c:v>
                </c:pt>
                <c:pt idx="6919">
                  <c:v>68.989999999999995</c:v>
                </c:pt>
                <c:pt idx="6920">
                  <c:v>68.998999999999995</c:v>
                </c:pt>
                <c:pt idx="6921">
                  <c:v>69.009</c:v>
                </c:pt>
                <c:pt idx="6922">
                  <c:v>69.019000000000005</c:v>
                </c:pt>
                <c:pt idx="6923">
                  <c:v>69.028999999999996</c:v>
                </c:pt>
                <c:pt idx="6924">
                  <c:v>69.040000000000006</c:v>
                </c:pt>
                <c:pt idx="6925">
                  <c:v>69.05</c:v>
                </c:pt>
                <c:pt idx="6926">
                  <c:v>69.06</c:v>
                </c:pt>
                <c:pt idx="6927">
                  <c:v>69.069999999999993</c:v>
                </c:pt>
                <c:pt idx="6928">
                  <c:v>69.081000000000003</c:v>
                </c:pt>
                <c:pt idx="6929">
                  <c:v>69.090999999999994</c:v>
                </c:pt>
                <c:pt idx="6930">
                  <c:v>69.100999999999999</c:v>
                </c:pt>
                <c:pt idx="6931">
                  <c:v>69.111999999999995</c:v>
                </c:pt>
                <c:pt idx="6932">
                  <c:v>69.122</c:v>
                </c:pt>
                <c:pt idx="6933">
                  <c:v>69.132000000000005</c:v>
                </c:pt>
                <c:pt idx="6934">
                  <c:v>69.141999999999996</c:v>
                </c:pt>
                <c:pt idx="6935">
                  <c:v>69.153000000000006</c:v>
                </c:pt>
                <c:pt idx="6936">
                  <c:v>69.162999999999997</c:v>
                </c:pt>
                <c:pt idx="6937">
                  <c:v>69.171999999999997</c:v>
                </c:pt>
                <c:pt idx="6938">
                  <c:v>69.183999999999997</c:v>
                </c:pt>
                <c:pt idx="6939">
                  <c:v>69.192999999999998</c:v>
                </c:pt>
                <c:pt idx="6940">
                  <c:v>69.203999999999994</c:v>
                </c:pt>
                <c:pt idx="6941">
                  <c:v>69.213999999999999</c:v>
                </c:pt>
                <c:pt idx="6942">
                  <c:v>69.222999999999999</c:v>
                </c:pt>
                <c:pt idx="6943">
                  <c:v>69.233999999999995</c:v>
                </c:pt>
                <c:pt idx="6944">
                  <c:v>69.244</c:v>
                </c:pt>
                <c:pt idx="6945">
                  <c:v>69.254000000000005</c:v>
                </c:pt>
                <c:pt idx="6946">
                  <c:v>69.263000000000005</c:v>
                </c:pt>
                <c:pt idx="6947">
                  <c:v>69.274000000000001</c:v>
                </c:pt>
                <c:pt idx="6948">
                  <c:v>69.284999999999997</c:v>
                </c:pt>
                <c:pt idx="6949">
                  <c:v>69.293999999999997</c:v>
                </c:pt>
                <c:pt idx="6950">
                  <c:v>69.304000000000002</c:v>
                </c:pt>
                <c:pt idx="6951">
                  <c:v>69.313999999999993</c:v>
                </c:pt>
                <c:pt idx="6952">
                  <c:v>69.323999999999998</c:v>
                </c:pt>
                <c:pt idx="6953">
                  <c:v>69.332999999999998</c:v>
                </c:pt>
                <c:pt idx="6954">
                  <c:v>69.343999999999994</c:v>
                </c:pt>
                <c:pt idx="6955">
                  <c:v>69.353999999999999</c:v>
                </c:pt>
                <c:pt idx="6956">
                  <c:v>69.364000000000004</c:v>
                </c:pt>
                <c:pt idx="6957">
                  <c:v>69.373999999999995</c:v>
                </c:pt>
                <c:pt idx="6958">
                  <c:v>69.384</c:v>
                </c:pt>
                <c:pt idx="6959">
                  <c:v>69.394000000000005</c:v>
                </c:pt>
                <c:pt idx="6960">
                  <c:v>69.403999999999996</c:v>
                </c:pt>
                <c:pt idx="6961">
                  <c:v>69.414000000000001</c:v>
                </c:pt>
                <c:pt idx="6962">
                  <c:v>69.424000000000007</c:v>
                </c:pt>
                <c:pt idx="6963">
                  <c:v>69.433999999999997</c:v>
                </c:pt>
                <c:pt idx="6964">
                  <c:v>69.444999999999993</c:v>
                </c:pt>
                <c:pt idx="6965">
                  <c:v>69.453999999999994</c:v>
                </c:pt>
                <c:pt idx="6966">
                  <c:v>69.465000000000003</c:v>
                </c:pt>
                <c:pt idx="6967">
                  <c:v>69.474999999999994</c:v>
                </c:pt>
                <c:pt idx="6968">
                  <c:v>69.484999999999999</c:v>
                </c:pt>
                <c:pt idx="6969">
                  <c:v>69.494</c:v>
                </c:pt>
                <c:pt idx="6970">
                  <c:v>69.504999999999995</c:v>
                </c:pt>
                <c:pt idx="6971">
                  <c:v>69.515000000000001</c:v>
                </c:pt>
                <c:pt idx="6972">
                  <c:v>69.524000000000001</c:v>
                </c:pt>
                <c:pt idx="6973">
                  <c:v>69.534999999999997</c:v>
                </c:pt>
                <c:pt idx="6974">
                  <c:v>69.545000000000002</c:v>
                </c:pt>
                <c:pt idx="6975">
                  <c:v>69.555000000000007</c:v>
                </c:pt>
                <c:pt idx="6976">
                  <c:v>69.563999999999993</c:v>
                </c:pt>
                <c:pt idx="6977">
                  <c:v>69.573999999999998</c:v>
                </c:pt>
                <c:pt idx="6978">
                  <c:v>69.584999999999994</c:v>
                </c:pt>
                <c:pt idx="6979">
                  <c:v>69.594999999999999</c:v>
                </c:pt>
                <c:pt idx="6980">
                  <c:v>69.605000000000004</c:v>
                </c:pt>
                <c:pt idx="6981">
                  <c:v>69.614999999999995</c:v>
                </c:pt>
                <c:pt idx="6982">
                  <c:v>69.617000000000004</c:v>
                </c:pt>
                <c:pt idx="6983">
                  <c:v>69.634</c:v>
                </c:pt>
                <c:pt idx="6984">
                  <c:v>69.644999999999996</c:v>
                </c:pt>
                <c:pt idx="6985">
                  <c:v>69.655000000000001</c:v>
                </c:pt>
                <c:pt idx="6986">
                  <c:v>69.665000000000006</c:v>
                </c:pt>
                <c:pt idx="6987">
                  <c:v>69.676000000000002</c:v>
                </c:pt>
                <c:pt idx="6988">
                  <c:v>69.686000000000007</c:v>
                </c:pt>
                <c:pt idx="6989">
                  <c:v>69.695999999999998</c:v>
                </c:pt>
                <c:pt idx="6990">
                  <c:v>69.706999999999994</c:v>
                </c:pt>
                <c:pt idx="6991">
                  <c:v>69.715999999999994</c:v>
                </c:pt>
                <c:pt idx="6992">
                  <c:v>69.725999999999999</c:v>
                </c:pt>
                <c:pt idx="6993">
                  <c:v>69.736999999999995</c:v>
                </c:pt>
                <c:pt idx="6994">
                  <c:v>69.745999999999995</c:v>
                </c:pt>
                <c:pt idx="6995">
                  <c:v>69.757000000000005</c:v>
                </c:pt>
                <c:pt idx="6996">
                  <c:v>69.766000000000005</c:v>
                </c:pt>
                <c:pt idx="6997">
                  <c:v>69.775999999999996</c:v>
                </c:pt>
                <c:pt idx="6998">
                  <c:v>69.787000000000006</c:v>
                </c:pt>
                <c:pt idx="6999">
                  <c:v>69.796999999999997</c:v>
                </c:pt>
                <c:pt idx="7000">
                  <c:v>69.807000000000002</c:v>
                </c:pt>
                <c:pt idx="7001">
                  <c:v>69.816999999999993</c:v>
                </c:pt>
                <c:pt idx="7002">
                  <c:v>69.826999999999998</c:v>
                </c:pt>
                <c:pt idx="7003">
                  <c:v>69.838999999999999</c:v>
                </c:pt>
                <c:pt idx="7004">
                  <c:v>69.849000000000004</c:v>
                </c:pt>
                <c:pt idx="7005">
                  <c:v>69.86</c:v>
                </c:pt>
                <c:pt idx="7006">
                  <c:v>69.869</c:v>
                </c:pt>
                <c:pt idx="7007">
                  <c:v>69.879000000000005</c:v>
                </c:pt>
                <c:pt idx="7008">
                  <c:v>69.89</c:v>
                </c:pt>
                <c:pt idx="7009">
                  <c:v>69.899000000000001</c:v>
                </c:pt>
                <c:pt idx="7010">
                  <c:v>69.91</c:v>
                </c:pt>
                <c:pt idx="7011">
                  <c:v>69.92</c:v>
                </c:pt>
                <c:pt idx="7012">
                  <c:v>69.930000000000007</c:v>
                </c:pt>
                <c:pt idx="7013">
                  <c:v>69.94</c:v>
                </c:pt>
                <c:pt idx="7014">
                  <c:v>69.95</c:v>
                </c:pt>
                <c:pt idx="7015">
                  <c:v>69.960999999999999</c:v>
                </c:pt>
                <c:pt idx="7016">
                  <c:v>69.971000000000004</c:v>
                </c:pt>
                <c:pt idx="7017">
                  <c:v>69.980999999999995</c:v>
                </c:pt>
                <c:pt idx="7018">
                  <c:v>69.991</c:v>
                </c:pt>
                <c:pt idx="7019">
                  <c:v>70.001000000000005</c:v>
                </c:pt>
                <c:pt idx="7020">
                  <c:v>70.010000000000005</c:v>
                </c:pt>
                <c:pt idx="7021">
                  <c:v>70.021000000000001</c:v>
                </c:pt>
                <c:pt idx="7022">
                  <c:v>70.031000000000006</c:v>
                </c:pt>
                <c:pt idx="7023">
                  <c:v>70.042000000000002</c:v>
                </c:pt>
                <c:pt idx="7024">
                  <c:v>70.052000000000007</c:v>
                </c:pt>
                <c:pt idx="7025">
                  <c:v>70.063000000000002</c:v>
                </c:pt>
                <c:pt idx="7026">
                  <c:v>70.072999999999993</c:v>
                </c:pt>
                <c:pt idx="7027">
                  <c:v>70.082999999999998</c:v>
                </c:pt>
                <c:pt idx="7028">
                  <c:v>70.093000000000004</c:v>
                </c:pt>
                <c:pt idx="7029">
                  <c:v>70.102999999999994</c:v>
                </c:pt>
                <c:pt idx="7030">
                  <c:v>70.114000000000004</c:v>
                </c:pt>
                <c:pt idx="7031">
                  <c:v>70.123000000000005</c:v>
                </c:pt>
                <c:pt idx="7032">
                  <c:v>70.135000000000005</c:v>
                </c:pt>
                <c:pt idx="7033">
                  <c:v>70.144000000000005</c:v>
                </c:pt>
                <c:pt idx="7034">
                  <c:v>70.153999999999996</c:v>
                </c:pt>
                <c:pt idx="7035">
                  <c:v>70.165000000000006</c:v>
                </c:pt>
                <c:pt idx="7036">
                  <c:v>70.174000000000007</c:v>
                </c:pt>
                <c:pt idx="7037">
                  <c:v>70.185000000000002</c:v>
                </c:pt>
                <c:pt idx="7038">
                  <c:v>70.194999999999993</c:v>
                </c:pt>
                <c:pt idx="7039">
                  <c:v>70.204999999999998</c:v>
                </c:pt>
                <c:pt idx="7040">
                  <c:v>70.215000000000003</c:v>
                </c:pt>
                <c:pt idx="7041">
                  <c:v>70.224999999999994</c:v>
                </c:pt>
                <c:pt idx="7042">
                  <c:v>70.236000000000004</c:v>
                </c:pt>
                <c:pt idx="7043">
                  <c:v>70.245999999999995</c:v>
                </c:pt>
                <c:pt idx="7044">
                  <c:v>70.257000000000005</c:v>
                </c:pt>
                <c:pt idx="7045">
                  <c:v>70.266999999999996</c:v>
                </c:pt>
                <c:pt idx="7046">
                  <c:v>70.277000000000001</c:v>
                </c:pt>
                <c:pt idx="7047">
                  <c:v>70.287000000000006</c:v>
                </c:pt>
                <c:pt idx="7048">
                  <c:v>70.296999999999997</c:v>
                </c:pt>
                <c:pt idx="7049">
                  <c:v>70.308000000000007</c:v>
                </c:pt>
                <c:pt idx="7050">
                  <c:v>70.317999999999998</c:v>
                </c:pt>
                <c:pt idx="7051">
                  <c:v>70.328000000000003</c:v>
                </c:pt>
                <c:pt idx="7052">
                  <c:v>70.328999999999994</c:v>
                </c:pt>
                <c:pt idx="7053">
                  <c:v>70.346000000000004</c:v>
                </c:pt>
                <c:pt idx="7054">
                  <c:v>70.355999999999995</c:v>
                </c:pt>
                <c:pt idx="7055">
                  <c:v>70.367000000000004</c:v>
                </c:pt>
                <c:pt idx="7056">
                  <c:v>70.376999999999995</c:v>
                </c:pt>
                <c:pt idx="7057">
                  <c:v>70.387</c:v>
                </c:pt>
                <c:pt idx="7058">
                  <c:v>70.397000000000006</c:v>
                </c:pt>
                <c:pt idx="7059">
                  <c:v>70.408000000000001</c:v>
                </c:pt>
                <c:pt idx="7060">
                  <c:v>70.417000000000002</c:v>
                </c:pt>
                <c:pt idx="7061">
                  <c:v>70.427999999999997</c:v>
                </c:pt>
                <c:pt idx="7062">
                  <c:v>70.438000000000002</c:v>
                </c:pt>
                <c:pt idx="7063">
                  <c:v>70.447999999999993</c:v>
                </c:pt>
                <c:pt idx="7064">
                  <c:v>70.456999999999994</c:v>
                </c:pt>
                <c:pt idx="7065">
                  <c:v>70.468999999999994</c:v>
                </c:pt>
                <c:pt idx="7066">
                  <c:v>70.477999999999994</c:v>
                </c:pt>
                <c:pt idx="7067">
                  <c:v>70.488</c:v>
                </c:pt>
                <c:pt idx="7068">
                  <c:v>70.498999999999995</c:v>
                </c:pt>
                <c:pt idx="7069">
                  <c:v>70.509</c:v>
                </c:pt>
                <c:pt idx="7070">
                  <c:v>70.52</c:v>
                </c:pt>
                <c:pt idx="7071">
                  <c:v>70.53</c:v>
                </c:pt>
                <c:pt idx="7072">
                  <c:v>70.540000000000006</c:v>
                </c:pt>
                <c:pt idx="7073">
                  <c:v>70.551000000000002</c:v>
                </c:pt>
                <c:pt idx="7074">
                  <c:v>70.56</c:v>
                </c:pt>
                <c:pt idx="7075">
                  <c:v>70.570999999999998</c:v>
                </c:pt>
                <c:pt idx="7076">
                  <c:v>70.581999999999994</c:v>
                </c:pt>
                <c:pt idx="7077">
                  <c:v>70.590999999999994</c:v>
                </c:pt>
                <c:pt idx="7078">
                  <c:v>70.600999999999999</c:v>
                </c:pt>
                <c:pt idx="7079">
                  <c:v>70.613</c:v>
                </c:pt>
                <c:pt idx="7080">
                  <c:v>70.623000000000005</c:v>
                </c:pt>
                <c:pt idx="7081">
                  <c:v>70.632999999999996</c:v>
                </c:pt>
                <c:pt idx="7082">
                  <c:v>70.643000000000001</c:v>
                </c:pt>
                <c:pt idx="7083">
                  <c:v>70.653000000000006</c:v>
                </c:pt>
                <c:pt idx="7084">
                  <c:v>70.664000000000001</c:v>
                </c:pt>
                <c:pt idx="7085">
                  <c:v>70.673000000000002</c:v>
                </c:pt>
                <c:pt idx="7086">
                  <c:v>70.683000000000007</c:v>
                </c:pt>
                <c:pt idx="7087">
                  <c:v>70.692999999999998</c:v>
                </c:pt>
                <c:pt idx="7088">
                  <c:v>70.703999999999994</c:v>
                </c:pt>
                <c:pt idx="7089">
                  <c:v>70.713999999999999</c:v>
                </c:pt>
                <c:pt idx="7090">
                  <c:v>70.724000000000004</c:v>
                </c:pt>
                <c:pt idx="7091">
                  <c:v>70.733000000000004</c:v>
                </c:pt>
                <c:pt idx="7092">
                  <c:v>70.744</c:v>
                </c:pt>
                <c:pt idx="7093">
                  <c:v>70.754000000000005</c:v>
                </c:pt>
                <c:pt idx="7094">
                  <c:v>70.765000000000001</c:v>
                </c:pt>
                <c:pt idx="7095">
                  <c:v>70.774000000000001</c:v>
                </c:pt>
                <c:pt idx="7096">
                  <c:v>70.784999999999997</c:v>
                </c:pt>
                <c:pt idx="7097">
                  <c:v>70.795000000000002</c:v>
                </c:pt>
                <c:pt idx="7098">
                  <c:v>70.804000000000002</c:v>
                </c:pt>
                <c:pt idx="7099">
                  <c:v>70.813999999999993</c:v>
                </c:pt>
                <c:pt idx="7100">
                  <c:v>70.823999999999998</c:v>
                </c:pt>
                <c:pt idx="7101">
                  <c:v>70.834000000000003</c:v>
                </c:pt>
                <c:pt idx="7102">
                  <c:v>70.843999999999994</c:v>
                </c:pt>
                <c:pt idx="7103">
                  <c:v>70.853999999999999</c:v>
                </c:pt>
                <c:pt idx="7104">
                  <c:v>70.864000000000004</c:v>
                </c:pt>
                <c:pt idx="7105">
                  <c:v>70.873000000000005</c:v>
                </c:pt>
                <c:pt idx="7106">
                  <c:v>70.882999999999996</c:v>
                </c:pt>
                <c:pt idx="7107">
                  <c:v>70.893000000000001</c:v>
                </c:pt>
                <c:pt idx="7108">
                  <c:v>70.903999999999996</c:v>
                </c:pt>
                <c:pt idx="7109">
                  <c:v>70.914000000000001</c:v>
                </c:pt>
                <c:pt idx="7110">
                  <c:v>70.924000000000007</c:v>
                </c:pt>
                <c:pt idx="7111">
                  <c:v>70.933999999999997</c:v>
                </c:pt>
                <c:pt idx="7112">
                  <c:v>70.942999999999998</c:v>
                </c:pt>
                <c:pt idx="7113">
                  <c:v>70.953999999999994</c:v>
                </c:pt>
                <c:pt idx="7114">
                  <c:v>70.962999999999994</c:v>
                </c:pt>
                <c:pt idx="7115">
                  <c:v>70.974000000000004</c:v>
                </c:pt>
                <c:pt idx="7116">
                  <c:v>70.983000000000004</c:v>
                </c:pt>
                <c:pt idx="7117">
                  <c:v>70.992999999999995</c:v>
                </c:pt>
                <c:pt idx="7118">
                  <c:v>71.003</c:v>
                </c:pt>
                <c:pt idx="7119">
                  <c:v>71.012</c:v>
                </c:pt>
                <c:pt idx="7120">
                  <c:v>71.022000000000006</c:v>
                </c:pt>
                <c:pt idx="7121">
                  <c:v>71.031999999999996</c:v>
                </c:pt>
                <c:pt idx="7122">
                  <c:v>71.040999999999997</c:v>
                </c:pt>
                <c:pt idx="7123">
                  <c:v>71.051000000000002</c:v>
                </c:pt>
                <c:pt idx="7124">
                  <c:v>71.061999999999998</c:v>
                </c:pt>
                <c:pt idx="7125">
                  <c:v>71.072000000000003</c:v>
                </c:pt>
                <c:pt idx="7126">
                  <c:v>71.081999999999994</c:v>
                </c:pt>
                <c:pt idx="7127">
                  <c:v>71.091999999999999</c:v>
                </c:pt>
                <c:pt idx="7128">
                  <c:v>71.102000000000004</c:v>
                </c:pt>
                <c:pt idx="7129">
                  <c:v>71.111999999999995</c:v>
                </c:pt>
                <c:pt idx="7130">
                  <c:v>71.122</c:v>
                </c:pt>
                <c:pt idx="7131">
                  <c:v>71.132000000000005</c:v>
                </c:pt>
                <c:pt idx="7132">
                  <c:v>71.143000000000001</c:v>
                </c:pt>
                <c:pt idx="7133">
                  <c:v>71.152000000000001</c:v>
                </c:pt>
                <c:pt idx="7134">
                  <c:v>71.162000000000006</c:v>
                </c:pt>
                <c:pt idx="7135">
                  <c:v>71.171999999999997</c:v>
                </c:pt>
                <c:pt idx="7136">
                  <c:v>71.183000000000007</c:v>
                </c:pt>
                <c:pt idx="7137">
                  <c:v>71.191999999999993</c:v>
                </c:pt>
                <c:pt idx="7138">
                  <c:v>71.203999999999994</c:v>
                </c:pt>
                <c:pt idx="7139">
                  <c:v>71.212999999999994</c:v>
                </c:pt>
                <c:pt idx="7140">
                  <c:v>71.222999999999999</c:v>
                </c:pt>
                <c:pt idx="7141">
                  <c:v>71.233000000000004</c:v>
                </c:pt>
                <c:pt idx="7142">
                  <c:v>71.244</c:v>
                </c:pt>
                <c:pt idx="7143">
                  <c:v>71.254000000000005</c:v>
                </c:pt>
                <c:pt idx="7144">
                  <c:v>71.263999999999996</c:v>
                </c:pt>
                <c:pt idx="7145">
                  <c:v>71.275000000000006</c:v>
                </c:pt>
                <c:pt idx="7146">
                  <c:v>71.284000000000006</c:v>
                </c:pt>
                <c:pt idx="7147">
                  <c:v>71.293999999999997</c:v>
                </c:pt>
                <c:pt idx="7148">
                  <c:v>71.305000000000007</c:v>
                </c:pt>
                <c:pt idx="7149">
                  <c:v>71.314999999999998</c:v>
                </c:pt>
                <c:pt idx="7150">
                  <c:v>71.325000000000003</c:v>
                </c:pt>
                <c:pt idx="7151">
                  <c:v>71.334999999999994</c:v>
                </c:pt>
                <c:pt idx="7152">
                  <c:v>71.346000000000004</c:v>
                </c:pt>
                <c:pt idx="7153">
                  <c:v>71.355999999999995</c:v>
                </c:pt>
                <c:pt idx="7154">
                  <c:v>71.367000000000004</c:v>
                </c:pt>
                <c:pt idx="7155">
                  <c:v>71.376000000000005</c:v>
                </c:pt>
                <c:pt idx="7156">
                  <c:v>71.388000000000005</c:v>
                </c:pt>
                <c:pt idx="7157">
                  <c:v>71.397000000000006</c:v>
                </c:pt>
                <c:pt idx="7158">
                  <c:v>71.408000000000001</c:v>
                </c:pt>
                <c:pt idx="7159">
                  <c:v>71.417000000000002</c:v>
                </c:pt>
                <c:pt idx="7160">
                  <c:v>71.427000000000007</c:v>
                </c:pt>
                <c:pt idx="7161">
                  <c:v>71.438000000000002</c:v>
                </c:pt>
                <c:pt idx="7162">
                  <c:v>71.447000000000003</c:v>
                </c:pt>
                <c:pt idx="7163">
                  <c:v>71.456999999999994</c:v>
                </c:pt>
                <c:pt idx="7164">
                  <c:v>71.468000000000004</c:v>
                </c:pt>
                <c:pt idx="7165">
                  <c:v>71.477999999999994</c:v>
                </c:pt>
                <c:pt idx="7166">
                  <c:v>71.488</c:v>
                </c:pt>
                <c:pt idx="7167">
                  <c:v>71.498000000000005</c:v>
                </c:pt>
                <c:pt idx="7168">
                  <c:v>71.507999999999996</c:v>
                </c:pt>
                <c:pt idx="7169">
                  <c:v>71.519000000000005</c:v>
                </c:pt>
                <c:pt idx="7170">
                  <c:v>71.528999999999996</c:v>
                </c:pt>
                <c:pt idx="7171">
                  <c:v>71.537999999999997</c:v>
                </c:pt>
                <c:pt idx="7172">
                  <c:v>71.548000000000002</c:v>
                </c:pt>
                <c:pt idx="7173">
                  <c:v>71.558000000000007</c:v>
                </c:pt>
                <c:pt idx="7174">
                  <c:v>71.573999999999998</c:v>
                </c:pt>
                <c:pt idx="7175">
                  <c:v>71.584000000000003</c:v>
                </c:pt>
                <c:pt idx="7176">
                  <c:v>71.593000000000004</c:v>
                </c:pt>
                <c:pt idx="7177">
                  <c:v>71.603999999999999</c:v>
                </c:pt>
                <c:pt idx="7178">
                  <c:v>71.614000000000004</c:v>
                </c:pt>
                <c:pt idx="7179">
                  <c:v>71.623999999999995</c:v>
                </c:pt>
                <c:pt idx="7180">
                  <c:v>71.635000000000005</c:v>
                </c:pt>
                <c:pt idx="7181">
                  <c:v>71.644999999999996</c:v>
                </c:pt>
                <c:pt idx="7182">
                  <c:v>71.655000000000001</c:v>
                </c:pt>
                <c:pt idx="7183">
                  <c:v>71.665000000000006</c:v>
                </c:pt>
                <c:pt idx="7184">
                  <c:v>71.674999999999997</c:v>
                </c:pt>
                <c:pt idx="7185">
                  <c:v>71.686000000000007</c:v>
                </c:pt>
                <c:pt idx="7186">
                  <c:v>71.695999999999998</c:v>
                </c:pt>
                <c:pt idx="7187">
                  <c:v>71.706000000000003</c:v>
                </c:pt>
                <c:pt idx="7188">
                  <c:v>71.716999999999999</c:v>
                </c:pt>
                <c:pt idx="7189">
                  <c:v>71.727000000000004</c:v>
                </c:pt>
                <c:pt idx="7190">
                  <c:v>71.736000000000004</c:v>
                </c:pt>
                <c:pt idx="7191">
                  <c:v>71.747</c:v>
                </c:pt>
                <c:pt idx="7192">
                  <c:v>71.757000000000005</c:v>
                </c:pt>
                <c:pt idx="7193">
                  <c:v>71.766999999999996</c:v>
                </c:pt>
                <c:pt idx="7194">
                  <c:v>71.778000000000006</c:v>
                </c:pt>
                <c:pt idx="7195">
                  <c:v>71.787999999999997</c:v>
                </c:pt>
                <c:pt idx="7196">
                  <c:v>71.799000000000007</c:v>
                </c:pt>
                <c:pt idx="7197">
                  <c:v>71.808999999999997</c:v>
                </c:pt>
                <c:pt idx="7198">
                  <c:v>71.813999999999993</c:v>
                </c:pt>
                <c:pt idx="7199">
                  <c:v>71.834000000000003</c:v>
                </c:pt>
                <c:pt idx="7200">
                  <c:v>71.843000000000004</c:v>
                </c:pt>
                <c:pt idx="7201">
                  <c:v>71.853999999999999</c:v>
                </c:pt>
                <c:pt idx="7202">
                  <c:v>71.864000000000004</c:v>
                </c:pt>
                <c:pt idx="7203">
                  <c:v>71.873000000000005</c:v>
                </c:pt>
                <c:pt idx="7204">
                  <c:v>71.884</c:v>
                </c:pt>
                <c:pt idx="7205">
                  <c:v>71.894000000000005</c:v>
                </c:pt>
                <c:pt idx="7206">
                  <c:v>71.903999999999996</c:v>
                </c:pt>
                <c:pt idx="7207">
                  <c:v>71.914000000000001</c:v>
                </c:pt>
                <c:pt idx="7208">
                  <c:v>71.924999999999997</c:v>
                </c:pt>
                <c:pt idx="7209">
                  <c:v>71.935000000000002</c:v>
                </c:pt>
                <c:pt idx="7210">
                  <c:v>71.944000000000003</c:v>
                </c:pt>
                <c:pt idx="7211">
                  <c:v>71.953999999999994</c:v>
                </c:pt>
                <c:pt idx="7212">
                  <c:v>71.995000000000005</c:v>
                </c:pt>
                <c:pt idx="7213">
                  <c:v>72.004999999999995</c:v>
                </c:pt>
                <c:pt idx="7214">
                  <c:v>72.016000000000005</c:v>
                </c:pt>
                <c:pt idx="7215">
                  <c:v>72.025999999999996</c:v>
                </c:pt>
                <c:pt idx="7216">
                  <c:v>72.036000000000001</c:v>
                </c:pt>
                <c:pt idx="7217">
                  <c:v>72.046000000000006</c:v>
                </c:pt>
                <c:pt idx="7218">
                  <c:v>72.057000000000002</c:v>
                </c:pt>
                <c:pt idx="7219">
                  <c:v>72.066999999999993</c:v>
                </c:pt>
                <c:pt idx="7220">
                  <c:v>72.075999999999993</c:v>
                </c:pt>
                <c:pt idx="7221">
                  <c:v>72.087999999999994</c:v>
                </c:pt>
                <c:pt idx="7222">
                  <c:v>72.097999999999999</c:v>
                </c:pt>
                <c:pt idx="7223">
                  <c:v>72.108000000000004</c:v>
                </c:pt>
                <c:pt idx="7224">
                  <c:v>72.119</c:v>
                </c:pt>
                <c:pt idx="7225">
                  <c:v>72.129000000000005</c:v>
                </c:pt>
                <c:pt idx="7226">
                  <c:v>72.138999999999996</c:v>
                </c:pt>
                <c:pt idx="7227">
                  <c:v>72.149000000000001</c:v>
                </c:pt>
                <c:pt idx="7228">
                  <c:v>72.16</c:v>
                </c:pt>
                <c:pt idx="7229">
                  <c:v>72.168999999999997</c:v>
                </c:pt>
                <c:pt idx="7230">
                  <c:v>72.179000000000002</c:v>
                </c:pt>
                <c:pt idx="7231">
                  <c:v>72.188999999999993</c:v>
                </c:pt>
                <c:pt idx="7232">
                  <c:v>72.2</c:v>
                </c:pt>
                <c:pt idx="7233">
                  <c:v>72.209999999999994</c:v>
                </c:pt>
                <c:pt idx="7234">
                  <c:v>72.22</c:v>
                </c:pt>
                <c:pt idx="7235">
                  <c:v>72.23</c:v>
                </c:pt>
                <c:pt idx="7236">
                  <c:v>72.241</c:v>
                </c:pt>
                <c:pt idx="7237">
                  <c:v>72.25</c:v>
                </c:pt>
                <c:pt idx="7238">
                  <c:v>72.260000000000005</c:v>
                </c:pt>
                <c:pt idx="7239">
                  <c:v>72.271000000000001</c:v>
                </c:pt>
                <c:pt idx="7240">
                  <c:v>72.281000000000006</c:v>
                </c:pt>
                <c:pt idx="7241">
                  <c:v>72.290999999999997</c:v>
                </c:pt>
                <c:pt idx="7242">
                  <c:v>72.302000000000007</c:v>
                </c:pt>
                <c:pt idx="7243">
                  <c:v>72.311999999999998</c:v>
                </c:pt>
                <c:pt idx="7244">
                  <c:v>72.320999999999998</c:v>
                </c:pt>
                <c:pt idx="7245">
                  <c:v>72.331999999999994</c:v>
                </c:pt>
                <c:pt idx="7246">
                  <c:v>72.341999999999999</c:v>
                </c:pt>
                <c:pt idx="7247">
                  <c:v>72.350999999999999</c:v>
                </c:pt>
                <c:pt idx="7248">
                  <c:v>72.361000000000004</c:v>
                </c:pt>
                <c:pt idx="7249">
                  <c:v>72.372</c:v>
                </c:pt>
                <c:pt idx="7250">
                  <c:v>72.382000000000005</c:v>
                </c:pt>
                <c:pt idx="7251">
                  <c:v>72.391999999999996</c:v>
                </c:pt>
                <c:pt idx="7252">
                  <c:v>72.402000000000001</c:v>
                </c:pt>
                <c:pt idx="7253">
                  <c:v>72.412999999999997</c:v>
                </c:pt>
                <c:pt idx="7254">
                  <c:v>72.421999999999997</c:v>
                </c:pt>
                <c:pt idx="7255">
                  <c:v>72.432000000000002</c:v>
                </c:pt>
                <c:pt idx="7256">
                  <c:v>72.442999999999998</c:v>
                </c:pt>
                <c:pt idx="7257">
                  <c:v>72.451999999999998</c:v>
                </c:pt>
                <c:pt idx="7258">
                  <c:v>72.456000000000003</c:v>
                </c:pt>
                <c:pt idx="7259">
                  <c:v>72.472999999999999</c:v>
                </c:pt>
                <c:pt idx="7260">
                  <c:v>72.483999999999995</c:v>
                </c:pt>
                <c:pt idx="7261">
                  <c:v>72.492999999999995</c:v>
                </c:pt>
                <c:pt idx="7262">
                  <c:v>72.503</c:v>
                </c:pt>
                <c:pt idx="7263">
                  <c:v>72.512</c:v>
                </c:pt>
                <c:pt idx="7264">
                  <c:v>72.522999999999996</c:v>
                </c:pt>
                <c:pt idx="7265">
                  <c:v>72.531999999999996</c:v>
                </c:pt>
                <c:pt idx="7266">
                  <c:v>72.540999999999997</c:v>
                </c:pt>
                <c:pt idx="7267">
                  <c:v>72.55</c:v>
                </c:pt>
                <c:pt idx="7268">
                  <c:v>72.561000000000007</c:v>
                </c:pt>
                <c:pt idx="7269">
                  <c:v>72.570999999999998</c:v>
                </c:pt>
                <c:pt idx="7270">
                  <c:v>72.58</c:v>
                </c:pt>
                <c:pt idx="7271">
                  <c:v>72.59</c:v>
                </c:pt>
                <c:pt idx="7272">
                  <c:v>72.600999999999999</c:v>
                </c:pt>
                <c:pt idx="7273">
                  <c:v>72.61</c:v>
                </c:pt>
                <c:pt idx="7274">
                  <c:v>72.620999999999995</c:v>
                </c:pt>
                <c:pt idx="7275">
                  <c:v>72.631</c:v>
                </c:pt>
                <c:pt idx="7276">
                  <c:v>72.64</c:v>
                </c:pt>
                <c:pt idx="7277">
                  <c:v>72.650999999999996</c:v>
                </c:pt>
                <c:pt idx="7278">
                  <c:v>72.66</c:v>
                </c:pt>
                <c:pt idx="7279">
                  <c:v>72.67</c:v>
                </c:pt>
                <c:pt idx="7280">
                  <c:v>72.680000000000007</c:v>
                </c:pt>
                <c:pt idx="7281">
                  <c:v>72.69</c:v>
                </c:pt>
                <c:pt idx="7282">
                  <c:v>72.7</c:v>
                </c:pt>
                <c:pt idx="7283">
                  <c:v>72.709999999999994</c:v>
                </c:pt>
                <c:pt idx="7284">
                  <c:v>72.72</c:v>
                </c:pt>
                <c:pt idx="7285">
                  <c:v>72.728999999999999</c:v>
                </c:pt>
                <c:pt idx="7286">
                  <c:v>72.739999999999995</c:v>
                </c:pt>
                <c:pt idx="7287">
                  <c:v>72.748999999999995</c:v>
                </c:pt>
                <c:pt idx="7288">
                  <c:v>72.760000000000005</c:v>
                </c:pt>
                <c:pt idx="7289">
                  <c:v>72.769000000000005</c:v>
                </c:pt>
                <c:pt idx="7290">
                  <c:v>72.778000000000006</c:v>
                </c:pt>
                <c:pt idx="7291">
                  <c:v>72.789000000000001</c:v>
                </c:pt>
                <c:pt idx="7292">
                  <c:v>72.798000000000002</c:v>
                </c:pt>
                <c:pt idx="7293">
                  <c:v>72.807000000000002</c:v>
                </c:pt>
                <c:pt idx="7294">
                  <c:v>72.816999999999993</c:v>
                </c:pt>
                <c:pt idx="7295">
                  <c:v>72.826999999999998</c:v>
                </c:pt>
                <c:pt idx="7296">
                  <c:v>72.837000000000003</c:v>
                </c:pt>
                <c:pt idx="7297">
                  <c:v>72.846000000000004</c:v>
                </c:pt>
                <c:pt idx="7298">
                  <c:v>72.855999999999995</c:v>
                </c:pt>
                <c:pt idx="7299">
                  <c:v>72.866</c:v>
                </c:pt>
                <c:pt idx="7300">
                  <c:v>72.876000000000005</c:v>
                </c:pt>
                <c:pt idx="7301">
                  <c:v>72.885000000000005</c:v>
                </c:pt>
                <c:pt idx="7302">
                  <c:v>72.894999999999996</c:v>
                </c:pt>
                <c:pt idx="7303">
                  <c:v>72.903999999999996</c:v>
                </c:pt>
                <c:pt idx="7304">
                  <c:v>72.914000000000001</c:v>
                </c:pt>
                <c:pt idx="7305">
                  <c:v>72.924000000000007</c:v>
                </c:pt>
                <c:pt idx="7306">
                  <c:v>72.933999999999997</c:v>
                </c:pt>
                <c:pt idx="7307">
                  <c:v>72.942999999999998</c:v>
                </c:pt>
                <c:pt idx="7308">
                  <c:v>72.953000000000003</c:v>
                </c:pt>
                <c:pt idx="7309">
                  <c:v>72.960999999999999</c:v>
                </c:pt>
                <c:pt idx="7310">
                  <c:v>72.97</c:v>
                </c:pt>
                <c:pt idx="7311">
                  <c:v>72.978999999999999</c:v>
                </c:pt>
                <c:pt idx="7312">
                  <c:v>72.988</c:v>
                </c:pt>
                <c:pt idx="7313">
                  <c:v>72.995999999999995</c:v>
                </c:pt>
                <c:pt idx="7314">
                  <c:v>73.006</c:v>
                </c:pt>
                <c:pt idx="7315">
                  <c:v>73.015000000000001</c:v>
                </c:pt>
                <c:pt idx="7316">
                  <c:v>73.025000000000006</c:v>
                </c:pt>
                <c:pt idx="7317">
                  <c:v>73.036000000000001</c:v>
                </c:pt>
                <c:pt idx="7318">
                  <c:v>73.045000000000002</c:v>
                </c:pt>
                <c:pt idx="7319">
                  <c:v>73.054000000000002</c:v>
                </c:pt>
                <c:pt idx="7320">
                  <c:v>73.063999999999993</c:v>
                </c:pt>
                <c:pt idx="7321">
                  <c:v>73.072999999999993</c:v>
                </c:pt>
                <c:pt idx="7322">
                  <c:v>73.081999999999994</c:v>
                </c:pt>
                <c:pt idx="7323">
                  <c:v>73.090999999999994</c:v>
                </c:pt>
                <c:pt idx="7324">
                  <c:v>73.100999999999999</c:v>
                </c:pt>
                <c:pt idx="7325">
                  <c:v>73.11</c:v>
                </c:pt>
                <c:pt idx="7326">
                  <c:v>73.12</c:v>
                </c:pt>
                <c:pt idx="7327">
                  <c:v>73.129000000000005</c:v>
                </c:pt>
                <c:pt idx="7328">
                  <c:v>73.138999999999996</c:v>
                </c:pt>
                <c:pt idx="7329">
                  <c:v>73.147999999999996</c:v>
                </c:pt>
                <c:pt idx="7330">
                  <c:v>73.156999999999996</c:v>
                </c:pt>
                <c:pt idx="7331">
                  <c:v>73.167000000000002</c:v>
                </c:pt>
                <c:pt idx="7332">
                  <c:v>73.177000000000007</c:v>
                </c:pt>
                <c:pt idx="7333">
                  <c:v>73.186000000000007</c:v>
                </c:pt>
                <c:pt idx="7334">
                  <c:v>73.195999999999998</c:v>
                </c:pt>
                <c:pt idx="7335">
                  <c:v>73.203999999999994</c:v>
                </c:pt>
                <c:pt idx="7336">
                  <c:v>73.213999999999999</c:v>
                </c:pt>
                <c:pt idx="7337">
                  <c:v>73.222999999999999</c:v>
                </c:pt>
                <c:pt idx="7338">
                  <c:v>73.233000000000004</c:v>
                </c:pt>
                <c:pt idx="7339">
                  <c:v>73.242000000000004</c:v>
                </c:pt>
                <c:pt idx="7340">
                  <c:v>73.251999999999995</c:v>
                </c:pt>
                <c:pt idx="7341">
                  <c:v>73.260999999999996</c:v>
                </c:pt>
                <c:pt idx="7342">
                  <c:v>73.271000000000001</c:v>
                </c:pt>
                <c:pt idx="7343">
                  <c:v>73.28</c:v>
                </c:pt>
                <c:pt idx="7344">
                  <c:v>73.290000000000006</c:v>
                </c:pt>
                <c:pt idx="7345">
                  <c:v>73.3</c:v>
                </c:pt>
                <c:pt idx="7346">
                  <c:v>73.31</c:v>
                </c:pt>
                <c:pt idx="7347">
                  <c:v>73.319000000000003</c:v>
                </c:pt>
                <c:pt idx="7348">
                  <c:v>73.33</c:v>
                </c:pt>
                <c:pt idx="7349">
                  <c:v>73.338999999999999</c:v>
                </c:pt>
                <c:pt idx="7350">
                  <c:v>73.349000000000004</c:v>
                </c:pt>
                <c:pt idx="7351">
                  <c:v>73.358999999999995</c:v>
                </c:pt>
                <c:pt idx="7352">
                  <c:v>73.369</c:v>
                </c:pt>
                <c:pt idx="7353">
                  <c:v>73.379000000000005</c:v>
                </c:pt>
                <c:pt idx="7354">
                  <c:v>73.388999999999996</c:v>
                </c:pt>
                <c:pt idx="7355">
                  <c:v>73.397999999999996</c:v>
                </c:pt>
                <c:pt idx="7356">
                  <c:v>73.408000000000001</c:v>
                </c:pt>
                <c:pt idx="7357">
                  <c:v>73.417000000000002</c:v>
                </c:pt>
                <c:pt idx="7358">
                  <c:v>73.427999999999997</c:v>
                </c:pt>
                <c:pt idx="7359">
                  <c:v>73.436999999999998</c:v>
                </c:pt>
                <c:pt idx="7360">
                  <c:v>73.447000000000003</c:v>
                </c:pt>
                <c:pt idx="7361">
                  <c:v>73.456999999999994</c:v>
                </c:pt>
                <c:pt idx="7362">
                  <c:v>73.466999999999999</c:v>
                </c:pt>
                <c:pt idx="7363">
                  <c:v>73.475999999999999</c:v>
                </c:pt>
                <c:pt idx="7364">
                  <c:v>73.486000000000004</c:v>
                </c:pt>
                <c:pt idx="7365">
                  <c:v>73.494</c:v>
                </c:pt>
                <c:pt idx="7366">
                  <c:v>73.504000000000005</c:v>
                </c:pt>
                <c:pt idx="7367">
                  <c:v>73.512</c:v>
                </c:pt>
                <c:pt idx="7368">
                  <c:v>73.522000000000006</c:v>
                </c:pt>
                <c:pt idx="7369">
                  <c:v>73.531000000000006</c:v>
                </c:pt>
                <c:pt idx="7370">
                  <c:v>73.540999999999997</c:v>
                </c:pt>
                <c:pt idx="7371">
                  <c:v>73.55</c:v>
                </c:pt>
                <c:pt idx="7372">
                  <c:v>73.56</c:v>
                </c:pt>
                <c:pt idx="7373">
                  <c:v>73.569999999999993</c:v>
                </c:pt>
                <c:pt idx="7374">
                  <c:v>73.578999999999994</c:v>
                </c:pt>
                <c:pt idx="7375">
                  <c:v>73.588999999999999</c:v>
                </c:pt>
                <c:pt idx="7376">
                  <c:v>73.599000000000004</c:v>
                </c:pt>
                <c:pt idx="7377">
                  <c:v>73.608999999999995</c:v>
                </c:pt>
                <c:pt idx="7378">
                  <c:v>73.619</c:v>
                </c:pt>
                <c:pt idx="7379">
                  <c:v>73.629000000000005</c:v>
                </c:pt>
                <c:pt idx="7380">
                  <c:v>73.638000000000005</c:v>
                </c:pt>
                <c:pt idx="7381">
                  <c:v>73.647999999999996</c:v>
                </c:pt>
                <c:pt idx="7382">
                  <c:v>73.658000000000001</c:v>
                </c:pt>
                <c:pt idx="7383">
                  <c:v>73.668999999999997</c:v>
                </c:pt>
                <c:pt idx="7384">
                  <c:v>73.677999999999997</c:v>
                </c:pt>
                <c:pt idx="7385">
                  <c:v>73.688999999999993</c:v>
                </c:pt>
                <c:pt idx="7386">
                  <c:v>73.697999999999993</c:v>
                </c:pt>
                <c:pt idx="7387">
                  <c:v>73.709000000000003</c:v>
                </c:pt>
                <c:pt idx="7388">
                  <c:v>73.718000000000004</c:v>
                </c:pt>
                <c:pt idx="7389">
                  <c:v>73.728999999999999</c:v>
                </c:pt>
                <c:pt idx="7390">
                  <c:v>73.738</c:v>
                </c:pt>
                <c:pt idx="7391">
                  <c:v>73.748000000000005</c:v>
                </c:pt>
                <c:pt idx="7392">
                  <c:v>73.757000000000005</c:v>
                </c:pt>
                <c:pt idx="7393">
                  <c:v>73.766999999999996</c:v>
                </c:pt>
                <c:pt idx="7394">
                  <c:v>73.777000000000001</c:v>
                </c:pt>
                <c:pt idx="7395">
                  <c:v>73.787000000000006</c:v>
                </c:pt>
                <c:pt idx="7396">
                  <c:v>73.805000000000007</c:v>
                </c:pt>
                <c:pt idx="7397">
                  <c:v>73.814999999999998</c:v>
                </c:pt>
                <c:pt idx="7398">
                  <c:v>73.823999999999998</c:v>
                </c:pt>
                <c:pt idx="7399">
                  <c:v>73.834000000000003</c:v>
                </c:pt>
                <c:pt idx="7400">
                  <c:v>73.843000000000004</c:v>
                </c:pt>
                <c:pt idx="7401">
                  <c:v>73.852999999999994</c:v>
                </c:pt>
                <c:pt idx="7402">
                  <c:v>73.861000000000004</c:v>
                </c:pt>
                <c:pt idx="7403">
                  <c:v>73.870999999999995</c:v>
                </c:pt>
                <c:pt idx="7404">
                  <c:v>73.88</c:v>
                </c:pt>
                <c:pt idx="7405">
                  <c:v>73.89</c:v>
                </c:pt>
                <c:pt idx="7406">
                  <c:v>73.899000000000001</c:v>
                </c:pt>
                <c:pt idx="7407">
                  <c:v>73.908000000000001</c:v>
                </c:pt>
                <c:pt idx="7408">
                  <c:v>73.918000000000006</c:v>
                </c:pt>
                <c:pt idx="7409">
                  <c:v>73.927000000000007</c:v>
                </c:pt>
                <c:pt idx="7410">
                  <c:v>73.936999999999998</c:v>
                </c:pt>
                <c:pt idx="7411">
                  <c:v>73.945999999999998</c:v>
                </c:pt>
                <c:pt idx="7412">
                  <c:v>73.956000000000003</c:v>
                </c:pt>
                <c:pt idx="7413">
                  <c:v>73.965000000000003</c:v>
                </c:pt>
                <c:pt idx="7414">
                  <c:v>73.974999999999994</c:v>
                </c:pt>
                <c:pt idx="7415">
                  <c:v>73.983000000000004</c:v>
                </c:pt>
                <c:pt idx="7416">
                  <c:v>73.991</c:v>
                </c:pt>
                <c:pt idx="7417">
                  <c:v>74</c:v>
                </c:pt>
                <c:pt idx="7418">
                  <c:v>74.010999999999996</c:v>
                </c:pt>
                <c:pt idx="7419">
                  <c:v>74.018000000000001</c:v>
                </c:pt>
                <c:pt idx="7420">
                  <c:v>74.036000000000001</c:v>
                </c:pt>
                <c:pt idx="7421">
                  <c:v>74.045000000000002</c:v>
                </c:pt>
                <c:pt idx="7422">
                  <c:v>74.054000000000002</c:v>
                </c:pt>
                <c:pt idx="7423">
                  <c:v>74.063000000000002</c:v>
                </c:pt>
                <c:pt idx="7424">
                  <c:v>74.072000000000003</c:v>
                </c:pt>
                <c:pt idx="7425">
                  <c:v>74.081000000000003</c:v>
                </c:pt>
                <c:pt idx="7426">
                  <c:v>74.088999999999999</c:v>
                </c:pt>
                <c:pt idx="7427">
                  <c:v>74.097999999999999</c:v>
                </c:pt>
                <c:pt idx="7428">
                  <c:v>74.105999999999995</c:v>
                </c:pt>
                <c:pt idx="7429">
                  <c:v>74.114999999999995</c:v>
                </c:pt>
                <c:pt idx="7430">
                  <c:v>74.123999999999995</c:v>
                </c:pt>
                <c:pt idx="7431">
                  <c:v>74.132999999999996</c:v>
                </c:pt>
                <c:pt idx="7432">
                  <c:v>74.141000000000005</c:v>
                </c:pt>
                <c:pt idx="7433">
                  <c:v>74.150000000000006</c:v>
                </c:pt>
                <c:pt idx="7434">
                  <c:v>74.158000000000001</c:v>
                </c:pt>
                <c:pt idx="7435">
                  <c:v>74.167000000000002</c:v>
                </c:pt>
                <c:pt idx="7436">
                  <c:v>74.174999999999997</c:v>
                </c:pt>
                <c:pt idx="7437">
                  <c:v>74.185000000000002</c:v>
                </c:pt>
                <c:pt idx="7438">
                  <c:v>74.192999999999998</c:v>
                </c:pt>
                <c:pt idx="7439">
                  <c:v>74.201999999999998</c:v>
                </c:pt>
                <c:pt idx="7440">
                  <c:v>74.209999999999994</c:v>
                </c:pt>
                <c:pt idx="7441">
                  <c:v>74.218999999999994</c:v>
                </c:pt>
                <c:pt idx="7442">
                  <c:v>74.227000000000004</c:v>
                </c:pt>
                <c:pt idx="7443">
                  <c:v>74.234999999999999</c:v>
                </c:pt>
                <c:pt idx="7444">
                  <c:v>74.242000000000004</c:v>
                </c:pt>
                <c:pt idx="7445">
                  <c:v>74.25</c:v>
                </c:pt>
                <c:pt idx="7446">
                  <c:v>74.256</c:v>
                </c:pt>
                <c:pt idx="7447">
                  <c:v>74.265000000000001</c:v>
                </c:pt>
                <c:pt idx="7448">
                  <c:v>74.271000000000001</c:v>
                </c:pt>
                <c:pt idx="7449">
                  <c:v>74.28</c:v>
                </c:pt>
                <c:pt idx="7450">
                  <c:v>74.284000000000006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D67A-4A1F-BF42-A5CE1BF5046D}"/>
            </c:ext>
          </c:extLst>
        </c:ser>
        <c:ser>
          <c:idx val="0"/>
          <c:order val="1"/>
          <c:spPr>
            <a:ln w="19050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xVal>
            <c:numRef>
              <c:f>'CPT Data'!$AK$36:$AK$37</c:f>
              <c:numCache>
                <c:formatCode>General</c:formatCode>
                <c:ptCount val="2"/>
                <c:pt idx="0">
                  <c:v>35</c:v>
                </c:pt>
                <c:pt idx="1">
                  <c:v>35</c:v>
                </c:pt>
              </c:numCache>
            </c:numRef>
          </c:xVal>
          <c:yVal>
            <c:numRef>
              <c:f>'CPT Data'!$AK$40:$AK$41</c:f>
              <c:numCache>
                <c:formatCode>General</c:formatCode>
                <c:ptCount val="2"/>
                <c:pt idx="0">
                  <c:v>0</c:v>
                </c:pt>
                <c:pt idx="1">
                  <c:v>74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1-D67A-4A1F-BF42-A5CE1BF5046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1032885056"/>
        <c:axId val="1032881696"/>
      </c:scatterChart>
      <c:valAx>
        <c:axId val="1032885056"/>
        <c:scaling>
          <c:orientation val="minMax"/>
          <c:min val="10"/>
        </c:scaling>
        <c:delete val="0"/>
        <c:axPos val="t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minorGridlines>
          <c:spPr>
            <a:ln w="9525" cap="flat" cmpd="sng" algn="ctr">
              <a:solidFill>
                <a:schemeClr val="tx1">
                  <a:lumMod val="5000"/>
                  <a:lumOff val="95000"/>
                </a:schemeClr>
              </a:solidFill>
              <a:round/>
            </a:ln>
            <a:effectLst/>
          </c:spPr>
        </c:minorGridlines>
        <c:title>
          <c:tx>
            <c:rich>
              <a:bodyPr rot="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>
                    <a:latin typeface="Symbol" panose="05050102010706020507" pitchFamily="18" charset="2"/>
                  </a:rPr>
                  <a:t>g</a:t>
                </a:r>
                <a:r>
                  <a:rPr lang="en-GB"/>
                  <a:t> [kN/m</a:t>
                </a:r>
                <a:r>
                  <a:rPr lang="en-GB" baseline="30000"/>
                  <a:t>3</a:t>
                </a:r>
                <a:r>
                  <a:rPr lang="en-GB"/>
                  <a:t>]</a:t>
                </a:r>
              </a:p>
            </c:rich>
          </c:tx>
          <c:layout>
            <c:manualLayout>
              <c:xMode val="edge"/>
              <c:yMode val="edge"/>
              <c:x val="0.48100138888888888"/>
              <c:y val="7.0767222222222231E-2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032881696"/>
        <c:crosses val="autoZero"/>
        <c:crossBetween val="midCat"/>
      </c:valAx>
      <c:valAx>
        <c:axId val="1032881696"/>
        <c:scaling>
          <c:orientation val="maxMin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minorGridlines>
          <c:spPr>
            <a:ln w="9525" cap="flat" cmpd="sng" algn="ctr">
              <a:solidFill>
                <a:schemeClr val="tx1">
                  <a:lumMod val="5000"/>
                  <a:lumOff val="95000"/>
                </a:schemeClr>
              </a:solidFill>
              <a:round/>
            </a:ln>
            <a:effectLst/>
          </c:spPr>
        </c:min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/>
                  <a:t>Depth [m]</a:t>
                </a:r>
              </a:p>
            </c:rich>
          </c:tx>
          <c:layout>
            <c:manualLayout>
              <c:xMode val="edge"/>
              <c:yMode val="edge"/>
              <c:x val="1.4111111111111111E-2"/>
              <c:y val="0.48736259259259257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032885056"/>
        <c:crosses val="autoZero"/>
        <c:crossBetween val="midCat"/>
        <c:majorUnit val="5"/>
        <c:minorUnit val="1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scatterChart>
        <c:scatterStyle val="lineMarker"/>
        <c:varyColors val="0"/>
        <c:ser>
          <c:idx val="0"/>
          <c:order val="0"/>
          <c:spPr>
            <a:ln w="19050" cap="rnd">
              <a:solidFill>
                <a:schemeClr val="accent1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xVal>
            <c:numRef>
              <c:f>('SUMMARY-Static'!$F$20,'SUMMARY-Static'!$H$20,'SUMMARY-Static'!$J$20,'SUMMARY-Static'!$L$20,'SUMMARY-Static'!$N$20,'SUMMARY-Static'!$P$20,'SUMMARY-Static'!$R$20,'SUMMARY-Static'!$T$20,'SUMMARY-Static'!$V$20,'SUMMARY-Static'!$X$20,'SUMMARY-Static'!$Z$20,'SUMMARY-Static'!$AB$20)</c:f>
              <c:numCache>
                <c:formatCode>General</c:formatCode>
                <c:ptCount val="12"/>
                <c:pt idx="0">
                  <c:v>0</c:v>
                </c:pt>
                <c:pt idx="1">
                  <c:v>0.6</c:v>
                </c:pt>
                <c:pt idx="2">
                  <c:v>6</c:v>
                </c:pt>
                <c:pt idx="3">
                  <c:v>10.6</c:v>
                </c:pt>
                <c:pt idx="4">
                  <c:v>18</c:v>
                </c:pt>
                <c:pt idx="5">
                  <c:v>28</c:v>
                </c:pt>
                <c:pt idx="6">
                  <c:v>44</c:v>
                </c:pt>
                <c:pt idx="7">
                  <c:v>64</c:v>
                </c:pt>
                <c:pt idx="8">
                  <c:v>100</c:v>
                </c:pt>
                <c:pt idx="9">
                  <c:v>164</c:v>
                </c:pt>
                <c:pt idx="10">
                  <c:v>300</c:v>
                </c:pt>
                <c:pt idx="11">
                  <c:v>500</c:v>
                </c:pt>
              </c:numCache>
            </c:numRef>
          </c:xVal>
          <c:yVal>
            <c:numRef>
              <c:f>('SUMMARY-Static'!$E$20,'SUMMARY-Static'!$G$20,'SUMMARY-Static'!$I$20,'SUMMARY-Static'!$K$20,'SUMMARY-Static'!$M$20,'SUMMARY-Static'!$O$20,'SUMMARY-Static'!$Q$20,'SUMMARY-Static'!$S$20,'SUMMARY-Static'!$U$20,'SUMMARY-Static'!$W$20,'SUMMARY-Static'!$Y$20,'SUMMARY-Static'!$AA$20)</c:f>
              <c:numCache>
                <c:formatCode>General</c:formatCode>
                <c:ptCount val="12"/>
                <c:pt idx="0">
                  <c:v>0</c:v>
                </c:pt>
                <c:pt idx="1">
                  <c:v>24.472670060724827</c:v>
                </c:pt>
                <c:pt idx="2">
                  <c:v>97.890680242899307</c:v>
                </c:pt>
                <c:pt idx="3">
                  <c:v>146.83602036434894</c:v>
                </c:pt>
                <c:pt idx="4">
                  <c:v>195.78136048579861</c:v>
                </c:pt>
                <c:pt idx="5">
                  <c:v>244.72670060724826</c:v>
                </c:pt>
                <c:pt idx="6">
                  <c:v>293.67204072869788</c:v>
                </c:pt>
                <c:pt idx="7">
                  <c:v>342.61738085014753</c:v>
                </c:pt>
                <c:pt idx="8">
                  <c:v>391.56272097159723</c:v>
                </c:pt>
                <c:pt idx="9">
                  <c:v>440.50806109304688</c:v>
                </c:pt>
                <c:pt idx="10">
                  <c:v>477.21706618413413</c:v>
                </c:pt>
                <c:pt idx="11">
                  <c:v>489.45340121449652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5FEF-41C4-8C4D-D6DB02E98834}"/>
            </c:ext>
          </c:extLst>
        </c:ser>
        <c:ser>
          <c:idx val="2"/>
          <c:order val="2"/>
          <c:spPr>
            <a:ln w="19050" cap="rnd">
              <a:solidFill>
                <a:schemeClr val="accent3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chemeClr val="accent3"/>
              </a:solidFill>
              <a:ln w="9525">
                <a:solidFill>
                  <a:schemeClr val="accent3"/>
                </a:solidFill>
              </a:ln>
              <a:effectLst/>
            </c:spPr>
          </c:marker>
          <c:xVal>
            <c:numRef>
              <c:f>('SUMMARY-Cyclic'!$F$20,'SUMMARY-Cyclic'!$H$20,'SUMMARY-Cyclic'!$J$20,'SUMMARY-Cyclic'!$L$20,'SUMMARY-Cyclic'!$N$20,'SUMMARY-Cyclic'!$P$20,'SUMMARY-Cyclic'!$R$20,'SUMMARY-Cyclic'!$T$20,'SUMMARY-Cyclic'!$V$20,'SUMMARY-Cyclic'!$X$20,'SUMMARY-Cyclic'!$Z$20,'SUMMARY-Cyclic'!$AB$20,'SUMMARY-Cyclic'!$AD$20)</c:f>
              <c:numCache>
                <c:formatCode>General</c:formatCode>
                <c:ptCount val="13"/>
                <c:pt idx="0">
                  <c:v>0</c:v>
                </c:pt>
                <c:pt idx="1">
                  <c:v>0.65484494467840315</c:v>
                </c:pt>
                <c:pt idx="2">
                  <c:v>6.3781615054084195</c:v>
                </c:pt>
                <c:pt idx="3">
                  <c:v>11.042594645735512</c:v>
                </c:pt>
                <c:pt idx="4">
                  <c:v>18.326027229952459</c:v>
                </c:pt>
                <c:pt idx="5">
                  <c:v>27.762214977519093</c:v>
                </c:pt>
                <c:pt idx="6">
                  <c:v>42.287897366910428</c:v>
                </c:pt>
                <c:pt idx="7">
                  <c:v>59.236845559751181</c:v>
                </c:pt>
                <c:pt idx="8">
                  <c:v>88.291315064635469</c:v>
                </c:pt>
                <c:pt idx="9">
                  <c:v>136.03428406221266</c:v>
                </c:pt>
                <c:pt idx="10">
                  <c:v>233.45752444262695</c:v>
                </c:pt>
                <c:pt idx="11">
                  <c:v>378.96014638376062</c:v>
                </c:pt>
                <c:pt idx="12">
                  <c:v>4547.5217566051278</c:v>
                </c:pt>
              </c:numCache>
            </c:numRef>
          </c:xVal>
          <c:yVal>
            <c:numRef>
              <c:f>('SUMMARY-Cyclic'!$E$20,'SUMMARY-Cyclic'!$G$20,'SUMMARY-Cyclic'!$I$20,'SUMMARY-Cyclic'!$K$20,'SUMMARY-Cyclic'!$M$20,'SUMMARY-Cyclic'!$O$20,'SUMMARY-Cyclic'!$Q$20,'SUMMARY-Cyclic'!$S$20,'SUMMARY-Cyclic'!$U$20,'SUMMARY-Cyclic'!$W$20,'SUMMARY-Cyclic'!$Y$20,'SUMMARY-Cyclic'!$AA$20,'SUMMARY-Cyclic'!$AC$20)</c:f>
              <c:numCache>
                <c:formatCode>General</c:formatCode>
                <c:ptCount val="13"/>
                <c:pt idx="0">
                  <c:v>0</c:v>
                </c:pt>
                <c:pt idx="1">
                  <c:v>37.545572534755415</c:v>
                </c:pt>
                <c:pt idx="2">
                  <c:v>147.73087801866558</c:v>
                </c:pt>
                <c:pt idx="3">
                  <c:v>218.84019986774715</c:v>
                </c:pt>
                <c:pt idx="4">
                  <c:v>287.70288998825532</c:v>
                </c:pt>
                <c:pt idx="5">
                  <c:v>353.88366482365404</c:v>
                </c:pt>
                <c:pt idx="6">
                  <c:v>416.77812760551279</c:v>
                </c:pt>
                <c:pt idx="7">
                  <c:v>475.50527416187066</c:v>
                </c:pt>
                <c:pt idx="8">
                  <c:v>528.69483266850557</c:v>
                </c:pt>
                <c:pt idx="9">
                  <c:v>574.01206510882446</c:v>
                </c:pt>
                <c:pt idx="10">
                  <c:v>600.2513798414119</c:v>
                </c:pt>
                <c:pt idx="11">
                  <c:v>606.88779429182432</c:v>
                </c:pt>
                <c:pt idx="12">
                  <c:v>606.88779429182432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D0AB-462D-BE47-225EDC14FC81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7562560"/>
        <c:axId val="2171088"/>
        <c:extLst>
          <c:ext xmlns:c15="http://schemas.microsoft.com/office/drawing/2012/chart" uri="{02D57815-91ED-43cb-92C2-25804820EDAC}">
            <c15:filteredScatterSeries>
              <c15:ser>
                <c:idx val="1"/>
                <c:order val="1"/>
                <c:spPr>
                  <a:ln w="19050" cap="rnd">
                    <a:solidFill>
                      <a:schemeClr val="accent2"/>
                    </a:solidFill>
                    <a:round/>
                  </a:ln>
                  <a:effectLst/>
                </c:spPr>
                <c:marker>
                  <c:symbol val="circle"/>
                  <c:size val="5"/>
                  <c:spPr>
                    <a:solidFill>
                      <a:schemeClr val="accent2"/>
                    </a:solidFill>
                    <a:ln w="9525">
                      <a:solidFill>
                        <a:schemeClr val="accent2"/>
                      </a:solidFill>
                    </a:ln>
                    <a:effectLst/>
                  </c:spPr>
                </c:marker>
                <c:xVal>
                  <c:numRef>
                    <c:extLst>
                      <c:ext uri="{02D57815-91ED-43cb-92C2-25804820EDAC}">
                        <c15:formulaRef>
                          <c15:sqref>('SUMMARY-Static'!$F$34,'SUMMARY-Static'!$H$34,'SUMMARY-Static'!$J$34,'SUMMARY-Static'!$L$34,'SUMMARY-Static'!$N$34,'SUMMARY-Static'!$P$34,'SUMMARY-Static'!$R$34,'SUMMARY-Static'!$T$34,'SUMMARY-Static'!$V$34,'SUMMARY-Static'!$X$34,'SUMMARY-Static'!$Z$34,'SUMMARY-Static'!$AB$34)</c15:sqref>
                        </c15:formulaRef>
                      </c:ext>
                    </c:extLst>
                    <c:numCache>
                      <c:formatCode>General</c:formatCode>
                      <c:ptCount val="12"/>
                      <c:pt idx="0">
                        <c:v>0</c:v>
                      </c:pt>
                      <c:pt idx="1">
                        <c:v>0.8613626648033309</c:v>
                      </c:pt>
                      <c:pt idx="2">
                        <c:v>8.6136266480333123</c:v>
                      </c:pt>
                      <c:pt idx="3">
                        <c:v>17.840879944099928</c:v>
                      </c:pt>
                      <c:pt idx="4">
                        <c:v>33.681759888199863</c:v>
                      </c:pt>
                      <c:pt idx="5">
                        <c:v>54.136266480333099</c:v>
                      </c:pt>
                      <c:pt idx="6">
                        <c:v>81.818026368532955</c:v>
                      </c:pt>
                      <c:pt idx="7">
                        <c:v>124.11341290476615</c:v>
                      </c:pt>
                      <c:pt idx="8">
                        <c:v>190.09055932919918</c:v>
                      </c:pt>
                      <c:pt idx="9">
                        <c:v>310.68133240166549</c:v>
                      </c:pt>
                      <c:pt idx="10">
                        <c:v>502.95386536233178</c:v>
                      </c:pt>
                      <c:pt idx="11">
                        <c:v>661.36266480333097</c:v>
                      </c:pt>
                    </c:numCache>
                  </c:numRef>
                </c:xVal>
                <c:yVal>
                  <c:numRef>
                    <c:extLst>
                      <c:ext uri="{02D57815-91ED-43cb-92C2-25804820EDAC}">
                        <c15:formulaRef>
                          <c15:sqref>('SUMMARY-Static'!$E$34,'SUMMARY-Static'!$G$34,'SUMMARY-Static'!$I$34,'SUMMARY-Static'!$K$34,'SUMMARY-Static'!$M$34,'SUMMARY-Static'!$O$34,'SUMMARY-Static'!$Q$34,'SUMMARY-Static'!$S$34,'SUMMARY-Static'!$U$34,'SUMMARY-Static'!$W$34,'SUMMARY-Static'!$Y$34,'SUMMARY-Static'!$AA$34)</c15:sqref>
                        </c15:formulaRef>
                      </c:ext>
                    </c:extLst>
                    <c:numCache>
                      <c:formatCode>General</c:formatCode>
                      <c:ptCount val="12"/>
                      <c:pt idx="0">
                        <c:v>0</c:v>
                      </c:pt>
                      <c:pt idx="1">
                        <c:v>303.27443388039313</c:v>
                      </c:pt>
                      <c:pt idx="2">
                        <c:v>1213.0977355215725</c:v>
                      </c:pt>
                      <c:pt idx="3">
                        <c:v>1819.6466032823589</c:v>
                      </c:pt>
                      <c:pt idx="4">
                        <c:v>2426.1954710431451</c:v>
                      </c:pt>
                      <c:pt idx="5">
                        <c:v>3032.7443388039314</c:v>
                      </c:pt>
                      <c:pt idx="6">
                        <c:v>3639.2932065647178</c:v>
                      </c:pt>
                      <c:pt idx="7">
                        <c:v>4245.8420743255037</c:v>
                      </c:pt>
                      <c:pt idx="8">
                        <c:v>4852.3909420862901</c:v>
                      </c:pt>
                      <c:pt idx="9">
                        <c:v>5458.9398098470765</c:v>
                      </c:pt>
                      <c:pt idx="10">
                        <c:v>5913.8514606676663</c:v>
                      </c:pt>
                      <c:pt idx="11">
                        <c:v>6065.4886776078629</c:v>
                      </c:pt>
                    </c:numCache>
                  </c:numRef>
                </c:yVal>
                <c:smooth val="0"/>
                <c:extLst>
                  <c:ext xmlns:c16="http://schemas.microsoft.com/office/drawing/2014/chart" uri="{C3380CC4-5D6E-409C-BE32-E72D297353CC}">
                    <c16:uniqueId val="{00000001-5FEF-41C4-8C4D-D6DB02E98834}"/>
                  </c:ext>
                </c:extLst>
              </c15:ser>
            </c15:filteredScatterSeries>
          </c:ext>
        </c:extLst>
      </c:scatterChart>
      <c:valAx>
        <c:axId val="7562560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171088"/>
        <c:crosses val="autoZero"/>
        <c:crossBetween val="midCat"/>
      </c:valAx>
      <c:valAx>
        <c:axId val="2171088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7562560"/>
        <c:crosses val="autoZero"/>
        <c:crossBetween val="midCat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scatterChart>
        <c:scatterStyle val="lineMarker"/>
        <c:varyColors val="0"/>
        <c:ser>
          <c:idx val="0"/>
          <c:order val="0"/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xVal>
            <c:numRef>
              <c:f>'p-y sand'!$Z$27:$AJ$27</c:f>
              <c:numCache>
                <c:formatCode>General</c:formatCode>
                <c:ptCount val="11"/>
                <c:pt idx="0">
                  <c:v>0</c:v>
                </c:pt>
                <c:pt idx="1">
                  <c:v>10</c:v>
                </c:pt>
                <c:pt idx="2">
                  <c:v>20</c:v>
                </c:pt>
                <c:pt idx="3">
                  <c:v>30</c:v>
                </c:pt>
                <c:pt idx="4">
                  <c:v>40</c:v>
                </c:pt>
                <c:pt idx="5">
                  <c:v>50</c:v>
                </c:pt>
                <c:pt idx="6">
                  <c:v>60</c:v>
                </c:pt>
                <c:pt idx="7">
                  <c:v>70</c:v>
                </c:pt>
                <c:pt idx="8">
                  <c:v>80</c:v>
                </c:pt>
                <c:pt idx="9">
                  <c:v>90</c:v>
                </c:pt>
                <c:pt idx="10">
                  <c:v>100</c:v>
                </c:pt>
              </c:numCache>
            </c:numRef>
          </c:xVal>
          <c:yVal>
            <c:numRef>
              <c:f>'p-y sand'!$AM$27:$AW$27</c:f>
              <c:numCache>
                <c:formatCode>General</c:formatCode>
                <c:ptCount val="11"/>
                <c:pt idx="0">
                  <c:v>0</c:v>
                </c:pt>
                <c:pt idx="1">
                  <c:v>47.902655087882714</c:v>
                </c:pt>
                <c:pt idx="2">
                  <c:v>47.908910950855386</c:v>
                </c:pt>
                <c:pt idx="3">
                  <c:v>47.90891135937531</c:v>
                </c:pt>
                <c:pt idx="4">
                  <c:v>47.908911359401984</c:v>
                </c:pt>
                <c:pt idx="5">
                  <c:v>47.908911359401984</c:v>
                </c:pt>
                <c:pt idx="6">
                  <c:v>47.908911359401984</c:v>
                </c:pt>
                <c:pt idx="7">
                  <c:v>47.908911359401984</c:v>
                </c:pt>
                <c:pt idx="8">
                  <c:v>47.908911359401984</c:v>
                </c:pt>
                <c:pt idx="9">
                  <c:v>47.908911359401984</c:v>
                </c:pt>
                <c:pt idx="10">
                  <c:v>47.908911359401984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A6CA-46DE-AC9E-C265B714BEE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999157775"/>
        <c:axId val="1901871280"/>
      </c:scatterChart>
      <c:valAx>
        <c:axId val="999157775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901871280"/>
        <c:crosses val="autoZero"/>
        <c:crossBetween val="midCat"/>
      </c:valAx>
      <c:valAx>
        <c:axId val="1901871280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999157775"/>
        <c:crosses val="autoZero"/>
        <c:crossBetween val="midCat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/>
      <c:scatterChart>
        <c:scatterStyle val="lineMarker"/>
        <c:varyColors val="0"/>
        <c:ser>
          <c:idx val="0"/>
          <c:order val="0"/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xVal>
            <c:numRef>
              <c:f>'p-y cyclic sand'!$Z$82:$AJ$82</c:f>
              <c:numCache>
                <c:formatCode>General</c:formatCode>
                <c:ptCount val="11"/>
                <c:pt idx="0">
                  <c:v>0</c:v>
                </c:pt>
                <c:pt idx="1">
                  <c:v>10</c:v>
                </c:pt>
                <c:pt idx="2">
                  <c:v>20</c:v>
                </c:pt>
                <c:pt idx="3">
                  <c:v>30</c:v>
                </c:pt>
                <c:pt idx="4">
                  <c:v>40</c:v>
                </c:pt>
                <c:pt idx="5">
                  <c:v>50</c:v>
                </c:pt>
                <c:pt idx="6">
                  <c:v>60</c:v>
                </c:pt>
                <c:pt idx="7">
                  <c:v>70</c:v>
                </c:pt>
                <c:pt idx="8">
                  <c:v>80</c:v>
                </c:pt>
                <c:pt idx="9">
                  <c:v>90</c:v>
                </c:pt>
                <c:pt idx="10">
                  <c:v>100</c:v>
                </c:pt>
              </c:numCache>
            </c:numRef>
          </c:xVal>
          <c:yVal>
            <c:numRef>
              <c:f>'p-y cyclic sand'!$AM$82:$AW$82</c:f>
              <c:numCache>
                <c:formatCode>General</c:formatCode>
                <c:ptCount val="11"/>
                <c:pt idx="0">
                  <c:v>0</c:v>
                </c:pt>
                <c:pt idx="1">
                  <c:v>8423.3875860430508</c:v>
                </c:pt>
                <c:pt idx="2">
                  <c:v>16028.848041724923</c:v>
                </c:pt>
                <c:pt idx="3">
                  <c:v>22288.025498398238</c:v>
                </c:pt>
                <c:pt idx="4">
                  <c:v>27058.044274231681</c:v>
                </c:pt>
                <c:pt idx="5">
                  <c:v>30484.524024180038</c:v>
                </c:pt>
                <c:pt idx="6">
                  <c:v>32842.725559030318</c:v>
                </c:pt>
                <c:pt idx="7">
                  <c:v>34418.270759503132</c:v>
                </c:pt>
                <c:pt idx="8">
                  <c:v>35450.156054718929</c:v>
                </c:pt>
                <c:pt idx="9">
                  <c:v>36117.189691243482</c:v>
                </c:pt>
                <c:pt idx="10">
                  <c:v>36544.734001709934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2AAA-4186-96CB-580DBA27804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999169839"/>
        <c:axId val="997229855"/>
      </c:scatterChart>
      <c:valAx>
        <c:axId val="999169839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997229855"/>
        <c:crosses val="autoZero"/>
        <c:crossBetween val="midCat"/>
      </c:valAx>
      <c:valAx>
        <c:axId val="997229855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999169839"/>
        <c:crosses val="autoZero"/>
        <c:crossBetween val="midCat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/>
      <c:scatterChart>
        <c:scatterStyle val="lineMarker"/>
        <c:varyColors val="0"/>
        <c:ser>
          <c:idx val="0"/>
          <c:order val="0"/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xVal>
            <c:numRef>
              <c:f>#REF!</c:f>
            </c:numRef>
          </c:xVal>
          <c:yVal>
            <c:numRef>
              <c:f>#REF!</c:f>
              <c:numCache>
                <c:formatCode>General</c:formatCode>
                <c:ptCount val="1"/>
                <c:pt idx="0">
                  <c:v>1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E0FE-46E3-9570-E329C4668055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1616240448"/>
        <c:axId val="1616229888"/>
      </c:scatterChart>
      <c:valAx>
        <c:axId val="1616240448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0.0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616229888"/>
        <c:crosses val="autoZero"/>
        <c:crossBetween val="midCat"/>
      </c:valAx>
      <c:valAx>
        <c:axId val="1616229888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616240448"/>
        <c:crosses val="autoZero"/>
        <c:crossBetween val="midCat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style1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2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3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4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5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6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7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8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9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_rels/drawing10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_rels/drawing1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_rels/drawing2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_rels/drawing3.xml.rels><?xml version="1.0" encoding="UTF-8" standalone="yes"?>
<Relationships xmlns="http://schemas.openxmlformats.org/package/2006/relationships"><Relationship Id="rId3" Type="http://schemas.openxmlformats.org/officeDocument/2006/relationships/chart" Target="../charts/chart2.xml"/><Relationship Id="rId2" Type="http://schemas.openxmlformats.org/officeDocument/2006/relationships/chart" Target="../charts/chart1.xml"/><Relationship Id="rId1" Type="http://schemas.openxmlformats.org/officeDocument/2006/relationships/image" Target="../media/image1.png"/><Relationship Id="rId6" Type="http://schemas.openxmlformats.org/officeDocument/2006/relationships/chart" Target="../charts/chart5.xml"/><Relationship Id="rId5" Type="http://schemas.openxmlformats.org/officeDocument/2006/relationships/chart" Target="../charts/chart4.xml"/><Relationship Id="rId4" Type="http://schemas.openxmlformats.org/officeDocument/2006/relationships/chart" Target="../charts/chart3.xml"/></Relationships>
</file>

<file path=xl/drawings/_rels/drawing4.xml.rels><?xml version="1.0" encoding="UTF-8" standalone="yes"?>
<Relationships xmlns="http://schemas.openxmlformats.org/package/2006/relationships"><Relationship Id="rId1" Type="http://schemas.openxmlformats.org/officeDocument/2006/relationships/chart" Target="../charts/chart6.xml"/></Relationships>
</file>

<file path=xl/drawings/_rels/drawing5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_rels/drawing6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image" Target="../media/image1.png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xl/drawings/_rels/drawing7.xml.rels><?xml version="1.0" encoding="UTF-8" standalone="yes"?>
<Relationships xmlns="http://schemas.openxmlformats.org/package/2006/relationships"><Relationship Id="rId8" Type="http://schemas.openxmlformats.org/officeDocument/2006/relationships/chart" Target="../charts/chart7.xml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image" Target="../media/image1.png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xl/drawings/_rels/drawing8.xml.rels><?xml version="1.0" encoding="UTF-8" standalone="yes"?>
<Relationships xmlns="http://schemas.openxmlformats.org/package/2006/relationships"><Relationship Id="rId1" Type="http://schemas.openxmlformats.org/officeDocument/2006/relationships/chart" Target="../charts/chart8.xml"/></Relationships>
</file>

<file path=xl/drawings/_rels/drawing9.xml.rels><?xml version="1.0" encoding="UTF-8" standalone="yes"?>
<Relationships xmlns="http://schemas.openxmlformats.org/package/2006/relationships"><Relationship Id="rId2" Type="http://schemas.openxmlformats.org/officeDocument/2006/relationships/chart" Target="../charts/chart9.xml"/><Relationship Id="rId1" Type="http://schemas.openxmlformats.org/officeDocument/2006/relationships/image" Target="../media/image1.png"/></Relationships>
</file>

<file path=xl/drawings/_rels/vmlDrawing10.vml.rels><?xml version="1.0" encoding="UTF-8" standalone="yes"?>
<Relationships xmlns="http://schemas.openxmlformats.org/package/2006/relationships"><Relationship Id="rId1" Type="http://schemas.openxmlformats.org/officeDocument/2006/relationships/image" Target="../media/image2.png"/></Relationships>
</file>

<file path=xl/drawings/_rels/vmlDrawing11.vml.rels><?xml version="1.0" encoding="UTF-8" standalone="yes"?>
<Relationships xmlns="http://schemas.openxmlformats.org/package/2006/relationships"><Relationship Id="rId1" Type="http://schemas.openxmlformats.org/officeDocument/2006/relationships/image" Target="../media/image2.png"/></Relationships>
</file>

<file path=xl/drawings/_rels/vmlDrawing12.vml.rels><?xml version="1.0" encoding="UTF-8" standalone="yes"?>
<Relationships xmlns="http://schemas.openxmlformats.org/package/2006/relationships"><Relationship Id="rId1" Type="http://schemas.openxmlformats.org/officeDocument/2006/relationships/image" Target="../media/image2.png"/></Relationships>
</file>

<file path=xl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2.png"/></Relationships>
</file>

<file path=xl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2.png"/></Relationships>
</file>

<file path=xl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2.png"/></Relationships>
</file>

<file path=xl/drawings/_rels/vmlDrawing7.vml.rels><?xml version="1.0" encoding="UTF-8" standalone="yes"?>
<Relationships xmlns="http://schemas.openxmlformats.org/package/2006/relationships"><Relationship Id="rId1" Type="http://schemas.openxmlformats.org/officeDocument/2006/relationships/image" Target="../media/image2.png"/></Relationships>
</file>

<file path=xl/drawings/_rels/vmlDrawing8.vml.rels><?xml version="1.0" encoding="UTF-8" standalone="yes"?>
<Relationships xmlns="http://schemas.openxmlformats.org/package/2006/relationships"><Relationship Id="rId1" Type="http://schemas.openxmlformats.org/officeDocument/2006/relationships/image" Target="../media/image2.png"/></Relationships>
</file>

<file path=xl/drawings/_rels/vmlDrawing9.vml.rels><?xml version="1.0" encoding="UTF-8" standalone="yes"?>
<Relationships xmlns="http://schemas.openxmlformats.org/package/2006/relationships"><Relationship Id="rId1" Type="http://schemas.openxmlformats.org/officeDocument/2006/relationships/image" Target="../media/image2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1</xdr:col>
      <xdr:colOff>0</xdr:colOff>
      <xdr:row>0</xdr:row>
      <xdr:rowOff>0</xdr:rowOff>
    </xdr:from>
    <xdr:to>
      <xdr:col>3</xdr:col>
      <xdr:colOff>20955</xdr:colOff>
      <xdr:row>1</xdr:row>
      <xdr:rowOff>129540</xdr:rowOff>
    </xdr:to>
    <xdr:pic>
      <xdr:nvPicPr>
        <xdr:cNvPr id="2" name="Picture 1" descr="Icon&#10;&#10;Description automatically generated">
          <a:extLst>
            <a:ext uri="{FF2B5EF4-FFF2-40B4-BE49-F238E27FC236}">
              <a16:creationId xmlns:a16="http://schemas.microsoft.com/office/drawing/2014/main" id="{E5F816EC-EBE5-4501-B218-E43F6C7EE07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95250" y="0"/>
          <a:ext cx="1085850" cy="287655"/>
        </a:xfrm>
        <a:prstGeom prst="rect">
          <a:avLst/>
        </a:prstGeom>
      </xdr:spPr>
    </xdr:pic>
    <xdr:clientData/>
  </xdr:twoCellAnchor>
</xdr:wsDr>
</file>

<file path=xl/drawings/drawing10.xml><?xml version="1.0" encoding="utf-8"?>
<xdr:wsDr xmlns:xdr="http://schemas.openxmlformats.org/drawingml/2006/spreadsheetDrawing" xmlns:a="http://schemas.openxmlformats.org/drawingml/2006/main">
  <xdr:twoCellAnchor editAs="absolute">
    <xdr:from>
      <xdr:col>0</xdr:col>
      <xdr:colOff>0</xdr:colOff>
      <xdr:row>0</xdr:row>
      <xdr:rowOff>0</xdr:rowOff>
    </xdr:from>
    <xdr:to>
      <xdr:col>14</xdr:col>
      <xdr:colOff>465600</xdr:colOff>
      <xdr:row>1</xdr:row>
      <xdr:rowOff>9525</xdr:rowOff>
    </xdr:to>
    <xdr:grpSp>
      <xdr:nvGrpSpPr>
        <xdr:cNvPr id="2" name="Group 1">
          <a:extLst>
            <a:ext uri="{FF2B5EF4-FFF2-40B4-BE49-F238E27FC236}">
              <a16:creationId xmlns:a16="http://schemas.microsoft.com/office/drawing/2014/main" id="{00000000-0008-0000-0300-000002000000}"/>
            </a:ext>
          </a:extLst>
        </xdr:cNvPr>
        <xdr:cNvGrpSpPr/>
      </xdr:nvGrpSpPr>
      <xdr:grpSpPr>
        <a:xfrm>
          <a:off x="0" y="0"/>
          <a:ext cx="9000000" cy="1276350"/>
          <a:chOff x="0" y="0"/>
          <a:chExt cx="8496300" cy="1276350"/>
        </a:xfrm>
      </xdr:grpSpPr>
      <xdr:sp macro="" textlink="">
        <xdr:nvSpPr>
          <xdr:cNvPr id="3684" name="Rectangle 159">
            <a:extLst>
              <a:ext uri="{FF2B5EF4-FFF2-40B4-BE49-F238E27FC236}">
                <a16:creationId xmlns:a16="http://schemas.microsoft.com/office/drawing/2014/main" id="{00000000-0008-0000-0300-0000640E0000}"/>
              </a:ext>
            </a:extLst>
          </xdr:cNvPr>
          <xdr:cNvSpPr>
            <a:spLocks noChangeArrowheads="1"/>
          </xdr:cNvSpPr>
        </xdr:nvSpPr>
        <xdr:spPr bwMode="auto">
          <a:xfrm>
            <a:off x="628650" y="666750"/>
            <a:ext cx="4819650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JobTitle">
        <xdr:nvSpPr>
          <xdr:cNvPr id="3273" name="txtJobTitle">
            <a:extLst>
              <a:ext uri="{FF2B5EF4-FFF2-40B4-BE49-F238E27FC236}">
                <a16:creationId xmlns:a16="http://schemas.microsoft.com/office/drawing/2014/main" id="{00000000-0008-0000-0300-0000C90C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28650" y="666750"/>
            <a:ext cx="4829175" cy="24765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099B777F-7A96-41CD-B42F-47FDB21DA719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p-y Curves to ISO19901-4(2022)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3686" name="Rectangle 157">
            <a:extLst>
              <a:ext uri="{FF2B5EF4-FFF2-40B4-BE49-F238E27FC236}">
                <a16:creationId xmlns:a16="http://schemas.microsoft.com/office/drawing/2014/main" id="{00000000-0008-0000-0300-0000660E0000}"/>
              </a:ext>
            </a:extLst>
          </xdr:cNvPr>
          <xdr:cNvSpPr>
            <a:spLocks noChangeArrowheads="1"/>
          </xdr:cNvSpPr>
        </xdr:nvSpPr>
        <xdr:spPr bwMode="auto">
          <a:xfrm>
            <a:off x="628650" y="952500"/>
            <a:ext cx="4819650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3687" name="txtSheetTitle">
            <a:extLst>
              <a:ext uri="{FF2B5EF4-FFF2-40B4-BE49-F238E27FC236}">
                <a16:creationId xmlns:a16="http://schemas.microsoft.com/office/drawing/2014/main" id="{00000000-0008-0000-0300-0000670E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628650" y="952500"/>
            <a:ext cx="4829175" cy="247650"/>
          </a:xfrm>
          <a:prstGeom prst="rect">
            <a:avLst/>
          </a:prstGeom>
          <a:solidFill>
            <a:srgbClr val="FFFFFF">
              <a:alpha val="50195"/>
            </a:srgbClr>
          </a:solidFill>
          <a:ln>
            <a:noFill/>
          </a:ln>
          <a:extLst>
            <a:ext uri="{91240B29-F687-4F45-9708-019B960494DF}">
              <a14:hiddenLine xmlns:a14="http://schemas.microsoft.com/office/drawing/2010/main" w="0">
                <a:solidFill>
                  <a:srgbClr val="000000"/>
                </a:solidFill>
                <a:prstDash val="sysDot"/>
                <a:miter lim="800000"/>
                <a:headEnd/>
                <a:tailEnd/>
              </a14:hiddenLine>
            </a:ext>
          </a:extLst>
        </xdr:spPr>
        <xdr:txBody>
          <a:bodyPr/>
          <a:lstStyle/>
          <a:p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3688" name="Rectangle 160">
            <a:extLst>
              <a:ext uri="{FF2B5EF4-FFF2-40B4-BE49-F238E27FC236}">
                <a16:creationId xmlns:a16="http://schemas.microsoft.com/office/drawing/2014/main" id="{00000000-0008-0000-0300-0000680E0000}"/>
              </a:ext>
            </a:extLst>
          </xdr:cNvPr>
          <xdr:cNvSpPr>
            <a:spLocks noChangeArrowheads="1"/>
          </xdr:cNvSpPr>
        </xdr:nvSpPr>
        <xdr:spPr bwMode="auto">
          <a:xfrm>
            <a:off x="7924800" y="171450"/>
            <a:ext cx="5334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Revision">
        <xdr:nvSpPr>
          <xdr:cNvPr id="3233" name="txtRev">
            <a:extLst>
              <a:ext uri="{FF2B5EF4-FFF2-40B4-BE49-F238E27FC236}">
                <a16:creationId xmlns:a16="http://schemas.microsoft.com/office/drawing/2014/main" id="{00000000-0008-0000-0300-0000A10C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7924800" y="161924"/>
            <a:ext cx="542925" cy="228601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FE19B48-4095-491C-9590-A79FB6F9D866}" type="TxLink">
              <a:rPr lang="en-GB"/>
              <a:pPr/>
              <a:t> </a:t>
            </a:fld>
            <a:endParaRPr lang="en-GB"/>
          </a:p>
        </xdr:txBody>
      </xdr:sp>
      <xdr:sp macro="" textlink="">
        <xdr:nvSpPr>
          <xdr:cNvPr id="3690" name="Rectangle 162">
            <a:extLst>
              <a:ext uri="{FF2B5EF4-FFF2-40B4-BE49-F238E27FC236}">
                <a16:creationId xmlns:a16="http://schemas.microsoft.com/office/drawing/2014/main" id="{00000000-0008-0000-0300-00006A0E0000}"/>
              </a:ext>
            </a:extLst>
          </xdr:cNvPr>
          <xdr:cNvSpPr>
            <a:spLocks noChangeArrowheads="1"/>
          </xdr:cNvSpPr>
        </xdr:nvSpPr>
        <xdr:spPr bwMode="auto">
          <a:xfrm>
            <a:off x="6410325" y="666750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3691" name="Rectangle 163">
            <a:extLst>
              <a:ext uri="{FF2B5EF4-FFF2-40B4-BE49-F238E27FC236}">
                <a16:creationId xmlns:a16="http://schemas.microsoft.com/office/drawing/2014/main" id="{00000000-0008-0000-0300-00006B0E0000}"/>
              </a:ext>
            </a:extLst>
          </xdr:cNvPr>
          <xdr:cNvSpPr>
            <a:spLocks noChangeArrowheads="1"/>
          </xdr:cNvSpPr>
        </xdr:nvSpPr>
        <xdr:spPr bwMode="auto">
          <a:xfrm>
            <a:off x="6410325" y="428625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3692" name="Rectangle 164">
            <a:extLst>
              <a:ext uri="{FF2B5EF4-FFF2-40B4-BE49-F238E27FC236}">
                <a16:creationId xmlns:a16="http://schemas.microsoft.com/office/drawing/2014/main" id="{00000000-0008-0000-0300-00006C0E0000}"/>
              </a:ext>
            </a:extLst>
          </xdr:cNvPr>
          <xdr:cNvSpPr>
            <a:spLocks noChangeArrowheads="1"/>
          </xdr:cNvSpPr>
        </xdr:nvSpPr>
        <xdr:spPr bwMode="auto">
          <a:xfrm>
            <a:off x="7905750" y="923925"/>
            <a:ext cx="561975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3693" name="Rectangle 165">
            <a:extLst>
              <a:ext uri="{FF2B5EF4-FFF2-40B4-BE49-F238E27FC236}">
                <a16:creationId xmlns:a16="http://schemas.microsoft.com/office/drawing/2014/main" id="{00000000-0008-0000-0300-00006D0E0000}"/>
              </a:ext>
            </a:extLst>
          </xdr:cNvPr>
          <xdr:cNvSpPr>
            <a:spLocks noChangeArrowheads="1"/>
          </xdr:cNvSpPr>
        </xdr:nvSpPr>
        <xdr:spPr bwMode="auto">
          <a:xfrm>
            <a:off x="6867525" y="923925"/>
            <a:ext cx="76200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3694" name="Rectangle 166">
            <a:extLst>
              <a:ext uri="{FF2B5EF4-FFF2-40B4-BE49-F238E27FC236}">
                <a16:creationId xmlns:a16="http://schemas.microsoft.com/office/drawing/2014/main" id="{00000000-0008-0000-0300-00006E0E0000}"/>
              </a:ext>
            </a:extLst>
          </xdr:cNvPr>
          <xdr:cNvSpPr>
            <a:spLocks noChangeArrowheads="1"/>
          </xdr:cNvSpPr>
        </xdr:nvSpPr>
        <xdr:spPr bwMode="auto">
          <a:xfrm>
            <a:off x="6029325" y="923925"/>
            <a:ext cx="55245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3695" name="Rectangle 167">
            <a:extLst>
              <a:ext uri="{FF2B5EF4-FFF2-40B4-BE49-F238E27FC236}">
                <a16:creationId xmlns:a16="http://schemas.microsoft.com/office/drawing/2014/main" id="{00000000-0008-0000-0300-00006F0E0000}"/>
              </a:ext>
            </a:extLst>
          </xdr:cNvPr>
          <xdr:cNvSpPr>
            <a:spLocks noChangeArrowheads="1"/>
          </xdr:cNvSpPr>
        </xdr:nvSpPr>
        <xdr:spPr bwMode="auto">
          <a:xfrm>
            <a:off x="5524500" y="171450"/>
            <a:ext cx="11049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3696" name="Rectangle 168">
            <a:extLst>
              <a:ext uri="{FF2B5EF4-FFF2-40B4-BE49-F238E27FC236}">
                <a16:creationId xmlns:a16="http://schemas.microsoft.com/office/drawing/2014/main" id="{00000000-0008-0000-0300-0000700E0000}"/>
              </a:ext>
            </a:extLst>
          </xdr:cNvPr>
          <xdr:cNvSpPr>
            <a:spLocks noChangeArrowheads="1"/>
          </xdr:cNvSpPr>
        </xdr:nvSpPr>
        <xdr:spPr bwMode="auto">
          <a:xfrm>
            <a:off x="6696075" y="171450"/>
            <a:ext cx="116205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SheetNo">
        <xdr:nvSpPr>
          <xdr:cNvPr id="3241" name="txtSheetNo">
            <a:extLst>
              <a:ext uri="{FF2B5EF4-FFF2-40B4-BE49-F238E27FC236}">
                <a16:creationId xmlns:a16="http://schemas.microsoft.com/office/drawing/2014/main" id="{00000000-0008-0000-0300-0000A90C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696075" y="171450"/>
            <a:ext cx="1171575" cy="219076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F89C0833-5422-4726-AF25-B16FE97E1F7B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MadeBy">
        <xdr:nvSpPr>
          <xdr:cNvPr id="3242" name="txtMadeBy">
            <a:extLst>
              <a:ext uri="{FF2B5EF4-FFF2-40B4-BE49-F238E27FC236}">
                <a16:creationId xmlns:a16="http://schemas.microsoft.com/office/drawing/2014/main" id="{00000000-0008-0000-0300-0000AA0C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029325" y="933450"/>
            <a:ext cx="552450" cy="295274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1C568D85-8139-4935-8A20-CFB2A9584805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ate">
        <xdr:nvSpPr>
          <xdr:cNvPr id="3243" name="txtDate">
            <a:extLst>
              <a:ext uri="{FF2B5EF4-FFF2-40B4-BE49-F238E27FC236}">
                <a16:creationId xmlns:a16="http://schemas.microsoft.com/office/drawing/2014/main" id="{00000000-0008-0000-0300-0000AB0C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867843" y="942975"/>
            <a:ext cx="752276" cy="285749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 lIns="36000" rIns="36000"/>
          <a:lstStyle/>
          <a:p>
            <a:fld id="{C8F1D7CD-7E9E-4E78-9A6D-742CE5F28932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17/07/2023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JobNumber">
        <xdr:nvSpPr>
          <xdr:cNvPr id="3244" name="txtJobNo">
            <a:extLst>
              <a:ext uri="{FF2B5EF4-FFF2-40B4-BE49-F238E27FC236}">
                <a16:creationId xmlns:a16="http://schemas.microsoft.com/office/drawing/2014/main" id="{00000000-0008-0000-0300-0000AC0C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5524500" y="142875"/>
            <a:ext cx="1114425" cy="24765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2F717262-2340-4838-9FC7-E35C6BEF7FAD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IiA 35655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Checked">
        <xdr:nvSpPr>
          <xdr:cNvPr id="3245" name="txtChd">
            <a:extLst>
              <a:ext uri="{FF2B5EF4-FFF2-40B4-BE49-F238E27FC236}">
                <a16:creationId xmlns:a16="http://schemas.microsoft.com/office/drawing/2014/main" id="{00000000-0008-0000-0300-0000AD0C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7905750" y="923925"/>
            <a:ext cx="561975" cy="30480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905D2FC-75E3-4182-92B0-F4995776D2B3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VS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3248" name="lblJobNo">
            <a:extLst>
              <a:ext uri="{FF2B5EF4-FFF2-40B4-BE49-F238E27FC236}">
                <a16:creationId xmlns:a16="http://schemas.microsoft.com/office/drawing/2014/main" id="{00000000-0008-0000-0300-0000B00C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34025" y="19050"/>
            <a:ext cx="352425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Job No.</a:t>
            </a:r>
          </a:p>
        </xdr:txBody>
      </xdr:sp>
      <xdr:sp macro="" textlink="">
        <xdr:nvSpPr>
          <xdr:cNvPr id="3249" name="lblMemLoc">
            <a:extLst>
              <a:ext uri="{FF2B5EF4-FFF2-40B4-BE49-F238E27FC236}">
                <a16:creationId xmlns:a16="http://schemas.microsoft.com/office/drawing/2014/main" id="{00000000-0008-0000-0300-0000B10C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457200"/>
            <a:ext cx="8001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ember/Location</a:t>
            </a:r>
          </a:p>
        </xdr:txBody>
      </xdr:sp>
      <xdr:sp macro="" textlink="">
        <xdr:nvSpPr>
          <xdr:cNvPr id="3250" name="lblMadeBy">
            <a:extLst>
              <a:ext uri="{FF2B5EF4-FFF2-40B4-BE49-F238E27FC236}">
                <a16:creationId xmlns:a16="http://schemas.microsoft.com/office/drawing/2014/main" id="{00000000-0008-0000-0300-0000B20C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942975"/>
            <a:ext cx="400050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ade by</a:t>
            </a:r>
          </a:p>
        </xdr:txBody>
      </xdr:sp>
      <xdr:sp macro="" textlink="">
        <xdr:nvSpPr>
          <xdr:cNvPr id="3251" name="lblJobTitle">
            <a:extLst>
              <a:ext uri="{FF2B5EF4-FFF2-40B4-BE49-F238E27FC236}">
                <a16:creationId xmlns:a16="http://schemas.microsoft.com/office/drawing/2014/main" id="{00000000-0008-0000-0300-0000B30C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666750"/>
            <a:ext cx="504825" cy="1905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 Job Title</a:t>
            </a:r>
          </a:p>
          <a:p>
            <a:pPr algn="l" rtl="0">
              <a:defRPr sz="1000"/>
            </a:pPr>
            <a:endParaRPr lang="en-GB" sz="800" b="0" i="0" strike="noStrike">
              <a:solidFill>
                <a:srgbClr val="000000"/>
              </a:solidFill>
              <a:latin typeface="Arial"/>
              <a:cs typeface="Arial"/>
            </a:endParaRPr>
          </a:p>
        </xdr:txBody>
      </xdr:sp>
      <xdr:sp macro="" textlink="">
        <xdr:nvSpPr>
          <xdr:cNvPr id="3252" name="lblChd">
            <a:extLst>
              <a:ext uri="{FF2B5EF4-FFF2-40B4-BE49-F238E27FC236}">
                <a16:creationId xmlns:a16="http://schemas.microsoft.com/office/drawing/2014/main" id="{00000000-0008-0000-0300-0000B40C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7667625" y="942975"/>
            <a:ext cx="219075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hd.</a:t>
            </a:r>
          </a:p>
        </xdr:txBody>
      </xdr:sp>
      <xdr:sp macro="" textlink="">
        <xdr:nvSpPr>
          <xdr:cNvPr id="3253" name="lblDate">
            <a:extLst>
              <a:ext uri="{FF2B5EF4-FFF2-40B4-BE49-F238E27FC236}">
                <a16:creationId xmlns:a16="http://schemas.microsoft.com/office/drawing/2014/main" id="{00000000-0008-0000-0300-0000B50C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6629400" y="942975"/>
            <a:ext cx="2476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ate</a:t>
            </a:r>
          </a:p>
        </xdr:txBody>
      </xdr:sp>
      <xdr:sp macro="" textlink="">
        <xdr:nvSpPr>
          <xdr:cNvPr id="3254" name="lblDrgRef">
            <a:extLst>
              <a:ext uri="{FF2B5EF4-FFF2-40B4-BE49-F238E27FC236}">
                <a16:creationId xmlns:a16="http://schemas.microsoft.com/office/drawing/2014/main" id="{00000000-0008-0000-0300-0000B60C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685800"/>
            <a:ext cx="409575" cy="1524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rg. Ref.</a:t>
            </a:r>
          </a:p>
        </xdr:txBody>
      </xdr:sp>
      <xdr:sp macro="" textlink="">
        <xdr:nvSpPr>
          <xdr:cNvPr id="3255" name="lblSheetNo">
            <a:extLst>
              <a:ext uri="{FF2B5EF4-FFF2-40B4-BE49-F238E27FC236}">
                <a16:creationId xmlns:a16="http://schemas.microsoft.com/office/drawing/2014/main" id="{00000000-0008-0000-0300-0000B70C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6686550" y="19050"/>
            <a:ext cx="4572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Sheet No.</a:t>
            </a:r>
          </a:p>
        </xdr:txBody>
      </xdr:sp>
      <xdr:sp macro="" textlink="">
        <xdr:nvSpPr>
          <xdr:cNvPr id="3256" name="lblRev">
            <a:extLst>
              <a:ext uri="{FF2B5EF4-FFF2-40B4-BE49-F238E27FC236}">
                <a16:creationId xmlns:a16="http://schemas.microsoft.com/office/drawing/2014/main" id="{00000000-0008-0000-0300-0000B80C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7915275" y="19050"/>
            <a:ext cx="2095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Rev.</a:t>
            </a:r>
          </a:p>
        </xdr:txBody>
      </xdr:sp>
      <xdr:sp macro="" textlink="">
        <xdr:nvSpPr>
          <xdr:cNvPr id="3258" name="Text Box 186">
            <a:extLst>
              <a:ext uri="{FF2B5EF4-FFF2-40B4-BE49-F238E27FC236}">
                <a16:creationId xmlns:a16="http://schemas.microsoft.com/office/drawing/2014/main" id="{00000000-0008-0000-0300-0000BA0C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933450"/>
            <a:ext cx="571500" cy="2095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xdr:spPr>
        <xdr:txBody>
          <a:bodyPr vertOverflow="clip" wrap="square" lIns="27432" tIns="22860" rIns="0" bIns="0" anchor="t" upright="1"/>
          <a:lstStyle/>
          <a:p>
            <a:pPr algn="l" rtl="1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alculation</a:t>
            </a:r>
          </a:p>
        </xdr:txBody>
      </xdr:sp>
      <xdr:sp macro="" textlink="">
        <xdr:nvSpPr>
          <xdr:cNvPr id="3707" name="Line 188">
            <a:extLst>
              <a:ext uri="{FF2B5EF4-FFF2-40B4-BE49-F238E27FC236}">
                <a16:creationId xmlns:a16="http://schemas.microsoft.com/office/drawing/2014/main" id="{00000000-0008-0000-0300-00007B0E0000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66675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08" name="Line 189">
            <a:extLst>
              <a:ext uri="{FF2B5EF4-FFF2-40B4-BE49-F238E27FC236}">
                <a16:creationId xmlns:a16="http://schemas.microsoft.com/office/drawing/2014/main" id="{00000000-0008-0000-0300-00007C0E0000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78867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09" name="Line 190">
            <a:extLst>
              <a:ext uri="{FF2B5EF4-FFF2-40B4-BE49-F238E27FC236}">
                <a16:creationId xmlns:a16="http://schemas.microsoft.com/office/drawing/2014/main" id="{00000000-0008-0000-0300-00007D0E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0" y="647700"/>
            <a:ext cx="84867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10" name="Line 191">
            <a:extLst>
              <a:ext uri="{FF2B5EF4-FFF2-40B4-BE49-F238E27FC236}">
                <a16:creationId xmlns:a16="http://schemas.microsoft.com/office/drawing/2014/main" id="{00000000-0008-0000-0300-00007E0E0000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5495925" y="885825"/>
            <a:ext cx="30003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11" name="Line 192">
            <a:extLst>
              <a:ext uri="{FF2B5EF4-FFF2-40B4-BE49-F238E27FC236}">
                <a16:creationId xmlns:a16="http://schemas.microsoft.com/office/drawing/2014/main" id="{00000000-0008-0000-0300-00007F0E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1276350"/>
            <a:ext cx="84867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12" name="Line 193">
            <a:extLst>
              <a:ext uri="{FF2B5EF4-FFF2-40B4-BE49-F238E27FC236}">
                <a16:creationId xmlns:a16="http://schemas.microsoft.com/office/drawing/2014/main" id="{00000000-0008-0000-0300-0000800E0000}"/>
              </a:ext>
            </a:extLst>
          </xdr:cNvPr>
          <xdr:cNvSpPr>
            <a:spLocks noChangeShapeType="1"/>
          </xdr:cNvSpPr>
        </xdr:nvSpPr>
        <xdr:spPr bwMode="auto">
          <a:xfrm flipV="1">
            <a:off x="8496300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13" name="Line 194">
            <a:extLst>
              <a:ext uri="{FF2B5EF4-FFF2-40B4-BE49-F238E27FC236}">
                <a16:creationId xmlns:a16="http://schemas.microsoft.com/office/drawing/2014/main" id="{00000000-0008-0000-0300-0000810E0000}"/>
              </a:ext>
            </a:extLst>
          </xdr:cNvPr>
          <xdr:cNvSpPr>
            <a:spLocks noChangeShapeType="1"/>
          </xdr:cNvSpPr>
        </xdr:nvSpPr>
        <xdr:spPr bwMode="auto">
          <a:xfrm flipV="1">
            <a:off x="5495925" y="0"/>
            <a:ext cx="0" cy="1266825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14" name="Line 195">
            <a:extLst>
              <a:ext uri="{FF2B5EF4-FFF2-40B4-BE49-F238E27FC236}">
                <a16:creationId xmlns:a16="http://schemas.microsoft.com/office/drawing/2014/main" id="{00000000-0008-0000-0300-0000820E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5495925" y="409575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15" name="Line 196">
            <a:extLst>
              <a:ext uri="{FF2B5EF4-FFF2-40B4-BE49-F238E27FC236}">
                <a16:creationId xmlns:a16="http://schemas.microsoft.com/office/drawing/2014/main" id="{00000000-0008-0000-0300-0000830E0000}"/>
              </a:ext>
            </a:extLst>
          </xdr:cNvPr>
          <xdr:cNvSpPr>
            <a:spLocks noChangeShapeType="1"/>
          </xdr:cNvSpPr>
        </xdr:nvSpPr>
        <xdr:spPr bwMode="auto">
          <a:xfrm flipV="1">
            <a:off x="9525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16" name="Line 197">
            <a:extLst>
              <a:ext uri="{FF2B5EF4-FFF2-40B4-BE49-F238E27FC236}">
                <a16:creationId xmlns:a16="http://schemas.microsoft.com/office/drawing/2014/main" id="{00000000-0008-0000-0300-0000840E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9525"/>
            <a:ext cx="84867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17" name="Line 198">
            <a:extLst>
              <a:ext uri="{FF2B5EF4-FFF2-40B4-BE49-F238E27FC236}">
                <a16:creationId xmlns:a16="http://schemas.microsoft.com/office/drawing/2014/main" id="{00000000-0008-0000-0300-0000850E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5495925" y="152400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Member_Location">
        <xdr:nvSpPr>
          <xdr:cNvPr id="3271" name="txtMemLoc">
            <a:extLst>
              <a:ext uri="{FF2B5EF4-FFF2-40B4-BE49-F238E27FC236}">
                <a16:creationId xmlns:a16="http://schemas.microsoft.com/office/drawing/2014/main" id="{00000000-0008-0000-0300-0000C70C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410325" y="419099"/>
            <a:ext cx="2057400" cy="209551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9B511C3B-B9A2-4A02-B7B1-B07963C8AFA3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rawing_Reference">
        <xdr:nvSpPr>
          <xdr:cNvPr id="3272" name="txtDrgRef">
            <a:extLst>
              <a:ext uri="{FF2B5EF4-FFF2-40B4-BE49-F238E27FC236}">
                <a16:creationId xmlns:a16="http://schemas.microsoft.com/office/drawing/2014/main" id="{00000000-0008-0000-0300-0000C80C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410325" y="647700"/>
            <a:ext cx="2057400" cy="21907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604C28A-F60D-4BA2-90D9-FD69DF29859C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</xdr:grpSp>
    <xdr:clientData/>
  </xdr:twoCellAnchor>
  <xdr:twoCellAnchor editAs="oneCell">
    <xdr:from>
      <xdr:col>0</xdr:col>
      <xdr:colOff>95250</xdr:colOff>
      <xdr:row>0</xdr:row>
      <xdr:rowOff>190500</xdr:rowOff>
    </xdr:from>
    <xdr:to>
      <xdr:col>1</xdr:col>
      <xdr:colOff>571500</xdr:colOff>
      <xdr:row>0</xdr:row>
      <xdr:rowOff>478155</xdr:rowOff>
    </xdr:to>
    <xdr:pic>
      <xdr:nvPicPr>
        <xdr:cNvPr id="45" name="Picture 44" descr="Icon&#10;&#10;Description automatically generated">
          <a:extLst>
            <a:ext uri="{FF2B5EF4-FFF2-40B4-BE49-F238E27FC236}">
              <a16:creationId xmlns:a16="http://schemas.microsoft.com/office/drawing/2014/main" id="{3630937D-52A8-44B5-9732-D42E372B24D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95250" y="190500"/>
          <a:ext cx="1085850" cy="287655"/>
        </a:xfrm>
        <a:prstGeom prst="rect">
          <a:avLst/>
        </a:prstGeom>
      </xdr:spPr>
    </xdr:pic>
    <xdr:clientData/>
  </xdr:twoCellAnchor>
</xdr:wsDr>
</file>

<file path=xl/drawings/drawing11.xml><?xml version="1.0" encoding="utf-8"?>
<xdr:wsDr xmlns:xdr="http://schemas.openxmlformats.org/drawingml/2006/spreadsheetDrawing" xmlns:a="http://schemas.openxmlformats.org/drawingml/2006/main">
  <xdr:twoCellAnchor editAs="absolute">
    <xdr:from>
      <xdr:col>0</xdr:col>
      <xdr:colOff>0</xdr:colOff>
      <xdr:row>0</xdr:row>
      <xdr:rowOff>0</xdr:rowOff>
    </xdr:from>
    <xdr:to>
      <xdr:col>0</xdr:col>
      <xdr:colOff>1285200</xdr:colOff>
      <xdr:row>53</xdr:row>
      <xdr:rowOff>57975</xdr:rowOff>
    </xdr:to>
    <xdr:grpSp>
      <xdr:nvGrpSpPr>
        <xdr:cNvPr id="2" name="Group 1">
          <a:extLst>
            <a:ext uri="{FF2B5EF4-FFF2-40B4-BE49-F238E27FC236}">
              <a16:creationId xmlns:a16="http://schemas.microsoft.com/office/drawing/2014/main" id="{00000000-0008-0000-0400-000002000000}"/>
            </a:ext>
          </a:extLst>
        </xdr:cNvPr>
        <xdr:cNvGrpSpPr/>
      </xdr:nvGrpSpPr>
      <xdr:grpSpPr>
        <a:xfrm>
          <a:off x="0" y="0"/>
          <a:ext cx="1285200" cy="8640000"/>
          <a:chOff x="0" y="0"/>
          <a:chExt cx="1295400" cy="8410575"/>
        </a:xfrm>
      </xdr:grpSpPr>
      <xdr:sp macro="" textlink="">
        <xdr:nvSpPr>
          <xdr:cNvPr id="4571" name="Rectangle 67">
            <a:extLst>
              <a:ext uri="{FF2B5EF4-FFF2-40B4-BE49-F238E27FC236}">
                <a16:creationId xmlns:a16="http://schemas.microsoft.com/office/drawing/2014/main" id="{00000000-0008-0000-0400-0000DB110000}"/>
              </a:ext>
            </a:extLst>
          </xdr:cNvPr>
          <xdr:cNvSpPr>
            <a:spLocks noChangeArrowheads="1"/>
          </xdr:cNvSpPr>
        </xdr:nvSpPr>
        <xdr:spPr bwMode="auto">
          <a:xfrm>
            <a:off x="942975" y="57150"/>
            <a:ext cx="276225" cy="4000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4572" name="Rectangle 66">
            <a:extLst>
              <a:ext uri="{FF2B5EF4-FFF2-40B4-BE49-F238E27FC236}">
                <a16:creationId xmlns:a16="http://schemas.microsoft.com/office/drawing/2014/main" id="{00000000-0008-0000-0400-0000DC110000}"/>
              </a:ext>
            </a:extLst>
          </xdr:cNvPr>
          <xdr:cNvSpPr>
            <a:spLocks noChangeArrowheads="1"/>
          </xdr:cNvSpPr>
        </xdr:nvSpPr>
        <xdr:spPr bwMode="auto">
          <a:xfrm>
            <a:off x="942975" y="752475"/>
            <a:ext cx="276225" cy="6858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4573" name="Rectangle 65">
            <a:extLst>
              <a:ext uri="{FF2B5EF4-FFF2-40B4-BE49-F238E27FC236}">
                <a16:creationId xmlns:a16="http://schemas.microsoft.com/office/drawing/2014/main" id="{00000000-0008-0000-0400-0000DD110000}"/>
              </a:ext>
            </a:extLst>
          </xdr:cNvPr>
          <xdr:cNvSpPr>
            <a:spLocks noChangeArrowheads="1"/>
          </xdr:cNvSpPr>
        </xdr:nvSpPr>
        <xdr:spPr bwMode="auto">
          <a:xfrm>
            <a:off x="942975" y="1771650"/>
            <a:ext cx="276225" cy="6381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MadeBy">
        <xdr:nvSpPr>
          <xdr:cNvPr id="4121" name="txtMadeBy">
            <a:extLst>
              <a:ext uri="{FF2B5EF4-FFF2-40B4-BE49-F238E27FC236}">
                <a16:creationId xmlns:a16="http://schemas.microsoft.com/office/drawing/2014/main" id="{00000000-0008-0000-0400-00001910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885825" y="1771650"/>
            <a:ext cx="342900" cy="647700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miter lim="800000"/>
            <a:headEnd/>
            <a:tailEnd/>
          </a:ln>
        </xdr:spPr>
        <xdr:txBody>
          <a:bodyPr vert="vert270"/>
          <a:lstStyle/>
          <a:p>
            <a:fld id="{FA4BE2D1-10B3-4D38-A77F-B94D447BEC57}" type="TxLink">
              <a:rPr lang="en-GB"/>
              <a:pPr/>
              <a:t> </a:t>
            </a:fld>
            <a:endParaRPr lang="en-GB"/>
          </a:p>
        </xdr:txBody>
      </xdr:sp>
      <xdr:sp macro="" textlink="">
        <xdr:nvSpPr>
          <xdr:cNvPr id="4575" name="Rectangle 62">
            <a:extLst>
              <a:ext uri="{FF2B5EF4-FFF2-40B4-BE49-F238E27FC236}">
                <a16:creationId xmlns:a16="http://schemas.microsoft.com/office/drawing/2014/main" id="{00000000-0008-0000-0400-0000DF110000}"/>
              </a:ext>
            </a:extLst>
          </xdr:cNvPr>
          <xdr:cNvSpPr>
            <a:spLocks noChangeArrowheads="1"/>
          </xdr:cNvSpPr>
        </xdr:nvSpPr>
        <xdr:spPr bwMode="auto">
          <a:xfrm>
            <a:off x="485775" y="66675"/>
            <a:ext cx="152400" cy="19431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4576" name="Rectangle 63">
            <a:extLst>
              <a:ext uri="{FF2B5EF4-FFF2-40B4-BE49-F238E27FC236}">
                <a16:creationId xmlns:a16="http://schemas.microsoft.com/office/drawing/2014/main" id="{00000000-0008-0000-0400-0000E0110000}"/>
              </a:ext>
            </a:extLst>
          </xdr:cNvPr>
          <xdr:cNvSpPr>
            <a:spLocks noChangeArrowheads="1"/>
          </xdr:cNvSpPr>
        </xdr:nvSpPr>
        <xdr:spPr bwMode="auto">
          <a:xfrm>
            <a:off x="695325" y="66675"/>
            <a:ext cx="152400" cy="19431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Member_Location">
        <xdr:nvSpPr>
          <xdr:cNvPr id="4124" name="txtMemLoc">
            <a:extLst>
              <a:ext uri="{FF2B5EF4-FFF2-40B4-BE49-F238E27FC236}">
                <a16:creationId xmlns:a16="http://schemas.microsoft.com/office/drawing/2014/main" id="{00000000-0008-0000-0400-00001C10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371475" y="57150"/>
            <a:ext cx="381000" cy="195262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miter lim="800000"/>
            <a:headEnd/>
            <a:tailEnd/>
          </a:ln>
        </xdr:spPr>
        <xdr:txBody>
          <a:bodyPr vert="vert270"/>
          <a:lstStyle/>
          <a:p>
            <a:fld id="{A3C610CB-FC21-40D3-BB42-D1F6F9F680C6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4578" name="Rectangle 58">
            <a:extLst>
              <a:ext uri="{FF2B5EF4-FFF2-40B4-BE49-F238E27FC236}">
                <a16:creationId xmlns:a16="http://schemas.microsoft.com/office/drawing/2014/main" id="{00000000-0008-0000-0400-0000E2110000}"/>
              </a:ext>
            </a:extLst>
          </xdr:cNvPr>
          <xdr:cNvSpPr>
            <a:spLocks noChangeArrowheads="1"/>
          </xdr:cNvSpPr>
        </xdr:nvSpPr>
        <xdr:spPr bwMode="auto">
          <a:xfrm>
            <a:off x="200025" y="1781175"/>
            <a:ext cx="209550" cy="10858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JobNumber">
        <xdr:nvSpPr>
          <xdr:cNvPr id="4126" name="txtJobNo">
            <a:extLst>
              <a:ext uri="{FF2B5EF4-FFF2-40B4-BE49-F238E27FC236}">
                <a16:creationId xmlns:a16="http://schemas.microsoft.com/office/drawing/2014/main" id="{00000000-0008-0000-0400-00001E10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171450" y="1762125"/>
            <a:ext cx="238125" cy="1104900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miter lim="800000"/>
            <a:headEnd/>
            <a:tailEnd/>
          </a:ln>
        </xdr:spPr>
        <xdr:txBody>
          <a:bodyPr vert="vert270" anchor="t" anchorCtr="0"/>
          <a:lstStyle/>
          <a:p>
            <a:fld id="{312C1E85-F22C-4E0C-A18C-8CEB5B48F114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IiA 35655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4580" name="Rectangle 59">
            <a:extLst>
              <a:ext uri="{FF2B5EF4-FFF2-40B4-BE49-F238E27FC236}">
                <a16:creationId xmlns:a16="http://schemas.microsoft.com/office/drawing/2014/main" id="{00000000-0008-0000-0400-0000E4110000}"/>
              </a:ext>
            </a:extLst>
          </xdr:cNvPr>
          <xdr:cNvSpPr>
            <a:spLocks noChangeArrowheads="1"/>
          </xdr:cNvSpPr>
        </xdr:nvSpPr>
        <xdr:spPr bwMode="auto">
          <a:xfrm>
            <a:off x="200025" y="66675"/>
            <a:ext cx="209550" cy="4667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Revision">
        <xdr:nvSpPr>
          <xdr:cNvPr id="4128" name="txtRev">
            <a:extLst>
              <a:ext uri="{FF2B5EF4-FFF2-40B4-BE49-F238E27FC236}">
                <a16:creationId xmlns:a16="http://schemas.microsoft.com/office/drawing/2014/main" id="{00000000-0008-0000-0400-00002010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171450" y="66675"/>
            <a:ext cx="247650" cy="48577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miter lim="800000"/>
            <a:headEnd/>
            <a:tailEnd/>
          </a:ln>
        </xdr:spPr>
        <xdr:txBody>
          <a:bodyPr vert="vert270"/>
          <a:lstStyle/>
          <a:p>
            <a:fld id="{CDE259CF-E404-4A30-AAF1-64B50C970A7E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4582" name="Rectangle 51">
            <a:extLst>
              <a:ext uri="{FF2B5EF4-FFF2-40B4-BE49-F238E27FC236}">
                <a16:creationId xmlns:a16="http://schemas.microsoft.com/office/drawing/2014/main" id="{00000000-0008-0000-0400-0000E6110000}"/>
              </a:ext>
            </a:extLst>
          </xdr:cNvPr>
          <xdr:cNvSpPr>
            <a:spLocks noChangeArrowheads="1"/>
          </xdr:cNvSpPr>
        </xdr:nvSpPr>
        <xdr:spPr bwMode="auto">
          <a:xfrm>
            <a:off x="200025" y="619125"/>
            <a:ext cx="209550" cy="10763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4583" name="Rectangle 57">
            <a:extLst>
              <a:ext uri="{FF2B5EF4-FFF2-40B4-BE49-F238E27FC236}">
                <a16:creationId xmlns:a16="http://schemas.microsoft.com/office/drawing/2014/main" id="{00000000-0008-0000-0400-0000E7110000}"/>
              </a:ext>
            </a:extLst>
          </xdr:cNvPr>
          <xdr:cNvSpPr>
            <a:spLocks noChangeArrowheads="1"/>
          </xdr:cNvSpPr>
        </xdr:nvSpPr>
        <xdr:spPr bwMode="auto">
          <a:xfrm>
            <a:off x="695325" y="2952750"/>
            <a:ext cx="238125" cy="4791075"/>
          </a:xfrm>
          <a:prstGeom prst="rect">
            <a:avLst/>
          </a:prstGeom>
          <a:noFill/>
          <a:ln w="9525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4584" name="Rectangle 52">
            <a:extLst>
              <a:ext uri="{FF2B5EF4-FFF2-40B4-BE49-F238E27FC236}">
                <a16:creationId xmlns:a16="http://schemas.microsoft.com/office/drawing/2014/main" id="{00000000-0008-0000-0400-0000E8110000}"/>
              </a:ext>
            </a:extLst>
          </xdr:cNvPr>
          <xdr:cNvSpPr>
            <a:spLocks noChangeArrowheads="1"/>
          </xdr:cNvSpPr>
        </xdr:nvSpPr>
        <xdr:spPr bwMode="auto">
          <a:xfrm>
            <a:off x="990600" y="2952750"/>
            <a:ext cx="238125" cy="4791075"/>
          </a:xfrm>
          <a:prstGeom prst="rect">
            <a:avLst/>
          </a:prstGeom>
          <a:noFill/>
          <a:ln w="9525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4585" name="txtSheetTitle">
            <a:extLst>
              <a:ext uri="{FF2B5EF4-FFF2-40B4-BE49-F238E27FC236}">
                <a16:creationId xmlns:a16="http://schemas.microsoft.com/office/drawing/2014/main" id="{00000000-0008-0000-0400-0000E911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00" y="2952750"/>
            <a:ext cx="314325" cy="4791075"/>
          </a:xfrm>
          <a:prstGeom prst="rect">
            <a:avLst/>
          </a:prstGeom>
          <a:solidFill>
            <a:srgbClr val="FFFFFF">
              <a:alpha val="50195"/>
            </a:srgbClr>
          </a:solidFill>
          <a:ln>
            <a:noFill/>
          </a:ln>
          <a:extLst>
            <a:ext uri="{91240B29-F687-4F45-9708-019B960494DF}">
              <a14:hiddenLine xmlns:a14="http://schemas.microsoft.com/office/drawing/2010/main" w="0">
                <a:solidFill>
                  <a:srgbClr val="000000"/>
                </a:solidFill>
                <a:prstDash val="sysDot"/>
                <a:miter lim="800000"/>
                <a:headEnd/>
                <a:tailEnd/>
              </a14:hiddenLine>
            </a:ext>
          </a:extLst>
        </xdr:spPr>
        <xdr:txBody>
          <a:bodyPr/>
          <a:lstStyle/>
          <a:p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rawing_Reference">
        <xdr:nvSpPr>
          <xdr:cNvPr id="4125" name="txtDrgRef">
            <a:extLst>
              <a:ext uri="{FF2B5EF4-FFF2-40B4-BE49-F238E27FC236}">
                <a16:creationId xmlns:a16="http://schemas.microsoft.com/office/drawing/2014/main" id="{00000000-0008-0000-0400-00001D10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76275" y="57150"/>
            <a:ext cx="219075" cy="195262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miter lim="800000"/>
            <a:headEnd/>
            <a:tailEnd/>
          </a:ln>
        </xdr:spPr>
        <xdr:txBody>
          <a:bodyPr vert="vert270" lIns="36000" rIns="36000"/>
          <a:lstStyle/>
          <a:p>
            <a:fld id="{09914875-52AB-4F87-A7FB-6ED13657C3F9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Checked">
        <xdr:nvSpPr>
          <xdr:cNvPr id="4129" name="txtChd">
            <a:extLst>
              <a:ext uri="{FF2B5EF4-FFF2-40B4-BE49-F238E27FC236}">
                <a16:creationId xmlns:a16="http://schemas.microsoft.com/office/drawing/2014/main" id="{00000000-0008-0000-0400-00002110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885825" y="57150"/>
            <a:ext cx="371475" cy="40957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miter lim="800000"/>
            <a:headEnd/>
            <a:tailEnd/>
          </a:ln>
        </xdr:spPr>
        <xdr:txBody>
          <a:bodyPr vert="vert270"/>
          <a:lstStyle/>
          <a:p>
            <a:fld id="{0AE2222C-74C6-467C-9644-068BCED991D5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VS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JobTitle">
        <xdr:nvSpPr>
          <xdr:cNvPr id="4130" name="txtJobTitle">
            <a:extLst>
              <a:ext uri="{FF2B5EF4-FFF2-40B4-BE49-F238E27FC236}">
                <a16:creationId xmlns:a16="http://schemas.microsoft.com/office/drawing/2014/main" id="{00000000-0008-0000-0400-00002210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76275" y="2952750"/>
            <a:ext cx="247650" cy="479107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miter lim="800000"/>
            <a:headEnd/>
            <a:tailEnd/>
          </a:ln>
        </xdr:spPr>
        <xdr:txBody>
          <a:bodyPr vert="vert270"/>
          <a:lstStyle/>
          <a:p>
            <a:fld id="{26A33220-2E38-480E-B852-AAADA529C501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p-y Curves to ISO19901-4(2022)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4605" name="Line 17">
            <a:extLst>
              <a:ext uri="{FF2B5EF4-FFF2-40B4-BE49-F238E27FC236}">
                <a16:creationId xmlns:a16="http://schemas.microsoft.com/office/drawing/2014/main" id="{00000000-0008-0000-0400-0000FD110000}"/>
              </a:ext>
            </a:extLst>
          </xdr:cNvPr>
          <xdr:cNvSpPr>
            <a:spLocks noChangeShapeType="1"/>
          </xdr:cNvSpPr>
        </xdr:nvSpPr>
        <xdr:spPr bwMode="auto">
          <a:xfrm>
            <a:off x="666750" y="9525"/>
            <a:ext cx="0" cy="84010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606" name="Line 19">
            <a:extLst>
              <a:ext uri="{FF2B5EF4-FFF2-40B4-BE49-F238E27FC236}">
                <a16:creationId xmlns:a16="http://schemas.microsoft.com/office/drawing/2014/main" id="{00000000-0008-0000-0400-0000FE110000}"/>
              </a:ext>
            </a:extLst>
          </xdr:cNvPr>
          <xdr:cNvSpPr>
            <a:spLocks noChangeShapeType="1"/>
          </xdr:cNvSpPr>
        </xdr:nvSpPr>
        <xdr:spPr bwMode="auto">
          <a:xfrm flipV="1">
            <a:off x="1295400" y="0"/>
            <a:ext cx="0" cy="8410575"/>
          </a:xfrm>
          <a:prstGeom prst="line">
            <a:avLst/>
          </a:prstGeom>
          <a:noFill/>
          <a:ln w="1587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607" name="Line 23">
            <a:extLst>
              <a:ext uri="{FF2B5EF4-FFF2-40B4-BE49-F238E27FC236}">
                <a16:creationId xmlns:a16="http://schemas.microsoft.com/office/drawing/2014/main" id="{00000000-0008-0000-0400-0000FF110000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9525" y="0"/>
            <a:ext cx="0" cy="8410575"/>
          </a:xfrm>
          <a:prstGeom prst="line">
            <a:avLst/>
          </a:prstGeom>
          <a:noFill/>
          <a:ln w="1587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608" name="Line 16">
            <a:extLst>
              <a:ext uri="{FF2B5EF4-FFF2-40B4-BE49-F238E27FC236}">
                <a16:creationId xmlns:a16="http://schemas.microsoft.com/office/drawing/2014/main" id="{00000000-0008-0000-0400-000000120000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0" y="2895600"/>
            <a:ext cx="12858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609" name="Line 14">
            <a:extLst>
              <a:ext uri="{FF2B5EF4-FFF2-40B4-BE49-F238E27FC236}">
                <a16:creationId xmlns:a16="http://schemas.microsoft.com/office/drawing/2014/main" id="{00000000-0008-0000-0400-000001120000}"/>
              </a:ext>
            </a:extLst>
          </xdr:cNvPr>
          <xdr:cNvSpPr>
            <a:spLocks noChangeShapeType="1"/>
          </xdr:cNvSpPr>
        </xdr:nvSpPr>
        <xdr:spPr bwMode="auto">
          <a:xfrm flipV="1">
            <a:off x="152400" y="581025"/>
            <a:ext cx="2857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610" name="Line 15">
            <a:extLst>
              <a:ext uri="{FF2B5EF4-FFF2-40B4-BE49-F238E27FC236}">
                <a16:creationId xmlns:a16="http://schemas.microsoft.com/office/drawing/2014/main" id="{00000000-0008-0000-0400-000002120000}"/>
              </a:ext>
            </a:extLst>
          </xdr:cNvPr>
          <xdr:cNvSpPr>
            <a:spLocks noChangeShapeType="1"/>
          </xdr:cNvSpPr>
        </xdr:nvSpPr>
        <xdr:spPr bwMode="auto">
          <a:xfrm flipV="1">
            <a:off x="152400" y="1743075"/>
            <a:ext cx="2857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611" name="Line 18">
            <a:extLst>
              <a:ext uri="{FF2B5EF4-FFF2-40B4-BE49-F238E27FC236}">
                <a16:creationId xmlns:a16="http://schemas.microsoft.com/office/drawing/2014/main" id="{00000000-0008-0000-0400-00000312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0" y="8410575"/>
            <a:ext cx="1285875" cy="0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612" name="Line 20">
            <a:extLst>
              <a:ext uri="{FF2B5EF4-FFF2-40B4-BE49-F238E27FC236}">
                <a16:creationId xmlns:a16="http://schemas.microsoft.com/office/drawing/2014/main" id="{00000000-0008-0000-0400-000004120000}"/>
              </a:ext>
            </a:extLst>
          </xdr:cNvPr>
          <xdr:cNvSpPr>
            <a:spLocks noChangeShapeType="1"/>
          </xdr:cNvSpPr>
        </xdr:nvSpPr>
        <xdr:spPr bwMode="auto">
          <a:xfrm flipV="1">
            <a:off x="152400" y="0"/>
            <a:ext cx="0" cy="289560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613" name="Line 21">
            <a:extLst>
              <a:ext uri="{FF2B5EF4-FFF2-40B4-BE49-F238E27FC236}">
                <a16:creationId xmlns:a16="http://schemas.microsoft.com/office/drawing/2014/main" id="{00000000-0008-0000-0400-00000512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885825" y="0"/>
            <a:ext cx="0" cy="2895600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614" name="Line 22">
            <a:extLst>
              <a:ext uri="{FF2B5EF4-FFF2-40B4-BE49-F238E27FC236}">
                <a16:creationId xmlns:a16="http://schemas.microsoft.com/office/drawing/2014/main" id="{00000000-0008-0000-0400-00000612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447675" y="0"/>
            <a:ext cx="0" cy="289560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615" name="Line 24">
            <a:extLst>
              <a:ext uri="{FF2B5EF4-FFF2-40B4-BE49-F238E27FC236}">
                <a16:creationId xmlns:a16="http://schemas.microsoft.com/office/drawing/2014/main" id="{00000000-0008-0000-0400-000007120000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0" y="9525"/>
            <a:ext cx="1285875" cy="0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099" name="lblJobNo">
            <a:extLst>
              <a:ext uri="{FF2B5EF4-FFF2-40B4-BE49-F238E27FC236}">
                <a16:creationId xmlns:a16="http://schemas.microsoft.com/office/drawing/2014/main" id="{00000000-0008-0000-0400-00000310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2457450"/>
            <a:ext cx="142875" cy="4191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vert="vert270" wrap="square" lIns="0" tIns="0" rIns="0" bIns="0" anchor="b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Job No.</a:t>
            </a:r>
          </a:p>
        </xdr:txBody>
      </xdr:sp>
      <xdr:sp macro="" textlink="">
        <xdr:nvSpPr>
          <xdr:cNvPr id="4100" name="lblMemLoc">
            <a:extLst>
              <a:ext uri="{FF2B5EF4-FFF2-40B4-BE49-F238E27FC236}">
                <a16:creationId xmlns:a16="http://schemas.microsoft.com/office/drawing/2014/main" id="{00000000-0008-0000-0400-00000410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476250" y="2038350"/>
            <a:ext cx="123825" cy="8382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vert="vert270" wrap="square" lIns="0" tIns="0" rIns="0" bIns="0" anchor="b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ember/Location</a:t>
            </a:r>
          </a:p>
        </xdr:txBody>
      </xdr:sp>
      <xdr:sp macro="" textlink="">
        <xdr:nvSpPr>
          <xdr:cNvPr id="4101" name="lblMadeBy">
            <a:extLst>
              <a:ext uri="{FF2B5EF4-FFF2-40B4-BE49-F238E27FC236}">
                <a16:creationId xmlns:a16="http://schemas.microsoft.com/office/drawing/2014/main" id="{00000000-0008-0000-0400-00000510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933450" y="2438400"/>
            <a:ext cx="180975" cy="42862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vert="vert270" wrap="square" lIns="0" tIns="0" rIns="0" bIns="0" anchor="b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ade by</a:t>
            </a:r>
          </a:p>
        </xdr:txBody>
      </xdr:sp>
      <xdr:sp macro="" textlink="">
        <xdr:nvSpPr>
          <xdr:cNvPr id="4102" name="lblJobTitle">
            <a:extLst>
              <a:ext uri="{FF2B5EF4-FFF2-40B4-BE49-F238E27FC236}">
                <a16:creationId xmlns:a16="http://schemas.microsoft.com/office/drawing/2014/main" id="{00000000-0008-0000-0400-00000610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676275" y="7743825"/>
            <a:ext cx="190500" cy="61912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vert="vert270" wrap="square" lIns="0" tIns="0" rIns="0" bIns="0" anchor="b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 Job Title</a:t>
            </a:r>
          </a:p>
        </xdr:txBody>
      </xdr:sp>
      <xdr:sp macro="" textlink="">
        <xdr:nvSpPr>
          <xdr:cNvPr id="4103" name="lblChd">
            <a:extLst>
              <a:ext uri="{FF2B5EF4-FFF2-40B4-BE49-F238E27FC236}">
                <a16:creationId xmlns:a16="http://schemas.microsoft.com/office/drawing/2014/main" id="{00000000-0008-0000-0400-00000710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933450" y="466725"/>
            <a:ext cx="180975" cy="23812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vert="vert270" wrap="square" lIns="0" tIns="0" rIns="0" bIns="0" anchor="b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hd.</a:t>
            </a:r>
          </a:p>
        </xdr:txBody>
      </xdr:sp>
      <xdr:sp macro="" textlink="">
        <xdr:nvSpPr>
          <xdr:cNvPr id="4104" name="lblDate">
            <a:extLst>
              <a:ext uri="{FF2B5EF4-FFF2-40B4-BE49-F238E27FC236}">
                <a16:creationId xmlns:a16="http://schemas.microsoft.com/office/drawing/2014/main" id="{00000000-0008-0000-0400-00000810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933450" y="1438275"/>
            <a:ext cx="180975" cy="2857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vert="vert270" wrap="square" lIns="0" tIns="0" rIns="0" bIns="0" anchor="b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ate</a:t>
            </a:r>
          </a:p>
        </xdr:txBody>
      </xdr:sp>
      <xdr:sp macro="" textlink="">
        <xdr:nvSpPr>
          <xdr:cNvPr id="4105" name="lblDrgRef">
            <a:extLst>
              <a:ext uri="{FF2B5EF4-FFF2-40B4-BE49-F238E27FC236}">
                <a16:creationId xmlns:a16="http://schemas.microsoft.com/office/drawing/2014/main" id="{00000000-0008-0000-0400-00000910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752475" y="2438400"/>
            <a:ext cx="114300" cy="4095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="vert270" wrap="none" lIns="0" tIns="0" rIns="0" bIns="0" anchor="b" upright="1">
            <a:spAutoFit/>
          </a:bodyPr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rg. Ref.</a:t>
            </a:r>
          </a:p>
        </xdr:txBody>
      </xdr:sp>
      <xdr:sp macro="" textlink="">
        <xdr:nvSpPr>
          <xdr:cNvPr id="4106" name="lblSheetNo">
            <a:extLst>
              <a:ext uri="{FF2B5EF4-FFF2-40B4-BE49-F238E27FC236}">
                <a16:creationId xmlns:a16="http://schemas.microsoft.com/office/drawing/2014/main" id="{00000000-0008-0000-0400-00000A10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1133475"/>
            <a:ext cx="152400" cy="6286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vert="vert270" wrap="square" lIns="0" tIns="0" rIns="0" bIns="0" anchor="b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  Sheet No.</a:t>
            </a:r>
          </a:p>
        </xdr:txBody>
      </xdr:sp>
      <xdr:sp macro="" textlink="">
        <xdr:nvSpPr>
          <xdr:cNvPr id="4107" name="lblRev">
            <a:extLst>
              <a:ext uri="{FF2B5EF4-FFF2-40B4-BE49-F238E27FC236}">
                <a16:creationId xmlns:a16="http://schemas.microsoft.com/office/drawing/2014/main" id="{00000000-0008-0000-0400-00000B10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0" y="180975"/>
            <a:ext cx="152400" cy="3810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vert="vert270" wrap="square" lIns="0" tIns="0" rIns="0" bIns="0" anchor="b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Rev.</a:t>
            </a:r>
          </a:p>
        </xdr:txBody>
      </xdr:sp>
      <xdr:sp macro="" textlink="">
        <xdr:nvSpPr>
          <xdr:cNvPr id="4146" name="Text Box 50">
            <a:extLst>
              <a:ext uri="{FF2B5EF4-FFF2-40B4-BE49-F238E27FC236}">
                <a16:creationId xmlns:a16="http://schemas.microsoft.com/office/drawing/2014/main" id="{00000000-0008-0000-0400-00003210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942975" y="7743825"/>
            <a:ext cx="219075" cy="6096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xdr:spPr>
        <xdr:txBody>
          <a:bodyPr vertOverflow="clip" vert="vert270" wrap="square" lIns="27432" tIns="0" rIns="0" bIns="22860" anchor="t" upright="1"/>
          <a:lstStyle/>
          <a:p>
            <a:pPr algn="l" rtl="1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alculation</a:t>
            </a:r>
          </a:p>
        </xdr:txBody>
      </xdr:sp>
      <xdr:sp macro="" textlink="SheetNo">
        <xdr:nvSpPr>
          <xdr:cNvPr id="4127" name="txtSheetNo">
            <a:extLst>
              <a:ext uri="{FF2B5EF4-FFF2-40B4-BE49-F238E27FC236}">
                <a16:creationId xmlns:a16="http://schemas.microsoft.com/office/drawing/2014/main" id="{00000000-0008-0000-0400-00001F10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171450" y="619125"/>
            <a:ext cx="276226" cy="1085850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 vert="vert270"/>
          <a:lstStyle/>
          <a:p>
            <a:fld id="{F1328B71-7D06-4F0A-AB44-A37CE3B0E4C3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ate">
        <xdr:nvSpPr>
          <xdr:cNvPr id="4122" name="txtDate">
            <a:extLst>
              <a:ext uri="{FF2B5EF4-FFF2-40B4-BE49-F238E27FC236}">
                <a16:creationId xmlns:a16="http://schemas.microsoft.com/office/drawing/2014/main" id="{00000000-0008-0000-0400-00001A10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914400" y="718403"/>
            <a:ext cx="314325" cy="777022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miter lim="800000"/>
            <a:headEnd/>
            <a:tailEnd/>
          </a:ln>
        </xdr:spPr>
        <xdr:txBody>
          <a:bodyPr vert="vert270"/>
          <a:lstStyle/>
          <a:p>
            <a:fld id="{ECB8E9EF-F2D4-4CE4-976A-A54381D1CCC5}" type="TxLink">
              <a:rPr lang="en-GB"/>
              <a:pPr/>
              <a:t>17/07/2023</a:t>
            </a:fld>
            <a:endParaRPr lang="en-GB"/>
          </a:p>
        </xdr:txBody>
      </xdr:sp>
    </xdr:grpSp>
    <xdr:clientData/>
  </xdr:twoCellAnchor>
  <xdr:twoCellAnchor editAs="oneCell">
    <xdr:from>
      <xdr:col>0</xdr:col>
      <xdr:colOff>180023</xdr:colOff>
      <xdr:row>46</xdr:row>
      <xdr:rowOff>956</xdr:rowOff>
    </xdr:from>
    <xdr:to>
      <xdr:col>0</xdr:col>
      <xdr:colOff>467678</xdr:colOff>
      <xdr:row>52</xdr:row>
      <xdr:rowOff>115256</xdr:rowOff>
    </xdr:to>
    <xdr:pic>
      <xdr:nvPicPr>
        <xdr:cNvPr id="45" name="Picture 44" descr="Icon&#10;&#10;Description automatically generated">
          <a:extLst>
            <a:ext uri="{FF2B5EF4-FFF2-40B4-BE49-F238E27FC236}">
              <a16:creationId xmlns:a16="http://schemas.microsoft.com/office/drawing/2014/main" id="{AC50847E-126A-4911-A548-816E78C7F74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 rot="16200000">
          <a:off x="-219074" y="7848603"/>
          <a:ext cx="1085850" cy="287655"/>
        </a:xfrm>
        <a:prstGeom prst="rect">
          <a:avLst/>
        </a:prstGeom>
      </xdr:spPr>
    </xdr:pic>
    <xdr:clientData/>
  </xdr:twoCellAnchor>
</xdr:wsDr>
</file>

<file path=xl/drawings/drawing2.xml><?xml version="1.0" encoding="utf-8"?>
<xdr:wsDr xmlns:xdr="http://schemas.openxmlformats.org/drawingml/2006/spreadsheetDrawing" xmlns:a="http://schemas.openxmlformats.org/drawingml/2006/main">
  <xdr:twoCellAnchor editAs="absolute">
    <xdr:from>
      <xdr:col>0</xdr:col>
      <xdr:colOff>0</xdr:colOff>
      <xdr:row>0</xdr:row>
      <xdr:rowOff>0</xdr:rowOff>
    </xdr:from>
    <xdr:to>
      <xdr:col>8</xdr:col>
      <xdr:colOff>485391</xdr:colOff>
      <xdr:row>1</xdr:row>
      <xdr:rowOff>6350</xdr:rowOff>
    </xdr:to>
    <xdr:grpSp>
      <xdr:nvGrpSpPr>
        <xdr:cNvPr id="2" name="Group 1">
          <a:extLst>
            <a:ext uri="{FF2B5EF4-FFF2-40B4-BE49-F238E27FC236}">
              <a16:creationId xmlns:a16="http://schemas.microsoft.com/office/drawing/2014/main" id="{1BEA7CFD-1A9E-4043-A85A-237CAB203A1C}"/>
            </a:ext>
          </a:extLst>
        </xdr:cNvPr>
        <xdr:cNvGrpSpPr/>
      </xdr:nvGrpSpPr>
      <xdr:grpSpPr>
        <a:xfrm>
          <a:off x="0" y="0"/>
          <a:ext cx="6067041" cy="1273175"/>
          <a:chOff x="0" y="0"/>
          <a:chExt cx="6096000" cy="1276350"/>
        </a:xfrm>
      </xdr:grpSpPr>
      <xdr:sp macro="" textlink="">
        <xdr:nvSpPr>
          <xdr:cNvPr id="3" name="Rectangle 38">
            <a:extLst>
              <a:ext uri="{FF2B5EF4-FFF2-40B4-BE49-F238E27FC236}">
                <a16:creationId xmlns:a16="http://schemas.microsoft.com/office/drawing/2014/main" id="{8B6DE816-DE6A-35FF-422F-CA0C58A1A7AD}"/>
              </a:ext>
            </a:extLst>
          </xdr:cNvPr>
          <xdr:cNvSpPr>
            <a:spLocks noChangeArrowheads="1"/>
          </xdr:cNvSpPr>
        </xdr:nvSpPr>
        <xdr:spPr bwMode="auto">
          <a:xfrm>
            <a:off x="628650" y="952500"/>
            <a:ext cx="2428875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4" name="txtSheetTitle">
            <a:extLst>
              <a:ext uri="{FF2B5EF4-FFF2-40B4-BE49-F238E27FC236}">
                <a16:creationId xmlns:a16="http://schemas.microsoft.com/office/drawing/2014/main" id="{074271DF-566E-1950-1805-28E203BFB595}"/>
              </a:ext>
            </a:extLst>
          </xdr:cNvPr>
          <xdr:cNvSpPr txBox="1">
            <a:spLocks noChangeArrowheads="1"/>
          </xdr:cNvSpPr>
        </xdr:nvSpPr>
        <xdr:spPr bwMode="auto">
          <a:xfrm>
            <a:off x="628650" y="962024"/>
            <a:ext cx="2438400" cy="238125"/>
          </a:xfrm>
          <a:prstGeom prst="rect">
            <a:avLst/>
          </a:prstGeom>
          <a:solidFill>
            <a:srgbClr val="FFFFFF">
              <a:alpha val="50195"/>
            </a:srgbClr>
          </a:solidFill>
          <a:ln>
            <a:noFill/>
          </a:ln>
          <a:extLst>
            <a:ext uri="{91240B29-F687-4F45-9708-019B960494DF}">
              <a14:hiddenLine xmlns:a14="http://schemas.microsoft.com/office/drawing/2010/main" w="0">
                <a:solidFill>
                  <a:srgbClr val="000000"/>
                </a:solidFill>
                <a:prstDash val="sysDot"/>
                <a:miter lim="800000"/>
                <a:headEnd/>
                <a:tailEnd/>
              </a14:hiddenLine>
            </a:ext>
          </a:extLst>
        </xdr:spPr>
        <xdr:txBody>
          <a:bodyPr/>
          <a:lstStyle/>
          <a:p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5" name="Rectangle 60">
            <a:extLst>
              <a:ext uri="{FF2B5EF4-FFF2-40B4-BE49-F238E27FC236}">
                <a16:creationId xmlns:a16="http://schemas.microsoft.com/office/drawing/2014/main" id="{53EA7F61-DA78-2142-7482-4DEA38985281}"/>
              </a:ext>
            </a:extLst>
          </xdr:cNvPr>
          <xdr:cNvSpPr>
            <a:spLocks noChangeArrowheads="1"/>
          </xdr:cNvSpPr>
        </xdr:nvSpPr>
        <xdr:spPr bwMode="auto">
          <a:xfrm>
            <a:off x="628650" y="666750"/>
            <a:ext cx="2428875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6" name="Rectangle 62">
            <a:extLst>
              <a:ext uri="{FF2B5EF4-FFF2-40B4-BE49-F238E27FC236}">
                <a16:creationId xmlns:a16="http://schemas.microsoft.com/office/drawing/2014/main" id="{FACD0F7F-333E-60F2-AED1-B7E3E5C13D78}"/>
              </a:ext>
            </a:extLst>
          </xdr:cNvPr>
          <xdr:cNvSpPr>
            <a:spLocks noChangeArrowheads="1"/>
          </xdr:cNvSpPr>
        </xdr:nvSpPr>
        <xdr:spPr bwMode="auto">
          <a:xfrm>
            <a:off x="5524500" y="171450"/>
            <a:ext cx="5334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7" name="Rectangle 64">
            <a:extLst>
              <a:ext uri="{FF2B5EF4-FFF2-40B4-BE49-F238E27FC236}">
                <a16:creationId xmlns:a16="http://schemas.microsoft.com/office/drawing/2014/main" id="{F9AF13AC-4C8F-03AD-AD6A-2617C782EFFE}"/>
              </a:ext>
            </a:extLst>
          </xdr:cNvPr>
          <xdr:cNvSpPr>
            <a:spLocks noChangeArrowheads="1"/>
          </xdr:cNvSpPr>
        </xdr:nvSpPr>
        <xdr:spPr bwMode="auto">
          <a:xfrm>
            <a:off x="4010025" y="666750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8" name="Rectangle 63">
            <a:extLst>
              <a:ext uri="{FF2B5EF4-FFF2-40B4-BE49-F238E27FC236}">
                <a16:creationId xmlns:a16="http://schemas.microsoft.com/office/drawing/2014/main" id="{5439BD01-DFF7-CF47-DDFC-BC30771E3796}"/>
              </a:ext>
            </a:extLst>
          </xdr:cNvPr>
          <xdr:cNvSpPr>
            <a:spLocks noChangeArrowheads="1"/>
          </xdr:cNvSpPr>
        </xdr:nvSpPr>
        <xdr:spPr bwMode="auto">
          <a:xfrm>
            <a:off x="4010025" y="428625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9" name="Rectangle 67">
            <a:extLst>
              <a:ext uri="{FF2B5EF4-FFF2-40B4-BE49-F238E27FC236}">
                <a16:creationId xmlns:a16="http://schemas.microsoft.com/office/drawing/2014/main" id="{340917E8-C79E-4FAF-2139-170E8D448543}"/>
              </a:ext>
            </a:extLst>
          </xdr:cNvPr>
          <xdr:cNvSpPr>
            <a:spLocks noChangeArrowheads="1"/>
          </xdr:cNvSpPr>
        </xdr:nvSpPr>
        <xdr:spPr bwMode="auto">
          <a:xfrm>
            <a:off x="5505450" y="923925"/>
            <a:ext cx="561975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0" name="Rectangle 66">
            <a:extLst>
              <a:ext uri="{FF2B5EF4-FFF2-40B4-BE49-F238E27FC236}">
                <a16:creationId xmlns:a16="http://schemas.microsoft.com/office/drawing/2014/main" id="{D4CFD55D-2F3E-DACC-FC5F-CFB041C25104}"/>
              </a:ext>
            </a:extLst>
          </xdr:cNvPr>
          <xdr:cNvSpPr>
            <a:spLocks noChangeArrowheads="1"/>
          </xdr:cNvSpPr>
        </xdr:nvSpPr>
        <xdr:spPr bwMode="auto">
          <a:xfrm>
            <a:off x="4467225" y="923925"/>
            <a:ext cx="76200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1" name="Rectangle 65">
            <a:extLst>
              <a:ext uri="{FF2B5EF4-FFF2-40B4-BE49-F238E27FC236}">
                <a16:creationId xmlns:a16="http://schemas.microsoft.com/office/drawing/2014/main" id="{30732D14-DD11-4906-21F1-ED38DB78FF2E}"/>
              </a:ext>
            </a:extLst>
          </xdr:cNvPr>
          <xdr:cNvSpPr>
            <a:spLocks noChangeArrowheads="1"/>
          </xdr:cNvSpPr>
        </xdr:nvSpPr>
        <xdr:spPr bwMode="auto">
          <a:xfrm>
            <a:off x="3629025" y="923925"/>
            <a:ext cx="55245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2" name="Rectangle 61">
            <a:extLst>
              <a:ext uri="{FF2B5EF4-FFF2-40B4-BE49-F238E27FC236}">
                <a16:creationId xmlns:a16="http://schemas.microsoft.com/office/drawing/2014/main" id="{C206204F-5107-079D-67CD-421B8E0BC74B}"/>
              </a:ext>
            </a:extLst>
          </xdr:cNvPr>
          <xdr:cNvSpPr>
            <a:spLocks noChangeArrowheads="1"/>
          </xdr:cNvSpPr>
        </xdr:nvSpPr>
        <xdr:spPr bwMode="auto">
          <a:xfrm>
            <a:off x="3124200" y="171450"/>
            <a:ext cx="11049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3" name="Rectangle 39">
            <a:extLst>
              <a:ext uri="{FF2B5EF4-FFF2-40B4-BE49-F238E27FC236}">
                <a16:creationId xmlns:a16="http://schemas.microsoft.com/office/drawing/2014/main" id="{35A9AB3F-2522-C6CA-9233-FB5B877CC874}"/>
              </a:ext>
            </a:extLst>
          </xdr:cNvPr>
          <xdr:cNvSpPr>
            <a:spLocks noChangeArrowheads="1"/>
          </xdr:cNvSpPr>
        </xdr:nvSpPr>
        <xdr:spPr bwMode="auto">
          <a:xfrm>
            <a:off x="4295775" y="171450"/>
            <a:ext cx="116205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SheetNo">
        <xdr:nvSpPr>
          <xdr:cNvPr id="14" name="txtSheetNo">
            <a:extLst>
              <a:ext uri="{FF2B5EF4-FFF2-40B4-BE49-F238E27FC236}">
                <a16:creationId xmlns:a16="http://schemas.microsoft.com/office/drawing/2014/main" id="{0ECCBE72-65B4-0842-8BE9-31A2CA1D5FAC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295775" y="152400"/>
            <a:ext cx="1171575" cy="23812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0138D352-6085-40FA-BBF5-9DB3C3BA9D91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MadeBy">
        <xdr:nvSpPr>
          <xdr:cNvPr id="15" name="txtMadeBy">
            <a:extLst>
              <a:ext uri="{FF2B5EF4-FFF2-40B4-BE49-F238E27FC236}">
                <a16:creationId xmlns:a16="http://schemas.microsoft.com/office/drawing/2014/main" id="{D0828C77-077C-D1D6-274A-AB7200C51AB3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3629025" y="904875"/>
            <a:ext cx="552450" cy="32385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7EE7AAC5-E9AF-436A-A2EC-CDE1A1A16D28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ate">
        <xdr:nvSpPr>
          <xdr:cNvPr id="16" name="txtDate">
            <a:extLst>
              <a:ext uri="{FF2B5EF4-FFF2-40B4-BE49-F238E27FC236}">
                <a16:creationId xmlns:a16="http://schemas.microsoft.com/office/drawing/2014/main" id="{27288ACC-DDA6-EE81-76E0-7C42476F5474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476749" y="904875"/>
            <a:ext cx="762001" cy="323849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 lIns="36000" rIns="36000"/>
          <a:lstStyle/>
          <a:p>
            <a:fld id="{43A0CF41-EB0C-4B3F-B5D2-945B716BC35E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17/07/2023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JobNumber">
        <xdr:nvSpPr>
          <xdr:cNvPr id="17" name="txtJobNo">
            <a:extLst>
              <a:ext uri="{FF2B5EF4-FFF2-40B4-BE49-F238E27FC236}">
                <a16:creationId xmlns:a16="http://schemas.microsoft.com/office/drawing/2014/main" id="{15C3D64A-B0B2-430C-7C97-6FE92159B7E2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3124200" y="152400"/>
            <a:ext cx="1114425" cy="238126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12FF7581-71C6-4F7B-899A-63BE6424F74C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IiA 35655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Checked">
        <xdr:nvSpPr>
          <xdr:cNvPr id="18" name="txtChd">
            <a:extLst>
              <a:ext uri="{FF2B5EF4-FFF2-40B4-BE49-F238E27FC236}">
                <a16:creationId xmlns:a16="http://schemas.microsoft.com/office/drawing/2014/main" id="{D59C01F8-6C67-C311-1273-59A19DAAF81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5505450" y="933449"/>
            <a:ext cx="561975" cy="295275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DD3FFBD0-7868-4AB5-A50A-19EA75ECDFFF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VS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Revision">
        <xdr:nvSpPr>
          <xdr:cNvPr id="19" name="txtRev">
            <a:extLst>
              <a:ext uri="{FF2B5EF4-FFF2-40B4-BE49-F238E27FC236}">
                <a16:creationId xmlns:a16="http://schemas.microsoft.com/office/drawing/2014/main" id="{CD3BF539-1E41-4FF4-2452-BEBEA74CC55C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5524500" y="161925"/>
            <a:ext cx="542925" cy="22860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31D14602-4220-42DC-A278-07FFB3F3F1B6}" type="TxLink">
              <a:rPr lang="en-GB"/>
              <a:pPr/>
              <a:t> </a:t>
            </a:fld>
            <a:endParaRPr lang="en-GB"/>
          </a:p>
        </xdr:txBody>
      </xdr:sp>
      <xdr:sp macro="" textlink="JobTitle">
        <xdr:nvSpPr>
          <xdr:cNvPr id="20" name="txtJobTitle">
            <a:extLst>
              <a:ext uri="{FF2B5EF4-FFF2-40B4-BE49-F238E27FC236}">
                <a16:creationId xmlns:a16="http://schemas.microsoft.com/office/drawing/2014/main" id="{1519E154-6BCE-7C3F-78E8-8975C2762D69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28650" y="695324"/>
            <a:ext cx="2438400" cy="219075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F3465201-EA38-4A20-8381-E1AF0A9A1F41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p-y Curves to ISO19901-4(2022)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rawing_Reference">
        <xdr:nvSpPr>
          <xdr:cNvPr id="21" name="txtDrgRef">
            <a:extLst>
              <a:ext uri="{FF2B5EF4-FFF2-40B4-BE49-F238E27FC236}">
                <a16:creationId xmlns:a16="http://schemas.microsoft.com/office/drawing/2014/main" id="{0C3D4298-6691-330E-8799-7D5860D44F39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010025" y="695325"/>
            <a:ext cx="2057400" cy="171450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 tIns="0" bIns="0"/>
          <a:lstStyle/>
          <a:p>
            <a:fld id="{45FC97E0-6641-4BBC-B6C9-CFEAC7797A02}" type="TxLink">
              <a:rPr lang="en-GB"/>
              <a:pPr/>
              <a:t> </a:t>
            </a:fld>
            <a:endParaRPr lang="en-GB"/>
          </a:p>
        </xdr:txBody>
      </xdr:sp>
      <xdr:sp macro="" textlink="Member_Location">
        <xdr:nvSpPr>
          <xdr:cNvPr id="22" name="txtMemLoc">
            <a:extLst>
              <a:ext uri="{FF2B5EF4-FFF2-40B4-BE49-F238E27FC236}">
                <a16:creationId xmlns:a16="http://schemas.microsoft.com/office/drawing/2014/main" id="{E180BDA6-D260-3996-86DD-2FBBC31908F1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010025" y="428625"/>
            <a:ext cx="2057400" cy="200026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19337578-A729-4E2F-9EE8-F9C9E0E6EBD5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23" name="Line 14">
            <a:extLst>
              <a:ext uri="{FF2B5EF4-FFF2-40B4-BE49-F238E27FC236}">
                <a16:creationId xmlns:a16="http://schemas.microsoft.com/office/drawing/2014/main" id="{501C7BB4-6C23-81B7-BAC3-DB36AD6B4AC3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42672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4" name="Line 15">
            <a:extLst>
              <a:ext uri="{FF2B5EF4-FFF2-40B4-BE49-F238E27FC236}">
                <a16:creationId xmlns:a16="http://schemas.microsoft.com/office/drawing/2014/main" id="{30708936-A58B-2FA4-D283-B6DB97ED612E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54864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" name="Line 16">
            <a:extLst>
              <a:ext uri="{FF2B5EF4-FFF2-40B4-BE49-F238E27FC236}">
                <a16:creationId xmlns:a16="http://schemas.microsoft.com/office/drawing/2014/main" id="{155B9B33-0E6A-E0B2-7DF9-4E9936D24B53}"/>
              </a:ext>
            </a:extLst>
          </xdr:cNvPr>
          <xdr:cNvSpPr>
            <a:spLocks noChangeShapeType="1"/>
          </xdr:cNvSpPr>
        </xdr:nvSpPr>
        <xdr:spPr bwMode="auto">
          <a:xfrm flipH="1">
            <a:off x="0" y="647700"/>
            <a:ext cx="609600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6" name="Line 17">
            <a:extLst>
              <a:ext uri="{FF2B5EF4-FFF2-40B4-BE49-F238E27FC236}">
                <a16:creationId xmlns:a16="http://schemas.microsoft.com/office/drawing/2014/main" id="{2B291C94-8B64-027E-688E-0D0A8F67F555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3095625" y="885825"/>
            <a:ext cx="30003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7" name="Line 18">
            <a:extLst>
              <a:ext uri="{FF2B5EF4-FFF2-40B4-BE49-F238E27FC236}">
                <a16:creationId xmlns:a16="http://schemas.microsoft.com/office/drawing/2014/main" id="{A02DAE6E-B365-1C5A-4029-F93E39FF6103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1276350"/>
            <a:ext cx="60864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8" name="Line 19">
            <a:extLst>
              <a:ext uri="{FF2B5EF4-FFF2-40B4-BE49-F238E27FC236}">
                <a16:creationId xmlns:a16="http://schemas.microsoft.com/office/drawing/2014/main" id="{9C715953-8C08-DA69-4BFA-FC809611158F}"/>
              </a:ext>
            </a:extLst>
          </xdr:cNvPr>
          <xdr:cNvSpPr>
            <a:spLocks noChangeShapeType="1"/>
          </xdr:cNvSpPr>
        </xdr:nvSpPr>
        <xdr:spPr bwMode="auto">
          <a:xfrm flipV="1">
            <a:off x="6096000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9" name="Line 20">
            <a:extLst>
              <a:ext uri="{FF2B5EF4-FFF2-40B4-BE49-F238E27FC236}">
                <a16:creationId xmlns:a16="http://schemas.microsoft.com/office/drawing/2014/main" id="{CA16A5D2-861F-008D-6D58-4CFD6A85C507}"/>
              </a:ext>
            </a:extLst>
          </xdr:cNvPr>
          <xdr:cNvSpPr>
            <a:spLocks noChangeShapeType="1"/>
          </xdr:cNvSpPr>
        </xdr:nvSpPr>
        <xdr:spPr bwMode="auto">
          <a:xfrm flipV="1">
            <a:off x="3095625" y="0"/>
            <a:ext cx="0" cy="1266825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0" name="Line 22">
            <a:extLst>
              <a:ext uri="{FF2B5EF4-FFF2-40B4-BE49-F238E27FC236}">
                <a16:creationId xmlns:a16="http://schemas.microsoft.com/office/drawing/2014/main" id="{9144B046-DB85-2786-5D69-991E47FC9EA3}"/>
              </a:ext>
            </a:extLst>
          </xdr:cNvPr>
          <xdr:cNvSpPr>
            <a:spLocks noChangeShapeType="1"/>
          </xdr:cNvSpPr>
        </xdr:nvSpPr>
        <xdr:spPr bwMode="auto">
          <a:xfrm flipH="1">
            <a:off x="3095625" y="409575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1" name="Line 23">
            <a:extLst>
              <a:ext uri="{FF2B5EF4-FFF2-40B4-BE49-F238E27FC236}">
                <a16:creationId xmlns:a16="http://schemas.microsoft.com/office/drawing/2014/main" id="{2542C597-81BB-A8EC-C468-6D3DDC4D8607}"/>
              </a:ext>
            </a:extLst>
          </xdr:cNvPr>
          <xdr:cNvSpPr>
            <a:spLocks noChangeShapeType="1"/>
          </xdr:cNvSpPr>
        </xdr:nvSpPr>
        <xdr:spPr bwMode="auto">
          <a:xfrm flipV="1">
            <a:off x="9525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2" name="Line 24">
            <a:extLst>
              <a:ext uri="{FF2B5EF4-FFF2-40B4-BE49-F238E27FC236}">
                <a16:creationId xmlns:a16="http://schemas.microsoft.com/office/drawing/2014/main" id="{615570A0-0696-95CF-B86F-72E9D21419E1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9525"/>
            <a:ext cx="60864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3" name="Line 53">
            <a:extLst>
              <a:ext uri="{FF2B5EF4-FFF2-40B4-BE49-F238E27FC236}">
                <a16:creationId xmlns:a16="http://schemas.microsoft.com/office/drawing/2014/main" id="{3F116B87-5D9E-C181-9AB7-0B8BD42AB9D6}"/>
              </a:ext>
            </a:extLst>
          </xdr:cNvPr>
          <xdr:cNvSpPr>
            <a:spLocks noChangeShapeType="1"/>
          </xdr:cNvSpPr>
        </xdr:nvSpPr>
        <xdr:spPr bwMode="auto">
          <a:xfrm flipH="1">
            <a:off x="3095625" y="152400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4" name="lblJobNo">
            <a:extLst>
              <a:ext uri="{FF2B5EF4-FFF2-40B4-BE49-F238E27FC236}">
                <a16:creationId xmlns:a16="http://schemas.microsoft.com/office/drawing/2014/main" id="{80D68400-4DEB-6164-DE67-8B9236E0DB8C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33725" y="19050"/>
            <a:ext cx="352425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Job No.</a:t>
            </a:r>
          </a:p>
        </xdr:txBody>
      </xdr:sp>
      <xdr:sp macro="" textlink="">
        <xdr:nvSpPr>
          <xdr:cNvPr id="35" name="lblMemLoc">
            <a:extLst>
              <a:ext uri="{FF2B5EF4-FFF2-40B4-BE49-F238E27FC236}">
                <a16:creationId xmlns:a16="http://schemas.microsoft.com/office/drawing/2014/main" id="{FEA07FA0-3848-31ED-CC2F-FCF7980D90C2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43250" y="457200"/>
            <a:ext cx="8001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ember/Location</a:t>
            </a:r>
          </a:p>
        </xdr:txBody>
      </xdr:sp>
      <xdr:sp macro="" textlink="">
        <xdr:nvSpPr>
          <xdr:cNvPr id="36" name="lblMadeBy">
            <a:extLst>
              <a:ext uri="{FF2B5EF4-FFF2-40B4-BE49-F238E27FC236}">
                <a16:creationId xmlns:a16="http://schemas.microsoft.com/office/drawing/2014/main" id="{90D84AF3-0CBB-DB50-D715-D8F00222997F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43250" y="942975"/>
            <a:ext cx="400050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ade by</a:t>
            </a:r>
          </a:p>
        </xdr:txBody>
      </xdr:sp>
      <xdr:sp macro="" textlink="">
        <xdr:nvSpPr>
          <xdr:cNvPr id="37" name="lblJobTitle">
            <a:extLst>
              <a:ext uri="{FF2B5EF4-FFF2-40B4-BE49-F238E27FC236}">
                <a16:creationId xmlns:a16="http://schemas.microsoft.com/office/drawing/2014/main" id="{DA28503C-F3ED-A92F-6BE3-042A7BF54236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666750"/>
            <a:ext cx="504825" cy="1905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 Job Title</a:t>
            </a:r>
          </a:p>
          <a:p>
            <a:pPr algn="l" rtl="0">
              <a:defRPr sz="1000"/>
            </a:pPr>
            <a:endParaRPr lang="en-GB" sz="800" b="0" i="0" strike="noStrike">
              <a:solidFill>
                <a:srgbClr val="000000"/>
              </a:solidFill>
              <a:latin typeface="Arial"/>
              <a:cs typeface="Arial"/>
            </a:endParaRPr>
          </a:p>
        </xdr:txBody>
      </xdr:sp>
      <xdr:sp macro="" textlink="">
        <xdr:nvSpPr>
          <xdr:cNvPr id="38" name="lblChd">
            <a:extLst>
              <a:ext uri="{FF2B5EF4-FFF2-40B4-BE49-F238E27FC236}">
                <a16:creationId xmlns:a16="http://schemas.microsoft.com/office/drawing/2014/main" id="{0C37F654-9A1F-2239-FCFE-CEDE808C8FD0}"/>
              </a:ext>
            </a:extLst>
          </xdr:cNvPr>
          <xdr:cNvSpPr txBox="1">
            <a:spLocks noChangeArrowheads="1"/>
          </xdr:cNvSpPr>
        </xdr:nvSpPr>
        <xdr:spPr bwMode="auto">
          <a:xfrm>
            <a:off x="5267325" y="942975"/>
            <a:ext cx="219075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hd.</a:t>
            </a:r>
          </a:p>
        </xdr:txBody>
      </xdr:sp>
      <xdr:sp macro="" textlink="">
        <xdr:nvSpPr>
          <xdr:cNvPr id="39" name="lblDate">
            <a:extLst>
              <a:ext uri="{FF2B5EF4-FFF2-40B4-BE49-F238E27FC236}">
                <a16:creationId xmlns:a16="http://schemas.microsoft.com/office/drawing/2014/main" id="{2CE64AAD-D658-55CC-B86E-BA36A84DD737}"/>
              </a:ext>
            </a:extLst>
          </xdr:cNvPr>
          <xdr:cNvSpPr txBox="1">
            <a:spLocks noChangeArrowheads="1"/>
          </xdr:cNvSpPr>
        </xdr:nvSpPr>
        <xdr:spPr bwMode="auto">
          <a:xfrm>
            <a:off x="4229100" y="942975"/>
            <a:ext cx="2476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ate</a:t>
            </a:r>
          </a:p>
        </xdr:txBody>
      </xdr:sp>
      <xdr:sp macro="" textlink="">
        <xdr:nvSpPr>
          <xdr:cNvPr id="40" name="lblDrgRef">
            <a:extLst>
              <a:ext uri="{FF2B5EF4-FFF2-40B4-BE49-F238E27FC236}">
                <a16:creationId xmlns:a16="http://schemas.microsoft.com/office/drawing/2014/main" id="{1EFC5B76-7E76-43FA-18D6-740FE15B251A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43250" y="685800"/>
            <a:ext cx="409575" cy="1524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rg. Ref.</a:t>
            </a:r>
          </a:p>
        </xdr:txBody>
      </xdr:sp>
      <xdr:sp macro="" textlink="">
        <xdr:nvSpPr>
          <xdr:cNvPr id="41" name="lblSheetNo">
            <a:extLst>
              <a:ext uri="{FF2B5EF4-FFF2-40B4-BE49-F238E27FC236}">
                <a16:creationId xmlns:a16="http://schemas.microsoft.com/office/drawing/2014/main" id="{E03E4DA5-C386-8DDA-3BE8-B01DCB3BC6A1}"/>
              </a:ext>
            </a:extLst>
          </xdr:cNvPr>
          <xdr:cNvSpPr txBox="1">
            <a:spLocks noChangeArrowheads="1"/>
          </xdr:cNvSpPr>
        </xdr:nvSpPr>
        <xdr:spPr bwMode="auto">
          <a:xfrm>
            <a:off x="4286250" y="19050"/>
            <a:ext cx="4572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Sheet No.</a:t>
            </a:r>
          </a:p>
        </xdr:txBody>
      </xdr:sp>
      <xdr:sp macro="" textlink="">
        <xdr:nvSpPr>
          <xdr:cNvPr id="42" name="lblRev">
            <a:extLst>
              <a:ext uri="{FF2B5EF4-FFF2-40B4-BE49-F238E27FC236}">
                <a16:creationId xmlns:a16="http://schemas.microsoft.com/office/drawing/2014/main" id="{B02EEA18-20F0-5B32-E11B-7C4A376C1644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14975" y="19050"/>
            <a:ext cx="2095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Rev.</a:t>
            </a:r>
          </a:p>
        </xdr:txBody>
      </xdr:sp>
      <xdr:sp macro="" textlink="">
        <xdr:nvSpPr>
          <xdr:cNvPr id="43" name="Text Box 37">
            <a:extLst>
              <a:ext uri="{FF2B5EF4-FFF2-40B4-BE49-F238E27FC236}">
                <a16:creationId xmlns:a16="http://schemas.microsoft.com/office/drawing/2014/main" id="{0A32CB68-CEE2-9D0C-DF39-87EA3D2DAD73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933450"/>
            <a:ext cx="571500" cy="2095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xdr:spPr>
        <xdr:txBody>
          <a:bodyPr vertOverflow="clip" wrap="square" lIns="27432" tIns="22860" rIns="0" bIns="0" anchor="t" upright="1"/>
          <a:lstStyle/>
          <a:p>
            <a:pPr algn="l" rtl="1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alculation</a:t>
            </a:r>
          </a:p>
        </xdr:txBody>
      </xdr:sp>
    </xdr:grpSp>
    <xdr:clientData/>
  </xdr:twoCellAnchor>
  <xdr:twoCellAnchor editAs="oneCell">
    <xdr:from>
      <xdr:col>0</xdr:col>
      <xdr:colOff>104775</xdr:colOff>
      <xdr:row>0</xdr:row>
      <xdr:rowOff>180975</xdr:rowOff>
    </xdr:from>
    <xdr:to>
      <xdr:col>1</xdr:col>
      <xdr:colOff>446471</xdr:colOff>
      <xdr:row>0</xdr:row>
      <xdr:rowOff>465455</xdr:rowOff>
    </xdr:to>
    <xdr:pic>
      <xdr:nvPicPr>
        <xdr:cNvPr id="44" name="Picture 43" descr="Icon&#10;&#10;Description automatically generated">
          <a:extLst>
            <a:ext uri="{FF2B5EF4-FFF2-40B4-BE49-F238E27FC236}">
              <a16:creationId xmlns:a16="http://schemas.microsoft.com/office/drawing/2014/main" id="{DEF6356C-AECF-4886-BF58-0AB35769FF8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04775" y="180975"/>
          <a:ext cx="1083222" cy="287655"/>
        </a:xfrm>
        <a:prstGeom prst="rect">
          <a:avLst/>
        </a:prstGeom>
      </xdr:spPr>
    </xdr:pic>
    <xdr:clientData/>
  </xdr:twoCellAnchor>
</xdr:wsDr>
</file>

<file path=xl/drawings/drawing3.xml><?xml version="1.0" encoding="utf-8"?>
<xdr:wsDr xmlns:xdr="http://schemas.openxmlformats.org/drawingml/2006/spreadsheetDrawing" xmlns:a="http://schemas.openxmlformats.org/drawingml/2006/main">
  <xdr:twoCellAnchor editAs="absolute">
    <xdr:from>
      <xdr:col>0</xdr:col>
      <xdr:colOff>0</xdr:colOff>
      <xdr:row>0</xdr:row>
      <xdr:rowOff>0</xdr:rowOff>
    </xdr:from>
    <xdr:to>
      <xdr:col>8</xdr:col>
      <xdr:colOff>545387</xdr:colOff>
      <xdr:row>1</xdr:row>
      <xdr:rowOff>6350</xdr:rowOff>
    </xdr:to>
    <xdr:grpSp>
      <xdr:nvGrpSpPr>
        <xdr:cNvPr id="2" name="Group 1">
          <a:extLst>
            <a:ext uri="{FF2B5EF4-FFF2-40B4-BE49-F238E27FC236}">
              <a16:creationId xmlns:a16="http://schemas.microsoft.com/office/drawing/2014/main" id="{9234C92A-0F38-461F-BBB9-0BB1FC778A3E}"/>
            </a:ext>
          </a:extLst>
        </xdr:cNvPr>
        <xdr:cNvGrpSpPr/>
      </xdr:nvGrpSpPr>
      <xdr:grpSpPr>
        <a:xfrm>
          <a:off x="0" y="0"/>
          <a:ext cx="6079412" cy="1273175"/>
          <a:chOff x="0" y="0"/>
          <a:chExt cx="6096000" cy="1276350"/>
        </a:xfrm>
      </xdr:grpSpPr>
      <xdr:sp macro="" textlink="">
        <xdr:nvSpPr>
          <xdr:cNvPr id="3" name="Rectangle 38">
            <a:extLst>
              <a:ext uri="{FF2B5EF4-FFF2-40B4-BE49-F238E27FC236}">
                <a16:creationId xmlns:a16="http://schemas.microsoft.com/office/drawing/2014/main" id="{C6C7410B-269C-AB5C-97D9-11BB69D6BECD}"/>
              </a:ext>
            </a:extLst>
          </xdr:cNvPr>
          <xdr:cNvSpPr>
            <a:spLocks noChangeArrowheads="1"/>
          </xdr:cNvSpPr>
        </xdr:nvSpPr>
        <xdr:spPr bwMode="auto">
          <a:xfrm>
            <a:off x="628650" y="952500"/>
            <a:ext cx="2428875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4" name="txtSheetTitle">
            <a:extLst>
              <a:ext uri="{FF2B5EF4-FFF2-40B4-BE49-F238E27FC236}">
                <a16:creationId xmlns:a16="http://schemas.microsoft.com/office/drawing/2014/main" id="{F04BC789-C9E5-1350-BA01-0B29BB803DB6}"/>
              </a:ext>
            </a:extLst>
          </xdr:cNvPr>
          <xdr:cNvSpPr txBox="1">
            <a:spLocks noChangeArrowheads="1"/>
          </xdr:cNvSpPr>
        </xdr:nvSpPr>
        <xdr:spPr bwMode="auto">
          <a:xfrm>
            <a:off x="628650" y="962024"/>
            <a:ext cx="2438400" cy="238125"/>
          </a:xfrm>
          <a:prstGeom prst="rect">
            <a:avLst/>
          </a:prstGeom>
          <a:solidFill>
            <a:srgbClr val="FFFFFF">
              <a:alpha val="50195"/>
            </a:srgbClr>
          </a:solidFill>
          <a:ln>
            <a:noFill/>
          </a:ln>
          <a:extLst>
            <a:ext uri="{91240B29-F687-4F45-9708-019B960494DF}">
              <a14:hiddenLine xmlns:a14="http://schemas.microsoft.com/office/drawing/2010/main" w="0">
                <a:solidFill>
                  <a:srgbClr val="000000"/>
                </a:solidFill>
                <a:prstDash val="sysDot"/>
                <a:miter lim="800000"/>
                <a:headEnd/>
                <a:tailEnd/>
              </a14:hiddenLine>
            </a:ext>
          </a:extLst>
        </xdr:spPr>
        <xdr:txBody>
          <a:bodyPr/>
          <a:lstStyle/>
          <a:p>
            <a:r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t>Soil and</a:t>
            </a:r>
            <a:r>
              <a:rPr lang="en-GB" baseline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t>CPT Data</a:t>
            </a:r>
          </a:p>
          <a:p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5" name="Rectangle 60">
            <a:extLst>
              <a:ext uri="{FF2B5EF4-FFF2-40B4-BE49-F238E27FC236}">
                <a16:creationId xmlns:a16="http://schemas.microsoft.com/office/drawing/2014/main" id="{0949A220-4477-F747-CD36-DFF4D88B0DC5}"/>
              </a:ext>
            </a:extLst>
          </xdr:cNvPr>
          <xdr:cNvSpPr>
            <a:spLocks noChangeArrowheads="1"/>
          </xdr:cNvSpPr>
        </xdr:nvSpPr>
        <xdr:spPr bwMode="auto">
          <a:xfrm>
            <a:off x="628650" y="666750"/>
            <a:ext cx="2428875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6" name="Rectangle 62">
            <a:extLst>
              <a:ext uri="{FF2B5EF4-FFF2-40B4-BE49-F238E27FC236}">
                <a16:creationId xmlns:a16="http://schemas.microsoft.com/office/drawing/2014/main" id="{DC4662E1-DF43-51D3-5AB0-6FAFED378C71}"/>
              </a:ext>
            </a:extLst>
          </xdr:cNvPr>
          <xdr:cNvSpPr>
            <a:spLocks noChangeArrowheads="1"/>
          </xdr:cNvSpPr>
        </xdr:nvSpPr>
        <xdr:spPr bwMode="auto">
          <a:xfrm>
            <a:off x="5524500" y="171450"/>
            <a:ext cx="5334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7" name="Rectangle 64">
            <a:extLst>
              <a:ext uri="{FF2B5EF4-FFF2-40B4-BE49-F238E27FC236}">
                <a16:creationId xmlns:a16="http://schemas.microsoft.com/office/drawing/2014/main" id="{A50CA0E8-3D11-6F59-AEE6-974227089E5F}"/>
              </a:ext>
            </a:extLst>
          </xdr:cNvPr>
          <xdr:cNvSpPr>
            <a:spLocks noChangeArrowheads="1"/>
          </xdr:cNvSpPr>
        </xdr:nvSpPr>
        <xdr:spPr bwMode="auto">
          <a:xfrm>
            <a:off x="4010025" y="666750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8" name="Rectangle 63">
            <a:extLst>
              <a:ext uri="{FF2B5EF4-FFF2-40B4-BE49-F238E27FC236}">
                <a16:creationId xmlns:a16="http://schemas.microsoft.com/office/drawing/2014/main" id="{0049B7D4-08D5-F5EC-0520-DDFF3F0AC0D4}"/>
              </a:ext>
            </a:extLst>
          </xdr:cNvPr>
          <xdr:cNvSpPr>
            <a:spLocks noChangeArrowheads="1"/>
          </xdr:cNvSpPr>
        </xdr:nvSpPr>
        <xdr:spPr bwMode="auto">
          <a:xfrm>
            <a:off x="4010025" y="428625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9" name="Rectangle 67">
            <a:extLst>
              <a:ext uri="{FF2B5EF4-FFF2-40B4-BE49-F238E27FC236}">
                <a16:creationId xmlns:a16="http://schemas.microsoft.com/office/drawing/2014/main" id="{EA57992F-82E7-724C-B81A-01028399198A}"/>
              </a:ext>
            </a:extLst>
          </xdr:cNvPr>
          <xdr:cNvSpPr>
            <a:spLocks noChangeArrowheads="1"/>
          </xdr:cNvSpPr>
        </xdr:nvSpPr>
        <xdr:spPr bwMode="auto">
          <a:xfrm>
            <a:off x="5505450" y="923925"/>
            <a:ext cx="561975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0" name="Rectangle 66">
            <a:extLst>
              <a:ext uri="{FF2B5EF4-FFF2-40B4-BE49-F238E27FC236}">
                <a16:creationId xmlns:a16="http://schemas.microsoft.com/office/drawing/2014/main" id="{DD0ED278-4D9A-237E-42CA-731E99E36AAC}"/>
              </a:ext>
            </a:extLst>
          </xdr:cNvPr>
          <xdr:cNvSpPr>
            <a:spLocks noChangeArrowheads="1"/>
          </xdr:cNvSpPr>
        </xdr:nvSpPr>
        <xdr:spPr bwMode="auto">
          <a:xfrm>
            <a:off x="4467225" y="923925"/>
            <a:ext cx="76200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1" name="Rectangle 65">
            <a:extLst>
              <a:ext uri="{FF2B5EF4-FFF2-40B4-BE49-F238E27FC236}">
                <a16:creationId xmlns:a16="http://schemas.microsoft.com/office/drawing/2014/main" id="{A3F60958-F40A-7ED8-5296-DD08E4C32E2A}"/>
              </a:ext>
            </a:extLst>
          </xdr:cNvPr>
          <xdr:cNvSpPr>
            <a:spLocks noChangeArrowheads="1"/>
          </xdr:cNvSpPr>
        </xdr:nvSpPr>
        <xdr:spPr bwMode="auto">
          <a:xfrm>
            <a:off x="3629025" y="923925"/>
            <a:ext cx="55245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2" name="Rectangle 61">
            <a:extLst>
              <a:ext uri="{FF2B5EF4-FFF2-40B4-BE49-F238E27FC236}">
                <a16:creationId xmlns:a16="http://schemas.microsoft.com/office/drawing/2014/main" id="{0CEC1E68-E34E-6067-F3E0-0387720CA852}"/>
              </a:ext>
            </a:extLst>
          </xdr:cNvPr>
          <xdr:cNvSpPr>
            <a:spLocks noChangeArrowheads="1"/>
          </xdr:cNvSpPr>
        </xdr:nvSpPr>
        <xdr:spPr bwMode="auto">
          <a:xfrm>
            <a:off x="3124200" y="171450"/>
            <a:ext cx="11049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3" name="Rectangle 39">
            <a:extLst>
              <a:ext uri="{FF2B5EF4-FFF2-40B4-BE49-F238E27FC236}">
                <a16:creationId xmlns:a16="http://schemas.microsoft.com/office/drawing/2014/main" id="{22DD1213-19FC-5425-9593-854A64C473CE}"/>
              </a:ext>
            </a:extLst>
          </xdr:cNvPr>
          <xdr:cNvSpPr>
            <a:spLocks noChangeArrowheads="1"/>
          </xdr:cNvSpPr>
        </xdr:nvSpPr>
        <xdr:spPr bwMode="auto">
          <a:xfrm>
            <a:off x="4295775" y="171450"/>
            <a:ext cx="116205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SheetNo">
        <xdr:nvSpPr>
          <xdr:cNvPr id="14" name="txtSheetNo">
            <a:extLst>
              <a:ext uri="{FF2B5EF4-FFF2-40B4-BE49-F238E27FC236}">
                <a16:creationId xmlns:a16="http://schemas.microsoft.com/office/drawing/2014/main" id="{5F594EA8-691D-3470-5402-952EB9F0B327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295775" y="152400"/>
            <a:ext cx="1171575" cy="23812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0138D352-6085-40FA-BBF5-9DB3C3BA9D91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MadeBy">
        <xdr:nvSpPr>
          <xdr:cNvPr id="15" name="txtMadeBy">
            <a:extLst>
              <a:ext uri="{FF2B5EF4-FFF2-40B4-BE49-F238E27FC236}">
                <a16:creationId xmlns:a16="http://schemas.microsoft.com/office/drawing/2014/main" id="{DF4C2FE5-DDB4-5531-AD3E-1911B93D1BFA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3629025" y="904875"/>
            <a:ext cx="552450" cy="32385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7EE7AAC5-E9AF-436A-A2EC-CDE1A1A16D28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ate">
        <xdr:nvSpPr>
          <xdr:cNvPr id="16" name="txtDate">
            <a:extLst>
              <a:ext uri="{FF2B5EF4-FFF2-40B4-BE49-F238E27FC236}">
                <a16:creationId xmlns:a16="http://schemas.microsoft.com/office/drawing/2014/main" id="{6BDB94DE-1DC4-B223-253D-D5763DA10744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476749" y="904875"/>
            <a:ext cx="762001" cy="323849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 lIns="36000" rIns="36000"/>
          <a:lstStyle/>
          <a:p>
            <a:fld id="{43A0CF41-EB0C-4B3F-B5D2-945B716BC35E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17/07/2023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JobNumber">
        <xdr:nvSpPr>
          <xdr:cNvPr id="17" name="txtJobNo">
            <a:extLst>
              <a:ext uri="{FF2B5EF4-FFF2-40B4-BE49-F238E27FC236}">
                <a16:creationId xmlns:a16="http://schemas.microsoft.com/office/drawing/2014/main" id="{847F425F-B261-A8A7-3261-449D28E3A683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3124200" y="152400"/>
            <a:ext cx="1114425" cy="238126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12FF7581-71C6-4F7B-899A-63BE6424F74C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IiA 35655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Checked">
        <xdr:nvSpPr>
          <xdr:cNvPr id="18" name="txtChd">
            <a:extLst>
              <a:ext uri="{FF2B5EF4-FFF2-40B4-BE49-F238E27FC236}">
                <a16:creationId xmlns:a16="http://schemas.microsoft.com/office/drawing/2014/main" id="{EE21109E-A36A-DCE9-D8C4-6A52E30F8274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5505450" y="933449"/>
            <a:ext cx="561975" cy="295275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DD3FFBD0-7868-4AB5-A50A-19EA75ECDFFF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VS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Revision">
        <xdr:nvSpPr>
          <xdr:cNvPr id="19" name="txtRev">
            <a:extLst>
              <a:ext uri="{FF2B5EF4-FFF2-40B4-BE49-F238E27FC236}">
                <a16:creationId xmlns:a16="http://schemas.microsoft.com/office/drawing/2014/main" id="{307BEBBA-4748-5D72-CD1A-3B76E83FEC73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5524500" y="161925"/>
            <a:ext cx="542925" cy="22860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31D14602-4220-42DC-A278-07FFB3F3F1B6}" type="TxLink">
              <a:rPr lang="en-GB"/>
              <a:pPr/>
              <a:t> </a:t>
            </a:fld>
            <a:endParaRPr lang="en-GB"/>
          </a:p>
        </xdr:txBody>
      </xdr:sp>
      <xdr:sp macro="" textlink="JobTitle">
        <xdr:nvSpPr>
          <xdr:cNvPr id="20" name="txtJobTitle">
            <a:extLst>
              <a:ext uri="{FF2B5EF4-FFF2-40B4-BE49-F238E27FC236}">
                <a16:creationId xmlns:a16="http://schemas.microsoft.com/office/drawing/2014/main" id="{6830588A-E075-7C32-80D4-7224CD57A6A6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28650" y="695324"/>
            <a:ext cx="2438400" cy="219075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F3465201-EA38-4A20-8381-E1AF0A9A1F41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p-y Curves to ISO19901-4(2022)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rawing_Reference">
        <xdr:nvSpPr>
          <xdr:cNvPr id="21" name="txtDrgRef">
            <a:extLst>
              <a:ext uri="{FF2B5EF4-FFF2-40B4-BE49-F238E27FC236}">
                <a16:creationId xmlns:a16="http://schemas.microsoft.com/office/drawing/2014/main" id="{3F47D3FF-CE8C-AF21-5128-5DBC4581ADC5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010025" y="695325"/>
            <a:ext cx="2057400" cy="171450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 tIns="0" bIns="0"/>
          <a:lstStyle/>
          <a:p>
            <a:fld id="{45FC97E0-6641-4BBC-B6C9-CFEAC7797A02}" type="TxLink">
              <a:rPr lang="en-GB"/>
              <a:pPr/>
              <a:t> </a:t>
            </a:fld>
            <a:endParaRPr lang="en-GB"/>
          </a:p>
        </xdr:txBody>
      </xdr:sp>
      <xdr:sp macro="" textlink="Member_Location">
        <xdr:nvSpPr>
          <xdr:cNvPr id="22" name="txtMemLoc">
            <a:extLst>
              <a:ext uri="{FF2B5EF4-FFF2-40B4-BE49-F238E27FC236}">
                <a16:creationId xmlns:a16="http://schemas.microsoft.com/office/drawing/2014/main" id="{24B570D7-62C4-5C95-9AD1-2D7B0DF8F8C7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010025" y="428625"/>
            <a:ext cx="2057400" cy="200026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19337578-A729-4E2F-9EE8-F9C9E0E6EBD5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23" name="Line 14">
            <a:extLst>
              <a:ext uri="{FF2B5EF4-FFF2-40B4-BE49-F238E27FC236}">
                <a16:creationId xmlns:a16="http://schemas.microsoft.com/office/drawing/2014/main" id="{40164FCF-9FB7-2A5A-D7EF-C357B7503190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42672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4" name="Line 15">
            <a:extLst>
              <a:ext uri="{FF2B5EF4-FFF2-40B4-BE49-F238E27FC236}">
                <a16:creationId xmlns:a16="http://schemas.microsoft.com/office/drawing/2014/main" id="{8CA9D452-02D5-1A30-8063-909F01404B14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54864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" name="Line 16">
            <a:extLst>
              <a:ext uri="{FF2B5EF4-FFF2-40B4-BE49-F238E27FC236}">
                <a16:creationId xmlns:a16="http://schemas.microsoft.com/office/drawing/2014/main" id="{C16936EF-FE3C-507C-D3B3-1A606D15E9DF}"/>
              </a:ext>
            </a:extLst>
          </xdr:cNvPr>
          <xdr:cNvSpPr>
            <a:spLocks noChangeShapeType="1"/>
          </xdr:cNvSpPr>
        </xdr:nvSpPr>
        <xdr:spPr bwMode="auto">
          <a:xfrm flipH="1">
            <a:off x="0" y="647700"/>
            <a:ext cx="609600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6" name="Line 17">
            <a:extLst>
              <a:ext uri="{FF2B5EF4-FFF2-40B4-BE49-F238E27FC236}">
                <a16:creationId xmlns:a16="http://schemas.microsoft.com/office/drawing/2014/main" id="{944EABDE-95AC-903F-B65D-3E65F3E039E1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3095625" y="885825"/>
            <a:ext cx="30003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7" name="Line 18">
            <a:extLst>
              <a:ext uri="{FF2B5EF4-FFF2-40B4-BE49-F238E27FC236}">
                <a16:creationId xmlns:a16="http://schemas.microsoft.com/office/drawing/2014/main" id="{13508B34-F011-0031-C05E-A5C13194C364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1276350"/>
            <a:ext cx="60864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8" name="Line 19">
            <a:extLst>
              <a:ext uri="{FF2B5EF4-FFF2-40B4-BE49-F238E27FC236}">
                <a16:creationId xmlns:a16="http://schemas.microsoft.com/office/drawing/2014/main" id="{CA106CDB-6582-4F65-959A-8410AE4B0D3A}"/>
              </a:ext>
            </a:extLst>
          </xdr:cNvPr>
          <xdr:cNvSpPr>
            <a:spLocks noChangeShapeType="1"/>
          </xdr:cNvSpPr>
        </xdr:nvSpPr>
        <xdr:spPr bwMode="auto">
          <a:xfrm flipV="1">
            <a:off x="6096000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9" name="Line 20">
            <a:extLst>
              <a:ext uri="{FF2B5EF4-FFF2-40B4-BE49-F238E27FC236}">
                <a16:creationId xmlns:a16="http://schemas.microsoft.com/office/drawing/2014/main" id="{E36EAC62-1008-FE67-5B99-9F4FEA1E4571}"/>
              </a:ext>
            </a:extLst>
          </xdr:cNvPr>
          <xdr:cNvSpPr>
            <a:spLocks noChangeShapeType="1"/>
          </xdr:cNvSpPr>
        </xdr:nvSpPr>
        <xdr:spPr bwMode="auto">
          <a:xfrm flipV="1">
            <a:off x="3095625" y="0"/>
            <a:ext cx="0" cy="1266825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0" name="Line 22">
            <a:extLst>
              <a:ext uri="{FF2B5EF4-FFF2-40B4-BE49-F238E27FC236}">
                <a16:creationId xmlns:a16="http://schemas.microsoft.com/office/drawing/2014/main" id="{F36061D1-DE76-E634-0600-D04425FAED7C}"/>
              </a:ext>
            </a:extLst>
          </xdr:cNvPr>
          <xdr:cNvSpPr>
            <a:spLocks noChangeShapeType="1"/>
          </xdr:cNvSpPr>
        </xdr:nvSpPr>
        <xdr:spPr bwMode="auto">
          <a:xfrm flipH="1">
            <a:off x="3095625" y="409575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1" name="Line 23">
            <a:extLst>
              <a:ext uri="{FF2B5EF4-FFF2-40B4-BE49-F238E27FC236}">
                <a16:creationId xmlns:a16="http://schemas.microsoft.com/office/drawing/2014/main" id="{38990EB1-4ED1-58F7-13B9-77D93E54DF15}"/>
              </a:ext>
            </a:extLst>
          </xdr:cNvPr>
          <xdr:cNvSpPr>
            <a:spLocks noChangeShapeType="1"/>
          </xdr:cNvSpPr>
        </xdr:nvSpPr>
        <xdr:spPr bwMode="auto">
          <a:xfrm flipV="1">
            <a:off x="9525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2" name="Line 24">
            <a:extLst>
              <a:ext uri="{FF2B5EF4-FFF2-40B4-BE49-F238E27FC236}">
                <a16:creationId xmlns:a16="http://schemas.microsoft.com/office/drawing/2014/main" id="{9E78A9C8-34F6-79C0-C2BA-CC5BB60C3129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9525"/>
            <a:ext cx="60864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3" name="Line 53">
            <a:extLst>
              <a:ext uri="{FF2B5EF4-FFF2-40B4-BE49-F238E27FC236}">
                <a16:creationId xmlns:a16="http://schemas.microsoft.com/office/drawing/2014/main" id="{FE7FE66F-837B-7C32-FF00-3DC5363D9569}"/>
              </a:ext>
            </a:extLst>
          </xdr:cNvPr>
          <xdr:cNvSpPr>
            <a:spLocks noChangeShapeType="1"/>
          </xdr:cNvSpPr>
        </xdr:nvSpPr>
        <xdr:spPr bwMode="auto">
          <a:xfrm flipH="1">
            <a:off x="3095625" y="152400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4" name="lblJobNo">
            <a:extLst>
              <a:ext uri="{FF2B5EF4-FFF2-40B4-BE49-F238E27FC236}">
                <a16:creationId xmlns:a16="http://schemas.microsoft.com/office/drawing/2014/main" id="{4AA71563-823D-D262-26DC-3B083D73AF54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33725" y="19050"/>
            <a:ext cx="352425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Job No.</a:t>
            </a:r>
          </a:p>
        </xdr:txBody>
      </xdr:sp>
      <xdr:sp macro="" textlink="">
        <xdr:nvSpPr>
          <xdr:cNvPr id="35" name="lblMemLoc">
            <a:extLst>
              <a:ext uri="{FF2B5EF4-FFF2-40B4-BE49-F238E27FC236}">
                <a16:creationId xmlns:a16="http://schemas.microsoft.com/office/drawing/2014/main" id="{36E2153E-0954-0EB7-99C9-25D7DCF9D9E4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43250" y="457200"/>
            <a:ext cx="8001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ember/Location</a:t>
            </a:r>
          </a:p>
        </xdr:txBody>
      </xdr:sp>
      <xdr:sp macro="" textlink="">
        <xdr:nvSpPr>
          <xdr:cNvPr id="36" name="lblMadeBy">
            <a:extLst>
              <a:ext uri="{FF2B5EF4-FFF2-40B4-BE49-F238E27FC236}">
                <a16:creationId xmlns:a16="http://schemas.microsoft.com/office/drawing/2014/main" id="{52C674C1-EB39-1390-5D28-422F199985BF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43250" y="942975"/>
            <a:ext cx="400050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ade by</a:t>
            </a:r>
          </a:p>
        </xdr:txBody>
      </xdr:sp>
      <xdr:sp macro="" textlink="">
        <xdr:nvSpPr>
          <xdr:cNvPr id="37" name="lblJobTitle">
            <a:extLst>
              <a:ext uri="{FF2B5EF4-FFF2-40B4-BE49-F238E27FC236}">
                <a16:creationId xmlns:a16="http://schemas.microsoft.com/office/drawing/2014/main" id="{E532DF1F-9C26-AE52-0F68-089FCD53FC25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666750"/>
            <a:ext cx="504825" cy="1905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 Job Title</a:t>
            </a:r>
          </a:p>
          <a:p>
            <a:pPr algn="l" rtl="0">
              <a:defRPr sz="1000"/>
            </a:pPr>
            <a:endParaRPr lang="en-GB" sz="800" b="0" i="0" strike="noStrike">
              <a:solidFill>
                <a:srgbClr val="000000"/>
              </a:solidFill>
              <a:latin typeface="Arial"/>
              <a:cs typeface="Arial"/>
            </a:endParaRPr>
          </a:p>
        </xdr:txBody>
      </xdr:sp>
      <xdr:sp macro="" textlink="">
        <xdr:nvSpPr>
          <xdr:cNvPr id="38" name="lblChd">
            <a:extLst>
              <a:ext uri="{FF2B5EF4-FFF2-40B4-BE49-F238E27FC236}">
                <a16:creationId xmlns:a16="http://schemas.microsoft.com/office/drawing/2014/main" id="{692EC20F-289F-E082-3B12-85460B96FE44}"/>
              </a:ext>
            </a:extLst>
          </xdr:cNvPr>
          <xdr:cNvSpPr txBox="1">
            <a:spLocks noChangeArrowheads="1"/>
          </xdr:cNvSpPr>
        </xdr:nvSpPr>
        <xdr:spPr bwMode="auto">
          <a:xfrm>
            <a:off x="5267325" y="942975"/>
            <a:ext cx="219075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hd.</a:t>
            </a:r>
          </a:p>
        </xdr:txBody>
      </xdr:sp>
      <xdr:sp macro="" textlink="">
        <xdr:nvSpPr>
          <xdr:cNvPr id="39" name="lblDate">
            <a:extLst>
              <a:ext uri="{FF2B5EF4-FFF2-40B4-BE49-F238E27FC236}">
                <a16:creationId xmlns:a16="http://schemas.microsoft.com/office/drawing/2014/main" id="{938BD9BC-1562-04D3-9FDB-03F22A34D1D1}"/>
              </a:ext>
            </a:extLst>
          </xdr:cNvPr>
          <xdr:cNvSpPr txBox="1">
            <a:spLocks noChangeArrowheads="1"/>
          </xdr:cNvSpPr>
        </xdr:nvSpPr>
        <xdr:spPr bwMode="auto">
          <a:xfrm>
            <a:off x="4229100" y="942975"/>
            <a:ext cx="2476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ate</a:t>
            </a:r>
          </a:p>
        </xdr:txBody>
      </xdr:sp>
      <xdr:sp macro="" textlink="">
        <xdr:nvSpPr>
          <xdr:cNvPr id="40" name="lblDrgRef">
            <a:extLst>
              <a:ext uri="{FF2B5EF4-FFF2-40B4-BE49-F238E27FC236}">
                <a16:creationId xmlns:a16="http://schemas.microsoft.com/office/drawing/2014/main" id="{F12B01DB-2584-FECD-5E38-764DEAF1DEED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43250" y="685800"/>
            <a:ext cx="409575" cy="1524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rg. Ref.</a:t>
            </a:r>
          </a:p>
        </xdr:txBody>
      </xdr:sp>
      <xdr:sp macro="" textlink="">
        <xdr:nvSpPr>
          <xdr:cNvPr id="41" name="lblSheetNo">
            <a:extLst>
              <a:ext uri="{FF2B5EF4-FFF2-40B4-BE49-F238E27FC236}">
                <a16:creationId xmlns:a16="http://schemas.microsoft.com/office/drawing/2014/main" id="{A7844C74-AC64-D010-D494-56347FA10FD6}"/>
              </a:ext>
            </a:extLst>
          </xdr:cNvPr>
          <xdr:cNvSpPr txBox="1">
            <a:spLocks noChangeArrowheads="1"/>
          </xdr:cNvSpPr>
        </xdr:nvSpPr>
        <xdr:spPr bwMode="auto">
          <a:xfrm>
            <a:off x="4286250" y="19050"/>
            <a:ext cx="4572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Sheet No.</a:t>
            </a:r>
          </a:p>
        </xdr:txBody>
      </xdr:sp>
      <xdr:sp macro="" textlink="">
        <xdr:nvSpPr>
          <xdr:cNvPr id="42" name="lblRev">
            <a:extLst>
              <a:ext uri="{FF2B5EF4-FFF2-40B4-BE49-F238E27FC236}">
                <a16:creationId xmlns:a16="http://schemas.microsoft.com/office/drawing/2014/main" id="{DF398832-C0F1-4287-5FCA-BA8DE1787821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14975" y="19050"/>
            <a:ext cx="2095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Rev.</a:t>
            </a:r>
          </a:p>
        </xdr:txBody>
      </xdr:sp>
      <xdr:sp macro="" textlink="">
        <xdr:nvSpPr>
          <xdr:cNvPr id="43" name="Text Box 37">
            <a:extLst>
              <a:ext uri="{FF2B5EF4-FFF2-40B4-BE49-F238E27FC236}">
                <a16:creationId xmlns:a16="http://schemas.microsoft.com/office/drawing/2014/main" id="{CFAE4900-B81E-05E1-176A-9116EA480F81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933450"/>
            <a:ext cx="571500" cy="2095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xdr:spPr>
        <xdr:txBody>
          <a:bodyPr vertOverflow="clip" wrap="square" lIns="27432" tIns="22860" rIns="0" bIns="0" anchor="t" upright="1"/>
          <a:lstStyle/>
          <a:p>
            <a:pPr algn="l" rtl="1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alculation</a:t>
            </a:r>
          </a:p>
        </xdr:txBody>
      </xdr:sp>
    </xdr:grpSp>
    <xdr:clientData/>
  </xdr:twoCellAnchor>
  <xdr:twoCellAnchor editAs="oneCell">
    <xdr:from>
      <xdr:col>1</xdr:col>
      <xdr:colOff>104775</xdr:colOff>
      <xdr:row>0</xdr:row>
      <xdr:rowOff>180975</xdr:rowOff>
    </xdr:from>
    <xdr:to>
      <xdr:col>2</xdr:col>
      <xdr:colOff>449646</xdr:colOff>
      <xdr:row>0</xdr:row>
      <xdr:rowOff>468630</xdr:rowOff>
    </xdr:to>
    <xdr:pic>
      <xdr:nvPicPr>
        <xdr:cNvPr id="44" name="Picture 43" descr="Icon&#10;&#10;Description automatically generated">
          <a:extLst>
            <a:ext uri="{FF2B5EF4-FFF2-40B4-BE49-F238E27FC236}">
              <a16:creationId xmlns:a16="http://schemas.microsoft.com/office/drawing/2014/main" id="{7E6B577D-453C-4637-8BE5-C9C3C9197E5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04775" y="180975"/>
          <a:ext cx="1083222" cy="287655"/>
        </a:xfrm>
        <a:prstGeom prst="rect">
          <a:avLst/>
        </a:prstGeom>
      </xdr:spPr>
    </xdr:pic>
    <xdr:clientData/>
  </xdr:twoCellAnchor>
  <xdr:twoCellAnchor>
    <xdr:from>
      <xdr:col>22</xdr:col>
      <xdr:colOff>0</xdr:colOff>
      <xdr:row>2</xdr:row>
      <xdr:rowOff>0</xdr:rowOff>
    </xdr:from>
    <xdr:to>
      <xdr:col>28</xdr:col>
      <xdr:colOff>359177</xdr:colOff>
      <xdr:row>32</xdr:row>
      <xdr:rowOff>69175</xdr:rowOff>
    </xdr:to>
    <xdr:graphicFrame macro="">
      <xdr:nvGraphicFramePr>
        <xdr:cNvPr id="46" name="Chart 45">
          <a:extLst>
            <a:ext uri="{FF2B5EF4-FFF2-40B4-BE49-F238E27FC236}">
              <a16:creationId xmlns:a16="http://schemas.microsoft.com/office/drawing/2014/main" id="{6F0CC94E-B30E-4ED4-A63C-95688F38E2E6}"/>
            </a:ext>
          </a:extLst>
        </xdr:cNvPr>
        <xdr:cNvGraphicFramePr>
          <a:graphicFrameLocks/>
        </xdr:cNvGraphicFramePr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2"/>
        </a:graphicData>
      </a:graphic>
    </xdr:graphicFrame>
    <xdr:clientData/>
  </xdr:twoCellAnchor>
  <xdr:twoCellAnchor>
    <xdr:from>
      <xdr:col>29</xdr:col>
      <xdr:colOff>0</xdr:colOff>
      <xdr:row>2</xdr:row>
      <xdr:rowOff>0</xdr:rowOff>
    </xdr:from>
    <xdr:to>
      <xdr:col>35</xdr:col>
      <xdr:colOff>284471</xdr:colOff>
      <xdr:row>32</xdr:row>
      <xdr:rowOff>66000</xdr:rowOff>
    </xdr:to>
    <xdr:graphicFrame macro="">
      <xdr:nvGraphicFramePr>
        <xdr:cNvPr id="47" name="Chart 46">
          <a:extLst>
            <a:ext uri="{FF2B5EF4-FFF2-40B4-BE49-F238E27FC236}">
              <a16:creationId xmlns:a16="http://schemas.microsoft.com/office/drawing/2014/main" id="{6745F8B2-068E-4237-8FF9-F68B7161F887}"/>
            </a:ext>
          </a:extLst>
        </xdr:cNvPr>
        <xdr:cNvGraphicFramePr>
          <a:graphicFrameLocks/>
        </xdr:cNvGraphicFramePr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3"/>
        </a:graphicData>
      </a:graphic>
    </xdr:graphicFrame>
    <xdr:clientData/>
  </xdr:twoCellAnchor>
  <xdr:twoCellAnchor>
    <xdr:from>
      <xdr:col>36</xdr:col>
      <xdr:colOff>0</xdr:colOff>
      <xdr:row>2</xdr:row>
      <xdr:rowOff>0</xdr:rowOff>
    </xdr:from>
    <xdr:to>
      <xdr:col>42</xdr:col>
      <xdr:colOff>284470</xdr:colOff>
      <xdr:row>32</xdr:row>
      <xdr:rowOff>66000</xdr:rowOff>
    </xdr:to>
    <xdr:graphicFrame macro="">
      <xdr:nvGraphicFramePr>
        <xdr:cNvPr id="48" name="Chart 47">
          <a:extLst>
            <a:ext uri="{FF2B5EF4-FFF2-40B4-BE49-F238E27FC236}">
              <a16:creationId xmlns:a16="http://schemas.microsoft.com/office/drawing/2014/main" id="{E9F230D2-39C5-4A32-91FE-989E682B0C60}"/>
            </a:ext>
          </a:extLst>
        </xdr:cNvPr>
        <xdr:cNvGraphicFramePr>
          <a:graphicFrameLocks/>
        </xdr:cNvGraphicFramePr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4"/>
        </a:graphicData>
      </a:graphic>
    </xdr:graphicFrame>
    <xdr:clientData/>
  </xdr:twoCellAnchor>
  <xdr:twoCellAnchor>
    <xdr:from>
      <xdr:col>22</xdr:col>
      <xdr:colOff>17318</xdr:colOff>
      <xdr:row>33</xdr:row>
      <xdr:rowOff>112569</xdr:rowOff>
    </xdr:from>
    <xdr:to>
      <xdr:col>28</xdr:col>
      <xdr:colOff>376495</xdr:colOff>
      <xdr:row>67</xdr:row>
      <xdr:rowOff>83319</xdr:rowOff>
    </xdr:to>
    <xdr:graphicFrame macro="">
      <xdr:nvGraphicFramePr>
        <xdr:cNvPr id="45" name="Chart 44">
          <a:extLst>
            <a:ext uri="{FF2B5EF4-FFF2-40B4-BE49-F238E27FC236}">
              <a16:creationId xmlns:a16="http://schemas.microsoft.com/office/drawing/2014/main" id="{4455B32E-C64F-47BB-83B4-F9823A12FD6C}"/>
            </a:ext>
          </a:extLst>
        </xdr:cNvPr>
        <xdr:cNvGraphicFramePr>
          <a:graphicFrameLocks/>
        </xdr:cNvGraphicFramePr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5"/>
        </a:graphicData>
      </a:graphic>
    </xdr:graphicFrame>
    <xdr:clientData/>
  </xdr:twoCellAnchor>
  <xdr:twoCellAnchor>
    <xdr:from>
      <xdr:col>29</xdr:col>
      <xdr:colOff>76200</xdr:colOff>
      <xdr:row>33</xdr:row>
      <xdr:rowOff>85725</xdr:rowOff>
    </xdr:from>
    <xdr:to>
      <xdr:col>35</xdr:col>
      <xdr:colOff>360670</xdr:colOff>
      <xdr:row>67</xdr:row>
      <xdr:rowOff>78700</xdr:rowOff>
    </xdr:to>
    <xdr:graphicFrame macro="">
      <xdr:nvGraphicFramePr>
        <xdr:cNvPr id="50" name="Chart 49">
          <a:extLst>
            <a:ext uri="{FF2B5EF4-FFF2-40B4-BE49-F238E27FC236}">
              <a16:creationId xmlns:a16="http://schemas.microsoft.com/office/drawing/2014/main" id="{7866AB1C-1B0E-4A21-BB34-D76F5AF62903}"/>
            </a:ext>
          </a:extLst>
        </xdr:cNvPr>
        <xdr:cNvGraphicFramePr>
          <a:graphicFrameLocks/>
        </xdr:cNvGraphicFramePr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6"/>
        </a:graphicData>
      </a:graphic>
    </xdr:graphicFrame>
    <xdr:clientData/>
  </xdr:twoCellAnchor>
</xdr:wsDr>
</file>

<file path=xl/drawings/drawing4.xml><?xml version="1.0" encoding="utf-8"?>
<xdr:wsDr xmlns:xdr="http://schemas.openxmlformats.org/drawingml/2006/spreadsheetDrawing" xmlns:a="http://schemas.openxmlformats.org/drawingml/2006/main">
  <xdr:twoCellAnchor>
    <xdr:from>
      <xdr:col>16</xdr:col>
      <xdr:colOff>279399</xdr:colOff>
      <xdr:row>12</xdr:row>
      <xdr:rowOff>133350</xdr:rowOff>
    </xdr:from>
    <xdr:to>
      <xdr:col>22</xdr:col>
      <xdr:colOff>158750</xdr:colOff>
      <xdr:row>25</xdr:row>
      <xdr:rowOff>76200</xdr:rowOff>
    </xdr:to>
    <xdr:graphicFrame macro="">
      <xdr:nvGraphicFramePr>
        <xdr:cNvPr id="2" name="Chart 1">
          <a:extLst>
            <a:ext uri="{FF2B5EF4-FFF2-40B4-BE49-F238E27FC236}">
              <a16:creationId xmlns:a16="http://schemas.microsoft.com/office/drawing/2014/main" id="{321FD36D-2D61-4EA0-9E8E-68AC5B2E2AED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</xdr:wsDr>
</file>

<file path=xl/drawings/drawing5.xml><?xml version="1.0" encoding="utf-8"?>
<xdr:wsDr xmlns:xdr="http://schemas.openxmlformats.org/drawingml/2006/spreadsheetDrawing" xmlns:a="http://schemas.openxmlformats.org/drawingml/2006/main">
  <xdr:twoCellAnchor editAs="absolute">
    <xdr:from>
      <xdr:col>0</xdr:col>
      <xdr:colOff>0</xdr:colOff>
      <xdr:row>0</xdr:row>
      <xdr:rowOff>0</xdr:rowOff>
    </xdr:from>
    <xdr:to>
      <xdr:col>12</xdr:col>
      <xdr:colOff>220473</xdr:colOff>
      <xdr:row>1</xdr:row>
      <xdr:rowOff>9525</xdr:rowOff>
    </xdr:to>
    <xdr:grpSp>
      <xdr:nvGrpSpPr>
        <xdr:cNvPr id="2" name="Group 1">
          <a:extLst>
            <a:ext uri="{FF2B5EF4-FFF2-40B4-BE49-F238E27FC236}">
              <a16:creationId xmlns:a16="http://schemas.microsoft.com/office/drawing/2014/main" id="{6BBF99B0-6F7A-4519-B95D-AA0FE0DBBC8F}"/>
            </a:ext>
          </a:extLst>
        </xdr:cNvPr>
        <xdr:cNvGrpSpPr/>
      </xdr:nvGrpSpPr>
      <xdr:grpSpPr>
        <a:xfrm>
          <a:off x="0" y="0"/>
          <a:ext cx="8812023" cy="1276350"/>
          <a:chOff x="0" y="0"/>
          <a:chExt cx="8496300" cy="1276350"/>
        </a:xfrm>
      </xdr:grpSpPr>
      <xdr:sp macro="" textlink="">
        <xdr:nvSpPr>
          <xdr:cNvPr id="3" name="Rectangle 159">
            <a:extLst>
              <a:ext uri="{FF2B5EF4-FFF2-40B4-BE49-F238E27FC236}">
                <a16:creationId xmlns:a16="http://schemas.microsoft.com/office/drawing/2014/main" id="{DD4EEDBC-B4FB-EDDF-ED92-831057841668}"/>
              </a:ext>
            </a:extLst>
          </xdr:cNvPr>
          <xdr:cNvSpPr>
            <a:spLocks noChangeArrowheads="1"/>
          </xdr:cNvSpPr>
        </xdr:nvSpPr>
        <xdr:spPr bwMode="auto">
          <a:xfrm>
            <a:off x="628650" y="666750"/>
            <a:ext cx="4819650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JobTitle">
        <xdr:nvSpPr>
          <xdr:cNvPr id="4" name="txtJobTitle">
            <a:extLst>
              <a:ext uri="{FF2B5EF4-FFF2-40B4-BE49-F238E27FC236}">
                <a16:creationId xmlns:a16="http://schemas.microsoft.com/office/drawing/2014/main" id="{2281C0FE-057A-FE91-5AA6-6BCFA06351DE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28650" y="666750"/>
            <a:ext cx="4829175" cy="24765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099B777F-7A96-41CD-B42F-47FDB21DA719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p-y Curves to ISO19901-4(2022)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5" name="Rectangle 157">
            <a:extLst>
              <a:ext uri="{FF2B5EF4-FFF2-40B4-BE49-F238E27FC236}">
                <a16:creationId xmlns:a16="http://schemas.microsoft.com/office/drawing/2014/main" id="{A069A80F-2B45-D727-26C7-FCD19752F637}"/>
              </a:ext>
            </a:extLst>
          </xdr:cNvPr>
          <xdr:cNvSpPr>
            <a:spLocks noChangeArrowheads="1"/>
          </xdr:cNvSpPr>
        </xdr:nvSpPr>
        <xdr:spPr bwMode="auto">
          <a:xfrm>
            <a:off x="628650" y="952500"/>
            <a:ext cx="4819650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6" name="txtSheetTitle">
            <a:extLst>
              <a:ext uri="{FF2B5EF4-FFF2-40B4-BE49-F238E27FC236}">
                <a16:creationId xmlns:a16="http://schemas.microsoft.com/office/drawing/2014/main" id="{1EE6E1BE-ABFA-B960-A7DC-1A7D9D336E60}"/>
              </a:ext>
            </a:extLst>
          </xdr:cNvPr>
          <xdr:cNvSpPr txBox="1">
            <a:spLocks noChangeArrowheads="1"/>
          </xdr:cNvSpPr>
        </xdr:nvSpPr>
        <xdr:spPr bwMode="auto">
          <a:xfrm>
            <a:off x="628650" y="952500"/>
            <a:ext cx="4829175" cy="247650"/>
          </a:xfrm>
          <a:prstGeom prst="rect">
            <a:avLst/>
          </a:prstGeom>
          <a:solidFill>
            <a:srgbClr val="FFFFFF">
              <a:alpha val="50195"/>
            </a:srgbClr>
          </a:solidFill>
          <a:ln>
            <a:noFill/>
          </a:ln>
          <a:extLst>
            <a:ext uri="{91240B29-F687-4F45-9708-019B960494DF}">
              <a14:hiddenLine xmlns:a14="http://schemas.microsoft.com/office/drawing/2010/main" w="0">
                <a:solidFill>
                  <a:srgbClr val="000000"/>
                </a:solidFill>
                <a:prstDash val="sysDot"/>
                <a:miter lim="800000"/>
                <a:headEnd/>
                <a:tailEnd/>
              </a14:hiddenLine>
            </a:ext>
          </a:extLst>
        </xdr:spPr>
        <xdr:txBody>
          <a:bodyPr/>
          <a:lstStyle/>
          <a:p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7" name="Rectangle 160">
            <a:extLst>
              <a:ext uri="{FF2B5EF4-FFF2-40B4-BE49-F238E27FC236}">
                <a16:creationId xmlns:a16="http://schemas.microsoft.com/office/drawing/2014/main" id="{B3140EC0-4A89-A48D-B070-C79D5A4320B7}"/>
              </a:ext>
            </a:extLst>
          </xdr:cNvPr>
          <xdr:cNvSpPr>
            <a:spLocks noChangeArrowheads="1"/>
          </xdr:cNvSpPr>
        </xdr:nvSpPr>
        <xdr:spPr bwMode="auto">
          <a:xfrm>
            <a:off x="7924800" y="171450"/>
            <a:ext cx="5334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Revision">
        <xdr:nvSpPr>
          <xdr:cNvPr id="8" name="txtRev">
            <a:extLst>
              <a:ext uri="{FF2B5EF4-FFF2-40B4-BE49-F238E27FC236}">
                <a16:creationId xmlns:a16="http://schemas.microsoft.com/office/drawing/2014/main" id="{58821041-E951-3A9D-D65B-389520CBE8A8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7924800" y="161924"/>
            <a:ext cx="542925" cy="228601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FE19B48-4095-491C-9590-A79FB6F9D866}" type="TxLink">
              <a:rPr lang="en-GB"/>
              <a:pPr/>
              <a:t> </a:t>
            </a:fld>
            <a:endParaRPr lang="en-GB"/>
          </a:p>
        </xdr:txBody>
      </xdr:sp>
      <xdr:sp macro="" textlink="">
        <xdr:nvSpPr>
          <xdr:cNvPr id="9" name="Rectangle 162">
            <a:extLst>
              <a:ext uri="{FF2B5EF4-FFF2-40B4-BE49-F238E27FC236}">
                <a16:creationId xmlns:a16="http://schemas.microsoft.com/office/drawing/2014/main" id="{4F8E737F-F073-0742-2BE5-79097FF98331}"/>
              </a:ext>
            </a:extLst>
          </xdr:cNvPr>
          <xdr:cNvSpPr>
            <a:spLocks noChangeArrowheads="1"/>
          </xdr:cNvSpPr>
        </xdr:nvSpPr>
        <xdr:spPr bwMode="auto">
          <a:xfrm>
            <a:off x="6410325" y="666750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0" name="Rectangle 163">
            <a:extLst>
              <a:ext uri="{FF2B5EF4-FFF2-40B4-BE49-F238E27FC236}">
                <a16:creationId xmlns:a16="http://schemas.microsoft.com/office/drawing/2014/main" id="{53EFAA20-8895-4352-B1C0-AA262804A392}"/>
              </a:ext>
            </a:extLst>
          </xdr:cNvPr>
          <xdr:cNvSpPr>
            <a:spLocks noChangeArrowheads="1"/>
          </xdr:cNvSpPr>
        </xdr:nvSpPr>
        <xdr:spPr bwMode="auto">
          <a:xfrm>
            <a:off x="6410325" y="428625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1" name="Rectangle 164">
            <a:extLst>
              <a:ext uri="{FF2B5EF4-FFF2-40B4-BE49-F238E27FC236}">
                <a16:creationId xmlns:a16="http://schemas.microsoft.com/office/drawing/2014/main" id="{53FD866E-055B-483F-418D-12254F23E44E}"/>
              </a:ext>
            </a:extLst>
          </xdr:cNvPr>
          <xdr:cNvSpPr>
            <a:spLocks noChangeArrowheads="1"/>
          </xdr:cNvSpPr>
        </xdr:nvSpPr>
        <xdr:spPr bwMode="auto">
          <a:xfrm>
            <a:off x="7905750" y="923925"/>
            <a:ext cx="561975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2" name="Rectangle 165">
            <a:extLst>
              <a:ext uri="{FF2B5EF4-FFF2-40B4-BE49-F238E27FC236}">
                <a16:creationId xmlns:a16="http://schemas.microsoft.com/office/drawing/2014/main" id="{CCC01149-2BF1-E3C2-7076-C8E017EED8D9}"/>
              </a:ext>
            </a:extLst>
          </xdr:cNvPr>
          <xdr:cNvSpPr>
            <a:spLocks noChangeArrowheads="1"/>
          </xdr:cNvSpPr>
        </xdr:nvSpPr>
        <xdr:spPr bwMode="auto">
          <a:xfrm>
            <a:off x="6867525" y="923925"/>
            <a:ext cx="76200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3" name="Rectangle 166">
            <a:extLst>
              <a:ext uri="{FF2B5EF4-FFF2-40B4-BE49-F238E27FC236}">
                <a16:creationId xmlns:a16="http://schemas.microsoft.com/office/drawing/2014/main" id="{77F65573-F1F9-29B9-5BC3-78DD4D77DDB4}"/>
              </a:ext>
            </a:extLst>
          </xdr:cNvPr>
          <xdr:cNvSpPr>
            <a:spLocks noChangeArrowheads="1"/>
          </xdr:cNvSpPr>
        </xdr:nvSpPr>
        <xdr:spPr bwMode="auto">
          <a:xfrm>
            <a:off x="6029325" y="923925"/>
            <a:ext cx="55245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4" name="Rectangle 167">
            <a:extLst>
              <a:ext uri="{FF2B5EF4-FFF2-40B4-BE49-F238E27FC236}">
                <a16:creationId xmlns:a16="http://schemas.microsoft.com/office/drawing/2014/main" id="{1A0D55A4-72C9-827B-8A42-CD82342A8CD0}"/>
              </a:ext>
            </a:extLst>
          </xdr:cNvPr>
          <xdr:cNvSpPr>
            <a:spLocks noChangeArrowheads="1"/>
          </xdr:cNvSpPr>
        </xdr:nvSpPr>
        <xdr:spPr bwMode="auto">
          <a:xfrm>
            <a:off x="5524500" y="171450"/>
            <a:ext cx="11049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5" name="Rectangle 168">
            <a:extLst>
              <a:ext uri="{FF2B5EF4-FFF2-40B4-BE49-F238E27FC236}">
                <a16:creationId xmlns:a16="http://schemas.microsoft.com/office/drawing/2014/main" id="{D7B209BC-B45E-0A05-BD25-1EE6B9A7EAB5}"/>
              </a:ext>
            </a:extLst>
          </xdr:cNvPr>
          <xdr:cNvSpPr>
            <a:spLocks noChangeArrowheads="1"/>
          </xdr:cNvSpPr>
        </xdr:nvSpPr>
        <xdr:spPr bwMode="auto">
          <a:xfrm>
            <a:off x="6696075" y="171450"/>
            <a:ext cx="116205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SheetNo">
        <xdr:nvSpPr>
          <xdr:cNvPr id="16" name="txtSheetNo">
            <a:extLst>
              <a:ext uri="{FF2B5EF4-FFF2-40B4-BE49-F238E27FC236}">
                <a16:creationId xmlns:a16="http://schemas.microsoft.com/office/drawing/2014/main" id="{C0DD90D3-B54C-E6C1-A64B-FF9B73A6C161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696075" y="171450"/>
            <a:ext cx="1171575" cy="219076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F89C0833-5422-4726-AF25-B16FE97E1F7B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MadeBy">
        <xdr:nvSpPr>
          <xdr:cNvPr id="17" name="txtMadeBy">
            <a:extLst>
              <a:ext uri="{FF2B5EF4-FFF2-40B4-BE49-F238E27FC236}">
                <a16:creationId xmlns:a16="http://schemas.microsoft.com/office/drawing/2014/main" id="{9AC45CF2-5F77-EC02-CC0F-DFE6A733E67E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029325" y="933450"/>
            <a:ext cx="552450" cy="295274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1C568D85-8139-4935-8A20-CFB2A9584805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ate">
        <xdr:nvSpPr>
          <xdr:cNvPr id="18" name="txtDate">
            <a:extLst>
              <a:ext uri="{FF2B5EF4-FFF2-40B4-BE49-F238E27FC236}">
                <a16:creationId xmlns:a16="http://schemas.microsoft.com/office/drawing/2014/main" id="{639B70C8-A976-3650-63F3-E393DBC0A714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867843" y="942975"/>
            <a:ext cx="752276" cy="285749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 lIns="36000" rIns="36000"/>
          <a:lstStyle/>
          <a:p>
            <a:fld id="{C8F1D7CD-7E9E-4E78-9A6D-742CE5F28932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17/07/2023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JobNumber">
        <xdr:nvSpPr>
          <xdr:cNvPr id="19" name="txtJobNo">
            <a:extLst>
              <a:ext uri="{FF2B5EF4-FFF2-40B4-BE49-F238E27FC236}">
                <a16:creationId xmlns:a16="http://schemas.microsoft.com/office/drawing/2014/main" id="{6468D708-399C-1ED8-55B9-31D90F2B7C27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5524500" y="142875"/>
            <a:ext cx="1114425" cy="24765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2F717262-2340-4838-9FC7-E35C6BEF7FAD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IiA 35655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Checked">
        <xdr:nvSpPr>
          <xdr:cNvPr id="20" name="txtChd">
            <a:extLst>
              <a:ext uri="{FF2B5EF4-FFF2-40B4-BE49-F238E27FC236}">
                <a16:creationId xmlns:a16="http://schemas.microsoft.com/office/drawing/2014/main" id="{9FCA0725-A42C-A24B-3B0A-CC1358E950DB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7905750" y="923925"/>
            <a:ext cx="561975" cy="30480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905D2FC-75E3-4182-92B0-F4995776D2B3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VS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21" name="lblJobNo">
            <a:extLst>
              <a:ext uri="{FF2B5EF4-FFF2-40B4-BE49-F238E27FC236}">
                <a16:creationId xmlns:a16="http://schemas.microsoft.com/office/drawing/2014/main" id="{29395D93-6B92-6904-E701-701AEC647331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34025" y="19050"/>
            <a:ext cx="352425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Job No.</a:t>
            </a:r>
          </a:p>
        </xdr:txBody>
      </xdr:sp>
      <xdr:sp macro="" textlink="">
        <xdr:nvSpPr>
          <xdr:cNvPr id="22" name="lblMemLoc">
            <a:extLst>
              <a:ext uri="{FF2B5EF4-FFF2-40B4-BE49-F238E27FC236}">
                <a16:creationId xmlns:a16="http://schemas.microsoft.com/office/drawing/2014/main" id="{C704B522-F0B9-75AA-93EC-62A4C2B4DF41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457200"/>
            <a:ext cx="8001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ember/Location</a:t>
            </a:r>
          </a:p>
        </xdr:txBody>
      </xdr:sp>
      <xdr:sp macro="" textlink="">
        <xdr:nvSpPr>
          <xdr:cNvPr id="23" name="lblMadeBy">
            <a:extLst>
              <a:ext uri="{FF2B5EF4-FFF2-40B4-BE49-F238E27FC236}">
                <a16:creationId xmlns:a16="http://schemas.microsoft.com/office/drawing/2014/main" id="{FB53721D-D5C1-3F0A-CA78-0D431B9F3062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942975"/>
            <a:ext cx="400050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ade by</a:t>
            </a:r>
          </a:p>
        </xdr:txBody>
      </xdr:sp>
      <xdr:sp macro="" textlink="">
        <xdr:nvSpPr>
          <xdr:cNvPr id="24" name="lblJobTitle">
            <a:extLst>
              <a:ext uri="{FF2B5EF4-FFF2-40B4-BE49-F238E27FC236}">
                <a16:creationId xmlns:a16="http://schemas.microsoft.com/office/drawing/2014/main" id="{037FF291-9FA5-DAFB-9713-8E55AACB6A46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666750"/>
            <a:ext cx="504825" cy="1905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 Job Title</a:t>
            </a:r>
          </a:p>
          <a:p>
            <a:pPr algn="l" rtl="0">
              <a:defRPr sz="1000"/>
            </a:pPr>
            <a:endParaRPr lang="en-GB" sz="800" b="0" i="0" strike="noStrike">
              <a:solidFill>
                <a:srgbClr val="000000"/>
              </a:solidFill>
              <a:latin typeface="Arial"/>
              <a:cs typeface="Arial"/>
            </a:endParaRPr>
          </a:p>
        </xdr:txBody>
      </xdr:sp>
      <xdr:sp macro="" textlink="">
        <xdr:nvSpPr>
          <xdr:cNvPr id="25" name="lblChd">
            <a:extLst>
              <a:ext uri="{FF2B5EF4-FFF2-40B4-BE49-F238E27FC236}">
                <a16:creationId xmlns:a16="http://schemas.microsoft.com/office/drawing/2014/main" id="{E499A1F3-D130-EFD3-57D4-36E822A62915}"/>
              </a:ext>
            </a:extLst>
          </xdr:cNvPr>
          <xdr:cNvSpPr txBox="1">
            <a:spLocks noChangeArrowheads="1"/>
          </xdr:cNvSpPr>
        </xdr:nvSpPr>
        <xdr:spPr bwMode="auto">
          <a:xfrm>
            <a:off x="7667625" y="942975"/>
            <a:ext cx="219075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hd.</a:t>
            </a:r>
          </a:p>
        </xdr:txBody>
      </xdr:sp>
      <xdr:sp macro="" textlink="">
        <xdr:nvSpPr>
          <xdr:cNvPr id="26" name="lblDate">
            <a:extLst>
              <a:ext uri="{FF2B5EF4-FFF2-40B4-BE49-F238E27FC236}">
                <a16:creationId xmlns:a16="http://schemas.microsoft.com/office/drawing/2014/main" id="{6E72E38A-BF89-28A3-8A51-E04538B603BC}"/>
              </a:ext>
            </a:extLst>
          </xdr:cNvPr>
          <xdr:cNvSpPr txBox="1">
            <a:spLocks noChangeArrowheads="1"/>
          </xdr:cNvSpPr>
        </xdr:nvSpPr>
        <xdr:spPr bwMode="auto">
          <a:xfrm>
            <a:off x="6629400" y="942975"/>
            <a:ext cx="2476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ate</a:t>
            </a:r>
          </a:p>
        </xdr:txBody>
      </xdr:sp>
      <xdr:sp macro="" textlink="">
        <xdr:nvSpPr>
          <xdr:cNvPr id="27" name="lblDrgRef">
            <a:extLst>
              <a:ext uri="{FF2B5EF4-FFF2-40B4-BE49-F238E27FC236}">
                <a16:creationId xmlns:a16="http://schemas.microsoft.com/office/drawing/2014/main" id="{9EE3790B-27BA-092B-3FDB-18B11C1F96D5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685800"/>
            <a:ext cx="409575" cy="1524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rg. Ref.</a:t>
            </a:r>
          </a:p>
        </xdr:txBody>
      </xdr:sp>
      <xdr:sp macro="" textlink="">
        <xdr:nvSpPr>
          <xdr:cNvPr id="28" name="lblSheetNo">
            <a:extLst>
              <a:ext uri="{FF2B5EF4-FFF2-40B4-BE49-F238E27FC236}">
                <a16:creationId xmlns:a16="http://schemas.microsoft.com/office/drawing/2014/main" id="{49B4F74D-49E3-E59F-A01E-0D34B7C42880}"/>
              </a:ext>
            </a:extLst>
          </xdr:cNvPr>
          <xdr:cNvSpPr txBox="1">
            <a:spLocks noChangeArrowheads="1"/>
          </xdr:cNvSpPr>
        </xdr:nvSpPr>
        <xdr:spPr bwMode="auto">
          <a:xfrm>
            <a:off x="6686550" y="19050"/>
            <a:ext cx="4572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Sheet No.</a:t>
            </a:r>
          </a:p>
        </xdr:txBody>
      </xdr:sp>
      <xdr:sp macro="" textlink="">
        <xdr:nvSpPr>
          <xdr:cNvPr id="29" name="lblRev">
            <a:extLst>
              <a:ext uri="{FF2B5EF4-FFF2-40B4-BE49-F238E27FC236}">
                <a16:creationId xmlns:a16="http://schemas.microsoft.com/office/drawing/2014/main" id="{FBEEE685-863F-CA0E-8EC8-673106C86755}"/>
              </a:ext>
            </a:extLst>
          </xdr:cNvPr>
          <xdr:cNvSpPr txBox="1">
            <a:spLocks noChangeArrowheads="1"/>
          </xdr:cNvSpPr>
        </xdr:nvSpPr>
        <xdr:spPr bwMode="auto">
          <a:xfrm>
            <a:off x="7915275" y="19050"/>
            <a:ext cx="2095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Rev.</a:t>
            </a:r>
          </a:p>
        </xdr:txBody>
      </xdr:sp>
      <xdr:sp macro="" textlink="">
        <xdr:nvSpPr>
          <xdr:cNvPr id="30" name="Text Box 186">
            <a:extLst>
              <a:ext uri="{FF2B5EF4-FFF2-40B4-BE49-F238E27FC236}">
                <a16:creationId xmlns:a16="http://schemas.microsoft.com/office/drawing/2014/main" id="{507DCDF4-9CF1-9481-3B6B-FEEFB4BE7F7A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933450"/>
            <a:ext cx="571500" cy="2095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xdr:spPr>
        <xdr:txBody>
          <a:bodyPr vertOverflow="clip" wrap="square" lIns="27432" tIns="22860" rIns="0" bIns="0" anchor="t" upright="1"/>
          <a:lstStyle/>
          <a:p>
            <a:pPr algn="l" rtl="1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alculation</a:t>
            </a:r>
          </a:p>
        </xdr:txBody>
      </xdr:sp>
      <xdr:sp macro="" textlink="">
        <xdr:nvSpPr>
          <xdr:cNvPr id="31" name="Line 188">
            <a:extLst>
              <a:ext uri="{FF2B5EF4-FFF2-40B4-BE49-F238E27FC236}">
                <a16:creationId xmlns:a16="http://schemas.microsoft.com/office/drawing/2014/main" id="{81B8C1AB-E9F4-4DFE-6C2C-CCA8033B746E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66675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2" name="Line 189">
            <a:extLst>
              <a:ext uri="{FF2B5EF4-FFF2-40B4-BE49-F238E27FC236}">
                <a16:creationId xmlns:a16="http://schemas.microsoft.com/office/drawing/2014/main" id="{C8943E08-3F7C-0429-143F-48EC1D9271E2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78867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3" name="Line 190">
            <a:extLst>
              <a:ext uri="{FF2B5EF4-FFF2-40B4-BE49-F238E27FC236}">
                <a16:creationId xmlns:a16="http://schemas.microsoft.com/office/drawing/2014/main" id="{EBC8E510-AB64-9F61-8283-7D48F3DFAD89}"/>
              </a:ext>
            </a:extLst>
          </xdr:cNvPr>
          <xdr:cNvSpPr>
            <a:spLocks noChangeShapeType="1"/>
          </xdr:cNvSpPr>
        </xdr:nvSpPr>
        <xdr:spPr bwMode="auto">
          <a:xfrm flipH="1">
            <a:off x="0" y="647700"/>
            <a:ext cx="84867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4" name="Line 191">
            <a:extLst>
              <a:ext uri="{FF2B5EF4-FFF2-40B4-BE49-F238E27FC236}">
                <a16:creationId xmlns:a16="http://schemas.microsoft.com/office/drawing/2014/main" id="{A0DD077C-2B2F-64D5-B904-1225B334D9AB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5495925" y="885825"/>
            <a:ext cx="30003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5" name="Line 192">
            <a:extLst>
              <a:ext uri="{FF2B5EF4-FFF2-40B4-BE49-F238E27FC236}">
                <a16:creationId xmlns:a16="http://schemas.microsoft.com/office/drawing/2014/main" id="{36EE8320-7036-D32A-8FD0-CA3929779BE3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1276350"/>
            <a:ext cx="84867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6" name="Line 193">
            <a:extLst>
              <a:ext uri="{FF2B5EF4-FFF2-40B4-BE49-F238E27FC236}">
                <a16:creationId xmlns:a16="http://schemas.microsoft.com/office/drawing/2014/main" id="{14350F17-D250-7713-9460-BCB837037720}"/>
              </a:ext>
            </a:extLst>
          </xdr:cNvPr>
          <xdr:cNvSpPr>
            <a:spLocks noChangeShapeType="1"/>
          </xdr:cNvSpPr>
        </xdr:nvSpPr>
        <xdr:spPr bwMode="auto">
          <a:xfrm flipV="1">
            <a:off x="8496300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" name="Line 194">
            <a:extLst>
              <a:ext uri="{FF2B5EF4-FFF2-40B4-BE49-F238E27FC236}">
                <a16:creationId xmlns:a16="http://schemas.microsoft.com/office/drawing/2014/main" id="{DBD3D582-9056-2217-1A4A-2E06F4232748}"/>
              </a:ext>
            </a:extLst>
          </xdr:cNvPr>
          <xdr:cNvSpPr>
            <a:spLocks noChangeShapeType="1"/>
          </xdr:cNvSpPr>
        </xdr:nvSpPr>
        <xdr:spPr bwMode="auto">
          <a:xfrm flipV="1">
            <a:off x="5495925" y="0"/>
            <a:ext cx="0" cy="1266825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8" name="Line 195">
            <a:extLst>
              <a:ext uri="{FF2B5EF4-FFF2-40B4-BE49-F238E27FC236}">
                <a16:creationId xmlns:a16="http://schemas.microsoft.com/office/drawing/2014/main" id="{6377E16E-EAC0-5050-2B33-B4FBE99F0023}"/>
              </a:ext>
            </a:extLst>
          </xdr:cNvPr>
          <xdr:cNvSpPr>
            <a:spLocks noChangeShapeType="1"/>
          </xdr:cNvSpPr>
        </xdr:nvSpPr>
        <xdr:spPr bwMode="auto">
          <a:xfrm flipH="1">
            <a:off x="5495925" y="409575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9" name="Line 196">
            <a:extLst>
              <a:ext uri="{FF2B5EF4-FFF2-40B4-BE49-F238E27FC236}">
                <a16:creationId xmlns:a16="http://schemas.microsoft.com/office/drawing/2014/main" id="{39BE9BB8-1C0A-AA6F-4D2F-758EA1FAEE9E}"/>
              </a:ext>
            </a:extLst>
          </xdr:cNvPr>
          <xdr:cNvSpPr>
            <a:spLocks noChangeShapeType="1"/>
          </xdr:cNvSpPr>
        </xdr:nvSpPr>
        <xdr:spPr bwMode="auto">
          <a:xfrm flipV="1">
            <a:off x="9525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0" name="Line 197">
            <a:extLst>
              <a:ext uri="{FF2B5EF4-FFF2-40B4-BE49-F238E27FC236}">
                <a16:creationId xmlns:a16="http://schemas.microsoft.com/office/drawing/2014/main" id="{D7A5BE71-FF92-1FB5-0B8C-4642760657EA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9525"/>
            <a:ext cx="84867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1" name="Line 198">
            <a:extLst>
              <a:ext uri="{FF2B5EF4-FFF2-40B4-BE49-F238E27FC236}">
                <a16:creationId xmlns:a16="http://schemas.microsoft.com/office/drawing/2014/main" id="{05EADD38-CAE8-B7E6-9C25-598B8D485D36}"/>
              </a:ext>
            </a:extLst>
          </xdr:cNvPr>
          <xdr:cNvSpPr>
            <a:spLocks noChangeShapeType="1"/>
          </xdr:cNvSpPr>
        </xdr:nvSpPr>
        <xdr:spPr bwMode="auto">
          <a:xfrm flipH="1">
            <a:off x="5495925" y="152400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Member_Location">
        <xdr:nvSpPr>
          <xdr:cNvPr id="42" name="txtMemLoc">
            <a:extLst>
              <a:ext uri="{FF2B5EF4-FFF2-40B4-BE49-F238E27FC236}">
                <a16:creationId xmlns:a16="http://schemas.microsoft.com/office/drawing/2014/main" id="{98CE68B7-D658-FA2C-439B-4B7A8858F20C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410325" y="419099"/>
            <a:ext cx="2057400" cy="209551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9B511C3B-B9A2-4A02-B7B1-B07963C8AFA3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rawing_Reference">
        <xdr:nvSpPr>
          <xdr:cNvPr id="43" name="txtDrgRef">
            <a:extLst>
              <a:ext uri="{FF2B5EF4-FFF2-40B4-BE49-F238E27FC236}">
                <a16:creationId xmlns:a16="http://schemas.microsoft.com/office/drawing/2014/main" id="{33BAFAE9-A41B-7899-1847-B9D8A0F55D4C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410325" y="647700"/>
            <a:ext cx="2057400" cy="21907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604C28A-F60D-4BA2-90D9-FD69DF29859C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</xdr:grpSp>
    <xdr:clientData/>
  </xdr:twoCellAnchor>
  <xdr:twoCellAnchor editAs="oneCell">
    <xdr:from>
      <xdr:col>0</xdr:col>
      <xdr:colOff>95250</xdr:colOff>
      <xdr:row>0</xdr:row>
      <xdr:rowOff>190500</xdr:rowOff>
    </xdr:from>
    <xdr:to>
      <xdr:col>1</xdr:col>
      <xdr:colOff>554037</xdr:colOff>
      <xdr:row>0</xdr:row>
      <xdr:rowOff>478155</xdr:rowOff>
    </xdr:to>
    <xdr:pic>
      <xdr:nvPicPr>
        <xdr:cNvPr id="44" name="Picture 43" descr="Icon&#10;&#10;Description automatically generated">
          <a:extLst>
            <a:ext uri="{FF2B5EF4-FFF2-40B4-BE49-F238E27FC236}">
              <a16:creationId xmlns:a16="http://schemas.microsoft.com/office/drawing/2014/main" id="{5313609D-5883-4FF7-AF8E-6B2CF34EFDB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95250" y="190500"/>
          <a:ext cx="1068387" cy="287655"/>
        </a:xfrm>
        <a:prstGeom prst="rect">
          <a:avLst/>
        </a:prstGeom>
      </xdr:spPr>
    </xdr:pic>
    <xdr:clientData/>
  </xdr:twoCellAnchor>
</xdr:wsDr>
</file>

<file path=xl/drawings/drawing6.xml><?xml version="1.0" encoding="utf-8"?>
<xdr:wsDr xmlns:xdr="http://schemas.openxmlformats.org/drawingml/2006/spreadsheetDrawing" xmlns:a="http://schemas.openxmlformats.org/drawingml/2006/main">
  <xdr:twoCellAnchor editAs="absolute">
    <xdr:from>
      <xdr:col>0</xdr:col>
      <xdr:colOff>0</xdr:colOff>
      <xdr:row>0</xdr:row>
      <xdr:rowOff>0</xdr:rowOff>
    </xdr:from>
    <xdr:to>
      <xdr:col>13</xdr:col>
      <xdr:colOff>597332</xdr:colOff>
      <xdr:row>7</xdr:row>
      <xdr:rowOff>139700</xdr:rowOff>
    </xdr:to>
    <xdr:grpSp>
      <xdr:nvGrpSpPr>
        <xdr:cNvPr id="4" name="Group 3">
          <a:extLst>
            <a:ext uri="{FF2B5EF4-FFF2-40B4-BE49-F238E27FC236}">
              <a16:creationId xmlns:a16="http://schemas.microsoft.com/office/drawing/2014/main" id="{27704509-BF57-4BCC-AC87-9447278DD406}"/>
            </a:ext>
          </a:extLst>
        </xdr:cNvPr>
        <xdr:cNvGrpSpPr/>
      </xdr:nvGrpSpPr>
      <xdr:grpSpPr>
        <a:xfrm>
          <a:off x="0" y="0"/>
          <a:ext cx="8817407" cy="1273175"/>
          <a:chOff x="0" y="0"/>
          <a:chExt cx="8496300" cy="1276350"/>
        </a:xfrm>
      </xdr:grpSpPr>
      <xdr:sp macro="" textlink="">
        <xdr:nvSpPr>
          <xdr:cNvPr id="5" name="Rectangle 159">
            <a:extLst>
              <a:ext uri="{FF2B5EF4-FFF2-40B4-BE49-F238E27FC236}">
                <a16:creationId xmlns:a16="http://schemas.microsoft.com/office/drawing/2014/main" id="{F741CAEF-90E1-FBC7-57CB-B6658EF037BC}"/>
              </a:ext>
            </a:extLst>
          </xdr:cNvPr>
          <xdr:cNvSpPr>
            <a:spLocks noChangeArrowheads="1"/>
          </xdr:cNvSpPr>
        </xdr:nvSpPr>
        <xdr:spPr bwMode="auto">
          <a:xfrm>
            <a:off x="628650" y="666750"/>
            <a:ext cx="4819650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JobTitle">
        <xdr:nvSpPr>
          <xdr:cNvPr id="6" name="txtJobTitle">
            <a:extLst>
              <a:ext uri="{FF2B5EF4-FFF2-40B4-BE49-F238E27FC236}">
                <a16:creationId xmlns:a16="http://schemas.microsoft.com/office/drawing/2014/main" id="{74CA7DDB-394D-22B9-8FDD-37BACF8D9D22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28650" y="666750"/>
            <a:ext cx="4829175" cy="24765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099B777F-7A96-41CD-B42F-47FDB21DA719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p-y Curves to ISO19901-4(2022)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7" name="Rectangle 157">
            <a:extLst>
              <a:ext uri="{FF2B5EF4-FFF2-40B4-BE49-F238E27FC236}">
                <a16:creationId xmlns:a16="http://schemas.microsoft.com/office/drawing/2014/main" id="{80D8F45B-75D0-7FBC-3668-DDE4236635C6}"/>
              </a:ext>
            </a:extLst>
          </xdr:cNvPr>
          <xdr:cNvSpPr>
            <a:spLocks noChangeArrowheads="1"/>
          </xdr:cNvSpPr>
        </xdr:nvSpPr>
        <xdr:spPr bwMode="auto">
          <a:xfrm>
            <a:off x="628650" y="952500"/>
            <a:ext cx="4819650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8" name="txtSheetTitle">
            <a:extLst>
              <a:ext uri="{FF2B5EF4-FFF2-40B4-BE49-F238E27FC236}">
                <a16:creationId xmlns:a16="http://schemas.microsoft.com/office/drawing/2014/main" id="{135122D7-B338-ECB8-39B0-CD75048092B4}"/>
              </a:ext>
            </a:extLst>
          </xdr:cNvPr>
          <xdr:cNvSpPr txBox="1">
            <a:spLocks noChangeArrowheads="1"/>
          </xdr:cNvSpPr>
        </xdr:nvSpPr>
        <xdr:spPr bwMode="auto">
          <a:xfrm>
            <a:off x="628650" y="952500"/>
            <a:ext cx="4829175" cy="247650"/>
          </a:xfrm>
          <a:prstGeom prst="rect">
            <a:avLst/>
          </a:prstGeom>
          <a:solidFill>
            <a:srgbClr val="FFFFFF">
              <a:alpha val="50195"/>
            </a:srgbClr>
          </a:solidFill>
          <a:ln>
            <a:noFill/>
          </a:ln>
          <a:extLst>
            <a:ext uri="{91240B29-F687-4F45-9708-019B960494DF}">
              <a14:hiddenLine xmlns:a14="http://schemas.microsoft.com/office/drawing/2010/main" w="0">
                <a:solidFill>
                  <a:srgbClr val="000000"/>
                </a:solidFill>
                <a:prstDash val="sysDot"/>
                <a:miter lim="800000"/>
                <a:headEnd/>
                <a:tailEnd/>
              </a14:hiddenLine>
            </a:ext>
          </a:extLst>
        </xdr:spPr>
        <xdr:txBody>
          <a:bodyPr/>
          <a:lstStyle/>
          <a:p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9" name="Rectangle 160">
            <a:extLst>
              <a:ext uri="{FF2B5EF4-FFF2-40B4-BE49-F238E27FC236}">
                <a16:creationId xmlns:a16="http://schemas.microsoft.com/office/drawing/2014/main" id="{4E4CA34B-92B5-656D-6CDF-52B59E9846A4}"/>
              </a:ext>
            </a:extLst>
          </xdr:cNvPr>
          <xdr:cNvSpPr>
            <a:spLocks noChangeArrowheads="1"/>
          </xdr:cNvSpPr>
        </xdr:nvSpPr>
        <xdr:spPr bwMode="auto">
          <a:xfrm>
            <a:off x="7924800" y="171450"/>
            <a:ext cx="5334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Revision">
        <xdr:nvSpPr>
          <xdr:cNvPr id="10" name="txtRev">
            <a:extLst>
              <a:ext uri="{FF2B5EF4-FFF2-40B4-BE49-F238E27FC236}">
                <a16:creationId xmlns:a16="http://schemas.microsoft.com/office/drawing/2014/main" id="{13F69611-651A-7BCD-C82D-755A1145AB94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7924800" y="161924"/>
            <a:ext cx="542925" cy="228601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FE19B48-4095-491C-9590-A79FB6F9D866}" type="TxLink">
              <a:rPr lang="en-GB"/>
              <a:pPr/>
              <a:t> </a:t>
            </a:fld>
            <a:endParaRPr lang="en-GB"/>
          </a:p>
        </xdr:txBody>
      </xdr:sp>
      <xdr:sp macro="" textlink="">
        <xdr:nvSpPr>
          <xdr:cNvPr id="11" name="Rectangle 162">
            <a:extLst>
              <a:ext uri="{FF2B5EF4-FFF2-40B4-BE49-F238E27FC236}">
                <a16:creationId xmlns:a16="http://schemas.microsoft.com/office/drawing/2014/main" id="{C7822D32-F6AB-486D-56ED-5347794154D9}"/>
              </a:ext>
            </a:extLst>
          </xdr:cNvPr>
          <xdr:cNvSpPr>
            <a:spLocks noChangeArrowheads="1"/>
          </xdr:cNvSpPr>
        </xdr:nvSpPr>
        <xdr:spPr bwMode="auto">
          <a:xfrm>
            <a:off x="6410325" y="666750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2" name="Rectangle 163">
            <a:extLst>
              <a:ext uri="{FF2B5EF4-FFF2-40B4-BE49-F238E27FC236}">
                <a16:creationId xmlns:a16="http://schemas.microsoft.com/office/drawing/2014/main" id="{C3A26E2D-2ACB-FD7F-36FA-764DEBB2DF00}"/>
              </a:ext>
            </a:extLst>
          </xdr:cNvPr>
          <xdr:cNvSpPr>
            <a:spLocks noChangeArrowheads="1"/>
          </xdr:cNvSpPr>
        </xdr:nvSpPr>
        <xdr:spPr bwMode="auto">
          <a:xfrm>
            <a:off x="6410325" y="428625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3" name="Rectangle 164">
            <a:extLst>
              <a:ext uri="{FF2B5EF4-FFF2-40B4-BE49-F238E27FC236}">
                <a16:creationId xmlns:a16="http://schemas.microsoft.com/office/drawing/2014/main" id="{857DFF79-0EF5-355B-821F-432C1D99C11C}"/>
              </a:ext>
            </a:extLst>
          </xdr:cNvPr>
          <xdr:cNvSpPr>
            <a:spLocks noChangeArrowheads="1"/>
          </xdr:cNvSpPr>
        </xdr:nvSpPr>
        <xdr:spPr bwMode="auto">
          <a:xfrm>
            <a:off x="7905750" y="923925"/>
            <a:ext cx="561975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4" name="Rectangle 165">
            <a:extLst>
              <a:ext uri="{FF2B5EF4-FFF2-40B4-BE49-F238E27FC236}">
                <a16:creationId xmlns:a16="http://schemas.microsoft.com/office/drawing/2014/main" id="{8D09D1C0-7BFD-F39E-418B-2A124AF31294}"/>
              </a:ext>
            </a:extLst>
          </xdr:cNvPr>
          <xdr:cNvSpPr>
            <a:spLocks noChangeArrowheads="1"/>
          </xdr:cNvSpPr>
        </xdr:nvSpPr>
        <xdr:spPr bwMode="auto">
          <a:xfrm>
            <a:off x="6867525" y="923925"/>
            <a:ext cx="76200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5" name="Rectangle 166">
            <a:extLst>
              <a:ext uri="{FF2B5EF4-FFF2-40B4-BE49-F238E27FC236}">
                <a16:creationId xmlns:a16="http://schemas.microsoft.com/office/drawing/2014/main" id="{75EE3C52-4252-21B8-106E-1EC4E5A7E817}"/>
              </a:ext>
            </a:extLst>
          </xdr:cNvPr>
          <xdr:cNvSpPr>
            <a:spLocks noChangeArrowheads="1"/>
          </xdr:cNvSpPr>
        </xdr:nvSpPr>
        <xdr:spPr bwMode="auto">
          <a:xfrm>
            <a:off x="6029325" y="923925"/>
            <a:ext cx="55245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6" name="Rectangle 167">
            <a:extLst>
              <a:ext uri="{FF2B5EF4-FFF2-40B4-BE49-F238E27FC236}">
                <a16:creationId xmlns:a16="http://schemas.microsoft.com/office/drawing/2014/main" id="{A8836D5D-C14D-E388-E49B-3FE78AD418B8}"/>
              </a:ext>
            </a:extLst>
          </xdr:cNvPr>
          <xdr:cNvSpPr>
            <a:spLocks noChangeArrowheads="1"/>
          </xdr:cNvSpPr>
        </xdr:nvSpPr>
        <xdr:spPr bwMode="auto">
          <a:xfrm>
            <a:off x="5524500" y="171450"/>
            <a:ext cx="11049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7" name="Rectangle 168">
            <a:extLst>
              <a:ext uri="{FF2B5EF4-FFF2-40B4-BE49-F238E27FC236}">
                <a16:creationId xmlns:a16="http://schemas.microsoft.com/office/drawing/2014/main" id="{F651E86B-061E-33B5-99D5-E8FD65DD773F}"/>
              </a:ext>
            </a:extLst>
          </xdr:cNvPr>
          <xdr:cNvSpPr>
            <a:spLocks noChangeArrowheads="1"/>
          </xdr:cNvSpPr>
        </xdr:nvSpPr>
        <xdr:spPr bwMode="auto">
          <a:xfrm>
            <a:off x="6696075" y="171450"/>
            <a:ext cx="116205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SheetNo">
        <xdr:nvSpPr>
          <xdr:cNvPr id="18" name="txtSheetNo">
            <a:extLst>
              <a:ext uri="{FF2B5EF4-FFF2-40B4-BE49-F238E27FC236}">
                <a16:creationId xmlns:a16="http://schemas.microsoft.com/office/drawing/2014/main" id="{AFDD8A1F-8461-C8A3-A308-53F6C54D883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696075" y="171450"/>
            <a:ext cx="1171575" cy="219076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F89C0833-5422-4726-AF25-B16FE97E1F7B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MadeBy">
        <xdr:nvSpPr>
          <xdr:cNvPr id="19" name="txtMadeBy">
            <a:extLst>
              <a:ext uri="{FF2B5EF4-FFF2-40B4-BE49-F238E27FC236}">
                <a16:creationId xmlns:a16="http://schemas.microsoft.com/office/drawing/2014/main" id="{4B1493BF-ACAF-596D-BF79-60AC11555011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029325" y="933450"/>
            <a:ext cx="552450" cy="295274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1C568D85-8139-4935-8A20-CFB2A9584805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ate">
        <xdr:nvSpPr>
          <xdr:cNvPr id="20" name="txtDate">
            <a:extLst>
              <a:ext uri="{FF2B5EF4-FFF2-40B4-BE49-F238E27FC236}">
                <a16:creationId xmlns:a16="http://schemas.microsoft.com/office/drawing/2014/main" id="{1E02E886-6D52-B8DE-557C-E93CCF6AE7CF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867843" y="942975"/>
            <a:ext cx="752276" cy="285749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 lIns="36000" rIns="36000"/>
          <a:lstStyle/>
          <a:p>
            <a:fld id="{C8F1D7CD-7E9E-4E78-9A6D-742CE5F28932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17/07/2023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JobNumber">
        <xdr:nvSpPr>
          <xdr:cNvPr id="21" name="txtJobNo">
            <a:extLst>
              <a:ext uri="{FF2B5EF4-FFF2-40B4-BE49-F238E27FC236}">
                <a16:creationId xmlns:a16="http://schemas.microsoft.com/office/drawing/2014/main" id="{01A3B067-E035-10F7-9989-0627390023AC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5524500" y="142875"/>
            <a:ext cx="1114425" cy="24765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2F717262-2340-4838-9FC7-E35C6BEF7FAD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IiA 35655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Checked">
        <xdr:nvSpPr>
          <xdr:cNvPr id="22" name="txtChd">
            <a:extLst>
              <a:ext uri="{FF2B5EF4-FFF2-40B4-BE49-F238E27FC236}">
                <a16:creationId xmlns:a16="http://schemas.microsoft.com/office/drawing/2014/main" id="{0460896C-7D7C-B1A7-C9AD-48F28BCBAE76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7905750" y="923925"/>
            <a:ext cx="561975" cy="30480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905D2FC-75E3-4182-92B0-F4995776D2B3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VS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23" name="lblJobNo">
            <a:extLst>
              <a:ext uri="{FF2B5EF4-FFF2-40B4-BE49-F238E27FC236}">
                <a16:creationId xmlns:a16="http://schemas.microsoft.com/office/drawing/2014/main" id="{EDE89C19-14DB-83C2-E559-8759178B81B9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34025" y="19050"/>
            <a:ext cx="352425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Job No.</a:t>
            </a:r>
          </a:p>
        </xdr:txBody>
      </xdr:sp>
      <xdr:sp macro="" textlink="">
        <xdr:nvSpPr>
          <xdr:cNvPr id="24" name="lblMemLoc">
            <a:extLst>
              <a:ext uri="{FF2B5EF4-FFF2-40B4-BE49-F238E27FC236}">
                <a16:creationId xmlns:a16="http://schemas.microsoft.com/office/drawing/2014/main" id="{7E4023D4-3ADC-DB52-3A69-36C25089563E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457200"/>
            <a:ext cx="8001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ember/Location</a:t>
            </a:r>
          </a:p>
        </xdr:txBody>
      </xdr:sp>
      <xdr:sp macro="" textlink="">
        <xdr:nvSpPr>
          <xdr:cNvPr id="25" name="lblMadeBy">
            <a:extLst>
              <a:ext uri="{FF2B5EF4-FFF2-40B4-BE49-F238E27FC236}">
                <a16:creationId xmlns:a16="http://schemas.microsoft.com/office/drawing/2014/main" id="{08234C1E-7696-7575-7F1F-8C226247947F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942975"/>
            <a:ext cx="400050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ade by</a:t>
            </a:r>
          </a:p>
        </xdr:txBody>
      </xdr:sp>
      <xdr:sp macro="" textlink="">
        <xdr:nvSpPr>
          <xdr:cNvPr id="26" name="lblJobTitle">
            <a:extLst>
              <a:ext uri="{FF2B5EF4-FFF2-40B4-BE49-F238E27FC236}">
                <a16:creationId xmlns:a16="http://schemas.microsoft.com/office/drawing/2014/main" id="{7E772809-E254-FC2A-4814-072CC05B4336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666750"/>
            <a:ext cx="504825" cy="1905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 Job Title</a:t>
            </a:r>
          </a:p>
          <a:p>
            <a:pPr algn="l" rtl="0">
              <a:defRPr sz="1000"/>
            </a:pPr>
            <a:endParaRPr lang="en-GB" sz="800" b="0" i="0" strike="noStrike">
              <a:solidFill>
                <a:srgbClr val="000000"/>
              </a:solidFill>
              <a:latin typeface="Arial"/>
              <a:cs typeface="Arial"/>
            </a:endParaRPr>
          </a:p>
        </xdr:txBody>
      </xdr:sp>
      <xdr:sp macro="" textlink="">
        <xdr:nvSpPr>
          <xdr:cNvPr id="27" name="lblChd">
            <a:extLst>
              <a:ext uri="{FF2B5EF4-FFF2-40B4-BE49-F238E27FC236}">
                <a16:creationId xmlns:a16="http://schemas.microsoft.com/office/drawing/2014/main" id="{6653CCCE-A6F3-30BE-21A1-84C5FEEF951E}"/>
              </a:ext>
            </a:extLst>
          </xdr:cNvPr>
          <xdr:cNvSpPr txBox="1">
            <a:spLocks noChangeArrowheads="1"/>
          </xdr:cNvSpPr>
        </xdr:nvSpPr>
        <xdr:spPr bwMode="auto">
          <a:xfrm>
            <a:off x="7667625" y="942975"/>
            <a:ext cx="219075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hd.</a:t>
            </a:r>
          </a:p>
        </xdr:txBody>
      </xdr:sp>
      <xdr:sp macro="" textlink="">
        <xdr:nvSpPr>
          <xdr:cNvPr id="28" name="lblDate">
            <a:extLst>
              <a:ext uri="{FF2B5EF4-FFF2-40B4-BE49-F238E27FC236}">
                <a16:creationId xmlns:a16="http://schemas.microsoft.com/office/drawing/2014/main" id="{6D0473ED-2FDE-A389-8B18-9A9D99F6980C}"/>
              </a:ext>
            </a:extLst>
          </xdr:cNvPr>
          <xdr:cNvSpPr txBox="1">
            <a:spLocks noChangeArrowheads="1"/>
          </xdr:cNvSpPr>
        </xdr:nvSpPr>
        <xdr:spPr bwMode="auto">
          <a:xfrm>
            <a:off x="6629400" y="942975"/>
            <a:ext cx="2476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ate</a:t>
            </a:r>
          </a:p>
        </xdr:txBody>
      </xdr:sp>
      <xdr:sp macro="" textlink="">
        <xdr:nvSpPr>
          <xdr:cNvPr id="29" name="lblDrgRef">
            <a:extLst>
              <a:ext uri="{FF2B5EF4-FFF2-40B4-BE49-F238E27FC236}">
                <a16:creationId xmlns:a16="http://schemas.microsoft.com/office/drawing/2014/main" id="{BDF1DC35-90E3-4DB0-B216-5A3AD7162407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685800"/>
            <a:ext cx="409575" cy="1524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rg. Ref.</a:t>
            </a:r>
          </a:p>
        </xdr:txBody>
      </xdr:sp>
      <xdr:sp macro="" textlink="">
        <xdr:nvSpPr>
          <xdr:cNvPr id="30" name="lblSheetNo">
            <a:extLst>
              <a:ext uri="{FF2B5EF4-FFF2-40B4-BE49-F238E27FC236}">
                <a16:creationId xmlns:a16="http://schemas.microsoft.com/office/drawing/2014/main" id="{1BDEBCBC-CA68-595A-29D5-4A02A1598598}"/>
              </a:ext>
            </a:extLst>
          </xdr:cNvPr>
          <xdr:cNvSpPr txBox="1">
            <a:spLocks noChangeArrowheads="1"/>
          </xdr:cNvSpPr>
        </xdr:nvSpPr>
        <xdr:spPr bwMode="auto">
          <a:xfrm>
            <a:off x="6686550" y="19050"/>
            <a:ext cx="4572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Sheet No.</a:t>
            </a:r>
          </a:p>
        </xdr:txBody>
      </xdr:sp>
      <xdr:sp macro="" textlink="">
        <xdr:nvSpPr>
          <xdr:cNvPr id="31" name="lblRev">
            <a:extLst>
              <a:ext uri="{FF2B5EF4-FFF2-40B4-BE49-F238E27FC236}">
                <a16:creationId xmlns:a16="http://schemas.microsoft.com/office/drawing/2014/main" id="{155321B2-EAD0-8365-D62F-62CE4F566A25}"/>
              </a:ext>
            </a:extLst>
          </xdr:cNvPr>
          <xdr:cNvSpPr txBox="1">
            <a:spLocks noChangeArrowheads="1"/>
          </xdr:cNvSpPr>
        </xdr:nvSpPr>
        <xdr:spPr bwMode="auto">
          <a:xfrm>
            <a:off x="7915275" y="19050"/>
            <a:ext cx="2095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Rev.</a:t>
            </a:r>
          </a:p>
        </xdr:txBody>
      </xdr:sp>
      <xdr:sp macro="" textlink="">
        <xdr:nvSpPr>
          <xdr:cNvPr id="32" name="Text Box 186">
            <a:extLst>
              <a:ext uri="{FF2B5EF4-FFF2-40B4-BE49-F238E27FC236}">
                <a16:creationId xmlns:a16="http://schemas.microsoft.com/office/drawing/2014/main" id="{662BE01B-1526-F1F0-FDFD-B363BF8A5573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933450"/>
            <a:ext cx="571500" cy="2095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xdr:spPr>
        <xdr:txBody>
          <a:bodyPr vertOverflow="clip" wrap="square" lIns="27432" tIns="22860" rIns="0" bIns="0" anchor="t" upright="1"/>
          <a:lstStyle/>
          <a:p>
            <a:pPr algn="l" rtl="1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alculation</a:t>
            </a:r>
          </a:p>
        </xdr:txBody>
      </xdr:sp>
      <xdr:sp macro="" textlink="">
        <xdr:nvSpPr>
          <xdr:cNvPr id="33" name="Line 188">
            <a:extLst>
              <a:ext uri="{FF2B5EF4-FFF2-40B4-BE49-F238E27FC236}">
                <a16:creationId xmlns:a16="http://schemas.microsoft.com/office/drawing/2014/main" id="{FAFFCFEF-61C4-63B8-AB79-419E020384AA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66675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4" name="Line 189">
            <a:extLst>
              <a:ext uri="{FF2B5EF4-FFF2-40B4-BE49-F238E27FC236}">
                <a16:creationId xmlns:a16="http://schemas.microsoft.com/office/drawing/2014/main" id="{98F84151-43C2-6ED2-5922-7A6DEF808659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78867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5" name="Line 190">
            <a:extLst>
              <a:ext uri="{FF2B5EF4-FFF2-40B4-BE49-F238E27FC236}">
                <a16:creationId xmlns:a16="http://schemas.microsoft.com/office/drawing/2014/main" id="{81A5CAD9-2214-37D7-9361-37E74F8ACFD2}"/>
              </a:ext>
            </a:extLst>
          </xdr:cNvPr>
          <xdr:cNvSpPr>
            <a:spLocks noChangeShapeType="1"/>
          </xdr:cNvSpPr>
        </xdr:nvSpPr>
        <xdr:spPr bwMode="auto">
          <a:xfrm flipH="1">
            <a:off x="0" y="647700"/>
            <a:ext cx="84867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6" name="Line 191">
            <a:extLst>
              <a:ext uri="{FF2B5EF4-FFF2-40B4-BE49-F238E27FC236}">
                <a16:creationId xmlns:a16="http://schemas.microsoft.com/office/drawing/2014/main" id="{6FCDF62C-3502-5B7A-BACF-416FD3C1C1AE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5495925" y="885825"/>
            <a:ext cx="30003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" name="Line 192">
            <a:extLst>
              <a:ext uri="{FF2B5EF4-FFF2-40B4-BE49-F238E27FC236}">
                <a16:creationId xmlns:a16="http://schemas.microsoft.com/office/drawing/2014/main" id="{F8F1970E-B451-8900-B17F-FCF619B035DF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1276350"/>
            <a:ext cx="84867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8" name="Line 193">
            <a:extLst>
              <a:ext uri="{FF2B5EF4-FFF2-40B4-BE49-F238E27FC236}">
                <a16:creationId xmlns:a16="http://schemas.microsoft.com/office/drawing/2014/main" id="{F087C319-E90E-F001-AF30-F10E32C01F4F}"/>
              </a:ext>
            </a:extLst>
          </xdr:cNvPr>
          <xdr:cNvSpPr>
            <a:spLocks noChangeShapeType="1"/>
          </xdr:cNvSpPr>
        </xdr:nvSpPr>
        <xdr:spPr bwMode="auto">
          <a:xfrm flipV="1">
            <a:off x="8496300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9" name="Line 194">
            <a:extLst>
              <a:ext uri="{FF2B5EF4-FFF2-40B4-BE49-F238E27FC236}">
                <a16:creationId xmlns:a16="http://schemas.microsoft.com/office/drawing/2014/main" id="{05D95515-0080-2F3E-AB04-F73AC2AF11BB}"/>
              </a:ext>
            </a:extLst>
          </xdr:cNvPr>
          <xdr:cNvSpPr>
            <a:spLocks noChangeShapeType="1"/>
          </xdr:cNvSpPr>
        </xdr:nvSpPr>
        <xdr:spPr bwMode="auto">
          <a:xfrm flipV="1">
            <a:off x="5495925" y="0"/>
            <a:ext cx="0" cy="1266825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0" name="Line 195">
            <a:extLst>
              <a:ext uri="{FF2B5EF4-FFF2-40B4-BE49-F238E27FC236}">
                <a16:creationId xmlns:a16="http://schemas.microsoft.com/office/drawing/2014/main" id="{9D082434-B22A-EF1D-2807-9D2340CB6B50}"/>
              </a:ext>
            </a:extLst>
          </xdr:cNvPr>
          <xdr:cNvSpPr>
            <a:spLocks noChangeShapeType="1"/>
          </xdr:cNvSpPr>
        </xdr:nvSpPr>
        <xdr:spPr bwMode="auto">
          <a:xfrm flipH="1">
            <a:off x="5495925" y="409575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1" name="Line 196">
            <a:extLst>
              <a:ext uri="{FF2B5EF4-FFF2-40B4-BE49-F238E27FC236}">
                <a16:creationId xmlns:a16="http://schemas.microsoft.com/office/drawing/2014/main" id="{8C555D2F-B535-50AA-7A55-83BF805EADA2}"/>
              </a:ext>
            </a:extLst>
          </xdr:cNvPr>
          <xdr:cNvSpPr>
            <a:spLocks noChangeShapeType="1"/>
          </xdr:cNvSpPr>
        </xdr:nvSpPr>
        <xdr:spPr bwMode="auto">
          <a:xfrm flipV="1">
            <a:off x="9525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2" name="Line 197">
            <a:extLst>
              <a:ext uri="{FF2B5EF4-FFF2-40B4-BE49-F238E27FC236}">
                <a16:creationId xmlns:a16="http://schemas.microsoft.com/office/drawing/2014/main" id="{E78A1234-ACCA-C2E1-E8EB-FF8B2DFD920E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9525"/>
            <a:ext cx="84867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3" name="Line 198">
            <a:extLst>
              <a:ext uri="{FF2B5EF4-FFF2-40B4-BE49-F238E27FC236}">
                <a16:creationId xmlns:a16="http://schemas.microsoft.com/office/drawing/2014/main" id="{3A9484FC-0FCA-C9BB-2962-3EA0F1375EF3}"/>
              </a:ext>
            </a:extLst>
          </xdr:cNvPr>
          <xdr:cNvSpPr>
            <a:spLocks noChangeShapeType="1"/>
          </xdr:cNvSpPr>
        </xdr:nvSpPr>
        <xdr:spPr bwMode="auto">
          <a:xfrm flipH="1">
            <a:off x="5495925" y="152400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Member_Location">
        <xdr:nvSpPr>
          <xdr:cNvPr id="44" name="txtMemLoc">
            <a:extLst>
              <a:ext uri="{FF2B5EF4-FFF2-40B4-BE49-F238E27FC236}">
                <a16:creationId xmlns:a16="http://schemas.microsoft.com/office/drawing/2014/main" id="{3FECF262-4C8A-C159-0E54-46EBEB5E154D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410325" y="419099"/>
            <a:ext cx="2057400" cy="209551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9B511C3B-B9A2-4A02-B7B1-B07963C8AFA3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rawing_Reference">
        <xdr:nvSpPr>
          <xdr:cNvPr id="45" name="txtDrgRef">
            <a:extLst>
              <a:ext uri="{FF2B5EF4-FFF2-40B4-BE49-F238E27FC236}">
                <a16:creationId xmlns:a16="http://schemas.microsoft.com/office/drawing/2014/main" id="{8FC7CC72-C707-9432-7AD3-41CFCAC59085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410325" y="647700"/>
            <a:ext cx="2057400" cy="21907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604C28A-F60D-4BA2-90D9-FD69DF29859C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</xdr:grpSp>
    <xdr:clientData/>
  </xdr:twoCellAnchor>
  <xdr:twoCellAnchor editAs="oneCell">
    <xdr:from>
      <xdr:col>0</xdr:col>
      <xdr:colOff>95250</xdr:colOff>
      <xdr:row>1</xdr:row>
      <xdr:rowOff>28575</xdr:rowOff>
    </xdr:from>
    <xdr:to>
      <xdr:col>1</xdr:col>
      <xdr:colOff>554037</xdr:colOff>
      <xdr:row>2</xdr:row>
      <xdr:rowOff>151130</xdr:rowOff>
    </xdr:to>
    <xdr:pic>
      <xdr:nvPicPr>
        <xdr:cNvPr id="46" name="Picture 45" descr="Icon&#10;&#10;Description automatically generated">
          <a:extLst>
            <a:ext uri="{FF2B5EF4-FFF2-40B4-BE49-F238E27FC236}">
              <a16:creationId xmlns:a16="http://schemas.microsoft.com/office/drawing/2014/main" id="{C3600D47-8D7B-4D4B-96CE-FAAB4A72B18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95250" y="190500"/>
          <a:ext cx="1068387" cy="287655"/>
        </a:xfrm>
        <a:prstGeom prst="rect">
          <a:avLst/>
        </a:prstGeom>
      </xdr:spPr>
    </xdr:pic>
    <xdr:clientData/>
  </xdr:twoCellAnchor>
  <xdr:twoCellAnchor editAs="oneCell">
    <xdr:from>
      <xdr:col>179</xdr:col>
      <xdr:colOff>19050</xdr:colOff>
      <xdr:row>14</xdr:row>
      <xdr:rowOff>73025</xdr:rowOff>
    </xdr:from>
    <xdr:to>
      <xdr:col>181</xdr:col>
      <xdr:colOff>320887</xdr:colOff>
      <xdr:row>16</xdr:row>
      <xdr:rowOff>92123</xdr:rowOff>
    </xdr:to>
    <xdr:pic>
      <xdr:nvPicPr>
        <xdr:cNvPr id="2" name="Picture 1">
          <a:extLst>
            <a:ext uri="{FF2B5EF4-FFF2-40B4-BE49-F238E27FC236}">
              <a16:creationId xmlns:a16="http://schemas.microsoft.com/office/drawing/2014/main" id="{3FF2D07E-7622-9050-F90E-4BA0ECF1A87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/>
        <a:stretch>
          <a:fillRect/>
        </a:stretch>
      </xdr:blipFill>
      <xdr:spPr>
        <a:xfrm>
          <a:off x="108908850" y="2339975"/>
          <a:ext cx="1521038" cy="342948"/>
        </a:xfrm>
        <a:prstGeom prst="rect">
          <a:avLst/>
        </a:prstGeom>
      </xdr:spPr>
    </xdr:pic>
    <xdr:clientData/>
  </xdr:twoCellAnchor>
  <xdr:twoCellAnchor editAs="oneCell">
    <xdr:from>
      <xdr:col>179</xdr:col>
      <xdr:colOff>15875</xdr:colOff>
      <xdr:row>17</xdr:row>
      <xdr:rowOff>9525</xdr:rowOff>
    </xdr:from>
    <xdr:to>
      <xdr:col>181</xdr:col>
      <xdr:colOff>381220</xdr:colOff>
      <xdr:row>19</xdr:row>
      <xdr:rowOff>149290</xdr:rowOff>
    </xdr:to>
    <xdr:pic>
      <xdr:nvPicPr>
        <xdr:cNvPr id="3" name="Picture 2">
          <a:extLst>
            <a:ext uri="{FF2B5EF4-FFF2-40B4-BE49-F238E27FC236}">
              <a16:creationId xmlns:a16="http://schemas.microsoft.com/office/drawing/2014/main" id="{A3E31504-7775-F369-9DC3-4C0B0A42AA5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"/>
        <a:stretch>
          <a:fillRect/>
        </a:stretch>
      </xdr:blipFill>
      <xdr:spPr>
        <a:xfrm>
          <a:off x="108905675" y="2762250"/>
          <a:ext cx="1584546" cy="463615"/>
        </a:xfrm>
        <a:prstGeom prst="rect">
          <a:avLst/>
        </a:prstGeom>
      </xdr:spPr>
    </xdr:pic>
    <xdr:clientData/>
  </xdr:twoCellAnchor>
  <xdr:twoCellAnchor editAs="oneCell">
    <xdr:from>
      <xdr:col>38</xdr:col>
      <xdr:colOff>44450</xdr:colOff>
      <xdr:row>13</xdr:row>
      <xdr:rowOff>92075</xdr:rowOff>
    </xdr:from>
    <xdr:to>
      <xdr:col>42</xdr:col>
      <xdr:colOff>523876</xdr:colOff>
      <xdr:row>19</xdr:row>
      <xdr:rowOff>131987</xdr:rowOff>
    </xdr:to>
    <xdr:pic>
      <xdr:nvPicPr>
        <xdr:cNvPr id="47" name="Picture 46">
          <a:extLst>
            <a:ext uri="{FF2B5EF4-FFF2-40B4-BE49-F238E27FC236}">
              <a16:creationId xmlns:a16="http://schemas.microsoft.com/office/drawing/2014/main" id="{99BAC454-EFCE-787A-9A3E-4413FFA21F2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"/>
        <a:stretch>
          <a:fillRect/>
        </a:stretch>
      </xdr:blipFill>
      <xdr:spPr>
        <a:xfrm>
          <a:off x="22980650" y="2197100"/>
          <a:ext cx="2917825" cy="1011462"/>
        </a:xfrm>
        <a:prstGeom prst="rect">
          <a:avLst/>
        </a:prstGeom>
      </xdr:spPr>
    </xdr:pic>
    <xdr:clientData/>
  </xdr:twoCellAnchor>
  <xdr:twoCellAnchor editAs="oneCell">
    <xdr:from>
      <xdr:col>30</xdr:col>
      <xdr:colOff>377825</xdr:colOff>
      <xdr:row>18</xdr:row>
      <xdr:rowOff>114300</xdr:rowOff>
    </xdr:from>
    <xdr:to>
      <xdr:col>36</xdr:col>
      <xdr:colOff>9525</xdr:colOff>
      <xdr:row>19</xdr:row>
      <xdr:rowOff>105046</xdr:rowOff>
    </xdr:to>
    <xdr:pic>
      <xdr:nvPicPr>
        <xdr:cNvPr id="48" name="Picture 47">
          <a:extLst>
            <a:ext uri="{FF2B5EF4-FFF2-40B4-BE49-F238E27FC236}">
              <a16:creationId xmlns:a16="http://schemas.microsoft.com/office/drawing/2014/main" id="{962A2C04-2BB6-066F-DF48-C73486F3792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"/>
        <a:stretch>
          <a:fillRect/>
        </a:stretch>
      </xdr:blipFill>
      <xdr:spPr>
        <a:xfrm>
          <a:off x="18437225" y="3028950"/>
          <a:ext cx="3289300" cy="152671"/>
        </a:xfrm>
        <a:prstGeom prst="rect">
          <a:avLst/>
        </a:prstGeom>
      </xdr:spPr>
    </xdr:pic>
    <xdr:clientData/>
  </xdr:twoCellAnchor>
  <xdr:twoCellAnchor editAs="oneCell">
    <xdr:from>
      <xdr:col>46</xdr:col>
      <xdr:colOff>228601</xdr:colOff>
      <xdr:row>15</xdr:row>
      <xdr:rowOff>101601</xdr:rowOff>
    </xdr:from>
    <xdr:to>
      <xdr:col>50</xdr:col>
      <xdr:colOff>256308</xdr:colOff>
      <xdr:row>19</xdr:row>
      <xdr:rowOff>152402</xdr:rowOff>
    </xdr:to>
    <xdr:pic>
      <xdr:nvPicPr>
        <xdr:cNvPr id="49" name="Picture 48">
          <a:extLst>
            <a:ext uri="{FF2B5EF4-FFF2-40B4-BE49-F238E27FC236}">
              <a16:creationId xmlns:a16="http://schemas.microsoft.com/office/drawing/2014/main" id="{E37DAA3A-870F-C6FC-5633-8096EBB733E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"/>
        <a:stretch>
          <a:fillRect/>
        </a:stretch>
      </xdr:blipFill>
      <xdr:spPr>
        <a:xfrm>
          <a:off x="28041601" y="2530476"/>
          <a:ext cx="2469283" cy="698501"/>
        </a:xfrm>
        <a:prstGeom prst="rect">
          <a:avLst/>
        </a:prstGeom>
      </xdr:spPr>
    </xdr:pic>
    <xdr:clientData/>
  </xdr:twoCellAnchor>
  <xdr:twoCellAnchor editAs="oneCell">
    <xdr:from>
      <xdr:col>54</xdr:col>
      <xdr:colOff>25400</xdr:colOff>
      <xdr:row>15</xdr:row>
      <xdr:rowOff>104776</xdr:rowOff>
    </xdr:from>
    <xdr:to>
      <xdr:col>58</xdr:col>
      <xdr:colOff>545053</xdr:colOff>
      <xdr:row>20</xdr:row>
      <xdr:rowOff>123826</xdr:rowOff>
    </xdr:to>
    <xdr:pic>
      <xdr:nvPicPr>
        <xdr:cNvPr id="50" name="Picture 49">
          <a:extLst>
            <a:ext uri="{FF2B5EF4-FFF2-40B4-BE49-F238E27FC236}">
              <a16:creationId xmlns:a16="http://schemas.microsoft.com/office/drawing/2014/main" id="{D6384C06-2AAF-386E-39AC-DAEC8DD91F4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"/>
        <a:stretch>
          <a:fillRect/>
        </a:stretch>
      </xdr:blipFill>
      <xdr:spPr>
        <a:xfrm>
          <a:off x="32715200" y="2533651"/>
          <a:ext cx="2954877" cy="825500"/>
        </a:xfrm>
        <a:prstGeom prst="rect">
          <a:avLst/>
        </a:prstGeom>
      </xdr:spPr>
    </xdr:pic>
    <xdr:clientData/>
  </xdr:twoCellAnchor>
  <xdr:twoCellAnchor editAs="oneCell">
    <xdr:from>
      <xdr:col>96</xdr:col>
      <xdr:colOff>149225</xdr:colOff>
      <xdr:row>12</xdr:row>
      <xdr:rowOff>28575</xdr:rowOff>
    </xdr:from>
    <xdr:to>
      <xdr:col>107</xdr:col>
      <xdr:colOff>368301</xdr:colOff>
      <xdr:row>19</xdr:row>
      <xdr:rowOff>153495</xdr:rowOff>
    </xdr:to>
    <xdr:pic>
      <xdr:nvPicPr>
        <xdr:cNvPr id="51" name="Picture 50">
          <a:extLst>
            <a:ext uri="{FF2B5EF4-FFF2-40B4-BE49-F238E27FC236}">
              <a16:creationId xmlns:a16="http://schemas.microsoft.com/office/drawing/2014/main" id="{2D4BEAA4-09A7-70A1-B062-2F1B5DD9C22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"/>
        <a:stretch>
          <a:fillRect/>
        </a:stretch>
      </xdr:blipFill>
      <xdr:spPr>
        <a:xfrm>
          <a:off x="58442225" y="1971675"/>
          <a:ext cx="6927850" cy="1258395"/>
        </a:xfrm>
        <a:prstGeom prst="rect">
          <a:avLst/>
        </a:prstGeom>
      </xdr:spPr>
    </xdr:pic>
    <xdr:clientData/>
  </xdr:twoCellAnchor>
</xdr:wsDr>
</file>

<file path=xl/drawings/drawing7.xml><?xml version="1.0" encoding="utf-8"?>
<xdr:wsDr xmlns:xdr="http://schemas.openxmlformats.org/drawingml/2006/spreadsheetDrawing" xmlns:a="http://schemas.openxmlformats.org/drawingml/2006/main">
  <xdr:twoCellAnchor editAs="absolute">
    <xdr:from>
      <xdr:col>0</xdr:col>
      <xdr:colOff>0</xdr:colOff>
      <xdr:row>0</xdr:row>
      <xdr:rowOff>0</xdr:rowOff>
    </xdr:from>
    <xdr:to>
      <xdr:col>12</xdr:col>
      <xdr:colOff>45063</xdr:colOff>
      <xdr:row>7</xdr:row>
      <xdr:rowOff>139700</xdr:rowOff>
    </xdr:to>
    <xdr:grpSp>
      <xdr:nvGrpSpPr>
        <xdr:cNvPr id="2" name="Group 1">
          <a:extLst>
            <a:ext uri="{FF2B5EF4-FFF2-40B4-BE49-F238E27FC236}">
              <a16:creationId xmlns:a16="http://schemas.microsoft.com/office/drawing/2014/main" id="{EEA66A32-1FA2-4F12-B398-647ACC8D3A28}"/>
            </a:ext>
          </a:extLst>
        </xdr:cNvPr>
        <xdr:cNvGrpSpPr/>
      </xdr:nvGrpSpPr>
      <xdr:grpSpPr>
        <a:xfrm>
          <a:off x="0" y="0"/>
          <a:ext cx="8836638" cy="1273175"/>
          <a:chOff x="0" y="0"/>
          <a:chExt cx="8496300" cy="1276350"/>
        </a:xfrm>
      </xdr:grpSpPr>
      <xdr:sp macro="" textlink="">
        <xdr:nvSpPr>
          <xdr:cNvPr id="3" name="Rectangle 159">
            <a:extLst>
              <a:ext uri="{FF2B5EF4-FFF2-40B4-BE49-F238E27FC236}">
                <a16:creationId xmlns:a16="http://schemas.microsoft.com/office/drawing/2014/main" id="{A6F491A6-E0CE-331B-1851-71FD698B7F8F}"/>
              </a:ext>
            </a:extLst>
          </xdr:cNvPr>
          <xdr:cNvSpPr>
            <a:spLocks noChangeArrowheads="1"/>
          </xdr:cNvSpPr>
        </xdr:nvSpPr>
        <xdr:spPr bwMode="auto">
          <a:xfrm>
            <a:off x="628650" y="666750"/>
            <a:ext cx="4819650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JobTitle">
        <xdr:nvSpPr>
          <xdr:cNvPr id="4" name="txtJobTitle">
            <a:extLst>
              <a:ext uri="{FF2B5EF4-FFF2-40B4-BE49-F238E27FC236}">
                <a16:creationId xmlns:a16="http://schemas.microsoft.com/office/drawing/2014/main" id="{6624D6EB-1D9C-BA0D-5C6A-4AB588C7A31E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28650" y="666750"/>
            <a:ext cx="4829175" cy="24765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099B777F-7A96-41CD-B42F-47FDB21DA719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p-y Curves to ISO19901-4(2022)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5" name="Rectangle 157">
            <a:extLst>
              <a:ext uri="{FF2B5EF4-FFF2-40B4-BE49-F238E27FC236}">
                <a16:creationId xmlns:a16="http://schemas.microsoft.com/office/drawing/2014/main" id="{86C85126-8693-68B3-8557-C2D48C9D0DB8}"/>
              </a:ext>
            </a:extLst>
          </xdr:cNvPr>
          <xdr:cNvSpPr>
            <a:spLocks noChangeArrowheads="1"/>
          </xdr:cNvSpPr>
        </xdr:nvSpPr>
        <xdr:spPr bwMode="auto">
          <a:xfrm>
            <a:off x="628650" y="952500"/>
            <a:ext cx="4819650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6" name="txtSheetTitle">
            <a:extLst>
              <a:ext uri="{FF2B5EF4-FFF2-40B4-BE49-F238E27FC236}">
                <a16:creationId xmlns:a16="http://schemas.microsoft.com/office/drawing/2014/main" id="{341482AD-6849-1144-0CA0-5919904AC1AB}"/>
              </a:ext>
            </a:extLst>
          </xdr:cNvPr>
          <xdr:cNvSpPr txBox="1">
            <a:spLocks noChangeArrowheads="1"/>
          </xdr:cNvSpPr>
        </xdr:nvSpPr>
        <xdr:spPr bwMode="auto">
          <a:xfrm>
            <a:off x="628650" y="952500"/>
            <a:ext cx="4829175" cy="247650"/>
          </a:xfrm>
          <a:prstGeom prst="rect">
            <a:avLst/>
          </a:prstGeom>
          <a:solidFill>
            <a:srgbClr val="FFFFFF">
              <a:alpha val="50195"/>
            </a:srgbClr>
          </a:solidFill>
          <a:ln>
            <a:noFill/>
          </a:ln>
          <a:extLst>
            <a:ext uri="{91240B29-F687-4F45-9708-019B960494DF}">
              <a14:hiddenLine xmlns:a14="http://schemas.microsoft.com/office/drawing/2010/main" w="0">
                <a:solidFill>
                  <a:srgbClr val="000000"/>
                </a:solidFill>
                <a:prstDash val="sysDot"/>
                <a:miter lim="800000"/>
                <a:headEnd/>
                <a:tailEnd/>
              </a14:hiddenLine>
            </a:ext>
          </a:extLst>
        </xdr:spPr>
        <xdr:txBody>
          <a:bodyPr/>
          <a:lstStyle/>
          <a:p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7" name="Rectangle 160">
            <a:extLst>
              <a:ext uri="{FF2B5EF4-FFF2-40B4-BE49-F238E27FC236}">
                <a16:creationId xmlns:a16="http://schemas.microsoft.com/office/drawing/2014/main" id="{4F54556D-07B8-88E5-F82F-E62DF80AB936}"/>
              </a:ext>
            </a:extLst>
          </xdr:cNvPr>
          <xdr:cNvSpPr>
            <a:spLocks noChangeArrowheads="1"/>
          </xdr:cNvSpPr>
        </xdr:nvSpPr>
        <xdr:spPr bwMode="auto">
          <a:xfrm>
            <a:off x="7924800" y="171450"/>
            <a:ext cx="5334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Revision">
        <xdr:nvSpPr>
          <xdr:cNvPr id="8" name="txtRev">
            <a:extLst>
              <a:ext uri="{FF2B5EF4-FFF2-40B4-BE49-F238E27FC236}">
                <a16:creationId xmlns:a16="http://schemas.microsoft.com/office/drawing/2014/main" id="{F6464DF9-670D-A4D3-D4E7-B0C1385B57E5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7924800" y="161924"/>
            <a:ext cx="542925" cy="228601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FE19B48-4095-491C-9590-A79FB6F9D866}" type="TxLink">
              <a:rPr lang="en-GB"/>
              <a:pPr/>
              <a:t> </a:t>
            </a:fld>
            <a:endParaRPr lang="en-GB"/>
          </a:p>
        </xdr:txBody>
      </xdr:sp>
      <xdr:sp macro="" textlink="">
        <xdr:nvSpPr>
          <xdr:cNvPr id="9" name="Rectangle 162">
            <a:extLst>
              <a:ext uri="{FF2B5EF4-FFF2-40B4-BE49-F238E27FC236}">
                <a16:creationId xmlns:a16="http://schemas.microsoft.com/office/drawing/2014/main" id="{6B9FB2D3-8AA1-07FD-8962-7E9523CD2AE4}"/>
              </a:ext>
            </a:extLst>
          </xdr:cNvPr>
          <xdr:cNvSpPr>
            <a:spLocks noChangeArrowheads="1"/>
          </xdr:cNvSpPr>
        </xdr:nvSpPr>
        <xdr:spPr bwMode="auto">
          <a:xfrm>
            <a:off x="6410325" y="666750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0" name="Rectangle 163">
            <a:extLst>
              <a:ext uri="{FF2B5EF4-FFF2-40B4-BE49-F238E27FC236}">
                <a16:creationId xmlns:a16="http://schemas.microsoft.com/office/drawing/2014/main" id="{A1376423-1C91-B689-55FC-08E71897814E}"/>
              </a:ext>
            </a:extLst>
          </xdr:cNvPr>
          <xdr:cNvSpPr>
            <a:spLocks noChangeArrowheads="1"/>
          </xdr:cNvSpPr>
        </xdr:nvSpPr>
        <xdr:spPr bwMode="auto">
          <a:xfrm>
            <a:off x="6410325" y="428625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1" name="Rectangle 164">
            <a:extLst>
              <a:ext uri="{FF2B5EF4-FFF2-40B4-BE49-F238E27FC236}">
                <a16:creationId xmlns:a16="http://schemas.microsoft.com/office/drawing/2014/main" id="{C62F314B-1E73-AD9C-DC89-6562AF13AFFC}"/>
              </a:ext>
            </a:extLst>
          </xdr:cNvPr>
          <xdr:cNvSpPr>
            <a:spLocks noChangeArrowheads="1"/>
          </xdr:cNvSpPr>
        </xdr:nvSpPr>
        <xdr:spPr bwMode="auto">
          <a:xfrm>
            <a:off x="7905750" y="923925"/>
            <a:ext cx="561975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2" name="Rectangle 165">
            <a:extLst>
              <a:ext uri="{FF2B5EF4-FFF2-40B4-BE49-F238E27FC236}">
                <a16:creationId xmlns:a16="http://schemas.microsoft.com/office/drawing/2014/main" id="{C8BA1E9D-DC31-4B5E-4EB4-53CC1E0358C8}"/>
              </a:ext>
            </a:extLst>
          </xdr:cNvPr>
          <xdr:cNvSpPr>
            <a:spLocks noChangeArrowheads="1"/>
          </xdr:cNvSpPr>
        </xdr:nvSpPr>
        <xdr:spPr bwMode="auto">
          <a:xfrm>
            <a:off x="6867525" y="923925"/>
            <a:ext cx="76200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3" name="Rectangle 166">
            <a:extLst>
              <a:ext uri="{FF2B5EF4-FFF2-40B4-BE49-F238E27FC236}">
                <a16:creationId xmlns:a16="http://schemas.microsoft.com/office/drawing/2014/main" id="{2FFD72FB-E011-8885-D2BC-C188E76AE751}"/>
              </a:ext>
            </a:extLst>
          </xdr:cNvPr>
          <xdr:cNvSpPr>
            <a:spLocks noChangeArrowheads="1"/>
          </xdr:cNvSpPr>
        </xdr:nvSpPr>
        <xdr:spPr bwMode="auto">
          <a:xfrm>
            <a:off x="6029325" y="923925"/>
            <a:ext cx="55245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4" name="Rectangle 167">
            <a:extLst>
              <a:ext uri="{FF2B5EF4-FFF2-40B4-BE49-F238E27FC236}">
                <a16:creationId xmlns:a16="http://schemas.microsoft.com/office/drawing/2014/main" id="{F324AE4B-78BB-683E-DE08-72C29DC4F004}"/>
              </a:ext>
            </a:extLst>
          </xdr:cNvPr>
          <xdr:cNvSpPr>
            <a:spLocks noChangeArrowheads="1"/>
          </xdr:cNvSpPr>
        </xdr:nvSpPr>
        <xdr:spPr bwMode="auto">
          <a:xfrm>
            <a:off x="5524500" y="171450"/>
            <a:ext cx="11049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15" name="Rectangle 168">
            <a:extLst>
              <a:ext uri="{FF2B5EF4-FFF2-40B4-BE49-F238E27FC236}">
                <a16:creationId xmlns:a16="http://schemas.microsoft.com/office/drawing/2014/main" id="{530C14F7-259C-B98F-F710-03CF40CF1601}"/>
              </a:ext>
            </a:extLst>
          </xdr:cNvPr>
          <xdr:cNvSpPr>
            <a:spLocks noChangeArrowheads="1"/>
          </xdr:cNvSpPr>
        </xdr:nvSpPr>
        <xdr:spPr bwMode="auto">
          <a:xfrm>
            <a:off x="6696075" y="171450"/>
            <a:ext cx="116205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SheetNo">
        <xdr:nvSpPr>
          <xdr:cNvPr id="16" name="txtSheetNo">
            <a:extLst>
              <a:ext uri="{FF2B5EF4-FFF2-40B4-BE49-F238E27FC236}">
                <a16:creationId xmlns:a16="http://schemas.microsoft.com/office/drawing/2014/main" id="{8C82200B-9140-2C4F-3013-3006BF68624E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696075" y="171450"/>
            <a:ext cx="1171575" cy="219076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F89C0833-5422-4726-AF25-B16FE97E1F7B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MadeBy">
        <xdr:nvSpPr>
          <xdr:cNvPr id="17" name="txtMadeBy">
            <a:extLst>
              <a:ext uri="{FF2B5EF4-FFF2-40B4-BE49-F238E27FC236}">
                <a16:creationId xmlns:a16="http://schemas.microsoft.com/office/drawing/2014/main" id="{C2299784-B99A-0BE9-C135-5877FB704A65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029325" y="933450"/>
            <a:ext cx="552450" cy="295274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1C568D85-8139-4935-8A20-CFB2A9584805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ate">
        <xdr:nvSpPr>
          <xdr:cNvPr id="18" name="txtDate">
            <a:extLst>
              <a:ext uri="{FF2B5EF4-FFF2-40B4-BE49-F238E27FC236}">
                <a16:creationId xmlns:a16="http://schemas.microsoft.com/office/drawing/2014/main" id="{250C5FF7-A4D3-C60F-ACD5-36AABC241C48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867843" y="942975"/>
            <a:ext cx="752276" cy="285749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 lIns="36000" rIns="36000"/>
          <a:lstStyle/>
          <a:p>
            <a:fld id="{C8F1D7CD-7E9E-4E78-9A6D-742CE5F28932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17/07/2023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JobNumber">
        <xdr:nvSpPr>
          <xdr:cNvPr id="19" name="txtJobNo">
            <a:extLst>
              <a:ext uri="{FF2B5EF4-FFF2-40B4-BE49-F238E27FC236}">
                <a16:creationId xmlns:a16="http://schemas.microsoft.com/office/drawing/2014/main" id="{5B7D4183-8479-5DC5-3DB8-13D6DF5A654F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5524500" y="142875"/>
            <a:ext cx="1114425" cy="24765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2F717262-2340-4838-9FC7-E35C6BEF7FAD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IiA 35655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Checked">
        <xdr:nvSpPr>
          <xdr:cNvPr id="20" name="txtChd">
            <a:extLst>
              <a:ext uri="{FF2B5EF4-FFF2-40B4-BE49-F238E27FC236}">
                <a16:creationId xmlns:a16="http://schemas.microsoft.com/office/drawing/2014/main" id="{349C4C61-F961-3105-8470-8E64B27C6E2D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7905750" y="923925"/>
            <a:ext cx="561975" cy="30480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905D2FC-75E3-4182-92B0-F4995776D2B3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VS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21" name="lblJobNo">
            <a:extLst>
              <a:ext uri="{FF2B5EF4-FFF2-40B4-BE49-F238E27FC236}">
                <a16:creationId xmlns:a16="http://schemas.microsoft.com/office/drawing/2014/main" id="{FAF6729A-73AC-914B-186A-86C6626823C8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34025" y="19050"/>
            <a:ext cx="352425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Job No.</a:t>
            </a:r>
          </a:p>
        </xdr:txBody>
      </xdr:sp>
      <xdr:sp macro="" textlink="">
        <xdr:nvSpPr>
          <xdr:cNvPr id="22" name="lblMemLoc">
            <a:extLst>
              <a:ext uri="{FF2B5EF4-FFF2-40B4-BE49-F238E27FC236}">
                <a16:creationId xmlns:a16="http://schemas.microsoft.com/office/drawing/2014/main" id="{D495542E-A8C7-7824-A47B-2A357FDBCF05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457200"/>
            <a:ext cx="8001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ember/Location</a:t>
            </a:r>
          </a:p>
        </xdr:txBody>
      </xdr:sp>
      <xdr:sp macro="" textlink="">
        <xdr:nvSpPr>
          <xdr:cNvPr id="23" name="lblMadeBy">
            <a:extLst>
              <a:ext uri="{FF2B5EF4-FFF2-40B4-BE49-F238E27FC236}">
                <a16:creationId xmlns:a16="http://schemas.microsoft.com/office/drawing/2014/main" id="{3A93FC82-7D77-96DE-33E1-D23F222C13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942975"/>
            <a:ext cx="400050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ade by</a:t>
            </a:r>
          </a:p>
        </xdr:txBody>
      </xdr:sp>
      <xdr:sp macro="" textlink="">
        <xdr:nvSpPr>
          <xdr:cNvPr id="24" name="lblJobTitle">
            <a:extLst>
              <a:ext uri="{FF2B5EF4-FFF2-40B4-BE49-F238E27FC236}">
                <a16:creationId xmlns:a16="http://schemas.microsoft.com/office/drawing/2014/main" id="{9DD51549-41A3-3747-B0D5-7D132D0BFC4A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666750"/>
            <a:ext cx="504825" cy="1905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 Job Title</a:t>
            </a:r>
          </a:p>
          <a:p>
            <a:pPr algn="l" rtl="0">
              <a:defRPr sz="1000"/>
            </a:pPr>
            <a:endParaRPr lang="en-GB" sz="800" b="0" i="0" strike="noStrike">
              <a:solidFill>
                <a:srgbClr val="000000"/>
              </a:solidFill>
              <a:latin typeface="Arial"/>
              <a:cs typeface="Arial"/>
            </a:endParaRPr>
          </a:p>
        </xdr:txBody>
      </xdr:sp>
      <xdr:sp macro="" textlink="">
        <xdr:nvSpPr>
          <xdr:cNvPr id="25" name="lblChd">
            <a:extLst>
              <a:ext uri="{FF2B5EF4-FFF2-40B4-BE49-F238E27FC236}">
                <a16:creationId xmlns:a16="http://schemas.microsoft.com/office/drawing/2014/main" id="{799AE9ED-4ECB-A60C-194D-EB8E73BAFF75}"/>
              </a:ext>
            </a:extLst>
          </xdr:cNvPr>
          <xdr:cNvSpPr txBox="1">
            <a:spLocks noChangeArrowheads="1"/>
          </xdr:cNvSpPr>
        </xdr:nvSpPr>
        <xdr:spPr bwMode="auto">
          <a:xfrm>
            <a:off x="7667625" y="942975"/>
            <a:ext cx="219075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hd.</a:t>
            </a:r>
          </a:p>
        </xdr:txBody>
      </xdr:sp>
      <xdr:sp macro="" textlink="">
        <xdr:nvSpPr>
          <xdr:cNvPr id="26" name="lblDate">
            <a:extLst>
              <a:ext uri="{FF2B5EF4-FFF2-40B4-BE49-F238E27FC236}">
                <a16:creationId xmlns:a16="http://schemas.microsoft.com/office/drawing/2014/main" id="{84B73BAE-1A10-CBD6-319E-A0B790932232}"/>
              </a:ext>
            </a:extLst>
          </xdr:cNvPr>
          <xdr:cNvSpPr txBox="1">
            <a:spLocks noChangeArrowheads="1"/>
          </xdr:cNvSpPr>
        </xdr:nvSpPr>
        <xdr:spPr bwMode="auto">
          <a:xfrm>
            <a:off x="6629400" y="942975"/>
            <a:ext cx="2476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ate</a:t>
            </a:r>
          </a:p>
        </xdr:txBody>
      </xdr:sp>
      <xdr:sp macro="" textlink="">
        <xdr:nvSpPr>
          <xdr:cNvPr id="27" name="lblDrgRef">
            <a:extLst>
              <a:ext uri="{FF2B5EF4-FFF2-40B4-BE49-F238E27FC236}">
                <a16:creationId xmlns:a16="http://schemas.microsoft.com/office/drawing/2014/main" id="{BF9D40AC-2842-3A6B-9C58-95E710CEE66B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43550" y="685800"/>
            <a:ext cx="409575" cy="1524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rg. Ref.</a:t>
            </a:r>
          </a:p>
        </xdr:txBody>
      </xdr:sp>
      <xdr:sp macro="" textlink="">
        <xdr:nvSpPr>
          <xdr:cNvPr id="28" name="lblSheetNo">
            <a:extLst>
              <a:ext uri="{FF2B5EF4-FFF2-40B4-BE49-F238E27FC236}">
                <a16:creationId xmlns:a16="http://schemas.microsoft.com/office/drawing/2014/main" id="{85D523CF-EAD9-AE9C-907E-CC768AFFEC52}"/>
              </a:ext>
            </a:extLst>
          </xdr:cNvPr>
          <xdr:cNvSpPr txBox="1">
            <a:spLocks noChangeArrowheads="1"/>
          </xdr:cNvSpPr>
        </xdr:nvSpPr>
        <xdr:spPr bwMode="auto">
          <a:xfrm>
            <a:off x="6686550" y="19050"/>
            <a:ext cx="4572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Sheet No.</a:t>
            </a:r>
          </a:p>
        </xdr:txBody>
      </xdr:sp>
      <xdr:sp macro="" textlink="">
        <xdr:nvSpPr>
          <xdr:cNvPr id="29" name="lblRev">
            <a:extLst>
              <a:ext uri="{FF2B5EF4-FFF2-40B4-BE49-F238E27FC236}">
                <a16:creationId xmlns:a16="http://schemas.microsoft.com/office/drawing/2014/main" id="{B2007E96-AD58-D5E8-DEC3-A713A518841C}"/>
              </a:ext>
            </a:extLst>
          </xdr:cNvPr>
          <xdr:cNvSpPr txBox="1">
            <a:spLocks noChangeArrowheads="1"/>
          </xdr:cNvSpPr>
        </xdr:nvSpPr>
        <xdr:spPr bwMode="auto">
          <a:xfrm>
            <a:off x="7915275" y="19050"/>
            <a:ext cx="2095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Rev.</a:t>
            </a:r>
          </a:p>
        </xdr:txBody>
      </xdr:sp>
      <xdr:sp macro="" textlink="">
        <xdr:nvSpPr>
          <xdr:cNvPr id="30" name="Text Box 186">
            <a:extLst>
              <a:ext uri="{FF2B5EF4-FFF2-40B4-BE49-F238E27FC236}">
                <a16:creationId xmlns:a16="http://schemas.microsoft.com/office/drawing/2014/main" id="{E0808EAC-E0EC-8393-0727-6B0BD7FB2187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933450"/>
            <a:ext cx="571500" cy="2095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xdr:spPr>
        <xdr:txBody>
          <a:bodyPr vertOverflow="clip" wrap="square" lIns="27432" tIns="22860" rIns="0" bIns="0" anchor="t" upright="1"/>
          <a:lstStyle/>
          <a:p>
            <a:pPr algn="l" rtl="1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alculation</a:t>
            </a:r>
          </a:p>
        </xdr:txBody>
      </xdr:sp>
      <xdr:sp macro="" textlink="">
        <xdr:nvSpPr>
          <xdr:cNvPr id="31" name="Line 188">
            <a:extLst>
              <a:ext uri="{FF2B5EF4-FFF2-40B4-BE49-F238E27FC236}">
                <a16:creationId xmlns:a16="http://schemas.microsoft.com/office/drawing/2014/main" id="{4FE66976-D420-5A91-D375-D8BD88668081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66675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2" name="Line 189">
            <a:extLst>
              <a:ext uri="{FF2B5EF4-FFF2-40B4-BE49-F238E27FC236}">
                <a16:creationId xmlns:a16="http://schemas.microsoft.com/office/drawing/2014/main" id="{771541C7-8831-89B7-95B0-C58798D5AA38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78867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3" name="Line 190">
            <a:extLst>
              <a:ext uri="{FF2B5EF4-FFF2-40B4-BE49-F238E27FC236}">
                <a16:creationId xmlns:a16="http://schemas.microsoft.com/office/drawing/2014/main" id="{995D45E3-773B-7908-ABCF-DAC77C7FC824}"/>
              </a:ext>
            </a:extLst>
          </xdr:cNvPr>
          <xdr:cNvSpPr>
            <a:spLocks noChangeShapeType="1"/>
          </xdr:cNvSpPr>
        </xdr:nvSpPr>
        <xdr:spPr bwMode="auto">
          <a:xfrm flipH="1">
            <a:off x="0" y="647700"/>
            <a:ext cx="84867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4" name="Line 191">
            <a:extLst>
              <a:ext uri="{FF2B5EF4-FFF2-40B4-BE49-F238E27FC236}">
                <a16:creationId xmlns:a16="http://schemas.microsoft.com/office/drawing/2014/main" id="{173677AE-09EB-78C7-F5C9-B50DE0815C27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5495925" y="885825"/>
            <a:ext cx="30003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5" name="Line 192">
            <a:extLst>
              <a:ext uri="{FF2B5EF4-FFF2-40B4-BE49-F238E27FC236}">
                <a16:creationId xmlns:a16="http://schemas.microsoft.com/office/drawing/2014/main" id="{BF7269EE-AC3E-8E7E-A793-CF927B1532A0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1276350"/>
            <a:ext cx="84867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6" name="Line 193">
            <a:extLst>
              <a:ext uri="{FF2B5EF4-FFF2-40B4-BE49-F238E27FC236}">
                <a16:creationId xmlns:a16="http://schemas.microsoft.com/office/drawing/2014/main" id="{E481A2DA-8D18-1316-8A1B-34E56911A1A7}"/>
              </a:ext>
            </a:extLst>
          </xdr:cNvPr>
          <xdr:cNvSpPr>
            <a:spLocks noChangeShapeType="1"/>
          </xdr:cNvSpPr>
        </xdr:nvSpPr>
        <xdr:spPr bwMode="auto">
          <a:xfrm flipV="1">
            <a:off x="8496300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7" name="Line 194">
            <a:extLst>
              <a:ext uri="{FF2B5EF4-FFF2-40B4-BE49-F238E27FC236}">
                <a16:creationId xmlns:a16="http://schemas.microsoft.com/office/drawing/2014/main" id="{E89B6AD5-753D-B117-1C6E-8B4C0B9CF20C}"/>
              </a:ext>
            </a:extLst>
          </xdr:cNvPr>
          <xdr:cNvSpPr>
            <a:spLocks noChangeShapeType="1"/>
          </xdr:cNvSpPr>
        </xdr:nvSpPr>
        <xdr:spPr bwMode="auto">
          <a:xfrm flipV="1">
            <a:off x="5495925" y="0"/>
            <a:ext cx="0" cy="1266825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8" name="Line 195">
            <a:extLst>
              <a:ext uri="{FF2B5EF4-FFF2-40B4-BE49-F238E27FC236}">
                <a16:creationId xmlns:a16="http://schemas.microsoft.com/office/drawing/2014/main" id="{9D793071-3C15-B6D9-CC71-AD7E8EB6E95D}"/>
              </a:ext>
            </a:extLst>
          </xdr:cNvPr>
          <xdr:cNvSpPr>
            <a:spLocks noChangeShapeType="1"/>
          </xdr:cNvSpPr>
        </xdr:nvSpPr>
        <xdr:spPr bwMode="auto">
          <a:xfrm flipH="1">
            <a:off x="5495925" y="409575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39" name="Line 196">
            <a:extLst>
              <a:ext uri="{FF2B5EF4-FFF2-40B4-BE49-F238E27FC236}">
                <a16:creationId xmlns:a16="http://schemas.microsoft.com/office/drawing/2014/main" id="{734CD6BC-0A3E-0AD2-93B2-395405150F16}"/>
              </a:ext>
            </a:extLst>
          </xdr:cNvPr>
          <xdr:cNvSpPr>
            <a:spLocks noChangeShapeType="1"/>
          </xdr:cNvSpPr>
        </xdr:nvSpPr>
        <xdr:spPr bwMode="auto">
          <a:xfrm flipV="1">
            <a:off x="9525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0" name="Line 197">
            <a:extLst>
              <a:ext uri="{FF2B5EF4-FFF2-40B4-BE49-F238E27FC236}">
                <a16:creationId xmlns:a16="http://schemas.microsoft.com/office/drawing/2014/main" id="{21522009-8391-32C3-3E2C-4C0A279AB662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9525"/>
            <a:ext cx="84867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41" name="Line 198">
            <a:extLst>
              <a:ext uri="{FF2B5EF4-FFF2-40B4-BE49-F238E27FC236}">
                <a16:creationId xmlns:a16="http://schemas.microsoft.com/office/drawing/2014/main" id="{6A934E06-556A-39C1-71BC-469C09DE0D82}"/>
              </a:ext>
            </a:extLst>
          </xdr:cNvPr>
          <xdr:cNvSpPr>
            <a:spLocks noChangeShapeType="1"/>
          </xdr:cNvSpPr>
        </xdr:nvSpPr>
        <xdr:spPr bwMode="auto">
          <a:xfrm flipH="1">
            <a:off x="5495925" y="152400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Member_Location">
        <xdr:nvSpPr>
          <xdr:cNvPr id="42" name="txtMemLoc">
            <a:extLst>
              <a:ext uri="{FF2B5EF4-FFF2-40B4-BE49-F238E27FC236}">
                <a16:creationId xmlns:a16="http://schemas.microsoft.com/office/drawing/2014/main" id="{E281F845-ED99-5894-6DBA-561F63F1A42A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410325" y="419099"/>
            <a:ext cx="2057400" cy="209551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9B511C3B-B9A2-4A02-B7B1-B07963C8AFA3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rawing_Reference">
        <xdr:nvSpPr>
          <xdr:cNvPr id="43" name="txtDrgRef">
            <a:extLst>
              <a:ext uri="{FF2B5EF4-FFF2-40B4-BE49-F238E27FC236}">
                <a16:creationId xmlns:a16="http://schemas.microsoft.com/office/drawing/2014/main" id="{A447AAFD-8718-208C-41CD-7FE85A790265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410325" y="647700"/>
            <a:ext cx="2057400" cy="21907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E604C28A-F60D-4BA2-90D9-FD69DF29859C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</xdr:grpSp>
    <xdr:clientData/>
  </xdr:twoCellAnchor>
  <xdr:twoCellAnchor editAs="oneCell">
    <xdr:from>
      <xdr:col>0</xdr:col>
      <xdr:colOff>95250</xdr:colOff>
      <xdr:row>1</xdr:row>
      <xdr:rowOff>25400</xdr:rowOff>
    </xdr:from>
    <xdr:to>
      <xdr:col>1</xdr:col>
      <xdr:colOff>554037</xdr:colOff>
      <xdr:row>2</xdr:row>
      <xdr:rowOff>154305</xdr:rowOff>
    </xdr:to>
    <xdr:pic>
      <xdr:nvPicPr>
        <xdr:cNvPr id="44" name="Picture 43" descr="Icon&#10;&#10;Description automatically generated">
          <a:extLst>
            <a:ext uri="{FF2B5EF4-FFF2-40B4-BE49-F238E27FC236}">
              <a16:creationId xmlns:a16="http://schemas.microsoft.com/office/drawing/2014/main" id="{16B4BCBB-EB4B-40B1-8314-A15D806193C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95250" y="187325"/>
          <a:ext cx="1068387" cy="287655"/>
        </a:xfrm>
        <a:prstGeom prst="rect">
          <a:avLst/>
        </a:prstGeom>
      </xdr:spPr>
    </xdr:pic>
    <xdr:clientData/>
  </xdr:twoCellAnchor>
  <xdr:twoCellAnchor editAs="oneCell">
    <xdr:from>
      <xdr:col>12</xdr:col>
      <xdr:colOff>375318</xdr:colOff>
      <xdr:row>5</xdr:row>
      <xdr:rowOff>9359</xdr:rowOff>
    </xdr:from>
    <xdr:to>
      <xdr:col>20</xdr:col>
      <xdr:colOff>244559</xdr:colOff>
      <xdr:row>8</xdr:row>
      <xdr:rowOff>36429</xdr:rowOff>
    </xdr:to>
    <xdr:pic>
      <xdr:nvPicPr>
        <xdr:cNvPr id="45" name="Picture 44">
          <a:extLst>
            <a:ext uri="{FF2B5EF4-FFF2-40B4-BE49-F238E27FC236}">
              <a16:creationId xmlns:a16="http://schemas.microsoft.com/office/drawing/2014/main" id="{FC715638-D681-FFA4-85CA-0285ED04600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/>
        <a:stretch>
          <a:fillRect/>
        </a:stretch>
      </xdr:blipFill>
      <xdr:spPr>
        <a:xfrm>
          <a:off x="9378950" y="811464"/>
          <a:ext cx="4762084" cy="508333"/>
        </a:xfrm>
        <a:prstGeom prst="rect">
          <a:avLst/>
        </a:prstGeom>
      </xdr:spPr>
    </xdr:pic>
    <xdr:clientData/>
  </xdr:twoCellAnchor>
  <xdr:twoCellAnchor editAs="oneCell">
    <xdr:from>
      <xdr:col>12</xdr:col>
      <xdr:colOff>368968</xdr:colOff>
      <xdr:row>8</xdr:row>
      <xdr:rowOff>84055</xdr:rowOff>
    </xdr:from>
    <xdr:to>
      <xdr:col>15</xdr:col>
      <xdr:colOff>84714</xdr:colOff>
      <xdr:row>11</xdr:row>
      <xdr:rowOff>39604</xdr:rowOff>
    </xdr:to>
    <xdr:pic>
      <xdr:nvPicPr>
        <xdr:cNvPr id="46" name="Picture 45">
          <a:extLst>
            <a:ext uri="{FF2B5EF4-FFF2-40B4-BE49-F238E27FC236}">
              <a16:creationId xmlns:a16="http://schemas.microsoft.com/office/drawing/2014/main" id="{08CDBD47-D862-AEFC-479B-5FF71586E7C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"/>
        <a:stretch>
          <a:fillRect/>
        </a:stretch>
      </xdr:blipFill>
      <xdr:spPr>
        <a:xfrm>
          <a:off x="9372600" y="1367423"/>
          <a:ext cx="1553736" cy="436813"/>
        </a:xfrm>
        <a:prstGeom prst="rect">
          <a:avLst/>
        </a:prstGeom>
      </xdr:spPr>
    </xdr:pic>
    <xdr:clientData/>
  </xdr:twoCellAnchor>
  <xdr:twoCellAnchor editAs="oneCell">
    <xdr:from>
      <xdr:col>12</xdr:col>
      <xdr:colOff>403893</xdr:colOff>
      <xdr:row>12</xdr:row>
      <xdr:rowOff>9359</xdr:rowOff>
    </xdr:from>
    <xdr:to>
      <xdr:col>16</xdr:col>
      <xdr:colOff>581692</xdr:colOff>
      <xdr:row>14</xdr:row>
      <xdr:rowOff>8164</xdr:rowOff>
    </xdr:to>
    <xdr:pic>
      <xdr:nvPicPr>
        <xdr:cNvPr id="47" name="Picture 46">
          <a:extLst>
            <a:ext uri="{FF2B5EF4-FFF2-40B4-BE49-F238E27FC236}">
              <a16:creationId xmlns:a16="http://schemas.microsoft.com/office/drawing/2014/main" id="{61AC1D6F-BFAE-BDDA-F7D9-68759387FA0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"/>
        <a:stretch>
          <a:fillRect/>
        </a:stretch>
      </xdr:blipFill>
      <xdr:spPr>
        <a:xfrm>
          <a:off x="9407525" y="1934412"/>
          <a:ext cx="2621046" cy="322822"/>
        </a:xfrm>
        <a:prstGeom prst="rect">
          <a:avLst/>
        </a:prstGeom>
      </xdr:spPr>
    </xdr:pic>
    <xdr:clientData/>
  </xdr:twoCellAnchor>
  <xdr:twoCellAnchor editAs="oneCell">
    <xdr:from>
      <xdr:col>12</xdr:col>
      <xdr:colOff>342842</xdr:colOff>
      <xdr:row>1</xdr:row>
      <xdr:rowOff>39605</xdr:rowOff>
    </xdr:from>
    <xdr:to>
      <xdr:col>18</xdr:col>
      <xdr:colOff>97238</xdr:colOff>
      <xdr:row>4</xdr:row>
      <xdr:rowOff>67473</xdr:rowOff>
    </xdr:to>
    <xdr:pic>
      <xdr:nvPicPr>
        <xdr:cNvPr id="48" name="Picture 47">
          <a:extLst>
            <a:ext uri="{FF2B5EF4-FFF2-40B4-BE49-F238E27FC236}">
              <a16:creationId xmlns:a16="http://schemas.microsoft.com/office/drawing/2014/main" id="{9D6FDBF3-838E-D96E-6823-F8BD9505C13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"/>
        <a:stretch>
          <a:fillRect/>
        </a:stretch>
      </xdr:blipFill>
      <xdr:spPr>
        <a:xfrm>
          <a:off x="9346474" y="200026"/>
          <a:ext cx="3424028" cy="512306"/>
        </a:xfrm>
        <a:prstGeom prst="rect">
          <a:avLst/>
        </a:prstGeom>
      </xdr:spPr>
    </xdr:pic>
    <xdr:clientData/>
  </xdr:twoCellAnchor>
  <xdr:twoCellAnchor editAs="oneCell">
    <xdr:from>
      <xdr:col>12</xdr:col>
      <xdr:colOff>450182</xdr:colOff>
      <xdr:row>15</xdr:row>
      <xdr:rowOff>13537</xdr:rowOff>
    </xdr:from>
    <xdr:to>
      <xdr:col>15</xdr:col>
      <xdr:colOff>428244</xdr:colOff>
      <xdr:row>19</xdr:row>
      <xdr:rowOff>47970</xdr:rowOff>
    </xdr:to>
    <xdr:pic>
      <xdr:nvPicPr>
        <xdr:cNvPr id="49" name="Picture 48">
          <a:extLst>
            <a:ext uri="{FF2B5EF4-FFF2-40B4-BE49-F238E27FC236}">
              <a16:creationId xmlns:a16="http://schemas.microsoft.com/office/drawing/2014/main" id="{B8F8E191-AFF4-4B19-07BB-4A1895E91F8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"/>
        <a:stretch>
          <a:fillRect/>
        </a:stretch>
      </xdr:blipFill>
      <xdr:spPr>
        <a:xfrm>
          <a:off x="9453814" y="2419853"/>
          <a:ext cx="1819227" cy="669767"/>
        </a:xfrm>
        <a:prstGeom prst="rect">
          <a:avLst/>
        </a:prstGeom>
      </xdr:spPr>
    </xdr:pic>
    <xdr:clientData/>
  </xdr:twoCellAnchor>
  <xdr:twoCellAnchor editAs="oneCell">
    <xdr:from>
      <xdr:col>23</xdr:col>
      <xdr:colOff>38878</xdr:colOff>
      <xdr:row>12</xdr:row>
      <xdr:rowOff>29158</xdr:rowOff>
    </xdr:from>
    <xdr:to>
      <xdr:col>28</xdr:col>
      <xdr:colOff>209</xdr:colOff>
      <xdr:row>15</xdr:row>
      <xdr:rowOff>154609</xdr:rowOff>
    </xdr:to>
    <xdr:pic>
      <xdr:nvPicPr>
        <xdr:cNvPr id="50" name="Picture 49">
          <a:extLst>
            <a:ext uri="{FF2B5EF4-FFF2-40B4-BE49-F238E27FC236}">
              <a16:creationId xmlns:a16="http://schemas.microsoft.com/office/drawing/2014/main" id="{188206BE-8BEC-7E0A-D070-072DB767E70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"/>
        <a:stretch>
          <a:fillRect/>
        </a:stretch>
      </xdr:blipFill>
      <xdr:spPr>
        <a:xfrm>
          <a:off x="17494898" y="2011913"/>
          <a:ext cx="3021504" cy="621140"/>
        </a:xfrm>
        <a:prstGeom prst="rect">
          <a:avLst/>
        </a:prstGeom>
      </xdr:spPr>
    </xdr:pic>
    <xdr:clientData/>
  </xdr:twoCellAnchor>
  <xdr:twoCellAnchor>
    <xdr:from>
      <xdr:col>29</xdr:col>
      <xdr:colOff>163286</xdr:colOff>
      <xdr:row>3</xdr:row>
      <xdr:rowOff>70044</xdr:rowOff>
    </xdr:from>
    <xdr:to>
      <xdr:col>38</xdr:col>
      <xdr:colOff>449036</xdr:colOff>
      <xdr:row>20</xdr:row>
      <xdr:rowOff>1166</xdr:rowOff>
    </xdr:to>
    <xdr:graphicFrame macro="">
      <xdr:nvGraphicFramePr>
        <xdr:cNvPr id="51" name="Chart 50">
          <a:extLst>
            <a:ext uri="{FF2B5EF4-FFF2-40B4-BE49-F238E27FC236}">
              <a16:creationId xmlns:a16="http://schemas.microsoft.com/office/drawing/2014/main" id="{6B03F631-AB4F-C31E-7D25-B9DF59EDE601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8"/>
        </a:graphicData>
      </a:graphic>
    </xdr:graphicFrame>
    <xdr:clientData/>
  </xdr:twoCellAnchor>
</xdr:wsDr>
</file>

<file path=xl/drawings/drawing8.xml><?xml version="1.0" encoding="utf-8"?>
<xdr:wsDr xmlns:xdr="http://schemas.openxmlformats.org/drawingml/2006/spreadsheetDrawing" xmlns:a="http://schemas.openxmlformats.org/drawingml/2006/main">
  <xdr:twoCellAnchor>
    <xdr:from>
      <xdr:col>29</xdr:col>
      <xdr:colOff>191180</xdr:colOff>
      <xdr:row>2</xdr:row>
      <xdr:rowOff>82550</xdr:rowOff>
    </xdr:from>
    <xdr:to>
      <xdr:col>38</xdr:col>
      <xdr:colOff>495980</xdr:colOff>
      <xdr:row>19</xdr:row>
      <xdr:rowOff>69850</xdr:rowOff>
    </xdr:to>
    <xdr:graphicFrame macro="">
      <xdr:nvGraphicFramePr>
        <xdr:cNvPr id="2" name="Chart 1">
          <a:extLst>
            <a:ext uri="{FF2B5EF4-FFF2-40B4-BE49-F238E27FC236}">
              <a16:creationId xmlns:a16="http://schemas.microsoft.com/office/drawing/2014/main" id="{A7A6B356-52D2-916E-CA02-50BB7BE0C2A3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</xdr:wsDr>
</file>

<file path=xl/drawings/drawing9.xml><?xml version="1.0" encoding="utf-8"?>
<xdr:wsDr xmlns:xdr="http://schemas.openxmlformats.org/drawingml/2006/spreadsheetDrawing" xmlns:a="http://schemas.openxmlformats.org/drawingml/2006/main">
  <xdr:twoCellAnchor editAs="absolute">
    <xdr:from>
      <xdr:col>0</xdr:col>
      <xdr:colOff>0</xdr:colOff>
      <xdr:row>0</xdr:row>
      <xdr:rowOff>0</xdr:rowOff>
    </xdr:from>
    <xdr:to>
      <xdr:col>10</xdr:col>
      <xdr:colOff>535862</xdr:colOff>
      <xdr:row>1</xdr:row>
      <xdr:rowOff>9525</xdr:rowOff>
    </xdr:to>
    <xdr:grpSp>
      <xdr:nvGrpSpPr>
        <xdr:cNvPr id="2" name="Group 1">
          <a:extLst>
            <a:ext uri="{FF2B5EF4-FFF2-40B4-BE49-F238E27FC236}">
              <a16:creationId xmlns:a16="http://schemas.microsoft.com/office/drawing/2014/main" id="{00000000-0008-0000-0200-000002000000}"/>
            </a:ext>
          </a:extLst>
        </xdr:cNvPr>
        <xdr:cNvGrpSpPr/>
      </xdr:nvGrpSpPr>
      <xdr:grpSpPr>
        <a:xfrm>
          <a:off x="0" y="0"/>
          <a:ext cx="6060362" cy="1276350"/>
          <a:chOff x="0" y="0"/>
          <a:chExt cx="6096000" cy="1276350"/>
        </a:xfrm>
      </xdr:grpSpPr>
      <xdr:sp macro="" textlink="">
        <xdr:nvSpPr>
          <xdr:cNvPr id="2526" name="Rectangle 38">
            <a:extLst>
              <a:ext uri="{FF2B5EF4-FFF2-40B4-BE49-F238E27FC236}">
                <a16:creationId xmlns:a16="http://schemas.microsoft.com/office/drawing/2014/main" id="{00000000-0008-0000-0200-0000DE090000}"/>
              </a:ext>
            </a:extLst>
          </xdr:cNvPr>
          <xdr:cNvSpPr>
            <a:spLocks noChangeArrowheads="1"/>
          </xdr:cNvSpPr>
        </xdr:nvSpPr>
        <xdr:spPr bwMode="auto">
          <a:xfrm>
            <a:off x="628650" y="952500"/>
            <a:ext cx="2428875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2527" name="txtSheetTitle">
            <a:extLst>
              <a:ext uri="{FF2B5EF4-FFF2-40B4-BE49-F238E27FC236}">
                <a16:creationId xmlns:a16="http://schemas.microsoft.com/office/drawing/2014/main" id="{00000000-0008-0000-0200-0000DF09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628650" y="962024"/>
            <a:ext cx="2438400" cy="238125"/>
          </a:xfrm>
          <a:prstGeom prst="rect">
            <a:avLst/>
          </a:prstGeom>
          <a:solidFill>
            <a:srgbClr val="FFFFFF">
              <a:alpha val="50195"/>
            </a:srgbClr>
          </a:solidFill>
          <a:ln>
            <a:noFill/>
          </a:ln>
          <a:extLst>
            <a:ext uri="{91240B29-F687-4F45-9708-019B960494DF}">
              <a14:hiddenLine xmlns:a14="http://schemas.microsoft.com/office/drawing/2010/main" w="0">
                <a:solidFill>
                  <a:srgbClr val="000000"/>
                </a:solidFill>
                <a:prstDash val="sysDot"/>
                <a:miter lim="800000"/>
                <a:headEnd/>
                <a:tailEnd/>
              </a14:hiddenLine>
            </a:ext>
          </a:extLst>
        </xdr:spPr>
        <xdr:txBody>
          <a:bodyPr/>
          <a:lstStyle/>
          <a:p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2528" name="Rectangle 60">
            <a:extLst>
              <a:ext uri="{FF2B5EF4-FFF2-40B4-BE49-F238E27FC236}">
                <a16:creationId xmlns:a16="http://schemas.microsoft.com/office/drawing/2014/main" id="{00000000-0008-0000-0200-0000E0090000}"/>
              </a:ext>
            </a:extLst>
          </xdr:cNvPr>
          <xdr:cNvSpPr>
            <a:spLocks noChangeArrowheads="1"/>
          </xdr:cNvSpPr>
        </xdr:nvSpPr>
        <xdr:spPr bwMode="auto">
          <a:xfrm>
            <a:off x="628650" y="666750"/>
            <a:ext cx="2428875" cy="23812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2529" name="Rectangle 62">
            <a:extLst>
              <a:ext uri="{FF2B5EF4-FFF2-40B4-BE49-F238E27FC236}">
                <a16:creationId xmlns:a16="http://schemas.microsoft.com/office/drawing/2014/main" id="{00000000-0008-0000-0200-0000E1090000}"/>
              </a:ext>
            </a:extLst>
          </xdr:cNvPr>
          <xdr:cNvSpPr>
            <a:spLocks noChangeArrowheads="1"/>
          </xdr:cNvSpPr>
        </xdr:nvSpPr>
        <xdr:spPr bwMode="auto">
          <a:xfrm>
            <a:off x="5524500" y="171450"/>
            <a:ext cx="5334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2531" name="Rectangle 64">
            <a:extLst>
              <a:ext uri="{FF2B5EF4-FFF2-40B4-BE49-F238E27FC236}">
                <a16:creationId xmlns:a16="http://schemas.microsoft.com/office/drawing/2014/main" id="{00000000-0008-0000-0200-0000E3090000}"/>
              </a:ext>
            </a:extLst>
          </xdr:cNvPr>
          <xdr:cNvSpPr>
            <a:spLocks noChangeArrowheads="1"/>
          </xdr:cNvSpPr>
        </xdr:nvSpPr>
        <xdr:spPr bwMode="auto">
          <a:xfrm>
            <a:off x="4010025" y="666750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2532" name="Rectangle 63">
            <a:extLst>
              <a:ext uri="{FF2B5EF4-FFF2-40B4-BE49-F238E27FC236}">
                <a16:creationId xmlns:a16="http://schemas.microsoft.com/office/drawing/2014/main" id="{00000000-0008-0000-0200-0000E4090000}"/>
              </a:ext>
            </a:extLst>
          </xdr:cNvPr>
          <xdr:cNvSpPr>
            <a:spLocks noChangeArrowheads="1"/>
          </xdr:cNvSpPr>
        </xdr:nvSpPr>
        <xdr:spPr bwMode="auto">
          <a:xfrm>
            <a:off x="4010025" y="428625"/>
            <a:ext cx="2047875" cy="19050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2533" name="Rectangle 67">
            <a:extLst>
              <a:ext uri="{FF2B5EF4-FFF2-40B4-BE49-F238E27FC236}">
                <a16:creationId xmlns:a16="http://schemas.microsoft.com/office/drawing/2014/main" id="{00000000-0008-0000-0200-0000E5090000}"/>
              </a:ext>
            </a:extLst>
          </xdr:cNvPr>
          <xdr:cNvSpPr>
            <a:spLocks noChangeArrowheads="1"/>
          </xdr:cNvSpPr>
        </xdr:nvSpPr>
        <xdr:spPr bwMode="auto">
          <a:xfrm>
            <a:off x="5505450" y="923925"/>
            <a:ext cx="561975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2534" name="Rectangle 66">
            <a:extLst>
              <a:ext uri="{FF2B5EF4-FFF2-40B4-BE49-F238E27FC236}">
                <a16:creationId xmlns:a16="http://schemas.microsoft.com/office/drawing/2014/main" id="{00000000-0008-0000-0200-0000E6090000}"/>
              </a:ext>
            </a:extLst>
          </xdr:cNvPr>
          <xdr:cNvSpPr>
            <a:spLocks noChangeArrowheads="1"/>
          </xdr:cNvSpPr>
        </xdr:nvSpPr>
        <xdr:spPr bwMode="auto">
          <a:xfrm>
            <a:off x="4467225" y="923925"/>
            <a:ext cx="76200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2535" name="Rectangle 65">
            <a:extLst>
              <a:ext uri="{FF2B5EF4-FFF2-40B4-BE49-F238E27FC236}">
                <a16:creationId xmlns:a16="http://schemas.microsoft.com/office/drawing/2014/main" id="{00000000-0008-0000-0200-0000E7090000}"/>
              </a:ext>
            </a:extLst>
          </xdr:cNvPr>
          <xdr:cNvSpPr>
            <a:spLocks noChangeArrowheads="1"/>
          </xdr:cNvSpPr>
        </xdr:nvSpPr>
        <xdr:spPr bwMode="auto">
          <a:xfrm>
            <a:off x="3629025" y="923925"/>
            <a:ext cx="552450" cy="295275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2536" name="Rectangle 61">
            <a:extLst>
              <a:ext uri="{FF2B5EF4-FFF2-40B4-BE49-F238E27FC236}">
                <a16:creationId xmlns:a16="http://schemas.microsoft.com/office/drawing/2014/main" id="{00000000-0008-0000-0200-0000E8090000}"/>
              </a:ext>
            </a:extLst>
          </xdr:cNvPr>
          <xdr:cNvSpPr>
            <a:spLocks noChangeArrowheads="1"/>
          </xdr:cNvSpPr>
        </xdr:nvSpPr>
        <xdr:spPr bwMode="auto">
          <a:xfrm>
            <a:off x="3124200" y="171450"/>
            <a:ext cx="110490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">
        <xdr:nvSpPr>
          <xdr:cNvPr id="2537" name="Rectangle 39">
            <a:extLst>
              <a:ext uri="{FF2B5EF4-FFF2-40B4-BE49-F238E27FC236}">
                <a16:creationId xmlns:a16="http://schemas.microsoft.com/office/drawing/2014/main" id="{00000000-0008-0000-0200-0000E9090000}"/>
              </a:ext>
            </a:extLst>
          </xdr:cNvPr>
          <xdr:cNvSpPr>
            <a:spLocks noChangeArrowheads="1"/>
          </xdr:cNvSpPr>
        </xdr:nvSpPr>
        <xdr:spPr bwMode="auto">
          <a:xfrm>
            <a:off x="4295775" y="171450"/>
            <a:ext cx="1162050" cy="209550"/>
          </a:xfrm>
          <a:prstGeom prst="rect">
            <a:avLst/>
          </a:prstGeom>
          <a:noFill/>
          <a:ln w="0">
            <a:solidFill>
              <a:srgbClr val="C0C0C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xdr:spPr>
      </xdr:sp>
      <xdr:sp macro="" textlink="SheetNo">
        <xdr:nvSpPr>
          <xdr:cNvPr id="2079" name="txtSheetNo">
            <a:extLst>
              <a:ext uri="{FF2B5EF4-FFF2-40B4-BE49-F238E27FC236}">
                <a16:creationId xmlns:a16="http://schemas.microsoft.com/office/drawing/2014/main" id="{00000000-0008-0000-0200-00001F08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295775" y="152400"/>
            <a:ext cx="1171575" cy="238125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0138D352-6085-40FA-BBF5-9DB3C3BA9D91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MadeBy">
        <xdr:nvSpPr>
          <xdr:cNvPr id="2073" name="txtMadeBy">
            <a:extLst>
              <a:ext uri="{FF2B5EF4-FFF2-40B4-BE49-F238E27FC236}">
                <a16:creationId xmlns:a16="http://schemas.microsoft.com/office/drawing/2014/main" id="{00000000-0008-0000-0200-00001908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3629025" y="904875"/>
            <a:ext cx="552450" cy="32385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7EE7AAC5-E9AF-436A-A2EC-CDE1A1A16D28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ate">
        <xdr:nvSpPr>
          <xdr:cNvPr id="2074" name="txtDate">
            <a:extLst>
              <a:ext uri="{FF2B5EF4-FFF2-40B4-BE49-F238E27FC236}">
                <a16:creationId xmlns:a16="http://schemas.microsoft.com/office/drawing/2014/main" id="{00000000-0008-0000-0200-00001A08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476749" y="904875"/>
            <a:ext cx="762001" cy="323849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 lIns="36000" rIns="36000"/>
          <a:lstStyle/>
          <a:p>
            <a:fld id="{43A0CF41-EB0C-4B3F-B5D2-945B716BC35E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17/07/2023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JobNumber">
        <xdr:nvSpPr>
          <xdr:cNvPr id="2078" name="txtJobNo">
            <a:extLst>
              <a:ext uri="{FF2B5EF4-FFF2-40B4-BE49-F238E27FC236}">
                <a16:creationId xmlns:a16="http://schemas.microsoft.com/office/drawing/2014/main" id="{00000000-0008-0000-0200-00001E08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3124200" y="152400"/>
            <a:ext cx="1114425" cy="238126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12FF7581-71C6-4F7B-899A-63BE6424F74C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IiA 35655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Checked">
        <xdr:nvSpPr>
          <xdr:cNvPr id="2081" name="txtChd">
            <a:extLst>
              <a:ext uri="{FF2B5EF4-FFF2-40B4-BE49-F238E27FC236}">
                <a16:creationId xmlns:a16="http://schemas.microsoft.com/office/drawing/2014/main" id="{00000000-0008-0000-0200-00002108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5505450" y="933449"/>
            <a:ext cx="561975" cy="295275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DD3FFBD0-7868-4AB5-A50A-19EA75ECDFFF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VS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Revision">
        <xdr:nvSpPr>
          <xdr:cNvPr id="2080" name="txtRev">
            <a:extLst>
              <a:ext uri="{FF2B5EF4-FFF2-40B4-BE49-F238E27FC236}">
                <a16:creationId xmlns:a16="http://schemas.microsoft.com/office/drawing/2014/main" id="{00000000-0008-0000-0200-00002008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5524500" y="161925"/>
            <a:ext cx="542925" cy="228600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31D14602-4220-42DC-A278-07FFB3F3F1B6}" type="TxLink">
              <a:rPr lang="en-GB"/>
              <a:pPr/>
              <a:t> </a:t>
            </a:fld>
            <a:endParaRPr lang="en-GB"/>
          </a:p>
        </xdr:txBody>
      </xdr:sp>
      <xdr:sp macro="" textlink="JobTitle">
        <xdr:nvSpPr>
          <xdr:cNvPr id="2082" name="txtJobTitle">
            <a:extLst>
              <a:ext uri="{FF2B5EF4-FFF2-40B4-BE49-F238E27FC236}">
                <a16:creationId xmlns:a16="http://schemas.microsoft.com/office/drawing/2014/main" id="{00000000-0008-0000-0200-00002208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628650" y="695324"/>
            <a:ext cx="2438400" cy="219075"/>
          </a:xfrm>
          <a:prstGeom prst="rect">
            <a:avLst/>
          </a:prstGeom>
          <a:solidFill>
            <a:srgbClr val="FFFFFF">
              <a:alpha val="50000"/>
            </a:srgbClr>
          </a:solidFill>
          <a:ln w="0" cap="rnd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F3465201-EA38-4A20-8381-E1AF0A9A1F41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p-y Curves to ISO19901-4(2022)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Drawing_Reference">
        <xdr:nvSpPr>
          <xdr:cNvPr id="2077" name="txtDrgRef">
            <a:extLst>
              <a:ext uri="{FF2B5EF4-FFF2-40B4-BE49-F238E27FC236}">
                <a16:creationId xmlns:a16="http://schemas.microsoft.com/office/drawing/2014/main" id="{00000000-0008-0000-0200-00001D08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010025" y="695325"/>
            <a:ext cx="2057400" cy="171450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 tIns="0" bIns="0"/>
          <a:lstStyle/>
          <a:p>
            <a:fld id="{45FC97E0-6641-4BBC-B6C9-CFEAC7797A02}" type="TxLink">
              <a:rPr lang="en-GB"/>
              <a:pPr/>
              <a:t> </a:t>
            </a:fld>
            <a:endParaRPr lang="en-GB"/>
          </a:p>
        </xdr:txBody>
      </xdr:sp>
      <xdr:sp macro="" textlink="Member_Location">
        <xdr:nvSpPr>
          <xdr:cNvPr id="2076" name="txtMemLoc">
            <a:extLst>
              <a:ext uri="{FF2B5EF4-FFF2-40B4-BE49-F238E27FC236}">
                <a16:creationId xmlns:a16="http://schemas.microsoft.com/office/drawing/2014/main" id="{00000000-0008-0000-0200-00001C080000}"/>
              </a:ext>
            </a:extLst>
          </xdr:cNvPr>
          <xdr:cNvSpPr txBox="1">
            <a:spLocks noChangeArrowheads="1" noTextEdit="1"/>
          </xdr:cNvSpPr>
        </xdr:nvSpPr>
        <xdr:spPr bwMode="auto">
          <a:xfrm>
            <a:off x="4010025" y="428625"/>
            <a:ext cx="2057400" cy="200026"/>
          </a:xfrm>
          <a:prstGeom prst="rect">
            <a:avLst/>
          </a:prstGeom>
          <a:solidFill>
            <a:srgbClr val="FFFFFF">
              <a:alpha val="50000"/>
            </a:srgbClr>
          </a:solidFill>
          <a:ln w="0">
            <a:noFill/>
            <a:prstDash val="sysDot"/>
            <a:miter lim="800000"/>
            <a:headEnd/>
            <a:tailEnd/>
          </a:ln>
        </xdr:spPr>
        <xdr:txBody>
          <a:bodyPr/>
          <a:lstStyle/>
          <a:p>
            <a:fld id="{19337578-A729-4E2F-9EE8-F9C9E0E6EBD5}" type="TxLink">
              <a:rPr lang="en-GB">
                <a:latin typeface="Arial" panose="020B0604020202020204" pitchFamily="34" charset="0"/>
                <a:cs typeface="Arial" panose="020B0604020202020204" pitchFamily="34" charset="0"/>
              </a:rPr>
              <a:pPr/>
              <a:t> </a:t>
            </a:fld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xdr:txBody>
      </xdr:sp>
      <xdr:sp macro="" textlink="">
        <xdr:nvSpPr>
          <xdr:cNvPr id="2549" name="Line 14">
            <a:extLst>
              <a:ext uri="{FF2B5EF4-FFF2-40B4-BE49-F238E27FC236}">
                <a16:creationId xmlns:a16="http://schemas.microsoft.com/office/drawing/2014/main" id="{00000000-0008-0000-0200-0000F5090000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42672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50" name="Line 15">
            <a:extLst>
              <a:ext uri="{FF2B5EF4-FFF2-40B4-BE49-F238E27FC236}">
                <a16:creationId xmlns:a16="http://schemas.microsoft.com/office/drawing/2014/main" id="{00000000-0008-0000-0200-0000F6090000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5486400" y="152400"/>
            <a:ext cx="0" cy="24765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51" name="Line 16">
            <a:extLst>
              <a:ext uri="{FF2B5EF4-FFF2-40B4-BE49-F238E27FC236}">
                <a16:creationId xmlns:a16="http://schemas.microsoft.com/office/drawing/2014/main" id="{00000000-0008-0000-0200-0000F709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0" y="647700"/>
            <a:ext cx="609600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52" name="Line 17">
            <a:extLst>
              <a:ext uri="{FF2B5EF4-FFF2-40B4-BE49-F238E27FC236}">
                <a16:creationId xmlns:a16="http://schemas.microsoft.com/office/drawing/2014/main" id="{00000000-0008-0000-0200-0000F8090000}"/>
              </a:ext>
            </a:extLst>
          </xdr:cNvPr>
          <xdr:cNvSpPr>
            <a:spLocks noChangeShapeType="1"/>
          </xdr:cNvSpPr>
        </xdr:nvSpPr>
        <xdr:spPr bwMode="auto">
          <a:xfrm flipH="1" flipV="1">
            <a:off x="3095625" y="885825"/>
            <a:ext cx="3000375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53" name="Line 18">
            <a:extLst>
              <a:ext uri="{FF2B5EF4-FFF2-40B4-BE49-F238E27FC236}">
                <a16:creationId xmlns:a16="http://schemas.microsoft.com/office/drawing/2014/main" id="{00000000-0008-0000-0200-0000F909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1276350"/>
            <a:ext cx="60864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54" name="Line 19">
            <a:extLst>
              <a:ext uri="{FF2B5EF4-FFF2-40B4-BE49-F238E27FC236}">
                <a16:creationId xmlns:a16="http://schemas.microsoft.com/office/drawing/2014/main" id="{00000000-0008-0000-0200-0000FA090000}"/>
              </a:ext>
            </a:extLst>
          </xdr:cNvPr>
          <xdr:cNvSpPr>
            <a:spLocks noChangeShapeType="1"/>
          </xdr:cNvSpPr>
        </xdr:nvSpPr>
        <xdr:spPr bwMode="auto">
          <a:xfrm flipV="1">
            <a:off x="6096000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55" name="Line 20">
            <a:extLst>
              <a:ext uri="{FF2B5EF4-FFF2-40B4-BE49-F238E27FC236}">
                <a16:creationId xmlns:a16="http://schemas.microsoft.com/office/drawing/2014/main" id="{00000000-0008-0000-0200-0000FB090000}"/>
              </a:ext>
            </a:extLst>
          </xdr:cNvPr>
          <xdr:cNvSpPr>
            <a:spLocks noChangeShapeType="1"/>
          </xdr:cNvSpPr>
        </xdr:nvSpPr>
        <xdr:spPr bwMode="auto">
          <a:xfrm flipV="1">
            <a:off x="3095625" y="0"/>
            <a:ext cx="0" cy="1266825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56" name="Line 22">
            <a:extLst>
              <a:ext uri="{FF2B5EF4-FFF2-40B4-BE49-F238E27FC236}">
                <a16:creationId xmlns:a16="http://schemas.microsoft.com/office/drawing/2014/main" id="{00000000-0008-0000-0200-0000FC09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3095625" y="409575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57" name="Line 23">
            <a:extLst>
              <a:ext uri="{FF2B5EF4-FFF2-40B4-BE49-F238E27FC236}">
                <a16:creationId xmlns:a16="http://schemas.microsoft.com/office/drawing/2014/main" id="{00000000-0008-0000-0200-0000FD090000}"/>
              </a:ext>
            </a:extLst>
          </xdr:cNvPr>
          <xdr:cNvSpPr>
            <a:spLocks noChangeShapeType="1"/>
          </xdr:cNvSpPr>
        </xdr:nvSpPr>
        <xdr:spPr bwMode="auto">
          <a:xfrm flipV="1">
            <a:off x="9525" y="0"/>
            <a:ext cx="0" cy="1266825"/>
          </a:xfrm>
          <a:prstGeom prst="line">
            <a:avLst/>
          </a:prstGeom>
          <a:noFill/>
          <a:ln w="952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58" name="Line 24">
            <a:extLst>
              <a:ext uri="{FF2B5EF4-FFF2-40B4-BE49-F238E27FC236}">
                <a16:creationId xmlns:a16="http://schemas.microsoft.com/office/drawing/2014/main" id="{00000000-0008-0000-0200-0000FE09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9525" y="9525"/>
            <a:ext cx="6086475" cy="0"/>
          </a:xfrm>
          <a:prstGeom prst="line">
            <a:avLst/>
          </a:prstGeom>
          <a:noFill/>
          <a:ln w="17145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559" name="Line 53">
            <a:extLst>
              <a:ext uri="{FF2B5EF4-FFF2-40B4-BE49-F238E27FC236}">
                <a16:creationId xmlns:a16="http://schemas.microsoft.com/office/drawing/2014/main" id="{00000000-0008-0000-0200-0000FF090000}"/>
              </a:ext>
            </a:extLst>
          </xdr:cNvPr>
          <xdr:cNvSpPr>
            <a:spLocks noChangeShapeType="1"/>
          </xdr:cNvSpPr>
        </xdr:nvSpPr>
        <xdr:spPr bwMode="auto">
          <a:xfrm flipH="1">
            <a:off x="3095625" y="152400"/>
            <a:ext cx="2990850" cy="0"/>
          </a:xfrm>
          <a:prstGeom prst="line">
            <a:avLst/>
          </a:prstGeom>
          <a:noFill/>
          <a:ln w="1">
            <a:solidFill>
              <a:srgbClr val="000000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xdr:spPr>
      </xdr:sp>
      <xdr:sp macro="" textlink="">
        <xdr:nvSpPr>
          <xdr:cNvPr id="2051" name="lblJobNo">
            <a:extLst>
              <a:ext uri="{FF2B5EF4-FFF2-40B4-BE49-F238E27FC236}">
                <a16:creationId xmlns:a16="http://schemas.microsoft.com/office/drawing/2014/main" id="{00000000-0008-0000-0200-00000308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33725" y="19050"/>
            <a:ext cx="352425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Job No.</a:t>
            </a:r>
          </a:p>
        </xdr:txBody>
      </xdr:sp>
      <xdr:sp macro="" textlink="">
        <xdr:nvSpPr>
          <xdr:cNvPr id="2052" name="lblMemLoc">
            <a:extLst>
              <a:ext uri="{FF2B5EF4-FFF2-40B4-BE49-F238E27FC236}">
                <a16:creationId xmlns:a16="http://schemas.microsoft.com/office/drawing/2014/main" id="{00000000-0008-0000-0200-00000408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43250" y="457200"/>
            <a:ext cx="8001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ember/Location</a:t>
            </a:r>
          </a:p>
        </xdr:txBody>
      </xdr:sp>
      <xdr:sp macro="" textlink="">
        <xdr:nvSpPr>
          <xdr:cNvPr id="2053" name="lblMadeBy">
            <a:extLst>
              <a:ext uri="{FF2B5EF4-FFF2-40B4-BE49-F238E27FC236}">
                <a16:creationId xmlns:a16="http://schemas.microsoft.com/office/drawing/2014/main" id="{00000000-0008-0000-0200-00000508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43250" y="942975"/>
            <a:ext cx="400050" cy="142875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Made by</a:t>
            </a:r>
          </a:p>
        </xdr:txBody>
      </xdr:sp>
      <xdr:sp macro="" textlink="">
        <xdr:nvSpPr>
          <xdr:cNvPr id="2054" name="lblJobTitle">
            <a:extLst>
              <a:ext uri="{FF2B5EF4-FFF2-40B4-BE49-F238E27FC236}">
                <a16:creationId xmlns:a16="http://schemas.microsoft.com/office/drawing/2014/main" id="{00000000-0008-0000-0200-00000608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666750"/>
            <a:ext cx="504825" cy="1905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 Job Title</a:t>
            </a:r>
          </a:p>
          <a:p>
            <a:pPr algn="l" rtl="0">
              <a:defRPr sz="1000"/>
            </a:pPr>
            <a:endParaRPr lang="en-GB" sz="800" b="0" i="0" strike="noStrike">
              <a:solidFill>
                <a:srgbClr val="000000"/>
              </a:solidFill>
              <a:latin typeface="Arial"/>
              <a:cs typeface="Arial"/>
            </a:endParaRPr>
          </a:p>
        </xdr:txBody>
      </xdr:sp>
      <xdr:sp macro="" textlink="">
        <xdr:nvSpPr>
          <xdr:cNvPr id="2055" name="lblChd">
            <a:extLst>
              <a:ext uri="{FF2B5EF4-FFF2-40B4-BE49-F238E27FC236}">
                <a16:creationId xmlns:a16="http://schemas.microsoft.com/office/drawing/2014/main" id="{00000000-0008-0000-0200-00000708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5267325" y="942975"/>
            <a:ext cx="219075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hd.</a:t>
            </a:r>
          </a:p>
        </xdr:txBody>
      </xdr:sp>
      <xdr:sp macro="" textlink="">
        <xdr:nvSpPr>
          <xdr:cNvPr id="2056" name="lblDate">
            <a:extLst>
              <a:ext uri="{FF2B5EF4-FFF2-40B4-BE49-F238E27FC236}">
                <a16:creationId xmlns:a16="http://schemas.microsoft.com/office/drawing/2014/main" id="{00000000-0008-0000-0200-00000808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4229100" y="942975"/>
            <a:ext cx="2476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ate</a:t>
            </a:r>
          </a:p>
        </xdr:txBody>
      </xdr:sp>
      <xdr:sp macro="" textlink="">
        <xdr:nvSpPr>
          <xdr:cNvPr id="2057" name="lblDrgRef">
            <a:extLst>
              <a:ext uri="{FF2B5EF4-FFF2-40B4-BE49-F238E27FC236}">
                <a16:creationId xmlns:a16="http://schemas.microsoft.com/office/drawing/2014/main" id="{00000000-0008-0000-0200-00000908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3143250" y="685800"/>
            <a:ext cx="409575" cy="15240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Drg. Ref.</a:t>
            </a:r>
          </a:p>
        </xdr:txBody>
      </xdr:sp>
      <xdr:sp macro="" textlink="">
        <xdr:nvSpPr>
          <xdr:cNvPr id="2058" name="lblSheetNo">
            <a:extLst>
              <a:ext uri="{FF2B5EF4-FFF2-40B4-BE49-F238E27FC236}">
                <a16:creationId xmlns:a16="http://schemas.microsoft.com/office/drawing/2014/main" id="{00000000-0008-0000-0200-00000A08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4286250" y="19050"/>
            <a:ext cx="45720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Sheet No.</a:t>
            </a:r>
          </a:p>
        </xdr:txBody>
      </xdr:sp>
      <xdr:sp macro="" textlink="">
        <xdr:nvSpPr>
          <xdr:cNvPr id="2059" name="lblRev">
            <a:extLst>
              <a:ext uri="{FF2B5EF4-FFF2-40B4-BE49-F238E27FC236}">
                <a16:creationId xmlns:a16="http://schemas.microsoft.com/office/drawing/2014/main" id="{00000000-0008-0000-0200-00000B08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5514975" y="19050"/>
            <a:ext cx="209550" cy="133350"/>
          </a:xfrm>
          <a:prstGeom prst="rect">
            <a:avLst/>
          </a:prstGeom>
          <a:noFill/>
          <a:ln w="1">
            <a:noFill/>
            <a:miter lim="800000"/>
            <a:headEnd/>
            <a:tailEnd/>
          </a:ln>
        </xdr:spPr>
        <xdr:txBody>
          <a:bodyPr vertOverflow="clip" wrap="square" lIns="0" tIns="0" rIns="0" bIns="0" anchor="t" upright="1"/>
          <a:lstStyle/>
          <a:p>
            <a:pPr algn="l" rtl="0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Rev.</a:t>
            </a:r>
          </a:p>
        </xdr:txBody>
      </xdr:sp>
      <xdr:sp macro="" textlink="">
        <xdr:nvSpPr>
          <xdr:cNvPr id="2085" name="Text Box 37">
            <a:extLst>
              <a:ext uri="{FF2B5EF4-FFF2-40B4-BE49-F238E27FC236}">
                <a16:creationId xmlns:a16="http://schemas.microsoft.com/office/drawing/2014/main" id="{00000000-0008-0000-0200-000025080000}"/>
              </a:ext>
            </a:extLst>
          </xdr:cNvPr>
          <xdr:cNvSpPr txBox="1">
            <a:spLocks noChangeArrowheads="1"/>
          </xdr:cNvSpPr>
        </xdr:nvSpPr>
        <xdr:spPr bwMode="auto">
          <a:xfrm>
            <a:off x="9525" y="933450"/>
            <a:ext cx="571500" cy="2095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xdr:spPr>
        <xdr:txBody>
          <a:bodyPr vertOverflow="clip" wrap="square" lIns="27432" tIns="22860" rIns="0" bIns="0" anchor="t" upright="1"/>
          <a:lstStyle/>
          <a:p>
            <a:pPr algn="l" rtl="1">
              <a:defRPr sz="1000"/>
            </a:pPr>
            <a:r>
              <a:rPr lang="en-GB" sz="800" b="0" i="0" strike="noStrike">
                <a:solidFill>
                  <a:srgbClr val="000000"/>
                </a:solidFill>
                <a:latin typeface="Arial"/>
                <a:cs typeface="Arial"/>
              </a:rPr>
              <a:t>Calculation</a:t>
            </a:r>
          </a:p>
        </xdr:txBody>
      </xdr:sp>
    </xdr:grpSp>
    <xdr:clientData/>
  </xdr:twoCellAnchor>
  <xdr:twoCellAnchor editAs="oneCell">
    <xdr:from>
      <xdr:col>0</xdr:col>
      <xdr:colOff>104775</xdr:colOff>
      <xdr:row>0</xdr:row>
      <xdr:rowOff>180975</xdr:rowOff>
    </xdr:from>
    <xdr:to>
      <xdr:col>2</xdr:col>
      <xdr:colOff>44997</xdr:colOff>
      <xdr:row>0</xdr:row>
      <xdr:rowOff>468630</xdr:rowOff>
    </xdr:to>
    <xdr:pic>
      <xdr:nvPicPr>
        <xdr:cNvPr id="45" name="Picture 44" descr="Icon&#10;&#10;Description automatically generated">
          <a:extLst>
            <a:ext uri="{FF2B5EF4-FFF2-40B4-BE49-F238E27FC236}">
              <a16:creationId xmlns:a16="http://schemas.microsoft.com/office/drawing/2014/main" id="{F21C458E-3CC7-4504-BA9D-76BC6D1FCFC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04775" y="180975"/>
          <a:ext cx="1085850" cy="287655"/>
        </a:xfrm>
        <a:prstGeom prst="rect">
          <a:avLst/>
        </a:prstGeom>
      </xdr:spPr>
    </xdr:pic>
    <xdr:clientData/>
  </xdr:twoCellAnchor>
  <xdr:twoCellAnchor>
    <xdr:from>
      <xdr:col>0</xdr:col>
      <xdr:colOff>321880</xdr:colOff>
      <xdr:row>6</xdr:row>
      <xdr:rowOff>0</xdr:rowOff>
    </xdr:from>
    <xdr:to>
      <xdr:col>10</xdr:col>
      <xdr:colOff>321880</xdr:colOff>
      <xdr:row>15</xdr:row>
      <xdr:rowOff>100396</xdr:rowOff>
    </xdr:to>
    <xdr:graphicFrame macro="">
      <xdr:nvGraphicFramePr>
        <xdr:cNvPr id="3" name="Chart 2">
          <a:extLst>
            <a:ext uri="{FF2B5EF4-FFF2-40B4-BE49-F238E27FC236}">
              <a16:creationId xmlns:a16="http://schemas.microsoft.com/office/drawing/2014/main" id="{14866836-2ED9-8405-A78F-196CB39C0293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2"/>
        </a:graphicData>
      </a:graphic>
    </xdr:graphicFrame>
    <xdr:clientData/>
  </xdr:twoCellAnchor>
</xdr:wsDr>
</file>

<file path=xl/theme/theme1.xml><?xml version="1.0" encoding="utf-8"?>
<a:theme xmlns:a="http://schemas.openxmlformats.org/drawingml/2006/main" name="Office Theme">
  <a:themeElements>
    <a:clrScheme name="Arup">
      <a:dk1>
        <a:sysClr val="windowText" lastClr="000000"/>
      </a:dk1>
      <a:lt1>
        <a:sysClr val="window" lastClr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Office">
      <a:majorFont>
        <a:latin typeface="Cambria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noFill/>
        <a:ln w="9525" cap="flat" cmpd="sng" algn="ctr">
          <a:solidFill>
            <a:srgbClr val="C0C0C0"/>
          </a:solidFill>
          <a:prstDash val="solid"/>
          <a:round/>
          <a:headEnd type="none" w="med" len="med"/>
          <a:tailEnd type="none" w="med" len="med"/>
        </a:ln>
        <a:effectLst/>
      </a:spPr>
      <a:bodyPr vertOverflow="clip" wrap="square" lIns="18288" tIns="0" rIns="0" bIns="0" upright="1"/>
      <a:lstStyle/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noFill/>
        <a:ln w="9525" cap="flat" cmpd="sng" algn="ctr">
          <a:solidFill>
            <a:srgbClr val="C0C0C0"/>
          </a:solidFill>
          <a:prstDash val="solid"/>
          <a:round/>
          <a:headEnd type="none" w="med" len="med"/>
          <a:tailEnd type="none" w="med" len="med"/>
        </a:ln>
        <a:effectLst/>
      </a:spPr>
      <a:bodyPr vertOverflow="clip" wrap="square" lIns="18288" tIns="0" rIns="0" bIns="0" upright="1"/>
      <a:lstStyle/>
    </a:lnDef>
  </a:objectDefaults>
  <a:extraClrSchemeLst/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1.vml"/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Relationship Id="rId4" Type="http://schemas.openxmlformats.org/officeDocument/2006/relationships/comments" Target="../comments1.xml"/></Relationships>
</file>

<file path=xl/worksheets/_rels/sheet10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8.vml"/><Relationship Id="rId2" Type="http://schemas.openxmlformats.org/officeDocument/2006/relationships/drawing" Target="../drawings/drawing7.xml"/><Relationship Id="rId1" Type="http://schemas.openxmlformats.org/officeDocument/2006/relationships/printerSettings" Target="../printerSettings/printerSettings6.bin"/></Relationships>
</file>

<file path=xl/worksheets/_rels/sheet11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9.vml"/><Relationship Id="rId2" Type="http://schemas.openxmlformats.org/officeDocument/2006/relationships/drawing" Target="../drawings/drawing8.xml"/><Relationship Id="rId1" Type="http://schemas.openxmlformats.org/officeDocument/2006/relationships/printerSettings" Target="../printerSettings/printerSettings7.bin"/></Relationships>
</file>

<file path=xl/worksheets/_rels/sheet12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10.vml"/><Relationship Id="rId2" Type="http://schemas.openxmlformats.org/officeDocument/2006/relationships/drawing" Target="../drawings/drawing9.xml"/><Relationship Id="rId1" Type="http://schemas.openxmlformats.org/officeDocument/2006/relationships/printerSettings" Target="../printerSettings/printerSettings8.bin"/></Relationships>
</file>

<file path=xl/worksheets/_rels/sheet13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11.vml"/><Relationship Id="rId2" Type="http://schemas.openxmlformats.org/officeDocument/2006/relationships/drawing" Target="../drawings/drawing10.xml"/><Relationship Id="rId1" Type="http://schemas.openxmlformats.org/officeDocument/2006/relationships/printerSettings" Target="../printerSettings/printerSettings9.bin"/></Relationships>
</file>

<file path=xl/worksheets/_rels/sheet14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12.vml"/><Relationship Id="rId2" Type="http://schemas.openxmlformats.org/officeDocument/2006/relationships/drawing" Target="../drawings/drawing11.xml"/><Relationship Id="rId1" Type="http://schemas.openxmlformats.org/officeDocument/2006/relationships/printerSettings" Target="../printerSettings/printerSettings10.bin"/></Relationships>
</file>

<file path=xl/worksheets/_rels/sheet2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3.vml"/><Relationship Id="rId2" Type="http://schemas.openxmlformats.org/officeDocument/2006/relationships/vmlDrawing" Target="../drawings/vmlDrawing2.vml"/><Relationship Id="rId1" Type="http://schemas.openxmlformats.org/officeDocument/2006/relationships/printerSettings" Target="../printerSettings/printerSettings2.bin"/><Relationship Id="rId4" Type="http://schemas.openxmlformats.org/officeDocument/2006/relationships/comments" Target="../comments2.xml"/></Relationships>
</file>

<file path=xl/worksheets/_rels/sheet3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4.vml"/><Relationship Id="rId2" Type="http://schemas.openxmlformats.org/officeDocument/2006/relationships/drawing" Target="../drawings/drawing2.xml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5.vml"/><Relationship Id="rId2" Type="http://schemas.openxmlformats.org/officeDocument/2006/relationships/drawing" Target="../drawings/drawing3.xml"/><Relationship Id="rId1" Type="http://schemas.openxmlformats.org/officeDocument/2006/relationships/printerSettings" Target="../printerSettings/printerSettings4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4.xml"/></Relationships>
</file>

<file path=xl/worksheets/_rels/sheet8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6.vml"/><Relationship Id="rId2" Type="http://schemas.openxmlformats.org/officeDocument/2006/relationships/drawing" Target="../drawings/drawing5.xml"/><Relationship Id="rId1" Type="http://schemas.openxmlformats.org/officeDocument/2006/relationships/printerSettings" Target="../printerSettings/printerSettings5.bin"/><Relationship Id="rId5" Type="http://schemas.openxmlformats.org/officeDocument/2006/relationships/comments" Target="../comments3.xml"/><Relationship Id="rId4" Type="http://schemas.openxmlformats.org/officeDocument/2006/relationships/vmlDrawing" Target="../drawings/vmlDrawing7.vml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6.xml"/></Relationships>
</file>

<file path=xl/worksheets/sheet1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 codeName="Sheet1"/>
  <dimension ref="B1:F59"/>
  <sheetViews>
    <sheetView workbookViewId="0"/>
  </sheetViews>
  <sheetFormatPr defaultColWidth="9.140625" defaultRowHeight="12.75" x14ac:dyDescent="0.2"/>
  <cols>
    <col min="1" max="1" width="1.42578125" style="3" customWidth="1"/>
    <col min="2" max="2" width="7.140625" style="3" customWidth="1"/>
    <col min="3" max="5" width="8.5703125" style="3" customWidth="1"/>
    <col min="6" max="6" width="50.5703125" style="3" customWidth="1"/>
    <col min="7" max="7" width="1.5703125" style="3" customWidth="1"/>
    <col min="8" max="16384" width="9.140625" style="3"/>
  </cols>
  <sheetData>
    <row r="1" spans="2:6" x14ac:dyDescent="0.2">
      <c r="B1" s="22"/>
      <c r="C1" s="22"/>
    </row>
    <row r="2" spans="2:6" x14ac:dyDescent="0.2">
      <c r="B2" s="22"/>
      <c r="C2" s="22"/>
    </row>
    <row r="3" spans="2:6" x14ac:dyDescent="0.2">
      <c r="B3" s="22"/>
      <c r="C3" s="22"/>
    </row>
    <row r="4" spans="2:6" x14ac:dyDescent="0.2">
      <c r="B4" s="22"/>
      <c r="C4" s="22"/>
    </row>
    <row r="5" spans="2:6" x14ac:dyDescent="0.2">
      <c r="B5" s="22" t="s">
        <v>45</v>
      </c>
      <c r="C5" s="22"/>
      <c r="D5" s="29"/>
      <c r="E5" s="29"/>
      <c r="F5" s="1" t="s">
        <v>55</v>
      </c>
    </row>
    <row r="6" spans="2:6" ht="8.1" customHeight="1" x14ac:dyDescent="0.2">
      <c r="B6" s="22"/>
      <c r="C6" s="22"/>
    </row>
    <row r="7" spans="2:6" x14ac:dyDescent="0.2">
      <c r="B7" s="22" t="s">
        <v>46</v>
      </c>
      <c r="C7" s="22"/>
      <c r="D7" s="29"/>
      <c r="E7" s="29"/>
      <c r="F7" s="1" t="s">
        <v>53</v>
      </c>
    </row>
    <row r="8" spans="2:6" ht="8.1" customHeight="1" x14ac:dyDescent="0.2">
      <c r="B8" s="22"/>
      <c r="C8" s="22"/>
    </row>
    <row r="9" spans="2:6" x14ac:dyDescent="0.2">
      <c r="B9" s="22" t="s">
        <v>47</v>
      </c>
      <c r="C9" s="22"/>
      <c r="D9" s="29"/>
      <c r="E9" s="29"/>
      <c r="F9" s="1"/>
    </row>
    <row r="10" spans="2:6" ht="8.1" customHeight="1" x14ac:dyDescent="0.2">
      <c r="B10" s="22"/>
      <c r="C10" s="22"/>
    </row>
    <row r="11" spans="2:6" x14ac:dyDescent="0.2">
      <c r="B11" s="22" t="s">
        <v>48</v>
      </c>
      <c r="C11" s="22"/>
      <c r="D11" s="29"/>
      <c r="E11" s="29"/>
      <c r="F11" s="1" t="s">
        <v>54</v>
      </c>
    </row>
    <row r="12" spans="2:6" ht="8.1" customHeight="1" x14ac:dyDescent="0.2">
      <c r="B12" s="22"/>
      <c r="C12" s="22"/>
    </row>
    <row r="13" spans="2:6" s="6" customFormat="1" x14ac:dyDescent="0.2">
      <c r="B13" s="25" t="s">
        <v>2</v>
      </c>
      <c r="C13" s="25"/>
      <c r="F13" s="37" t="s">
        <v>52</v>
      </c>
    </row>
    <row r="14" spans="2:6" ht="8.1" customHeight="1" x14ac:dyDescent="0.2">
      <c r="B14" s="22"/>
      <c r="C14" s="22"/>
    </row>
    <row r="15" spans="2:6" s="6" customFormat="1" ht="25.5" customHeight="1" x14ac:dyDescent="0.2">
      <c r="B15" s="25" t="s">
        <v>0</v>
      </c>
      <c r="C15" s="25"/>
      <c r="F15" s="23"/>
    </row>
    <row r="16" spans="2:6" ht="8.1" customHeight="1" x14ac:dyDescent="0.2">
      <c r="B16" s="22"/>
      <c r="C16" s="22"/>
    </row>
    <row r="17" spans="2:6" x14ac:dyDescent="0.2">
      <c r="B17" s="22" t="s">
        <v>27</v>
      </c>
      <c r="F17" s="23"/>
    </row>
    <row r="18" spans="2:6" ht="8.1" customHeight="1" x14ac:dyDescent="0.2">
      <c r="B18" s="22"/>
      <c r="C18" s="22"/>
    </row>
    <row r="19" spans="2:6" s="6" customFormat="1" x14ac:dyDescent="0.2">
      <c r="B19" s="25" t="s">
        <v>21</v>
      </c>
      <c r="C19" s="25"/>
      <c r="E19" s="22"/>
      <c r="F19" s="23"/>
    </row>
    <row r="20" spans="2:6" ht="8.1" customHeight="1" x14ac:dyDescent="0.2">
      <c r="B20" s="22"/>
      <c r="C20" s="22"/>
    </row>
    <row r="21" spans="2:6" s="6" customFormat="1" x14ac:dyDescent="0.2">
      <c r="B21" s="25" t="s">
        <v>22</v>
      </c>
      <c r="C21" s="25"/>
      <c r="E21" s="22"/>
      <c r="F21" s="23"/>
    </row>
    <row r="22" spans="2:6" x14ac:dyDescent="0.2">
      <c r="B22" s="22"/>
      <c r="C22" s="22"/>
    </row>
    <row r="23" spans="2:6" ht="25.5" customHeight="1" x14ac:dyDescent="0.2">
      <c r="B23" s="25" t="s">
        <v>1</v>
      </c>
      <c r="C23" s="22"/>
      <c r="F23" s="17" t="s">
        <v>44</v>
      </c>
    </row>
    <row r="24" spans="2:6" x14ac:dyDescent="0.2">
      <c r="B24" s="22"/>
      <c r="C24" s="22"/>
    </row>
    <row r="25" spans="2:6" ht="12.75" customHeight="1" x14ac:dyDescent="0.2">
      <c r="B25" s="6"/>
      <c r="C25" s="26"/>
      <c r="D25" s="6"/>
      <c r="E25" s="6"/>
      <c r="F25" s="12"/>
    </row>
    <row r="26" spans="2:6" ht="12.75" customHeight="1" x14ac:dyDescent="0.2">
      <c r="B26" s="38" t="s">
        <v>49</v>
      </c>
      <c r="E26" s="6"/>
      <c r="F26" s="12"/>
    </row>
    <row r="27" spans="2:6" ht="8.1" customHeight="1" x14ac:dyDescent="0.2">
      <c r="B27" s="22"/>
      <c r="C27" s="22"/>
    </row>
    <row r="28" spans="2:6" ht="12.75" customHeight="1" x14ac:dyDescent="0.2">
      <c r="B28" s="30" t="s">
        <v>6</v>
      </c>
      <c r="C28" s="31"/>
      <c r="D28" s="30" t="s">
        <v>7</v>
      </c>
      <c r="E28" s="32"/>
      <c r="F28" s="16"/>
    </row>
    <row r="29" spans="2:6" ht="12.75" customHeight="1" x14ac:dyDescent="0.2">
      <c r="B29" s="33" t="s">
        <v>37</v>
      </c>
      <c r="C29" s="31"/>
      <c r="D29" s="33"/>
      <c r="E29" s="32"/>
      <c r="F29" s="16"/>
    </row>
    <row r="30" spans="2:6" ht="12.75" customHeight="1" x14ac:dyDescent="0.2">
      <c r="B30" s="33" t="s">
        <v>38</v>
      </c>
      <c r="C30" s="31"/>
      <c r="D30" s="33"/>
      <c r="E30" s="32"/>
      <c r="F30" s="16"/>
    </row>
    <row r="31" spans="2:6" ht="12.75" customHeight="1" x14ac:dyDescent="0.2">
      <c r="B31" s="33" t="s">
        <v>39</v>
      </c>
      <c r="C31" s="31"/>
      <c r="D31" s="33"/>
      <c r="E31" s="32"/>
      <c r="F31" s="16"/>
    </row>
    <row r="32" spans="2:6" ht="12.75" customHeight="1" x14ac:dyDescent="0.2">
      <c r="B32" s="33" t="s">
        <v>40</v>
      </c>
      <c r="C32" s="31"/>
      <c r="D32" s="33"/>
      <c r="E32" s="32"/>
      <c r="F32" s="16"/>
    </row>
    <row r="33" spans="2:6" ht="12.75" customHeight="1" x14ac:dyDescent="0.2">
      <c r="B33" s="33" t="s">
        <v>41</v>
      </c>
      <c r="C33" s="31"/>
      <c r="D33" s="33"/>
      <c r="E33" s="32"/>
      <c r="F33" s="16"/>
    </row>
    <row r="34" spans="2:6" ht="12.75" customHeight="1" x14ac:dyDescent="0.2">
      <c r="B34" s="33" t="s">
        <v>42</v>
      </c>
      <c r="C34" s="31"/>
      <c r="D34" s="33"/>
      <c r="E34" s="32"/>
      <c r="F34" s="16"/>
    </row>
    <row r="35" spans="2:6" ht="12.75" customHeight="1" x14ac:dyDescent="0.2">
      <c r="B35" s="33" t="s">
        <v>43</v>
      </c>
      <c r="C35" s="31"/>
      <c r="D35" s="33"/>
      <c r="E35" s="32"/>
      <c r="F35" s="16"/>
    </row>
    <row r="36" spans="2:6" ht="12.75" customHeight="1" x14ac:dyDescent="0.2">
      <c r="B36" s="33"/>
      <c r="C36" s="31"/>
      <c r="D36" s="33"/>
      <c r="E36" s="32"/>
      <c r="F36" s="16"/>
    </row>
    <row r="37" spans="2:6" ht="12.75" customHeight="1" x14ac:dyDescent="0.2">
      <c r="E37" s="6"/>
      <c r="F37" s="12"/>
    </row>
    <row r="38" spans="2:6" ht="12.75" customHeight="1" x14ac:dyDescent="0.2">
      <c r="B38" s="6"/>
      <c r="C38" s="26"/>
      <c r="D38" s="6"/>
      <c r="E38" s="6"/>
      <c r="F38" s="12"/>
    </row>
    <row r="39" spans="2:6" ht="12.75" customHeight="1" x14ac:dyDescent="0.2">
      <c r="B39" s="39" t="s">
        <v>50</v>
      </c>
      <c r="C39" s="26"/>
      <c r="D39" s="6"/>
      <c r="E39" s="6"/>
      <c r="F39" s="12"/>
    </row>
    <row r="40" spans="2:6" ht="8.1" customHeight="1" x14ac:dyDescent="0.2">
      <c r="B40" s="22"/>
      <c r="C40" s="22"/>
    </row>
    <row r="41" spans="2:6" ht="12.75" customHeight="1" x14ac:dyDescent="0.2">
      <c r="B41" s="6" t="s">
        <v>8</v>
      </c>
      <c r="C41" s="26"/>
      <c r="D41" s="6"/>
      <c r="E41" s="6"/>
      <c r="F41" s="27"/>
    </row>
    <row r="42" spans="2:6" ht="8.1" customHeight="1" x14ac:dyDescent="0.2">
      <c r="B42" s="22"/>
      <c r="C42" s="22"/>
    </row>
    <row r="43" spans="2:6" s="13" customFormat="1" ht="20.100000000000001" customHeight="1" x14ac:dyDescent="0.2">
      <c r="B43" s="14" t="s">
        <v>20</v>
      </c>
      <c r="C43" s="14"/>
      <c r="E43" s="13" t="s">
        <v>24</v>
      </c>
      <c r="F43" s="28"/>
    </row>
    <row r="44" spans="2:6" ht="8.1" customHeight="1" x14ac:dyDescent="0.2">
      <c r="B44" s="22"/>
      <c r="C44" s="22"/>
    </row>
    <row r="45" spans="2:6" s="13" customFormat="1" ht="20.100000000000001" customHeight="1" x14ac:dyDescent="0.2">
      <c r="C45" s="14"/>
      <c r="E45" s="13" t="s">
        <v>25</v>
      </c>
      <c r="F45" s="28"/>
    </row>
    <row r="46" spans="2:6" ht="12.75" customHeight="1" x14ac:dyDescent="0.2">
      <c r="B46" s="6"/>
      <c r="C46" s="26"/>
      <c r="D46" s="6"/>
      <c r="E46" s="6"/>
      <c r="F46" s="12"/>
    </row>
    <row r="47" spans="2:6" x14ac:dyDescent="0.2">
      <c r="B47" s="22"/>
      <c r="C47" s="22"/>
    </row>
    <row r="48" spans="2:6" x14ac:dyDescent="0.2">
      <c r="B48" s="38" t="s">
        <v>51</v>
      </c>
      <c r="C48" s="22"/>
      <c r="E48" s="24" t="s">
        <v>26</v>
      </c>
      <c r="F48" s="35"/>
    </row>
    <row r="49" spans="2:6" ht="8.1" customHeight="1" x14ac:dyDescent="0.2">
      <c r="C49" s="22"/>
    </row>
    <row r="50" spans="2:6" ht="12.75" customHeight="1" x14ac:dyDescent="0.2">
      <c r="B50" s="19" t="s">
        <v>9</v>
      </c>
      <c r="C50" s="19" t="s">
        <v>2</v>
      </c>
      <c r="D50" s="20" t="s">
        <v>3</v>
      </c>
      <c r="E50" s="20" t="s">
        <v>5</v>
      </c>
      <c r="F50" s="21" t="s">
        <v>4</v>
      </c>
    </row>
    <row r="51" spans="2:6" ht="12.75" customHeight="1" x14ac:dyDescent="0.2">
      <c r="B51" s="34"/>
      <c r="C51" s="36"/>
      <c r="D51" s="7"/>
      <c r="E51" s="7"/>
      <c r="F51" s="8"/>
    </row>
    <row r="52" spans="2:6" ht="12.75" customHeight="1" x14ac:dyDescent="0.2">
      <c r="B52" s="7"/>
      <c r="C52" s="36"/>
      <c r="D52" s="7"/>
      <c r="E52" s="7"/>
      <c r="F52" s="8"/>
    </row>
    <row r="53" spans="2:6" ht="12.75" customHeight="1" x14ac:dyDescent="0.2">
      <c r="B53" s="7"/>
      <c r="C53" s="36"/>
      <c r="D53" s="7"/>
      <c r="E53" s="7"/>
      <c r="F53" s="8"/>
    </row>
    <row r="54" spans="2:6" customFormat="1" ht="12.75" customHeight="1" x14ac:dyDescent="0.2"/>
    <row r="55" spans="2:6" customFormat="1" ht="12.75" customHeight="1" x14ac:dyDescent="0.2"/>
    <row r="56" spans="2:6" customFormat="1" ht="12.75" customHeight="1" x14ac:dyDescent="0.2"/>
    <row r="57" spans="2:6" customFormat="1" ht="12.75" customHeight="1" x14ac:dyDescent="0.2"/>
    <row r="58" spans="2:6" customFormat="1" ht="12.75" customHeight="1" x14ac:dyDescent="0.2"/>
    <row r="59" spans="2:6" ht="12.75" customHeight="1" x14ac:dyDescent="0.2">
      <c r="B59" s="6"/>
      <c r="C59" s="26"/>
      <c r="D59" s="6"/>
      <c r="E59" s="6"/>
      <c r="F59" s="12"/>
    </row>
  </sheetData>
  <phoneticPr fontId="0" type="noConversion"/>
  <pageMargins left="0.59055118110236227" right="0.59055118110236227" top="0.59055118110236227" bottom="0.94488188976377963" header="0.51181102362204722" footer="0.62992125984251968"/>
  <pageSetup paperSize="9" orientation="portrait" r:id="rId1"/>
  <headerFooter>
    <oddFooter>&amp;L&amp;6&amp;Z
&amp;F : &amp;A&amp;R&amp;6Page &amp;P of &amp;N
Printed &amp;D  Time &amp;T</oddFooter>
  </headerFooter>
  <drawing r:id="rId2"/>
  <legacyDrawing r:id="rId3"/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500-000000000000}">
  <sheetPr codeName="Sheet6">
    <tabColor theme="9" tint="0.59999389629810485"/>
  </sheetPr>
  <dimension ref="B3:AY5514"/>
  <sheetViews>
    <sheetView topLeftCell="A10" workbookViewId="0">
      <selection activeCell="A85" sqref="A85:XFD85"/>
    </sheetView>
  </sheetViews>
  <sheetFormatPr defaultRowHeight="12.75" x14ac:dyDescent="0.2"/>
  <cols>
    <col min="4" max="4" width="11.5703125" customWidth="1"/>
    <col min="5" max="5" width="10.85546875" bestFit="1" customWidth="1"/>
    <col min="6" max="6" width="11.42578125" customWidth="1"/>
    <col min="7" max="7" width="11.85546875" customWidth="1"/>
    <col min="8" max="9" width="14.85546875" customWidth="1"/>
    <col min="10" max="10" width="11.5703125" customWidth="1"/>
    <col min="11" max="25" width="8.7109375" customWidth="1"/>
    <col min="39" max="39" width="8.42578125" customWidth="1"/>
    <col min="50" max="51" width="9.7109375" bestFit="1" customWidth="1"/>
  </cols>
  <sheetData>
    <row r="3" spans="24:26" x14ac:dyDescent="0.2">
      <c r="X3" s="119" t="s">
        <v>200</v>
      </c>
    </row>
    <row r="5" spans="24:26" x14ac:dyDescent="0.2">
      <c r="X5" s="3" t="s">
        <v>199</v>
      </c>
    </row>
    <row r="6" spans="24:26" x14ac:dyDescent="0.2">
      <c r="X6" s="272" t="s">
        <v>71</v>
      </c>
      <c r="Y6" s="117" t="s">
        <v>196</v>
      </c>
      <c r="Z6" s="118"/>
    </row>
    <row r="7" spans="24:26" x14ac:dyDescent="0.2">
      <c r="X7" s="272"/>
      <c r="Y7" s="116" t="s">
        <v>197</v>
      </c>
      <c r="Z7" s="116" t="s">
        <v>198</v>
      </c>
    </row>
    <row r="8" spans="24:26" x14ac:dyDescent="0.2">
      <c r="X8" s="55">
        <v>25</v>
      </c>
      <c r="Y8" s="55">
        <v>5400</v>
      </c>
      <c r="Z8" s="55">
        <v>20</v>
      </c>
    </row>
    <row r="9" spans="24:26" x14ac:dyDescent="0.2">
      <c r="X9" s="55">
        <v>30</v>
      </c>
      <c r="Y9" s="55">
        <v>8700</v>
      </c>
      <c r="Z9" s="55">
        <v>32</v>
      </c>
    </row>
    <row r="10" spans="24:26" x14ac:dyDescent="0.2">
      <c r="X10" s="55">
        <v>35</v>
      </c>
      <c r="Y10" s="55">
        <v>22000</v>
      </c>
      <c r="Z10" s="55">
        <v>80</v>
      </c>
    </row>
    <row r="11" spans="24:26" x14ac:dyDescent="0.2">
      <c r="X11" s="55">
        <v>40</v>
      </c>
      <c r="Y11" s="55">
        <v>45000</v>
      </c>
      <c r="Z11" s="55">
        <v>165</v>
      </c>
    </row>
    <row r="19" spans="2:51" x14ac:dyDescent="0.2">
      <c r="Q19" s="3" t="s">
        <v>201</v>
      </c>
    </row>
    <row r="21" spans="2:51" ht="13.5" thickBot="1" x14ac:dyDescent="0.25"/>
    <row r="22" spans="2:51" ht="13.5" thickBot="1" x14ac:dyDescent="0.25">
      <c r="U22" s="283" t="s">
        <v>187</v>
      </c>
      <c r="V22" s="284"/>
      <c r="W22" s="285"/>
      <c r="Y22" s="82"/>
      <c r="Z22" s="297" t="s">
        <v>203</v>
      </c>
      <c r="AA22" s="298"/>
      <c r="AB22" s="298"/>
      <c r="AC22" s="298"/>
      <c r="AD22" s="298"/>
      <c r="AE22" s="298"/>
      <c r="AF22" s="298"/>
      <c r="AG22" s="298"/>
      <c r="AH22" s="298"/>
      <c r="AI22" s="298"/>
      <c r="AJ22" s="298"/>
      <c r="AK22" s="298"/>
      <c r="AL22" s="298"/>
      <c r="AM22" s="298"/>
      <c r="AN22" s="298"/>
      <c r="AO22" s="298"/>
      <c r="AP22" s="298"/>
      <c r="AQ22" s="298"/>
      <c r="AR22" s="298"/>
      <c r="AS22" s="298"/>
      <c r="AT22" s="298"/>
      <c r="AU22" s="298"/>
      <c r="AV22" s="298"/>
      <c r="AW22" s="298"/>
      <c r="AX22" s="298"/>
      <c r="AY22" s="298"/>
    </row>
    <row r="23" spans="2:51" ht="19.5" customHeight="1" x14ac:dyDescent="0.2">
      <c r="B23" s="254" t="s">
        <v>68</v>
      </c>
      <c r="C23" s="256" t="s">
        <v>59</v>
      </c>
      <c r="D23" s="257" t="s">
        <v>69</v>
      </c>
      <c r="E23" s="294" t="s">
        <v>70</v>
      </c>
      <c r="F23" s="296" t="s">
        <v>86</v>
      </c>
      <c r="G23" s="296" t="s">
        <v>87</v>
      </c>
      <c r="H23" s="258" t="s">
        <v>95</v>
      </c>
      <c r="I23" s="295" t="s">
        <v>71</v>
      </c>
      <c r="J23" s="292" t="s">
        <v>81</v>
      </c>
      <c r="K23" s="281" t="s">
        <v>71</v>
      </c>
      <c r="L23" s="290" t="s">
        <v>184</v>
      </c>
      <c r="M23" s="290" t="s">
        <v>184</v>
      </c>
      <c r="N23" s="290" t="s">
        <v>185</v>
      </c>
      <c r="O23" s="290" t="s">
        <v>185</v>
      </c>
      <c r="P23" s="286" t="s">
        <v>188</v>
      </c>
      <c r="Q23" s="286" t="s">
        <v>189</v>
      </c>
      <c r="R23" s="286" t="s">
        <v>190</v>
      </c>
      <c r="S23" s="286" t="s">
        <v>191</v>
      </c>
      <c r="T23" s="286" t="s">
        <v>192</v>
      </c>
      <c r="U23" s="286" t="s">
        <v>193</v>
      </c>
      <c r="V23" s="286" t="s">
        <v>194</v>
      </c>
      <c r="W23" s="288" t="s">
        <v>195</v>
      </c>
      <c r="X23" s="273" t="s">
        <v>176</v>
      </c>
      <c r="Y23" s="279" t="s">
        <v>196</v>
      </c>
      <c r="Z23" s="275" t="s">
        <v>286</v>
      </c>
      <c r="AA23" s="277" t="s">
        <v>287</v>
      </c>
      <c r="AB23" s="277" t="s">
        <v>288</v>
      </c>
      <c r="AC23" s="277" t="s">
        <v>289</v>
      </c>
      <c r="AD23" s="277" t="s">
        <v>290</v>
      </c>
      <c r="AE23" s="277" t="s">
        <v>291</v>
      </c>
      <c r="AF23" s="277" t="s">
        <v>292</v>
      </c>
      <c r="AG23" s="277" t="s">
        <v>293</v>
      </c>
      <c r="AH23" s="277" t="s">
        <v>294</v>
      </c>
      <c r="AI23" s="277" t="s">
        <v>295</v>
      </c>
      <c r="AJ23" s="299" t="s">
        <v>296</v>
      </c>
      <c r="AK23" s="277" t="s">
        <v>325</v>
      </c>
      <c r="AL23" s="277" t="s">
        <v>326</v>
      </c>
      <c r="AM23" s="275" t="s">
        <v>297</v>
      </c>
      <c r="AN23" s="277" t="s">
        <v>298</v>
      </c>
      <c r="AO23" s="277" t="s">
        <v>299</v>
      </c>
      <c r="AP23" s="277" t="s">
        <v>300</v>
      </c>
      <c r="AQ23" s="277" t="s">
        <v>301</v>
      </c>
      <c r="AR23" s="277" t="s">
        <v>302</v>
      </c>
      <c r="AS23" s="277" t="s">
        <v>303</v>
      </c>
      <c r="AT23" s="277" t="s">
        <v>304</v>
      </c>
      <c r="AU23" s="277" t="s">
        <v>305</v>
      </c>
      <c r="AV23" s="277" t="s">
        <v>306</v>
      </c>
      <c r="AW23" s="299" t="s">
        <v>307</v>
      </c>
      <c r="AX23" s="277" t="s">
        <v>323</v>
      </c>
      <c r="AY23" s="277" t="s">
        <v>324</v>
      </c>
    </row>
    <row r="24" spans="2:51" ht="20.100000000000001" customHeight="1" thickBot="1" x14ac:dyDescent="0.25">
      <c r="B24" s="255"/>
      <c r="C24" s="251"/>
      <c r="D24" s="252"/>
      <c r="E24" s="253"/>
      <c r="F24" s="243"/>
      <c r="G24" s="243"/>
      <c r="H24" s="244"/>
      <c r="I24" s="272"/>
      <c r="J24" s="293"/>
      <c r="K24" s="282"/>
      <c r="L24" s="291"/>
      <c r="M24" s="291"/>
      <c r="N24" s="291"/>
      <c r="O24" s="291"/>
      <c r="P24" s="287"/>
      <c r="Q24" s="287"/>
      <c r="R24" s="287"/>
      <c r="S24" s="287"/>
      <c r="T24" s="287"/>
      <c r="U24" s="287"/>
      <c r="V24" s="287"/>
      <c r="W24" s="289"/>
      <c r="X24" s="274"/>
      <c r="Y24" s="280"/>
      <c r="Z24" s="276"/>
      <c r="AA24" s="278"/>
      <c r="AB24" s="278"/>
      <c r="AC24" s="278"/>
      <c r="AD24" s="278"/>
      <c r="AE24" s="278"/>
      <c r="AF24" s="278"/>
      <c r="AG24" s="278"/>
      <c r="AH24" s="278"/>
      <c r="AI24" s="278"/>
      <c r="AJ24" s="300"/>
      <c r="AK24" s="278"/>
      <c r="AL24" s="278"/>
      <c r="AM24" s="276"/>
      <c r="AN24" s="278"/>
      <c r="AO24" s="278"/>
      <c r="AP24" s="278"/>
      <c r="AQ24" s="278"/>
      <c r="AR24" s="278"/>
      <c r="AS24" s="278"/>
      <c r="AT24" s="278"/>
      <c r="AU24" s="278"/>
      <c r="AV24" s="278"/>
      <c r="AW24" s="300"/>
      <c r="AX24" s="278"/>
      <c r="AY24" s="278"/>
    </row>
    <row r="25" spans="2:51" ht="15" thickBot="1" x14ac:dyDescent="0.25">
      <c r="B25" s="103" t="s">
        <v>72</v>
      </c>
      <c r="C25" s="104" t="s">
        <v>57</v>
      </c>
      <c r="D25" s="104" t="s">
        <v>57</v>
      </c>
      <c r="E25" s="106"/>
      <c r="F25" s="108" t="s">
        <v>74</v>
      </c>
      <c r="G25" s="108" t="s">
        <v>74</v>
      </c>
      <c r="H25" s="105" t="s">
        <v>64</v>
      </c>
      <c r="I25" s="107" t="s">
        <v>73</v>
      </c>
      <c r="J25" s="110" t="s">
        <v>57</v>
      </c>
      <c r="K25" s="113" t="s">
        <v>186</v>
      </c>
      <c r="L25" s="106" t="s">
        <v>90</v>
      </c>
      <c r="M25" s="107" t="s">
        <v>186</v>
      </c>
      <c r="N25" s="106" t="s">
        <v>90</v>
      </c>
      <c r="O25" s="107" t="s">
        <v>186</v>
      </c>
      <c r="P25" s="106" t="s">
        <v>90</v>
      </c>
      <c r="Q25" s="106" t="s">
        <v>90</v>
      </c>
      <c r="R25" s="106" t="s">
        <v>90</v>
      </c>
      <c r="S25" s="106" t="s">
        <v>90</v>
      </c>
      <c r="T25" s="106" t="s">
        <v>90</v>
      </c>
      <c r="U25" s="106" t="s">
        <v>106</v>
      </c>
      <c r="V25" s="106" t="s">
        <v>106</v>
      </c>
      <c r="W25" s="109" t="s">
        <v>106</v>
      </c>
      <c r="X25" s="105" t="s">
        <v>90</v>
      </c>
      <c r="Y25" s="124" t="s">
        <v>320</v>
      </c>
      <c r="Z25" s="139" t="s">
        <v>58</v>
      </c>
      <c r="AA25" s="140" t="s">
        <v>58</v>
      </c>
      <c r="AB25" s="140" t="s">
        <v>58</v>
      </c>
      <c r="AC25" s="140" t="s">
        <v>58</v>
      </c>
      <c r="AD25" s="140" t="s">
        <v>58</v>
      </c>
      <c r="AE25" s="140" t="s">
        <v>58</v>
      </c>
      <c r="AF25" s="140" t="s">
        <v>58</v>
      </c>
      <c r="AG25" s="140" t="s">
        <v>58</v>
      </c>
      <c r="AH25" s="140" t="s">
        <v>58</v>
      </c>
      <c r="AI25" s="140" t="s">
        <v>58</v>
      </c>
      <c r="AJ25" s="125" t="s">
        <v>58</v>
      </c>
      <c r="AK25" s="140" t="s">
        <v>58</v>
      </c>
      <c r="AL25" s="125" t="s">
        <v>58</v>
      </c>
      <c r="AM25" s="139" t="s">
        <v>106</v>
      </c>
      <c r="AN25" s="140" t="s">
        <v>106</v>
      </c>
      <c r="AO25" s="140" t="s">
        <v>106</v>
      </c>
      <c r="AP25" s="140" t="s">
        <v>106</v>
      </c>
      <c r="AQ25" s="140" t="s">
        <v>106</v>
      </c>
      <c r="AR25" s="140" t="s">
        <v>106</v>
      </c>
      <c r="AS25" s="140" t="s">
        <v>106</v>
      </c>
      <c r="AT25" s="140" t="s">
        <v>106</v>
      </c>
      <c r="AU25" s="140" t="s">
        <v>106</v>
      </c>
      <c r="AV25" s="140" t="s">
        <v>106</v>
      </c>
      <c r="AW25" s="125" t="s">
        <v>106</v>
      </c>
      <c r="AX25" s="140" t="s">
        <v>106</v>
      </c>
      <c r="AY25" s="125" t="s">
        <v>106</v>
      </c>
    </row>
    <row r="26" spans="2:51" ht="13.5" thickBot="1" x14ac:dyDescent="0.25">
      <c r="B26" s="97">
        <f>'p-y mono_clay'!B26</f>
        <v>-15.5</v>
      </c>
      <c r="J26" s="98"/>
      <c r="K26" s="94"/>
      <c r="L26" s="95"/>
      <c r="M26" s="95"/>
      <c r="N26" s="114"/>
      <c r="O26" s="95"/>
      <c r="P26" s="95"/>
      <c r="Q26" s="95"/>
      <c r="R26" s="95"/>
      <c r="S26" s="95"/>
      <c r="T26" s="95"/>
      <c r="U26" s="95"/>
      <c r="V26" s="95"/>
      <c r="W26" s="96"/>
      <c r="Z26" s="141"/>
      <c r="AA26" s="138"/>
      <c r="AB26" s="138"/>
      <c r="AC26" s="138"/>
      <c r="AD26" s="138"/>
      <c r="AE26" s="138"/>
      <c r="AF26" s="138"/>
      <c r="AG26" s="138"/>
      <c r="AH26" s="138"/>
      <c r="AI26" s="138"/>
      <c r="AJ26" s="142"/>
      <c r="AK26" s="205"/>
      <c r="AL26" s="205"/>
      <c r="AM26" s="148"/>
      <c r="AN26" s="149"/>
      <c r="AO26" s="149"/>
      <c r="AP26" s="149"/>
      <c r="AQ26" s="149"/>
      <c r="AR26" s="149"/>
      <c r="AS26" s="149"/>
      <c r="AT26" s="149"/>
      <c r="AU26" s="149"/>
      <c r="AV26" s="149"/>
      <c r="AW26" s="150"/>
      <c r="AX26" s="205"/>
      <c r="AY26" s="205"/>
    </row>
    <row r="27" spans="2:51" ht="13.5" thickBot="1" x14ac:dyDescent="0.25">
      <c r="B27" s="97">
        <f>'p-y mono_clay'!B27</f>
        <v>-16.5</v>
      </c>
      <c r="C27">
        <f>'p-y mono_clay'!C27</f>
        <v>1</v>
      </c>
      <c r="D27">
        <f>'p-y mono_clay'!D27</f>
        <v>0.98599999999999999</v>
      </c>
      <c r="E27" t="str">
        <f>'p-y mono_clay'!E27</f>
        <v>SAND</v>
      </c>
      <c r="F27" s="43">
        <f>'p-y mono_clay'!G27</f>
        <v>11.873836288128935</v>
      </c>
      <c r="G27" s="43">
        <f>'p-y mono_clay'!H27</f>
        <v>1.8738362881289348</v>
      </c>
      <c r="H27" s="43">
        <f>'p-y mono_clay'!I27</f>
        <v>1.8607194341120321</v>
      </c>
      <c r="I27">
        <f>INDEX('CPT Data'!$T$13:$T$20000,MATCH(C27,'CPT Data'!$B$13:$B$20000,1))</f>
        <v>35.306870372263035</v>
      </c>
      <c r="J27" s="98">
        <f>'Pile Property'!$B$8</f>
        <v>2</v>
      </c>
      <c r="K27" s="97">
        <f t="shared" ref="K27:K58" si="0">RADIANS(I27)</f>
        <v>0.616221136570826</v>
      </c>
      <c r="L27">
        <f t="shared" ref="L27:L58" si="1">I27/2</f>
        <v>17.653435186131517</v>
      </c>
      <c r="M27">
        <f>RADIANS(L27)</f>
        <v>0.308110568285413</v>
      </c>
      <c r="N27" s="3">
        <f>45+L27</f>
        <v>62.653435186131517</v>
      </c>
      <c r="O27">
        <f>RADIANS(N27)</f>
        <v>1.0935087316828613</v>
      </c>
      <c r="P27">
        <v>0.4</v>
      </c>
      <c r="Q27">
        <f t="shared" ref="Q27:Q58" si="2">(1-SIN(I27*PI()/180))/(1+SIN(I27*PI()/180))</f>
        <v>0.26746287873431318</v>
      </c>
      <c r="R27">
        <f>(((TAN(O27)^2)*TAN(M27))/(TAN(O27-K27)))+(P27*(((TAN(K27)*SIN(O27))/(COS(M27)*TAN(O27-K27)))+(TAN(O27)*((TAN(K27)*SIN(O27))-TAN(M27)))))</f>
        <v>3.0517392675063024</v>
      </c>
      <c r="S27">
        <f>(TAN(O27)/TAN(O27-K27))-Q27</f>
        <v>3.4713737206928545</v>
      </c>
      <c r="T27">
        <f>(Q27*(TAN(O27)^8-1))+(P27*TAN(K27)*TAN(O27)^4)</f>
        <v>55.957408374701672</v>
      </c>
      <c r="U27">
        <f t="shared" ref="U27:U58" si="3">((R27*D27)+(S27*J27))*G27*D27</f>
        <v>18.386901811253448</v>
      </c>
      <c r="V27">
        <f t="shared" ref="V27:V58" si="4">T27*J27*G27*D27</f>
        <v>206.77410417707125</v>
      </c>
      <c r="W27" s="98">
        <f>MIN(U27:V27)</f>
        <v>18.386901811253448</v>
      </c>
      <c r="X27">
        <f t="shared" ref="X27:X58" si="5">MAX((3-((0.8*D27)/J27)),0.9)</f>
        <v>2.6055999999999999</v>
      </c>
      <c r="Y27">
        <f>IF(I27=$X$8,$Y$8,IF(I27=$X$9,$Y$9,IF(I27=$X$10,$Y$10,IF(I27=$X$11,$Y$11,IF(AND(I27&gt;$X$8,I27&lt;$X$9),((($Y$9-$Y$8)/($X$9-$X$8)))*(I27-$X$8)+$Y$8,IF(AND(I27&gt;$X$9,I27&lt;$X$10),((($Y$10-$Y$9)/($X$10-$X$9)))*(I27-$X$9)+$Y$9,IF(AND(I27&gt;$X$10,I27&lt;$X$11),((($Y$11-$Y$10)/($X$11-$X$10)))*(I27-$X$10)+$Y$10,5400)))))))</f>
        <v>23411.60371240996</v>
      </c>
      <c r="Z27" s="143">
        <v>0</v>
      </c>
      <c r="AA27" s="137">
        <f>(Z27+(0.005*$J27*1000))</f>
        <v>10</v>
      </c>
      <c r="AB27" s="137">
        <f t="shared" ref="AB27:AJ27" si="6">(AA27+(0.005*$J27*1000))</f>
        <v>20</v>
      </c>
      <c r="AC27" s="137">
        <f t="shared" si="6"/>
        <v>30</v>
      </c>
      <c r="AD27" s="137">
        <f t="shared" si="6"/>
        <v>40</v>
      </c>
      <c r="AE27" s="137">
        <f t="shared" si="6"/>
        <v>50</v>
      </c>
      <c r="AF27" s="137">
        <f t="shared" si="6"/>
        <v>60</v>
      </c>
      <c r="AG27" s="137">
        <f t="shared" si="6"/>
        <v>70</v>
      </c>
      <c r="AH27" s="137">
        <f t="shared" si="6"/>
        <v>80</v>
      </c>
      <c r="AI27" s="137">
        <f t="shared" si="6"/>
        <v>90</v>
      </c>
      <c r="AJ27" s="137">
        <f t="shared" si="6"/>
        <v>100</v>
      </c>
      <c r="AK27" s="137">
        <f>(AJ27+(0.005*$J27*1000))</f>
        <v>110</v>
      </c>
      <c r="AL27" s="137">
        <f t="shared" ref="AL27" si="7">(AK27+(0.005*$J27*1000))</f>
        <v>120</v>
      </c>
      <c r="AM27" s="151">
        <f>$X27*$W27*TANH((($Y27*$D27)/($X27*$W27))*(Z27/1000))</f>
        <v>0</v>
      </c>
      <c r="AN27" s="152">
        <f t="shared" ref="AN27:AW27" si="8">$X27*$W27*TANH((($Y27*$D27)/($X27*$W27))*(AA27/1000))</f>
        <v>47.902655087882714</v>
      </c>
      <c r="AO27" s="152">
        <f t="shared" si="8"/>
        <v>47.908910950855386</v>
      </c>
      <c r="AP27" s="152">
        <f t="shared" si="8"/>
        <v>47.90891135937531</v>
      </c>
      <c r="AQ27" s="152">
        <f t="shared" si="8"/>
        <v>47.908911359401984</v>
      </c>
      <c r="AR27" s="152">
        <f t="shared" si="8"/>
        <v>47.908911359401984</v>
      </c>
      <c r="AS27" s="152">
        <f t="shared" si="8"/>
        <v>47.908911359401984</v>
      </c>
      <c r="AT27" s="152">
        <f t="shared" si="8"/>
        <v>47.908911359401984</v>
      </c>
      <c r="AU27" s="152">
        <f t="shared" si="8"/>
        <v>47.908911359401984</v>
      </c>
      <c r="AV27" s="152">
        <f t="shared" si="8"/>
        <v>47.908911359401984</v>
      </c>
      <c r="AW27" s="153">
        <f t="shared" si="8"/>
        <v>47.908911359401984</v>
      </c>
      <c r="AX27" s="151">
        <f>$X27*$W27*TANH((($Y27*$D27)/($X27*$W27))*(AK27/1000))</f>
        <v>47.908911359401984</v>
      </c>
      <c r="AY27" s="152">
        <f t="shared" ref="AY27" si="9">$X27*$W27*TANH((($Y27*$D27)/($X27*$W27))*(AL27/1000))</f>
        <v>47.908911359401984</v>
      </c>
    </row>
    <row r="28" spans="2:51" ht="13.5" thickBot="1" x14ac:dyDescent="0.25">
      <c r="B28" s="97">
        <f>'p-y mono_clay'!B28</f>
        <v>-17.5</v>
      </c>
      <c r="C28">
        <f>'p-y mono_clay'!C28</f>
        <v>2</v>
      </c>
      <c r="D28">
        <f>'p-y mono_clay'!D28</f>
        <v>1.9860000000000002</v>
      </c>
      <c r="E28" t="str">
        <f>'p-y mono_clay'!E28</f>
        <v>SAND</v>
      </c>
      <c r="F28" s="43">
        <f>'p-y mono_clay'!G28</f>
        <v>13.037505341998505</v>
      </c>
      <c r="G28" s="43">
        <f>'p-y mono_clay'!H28</f>
        <v>3.0375053419985054</v>
      </c>
      <c r="H28" s="43">
        <f>'p-y mono_clay'!I28</f>
        <v>6.0537481466030219</v>
      </c>
      <c r="I28">
        <f>INDEX('CPT Data'!$T$13:$T$20000,MATCH(C28,'CPT Data'!$B$13:$B$20000,1))</f>
        <v>32.890180632533124</v>
      </c>
      <c r="J28" s="98">
        <f>'Pile Property'!$B$8</f>
        <v>2</v>
      </c>
      <c r="K28" s="97">
        <f t="shared" si="0"/>
        <v>0.57404194361337424</v>
      </c>
      <c r="L28">
        <f t="shared" si="1"/>
        <v>16.445090316266562</v>
      </c>
      <c r="M28">
        <f t="shared" ref="M28:M82" si="10">RADIANS(L28)</f>
        <v>0.28702097180668712</v>
      </c>
      <c r="N28" s="3">
        <f t="shared" ref="N28:N82" si="11">45+L28</f>
        <v>61.445090316266558</v>
      </c>
      <c r="O28">
        <f t="shared" ref="O28:O82" si="12">RADIANS(N28)</f>
        <v>1.0724191352041352</v>
      </c>
      <c r="P28">
        <v>0.4</v>
      </c>
      <c r="Q28">
        <f t="shared" si="2"/>
        <v>0.29615061931976239</v>
      </c>
      <c r="R28">
        <f>(((TAN(O28)^2)*TAN(M28))/(TAN(O28-K28)))+(P28*(((TAN(K28)*SIN(O28))/(COS(M28)*TAN(O28-K28)))+(TAN(O28)*((TAN(K28)*SIN(O28))-TAN(M28)))))</f>
        <v>2.4673668268130324</v>
      </c>
      <c r="S28">
        <f t="shared" ref="S28:S82" si="13">(TAN(O28)/TAN(O28-K28))-Q28</f>
        <v>3.0805095487289536</v>
      </c>
      <c r="T28">
        <f t="shared" ref="T28:T82" si="14">(Q28*(TAN(O28)^8-1))+(P28*TAN(K28)*TAN(O28)^4)</f>
        <v>41.153329959527731</v>
      </c>
      <c r="U28">
        <f t="shared" si="3"/>
        <v>66.726587826000141</v>
      </c>
      <c r="V28">
        <f t="shared" si="4"/>
        <v>496.51374150376392</v>
      </c>
      <c r="W28" s="98">
        <f t="shared" ref="W28:W82" si="15">MIN(U28:V28)</f>
        <v>66.726587826000141</v>
      </c>
      <c r="X28">
        <f t="shared" si="5"/>
        <v>2.2056</v>
      </c>
      <c r="Y28">
        <f t="shared" ref="Y28:Y82" si="16">IF(I28=$X$8,$Y$8,IF(I28=$X$9,$Y$9,IF(I28=$X$10,$Y$10,IF(I28=$X$11,$Y$11,IF(AND(I28&gt;$X$8,I28&lt;$X$9),((($Y$9-$Y$8)/($X$9-$X$8)))*(I28-$X$8)+$Y$8,IF(AND(I28&gt;$X$9,I28&lt;$X$10),((($Y$10-$Y$9)/($X$10-$X$9)))*(I28-$X$9)+$Y$9,IF(AND(I28&gt;$X$10,I28&lt;$X$11),((($Y$11-$Y$10)/($X$11-$X$10)))*(I28-$X$10)+$Y$10,5400)))))))</f>
        <v>16387.880482538108</v>
      </c>
      <c r="Z28" s="143">
        <v>0</v>
      </c>
      <c r="AA28" s="137">
        <f t="shared" ref="AA28:AK43" si="17">(Z28+(0.005*$J28*1000))</f>
        <v>10</v>
      </c>
      <c r="AB28" s="137">
        <f t="shared" si="17"/>
        <v>20</v>
      </c>
      <c r="AC28" s="137">
        <f t="shared" si="17"/>
        <v>30</v>
      </c>
      <c r="AD28" s="137">
        <f t="shared" si="17"/>
        <v>40</v>
      </c>
      <c r="AE28" s="137">
        <f t="shared" si="17"/>
        <v>50</v>
      </c>
      <c r="AF28" s="137">
        <f t="shared" si="17"/>
        <v>60</v>
      </c>
      <c r="AG28" s="137">
        <f t="shared" si="17"/>
        <v>70</v>
      </c>
      <c r="AH28" s="137">
        <f t="shared" si="17"/>
        <v>80</v>
      </c>
      <c r="AI28" s="137">
        <f t="shared" si="17"/>
        <v>90</v>
      </c>
      <c r="AJ28" s="137">
        <f t="shared" si="17"/>
        <v>100</v>
      </c>
      <c r="AK28" s="137">
        <f t="shared" si="17"/>
        <v>110</v>
      </c>
      <c r="AL28" s="137">
        <f t="shared" ref="AL28:AL82" si="18">(AK28+(0.005*$J28*1000))</f>
        <v>120</v>
      </c>
      <c r="AM28" s="143">
        <f t="shared" ref="AM28:AM59" si="19">$X28*$W28*TAN($K28)*((($Y28*$D28)/($X28*$W28))*(Z28/1000))</f>
        <v>0</v>
      </c>
      <c r="AN28" s="137">
        <f t="shared" ref="AN28:AN59" si="20">$X28*$W28*TANH((($Y28*$D28)/($X28*$W28))*(AA28/1000))</f>
        <v>143.68206358700664</v>
      </c>
      <c r="AO28" s="137">
        <f t="shared" ref="AO28:AO59" si="21">$X28*$W28*TANH((($Y28*$D28)/($X28*$W28))*(AB28/1000))</f>
        <v>147.12978632413859</v>
      </c>
      <c r="AP28" s="137">
        <f t="shared" ref="AP28:AP59" si="22">$X28*$W28*TANH((($Y28*$D28)/($X28*$W28))*(AC28/1000))</f>
        <v>147.17165354944282</v>
      </c>
      <c r="AQ28" s="137">
        <f t="shared" ref="AQ28:AQ59" si="23">$X28*$W28*TANH((($Y28*$D28)/($X28*$W28))*(AD28/1000))</f>
        <v>147.17215600656661</v>
      </c>
      <c r="AR28" s="137">
        <f t="shared" ref="AR28:AR59" si="24">$X28*$W28*TANH((($Y28*$D28)/($X28*$W28))*(AE28/1000))</f>
        <v>147.1721620357996</v>
      </c>
      <c r="AS28" s="137">
        <f t="shared" ref="AS28:AS59" si="25">$X28*$W28*TANH((($Y28*$D28)/($X28*$W28))*(AF28/1000))</f>
        <v>147.17216210814726</v>
      </c>
      <c r="AT28" s="137">
        <f t="shared" ref="AT28:AT59" si="26">$X28*$W28*TANH((($Y28*$D28)/($X28*$W28))*(AG28/1000))</f>
        <v>147.17216210901537</v>
      </c>
      <c r="AU28" s="137">
        <f t="shared" ref="AU28:AU59" si="27">$X28*$W28*TANH((($Y28*$D28)/($X28*$W28))*(AH28/1000))</f>
        <v>147.17216210902578</v>
      </c>
      <c r="AV28" s="137">
        <f t="shared" ref="AV28:AV59" si="28">$X28*$W28*TANH((($Y28*$D28)/($X28*$W28))*(AI28/1000))</f>
        <v>147.17216210902592</v>
      </c>
      <c r="AW28" s="144">
        <f t="shared" ref="AW28:AW59" si="29">$X28*$W28*TANH((($Y28*$D28)/($X28*$W28))*(AJ28/1000))</f>
        <v>147.17216210902592</v>
      </c>
      <c r="AX28" s="151">
        <f t="shared" ref="AX28" si="30">$X28*$W28*TANH((($Y28*$D28)/($X28*$W28))*(AK28/1000))</f>
        <v>147.17216210902592</v>
      </c>
      <c r="AY28" s="152">
        <f t="shared" ref="AY28" si="31">$X28*$W28*TANH((($Y28*$D28)/($X28*$W28))*(AL28/1000))</f>
        <v>147.17216210902592</v>
      </c>
    </row>
    <row r="29" spans="2:51" ht="13.5" thickBot="1" x14ac:dyDescent="0.25">
      <c r="B29" s="97">
        <f>'p-y mono_clay'!B29</f>
        <v>-18.5</v>
      </c>
      <c r="C29">
        <f>'p-y mono_clay'!C29</f>
        <v>3</v>
      </c>
      <c r="D29">
        <f>'p-y mono_clay'!D29</f>
        <v>2.9659999999999997</v>
      </c>
      <c r="E29" t="str">
        <f>'p-y mono_clay'!E29</f>
        <v>CLAY</v>
      </c>
      <c r="F29" s="43">
        <f>'p-y mono_clay'!G29</f>
        <v>13.925111788483058</v>
      </c>
      <c r="G29" s="43">
        <f>'p-y mono_clay'!H29</f>
        <v>3.9251117884830578</v>
      </c>
      <c r="H29" s="43">
        <f>'p-y mono_clay'!I29</f>
        <v>11.66935734716013</v>
      </c>
      <c r="I29" t="e">
        <f>INDEX('CPT Data'!$T$13:$T$20000,MATCH(C29,'CPT Data'!$B$13:$B$20000,1))</f>
        <v>#N/A</v>
      </c>
      <c r="J29" s="98">
        <f>'Pile Property'!$B$8</f>
        <v>2</v>
      </c>
      <c r="K29" s="97" t="e">
        <f t="shared" si="0"/>
        <v>#N/A</v>
      </c>
      <c r="L29" t="e">
        <f t="shared" si="1"/>
        <v>#N/A</v>
      </c>
      <c r="M29" t="e">
        <f t="shared" si="10"/>
        <v>#N/A</v>
      </c>
      <c r="N29" s="3" t="e">
        <f t="shared" si="11"/>
        <v>#N/A</v>
      </c>
      <c r="O29" t="e">
        <f t="shared" si="12"/>
        <v>#N/A</v>
      </c>
      <c r="P29">
        <v>0.4</v>
      </c>
      <c r="Q29" t="e">
        <f t="shared" si="2"/>
        <v>#N/A</v>
      </c>
      <c r="R29" t="e">
        <f t="shared" ref="R29:R82" si="32">(((TAN(O29)^2)*TAN(M29))/(TAN(O29-K29)))+(P29*(((TAN(K29)*SIN(O29))/(COS(M29)*TAN(O29-K29)))+(TAN(O29)*((TAN(K29)*SIN(O29))-TAN(M29)))))</f>
        <v>#N/A</v>
      </c>
      <c r="S29" t="e">
        <f t="shared" si="13"/>
        <v>#N/A</v>
      </c>
      <c r="T29" t="e">
        <f t="shared" si="14"/>
        <v>#N/A</v>
      </c>
      <c r="U29" t="e">
        <f t="shared" si="3"/>
        <v>#N/A</v>
      </c>
      <c r="V29" t="e">
        <f t="shared" si="4"/>
        <v>#N/A</v>
      </c>
      <c r="W29" s="98" t="e">
        <f t="shared" si="15"/>
        <v>#N/A</v>
      </c>
      <c r="X29">
        <f t="shared" si="5"/>
        <v>1.8136000000000001</v>
      </c>
      <c r="Y29" t="e">
        <f t="shared" si="16"/>
        <v>#N/A</v>
      </c>
      <c r="Z29" s="143">
        <v>0</v>
      </c>
      <c r="AA29" s="137">
        <f t="shared" ref="AA29:AJ29" si="33">(Z29+(0.005*$J29*1000))</f>
        <v>10</v>
      </c>
      <c r="AB29" s="137">
        <f t="shared" si="33"/>
        <v>20</v>
      </c>
      <c r="AC29" s="137">
        <f t="shared" si="33"/>
        <v>30</v>
      </c>
      <c r="AD29" s="137">
        <f t="shared" si="33"/>
        <v>40</v>
      </c>
      <c r="AE29" s="137">
        <f t="shared" si="33"/>
        <v>50</v>
      </c>
      <c r="AF29" s="137">
        <f t="shared" si="33"/>
        <v>60</v>
      </c>
      <c r="AG29" s="137">
        <f t="shared" si="33"/>
        <v>70</v>
      </c>
      <c r="AH29" s="137">
        <f t="shared" si="33"/>
        <v>80</v>
      </c>
      <c r="AI29" s="137">
        <f t="shared" si="33"/>
        <v>90</v>
      </c>
      <c r="AJ29" s="137">
        <f t="shared" si="33"/>
        <v>100</v>
      </c>
      <c r="AK29" s="137">
        <f t="shared" si="17"/>
        <v>110</v>
      </c>
      <c r="AL29" s="137">
        <f t="shared" si="18"/>
        <v>120</v>
      </c>
      <c r="AM29" s="143" t="e">
        <f t="shared" si="19"/>
        <v>#N/A</v>
      </c>
      <c r="AN29" s="137" t="e">
        <f t="shared" si="20"/>
        <v>#N/A</v>
      </c>
      <c r="AO29" s="137" t="e">
        <f t="shared" si="21"/>
        <v>#N/A</v>
      </c>
      <c r="AP29" s="137" t="e">
        <f t="shared" si="22"/>
        <v>#N/A</v>
      </c>
      <c r="AQ29" s="137" t="e">
        <f t="shared" si="23"/>
        <v>#N/A</v>
      </c>
      <c r="AR29" s="137" t="e">
        <f t="shared" si="24"/>
        <v>#N/A</v>
      </c>
      <c r="AS29" s="137" t="e">
        <f t="shared" si="25"/>
        <v>#N/A</v>
      </c>
      <c r="AT29" s="137" t="e">
        <f t="shared" si="26"/>
        <v>#N/A</v>
      </c>
      <c r="AU29" s="137" t="e">
        <f t="shared" si="27"/>
        <v>#N/A</v>
      </c>
      <c r="AV29" s="137" t="e">
        <f t="shared" si="28"/>
        <v>#N/A</v>
      </c>
      <c r="AW29" s="144" t="e">
        <f t="shared" si="29"/>
        <v>#N/A</v>
      </c>
      <c r="AX29" s="208" t="e">
        <f>$X29*$W29*TANH((($Y29*$D29)/($X29*$W29))*(AK29/1000))</f>
        <v>#N/A</v>
      </c>
      <c r="AY29" s="209" t="e">
        <f>$X29*$W29*TANH((($Y29*$D29)/($X29*$W29))*(AL29/1000))</f>
        <v>#N/A</v>
      </c>
    </row>
    <row r="30" spans="2:51" ht="13.5" thickBot="1" x14ac:dyDescent="0.25">
      <c r="B30" s="97">
        <f>'p-y mono_clay'!B30</f>
        <v>-19.5</v>
      </c>
      <c r="C30">
        <f>'p-y mono_clay'!C30</f>
        <v>4</v>
      </c>
      <c r="D30">
        <f>'p-y mono_clay'!D30</f>
        <v>3.9899999999999998</v>
      </c>
      <c r="E30" t="str">
        <f>'p-y mono_clay'!E30</f>
        <v>CLAY</v>
      </c>
      <c r="F30" s="43">
        <f>'p-y mono_clay'!G30</f>
        <v>14.352712774110739</v>
      </c>
      <c r="G30" s="43">
        <f>'p-y mono_clay'!H30</f>
        <v>4.3527127741107385</v>
      </c>
      <c r="H30" s="43">
        <f>'p-y mono_clay'!I30</f>
        <v>17.397792958120622</v>
      </c>
      <c r="I30" t="e">
        <f>INDEX('CPT Data'!$T$13:$T$20000,MATCH(C30,'CPT Data'!$B$13:$B$20000,1))</f>
        <v>#N/A</v>
      </c>
      <c r="J30" s="98">
        <f>'Pile Property'!$B$8</f>
        <v>2</v>
      </c>
      <c r="K30" s="97" t="e">
        <f t="shared" si="0"/>
        <v>#N/A</v>
      </c>
      <c r="L30" t="e">
        <f t="shared" si="1"/>
        <v>#N/A</v>
      </c>
      <c r="M30" t="e">
        <f t="shared" si="10"/>
        <v>#N/A</v>
      </c>
      <c r="N30" s="3" t="e">
        <f t="shared" si="11"/>
        <v>#N/A</v>
      </c>
      <c r="O30" t="e">
        <f t="shared" si="12"/>
        <v>#N/A</v>
      </c>
      <c r="P30">
        <v>0.4</v>
      </c>
      <c r="Q30" t="e">
        <f t="shared" si="2"/>
        <v>#N/A</v>
      </c>
      <c r="R30" t="e">
        <f t="shared" si="32"/>
        <v>#N/A</v>
      </c>
      <c r="S30" t="e">
        <f t="shared" si="13"/>
        <v>#N/A</v>
      </c>
      <c r="T30" t="e">
        <f t="shared" si="14"/>
        <v>#N/A</v>
      </c>
      <c r="U30" t="e">
        <f t="shared" si="3"/>
        <v>#N/A</v>
      </c>
      <c r="V30" t="e">
        <f t="shared" si="4"/>
        <v>#N/A</v>
      </c>
      <c r="W30" s="98" t="e">
        <f t="shared" si="15"/>
        <v>#N/A</v>
      </c>
      <c r="X30">
        <f t="shared" si="5"/>
        <v>1.4039999999999999</v>
      </c>
      <c r="Y30" t="e">
        <f t="shared" si="16"/>
        <v>#N/A</v>
      </c>
      <c r="Z30" s="143">
        <v>0</v>
      </c>
      <c r="AA30" s="137">
        <f t="shared" ref="AA30:AJ30" si="34">(Z30+(0.005*$J30*1000))</f>
        <v>10</v>
      </c>
      <c r="AB30" s="137">
        <f t="shared" si="34"/>
        <v>20</v>
      </c>
      <c r="AC30" s="137">
        <f t="shared" si="34"/>
        <v>30</v>
      </c>
      <c r="AD30" s="137">
        <f t="shared" si="34"/>
        <v>40</v>
      </c>
      <c r="AE30" s="137">
        <f t="shared" si="34"/>
        <v>50</v>
      </c>
      <c r="AF30" s="137">
        <f t="shared" si="34"/>
        <v>60</v>
      </c>
      <c r="AG30" s="137">
        <f t="shared" si="34"/>
        <v>70</v>
      </c>
      <c r="AH30" s="137">
        <f t="shared" si="34"/>
        <v>80</v>
      </c>
      <c r="AI30" s="137">
        <f t="shared" si="34"/>
        <v>90</v>
      </c>
      <c r="AJ30" s="137">
        <f t="shared" si="34"/>
        <v>100</v>
      </c>
      <c r="AK30" s="137">
        <f t="shared" si="17"/>
        <v>110</v>
      </c>
      <c r="AL30" s="137">
        <f t="shared" si="18"/>
        <v>120</v>
      </c>
      <c r="AM30" s="143" t="e">
        <f t="shared" si="19"/>
        <v>#N/A</v>
      </c>
      <c r="AN30" s="137" t="e">
        <f t="shared" si="20"/>
        <v>#N/A</v>
      </c>
      <c r="AO30" s="137" t="e">
        <f t="shared" si="21"/>
        <v>#N/A</v>
      </c>
      <c r="AP30" s="137" t="e">
        <f t="shared" si="22"/>
        <v>#N/A</v>
      </c>
      <c r="AQ30" s="137" t="e">
        <f t="shared" si="23"/>
        <v>#N/A</v>
      </c>
      <c r="AR30" s="137" t="e">
        <f t="shared" si="24"/>
        <v>#N/A</v>
      </c>
      <c r="AS30" s="137" t="e">
        <f t="shared" si="25"/>
        <v>#N/A</v>
      </c>
      <c r="AT30" s="137" t="e">
        <f t="shared" si="26"/>
        <v>#N/A</v>
      </c>
      <c r="AU30" s="137" t="e">
        <f t="shared" si="27"/>
        <v>#N/A</v>
      </c>
      <c r="AV30" s="137" t="e">
        <f t="shared" si="28"/>
        <v>#N/A</v>
      </c>
      <c r="AW30" s="144" t="e">
        <f t="shared" si="29"/>
        <v>#N/A</v>
      </c>
      <c r="AX30" s="208" t="e">
        <f t="shared" ref="AX30:AX82" si="35">$X30*$W30*TANH((($Y30*$D30)/($X30*$W30))*(AK30/1000))</f>
        <v>#N/A</v>
      </c>
      <c r="AY30" s="209" t="e">
        <f t="shared" ref="AY30:AY82" si="36">$X30*$W30*TANH((($Y30*$D30)/($X30*$W30))*(AL30/1000))</f>
        <v>#N/A</v>
      </c>
    </row>
    <row r="31" spans="2:51" ht="13.5" thickBot="1" x14ac:dyDescent="0.25">
      <c r="B31" s="97">
        <f>'p-y mono_clay'!B31</f>
        <v>-20.5</v>
      </c>
      <c r="C31">
        <f>'p-y mono_clay'!C31</f>
        <v>5</v>
      </c>
      <c r="D31">
        <f>'p-y mono_clay'!D31</f>
        <v>4.9930000000000003</v>
      </c>
      <c r="E31" t="str">
        <f>'p-y mono_clay'!E31</f>
        <v>CLAY</v>
      </c>
      <c r="F31" s="43">
        <f>'p-y mono_clay'!G31</f>
        <v>14.659247335917707</v>
      </c>
      <c r="G31" s="43">
        <f>'p-y mono_clay'!H31</f>
        <v>4.6592473359177067</v>
      </c>
      <c r="H31" s="43">
        <f>'p-y mono_clay'!I31</f>
        <v>23.296236679588532</v>
      </c>
      <c r="I31" t="e">
        <f>INDEX('CPT Data'!$T$13:$T$20000,MATCH(C31,'CPT Data'!$B$13:$B$20000,1))</f>
        <v>#N/A</v>
      </c>
      <c r="J31" s="98">
        <f>'Pile Property'!$B$8</f>
        <v>2</v>
      </c>
      <c r="K31" s="97" t="e">
        <f t="shared" si="0"/>
        <v>#N/A</v>
      </c>
      <c r="L31" t="e">
        <f t="shared" si="1"/>
        <v>#N/A</v>
      </c>
      <c r="M31" t="e">
        <f t="shared" si="10"/>
        <v>#N/A</v>
      </c>
      <c r="N31" s="3" t="e">
        <f t="shared" si="11"/>
        <v>#N/A</v>
      </c>
      <c r="O31" t="e">
        <f t="shared" si="12"/>
        <v>#N/A</v>
      </c>
      <c r="P31">
        <v>0.4</v>
      </c>
      <c r="Q31" t="e">
        <f t="shared" si="2"/>
        <v>#N/A</v>
      </c>
      <c r="R31" t="e">
        <f t="shared" si="32"/>
        <v>#N/A</v>
      </c>
      <c r="S31" t="e">
        <f t="shared" si="13"/>
        <v>#N/A</v>
      </c>
      <c r="T31" t="e">
        <f t="shared" si="14"/>
        <v>#N/A</v>
      </c>
      <c r="U31" t="e">
        <f t="shared" si="3"/>
        <v>#N/A</v>
      </c>
      <c r="V31" t="e">
        <f t="shared" si="4"/>
        <v>#N/A</v>
      </c>
      <c r="W31" s="98" t="e">
        <f t="shared" si="15"/>
        <v>#N/A</v>
      </c>
      <c r="X31">
        <f t="shared" si="5"/>
        <v>1.0027999999999997</v>
      </c>
      <c r="Y31" t="e">
        <f t="shared" si="16"/>
        <v>#N/A</v>
      </c>
      <c r="Z31" s="143">
        <v>0</v>
      </c>
      <c r="AA31" s="137">
        <f t="shared" ref="AA31:AJ31" si="37">(Z31+(0.005*$J31*1000))</f>
        <v>10</v>
      </c>
      <c r="AB31" s="137">
        <f t="shared" si="37"/>
        <v>20</v>
      </c>
      <c r="AC31" s="137">
        <f t="shared" si="37"/>
        <v>30</v>
      </c>
      <c r="AD31" s="137">
        <f t="shared" si="37"/>
        <v>40</v>
      </c>
      <c r="AE31" s="137">
        <f t="shared" si="37"/>
        <v>50</v>
      </c>
      <c r="AF31" s="137">
        <f t="shared" si="37"/>
        <v>60</v>
      </c>
      <c r="AG31" s="137">
        <f t="shared" si="37"/>
        <v>70</v>
      </c>
      <c r="AH31" s="137">
        <f t="shared" si="37"/>
        <v>80</v>
      </c>
      <c r="AI31" s="137">
        <f t="shared" si="37"/>
        <v>90</v>
      </c>
      <c r="AJ31" s="137">
        <f t="shared" si="37"/>
        <v>100</v>
      </c>
      <c r="AK31" s="137">
        <f t="shared" si="17"/>
        <v>110</v>
      </c>
      <c r="AL31" s="137">
        <f t="shared" si="18"/>
        <v>120</v>
      </c>
      <c r="AM31" s="143" t="e">
        <f t="shared" si="19"/>
        <v>#N/A</v>
      </c>
      <c r="AN31" s="137" t="e">
        <f t="shared" si="20"/>
        <v>#N/A</v>
      </c>
      <c r="AO31" s="137" t="e">
        <f t="shared" si="21"/>
        <v>#N/A</v>
      </c>
      <c r="AP31" s="137" t="e">
        <f t="shared" si="22"/>
        <v>#N/A</v>
      </c>
      <c r="AQ31" s="137" t="e">
        <f t="shared" si="23"/>
        <v>#N/A</v>
      </c>
      <c r="AR31" s="137" t="e">
        <f t="shared" si="24"/>
        <v>#N/A</v>
      </c>
      <c r="AS31" s="137" t="e">
        <f t="shared" si="25"/>
        <v>#N/A</v>
      </c>
      <c r="AT31" s="137" t="e">
        <f t="shared" si="26"/>
        <v>#N/A</v>
      </c>
      <c r="AU31" s="137" t="e">
        <f t="shared" si="27"/>
        <v>#N/A</v>
      </c>
      <c r="AV31" s="137" t="e">
        <f t="shared" si="28"/>
        <v>#N/A</v>
      </c>
      <c r="AW31" s="144" t="e">
        <f t="shared" si="29"/>
        <v>#N/A</v>
      </c>
      <c r="AX31" s="208" t="e">
        <f t="shared" si="35"/>
        <v>#N/A</v>
      </c>
      <c r="AY31" s="209" t="e">
        <f t="shared" si="36"/>
        <v>#N/A</v>
      </c>
    </row>
    <row r="32" spans="2:51" ht="13.5" thickBot="1" x14ac:dyDescent="0.25">
      <c r="B32" s="97">
        <f>'p-y mono_clay'!B32</f>
        <v>-21.5</v>
      </c>
      <c r="C32">
        <f>'p-y mono_clay'!C32</f>
        <v>6</v>
      </c>
      <c r="D32">
        <f>'p-y mono_clay'!D32</f>
        <v>5.9870000000000001</v>
      </c>
      <c r="E32" t="str">
        <f>'p-y mono_clay'!E32</f>
        <v>CLAY</v>
      </c>
      <c r="F32" s="43">
        <f>'p-y mono_clay'!G32</f>
        <v>14.896165338840818</v>
      </c>
      <c r="G32" s="43">
        <f>'p-y mono_clay'!H32</f>
        <v>4.8961653388408184</v>
      </c>
      <c r="H32" s="43">
        <f>'p-y mono_clay'!I32</f>
        <v>29.347615041011863</v>
      </c>
      <c r="I32" t="e">
        <f>INDEX('CPT Data'!$T$13:$T$20000,MATCH(C32,'CPT Data'!$B$13:$B$20000,1))</f>
        <v>#N/A</v>
      </c>
      <c r="J32" s="98">
        <f>'Pile Property'!$B$8</f>
        <v>2</v>
      </c>
      <c r="K32" s="97" t="e">
        <f t="shared" si="0"/>
        <v>#N/A</v>
      </c>
      <c r="L32" t="e">
        <f t="shared" si="1"/>
        <v>#N/A</v>
      </c>
      <c r="M32" t="e">
        <f t="shared" si="10"/>
        <v>#N/A</v>
      </c>
      <c r="N32" s="3" t="e">
        <f t="shared" si="11"/>
        <v>#N/A</v>
      </c>
      <c r="O32" t="e">
        <f t="shared" si="12"/>
        <v>#N/A</v>
      </c>
      <c r="P32">
        <v>0.4</v>
      </c>
      <c r="Q32" t="e">
        <f t="shared" si="2"/>
        <v>#N/A</v>
      </c>
      <c r="R32" t="e">
        <f t="shared" si="32"/>
        <v>#N/A</v>
      </c>
      <c r="S32" t="e">
        <f t="shared" si="13"/>
        <v>#N/A</v>
      </c>
      <c r="T32" t="e">
        <f t="shared" si="14"/>
        <v>#N/A</v>
      </c>
      <c r="U32" t="e">
        <f t="shared" si="3"/>
        <v>#N/A</v>
      </c>
      <c r="V32" t="e">
        <f t="shared" si="4"/>
        <v>#N/A</v>
      </c>
      <c r="W32" s="98" t="e">
        <f t="shared" si="15"/>
        <v>#N/A</v>
      </c>
      <c r="X32">
        <f t="shared" si="5"/>
        <v>0.9</v>
      </c>
      <c r="Y32" t="e">
        <f t="shared" si="16"/>
        <v>#N/A</v>
      </c>
      <c r="Z32" s="143">
        <v>0</v>
      </c>
      <c r="AA32" s="137">
        <f t="shared" ref="AA32:AJ32" si="38">(Z32+(0.005*$J32*1000))</f>
        <v>10</v>
      </c>
      <c r="AB32" s="137">
        <f t="shared" si="38"/>
        <v>20</v>
      </c>
      <c r="AC32" s="137">
        <f t="shared" si="38"/>
        <v>30</v>
      </c>
      <c r="AD32" s="137">
        <f t="shared" si="38"/>
        <v>40</v>
      </c>
      <c r="AE32" s="137">
        <f t="shared" si="38"/>
        <v>50</v>
      </c>
      <c r="AF32" s="137">
        <f t="shared" si="38"/>
        <v>60</v>
      </c>
      <c r="AG32" s="137">
        <f t="shared" si="38"/>
        <v>70</v>
      </c>
      <c r="AH32" s="137">
        <f t="shared" si="38"/>
        <v>80</v>
      </c>
      <c r="AI32" s="137">
        <f t="shared" si="38"/>
        <v>90</v>
      </c>
      <c r="AJ32" s="137">
        <f t="shared" si="38"/>
        <v>100</v>
      </c>
      <c r="AK32" s="137">
        <f t="shared" si="17"/>
        <v>110</v>
      </c>
      <c r="AL32" s="137">
        <f t="shared" si="18"/>
        <v>120</v>
      </c>
      <c r="AM32" s="143" t="e">
        <f t="shared" si="19"/>
        <v>#N/A</v>
      </c>
      <c r="AN32" s="137" t="e">
        <f t="shared" si="20"/>
        <v>#N/A</v>
      </c>
      <c r="AO32" s="137" t="e">
        <f t="shared" si="21"/>
        <v>#N/A</v>
      </c>
      <c r="AP32" s="137" t="e">
        <f t="shared" si="22"/>
        <v>#N/A</v>
      </c>
      <c r="AQ32" s="137" t="e">
        <f t="shared" si="23"/>
        <v>#N/A</v>
      </c>
      <c r="AR32" s="137" t="e">
        <f t="shared" si="24"/>
        <v>#N/A</v>
      </c>
      <c r="AS32" s="137" t="e">
        <f t="shared" si="25"/>
        <v>#N/A</v>
      </c>
      <c r="AT32" s="137" t="e">
        <f t="shared" si="26"/>
        <v>#N/A</v>
      </c>
      <c r="AU32" s="137" t="e">
        <f t="shared" si="27"/>
        <v>#N/A</v>
      </c>
      <c r="AV32" s="137" t="e">
        <f t="shared" si="28"/>
        <v>#N/A</v>
      </c>
      <c r="AW32" s="144" t="e">
        <f t="shared" si="29"/>
        <v>#N/A</v>
      </c>
      <c r="AX32" s="208" t="e">
        <f t="shared" si="35"/>
        <v>#N/A</v>
      </c>
      <c r="AY32" s="209" t="e">
        <f t="shared" si="36"/>
        <v>#N/A</v>
      </c>
    </row>
    <row r="33" spans="2:51" ht="13.5" thickBot="1" x14ac:dyDescent="0.25">
      <c r="B33" s="97">
        <f>'p-y mono_clay'!B33</f>
        <v>-22.5</v>
      </c>
      <c r="C33">
        <f>'p-y mono_clay'!C33</f>
        <v>7</v>
      </c>
      <c r="D33">
        <f>'p-y mono_clay'!D33</f>
        <v>6.9910000000000005</v>
      </c>
      <c r="E33" t="str">
        <f>'p-y mono_clay'!E33</f>
        <v>CLAY</v>
      </c>
      <c r="F33" s="43">
        <f>'p-y mono_clay'!G33</f>
        <v>14.995440296275426</v>
      </c>
      <c r="G33" s="43">
        <f>'p-y mono_clay'!H33</f>
        <v>4.9954402962754259</v>
      </c>
      <c r="H33" s="43">
        <f>'p-y mono_clay'!I33</f>
        <v>34.958091193335434</v>
      </c>
      <c r="I33" t="e">
        <f>INDEX('CPT Data'!$T$13:$T$20000,MATCH(C33,'CPT Data'!$B$13:$B$20000,1))</f>
        <v>#N/A</v>
      </c>
      <c r="J33" s="98">
        <f>'Pile Property'!$B$8</f>
        <v>2</v>
      </c>
      <c r="K33" s="97" t="e">
        <f t="shared" si="0"/>
        <v>#N/A</v>
      </c>
      <c r="L33" t="e">
        <f t="shared" si="1"/>
        <v>#N/A</v>
      </c>
      <c r="M33" t="e">
        <f t="shared" si="10"/>
        <v>#N/A</v>
      </c>
      <c r="N33" s="3" t="e">
        <f t="shared" si="11"/>
        <v>#N/A</v>
      </c>
      <c r="O33" t="e">
        <f t="shared" si="12"/>
        <v>#N/A</v>
      </c>
      <c r="P33">
        <v>0.4</v>
      </c>
      <c r="Q33" t="e">
        <f t="shared" si="2"/>
        <v>#N/A</v>
      </c>
      <c r="R33" t="e">
        <f t="shared" si="32"/>
        <v>#N/A</v>
      </c>
      <c r="S33" t="e">
        <f t="shared" si="13"/>
        <v>#N/A</v>
      </c>
      <c r="T33" t="e">
        <f t="shared" si="14"/>
        <v>#N/A</v>
      </c>
      <c r="U33" t="e">
        <f t="shared" si="3"/>
        <v>#N/A</v>
      </c>
      <c r="V33" t="e">
        <f t="shared" si="4"/>
        <v>#N/A</v>
      </c>
      <c r="W33" s="98" t="e">
        <f t="shared" si="15"/>
        <v>#N/A</v>
      </c>
      <c r="X33">
        <f t="shared" si="5"/>
        <v>0.9</v>
      </c>
      <c r="Y33" t="e">
        <f t="shared" si="16"/>
        <v>#N/A</v>
      </c>
      <c r="Z33" s="143">
        <v>0</v>
      </c>
      <c r="AA33" s="137">
        <f t="shared" ref="AA33:AJ33" si="39">(Z33+(0.005*$J33*1000))</f>
        <v>10</v>
      </c>
      <c r="AB33" s="137">
        <f t="shared" si="39"/>
        <v>20</v>
      </c>
      <c r="AC33" s="137">
        <f t="shared" si="39"/>
        <v>30</v>
      </c>
      <c r="AD33" s="137">
        <f t="shared" si="39"/>
        <v>40</v>
      </c>
      <c r="AE33" s="137">
        <f t="shared" si="39"/>
        <v>50</v>
      </c>
      <c r="AF33" s="137">
        <f t="shared" si="39"/>
        <v>60</v>
      </c>
      <c r="AG33" s="137">
        <f t="shared" si="39"/>
        <v>70</v>
      </c>
      <c r="AH33" s="137">
        <f t="shared" si="39"/>
        <v>80</v>
      </c>
      <c r="AI33" s="137">
        <f t="shared" si="39"/>
        <v>90</v>
      </c>
      <c r="AJ33" s="137">
        <f t="shared" si="39"/>
        <v>100</v>
      </c>
      <c r="AK33" s="137">
        <f t="shared" si="17"/>
        <v>110</v>
      </c>
      <c r="AL33" s="137">
        <f t="shared" si="18"/>
        <v>120</v>
      </c>
      <c r="AM33" s="143" t="e">
        <f t="shared" si="19"/>
        <v>#N/A</v>
      </c>
      <c r="AN33" s="137" t="e">
        <f t="shared" si="20"/>
        <v>#N/A</v>
      </c>
      <c r="AO33" s="137" t="e">
        <f t="shared" si="21"/>
        <v>#N/A</v>
      </c>
      <c r="AP33" s="137" t="e">
        <f t="shared" si="22"/>
        <v>#N/A</v>
      </c>
      <c r="AQ33" s="137" t="e">
        <f t="shared" si="23"/>
        <v>#N/A</v>
      </c>
      <c r="AR33" s="137" t="e">
        <f t="shared" si="24"/>
        <v>#N/A</v>
      </c>
      <c r="AS33" s="137" t="e">
        <f t="shared" si="25"/>
        <v>#N/A</v>
      </c>
      <c r="AT33" s="137" t="e">
        <f t="shared" si="26"/>
        <v>#N/A</v>
      </c>
      <c r="AU33" s="137" t="e">
        <f t="shared" si="27"/>
        <v>#N/A</v>
      </c>
      <c r="AV33" s="137" t="e">
        <f t="shared" si="28"/>
        <v>#N/A</v>
      </c>
      <c r="AW33" s="144" t="e">
        <f t="shared" si="29"/>
        <v>#N/A</v>
      </c>
      <c r="AX33" s="208" t="e">
        <f t="shared" si="35"/>
        <v>#N/A</v>
      </c>
      <c r="AY33" s="209" t="e">
        <f t="shared" si="36"/>
        <v>#N/A</v>
      </c>
    </row>
    <row r="34" spans="2:51" ht="13.5" thickBot="1" x14ac:dyDescent="0.25">
      <c r="B34" s="97">
        <f>'p-y mono_clay'!B34</f>
        <v>-23.5</v>
      </c>
      <c r="C34">
        <f>'p-y mono_clay'!C34</f>
        <v>8</v>
      </c>
      <c r="D34">
        <f>'p-y mono_clay'!D34</f>
        <v>7.9860000000000007</v>
      </c>
      <c r="E34" t="str">
        <f>'p-y mono_clay'!E34</f>
        <v>CLAY</v>
      </c>
      <c r="F34" s="43">
        <f>'p-y mono_clay'!G34</f>
        <v>15.023004870255129</v>
      </c>
      <c r="G34" s="43">
        <f>'p-y mono_clay'!H34</f>
        <v>5.0230048702551287</v>
      </c>
      <c r="H34" s="43">
        <f>'p-y mono_clay'!I34</f>
        <v>40.148877927949243</v>
      </c>
      <c r="I34" t="e">
        <f>INDEX('CPT Data'!$T$13:$T$20000,MATCH(C34,'CPT Data'!$B$13:$B$20000,1))</f>
        <v>#N/A</v>
      </c>
      <c r="J34" s="98">
        <f>'Pile Property'!$B$8</f>
        <v>2</v>
      </c>
      <c r="K34" s="97" t="e">
        <f t="shared" si="0"/>
        <v>#N/A</v>
      </c>
      <c r="L34" t="e">
        <f t="shared" si="1"/>
        <v>#N/A</v>
      </c>
      <c r="M34" t="e">
        <f t="shared" si="10"/>
        <v>#N/A</v>
      </c>
      <c r="N34" s="3" t="e">
        <f t="shared" si="11"/>
        <v>#N/A</v>
      </c>
      <c r="O34" t="e">
        <f t="shared" si="12"/>
        <v>#N/A</v>
      </c>
      <c r="P34">
        <v>0.4</v>
      </c>
      <c r="Q34" t="e">
        <f t="shared" si="2"/>
        <v>#N/A</v>
      </c>
      <c r="R34" t="e">
        <f t="shared" si="32"/>
        <v>#N/A</v>
      </c>
      <c r="S34" t="e">
        <f t="shared" si="13"/>
        <v>#N/A</v>
      </c>
      <c r="T34" t="e">
        <f t="shared" si="14"/>
        <v>#N/A</v>
      </c>
      <c r="U34" t="e">
        <f t="shared" si="3"/>
        <v>#N/A</v>
      </c>
      <c r="V34" t="e">
        <f t="shared" si="4"/>
        <v>#N/A</v>
      </c>
      <c r="W34" s="98" t="e">
        <f t="shared" si="15"/>
        <v>#N/A</v>
      </c>
      <c r="X34">
        <f t="shared" si="5"/>
        <v>0.9</v>
      </c>
      <c r="Y34" t="e">
        <f t="shared" si="16"/>
        <v>#N/A</v>
      </c>
      <c r="Z34" s="143">
        <v>0</v>
      </c>
      <c r="AA34" s="137">
        <f t="shared" ref="AA34:AJ34" si="40">(Z34+(0.005*$J34*1000))</f>
        <v>10</v>
      </c>
      <c r="AB34" s="137">
        <f t="shared" si="40"/>
        <v>20</v>
      </c>
      <c r="AC34" s="137">
        <f t="shared" si="40"/>
        <v>30</v>
      </c>
      <c r="AD34" s="137">
        <f t="shared" si="40"/>
        <v>40</v>
      </c>
      <c r="AE34" s="137">
        <f t="shared" si="40"/>
        <v>50</v>
      </c>
      <c r="AF34" s="137">
        <f t="shared" si="40"/>
        <v>60</v>
      </c>
      <c r="AG34" s="137">
        <f t="shared" si="40"/>
        <v>70</v>
      </c>
      <c r="AH34" s="137">
        <f t="shared" si="40"/>
        <v>80</v>
      </c>
      <c r="AI34" s="137">
        <f t="shared" si="40"/>
        <v>90</v>
      </c>
      <c r="AJ34" s="137">
        <f t="shared" si="40"/>
        <v>100</v>
      </c>
      <c r="AK34" s="137">
        <f t="shared" si="17"/>
        <v>110</v>
      </c>
      <c r="AL34" s="137">
        <f t="shared" si="18"/>
        <v>120</v>
      </c>
      <c r="AM34" s="143" t="e">
        <f t="shared" si="19"/>
        <v>#N/A</v>
      </c>
      <c r="AN34" s="137" t="e">
        <f t="shared" si="20"/>
        <v>#N/A</v>
      </c>
      <c r="AO34" s="137" t="e">
        <f t="shared" si="21"/>
        <v>#N/A</v>
      </c>
      <c r="AP34" s="137" t="e">
        <f t="shared" si="22"/>
        <v>#N/A</v>
      </c>
      <c r="AQ34" s="137" t="e">
        <f t="shared" si="23"/>
        <v>#N/A</v>
      </c>
      <c r="AR34" s="137" t="e">
        <f t="shared" si="24"/>
        <v>#N/A</v>
      </c>
      <c r="AS34" s="137" t="e">
        <f t="shared" si="25"/>
        <v>#N/A</v>
      </c>
      <c r="AT34" s="137" t="e">
        <f t="shared" si="26"/>
        <v>#N/A</v>
      </c>
      <c r="AU34" s="137" t="e">
        <f t="shared" si="27"/>
        <v>#N/A</v>
      </c>
      <c r="AV34" s="137" t="e">
        <f t="shared" si="28"/>
        <v>#N/A</v>
      </c>
      <c r="AW34" s="144" t="e">
        <f t="shared" si="29"/>
        <v>#N/A</v>
      </c>
      <c r="AX34" s="208" t="e">
        <f t="shared" si="35"/>
        <v>#N/A</v>
      </c>
      <c r="AY34" s="209" t="e">
        <f t="shared" si="36"/>
        <v>#N/A</v>
      </c>
    </row>
    <row r="35" spans="2:51" ht="13.5" thickBot="1" x14ac:dyDescent="0.25">
      <c r="B35" s="97">
        <f>'p-y mono_clay'!B35</f>
        <v>-24.5</v>
      </c>
      <c r="C35">
        <f>'p-y mono_clay'!C35</f>
        <v>9</v>
      </c>
      <c r="D35">
        <f>'p-y mono_clay'!D35</f>
        <v>8.9459999999999997</v>
      </c>
      <c r="E35" t="str">
        <f>'p-y mono_clay'!E35</f>
        <v>CLAY</v>
      </c>
      <c r="F35" s="43">
        <f>'p-y mono_clay'!G35</f>
        <v>15.150328078214629</v>
      </c>
      <c r="G35" s="43">
        <f>'p-y mono_clay'!H35</f>
        <v>5.1503280782146295</v>
      </c>
      <c r="H35" s="43">
        <f>'p-y mono_clay'!I35</f>
        <v>46.110887284255575</v>
      </c>
      <c r="I35" t="e">
        <f>INDEX('CPT Data'!$T$13:$T$20000,MATCH(C35,'CPT Data'!$B$13:$B$20000,1))</f>
        <v>#N/A</v>
      </c>
      <c r="J35" s="98">
        <f>'Pile Property'!$B$8</f>
        <v>2</v>
      </c>
      <c r="K35" s="97" t="e">
        <f t="shared" si="0"/>
        <v>#N/A</v>
      </c>
      <c r="L35" t="e">
        <f t="shared" si="1"/>
        <v>#N/A</v>
      </c>
      <c r="M35" t="e">
        <f t="shared" si="10"/>
        <v>#N/A</v>
      </c>
      <c r="N35" s="3" t="e">
        <f t="shared" si="11"/>
        <v>#N/A</v>
      </c>
      <c r="O35" t="e">
        <f t="shared" si="12"/>
        <v>#N/A</v>
      </c>
      <c r="P35">
        <v>0.4</v>
      </c>
      <c r="Q35" t="e">
        <f t="shared" si="2"/>
        <v>#N/A</v>
      </c>
      <c r="R35" t="e">
        <f t="shared" si="32"/>
        <v>#N/A</v>
      </c>
      <c r="S35" t="e">
        <f t="shared" si="13"/>
        <v>#N/A</v>
      </c>
      <c r="T35" t="e">
        <f t="shared" si="14"/>
        <v>#N/A</v>
      </c>
      <c r="U35" t="e">
        <f t="shared" si="3"/>
        <v>#N/A</v>
      </c>
      <c r="V35" t="e">
        <f t="shared" si="4"/>
        <v>#N/A</v>
      </c>
      <c r="W35" s="98" t="e">
        <f t="shared" si="15"/>
        <v>#N/A</v>
      </c>
      <c r="X35">
        <f t="shared" si="5"/>
        <v>0.9</v>
      </c>
      <c r="Y35" t="e">
        <f t="shared" si="16"/>
        <v>#N/A</v>
      </c>
      <c r="Z35" s="143">
        <v>0</v>
      </c>
      <c r="AA35" s="137">
        <f t="shared" ref="AA35:AJ35" si="41">(Z35+(0.005*$J35*1000))</f>
        <v>10</v>
      </c>
      <c r="AB35" s="137">
        <f t="shared" si="41"/>
        <v>20</v>
      </c>
      <c r="AC35" s="137">
        <f t="shared" si="41"/>
        <v>30</v>
      </c>
      <c r="AD35" s="137">
        <f t="shared" si="41"/>
        <v>40</v>
      </c>
      <c r="AE35" s="137">
        <f t="shared" si="41"/>
        <v>50</v>
      </c>
      <c r="AF35" s="137">
        <f t="shared" si="41"/>
        <v>60</v>
      </c>
      <c r="AG35" s="137">
        <f t="shared" si="41"/>
        <v>70</v>
      </c>
      <c r="AH35" s="137">
        <f t="shared" si="41"/>
        <v>80</v>
      </c>
      <c r="AI35" s="137">
        <f t="shared" si="41"/>
        <v>90</v>
      </c>
      <c r="AJ35" s="137">
        <f t="shared" si="41"/>
        <v>100</v>
      </c>
      <c r="AK35" s="137">
        <f t="shared" si="17"/>
        <v>110</v>
      </c>
      <c r="AL35" s="137">
        <f t="shared" si="18"/>
        <v>120</v>
      </c>
      <c r="AM35" s="143" t="e">
        <f t="shared" si="19"/>
        <v>#N/A</v>
      </c>
      <c r="AN35" s="137" t="e">
        <f t="shared" si="20"/>
        <v>#N/A</v>
      </c>
      <c r="AO35" s="137" t="e">
        <f t="shared" si="21"/>
        <v>#N/A</v>
      </c>
      <c r="AP35" s="137" t="e">
        <f t="shared" si="22"/>
        <v>#N/A</v>
      </c>
      <c r="AQ35" s="137" t="e">
        <f t="shared" si="23"/>
        <v>#N/A</v>
      </c>
      <c r="AR35" s="137" t="e">
        <f t="shared" si="24"/>
        <v>#N/A</v>
      </c>
      <c r="AS35" s="137" t="e">
        <f t="shared" si="25"/>
        <v>#N/A</v>
      </c>
      <c r="AT35" s="137" t="e">
        <f t="shared" si="26"/>
        <v>#N/A</v>
      </c>
      <c r="AU35" s="137" t="e">
        <f t="shared" si="27"/>
        <v>#N/A</v>
      </c>
      <c r="AV35" s="137" t="e">
        <f t="shared" si="28"/>
        <v>#N/A</v>
      </c>
      <c r="AW35" s="144" t="e">
        <f t="shared" si="29"/>
        <v>#N/A</v>
      </c>
      <c r="AX35" s="208" t="e">
        <f t="shared" si="35"/>
        <v>#N/A</v>
      </c>
      <c r="AY35" s="209" t="e">
        <f t="shared" si="36"/>
        <v>#N/A</v>
      </c>
    </row>
    <row r="36" spans="2:51" ht="13.5" thickBot="1" x14ac:dyDescent="0.25">
      <c r="B36" s="97">
        <f>'p-y mono_clay'!B36</f>
        <v>-25.5</v>
      </c>
      <c r="C36">
        <f>'p-y mono_clay'!C36</f>
        <v>10</v>
      </c>
      <c r="D36">
        <f>'p-y mono_clay'!D36</f>
        <v>9.9860000000000007</v>
      </c>
      <c r="E36" t="str">
        <f>'p-y mono_clay'!E36</f>
        <v>CLAY</v>
      </c>
      <c r="F36" s="43">
        <f>'p-y mono_clay'!G36</f>
        <v>15.109681993409737</v>
      </c>
      <c r="G36" s="43">
        <f>'p-y mono_clay'!H36</f>
        <v>5.1096819934097368</v>
      </c>
      <c r="H36" s="43">
        <f>'p-y mono_clay'!I36</f>
        <v>51.061052160143504</v>
      </c>
      <c r="I36" t="e">
        <f>INDEX('CPT Data'!$T$13:$T$20000,MATCH(C36,'CPT Data'!$B$13:$B$20000,1))</f>
        <v>#N/A</v>
      </c>
      <c r="J36" s="98">
        <f>'Pile Property'!$B$8</f>
        <v>2</v>
      </c>
      <c r="K36" s="97" t="e">
        <f t="shared" si="0"/>
        <v>#N/A</v>
      </c>
      <c r="L36" t="e">
        <f t="shared" si="1"/>
        <v>#N/A</v>
      </c>
      <c r="M36" t="e">
        <f t="shared" si="10"/>
        <v>#N/A</v>
      </c>
      <c r="N36" s="3" t="e">
        <f t="shared" si="11"/>
        <v>#N/A</v>
      </c>
      <c r="O36" t="e">
        <f t="shared" si="12"/>
        <v>#N/A</v>
      </c>
      <c r="P36">
        <v>0.4</v>
      </c>
      <c r="Q36" t="e">
        <f t="shared" si="2"/>
        <v>#N/A</v>
      </c>
      <c r="R36" t="e">
        <f t="shared" si="32"/>
        <v>#N/A</v>
      </c>
      <c r="S36" t="e">
        <f t="shared" si="13"/>
        <v>#N/A</v>
      </c>
      <c r="T36" t="e">
        <f t="shared" si="14"/>
        <v>#N/A</v>
      </c>
      <c r="U36" t="e">
        <f t="shared" si="3"/>
        <v>#N/A</v>
      </c>
      <c r="V36" t="e">
        <f t="shared" si="4"/>
        <v>#N/A</v>
      </c>
      <c r="W36" s="98" t="e">
        <f t="shared" si="15"/>
        <v>#N/A</v>
      </c>
      <c r="X36">
        <f t="shared" si="5"/>
        <v>0.9</v>
      </c>
      <c r="Y36" t="e">
        <f t="shared" si="16"/>
        <v>#N/A</v>
      </c>
      <c r="Z36" s="143">
        <v>0</v>
      </c>
      <c r="AA36" s="137">
        <f t="shared" ref="AA36:AJ36" si="42">(Z36+(0.005*$J36*1000))</f>
        <v>10</v>
      </c>
      <c r="AB36" s="137">
        <f t="shared" si="42"/>
        <v>20</v>
      </c>
      <c r="AC36" s="137">
        <f t="shared" si="42"/>
        <v>30</v>
      </c>
      <c r="AD36" s="137">
        <f t="shared" si="42"/>
        <v>40</v>
      </c>
      <c r="AE36" s="137">
        <f t="shared" si="42"/>
        <v>50</v>
      </c>
      <c r="AF36" s="137">
        <f t="shared" si="42"/>
        <v>60</v>
      </c>
      <c r="AG36" s="137">
        <f t="shared" si="42"/>
        <v>70</v>
      </c>
      <c r="AH36" s="137">
        <f t="shared" si="42"/>
        <v>80</v>
      </c>
      <c r="AI36" s="137">
        <f t="shared" si="42"/>
        <v>90</v>
      </c>
      <c r="AJ36" s="137">
        <f t="shared" si="42"/>
        <v>100</v>
      </c>
      <c r="AK36" s="137">
        <f t="shared" si="17"/>
        <v>110</v>
      </c>
      <c r="AL36" s="137">
        <f t="shared" si="18"/>
        <v>120</v>
      </c>
      <c r="AM36" s="143" t="e">
        <f t="shared" si="19"/>
        <v>#N/A</v>
      </c>
      <c r="AN36" s="137" t="e">
        <f t="shared" si="20"/>
        <v>#N/A</v>
      </c>
      <c r="AO36" s="137" t="e">
        <f t="shared" si="21"/>
        <v>#N/A</v>
      </c>
      <c r="AP36" s="137" t="e">
        <f t="shared" si="22"/>
        <v>#N/A</v>
      </c>
      <c r="AQ36" s="137" t="e">
        <f t="shared" si="23"/>
        <v>#N/A</v>
      </c>
      <c r="AR36" s="137" t="e">
        <f t="shared" si="24"/>
        <v>#N/A</v>
      </c>
      <c r="AS36" s="137" t="e">
        <f t="shared" si="25"/>
        <v>#N/A</v>
      </c>
      <c r="AT36" s="137" t="e">
        <f t="shared" si="26"/>
        <v>#N/A</v>
      </c>
      <c r="AU36" s="137" t="e">
        <f t="shared" si="27"/>
        <v>#N/A</v>
      </c>
      <c r="AV36" s="137" t="e">
        <f t="shared" si="28"/>
        <v>#N/A</v>
      </c>
      <c r="AW36" s="144" t="e">
        <f t="shared" si="29"/>
        <v>#N/A</v>
      </c>
      <c r="AX36" s="208" t="e">
        <f t="shared" si="35"/>
        <v>#N/A</v>
      </c>
      <c r="AY36" s="209" t="e">
        <f t="shared" si="36"/>
        <v>#N/A</v>
      </c>
    </row>
    <row r="37" spans="2:51" ht="13.5" thickBot="1" x14ac:dyDescent="0.25">
      <c r="B37" s="97">
        <f>'p-y mono_clay'!B37</f>
        <v>-26.5</v>
      </c>
      <c r="C37">
        <f>'p-y mono_clay'!C37</f>
        <v>11</v>
      </c>
      <c r="D37">
        <f>'p-y mono_clay'!D37</f>
        <v>10.991</v>
      </c>
      <c r="E37" t="str">
        <f>'p-y mono_clay'!E37</f>
        <v>CLAY</v>
      </c>
      <c r="F37" s="43">
        <f>'p-y mono_clay'!G37</f>
        <v>15.454042071035488</v>
      </c>
      <c r="G37" s="43">
        <f>'p-y mono_clay'!H37</f>
        <v>5.454042071035488</v>
      </c>
      <c r="H37" s="43">
        <f>'p-y mono_clay'!I37</f>
        <v>59.983554697248294</v>
      </c>
      <c r="I37" t="e">
        <f>INDEX('CPT Data'!$T$13:$T$20000,MATCH(C37,'CPT Data'!$B$13:$B$20000,1))</f>
        <v>#N/A</v>
      </c>
      <c r="J37" s="98">
        <f>'Pile Property'!$B$8</f>
        <v>2</v>
      </c>
      <c r="K37" s="97" t="e">
        <f t="shared" si="0"/>
        <v>#N/A</v>
      </c>
      <c r="L37" t="e">
        <f t="shared" si="1"/>
        <v>#N/A</v>
      </c>
      <c r="M37" t="e">
        <f t="shared" si="10"/>
        <v>#N/A</v>
      </c>
      <c r="N37" s="3" t="e">
        <f t="shared" si="11"/>
        <v>#N/A</v>
      </c>
      <c r="O37" t="e">
        <f t="shared" si="12"/>
        <v>#N/A</v>
      </c>
      <c r="P37">
        <v>0.4</v>
      </c>
      <c r="Q37" t="e">
        <f t="shared" si="2"/>
        <v>#N/A</v>
      </c>
      <c r="R37" t="e">
        <f t="shared" si="32"/>
        <v>#N/A</v>
      </c>
      <c r="S37" t="e">
        <f t="shared" si="13"/>
        <v>#N/A</v>
      </c>
      <c r="T37" t="e">
        <f t="shared" si="14"/>
        <v>#N/A</v>
      </c>
      <c r="U37" t="e">
        <f t="shared" si="3"/>
        <v>#N/A</v>
      </c>
      <c r="V37" t="e">
        <f t="shared" si="4"/>
        <v>#N/A</v>
      </c>
      <c r="W37" s="98" t="e">
        <f t="shared" si="15"/>
        <v>#N/A</v>
      </c>
      <c r="X37">
        <f t="shared" si="5"/>
        <v>0.9</v>
      </c>
      <c r="Y37" t="e">
        <f t="shared" si="16"/>
        <v>#N/A</v>
      </c>
      <c r="Z37" s="143">
        <v>0</v>
      </c>
      <c r="AA37" s="137">
        <f t="shared" ref="AA37:AJ37" si="43">(Z37+(0.005*$J37*1000))</f>
        <v>10</v>
      </c>
      <c r="AB37" s="137">
        <f t="shared" si="43"/>
        <v>20</v>
      </c>
      <c r="AC37" s="137">
        <f t="shared" si="43"/>
        <v>30</v>
      </c>
      <c r="AD37" s="137">
        <f t="shared" si="43"/>
        <v>40</v>
      </c>
      <c r="AE37" s="137">
        <f t="shared" si="43"/>
        <v>50</v>
      </c>
      <c r="AF37" s="137">
        <f t="shared" si="43"/>
        <v>60</v>
      </c>
      <c r="AG37" s="137">
        <f t="shared" si="43"/>
        <v>70</v>
      </c>
      <c r="AH37" s="137">
        <f t="shared" si="43"/>
        <v>80</v>
      </c>
      <c r="AI37" s="137">
        <f t="shared" si="43"/>
        <v>90</v>
      </c>
      <c r="AJ37" s="137">
        <f t="shared" si="43"/>
        <v>100</v>
      </c>
      <c r="AK37" s="137">
        <f t="shared" si="17"/>
        <v>110</v>
      </c>
      <c r="AL37" s="137">
        <f t="shared" si="18"/>
        <v>120</v>
      </c>
      <c r="AM37" s="143" t="e">
        <f t="shared" si="19"/>
        <v>#N/A</v>
      </c>
      <c r="AN37" s="137" t="e">
        <f t="shared" si="20"/>
        <v>#N/A</v>
      </c>
      <c r="AO37" s="137" t="e">
        <f t="shared" si="21"/>
        <v>#N/A</v>
      </c>
      <c r="AP37" s="137" t="e">
        <f t="shared" si="22"/>
        <v>#N/A</v>
      </c>
      <c r="AQ37" s="137" t="e">
        <f t="shared" si="23"/>
        <v>#N/A</v>
      </c>
      <c r="AR37" s="137" t="e">
        <f t="shared" si="24"/>
        <v>#N/A</v>
      </c>
      <c r="AS37" s="137" t="e">
        <f t="shared" si="25"/>
        <v>#N/A</v>
      </c>
      <c r="AT37" s="137" t="e">
        <f t="shared" si="26"/>
        <v>#N/A</v>
      </c>
      <c r="AU37" s="137" t="e">
        <f t="shared" si="27"/>
        <v>#N/A</v>
      </c>
      <c r="AV37" s="137" t="e">
        <f t="shared" si="28"/>
        <v>#N/A</v>
      </c>
      <c r="AW37" s="144" t="e">
        <f t="shared" si="29"/>
        <v>#N/A</v>
      </c>
      <c r="AX37" s="208" t="e">
        <f t="shared" si="35"/>
        <v>#N/A</v>
      </c>
      <c r="AY37" s="209" t="e">
        <f t="shared" si="36"/>
        <v>#N/A</v>
      </c>
    </row>
    <row r="38" spans="2:51" ht="13.5" thickBot="1" x14ac:dyDescent="0.25">
      <c r="B38" s="97">
        <f>'p-y mono_clay'!B38</f>
        <v>-27.5</v>
      </c>
      <c r="C38">
        <f>'p-y mono_clay'!C38</f>
        <v>12</v>
      </c>
      <c r="D38">
        <f>'p-y mono_clay'!D38</f>
        <v>11.986000000000001</v>
      </c>
      <c r="E38" t="str">
        <f>'p-y mono_clay'!E38</f>
        <v>CLAY</v>
      </c>
      <c r="F38" s="43">
        <f>'p-y mono_clay'!G38</f>
        <v>15.577806191687911</v>
      </c>
      <c r="G38" s="43">
        <f>'p-y mono_clay'!H38</f>
        <v>5.5778061916879107</v>
      </c>
      <c r="H38" s="43">
        <f>'p-y mono_clay'!I38</f>
        <v>66.894629656913111</v>
      </c>
      <c r="I38" t="e">
        <f>INDEX('CPT Data'!$T$13:$T$20000,MATCH(C38,'CPT Data'!$B$13:$B$20000,1))</f>
        <v>#N/A</v>
      </c>
      <c r="J38" s="98">
        <f>'Pile Property'!$B$8</f>
        <v>2</v>
      </c>
      <c r="K38" s="97" t="e">
        <f t="shared" si="0"/>
        <v>#N/A</v>
      </c>
      <c r="L38" t="e">
        <f t="shared" si="1"/>
        <v>#N/A</v>
      </c>
      <c r="M38" t="e">
        <f t="shared" si="10"/>
        <v>#N/A</v>
      </c>
      <c r="N38" s="3" t="e">
        <f t="shared" si="11"/>
        <v>#N/A</v>
      </c>
      <c r="O38" t="e">
        <f t="shared" si="12"/>
        <v>#N/A</v>
      </c>
      <c r="P38">
        <v>0.4</v>
      </c>
      <c r="Q38" t="e">
        <f t="shared" si="2"/>
        <v>#N/A</v>
      </c>
      <c r="R38" t="e">
        <f t="shared" si="32"/>
        <v>#N/A</v>
      </c>
      <c r="S38" t="e">
        <f t="shared" si="13"/>
        <v>#N/A</v>
      </c>
      <c r="T38" t="e">
        <f t="shared" si="14"/>
        <v>#N/A</v>
      </c>
      <c r="U38" t="e">
        <f t="shared" si="3"/>
        <v>#N/A</v>
      </c>
      <c r="V38" t="e">
        <f t="shared" si="4"/>
        <v>#N/A</v>
      </c>
      <c r="W38" s="98" t="e">
        <f t="shared" si="15"/>
        <v>#N/A</v>
      </c>
      <c r="X38">
        <f t="shared" si="5"/>
        <v>0.9</v>
      </c>
      <c r="Y38" t="e">
        <f t="shared" si="16"/>
        <v>#N/A</v>
      </c>
      <c r="Z38" s="143">
        <v>0</v>
      </c>
      <c r="AA38" s="137">
        <f t="shared" ref="AA38:AJ38" si="44">(Z38+(0.005*$J38*1000))</f>
        <v>10</v>
      </c>
      <c r="AB38" s="137">
        <f t="shared" si="44"/>
        <v>20</v>
      </c>
      <c r="AC38" s="137">
        <f t="shared" si="44"/>
        <v>30</v>
      </c>
      <c r="AD38" s="137">
        <f t="shared" si="44"/>
        <v>40</v>
      </c>
      <c r="AE38" s="137">
        <f t="shared" si="44"/>
        <v>50</v>
      </c>
      <c r="AF38" s="137">
        <f t="shared" si="44"/>
        <v>60</v>
      </c>
      <c r="AG38" s="137">
        <f t="shared" si="44"/>
        <v>70</v>
      </c>
      <c r="AH38" s="137">
        <f t="shared" si="44"/>
        <v>80</v>
      </c>
      <c r="AI38" s="137">
        <f t="shared" si="44"/>
        <v>90</v>
      </c>
      <c r="AJ38" s="137">
        <f t="shared" si="44"/>
        <v>100</v>
      </c>
      <c r="AK38" s="137">
        <f t="shared" si="17"/>
        <v>110</v>
      </c>
      <c r="AL38" s="137">
        <f t="shared" si="18"/>
        <v>120</v>
      </c>
      <c r="AM38" s="143" t="e">
        <f t="shared" si="19"/>
        <v>#N/A</v>
      </c>
      <c r="AN38" s="137" t="e">
        <f t="shared" si="20"/>
        <v>#N/A</v>
      </c>
      <c r="AO38" s="137" t="e">
        <f t="shared" si="21"/>
        <v>#N/A</v>
      </c>
      <c r="AP38" s="137" t="e">
        <f t="shared" si="22"/>
        <v>#N/A</v>
      </c>
      <c r="AQ38" s="137" t="e">
        <f t="shared" si="23"/>
        <v>#N/A</v>
      </c>
      <c r="AR38" s="137" t="e">
        <f t="shared" si="24"/>
        <v>#N/A</v>
      </c>
      <c r="AS38" s="137" t="e">
        <f t="shared" si="25"/>
        <v>#N/A</v>
      </c>
      <c r="AT38" s="137" t="e">
        <f t="shared" si="26"/>
        <v>#N/A</v>
      </c>
      <c r="AU38" s="137" t="e">
        <f t="shared" si="27"/>
        <v>#N/A</v>
      </c>
      <c r="AV38" s="137" t="e">
        <f t="shared" si="28"/>
        <v>#N/A</v>
      </c>
      <c r="AW38" s="144" t="e">
        <f t="shared" si="29"/>
        <v>#N/A</v>
      </c>
      <c r="AX38" s="208" t="e">
        <f t="shared" si="35"/>
        <v>#N/A</v>
      </c>
      <c r="AY38" s="209" t="e">
        <f t="shared" si="36"/>
        <v>#N/A</v>
      </c>
    </row>
    <row r="39" spans="2:51" ht="13.5" thickBot="1" x14ac:dyDescent="0.25">
      <c r="B39" s="97">
        <f>'p-y mono_clay'!B39</f>
        <v>-28.5</v>
      </c>
      <c r="C39">
        <f>'p-y mono_clay'!C39</f>
        <v>13</v>
      </c>
      <c r="D39">
        <f>'p-y mono_clay'!D39</f>
        <v>12.98</v>
      </c>
      <c r="E39" t="str">
        <f>'p-y mono_clay'!E39</f>
        <v>CLAY</v>
      </c>
      <c r="F39" s="43">
        <f>'p-y mono_clay'!G39</f>
        <v>15.448768796594976</v>
      </c>
      <c r="G39" s="43">
        <f>'p-y mono_clay'!H39</f>
        <v>5.448768796594976</v>
      </c>
      <c r="H39" s="43">
        <f>'p-y mono_clay'!I39</f>
        <v>70.763160361378951</v>
      </c>
      <c r="I39" t="e">
        <f>INDEX('CPT Data'!$T$13:$T$20000,MATCH(C39,'CPT Data'!$B$13:$B$20000,1))</f>
        <v>#N/A</v>
      </c>
      <c r="J39" s="98">
        <f>'Pile Property'!$B$8</f>
        <v>2</v>
      </c>
      <c r="K39" s="97" t="e">
        <f t="shared" si="0"/>
        <v>#N/A</v>
      </c>
      <c r="L39" t="e">
        <f t="shared" si="1"/>
        <v>#N/A</v>
      </c>
      <c r="M39" t="e">
        <f t="shared" si="10"/>
        <v>#N/A</v>
      </c>
      <c r="N39" s="3" t="e">
        <f t="shared" si="11"/>
        <v>#N/A</v>
      </c>
      <c r="O39" t="e">
        <f t="shared" si="12"/>
        <v>#N/A</v>
      </c>
      <c r="P39">
        <v>0.4</v>
      </c>
      <c r="Q39" t="e">
        <f t="shared" si="2"/>
        <v>#N/A</v>
      </c>
      <c r="R39" t="e">
        <f t="shared" si="32"/>
        <v>#N/A</v>
      </c>
      <c r="S39" t="e">
        <f t="shared" si="13"/>
        <v>#N/A</v>
      </c>
      <c r="T39" t="e">
        <f t="shared" si="14"/>
        <v>#N/A</v>
      </c>
      <c r="U39" t="e">
        <f t="shared" si="3"/>
        <v>#N/A</v>
      </c>
      <c r="V39" t="e">
        <f t="shared" si="4"/>
        <v>#N/A</v>
      </c>
      <c r="W39" s="98" t="e">
        <f t="shared" si="15"/>
        <v>#N/A</v>
      </c>
      <c r="X39">
        <f t="shared" si="5"/>
        <v>0.9</v>
      </c>
      <c r="Y39" t="e">
        <f t="shared" si="16"/>
        <v>#N/A</v>
      </c>
      <c r="Z39" s="143">
        <v>0</v>
      </c>
      <c r="AA39" s="137">
        <f t="shared" ref="AA39:AJ39" si="45">(Z39+(0.005*$J39*1000))</f>
        <v>10</v>
      </c>
      <c r="AB39" s="137">
        <f t="shared" si="45"/>
        <v>20</v>
      </c>
      <c r="AC39" s="137">
        <f t="shared" si="45"/>
        <v>30</v>
      </c>
      <c r="AD39" s="137">
        <f t="shared" si="45"/>
        <v>40</v>
      </c>
      <c r="AE39" s="137">
        <f t="shared" si="45"/>
        <v>50</v>
      </c>
      <c r="AF39" s="137">
        <f t="shared" si="45"/>
        <v>60</v>
      </c>
      <c r="AG39" s="137">
        <f t="shared" si="45"/>
        <v>70</v>
      </c>
      <c r="AH39" s="137">
        <f t="shared" si="45"/>
        <v>80</v>
      </c>
      <c r="AI39" s="137">
        <f t="shared" si="45"/>
        <v>90</v>
      </c>
      <c r="AJ39" s="137">
        <f t="shared" si="45"/>
        <v>100</v>
      </c>
      <c r="AK39" s="137">
        <f t="shared" si="17"/>
        <v>110</v>
      </c>
      <c r="AL39" s="137">
        <f t="shared" si="18"/>
        <v>120</v>
      </c>
      <c r="AM39" s="143" t="e">
        <f t="shared" si="19"/>
        <v>#N/A</v>
      </c>
      <c r="AN39" s="137" t="e">
        <f t="shared" si="20"/>
        <v>#N/A</v>
      </c>
      <c r="AO39" s="137" t="e">
        <f t="shared" si="21"/>
        <v>#N/A</v>
      </c>
      <c r="AP39" s="137" t="e">
        <f t="shared" si="22"/>
        <v>#N/A</v>
      </c>
      <c r="AQ39" s="137" t="e">
        <f t="shared" si="23"/>
        <v>#N/A</v>
      </c>
      <c r="AR39" s="137" t="e">
        <f t="shared" si="24"/>
        <v>#N/A</v>
      </c>
      <c r="AS39" s="137" t="e">
        <f t="shared" si="25"/>
        <v>#N/A</v>
      </c>
      <c r="AT39" s="137" t="e">
        <f t="shared" si="26"/>
        <v>#N/A</v>
      </c>
      <c r="AU39" s="137" t="e">
        <f t="shared" si="27"/>
        <v>#N/A</v>
      </c>
      <c r="AV39" s="137" t="e">
        <f t="shared" si="28"/>
        <v>#N/A</v>
      </c>
      <c r="AW39" s="144" t="e">
        <f t="shared" si="29"/>
        <v>#N/A</v>
      </c>
      <c r="AX39" s="208" t="e">
        <f t="shared" si="35"/>
        <v>#N/A</v>
      </c>
      <c r="AY39" s="209" t="e">
        <f t="shared" si="36"/>
        <v>#N/A</v>
      </c>
    </row>
    <row r="40" spans="2:51" ht="13.5" thickBot="1" x14ac:dyDescent="0.25">
      <c r="B40" s="97">
        <f>'p-y mono_clay'!B40</f>
        <v>-29.5</v>
      </c>
      <c r="C40">
        <f>'p-y mono_clay'!C40</f>
        <v>14</v>
      </c>
      <c r="D40">
        <f>'p-y mono_clay'!D40</f>
        <v>13.993</v>
      </c>
      <c r="E40" t="str">
        <f>'p-y mono_clay'!E40</f>
        <v>CLAY</v>
      </c>
      <c r="F40" s="43">
        <f>'p-y mono_clay'!G40</f>
        <v>15.514956213691493</v>
      </c>
      <c r="G40" s="43">
        <f>'p-y mono_clay'!H40</f>
        <v>5.5149562136914927</v>
      </c>
      <c r="H40" s="43">
        <f>'p-y mono_clay'!I40</f>
        <v>77.209386991680901</v>
      </c>
      <c r="I40" t="e">
        <f>INDEX('CPT Data'!$T$13:$T$20000,MATCH(C40,'CPT Data'!$B$13:$B$20000,1))</f>
        <v>#N/A</v>
      </c>
      <c r="J40" s="98">
        <f>'Pile Property'!$B$8</f>
        <v>2</v>
      </c>
      <c r="K40" s="97" t="e">
        <f t="shared" si="0"/>
        <v>#N/A</v>
      </c>
      <c r="L40" t="e">
        <f t="shared" si="1"/>
        <v>#N/A</v>
      </c>
      <c r="M40" t="e">
        <f t="shared" si="10"/>
        <v>#N/A</v>
      </c>
      <c r="N40" s="3" t="e">
        <f t="shared" si="11"/>
        <v>#N/A</v>
      </c>
      <c r="O40" t="e">
        <f t="shared" si="12"/>
        <v>#N/A</v>
      </c>
      <c r="P40">
        <v>0.4</v>
      </c>
      <c r="Q40" t="e">
        <f t="shared" si="2"/>
        <v>#N/A</v>
      </c>
      <c r="R40" t="e">
        <f t="shared" si="32"/>
        <v>#N/A</v>
      </c>
      <c r="S40" t="e">
        <f t="shared" si="13"/>
        <v>#N/A</v>
      </c>
      <c r="T40" t="e">
        <f t="shared" si="14"/>
        <v>#N/A</v>
      </c>
      <c r="U40" t="e">
        <f t="shared" si="3"/>
        <v>#N/A</v>
      </c>
      <c r="V40" t="e">
        <f t="shared" si="4"/>
        <v>#N/A</v>
      </c>
      <c r="W40" s="98" t="e">
        <f t="shared" si="15"/>
        <v>#N/A</v>
      </c>
      <c r="X40">
        <f t="shared" si="5"/>
        <v>0.9</v>
      </c>
      <c r="Y40" t="e">
        <f t="shared" si="16"/>
        <v>#N/A</v>
      </c>
      <c r="Z40" s="143">
        <v>0</v>
      </c>
      <c r="AA40" s="137">
        <f t="shared" ref="AA40:AJ40" si="46">(Z40+(0.005*$J40*1000))</f>
        <v>10</v>
      </c>
      <c r="AB40" s="137">
        <f t="shared" si="46"/>
        <v>20</v>
      </c>
      <c r="AC40" s="137">
        <f t="shared" si="46"/>
        <v>30</v>
      </c>
      <c r="AD40" s="137">
        <f t="shared" si="46"/>
        <v>40</v>
      </c>
      <c r="AE40" s="137">
        <f t="shared" si="46"/>
        <v>50</v>
      </c>
      <c r="AF40" s="137">
        <f t="shared" si="46"/>
        <v>60</v>
      </c>
      <c r="AG40" s="137">
        <f t="shared" si="46"/>
        <v>70</v>
      </c>
      <c r="AH40" s="137">
        <f t="shared" si="46"/>
        <v>80</v>
      </c>
      <c r="AI40" s="137">
        <f t="shared" si="46"/>
        <v>90</v>
      </c>
      <c r="AJ40" s="137">
        <f t="shared" si="46"/>
        <v>100</v>
      </c>
      <c r="AK40" s="137">
        <f t="shared" si="17"/>
        <v>110</v>
      </c>
      <c r="AL40" s="137">
        <f t="shared" si="18"/>
        <v>120</v>
      </c>
      <c r="AM40" s="143" t="e">
        <f t="shared" si="19"/>
        <v>#N/A</v>
      </c>
      <c r="AN40" s="137" t="e">
        <f t="shared" si="20"/>
        <v>#N/A</v>
      </c>
      <c r="AO40" s="137" t="e">
        <f t="shared" si="21"/>
        <v>#N/A</v>
      </c>
      <c r="AP40" s="137" t="e">
        <f t="shared" si="22"/>
        <v>#N/A</v>
      </c>
      <c r="AQ40" s="137" t="e">
        <f t="shared" si="23"/>
        <v>#N/A</v>
      </c>
      <c r="AR40" s="137" t="e">
        <f t="shared" si="24"/>
        <v>#N/A</v>
      </c>
      <c r="AS40" s="137" t="e">
        <f t="shared" si="25"/>
        <v>#N/A</v>
      </c>
      <c r="AT40" s="137" t="e">
        <f t="shared" si="26"/>
        <v>#N/A</v>
      </c>
      <c r="AU40" s="137" t="e">
        <f t="shared" si="27"/>
        <v>#N/A</v>
      </c>
      <c r="AV40" s="137" t="e">
        <f t="shared" si="28"/>
        <v>#N/A</v>
      </c>
      <c r="AW40" s="144" t="e">
        <f t="shared" si="29"/>
        <v>#N/A</v>
      </c>
      <c r="AX40" s="208" t="e">
        <f t="shared" si="35"/>
        <v>#N/A</v>
      </c>
      <c r="AY40" s="209" t="e">
        <f t="shared" si="36"/>
        <v>#N/A</v>
      </c>
    </row>
    <row r="41" spans="2:51" ht="13.5" thickBot="1" x14ac:dyDescent="0.25">
      <c r="B41" s="97">
        <f>'p-y mono_clay'!B41</f>
        <v>-30.5</v>
      </c>
      <c r="C41">
        <f>'p-y mono_clay'!C41</f>
        <v>15</v>
      </c>
      <c r="D41">
        <f>'p-y mono_clay'!D41</f>
        <v>14.993</v>
      </c>
      <c r="E41" t="str">
        <f>'p-y mono_clay'!E41</f>
        <v>CLAY</v>
      </c>
      <c r="F41" s="43">
        <f>'p-y mono_clay'!G41</f>
        <v>15.713613252696724</v>
      </c>
      <c r="G41" s="43">
        <f>'p-y mono_clay'!H41</f>
        <v>5.7136132526967245</v>
      </c>
      <c r="H41" s="43">
        <f>'p-y mono_clay'!I41</f>
        <v>85.704198790450874</v>
      </c>
      <c r="I41" t="e">
        <f>INDEX('CPT Data'!$T$13:$T$20000,MATCH(C41,'CPT Data'!$B$13:$B$20000,1))</f>
        <v>#N/A</v>
      </c>
      <c r="J41" s="98">
        <f>'Pile Property'!$B$8</f>
        <v>2</v>
      </c>
      <c r="K41" s="97" t="e">
        <f t="shared" si="0"/>
        <v>#N/A</v>
      </c>
      <c r="L41" t="e">
        <f t="shared" si="1"/>
        <v>#N/A</v>
      </c>
      <c r="M41" t="e">
        <f t="shared" si="10"/>
        <v>#N/A</v>
      </c>
      <c r="N41" s="3" t="e">
        <f t="shared" si="11"/>
        <v>#N/A</v>
      </c>
      <c r="O41" t="e">
        <f t="shared" si="12"/>
        <v>#N/A</v>
      </c>
      <c r="P41">
        <v>0.4</v>
      </c>
      <c r="Q41" t="e">
        <f t="shared" si="2"/>
        <v>#N/A</v>
      </c>
      <c r="R41" t="e">
        <f t="shared" si="32"/>
        <v>#N/A</v>
      </c>
      <c r="S41" t="e">
        <f t="shared" si="13"/>
        <v>#N/A</v>
      </c>
      <c r="T41" t="e">
        <f t="shared" si="14"/>
        <v>#N/A</v>
      </c>
      <c r="U41" t="e">
        <f t="shared" si="3"/>
        <v>#N/A</v>
      </c>
      <c r="V41" t="e">
        <f t="shared" si="4"/>
        <v>#N/A</v>
      </c>
      <c r="W41" s="98" t="e">
        <f t="shared" si="15"/>
        <v>#N/A</v>
      </c>
      <c r="X41">
        <f t="shared" si="5"/>
        <v>0.9</v>
      </c>
      <c r="Y41" t="e">
        <f t="shared" si="16"/>
        <v>#N/A</v>
      </c>
      <c r="Z41" s="143">
        <v>0</v>
      </c>
      <c r="AA41" s="137">
        <f t="shared" ref="AA41:AJ41" si="47">(Z41+(0.005*$J41*1000))</f>
        <v>10</v>
      </c>
      <c r="AB41" s="137">
        <f t="shared" si="47"/>
        <v>20</v>
      </c>
      <c r="AC41" s="137">
        <f t="shared" si="47"/>
        <v>30</v>
      </c>
      <c r="AD41" s="137">
        <f t="shared" si="47"/>
        <v>40</v>
      </c>
      <c r="AE41" s="137">
        <f t="shared" si="47"/>
        <v>50</v>
      </c>
      <c r="AF41" s="137">
        <f t="shared" si="47"/>
        <v>60</v>
      </c>
      <c r="AG41" s="137">
        <f t="shared" si="47"/>
        <v>70</v>
      </c>
      <c r="AH41" s="137">
        <f t="shared" si="47"/>
        <v>80</v>
      </c>
      <c r="AI41" s="137">
        <f t="shared" si="47"/>
        <v>90</v>
      </c>
      <c r="AJ41" s="137">
        <f t="shared" si="47"/>
        <v>100</v>
      </c>
      <c r="AK41" s="137">
        <f t="shared" si="17"/>
        <v>110</v>
      </c>
      <c r="AL41" s="137">
        <f t="shared" si="18"/>
        <v>120</v>
      </c>
      <c r="AM41" s="143" t="e">
        <f t="shared" si="19"/>
        <v>#N/A</v>
      </c>
      <c r="AN41" s="137" t="e">
        <f t="shared" si="20"/>
        <v>#N/A</v>
      </c>
      <c r="AO41" s="137" t="e">
        <f t="shared" si="21"/>
        <v>#N/A</v>
      </c>
      <c r="AP41" s="137" t="e">
        <f t="shared" si="22"/>
        <v>#N/A</v>
      </c>
      <c r="AQ41" s="137" t="e">
        <f t="shared" si="23"/>
        <v>#N/A</v>
      </c>
      <c r="AR41" s="137" t="e">
        <f t="shared" si="24"/>
        <v>#N/A</v>
      </c>
      <c r="AS41" s="137" t="e">
        <f t="shared" si="25"/>
        <v>#N/A</v>
      </c>
      <c r="AT41" s="137" t="e">
        <f t="shared" si="26"/>
        <v>#N/A</v>
      </c>
      <c r="AU41" s="137" t="e">
        <f t="shared" si="27"/>
        <v>#N/A</v>
      </c>
      <c r="AV41" s="137" t="e">
        <f t="shared" si="28"/>
        <v>#N/A</v>
      </c>
      <c r="AW41" s="144" t="e">
        <f t="shared" si="29"/>
        <v>#N/A</v>
      </c>
      <c r="AX41" s="208" t="e">
        <f t="shared" si="35"/>
        <v>#N/A</v>
      </c>
      <c r="AY41" s="209" t="e">
        <f t="shared" si="36"/>
        <v>#N/A</v>
      </c>
    </row>
    <row r="42" spans="2:51" ht="13.5" thickBot="1" x14ac:dyDescent="0.25">
      <c r="B42" s="97">
        <f>'p-y mono_clay'!B42</f>
        <v>-31.5</v>
      </c>
      <c r="C42">
        <f>'p-y mono_clay'!C42</f>
        <v>16</v>
      </c>
      <c r="D42">
        <f>'p-y mono_clay'!D42</f>
        <v>15.99</v>
      </c>
      <c r="E42" t="str">
        <f>'p-y mono_clay'!E42</f>
        <v>CLAY</v>
      </c>
      <c r="F42" s="43">
        <f>'p-y mono_clay'!G42</f>
        <v>15.902355032817185</v>
      </c>
      <c r="G42" s="43">
        <f>'p-y mono_clay'!H42</f>
        <v>5.9023550328171854</v>
      </c>
      <c r="H42" s="43">
        <f>'p-y mono_clay'!I42</f>
        <v>94.419973459976518</v>
      </c>
      <c r="I42" t="e">
        <f>INDEX('CPT Data'!$T$13:$T$20000,MATCH(C42,'CPT Data'!$B$13:$B$20000,1))</f>
        <v>#N/A</v>
      </c>
      <c r="J42" s="98">
        <f>'Pile Property'!$B$8</f>
        <v>2</v>
      </c>
      <c r="K42" s="97" t="e">
        <f t="shared" si="0"/>
        <v>#N/A</v>
      </c>
      <c r="L42" t="e">
        <f t="shared" si="1"/>
        <v>#N/A</v>
      </c>
      <c r="M42" t="e">
        <f t="shared" si="10"/>
        <v>#N/A</v>
      </c>
      <c r="N42" s="3" t="e">
        <f t="shared" si="11"/>
        <v>#N/A</v>
      </c>
      <c r="O42" t="e">
        <f t="shared" si="12"/>
        <v>#N/A</v>
      </c>
      <c r="P42">
        <v>0.4</v>
      </c>
      <c r="Q42" t="e">
        <f t="shared" si="2"/>
        <v>#N/A</v>
      </c>
      <c r="R42" t="e">
        <f t="shared" si="32"/>
        <v>#N/A</v>
      </c>
      <c r="S42" t="e">
        <f t="shared" si="13"/>
        <v>#N/A</v>
      </c>
      <c r="T42" t="e">
        <f t="shared" si="14"/>
        <v>#N/A</v>
      </c>
      <c r="U42" t="e">
        <f t="shared" si="3"/>
        <v>#N/A</v>
      </c>
      <c r="V42" t="e">
        <f t="shared" si="4"/>
        <v>#N/A</v>
      </c>
      <c r="W42" s="98" t="e">
        <f t="shared" si="15"/>
        <v>#N/A</v>
      </c>
      <c r="X42">
        <f t="shared" si="5"/>
        <v>0.9</v>
      </c>
      <c r="Y42" t="e">
        <f t="shared" si="16"/>
        <v>#N/A</v>
      </c>
      <c r="Z42" s="143">
        <v>0</v>
      </c>
      <c r="AA42" s="137">
        <f t="shared" ref="AA42:AJ42" si="48">(Z42+(0.005*$J42*1000))</f>
        <v>10</v>
      </c>
      <c r="AB42" s="137">
        <f t="shared" si="48"/>
        <v>20</v>
      </c>
      <c r="AC42" s="137">
        <f t="shared" si="48"/>
        <v>30</v>
      </c>
      <c r="AD42" s="137">
        <f t="shared" si="48"/>
        <v>40</v>
      </c>
      <c r="AE42" s="137">
        <f t="shared" si="48"/>
        <v>50</v>
      </c>
      <c r="AF42" s="137">
        <f t="shared" si="48"/>
        <v>60</v>
      </c>
      <c r="AG42" s="137">
        <f t="shared" si="48"/>
        <v>70</v>
      </c>
      <c r="AH42" s="137">
        <f t="shared" si="48"/>
        <v>80</v>
      </c>
      <c r="AI42" s="137">
        <f t="shared" si="48"/>
        <v>90</v>
      </c>
      <c r="AJ42" s="137">
        <f t="shared" si="48"/>
        <v>100</v>
      </c>
      <c r="AK42" s="137">
        <f t="shared" si="17"/>
        <v>110</v>
      </c>
      <c r="AL42" s="137">
        <f t="shared" si="18"/>
        <v>120</v>
      </c>
      <c r="AM42" s="143" t="e">
        <f t="shared" si="19"/>
        <v>#N/A</v>
      </c>
      <c r="AN42" s="137" t="e">
        <f t="shared" si="20"/>
        <v>#N/A</v>
      </c>
      <c r="AO42" s="137" t="e">
        <f t="shared" si="21"/>
        <v>#N/A</v>
      </c>
      <c r="AP42" s="137" t="e">
        <f t="shared" si="22"/>
        <v>#N/A</v>
      </c>
      <c r="AQ42" s="137" t="e">
        <f t="shared" si="23"/>
        <v>#N/A</v>
      </c>
      <c r="AR42" s="137" t="e">
        <f t="shared" si="24"/>
        <v>#N/A</v>
      </c>
      <c r="AS42" s="137" t="e">
        <f t="shared" si="25"/>
        <v>#N/A</v>
      </c>
      <c r="AT42" s="137" t="e">
        <f t="shared" si="26"/>
        <v>#N/A</v>
      </c>
      <c r="AU42" s="137" t="e">
        <f t="shared" si="27"/>
        <v>#N/A</v>
      </c>
      <c r="AV42" s="137" t="e">
        <f t="shared" si="28"/>
        <v>#N/A</v>
      </c>
      <c r="AW42" s="144" t="e">
        <f t="shared" si="29"/>
        <v>#N/A</v>
      </c>
      <c r="AX42" s="208" t="e">
        <f t="shared" si="35"/>
        <v>#N/A</v>
      </c>
      <c r="AY42" s="209" t="e">
        <f t="shared" si="36"/>
        <v>#N/A</v>
      </c>
    </row>
    <row r="43" spans="2:51" ht="13.5" thickBot="1" x14ac:dyDescent="0.25">
      <c r="B43" s="97">
        <f>'p-y mono_clay'!B43</f>
        <v>-32.5</v>
      </c>
      <c r="C43">
        <f>'p-y mono_clay'!C43</f>
        <v>17</v>
      </c>
      <c r="D43">
        <f>'p-y mono_clay'!D43</f>
        <v>16.977</v>
      </c>
      <c r="E43" t="str">
        <f>'p-y mono_clay'!E43</f>
        <v>CLAY</v>
      </c>
      <c r="F43" s="43">
        <f>'p-y mono_clay'!G43</f>
        <v>15.638029863397819</v>
      </c>
      <c r="G43" s="43">
        <f>'p-y mono_clay'!H43</f>
        <v>5.6380298633978185</v>
      </c>
      <c r="H43" s="43">
        <f>'p-y mono_clay'!I43</f>
        <v>95.756299199948558</v>
      </c>
      <c r="I43" t="e">
        <f>INDEX('CPT Data'!$T$13:$T$20000,MATCH(C43,'CPT Data'!$B$13:$B$20000,1))</f>
        <v>#N/A</v>
      </c>
      <c r="J43" s="98">
        <f>'Pile Property'!$B$8</f>
        <v>2</v>
      </c>
      <c r="K43" s="97" t="e">
        <f t="shared" si="0"/>
        <v>#N/A</v>
      </c>
      <c r="L43" t="e">
        <f t="shared" si="1"/>
        <v>#N/A</v>
      </c>
      <c r="M43" t="e">
        <f t="shared" si="10"/>
        <v>#N/A</v>
      </c>
      <c r="N43" s="3" t="e">
        <f t="shared" si="11"/>
        <v>#N/A</v>
      </c>
      <c r="O43" t="e">
        <f t="shared" si="12"/>
        <v>#N/A</v>
      </c>
      <c r="P43">
        <v>0.4</v>
      </c>
      <c r="Q43" t="e">
        <f t="shared" si="2"/>
        <v>#N/A</v>
      </c>
      <c r="R43" t="e">
        <f t="shared" si="32"/>
        <v>#N/A</v>
      </c>
      <c r="S43" t="e">
        <f t="shared" si="13"/>
        <v>#N/A</v>
      </c>
      <c r="T43" t="e">
        <f t="shared" si="14"/>
        <v>#N/A</v>
      </c>
      <c r="U43" t="e">
        <f t="shared" si="3"/>
        <v>#N/A</v>
      </c>
      <c r="V43" t="e">
        <f t="shared" si="4"/>
        <v>#N/A</v>
      </c>
      <c r="W43" s="98" t="e">
        <f t="shared" si="15"/>
        <v>#N/A</v>
      </c>
      <c r="X43">
        <f t="shared" si="5"/>
        <v>0.9</v>
      </c>
      <c r="Y43" t="e">
        <f t="shared" si="16"/>
        <v>#N/A</v>
      </c>
      <c r="Z43" s="143">
        <v>0</v>
      </c>
      <c r="AA43" s="137">
        <f t="shared" ref="AA43:AJ43" si="49">(Z43+(0.005*$J43*1000))</f>
        <v>10</v>
      </c>
      <c r="AB43" s="137">
        <f t="shared" si="49"/>
        <v>20</v>
      </c>
      <c r="AC43" s="137">
        <f t="shared" si="49"/>
        <v>30</v>
      </c>
      <c r="AD43" s="137">
        <f t="shared" si="49"/>
        <v>40</v>
      </c>
      <c r="AE43" s="137">
        <f t="shared" si="49"/>
        <v>50</v>
      </c>
      <c r="AF43" s="137">
        <f t="shared" si="49"/>
        <v>60</v>
      </c>
      <c r="AG43" s="137">
        <f t="shared" si="49"/>
        <v>70</v>
      </c>
      <c r="AH43" s="137">
        <f t="shared" si="49"/>
        <v>80</v>
      </c>
      <c r="AI43" s="137">
        <f t="shared" si="49"/>
        <v>90</v>
      </c>
      <c r="AJ43" s="137">
        <f t="shared" si="49"/>
        <v>100</v>
      </c>
      <c r="AK43" s="137">
        <f t="shared" si="17"/>
        <v>110</v>
      </c>
      <c r="AL43" s="137">
        <f t="shared" si="18"/>
        <v>120</v>
      </c>
      <c r="AM43" s="143" t="e">
        <f t="shared" si="19"/>
        <v>#N/A</v>
      </c>
      <c r="AN43" s="137" t="e">
        <f t="shared" si="20"/>
        <v>#N/A</v>
      </c>
      <c r="AO43" s="137" t="e">
        <f t="shared" si="21"/>
        <v>#N/A</v>
      </c>
      <c r="AP43" s="137" t="e">
        <f t="shared" si="22"/>
        <v>#N/A</v>
      </c>
      <c r="AQ43" s="137" t="e">
        <f t="shared" si="23"/>
        <v>#N/A</v>
      </c>
      <c r="AR43" s="137" t="e">
        <f t="shared" si="24"/>
        <v>#N/A</v>
      </c>
      <c r="AS43" s="137" t="e">
        <f t="shared" si="25"/>
        <v>#N/A</v>
      </c>
      <c r="AT43" s="137" t="e">
        <f t="shared" si="26"/>
        <v>#N/A</v>
      </c>
      <c r="AU43" s="137" t="e">
        <f t="shared" si="27"/>
        <v>#N/A</v>
      </c>
      <c r="AV43" s="137" t="e">
        <f t="shared" si="28"/>
        <v>#N/A</v>
      </c>
      <c r="AW43" s="144" t="e">
        <f t="shared" si="29"/>
        <v>#N/A</v>
      </c>
      <c r="AX43" s="208" t="e">
        <f t="shared" si="35"/>
        <v>#N/A</v>
      </c>
      <c r="AY43" s="209" t="e">
        <f t="shared" si="36"/>
        <v>#N/A</v>
      </c>
    </row>
    <row r="44" spans="2:51" ht="13.5" thickBot="1" x14ac:dyDescent="0.25">
      <c r="B44" s="97">
        <f>'p-y mono_clay'!B44</f>
        <v>-33.5</v>
      </c>
      <c r="C44">
        <f>'p-y mono_clay'!C44</f>
        <v>18</v>
      </c>
      <c r="D44">
        <f>'p-y mono_clay'!D44</f>
        <v>17.988999999999997</v>
      </c>
      <c r="E44" t="str">
        <f>'p-y mono_clay'!E44</f>
        <v>CLAY</v>
      </c>
      <c r="F44" s="43">
        <f>'p-y mono_clay'!G44</f>
        <v>15.798530993723219</v>
      </c>
      <c r="G44" s="43">
        <f>'p-y mono_clay'!H44</f>
        <v>5.7985309937232188</v>
      </c>
      <c r="H44" s="43">
        <f>'p-y mono_clay'!I44</f>
        <v>104.35036376304303</v>
      </c>
      <c r="I44" t="e">
        <f>INDEX('CPT Data'!$T$13:$T$20000,MATCH(C44,'CPT Data'!$B$13:$B$20000,1))</f>
        <v>#N/A</v>
      </c>
      <c r="J44" s="98">
        <f>'Pile Property'!$B$8</f>
        <v>2</v>
      </c>
      <c r="K44" s="97" t="e">
        <f t="shared" si="0"/>
        <v>#N/A</v>
      </c>
      <c r="L44" t="e">
        <f t="shared" si="1"/>
        <v>#N/A</v>
      </c>
      <c r="M44" t="e">
        <f t="shared" si="10"/>
        <v>#N/A</v>
      </c>
      <c r="N44" s="3" t="e">
        <f t="shared" si="11"/>
        <v>#N/A</v>
      </c>
      <c r="O44" t="e">
        <f t="shared" si="12"/>
        <v>#N/A</v>
      </c>
      <c r="P44">
        <v>0.4</v>
      </c>
      <c r="Q44" t="e">
        <f t="shared" si="2"/>
        <v>#N/A</v>
      </c>
      <c r="R44" t="e">
        <f t="shared" si="32"/>
        <v>#N/A</v>
      </c>
      <c r="S44" t="e">
        <f t="shared" si="13"/>
        <v>#N/A</v>
      </c>
      <c r="T44" t="e">
        <f t="shared" si="14"/>
        <v>#N/A</v>
      </c>
      <c r="U44" t="e">
        <f t="shared" si="3"/>
        <v>#N/A</v>
      </c>
      <c r="V44" t="e">
        <f t="shared" si="4"/>
        <v>#N/A</v>
      </c>
      <c r="W44" s="98" t="e">
        <f t="shared" si="15"/>
        <v>#N/A</v>
      </c>
      <c r="X44">
        <f t="shared" si="5"/>
        <v>0.9</v>
      </c>
      <c r="Y44" t="e">
        <f t="shared" si="16"/>
        <v>#N/A</v>
      </c>
      <c r="Z44" s="143">
        <v>0</v>
      </c>
      <c r="AA44" s="137">
        <f t="shared" ref="AA44:AK59" si="50">(Z44+(0.005*$J44*1000))</f>
        <v>10</v>
      </c>
      <c r="AB44" s="137">
        <f t="shared" si="50"/>
        <v>20</v>
      </c>
      <c r="AC44" s="137">
        <f t="shared" si="50"/>
        <v>30</v>
      </c>
      <c r="AD44" s="137">
        <f t="shared" si="50"/>
        <v>40</v>
      </c>
      <c r="AE44" s="137">
        <f t="shared" si="50"/>
        <v>50</v>
      </c>
      <c r="AF44" s="137">
        <f t="shared" si="50"/>
        <v>60</v>
      </c>
      <c r="AG44" s="137">
        <f t="shared" si="50"/>
        <v>70</v>
      </c>
      <c r="AH44" s="137">
        <f t="shared" si="50"/>
        <v>80</v>
      </c>
      <c r="AI44" s="137">
        <f t="shared" si="50"/>
        <v>90</v>
      </c>
      <c r="AJ44" s="137">
        <f t="shared" si="50"/>
        <v>100</v>
      </c>
      <c r="AK44" s="137">
        <f t="shared" si="50"/>
        <v>110</v>
      </c>
      <c r="AL44" s="137">
        <f t="shared" si="18"/>
        <v>120</v>
      </c>
      <c r="AM44" s="143" t="e">
        <f t="shared" si="19"/>
        <v>#N/A</v>
      </c>
      <c r="AN44" s="137" t="e">
        <f t="shared" si="20"/>
        <v>#N/A</v>
      </c>
      <c r="AO44" s="137" t="e">
        <f t="shared" si="21"/>
        <v>#N/A</v>
      </c>
      <c r="AP44" s="137" t="e">
        <f t="shared" si="22"/>
        <v>#N/A</v>
      </c>
      <c r="AQ44" s="137" t="e">
        <f t="shared" si="23"/>
        <v>#N/A</v>
      </c>
      <c r="AR44" s="137" t="e">
        <f t="shared" si="24"/>
        <v>#N/A</v>
      </c>
      <c r="AS44" s="137" t="e">
        <f t="shared" si="25"/>
        <v>#N/A</v>
      </c>
      <c r="AT44" s="137" t="e">
        <f t="shared" si="26"/>
        <v>#N/A</v>
      </c>
      <c r="AU44" s="137" t="e">
        <f t="shared" si="27"/>
        <v>#N/A</v>
      </c>
      <c r="AV44" s="137" t="e">
        <f t="shared" si="28"/>
        <v>#N/A</v>
      </c>
      <c r="AW44" s="144" t="e">
        <f t="shared" si="29"/>
        <v>#N/A</v>
      </c>
      <c r="AX44" s="208" t="e">
        <f t="shared" si="35"/>
        <v>#N/A</v>
      </c>
      <c r="AY44" s="209" t="e">
        <f t="shared" si="36"/>
        <v>#N/A</v>
      </c>
    </row>
    <row r="45" spans="2:51" ht="13.5" thickBot="1" x14ac:dyDescent="0.25">
      <c r="B45" s="97">
        <f>'p-y mono_clay'!B45</f>
        <v>-34.5</v>
      </c>
      <c r="C45">
        <f>'p-y mono_clay'!C45</f>
        <v>19</v>
      </c>
      <c r="D45">
        <f>'p-y mono_clay'!D45</f>
        <v>18.988</v>
      </c>
      <c r="E45" t="str">
        <f>'p-y mono_clay'!E45</f>
        <v>CLAY</v>
      </c>
      <c r="F45" s="43">
        <f>'p-y mono_clay'!G45</f>
        <v>16.315329423160623</v>
      </c>
      <c r="G45" s="43">
        <f>'p-y mono_clay'!H45</f>
        <v>6.3153294231606232</v>
      </c>
      <c r="H45" s="43">
        <f>'p-y mono_clay'!I45</f>
        <v>119.95968239293605</v>
      </c>
      <c r="I45" t="e">
        <f>INDEX('CPT Data'!$T$13:$T$20000,MATCH(C45,'CPT Data'!$B$13:$B$20000,1))</f>
        <v>#N/A</v>
      </c>
      <c r="J45" s="98">
        <f>'Pile Property'!$B$8</f>
        <v>2</v>
      </c>
      <c r="K45" s="97" t="e">
        <f t="shared" si="0"/>
        <v>#N/A</v>
      </c>
      <c r="L45" t="e">
        <f t="shared" si="1"/>
        <v>#N/A</v>
      </c>
      <c r="M45" t="e">
        <f t="shared" si="10"/>
        <v>#N/A</v>
      </c>
      <c r="N45" s="3" t="e">
        <f t="shared" si="11"/>
        <v>#N/A</v>
      </c>
      <c r="O45" t="e">
        <f t="shared" si="12"/>
        <v>#N/A</v>
      </c>
      <c r="P45">
        <v>0.4</v>
      </c>
      <c r="Q45" t="e">
        <f t="shared" si="2"/>
        <v>#N/A</v>
      </c>
      <c r="R45" t="e">
        <f t="shared" si="32"/>
        <v>#N/A</v>
      </c>
      <c r="S45" t="e">
        <f t="shared" si="13"/>
        <v>#N/A</v>
      </c>
      <c r="T45" t="e">
        <f t="shared" si="14"/>
        <v>#N/A</v>
      </c>
      <c r="U45" t="e">
        <f t="shared" si="3"/>
        <v>#N/A</v>
      </c>
      <c r="V45" t="e">
        <f t="shared" si="4"/>
        <v>#N/A</v>
      </c>
      <c r="W45" s="98" t="e">
        <f t="shared" si="15"/>
        <v>#N/A</v>
      </c>
      <c r="X45">
        <f t="shared" si="5"/>
        <v>0.9</v>
      </c>
      <c r="Y45" t="e">
        <f t="shared" si="16"/>
        <v>#N/A</v>
      </c>
      <c r="Z45" s="143">
        <v>0</v>
      </c>
      <c r="AA45" s="137">
        <f t="shared" ref="AA45:AJ45" si="51">(Z45+(0.005*$J45*1000))</f>
        <v>10</v>
      </c>
      <c r="AB45" s="137">
        <f t="shared" si="51"/>
        <v>20</v>
      </c>
      <c r="AC45" s="137">
        <f t="shared" si="51"/>
        <v>30</v>
      </c>
      <c r="AD45" s="137">
        <f t="shared" si="51"/>
        <v>40</v>
      </c>
      <c r="AE45" s="137">
        <f t="shared" si="51"/>
        <v>50</v>
      </c>
      <c r="AF45" s="137">
        <f t="shared" si="51"/>
        <v>60</v>
      </c>
      <c r="AG45" s="137">
        <f t="shared" si="51"/>
        <v>70</v>
      </c>
      <c r="AH45" s="137">
        <f t="shared" si="51"/>
        <v>80</v>
      </c>
      <c r="AI45" s="137">
        <f t="shared" si="51"/>
        <v>90</v>
      </c>
      <c r="AJ45" s="137">
        <f t="shared" si="51"/>
        <v>100</v>
      </c>
      <c r="AK45" s="137">
        <f t="shared" si="50"/>
        <v>110</v>
      </c>
      <c r="AL45" s="137">
        <f t="shared" si="18"/>
        <v>120</v>
      </c>
      <c r="AM45" s="143" t="e">
        <f t="shared" si="19"/>
        <v>#N/A</v>
      </c>
      <c r="AN45" s="137" t="e">
        <f t="shared" si="20"/>
        <v>#N/A</v>
      </c>
      <c r="AO45" s="137" t="e">
        <f t="shared" si="21"/>
        <v>#N/A</v>
      </c>
      <c r="AP45" s="137" t="e">
        <f t="shared" si="22"/>
        <v>#N/A</v>
      </c>
      <c r="AQ45" s="137" t="e">
        <f t="shared" si="23"/>
        <v>#N/A</v>
      </c>
      <c r="AR45" s="137" t="e">
        <f t="shared" si="24"/>
        <v>#N/A</v>
      </c>
      <c r="AS45" s="137" t="e">
        <f t="shared" si="25"/>
        <v>#N/A</v>
      </c>
      <c r="AT45" s="137" t="e">
        <f t="shared" si="26"/>
        <v>#N/A</v>
      </c>
      <c r="AU45" s="137" t="e">
        <f t="shared" si="27"/>
        <v>#N/A</v>
      </c>
      <c r="AV45" s="137" t="e">
        <f t="shared" si="28"/>
        <v>#N/A</v>
      </c>
      <c r="AW45" s="144" t="e">
        <f t="shared" si="29"/>
        <v>#N/A</v>
      </c>
      <c r="AX45" s="208" t="e">
        <f t="shared" si="35"/>
        <v>#N/A</v>
      </c>
      <c r="AY45" s="209" t="e">
        <f t="shared" si="36"/>
        <v>#N/A</v>
      </c>
    </row>
    <row r="46" spans="2:51" ht="13.5" thickBot="1" x14ac:dyDescent="0.25">
      <c r="B46" s="97">
        <f>'p-y mono_clay'!B46</f>
        <v>-35.5</v>
      </c>
      <c r="C46">
        <f>'p-y mono_clay'!C46</f>
        <v>20</v>
      </c>
      <c r="D46">
        <f>'p-y mono_clay'!D46</f>
        <v>19.985999999999997</v>
      </c>
      <c r="E46" t="str">
        <f>'p-y mono_clay'!E46</f>
        <v>CLAY</v>
      </c>
      <c r="F46" s="43">
        <f>'p-y mono_clay'!G46</f>
        <v>16.512929977541894</v>
      </c>
      <c r="G46" s="43">
        <f>'p-y mono_clay'!H46</f>
        <v>6.5129299775418943</v>
      </c>
      <c r="H46" s="43">
        <f>'p-y mono_clay'!I46</f>
        <v>130.21300904099508</v>
      </c>
      <c r="I46" t="e">
        <f>INDEX('CPT Data'!$T$13:$T$20000,MATCH(C46,'CPT Data'!$B$13:$B$20000,1))</f>
        <v>#N/A</v>
      </c>
      <c r="J46" s="98">
        <f>'Pile Property'!$B$8</f>
        <v>2</v>
      </c>
      <c r="K46" s="97" t="e">
        <f t="shared" si="0"/>
        <v>#N/A</v>
      </c>
      <c r="L46" t="e">
        <f t="shared" si="1"/>
        <v>#N/A</v>
      </c>
      <c r="M46" t="e">
        <f t="shared" si="10"/>
        <v>#N/A</v>
      </c>
      <c r="N46" s="3" t="e">
        <f t="shared" si="11"/>
        <v>#N/A</v>
      </c>
      <c r="O46" t="e">
        <f t="shared" si="12"/>
        <v>#N/A</v>
      </c>
      <c r="P46">
        <v>0.4</v>
      </c>
      <c r="Q46" t="e">
        <f t="shared" si="2"/>
        <v>#N/A</v>
      </c>
      <c r="R46" t="e">
        <f t="shared" si="32"/>
        <v>#N/A</v>
      </c>
      <c r="S46" t="e">
        <f t="shared" si="13"/>
        <v>#N/A</v>
      </c>
      <c r="T46" t="e">
        <f t="shared" si="14"/>
        <v>#N/A</v>
      </c>
      <c r="U46" t="e">
        <f t="shared" si="3"/>
        <v>#N/A</v>
      </c>
      <c r="V46" t="e">
        <f t="shared" si="4"/>
        <v>#N/A</v>
      </c>
      <c r="W46" s="98" t="e">
        <f t="shared" si="15"/>
        <v>#N/A</v>
      </c>
      <c r="X46">
        <f t="shared" si="5"/>
        <v>0.9</v>
      </c>
      <c r="Y46" t="e">
        <f t="shared" si="16"/>
        <v>#N/A</v>
      </c>
      <c r="Z46" s="143">
        <v>0</v>
      </c>
      <c r="AA46" s="137">
        <f t="shared" ref="AA46:AJ46" si="52">(Z46+(0.005*$J46*1000))</f>
        <v>10</v>
      </c>
      <c r="AB46" s="137">
        <f t="shared" si="52"/>
        <v>20</v>
      </c>
      <c r="AC46" s="137">
        <f t="shared" si="52"/>
        <v>30</v>
      </c>
      <c r="AD46" s="137">
        <f t="shared" si="52"/>
        <v>40</v>
      </c>
      <c r="AE46" s="137">
        <f t="shared" si="52"/>
        <v>50</v>
      </c>
      <c r="AF46" s="137">
        <f t="shared" si="52"/>
        <v>60</v>
      </c>
      <c r="AG46" s="137">
        <f t="shared" si="52"/>
        <v>70</v>
      </c>
      <c r="AH46" s="137">
        <f t="shared" si="52"/>
        <v>80</v>
      </c>
      <c r="AI46" s="137">
        <f t="shared" si="52"/>
        <v>90</v>
      </c>
      <c r="AJ46" s="137">
        <f t="shared" si="52"/>
        <v>100</v>
      </c>
      <c r="AK46" s="137">
        <f t="shared" si="50"/>
        <v>110</v>
      </c>
      <c r="AL46" s="137">
        <f t="shared" si="18"/>
        <v>120</v>
      </c>
      <c r="AM46" s="143" t="e">
        <f t="shared" si="19"/>
        <v>#N/A</v>
      </c>
      <c r="AN46" s="137" t="e">
        <f t="shared" si="20"/>
        <v>#N/A</v>
      </c>
      <c r="AO46" s="137" t="e">
        <f t="shared" si="21"/>
        <v>#N/A</v>
      </c>
      <c r="AP46" s="137" t="e">
        <f t="shared" si="22"/>
        <v>#N/A</v>
      </c>
      <c r="AQ46" s="137" t="e">
        <f t="shared" si="23"/>
        <v>#N/A</v>
      </c>
      <c r="AR46" s="137" t="e">
        <f t="shared" si="24"/>
        <v>#N/A</v>
      </c>
      <c r="AS46" s="137" t="e">
        <f t="shared" si="25"/>
        <v>#N/A</v>
      </c>
      <c r="AT46" s="137" t="e">
        <f t="shared" si="26"/>
        <v>#N/A</v>
      </c>
      <c r="AU46" s="137" t="e">
        <f t="shared" si="27"/>
        <v>#N/A</v>
      </c>
      <c r="AV46" s="137" t="e">
        <f t="shared" si="28"/>
        <v>#N/A</v>
      </c>
      <c r="AW46" s="144" t="e">
        <f t="shared" si="29"/>
        <v>#N/A</v>
      </c>
      <c r="AX46" s="208" t="e">
        <f t="shared" si="35"/>
        <v>#N/A</v>
      </c>
      <c r="AY46" s="209" t="e">
        <f t="shared" si="36"/>
        <v>#N/A</v>
      </c>
    </row>
    <row r="47" spans="2:51" ht="13.5" thickBot="1" x14ac:dyDescent="0.25">
      <c r="B47" s="97">
        <f>'p-y mono_clay'!B47</f>
        <v>-36.5</v>
      </c>
      <c r="C47">
        <f>'p-y mono_clay'!C47</f>
        <v>21</v>
      </c>
      <c r="D47">
        <f>'p-y mono_clay'!D47</f>
        <v>20.988</v>
      </c>
      <c r="E47" t="str">
        <f>'p-y mono_clay'!E47</f>
        <v>SAND</v>
      </c>
      <c r="F47" s="43">
        <f>'p-y mono_clay'!G47</f>
        <v>18.294997190871975</v>
      </c>
      <c r="G47" s="43">
        <f>'p-y mono_clay'!H47</f>
        <v>8.2949971908719746</v>
      </c>
      <c r="H47" s="43">
        <f>'p-y mono_clay'!I47</f>
        <v>174.15346602235712</v>
      </c>
      <c r="I47">
        <f>INDEX('CPT Data'!$T$13:$T$20000,MATCH(C47,'CPT Data'!$B$13:$B$20000,1))</f>
        <v>38.567872899587172</v>
      </c>
      <c r="J47" s="98">
        <f>'Pile Property'!$B$8</f>
        <v>2</v>
      </c>
      <c r="K47" s="97">
        <f t="shared" si="0"/>
        <v>0.67313636758848849</v>
      </c>
      <c r="L47">
        <f t="shared" si="1"/>
        <v>19.283936449793586</v>
      </c>
      <c r="M47">
        <f t="shared" si="10"/>
        <v>0.33656818379424425</v>
      </c>
      <c r="N47" s="3">
        <f t="shared" si="11"/>
        <v>64.283936449793586</v>
      </c>
      <c r="O47">
        <f t="shared" si="12"/>
        <v>1.1219663471916925</v>
      </c>
      <c r="P47">
        <v>0.4</v>
      </c>
      <c r="Q47">
        <f t="shared" si="2"/>
        <v>0.23195093203853295</v>
      </c>
      <c r="R47">
        <f t="shared" si="32"/>
        <v>4.0702192886123791</v>
      </c>
      <c r="S47">
        <f t="shared" si="13"/>
        <v>4.0793057256147103</v>
      </c>
      <c r="T47">
        <f t="shared" si="14"/>
        <v>85.829371194186976</v>
      </c>
      <c r="U47">
        <f t="shared" si="3"/>
        <v>16292.609102014025</v>
      </c>
      <c r="V47">
        <f t="shared" si="4"/>
        <v>29884.997598472932</v>
      </c>
      <c r="W47" s="98">
        <f t="shared" si="15"/>
        <v>16292.609102014025</v>
      </c>
      <c r="X47">
        <f t="shared" si="5"/>
        <v>0.9</v>
      </c>
      <c r="Y47">
        <f t="shared" si="16"/>
        <v>38412.215338100992</v>
      </c>
      <c r="Z47" s="143">
        <v>0</v>
      </c>
      <c r="AA47" s="137">
        <f t="shared" ref="AA47:AJ47" si="53">(Z47+(0.005*$J47*1000))</f>
        <v>10</v>
      </c>
      <c r="AB47" s="137">
        <f t="shared" si="53"/>
        <v>20</v>
      </c>
      <c r="AC47" s="137">
        <f t="shared" si="53"/>
        <v>30</v>
      </c>
      <c r="AD47" s="137">
        <f t="shared" si="53"/>
        <v>40</v>
      </c>
      <c r="AE47" s="137">
        <f t="shared" si="53"/>
        <v>50</v>
      </c>
      <c r="AF47" s="137">
        <f t="shared" si="53"/>
        <v>60</v>
      </c>
      <c r="AG47" s="137">
        <f t="shared" si="53"/>
        <v>70</v>
      </c>
      <c r="AH47" s="137">
        <f t="shared" si="53"/>
        <v>80</v>
      </c>
      <c r="AI47" s="137">
        <f t="shared" si="53"/>
        <v>90</v>
      </c>
      <c r="AJ47" s="137">
        <f t="shared" si="53"/>
        <v>100</v>
      </c>
      <c r="AK47" s="137">
        <f t="shared" si="50"/>
        <v>110</v>
      </c>
      <c r="AL47" s="137">
        <f t="shared" si="18"/>
        <v>120</v>
      </c>
      <c r="AM47" s="143">
        <f t="shared" si="19"/>
        <v>0</v>
      </c>
      <c r="AN47" s="137">
        <f t="shared" si="20"/>
        <v>7337.1391099150214</v>
      </c>
      <c r="AO47" s="137">
        <f t="shared" si="21"/>
        <v>11735.922099349595</v>
      </c>
      <c r="AP47" s="137">
        <f t="shared" si="22"/>
        <v>13618.974093856164</v>
      </c>
      <c r="AQ47" s="137">
        <f t="shared" si="23"/>
        <v>14307.107633977595</v>
      </c>
      <c r="AR47" s="137">
        <f t="shared" si="24"/>
        <v>14543.75031837895</v>
      </c>
      <c r="AS47" s="137">
        <f t="shared" si="25"/>
        <v>14623.413218396558</v>
      </c>
      <c r="AT47" s="137">
        <f t="shared" si="26"/>
        <v>14650.037671156224</v>
      </c>
      <c r="AU47" s="137">
        <f t="shared" si="27"/>
        <v>14658.914417874123</v>
      </c>
      <c r="AV47" s="137">
        <f t="shared" si="28"/>
        <v>14661.871586755818</v>
      </c>
      <c r="AW47" s="144">
        <f t="shared" si="29"/>
        <v>14662.856462672962</v>
      </c>
      <c r="AX47" s="208">
        <f t="shared" si="35"/>
        <v>14663.18444313154</v>
      </c>
      <c r="AY47" s="209">
        <f t="shared" si="36"/>
        <v>14663.293662950335</v>
      </c>
    </row>
    <row r="48" spans="2:51" ht="13.5" thickBot="1" x14ac:dyDescent="0.25">
      <c r="B48" s="97">
        <f>'p-y mono_clay'!B48</f>
        <v>-37.5</v>
      </c>
      <c r="C48">
        <f>'p-y mono_clay'!C48</f>
        <v>22</v>
      </c>
      <c r="D48">
        <f>'p-y mono_clay'!D48</f>
        <v>21.988999999999997</v>
      </c>
      <c r="E48" t="str">
        <f>'p-y mono_clay'!E48</f>
        <v>SAND</v>
      </c>
      <c r="F48" s="43">
        <f>'p-y mono_clay'!G48</f>
        <v>19.043414698134548</v>
      </c>
      <c r="G48" s="43">
        <f>'p-y mono_clay'!H48</f>
        <v>9.0434146981345478</v>
      </c>
      <c r="H48" s="43">
        <f>'p-y mono_clay'!I48</f>
        <v>198.9189497001675</v>
      </c>
      <c r="I48">
        <f>INDEX('CPT Data'!$T$13:$T$20000,MATCH(C48,'CPT Data'!$B$13:$B$20000,1))</f>
        <v>34.621993184907623</v>
      </c>
      <c r="J48" s="98">
        <f>'Pile Property'!$B$8</f>
        <v>2</v>
      </c>
      <c r="K48" s="97">
        <f t="shared" si="0"/>
        <v>0.60426777467967596</v>
      </c>
      <c r="L48">
        <f t="shared" si="1"/>
        <v>17.310996592453812</v>
      </c>
      <c r="M48">
        <f t="shared" si="10"/>
        <v>0.30213388733983798</v>
      </c>
      <c r="N48" s="3">
        <f t="shared" si="11"/>
        <v>62.310996592453812</v>
      </c>
      <c r="O48">
        <f t="shared" si="12"/>
        <v>1.0875320507372863</v>
      </c>
      <c r="P48">
        <v>0.4</v>
      </c>
      <c r="Q48">
        <f t="shared" si="2"/>
        <v>0.27538033410409468</v>
      </c>
      <c r="R48">
        <f t="shared" si="32"/>
        <v>2.8733097051659273</v>
      </c>
      <c r="S48">
        <f t="shared" si="13"/>
        <v>3.3559610369249513</v>
      </c>
      <c r="T48">
        <f t="shared" si="14"/>
        <v>51.251542118406078</v>
      </c>
      <c r="U48">
        <f t="shared" si="3"/>
        <v>13898.643340029495</v>
      </c>
      <c r="V48">
        <f t="shared" si="4"/>
        <v>20383.317012124327</v>
      </c>
      <c r="W48" s="98">
        <f t="shared" si="15"/>
        <v>13898.643340029495</v>
      </c>
      <c r="X48">
        <f t="shared" si="5"/>
        <v>0.9</v>
      </c>
      <c r="Y48">
        <f t="shared" si="16"/>
        <v>20994.501871854278</v>
      </c>
      <c r="Z48" s="143">
        <v>0</v>
      </c>
      <c r="AA48" s="137">
        <f t="shared" ref="AA48:AJ48" si="54">(Z48+(0.005*$J48*1000))</f>
        <v>10</v>
      </c>
      <c r="AB48" s="137">
        <f t="shared" si="54"/>
        <v>20</v>
      </c>
      <c r="AC48" s="137">
        <f t="shared" si="54"/>
        <v>30</v>
      </c>
      <c r="AD48" s="137">
        <f t="shared" si="54"/>
        <v>40</v>
      </c>
      <c r="AE48" s="137">
        <f t="shared" si="54"/>
        <v>50</v>
      </c>
      <c r="AF48" s="137">
        <f t="shared" si="54"/>
        <v>60</v>
      </c>
      <c r="AG48" s="137">
        <f t="shared" si="54"/>
        <v>70</v>
      </c>
      <c r="AH48" s="137">
        <f t="shared" si="54"/>
        <v>80</v>
      </c>
      <c r="AI48" s="137">
        <f t="shared" si="54"/>
        <v>90</v>
      </c>
      <c r="AJ48" s="137">
        <f t="shared" si="54"/>
        <v>100</v>
      </c>
      <c r="AK48" s="137">
        <f t="shared" si="50"/>
        <v>110</v>
      </c>
      <c r="AL48" s="137">
        <f t="shared" si="18"/>
        <v>120</v>
      </c>
      <c r="AM48" s="143">
        <f t="shared" si="19"/>
        <v>0</v>
      </c>
      <c r="AN48" s="137">
        <f t="shared" si="20"/>
        <v>4417.7080114407881</v>
      </c>
      <c r="AO48" s="137">
        <f t="shared" si="21"/>
        <v>7855.6020056709021</v>
      </c>
      <c r="AP48" s="137">
        <f t="shared" si="22"/>
        <v>10045.331858152196</v>
      </c>
      <c r="AQ48" s="137">
        <f t="shared" si="23"/>
        <v>11267.415258540499</v>
      </c>
      <c r="AR48" s="137">
        <f t="shared" si="24"/>
        <v>11899.613811845073</v>
      </c>
      <c r="AS48" s="137">
        <f t="shared" si="25"/>
        <v>12213.841784946962</v>
      </c>
      <c r="AT48" s="137">
        <f t="shared" si="26"/>
        <v>12366.922391523041</v>
      </c>
      <c r="AU48" s="137">
        <f t="shared" si="27"/>
        <v>12440.768483965816</v>
      </c>
      <c r="AV48" s="137">
        <f t="shared" si="28"/>
        <v>12476.222933877843</v>
      </c>
      <c r="AW48" s="144">
        <f t="shared" si="29"/>
        <v>12493.206221001299</v>
      </c>
      <c r="AX48" s="208">
        <f t="shared" si="35"/>
        <v>12501.332601881038</v>
      </c>
      <c r="AY48" s="209">
        <f t="shared" si="36"/>
        <v>12505.218979257814</v>
      </c>
    </row>
    <row r="49" spans="2:51" ht="13.5" thickBot="1" x14ac:dyDescent="0.25">
      <c r="B49" s="97">
        <f>'p-y mono_clay'!B49</f>
        <v>-38.5</v>
      </c>
      <c r="C49">
        <f>'p-y mono_clay'!C49</f>
        <v>23</v>
      </c>
      <c r="D49">
        <f>'p-y mono_clay'!D49</f>
        <v>22.986999999999998</v>
      </c>
      <c r="E49" t="str">
        <f>'p-y mono_clay'!E49</f>
        <v>SAND</v>
      </c>
      <c r="F49" s="43">
        <f>'p-y mono_clay'!G49</f>
        <v>18.867063837118025</v>
      </c>
      <c r="G49" s="43">
        <f>'p-y mono_clay'!H49</f>
        <v>8.8670638371180246</v>
      </c>
      <c r="H49" s="43">
        <f>'p-y mono_clay'!I49</f>
        <v>203.88926587069184</v>
      </c>
      <c r="I49">
        <f>INDEX('CPT Data'!$T$13:$T$20000,MATCH(C49,'CPT Data'!$B$13:$B$20000,1))</f>
        <v>35.910300289049346</v>
      </c>
      <c r="J49" s="98">
        <f>'Pile Property'!$B$8</f>
        <v>2</v>
      </c>
      <c r="K49" s="97">
        <f t="shared" si="0"/>
        <v>0.6267529754237825</v>
      </c>
      <c r="L49">
        <f t="shared" si="1"/>
        <v>17.955150144524673</v>
      </c>
      <c r="M49">
        <f t="shared" si="10"/>
        <v>0.31337648771189125</v>
      </c>
      <c r="N49" s="3">
        <f t="shared" si="11"/>
        <v>62.955150144524673</v>
      </c>
      <c r="O49">
        <f t="shared" si="12"/>
        <v>1.0987746511093395</v>
      </c>
      <c r="P49">
        <v>0.4</v>
      </c>
      <c r="Q49">
        <f t="shared" si="2"/>
        <v>0.26062234133932544</v>
      </c>
      <c r="R49">
        <f t="shared" si="32"/>
        <v>3.2182355607463764</v>
      </c>
      <c r="S49">
        <f t="shared" si="13"/>
        <v>3.5763472555918079</v>
      </c>
      <c r="T49">
        <f t="shared" si="14"/>
        <v>60.493023206788251</v>
      </c>
      <c r="U49">
        <f t="shared" si="3"/>
        <v>16536.55656888106</v>
      </c>
      <c r="V49">
        <f t="shared" si="4"/>
        <v>24660.246646882915</v>
      </c>
      <c r="W49" s="98">
        <f t="shared" si="15"/>
        <v>16536.55656888106</v>
      </c>
      <c r="X49">
        <f t="shared" si="5"/>
        <v>0.9</v>
      </c>
      <c r="Y49">
        <f t="shared" si="16"/>
        <v>26187.381329626991</v>
      </c>
      <c r="Z49" s="143">
        <v>0</v>
      </c>
      <c r="AA49" s="137">
        <f t="shared" ref="AA49:AJ49" si="55">(Z49+(0.005*$J49*1000))</f>
        <v>10</v>
      </c>
      <c r="AB49" s="137">
        <f t="shared" si="55"/>
        <v>20</v>
      </c>
      <c r="AC49" s="137">
        <f t="shared" si="55"/>
        <v>30</v>
      </c>
      <c r="AD49" s="137">
        <f t="shared" si="55"/>
        <v>40</v>
      </c>
      <c r="AE49" s="137">
        <f t="shared" si="55"/>
        <v>50</v>
      </c>
      <c r="AF49" s="137">
        <f t="shared" si="55"/>
        <v>60</v>
      </c>
      <c r="AG49" s="137">
        <f t="shared" si="55"/>
        <v>70</v>
      </c>
      <c r="AH49" s="137">
        <f t="shared" si="55"/>
        <v>80</v>
      </c>
      <c r="AI49" s="137">
        <f t="shared" si="55"/>
        <v>90</v>
      </c>
      <c r="AJ49" s="137">
        <f t="shared" si="55"/>
        <v>100</v>
      </c>
      <c r="AK49" s="137">
        <f t="shared" si="50"/>
        <v>110</v>
      </c>
      <c r="AL49" s="137">
        <f t="shared" si="18"/>
        <v>120</v>
      </c>
      <c r="AM49" s="143">
        <f t="shared" si="19"/>
        <v>0</v>
      </c>
      <c r="AN49" s="137">
        <f t="shared" si="20"/>
        <v>5711.5740477787003</v>
      </c>
      <c r="AO49" s="137">
        <f t="shared" si="21"/>
        <v>9956.7436506887807</v>
      </c>
      <c r="AP49" s="137">
        <f t="shared" si="22"/>
        <v>12467.403856195362</v>
      </c>
      <c r="AQ49" s="137">
        <f t="shared" si="23"/>
        <v>13756.508171628482</v>
      </c>
      <c r="AR49" s="137">
        <f t="shared" si="24"/>
        <v>14370.530487548365</v>
      </c>
      <c r="AS49" s="137">
        <f t="shared" si="25"/>
        <v>14652.527707977972</v>
      </c>
      <c r="AT49" s="137">
        <f t="shared" si="26"/>
        <v>14779.86661781656</v>
      </c>
      <c r="AU49" s="137">
        <f t="shared" si="27"/>
        <v>14836.928436386963</v>
      </c>
      <c r="AV49" s="137">
        <f t="shared" si="28"/>
        <v>14862.410459619057</v>
      </c>
      <c r="AW49" s="144">
        <f t="shared" si="29"/>
        <v>14873.772423930477</v>
      </c>
      <c r="AX49" s="208">
        <f t="shared" si="35"/>
        <v>14878.83503550864</v>
      </c>
      <c r="AY49" s="209">
        <f t="shared" si="36"/>
        <v>14881.090120129042</v>
      </c>
    </row>
    <row r="50" spans="2:51" ht="13.5" thickBot="1" x14ac:dyDescent="0.25">
      <c r="B50" s="97">
        <f>'p-y mono_clay'!B50</f>
        <v>-39.5</v>
      </c>
      <c r="C50">
        <f>'p-y mono_clay'!C50</f>
        <v>24</v>
      </c>
      <c r="D50">
        <f>'p-y mono_clay'!D50</f>
        <v>23.985999999999997</v>
      </c>
      <c r="E50" t="str">
        <f>'p-y mono_clay'!E50</f>
        <v>SAND</v>
      </c>
      <c r="F50" s="43">
        <f>'p-y mono_clay'!G50</f>
        <v>19.386410536185018</v>
      </c>
      <c r="G50" s="43">
        <f>'p-y mono_clay'!H50</f>
        <v>9.3864105361850179</v>
      </c>
      <c r="H50" s="43">
        <f>'p-y mono_clay'!I50</f>
        <v>225.20814799468712</v>
      </c>
      <c r="I50">
        <f>INDEX('CPT Data'!$T$13:$T$20000,MATCH(C50,'CPT Data'!$B$13:$B$20000,1))</f>
        <v>36.75893430661138</v>
      </c>
      <c r="J50" s="98">
        <f>'Pile Property'!$B$8</f>
        <v>2</v>
      </c>
      <c r="K50" s="97">
        <f t="shared" si="0"/>
        <v>0.64156443317466738</v>
      </c>
      <c r="L50">
        <f t="shared" si="1"/>
        <v>18.37946715330569</v>
      </c>
      <c r="M50">
        <f t="shared" si="10"/>
        <v>0.32078221658733369</v>
      </c>
      <c r="N50" s="3">
        <f t="shared" si="11"/>
        <v>63.37946715330569</v>
      </c>
      <c r="O50">
        <f t="shared" si="12"/>
        <v>1.106180379984782</v>
      </c>
      <c r="P50">
        <v>0.4</v>
      </c>
      <c r="Q50">
        <f t="shared" si="2"/>
        <v>0.25121247551576864</v>
      </c>
      <c r="R50">
        <f t="shared" si="32"/>
        <v>3.468213591294961</v>
      </c>
      <c r="S50">
        <f t="shared" si="13"/>
        <v>3.7294815483255355</v>
      </c>
      <c r="T50">
        <f t="shared" si="14"/>
        <v>67.56119113001867</v>
      </c>
      <c r="U50">
        <f t="shared" si="3"/>
        <v>20408.607334616983</v>
      </c>
      <c r="V50">
        <f t="shared" si="4"/>
        <v>30421.783262345532</v>
      </c>
      <c r="W50" s="98">
        <f t="shared" si="15"/>
        <v>20408.607334616983</v>
      </c>
      <c r="X50">
        <f t="shared" si="5"/>
        <v>0.9</v>
      </c>
      <c r="Y50">
        <f t="shared" si="16"/>
        <v>30091.097810412346</v>
      </c>
      <c r="Z50" s="143">
        <v>0</v>
      </c>
      <c r="AA50" s="137">
        <f t="shared" ref="AA50:AJ50" si="56">(Z50+(0.005*$J50*1000))</f>
        <v>10</v>
      </c>
      <c r="AB50" s="137">
        <f t="shared" si="56"/>
        <v>20</v>
      </c>
      <c r="AC50" s="137">
        <f t="shared" si="56"/>
        <v>30</v>
      </c>
      <c r="AD50" s="137">
        <f t="shared" si="56"/>
        <v>40</v>
      </c>
      <c r="AE50" s="137">
        <f t="shared" si="56"/>
        <v>50</v>
      </c>
      <c r="AF50" s="137">
        <f t="shared" si="56"/>
        <v>60</v>
      </c>
      <c r="AG50" s="137">
        <f t="shared" si="56"/>
        <v>70</v>
      </c>
      <c r="AH50" s="137">
        <f t="shared" si="56"/>
        <v>80</v>
      </c>
      <c r="AI50" s="137">
        <f t="shared" si="56"/>
        <v>90</v>
      </c>
      <c r="AJ50" s="137">
        <f t="shared" si="56"/>
        <v>100</v>
      </c>
      <c r="AK50" s="137">
        <f t="shared" si="50"/>
        <v>110</v>
      </c>
      <c r="AL50" s="137">
        <f t="shared" si="18"/>
        <v>120</v>
      </c>
      <c r="AM50" s="143">
        <f t="shared" si="19"/>
        <v>0</v>
      </c>
      <c r="AN50" s="137">
        <f t="shared" si="20"/>
        <v>6867.7500609641302</v>
      </c>
      <c r="AO50" s="137">
        <f t="shared" si="21"/>
        <v>12050.764346719816</v>
      </c>
      <c r="AP50" s="137">
        <f t="shared" si="22"/>
        <v>15191.79697757531</v>
      </c>
      <c r="AQ50" s="137">
        <f t="shared" si="23"/>
        <v>16848.975439619051</v>
      </c>
      <c r="AR50" s="137">
        <f t="shared" si="24"/>
        <v>17659.698550531124</v>
      </c>
      <c r="AS50" s="137">
        <f t="shared" si="25"/>
        <v>18041.663151050416</v>
      </c>
      <c r="AT50" s="137">
        <f t="shared" si="26"/>
        <v>18218.42660908472</v>
      </c>
      <c r="AU50" s="137">
        <f t="shared" si="27"/>
        <v>18299.549531926896</v>
      </c>
      <c r="AV50" s="137">
        <f t="shared" si="28"/>
        <v>18336.637274101162</v>
      </c>
      <c r="AW50" s="144">
        <f t="shared" si="29"/>
        <v>18353.56332050751</v>
      </c>
      <c r="AX50" s="208">
        <f t="shared" si="35"/>
        <v>18361.281820042561</v>
      </c>
      <c r="AY50" s="209">
        <f t="shared" si="36"/>
        <v>18364.800271891811</v>
      </c>
    </row>
    <row r="51" spans="2:51" ht="13.5" thickBot="1" x14ac:dyDescent="0.25">
      <c r="B51" s="97">
        <f>'p-y mono_clay'!B51</f>
        <v>-40.5</v>
      </c>
      <c r="C51">
        <f>'p-y mono_clay'!C51</f>
        <v>25</v>
      </c>
      <c r="D51">
        <f>'p-y mono_clay'!D51</f>
        <v>24.991</v>
      </c>
      <c r="E51" t="str">
        <f>'p-y mono_clay'!E51</f>
        <v>SAND</v>
      </c>
      <c r="F51" s="43">
        <f>'p-y mono_clay'!G51</f>
        <v>19.634184842982563</v>
      </c>
      <c r="G51" s="43">
        <f>'p-y mono_clay'!H51</f>
        <v>9.6341848429825632</v>
      </c>
      <c r="H51" s="43">
        <f>'p-y mono_clay'!I51</f>
        <v>240.83535270487812</v>
      </c>
      <c r="I51">
        <f>INDEX('CPT Data'!$T$13:$T$20000,MATCH(C51,'CPT Data'!$B$13:$B$20000,1))</f>
        <v>35.435597891533675</v>
      </c>
      <c r="J51" s="98">
        <f>'Pile Property'!$B$8</f>
        <v>2</v>
      </c>
      <c r="K51" s="97">
        <f t="shared" si="0"/>
        <v>0.61846785562002315</v>
      </c>
      <c r="L51">
        <f t="shared" si="1"/>
        <v>17.717798945766837</v>
      </c>
      <c r="M51">
        <f t="shared" si="10"/>
        <v>0.30923392781001158</v>
      </c>
      <c r="N51" s="3">
        <f t="shared" si="11"/>
        <v>62.717798945766837</v>
      </c>
      <c r="O51">
        <f t="shared" si="12"/>
        <v>1.0946320912074599</v>
      </c>
      <c r="P51">
        <v>0.4</v>
      </c>
      <c r="Q51">
        <f t="shared" si="2"/>
        <v>0.26599305307012117</v>
      </c>
      <c r="R51">
        <f t="shared" si="32"/>
        <v>3.0865073137124002</v>
      </c>
      <c r="S51">
        <f t="shared" si="13"/>
        <v>3.4935036272299471</v>
      </c>
      <c r="T51">
        <f t="shared" si="14"/>
        <v>56.893079342565279</v>
      </c>
      <c r="U51">
        <f t="shared" si="3"/>
        <v>20253.857111569196</v>
      </c>
      <c r="V51">
        <f t="shared" si="4"/>
        <v>27396.056001669233</v>
      </c>
      <c r="W51" s="98">
        <f t="shared" si="15"/>
        <v>20253.857111569196</v>
      </c>
      <c r="X51">
        <f t="shared" si="5"/>
        <v>0.9</v>
      </c>
      <c r="Y51">
        <f t="shared" si="16"/>
        <v>24003.750301054904</v>
      </c>
      <c r="Z51" s="143">
        <v>0</v>
      </c>
      <c r="AA51" s="137">
        <f t="shared" ref="AA51:AJ51" si="57">(Z51+(0.005*$J51*1000))</f>
        <v>10</v>
      </c>
      <c r="AB51" s="137">
        <f t="shared" si="57"/>
        <v>20</v>
      </c>
      <c r="AC51" s="137">
        <f t="shared" si="57"/>
        <v>30</v>
      </c>
      <c r="AD51" s="137">
        <f t="shared" si="57"/>
        <v>40</v>
      </c>
      <c r="AE51" s="137">
        <f t="shared" si="57"/>
        <v>50</v>
      </c>
      <c r="AF51" s="137">
        <f t="shared" si="57"/>
        <v>60</v>
      </c>
      <c r="AG51" s="137">
        <f t="shared" si="57"/>
        <v>70</v>
      </c>
      <c r="AH51" s="137">
        <f t="shared" si="57"/>
        <v>80</v>
      </c>
      <c r="AI51" s="137">
        <f t="shared" si="57"/>
        <v>90</v>
      </c>
      <c r="AJ51" s="137">
        <f t="shared" si="57"/>
        <v>100</v>
      </c>
      <c r="AK51" s="137">
        <f t="shared" si="50"/>
        <v>110</v>
      </c>
      <c r="AL51" s="137">
        <f t="shared" si="18"/>
        <v>120</v>
      </c>
      <c r="AM51" s="143">
        <f t="shared" si="19"/>
        <v>0</v>
      </c>
      <c r="AN51" s="137">
        <f t="shared" si="20"/>
        <v>5791.2102347339578</v>
      </c>
      <c r="AO51" s="137">
        <f t="shared" si="21"/>
        <v>10520.538759267512</v>
      </c>
      <c r="AP51" s="137">
        <f t="shared" si="22"/>
        <v>13784.255118640098</v>
      </c>
      <c r="AQ51" s="137">
        <f t="shared" si="23"/>
        <v>15783.562759821958</v>
      </c>
      <c r="AR51" s="137">
        <f t="shared" si="24"/>
        <v>16920.204060151958</v>
      </c>
      <c r="AS51" s="137">
        <f t="shared" si="25"/>
        <v>17539.129224268669</v>
      </c>
      <c r="AT51" s="137">
        <f t="shared" si="26"/>
        <v>17868.249344939039</v>
      </c>
      <c r="AU51" s="137">
        <f t="shared" si="27"/>
        <v>18041.057425711835</v>
      </c>
      <c r="AV51" s="137">
        <f t="shared" si="28"/>
        <v>18131.188306349814</v>
      </c>
      <c r="AW51" s="144">
        <f t="shared" si="29"/>
        <v>18178.033840977252</v>
      </c>
      <c r="AX51" s="208">
        <f t="shared" si="35"/>
        <v>18202.337670673402</v>
      </c>
      <c r="AY51" s="209">
        <f t="shared" si="36"/>
        <v>18214.934817479414</v>
      </c>
    </row>
    <row r="52" spans="2:51" ht="13.5" thickBot="1" x14ac:dyDescent="0.25">
      <c r="B52" s="97">
        <f>'p-y mono_clay'!B52</f>
        <v>-41.5</v>
      </c>
      <c r="C52">
        <f>'p-y mono_clay'!C52</f>
        <v>26</v>
      </c>
      <c r="D52">
        <f>'p-y mono_clay'!D52</f>
        <v>25.986999999999998</v>
      </c>
      <c r="E52" t="str">
        <f>'p-y mono_clay'!E52</f>
        <v>SAND</v>
      </c>
      <c r="F52" s="43">
        <f>'p-y mono_clay'!G52</f>
        <v>18.97919390089757</v>
      </c>
      <c r="G52" s="43">
        <f>'p-y mono_clay'!H52</f>
        <v>8.9791939008975703</v>
      </c>
      <c r="H52" s="43">
        <f>'p-y mono_clay'!I52</f>
        <v>233.40516625993143</v>
      </c>
      <c r="I52">
        <f>INDEX('CPT Data'!$T$13:$T$20000,MATCH(C52,'CPT Data'!$B$13:$B$20000,1))</f>
        <v>34.911184863858651</v>
      </c>
      <c r="J52" s="98">
        <f>'Pile Property'!$B$8</f>
        <v>2</v>
      </c>
      <c r="K52" s="97">
        <f t="shared" si="0"/>
        <v>0.60931512164674184</v>
      </c>
      <c r="L52">
        <f t="shared" si="1"/>
        <v>17.455592431929325</v>
      </c>
      <c r="M52">
        <f t="shared" si="10"/>
        <v>0.30465756082337092</v>
      </c>
      <c r="N52" s="3">
        <f t="shared" si="11"/>
        <v>62.455592431929325</v>
      </c>
      <c r="O52">
        <f t="shared" si="12"/>
        <v>1.0900557242208191</v>
      </c>
      <c r="P52">
        <v>0.4</v>
      </c>
      <c r="Q52">
        <f t="shared" si="2"/>
        <v>0.27201705169244683</v>
      </c>
      <c r="R52">
        <f t="shared" si="32"/>
        <v>2.9473308256219437</v>
      </c>
      <c r="S52">
        <f t="shared" si="13"/>
        <v>3.4042230728812117</v>
      </c>
      <c r="T52">
        <f t="shared" si="14"/>
        <v>53.184192528155037</v>
      </c>
      <c r="U52">
        <f t="shared" si="3"/>
        <v>19460.919691867344</v>
      </c>
      <c r="V52">
        <f t="shared" si="4"/>
        <v>24820.244882388037</v>
      </c>
      <c r="W52" s="98">
        <f t="shared" si="15"/>
        <v>19460.919691867344</v>
      </c>
      <c r="X52">
        <f t="shared" si="5"/>
        <v>0.9</v>
      </c>
      <c r="Y52">
        <f t="shared" si="16"/>
        <v>21763.751737864011</v>
      </c>
      <c r="Z52" s="143">
        <v>0</v>
      </c>
      <c r="AA52" s="137">
        <f t="shared" ref="AA52:AJ52" si="58">(Z52+(0.005*$J52*1000))</f>
        <v>10</v>
      </c>
      <c r="AB52" s="137">
        <f t="shared" si="58"/>
        <v>20</v>
      </c>
      <c r="AC52" s="137">
        <f t="shared" si="58"/>
        <v>30</v>
      </c>
      <c r="AD52" s="137">
        <f t="shared" si="58"/>
        <v>40</v>
      </c>
      <c r="AE52" s="137">
        <f t="shared" si="58"/>
        <v>50</v>
      </c>
      <c r="AF52" s="137">
        <f t="shared" si="58"/>
        <v>60</v>
      </c>
      <c r="AG52" s="137">
        <f t="shared" si="58"/>
        <v>70</v>
      </c>
      <c r="AH52" s="137">
        <f t="shared" si="58"/>
        <v>80</v>
      </c>
      <c r="AI52" s="137">
        <f t="shared" si="58"/>
        <v>90</v>
      </c>
      <c r="AJ52" s="137">
        <f t="shared" si="58"/>
        <v>100</v>
      </c>
      <c r="AK52" s="137">
        <f t="shared" si="50"/>
        <v>110</v>
      </c>
      <c r="AL52" s="137">
        <f t="shared" si="18"/>
        <v>120</v>
      </c>
      <c r="AM52" s="143">
        <f t="shared" si="19"/>
        <v>0</v>
      </c>
      <c r="AN52" s="137">
        <f t="shared" si="20"/>
        <v>5467.034397333161</v>
      </c>
      <c r="AO52" s="137">
        <f t="shared" si="21"/>
        <v>9963.3422168350462</v>
      </c>
      <c r="AP52" s="137">
        <f t="shared" si="22"/>
        <v>13103.68620998826</v>
      </c>
      <c r="AQ52" s="137">
        <f t="shared" si="23"/>
        <v>15055.000285971029</v>
      </c>
      <c r="AR52" s="137">
        <f t="shared" si="24"/>
        <v>16180.740411724775</v>
      </c>
      <c r="AS52" s="137">
        <f t="shared" si="25"/>
        <v>16802.552414019556</v>
      </c>
      <c r="AT52" s="137">
        <f t="shared" si="26"/>
        <v>17137.783728741426</v>
      </c>
      <c r="AU52" s="137">
        <f t="shared" si="27"/>
        <v>17316.152345168673</v>
      </c>
      <c r="AV52" s="137">
        <f t="shared" si="28"/>
        <v>17410.394225646876</v>
      </c>
      <c r="AW52" s="144">
        <f t="shared" si="29"/>
        <v>17460.00273306284</v>
      </c>
      <c r="AX52" s="208">
        <f t="shared" si="35"/>
        <v>17486.065373105153</v>
      </c>
      <c r="AY52" s="209">
        <f t="shared" si="36"/>
        <v>17499.743728937163</v>
      </c>
    </row>
    <row r="53" spans="2:51" ht="13.5" thickBot="1" x14ac:dyDescent="0.25">
      <c r="B53" s="97">
        <f>'p-y mono_clay'!B53</f>
        <v>-42.5</v>
      </c>
      <c r="C53">
        <f>'p-y mono_clay'!C53</f>
        <v>27</v>
      </c>
      <c r="D53">
        <f>'p-y mono_clay'!D53</f>
        <v>26.992999999999999</v>
      </c>
      <c r="E53" t="str">
        <f>'p-y mono_clay'!E53</f>
        <v>SAND</v>
      </c>
      <c r="F53" s="43">
        <f>'p-y mono_clay'!G53</f>
        <v>19.978736428781932</v>
      </c>
      <c r="G53" s="43">
        <f>'p-y mono_clay'!H53</f>
        <v>9.9787364287819322</v>
      </c>
      <c r="H53" s="43">
        <f>'p-y mono_clay'!I53</f>
        <v>269.42588357711219</v>
      </c>
      <c r="I53">
        <f>INDEX('CPT Data'!$T$13:$T$20000,MATCH(C53,'CPT Data'!$B$13:$B$20000,1))</f>
        <v>34.250856772257038</v>
      </c>
      <c r="J53" s="98">
        <f>'Pile Property'!$B$8</f>
        <v>2</v>
      </c>
      <c r="K53" s="97">
        <f t="shared" si="0"/>
        <v>0.59779022230488288</v>
      </c>
      <c r="L53">
        <f t="shared" si="1"/>
        <v>17.125428386128519</v>
      </c>
      <c r="M53">
        <f t="shared" si="10"/>
        <v>0.29889511115244144</v>
      </c>
      <c r="N53" s="3">
        <f t="shared" si="11"/>
        <v>62.125428386128519</v>
      </c>
      <c r="O53">
        <f t="shared" si="12"/>
        <v>1.0842932745498897</v>
      </c>
      <c r="P53">
        <v>0.4</v>
      </c>
      <c r="Q53">
        <f t="shared" si="2"/>
        <v>0.27974013040842627</v>
      </c>
      <c r="R53">
        <f t="shared" si="32"/>
        <v>2.7810459534453318</v>
      </c>
      <c r="S53">
        <f t="shared" si="13"/>
        <v>3.2950061833935287</v>
      </c>
      <c r="T53">
        <f t="shared" si="14"/>
        <v>48.881693143638898</v>
      </c>
      <c r="U53">
        <f t="shared" si="3"/>
        <v>21995.286552299593</v>
      </c>
      <c r="V53">
        <f t="shared" si="4"/>
        <v>26333.157846491329</v>
      </c>
      <c r="W53" s="98">
        <f t="shared" si="15"/>
        <v>21995.286552299593</v>
      </c>
      <c r="X53">
        <f t="shared" si="5"/>
        <v>0.9</v>
      </c>
      <c r="Y53">
        <f t="shared" si="16"/>
        <v>20007.279014203719</v>
      </c>
      <c r="Z53" s="143">
        <v>0</v>
      </c>
      <c r="AA53" s="137">
        <f t="shared" ref="AA53:AJ53" si="59">(Z53+(0.005*$J53*1000))</f>
        <v>10</v>
      </c>
      <c r="AB53" s="137">
        <f t="shared" si="59"/>
        <v>20</v>
      </c>
      <c r="AC53" s="137">
        <f t="shared" si="59"/>
        <v>30</v>
      </c>
      <c r="AD53" s="137">
        <f t="shared" si="59"/>
        <v>40</v>
      </c>
      <c r="AE53" s="137">
        <f t="shared" si="59"/>
        <v>50</v>
      </c>
      <c r="AF53" s="137">
        <f t="shared" si="59"/>
        <v>60</v>
      </c>
      <c r="AG53" s="137">
        <f t="shared" si="59"/>
        <v>70</v>
      </c>
      <c r="AH53" s="137">
        <f t="shared" si="59"/>
        <v>80</v>
      </c>
      <c r="AI53" s="137">
        <f t="shared" si="59"/>
        <v>90</v>
      </c>
      <c r="AJ53" s="137">
        <f t="shared" si="59"/>
        <v>100</v>
      </c>
      <c r="AK53" s="137">
        <f t="shared" si="50"/>
        <v>110</v>
      </c>
      <c r="AL53" s="137">
        <f t="shared" si="18"/>
        <v>120</v>
      </c>
      <c r="AM53" s="143">
        <f t="shared" si="19"/>
        <v>0</v>
      </c>
      <c r="AN53" s="137">
        <f t="shared" si="20"/>
        <v>5270.4532934400258</v>
      </c>
      <c r="AO53" s="137">
        <f t="shared" si="21"/>
        <v>9843.1772614193378</v>
      </c>
      <c r="AP53" s="137">
        <f t="shared" si="22"/>
        <v>13346.72362092798</v>
      </c>
      <c r="AQ53" s="137">
        <f t="shared" si="23"/>
        <v>15783.879719727774</v>
      </c>
      <c r="AR53" s="137">
        <f t="shared" si="24"/>
        <v>17367.490867462282</v>
      </c>
      <c r="AS53" s="137">
        <f t="shared" si="25"/>
        <v>18351.378557358083</v>
      </c>
      <c r="AT53" s="137">
        <f t="shared" si="26"/>
        <v>18945.73192282789</v>
      </c>
      <c r="AU53" s="137">
        <f t="shared" si="27"/>
        <v>19298.699264966221</v>
      </c>
      <c r="AV53" s="137">
        <f t="shared" si="28"/>
        <v>19506.194864325451</v>
      </c>
      <c r="AW53" s="144">
        <f t="shared" si="29"/>
        <v>19627.444980216151</v>
      </c>
      <c r="AX53" s="208">
        <f t="shared" si="35"/>
        <v>19698.049677122966</v>
      </c>
      <c r="AY53" s="209">
        <f t="shared" si="36"/>
        <v>19739.079363528966</v>
      </c>
    </row>
    <row r="54" spans="2:51" ht="13.5" thickBot="1" x14ac:dyDescent="0.25">
      <c r="B54" s="97">
        <f>'p-y mono_clay'!B54</f>
        <v>-43.5</v>
      </c>
      <c r="C54">
        <f>'p-y mono_clay'!C54</f>
        <v>28</v>
      </c>
      <c r="D54">
        <f>'p-y mono_clay'!D54</f>
        <v>27.991999999999997</v>
      </c>
      <c r="E54" t="str">
        <f>'p-y mono_clay'!E54</f>
        <v>SAND</v>
      </c>
      <c r="F54" s="43">
        <f>'p-y mono_clay'!G54</f>
        <v>20.400397867550019</v>
      </c>
      <c r="G54" s="43">
        <f>'p-y mono_clay'!H54</f>
        <v>10.400397867550019</v>
      </c>
      <c r="H54" s="43">
        <f>'p-y mono_clay'!I54</f>
        <v>291.20073989353295</v>
      </c>
      <c r="I54">
        <f>INDEX('CPT Data'!$T$13:$T$20000,MATCH(C54,'CPT Data'!$B$13:$B$20000,1))</f>
        <v>37.172226724588853</v>
      </c>
      <c r="J54" s="98">
        <f>'Pile Property'!$B$8</f>
        <v>2</v>
      </c>
      <c r="K54" s="97">
        <f t="shared" si="0"/>
        <v>0.64877774664190291</v>
      </c>
      <c r="L54">
        <f t="shared" si="1"/>
        <v>18.586113362294427</v>
      </c>
      <c r="M54">
        <f t="shared" si="10"/>
        <v>0.32438887332095145</v>
      </c>
      <c r="N54" s="3">
        <f t="shared" si="11"/>
        <v>63.586113362294427</v>
      </c>
      <c r="O54">
        <f t="shared" si="12"/>
        <v>1.1097870367183997</v>
      </c>
      <c r="P54">
        <v>0.4</v>
      </c>
      <c r="Q54">
        <f t="shared" si="2"/>
        <v>0.24671728598342912</v>
      </c>
      <c r="R54">
        <f t="shared" si="32"/>
        <v>3.597093961707083</v>
      </c>
      <c r="S54">
        <f t="shared" si="13"/>
        <v>3.8065049923581276</v>
      </c>
      <c r="T54">
        <f t="shared" si="14"/>
        <v>71.325073082770984</v>
      </c>
      <c r="U54">
        <f t="shared" si="3"/>
        <v>31529.989426077573</v>
      </c>
      <c r="V54">
        <f t="shared" si="4"/>
        <v>41529.442781394544</v>
      </c>
      <c r="W54" s="98">
        <f t="shared" si="15"/>
        <v>31529.989426077573</v>
      </c>
      <c r="X54">
        <f t="shared" si="5"/>
        <v>0.9</v>
      </c>
      <c r="Y54">
        <f t="shared" si="16"/>
        <v>31992.242933108726</v>
      </c>
      <c r="Z54" s="143">
        <v>0</v>
      </c>
      <c r="AA54" s="137">
        <f t="shared" ref="AA54:AJ54" si="60">(Z54+(0.005*$J54*1000))</f>
        <v>10</v>
      </c>
      <c r="AB54" s="137">
        <f t="shared" si="60"/>
        <v>20</v>
      </c>
      <c r="AC54" s="137">
        <f t="shared" si="60"/>
        <v>30</v>
      </c>
      <c r="AD54" s="137">
        <f t="shared" si="60"/>
        <v>40</v>
      </c>
      <c r="AE54" s="137">
        <f t="shared" si="60"/>
        <v>50</v>
      </c>
      <c r="AF54" s="137">
        <f t="shared" si="60"/>
        <v>60</v>
      </c>
      <c r="AG54" s="137">
        <f t="shared" si="60"/>
        <v>70</v>
      </c>
      <c r="AH54" s="137">
        <f t="shared" si="60"/>
        <v>80</v>
      </c>
      <c r="AI54" s="137">
        <f t="shared" si="60"/>
        <v>90</v>
      </c>
      <c r="AJ54" s="137">
        <f t="shared" si="60"/>
        <v>100</v>
      </c>
      <c r="AK54" s="137">
        <f t="shared" si="50"/>
        <v>110</v>
      </c>
      <c r="AL54" s="137">
        <f t="shared" si="18"/>
        <v>120</v>
      </c>
      <c r="AM54" s="143">
        <f t="shared" si="19"/>
        <v>0</v>
      </c>
      <c r="AN54" s="137">
        <f t="shared" si="20"/>
        <v>8669.3617660250038</v>
      </c>
      <c r="AO54" s="137">
        <f t="shared" si="21"/>
        <v>15858.573613427992</v>
      </c>
      <c r="AP54" s="137">
        <f t="shared" si="22"/>
        <v>20950.913874981878</v>
      </c>
      <c r="AQ54" s="137">
        <f t="shared" si="23"/>
        <v>24168.815971595086</v>
      </c>
      <c r="AR54" s="137">
        <f t="shared" si="24"/>
        <v>26057.87818414966</v>
      </c>
      <c r="AS54" s="137">
        <f t="shared" si="25"/>
        <v>27119.232886556598</v>
      </c>
      <c r="AT54" s="137">
        <f t="shared" si="26"/>
        <v>27700.885717856392</v>
      </c>
      <c r="AU54" s="137">
        <f t="shared" si="27"/>
        <v>28015.304955026306</v>
      </c>
      <c r="AV54" s="137">
        <f t="shared" si="28"/>
        <v>28184.008240891686</v>
      </c>
      <c r="AW54" s="144">
        <f t="shared" si="29"/>
        <v>28274.165658993359</v>
      </c>
      <c r="AX54" s="208">
        <f t="shared" si="35"/>
        <v>28322.244115061614</v>
      </c>
      <c r="AY54" s="209">
        <f t="shared" si="36"/>
        <v>28347.853784195286</v>
      </c>
    </row>
    <row r="55" spans="2:51" ht="13.5" thickBot="1" x14ac:dyDescent="0.25">
      <c r="B55" s="97">
        <f>'p-y mono_clay'!B55</f>
        <v>-44.5</v>
      </c>
      <c r="C55">
        <f>'p-y mono_clay'!C55</f>
        <v>29</v>
      </c>
      <c r="D55">
        <f>'p-y mono_clay'!D55</f>
        <v>28.983999999999998</v>
      </c>
      <c r="E55" t="str">
        <f>'p-y mono_clay'!E55</f>
        <v>CLAY</v>
      </c>
      <c r="F55" s="43">
        <f>'p-y mono_clay'!G55</f>
        <v>19.622561331925713</v>
      </c>
      <c r="G55" s="43">
        <f>'p-y mono_clay'!H55</f>
        <v>9.6225613319257128</v>
      </c>
      <c r="H55" s="43">
        <f>'p-y mono_clay'!I55</f>
        <v>278.96767557385834</v>
      </c>
      <c r="I55" t="e">
        <f>INDEX('CPT Data'!$T$13:$T$20000,MATCH(C55,'CPT Data'!$B$13:$B$20000,1))</f>
        <v>#N/A</v>
      </c>
      <c r="J55" s="98">
        <f>'Pile Property'!$B$8</f>
        <v>2</v>
      </c>
      <c r="K55" s="97" t="e">
        <f t="shared" si="0"/>
        <v>#N/A</v>
      </c>
      <c r="L55" t="e">
        <f t="shared" si="1"/>
        <v>#N/A</v>
      </c>
      <c r="M55" t="e">
        <f t="shared" si="10"/>
        <v>#N/A</v>
      </c>
      <c r="N55" s="3" t="e">
        <f t="shared" si="11"/>
        <v>#N/A</v>
      </c>
      <c r="O55" t="e">
        <f t="shared" si="12"/>
        <v>#N/A</v>
      </c>
      <c r="P55">
        <v>0.4</v>
      </c>
      <c r="Q55" t="e">
        <f t="shared" si="2"/>
        <v>#N/A</v>
      </c>
      <c r="R55" t="e">
        <f t="shared" si="32"/>
        <v>#N/A</v>
      </c>
      <c r="S55" t="e">
        <f t="shared" si="13"/>
        <v>#N/A</v>
      </c>
      <c r="T55" t="e">
        <f t="shared" si="14"/>
        <v>#N/A</v>
      </c>
      <c r="U55" t="e">
        <f t="shared" si="3"/>
        <v>#N/A</v>
      </c>
      <c r="V55" t="e">
        <f t="shared" si="4"/>
        <v>#N/A</v>
      </c>
      <c r="W55" s="98" t="e">
        <f t="shared" si="15"/>
        <v>#N/A</v>
      </c>
      <c r="X55">
        <f t="shared" si="5"/>
        <v>0.9</v>
      </c>
      <c r="Y55" t="e">
        <f t="shared" si="16"/>
        <v>#N/A</v>
      </c>
      <c r="Z55" s="143">
        <v>0</v>
      </c>
      <c r="AA55" s="137">
        <f t="shared" ref="AA55:AJ55" si="61">(Z55+(0.005*$J55*1000))</f>
        <v>10</v>
      </c>
      <c r="AB55" s="137">
        <f t="shared" si="61"/>
        <v>20</v>
      </c>
      <c r="AC55" s="137">
        <f t="shared" si="61"/>
        <v>30</v>
      </c>
      <c r="AD55" s="137">
        <f t="shared" si="61"/>
        <v>40</v>
      </c>
      <c r="AE55" s="137">
        <f t="shared" si="61"/>
        <v>50</v>
      </c>
      <c r="AF55" s="137">
        <f t="shared" si="61"/>
        <v>60</v>
      </c>
      <c r="AG55" s="137">
        <f t="shared" si="61"/>
        <v>70</v>
      </c>
      <c r="AH55" s="137">
        <f t="shared" si="61"/>
        <v>80</v>
      </c>
      <c r="AI55" s="137">
        <f t="shared" si="61"/>
        <v>90</v>
      </c>
      <c r="AJ55" s="137">
        <f t="shared" si="61"/>
        <v>100</v>
      </c>
      <c r="AK55" s="137">
        <f t="shared" si="50"/>
        <v>110</v>
      </c>
      <c r="AL55" s="137">
        <f t="shared" si="18"/>
        <v>120</v>
      </c>
      <c r="AM55" s="143" t="e">
        <f t="shared" si="19"/>
        <v>#N/A</v>
      </c>
      <c r="AN55" s="137" t="e">
        <f t="shared" si="20"/>
        <v>#N/A</v>
      </c>
      <c r="AO55" s="137" t="e">
        <f t="shared" si="21"/>
        <v>#N/A</v>
      </c>
      <c r="AP55" s="137" t="e">
        <f t="shared" si="22"/>
        <v>#N/A</v>
      </c>
      <c r="AQ55" s="137" t="e">
        <f t="shared" si="23"/>
        <v>#N/A</v>
      </c>
      <c r="AR55" s="137" t="e">
        <f t="shared" si="24"/>
        <v>#N/A</v>
      </c>
      <c r="AS55" s="137" t="e">
        <f t="shared" si="25"/>
        <v>#N/A</v>
      </c>
      <c r="AT55" s="137" t="e">
        <f t="shared" si="26"/>
        <v>#N/A</v>
      </c>
      <c r="AU55" s="137" t="e">
        <f t="shared" si="27"/>
        <v>#N/A</v>
      </c>
      <c r="AV55" s="137" t="e">
        <f t="shared" si="28"/>
        <v>#N/A</v>
      </c>
      <c r="AW55" s="144" t="e">
        <f t="shared" si="29"/>
        <v>#N/A</v>
      </c>
      <c r="AX55" s="208" t="e">
        <f t="shared" si="35"/>
        <v>#N/A</v>
      </c>
      <c r="AY55" s="209" t="e">
        <f t="shared" si="36"/>
        <v>#N/A</v>
      </c>
    </row>
    <row r="56" spans="2:51" ht="13.5" thickBot="1" x14ac:dyDescent="0.25">
      <c r="B56" s="97">
        <f>'p-y mono_clay'!B56</f>
        <v>-45.5</v>
      </c>
      <c r="C56">
        <f>'p-y mono_clay'!C56</f>
        <v>30</v>
      </c>
      <c r="D56">
        <f>'p-y mono_clay'!D56</f>
        <v>29.992999999999999</v>
      </c>
      <c r="E56" t="str">
        <f>'p-y mono_clay'!E56</f>
        <v>CLAY</v>
      </c>
      <c r="F56" s="43">
        <f>'p-y mono_clay'!G56</f>
        <v>19.535447594906977</v>
      </c>
      <c r="G56" s="43">
        <f>'p-y mono_clay'!H56</f>
        <v>9.5354475949069766</v>
      </c>
      <c r="H56" s="43">
        <f>'p-y mono_clay'!I56</f>
        <v>286.06342784720931</v>
      </c>
      <c r="I56" t="e">
        <f>INDEX('CPT Data'!$T$13:$T$20000,MATCH(C56,'CPT Data'!$B$13:$B$20000,1))</f>
        <v>#N/A</v>
      </c>
      <c r="J56" s="98">
        <f>'Pile Property'!$B$8</f>
        <v>2</v>
      </c>
      <c r="K56" s="97" t="e">
        <f t="shared" si="0"/>
        <v>#N/A</v>
      </c>
      <c r="L56" t="e">
        <f t="shared" si="1"/>
        <v>#N/A</v>
      </c>
      <c r="M56" t="e">
        <f t="shared" si="10"/>
        <v>#N/A</v>
      </c>
      <c r="N56" s="3" t="e">
        <f t="shared" si="11"/>
        <v>#N/A</v>
      </c>
      <c r="O56" t="e">
        <f t="shared" si="12"/>
        <v>#N/A</v>
      </c>
      <c r="P56">
        <v>0.4</v>
      </c>
      <c r="Q56" t="e">
        <f t="shared" si="2"/>
        <v>#N/A</v>
      </c>
      <c r="R56" t="e">
        <f t="shared" si="32"/>
        <v>#N/A</v>
      </c>
      <c r="S56" t="e">
        <f t="shared" si="13"/>
        <v>#N/A</v>
      </c>
      <c r="T56" t="e">
        <f t="shared" si="14"/>
        <v>#N/A</v>
      </c>
      <c r="U56" t="e">
        <f t="shared" si="3"/>
        <v>#N/A</v>
      </c>
      <c r="V56" t="e">
        <f t="shared" si="4"/>
        <v>#N/A</v>
      </c>
      <c r="W56" s="98" t="e">
        <f t="shared" si="15"/>
        <v>#N/A</v>
      </c>
      <c r="X56">
        <f t="shared" si="5"/>
        <v>0.9</v>
      </c>
      <c r="Y56" t="e">
        <f t="shared" si="16"/>
        <v>#N/A</v>
      </c>
      <c r="Z56" s="143">
        <v>0</v>
      </c>
      <c r="AA56" s="137">
        <f t="shared" ref="AA56:AJ56" si="62">(Z56+(0.005*$J56*1000))</f>
        <v>10</v>
      </c>
      <c r="AB56" s="137">
        <f t="shared" si="62"/>
        <v>20</v>
      </c>
      <c r="AC56" s="137">
        <f t="shared" si="62"/>
        <v>30</v>
      </c>
      <c r="AD56" s="137">
        <f t="shared" si="62"/>
        <v>40</v>
      </c>
      <c r="AE56" s="137">
        <f t="shared" si="62"/>
        <v>50</v>
      </c>
      <c r="AF56" s="137">
        <f t="shared" si="62"/>
        <v>60</v>
      </c>
      <c r="AG56" s="137">
        <f t="shared" si="62"/>
        <v>70</v>
      </c>
      <c r="AH56" s="137">
        <f t="shared" si="62"/>
        <v>80</v>
      </c>
      <c r="AI56" s="137">
        <f t="shared" si="62"/>
        <v>90</v>
      </c>
      <c r="AJ56" s="137">
        <f t="shared" si="62"/>
        <v>100</v>
      </c>
      <c r="AK56" s="137">
        <f t="shared" si="50"/>
        <v>110</v>
      </c>
      <c r="AL56" s="137">
        <f t="shared" si="18"/>
        <v>120</v>
      </c>
      <c r="AM56" s="143" t="e">
        <f t="shared" si="19"/>
        <v>#N/A</v>
      </c>
      <c r="AN56" s="137" t="e">
        <f t="shared" si="20"/>
        <v>#N/A</v>
      </c>
      <c r="AO56" s="137" t="e">
        <f t="shared" si="21"/>
        <v>#N/A</v>
      </c>
      <c r="AP56" s="137" t="e">
        <f t="shared" si="22"/>
        <v>#N/A</v>
      </c>
      <c r="AQ56" s="137" t="e">
        <f t="shared" si="23"/>
        <v>#N/A</v>
      </c>
      <c r="AR56" s="137" t="e">
        <f t="shared" si="24"/>
        <v>#N/A</v>
      </c>
      <c r="AS56" s="137" t="e">
        <f t="shared" si="25"/>
        <v>#N/A</v>
      </c>
      <c r="AT56" s="137" t="e">
        <f t="shared" si="26"/>
        <v>#N/A</v>
      </c>
      <c r="AU56" s="137" t="e">
        <f t="shared" si="27"/>
        <v>#N/A</v>
      </c>
      <c r="AV56" s="137" t="e">
        <f t="shared" si="28"/>
        <v>#N/A</v>
      </c>
      <c r="AW56" s="144" t="e">
        <f t="shared" si="29"/>
        <v>#N/A</v>
      </c>
      <c r="AX56" s="208" t="e">
        <f t="shared" si="35"/>
        <v>#N/A</v>
      </c>
      <c r="AY56" s="209" t="e">
        <f t="shared" si="36"/>
        <v>#N/A</v>
      </c>
    </row>
    <row r="57" spans="2:51" ht="13.5" thickBot="1" x14ac:dyDescent="0.25">
      <c r="B57" s="97">
        <f>'p-y mono_clay'!B57</f>
        <v>-46.5</v>
      </c>
      <c r="C57">
        <f>'p-y mono_clay'!C57</f>
        <v>31</v>
      </c>
      <c r="D57">
        <f>'p-y mono_clay'!D57</f>
        <v>30.983999999999998</v>
      </c>
      <c r="E57" t="str">
        <f>'p-y mono_clay'!E57</f>
        <v>CLAY</v>
      </c>
      <c r="F57" s="43">
        <f>'p-y mono_clay'!G57</f>
        <v>17.918163379059081</v>
      </c>
      <c r="G57" s="43">
        <f>'p-y mono_clay'!H57</f>
        <v>7.9181633790590809</v>
      </c>
      <c r="H57" s="43">
        <f>'p-y mono_clay'!I57</f>
        <v>245.39180128041997</v>
      </c>
      <c r="I57" t="e">
        <f>INDEX('CPT Data'!$T$13:$T$20000,MATCH(C57,'CPT Data'!$B$13:$B$20000,1))</f>
        <v>#N/A</v>
      </c>
      <c r="J57" s="98">
        <f>'Pile Property'!$B$8</f>
        <v>2</v>
      </c>
      <c r="K57" s="97" t="e">
        <f t="shared" si="0"/>
        <v>#N/A</v>
      </c>
      <c r="L57" t="e">
        <f t="shared" si="1"/>
        <v>#N/A</v>
      </c>
      <c r="M57" t="e">
        <f t="shared" si="10"/>
        <v>#N/A</v>
      </c>
      <c r="N57" s="3" t="e">
        <f t="shared" si="11"/>
        <v>#N/A</v>
      </c>
      <c r="O57" t="e">
        <f t="shared" si="12"/>
        <v>#N/A</v>
      </c>
      <c r="P57">
        <v>0.4</v>
      </c>
      <c r="Q57" t="e">
        <f t="shared" si="2"/>
        <v>#N/A</v>
      </c>
      <c r="R57" t="e">
        <f t="shared" si="32"/>
        <v>#N/A</v>
      </c>
      <c r="S57" t="e">
        <f t="shared" si="13"/>
        <v>#N/A</v>
      </c>
      <c r="T57" t="e">
        <f t="shared" si="14"/>
        <v>#N/A</v>
      </c>
      <c r="U57" t="e">
        <f t="shared" si="3"/>
        <v>#N/A</v>
      </c>
      <c r="V57" t="e">
        <f t="shared" si="4"/>
        <v>#N/A</v>
      </c>
      <c r="W57" s="98" t="e">
        <f t="shared" si="15"/>
        <v>#N/A</v>
      </c>
      <c r="X57">
        <f t="shared" si="5"/>
        <v>0.9</v>
      </c>
      <c r="Y57" t="e">
        <f t="shared" si="16"/>
        <v>#N/A</v>
      </c>
      <c r="Z57" s="143">
        <v>0</v>
      </c>
      <c r="AA57" s="137">
        <f t="shared" ref="AA57:AJ57" si="63">(Z57+(0.005*$J57*1000))</f>
        <v>10</v>
      </c>
      <c r="AB57" s="137">
        <f t="shared" si="63"/>
        <v>20</v>
      </c>
      <c r="AC57" s="137">
        <f t="shared" si="63"/>
        <v>30</v>
      </c>
      <c r="AD57" s="137">
        <f t="shared" si="63"/>
        <v>40</v>
      </c>
      <c r="AE57" s="137">
        <f t="shared" si="63"/>
        <v>50</v>
      </c>
      <c r="AF57" s="137">
        <f t="shared" si="63"/>
        <v>60</v>
      </c>
      <c r="AG57" s="137">
        <f t="shared" si="63"/>
        <v>70</v>
      </c>
      <c r="AH57" s="137">
        <f t="shared" si="63"/>
        <v>80</v>
      </c>
      <c r="AI57" s="137">
        <f t="shared" si="63"/>
        <v>90</v>
      </c>
      <c r="AJ57" s="137">
        <f t="shared" si="63"/>
        <v>100</v>
      </c>
      <c r="AK57" s="137">
        <f t="shared" si="50"/>
        <v>110</v>
      </c>
      <c r="AL57" s="137">
        <f t="shared" si="18"/>
        <v>120</v>
      </c>
      <c r="AM57" s="143" t="e">
        <f t="shared" si="19"/>
        <v>#N/A</v>
      </c>
      <c r="AN57" s="137" t="e">
        <f t="shared" si="20"/>
        <v>#N/A</v>
      </c>
      <c r="AO57" s="137" t="e">
        <f t="shared" si="21"/>
        <v>#N/A</v>
      </c>
      <c r="AP57" s="137" t="e">
        <f t="shared" si="22"/>
        <v>#N/A</v>
      </c>
      <c r="AQ57" s="137" t="e">
        <f t="shared" si="23"/>
        <v>#N/A</v>
      </c>
      <c r="AR57" s="137" t="e">
        <f t="shared" si="24"/>
        <v>#N/A</v>
      </c>
      <c r="AS57" s="137" t="e">
        <f t="shared" si="25"/>
        <v>#N/A</v>
      </c>
      <c r="AT57" s="137" t="e">
        <f t="shared" si="26"/>
        <v>#N/A</v>
      </c>
      <c r="AU57" s="137" t="e">
        <f t="shared" si="27"/>
        <v>#N/A</v>
      </c>
      <c r="AV57" s="137" t="e">
        <f t="shared" si="28"/>
        <v>#N/A</v>
      </c>
      <c r="AW57" s="144" t="e">
        <f t="shared" si="29"/>
        <v>#N/A</v>
      </c>
      <c r="AX57" s="208" t="e">
        <f t="shared" si="35"/>
        <v>#N/A</v>
      </c>
      <c r="AY57" s="209" t="e">
        <f t="shared" si="36"/>
        <v>#N/A</v>
      </c>
    </row>
    <row r="58" spans="2:51" ht="13.5" thickBot="1" x14ac:dyDescent="0.25">
      <c r="B58" s="97">
        <f>'p-y mono_clay'!B58</f>
        <v>-47.5</v>
      </c>
      <c r="C58">
        <f>'p-y mono_clay'!C58</f>
        <v>32</v>
      </c>
      <c r="D58">
        <f>'p-y mono_clay'!D58</f>
        <v>31.988</v>
      </c>
      <c r="E58" t="str">
        <f>'p-y mono_clay'!E58</f>
        <v>SAND</v>
      </c>
      <c r="F58" s="43">
        <f>'p-y mono_clay'!G58</f>
        <v>19.145959087250148</v>
      </c>
      <c r="G58" s="43">
        <f>'p-y mono_clay'!H58</f>
        <v>9.1459590872501479</v>
      </c>
      <c r="H58" s="43">
        <f>'p-y mono_clay'!I58</f>
        <v>292.62496099656852</v>
      </c>
      <c r="I58">
        <f>INDEX('CPT Data'!$T$13:$T$20000,MATCH(C58,'CPT Data'!$B$13:$B$20000,1))</f>
        <v>32.110267363381162</v>
      </c>
      <c r="J58" s="98">
        <f>'Pile Property'!$B$8</f>
        <v>2</v>
      </c>
      <c r="K58" s="97">
        <f t="shared" si="0"/>
        <v>0.5604298891866798</v>
      </c>
      <c r="L58">
        <f t="shared" si="1"/>
        <v>16.055133681690581</v>
      </c>
      <c r="M58">
        <f t="shared" si="10"/>
        <v>0.2802149445933399</v>
      </c>
      <c r="N58" s="3">
        <f t="shared" si="11"/>
        <v>61.055133681690577</v>
      </c>
      <c r="O58">
        <f t="shared" si="12"/>
        <v>1.065613107990788</v>
      </c>
      <c r="P58">
        <v>0.4</v>
      </c>
      <c r="Q58">
        <f t="shared" si="2"/>
        <v>0.30586628629405427</v>
      </c>
      <c r="R58">
        <f t="shared" si="32"/>
        <v>2.303616924219261</v>
      </c>
      <c r="S58">
        <f t="shared" si="13"/>
        <v>2.9635362101897149</v>
      </c>
      <c r="T58">
        <f t="shared" si="14"/>
        <v>37.323897868227654</v>
      </c>
      <c r="U58">
        <f t="shared" si="3"/>
        <v>23292.289089657708</v>
      </c>
      <c r="V58">
        <f t="shared" si="4"/>
        <v>21839.029236059734</v>
      </c>
      <c r="W58" s="98">
        <f t="shared" si="15"/>
        <v>21839.029236059734</v>
      </c>
      <c r="X58">
        <f t="shared" si="5"/>
        <v>0.9</v>
      </c>
      <c r="Y58">
        <f t="shared" si="16"/>
        <v>14313.311186593892</v>
      </c>
      <c r="Z58" s="143">
        <v>0</v>
      </c>
      <c r="AA58" s="137">
        <f t="shared" ref="AA58:AJ58" si="64">(Z58+(0.005*$J58*1000))</f>
        <v>10</v>
      </c>
      <c r="AB58" s="137">
        <f t="shared" si="64"/>
        <v>20</v>
      </c>
      <c r="AC58" s="137">
        <f t="shared" si="64"/>
        <v>30</v>
      </c>
      <c r="AD58" s="137">
        <f t="shared" si="64"/>
        <v>40</v>
      </c>
      <c r="AE58" s="137">
        <f t="shared" si="64"/>
        <v>50</v>
      </c>
      <c r="AF58" s="137">
        <f t="shared" si="64"/>
        <v>60</v>
      </c>
      <c r="AG58" s="137">
        <f t="shared" si="64"/>
        <v>70</v>
      </c>
      <c r="AH58" s="137">
        <f t="shared" si="64"/>
        <v>80</v>
      </c>
      <c r="AI58" s="137">
        <f t="shared" si="64"/>
        <v>90</v>
      </c>
      <c r="AJ58" s="137">
        <f t="shared" si="64"/>
        <v>100</v>
      </c>
      <c r="AK58" s="137">
        <f t="shared" si="50"/>
        <v>110</v>
      </c>
      <c r="AL58" s="137">
        <f t="shared" si="18"/>
        <v>120</v>
      </c>
      <c r="AM58" s="143">
        <f t="shared" si="19"/>
        <v>0</v>
      </c>
      <c r="AN58" s="137">
        <f t="shared" si="20"/>
        <v>4497.4859266435742</v>
      </c>
      <c r="AO58" s="137">
        <f t="shared" si="21"/>
        <v>8547.4399443374368</v>
      </c>
      <c r="AP58" s="137">
        <f t="shared" si="22"/>
        <v>11864.33951694875</v>
      </c>
      <c r="AQ58" s="137">
        <f t="shared" si="23"/>
        <v>14376.165942548399</v>
      </c>
      <c r="AR58" s="137">
        <f t="shared" si="24"/>
        <v>16167.756648205299</v>
      </c>
      <c r="AS58" s="137">
        <f t="shared" si="25"/>
        <v>17391.751127389271</v>
      </c>
      <c r="AT58" s="137">
        <f t="shared" si="26"/>
        <v>18203.556487888014</v>
      </c>
      <c r="AU58" s="137">
        <f t="shared" si="27"/>
        <v>18731.451048988907</v>
      </c>
      <c r="AV58" s="137">
        <f t="shared" si="28"/>
        <v>19070.330887821681</v>
      </c>
      <c r="AW58" s="144">
        <f t="shared" si="29"/>
        <v>19286.077109959311</v>
      </c>
      <c r="AX58" s="208">
        <f t="shared" si="35"/>
        <v>19422.7066506214</v>
      </c>
      <c r="AY58" s="209">
        <f t="shared" si="36"/>
        <v>19508.943035231154</v>
      </c>
    </row>
    <row r="59" spans="2:51" ht="13.5" thickBot="1" x14ac:dyDescent="0.25">
      <c r="B59" s="97">
        <f>'p-y mono_clay'!B59</f>
        <v>-48.5</v>
      </c>
      <c r="C59">
        <f>'p-y mono_clay'!C59</f>
        <v>33</v>
      </c>
      <c r="D59">
        <f>'p-y mono_clay'!D59</f>
        <v>32.986000000000004</v>
      </c>
      <c r="E59" t="str">
        <f>'p-y mono_clay'!E59</f>
        <v>SAND</v>
      </c>
      <c r="F59" s="43">
        <f>'p-y mono_clay'!G59</f>
        <v>20.292677531936036</v>
      </c>
      <c r="G59" s="43">
        <f>'p-y mono_clay'!H59</f>
        <v>10.292677531936036</v>
      </c>
      <c r="H59" s="43">
        <f>'p-y mono_clay'!I59</f>
        <v>339.58630981116568</v>
      </c>
      <c r="I59">
        <f>INDEX('CPT Data'!$T$13:$T$20000,MATCH(C59,'CPT Data'!$B$13:$B$20000,1))</f>
        <v>36.813603816802257</v>
      </c>
      <c r="J59" s="98">
        <f>'Pile Property'!$B$8</f>
        <v>2</v>
      </c>
      <c r="K59" s="97">
        <f t="shared" ref="K59:K82" si="65">RADIANS(I59)</f>
        <v>0.64251859612795081</v>
      </c>
      <c r="L59">
        <f t="shared" ref="L59:L82" si="66">I59/2</f>
        <v>18.406801908401128</v>
      </c>
      <c r="M59">
        <f t="shared" si="10"/>
        <v>0.32125929806397541</v>
      </c>
      <c r="N59" s="3">
        <f t="shared" si="11"/>
        <v>63.406801908401128</v>
      </c>
      <c r="O59">
        <f t="shared" si="12"/>
        <v>1.1066574614614237</v>
      </c>
      <c r="P59">
        <v>0.4</v>
      </c>
      <c r="Q59">
        <f t="shared" ref="Q59:Q82" si="67">(1-SIN(I59*PI()/180))/(1+SIN(I59*PI()/180))</f>
        <v>0.2506145986031531</v>
      </c>
      <c r="R59">
        <f t="shared" si="32"/>
        <v>3.4849848875533449</v>
      </c>
      <c r="S59">
        <f t="shared" si="13"/>
        <v>3.7395759392732724</v>
      </c>
      <c r="T59">
        <f t="shared" si="14"/>
        <v>68.046401340609648</v>
      </c>
      <c r="U59">
        <f t="shared" ref="U59:U82" si="68">((R59*D59)+(S59*J59))*G59*D59</f>
        <v>41568.382169266275</v>
      </c>
      <c r="V59">
        <f t="shared" ref="V59:V82" si="69">T59*J59*G59*D59</f>
        <v>46205.447339047467</v>
      </c>
      <c r="W59" s="98">
        <f t="shared" si="15"/>
        <v>41568.382169266275</v>
      </c>
      <c r="X59">
        <f t="shared" ref="X59:X82" si="70">MAX((3-((0.8*D59)/J59)),0.9)</f>
        <v>0.9</v>
      </c>
      <c r="Y59">
        <f t="shared" si="16"/>
        <v>30342.57755729038</v>
      </c>
      <c r="Z59" s="143">
        <v>0</v>
      </c>
      <c r="AA59" s="137">
        <f t="shared" ref="AA59:AJ59" si="71">(Z59+(0.005*$J59*1000))</f>
        <v>10</v>
      </c>
      <c r="AB59" s="137">
        <f t="shared" si="71"/>
        <v>20</v>
      </c>
      <c r="AC59" s="137">
        <f t="shared" si="71"/>
        <v>30</v>
      </c>
      <c r="AD59" s="137">
        <f t="shared" si="71"/>
        <v>40</v>
      </c>
      <c r="AE59" s="137">
        <f t="shared" si="71"/>
        <v>50</v>
      </c>
      <c r="AF59" s="137">
        <f t="shared" si="71"/>
        <v>60</v>
      </c>
      <c r="AG59" s="137">
        <f t="shared" si="71"/>
        <v>70</v>
      </c>
      <c r="AH59" s="137">
        <f t="shared" si="71"/>
        <v>80</v>
      </c>
      <c r="AI59" s="137">
        <f t="shared" si="71"/>
        <v>90</v>
      </c>
      <c r="AJ59" s="137">
        <f t="shared" si="71"/>
        <v>100</v>
      </c>
      <c r="AK59" s="137">
        <f t="shared" si="50"/>
        <v>110</v>
      </c>
      <c r="AL59" s="137">
        <f t="shared" si="18"/>
        <v>120</v>
      </c>
      <c r="AM59" s="143">
        <f t="shared" si="19"/>
        <v>0</v>
      </c>
      <c r="AN59" s="137">
        <f t="shared" si="20"/>
        <v>9776.6578056311482</v>
      </c>
      <c r="AO59" s="137">
        <f t="shared" si="21"/>
        <v>18303.344381398787</v>
      </c>
      <c r="AP59" s="137">
        <f t="shared" si="22"/>
        <v>24896.87207942336</v>
      </c>
      <c r="AQ59" s="137">
        <f t="shared" si="23"/>
        <v>29536.79342460867</v>
      </c>
      <c r="AR59" s="137">
        <f t="shared" si="24"/>
        <v>32589.555962967625</v>
      </c>
      <c r="AS59" s="137">
        <f t="shared" si="25"/>
        <v>34510.158229457622</v>
      </c>
      <c r="AT59" s="137">
        <f t="shared" si="26"/>
        <v>35684.654428377893</v>
      </c>
      <c r="AU59" s="137">
        <f t="shared" si="27"/>
        <v>36390.458330155583</v>
      </c>
      <c r="AV59" s="137">
        <f t="shared" si="28"/>
        <v>36810.16363462677</v>
      </c>
      <c r="AW59" s="144">
        <f t="shared" si="29"/>
        <v>37058.17998328351</v>
      </c>
      <c r="AX59" s="208">
        <f t="shared" si="35"/>
        <v>37204.197203687087</v>
      </c>
      <c r="AY59" s="209">
        <f t="shared" si="36"/>
        <v>37289.975619518715</v>
      </c>
    </row>
    <row r="60" spans="2:51" ht="13.5" thickBot="1" x14ac:dyDescent="0.25">
      <c r="B60" s="97">
        <f>'p-y mono_clay'!B60</f>
        <v>-49.5</v>
      </c>
      <c r="C60">
        <f>'p-y mono_clay'!C60</f>
        <v>34</v>
      </c>
      <c r="D60">
        <f>'p-y mono_clay'!D60</f>
        <v>33.993000000000002</v>
      </c>
      <c r="E60" t="str">
        <f>'p-y mono_clay'!E60</f>
        <v>CLAY</v>
      </c>
      <c r="F60" s="43">
        <f>'p-y mono_clay'!G60</f>
        <v>19.695685112516994</v>
      </c>
      <c r="G60" s="43">
        <f>'p-y mono_clay'!H60</f>
        <v>9.6956851125169941</v>
      </c>
      <c r="H60" s="43">
        <f>'p-y mono_clay'!I60</f>
        <v>329.6532938255778</v>
      </c>
      <c r="I60" t="e">
        <f>INDEX('CPT Data'!$T$13:$T$20000,MATCH(C60,'CPT Data'!$B$13:$B$20000,1))</f>
        <v>#N/A</v>
      </c>
      <c r="J60" s="98">
        <f>'Pile Property'!$B$8</f>
        <v>2</v>
      </c>
      <c r="K60" s="97" t="e">
        <f t="shared" si="65"/>
        <v>#N/A</v>
      </c>
      <c r="L60" t="e">
        <f t="shared" si="66"/>
        <v>#N/A</v>
      </c>
      <c r="M60" t="e">
        <f t="shared" si="10"/>
        <v>#N/A</v>
      </c>
      <c r="N60" s="3" t="e">
        <f t="shared" si="11"/>
        <v>#N/A</v>
      </c>
      <c r="O60" t="e">
        <f t="shared" si="12"/>
        <v>#N/A</v>
      </c>
      <c r="P60">
        <v>0.4</v>
      </c>
      <c r="Q60" t="e">
        <f t="shared" si="67"/>
        <v>#N/A</v>
      </c>
      <c r="R60" t="e">
        <f t="shared" si="32"/>
        <v>#N/A</v>
      </c>
      <c r="S60" t="e">
        <f t="shared" si="13"/>
        <v>#N/A</v>
      </c>
      <c r="T60" t="e">
        <f t="shared" si="14"/>
        <v>#N/A</v>
      </c>
      <c r="U60" t="e">
        <f t="shared" si="68"/>
        <v>#N/A</v>
      </c>
      <c r="V60" t="e">
        <f t="shared" si="69"/>
        <v>#N/A</v>
      </c>
      <c r="W60" s="98" t="e">
        <f t="shared" si="15"/>
        <v>#N/A</v>
      </c>
      <c r="X60">
        <f t="shared" si="70"/>
        <v>0.9</v>
      </c>
      <c r="Y60" t="e">
        <f t="shared" si="16"/>
        <v>#N/A</v>
      </c>
      <c r="Z60" s="143">
        <v>0</v>
      </c>
      <c r="AA60" s="137">
        <f t="shared" ref="AA60:AK75" si="72">(Z60+(0.005*$J60*1000))</f>
        <v>10</v>
      </c>
      <c r="AB60" s="137">
        <f t="shared" si="72"/>
        <v>20</v>
      </c>
      <c r="AC60" s="137">
        <f t="shared" si="72"/>
        <v>30</v>
      </c>
      <c r="AD60" s="137">
        <f t="shared" si="72"/>
        <v>40</v>
      </c>
      <c r="AE60" s="137">
        <f t="shared" si="72"/>
        <v>50</v>
      </c>
      <c r="AF60" s="137">
        <f t="shared" si="72"/>
        <v>60</v>
      </c>
      <c r="AG60" s="137">
        <f t="shared" si="72"/>
        <v>70</v>
      </c>
      <c r="AH60" s="137">
        <f t="shared" si="72"/>
        <v>80</v>
      </c>
      <c r="AI60" s="137">
        <f t="shared" si="72"/>
        <v>90</v>
      </c>
      <c r="AJ60" s="137">
        <f t="shared" si="72"/>
        <v>100</v>
      </c>
      <c r="AK60" s="137">
        <f t="shared" si="72"/>
        <v>110</v>
      </c>
      <c r="AL60" s="137">
        <f t="shared" si="18"/>
        <v>120</v>
      </c>
      <c r="AM60" s="143" t="e">
        <f t="shared" ref="AM60:AM82" si="73">$X60*$W60*TAN($K60)*((($Y60*$D60)/($X60*$W60))*(Z60/1000))</f>
        <v>#N/A</v>
      </c>
      <c r="AN60" s="137" t="e">
        <f t="shared" ref="AN60:AN82" si="74">$X60*$W60*TANH((($Y60*$D60)/($X60*$W60))*(AA60/1000))</f>
        <v>#N/A</v>
      </c>
      <c r="AO60" s="137" t="e">
        <f t="shared" ref="AO60:AO82" si="75">$X60*$W60*TANH((($Y60*$D60)/($X60*$W60))*(AB60/1000))</f>
        <v>#N/A</v>
      </c>
      <c r="AP60" s="137" t="e">
        <f t="shared" ref="AP60:AP82" si="76">$X60*$W60*TANH((($Y60*$D60)/($X60*$W60))*(AC60/1000))</f>
        <v>#N/A</v>
      </c>
      <c r="AQ60" s="137" t="e">
        <f t="shared" ref="AQ60:AQ82" si="77">$X60*$W60*TANH((($Y60*$D60)/($X60*$W60))*(AD60/1000))</f>
        <v>#N/A</v>
      </c>
      <c r="AR60" s="137" t="e">
        <f t="shared" ref="AR60:AR82" si="78">$X60*$W60*TANH((($Y60*$D60)/($X60*$W60))*(AE60/1000))</f>
        <v>#N/A</v>
      </c>
      <c r="AS60" s="137" t="e">
        <f t="shared" ref="AS60:AS82" si="79">$X60*$W60*TANH((($Y60*$D60)/($X60*$W60))*(AF60/1000))</f>
        <v>#N/A</v>
      </c>
      <c r="AT60" s="137" t="e">
        <f t="shared" ref="AT60:AT82" si="80">$X60*$W60*TANH((($Y60*$D60)/($X60*$W60))*(AG60/1000))</f>
        <v>#N/A</v>
      </c>
      <c r="AU60" s="137" t="e">
        <f t="shared" ref="AU60:AU82" si="81">$X60*$W60*TANH((($Y60*$D60)/($X60*$W60))*(AH60/1000))</f>
        <v>#N/A</v>
      </c>
      <c r="AV60" s="137" t="e">
        <f t="shared" ref="AV60:AV82" si="82">$X60*$W60*TANH((($Y60*$D60)/($X60*$W60))*(AI60/1000))</f>
        <v>#N/A</v>
      </c>
      <c r="AW60" s="144" t="e">
        <f t="shared" ref="AW60:AW82" si="83">$X60*$W60*TANH((($Y60*$D60)/($X60*$W60))*(AJ60/1000))</f>
        <v>#N/A</v>
      </c>
      <c r="AX60" s="208" t="e">
        <f t="shared" si="35"/>
        <v>#N/A</v>
      </c>
      <c r="AY60" s="209" t="e">
        <f t="shared" si="36"/>
        <v>#N/A</v>
      </c>
    </row>
    <row r="61" spans="2:51" ht="13.5" thickBot="1" x14ac:dyDescent="0.25">
      <c r="B61" s="97">
        <f>'p-y mono_clay'!B61</f>
        <v>-50.5</v>
      </c>
      <c r="C61">
        <f>'p-y mono_clay'!C61</f>
        <v>35</v>
      </c>
      <c r="D61">
        <f>'p-y mono_clay'!D61</f>
        <v>34.984000000000002</v>
      </c>
      <c r="E61" t="str">
        <f>'p-y mono_clay'!E61</f>
        <v>CLAY</v>
      </c>
      <c r="F61" s="43">
        <f>'p-y mono_clay'!G61</f>
        <v>19.757899456972968</v>
      </c>
      <c r="G61" s="43">
        <f>'p-y mono_clay'!H61</f>
        <v>9.757899456972968</v>
      </c>
      <c r="H61" s="43">
        <f>'p-y mono_clay'!I61</f>
        <v>341.43865989894113</v>
      </c>
      <c r="I61" t="e">
        <f>INDEX('CPT Data'!$T$13:$T$20000,MATCH(C61,'CPT Data'!$B$13:$B$20000,1))</f>
        <v>#N/A</v>
      </c>
      <c r="J61" s="98">
        <f>'Pile Property'!$B$8</f>
        <v>2</v>
      </c>
      <c r="K61" s="97" t="e">
        <f t="shared" si="65"/>
        <v>#N/A</v>
      </c>
      <c r="L61" t="e">
        <f t="shared" si="66"/>
        <v>#N/A</v>
      </c>
      <c r="M61" t="e">
        <f t="shared" si="10"/>
        <v>#N/A</v>
      </c>
      <c r="N61" s="3" t="e">
        <f t="shared" si="11"/>
        <v>#N/A</v>
      </c>
      <c r="O61" t="e">
        <f t="shared" si="12"/>
        <v>#N/A</v>
      </c>
      <c r="P61">
        <v>0.4</v>
      </c>
      <c r="Q61" t="e">
        <f t="shared" si="67"/>
        <v>#N/A</v>
      </c>
      <c r="R61" t="e">
        <f t="shared" si="32"/>
        <v>#N/A</v>
      </c>
      <c r="S61" t="e">
        <f t="shared" si="13"/>
        <v>#N/A</v>
      </c>
      <c r="T61" t="e">
        <f t="shared" si="14"/>
        <v>#N/A</v>
      </c>
      <c r="U61" t="e">
        <f t="shared" si="68"/>
        <v>#N/A</v>
      </c>
      <c r="V61" t="e">
        <f t="shared" si="69"/>
        <v>#N/A</v>
      </c>
      <c r="W61" s="98" t="e">
        <f t="shared" si="15"/>
        <v>#N/A</v>
      </c>
      <c r="X61">
        <f t="shared" si="70"/>
        <v>0.9</v>
      </c>
      <c r="Y61" t="e">
        <f t="shared" si="16"/>
        <v>#N/A</v>
      </c>
      <c r="Z61" s="143">
        <v>0</v>
      </c>
      <c r="AA61" s="137">
        <f t="shared" ref="AA61:AJ61" si="84">(Z61+(0.005*$J61*1000))</f>
        <v>10</v>
      </c>
      <c r="AB61" s="137">
        <f t="shared" si="84"/>
        <v>20</v>
      </c>
      <c r="AC61" s="137">
        <f t="shared" si="84"/>
        <v>30</v>
      </c>
      <c r="AD61" s="137">
        <f t="shared" si="84"/>
        <v>40</v>
      </c>
      <c r="AE61" s="137">
        <f t="shared" si="84"/>
        <v>50</v>
      </c>
      <c r="AF61" s="137">
        <f t="shared" si="84"/>
        <v>60</v>
      </c>
      <c r="AG61" s="137">
        <f t="shared" si="84"/>
        <v>70</v>
      </c>
      <c r="AH61" s="137">
        <f t="shared" si="84"/>
        <v>80</v>
      </c>
      <c r="AI61" s="137">
        <f t="shared" si="84"/>
        <v>90</v>
      </c>
      <c r="AJ61" s="137">
        <f t="shared" si="84"/>
        <v>100</v>
      </c>
      <c r="AK61" s="137">
        <f t="shared" si="72"/>
        <v>110</v>
      </c>
      <c r="AL61" s="137">
        <f t="shared" si="18"/>
        <v>120</v>
      </c>
      <c r="AM61" s="143" t="e">
        <f t="shared" si="73"/>
        <v>#N/A</v>
      </c>
      <c r="AN61" s="137" t="e">
        <f t="shared" si="74"/>
        <v>#N/A</v>
      </c>
      <c r="AO61" s="137" t="e">
        <f t="shared" si="75"/>
        <v>#N/A</v>
      </c>
      <c r="AP61" s="137" t="e">
        <f t="shared" si="76"/>
        <v>#N/A</v>
      </c>
      <c r="AQ61" s="137" t="e">
        <f t="shared" si="77"/>
        <v>#N/A</v>
      </c>
      <c r="AR61" s="137" t="e">
        <f t="shared" si="78"/>
        <v>#N/A</v>
      </c>
      <c r="AS61" s="137" t="e">
        <f t="shared" si="79"/>
        <v>#N/A</v>
      </c>
      <c r="AT61" s="137" t="e">
        <f t="shared" si="80"/>
        <v>#N/A</v>
      </c>
      <c r="AU61" s="137" t="e">
        <f t="shared" si="81"/>
        <v>#N/A</v>
      </c>
      <c r="AV61" s="137" t="e">
        <f t="shared" si="82"/>
        <v>#N/A</v>
      </c>
      <c r="AW61" s="144" t="e">
        <f t="shared" si="83"/>
        <v>#N/A</v>
      </c>
      <c r="AX61" s="208" t="e">
        <f t="shared" si="35"/>
        <v>#N/A</v>
      </c>
      <c r="AY61" s="209" t="e">
        <f t="shared" si="36"/>
        <v>#N/A</v>
      </c>
    </row>
    <row r="62" spans="2:51" ht="13.5" thickBot="1" x14ac:dyDescent="0.25">
      <c r="B62" s="97">
        <f>'p-y mono_clay'!B62</f>
        <v>-51.5</v>
      </c>
      <c r="C62">
        <f>'p-y mono_clay'!C62</f>
        <v>36</v>
      </c>
      <c r="D62">
        <f>'p-y mono_clay'!D62</f>
        <v>35.993000000000002</v>
      </c>
      <c r="E62" t="str">
        <f>'p-y mono_clay'!E62</f>
        <v>CLAY</v>
      </c>
      <c r="F62" s="43">
        <f>'p-y mono_clay'!G62</f>
        <v>19.683532368019559</v>
      </c>
      <c r="G62" s="43">
        <f>'p-y mono_clay'!H62</f>
        <v>9.6835323680195593</v>
      </c>
      <c r="H62" s="43">
        <f>'p-y mono_clay'!I62</f>
        <v>348.60716524870412</v>
      </c>
      <c r="I62" t="e">
        <f>INDEX('CPT Data'!$T$13:$T$20000,MATCH(C62,'CPT Data'!$B$13:$B$20000,1))</f>
        <v>#N/A</v>
      </c>
      <c r="J62" s="98">
        <f>'Pile Property'!$B$8</f>
        <v>2</v>
      </c>
      <c r="K62" s="97" t="e">
        <f t="shared" si="65"/>
        <v>#N/A</v>
      </c>
      <c r="L62" t="e">
        <f t="shared" si="66"/>
        <v>#N/A</v>
      </c>
      <c r="M62" t="e">
        <f t="shared" si="10"/>
        <v>#N/A</v>
      </c>
      <c r="N62" s="3" t="e">
        <f t="shared" si="11"/>
        <v>#N/A</v>
      </c>
      <c r="O62" t="e">
        <f t="shared" si="12"/>
        <v>#N/A</v>
      </c>
      <c r="P62">
        <v>0.4</v>
      </c>
      <c r="Q62" t="e">
        <f t="shared" si="67"/>
        <v>#N/A</v>
      </c>
      <c r="R62" t="e">
        <f t="shared" si="32"/>
        <v>#N/A</v>
      </c>
      <c r="S62" t="e">
        <f t="shared" si="13"/>
        <v>#N/A</v>
      </c>
      <c r="T62" t="e">
        <f t="shared" si="14"/>
        <v>#N/A</v>
      </c>
      <c r="U62" t="e">
        <f t="shared" si="68"/>
        <v>#N/A</v>
      </c>
      <c r="V62" t="e">
        <f t="shared" si="69"/>
        <v>#N/A</v>
      </c>
      <c r="W62" s="98" t="e">
        <f t="shared" si="15"/>
        <v>#N/A</v>
      </c>
      <c r="X62">
        <f t="shared" si="70"/>
        <v>0.9</v>
      </c>
      <c r="Y62" t="e">
        <f t="shared" si="16"/>
        <v>#N/A</v>
      </c>
      <c r="Z62" s="143">
        <v>0</v>
      </c>
      <c r="AA62" s="137">
        <f t="shared" ref="AA62:AJ62" si="85">(Z62+(0.005*$J62*1000))</f>
        <v>10</v>
      </c>
      <c r="AB62" s="137">
        <f t="shared" si="85"/>
        <v>20</v>
      </c>
      <c r="AC62" s="137">
        <f t="shared" si="85"/>
        <v>30</v>
      </c>
      <c r="AD62" s="137">
        <f t="shared" si="85"/>
        <v>40</v>
      </c>
      <c r="AE62" s="137">
        <f t="shared" si="85"/>
        <v>50</v>
      </c>
      <c r="AF62" s="137">
        <f t="shared" si="85"/>
        <v>60</v>
      </c>
      <c r="AG62" s="137">
        <f t="shared" si="85"/>
        <v>70</v>
      </c>
      <c r="AH62" s="137">
        <f t="shared" si="85"/>
        <v>80</v>
      </c>
      <c r="AI62" s="137">
        <f t="shared" si="85"/>
        <v>90</v>
      </c>
      <c r="AJ62" s="137">
        <f t="shared" si="85"/>
        <v>100</v>
      </c>
      <c r="AK62" s="137">
        <f t="shared" si="72"/>
        <v>110</v>
      </c>
      <c r="AL62" s="137">
        <f t="shared" si="18"/>
        <v>120</v>
      </c>
      <c r="AM62" s="143" t="e">
        <f t="shared" si="73"/>
        <v>#N/A</v>
      </c>
      <c r="AN62" s="137" t="e">
        <f t="shared" si="74"/>
        <v>#N/A</v>
      </c>
      <c r="AO62" s="137" t="e">
        <f t="shared" si="75"/>
        <v>#N/A</v>
      </c>
      <c r="AP62" s="137" t="e">
        <f t="shared" si="76"/>
        <v>#N/A</v>
      </c>
      <c r="AQ62" s="137" t="e">
        <f t="shared" si="77"/>
        <v>#N/A</v>
      </c>
      <c r="AR62" s="137" t="e">
        <f t="shared" si="78"/>
        <v>#N/A</v>
      </c>
      <c r="AS62" s="137" t="e">
        <f t="shared" si="79"/>
        <v>#N/A</v>
      </c>
      <c r="AT62" s="137" t="e">
        <f t="shared" si="80"/>
        <v>#N/A</v>
      </c>
      <c r="AU62" s="137" t="e">
        <f t="shared" si="81"/>
        <v>#N/A</v>
      </c>
      <c r="AV62" s="137" t="e">
        <f t="shared" si="82"/>
        <v>#N/A</v>
      </c>
      <c r="AW62" s="144" t="e">
        <f t="shared" si="83"/>
        <v>#N/A</v>
      </c>
      <c r="AX62" s="208" t="e">
        <f t="shared" si="35"/>
        <v>#N/A</v>
      </c>
      <c r="AY62" s="209" t="e">
        <f t="shared" si="36"/>
        <v>#N/A</v>
      </c>
    </row>
    <row r="63" spans="2:51" ht="13.5" thickBot="1" x14ac:dyDescent="0.25">
      <c r="B63" s="97">
        <f>'p-y mono_clay'!B63</f>
        <v>-52.5</v>
      </c>
      <c r="C63">
        <f>'p-y mono_clay'!C63</f>
        <v>37</v>
      </c>
      <c r="D63">
        <f>'p-y mono_clay'!D63</f>
        <v>36.984999999999999</v>
      </c>
      <c r="E63" t="str">
        <f>'p-y mono_clay'!E63</f>
        <v>SAND</v>
      </c>
      <c r="F63" s="43">
        <f>'p-y mono_clay'!G63</f>
        <v>20.273403268010775</v>
      </c>
      <c r="G63" s="43">
        <f>'p-y mono_clay'!H63</f>
        <v>10.273403268010775</v>
      </c>
      <c r="H63" s="43">
        <f>'p-y mono_clay'!I63</f>
        <v>380.03373369025456</v>
      </c>
      <c r="I63">
        <f>INDEX('CPT Data'!$T$13:$T$20000,MATCH(C63,'CPT Data'!$B$13:$B$20000,1))</f>
        <v>34.041464885850203</v>
      </c>
      <c r="J63" s="98">
        <f>'Pile Property'!$B$8</f>
        <v>2</v>
      </c>
      <c r="K63" s="97">
        <f t="shared" si="65"/>
        <v>0.59413564446012168</v>
      </c>
      <c r="L63">
        <f t="shared" si="66"/>
        <v>17.020732442925102</v>
      </c>
      <c r="M63">
        <f t="shared" si="10"/>
        <v>0.29706782223006084</v>
      </c>
      <c r="N63" s="3">
        <f t="shared" si="11"/>
        <v>62.020732442925102</v>
      </c>
      <c r="O63">
        <f t="shared" si="12"/>
        <v>1.0824659856275092</v>
      </c>
      <c r="P63">
        <v>0.4</v>
      </c>
      <c r="Q63">
        <f t="shared" si="67"/>
        <v>0.28222164454179544</v>
      </c>
      <c r="R63">
        <f t="shared" si="32"/>
        <v>2.7303079356380793</v>
      </c>
      <c r="S63">
        <f t="shared" si="13"/>
        <v>3.2610926948794878</v>
      </c>
      <c r="T63">
        <f t="shared" si="14"/>
        <v>47.59705394315543</v>
      </c>
      <c r="U63">
        <f t="shared" si="68"/>
        <v>40846.892803490322</v>
      </c>
      <c r="V63">
        <f t="shared" si="69"/>
        <v>36170.126473134238</v>
      </c>
      <c r="W63" s="98">
        <f t="shared" si="15"/>
        <v>36170.126473134238</v>
      </c>
      <c r="X63">
        <f t="shared" si="70"/>
        <v>0.9</v>
      </c>
      <c r="Y63">
        <f t="shared" si="16"/>
        <v>19450.296596361542</v>
      </c>
      <c r="Z63" s="143">
        <v>0</v>
      </c>
      <c r="AA63" s="137">
        <f t="shared" ref="AA63:AJ63" si="86">(Z63+(0.005*$J63*1000))</f>
        <v>10</v>
      </c>
      <c r="AB63" s="137">
        <f t="shared" si="86"/>
        <v>20</v>
      </c>
      <c r="AC63" s="137">
        <f t="shared" si="86"/>
        <v>30</v>
      </c>
      <c r="AD63" s="137">
        <f t="shared" si="86"/>
        <v>40</v>
      </c>
      <c r="AE63" s="137">
        <f t="shared" si="86"/>
        <v>50</v>
      </c>
      <c r="AF63" s="137">
        <f t="shared" si="86"/>
        <v>60</v>
      </c>
      <c r="AG63" s="137">
        <f t="shared" si="86"/>
        <v>70</v>
      </c>
      <c r="AH63" s="137">
        <f t="shared" si="86"/>
        <v>80</v>
      </c>
      <c r="AI63" s="137">
        <f t="shared" si="86"/>
        <v>90</v>
      </c>
      <c r="AJ63" s="137">
        <f t="shared" si="86"/>
        <v>100</v>
      </c>
      <c r="AK63" s="137">
        <f t="shared" si="72"/>
        <v>110</v>
      </c>
      <c r="AL63" s="137">
        <f t="shared" si="18"/>
        <v>120</v>
      </c>
      <c r="AM63" s="143">
        <f t="shared" si="73"/>
        <v>0</v>
      </c>
      <c r="AN63" s="137">
        <f t="shared" si="74"/>
        <v>7078.8372550315762</v>
      </c>
      <c r="AO63" s="137">
        <f t="shared" si="75"/>
        <v>13518.432766185473</v>
      </c>
      <c r="AP63" s="137">
        <f t="shared" si="76"/>
        <v>18891.322879532821</v>
      </c>
      <c r="AQ63" s="137">
        <f t="shared" si="77"/>
        <v>23060.109234708674</v>
      </c>
      <c r="AR63" s="137">
        <f t="shared" si="78"/>
        <v>26115.995035364882</v>
      </c>
      <c r="AS63" s="137">
        <f t="shared" si="79"/>
        <v>28264.030695500598</v>
      </c>
      <c r="AT63" s="137">
        <f t="shared" si="80"/>
        <v>29729.771316632712</v>
      </c>
      <c r="AU63" s="137">
        <f t="shared" si="81"/>
        <v>30709.795208205749</v>
      </c>
      <c r="AV63" s="137">
        <f t="shared" si="82"/>
        <v>31356.175844830144</v>
      </c>
      <c r="AW63" s="144">
        <f t="shared" si="83"/>
        <v>31778.670464878356</v>
      </c>
      <c r="AX63" s="208">
        <f t="shared" si="35"/>
        <v>32053.199674322619</v>
      </c>
      <c r="AY63" s="209">
        <f t="shared" si="36"/>
        <v>32230.899588534339</v>
      </c>
    </row>
    <row r="64" spans="2:51" ht="13.5" thickBot="1" x14ac:dyDescent="0.25">
      <c r="B64" s="97">
        <f>'p-y mono_clay'!B64</f>
        <v>-53.5</v>
      </c>
      <c r="C64">
        <f>'p-y mono_clay'!C64</f>
        <v>38</v>
      </c>
      <c r="D64">
        <f>'p-y mono_clay'!D64</f>
        <v>37.99</v>
      </c>
      <c r="E64" t="str">
        <f>'p-y mono_clay'!E64</f>
        <v>CLAY</v>
      </c>
      <c r="F64" s="43">
        <f>'p-y mono_clay'!G64</f>
        <v>20.063887348592733</v>
      </c>
      <c r="G64" s="43">
        <f>'p-y mono_clay'!H64</f>
        <v>10.063887348592733</v>
      </c>
      <c r="H64" s="43">
        <f>'p-y mono_clay'!I64</f>
        <v>382.39752758447804</v>
      </c>
      <c r="I64" t="e">
        <f>INDEX('CPT Data'!$T$13:$T$20000,MATCH(C64,'CPT Data'!$B$13:$B$20000,1))</f>
        <v>#N/A</v>
      </c>
      <c r="J64" s="98">
        <f>'Pile Property'!$B$8</f>
        <v>2</v>
      </c>
      <c r="K64" s="97" t="e">
        <f t="shared" si="65"/>
        <v>#N/A</v>
      </c>
      <c r="L64" t="e">
        <f t="shared" si="66"/>
        <v>#N/A</v>
      </c>
      <c r="M64" t="e">
        <f t="shared" si="10"/>
        <v>#N/A</v>
      </c>
      <c r="N64" s="3" t="e">
        <f t="shared" si="11"/>
        <v>#N/A</v>
      </c>
      <c r="O64" t="e">
        <f t="shared" si="12"/>
        <v>#N/A</v>
      </c>
      <c r="P64">
        <v>0.4</v>
      </c>
      <c r="Q64" t="e">
        <f t="shared" si="67"/>
        <v>#N/A</v>
      </c>
      <c r="R64" t="e">
        <f t="shared" si="32"/>
        <v>#N/A</v>
      </c>
      <c r="S64" t="e">
        <f t="shared" si="13"/>
        <v>#N/A</v>
      </c>
      <c r="T64" t="e">
        <f t="shared" si="14"/>
        <v>#N/A</v>
      </c>
      <c r="U64" t="e">
        <f t="shared" si="68"/>
        <v>#N/A</v>
      </c>
      <c r="V64" t="e">
        <f t="shared" si="69"/>
        <v>#N/A</v>
      </c>
      <c r="W64" s="98" t="e">
        <f t="shared" si="15"/>
        <v>#N/A</v>
      </c>
      <c r="X64">
        <f t="shared" si="70"/>
        <v>0.9</v>
      </c>
      <c r="Y64" t="e">
        <f t="shared" si="16"/>
        <v>#N/A</v>
      </c>
      <c r="Z64" s="143">
        <v>0</v>
      </c>
      <c r="AA64" s="137">
        <f t="shared" ref="AA64:AJ64" si="87">(Z64+(0.005*$J64*1000))</f>
        <v>10</v>
      </c>
      <c r="AB64" s="137">
        <f t="shared" si="87"/>
        <v>20</v>
      </c>
      <c r="AC64" s="137">
        <f t="shared" si="87"/>
        <v>30</v>
      </c>
      <c r="AD64" s="137">
        <f t="shared" si="87"/>
        <v>40</v>
      </c>
      <c r="AE64" s="137">
        <f t="shared" si="87"/>
        <v>50</v>
      </c>
      <c r="AF64" s="137">
        <f t="shared" si="87"/>
        <v>60</v>
      </c>
      <c r="AG64" s="137">
        <f t="shared" si="87"/>
        <v>70</v>
      </c>
      <c r="AH64" s="137">
        <f t="shared" si="87"/>
        <v>80</v>
      </c>
      <c r="AI64" s="137">
        <f t="shared" si="87"/>
        <v>90</v>
      </c>
      <c r="AJ64" s="137">
        <f t="shared" si="87"/>
        <v>100</v>
      </c>
      <c r="AK64" s="137">
        <f t="shared" si="72"/>
        <v>110</v>
      </c>
      <c r="AL64" s="137">
        <f t="shared" si="18"/>
        <v>120</v>
      </c>
      <c r="AM64" s="143" t="e">
        <f t="shared" si="73"/>
        <v>#N/A</v>
      </c>
      <c r="AN64" s="137" t="e">
        <f t="shared" si="74"/>
        <v>#N/A</v>
      </c>
      <c r="AO64" s="137" t="e">
        <f t="shared" si="75"/>
        <v>#N/A</v>
      </c>
      <c r="AP64" s="137" t="e">
        <f t="shared" si="76"/>
        <v>#N/A</v>
      </c>
      <c r="AQ64" s="137" t="e">
        <f t="shared" si="77"/>
        <v>#N/A</v>
      </c>
      <c r="AR64" s="137" t="e">
        <f t="shared" si="78"/>
        <v>#N/A</v>
      </c>
      <c r="AS64" s="137" t="e">
        <f t="shared" si="79"/>
        <v>#N/A</v>
      </c>
      <c r="AT64" s="137" t="e">
        <f t="shared" si="80"/>
        <v>#N/A</v>
      </c>
      <c r="AU64" s="137" t="e">
        <f t="shared" si="81"/>
        <v>#N/A</v>
      </c>
      <c r="AV64" s="137" t="e">
        <f t="shared" si="82"/>
        <v>#N/A</v>
      </c>
      <c r="AW64" s="144" t="e">
        <f t="shared" si="83"/>
        <v>#N/A</v>
      </c>
      <c r="AX64" s="208" t="e">
        <f t="shared" si="35"/>
        <v>#N/A</v>
      </c>
      <c r="AY64" s="209" t="e">
        <f t="shared" si="36"/>
        <v>#N/A</v>
      </c>
    </row>
    <row r="65" spans="2:51" ht="13.5" thickBot="1" x14ac:dyDescent="0.25">
      <c r="B65" s="97">
        <f>'p-y mono_clay'!B65</f>
        <v>-54.5</v>
      </c>
      <c r="C65">
        <f>'p-y mono_clay'!C65</f>
        <v>39</v>
      </c>
      <c r="D65">
        <f>'p-y mono_clay'!D65</f>
        <v>38.992000000000004</v>
      </c>
      <c r="E65" t="str">
        <f>'p-y mono_clay'!E65</f>
        <v>CLAY</v>
      </c>
      <c r="F65" s="43">
        <f>'p-y mono_clay'!G65</f>
        <v>19.464459623825725</v>
      </c>
      <c r="G65" s="43">
        <f>'p-y mono_clay'!H65</f>
        <v>9.464459623825725</v>
      </c>
      <c r="H65" s="43">
        <f>'p-y mono_clay'!I65</f>
        <v>369.1044608695795</v>
      </c>
      <c r="I65" t="e">
        <f>INDEX('CPT Data'!$T$13:$T$20000,MATCH(C65,'CPT Data'!$B$13:$B$20000,1))</f>
        <v>#N/A</v>
      </c>
      <c r="J65" s="98">
        <f>'Pile Property'!$B$8</f>
        <v>2</v>
      </c>
      <c r="K65" s="97" t="e">
        <f t="shared" si="65"/>
        <v>#N/A</v>
      </c>
      <c r="L65" t="e">
        <f t="shared" si="66"/>
        <v>#N/A</v>
      </c>
      <c r="M65" t="e">
        <f t="shared" si="10"/>
        <v>#N/A</v>
      </c>
      <c r="N65" s="3" t="e">
        <f t="shared" si="11"/>
        <v>#N/A</v>
      </c>
      <c r="O65" t="e">
        <f t="shared" si="12"/>
        <v>#N/A</v>
      </c>
      <c r="P65">
        <v>0.4</v>
      </c>
      <c r="Q65" t="e">
        <f t="shared" si="67"/>
        <v>#N/A</v>
      </c>
      <c r="R65" t="e">
        <f t="shared" si="32"/>
        <v>#N/A</v>
      </c>
      <c r="S65" t="e">
        <f t="shared" si="13"/>
        <v>#N/A</v>
      </c>
      <c r="T65" t="e">
        <f t="shared" si="14"/>
        <v>#N/A</v>
      </c>
      <c r="U65" t="e">
        <f t="shared" si="68"/>
        <v>#N/A</v>
      </c>
      <c r="V65" t="e">
        <f t="shared" si="69"/>
        <v>#N/A</v>
      </c>
      <c r="W65" s="98" t="e">
        <f t="shared" si="15"/>
        <v>#N/A</v>
      </c>
      <c r="X65">
        <f t="shared" si="70"/>
        <v>0.9</v>
      </c>
      <c r="Y65" t="e">
        <f t="shared" si="16"/>
        <v>#N/A</v>
      </c>
      <c r="Z65" s="143">
        <v>0</v>
      </c>
      <c r="AA65" s="137">
        <f t="shared" ref="AA65:AJ65" si="88">(Z65+(0.005*$J65*1000))</f>
        <v>10</v>
      </c>
      <c r="AB65" s="137">
        <f t="shared" si="88"/>
        <v>20</v>
      </c>
      <c r="AC65" s="137">
        <f t="shared" si="88"/>
        <v>30</v>
      </c>
      <c r="AD65" s="137">
        <f t="shared" si="88"/>
        <v>40</v>
      </c>
      <c r="AE65" s="137">
        <f t="shared" si="88"/>
        <v>50</v>
      </c>
      <c r="AF65" s="137">
        <f t="shared" si="88"/>
        <v>60</v>
      </c>
      <c r="AG65" s="137">
        <f t="shared" si="88"/>
        <v>70</v>
      </c>
      <c r="AH65" s="137">
        <f t="shared" si="88"/>
        <v>80</v>
      </c>
      <c r="AI65" s="137">
        <f t="shared" si="88"/>
        <v>90</v>
      </c>
      <c r="AJ65" s="137">
        <f t="shared" si="88"/>
        <v>100</v>
      </c>
      <c r="AK65" s="137">
        <f t="shared" si="72"/>
        <v>110</v>
      </c>
      <c r="AL65" s="137">
        <f t="shared" si="18"/>
        <v>120</v>
      </c>
      <c r="AM65" s="143" t="e">
        <f t="shared" si="73"/>
        <v>#N/A</v>
      </c>
      <c r="AN65" s="137" t="e">
        <f t="shared" si="74"/>
        <v>#N/A</v>
      </c>
      <c r="AO65" s="137" t="e">
        <f t="shared" si="75"/>
        <v>#N/A</v>
      </c>
      <c r="AP65" s="137" t="e">
        <f t="shared" si="76"/>
        <v>#N/A</v>
      </c>
      <c r="AQ65" s="137" t="e">
        <f t="shared" si="77"/>
        <v>#N/A</v>
      </c>
      <c r="AR65" s="137" t="e">
        <f t="shared" si="78"/>
        <v>#N/A</v>
      </c>
      <c r="AS65" s="137" t="e">
        <f t="shared" si="79"/>
        <v>#N/A</v>
      </c>
      <c r="AT65" s="137" t="e">
        <f t="shared" si="80"/>
        <v>#N/A</v>
      </c>
      <c r="AU65" s="137" t="e">
        <f t="shared" si="81"/>
        <v>#N/A</v>
      </c>
      <c r="AV65" s="137" t="e">
        <f t="shared" si="82"/>
        <v>#N/A</v>
      </c>
      <c r="AW65" s="144" t="e">
        <f t="shared" si="83"/>
        <v>#N/A</v>
      </c>
      <c r="AX65" s="208" t="e">
        <f t="shared" si="35"/>
        <v>#N/A</v>
      </c>
      <c r="AY65" s="209" t="e">
        <f t="shared" si="36"/>
        <v>#N/A</v>
      </c>
    </row>
    <row r="66" spans="2:51" ht="13.5" thickBot="1" x14ac:dyDescent="0.25">
      <c r="B66" s="97">
        <f>'p-y mono_clay'!B66</f>
        <v>-55.5</v>
      </c>
      <c r="C66">
        <f>'p-y mono_clay'!C66</f>
        <v>40</v>
      </c>
      <c r="D66">
        <f>'p-y mono_clay'!D66</f>
        <v>39.991</v>
      </c>
      <c r="E66" t="str">
        <f>'p-y mono_clay'!E66</f>
        <v>CLAY</v>
      </c>
      <c r="F66" s="43">
        <f>'p-y mono_clay'!G66</f>
        <v>19.26418461880904</v>
      </c>
      <c r="G66" s="43">
        <f>'p-y mono_clay'!H66</f>
        <v>9.2641846188090398</v>
      </c>
      <c r="H66" s="43">
        <f>'p-y mono_clay'!I66</f>
        <v>370.54885638312396</v>
      </c>
      <c r="I66" t="e">
        <f>INDEX('CPT Data'!$T$13:$T$20000,MATCH(C66,'CPT Data'!$B$13:$B$20000,1))</f>
        <v>#N/A</v>
      </c>
      <c r="J66" s="98">
        <f>'Pile Property'!$B$8</f>
        <v>2</v>
      </c>
      <c r="K66" s="97" t="e">
        <f t="shared" si="65"/>
        <v>#N/A</v>
      </c>
      <c r="L66" t="e">
        <f t="shared" si="66"/>
        <v>#N/A</v>
      </c>
      <c r="M66" t="e">
        <f t="shared" si="10"/>
        <v>#N/A</v>
      </c>
      <c r="N66" s="3" t="e">
        <f t="shared" si="11"/>
        <v>#N/A</v>
      </c>
      <c r="O66" t="e">
        <f t="shared" si="12"/>
        <v>#N/A</v>
      </c>
      <c r="P66">
        <v>0.4</v>
      </c>
      <c r="Q66" t="e">
        <f t="shared" si="67"/>
        <v>#N/A</v>
      </c>
      <c r="R66" t="e">
        <f t="shared" si="32"/>
        <v>#N/A</v>
      </c>
      <c r="S66" t="e">
        <f t="shared" si="13"/>
        <v>#N/A</v>
      </c>
      <c r="T66" t="e">
        <f t="shared" si="14"/>
        <v>#N/A</v>
      </c>
      <c r="U66" t="e">
        <f t="shared" si="68"/>
        <v>#N/A</v>
      </c>
      <c r="V66" t="e">
        <f t="shared" si="69"/>
        <v>#N/A</v>
      </c>
      <c r="W66" s="98" t="e">
        <f t="shared" si="15"/>
        <v>#N/A</v>
      </c>
      <c r="X66">
        <f t="shared" si="70"/>
        <v>0.9</v>
      </c>
      <c r="Y66" t="e">
        <f t="shared" si="16"/>
        <v>#N/A</v>
      </c>
      <c r="Z66" s="143">
        <v>0</v>
      </c>
      <c r="AA66" s="137">
        <f t="shared" ref="AA66:AJ66" si="89">(Z66+(0.005*$J66*1000))</f>
        <v>10</v>
      </c>
      <c r="AB66" s="137">
        <f t="shared" si="89"/>
        <v>20</v>
      </c>
      <c r="AC66" s="137">
        <f t="shared" si="89"/>
        <v>30</v>
      </c>
      <c r="AD66" s="137">
        <f t="shared" si="89"/>
        <v>40</v>
      </c>
      <c r="AE66" s="137">
        <f t="shared" si="89"/>
        <v>50</v>
      </c>
      <c r="AF66" s="137">
        <f t="shared" si="89"/>
        <v>60</v>
      </c>
      <c r="AG66" s="137">
        <f t="shared" si="89"/>
        <v>70</v>
      </c>
      <c r="AH66" s="137">
        <f t="shared" si="89"/>
        <v>80</v>
      </c>
      <c r="AI66" s="137">
        <f t="shared" si="89"/>
        <v>90</v>
      </c>
      <c r="AJ66" s="137">
        <f t="shared" si="89"/>
        <v>100</v>
      </c>
      <c r="AK66" s="137">
        <f t="shared" si="72"/>
        <v>110</v>
      </c>
      <c r="AL66" s="137">
        <f t="shared" si="18"/>
        <v>120</v>
      </c>
      <c r="AM66" s="143" t="e">
        <f t="shared" si="73"/>
        <v>#N/A</v>
      </c>
      <c r="AN66" s="137" t="e">
        <f t="shared" si="74"/>
        <v>#N/A</v>
      </c>
      <c r="AO66" s="137" t="e">
        <f t="shared" si="75"/>
        <v>#N/A</v>
      </c>
      <c r="AP66" s="137" t="e">
        <f t="shared" si="76"/>
        <v>#N/A</v>
      </c>
      <c r="AQ66" s="137" t="e">
        <f t="shared" si="77"/>
        <v>#N/A</v>
      </c>
      <c r="AR66" s="137" t="e">
        <f t="shared" si="78"/>
        <v>#N/A</v>
      </c>
      <c r="AS66" s="137" t="e">
        <f t="shared" si="79"/>
        <v>#N/A</v>
      </c>
      <c r="AT66" s="137" t="e">
        <f t="shared" si="80"/>
        <v>#N/A</v>
      </c>
      <c r="AU66" s="137" t="e">
        <f t="shared" si="81"/>
        <v>#N/A</v>
      </c>
      <c r="AV66" s="137" t="e">
        <f t="shared" si="82"/>
        <v>#N/A</v>
      </c>
      <c r="AW66" s="144" t="e">
        <f t="shared" si="83"/>
        <v>#N/A</v>
      </c>
      <c r="AX66" s="208" t="e">
        <f t="shared" si="35"/>
        <v>#N/A</v>
      </c>
      <c r="AY66" s="209" t="e">
        <f t="shared" si="36"/>
        <v>#N/A</v>
      </c>
    </row>
    <row r="67" spans="2:51" ht="13.5" thickBot="1" x14ac:dyDescent="0.25">
      <c r="B67" s="97">
        <f>'p-y mono_clay'!B67</f>
        <v>-56.5</v>
      </c>
      <c r="C67">
        <f>'p-y mono_clay'!C67</f>
        <v>41</v>
      </c>
      <c r="D67">
        <f>'p-y mono_clay'!D67</f>
        <v>40.984999999999999</v>
      </c>
      <c r="E67" t="str">
        <f>'p-y mono_clay'!E67</f>
        <v>CLAY</v>
      </c>
      <c r="F67" s="43">
        <f>'p-y mono_clay'!G67</f>
        <v>19.867216242799302</v>
      </c>
      <c r="G67" s="43">
        <f>'p-y mono_clay'!H67</f>
        <v>9.8672162427993015</v>
      </c>
      <c r="H67" s="43">
        <f>'p-y mono_clay'!I67</f>
        <v>404.47692822482895</v>
      </c>
      <c r="I67" t="e">
        <f>INDEX('CPT Data'!$T$13:$T$20000,MATCH(C67,'CPT Data'!$B$13:$B$20000,1))</f>
        <v>#N/A</v>
      </c>
      <c r="J67" s="98">
        <f>'Pile Property'!$B$8</f>
        <v>2</v>
      </c>
      <c r="K67" s="97" t="e">
        <f t="shared" si="65"/>
        <v>#N/A</v>
      </c>
      <c r="L67" t="e">
        <f t="shared" si="66"/>
        <v>#N/A</v>
      </c>
      <c r="M67" t="e">
        <f t="shared" si="10"/>
        <v>#N/A</v>
      </c>
      <c r="N67" s="3" t="e">
        <f t="shared" si="11"/>
        <v>#N/A</v>
      </c>
      <c r="O67" t="e">
        <f t="shared" si="12"/>
        <v>#N/A</v>
      </c>
      <c r="P67">
        <v>0.4</v>
      </c>
      <c r="Q67" t="e">
        <f t="shared" si="67"/>
        <v>#N/A</v>
      </c>
      <c r="R67" t="e">
        <f t="shared" si="32"/>
        <v>#N/A</v>
      </c>
      <c r="S67" t="e">
        <f t="shared" si="13"/>
        <v>#N/A</v>
      </c>
      <c r="T67" t="e">
        <f t="shared" si="14"/>
        <v>#N/A</v>
      </c>
      <c r="U67" t="e">
        <f t="shared" si="68"/>
        <v>#N/A</v>
      </c>
      <c r="V67" t="e">
        <f t="shared" si="69"/>
        <v>#N/A</v>
      </c>
      <c r="W67" s="98" t="e">
        <f t="shared" si="15"/>
        <v>#N/A</v>
      </c>
      <c r="X67">
        <f t="shared" si="70"/>
        <v>0.9</v>
      </c>
      <c r="Y67" t="e">
        <f t="shared" si="16"/>
        <v>#N/A</v>
      </c>
      <c r="Z67" s="143">
        <v>0</v>
      </c>
      <c r="AA67" s="137">
        <f t="shared" ref="AA67:AJ67" si="90">(Z67+(0.005*$J67*1000))</f>
        <v>10</v>
      </c>
      <c r="AB67" s="137">
        <f t="shared" si="90"/>
        <v>20</v>
      </c>
      <c r="AC67" s="137">
        <f t="shared" si="90"/>
        <v>30</v>
      </c>
      <c r="AD67" s="137">
        <f t="shared" si="90"/>
        <v>40</v>
      </c>
      <c r="AE67" s="137">
        <f t="shared" si="90"/>
        <v>50</v>
      </c>
      <c r="AF67" s="137">
        <f t="shared" si="90"/>
        <v>60</v>
      </c>
      <c r="AG67" s="137">
        <f t="shared" si="90"/>
        <v>70</v>
      </c>
      <c r="AH67" s="137">
        <f t="shared" si="90"/>
        <v>80</v>
      </c>
      <c r="AI67" s="137">
        <f t="shared" si="90"/>
        <v>90</v>
      </c>
      <c r="AJ67" s="137">
        <f t="shared" si="90"/>
        <v>100</v>
      </c>
      <c r="AK67" s="137">
        <f t="shared" si="72"/>
        <v>110</v>
      </c>
      <c r="AL67" s="137">
        <f t="shared" si="18"/>
        <v>120</v>
      </c>
      <c r="AM67" s="143" t="e">
        <f t="shared" si="73"/>
        <v>#N/A</v>
      </c>
      <c r="AN67" s="137" t="e">
        <f t="shared" si="74"/>
        <v>#N/A</v>
      </c>
      <c r="AO67" s="137" t="e">
        <f t="shared" si="75"/>
        <v>#N/A</v>
      </c>
      <c r="AP67" s="137" t="e">
        <f t="shared" si="76"/>
        <v>#N/A</v>
      </c>
      <c r="AQ67" s="137" t="e">
        <f t="shared" si="77"/>
        <v>#N/A</v>
      </c>
      <c r="AR67" s="137" t="e">
        <f t="shared" si="78"/>
        <v>#N/A</v>
      </c>
      <c r="AS67" s="137" t="e">
        <f t="shared" si="79"/>
        <v>#N/A</v>
      </c>
      <c r="AT67" s="137" t="e">
        <f t="shared" si="80"/>
        <v>#N/A</v>
      </c>
      <c r="AU67" s="137" t="e">
        <f t="shared" si="81"/>
        <v>#N/A</v>
      </c>
      <c r="AV67" s="137" t="e">
        <f t="shared" si="82"/>
        <v>#N/A</v>
      </c>
      <c r="AW67" s="144" t="e">
        <f t="shared" si="83"/>
        <v>#N/A</v>
      </c>
      <c r="AX67" s="208" t="e">
        <f t="shared" si="35"/>
        <v>#N/A</v>
      </c>
      <c r="AY67" s="209" t="e">
        <f t="shared" si="36"/>
        <v>#N/A</v>
      </c>
    </row>
    <row r="68" spans="2:51" ht="13.5" thickBot="1" x14ac:dyDescent="0.25">
      <c r="B68" s="97">
        <f>'p-y mono_clay'!B68</f>
        <v>-57.5</v>
      </c>
      <c r="C68">
        <f>'p-y mono_clay'!C68</f>
        <v>42</v>
      </c>
      <c r="D68">
        <f>'p-y mono_clay'!D68</f>
        <v>41.99</v>
      </c>
      <c r="E68" t="str">
        <f>'p-y mono_clay'!E68</f>
        <v>CLAY</v>
      </c>
      <c r="F68" s="43">
        <f>'p-y mono_clay'!G68</f>
        <v>19.971024106199451</v>
      </c>
      <c r="G68" s="43">
        <f>'p-y mono_clay'!H68</f>
        <v>9.9710241061994509</v>
      </c>
      <c r="H68" s="43">
        <f>'p-y mono_clay'!I68</f>
        <v>418.75309938805833</v>
      </c>
      <c r="I68" t="e">
        <f>INDEX('CPT Data'!$T$13:$T$20000,MATCH(C68,'CPT Data'!$B$13:$B$20000,1))</f>
        <v>#N/A</v>
      </c>
      <c r="J68" s="98">
        <f>'Pile Property'!$B$8</f>
        <v>2</v>
      </c>
      <c r="K68" s="97" t="e">
        <f t="shared" si="65"/>
        <v>#N/A</v>
      </c>
      <c r="L68" t="e">
        <f t="shared" si="66"/>
        <v>#N/A</v>
      </c>
      <c r="M68" t="e">
        <f t="shared" si="10"/>
        <v>#N/A</v>
      </c>
      <c r="N68" s="3" t="e">
        <f t="shared" si="11"/>
        <v>#N/A</v>
      </c>
      <c r="O68" t="e">
        <f t="shared" si="12"/>
        <v>#N/A</v>
      </c>
      <c r="P68">
        <v>0.4</v>
      </c>
      <c r="Q68" t="e">
        <f t="shared" si="67"/>
        <v>#N/A</v>
      </c>
      <c r="R68" t="e">
        <f t="shared" si="32"/>
        <v>#N/A</v>
      </c>
      <c r="S68" t="e">
        <f t="shared" si="13"/>
        <v>#N/A</v>
      </c>
      <c r="T68" t="e">
        <f t="shared" si="14"/>
        <v>#N/A</v>
      </c>
      <c r="U68" t="e">
        <f t="shared" si="68"/>
        <v>#N/A</v>
      </c>
      <c r="V68" t="e">
        <f t="shared" si="69"/>
        <v>#N/A</v>
      </c>
      <c r="W68" s="98" t="e">
        <f t="shared" si="15"/>
        <v>#N/A</v>
      </c>
      <c r="X68">
        <f t="shared" si="70"/>
        <v>0.9</v>
      </c>
      <c r="Y68" t="e">
        <f t="shared" si="16"/>
        <v>#N/A</v>
      </c>
      <c r="Z68" s="143">
        <v>0</v>
      </c>
      <c r="AA68" s="137">
        <f t="shared" ref="AA68:AJ68" si="91">(Z68+(0.005*$J68*1000))</f>
        <v>10</v>
      </c>
      <c r="AB68" s="137">
        <f t="shared" si="91"/>
        <v>20</v>
      </c>
      <c r="AC68" s="137">
        <f t="shared" si="91"/>
        <v>30</v>
      </c>
      <c r="AD68" s="137">
        <f t="shared" si="91"/>
        <v>40</v>
      </c>
      <c r="AE68" s="137">
        <f t="shared" si="91"/>
        <v>50</v>
      </c>
      <c r="AF68" s="137">
        <f t="shared" si="91"/>
        <v>60</v>
      </c>
      <c r="AG68" s="137">
        <f t="shared" si="91"/>
        <v>70</v>
      </c>
      <c r="AH68" s="137">
        <f t="shared" si="91"/>
        <v>80</v>
      </c>
      <c r="AI68" s="137">
        <f t="shared" si="91"/>
        <v>90</v>
      </c>
      <c r="AJ68" s="137">
        <f t="shared" si="91"/>
        <v>100</v>
      </c>
      <c r="AK68" s="137">
        <f t="shared" si="72"/>
        <v>110</v>
      </c>
      <c r="AL68" s="137">
        <f t="shared" si="18"/>
        <v>120</v>
      </c>
      <c r="AM68" s="143" t="e">
        <f t="shared" si="73"/>
        <v>#N/A</v>
      </c>
      <c r="AN68" s="137" t="e">
        <f t="shared" si="74"/>
        <v>#N/A</v>
      </c>
      <c r="AO68" s="137" t="e">
        <f t="shared" si="75"/>
        <v>#N/A</v>
      </c>
      <c r="AP68" s="137" t="e">
        <f t="shared" si="76"/>
        <v>#N/A</v>
      </c>
      <c r="AQ68" s="137" t="e">
        <f t="shared" si="77"/>
        <v>#N/A</v>
      </c>
      <c r="AR68" s="137" t="e">
        <f t="shared" si="78"/>
        <v>#N/A</v>
      </c>
      <c r="AS68" s="137" t="e">
        <f t="shared" si="79"/>
        <v>#N/A</v>
      </c>
      <c r="AT68" s="137" t="e">
        <f t="shared" si="80"/>
        <v>#N/A</v>
      </c>
      <c r="AU68" s="137" t="e">
        <f t="shared" si="81"/>
        <v>#N/A</v>
      </c>
      <c r="AV68" s="137" t="e">
        <f t="shared" si="82"/>
        <v>#N/A</v>
      </c>
      <c r="AW68" s="144" t="e">
        <f t="shared" si="83"/>
        <v>#N/A</v>
      </c>
      <c r="AX68" s="208" t="e">
        <f t="shared" si="35"/>
        <v>#N/A</v>
      </c>
      <c r="AY68" s="209" t="e">
        <f t="shared" si="36"/>
        <v>#N/A</v>
      </c>
    </row>
    <row r="69" spans="2:51" ht="13.5" thickBot="1" x14ac:dyDescent="0.25">
      <c r="B69" s="97">
        <f>'p-y mono_clay'!B69</f>
        <v>-58.5</v>
      </c>
      <c r="C69">
        <f>'p-y mono_clay'!C69</f>
        <v>43</v>
      </c>
      <c r="D69">
        <f>'p-y mono_clay'!D69</f>
        <v>42.992000000000004</v>
      </c>
      <c r="E69" t="str">
        <f>'p-y mono_clay'!E69</f>
        <v>CLAY</v>
      </c>
      <c r="F69" s="43">
        <f>'p-y mono_clay'!G69</f>
        <v>20.282097805781664</v>
      </c>
      <c r="G69" s="43">
        <f>'p-y mono_clay'!H69</f>
        <v>10.282097805781664</v>
      </c>
      <c r="H69" s="43">
        <f>'p-y mono_clay'!I69</f>
        <v>442.11992355080577</v>
      </c>
      <c r="I69" t="e">
        <f>INDEX('CPT Data'!$T$13:$T$20000,MATCH(C69,'CPT Data'!$B$13:$B$20000,1))</f>
        <v>#N/A</v>
      </c>
      <c r="J69" s="98">
        <f>'Pile Property'!$B$8</f>
        <v>2</v>
      </c>
      <c r="K69" s="97" t="e">
        <f t="shared" si="65"/>
        <v>#N/A</v>
      </c>
      <c r="L69" t="e">
        <f t="shared" si="66"/>
        <v>#N/A</v>
      </c>
      <c r="M69" t="e">
        <f t="shared" si="10"/>
        <v>#N/A</v>
      </c>
      <c r="N69" s="3" t="e">
        <f t="shared" si="11"/>
        <v>#N/A</v>
      </c>
      <c r="O69" t="e">
        <f t="shared" si="12"/>
        <v>#N/A</v>
      </c>
      <c r="P69">
        <v>0.4</v>
      </c>
      <c r="Q69" t="e">
        <f t="shared" si="67"/>
        <v>#N/A</v>
      </c>
      <c r="R69" t="e">
        <f t="shared" si="32"/>
        <v>#N/A</v>
      </c>
      <c r="S69" t="e">
        <f t="shared" si="13"/>
        <v>#N/A</v>
      </c>
      <c r="T69" t="e">
        <f t="shared" si="14"/>
        <v>#N/A</v>
      </c>
      <c r="U69" t="e">
        <f t="shared" si="68"/>
        <v>#N/A</v>
      </c>
      <c r="V69" t="e">
        <f t="shared" si="69"/>
        <v>#N/A</v>
      </c>
      <c r="W69" s="98" t="e">
        <f t="shared" si="15"/>
        <v>#N/A</v>
      </c>
      <c r="X69">
        <f t="shared" si="70"/>
        <v>0.9</v>
      </c>
      <c r="Y69" t="e">
        <f t="shared" si="16"/>
        <v>#N/A</v>
      </c>
      <c r="Z69" s="143">
        <v>0</v>
      </c>
      <c r="AA69" s="137">
        <f t="shared" ref="AA69:AJ69" si="92">(Z69+(0.005*$J69*1000))</f>
        <v>10</v>
      </c>
      <c r="AB69" s="137">
        <f t="shared" si="92"/>
        <v>20</v>
      </c>
      <c r="AC69" s="137">
        <f t="shared" si="92"/>
        <v>30</v>
      </c>
      <c r="AD69" s="137">
        <f t="shared" si="92"/>
        <v>40</v>
      </c>
      <c r="AE69" s="137">
        <f t="shared" si="92"/>
        <v>50</v>
      </c>
      <c r="AF69" s="137">
        <f t="shared" si="92"/>
        <v>60</v>
      </c>
      <c r="AG69" s="137">
        <f t="shared" si="92"/>
        <v>70</v>
      </c>
      <c r="AH69" s="137">
        <f t="shared" si="92"/>
        <v>80</v>
      </c>
      <c r="AI69" s="137">
        <f t="shared" si="92"/>
        <v>90</v>
      </c>
      <c r="AJ69" s="137">
        <f t="shared" si="92"/>
        <v>100</v>
      </c>
      <c r="AK69" s="137">
        <f t="shared" si="72"/>
        <v>110</v>
      </c>
      <c r="AL69" s="137">
        <f t="shared" si="18"/>
        <v>120</v>
      </c>
      <c r="AM69" s="143" t="e">
        <f t="shared" si="73"/>
        <v>#N/A</v>
      </c>
      <c r="AN69" s="137" t="e">
        <f t="shared" si="74"/>
        <v>#N/A</v>
      </c>
      <c r="AO69" s="137" t="e">
        <f t="shared" si="75"/>
        <v>#N/A</v>
      </c>
      <c r="AP69" s="137" t="e">
        <f t="shared" si="76"/>
        <v>#N/A</v>
      </c>
      <c r="AQ69" s="137" t="e">
        <f t="shared" si="77"/>
        <v>#N/A</v>
      </c>
      <c r="AR69" s="137" t="e">
        <f t="shared" si="78"/>
        <v>#N/A</v>
      </c>
      <c r="AS69" s="137" t="e">
        <f t="shared" si="79"/>
        <v>#N/A</v>
      </c>
      <c r="AT69" s="137" t="e">
        <f t="shared" si="80"/>
        <v>#N/A</v>
      </c>
      <c r="AU69" s="137" t="e">
        <f t="shared" si="81"/>
        <v>#N/A</v>
      </c>
      <c r="AV69" s="137" t="e">
        <f t="shared" si="82"/>
        <v>#N/A</v>
      </c>
      <c r="AW69" s="144" t="e">
        <f t="shared" si="83"/>
        <v>#N/A</v>
      </c>
      <c r="AX69" s="208" t="e">
        <f t="shared" si="35"/>
        <v>#N/A</v>
      </c>
      <c r="AY69" s="209" t="e">
        <f t="shared" si="36"/>
        <v>#N/A</v>
      </c>
    </row>
    <row r="70" spans="2:51" ht="13.5" thickBot="1" x14ac:dyDescent="0.25">
      <c r="B70" s="97">
        <f>'p-y mono_clay'!B70</f>
        <v>-59.5</v>
      </c>
      <c r="C70">
        <f>'p-y mono_clay'!C70</f>
        <v>44</v>
      </c>
      <c r="D70">
        <f>'p-y mono_clay'!D70</f>
        <v>43.99</v>
      </c>
      <c r="E70" t="str">
        <f>'p-y mono_clay'!E70</f>
        <v>CLAY</v>
      </c>
      <c r="F70" s="43">
        <f>'p-y mono_clay'!G70</f>
        <v>20.291513304512023</v>
      </c>
      <c r="G70" s="43">
        <f>'p-y mono_clay'!H70</f>
        <v>10.291513304512023</v>
      </c>
      <c r="H70" s="43">
        <f>'p-y mono_clay'!I70</f>
        <v>452.79571085861545</v>
      </c>
      <c r="I70" t="e">
        <f>INDEX('CPT Data'!$T$13:$T$20000,MATCH(C70,'CPT Data'!$B$13:$B$20000,1))</f>
        <v>#N/A</v>
      </c>
      <c r="J70" s="98">
        <f>'Pile Property'!$B$8</f>
        <v>2</v>
      </c>
      <c r="K70" s="97" t="e">
        <f t="shared" si="65"/>
        <v>#N/A</v>
      </c>
      <c r="L70" t="e">
        <f t="shared" si="66"/>
        <v>#N/A</v>
      </c>
      <c r="M70" t="e">
        <f t="shared" si="10"/>
        <v>#N/A</v>
      </c>
      <c r="N70" s="3" t="e">
        <f t="shared" si="11"/>
        <v>#N/A</v>
      </c>
      <c r="O70" t="e">
        <f t="shared" si="12"/>
        <v>#N/A</v>
      </c>
      <c r="P70">
        <v>0.4</v>
      </c>
      <c r="Q70" t="e">
        <f t="shared" si="67"/>
        <v>#N/A</v>
      </c>
      <c r="R70" t="e">
        <f t="shared" si="32"/>
        <v>#N/A</v>
      </c>
      <c r="S70" t="e">
        <f t="shared" si="13"/>
        <v>#N/A</v>
      </c>
      <c r="T70" t="e">
        <f t="shared" si="14"/>
        <v>#N/A</v>
      </c>
      <c r="U70" t="e">
        <f t="shared" si="68"/>
        <v>#N/A</v>
      </c>
      <c r="V70" t="e">
        <f t="shared" si="69"/>
        <v>#N/A</v>
      </c>
      <c r="W70" s="98" t="e">
        <f t="shared" si="15"/>
        <v>#N/A</v>
      </c>
      <c r="X70">
        <f t="shared" si="70"/>
        <v>0.9</v>
      </c>
      <c r="Y70" t="e">
        <f t="shared" si="16"/>
        <v>#N/A</v>
      </c>
      <c r="Z70" s="143">
        <v>0</v>
      </c>
      <c r="AA70" s="137">
        <f t="shared" ref="AA70:AJ70" si="93">(Z70+(0.005*$J70*1000))</f>
        <v>10</v>
      </c>
      <c r="AB70" s="137">
        <f t="shared" si="93"/>
        <v>20</v>
      </c>
      <c r="AC70" s="137">
        <f t="shared" si="93"/>
        <v>30</v>
      </c>
      <c r="AD70" s="137">
        <f t="shared" si="93"/>
        <v>40</v>
      </c>
      <c r="AE70" s="137">
        <f t="shared" si="93"/>
        <v>50</v>
      </c>
      <c r="AF70" s="137">
        <f t="shared" si="93"/>
        <v>60</v>
      </c>
      <c r="AG70" s="137">
        <f t="shared" si="93"/>
        <v>70</v>
      </c>
      <c r="AH70" s="137">
        <f t="shared" si="93"/>
        <v>80</v>
      </c>
      <c r="AI70" s="137">
        <f t="shared" si="93"/>
        <v>90</v>
      </c>
      <c r="AJ70" s="137">
        <f t="shared" si="93"/>
        <v>100</v>
      </c>
      <c r="AK70" s="137">
        <f t="shared" si="72"/>
        <v>110</v>
      </c>
      <c r="AL70" s="137">
        <f t="shared" si="18"/>
        <v>120</v>
      </c>
      <c r="AM70" s="143" t="e">
        <f t="shared" si="73"/>
        <v>#N/A</v>
      </c>
      <c r="AN70" s="137" t="e">
        <f t="shared" si="74"/>
        <v>#N/A</v>
      </c>
      <c r="AO70" s="137" t="e">
        <f t="shared" si="75"/>
        <v>#N/A</v>
      </c>
      <c r="AP70" s="137" t="e">
        <f t="shared" si="76"/>
        <v>#N/A</v>
      </c>
      <c r="AQ70" s="137" t="e">
        <f t="shared" si="77"/>
        <v>#N/A</v>
      </c>
      <c r="AR70" s="137" t="e">
        <f t="shared" si="78"/>
        <v>#N/A</v>
      </c>
      <c r="AS70" s="137" t="e">
        <f t="shared" si="79"/>
        <v>#N/A</v>
      </c>
      <c r="AT70" s="137" t="e">
        <f t="shared" si="80"/>
        <v>#N/A</v>
      </c>
      <c r="AU70" s="137" t="e">
        <f t="shared" si="81"/>
        <v>#N/A</v>
      </c>
      <c r="AV70" s="137" t="e">
        <f t="shared" si="82"/>
        <v>#N/A</v>
      </c>
      <c r="AW70" s="144" t="e">
        <f t="shared" si="83"/>
        <v>#N/A</v>
      </c>
      <c r="AX70" s="208" t="e">
        <f t="shared" si="35"/>
        <v>#N/A</v>
      </c>
      <c r="AY70" s="209" t="e">
        <f t="shared" si="36"/>
        <v>#N/A</v>
      </c>
    </row>
    <row r="71" spans="2:51" ht="13.5" thickBot="1" x14ac:dyDescent="0.25">
      <c r="B71" s="97">
        <f>'p-y mono_clay'!B71</f>
        <v>-60.5</v>
      </c>
      <c r="C71">
        <f>'p-y mono_clay'!C71</f>
        <v>45</v>
      </c>
      <c r="D71">
        <f>'p-y mono_clay'!D71</f>
        <v>44.991</v>
      </c>
      <c r="E71" t="str">
        <f>'p-y mono_clay'!E71</f>
        <v>CLAY</v>
      </c>
      <c r="F71" s="43">
        <f>'p-y mono_clay'!G71</f>
        <v>20.229129616627255</v>
      </c>
      <c r="G71" s="43">
        <f>'p-y mono_clay'!H71</f>
        <v>10.229129616627255</v>
      </c>
      <c r="H71" s="43">
        <f>'p-y mono_clay'!I71</f>
        <v>460.29037448899317</v>
      </c>
      <c r="I71" t="e">
        <f>INDEX('CPT Data'!$T$13:$T$20000,MATCH(C71,'CPT Data'!$B$13:$B$20000,1))</f>
        <v>#N/A</v>
      </c>
      <c r="J71" s="98">
        <f>'Pile Property'!$B$8</f>
        <v>2</v>
      </c>
      <c r="K71" s="97" t="e">
        <f t="shared" si="65"/>
        <v>#N/A</v>
      </c>
      <c r="L71" t="e">
        <f t="shared" si="66"/>
        <v>#N/A</v>
      </c>
      <c r="M71" t="e">
        <f t="shared" si="10"/>
        <v>#N/A</v>
      </c>
      <c r="N71" s="3" t="e">
        <f t="shared" si="11"/>
        <v>#N/A</v>
      </c>
      <c r="O71" t="e">
        <f t="shared" si="12"/>
        <v>#N/A</v>
      </c>
      <c r="P71">
        <v>0.4</v>
      </c>
      <c r="Q71" t="e">
        <f t="shared" si="67"/>
        <v>#N/A</v>
      </c>
      <c r="R71" t="e">
        <f t="shared" si="32"/>
        <v>#N/A</v>
      </c>
      <c r="S71" t="e">
        <f t="shared" si="13"/>
        <v>#N/A</v>
      </c>
      <c r="T71" t="e">
        <f t="shared" si="14"/>
        <v>#N/A</v>
      </c>
      <c r="U71" t="e">
        <f t="shared" si="68"/>
        <v>#N/A</v>
      </c>
      <c r="V71" t="e">
        <f t="shared" si="69"/>
        <v>#N/A</v>
      </c>
      <c r="W71" s="98" t="e">
        <f t="shared" si="15"/>
        <v>#N/A</v>
      </c>
      <c r="X71">
        <f t="shared" si="70"/>
        <v>0.9</v>
      </c>
      <c r="Y71" t="e">
        <f t="shared" si="16"/>
        <v>#N/A</v>
      </c>
      <c r="Z71" s="143">
        <v>0</v>
      </c>
      <c r="AA71" s="137">
        <f t="shared" ref="AA71:AJ71" si="94">(Z71+(0.005*$J71*1000))</f>
        <v>10</v>
      </c>
      <c r="AB71" s="137">
        <f t="shared" si="94"/>
        <v>20</v>
      </c>
      <c r="AC71" s="137">
        <f t="shared" si="94"/>
        <v>30</v>
      </c>
      <c r="AD71" s="137">
        <f t="shared" si="94"/>
        <v>40</v>
      </c>
      <c r="AE71" s="137">
        <f t="shared" si="94"/>
        <v>50</v>
      </c>
      <c r="AF71" s="137">
        <f t="shared" si="94"/>
        <v>60</v>
      </c>
      <c r="AG71" s="137">
        <f t="shared" si="94"/>
        <v>70</v>
      </c>
      <c r="AH71" s="137">
        <f t="shared" si="94"/>
        <v>80</v>
      </c>
      <c r="AI71" s="137">
        <f t="shared" si="94"/>
        <v>90</v>
      </c>
      <c r="AJ71" s="137">
        <f t="shared" si="94"/>
        <v>100</v>
      </c>
      <c r="AK71" s="137">
        <f t="shared" si="72"/>
        <v>110</v>
      </c>
      <c r="AL71" s="137">
        <f t="shared" si="18"/>
        <v>120</v>
      </c>
      <c r="AM71" s="143" t="e">
        <f t="shared" si="73"/>
        <v>#N/A</v>
      </c>
      <c r="AN71" s="137" t="e">
        <f t="shared" si="74"/>
        <v>#N/A</v>
      </c>
      <c r="AO71" s="137" t="e">
        <f t="shared" si="75"/>
        <v>#N/A</v>
      </c>
      <c r="AP71" s="137" t="e">
        <f t="shared" si="76"/>
        <v>#N/A</v>
      </c>
      <c r="AQ71" s="137" t="e">
        <f t="shared" si="77"/>
        <v>#N/A</v>
      </c>
      <c r="AR71" s="137" t="e">
        <f t="shared" si="78"/>
        <v>#N/A</v>
      </c>
      <c r="AS71" s="137" t="e">
        <f t="shared" si="79"/>
        <v>#N/A</v>
      </c>
      <c r="AT71" s="137" t="e">
        <f t="shared" si="80"/>
        <v>#N/A</v>
      </c>
      <c r="AU71" s="137" t="e">
        <f t="shared" si="81"/>
        <v>#N/A</v>
      </c>
      <c r="AV71" s="137" t="e">
        <f t="shared" si="82"/>
        <v>#N/A</v>
      </c>
      <c r="AW71" s="144" t="e">
        <f t="shared" si="83"/>
        <v>#N/A</v>
      </c>
      <c r="AX71" s="208" t="e">
        <f t="shared" si="35"/>
        <v>#N/A</v>
      </c>
      <c r="AY71" s="209" t="e">
        <f t="shared" si="36"/>
        <v>#N/A</v>
      </c>
    </row>
    <row r="72" spans="2:51" ht="13.5" thickBot="1" x14ac:dyDescent="0.25">
      <c r="B72" s="97">
        <f>'p-y mono_clay'!B72</f>
        <v>-61.5</v>
      </c>
      <c r="C72">
        <f>'p-y mono_clay'!C72</f>
        <v>46</v>
      </c>
      <c r="D72">
        <f>'p-y mono_clay'!D72</f>
        <v>45.989000000000004</v>
      </c>
      <c r="E72" t="str">
        <f>'p-y mono_clay'!E72</f>
        <v>CLAY</v>
      </c>
      <c r="F72" s="43">
        <f>'p-y mono_clay'!G72</f>
        <v>20.549474774612996</v>
      </c>
      <c r="G72" s="43">
        <f>'p-y mono_clay'!H72</f>
        <v>10.549474774612996</v>
      </c>
      <c r="H72" s="43">
        <f>'p-y mono_clay'!I72</f>
        <v>485.23364173309938</v>
      </c>
      <c r="I72" t="e">
        <f>INDEX('CPT Data'!$T$13:$T$20000,MATCH(C72,'CPT Data'!$B$13:$B$20000,1))</f>
        <v>#N/A</v>
      </c>
      <c r="J72" s="98">
        <f>'Pile Property'!$B$8</f>
        <v>2</v>
      </c>
      <c r="K72" s="97" t="e">
        <f t="shared" si="65"/>
        <v>#N/A</v>
      </c>
      <c r="L72" t="e">
        <f t="shared" si="66"/>
        <v>#N/A</v>
      </c>
      <c r="M72" t="e">
        <f t="shared" si="10"/>
        <v>#N/A</v>
      </c>
      <c r="N72" s="3" t="e">
        <f t="shared" si="11"/>
        <v>#N/A</v>
      </c>
      <c r="O72" t="e">
        <f t="shared" si="12"/>
        <v>#N/A</v>
      </c>
      <c r="P72">
        <v>0.4</v>
      </c>
      <c r="Q72" t="e">
        <f t="shared" si="67"/>
        <v>#N/A</v>
      </c>
      <c r="R72" t="e">
        <f t="shared" si="32"/>
        <v>#N/A</v>
      </c>
      <c r="S72" t="e">
        <f t="shared" si="13"/>
        <v>#N/A</v>
      </c>
      <c r="T72" t="e">
        <f t="shared" si="14"/>
        <v>#N/A</v>
      </c>
      <c r="U72" t="e">
        <f t="shared" si="68"/>
        <v>#N/A</v>
      </c>
      <c r="V72" t="e">
        <f t="shared" si="69"/>
        <v>#N/A</v>
      </c>
      <c r="W72" s="98" t="e">
        <f t="shared" si="15"/>
        <v>#N/A</v>
      </c>
      <c r="X72">
        <f t="shared" si="70"/>
        <v>0.9</v>
      </c>
      <c r="Y72" t="e">
        <f t="shared" si="16"/>
        <v>#N/A</v>
      </c>
      <c r="Z72" s="143">
        <v>0</v>
      </c>
      <c r="AA72" s="137">
        <f t="shared" ref="AA72:AJ72" si="95">(Z72+(0.005*$J72*1000))</f>
        <v>10</v>
      </c>
      <c r="AB72" s="137">
        <f t="shared" si="95"/>
        <v>20</v>
      </c>
      <c r="AC72" s="137">
        <f t="shared" si="95"/>
        <v>30</v>
      </c>
      <c r="AD72" s="137">
        <f t="shared" si="95"/>
        <v>40</v>
      </c>
      <c r="AE72" s="137">
        <f t="shared" si="95"/>
        <v>50</v>
      </c>
      <c r="AF72" s="137">
        <f t="shared" si="95"/>
        <v>60</v>
      </c>
      <c r="AG72" s="137">
        <f t="shared" si="95"/>
        <v>70</v>
      </c>
      <c r="AH72" s="137">
        <f t="shared" si="95"/>
        <v>80</v>
      </c>
      <c r="AI72" s="137">
        <f t="shared" si="95"/>
        <v>90</v>
      </c>
      <c r="AJ72" s="137">
        <f t="shared" si="95"/>
        <v>100</v>
      </c>
      <c r="AK72" s="137">
        <f t="shared" si="72"/>
        <v>110</v>
      </c>
      <c r="AL72" s="137">
        <f t="shared" si="18"/>
        <v>120</v>
      </c>
      <c r="AM72" s="143" t="e">
        <f t="shared" si="73"/>
        <v>#N/A</v>
      </c>
      <c r="AN72" s="137" t="e">
        <f t="shared" si="74"/>
        <v>#N/A</v>
      </c>
      <c r="AO72" s="137" t="e">
        <f t="shared" si="75"/>
        <v>#N/A</v>
      </c>
      <c r="AP72" s="137" t="e">
        <f t="shared" si="76"/>
        <v>#N/A</v>
      </c>
      <c r="AQ72" s="137" t="e">
        <f t="shared" si="77"/>
        <v>#N/A</v>
      </c>
      <c r="AR72" s="137" t="e">
        <f t="shared" si="78"/>
        <v>#N/A</v>
      </c>
      <c r="AS72" s="137" t="e">
        <f t="shared" si="79"/>
        <v>#N/A</v>
      </c>
      <c r="AT72" s="137" t="e">
        <f t="shared" si="80"/>
        <v>#N/A</v>
      </c>
      <c r="AU72" s="137" t="e">
        <f t="shared" si="81"/>
        <v>#N/A</v>
      </c>
      <c r="AV72" s="137" t="e">
        <f t="shared" si="82"/>
        <v>#N/A</v>
      </c>
      <c r="AW72" s="144" t="e">
        <f t="shared" si="83"/>
        <v>#N/A</v>
      </c>
      <c r="AX72" s="208" t="e">
        <f t="shared" si="35"/>
        <v>#N/A</v>
      </c>
      <c r="AY72" s="209" t="e">
        <f t="shared" si="36"/>
        <v>#N/A</v>
      </c>
    </row>
    <row r="73" spans="2:51" ht="13.5" thickBot="1" x14ac:dyDescent="0.25">
      <c r="B73" s="97">
        <f>'p-y mono_clay'!B73</f>
        <v>-62.5</v>
      </c>
      <c r="C73">
        <f>'p-y mono_clay'!C73</f>
        <v>47</v>
      </c>
      <c r="D73">
        <f>'p-y mono_clay'!D73</f>
        <v>46.992000000000004</v>
      </c>
      <c r="E73" t="str">
        <f>'p-y mono_clay'!E73</f>
        <v>CLAY</v>
      </c>
      <c r="F73" s="43">
        <f>'p-y mono_clay'!G73</f>
        <v>19.957813632315371</v>
      </c>
      <c r="G73" s="43">
        <f>'p-y mono_clay'!H73</f>
        <v>9.9578136323153714</v>
      </c>
      <c r="H73" s="43">
        <f>'p-y mono_clay'!I73</f>
        <v>468.00728290519015</v>
      </c>
      <c r="I73" t="e">
        <f>INDEX('CPT Data'!$T$13:$T$20000,MATCH(C73,'CPT Data'!$B$13:$B$20000,1))</f>
        <v>#N/A</v>
      </c>
      <c r="J73" s="98">
        <f>'Pile Property'!$B$8</f>
        <v>2</v>
      </c>
      <c r="K73" s="97" t="e">
        <f t="shared" si="65"/>
        <v>#N/A</v>
      </c>
      <c r="L73" t="e">
        <f t="shared" si="66"/>
        <v>#N/A</v>
      </c>
      <c r="M73" t="e">
        <f t="shared" si="10"/>
        <v>#N/A</v>
      </c>
      <c r="N73" s="3" t="e">
        <f t="shared" si="11"/>
        <v>#N/A</v>
      </c>
      <c r="O73" t="e">
        <f t="shared" si="12"/>
        <v>#N/A</v>
      </c>
      <c r="P73">
        <v>0.4</v>
      </c>
      <c r="Q73" t="e">
        <f t="shared" si="67"/>
        <v>#N/A</v>
      </c>
      <c r="R73" t="e">
        <f t="shared" si="32"/>
        <v>#N/A</v>
      </c>
      <c r="S73" t="e">
        <f t="shared" si="13"/>
        <v>#N/A</v>
      </c>
      <c r="T73" t="e">
        <f t="shared" si="14"/>
        <v>#N/A</v>
      </c>
      <c r="U73" t="e">
        <f t="shared" si="68"/>
        <v>#N/A</v>
      </c>
      <c r="V73" t="e">
        <f t="shared" si="69"/>
        <v>#N/A</v>
      </c>
      <c r="W73" s="98" t="e">
        <f t="shared" si="15"/>
        <v>#N/A</v>
      </c>
      <c r="X73">
        <f t="shared" si="70"/>
        <v>0.9</v>
      </c>
      <c r="Y73" t="e">
        <f t="shared" si="16"/>
        <v>#N/A</v>
      </c>
      <c r="Z73" s="143">
        <v>0</v>
      </c>
      <c r="AA73" s="137">
        <f t="shared" ref="AA73:AJ73" si="96">(Z73+(0.005*$J73*1000))</f>
        <v>10</v>
      </c>
      <c r="AB73" s="137">
        <f t="shared" si="96"/>
        <v>20</v>
      </c>
      <c r="AC73" s="137">
        <f t="shared" si="96"/>
        <v>30</v>
      </c>
      <c r="AD73" s="137">
        <f t="shared" si="96"/>
        <v>40</v>
      </c>
      <c r="AE73" s="137">
        <f t="shared" si="96"/>
        <v>50</v>
      </c>
      <c r="AF73" s="137">
        <f t="shared" si="96"/>
        <v>60</v>
      </c>
      <c r="AG73" s="137">
        <f t="shared" si="96"/>
        <v>70</v>
      </c>
      <c r="AH73" s="137">
        <f t="shared" si="96"/>
        <v>80</v>
      </c>
      <c r="AI73" s="137">
        <f t="shared" si="96"/>
        <v>90</v>
      </c>
      <c r="AJ73" s="137">
        <f t="shared" si="96"/>
        <v>100</v>
      </c>
      <c r="AK73" s="137">
        <f t="shared" si="72"/>
        <v>110</v>
      </c>
      <c r="AL73" s="137">
        <f t="shared" si="18"/>
        <v>120</v>
      </c>
      <c r="AM73" s="143" t="e">
        <f t="shared" si="73"/>
        <v>#N/A</v>
      </c>
      <c r="AN73" s="137" t="e">
        <f t="shared" si="74"/>
        <v>#N/A</v>
      </c>
      <c r="AO73" s="137" t="e">
        <f t="shared" si="75"/>
        <v>#N/A</v>
      </c>
      <c r="AP73" s="137" t="e">
        <f t="shared" si="76"/>
        <v>#N/A</v>
      </c>
      <c r="AQ73" s="137" t="e">
        <f t="shared" si="77"/>
        <v>#N/A</v>
      </c>
      <c r="AR73" s="137" t="e">
        <f t="shared" si="78"/>
        <v>#N/A</v>
      </c>
      <c r="AS73" s="137" t="e">
        <f t="shared" si="79"/>
        <v>#N/A</v>
      </c>
      <c r="AT73" s="137" t="e">
        <f t="shared" si="80"/>
        <v>#N/A</v>
      </c>
      <c r="AU73" s="137" t="e">
        <f t="shared" si="81"/>
        <v>#N/A</v>
      </c>
      <c r="AV73" s="137" t="e">
        <f t="shared" si="82"/>
        <v>#N/A</v>
      </c>
      <c r="AW73" s="144" t="e">
        <f t="shared" si="83"/>
        <v>#N/A</v>
      </c>
      <c r="AX73" s="208" t="e">
        <f t="shared" si="35"/>
        <v>#N/A</v>
      </c>
      <c r="AY73" s="209" t="e">
        <f t="shared" si="36"/>
        <v>#N/A</v>
      </c>
    </row>
    <row r="74" spans="2:51" ht="13.5" thickBot="1" x14ac:dyDescent="0.25">
      <c r="B74" s="97">
        <f>'p-y mono_clay'!B74</f>
        <v>-63.5</v>
      </c>
      <c r="C74">
        <f>'p-y mono_clay'!C74</f>
        <v>48</v>
      </c>
      <c r="D74">
        <f>'p-y mono_clay'!D74</f>
        <v>47.983000000000004</v>
      </c>
      <c r="E74" t="str">
        <f>'p-y mono_clay'!E74</f>
        <v>CLAY</v>
      </c>
      <c r="F74" s="43">
        <f>'p-y mono_clay'!G74</f>
        <v>20.01758903459735</v>
      </c>
      <c r="G74" s="43">
        <f>'p-y mono_clay'!H74</f>
        <v>10.01758903459735</v>
      </c>
      <c r="H74" s="43">
        <f>'p-y mono_clay'!I74</f>
        <v>480.74409777032685</v>
      </c>
      <c r="I74" t="e">
        <f>INDEX('CPT Data'!$T$13:$T$20000,MATCH(C74,'CPT Data'!$B$13:$B$20000,1))</f>
        <v>#N/A</v>
      </c>
      <c r="J74" s="98">
        <f>'Pile Property'!$B$8</f>
        <v>2</v>
      </c>
      <c r="K74" s="97" t="e">
        <f t="shared" si="65"/>
        <v>#N/A</v>
      </c>
      <c r="L74" t="e">
        <f t="shared" si="66"/>
        <v>#N/A</v>
      </c>
      <c r="M74" t="e">
        <f t="shared" si="10"/>
        <v>#N/A</v>
      </c>
      <c r="N74" s="3" t="e">
        <f t="shared" si="11"/>
        <v>#N/A</v>
      </c>
      <c r="O74" t="e">
        <f t="shared" si="12"/>
        <v>#N/A</v>
      </c>
      <c r="P74">
        <v>0.4</v>
      </c>
      <c r="Q74" t="e">
        <f t="shared" si="67"/>
        <v>#N/A</v>
      </c>
      <c r="R74" t="e">
        <f t="shared" si="32"/>
        <v>#N/A</v>
      </c>
      <c r="S74" t="e">
        <f t="shared" si="13"/>
        <v>#N/A</v>
      </c>
      <c r="T74" t="e">
        <f t="shared" si="14"/>
        <v>#N/A</v>
      </c>
      <c r="U74" t="e">
        <f t="shared" si="68"/>
        <v>#N/A</v>
      </c>
      <c r="V74" t="e">
        <f t="shared" si="69"/>
        <v>#N/A</v>
      </c>
      <c r="W74" s="98" t="e">
        <f t="shared" si="15"/>
        <v>#N/A</v>
      </c>
      <c r="X74">
        <f t="shared" si="70"/>
        <v>0.9</v>
      </c>
      <c r="Y74" t="e">
        <f t="shared" si="16"/>
        <v>#N/A</v>
      </c>
      <c r="Z74" s="143">
        <v>0</v>
      </c>
      <c r="AA74" s="137">
        <f t="shared" ref="AA74:AJ74" si="97">(Z74+(0.005*$J74*1000))</f>
        <v>10</v>
      </c>
      <c r="AB74" s="137">
        <f t="shared" si="97"/>
        <v>20</v>
      </c>
      <c r="AC74" s="137">
        <f t="shared" si="97"/>
        <v>30</v>
      </c>
      <c r="AD74" s="137">
        <f t="shared" si="97"/>
        <v>40</v>
      </c>
      <c r="AE74" s="137">
        <f t="shared" si="97"/>
        <v>50</v>
      </c>
      <c r="AF74" s="137">
        <f t="shared" si="97"/>
        <v>60</v>
      </c>
      <c r="AG74" s="137">
        <f t="shared" si="97"/>
        <v>70</v>
      </c>
      <c r="AH74" s="137">
        <f t="shared" si="97"/>
        <v>80</v>
      </c>
      <c r="AI74" s="137">
        <f t="shared" si="97"/>
        <v>90</v>
      </c>
      <c r="AJ74" s="137">
        <f t="shared" si="97"/>
        <v>100</v>
      </c>
      <c r="AK74" s="137">
        <f t="shared" si="72"/>
        <v>110</v>
      </c>
      <c r="AL74" s="137">
        <f t="shared" si="18"/>
        <v>120</v>
      </c>
      <c r="AM74" s="143" t="e">
        <f t="shared" si="73"/>
        <v>#N/A</v>
      </c>
      <c r="AN74" s="137" t="e">
        <f t="shared" si="74"/>
        <v>#N/A</v>
      </c>
      <c r="AO74" s="137" t="e">
        <f t="shared" si="75"/>
        <v>#N/A</v>
      </c>
      <c r="AP74" s="137" t="e">
        <f t="shared" si="76"/>
        <v>#N/A</v>
      </c>
      <c r="AQ74" s="137" t="e">
        <f t="shared" si="77"/>
        <v>#N/A</v>
      </c>
      <c r="AR74" s="137" t="e">
        <f t="shared" si="78"/>
        <v>#N/A</v>
      </c>
      <c r="AS74" s="137" t="e">
        <f t="shared" si="79"/>
        <v>#N/A</v>
      </c>
      <c r="AT74" s="137" t="e">
        <f t="shared" si="80"/>
        <v>#N/A</v>
      </c>
      <c r="AU74" s="137" t="e">
        <f t="shared" si="81"/>
        <v>#N/A</v>
      </c>
      <c r="AV74" s="137" t="e">
        <f t="shared" si="82"/>
        <v>#N/A</v>
      </c>
      <c r="AW74" s="144" t="e">
        <f t="shared" si="83"/>
        <v>#N/A</v>
      </c>
      <c r="AX74" s="208" t="e">
        <f t="shared" si="35"/>
        <v>#N/A</v>
      </c>
      <c r="AY74" s="209" t="e">
        <f t="shared" si="36"/>
        <v>#N/A</v>
      </c>
    </row>
    <row r="75" spans="2:51" ht="13.5" thickBot="1" x14ac:dyDescent="0.25">
      <c r="B75" s="97">
        <f>'p-y mono_clay'!B75</f>
        <v>-64.5</v>
      </c>
      <c r="C75">
        <f>'p-y mono_clay'!C75</f>
        <v>49</v>
      </c>
      <c r="D75">
        <f>'p-y mono_clay'!D75</f>
        <v>48.988</v>
      </c>
      <c r="E75" t="str">
        <f>'p-y mono_clay'!E75</f>
        <v>CLAY</v>
      </c>
      <c r="F75" s="43">
        <f>'p-y mono_clay'!G75</f>
        <v>19.814315890363275</v>
      </c>
      <c r="G75" s="43">
        <f>'p-y mono_clay'!H75</f>
        <v>9.8143158903632752</v>
      </c>
      <c r="H75" s="43">
        <f>'p-y mono_clay'!I75</f>
        <v>480.85240704834865</v>
      </c>
      <c r="I75" t="e">
        <f>INDEX('CPT Data'!$T$13:$T$20000,MATCH(C75,'CPT Data'!$B$13:$B$20000,1))</f>
        <v>#N/A</v>
      </c>
      <c r="J75" s="98">
        <f>'Pile Property'!$B$8</f>
        <v>2</v>
      </c>
      <c r="K75" s="97" t="e">
        <f t="shared" si="65"/>
        <v>#N/A</v>
      </c>
      <c r="L75" t="e">
        <f t="shared" si="66"/>
        <v>#N/A</v>
      </c>
      <c r="M75" t="e">
        <f t="shared" si="10"/>
        <v>#N/A</v>
      </c>
      <c r="N75" s="3" t="e">
        <f t="shared" si="11"/>
        <v>#N/A</v>
      </c>
      <c r="O75" t="e">
        <f t="shared" si="12"/>
        <v>#N/A</v>
      </c>
      <c r="P75">
        <v>0.4</v>
      </c>
      <c r="Q75" t="e">
        <f t="shared" si="67"/>
        <v>#N/A</v>
      </c>
      <c r="R75" t="e">
        <f t="shared" si="32"/>
        <v>#N/A</v>
      </c>
      <c r="S75" t="e">
        <f t="shared" si="13"/>
        <v>#N/A</v>
      </c>
      <c r="T75" t="e">
        <f t="shared" si="14"/>
        <v>#N/A</v>
      </c>
      <c r="U75" t="e">
        <f t="shared" si="68"/>
        <v>#N/A</v>
      </c>
      <c r="V75" t="e">
        <f t="shared" si="69"/>
        <v>#N/A</v>
      </c>
      <c r="W75" s="98" t="e">
        <f t="shared" si="15"/>
        <v>#N/A</v>
      </c>
      <c r="X75">
        <f t="shared" si="70"/>
        <v>0.9</v>
      </c>
      <c r="Y75" t="e">
        <f t="shared" si="16"/>
        <v>#N/A</v>
      </c>
      <c r="Z75" s="143">
        <v>0</v>
      </c>
      <c r="AA75" s="137">
        <f t="shared" ref="AA75:AJ75" si="98">(Z75+(0.005*$J75*1000))</f>
        <v>10</v>
      </c>
      <c r="AB75" s="137">
        <f t="shared" si="98"/>
        <v>20</v>
      </c>
      <c r="AC75" s="137">
        <f t="shared" si="98"/>
        <v>30</v>
      </c>
      <c r="AD75" s="137">
        <f t="shared" si="98"/>
        <v>40</v>
      </c>
      <c r="AE75" s="137">
        <f t="shared" si="98"/>
        <v>50</v>
      </c>
      <c r="AF75" s="137">
        <f t="shared" si="98"/>
        <v>60</v>
      </c>
      <c r="AG75" s="137">
        <f t="shared" si="98"/>
        <v>70</v>
      </c>
      <c r="AH75" s="137">
        <f t="shared" si="98"/>
        <v>80</v>
      </c>
      <c r="AI75" s="137">
        <f t="shared" si="98"/>
        <v>90</v>
      </c>
      <c r="AJ75" s="137">
        <f t="shared" si="98"/>
        <v>100</v>
      </c>
      <c r="AK75" s="137">
        <f t="shared" si="72"/>
        <v>110</v>
      </c>
      <c r="AL75" s="137">
        <f t="shared" si="18"/>
        <v>120</v>
      </c>
      <c r="AM75" s="143" t="e">
        <f t="shared" si="73"/>
        <v>#N/A</v>
      </c>
      <c r="AN75" s="137" t="e">
        <f t="shared" si="74"/>
        <v>#N/A</v>
      </c>
      <c r="AO75" s="137" t="e">
        <f t="shared" si="75"/>
        <v>#N/A</v>
      </c>
      <c r="AP75" s="137" t="e">
        <f t="shared" si="76"/>
        <v>#N/A</v>
      </c>
      <c r="AQ75" s="137" t="e">
        <f t="shared" si="77"/>
        <v>#N/A</v>
      </c>
      <c r="AR75" s="137" t="e">
        <f t="shared" si="78"/>
        <v>#N/A</v>
      </c>
      <c r="AS75" s="137" t="e">
        <f t="shared" si="79"/>
        <v>#N/A</v>
      </c>
      <c r="AT75" s="137" t="e">
        <f t="shared" si="80"/>
        <v>#N/A</v>
      </c>
      <c r="AU75" s="137" t="e">
        <f t="shared" si="81"/>
        <v>#N/A</v>
      </c>
      <c r="AV75" s="137" t="e">
        <f t="shared" si="82"/>
        <v>#N/A</v>
      </c>
      <c r="AW75" s="144" t="e">
        <f t="shared" si="83"/>
        <v>#N/A</v>
      </c>
      <c r="AX75" s="208" t="e">
        <f t="shared" si="35"/>
        <v>#N/A</v>
      </c>
      <c r="AY75" s="209" t="e">
        <f t="shared" si="36"/>
        <v>#N/A</v>
      </c>
    </row>
    <row r="76" spans="2:51" ht="13.5" thickBot="1" x14ac:dyDescent="0.25">
      <c r="B76" s="97">
        <f>'p-y mono_clay'!B76</f>
        <v>-65.5</v>
      </c>
      <c r="C76">
        <f>'p-y mono_clay'!C76</f>
        <v>50</v>
      </c>
      <c r="D76">
        <f>'p-y mono_clay'!D76</f>
        <v>49.988</v>
      </c>
      <c r="E76" t="str">
        <f>'p-y mono_clay'!E76</f>
        <v>CLAY</v>
      </c>
      <c r="F76" s="43">
        <f>'p-y mono_clay'!G76</f>
        <v>19.45274070836178</v>
      </c>
      <c r="G76" s="43">
        <f>'p-y mono_clay'!H76</f>
        <v>9.4527407083617803</v>
      </c>
      <c r="H76" s="43">
        <f>'p-y mono_clay'!I76</f>
        <v>472.58977171454717</v>
      </c>
      <c r="I76" t="e">
        <f>INDEX('CPT Data'!$T$13:$T$20000,MATCH(C76,'CPT Data'!$B$13:$B$20000,1))</f>
        <v>#N/A</v>
      </c>
      <c r="J76" s="98">
        <f>'Pile Property'!$B$8</f>
        <v>2</v>
      </c>
      <c r="K76" s="97" t="e">
        <f t="shared" si="65"/>
        <v>#N/A</v>
      </c>
      <c r="L76" t="e">
        <f t="shared" si="66"/>
        <v>#N/A</v>
      </c>
      <c r="M76" t="e">
        <f t="shared" si="10"/>
        <v>#N/A</v>
      </c>
      <c r="N76" s="3" t="e">
        <f t="shared" si="11"/>
        <v>#N/A</v>
      </c>
      <c r="O76" t="e">
        <f t="shared" si="12"/>
        <v>#N/A</v>
      </c>
      <c r="P76">
        <v>0.4</v>
      </c>
      <c r="Q76" t="e">
        <f t="shared" si="67"/>
        <v>#N/A</v>
      </c>
      <c r="R76" t="e">
        <f t="shared" si="32"/>
        <v>#N/A</v>
      </c>
      <c r="S76" t="e">
        <f t="shared" si="13"/>
        <v>#N/A</v>
      </c>
      <c r="T76" t="e">
        <f t="shared" si="14"/>
        <v>#N/A</v>
      </c>
      <c r="U76" t="e">
        <f t="shared" si="68"/>
        <v>#N/A</v>
      </c>
      <c r="V76" t="e">
        <f t="shared" si="69"/>
        <v>#N/A</v>
      </c>
      <c r="W76" s="98" t="e">
        <f t="shared" si="15"/>
        <v>#N/A</v>
      </c>
      <c r="X76">
        <f t="shared" si="70"/>
        <v>0.9</v>
      </c>
      <c r="Y76" t="e">
        <f t="shared" si="16"/>
        <v>#N/A</v>
      </c>
      <c r="Z76" s="143">
        <v>0</v>
      </c>
      <c r="AA76" s="137">
        <f t="shared" ref="AA76:AK82" si="99">(Z76+(0.005*$J76*1000))</f>
        <v>10</v>
      </c>
      <c r="AB76" s="137">
        <f t="shared" si="99"/>
        <v>20</v>
      </c>
      <c r="AC76" s="137">
        <f t="shared" si="99"/>
        <v>30</v>
      </c>
      <c r="AD76" s="137">
        <f t="shared" si="99"/>
        <v>40</v>
      </c>
      <c r="AE76" s="137">
        <f t="shared" si="99"/>
        <v>50</v>
      </c>
      <c r="AF76" s="137">
        <f t="shared" si="99"/>
        <v>60</v>
      </c>
      <c r="AG76" s="137">
        <f t="shared" si="99"/>
        <v>70</v>
      </c>
      <c r="AH76" s="137">
        <f t="shared" si="99"/>
        <v>80</v>
      </c>
      <c r="AI76" s="137">
        <f t="shared" si="99"/>
        <v>90</v>
      </c>
      <c r="AJ76" s="137">
        <f t="shared" si="99"/>
        <v>100</v>
      </c>
      <c r="AK76" s="137">
        <f t="shared" si="99"/>
        <v>110</v>
      </c>
      <c r="AL76" s="137">
        <f t="shared" si="18"/>
        <v>120</v>
      </c>
      <c r="AM76" s="143" t="e">
        <f t="shared" si="73"/>
        <v>#N/A</v>
      </c>
      <c r="AN76" s="137" t="e">
        <f t="shared" si="74"/>
        <v>#N/A</v>
      </c>
      <c r="AO76" s="137" t="e">
        <f t="shared" si="75"/>
        <v>#N/A</v>
      </c>
      <c r="AP76" s="137" t="e">
        <f t="shared" si="76"/>
        <v>#N/A</v>
      </c>
      <c r="AQ76" s="137" t="e">
        <f t="shared" si="77"/>
        <v>#N/A</v>
      </c>
      <c r="AR76" s="137" t="e">
        <f t="shared" si="78"/>
        <v>#N/A</v>
      </c>
      <c r="AS76" s="137" t="e">
        <f t="shared" si="79"/>
        <v>#N/A</v>
      </c>
      <c r="AT76" s="137" t="e">
        <f t="shared" si="80"/>
        <v>#N/A</v>
      </c>
      <c r="AU76" s="137" t="e">
        <f t="shared" si="81"/>
        <v>#N/A</v>
      </c>
      <c r="AV76" s="137" t="e">
        <f t="shared" si="82"/>
        <v>#N/A</v>
      </c>
      <c r="AW76" s="144" t="e">
        <f t="shared" si="83"/>
        <v>#N/A</v>
      </c>
      <c r="AX76" s="208" t="e">
        <f t="shared" si="35"/>
        <v>#N/A</v>
      </c>
      <c r="AY76" s="209" t="e">
        <f t="shared" si="36"/>
        <v>#N/A</v>
      </c>
    </row>
    <row r="77" spans="2:51" ht="13.5" thickBot="1" x14ac:dyDescent="0.25">
      <c r="B77" s="97">
        <f>'p-y mono_clay'!B77</f>
        <v>-66.5</v>
      </c>
      <c r="C77">
        <f>'p-y mono_clay'!C77</f>
        <v>51</v>
      </c>
      <c r="D77">
        <f>'p-y mono_clay'!D77</f>
        <v>50.989000000000004</v>
      </c>
      <c r="E77" t="str">
        <f>'p-y mono_clay'!E77</f>
        <v>CLAY</v>
      </c>
      <c r="F77" s="43">
        <f>'p-y mono_clay'!G77</f>
        <v>19.496945100230011</v>
      </c>
      <c r="G77" s="43">
        <f>'p-y mono_clay'!H77</f>
        <v>9.4969451002300111</v>
      </c>
      <c r="H77" s="43">
        <f>'p-y mono_clay'!I77</f>
        <v>484.30621233132968</v>
      </c>
      <c r="I77" t="e">
        <f>INDEX('CPT Data'!$T$13:$T$20000,MATCH(C77,'CPT Data'!$B$13:$B$20000,1))</f>
        <v>#N/A</v>
      </c>
      <c r="J77" s="98">
        <f>'Pile Property'!$B$8</f>
        <v>2</v>
      </c>
      <c r="K77" s="97" t="e">
        <f t="shared" si="65"/>
        <v>#N/A</v>
      </c>
      <c r="L77" t="e">
        <f t="shared" si="66"/>
        <v>#N/A</v>
      </c>
      <c r="M77" t="e">
        <f t="shared" si="10"/>
        <v>#N/A</v>
      </c>
      <c r="N77" s="3" t="e">
        <f t="shared" si="11"/>
        <v>#N/A</v>
      </c>
      <c r="O77" t="e">
        <f t="shared" si="12"/>
        <v>#N/A</v>
      </c>
      <c r="P77">
        <v>0.4</v>
      </c>
      <c r="Q77" t="e">
        <f t="shared" si="67"/>
        <v>#N/A</v>
      </c>
      <c r="R77" t="e">
        <f t="shared" si="32"/>
        <v>#N/A</v>
      </c>
      <c r="S77" t="e">
        <f t="shared" si="13"/>
        <v>#N/A</v>
      </c>
      <c r="T77" t="e">
        <f t="shared" si="14"/>
        <v>#N/A</v>
      </c>
      <c r="U77" t="e">
        <f t="shared" si="68"/>
        <v>#N/A</v>
      </c>
      <c r="V77" t="e">
        <f t="shared" si="69"/>
        <v>#N/A</v>
      </c>
      <c r="W77" s="98" t="e">
        <f t="shared" si="15"/>
        <v>#N/A</v>
      </c>
      <c r="X77">
        <f t="shared" si="70"/>
        <v>0.9</v>
      </c>
      <c r="Y77" t="e">
        <f t="shared" si="16"/>
        <v>#N/A</v>
      </c>
      <c r="Z77" s="143">
        <v>0</v>
      </c>
      <c r="AA77" s="137">
        <f t="shared" ref="AA77:AJ77" si="100">(Z77+(0.005*$J77*1000))</f>
        <v>10</v>
      </c>
      <c r="AB77" s="137">
        <f t="shared" si="100"/>
        <v>20</v>
      </c>
      <c r="AC77" s="137">
        <f t="shared" si="100"/>
        <v>30</v>
      </c>
      <c r="AD77" s="137">
        <f t="shared" si="100"/>
        <v>40</v>
      </c>
      <c r="AE77" s="137">
        <f t="shared" si="100"/>
        <v>50</v>
      </c>
      <c r="AF77" s="137">
        <f t="shared" si="100"/>
        <v>60</v>
      </c>
      <c r="AG77" s="137">
        <f t="shared" si="100"/>
        <v>70</v>
      </c>
      <c r="AH77" s="137">
        <f t="shared" si="100"/>
        <v>80</v>
      </c>
      <c r="AI77" s="137">
        <f t="shared" si="100"/>
        <v>90</v>
      </c>
      <c r="AJ77" s="137">
        <f t="shared" si="100"/>
        <v>100</v>
      </c>
      <c r="AK77" s="137">
        <f t="shared" si="99"/>
        <v>110</v>
      </c>
      <c r="AL77" s="137">
        <f t="shared" si="18"/>
        <v>120</v>
      </c>
      <c r="AM77" s="143" t="e">
        <f t="shared" si="73"/>
        <v>#N/A</v>
      </c>
      <c r="AN77" s="137" t="e">
        <f t="shared" si="74"/>
        <v>#N/A</v>
      </c>
      <c r="AO77" s="137" t="e">
        <f t="shared" si="75"/>
        <v>#N/A</v>
      </c>
      <c r="AP77" s="137" t="e">
        <f t="shared" si="76"/>
        <v>#N/A</v>
      </c>
      <c r="AQ77" s="137" t="e">
        <f t="shared" si="77"/>
        <v>#N/A</v>
      </c>
      <c r="AR77" s="137" t="e">
        <f t="shared" si="78"/>
        <v>#N/A</v>
      </c>
      <c r="AS77" s="137" t="e">
        <f t="shared" si="79"/>
        <v>#N/A</v>
      </c>
      <c r="AT77" s="137" t="e">
        <f t="shared" si="80"/>
        <v>#N/A</v>
      </c>
      <c r="AU77" s="137" t="e">
        <f t="shared" si="81"/>
        <v>#N/A</v>
      </c>
      <c r="AV77" s="137" t="e">
        <f t="shared" si="82"/>
        <v>#N/A</v>
      </c>
      <c r="AW77" s="144" t="e">
        <f t="shared" si="83"/>
        <v>#N/A</v>
      </c>
      <c r="AX77" s="208" t="e">
        <f t="shared" si="35"/>
        <v>#N/A</v>
      </c>
      <c r="AY77" s="209" t="e">
        <f t="shared" si="36"/>
        <v>#N/A</v>
      </c>
    </row>
    <row r="78" spans="2:51" ht="13.5" thickBot="1" x14ac:dyDescent="0.25">
      <c r="B78" s="97">
        <f>'p-y mono_clay'!B78</f>
        <v>-67.5</v>
      </c>
      <c r="C78">
        <f>'p-y mono_clay'!C78</f>
        <v>52</v>
      </c>
      <c r="D78">
        <f>'p-y mono_clay'!D78</f>
        <v>51.993000000000002</v>
      </c>
      <c r="E78" t="str">
        <f>'p-y mono_clay'!E78</f>
        <v>CLAY</v>
      </c>
      <c r="F78" s="43">
        <f>'p-y mono_clay'!G78</f>
        <v>19.568687109612426</v>
      </c>
      <c r="G78" s="43">
        <f>'p-y mono_clay'!H78</f>
        <v>9.5686871096124264</v>
      </c>
      <c r="H78" s="43">
        <f>'p-y mono_clay'!I78</f>
        <v>497.57172969984617</v>
      </c>
      <c r="I78" t="e">
        <f>INDEX('CPT Data'!$T$13:$T$20000,MATCH(C78,'CPT Data'!$B$13:$B$20000,1))</f>
        <v>#N/A</v>
      </c>
      <c r="J78" s="98">
        <f>'Pile Property'!$B$8</f>
        <v>2</v>
      </c>
      <c r="K78" s="97" t="e">
        <f t="shared" si="65"/>
        <v>#N/A</v>
      </c>
      <c r="L78" t="e">
        <f t="shared" si="66"/>
        <v>#N/A</v>
      </c>
      <c r="M78" t="e">
        <f t="shared" si="10"/>
        <v>#N/A</v>
      </c>
      <c r="N78" s="3" t="e">
        <f t="shared" si="11"/>
        <v>#N/A</v>
      </c>
      <c r="O78" t="e">
        <f t="shared" si="12"/>
        <v>#N/A</v>
      </c>
      <c r="P78">
        <v>0.4</v>
      </c>
      <c r="Q78" t="e">
        <f t="shared" si="67"/>
        <v>#N/A</v>
      </c>
      <c r="R78" t="e">
        <f t="shared" si="32"/>
        <v>#N/A</v>
      </c>
      <c r="S78" t="e">
        <f t="shared" si="13"/>
        <v>#N/A</v>
      </c>
      <c r="T78" t="e">
        <f t="shared" si="14"/>
        <v>#N/A</v>
      </c>
      <c r="U78" t="e">
        <f t="shared" si="68"/>
        <v>#N/A</v>
      </c>
      <c r="V78" t="e">
        <f t="shared" si="69"/>
        <v>#N/A</v>
      </c>
      <c r="W78" s="98" t="e">
        <f t="shared" si="15"/>
        <v>#N/A</v>
      </c>
      <c r="X78">
        <f t="shared" si="70"/>
        <v>0.9</v>
      </c>
      <c r="Y78" t="e">
        <f t="shared" si="16"/>
        <v>#N/A</v>
      </c>
      <c r="Z78" s="143">
        <v>0</v>
      </c>
      <c r="AA78" s="137">
        <f t="shared" ref="AA78:AJ78" si="101">(Z78+(0.005*$J78*1000))</f>
        <v>10</v>
      </c>
      <c r="AB78" s="137">
        <f t="shared" si="101"/>
        <v>20</v>
      </c>
      <c r="AC78" s="137">
        <f t="shared" si="101"/>
        <v>30</v>
      </c>
      <c r="AD78" s="137">
        <f t="shared" si="101"/>
        <v>40</v>
      </c>
      <c r="AE78" s="137">
        <f t="shared" si="101"/>
        <v>50</v>
      </c>
      <c r="AF78" s="137">
        <f t="shared" si="101"/>
        <v>60</v>
      </c>
      <c r="AG78" s="137">
        <f t="shared" si="101"/>
        <v>70</v>
      </c>
      <c r="AH78" s="137">
        <f t="shared" si="101"/>
        <v>80</v>
      </c>
      <c r="AI78" s="137">
        <f t="shared" si="101"/>
        <v>90</v>
      </c>
      <c r="AJ78" s="137">
        <f t="shared" si="101"/>
        <v>100</v>
      </c>
      <c r="AK78" s="137">
        <f t="shared" si="99"/>
        <v>110</v>
      </c>
      <c r="AL78" s="137">
        <f t="shared" si="18"/>
        <v>120</v>
      </c>
      <c r="AM78" s="143" t="e">
        <f t="shared" si="73"/>
        <v>#N/A</v>
      </c>
      <c r="AN78" s="137" t="e">
        <f t="shared" si="74"/>
        <v>#N/A</v>
      </c>
      <c r="AO78" s="137" t="e">
        <f t="shared" si="75"/>
        <v>#N/A</v>
      </c>
      <c r="AP78" s="137" t="e">
        <f t="shared" si="76"/>
        <v>#N/A</v>
      </c>
      <c r="AQ78" s="137" t="e">
        <f t="shared" si="77"/>
        <v>#N/A</v>
      </c>
      <c r="AR78" s="137" t="e">
        <f t="shared" si="78"/>
        <v>#N/A</v>
      </c>
      <c r="AS78" s="137" t="e">
        <f t="shared" si="79"/>
        <v>#N/A</v>
      </c>
      <c r="AT78" s="137" t="e">
        <f t="shared" si="80"/>
        <v>#N/A</v>
      </c>
      <c r="AU78" s="137" t="e">
        <f t="shared" si="81"/>
        <v>#N/A</v>
      </c>
      <c r="AV78" s="137" t="e">
        <f t="shared" si="82"/>
        <v>#N/A</v>
      </c>
      <c r="AW78" s="144" t="e">
        <f t="shared" si="83"/>
        <v>#N/A</v>
      </c>
      <c r="AX78" s="208" t="e">
        <f t="shared" si="35"/>
        <v>#N/A</v>
      </c>
      <c r="AY78" s="209" t="e">
        <f t="shared" si="36"/>
        <v>#N/A</v>
      </c>
    </row>
    <row r="79" spans="2:51" ht="13.5" thickBot="1" x14ac:dyDescent="0.25">
      <c r="B79" s="97">
        <f>'p-y mono_clay'!B79</f>
        <v>-68.5</v>
      </c>
      <c r="C79">
        <f>'p-y mono_clay'!C79</f>
        <v>53</v>
      </c>
      <c r="D79">
        <f>'p-y mono_clay'!D79</f>
        <v>52.988</v>
      </c>
      <c r="E79" t="str">
        <f>'p-y mono_clay'!E79</f>
        <v>SAND</v>
      </c>
      <c r="F79" s="43">
        <f>'p-y mono_clay'!G79</f>
        <v>19.170274173768423</v>
      </c>
      <c r="G79" s="43">
        <f>'p-y mono_clay'!H79</f>
        <v>9.1702741737684228</v>
      </c>
      <c r="H79" s="43">
        <f>'p-y mono_clay'!I79</f>
        <v>485.97867983885754</v>
      </c>
      <c r="I79">
        <f>INDEX('CPT Data'!$T$13:$T$20000,MATCH(C79,'CPT Data'!$B$13:$B$20000,1))</f>
        <v>35.10604329998548</v>
      </c>
      <c r="J79" s="98">
        <f>'Pile Property'!$B$8</f>
        <v>2</v>
      </c>
      <c r="K79" s="97">
        <f t="shared" si="65"/>
        <v>0.61271604293244197</v>
      </c>
      <c r="L79">
        <f t="shared" si="66"/>
        <v>17.55302164999274</v>
      </c>
      <c r="M79">
        <f t="shared" si="10"/>
        <v>0.30635802146622099</v>
      </c>
      <c r="N79" s="3">
        <f t="shared" si="11"/>
        <v>62.553021649992743</v>
      </c>
      <c r="O79">
        <f t="shared" si="12"/>
        <v>1.0917561848636694</v>
      </c>
      <c r="P79">
        <v>0.4</v>
      </c>
      <c r="Q79">
        <f t="shared" si="67"/>
        <v>0.26976746726304296</v>
      </c>
      <c r="R79">
        <f t="shared" si="32"/>
        <v>2.9982883396524289</v>
      </c>
      <c r="S79">
        <f t="shared" si="13"/>
        <v>3.4371287354022204</v>
      </c>
      <c r="T79">
        <f t="shared" si="14"/>
        <v>54.530810912243808</v>
      </c>
      <c r="U79">
        <f t="shared" si="68"/>
        <v>80539.140747310332</v>
      </c>
      <c r="V79">
        <f t="shared" si="69"/>
        <v>52994.622120531465</v>
      </c>
      <c r="W79" s="98">
        <f t="shared" si="15"/>
        <v>52994.622120531465</v>
      </c>
      <c r="X79">
        <f t="shared" si="70"/>
        <v>0.9</v>
      </c>
      <c r="Y79">
        <f t="shared" si="16"/>
        <v>22487.799179933205</v>
      </c>
      <c r="Z79" s="143">
        <v>0</v>
      </c>
      <c r="AA79" s="137">
        <f t="shared" ref="AA79:AJ79" si="102">(Z79+(0.005*$J79*1000))</f>
        <v>10</v>
      </c>
      <c r="AB79" s="137">
        <f t="shared" si="102"/>
        <v>20</v>
      </c>
      <c r="AC79" s="137">
        <f t="shared" si="102"/>
        <v>30</v>
      </c>
      <c r="AD79" s="137">
        <f t="shared" si="102"/>
        <v>40</v>
      </c>
      <c r="AE79" s="137">
        <f t="shared" si="102"/>
        <v>50</v>
      </c>
      <c r="AF79" s="137">
        <f t="shared" si="102"/>
        <v>60</v>
      </c>
      <c r="AG79" s="137">
        <f t="shared" si="102"/>
        <v>70</v>
      </c>
      <c r="AH79" s="137">
        <f t="shared" si="102"/>
        <v>80</v>
      </c>
      <c r="AI79" s="137">
        <f t="shared" si="102"/>
        <v>90</v>
      </c>
      <c r="AJ79" s="137">
        <f t="shared" si="102"/>
        <v>100</v>
      </c>
      <c r="AK79" s="137">
        <f t="shared" si="99"/>
        <v>110</v>
      </c>
      <c r="AL79" s="137">
        <f t="shared" si="18"/>
        <v>120</v>
      </c>
      <c r="AM79" s="143">
        <f t="shared" si="73"/>
        <v>0</v>
      </c>
      <c r="AN79" s="137">
        <f t="shared" si="74"/>
        <v>11673.956693591914</v>
      </c>
      <c r="AO79" s="137">
        <f t="shared" si="75"/>
        <v>22028.237482255488</v>
      </c>
      <c r="AP79" s="137">
        <f t="shared" si="76"/>
        <v>30279.288898215724</v>
      </c>
      <c r="AQ79" s="137">
        <f t="shared" si="77"/>
        <v>36310.98476663544</v>
      </c>
      <c r="AR79" s="137">
        <f t="shared" si="78"/>
        <v>40447.86253451091</v>
      </c>
      <c r="AS79" s="137">
        <f t="shared" si="79"/>
        <v>43162.557810530649</v>
      </c>
      <c r="AT79" s="137">
        <f t="shared" si="80"/>
        <v>44892.712287515125</v>
      </c>
      <c r="AU79" s="137">
        <f t="shared" si="81"/>
        <v>45974.947610766612</v>
      </c>
      <c r="AV79" s="137">
        <f t="shared" si="82"/>
        <v>46643.995513859678</v>
      </c>
      <c r="AW79" s="144">
        <f t="shared" si="83"/>
        <v>47054.60783585324</v>
      </c>
      <c r="AX79" s="208">
        <f t="shared" si="35"/>
        <v>47305.486763255263</v>
      </c>
      <c r="AY79" s="209">
        <f t="shared" si="36"/>
        <v>47458.351910935766</v>
      </c>
    </row>
    <row r="80" spans="2:51" ht="13.5" thickBot="1" x14ac:dyDescent="0.25">
      <c r="B80" s="97">
        <f>'p-y mono_clay'!B80</f>
        <v>-69.5</v>
      </c>
      <c r="C80">
        <f>'p-y mono_clay'!C80</f>
        <v>54</v>
      </c>
      <c r="D80">
        <f>'p-y mono_clay'!D80</f>
        <v>53.992000000000004</v>
      </c>
      <c r="E80" t="str">
        <f>'p-y mono_clay'!E80</f>
        <v>SAND</v>
      </c>
      <c r="F80" s="43">
        <f>'p-y mono_clay'!G80</f>
        <v>19.436689293402868</v>
      </c>
      <c r="G80" s="43">
        <f>'p-y mono_clay'!H80</f>
        <v>9.4366892934028677</v>
      </c>
      <c r="H80" s="43">
        <f>'p-y mono_clay'!I80</f>
        <v>509.57178515446145</v>
      </c>
      <c r="I80">
        <f>INDEX('CPT Data'!$T$13:$T$20000,MATCH(C80,'CPT Data'!$B$13:$B$20000,1))</f>
        <v>34.380264602445202</v>
      </c>
      <c r="J80" s="98">
        <f>'Pile Property'!$B$8</f>
        <v>2</v>
      </c>
      <c r="K80" s="97">
        <f t="shared" si="65"/>
        <v>0.60004881501952811</v>
      </c>
      <c r="L80">
        <f t="shared" si="66"/>
        <v>17.190132301222601</v>
      </c>
      <c r="M80">
        <f t="shared" si="10"/>
        <v>0.30002440750976406</v>
      </c>
      <c r="N80" s="3">
        <f t="shared" si="11"/>
        <v>62.190132301222604</v>
      </c>
      <c r="O80">
        <f t="shared" si="12"/>
        <v>1.0854225709072125</v>
      </c>
      <c r="P80">
        <v>0.4</v>
      </c>
      <c r="Q80">
        <f t="shared" si="67"/>
        <v>0.27821437624022732</v>
      </c>
      <c r="R80">
        <f t="shared" si="32"/>
        <v>2.8128739057653895</v>
      </c>
      <c r="S80">
        <f t="shared" si="13"/>
        <v>3.3161361872135422</v>
      </c>
      <c r="T80">
        <f t="shared" si="14"/>
        <v>49.694293175250777</v>
      </c>
      <c r="U80">
        <f t="shared" si="68"/>
        <v>80759.185238679187</v>
      </c>
      <c r="V80">
        <f t="shared" si="69"/>
        <v>50639.054076142522</v>
      </c>
      <c r="W80" s="98">
        <f t="shared" si="15"/>
        <v>50639.054076142522</v>
      </c>
      <c r="X80">
        <f t="shared" si="70"/>
        <v>0.9</v>
      </c>
      <c r="Y80">
        <f t="shared" si="16"/>
        <v>20351.503842504237</v>
      </c>
      <c r="Z80" s="143">
        <v>0</v>
      </c>
      <c r="AA80" s="137">
        <f t="shared" ref="AA80:AJ80" si="103">(Z80+(0.005*$J80*1000))</f>
        <v>10</v>
      </c>
      <c r="AB80" s="137">
        <f t="shared" si="103"/>
        <v>20</v>
      </c>
      <c r="AC80" s="137">
        <f t="shared" si="103"/>
        <v>30</v>
      </c>
      <c r="AD80" s="137">
        <f t="shared" si="103"/>
        <v>40</v>
      </c>
      <c r="AE80" s="137">
        <f t="shared" si="103"/>
        <v>50</v>
      </c>
      <c r="AF80" s="137">
        <f t="shared" si="103"/>
        <v>60</v>
      </c>
      <c r="AG80" s="137">
        <f t="shared" si="103"/>
        <v>70</v>
      </c>
      <c r="AH80" s="137">
        <f t="shared" si="103"/>
        <v>80</v>
      </c>
      <c r="AI80" s="137">
        <f t="shared" si="103"/>
        <v>90</v>
      </c>
      <c r="AJ80" s="137">
        <f t="shared" si="103"/>
        <v>100</v>
      </c>
      <c r="AK80" s="137">
        <f t="shared" si="99"/>
        <v>110</v>
      </c>
      <c r="AL80" s="137">
        <f t="shared" si="18"/>
        <v>120</v>
      </c>
      <c r="AM80" s="143">
        <f t="shared" si="73"/>
        <v>0</v>
      </c>
      <c r="AN80" s="137">
        <f t="shared" si="74"/>
        <v>10780.108644808197</v>
      </c>
      <c r="AO80" s="137">
        <f t="shared" si="75"/>
        <v>20417.864105521407</v>
      </c>
      <c r="AP80" s="137">
        <f t="shared" si="76"/>
        <v>28208.732439050182</v>
      </c>
      <c r="AQ80" s="137">
        <f t="shared" si="77"/>
        <v>34009.7110991054</v>
      </c>
      <c r="AR80" s="137">
        <f t="shared" si="78"/>
        <v>38070.063838855676</v>
      </c>
      <c r="AS80" s="137">
        <f t="shared" si="79"/>
        <v>40790.621029758433</v>
      </c>
      <c r="AT80" s="137">
        <f t="shared" si="80"/>
        <v>42560.532067459302</v>
      </c>
      <c r="AU80" s="137">
        <f t="shared" si="81"/>
        <v>43690.001898240727</v>
      </c>
      <c r="AV80" s="137">
        <f t="shared" si="82"/>
        <v>44401.932524128482</v>
      </c>
      <c r="AW80" s="144">
        <f t="shared" si="83"/>
        <v>44847.193248259726</v>
      </c>
      <c r="AX80" s="208">
        <f t="shared" si="35"/>
        <v>45124.314676233902</v>
      </c>
      <c r="AY80" s="209">
        <f t="shared" si="36"/>
        <v>45296.265613667056</v>
      </c>
    </row>
    <row r="81" spans="2:51" ht="13.5" thickBot="1" x14ac:dyDescent="0.25">
      <c r="B81" s="97">
        <f>'p-y mono_clay'!B81</f>
        <v>-70.5</v>
      </c>
      <c r="C81">
        <f>'p-y mono_clay'!C81</f>
        <v>55</v>
      </c>
      <c r="D81">
        <f>'p-y mono_clay'!D81</f>
        <v>54.987000000000002</v>
      </c>
      <c r="E81" t="str">
        <f>'p-y mono_clay'!E81</f>
        <v>SAND</v>
      </c>
      <c r="F81" s="43">
        <f>'p-y mono_clay'!G81</f>
        <v>19.758050629066584</v>
      </c>
      <c r="G81" s="43">
        <f>'p-y mono_clay'!H81</f>
        <v>9.7580506290665845</v>
      </c>
      <c r="H81" s="43">
        <f>'p-y mono_clay'!I81</f>
        <v>536.63423629488773</v>
      </c>
      <c r="I81">
        <f>INDEX('CPT Data'!$T$13:$T$20000,MATCH(C81,'CPT Data'!$B$13:$B$20000,1))</f>
        <v>36.466162879299546</v>
      </c>
      <c r="J81" s="98">
        <f>'Pile Property'!$B$8</f>
        <v>2</v>
      </c>
      <c r="K81" s="97">
        <f t="shared" si="65"/>
        <v>0.63645460781231267</v>
      </c>
      <c r="L81">
        <f t="shared" si="66"/>
        <v>18.233081439649773</v>
      </c>
      <c r="M81">
        <f t="shared" si="10"/>
        <v>0.31822730390615633</v>
      </c>
      <c r="N81" s="3">
        <f t="shared" si="11"/>
        <v>63.233081439649773</v>
      </c>
      <c r="O81">
        <f t="shared" si="12"/>
        <v>1.1036254673036046</v>
      </c>
      <c r="P81">
        <v>0.4</v>
      </c>
      <c r="Q81">
        <f t="shared" si="67"/>
        <v>0.25443131785109147</v>
      </c>
      <c r="R81">
        <f t="shared" si="32"/>
        <v>3.3797996060832558</v>
      </c>
      <c r="S81">
        <f t="shared" si="13"/>
        <v>3.6759024494143846</v>
      </c>
      <c r="T81">
        <f t="shared" si="14"/>
        <v>65.026073725436859</v>
      </c>
      <c r="U81">
        <f t="shared" si="68"/>
        <v>103662.84524891856</v>
      </c>
      <c r="V81">
        <f t="shared" si="69"/>
        <v>69781.551437735048</v>
      </c>
      <c r="W81" s="98">
        <f t="shared" si="15"/>
        <v>69781.551437735048</v>
      </c>
      <c r="X81">
        <f t="shared" si="70"/>
        <v>0.9</v>
      </c>
      <c r="Y81">
        <f t="shared" si="16"/>
        <v>28744.34924477791</v>
      </c>
      <c r="Z81" s="143">
        <v>0</v>
      </c>
      <c r="AA81" s="137">
        <f t="shared" ref="AA81:AJ81" si="104">(Z81+(0.005*$J81*1000))</f>
        <v>10</v>
      </c>
      <c r="AB81" s="137">
        <f t="shared" si="104"/>
        <v>20</v>
      </c>
      <c r="AC81" s="137">
        <f t="shared" si="104"/>
        <v>30</v>
      </c>
      <c r="AD81" s="137">
        <f t="shared" si="104"/>
        <v>40</v>
      </c>
      <c r="AE81" s="137">
        <f t="shared" si="104"/>
        <v>50</v>
      </c>
      <c r="AF81" s="137">
        <f t="shared" si="104"/>
        <v>60</v>
      </c>
      <c r="AG81" s="137">
        <f t="shared" si="104"/>
        <v>70</v>
      </c>
      <c r="AH81" s="137">
        <f t="shared" si="104"/>
        <v>80</v>
      </c>
      <c r="AI81" s="137">
        <f t="shared" si="104"/>
        <v>90</v>
      </c>
      <c r="AJ81" s="137">
        <f t="shared" si="104"/>
        <v>100</v>
      </c>
      <c r="AK81" s="137">
        <f t="shared" si="99"/>
        <v>110</v>
      </c>
      <c r="AL81" s="137">
        <f t="shared" si="18"/>
        <v>120</v>
      </c>
      <c r="AM81" s="143">
        <f t="shared" si="73"/>
        <v>0</v>
      </c>
      <c r="AN81" s="137">
        <f t="shared" si="74"/>
        <v>15480.202900174512</v>
      </c>
      <c r="AO81" s="137">
        <f t="shared" si="75"/>
        <v>29187.121754546828</v>
      </c>
      <c r="AP81" s="137">
        <f t="shared" si="76"/>
        <v>40076.492991133775</v>
      </c>
      <c r="AQ81" s="137">
        <f t="shared" si="77"/>
        <v>48005.8701954805</v>
      </c>
      <c r="AR81" s="137">
        <f t="shared" si="78"/>
        <v>53421.003608778672</v>
      </c>
      <c r="AS81" s="137">
        <f t="shared" si="79"/>
        <v>56958.995223315433</v>
      </c>
      <c r="AT81" s="137">
        <f t="shared" si="80"/>
        <v>59204.166603845559</v>
      </c>
      <c r="AU81" s="137">
        <f t="shared" si="81"/>
        <v>60602.68719748946</v>
      </c>
      <c r="AV81" s="137">
        <f t="shared" si="82"/>
        <v>61463.76371450357</v>
      </c>
      <c r="AW81" s="144">
        <f t="shared" si="83"/>
        <v>61990.14512570759</v>
      </c>
      <c r="AX81" s="208">
        <f t="shared" si="35"/>
        <v>62310.516005767546</v>
      </c>
      <c r="AY81" s="209">
        <f t="shared" si="36"/>
        <v>62504.982280135519</v>
      </c>
    </row>
    <row r="82" spans="2:51" ht="13.5" thickBot="1" x14ac:dyDescent="0.25">
      <c r="B82" s="97">
        <f>'p-y mono_clay'!B82</f>
        <v>-71.5</v>
      </c>
      <c r="C82">
        <f>'p-y mono_clay'!C82</f>
        <v>56</v>
      </c>
      <c r="D82">
        <f>'p-y mono_clay'!D82</f>
        <v>55.989000000000004</v>
      </c>
      <c r="E82" t="str">
        <f>'p-y mono_clay'!E82</f>
        <v>SAND</v>
      </c>
      <c r="F82" s="43">
        <f>'p-y mono_clay'!G82</f>
        <v>19.460223295272613</v>
      </c>
      <c r="G82" s="43">
        <f>'p-y mono_clay'!H82</f>
        <v>9.4602232952726126</v>
      </c>
      <c r="H82" s="43">
        <f>'p-y mono_clay'!I82</f>
        <v>529.73466364208525</v>
      </c>
      <c r="I82">
        <f>INDEX('CPT Data'!$T$13:$T$20000,MATCH(C82,'CPT Data'!$B$13:$B$20000,1))</f>
        <v>32.484493987910945</v>
      </c>
      <c r="J82" s="98">
        <f>'Pile Property'!$B$8</f>
        <v>2</v>
      </c>
      <c r="K82" s="97">
        <f t="shared" si="65"/>
        <v>0.56696137593334905</v>
      </c>
      <c r="L82">
        <f t="shared" si="66"/>
        <v>16.242246993955472</v>
      </c>
      <c r="M82">
        <f t="shared" si="10"/>
        <v>0.28348068796667453</v>
      </c>
      <c r="N82" s="3">
        <f t="shared" si="11"/>
        <v>61.242246993955476</v>
      </c>
      <c r="O82">
        <f t="shared" si="12"/>
        <v>1.068878851364123</v>
      </c>
      <c r="P82">
        <v>0.4</v>
      </c>
      <c r="Q82">
        <f t="shared" si="67"/>
        <v>0.30117577946414797</v>
      </c>
      <c r="R82">
        <f t="shared" si="32"/>
        <v>2.380812623860443</v>
      </c>
      <c r="S82">
        <f t="shared" si="13"/>
        <v>3.0191443398336268</v>
      </c>
      <c r="T82">
        <f t="shared" si="14"/>
        <v>39.11146016764333</v>
      </c>
      <c r="U82">
        <f t="shared" si="68"/>
        <v>73802.733051620118</v>
      </c>
      <c r="V82">
        <f t="shared" si="69"/>
        <v>41432.212348862449</v>
      </c>
      <c r="W82" s="98">
        <f t="shared" si="15"/>
        <v>41432.212348862449</v>
      </c>
      <c r="X82">
        <f t="shared" si="70"/>
        <v>0.9</v>
      </c>
      <c r="Y82">
        <f t="shared" si="16"/>
        <v>15308.754007843112</v>
      </c>
      <c r="Z82" s="143">
        <v>0</v>
      </c>
      <c r="AA82" s="137">
        <f t="shared" ref="AA82:AJ82" si="105">(Z82+(0.005*$J82*1000))</f>
        <v>10</v>
      </c>
      <c r="AB82" s="137">
        <f t="shared" si="105"/>
        <v>20</v>
      </c>
      <c r="AC82" s="137">
        <f t="shared" si="105"/>
        <v>30</v>
      </c>
      <c r="AD82" s="137">
        <f t="shared" si="105"/>
        <v>40</v>
      </c>
      <c r="AE82" s="137">
        <f t="shared" si="105"/>
        <v>50</v>
      </c>
      <c r="AF82" s="137">
        <f t="shared" si="105"/>
        <v>60</v>
      </c>
      <c r="AG82" s="137">
        <f t="shared" si="105"/>
        <v>70</v>
      </c>
      <c r="AH82" s="137">
        <f t="shared" si="105"/>
        <v>80</v>
      </c>
      <c r="AI82" s="137">
        <f t="shared" si="105"/>
        <v>90</v>
      </c>
      <c r="AJ82" s="137">
        <f t="shared" si="105"/>
        <v>100</v>
      </c>
      <c r="AK82" s="137">
        <f t="shared" si="99"/>
        <v>110</v>
      </c>
      <c r="AL82" s="137">
        <f t="shared" si="18"/>
        <v>120</v>
      </c>
      <c r="AM82" s="143">
        <f t="shared" si="73"/>
        <v>0</v>
      </c>
      <c r="AN82" s="137">
        <f t="shared" si="74"/>
        <v>8423.3875860430508</v>
      </c>
      <c r="AO82" s="137">
        <f t="shared" si="75"/>
        <v>16028.848041724923</v>
      </c>
      <c r="AP82" s="137">
        <f t="shared" si="76"/>
        <v>22288.025498398238</v>
      </c>
      <c r="AQ82" s="137">
        <f t="shared" si="77"/>
        <v>27058.044274231681</v>
      </c>
      <c r="AR82" s="137">
        <f t="shared" si="78"/>
        <v>30484.524024180038</v>
      </c>
      <c r="AS82" s="137">
        <f t="shared" si="79"/>
        <v>32842.725559030318</v>
      </c>
      <c r="AT82" s="137">
        <f t="shared" si="80"/>
        <v>34418.270759503132</v>
      </c>
      <c r="AU82" s="137">
        <f t="shared" si="81"/>
        <v>35450.156054718929</v>
      </c>
      <c r="AV82" s="137">
        <f t="shared" si="82"/>
        <v>36117.189691243482</v>
      </c>
      <c r="AW82" s="144">
        <f t="shared" si="83"/>
        <v>36544.734001709934</v>
      </c>
      <c r="AX82" s="208">
        <f t="shared" si="35"/>
        <v>36817.286597939659</v>
      </c>
      <c r="AY82" s="209">
        <f t="shared" si="36"/>
        <v>36990.43196933531</v>
      </c>
    </row>
    <row r="83" spans="2:51" ht="13.5" thickBot="1" x14ac:dyDescent="0.25">
      <c r="B83" s="97">
        <f>'p-y mono_clay'!B83</f>
        <v>-72.5</v>
      </c>
      <c r="C83">
        <f>'p-y mono_clay'!C83</f>
        <v>57</v>
      </c>
      <c r="D83">
        <f>'p-y mono_clay'!D83</f>
        <v>56.987000000000002</v>
      </c>
      <c r="E83" t="str">
        <f>'p-y mono_clay'!E83</f>
        <v>SAND</v>
      </c>
      <c r="F83" s="43">
        <f>'p-y mono_clay'!G83</f>
        <v>19.210675064506255</v>
      </c>
      <c r="G83" s="43">
        <f>'p-y mono_clay'!H83</f>
        <v>9.2106750645062547</v>
      </c>
      <c r="H83" s="43">
        <f>'p-y mono_clay'!I83</f>
        <v>524.9532146264695</v>
      </c>
      <c r="I83">
        <f>INDEX('CPT Data'!$T$13:$T$20000,MATCH(C83,'CPT Data'!$B$13:$B$20000,1))</f>
        <v>34.271763649313115</v>
      </c>
      <c r="J83" s="98">
        <f>'Pile Property'!$B$8</f>
        <v>2</v>
      </c>
      <c r="K83" s="97">
        <f t="shared" ref="K83:K100" si="106">RADIANS(I83)</f>
        <v>0.59815511614582118</v>
      </c>
      <c r="L83">
        <f t="shared" ref="L83:L100" si="107">I83/2</f>
        <v>17.135881824656558</v>
      </c>
      <c r="M83">
        <f t="shared" ref="M83:M100" si="108">RADIANS(L83)</f>
        <v>0.29907755807291059</v>
      </c>
      <c r="N83" s="3">
        <f t="shared" ref="N83:N100" si="109">45+L83</f>
        <v>62.135881824656558</v>
      </c>
      <c r="O83">
        <f t="shared" ref="O83:O100" si="110">RADIANS(N83)</f>
        <v>1.0844757214703589</v>
      </c>
      <c r="P83">
        <v>1.4</v>
      </c>
      <c r="Q83">
        <f t="shared" ref="Q83:Q100" si="111">(1-SIN(I83*PI()/180))/(1+SIN(I83*PI()/180))</f>
        <v>0.27949322651055714</v>
      </c>
      <c r="R83">
        <f t="shared" ref="R83:R100" si="112">(((TAN(O83)^2)*TAN(M83))/(TAN(O83-K83)))+(P83*(((TAN(K83)*SIN(O83))/(COS(M83)*TAN(O83-K83)))+(TAN(O83)*((TAN(K83)*SIN(O83))-TAN(M83)))))</f>
        <v>4.5349066808760732</v>
      </c>
      <c r="S83">
        <f t="shared" ref="S83:S100" si="113">(TAN(O83)/TAN(O83-K83))-Q83</f>
        <v>3.2984110128332467</v>
      </c>
      <c r="T83">
        <f t="shared" ref="T83:T100" si="114">(Q83*(TAN(O83)^8-1))+(P83*TAN(K83)*TAN(O83)^4)</f>
        <v>57.735278781589003</v>
      </c>
      <c r="U83">
        <f t="shared" ref="U83:U100" si="115">((R83*D83)+(S83*J83))*G83*D83</f>
        <v>139109.97625925427</v>
      </c>
      <c r="V83">
        <f t="shared" ref="V83:V100" si="116">T83*J83*G83*D83</f>
        <v>60609.195455004461</v>
      </c>
      <c r="W83" s="98">
        <f t="shared" ref="W83:W100" si="117">MIN(U83:V83)</f>
        <v>60609.195455004461</v>
      </c>
      <c r="X83">
        <f t="shared" ref="X83:X100" si="118">MAX((3-((0.8*D83)/J83)),0.9)</f>
        <v>0.9</v>
      </c>
      <c r="Y83">
        <f t="shared" ref="Y83:Y100" si="119">IF(I83=$X$8,$Y$8,IF(I83=$X$9,$Y$9,IF(I83=$X$10,$Y$10,IF(I83=$X$11,$Y$11,IF(AND(I83&gt;$X$8,I83&lt;$X$9),((($Y$9-$Y$8)/($X$9-$X$8)))*(I83-$X$8)+$Y$8,IF(AND(I83&gt;$X$9,I83&lt;$X$10),((($Y$10-$Y$9)/($X$10-$X$9)))*(I83-$X$9)+$Y$9,IF(AND(I83&gt;$X$10,I83&lt;$X$11),((($Y$11-$Y$10)/($X$11-$X$10)))*(I83-$X$10)+$Y$10,5400)))))))</f>
        <v>20062.891307172886</v>
      </c>
      <c r="Z83" s="143">
        <v>0</v>
      </c>
      <c r="AA83" s="137">
        <f t="shared" ref="AA83:AA100" si="120">(Z83+(0.005*$J83*1000))</f>
        <v>10</v>
      </c>
      <c r="AB83" s="137">
        <f t="shared" ref="AB83:AB100" si="121">(AA83+(0.005*$J83*1000))</f>
        <v>20</v>
      </c>
      <c r="AC83" s="137">
        <f t="shared" ref="AC83:AC100" si="122">(AB83+(0.005*$J83*1000))</f>
        <v>30</v>
      </c>
      <c r="AD83" s="137">
        <f t="shared" ref="AD83:AD100" si="123">(AC83+(0.005*$J83*1000))</f>
        <v>40</v>
      </c>
      <c r="AE83" s="137">
        <f t="shared" ref="AE83:AE100" si="124">(AD83+(0.005*$J83*1000))</f>
        <v>50</v>
      </c>
      <c r="AF83" s="137">
        <f t="shared" ref="AF83:AF100" si="125">(AE83+(0.005*$J83*1000))</f>
        <v>60</v>
      </c>
      <c r="AG83" s="137">
        <f t="shared" ref="AG83:AG100" si="126">(AF83+(0.005*$J83*1000))</f>
        <v>70</v>
      </c>
      <c r="AH83" s="137">
        <f t="shared" ref="AH83:AH100" si="127">(AG83+(0.005*$J83*1000))</f>
        <v>80</v>
      </c>
      <c r="AI83" s="137">
        <f t="shared" ref="AI83:AI100" si="128">(AH83+(0.005*$J83*1000))</f>
        <v>90</v>
      </c>
      <c r="AJ83" s="137">
        <f t="shared" ref="AJ83:AJ100" si="129">(AI83+(0.005*$J83*1000))</f>
        <v>100</v>
      </c>
      <c r="AK83" s="137">
        <f t="shared" ref="AK83:AK100" si="130">(AJ83+(0.005*$J83*1000))</f>
        <v>110</v>
      </c>
      <c r="AL83" s="137">
        <f t="shared" ref="AL83:AL100" si="131">(AK83+(0.005*$J83*1000))</f>
        <v>120</v>
      </c>
      <c r="AM83" s="143">
        <f t="shared" ref="AM83:AM100" si="132">$X83*$W83*TAN($K83)*((($Y83*$D83)/($X83*$W83))*(Z83/1000))</f>
        <v>0</v>
      </c>
      <c r="AN83" s="137">
        <f t="shared" ref="AN83:AN100" si="133">$X83*$W83*TANH((($Y83*$D83)/($X83*$W83))*(AA83/1000))</f>
        <v>11268.703925789896</v>
      </c>
      <c r="AO83" s="137">
        <f t="shared" ref="AO83:AO100" si="134">$X83*$W83*TANH((($Y83*$D83)/($X83*$W83))*(AB83/1000))</f>
        <v>21614.963071581275</v>
      </c>
      <c r="AP83" s="137">
        <f t="shared" ref="AP83:AP100" si="135">$X83*$W83*TANH((($Y83*$D83)/($X83*$W83))*(AC83/1000))</f>
        <v>30395.520252468275</v>
      </c>
      <c r="AQ83" s="137">
        <f t="shared" ref="AQ83:AQ100" si="136">$X83*$W83*TANH((($Y83*$D83)/($X83*$W83))*(AD83/1000))</f>
        <v>37363.256188760846</v>
      </c>
      <c r="AR83" s="137">
        <f t="shared" ref="AR83:AR100" si="137">$X83*$W83*TANH((($Y83*$D83)/($X83*$W83))*(AE83/1000))</f>
        <v>42603.554523168496</v>
      </c>
      <c r="AS83" s="137">
        <f t="shared" ref="AS83:AS100" si="138">$X83*$W83*TANH((($Y83*$D83)/($X83*$W83))*(AF83/1000))</f>
        <v>46387.783074412837</v>
      </c>
      <c r="AT83" s="137">
        <f t="shared" ref="AT83:AT100" si="139">$X83*$W83*TANH((($Y83*$D83)/($X83*$W83))*(AG83/1000))</f>
        <v>49041.084118175691</v>
      </c>
      <c r="AU83" s="137">
        <f t="shared" ref="AU83:AU100" si="140">$X83*$W83*TANH((($Y83*$D83)/($X83*$W83))*(AH83/1000))</f>
        <v>50863.187584495521</v>
      </c>
      <c r="AV83" s="137">
        <f t="shared" ref="AV83:AV100" si="141">$X83*$W83*TANH((($Y83*$D83)/($X83*$W83))*(AI83/1000))</f>
        <v>52096.699330475058</v>
      </c>
      <c r="AW83" s="144">
        <f t="shared" ref="AW83:AW100" si="142">$X83*$W83*TANH((($Y83*$D83)/($X83*$W83))*(AJ83/1000))</f>
        <v>52923.680476630216</v>
      </c>
      <c r="AX83" s="208">
        <f t="shared" ref="AX83:AX100" si="143">$X83*$W83*TANH((($Y83*$D83)/($X83*$W83))*(AK83/1000))</f>
        <v>53474.507937393908</v>
      </c>
      <c r="AY83" s="209">
        <f t="shared" ref="AY83:AY100" si="144">$X83*$W83*TANH((($Y83*$D83)/($X83*$W83))*(AL83/1000))</f>
        <v>53839.805660617669</v>
      </c>
    </row>
    <row r="84" spans="2:51" ht="13.5" thickBot="1" x14ac:dyDescent="0.25">
      <c r="B84" s="97">
        <f>'p-y mono_clay'!B84</f>
        <v>-73.5</v>
      </c>
      <c r="C84">
        <f>'p-y mono_clay'!C84</f>
        <v>58</v>
      </c>
      <c r="D84">
        <f>'p-y mono_clay'!D84</f>
        <v>57.984000000000002</v>
      </c>
      <c r="E84" t="str">
        <f>'p-y mono_clay'!E84</f>
        <v>SAND</v>
      </c>
      <c r="F84" s="43">
        <f>'p-y mono_clay'!G84</f>
        <v>20.495684795946186</v>
      </c>
      <c r="G84" s="43">
        <f>'p-y mono_clay'!H84</f>
        <v>10.495684795946186</v>
      </c>
      <c r="H84" s="43">
        <f>'p-y mono_clay'!I84</f>
        <v>608.65525700171531</v>
      </c>
      <c r="I84">
        <f>INDEX('CPT Data'!$T$13:$T$20000,MATCH(C84,'CPT Data'!$B$13:$B$20000,1))</f>
        <v>33.339569906724691</v>
      </c>
      <c r="J84" s="98">
        <f>'Pile Property'!$B$8</f>
        <v>2</v>
      </c>
      <c r="K84" s="97">
        <f t="shared" si="106"/>
        <v>0.58188526607116464</v>
      </c>
      <c r="L84">
        <f t="shared" si="107"/>
        <v>16.669784953362345</v>
      </c>
      <c r="M84">
        <f t="shared" si="108"/>
        <v>0.29094263303558232</v>
      </c>
      <c r="N84" s="3">
        <f t="shared" si="109"/>
        <v>61.669784953362345</v>
      </c>
      <c r="O84">
        <f t="shared" si="110"/>
        <v>1.0763407964330307</v>
      </c>
      <c r="P84">
        <v>2.4</v>
      </c>
      <c r="Q84">
        <f t="shared" si="111"/>
        <v>0.29065572252642335</v>
      </c>
      <c r="R84">
        <f t="shared" si="112"/>
        <v>5.8466586968995733</v>
      </c>
      <c r="S84">
        <f t="shared" si="113"/>
        <v>3.1498407910390043</v>
      </c>
      <c r="T84">
        <f t="shared" si="114"/>
        <v>59.12377505789361</v>
      </c>
      <c r="U84">
        <f t="shared" si="115"/>
        <v>210150.80069548037</v>
      </c>
      <c r="V84">
        <f t="shared" si="116"/>
        <v>71963.305382450315</v>
      </c>
      <c r="W84" s="98">
        <f t="shared" si="117"/>
        <v>71963.305382450315</v>
      </c>
      <c r="X84">
        <f t="shared" si="118"/>
        <v>0.9</v>
      </c>
      <c r="Y84">
        <f t="shared" si="119"/>
        <v>17583.255951887677</v>
      </c>
      <c r="Z84" s="143">
        <v>0</v>
      </c>
      <c r="AA84" s="137">
        <f t="shared" si="120"/>
        <v>10</v>
      </c>
      <c r="AB84" s="137">
        <f t="shared" si="121"/>
        <v>20</v>
      </c>
      <c r="AC84" s="137">
        <f t="shared" si="122"/>
        <v>30</v>
      </c>
      <c r="AD84" s="137">
        <f t="shared" si="123"/>
        <v>40</v>
      </c>
      <c r="AE84" s="137">
        <f t="shared" si="124"/>
        <v>50</v>
      </c>
      <c r="AF84" s="137">
        <f t="shared" si="125"/>
        <v>60</v>
      </c>
      <c r="AG84" s="137">
        <f t="shared" si="126"/>
        <v>70</v>
      </c>
      <c r="AH84" s="137">
        <f t="shared" si="127"/>
        <v>80</v>
      </c>
      <c r="AI84" s="137">
        <f t="shared" si="128"/>
        <v>90</v>
      </c>
      <c r="AJ84" s="137">
        <f t="shared" si="129"/>
        <v>100</v>
      </c>
      <c r="AK84" s="137">
        <f t="shared" si="130"/>
        <v>110</v>
      </c>
      <c r="AL84" s="137">
        <f t="shared" si="131"/>
        <v>120</v>
      </c>
      <c r="AM84" s="143">
        <f t="shared" si="132"/>
        <v>0</v>
      </c>
      <c r="AN84" s="137">
        <f t="shared" si="133"/>
        <v>10112.085733574399</v>
      </c>
      <c r="AO84" s="137">
        <f t="shared" si="134"/>
        <v>19742.905308953264</v>
      </c>
      <c r="AP84" s="137">
        <f t="shared" si="135"/>
        <v>28498.65010447555</v>
      </c>
      <c r="AQ84" s="137">
        <f t="shared" si="136"/>
        <v>36128.688799384014</v>
      </c>
      <c r="AR84" s="137">
        <f t="shared" si="137"/>
        <v>42536.152362422232</v>
      </c>
      <c r="AS84" s="137">
        <f t="shared" si="138"/>
        <v>47751.787729684358</v>
      </c>
      <c r="AT84" s="137">
        <f t="shared" si="139"/>
        <v>51890.60680454805</v>
      </c>
      <c r="AU84" s="137">
        <f t="shared" si="140"/>
        <v>55109.100334179369</v>
      </c>
      <c r="AV84" s="137">
        <f t="shared" si="141"/>
        <v>57572.731765541626</v>
      </c>
      <c r="AW84" s="144">
        <f t="shared" si="142"/>
        <v>59435.862666587142</v>
      </c>
      <c r="AX84" s="208">
        <f t="shared" si="143"/>
        <v>60832.008188067382</v>
      </c>
      <c r="AY84" s="209">
        <f t="shared" si="144"/>
        <v>61871.047356418087</v>
      </c>
    </row>
    <row r="85" spans="2:51" ht="13.5" thickBot="1" x14ac:dyDescent="0.25">
      <c r="B85" s="97">
        <f>'p-y mono_clay'!B85</f>
        <v>-74.5</v>
      </c>
      <c r="C85">
        <f>'p-y mono_clay'!C85</f>
        <v>59</v>
      </c>
      <c r="D85">
        <f>'p-y mono_clay'!D85</f>
        <v>58.988</v>
      </c>
      <c r="E85" t="str">
        <f>'p-y mono_clay'!E85</f>
        <v>SAND</v>
      </c>
      <c r="F85" s="43">
        <f>'p-y mono_clay'!G85</f>
        <v>19.312491851675158</v>
      </c>
      <c r="G85" s="43">
        <f>'p-y mono_clay'!H85</f>
        <v>9.3124918516751585</v>
      </c>
      <c r="H85" s="43">
        <f>'p-y mono_clay'!I85</f>
        <v>549.39045678957598</v>
      </c>
      <c r="I85">
        <f>INDEX('CPT Data'!$T$13:$T$20000,MATCH(C85,'CPT Data'!$B$13:$B$20000,1))</f>
        <v>35.829967338531858</v>
      </c>
      <c r="J85" s="98">
        <f>'Pile Property'!$B$8</f>
        <v>2</v>
      </c>
      <c r="K85" s="97">
        <f t="shared" si="106"/>
        <v>0.6253509009394107</v>
      </c>
      <c r="L85">
        <f t="shared" si="107"/>
        <v>17.914983669265929</v>
      </c>
      <c r="M85">
        <f t="shared" si="108"/>
        <v>0.31267545046970535</v>
      </c>
      <c r="N85" s="3">
        <f t="shared" si="109"/>
        <v>62.914983669265929</v>
      </c>
      <c r="O85">
        <f t="shared" si="110"/>
        <v>1.0980736138671536</v>
      </c>
      <c r="P85">
        <v>3.4</v>
      </c>
      <c r="Q85">
        <f t="shared" si="111"/>
        <v>0.26152576884329903</v>
      </c>
      <c r="R85">
        <f t="shared" si="112"/>
        <v>9.0333828583406746</v>
      </c>
      <c r="S85">
        <f t="shared" si="113"/>
        <v>3.562189211224994</v>
      </c>
      <c r="T85">
        <f t="shared" si="114"/>
        <v>91.536264002030578</v>
      </c>
      <c r="U85">
        <f t="shared" si="115"/>
        <v>296627.716744554</v>
      </c>
      <c r="V85">
        <f t="shared" si="116"/>
        <v>100566.36575579648</v>
      </c>
      <c r="W85" s="98">
        <f t="shared" si="117"/>
        <v>100566.36575579648</v>
      </c>
      <c r="X85">
        <f t="shared" si="118"/>
        <v>0.9</v>
      </c>
      <c r="Y85">
        <f t="shared" si="119"/>
        <v>25817.849757246549</v>
      </c>
      <c r="Z85" s="143">
        <v>0</v>
      </c>
      <c r="AA85" s="137">
        <f t="shared" si="120"/>
        <v>10</v>
      </c>
      <c r="AB85" s="137">
        <f t="shared" si="121"/>
        <v>20</v>
      </c>
      <c r="AC85" s="137">
        <f t="shared" si="122"/>
        <v>30</v>
      </c>
      <c r="AD85" s="137">
        <f t="shared" si="123"/>
        <v>40</v>
      </c>
      <c r="AE85" s="137">
        <f t="shared" si="124"/>
        <v>50</v>
      </c>
      <c r="AF85" s="137">
        <f t="shared" si="125"/>
        <v>60</v>
      </c>
      <c r="AG85" s="137">
        <f t="shared" si="126"/>
        <v>70</v>
      </c>
      <c r="AH85" s="137">
        <f t="shared" si="127"/>
        <v>80</v>
      </c>
      <c r="AI85" s="137">
        <f t="shared" si="128"/>
        <v>90</v>
      </c>
      <c r="AJ85" s="137">
        <f t="shared" si="129"/>
        <v>100</v>
      </c>
      <c r="AK85" s="137">
        <f t="shared" si="130"/>
        <v>110</v>
      </c>
      <c r="AL85" s="137">
        <f t="shared" si="131"/>
        <v>120</v>
      </c>
      <c r="AM85" s="143">
        <f t="shared" si="132"/>
        <v>0</v>
      </c>
      <c r="AN85" s="137">
        <f t="shared" si="133"/>
        <v>15087.315124659839</v>
      </c>
      <c r="AO85" s="137">
        <f t="shared" si="134"/>
        <v>29358.851378795491</v>
      </c>
      <c r="AP85" s="137">
        <f t="shared" si="135"/>
        <v>42166.217487226211</v>
      </c>
      <c r="AQ85" s="137">
        <f t="shared" si="136"/>
        <v>53127.739796598464</v>
      </c>
      <c r="AR85" s="137">
        <f t="shared" si="137"/>
        <v>62135.36251538989</v>
      </c>
      <c r="AS85" s="137">
        <f t="shared" si="138"/>
        <v>69293.09668467984</v>
      </c>
      <c r="AT85" s="137">
        <f t="shared" si="139"/>
        <v>74830.681611257867</v>
      </c>
      <c r="AU85" s="137">
        <f t="shared" si="140"/>
        <v>79026.801649053537</v>
      </c>
      <c r="AV85" s="137">
        <f t="shared" si="141"/>
        <v>82156.665004194627</v>
      </c>
      <c r="AW85" s="144">
        <f t="shared" si="142"/>
        <v>84463.85435349193</v>
      </c>
      <c r="AX85" s="208">
        <f t="shared" si="143"/>
        <v>86149.868922612281</v>
      </c>
      <c r="AY85" s="209">
        <f t="shared" si="144"/>
        <v>87374.13001057168</v>
      </c>
    </row>
    <row r="86" spans="2:51" ht="13.5" thickBot="1" x14ac:dyDescent="0.25">
      <c r="B86" s="97">
        <f>'p-y mono_clay'!B86</f>
        <v>-75.5</v>
      </c>
      <c r="C86">
        <f>'p-y mono_clay'!C86</f>
        <v>60</v>
      </c>
      <c r="D86">
        <f>'p-y mono_clay'!D86</f>
        <v>59.993000000000002</v>
      </c>
      <c r="E86" t="str">
        <f>'p-y mono_clay'!E86</f>
        <v>SAND</v>
      </c>
      <c r="F86" s="43">
        <f>'p-y mono_clay'!G86</f>
        <v>20.009492682657015</v>
      </c>
      <c r="G86" s="43">
        <f>'p-y mono_clay'!H86</f>
        <v>10.009492682657015</v>
      </c>
      <c r="H86" s="43">
        <f>'p-y mono_clay'!I86</f>
        <v>600.56956095942087</v>
      </c>
      <c r="I86">
        <f>INDEX('CPT Data'!$T$13:$T$20000,MATCH(C86,'CPT Data'!$B$13:$B$20000,1))</f>
        <v>36.887653566030892</v>
      </c>
      <c r="J86" s="98">
        <f>'Pile Property'!$B$8</f>
        <v>2</v>
      </c>
      <c r="K86" s="97">
        <f t="shared" si="106"/>
        <v>0.64381100806226654</v>
      </c>
      <c r="L86">
        <f t="shared" si="107"/>
        <v>18.443826783015446</v>
      </c>
      <c r="M86">
        <f t="shared" si="108"/>
        <v>0.32190550403113327</v>
      </c>
      <c r="N86" s="3">
        <f t="shared" si="109"/>
        <v>63.443826783015446</v>
      </c>
      <c r="O86">
        <f t="shared" si="110"/>
        <v>1.1073036674285817</v>
      </c>
      <c r="P86">
        <v>4.4000000000000004</v>
      </c>
      <c r="Q86">
        <f t="shared" si="111"/>
        <v>0.24980636546890111</v>
      </c>
      <c r="R86">
        <f t="shared" si="112"/>
        <v>11.874714546551793</v>
      </c>
      <c r="S86">
        <f t="shared" si="113"/>
        <v>3.753294188525957</v>
      </c>
      <c r="T86">
        <f t="shared" si="114"/>
        <v>116.81517169277473</v>
      </c>
      <c r="U86">
        <f t="shared" si="115"/>
        <v>432303.39216509194</v>
      </c>
      <c r="V86">
        <f t="shared" si="116"/>
        <v>140294.90310537023</v>
      </c>
      <c r="W86" s="98">
        <f t="shared" si="117"/>
        <v>140294.90310537023</v>
      </c>
      <c r="X86">
        <f t="shared" si="118"/>
        <v>0.9</v>
      </c>
      <c r="Y86">
        <f t="shared" si="119"/>
        <v>30683.206403742101</v>
      </c>
      <c r="Z86" s="143">
        <v>0</v>
      </c>
      <c r="AA86" s="137">
        <f t="shared" si="120"/>
        <v>10</v>
      </c>
      <c r="AB86" s="137">
        <f t="shared" si="121"/>
        <v>20</v>
      </c>
      <c r="AC86" s="137">
        <f t="shared" si="122"/>
        <v>30</v>
      </c>
      <c r="AD86" s="137">
        <f t="shared" si="123"/>
        <v>40</v>
      </c>
      <c r="AE86" s="137">
        <f t="shared" si="124"/>
        <v>50</v>
      </c>
      <c r="AF86" s="137">
        <f t="shared" si="125"/>
        <v>60</v>
      </c>
      <c r="AG86" s="137">
        <f t="shared" si="126"/>
        <v>70</v>
      </c>
      <c r="AH86" s="137">
        <f t="shared" si="127"/>
        <v>80</v>
      </c>
      <c r="AI86" s="137">
        <f t="shared" si="128"/>
        <v>90</v>
      </c>
      <c r="AJ86" s="137">
        <f t="shared" si="129"/>
        <v>100</v>
      </c>
      <c r="AK86" s="137">
        <f t="shared" si="130"/>
        <v>110</v>
      </c>
      <c r="AL86" s="137">
        <f t="shared" si="131"/>
        <v>120</v>
      </c>
      <c r="AM86" s="143">
        <f t="shared" si="132"/>
        <v>0</v>
      </c>
      <c r="AN86" s="137">
        <f t="shared" si="133"/>
        <v>18278.464342095111</v>
      </c>
      <c r="AO86" s="137">
        <f t="shared" si="134"/>
        <v>35806.562530800307</v>
      </c>
      <c r="AP86" s="137">
        <f t="shared" si="135"/>
        <v>51952.285526535037</v>
      </c>
      <c r="AQ86" s="137">
        <f t="shared" si="136"/>
        <v>66282.75903264407</v>
      </c>
      <c r="AR86" s="137">
        <f t="shared" si="137"/>
        <v>78589.035817057025</v>
      </c>
      <c r="AS86" s="137">
        <f t="shared" si="138"/>
        <v>88860.977332772862</v>
      </c>
      <c r="AT86" s="137">
        <f t="shared" si="139"/>
        <v>97233.45574656564</v>
      </c>
      <c r="AU86" s="137">
        <f t="shared" si="140"/>
        <v>103926.47271670109</v>
      </c>
      <c r="AV86" s="137">
        <f t="shared" si="141"/>
        <v>109194.34031214235</v>
      </c>
      <c r="AW86" s="144">
        <f t="shared" si="142"/>
        <v>113289.98593702143</v>
      </c>
      <c r="AX86" s="208">
        <f t="shared" si="143"/>
        <v>116444.00184883835</v>
      </c>
      <c r="AY86" s="209">
        <f t="shared" si="144"/>
        <v>118855.0677762305</v>
      </c>
    </row>
    <row r="87" spans="2:51" ht="13.5" thickBot="1" x14ac:dyDescent="0.25">
      <c r="B87" s="97">
        <f>'p-y mono_clay'!B87</f>
        <v>-76.5</v>
      </c>
      <c r="C87">
        <f>'p-y mono_clay'!C87</f>
        <v>61</v>
      </c>
      <c r="D87">
        <f>'p-y mono_clay'!D87</f>
        <v>60.984999999999999</v>
      </c>
      <c r="E87" t="str">
        <f>'p-y mono_clay'!E87</f>
        <v>SAND</v>
      </c>
      <c r="F87" s="43">
        <f>'p-y mono_clay'!G87</f>
        <v>19.793444750785131</v>
      </c>
      <c r="G87" s="43">
        <f>'p-y mono_clay'!H87</f>
        <v>9.793444750785131</v>
      </c>
      <c r="H87" s="43">
        <f>'p-y mono_clay'!I87</f>
        <v>597.32178223988672</v>
      </c>
      <c r="I87">
        <f>INDEX('CPT Data'!$T$13:$T$20000,MATCH(C87,'CPT Data'!$B$13:$B$20000,1))</f>
        <v>34.051964972588344</v>
      </c>
      <c r="J87" s="98">
        <f>'Pile Property'!$B$8</f>
        <v>2</v>
      </c>
      <c r="K87" s="97">
        <f t="shared" si="106"/>
        <v>0.5943189055454472</v>
      </c>
      <c r="L87">
        <f t="shared" si="107"/>
        <v>17.025982486294172</v>
      </c>
      <c r="M87">
        <f t="shared" si="108"/>
        <v>0.2971594527727236</v>
      </c>
      <c r="N87" s="3">
        <f t="shared" si="109"/>
        <v>62.025982486294168</v>
      </c>
      <c r="O87">
        <f t="shared" si="110"/>
        <v>1.0825576161701718</v>
      </c>
      <c r="P87">
        <v>5.4</v>
      </c>
      <c r="Q87">
        <f t="shared" si="111"/>
        <v>0.28209683167649152</v>
      </c>
      <c r="R87">
        <f t="shared" si="112"/>
        <v>11.345280163189436</v>
      </c>
      <c r="S87">
        <f t="shared" si="113"/>
        <v>3.262785236147649</v>
      </c>
      <c r="T87">
        <f t="shared" si="114"/>
        <v>90.123567380006563</v>
      </c>
      <c r="U87">
        <f t="shared" si="115"/>
        <v>417132.09524134552</v>
      </c>
      <c r="V87">
        <f t="shared" si="116"/>
        <v>107653.18309599377</v>
      </c>
      <c r="W87" s="98">
        <f t="shared" si="117"/>
        <v>107653.18309599377</v>
      </c>
      <c r="X87">
        <f t="shared" si="118"/>
        <v>0.9</v>
      </c>
      <c r="Y87">
        <f t="shared" si="119"/>
        <v>19478.226827084996</v>
      </c>
      <c r="Z87" s="143">
        <v>0</v>
      </c>
      <c r="AA87" s="137">
        <f t="shared" si="120"/>
        <v>10</v>
      </c>
      <c r="AB87" s="137">
        <f t="shared" si="121"/>
        <v>20</v>
      </c>
      <c r="AC87" s="137">
        <f t="shared" si="122"/>
        <v>30</v>
      </c>
      <c r="AD87" s="137">
        <f t="shared" si="123"/>
        <v>40</v>
      </c>
      <c r="AE87" s="137">
        <f t="shared" si="124"/>
        <v>50</v>
      </c>
      <c r="AF87" s="137">
        <f t="shared" si="125"/>
        <v>60</v>
      </c>
      <c r="AG87" s="137">
        <f t="shared" si="126"/>
        <v>70</v>
      </c>
      <c r="AH87" s="137">
        <f t="shared" si="127"/>
        <v>80</v>
      </c>
      <c r="AI87" s="137">
        <f t="shared" si="128"/>
        <v>90</v>
      </c>
      <c r="AJ87" s="137">
        <f t="shared" si="129"/>
        <v>100</v>
      </c>
      <c r="AK87" s="137">
        <f t="shared" si="130"/>
        <v>110</v>
      </c>
      <c r="AL87" s="137">
        <f t="shared" si="131"/>
        <v>120</v>
      </c>
      <c r="AM87" s="143">
        <f t="shared" si="132"/>
        <v>0</v>
      </c>
      <c r="AN87" s="137">
        <f t="shared" si="133"/>
        <v>11819.633103088272</v>
      </c>
      <c r="AO87" s="137">
        <f t="shared" si="134"/>
        <v>23292.619125906258</v>
      </c>
      <c r="AP87" s="137">
        <f t="shared" si="135"/>
        <v>34111.818280946587</v>
      </c>
      <c r="AQ87" s="137">
        <f t="shared" si="136"/>
        <v>44039.907200279347</v>
      </c>
      <c r="AR87" s="137">
        <f t="shared" si="137"/>
        <v>52924.792509416933</v>
      </c>
      <c r="AS87" s="137">
        <f t="shared" si="138"/>
        <v>60699.509045044659</v>
      </c>
      <c r="AT87" s="137">
        <f t="shared" si="139"/>
        <v>67370.197484624616</v>
      </c>
      <c r="AU87" s="137">
        <f t="shared" si="140"/>
        <v>72997.672189986231</v>
      </c>
      <c r="AV87" s="137">
        <f t="shared" si="141"/>
        <v>77677.754323785062</v>
      </c>
      <c r="AW87" s="144">
        <f t="shared" si="142"/>
        <v>81523.924734231376</v>
      </c>
      <c r="AX87" s="208">
        <f t="shared" si="143"/>
        <v>84653.997992868259</v>
      </c>
      <c r="AY87" s="209">
        <f t="shared" si="144"/>
        <v>87181.080267940619</v>
      </c>
    </row>
    <row r="88" spans="2:51" ht="13.5" thickBot="1" x14ac:dyDescent="0.25">
      <c r="B88" s="97">
        <f>'p-y mono_clay'!B88</f>
        <v>-77.5</v>
      </c>
      <c r="C88">
        <f>'p-y mono_clay'!C88</f>
        <v>62</v>
      </c>
      <c r="D88">
        <f>'p-y mono_clay'!D88</f>
        <v>61.993000000000002</v>
      </c>
      <c r="E88" t="str">
        <f>'p-y mono_clay'!E88</f>
        <v>SAND</v>
      </c>
      <c r="F88" s="43">
        <f>'p-y mono_clay'!G88</f>
        <v>19.955776281690873</v>
      </c>
      <c r="G88" s="43">
        <f>'p-y mono_clay'!H88</f>
        <v>9.9557762816908735</v>
      </c>
      <c r="H88" s="43">
        <f>'p-y mono_clay'!I88</f>
        <v>617.25812946483416</v>
      </c>
      <c r="I88">
        <f>INDEX('CPT Data'!$T$13:$T$20000,MATCH(C88,'CPT Data'!$B$13:$B$20000,1))</f>
        <v>32.213303140422447</v>
      </c>
      <c r="J88" s="98">
        <f>'Pile Property'!$B$8</f>
        <v>2</v>
      </c>
      <c r="K88" s="97">
        <f t="shared" si="106"/>
        <v>0.56222820274340091</v>
      </c>
      <c r="L88">
        <f t="shared" si="107"/>
        <v>16.106651570211223</v>
      </c>
      <c r="M88">
        <f t="shared" si="108"/>
        <v>0.28111410137170045</v>
      </c>
      <c r="N88" s="3">
        <f t="shared" si="109"/>
        <v>61.106651570211227</v>
      </c>
      <c r="O88">
        <f t="shared" si="110"/>
        <v>1.0665122647691487</v>
      </c>
      <c r="P88">
        <v>6.4</v>
      </c>
      <c r="Q88">
        <f t="shared" si="111"/>
        <v>0.30456954572238937</v>
      </c>
      <c r="R88">
        <f t="shared" si="112"/>
        <v>11.424829698179972</v>
      </c>
      <c r="S88">
        <f t="shared" si="113"/>
        <v>2.978752815441998</v>
      </c>
      <c r="T88">
        <f t="shared" si="114"/>
        <v>78.560106242842238</v>
      </c>
      <c r="U88">
        <f t="shared" si="115"/>
        <v>440806.45876320399</v>
      </c>
      <c r="V88">
        <f t="shared" si="116"/>
        <v>96972.778684237011</v>
      </c>
      <c r="W88" s="98">
        <f t="shared" si="117"/>
        <v>96972.778684237011</v>
      </c>
      <c r="X88">
        <f t="shared" si="118"/>
        <v>0.9</v>
      </c>
      <c r="Y88">
        <f t="shared" si="119"/>
        <v>14587.386353523709</v>
      </c>
      <c r="Z88" s="143">
        <v>0</v>
      </c>
      <c r="AA88" s="137">
        <f t="shared" si="120"/>
        <v>10</v>
      </c>
      <c r="AB88" s="137">
        <f t="shared" si="121"/>
        <v>20</v>
      </c>
      <c r="AC88" s="137">
        <f t="shared" si="122"/>
        <v>30</v>
      </c>
      <c r="AD88" s="137">
        <f t="shared" si="123"/>
        <v>40</v>
      </c>
      <c r="AE88" s="137">
        <f t="shared" si="124"/>
        <v>50</v>
      </c>
      <c r="AF88" s="137">
        <f t="shared" si="125"/>
        <v>60</v>
      </c>
      <c r="AG88" s="137">
        <f t="shared" si="126"/>
        <v>70</v>
      </c>
      <c r="AH88" s="137">
        <f t="shared" si="127"/>
        <v>80</v>
      </c>
      <c r="AI88" s="137">
        <f t="shared" si="128"/>
        <v>90</v>
      </c>
      <c r="AJ88" s="137">
        <f t="shared" si="129"/>
        <v>100</v>
      </c>
      <c r="AK88" s="137">
        <f t="shared" si="130"/>
        <v>110</v>
      </c>
      <c r="AL88" s="137">
        <f t="shared" si="131"/>
        <v>120</v>
      </c>
      <c r="AM88" s="143">
        <f t="shared" si="132"/>
        <v>0</v>
      </c>
      <c r="AN88" s="137">
        <f t="shared" si="133"/>
        <v>9010.9333824293462</v>
      </c>
      <c r="AO88" s="137">
        <f t="shared" si="134"/>
        <v>17831.781006144425</v>
      </c>
      <c r="AP88" s="137">
        <f t="shared" si="135"/>
        <v>26288.16519655153</v>
      </c>
      <c r="AQ88" s="137">
        <f t="shared" si="136"/>
        <v>34234.444219730911</v>
      </c>
      <c r="AR88" s="137">
        <f t="shared" si="137"/>
        <v>41562.136878562356</v>
      </c>
      <c r="AS88" s="137">
        <f t="shared" si="138"/>
        <v>48203.021870762954</v>
      </c>
      <c r="AT88" s="137">
        <f t="shared" si="139"/>
        <v>54127.383489989421</v>
      </c>
      <c r="AU88" s="137">
        <f t="shared" si="140"/>
        <v>59338.697257076252</v>
      </c>
      <c r="AV88" s="137">
        <f t="shared" si="141"/>
        <v>63866.357151197371</v>
      </c>
      <c r="AW88" s="144">
        <f t="shared" si="142"/>
        <v>67757.91203852171</v>
      </c>
      <c r="AX88" s="208">
        <f t="shared" si="143"/>
        <v>71071.888323080013</v>
      </c>
      <c r="AY88" s="209">
        <f t="shared" si="144"/>
        <v>73871.818883006068</v>
      </c>
    </row>
    <row r="89" spans="2:51" ht="13.5" thickBot="1" x14ac:dyDescent="0.25">
      <c r="B89" s="97">
        <f>'p-y mono_clay'!B89</f>
        <v>-78.5</v>
      </c>
      <c r="C89">
        <f>'p-y mono_clay'!C89</f>
        <v>63</v>
      </c>
      <c r="D89">
        <f>'p-y mono_clay'!D89</f>
        <v>62.986000000000004</v>
      </c>
      <c r="E89" t="str">
        <f>'p-y mono_clay'!E89</f>
        <v>SAND</v>
      </c>
      <c r="F89" s="43">
        <f>'p-y mono_clay'!G89</f>
        <v>20.117321137382348</v>
      </c>
      <c r="G89" s="43">
        <f>'p-y mono_clay'!H89</f>
        <v>10.117321137382348</v>
      </c>
      <c r="H89" s="43">
        <f>'p-y mono_clay'!I89</f>
        <v>637.32041040712625</v>
      </c>
      <c r="I89">
        <f>INDEX('CPT Data'!$T$13:$T$20000,MATCH(C89,'CPT Data'!$B$13:$B$20000,1))</f>
        <v>33.925380366279228</v>
      </c>
      <c r="J89" s="98">
        <f>'Pile Property'!$B$8</f>
        <v>2</v>
      </c>
      <c r="K89" s="97">
        <f t="shared" si="106"/>
        <v>0.59210958738301234</v>
      </c>
      <c r="L89">
        <f t="shared" si="107"/>
        <v>16.962690183139614</v>
      </c>
      <c r="M89">
        <f t="shared" si="108"/>
        <v>0.29605479369150617</v>
      </c>
      <c r="N89" s="3">
        <f t="shared" si="109"/>
        <v>61.962690183139614</v>
      </c>
      <c r="O89">
        <f t="shared" si="110"/>
        <v>1.0814529570889544</v>
      </c>
      <c r="P89">
        <v>7.4</v>
      </c>
      <c r="Q89">
        <f t="shared" si="111"/>
        <v>0.28360417520638598</v>
      </c>
      <c r="R89">
        <f t="shared" si="112"/>
        <v>14.65534228861998</v>
      </c>
      <c r="S89">
        <f t="shared" si="113"/>
        <v>3.2424370026862692</v>
      </c>
      <c r="T89">
        <f t="shared" si="114"/>
        <v>105.43881231865888</v>
      </c>
      <c r="U89">
        <f t="shared" si="115"/>
        <v>592365.71944556979</v>
      </c>
      <c r="V89">
        <f t="shared" si="116"/>
        <v>134381.67966299126</v>
      </c>
      <c r="W89" s="98">
        <f t="shared" si="117"/>
        <v>134381.67966299126</v>
      </c>
      <c r="X89">
        <f t="shared" si="118"/>
        <v>0.9</v>
      </c>
      <c r="Y89">
        <f t="shared" si="119"/>
        <v>19141.511774302744</v>
      </c>
      <c r="Z89" s="143">
        <v>0</v>
      </c>
      <c r="AA89" s="137">
        <f t="shared" si="120"/>
        <v>10</v>
      </c>
      <c r="AB89" s="137">
        <f t="shared" si="121"/>
        <v>20</v>
      </c>
      <c r="AC89" s="137">
        <f t="shared" si="122"/>
        <v>30</v>
      </c>
      <c r="AD89" s="137">
        <f t="shared" si="123"/>
        <v>40</v>
      </c>
      <c r="AE89" s="137">
        <f t="shared" si="124"/>
        <v>50</v>
      </c>
      <c r="AF89" s="137">
        <f t="shared" si="125"/>
        <v>60</v>
      </c>
      <c r="AG89" s="137">
        <f t="shared" si="126"/>
        <v>70</v>
      </c>
      <c r="AH89" s="137">
        <f t="shared" si="127"/>
        <v>80</v>
      </c>
      <c r="AI89" s="137">
        <f t="shared" si="128"/>
        <v>90</v>
      </c>
      <c r="AJ89" s="137">
        <f t="shared" si="129"/>
        <v>100</v>
      </c>
      <c r="AK89" s="137">
        <f t="shared" si="130"/>
        <v>110</v>
      </c>
      <c r="AL89" s="137">
        <f t="shared" si="131"/>
        <v>120</v>
      </c>
      <c r="AM89" s="143">
        <f t="shared" si="132"/>
        <v>0</v>
      </c>
      <c r="AN89" s="137">
        <f t="shared" si="133"/>
        <v>12016.693815382168</v>
      </c>
      <c r="AO89" s="137">
        <f t="shared" si="134"/>
        <v>23798.449502151041</v>
      </c>
      <c r="AP89" s="137">
        <f t="shared" si="135"/>
        <v>35128.349689916766</v>
      </c>
      <c r="AQ89" s="137">
        <f t="shared" si="136"/>
        <v>45822.658618959984</v>
      </c>
      <c r="AR89" s="137">
        <f t="shared" si="137"/>
        <v>55741.016519196288</v>
      </c>
      <c r="AS89" s="137">
        <f t="shared" si="138"/>
        <v>64790.776144139105</v>
      </c>
      <c r="AT89" s="137">
        <f t="shared" si="139"/>
        <v>72925.837132118846</v>
      </c>
      <c r="AU89" s="137">
        <f t="shared" si="140"/>
        <v>80141.247265941114</v>
      </c>
      <c r="AV89" s="137">
        <f t="shared" si="141"/>
        <v>86465.250885058573</v>
      </c>
      <c r="AW89" s="144">
        <f t="shared" si="142"/>
        <v>91950.411629944691</v>
      </c>
      <c r="AX89" s="208">
        <f t="shared" si="143"/>
        <v>96665.083175562788</v>
      </c>
      <c r="AY89" s="209">
        <f t="shared" si="144"/>
        <v>100686.03598264567</v>
      </c>
    </row>
    <row r="90" spans="2:51" ht="13.5" thickBot="1" x14ac:dyDescent="0.25">
      <c r="B90" s="97">
        <f>'p-y mono_clay'!B90</f>
        <v>-79.5</v>
      </c>
      <c r="C90">
        <f>'p-y mono_clay'!C90</f>
        <v>64</v>
      </c>
      <c r="D90">
        <f>'p-y mono_clay'!D90</f>
        <v>63.989000000000004</v>
      </c>
      <c r="E90" t="str">
        <f>'p-y mono_clay'!E90</f>
        <v>SAND</v>
      </c>
      <c r="F90" s="43">
        <f>'p-y mono_clay'!G90</f>
        <v>20.411454874868866</v>
      </c>
      <c r="G90" s="43">
        <f>'p-y mono_clay'!H90</f>
        <v>10.411454874868866</v>
      </c>
      <c r="H90" s="43">
        <f>'p-y mono_clay'!I90</f>
        <v>666.29146617210802</v>
      </c>
      <c r="I90">
        <f>INDEX('CPT Data'!$T$13:$T$20000,MATCH(C90,'CPT Data'!$B$13:$B$20000,1))</f>
        <v>36.17760319822186</v>
      </c>
      <c r="J90" s="98">
        <f>'Pile Property'!$B$8</f>
        <v>2</v>
      </c>
      <c r="K90" s="97">
        <f t="shared" si="106"/>
        <v>0.63141829128900218</v>
      </c>
      <c r="L90">
        <f t="shared" si="107"/>
        <v>18.08880159911093</v>
      </c>
      <c r="M90">
        <f t="shared" si="108"/>
        <v>0.31570914564450109</v>
      </c>
      <c r="N90" s="3">
        <f t="shared" si="109"/>
        <v>63.08880159911093</v>
      </c>
      <c r="O90">
        <f t="shared" si="110"/>
        <v>1.1011073090419494</v>
      </c>
      <c r="P90">
        <v>8.4</v>
      </c>
      <c r="Q90">
        <f t="shared" si="111"/>
        <v>0.25763211072583148</v>
      </c>
      <c r="R90">
        <f t="shared" si="112"/>
        <v>19.236848732339389</v>
      </c>
      <c r="S90">
        <f t="shared" si="113"/>
        <v>3.6238716241257061</v>
      </c>
      <c r="T90">
        <f t="shared" si="114"/>
        <v>150.7696890896388</v>
      </c>
      <c r="U90">
        <f t="shared" si="115"/>
        <v>824908.16017540847</v>
      </c>
      <c r="V90">
        <f t="shared" si="116"/>
        <v>200891.13815029425</v>
      </c>
      <c r="W90" s="98">
        <f t="shared" si="117"/>
        <v>200891.13815029425</v>
      </c>
      <c r="X90">
        <f t="shared" si="118"/>
        <v>0.9</v>
      </c>
      <c r="Y90">
        <f t="shared" si="119"/>
        <v>27416.974711820556</v>
      </c>
      <c r="Z90" s="143">
        <v>0</v>
      </c>
      <c r="AA90" s="137">
        <f t="shared" si="120"/>
        <v>10</v>
      </c>
      <c r="AB90" s="137">
        <f t="shared" si="121"/>
        <v>20</v>
      </c>
      <c r="AC90" s="137">
        <f t="shared" si="122"/>
        <v>30</v>
      </c>
      <c r="AD90" s="137">
        <f t="shared" si="123"/>
        <v>40</v>
      </c>
      <c r="AE90" s="137">
        <f t="shared" si="124"/>
        <v>50</v>
      </c>
      <c r="AF90" s="137">
        <f t="shared" si="125"/>
        <v>60</v>
      </c>
      <c r="AG90" s="137">
        <f t="shared" si="126"/>
        <v>70</v>
      </c>
      <c r="AH90" s="137">
        <f t="shared" si="127"/>
        <v>80</v>
      </c>
      <c r="AI90" s="137">
        <f t="shared" si="128"/>
        <v>90</v>
      </c>
      <c r="AJ90" s="137">
        <f t="shared" si="129"/>
        <v>100</v>
      </c>
      <c r="AK90" s="137">
        <f t="shared" si="130"/>
        <v>110</v>
      </c>
      <c r="AL90" s="137">
        <f t="shared" si="131"/>
        <v>120</v>
      </c>
      <c r="AM90" s="143">
        <f t="shared" si="132"/>
        <v>0</v>
      </c>
      <c r="AN90" s="137">
        <f t="shared" si="133"/>
        <v>17488.993198566586</v>
      </c>
      <c r="AO90" s="137">
        <f t="shared" si="134"/>
        <v>34653.741483932208</v>
      </c>
      <c r="AP90" s="137">
        <f t="shared" si="135"/>
        <v>51193.608174723704</v>
      </c>
      <c r="AQ90" s="137">
        <f t="shared" si="136"/>
        <v>66851.611869817629</v>
      </c>
      <c r="AR90" s="137">
        <f t="shared" si="137"/>
        <v>81428.244214013306</v>
      </c>
      <c r="AS90" s="137">
        <f t="shared" si="138"/>
        <v>94787.846857345256</v>
      </c>
      <c r="AT90" s="137">
        <f t="shared" si="139"/>
        <v>106857.86226218354</v>
      </c>
      <c r="AU90" s="137">
        <f t="shared" si="140"/>
        <v>117622.43473583367</v>
      </c>
      <c r="AV90" s="137">
        <f t="shared" si="141"/>
        <v>127112.41556837547</v>
      </c>
      <c r="AW90" s="144">
        <f t="shared" si="142"/>
        <v>135393.83726099131</v>
      </c>
      <c r="AX90" s="208">
        <f t="shared" si="143"/>
        <v>142556.54138265966</v>
      </c>
      <c r="AY90" s="209">
        <f t="shared" si="144"/>
        <v>148704.09193300683</v>
      </c>
    </row>
    <row r="91" spans="2:51" ht="13.5" thickBot="1" x14ac:dyDescent="0.25">
      <c r="B91" s="97">
        <f>'p-y mono_clay'!B91</f>
        <v>-80.5</v>
      </c>
      <c r="C91">
        <f>'p-y mono_clay'!C91</f>
        <v>65</v>
      </c>
      <c r="D91">
        <f>'p-y mono_clay'!D91</f>
        <v>64.989999999999995</v>
      </c>
      <c r="E91" t="str">
        <f>'p-y mono_clay'!E91</f>
        <v>SAND</v>
      </c>
      <c r="F91" s="43">
        <f>'p-y mono_clay'!G91</f>
        <v>20.048767174645732</v>
      </c>
      <c r="G91" s="43">
        <f>'p-y mono_clay'!H91</f>
        <v>10.048767174645732</v>
      </c>
      <c r="H91" s="43">
        <f>'p-y mono_clay'!I91</f>
        <v>653.13972005044866</v>
      </c>
      <c r="I91">
        <f>INDEX('CPT Data'!$T$13:$T$20000,MATCH(C91,'CPT Data'!$B$13:$B$20000,1))</f>
        <v>32.420614340119258</v>
      </c>
      <c r="J91" s="98">
        <f>'Pile Property'!$B$8</f>
        <v>2</v>
      </c>
      <c r="K91" s="97">
        <f t="shared" si="106"/>
        <v>0.56584646575436981</v>
      </c>
      <c r="L91">
        <f t="shared" si="107"/>
        <v>16.210307170059629</v>
      </c>
      <c r="M91">
        <f t="shared" si="108"/>
        <v>0.2829232328771849</v>
      </c>
      <c r="N91" s="3">
        <f t="shared" si="109"/>
        <v>61.210307170059629</v>
      </c>
      <c r="O91">
        <f t="shared" si="110"/>
        <v>1.0683213962746332</v>
      </c>
      <c r="P91">
        <v>9.4</v>
      </c>
      <c r="Q91">
        <f t="shared" si="111"/>
        <v>0.30197268308377684</v>
      </c>
      <c r="R91">
        <f t="shared" si="112"/>
        <v>16.215979107115345</v>
      </c>
      <c r="S91">
        <f t="shared" si="113"/>
        <v>3.0095851366100268</v>
      </c>
      <c r="T91">
        <f t="shared" si="114"/>
        <v>101.48527062121045</v>
      </c>
      <c r="U91">
        <f t="shared" si="115"/>
        <v>692185.39520789799</v>
      </c>
      <c r="V91">
        <f t="shared" si="116"/>
        <v>132553.84525957701</v>
      </c>
      <c r="W91" s="98">
        <f t="shared" si="117"/>
        <v>132553.84525957701</v>
      </c>
      <c r="X91">
        <f t="shared" si="118"/>
        <v>0.9</v>
      </c>
      <c r="Y91">
        <f t="shared" si="119"/>
        <v>15138.834144717224</v>
      </c>
      <c r="Z91" s="143">
        <v>0</v>
      </c>
      <c r="AA91" s="137">
        <f t="shared" si="120"/>
        <v>10</v>
      </c>
      <c r="AB91" s="137">
        <f t="shared" si="121"/>
        <v>20</v>
      </c>
      <c r="AC91" s="137">
        <f t="shared" si="122"/>
        <v>30</v>
      </c>
      <c r="AD91" s="137">
        <f t="shared" si="123"/>
        <v>40</v>
      </c>
      <c r="AE91" s="137">
        <f t="shared" si="124"/>
        <v>50</v>
      </c>
      <c r="AF91" s="137">
        <f t="shared" si="125"/>
        <v>60</v>
      </c>
      <c r="AG91" s="137">
        <f t="shared" si="126"/>
        <v>70</v>
      </c>
      <c r="AH91" s="137">
        <f t="shared" si="127"/>
        <v>80</v>
      </c>
      <c r="AI91" s="137">
        <f t="shared" si="128"/>
        <v>90</v>
      </c>
      <c r="AJ91" s="137">
        <f t="shared" si="129"/>
        <v>100</v>
      </c>
      <c r="AK91" s="137">
        <f t="shared" si="130"/>
        <v>110</v>
      </c>
      <c r="AL91" s="137">
        <f t="shared" si="131"/>
        <v>120</v>
      </c>
      <c r="AM91" s="143">
        <f t="shared" si="132"/>
        <v>0</v>
      </c>
      <c r="AN91" s="137">
        <f t="shared" si="133"/>
        <v>9816.4826114639563</v>
      </c>
      <c r="AO91" s="137">
        <f t="shared" si="134"/>
        <v>19500.92769188125</v>
      </c>
      <c r="AP91" s="137">
        <f t="shared" si="135"/>
        <v>28928.307359622486</v>
      </c>
      <c r="AQ91" s="137">
        <f t="shared" si="136"/>
        <v>37986.836798069126</v>
      </c>
      <c r="AR91" s="137">
        <f t="shared" si="137"/>
        <v>46582.799311106442</v>
      </c>
      <c r="AS91" s="137">
        <f t="shared" si="138"/>
        <v>54643.579356211478</v>
      </c>
      <c r="AT91" s="137">
        <f t="shared" si="139"/>
        <v>62118.808270753128</v>
      </c>
      <c r="AU91" s="137">
        <f t="shared" si="140"/>
        <v>68979.789274269307</v>
      </c>
      <c r="AV91" s="137">
        <f t="shared" si="141"/>
        <v>75217.555358540412</v>
      </c>
      <c r="AW91" s="144">
        <f t="shared" si="142"/>
        <v>80840.005668817335</v>
      </c>
      <c r="AX91" s="208">
        <f t="shared" si="143"/>
        <v>85868.569396341089</v>
      </c>
      <c r="AY91" s="209">
        <f t="shared" si="144"/>
        <v>90334.784909637732</v>
      </c>
    </row>
    <row r="92" spans="2:51" ht="13.5" thickBot="1" x14ac:dyDescent="0.25">
      <c r="B92" s="97">
        <f>'p-y mono_clay'!B92</f>
        <v>-81.5</v>
      </c>
      <c r="C92">
        <f>'p-y mono_clay'!C92</f>
        <v>66</v>
      </c>
      <c r="D92">
        <f>'p-y mono_clay'!D92</f>
        <v>65.988</v>
      </c>
      <c r="E92" t="str">
        <f>'p-y mono_clay'!E92</f>
        <v>SAND</v>
      </c>
      <c r="F92" s="43">
        <f>'p-y mono_clay'!G92</f>
        <v>19.686032181265638</v>
      </c>
      <c r="G92" s="43">
        <f>'p-y mono_clay'!H92</f>
        <v>9.686032181265638</v>
      </c>
      <c r="H92" s="43">
        <f>'p-y mono_clay'!I92</f>
        <v>639.22969380262577</v>
      </c>
      <c r="I92">
        <f>INDEX('CPT Data'!$T$13:$T$20000,MATCH(C92,'CPT Data'!$B$13:$B$20000,1))</f>
        <v>35.308870007183117</v>
      </c>
      <c r="J92" s="98">
        <f>'Pile Property'!$B$8</f>
        <v>2</v>
      </c>
      <c r="K92" s="97">
        <f t="shared" si="106"/>
        <v>0.6162560367840193</v>
      </c>
      <c r="L92">
        <f t="shared" si="107"/>
        <v>17.654435003591558</v>
      </c>
      <c r="M92">
        <f t="shared" si="108"/>
        <v>0.30812801839200965</v>
      </c>
      <c r="N92" s="3">
        <f t="shared" si="109"/>
        <v>62.654435003591558</v>
      </c>
      <c r="O92">
        <f t="shared" si="110"/>
        <v>1.0935261817894579</v>
      </c>
      <c r="P92">
        <v>10.4</v>
      </c>
      <c r="Q92">
        <f t="shared" si="111"/>
        <v>0.26744000263991446</v>
      </c>
      <c r="R92">
        <f t="shared" si="112"/>
        <v>21.829909760070212</v>
      </c>
      <c r="S92">
        <f t="shared" si="113"/>
        <v>3.4717164067563884</v>
      </c>
      <c r="T92">
        <f t="shared" si="114"/>
        <v>154.9973695525139</v>
      </c>
      <c r="U92">
        <f t="shared" si="115"/>
        <v>925158.4068979685</v>
      </c>
      <c r="V92">
        <f t="shared" si="116"/>
        <v>198136.82382539884</v>
      </c>
      <c r="W92" s="98">
        <f t="shared" si="117"/>
        <v>198136.82382539884</v>
      </c>
      <c r="X92">
        <f t="shared" si="118"/>
        <v>0.9</v>
      </c>
      <c r="Y92">
        <f t="shared" si="119"/>
        <v>23420.802033042339</v>
      </c>
      <c r="Z92" s="143">
        <v>0</v>
      </c>
      <c r="AA92" s="137">
        <f t="shared" si="120"/>
        <v>10</v>
      </c>
      <c r="AB92" s="137">
        <f t="shared" si="121"/>
        <v>20</v>
      </c>
      <c r="AC92" s="137">
        <f t="shared" si="122"/>
        <v>30</v>
      </c>
      <c r="AD92" s="137">
        <f t="shared" si="123"/>
        <v>40</v>
      </c>
      <c r="AE92" s="137">
        <f t="shared" si="124"/>
        <v>50</v>
      </c>
      <c r="AF92" s="137">
        <f t="shared" si="125"/>
        <v>60</v>
      </c>
      <c r="AG92" s="137">
        <f t="shared" si="126"/>
        <v>70</v>
      </c>
      <c r="AH92" s="137">
        <f t="shared" si="127"/>
        <v>80</v>
      </c>
      <c r="AI92" s="137">
        <f t="shared" si="128"/>
        <v>90</v>
      </c>
      <c r="AJ92" s="137">
        <f t="shared" si="129"/>
        <v>100</v>
      </c>
      <c r="AK92" s="137">
        <f t="shared" si="130"/>
        <v>110</v>
      </c>
      <c r="AL92" s="137">
        <f t="shared" si="131"/>
        <v>120</v>
      </c>
      <c r="AM92" s="143">
        <f t="shared" si="132"/>
        <v>0</v>
      </c>
      <c r="AN92" s="137">
        <f t="shared" si="133"/>
        <v>15416.338983823311</v>
      </c>
      <c r="AO92" s="137">
        <f t="shared" si="134"/>
        <v>30603.947228008165</v>
      </c>
      <c r="AP92" s="137">
        <f t="shared" si="135"/>
        <v>45347.470156060263</v>
      </c>
      <c r="AQ92" s="137">
        <f t="shared" si="136"/>
        <v>59456.676875966295</v>
      </c>
      <c r="AR92" s="137">
        <f t="shared" si="137"/>
        <v>72775.282096116745</v>
      </c>
      <c r="AS92" s="137">
        <f t="shared" si="138"/>
        <v>85186.108732571403</v>
      </c>
      <c r="AT92" s="137">
        <f t="shared" si="139"/>
        <v>96612.493520115851</v>
      </c>
      <c r="AU92" s="137">
        <f t="shared" si="140"/>
        <v>107016.38975111264</v>
      </c>
      <c r="AV92" s="137">
        <f t="shared" si="141"/>
        <v>116393.9840492028</v>
      </c>
      <c r="AW92" s="144">
        <f t="shared" si="142"/>
        <v>124769.78576149599</v>
      </c>
      <c r="AX92" s="208">
        <f t="shared" si="143"/>
        <v>132190.09879034193</v>
      </c>
      <c r="AY92" s="209">
        <f t="shared" si="144"/>
        <v>138716.61220608541</v>
      </c>
    </row>
    <row r="93" spans="2:51" ht="13.5" thickBot="1" x14ac:dyDescent="0.25">
      <c r="B93" s="97">
        <f>'p-y mono_clay'!B93</f>
        <v>-82.5</v>
      </c>
      <c r="C93">
        <f>'p-y mono_clay'!C93</f>
        <v>67</v>
      </c>
      <c r="D93">
        <f>'p-y mono_clay'!D93</f>
        <v>66.98599999999999</v>
      </c>
      <c r="E93" t="str">
        <f>'p-y mono_clay'!E93</f>
        <v>SAND</v>
      </c>
      <c r="F93" s="43">
        <f>'p-y mono_clay'!G93</f>
        <v>19.654199794055359</v>
      </c>
      <c r="G93" s="43">
        <f>'p-y mono_clay'!H93</f>
        <v>9.6541997940553586</v>
      </c>
      <c r="H93" s="43">
        <f>'p-y mono_clay'!I93</f>
        <v>646.7638068031506</v>
      </c>
      <c r="I93">
        <f>INDEX('CPT Data'!$T$13:$T$20000,MATCH(C93,'CPT Data'!$B$13:$B$20000,1))</f>
        <v>34.395786768126939</v>
      </c>
      <c r="J93" s="98">
        <f>'Pile Property'!$B$8</f>
        <v>2</v>
      </c>
      <c r="K93" s="97">
        <f t="shared" si="106"/>
        <v>0.60031972791771449</v>
      </c>
      <c r="L93">
        <f t="shared" si="107"/>
        <v>17.19789338406347</v>
      </c>
      <c r="M93">
        <f t="shared" si="108"/>
        <v>0.30015986395885724</v>
      </c>
      <c r="N93" s="3">
        <f t="shared" si="109"/>
        <v>62.19789338406347</v>
      </c>
      <c r="O93">
        <f t="shared" si="110"/>
        <v>1.0855580273563055</v>
      </c>
      <c r="P93">
        <v>11.4</v>
      </c>
      <c r="Q93">
        <f t="shared" si="111"/>
        <v>0.27803176779555028</v>
      </c>
      <c r="R93">
        <f t="shared" si="112"/>
        <v>22.217649536573422</v>
      </c>
      <c r="S93">
        <f t="shared" si="113"/>
        <v>3.3186795286464679</v>
      </c>
      <c r="T93">
        <f t="shared" si="114"/>
        <v>147.21197523451195</v>
      </c>
      <c r="U93">
        <f t="shared" si="115"/>
        <v>966751.90126602247</v>
      </c>
      <c r="V93">
        <f t="shared" si="116"/>
        <v>190402.85802587427</v>
      </c>
      <c r="W93" s="98">
        <f t="shared" si="117"/>
        <v>190402.85802587427</v>
      </c>
      <c r="X93">
        <f t="shared" si="118"/>
        <v>0.9</v>
      </c>
      <c r="Y93">
        <f t="shared" si="119"/>
        <v>20392.792803217657</v>
      </c>
      <c r="Z93" s="143">
        <v>0</v>
      </c>
      <c r="AA93" s="137">
        <f t="shared" si="120"/>
        <v>10</v>
      </c>
      <c r="AB93" s="137">
        <f t="shared" si="121"/>
        <v>20</v>
      </c>
      <c r="AC93" s="137">
        <f t="shared" si="122"/>
        <v>30</v>
      </c>
      <c r="AD93" s="137">
        <f t="shared" si="123"/>
        <v>40</v>
      </c>
      <c r="AE93" s="137">
        <f t="shared" si="124"/>
        <v>50</v>
      </c>
      <c r="AF93" s="137">
        <f t="shared" si="125"/>
        <v>60</v>
      </c>
      <c r="AG93" s="137">
        <f t="shared" si="126"/>
        <v>70</v>
      </c>
      <c r="AH93" s="137">
        <f t="shared" si="127"/>
        <v>80</v>
      </c>
      <c r="AI93" s="137">
        <f t="shared" si="128"/>
        <v>90</v>
      </c>
      <c r="AJ93" s="137">
        <f t="shared" si="129"/>
        <v>100</v>
      </c>
      <c r="AK93" s="137">
        <f t="shared" si="130"/>
        <v>110</v>
      </c>
      <c r="AL93" s="137">
        <f t="shared" si="131"/>
        <v>120</v>
      </c>
      <c r="AM93" s="143">
        <f t="shared" si="132"/>
        <v>0</v>
      </c>
      <c r="AN93" s="137">
        <f t="shared" si="133"/>
        <v>13631.454176739302</v>
      </c>
      <c r="AO93" s="137">
        <f t="shared" si="134"/>
        <v>27091.479016162099</v>
      </c>
      <c r="AP93" s="137">
        <f t="shared" si="135"/>
        <v>40217.161667427426</v>
      </c>
      <c r="AQ93" s="137">
        <f t="shared" si="136"/>
        <v>52861.738671780447</v>
      </c>
      <c r="AR93" s="137">
        <f t="shared" si="137"/>
        <v>64900.615616069488</v>
      </c>
      <c r="AS93" s="137">
        <f t="shared" si="138"/>
        <v>76235.311780290911</v>
      </c>
      <c r="AT93" s="137">
        <f t="shared" si="139"/>
        <v>86795.184381361789</v>
      </c>
      <c r="AU93" s="137">
        <f t="shared" si="140"/>
        <v>96537.082434437834</v>
      </c>
      <c r="AV93" s="137">
        <f t="shared" si="141"/>
        <v>105443.30165075648</v>
      </c>
      <c r="AW93" s="144">
        <f t="shared" si="142"/>
        <v>113518.33352140104</v>
      </c>
      <c r="AX93" s="208">
        <f t="shared" si="143"/>
        <v>120784.92577419723</v>
      </c>
      <c r="AY93" s="209">
        <f t="shared" si="144"/>
        <v>127279.9193692361</v>
      </c>
    </row>
    <row r="94" spans="2:51" ht="13.5" thickBot="1" x14ac:dyDescent="0.25">
      <c r="B94" s="97">
        <f>'p-y mono_clay'!B94</f>
        <v>-83.5</v>
      </c>
      <c r="C94">
        <f>'p-y mono_clay'!C94</f>
        <v>68</v>
      </c>
      <c r="D94">
        <f>'p-y mono_clay'!D94</f>
        <v>67.984999999999999</v>
      </c>
      <c r="E94" t="str">
        <f>'p-y mono_clay'!E94</f>
        <v>CLAY</v>
      </c>
      <c r="F94" s="43">
        <f>'p-y mono_clay'!G94</f>
        <v>20.936467362339812</v>
      </c>
      <c r="G94" s="43">
        <f>'p-y mono_clay'!H94</f>
        <v>10.936467362339812</v>
      </c>
      <c r="H94" s="43">
        <f>'p-y mono_clay'!I94</f>
        <v>743.59228890020859</v>
      </c>
      <c r="I94" t="e">
        <f>INDEX('CPT Data'!$T$13:$T$20000,MATCH(C94,'CPT Data'!$B$13:$B$20000,1))</f>
        <v>#N/A</v>
      </c>
      <c r="J94" s="98">
        <f>'Pile Property'!$B$8</f>
        <v>2</v>
      </c>
      <c r="K94" s="97" t="e">
        <f t="shared" si="106"/>
        <v>#N/A</v>
      </c>
      <c r="L94" t="e">
        <f t="shared" si="107"/>
        <v>#N/A</v>
      </c>
      <c r="M94" t="e">
        <f t="shared" si="108"/>
        <v>#N/A</v>
      </c>
      <c r="N94" s="3" t="e">
        <f t="shared" si="109"/>
        <v>#N/A</v>
      </c>
      <c r="O94" t="e">
        <f t="shared" si="110"/>
        <v>#N/A</v>
      </c>
      <c r="P94">
        <v>12.4</v>
      </c>
      <c r="Q94" t="e">
        <f t="shared" si="111"/>
        <v>#N/A</v>
      </c>
      <c r="R94" t="e">
        <f t="shared" si="112"/>
        <v>#N/A</v>
      </c>
      <c r="S94" t="e">
        <f t="shared" si="113"/>
        <v>#N/A</v>
      </c>
      <c r="T94" t="e">
        <f t="shared" si="114"/>
        <v>#N/A</v>
      </c>
      <c r="U94" t="e">
        <f t="shared" si="115"/>
        <v>#N/A</v>
      </c>
      <c r="V94" t="e">
        <f t="shared" si="116"/>
        <v>#N/A</v>
      </c>
      <c r="W94" s="98" t="e">
        <f t="shared" si="117"/>
        <v>#N/A</v>
      </c>
      <c r="X94">
        <f t="shared" si="118"/>
        <v>0.9</v>
      </c>
      <c r="Y94" t="e">
        <f t="shared" si="119"/>
        <v>#N/A</v>
      </c>
      <c r="Z94" s="143">
        <v>0</v>
      </c>
      <c r="AA94" s="137">
        <f t="shared" si="120"/>
        <v>10</v>
      </c>
      <c r="AB94" s="137">
        <f t="shared" si="121"/>
        <v>20</v>
      </c>
      <c r="AC94" s="137">
        <f t="shared" si="122"/>
        <v>30</v>
      </c>
      <c r="AD94" s="137">
        <f t="shared" si="123"/>
        <v>40</v>
      </c>
      <c r="AE94" s="137">
        <f t="shared" si="124"/>
        <v>50</v>
      </c>
      <c r="AF94" s="137">
        <f t="shared" si="125"/>
        <v>60</v>
      </c>
      <c r="AG94" s="137">
        <f t="shared" si="126"/>
        <v>70</v>
      </c>
      <c r="AH94" s="137">
        <f t="shared" si="127"/>
        <v>80</v>
      </c>
      <c r="AI94" s="137">
        <f t="shared" si="128"/>
        <v>90</v>
      </c>
      <c r="AJ94" s="137">
        <f t="shared" si="129"/>
        <v>100</v>
      </c>
      <c r="AK94" s="137">
        <f t="shared" si="130"/>
        <v>110</v>
      </c>
      <c r="AL94" s="137">
        <f t="shared" si="131"/>
        <v>120</v>
      </c>
      <c r="AM94" s="143" t="e">
        <f t="shared" si="132"/>
        <v>#N/A</v>
      </c>
      <c r="AN94" s="137" t="e">
        <f t="shared" si="133"/>
        <v>#N/A</v>
      </c>
      <c r="AO94" s="137" t="e">
        <f t="shared" si="134"/>
        <v>#N/A</v>
      </c>
      <c r="AP94" s="137" t="e">
        <f t="shared" si="135"/>
        <v>#N/A</v>
      </c>
      <c r="AQ94" s="137" t="e">
        <f t="shared" si="136"/>
        <v>#N/A</v>
      </c>
      <c r="AR94" s="137" t="e">
        <f t="shared" si="137"/>
        <v>#N/A</v>
      </c>
      <c r="AS94" s="137" t="e">
        <f t="shared" si="138"/>
        <v>#N/A</v>
      </c>
      <c r="AT94" s="137" t="e">
        <f t="shared" si="139"/>
        <v>#N/A</v>
      </c>
      <c r="AU94" s="137" t="e">
        <f t="shared" si="140"/>
        <v>#N/A</v>
      </c>
      <c r="AV94" s="137" t="e">
        <f t="shared" si="141"/>
        <v>#N/A</v>
      </c>
      <c r="AW94" s="144" t="e">
        <f t="shared" si="142"/>
        <v>#N/A</v>
      </c>
      <c r="AX94" s="208" t="e">
        <f t="shared" si="143"/>
        <v>#N/A</v>
      </c>
      <c r="AY94" s="209" t="e">
        <f t="shared" si="144"/>
        <v>#N/A</v>
      </c>
    </row>
    <row r="95" spans="2:51" ht="13.5" thickBot="1" x14ac:dyDescent="0.25">
      <c r="B95" s="97">
        <f>'p-y mono_clay'!B95</f>
        <v>-84.5</v>
      </c>
      <c r="C95">
        <f>'p-y mono_clay'!C95</f>
        <v>69</v>
      </c>
      <c r="D95">
        <f>'p-y mono_clay'!D95</f>
        <v>68.99199999999999</v>
      </c>
      <c r="E95" t="str">
        <f>'p-y mono_clay'!E95</f>
        <v>SAND</v>
      </c>
      <c r="F95" s="43">
        <f>'p-y mono_clay'!G95</f>
        <v>19.858710415402953</v>
      </c>
      <c r="G95" s="43">
        <f>'p-y mono_clay'!H95</f>
        <v>9.8587104154029532</v>
      </c>
      <c r="H95" s="43">
        <f>'p-y mono_clay'!I95</f>
        <v>680.24115995238833</v>
      </c>
      <c r="I95">
        <f>INDEX('CPT Data'!$T$13:$T$20000,MATCH(C95,'CPT Data'!$B$13:$B$20000,1))</f>
        <v>33.304381824663459</v>
      </c>
      <c r="J95" s="98">
        <f>'Pile Property'!$B$8</f>
        <v>2</v>
      </c>
      <c r="K95" s="97">
        <f t="shared" si="106"/>
        <v>0.58127111818173416</v>
      </c>
      <c r="L95">
        <f t="shared" si="107"/>
        <v>16.652190912331729</v>
      </c>
      <c r="M95">
        <f t="shared" si="108"/>
        <v>0.29063555909086708</v>
      </c>
      <c r="N95" s="3">
        <f t="shared" si="109"/>
        <v>61.652190912331733</v>
      </c>
      <c r="O95">
        <f t="shared" si="110"/>
        <v>1.0760337224883154</v>
      </c>
      <c r="P95">
        <v>13.4</v>
      </c>
      <c r="Q95">
        <f t="shared" si="111"/>
        <v>0.29108328970505448</v>
      </c>
      <c r="R95">
        <f t="shared" si="112"/>
        <v>23.825775489434452</v>
      </c>
      <c r="S95">
        <f t="shared" si="113"/>
        <v>3.1443595384053067</v>
      </c>
      <c r="T95">
        <f t="shared" si="114"/>
        <v>144.15763090890636</v>
      </c>
      <c r="U95">
        <f t="shared" si="115"/>
        <v>1122336.1617243136</v>
      </c>
      <c r="V95">
        <f t="shared" si="116"/>
        <v>196104.01121420323</v>
      </c>
      <c r="W95" s="98">
        <f t="shared" si="117"/>
        <v>196104.01121420323</v>
      </c>
      <c r="X95">
        <f t="shared" si="118"/>
        <v>0.9</v>
      </c>
      <c r="Y95">
        <f t="shared" si="119"/>
        <v>17489.655653604801</v>
      </c>
      <c r="Z95" s="143">
        <v>0</v>
      </c>
      <c r="AA95" s="137">
        <f t="shared" si="120"/>
        <v>10</v>
      </c>
      <c r="AB95" s="137">
        <f t="shared" si="121"/>
        <v>20</v>
      </c>
      <c r="AC95" s="137">
        <f t="shared" si="122"/>
        <v>30</v>
      </c>
      <c r="AD95" s="137">
        <f t="shared" si="123"/>
        <v>40</v>
      </c>
      <c r="AE95" s="137">
        <f t="shared" si="124"/>
        <v>50</v>
      </c>
      <c r="AF95" s="137">
        <f t="shared" si="125"/>
        <v>60</v>
      </c>
      <c r="AG95" s="137">
        <f t="shared" si="126"/>
        <v>70</v>
      </c>
      <c r="AH95" s="137">
        <f t="shared" si="127"/>
        <v>80</v>
      </c>
      <c r="AI95" s="137">
        <f t="shared" si="128"/>
        <v>90</v>
      </c>
      <c r="AJ95" s="137">
        <f t="shared" si="129"/>
        <v>100</v>
      </c>
      <c r="AK95" s="137">
        <f t="shared" si="130"/>
        <v>110</v>
      </c>
      <c r="AL95" s="137">
        <f t="shared" si="131"/>
        <v>120</v>
      </c>
      <c r="AM95" s="143">
        <f t="shared" si="132"/>
        <v>0</v>
      </c>
      <c r="AN95" s="137">
        <f t="shared" si="133"/>
        <v>12047.698186227914</v>
      </c>
      <c r="AO95" s="137">
        <f t="shared" si="134"/>
        <v>23983.641796570442</v>
      </c>
      <c r="AP95" s="137">
        <f t="shared" si="135"/>
        <v>35700.184691755465</v>
      </c>
      <c r="AQ95" s="137">
        <f t="shared" si="136"/>
        <v>47097.580759723263</v>
      </c>
      <c r="AR95" s="137">
        <f t="shared" si="137"/>
        <v>58087.183069968545</v>
      </c>
      <c r="AS95" s="137">
        <f t="shared" si="138"/>
        <v>68593.849465051622</v>
      </c>
      <c r="AT95" s="137">
        <f t="shared" si="139"/>
        <v>78557.447214813437</v>
      </c>
      <c r="AU95" s="137">
        <f t="shared" si="140"/>
        <v>87933.44618877639</v>
      </c>
      <c r="AV95" s="137">
        <f t="shared" si="141"/>
        <v>96692.675193466785</v>
      </c>
      <c r="AW95" s="144">
        <f t="shared" si="142"/>
        <v>104820.37931690417</v>
      </c>
      <c r="AX95" s="208">
        <f t="shared" si="143"/>
        <v>112314.7526253754</v>
      </c>
      <c r="AY95" s="209">
        <f t="shared" si="144"/>
        <v>119185.13104074284</v>
      </c>
    </row>
    <row r="96" spans="2:51" ht="13.5" thickBot="1" x14ac:dyDescent="0.25">
      <c r="B96" s="97">
        <f>'p-y mono_clay'!B96</f>
        <v>-85.5</v>
      </c>
      <c r="C96">
        <f>'p-y mono_clay'!C96</f>
        <v>70</v>
      </c>
      <c r="D96">
        <f>'p-y mono_clay'!D96</f>
        <v>69.983999999999995</v>
      </c>
      <c r="E96" t="str">
        <f>'p-y mono_clay'!E96</f>
        <v>SAND</v>
      </c>
      <c r="F96" s="43">
        <f>'p-y mono_clay'!G96</f>
        <v>19.664830154387975</v>
      </c>
      <c r="G96" s="43">
        <f>'p-y mono_clay'!H96</f>
        <v>9.6648301543879747</v>
      </c>
      <c r="H96" s="43">
        <f>'p-y mono_clay'!I96</f>
        <v>676.45112733576877</v>
      </c>
      <c r="I96">
        <f>INDEX('CPT Data'!$T$13:$T$20000,MATCH(C96,'CPT Data'!$B$13:$B$20000,1))</f>
        <v>33.429702996633765</v>
      </c>
      <c r="J96" s="98">
        <f>'Pile Property'!$B$8</f>
        <v>2</v>
      </c>
      <c r="K96" s="97">
        <f t="shared" si="106"/>
        <v>0.5834583852550741</v>
      </c>
      <c r="L96">
        <f t="shared" si="107"/>
        <v>16.714851498316882</v>
      </c>
      <c r="M96">
        <f t="shared" si="108"/>
        <v>0.29172919262753705</v>
      </c>
      <c r="N96" s="3">
        <f t="shared" si="109"/>
        <v>61.714851498316882</v>
      </c>
      <c r="O96">
        <f t="shared" si="110"/>
        <v>1.0771273560249852</v>
      </c>
      <c r="P96">
        <v>14.4</v>
      </c>
      <c r="Q96">
        <f t="shared" si="111"/>
        <v>0.28956260078503321</v>
      </c>
      <c r="R96">
        <f t="shared" si="112"/>
        <v>25.689231554521882</v>
      </c>
      <c r="S96">
        <f t="shared" si="113"/>
        <v>3.1639220594884283</v>
      </c>
      <c r="T96">
        <f t="shared" si="114"/>
        <v>154.26965917737405</v>
      </c>
      <c r="U96">
        <f t="shared" si="115"/>
        <v>1220306.0538103071</v>
      </c>
      <c r="V96">
        <f t="shared" si="116"/>
        <v>208690.89586772403</v>
      </c>
      <c r="W96" s="98">
        <f t="shared" si="117"/>
        <v>208690.89586772403</v>
      </c>
      <c r="X96">
        <f t="shared" si="118"/>
        <v>0.9</v>
      </c>
      <c r="Y96">
        <f t="shared" si="119"/>
        <v>17823.009971045816</v>
      </c>
      <c r="Z96" s="143">
        <v>0</v>
      </c>
      <c r="AA96" s="137">
        <f t="shared" si="120"/>
        <v>10</v>
      </c>
      <c r="AB96" s="137">
        <f t="shared" si="121"/>
        <v>20</v>
      </c>
      <c r="AC96" s="137">
        <f t="shared" si="122"/>
        <v>30</v>
      </c>
      <c r="AD96" s="137">
        <f t="shared" si="123"/>
        <v>40</v>
      </c>
      <c r="AE96" s="137">
        <f t="shared" si="124"/>
        <v>50</v>
      </c>
      <c r="AF96" s="137">
        <f t="shared" si="125"/>
        <v>60</v>
      </c>
      <c r="AG96" s="137">
        <f t="shared" si="126"/>
        <v>70</v>
      </c>
      <c r="AH96" s="137">
        <f t="shared" si="127"/>
        <v>80</v>
      </c>
      <c r="AI96" s="137">
        <f t="shared" si="128"/>
        <v>90</v>
      </c>
      <c r="AJ96" s="137">
        <f t="shared" si="129"/>
        <v>100</v>
      </c>
      <c r="AK96" s="137">
        <f t="shared" si="130"/>
        <v>110</v>
      </c>
      <c r="AL96" s="137">
        <f t="shared" si="131"/>
        <v>120</v>
      </c>
      <c r="AM96" s="143">
        <f t="shared" si="132"/>
        <v>0</v>
      </c>
      <c r="AN96" s="137">
        <f t="shared" si="133"/>
        <v>12454.950678944881</v>
      </c>
      <c r="AO96" s="137">
        <f t="shared" si="134"/>
        <v>24800.843128150249</v>
      </c>
      <c r="AP96" s="137">
        <f t="shared" si="135"/>
        <v>36932.405711012718</v>
      </c>
      <c r="AQ96" s="137">
        <f t="shared" si="136"/>
        <v>48751.663977682409</v>
      </c>
      <c r="AR96" s="137">
        <f t="shared" si="137"/>
        <v>60170.933255067321</v>
      </c>
      <c r="AS96" s="137">
        <f t="shared" si="138"/>
        <v>71115.11294011079</v>
      </c>
      <c r="AT96" s="137">
        <f t="shared" si="139"/>
        <v>81523.180680079895</v>
      </c>
      <c r="AU96" s="137">
        <f t="shared" si="140"/>
        <v>91348.86692461092</v>
      </c>
      <c r="AV96" s="137">
        <f t="shared" si="141"/>
        <v>100560.5644169125</v>
      </c>
      <c r="AW96" s="144">
        <f t="shared" si="142"/>
        <v>109140.58419206039</v>
      </c>
      <c r="AX96" s="208">
        <f t="shared" si="143"/>
        <v>117083.90504257903</v>
      </c>
      <c r="AY96" s="209">
        <f t="shared" si="144"/>
        <v>124396.57696830857</v>
      </c>
    </row>
    <row r="97" spans="2:51" ht="13.5" thickBot="1" x14ac:dyDescent="0.25">
      <c r="B97" s="97">
        <f>'p-y mono_clay'!B97</f>
        <v>-86.5</v>
      </c>
      <c r="C97">
        <f>'p-y mono_clay'!C97</f>
        <v>71</v>
      </c>
      <c r="D97">
        <f>'p-y mono_clay'!D97</f>
        <v>70.98599999999999</v>
      </c>
      <c r="E97" t="str">
        <f>'p-y mono_clay'!E97</f>
        <v>SAND</v>
      </c>
      <c r="F97" s="43">
        <f>'p-y mono_clay'!G97</f>
        <v>20.201876324965873</v>
      </c>
      <c r="G97" s="43">
        <f>'p-y mono_clay'!H97</f>
        <v>10.201876324965873</v>
      </c>
      <c r="H97" s="43">
        <f>'p-y mono_clay'!I97</f>
        <v>724.26180593830225</v>
      </c>
      <c r="I97">
        <f>INDEX('CPT Data'!$T$13:$T$20000,MATCH(C97,'CPT Data'!$B$13:$B$20000,1))</f>
        <v>34.280682057328178</v>
      </c>
      <c r="J97" s="98">
        <f>'Pile Property'!$B$8</f>
        <v>2</v>
      </c>
      <c r="K97" s="97">
        <f t="shared" si="106"/>
        <v>0.59831077172972025</v>
      </c>
      <c r="L97">
        <f t="shared" si="107"/>
        <v>17.140341028664089</v>
      </c>
      <c r="M97">
        <f t="shared" si="108"/>
        <v>0.29915538586486012</v>
      </c>
      <c r="N97" s="3">
        <f t="shared" si="109"/>
        <v>62.140341028664089</v>
      </c>
      <c r="O97">
        <f t="shared" si="110"/>
        <v>1.0845535492623084</v>
      </c>
      <c r="P97">
        <v>15.4</v>
      </c>
      <c r="Q97">
        <f t="shared" si="111"/>
        <v>0.27938795046343329</v>
      </c>
      <c r="R97">
        <f t="shared" si="112"/>
        <v>29.035593768817368</v>
      </c>
      <c r="S97">
        <f t="shared" si="113"/>
        <v>3.2998644773569343</v>
      </c>
      <c r="T97">
        <f t="shared" si="114"/>
        <v>180.05934440358845</v>
      </c>
      <c r="U97">
        <f t="shared" si="115"/>
        <v>1497423.240159719</v>
      </c>
      <c r="V97">
        <f t="shared" si="116"/>
        <v>260794.49470334075</v>
      </c>
      <c r="W97" s="98">
        <f t="shared" si="117"/>
        <v>260794.49470334075</v>
      </c>
      <c r="X97">
        <f t="shared" si="118"/>
        <v>0.9</v>
      </c>
      <c r="Y97">
        <f t="shared" si="119"/>
        <v>20086.614272492952</v>
      </c>
      <c r="Z97" s="143">
        <v>0</v>
      </c>
      <c r="AA97" s="137">
        <f t="shared" si="120"/>
        <v>10</v>
      </c>
      <c r="AB97" s="137">
        <f t="shared" si="121"/>
        <v>20</v>
      </c>
      <c r="AC97" s="137">
        <f t="shared" si="122"/>
        <v>30</v>
      </c>
      <c r="AD97" s="137">
        <f t="shared" si="123"/>
        <v>40</v>
      </c>
      <c r="AE97" s="137">
        <f t="shared" si="124"/>
        <v>50</v>
      </c>
      <c r="AF97" s="137">
        <f t="shared" si="125"/>
        <v>60</v>
      </c>
      <c r="AG97" s="137">
        <f t="shared" si="126"/>
        <v>70</v>
      </c>
      <c r="AH97" s="137">
        <f t="shared" si="127"/>
        <v>80</v>
      </c>
      <c r="AI97" s="137">
        <f t="shared" si="128"/>
        <v>90</v>
      </c>
      <c r="AJ97" s="137">
        <f t="shared" si="129"/>
        <v>100</v>
      </c>
      <c r="AK97" s="137">
        <f t="shared" si="130"/>
        <v>110</v>
      </c>
      <c r="AL97" s="137">
        <f t="shared" si="131"/>
        <v>120</v>
      </c>
      <c r="AM97" s="143">
        <f t="shared" si="132"/>
        <v>0</v>
      </c>
      <c r="AN97" s="137">
        <f t="shared" si="133"/>
        <v>14241.169633771982</v>
      </c>
      <c r="AO97" s="137">
        <f t="shared" si="134"/>
        <v>28377.869830631345</v>
      </c>
      <c r="AP97" s="137">
        <f t="shared" si="135"/>
        <v>42308.674270307398</v>
      </c>
      <c r="AQ97" s="137">
        <f t="shared" si="136"/>
        <v>55938.056414739047</v>
      </c>
      <c r="AR97" s="137">
        <f t="shared" si="137"/>
        <v>69178.892623663487</v>
      </c>
      <c r="AS97" s="137">
        <f t="shared" si="138"/>
        <v>81954.480304484634</v>
      </c>
      <c r="AT97" s="137">
        <f t="shared" si="139"/>
        <v>94199.986309263404</v>
      </c>
      <c r="AU97" s="137">
        <f t="shared" si="140"/>
        <v>105863.29174100398</v>
      </c>
      <c r="AV97" s="137">
        <f t="shared" si="141"/>
        <v>116905.24802330599</v>
      </c>
      <c r="AW97" s="144">
        <f t="shared" si="142"/>
        <v>127299.40011415406</v>
      </c>
      <c r="AX97" s="208">
        <f t="shared" si="143"/>
        <v>137031.26259495117</v>
      </c>
      <c r="AY97" s="209">
        <f t="shared" si="144"/>
        <v>146097.2516595484</v>
      </c>
    </row>
    <row r="98" spans="2:51" ht="13.5" thickBot="1" x14ac:dyDescent="0.25">
      <c r="B98" s="97">
        <f>'p-y mono_clay'!B98</f>
        <v>-87.5</v>
      </c>
      <c r="C98">
        <f>'p-y mono_clay'!C98</f>
        <v>72</v>
      </c>
      <c r="D98">
        <f>'p-y mono_clay'!D98</f>
        <v>71.988</v>
      </c>
      <c r="E98" t="str">
        <f>'p-y mono_clay'!E98</f>
        <v>SAND</v>
      </c>
      <c r="F98" s="43">
        <f>'p-y mono_clay'!G98</f>
        <v>19.759660504336338</v>
      </c>
      <c r="G98" s="43">
        <f>'p-y mono_clay'!H98</f>
        <v>9.7596605043363382</v>
      </c>
      <c r="H98" s="43">
        <f>'p-y mono_clay'!I98</f>
        <v>702.64675800969474</v>
      </c>
      <c r="I98">
        <f>INDEX('CPT Data'!$T$13:$T$20000,MATCH(C98,'CPT Data'!$B$13:$B$20000,1))</f>
        <v>33.400718246589676</v>
      </c>
      <c r="J98" s="98">
        <f>'Pile Property'!$B$8</f>
        <v>2</v>
      </c>
      <c r="K98" s="97">
        <f t="shared" si="106"/>
        <v>0.5829525059339371</v>
      </c>
      <c r="L98">
        <f t="shared" si="107"/>
        <v>16.700359123294838</v>
      </c>
      <c r="M98">
        <f t="shared" si="108"/>
        <v>0.29147625296696855</v>
      </c>
      <c r="N98" s="3">
        <f t="shared" si="109"/>
        <v>61.700359123294838</v>
      </c>
      <c r="O98">
        <f t="shared" si="110"/>
        <v>1.0768744163644168</v>
      </c>
      <c r="P98">
        <v>16.399999999999999</v>
      </c>
      <c r="Q98">
        <f t="shared" si="111"/>
        <v>0.28991379822377039</v>
      </c>
      <c r="R98">
        <f t="shared" si="112"/>
        <v>28.930109595732532</v>
      </c>
      <c r="S98">
        <f t="shared" si="113"/>
        <v>3.1593873600058506</v>
      </c>
      <c r="T98">
        <f t="shared" si="114"/>
        <v>169.41147739555021</v>
      </c>
      <c r="U98">
        <f t="shared" si="115"/>
        <v>1467643.8589904585</v>
      </c>
      <c r="V98">
        <f t="shared" si="116"/>
        <v>238049.70314416318</v>
      </c>
      <c r="W98" s="98">
        <f t="shared" si="117"/>
        <v>238049.70314416318</v>
      </c>
      <c r="X98">
        <f t="shared" si="118"/>
        <v>0.9</v>
      </c>
      <c r="Y98">
        <f t="shared" si="119"/>
        <v>17745.910535928539</v>
      </c>
      <c r="Z98" s="143">
        <v>0</v>
      </c>
      <c r="AA98" s="137">
        <f t="shared" si="120"/>
        <v>10</v>
      </c>
      <c r="AB98" s="137">
        <f t="shared" si="121"/>
        <v>20</v>
      </c>
      <c r="AC98" s="137">
        <f t="shared" si="122"/>
        <v>30</v>
      </c>
      <c r="AD98" s="137">
        <f t="shared" si="123"/>
        <v>40</v>
      </c>
      <c r="AE98" s="137">
        <f t="shared" si="124"/>
        <v>50</v>
      </c>
      <c r="AF98" s="137">
        <f t="shared" si="125"/>
        <v>60</v>
      </c>
      <c r="AG98" s="137">
        <f t="shared" si="126"/>
        <v>70</v>
      </c>
      <c r="AH98" s="137">
        <f t="shared" si="127"/>
        <v>80</v>
      </c>
      <c r="AI98" s="137">
        <f t="shared" si="128"/>
        <v>90</v>
      </c>
      <c r="AJ98" s="137">
        <f t="shared" si="129"/>
        <v>100</v>
      </c>
      <c r="AK98" s="137">
        <f t="shared" si="130"/>
        <v>110</v>
      </c>
      <c r="AL98" s="137">
        <f t="shared" si="131"/>
        <v>120</v>
      </c>
      <c r="AM98" s="143">
        <f t="shared" si="132"/>
        <v>0</v>
      </c>
      <c r="AN98" s="137">
        <f t="shared" si="133"/>
        <v>12759.807307770883</v>
      </c>
      <c r="AO98" s="137">
        <f t="shared" si="134"/>
        <v>25429.41508123303</v>
      </c>
      <c r="AP98" s="137">
        <f t="shared" si="135"/>
        <v>37921.156378033324</v>
      </c>
      <c r="AQ98" s="137">
        <f t="shared" si="136"/>
        <v>50152.279815246933</v>
      </c>
      <c r="AR98" s="137">
        <f t="shared" si="137"/>
        <v>62047.048269540333</v>
      </c>
      <c r="AS98" s="137">
        <f t="shared" si="138"/>
        <v>73538.446372957551</v>
      </c>
      <c r="AT98" s="137">
        <f t="shared" si="139"/>
        <v>84569.42625602863</v>
      </c>
      <c r="AU98" s="137">
        <f t="shared" si="140"/>
        <v>95093.661053727454</v>
      </c>
      <c r="AV98" s="137">
        <f t="shared" si="141"/>
        <v>105075.81439672399</v>
      </c>
      <c r="AW98" s="144">
        <f t="shared" si="142"/>
        <v>114491.36724385677</v>
      </c>
      <c r="AX98" s="208">
        <f t="shared" si="143"/>
        <v>123326.06813359365</v>
      </c>
      <c r="AY98" s="209">
        <f t="shared" si="144"/>
        <v>131575.08799278867</v>
      </c>
    </row>
    <row r="99" spans="2:51" ht="13.5" thickBot="1" x14ac:dyDescent="0.25">
      <c r="B99" s="97">
        <f>'p-y mono_clay'!B99</f>
        <v>-88.5</v>
      </c>
      <c r="C99">
        <f>'p-y mono_clay'!C99</f>
        <v>73</v>
      </c>
      <c r="D99">
        <f>'p-y mono_clay'!D99</f>
        <v>72.98899999999999</v>
      </c>
      <c r="E99" t="str">
        <f>'p-y mono_clay'!E99</f>
        <v>SAND</v>
      </c>
      <c r="F99" s="43">
        <f>'p-y mono_clay'!G99</f>
        <v>19.798800545436777</v>
      </c>
      <c r="G99" s="43">
        <f>'p-y mono_clay'!H99</f>
        <v>9.7988005454367766</v>
      </c>
      <c r="H99" s="43">
        <f>'p-y mono_clay'!I99</f>
        <v>715.27324461470289</v>
      </c>
      <c r="I99">
        <f>INDEX('CPT Data'!$T$13:$T$20000,MATCH(C99,'CPT Data'!$B$13:$B$20000,1))</f>
        <v>34.03446308931666</v>
      </c>
      <c r="J99" s="98">
        <f>'Pile Property'!$B$8</f>
        <v>2</v>
      </c>
      <c r="K99" s="97">
        <f t="shared" si="106"/>
        <v>0.59401344005705659</v>
      </c>
      <c r="L99">
        <f t="shared" si="107"/>
        <v>17.01723154465833</v>
      </c>
      <c r="M99">
        <f t="shared" si="108"/>
        <v>0.29700672002852829</v>
      </c>
      <c r="N99" s="3">
        <f t="shared" si="109"/>
        <v>62.01723154465833</v>
      </c>
      <c r="O99">
        <f t="shared" si="110"/>
        <v>1.0824048834259765</v>
      </c>
      <c r="P99">
        <v>17.399999999999999</v>
      </c>
      <c r="Q99">
        <f t="shared" si="111"/>
        <v>0.2823048958830271</v>
      </c>
      <c r="R99">
        <f t="shared" si="112"/>
        <v>31.975689819632102</v>
      </c>
      <c r="S99">
        <f t="shared" si="113"/>
        <v>3.2599645248157536</v>
      </c>
      <c r="T99">
        <f t="shared" si="114"/>
        <v>191.62119114097641</v>
      </c>
      <c r="U99">
        <f t="shared" si="115"/>
        <v>1673860.3591930897</v>
      </c>
      <c r="V99">
        <f t="shared" si="116"/>
        <v>274096.73503902892</v>
      </c>
      <c r="W99" s="98">
        <f t="shared" si="117"/>
        <v>274096.73503902892</v>
      </c>
      <c r="X99">
        <f t="shared" si="118"/>
        <v>0.9</v>
      </c>
      <c r="Y99">
        <f t="shared" si="119"/>
        <v>19431.671817582315</v>
      </c>
      <c r="Z99" s="143">
        <v>0</v>
      </c>
      <c r="AA99" s="137">
        <f t="shared" si="120"/>
        <v>10</v>
      </c>
      <c r="AB99" s="137">
        <f t="shared" si="121"/>
        <v>20</v>
      </c>
      <c r="AC99" s="137">
        <f t="shared" si="122"/>
        <v>30</v>
      </c>
      <c r="AD99" s="137">
        <f t="shared" si="123"/>
        <v>40</v>
      </c>
      <c r="AE99" s="137">
        <f t="shared" si="124"/>
        <v>50</v>
      </c>
      <c r="AF99" s="137">
        <f t="shared" si="125"/>
        <v>60</v>
      </c>
      <c r="AG99" s="137">
        <f t="shared" si="126"/>
        <v>70</v>
      </c>
      <c r="AH99" s="137">
        <f t="shared" si="127"/>
        <v>80</v>
      </c>
      <c r="AI99" s="137">
        <f t="shared" si="128"/>
        <v>90</v>
      </c>
      <c r="AJ99" s="137">
        <f t="shared" si="129"/>
        <v>100</v>
      </c>
      <c r="AK99" s="137">
        <f t="shared" si="130"/>
        <v>110</v>
      </c>
      <c r="AL99" s="137">
        <f t="shared" si="131"/>
        <v>120</v>
      </c>
      <c r="AM99" s="143">
        <f t="shared" si="132"/>
        <v>0</v>
      </c>
      <c r="AN99" s="137">
        <f t="shared" si="133"/>
        <v>14167.376105717194</v>
      </c>
      <c r="AO99" s="137">
        <f t="shared" si="134"/>
        <v>28241.603798624365</v>
      </c>
      <c r="AP99" s="137">
        <f t="shared" si="135"/>
        <v>42131.968412804221</v>
      </c>
      <c r="AQ99" s="137">
        <f t="shared" si="136"/>
        <v>55752.488886192383</v>
      </c>
      <c r="AR99" s="137">
        <f t="shared" si="137"/>
        <v>69023.962332031311</v>
      </c>
      <c r="AS99" s="137">
        <f t="shared" si="138"/>
        <v>81875.655161470524</v>
      </c>
      <c r="AT99" s="137">
        <f t="shared" si="139"/>
        <v>94246.573395549625</v>
      </c>
      <c r="AU99" s="137">
        <f t="shared" si="140"/>
        <v>106086.27919491444</v>
      </c>
      <c r="AV99" s="137">
        <f t="shared" si="141"/>
        <v>117355.2545268433</v>
      </c>
      <c r="AW99" s="144">
        <f t="shared" si="142"/>
        <v>128024.84273699975</v>
      </c>
      <c r="AX99" s="208">
        <f t="shared" si="143"/>
        <v>138076.82206046121</v>
      </c>
      <c r="AY99" s="209">
        <f t="shared" si="144"/>
        <v>147502.68047611174</v>
      </c>
    </row>
    <row r="100" spans="2:51" x14ac:dyDescent="0.2">
      <c r="B100" s="97">
        <f>'p-y mono_clay'!B100</f>
        <v>-89.5</v>
      </c>
      <c r="C100">
        <f>'p-y mono_clay'!C100</f>
        <v>74</v>
      </c>
      <c r="D100">
        <f>'p-y mono_clay'!D100</f>
        <v>73.992999999999995</v>
      </c>
      <c r="E100" t="str">
        <f>'p-y mono_clay'!E100</f>
        <v>SAND</v>
      </c>
      <c r="F100" s="43">
        <f>'p-y mono_clay'!G100</f>
        <v>20.408874798328888</v>
      </c>
      <c r="G100" s="43">
        <f>'p-y mono_clay'!H100</f>
        <v>10.408874798328888</v>
      </c>
      <c r="H100" s="43">
        <f>'p-y mono_clay'!I100</f>
        <v>770.25673507633769</v>
      </c>
      <c r="I100">
        <f>INDEX('CPT Data'!$T$13:$T$20000,MATCH(C100,'CPT Data'!$B$13:$B$20000,1))</f>
        <v>34.13559185166708</v>
      </c>
      <c r="J100" s="98">
        <f>'Pile Property'!$B$8</f>
        <v>2</v>
      </c>
      <c r="K100" s="97">
        <f t="shared" si="106"/>
        <v>0.59577846992853833</v>
      </c>
      <c r="L100">
        <f t="shared" si="107"/>
        <v>17.06779592583354</v>
      </c>
      <c r="M100">
        <f t="shared" si="108"/>
        <v>0.29788923496426917</v>
      </c>
      <c r="N100" s="3">
        <f t="shared" si="109"/>
        <v>62.067795925833536</v>
      </c>
      <c r="O100">
        <f t="shared" si="110"/>
        <v>1.0832873983617175</v>
      </c>
      <c r="P100">
        <v>18.399999999999999</v>
      </c>
      <c r="Q100">
        <f t="shared" si="111"/>
        <v>0.28110419022155519</v>
      </c>
      <c r="R100">
        <f t="shared" si="112"/>
        <v>33.936829686265412</v>
      </c>
      <c r="S100">
        <f t="shared" si="113"/>
        <v>3.2762956450916061</v>
      </c>
      <c r="T100">
        <f t="shared" si="114"/>
        <v>202.60298815133291</v>
      </c>
      <c r="U100">
        <f t="shared" si="115"/>
        <v>1939046.0572847093</v>
      </c>
      <c r="V100">
        <f t="shared" si="116"/>
        <v>312083.10817238712</v>
      </c>
      <c r="W100" s="98">
        <f t="shared" si="117"/>
        <v>312083.10817238712</v>
      </c>
      <c r="X100">
        <f t="shared" si="118"/>
        <v>0.9</v>
      </c>
      <c r="Y100">
        <f t="shared" si="119"/>
        <v>19700.674325434433</v>
      </c>
      <c r="Z100" s="143">
        <v>0</v>
      </c>
      <c r="AA100" s="137">
        <f t="shared" si="120"/>
        <v>10</v>
      </c>
      <c r="AB100" s="137">
        <f t="shared" si="121"/>
        <v>20</v>
      </c>
      <c r="AC100" s="137">
        <f t="shared" si="122"/>
        <v>30</v>
      </c>
      <c r="AD100" s="137">
        <f t="shared" si="123"/>
        <v>40</v>
      </c>
      <c r="AE100" s="137">
        <f t="shared" si="124"/>
        <v>50</v>
      </c>
      <c r="AF100" s="137">
        <f t="shared" si="125"/>
        <v>60</v>
      </c>
      <c r="AG100" s="137">
        <f t="shared" si="126"/>
        <v>70</v>
      </c>
      <c r="AH100" s="137">
        <f t="shared" si="127"/>
        <v>80</v>
      </c>
      <c r="AI100" s="137">
        <f t="shared" si="128"/>
        <v>90</v>
      </c>
      <c r="AJ100" s="137">
        <f t="shared" si="129"/>
        <v>100</v>
      </c>
      <c r="AK100" s="137">
        <f t="shared" si="130"/>
        <v>110</v>
      </c>
      <c r="AL100" s="137">
        <f t="shared" si="131"/>
        <v>120</v>
      </c>
      <c r="AM100" s="143">
        <f t="shared" si="132"/>
        <v>0</v>
      </c>
      <c r="AN100" s="137">
        <f t="shared" si="133"/>
        <v>14564.046186888034</v>
      </c>
      <c r="AO100" s="137">
        <f t="shared" si="134"/>
        <v>29049.986358203747</v>
      </c>
      <c r="AP100" s="137">
        <f t="shared" si="135"/>
        <v>43381.381070224124</v>
      </c>
      <c r="AQ100" s="137">
        <f t="shared" si="136"/>
        <v>57485.049022403466</v>
      </c>
      <c r="AR100" s="137">
        <f t="shared" si="137"/>
        <v>71292.51436512178</v>
      </c>
      <c r="AS100" s="137">
        <f t="shared" si="138"/>
        <v>84741.251292829344</v>
      </c>
      <c r="AT100" s="137">
        <f t="shared" si="139"/>
        <v>97775.682139537137</v>
      </c>
      <c r="AU100" s="137">
        <f t="shared" si="140"/>
        <v>110347.90213449922</v>
      </c>
      <c r="AV100" s="137">
        <f t="shared" si="141"/>
        <v>122418.12147823874</v>
      </c>
      <c r="AW100" s="144">
        <f t="shared" si="142"/>
        <v>133954.83185725714</v>
      </c>
      <c r="AX100" s="208">
        <f t="shared" si="143"/>
        <v>144934.71862239574</v>
      </c>
      <c r="AY100" s="209">
        <f t="shared" si="144"/>
        <v>155342.35072384871</v>
      </c>
    </row>
    <row r="101" spans="2:51" x14ac:dyDescent="0.2">
      <c r="B101" s="97"/>
      <c r="G101" s="43"/>
      <c r="J101" s="98"/>
      <c r="K101" s="97"/>
      <c r="N101" s="3"/>
      <c r="W101" s="98"/>
      <c r="Z101" s="143"/>
      <c r="AA101" s="137"/>
      <c r="AB101" s="137"/>
      <c r="AC101" s="137"/>
      <c r="AD101" s="137"/>
      <c r="AE101" s="137"/>
      <c r="AF101" s="137"/>
      <c r="AG101" s="137"/>
      <c r="AH101" s="137"/>
      <c r="AI101" s="137"/>
      <c r="AJ101" s="137"/>
      <c r="AK101" s="206"/>
      <c r="AL101" s="206"/>
      <c r="AM101" s="143"/>
      <c r="AN101" s="137"/>
      <c r="AO101" s="137"/>
      <c r="AP101" s="137"/>
      <c r="AQ101" s="137"/>
      <c r="AR101" s="137"/>
      <c r="AS101" s="137"/>
      <c r="AT101" s="137"/>
      <c r="AU101" s="137"/>
      <c r="AV101" s="137"/>
      <c r="AW101" s="144"/>
    </row>
    <row r="102" spans="2:51" x14ac:dyDescent="0.2">
      <c r="B102" s="97"/>
      <c r="G102" s="43"/>
      <c r="J102" s="98"/>
      <c r="K102" s="97"/>
      <c r="N102" s="3"/>
      <c r="W102" s="98"/>
      <c r="Z102" s="143"/>
      <c r="AA102" s="137"/>
      <c r="AB102" s="137"/>
      <c r="AC102" s="137"/>
      <c r="AD102" s="137"/>
      <c r="AE102" s="137"/>
      <c r="AF102" s="137"/>
      <c r="AG102" s="137"/>
      <c r="AH102" s="137"/>
      <c r="AI102" s="137"/>
      <c r="AJ102" s="137"/>
      <c r="AK102" s="206"/>
      <c r="AL102" s="206"/>
      <c r="AM102" s="143"/>
      <c r="AN102" s="137"/>
      <c r="AO102" s="137"/>
      <c r="AP102" s="137"/>
      <c r="AQ102" s="137"/>
      <c r="AR102" s="137"/>
      <c r="AS102" s="137"/>
      <c r="AT102" s="137"/>
      <c r="AU102" s="137"/>
      <c r="AV102" s="137"/>
      <c r="AW102" s="144"/>
    </row>
    <row r="103" spans="2:51" x14ac:dyDescent="0.2">
      <c r="B103" s="97"/>
      <c r="G103" s="43"/>
      <c r="J103" s="98"/>
      <c r="K103" s="97"/>
      <c r="N103" s="3"/>
      <c r="W103" s="98"/>
      <c r="Z103" s="143"/>
      <c r="AA103" s="137"/>
      <c r="AB103" s="137"/>
      <c r="AC103" s="137"/>
      <c r="AD103" s="137"/>
      <c r="AE103" s="137"/>
      <c r="AF103" s="137"/>
      <c r="AG103" s="137"/>
      <c r="AH103" s="137"/>
      <c r="AI103" s="137"/>
      <c r="AJ103" s="137"/>
      <c r="AK103" s="206"/>
      <c r="AL103" s="206"/>
      <c r="AM103" s="143"/>
      <c r="AN103" s="137"/>
      <c r="AO103" s="137"/>
      <c r="AP103" s="137"/>
      <c r="AQ103" s="137"/>
      <c r="AR103" s="137"/>
      <c r="AS103" s="137"/>
      <c r="AT103" s="137"/>
      <c r="AU103" s="137"/>
      <c r="AV103" s="137"/>
      <c r="AW103" s="144"/>
    </row>
    <row r="104" spans="2:51" x14ac:dyDescent="0.2">
      <c r="B104" s="97"/>
      <c r="G104" s="43"/>
      <c r="J104" s="98"/>
      <c r="K104" s="97"/>
      <c r="N104" s="3"/>
      <c r="W104" s="98"/>
      <c r="Z104" s="143"/>
      <c r="AA104" s="137"/>
      <c r="AB104" s="137"/>
      <c r="AC104" s="137"/>
      <c r="AD104" s="137"/>
      <c r="AE104" s="137"/>
      <c r="AF104" s="137"/>
      <c r="AG104" s="137"/>
      <c r="AH104" s="137"/>
      <c r="AI104" s="137"/>
      <c r="AJ104" s="137"/>
      <c r="AK104" s="206"/>
      <c r="AL104" s="206"/>
      <c r="AM104" s="143"/>
      <c r="AN104" s="137"/>
      <c r="AO104" s="137"/>
      <c r="AP104" s="137"/>
      <c r="AQ104" s="137"/>
      <c r="AR104" s="137"/>
      <c r="AS104" s="137"/>
      <c r="AT104" s="137"/>
      <c r="AU104" s="137"/>
      <c r="AV104" s="137"/>
      <c r="AW104" s="144"/>
    </row>
    <row r="105" spans="2:51" x14ac:dyDescent="0.2">
      <c r="B105" s="97"/>
      <c r="G105" s="43"/>
      <c r="J105" s="98"/>
      <c r="K105" s="97"/>
      <c r="N105" s="3"/>
      <c r="W105" s="98"/>
      <c r="Z105" s="143"/>
      <c r="AA105" s="137"/>
      <c r="AB105" s="137"/>
      <c r="AC105" s="137"/>
      <c r="AD105" s="137"/>
      <c r="AE105" s="137"/>
      <c r="AF105" s="137"/>
      <c r="AG105" s="137"/>
      <c r="AH105" s="137"/>
      <c r="AI105" s="137"/>
      <c r="AJ105" s="137"/>
      <c r="AK105" s="206"/>
      <c r="AL105" s="206"/>
      <c r="AM105" s="143"/>
      <c r="AN105" s="137"/>
      <c r="AO105" s="137"/>
      <c r="AP105" s="137"/>
      <c r="AQ105" s="137"/>
      <c r="AR105" s="137"/>
      <c r="AS105" s="137"/>
      <c r="AT105" s="137"/>
      <c r="AU105" s="137"/>
      <c r="AV105" s="137"/>
      <c r="AW105" s="144"/>
    </row>
    <row r="106" spans="2:51" x14ac:dyDescent="0.2">
      <c r="B106" s="97"/>
      <c r="G106" s="43"/>
      <c r="J106" s="98"/>
      <c r="K106" s="97"/>
      <c r="N106" s="3"/>
      <c r="W106" s="98"/>
      <c r="Z106" s="143"/>
      <c r="AA106" s="137"/>
      <c r="AB106" s="137"/>
      <c r="AC106" s="137"/>
      <c r="AD106" s="137"/>
      <c r="AE106" s="137"/>
      <c r="AF106" s="137"/>
      <c r="AG106" s="137"/>
      <c r="AH106" s="137"/>
      <c r="AI106" s="137"/>
      <c r="AJ106" s="137"/>
      <c r="AK106" s="206"/>
      <c r="AL106" s="206"/>
      <c r="AM106" s="143"/>
      <c r="AN106" s="137"/>
      <c r="AO106" s="137"/>
      <c r="AP106" s="137"/>
      <c r="AQ106" s="137"/>
      <c r="AR106" s="137"/>
      <c r="AS106" s="137"/>
      <c r="AT106" s="137"/>
      <c r="AU106" s="137"/>
      <c r="AV106" s="137"/>
      <c r="AW106" s="144"/>
    </row>
    <row r="107" spans="2:51" x14ac:dyDescent="0.2">
      <c r="B107" s="97"/>
      <c r="G107" s="43"/>
      <c r="J107" s="98"/>
      <c r="K107" s="97"/>
      <c r="N107" s="3"/>
      <c r="W107" s="98"/>
      <c r="Z107" s="143"/>
      <c r="AA107" s="137"/>
      <c r="AB107" s="137"/>
      <c r="AC107" s="137"/>
      <c r="AD107" s="137"/>
      <c r="AE107" s="137"/>
      <c r="AF107" s="137"/>
      <c r="AG107" s="137"/>
      <c r="AH107" s="137"/>
      <c r="AI107" s="137"/>
      <c r="AJ107" s="137"/>
      <c r="AK107" s="206"/>
      <c r="AL107" s="206"/>
      <c r="AM107" s="143"/>
      <c r="AN107" s="137"/>
      <c r="AO107" s="137"/>
      <c r="AP107" s="137"/>
      <c r="AQ107" s="137"/>
      <c r="AR107" s="137"/>
      <c r="AS107" s="137"/>
      <c r="AT107" s="137"/>
      <c r="AU107" s="137"/>
      <c r="AV107" s="137"/>
      <c r="AW107" s="144"/>
    </row>
    <row r="108" spans="2:51" x14ac:dyDescent="0.2">
      <c r="B108" s="97"/>
      <c r="G108" s="43"/>
      <c r="J108" s="98"/>
      <c r="K108" s="97"/>
      <c r="N108" s="3"/>
      <c r="W108" s="98"/>
      <c r="Z108" s="143"/>
      <c r="AA108" s="137"/>
      <c r="AB108" s="137"/>
      <c r="AC108" s="137"/>
      <c r="AD108" s="137"/>
      <c r="AE108" s="137"/>
      <c r="AF108" s="137"/>
      <c r="AG108" s="137"/>
      <c r="AH108" s="137"/>
      <c r="AI108" s="137"/>
      <c r="AJ108" s="137"/>
      <c r="AK108" s="206"/>
      <c r="AL108" s="206"/>
      <c r="AM108" s="143"/>
      <c r="AN108" s="137"/>
      <c r="AO108" s="137"/>
      <c r="AP108" s="137"/>
      <c r="AQ108" s="137"/>
      <c r="AR108" s="137"/>
      <c r="AS108" s="137"/>
      <c r="AT108" s="137"/>
      <c r="AU108" s="137"/>
      <c r="AV108" s="137"/>
      <c r="AW108" s="144"/>
    </row>
    <row r="109" spans="2:51" x14ac:dyDescent="0.2">
      <c r="B109" s="97"/>
      <c r="G109" s="43"/>
      <c r="J109" s="98"/>
      <c r="K109" s="97"/>
      <c r="N109" s="3"/>
      <c r="W109" s="98"/>
      <c r="Z109" s="143"/>
      <c r="AA109" s="137"/>
      <c r="AB109" s="137"/>
      <c r="AC109" s="137"/>
      <c r="AD109" s="137"/>
      <c r="AE109" s="137"/>
      <c r="AF109" s="137"/>
      <c r="AG109" s="137"/>
      <c r="AH109" s="137"/>
      <c r="AI109" s="137"/>
      <c r="AJ109" s="137"/>
      <c r="AK109" s="206"/>
      <c r="AL109" s="206"/>
      <c r="AM109" s="143"/>
      <c r="AN109" s="137"/>
      <c r="AO109" s="137"/>
      <c r="AP109" s="137"/>
      <c r="AQ109" s="137"/>
      <c r="AR109" s="137"/>
      <c r="AS109" s="137"/>
      <c r="AT109" s="137"/>
      <c r="AU109" s="137"/>
      <c r="AV109" s="137"/>
      <c r="AW109" s="144"/>
    </row>
    <row r="110" spans="2:51" x14ac:dyDescent="0.2">
      <c r="B110" s="97"/>
      <c r="G110" s="43"/>
      <c r="J110" s="98"/>
      <c r="K110" s="97"/>
      <c r="N110" s="3"/>
      <c r="W110" s="98"/>
      <c r="Z110" s="143"/>
      <c r="AA110" s="137"/>
      <c r="AB110" s="137"/>
      <c r="AC110" s="137"/>
      <c r="AD110" s="137"/>
      <c r="AE110" s="137"/>
      <c r="AF110" s="137"/>
      <c r="AG110" s="137"/>
      <c r="AH110" s="137"/>
      <c r="AI110" s="137"/>
      <c r="AJ110" s="137"/>
      <c r="AK110" s="206"/>
      <c r="AL110" s="206"/>
      <c r="AM110" s="143"/>
      <c r="AN110" s="137"/>
      <c r="AO110" s="137"/>
      <c r="AP110" s="137"/>
      <c r="AQ110" s="137"/>
      <c r="AR110" s="137"/>
      <c r="AS110" s="137"/>
      <c r="AT110" s="137"/>
      <c r="AU110" s="137"/>
      <c r="AV110" s="137"/>
      <c r="AW110" s="144"/>
    </row>
    <row r="111" spans="2:51" x14ac:dyDescent="0.2">
      <c r="B111" s="97"/>
      <c r="G111" s="43"/>
      <c r="J111" s="98"/>
      <c r="K111" s="97"/>
      <c r="N111" s="3"/>
      <c r="W111" s="98"/>
      <c r="Z111" s="143"/>
      <c r="AA111" s="137"/>
      <c r="AB111" s="137"/>
      <c r="AC111" s="137"/>
      <c r="AD111" s="137"/>
      <c r="AE111" s="137"/>
      <c r="AF111" s="137"/>
      <c r="AG111" s="137"/>
      <c r="AH111" s="137"/>
      <c r="AI111" s="137"/>
      <c r="AJ111" s="137"/>
      <c r="AK111" s="206"/>
      <c r="AL111" s="206"/>
      <c r="AM111" s="143"/>
      <c r="AN111" s="137"/>
      <c r="AO111" s="137"/>
      <c r="AP111" s="137"/>
      <c r="AQ111" s="137"/>
      <c r="AR111" s="137"/>
      <c r="AS111" s="137"/>
      <c r="AT111" s="137"/>
      <c r="AU111" s="137"/>
      <c r="AV111" s="137"/>
      <c r="AW111" s="144"/>
    </row>
    <row r="112" spans="2:51" x14ac:dyDescent="0.2">
      <c r="B112" s="97"/>
      <c r="G112" s="43"/>
      <c r="J112" s="98"/>
      <c r="K112" s="97"/>
      <c r="N112" s="3"/>
      <c r="W112" s="98"/>
      <c r="Z112" s="143"/>
      <c r="AA112" s="137"/>
      <c r="AB112" s="137"/>
      <c r="AC112" s="137"/>
      <c r="AD112" s="137"/>
      <c r="AE112" s="137"/>
      <c r="AF112" s="137"/>
      <c r="AG112" s="137"/>
      <c r="AH112" s="137"/>
      <c r="AI112" s="137"/>
      <c r="AJ112" s="137"/>
      <c r="AK112" s="206"/>
      <c r="AL112" s="206"/>
      <c r="AM112" s="143"/>
      <c r="AN112" s="137"/>
      <c r="AO112" s="137"/>
      <c r="AP112" s="137"/>
      <c r="AQ112" s="137"/>
      <c r="AR112" s="137"/>
      <c r="AS112" s="137"/>
      <c r="AT112" s="137"/>
      <c r="AU112" s="137"/>
      <c r="AV112" s="137"/>
      <c r="AW112" s="144"/>
    </row>
    <row r="113" spans="2:49" x14ac:dyDescent="0.2">
      <c r="B113" s="97"/>
      <c r="G113" s="43"/>
      <c r="J113" s="98"/>
      <c r="K113" s="97"/>
      <c r="N113" s="3"/>
      <c r="W113" s="98"/>
      <c r="Z113" s="143"/>
      <c r="AA113" s="137"/>
      <c r="AB113" s="137"/>
      <c r="AC113" s="137"/>
      <c r="AD113" s="137"/>
      <c r="AE113" s="137"/>
      <c r="AF113" s="137"/>
      <c r="AG113" s="137"/>
      <c r="AH113" s="137"/>
      <c r="AI113" s="137"/>
      <c r="AJ113" s="137"/>
      <c r="AK113" s="206"/>
      <c r="AL113" s="206"/>
      <c r="AM113" s="143"/>
      <c r="AN113" s="137"/>
      <c r="AO113" s="137"/>
      <c r="AP113" s="137"/>
      <c r="AQ113" s="137"/>
      <c r="AR113" s="137"/>
      <c r="AS113" s="137"/>
      <c r="AT113" s="137"/>
      <c r="AU113" s="137"/>
      <c r="AV113" s="137"/>
      <c r="AW113" s="144"/>
    </row>
    <row r="114" spans="2:49" x14ac:dyDescent="0.2">
      <c r="B114" s="97"/>
      <c r="G114" s="43"/>
      <c r="J114" s="98"/>
      <c r="K114" s="97"/>
      <c r="N114" s="3"/>
      <c r="W114" s="98"/>
      <c r="Z114" s="143"/>
      <c r="AA114" s="137"/>
      <c r="AB114" s="137"/>
      <c r="AC114" s="137"/>
      <c r="AD114" s="137"/>
      <c r="AE114" s="137"/>
      <c r="AF114" s="137"/>
      <c r="AG114" s="137"/>
      <c r="AH114" s="137"/>
      <c r="AI114" s="137"/>
      <c r="AJ114" s="137"/>
      <c r="AK114" s="206"/>
      <c r="AL114" s="206"/>
      <c r="AM114" s="143"/>
      <c r="AN114" s="137"/>
      <c r="AO114" s="137"/>
      <c r="AP114" s="137"/>
      <c r="AQ114" s="137"/>
      <c r="AR114" s="137"/>
      <c r="AS114" s="137"/>
      <c r="AT114" s="137"/>
      <c r="AU114" s="137"/>
      <c r="AV114" s="137"/>
      <c r="AW114" s="144"/>
    </row>
    <row r="115" spans="2:49" x14ac:dyDescent="0.2">
      <c r="B115" s="97"/>
      <c r="G115" s="43"/>
      <c r="J115" s="98"/>
      <c r="K115" s="97"/>
      <c r="N115" s="3"/>
      <c r="W115" s="98"/>
      <c r="Z115" s="143"/>
      <c r="AA115" s="137"/>
      <c r="AB115" s="137"/>
      <c r="AC115" s="137"/>
      <c r="AD115" s="137"/>
      <c r="AE115" s="137"/>
      <c r="AF115" s="137"/>
      <c r="AG115" s="137"/>
      <c r="AH115" s="137"/>
      <c r="AI115" s="137"/>
      <c r="AJ115" s="137"/>
      <c r="AK115" s="206"/>
      <c r="AL115" s="206"/>
      <c r="AM115" s="143"/>
      <c r="AN115" s="137"/>
      <c r="AO115" s="137"/>
      <c r="AP115" s="137"/>
      <c r="AQ115" s="137"/>
      <c r="AR115" s="137"/>
      <c r="AS115" s="137"/>
      <c r="AT115" s="137"/>
      <c r="AU115" s="137"/>
      <c r="AV115" s="137"/>
      <c r="AW115" s="144"/>
    </row>
    <row r="116" spans="2:49" x14ac:dyDescent="0.2">
      <c r="B116" s="97"/>
      <c r="G116" s="43"/>
      <c r="J116" s="98"/>
      <c r="K116" s="97"/>
      <c r="N116" s="3"/>
      <c r="W116" s="98"/>
      <c r="Z116" s="143"/>
      <c r="AA116" s="137"/>
      <c r="AB116" s="137"/>
      <c r="AC116" s="137"/>
      <c r="AD116" s="137"/>
      <c r="AE116" s="137"/>
      <c r="AF116" s="137"/>
      <c r="AG116" s="137"/>
      <c r="AH116" s="137"/>
      <c r="AI116" s="137"/>
      <c r="AJ116" s="137"/>
      <c r="AK116" s="206"/>
      <c r="AL116" s="206"/>
      <c r="AM116" s="143"/>
      <c r="AN116" s="137"/>
      <c r="AO116" s="137"/>
      <c r="AP116" s="137"/>
      <c r="AQ116" s="137"/>
      <c r="AR116" s="137"/>
      <c r="AS116" s="137"/>
      <c r="AT116" s="137"/>
      <c r="AU116" s="137"/>
      <c r="AV116" s="137"/>
      <c r="AW116" s="144"/>
    </row>
    <row r="117" spans="2:49" x14ac:dyDescent="0.2">
      <c r="B117" s="97"/>
      <c r="G117" s="43"/>
      <c r="J117" s="98"/>
      <c r="K117" s="97"/>
      <c r="N117" s="3"/>
      <c r="W117" s="98"/>
      <c r="Z117" s="143"/>
      <c r="AA117" s="137"/>
      <c r="AB117" s="137"/>
      <c r="AC117" s="137"/>
      <c r="AD117" s="137"/>
      <c r="AE117" s="137"/>
      <c r="AF117" s="137"/>
      <c r="AG117" s="137"/>
      <c r="AH117" s="137"/>
      <c r="AI117" s="137"/>
      <c r="AJ117" s="137"/>
      <c r="AK117" s="206"/>
      <c r="AL117" s="206"/>
      <c r="AM117" s="143"/>
      <c r="AN117" s="137"/>
      <c r="AO117" s="137"/>
      <c r="AP117" s="137"/>
      <c r="AQ117" s="137"/>
      <c r="AR117" s="137"/>
      <c r="AS117" s="137"/>
      <c r="AT117" s="137"/>
      <c r="AU117" s="137"/>
      <c r="AV117" s="137"/>
      <c r="AW117" s="144"/>
    </row>
    <row r="118" spans="2:49" x14ac:dyDescent="0.2">
      <c r="B118" s="97"/>
      <c r="G118" s="43"/>
      <c r="J118" s="98"/>
      <c r="K118" s="97"/>
      <c r="N118" s="3"/>
      <c r="W118" s="98"/>
      <c r="Z118" s="143"/>
      <c r="AA118" s="137"/>
      <c r="AB118" s="137"/>
      <c r="AC118" s="137"/>
      <c r="AD118" s="137"/>
      <c r="AE118" s="137"/>
      <c r="AF118" s="137"/>
      <c r="AG118" s="137"/>
      <c r="AH118" s="137"/>
      <c r="AI118" s="137"/>
      <c r="AJ118" s="137"/>
      <c r="AK118" s="206"/>
      <c r="AL118" s="206"/>
      <c r="AM118" s="143"/>
      <c r="AN118" s="137"/>
      <c r="AO118" s="137"/>
      <c r="AP118" s="137"/>
      <c r="AQ118" s="137"/>
      <c r="AR118" s="137"/>
      <c r="AS118" s="137"/>
      <c r="AT118" s="137"/>
      <c r="AU118" s="137"/>
      <c r="AV118" s="137"/>
      <c r="AW118" s="144"/>
    </row>
    <row r="119" spans="2:49" x14ac:dyDescent="0.2">
      <c r="B119" s="97"/>
      <c r="G119" s="43"/>
      <c r="J119" s="98"/>
      <c r="K119" s="97"/>
      <c r="N119" s="3"/>
      <c r="W119" s="98"/>
      <c r="Z119" s="143"/>
      <c r="AA119" s="137"/>
      <c r="AB119" s="137"/>
      <c r="AC119" s="137"/>
      <c r="AD119" s="137"/>
      <c r="AE119" s="137"/>
      <c r="AF119" s="137"/>
      <c r="AG119" s="137"/>
      <c r="AH119" s="137"/>
      <c r="AI119" s="137"/>
      <c r="AJ119" s="137"/>
      <c r="AK119" s="206"/>
      <c r="AL119" s="206"/>
      <c r="AM119" s="143"/>
      <c r="AN119" s="137"/>
      <c r="AO119" s="137"/>
      <c r="AP119" s="137"/>
      <c r="AQ119" s="137"/>
      <c r="AR119" s="137"/>
      <c r="AS119" s="137"/>
      <c r="AT119" s="137"/>
      <c r="AU119" s="137"/>
      <c r="AV119" s="137"/>
      <c r="AW119" s="144"/>
    </row>
    <row r="120" spans="2:49" x14ac:dyDescent="0.2">
      <c r="B120" s="97"/>
      <c r="G120" s="43"/>
      <c r="J120" s="98"/>
      <c r="K120" s="97"/>
      <c r="N120" s="3"/>
      <c r="W120" s="98"/>
      <c r="Z120" s="143"/>
      <c r="AA120" s="137"/>
      <c r="AB120" s="137"/>
      <c r="AC120" s="137"/>
      <c r="AD120" s="137"/>
      <c r="AE120" s="137"/>
      <c r="AF120" s="137"/>
      <c r="AG120" s="137"/>
      <c r="AH120" s="137"/>
      <c r="AI120" s="137"/>
      <c r="AJ120" s="137"/>
      <c r="AK120" s="206"/>
      <c r="AL120" s="206"/>
      <c r="AM120" s="143"/>
      <c r="AN120" s="137"/>
      <c r="AO120" s="137"/>
      <c r="AP120" s="137"/>
      <c r="AQ120" s="137"/>
      <c r="AR120" s="137"/>
      <c r="AS120" s="137"/>
      <c r="AT120" s="137"/>
      <c r="AU120" s="137"/>
      <c r="AV120" s="137"/>
      <c r="AW120" s="144"/>
    </row>
    <row r="121" spans="2:49" x14ac:dyDescent="0.2">
      <c r="B121" s="97"/>
      <c r="G121" s="43"/>
      <c r="J121" s="98"/>
      <c r="K121" s="97"/>
      <c r="N121" s="3"/>
      <c r="W121" s="98"/>
      <c r="Z121" s="143"/>
      <c r="AA121" s="137"/>
      <c r="AB121" s="137"/>
      <c r="AC121" s="137"/>
      <c r="AD121" s="137"/>
      <c r="AE121" s="137"/>
      <c r="AF121" s="137"/>
      <c r="AG121" s="137"/>
      <c r="AH121" s="137"/>
      <c r="AI121" s="137"/>
      <c r="AJ121" s="137"/>
      <c r="AK121" s="206"/>
      <c r="AL121" s="206"/>
      <c r="AM121" s="143"/>
      <c r="AN121" s="137"/>
      <c r="AO121" s="137"/>
      <c r="AP121" s="137"/>
      <c r="AQ121" s="137"/>
      <c r="AR121" s="137"/>
      <c r="AS121" s="137"/>
      <c r="AT121" s="137"/>
      <c r="AU121" s="137"/>
      <c r="AV121" s="137"/>
      <c r="AW121" s="144"/>
    </row>
    <row r="122" spans="2:49" x14ac:dyDescent="0.2">
      <c r="B122" s="97"/>
      <c r="G122" s="43"/>
      <c r="J122" s="98"/>
      <c r="K122" s="97"/>
      <c r="N122" s="3"/>
      <c r="W122" s="98"/>
      <c r="Z122" s="143"/>
      <c r="AA122" s="137"/>
      <c r="AB122" s="137"/>
      <c r="AC122" s="137"/>
      <c r="AD122" s="137"/>
      <c r="AE122" s="137"/>
      <c r="AF122" s="137"/>
      <c r="AG122" s="137"/>
      <c r="AH122" s="137"/>
      <c r="AI122" s="137"/>
      <c r="AJ122" s="137"/>
      <c r="AK122" s="206"/>
      <c r="AL122" s="206"/>
      <c r="AM122" s="143"/>
      <c r="AN122" s="137"/>
      <c r="AO122" s="137"/>
      <c r="AP122" s="137"/>
      <c r="AQ122" s="137"/>
      <c r="AR122" s="137"/>
      <c r="AS122" s="137"/>
      <c r="AT122" s="137"/>
      <c r="AU122" s="137"/>
      <c r="AV122" s="137"/>
      <c r="AW122" s="144"/>
    </row>
    <row r="123" spans="2:49" x14ac:dyDescent="0.2">
      <c r="B123" s="97"/>
      <c r="G123" s="43"/>
      <c r="J123" s="98"/>
      <c r="K123" s="97"/>
      <c r="N123" s="3"/>
      <c r="W123" s="98"/>
      <c r="Z123" s="143"/>
      <c r="AA123" s="137"/>
      <c r="AB123" s="137"/>
      <c r="AC123" s="137"/>
      <c r="AD123" s="137"/>
      <c r="AE123" s="137"/>
      <c r="AF123" s="137"/>
      <c r="AG123" s="137"/>
      <c r="AH123" s="137"/>
      <c r="AI123" s="137"/>
      <c r="AJ123" s="137"/>
      <c r="AK123" s="206"/>
      <c r="AL123" s="206"/>
      <c r="AM123" s="143"/>
      <c r="AN123" s="137"/>
      <c r="AO123" s="137"/>
      <c r="AP123" s="137"/>
      <c r="AQ123" s="137"/>
      <c r="AR123" s="137"/>
      <c r="AS123" s="137"/>
      <c r="AT123" s="137"/>
      <c r="AU123" s="137"/>
      <c r="AV123" s="137"/>
      <c r="AW123" s="144"/>
    </row>
    <row r="124" spans="2:49" x14ac:dyDescent="0.2">
      <c r="B124" s="97"/>
      <c r="G124" s="43"/>
      <c r="J124" s="98"/>
      <c r="K124" s="97"/>
      <c r="N124" s="3"/>
      <c r="W124" s="98"/>
      <c r="Z124" s="143"/>
      <c r="AA124" s="137"/>
      <c r="AB124" s="137"/>
      <c r="AC124" s="137"/>
      <c r="AD124" s="137"/>
      <c r="AE124" s="137"/>
      <c r="AF124" s="137"/>
      <c r="AG124" s="137"/>
      <c r="AH124" s="137"/>
      <c r="AI124" s="137"/>
      <c r="AJ124" s="137"/>
      <c r="AK124" s="206"/>
      <c r="AL124" s="206"/>
      <c r="AM124" s="143"/>
      <c r="AN124" s="137"/>
      <c r="AO124" s="137"/>
      <c r="AP124" s="137"/>
      <c r="AQ124" s="137"/>
      <c r="AR124" s="137"/>
      <c r="AS124" s="137"/>
      <c r="AT124" s="137"/>
      <c r="AU124" s="137"/>
      <c r="AV124" s="137"/>
      <c r="AW124" s="144"/>
    </row>
    <row r="125" spans="2:49" x14ac:dyDescent="0.2">
      <c r="B125" s="97"/>
      <c r="G125" s="43"/>
      <c r="J125" s="98"/>
      <c r="K125" s="97"/>
      <c r="N125" s="3"/>
      <c r="W125" s="98"/>
      <c r="Z125" s="143"/>
      <c r="AA125" s="137"/>
      <c r="AB125" s="137"/>
      <c r="AC125" s="137"/>
      <c r="AD125" s="137"/>
      <c r="AE125" s="137"/>
      <c r="AF125" s="137"/>
      <c r="AG125" s="137"/>
      <c r="AH125" s="137"/>
      <c r="AI125" s="137"/>
      <c r="AJ125" s="137"/>
      <c r="AK125" s="206"/>
      <c r="AL125" s="206"/>
      <c r="AM125" s="143"/>
      <c r="AN125" s="137"/>
      <c r="AO125" s="137"/>
      <c r="AP125" s="137"/>
      <c r="AQ125" s="137"/>
      <c r="AR125" s="137"/>
      <c r="AS125" s="137"/>
      <c r="AT125" s="137"/>
      <c r="AU125" s="137"/>
      <c r="AV125" s="137"/>
      <c r="AW125" s="144"/>
    </row>
    <row r="126" spans="2:49" x14ac:dyDescent="0.2">
      <c r="B126" s="97"/>
      <c r="G126" s="43"/>
      <c r="J126" s="98"/>
      <c r="K126" s="97"/>
      <c r="N126" s="3"/>
      <c r="W126" s="98"/>
      <c r="Z126" s="143"/>
      <c r="AA126" s="137"/>
      <c r="AB126" s="137"/>
      <c r="AC126" s="137"/>
      <c r="AD126" s="137"/>
      <c r="AE126" s="137"/>
      <c r="AF126" s="137"/>
      <c r="AG126" s="137"/>
      <c r="AH126" s="137"/>
      <c r="AI126" s="137"/>
      <c r="AJ126" s="137"/>
      <c r="AK126" s="206"/>
      <c r="AL126" s="206"/>
      <c r="AM126" s="143"/>
      <c r="AN126" s="137"/>
      <c r="AO126" s="137"/>
      <c r="AP126" s="137"/>
      <c r="AQ126" s="137"/>
      <c r="AR126" s="137"/>
      <c r="AS126" s="137"/>
      <c r="AT126" s="137"/>
      <c r="AU126" s="137"/>
      <c r="AV126" s="137"/>
      <c r="AW126" s="144"/>
    </row>
    <row r="127" spans="2:49" x14ac:dyDescent="0.2">
      <c r="B127" s="97"/>
      <c r="G127" s="43"/>
      <c r="J127" s="98"/>
      <c r="K127" s="97"/>
      <c r="N127" s="3"/>
      <c r="W127" s="98"/>
      <c r="Z127" s="143"/>
      <c r="AA127" s="137"/>
      <c r="AB127" s="137"/>
      <c r="AC127" s="137"/>
      <c r="AD127" s="137"/>
      <c r="AE127" s="137"/>
      <c r="AF127" s="137"/>
      <c r="AG127" s="137"/>
      <c r="AH127" s="137"/>
      <c r="AI127" s="137"/>
      <c r="AJ127" s="137"/>
      <c r="AK127" s="206"/>
      <c r="AL127" s="206"/>
      <c r="AM127" s="143"/>
      <c r="AN127" s="137"/>
      <c r="AO127" s="137"/>
      <c r="AP127" s="137"/>
      <c r="AQ127" s="137"/>
      <c r="AR127" s="137"/>
      <c r="AS127" s="137"/>
      <c r="AT127" s="137"/>
      <c r="AU127" s="137"/>
      <c r="AV127" s="137"/>
      <c r="AW127" s="144"/>
    </row>
    <row r="128" spans="2:49" x14ac:dyDescent="0.2">
      <c r="B128" s="97"/>
      <c r="G128" s="43"/>
      <c r="J128" s="98"/>
      <c r="K128" s="97"/>
      <c r="N128" s="3"/>
      <c r="W128" s="98"/>
      <c r="Z128" s="143"/>
      <c r="AA128" s="137"/>
      <c r="AB128" s="137"/>
      <c r="AC128" s="137"/>
      <c r="AD128" s="137"/>
      <c r="AE128" s="137"/>
      <c r="AF128" s="137"/>
      <c r="AG128" s="137"/>
      <c r="AH128" s="137"/>
      <c r="AI128" s="137"/>
      <c r="AJ128" s="137"/>
      <c r="AK128" s="206"/>
      <c r="AL128" s="206"/>
      <c r="AM128" s="143"/>
      <c r="AN128" s="137"/>
      <c r="AO128" s="137"/>
      <c r="AP128" s="137"/>
      <c r="AQ128" s="137"/>
      <c r="AR128" s="137"/>
      <c r="AS128" s="137"/>
      <c r="AT128" s="137"/>
      <c r="AU128" s="137"/>
      <c r="AV128" s="137"/>
      <c r="AW128" s="144"/>
    </row>
    <row r="129" spans="2:49" x14ac:dyDescent="0.2">
      <c r="B129" s="97"/>
      <c r="G129" s="43"/>
      <c r="J129" s="98"/>
      <c r="K129" s="97"/>
      <c r="N129" s="3"/>
      <c r="W129" s="98"/>
      <c r="Z129" s="143"/>
      <c r="AA129" s="137"/>
      <c r="AB129" s="137"/>
      <c r="AC129" s="137"/>
      <c r="AD129" s="137"/>
      <c r="AE129" s="137"/>
      <c r="AF129" s="137"/>
      <c r="AG129" s="137"/>
      <c r="AH129" s="137"/>
      <c r="AI129" s="137"/>
      <c r="AJ129" s="137"/>
      <c r="AK129" s="206"/>
      <c r="AL129" s="206"/>
      <c r="AM129" s="143"/>
      <c r="AN129" s="137"/>
      <c r="AO129" s="137"/>
      <c r="AP129" s="137"/>
      <c r="AQ129" s="137"/>
      <c r="AR129" s="137"/>
      <c r="AS129" s="137"/>
      <c r="AT129" s="137"/>
      <c r="AU129" s="137"/>
      <c r="AV129" s="137"/>
      <c r="AW129" s="144"/>
    </row>
    <row r="130" spans="2:49" x14ac:dyDescent="0.2">
      <c r="B130" s="97"/>
      <c r="G130" s="43"/>
      <c r="J130" s="98"/>
      <c r="K130" s="97"/>
      <c r="N130" s="3"/>
      <c r="W130" s="98"/>
      <c r="Z130" s="143"/>
      <c r="AA130" s="137"/>
      <c r="AB130" s="137"/>
      <c r="AC130" s="137"/>
      <c r="AD130" s="137"/>
      <c r="AE130" s="137"/>
      <c r="AF130" s="137"/>
      <c r="AG130" s="137"/>
      <c r="AH130" s="137"/>
      <c r="AI130" s="137"/>
      <c r="AJ130" s="137"/>
      <c r="AK130" s="206"/>
      <c r="AL130" s="206"/>
      <c r="AM130" s="143"/>
      <c r="AN130" s="137"/>
      <c r="AO130" s="137"/>
      <c r="AP130" s="137"/>
      <c r="AQ130" s="137"/>
      <c r="AR130" s="137"/>
      <c r="AS130" s="137"/>
      <c r="AT130" s="137"/>
      <c r="AU130" s="137"/>
      <c r="AV130" s="137"/>
      <c r="AW130" s="144"/>
    </row>
    <row r="131" spans="2:49" x14ac:dyDescent="0.2">
      <c r="B131" s="97"/>
      <c r="G131" s="43"/>
      <c r="J131" s="98"/>
      <c r="K131" s="97"/>
      <c r="N131" s="3"/>
      <c r="W131" s="98"/>
      <c r="Z131" s="143"/>
      <c r="AA131" s="137"/>
      <c r="AB131" s="137"/>
      <c r="AC131" s="137"/>
      <c r="AD131" s="137"/>
      <c r="AE131" s="137"/>
      <c r="AF131" s="137"/>
      <c r="AG131" s="137"/>
      <c r="AH131" s="137"/>
      <c r="AI131" s="137"/>
      <c r="AJ131" s="137"/>
      <c r="AK131" s="206"/>
      <c r="AL131" s="206"/>
      <c r="AM131" s="143"/>
      <c r="AN131" s="137"/>
      <c r="AO131" s="137"/>
      <c r="AP131" s="137"/>
      <c r="AQ131" s="137"/>
      <c r="AR131" s="137"/>
      <c r="AS131" s="137"/>
      <c r="AT131" s="137"/>
      <c r="AU131" s="137"/>
      <c r="AV131" s="137"/>
      <c r="AW131" s="144"/>
    </row>
    <row r="132" spans="2:49" x14ac:dyDescent="0.2">
      <c r="B132" s="97"/>
      <c r="G132" s="43"/>
      <c r="J132" s="98"/>
      <c r="K132" s="97"/>
      <c r="N132" s="3"/>
      <c r="W132" s="98"/>
      <c r="Z132" s="143"/>
      <c r="AA132" s="137"/>
      <c r="AB132" s="137"/>
      <c r="AC132" s="137"/>
      <c r="AD132" s="137"/>
      <c r="AE132" s="137"/>
      <c r="AF132" s="137"/>
      <c r="AG132" s="137"/>
      <c r="AH132" s="137"/>
      <c r="AI132" s="137"/>
      <c r="AJ132" s="137"/>
      <c r="AK132" s="206"/>
      <c r="AL132" s="206"/>
      <c r="AM132" s="143"/>
      <c r="AN132" s="137"/>
      <c r="AO132" s="137"/>
      <c r="AP132" s="137"/>
      <c r="AQ132" s="137"/>
      <c r="AR132" s="137"/>
      <c r="AS132" s="137"/>
      <c r="AT132" s="137"/>
      <c r="AU132" s="137"/>
      <c r="AV132" s="137"/>
      <c r="AW132" s="144"/>
    </row>
    <row r="133" spans="2:49" x14ac:dyDescent="0.2">
      <c r="B133" s="97"/>
      <c r="G133" s="43"/>
      <c r="J133" s="98"/>
      <c r="K133" s="97"/>
      <c r="N133" s="3"/>
      <c r="W133" s="98"/>
      <c r="Z133" s="143"/>
      <c r="AA133" s="137"/>
      <c r="AB133" s="137"/>
      <c r="AC133" s="137"/>
      <c r="AD133" s="137"/>
      <c r="AE133" s="137"/>
      <c r="AF133" s="137"/>
      <c r="AG133" s="137"/>
      <c r="AH133" s="137"/>
      <c r="AI133" s="137"/>
      <c r="AJ133" s="137"/>
      <c r="AK133" s="206"/>
      <c r="AL133" s="206"/>
      <c r="AM133" s="143"/>
      <c r="AN133" s="137"/>
      <c r="AO133" s="137"/>
      <c r="AP133" s="137"/>
      <c r="AQ133" s="137"/>
      <c r="AR133" s="137"/>
      <c r="AS133" s="137"/>
      <c r="AT133" s="137"/>
      <c r="AU133" s="137"/>
      <c r="AV133" s="137"/>
      <c r="AW133" s="144"/>
    </row>
    <row r="134" spans="2:49" x14ac:dyDescent="0.2">
      <c r="B134" s="97"/>
      <c r="G134" s="43"/>
      <c r="J134" s="98"/>
      <c r="K134" s="97"/>
      <c r="N134" s="3"/>
      <c r="W134" s="98"/>
      <c r="Z134" s="143"/>
      <c r="AA134" s="137"/>
      <c r="AB134" s="137"/>
      <c r="AC134" s="137"/>
      <c r="AD134" s="137"/>
      <c r="AE134" s="137"/>
      <c r="AF134" s="137"/>
      <c r="AG134" s="137"/>
      <c r="AH134" s="137"/>
      <c r="AI134" s="137"/>
      <c r="AJ134" s="137"/>
      <c r="AK134" s="206"/>
      <c r="AL134" s="206"/>
      <c r="AM134" s="143"/>
      <c r="AN134" s="137"/>
      <c r="AO134" s="137"/>
      <c r="AP134" s="137"/>
      <c r="AQ134" s="137"/>
      <c r="AR134" s="137"/>
      <c r="AS134" s="137"/>
      <c r="AT134" s="137"/>
      <c r="AU134" s="137"/>
      <c r="AV134" s="137"/>
      <c r="AW134" s="144"/>
    </row>
    <row r="135" spans="2:49" x14ac:dyDescent="0.2">
      <c r="B135" s="97"/>
      <c r="G135" s="43"/>
      <c r="J135" s="98"/>
      <c r="K135" s="97"/>
      <c r="N135" s="3"/>
      <c r="W135" s="98"/>
      <c r="Z135" s="143"/>
      <c r="AA135" s="137"/>
      <c r="AB135" s="137"/>
      <c r="AC135" s="137"/>
      <c r="AD135" s="137"/>
      <c r="AE135" s="137"/>
      <c r="AF135" s="137"/>
      <c r="AG135" s="137"/>
      <c r="AH135" s="137"/>
      <c r="AI135" s="137"/>
      <c r="AJ135" s="137"/>
      <c r="AK135" s="206"/>
      <c r="AL135" s="206"/>
      <c r="AM135" s="143"/>
      <c r="AN135" s="137"/>
      <c r="AO135" s="137"/>
      <c r="AP135" s="137"/>
      <c r="AQ135" s="137"/>
      <c r="AR135" s="137"/>
      <c r="AS135" s="137"/>
      <c r="AT135" s="137"/>
      <c r="AU135" s="137"/>
      <c r="AV135" s="137"/>
      <c r="AW135" s="144"/>
    </row>
    <row r="136" spans="2:49" x14ac:dyDescent="0.2">
      <c r="B136" s="97"/>
      <c r="G136" s="43"/>
      <c r="J136" s="98"/>
      <c r="K136" s="97"/>
      <c r="N136" s="3"/>
      <c r="W136" s="98"/>
      <c r="Z136" s="143"/>
      <c r="AA136" s="137"/>
      <c r="AB136" s="137"/>
      <c r="AC136" s="137"/>
      <c r="AD136" s="137"/>
      <c r="AE136" s="137"/>
      <c r="AF136" s="137"/>
      <c r="AG136" s="137"/>
      <c r="AH136" s="137"/>
      <c r="AI136" s="137"/>
      <c r="AJ136" s="137"/>
      <c r="AK136" s="206"/>
      <c r="AL136" s="206"/>
      <c r="AM136" s="143"/>
      <c r="AN136" s="137"/>
      <c r="AO136" s="137"/>
      <c r="AP136" s="137"/>
      <c r="AQ136" s="137"/>
      <c r="AR136" s="137"/>
      <c r="AS136" s="137"/>
      <c r="AT136" s="137"/>
      <c r="AU136" s="137"/>
      <c r="AV136" s="137"/>
      <c r="AW136" s="144"/>
    </row>
    <row r="137" spans="2:49" x14ac:dyDescent="0.2">
      <c r="B137" s="97"/>
      <c r="G137" s="43"/>
      <c r="J137" s="98"/>
      <c r="K137" s="97"/>
      <c r="N137" s="3"/>
      <c r="W137" s="98"/>
      <c r="Z137" s="143"/>
      <c r="AA137" s="137"/>
      <c r="AB137" s="137"/>
      <c r="AC137" s="137"/>
      <c r="AD137" s="137"/>
      <c r="AE137" s="137"/>
      <c r="AF137" s="137"/>
      <c r="AG137" s="137"/>
      <c r="AH137" s="137"/>
      <c r="AI137" s="137"/>
      <c r="AJ137" s="137"/>
      <c r="AK137" s="206"/>
      <c r="AL137" s="206"/>
      <c r="AM137" s="143"/>
      <c r="AN137" s="137"/>
      <c r="AO137" s="137"/>
      <c r="AP137" s="137"/>
      <c r="AQ137" s="137"/>
      <c r="AR137" s="137"/>
      <c r="AS137" s="137"/>
      <c r="AT137" s="137"/>
      <c r="AU137" s="137"/>
      <c r="AV137" s="137"/>
      <c r="AW137" s="144"/>
    </row>
    <row r="138" spans="2:49" x14ac:dyDescent="0.2">
      <c r="B138" s="97"/>
      <c r="G138" s="43"/>
      <c r="J138" s="98"/>
      <c r="K138" s="97"/>
      <c r="N138" s="3"/>
      <c r="W138" s="98"/>
      <c r="Z138" s="143"/>
      <c r="AA138" s="137"/>
      <c r="AB138" s="137"/>
      <c r="AC138" s="137"/>
      <c r="AD138" s="137"/>
      <c r="AE138" s="137"/>
      <c r="AF138" s="137"/>
      <c r="AG138" s="137"/>
      <c r="AH138" s="137"/>
      <c r="AI138" s="137"/>
      <c r="AJ138" s="137"/>
      <c r="AK138" s="206"/>
      <c r="AL138" s="206"/>
      <c r="AM138" s="143"/>
      <c r="AN138" s="137"/>
      <c r="AO138" s="137"/>
      <c r="AP138" s="137"/>
      <c r="AQ138" s="137"/>
      <c r="AR138" s="137"/>
      <c r="AS138" s="137"/>
      <c r="AT138" s="137"/>
      <c r="AU138" s="137"/>
      <c r="AV138" s="137"/>
      <c r="AW138" s="144"/>
    </row>
    <row r="139" spans="2:49" x14ac:dyDescent="0.2">
      <c r="B139" s="97"/>
      <c r="G139" s="43"/>
      <c r="J139" s="98"/>
      <c r="K139" s="97"/>
      <c r="N139" s="3"/>
      <c r="W139" s="98"/>
      <c r="Z139" s="143"/>
      <c r="AA139" s="137"/>
      <c r="AB139" s="137"/>
      <c r="AC139" s="137"/>
      <c r="AD139" s="137"/>
      <c r="AE139" s="137"/>
      <c r="AF139" s="137"/>
      <c r="AG139" s="137"/>
      <c r="AH139" s="137"/>
      <c r="AI139" s="137"/>
      <c r="AJ139" s="137"/>
      <c r="AK139" s="206"/>
      <c r="AL139" s="206"/>
      <c r="AM139" s="143"/>
      <c r="AN139" s="137"/>
      <c r="AO139" s="137"/>
      <c r="AP139" s="137"/>
      <c r="AQ139" s="137"/>
      <c r="AR139" s="137"/>
      <c r="AS139" s="137"/>
      <c r="AT139" s="137"/>
      <c r="AU139" s="137"/>
      <c r="AV139" s="137"/>
      <c r="AW139" s="144"/>
    </row>
    <row r="140" spans="2:49" x14ac:dyDescent="0.2">
      <c r="B140" s="97"/>
      <c r="G140" s="43"/>
      <c r="J140" s="98"/>
      <c r="K140" s="97"/>
      <c r="N140" s="3"/>
      <c r="W140" s="98"/>
      <c r="Z140" s="143"/>
      <c r="AA140" s="137"/>
      <c r="AB140" s="137"/>
      <c r="AC140" s="137"/>
      <c r="AD140" s="137"/>
      <c r="AE140" s="137"/>
      <c r="AF140" s="137"/>
      <c r="AG140" s="137"/>
      <c r="AH140" s="137"/>
      <c r="AI140" s="137"/>
      <c r="AJ140" s="137"/>
      <c r="AK140" s="206"/>
      <c r="AL140" s="206"/>
      <c r="AM140" s="143"/>
      <c r="AN140" s="137"/>
      <c r="AO140" s="137"/>
      <c r="AP140" s="137"/>
      <c r="AQ140" s="137"/>
      <c r="AR140" s="137"/>
      <c r="AS140" s="137"/>
      <c r="AT140" s="137"/>
      <c r="AU140" s="137"/>
      <c r="AV140" s="137"/>
      <c r="AW140" s="144"/>
    </row>
    <row r="141" spans="2:49" x14ac:dyDescent="0.2">
      <c r="B141" s="97"/>
      <c r="G141" s="43"/>
      <c r="J141" s="98"/>
      <c r="K141" s="97"/>
      <c r="N141" s="3"/>
      <c r="W141" s="98"/>
      <c r="Z141" s="143"/>
      <c r="AA141" s="137"/>
      <c r="AB141" s="137"/>
      <c r="AC141" s="137"/>
      <c r="AD141" s="137"/>
      <c r="AE141" s="137"/>
      <c r="AF141" s="137"/>
      <c r="AG141" s="137"/>
      <c r="AH141" s="137"/>
      <c r="AI141" s="137"/>
      <c r="AJ141" s="137"/>
      <c r="AK141" s="206"/>
      <c r="AL141" s="206"/>
      <c r="AM141" s="143"/>
      <c r="AN141" s="137"/>
      <c r="AO141" s="137"/>
      <c r="AP141" s="137"/>
      <c r="AQ141" s="137"/>
      <c r="AR141" s="137"/>
      <c r="AS141" s="137"/>
      <c r="AT141" s="137"/>
      <c r="AU141" s="137"/>
      <c r="AV141" s="137"/>
      <c r="AW141" s="144"/>
    </row>
    <row r="142" spans="2:49" x14ac:dyDescent="0.2">
      <c r="B142" s="97"/>
      <c r="G142" s="43"/>
      <c r="J142" s="98"/>
      <c r="K142" s="97"/>
      <c r="N142" s="3"/>
      <c r="W142" s="98"/>
      <c r="Z142" s="143"/>
      <c r="AA142" s="137"/>
      <c r="AB142" s="137"/>
      <c r="AC142" s="137"/>
      <c r="AD142" s="137"/>
      <c r="AE142" s="137"/>
      <c r="AF142" s="137"/>
      <c r="AG142" s="137"/>
      <c r="AH142" s="137"/>
      <c r="AI142" s="137"/>
      <c r="AJ142" s="137"/>
      <c r="AK142" s="206"/>
      <c r="AL142" s="206"/>
      <c r="AM142" s="143"/>
      <c r="AN142" s="137"/>
      <c r="AO142" s="137"/>
      <c r="AP142" s="137"/>
      <c r="AQ142" s="137"/>
      <c r="AR142" s="137"/>
      <c r="AS142" s="137"/>
      <c r="AT142" s="137"/>
      <c r="AU142" s="137"/>
      <c r="AV142" s="137"/>
      <c r="AW142" s="144"/>
    </row>
    <row r="143" spans="2:49" x14ac:dyDescent="0.2">
      <c r="B143" s="97"/>
      <c r="G143" s="43"/>
      <c r="J143" s="98"/>
      <c r="K143" s="97"/>
      <c r="N143" s="3"/>
      <c r="W143" s="98"/>
      <c r="Z143" s="143"/>
      <c r="AA143" s="137"/>
      <c r="AB143" s="137"/>
      <c r="AC143" s="137"/>
      <c r="AD143" s="137"/>
      <c r="AE143" s="137"/>
      <c r="AF143" s="137"/>
      <c r="AG143" s="137"/>
      <c r="AH143" s="137"/>
      <c r="AI143" s="137"/>
      <c r="AJ143" s="137"/>
      <c r="AK143" s="206"/>
      <c r="AL143" s="206"/>
      <c r="AM143" s="143"/>
      <c r="AN143" s="137"/>
      <c r="AO143" s="137"/>
      <c r="AP143" s="137"/>
      <c r="AQ143" s="137"/>
      <c r="AR143" s="137"/>
      <c r="AS143" s="137"/>
      <c r="AT143" s="137"/>
      <c r="AU143" s="137"/>
      <c r="AV143" s="137"/>
      <c r="AW143" s="144"/>
    </row>
    <row r="144" spans="2:49" x14ac:dyDescent="0.2">
      <c r="B144" s="97"/>
      <c r="G144" s="43"/>
      <c r="J144" s="98"/>
      <c r="K144" s="97"/>
      <c r="N144" s="3"/>
      <c r="W144" s="98"/>
      <c r="Z144" s="143"/>
      <c r="AA144" s="137"/>
      <c r="AB144" s="137"/>
      <c r="AC144" s="137"/>
      <c r="AD144" s="137"/>
      <c r="AE144" s="137"/>
      <c r="AF144" s="137"/>
      <c r="AG144" s="137"/>
      <c r="AH144" s="137"/>
      <c r="AI144" s="137"/>
      <c r="AJ144" s="137"/>
      <c r="AK144" s="206"/>
      <c r="AL144" s="206"/>
      <c r="AM144" s="143"/>
      <c r="AN144" s="137"/>
      <c r="AO144" s="137"/>
      <c r="AP144" s="137"/>
      <c r="AQ144" s="137"/>
      <c r="AR144" s="137"/>
      <c r="AS144" s="137"/>
      <c r="AT144" s="137"/>
      <c r="AU144" s="137"/>
      <c r="AV144" s="137"/>
      <c r="AW144" s="144"/>
    </row>
    <row r="145" spans="2:49" x14ac:dyDescent="0.2">
      <c r="B145" s="97"/>
      <c r="G145" s="43"/>
      <c r="J145" s="98"/>
      <c r="K145" s="97"/>
      <c r="N145" s="3"/>
      <c r="W145" s="98"/>
      <c r="Z145" s="143"/>
      <c r="AA145" s="137"/>
      <c r="AB145" s="137"/>
      <c r="AC145" s="137"/>
      <c r="AD145" s="137"/>
      <c r="AE145" s="137"/>
      <c r="AF145" s="137"/>
      <c r="AG145" s="137"/>
      <c r="AH145" s="137"/>
      <c r="AI145" s="137"/>
      <c r="AJ145" s="137"/>
      <c r="AK145" s="206"/>
      <c r="AL145" s="206"/>
      <c r="AM145" s="143"/>
      <c r="AN145" s="137"/>
      <c r="AO145" s="137"/>
      <c r="AP145" s="137"/>
      <c r="AQ145" s="137"/>
      <c r="AR145" s="137"/>
      <c r="AS145" s="137"/>
      <c r="AT145" s="137"/>
      <c r="AU145" s="137"/>
      <c r="AV145" s="137"/>
      <c r="AW145" s="144"/>
    </row>
    <row r="146" spans="2:49" x14ac:dyDescent="0.2">
      <c r="B146" s="97"/>
      <c r="G146" s="43"/>
      <c r="J146" s="98"/>
      <c r="K146" s="97"/>
      <c r="N146" s="3"/>
      <c r="W146" s="98"/>
      <c r="Z146" s="143"/>
      <c r="AA146" s="137"/>
      <c r="AB146" s="137"/>
      <c r="AC146" s="137"/>
      <c r="AD146" s="137"/>
      <c r="AE146" s="137"/>
      <c r="AF146" s="137"/>
      <c r="AG146" s="137"/>
      <c r="AH146" s="137"/>
      <c r="AI146" s="137"/>
      <c r="AJ146" s="137"/>
      <c r="AK146" s="206"/>
      <c r="AL146" s="206"/>
      <c r="AM146" s="143"/>
      <c r="AN146" s="137"/>
      <c r="AO146" s="137"/>
      <c r="AP146" s="137"/>
      <c r="AQ146" s="137"/>
      <c r="AR146" s="137"/>
      <c r="AS146" s="137"/>
      <c r="AT146" s="137"/>
      <c r="AU146" s="137"/>
      <c r="AV146" s="137"/>
      <c r="AW146" s="144"/>
    </row>
    <row r="147" spans="2:49" x14ac:dyDescent="0.2">
      <c r="B147" s="97"/>
      <c r="G147" s="43"/>
      <c r="J147" s="98"/>
      <c r="K147" s="97"/>
      <c r="N147" s="3"/>
      <c r="W147" s="98"/>
      <c r="Z147" s="143"/>
      <c r="AA147" s="137"/>
      <c r="AB147" s="137"/>
      <c r="AC147" s="137"/>
      <c r="AD147" s="137"/>
      <c r="AE147" s="137"/>
      <c r="AF147" s="137"/>
      <c r="AG147" s="137"/>
      <c r="AH147" s="137"/>
      <c r="AI147" s="137"/>
      <c r="AJ147" s="137"/>
      <c r="AK147" s="206"/>
      <c r="AL147" s="206"/>
      <c r="AM147" s="143"/>
      <c r="AN147" s="137"/>
      <c r="AO147" s="137"/>
      <c r="AP147" s="137"/>
      <c r="AQ147" s="137"/>
      <c r="AR147" s="137"/>
      <c r="AS147" s="137"/>
      <c r="AT147" s="137"/>
      <c r="AU147" s="137"/>
      <c r="AV147" s="137"/>
      <c r="AW147" s="144"/>
    </row>
    <row r="148" spans="2:49" x14ac:dyDescent="0.2">
      <c r="B148" s="97"/>
      <c r="G148" s="43"/>
      <c r="J148" s="98"/>
      <c r="K148" s="97"/>
      <c r="N148" s="3"/>
      <c r="W148" s="98"/>
      <c r="Z148" s="143"/>
      <c r="AA148" s="137"/>
      <c r="AB148" s="137"/>
      <c r="AC148" s="137"/>
      <c r="AD148" s="137"/>
      <c r="AE148" s="137"/>
      <c r="AF148" s="137"/>
      <c r="AG148" s="137"/>
      <c r="AH148" s="137"/>
      <c r="AI148" s="137"/>
      <c r="AJ148" s="137"/>
      <c r="AK148" s="206"/>
      <c r="AL148" s="206"/>
      <c r="AM148" s="143"/>
      <c r="AN148" s="137"/>
      <c r="AO148" s="137"/>
      <c r="AP148" s="137"/>
      <c r="AQ148" s="137"/>
      <c r="AR148" s="137"/>
      <c r="AS148" s="137"/>
      <c r="AT148" s="137"/>
      <c r="AU148" s="137"/>
      <c r="AV148" s="137"/>
      <c r="AW148" s="144"/>
    </row>
    <row r="149" spans="2:49" x14ac:dyDescent="0.2">
      <c r="B149" s="97"/>
      <c r="G149" s="43"/>
      <c r="J149" s="98"/>
      <c r="K149" s="97"/>
      <c r="N149" s="3"/>
      <c r="W149" s="98"/>
      <c r="Z149" s="143"/>
      <c r="AA149" s="137"/>
      <c r="AB149" s="137"/>
      <c r="AC149" s="137"/>
      <c r="AD149" s="137"/>
      <c r="AE149" s="137"/>
      <c r="AF149" s="137"/>
      <c r="AG149" s="137"/>
      <c r="AH149" s="137"/>
      <c r="AI149" s="137"/>
      <c r="AJ149" s="137"/>
      <c r="AK149" s="206"/>
      <c r="AL149" s="206"/>
      <c r="AM149" s="143"/>
      <c r="AN149" s="137"/>
      <c r="AO149" s="137"/>
      <c r="AP149" s="137"/>
      <c r="AQ149" s="137"/>
      <c r="AR149" s="137"/>
      <c r="AS149" s="137"/>
      <c r="AT149" s="137"/>
      <c r="AU149" s="137"/>
      <c r="AV149" s="137"/>
      <c r="AW149" s="144"/>
    </row>
    <row r="150" spans="2:49" x14ac:dyDescent="0.2">
      <c r="B150" s="97"/>
      <c r="G150" s="43"/>
      <c r="J150" s="98"/>
      <c r="K150" s="97"/>
      <c r="N150" s="3"/>
      <c r="W150" s="98"/>
      <c r="Z150" s="143"/>
      <c r="AA150" s="137"/>
      <c r="AB150" s="137"/>
      <c r="AC150" s="137"/>
      <c r="AD150" s="137"/>
      <c r="AE150" s="137"/>
      <c r="AF150" s="137"/>
      <c r="AG150" s="137"/>
      <c r="AH150" s="137"/>
      <c r="AI150" s="137"/>
      <c r="AJ150" s="137"/>
      <c r="AK150" s="206"/>
      <c r="AL150" s="206"/>
      <c r="AM150" s="143"/>
      <c r="AN150" s="137"/>
      <c r="AO150" s="137"/>
      <c r="AP150" s="137"/>
      <c r="AQ150" s="137"/>
      <c r="AR150" s="137"/>
      <c r="AS150" s="137"/>
      <c r="AT150" s="137"/>
      <c r="AU150" s="137"/>
      <c r="AV150" s="137"/>
      <c r="AW150" s="144"/>
    </row>
    <row r="151" spans="2:49" x14ac:dyDescent="0.2">
      <c r="B151" s="97"/>
      <c r="G151" s="43"/>
      <c r="J151" s="98"/>
      <c r="K151" s="97"/>
      <c r="N151" s="3"/>
      <c r="W151" s="98"/>
      <c r="Z151" s="143"/>
      <c r="AA151" s="137"/>
      <c r="AB151" s="137"/>
      <c r="AC151" s="137"/>
      <c r="AD151" s="137"/>
      <c r="AE151" s="137"/>
      <c r="AF151" s="137"/>
      <c r="AG151" s="137"/>
      <c r="AH151" s="137"/>
      <c r="AI151" s="137"/>
      <c r="AJ151" s="137"/>
      <c r="AK151" s="206"/>
      <c r="AL151" s="206"/>
      <c r="AM151" s="143"/>
      <c r="AN151" s="137"/>
      <c r="AO151" s="137"/>
      <c r="AP151" s="137"/>
      <c r="AQ151" s="137"/>
      <c r="AR151" s="137"/>
      <c r="AS151" s="137"/>
      <c r="AT151" s="137"/>
      <c r="AU151" s="137"/>
      <c r="AV151" s="137"/>
      <c r="AW151" s="144"/>
    </row>
    <row r="152" spans="2:49" x14ac:dyDescent="0.2">
      <c r="B152" s="97"/>
      <c r="G152" s="43"/>
      <c r="J152" s="98"/>
      <c r="K152" s="97"/>
      <c r="N152" s="3"/>
      <c r="W152" s="98"/>
      <c r="Z152" s="143"/>
      <c r="AA152" s="137"/>
      <c r="AB152" s="137"/>
      <c r="AC152" s="137"/>
      <c r="AD152" s="137"/>
      <c r="AE152" s="137"/>
      <c r="AF152" s="137"/>
      <c r="AG152" s="137"/>
      <c r="AH152" s="137"/>
      <c r="AI152" s="137"/>
      <c r="AJ152" s="137"/>
      <c r="AK152" s="206"/>
      <c r="AL152" s="206"/>
      <c r="AM152" s="143"/>
      <c r="AN152" s="137"/>
      <c r="AO152" s="137"/>
      <c r="AP152" s="137"/>
      <c r="AQ152" s="137"/>
      <c r="AR152" s="137"/>
      <c r="AS152" s="137"/>
      <c r="AT152" s="137"/>
      <c r="AU152" s="137"/>
      <c r="AV152" s="137"/>
      <c r="AW152" s="144"/>
    </row>
    <row r="153" spans="2:49" x14ac:dyDescent="0.2">
      <c r="B153" s="97"/>
      <c r="G153" s="43"/>
      <c r="J153" s="98"/>
      <c r="K153" s="97"/>
      <c r="N153" s="3"/>
      <c r="W153" s="98"/>
      <c r="Z153" s="143"/>
      <c r="AA153" s="137"/>
      <c r="AB153" s="137"/>
      <c r="AC153" s="137"/>
      <c r="AD153" s="137"/>
      <c r="AE153" s="137"/>
      <c r="AF153" s="137"/>
      <c r="AG153" s="137"/>
      <c r="AH153" s="137"/>
      <c r="AI153" s="137"/>
      <c r="AJ153" s="137"/>
      <c r="AK153" s="206"/>
      <c r="AL153" s="206"/>
      <c r="AM153" s="143"/>
      <c r="AN153" s="137"/>
      <c r="AO153" s="137"/>
      <c r="AP153" s="137"/>
      <c r="AQ153" s="137"/>
      <c r="AR153" s="137"/>
      <c r="AS153" s="137"/>
      <c r="AT153" s="137"/>
      <c r="AU153" s="137"/>
      <c r="AV153" s="137"/>
      <c r="AW153" s="144"/>
    </row>
    <row r="154" spans="2:49" x14ac:dyDescent="0.2">
      <c r="B154" s="97"/>
      <c r="G154" s="43"/>
      <c r="J154" s="98"/>
      <c r="K154" s="97"/>
      <c r="N154" s="3"/>
      <c r="W154" s="98"/>
      <c r="Z154" s="143"/>
      <c r="AA154" s="137"/>
      <c r="AB154" s="137"/>
      <c r="AC154" s="137"/>
      <c r="AD154" s="137"/>
      <c r="AE154" s="137"/>
      <c r="AF154" s="137"/>
      <c r="AG154" s="137"/>
      <c r="AH154" s="137"/>
      <c r="AI154" s="137"/>
      <c r="AJ154" s="137"/>
      <c r="AK154" s="206"/>
      <c r="AL154" s="206"/>
      <c r="AM154" s="143"/>
      <c r="AN154" s="137"/>
      <c r="AO154" s="137"/>
      <c r="AP154" s="137"/>
      <c r="AQ154" s="137"/>
      <c r="AR154" s="137"/>
      <c r="AS154" s="137"/>
      <c r="AT154" s="137"/>
      <c r="AU154" s="137"/>
      <c r="AV154" s="137"/>
      <c r="AW154" s="144"/>
    </row>
    <row r="155" spans="2:49" x14ac:dyDescent="0.2">
      <c r="B155" s="97"/>
      <c r="G155" s="43"/>
      <c r="J155" s="98"/>
      <c r="K155" s="97"/>
      <c r="N155" s="3"/>
      <c r="W155" s="98"/>
      <c r="Z155" s="143"/>
      <c r="AA155" s="137"/>
      <c r="AB155" s="137"/>
      <c r="AC155" s="137"/>
      <c r="AD155" s="137"/>
      <c r="AE155" s="137"/>
      <c r="AF155" s="137"/>
      <c r="AG155" s="137"/>
      <c r="AH155" s="137"/>
      <c r="AI155" s="137"/>
      <c r="AJ155" s="137"/>
      <c r="AK155" s="206"/>
      <c r="AL155" s="206"/>
      <c r="AM155" s="143"/>
      <c r="AN155" s="137"/>
      <c r="AO155" s="137"/>
      <c r="AP155" s="137"/>
      <c r="AQ155" s="137"/>
      <c r="AR155" s="137"/>
      <c r="AS155" s="137"/>
      <c r="AT155" s="137"/>
      <c r="AU155" s="137"/>
      <c r="AV155" s="137"/>
      <c r="AW155" s="144"/>
    </row>
    <row r="156" spans="2:49" x14ac:dyDescent="0.2">
      <c r="B156" s="97"/>
      <c r="G156" s="43"/>
      <c r="J156" s="98"/>
      <c r="K156" s="97"/>
      <c r="N156" s="3"/>
      <c r="W156" s="98"/>
      <c r="Z156" s="143"/>
      <c r="AA156" s="137"/>
      <c r="AB156" s="137"/>
      <c r="AC156" s="137"/>
      <c r="AD156" s="137"/>
      <c r="AE156" s="137"/>
      <c r="AF156" s="137"/>
      <c r="AG156" s="137"/>
      <c r="AH156" s="137"/>
      <c r="AI156" s="137"/>
      <c r="AJ156" s="137"/>
      <c r="AK156" s="206"/>
      <c r="AL156" s="206"/>
      <c r="AM156" s="143"/>
      <c r="AN156" s="137"/>
      <c r="AO156" s="137"/>
      <c r="AP156" s="137"/>
      <c r="AQ156" s="137"/>
      <c r="AR156" s="137"/>
      <c r="AS156" s="137"/>
      <c r="AT156" s="137"/>
      <c r="AU156" s="137"/>
      <c r="AV156" s="137"/>
      <c r="AW156" s="144"/>
    </row>
    <row r="157" spans="2:49" x14ac:dyDescent="0.2">
      <c r="B157" s="97"/>
      <c r="G157" s="43"/>
      <c r="J157" s="98"/>
      <c r="K157" s="97"/>
      <c r="N157" s="3"/>
      <c r="W157" s="98"/>
      <c r="Z157" s="143"/>
      <c r="AA157" s="137"/>
      <c r="AB157" s="137"/>
      <c r="AC157" s="137"/>
      <c r="AD157" s="137"/>
      <c r="AE157" s="137"/>
      <c r="AF157" s="137"/>
      <c r="AG157" s="137"/>
      <c r="AH157" s="137"/>
      <c r="AI157" s="137"/>
      <c r="AJ157" s="137"/>
      <c r="AK157" s="206"/>
      <c r="AL157" s="206"/>
      <c r="AM157" s="143"/>
      <c r="AN157" s="137"/>
      <c r="AO157" s="137"/>
      <c r="AP157" s="137"/>
      <c r="AQ157" s="137"/>
      <c r="AR157" s="137"/>
      <c r="AS157" s="137"/>
      <c r="AT157" s="137"/>
      <c r="AU157" s="137"/>
      <c r="AV157" s="137"/>
      <c r="AW157" s="144"/>
    </row>
    <row r="158" spans="2:49" x14ac:dyDescent="0.2">
      <c r="B158" s="97"/>
      <c r="G158" s="43"/>
      <c r="J158" s="98"/>
      <c r="K158" s="97"/>
      <c r="N158" s="3"/>
      <c r="W158" s="98"/>
      <c r="Z158" s="143"/>
      <c r="AA158" s="137"/>
      <c r="AB158" s="137"/>
      <c r="AC158" s="137"/>
      <c r="AD158" s="137"/>
      <c r="AE158" s="137"/>
      <c r="AF158" s="137"/>
      <c r="AG158" s="137"/>
      <c r="AH158" s="137"/>
      <c r="AI158" s="137"/>
      <c r="AJ158" s="137"/>
      <c r="AK158" s="206"/>
      <c r="AL158" s="206"/>
      <c r="AM158" s="143"/>
      <c r="AN158" s="137"/>
      <c r="AO158" s="137"/>
      <c r="AP158" s="137"/>
      <c r="AQ158" s="137"/>
      <c r="AR158" s="137"/>
      <c r="AS158" s="137"/>
      <c r="AT158" s="137"/>
      <c r="AU158" s="137"/>
      <c r="AV158" s="137"/>
      <c r="AW158" s="144"/>
    </row>
    <row r="159" spans="2:49" x14ac:dyDescent="0.2">
      <c r="B159" s="97"/>
      <c r="G159" s="43"/>
      <c r="J159" s="98"/>
      <c r="K159" s="97"/>
      <c r="N159" s="3"/>
      <c r="W159" s="98"/>
      <c r="Z159" s="143"/>
      <c r="AA159" s="137"/>
      <c r="AB159" s="137"/>
      <c r="AC159" s="137"/>
      <c r="AD159" s="137"/>
      <c r="AE159" s="137"/>
      <c r="AF159" s="137"/>
      <c r="AG159" s="137"/>
      <c r="AH159" s="137"/>
      <c r="AI159" s="137"/>
      <c r="AJ159" s="137"/>
      <c r="AK159" s="206"/>
      <c r="AL159" s="206"/>
      <c r="AM159" s="143"/>
      <c r="AN159" s="137"/>
      <c r="AO159" s="137"/>
      <c r="AP159" s="137"/>
      <c r="AQ159" s="137"/>
      <c r="AR159" s="137"/>
      <c r="AS159" s="137"/>
      <c r="AT159" s="137"/>
      <c r="AU159" s="137"/>
      <c r="AV159" s="137"/>
      <c r="AW159" s="144"/>
    </row>
    <row r="160" spans="2:49" x14ac:dyDescent="0.2">
      <c r="B160" s="97"/>
      <c r="G160" s="43"/>
      <c r="J160" s="98"/>
      <c r="K160" s="97"/>
      <c r="N160" s="3"/>
      <c r="W160" s="98"/>
      <c r="Z160" s="143"/>
      <c r="AA160" s="137"/>
      <c r="AB160" s="137"/>
      <c r="AC160" s="137"/>
      <c r="AD160" s="137"/>
      <c r="AE160" s="137"/>
      <c r="AF160" s="137"/>
      <c r="AG160" s="137"/>
      <c r="AH160" s="137"/>
      <c r="AI160" s="137"/>
      <c r="AJ160" s="137"/>
      <c r="AK160" s="206"/>
      <c r="AL160" s="206"/>
      <c r="AM160" s="143"/>
      <c r="AN160" s="137"/>
      <c r="AO160" s="137"/>
      <c r="AP160" s="137"/>
      <c r="AQ160" s="137"/>
      <c r="AR160" s="137"/>
      <c r="AS160" s="137"/>
      <c r="AT160" s="137"/>
      <c r="AU160" s="137"/>
      <c r="AV160" s="137"/>
      <c r="AW160" s="144"/>
    </row>
    <row r="161" spans="2:49" x14ac:dyDescent="0.2">
      <c r="B161" s="97"/>
      <c r="G161" s="43"/>
      <c r="J161" s="98"/>
      <c r="K161" s="97"/>
      <c r="N161" s="3"/>
      <c r="W161" s="98"/>
      <c r="Z161" s="143"/>
      <c r="AA161" s="137"/>
      <c r="AB161" s="137"/>
      <c r="AC161" s="137"/>
      <c r="AD161" s="137"/>
      <c r="AE161" s="137"/>
      <c r="AF161" s="137"/>
      <c r="AG161" s="137"/>
      <c r="AH161" s="137"/>
      <c r="AI161" s="137"/>
      <c r="AJ161" s="137"/>
      <c r="AK161" s="206"/>
      <c r="AL161" s="206"/>
      <c r="AM161" s="143"/>
      <c r="AN161" s="137"/>
      <c r="AO161" s="137"/>
      <c r="AP161" s="137"/>
      <c r="AQ161" s="137"/>
      <c r="AR161" s="137"/>
      <c r="AS161" s="137"/>
      <c r="AT161" s="137"/>
      <c r="AU161" s="137"/>
      <c r="AV161" s="137"/>
      <c r="AW161" s="144"/>
    </row>
    <row r="162" spans="2:49" x14ac:dyDescent="0.2">
      <c r="B162" s="97"/>
      <c r="G162" s="43"/>
      <c r="J162" s="98"/>
      <c r="K162" s="97"/>
      <c r="N162" s="3"/>
      <c r="W162" s="98"/>
      <c r="Z162" s="143"/>
      <c r="AA162" s="137"/>
      <c r="AB162" s="137"/>
      <c r="AC162" s="137"/>
      <c r="AD162" s="137"/>
      <c r="AE162" s="137"/>
      <c r="AF162" s="137"/>
      <c r="AG162" s="137"/>
      <c r="AH162" s="137"/>
      <c r="AI162" s="137"/>
      <c r="AJ162" s="137"/>
      <c r="AK162" s="206"/>
      <c r="AL162" s="206"/>
      <c r="AM162" s="143"/>
      <c r="AN162" s="137"/>
      <c r="AO162" s="137"/>
      <c r="AP162" s="137"/>
      <c r="AQ162" s="137"/>
      <c r="AR162" s="137"/>
      <c r="AS162" s="137"/>
      <c r="AT162" s="137"/>
      <c r="AU162" s="137"/>
      <c r="AV162" s="137"/>
      <c r="AW162" s="144"/>
    </row>
    <row r="163" spans="2:49" x14ac:dyDescent="0.2">
      <c r="B163" s="97"/>
      <c r="G163" s="43"/>
      <c r="J163" s="98"/>
      <c r="K163" s="97"/>
      <c r="N163" s="3"/>
      <c r="W163" s="98"/>
      <c r="Z163" s="143"/>
      <c r="AA163" s="137"/>
      <c r="AB163" s="137"/>
      <c r="AC163" s="137"/>
      <c r="AD163" s="137"/>
      <c r="AE163" s="137"/>
      <c r="AF163" s="137"/>
      <c r="AG163" s="137"/>
      <c r="AH163" s="137"/>
      <c r="AI163" s="137"/>
      <c r="AJ163" s="137"/>
      <c r="AK163" s="206"/>
      <c r="AL163" s="206"/>
      <c r="AM163" s="143"/>
      <c r="AN163" s="137"/>
      <c r="AO163" s="137"/>
      <c r="AP163" s="137"/>
      <c r="AQ163" s="137"/>
      <c r="AR163" s="137"/>
      <c r="AS163" s="137"/>
      <c r="AT163" s="137"/>
      <c r="AU163" s="137"/>
      <c r="AV163" s="137"/>
      <c r="AW163" s="144"/>
    </row>
    <row r="164" spans="2:49" x14ac:dyDescent="0.2">
      <c r="B164" s="97"/>
      <c r="G164" s="43"/>
      <c r="J164" s="98"/>
      <c r="K164" s="97"/>
      <c r="N164" s="3"/>
      <c r="W164" s="98"/>
      <c r="Z164" s="143"/>
      <c r="AA164" s="137"/>
      <c r="AB164" s="137"/>
      <c r="AC164" s="137"/>
      <c r="AD164" s="137"/>
      <c r="AE164" s="137"/>
      <c r="AF164" s="137"/>
      <c r="AG164" s="137"/>
      <c r="AH164" s="137"/>
      <c r="AI164" s="137"/>
      <c r="AJ164" s="137"/>
      <c r="AK164" s="206"/>
      <c r="AL164" s="206"/>
      <c r="AM164" s="143"/>
      <c r="AN164" s="137"/>
      <c r="AO164" s="137"/>
      <c r="AP164" s="137"/>
      <c r="AQ164" s="137"/>
      <c r="AR164" s="137"/>
      <c r="AS164" s="137"/>
      <c r="AT164" s="137"/>
      <c r="AU164" s="137"/>
      <c r="AV164" s="137"/>
      <c r="AW164" s="144"/>
    </row>
    <row r="165" spans="2:49" x14ac:dyDescent="0.2">
      <c r="B165" s="97"/>
      <c r="G165" s="43"/>
      <c r="J165" s="98"/>
      <c r="K165" s="97"/>
      <c r="N165" s="3"/>
      <c r="W165" s="98"/>
      <c r="Z165" s="143"/>
      <c r="AA165" s="137"/>
      <c r="AB165" s="137"/>
      <c r="AC165" s="137"/>
      <c r="AD165" s="137"/>
      <c r="AE165" s="137"/>
      <c r="AF165" s="137"/>
      <c r="AG165" s="137"/>
      <c r="AH165" s="137"/>
      <c r="AI165" s="137"/>
      <c r="AJ165" s="137"/>
      <c r="AK165" s="206"/>
      <c r="AL165" s="206"/>
      <c r="AM165" s="143"/>
      <c r="AN165" s="137"/>
      <c r="AO165" s="137"/>
      <c r="AP165" s="137"/>
      <c r="AQ165" s="137"/>
      <c r="AR165" s="137"/>
      <c r="AS165" s="137"/>
      <c r="AT165" s="137"/>
      <c r="AU165" s="137"/>
      <c r="AV165" s="137"/>
      <c r="AW165" s="144"/>
    </row>
    <row r="166" spans="2:49" x14ac:dyDescent="0.2">
      <c r="B166" s="97"/>
      <c r="G166" s="43"/>
      <c r="J166" s="98"/>
      <c r="K166" s="97"/>
      <c r="N166" s="3"/>
      <c r="W166" s="98"/>
      <c r="Z166" s="143"/>
      <c r="AA166" s="137"/>
      <c r="AB166" s="137"/>
      <c r="AC166" s="137"/>
      <c r="AD166" s="137"/>
      <c r="AE166" s="137"/>
      <c r="AF166" s="137"/>
      <c r="AG166" s="137"/>
      <c r="AH166" s="137"/>
      <c r="AI166" s="137"/>
      <c r="AJ166" s="137"/>
      <c r="AK166" s="206"/>
      <c r="AL166" s="206"/>
      <c r="AM166" s="143"/>
      <c r="AN166" s="137"/>
      <c r="AO166" s="137"/>
      <c r="AP166" s="137"/>
      <c r="AQ166" s="137"/>
      <c r="AR166" s="137"/>
      <c r="AS166" s="137"/>
      <c r="AT166" s="137"/>
      <c r="AU166" s="137"/>
      <c r="AV166" s="137"/>
      <c r="AW166" s="144"/>
    </row>
    <row r="167" spans="2:49" x14ac:dyDescent="0.2">
      <c r="B167" s="97"/>
      <c r="G167" s="43"/>
      <c r="J167" s="98"/>
      <c r="K167" s="97"/>
      <c r="N167" s="3"/>
      <c r="W167" s="98"/>
      <c r="Z167" s="143"/>
      <c r="AA167" s="137"/>
      <c r="AB167" s="137"/>
      <c r="AC167" s="137"/>
      <c r="AD167" s="137"/>
      <c r="AE167" s="137"/>
      <c r="AF167" s="137"/>
      <c r="AG167" s="137"/>
      <c r="AH167" s="137"/>
      <c r="AI167" s="137"/>
      <c r="AJ167" s="137"/>
      <c r="AK167" s="206"/>
      <c r="AL167" s="206"/>
      <c r="AM167" s="143"/>
      <c r="AN167" s="137"/>
      <c r="AO167" s="137"/>
      <c r="AP167" s="137"/>
      <c r="AQ167" s="137"/>
      <c r="AR167" s="137"/>
      <c r="AS167" s="137"/>
      <c r="AT167" s="137"/>
      <c r="AU167" s="137"/>
      <c r="AV167" s="137"/>
      <c r="AW167" s="144"/>
    </row>
    <row r="168" spans="2:49" x14ac:dyDescent="0.2">
      <c r="B168" s="97"/>
      <c r="G168" s="43"/>
      <c r="J168" s="98"/>
      <c r="K168" s="97"/>
      <c r="N168" s="3"/>
      <c r="W168" s="98"/>
      <c r="Z168" s="143"/>
      <c r="AA168" s="137"/>
      <c r="AB168" s="137"/>
      <c r="AC168" s="137"/>
      <c r="AD168" s="137"/>
      <c r="AE168" s="137"/>
      <c r="AF168" s="137"/>
      <c r="AG168" s="137"/>
      <c r="AH168" s="137"/>
      <c r="AI168" s="137"/>
      <c r="AJ168" s="137"/>
      <c r="AK168" s="206"/>
      <c r="AL168" s="206"/>
      <c r="AM168" s="143"/>
      <c r="AN168" s="137"/>
      <c r="AO168" s="137"/>
      <c r="AP168" s="137"/>
      <c r="AQ168" s="137"/>
      <c r="AR168" s="137"/>
      <c r="AS168" s="137"/>
      <c r="AT168" s="137"/>
      <c r="AU168" s="137"/>
      <c r="AV168" s="137"/>
      <c r="AW168" s="144"/>
    </row>
    <row r="169" spans="2:49" x14ac:dyDescent="0.2">
      <c r="B169" s="97"/>
      <c r="G169" s="43"/>
      <c r="J169" s="98"/>
      <c r="K169" s="97"/>
      <c r="N169" s="3"/>
      <c r="W169" s="98"/>
      <c r="Z169" s="143"/>
      <c r="AA169" s="137"/>
      <c r="AB169" s="137"/>
      <c r="AC169" s="137"/>
      <c r="AD169" s="137"/>
      <c r="AE169" s="137"/>
      <c r="AF169" s="137"/>
      <c r="AG169" s="137"/>
      <c r="AH169" s="137"/>
      <c r="AI169" s="137"/>
      <c r="AJ169" s="137"/>
      <c r="AK169" s="206"/>
      <c r="AL169" s="206"/>
      <c r="AM169" s="143"/>
      <c r="AN169" s="137"/>
      <c r="AO169" s="137"/>
      <c r="AP169" s="137"/>
      <c r="AQ169" s="137"/>
      <c r="AR169" s="137"/>
      <c r="AS169" s="137"/>
      <c r="AT169" s="137"/>
      <c r="AU169" s="137"/>
      <c r="AV169" s="137"/>
      <c r="AW169" s="144"/>
    </row>
    <row r="170" spans="2:49" x14ac:dyDescent="0.2">
      <c r="B170" s="97"/>
      <c r="G170" s="43"/>
      <c r="J170" s="98"/>
      <c r="K170" s="97"/>
      <c r="N170" s="3"/>
      <c r="W170" s="98"/>
      <c r="Z170" s="143"/>
      <c r="AA170" s="137"/>
      <c r="AB170" s="137"/>
      <c r="AC170" s="137"/>
      <c r="AD170" s="137"/>
      <c r="AE170" s="137"/>
      <c r="AF170" s="137"/>
      <c r="AG170" s="137"/>
      <c r="AH170" s="137"/>
      <c r="AI170" s="137"/>
      <c r="AJ170" s="137"/>
      <c r="AK170" s="206"/>
      <c r="AL170" s="206"/>
      <c r="AM170" s="143"/>
      <c r="AN170" s="137"/>
      <c r="AO170" s="137"/>
      <c r="AP170" s="137"/>
      <c r="AQ170" s="137"/>
      <c r="AR170" s="137"/>
      <c r="AS170" s="137"/>
      <c r="AT170" s="137"/>
      <c r="AU170" s="137"/>
      <c r="AV170" s="137"/>
      <c r="AW170" s="144"/>
    </row>
    <row r="171" spans="2:49" x14ac:dyDescent="0.2">
      <c r="B171" s="97"/>
      <c r="G171" s="43"/>
      <c r="J171" s="98"/>
      <c r="K171" s="97"/>
      <c r="N171" s="3"/>
      <c r="W171" s="98"/>
      <c r="Z171" s="143"/>
      <c r="AA171" s="137"/>
      <c r="AB171" s="137"/>
      <c r="AC171" s="137"/>
      <c r="AD171" s="137"/>
      <c r="AE171" s="137"/>
      <c r="AF171" s="137"/>
      <c r="AG171" s="137"/>
      <c r="AH171" s="137"/>
      <c r="AI171" s="137"/>
      <c r="AJ171" s="137"/>
      <c r="AK171" s="206"/>
      <c r="AL171" s="206"/>
      <c r="AM171" s="143"/>
      <c r="AN171" s="137"/>
      <c r="AO171" s="137"/>
      <c r="AP171" s="137"/>
      <c r="AQ171" s="137"/>
      <c r="AR171" s="137"/>
      <c r="AS171" s="137"/>
      <c r="AT171" s="137"/>
      <c r="AU171" s="137"/>
      <c r="AV171" s="137"/>
      <c r="AW171" s="144"/>
    </row>
    <row r="172" spans="2:49" x14ac:dyDescent="0.2">
      <c r="B172" s="97"/>
      <c r="G172" s="43"/>
      <c r="J172" s="98"/>
      <c r="K172" s="97"/>
      <c r="N172" s="3"/>
      <c r="W172" s="98"/>
      <c r="Z172" s="143"/>
      <c r="AA172" s="137"/>
      <c r="AB172" s="137"/>
      <c r="AC172" s="137"/>
      <c r="AD172" s="137"/>
      <c r="AE172" s="137"/>
      <c r="AF172" s="137"/>
      <c r="AG172" s="137"/>
      <c r="AH172" s="137"/>
      <c r="AI172" s="137"/>
      <c r="AJ172" s="137"/>
      <c r="AK172" s="206"/>
      <c r="AL172" s="206"/>
      <c r="AM172" s="143"/>
      <c r="AN172" s="137"/>
      <c r="AO172" s="137"/>
      <c r="AP172" s="137"/>
      <c r="AQ172" s="137"/>
      <c r="AR172" s="137"/>
      <c r="AS172" s="137"/>
      <c r="AT172" s="137"/>
      <c r="AU172" s="137"/>
      <c r="AV172" s="137"/>
      <c r="AW172" s="144"/>
    </row>
    <row r="173" spans="2:49" x14ac:dyDescent="0.2">
      <c r="B173" s="97"/>
      <c r="G173" s="43"/>
      <c r="J173" s="98"/>
      <c r="K173" s="97"/>
      <c r="N173" s="3"/>
      <c r="W173" s="98"/>
      <c r="Z173" s="143"/>
      <c r="AA173" s="137"/>
      <c r="AB173" s="137"/>
      <c r="AC173" s="137"/>
      <c r="AD173" s="137"/>
      <c r="AE173" s="137"/>
      <c r="AF173" s="137"/>
      <c r="AG173" s="137"/>
      <c r="AH173" s="137"/>
      <c r="AI173" s="137"/>
      <c r="AJ173" s="137"/>
      <c r="AK173" s="206"/>
      <c r="AL173" s="206"/>
      <c r="AM173" s="143"/>
      <c r="AN173" s="137"/>
      <c r="AO173" s="137"/>
      <c r="AP173" s="137"/>
      <c r="AQ173" s="137"/>
      <c r="AR173" s="137"/>
      <c r="AS173" s="137"/>
      <c r="AT173" s="137"/>
      <c r="AU173" s="137"/>
      <c r="AV173" s="137"/>
      <c r="AW173" s="144"/>
    </row>
    <row r="174" spans="2:49" x14ac:dyDescent="0.2">
      <c r="B174" s="97"/>
      <c r="G174" s="43"/>
      <c r="J174" s="98"/>
      <c r="K174" s="97"/>
      <c r="N174" s="3"/>
      <c r="W174" s="98"/>
      <c r="Z174" s="143"/>
      <c r="AA174" s="137"/>
      <c r="AB174" s="137"/>
      <c r="AC174" s="137"/>
      <c r="AD174" s="137"/>
      <c r="AE174" s="137"/>
      <c r="AF174" s="137"/>
      <c r="AG174" s="137"/>
      <c r="AH174" s="137"/>
      <c r="AI174" s="137"/>
      <c r="AJ174" s="137"/>
      <c r="AK174" s="206"/>
      <c r="AL174" s="206"/>
      <c r="AM174" s="143"/>
      <c r="AN174" s="137"/>
      <c r="AO174" s="137"/>
      <c r="AP174" s="137"/>
      <c r="AQ174" s="137"/>
      <c r="AR174" s="137"/>
      <c r="AS174" s="137"/>
      <c r="AT174" s="137"/>
      <c r="AU174" s="137"/>
      <c r="AV174" s="137"/>
      <c r="AW174" s="144"/>
    </row>
    <row r="175" spans="2:49" x14ac:dyDescent="0.2">
      <c r="B175" s="97"/>
      <c r="G175" s="43"/>
      <c r="J175" s="98"/>
      <c r="K175" s="97"/>
      <c r="N175" s="3"/>
      <c r="W175" s="98"/>
      <c r="Z175" s="143"/>
      <c r="AA175" s="137"/>
      <c r="AB175" s="137"/>
      <c r="AC175" s="137"/>
      <c r="AD175" s="137"/>
      <c r="AE175" s="137"/>
      <c r="AF175" s="137"/>
      <c r="AG175" s="137"/>
      <c r="AH175" s="137"/>
      <c r="AI175" s="137"/>
      <c r="AJ175" s="137"/>
      <c r="AK175" s="206"/>
      <c r="AL175" s="206"/>
      <c r="AM175" s="143"/>
      <c r="AN175" s="137"/>
      <c r="AO175" s="137"/>
      <c r="AP175" s="137"/>
      <c r="AQ175" s="137"/>
      <c r="AR175" s="137"/>
      <c r="AS175" s="137"/>
      <c r="AT175" s="137"/>
      <c r="AU175" s="137"/>
      <c r="AV175" s="137"/>
      <c r="AW175" s="144"/>
    </row>
    <row r="176" spans="2:49" x14ac:dyDescent="0.2">
      <c r="B176" s="97"/>
      <c r="G176" s="43"/>
      <c r="J176" s="98"/>
      <c r="K176" s="97"/>
      <c r="N176" s="3"/>
      <c r="W176" s="98"/>
      <c r="Z176" s="143"/>
      <c r="AA176" s="137"/>
      <c r="AB176" s="137"/>
      <c r="AC176" s="137"/>
      <c r="AD176" s="137"/>
      <c r="AE176" s="137"/>
      <c r="AF176" s="137"/>
      <c r="AG176" s="137"/>
      <c r="AH176" s="137"/>
      <c r="AI176" s="137"/>
      <c r="AJ176" s="137"/>
      <c r="AK176" s="206"/>
      <c r="AL176" s="206"/>
      <c r="AM176" s="143"/>
      <c r="AN176" s="137"/>
      <c r="AO176" s="137"/>
      <c r="AP176" s="137"/>
      <c r="AQ176" s="137"/>
      <c r="AR176" s="137"/>
      <c r="AS176" s="137"/>
      <c r="AT176" s="137"/>
      <c r="AU176" s="137"/>
      <c r="AV176" s="137"/>
      <c r="AW176" s="144"/>
    </row>
    <row r="177" spans="2:49" x14ac:dyDescent="0.2">
      <c r="B177" s="97"/>
      <c r="G177" s="43"/>
      <c r="J177" s="98"/>
      <c r="K177" s="97"/>
      <c r="N177" s="3"/>
      <c r="W177" s="98"/>
      <c r="Z177" s="143"/>
      <c r="AA177" s="137"/>
      <c r="AB177" s="137"/>
      <c r="AC177" s="137"/>
      <c r="AD177" s="137"/>
      <c r="AE177" s="137"/>
      <c r="AF177" s="137"/>
      <c r="AG177" s="137"/>
      <c r="AH177" s="137"/>
      <c r="AI177" s="137"/>
      <c r="AJ177" s="137"/>
      <c r="AK177" s="206"/>
      <c r="AL177" s="206"/>
      <c r="AM177" s="143"/>
      <c r="AN177" s="137"/>
      <c r="AO177" s="137"/>
      <c r="AP177" s="137"/>
      <c r="AQ177" s="137"/>
      <c r="AR177" s="137"/>
      <c r="AS177" s="137"/>
      <c r="AT177" s="137"/>
      <c r="AU177" s="137"/>
      <c r="AV177" s="137"/>
      <c r="AW177" s="144"/>
    </row>
    <row r="178" spans="2:49" x14ac:dyDescent="0.2">
      <c r="B178" s="97"/>
      <c r="G178" s="43"/>
      <c r="J178" s="98"/>
      <c r="K178" s="97"/>
      <c r="N178" s="3"/>
      <c r="W178" s="98"/>
      <c r="Z178" s="143"/>
      <c r="AA178" s="137"/>
      <c r="AB178" s="137"/>
      <c r="AC178" s="137"/>
      <c r="AD178" s="137"/>
      <c r="AE178" s="137"/>
      <c r="AF178" s="137"/>
      <c r="AG178" s="137"/>
      <c r="AH178" s="137"/>
      <c r="AI178" s="137"/>
      <c r="AJ178" s="137"/>
      <c r="AK178" s="206"/>
      <c r="AL178" s="206"/>
      <c r="AM178" s="143"/>
      <c r="AN178" s="137"/>
      <c r="AO178" s="137"/>
      <c r="AP178" s="137"/>
      <c r="AQ178" s="137"/>
      <c r="AR178" s="137"/>
      <c r="AS178" s="137"/>
      <c r="AT178" s="137"/>
      <c r="AU178" s="137"/>
      <c r="AV178" s="137"/>
      <c r="AW178" s="144"/>
    </row>
    <row r="179" spans="2:49" x14ac:dyDescent="0.2">
      <c r="B179" s="97"/>
      <c r="G179" s="43"/>
      <c r="J179" s="98"/>
      <c r="K179" s="97"/>
      <c r="N179" s="3"/>
      <c r="W179" s="98"/>
      <c r="Z179" s="143"/>
      <c r="AA179" s="137"/>
      <c r="AB179" s="137"/>
      <c r="AC179" s="137"/>
      <c r="AD179" s="137"/>
      <c r="AE179" s="137"/>
      <c r="AF179" s="137"/>
      <c r="AG179" s="137"/>
      <c r="AH179" s="137"/>
      <c r="AI179" s="137"/>
      <c r="AJ179" s="137"/>
      <c r="AK179" s="206"/>
      <c r="AL179" s="206"/>
      <c r="AM179" s="143"/>
      <c r="AN179" s="137"/>
      <c r="AO179" s="137"/>
      <c r="AP179" s="137"/>
      <c r="AQ179" s="137"/>
      <c r="AR179" s="137"/>
      <c r="AS179" s="137"/>
      <c r="AT179" s="137"/>
      <c r="AU179" s="137"/>
      <c r="AV179" s="137"/>
      <c r="AW179" s="144"/>
    </row>
    <row r="180" spans="2:49" x14ac:dyDescent="0.2">
      <c r="B180" s="97"/>
      <c r="G180" s="43"/>
      <c r="J180" s="98"/>
      <c r="K180" s="97"/>
      <c r="N180" s="3"/>
      <c r="W180" s="98"/>
      <c r="Z180" s="143"/>
      <c r="AA180" s="137"/>
      <c r="AB180" s="137"/>
      <c r="AC180" s="137"/>
      <c r="AD180" s="137"/>
      <c r="AE180" s="137"/>
      <c r="AF180" s="137"/>
      <c r="AG180" s="137"/>
      <c r="AH180" s="137"/>
      <c r="AI180" s="137"/>
      <c r="AJ180" s="137"/>
      <c r="AK180" s="206"/>
      <c r="AL180" s="206"/>
      <c r="AM180" s="143"/>
      <c r="AN180" s="137"/>
      <c r="AO180" s="137"/>
      <c r="AP180" s="137"/>
      <c r="AQ180" s="137"/>
      <c r="AR180" s="137"/>
      <c r="AS180" s="137"/>
      <c r="AT180" s="137"/>
      <c r="AU180" s="137"/>
      <c r="AV180" s="137"/>
      <c r="AW180" s="144"/>
    </row>
    <row r="181" spans="2:49" x14ac:dyDescent="0.2">
      <c r="B181" s="97"/>
      <c r="G181" s="43"/>
      <c r="J181" s="98"/>
      <c r="K181" s="97"/>
      <c r="N181" s="3"/>
      <c r="W181" s="98"/>
      <c r="Z181" s="143"/>
      <c r="AA181" s="137"/>
      <c r="AB181" s="137"/>
      <c r="AC181" s="137"/>
      <c r="AD181" s="137"/>
      <c r="AE181" s="137"/>
      <c r="AF181" s="137"/>
      <c r="AG181" s="137"/>
      <c r="AH181" s="137"/>
      <c r="AI181" s="137"/>
      <c r="AJ181" s="137"/>
      <c r="AK181" s="206"/>
      <c r="AL181" s="206"/>
      <c r="AM181" s="143"/>
      <c r="AN181" s="137"/>
      <c r="AO181" s="137"/>
      <c r="AP181" s="137"/>
      <c r="AQ181" s="137"/>
      <c r="AR181" s="137"/>
      <c r="AS181" s="137"/>
      <c r="AT181" s="137"/>
      <c r="AU181" s="137"/>
      <c r="AV181" s="137"/>
      <c r="AW181" s="144"/>
    </row>
    <row r="182" spans="2:49" x14ac:dyDescent="0.2">
      <c r="B182" s="97"/>
      <c r="G182" s="43"/>
      <c r="J182" s="98"/>
      <c r="K182" s="97"/>
      <c r="N182" s="3"/>
      <c r="W182" s="98"/>
      <c r="Z182" s="143"/>
      <c r="AA182" s="137"/>
      <c r="AB182" s="137"/>
      <c r="AC182" s="137"/>
      <c r="AD182" s="137"/>
      <c r="AE182" s="137"/>
      <c r="AF182" s="137"/>
      <c r="AG182" s="137"/>
      <c r="AH182" s="137"/>
      <c r="AI182" s="137"/>
      <c r="AJ182" s="137"/>
      <c r="AK182" s="206"/>
      <c r="AL182" s="206"/>
      <c r="AM182" s="143"/>
      <c r="AN182" s="137"/>
      <c r="AO182" s="137"/>
      <c r="AP182" s="137"/>
      <c r="AQ182" s="137"/>
      <c r="AR182" s="137"/>
      <c r="AS182" s="137"/>
      <c r="AT182" s="137"/>
      <c r="AU182" s="137"/>
      <c r="AV182" s="137"/>
      <c r="AW182" s="144"/>
    </row>
    <row r="183" spans="2:49" x14ac:dyDescent="0.2">
      <c r="B183" s="97"/>
      <c r="G183" s="43"/>
      <c r="J183" s="98"/>
      <c r="K183" s="97"/>
      <c r="N183" s="3"/>
      <c r="W183" s="98"/>
      <c r="Z183" s="143"/>
      <c r="AA183" s="137"/>
      <c r="AB183" s="137"/>
      <c r="AC183" s="137"/>
      <c r="AD183" s="137"/>
      <c r="AE183" s="137"/>
      <c r="AF183" s="137"/>
      <c r="AG183" s="137"/>
      <c r="AH183" s="137"/>
      <c r="AI183" s="137"/>
      <c r="AJ183" s="137"/>
      <c r="AK183" s="206"/>
      <c r="AL183" s="206"/>
      <c r="AM183" s="143"/>
      <c r="AN183" s="137"/>
      <c r="AO183" s="137"/>
      <c r="AP183" s="137"/>
      <c r="AQ183" s="137"/>
      <c r="AR183" s="137"/>
      <c r="AS183" s="137"/>
      <c r="AT183" s="137"/>
      <c r="AU183" s="137"/>
      <c r="AV183" s="137"/>
      <c r="AW183" s="144"/>
    </row>
    <row r="184" spans="2:49" x14ac:dyDescent="0.2">
      <c r="B184" s="97"/>
      <c r="G184" s="43"/>
      <c r="J184" s="98"/>
      <c r="K184" s="97"/>
      <c r="N184" s="3"/>
      <c r="W184" s="98"/>
      <c r="Z184" s="143"/>
      <c r="AA184" s="137"/>
      <c r="AB184" s="137"/>
      <c r="AC184" s="137"/>
      <c r="AD184" s="137"/>
      <c r="AE184" s="137"/>
      <c r="AF184" s="137"/>
      <c r="AG184" s="137"/>
      <c r="AH184" s="137"/>
      <c r="AI184" s="137"/>
      <c r="AJ184" s="137"/>
      <c r="AK184" s="206"/>
      <c r="AL184" s="206"/>
      <c r="AM184" s="143"/>
      <c r="AN184" s="137"/>
      <c r="AO184" s="137"/>
      <c r="AP184" s="137"/>
      <c r="AQ184" s="137"/>
      <c r="AR184" s="137"/>
      <c r="AS184" s="137"/>
      <c r="AT184" s="137"/>
      <c r="AU184" s="137"/>
      <c r="AV184" s="137"/>
      <c r="AW184" s="144"/>
    </row>
    <row r="185" spans="2:49" x14ac:dyDescent="0.2">
      <c r="B185" s="97"/>
      <c r="G185" s="43"/>
      <c r="J185" s="98"/>
      <c r="K185" s="97"/>
      <c r="N185" s="3"/>
      <c r="W185" s="98"/>
      <c r="Z185" s="143"/>
      <c r="AA185" s="137"/>
      <c r="AB185" s="137"/>
      <c r="AC185" s="137"/>
      <c r="AD185" s="137"/>
      <c r="AE185" s="137"/>
      <c r="AF185" s="137"/>
      <c r="AG185" s="137"/>
      <c r="AH185" s="137"/>
      <c r="AI185" s="137"/>
      <c r="AJ185" s="137"/>
      <c r="AK185" s="206"/>
      <c r="AL185" s="206"/>
      <c r="AM185" s="143"/>
      <c r="AN185" s="137"/>
      <c r="AO185" s="137"/>
      <c r="AP185" s="137"/>
      <c r="AQ185" s="137"/>
      <c r="AR185" s="137"/>
      <c r="AS185" s="137"/>
      <c r="AT185" s="137"/>
      <c r="AU185" s="137"/>
      <c r="AV185" s="137"/>
      <c r="AW185" s="144"/>
    </row>
    <row r="186" spans="2:49" x14ac:dyDescent="0.2">
      <c r="B186" s="97"/>
      <c r="G186" s="43"/>
      <c r="J186" s="98"/>
      <c r="K186" s="97"/>
      <c r="N186" s="3"/>
      <c r="W186" s="98"/>
      <c r="Z186" s="143"/>
      <c r="AA186" s="137"/>
      <c r="AB186" s="137"/>
      <c r="AC186" s="137"/>
      <c r="AD186" s="137"/>
      <c r="AE186" s="137"/>
      <c r="AF186" s="137"/>
      <c r="AG186" s="137"/>
      <c r="AH186" s="137"/>
      <c r="AI186" s="137"/>
      <c r="AJ186" s="137"/>
      <c r="AK186" s="206"/>
      <c r="AL186" s="206"/>
      <c r="AM186" s="143"/>
      <c r="AN186" s="137"/>
      <c r="AO186" s="137"/>
      <c r="AP186" s="137"/>
      <c r="AQ186" s="137"/>
      <c r="AR186" s="137"/>
      <c r="AS186" s="137"/>
      <c r="AT186" s="137"/>
      <c r="AU186" s="137"/>
      <c r="AV186" s="137"/>
      <c r="AW186" s="144"/>
    </row>
    <row r="187" spans="2:49" x14ac:dyDescent="0.2">
      <c r="B187" s="97"/>
      <c r="G187" s="43"/>
      <c r="J187" s="98"/>
      <c r="K187" s="97"/>
      <c r="N187" s="3"/>
      <c r="W187" s="98"/>
      <c r="Z187" s="143"/>
      <c r="AA187" s="137"/>
      <c r="AB187" s="137"/>
      <c r="AC187" s="137"/>
      <c r="AD187" s="137"/>
      <c r="AE187" s="137"/>
      <c r="AF187" s="137"/>
      <c r="AG187" s="137"/>
      <c r="AH187" s="137"/>
      <c r="AI187" s="137"/>
      <c r="AJ187" s="137"/>
      <c r="AK187" s="206"/>
      <c r="AL187" s="206"/>
      <c r="AM187" s="143"/>
      <c r="AN187" s="137"/>
      <c r="AO187" s="137"/>
      <c r="AP187" s="137"/>
      <c r="AQ187" s="137"/>
      <c r="AR187" s="137"/>
      <c r="AS187" s="137"/>
      <c r="AT187" s="137"/>
      <c r="AU187" s="137"/>
      <c r="AV187" s="137"/>
      <c r="AW187" s="144"/>
    </row>
    <row r="188" spans="2:49" x14ac:dyDescent="0.2">
      <c r="B188" s="97"/>
      <c r="G188" s="43"/>
      <c r="J188" s="98"/>
      <c r="K188" s="97"/>
      <c r="N188" s="3"/>
      <c r="W188" s="98"/>
      <c r="Z188" s="143"/>
      <c r="AA188" s="137"/>
      <c r="AB188" s="137"/>
      <c r="AC188" s="137"/>
      <c r="AD188" s="137"/>
      <c r="AE188" s="137"/>
      <c r="AF188" s="137"/>
      <c r="AG188" s="137"/>
      <c r="AH188" s="137"/>
      <c r="AI188" s="137"/>
      <c r="AJ188" s="137"/>
      <c r="AK188" s="206"/>
      <c r="AL188" s="206"/>
      <c r="AM188" s="143"/>
      <c r="AN188" s="137"/>
      <c r="AO188" s="137"/>
      <c r="AP188" s="137"/>
      <c r="AQ188" s="137"/>
      <c r="AR188" s="137"/>
      <c r="AS188" s="137"/>
      <c r="AT188" s="137"/>
      <c r="AU188" s="137"/>
      <c r="AV188" s="137"/>
      <c r="AW188" s="144"/>
    </row>
    <row r="189" spans="2:49" x14ac:dyDescent="0.2">
      <c r="B189" s="97"/>
      <c r="G189" s="43"/>
      <c r="J189" s="98"/>
      <c r="K189" s="97"/>
      <c r="N189" s="3"/>
      <c r="W189" s="98"/>
      <c r="Z189" s="143"/>
      <c r="AA189" s="137"/>
      <c r="AB189" s="137"/>
      <c r="AC189" s="137"/>
      <c r="AD189" s="137"/>
      <c r="AE189" s="137"/>
      <c r="AF189" s="137"/>
      <c r="AG189" s="137"/>
      <c r="AH189" s="137"/>
      <c r="AI189" s="137"/>
      <c r="AJ189" s="137"/>
      <c r="AK189" s="206"/>
      <c r="AL189" s="206"/>
      <c r="AM189" s="143"/>
      <c r="AN189" s="137"/>
      <c r="AO189" s="137"/>
      <c r="AP189" s="137"/>
      <c r="AQ189" s="137"/>
      <c r="AR189" s="137"/>
      <c r="AS189" s="137"/>
      <c r="AT189" s="137"/>
      <c r="AU189" s="137"/>
      <c r="AV189" s="137"/>
      <c r="AW189" s="144"/>
    </row>
    <row r="190" spans="2:49" x14ac:dyDescent="0.2">
      <c r="B190" s="97"/>
      <c r="G190" s="43"/>
      <c r="J190" s="98"/>
      <c r="K190" s="97"/>
      <c r="N190" s="3"/>
      <c r="W190" s="98"/>
      <c r="Z190" s="143"/>
      <c r="AA190" s="137"/>
      <c r="AB190" s="137"/>
      <c r="AC190" s="137"/>
      <c r="AD190" s="137"/>
      <c r="AE190" s="137"/>
      <c r="AF190" s="137"/>
      <c r="AG190" s="137"/>
      <c r="AH190" s="137"/>
      <c r="AI190" s="137"/>
      <c r="AJ190" s="137"/>
      <c r="AK190" s="206"/>
      <c r="AL190" s="206"/>
      <c r="AM190" s="143"/>
      <c r="AN190" s="137"/>
      <c r="AO190" s="137"/>
      <c r="AP190" s="137"/>
      <c r="AQ190" s="137"/>
      <c r="AR190" s="137"/>
      <c r="AS190" s="137"/>
      <c r="AT190" s="137"/>
      <c r="AU190" s="137"/>
      <c r="AV190" s="137"/>
      <c r="AW190" s="144"/>
    </row>
    <row r="191" spans="2:49" x14ac:dyDescent="0.2">
      <c r="B191" s="97"/>
      <c r="G191" s="43"/>
      <c r="J191" s="98"/>
      <c r="K191" s="97"/>
      <c r="N191" s="3"/>
      <c r="W191" s="98"/>
      <c r="Z191" s="143"/>
      <c r="AA191" s="137"/>
      <c r="AB191" s="137"/>
      <c r="AC191" s="137"/>
      <c r="AD191" s="137"/>
      <c r="AE191" s="137"/>
      <c r="AF191" s="137"/>
      <c r="AG191" s="137"/>
      <c r="AH191" s="137"/>
      <c r="AI191" s="137"/>
      <c r="AJ191" s="137"/>
      <c r="AK191" s="206"/>
      <c r="AL191" s="206"/>
      <c r="AM191" s="143"/>
      <c r="AN191" s="137"/>
      <c r="AO191" s="137"/>
      <c r="AP191" s="137"/>
      <c r="AQ191" s="137"/>
      <c r="AR191" s="137"/>
      <c r="AS191" s="137"/>
      <c r="AT191" s="137"/>
      <c r="AU191" s="137"/>
      <c r="AV191" s="137"/>
      <c r="AW191" s="144"/>
    </row>
    <row r="192" spans="2:49" x14ac:dyDescent="0.2">
      <c r="B192" s="97"/>
      <c r="G192" s="43"/>
      <c r="J192" s="98"/>
      <c r="K192" s="97"/>
      <c r="N192" s="3"/>
      <c r="W192" s="98"/>
      <c r="Z192" s="143"/>
      <c r="AA192" s="137"/>
      <c r="AB192" s="137"/>
      <c r="AC192" s="137"/>
      <c r="AD192" s="137"/>
      <c r="AE192" s="137"/>
      <c r="AF192" s="137"/>
      <c r="AG192" s="137"/>
      <c r="AH192" s="137"/>
      <c r="AI192" s="137"/>
      <c r="AJ192" s="137"/>
      <c r="AK192" s="206"/>
      <c r="AL192" s="206"/>
      <c r="AM192" s="143"/>
      <c r="AN192" s="137"/>
      <c r="AO192" s="137"/>
      <c r="AP192" s="137"/>
      <c r="AQ192" s="137"/>
      <c r="AR192" s="137"/>
      <c r="AS192" s="137"/>
      <c r="AT192" s="137"/>
      <c r="AU192" s="137"/>
      <c r="AV192" s="137"/>
      <c r="AW192" s="144"/>
    </row>
    <row r="193" spans="2:49" x14ac:dyDescent="0.2">
      <c r="B193" s="97"/>
      <c r="G193" s="43"/>
      <c r="J193" s="98"/>
      <c r="K193" s="97"/>
      <c r="N193" s="3"/>
      <c r="W193" s="98"/>
      <c r="Z193" s="143"/>
      <c r="AA193" s="137"/>
      <c r="AB193" s="137"/>
      <c r="AC193" s="137"/>
      <c r="AD193" s="137"/>
      <c r="AE193" s="137"/>
      <c r="AF193" s="137"/>
      <c r="AG193" s="137"/>
      <c r="AH193" s="137"/>
      <c r="AI193" s="137"/>
      <c r="AJ193" s="137"/>
      <c r="AK193" s="206"/>
      <c r="AL193" s="206"/>
      <c r="AM193" s="143"/>
      <c r="AN193" s="137"/>
      <c r="AO193" s="137"/>
      <c r="AP193" s="137"/>
      <c r="AQ193" s="137"/>
      <c r="AR193" s="137"/>
      <c r="AS193" s="137"/>
      <c r="AT193" s="137"/>
      <c r="AU193" s="137"/>
      <c r="AV193" s="137"/>
      <c r="AW193" s="144"/>
    </row>
    <row r="194" spans="2:49" x14ac:dyDescent="0.2">
      <c r="B194" s="97"/>
      <c r="G194" s="43"/>
      <c r="J194" s="98"/>
      <c r="K194" s="97"/>
      <c r="N194" s="3"/>
      <c r="W194" s="98"/>
      <c r="Z194" s="143"/>
      <c r="AA194" s="137"/>
      <c r="AB194" s="137"/>
      <c r="AC194" s="137"/>
      <c r="AD194" s="137"/>
      <c r="AE194" s="137"/>
      <c r="AF194" s="137"/>
      <c r="AG194" s="137"/>
      <c r="AH194" s="137"/>
      <c r="AI194" s="137"/>
      <c r="AJ194" s="137"/>
      <c r="AK194" s="206"/>
      <c r="AL194" s="206"/>
      <c r="AM194" s="143"/>
      <c r="AN194" s="137"/>
      <c r="AO194" s="137"/>
      <c r="AP194" s="137"/>
      <c r="AQ194" s="137"/>
      <c r="AR194" s="137"/>
      <c r="AS194" s="137"/>
      <c r="AT194" s="137"/>
      <c r="AU194" s="137"/>
      <c r="AV194" s="137"/>
      <c r="AW194" s="144"/>
    </row>
    <row r="195" spans="2:49" x14ac:dyDescent="0.2">
      <c r="B195" s="97"/>
      <c r="G195" s="43"/>
      <c r="J195" s="98"/>
      <c r="K195" s="97"/>
      <c r="N195" s="3"/>
      <c r="W195" s="98"/>
      <c r="Z195" s="143"/>
      <c r="AA195" s="137"/>
      <c r="AB195" s="137"/>
      <c r="AC195" s="137"/>
      <c r="AD195" s="137"/>
      <c r="AE195" s="137"/>
      <c r="AF195" s="137"/>
      <c r="AG195" s="137"/>
      <c r="AH195" s="137"/>
      <c r="AI195" s="137"/>
      <c r="AJ195" s="137"/>
      <c r="AK195" s="206"/>
      <c r="AL195" s="206"/>
      <c r="AM195" s="143"/>
      <c r="AN195" s="137"/>
      <c r="AO195" s="137"/>
      <c r="AP195" s="137"/>
      <c r="AQ195" s="137"/>
      <c r="AR195" s="137"/>
      <c r="AS195" s="137"/>
      <c r="AT195" s="137"/>
      <c r="AU195" s="137"/>
      <c r="AV195" s="137"/>
      <c r="AW195" s="144"/>
    </row>
    <row r="196" spans="2:49" x14ac:dyDescent="0.2">
      <c r="B196" s="97"/>
      <c r="G196" s="43"/>
      <c r="J196" s="98"/>
      <c r="K196" s="97"/>
      <c r="N196" s="3"/>
      <c r="W196" s="98"/>
      <c r="Z196" s="143"/>
      <c r="AA196" s="137"/>
      <c r="AB196" s="137"/>
      <c r="AC196" s="137"/>
      <c r="AD196" s="137"/>
      <c r="AE196" s="137"/>
      <c r="AF196" s="137"/>
      <c r="AG196" s="137"/>
      <c r="AH196" s="137"/>
      <c r="AI196" s="137"/>
      <c r="AJ196" s="137"/>
      <c r="AK196" s="206"/>
      <c r="AL196" s="206"/>
      <c r="AM196" s="143"/>
      <c r="AN196" s="137"/>
      <c r="AO196" s="137"/>
      <c r="AP196" s="137"/>
      <c r="AQ196" s="137"/>
      <c r="AR196" s="137"/>
      <c r="AS196" s="137"/>
      <c r="AT196" s="137"/>
      <c r="AU196" s="137"/>
      <c r="AV196" s="137"/>
      <c r="AW196" s="144"/>
    </row>
    <row r="197" spans="2:49" x14ac:dyDescent="0.2">
      <c r="B197" s="97"/>
      <c r="G197" s="43"/>
      <c r="J197" s="98"/>
      <c r="K197" s="97"/>
      <c r="N197" s="3"/>
      <c r="W197" s="98"/>
      <c r="Z197" s="143"/>
      <c r="AA197" s="137"/>
      <c r="AB197" s="137"/>
      <c r="AC197" s="137"/>
      <c r="AD197" s="137"/>
      <c r="AE197" s="137"/>
      <c r="AF197" s="137"/>
      <c r="AG197" s="137"/>
      <c r="AH197" s="137"/>
      <c r="AI197" s="137"/>
      <c r="AJ197" s="137"/>
      <c r="AK197" s="206"/>
      <c r="AL197" s="206"/>
      <c r="AM197" s="143"/>
      <c r="AN197" s="137"/>
      <c r="AO197" s="137"/>
      <c r="AP197" s="137"/>
      <c r="AQ197" s="137"/>
      <c r="AR197" s="137"/>
      <c r="AS197" s="137"/>
      <c r="AT197" s="137"/>
      <c r="AU197" s="137"/>
      <c r="AV197" s="137"/>
      <c r="AW197" s="144"/>
    </row>
    <row r="198" spans="2:49" x14ac:dyDescent="0.2">
      <c r="B198" s="97"/>
      <c r="G198" s="43"/>
      <c r="J198" s="98"/>
      <c r="K198" s="97"/>
      <c r="N198" s="3"/>
      <c r="W198" s="98"/>
      <c r="Z198" s="143"/>
      <c r="AA198" s="137"/>
      <c r="AB198" s="137"/>
      <c r="AC198" s="137"/>
      <c r="AD198" s="137"/>
      <c r="AE198" s="137"/>
      <c r="AF198" s="137"/>
      <c r="AG198" s="137"/>
      <c r="AH198" s="137"/>
      <c r="AI198" s="137"/>
      <c r="AJ198" s="137"/>
      <c r="AK198" s="206"/>
      <c r="AL198" s="206"/>
      <c r="AM198" s="143"/>
      <c r="AN198" s="137"/>
      <c r="AO198" s="137"/>
      <c r="AP198" s="137"/>
      <c r="AQ198" s="137"/>
      <c r="AR198" s="137"/>
      <c r="AS198" s="137"/>
      <c r="AT198" s="137"/>
      <c r="AU198" s="137"/>
      <c r="AV198" s="137"/>
      <c r="AW198" s="144"/>
    </row>
    <row r="199" spans="2:49" x14ac:dyDescent="0.2">
      <c r="B199" s="97"/>
      <c r="G199" s="43"/>
      <c r="J199" s="98"/>
      <c r="K199" s="97"/>
      <c r="N199" s="3"/>
      <c r="W199" s="98"/>
      <c r="Z199" s="143"/>
      <c r="AA199" s="137"/>
      <c r="AB199" s="137"/>
      <c r="AC199" s="137"/>
      <c r="AD199" s="137"/>
      <c r="AE199" s="137"/>
      <c r="AF199" s="137"/>
      <c r="AG199" s="137"/>
      <c r="AH199" s="137"/>
      <c r="AI199" s="137"/>
      <c r="AJ199" s="137"/>
      <c r="AK199" s="206"/>
      <c r="AL199" s="206"/>
      <c r="AM199" s="143"/>
      <c r="AN199" s="137"/>
      <c r="AO199" s="137"/>
      <c r="AP199" s="137"/>
      <c r="AQ199" s="137"/>
      <c r="AR199" s="137"/>
      <c r="AS199" s="137"/>
      <c r="AT199" s="137"/>
      <c r="AU199" s="137"/>
      <c r="AV199" s="137"/>
      <c r="AW199" s="144"/>
    </row>
    <row r="200" spans="2:49" x14ac:dyDescent="0.2">
      <c r="B200" s="97"/>
      <c r="G200" s="43"/>
      <c r="J200" s="98"/>
      <c r="K200" s="97"/>
      <c r="N200" s="3"/>
      <c r="W200" s="98"/>
      <c r="Z200" s="143"/>
      <c r="AA200" s="137"/>
      <c r="AB200" s="137"/>
      <c r="AC200" s="137"/>
      <c r="AD200" s="137"/>
      <c r="AE200" s="137"/>
      <c r="AF200" s="137"/>
      <c r="AG200" s="137"/>
      <c r="AH200" s="137"/>
      <c r="AI200" s="137"/>
      <c r="AJ200" s="137"/>
      <c r="AK200" s="206"/>
      <c r="AL200" s="206"/>
      <c r="AM200" s="143"/>
      <c r="AN200" s="137"/>
      <c r="AO200" s="137"/>
      <c r="AP200" s="137"/>
      <c r="AQ200" s="137"/>
      <c r="AR200" s="137"/>
      <c r="AS200" s="137"/>
      <c r="AT200" s="137"/>
      <c r="AU200" s="137"/>
      <c r="AV200" s="137"/>
      <c r="AW200" s="144"/>
    </row>
    <row r="201" spans="2:49" x14ac:dyDescent="0.2">
      <c r="B201" s="97"/>
      <c r="G201" s="43"/>
      <c r="J201" s="98"/>
      <c r="K201" s="97"/>
      <c r="N201" s="3"/>
      <c r="W201" s="98"/>
      <c r="Z201" s="143"/>
      <c r="AA201" s="137"/>
      <c r="AB201" s="137"/>
      <c r="AC201" s="137"/>
      <c r="AD201" s="137"/>
      <c r="AE201" s="137"/>
      <c r="AF201" s="137"/>
      <c r="AG201" s="137"/>
      <c r="AH201" s="137"/>
      <c r="AI201" s="137"/>
      <c r="AJ201" s="137"/>
      <c r="AK201" s="206"/>
      <c r="AL201" s="206"/>
      <c r="AM201" s="143"/>
      <c r="AN201" s="137"/>
      <c r="AO201" s="137"/>
      <c r="AP201" s="137"/>
      <c r="AQ201" s="137"/>
      <c r="AR201" s="137"/>
      <c r="AS201" s="137"/>
      <c r="AT201" s="137"/>
      <c r="AU201" s="137"/>
      <c r="AV201" s="137"/>
      <c r="AW201" s="144"/>
    </row>
    <row r="202" spans="2:49" x14ac:dyDescent="0.2">
      <c r="B202" s="97"/>
      <c r="G202" s="43"/>
      <c r="J202" s="98"/>
      <c r="K202" s="97"/>
      <c r="N202" s="3"/>
      <c r="W202" s="98"/>
      <c r="Z202" s="143"/>
      <c r="AA202" s="137"/>
      <c r="AB202" s="137"/>
      <c r="AC202" s="137"/>
      <c r="AD202" s="137"/>
      <c r="AE202" s="137"/>
      <c r="AF202" s="137"/>
      <c r="AG202" s="137"/>
      <c r="AH202" s="137"/>
      <c r="AI202" s="137"/>
      <c r="AJ202" s="137"/>
      <c r="AK202" s="206"/>
      <c r="AL202" s="206"/>
      <c r="AM202" s="143"/>
      <c r="AN202" s="137"/>
      <c r="AO202" s="137"/>
      <c r="AP202" s="137"/>
      <c r="AQ202" s="137"/>
      <c r="AR202" s="137"/>
      <c r="AS202" s="137"/>
      <c r="AT202" s="137"/>
      <c r="AU202" s="137"/>
      <c r="AV202" s="137"/>
      <c r="AW202" s="144"/>
    </row>
    <row r="203" spans="2:49" x14ac:dyDescent="0.2">
      <c r="B203" s="97"/>
      <c r="G203" s="43"/>
      <c r="J203" s="98"/>
      <c r="K203" s="97"/>
      <c r="N203" s="3"/>
      <c r="W203" s="98"/>
      <c r="Z203" s="143"/>
      <c r="AA203" s="137"/>
      <c r="AB203" s="137"/>
      <c r="AC203" s="137"/>
      <c r="AD203" s="137"/>
      <c r="AE203" s="137"/>
      <c r="AF203" s="137"/>
      <c r="AG203" s="137"/>
      <c r="AH203" s="137"/>
      <c r="AI203" s="137"/>
      <c r="AJ203" s="137"/>
      <c r="AK203" s="206"/>
      <c r="AL203" s="206"/>
      <c r="AM203" s="143"/>
      <c r="AN203" s="137"/>
      <c r="AO203" s="137"/>
      <c r="AP203" s="137"/>
      <c r="AQ203" s="137"/>
      <c r="AR203" s="137"/>
      <c r="AS203" s="137"/>
      <c r="AT203" s="137"/>
      <c r="AU203" s="137"/>
      <c r="AV203" s="137"/>
      <c r="AW203" s="144"/>
    </row>
    <row r="204" spans="2:49" x14ac:dyDescent="0.2">
      <c r="B204" s="97"/>
      <c r="G204" s="43"/>
      <c r="J204" s="98"/>
      <c r="K204" s="97"/>
      <c r="N204" s="3"/>
      <c r="W204" s="98"/>
      <c r="Z204" s="143"/>
      <c r="AA204" s="137"/>
      <c r="AB204" s="137"/>
      <c r="AC204" s="137"/>
      <c r="AD204" s="137"/>
      <c r="AE204" s="137"/>
      <c r="AF204" s="137"/>
      <c r="AG204" s="137"/>
      <c r="AH204" s="137"/>
      <c r="AI204" s="137"/>
      <c r="AJ204" s="137"/>
      <c r="AK204" s="206"/>
      <c r="AL204" s="206"/>
      <c r="AM204" s="143"/>
      <c r="AN204" s="137"/>
      <c r="AO204" s="137"/>
      <c r="AP204" s="137"/>
      <c r="AQ204" s="137"/>
      <c r="AR204" s="137"/>
      <c r="AS204" s="137"/>
      <c r="AT204" s="137"/>
      <c r="AU204" s="137"/>
      <c r="AV204" s="137"/>
      <c r="AW204" s="144"/>
    </row>
    <row r="205" spans="2:49" x14ac:dyDescent="0.2">
      <c r="B205" s="97"/>
      <c r="G205" s="43"/>
      <c r="J205" s="98"/>
      <c r="K205" s="97"/>
      <c r="N205" s="3"/>
      <c r="W205" s="98"/>
      <c r="Z205" s="143"/>
      <c r="AA205" s="137"/>
      <c r="AB205" s="137"/>
      <c r="AC205" s="137"/>
      <c r="AD205" s="137"/>
      <c r="AE205" s="137"/>
      <c r="AF205" s="137"/>
      <c r="AG205" s="137"/>
      <c r="AH205" s="137"/>
      <c r="AI205" s="137"/>
      <c r="AJ205" s="137"/>
      <c r="AK205" s="206"/>
      <c r="AL205" s="206"/>
      <c r="AM205" s="143"/>
      <c r="AN205" s="137"/>
      <c r="AO205" s="137"/>
      <c r="AP205" s="137"/>
      <c r="AQ205" s="137"/>
      <c r="AR205" s="137"/>
      <c r="AS205" s="137"/>
      <c r="AT205" s="137"/>
      <c r="AU205" s="137"/>
      <c r="AV205" s="137"/>
      <c r="AW205" s="144"/>
    </row>
    <row r="206" spans="2:49" x14ac:dyDescent="0.2">
      <c r="B206" s="97"/>
      <c r="G206" s="43"/>
      <c r="J206" s="98"/>
      <c r="K206" s="97"/>
      <c r="N206" s="3"/>
      <c r="W206" s="98"/>
      <c r="Z206" s="143"/>
      <c r="AA206" s="137"/>
      <c r="AB206" s="137"/>
      <c r="AC206" s="137"/>
      <c r="AD206" s="137"/>
      <c r="AE206" s="137"/>
      <c r="AF206" s="137"/>
      <c r="AG206" s="137"/>
      <c r="AH206" s="137"/>
      <c r="AI206" s="137"/>
      <c r="AJ206" s="137"/>
      <c r="AK206" s="206"/>
      <c r="AL206" s="206"/>
      <c r="AM206" s="143"/>
      <c r="AN206" s="137"/>
      <c r="AO206" s="137"/>
      <c r="AP206" s="137"/>
      <c r="AQ206" s="137"/>
      <c r="AR206" s="137"/>
      <c r="AS206" s="137"/>
      <c r="AT206" s="137"/>
      <c r="AU206" s="137"/>
      <c r="AV206" s="137"/>
      <c r="AW206" s="144"/>
    </row>
    <row r="207" spans="2:49" x14ac:dyDescent="0.2">
      <c r="B207" s="97"/>
      <c r="G207" s="43"/>
      <c r="J207" s="98"/>
      <c r="K207" s="97"/>
      <c r="N207" s="3"/>
      <c r="W207" s="98"/>
      <c r="Z207" s="143"/>
      <c r="AA207" s="137"/>
      <c r="AB207" s="137"/>
      <c r="AC207" s="137"/>
      <c r="AD207" s="137"/>
      <c r="AE207" s="137"/>
      <c r="AF207" s="137"/>
      <c r="AG207" s="137"/>
      <c r="AH207" s="137"/>
      <c r="AI207" s="137"/>
      <c r="AJ207" s="137"/>
      <c r="AK207" s="206"/>
      <c r="AL207" s="206"/>
      <c r="AM207" s="143"/>
      <c r="AN207" s="137"/>
      <c r="AO207" s="137"/>
      <c r="AP207" s="137"/>
      <c r="AQ207" s="137"/>
      <c r="AR207" s="137"/>
      <c r="AS207" s="137"/>
      <c r="AT207" s="137"/>
      <c r="AU207" s="137"/>
      <c r="AV207" s="137"/>
      <c r="AW207" s="144"/>
    </row>
    <row r="208" spans="2:49" x14ac:dyDescent="0.2">
      <c r="B208" s="97"/>
      <c r="G208" s="43"/>
      <c r="J208" s="98"/>
      <c r="K208" s="97"/>
      <c r="N208" s="3"/>
      <c r="W208" s="98"/>
      <c r="Z208" s="143"/>
      <c r="AA208" s="137"/>
      <c r="AB208" s="137"/>
      <c r="AC208" s="137"/>
      <c r="AD208" s="137"/>
      <c r="AE208" s="137"/>
      <c r="AF208" s="137"/>
      <c r="AG208" s="137"/>
      <c r="AH208" s="137"/>
      <c r="AI208" s="137"/>
      <c r="AJ208" s="137"/>
      <c r="AK208" s="206"/>
      <c r="AL208" s="206"/>
      <c r="AM208" s="143"/>
      <c r="AN208" s="137"/>
      <c r="AO208" s="137"/>
      <c r="AP208" s="137"/>
      <c r="AQ208" s="137"/>
      <c r="AR208" s="137"/>
      <c r="AS208" s="137"/>
      <c r="AT208" s="137"/>
      <c r="AU208" s="137"/>
      <c r="AV208" s="137"/>
      <c r="AW208" s="144"/>
    </row>
    <row r="209" spans="2:49" x14ac:dyDescent="0.2">
      <c r="B209" s="97"/>
      <c r="G209" s="43"/>
      <c r="J209" s="98"/>
      <c r="K209" s="97"/>
      <c r="N209" s="3"/>
      <c r="W209" s="98"/>
      <c r="Z209" s="143"/>
      <c r="AA209" s="137"/>
      <c r="AB209" s="137"/>
      <c r="AC209" s="137"/>
      <c r="AD209" s="137"/>
      <c r="AE209" s="137"/>
      <c r="AF209" s="137"/>
      <c r="AG209" s="137"/>
      <c r="AH209" s="137"/>
      <c r="AI209" s="137"/>
      <c r="AJ209" s="137"/>
      <c r="AK209" s="206"/>
      <c r="AL209" s="206"/>
      <c r="AM209" s="143"/>
      <c r="AN209" s="137"/>
      <c r="AO209" s="137"/>
      <c r="AP209" s="137"/>
      <c r="AQ209" s="137"/>
      <c r="AR209" s="137"/>
      <c r="AS209" s="137"/>
      <c r="AT209" s="137"/>
      <c r="AU209" s="137"/>
      <c r="AV209" s="137"/>
      <c r="AW209" s="144"/>
    </row>
    <row r="210" spans="2:49" x14ac:dyDescent="0.2">
      <c r="B210" s="97"/>
      <c r="G210" s="43"/>
      <c r="J210" s="98"/>
      <c r="K210" s="97"/>
      <c r="N210" s="3"/>
      <c r="W210" s="98"/>
      <c r="Z210" s="143"/>
      <c r="AA210" s="137"/>
      <c r="AB210" s="137"/>
      <c r="AC210" s="137"/>
      <c r="AD210" s="137"/>
      <c r="AE210" s="137"/>
      <c r="AF210" s="137"/>
      <c r="AG210" s="137"/>
      <c r="AH210" s="137"/>
      <c r="AI210" s="137"/>
      <c r="AJ210" s="137"/>
      <c r="AK210" s="206"/>
      <c r="AL210" s="206"/>
      <c r="AM210" s="143"/>
      <c r="AN210" s="137"/>
      <c r="AO210" s="137"/>
      <c r="AP210" s="137"/>
      <c r="AQ210" s="137"/>
      <c r="AR210" s="137"/>
      <c r="AS210" s="137"/>
      <c r="AT210" s="137"/>
      <c r="AU210" s="137"/>
      <c r="AV210" s="137"/>
      <c r="AW210" s="144"/>
    </row>
    <row r="211" spans="2:49" x14ac:dyDescent="0.2">
      <c r="B211" s="97"/>
      <c r="G211" s="43"/>
      <c r="J211" s="98"/>
      <c r="K211" s="97"/>
      <c r="N211" s="3"/>
      <c r="W211" s="98"/>
      <c r="Z211" s="143"/>
      <c r="AA211" s="137"/>
      <c r="AB211" s="137"/>
      <c r="AC211" s="137"/>
      <c r="AD211" s="137"/>
      <c r="AE211" s="137"/>
      <c r="AF211" s="137"/>
      <c r="AG211" s="137"/>
      <c r="AH211" s="137"/>
      <c r="AI211" s="137"/>
      <c r="AJ211" s="137"/>
      <c r="AK211" s="206"/>
      <c r="AL211" s="206"/>
      <c r="AM211" s="143"/>
      <c r="AN211" s="137"/>
      <c r="AO211" s="137"/>
      <c r="AP211" s="137"/>
      <c r="AQ211" s="137"/>
      <c r="AR211" s="137"/>
      <c r="AS211" s="137"/>
      <c r="AT211" s="137"/>
      <c r="AU211" s="137"/>
      <c r="AV211" s="137"/>
      <c r="AW211" s="144"/>
    </row>
    <row r="212" spans="2:49" x14ac:dyDescent="0.2">
      <c r="B212" s="97"/>
      <c r="G212" s="43"/>
      <c r="J212" s="98"/>
      <c r="K212" s="97"/>
      <c r="N212" s="3"/>
      <c r="W212" s="98"/>
      <c r="Z212" s="143"/>
      <c r="AA212" s="137"/>
      <c r="AB212" s="137"/>
      <c r="AC212" s="137"/>
      <c r="AD212" s="137"/>
      <c r="AE212" s="137"/>
      <c r="AF212" s="137"/>
      <c r="AG212" s="137"/>
      <c r="AH212" s="137"/>
      <c r="AI212" s="137"/>
      <c r="AJ212" s="137"/>
      <c r="AK212" s="206"/>
      <c r="AL212" s="206"/>
      <c r="AM212" s="143"/>
      <c r="AN212" s="137"/>
      <c r="AO212" s="137"/>
      <c r="AP212" s="137"/>
      <c r="AQ212" s="137"/>
      <c r="AR212" s="137"/>
      <c r="AS212" s="137"/>
      <c r="AT212" s="137"/>
      <c r="AU212" s="137"/>
      <c r="AV212" s="137"/>
      <c r="AW212" s="144"/>
    </row>
    <row r="213" spans="2:49" x14ac:dyDescent="0.2">
      <c r="B213" s="97"/>
      <c r="G213" s="43"/>
      <c r="J213" s="98"/>
      <c r="K213" s="97"/>
      <c r="N213" s="3"/>
      <c r="W213" s="98"/>
      <c r="Z213" s="143"/>
      <c r="AA213" s="137"/>
      <c r="AB213" s="137"/>
      <c r="AC213" s="137"/>
      <c r="AD213" s="137"/>
      <c r="AE213" s="137"/>
      <c r="AF213" s="137"/>
      <c r="AG213" s="137"/>
      <c r="AH213" s="137"/>
      <c r="AI213" s="137"/>
      <c r="AJ213" s="137"/>
      <c r="AK213" s="206"/>
      <c r="AL213" s="206"/>
      <c r="AM213" s="143"/>
      <c r="AN213" s="137"/>
      <c r="AO213" s="137"/>
      <c r="AP213" s="137"/>
      <c r="AQ213" s="137"/>
      <c r="AR213" s="137"/>
      <c r="AS213" s="137"/>
      <c r="AT213" s="137"/>
      <c r="AU213" s="137"/>
      <c r="AV213" s="137"/>
      <c r="AW213" s="144"/>
    </row>
    <row r="214" spans="2:49" x14ac:dyDescent="0.2">
      <c r="B214" s="97"/>
      <c r="G214" s="43"/>
      <c r="J214" s="98"/>
      <c r="K214" s="97"/>
      <c r="N214" s="3"/>
      <c r="W214" s="98"/>
      <c r="Z214" s="143"/>
      <c r="AA214" s="137"/>
      <c r="AB214" s="137"/>
      <c r="AC214" s="137"/>
      <c r="AD214" s="137"/>
      <c r="AE214" s="137"/>
      <c r="AF214" s="137"/>
      <c r="AG214" s="137"/>
      <c r="AH214" s="137"/>
      <c r="AI214" s="137"/>
      <c r="AJ214" s="137"/>
      <c r="AK214" s="206"/>
      <c r="AL214" s="206"/>
      <c r="AM214" s="143"/>
      <c r="AN214" s="137"/>
      <c r="AO214" s="137"/>
      <c r="AP214" s="137"/>
      <c r="AQ214" s="137"/>
      <c r="AR214" s="137"/>
      <c r="AS214" s="137"/>
      <c r="AT214" s="137"/>
      <c r="AU214" s="137"/>
      <c r="AV214" s="137"/>
      <c r="AW214" s="144"/>
    </row>
    <row r="215" spans="2:49" x14ac:dyDescent="0.2">
      <c r="B215" s="97"/>
      <c r="G215" s="43"/>
      <c r="J215" s="98"/>
      <c r="K215" s="97"/>
      <c r="N215" s="3"/>
      <c r="W215" s="98"/>
      <c r="Z215" s="143"/>
      <c r="AA215" s="137"/>
      <c r="AB215" s="137"/>
      <c r="AC215" s="137"/>
      <c r="AD215" s="137"/>
      <c r="AE215" s="137"/>
      <c r="AF215" s="137"/>
      <c r="AG215" s="137"/>
      <c r="AH215" s="137"/>
      <c r="AI215" s="137"/>
      <c r="AJ215" s="137"/>
      <c r="AK215" s="206"/>
      <c r="AL215" s="206"/>
      <c r="AM215" s="143"/>
      <c r="AN215" s="137"/>
      <c r="AO215" s="137"/>
      <c r="AP215" s="137"/>
      <c r="AQ215" s="137"/>
      <c r="AR215" s="137"/>
      <c r="AS215" s="137"/>
      <c r="AT215" s="137"/>
      <c r="AU215" s="137"/>
      <c r="AV215" s="137"/>
      <c r="AW215" s="144"/>
    </row>
    <row r="216" spans="2:49" x14ac:dyDescent="0.2">
      <c r="B216" s="97"/>
      <c r="G216" s="43"/>
      <c r="J216" s="98"/>
      <c r="K216" s="97"/>
      <c r="N216" s="3"/>
      <c r="W216" s="98"/>
      <c r="Z216" s="143"/>
      <c r="AA216" s="137"/>
      <c r="AB216" s="137"/>
      <c r="AC216" s="137"/>
      <c r="AD216" s="137"/>
      <c r="AE216" s="137"/>
      <c r="AF216" s="137"/>
      <c r="AG216" s="137"/>
      <c r="AH216" s="137"/>
      <c r="AI216" s="137"/>
      <c r="AJ216" s="137"/>
      <c r="AK216" s="206"/>
      <c r="AL216" s="206"/>
      <c r="AM216" s="143"/>
      <c r="AN216" s="137"/>
      <c r="AO216" s="137"/>
      <c r="AP216" s="137"/>
      <c r="AQ216" s="137"/>
      <c r="AR216" s="137"/>
      <c r="AS216" s="137"/>
      <c r="AT216" s="137"/>
      <c r="AU216" s="137"/>
      <c r="AV216" s="137"/>
      <c r="AW216" s="144"/>
    </row>
    <row r="217" spans="2:49" x14ac:dyDescent="0.2">
      <c r="B217" s="97"/>
      <c r="G217" s="43"/>
      <c r="J217" s="98"/>
      <c r="K217" s="97"/>
      <c r="N217" s="3"/>
      <c r="W217" s="98"/>
      <c r="Z217" s="143"/>
      <c r="AA217" s="137"/>
      <c r="AB217" s="137"/>
      <c r="AC217" s="137"/>
      <c r="AD217" s="137"/>
      <c r="AE217" s="137"/>
      <c r="AF217" s="137"/>
      <c r="AG217" s="137"/>
      <c r="AH217" s="137"/>
      <c r="AI217" s="137"/>
      <c r="AJ217" s="137"/>
      <c r="AK217" s="206"/>
      <c r="AL217" s="206"/>
      <c r="AM217" s="143"/>
      <c r="AN217" s="137"/>
      <c r="AO217" s="137"/>
      <c r="AP217" s="137"/>
      <c r="AQ217" s="137"/>
      <c r="AR217" s="137"/>
      <c r="AS217" s="137"/>
      <c r="AT217" s="137"/>
      <c r="AU217" s="137"/>
      <c r="AV217" s="137"/>
      <c r="AW217" s="144"/>
    </row>
    <row r="218" spans="2:49" x14ac:dyDescent="0.2">
      <c r="B218" s="97"/>
      <c r="G218" s="43"/>
      <c r="J218" s="98"/>
      <c r="K218" s="97"/>
      <c r="N218" s="3"/>
      <c r="W218" s="98"/>
      <c r="Z218" s="143"/>
      <c r="AA218" s="137"/>
      <c r="AB218" s="137"/>
      <c r="AC218" s="137"/>
      <c r="AD218" s="137"/>
      <c r="AE218" s="137"/>
      <c r="AF218" s="137"/>
      <c r="AG218" s="137"/>
      <c r="AH218" s="137"/>
      <c r="AI218" s="137"/>
      <c r="AJ218" s="137"/>
      <c r="AK218" s="206"/>
      <c r="AL218" s="206"/>
      <c r="AM218" s="143"/>
      <c r="AN218" s="137"/>
      <c r="AO218" s="137"/>
      <c r="AP218" s="137"/>
      <c r="AQ218" s="137"/>
      <c r="AR218" s="137"/>
      <c r="AS218" s="137"/>
      <c r="AT218" s="137"/>
      <c r="AU218" s="137"/>
      <c r="AV218" s="137"/>
      <c r="AW218" s="144"/>
    </row>
    <row r="219" spans="2:49" x14ac:dyDescent="0.2">
      <c r="B219" s="97"/>
      <c r="G219" s="43"/>
      <c r="J219" s="98"/>
      <c r="K219" s="97"/>
      <c r="N219" s="3"/>
      <c r="W219" s="98"/>
      <c r="Z219" s="143"/>
      <c r="AA219" s="137"/>
      <c r="AB219" s="137"/>
      <c r="AC219" s="137"/>
      <c r="AD219" s="137"/>
      <c r="AE219" s="137"/>
      <c r="AF219" s="137"/>
      <c r="AG219" s="137"/>
      <c r="AH219" s="137"/>
      <c r="AI219" s="137"/>
      <c r="AJ219" s="137"/>
      <c r="AK219" s="206"/>
      <c r="AL219" s="206"/>
      <c r="AM219" s="143"/>
      <c r="AN219" s="137"/>
      <c r="AO219" s="137"/>
      <c r="AP219" s="137"/>
      <c r="AQ219" s="137"/>
      <c r="AR219" s="137"/>
      <c r="AS219" s="137"/>
      <c r="AT219" s="137"/>
      <c r="AU219" s="137"/>
      <c r="AV219" s="137"/>
      <c r="AW219" s="144"/>
    </row>
    <row r="220" spans="2:49" x14ac:dyDescent="0.2">
      <c r="B220" s="97"/>
      <c r="G220" s="43"/>
      <c r="J220" s="98"/>
      <c r="K220" s="97"/>
      <c r="N220" s="3"/>
      <c r="W220" s="98"/>
      <c r="Z220" s="143"/>
      <c r="AA220" s="137"/>
      <c r="AB220" s="137"/>
      <c r="AC220" s="137"/>
      <c r="AD220" s="137"/>
      <c r="AE220" s="137"/>
      <c r="AF220" s="137"/>
      <c r="AG220" s="137"/>
      <c r="AH220" s="137"/>
      <c r="AI220" s="137"/>
      <c r="AJ220" s="137"/>
      <c r="AK220" s="206"/>
      <c r="AL220" s="206"/>
      <c r="AM220" s="143"/>
      <c r="AN220" s="137"/>
      <c r="AO220" s="137"/>
      <c r="AP220" s="137"/>
      <c r="AQ220" s="137"/>
      <c r="AR220" s="137"/>
      <c r="AS220" s="137"/>
      <c r="AT220" s="137"/>
      <c r="AU220" s="137"/>
      <c r="AV220" s="137"/>
      <c r="AW220" s="144"/>
    </row>
    <row r="221" spans="2:49" x14ac:dyDescent="0.2">
      <c r="B221" s="97"/>
      <c r="G221" s="43"/>
      <c r="J221" s="98"/>
      <c r="K221" s="97"/>
      <c r="N221" s="3"/>
      <c r="W221" s="98"/>
      <c r="Z221" s="143"/>
      <c r="AA221" s="137"/>
      <c r="AB221" s="137"/>
      <c r="AC221" s="137"/>
      <c r="AD221" s="137"/>
      <c r="AE221" s="137"/>
      <c r="AF221" s="137"/>
      <c r="AG221" s="137"/>
      <c r="AH221" s="137"/>
      <c r="AI221" s="137"/>
      <c r="AJ221" s="137"/>
      <c r="AK221" s="206"/>
      <c r="AL221" s="206"/>
      <c r="AM221" s="143"/>
      <c r="AN221" s="137"/>
      <c r="AO221" s="137"/>
      <c r="AP221" s="137"/>
      <c r="AQ221" s="137"/>
      <c r="AR221" s="137"/>
      <c r="AS221" s="137"/>
      <c r="AT221" s="137"/>
      <c r="AU221" s="137"/>
      <c r="AV221" s="137"/>
      <c r="AW221" s="144"/>
    </row>
    <row r="222" spans="2:49" x14ac:dyDescent="0.2">
      <c r="B222" s="97"/>
      <c r="G222" s="43"/>
      <c r="J222" s="98"/>
      <c r="K222" s="97"/>
      <c r="N222" s="3"/>
      <c r="W222" s="98"/>
      <c r="Z222" s="143"/>
      <c r="AA222" s="137"/>
      <c r="AB222" s="137"/>
      <c r="AC222" s="137"/>
      <c r="AD222" s="137"/>
      <c r="AE222" s="137"/>
      <c r="AF222" s="137"/>
      <c r="AG222" s="137"/>
      <c r="AH222" s="137"/>
      <c r="AI222" s="137"/>
      <c r="AJ222" s="137"/>
      <c r="AK222" s="206"/>
      <c r="AL222" s="206"/>
      <c r="AM222" s="143"/>
      <c r="AN222" s="137"/>
      <c r="AO222" s="137"/>
      <c r="AP222" s="137"/>
      <c r="AQ222" s="137"/>
      <c r="AR222" s="137"/>
      <c r="AS222" s="137"/>
      <c r="AT222" s="137"/>
      <c r="AU222" s="137"/>
      <c r="AV222" s="137"/>
      <c r="AW222" s="144"/>
    </row>
    <row r="223" spans="2:49" x14ac:dyDescent="0.2">
      <c r="B223" s="97"/>
      <c r="G223" s="43"/>
      <c r="J223" s="98"/>
      <c r="K223" s="97"/>
      <c r="N223" s="3"/>
      <c r="W223" s="98"/>
      <c r="Z223" s="143"/>
      <c r="AA223" s="137"/>
      <c r="AB223" s="137"/>
      <c r="AC223" s="137"/>
      <c r="AD223" s="137"/>
      <c r="AE223" s="137"/>
      <c r="AF223" s="137"/>
      <c r="AG223" s="137"/>
      <c r="AH223" s="137"/>
      <c r="AI223" s="137"/>
      <c r="AJ223" s="137"/>
      <c r="AK223" s="206"/>
      <c r="AL223" s="206"/>
      <c r="AM223" s="143"/>
      <c r="AN223" s="137"/>
      <c r="AO223" s="137"/>
      <c r="AP223" s="137"/>
      <c r="AQ223" s="137"/>
      <c r="AR223" s="137"/>
      <c r="AS223" s="137"/>
      <c r="AT223" s="137"/>
      <c r="AU223" s="137"/>
      <c r="AV223" s="137"/>
      <c r="AW223" s="144"/>
    </row>
    <row r="224" spans="2:49" x14ac:dyDescent="0.2">
      <c r="B224" s="97"/>
      <c r="G224" s="43"/>
      <c r="J224" s="98"/>
      <c r="K224" s="97"/>
      <c r="N224" s="3"/>
      <c r="W224" s="98"/>
      <c r="Z224" s="143"/>
      <c r="AA224" s="137"/>
      <c r="AB224" s="137"/>
      <c r="AC224" s="137"/>
      <c r="AD224" s="137"/>
      <c r="AE224" s="137"/>
      <c r="AF224" s="137"/>
      <c r="AG224" s="137"/>
      <c r="AH224" s="137"/>
      <c r="AI224" s="137"/>
      <c r="AJ224" s="137"/>
      <c r="AK224" s="206"/>
      <c r="AL224" s="206"/>
      <c r="AM224" s="143"/>
      <c r="AN224" s="137"/>
      <c r="AO224" s="137"/>
      <c r="AP224" s="137"/>
      <c r="AQ224" s="137"/>
      <c r="AR224" s="137"/>
      <c r="AS224" s="137"/>
      <c r="AT224" s="137"/>
      <c r="AU224" s="137"/>
      <c r="AV224" s="137"/>
      <c r="AW224" s="144"/>
    </row>
    <row r="225" spans="2:49" x14ac:dyDescent="0.2">
      <c r="B225" s="97"/>
      <c r="G225" s="43"/>
      <c r="J225" s="98"/>
      <c r="K225" s="97"/>
      <c r="N225" s="3"/>
      <c r="W225" s="98"/>
      <c r="Z225" s="143"/>
      <c r="AA225" s="137"/>
      <c r="AB225" s="137"/>
      <c r="AC225" s="137"/>
      <c r="AD225" s="137"/>
      <c r="AE225" s="137"/>
      <c r="AF225" s="137"/>
      <c r="AG225" s="137"/>
      <c r="AH225" s="137"/>
      <c r="AI225" s="137"/>
      <c r="AJ225" s="137"/>
      <c r="AK225" s="206"/>
      <c r="AL225" s="206"/>
      <c r="AM225" s="143"/>
      <c r="AN225" s="137"/>
      <c r="AO225" s="137"/>
      <c r="AP225" s="137"/>
      <c r="AQ225" s="137"/>
      <c r="AR225" s="137"/>
      <c r="AS225" s="137"/>
      <c r="AT225" s="137"/>
      <c r="AU225" s="137"/>
      <c r="AV225" s="137"/>
      <c r="AW225" s="144"/>
    </row>
    <row r="226" spans="2:49" x14ac:dyDescent="0.2">
      <c r="B226" s="97"/>
      <c r="G226" s="43"/>
      <c r="J226" s="98"/>
      <c r="K226" s="97"/>
      <c r="N226" s="3"/>
      <c r="W226" s="98"/>
      <c r="Z226" s="143"/>
      <c r="AA226" s="137"/>
      <c r="AB226" s="137"/>
      <c r="AC226" s="137"/>
      <c r="AD226" s="137"/>
      <c r="AE226" s="137"/>
      <c r="AF226" s="137"/>
      <c r="AG226" s="137"/>
      <c r="AH226" s="137"/>
      <c r="AI226" s="137"/>
      <c r="AJ226" s="137"/>
      <c r="AK226" s="206"/>
      <c r="AL226" s="206"/>
      <c r="AM226" s="143"/>
      <c r="AN226" s="137"/>
      <c r="AO226" s="137"/>
      <c r="AP226" s="137"/>
      <c r="AQ226" s="137"/>
      <c r="AR226" s="137"/>
      <c r="AS226" s="137"/>
      <c r="AT226" s="137"/>
      <c r="AU226" s="137"/>
      <c r="AV226" s="137"/>
      <c r="AW226" s="144"/>
    </row>
    <row r="227" spans="2:49" x14ac:dyDescent="0.2">
      <c r="B227" s="97"/>
      <c r="G227" s="43"/>
      <c r="J227" s="98"/>
      <c r="K227" s="97"/>
      <c r="N227" s="3"/>
      <c r="W227" s="98"/>
      <c r="Z227" s="143"/>
      <c r="AA227" s="137"/>
      <c r="AB227" s="137"/>
      <c r="AC227" s="137"/>
      <c r="AD227" s="137"/>
      <c r="AE227" s="137"/>
      <c r="AF227" s="137"/>
      <c r="AG227" s="137"/>
      <c r="AH227" s="137"/>
      <c r="AI227" s="137"/>
      <c r="AJ227" s="137"/>
      <c r="AK227" s="206"/>
      <c r="AL227" s="206"/>
      <c r="AM227" s="143"/>
      <c r="AN227" s="137"/>
      <c r="AO227" s="137"/>
      <c r="AP227" s="137"/>
      <c r="AQ227" s="137"/>
      <c r="AR227" s="137"/>
      <c r="AS227" s="137"/>
      <c r="AT227" s="137"/>
      <c r="AU227" s="137"/>
      <c r="AV227" s="137"/>
      <c r="AW227" s="144"/>
    </row>
    <row r="228" spans="2:49" x14ac:dyDescent="0.2">
      <c r="B228" s="97"/>
      <c r="G228" s="43"/>
      <c r="J228" s="98"/>
      <c r="K228" s="97"/>
      <c r="N228" s="3"/>
      <c r="W228" s="98"/>
      <c r="Z228" s="143"/>
      <c r="AA228" s="137"/>
      <c r="AB228" s="137"/>
      <c r="AC228" s="137"/>
      <c r="AD228" s="137"/>
      <c r="AE228" s="137"/>
      <c r="AF228" s="137"/>
      <c r="AG228" s="137"/>
      <c r="AH228" s="137"/>
      <c r="AI228" s="137"/>
      <c r="AJ228" s="137"/>
      <c r="AK228" s="206"/>
      <c r="AL228" s="206"/>
      <c r="AM228" s="143"/>
      <c r="AN228" s="137"/>
      <c r="AO228" s="137"/>
      <c r="AP228" s="137"/>
      <c r="AQ228" s="137"/>
      <c r="AR228" s="137"/>
      <c r="AS228" s="137"/>
      <c r="AT228" s="137"/>
      <c r="AU228" s="137"/>
      <c r="AV228" s="137"/>
      <c r="AW228" s="144"/>
    </row>
    <row r="229" spans="2:49" x14ac:dyDescent="0.2">
      <c r="B229" s="97"/>
      <c r="G229" s="43"/>
      <c r="J229" s="98"/>
      <c r="K229" s="97"/>
      <c r="N229" s="3"/>
      <c r="W229" s="98"/>
      <c r="Z229" s="143"/>
      <c r="AA229" s="137"/>
      <c r="AB229" s="137"/>
      <c r="AC229" s="137"/>
      <c r="AD229" s="137"/>
      <c r="AE229" s="137"/>
      <c r="AF229" s="137"/>
      <c r="AG229" s="137"/>
      <c r="AH229" s="137"/>
      <c r="AI229" s="137"/>
      <c r="AJ229" s="137"/>
      <c r="AK229" s="206"/>
      <c r="AL229" s="206"/>
      <c r="AM229" s="143"/>
      <c r="AN229" s="137"/>
      <c r="AO229" s="137"/>
      <c r="AP229" s="137"/>
      <c r="AQ229" s="137"/>
      <c r="AR229" s="137"/>
      <c r="AS229" s="137"/>
      <c r="AT229" s="137"/>
      <c r="AU229" s="137"/>
      <c r="AV229" s="137"/>
      <c r="AW229" s="144"/>
    </row>
    <row r="230" spans="2:49" x14ac:dyDescent="0.2">
      <c r="B230" s="97"/>
      <c r="G230" s="43"/>
      <c r="J230" s="98"/>
      <c r="K230" s="97"/>
      <c r="N230" s="3"/>
      <c r="W230" s="98"/>
      <c r="Z230" s="143"/>
      <c r="AA230" s="137"/>
      <c r="AB230" s="137"/>
      <c r="AC230" s="137"/>
      <c r="AD230" s="137"/>
      <c r="AE230" s="137"/>
      <c r="AF230" s="137"/>
      <c r="AG230" s="137"/>
      <c r="AH230" s="137"/>
      <c r="AI230" s="137"/>
      <c r="AJ230" s="137"/>
      <c r="AK230" s="206"/>
      <c r="AL230" s="206"/>
      <c r="AM230" s="143"/>
      <c r="AN230" s="137"/>
      <c r="AO230" s="137"/>
      <c r="AP230" s="137"/>
      <c r="AQ230" s="137"/>
      <c r="AR230" s="137"/>
      <c r="AS230" s="137"/>
      <c r="AT230" s="137"/>
      <c r="AU230" s="137"/>
      <c r="AV230" s="137"/>
      <c r="AW230" s="144"/>
    </row>
    <row r="231" spans="2:49" x14ac:dyDescent="0.2">
      <c r="B231" s="97"/>
      <c r="G231" s="43"/>
      <c r="J231" s="98"/>
      <c r="K231" s="97"/>
      <c r="N231" s="3"/>
      <c r="W231" s="98"/>
      <c r="Z231" s="143"/>
      <c r="AA231" s="137"/>
      <c r="AB231" s="137"/>
      <c r="AC231" s="137"/>
      <c r="AD231" s="137"/>
      <c r="AE231" s="137"/>
      <c r="AF231" s="137"/>
      <c r="AG231" s="137"/>
      <c r="AH231" s="137"/>
      <c r="AI231" s="137"/>
      <c r="AJ231" s="137"/>
      <c r="AK231" s="206"/>
      <c r="AL231" s="206"/>
      <c r="AM231" s="143"/>
      <c r="AN231" s="137"/>
      <c r="AO231" s="137"/>
      <c r="AP231" s="137"/>
      <c r="AQ231" s="137"/>
      <c r="AR231" s="137"/>
      <c r="AS231" s="137"/>
      <c r="AT231" s="137"/>
      <c r="AU231" s="137"/>
      <c r="AV231" s="137"/>
      <c r="AW231" s="144"/>
    </row>
    <row r="232" spans="2:49" x14ac:dyDescent="0.2">
      <c r="B232" s="97"/>
      <c r="G232" s="43"/>
      <c r="J232" s="98"/>
      <c r="K232" s="97"/>
      <c r="N232" s="3"/>
      <c r="W232" s="98"/>
      <c r="Z232" s="143"/>
      <c r="AA232" s="137"/>
      <c r="AB232" s="137"/>
      <c r="AC232" s="137"/>
      <c r="AD232" s="137"/>
      <c r="AE232" s="137"/>
      <c r="AF232" s="137"/>
      <c r="AG232" s="137"/>
      <c r="AH232" s="137"/>
      <c r="AI232" s="137"/>
      <c r="AJ232" s="137"/>
      <c r="AK232" s="206"/>
      <c r="AL232" s="206"/>
      <c r="AM232" s="143"/>
      <c r="AN232" s="137"/>
      <c r="AO232" s="137"/>
      <c r="AP232" s="137"/>
      <c r="AQ232" s="137"/>
      <c r="AR232" s="137"/>
      <c r="AS232" s="137"/>
      <c r="AT232" s="137"/>
      <c r="AU232" s="137"/>
      <c r="AV232" s="137"/>
      <c r="AW232" s="144"/>
    </row>
    <row r="233" spans="2:49" x14ac:dyDescent="0.2">
      <c r="B233" s="97"/>
      <c r="G233" s="43"/>
      <c r="J233" s="98"/>
      <c r="K233" s="97"/>
      <c r="N233" s="3"/>
      <c r="W233" s="98"/>
      <c r="Z233" s="143"/>
      <c r="AA233" s="137"/>
      <c r="AB233" s="137"/>
      <c r="AC233" s="137"/>
      <c r="AD233" s="137"/>
      <c r="AE233" s="137"/>
      <c r="AF233" s="137"/>
      <c r="AG233" s="137"/>
      <c r="AH233" s="137"/>
      <c r="AI233" s="137"/>
      <c r="AJ233" s="137"/>
      <c r="AK233" s="206"/>
      <c r="AL233" s="206"/>
      <c r="AM233" s="143"/>
      <c r="AN233" s="137"/>
      <c r="AO233" s="137"/>
      <c r="AP233" s="137"/>
      <c r="AQ233" s="137"/>
      <c r="AR233" s="137"/>
      <c r="AS233" s="137"/>
      <c r="AT233" s="137"/>
      <c r="AU233" s="137"/>
      <c r="AV233" s="137"/>
      <c r="AW233" s="144"/>
    </row>
    <row r="234" spans="2:49" x14ac:dyDescent="0.2">
      <c r="B234" s="97"/>
      <c r="G234" s="43"/>
      <c r="J234" s="98"/>
      <c r="K234" s="97"/>
      <c r="N234" s="3"/>
      <c r="W234" s="98"/>
      <c r="Z234" s="143"/>
      <c r="AA234" s="137"/>
      <c r="AB234" s="137"/>
      <c r="AC234" s="137"/>
      <c r="AD234" s="137"/>
      <c r="AE234" s="137"/>
      <c r="AF234" s="137"/>
      <c r="AG234" s="137"/>
      <c r="AH234" s="137"/>
      <c r="AI234" s="137"/>
      <c r="AJ234" s="137"/>
      <c r="AK234" s="206"/>
      <c r="AL234" s="206"/>
      <c r="AM234" s="143"/>
      <c r="AN234" s="137"/>
      <c r="AO234" s="137"/>
      <c r="AP234" s="137"/>
      <c r="AQ234" s="137"/>
      <c r="AR234" s="137"/>
      <c r="AS234" s="137"/>
      <c r="AT234" s="137"/>
      <c r="AU234" s="137"/>
      <c r="AV234" s="137"/>
      <c r="AW234" s="144"/>
    </row>
    <row r="235" spans="2:49" x14ac:dyDescent="0.2">
      <c r="B235" s="97"/>
      <c r="G235" s="43"/>
      <c r="J235" s="98"/>
      <c r="K235" s="97"/>
      <c r="N235" s="3"/>
      <c r="W235" s="98"/>
      <c r="Z235" s="143"/>
      <c r="AA235" s="137"/>
      <c r="AB235" s="137"/>
      <c r="AC235" s="137"/>
      <c r="AD235" s="137"/>
      <c r="AE235" s="137"/>
      <c r="AF235" s="137"/>
      <c r="AG235" s="137"/>
      <c r="AH235" s="137"/>
      <c r="AI235" s="137"/>
      <c r="AJ235" s="137"/>
      <c r="AK235" s="206"/>
      <c r="AL235" s="206"/>
      <c r="AM235" s="143"/>
      <c r="AN235" s="137"/>
      <c r="AO235" s="137"/>
      <c r="AP235" s="137"/>
      <c r="AQ235" s="137"/>
      <c r="AR235" s="137"/>
      <c r="AS235" s="137"/>
      <c r="AT235" s="137"/>
      <c r="AU235" s="137"/>
      <c r="AV235" s="137"/>
      <c r="AW235" s="144"/>
    </row>
    <row r="236" spans="2:49" x14ac:dyDescent="0.2">
      <c r="B236" s="97"/>
      <c r="G236" s="43"/>
      <c r="J236" s="98"/>
      <c r="K236" s="97"/>
      <c r="N236" s="3"/>
      <c r="W236" s="98"/>
      <c r="Z236" s="143"/>
      <c r="AA236" s="137"/>
      <c r="AB236" s="137"/>
      <c r="AC236" s="137"/>
      <c r="AD236" s="137"/>
      <c r="AE236" s="137"/>
      <c r="AF236" s="137"/>
      <c r="AG236" s="137"/>
      <c r="AH236" s="137"/>
      <c r="AI236" s="137"/>
      <c r="AJ236" s="137"/>
      <c r="AK236" s="206"/>
      <c r="AL236" s="206"/>
      <c r="AM236" s="143"/>
      <c r="AN236" s="137"/>
      <c r="AO236" s="137"/>
      <c r="AP236" s="137"/>
      <c r="AQ236" s="137"/>
      <c r="AR236" s="137"/>
      <c r="AS236" s="137"/>
      <c r="AT236" s="137"/>
      <c r="AU236" s="137"/>
      <c r="AV236" s="137"/>
      <c r="AW236" s="144"/>
    </row>
    <row r="237" spans="2:49" x14ac:dyDescent="0.2">
      <c r="B237" s="97"/>
      <c r="G237" s="43"/>
      <c r="J237" s="98"/>
      <c r="K237" s="97"/>
      <c r="N237" s="3"/>
      <c r="W237" s="98"/>
      <c r="Z237" s="143"/>
      <c r="AA237" s="137"/>
      <c r="AB237" s="137"/>
      <c r="AC237" s="137"/>
      <c r="AD237" s="137"/>
      <c r="AE237" s="137"/>
      <c r="AF237" s="137"/>
      <c r="AG237" s="137"/>
      <c r="AH237" s="137"/>
      <c r="AI237" s="137"/>
      <c r="AJ237" s="137"/>
      <c r="AK237" s="206"/>
      <c r="AL237" s="206"/>
      <c r="AM237" s="143"/>
      <c r="AN237" s="137"/>
      <c r="AO237" s="137"/>
      <c r="AP237" s="137"/>
      <c r="AQ237" s="137"/>
      <c r="AR237" s="137"/>
      <c r="AS237" s="137"/>
      <c r="AT237" s="137"/>
      <c r="AU237" s="137"/>
      <c r="AV237" s="137"/>
      <c r="AW237" s="144"/>
    </row>
    <row r="238" spans="2:49" x14ac:dyDescent="0.2">
      <c r="B238" s="97"/>
      <c r="G238" s="43"/>
      <c r="J238" s="98"/>
      <c r="K238" s="97"/>
      <c r="N238" s="3"/>
      <c r="W238" s="98"/>
      <c r="Z238" s="143"/>
      <c r="AA238" s="137"/>
      <c r="AB238" s="137"/>
      <c r="AC238" s="137"/>
      <c r="AD238" s="137"/>
      <c r="AE238" s="137"/>
      <c r="AF238" s="137"/>
      <c r="AG238" s="137"/>
      <c r="AH238" s="137"/>
      <c r="AI238" s="137"/>
      <c r="AJ238" s="137"/>
      <c r="AK238" s="206"/>
      <c r="AL238" s="206"/>
      <c r="AM238" s="143"/>
      <c r="AN238" s="137"/>
      <c r="AO238" s="137"/>
      <c r="AP238" s="137"/>
      <c r="AQ238" s="137"/>
      <c r="AR238" s="137"/>
      <c r="AS238" s="137"/>
      <c r="AT238" s="137"/>
      <c r="AU238" s="137"/>
      <c r="AV238" s="137"/>
      <c r="AW238" s="144"/>
    </row>
    <row r="239" spans="2:49" x14ac:dyDescent="0.2">
      <c r="B239" s="97"/>
      <c r="G239" s="43"/>
      <c r="J239" s="98"/>
      <c r="K239" s="97"/>
      <c r="N239" s="3"/>
      <c r="W239" s="98"/>
      <c r="Z239" s="143"/>
      <c r="AA239" s="137"/>
      <c r="AB239" s="137"/>
      <c r="AC239" s="137"/>
      <c r="AD239" s="137"/>
      <c r="AE239" s="137"/>
      <c r="AF239" s="137"/>
      <c r="AG239" s="137"/>
      <c r="AH239" s="137"/>
      <c r="AI239" s="137"/>
      <c r="AJ239" s="137"/>
      <c r="AK239" s="206"/>
      <c r="AL239" s="206"/>
      <c r="AM239" s="143"/>
      <c r="AN239" s="137"/>
      <c r="AO239" s="137"/>
      <c r="AP239" s="137"/>
      <c r="AQ239" s="137"/>
      <c r="AR239" s="137"/>
      <c r="AS239" s="137"/>
      <c r="AT239" s="137"/>
      <c r="AU239" s="137"/>
      <c r="AV239" s="137"/>
      <c r="AW239" s="144"/>
    </row>
    <row r="240" spans="2:49" x14ac:dyDescent="0.2">
      <c r="B240" s="97"/>
      <c r="G240" s="43"/>
      <c r="J240" s="98"/>
      <c r="K240" s="97"/>
      <c r="N240" s="3"/>
      <c r="W240" s="98"/>
      <c r="Z240" s="143"/>
      <c r="AA240" s="137"/>
      <c r="AB240" s="137"/>
      <c r="AC240" s="137"/>
      <c r="AD240" s="137"/>
      <c r="AE240" s="137"/>
      <c r="AF240" s="137"/>
      <c r="AG240" s="137"/>
      <c r="AH240" s="137"/>
      <c r="AI240" s="137"/>
      <c r="AJ240" s="137"/>
      <c r="AK240" s="206"/>
      <c r="AL240" s="206"/>
      <c r="AM240" s="143"/>
      <c r="AN240" s="137"/>
      <c r="AO240" s="137"/>
      <c r="AP240" s="137"/>
      <c r="AQ240" s="137"/>
      <c r="AR240" s="137"/>
      <c r="AS240" s="137"/>
      <c r="AT240" s="137"/>
      <c r="AU240" s="137"/>
      <c r="AV240" s="137"/>
      <c r="AW240" s="144"/>
    </row>
    <row r="241" spans="2:49" x14ac:dyDescent="0.2">
      <c r="B241" s="97"/>
      <c r="G241" s="43"/>
      <c r="J241" s="98"/>
      <c r="K241" s="97"/>
      <c r="N241" s="3"/>
      <c r="W241" s="98"/>
      <c r="Z241" s="143"/>
      <c r="AA241" s="137"/>
      <c r="AB241" s="137"/>
      <c r="AC241" s="137"/>
      <c r="AD241" s="137"/>
      <c r="AE241" s="137"/>
      <c r="AF241" s="137"/>
      <c r="AG241" s="137"/>
      <c r="AH241" s="137"/>
      <c r="AI241" s="137"/>
      <c r="AJ241" s="137"/>
      <c r="AK241" s="206"/>
      <c r="AL241" s="206"/>
      <c r="AM241" s="143"/>
      <c r="AN241" s="137"/>
      <c r="AO241" s="137"/>
      <c r="AP241" s="137"/>
      <c r="AQ241" s="137"/>
      <c r="AR241" s="137"/>
      <c r="AS241" s="137"/>
      <c r="AT241" s="137"/>
      <c r="AU241" s="137"/>
      <c r="AV241" s="137"/>
      <c r="AW241" s="144"/>
    </row>
    <row r="242" spans="2:49" x14ac:dyDescent="0.2">
      <c r="B242" s="97"/>
      <c r="G242" s="43"/>
      <c r="J242" s="98"/>
      <c r="K242" s="97"/>
      <c r="N242" s="3"/>
      <c r="W242" s="98"/>
      <c r="Z242" s="143"/>
      <c r="AA242" s="137"/>
      <c r="AB242" s="137"/>
      <c r="AC242" s="137"/>
      <c r="AD242" s="137"/>
      <c r="AE242" s="137"/>
      <c r="AF242" s="137"/>
      <c r="AG242" s="137"/>
      <c r="AH242" s="137"/>
      <c r="AI242" s="137"/>
      <c r="AJ242" s="137"/>
      <c r="AK242" s="206"/>
      <c r="AL242" s="206"/>
      <c r="AM242" s="143"/>
      <c r="AN242" s="137"/>
      <c r="AO242" s="137"/>
      <c r="AP242" s="137"/>
      <c r="AQ242" s="137"/>
      <c r="AR242" s="137"/>
      <c r="AS242" s="137"/>
      <c r="AT242" s="137"/>
      <c r="AU242" s="137"/>
      <c r="AV242" s="137"/>
      <c r="AW242" s="144"/>
    </row>
    <row r="243" spans="2:49" x14ac:dyDescent="0.2">
      <c r="B243" s="97"/>
      <c r="G243" s="43"/>
      <c r="J243" s="98"/>
      <c r="K243" s="97"/>
      <c r="N243" s="3"/>
      <c r="W243" s="98"/>
      <c r="Z243" s="143"/>
      <c r="AA243" s="137"/>
      <c r="AB243" s="137"/>
      <c r="AC243" s="137"/>
      <c r="AD243" s="137"/>
      <c r="AE243" s="137"/>
      <c r="AF243" s="137"/>
      <c r="AG243" s="137"/>
      <c r="AH243" s="137"/>
      <c r="AI243" s="137"/>
      <c r="AJ243" s="137"/>
      <c r="AK243" s="206"/>
      <c r="AL243" s="206"/>
      <c r="AM243" s="143"/>
      <c r="AN243" s="137"/>
      <c r="AO243" s="137"/>
      <c r="AP243" s="137"/>
      <c r="AQ243" s="137"/>
      <c r="AR243" s="137"/>
      <c r="AS243" s="137"/>
      <c r="AT243" s="137"/>
      <c r="AU243" s="137"/>
      <c r="AV243" s="137"/>
      <c r="AW243" s="144"/>
    </row>
    <row r="244" spans="2:49" x14ac:dyDescent="0.2">
      <c r="B244" s="97"/>
      <c r="G244" s="43"/>
      <c r="J244" s="98"/>
      <c r="K244" s="97"/>
      <c r="N244" s="3"/>
      <c r="W244" s="98"/>
      <c r="Z244" s="143"/>
      <c r="AA244" s="137"/>
      <c r="AB244" s="137"/>
      <c r="AC244" s="137"/>
      <c r="AD244" s="137"/>
      <c r="AE244" s="137"/>
      <c r="AF244" s="137"/>
      <c r="AG244" s="137"/>
      <c r="AH244" s="137"/>
      <c r="AI244" s="137"/>
      <c r="AJ244" s="137"/>
      <c r="AK244" s="206"/>
      <c r="AL244" s="206"/>
      <c r="AM244" s="143"/>
      <c r="AN244" s="137"/>
      <c r="AO244" s="137"/>
      <c r="AP244" s="137"/>
      <c r="AQ244" s="137"/>
      <c r="AR244" s="137"/>
      <c r="AS244" s="137"/>
      <c r="AT244" s="137"/>
      <c r="AU244" s="137"/>
      <c r="AV244" s="137"/>
      <c r="AW244" s="144"/>
    </row>
    <row r="245" spans="2:49" x14ac:dyDescent="0.2">
      <c r="B245" s="97"/>
      <c r="G245" s="43"/>
      <c r="J245" s="98"/>
      <c r="K245" s="97"/>
      <c r="N245" s="3"/>
      <c r="W245" s="98"/>
      <c r="Z245" s="143"/>
      <c r="AA245" s="137"/>
      <c r="AB245" s="137"/>
      <c r="AC245" s="137"/>
      <c r="AD245" s="137"/>
      <c r="AE245" s="137"/>
      <c r="AF245" s="137"/>
      <c r="AG245" s="137"/>
      <c r="AH245" s="137"/>
      <c r="AI245" s="137"/>
      <c r="AJ245" s="137"/>
      <c r="AK245" s="206"/>
      <c r="AL245" s="206"/>
      <c r="AM245" s="143"/>
      <c r="AN245" s="137"/>
      <c r="AO245" s="137"/>
      <c r="AP245" s="137"/>
      <c r="AQ245" s="137"/>
      <c r="AR245" s="137"/>
      <c r="AS245" s="137"/>
      <c r="AT245" s="137"/>
      <c r="AU245" s="137"/>
      <c r="AV245" s="137"/>
      <c r="AW245" s="144"/>
    </row>
    <row r="246" spans="2:49" x14ac:dyDescent="0.2">
      <c r="B246" s="97"/>
      <c r="G246" s="43"/>
      <c r="J246" s="98"/>
      <c r="K246" s="97"/>
      <c r="N246" s="3"/>
      <c r="W246" s="98"/>
      <c r="Z246" s="143"/>
      <c r="AA246" s="137"/>
      <c r="AB246" s="137"/>
      <c r="AC246" s="137"/>
      <c r="AD246" s="137"/>
      <c r="AE246" s="137"/>
      <c r="AF246" s="137"/>
      <c r="AG246" s="137"/>
      <c r="AH246" s="137"/>
      <c r="AI246" s="137"/>
      <c r="AJ246" s="137"/>
      <c r="AK246" s="206"/>
      <c r="AL246" s="206"/>
      <c r="AM246" s="143"/>
      <c r="AN246" s="137"/>
      <c r="AO246" s="137"/>
      <c r="AP246" s="137"/>
      <c r="AQ246" s="137"/>
      <c r="AR246" s="137"/>
      <c r="AS246" s="137"/>
      <c r="AT246" s="137"/>
      <c r="AU246" s="137"/>
      <c r="AV246" s="137"/>
      <c r="AW246" s="144"/>
    </row>
    <row r="247" spans="2:49" x14ac:dyDescent="0.2">
      <c r="B247" s="97"/>
      <c r="G247" s="43"/>
      <c r="J247" s="98"/>
      <c r="K247" s="97"/>
      <c r="N247" s="3"/>
      <c r="W247" s="98"/>
      <c r="Z247" s="143"/>
      <c r="AA247" s="137"/>
      <c r="AB247" s="137"/>
      <c r="AC247" s="137"/>
      <c r="AD247" s="137"/>
      <c r="AE247" s="137"/>
      <c r="AF247" s="137"/>
      <c r="AG247" s="137"/>
      <c r="AH247" s="137"/>
      <c r="AI247" s="137"/>
      <c r="AJ247" s="137"/>
      <c r="AK247" s="206"/>
      <c r="AL247" s="206"/>
      <c r="AM247" s="143"/>
      <c r="AN247" s="137"/>
      <c r="AO247" s="137"/>
      <c r="AP247" s="137"/>
      <c r="AQ247" s="137"/>
      <c r="AR247" s="137"/>
      <c r="AS247" s="137"/>
      <c r="AT247" s="137"/>
      <c r="AU247" s="137"/>
      <c r="AV247" s="137"/>
      <c r="AW247" s="144"/>
    </row>
    <row r="248" spans="2:49" x14ac:dyDescent="0.2">
      <c r="B248" s="97"/>
      <c r="G248" s="43"/>
      <c r="J248" s="98"/>
      <c r="K248" s="97"/>
      <c r="N248" s="3"/>
      <c r="W248" s="98"/>
      <c r="Z248" s="143"/>
      <c r="AA248" s="137"/>
      <c r="AB248" s="137"/>
      <c r="AC248" s="137"/>
      <c r="AD248" s="137"/>
      <c r="AE248" s="137"/>
      <c r="AF248" s="137"/>
      <c r="AG248" s="137"/>
      <c r="AH248" s="137"/>
      <c r="AI248" s="137"/>
      <c r="AJ248" s="137"/>
      <c r="AK248" s="206"/>
      <c r="AL248" s="206"/>
      <c r="AM248" s="143"/>
      <c r="AN248" s="137"/>
      <c r="AO248" s="137"/>
      <c r="AP248" s="137"/>
      <c r="AQ248" s="137"/>
      <c r="AR248" s="137"/>
      <c r="AS248" s="137"/>
      <c r="AT248" s="137"/>
      <c r="AU248" s="137"/>
      <c r="AV248" s="137"/>
      <c r="AW248" s="144"/>
    </row>
    <row r="249" spans="2:49" x14ac:dyDescent="0.2">
      <c r="B249" s="97"/>
      <c r="G249" s="43"/>
      <c r="J249" s="98"/>
      <c r="K249" s="97"/>
      <c r="N249" s="3"/>
      <c r="W249" s="98"/>
      <c r="Z249" s="143"/>
      <c r="AA249" s="137"/>
      <c r="AB249" s="137"/>
      <c r="AC249" s="137"/>
      <c r="AD249" s="137"/>
      <c r="AE249" s="137"/>
      <c r="AF249" s="137"/>
      <c r="AG249" s="137"/>
      <c r="AH249" s="137"/>
      <c r="AI249" s="137"/>
      <c r="AJ249" s="137"/>
      <c r="AK249" s="206"/>
      <c r="AL249" s="206"/>
      <c r="AM249" s="143"/>
      <c r="AN249" s="137"/>
      <c r="AO249" s="137"/>
      <c r="AP249" s="137"/>
      <c r="AQ249" s="137"/>
      <c r="AR249" s="137"/>
      <c r="AS249" s="137"/>
      <c r="AT249" s="137"/>
      <c r="AU249" s="137"/>
      <c r="AV249" s="137"/>
      <c r="AW249" s="144"/>
    </row>
    <row r="250" spans="2:49" x14ac:dyDescent="0.2">
      <c r="B250" s="97"/>
      <c r="G250" s="43"/>
      <c r="J250" s="98"/>
      <c r="K250" s="97"/>
      <c r="N250" s="3"/>
      <c r="W250" s="98"/>
      <c r="Z250" s="143"/>
      <c r="AA250" s="137"/>
      <c r="AB250" s="137"/>
      <c r="AC250" s="137"/>
      <c r="AD250" s="137"/>
      <c r="AE250" s="137"/>
      <c r="AF250" s="137"/>
      <c r="AG250" s="137"/>
      <c r="AH250" s="137"/>
      <c r="AI250" s="137"/>
      <c r="AJ250" s="137"/>
      <c r="AK250" s="206"/>
      <c r="AL250" s="206"/>
      <c r="AM250" s="143"/>
      <c r="AN250" s="137"/>
      <c r="AO250" s="137"/>
      <c r="AP250" s="137"/>
      <c r="AQ250" s="137"/>
      <c r="AR250" s="137"/>
      <c r="AS250" s="137"/>
      <c r="AT250" s="137"/>
      <c r="AU250" s="137"/>
      <c r="AV250" s="137"/>
      <c r="AW250" s="144"/>
    </row>
    <row r="251" spans="2:49" x14ac:dyDescent="0.2">
      <c r="B251" s="97"/>
      <c r="G251" s="43"/>
      <c r="J251" s="98"/>
      <c r="K251" s="97"/>
      <c r="N251" s="3"/>
      <c r="W251" s="98"/>
      <c r="Z251" s="143"/>
      <c r="AA251" s="137"/>
      <c r="AB251" s="137"/>
      <c r="AC251" s="137"/>
      <c r="AD251" s="137"/>
      <c r="AE251" s="137"/>
      <c r="AF251" s="137"/>
      <c r="AG251" s="137"/>
      <c r="AH251" s="137"/>
      <c r="AI251" s="137"/>
      <c r="AJ251" s="137"/>
      <c r="AK251" s="206"/>
      <c r="AL251" s="206"/>
      <c r="AM251" s="143"/>
      <c r="AN251" s="137"/>
      <c r="AO251" s="137"/>
      <c r="AP251" s="137"/>
      <c r="AQ251" s="137"/>
      <c r="AR251" s="137"/>
      <c r="AS251" s="137"/>
      <c r="AT251" s="137"/>
      <c r="AU251" s="137"/>
      <c r="AV251" s="137"/>
      <c r="AW251" s="144"/>
    </row>
    <row r="252" spans="2:49" x14ac:dyDescent="0.2">
      <c r="B252" s="97"/>
      <c r="G252" s="43"/>
      <c r="J252" s="98"/>
      <c r="K252" s="97"/>
      <c r="N252" s="3"/>
      <c r="W252" s="98"/>
      <c r="Z252" s="143"/>
      <c r="AA252" s="137"/>
      <c r="AB252" s="137"/>
      <c r="AC252" s="137"/>
      <c r="AD252" s="137"/>
      <c r="AE252" s="137"/>
      <c r="AF252" s="137"/>
      <c r="AG252" s="137"/>
      <c r="AH252" s="137"/>
      <c r="AI252" s="137"/>
      <c r="AJ252" s="137"/>
      <c r="AK252" s="206"/>
      <c r="AL252" s="206"/>
      <c r="AM252" s="143"/>
      <c r="AN252" s="137"/>
      <c r="AO252" s="137"/>
      <c r="AP252" s="137"/>
      <c r="AQ252" s="137"/>
      <c r="AR252" s="137"/>
      <c r="AS252" s="137"/>
      <c r="AT252" s="137"/>
      <c r="AU252" s="137"/>
      <c r="AV252" s="137"/>
      <c r="AW252" s="144"/>
    </row>
    <row r="253" spans="2:49" x14ac:dyDescent="0.2">
      <c r="B253" s="97"/>
      <c r="G253" s="43"/>
      <c r="J253" s="98"/>
      <c r="K253" s="97"/>
      <c r="N253" s="3"/>
      <c r="W253" s="98"/>
      <c r="Z253" s="143"/>
      <c r="AA253" s="137"/>
      <c r="AB253" s="137"/>
      <c r="AC253" s="137"/>
      <c r="AD253" s="137"/>
      <c r="AE253" s="137"/>
      <c r="AF253" s="137"/>
      <c r="AG253" s="137"/>
      <c r="AH253" s="137"/>
      <c r="AI253" s="137"/>
      <c r="AJ253" s="137"/>
      <c r="AK253" s="206"/>
      <c r="AL253" s="206"/>
      <c r="AM253" s="143"/>
      <c r="AN253" s="137"/>
      <c r="AO253" s="137"/>
      <c r="AP253" s="137"/>
      <c r="AQ253" s="137"/>
      <c r="AR253" s="137"/>
      <c r="AS253" s="137"/>
      <c r="AT253" s="137"/>
      <c r="AU253" s="137"/>
      <c r="AV253" s="137"/>
      <c r="AW253" s="144"/>
    </row>
    <row r="254" spans="2:49" x14ac:dyDescent="0.2">
      <c r="B254" s="97"/>
      <c r="G254" s="43"/>
      <c r="J254" s="98"/>
      <c r="K254" s="97"/>
      <c r="N254" s="3"/>
      <c r="W254" s="98"/>
      <c r="Z254" s="143"/>
      <c r="AA254" s="137"/>
      <c r="AB254" s="137"/>
      <c r="AC254" s="137"/>
      <c r="AD254" s="137"/>
      <c r="AE254" s="137"/>
      <c r="AF254" s="137"/>
      <c r="AG254" s="137"/>
      <c r="AH254" s="137"/>
      <c r="AI254" s="137"/>
      <c r="AJ254" s="137"/>
      <c r="AK254" s="206"/>
      <c r="AL254" s="206"/>
      <c r="AM254" s="143"/>
      <c r="AN254" s="137"/>
      <c r="AO254" s="137"/>
      <c r="AP254" s="137"/>
      <c r="AQ254" s="137"/>
      <c r="AR254" s="137"/>
      <c r="AS254" s="137"/>
      <c r="AT254" s="137"/>
      <c r="AU254" s="137"/>
      <c r="AV254" s="137"/>
      <c r="AW254" s="144"/>
    </row>
    <row r="255" spans="2:49" x14ac:dyDescent="0.2">
      <c r="B255" s="97"/>
      <c r="G255" s="43"/>
      <c r="J255" s="98"/>
      <c r="K255" s="97"/>
      <c r="N255" s="3"/>
      <c r="W255" s="98"/>
      <c r="Z255" s="143"/>
      <c r="AA255" s="137"/>
      <c r="AB255" s="137"/>
      <c r="AC255" s="137"/>
      <c r="AD255" s="137"/>
      <c r="AE255" s="137"/>
      <c r="AF255" s="137"/>
      <c r="AG255" s="137"/>
      <c r="AH255" s="137"/>
      <c r="AI255" s="137"/>
      <c r="AJ255" s="137"/>
      <c r="AK255" s="206"/>
      <c r="AL255" s="206"/>
      <c r="AM255" s="143"/>
      <c r="AN255" s="137"/>
      <c r="AO255" s="137"/>
      <c r="AP255" s="137"/>
      <c r="AQ255" s="137"/>
      <c r="AR255" s="137"/>
      <c r="AS255" s="137"/>
      <c r="AT255" s="137"/>
      <c r="AU255" s="137"/>
      <c r="AV255" s="137"/>
      <c r="AW255" s="144"/>
    </row>
    <row r="256" spans="2:49" x14ac:dyDescent="0.2">
      <c r="B256" s="97"/>
      <c r="G256" s="43"/>
      <c r="J256" s="98"/>
      <c r="K256" s="97"/>
      <c r="N256" s="3"/>
      <c r="W256" s="98"/>
      <c r="Z256" s="143"/>
      <c r="AA256" s="137"/>
      <c r="AB256" s="137"/>
      <c r="AC256" s="137"/>
      <c r="AD256" s="137"/>
      <c r="AE256" s="137"/>
      <c r="AF256" s="137"/>
      <c r="AG256" s="137"/>
      <c r="AH256" s="137"/>
      <c r="AI256" s="137"/>
      <c r="AJ256" s="137"/>
      <c r="AK256" s="206"/>
      <c r="AL256" s="206"/>
      <c r="AM256" s="143"/>
      <c r="AN256" s="137"/>
      <c r="AO256" s="137"/>
      <c r="AP256" s="137"/>
      <c r="AQ256" s="137"/>
      <c r="AR256" s="137"/>
      <c r="AS256" s="137"/>
      <c r="AT256" s="137"/>
      <c r="AU256" s="137"/>
      <c r="AV256" s="137"/>
      <c r="AW256" s="144"/>
    </row>
    <row r="257" spans="2:49" x14ac:dyDescent="0.2">
      <c r="B257" s="97"/>
      <c r="G257" s="43"/>
      <c r="J257" s="98"/>
      <c r="K257" s="97"/>
      <c r="N257" s="3"/>
      <c r="W257" s="98"/>
      <c r="Z257" s="143"/>
      <c r="AA257" s="137"/>
      <c r="AB257" s="137"/>
      <c r="AC257" s="137"/>
      <c r="AD257" s="137"/>
      <c r="AE257" s="137"/>
      <c r="AF257" s="137"/>
      <c r="AG257" s="137"/>
      <c r="AH257" s="137"/>
      <c r="AI257" s="137"/>
      <c r="AJ257" s="137"/>
      <c r="AK257" s="206"/>
      <c r="AL257" s="206"/>
      <c r="AM257" s="143"/>
      <c r="AN257" s="137"/>
      <c r="AO257" s="137"/>
      <c r="AP257" s="137"/>
      <c r="AQ257" s="137"/>
      <c r="AR257" s="137"/>
      <c r="AS257" s="137"/>
      <c r="AT257" s="137"/>
      <c r="AU257" s="137"/>
      <c r="AV257" s="137"/>
      <c r="AW257" s="144"/>
    </row>
    <row r="258" spans="2:49" x14ac:dyDescent="0.2">
      <c r="B258" s="97"/>
      <c r="G258" s="43"/>
      <c r="J258" s="98"/>
      <c r="K258" s="97"/>
      <c r="N258" s="3"/>
      <c r="W258" s="98"/>
      <c r="Z258" s="143"/>
      <c r="AA258" s="137"/>
      <c r="AB258" s="137"/>
      <c r="AC258" s="137"/>
      <c r="AD258" s="137"/>
      <c r="AE258" s="137"/>
      <c r="AF258" s="137"/>
      <c r="AG258" s="137"/>
      <c r="AH258" s="137"/>
      <c r="AI258" s="137"/>
      <c r="AJ258" s="137"/>
      <c r="AK258" s="206"/>
      <c r="AL258" s="206"/>
      <c r="AM258" s="143"/>
      <c r="AN258" s="137"/>
      <c r="AO258" s="137"/>
      <c r="AP258" s="137"/>
      <c r="AQ258" s="137"/>
      <c r="AR258" s="137"/>
      <c r="AS258" s="137"/>
      <c r="AT258" s="137"/>
      <c r="AU258" s="137"/>
      <c r="AV258" s="137"/>
      <c r="AW258" s="144"/>
    </row>
    <row r="259" spans="2:49" x14ac:dyDescent="0.2">
      <c r="B259" s="97"/>
      <c r="G259" s="43"/>
      <c r="J259" s="98"/>
      <c r="K259" s="97"/>
      <c r="N259" s="3"/>
      <c r="W259" s="98"/>
      <c r="Z259" s="143"/>
      <c r="AA259" s="137"/>
      <c r="AB259" s="137"/>
      <c r="AC259" s="137"/>
      <c r="AD259" s="137"/>
      <c r="AE259" s="137"/>
      <c r="AF259" s="137"/>
      <c r="AG259" s="137"/>
      <c r="AH259" s="137"/>
      <c r="AI259" s="137"/>
      <c r="AJ259" s="137"/>
      <c r="AK259" s="206"/>
      <c r="AL259" s="206"/>
      <c r="AM259" s="143"/>
      <c r="AN259" s="137"/>
      <c r="AO259" s="137"/>
      <c r="AP259" s="137"/>
      <c r="AQ259" s="137"/>
      <c r="AR259" s="137"/>
      <c r="AS259" s="137"/>
      <c r="AT259" s="137"/>
      <c r="AU259" s="137"/>
      <c r="AV259" s="137"/>
      <c r="AW259" s="144"/>
    </row>
    <row r="260" spans="2:49" x14ac:dyDescent="0.2">
      <c r="B260" s="97"/>
      <c r="G260" s="43"/>
      <c r="J260" s="98"/>
      <c r="K260" s="97"/>
      <c r="N260" s="3"/>
      <c r="W260" s="98"/>
      <c r="Z260" s="143"/>
      <c r="AA260" s="137"/>
      <c r="AB260" s="137"/>
      <c r="AC260" s="137"/>
      <c r="AD260" s="137"/>
      <c r="AE260" s="137"/>
      <c r="AF260" s="137"/>
      <c r="AG260" s="137"/>
      <c r="AH260" s="137"/>
      <c r="AI260" s="137"/>
      <c r="AJ260" s="137"/>
      <c r="AK260" s="206"/>
      <c r="AL260" s="206"/>
      <c r="AM260" s="143"/>
      <c r="AN260" s="137"/>
      <c r="AO260" s="137"/>
      <c r="AP260" s="137"/>
      <c r="AQ260" s="137"/>
      <c r="AR260" s="137"/>
      <c r="AS260" s="137"/>
      <c r="AT260" s="137"/>
      <c r="AU260" s="137"/>
      <c r="AV260" s="137"/>
      <c r="AW260" s="144"/>
    </row>
    <row r="261" spans="2:49" x14ac:dyDescent="0.2">
      <c r="B261" s="97"/>
      <c r="G261" s="43"/>
      <c r="J261" s="98"/>
      <c r="K261" s="97"/>
      <c r="N261" s="3"/>
      <c r="W261" s="98"/>
      <c r="Z261" s="143"/>
      <c r="AA261" s="137"/>
      <c r="AB261" s="137"/>
      <c r="AC261" s="137"/>
      <c r="AD261" s="137"/>
      <c r="AE261" s="137"/>
      <c r="AF261" s="137"/>
      <c r="AG261" s="137"/>
      <c r="AH261" s="137"/>
      <c r="AI261" s="137"/>
      <c r="AJ261" s="137"/>
      <c r="AK261" s="206"/>
      <c r="AL261" s="206"/>
      <c r="AM261" s="143"/>
      <c r="AN261" s="137"/>
      <c r="AO261" s="137"/>
      <c r="AP261" s="137"/>
      <c r="AQ261" s="137"/>
      <c r="AR261" s="137"/>
      <c r="AS261" s="137"/>
      <c r="AT261" s="137"/>
      <c r="AU261" s="137"/>
      <c r="AV261" s="137"/>
      <c r="AW261" s="144"/>
    </row>
    <row r="262" spans="2:49" x14ac:dyDescent="0.2">
      <c r="B262" s="97"/>
      <c r="G262" s="43"/>
      <c r="J262" s="98"/>
      <c r="K262" s="97"/>
      <c r="N262" s="3"/>
      <c r="W262" s="98"/>
      <c r="Z262" s="143"/>
      <c r="AA262" s="137"/>
      <c r="AB262" s="137"/>
      <c r="AC262" s="137"/>
      <c r="AD262" s="137"/>
      <c r="AE262" s="137"/>
      <c r="AF262" s="137"/>
      <c r="AG262" s="137"/>
      <c r="AH262" s="137"/>
      <c r="AI262" s="137"/>
      <c r="AJ262" s="137"/>
      <c r="AK262" s="206"/>
      <c r="AL262" s="206"/>
      <c r="AM262" s="143"/>
      <c r="AN262" s="137"/>
      <c r="AO262" s="137"/>
      <c r="AP262" s="137"/>
      <c r="AQ262" s="137"/>
      <c r="AR262" s="137"/>
      <c r="AS262" s="137"/>
      <c r="AT262" s="137"/>
      <c r="AU262" s="137"/>
      <c r="AV262" s="137"/>
      <c r="AW262" s="144"/>
    </row>
    <row r="263" spans="2:49" x14ac:dyDescent="0.2">
      <c r="B263" s="97"/>
      <c r="G263" s="43"/>
      <c r="J263" s="98"/>
      <c r="K263" s="97"/>
      <c r="N263" s="3"/>
      <c r="W263" s="98"/>
      <c r="Z263" s="143"/>
      <c r="AA263" s="137"/>
      <c r="AB263" s="137"/>
      <c r="AC263" s="137"/>
      <c r="AD263" s="137"/>
      <c r="AE263" s="137"/>
      <c r="AF263" s="137"/>
      <c r="AG263" s="137"/>
      <c r="AH263" s="137"/>
      <c r="AI263" s="137"/>
      <c r="AJ263" s="137"/>
      <c r="AK263" s="206"/>
      <c r="AL263" s="206"/>
      <c r="AM263" s="143"/>
      <c r="AN263" s="137"/>
      <c r="AO263" s="137"/>
      <c r="AP263" s="137"/>
      <c r="AQ263" s="137"/>
      <c r="AR263" s="137"/>
      <c r="AS263" s="137"/>
      <c r="AT263" s="137"/>
      <c r="AU263" s="137"/>
      <c r="AV263" s="137"/>
      <c r="AW263" s="144"/>
    </row>
    <row r="264" spans="2:49" x14ac:dyDescent="0.2">
      <c r="B264" s="97"/>
      <c r="G264" s="43"/>
      <c r="J264" s="98"/>
      <c r="K264" s="97"/>
      <c r="N264" s="3"/>
      <c r="W264" s="98"/>
      <c r="Z264" s="143"/>
      <c r="AA264" s="137"/>
      <c r="AB264" s="137"/>
      <c r="AC264" s="137"/>
      <c r="AD264" s="137"/>
      <c r="AE264" s="137"/>
      <c r="AF264" s="137"/>
      <c r="AG264" s="137"/>
      <c r="AH264" s="137"/>
      <c r="AI264" s="137"/>
      <c r="AJ264" s="137"/>
      <c r="AK264" s="206"/>
      <c r="AL264" s="206"/>
      <c r="AM264" s="143"/>
      <c r="AN264" s="137"/>
      <c r="AO264" s="137"/>
      <c r="AP264" s="137"/>
      <c r="AQ264" s="137"/>
      <c r="AR264" s="137"/>
      <c r="AS264" s="137"/>
      <c r="AT264" s="137"/>
      <c r="AU264" s="137"/>
      <c r="AV264" s="137"/>
      <c r="AW264" s="144"/>
    </row>
    <row r="265" spans="2:49" x14ac:dyDescent="0.2">
      <c r="B265" s="97"/>
      <c r="G265" s="43"/>
      <c r="J265" s="98"/>
      <c r="K265" s="97"/>
      <c r="N265" s="3"/>
      <c r="W265" s="98"/>
      <c r="Z265" s="143"/>
      <c r="AA265" s="137"/>
      <c r="AB265" s="137"/>
      <c r="AC265" s="137"/>
      <c r="AD265" s="137"/>
      <c r="AE265" s="137"/>
      <c r="AF265" s="137"/>
      <c r="AG265" s="137"/>
      <c r="AH265" s="137"/>
      <c r="AI265" s="137"/>
      <c r="AJ265" s="137"/>
      <c r="AK265" s="206"/>
      <c r="AL265" s="206"/>
      <c r="AM265" s="143"/>
      <c r="AN265" s="137"/>
      <c r="AO265" s="137"/>
      <c r="AP265" s="137"/>
      <c r="AQ265" s="137"/>
      <c r="AR265" s="137"/>
      <c r="AS265" s="137"/>
      <c r="AT265" s="137"/>
      <c r="AU265" s="137"/>
      <c r="AV265" s="137"/>
      <c r="AW265" s="144"/>
    </row>
    <row r="266" spans="2:49" x14ac:dyDescent="0.2">
      <c r="B266" s="97"/>
      <c r="G266" s="43"/>
      <c r="J266" s="98"/>
      <c r="K266" s="97"/>
      <c r="N266" s="3"/>
      <c r="W266" s="98"/>
      <c r="Z266" s="143"/>
      <c r="AA266" s="137"/>
      <c r="AB266" s="137"/>
      <c r="AC266" s="137"/>
      <c r="AD266" s="137"/>
      <c r="AE266" s="137"/>
      <c r="AF266" s="137"/>
      <c r="AG266" s="137"/>
      <c r="AH266" s="137"/>
      <c r="AI266" s="137"/>
      <c r="AJ266" s="137"/>
      <c r="AK266" s="206"/>
      <c r="AL266" s="206"/>
      <c r="AM266" s="143"/>
      <c r="AN266" s="137"/>
      <c r="AO266" s="137"/>
      <c r="AP266" s="137"/>
      <c r="AQ266" s="137"/>
      <c r="AR266" s="137"/>
      <c r="AS266" s="137"/>
      <c r="AT266" s="137"/>
      <c r="AU266" s="137"/>
      <c r="AV266" s="137"/>
      <c r="AW266" s="144"/>
    </row>
    <row r="267" spans="2:49" x14ac:dyDescent="0.2">
      <c r="B267" s="97"/>
      <c r="G267" s="43"/>
      <c r="J267" s="98"/>
      <c r="K267" s="97"/>
      <c r="N267" s="3"/>
      <c r="W267" s="98"/>
      <c r="Z267" s="143"/>
      <c r="AA267" s="137"/>
      <c r="AB267" s="137"/>
      <c r="AC267" s="137"/>
      <c r="AD267" s="137"/>
      <c r="AE267" s="137"/>
      <c r="AF267" s="137"/>
      <c r="AG267" s="137"/>
      <c r="AH267" s="137"/>
      <c r="AI267" s="137"/>
      <c r="AJ267" s="137"/>
      <c r="AK267" s="206"/>
      <c r="AL267" s="206"/>
      <c r="AM267" s="143"/>
      <c r="AN267" s="137"/>
      <c r="AO267" s="137"/>
      <c r="AP267" s="137"/>
      <c r="AQ267" s="137"/>
      <c r="AR267" s="137"/>
      <c r="AS267" s="137"/>
      <c r="AT267" s="137"/>
      <c r="AU267" s="137"/>
      <c r="AV267" s="137"/>
      <c r="AW267" s="144"/>
    </row>
    <row r="268" spans="2:49" x14ac:dyDescent="0.2">
      <c r="B268" s="97"/>
      <c r="G268" s="43"/>
      <c r="J268" s="98"/>
      <c r="K268" s="97"/>
      <c r="N268" s="3"/>
      <c r="W268" s="98"/>
      <c r="Z268" s="143"/>
      <c r="AA268" s="137"/>
      <c r="AB268" s="137"/>
      <c r="AC268" s="137"/>
      <c r="AD268" s="137"/>
      <c r="AE268" s="137"/>
      <c r="AF268" s="137"/>
      <c r="AG268" s="137"/>
      <c r="AH268" s="137"/>
      <c r="AI268" s="137"/>
      <c r="AJ268" s="137"/>
      <c r="AK268" s="206"/>
      <c r="AL268" s="206"/>
      <c r="AM268" s="143"/>
      <c r="AN268" s="137"/>
      <c r="AO268" s="137"/>
      <c r="AP268" s="137"/>
      <c r="AQ268" s="137"/>
      <c r="AR268" s="137"/>
      <c r="AS268" s="137"/>
      <c r="AT268" s="137"/>
      <c r="AU268" s="137"/>
      <c r="AV268" s="137"/>
      <c r="AW268" s="144"/>
    </row>
    <row r="269" spans="2:49" x14ac:dyDescent="0.2">
      <c r="B269" s="97"/>
      <c r="G269" s="43"/>
      <c r="J269" s="98"/>
      <c r="K269" s="97"/>
      <c r="N269" s="3"/>
      <c r="W269" s="98"/>
      <c r="Z269" s="143"/>
      <c r="AA269" s="137"/>
      <c r="AB269" s="137"/>
      <c r="AC269" s="137"/>
      <c r="AD269" s="137"/>
      <c r="AE269" s="137"/>
      <c r="AF269" s="137"/>
      <c r="AG269" s="137"/>
      <c r="AH269" s="137"/>
      <c r="AI269" s="137"/>
      <c r="AJ269" s="137"/>
      <c r="AK269" s="206"/>
      <c r="AL269" s="206"/>
      <c r="AM269" s="143"/>
      <c r="AN269" s="137"/>
      <c r="AO269" s="137"/>
      <c r="AP269" s="137"/>
      <c r="AQ269" s="137"/>
      <c r="AR269" s="137"/>
      <c r="AS269" s="137"/>
      <c r="AT269" s="137"/>
      <c r="AU269" s="137"/>
      <c r="AV269" s="137"/>
      <c r="AW269" s="144"/>
    </row>
    <row r="270" spans="2:49" x14ac:dyDescent="0.2">
      <c r="B270" s="97"/>
      <c r="G270" s="43"/>
      <c r="J270" s="98"/>
      <c r="K270" s="97"/>
      <c r="N270" s="3"/>
      <c r="W270" s="98"/>
      <c r="Z270" s="143"/>
      <c r="AA270" s="137"/>
      <c r="AB270" s="137"/>
      <c r="AC270" s="137"/>
      <c r="AD270" s="137"/>
      <c r="AE270" s="137"/>
      <c r="AF270" s="137"/>
      <c r="AG270" s="137"/>
      <c r="AH270" s="137"/>
      <c r="AI270" s="137"/>
      <c r="AJ270" s="137"/>
      <c r="AK270" s="206"/>
      <c r="AL270" s="206"/>
      <c r="AM270" s="143"/>
      <c r="AN270" s="137"/>
      <c r="AO270" s="137"/>
      <c r="AP270" s="137"/>
      <c r="AQ270" s="137"/>
      <c r="AR270" s="137"/>
      <c r="AS270" s="137"/>
      <c r="AT270" s="137"/>
      <c r="AU270" s="137"/>
      <c r="AV270" s="137"/>
      <c r="AW270" s="144"/>
    </row>
    <row r="271" spans="2:49" x14ac:dyDescent="0.2">
      <c r="B271" s="97"/>
      <c r="G271" s="43"/>
      <c r="J271" s="98"/>
      <c r="K271" s="97"/>
      <c r="N271" s="3"/>
      <c r="W271" s="98"/>
      <c r="Z271" s="143"/>
      <c r="AA271" s="137"/>
      <c r="AB271" s="137"/>
      <c r="AC271" s="137"/>
      <c r="AD271" s="137"/>
      <c r="AE271" s="137"/>
      <c r="AF271" s="137"/>
      <c r="AG271" s="137"/>
      <c r="AH271" s="137"/>
      <c r="AI271" s="137"/>
      <c r="AJ271" s="137"/>
      <c r="AK271" s="206"/>
      <c r="AL271" s="206"/>
      <c r="AM271" s="143"/>
      <c r="AN271" s="137"/>
      <c r="AO271" s="137"/>
      <c r="AP271" s="137"/>
      <c r="AQ271" s="137"/>
      <c r="AR271" s="137"/>
      <c r="AS271" s="137"/>
      <c r="AT271" s="137"/>
      <c r="AU271" s="137"/>
      <c r="AV271" s="137"/>
      <c r="AW271" s="144"/>
    </row>
    <row r="272" spans="2:49" x14ac:dyDescent="0.2">
      <c r="B272" s="97"/>
      <c r="G272" s="43"/>
      <c r="J272" s="98"/>
      <c r="K272" s="97"/>
      <c r="N272" s="3"/>
      <c r="W272" s="98"/>
      <c r="Z272" s="143"/>
      <c r="AA272" s="137"/>
      <c r="AB272" s="137"/>
      <c r="AC272" s="137"/>
      <c r="AD272" s="137"/>
      <c r="AE272" s="137"/>
      <c r="AF272" s="137"/>
      <c r="AG272" s="137"/>
      <c r="AH272" s="137"/>
      <c r="AI272" s="137"/>
      <c r="AJ272" s="137"/>
      <c r="AK272" s="206"/>
      <c r="AL272" s="206"/>
      <c r="AM272" s="143"/>
      <c r="AN272" s="137"/>
      <c r="AO272" s="137"/>
      <c r="AP272" s="137"/>
      <c r="AQ272" s="137"/>
      <c r="AR272" s="137"/>
      <c r="AS272" s="137"/>
      <c r="AT272" s="137"/>
      <c r="AU272" s="137"/>
      <c r="AV272" s="137"/>
      <c r="AW272" s="144"/>
    </row>
    <row r="273" spans="2:49" x14ac:dyDescent="0.2">
      <c r="B273" s="97"/>
      <c r="G273" s="43"/>
      <c r="J273" s="98"/>
      <c r="K273" s="97"/>
      <c r="N273" s="3"/>
      <c r="W273" s="98"/>
      <c r="Z273" s="143"/>
      <c r="AA273" s="137"/>
      <c r="AB273" s="137"/>
      <c r="AC273" s="137"/>
      <c r="AD273" s="137"/>
      <c r="AE273" s="137"/>
      <c r="AF273" s="137"/>
      <c r="AG273" s="137"/>
      <c r="AH273" s="137"/>
      <c r="AI273" s="137"/>
      <c r="AJ273" s="137"/>
      <c r="AK273" s="206"/>
      <c r="AL273" s="206"/>
      <c r="AM273" s="143"/>
      <c r="AN273" s="137"/>
      <c r="AO273" s="137"/>
      <c r="AP273" s="137"/>
      <c r="AQ273" s="137"/>
      <c r="AR273" s="137"/>
      <c r="AS273" s="137"/>
      <c r="AT273" s="137"/>
      <c r="AU273" s="137"/>
      <c r="AV273" s="137"/>
      <c r="AW273" s="144"/>
    </row>
    <row r="274" spans="2:49" x14ac:dyDescent="0.2">
      <c r="B274" s="97"/>
      <c r="G274" s="43"/>
      <c r="J274" s="98"/>
      <c r="K274" s="97"/>
      <c r="N274" s="3"/>
      <c r="W274" s="98"/>
      <c r="Z274" s="143"/>
      <c r="AA274" s="137"/>
      <c r="AB274" s="137"/>
      <c r="AC274" s="137"/>
      <c r="AD274" s="137"/>
      <c r="AE274" s="137"/>
      <c r="AF274" s="137"/>
      <c r="AG274" s="137"/>
      <c r="AH274" s="137"/>
      <c r="AI274" s="137"/>
      <c r="AJ274" s="137"/>
      <c r="AK274" s="206"/>
      <c r="AL274" s="206"/>
      <c r="AM274" s="143"/>
      <c r="AN274" s="137"/>
      <c r="AO274" s="137"/>
      <c r="AP274" s="137"/>
      <c r="AQ274" s="137"/>
      <c r="AR274" s="137"/>
      <c r="AS274" s="137"/>
      <c r="AT274" s="137"/>
      <c r="AU274" s="137"/>
      <c r="AV274" s="137"/>
      <c r="AW274" s="144"/>
    </row>
    <row r="275" spans="2:49" x14ac:dyDescent="0.2">
      <c r="B275" s="97"/>
      <c r="G275" s="43"/>
      <c r="J275" s="98"/>
      <c r="K275" s="97"/>
      <c r="N275" s="3"/>
      <c r="W275" s="98"/>
      <c r="Z275" s="143"/>
      <c r="AA275" s="137"/>
      <c r="AB275" s="137"/>
      <c r="AC275" s="137"/>
      <c r="AD275" s="137"/>
      <c r="AE275" s="137"/>
      <c r="AF275" s="137"/>
      <c r="AG275" s="137"/>
      <c r="AH275" s="137"/>
      <c r="AI275" s="137"/>
      <c r="AJ275" s="137"/>
      <c r="AK275" s="206"/>
      <c r="AL275" s="206"/>
      <c r="AM275" s="143"/>
      <c r="AN275" s="137"/>
      <c r="AO275" s="137"/>
      <c r="AP275" s="137"/>
      <c r="AQ275" s="137"/>
      <c r="AR275" s="137"/>
      <c r="AS275" s="137"/>
      <c r="AT275" s="137"/>
      <c r="AU275" s="137"/>
      <c r="AV275" s="137"/>
      <c r="AW275" s="144"/>
    </row>
    <row r="276" spans="2:49" x14ac:dyDescent="0.2">
      <c r="B276" s="97"/>
      <c r="G276" s="43"/>
      <c r="J276" s="98"/>
      <c r="K276" s="97"/>
      <c r="N276" s="3"/>
      <c r="W276" s="98"/>
      <c r="Z276" s="143"/>
      <c r="AA276" s="137"/>
      <c r="AB276" s="137"/>
      <c r="AC276" s="137"/>
      <c r="AD276" s="137"/>
      <c r="AE276" s="137"/>
      <c r="AF276" s="137"/>
      <c r="AG276" s="137"/>
      <c r="AH276" s="137"/>
      <c r="AI276" s="137"/>
      <c r="AJ276" s="137"/>
      <c r="AK276" s="206"/>
      <c r="AL276" s="206"/>
      <c r="AM276" s="143"/>
      <c r="AN276" s="137"/>
      <c r="AO276" s="137"/>
      <c r="AP276" s="137"/>
      <c r="AQ276" s="137"/>
      <c r="AR276" s="137"/>
      <c r="AS276" s="137"/>
      <c r="AT276" s="137"/>
      <c r="AU276" s="137"/>
      <c r="AV276" s="137"/>
      <c r="AW276" s="144"/>
    </row>
    <row r="277" spans="2:49" x14ac:dyDescent="0.2">
      <c r="B277" s="97"/>
      <c r="G277" s="43"/>
      <c r="J277" s="98"/>
      <c r="K277" s="97"/>
      <c r="N277" s="3"/>
      <c r="W277" s="98"/>
      <c r="Z277" s="143"/>
      <c r="AA277" s="137"/>
      <c r="AB277" s="137"/>
      <c r="AC277" s="137"/>
      <c r="AD277" s="137"/>
      <c r="AE277" s="137"/>
      <c r="AF277" s="137"/>
      <c r="AG277" s="137"/>
      <c r="AH277" s="137"/>
      <c r="AI277" s="137"/>
      <c r="AJ277" s="137"/>
      <c r="AK277" s="206"/>
      <c r="AL277" s="206"/>
      <c r="AM277" s="143"/>
      <c r="AN277" s="137"/>
      <c r="AO277" s="137"/>
      <c r="AP277" s="137"/>
      <c r="AQ277" s="137"/>
      <c r="AR277" s="137"/>
      <c r="AS277" s="137"/>
      <c r="AT277" s="137"/>
      <c r="AU277" s="137"/>
      <c r="AV277" s="137"/>
      <c r="AW277" s="144"/>
    </row>
    <row r="278" spans="2:49" x14ac:dyDescent="0.2">
      <c r="B278" s="97"/>
      <c r="G278" s="43"/>
      <c r="J278" s="98"/>
      <c r="K278" s="97"/>
      <c r="N278" s="3"/>
      <c r="W278" s="98"/>
      <c r="Z278" s="143"/>
      <c r="AA278" s="137"/>
      <c r="AB278" s="137"/>
      <c r="AC278" s="137"/>
      <c r="AD278" s="137"/>
      <c r="AE278" s="137"/>
      <c r="AF278" s="137"/>
      <c r="AG278" s="137"/>
      <c r="AH278" s="137"/>
      <c r="AI278" s="137"/>
      <c r="AJ278" s="137"/>
      <c r="AK278" s="206"/>
      <c r="AL278" s="206"/>
      <c r="AM278" s="143"/>
      <c r="AN278" s="137"/>
      <c r="AO278" s="137"/>
      <c r="AP278" s="137"/>
      <c r="AQ278" s="137"/>
      <c r="AR278" s="137"/>
      <c r="AS278" s="137"/>
      <c r="AT278" s="137"/>
      <c r="AU278" s="137"/>
      <c r="AV278" s="137"/>
      <c r="AW278" s="144"/>
    </row>
    <row r="279" spans="2:49" x14ac:dyDescent="0.2">
      <c r="B279" s="97"/>
      <c r="G279" s="43"/>
      <c r="J279" s="98"/>
      <c r="K279" s="97"/>
      <c r="N279" s="3"/>
      <c r="W279" s="98"/>
      <c r="Z279" s="143"/>
      <c r="AA279" s="137"/>
      <c r="AB279" s="137"/>
      <c r="AC279" s="137"/>
      <c r="AD279" s="137"/>
      <c r="AE279" s="137"/>
      <c r="AF279" s="137"/>
      <c r="AG279" s="137"/>
      <c r="AH279" s="137"/>
      <c r="AI279" s="137"/>
      <c r="AJ279" s="137"/>
      <c r="AK279" s="206"/>
      <c r="AL279" s="206"/>
      <c r="AM279" s="143"/>
      <c r="AN279" s="137"/>
      <c r="AO279" s="137"/>
      <c r="AP279" s="137"/>
      <c r="AQ279" s="137"/>
      <c r="AR279" s="137"/>
      <c r="AS279" s="137"/>
      <c r="AT279" s="137"/>
      <c r="AU279" s="137"/>
      <c r="AV279" s="137"/>
      <c r="AW279" s="144"/>
    </row>
    <row r="280" spans="2:49" x14ac:dyDescent="0.2">
      <c r="B280" s="97"/>
      <c r="G280" s="43"/>
      <c r="J280" s="98"/>
      <c r="K280" s="97"/>
      <c r="N280" s="3"/>
      <c r="W280" s="98"/>
      <c r="Z280" s="143"/>
      <c r="AA280" s="137"/>
      <c r="AB280" s="137"/>
      <c r="AC280" s="137"/>
      <c r="AD280" s="137"/>
      <c r="AE280" s="137"/>
      <c r="AF280" s="137"/>
      <c r="AG280" s="137"/>
      <c r="AH280" s="137"/>
      <c r="AI280" s="137"/>
      <c r="AJ280" s="137"/>
      <c r="AK280" s="206"/>
      <c r="AL280" s="206"/>
      <c r="AM280" s="143"/>
      <c r="AN280" s="137"/>
      <c r="AO280" s="137"/>
      <c r="AP280" s="137"/>
      <c r="AQ280" s="137"/>
      <c r="AR280" s="137"/>
      <c r="AS280" s="137"/>
      <c r="AT280" s="137"/>
      <c r="AU280" s="137"/>
      <c r="AV280" s="137"/>
      <c r="AW280" s="144"/>
    </row>
    <row r="281" spans="2:49" x14ac:dyDescent="0.2">
      <c r="B281" s="97"/>
      <c r="G281" s="43"/>
      <c r="J281" s="98"/>
      <c r="K281" s="97"/>
      <c r="N281" s="3"/>
      <c r="W281" s="98"/>
      <c r="Z281" s="143"/>
      <c r="AA281" s="137"/>
      <c r="AB281" s="137"/>
      <c r="AC281" s="137"/>
      <c r="AD281" s="137"/>
      <c r="AE281" s="137"/>
      <c r="AF281" s="137"/>
      <c r="AG281" s="137"/>
      <c r="AH281" s="137"/>
      <c r="AI281" s="137"/>
      <c r="AJ281" s="137"/>
      <c r="AK281" s="206"/>
      <c r="AL281" s="206"/>
      <c r="AM281" s="143"/>
      <c r="AN281" s="137"/>
      <c r="AO281" s="137"/>
      <c r="AP281" s="137"/>
      <c r="AQ281" s="137"/>
      <c r="AR281" s="137"/>
      <c r="AS281" s="137"/>
      <c r="AT281" s="137"/>
      <c r="AU281" s="137"/>
      <c r="AV281" s="137"/>
      <c r="AW281" s="144"/>
    </row>
    <row r="282" spans="2:49" x14ac:dyDescent="0.2">
      <c r="B282" s="97"/>
      <c r="G282" s="43"/>
      <c r="J282" s="98"/>
      <c r="K282" s="97"/>
      <c r="N282" s="3"/>
      <c r="W282" s="98"/>
      <c r="Z282" s="143"/>
      <c r="AA282" s="137"/>
      <c r="AB282" s="137"/>
      <c r="AC282" s="137"/>
      <c r="AD282" s="137"/>
      <c r="AE282" s="137"/>
      <c r="AF282" s="137"/>
      <c r="AG282" s="137"/>
      <c r="AH282" s="137"/>
      <c r="AI282" s="137"/>
      <c r="AJ282" s="137"/>
      <c r="AK282" s="206"/>
      <c r="AL282" s="206"/>
      <c r="AM282" s="143"/>
      <c r="AN282" s="137"/>
      <c r="AO282" s="137"/>
      <c r="AP282" s="137"/>
      <c r="AQ282" s="137"/>
      <c r="AR282" s="137"/>
      <c r="AS282" s="137"/>
      <c r="AT282" s="137"/>
      <c r="AU282" s="137"/>
      <c r="AV282" s="137"/>
      <c r="AW282" s="144"/>
    </row>
    <row r="283" spans="2:49" x14ac:dyDescent="0.2">
      <c r="B283" s="97"/>
      <c r="G283" s="43"/>
      <c r="J283" s="98"/>
      <c r="K283" s="97"/>
      <c r="N283" s="3"/>
      <c r="W283" s="98"/>
      <c r="Z283" s="143"/>
      <c r="AA283" s="137"/>
      <c r="AB283" s="137"/>
      <c r="AC283" s="137"/>
      <c r="AD283" s="137"/>
      <c r="AE283" s="137"/>
      <c r="AF283" s="137"/>
      <c r="AG283" s="137"/>
      <c r="AH283" s="137"/>
      <c r="AI283" s="137"/>
      <c r="AJ283" s="137"/>
      <c r="AK283" s="206"/>
      <c r="AL283" s="206"/>
      <c r="AM283" s="143"/>
      <c r="AN283" s="137"/>
      <c r="AO283" s="137"/>
      <c r="AP283" s="137"/>
      <c r="AQ283" s="137"/>
      <c r="AR283" s="137"/>
      <c r="AS283" s="137"/>
      <c r="AT283" s="137"/>
      <c r="AU283" s="137"/>
      <c r="AV283" s="137"/>
      <c r="AW283" s="144"/>
    </row>
    <row r="284" spans="2:49" x14ac:dyDescent="0.2">
      <c r="B284" s="97"/>
      <c r="G284" s="43"/>
      <c r="J284" s="98"/>
      <c r="K284" s="97"/>
      <c r="N284" s="3"/>
      <c r="W284" s="98"/>
      <c r="Z284" s="143"/>
      <c r="AA284" s="137"/>
      <c r="AB284" s="137"/>
      <c r="AC284" s="137"/>
      <c r="AD284" s="137"/>
      <c r="AE284" s="137"/>
      <c r="AF284" s="137"/>
      <c r="AG284" s="137"/>
      <c r="AH284" s="137"/>
      <c r="AI284" s="137"/>
      <c r="AJ284" s="137"/>
      <c r="AK284" s="206"/>
      <c r="AL284" s="206"/>
      <c r="AM284" s="143"/>
      <c r="AN284" s="137"/>
      <c r="AO284" s="137"/>
      <c r="AP284" s="137"/>
      <c r="AQ284" s="137"/>
      <c r="AR284" s="137"/>
      <c r="AS284" s="137"/>
      <c r="AT284" s="137"/>
      <c r="AU284" s="137"/>
      <c r="AV284" s="137"/>
      <c r="AW284" s="144"/>
    </row>
    <row r="285" spans="2:49" x14ac:dyDescent="0.2">
      <c r="B285" s="97"/>
      <c r="G285" s="43"/>
      <c r="J285" s="98"/>
      <c r="K285" s="97"/>
      <c r="N285" s="3"/>
      <c r="W285" s="98"/>
      <c r="Z285" s="143"/>
      <c r="AA285" s="137"/>
      <c r="AB285" s="137"/>
      <c r="AC285" s="137"/>
      <c r="AD285" s="137"/>
      <c r="AE285" s="137"/>
      <c r="AF285" s="137"/>
      <c r="AG285" s="137"/>
      <c r="AH285" s="137"/>
      <c r="AI285" s="137"/>
      <c r="AJ285" s="137"/>
      <c r="AK285" s="206"/>
      <c r="AL285" s="206"/>
      <c r="AM285" s="143"/>
      <c r="AN285" s="137"/>
      <c r="AO285" s="137"/>
      <c r="AP285" s="137"/>
      <c r="AQ285" s="137"/>
      <c r="AR285" s="137"/>
      <c r="AS285" s="137"/>
      <c r="AT285" s="137"/>
      <c r="AU285" s="137"/>
      <c r="AV285" s="137"/>
      <c r="AW285" s="144"/>
    </row>
    <row r="286" spans="2:49" x14ac:dyDescent="0.2">
      <c r="B286" s="97"/>
      <c r="G286" s="43"/>
      <c r="J286" s="98"/>
      <c r="K286" s="97"/>
      <c r="N286" s="3"/>
      <c r="W286" s="98"/>
      <c r="Z286" s="143"/>
      <c r="AA286" s="137"/>
      <c r="AB286" s="137"/>
      <c r="AC286" s="137"/>
      <c r="AD286" s="137"/>
      <c r="AE286" s="137"/>
      <c r="AF286" s="137"/>
      <c r="AG286" s="137"/>
      <c r="AH286" s="137"/>
      <c r="AI286" s="137"/>
      <c r="AJ286" s="137"/>
      <c r="AK286" s="206"/>
      <c r="AL286" s="206"/>
      <c r="AM286" s="143"/>
      <c r="AN286" s="137"/>
      <c r="AO286" s="137"/>
      <c r="AP286" s="137"/>
      <c r="AQ286" s="137"/>
      <c r="AR286" s="137"/>
      <c r="AS286" s="137"/>
      <c r="AT286" s="137"/>
      <c r="AU286" s="137"/>
      <c r="AV286" s="137"/>
      <c r="AW286" s="144"/>
    </row>
    <row r="287" spans="2:49" x14ac:dyDescent="0.2">
      <c r="B287" s="97"/>
      <c r="G287" s="43"/>
      <c r="J287" s="98"/>
      <c r="K287" s="97"/>
      <c r="N287" s="3"/>
      <c r="W287" s="98"/>
      <c r="Z287" s="143"/>
      <c r="AA287" s="137"/>
      <c r="AB287" s="137"/>
      <c r="AC287" s="137"/>
      <c r="AD287" s="137"/>
      <c r="AE287" s="137"/>
      <c r="AF287" s="137"/>
      <c r="AG287" s="137"/>
      <c r="AH287" s="137"/>
      <c r="AI287" s="137"/>
      <c r="AJ287" s="137"/>
      <c r="AK287" s="206"/>
      <c r="AL287" s="206"/>
      <c r="AM287" s="143"/>
      <c r="AN287" s="137"/>
      <c r="AO287" s="137"/>
      <c r="AP287" s="137"/>
      <c r="AQ287" s="137"/>
      <c r="AR287" s="137"/>
      <c r="AS287" s="137"/>
      <c r="AT287" s="137"/>
      <c r="AU287" s="137"/>
      <c r="AV287" s="137"/>
      <c r="AW287" s="144"/>
    </row>
    <row r="288" spans="2:49" x14ac:dyDescent="0.2">
      <c r="B288" s="97"/>
      <c r="G288" s="43"/>
      <c r="J288" s="98"/>
      <c r="K288" s="97"/>
      <c r="N288" s="3"/>
      <c r="W288" s="98"/>
      <c r="Z288" s="143"/>
      <c r="AA288" s="137"/>
      <c r="AB288" s="137"/>
      <c r="AC288" s="137"/>
      <c r="AD288" s="137"/>
      <c r="AE288" s="137"/>
      <c r="AF288" s="137"/>
      <c r="AG288" s="137"/>
      <c r="AH288" s="137"/>
      <c r="AI288" s="137"/>
      <c r="AJ288" s="137"/>
      <c r="AK288" s="206"/>
      <c r="AL288" s="206"/>
      <c r="AM288" s="143"/>
      <c r="AN288" s="137"/>
      <c r="AO288" s="137"/>
      <c r="AP288" s="137"/>
      <c r="AQ288" s="137"/>
      <c r="AR288" s="137"/>
      <c r="AS288" s="137"/>
      <c r="AT288" s="137"/>
      <c r="AU288" s="137"/>
      <c r="AV288" s="137"/>
      <c r="AW288" s="144"/>
    </row>
    <row r="289" spans="2:49" x14ac:dyDescent="0.2">
      <c r="B289" s="97"/>
      <c r="G289" s="43"/>
      <c r="J289" s="98"/>
      <c r="K289" s="97"/>
      <c r="N289" s="3"/>
      <c r="W289" s="98"/>
      <c r="Z289" s="143"/>
      <c r="AA289" s="137"/>
      <c r="AB289" s="137"/>
      <c r="AC289" s="137"/>
      <c r="AD289" s="137"/>
      <c r="AE289" s="137"/>
      <c r="AF289" s="137"/>
      <c r="AG289" s="137"/>
      <c r="AH289" s="137"/>
      <c r="AI289" s="137"/>
      <c r="AJ289" s="137"/>
      <c r="AK289" s="206"/>
      <c r="AL289" s="206"/>
      <c r="AM289" s="143"/>
      <c r="AN289" s="137"/>
      <c r="AO289" s="137"/>
      <c r="AP289" s="137"/>
      <c r="AQ289" s="137"/>
      <c r="AR289" s="137"/>
      <c r="AS289" s="137"/>
      <c r="AT289" s="137"/>
      <c r="AU289" s="137"/>
      <c r="AV289" s="137"/>
      <c r="AW289" s="144"/>
    </row>
    <row r="290" spans="2:49" x14ac:dyDescent="0.2">
      <c r="B290" s="97"/>
      <c r="G290" s="43"/>
      <c r="J290" s="98"/>
      <c r="K290" s="97"/>
      <c r="N290" s="3"/>
      <c r="W290" s="98"/>
      <c r="Z290" s="143"/>
      <c r="AA290" s="137"/>
      <c r="AB290" s="137"/>
      <c r="AC290" s="137"/>
      <c r="AD290" s="137"/>
      <c r="AE290" s="137"/>
      <c r="AF290" s="137"/>
      <c r="AG290" s="137"/>
      <c r="AH290" s="137"/>
      <c r="AI290" s="137"/>
      <c r="AJ290" s="137"/>
      <c r="AK290" s="206"/>
      <c r="AL290" s="206"/>
      <c r="AM290" s="143"/>
      <c r="AN290" s="137"/>
      <c r="AO290" s="137"/>
      <c r="AP290" s="137"/>
      <c r="AQ290" s="137"/>
      <c r="AR290" s="137"/>
      <c r="AS290" s="137"/>
      <c r="AT290" s="137"/>
      <c r="AU290" s="137"/>
      <c r="AV290" s="137"/>
      <c r="AW290" s="144"/>
    </row>
    <row r="291" spans="2:49" x14ac:dyDescent="0.2">
      <c r="B291" s="97"/>
      <c r="G291" s="43"/>
      <c r="J291" s="98"/>
      <c r="K291" s="97"/>
      <c r="N291" s="3"/>
      <c r="W291" s="98"/>
      <c r="Z291" s="143"/>
      <c r="AA291" s="137"/>
      <c r="AB291" s="137"/>
      <c r="AC291" s="137"/>
      <c r="AD291" s="137"/>
      <c r="AE291" s="137"/>
      <c r="AF291" s="137"/>
      <c r="AG291" s="137"/>
      <c r="AH291" s="137"/>
      <c r="AI291" s="137"/>
      <c r="AJ291" s="137"/>
      <c r="AK291" s="206"/>
      <c r="AL291" s="206"/>
      <c r="AM291" s="143"/>
      <c r="AN291" s="137"/>
      <c r="AO291" s="137"/>
      <c r="AP291" s="137"/>
      <c r="AQ291" s="137"/>
      <c r="AR291" s="137"/>
      <c r="AS291" s="137"/>
      <c r="AT291" s="137"/>
      <c r="AU291" s="137"/>
      <c r="AV291" s="137"/>
      <c r="AW291" s="144"/>
    </row>
    <row r="292" spans="2:49" x14ac:dyDescent="0.2">
      <c r="B292" s="97"/>
      <c r="G292" s="43"/>
      <c r="J292" s="98"/>
      <c r="K292" s="97"/>
      <c r="N292" s="3"/>
      <c r="W292" s="98"/>
      <c r="Z292" s="143"/>
      <c r="AA292" s="137"/>
      <c r="AB292" s="137"/>
      <c r="AC292" s="137"/>
      <c r="AD292" s="137"/>
      <c r="AE292" s="137"/>
      <c r="AF292" s="137"/>
      <c r="AG292" s="137"/>
      <c r="AH292" s="137"/>
      <c r="AI292" s="137"/>
      <c r="AJ292" s="137"/>
      <c r="AK292" s="206"/>
      <c r="AL292" s="206"/>
      <c r="AM292" s="143"/>
      <c r="AN292" s="137"/>
      <c r="AO292" s="137"/>
      <c r="AP292" s="137"/>
      <c r="AQ292" s="137"/>
      <c r="AR292" s="137"/>
      <c r="AS292" s="137"/>
      <c r="AT292" s="137"/>
      <c r="AU292" s="137"/>
      <c r="AV292" s="137"/>
      <c r="AW292" s="144"/>
    </row>
    <row r="293" spans="2:49" x14ac:dyDescent="0.2">
      <c r="B293" s="97"/>
      <c r="G293" s="43"/>
      <c r="J293" s="98"/>
      <c r="K293" s="97"/>
      <c r="N293" s="3"/>
      <c r="W293" s="98"/>
      <c r="Z293" s="143"/>
      <c r="AA293" s="137"/>
      <c r="AB293" s="137"/>
      <c r="AC293" s="137"/>
      <c r="AD293" s="137"/>
      <c r="AE293" s="137"/>
      <c r="AF293" s="137"/>
      <c r="AG293" s="137"/>
      <c r="AH293" s="137"/>
      <c r="AI293" s="137"/>
      <c r="AJ293" s="137"/>
      <c r="AK293" s="206"/>
      <c r="AL293" s="206"/>
      <c r="AM293" s="143"/>
      <c r="AN293" s="137"/>
      <c r="AO293" s="137"/>
      <c r="AP293" s="137"/>
      <c r="AQ293" s="137"/>
      <c r="AR293" s="137"/>
      <c r="AS293" s="137"/>
      <c r="AT293" s="137"/>
      <c r="AU293" s="137"/>
      <c r="AV293" s="137"/>
      <c r="AW293" s="144"/>
    </row>
    <row r="294" spans="2:49" x14ac:dyDescent="0.2">
      <c r="B294" s="97"/>
      <c r="G294" s="43"/>
      <c r="J294" s="98"/>
      <c r="K294" s="97"/>
      <c r="N294" s="3"/>
      <c r="W294" s="98"/>
      <c r="Z294" s="143"/>
      <c r="AA294" s="137"/>
      <c r="AB294" s="137"/>
      <c r="AC294" s="137"/>
      <c r="AD294" s="137"/>
      <c r="AE294" s="137"/>
      <c r="AF294" s="137"/>
      <c r="AG294" s="137"/>
      <c r="AH294" s="137"/>
      <c r="AI294" s="137"/>
      <c r="AJ294" s="137"/>
      <c r="AK294" s="206"/>
      <c r="AL294" s="206"/>
      <c r="AM294" s="143"/>
      <c r="AN294" s="137"/>
      <c r="AO294" s="137"/>
      <c r="AP294" s="137"/>
      <c r="AQ294" s="137"/>
      <c r="AR294" s="137"/>
      <c r="AS294" s="137"/>
      <c r="AT294" s="137"/>
      <c r="AU294" s="137"/>
      <c r="AV294" s="137"/>
      <c r="AW294" s="144"/>
    </row>
    <row r="295" spans="2:49" x14ac:dyDescent="0.2">
      <c r="B295" s="97"/>
      <c r="G295" s="43"/>
      <c r="J295" s="98"/>
      <c r="K295" s="97"/>
      <c r="N295" s="3"/>
      <c r="W295" s="98"/>
      <c r="Z295" s="143"/>
      <c r="AA295" s="137"/>
      <c r="AB295" s="137"/>
      <c r="AC295" s="137"/>
      <c r="AD295" s="137"/>
      <c r="AE295" s="137"/>
      <c r="AF295" s="137"/>
      <c r="AG295" s="137"/>
      <c r="AH295" s="137"/>
      <c r="AI295" s="137"/>
      <c r="AJ295" s="137"/>
      <c r="AK295" s="206"/>
      <c r="AL295" s="206"/>
      <c r="AM295" s="143"/>
      <c r="AN295" s="137"/>
      <c r="AO295" s="137"/>
      <c r="AP295" s="137"/>
      <c r="AQ295" s="137"/>
      <c r="AR295" s="137"/>
      <c r="AS295" s="137"/>
      <c r="AT295" s="137"/>
      <c r="AU295" s="137"/>
      <c r="AV295" s="137"/>
      <c r="AW295" s="144"/>
    </row>
    <row r="296" spans="2:49" x14ac:dyDescent="0.2">
      <c r="B296" s="97"/>
      <c r="G296" s="43"/>
      <c r="J296" s="98"/>
      <c r="K296" s="97"/>
      <c r="N296" s="3"/>
      <c r="W296" s="98"/>
      <c r="Z296" s="143"/>
      <c r="AA296" s="137"/>
      <c r="AB296" s="137"/>
      <c r="AC296" s="137"/>
      <c r="AD296" s="137"/>
      <c r="AE296" s="137"/>
      <c r="AF296" s="137"/>
      <c r="AG296" s="137"/>
      <c r="AH296" s="137"/>
      <c r="AI296" s="137"/>
      <c r="AJ296" s="137"/>
      <c r="AK296" s="206"/>
      <c r="AL296" s="206"/>
      <c r="AM296" s="143"/>
      <c r="AN296" s="137"/>
      <c r="AO296" s="137"/>
      <c r="AP296" s="137"/>
      <c r="AQ296" s="137"/>
      <c r="AR296" s="137"/>
      <c r="AS296" s="137"/>
      <c r="AT296" s="137"/>
      <c r="AU296" s="137"/>
      <c r="AV296" s="137"/>
      <c r="AW296" s="144"/>
    </row>
    <row r="297" spans="2:49" x14ac:dyDescent="0.2">
      <c r="B297" s="97"/>
      <c r="G297" s="43"/>
      <c r="J297" s="98"/>
      <c r="K297" s="97"/>
      <c r="N297" s="3"/>
      <c r="W297" s="98"/>
      <c r="Z297" s="143"/>
      <c r="AA297" s="137"/>
      <c r="AB297" s="137"/>
      <c r="AC297" s="137"/>
      <c r="AD297" s="137"/>
      <c r="AE297" s="137"/>
      <c r="AF297" s="137"/>
      <c r="AG297" s="137"/>
      <c r="AH297" s="137"/>
      <c r="AI297" s="137"/>
      <c r="AJ297" s="137"/>
      <c r="AK297" s="206"/>
      <c r="AL297" s="206"/>
      <c r="AM297" s="143"/>
      <c r="AN297" s="137"/>
      <c r="AO297" s="137"/>
      <c r="AP297" s="137"/>
      <c r="AQ297" s="137"/>
      <c r="AR297" s="137"/>
      <c r="AS297" s="137"/>
      <c r="AT297" s="137"/>
      <c r="AU297" s="137"/>
      <c r="AV297" s="137"/>
      <c r="AW297" s="144"/>
    </row>
    <row r="298" spans="2:49" x14ac:dyDescent="0.2">
      <c r="B298" s="97"/>
      <c r="G298" s="43"/>
      <c r="J298" s="98"/>
      <c r="K298" s="97"/>
      <c r="N298" s="3"/>
      <c r="W298" s="98"/>
      <c r="Z298" s="143"/>
      <c r="AA298" s="137"/>
      <c r="AB298" s="137"/>
      <c r="AC298" s="137"/>
      <c r="AD298" s="137"/>
      <c r="AE298" s="137"/>
      <c r="AF298" s="137"/>
      <c r="AG298" s="137"/>
      <c r="AH298" s="137"/>
      <c r="AI298" s="137"/>
      <c r="AJ298" s="137"/>
      <c r="AK298" s="206"/>
      <c r="AL298" s="206"/>
      <c r="AM298" s="143"/>
      <c r="AN298" s="137"/>
      <c r="AO298" s="137"/>
      <c r="AP298" s="137"/>
      <c r="AQ298" s="137"/>
      <c r="AR298" s="137"/>
      <c r="AS298" s="137"/>
      <c r="AT298" s="137"/>
      <c r="AU298" s="137"/>
      <c r="AV298" s="137"/>
      <c r="AW298" s="144"/>
    </row>
    <row r="299" spans="2:49" x14ac:dyDescent="0.2">
      <c r="B299" s="97"/>
      <c r="G299" s="43"/>
      <c r="J299" s="98"/>
      <c r="K299" s="97"/>
      <c r="N299" s="3"/>
      <c r="W299" s="98"/>
      <c r="Z299" s="143"/>
      <c r="AA299" s="137"/>
      <c r="AB299" s="137"/>
      <c r="AC299" s="137"/>
      <c r="AD299" s="137"/>
      <c r="AE299" s="137"/>
      <c r="AF299" s="137"/>
      <c r="AG299" s="137"/>
      <c r="AH299" s="137"/>
      <c r="AI299" s="137"/>
      <c r="AJ299" s="137"/>
      <c r="AK299" s="206"/>
      <c r="AL299" s="206"/>
      <c r="AM299" s="143"/>
      <c r="AN299" s="137"/>
      <c r="AO299" s="137"/>
      <c r="AP299" s="137"/>
      <c r="AQ299" s="137"/>
      <c r="AR299" s="137"/>
      <c r="AS299" s="137"/>
      <c r="AT299" s="137"/>
      <c r="AU299" s="137"/>
      <c r="AV299" s="137"/>
      <c r="AW299" s="144"/>
    </row>
    <row r="300" spans="2:49" x14ac:dyDescent="0.2">
      <c r="B300" s="97"/>
      <c r="G300" s="43"/>
      <c r="J300" s="98"/>
      <c r="K300" s="97"/>
      <c r="N300" s="3"/>
      <c r="W300" s="98"/>
      <c r="Z300" s="143"/>
      <c r="AA300" s="137"/>
      <c r="AB300" s="137"/>
      <c r="AC300" s="137"/>
      <c r="AD300" s="137"/>
      <c r="AE300" s="137"/>
      <c r="AF300" s="137"/>
      <c r="AG300" s="137"/>
      <c r="AH300" s="137"/>
      <c r="AI300" s="137"/>
      <c r="AJ300" s="137"/>
      <c r="AK300" s="206"/>
      <c r="AL300" s="206"/>
      <c r="AM300" s="143"/>
      <c r="AN300" s="137"/>
      <c r="AO300" s="137"/>
      <c r="AP300" s="137"/>
      <c r="AQ300" s="137"/>
      <c r="AR300" s="137"/>
      <c r="AS300" s="137"/>
      <c r="AT300" s="137"/>
      <c r="AU300" s="137"/>
      <c r="AV300" s="137"/>
      <c r="AW300" s="144"/>
    </row>
    <row r="301" spans="2:49" x14ac:dyDescent="0.2">
      <c r="B301" s="97"/>
      <c r="G301" s="43"/>
      <c r="J301" s="98"/>
      <c r="K301" s="97"/>
      <c r="N301" s="3"/>
      <c r="W301" s="98"/>
      <c r="Z301" s="143"/>
      <c r="AA301" s="137"/>
      <c r="AB301" s="137"/>
      <c r="AC301" s="137"/>
      <c r="AD301" s="137"/>
      <c r="AE301" s="137"/>
      <c r="AF301" s="137"/>
      <c r="AG301" s="137"/>
      <c r="AH301" s="137"/>
      <c r="AI301" s="137"/>
      <c r="AJ301" s="137"/>
      <c r="AK301" s="206"/>
      <c r="AL301" s="206"/>
      <c r="AM301" s="143"/>
      <c r="AN301" s="137"/>
      <c r="AO301" s="137"/>
      <c r="AP301" s="137"/>
      <c r="AQ301" s="137"/>
      <c r="AR301" s="137"/>
      <c r="AS301" s="137"/>
      <c r="AT301" s="137"/>
      <c r="AU301" s="137"/>
      <c r="AV301" s="137"/>
      <c r="AW301" s="144"/>
    </row>
    <row r="302" spans="2:49" x14ac:dyDescent="0.2">
      <c r="B302" s="97"/>
      <c r="G302" s="43"/>
      <c r="J302" s="98"/>
      <c r="K302" s="97"/>
      <c r="N302" s="3"/>
      <c r="W302" s="98"/>
      <c r="Z302" s="143"/>
      <c r="AA302" s="137"/>
      <c r="AB302" s="137"/>
      <c r="AC302" s="137"/>
      <c r="AD302" s="137"/>
      <c r="AE302" s="137"/>
      <c r="AF302" s="137"/>
      <c r="AG302" s="137"/>
      <c r="AH302" s="137"/>
      <c r="AI302" s="137"/>
      <c r="AJ302" s="137"/>
      <c r="AK302" s="206"/>
      <c r="AL302" s="206"/>
      <c r="AM302" s="143"/>
      <c r="AN302" s="137"/>
      <c r="AO302" s="137"/>
      <c r="AP302" s="137"/>
      <c r="AQ302" s="137"/>
      <c r="AR302" s="137"/>
      <c r="AS302" s="137"/>
      <c r="AT302" s="137"/>
      <c r="AU302" s="137"/>
      <c r="AV302" s="137"/>
      <c r="AW302" s="144"/>
    </row>
    <row r="303" spans="2:49" x14ac:dyDescent="0.2">
      <c r="B303" s="97"/>
      <c r="G303" s="43"/>
      <c r="J303" s="98"/>
      <c r="K303" s="97"/>
      <c r="N303" s="3"/>
      <c r="W303" s="98"/>
      <c r="Z303" s="143"/>
      <c r="AA303" s="137"/>
      <c r="AB303" s="137"/>
      <c r="AC303" s="137"/>
      <c r="AD303" s="137"/>
      <c r="AE303" s="137"/>
      <c r="AF303" s="137"/>
      <c r="AG303" s="137"/>
      <c r="AH303" s="137"/>
      <c r="AI303" s="137"/>
      <c r="AJ303" s="137"/>
      <c r="AK303" s="206"/>
      <c r="AL303" s="206"/>
      <c r="AM303" s="143"/>
      <c r="AN303" s="137"/>
      <c r="AO303" s="137"/>
      <c r="AP303" s="137"/>
      <c r="AQ303" s="137"/>
      <c r="AR303" s="137"/>
      <c r="AS303" s="137"/>
      <c r="AT303" s="137"/>
      <c r="AU303" s="137"/>
      <c r="AV303" s="137"/>
      <c r="AW303" s="144"/>
    </row>
    <row r="304" spans="2:49" x14ac:dyDescent="0.2">
      <c r="B304" s="97"/>
      <c r="G304" s="43"/>
      <c r="J304" s="98"/>
      <c r="K304" s="97"/>
      <c r="N304" s="3"/>
      <c r="W304" s="98"/>
      <c r="Z304" s="143"/>
      <c r="AA304" s="137"/>
      <c r="AB304" s="137"/>
      <c r="AC304" s="137"/>
      <c r="AD304" s="137"/>
      <c r="AE304" s="137"/>
      <c r="AF304" s="137"/>
      <c r="AG304" s="137"/>
      <c r="AH304" s="137"/>
      <c r="AI304" s="137"/>
      <c r="AJ304" s="137"/>
      <c r="AK304" s="206"/>
      <c r="AL304" s="206"/>
      <c r="AM304" s="143"/>
      <c r="AN304" s="137"/>
      <c r="AO304" s="137"/>
      <c r="AP304" s="137"/>
      <c r="AQ304" s="137"/>
      <c r="AR304" s="137"/>
      <c r="AS304" s="137"/>
      <c r="AT304" s="137"/>
      <c r="AU304" s="137"/>
      <c r="AV304" s="137"/>
      <c r="AW304" s="144"/>
    </row>
    <row r="305" spans="2:49" x14ac:dyDescent="0.2">
      <c r="B305" s="97"/>
      <c r="G305" s="43"/>
      <c r="J305" s="98"/>
      <c r="K305" s="97"/>
      <c r="N305" s="3"/>
      <c r="W305" s="98"/>
      <c r="Z305" s="143"/>
      <c r="AA305" s="137"/>
      <c r="AB305" s="137"/>
      <c r="AC305" s="137"/>
      <c r="AD305" s="137"/>
      <c r="AE305" s="137"/>
      <c r="AF305" s="137"/>
      <c r="AG305" s="137"/>
      <c r="AH305" s="137"/>
      <c r="AI305" s="137"/>
      <c r="AJ305" s="137"/>
      <c r="AK305" s="206"/>
      <c r="AL305" s="206"/>
      <c r="AM305" s="143"/>
      <c r="AN305" s="137"/>
      <c r="AO305" s="137"/>
      <c r="AP305" s="137"/>
      <c r="AQ305" s="137"/>
      <c r="AR305" s="137"/>
      <c r="AS305" s="137"/>
      <c r="AT305" s="137"/>
      <c r="AU305" s="137"/>
      <c r="AV305" s="137"/>
      <c r="AW305" s="144"/>
    </row>
    <row r="306" spans="2:49" x14ac:dyDescent="0.2">
      <c r="B306" s="97"/>
      <c r="G306" s="43"/>
      <c r="J306" s="98"/>
      <c r="K306" s="97"/>
      <c r="N306" s="3"/>
      <c r="W306" s="98"/>
      <c r="Z306" s="143"/>
      <c r="AA306" s="137"/>
      <c r="AB306" s="137"/>
      <c r="AC306" s="137"/>
      <c r="AD306" s="137"/>
      <c r="AE306" s="137"/>
      <c r="AF306" s="137"/>
      <c r="AG306" s="137"/>
      <c r="AH306" s="137"/>
      <c r="AI306" s="137"/>
      <c r="AJ306" s="137"/>
      <c r="AK306" s="206"/>
      <c r="AL306" s="206"/>
      <c r="AM306" s="143"/>
      <c r="AN306" s="137"/>
      <c r="AO306" s="137"/>
      <c r="AP306" s="137"/>
      <c r="AQ306" s="137"/>
      <c r="AR306" s="137"/>
      <c r="AS306" s="137"/>
      <c r="AT306" s="137"/>
      <c r="AU306" s="137"/>
      <c r="AV306" s="137"/>
      <c r="AW306" s="144"/>
    </row>
    <row r="307" spans="2:49" x14ac:dyDescent="0.2">
      <c r="B307" s="97"/>
      <c r="G307" s="43"/>
      <c r="J307" s="98"/>
      <c r="K307" s="97"/>
      <c r="N307" s="3"/>
      <c r="W307" s="98"/>
      <c r="Z307" s="143"/>
      <c r="AA307" s="137"/>
      <c r="AB307" s="137"/>
      <c r="AC307" s="137"/>
      <c r="AD307" s="137"/>
      <c r="AE307" s="137"/>
      <c r="AF307" s="137"/>
      <c r="AG307" s="137"/>
      <c r="AH307" s="137"/>
      <c r="AI307" s="137"/>
      <c r="AJ307" s="137"/>
      <c r="AK307" s="206"/>
      <c r="AL307" s="206"/>
      <c r="AM307" s="143"/>
      <c r="AN307" s="137"/>
      <c r="AO307" s="137"/>
      <c r="AP307" s="137"/>
      <c r="AQ307" s="137"/>
      <c r="AR307" s="137"/>
      <c r="AS307" s="137"/>
      <c r="AT307" s="137"/>
      <c r="AU307" s="137"/>
      <c r="AV307" s="137"/>
      <c r="AW307" s="144"/>
    </row>
    <row r="308" spans="2:49" x14ac:dyDescent="0.2">
      <c r="B308" s="97"/>
      <c r="G308" s="43"/>
      <c r="J308" s="98"/>
      <c r="K308" s="97"/>
      <c r="N308" s="3"/>
      <c r="W308" s="98"/>
      <c r="Z308" s="143"/>
      <c r="AA308" s="137"/>
      <c r="AB308" s="137"/>
      <c r="AC308" s="137"/>
      <c r="AD308" s="137"/>
      <c r="AE308" s="137"/>
      <c r="AF308" s="137"/>
      <c r="AG308" s="137"/>
      <c r="AH308" s="137"/>
      <c r="AI308" s="137"/>
      <c r="AJ308" s="137"/>
      <c r="AK308" s="206"/>
      <c r="AL308" s="206"/>
      <c r="AM308" s="143"/>
      <c r="AN308" s="137"/>
      <c r="AO308" s="137"/>
      <c r="AP308" s="137"/>
      <c r="AQ308" s="137"/>
      <c r="AR308" s="137"/>
      <c r="AS308" s="137"/>
      <c r="AT308" s="137"/>
      <c r="AU308" s="137"/>
      <c r="AV308" s="137"/>
      <c r="AW308" s="144"/>
    </row>
    <row r="309" spans="2:49" x14ac:dyDescent="0.2">
      <c r="B309" s="97"/>
      <c r="G309" s="43"/>
      <c r="J309" s="98"/>
      <c r="K309" s="97"/>
      <c r="N309" s="3"/>
      <c r="W309" s="98"/>
      <c r="Z309" s="143"/>
      <c r="AA309" s="137"/>
      <c r="AB309" s="137"/>
      <c r="AC309" s="137"/>
      <c r="AD309" s="137"/>
      <c r="AE309" s="137"/>
      <c r="AF309" s="137"/>
      <c r="AG309" s="137"/>
      <c r="AH309" s="137"/>
      <c r="AI309" s="137"/>
      <c r="AJ309" s="137"/>
      <c r="AK309" s="206"/>
      <c r="AL309" s="206"/>
      <c r="AM309" s="143"/>
      <c r="AN309" s="137"/>
      <c r="AO309" s="137"/>
      <c r="AP309" s="137"/>
      <c r="AQ309" s="137"/>
      <c r="AR309" s="137"/>
      <c r="AS309" s="137"/>
      <c r="AT309" s="137"/>
      <c r="AU309" s="137"/>
      <c r="AV309" s="137"/>
      <c r="AW309" s="144"/>
    </row>
    <row r="310" spans="2:49" x14ac:dyDescent="0.2">
      <c r="B310" s="97"/>
      <c r="G310" s="43"/>
      <c r="J310" s="98"/>
      <c r="K310" s="97"/>
      <c r="N310" s="3"/>
      <c r="W310" s="98"/>
      <c r="Z310" s="143"/>
      <c r="AA310" s="137"/>
      <c r="AB310" s="137"/>
      <c r="AC310" s="137"/>
      <c r="AD310" s="137"/>
      <c r="AE310" s="137"/>
      <c r="AF310" s="137"/>
      <c r="AG310" s="137"/>
      <c r="AH310" s="137"/>
      <c r="AI310" s="137"/>
      <c r="AJ310" s="137"/>
      <c r="AK310" s="206"/>
      <c r="AL310" s="206"/>
      <c r="AM310" s="143"/>
      <c r="AN310" s="137"/>
      <c r="AO310" s="137"/>
      <c r="AP310" s="137"/>
      <c r="AQ310" s="137"/>
      <c r="AR310" s="137"/>
      <c r="AS310" s="137"/>
      <c r="AT310" s="137"/>
      <c r="AU310" s="137"/>
      <c r="AV310" s="137"/>
      <c r="AW310" s="144"/>
    </row>
    <row r="311" spans="2:49" x14ac:dyDescent="0.2">
      <c r="B311" s="97"/>
      <c r="G311" s="43"/>
      <c r="J311" s="98"/>
      <c r="K311" s="97"/>
      <c r="N311" s="3"/>
      <c r="W311" s="98"/>
      <c r="Z311" s="143"/>
      <c r="AA311" s="137"/>
      <c r="AB311" s="137"/>
      <c r="AC311" s="137"/>
      <c r="AD311" s="137"/>
      <c r="AE311" s="137"/>
      <c r="AF311" s="137"/>
      <c r="AG311" s="137"/>
      <c r="AH311" s="137"/>
      <c r="AI311" s="137"/>
      <c r="AJ311" s="137"/>
      <c r="AK311" s="206"/>
      <c r="AL311" s="206"/>
      <c r="AM311" s="143"/>
      <c r="AN311" s="137"/>
      <c r="AO311" s="137"/>
      <c r="AP311" s="137"/>
      <c r="AQ311" s="137"/>
      <c r="AR311" s="137"/>
      <c r="AS311" s="137"/>
      <c r="AT311" s="137"/>
      <c r="AU311" s="137"/>
      <c r="AV311" s="137"/>
      <c r="AW311" s="144"/>
    </row>
    <row r="312" spans="2:49" x14ac:dyDescent="0.2">
      <c r="B312" s="97"/>
      <c r="G312" s="43"/>
      <c r="J312" s="98"/>
      <c r="K312" s="97"/>
      <c r="N312" s="3"/>
      <c r="W312" s="98"/>
      <c r="Z312" s="143"/>
      <c r="AA312" s="137"/>
      <c r="AB312" s="137"/>
      <c r="AC312" s="137"/>
      <c r="AD312" s="137"/>
      <c r="AE312" s="137"/>
      <c r="AF312" s="137"/>
      <c r="AG312" s="137"/>
      <c r="AH312" s="137"/>
      <c r="AI312" s="137"/>
      <c r="AJ312" s="137"/>
      <c r="AK312" s="206"/>
      <c r="AL312" s="206"/>
      <c r="AM312" s="143"/>
      <c r="AN312" s="137"/>
      <c r="AO312" s="137"/>
      <c r="AP312" s="137"/>
      <c r="AQ312" s="137"/>
      <c r="AR312" s="137"/>
      <c r="AS312" s="137"/>
      <c r="AT312" s="137"/>
      <c r="AU312" s="137"/>
      <c r="AV312" s="137"/>
      <c r="AW312" s="144"/>
    </row>
    <row r="313" spans="2:49" x14ac:dyDescent="0.2">
      <c r="B313" s="97"/>
      <c r="G313" s="43"/>
      <c r="J313" s="98"/>
      <c r="K313" s="97"/>
      <c r="N313" s="3"/>
      <c r="W313" s="98"/>
      <c r="Z313" s="143"/>
      <c r="AA313" s="137"/>
      <c r="AB313" s="137"/>
      <c r="AC313" s="137"/>
      <c r="AD313" s="137"/>
      <c r="AE313" s="137"/>
      <c r="AF313" s="137"/>
      <c r="AG313" s="137"/>
      <c r="AH313" s="137"/>
      <c r="AI313" s="137"/>
      <c r="AJ313" s="137"/>
      <c r="AK313" s="206"/>
      <c r="AL313" s="206"/>
      <c r="AM313" s="143"/>
      <c r="AN313" s="137"/>
      <c r="AO313" s="137"/>
      <c r="AP313" s="137"/>
      <c r="AQ313" s="137"/>
      <c r="AR313" s="137"/>
      <c r="AS313" s="137"/>
      <c r="AT313" s="137"/>
      <c r="AU313" s="137"/>
      <c r="AV313" s="137"/>
      <c r="AW313" s="144"/>
    </row>
    <row r="314" spans="2:49" x14ac:dyDescent="0.2">
      <c r="B314" s="97"/>
      <c r="G314" s="43"/>
      <c r="J314" s="98"/>
      <c r="K314" s="97"/>
      <c r="N314" s="3"/>
      <c r="W314" s="98"/>
      <c r="Z314" s="143"/>
      <c r="AA314" s="137"/>
      <c r="AB314" s="137"/>
      <c r="AC314" s="137"/>
      <c r="AD314" s="137"/>
      <c r="AE314" s="137"/>
      <c r="AF314" s="137"/>
      <c r="AG314" s="137"/>
      <c r="AH314" s="137"/>
      <c r="AI314" s="137"/>
      <c r="AJ314" s="137"/>
      <c r="AK314" s="206"/>
      <c r="AL314" s="206"/>
      <c r="AM314" s="143"/>
      <c r="AN314" s="137"/>
      <c r="AO314" s="137"/>
      <c r="AP314" s="137"/>
      <c r="AQ314" s="137"/>
      <c r="AR314" s="137"/>
      <c r="AS314" s="137"/>
      <c r="AT314" s="137"/>
      <c r="AU314" s="137"/>
      <c r="AV314" s="137"/>
      <c r="AW314" s="144"/>
    </row>
    <row r="315" spans="2:49" x14ac:dyDescent="0.2">
      <c r="B315" s="97"/>
      <c r="G315" s="43"/>
      <c r="J315" s="98"/>
      <c r="K315" s="97"/>
      <c r="N315" s="3"/>
      <c r="W315" s="98"/>
      <c r="Z315" s="143"/>
      <c r="AA315" s="137"/>
      <c r="AB315" s="137"/>
      <c r="AC315" s="137"/>
      <c r="AD315" s="137"/>
      <c r="AE315" s="137"/>
      <c r="AF315" s="137"/>
      <c r="AG315" s="137"/>
      <c r="AH315" s="137"/>
      <c r="AI315" s="137"/>
      <c r="AJ315" s="137"/>
      <c r="AK315" s="206"/>
      <c r="AL315" s="206"/>
      <c r="AM315" s="143"/>
      <c r="AN315" s="137"/>
      <c r="AO315" s="137"/>
      <c r="AP315" s="137"/>
      <c r="AQ315" s="137"/>
      <c r="AR315" s="137"/>
      <c r="AS315" s="137"/>
      <c r="AT315" s="137"/>
      <c r="AU315" s="137"/>
      <c r="AV315" s="137"/>
      <c r="AW315" s="144"/>
    </row>
    <row r="316" spans="2:49" x14ac:dyDescent="0.2">
      <c r="B316" s="97"/>
      <c r="G316" s="43"/>
      <c r="J316" s="98"/>
      <c r="K316" s="97"/>
      <c r="N316" s="3"/>
      <c r="W316" s="98"/>
      <c r="Z316" s="143"/>
      <c r="AA316" s="137"/>
      <c r="AB316" s="137"/>
      <c r="AC316" s="137"/>
      <c r="AD316" s="137"/>
      <c r="AE316" s="137"/>
      <c r="AF316" s="137"/>
      <c r="AG316" s="137"/>
      <c r="AH316" s="137"/>
      <c r="AI316" s="137"/>
      <c r="AJ316" s="137"/>
      <c r="AK316" s="206"/>
      <c r="AL316" s="206"/>
      <c r="AM316" s="143"/>
      <c r="AN316" s="137"/>
      <c r="AO316" s="137"/>
      <c r="AP316" s="137"/>
      <c r="AQ316" s="137"/>
      <c r="AR316" s="137"/>
      <c r="AS316" s="137"/>
      <c r="AT316" s="137"/>
      <c r="AU316" s="137"/>
      <c r="AV316" s="137"/>
      <c r="AW316" s="144"/>
    </row>
    <row r="317" spans="2:49" x14ac:dyDescent="0.2">
      <c r="B317" s="97"/>
      <c r="G317" s="43"/>
      <c r="J317" s="98"/>
      <c r="K317" s="97"/>
      <c r="N317" s="3"/>
      <c r="W317" s="98"/>
      <c r="Z317" s="143"/>
      <c r="AA317" s="137"/>
      <c r="AB317" s="137"/>
      <c r="AC317" s="137"/>
      <c r="AD317" s="137"/>
      <c r="AE317" s="137"/>
      <c r="AF317" s="137"/>
      <c r="AG317" s="137"/>
      <c r="AH317" s="137"/>
      <c r="AI317" s="137"/>
      <c r="AJ317" s="137"/>
      <c r="AK317" s="206"/>
      <c r="AL317" s="206"/>
      <c r="AM317" s="143"/>
      <c r="AN317" s="137"/>
      <c r="AO317" s="137"/>
      <c r="AP317" s="137"/>
      <c r="AQ317" s="137"/>
      <c r="AR317" s="137"/>
      <c r="AS317" s="137"/>
      <c r="AT317" s="137"/>
      <c r="AU317" s="137"/>
      <c r="AV317" s="137"/>
      <c r="AW317" s="144"/>
    </row>
    <row r="318" spans="2:49" x14ac:dyDescent="0.2">
      <c r="B318" s="97"/>
      <c r="G318" s="43"/>
      <c r="J318" s="98"/>
      <c r="K318" s="97"/>
      <c r="N318" s="3"/>
      <c r="W318" s="98"/>
      <c r="Z318" s="143"/>
      <c r="AA318" s="137"/>
      <c r="AB318" s="137"/>
      <c r="AC318" s="137"/>
      <c r="AD318" s="137"/>
      <c r="AE318" s="137"/>
      <c r="AF318" s="137"/>
      <c r="AG318" s="137"/>
      <c r="AH318" s="137"/>
      <c r="AI318" s="137"/>
      <c r="AJ318" s="137"/>
      <c r="AK318" s="206"/>
      <c r="AL318" s="206"/>
      <c r="AM318" s="143"/>
      <c r="AN318" s="137"/>
      <c r="AO318" s="137"/>
      <c r="AP318" s="137"/>
      <c r="AQ318" s="137"/>
      <c r="AR318" s="137"/>
      <c r="AS318" s="137"/>
      <c r="AT318" s="137"/>
      <c r="AU318" s="137"/>
      <c r="AV318" s="137"/>
      <c r="AW318" s="144"/>
    </row>
    <row r="319" spans="2:49" x14ac:dyDescent="0.2">
      <c r="B319" s="97"/>
      <c r="G319" s="43"/>
      <c r="J319" s="98"/>
      <c r="K319" s="97"/>
      <c r="N319" s="3"/>
      <c r="W319" s="98"/>
      <c r="Z319" s="143"/>
      <c r="AA319" s="137"/>
      <c r="AB319" s="137"/>
      <c r="AC319" s="137"/>
      <c r="AD319" s="137"/>
      <c r="AE319" s="137"/>
      <c r="AF319" s="137"/>
      <c r="AG319" s="137"/>
      <c r="AH319" s="137"/>
      <c r="AI319" s="137"/>
      <c r="AJ319" s="137"/>
      <c r="AK319" s="206"/>
      <c r="AL319" s="206"/>
      <c r="AM319" s="143"/>
      <c r="AN319" s="137"/>
      <c r="AO319" s="137"/>
      <c r="AP319" s="137"/>
      <c r="AQ319" s="137"/>
      <c r="AR319" s="137"/>
      <c r="AS319" s="137"/>
      <c r="AT319" s="137"/>
      <c r="AU319" s="137"/>
      <c r="AV319" s="137"/>
      <c r="AW319" s="144"/>
    </row>
    <row r="320" spans="2:49" x14ac:dyDescent="0.2">
      <c r="B320" s="97"/>
      <c r="G320" s="43"/>
      <c r="J320" s="98"/>
      <c r="K320" s="97"/>
      <c r="N320" s="3"/>
      <c r="W320" s="98"/>
      <c r="Z320" s="143"/>
      <c r="AA320" s="137"/>
      <c r="AB320" s="137"/>
      <c r="AC320" s="137"/>
      <c r="AD320" s="137"/>
      <c r="AE320" s="137"/>
      <c r="AF320" s="137"/>
      <c r="AG320" s="137"/>
      <c r="AH320" s="137"/>
      <c r="AI320" s="137"/>
      <c r="AJ320" s="137"/>
      <c r="AK320" s="206"/>
      <c r="AL320" s="206"/>
      <c r="AM320" s="143"/>
      <c r="AN320" s="137"/>
      <c r="AO320" s="137"/>
      <c r="AP320" s="137"/>
      <c r="AQ320" s="137"/>
      <c r="AR320" s="137"/>
      <c r="AS320" s="137"/>
      <c r="AT320" s="137"/>
      <c r="AU320" s="137"/>
      <c r="AV320" s="137"/>
      <c r="AW320" s="144"/>
    </row>
    <row r="321" spans="2:49" x14ac:dyDescent="0.2">
      <c r="B321" s="97"/>
      <c r="G321" s="43"/>
      <c r="J321" s="98"/>
      <c r="K321" s="97"/>
      <c r="N321" s="3"/>
      <c r="W321" s="98"/>
      <c r="Z321" s="143"/>
      <c r="AA321" s="137"/>
      <c r="AB321" s="137"/>
      <c r="AC321" s="137"/>
      <c r="AD321" s="137"/>
      <c r="AE321" s="137"/>
      <c r="AF321" s="137"/>
      <c r="AG321" s="137"/>
      <c r="AH321" s="137"/>
      <c r="AI321" s="137"/>
      <c r="AJ321" s="137"/>
      <c r="AK321" s="206"/>
      <c r="AL321" s="206"/>
      <c r="AM321" s="143"/>
      <c r="AN321" s="137"/>
      <c r="AO321" s="137"/>
      <c r="AP321" s="137"/>
      <c r="AQ321" s="137"/>
      <c r="AR321" s="137"/>
      <c r="AS321" s="137"/>
      <c r="AT321" s="137"/>
      <c r="AU321" s="137"/>
      <c r="AV321" s="137"/>
      <c r="AW321" s="144"/>
    </row>
    <row r="322" spans="2:49" x14ac:dyDescent="0.2">
      <c r="B322" s="97"/>
      <c r="G322" s="43"/>
      <c r="J322" s="98"/>
      <c r="K322" s="97"/>
      <c r="N322" s="3"/>
      <c r="W322" s="98"/>
      <c r="Z322" s="143"/>
      <c r="AA322" s="137"/>
      <c r="AB322" s="137"/>
      <c r="AC322" s="137"/>
      <c r="AD322" s="137"/>
      <c r="AE322" s="137"/>
      <c r="AF322" s="137"/>
      <c r="AG322" s="137"/>
      <c r="AH322" s="137"/>
      <c r="AI322" s="137"/>
      <c r="AJ322" s="137"/>
      <c r="AK322" s="206"/>
      <c r="AL322" s="206"/>
      <c r="AM322" s="143"/>
      <c r="AN322" s="137"/>
      <c r="AO322" s="137"/>
      <c r="AP322" s="137"/>
      <c r="AQ322" s="137"/>
      <c r="AR322" s="137"/>
      <c r="AS322" s="137"/>
      <c r="AT322" s="137"/>
      <c r="AU322" s="137"/>
      <c r="AV322" s="137"/>
      <c r="AW322" s="144"/>
    </row>
    <row r="323" spans="2:49" x14ac:dyDescent="0.2">
      <c r="B323" s="97"/>
      <c r="G323" s="43"/>
      <c r="J323" s="98"/>
      <c r="K323" s="97"/>
      <c r="N323" s="3"/>
      <c r="W323" s="98"/>
      <c r="Z323" s="143"/>
      <c r="AA323" s="137"/>
      <c r="AB323" s="137"/>
      <c r="AC323" s="137"/>
      <c r="AD323" s="137"/>
      <c r="AE323" s="137"/>
      <c r="AF323" s="137"/>
      <c r="AG323" s="137"/>
      <c r="AH323" s="137"/>
      <c r="AI323" s="137"/>
      <c r="AJ323" s="137"/>
      <c r="AK323" s="206"/>
      <c r="AL323" s="206"/>
      <c r="AM323" s="143"/>
      <c r="AN323" s="137"/>
      <c r="AO323" s="137"/>
      <c r="AP323" s="137"/>
      <c r="AQ323" s="137"/>
      <c r="AR323" s="137"/>
      <c r="AS323" s="137"/>
      <c r="AT323" s="137"/>
      <c r="AU323" s="137"/>
      <c r="AV323" s="137"/>
      <c r="AW323" s="144"/>
    </row>
    <row r="324" spans="2:49" x14ac:dyDescent="0.2">
      <c r="B324" s="97"/>
      <c r="G324" s="43"/>
      <c r="J324" s="98"/>
      <c r="K324" s="97"/>
      <c r="N324" s="3"/>
      <c r="W324" s="98"/>
      <c r="Z324" s="143"/>
      <c r="AA324" s="137"/>
      <c r="AB324" s="137"/>
      <c r="AC324" s="137"/>
      <c r="AD324" s="137"/>
      <c r="AE324" s="137"/>
      <c r="AF324" s="137"/>
      <c r="AG324" s="137"/>
      <c r="AH324" s="137"/>
      <c r="AI324" s="137"/>
      <c r="AJ324" s="137"/>
      <c r="AK324" s="206"/>
      <c r="AL324" s="206"/>
      <c r="AM324" s="143"/>
      <c r="AN324" s="137"/>
      <c r="AO324" s="137"/>
      <c r="AP324" s="137"/>
      <c r="AQ324" s="137"/>
      <c r="AR324" s="137"/>
      <c r="AS324" s="137"/>
      <c r="AT324" s="137"/>
      <c r="AU324" s="137"/>
      <c r="AV324" s="137"/>
      <c r="AW324" s="144"/>
    </row>
    <row r="325" spans="2:49" x14ac:dyDescent="0.2">
      <c r="B325" s="97"/>
      <c r="G325" s="43"/>
      <c r="J325" s="98"/>
      <c r="K325" s="97"/>
      <c r="N325" s="3"/>
      <c r="W325" s="98"/>
      <c r="Z325" s="143"/>
      <c r="AA325" s="137"/>
      <c r="AB325" s="137"/>
      <c r="AC325" s="137"/>
      <c r="AD325" s="137"/>
      <c r="AE325" s="137"/>
      <c r="AF325" s="137"/>
      <c r="AG325" s="137"/>
      <c r="AH325" s="137"/>
      <c r="AI325" s="137"/>
      <c r="AJ325" s="137"/>
      <c r="AK325" s="206"/>
      <c r="AL325" s="206"/>
      <c r="AM325" s="143"/>
      <c r="AN325" s="137"/>
      <c r="AO325" s="137"/>
      <c r="AP325" s="137"/>
      <c r="AQ325" s="137"/>
      <c r="AR325" s="137"/>
      <c r="AS325" s="137"/>
      <c r="AT325" s="137"/>
      <c r="AU325" s="137"/>
      <c r="AV325" s="137"/>
      <c r="AW325" s="144"/>
    </row>
    <row r="326" spans="2:49" x14ac:dyDescent="0.2">
      <c r="B326" s="97"/>
      <c r="G326" s="43"/>
      <c r="J326" s="98"/>
      <c r="K326" s="97"/>
      <c r="N326" s="3"/>
      <c r="W326" s="98"/>
      <c r="Z326" s="143"/>
      <c r="AA326" s="137"/>
      <c r="AB326" s="137"/>
      <c r="AC326" s="137"/>
      <c r="AD326" s="137"/>
      <c r="AE326" s="137"/>
      <c r="AF326" s="137"/>
      <c r="AG326" s="137"/>
      <c r="AH326" s="137"/>
      <c r="AI326" s="137"/>
      <c r="AJ326" s="137"/>
      <c r="AK326" s="206"/>
      <c r="AL326" s="206"/>
      <c r="AM326" s="143"/>
      <c r="AN326" s="137"/>
      <c r="AO326" s="137"/>
      <c r="AP326" s="137"/>
      <c r="AQ326" s="137"/>
      <c r="AR326" s="137"/>
      <c r="AS326" s="137"/>
      <c r="AT326" s="137"/>
      <c r="AU326" s="137"/>
      <c r="AV326" s="137"/>
      <c r="AW326" s="144"/>
    </row>
    <row r="327" spans="2:49" x14ac:dyDescent="0.2">
      <c r="B327" s="97"/>
      <c r="G327" s="43"/>
      <c r="J327" s="98"/>
      <c r="K327" s="97"/>
      <c r="N327" s="3"/>
      <c r="W327" s="98"/>
      <c r="Z327" s="143"/>
      <c r="AA327" s="137"/>
      <c r="AB327" s="137"/>
      <c r="AC327" s="137"/>
      <c r="AD327" s="137"/>
      <c r="AE327" s="137"/>
      <c r="AF327" s="137"/>
      <c r="AG327" s="137"/>
      <c r="AH327" s="137"/>
      <c r="AI327" s="137"/>
      <c r="AJ327" s="137"/>
      <c r="AK327" s="206"/>
      <c r="AL327" s="206"/>
      <c r="AM327" s="143"/>
      <c r="AN327" s="137"/>
      <c r="AO327" s="137"/>
      <c r="AP327" s="137"/>
      <c r="AQ327" s="137"/>
      <c r="AR327" s="137"/>
      <c r="AS327" s="137"/>
      <c r="AT327" s="137"/>
      <c r="AU327" s="137"/>
      <c r="AV327" s="137"/>
      <c r="AW327" s="144"/>
    </row>
    <row r="328" spans="2:49" x14ac:dyDescent="0.2">
      <c r="B328" s="97"/>
      <c r="G328" s="43"/>
      <c r="J328" s="98"/>
      <c r="K328" s="97"/>
      <c r="N328" s="3"/>
      <c r="W328" s="98"/>
      <c r="Z328" s="143"/>
      <c r="AA328" s="137"/>
      <c r="AB328" s="137"/>
      <c r="AC328" s="137"/>
      <c r="AD328" s="137"/>
      <c r="AE328" s="137"/>
      <c r="AF328" s="137"/>
      <c r="AG328" s="137"/>
      <c r="AH328" s="137"/>
      <c r="AI328" s="137"/>
      <c r="AJ328" s="137"/>
      <c r="AK328" s="206"/>
      <c r="AL328" s="206"/>
      <c r="AM328" s="143"/>
      <c r="AN328" s="137"/>
      <c r="AO328" s="137"/>
      <c r="AP328" s="137"/>
      <c r="AQ328" s="137"/>
      <c r="AR328" s="137"/>
      <c r="AS328" s="137"/>
      <c r="AT328" s="137"/>
      <c r="AU328" s="137"/>
      <c r="AV328" s="137"/>
      <c r="AW328" s="144"/>
    </row>
    <row r="329" spans="2:49" x14ac:dyDescent="0.2">
      <c r="B329" s="97"/>
      <c r="G329" s="43"/>
      <c r="J329" s="98"/>
      <c r="K329" s="97"/>
      <c r="N329" s="3"/>
      <c r="W329" s="98"/>
      <c r="Z329" s="143"/>
      <c r="AA329" s="137"/>
      <c r="AB329" s="137"/>
      <c r="AC329" s="137"/>
      <c r="AD329" s="137"/>
      <c r="AE329" s="137"/>
      <c r="AF329" s="137"/>
      <c r="AG329" s="137"/>
      <c r="AH329" s="137"/>
      <c r="AI329" s="137"/>
      <c r="AJ329" s="137"/>
      <c r="AK329" s="206"/>
      <c r="AL329" s="206"/>
      <c r="AM329" s="143"/>
      <c r="AN329" s="137"/>
      <c r="AO329" s="137"/>
      <c r="AP329" s="137"/>
      <c r="AQ329" s="137"/>
      <c r="AR329" s="137"/>
      <c r="AS329" s="137"/>
      <c r="AT329" s="137"/>
      <c r="AU329" s="137"/>
      <c r="AV329" s="137"/>
      <c r="AW329" s="144"/>
    </row>
    <row r="330" spans="2:49" x14ac:dyDescent="0.2">
      <c r="B330" s="97"/>
      <c r="G330" s="43"/>
      <c r="J330" s="98"/>
      <c r="K330" s="97"/>
      <c r="N330" s="3"/>
      <c r="W330" s="98"/>
      <c r="Z330" s="143"/>
      <c r="AA330" s="137"/>
      <c r="AB330" s="137"/>
      <c r="AC330" s="137"/>
      <c r="AD330" s="137"/>
      <c r="AE330" s="137"/>
      <c r="AF330" s="137"/>
      <c r="AG330" s="137"/>
      <c r="AH330" s="137"/>
      <c r="AI330" s="137"/>
      <c r="AJ330" s="137"/>
      <c r="AK330" s="206"/>
      <c r="AL330" s="206"/>
      <c r="AM330" s="143"/>
      <c r="AN330" s="137"/>
      <c r="AO330" s="137"/>
      <c r="AP330" s="137"/>
      <c r="AQ330" s="137"/>
      <c r="AR330" s="137"/>
      <c r="AS330" s="137"/>
      <c r="AT330" s="137"/>
      <c r="AU330" s="137"/>
      <c r="AV330" s="137"/>
      <c r="AW330" s="144"/>
    </row>
    <row r="331" spans="2:49" x14ac:dyDescent="0.2">
      <c r="B331" s="97"/>
      <c r="G331" s="43"/>
      <c r="J331" s="98"/>
      <c r="K331" s="97"/>
      <c r="N331" s="3"/>
      <c r="W331" s="98"/>
      <c r="Z331" s="143"/>
      <c r="AA331" s="137"/>
      <c r="AB331" s="137"/>
      <c r="AC331" s="137"/>
      <c r="AD331" s="137"/>
      <c r="AE331" s="137"/>
      <c r="AF331" s="137"/>
      <c r="AG331" s="137"/>
      <c r="AH331" s="137"/>
      <c r="AI331" s="137"/>
      <c r="AJ331" s="137"/>
      <c r="AK331" s="206"/>
      <c r="AL331" s="206"/>
      <c r="AM331" s="143"/>
      <c r="AN331" s="137"/>
      <c r="AO331" s="137"/>
      <c r="AP331" s="137"/>
      <c r="AQ331" s="137"/>
      <c r="AR331" s="137"/>
      <c r="AS331" s="137"/>
      <c r="AT331" s="137"/>
      <c r="AU331" s="137"/>
      <c r="AV331" s="137"/>
      <c r="AW331" s="144"/>
    </row>
    <row r="332" spans="2:49" x14ac:dyDescent="0.2">
      <c r="B332" s="97"/>
      <c r="G332" s="43"/>
      <c r="J332" s="98"/>
      <c r="K332" s="97"/>
      <c r="N332" s="3"/>
      <c r="W332" s="98"/>
      <c r="Z332" s="143"/>
      <c r="AA332" s="137"/>
      <c r="AB332" s="137"/>
      <c r="AC332" s="137"/>
      <c r="AD332" s="137"/>
      <c r="AE332" s="137"/>
      <c r="AF332" s="137"/>
      <c r="AG332" s="137"/>
      <c r="AH332" s="137"/>
      <c r="AI332" s="137"/>
      <c r="AJ332" s="137"/>
      <c r="AK332" s="206"/>
      <c r="AL332" s="206"/>
      <c r="AM332" s="143"/>
      <c r="AN332" s="137"/>
      <c r="AO332" s="137"/>
      <c r="AP332" s="137"/>
      <c r="AQ332" s="137"/>
      <c r="AR332" s="137"/>
      <c r="AS332" s="137"/>
      <c r="AT332" s="137"/>
      <c r="AU332" s="137"/>
      <c r="AV332" s="137"/>
      <c r="AW332" s="144"/>
    </row>
    <row r="333" spans="2:49" x14ac:dyDescent="0.2">
      <c r="B333" s="97"/>
      <c r="G333" s="43"/>
      <c r="J333" s="98"/>
      <c r="K333" s="97"/>
      <c r="N333" s="3"/>
      <c r="W333" s="98"/>
      <c r="Z333" s="143"/>
      <c r="AA333" s="137"/>
      <c r="AB333" s="137"/>
      <c r="AC333" s="137"/>
      <c r="AD333" s="137"/>
      <c r="AE333" s="137"/>
      <c r="AF333" s="137"/>
      <c r="AG333" s="137"/>
      <c r="AH333" s="137"/>
      <c r="AI333" s="137"/>
      <c r="AJ333" s="137"/>
      <c r="AK333" s="206"/>
      <c r="AL333" s="206"/>
      <c r="AM333" s="143"/>
      <c r="AN333" s="137"/>
      <c r="AO333" s="137"/>
      <c r="AP333" s="137"/>
      <c r="AQ333" s="137"/>
      <c r="AR333" s="137"/>
      <c r="AS333" s="137"/>
      <c r="AT333" s="137"/>
      <c r="AU333" s="137"/>
      <c r="AV333" s="137"/>
      <c r="AW333" s="144"/>
    </row>
    <row r="334" spans="2:49" x14ac:dyDescent="0.2">
      <c r="B334" s="97"/>
      <c r="G334" s="43"/>
      <c r="J334" s="98"/>
      <c r="K334" s="97"/>
      <c r="N334" s="3"/>
      <c r="W334" s="98"/>
      <c r="Z334" s="143"/>
      <c r="AA334" s="137"/>
      <c r="AB334" s="137"/>
      <c r="AC334" s="137"/>
      <c r="AD334" s="137"/>
      <c r="AE334" s="137"/>
      <c r="AF334" s="137"/>
      <c r="AG334" s="137"/>
      <c r="AH334" s="137"/>
      <c r="AI334" s="137"/>
      <c r="AJ334" s="137"/>
      <c r="AK334" s="206"/>
      <c r="AL334" s="206"/>
      <c r="AM334" s="143"/>
      <c r="AN334" s="137"/>
      <c r="AO334" s="137"/>
      <c r="AP334" s="137"/>
      <c r="AQ334" s="137"/>
      <c r="AR334" s="137"/>
      <c r="AS334" s="137"/>
      <c r="AT334" s="137"/>
      <c r="AU334" s="137"/>
      <c r="AV334" s="137"/>
      <c r="AW334" s="144"/>
    </row>
    <row r="335" spans="2:49" x14ac:dyDescent="0.2">
      <c r="B335" s="97"/>
      <c r="G335" s="43"/>
      <c r="J335" s="98"/>
      <c r="K335" s="97"/>
      <c r="N335" s="3"/>
      <c r="W335" s="98"/>
      <c r="Z335" s="143"/>
      <c r="AA335" s="137"/>
      <c r="AB335" s="137"/>
      <c r="AC335" s="137"/>
      <c r="AD335" s="137"/>
      <c r="AE335" s="137"/>
      <c r="AF335" s="137"/>
      <c r="AG335" s="137"/>
      <c r="AH335" s="137"/>
      <c r="AI335" s="137"/>
      <c r="AJ335" s="137"/>
      <c r="AK335" s="206"/>
      <c r="AL335" s="206"/>
      <c r="AM335" s="143"/>
      <c r="AN335" s="137"/>
      <c r="AO335" s="137"/>
      <c r="AP335" s="137"/>
      <c r="AQ335" s="137"/>
      <c r="AR335" s="137"/>
      <c r="AS335" s="137"/>
      <c r="AT335" s="137"/>
      <c r="AU335" s="137"/>
      <c r="AV335" s="137"/>
      <c r="AW335" s="144"/>
    </row>
    <row r="336" spans="2:49" x14ac:dyDescent="0.2">
      <c r="B336" s="97"/>
      <c r="G336" s="43"/>
      <c r="J336" s="98"/>
      <c r="K336" s="97"/>
      <c r="N336" s="3"/>
      <c r="W336" s="98"/>
      <c r="Z336" s="143"/>
      <c r="AA336" s="137"/>
      <c r="AB336" s="137"/>
      <c r="AC336" s="137"/>
      <c r="AD336" s="137"/>
      <c r="AE336" s="137"/>
      <c r="AF336" s="137"/>
      <c r="AG336" s="137"/>
      <c r="AH336" s="137"/>
      <c r="AI336" s="137"/>
      <c r="AJ336" s="137"/>
      <c r="AK336" s="206"/>
      <c r="AL336" s="206"/>
      <c r="AM336" s="143"/>
      <c r="AN336" s="137"/>
      <c r="AO336" s="137"/>
      <c r="AP336" s="137"/>
      <c r="AQ336" s="137"/>
      <c r="AR336" s="137"/>
      <c r="AS336" s="137"/>
      <c r="AT336" s="137"/>
      <c r="AU336" s="137"/>
      <c r="AV336" s="137"/>
      <c r="AW336" s="144"/>
    </row>
    <row r="337" spans="2:49" x14ac:dyDescent="0.2">
      <c r="B337" s="97"/>
      <c r="G337" s="43"/>
      <c r="J337" s="98"/>
      <c r="K337" s="97"/>
      <c r="N337" s="3"/>
      <c r="W337" s="98"/>
      <c r="Z337" s="143"/>
      <c r="AA337" s="137"/>
      <c r="AB337" s="137"/>
      <c r="AC337" s="137"/>
      <c r="AD337" s="137"/>
      <c r="AE337" s="137"/>
      <c r="AF337" s="137"/>
      <c r="AG337" s="137"/>
      <c r="AH337" s="137"/>
      <c r="AI337" s="137"/>
      <c r="AJ337" s="137"/>
      <c r="AK337" s="206"/>
      <c r="AL337" s="206"/>
      <c r="AM337" s="143"/>
      <c r="AN337" s="137"/>
      <c r="AO337" s="137"/>
      <c r="AP337" s="137"/>
      <c r="AQ337" s="137"/>
      <c r="AR337" s="137"/>
      <c r="AS337" s="137"/>
      <c r="AT337" s="137"/>
      <c r="AU337" s="137"/>
      <c r="AV337" s="137"/>
      <c r="AW337" s="144"/>
    </row>
    <row r="338" spans="2:49" x14ac:dyDescent="0.2">
      <c r="B338" s="97"/>
      <c r="G338" s="43"/>
      <c r="J338" s="98"/>
      <c r="K338" s="97"/>
      <c r="N338" s="3"/>
      <c r="W338" s="98"/>
      <c r="Z338" s="143"/>
      <c r="AA338" s="137"/>
      <c r="AB338" s="137"/>
      <c r="AC338" s="137"/>
      <c r="AD338" s="137"/>
      <c r="AE338" s="137"/>
      <c r="AF338" s="137"/>
      <c r="AG338" s="137"/>
      <c r="AH338" s="137"/>
      <c r="AI338" s="137"/>
      <c r="AJ338" s="137"/>
      <c r="AK338" s="206"/>
      <c r="AL338" s="206"/>
      <c r="AM338" s="143"/>
      <c r="AN338" s="137"/>
      <c r="AO338" s="137"/>
      <c r="AP338" s="137"/>
      <c r="AQ338" s="137"/>
      <c r="AR338" s="137"/>
      <c r="AS338" s="137"/>
      <c r="AT338" s="137"/>
      <c r="AU338" s="137"/>
      <c r="AV338" s="137"/>
      <c r="AW338" s="144"/>
    </row>
    <row r="339" spans="2:49" x14ac:dyDescent="0.2">
      <c r="B339" s="97"/>
      <c r="G339" s="43"/>
      <c r="J339" s="98"/>
      <c r="K339" s="97"/>
      <c r="N339" s="3"/>
      <c r="W339" s="98"/>
      <c r="Z339" s="143"/>
      <c r="AA339" s="137"/>
      <c r="AB339" s="137"/>
      <c r="AC339" s="137"/>
      <c r="AD339" s="137"/>
      <c r="AE339" s="137"/>
      <c r="AF339" s="137"/>
      <c r="AG339" s="137"/>
      <c r="AH339" s="137"/>
      <c r="AI339" s="137"/>
      <c r="AJ339" s="137"/>
      <c r="AK339" s="206"/>
      <c r="AL339" s="206"/>
      <c r="AM339" s="143"/>
      <c r="AN339" s="137"/>
      <c r="AO339" s="137"/>
      <c r="AP339" s="137"/>
      <c r="AQ339" s="137"/>
      <c r="AR339" s="137"/>
      <c r="AS339" s="137"/>
      <c r="AT339" s="137"/>
      <c r="AU339" s="137"/>
      <c r="AV339" s="137"/>
      <c r="AW339" s="144"/>
    </row>
    <row r="340" spans="2:49" x14ac:dyDescent="0.2">
      <c r="B340" s="97"/>
      <c r="G340" s="43"/>
      <c r="J340" s="98"/>
      <c r="K340" s="97"/>
      <c r="N340" s="3"/>
      <c r="W340" s="98"/>
      <c r="Z340" s="143"/>
      <c r="AA340" s="137"/>
      <c r="AB340" s="137"/>
      <c r="AC340" s="137"/>
      <c r="AD340" s="137"/>
      <c r="AE340" s="137"/>
      <c r="AF340" s="137"/>
      <c r="AG340" s="137"/>
      <c r="AH340" s="137"/>
      <c r="AI340" s="137"/>
      <c r="AJ340" s="137"/>
      <c r="AK340" s="206"/>
      <c r="AL340" s="206"/>
      <c r="AM340" s="143"/>
      <c r="AN340" s="137"/>
      <c r="AO340" s="137"/>
      <c r="AP340" s="137"/>
      <c r="AQ340" s="137"/>
      <c r="AR340" s="137"/>
      <c r="AS340" s="137"/>
      <c r="AT340" s="137"/>
      <c r="AU340" s="137"/>
      <c r="AV340" s="137"/>
      <c r="AW340" s="144"/>
    </row>
    <row r="341" spans="2:49" x14ac:dyDescent="0.2">
      <c r="B341" s="97"/>
      <c r="G341" s="43"/>
      <c r="J341" s="98"/>
      <c r="K341" s="97"/>
      <c r="N341" s="3"/>
      <c r="W341" s="98"/>
      <c r="Z341" s="143"/>
      <c r="AA341" s="137"/>
      <c r="AB341" s="137"/>
      <c r="AC341" s="137"/>
      <c r="AD341" s="137"/>
      <c r="AE341" s="137"/>
      <c r="AF341" s="137"/>
      <c r="AG341" s="137"/>
      <c r="AH341" s="137"/>
      <c r="AI341" s="137"/>
      <c r="AJ341" s="137"/>
      <c r="AK341" s="206"/>
      <c r="AL341" s="206"/>
      <c r="AM341" s="143"/>
      <c r="AN341" s="137"/>
      <c r="AO341" s="137"/>
      <c r="AP341" s="137"/>
      <c r="AQ341" s="137"/>
      <c r="AR341" s="137"/>
      <c r="AS341" s="137"/>
      <c r="AT341" s="137"/>
      <c r="AU341" s="137"/>
      <c r="AV341" s="137"/>
      <c r="AW341" s="144"/>
    </row>
    <row r="342" spans="2:49" x14ac:dyDescent="0.2">
      <c r="B342" s="97"/>
      <c r="G342" s="43"/>
      <c r="J342" s="98"/>
      <c r="K342" s="97"/>
      <c r="N342" s="3"/>
      <c r="W342" s="98"/>
      <c r="Z342" s="143"/>
      <c r="AA342" s="137"/>
      <c r="AB342" s="137"/>
      <c r="AC342" s="137"/>
      <c r="AD342" s="137"/>
      <c r="AE342" s="137"/>
      <c r="AF342" s="137"/>
      <c r="AG342" s="137"/>
      <c r="AH342" s="137"/>
      <c r="AI342" s="137"/>
      <c r="AJ342" s="137"/>
      <c r="AK342" s="206"/>
      <c r="AL342" s="206"/>
      <c r="AM342" s="143"/>
      <c r="AN342" s="137"/>
      <c r="AO342" s="137"/>
      <c r="AP342" s="137"/>
      <c r="AQ342" s="137"/>
      <c r="AR342" s="137"/>
      <c r="AS342" s="137"/>
      <c r="AT342" s="137"/>
      <c r="AU342" s="137"/>
      <c r="AV342" s="137"/>
      <c r="AW342" s="144"/>
    </row>
    <row r="343" spans="2:49" x14ac:dyDescent="0.2">
      <c r="B343" s="97"/>
      <c r="G343" s="43"/>
      <c r="J343" s="98"/>
      <c r="K343" s="97"/>
      <c r="N343" s="3"/>
      <c r="W343" s="98"/>
      <c r="Z343" s="143"/>
      <c r="AA343" s="137"/>
      <c r="AB343" s="137"/>
      <c r="AC343" s="137"/>
      <c r="AD343" s="137"/>
      <c r="AE343" s="137"/>
      <c r="AF343" s="137"/>
      <c r="AG343" s="137"/>
      <c r="AH343" s="137"/>
      <c r="AI343" s="137"/>
      <c r="AJ343" s="137"/>
      <c r="AK343" s="206"/>
      <c r="AL343" s="206"/>
      <c r="AM343" s="143"/>
      <c r="AN343" s="137"/>
      <c r="AO343" s="137"/>
      <c r="AP343" s="137"/>
      <c r="AQ343" s="137"/>
      <c r="AR343" s="137"/>
      <c r="AS343" s="137"/>
      <c r="AT343" s="137"/>
      <c r="AU343" s="137"/>
      <c r="AV343" s="137"/>
      <c r="AW343" s="144"/>
    </row>
    <row r="344" spans="2:49" x14ac:dyDescent="0.2">
      <c r="B344" s="97"/>
      <c r="G344" s="43"/>
      <c r="J344" s="98"/>
      <c r="K344" s="97"/>
      <c r="N344" s="3"/>
      <c r="W344" s="98"/>
      <c r="Z344" s="143"/>
      <c r="AA344" s="137"/>
      <c r="AB344" s="137"/>
      <c r="AC344" s="137"/>
      <c r="AD344" s="137"/>
      <c r="AE344" s="137"/>
      <c r="AF344" s="137"/>
      <c r="AG344" s="137"/>
      <c r="AH344" s="137"/>
      <c r="AI344" s="137"/>
      <c r="AJ344" s="137"/>
      <c r="AK344" s="206"/>
      <c r="AL344" s="206"/>
      <c r="AM344" s="143"/>
      <c r="AN344" s="137"/>
      <c r="AO344" s="137"/>
      <c r="AP344" s="137"/>
      <c r="AQ344" s="137"/>
      <c r="AR344" s="137"/>
      <c r="AS344" s="137"/>
      <c r="AT344" s="137"/>
      <c r="AU344" s="137"/>
      <c r="AV344" s="137"/>
      <c r="AW344" s="144"/>
    </row>
    <row r="345" spans="2:49" x14ac:dyDescent="0.2">
      <c r="B345" s="97"/>
      <c r="G345" s="43"/>
      <c r="J345" s="98"/>
      <c r="K345" s="97"/>
      <c r="N345" s="3"/>
      <c r="W345" s="98"/>
      <c r="Z345" s="143"/>
      <c r="AA345" s="137"/>
      <c r="AB345" s="137"/>
      <c r="AC345" s="137"/>
      <c r="AD345" s="137"/>
      <c r="AE345" s="137"/>
      <c r="AF345" s="137"/>
      <c r="AG345" s="137"/>
      <c r="AH345" s="137"/>
      <c r="AI345" s="137"/>
      <c r="AJ345" s="137"/>
      <c r="AK345" s="206"/>
      <c r="AL345" s="206"/>
      <c r="AM345" s="143"/>
      <c r="AN345" s="137"/>
      <c r="AO345" s="137"/>
      <c r="AP345" s="137"/>
      <c r="AQ345" s="137"/>
      <c r="AR345" s="137"/>
      <c r="AS345" s="137"/>
      <c r="AT345" s="137"/>
      <c r="AU345" s="137"/>
      <c r="AV345" s="137"/>
      <c r="AW345" s="144"/>
    </row>
    <row r="346" spans="2:49" x14ac:dyDescent="0.2">
      <c r="B346" s="97"/>
      <c r="G346" s="43"/>
      <c r="J346" s="98"/>
      <c r="K346" s="97"/>
      <c r="N346" s="3"/>
      <c r="W346" s="98"/>
      <c r="Z346" s="143"/>
      <c r="AA346" s="137"/>
      <c r="AB346" s="137"/>
      <c r="AC346" s="137"/>
      <c r="AD346" s="137"/>
      <c r="AE346" s="137"/>
      <c r="AF346" s="137"/>
      <c r="AG346" s="137"/>
      <c r="AH346" s="137"/>
      <c r="AI346" s="137"/>
      <c r="AJ346" s="137"/>
      <c r="AK346" s="206"/>
      <c r="AL346" s="206"/>
      <c r="AM346" s="143"/>
      <c r="AN346" s="137"/>
      <c r="AO346" s="137"/>
      <c r="AP346" s="137"/>
      <c r="AQ346" s="137"/>
      <c r="AR346" s="137"/>
      <c r="AS346" s="137"/>
      <c r="AT346" s="137"/>
      <c r="AU346" s="137"/>
      <c r="AV346" s="137"/>
      <c r="AW346" s="144"/>
    </row>
    <row r="347" spans="2:49" x14ac:dyDescent="0.2">
      <c r="B347" s="97"/>
      <c r="G347" s="43"/>
      <c r="J347" s="98"/>
      <c r="K347" s="97"/>
      <c r="N347" s="3"/>
      <c r="W347" s="98"/>
      <c r="Z347" s="143"/>
      <c r="AA347" s="137"/>
      <c r="AB347" s="137"/>
      <c r="AC347" s="137"/>
      <c r="AD347" s="137"/>
      <c r="AE347" s="137"/>
      <c r="AF347" s="137"/>
      <c r="AG347" s="137"/>
      <c r="AH347" s="137"/>
      <c r="AI347" s="137"/>
      <c r="AJ347" s="137"/>
      <c r="AK347" s="206"/>
      <c r="AL347" s="206"/>
      <c r="AM347" s="143"/>
      <c r="AN347" s="137"/>
      <c r="AO347" s="137"/>
      <c r="AP347" s="137"/>
      <c r="AQ347" s="137"/>
      <c r="AR347" s="137"/>
      <c r="AS347" s="137"/>
      <c r="AT347" s="137"/>
      <c r="AU347" s="137"/>
      <c r="AV347" s="137"/>
      <c r="AW347" s="144"/>
    </row>
    <row r="348" spans="2:49" x14ac:dyDescent="0.2">
      <c r="B348" s="97"/>
      <c r="G348" s="43"/>
      <c r="J348" s="98"/>
      <c r="K348" s="97"/>
      <c r="N348" s="3"/>
      <c r="W348" s="98"/>
      <c r="Z348" s="143"/>
      <c r="AA348" s="137"/>
      <c r="AB348" s="137"/>
      <c r="AC348" s="137"/>
      <c r="AD348" s="137"/>
      <c r="AE348" s="137"/>
      <c r="AF348" s="137"/>
      <c r="AG348" s="137"/>
      <c r="AH348" s="137"/>
      <c r="AI348" s="137"/>
      <c r="AJ348" s="137"/>
      <c r="AK348" s="206"/>
      <c r="AL348" s="206"/>
      <c r="AM348" s="143"/>
      <c r="AN348" s="137"/>
      <c r="AO348" s="137"/>
      <c r="AP348" s="137"/>
      <c r="AQ348" s="137"/>
      <c r="AR348" s="137"/>
      <c r="AS348" s="137"/>
      <c r="AT348" s="137"/>
      <c r="AU348" s="137"/>
      <c r="AV348" s="137"/>
      <c r="AW348" s="144"/>
    </row>
    <row r="349" spans="2:49" x14ac:dyDescent="0.2">
      <c r="B349" s="97"/>
      <c r="G349" s="43"/>
      <c r="J349" s="98"/>
      <c r="K349" s="97"/>
      <c r="N349" s="3"/>
      <c r="W349" s="98"/>
      <c r="Z349" s="143"/>
      <c r="AA349" s="137"/>
      <c r="AB349" s="137"/>
      <c r="AC349" s="137"/>
      <c r="AD349" s="137"/>
      <c r="AE349" s="137"/>
      <c r="AF349" s="137"/>
      <c r="AG349" s="137"/>
      <c r="AH349" s="137"/>
      <c r="AI349" s="137"/>
      <c r="AJ349" s="137"/>
      <c r="AK349" s="206"/>
      <c r="AL349" s="206"/>
      <c r="AM349" s="143"/>
      <c r="AN349" s="137"/>
      <c r="AO349" s="137"/>
      <c r="AP349" s="137"/>
      <c r="AQ349" s="137"/>
      <c r="AR349" s="137"/>
      <c r="AS349" s="137"/>
      <c r="AT349" s="137"/>
      <c r="AU349" s="137"/>
      <c r="AV349" s="137"/>
      <c r="AW349" s="144"/>
    </row>
    <row r="350" spans="2:49" x14ac:dyDescent="0.2">
      <c r="B350" s="97"/>
      <c r="G350" s="43"/>
      <c r="J350" s="98"/>
      <c r="K350" s="97"/>
      <c r="N350" s="3"/>
      <c r="W350" s="98"/>
      <c r="Z350" s="143"/>
      <c r="AA350" s="137"/>
      <c r="AB350" s="137"/>
      <c r="AC350" s="137"/>
      <c r="AD350" s="137"/>
      <c r="AE350" s="137"/>
      <c r="AF350" s="137"/>
      <c r="AG350" s="137"/>
      <c r="AH350" s="137"/>
      <c r="AI350" s="137"/>
      <c r="AJ350" s="137"/>
      <c r="AK350" s="206"/>
      <c r="AL350" s="206"/>
      <c r="AM350" s="143"/>
      <c r="AN350" s="137"/>
      <c r="AO350" s="137"/>
      <c r="AP350" s="137"/>
      <c r="AQ350" s="137"/>
      <c r="AR350" s="137"/>
      <c r="AS350" s="137"/>
      <c r="AT350" s="137"/>
      <c r="AU350" s="137"/>
      <c r="AV350" s="137"/>
      <c r="AW350" s="144"/>
    </row>
    <row r="351" spans="2:49" x14ac:dyDescent="0.2">
      <c r="B351" s="97"/>
      <c r="G351" s="43"/>
      <c r="J351" s="98"/>
      <c r="K351" s="97"/>
      <c r="N351" s="3"/>
      <c r="W351" s="98"/>
      <c r="Z351" s="143"/>
      <c r="AA351" s="137"/>
      <c r="AB351" s="137"/>
      <c r="AC351" s="137"/>
      <c r="AD351" s="137"/>
      <c r="AE351" s="137"/>
      <c r="AF351" s="137"/>
      <c r="AG351" s="137"/>
      <c r="AH351" s="137"/>
      <c r="AI351" s="137"/>
      <c r="AJ351" s="137"/>
      <c r="AK351" s="206"/>
      <c r="AL351" s="206"/>
      <c r="AM351" s="143"/>
      <c r="AN351" s="137"/>
      <c r="AO351" s="137"/>
      <c r="AP351" s="137"/>
      <c r="AQ351" s="137"/>
      <c r="AR351" s="137"/>
      <c r="AS351" s="137"/>
      <c r="AT351" s="137"/>
      <c r="AU351" s="137"/>
      <c r="AV351" s="137"/>
      <c r="AW351" s="144"/>
    </row>
    <row r="352" spans="2:49" x14ac:dyDescent="0.2">
      <c r="B352" s="97"/>
      <c r="G352" s="43"/>
      <c r="J352" s="98"/>
      <c r="K352" s="97"/>
      <c r="N352" s="3"/>
      <c r="W352" s="98"/>
      <c r="Z352" s="143"/>
      <c r="AA352" s="137"/>
      <c r="AB352" s="137"/>
      <c r="AC352" s="137"/>
      <c r="AD352" s="137"/>
      <c r="AE352" s="137"/>
      <c r="AF352" s="137"/>
      <c r="AG352" s="137"/>
      <c r="AH352" s="137"/>
      <c r="AI352" s="137"/>
      <c r="AJ352" s="137"/>
      <c r="AK352" s="206"/>
      <c r="AL352" s="206"/>
      <c r="AM352" s="143"/>
      <c r="AN352" s="137"/>
      <c r="AO352" s="137"/>
      <c r="AP352" s="137"/>
      <c r="AQ352" s="137"/>
      <c r="AR352" s="137"/>
      <c r="AS352" s="137"/>
      <c r="AT352" s="137"/>
      <c r="AU352" s="137"/>
      <c r="AV352" s="137"/>
      <c r="AW352" s="144"/>
    </row>
    <row r="353" spans="2:49" x14ac:dyDescent="0.2">
      <c r="B353" s="97"/>
      <c r="G353" s="43"/>
      <c r="J353" s="98"/>
      <c r="K353" s="97"/>
      <c r="N353" s="3"/>
      <c r="W353" s="98"/>
      <c r="Z353" s="143"/>
      <c r="AA353" s="137"/>
      <c r="AB353" s="137"/>
      <c r="AC353" s="137"/>
      <c r="AD353" s="137"/>
      <c r="AE353" s="137"/>
      <c r="AF353" s="137"/>
      <c r="AG353" s="137"/>
      <c r="AH353" s="137"/>
      <c r="AI353" s="137"/>
      <c r="AJ353" s="137"/>
      <c r="AK353" s="206"/>
      <c r="AL353" s="206"/>
      <c r="AM353" s="143"/>
      <c r="AN353" s="137"/>
      <c r="AO353" s="137"/>
      <c r="AP353" s="137"/>
      <c r="AQ353" s="137"/>
      <c r="AR353" s="137"/>
      <c r="AS353" s="137"/>
      <c r="AT353" s="137"/>
      <c r="AU353" s="137"/>
      <c r="AV353" s="137"/>
      <c r="AW353" s="144"/>
    </row>
    <row r="354" spans="2:49" x14ac:dyDescent="0.2">
      <c r="B354" s="97"/>
      <c r="G354" s="43"/>
      <c r="J354" s="98"/>
      <c r="K354" s="97"/>
      <c r="N354" s="3"/>
      <c r="W354" s="98"/>
      <c r="Z354" s="143"/>
      <c r="AA354" s="137"/>
      <c r="AB354" s="137"/>
      <c r="AC354" s="137"/>
      <c r="AD354" s="137"/>
      <c r="AE354" s="137"/>
      <c r="AF354" s="137"/>
      <c r="AG354" s="137"/>
      <c r="AH354" s="137"/>
      <c r="AI354" s="137"/>
      <c r="AJ354" s="137"/>
      <c r="AK354" s="206"/>
      <c r="AL354" s="206"/>
      <c r="AM354" s="143"/>
      <c r="AN354" s="137"/>
      <c r="AO354" s="137"/>
      <c r="AP354" s="137"/>
      <c r="AQ354" s="137"/>
      <c r="AR354" s="137"/>
      <c r="AS354" s="137"/>
      <c r="AT354" s="137"/>
      <c r="AU354" s="137"/>
      <c r="AV354" s="137"/>
      <c r="AW354" s="144"/>
    </row>
    <row r="355" spans="2:49" x14ac:dyDescent="0.2">
      <c r="B355" s="97"/>
      <c r="G355" s="43"/>
      <c r="J355" s="98"/>
      <c r="K355" s="97"/>
      <c r="N355" s="3"/>
      <c r="W355" s="98"/>
      <c r="Z355" s="143"/>
      <c r="AA355" s="137"/>
      <c r="AB355" s="137"/>
      <c r="AC355" s="137"/>
      <c r="AD355" s="137"/>
      <c r="AE355" s="137"/>
      <c r="AF355" s="137"/>
      <c r="AG355" s="137"/>
      <c r="AH355" s="137"/>
      <c r="AI355" s="137"/>
      <c r="AJ355" s="137"/>
      <c r="AK355" s="206"/>
      <c r="AL355" s="206"/>
      <c r="AM355" s="143"/>
      <c r="AN355" s="137"/>
      <c r="AO355" s="137"/>
      <c r="AP355" s="137"/>
      <c r="AQ355" s="137"/>
      <c r="AR355" s="137"/>
      <c r="AS355" s="137"/>
      <c r="AT355" s="137"/>
      <c r="AU355" s="137"/>
      <c r="AV355" s="137"/>
      <c r="AW355" s="144"/>
    </row>
    <row r="356" spans="2:49" x14ac:dyDescent="0.2">
      <c r="B356" s="97"/>
      <c r="G356" s="43"/>
      <c r="J356" s="98"/>
      <c r="K356" s="97"/>
      <c r="N356" s="3"/>
      <c r="W356" s="98"/>
      <c r="Z356" s="143"/>
      <c r="AA356" s="137"/>
      <c r="AB356" s="137"/>
      <c r="AC356" s="137"/>
      <c r="AD356" s="137"/>
      <c r="AE356" s="137"/>
      <c r="AF356" s="137"/>
      <c r="AG356" s="137"/>
      <c r="AH356" s="137"/>
      <c r="AI356" s="137"/>
      <c r="AJ356" s="137"/>
      <c r="AK356" s="206"/>
      <c r="AL356" s="206"/>
      <c r="AM356" s="143"/>
      <c r="AN356" s="137"/>
      <c r="AO356" s="137"/>
      <c r="AP356" s="137"/>
      <c r="AQ356" s="137"/>
      <c r="AR356" s="137"/>
      <c r="AS356" s="137"/>
      <c r="AT356" s="137"/>
      <c r="AU356" s="137"/>
      <c r="AV356" s="137"/>
      <c r="AW356" s="144"/>
    </row>
    <row r="357" spans="2:49" x14ac:dyDescent="0.2">
      <c r="B357" s="97"/>
      <c r="G357" s="43"/>
      <c r="J357" s="98"/>
      <c r="K357" s="97"/>
      <c r="N357" s="3"/>
      <c r="W357" s="98"/>
      <c r="Z357" s="143"/>
      <c r="AA357" s="137"/>
      <c r="AB357" s="137"/>
      <c r="AC357" s="137"/>
      <c r="AD357" s="137"/>
      <c r="AE357" s="137"/>
      <c r="AF357" s="137"/>
      <c r="AG357" s="137"/>
      <c r="AH357" s="137"/>
      <c r="AI357" s="137"/>
      <c r="AJ357" s="137"/>
      <c r="AK357" s="206"/>
      <c r="AL357" s="206"/>
      <c r="AM357" s="143"/>
      <c r="AN357" s="137"/>
      <c r="AO357" s="137"/>
      <c r="AP357" s="137"/>
      <c r="AQ357" s="137"/>
      <c r="AR357" s="137"/>
      <c r="AS357" s="137"/>
      <c r="AT357" s="137"/>
      <c r="AU357" s="137"/>
      <c r="AV357" s="137"/>
      <c r="AW357" s="144"/>
    </row>
    <row r="358" spans="2:49" x14ac:dyDescent="0.2">
      <c r="B358" s="97"/>
      <c r="G358" s="43"/>
      <c r="J358" s="98"/>
      <c r="K358" s="97"/>
      <c r="N358" s="3"/>
      <c r="W358" s="98"/>
      <c r="Z358" s="143"/>
      <c r="AA358" s="137"/>
      <c r="AB358" s="137"/>
      <c r="AC358" s="137"/>
      <c r="AD358" s="137"/>
      <c r="AE358" s="137"/>
      <c r="AF358" s="137"/>
      <c r="AG358" s="137"/>
      <c r="AH358" s="137"/>
      <c r="AI358" s="137"/>
      <c r="AJ358" s="137"/>
      <c r="AK358" s="206"/>
      <c r="AL358" s="206"/>
      <c r="AM358" s="143"/>
      <c r="AN358" s="137"/>
      <c r="AO358" s="137"/>
      <c r="AP358" s="137"/>
      <c r="AQ358" s="137"/>
      <c r="AR358" s="137"/>
      <c r="AS358" s="137"/>
      <c r="AT358" s="137"/>
      <c r="AU358" s="137"/>
      <c r="AV358" s="137"/>
      <c r="AW358" s="144"/>
    </row>
    <row r="359" spans="2:49" x14ac:dyDescent="0.2">
      <c r="B359" s="97"/>
      <c r="G359" s="43"/>
      <c r="J359" s="98"/>
      <c r="K359" s="97"/>
      <c r="N359" s="3"/>
      <c r="W359" s="98"/>
      <c r="Z359" s="143"/>
      <c r="AA359" s="137"/>
      <c r="AB359" s="137"/>
      <c r="AC359" s="137"/>
      <c r="AD359" s="137"/>
      <c r="AE359" s="137"/>
      <c r="AF359" s="137"/>
      <c r="AG359" s="137"/>
      <c r="AH359" s="137"/>
      <c r="AI359" s="137"/>
      <c r="AJ359" s="137"/>
      <c r="AK359" s="206"/>
      <c r="AL359" s="206"/>
      <c r="AM359" s="143"/>
      <c r="AN359" s="137"/>
      <c r="AO359" s="137"/>
      <c r="AP359" s="137"/>
      <c r="AQ359" s="137"/>
      <c r="AR359" s="137"/>
      <c r="AS359" s="137"/>
      <c r="AT359" s="137"/>
      <c r="AU359" s="137"/>
      <c r="AV359" s="137"/>
      <c r="AW359" s="144"/>
    </row>
    <row r="360" spans="2:49" x14ac:dyDescent="0.2">
      <c r="B360" s="97"/>
      <c r="G360" s="43"/>
      <c r="J360" s="98"/>
      <c r="K360" s="97"/>
      <c r="N360" s="3"/>
      <c r="W360" s="98"/>
      <c r="Z360" s="143"/>
      <c r="AA360" s="137"/>
      <c r="AB360" s="137"/>
      <c r="AC360" s="137"/>
      <c r="AD360" s="137"/>
      <c r="AE360" s="137"/>
      <c r="AF360" s="137"/>
      <c r="AG360" s="137"/>
      <c r="AH360" s="137"/>
      <c r="AI360" s="137"/>
      <c r="AJ360" s="137"/>
      <c r="AK360" s="206"/>
      <c r="AL360" s="206"/>
      <c r="AM360" s="143"/>
      <c r="AN360" s="137"/>
      <c r="AO360" s="137"/>
      <c r="AP360" s="137"/>
      <c r="AQ360" s="137"/>
      <c r="AR360" s="137"/>
      <c r="AS360" s="137"/>
      <c r="AT360" s="137"/>
      <c r="AU360" s="137"/>
      <c r="AV360" s="137"/>
      <c r="AW360" s="144"/>
    </row>
    <row r="361" spans="2:49" x14ac:dyDescent="0.2">
      <c r="B361" s="97"/>
      <c r="G361" s="43"/>
      <c r="J361" s="98"/>
      <c r="K361" s="97"/>
      <c r="N361" s="3"/>
      <c r="W361" s="98"/>
      <c r="Z361" s="143"/>
      <c r="AA361" s="137"/>
      <c r="AB361" s="137"/>
      <c r="AC361" s="137"/>
      <c r="AD361" s="137"/>
      <c r="AE361" s="137"/>
      <c r="AF361" s="137"/>
      <c r="AG361" s="137"/>
      <c r="AH361" s="137"/>
      <c r="AI361" s="137"/>
      <c r="AJ361" s="137"/>
      <c r="AK361" s="206"/>
      <c r="AL361" s="206"/>
      <c r="AM361" s="143"/>
      <c r="AN361" s="137"/>
      <c r="AO361" s="137"/>
      <c r="AP361" s="137"/>
      <c r="AQ361" s="137"/>
      <c r="AR361" s="137"/>
      <c r="AS361" s="137"/>
      <c r="AT361" s="137"/>
      <c r="AU361" s="137"/>
      <c r="AV361" s="137"/>
      <c r="AW361" s="144"/>
    </row>
    <row r="362" spans="2:49" x14ac:dyDescent="0.2">
      <c r="B362" s="97"/>
      <c r="G362" s="43"/>
      <c r="J362" s="98"/>
      <c r="K362" s="97"/>
      <c r="N362" s="3"/>
      <c r="W362" s="98"/>
      <c r="Z362" s="143"/>
      <c r="AA362" s="137"/>
      <c r="AB362" s="137"/>
      <c r="AC362" s="137"/>
      <c r="AD362" s="137"/>
      <c r="AE362" s="137"/>
      <c r="AF362" s="137"/>
      <c r="AG362" s="137"/>
      <c r="AH362" s="137"/>
      <c r="AI362" s="137"/>
      <c r="AJ362" s="137"/>
      <c r="AK362" s="206"/>
      <c r="AL362" s="206"/>
      <c r="AM362" s="143"/>
      <c r="AN362" s="137"/>
      <c r="AO362" s="137"/>
      <c r="AP362" s="137"/>
      <c r="AQ362" s="137"/>
      <c r="AR362" s="137"/>
      <c r="AS362" s="137"/>
      <c r="AT362" s="137"/>
      <c r="AU362" s="137"/>
      <c r="AV362" s="137"/>
      <c r="AW362" s="144"/>
    </row>
    <row r="363" spans="2:49" x14ac:dyDescent="0.2">
      <c r="B363" s="97"/>
      <c r="G363" s="43"/>
      <c r="J363" s="98"/>
      <c r="K363" s="97"/>
      <c r="N363" s="3"/>
      <c r="W363" s="98"/>
      <c r="Z363" s="143"/>
      <c r="AA363" s="137"/>
      <c r="AB363" s="137"/>
      <c r="AC363" s="137"/>
      <c r="AD363" s="137"/>
      <c r="AE363" s="137"/>
      <c r="AF363" s="137"/>
      <c r="AG363" s="137"/>
      <c r="AH363" s="137"/>
      <c r="AI363" s="137"/>
      <c r="AJ363" s="137"/>
      <c r="AK363" s="206"/>
      <c r="AL363" s="206"/>
      <c r="AM363" s="143"/>
      <c r="AN363" s="137"/>
      <c r="AO363" s="137"/>
      <c r="AP363" s="137"/>
      <c r="AQ363" s="137"/>
      <c r="AR363" s="137"/>
      <c r="AS363" s="137"/>
      <c r="AT363" s="137"/>
      <c r="AU363" s="137"/>
      <c r="AV363" s="137"/>
      <c r="AW363" s="144"/>
    </row>
    <row r="364" spans="2:49" x14ac:dyDescent="0.2">
      <c r="B364" s="97"/>
      <c r="G364" s="43"/>
      <c r="J364" s="98"/>
      <c r="K364" s="97"/>
      <c r="N364" s="3"/>
      <c r="W364" s="98"/>
      <c r="Z364" s="143"/>
      <c r="AA364" s="137"/>
      <c r="AB364" s="137"/>
      <c r="AC364" s="137"/>
      <c r="AD364" s="137"/>
      <c r="AE364" s="137"/>
      <c r="AF364" s="137"/>
      <c r="AG364" s="137"/>
      <c r="AH364" s="137"/>
      <c r="AI364" s="137"/>
      <c r="AJ364" s="137"/>
      <c r="AK364" s="206"/>
      <c r="AL364" s="206"/>
      <c r="AM364" s="143"/>
      <c r="AN364" s="137"/>
      <c r="AO364" s="137"/>
      <c r="AP364" s="137"/>
      <c r="AQ364" s="137"/>
      <c r="AR364" s="137"/>
      <c r="AS364" s="137"/>
      <c r="AT364" s="137"/>
      <c r="AU364" s="137"/>
      <c r="AV364" s="137"/>
      <c r="AW364" s="144"/>
    </row>
    <row r="365" spans="2:49" x14ac:dyDescent="0.2">
      <c r="B365" s="97"/>
      <c r="G365" s="43"/>
      <c r="J365" s="98"/>
      <c r="K365" s="97"/>
      <c r="N365" s="3"/>
      <c r="W365" s="98"/>
      <c r="Z365" s="143"/>
      <c r="AA365" s="137"/>
      <c r="AB365" s="137"/>
      <c r="AC365" s="137"/>
      <c r="AD365" s="137"/>
      <c r="AE365" s="137"/>
      <c r="AF365" s="137"/>
      <c r="AG365" s="137"/>
      <c r="AH365" s="137"/>
      <c r="AI365" s="137"/>
      <c r="AJ365" s="137"/>
      <c r="AK365" s="206"/>
      <c r="AL365" s="206"/>
      <c r="AM365" s="143"/>
      <c r="AN365" s="137"/>
      <c r="AO365" s="137"/>
      <c r="AP365" s="137"/>
      <c r="AQ365" s="137"/>
      <c r="AR365" s="137"/>
      <c r="AS365" s="137"/>
      <c r="AT365" s="137"/>
      <c r="AU365" s="137"/>
      <c r="AV365" s="137"/>
      <c r="AW365" s="144"/>
    </row>
    <row r="366" spans="2:49" x14ac:dyDescent="0.2">
      <c r="B366" s="97"/>
      <c r="G366" s="43"/>
      <c r="J366" s="98"/>
      <c r="K366" s="97"/>
      <c r="N366" s="3"/>
      <c r="W366" s="98"/>
      <c r="Z366" s="143"/>
      <c r="AA366" s="137"/>
      <c r="AB366" s="137"/>
      <c r="AC366" s="137"/>
      <c r="AD366" s="137"/>
      <c r="AE366" s="137"/>
      <c r="AF366" s="137"/>
      <c r="AG366" s="137"/>
      <c r="AH366" s="137"/>
      <c r="AI366" s="137"/>
      <c r="AJ366" s="137"/>
      <c r="AK366" s="206"/>
      <c r="AL366" s="206"/>
      <c r="AM366" s="143"/>
      <c r="AN366" s="137"/>
      <c r="AO366" s="137"/>
      <c r="AP366" s="137"/>
      <c r="AQ366" s="137"/>
      <c r="AR366" s="137"/>
      <c r="AS366" s="137"/>
      <c r="AT366" s="137"/>
      <c r="AU366" s="137"/>
      <c r="AV366" s="137"/>
      <c r="AW366" s="144"/>
    </row>
    <row r="367" spans="2:49" x14ac:dyDescent="0.2">
      <c r="B367" s="97"/>
      <c r="G367" s="43"/>
      <c r="J367" s="98"/>
      <c r="K367" s="97"/>
      <c r="N367" s="3"/>
      <c r="W367" s="98"/>
      <c r="Z367" s="143"/>
      <c r="AA367" s="137"/>
      <c r="AB367" s="137"/>
      <c r="AC367" s="137"/>
      <c r="AD367" s="137"/>
      <c r="AE367" s="137"/>
      <c r="AF367" s="137"/>
      <c r="AG367" s="137"/>
      <c r="AH367" s="137"/>
      <c r="AI367" s="137"/>
      <c r="AJ367" s="137"/>
      <c r="AK367" s="206"/>
      <c r="AL367" s="206"/>
      <c r="AM367" s="143"/>
      <c r="AN367" s="137"/>
      <c r="AO367" s="137"/>
      <c r="AP367" s="137"/>
      <c r="AQ367" s="137"/>
      <c r="AR367" s="137"/>
      <c r="AS367" s="137"/>
      <c r="AT367" s="137"/>
      <c r="AU367" s="137"/>
      <c r="AV367" s="137"/>
      <c r="AW367" s="144"/>
    </row>
    <row r="368" spans="2:49" x14ac:dyDescent="0.2">
      <c r="B368" s="97"/>
      <c r="G368" s="43"/>
      <c r="J368" s="98"/>
      <c r="K368" s="97"/>
      <c r="N368" s="3"/>
      <c r="W368" s="98"/>
      <c r="Z368" s="143"/>
      <c r="AA368" s="137"/>
      <c r="AB368" s="137"/>
      <c r="AC368" s="137"/>
      <c r="AD368" s="137"/>
      <c r="AE368" s="137"/>
      <c r="AF368" s="137"/>
      <c r="AG368" s="137"/>
      <c r="AH368" s="137"/>
      <c r="AI368" s="137"/>
      <c r="AJ368" s="137"/>
      <c r="AK368" s="206"/>
      <c r="AL368" s="206"/>
      <c r="AM368" s="143"/>
      <c r="AN368" s="137"/>
      <c r="AO368" s="137"/>
      <c r="AP368" s="137"/>
      <c r="AQ368" s="137"/>
      <c r="AR368" s="137"/>
      <c r="AS368" s="137"/>
      <c r="AT368" s="137"/>
      <c r="AU368" s="137"/>
      <c r="AV368" s="137"/>
      <c r="AW368" s="144"/>
    </row>
    <row r="369" spans="2:49" x14ac:dyDescent="0.2">
      <c r="B369" s="97"/>
      <c r="G369" s="43"/>
      <c r="J369" s="98"/>
      <c r="K369" s="97"/>
      <c r="N369" s="3"/>
      <c r="W369" s="98"/>
      <c r="Z369" s="143"/>
      <c r="AA369" s="137"/>
      <c r="AB369" s="137"/>
      <c r="AC369" s="137"/>
      <c r="AD369" s="137"/>
      <c r="AE369" s="137"/>
      <c r="AF369" s="137"/>
      <c r="AG369" s="137"/>
      <c r="AH369" s="137"/>
      <c r="AI369" s="137"/>
      <c r="AJ369" s="137"/>
      <c r="AK369" s="206"/>
      <c r="AL369" s="206"/>
      <c r="AM369" s="143"/>
      <c r="AN369" s="137"/>
      <c r="AO369" s="137"/>
      <c r="AP369" s="137"/>
      <c r="AQ369" s="137"/>
      <c r="AR369" s="137"/>
      <c r="AS369" s="137"/>
      <c r="AT369" s="137"/>
      <c r="AU369" s="137"/>
      <c r="AV369" s="137"/>
      <c r="AW369" s="144"/>
    </row>
    <row r="370" spans="2:49" x14ac:dyDescent="0.2">
      <c r="B370" s="97"/>
      <c r="G370" s="43"/>
      <c r="J370" s="98"/>
      <c r="K370" s="97"/>
      <c r="N370" s="3"/>
      <c r="W370" s="98"/>
      <c r="Z370" s="143"/>
      <c r="AA370" s="137"/>
      <c r="AB370" s="137"/>
      <c r="AC370" s="137"/>
      <c r="AD370" s="137"/>
      <c r="AE370" s="137"/>
      <c r="AF370" s="137"/>
      <c r="AG370" s="137"/>
      <c r="AH370" s="137"/>
      <c r="AI370" s="137"/>
      <c r="AJ370" s="137"/>
      <c r="AK370" s="206"/>
      <c r="AL370" s="206"/>
      <c r="AM370" s="143"/>
      <c r="AN370" s="137"/>
      <c r="AO370" s="137"/>
      <c r="AP370" s="137"/>
      <c r="AQ370" s="137"/>
      <c r="AR370" s="137"/>
      <c r="AS370" s="137"/>
      <c r="AT370" s="137"/>
      <c r="AU370" s="137"/>
      <c r="AV370" s="137"/>
      <c r="AW370" s="144"/>
    </row>
    <row r="371" spans="2:49" x14ac:dyDescent="0.2">
      <c r="B371" s="97"/>
      <c r="G371" s="43"/>
      <c r="J371" s="98"/>
      <c r="K371" s="97"/>
      <c r="N371" s="3"/>
      <c r="W371" s="98"/>
      <c r="Z371" s="143"/>
      <c r="AA371" s="137"/>
      <c r="AB371" s="137"/>
      <c r="AC371" s="137"/>
      <c r="AD371" s="137"/>
      <c r="AE371" s="137"/>
      <c r="AF371" s="137"/>
      <c r="AG371" s="137"/>
      <c r="AH371" s="137"/>
      <c r="AI371" s="137"/>
      <c r="AJ371" s="137"/>
      <c r="AK371" s="206"/>
      <c r="AL371" s="206"/>
      <c r="AM371" s="143"/>
      <c r="AN371" s="137"/>
      <c r="AO371" s="137"/>
      <c r="AP371" s="137"/>
      <c r="AQ371" s="137"/>
      <c r="AR371" s="137"/>
      <c r="AS371" s="137"/>
      <c r="AT371" s="137"/>
      <c r="AU371" s="137"/>
      <c r="AV371" s="137"/>
      <c r="AW371" s="144"/>
    </row>
    <row r="372" spans="2:49" x14ac:dyDescent="0.2">
      <c r="B372" s="97"/>
      <c r="G372" s="43"/>
      <c r="J372" s="98"/>
      <c r="K372" s="97"/>
      <c r="N372" s="3"/>
      <c r="W372" s="98"/>
      <c r="Z372" s="143"/>
      <c r="AA372" s="137"/>
      <c r="AB372" s="137"/>
      <c r="AC372" s="137"/>
      <c r="AD372" s="137"/>
      <c r="AE372" s="137"/>
      <c r="AF372" s="137"/>
      <c r="AG372" s="137"/>
      <c r="AH372" s="137"/>
      <c r="AI372" s="137"/>
      <c r="AJ372" s="137"/>
      <c r="AK372" s="206"/>
      <c r="AL372" s="206"/>
      <c r="AM372" s="143"/>
      <c r="AN372" s="137"/>
      <c r="AO372" s="137"/>
      <c r="AP372" s="137"/>
      <c r="AQ372" s="137"/>
      <c r="AR372" s="137"/>
      <c r="AS372" s="137"/>
      <c r="AT372" s="137"/>
      <c r="AU372" s="137"/>
      <c r="AV372" s="137"/>
      <c r="AW372" s="144"/>
    </row>
    <row r="373" spans="2:49" x14ac:dyDescent="0.2">
      <c r="B373" s="97"/>
      <c r="G373" s="43"/>
      <c r="J373" s="98"/>
      <c r="K373" s="97"/>
      <c r="N373" s="3"/>
      <c r="W373" s="98"/>
      <c r="Z373" s="143"/>
      <c r="AA373" s="137"/>
      <c r="AB373" s="137"/>
      <c r="AC373" s="137"/>
      <c r="AD373" s="137"/>
      <c r="AE373" s="137"/>
      <c r="AF373" s="137"/>
      <c r="AG373" s="137"/>
      <c r="AH373" s="137"/>
      <c r="AI373" s="137"/>
      <c r="AJ373" s="137"/>
      <c r="AK373" s="206"/>
      <c r="AL373" s="206"/>
      <c r="AM373" s="143"/>
      <c r="AN373" s="137"/>
      <c r="AO373" s="137"/>
      <c r="AP373" s="137"/>
      <c r="AQ373" s="137"/>
      <c r="AR373" s="137"/>
      <c r="AS373" s="137"/>
      <c r="AT373" s="137"/>
      <c r="AU373" s="137"/>
      <c r="AV373" s="137"/>
      <c r="AW373" s="144"/>
    </row>
    <row r="374" spans="2:49" x14ac:dyDescent="0.2">
      <c r="B374" s="97"/>
      <c r="G374" s="43"/>
      <c r="J374" s="98"/>
      <c r="K374" s="97"/>
      <c r="N374" s="3"/>
      <c r="W374" s="98"/>
      <c r="Z374" s="143"/>
      <c r="AA374" s="137"/>
      <c r="AB374" s="137"/>
      <c r="AC374" s="137"/>
      <c r="AD374" s="137"/>
      <c r="AE374" s="137"/>
      <c r="AF374" s="137"/>
      <c r="AG374" s="137"/>
      <c r="AH374" s="137"/>
      <c r="AI374" s="137"/>
      <c r="AJ374" s="137"/>
      <c r="AK374" s="206"/>
      <c r="AL374" s="206"/>
      <c r="AM374" s="143"/>
      <c r="AN374" s="137"/>
      <c r="AO374" s="137"/>
      <c r="AP374" s="137"/>
      <c r="AQ374" s="137"/>
      <c r="AR374" s="137"/>
      <c r="AS374" s="137"/>
      <c r="AT374" s="137"/>
      <c r="AU374" s="137"/>
      <c r="AV374" s="137"/>
      <c r="AW374" s="144"/>
    </row>
    <row r="375" spans="2:49" x14ac:dyDescent="0.2">
      <c r="B375" s="97"/>
      <c r="G375" s="43"/>
      <c r="J375" s="98"/>
      <c r="K375" s="97"/>
      <c r="N375" s="3"/>
      <c r="W375" s="98"/>
      <c r="Z375" s="143"/>
      <c r="AA375" s="137"/>
      <c r="AB375" s="137"/>
      <c r="AC375" s="137"/>
      <c r="AD375" s="137"/>
      <c r="AE375" s="137"/>
      <c r="AF375" s="137"/>
      <c r="AG375" s="137"/>
      <c r="AH375" s="137"/>
      <c r="AI375" s="137"/>
      <c r="AJ375" s="137"/>
      <c r="AK375" s="206"/>
      <c r="AL375" s="206"/>
      <c r="AM375" s="143"/>
      <c r="AN375" s="137"/>
      <c r="AO375" s="137"/>
      <c r="AP375" s="137"/>
      <c r="AQ375" s="137"/>
      <c r="AR375" s="137"/>
      <c r="AS375" s="137"/>
      <c r="AT375" s="137"/>
      <c r="AU375" s="137"/>
      <c r="AV375" s="137"/>
      <c r="AW375" s="144"/>
    </row>
    <row r="376" spans="2:49" x14ac:dyDescent="0.2">
      <c r="B376" s="97"/>
      <c r="G376" s="43"/>
      <c r="J376" s="98"/>
      <c r="K376" s="97"/>
      <c r="N376" s="3"/>
      <c r="W376" s="98"/>
      <c r="Z376" s="143"/>
      <c r="AA376" s="137"/>
      <c r="AB376" s="137"/>
      <c r="AC376" s="137"/>
      <c r="AD376" s="137"/>
      <c r="AE376" s="137"/>
      <c r="AF376" s="137"/>
      <c r="AG376" s="137"/>
      <c r="AH376" s="137"/>
      <c r="AI376" s="137"/>
      <c r="AJ376" s="137"/>
      <c r="AK376" s="206"/>
      <c r="AL376" s="206"/>
      <c r="AM376" s="143"/>
      <c r="AN376" s="137"/>
      <c r="AO376" s="137"/>
      <c r="AP376" s="137"/>
      <c r="AQ376" s="137"/>
      <c r="AR376" s="137"/>
      <c r="AS376" s="137"/>
      <c r="AT376" s="137"/>
      <c r="AU376" s="137"/>
      <c r="AV376" s="137"/>
      <c r="AW376" s="144"/>
    </row>
    <row r="377" spans="2:49" x14ac:dyDescent="0.2">
      <c r="B377" s="97"/>
      <c r="G377" s="43"/>
      <c r="J377" s="98"/>
      <c r="K377" s="97"/>
      <c r="N377" s="3"/>
      <c r="W377" s="98"/>
      <c r="Z377" s="143"/>
      <c r="AA377" s="137"/>
      <c r="AB377" s="137"/>
      <c r="AC377" s="137"/>
      <c r="AD377" s="137"/>
      <c r="AE377" s="137"/>
      <c r="AF377" s="137"/>
      <c r="AG377" s="137"/>
      <c r="AH377" s="137"/>
      <c r="AI377" s="137"/>
      <c r="AJ377" s="137"/>
      <c r="AK377" s="206"/>
      <c r="AL377" s="206"/>
      <c r="AM377" s="143"/>
      <c r="AN377" s="137"/>
      <c r="AO377" s="137"/>
      <c r="AP377" s="137"/>
      <c r="AQ377" s="137"/>
      <c r="AR377" s="137"/>
      <c r="AS377" s="137"/>
      <c r="AT377" s="137"/>
      <c r="AU377" s="137"/>
      <c r="AV377" s="137"/>
      <c r="AW377" s="144"/>
    </row>
    <row r="378" spans="2:49" x14ac:dyDescent="0.2">
      <c r="B378" s="97"/>
      <c r="G378" s="43"/>
      <c r="J378" s="98"/>
      <c r="K378" s="97"/>
      <c r="N378" s="3"/>
      <c r="W378" s="98"/>
      <c r="Z378" s="143"/>
      <c r="AA378" s="137"/>
      <c r="AB378" s="137"/>
      <c r="AC378" s="137"/>
      <c r="AD378" s="137"/>
      <c r="AE378" s="137"/>
      <c r="AF378" s="137"/>
      <c r="AG378" s="137"/>
      <c r="AH378" s="137"/>
      <c r="AI378" s="137"/>
      <c r="AJ378" s="137"/>
      <c r="AK378" s="206"/>
      <c r="AL378" s="206"/>
      <c r="AM378" s="143"/>
      <c r="AN378" s="137"/>
      <c r="AO378" s="137"/>
      <c r="AP378" s="137"/>
      <c r="AQ378" s="137"/>
      <c r="AR378" s="137"/>
      <c r="AS378" s="137"/>
      <c r="AT378" s="137"/>
      <c r="AU378" s="137"/>
      <c r="AV378" s="137"/>
      <c r="AW378" s="144"/>
    </row>
    <row r="379" spans="2:49" x14ac:dyDescent="0.2">
      <c r="B379" s="97"/>
      <c r="G379" s="43"/>
      <c r="J379" s="98"/>
      <c r="K379" s="97"/>
      <c r="N379" s="3"/>
      <c r="W379" s="98"/>
      <c r="Z379" s="143"/>
      <c r="AA379" s="137"/>
      <c r="AB379" s="137"/>
      <c r="AC379" s="137"/>
      <c r="AD379" s="137"/>
      <c r="AE379" s="137"/>
      <c r="AF379" s="137"/>
      <c r="AG379" s="137"/>
      <c r="AH379" s="137"/>
      <c r="AI379" s="137"/>
      <c r="AJ379" s="137"/>
      <c r="AK379" s="206"/>
      <c r="AL379" s="206"/>
      <c r="AM379" s="143"/>
      <c r="AN379" s="137"/>
      <c r="AO379" s="137"/>
      <c r="AP379" s="137"/>
      <c r="AQ379" s="137"/>
      <c r="AR379" s="137"/>
      <c r="AS379" s="137"/>
      <c r="AT379" s="137"/>
      <c r="AU379" s="137"/>
      <c r="AV379" s="137"/>
      <c r="AW379" s="144"/>
    </row>
    <row r="380" spans="2:49" x14ac:dyDescent="0.2">
      <c r="B380" s="97"/>
      <c r="G380" s="43"/>
      <c r="J380" s="98"/>
      <c r="K380" s="97"/>
      <c r="N380" s="3"/>
      <c r="W380" s="98"/>
      <c r="Z380" s="143"/>
      <c r="AA380" s="137"/>
      <c r="AB380" s="137"/>
      <c r="AC380" s="137"/>
      <c r="AD380" s="137"/>
      <c r="AE380" s="137"/>
      <c r="AF380" s="137"/>
      <c r="AG380" s="137"/>
      <c r="AH380" s="137"/>
      <c r="AI380" s="137"/>
      <c r="AJ380" s="137"/>
      <c r="AK380" s="206"/>
      <c r="AL380" s="206"/>
      <c r="AM380" s="143"/>
      <c r="AN380" s="137"/>
      <c r="AO380" s="137"/>
      <c r="AP380" s="137"/>
      <c r="AQ380" s="137"/>
      <c r="AR380" s="137"/>
      <c r="AS380" s="137"/>
      <c r="AT380" s="137"/>
      <c r="AU380" s="137"/>
      <c r="AV380" s="137"/>
      <c r="AW380" s="144"/>
    </row>
    <row r="381" spans="2:49" x14ac:dyDescent="0.2">
      <c r="B381" s="97"/>
      <c r="G381" s="43"/>
      <c r="J381" s="98"/>
      <c r="K381" s="97"/>
      <c r="N381" s="3"/>
      <c r="W381" s="98"/>
      <c r="Z381" s="143"/>
      <c r="AA381" s="137"/>
      <c r="AB381" s="137"/>
      <c r="AC381" s="137"/>
      <c r="AD381" s="137"/>
      <c r="AE381" s="137"/>
      <c r="AF381" s="137"/>
      <c r="AG381" s="137"/>
      <c r="AH381" s="137"/>
      <c r="AI381" s="137"/>
      <c r="AJ381" s="137"/>
      <c r="AK381" s="206"/>
      <c r="AL381" s="206"/>
      <c r="AM381" s="143"/>
      <c r="AN381" s="137"/>
      <c r="AO381" s="137"/>
      <c r="AP381" s="137"/>
      <c r="AQ381" s="137"/>
      <c r="AR381" s="137"/>
      <c r="AS381" s="137"/>
      <c r="AT381" s="137"/>
      <c r="AU381" s="137"/>
      <c r="AV381" s="137"/>
      <c r="AW381" s="144"/>
    </row>
    <row r="382" spans="2:49" x14ac:dyDescent="0.2">
      <c r="B382" s="97"/>
      <c r="G382" s="43"/>
      <c r="J382" s="98"/>
      <c r="K382" s="97"/>
      <c r="N382" s="3"/>
      <c r="W382" s="98"/>
      <c r="Z382" s="143"/>
      <c r="AA382" s="137"/>
      <c r="AB382" s="137"/>
      <c r="AC382" s="137"/>
      <c r="AD382" s="137"/>
      <c r="AE382" s="137"/>
      <c r="AF382" s="137"/>
      <c r="AG382" s="137"/>
      <c r="AH382" s="137"/>
      <c r="AI382" s="137"/>
      <c r="AJ382" s="137"/>
      <c r="AK382" s="206"/>
      <c r="AL382" s="206"/>
      <c r="AM382" s="143"/>
      <c r="AN382" s="137"/>
      <c r="AO382" s="137"/>
      <c r="AP382" s="137"/>
      <c r="AQ382" s="137"/>
      <c r="AR382" s="137"/>
      <c r="AS382" s="137"/>
      <c r="AT382" s="137"/>
      <c r="AU382" s="137"/>
      <c r="AV382" s="137"/>
      <c r="AW382" s="144"/>
    </row>
    <row r="383" spans="2:49" x14ac:dyDescent="0.2">
      <c r="B383" s="97"/>
      <c r="G383" s="43"/>
      <c r="J383" s="98"/>
      <c r="K383" s="97"/>
      <c r="N383" s="3"/>
      <c r="W383" s="98"/>
      <c r="Z383" s="143"/>
      <c r="AA383" s="137"/>
      <c r="AB383" s="137"/>
      <c r="AC383" s="137"/>
      <c r="AD383" s="137"/>
      <c r="AE383" s="137"/>
      <c r="AF383" s="137"/>
      <c r="AG383" s="137"/>
      <c r="AH383" s="137"/>
      <c r="AI383" s="137"/>
      <c r="AJ383" s="137"/>
      <c r="AK383" s="206"/>
      <c r="AL383" s="206"/>
      <c r="AM383" s="143"/>
      <c r="AN383" s="137"/>
      <c r="AO383" s="137"/>
      <c r="AP383" s="137"/>
      <c r="AQ383" s="137"/>
      <c r="AR383" s="137"/>
      <c r="AS383" s="137"/>
      <c r="AT383" s="137"/>
      <c r="AU383" s="137"/>
      <c r="AV383" s="137"/>
      <c r="AW383" s="144"/>
    </row>
    <row r="384" spans="2:49" x14ac:dyDescent="0.2">
      <c r="B384" s="97"/>
      <c r="G384" s="43"/>
      <c r="J384" s="98"/>
      <c r="K384" s="97"/>
      <c r="N384" s="3"/>
      <c r="W384" s="98"/>
      <c r="Z384" s="143"/>
      <c r="AA384" s="137"/>
      <c r="AB384" s="137"/>
      <c r="AC384" s="137"/>
      <c r="AD384" s="137"/>
      <c r="AE384" s="137"/>
      <c r="AF384" s="137"/>
      <c r="AG384" s="137"/>
      <c r="AH384" s="137"/>
      <c r="AI384" s="137"/>
      <c r="AJ384" s="137"/>
      <c r="AK384" s="206"/>
      <c r="AL384" s="206"/>
      <c r="AM384" s="143"/>
      <c r="AN384" s="137"/>
      <c r="AO384" s="137"/>
      <c r="AP384" s="137"/>
      <c r="AQ384" s="137"/>
      <c r="AR384" s="137"/>
      <c r="AS384" s="137"/>
      <c r="AT384" s="137"/>
      <c r="AU384" s="137"/>
      <c r="AV384" s="137"/>
      <c r="AW384" s="144"/>
    </row>
    <row r="385" spans="2:49" x14ac:dyDescent="0.2">
      <c r="B385" s="97"/>
      <c r="G385" s="43"/>
      <c r="J385" s="98"/>
      <c r="K385" s="97"/>
      <c r="N385" s="3"/>
      <c r="W385" s="98"/>
      <c r="Z385" s="143"/>
      <c r="AA385" s="137"/>
      <c r="AB385" s="137"/>
      <c r="AC385" s="137"/>
      <c r="AD385" s="137"/>
      <c r="AE385" s="137"/>
      <c r="AF385" s="137"/>
      <c r="AG385" s="137"/>
      <c r="AH385" s="137"/>
      <c r="AI385" s="137"/>
      <c r="AJ385" s="137"/>
      <c r="AK385" s="206"/>
      <c r="AL385" s="206"/>
      <c r="AM385" s="143"/>
      <c r="AN385" s="137"/>
      <c r="AO385" s="137"/>
      <c r="AP385" s="137"/>
      <c r="AQ385" s="137"/>
      <c r="AR385" s="137"/>
      <c r="AS385" s="137"/>
      <c r="AT385" s="137"/>
      <c r="AU385" s="137"/>
      <c r="AV385" s="137"/>
      <c r="AW385" s="144"/>
    </row>
    <row r="386" spans="2:49" x14ac:dyDescent="0.2">
      <c r="B386" s="97"/>
      <c r="G386" s="43"/>
      <c r="J386" s="98"/>
      <c r="K386" s="97"/>
      <c r="N386" s="3"/>
      <c r="W386" s="98"/>
      <c r="Z386" s="143"/>
      <c r="AA386" s="137"/>
      <c r="AB386" s="137"/>
      <c r="AC386" s="137"/>
      <c r="AD386" s="137"/>
      <c r="AE386" s="137"/>
      <c r="AF386" s="137"/>
      <c r="AG386" s="137"/>
      <c r="AH386" s="137"/>
      <c r="AI386" s="137"/>
      <c r="AJ386" s="137"/>
      <c r="AK386" s="206"/>
      <c r="AL386" s="206"/>
      <c r="AM386" s="143"/>
      <c r="AN386" s="137"/>
      <c r="AO386" s="137"/>
      <c r="AP386" s="137"/>
      <c r="AQ386" s="137"/>
      <c r="AR386" s="137"/>
      <c r="AS386" s="137"/>
      <c r="AT386" s="137"/>
      <c r="AU386" s="137"/>
      <c r="AV386" s="137"/>
      <c r="AW386" s="144"/>
    </row>
    <row r="387" spans="2:49" x14ac:dyDescent="0.2">
      <c r="B387" s="97"/>
      <c r="G387" s="43"/>
      <c r="J387" s="98"/>
      <c r="K387" s="97"/>
      <c r="N387" s="3"/>
      <c r="W387" s="98"/>
      <c r="Z387" s="143"/>
      <c r="AA387" s="137"/>
      <c r="AB387" s="137"/>
      <c r="AC387" s="137"/>
      <c r="AD387" s="137"/>
      <c r="AE387" s="137"/>
      <c r="AF387" s="137"/>
      <c r="AG387" s="137"/>
      <c r="AH387" s="137"/>
      <c r="AI387" s="137"/>
      <c r="AJ387" s="137"/>
      <c r="AK387" s="206"/>
      <c r="AL387" s="206"/>
      <c r="AM387" s="143"/>
      <c r="AN387" s="137"/>
      <c r="AO387" s="137"/>
      <c r="AP387" s="137"/>
      <c r="AQ387" s="137"/>
      <c r="AR387" s="137"/>
      <c r="AS387" s="137"/>
      <c r="AT387" s="137"/>
      <c r="AU387" s="137"/>
      <c r="AV387" s="137"/>
      <c r="AW387" s="144"/>
    </row>
    <row r="388" spans="2:49" x14ac:dyDescent="0.2">
      <c r="B388" s="97"/>
      <c r="G388" s="43"/>
      <c r="J388" s="98"/>
      <c r="K388" s="97"/>
      <c r="N388" s="3"/>
      <c r="W388" s="98"/>
      <c r="Z388" s="143"/>
      <c r="AA388" s="137"/>
      <c r="AB388" s="137"/>
      <c r="AC388" s="137"/>
      <c r="AD388" s="137"/>
      <c r="AE388" s="137"/>
      <c r="AF388" s="137"/>
      <c r="AG388" s="137"/>
      <c r="AH388" s="137"/>
      <c r="AI388" s="137"/>
      <c r="AJ388" s="137"/>
      <c r="AK388" s="206"/>
      <c r="AL388" s="206"/>
      <c r="AM388" s="143"/>
      <c r="AN388" s="137"/>
      <c r="AO388" s="137"/>
      <c r="AP388" s="137"/>
      <c r="AQ388" s="137"/>
      <c r="AR388" s="137"/>
      <c r="AS388" s="137"/>
      <c r="AT388" s="137"/>
      <c r="AU388" s="137"/>
      <c r="AV388" s="137"/>
      <c r="AW388" s="144"/>
    </row>
    <row r="389" spans="2:49" x14ac:dyDescent="0.2">
      <c r="B389" s="97"/>
      <c r="G389" s="43"/>
      <c r="J389" s="98"/>
      <c r="K389" s="97"/>
      <c r="N389" s="3"/>
      <c r="W389" s="98"/>
      <c r="Z389" s="143"/>
      <c r="AA389" s="137"/>
      <c r="AB389" s="137"/>
      <c r="AC389" s="137"/>
      <c r="AD389" s="137"/>
      <c r="AE389" s="137"/>
      <c r="AF389" s="137"/>
      <c r="AG389" s="137"/>
      <c r="AH389" s="137"/>
      <c r="AI389" s="137"/>
      <c r="AJ389" s="137"/>
      <c r="AK389" s="206"/>
      <c r="AL389" s="206"/>
      <c r="AM389" s="143"/>
      <c r="AN389" s="137"/>
      <c r="AO389" s="137"/>
      <c r="AP389" s="137"/>
      <c r="AQ389" s="137"/>
      <c r="AR389" s="137"/>
      <c r="AS389" s="137"/>
      <c r="AT389" s="137"/>
      <c r="AU389" s="137"/>
      <c r="AV389" s="137"/>
      <c r="AW389" s="144"/>
    </row>
    <row r="390" spans="2:49" x14ac:dyDescent="0.2">
      <c r="B390" s="97"/>
      <c r="G390" s="43"/>
      <c r="J390" s="98"/>
      <c r="K390" s="97"/>
      <c r="N390" s="3"/>
      <c r="W390" s="98"/>
      <c r="Z390" s="143"/>
      <c r="AA390" s="137"/>
      <c r="AB390" s="137"/>
      <c r="AC390" s="137"/>
      <c r="AD390" s="137"/>
      <c r="AE390" s="137"/>
      <c r="AF390" s="137"/>
      <c r="AG390" s="137"/>
      <c r="AH390" s="137"/>
      <c r="AI390" s="137"/>
      <c r="AJ390" s="137"/>
      <c r="AK390" s="206"/>
      <c r="AL390" s="206"/>
      <c r="AM390" s="143"/>
      <c r="AN390" s="137"/>
      <c r="AO390" s="137"/>
      <c r="AP390" s="137"/>
      <c r="AQ390" s="137"/>
      <c r="AR390" s="137"/>
      <c r="AS390" s="137"/>
      <c r="AT390" s="137"/>
      <c r="AU390" s="137"/>
      <c r="AV390" s="137"/>
      <c r="AW390" s="144"/>
    </row>
    <row r="391" spans="2:49" x14ac:dyDescent="0.2">
      <c r="B391" s="97"/>
      <c r="G391" s="43"/>
      <c r="J391" s="98"/>
      <c r="K391" s="97"/>
      <c r="N391" s="3"/>
      <c r="W391" s="98"/>
      <c r="Z391" s="143"/>
      <c r="AA391" s="137"/>
      <c r="AB391" s="137"/>
      <c r="AC391" s="137"/>
      <c r="AD391" s="137"/>
      <c r="AE391" s="137"/>
      <c r="AF391" s="137"/>
      <c r="AG391" s="137"/>
      <c r="AH391" s="137"/>
      <c r="AI391" s="137"/>
      <c r="AJ391" s="137"/>
      <c r="AK391" s="206"/>
      <c r="AL391" s="206"/>
      <c r="AM391" s="143"/>
      <c r="AN391" s="137"/>
      <c r="AO391" s="137"/>
      <c r="AP391" s="137"/>
      <c r="AQ391" s="137"/>
      <c r="AR391" s="137"/>
      <c r="AS391" s="137"/>
      <c r="AT391" s="137"/>
      <c r="AU391" s="137"/>
      <c r="AV391" s="137"/>
      <c r="AW391" s="144"/>
    </row>
    <row r="392" spans="2:49" x14ac:dyDescent="0.2">
      <c r="B392" s="97"/>
      <c r="G392" s="43"/>
      <c r="J392" s="98"/>
      <c r="K392" s="97"/>
      <c r="N392" s="3"/>
      <c r="W392" s="98"/>
      <c r="Z392" s="143"/>
      <c r="AA392" s="137"/>
      <c r="AB392" s="137"/>
      <c r="AC392" s="137"/>
      <c r="AD392" s="137"/>
      <c r="AE392" s="137"/>
      <c r="AF392" s="137"/>
      <c r="AG392" s="137"/>
      <c r="AH392" s="137"/>
      <c r="AI392" s="137"/>
      <c r="AJ392" s="137"/>
      <c r="AK392" s="206"/>
      <c r="AL392" s="206"/>
      <c r="AM392" s="143"/>
      <c r="AN392" s="137"/>
      <c r="AO392" s="137"/>
      <c r="AP392" s="137"/>
      <c r="AQ392" s="137"/>
      <c r="AR392" s="137"/>
      <c r="AS392" s="137"/>
      <c r="AT392" s="137"/>
      <c r="AU392" s="137"/>
      <c r="AV392" s="137"/>
      <c r="AW392" s="144"/>
    </row>
    <row r="393" spans="2:49" x14ac:dyDescent="0.2">
      <c r="B393" s="97"/>
      <c r="G393" s="43"/>
      <c r="J393" s="98"/>
      <c r="K393" s="97"/>
      <c r="N393" s="3"/>
      <c r="W393" s="98"/>
      <c r="Z393" s="143"/>
      <c r="AA393" s="137"/>
      <c r="AB393" s="137"/>
      <c r="AC393" s="137"/>
      <c r="AD393" s="137"/>
      <c r="AE393" s="137"/>
      <c r="AF393" s="137"/>
      <c r="AG393" s="137"/>
      <c r="AH393" s="137"/>
      <c r="AI393" s="137"/>
      <c r="AJ393" s="137"/>
      <c r="AK393" s="206"/>
      <c r="AL393" s="206"/>
      <c r="AM393" s="143"/>
      <c r="AN393" s="137"/>
      <c r="AO393" s="137"/>
      <c r="AP393" s="137"/>
      <c r="AQ393" s="137"/>
      <c r="AR393" s="137"/>
      <c r="AS393" s="137"/>
      <c r="AT393" s="137"/>
      <c r="AU393" s="137"/>
      <c r="AV393" s="137"/>
      <c r="AW393" s="144"/>
    </row>
    <row r="394" spans="2:49" x14ac:dyDescent="0.2">
      <c r="B394" s="97"/>
      <c r="G394" s="43"/>
      <c r="J394" s="98"/>
      <c r="K394" s="97"/>
      <c r="N394" s="3"/>
      <c r="W394" s="98"/>
      <c r="Z394" s="143"/>
      <c r="AA394" s="137"/>
      <c r="AB394" s="137"/>
      <c r="AC394" s="137"/>
      <c r="AD394" s="137"/>
      <c r="AE394" s="137"/>
      <c r="AF394" s="137"/>
      <c r="AG394" s="137"/>
      <c r="AH394" s="137"/>
      <c r="AI394" s="137"/>
      <c r="AJ394" s="137"/>
      <c r="AK394" s="206"/>
      <c r="AL394" s="206"/>
      <c r="AM394" s="143"/>
      <c r="AN394" s="137"/>
      <c r="AO394" s="137"/>
      <c r="AP394" s="137"/>
      <c r="AQ394" s="137"/>
      <c r="AR394" s="137"/>
      <c r="AS394" s="137"/>
      <c r="AT394" s="137"/>
      <c r="AU394" s="137"/>
      <c r="AV394" s="137"/>
      <c r="AW394" s="144"/>
    </row>
    <row r="395" spans="2:49" x14ac:dyDescent="0.2">
      <c r="B395" s="97"/>
      <c r="G395" s="43"/>
      <c r="J395" s="98"/>
      <c r="K395" s="97"/>
      <c r="N395" s="3"/>
      <c r="W395" s="98"/>
      <c r="Z395" s="143"/>
      <c r="AA395" s="137"/>
      <c r="AB395" s="137"/>
      <c r="AC395" s="137"/>
      <c r="AD395" s="137"/>
      <c r="AE395" s="137"/>
      <c r="AF395" s="137"/>
      <c r="AG395" s="137"/>
      <c r="AH395" s="137"/>
      <c r="AI395" s="137"/>
      <c r="AJ395" s="137"/>
      <c r="AK395" s="206"/>
      <c r="AL395" s="206"/>
      <c r="AM395" s="143"/>
      <c r="AN395" s="137"/>
      <c r="AO395" s="137"/>
      <c r="AP395" s="137"/>
      <c r="AQ395" s="137"/>
      <c r="AR395" s="137"/>
      <c r="AS395" s="137"/>
      <c r="AT395" s="137"/>
      <c r="AU395" s="137"/>
      <c r="AV395" s="137"/>
      <c r="AW395" s="144"/>
    </row>
    <row r="396" spans="2:49" x14ac:dyDescent="0.2">
      <c r="B396" s="97"/>
      <c r="G396" s="43"/>
      <c r="J396" s="98"/>
      <c r="K396" s="97"/>
      <c r="N396" s="3"/>
      <c r="W396" s="98"/>
      <c r="Z396" s="143"/>
      <c r="AA396" s="137"/>
      <c r="AB396" s="137"/>
      <c r="AC396" s="137"/>
      <c r="AD396" s="137"/>
      <c r="AE396" s="137"/>
      <c r="AF396" s="137"/>
      <c r="AG396" s="137"/>
      <c r="AH396" s="137"/>
      <c r="AI396" s="137"/>
      <c r="AJ396" s="137"/>
      <c r="AK396" s="206"/>
      <c r="AL396" s="206"/>
      <c r="AM396" s="143"/>
      <c r="AN396" s="137"/>
      <c r="AO396" s="137"/>
      <c r="AP396" s="137"/>
      <c r="AQ396" s="137"/>
      <c r="AR396" s="137"/>
      <c r="AS396" s="137"/>
      <c r="AT396" s="137"/>
      <c r="AU396" s="137"/>
      <c r="AV396" s="137"/>
      <c r="AW396" s="144"/>
    </row>
    <row r="397" spans="2:49" x14ac:dyDescent="0.2">
      <c r="B397" s="97"/>
      <c r="G397" s="43"/>
      <c r="J397" s="98"/>
      <c r="K397" s="97"/>
      <c r="N397" s="3"/>
      <c r="W397" s="98"/>
      <c r="Z397" s="143"/>
      <c r="AA397" s="137"/>
      <c r="AB397" s="137"/>
      <c r="AC397" s="137"/>
      <c r="AD397" s="137"/>
      <c r="AE397" s="137"/>
      <c r="AF397" s="137"/>
      <c r="AG397" s="137"/>
      <c r="AH397" s="137"/>
      <c r="AI397" s="137"/>
      <c r="AJ397" s="137"/>
      <c r="AK397" s="206"/>
      <c r="AL397" s="206"/>
      <c r="AM397" s="143"/>
      <c r="AN397" s="137"/>
      <c r="AO397" s="137"/>
      <c r="AP397" s="137"/>
      <c r="AQ397" s="137"/>
      <c r="AR397" s="137"/>
      <c r="AS397" s="137"/>
      <c r="AT397" s="137"/>
      <c r="AU397" s="137"/>
      <c r="AV397" s="137"/>
      <c r="AW397" s="144"/>
    </row>
    <row r="398" spans="2:49" x14ac:dyDescent="0.2">
      <c r="B398" s="97"/>
      <c r="G398" s="43"/>
      <c r="J398" s="98"/>
      <c r="K398" s="97"/>
      <c r="N398" s="3"/>
      <c r="W398" s="98"/>
      <c r="Z398" s="143"/>
      <c r="AA398" s="137"/>
      <c r="AB398" s="137"/>
      <c r="AC398" s="137"/>
      <c r="AD398" s="137"/>
      <c r="AE398" s="137"/>
      <c r="AF398" s="137"/>
      <c r="AG398" s="137"/>
      <c r="AH398" s="137"/>
      <c r="AI398" s="137"/>
      <c r="AJ398" s="137"/>
      <c r="AK398" s="206"/>
      <c r="AL398" s="206"/>
      <c r="AM398" s="143"/>
      <c r="AN398" s="137"/>
      <c r="AO398" s="137"/>
      <c r="AP398" s="137"/>
      <c r="AQ398" s="137"/>
      <c r="AR398" s="137"/>
      <c r="AS398" s="137"/>
      <c r="AT398" s="137"/>
      <c r="AU398" s="137"/>
      <c r="AV398" s="137"/>
      <c r="AW398" s="144"/>
    </row>
    <row r="399" spans="2:49" x14ac:dyDescent="0.2">
      <c r="B399" s="97"/>
      <c r="G399" s="43"/>
      <c r="J399" s="98"/>
      <c r="K399" s="97"/>
      <c r="N399" s="3"/>
      <c r="W399" s="98"/>
      <c r="Z399" s="143"/>
      <c r="AA399" s="137"/>
      <c r="AB399" s="137"/>
      <c r="AC399" s="137"/>
      <c r="AD399" s="137"/>
      <c r="AE399" s="137"/>
      <c r="AF399" s="137"/>
      <c r="AG399" s="137"/>
      <c r="AH399" s="137"/>
      <c r="AI399" s="137"/>
      <c r="AJ399" s="137"/>
      <c r="AK399" s="206"/>
      <c r="AL399" s="206"/>
      <c r="AM399" s="143"/>
      <c r="AN399" s="137"/>
      <c r="AO399" s="137"/>
      <c r="AP399" s="137"/>
      <c r="AQ399" s="137"/>
      <c r="AR399" s="137"/>
      <c r="AS399" s="137"/>
      <c r="AT399" s="137"/>
      <c r="AU399" s="137"/>
      <c r="AV399" s="137"/>
      <c r="AW399" s="144"/>
    </row>
    <row r="400" spans="2:49" x14ac:dyDescent="0.2">
      <c r="B400" s="97"/>
      <c r="G400" s="43"/>
      <c r="J400" s="98"/>
      <c r="K400" s="97"/>
      <c r="N400" s="3"/>
      <c r="W400" s="98"/>
      <c r="Z400" s="143"/>
      <c r="AA400" s="137"/>
      <c r="AB400" s="137"/>
      <c r="AC400" s="137"/>
      <c r="AD400" s="137"/>
      <c r="AE400" s="137"/>
      <c r="AF400" s="137"/>
      <c r="AG400" s="137"/>
      <c r="AH400" s="137"/>
      <c r="AI400" s="137"/>
      <c r="AJ400" s="137"/>
      <c r="AK400" s="206"/>
      <c r="AL400" s="206"/>
      <c r="AM400" s="143"/>
      <c r="AN400" s="137"/>
      <c r="AO400" s="137"/>
      <c r="AP400" s="137"/>
      <c r="AQ400" s="137"/>
      <c r="AR400" s="137"/>
      <c r="AS400" s="137"/>
      <c r="AT400" s="137"/>
      <c r="AU400" s="137"/>
      <c r="AV400" s="137"/>
      <c r="AW400" s="144"/>
    </row>
    <row r="401" spans="2:49" x14ac:dyDescent="0.2">
      <c r="B401" s="97"/>
      <c r="G401" s="43"/>
      <c r="J401" s="98"/>
      <c r="K401" s="97"/>
      <c r="N401" s="3"/>
      <c r="W401" s="98"/>
      <c r="Z401" s="143"/>
      <c r="AA401" s="137"/>
      <c r="AB401" s="137"/>
      <c r="AC401" s="137"/>
      <c r="AD401" s="137"/>
      <c r="AE401" s="137"/>
      <c r="AF401" s="137"/>
      <c r="AG401" s="137"/>
      <c r="AH401" s="137"/>
      <c r="AI401" s="137"/>
      <c r="AJ401" s="137"/>
      <c r="AK401" s="206"/>
      <c r="AL401" s="206"/>
      <c r="AM401" s="143"/>
      <c r="AN401" s="137"/>
      <c r="AO401" s="137"/>
      <c r="AP401" s="137"/>
      <c r="AQ401" s="137"/>
      <c r="AR401" s="137"/>
      <c r="AS401" s="137"/>
      <c r="AT401" s="137"/>
      <c r="AU401" s="137"/>
      <c r="AV401" s="137"/>
      <c r="AW401" s="144"/>
    </row>
    <row r="402" spans="2:49" x14ac:dyDescent="0.2">
      <c r="B402" s="97"/>
      <c r="G402" s="43"/>
      <c r="J402" s="98"/>
      <c r="K402" s="97"/>
      <c r="N402" s="3"/>
      <c r="W402" s="98"/>
      <c r="Z402" s="143"/>
      <c r="AA402" s="137"/>
      <c r="AB402" s="137"/>
      <c r="AC402" s="137"/>
      <c r="AD402" s="137"/>
      <c r="AE402" s="137"/>
      <c r="AF402" s="137"/>
      <c r="AG402" s="137"/>
      <c r="AH402" s="137"/>
      <c r="AI402" s="137"/>
      <c r="AJ402" s="137"/>
      <c r="AK402" s="206"/>
      <c r="AL402" s="206"/>
      <c r="AM402" s="143"/>
      <c r="AN402" s="137"/>
      <c r="AO402" s="137"/>
      <c r="AP402" s="137"/>
      <c r="AQ402" s="137"/>
      <c r="AR402" s="137"/>
      <c r="AS402" s="137"/>
      <c r="AT402" s="137"/>
      <c r="AU402" s="137"/>
      <c r="AV402" s="137"/>
      <c r="AW402" s="144"/>
    </row>
    <row r="403" spans="2:49" x14ac:dyDescent="0.2">
      <c r="B403" s="97"/>
      <c r="G403" s="43"/>
      <c r="J403" s="98"/>
      <c r="K403" s="97"/>
      <c r="N403" s="3"/>
      <c r="W403" s="98"/>
      <c r="Z403" s="143"/>
      <c r="AA403" s="137"/>
      <c r="AB403" s="137"/>
      <c r="AC403" s="137"/>
      <c r="AD403" s="137"/>
      <c r="AE403" s="137"/>
      <c r="AF403" s="137"/>
      <c r="AG403" s="137"/>
      <c r="AH403" s="137"/>
      <c r="AI403" s="137"/>
      <c r="AJ403" s="137"/>
      <c r="AK403" s="206"/>
      <c r="AL403" s="206"/>
      <c r="AM403" s="143"/>
      <c r="AN403" s="137"/>
      <c r="AO403" s="137"/>
      <c r="AP403" s="137"/>
      <c r="AQ403" s="137"/>
      <c r="AR403" s="137"/>
      <c r="AS403" s="137"/>
      <c r="AT403" s="137"/>
      <c r="AU403" s="137"/>
      <c r="AV403" s="137"/>
      <c r="AW403" s="144"/>
    </row>
    <row r="404" spans="2:49" x14ac:dyDescent="0.2">
      <c r="B404" s="97"/>
      <c r="G404" s="43"/>
      <c r="J404" s="98"/>
      <c r="K404" s="97"/>
      <c r="N404" s="3"/>
      <c r="W404" s="98"/>
      <c r="Z404" s="143"/>
      <c r="AA404" s="137"/>
      <c r="AB404" s="137"/>
      <c r="AC404" s="137"/>
      <c r="AD404" s="137"/>
      <c r="AE404" s="137"/>
      <c r="AF404" s="137"/>
      <c r="AG404" s="137"/>
      <c r="AH404" s="137"/>
      <c r="AI404" s="137"/>
      <c r="AJ404" s="137"/>
      <c r="AK404" s="206"/>
      <c r="AL404" s="206"/>
      <c r="AM404" s="143"/>
      <c r="AN404" s="137"/>
      <c r="AO404" s="137"/>
      <c r="AP404" s="137"/>
      <c r="AQ404" s="137"/>
      <c r="AR404" s="137"/>
      <c r="AS404" s="137"/>
      <c r="AT404" s="137"/>
      <c r="AU404" s="137"/>
      <c r="AV404" s="137"/>
      <c r="AW404" s="144"/>
    </row>
    <row r="405" spans="2:49" x14ac:dyDescent="0.2">
      <c r="B405" s="97"/>
      <c r="G405" s="43"/>
      <c r="J405" s="98"/>
      <c r="K405" s="97"/>
      <c r="N405" s="3"/>
      <c r="W405" s="98"/>
      <c r="Z405" s="143"/>
      <c r="AA405" s="137"/>
      <c r="AB405" s="137"/>
      <c r="AC405" s="137"/>
      <c r="AD405" s="137"/>
      <c r="AE405" s="137"/>
      <c r="AF405" s="137"/>
      <c r="AG405" s="137"/>
      <c r="AH405" s="137"/>
      <c r="AI405" s="137"/>
      <c r="AJ405" s="137"/>
      <c r="AK405" s="206"/>
      <c r="AL405" s="206"/>
      <c r="AM405" s="143"/>
      <c r="AN405" s="137"/>
      <c r="AO405" s="137"/>
      <c r="AP405" s="137"/>
      <c r="AQ405" s="137"/>
      <c r="AR405" s="137"/>
      <c r="AS405" s="137"/>
      <c r="AT405" s="137"/>
      <c r="AU405" s="137"/>
      <c r="AV405" s="137"/>
      <c r="AW405" s="144"/>
    </row>
    <row r="406" spans="2:49" x14ac:dyDescent="0.2">
      <c r="B406" s="97"/>
      <c r="G406" s="43"/>
      <c r="J406" s="98"/>
      <c r="K406" s="97"/>
      <c r="N406" s="3"/>
      <c r="W406" s="98"/>
      <c r="Z406" s="143"/>
      <c r="AA406" s="137"/>
      <c r="AB406" s="137"/>
      <c r="AC406" s="137"/>
      <c r="AD406" s="137"/>
      <c r="AE406" s="137"/>
      <c r="AF406" s="137"/>
      <c r="AG406" s="137"/>
      <c r="AH406" s="137"/>
      <c r="AI406" s="137"/>
      <c r="AJ406" s="137"/>
      <c r="AK406" s="206"/>
      <c r="AL406" s="206"/>
      <c r="AM406" s="143"/>
      <c r="AN406" s="137"/>
      <c r="AO406" s="137"/>
      <c r="AP406" s="137"/>
      <c r="AQ406" s="137"/>
      <c r="AR406" s="137"/>
      <c r="AS406" s="137"/>
      <c r="AT406" s="137"/>
      <c r="AU406" s="137"/>
      <c r="AV406" s="137"/>
      <c r="AW406" s="144"/>
    </row>
    <row r="407" spans="2:49" x14ac:dyDescent="0.2">
      <c r="B407" s="97"/>
      <c r="G407" s="43"/>
      <c r="J407" s="98"/>
      <c r="K407" s="97"/>
      <c r="N407" s="3"/>
      <c r="W407" s="98"/>
      <c r="Z407" s="143"/>
      <c r="AA407" s="137"/>
      <c r="AB407" s="137"/>
      <c r="AC407" s="137"/>
      <c r="AD407" s="137"/>
      <c r="AE407" s="137"/>
      <c r="AF407" s="137"/>
      <c r="AG407" s="137"/>
      <c r="AH407" s="137"/>
      <c r="AI407" s="137"/>
      <c r="AJ407" s="137"/>
      <c r="AK407" s="206"/>
      <c r="AL407" s="206"/>
      <c r="AM407" s="143"/>
      <c r="AN407" s="137"/>
      <c r="AO407" s="137"/>
      <c r="AP407" s="137"/>
      <c r="AQ407" s="137"/>
      <c r="AR407" s="137"/>
      <c r="AS407" s="137"/>
      <c r="AT407" s="137"/>
      <c r="AU407" s="137"/>
      <c r="AV407" s="137"/>
      <c r="AW407" s="144"/>
    </row>
    <row r="408" spans="2:49" x14ac:dyDescent="0.2">
      <c r="B408" s="97"/>
      <c r="G408" s="43"/>
      <c r="J408" s="98"/>
      <c r="K408" s="97"/>
      <c r="N408" s="3"/>
      <c r="W408" s="98"/>
      <c r="Z408" s="143"/>
      <c r="AA408" s="137"/>
      <c r="AB408" s="137"/>
      <c r="AC408" s="137"/>
      <c r="AD408" s="137"/>
      <c r="AE408" s="137"/>
      <c r="AF408" s="137"/>
      <c r="AG408" s="137"/>
      <c r="AH408" s="137"/>
      <c r="AI408" s="137"/>
      <c r="AJ408" s="137"/>
      <c r="AK408" s="206"/>
      <c r="AL408" s="206"/>
      <c r="AM408" s="143"/>
      <c r="AN408" s="137"/>
      <c r="AO408" s="137"/>
      <c r="AP408" s="137"/>
      <c r="AQ408" s="137"/>
      <c r="AR408" s="137"/>
      <c r="AS408" s="137"/>
      <c r="AT408" s="137"/>
      <c r="AU408" s="137"/>
      <c r="AV408" s="137"/>
      <c r="AW408" s="144"/>
    </row>
    <row r="409" spans="2:49" x14ac:dyDescent="0.2">
      <c r="B409" s="97"/>
      <c r="G409" s="43"/>
      <c r="J409" s="98"/>
      <c r="K409" s="97"/>
      <c r="N409" s="3"/>
      <c r="W409" s="98"/>
      <c r="Z409" s="143"/>
      <c r="AA409" s="137"/>
      <c r="AB409" s="137"/>
      <c r="AC409" s="137"/>
      <c r="AD409" s="137"/>
      <c r="AE409" s="137"/>
      <c r="AF409" s="137"/>
      <c r="AG409" s="137"/>
      <c r="AH409" s="137"/>
      <c r="AI409" s="137"/>
      <c r="AJ409" s="137"/>
      <c r="AK409" s="206"/>
      <c r="AL409" s="206"/>
      <c r="AM409" s="143"/>
      <c r="AN409" s="137"/>
      <c r="AO409" s="137"/>
      <c r="AP409" s="137"/>
      <c r="AQ409" s="137"/>
      <c r="AR409" s="137"/>
      <c r="AS409" s="137"/>
      <c r="AT409" s="137"/>
      <c r="AU409" s="137"/>
      <c r="AV409" s="137"/>
      <c r="AW409" s="144"/>
    </row>
    <row r="410" spans="2:49" x14ac:dyDescent="0.2">
      <c r="B410" s="97"/>
      <c r="G410" s="43"/>
      <c r="J410" s="98"/>
      <c r="K410" s="97"/>
      <c r="N410" s="3"/>
      <c r="W410" s="98"/>
      <c r="Z410" s="143"/>
      <c r="AA410" s="137"/>
      <c r="AB410" s="137"/>
      <c r="AC410" s="137"/>
      <c r="AD410" s="137"/>
      <c r="AE410" s="137"/>
      <c r="AF410" s="137"/>
      <c r="AG410" s="137"/>
      <c r="AH410" s="137"/>
      <c r="AI410" s="137"/>
      <c r="AJ410" s="137"/>
      <c r="AK410" s="206"/>
      <c r="AL410" s="206"/>
      <c r="AM410" s="143"/>
      <c r="AN410" s="137"/>
      <c r="AO410" s="137"/>
      <c r="AP410" s="137"/>
      <c r="AQ410" s="137"/>
      <c r="AR410" s="137"/>
      <c r="AS410" s="137"/>
      <c r="AT410" s="137"/>
      <c r="AU410" s="137"/>
      <c r="AV410" s="137"/>
      <c r="AW410" s="144"/>
    </row>
    <row r="411" spans="2:49" x14ac:dyDescent="0.2">
      <c r="B411" s="97"/>
      <c r="G411" s="43"/>
      <c r="J411" s="98"/>
      <c r="K411" s="97"/>
      <c r="N411" s="3"/>
      <c r="W411" s="98"/>
      <c r="Z411" s="143"/>
      <c r="AA411" s="137"/>
      <c r="AB411" s="137"/>
      <c r="AC411" s="137"/>
      <c r="AD411" s="137"/>
      <c r="AE411" s="137"/>
      <c r="AF411" s="137"/>
      <c r="AG411" s="137"/>
      <c r="AH411" s="137"/>
      <c r="AI411" s="137"/>
      <c r="AJ411" s="137"/>
      <c r="AK411" s="206"/>
      <c r="AL411" s="206"/>
      <c r="AM411" s="143"/>
      <c r="AN411" s="137"/>
      <c r="AO411" s="137"/>
      <c r="AP411" s="137"/>
      <c r="AQ411" s="137"/>
      <c r="AR411" s="137"/>
      <c r="AS411" s="137"/>
      <c r="AT411" s="137"/>
      <c r="AU411" s="137"/>
      <c r="AV411" s="137"/>
      <c r="AW411" s="144"/>
    </row>
    <row r="412" spans="2:49" x14ac:dyDescent="0.2">
      <c r="B412" s="97"/>
      <c r="G412" s="43"/>
      <c r="J412" s="98"/>
      <c r="K412" s="97"/>
      <c r="N412" s="3"/>
      <c r="W412" s="98"/>
      <c r="Z412" s="143"/>
      <c r="AA412" s="137"/>
      <c r="AB412" s="137"/>
      <c r="AC412" s="137"/>
      <c r="AD412" s="137"/>
      <c r="AE412" s="137"/>
      <c r="AF412" s="137"/>
      <c r="AG412" s="137"/>
      <c r="AH412" s="137"/>
      <c r="AI412" s="137"/>
      <c r="AJ412" s="137"/>
      <c r="AK412" s="206"/>
      <c r="AL412" s="206"/>
      <c r="AM412" s="143"/>
      <c r="AN412" s="137"/>
      <c r="AO412" s="137"/>
      <c r="AP412" s="137"/>
      <c r="AQ412" s="137"/>
      <c r="AR412" s="137"/>
      <c r="AS412" s="137"/>
      <c r="AT412" s="137"/>
      <c r="AU412" s="137"/>
      <c r="AV412" s="137"/>
      <c r="AW412" s="144"/>
    </row>
    <row r="413" spans="2:49" x14ac:dyDescent="0.2">
      <c r="B413" s="97"/>
      <c r="G413" s="43"/>
      <c r="J413" s="98"/>
      <c r="K413" s="97"/>
      <c r="N413" s="3"/>
      <c r="W413" s="98"/>
      <c r="Z413" s="143"/>
      <c r="AA413" s="137"/>
      <c r="AB413" s="137"/>
      <c r="AC413" s="137"/>
      <c r="AD413" s="137"/>
      <c r="AE413" s="137"/>
      <c r="AF413" s="137"/>
      <c r="AG413" s="137"/>
      <c r="AH413" s="137"/>
      <c r="AI413" s="137"/>
      <c r="AJ413" s="137"/>
      <c r="AK413" s="206"/>
      <c r="AL413" s="206"/>
      <c r="AM413" s="143"/>
      <c r="AN413" s="137"/>
      <c r="AO413" s="137"/>
      <c r="AP413" s="137"/>
      <c r="AQ413" s="137"/>
      <c r="AR413" s="137"/>
      <c r="AS413" s="137"/>
      <c r="AT413" s="137"/>
      <c r="AU413" s="137"/>
      <c r="AV413" s="137"/>
      <c r="AW413" s="144"/>
    </row>
    <row r="414" spans="2:49" x14ac:dyDescent="0.2">
      <c r="B414" s="97"/>
      <c r="G414" s="43"/>
      <c r="J414" s="98"/>
      <c r="K414" s="97"/>
      <c r="N414" s="3"/>
      <c r="W414" s="98"/>
      <c r="Z414" s="143"/>
      <c r="AA414" s="137"/>
      <c r="AB414" s="137"/>
      <c r="AC414" s="137"/>
      <c r="AD414" s="137"/>
      <c r="AE414" s="137"/>
      <c r="AF414" s="137"/>
      <c r="AG414" s="137"/>
      <c r="AH414" s="137"/>
      <c r="AI414" s="137"/>
      <c r="AJ414" s="137"/>
      <c r="AK414" s="206"/>
      <c r="AL414" s="206"/>
      <c r="AM414" s="143"/>
      <c r="AN414" s="137"/>
      <c r="AO414" s="137"/>
      <c r="AP414" s="137"/>
      <c r="AQ414" s="137"/>
      <c r="AR414" s="137"/>
      <c r="AS414" s="137"/>
      <c r="AT414" s="137"/>
      <c r="AU414" s="137"/>
      <c r="AV414" s="137"/>
      <c r="AW414" s="144"/>
    </row>
    <row r="415" spans="2:49" x14ac:dyDescent="0.2">
      <c r="B415" s="97"/>
      <c r="G415" s="43"/>
      <c r="J415" s="98"/>
      <c r="K415" s="97"/>
      <c r="N415" s="3"/>
      <c r="W415" s="98"/>
      <c r="Z415" s="143"/>
      <c r="AA415" s="137"/>
      <c r="AB415" s="137"/>
      <c r="AC415" s="137"/>
      <c r="AD415" s="137"/>
      <c r="AE415" s="137"/>
      <c r="AF415" s="137"/>
      <c r="AG415" s="137"/>
      <c r="AH415" s="137"/>
      <c r="AI415" s="137"/>
      <c r="AJ415" s="137"/>
      <c r="AK415" s="206"/>
      <c r="AL415" s="206"/>
      <c r="AM415" s="143"/>
      <c r="AN415" s="137"/>
      <c r="AO415" s="137"/>
      <c r="AP415" s="137"/>
      <c r="AQ415" s="137"/>
      <c r="AR415" s="137"/>
      <c r="AS415" s="137"/>
      <c r="AT415" s="137"/>
      <c r="AU415" s="137"/>
      <c r="AV415" s="137"/>
      <c r="AW415" s="144"/>
    </row>
    <row r="416" spans="2:49" x14ac:dyDescent="0.2">
      <c r="B416" s="97"/>
      <c r="G416" s="43"/>
      <c r="J416" s="98"/>
      <c r="K416" s="97"/>
      <c r="N416" s="3"/>
      <c r="W416" s="98"/>
      <c r="Z416" s="143"/>
      <c r="AA416" s="137"/>
      <c r="AB416" s="137"/>
      <c r="AC416" s="137"/>
      <c r="AD416" s="137"/>
      <c r="AE416" s="137"/>
      <c r="AF416" s="137"/>
      <c r="AG416" s="137"/>
      <c r="AH416" s="137"/>
      <c r="AI416" s="137"/>
      <c r="AJ416" s="137"/>
      <c r="AK416" s="206"/>
      <c r="AL416" s="206"/>
      <c r="AM416" s="143"/>
      <c r="AN416" s="137"/>
      <c r="AO416" s="137"/>
      <c r="AP416" s="137"/>
      <c r="AQ416" s="137"/>
      <c r="AR416" s="137"/>
      <c r="AS416" s="137"/>
      <c r="AT416" s="137"/>
      <c r="AU416" s="137"/>
      <c r="AV416" s="137"/>
      <c r="AW416" s="144"/>
    </row>
    <row r="417" spans="2:49" x14ac:dyDescent="0.2">
      <c r="B417" s="97"/>
      <c r="G417" s="43"/>
      <c r="J417" s="98"/>
      <c r="K417" s="97"/>
      <c r="N417" s="3"/>
      <c r="W417" s="98"/>
      <c r="Z417" s="143"/>
      <c r="AA417" s="137"/>
      <c r="AB417" s="137"/>
      <c r="AC417" s="137"/>
      <c r="AD417" s="137"/>
      <c r="AE417" s="137"/>
      <c r="AF417" s="137"/>
      <c r="AG417" s="137"/>
      <c r="AH417" s="137"/>
      <c r="AI417" s="137"/>
      <c r="AJ417" s="137"/>
      <c r="AK417" s="206"/>
      <c r="AL417" s="206"/>
      <c r="AM417" s="143"/>
      <c r="AN417" s="137"/>
      <c r="AO417" s="137"/>
      <c r="AP417" s="137"/>
      <c r="AQ417" s="137"/>
      <c r="AR417" s="137"/>
      <c r="AS417" s="137"/>
      <c r="AT417" s="137"/>
      <c r="AU417" s="137"/>
      <c r="AV417" s="137"/>
      <c r="AW417" s="144"/>
    </row>
    <row r="418" spans="2:49" x14ac:dyDescent="0.2">
      <c r="B418" s="97"/>
      <c r="G418" s="43"/>
      <c r="J418" s="98"/>
      <c r="K418" s="97"/>
      <c r="N418" s="3"/>
      <c r="W418" s="98"/>
      <c r="Z418" s="143"/>
      <c r="AA418" s="137"/>
      <c r="AB418" s="137"/>
      <c r="AC418" s="137"/>
      <c r="AD418" s="137"/>
      <c r="AE418" s="137"/>
      <c r="AF418" s="137"/>
      <c r="AG418" s="137"/>
      <c r="AH418" s="137"/>
      <c r="AI418" s="137"/>
      <c r="AJ418" s="137"/>
      <c r="AK418" s="206"/>
      <c r="AL418" s="206"/>
      <c r="AM418" s="143"/>
      <c r="AN418" s="137"/>
      <c r="AO418" s="137"/>
      <c r="AP418" s="137"/>
      <c r="AQ418" s="137"/>
      <c r="AR418" s="137"/>
      <c r="AS418" s="137"/>
      <c r="AT418" s="137"/>
      <c r="AU418" s="137"/>
      <c r="AV418" s="137"/>
      <c r="AW418" s="144"/>
    </row>
    <row r="419" spans="2:49" x14ac:dyDescent="0.2">
      <c r="B419" s="97"/>
      <c r="G419" s="43"/>
      <c r="J419" s="98"/>
      <c r="K419" s="97"/>
      <c r="N419" s="3"/>
      <c r="W419" s="98"/>
      <c r="Z419" s="143"/>
      <c r="AA419" s="137"/>
      <c r="AB419" s="137"/>
      <c r="AC419" s="137"/>
      <c r="AD419" s="137"/>
      <c r="AE419" s="137"/>
      <c r="AF419" s="137"/>
      <c r="AG419" s="137"/>
      <c r="AH419" s="137"/>
      <c r="AI419" s="137"/>
      <c r="AJ419" s="137"/>
      <c r="AK419" s="206"/>
      <c r="AL419" s="206"/>
      <c r="AM419" s="143"/>
      <c r="AN419" s="137"/>
      <c r="AO419" s="137"/>
      <c r="AP419" s="137"/>
      <c r="AQ419" s="137"/>
      <c r="AR419" s="137"/>
      <c r="AS419" s="137"/>
      <c r="AT419" s="137"/>
      <c r="AU419" s="137"/>
      <c r="AV419" s="137"/>
      <c r="AW419" s="144"/>
    </row>
    <row r="420" spans="2:49" x14ac:dyDescent="0.2">
      <c r="B420" s="97"/>
      <c r="G420" s="43"/>
      <c r="J420" s="98"/>
      <c r="K420" s="97"/>
      <c r="N420" s="3"/>
      <c r="W420" s="98"/>
      <c r="Z420" s="143"/>
      <c r="AA420" s="137"/>
      <c r="AB420" s="137"/>
      <c r="AC420" s="137"/>
      <c r="AD420" s="137"/>
      <c r="AE420" s="137"/>
      <c r="AF420" s="137"/>
      <c r="AG420" s="137"/>
      <c r="AH420" s="137"/>
      <c r="AI420" s="137"/>
      <c r="AJ420" s="137"/>
      <c r="AK420" s="206"/>
      <c r="AL420" s="206"/>
      <c r="AM420" s="143"/>
      <c r="AN420" s="137"/>
      <c r="AO420" s="137"/>
      <c r="AP420" s="137"/>
      <c r="AQ420" s="137"/>
      <c r="AR420" s="137"/>
      <c r="AS420" s="137"/>
      <c r="AT420" s="137"/>
      <c r="AU420" s="137"/>
      <c r="AV420" s="137"/>
      <c r="AW420" s="144"/>
    </row>
    <row r="421" spans="2:49" x14ac:dyDescent="0.2">
      <c r="B421" s="97"/>
      <c r="G421" s="43"/>
      <c r="J421" s="98"/>
      <c r="K421" s="97"/>
      <c r="N421" s="3"/>
      <c r="W421" s="98"/>
      <c r="Z421" s="143"/>
      <c r="AA421" s="137"/>
      <c r="AB421" s="137"/>
      <c r="AC421" s="137"/>
      <c r="AD421" s="137"/>
      <c r="AE421" s="137"/>
      <c r="AF421" s="137"/>
      <c r="AG421" s="137"/>
      <c r="AH421" s="137"/>
      <c r="AI421" s="137"/>
      <c r="AJ421" s="137"/>
      <c r="AK421" s="206"/>
      <c r="AL421" s="206"/>
      <c r="AM421" s="143"/>
      <c r="AN421" s="137"/>
      <c r="AO421" s="137"/>
      <c r="AP421" s="137"/>
      <c r="AQ421" s="137"/>
      <c r="AR421" s="137"/>
      <c r="AS421" s="137"/>
      <c r="AT421" s="137"/>
      <c r="AU421" s="137"/>
      <c r="AV421" s="137"/>
      <c r="AW421" s="144"/>
    </row>
    <row r="422" spans="2:49" x14ac:dyDescent="0.2">
      <c r="B422" s="97"/>
      <c r="G422" s="43"/>
      <c r="J422" s="98"/>
      <c r="K422" s="97"/>
      <c r="N422" s="3"/>
      <c r="W422" s="98"/>
      <c r="Z422" s="143"/>
      <c r="AA422" s="137"/>
      <c r="AB422" s="137"/>
      <c r="AC422" s="137"/>
      <c r="AD422" s="137"/>
      <c r="AE422" s="137"/>
      <c r="AF422" s="137"/>
      <c r="AG422" s="137"/>
      <c r="AH422" s="137"/>
      <c r="AI422" s="137"/>
      <c r="AJ422" s="137"/>
      <c r="AK422" s="206"/>
      <c r="AL422" s="206"/>
      <c r="AM422" s="143"/>
      <c r="AN422" s="137"/>
      <c r="AO422" s="137"/>
      <c r="AP422" s="137"/>
      <c r="AQ422" s="137"/>
      <c r="AR422" s="137"/>
      <c r="AS422" s="137"/>
      <c r="AT422" s="137"/>
      <c r="AU422" s="137"/>
      <c r="AV422" s="137"/>
      <c r="AW422" s="144"/>
    </row>
    <row r="423" spans="2:49" x14ac:dyDescent="0.2">
      <c r="B423" s="97"/>
      <c r="G423" s="43"/>
      <c r="J423" s="98"/>
      <c r="K423" s="97"/>
      <c r="N423" s="3"/>
      <c r="W423" s="98"/>
      <c r="Z423" s="143"/>
      <c r="AA423" s="137"/>
      <c r="AB423" s="137"/>
      <c r="AC423" s="137"/>
      <c r="AD423" s="137"/>
      <c r="AE423" s="137"/>
      <c r="AF423" s="137"/>
      <c r="AG423" s="137"/>
      <c r="AH423" s="137"/>
      <c r="AI423" s="137"/>
      <c r="AJ423" s="137"/>
      <c r="AK423" s="206"/>
      <c r="AL423" s="206"/>
      <c r="AM423" s="143"/>
      <c r="AN423" s="137"/>
      <c r="AO423" s="137"/>
      <c r="AP423" s="137"/>
      <c r="AQ423" s="137"/>
      <c r="AR423" s="137"/>
      <c r="AS423" s="137"/>
      <c r="AT423" s="137"/>
      <c r="AU423" s="137"/>
      <c r="AV423" s="137"/>
      <c r="AW423" s="144"/>
    </row>
    <row r="424" spans="2:49" x14ac:dyDescent="0.2">
      <c r="B424" s="97"/>
      <c r="G424" s="43"/>
      <c r="J424" s="98"/>
      <c r="K424" s="97"/>
      <c r="N424" s="3"/>
      <c r="W424" s="98"/>
      <c r="Z424" s="143"/>
      <c r="AA424" s="137"/>
      <c r="AB424" s="137"/>
      <c r="AC424" s="137"/>
      <c r="AD424" s="137"/>
      <c r="AE424" s="137"/>
      <c r="AF424" s="137"/>
      <c r="AG424" s="137"/>
      <c r="AH424" s="137"/>
      <c r="AI424" s="137"/>
      <c r="AJ424" s="137"/>
      <c r="AK424" s="206"/>
      <c r="AL424" s="206"/>
      <c r="AM424" s="143"/>
      <c r="AN424" s="137"/>
      <c r="AO424" s="137"/>
      <c r="AP424" s="137"/>
      <c r="AQ424" s="137"/>
      <c r="AR424" s="137"/>
      <c r="AS424" s="137"/>
      <c r="AT424" s="137"/>
      <c r="AU424" s="137"/>
      <c r="AV424" s="137"/>
      <c r="AW424" s="144"/>
    </row>
    <row r="425" spans="2:49" x14ac:dyDescent="0.2">
      <c r="B425" s="97"/>
      <c r="G425" s="43"/>
      <c r="J425" s="98"/>
      <c r="K425" s="97"/>
      <c r="N425" s="3"/>
      <c r="W425" s="98"/>
      <c r="Z425" s="143"/>
      <c r="AA425" s="137"/>
      <c r="AB425" s="137"/>
      <c r="AC425" s="137"/>
      <c r="AD425" s="137"/>
      <c r="AE425" s="137"/>
      <c r="AF425" s="137"/>
      <c r="AG425" s="137"/>
      <c r="AH425" s="137"/>
      <c r="AI425" s="137"/>
      <c r="AJ425" s="137"/>
      <c r="AK425" s="206"/>
      <c r="AL425" s="206"/>
      <c r="AM425" s="143"/>
      <c r="AN425" s="137"/>
      <c r="AO425" s="137"/>
      <c r="AP425" s="137"/>
      <c r="AQ425" s="137"/>
      <c r="AR425" s="137"/>
      <c r="AS425" s="137"/>
      <c r="AT425" s="137"/>
      <c r="AU425" s="137"/>
      <c r="AV425" s="137"/>
      <c r="AW425" s="144"/>
    </row>
    <row r="426" spans="2:49" x14ac:dyDescent="0.2">
      <c r="B426" s="97"/>
      <c r="G426" s="43"/>
      <c r="J426" s="98"/>
      <c r="K426" s="97"/>
      <c r="N426" s="3"/>
      <c r="W426" s="98"/>
      <c r="Z426" s="143"/>
      <c r="AA426" s="137"/>
      <c r="AB426" s="137"/>
      <c r="AC426" s="137"/>
      <c r="AD426" s="137"/>
      <c r="AE426" s="137"/>
      <c r="AF426" s="137"/>
      <c r="AG426" s="137"/>
      <c r="AH426" s="137"/>
      <c r="AI426" s="137"/>
      <c r="AJ426" s="137"/>
      <c r="AK426" s="206"/>
      <c r="AL426" s="206"/>
      <c r="AM426" s="143"/>
      <c r="AN426" s="137"/>
      <c r="AO426" s="137"/>
      <c r="AP426" s="137"/>
      <c r="AQ426" s="137"/>
      <c r="AR426" s="137"/>
      <c r="AS426" s="137"/>
      <c r="AT426" s="137"/>
      <c r="AU426" s="137"/>
      <c r="AV426" s="137"/>
      <c r="AW426" s="144"/>
    </row>
    <row r="427" spans="2:49" x14ac:dyDescent="0.2">
      <c r="B427" s="97"/>
      <c r="G427" s="43"/>
      <c r="J427" s="98"/>
      <c r="K427" s="97"/>
      <c r="N427" s="3"/>
      <c r="W427" s="98"/>
      <c r="Z427" s="143"/>
      <c r="AA427" s="137"/>
      <c r="AB427" s="137"/>
      <c r="AC427" s="137"/>
      <c r="AD427" s="137"/>
      <c r="AE427" s="137"/>
      <c r="AF427" s="137"/>
      <c r="AG427" s="137"/>
      <c r="AH427" s="137"/>
      <c r="AI427" s="137"/>
      <c r="AJ427" s="137"/>
      <c r="AK427" s="206"/>
      <c r="AL427" s="206"/>
      <c r="AM427" s="143"/>
      <c r="AN427" s="137"/>
      <c r="AO427" s="137"/>
      <c r="AP427" s="137"/>
      <c r="AQ427" s="137"/>
      <c r="AR427" s="137"/>
      <c r="AS427" s="137"/>
      <c r="AT427" s="137"/>
      <c r="AU427" s="137"/>
      <c r="AV427" s="137"/>
      <c r="AW427" s="144"/>
    </row>
    <row r="428" spans="2:49" x14ac:dyDescent="0.2">
      <c r="B428" s="97"/>
      <c r="G428" s="43"/>
      <c r="J428" s="98"/>
      <c r="K428" s="97"/>
      <c r="N428" s="3"/>
      <c r="W428" s="98"/>
      <c r="Z428" s="143"/>
      <c r="AA428" s="137"/>
      <c r="AB428" s="137"/>
      <c r="AC428" s="137"/>
      <c r="AD428" s="137"/>
      <c r="AE428" s="137"/>
      <c r="AF428" s="137"/>
      <c r="AG428" s="137"/>
      <c r="AH428" s="137"/>
      <c r="AI428" s="137"/>
      <c r="AJ428" s="137"/>
      <c r="AK428" s="206"/>
      <c r="AL428" s="206"/>
      <c r="AM428" s="143"/>
      <c r="AN428" s="137"/>
      <c r="AO428" s="137"/>
      <c r="AP428" s="137"/>
      <c r="AQ428" s="137"/>
      <c r="AR428" s="137"/>
      <c r="AS428" s="137"/>
      <c r="AT428" s="137"/>
      <c r="AU428" s="137"/>
      <c r="AV428" s="137"/>
      <c r="AW428" s="144"/>
    </row>
    <row r="429" spans="2:49" x14ac:dyDescent="0.2">
      <c r="B429" s="97"/>
      <c r="G429" s="43"/>
      <c r="J429" s="98"/>
      <c r="K429" s="97"/>
      <c r="N429" s="3"/>
      <c r="W429" s="98"/>
      <c r="Z429" s="143"/>
      <c r="AA429" s="137"/>
      <c r="AB429" s="137"/>
      <c r="AC429" s="137"/>
      <c r="AD429" s="137"/>
      <c r="AE429" s="137"/>
      <c r="AF429" s="137"/>
      <c r="AG429" s="137"/>
      <c r="AH429" s="137"/>
      <c r="AI429" s="137"/>
      <c r="AJ429" s="137"/>
      <c r="AK429" s="206"/>
      <c r="AL429" s="206"/>
      <c r="AM429" s="143"/>
      <c r="AN429" s="137"/>
      <c r="AO429" s="137"/>
      <c r="AP429" s="137"/>
      <c r="AQ429" s="137"/>
      <c r="AR429" s="137"/>
      <c r="AS429" s="137"/>
      <c r="AT429" s="137"/>
      <c r="AU429" s="137"/>
      <c r="AV429" s="137"/>
      <c r="AW429" s="144"/>
    </row>
    <row r="430" spans="2:49" x14ac:dyDescent="0.2">
      <c r="B430" s="97"/>
      <c r="G430" s="43"/>
      <c r="J430" s="98"/>
      <c r="K430" s="97"/>
      <c r="N430" s="3"/>
      <c r="W430" s="98"/>
      <c r="Z430" s="143"/>
      <c r="AA430" s="137"/>
      <c r="AB430" s="137"/>
      <c r="AC430" s="137"/>
      <c r="AD430" s="137"/>
      <c r="AE430" s="137"/>
      <c r="AF430" s="137"/>
      <c r="AG430" s="137"/>
      <c r="AH430" s="137"/>
      <c r="AI430" s="137"/>
      <c r="AJ430" s="137"/>
      <c r="AK430" s="206"/>
      <c r="AL430" s="206"/>
      <c r="AM430" s="143"/>
      <c r="AN430" s="137"/>
      <c r="AO430" s="137"/>
      <c r="AP430" s="137"/>
      <c r="AQ430" s="137"/>
      <c r="AR430" s="137"/>
      <c r="AS430" s="137"/>
      <c r="AT430" s="137"/>
      <c r="AU430" s="137"/>
      <c r="AV430" s="137"/>
      <c r="AW430" s="144"/>
    </row>
    <row r="431" spans="2:49" x14ac:dyDescent="0.2">
      <c r="B431" s="97"/>
      <c r="G431" s="43"/>
      <c r="J431" s="98"/>
      <c r="K431" s="97"/>
      <c r="N431" s="3"/>
      <c r="W431" s="98"/>
      <c r="Z431" s="143"/>
      <c r="AA431" s="137"/>
      <c r="AB431" s="137"/>
      <c r="AC431" s="137"/>
      <c r="AD431" s="137"/>
      <c r="AE431" s="137"/>
      <c r="AF431" s="137"/>
      <c r="AG431" s="137"/>
      <c r="AH431" s="137"/>
      <c r="AI431" s="137"/>
      <c r="AJ431" s="137"/>
      <c r="AK431" s="206"/>
      <c r="AL431" s="206"/>
      <c r="AM431" s="143"/>
      <c r="AN431" s="137"/>
      <c r="AO431" s="137"/>
      <c r="AP431" s="137"/>
      <c r="AQ431" s="137"/>
      <c r="AR431" s="137"/>
      <c r="AS431" s="137"/>
      <c r="AT431" s="137"/>
      <c r="AU431" s="137"/>
      <c r="AV431" s="137"/>
      <c r="AW431" s="144"/>
    </row>
    <row r="432" spans="2:49" x14ac:dyDescent="0.2">
      <c r="B432" s="97"/>
      <c r="G432" s="43"/>
      <c r="J432" s="98"/>
      <c r="K432" s="97"/>
      <c r="N432" s="3"/>
      <c r="W432" s="98"/>
      <c r="Z432" s="143"/>
      <c r="AA432" s="137"/>
      <c r="AB432" s="137"/>
      <c r="AC432" s="137"/>
      <c r="AD432" s="137"/>
      <c r="AE432" s="137"/>
      <c r="AF432" s="137"/>
      <c r="AG432" s="137"/>
      <c r="AH432" s="137"/>
      <c r="AI432" s="137"/>
      <c r="AJ432" s="137"/>
      <c r="AK432" s="206"/>
      <c r="AL432" s="206"/>
      <c r="AM432" s="143"/>
      <c r="AN432" s="137"/>
      <c r="AO432" s="137"/>
      <c r="AP432" s="137"/>
      <c r="AQ432" s="137"/>
      <c r="AR432" s="137"/>
      <c r="AS432" s="137"/>
      <c r="AT432" s="137"/>
      <c r="AU432" s="137"/>
      <c r="AV432" s="137"/>
      <c r="AW432" s="144"/>
    </row>
    <row r="433" spans="2:49" x14ac:dyDescent="0.2">
      <c r="B433" s="97"/>
      <c r="G433" s="43"/>
      <c r="J433" s="98"/>
      <c r="K433" s="97"/>
      <c r="N433" s="3"/>
      <c r="W433" s="98"/>
      <c r="Z433" s="143"/>
      <c r="AA433" s="137"/>
      <c r="AB433" s="137"/>
      <c r="AC433" s="137"/>
      <c r="AD433" s="137"/>
      <c r="AE433" s="137"/>
      <c r="AF433" s="137"/>
      <c r="AG433" s="137"/>
      <c r="AH433" s="137"/>
      <c r="AI433" s="137"/>
      <c r="AJ433" s="137"/>
      <c r="AK433" s="206"/>
      <c r="AL433" s="206"/>
      <c r="AM433" s="143"/>
      <c r="AN433" s="137"/>
      <c r="AO433" s="137"/>
      <c r="AP433" s="137"/>
      <c r="AQ433" s="137"/>
      <c r="AR433" s="137"/>
      <c r="AS433" s="137"/>
      <c r="AT433" s="137"/>
      <c r="AU433" s="137"/>
      <c r="AV433" s="137"/>
      <c r="AW433" s="144"/>
    </row>
    <row r="434" spans="2:49" x14ac:dyDescent="0.2">
      <c r="B434" s="97"/>
      <c r="G434" s="43"/>
      <c r="J434" s="98"/>
      <c r="K434" s="97"/>
      <c r="N434" s="3"/>
      <c r="W434" s="98"/>
      <c r="Z434" s="143"/>
      <c r="AA434" s="137"/>
      <c r="AB434" s="137"/>
      <c r="AC434" s="137"/>
      <c r="AD434" s="137"/>
      <c r="AE434" s="137"/>
      <c r="AF434" s="137"/>
      <c r="AG434" s="137"/>
      <c r="AH434" s="137"/>
      <c r="AI434" s="137"/>
      <c r="AJ434" s="137"/>
      <c r="AK434" s="206"/>
      <c r="AL434" s="206"/>
      <c r="AM434" s="143"/>
      <c r="AN434" s="137"/>
      <c r="AO434" s="137"/>
      <c r="AP434" s="137"/>
      <c r="AQ434" s="137"/>
      <c r="AR434" s="137"/>
      <c r="AS434" s="137"/>
      <c r="AT434" s="137"/>
      <c r="AU434" s="137"/>
      <c r="AV434" s="137"/>
      <c r="AW434" s="144"/>
    </row>
    <row r="435" spans="2:49" x14ac:dyDescent="0.2">
      <c r="B435" s="97"/>
      <c r="G435" s="43"/>
      <c r="J435" s="98"/>
      <c r="K435" s="97"/>
      <c r="N435" s="3"/>
      <c r="W435" s="98"/>
      <c r="Z435" s="143"/>
      <c r="AA435" s="137"/>
      <c r="AB435" s="137"/>
      <c r="AC435" s="137"/>
      <c r="AD435" s="137"/>
      <c r="AE435" s="137"/>
      <c r="AF435" s="137"/>
      <c r="AG435" s="137"/>
      <c r="AH435" s="137"/>
      <c r="AI435" s="137"/>
      <c r="AJ435" s="137"/>
      <c r="AK435" s="206"/>
      <c r="AL435" s="206"/>
      <c r="AM435" s="143"/>
      <c r="AN435" s="137"/>
      <c r="AO435" s="137"/>
      <c r="AP435" s="137"/>
      <c r="AQ435" s="137"/>
      <c r="AR435" s="137"/>
      <c r="AS435" s="137"/>
      <c r="AT435" s="137"/>
      <c r="AU435" s="137"/>
      <c r="AV435" s="137"/>
      <c r="AW435" s="144"/>
    </row>
    <row r="436" spans="2:49" x14ac:dyDescent="0.2">
      <c r="B436" s="97"/>
      <c r="G436" s="43"/>
      <c r="J436" s="98"/>
      <c r="K436" s="97"/>
      <c r="N436" s="3"/>
      <c r="W436" s="98"/>
      <c r="Z436" s="143"/>
      <c r="AA436" s="137"/>
      <c r="AB436" s="137"/>
      <c r="AC436" s="137"/>
      <c r="AD436" s="137"/>
      <c r="AE436" s="137"/>
      <c r="AF436" s="137"/>
      <c r="AG436" s="137"/>
      <c r="AH436" s="137"/>
      <c r="AI436" s="137"/>
      <c r="AJ436" s="137"/>
      <c r="AK436" s="206"/>
      <c r="AL436" s="206"/>
      <c r="AM436" s="143"/>
      <c r="AN436" s="137"/>
      <c r="AO436" s="137"/>
      <c r="AP436" s="137"/>
      <c r="AQ436" s="137"/>
      <c r="AR436" s="137"/>
      <c r="AS436" s="137"/>
      <c r="AT436" s="137"/>
      <c r="AU436" s="137"/>
      <c r="AV436" s="137"/>
      <c r="AW436" s="144"/>
    </row>
    <row r="437" spans="2:49" x14ac:dyDescent="0.2">
      <c r="B437" s="97"/>
      <c r="G437" s="43"/>
      <c r="J437" s="98"/>
      <c r="K437" s="97"/>
      <c r="N437" s="3"/>
      <c r="W437" s="98"/>
      <c r="Z437" s="143"/>
      <c r="AA437" s="137"/>
      <c r="AB437" s="137"/>
      <c r="AC437" s="137"/>
      <c r="AD437" s="137"/>
      <c r="AE437" s="137"/>
      <c r="AF437" s="137"/>
      <c r="AG437" s="137"/>
      <c r="AH437" s="137"/>
      <c r="AI437" s="137"/>
      <c r="AJ437" s="137"/>
      <c r="AK437" s="206"/>
      <c r="AL437" s="206"/>
      <c r="AM437" s="143"/>
      <c r="AN437" s="137"/>
      <c r="AO437" s="137"/>
      <c r="AP437" s="137"/>
      <c r="AQ437" s="137"/>
      <c r="AR437" s="137"/>
      <c r="AS437" s="137"/>
      <c r="AT437" s="137"/>
      <c r="AU437" s="137"/>
      <c r="AV437" s="137"/>
      <c r="AW437" s="144"/>
    </row>
    <row r="438" spans="2:49" x14ac:dyDescent="0.2">
      <c r="B438" s="97"/>
      <c r="G438" s="43"/>
      <c r="J438" s="98"/>
      <c r="K438" s="97"/>
      <c r="N438" s="3"/>
      <c r="W438" s="98"/>
      <c r="Z438" s="143"/>
      <c r="AA438" s="137"/>
      <c r="AB438" s="137"/>
      <c r="AC438" s="137"/>
      <c r="AD438" s="137"/>
      <c r="AE438" s="137"/>
      <c r="AF438" s="137"/>
      <c r="AG438" s="137"/>
      <c r="AH438" s="137"/>
      <c r="AI438" s="137"/>
      <c r="AJ438" s="137"/>
      <c r="AK438" s="206"/>
      <c r="AL438" s="206"/>
      <c r="AM438" s="143"/>
      <c r="AN438" s="137"/>
      <c r="AO438" s="137"/>
      <c r="AP438" s="137"/>
      <c r="AQ438" s="137"/>
      <c r="AR438" s="137"/>
      <c r="AS438" s="137"/>
      <c r="AT438" s="137"/>
      <c r="AU438" s="137"/>
      <c r="AV438" s="137"/>
      <c r="AW438" s="144"/>
    </row>
    <row r="439" spans="2:49" x14ac:dyDescent="0.2">
      <c r="B439" s="97"/>
      <c r="G439" s="43"/>
      <c r="J439" s="98"/>
      <c r="K439" s="97"/>
      <c r="N439" s="3"/>
      <c r="W439" s="98"/>
      <c r="Z439" s="143"/>
      <c r="AA439" s="137"/>
      <c r="AB439" s="137"/>
      <c r="AC439" s="137"/>
      <c r="AD439" s="137"/>
      <c r="AE439" s="137"/>
      <c r="AF439" s="137"/>
      <c r="AG439" s="137"/>
      <c r="AH439" s="137"/>
      <c r="AI439" s="137"/>
      <c r="AJ439" s="137"/>
      <c r="AK439" s="206"/>
      <c r="AL439" s="206"/>
      <c r="AM439" s="143"/>
      <c r="AN439" s="137"/>
      <c r="AO439" s="137"/>
      <c r="AP439" s="137"/>
      <c r="AQ439" s="137"/>
      <c r="AR439" s="137"/>
      <c r="AS439" s="137"/>
      <c r="AT439" s="137"/>
      <c r="AU439" s="137"/>
      <c r="AV439" s="137"/>
      <c r="AW439" s="144"/>
    </row>
    <row r="440" spans="2:49" x14ac:dyDescent="0.2">
      <c r="B440" s="97"/>
      <c r="G440" s="43"/>
      <c r="J440" s="98"/>
      <c r="K440" s="97"/>
      <c r="N440" s="3"/>
      <c r="W440" s="98"/>
      <c r="Z440" s="143"/>
      <c r="AA440" s="137"/>
      <c r="AB440" s="137"/>
      <c r="AC440" s="137"/>
      <c r="AD440" s="137"/>
      <c r="AE440" s="137"/>
      <c r="AF440" s="137"/>
      <c r="AG440" s="137"/>
      <c r="AH440" s="137"/>
      <c r="AI440" s="137"/>
      <c r="AJ440" s="137"/>
      <c r="AK440" s="206"/>
      <c r="AL440" s="206"/>
      <c r="AM440" s="143"/>
      <c r="AN440" s="137"/>
      <c r="AO440" s="137"/>
      <c r="AP440" s="137"/>
      <c r="AQ440" s="137"/>
      <c r="AR440" s="137"/>
      <c r="AS440" s="137"/>
      <c r="AT440" s="137"/>
      <c r="AU440" s="137"/>
      <c r="AV440" s="137"/>
      <c r="AW440" s="144"/>
    </row>
    <row r="441" spans="2:49" x14ac:dyDescent="0.2">
      <c r="B441" s="97"/>
      <c r="G441" s="43"/>
      <c r="J441" s="98"/>
      <c r="K441" s="97"/>
      <c r="N441" s="3"/>
      <c r="W441" s="98"/>
      <c r="Z441" s="143"/>
      <c r="AA441" s="137"/>
      <c r="AB441" s="137"/>
      <c r="AC441" s="137"/>
      <c r="AD441" s="137"/>
      <c r="AE441" s="137"/>
      <c r="AF441" s="137"/>
      <c r="AG441" s="137"/>
      <c r="AH441" s="137"/>
      <c r="AI441" s="137"/>
      <c r="AJ441" s="137"/>
      <c r="AK441" s="206"/>
      <c r="AL441" s="206"/>
      <c r="AM441" s="143"/>
      <c r="AN441" s="137"/>
      <c r="AO441" s="137"/>
      <c r="AP441" s="137"/>
      <c r="AQ441" s="137"/>
      <c r="AR441" s="137"/>
      <c r="AS441" s="137"/>
      <c r="AT441" s="137"/>
      <c r="AU441" s="137"/>
      <c r="AV441" s="137"/>
      <c r="AW441" s="144"/>
    </row>
    <row r="442" spans="2:49" x14ac:dyDescent="0.2">
      <c r="B442" s="97"/>
      <c r="G442" s="43"/>
      <c r="J442" s="98"/>
      <c r="K442" s="97"/>
      <c r="N442" s="3"/>
      <c r="W442" s="98"/>
      <c r="Z442" s="143"/>
      <c r="AA442" s="137"/>
      <c r="AB442" s="137"/>
      <c r="AC442" s="137"/>
      <c r="AD442" s="137"/>
      <c r="AE442" s="137"/>
      <c r="AF442" s="137"/>
      <c r="AG442" s="137"/>
      <c r="AH442" s="137"/>
      <c r="AI442" s="137"/>
      <c r="AJ442" s="137"/>
      <c r="AK442" s="206"/>
      <c r="AL442" s="206"/>
      <c r="AM442" s="143"/>
      <c r="AN442" s="137"/>
      <c r="AO442" s="137"/>
      <c r="AP442" s="137"/>
      <c r="AQ442" s="137"/>
      <c r="AR442" s="137"/>
      <c r="AS442" s="137"/>
      <c r="AT442" s="137"/>
      <c r="AU442" s="137"/>
      <c r="AV442" s="137"/>
      <c r="AW442" s="144"/>
    </row>
    <row r="443" spans="2:49" x14ac:dyDescent="0.2">
      <c r="B443" s="97"/>
      <c r="G443" s="43"/>
      <c r="J443" s="98"/>
      <c r="K443" s="97"/>
      <c r="N443" s="3"/>
      <c r="W443" s="98"/>
      <c r="Z443" s="143"/>
      <c r="AA443" s="137"/>
      <c r="AB443" s="137"/>
      <c r="AC443" s="137"/>
      <c r="AD443" s="137"/>
      <c r="AE443" s="137"/>
      <c r="AF443" s="137"/>
      <c r="AG443" s="137"/>
      <c r="AH443" s="137"/>
      <c r="AI443" s="137"/>
      <c r="AJ443" s="137"/>
      <c r="AK443" s="206"/>
      <c r="AL443" s="206"/>
      <c r="AM443" s="143"/>
      <c r="AN443" s="137"/>
      <c r="AO443" s="137"/>
      <c r="AP443" s="137"/>
      <c r="AQ443" s="137"/>
      <c r="AR443" s="137"/>
      <c r="AS443" s="137"/>
      <c r="AT443" s="137"/>
      <c r="AU443" s="137"/>
      <c r="AV443" s="137"/>
      <c r="AW443" s="144"/>
    </row>
    <row r="444" spans="2:49" x14ac:dyDescent="0.2">
      <c r="B444" s="97"/>
      <c r="G444" s="43"/>
      <c r="J444" s="98"/>
      <c r="K444" s="97"/>
      <c r="N444" s="3"/>
      <c r="W444" s="98"/>
      <c r="Z444" s="143"/>
      <c r="AA444" s="137"/>
      <c r="AB444" s="137"/>
      <c r="AC444" s="137"/>
      <c r="AD444" s="137"/>
      <c r="AE444" s="137"/>
      <c r="AF444" s="137"/>
      <c r="AG444" s="137"/>
      <c r="AH444" s="137"/>
      <c r="AI444" s="137"/>
      <c r="AJ444" s="137"/>
      <c r="AK444" s="206"/>
      <c r="AL444" s="206"/>
      <c r="AM444" s="143"/>
      <c r="AN444" s="137"/>
      <c r="AO444" s="137"/>
      <c r="AP444" s="137"/>
      <c r="AQ444" s="137"/>
      <c r="AR444" s="137"/>
      <c r="AS444" s="137"/>
      <c r="AT444" s="137"/>
      <c r="AU444" s="137"/>
      <c r="AV444" s="137"/>
      <c r="AW444" s="144"/>
    </row>
    <row r="445" spans="2:49" x14ac:dyDescent="0.2">
      <c r="B445" s="97"/>
      <c r="G445" s="43"/>
      <c r="J445" s="98"/>
      <c r="K445" s="97"/>
      <c r="N445" s="3"/>
      <c r="W445" s="98"/>
      <c r="Z445" s="143"/>
      <c r="AA445" s="137"/>
      <c r="AB445" s="137"/>
      <c r="AC445" s="137"/>
      <c r="AD445" s="137"/>
      <c r="AE445" s="137"/>
      <c r="AF445" s="137"/>
      <c r="AG445" s="137"/>
      <c r="AH445" s="137"/>
      <c r="AI445" s="137"/>
      <c r="AJ445" s="137"/>
      <c r="AK445" s="206"/>
      <c r="AL445" s="206"/>
      <c r="AM445" s="143"/>
      <c r="AN445" s="137"/>
      <c r="AO445" s="137"/>
      <c r="AP445" s="137"/>
      <c r="AQ445" s="137"/>
      <c r="AR445" s="137"/>
      <c r="AS445" s="137"/>
      <c r="AT445" s="137"/>
      <c r="AU445" s="137"/>
      <c r="AV445" s="137"/>
      <c r="AW445" s="144"/>
    </row>
    <row r="446" spans="2:49" x14ac:dyDescent="0.2">
      <c r="B446" s="97"/>
      <c r="G446" s="43"/>
      <c r="J446" s="98"/>
      <c r="K446" s="97"/>
      <c r="N446" s="3"/>
      <c r="W446" s="98"/>
      <c r="Z446" s="143"/>
      <c r="AA446" s="137"/>
      <c r="AB446" s="137"/>
      <c r="AC446" s="137"/>
      <c r="AD446" s="137"/>
      <c r="AE446" s="137"/>
      <c r="AF446" s="137"/>
      <c r="AG446" s="137"/>
      <c r="AH446" s="137"/>
      <c r="AI446" s="137"/>
      <c r="AJ446" s="137"/>
      <c r="AK446" s="206"/>
      <c r="AL446" s="206"/>
      <c r="AM446" s="143"/>
      <c r="AN446" s="137"/>
      <c r="AO446" s="137"/>
      <c r="AP446" s="137"/>
      <c r="AQ446" s="137"/>
      <c r="AR446" s="137"/>
      <c r="AS446" s="137"/>
      <c r="AT446" s="137"/>
      <c r="AU446" s="137"/>
      <c r="AV446" s="137"/>
      <c r="AW446" s="144"/>
    </row>
    <row r="447" spans="2:49" x14ac:dyDescent="0.2">
      <c r="B447" s="97"/>
      <c r="G447" s="43"/>
      <c r="J447" s="98"/>
      <c r="K447" s="97"/>
      <c r="N447" s="3"/>
      <c r="W447" s="98"/>
      <c r="Z447" s="143"/>
      <c r="AA447" s="137"/>
      <c r="AB447" s="137"/>
      <c r="AC447" s="137"/>
      <c r="AD447" s="137"/>
      <c r="AE447" s="137"/>
      <c r="AF447" s="137"/>
      <c r="AG447" s="137"/>
      <c r="AH447" s="137"/>
      <c r="AI447" s="137"/>
      <c r="AJ447" s="137"/>
      <c r="AK447" s="206"/>
      <c r="AL447" s="206"/>
      <c r="AM447" s="143"/>
      <c r="AN447" s="137"/>
      <c r="AO447" s="137"/>
      <c r="AP447" s="137"/>
      <c r="AQ447" s="137"/>
      <c r="AR447" s="137"/>
      <c r="AS447" s="137"/>
      <c r="AT447" s="137"/>
      <c r="AU447" s="137"/>
      <c r="AV447" s="137"/>
      <c r="AW447" s="144"/>
    </row>
    <row r="448" spans="2:49" x14ac:dyDescent="0.2">
      <c r="B448" s="97"/>
      <c r="G448" s="43"/>
      <c r="J448" s="98"/>
      <c r="K448" s="97"/>
      <c r="N448" s="3"/>
      <c r="W448" s="98"/>
      <c r="Z448" s="143"/>
      <c r="AA448" s="137"/>
      <c r="AB448" s="137"/>
      <c r="AC448" s="137"/>
      <c r="AD448" s="137"/>
      <c r="AE448" s="137"/>
      <c r="AF448" s="137"/>
      <c r="AG448" s="137"/>
      <c r="AH448" s="137"/>
      <c r="AI448" s="137"/>
      <c r="AJ448" s="137"/>
      <c r="AK448" s="206"/>
      <c r="AL448" s="206"/>
      <c r="AM448" s="143"/>
      <c r="AN448" s="137"/>
      <c r="AO448" s="137"/>
      <c r="AP448" s="137"/>
      <c r="AQ448" s="137"/>
      <c r="AR448" s="137"/>
      <c r="AS448" s="137"/>
      <c r="AT448" s="137"/>
      <c r="AU448" s="137"/>
      <c r="AV448" s="137"/>
      <c r="AW448" s="144"/>
    </row>
    <row r="449" spans="2:49" x14ac:dyDescent="0.2">
      <c r="B449" s="97"/>
      <c r="G449" s="43"/>
      <c r="J449" s="98"/>
      <c r="K449" s="97"/>
      <c r="N449" s="3"/>
      <c r="W449" s="98"/>
      <c r="Z449" s="143"/>
      <c r="AA449" s="137"/>
      <c r="AB449" s="137"/>
      <c r="AC449" s="137"/>
      <c r="AD449" s="137"/>
      <c r="AE449" s="137"/>
      <c r="AF449" s="137"/>
      <c r="AG449" s="137"/>
      <c r="AH449" s="137"/>
      <c r="AI449" s="137"/>
      <c r="AJ449" s="137"/>
      <c r="AK449" s="206"/>
      <c r="AL449" s="206"/>
      <c r="AM449" s="143"/>
      <c r="AN449" s="137"/>
      <c r="AO449" s="137"/>
      <c r="AP449" s="137"/>
      <c r="AQ449" s="137"/>
      <c r="AR449" s="137"/>
      <c r="AS449" s="137"/>
      <c r="AT449" s="137"/>
      <c r="AU449" s="137"/>
      <c r="AV449" s="137"/>
      <c r="AW449" s="144"/>
    </row>
    <row r="450" spans="2:49" x14ac:dyDescent="0.2">
      <c r="B450" s="97"/>
      <c r="G450" s="43"/>
      <c r="J450" s="98"/>
      <c r="K450" s="97"/>
      <c r="N450" s="3"/>
      <c r="W450" s="98"/>
      <c r="Z450" s="143"/>
      <c r="AA450" s="137"/>
      <c r="AB450" s="137"/>
      <c r="AC450" s="137"/>
      <c r="AD450" s="137"/>
      <c r="AE450" s="137"/>
      <c r="AF450" s="137"/>
      <c r="AG450" s="137"/>
      <c r="AH450" s="137"/>
      <c r="AI450" s="137"/>
      <c r="AJ450" s="137"/>
      <c r="AK450" s="206"/>
      <c r="AL450" s="206"/>
      <c r="AM450" s="143"/>
      <c r="AN450" s="137"/>
      <c r="AO450" s="137"/>
      <c r="AP450" s="137"/>
      <c r="AQ450" s="137"/>
      <c r="AR450" s="137"/>
      <c r="AS450" s="137"/>
      <c r="AT450" s="137"/>
      <c r="AU450" s="137"/>
      <c r="AV450" s="137"/>
      <c r="AW450" s="144"/>
    </row>
    <row r="451" spans="2:49" x14ac:dyDescent="0.2">
      <c r="B451" s="97"/>
      <c r="G451" s="43"/>
      <c r="J451" s="98"/>
      <c r="K451" s="97"/>
      <c r="N451" s="3"/>
      <c r="W451" s="98"/>
      <c r="Z451" s="143"/>
      <c r="AA451" s="137"/>
      <c r="AB451" s="137"/>
      <c r="AC451" s="137"/>
      <c r="AD451" s="137"/>
      <c r="AE451" s="137"/>
      <c r="AF451" s="137"/>
      <c r="AG451" s="137"/>
      <c r="AH451" s="137"/>
      <c r="AI451" s="137"/>
      <c r="AJ451" s="137"/>
      <c r="AK451" s="206"/>
      <c r="AL451" s="206"/>
      <c r="AM451" s="143"/>
      <c r="AN451" s="137"/>
      <c r="AO451" s="137"/>
      <c r="AP451" s="137"/>
      <c r="AQ451" s="137"/>
      <c r="AR451" s="137"/>
      <c r="AS451" s="137"/>
      <c r="AT451" s="137"/>
      <c r="AU451" s="137"/>
      <c r="AV451" s="137"/>
      <c r="AW451" s="144"/>
    </row>
    <row r="452" spans="2:49" x14ac:dyDescent="0.2">
      <c r="B452" s="97"/>
      <c r="G452" s="43"/>
      <c r="J452" s="98"/>
      <c r="K452" s="97"/>
      <c r="N452" s="3"/>
      <c r="W452" s="98"/>
      <c r="Z452" s="143"/>
      <c r="AA452" s="137"/>
      <c r="AB452" s="137"/>
      <c r="AC452" s="137"/>
      <c r="AD452" s="137"/>
      <c r="AE452" s="137"/>
      <c r="AF452" s="137"/>
      <c r="AG452" s="137"/>
      <c r="AH452" s="137"/>
      <c r="AI452" s="137"/>
      <c r="AJ452" s="137"/>
      <c r="AK452" s="206"/>
      <c r="AL452" s="206"/>
      <c r="AM452" s="143"/>
      <c r="AN452" s="137"/>
      <c r="AO452" s="137"/>
      <c r="AP452" s="137"/>
      <c r="AQ452" s="137"/>
      <c r="AR452" s="137"/>
      <c r="AS452" s="137"/>
      <c r="AT452" s="137"/>
      <c r="AU452" s="137"/>
      <c r="AV452" s="137"/>
      <c r="AW452" s="144"/>
    </row>
    <row r="453" spans="2:49" x14ac:dyDescent="0.2">
      <c r="B453" s="97"/>
      <c r="G453" s="43"/>
      <c r="J453" s="98"/>
      <c r="K453" s="97"/>
      <c r="N453" s="3"/>
      <c r="W453" s="98"/>
      <c r="Z453" s="143"/>
      <c r="AA453" s="137"/>
      <c r="AB453" s="137"/>
      <c r="AC453" s="137"/>
      <c r="AD453" s="137"/>
      <c r="AE453" s="137"/>
      <c r="AF453" s="137"/>
      <c r="AG453" s="137"/>
      <c r="AH453" s="137"/>
      <c r="AI453" s="137"/>
      <c r="AJ453" s="137"/>
      <c r="AK453" s="206"/>
      <c r="AL453" s="206"/>
      <c r="AM453" s="143"/>
      <c r="AN453" s="137"/>
      <c r="AO453" s="137"/>
      <c r="AP453" s="137"/>
      <c r="AQ453" s="137"/>
      <c r="AR453" s="137"/>
      <c r="AS453" s="137"/>
      <c r="AT453" s="137"/>
      <c r="AU453" s="137"/>
      <c r="AV453" s="137"/>
      <c r="AW453" s="144"/>
    </row>
    <row r="454" spans="2:49" x14ac:dyDescent="0.2">
      <c r="B454" s="97"/>
      <c r="G454" s="43"/>
      <c r="J454" s="98"/>
      <c r="K454" s="97"/>
      <c r="N454" s="3"/>
      <c r="W454" s="98"/>
      <c r="Z454" s="143"/>
      <c r="AA454" s="137"/>
      <c r="AB454" s="137"/>
      <c r="AC454" s="137"/>
      <c r="AD454" s="137"/>
      <c r="AE454" s="137"/>
      <c r="AF454" s="137"/>
      <c r="AG454" s="137"/>
      <c r="AH454" s="137"/>
      <c r="AI454" s="137"/>
      <c r="AJ454" s="137"/>
      <c r="AK454" s="206"/>
      <c r="AL454" s="206"/>
      <c r="AM454" s="143"/>
      <c r="AN454" s="137"/>
      <c r="AO454" s="137"/>
      <c r="AP454" s="137"/>
      <c r="AQ454" s="137"/>
      <c r="AR454" s="137"/>
      <c r="AS454" s="137"/>
      <c r="AT454" s="137"/>
      <c r="AU454" s="137"/>
      <c r="AV454" s="137"/>
      <c r="AW454" s="144"/>
    </row>
    <row r="455" spans="2:49" x14ac:dyDescent="0.2">
      <c r="B455" s="97"/>
      <c r="G455" s="43"/>
      <c r="J455" s="98"/>
      <c r="K455" s="97"/>
      <c r="N455" s="3"/>
      <c r="W455" s="98"/>
      <c r="Z455" s="143"/>
      <c r="AA455" s="137"/>
      <c r="AB455" s="137"/>
      <c r="AC455" s="137"/>
      <c r="AD455" s="137"/>
      <c r="AE455" s="137"/>
      <c r="AF455" s="137"/>
      <c r="AG455" s="137"/>
      <c r="AH455" s="137"/>
      <c r="AI455" s="137"/>
      <c r="AJ455" s="137"/>
      <c r="AK455" s="206"/>
      <c r="AL455" s="206"/>
      <c r="AM455" s="143"/>
      <c r="AN455" s="137"/>
      <c r="AO455" s="137"/>
      <c r="AP455" s="137"/>
      <c r="AQ455" s="137"/>
      <c r="AR455" s="137"/>
      <c r="AS455" s="137"/>
      <c r="AT455" s="137"/>
      <c r="AU455" s="137"/>
      <c r="AV455" s="137"/>
      <c r="AW455" s="144"/>
    </row>
    <row r="456" spans="2:49" x14ac:dyDescent="0.2">
      <c r="B456" s="97"/>
      <c r="G456" s="43"/>
      <c r="J456" s="98"/>
      <c r="K456" s="97"/>
      <c r="N456" s="3"/>
      <c r="W456" s="98"/>
      <c r="Z456" s="143"/>
      <c r="AA456" s="137"/>
      <c r="AB456" s="137"/>
      <c r="AC456" s="137"/>
      <c r="AD456" s="137"/>
      <c r="AE456" s="137"/>
      <c r="AF456" s="137"/>
      <c r="AG456" s="137"/>
      <c r="AH456" s="137"/>
      <c r="AI456" s="137"/>
      <c r="AJ456" s="137"/>
      <c r="AK456" s="206"/>
      <c r="AL456" s="206"/>
      <c r="AM456" s="143"/>
      <c r="AN456" s="137"/>
      <c r="AO456" s="137"/>
      <c r="AP456" s="137"/>
      <c r="AQ456" s="137"/>
      <c r="AR456" s="137"/>
      <c r="AS456" s="137"/>
      <c r="AT456" s="137"/>
      <c r="AU456" s="137"/>
      <c r="AV456" s="137"/>
      <c r="AW456" s="144"/>
    </row>
    <row r="457" spans="2:49" x14ac:dyDescent="0.2">
      <c r="B457" s="97"/>
      <c r="G457" s="43"/>
      <c r="J457" s="98"/>
      <c r="K457" s="97"/>
      <c r="N457" s="3"/>
      <c r="W457" s="98"/>
      <c r="Z457" s="143"/>
      <c r="AA457" s="137"/>
      <c r="AB457" s="137"/>
      <c r="AC457" s="137"/>
      <c r="AD457" s="137"/>
      <c r="AE457" s="137"/>
      <c r="AF457" s="137"/>
      <c r="AG457" s="137"/>
      <c r="AH457" s="137"/>
      <c r="AI457" s="137"/>
      <c r="AJ457" s="137"/>
      <c r="AK457" s="206"/>
      <c r="AL457" s="206"/>
      <c r="AM457" s="143"/>
      <c r="AN457" s="137"/>
      <c r="AO457" s="137"/>
      <c r="AP457" s="137"/>
      <c r="AQ457" s="137"/>
      <c r="AR457" s="137"/>
      <c r="AS457" s="137"/>
      <c r="AT457" s="137"/>
      <c r="AU457" s="137"/>
      <c r="AV457" s="137"/>
      <c r="AW457" s="144"/>
    </row>
    <row r="458" spans="2:49" x14ac:dyDescent="0.2">
      <c r="B458" s="97"/>
      <c r="G458" s="43"/>
      <c r="J458" s="98"/>
      <c r="K458" s="97"/>
      <c r="N458" s="3"/>
      <c r="W458" s="98"/>
      <c r="Z458" s="143"/>
      <c r="AA458" s="137"/>
      <c r="AB458" s="137"/>
      <c r="AC458" s="137"/>
      <c r="AD458" s="137"/>
      <c r="AE458" s="137"/>
      <c r="AF458" s="137"/>
      <c r="AG458" s="137"/>
      <c r="AH458" s="137"/>
      <c r="AI458" s="137"/>
      <c r="AJ458" s="137"/>
      <c r="AK458" s="206"/>
      <c r="AL458" s="206"/>
      <c r="AM458" s="143"/>
      <c r="AN458" s="137"/>
      <c r="AO458" s="137"/>
      <c r="AP458" s="137"/>
      <c r="AQ458" s="137"/>
      <c r="AR458" s="137"/>
      <c r="AS458" s="137"/>
      <c r="AT458" s="137"/>
      <c r="AU458" s="137"/>
      <c r="AV458" s="137"/>
      <c r="AW458" s="144"/>
    </row>
    <row r="459" spans="2:49" x14ac:dyDescent="0.2">
      <c r="B459" s="97"/>
      <c r="G459" s="43"/>
      <c r="J459" s="98"/>
      <c r="K459" s="97"/>
      <c r="N459" s="3"/>
      <c r="W459" s="98"/>
      <c r="Z459" s="143"/>
      <c r="AA459" s="137"/>
      <c r="AB459" s="137"/>
      <c r="AC459" s="137"/>
      <c r="AD459" s="137"/>
      <c r="AE459" s="137"/>
      <c r="AF459" s="137"/>
      <c r="AG459" s="137"/>
      <c r="AH459" s="137"/>
      <c r="AI459" s="137"/>
      <c r="AJ459" s="137"/>
      <c r="AK459" s="206"/>
      <c r="AL459" s="206"/>
      <c r="AM459" s="143"/>
      <c r="AN459" s="137"/>
      <c r="AO459" s="137"/>
      <c r="AP459" s="137"/>
      <c r="AQ459" s="137"/>
      <c r="AR459" s="137"/>
      <c r="AS459" s="137"/>
      <c r="AT459" s="137"/>
      <c r="AU459" s="137"/>
      <c r="AV459" s="137"/>
      <c r="AW459" s="144"/>
    </row>
    <row r="460" spans="2:49" x14ac:dyDescent="0.2">
      <c r="B460" s="97"/>
      <c r="G460" s="43"/>
      <c r="J460" s="98"/>
      <c r="K460" s="97"/>
      <c r="N460" s="3"/>
      <c r="W460" s="98"/>
      <c r="Z460" s="143"/>
      <c r="AA460" s="137"/>
      <c r="AB460" s="137"/>
      <c r="AC460" s="137"/>
      <c r="AD460" s="137"/>
      <c r="AE460" s="137"/>
      <c r="AF460" s="137"/>
      <c r="AG460" s="137"/>
      <c r="AH460" s="137"/>
      <c r="AI460" s="137"/>
      <c r="AJ460" s="137"/>
      <c r="AK460" s="206"/>
      <c r="AL460" s="206"/>
      <c r="AM460" s="143"/>
      <c r="AN460" s="137"/>
      <c r="AO460" s="137"/>
      <c r="AP460" s="137"/>
      <c r="AQ460" s="137"/>
      <c r="AR460" s="137"/>
      <c r="AS460" s="137"/>
      <c r="AT460" s="137"/>
      <c r="AU460" s="137"/>
      <c r="AV460" s="137"/>
      <c r="AW460" s="144"/>
    </row>
    <row r="461" spans="2:49" x14ac:dyDescent="0.2">
      <c r="B461" s="97"/>
      <c r="G461" s="43"/>
      <c r="J461" s="98"/>
      <c r="K461" s="97"/>
      <c r="N461" s="3"/>
      <c r="W461" s="98"/>
      <c r="Z461" s="143"/>
      <c r="AA461" s="137"/>
      <c r="AB461" s="137"/>
      <c r="AC461" s="137"/>
      <c r="AD461" s="137"/>
      <c r="AE461" s="137"/>
      <c r="AF461" s="137"/>
      <c r="AG461" s="137"/>
      <c r="AH461" s="137"/>
      <c r="AI461" s="137"/>
      <c r="AJ461" s="137"/>
      <c r="AK461" s="206"/>
      <c r="AL461" s="206"/>
      <c r="AM461" s="143"/>
      <c r="AN461" s="137"/>
      <c r="AO461" s="137"/>
      <c r="AP461" s="137"/>
      <c r="AQ461" s="137"/>
      <c r="AR461" s="137"/>
      <c r="AS461" s="137"/>
      <c r="AT461" s="137"/>
      <c r="AU461" s="137"/>
      <c r="AV461" s="137"/>
      <c r="AW461" s="144"/>
    </row>
    <row r="462" spans="2:49" x14ac:dyDescent="0.2">
      <c r="B462" s="97"/>
      <c r="G462" s="43"/>
      <c r="J462" s="98"/>
      <c r="K462" s="97"/>
      <c r="N462" s="3"/>
      <c r="W462" s="98"/>
      <c r="Z462" s="143"/>
      <c r="AA462" s="137"/>
      <c r="AB462" s="137"/>
      <c r="AC462" s="137"/>
      <c r="AD462" s="137"/>
      <c r="AE462" s="137"/>
      <c r="AF462" s="137"/>
      <c r="AG462" s="137"/>
      <c r="AH462" s="137"/>
      <c r="AI462" s="137"/>
      <c r="AJ462" s="137"/>
      <c r="AK462" s="206"/>
      <c r="AL462" s="206"/>
      <c r="AM462" s="143"/>
      <c r="AN462" s="137"/>
      <c r="AO462" s="137"/>
      <c r="AP462" s="137"/>
      <c r="AQ462" s="137"/>
      <c r="AR462" s="137"/>
      <c r="AS462" s="137"/>
      <c r="AT462" s="137"/>
      <c r="AU462" s="137"/>
      <c r="AV462" s="137"/>
      <c r="AW462" s="144"/>
    </row>
    <row r="463" spans="2:49" x14ac:dyDescent="0.2">
      <c r="B463" s="97"/>
      <c r="G463" s="43"/>
      <c r="J463" s="98"/>
      <c r="K463" s="97"/>
      <c r="N463" s="3"/>
      <c r="W463" s="98"/>
      <c r="Z463" s="143"/>
      <c r="AA463" s="137"/>
      <c r="AB463" s="137"/>
      <c r="AC463" s="137"/>
      <c r="AD463" s="137"/>
      <c r="AE463" s="137"/>
      <c r="AF463" s="137"/>
      <c r="AG463" s="137"/>
      <c r="AH463" s="137"/>
      <c r="AI463" s="137"/>
      <c r="AJ463" s="137"/>
      <c r="AK463" s="206"/>
      <c r="AL463" s="206"/>
      <c r="AM463" s="143"/>
      <c r="AN463" s="137"/>
      <c r="AO463" s="137"/>
      <c r="AP463" s="137"/>
      <c r="AQ463" s="137"/>
      <c r="AR463" s="137"/>
      <c r="AS463" s="137"/>
      <c r="AT463" s="137"/>
      <c r="AU463" s="137"/>
      <c r="AV463" s="137"/>
      <c r="AW463" s="144"/>
    </row>
    <row r="464" spans="2:49" x14ac:dyDescent="0.2">
      <c r="B464" s="97"/>
      <c r="G464" s="43"/>
      <c r="J464" s="98"/>
      <c r="K464" s="97"/>
      <c r="N464" s="3"/>
      <c r="W464" s="98"/>
      <c r="Z464" s="143"/>
      <c r="AA464" s="137"/>
      <c r="AB464" s="137"/>
      <c r="AC464" s="137"/>
      <c r="AD464" s="137"/>
      <c r="AE464" s="137"/>
      <c r="AF464" s="137"/>
      <c r="AG464" s="137"/>
      <c r="AH464" s="137"/>
      <c r="AI464" s="137"/>
      <c r="AJ464" s="137"/>
      <c r="AK464" s="206"/>
      <c r="AL464" s="206"/>
      <c r="AM464" s="143"/>
      <c r="AN464" s="137"/>
      <c r="AO464" s="137"/>
      <c r="AP464" s="137"/>
      <c r="AQ464" s="137"/>
      <c r="AR464" s="137"/>
      <c r="AS464" s="137"/>
      <c r="AT464" s="137"/>
      <c r="AU464" s="137"/>
      <c r="AV464" s="137"/>
      <c r="AW464" s="144"/>
    </row>
    <row r="465" spans="2:49" x14ac:dyDescent="0.2">
      <c r="B465" s="97"/>
      <c r="G465" s="43"/>
      <c r="J465" s="98"/>
      <c r="K465" s="97"/>
      <c r="N465" s="3"/>
      <c r="W465" s="98"/>
      <c r="Z465" s="143"/>
      <c r="AA465" s="137"/>
      <c r="AB465" s="137"/>
      <c r="AC465" s="137"/>
      <c r="AD465" s="137"/>
      <c r="AE465" s="137"/>
      <c r="AF465" s="137"/>
      <c r="AG465" s="137"/>
      <c r="AH465" s="137"/>
      <c r="AI465" s="137"/>
      <c r="AJ465" s="137"/>
      <c r="AK465" s="206"/>
      <c r="AL465" s="206"/>
      <c r="AM465" s="143"/>
      <c r="AN465" s="137"/>
      <c r="AO465" s="137"/>
      <c r="AP465" s="137"/>
      <c r="AQ465" s="137"/>
      <c r="AR465" s="137"/>
      <c r="AS465" s="137"/>
      <c r="AT465" s="137"/>
      <c r="AU465" s="137"/>
      <c r="AV465" s="137"/>
      <c r="AW465" s="144"/>
    </row>
    <row r="466" spans="2:49" x14ac:dyDescent="0.2">
      <c r="B466" s="97"/>
      <c r="G466" s="43"/>
      <c r="J466" s="98"/>
      <c r="K466" s="97"/>
      <c r="N466" s="3"/>
      <c r="W466" s="98"/>
      <c r="Z466" s="143"/>
      <c r="AA466" s="137"/>
      <c r="AB466" s="137"/>
      <c r="AC466" s="137"/>
      <c r="AD466" s="137"/>
      <c r="AE466" s="137"/>
      <c r="AF466" s="137"/>
      <c r="AG466" s="137"/>
      <c r="AH466" s="137"/>
      <c r="AI466" s="137"/>
      <c r="AJ466" s="137"/>
      <c r="AK466" s="206"/>
      <c r="AL466" s="206"/>
      <c r="AM466" s="143"/>
      <c r="AN466" s="137"/>
      <c r="AO466" s="137"/>
      <c r="AP466" s="137"/>
      <c r="AQ466" s="137"/>
      <c r="AR466" s="137"/>
      <c r="AS466" s="137"/>
      <c r="AT466" s="137"/>
      <c r="AU466" s="137"/>
      <c r="AV466" s="137"/>
      <c r="AW466" s="144"/>
    </row>
    <row r="467" spans="2:49" x14ac:dyDescent="0.2">
      <c r="B467" s="97"/>
      <c r="G467" s="43"/>
      <c r="J467" s="98"/>
      <c r="K467" s="97"/>
      <c r="N467" s="3"/>
      <c r="W467" s="98"/>
      <c r="Z467" s="143"/>
      <c r="AA467" s="137"/>
      <c r="AB467" s="137"/>
      <c r="AC467" s="137"/>
      <c r="AD467" s="137"/>
      <c r="AE467" s="137"/>
      <c r="AF467" s="137"/>
      <c r="AG467" s="137"/>
      <c r="AH467" s="137"/>
      <c r="AI467" s="137"/>
      <c r="AJ467" s="137"/>
      <c r="AK467" s="206"/>
      <c r="AL467" s="206"/>
      <c r="AM467" s="143"/>
      <c r="AN467" s="137"/>
      <c r="AO467" s="137"/>
      <c r="AP467" s="137"/>
      <c r="AQ467" s="137"/>
      <c r="AR467" s="137"/>
      <c r="AS467" s="137"/>
      <c r="AT467" s="137"/>
      <c r="AU467" s="137"/>
      <c r="AV467" s="137"/>
      <c r="AW467" s="144"/>
    </row>
    <row r="468" spans="2:49" x14ac:dyDescent="0.2">
      <c r="B468" s="97"/>
      <c r="G468" s="43"/>
      <c r="J468" s="98"/>
      <c r="K468" s="97"/>
      <c r="N468" s="3"/>
      <c r="W468" s="98"/>
      <c r="Z468" s="143"/>
      <c r="AA468" s="137"/>
      <c r="AB468" s="137"/>
      <c r="AC468" s="137"/>
      <c r="AD468" s="137"/>
      <c r="AE468" s="137"/>
      <c r="AF468" s="137"/>
      <c r="AG468" s="137"/>
      <c r="AH468" s="137"/>
      <c r="AI468" s="137"/>
      <c r="AJ468" s="137"/>
      <c r="AK468" s="206"/>
      <c r="AL468" s="206"/>
      <c r="AM468" s="143"/>
      <c r="AN468" s="137"/>
      <c r="AO468" s="137"/>
      <c r="AP468" s="137"/>
      <c r="AQ468" s="137"/>
      <c r="AR468" s="137"/>
      <c r="AS468" s="137"/>
      <c r="AT468" s="137"/>
      <c r="AU468" s="137"/>
      <c r="AV468" s="137"/>
      <c r="AW468" s="144"/>
    </row>
    <row r="469" spans="2:49" x14ac:dyDescent="0.2">
      <c r="B469" s="97"/>
      <c r="G469" s="43"/>
      <c r="J469" s="98"/>
      <c r="K469" s="97"/>
      <c r="N469" s="3"/>
      <c r="W469" s="98"/>
      <c r="Z469" s="143"/>
      <c r="AA469" s="137"/>
      <c r="AB469" s="137"/>
      <c r="AC469" s="137"/>
      <c r="AD469" s="137"/>
      <c r="AE469" s="137"/>
      <c r="AF469" s="137"/>
      <c r="AG469" s="137"/>
      <c r="AH469" s="137"/>
      <c r="AI469" s="137"/>
      <c r="AJ469" s="137"/>
      <c r="AK469" s="206"/>
      <c r="AL469" s="206"/>
      <c r="AM469" s="143"/>
      <c r="AN469" s="137"/>
      <c r="AO469" s="137"/>
      <c r="AP469" s="137"/>
      <c r="AQ469" s="137"/>
      <c r="AR469" s="137"/>
      <c r="AS469" s="137"/>
      <c r="AT469" s="137"/>
      <c r="AU469" s="137"/>
      <c r="AV469" s="137"/>
      <c r="AW469" s="144"/>
    </row>
    <row r="470" spans="2:49" x14ac:dyDescent="0.2">
      <c r="B470" s="97"/>
      <c r="G470" s="43"/>
      <c r="J470" s="98"/>
      <c r="K470" s="97"/>
      <c r="N470" s="3"/>
      <c r="W470" s="98"/>
      <c r="Z470" s="143"/>
      <c r="AA470" s="137"/>
      <c r="AB470" s="137"/>
      <c r="AC470" s="137"/>
      <c r="AD470" s="137"/>
      <c r="AE470" s="137"/>
      <c r="AF470" s="137"/>
      <c r="AG470" s="137"/>
      <c r="AH470" s="137"/>
      <c r="AI470" s="137"/>
      <c r="AJ470" s="137"/>
      <c r="AK470" s="206"/>
      <c r="AL470" s="206"/>
      <c r="AM470" s="143"/>
      <c r="AN470" s="137"/>
      <c r="AO470" s="137"/>
      <c r="AP470" s="137"/>
      <c r="AQ470" s="137"/>
      <c r="AR470" s="137"/>
      <c r="AS470" s="137"/>
      <c r="AT470" s="137"/>
      <c r="AU470" s="137"/>
      <c r="AV470" s="137"/>
      <c r="AW470" s="144"/>
    </row>
    <row r="471" spans="2:49" x14ac:dyDescent="0.2">
      <c r="B471" s="97"/>
      <c r="G471" s="43"/>
      <c r="J471" s="98"/>
      <c r="K471" s="97"/>
      <c r="N471" s="3"/>
      <c r="W471" s="98"/>
      <c r="Z471" s="143"/>
      <c r="AA471" s="137"/>
      <c r="AB471" s="137"/>
      <c r="AC471" s="137"/>
      <c r="AD471" s="137"/>
      <c r="AE471" s="137"/>
      <c r="AF471" s="137"/>
      <c r="AG471" s="137"/>
      <c r="AH471" s="137"/>
      <c r="AI471" s="137"/>
      <c r="AJ471" s="137"/>
      <c r="AK471" s="206"/>
      <c r="AL471" s="206"/>
      <c r="AM471" s="143"/>
      <c r="AN471" s="137"/>
      <c r="AO471" s="137"/>
      <c r="AP471" s="137"/>
      <c r="AQ471" s="137"/>
      <c r="AR471" s="137"/>
      <c r="AS471" s="137"/>
      <c r="AT471" s="137"/>
      <c r="AU471" s="137"/>
      <c r="AV471" s="137"/>
      <c r="AW471" s="144"/>
    </row>
    <row r="472" spans="2:49" x14ac:dyDescent="0.2">
      <c r="B472" s="97"/>
      <c r="G472" s="43"/>
      <c r="J472" s="98"/>
      <c r="K472" s="97"/>
      <c r="N472" s="3"/>
      <c r="W472" s="98"/>
      <c r="Z472" s="143"/>
      <c r="AA472" s="137"/>
      <c r="AB472" s="137"/>
      <c r="AC472" s="137"/>
      <c r="AD472" s="137"/>
      <c r="AE472" s="137"/>
      <c r="AF472" s="137"/>
      <c r="AG472" s="137"/>
      <c r="AH472" s="137"/>
      <c r="AI472" s="137"/>
      <c r="AJ472" s="137"/>
      <c r="AK472" s="206"/>
      <c r="AL472" s="206"/>
      <c r="AM472" s="143"/>
      <c r="AN472" s="137"/>
      <c r="AO472" s="137"/>
      <c r="AP472" s="137"/>
      <c r="AQ472" s="137"/>
      <c r="AR472" s="137"/>
      <c r="AS472" s="137"/>
      <c r="AT472" s="137"/>
      <c r="AU472" s="137"/>
      <c r="AV472" s="137"/>
      <c r="AW472" s="144"/>
    </row>
    <row r="473" spans="2:49" x14ac:dyDescent="0.2">
      <c r="B473" s="97"/>
      <c r="G473" s="43"/>
      <c r="J473" s="98"/>
      <c r="K473" s="97"/>
      <c r="N473" s="3"/>
      <c r="W473" s="98"/>
      <c r="Z473" s="143"/>
      <c r="AA473" s="137"/>
      <c r="AB473" s="137"/>
      <c r="AC473" s="137"/>
      <c r="AD473" s="137"/>
      <c r="AE473" s="137"/>
      <c r="AF473" s="137"/>
      <c r="AG473" s="137"/>
      <c r="AH473" s="137"/>
      <c r="AI473" s="137"/>
      <c r="AJ473" s="137"/>
      <c r="AK473" s="206"/>
      <c r="AL473" s="206"/>
      <c r="AM473" s="143"/>
      <c r="AN473" s="137"/>
      <c r="AO473" s="137"/>
      <c r="AP473" s="137"/>
      <c r="AQ473" s="137"/>
      <c r="AR473" s="137"/>
      <c r="AS473" s="137"/>
      <c r="AT473" s="137"/>
      <c r="AU473" s="137"/>
      <c r="AV473" s="137"/>
      <c r="AW473" s="144"/>
    </row>
    <row r="474" spans="2:49" x14ac:dyDescent="0.2">
      <c r="B474" s="97"/>
      <c r="G474" s="43"/>
      <c r="J474" s="98"/>
      <c r="K474" s="97"/>
      <c r="N474" s="3"/>
      <c r="W474" s="98"/>
      <c r="Z474" s="143"/>
      <c r="AA474" s="137"/>
      <c r="AB474" s="137"/>
      <c r="AC474" s="137"/>
      <c r="AD474" s="137"/>
      <c r="AE474" s="137"/>
      <c r="AF474" s="137"/>
      <c r="AG474" s="137"/>
      <c r="AH474" s="137"/>
      <c r="AI474" s="137"/>
      <c r="AJ474" s="137"/>
      <c r="AK474" s="206"/>
      <c r="AL474" s="206"/>
      <c r="AM474" s="143"/>
      <c r="AN474" s="137"/>
      <c r="AO474" s="137"/>
      <c r="AP474" s="137"/>
      <c r="AQ474" s="137"/>
      <c r="AR474" s="137"/>
      <c r="AS474" s="137"/>
      <c r="AT474" s="137"/>
      <c r="AU474" s="137"/>
      <c r="AV474" s="137"/>
      <c r="AW474" s="144"/>
    </row>
    <row r="475" spans="2:49" x14ac:dyDescent="0.2">
      <c r="B475" s="97"/>
      <c r="G475" s="43"/>
      <c r="J475" s="98"/>
      <c r="K475" s="97"/>
      <c r="N475" s="3"/>
      <c r="W475" s="98"/>
      <c r="Z475" s="143"/>
      <c r="AA475" s="137"/>
      <c r="AB475" s="137"/>
      <c r="AC475" s="137"/>
      <c r="AD475" s="137"/>
      <c r="AE475" s="137"/>
      <c r="AF475" s="137"/>
      <c r="AG475" s="137"/>
      <c r="AH475" s="137"/>
      <c r="AI475" s="137"/>
      <c r="AJ475" s="137"/>
      <c r="AK475" s="206"/>
      <c r="AL475" s="206"/>
      <c r="AM475" s="143"/>
      <c r="AN475" s="137"/>
      <c r="AO475" s="137"/>
      <c r="AP475" s="137"/>
      <c r="AQ475" s="137"/>
      <c r="AR475" s="137"/>
      <c r="AS475" s="137"/>
      <c r="AT475" s="137"/>
      <c r="AU475" s="137"/>
      <c r="AV475" s="137"/>
      <c r="AW475" s="144"/>
    </row>
    <row r="476" spans="2:49" x14ac:dyDescent="0.2">
      <c r="B476" s="97"/>
      <c r="G476" s="43"/>
      <c r="J476" s="98"/>
      <c r="K476" s="97"/>
      <c r="N476" s="3"/>
      <c r="W476" s="98"/>
      <c r="Z476" s="143"/>
      <c r="AA476" s="137"/>
      <c r="AB476" s="137"/>
      <c r="AC476" s="137"/>
      <c r="AD476" s="137"/>
      <c r="AE476" s="137"/>
      <c r="AF476" s="137"/>
      <c r="AG476" s="137"/>
      <c r="AH476" s="137"/>
      <c r="AI476" s="137"/>
      <c r="AJ476" s="137"/>
      <c r="AK476" s="206"/>
      <c r="AL476" s="206"/>
      <c r="AM476" s="143"/>
      <c r="AN476" s="137"/>
      <c r="AO476" s="137"/>
      <c r="AP476" s="137"/>
      <c r="AQ476" s="137"/>
      <c r="AR476" s="137"/>
      <c r="AS476" s="137"/>
      <c r="AT476" s="137"/>
      <c r="AU476" s="137"/>
      <c r="AV476" s="137"/>
      <c r="AW476" s="144"/>
    </row>
    <row r="477" spans="2:49" x14ac:dyDescent="0.2">
      <c r="B477" s="97"/>
      <c r="G477" s="43"/>
      <c r="J477" s="98"/>
      <c r="K477" s="97"/>
      <c r="N477" s="3"/>
      <c r="W477" s="98"/>
      <c r="Z477" s="143"/>
      <c r="AA477" s="137"/>
      <c r="AB477" s="137"/>
      <c r="AC477" s="137"/>
      <c r="AD477" s="137"/>
      <c r="AE477" s="137"/>
      <c r="AF477" s="137"/>
      <c r="AG477" s="137"/>
      <c r="AH477" s="137"/>
      <c r="AI477" s="137"/>
      <c r="AJ477" s="137"/>
      <c r="AK477" s="206"/>
      <c r="AL477" s="206"/>
      <c r="AM477" s="143"/>
      <c r="AN477" s="137"/>
      <c r="AO477" s="137"/>
      <c r="AP477" s="137"/>
      <c r="AQ477" s="137"/>
      <c r="AR477" s="137"/>
      <c r="AS477" s="137"/>
      <c r="AT477" s="137"/>
      <c r="AU477" s="137"/>
      <c r="AV477" s="137"/>
      <c r="AW477" s="144"/>
    </row>
    <row r="478" spans="2:49" x14ac:dyDescent="0.2">
      <c r="B478" s="97"/>
      <c r="G478" s="43"/>
      <c r="J478" s="98"/>
      <c r="K478" s="97"/>
      <c r="N478" s="3"/>
      <c r="W478" s="98"/>
      <c r="Z478" s="143"/>
      <c r="AA478" s="137"/>
      <c r="AB478" s="137"/>
      <c r="AC478" s="137"/>
      <c r="AD478" s="137"/>
      <c r="AE478" s="137"/>
      <c r="AF478" s="137"/>
      <c r="AG478" s="137"/>
      <c r="AH478" s="137"/>
      <c r="AI478" s="137"/>
      <c r="AJ478" s="137"/>
      <c r="AK478" s="206"/>
      <c r="AL478" s="206"/>
      <c r="AM478" s="143"/>
      <c r="AN478" s="137"/>
      <c r="AO478" s="137"/>
      <c r="AP478" s="137"/>
      <c r="AQ478" s="137"/>
      <c r="AR478" s="137"/>
      <c r="AS478" s="137"/>
      <c r="AT478" s="137"/>
      <c r="AU478" s="137"/>
      <c r="AV478" s="137"/>
      <c r="AW478" s="144"/>
    </row>
    <row r="479" spans="2:49" x14ac:dyDescent="0.2">
      <c r="B479" s="97"/>
      <c r="G479" s="43"/>
      <c r="J479" s="98"/>
      <c r="K479" s="97"/>
      <c r="N479" s="3"/>
      <c r="W479" s="98"/>
      <c r="Z479" s="143"/>
      <c r="AA479" s="137"/>
      <c r="AB479" s="137"/>
      <c r="AC479" s="137"/>
      <c r="AD479" s="137"/>
      <c r="AE479" s="137"/>
      <c r="AF479" s="137"/>
      <c r="AG479" s="137"/>
      <c r="AH479" s="137"/>
      <c r="AI479" s="137"/>
      <c r="AJ479" s="137"/>
      <c r="AK479" s="206"/>
      <c r="AL479" s="206"/>
      <c r="AM479" s="143"/>
      <c r="AN479" s="137"/>
      <c r="AO479" s="137"/>
      <c r="AP479" s="137"/>
      <c r="AQ479" s="137"/>
      <c r="AR479" s="137"/>
      <c r="AS479" s="137"/>
      <c r="AT479" s="137"/>
      <c r="AU479" s="137"/>
      <c r="AV479" s="137"/>
      <c r="AW479" s="144"/>
    </row>
    <row r="480" spans="2:49" x14ac:dyDescent="0.2">
      <c r="B480" s="97"/>
      <c r="G480" s="43"/>
      <c r="J480" s="98"/>
      <c r="K480" s="97"/>
      <c r="N480" s="3"/>
      <c r="W480" s="98"/>
      <c r="Z480" s="143"/>
      <c r="AA480" s="137"/>
      <c r="AB480" s="137"/>
      <c r="AC480" s="137"/>
      <c r="AD480" s="137"/>
      <c r="AE480" s="137"/>
      <c r="AF480" s="137"/>
      <c r="AG480" s="137"/>
      <c r="AH480" s="137"/>
      <c r="AI480" s="137"/>
      <c r="AJ480" s="137"/>
      <c r="AK480" s="206"/>
      <c r="AL480" s="206"/>
      <c r="AM480" s="143"/>
      <c r="AN480" s="137"/>
      <c r="AO480" s="137"/>
      <c r="AP480" s="137"/>
      <c r="AQ480" s="137"/>
      <c r="AR480" s="137"/>
      <c r="AS480" s="137"/>
      <c r="AT480" s="137"/>
      <c r="AU480" s="137"/>
      <c r="AV480" s="137"/>
      <c r="AW480" s="144"/>
    </row>
    <row r="481" spans="2:49" x14ac:dyDescent="0.2">
      <c r="B481" s="97"/>
      <c r="G481" s="43"/>
      <c r="J481" s="98"/>
      <c r="K481" s="97"/>
      <c r="N481" s="3"/>
      <c r="W481" s="98"/>
      <c r="Z481" s="143"/>
      <c r="AA481" s="137"/>
      <c r="AB481" s="137"/>
      <c r="AC481" s="137"/>
      <c r="AD481" s="137"/>
      <c r="AE481" s="137"/>
      <c r="AF481" s="137"/>
      <c r="AG481" s="137"/>
      <c r="AH481" s="137"/>
      <c r="AI481" s="137"/>
      <c r="AJ481" s="137"/>
      <c r="AK481" s="206"/>
      <c r="AL481" s="206"/>
      <c r="AM481" s="143"/>
      <c r="AN481" s="137"/>
      <c r="AO481" s="137"/>
      <c r="AP481" s="137"/>
      <c r="AQ481" s="137"/>
      <c r="AR481" s="137"/>
      <c r="AS481" s="137"/>
      <c r="AT481" s="137"/>
      <c r="AU481" s="137"/>
      <c r="AV481" s="137"/>
      <c r="AW481" s="144"/>
    </row>
    <row r="482" spans="2:49" x14ac:dyDescent="0.2">
      <c r="B482" s="97"/>
      <c r="G482" s="43"/>
      <c r="J482" s="98"/>
      <c r="K482" s="97"/>
      <c r="N482" s="3"/>
      <c r="W482" s="98"/>
      <c r="Z482" s="143"/>
      <c r="AA482" s="137"/>
      <c r="AB482" s="137"/>
      <c r="AC482" s="137"/>
      <c r="AD482" s="137"/>
      <c r="AE482" s="137"/>
      <c r="AF482" s="137"/>
      <c r="AG482" s="137"/>
      <c r="AH482" s="137"/>
      <c r="AI482" s="137"/>
      <c r="AJ482" s="137"/>
      <c r="AK482" s="206"/>
      <c r="AL482" s="206"/>
      <c r="AM482" s="143"/>
      <c r="AN482" s="137"/>
      <c r="AO482" s="137"/>
      <c r="AP482" s="137"/>
      <c r="AQ482" s="137"/>
      <c r="AR482" s="137"/>
      <c r="AS482" s="137"/>
      <c r="AT482" s="137"/>
      <c r="AU482" s="137"/>
      <c r="AV482" s="137"/>
      <c r="AW482" s="144"/>
    </row>
    <row r="483" spans="2:49" x14ac:dyDescent="0.2">
      <c r="B483" s="97"/>
      <c r="G483" s="43"/>
      <c r="J483" s="98"/>
      <c r="K483" s="97"/>
      <c r="N483" s="3"/>
      <c r="W483" s="98"/>
      <c r="Z483" s="143"/>
      <c r="AA483" s="137"/>
      <c r="AB483" s="137"/>
      <c r="AC483" s="137"/>
      <c r="AD483" s="137"/>
      <c r="AE483" s="137"/>
      <c r="AF483" s="137"/>
      <c r="AG483" s="137"/>
      <c r="AH483" s="137"/>
      <c r="AI483" s="137"/>
      <c r="AJ483" s="137"/>
      <c r="AK483" s="206"/>
      <c r="AL483" s="206"/>
      <c r="AM483" s="143"/>
      <c r="AN483" s="137"/>
      <c r="AO483" s="137"/>
      <c r="AP483" s="137"/>
      <c r="AQ483" s="137"/>
      <c r="AR483" s="137"/>
      <c r="AS483" s="137"/>
      <c r="AT483" s="137"/>
      <c r="AU483" s="137"/>
      <c r="AV483" s="137"/>
      <c r="AW483" s="144"/>
    </row>
    <row r="484" spans="2:49" x14ac:dyDescent="0.2">
      <c r="B484" s="97"/>
      <c r="G484" s="43"/>
      <c r="J484" s="98"/>
      <c r="K484" s="97"/>
      <c r="N484" s="3"/>
      <c r="W484" s="98"/>
      <c r="Z484" s="143"/>
      <c r="AA484" s="137"/>
      <c r="AB484" s="137"/>
      <c r="AC484" s="137"/>
      <c r="AD484" s="137"/>
      <c r="AE484" s="137"/>
      <c r="AF484" s="137"/>
      <c r="AG484" s="137"/>
      <c r="AH484" s="137"/>
      <c r="AI484" s="137"/>
      <c r="AJ484" s="137"/>
      <c r="AK484" s="206"/>
      <c r="AL484" s="206"/>
      <c r="AM484" s="143"/>
      <c r="AN484" s="137"/>
      <c r="AO484" s="137"/>
      <c r="AP484" s="137"/>
      <c r="AQ484" s="137"/>
      <c r="AR484" s="137"/>
      <c r="AS484" s="137"/>
      <c r="AT484" s="137"/>
      <c r="AU484" s="137"/>
      <c r="AV484" s="137"/>
      <c r="AW484" s="144"/>
    </row>
    <row r="485" spans="2:49" x14ac:dyDescent="0.2">
      <c r="B485" s="97"/>
      <c r="G485" s="43"/>
      <c r="J485" s="98"/>
      <c r="K485" s="97"/>
      <c r="N485" s="3"/>
      <c r="W485" s="98"/>
      <c r="Z485" s="143"/>
      <c r="AA485" s="137"/>
      <c r="AB485" s="137"/>
      <c r="AC485" s="137"/>
      <c r="AD485" s="137"/>
      <c r="AE485" s="137"/>
      <c r="AF485" s="137"/>
      <c r="AG485" s="137"/>
      <c r="AH485" s="137"/>
      <c r="AI485" s="137"/>
      <c r="AJ485" s="137"/>
      <c r="AK485" s="206"/>
      <c r="AL485" s="206"/>
      <c r="AM485" s="143"/>
      <c r="AN485" s="137"/>
      <c r="AO485" s="137"/>
      <c r="AP485" s="137"/>
      <c r="AQ485" s="137"/>
      <c r="AR485" s="137"/>
      <c r="AS485" s="137"/>
      <c r="AT485" s="137"/>
      <c r="AU485" s="137"/>
      <c r="AV485" s="137"/>
      <c r="AW485" s="144"/>
    </row>
    <row r="486" spans="2:49" x14ac:dyDescent="0.2">
      <c r="B486" s="97"/>
      <c r="G486" s="43"/>
      <c r="J486" s="98"/>
      <c r="K486" s="97"/>
      <c r="N486" s="3"/>
      <c r="W486" s="98"/>
      <c r="Z486" s="143"/>
      <c r="AA486" s="137"/>
      <c r="AB486" s="137"/>
      <c r="AC486" s="137"/>
      <c r="AD486" s="137"/>
      <c r="AE486" s="137"/>
      <c r="AF486" s="137"/>
      <c r="AG486" s="137"/>
      <c r="AH486" s="137"/>
      <c r="AI486" s="137"/>
      <c r="AJ486" s="137"/>
      <c r="AK486" s="206"/>
      <c r="AL486" s="206"/>
      <c r="AM486" s="143"/>
      <c r="AN486" s="137"/>
      <c r="AO486" s="137"/>
      <c r="AP486" s="137"/>
      <c r="AQ486" s="137"/>
      <c r="AR486" s="137"/>
      <c r="AS486" s="137"/>
      <c r="AT486" s="137"/>
      <c r="AU486" s="137"/>
      <c r="AV486" s="137"/>
      <c r="AW486" s="144"/>
    </row>
    <row r="487" spans="2:49" x14ac:dyDescent="0.2">
      <c r="B487" s="97"/>
      <c r="G487" s="43"/>
      <c r="J487" s="98"/>
      <c r="K487" s="97"/>
      <c r="N487" s="3"/>
      <c r="W487" s="98"/>
      <c r="Z487" s="143"/>
      <c r="AA487" s="137"/>
      <c r="AB487" s="137"/>
      <c r="AC487" s="137"/>
      <c r="AD487" s="137"/>
      <c r="AE487" s="137"/>
      <c r="AF487" s="137"/>
      <c r="AG487" s="137"/>
      <c r="AH487" s="137"/>
      <c r="AI487" s="137"/>
      <c r="AJ487" s="137"/>
      <c r="AK487" s="206"/>
      <c r="AL487" s="206"/>
      <c r="AM487" s="143"/>
      <c r="AN487" s="137"/>
      <c r="AO487" s="137"/>
      <c r="AP487" s="137"/>
      <c r="AQ487" s="137"/>
      <c r="AR487" s="137"/>
      <c r="AS487" s="137"/>
      <c r="AT487" s="137"/>
      <c r="AU487" s="137"/>
      <c r="AV487" s="137"/>
      <c r="AW487" s="144"/>
    </row>
    <row r="488" spans="2:49" x14ac:dyDescent="0.2">
      <c r="B488" s="97"/>
      <c r="G488" s="43"/>
      <c r="J488" s="98"/>
      <c r="K488" s="97"/>
      <c r="N488" s="3"/>
      <c r="W488" s="98"/>
      <c r="Z488" s="143"/>
      <c r="AA488" s="137"/>
      <c r="AB488" s="137"/>
      <c r="AC488" s="137"/>
      <c r="AD488" s="137"/>
      <c r="AE488" s="137"/>
      <c r="AF488" s="137"/>
      <c r="AG488" s="137"/>
      <c r="AH488" s="137"/>
      <c r="AI488" s="137"/>
      <c r="AJ488" s="137"/>
      <c r="AK488" s="206"/>
      <c r="AL488" s="206"/>
      <c r="AM488" s="143"/>
      <c r="AN488" s="137"/>
      <c r="AO488" s="137"/>
      <c r="AP488" s="137"/>
      <c r="AQ488" s="137"/>
      <c r="AR488" s="137"/>
      <c r="AS488" s="137"/>
      <c r="AT488" s="137"/>
      <c r="AU488" s="137"/>
      <c r="AV488" s="137"/>
      <c r="AW488" s="144"/>
    </row>
    <row r="489" spans="2:49" x14ac:dyDescent="0.2">
      <c r="B489" s="97"/>
      <c r="G489" s="43"/>
      <c r="J489" s="98"/>
      <c r="K489" s="97"/>
      <c r="N489" s="3"/>
      <c r="W489" s="98"/>
      <c r="Z489" s="143"/>
      <c r="AA489" s="137"/>
      <c r="AB489" s="137"/>
      <c r="AC489" s="137"/>
      <c r="AD489" s="137"/>
      <c r="AE489" s="137"/>
      <c r="AF489" s="137"/>
      <c r="AG489" s="137"/>
      <c r="AH489" s="137"/>
      <c r="AI489" s="137"/>
      <c r="AJ489" s="137"/>
      <c r="AK489" s="206"/>
      <c r="AL489" s="206"/>
      <c r="AM489" s="143"/>
      <c r="AN489" s="137"/>
      <c r="AO489" s="137"/>
      <c r="AP489" s="137"/>
      <c r="AQ489" s="137"/>
      <c r="AR489" s="137"/>
      <c r="AS489" s="137"/>
      <c r="AT489" s="137"/>
      <c r="AU489" s="137"/>
      <c r="AV489" s="137"/>
      <c r="AW489" s="144"/>
    </row>
    <row r="490" spans="2:49" x14ac:dyDescent="0.2">
      <c r="B490" s="97"/>
      <c r="G490" s="43"/>
      <c r="J490" s="98"/>
      <c r="K490" s="97"/>
      <c r="N490" s="3"/>
      <c r="W490" s="98"/>
      <c r="Z490" s="143"/>
      <c r="AA490" s="137"/>
      <c r="AB490" s="137"/>
      <c r="AC490" s="137"/>
      <c r="AD490" s="137"/>
      <c r="AE490" s="137"/>
      <c r="AF490" s="137"/>
      <c r="AG490" s="137"/>
      <c r="AH490" s="137"/>
      <c r="AI490" s="137"/>
      <c r="AJ490" s="137"/>
      <c r="AK490" s="206"/>
      <c r="AL490" s="206"/>
      <c r="AM490" s="143"/>
      <c r="AN490" s="137"/>
      <c r="AO490" s="137"/>
      <c r="AP490" s="137"/>
      <c r="AQ490" s="137"/>
      <c r="AR490" s="137"/>
      <c r="AS490" s="137"/>
      <c r="AT490" s="137"/>
      <c r="AU490" s="137"/>
      <c r="AV490" s="137"/>
      <c r="AW490" s="144"/>
    </row>
    <row r="491" spans="2:49" x14ac:dyDescent="0.2">
      <c r="B491" s="97"/>
      <c r="G491" s="43"/>
      <c r="J491" s="98"/>
      <c r="K491" s="97"/>
      <c r="N491" s="3"/>
      <c r="W491" s="98"/>
      <c r="Z491" s="143"/>
      <c r="AA491" s="137"/>
      <c r="AB491" s="137"/>
      <c r="AC491" s="137"/>
      <c r="AD491" s="137"/>
      <c r="AE491" s="137"/>
      <c r="AF491" s="137"/>
      <c r="AG491" s="137"/>
      <c r="AH491" s="137"/>
      <c r="AI491" s="137"/>
      <c r="AJ491" s="137"/>
      <c r="AK491" s="206"/>
      <c r="AL491" s="206"/>
      <c r="AM491" s="143"/>
      <c r="AN491" s="137"/>
      <c r="AO491" s="137"/>
      <c r="AP491" s="137"/>
      <c r="AQ491" s="137"/>
      <c r="AR491" s="137"/>
      <c r="AS491" s="137"/>
      <c r="AT491" s="137"/>
      <c r="AU491" s="137"/>
      <c r="AV491" s="137"/>
      <c r="AW491" s="144"/>
    </row>
    <row r="492" spans="2:49" x14ac:dyDescent="0.2">
      <c r="B492" s="97"/>
      <c r="G492" s="43"/>
      <c r="J492" s="98"/>
      <c r="K492" s="97"/>
      <c r="N492" s="3"/>
      <c r="W492" s="98"/>
      <c r="Z492" s="143"/>
      <c r="AA492" s="137"/>
      <c r="AB492" s="137"/>
      <c r="AC492" s="137"/>
      <c r="AD492" s="137"/>
      <c r="AE492" s="137"/>
      <c r="AF492" s="137"/>
      <c r="AG492" s="137"/>
      <c r="AH492" s="137"/>
      <c r="AI492" s="137"/>
      <c r="AJ492" s="137"/>
      <c r="AK492" s="206"/>
      <c r="AL492" s="206"/>
      <c r="AM492" s="143"/>
      <c r="AN492" s="137"/>
      <c r="AO492" s="137"/>
      <c r="AP492" s="137"/>
      <c r="AQ492" s="137"/>
      <c r="AR492" s="137"/>
      <c r="AS492" s="137"/>
      <c r="AT492" s="137"/>
      <c r="AU492" s="137"/>
      <c r="AV492" s="137"/>
      <c r="AW492" s="144"/>
    </row>
    <row r="493" spans="2:49" x14ac:dyDescent="0.2">
      <c r="B493" s="97"/>
      <c r="G493" s="43"/>
      <c r="J493" s="98"/>
      <c r="K493" s="97"/>
      <c r="N493" s="3"/>
      <c r="W493" s="98"/>
      <c r="Z493" s="143"/>
      <c r="AA493" s="137"/>
      <c r="AB493" s="137"/>
      <c r="AC493" s="137"/>
      <c r="AD493" s="137"/>
      <c r="AE493" s="137"/>
      <c r="AF493" s="137"/>
      <c r="AG493" s="137"/>
      <c r="AH493" s="137"/>
      <c r="AI493" s="137"/>
      <c r="AJ493" s="137"/>
      <c r="AK493" s="206"/>
      <c r="AL493" s="206"/>
      <c r="AM493" s="143"/>
      <c r="AN493" s="137"/>
      <c r="AO493" s="137"/>
      <c r="AP493" s="137"/>
      <c r="AQ493" s="137"/>
      <c r="AR493" s="137"/>
      <c r="AS493" s="137"/>
      <c r="AT493" s="137"/>
      <c r="AU493" s="137"/>
      <c r="AV493" s="137"/>
      <c r="AW493" s="144"/>
    </row>
    <row r="494" spans="2:49" x14ac:dyDescent="0.2">
      <c r="B494" s="97"/>
      <c r="G494" s="43"/>
      <c r="J494" s="98"/>
      <c r="K494" s="97"/>
      <c r="N494" s="3"/>
      <c r="W494" s="98"/>
      <c r="Z494" s="143"/>
      <c r="AA494" s="137"/>
      <c r="AB494" s="137"/>
      <c r="AC494" s="137"/>
      <c r="AD494" s="137"/>
      <c r="AE494" s="137"/>
      <c r="AF494" s="137"/>
      <c r="AG494" s="137"/>
      <c r="AH494" s="137"/>
      <c r="AI494" s="137"/>
      <c r="AJ494" s="137"/>
      <c r="AK494" s="206"/>
      <c r="AL494" s="206"/>
      <c r="AM494" s="143"/>
      <c r="AN494" s="137"/>
      <c r="AO494" s="137"/>
      <c r="AP494" s="137"/>
      <c r="AQ494" s="137"/>
      <c r="AR494" s="137"/>
      <c r="AS494" s="137"/>
      <c r="AT494" s="137"/>
      <c r="AU494" s="137"/>
      <c r="AV494" s="137"/>
      <c r="AW494" s="144"/>
    </row>
    <row r="495" spans="2:49" x14ac:dyDescent="0.2">
      <c r="B495" s="97"/>
      <c r="G495" s="43"/>
      <c r="J495" s="98"/>
      <c r="K495" s="97"/>
      <c r="N495" s="3"/>
      <c r="W495" s="98"/>
      <c r="Z495" s="143"/>
      <c r="AA495" s="137"/>
      <c r="AB495" s="137"/>
      <c r="AC495" s="137"/>
      <c r="AD495" s="137"/>
      <c r="AE495" s="137"/>
      <c r="AF495" s="137"/>
      <c r="AG495" s="137"/>
      <c r="AH495" s="137"/>
      <c r="AI495" s="137"/>
      <c r="AJ495" s="137"/>
      <c r="AK495" s="206"/>
      <c r="AL495" s="206"/>
      <c r="AM495" s="143"/>
      <c r="AN495" s="137"/>
      <c r="AO495" s="137"/>
      <c r="AP495" s="137"/>
      <c r="AQ495" s="137"/>
      <c r="AR495" s="137"/>
      <c r="AS495" s="137"/>
      <c r="AT495" s="137"/>
      <c r="AU495" s="137"/>
      <c r="AV495" s="137"/>
      <c r="AW495" s="144"/>
    </row>
    <row r="496" spans="2:49" x14ac:dyDescent="0.2">
      <c r="B496" s="97"/>
      <c r="G496" s="43"/>
      <c r="J496" s="98"/>
      <c r="K496" s="97"/>
      <c r="N496" s="3"/>
      <c r="W496" s="98"/>
      <c r="Z496" s="143"/>
      <c r="AA496" s="137"/>
      <c r="AB496" s="137"/>
      <c r="AC496" s="137"/>
      <c r="AD496" s="137"/>
      <c r="AE496" s="137"/>
      <c r="AF496" s="137"/>
      <c r="AG496" s="137"/>
      <c r="AH496" s="137"/>
      <c r="AI496" s="137"/>
      <c r="AJ496" s="137"/>
      <c r="AK496" s="206"/>
      <c r="AL496" s="206"/>
      <c r="AM496" s="143"/>
      <c r="AN496" s="137"/>
      <c r="AO496" s="137"/>
      <c r="AP496" s="137"/>
      <c r="AQ496" s="137"/>
      <c r="AR496" s="137"/>
      <c r="AS496" s="137"/>
      <c r="AT496" s="137"/>
      <c r="AU496" s="137"/>
      <c r="AV496" s="137"/>
      <c r="AW496" s="144"/>
    </row>
    <row r="497" spans="2:49" x14ac:dyDescent="0.2">
      <c r="B497" s="97"/>
      <c r="G497" s="43"/>
      <c r="J497" s="98"/>
      <c r="K497" s="97"/>
      <c r="N497" s="3"/>
      <c r="W497" s="98"/>
      <c r="Z497" s="143"/>
      <c r="AA497" s="137"/>
      <c r="AB497" s="137"/>
      <c r="AC497" s="137"/>
      <c r="AD497" s="137"/>
      <c r="AE497" s="137"/>
      <c r="AF497" s="137"/>
      <c r="AG497" s="137"/>
      <c r="AH497" s="137"/>
      <c r="AI497" s="137"/>
      <c r="AJ497" s="137"/>
      <c r="AK497" s="206"/>
      <c r="AL497" s="206"/>
      <c r="AM497" s="143"/>
      <c r="AN497" s="137"/>
      <c r="AO497" s="137"/>
      <c r="AP497" s="137"/>
      <c r="AQ497" s="137"/>
      <c r="AR497" s="137"/>
      <c r="AS497" s="137"/>
      <c r="AT497" s="137"/>
      <c r="AU497" s="137"/>
      <c r="AV497" s="137"/>
      <c r="AW497" s="144"/>
    </row>
    <row r="498" spans="2:49" x14ac:dyDescent="0.2">
      <c r="B498" s="97"/>
      <c r="G498" s="43"/>
      <c r="J498" s="98"/>
      <c r="K498" s="97"/>
      <c r="N498" s="3"/>
      <c r="W498" s="98"/>
      <c r="Z498" s="143"/>
      <c r="AA498" s="137"/>
      <c r="AB498" s="137"/>
      <c r="AC498" s="137"/>
      <c r="AD498" s="137"/>
      <c r="AE498" s="137"/>
      <c r="AF498" s="137"/>
      <c r="AG498" s="137"/>
      <c r="AH498" s="137"/>
      <c r="AI498" s="137"/>
      <c r="AJ498" s="137"/>
      <c r="AK498" s="206"/>
      <c r="AL498" s="206"/>
      <c r="AM498" s="143"/>
      <c r="AN498" s="137"/>
      <c r="AO498" s="137"/>
      <c r="AP498" s="137"/>
      <c r="AQ498" s="137"/>
      <c r="AR498" s="137"/>
      <c r="AS498" s="137"/>
      <c r="AT498" s="137"/>
      <c r="AU498" s="137"/>
      <c r="AV498" s="137"/>
      <c r="AW498" s="144"/>
    </row>
    <row r="499" spans="2:49" x14ac:dyDescent="0.2">
      <c r="B499" s="97"/>
      <c r="G499" s="43"/>
      <c r="J499" s="98"/>
      <c r="K499" s="97"/>
      <c r="N499" s="3"/>
      <c r="W499" s="98"/>
      <c r="Z499" s="143"/>
      <c r="AA499" s="137"/>
      <c r="AB499" s="137"/>
      <c r="AC499" s="137"/>
      <c r="AD499" s="137"/>
      <c r="AE499" s="137"/>
      <c r="AF499" s="137"/>
      <c r="AG499" s="137"/>
      <c r="AH499" s="137"/>
      <c r="AI499" s="137"/>
      <c r="AJ499" s="137"/>
      <c r="AK499" s="206"/>
      <c r="AL499" s="206"/>
      <c r="AM499" s="143"/>
      <c r="AN499" s="137"/>
      <c r="AO499" s="137"/>
      <c r="AP499" s="137"/>
      <c r="AQ499" s="137"/>
      <c r="AR499" s="137"/>
      <c r="AS499" s="137"/>
      <c r="AT499" s="137"/>
      <c r="AU499" s="137"/>
      <c r="AV499" s="137"/>
      <c r="AW499" s="144"/>
    </row>
    <row r="500" spans="2:49" x14ac:dyDescent="0.2">
      <c r="B500" s="97"/>
      <c r="G500" s="43"/>
      <c r="J500" s="98"/>
      <c r="K500" s="97"/>
      <c r="N500" s="3"/>
      <c r="W500" s="98"/>
      <c r="Z500" s="143"/>
      <c r="AA500" s="137"/>
      <c r="AB500" s="137"/>
      <c r="AC500" s="137"/>
      <c r="AD500" s="137"/>
      <c r="AE500" s="137"/>
      <c r="AF500" s="137"/>
      <c r="AG500" s="137"/>
      <c r="AH500" s="137"/>
      <c r="AI500" s="137"/>
      <c r="AJ500" s="137"/>
      <c r="AK500" s="206"/>
      <c r="AL500" s="206"/>
      <c r="AM500" s="143"/>
      <c r="AN500" s="137"/>
      <c r="AO500" s="137"/>
      <c r="AP500" s="137"/>
      <c r="AQ500" s="137"/>
      <c r="AR500" s="137"/>
      <c r="AS500" s="137"/>
      <c r="AT500" s="137"/>
      <c r="AU500" s="137"/>
      <c r="AV500" s="137"/>
      <c r="AW500" s="144"/>
    </row>
    <row r="501" spans="2:49" x14ac:dyDescent="0.2">
      <c r="B501" s="97"/>
      <c r="G501" s="43"/>
      <c r="J501" s="98"/>
      <c r="K501" s="97"/>
      <c r="N501" s="3"/>
      <c r="W501" s="98"/>
      <c r="Z501" s="143"/>
      <c r="AA501" s="137"/>
      <c r="AB501" s="137"/>
      <c r="AC501" s="137"/>
      <c r="AD501" s="137"/>
      <c r="AE501" s="137"/>
      <c r="AF501" s="137"/>
      <c r="AG501" s="137"/>
      <c r="AH501" s="137"/>
      <c r="AI501" s="137"/>
      <c r="AJ501" s="137"/>
      <c r="AK501" s="206"/>
      <c r="AL501" s="206"/>
      <c r="AM501" s="143"/>
      <c r="AN501" s="137"/>
      <c r="AO501" s="137"/>
      <c r="AP501" s="137"/>
      <c r="AQ501" s="137"/>
      <c r="AR501" s="137"/>
      <c r="AS501" s="137"/>
      <c r="AT501" s="137"/>
      <c r="AU501" s="137"/>
      <c r="AV501" s="137"/>
      <c r="AW501" s="144"/>
    </row>
    <row r="502" spans="2:49" x14ac:dyDescent="0.2">
      <c r="B502" s="97"/>
      <c r="G502" s="43"/>
      <c r="J502" s="98"/>
      <c r="K502" s="97"/>
      <c r="N502" s="3"/>
      <c r="W502" s="98"/>
      <c r="Z502" s="143"/>
      <c r="AA502" s="137"/>
      <c r="AB502" s="137"/>
      <c r="AC502" s="137"/>
      <c r="AD502" s="137"/>
      <c r="AE502" s="137"/>
      <c r="AF502" s="137"/>
      <c r="AG502" s="137"/>
      <c r="AH502" s="137"/>
      <c r="AI502" s="137"/>
      <c r="AJ502" s="137"/>
      <c r="AK502" s="206"/>
      <c r="AL502" s="206"/>
      <c r="AM502" s="143"/>
      <c r="AN502" s="137"/>
      <c r="AO502" s="137"/>
      <c r="AP502" s="137"/>
      <c r="AQ502" s="137"/>
      <c r="AR502" s="137"/>
      <c r="AS502" s="137"/>
      <c r="AT502" s="137"/>
      <c r="AU502" s="137"/>
      <c r="AV502" s="137"/>
      <c r="AW502" s="144"/>
    </row>
    <row r="503" spans="2:49" x14ac:dyDescent="0.2">
      <c r="B503" s="97"/>
      <c r="G503" s="43"/>
      <c r="J503" s="98"/>
      <c r="K503" s="97"/>
      <c r="N503" s="3"/>
      <c r="W503" s="98"/>
      <c r="Z503" s="143"/>
      <c r="AA503" s="137"/>
      <c r="AB503" s="137"/>
      <c r="AC503" s="137"/>
      <c r="AD503" s="137"/>
      <c r="AE503" s="137"/>
      <c r="AF503" s="137"/>
      <c r="AG503" s="137"/>
      <c r="AH503" s="137"/>
      <c r="AI503" s="137"/>
      <c r="AJ503" s="137"/>
      <c r="AK503" s="206"/>
      <c r="AL503" s="206"/>
      <c r="AM503" s="143"/>
      <c r="AN503" s="137"/>
      <c r="AO503" s="137"/>
      <c r="AP503" s="137"/>
      <c r="AQ503" s="137"/>
      <c r="AR503" s="137"/>
      <c r="AS503" s="137"/>
      <c r="AT503" s="137"/>
      <c r="AU503" s="137"/>
      <c r="AV503" s="137"/>
      <c r="AW503" s="144"/>
    </row>
    <row r="504" spans="2:49" x14ac:dyDescent="0.2">
      <c r="B504" s="97"/>
      <c r="G504" s="43"/>
      <c r="J504" s="98"/>
      <c r="K504" s="97"/>
      <c r="N504" s="3"/>
      <c r="W504" s="98"/>
      <c r="Z504" s="143"/>
      <c r="AA504" s="137"/>
      <c r="AB504" s="137"/>
      <c r="AC504" s="137"/>
      <c r="AD504" s="137"/>
      <c r="AE504" s="137"/>
      <c r="AF504" s="137"/>
      <c r="AG504" s="137"/>
      <c r="AH504" s="137"/>
      <c r="AI504" s="137"/>
      <c r="AJ504" s="137"/>
      <c r="AK504" s="206"/>
      <c r="AL504" s="206"/>
      <c r="AM504" s="143"/>
      <c r="AN504" s="137"/>
      <c r="AO504" s="137"/>
      <c r="AP504" s="137"/>
      <c r="AQ504" s="137"/>
      <c r="AR504" s="137"/>
      <c r="AS504" s="137"/>
      <c r="AT504" s="137"/>
      <c r="AU504" s="137"/>
      <c r="AV504" s="137"/>
      <c r="AW504" s="144"/>
    </row>
    <row r="505" spans="2:49" x14ac:dyDescent="0.2">
      <c r="B505" s="97"/>
      <c r="G505" s="43"/>
      <c r="J505" s="98"/>
      <c r="K505" s="97"/>
      <c r="N505" s="3"/>
      <c r="W505" s="98"/>
      <c r="Z505" s="143"/>
      <c r="AA505" s="137"/>
      <c r="AB505" s="137"/>
      <c r="AC505" s="137"/>
      <c r="AD505" s="137"/>
      <c r="AE505" s="137"/>
      <c r="AF505" s="137"/>
      <c r="AG505" s="137"/>
      <c r="AH505" s="137"/>
      <c r="AI505" s="137"/>
      <c r="AJ505" s="137"/>
      <c r="AK505" s="206"/>
      <c r="AL505" s="206"/>
      <c r="AM505" s="143"/>
      <c r="AN505" s="137"/>
      <c r="AO505" s="137"/>
      <c r="AP505" s="137"/>
      <c r="AQ505" s="137"/>
      <c r="AR505" s="137"/>
      <c r="AS505" s="137"/>
      <c r="AT505" s="137"/>
      <c r="AU505" s="137"/>
      <c r="AV505" s="137"/>
      <c r="AW505" s="144"/>
    </row>
    <row r="506" spans="2:49" x14ac:dyDescent="0.2">
      <c r="B506" s="97"/>
      <c r="G506" s="43"/>
      <c r="J506" s="98"/>
      <c r="K506" s="97"/>
      <c r="N506" s="3"/>
      <c r="W506" s="98"/>
      <c r="Z506" s="143"/>
      <c r="AA506" s="137"/>
      <c r="AB506" s="137"/>
      <c r="AC506" s="137"/>
      <c r="AD506" s="137"/>
      <c r="AE506" s="137"/>
      <c r="AF506" s="137"/>
      <c r="AG506" s="137"/>
      <c r="AH506" s="137"/>
      <c r="AI506" s="137"/>
      <c r="AJ506" s="137"/>
      <c r="AK506" s="206"/>
      <c r="AL506" s="206"/>
      <c r="AM506" s="143"/>
      <c r="AN506" s="137"/>
      <c r="AO506" s="137"/>
      <c r="AP506" s="137"/>
      <c r="AQ506" s="137"/>
      <c r="AR506" s="137"/>
      <c r="AS506" s="137"/>
      <c r="AT506" s="137"/>
      <c r="AU506" s="137"/>
      <c r="AV506" s="137"/>
      <c r="AW506" s="144"/>
    </row>
    <row r="507" spans="2:49" x14ac:dyDescent="0.2">
      <c r="B507" s="97"/>
      <c r="G507" s="43"/>
      <c r="J507" s="98"/>
      <c r="K507" s="97"/>
      <c r="N507" s="3"/>
      <c r="W507" s="98"/>
      <c r="Z507" s="143"/>
      <c r="AA507" s="137"/>
      <c r="AB507" s="137"/>
      <c r="AC507" s="137"/>
      <c r="AD507" s="137"/>
      <c r="AE507" s="137"/>
      <c r="AF507" s="137"/>
      <c r="AG507" s="137"/>
      <c r="AH507" s="137"/>
      <c r="AI507" s="137"/>
      <c r="AJ507" s="137"/>
      <c r="AK507" s="206"/>
      <c r="AL507" s="206"/>
      <c r="AM507" s="143"/>
      <c r="AN507" s="137"/>
      <c r="AO507" s="137"/>
      <c r="AP507" s="137"/>
      <c r="AQ507" s="137"/>
      <c r="AR507" s="137"/>
      <c r="AS507" s="137"/>
      <c r="AT507" s="137"/>
      <c r="AU507" s="137"/>
      <c r="AV507" s="137"/>
      <c r="AW507" s="144"/>
    </row>
    <row r="508" spans="2:49" x14ac:dyDescent="0.2">
      <c r="B508" s="97"/>
      <c r="G508" s="43"/>
      <c r="J508" s="98"/>
      <c r="K508" s="97"/>
      <c r="N508" s="3"/>
      <c r="W508" s="98"/>
      <c r="Z508" s="143"/>
      <c r="AA508" s="137"/>
      <c r="AB508" s="137"/>
      <c r="AC508" s="137"/>
      <c r="AD508" s="137"/>
      <c r="AE508" s="137"/>
      <c r="AF508" s="137"/>
      <c r="AG508" s="137"/>
      <c r="AH508" s="137"/>
      <c r="AI508" s="137"/>
      <c r="AJ508" s="137"/>
      <c r="AK508" s="206"/>
      <c r="AL508" s="206"/>
      <c r="AM508" s="143"/>
      <c r="AN508" s="137"/>
      <c r="AO508" s="137"/>
      <c r="AP508" s="137"/>
      <c r="AQ508" s="137"/>
      <c r="AR508" s="137"/>
      <c r="AS508" s="137"/>
      <c r="AT508" s="137"/>
      <c r="AU508" s="137"/>
      <c r="AV508" s="137"/>
      <c r="AW508" s="144"/>
    </row>
    <row r="509" spans="2:49" x14ac:dyDescent="0.2">
      <c r="B509" s="97"/>
      <c r="G509" s="43"/>
      <c r="J509" s="98"/>
      <c r="K509" s="97"/>
      <c r="N509" s="3"/>
      <c r="W509" s="98"/>
      <c r="Z509" s="143"/>
      <c r="AA509" s="137"/>
      <c r="AB509" s="137"/>
      <c r="AC509" s="137"/>
      <c r="AD509" s="137"/>
      <c r="AE509" s="137"/>
      <c r="AF509" s="137"/>
      <c r="AG509" s="137"/>
      <c r="AH509" s="137"/>
      <c r="AI509" s="137"/>
      <c r="AJ509" s="137"/>
      <c r="AK509" s="206"/>
      <c r="AL509" s="206"/>
      <c r="AM509" s="143"/>
      <c r="AN509" s="137"/>
      <c r="AO509" s="137"/>
      <c r="AP509" s="137"/>
      <c r="AQ509" s="137"/>
      <c r="AR509" s="137"/>
      <c r="AS509" s="137"/>
      <c r="AT509" s="137"/>
      <c r="AU509" s="137"/>
      <c r="AV509" s="137"/>
      <c r="AW509" s="144"/>
    </row>
    <row r="510" spans="2:49" x14ac:dyDescent="0.2">
      <c r="B510" s="97"/>
      <c r="G510" s="43"/>
      <c r="J510" s="98"/>
      <c r="K510" s="97"/>
      <c r="N510" s="3"/>
      <c r="W510" s="98"/>
      <c r="Z510" s="143"/>
      <c r="AA510" s="137"/>
      <c r="AB510" s="137"/>
      <c r="AC510" s="137"/>
      <c r="AD510" s="137"/>
      <c r="AE510" s="137"/>
      <c r="AF510" s="137"/>
      <c r="AG510" s="137"/>
      <c r="AH510" s="137"/>
      <c r="AI510" s="137"/>
      <c r="AJ510" s="137"/>
      <c r="AK510" s="206"/>
      <c r="AL510" s="206"/>
      <c r="AM510" s="143"/>
      <c r="AN510" s="137"/>
      <c r="AO510" s="137"/>
      <c r="AP510" s="137"/>
      <c r="AQ510" s="137"/>
      <c r="AR510" s="137"/>
      <c r="AS510" s="137"/>
      <c r="AT510" s="137"/>
      <c r="AU510" s="137"/>
      <c r="AV510" s="137"/>
      <c r="AW510" s="144"/>
    </row>
    <row r="511" spans="2:49" x14ac:dyDescent="0.2">
      <c r="B511" s="97"/>
      <c r="G511" s="43"/>
      <c r="J511" s="98"/>
      <c r="K511" s="97"/>
      <c r="N511" s="3"/>
      <c r="W511" s="98"/>
      <c r="Z511" s="143"/>
      <c r="AA511" s="137"/>
      <c r="AB511" s="137"/>
      <c r="AC511" s="137"/>
      <c r="AD511" s="137"/>
      <c r="AE511" s="137"/>
      <c r="AF511" s="137"/>
      <c r="AG511" s="137"/>
      <c r="AH511" s="137"/>
      <c r="AI511" s="137"/>
      <c r="AJ511" s="137"/>
      <c r="AK511" s="206"/>
      <c r="AL511" s="206"/>
      <c r="AM511" s="143"/>
      <c r="AN511" s="137"/>
      <c r="AO511" s="137"/>
      <c r="AP511" s="137"/>
      <c r="AQ511" s="137"/>
      <c r="AR511" s="137"/>
      <c r="AS511" s="137"/>
      <c r="AT511" s="137"/>
      <c r="AU511" s="137"/>
      <c r="AV511" s="137"/>
      <c r="AW511" s="144"/>
    </row>
    <row r="512" spans="2:49" x14ac:dyDescent="0.2">
      <c r="B512" s="97"/>
      <c r="G512" s="43"/>
      <c r="J512" s="98"/>
      <c r="K512" s="97"/>
      <c r="N512" s="3"/>
      <c r="W512" s="98"/>
      <c r="Z512" s="143"/>
      <c r="AA512" s="137"/>
      <c r="AB512" s="137"/>
      <c r="AC512" s="137"/>
      <c r="AD512" s="137"/>
      <c r="AE512" s="137"/>
      <c r="AF512" s="137"/>
      <c r="AG512" s="137"/>
      <c r="AH512" s="137"/>
      <c r="AI512" s="137"/>
      <c r="AJ512" s="137"/>
      <c r="AK512" s="206"/>
      <c r="AL512" s="206"/>
      <c r="AM512" s="143"/>
      <c r="AN512" s="137"/>
      <c r="AO512" s="137"/>
      <c r="AP512" s="137"/>
      <c r="AQ512" s="137"/>
      <c r="AR512" s="137"/>
      <c r="AS512" s="137"/>
      <c r="AT512" s="137"/>
      <c r="AU512" s="137"/>
      <c r="AV512" s="137"/>
      <c r="AW512" s="144"/>
    </row>
    <row r="513" spans="2:49" x14ac:dyDescent="0.2">
      <c r="B513" s="97"/>
      <c r="G513" s="43"/>
      <c r="J513" s="98"/>
      <c r="K513" s="97"/>
      <c r="N513" s="3"/>
      <c r="W513" s="98"/>
      <c r="Z513" s="143"/>
      <c r="AA513" s="137"/>
      <c r="AB513" s="137"/>
      <c r="AC513" s="137"/>
      <c r="AD513" s="137"/>
      <c r="AE513" s="137"/>
      <c r="AF513" s="137"/>
      <c r="AG513" s="137"/>
      <c r="AH513" s="137"/>
      <c r="AI513" s="137"/>
      <c r="AJ513" s="137"/>
      <c r="AK513" s="206"/>
      <c r="AL513" s="206"/>
      <c r="AM513" s="143"/>
      <c r="AN513" s="137"/>
      <c r="AO513" s="137"/>
      <c r="AP513" s="137"/>
      <c r="AQ513" s="137"/>
      <c r="AR513" s="137"/>
      <c r="AS513" s="137"/>
      <c r="AT513" s="137"/>
      <c r="AU513" s="137"/>
      <c r="AV513" s="137"/>
      <c r="AW513" s="144"/>
    </row>
    <row r="514" spans="2:49" x14ac:dyDescent="0.2">
      <c r="B514" s="97"/>
      <c r="G514" s="43"/>
      <c r="J514" s="98"/>
      <c r="K514" s="97"/>
      <c r="N514" s="3"/>
      <c r="W514" s="98"/>
      <c r="Z514" s="143"/>
      <c r="AA514" s="137"/>
      <c r="AB514" s="137"/>
      <c r="AC514" s="137"/>
      <c r="AD514" s="137"/>
      <c r="AE514" s="137"/>
      <c r="AF514" s="137"/>
      <c r="AG514" s="137"/>
      <c r="AH514" s="137"/>
      <c r="AI514" s="137"/>
      <c r="AJ514" s="137"/>
      <c r="AK514" s="206"/>
      <c r="AL514" s="206"/>
      <c r="AM514" s="143"/>
      <c r="AN514" s="137"/>
      <c r="AO514" s="137"/>
      <c r="AP514" s="137"/>
      <c r="AQ514" s="137"/>
      <c r="AR514" s="137"/>
      <c r="AS514" s="137"/>
      <c r="AT514" s="137"/>
      <c r="AU514" s="137"/>
      <c r="AV514" s="137"/>
      <c r="AW514" s="144"/>
    </row>
    <row r="515" spans="2:49" x14ac:dyDescent="0.2">
      <c r="B515" s="97"/>
      <c r="G515" s="43"/>
      <c r="J515" s="98"/>
      <c r="K515" s="97"/>
      <c r="N515" s="3"/>
      <c r="W515" s="98"/>
      <c r="Z515" s="143"/>
      <c r="AA515" s="137"/>
      <c r="AB515" s="137"/>
      <c r="AC515" s="137"/>
      <c r="AD515" s="137"/>
      <c r="AE515" s="137"/>
      <c r="AF515" s="137"/>
      <c r="AG515" s="137"/>
      <c r="AH515" s="137"/>
      <c r="AI515" s="137"/>
      <c r="AJ515" s="137"/>
      <c r="AK515" s="206"/>
      <c r="AL515" s="206"/>
      <c r="AM515" s="143"/>
      <c r="AN515" s="137"/>
      <c r="AO515" s="137"/>
      <c r="AP515" s="137"/>
      <c r="AQ515" s="137"/>
      <c r="AR515" s="137"/>
      <c r="AS515" s="137"/>
      <c r="AT515" s="137"/>
      <c r="AU515" s="137"/>
      <c r="AV515" s="137"/>
      <c r="AW515" s="144"/>
    </row>
    <row r="516" spans="2:49" x14ac:dyDescent="0.2">
      <c r="B516" s="97"/>
      <c r="G516" s="43"/>
      <c r="J516" s="98"/>
      <c r="K516" s="97"/>
      <c r="N516" s="3"/>
      <c r="W516" s="98"/>
      <c r="Z516" s="143"/>
      <c r="AA516" s="137"/>
      <c r="AB516" s="137"/>
      <c r="AC516" s="137"/>
      <c r="AD516" s="137"/>
      <c r="AE516" s="137"/>
      <c r="AF516" s="137"/>
      <c r="AG516" s="137"/>
      <c r="AH516" s="137"/>
      <c r="AI516" s="137"/>
      <c r="AJ516" s="137"/>
      <c r="AK516" s="206"/>
      <c r="AL516" s="206"/>
      <c r="AM516" s="143"/>
      <c r="AN516" s="137"/>
      <c r="AO516" s="137"/>
      <c r="AP516" s="137"/>
      <c r="AQ516" s="137"/>
      <c r="AR516" s="137"/>
      <c r="AS516" s="137"/>
      <c r="AT516" s="137"/>
      <c r="AU516" s="137"/>
      <c r="AV516" s="137"/>
      <c r="AW516" s="144"/>
    </row>
    <row r="517" spans="2:49" x14ac:dyDescent="0.2">
      <c r="B517" s="97"/>
      <c r="G517" s="43"/>
      <c r="J517" s="98"/>
      <c r="K517" s="97"/>
      <c r="N517" s="3"/>
      <c r="W517" s="98"/>
      <c r="Z517" s="143"/>
      <c r="AA517" s="137"/>
      <c r="AB517" s="137"/>
      <c r="AC517" s="137"/>
      <c r="AD517" s="137"/>
      <c r="AE517" s="137"/>
      <c r="AF517" s="137"/>
      <c r="AG517" s="137"/>
      <c r="AH517" s="137"/>
      <c r="AI517" s="137"/>
      <c r="AJ517" s="137"/>
      <c r="AK517" s="206"/>
      <c r="AL517" s="206"/>
      <c r="AM517" s="143"/>
      <c r="AN517" s="137"/>
      <c r="AO517" s="137"/>
      <c r="AP517" s="137"/>
      <c r="AQ517" s="137"/>
      <c r="AR517" s="137"/>
      <c r="AS517" s="137"/>
      <c r="AT517" s="137"/>
      <c r="AU517" s="137"/>
      <c r="AV517" s="137"/>
      <c r="AW517" s="144"/>
    </row>
    <row r="518" spans="2:49" x14ac:dyDescent="0.2">
      <c r="B518" s="97"/>
      <c r="G518" s="43"/>
      <c r="J518" s="98"/>
      <c r="K518" s="97"/>
      <c r="N518" s="3"/>
      <c r="W518" s="98"/>
      <c r="Z518" s="143"/>
      <c r="AA518" s="137"/>
      <c r="AB518" s="137"/>
      <c r="AC518" s="137"/>
      <c r="AD518" s="137"/>
      <c r="AE518" s="137"/>
      <c r="AF518" s="137"/>
      <c r="AG518" s="137"/>
      <c r="AH518" s="137"/>
      <c r="AI518" s="137"/>
      <c r="AJ518" s="137"/>
      <c r="AK518" s="206"/>
      <c r="AL518" s="206"/>
      <c r="AM518" s="143"/>
      <c r="AN518" s="137"/>
      <c r="AO518" s="137"/>
      <c r="AP518" s="137"/>
      <c r="AQ518" s="137"/>
      <c r="AR518" s="137"/>
      <c r="AS518" s="137"/>
      <c r="AT518" s="137"/>
      <c r="AU518" s="137"/>
      <c r="AV518" s="137"/>
      <c r="AW518" s="144"/>
    </row>
    <row r="519" spans="2:49" x14ac:dyDescent="0.2">
      <c r="B519" s="97"/>
      <c r="G519" s="43"/>
      <c r="J519" s="98"/>
      <c r="K519" s="97"/>
      <c r="N519" s="3"/>
      <c r="W519" s="98"/>
      <c r="Z519" s="143"/>
      <c r="AA519" s="137"/>
      <c r="AB519" s="137"/>
      <c r="AC519" s="137"/>
      <c r="AD519" s="137"/>
      <c r="AE519" s="137"/>
      <c r="AF519" s="137"/>
      <c r="AG519" s="137"/>
      <c r="AH519" s="137"/>
      <c r="AI519" s="137"/>
      <c r="AJ519" s="137"/>
      <c r="AK519" s="206"/>
      <c r="AL519" s="206"/>
      <c r="AM519" s="143"/>
      <c r="AN519" s="137"/>
      <c r="AO519" s="137"/>
      <c r="AP519" s="137"/>
      <c r="AQ519" s="137"/>
      <c r="AR519" s="137"/>
      <c r="AS519" s="137"/>
      <c r="AT519" s="137"/>
      <c r="AU519" s="137"/>
      <c r="AV519" s="137"/>
      <c r="AW519" s="144"/>
    </row>
    <row r="520" spans="2:49" x14ac:dyDescent="0.2">
      <c r="B520" s="97"/>
      <c r="G520" s="43"/>
      <c r="J520" s="98"/>
      <c r="K520" s="97"/>
      <c r="N520" s="3"/>
      <c r="W520" s="98"/>
      <c r="Z520" s="143"/>
      <c r="AA520" s="137"/>
      <c r="AB520" s="137"/>
      <c r="AC520" s="137"/>
      <c r="AD520" s="137"/>
      <c r="AE520" s="137"/>
      <c r="AF520" s="137"/>
      <c r="AG520" s="137"/>
      <c r="AH520" s="137"/>
      <c r="AI520" s="137"/>
      <c r="AJ520" s="137"/>
      <c r="AK520" s="206"/>
      <c r="AL520" s="206"/>
      <c r="AM520" s="143"/>
      <c r="AN520" s="137"/>
      <c r="AO520" s="137"/>
      <c r="AP520" s="137"/>
      <c r="AQ520" s="137"/>
      <c r="AR520" s="137"/>
      <c r="AS520" s="137"/>
      <c r="AT520" s="137"/>
      <c r="AU520" s="137"/>
      <c r="AV520" s="137"/>
      <c r="AW520" s="144"/>
    </row>
    <row r="521" spans="2:49" x14ac:dyDescent="0.2">
      <c r="B521" s="97"/>
      <c r="G521" s="43"/>
      <c r="J521" s="98"/>
      <c r="K521" s="97"/>
      <c r="N521" s="3"/>
      <c r="W521" s="98"/>
      <c r="Z521" s="143"/>
      <c r="AA521" s="137"/>
      <c r="AB521" s="137"/>
      <c r="AC521" s="137"/>
      <c r="AD521" s="137"/>
      <c r="AE521" s="137"/>
      <c r="AF521" s="137"/>
      <c r="AG521" s="137"/>
      <c r="AH521" s="137"/>
      <c r="AI521" s="137"/>
      <c r="AJ521" s="137"/>
      <c r="AK521" s="206"/>
      <c r="AL521" s="206"/>
      <c r="AM521" s="143"/>
      <c r="AN521" s="137"/>
      <c r="AO521" s="137"/>
      <c r="AP521" s="137"/>
      <c r="AQ521" s="137"/>
      <c r="AR521" s="137"/>
      <c r="AS521" s="137"/>
      <c r="AT521" s="137"/>
      <c r="AU521" s="137"/>
      <c r="AV521" s="137"/>
      <c r="AW521" s="144"/>
    </row>
    <row r="522" spans="2:49" x14ac:dyDescent="0.2">
      <c r="B522" s="97"/>
      <c r="G522" s="43"/>
      <c r="J522" s="98"/>
      <c r="K522" s="97"/>
      <c r="N522" s="3"/>
      <c r="W522" s="98"/>
      <c r="Z522" s="143"/>
      <c r="AA522" s="137"/>
      <c r="AB522" s="137"/>
      <c r="AC522" s="137"/>
      <c r="AD522" s="137"/>
      <c r="AE522" s="137"/>
      <c r="AF522" s="137"/>
      <c r="AG522" s="137"/>
      <c r="AH522" s="137"/>
      <c r="AI522" s="137"/>
      <c r="AJ522" s="137"/>
      <c r="AK522" s="206"/>
      <c r="AL522" s="206"/>
      <c r="AM522" s="143"/>
      <c r="AN522" s="137"/>
      <c r="AO522" s="137"/>
      <c r="AP522" s="137"/>
      <c r="AQ522" s="137"/>
      <c r="AR522" s="137"/>
      <c r="AS522" s="137"/>
      <c r="AT522" s="137"/>
      <c r="AU522" s="137"/>
      <c r="AV522" s="137"/>
      <c r="AW522" s="144"/>
    </row>
    <row r="523" spans="2:49" x14ac:dyDescent="0.2">
      <c r="B523" s="97"/>
      <c r="G523" s="43"/>
      <c r="J523" s="98"/>
      <c r="K523" s="97"/>
      <c r="N523" s="3"/>
      <c r="W523" s="98"/>
      <c r="Z523" s="143"/>
      <c r="AA523" s="137"/>
      <c r="AB523" s="137"/>
      <c r="AC523" s="137"/>
      <c r="AD523" s="137"/>
      <c r="AE523" s="137"/>
      <c r="AF523" s="137"/>
      <c r="AG523" s="137"/>
      <c r="AH523" s="137"/>
      <c r="AI523" s="137"/>
      <c r="AJ523" s="137"/>
      <c r="AK523" s="206"/>
      <c r="AL523" s="206"/>
      <c r="AM523" s="143"/>
      <c r="AN523" s="137"/>
      <c r="AO523" s="137"/>
      <c r="AP523" s="137"/>
      <c r="AQ523" s="137"/>
      <c r="AR523" s="137"/>
      <c r="AS523" s="137"/>
      <c r="AT523" s="137"/>
      <c r="AU523" s="137"/>
      <c r="AV523" s="137"/>
      <c r="AW523" s="144"/>
    </row>
    <row r="524" spans="2:49" x14ac:dyDescent="0.2">
      <c r="B524" s="97"/>
      <c r="G524" s="43"/>
      <c r="J524" s="98"/>
      <c r="K524" s="97"/>
      <c r="N524" s="3"/>
      <c r="W524" s="98"/>
      <c r="Z524" s="143"/>
      <c r="AA524" s="137"/>
      <c r="AB524" s="137"/>
      <c r="AC524" s="137"/>
      <c r="AD524" s="137"/>
      <c r="AE524" s="137"/>
      <c r="AF524" s="137"/>
      <c r="AG524" s="137"/>
      <c r="AH524" s="137"/>
      <c r="AI524" s="137"/>
      <c r="AJ524" s="137"/>
      <c r="AK524" s="206"/>
      <c r="AL524" s="206"/>
      <c r="AM524" s="143"/>
      <c r="AN524" s="137"/>
      <c r="AO524" s="137"/>
      <c r="AP524" s="137"/>
      <c r="AQ524" s="137"/>
      <c r="AR524" s="137"/>
      <c r="AS524" s="137"/>
      <c r="AT524" s="137"/>
      <c r="AU524" s="137"/>
      <c r="AV524" s="137"/>
      <c r="AW524" s="144"/>
    </row>
    <row r="525" spans="2:49" x14ac:dyDescent="0.2">
      <c r="B525" s="97"/>
      <c r="G525" s="43"/>
      <c r="J525" s="98"/>
      <c r="K525" s="97"/>
      <c r="N525" s="3"/>
      <c r="W525" s="98"/>
      <c r="Z525" s="143"/>
      <c r="AA525" s="137"/>
      <c r="AB525" s="137"/>
      <c r="AC525" s="137"/>
      <c r="AD525" s="137"/>
      <c r="AE525" s="137"/>
      <c r="AF525" s="137"/>
      <c r="AG525" s="137"/>
      <c r="AH525" s="137"/>
      <c r="AI525" s="137"/>
      <c r="AJ525" s="137"/>
      <c r="AK525" s="206"/>
      <c r="AL525" s="206"/>
      <c r="AM525" s="143"/>
      <c r="AN525" s="137"/>
      <c r="AO525" s="137"/>
      <c r="AP525" s="137"/>
      <c r="AQ525" s="137"/>
      <c r="AR525" s="137"/>
      <c r="AS525" s="137"/>
      <c r="AT525" s="137"/>
      <c r="AU525" s="137"/>
      <c r="AV525" s="137"/>
      <c r="AW525" s="144"/>
    </row>
    <row r="526" spans="2:49" x14ac:dyDescent="0.2">
      <c r="B526" s="97"/>
      <c r="G526" s="43"/>
      <c r="J526" s="98"/>
      <c r="K526" s="97"/>
      <c r="N526" s="3"/>
      <c r="W526" s="98"/>
      <c r="Z526" s="143"/>
      <c r="AA526" s="137"/>
      <c r="AB526" s="137"/>
      <c r="AC526" s="137"/>
      <c r="AD526" s="137"/>
      <c r="AE526" s="137"/>
      <c r="AF526" s="137"/>
      <c r="AG526" s="137"/>
      <c r="AH526" s="137"/>
      <c r="AI526" s="137"/>
      <c r="AJ526" s="137"/>
      <c r="AK526" s="206"/>
      <c r="AL526" s="206"/>
      <c r="AM526" s="143"/>
      <c r="AN526" s="137"/>
      <c r="AO526" s="137"/>
      <c r="AP526" s="137"/>
      <c r="AQ526" s="137"/>
      <c r="AR526" s="137"/>
      <c r="AS526" s="137"/>
      <c r="AT526" s="137"/>
      <c r="AU526" s="137"/>
      <c r="AV526" s="137"/>
      <c r="AW526" s="144"/>
    </row>
    <row r="527" spans="2:49" x14ac:dyDescent="0.2">
      <c r="B527" s="97"/>
      <c r="G527" s="43"/>
      <c r="J527" s="98"/>
      <c r="K527" s="97"/>
      <c r="N527" s="3"/>
      <c r="W527" s="98"/>
      <c r="Z527" s="143"/>
      <c r="AA527" s="137"/>
      <c r="AB527" s="137"/>
      <c r="AC527" s="137"/>
      <c r="AD527" s="137"/>
      <c r="AE527" s="137"/>
      <c r="AF527" s="137"/>
      <c r="AG527" s="137"/>
      <c r="AH527" s="137"/>
      <c r="AI527" s="137"/>
      <c r="AJ527" s="137"/>
      <c r="AK527" s="206"/>
      <c r="AL527" s="206"/>
      <c r="AM527" s="143"/>
      <c r="AN527" s="137"/>
      <c r="AO527" s="137"/>
      <c r="AP527" s="137"/>
      <c r="AQ527" s="137"/>
      <c r="AR527" s="137"/>
      <c r="AS527" s="137"/>
      <c r="AT527" s="137"/>
      <c r="AU527" s="137"/>
      <c r="AV527" s="137"/>
      <c r="AW527" s="144"/>
    </row>
    <row r="528" spans="2:49" x14ac:dyDescent="0.2">
      <c r="B528" s="97"/>
      <c r="G528" s="43"/>
      <c r="J528" s="98"/>
      <c r="K528" s="97"/>
      <c r="N528" s="3"/>
      <c r="W528" s="98"/>
      <c r="Z528" s="143"/>
      <c r="AA528" s="137"/>
      <c r="AB528" s="137"/>
      <c r="AC528" s="137"/>
      <c r="AD528" s="137"/>
      <c r="AE528" s="137"/>
      <c r="AF528" s="137"/>
      <c r="AG528" s="137"/>
      <c r="AH528" s="137"/>
      <c r="AI528" s="137"/>
      <c r="AJ528" s="137"/>
      <c r="AK528" s="206"/>
      <c r="AL528" s="206"/>
      <c r="AM528" s="143"/>
      <c r="AN528" s="137"/>
      <c r="AO528" s="137"/>
      <c r="AP528" s="137"/>
      <c r="AQ528" s="137"/>
      <c r="AR528" s="137"/>
      <c r="AS528" s="137"/>
      <c r="AT528" s="137"/>
      <c r="AU528" s="137"/>
      <c r="AV528" s="137"/>
      <c r="AW528" s="144"/>
    </row>
    <row r="529" spans="2:49" x14ac:dyDescent="0.2">
      <c r="B529" s="97"/>
      <c r="G529" s="43"/>
      <c r="J529" s="98"/>
      <c r="K529" s="97"/>
      <c r="N529" s="3"/>
      <c r="W529" s="98"/>
      <c r="Z529" s="143"/>
      <c r="AA529" s="137"/>
      <c r="AB529" s="137"/>
      <c r="AC529" s="137"/>
      <c r="AD529" s="137"/>
      <c r="AE529" s="137"/>
      <c r="AF529" s="137"/>
      <c r="AG529" s="137"/>
      <c r="AH529" s="137"/>
      <c r="AI529" s="137"/>
      <c r="AJ529" s="137"/>
      <c r="AK529" s="206"/>
      <c r="AL529" s="206"/>
      <c r="AM529" s="143"/>
      <c r="AN529" s="137"/>
      <c r="AO529" s="137"/>
      <c r="AP529" s="137"/>
      <c r="AQ529" s="137"/>
      <c r="AR529" s="137"/>
      <c r="AS529" s="137"/>
      <c r="AT529" s="137"/>
      <c r="AU529" s="137"/>
      <c r="AV529" s="137"/>
      <c r="AW529" s="144"/>
    </row>
    <row r="530" spans="2:49" x14ac:dyDescent="0.2">
      <c r="B530" s="97"/>
      <c r="G530" s="43"/>
      <c r="J530" s="98"/>
      <c r="K530" s="97"/>
      <c r="N530" s="3"/>
      <c r="W530" s="98"/>
      <c r="Z530" s="143"/>
      <c r="AA530" s="137"/>
      <c r="AB530" s="137"/>
      <c r="AC530" s="137"/>
      <c r="AD530" s="137"/>
      <c r="AE530" s="137"/>
      <c r="AF530" s="137"/>
      <c r="AG530" s="137"/>
      <c r="AH530" s="137"/>
      <c r="AI530" s="137"/>
      <c r="AJ530" s="137"/>
      <c r="AK530" s="206"/>
      <c r="AL530" s="206"/>
      <c r="AM530" s="143"/>
      <c r="AN530" s="137"/>
      <c r="AO530" s="137"/>
      <c r="AP530" s="137"/>
      <c r="AQ530" s="137"/>
      <c r="AR530" s="137"/>
      <c r="AS530" s="137"/>
      <c r="AT530" s="137"/>
      <c r="AU530" s="137"/>
      <c r="AV530" s="137"/>
      <c r="AW530" s="144"/>
    </row>
    <row r="531" spans="2:49" x14ac:dyDescent="0.2">
      <c r="B531" s="97"/>
      <c r="G531" s="43"/>
      <c r="J531" s="98"/>
      <c r="K531" s="97"/>
      <c r="N531" s="3"/>
      <c r="W531" s="98"/>
      <c r="Z531" s="143"/>
      <c r="AA531" s="137"/>
      <c r="AB531" s="137"/>
      <c r="AC531" s="137"/>
      <c r="AD531" s="137"/>
      <c r="AE531" s="137"/>
      <c r="AF531" s="137"/>
      <c r="AG531" s="137"/>
      <c r="AH531" s="137"/>
      <c r="AI531" s="137"/>
      <c r="AJ531" s="137"/>
      <c r="AK531" s="206"/>
      <c r="AL531" s="206"/>
      <c r="AM531" s="143"/>
      <c r="AN531" s="137"/>
      <c r="AO531" s="137"/>
      <c r="AP531" s="137"/>
      <c r="AQ531" s="137"/>
      <c r="AR531" s="137"/>
      <c r="AS531" s="137"/>
      <c r="AT531" s="137"/>
      <c r="AU531" s="137"/>
      <c r="AV531" s="137"/>
      <c r="AW531" s="144"/>
    </row>
    <row r="532" spans="2:49" x14ac:dyDescent="0.2">
      <c r="B532" s="97"/>
      <c r="G532" s="43"/>
      <c r="J532" s="98"/>
      <c r="K532" s="97"/>
      <c r="N532" s="3"/>
      <c r="W532" s="98"/>
      <c r="Z532" s="143"/>
      <c r="AA532" s="137"/>
      <c r="AB532" s="137"/>
      <c r="AC532" s="137"/>
      <c r="AD532" s="137"/>
      <c r="AE532" s="137"/>
      <c r="AF532" s="137"/>
      <c r="AG532" s="137"/>
      <c r="AH532" s="137"/>
      <c r="AI532" s="137"/>
      <c r="AJ532" s="137"/>
      <c r="AK532" s="206"/>
      <c r="AL532" s="206"/>
      <c r="AM532" s="143"/>
      <c r="AN532" s="137"/>
      <c r="AO532" s="137"/>
      <c r="AP532" s="137"/>
      <c r="AQ532" s="137"/>
      <c r="AR532" s="137"/>
      <c r="AS532" s="137"/>
      <c r="AT532" s="137"/>
      <c r="AU532" s="137"/>
      <c r="AV532" s="137"/>
      <c r="AW532" s="144"/>
    </row>
    <row r="533" spans="2:49" x14ac:dyDescent="0.2">
      <c r="B533" s="97"/>
      <c r="G533" s="43"/>
      <c r="J533" s="98"/>
      <c r="K533" s="97"/>
      <c r="N533" s="3"/>
      <c r="W533" s="98"/>
      <c r="Z533" s="143"/>
      <c r="AA533" s="137"/>
      <c r="AB533" s="137"/>
      <c r="AC533" s="137"/>
      <c r="AD533" s="137"/>
      <c r="AE533" s="137"/>
      <c r="AF533" s="137"/>
      <c r="AG533" s="137"/>
      <c r="AH533" s="137"/>
      <c r="AI533" s="137"/>
      <c r="AJ533" s="137"/>
      <c r="AK533" s="206"/>
      <c r="AL533" s="206"/>
      <c r="AM533" s="143"/>
      <c r="AN533" s="137"/>
      <c r="AO533" s="137"/>
      <c r="AP533" s="137"/>
      <c r="AQ533" s="137"/>
      <c r="AR533" s="137"/>
      <c r="AS533" s="137"/>
      <c r="AT533" s="137"/>
      <c r="AU533" s="137"/>
      <c r="AV533" s="137"/>
      <c r="AW533" s="144"/>
    </row>
    <row r="534" spans="2:49" x14ac:dyDescent="0.2">
      <c r="B534" s="97"/>
      <c r="G534" s="43"/>
      <c r="J534" s="98"/>
      <c r="K534" s="97"/>
      <c r="N534" s="3"/>
      <c r="W534" s="98"/>
      <c r="Z534" s="143"/>
      <c r="AA534" s="137"/>
      <c r="AB534" s="137"/>
      <c r="AC534" s="137"/>
      <c r="AD534" s="137"/>
      <c r="AE534" s="137"/>
      <c r="AF534" s="137"/>
      <c r="AG534" s="137"/>
      <c r="AH534" s="137"/>
      <c r="AI534" s="137"/>
      <c r="AJ534" s="137"/>
      <c r="AK534" s="206"/>
      <c r="AL534" s="206"/>
      <c r="AM534" s="143"/>
      <c r="AN534" s="137"/>
      <c r="AO534" s="137"/>
      <c r="AP534" s="137"/>
      <c r="AQ534" s="137"/>
      <c r="AR534" s="137"/>
      <c r="AS534" s="137"/>
      <c r="AT534" s="137"/>
      <c r="AU534" s="137"/>
      <c r="AV534" s="137"/>
      <c r="AW534" s="144"/>
    </row>
    <row r="535" spans="2:49" x14ac:dyDescent="0.2">
      <c r="B535" s="97"/>
      <c r="G535" s="43"/>
      <c r="J535" s="98"/>
      <c r="K535" s="97"/>
      <c r="N535" s="3"/>
      <c r="W535" s="98"/>
      <c r="Z535" s="143"/>
      <c r="AA535" s="137"/>
      <c r="AB535" s="137"/>
      <c r="AC535" s="137"/>
      <c r="AD535" s="137"/>
      <c r="AE535" s="137"/>
      <c r="AF535" s="137"/>
      <c r="AG535" s="137"/>
      <c r="AH535" s="137"/>
      <c r="AI535" s="137"/>
      <c r="AJ535" s="137"/>
      <c r="AK535" s="206"/>
      <c r="AL535" s="206"/>
      <c r="AM535" s="143"/>
      <c r="AN535" s="137"/>
      <c r="AO535" s="137"/>
      <c r="AP535" s="137"/>
      <c r="AQ535" s="137"/>
      <c r="AR535" s="137"/>
      <c r="AS535" s="137"/>
      <c r="AT535" s="137"/>
      <c r="AU535" s="137"/>
      <c r="AV535" s="137"/>
      <c r="AW535" s="144"/>
    </row>
    <row r="536" spans="2:49" x14ac:dyDescent="0.2">
      <c r="B536" s="97"/>
      <c r="G536" s="43"/>
      <c r="J536" s="98"/>
      <c r="K536" s="97"/>
      <c r="N536" s="3"/>
      <c r="W536" s="98"/>
      <c r="Z536" s="143"/>
      <c r="AA536" s="137"/>
      <c r="AB536" s="137"/>
      <c r="AC536" s="137"/>
      <c r="AD536" s="137"/>
      <c r="AE536" s="137"/>
      <c r="AF536" s="137"/>
      <c r="AG536" s="137"/>
      <c r="AH536" s="137"/>
      <c r="AI536" s="137"/>
      <c r="AJ536" s="137"/>
      <c r="AK536" s="206"/>
      <c r="AL536" s="206"/>
      <c r="AM536" s="143"/>
      <c r="AN536" s="137"/>
      <c r="AO536" s="137"/>
      <c r="AP536" s="137"/>
      <c r="AQ536" s="137"/>
      <c r="AR536" s="137"/>
      <c r="AS536" s="137"/>
      <c r="AT536" s="137"/>
      <c r="AU536" s="137"/>
      <c r="AV536" s="137"/>
      <c r="AW536" s="144"/>
    </row>
    <row r="537" spans="2:49" x14ac:dyDescent="0.2">
      <c r="B537" s="97"/>
      <c r="G537" s="43"/>
      <c r="J537" s="98"/>
      <c r="K537" s="97"/>
      <c r="N537" s="3"/>
      <c r="W537" s="98"/>
      <c r="Z537" s="143"/>
      <c r="AA537" s="137"/>
      <c r="AB537" s="137"/>
      <c r="AC537" s="137"/>
      <c r="AD537" s="137"/>
      <c r="AE537" s="137"/>
      <c r="AF537" s="137"/>
      <c r="AG537" s="137"/>
      <c r="AH537" s="137"/>
      <c r="AI537" s="137"/>
      <c r="AJ537" s="137"/>
      <c r="AK537" s="206"/>
      <c r="AL537" s="206"/>
      <c r="AM537" s="143"/>
      <c r="AN537" s="137"/>
      <c r="AO537" s="137"/>
      <c r="AP537" s="137"/>
      <c r="AQ537" s="137"/>
      <c r="AR537" s="137"/>
      <c r="AS537" s="137"/>
      <c r="AT537" s="137"/>
      <c r="AU537" s="137"/>
      <c r="AV537" s="137"/>
      <c r="AW537" s="144"/>
    </row>
    <row r="538" spans="2:49" x14ac:dyDescent="0.2">
      <c r="B538" s="97"/>
      <c r="G538" s="43"/>
      <c r="J538" s="98"/>
      <c r="K538" s="97"/>
      <c r="N538" s="3"/>
      <c r="W538" s="98"/>
      <c r="Z538" s="143"/>
      <c r="AA538" s="137"/>
      <c r="AB538" s="137"/>
      <c r="AC538" s="137"/>
      <c r="AD538" s="137"/>
      <c r="AE538" s="137"/>
      <c r="AF538" s="137"/>
      <c r="AG538" s="137"/>
      <c r="AH538" s="137"/>
      <c r="AI538" s="137"/>
      <c r="AJ538" s="137"/>
      <c r="AK538" s="206"/>
      <c r="AL538" s="206"/>
      <c r="AM538" s="143"/>
      <c r="AN538" s="137"/>
      <c r="AO538" s="137"/>
      <c r="AP538" s="137"/>
      <c r="AQ538" s="137"/>
      <c r="AR538" s="137"/>
      <c r="AS538" s="137"/>
      <c r="AT538" s="137"/>
      <c r="AU538" s="137"/>
      <c r="AV538" s="137"/>
      <c r="AW538" s="144"/>
    </row>
    <row r="539" spans="2:49" x14ac:dyDescent="0.2">
      <c r="B539" s="97"/>
      <c r="G539" s="43"/>
      <c r="J539" s="98"/>
      <c r="K539" s="97"/>
      <c r="N539" s="3"/>
      <c r="W539" s="98"/>
      <c r="Z539" s="143"/>
      <c r="AA539" s="137"/>
      <c r="AB539" s="137"/>
      <c r="AC539" s="137"/>
      <c r="AD539" s="137"/>
      <c r="AE539" s="137"/>
      <c r="AF539" s="137"/>
      <c r="AG539" s="137"/>
      <c r="AH539" s="137"/>
      <c r="AI539" s="137"/>
      <c r="AJ539" s="137"/>
      <c r="AK539" s="206"/>
      <c r="AL539" s="206"/>
      <c r="AM539" s="143"/>
      <c r="AN539" s="137"/>
      <c r="AO539" s="137"/>
      <c r="AP539" s="137"/>
      <c r="AQ539" s="137"/>
      <c r="AR539" s="137"/>
      <c r="AS539" s="137"/>
      <c r="AT539" s="137"/>
      <c r="AU539" s="137"/>
      <c r="AV539" s="137"/>
      <c r="AW539" s="144"/>
    </row>
    <row r="540" spans="2:49" x14ac:dyDescent="0.2">
      <c r="B540" s="97"/>
      <c r="G540" s="43"/>
      <c r="J540" s="98"/>
      <c r="K540" s="97"/>
      <c r="N540" s="3"/>
      <c r="W540" s="98"/>
      <c r="Z540" s="143"/>
      <c r="AA540" s="137"/>
      <c r="AB540" s="137"/>
      <c r="AC540" s="137"/>
      <c r="AD540" s="137"/>
      <c r="AE540" s="137"/>
      <c r="AF540" s="137"/>
      <c r="AG540" s="137"/>
      <c r="AH540" s="137"/>
      <c r="AI540" s="137"/>
      <c r="AJ540" s="137"/>
      <c r="AK540" s="206"/>
      <c r="AL540" s="206"/>
      <c r="AM540" s="143"/>
      <c r="AN540" s="137"/>
      <c r="AO540" s="137"/>
      <c r="AP540" s="137"/>
      <c r="AQ540" s="137"/>
      <c r="AR540" s="137"/>
      <c r="AS540" s="137"/>
      <c r="AT540" s="137"/>
      <c r="AU540" s="137"/>
      <c r="AV540" s="137"/>
      <c r="AW540" s="144"/>
    </row>
    <row r="541" spans="2:49" x14ac:dyDescent="0.2">
      <c r="B541" s="97"/>
      <c r="G541" s="43"/>
      <c r="J541" s="98"/>
      <c r="K541" s="97"/>
      <c r="N541" s="3"/>
      <c r="W541" s="98"/>
      <c r="Z541" s="143"/>
      <c r="AA541" s="137"/>
      <c r="AB541" s="137"/>
      <c r="AC541" s="137"/>
      <c r="AD541" s="137"/>
      <c r="AE541" s="137"/>
      <c r="AF541" s="137"/>
      <c r="AG541" s="137"/>
      <c r="AH541" s="137"/>
      <c r="AI541" s="137"/>
      <c r="AJ541" s="137"/>
      <c r="AK541" s="206"/>
      <c r="AL541" s="206"/>
      <c r="AM541" s="143"/>
      <c r="AN541" s="137"/>
      <c r="AO541" s="137"/>
      <c r="AP541" s="137"/>
      <c r="AQ541" s="137"/>
      <c r="AR541" s="137"/>
      <c r="AS541" s="137"/>
      <c r="AT541" s="137"/>
      <c r="AU541" s="137"/>
      <c r="AV541" s="137"/>
      <c r="AW541" s="144"/>
    </row>
    <row r="542" spans="2:49" x14ac:dyDescent="0.2">
      <c r="B542" s="97"/>
      <c r="G542" s="43"/>
      <c r="J542" s="98"/>
      <c r="K542" s="97"/>
      <c r="N542" s="3"/>
      <c r="W542" s="98"/>
      <c r="Z542" s="143"/>
      <c r="AA542" s="137"/>
      <c r="AB542" s="137"/>
      <c r="AC542" s="137"/>
      <c r="AD542" s="137"/>
      <c r="AE542" s="137"/>
      <c r="AF542" s="137"/>
      <c r="AG542" s="137"/>
      <c r="AH542" s="137"/>
      <c r="AI542" s="137"/>
      <c r="AJ542" s="137"/>
      <c r="AK542" s="206"/>
      <c r="AL542" s="206"/>
      <c r="AM542" s="143"/>
      <c r="AN542" s="137"/>
      <c r="AO542" s="137"/>
      <c r="AP542" s="137"/>
      <c r="AQ542" s="137"/>
      <c r="AR542" s="137"/>
      <c r="AS542" s="137"/>
      <c r="AT542" s="137"/>
      <c r="AU542" s="137"/>
      <c r="AV542" s="137"/>
      <c r="AW542" s="144"/>
    </row>
    <row r="543" spans="2:49" x14ac:dyDescent="0.2">
      <c r="B543" s="97"/>
      <c r="G543" s="43"/>
      <c r="J543" s="98"/>
      <c r="K543" s="97"/>
      <c r="N543" s="3"/>
      <c r="W543" s="98"/>
      <c r="Z543" s="143"/>
      <c r="AA543" s="137"/>
      <c r="AB543" s="137"/>
      <c r="AC543" s="137"/>
      <c r="AD543" s="137"/>
      <c r="AE543" s="137"/>
      <c r="AF543" s="137"/>
      <c r="AG543" s="137"/>
      <c r="AH543" s="137"/>
      <c r="AI543" s="137"/>
      <c r="AJ543" s="137"/>
      <c r="AK543" s="206"/>
      <c r="AL543" s="206"/>
      <c r="AM543" s="143"/>
      <c r="AN543" s="137"/>
      <c r="AO543" s="137"/>
      <c r="AP543" s="137"/>
      <c r="AQ543" s="137"/>
      <c r="AR543" s="137"/>
      <c r="AS543" s="137"/>
      <c r="AT543" s="137"/>
      <c r="AU543" s="137"/>
      <c r="AV543" s="137"/>
      <c r="AW543" s="144"/>
    </row>
    <row r="544" spans="2:49" x14ac:dyDescent="0.2">
      <c r="B544" s="97"/>
      <c r="G544" s="43"/>
      <c r="J544" s="98"/>
      <c r="K544" s="97"/>
      <c r="N544" s="3"/>
      <c r="W544" s="98"/>
      <c r="Z544" s="143"/>
      <c r="AA544" s="137"/>
      <c r="AB544" s="137"/>
      <c r="AC544" s="137"/>
      <c r="AD544" s="137"/>
      <c r="AE544" s="137"/>
      <c r="AF544" s="137"/>
      <c r="AG544" s="137"/>
      <c r="AH544" s="137"/>
      <c r="AI544" s="137"/>
      <c r="AJ544" s="137"/>
      <c r="AK544" s="206"/>
      <c r="AL544" s="206"/>
      <c r="AM544" s="143"/>
      <c r="AN544" s="137"/>
      <c r="AO544" s="137"/>
      <c r="AP544" s="137"/>
      <c r="AQ544" s="137"/>
      <c r="AR544" s="137"/>
      <c r="AS544" s="137"/>
      <c r="AT544" s="137"/>
      <c r="AU544" s="137"/>
      <c r="AV544" s="137"/>
      <c r="AW544" s="144"/>
    </row>
    <row r="545" spans="2:49" x14ac:dyDescent="0.2">
      <c r="B545" s="97"/>
      <c r="G545" s="43"/>
      <c r="J545" s="98"/>
      <c r="K545" s="97"/>
      <c r="N545" s="3"/>
      <c r="W545" s="98"/>
      <c r="Z545" s="143"/>
      <c r="AA545" s="137"/>
      <c r="AB545" s="137"/>
      <c r="AC545" s="137"/>
      <c r="AD545" s="137"/>
      <c r="AE545" s="137"/>
      <c r="AF545" s="137"/>
      <c r="AG545" s="137"/>
      <c r="AH545" s="137"/>
      <c r="AI545" s="137"/>
      <c r="AJ545" s="137"/>
      <c r="AK545" s="206"/>
      <c r="AL545" s="206"/>
      <c r="AM545" s="143"/>
      <c r="AN545" s="137"/>
      <c r="AO545" s="137"/>
      <c r="AP545" s="137"/>
      <c r="AQ545" s="137"/>
      <c r="AR545" s="137"/>
      <c r="AS545" s="137"/>
      <c r="AT545" s="137"/>
      <c r="AU545" s="137"/>
      <c r="AV545" s="137"/>
      <c r="AW545" s="144"/>
    </row>
    <row r="546" spans="2:49" x14ac:dyDescent="0.2">
      <c r="B546" s="97"/>
      <c r="G546" s="43"/>
      <c r="J546" s="98"/>
      <c r="K546" s="97"/>
      <c r="N546" s="3"/>
      <c r="W546" s="98"/>
      <c r="Z546" s="143"/>
      <c r="AA546" s="137"/>
      <c r="AB546" s="137"/>
      <c r="AC546" s="137"/>
      <c r="AD546" s="137"/>
      <c r="AE546" s="137"/>
      <c r="AF546" s="137"/>
      <c r="AG546" s="137"/>
      <c r="AH546" s="137"/>
      <c r="AI546" s="137"/>
      <c r="AJ546" s="137"/>
      <c r="AK546" s="206"/>
      <c r="AL546" s="206"/>
      <c r="AM546" s="143"/>
      <c r="AN546" s="137"/>
      <c r="AO546" s="137"/>
      <c r="AP546" s="137"/>
      <c r="AQ546" s="137"/>
      <c r="AR546" s="137"/>
      <c r="AS546" s="137"/>
      <c r="AT546" s="137"/>
      <c r="AU546" s="137"/>
      <c r="AV546" s="137"/>
      <c r="AW546" s="144"/>
    </row>
    <row r="547" spans="2:49" x14ac:dyDescent="0.2">
      <c r="B547" s="97"/>
      <c r="G547" s="43"/>
      <c r="J547" s="98"/>
      <c r="K547" s="97"/>
      <c r="N547" s="3"/>
      <c r="W547" s="98"/>
      <c r="Z547" s="143"/>
      <c r="AA547" s="137"/>
      <c r="AB547" s="137"/>
      <c r="AC547" s="137"/>
      <c r="AD547" s="137"/>
      <c r="AE547" s="137"/>
      <c r="AF547" s="137"/>
      <c r="AG547" s="137"/>
      <c r="AH547" s="137"/>
      <c r="AI547" s="137"/>
      <c r="AJ547" s="137"/>
      <c r="AK547" s="206"/>
      <c r="AL547" s="206"/>
      <c r="AM547" s="143"/>
      <c r="AN547" s="137"/>
      <c r="AO547" s="137"/>
      <c r="AP547" s="137"/>
      <c r="AQ547" s="137"/>
      <c r="AR547" s="137"/>
      <c r="AS547" s="137"/>
      <c r="AT547" s="137"/>
      <c r="AU547" s="137"/>
      <c r="AV547" s="137"/>
      <c r="AW547" s="144"/>
    </row>
    <row r="548" spans="2:49" x14ac:dyDescent="0.2">
      <c r="B548" s="97"/>
      <c r="G548" s="43"/>
      <c r="J548" s="98"/>
      <c r="K548" s="97"/>
      <c r="N548" s="3"/>
      <c r="W548" s="98"/>
      <c r="Z548" s="143"/>
      <c r="AA548" s="137"/>
      <c r="AB548" s="137"/>
      <c r="AC548" s="137"/>
      <c r="AD548" s="137"/>
      <c r="AE548" s="137"/>
      <c r="AF548" s="137"/>
      <c r="AG548" s="137"/>
      <c r="AH548" s="137"/>
      <c r="AI548" s="137"/>
      <c r="AJ548" s="137"/>
      <c r="AK548" s="206"/>
      <c r="AL548" s="206"/>
      <c r="AM548" s="143"/>
      <c r="AN548" s="137"/>
      <c r="AO548" s="137"/>
      <c r="AP548" s="137"/>
      <c r="AQ548" s="137"/>
      <c r="AR548" s="137"/>
      <c r="AS548" s="137"/>
      <c r="AT548" s="137"/>
      <c r="AU548" s="137"/>
      <c r="AV548" s="137"/>
      <c r="AW548" s="144"/>
    </row>
    <row r="549" spans="2:49" x14ac:dyDescent="0.2">
      <c r="B549" s="97"/>
      <c r="G549" s="43"/>
      <c r="J549" s="98"/>
      <c r="K549" s="97"/>
      <c r="N549" s="3"/>
      <c r="W549" s="98"/>
      <c r="Z549" s="143"/>
      <c r="AA549" s="137"/>
      <c r="AB549" s="137"/>
      <c r="AC549" s="137"/>
      <c r="AD549" s="137"/>
      <c r="AE549" s="137"/>
      <c r="AF549" s="137"/>
      <c r="AG549" s="137"/>
      <c r="AH549" s="137"/>
      <c r="AI549" s="137"/>
      <c r="AJ549" s="137"/>
      <c r="AK549" s="206"/>
      <c r="AL549" s="206"/>
      <c r="AM549" s="143"/>
      <c r="AN549" s="137"/>
      <c r="AO549" s="137"/>
      <c r="AP549" s="137"/>
      <c r="AQ549" s="137"/>
      <c r="AR549" s="137"/>
      <c r="AS549" s="137"/>
      <c r="AT549" s="137"/>
      <c r="AU549" s="137"/>
      <c r="AV549" s="137"/>
      <c r="AW549" s="144"/>
    </row>
    <row r="550" spans="2:49" x14ac:dyDescent="0.2">
      <c r="B550" s="97"/>
      <c r="G550" s="43"/>
      <c r="J550" s="98"/>
      <c r="K550" s="97"/>
      <c r="N550" s="3"/>
      <c r="W550" s="98"/>
      <c r="Z550" s="143"/>
      <c r="AA550" s="137"/>
      <c r="AB550" s="137"/>
      <c r="AC550" s="137"/>
      <c r="AD550" s="137"/>
      <c r="AE550" s="137"/>
      <c r="AF550" s="137"/>
      <c r="AG550" s="137"/>
      <c r="AH550" s="137"/>
      <c r="AI550" s="137"/>
      <c r="AJ550" s="137"/>
      <c r="AK550" s="206"/>
      <c r="AL550" s="206"/>
      <c r="AM550" s="143"/>
      <c r="AN550" s="137"/>
      <c r="AO550" s="137"/>
      <c r="AP550" s="137"/>
      <c r="AQ550" s="137"/>
      <c r="AR550" s="137"/>
      <c r="AS550" s="137"/>
      <c r="AT550" s="137"/>
      <c r="AU550" s="137"/>
      <c r="AV550" s="137"/>
      <c r="AW550" s="144"/>
    </row>
    <row r="551" spans="2:49" x14ac:dyDescent="0.2">
      <c r="B551" s="97"/>
      <c r="G551" s="43"/>
      <c r="J551" s="98"/>
      <c r="K551" s="97"/>
      <c r="N551" s="3"/>
      <c r="W551" s="98"/>
      <c r="Z551" s="143"/>
      <c r="AA551" s="137"/>
      <c r="AB551" s="137"/>
      <c r="AC551" s="137"/>
      <c r="AD551" s="137"/>
      <c r="AE551" s="137"/>
      <c r="AF551" s="137"/>
      <c r="AG551" s="137"/>
      <c r="AH551" s="137"/>
      <c r="AI551" s="137"/>
      <c r="AJ551" s="137"/>
      <c r="AK551" s="206"/>
      <c r="AL551" s="206"/>
      <c r="AM551" s="143"/>
      <c r="AN551" s="137"/>
      <c r="AO551" s="137"/>
      <c r="AP551" s="137"/>
      <c r="AQ551" s="137"/>
      <c r="AR551" s="137"/>
      <c r="AS551" s="137"/>
      <c r="AT551" s="137"/>
      <c r="AU551" s="137"/>
      <c r="AV551" s="137"/>
      <c r="AW551" s="144"/>
    </row>
    <row r="552" spans="2:49" x14ac:dyDescent="0.2">
      <c r="B552" s="97"/>
      <c r="G552" s="43"/>
      <c r="J552" s="98"/>
      <c r="K552" s="97"/>
      <c r="N552" s="3"/>
      <c r="W552" s="98"/>
      <c r="Z552" s="143"/>
      <c r="AA552" s="137"/>
      <c r="AB552" s="137"/>
      <c r="AC552" s="137"/>
      <c r="AD552" s="137"/>
      <c r="AE552" s="137"/>
      <c r="AF552" s="137"/>
      <c r="AG552" s="137"/>
      <c r="AH552" s="137"/>
      <c r="AI552" s="137"/>
      <c r="AJ552" s="137"/>
      <c r="AK552" s="206"/>
      <c r="AL552" s="206"/>
      <c r="AM552" s="143"/>
      <c r="AN552" s="137"/>
      <c r="AO552" s="137"/>
      <c r="AP552" s="137"/>
      <c r="AQ552" s="137"/>
      <c r="AR552" s="137"/>
      <c r="AS552" s="137"/>
      <c r="AT552" s="137"/>
      <c r="AU552" s="137"/>
      <c r="AV552" s="137"/>
      <c r="AW552" s="144"/>
    </row>
    <row r="553" spans="2:49" x14ac:dyDescent="0.2">
      <c r="B553" s="97"/>
      <c r="G553" s="43"/>
      <c r="J553" s="98"/>
      <c r="K553" s="97"/>
      <c r="N553" s="3"/>
      <c r="W553" s="98"/>
      <c r="Z553" s="143"/>
      <c r="AA553" s="137"/>
      <c r="AB553" s="137"/>
      <c r="AC553" s="137"/>
      <c r="AD553" s="137"/>
      <c r="AE553" s="137"/>
      <c r="AF553" s="137"/>
      <c r="AG553" s="137"/>
      <c r="AH553" s="137"/>
      <c r="AI553" s="137"/>
      <c r="AJ553" s="137"/>
      <c r="AK553" s="206"/>
      <c r="AL553" s="206"/>
      <c r="AM553" s="143"/>
      <c r="AN553" s="137"/>
      <c r="AO553" s="137"/>
      <c r="AP553" s="137"/>
      <c r="AQ553" s="137"/>
      <c r="AR553" s="137"/>
      <c r="AS553" s="137"/>
      <c r="AT553" s="137"/>
      <c r="AU553" s="137"/>
      <c r="AV553" s="137"/>
      <c r="AW553" s="144"/>
    </row>
    <row r="554" spans="2:49" x14ac:dyDescent="0.2">
      <c r="B554" s="97"/>
      <c r="G554" s="43"/>
      <c r="J554" s="98"/>
      <c r="K554" s="97"/>
      <c r="N554" s="3"/>
      <c r="W554" s="98"/>
      <c r="Z554" s="143"/>
      <c r="AA554" s="137"/>
      <c r="AB554" s="137"/>
      <c r="AC554" s="137"/>
      <c r="AD554" s="137"/>
      <c r="AE554" s="137"/>
      <c r="AF554" s="137"/>
      <c r="AG554" s="137"/>
      <c r="AH554" s="137"/>
      <c r="AI554" s="137"/>
      <c r="AJ554" s="137"/>
      <c r="AK554" s="206"/>
      <c r="AL554" s="206"/>
      <c r="AM554" s="143"/>
      <c r="AN554" s="137"/>
      <c r="AO554" s="137"/>
      <c r="AP554" s="137"/>
      <c r="AQ554" s="137"/>
      <c r="AR554" s="137"/>
      <c r="AS554" s="137"/>
      <c r="AT554" s="137"/>
      <c r="AU554" s="137"/>
      <c r="AV554" s="137"/>
      <c r="AW554" s="144"/>
    </row>
    <row r="555" spans="2:49" x14ac:dyDescent="0.2">
      <c r="B555" s="97"/>
      <c r="G555" s="43"/>
      <c r="J555" s="98"/>
      <c r="K555" s="97"/>
      <c r="N555" s="3"/>
      <c r="W555" s="98"/>
      <c r="Z555" s="143"/>
      <c r="AA555" s="137"/>
      <c r="AB555" s="137"/>
      <c r="AC555" s="137"/>
      <c r="AD555" s="137"/>
      <c r="AE555" s="137"/>
      <c r="AF555" s="137"/>
      <c r="AG555" s="137"/>
      <c r="AH555" s="137"/>
      <c r="AI555" s="137"/>
      <c r="AJ555" s="137"/>
      <c r="AK555" s="206"/>
      <c r="AL555" s="206"/>
      <c r="AM555" s="143"/>
      <c r="AN555" s="137"/>
      <c r="AO555" s="137"/>
      <c r="AP555" s="137"/>
      <c r="AQ555" s="137"/>
      <c r="AR555" s="137"/>
      <c r="AS555" s="137"/>
      <c r="AT555" s="137"/>
      <c r="AU555" s="137"/>
      <c r="AV555" s="137"/>
      <c r="AW555" s="144"/>
    </row>
    <row r="556" spans="2:49" x14ac:dyDescent="0.2">
      <c r="B556" s="97"/>
      <c r="G556" s="43"/>
      <c r="J556" s="98"/>
      <c r="K556" s="97"/>
      <c r="N556" s="3"/>
      <c r="W556" s="98"/>
      <c r="Z556" s="143"/>
      <c r="AA556" s="137"/>
      <c r="AB556" s="137"/>
      <c r="AC556" s="137"/>
      <c r="AD556" s="137"/>
      <c r="AE556" s="137"/>
      <c r="AF556" s="137"/>
      <c r="AG556" s="137"/>
      <c r="AH556" s="137"/>
      <c r="AI556" s="137"/>
      <c r="AJ556" s="137"/>
      <c r="AK556" s="206"/>
      <c r="AL556" s="206"/>
      <c r="AM556" s="143"/>
      <c r="AN556" s="137"/>
      <c r="AO556" s="137"/>
      <c r="AP556" s="137"/>
      <c r="AQ556" s="137"/>
      <c r="AR556" s="137"/>
      <c r="AS556" s="137"/>
      <c r="AT556" s="137"/>
      <c r="AU556" s="137"/>
      <c r="AV556" s="137"/>
      <c r="AW556" s="144"/>
    </row>
    <row r="557" spans="2:49" x14ac:dyDescent="0.2">
      <c r="B557" s="97"/>
      <c r="G557" s="43"/>
      <c r="J557" s="98"/>
      <c r="K557" s="97"/>
      <c r="N557" s="3"/>
      <c r="W557" s="98"/>
      <c r="Z557" s="143"/>
      <c r="AA557" s="137"/>
      <c r="AB557" s="137"/>
      <c r="AC557" s="137"/>
      <c r="AD557" s="137"/>
      <c r="AE557" s="137"/>
      <c r="AF557" s="137"/>
      <c r="AG557" s="137"/>
      <c r="AH557" s="137"/>
      <c r="AI557" s="137"/>
      <c r="AJ557" s="137"/>
      <c r="AK557" s="206"/>
      <c r="AL557" s="206"/>
      <c r="AM557" s="143"/>
      <c r="AN557" s="137"/>
      <c r="AO557" s="137"/>
      <c r="AP557" s="137"/>
      <c r="AQ557" s="137"/>
      <c r="AR557" s="137"/>
      <c r="AS557" s="137"/>
      <c r="AT557" s="137"/>
      <c r="AU557" s="137"/>
      <c r="AV557" s="137"/>
      <c r="AW557" s="144"/>
    </row>
    <row r="558" spans="2:49" x14ac:dyDescent="0.2">
      <c r="B558" s="97"/>
      <c r="G558" s="43"/>
      <c r="J558" s="98"/>
      <c r="K558" s="97"/>
      <c r="N558" s="3"/>
      <c r="W558" s="98"/>
      <c r="Z558" s="143"/>
      <c r="AA558" s="137"/>
      <c r="AB558" s="137"/>
      <c r="AC558" s="137"/>
      <c r="AD558" s="137"/>
      <c r="AE558" s="137"/>
      <c r="AF558" s="137"/>
      <c r="AG558" s="137"/>
      <c r="AH558" s="137"/>
      <c r="AI558" s="137"/>
      <c r="AJ558" s="137"/>
      <c r="AK558" s="206"/>
      <c r="AL558" s="206"/>
      <c r="AM558" s="143"/>
      <c r="AN558" s="137"/>
      <c r="AO558" s="137"/>
      <c r="AP558" s="137"/>
      <c r="AQ558" s="137"/>
      <c r="AR558" s="137"/>
      <c r="AS558" s="137"/>
      <c r="AT558" s="137"/>
      <c r="AU558" s="137"/>
      <c r="AV558" s="137"/>
      <c r="AW558" s="144"/>
    </row>
    <row r="559" spans="2:49" x14ac:dyDescent="0.2">
      <c r="B559" s="97"/>
      <c r="G559" s="43"/>
      <c r="J559" s="98"/>
      <c r="K559" s="97"/>
      <c r="N559" s="3"/>
      <c r="W559" s="98"/>
      <c r="Z559" s="143"/>
      <c r="AA559" s="137"/>
      <c r="AB559" s="137"/>
      <c r="AC559" s="137"/>
      <c r="AD559" s="137"/>
      <c r="AE559" s="137"/>
      <c r="AF559" s="137"/>
      <c r="AG559" s="137"/>
      <c r="AH559" s="137"/>
      <c r="AI559" s="137"/>
      <c r="AJ559" s="137"/>
      <c r="AK559" s="206"/>
      <c r="AL559" s="206"/>
      <c r="AM559" s="143"/>
      <c r="AN559" s="137"/>
      <c r="AO559" s="137"/>
      <c r="AP559" s="137"/>
      <c r="AQ559" s="137"/>
      <c r="AR559" s="137"/>
      <c r="AS559" s="137"/>
      <c r="AT559" s="137"/>
      <c r="AU559" s="137"/>
      <c r="AV559" s="137"/>
      <c r="AW559" s="144"/>
    </row>
    <row r="560" spans="2:49" x14ac:dyDescent="0.2">
      <c r="B560" s="97"/>
      <c r="G560" s="43"/>
      <c r="J560" s="98"/>
      <c r="K560" s="97"/>
      <c r="N560" s="3"/>
      <c r="W560" s="98"/>
      <c r="Z560" s="143"/>
      <c r="AA560" s="137"/>
      <c r="AB560" s="137"/>
      <c r="AC560" s="137"/>
      <c r="AD560" s="137"/>
      <c r="AE560" s="137"/>
      <c r="AF560" s="137"/>
      <c r="AG560" s="137"/>
      <c r="AH560" s="137"/>
      <c r="AI560" s="137"/>
      <c r="AJ560" s="137"/>
      <c r="AK560" s="206"/>
      <c r="AL560" s="206"/>
      <c r="AM560" s="143"/>
      <c r="AN560" s="137"/>
      <c r="AO560" s="137"/>
      <c r="AP560" s="137"/>
      <c r="AQ560" s="137"/>
      <c r="AR560" s="137"/>
      <c r="AS560" s="137"/>
      <c r="AT560" s="137"/>
      <c r="AU560" s="137"/>
      <c r="AV560" s="137"/>
      <c r="AW560" s="144"/>
    </row>
    <row r="561" spans="2:49" x14ac:dyDescent="0.2">
      <c r="B561" s="97"/>
      <c r="G561" s="43"/>
      <c r="J561" s="98"/>
      <c r="K561" s="97"/>
      <c r="N561" s="3"/>
      <c r="W561" s="98"/>
      <c r="Z561" s="143"/>
      <c r="AA561" s="137"/>
      <c r="AB561" s="137"/>
      <c r="AC561" s="137"/>
      <c r="AD561" s="137"/>
      <c r="AE561" s="137"/>
      <c r="AF561" s="137"/>
      <c r="AG561" s="137"/>
      <c r="AH561" s="137"/>
      <c r="AI561" s="137"/>
      <c r="AJ561" s="137"/>
      <c r="AK561" s="206"/>
      <c r="AL561" s="206"/>
      <c r="AM561" s="143"/>
      <c r="AN561" s="137"/>
      <c r="AO561" s="137"/>
      <c r="AP561" s="137"/>
      <c r="AQ561" s="137"/>
      <c r="AR561" s="137"/>
      <c r="AS561" s="137"/>
      <c r="AT561" s="137"/>
      <c r="AU561" s="137"/>
      <c r="AV561" s="137"/>
      <c r="AW561" s="144"/>
    </row>
    <row r="562" spans="2:49" x14ac:dyDescent="0.2">
      <c r="B562" s="97"/>
      <c r="G562" s="43"/>
      <c r="J562" s="98"/>
      <c r="K562" s="97"/>
      <c r="N562" s="3"/>
      <c r="W562" s="98"/>
      <c r="Z562" s="143"/>
      <c r="AA562" s="137"/>
      <c r="AB562" s="137"/>
      <c r="AC562" s="137"/>
      <c r="AD562" s="137"/>
      <c r="AE562" s="137"/>
      <c r="AF562" s="137"/>
      <c r="AG562" s="137"/>
      <c r="AH562" s="137"/>
      <c r="AI562" s="137"/>
      <c r="AJ562" s="137"/>
      <c r="AK562" s="206"/>
      <c r="AL562" s="206"/>
      <c r="AM562" s="143"/>
      <c r="AN562" s="137"/>
      <c r="AO562" s="137"/>
      <c r="AP562" s="137"/>
      <c r="AQ562" s="137"/>
      <c r="AR562" s="137"/>
      <c r="AS562" s="137"/>
      <c r="AT562" s="137"/>
      <c r="AU562" s="137"/>
      <c r="AV562" s="137"/>
      <c r="AW562" s="144"/>
    </row>
    <row r="563" spans="2:49" x14ac:dyDescent="0.2">
      <c r="B563" s="97"/>
      <c r="G563" s="43"/>
      <c r="J563" s="98"/>
      <c r="K563" s="97"/>
      <c r="N563" s="3"/>
      <c r="W563" s="98"/>
      <c r="Z563" s="143"/>
      <c r="AA563" s="137"/>
      <c r="AB563" s="137"/>
      <c r="AC563" s="137"/>
      <c r="AD563" s="137"/>
      <c r="AE563" s="137"/>
      <c r="AF563" s="137"/>
      <c r="AG563" s="137"/>
      <c r="AH563" s="137"/>
      <c r="AI563" s="137"/>
      <c r="AJ563" s="137"/>
      <c r="AK563" s="206"/>
      <c r="AL563" s="206"/>
      <c r="AM563" s="143"/>
      <c r="AN563" s="137"/>
      <c r="AO563" s="137"/>
      <c r="AP563" s="137"/>
      <c r="AQ563" s="137"/>
      <c r="AR563" s="137"/>
      <c r="AS563" s="137"/>
      <c r="AT563" s="137"/>
      <c r="AU563" s="137"/>
      <c r="AV563" s="137"/>
      <c r="AW563" s="144"/>
    </row>
    <row r="564" spans="2:49" x14ac:dyDescent="0.2">
      <c r="B564" s="97"/>
      <c r="G564" s="43"/>
      <c r="J564" s="98"/>
      <c r="K564" s="97"/>
      <c r="N564" s="3"/>
      <c r="W564" s="98"/>
      <c r="Z564" s="143"/>
      <c r="AA564" s="137"/>
      <c r="AB564" s="137"/>
      <c r="AC564" s="137"/>
      <c r="AD564" s="137"/>
      <c r="AE564" s="137"/>
      <c r="AF564" s="137"/>
      <c r="AG564" s="137"/>
      <c r="AH564" s="137"/>
      <c r="AI564" s="137"/>
      <c r="AJ564" s="137"/>
      <c r="AK564" s="206"/>
      <c r="AL564" s="206"/>
      <c r="AM564" s="143"/>
      <c r="AN564" s="137"/>
      <c r="AO564" s="137"/>
      <c r="AP564" s="137"/>
      <c r="AQ564" s="137"/>
      <c r="AR564" s="137"/>
      <c r="AS564" s="137"/>
      <c r="AT564" s="137"/>
      <c r="AU564" s="137"/>
      <c r="AV564" s="137"/>
      <c r="AW564" s="144"/>
    </row>
    <row r="565" spans="2:49" x14ac:dyDescent="0.2">
      <c r="B565" s="97"/>
      <c r="G565" s="43"/>
      <c r="J565" s="98"/>
      <c r="K565" s="97"/>
      <c r="N565" s="3"/>
      <c r="W565" s="98"/>
      <c r="Z565" s="143"/>
      <c r="AA565" s="137"/>
      <c r="AB565" s="137"/>
      <c r="AC565" s="137"/>
      <c r="AD565" s="137"/>
      <c r="AE565" s="137"/>
      <c r="AF565" s="137"/>
      <c r="AG565" s="137"/>
      <c r="AH565" s="137"/>
      <c r="AI565" s="137"/>
      <c r="AJ565" s="137"/>
      <c r="AK565" s="206"/>
      <c r="AL565" s="206"/>
      <c r="AM565" s="143"/>
      <c r="AN565" s="137"/>
      <c r="AO565" s="137"/>
      <c r="AP565" s="137"/>
      <c r="AQ565" s="137"/>
      <c r="AR565" s="137"/>
      <c r="AS565" s="137"/>
      <c r="AT565" s="137"/>
      <c r="AU565" s="137"/>
      <c r="AV565" s="137"/>
      <c r="AW565" s="144"/>
    </row>
    <row r="566" spans="2:49" x14ac:dyDescent="0.2">
      <c r="B566" s="97"/>
      <c r="G566" s="43"/>
      <c r="J566" s="98"/>
      <c r="K566" s="97"/>
      <c r="N566" s="3"/>
      <c r="W566" s="98"/>
      <c r="Z566" s="143"/>
      <c r="AA566" s="137"/>
      <c r="AB566" s="137"/>
      <c r="AC566" s="137"/>
      <c r="AD566" s="137"/>
      <c r="AE566" s="137"/>
      <c r="AF566" s="137"/>
      <c r="AG566" s="137"/>
      <c r="AH566" s="137"/>
      <c r="AI566" s="137"/>
      <c r="AJ566" s="137"/>
      <c r="AK566" s="206"/>
      <c r="AL566" s="206"/>
      <c r="AM566" s="143"/>
      <c r="AN566" s="137"/>
      <c r="AO566" s="137"/>
      <c r="AP566" s="137"/>
      <c r="AQ566" s="137"/>
      <c r="AR566" s="137"/>
      <c r="AS566" s="137"/>
      <c r="AT566" s="137"/>
      <c r="AU566" s="137"/>
      <c r="AV566" s="137"/>
      <c r="AW566" s="144"/>
    </row>
    <row r="567" spans="2:49" x14ac:dyDescent="0.2">
      <c r="B567" s="97"/>
      <c r="G567" s="43"/>
      <c r="J567" s="98"/>
      <c r="K567" s="97"/>
      <c r="N567" s="3"/>
      <c r="W567" s="98"/>
      <c r="Z567" s="143"/>
      <c r="AA567" s="137"/>
      <c r="AB567" s="137"/>
      <c r="AC567" s="137"/>
      <c r="AD567" s="137"/>
      <c r="AE567" s="137"/>
      <c r="AF567" s="137"/>
      <c r="AG567" s="137"/>
      <c r="AH567" s="137"/>
      <c r="AI567" s="137"/>
      <c r="AJ567" s="137"/>
      <c r="AK567" s="206"/>
      <c r="AL567" s="206"/>
      <c r="AM567" s="143"/>
      <c r="AN567" s="137"/>
      <c r="AO567" s="137"/>
      <c r="AP567" s="137"/>
      <c r="AQ567" s="137"/>
      <c r="AR567" s="137"/>
      <c r="AS567" s="137"/>
      <c r="AT567" s="137"/>
      <c r="AU567" s="137"/>
      <c r="AV567" s="137"/>
      <c r="AW567" s="144"/>
    </row>
    <row r="568" spans="2:49" x14ac:dyDescent="0.2">
      <c r="B568" s="97"/>
      <c r="G568" s="43"/>
      <c r="J568" s="98"/>
      <c r="K568" s="97"/>
      <c r="N568" s="3"/>
      <c r="W568" s="98"/>
      <c r="Z568" s="143"/>
      <c r="AA568" s="137"/>
      <c r="AB568" s="137"/>
      <c r="AC568" s="137"/>
      <c r="AD568" s="137"/>
      <c r="AE568" s="137"/>
      <c r="AF568" s="137"/>
      <c r="AG568" s="137"/>
      <c r="AH568" s="137"/>
      <c r="AI568" s="137"/>
      <c r="AJ568" s="137"/>
      <c r="AK568" s="206"/>
      <c r="AL568" s="206"/>
      <c r="AM568" s="143"/>
      <c r="AN568" s="137"/>
      <c r="AO568" s="137"/>
      <c r="AP568" s="137"/>
      <c r="AQ568" s="137"/>
      <c r="AR568" s="137"/>
      <c r="AS568" s="137"/>
      <c r="AT568" s="137"/>
      <c r="AU568" s="137"/>
      <c r="AV568" s="137"/>
      <c r="AW568" s="144"/>
    </row>
    <row r="569" spans="2:49" x14ac:dyDescent="0.2">
      <c r="B569" s="97"/>
      <c r="G569" s="43"/>
      <c r="J569" s="98"/>
      <c r="K569" s="97"/>
      <c r="N569" s="3"/>
      <c r="W569" s="98"/>
      <c r="Z569" s="143"/>
      <c r="AA569" s="137"/>
      <c r="AB569" s="137"/>
      <c r="AC569" s="137"/>
      <c r="AD569" s="137"/>
      <c r="AE569" s="137"/>
      <c r="AF569" s="137"/>
      <c r="AG569" s="137"/>
      <c r="AH569" s="137"/>
      <c r="AI569" s="137"/>
      <c r="AJ569" s="137"/>
      <c r="AK569" s="206"/>
      <c r="AL569" s="206"/>
      <c r="AM569" s="143"/>
      <c r="AN569" s="137"/>
      <c r="AO569" s="137"/>
      <c r="AP569" s="137"/>
      <c r="AQ569" s="137"/>
      <c r="AR569" s="137"/>
      <c r="AS569" s="137"/>
      <c r="AT569" s="137"/>
      <c r="AU569" s="137"/>
      <c r="AV569" s="137"/>
      <c r="AW569" s="144"/>
    </row>
    <row r="570" spans="2:49" x14ac:dyDescent="0.2">
      <c r="B570" s="97"/>
      <c r="G570" s="43"/>
      <c r="J570" s="98"/>
      <c r="K570" s="97"/>
      <c r="N570" s="3"/>
      <c r="W570" s="98"/>
      <c r="Z570" s="143"/>
      <c r="AA570" s="137"/>
      <c r="AB570" s="137"/>
      <c r="AC570" s="137"/>
      <c r="AD570" s="137"/>
      <c r="AE570" s="137"/>
      <c r="AF570" s="137"/>
      <c r="AG570" s="137"/>
      <c r="AH570" s="137"/>
      <c r="AI570" s="137"/>
      <c r="AJ570" s="137"/>
      <c r="AK570" s="206"/>
      <c r="AL570" s="206"/>
      <c r="AM570" s="143"/>
      <c r="AN570" s="137"/>
      <c r="AO570" s="137"/>
      <c r="AP570" s="137"/>
      <c r="AQ570" s="137"/>
      <c r="AR570" s="137"/>
      <c r="AS570" s="137"/>
      <c r="AT570" s="137"/>
      <c r="AU570" s="137"/>
      <c r="AV570" s="137"/>
      <c r="AW570" s="144"/>
    </row>
    <row r="571" spans="2:49" x14ac:dyDescent="0.2">
      <c r="B571" s="97"/>
      <c r="G571" s="43"/>
      <c r="J571" s="98"/>
      <c r="K571" s="97"/>
      <c r="N571" s="3"/>
      <c r="W571" s="98"/>
      <c r="Z571" s="143"/>
      <c r="AA571" s="137"/>
      <c r="AB571" s="137"/>
      <c r="AC571" s="137"/>
      <c r="AD571" s="137"/>
      <c r="AE571" s="137"/>
      <c r="AF571" s="137"/>
      <c r="AG571" s="137"/>
      <c r="AH571" s="137"/>
      <c r="AI571" s="137"/>
      <c r="AJ571" s="137"/>
      <c r="AK571" s="206"/>
      <c r="AL571" s="206"/>
      <c r="AM571" s="143"/>
      <c r="AN571" s="137"/>
      <c r="AO571" s="137"/>
      <c r="AP571" s="137"/>
      <c r="AQ571" s="137"/>
      <c r="AR571" s="137"/>
      <c r="AS571" s="137"/>
      <c r="AT571" s="137"/>
      <c r="AU571" s="137"/>
      <c r="AV571" s="137"/>
      <c r="AW571" s="144"/>
    </row>
    <row r="572" spans="2:49" x14ac:dyDescent="0.2">
      <c r="B572" s="97"/>
      <c r="G572" s="43"/>
      <c r="J572" s="98"/>
      <c r="K572" s="97"/>
      <c r="N572" s="3"/>
      <c r="W572" s="98"/>
      <c r="Z572" s="143"/>
      <c r="AA572" s="137"/>
      <c r="AB572" s="137"/>
      <c r="AC572" s="137"/>
      <c r="AD572" s="137"/>
      <c r="AE572" s="137"/>
      <c r="AF572" s="137"/>
      <c r="AG572" s="137"/>
      <c r="AH572" s="137"/>
      <c r="AI572" s="137"/>
      <c r="AJ572" s="137"/>
      <c r="AK572" s="206"/>
      <c r="AL572" s="206"/>
      <c r="AM572" s="143"/>
      <c r="AN572" s="137"/>
      <c r="AO572" s="137"/>
      <c r="AP572" s="137"/>
      <c r="AQ572" s="137"/>
      <c r="AR572" s="137"/>
      <c r="AS572" s="137"/>
      <c r="AT572" s="137"/>
      <c r="AU572" s="137"/>
      <c r="AV572" s="137"/>
      <c r="AW572" s="144"/>
    </row>
    <row r="573" spans="2:49" x14ac:dyDescent="0.2">
      <c r="B573" s="97"/>
      <c r="G573" s="43"/>
      <c r="J573" s="98"/>
      <c r="K573" s="97"/>
      <c r="N573" s="3"/>
      <c r="W573" s="98"/>
      <c r="Z573" s="143"/>
      <c r="AA573" s="137"/>
      <c r="AB573" s="137"/>
      <c r="AC573" s="137"/>
      <c r="AD573" s="137"/>
      <c r="AE573" s="137"/>
      <c r="AF573" s="137"/>
      <c r="AG573" s="137"/>
      <c r="AH573" s="137"/>
      <c r="AI573" s="137"/>
      <c r="AJ573" s="137"/>
      <c r="AK573" s="206"/>
      <c r="AL573" s="206"/>
      <c r="AM573" s="143"/>
      <c r="AN573" s="137"/>
      <c r="AO573" s="137"/>
      <c r="AP573" s="137"/>
      <c r="AQ573" s="137"/>
      <c r="AR573" s="137"/>
      <c r="AS573" s="137"/>
      <c r="AT573" s="137"/>
      <c r="AU573" s="137"/>
      <c r="AV573" s="137"/>
      <c r="AW573" s="144"/>
    </row>
    <row r="574" spans="2:49" x14ac:dyDescent="0.2">
      <c r="B574" s="97"/>
      <c r="G574" s="43"/>
      <c r="J574" s="98"/>
      <c r="K574" s="97"/>
      <c r="N574" s="3"/>
      <c r="W574" s="98"/>
      <c r="Z574" s="143"/>
      <c r="AA574" s="137"/>
      <c r="AB574" s="137"/>
      <c r="AC574" s="137"/>
      <c r="AD574" s="137"/>
      <c r="AE574" s="137"/>
      <c r="AF574" s="137"/>
      <c r="AG574" s="137"/>
      <c r="AH574" s="137"/>
      <c r="AI574" s="137"/>
      <c r="AJ574" s="137"/>
      <c r="AK574" s="206"/>
      <c r="AL574" s="206"/>
      <c r="AM574" s="143"/>
      <c r="AN574" s="137"/>
      <c r="AO574" s="137"/>
      <c r="AP574" s="137"/>
      <c r="AQ574" s="137"/>
      <c r="AR574" s="137"/>
      <c r="AS574" s="137"/>
      <c r="AT574" s="137"/>
      <c r="AU574" s="137"/>
      <c r="AV574" s="137"/>
      <c r="AW574" s="144"/>
    </row>
    <row r="575" spans="2:49" x14ac:dyDescent="0.2">
      <c r="B575" s="97"/>
      <c r="G575" s="43"/>
      <c r="J575" s="98"/>
      <c r="K575" s="97"/>
      <c r="N575" s="3"/>
      <c r="W575" s="98"/>
      <c r="Z575" s="143"/>
      <c r="AA575" s="137"/>
      <c r="AB575" s="137"/>
      <c r="AC575" s="137"/>
      <c r="AD575" s="137"/>
      <c r="AE575" s="137"/>
      <c r="AF575" s="137"/>
      <c r="AG575" s="137"/>
      <c r="AH575" s="137"/>
      <c r="AI575" s="137"/>
      <c r="AJ575" s="137"/>
      <c r="AK575" s="206"/>
      <c r="AL575" s="206"/>
      <c r="AM575" s="143"/>
      <c r="AN575" s="137"/>
      <c r="AO575" s="137"/>
      <c r="AP575" s="137"/>
      <c r="AQ575" s="137"/>
      <c r="AR575" s="137"/>
      <c r="AS575" s="137"/>
      <c r="AT575" s="137"/>
      <c r="AU575" s="137"/>
      <c r="AV575" s="137"/>
      <c r="AW575" s="144"/>
    </row>
    <row r="576" spans="2:49" x14ac:dyDescent="0.2">
      <c r="B576" s="97"/>
      <c r="G576" s="43"/>
      <c r="J576" s="98"/>
      <c r="K576" s="97"/>
      <c r="N576" s="3"/>
      <c r="W576" s="98"/>
      <c r="Z576" s="143"/>
      <c r="AA576" s="137"/>
      <c r="AB576" s="137"/>
      <c r="AC576" s="137"/>
      <c r="AD576" s="137"/>
      <c r="AE576" s="137"/>
      <c r="AF576" s="137"/>
      <c r="AG576" s="137"/>
      <c r="AH576" s="137"/>
      <c r="AI576" s="137"/>
      <c r="AJ576" s="137"/>
      <c r="AK576" s="206"/>
      <c r="AL576" s="206"/>
      <c r="AM576" s="143"/>
      <c r="AN576" s="137"/>
      <c r="AO576" s="137"/>
      <c r="AP576" s="137"/>
      <c r="AQ576" s="137"/>
      <c r="AR576" s="137"/>
      <c r="AS576" s="137"/>
      <c r="AT576" s="137"/>
      <c r="AU576" s="137"/>
      <c r="AV576" s="137"/>
      <c r="AW576" s="144"/>
    </row>
    <row r="577" spans="2:49" x14ac:dyDescent="0.2">
      <c r="B577" s="97"/>
      <c r="G577" s="43"/>
      <c r="J577" s="98"/>
      <c r="K577" s="97"/>
      <c r="N577" s="3"/>
      <c r="W577" s="98"/>
      <c r="Z577" s="143"/>
      <c r="AA577" s="137"/>
      <c r="AB577" s="137"/>
      <c r="AC577" s="137"/>
      <c r="AD577" s="137"/>
      <c r="AE577" s="137"/>
      <c r="AF577" s="137"/>
      <c r="AG577" s="137"/>
      <c r="AH577" s="137"/>
      <c r="AI577" s="137"/>
      <c r="AJ577" s="137"/>
      <c r="AK577" s="206"/>
      <c r="AL577" s="206"/>
      <c r="AM577" s="143"/>
      <c r="AN577" s="137"/>
      <c r="AO577" s="137"/>
      <c r="AP577" s="137"/>
      <c r="AQ577" s="137"/>
      <c r="AR577" s="137"/>
      <c r="AS577" s="137"/>
      <c r="AT577" s="137"/>
      <c r="AU577" s="137"/>
      <c r="AV577" s="137"/>
      <c r="AW577" s="144"/>
    </row>
    <row r="578" spans="2:49" x14ac:dyDescent="0.2">
      <c r="B578" s="97"/>
      <c r="G578" s="43"/>
      <c r="J578" s="98"/>
      <c r="K578" s="97"/>
      <c r="N578" s="3"/>
      <c r="W578" s="98"/>
      <c r="Z578" s="143"/>
      <c r="AA578" s="137"/>
      <c r="AB578" s="137"/>
      <c r="AC578" s="137"/>
      <c r="AD578" s="137"/>
      <c r="AE578" s="137"/>
      <c r="AF578" s="137"/>
      <c r="AG578" s="137"/>
      <c r="AH578" s="137"/>
      <c r="AI578" s="137"/>
      <c r="AJ578" s="137"/>
      <c r="AK578" s="206"/>
      <c r="AL578" s="206"/>
      <c r="AM578" s="143"/>
      <c r="AN578" s="137"/>
      <c r="AO578" s="137"/>
      <c r="AP578" s="137"/>
      <c r="AQ578" s="137"/>
      <c r="AR578" s="137"/>
      <c r="AS578" s="137"/>
      <c r="AT578" s="137"/>
      <c r="AU578" s="137"/>
      <c r="AV578" s="137"/>
      <c r="AW578" s="144"/>
    </row>
    <row r="579" spans="2:49" x14ac:dyDescent="0.2">
      <c r="B579" s="97"/>
      <c r="G579" s="43"/>
      <c r="J579" s="98"/>
      <c r="K579" s="97"/>
      <c r="N579" s="3"/>
      <c r="W579" s="98"/>
      <c r="Z579" s="143"/>
      <c r="AA579" s="137"/>
      <c r="AB579" s="137"/>
      <c r="AC579" s="137"/>
      <c r="AD579" s="137"/>
      <c r="AE579" s="137"/>
      <c r="AF579" s="137"/>
      <c r="AG579" s="137"/>
      <c r="AH579" s="137"/>
      <c r="AI579" s="137"/>
      <c r="AJ579" s="137"/>
      <c r="AK579" s="206"/>
      <c r="AL579" s="206"/>
      <c r="AM579" s="143"/>
      <c r="AN579" s="137"/>
      <c r="AO579" s="137"/>
      <c r="AP579" s="137"/>
      <c r="AQ579" s="137"/>
      <c r="AR579" s="137"/>
      <c r="AS579" s="137"/>
      <c r="AT579" s="137"/>
      <c r="AU579" s="137"/>
      <c r="AV579" s="137"/>
      <c r="AW579" s="144"/>
    </row>
    <row r="580" spans="2:49" x14ac:dyDescent="0.2">
      <c r="B580" s="97"/>
      <c r="G580" s="43"/>
      <c r="J580" s="98"/>
      <c r="K580" s="97"/>
      <c r="N580" s="3"/>
      <c r="W580" s="98"/>
      <c r="Z580" s="143"/>
      <c r="AA580" s="137"/>
      <c r="AB580" s="137"/>
      <c r="AC580" s="137"/>
      <c r="AD580" s="137"/>
      <c r="AE580" s="137"/>
      <c r="AF580" s="137"/>
      <c r="AG580" s="137"/>
      <c r="AH580" s="137"/>
      <c r="AI580" s="137"/>
      <c r="AJ580" s="137"/>
      <c r="AK580" s="206"/>
      <c r="AL580" s="206"/>
      <c r="AM580" s="143"/>
      <c r="AN580" s="137"/>
      <c r="AO580" s="137"/>
      <c r="AP580" s="137"/>
      <c r="AQ580" s="137"/>
      <c r="AR580" s="137"/>
      <c r="AS580" s="137"/>
      <c r="AT580" s="137"/>
      <c r="AU580" s="137"/>
      <c r="AV580" s="137"/>
      <c r="AW580" s="144"/>
    </row>
    <row r="581" spans="2:49" x14ac:dyDescent="0.2">
      <c r="B581" s="97"/>
      <c r="G581" s="43"/>
      <c r="J581" s="98"/>
      <c r="K581" s="97"/>
      <c r="N581" s="3"/>
      <c r="W581" s="98"/>
      <c r="Z581" s="143"/>
      <c r="AA581" s="137"/>
      <c r="AB581" s="137"/>
      <c r="AC581" s="137"/>
      <c r="AD581" s="137"/>
      <c r="AE581" s="137"/>
      <c r="AF581" s="137"/>
      <c r="AG581" s="137"/>
      <c r="AH581" s="137"/>
      <c r="AI581" s="137"/>
      <c r="AJ581" s="137"/>
      <c r="AK581" s="206"/>
      <c r="AL581" s="206"/>
      <c r="AM581" s="143"/>
      <c r="AN581" s="137"/>
      <c r="AO581" s="137"/>
      <c r="AP581" s="137"/>
      <c r="AQ581" s="137"/>
      <c r="AR581" s="137"/>
      <c r="AS581" s="137"/>
      <c r="AT581" s="137"/>
      <c r="AU581" s="137"/>
      <c r="AV581" s="137"/>
      <c r="AW581" s="144"/>
    </row>
    <row r="582" spans="2:49" x14ac:dyDescent="0.2">
      <c r="B582" s="97"/>
      <c r="G582" s="43"/>
      <c r="J582" s="98"/>
      <c r="K582" s="97"/>
      <c r="N582" s="3"/>
      <c r="W582" s="98"/>
      <c r="Z582" s="143"/>
      <c r="AA582" s="137"/>
      <c r="AB582" s="137"/>
      <c r="AC582" s="137"/>
      <c r="AD582" s="137"/>
      <c r="AE582" s="137"/>
      <c r="AF582" s="137"/>
      <c r="AG582" s="137"/>
      <c r="AH582" s="137"/>
      <c r="AI582" s="137"/>
      <c r="AJ582" s="137"/>
      <c r="AK582" s="206"/>
      <c r="AL582" s="206"/>
      <c r="AM582" s="143"/>
      <c r="AN582" s="137"/>
      <c r="AO582" s="137"/>
      <c r="AP582" s="137"/>
      <c r="AQ582" s="137"/>
      <c r="AR582" s="137"/>
      <c r="AS582" s="137"/>
      <c r="AT582" s="137"/>
      <c r="AU582" s="137"/>
      <c r="AV582" s="137"/>
      <c r="AW582" s="144"/>
    </row>
    <row r="583" spans="2:49" x14ac:dyDescent="0.2">
      <c r="B583" s="97"/>
      <c r="G583" s="43"/>
      <c r="J583" s="98"/>
      <c r="K583" s="97"/>
      <c r="N583" s="3"/>
      <c r="W583" s="98"/>
      <c r="Z583" s="143"/>
      <c r="AA583" s="137"/>
      <c r="AB583" s="137"/>
      <c r="AC583" s="137"/>
      <c r="AD583" s="137"/>
      <c r="AE583" s="137"/>
      <c r="AF583" s="137"/>
      <c r="AG583" s="137"/>
      <c r="AH583" s="137"/>
      <c r="AI583" s="137"/>
      <c r="AJ583" s="137"/>
      <c r="AK583" s="206"/>
      <c r="AL583" s="206"/>
      <c r="AM583" s="143"/>
      <c r="AN583" s="137"/>
      <c r="AO583" s="137"/>
      <c r="AP583" s="137"/>
      <c r="AQ583" s="137"/>
      <c r="AR583" s="137"/>
      <c r="AS583" s="137"/>
      <c r="AT583" s="137"/>
      <c r="AU583" s="137"/>
      <c r="AV583" s="137"/>
      <c r="AW583" s="144"/>
    </row>
    <row r="584" spans="2:49" x14ac:dyDescent="0.2">
      <c r="B584" s="97"/>
      <c r="G584" s="43"/>
      <c r="J584" s="98"/>
      <c r="K584" s="97"/>
      <c r="N584" s="3"/>
      <c r="W584" s="98"/>
      <c r="Z584" s="143"/>
      <c r="AA584" s="137"/>
      <c r="AB584" s="137"/>
      <c r="AC584" s="137"/>
      <c r="AD584" s="137"/>
      <c r="AE584" s="137"/>
      <c r="AF584" s="137"/>
      <c r="AG584" s="137"/>
      <c r="AH584" s="137"/>
      <c r="AI584" s="137"/>
      <c r="AJ584" s="137"/>
      <c r="AK584" s="206"/>
      <c r="AL584" s="206"/>
      <c r="AM584" s="143"/>
      <c r="AN584" s="137"/>
      <c r="AO584" s="137"/>
      <c r="AP584" s="137"/>
      <c r="AQ584" s="137"/>
      <c r="AR584" s="137"/>
      <c r="AS584" s="137"/>
      <c r="AT584" s="137"/>
      <c r="AU584" s="137"/>
      <c r="AV584" s="137"/>
      <c r="AW584" s="144"/>
    </row>
    <row r="585" spans="2:49" x14ac:dyDescent="0.2">
      <c r="B585" s="97"/>
      <c r="G585" s="43"/>
      <c r="J585" s="98"/>
      <c r="K585" s="97"/>
      <c r="N585" s="3"/>
      <c r="W585" s="98"/>
      <c r="Z585" s="143"/>
      <c r="AA585" s="137"/>
      <c r="AB585" s="137"/>
      <c r="AC585" s="137"/>
      <c r="AD585" s="137"/>
      <c r="AE585" s="137"/>
      <c r="AF585" s="137"/>
      <c r="AG585" s="137"/>
      <c r="AH585" s="137"/>
      <c r="AI585" s="137"/>
      <c r="AJ585" s="137"/>
      <c r="AK585" s="206"/>
      <c r="AL585" s="206"/>
      <c r="AM585" s="143"/>
      <c r="AN585" s="137"/>
      <c r="AO585" s="137"/>
      <c r="AP585" s="137"/>
      <c r="AQ585" s="137"/>
      <c r="AR585" s="137"/>
      <c r="AS585" s="137"/>
      <c r="AT585" s="137"/>
      <c r="AU585" s="137"/>
      <c r="AV585" s="137"/>
      <c r="AW585" s="144"/>
    </row>
    <row r="586" spans="2:49" x14ac:dyDescent="0.2">
      <c r="B586" s="97"/>
      <c r="G586" s="43"/>
      <c r="J586" s="98"/>
      <c r="K586" s="97"/>
      <c r="N586" s="3"/>
      <c r="W586" s="98"/>
      <c r="Z586" s="143"/>
      <c r="AA586" s="137"/>
      <c r="AB586" s="137"/>
      <c r="AC586" s="137"/>
      <c r="AD586" s="137"/>
      <c r="AE586" s="137"/>
      <c r="AF586" s="137"/>
      <c r="AG586" s="137"/>
      <c r="AH586" s="137"/>
      <c r="AI586" s="137"/>
      <c r="AJ586" s="137"/>
      <c r="AK586" s="206"/>
      <c r="AL586" s="206"/>
      <c r="AM586" s="143"/>
      <c r="AN586" s="137"/>
      <c r="AO586" s="137"/>
      <c r="AP586" s="137"/>
      <c r="AQ586" s="137"/>
      <c r="AR586" s="137"/>
      <c r="AS586" s="137"/>
      <c r="AT586" s="137"/>
      <c r="AU586" s="137"/>
      <c r="AV586" s="137"/>
      <c r="AW586" s="144"/>
    </row>
    <row r="587" spans="2:49" x14ac:dyDescent="0.2">
      <c r="B587" s="97"/>
      <c r="G587" s="43"/>
      <c r="J587" s="98"/>
      <c r="K587" s="97"/>
      <c r="N587" s="3"/>
      <c r="W587" s="98"/>
      <c r="Z587" s="143"/>
      <c r="AA587" s="137"/>
      <c r="AB587" s="137"/>
      <c r="AC587" s="137"/>
      <c r="AD587" s="137"/>
      <c r="AE587" s="137"/>
      <c r="AF587" s="137"/>
      <c r="AG587" s="137"/>
      <c r="AH587" s="137"/>
      <c r="AI587" s="137"/>
      <c r="AJ587" s="137"/>
      <c r="AK587" s="206"/>
      <c r="AL587" s="206"/>
      <c r="AM587" s="143"/>
      <c r="AN587" s="137"/>
      <c r="AO587" s="137"/>
      <c r="AP587" s="137"/>
      <c r="AQ587" s="137"/>
      <c r="AR587" s="137"/>
      <c r="AS587" s="137"/>
      <c r="AT587" s="137"/>
      <c r="AU587" s="137"/>
      <c r="AV587" s="137"/>
      <c r="AW587" s="144"/>
    </row>
    <row r="588" spans="2:49" x14ac:dyDescent="0.2">
      <c r="B588" s="97"/>
      <c r="G588" s="43"/>
      <c r="J588" s="98"/>
      <c r="K588" s="97"/>
      <c r="N588" s="3"/>
      <c r="W588" s="98"/>
      <c r="Z588" s="143"/>
      <c r="AA588" s="137"/>
      <c r="AB588" s="137"/>
      <c r="AC588" s="137"/>
      <c r="AD588" s="137"/>
      <c r="AE588" s="137"/>
      <c r="AF588" s="137"/>
      <c r="AG588" s="137"/>
      <c r="AH588" s="137"/>
      <c r="AI588" s="137"/>
      <c r="AJ588" s="137"/>
      <c r="AK588" s="206"/>
      <c r="AL588" s="206"/>
      <c r="AM588" s="143"/>
      <c r="AN588" s="137"/>
      <c r="AO588" s="137"/>
      <c r="AP588" s="137"/>
      <c r="AQ588" s="137"/>
      <c r="AR588" s="137"/>
      <c r="AS588" s="137"/>
      <c r="AT588" s="137"/>
      <c r="AU588" s="137"/>
      <c r="AV588" s="137"/>
      <c r="AW588" s="144"/>
    </row>
    <row r="589" spans="2:49" x14ac:dyDescent="0.2">
      <c r="B589" s="97"/>
      <c r="G589" s="43"/>
      <c r="J589" s="98"/>
      <c r="K589" s="97"/>
      <c r="N589" s="3"/>
      <c r="W589" s="98"/>
      <c r="Z589" s="143"/>
      <c r="AA589" s="137"/>
      <c r="AB589" s="137"/>
      <c r="AC589" s="137"/>
      <c r="AD589" s="137"/>
      <c r="AE589" s="137"/>
      <c r="AF589" s="137"/>
      <c r="AG589" s="137"/>
      <c r="AH589" s="137"/>
      <c r="AI589" s="137"/>
      <c r="AJ589" s="137"/>
      <c r="AK589" s="206"/>
      <c r="AL589" s="206"/>
      <c r="AM589" s="143"/>
      <c r="AN589" s="137"/>
      <c r="AO589" s="137"/>
      <c r="AP589" s="137"/>
      <c r="AQ589" s="137"/>
      <c r="AR589" s="137"/>
      <c r="AS589" s="137"/>
      <c r="AT589" s="137"/>
      <c r="AU589" s="137"/>
      <c r="AV589" s="137"/>
      <c r="AW589" s="144"/>
    </row>
    <row r="590" spans="2:49" x14ac:dyDescent="0.2">
      <c r="B590" s="97"/>
      <c r="G590" s="43"/>
      <c r="J590" s="98"/>
      <c r="K590" s="97"/>
      <c r="N590" s="3"/>
      <c r="W590" s="98"/>
      <c r="Z590" s="143"/>
      <c r="AA590" s="137"/>
      <c r="AB590" s="137"/>
      <c r="AC590" s="137"/>
      <c r="AD590" s="137"/>
      <c r="AE590" s="137"/>
      <c r="AF590" s="137"/>
      <c r="AG590" s="137"/>
      <c r="AH590" s="137"/>
      <c r="AI590" s="137"/>
      <c r="AJ590" s="137"/>
      <c r="AK590" s="206"/>
      <c r="AL590" s="206"/>
      <c r="AM590" s="143"/>
      <c r="AN590" s="137"/>
      <c r="AO590" s="137"/>
      <c r="AP590" s="137"/>
      <c r="AQ590" s="137"/>
      <c r="AR590" s="137"/>
      <c r="AS590" s="137"/>
      <c r="AT590" s="137"/>
      <c r="AU590" s="137"/>
      <c r="AV590" s="137"/>
      <c r="AW590" s="144"/>
    </row>
    <row r="591" spans="2:49" x14ac:dyDescent="0.2">
      <c r="B591" s="97"/>
      <c r="G591" s="43"/>
      <c r="J591" s="98"/>
      <c r="K591" s="97"/>
      <c r="N591" s="3"/>
      <c r="W591" s="98"/>
      <c r="Z591" s="143"/>
      <c r="AA591" s="137"/>
      <c r="AB591" s="137"/>
      <c r="AC591" s="137"/>
      <c r="AD591" s="137"/>
      <c r="AE591" s="137"/>
      <c r="AF591" s="137"/>
      <c r="AG591" s="137"/>
      <c r="AH591" s="137"/>
      <c r="AI591" s="137"/>
      <c r="AJ591" s="137"/>
      <c r="AK591" s="206"/>
      <c r="AL591" s="206"/>
      <c r="AM591" s="143"/>
      <c r="AN591" s="137"/>
      <c r="AO591" s="137"/>
      <c r="AP591" s="137"/>
      <c r="AQ591" s="137"/>
      <c r="AR591" s="137"/>
      <c r="AS591" s="137"/>
      <c r="AT591" s="137"/>
      <c r="AU591" s="137"/>
      <c r="AV591" s="137"/>
      <c r="AW591" s="144"/>
    </row>
    <row r="592" spans="2:49" x14ac:dyDescent="0.2">
      <c r="B592" s="97"/>
      <c r="G592" s="43"/>
      <c r="J592" s="98"/>
      <c r="K592" s="97"/>
      <c r="N592" s="3"/>
      <c r="W592" s="98"/>
      <c r="Z592" s="143"/>
      <c r="AA592" s="137"/>
      <c r="AB592" s="137"/>
      <c r="AC592" s="137"/>
      <c r="AD592" s="137"/>
      <c r="AE592" s="137"/>
      <c r="AF592" s="137"/>
      <c r="AG592" s="137"/>
      <c r="AH592" s="137"/>
      <c r="AI592" s="137"/>
      <c r="AJ592" s="137"/>
      <c r="AK592" s="206"/>
      <c r="AL592" s="206"/>
      <c r="AM592" s="143"/>
      <c r="AN592" s="137"/>
      <c r="AO592" s="137"/>
      <c r="AP592" s="137"/>
      <c r="AQ592" s="137"/>
      <c r="AR592" s="137"/>
      <c r="AS592" s="137"/>
      <c r="AT592" s="137"/>
      <c r="AU592" s="137"/>
      <c r="AV592" s="137"/>
      <c r="AW592" s="144"/>
    </row>
    <row r="593" spans="2:49" x14ac:dyDescent="0.2">
      <c r="B593" s="97"/>
      <c r="G593" s="43"/>
      <c r="J593" s="98"/>
      <c r="K593" s="97"/>
      <c r="N593" s="3"/>
      <c r="W593" s="98"/>
      <c r="Z593" s="143"/>
      <c r="AA593" s="137"/>
      <c r="AB593" s="137"/>
      <c r="AC593" s="137"/>
      <c r="AD593" s="137"/>
      <c r="AE593" s="137"/>
      <c r="AF593" s="137"/>
      <c r="AG593" s="137"/>
      <c r="AH593" s="137"/>
      <c r="AI593" s="137"/>
      <c r="AJ593" s="137"/>
      <c r="AK593" s="206"/>
      <c r="AL593" s="206"/>
      <c r="AM593" s="143"/>
      <c r="AN593" s="137"/>
      <c r="AO593" s="137"/>
      <c r="AP593" s="137"/>
      <c r="AQ593" s="137"/>
      <c r="AR593" s="137"/>
      <c r="AS593" s="137"/>
      <c r="AT593" s="137"/>
      <c r="AU593" s="137"/>
      <c r="AV593" s="137"/>
      <c r="AW593" s="144"/>
    </row>
    <row r="594" spans="2:49" x14ac:dyDescent="0.2">
      <c r="B594" s="97"/>
      <c r="G594" s="43"/>
      <c r="J594" s="98"/>
      <c r="K594" s="97"/>
      <c r="N594" s="3"/>
      <c r="W594" s="98"/>
      <c r="Z594" s="143"/>
      <c r="AA594" s="137"/>
      <c r="AB594" s="137"/>
      <c r="AC594" s="137"/>
      <c r="AD594" s="137"/>
      <c r="AE594" s="137"/>
      <c r="AF594" s="137"/>
      <c r="AG594" s="137"/>
      <c r="AH594" s="137"/>
      <c r="AI594" s="137"/>
      <c r="AJ594" s="137"/>
      <c r="AK594" s="206"/>
      <c r="AL594" s="206"/>
      <c r="AM594" s="143"/>
      <c r="AN594" s="137"/>
      <c r="AO594" s="137"/>
      <c r="AP594" s="137"/>
      <c r="AQ594" s="137"/>
      <c r="AR594" s="137"/>
      <c r="AS594" s="137"/>
      <c r="AT594" s="137"/>
      <c r="AU594" s="137"/>
      <c r="AV594" s="137"/>
      <c r="AW594" s="144"/>
    </row>
    <row r="595" spans="2:49" x14ac:dyDescent="0.2">
      <c r="B595" s="97"/>
      <c r="G595" s="43"/>
      <c r="J595" s="98"/>
      <c r="K595" s="97"/>
      <c r="N595" s="3"/>
      <c r="W595" s="98"/>
      <c r="Z595" s="143"/>
      <c r="AA595" s="137"/>
      <c r="AB595" s="137"/>
      <c r="AC595" s="137"/>
      <c r="AD595" s="137"/>
      <c r="AE595" s="137"/>
      <c r="AF595" s="137"/>
      <c r="AG595" s="137"/>
      <c r="AH595" s="137"/>
      <c r="AI595" s="137"/>
      <c r="AJ595" s="137"/>
      <c r="AK595" s="206"/>
      <c r="AL595" s="206"/>
      <c r="AM595" s="143"/>
      <c r="AN595" s="137"/>
      <c r="AO595" s="137"/>
      <c r="AP595" s="137"/>
      <c r="AQ595" s="137"/>
      <c r="AR595" s="137"/>
      <c r="AS595" s="137"/>
      <c r="AT595" s="137"/>
      <c r="AU595" s="137"/>
      <c r="AV595" s="137"/>
      <c r="AW595" s="144"/>
    </row>
    <row r="596" spans="2:49" x14ac:dyDescent="0.2">
      <c r="B596" s="97"/>
      <c r="G596" s="43"/>
      <c r="J596" s="98"/>
      <c r="K596" s="97"/>
      <c r="N596" s="3"/>
      <c r="W596" s="98"/>
      <c r="Z596" s="143"/>
      <c r="AA596" s="137"/>
      <c r="AB596" s="137"/>
      <c r="AC596" s="137"/>
      <c r="AD596" s="137"/>
      <c r="AE596" s="137"/>
      <c r="AF596" s="137"/>
      <c r="AG596" s="137"/>
      <c r="AH596" s="137"/>
      <c r="AI596" s="137"/>
      <c r="AJ596" s="137"/>
      <c r="AK596" s="206"/>
      <c r="AL596" s="206"/>
      <c r="AM596" s="143"/>
      <c r="AN596" s="137"/>
      <c r="AO596" s="137"/>
      <c r="AP596" s="137"/>
      <c r="AQ596" s="137"/>
      <c r="AR596" s="137"/>
      <c r="AS596" s="137"/>
      <c r="AT596" s="137"/>
      <c r="AU596" s="137"/>
      <c r="AV596" s="137"/>
      <c r="AW596" s="144"/>
    </row>
    <row r="597" spans="2:49" x14ac:dyDescent="0.2">
      <c r="B597" s="97"/>
      <c r="G597" s="43"/>
      <c r="J597" s="98"/>
      <c r="K597" s="97"/>
      <c r="N597" s="3"/>
      <c r="W597" s="98"/>
      <c r="Z597" s="143"/>
      <c r="AA597" s="137"/>
      <c r="AB597" s="137"/>
      <c r="AC597" s="137"/>
      <c r="AD597" s="137"/>
      <c r="AE597" s="137"/>
      <c r="AF597" s="137"/>
      <c r="AG597" s="137"/>
      <c r="AH597" s="137"/>
      <c r="AI597" s="137"/>
      <c r="AJ597" s="137"/>
      <c r="AK597" s="206"/>
      <c r="AL597" s="206"/>
      <c r="AM597" s="143"/>
      <c r="AN597" s="137"/>
      <c r="AO597" s="137"/>
      <c r="AP597" s="137"/>
      <c r="AQ597" s="137"/>
      <c r="AR597" s="137"/>
      <c r="AS597" s="137"/>
      <c r="AT597" s="137"/>
      <c r="AU597" s="137"/>
      <c r="AV597" s="137"/>
      <c r="AW597" s="144"/>
    </row>
    <row r="598" spans="2:49" x14ac:dyDescent="0.2">
      <c r="B598" s="97"/>
      <c r="G598" s="43"/>
      <c r="J598" s="98"/>
      <c r="K598" s="97"/>
      <c r="N598" s="3"/>
      <c r="W598" s="98"/>
      <c r="Z598" s="143"/>
      <c r="AA598" s="137"/>
      <c r="AB598" s="137"/>
      <c r="AC598" s="137"/>
      <c r="AD598" s="137"/>
      <c r="AE598" s="137"/>
      <c r="AF598" s="137"/>
      <c r="AG598" s="137"/>
      <c r="AH598" s="137"/>
      <c r="AI598" s="137"/>
      <c r="AJ598" s="137"/>
      <c r="AK598" s="206"/>
      <c r="AL598" s="206"/>
      <c r="AM598" s="143"/>
      <c r="AN598" s="137"/>
      <c r="AO598" s="137"/>
      <c r="AP598" s="137"/>
      <c r="AQ598" s="137"/>
      <c r="AR598" s="137"/>
      <c r="AS598" s="137"/>
      <c r="AT598" s="137"/>
      <c r="AU598" s="137"/>
      <c r="AV598" s="137"/>
      <c r="AW598" s="144"/>
    </row>
    <row r="599" spans="2:49" x14ac:dyDescent="0.2">
      <c r="B599" s="97"/>
      <c r="G599" s="43"/>
      <c r="J599" s="98"/>
      <c r="K599" s="97"/>
      <c r="N599" s="3"/>
      <c r="W599" s="98"/>
      <c r="Z599" s="143"/>
      <c r="AA599" s="137"/>
      <c r="AB599" s="137"/>
      <c r="AC599" s="137"/>
      <c r="AD599" s="137"/>
      <c r="AE599" s="137"/>
      <c r="AF599" s="137"/>
      <c r="AG599" s="137"/>
      <c r="AH599" s="137"/>
      <c r="AI599" s="137"/>
      <c r="AJ599" s="137"/>
      <c r="AK599" s="206"/>
      <c r="AL599" s="206"/>
      <c r="AM599" s="143"/>
      <c r="AN599" s="137"/>
      <c r="AO599" s="137"/>
      <c r="AP599" s="137"/>
      <c r="AQ599" s="137"/>
      <c r="AR599" s="137"/>
      <c r="AS599" s="137"/>
      <c r="AT599" s="137"/>
      <c r="AU599" s="137"/>
      <c r="AV599" s="137"/>
      <c r="AW599" s="144"/>
    </row>
    <row r="600" spans="2:49" x14ac:dyDescent="0.2">
      <c r="B600" s="97"/>
      <c r="G600" s="43"/>
      <c r="J600" s="98"/>
      <c r="K600" s="97"/>
      <c r="N600" s="3"/>
      <c r="W600" s="98"/>
      <c r="Z600" s="143"/>
      <c r="AA600" s="137"/>
      <c r="AB600" s="137"/>
      <c r="AC600" s="137"/>
      <c r="AD600" s="137"/>
      <c r="AE600" s="137"/>
      <c r="AF600" s="137"/>
      <c r="AG600" s="137"/>
      <c r="AH600" s="137"/>
      <c r="AI600" s="137"/>
      <c r="AJ600" s="137"/>
      <c r="AK600" s="206"/>
      <c r="AL600" s="206"/>
      <c r="AM600" s="143"/>
      <c r="AN600" s="137"/>
      <c r="AO600" s="137"/>
      <c r="AP600" s="137"/>
      <c r="AQ600" s="137"/>
      <c r="AR600" s="137"/>
      <c r="AS600" s="137"/>
      <c r="AT600" s="137"/>
      <c r="AU600" s="137"/>
      <c r="AV600" s="137"/>
      <c r="AW600" s="144"/>
    </row>
    <row r="601" spans="2:49" x14ac:dyDescent="0.2">
      <c r="B601" s="97"/>
      <c r="G601" s="43"/>
      <c r="J601" s="98"/>
      <c r="K601" s="97"/>
      <c r="N601" s="3"/>
      <c r="W601" s="98"/>
      <c r="Z601" s="143"/>
      <c r="AA601" s="137"/>
      <c r="AB601" s="137"/>
      <c r="AC601" s="137"/>
      <c r="AD601" s="137"/>
      <c r="AE601" s="137"/>
      <c r="AF601" s="137"/>
      <c r="AG601" s="137"/>
      <c r="AH601" s="137"/>
      <c r="AI601" s="137"/>
      <c r="AJ601" s="137"/>
      <c r="AK601" s="206"/>
      <c r="AL601" s="206"/>
      <c r="AM601" s="143"/>
      <c r="AN601" s="137"/>
      <c r="AO601" s="137"/>
      <c r="AP601" s="137"/>
      <c r="AQ601" s="137"/>
      <c r="AR601" s="137"/>
      <c r="AS601" s="137"/>
      <c r="AT601" s="137"/>
      <c r="AU601" s="137"/>
      <c r="AV601" s="137"/>
      <c r="AW601" s="144"/>
    </row>
    <row r="602" spans="2:49" x14ac:dyDescent="0.2">
      <c r="B602" s="97"/>
      <c r="G602" s="43"/>
      <c r="J602" s="98"/>
      <c r="K602" s="97"/>
      <c r="N602" s="3"/>
      <c r="W602" s="98"/>
      <c r="Z602" s="143"/>
      <c r="AA602" s="137"/>
      <c r="AB602" s="137"/>
      <c r="AC602" s="137"/>
      <c r="AD602" s="137"/>
      <c r="AE602" s="137"/>
      <c r="AF602" s="137"/>
      <c r="AG602" s="137"/>
      <c r="AH602" s="137"/>
      <c r="AI602" s="137"/>
      <c r="AJ602" s="137"/>
      <c r="AK602" s="206"/>
      <c r="AL602" s="206"/>
      <c r="AM602" s="143"/>
      <c r="AN602" s="137"/>
      <c r="AO602" s="137"/>
      <c r="AP602" s="137"/>
      <c r="AQ602" s="137"/>
      <c r="AR602" s="137"/>
      <c r="AS602" s="137"/>
      <c r="AT602" s="137"/>
      <c r="AU602" s="137"/>
      <c r="AV602" s="137"/>
      <c r="AW602" s="144"/>
    </row>
    <row r="603" spans="2:49" x14ac:dyDescent="0.2">
      <c r="B603" s="97"/>
      <c r="G603" s="43"/>
      <c r="J603" s="98"/>
      <c r="K603" s="97"/>
      <c r="N603" s="3"/>
      <c r="W603" s="98"/>
      <c r="Z603" s="143"/>
      <c r="AA603" s="137"/>
      <c r="AB603" s="137"/>
      <c r="AC603" s="137"/>
      <c r="AD603" s="137"/>
      <c r="AE603" s="137"/>
      <c r="AF603" s="137"/>
      <c r="AG603" s="137"/>
      <c r="AH603" s="137"/>
      <c r="AI603" s="137"/>
      <c r="AJ603" s="137"/>
      <c r="AK603" s="206"/>
      <c r="AL603" s="206"/>
      <c r="AM603" s="143"/>
      <c r="AN603" s="137"/>
      <c r="AO603" s="137"/>
      <c r="AP603" s="137"/>
      <c r="AQ603" s="137"/>
      <c r="AR603" s="137"/>
      <c r="AS603" s="137"/>
      <c r="AT603" s="137"/>
      <c r="AU603" s="137"/>
      <c r="AV603" s="137"/>
      <c r="AW603" s="144"/>
    </row>
    <row r="604" spans="2:49" x14ac:dyDescent="0.2">
      <c r="B604" s="97"/>
      <c r="G604" s="43"/>
      <c r="J604" s="98"/>
      <c r="K604" s="97"/>
      <c r="N604" s="3"/>
      <c r="W604" s="98"/>
      <c r="Z604" s="143"/>
      <c r="AA604" s="137"/>
      <c r="AB604" s="137"/>
      <c r="AC604" s="137"/>
      <c r="AD604" s="137"/>
      <c r="AE604" s="137"/>
      <c r="AF604" s="137"/>
      <c r="AG604" s="137"/>
      <c r="AH604" s="137"/>
      <c r="AI604" s="137"/>
      <c r="AJ604" s="137"/>
      <c r="AK604" s="206"/>
      <c r="AL604" s="206"/>
      <c r="AM604" s="143"/>
      <c r="AN604" s="137"/>
      <c r="AO604" s="137"/>
      <c r="AP604" s="137"/>
      <c r="AQ604" s="137"/>
      <c r="AR604" s="137"/>
      <c r="AS604" s="137"/>
      <c r="AT604" s="137"/>
      <c r="AU604" s="137"/>
      <c r="AV604" s="137"/>
      <c r="AW604" s="144"/>
    </row>
    <row r="605" spans="2:49" x14ac:dyDescent="0.2">
      <c r="B605" s="97"/>
      <c r="G605" s="43"/>
      <c r="J605" s="98"/>
      <c r="K605" s="97"/>
      <c r="N605" s="3"/>
      <c r="W605" s="98"/>
      <c r="Z605" s="143"/>
      <c r="AA605" s="137"/>
      <c r="AB605" s="137"/>
      <c r="AC605" s="137"/>
      <c r="AD605" s="137"/>
      <c r="AE605" s="137"/>
      <c r="AF605" s="137"/>
      <c r="AG605" s="137"/>
      <c r="AH605" s="137"/>
      <c r="AI605" s="137"/>
      <c r="AJ605" s="137"/>
      <c r="AK605" s="206"/>
      <c r="AL605" s="206"/>
      <c r="AM605" s="143"/>
      <c r="AN605" s="137"/>
      <c r="AO605" s="137"/>
      <c r="AP605" s="137"/>
      <c r="AQ605" s="137"/>
      <c r="AR605" s="137"/>
      <c r="AS605" s="137"/>
      <c r="AT605" s="137"/>
      <c r="AU605" s="137"/>
      <c r="AV605" s="137"/>
      <c r="AW605" s="144"/>
    </row>
    <row r="606" spans="2:49" x14ac:dyDescent="0.2">
      <c r="B606" s="97"/>
      <c r="G606" s="43"/>
      <c r="J606" s="98"/>
      <c r="K606" s="97"/>
      <c r="N606" s="3"/>
      <c r="W606" s="98"/>
      <c r="Z606" s="143"/>
      <c r="AA606" s="137"/>
      <c r="AB606" s="137"/>
      <c r="AC606" s="137"/>
      <c r="AD606" s="137"/>
      <c r="AE606" s="137"/>
      <c r="AF606" s="137"/>
      <c r="AG606" s="137"/>
      <c r="AH606" s="137"/>
      <c r="AI606" s="137"/>
      <c r="AJ606" s="137"/>
      <c r="AK606" s="206"/>
      <c r="AL606" s="206"/>
      <c r="AM606" s="143"/>
      <c r="AN606" s="137"/>
      <c r="AO606" s="137"/>
      <c r="AP606" s="137"/>
      <c r="AQ606" s="137"/>
      <c r="AR606" s="137"/>
      <c r="AS606" s="137"/>
      <c r="AT606" s="137"/>
      <c r="AU606" s="137"/>
      <c r="AV606" s="137"/>
      <c r="AW606" s="144"/>
    </row>
    <row r="607" spans="2:49" x14ac:dyDescent="0.2">
      <c r="B607" s="97"/>
      <c r="G607" s="43"/>
      <c r="J607" s="98"/>
      <c r="K607" s="97"/>
      <c r="N607" s="3"/>
      <c r="W607" s="98"/>
      <c r="Z607" s="143"/>
      <c r="AA607" s="137"/>
      <c r="AB607" s="137"/>
      <c r="AC607" s="137"/>
      <c r="AD607" s="137"/>
      <c r="AE607" s="137"/>
      <c r="AF607" s="137"/>
      <c r="AG607" s="137"/>
      <c r="AH607" s="137"/>
      <c r="AI607" s="137"/>
      <c r="AJ607" s="137"/>
      <c r="AK607" s="206"/>
      <c r="AL607" s="206"/>
      <c r="AM607" s="143"/>
      <c r="AN607" s="137"/>
      <c r="AO607" s="137"/>
      <c r="AP607" s="137"/>
      <c r="AQ607" s="137"/>
      <c r="AR607" s="137"/>
      <c r="AS607" s="137"/>
      <c r="AT607" s="137"/>
      <c r="AU607" s="137"/>
      <c r="AV607" s="137"/>
      <c r="AW607" s="144"/>
    </row>
    <row r="608" spans="2:49" x14ac:dyDescent="0.2">
      <c r="B608" s="97"/>
      <c r="G608" s="43"/>
      <c r="J608" s="98"/>
      <c r="K608" s="97"/>
      <c r="N608" s="3"/>
      <c r="W608" s="98"/>
      <c r="Z608" s="143"/>
      <c r="AA608" s="137"/>
      <c r="AB608" s="137"/>
      <c r="AC608" s="137"/>
      <c r="AD608" s="137"/>
      <c r="AE608" s="137"/>
      <c r="AF608" s="137"/>
      <c r="AG608" s="137"/>
      <c r="AH608" s="137"/>
      <c r="AI608" s="137"/>
      <c r="AJ608" s="137"/>
      <c r="AK608" s="206"/>
      <c r="AL608" s="206"/>
      <c r="AM608" s="143"/>
      <c r="AN608" s="137"/>
      <c r="AO608" s="137"/>
      <c r="AP608" s="137"/>
      <c r="AQ608" s="137"/>
      <c r="AR608" s="137"/>
      <c r="AS608" s="137"/>
      <c r="AT608" s="137"/>
      <c r="AU608" s="137"/>
      <c r="AV608" s="137"/>
      <c r="AW608" s="144"/>
    </row>
    <row r="609" spans="2:49" x14ac:dyDescent="0.2">
      <c r="B609" s="97"/>
      <c r="G609" s="43"/>
      <c r="J609" s="98"/>
      <c r="K609" s="97"/>
      <c r="N609" s="3"/>
      <c r="W609" s="98"/>
      <c r="Z609" s="143"/>
      <c r="AA609" s="137"/>
      <c r="AB609" s="137"/>
      <c r="AC609" s="137"/>
      <c r="AD609" s="137"/>
      <c r="AE609" s="137"/>
      <c r="AF609" s="137"/>
      <c r="AG609" s="137"/>
      <c r="AH609" s="137"/>
      <c r="AI609" s="137"/>
      <c r="AJ609" s="137"/>
      <c r="AK609" s="206"/>
      <c r="AL609" s="206"/>
      <c r="AM609" s="143"/>
      <c r="AN609" s="137"/>
      <c r="AO609" s="137"/>
      <c r="AP609" s="137"/>
      <c r="AQ609" s="137"/>
      <c r="AR609" s="137"/>
      <c r="AS609" s="137"/>
      <c r="AT609" s="137"/>
      <c r="AU609" s="137"/>
      <c r="AV609" s="137"/>
      <c r="AW609" s="144"/>
    </row>
    <row r="610" spans="2:49" x14ac:dyDescent="0.2">
      <c r="B610" s="97"/>
      <c r="G610" s="43"/>
      <c r="J610" s="98"/>
      <c r="K610" s="97"/>
      <c r="N610" s="3"/>
      <c r="W610" s="98"/>
      <c r="Z610" s="143"/>
      <c r="AA610" s="137"/>
      <c r="AB610" s="137"/>
      <c r="AC610" s="137"/>
      <c r="AD610" s="137"/>
      <c r="AE610" s="137"/>
      <c r="AF610" s="137"/>
      <c r="AG610" s="137"/>
      <c r="AH610" s="137"/>
      <c r="AI610" s="137"/>
      <c r="AJ610" s="137"/>
      <c r="AK610" s="206"/>
      <c r="AL610" s="206"/>
      <c r="AM610" s="143"/>
      <c r="AN610" s="137"/>
      <c r="AO610" s="137"/>
      <c r="AP610" s="137"/>
      <c r="AQ610" s="137"/>
      <c r="AR610" s="137"/>
      <c r="AS610" s="137"/>
      <c r="AT610" s="137"/>
      <c r="AU610" s="137"/>
      <c r="AV610" s="137"/>
      <c r="AW610" s="144"/>
    </row>
    <row r="611" spans="2:49" x14ac:dyDescent="0.2">
      <c r="B611" s="97"/>
      <c r="G611" s="43"/>
      <c r="J611" s="98"/>
      <c r="K611" s="97"/>
      <c r="N611" s="3"/>
      <c r="W611" s="98"/>
      <c r="Z611" s="143"/>
      <c r="AA611" s="137"/>
      <c r="AB611" s="137"/>
      <c r="AC611" s="137"/>
      <c r="AD611" s="137"/>
      <c r="AE611" s="137"/>
      <c r="AF611" s="137"/>
      <c r="AG611" s="137"/>
      <c r="AH611" s="137"/>
      <c r="AI611" s="137"/>
      <c r="AJ611" s="137"/>
      <c r="AK611" s="206"/>
      <c r="AL611" s="206"/>
      <c r="AM611" s="143"/>
      <c r="AN611" s="137"/>
      <c r="AO611" s="137"/>
      <c r="AP611" s="137"/>
      <c r="AQ611" s="137"/>
      <c r="AR611" s="137"/>
      <c r="AS611" s="137"/>
      <c r="AT611" s="137"/>
      <c r="AU611" s="137"/>
      <c r="AV611" s="137"/>
      <c r="AW611" s="144"/>
    </row>
    <row r="612" spans="2:49" x14ac:dyDescent="0.2">
      <c r="B612" s="97"/>
      <c r="G612" s="43"/>
      <c r="J612" s="98"/>
      <c r="K612" s="97"/>
      <c r="N612" s="3"/>
      <c r="W612" s="98"/>
      <c r="Z612" s="143"/>
      <c r="AA612" s="137"/>
      <c r="AB612" s="137"/>
      <c r="AC612" s="137"/>
      <c r="AD612" s="137"/>
      <c r="AE612" s="137"/>
      <c r="AF612" s="137"/>
      <c r="AG612" s="137"/>
      <c r="AH612" s="137"/>
      <c r="AI612" s="137"/>
      <c r="AJ612" s="137"/>
      <c r="AK612" s="206"/>
      <c r="AL612" s="206"/>
      <c r="AM612" s="143"/>
      <c r="AN612" s="137"/>
      <c r="AO612" s="137"/>
      <c r="AP612" s="137"/>
      <c r="AQ612" s="137"/>
      <c r="AR612" s="137"/>
      <c r="AS612" s="137"/>
      <c r="AT612" s="137"/>
      <c r="AU612" s="137"/>
      <c r="AV612" s="137"/>
      <c r="AW612" s="144"/>
    </row>
    <row r="613" spans="2:49" x14ac:dyDescent="0.2">
      <c r="B613" s="97"/>
      <c r="G613" s="43"/>
      <c r="J613" s="98"/>
      <c r="K613" s="97"/>
      <c r="N613" s="3"/>
      <c r="W613" s="98"/>
      <c r="Z613" s="143"/>
      <c r="AA613" s="137"/>
      <c r="AB613" s="137"/>
      <c r="AC613" s="137"/>
      <c r="AD613" s="137"/>
      <c r="AE613" s="137"/>
      <c r="AF613" s="137"/>
      <c r="AG613" s="137"/>
      <c r="AH613" s="137"/>
      <c r="AI613" s="137"/>
      <c r="AJ613" s="137"/>
      <c r="AK613" s="206"/>
      <c r="AL613" s="206"/>
      <c r="AM613" s="143"/>
      <c r="AN613" s="137"/>
      <c r="AO613" s="137"/>
      <c r="AP613" s="137"/>
      <c r="AQ613" s="137"/>
      <c r="AR613" s="137"/>
      <c r="AS613" s="137"/>
      <c r="AT613" s="137"/>
      <c r="AU613" s="137"/>
      <c r="AV613" s="137"/>
      <c r="AW613" s="144"/>
    </row>
    <row r="614" spans="2:49" x14ac:dyDescent="0.2">
      <c r="B614" s="97"/>
      <c r="G614" s="43"/>
      <c r="J614" s="98"/>
      <c r="K614" s="97"/>
      <c r="N614" s="3"/>
      <c r="W614" s="98"/>
      <c r="Z614" s="143"/>
      <c r="AA614" s="137"/>
      <c r="AB614" s="137"/>
      <c r="AC614" s="137"/>
      <c r="AD614" s="137"/>
      <c r="AE614" s="137"/>
      <c r="AF614" s="137"/>
      <c r="AG614" s="137"/>
      <c r="AH614" s="137"/>
      <c r="AI614" s="137"/>
      <c r="AJ614" s="137"/>
      <c r="AK614" s="206"/>
      <c r="AL614" s="206"/>
      <c r="AM614" s="143"/>
      <c r="AN614" s="137"/>
      <c r="AO614" s="137"/>
      <c r="AP614" s="137"/>
      <c r="AQ614" s="137"/>
      <c r="AR614" s="137"/>
      <c r="AS614" s="137"/>
      <c r="AT614" s="137"/>
      <c r="AU614" s="137"/>
      <c r="AV614" s="137"/>
      <c r="AW614" s="144"/>
    </row>
    <row r="615" spans="2:49" x14ac:dyDescent="0.2">
      <c r="B615" s="97"/>
      <c r="G615" s="43"/>
      <c r="J615" s="98"/>
      <c r="K615" s="97"/>
      <c r="N615" s="3"/>
      <c r="W615" s="98"/>
      <c r="Z615" s="143"/>
      <c r="AA615" s="137"/>
      <c r="AB615" s="137"/>
      <c r="AC615" s="137"/>
      <c r="AD615" s="137"/>
      <c r="AE615" s="137"/>
      <c r="AF615" s="137"/>
      <c r="AG615" s="137"/>
      <c r="AH615" s="137"/>
      <c r="AI615" s="137"/>
      <c r="AJ615" s="137"/>
      <c r="AK615" s="206"/>
      <c r="AL615" s="206"/>
      <c r="AM615" s="143"/>
      <c r="AN615" s="137"/>
      <c r="AO615" s="137"/>
      <c r="AP615" s="137"/>
      <c r="AQ615" s="137"/>
      <c r="AR615" s="137"/>
      <c r="AS615" s="137"/>
      <c r="AT615" s="137"/>
      <c r="AU615" s="137"/>
      <c r="AV615" s="137"/>
      <c r="AW615" s="144"/>
    </row>
    <row r="616" spans="2:49" x14ac:dyDescent="0.2">
      <c r="B616" s="97"/>
      <c r="G616" s="43"/>
      <c r="J616" s="98"/>
      <c r="K616" s="97"/>
      <c r="N616" s="3"/>
      <c r="W616" s="98"/>
      <c r="Z616" s="143"/>
      <c r="AA616" s="137"/>
      <c r="AB616" s="137"/>
      <c r="AC616" s="137"/>
      <c r="AD616" s="137"/>
      <c r="AE616" s="137"/>
      <c r="AF616" s="137"/>
      <c r="AG616" s="137"/>
      <c r="AH616" s="137"/>
      <c r="AI616" s="137"/>
      <c r="AJ616" s="137"/>
      <c r="AK616" s="206"/>
      <c r="AL616" s="206"/>
      <c r="AM616" s="143"/>
      <c r="AN616" s="137"/>
      <c r="AO616" s="137"/>
      <c r="AP616" s="137"/>
      <c r="AQ616" s="137"/>
      <c r="AR616" s="137"/>
      <c r="AS616" s="137"/>
      <c r="AT616" s="137"/>
      <c r="AU616" s="137"/>
      <c r="AV616" s="137"/>
      <c r="AW616" s="144"/>
    </row>
    <row r="617" spans="2:49" x14ac:dyDescent="0.2">
      <c r="B617" s="97"/>
      <c r="G617" s="43"/>
      <c r="J617" s="98"/>
      <c r="K617" s="97"/>
      <c r="N617" s="3"/>
      <c r="W617" s="98"/>
      <c r="Z617" s="143"/>
      <c r="AA617" s="137"/>
      <c r="AB617" s="137"/>
      <c r="AC617" s="137"/>
      <c r="AD617" s="137"/>
      <c r="AE617" s="137"/>
      <c r="AF617" s="137"/>
      <c r="AG617" s="137"/>
      <c r="AH617" s="137"/>
      <c r="AI617" s="137"/>
      <c r="AJ617" s="137"/>
      <c r="AK617" s="206"/>
      <c r="AL617" s="206"/>
      <c r="AM617" s="143"/>
      <c r="AN617" s="137"/>
      <c r="AO617" s="137"/>
      <c r="AP617" s="137"/>
      <c r="AQ617" s="137"/>
      <c r="AR617" s="137"/>
      <c r="AS617" s="137"/>
      <c r="AT617" s="137"/>
      <c r="AU617" s="137"/>
      <c r="AV617" s="137"/>
      <c r="AW617" s="144"/>
    </row>
    <row r="618" spans="2:49" x14ac:dyDescent="0.2">
      <c r="B618" s="97"/>
      <c r="G618" s="43"/>
      <c r="J618" s="98"/>
      <c r="K618" s="97"/>
      <c r="N618" s="3"/>
      <c r="W618" s="98"/>
      <c r="Z618" s="143"/>
      <c r="AA618" s="137"/>
      <c r="AB618" s="137"/>
      <c r="AC618" s="137"/>
      <c r="AD618" s="137"/>
      <c r="AE618" s="137"/>
      <c r="AF618" s="137"/>
      <c r="AG618" s="137"/>
      <c r="AH618" s="137"/>
      <c r="AI618" s="137"/>
      <c r="AJ618" s="137"/>
      <c r="AK618" s="206"/>
      <c r="AL618" s="206"/>
      <c r="AM618" s="143"/>
      <c r="AN618" s="137"/>
      <c r="AO618" s="137"/>
      <c r="AP618" s="137"/>
      <c r="AQ618" s="137"/>
      <c r="AR618" s="137"/>
      <c r="AS618" s="137"/>
      <c r="AT618" s="137"/>
      <c r="AU618" s="137"/>
      <c r="AV618" s="137"/>
      <c r="AW618" s="144"/>
    </row>
    <row r="619" spans="2:49" x14ac:dyDescent="0.2">
      <c r="B619" s="97"/>
      <c r="G619" s="43"/>
      <c r="J619" s="98"/>
      <c r="K619" s="97"/>
      <c r="N619" s="3"/>
      <c r="W619" s="98"/>
      <c r="Z619" s="143"/>
      <c r="AA619" s="137"/>
      <c r="AB619" s="137"/>
      <c r="AC619" s="137"/>
      <c r="AD619" s="137"/>
      <c r="AE619" s="137"/>
      <c r="AF619" s="137"/>
      <c r="AG619" s="137"/>
      <c r="AH619" s="137"/>
      <c r="AI619" s="137"/>
      <c r="AJ619" s="137"/>
      <c r="AK619" s="206"/>
      <c r="AL619" s="206"/>
      <c r="AM619" s="143"/>
      <c r="AN619" s="137"/>
      <c r="AO619" s="137"/>
      <c r="AP619" s="137"/>
      <c r="AQ619" s="137"/>
      <c r="AR619" s="137"/>
      <c r="AS619" s="137"/>
      <c r="AT619" s="137"/>
      <c r="AU619" s="137"/>
      <c r="AV619" s="137"/>
      <c r="AW619" s="144"/>
    </row>
    <row r="620" spans="2:49" x14ac:dyDescent="0.2">
      <c r="B620" s="97"/>
      <c r="G620" s="43"/>
      <c r="J620" s="98"/>
      <c r="K620" s="97"/>
      <c r="N620" s="3"/>
      <c r="W620" s="98"/>
      <c r="Z620" s="143"/>
      <c r="AA620" s="137"/>
      <c r="AB620" s="137"/>
      <c r="AC620" s="137"/>
      <c r="AD620" s="137"/>
      <c r="AE620" s="137"/>
      <c r="AF620" s="137"/>
      <c r="AG620" s="137"/>
      <c r="AH620" s="137"/>
      <c r="AI620" s="137"/>
      <c r="AJ620" s="137"/>
      <c r="AK620" s="206"/>
      <c r="AL620" s="206"/>
      <c r="AM620" s="143"/>
      <c r="AN620" s="137"/>
      <c r="AO620" s="137"/>
      <c r="AP620" s="137"/>
      <c r="AQ620" s="137"/>
      <c r="AR620" s="137"/>
      <c r="AS620" s="137"/>
      <c r="AT620" s="137"/>
      <c r="AU620" s="137"/>
      <c r="AV620" s="137"/>
      <c r="AW620" s="144"/>
    </row>
    <row r="621" spans="2:49" x14ac:dyDescent="0.2">
      <c r="B621" s="97"/>
      <c r="G621" s="43"/>
      <c r="J621" s="98"/>
      <c r="K621" s="97"/>
      <c r="N621" s="3"/>
      <c r="W621" s="98"/>
      <c r="Z621" s="143"/>
      <c r="AA621" s="137"/>
      <c r="AB621" s="137"/>
      <c r="AC621" s="137"/>
      <c r="AD621" s="137"/>
      <c r="AE621" s="137"/>
      <c r="AF621" s="137"/>
      <c r="AG621" s="137"/>
      <c r="AH621" s="137"/>
      <c r="AI621" s="137"/>
      <c r="AJ621" s="137"/>
      <c r="AK621" s="206"/>
      <c r="AL621" s="206"/>
      <c r="AM621" s="143"/>
      <c r="AN621" s="137"/>
      <c r="AO621" s="137"/>
      <c r="AP621" s="137"/>
      <c r="AQ621" s="137"/>
      <c r="AR621" s="137"/>
      <c r="AS621" s="137"/>
      <c r="AT621" s="137"/>
      <c r="AU621" s="137"/>
      <c r="AV621" s="137"/>
      <c r="AW621" s="144"/>
    </row>
    <row r="622" spans="2:49" x14ac:dyDescent="0.2">
      <c r="B622" s="97"/>
      <c r="G622" s="43"/>
      <c r="J622" s="98"/>
      <c r="K622" s="97"/>
      <c r="N622" s="3"/>
      <c r="W622" s="98"/>
      <c r="Z622" s="143"/>
      <c r="AA622" s="137"/>
      <c r="AB622" s="137"/>
      <c r="AC622" s="137"/>
      <c r="AD622" s="137"/>
      <c r="AE622" s="137"/>
      <c r="AF622" s="137"/>
      <c r="AG622" s="137"/>
      <c r="AH622" s="137"/>
      <c r="AI622" s="137"/>
      <c r="AJ622" s="137"/>
      <c r="AK622" s="206"/>
      <c r="AL622" s="206"/>
      <c r="AM622" s="143"/>
      <c r="AN622" s="137"/>
      <c r="AO622" s="137"/>
      <c r="AP622" s="137"/>
      <c r="AQ622" s="137"/>
      <c r="AR622" s="137"/>
      <c r="AS622" s="137"/>
      <c r="AT622" s="137"/>
      <c r="AU622" s="137"/>
      <c r="AV622" s="137"/>
      <c r="AW622" s="144"/>
    </row>
    <row r="623" spans="2:49" x14ac:dyDescent="0.2">
      <c r="B623" s="97"/>
      <c r="G623" s="43"/>
      <c r="J623" s="98"/>
      <c r="K623" s="97"/>
      <c r="N623" s="3"/>
      <c r="W623" s="98"/>
      <c r="Z623" s="143"/>
      <c r="AA623" s="137"/>
      <c r="AB623" s="137"/>
      <c r="AC623" s="137"/>
      <c r="AD623" s="137"/>
      <c r="AE623" s="137"/>
      <c r="AF623" s="137"/>
      <c r="AG623" s="137"/>
      <c r="AH623" s="137"/>
      <c r="AI623" s="137"/>
      <c r="AJ623" s="137"/>
      <c r="AK623" s="206"/>
      <c r="AL623" s="206"/>
      <c r="AM623" s="143"/>
      <c r="AN623" s="137"/>
      <c r="AO623" s="137"/>
      <c r="AP623" s="137"/>
      <c r="AQ623" s="137"/>
      <c r="AR623" s="137"/>
      <c r="AS623" s="137"/>
      <c r="AT623" s="137"/>
      <c r="AU623" s="137"/>
      <c r="AV623" s="137"/>
      <c r="AW623" s="144"/>
    </row>
    <row r="624" spans="2:49" x14ac:dyDescent="0.2">
      <c r="B624" s="97"/>
      <c r="G624" s="43"/>
      <c r="J624" s="98"/>
      <c r="K624" s="97"/>
      <c r="N624" s="3"/>
      <c r="W624" s="98"/>
      <c r="Z624" s="143"/>
      <c r="AA624" s="137"/>
      <c r="AB624" s="137"/>
      <c r="AC624" s="137"/>
      <c r="AD624" s="137"/>
      <c r="AE624" s="137"/>
      <c r="AF624" s="137"/>
      <c r="AG624" s="137"/>
      <c r="AH624" s="137"/>
      <c r="AI624" s="137"/>
      <c r="AJ624" s="137"/>
      <c r="AK624" s="206"/>
      <c r="AL624" s="206"/>
      <c r="AM624" s="143"/>
      <c r="AN624" s="137"/>
      <c r="AO624" s="137"/>
      <c r="AP624" s="137"/>
      <c r="AQ624" s="137"/>
      <c r="AR624" s="137"/>
      <c r="AS624" s="137"/>
      <c r="AT624" s="137"/>
      <c r="AU624" s="137"/>
      <c r="AV624" s="137"/>
      <c r="AW624" s="144"/>
    </row>
    <row r="625" spans="2:49" x14ac:dyDescent="0.2">
      <c r="B625" s="97"/>
      <c r="G625" s="43"/>
      <c r="J625" s="98"/>
      <c r="K625" s="97"/>
      <c r="N625" s="3"/>
      <c r="W625" s="98"/>
      <c r="Z625" s="143"/>
      <c r="AA625" s="137"/>
      <c r="AB625" s="137"/>
      <c r="AC625" s="137"/>
      <c r="AD625" s="137"/>
      <c r="AE625" s="137"/>
      <c r="AF625" s="137"/>
      <c r="AG625" s="137"/>
      <c r="AH625" s="137"/>
      <c r="AI625" s="137"/>
      <c r="AJ625" s="137"/>
      <c r="AK625" s="206"/>
      <c r="AL625" s="206"/>
      <c r="AM625" s="143"/>
      <c r="AN625" s="137"/>
      <c r="AO625" s="137"/>
      <c r="AP625" s="137"/>
      <c r="AQ625" s="137"/>
      <c r="AR625" s="137"/>
      <c r="AS625" s="137"/>
      <c r="AT625" s="137"/>
      <c r="AU625" s="137"/>
      <c r="AV625" s="137"/>
      <c r="AW625" s="144"/>
    </row>
    <row r="626" spans="2:49" x14ac:dyDescent="0.2">
      <c r="B626" s="97"/>
      <c r="G626" s="43"/>
      <c r="J626" s="98"/>
      <c r="K626" s="97"/>
      <c r="N626" s="3"/>
      <c r="W626" s="98"/>
      <c r="Z626" s="143"/>
      <c r="AA626" s="137"/>
      <c r="AB626" s="137"/>
      <c r="AC626" s="137"/>
      <c r="AD626" s="137"/>
      <c r="AE626" s="137"/>
      <c r="AF626" s="137"/>
      <c r="AG626" s="137"/>
      <c r="AH626" s="137"/>
      <c r="AI626" s="137"/>
      <c r="AJ626" s="137"/>
      <c r="AK626" s="206"/>
      <c r="AL626" s="206"/>
      <c r="AM626" s="143"/>
      <c r="AN626" s="137"/>
      <c r="AO626" s="137"/>
      <c r="AP626" s="137"/>
      <c r="AQ626" s="137"/>
      <c r="AR626" s="137"/>
      <c r="AS626" s="137"/>
      <c r="AT626" s="137"/>
      <c r="AU626" s="137"/>
      <c r="AV626" s="137"/>
      <c r="AW626" s="144"/>
    </row>
    <row r="627" spans="2:49" x14ac:dyDescent="0.2">
      <c r="B627" s="97"/>
      <c r="G627" s="43"/>
      <c r="J627" s="98"/>
      <c r="K627" s="97"/>
      <c r="N627" s="3"/>
      <c r="W627" s="98"/>
      <c r="Z627" s="143"/>
      <c r="AA627" s="137"/>
      <c r="AB627" s="137"/>
      <c r="AC627" s="137"/>
      <c r="AD627" s="137"/>
      <c r="AE627" s="137"/>
      <c r="AF627" s="137"/>
      <c r="AG627" s="137"/>
      <c r="AH627" s="137"/>
      <c r="AI627" s="137"/>
      <c r="AJ627" s="137"/>
      <c r="AK627" s="206"/>
      <c r="AL627" s="206"/>
      <c r="AM627" s="143"/>
      <c r="AN627" s="137"/>
      <c r="AO627" s="137"/>
      <c r="AP627" s="137"/>
      <c r="AQ627" s="137"/>
      <c r="AR627" s="137"/>
      <c r="AS627" s="137"/>
      <c r="AT627" s="137"/>
      <c r="AU627" s="137"/>
      <c r="AV627" s="137"/>
      <c r="AW627" s="144"/>
    </row>
    <row r="628" spans="2:49" x14ac:dyDescent="0.2">
      <c r="B628" s="97"/>
      <c r="G628" s="43"/>
      <c r="J628" s="98"/>
      <c r="K628" s="97"/>
      <c r="N628" s="3"/>
      <c r="W628" s="98"/>
      <c r="Z628" s="143"/>
      <c r="AA628" s="137"/>
      <c r="AB628" s="137"/>
      <c r="AC628" s="137"/>
      <c r="AD628" s="137"/>
      <c r="AE628" s="137"/>
      <c r="AF628" s="137"/>
      <c r="AG628" s="137"/>
      <c r="AH628" s="137"/>
      <c r="AI628" s="137"/>
      <c r="AJ628" s="137"/>
      <c r="AK628" s="206"/>
      <c r="AL628" s="206"/>
      <c r="AM628" s="143"/>
      <c r="AN628" s="137"/>
      <c r="AO628" s="137"/>
      <c r="AP628" s="137"/>
      <c r="AQ628" s="137"/>
      <c r="AR628" s="137"/>
      <c r="AS628" s="137"/>
      <c r="AT628" s="137"/>
      <c r="AU628" s="137"/>
      <c r="AV628" s="137"/>
      <c r="AW628" s="144"/>
    </row>
    <row r="629" spans="2:49" x14ac:dyDescent="0.2">
      <c r="B629" s="97"/>
      <c r="G629" s="43"/>
      <c r="J629" s="98"/>
      <c r="K629" s="97"/>
      <c r="N629" s="3"/>
      <c r="W629" s="98"/>
      <c r="Z629" s="143"/>
      <c r="AA629" s="137"/>
      <c r="AB629" s="137"/>
      <c r="AC629" s="137"/>
      <c r="AD629" s="137"/>
      <c r="AE629" s="137"/>
      <c r="AF629" s="137"/>
      <c r="AG629" s="137"/>
      <c r="AH629" s="137"/>
      <c r="AI629" s="137"/>
      <c r="AJ629" s="137"/>
      <c r="AK629" s="206"/>
      <c r="AL629" s="206"/>
      <c r="AM629" s="143"/>
      <c r="AN629" s="137"/>
      <c r="AO629" s="137"/>
      <c r="AP629" s="137"/>
      <c r="AQ629" s="137"/>
      <c r="AR629" s="137"/>
      <c r="AS629" s="137"/>
      <c r="AT629" s="137"/>
      <c r="AU629" s="137"/>
      <c r="AV629" s="137"/>
      <c r="AW629" s="144"/>
    </row>
    <row r="630" spans="2:49" x14ac:dyDescent="0.2">
      <c r="B630" s="97"/>
      <c r="G630" s="43"/>
      <c r="J630" s="98"/>
      <c r="K630" s="97"/>
      <c r="N630" s="3"/>
      <c r="W630" s="98"/>
      <c r="Z630" s="143"/>
      <c r="AA630" s="137"/>
      <c r="AB630" s="137"/>
      <c r="AC630" s="137"/>
      <c r="AD630" s="137"/>
      <c r="AE630" s="137"/>
      <c r="AF630" s="137"/>
      <c r="AG630" s="137"/>
      <c r="AH630" s="137"/>
      <c r="AI630" s="137"/>
      <c r="AJ630" s="137"/>
      <c r="AK630" s="206"/>
      <c r="AL630" s="206"/>
      <c r="AM630" s="143"/>
      <c r="AN630" s="137"/>
      <c r="AO630" s="137"/>
      <c r="AP630" s="137"/>
      <c r="AQ630" s="137"/>
      <c r="AR630" s="137"/>
      <c r="AS630" s="137"/>
      <c r="AT630" s="137"/>
      <c r="AU630" s="137"/>
      <c r="AV630" s="137"/>
      <c r="AW630" s="144"/>
    </row>
    <row r="631" spans="2:49" x14ac:dyDescent="0.2">
      <c r="B631" s="97"/>
      <c r="G631" s="43"/>
      <c r="J631" s="98"/>
      <c r="K631" s="97"/>
      <c r="N631" s="3"/>
      <c r="W631" s="98"/>
      <c r="Z631" s="143"/>
      <c r="AA631" s="137"/>
      <c r="AB631" s="137"/>
      <c r="AC631" s="137"/>
      <c r="AD631" s="137"/>
      <c r="AE631" s="137"/>
      <c r="AF631" s="137"/>
      <c r="AG631" s="137"/>
      <c r="AH631" s="137"/>
      <c r="AI631" s="137"/>
      <c r="AJ631" s="137"/>
      <c r="AK631" s="206"/>
      <c r="AL631" s="206"/>
      <c r="AM631" s="143"/>
      <c r="AN631" s="137"/>
      <c r="AO631" s="137"/>
      <c r="AP631" s="137"/>
      <c r="AQ631" s="137"/>
      <c r="AR631" s="137"/>
      <c r="AS631" s="137"/>
      <c r="AT631" s="137"/>
      <c r="AU631" s="137"/>
      <c r="AV631" s="137"/>
      <c r="AW631" s="144"/>
    </row>
    <row r="632" spans="2:49" x14ac:dyDescent="0.2">
      <c r="B632" s="97"/>
      <c r="G632" s="43"/>
      <c r="J632" s="98"/>
      <c r="K632" s="97"/>
      <c r="N632" s="3"/>
      <c r="W632" s="98"/>
      <c r="Z632" s="143"/>
      <c r="AA632" s="137"/>
      <c r="AB632" s="137"/>
      <c r="AC632" s="137"/>
      <c r="AD632" s="137"/>
      <c r="AE632" s="137"/>
      <c r="AF632" s="137"/>
      <c r="AG632" s="137"/>
      <c r="AH632" s="137"/>
      <c r="AI632" s="137"/>
      <c r="AJ632" s="137"/>
      <c r="AK632" s="206"/>
      <c r="AL632" s="206"/>
      <c r="AM632" s="143"/>
      <c r="AN632" s="137"/>
      <c r="AO632" s="137"/>
      <c r="AP632" s="137"/>
      <c r="AQ632" s="137"/>
      <c r="AR632" s="137"/>
      <c r="AS632" s="137"/>
      <c r="AT632" s="137"/>
      <c r="AU632" s="137"/>
      <c r="AV632" s="137"/>
      <c r="AW632" s="144"/>
    </row>
    <row r="633" spans="2:49" x14ac:dyDescent="0.2">
      <c r="B633" s="97"/>
      <c r="G633" s="43"/>
      <c r="J633" s="98"/>
      <c r="K633" s="97"/>
      <c r="N633" s="3"/>
      <c r="W633" s="98"/>
      <c r="Z633" s="143"/>
      <c r="AA633" s="137"/>
      <c r="AB633" s="137"/>
      <c r="AC633" s="137"/>
      <c r="AD633" s="137"/>
      <c r="AE633" s="137"/>
      <c r="AF633" s="137"/>
      <c r="AG633" s="137"/>
      <c r="AH633" s="137"/>
      <c r="AI633" s="137"/>
      <c r="AJ633" s="137"/>
      <c r="AK633" s="206"/>
      <c r="AL633" s="206"/>
      <c r="AM633" s="143"/>
      <c r="AN633" s="137"/>
      <c r="AO633" s="137"/>
      <c r="AP633" s="137"/>
      <c r="AQ633" s="137"/>
      <c r="AR633" s="137"/>
      <c r="AS633" s="137"/>
      <c r="AT633" s="137"/>
      <c r="AU633" s="137"/>
      <c r="AV633" s="137"/>
      <c r="AW633" s="144"/>
    </row>
    <row r="634" spans="2:49" x14ac:dyDescent="0.2">
      <c r="B634" s="97"/>
      <c r="G634" s="43"/>
      <c r="J634" s="98"/>
      <c r="K634" s="97"/>
      <c r="N634" s="3"/>
      <c r="W634" s="98"/>
      <c r="Z634" s="143"/>
      <c r="AA634" s="137"/>
      <c r="AB634" s="137"/>
      <c r="AC634" s="137"/>
      <c r="AD634" s="137"/>
      <c r="AE634" s="137"/>
      <c r="AF634" s="137"/>
      <c r="AG634" s="137"/>
      <c r="AH634" s="137"/>
      <c r="AI634" s="137"/>
      <c r="AJ634" s="137"/>
      <c r="AK634" s="206"/>
      <c r="AL634" s="206"/>
      <c r="AM634" s="143"/>
      <c r="AN634" s="137"/>
      <c r="AO634" s="137"/>
      <c r="AP634" s="137"/>
      <c r="AQ634" s="137"/>
      <c r="AR634" s="137"/>
      <c r="AS634" s="137"/>
      <c r="AT634" s="137"/>
      <c r="AU634" s="137"/>
      <c r="AV634" s="137"/>
      <c r="AW634" s="144"/>
    </row>
    <row r="635" spans="2:49" x14ac:dyDescent="0.2">
      <c r="B635" s="97"/>
      <c r="G635" s="43"/>
      <c r="J635" s="98"/>
      <c r="K635" s="97"/>
      <c r="N635" s="3"/>
      <c r="W635" s="98"/>
      <c r="Z635" s="143"/>
      <c r="AA635" s="137"/>
      <c r="AB635" s="137"/>
      <c r="AC635" s="137"/>
      <c r="AD635" s="137"/>
      <c r="AE635" s="137"/>
      <c r="AF635" s="137"/>
      <c r="AG635" s="137"/>
      <c r="AH635" s="137"/>
      <c r="AI635" s="137"/>
      <c r="AJ635" s="137"/>
      <c r="AK635" s="206"/>
      <c r="AL635" s="206"/>
      <c r="AM635" s="143"/>
      <c r="AN635" s="137"/>
      <c r="AO635" s="137"/>
      <c r="AP635" s="137"/>
      <c r="AQ635" s="137"/>
      <c r="AR635" s="137"/>
      <c r="AS635" s="137"/>
      <c r="AT635" s="137"/>
      <c r="AU635" s="137"/>
      <c r="AV635" s="137"/>
      <c r="AW635" s="144"/>
    </row>
    <row r="636" spans="2:49" x14ac:dyDescent="0.2">
      <c r="B636" s="97"/>
      <c r="G636" s="43"/>
      <c r="J636" s="98"/>
      <c r="K636" s="97"/>
      <c r="N636" s="3"/>
      <c r="W636" s="98"/>
      <c r="Z636" s="143"/>
      <c r="AA636" s="137"/>
      <c r="AB636" s="137"/>
      <c r="AC636" s="137"/>
      <c r="AD636" s="137"/>
      <c r="AE636" s="137"/>
      <c r="AF636" s="137"/>
      <c r="AG636" s="137"/>
      <c r="AH636" s="137"/>
      <c r="AI636" s="137"/>
      <c r="AJ636" s="137"/>
      <c r="AK636" s="206"/>
      <c r="AL636" s="206"/>
      <c r="AM636" s="143"/>
      <c r="AN636" s="137"/>
      <c r="AO636" s="137"/>
      <c r="AP636" s="137"/>
      <c r="AQ636" s="137"/>
      <c r="AR636" s="137"/>
      <c r="AS636" s="137"/>
      <c r="AT636" s="137"/>
      <c r="AU636" s="137"/>
      <c r="AV636" s="137"/>
      <c r="AW636" s="144"/>
    </row>
    <row r="637" spans="2:49" x14ac:dyDescent="0.2">
      <c r="B637" s="97"/>
      <c r="G637" s="43"/>
      <c r="J637" s="98"/>
      <c r="K637" s="97"/>
      <c r="N637" s="3"/>
      <c r="W637" s="98"/>
      <c r="Z637" s="143"/>
      <c r="AA637" s="137"/>
      <c r="AB637" s="137"/>
      <c r="AC637" s="137"/>
      <c r="AD637" s="137"/>
      <c r="AE637" s="137"/>
      <c r="AF637" s="137"/>
      <c r="AG637" s="137"/>
      <c r="AH637" s="137"/>
      <c r="AI637" s="137"/>
      <c r="AJ637" s="137"/>
      <c r="AK637" s="206"/>
      <c r="AL637" s="206"/>
      <c r="AM637" s="143"/>
      <c r="AN637" s="137"/>
      <c r="AO637" s="137"/>
      <c r="AP637" s="137"/>
      <c r="AQ637" s="137"/>
      <c r="AR637" s="137"/>
      <c r="AS637" s="137"/>
      <c r="AT637" s="137"/>
      <c r="AU637" s="137"/>
      <c r="AV637" s="137"/>
      <c r="AW637" s="144"/>
    </row>
    <row r="638" spans="2:49" x14ac:dyDescent="0.2">
      <c r="B638" s="97"/>
      <c r="G638" s="43"/>
      <c r="J638" s="98"/>
      <c r="K638" s="97"/>
      <c r="N638" s="3"/>
      <c r="W638" s="98"/>
      <c r="Z638" s="143"/>
      <c r="AA638" s="137"/>
      <c r="AB638" s="137"/>
      <c r="AC638" s="137"/>
      <c r="AD638" s="137"/>
      <c r="AE638" s="137"/>
      <c r="AF638" s="137"/>
      <c r="AG638" s="137"/>
      <c r="AH638" s="137"/>
      <c r="AI638" s="137"/>
      <c r="AJ638" s="137"/>
      <c r="AK638" s="206"/>
      <c r="AL638" s="206"/>
      <c r="AM638" s="143"/>
      <c r="AN638" s="137"/>
      <c r="AO638" s="137"/>
      <c r="AP638" s="137"/>
      <c r="AQ638" s="137"/>
      <c r="AR638" s="137"/>
      <c r="AS638" s="137"/>
      <c r="AT638" s="137"/>
      <c r="AU638" s="137"/>
      <c r="AV638" s="137"/>
      <c r="AW638" s="144"/>
    </row>
    <row r="639" spans="2:49" x14ac:dyDescent="0.2">
      <c r="B639" s="97"/>
      <c r="G639" s="43"/>
      <c r="J639" s="98"/>
      <c r="K639" s="97"/>
      <c r="N639" s="3"/>
      <c r="W639" s="98"/>
      <c r="Z639" s="143"/>
      <c r="AA639" s="137"/>
      <c r="AB639" s="137"/>
      <c r="AC639" s="137"/>
      <c r="AD639" s="137"/>
      <c r="AE639" s="137"/>
      <c r="AF639" s="137"/>
      <c r="AG639" s="137"/>
      <c r="AH639" s="137"/>
      <c r="AI639" s="137"/>
      <c r="AJ639" s="137"/>
      <c r="AK639" s="206"/>
      <c r="AL639" s="206"/>
      <c r="AM639" s="143"/>
      <c r="AN639" s="137"/>
      <c r="AO639" s="137"/>
      <c r="AP639" s="137"/>
      <c r="AQ639" s="137"/>
      <c r="AR639" s="137"/>
      <c r="AS639" s="137"/>
      <c r="AT639" s="137"/>
      <c r="AU639" s="137"/>
      <c r="AV639" s="137"/>
      <c r="AW639" s="144"/>
    </row>
    <row r="640" spans="2:49" x14ac:dyDescent="0.2">
      <c r="B640" s="97"/>
      <c r="G640" s="43"/>
      <c r="J640" s="98"/>
      <c r="K640" s="97"/>
      <c r="N640" s="3"/>
      <c r="W640" s="98"/>
      <c r="Z640" s="143"/>
      <c r="AA640" s="137"/>
      <c r="AB640" s="137"/>
      <c r="AC640" s="137"/>
      <c r="AD640" s="137"/>
      <c r="AE640" s="137"/>
      <c r="AF640" s="137"/>
      <c r="AG640" s="137"/>
      <c r="AH640" s="137"/>
      <c r="AI640" s="137"/>
      <c r="AJ640" s="137"/>
      <c r="AK640" s="206"/>
      <c r="AL640" s="206"/>
      <c r="AM640" s="143"/>
      <c r="AN640" s="137"/>
      <c r="AO640" s="137"/>
      <c r="AP640" s="137"/>
      <c r="AQ640" s="137"/>
      <c r="AR640" s="137"/>
      <c r="AS640" s="137"/>
      <c r="AT640" s="137"/>
      <c r="AU640" s="137"/>
      <c r="AV640" s="137"/>
      <c r="AW640" s="144"/>
    </row>
    <row r="641" spans="2:49" x14ac:dyDescent="0.2">
      <c r="B641" s="97"/>
      <c r="G641" s="43"/>
      <c r="J641" s="98"/>
      <c r="K641" s="97"/>
      <c r="N641" s="3"/>
      <c r="W641" s="98"/>
      <c r="Z641" s="143"/>
      <c r="AA641" s="137"/>
      <c r="AB641" s="137"/>
      <c r="AC641" s="137"/>
      <c r="AD641" s="137"/>
      <c r="AE641" s="137"/>
      <c r="AF641" s="137"/>
      <c r="AG641" s="137"/>
      <c r="AH641" s="137"/>
      <c r="AI641" s="137"/>
      <c r="AJ641" s="137"/>
      <c r="AK641" s="206"/>
      <c r="AL641" s="206"/>
      <c r="AM641" s="143"/>
      <c r="AN641" s="137"/>
      <c r="AO641" s="137"/>
      <c r="AP641" s="137"/>
      <c r="AQ641" s="137"/>
      <c r="AR641" s="137"/>
      <c r="AS641" s="137"/>
      <c r="AT641" s="137"/>
      <c r="AU641" s="137"/>
      <c r="AV641" s="137"/>
      <c r="AW641" s="144"/>
    </row>
    <row r="642" spans="2:49" x14ac:dyDescent="0.2">
      <c r="B642" s="97"/>
      <c r="G642" s="43"/>
      <c r="J642" s="98"/>
      <c r="K642" s="97"/>
      <c r="N642" s="3"/>
      <c r="W642" s="98"/>
      <c r="Z642" s="143"/>
      <c r="AA642" s="137"/>
      <c r="AB642" s="137"/>
      <c r="AC642" s="137"/>
      <c r="AD642" s="137"/>
      <c r="AE642" s="137"/>
      <c r="AF642" s="137"/>
      <c r="AG642" s="137"/>
      <c r="AH642" s="137"/>
      <c r="AI642" s="137"/>
      <c r="AJ642" s="137"/>
      <c r="AK642" s="206"/>
      <c r="AL642" s="206"/>
      <c r="AM642" s="143"/>
      <c r="AN642" s="137"/>
      <c r="AO642" s="137"/>
      <c r="AP642" s="137"/>
      <c r="AQ642" s="137"/>
      <c r="AR642" s="137"/>
      <c r="AS642" s="137"/>
      <c r="AT642" s="137"/>
      <c r="AU642" s="137"/>
      <c r="AV642" s="137"/>
      <c r="AW642" s="144"/>
    </row>
    <row r="643" spans="2:49" x14ac:dyDescent="0.2">
      <c r="B643" s="97"/>
      <c r="G643" s="43"/>
      <c r="J643" s="98"/>
      <c r="K643" s="97"/>
      <c r="N643" s="3"/>
      <c r="W643" s="98"/>
      <c r="Z643" s="143"/>
      <c r="AA643" s="137"/>
      <c r="AB643" s="137"/>
      <c r="AC643" s="137"/>
      <c r="AD643" s="137"/>
      <c r="AE643" s="137"/>
      <c r="AF643" s="137"/>
      <c r="AG643" s="137"/>
      <c r="AH643" s="137"/>
      <c r="AI643" s="137"/>
      <c r="AJ643" s="137"/>
      <c r="AK643" s="206"/>
      <c r="AL643" s="206"/>
      <c r="AM643" s="143"/>
      <c r="AN643" s="137"/>
      <c r="AO643" s="137"/>
      <c r="AP643" s="137"/>
      <c r="AQ643" s="137"/>
      <c r="AR643" s="137"/>
      <c r="AS643" s="137"/>
      <c r="AT643" s="137"/>
      <c r="AU643" s="137"/>
      <c r="AV643" s="137"/>
      <c r="AW643" s="144"/>
    </row>
    <row r="644" spans="2:49" x14ac:dyDescent="0.2">
      <c r="B644" s="97"/>
      <c r="G644" s="43"/>
      <c r="J644" s="98"/>
      <c r="K644" s="97"/>
      <c r="N644" s="3"/>
      <c r="W644" s="98"/>
      <c r="Z644" s="143"/>
      <c r="AA644" s="137"/>
      <c r="AB644" s="137"/>
      <c r="AC644" s="137"/>
      <c r="AD644" s="137"/>
      <c r="AE644" s="137"/>
      <c r="AF644" s="137"/>
      <c r="AG644" s="137"/>
      <c r="AH644" s="137"/>
      <c r="AI644" s="137"/>
      <c r="AJ644" s="137"/>
      <c r="AK644" s="206"/>
      <c r="AL644" s="206"/>
      <c r="AM644" s="143"/>
      <c r="AN644" s="137"/>
      <c r="AO644" s="137"/>
      <c r="AP644" s="137"/>
      <c r="AQ644" s="137"/>
      <c r="AR644" s="137"/>
      <c r="AS644" s="137"/>
      <c r="AT644" s="137"/>
      <c r="AU644" s="137"/>
      <c r="AV644" s="137"/>
      <c r="AW644" s="144"/>
    </row>
    <row r="645" spans="2:49" x14ac:dyDescent="0.2">
      <c r="B645" s="97"/>
      <c r="G645" s="43"/>
      <c r="J645" s="98"/>
      <c r="K645" s="97"/>
      <c r="N645" s="3"/>
      <c r="W645" s="98"/>
      <c r="Z645" s="143"/>
      <c r="AA645" s="137"/>
      <c r="AB645" s="137"/>
      <c r="AC645" s="137"/>
      <c r="AD645" s="137"/>
      <c r="AE645" s="137"/>
      <c r="AF645" s="137"/>
      <c r="AG645" s="137"/>
      <c r="AH645" s="137"/>
      <c r="AI645" s="137"/>
      <c r="AJ645" s="137"/>
      <c r="AK645" s="206"/>
      <c r="AL645" s="206"/>
      <c r="AM645" s="143"/>
      <c r="AN645" s="137"/>
      <c r="AO645" s="137"/>
      <c r="AP645" s="137"/>
      <c r="AQ645" s="137"/>
      <c r="AR645" s="137"/>
      <c r="AS645" s="137"/>
      <c r="AT645" s="137"/>
      <c r="AU645" s="137"/>
      <c r="AV645" s="137"/>
      <c r="AW645" s="144"/>
    </row>
    <row r="646" spans="2:49" x14ac:dyDescent="0.2">
      <c r="B646" s="97"/>
      <c r="G646" s="43"/>
      <c r="J646" s="98"/>
      <c r="K646" s="97"/>
      <c r="N646" s="3"/>
      <c r="W646" s="98"/>
      <c r="Z646" s="143"/>
      <c r="AA646" s="137"/>
      <c r="AB646" s="137"/>
      <c r="AC646" s="137"/>
      <c r="AD646" s="137"/>
      <c r="AE646" s="137"/>
      <c r="AF646" s="137"/>
      <c r="AG646" s="137"/>
      <c r="AH646" s="137"/>
      <c r="AI646" s="137"/>
      <c r="AJ646" s="137"/>
      <c r="AK646" s="206"/>
      <c r="AL646" s="206"/>
      <c r="AM646" s="143"/>
      <c r="AN646" s="137"/>
      <c r="AO646" s="137"/>
      <c r="AP646" s="137"/>
      <c r="AQ646" s="137"/>
      <c r="AR646" s="137"/>
      <c r="AS646" s="137"/>
      <c r="AT646" s="137"/>
      <c r="AU646" s="137"/>
      <c r="AV646" s="137"/>
      <c r="AW646" s="144"/>
    </row>
    <row r="647" spans="2:49" x14ac:dyDescent="0.2">
      <c r="B647" s="97"/>
      <c r="G647" s="43"/>
      <c r="J647" s="98"/>
      <c r="K647" s="97"/>
      <c r="N647" s="3"/>
      <c r="W647" s="98"/>
      <c r="Z647" s="143"/>
      <c r="AA647" s="137"/>
      <c r="AB647" s="137"/>
      <c r="AC647" s="137"/>
      <c r="AD647" s="137"/>
      <c r="AE647" s="137"/>
      <c r="AF647" s="137"/>
      <c r="AG647" s="137"/>
      <c r="AH647" s="137"/>
      <c r="AI647" s="137"/>
      <c r="AJ647" s="137"/>
      <c r="AK647" s="206"/>
      <c r="AL647" s="206"/>
      <c r="AM647" s="143"/>
      <c r="AN647" s="137"/>
      <c r="AO647" s="137"/>
      <c r="AP647" s="137"/>
      <c r="AQ647" s="137"/>
      <c r="AR647" s="137"/>
      <c r="AS647" s="137"/>
      <c r="AT647" s="137"/>
      <c r="AU647" s="137"/>
      <c r="AV647" s="137"/>
      <c r="AW647" s="144"/>
    </row>
    <row r="648" spans="2:49" x14ac:dyDescent="0.2">
      <c r="B648" s="97"/>
      <c r="G648" s="43"/>
      <c r="J648" s="98"/>
      <c r="K648" s="97"/>
      <c r="N648" s="3"/>
      <c r="W648" s="98"/>
      <c r="Z648" s="143"/>
      <c r="AA648" s="137"/>
      <c r="AB648" s="137"/>
      <c r="AC648" s="137"/>
      <c r="AD648" s="137"/>
      <c r="AE648" s="137"/>
      <c r="AF648" s="137"/>
      <c r="AG648" s="137"/>
      <c r="AH648" s="137"/>
      <c r="AI648" s="137"/>
      <c r="AJ648" s="137"/>
      <c r="AK648" s="206"/>
      <c r="AL648" s="206"/>
      <c r="AM648" s="143"/>
      <c r="AN648" s="137"/>
      <c r="AO648" s="137"/>
      <c r="AP648" s="137"/>
      <c r="AQ648" s="137"/>
      <c r="AR648" s="137"/>
      <c r="AS648" s="137"/>
      <c r="AT648" s="137"/>
      <c r="AU648" s="137"/>
      <c r="AV648" s="137"/>
      <c r="AW648" s="144"/>
    </row>
    <row r="649" spans="2:49" x14ac:dyDescent="0.2">
      <c r="B649" s="97"/>
      <c r="G649" s="43"/>
      <c r="J649" s="98"/>
      <c r="K649" s="97"/>
      <c r="N649" s="3"/>
      <c r="W649" s="98"/>
      <c r="Z649" s="143"/>
      <c r="AA649" s="137"/>
      <c r="AB649" s="137"/>
      <c r="AC649" s="137"/>
      <c r="AD649" s="137"/>
      <c r="AE649" s="137"/>
      <c r="AF649" s="137"/>
      <c r="AG649" s="137"/>
      <c r="AH649" s="137"/>
      <c r="AI649" s="137"/>
      <c r="AJ649" s="137"/>
      <c r="AK649" s="206"/>
      <c r="AL649" s="206"/>
      <c r="AM649" s="143"/>
      <c r="AN649" s="137"/>
      <c r="AO649" s="137"/>
      <c r="AP649" s="137"/>
      <c r="AQ649" s="137"/>
      <c r="AR649" s="137"/>
      <c r="AS649" s="137"/>
      <c r="AT649" s="137"/>
      <c r="AU649" s="137"/>
      <c r="AV649" s="137"/>
      <c r="AW649" s="144"/>
    </row>
    <row r="650" spans="2:49" x14ac:dyDescent="0.2">
      <c r="B650" s="97"/>
      <c r="G650" s="43"/>
      <c r="J650" s="98"/>
      <c r="K650" s="97"/>
      <c r="N650" s="3"/>
      <c r="W650" s="98"/>
      <c r="Z650" s="143"/>
      <c r="AA650" s="137"/>
      <c r="AB650" s="137"/>
      <c r="AC650" s="137"/>
      <c r="AD650" s="137"/>
      <c r="AE650" s="137"/>
      <c r="AF650" s="137"/>
      <c r="AG650" s="137"/>
      <c r="AH650" s="137"/>
      <c r="AI650" s="137"/>
      <c r="AJ650" s="137"/>
      <c r="AK650" s="206"/>
      <c r="AL650" s="206"/>
      <c r="AM650" s="143"/>
      <c r="AN650" s="137"/>
      <c r="AO650" s="137"/>
      <c r="AP650" s="137"/>
      <c r="AQ650" s="137"/>
      <c r="AR650" s="137"/>
      <c r="AS650" s="137"/>
      <c r="AT650" s="137"/>
      <c r="AU650" s="137"/>
      <c r="AV650" s="137"/>
      <c r="AW650" s="144"/>
    </row>
    <row r="651" spans="2:49" x14ac:dyDescent="0.2">
      <c r="B651" s="97"/>
      <c r="G651" s="43"/>
      <c r="J651" s="98"/>
      <c r="K651" s="97"/>
      <c r="N651" s="3"/>
      <c r="W651" s="98"/>
      <c r="Z651" s="143"/>
      <c r="AA651" s="137"/>
      <c r="AB651" s="137"/>
      <c r="AC651" s="137"/>
      <c r="AD651" s="137"/>
      <c r="AE651" s="137"/>
      <c r="AF651" s="137"/>
      <c r="AG651" s="137"/>
      <c r="AH651" s="137"/>
      <c r="AI651" s="137"/>
      <c r="AJ651" s="137"/>
      <c r="AK651" s="206"/>
      <c r="AL651" s="206"/>
      <c r="AM651" s="143"/>
      <c r="AN651" s="137"/>
      <c r="AO651" s="137"/>
      <c r="AP651" s="137"/>
      <c r="AQ651" s="137"/>
      <c r="AR651" s="137"/>
      <c r="AS651" s="137"/>
      <c r="AT651" s="137"/>
      <c r="AU651" s="137"/>
      <c r="AV651" s="137"/>
      <c r="AW651" s="144"/>
    </row>
    <row r="652" spans="2:49" x14ac:dyDescent="0.2">
      <c r="B652" s="97"/>
      <c r="G652" s="43"/>
      <c r="J652" s="98"/>
      <c r="K652" s="97"/>
      <c r="N652" s="3"/>
      <c r="W652" s="98"/>
      <c r="Z652" s="143"/>
      <c r="AA652" s="137"/>
      <c r="AB652" s="137"/>
      <c r="AC652" s="137"/>
      <c r="AD652" s="137"/>
      <c r="AE652" s="137"/>
      <c r="AF652" s="137"/>
      <c r="AG652" s="137"/>
      <c r="AH652" s="137"/>
      <c r="AI652" s="137"/>
      <c r="AJ652" s="137"/>
      <c r="AK652" s="206"/>
      <c r="AL652" s="206"/>
      <c r="AM652" s="143"/>
      <c r="AN652" s="137"/>
      <c r="AO652" s="137"/>
      <c r="AP652" s="137"/>
      <c r="AQ652" s="137"/>
      <c r="AR652" s="137"/>
      <c r="AS652" s="137"/>
      <c r="AT652" s="137"/>
      <c r="AU652" s="137"/>
      <c r="AV652" s="137"/>
      <c r="AW652" s="144"/>
    </row>
    <row r="653" spans="2:49" x14ac:dyDescent="0.2">
      <c r="B653" s="97"/>
      <c r="G653" s="43"/>
      <c r="J653" s="98"/>
      <c r="K653" s="97"/>
      <c r="N653" s="3"/>
      <c r="W653" s="98"/>
      <c r="Z653" s="143"/>
      <c r="AA653" s="137"/>
      <c r="AB653" s="137"/>
      <c r="AC653" s="137"/>
      <c r="AD653" s="137"/>
      <c r="AE653" s="137"/>
      <c r="AF653" s="137"/>
      <c r="AG653" s="137"/>
      <c r="AH653" s="137"/>
      <c r="AI653" s="137"/>
      <c r="AJ653" s="137"/>
      <c r="AK653" s="206"/>
      <c r="AL653" s="206"/>
      <c r="AM653" s="143"/>
      <c r="AN653" s="137"/>
      <c r="AO653" s="137"/>
      <c r="AP653" s="137"/>
      <c r="AQ653" s="137"/>
      <c r="AR653" s="137"/>
      <c r="AS653" s="137"/>
      <c r="AT653" s="137"/>
      <c r="AU653" s="137"/>
      <c r="AV653" s="137"/>
      <c r="AW653" s="144"/>
    </row>
    <row r="654" spans="2:49" x14ac:dyDescent="0.2">
      <c r="B654" s="97"/>
      <c r="G654" s="43"/>
      <c r="J654" s="98"/>
      <c r="K654" s="97"/>
      <c r="N654" s="3"/>
      <c r="W654" s="98"/>
      <c r="Z654" s="143"/>
      <c r="AA654" s="137"/>
      <c r="AB654" s="137"/>
      <c r="AC654" s="137"/>
      <c r="AD654" s="137"/>
      <c r="AE654" s="137"/>
      <c r="AF654" s="137"/>
      <c r="AG654" s="137"/>
      <c r="AH654" s="137"/>
      <c r="AI654" s="137"/>
      <c r="AJ654" s="137"/>
      <c r="AK654" s="206"/>
      <c r="AL654" s="206"/>
      <c r="AM654" s="143"/>
      <c r="AN654" s="137"/>
      <c r="AO654" s="137"/>
      <c r="AP654" s="137"/>
      <c r="AQ654" s="137"/>
      <c r="AR654" s="137"/>
      <c r="AS654" s="137"/>
      <c r="AT654" s="137"/>
      <c r="AU654" s="137"/>
      <c r="AV654" s="137"/>
      <c r="AW654" s="144"/>
    </row>
    <row r="655" spans="2:49" x14ac:dyDescent="0.2">
      <c r="B655" s="97"/>
      <c r="G655" s="43"/>
      <c r="J655" s="98"/>
      <c r="K655" s="97"/>
      <c r="N655" s="3"/>
      <c r="W655" s="98"/>
      <c r="Z655" s="143"/>
      <c r="AA655" s="137"/>
      <c r="AB655" s="137"/>
      <c r="AC655" s="137"/>
      <c r="AD655" s="137"/>
      <c r="AE655" s="137"/>
      <c r="AF655" s="137"/>
      <c r="AG655" s="137"/>
      <c r="AH655" s="137"/>
      <c r="AI655" s="137"/>
      <c r="AJ655" s="137"/>
      <c r="AK655" s="206"/>
      <c r="AL655" s="206"/>
      <c r="AM655" s="143"/>
      <c r="AN655" s="137"/>
      <c r="AO655" s="137"/>
      <c r="AP655" s="137"/>
      <c r="AQ655" s="137"/>
      <c r="AR655" s="137"/>
      <c r="AS655" s="137"/>
      <c r="AT655" s="137"/>
      <c r="AU655" s="137"/>
      <c r="AV655" s="137"/>
      <c r="AW655" s="144"/>
    </row>
    <row r="656" spans="2:49" x14ac:dyDescent="0.2">
      <c r="B656" s="97"/>
      <c r="G656" s="43"/>
      <c r="J656" s="98"/>
      <c r="K656" s="97"/>
      <c r="N656" s="3"/>
      <c r="W656" s="98"/>
      <c r="Z656" s="143"/>
      <c r="AA656" s="137"/>
      <c r="AB656" s="137"/>
      <c r="AC656" s="137"/>
      <c r="AD656" s="137"/>
      <c r="AE656" s="137"/>
      <c r="AF656" s="137"/>
      <c r="AG656" s="137"/>
      <c r="AH656" s="137"/>
      <c r="AI656" s="137"/>
      <c r="AJ656" s="137"/>
      <c r="AK656" s="206"/>
      <c r="AL656" s="206"/>
      <c r="AM656" s="143"/>
      <c r="AN656" s="137"/>
      <c r="AO656" s="137"/>
      <c r="AP656" s="137"/>
      <c r="AQ656" s="137"/>
      <c r="AR656" s="137"/>
      <c r="AS656" s="137"/>
      <c r="AT656" s="137"/>
      <c r="AU656" s="137"/>
      <c r="AV656" s="137"/>
      <c r="AW656" s="144"/>
    </row>
    <row r="657" spans="2:49" x14ac:dyDescent="0.2">
      <c r="B657" s="97"/>
      <c r="G657" s="43"/>
      <c r="J657" s="98"/>
      <c r="K657" s="97"/>
      <c r="N657" s="3"/>
      <c r="W657" s="98"/>
      <c r="Z657" s="143"/>
      <c r="AA657" s="137"/>
      <c r="AB657" s="137"/>
      <c r="AC657" s="137"/>
      <c r="AD657" s="137"/>
      <c r="AE657" s="137"/>
      <c r="AF657" s="137"/>
      <c r="AG657" s="137"/>
      <c r="AH657" s="137"/>
      <c r="AI657" s="137"/>
      <c r="AJ657" s="137"/>
      <c r="AK657" s="206"/>
      <c r="AL657" s="206"/>
      <c r="AM657" s="143"/>
      <c r="AN657" s="137"/>
      <c r="AO657" s="137"/>
      <c r="AP657" s="137"/>
      <c r="AQ657" s="137"/>
      <c r="AR657" s="137"/>
      <c r="AS657" s="137"/>
      <c r="AT657" s="137"/>
      <c r="AU657" s="137"/>
      <c r="AV657" s="137"/>
      <c r="AW657" s="144"/>
    </row>
    <row r="658" spans="2:49" x14ac:dyDescent="0.2">
      <c r="B658" s="97"/>
      <c r="G658" s="43"/>
      <c r="J658" s="98"/>
      <c r="K658" s="97"/>
      <c r="N658" s="3"/>
      <c r="W658" s="98"/>
      <c r="Z658" s="143"/>
      <c r="AA658" s="137"/>
      <c r="AB658" s="137"/>
      <c r="AC658" s="137"/>
      <c r="AD658" s="137"/>
      <c r="AE658" s="137"/>
      <c r="AF658" s="137"/>
      <c r="AG658" s="137"/>
      <c r="AH658" s="137"/>
      <c r="AI658" s="137"/>
      <c r="AJ658" s="137"/>
      <c r="AK658" s="206"/>
      <c r="AL658" s="206"/>
      <c r="AM658" s="143"/>
      <c r="AN658" s="137"/>
      <c r="AO658" s="137"/>
      <c r="AP658" s="137"/>
      <c r="AQ658" s="137"/>
      <c r="AR658" s="137"/>
      <c r="AS658" s="137"/>
      <c r="AT658" s="137"/>
      <c r="AU658" s="137"/>
      <c r="AV658" s="137"/>
      <c r="AW658" s="144"/>
    </row>
    <row r="659" spans="2:49" x14ac:dyDescent="0.2">
      <c r="B659" s="97"/>
      <c r="G659" s="43"/>
      <c r="J659" s="98"/>
      <c r="K659" s="97"/>
      <c r="N659" s="3"/>
      <c r="W659" s="98"/>
      <c r="Z659" s="143"/>
      <c r="AA659" s="137"/>
      <c r="AB659" s="137"/>
      <c r="AC659" s="137"/>
      <c r="AD659" s="137"/>
      <c r="AE659" s="137"/>
      <c r="AF659" s="137"/>
      <c r="AG659" s="137"/>
      <c r="AH659" s="137"/>
      <c r="AI659" s="137"/>
      <c r="AJ659" s="137"/>
      <c r="AK659" s="206"/>
      <c r="AL659" s="206"/>
      <c r="AM659" s="143"/>
      <c r="AN659" s="137"/>
      <c r="AO659" s="137"/>
      <c r="AP659" s="137"/>
      <c r="AQ659" s="137"/>
      <c r="AR659" s="137"/>
      <c r="AS659" s="137"/>
      <c r="AT659" s="137"/>
      <c r="AU659" s="137"/>
      <c r="AV659" s="137"/>
      <c r="AW659" s="144"/>
    </row>
    <row r="660" spans="2:49" x14ac:dyDescent="0.2">
      <c r="B660" s="97"/>
      <c r="G660" s="43"/>
      <c r="J660" s="98"/>
      <c r="K660" s="97"/>
      <c r="N660" s="3"/>
      <c r="W660" s="98"/>
      <c r="Z660" s="143"/>
      <c r="AA660" s="137"/>
      <c r="AB660" s="137"/>
      <c r="AC660" s="137"/>
      <c r="AD660" s="137"/>
      <c r="AE660" s="137"/>
      <c r="AF660" s="137"/>
      <c r="AG660" s="137"/>
      <c r="AH660" s="137"/>
      <c r="AI660" s="137"/>
      <c r="AJ660" s="137"/>
      <c r="AK660" s="206"/>
      <c r="AL660" s="206"/>
      <c r="AM660" s="143"/>
      <c r="AN660" s="137"/>
      <c r="AO660" s="137"/>
      <c r="AP660" s="137"/>
      <c r="AQ660" s="137"/>
      <c r="AR660" s="137"/>
      <c r="AS660" s="137"/>
      <c r="AT660" s="137"/>
      <c r="AU660" s="137"/>
      <c r="AV660" s="137"/>
      <c r="AW660" s="144"/>
    </row>
    <row r="661" spans="2:49" x14ac:dyDescent="0.2">
      <c r="B661" s="97"/>
      <c r="G661" s="43"/>
      <c r="J661" s="98"/>
      <c r="K661" s="97"/>
      <c r="N661" s="3"/>
      <c r="W661" s="98"/>
      <c r="Z661" s="143"/>
      <c r="AA661" s="137"/>
      <c r="AB661" s="137"/>
      <c r="AC661" s="137"/>
      <c r="AD661" s="137"/>
      <c r="AE661" s="137"/>
      <c r="AF661" s="137"/>
      <c r="AG661" s="137"/>
      <c r="AH661" s="137"/>
      <c r="AI661" s="137"/>
      <c r="AJ661" s="137"/>
      <c r="AK661" s="206"/>
      <c r="AL661" s="206"/>
      <c r="AM661" s="143"/>
      <c r="AN661" s="137"/>
      <c r="AO661" s="137"/>
      <c r="AP661" s="137"/>
      <c r="AQ661" s="137"/>
      <c r="AR661" s="137"/>
      <c r="AS661" s="137"/>
      <c r="AT661" s="137"/>
      <c r="AU661" s="137"/>
      <c r="AV661" s="137"/>
      <c r="AW661" s="144"/>
    </row>
    <row r="662" spans="2:49" x14ac:dyDescent="0.2">
      <c r="B662" s="97"/>
      <c r="G662" s="43"/>
      <c r="J662" s="98"/>
      <c r="K662" s="97"/>
      <c r="N662" s="3"/>
      <c r="W662" s="98"/>
      <c r="Z662" s="143"/>
      <c r="AA662" s="137"/>
      <c r="AB662" s="137"/>
      <c r="AC662" s="137"/>
      <c r="AD662" s="137"/>
      <c r="AE662" s="137"/>
      <c r="AF662" s="137"/>
      <c r="AG662" s="137"/>
      <c r="AH662" s="137"/>
      <c r="AI662" s="137"/>
      <c r="AJ662" s="137"/>
      <c r="AK662" s="206"/>
      <c r="AL662" s="206"/>
      <c r="AM662" s="143"/>
      <c r="AN662" s="137"/>
      <c r="AO662" s="137"/>
      <c r="AP662" s="137"/>
      <c r="AQ662" s="137"/>
      <c r="AR662" s="137"/>
      <c r="AS662" s="137"/>
      <c r="AT662" s="137"/>
      <c r="AU662" s="137"/>
      <c r="AV662" s="137"/>
      <c r="AW662" s="144"/>
    </row>
    <row r="663" spans="2:49" x14ac:dyDescent="0.2">
      <c r="B663" s="97"/>
      <c r="G663" s="43"/>
      <c r="J663" s="98"/>
      <c r="K663" s="97"/>
      <c r="N663" s="3"/>
      <c r="W663" s="98"/>
      <c r="Z663" s="143"/>
      <c r="AA663" s="137"/>
      <c r="AB663" s="137"/>
      <c r="AC663" s="137"/>
      <c r="AD663" s="137"/>
      <c r="AE663" s="137"/>
      <c r="AF663" s="137"/>
      <c r="AG663" s="137"/>
      <c r="AH663" s="137"/>
      <c r="AI663" s="137"/>
      <c r="AJ663" s="137"/>
      <c r="AK663" s="206"/>
      <c r="AL663" s="206"/>
      <c r="AM663" s="143"/>
      <c r="AN663" s="137"/>
      <c r="AO663" s="137"/>
      <c r="AP663" s="137"/>
      <c r="AQ663" s="137"/>
      <c r="AR663" s="137"/>
      <c r="AS663" s="137"/>
      <c r="AT663" s="137"/>
      <c r="AU663" s="137"/>
      <c r="AV663" s="137"/>
      <c r="AW663" s="144"/>
    </row>
    <row r="664" spans="2:49" x14ac:dyDescent="0.2">
      <c r="B664" s="97"/>
      <c r="G664" s="43"/>
      <c r="J664" s="98"/>
      <c r="K664" s="97"/>
      <c r="N664" s="3"/>
      <c r="W664" s="98"/>
      <c r="Z664" s="143"/>
      <c r="AA664" s="137"/>
      <c r="AB664" s="137"/>
      <c r="AC664" s="137"/>
      <c r="AD664" s="137"/>
      <c r="AE664" s="137"/>
      <c r="AF664" s="137"/>
      <c r="AG664" s="137"/>
      <c r="AH664" s="137"/>
      <c r="AI664" s="137"/>
      <c r="AJ664" s="137"/>
      <c r="AK664" s="206"/>
      <c r="AL664" s="206"/>
      <c r="AM664" s="143"/>
      <c r="AN664" s="137"/>
      <c r="AO664" s="137"/>
      <c r="AP664" s="137"/>
      <c r="AQ664" s="137"/>
      <c r="AR664" s="137"/>
      <c r="AS664" s="137"/>
      <c r="AT664" s="137"/>
      <c r="AU664" s="137"/>
      <c r="AV664" s="137"/>
      <c r="AW664" s="144"/>
    </row>
    <row r="665" spans="2:49" x14ac:dyDescent="0.2">
      <c r="B665" s="97"/>
      <c r="G665" s="43"/>
      <c r="J665" s="98"/>
      <c r="K665" s="97"/>
      <c r="N665" s="3"/>
      <c r="W665" s="98"/>
      <c r="Z665" s="143"/>
      <c r="AA665" s="137"/>
      <c r="AB665" s="137"/>
      <c r="AC665" s="137"/>
      <c r="AD665" s="137"/>
      <c r="AE665" s="137"/>
      <c r="AF665" s="137"/>
      <c r="AG665" s="137"/>
      <c r="AH665" s="137"/>
      <c r="AI665" s="137"/>
      <c r="AJ665" s="137"/>
      <c r="AK665" s="206"/>
      <c r="AL665" s="206"/>
      <c r="AM665" s="143"/>
      <c r="AN665" s="137"/>
      <c r="AO665" s="137"/>
      <c r="AP665" s="137"/>
      <c r="AQ665" s="137"/>
      <c r="AR665" s="137"/>
      <c r="AS665" s="137"/>
      <c r="AT665" s="137"/>
      <c r="AU665" s="137"/>
      <c r="AV665" s="137"/>
      <c r="AW665" s="144"/>
    </row>
    <row r="666" spans="2:49" x14ac:dyDescent="0.2">
      <c r="B666" s="97"/>
      <c r="G666" s="43"/>
      <c r="J666" s="98"/>
      <c r="K666" s="97"/>
      <c r="N666" s="3"/>
      <c r="W666" s="98"/>
      <c r="Z666" s="143"/>
      <c r="AA666" s="137"/>
      <c r="AB666" s="137"/>
      <c r="AC666" s="137"/>
      <c r="AD666" s="137"/>
      <c r="AE666" s="137"/>
      <c r="AF666" s="137"/>
      <c r="AG666" s="137"/>
      <c r="AH666" s="137"/>
      <c r="AI666" s="137"/>
      <c r="AJ666" s="137"/>
      <c r="AK666" s="206"/>
      <c r="AL666" s="206"/>
      <c r="AM666" s="143"/>
      <c r="AN666" s="137"/>
      <c r="AO666" s="137"/>
      <c r="AP666" s="137"/>
      <c r="AQ666" s="137"/>
      <c r="AR666" s="137"/>
      <c r="AS666" s="137"/>
      <c r="AT666" s="137"/>
      <c r="AU666" s="137"/>
      <c r="AV666" s="137"/>
      <c r="AW666" s="144"/>
    </row>
    <row r="667" spans="2:49" x14ac:dyDescent="0.2">
      <c r="B667" s="97"/>
      <c r="G667" s="43"/>
      <c r="J667" s="98"/>
      <c r="K667" s="97"/>
      <c r="N667" s="3"/>
      <c r="W667" s="98"/>
      <c r="Z667" s="143"/>
      <c r="AA667" s="137"/>
      <c r="AB667" s="137"/>
      <c r="AC667" s="137"/>
      <c r="AD667" s="137"/>
      <c r="AE667" s="137"/>
      <c r="AF667" s="137"/>
      <c r="AG667" s="137"/>
      <c r="AH667" s="137"/>
      <c r="AI667" s="137"/>
      <c r="AJ667" s="137"/>
      <c r="AK667" s="206"/>
      <c r="AL667" s="206"/>
      <c r="AM667" s="143"/>
      <c r="AN667" s="137"/>
      <c r="AO667" s="137"/>
      <c r="AP667" s="137"/>
      <c r="AQ667" s="137"/>
      <c r="AR667" s="137"/>
      <c r="AS667" s="137"/>
      <c r="AT667" s="137"/>
      <c r="AU667" s="137"/>
      <c r="AV667" s="137"/>
      <c r="AW667" s="144"/>
    </row>
    <row r="668" spans="2:49" x14ac:dyDescent="0.2">
      <c r="B668" s="97"/>
      <c r="G668" s="43"/>
      <c r="J668" s="98"/>
      <c r="K668" s="97"/>
      <c r="N668" s="3"/>
      <c r="W668" s="98"/>
      <c r="Z668" s="143"/>
      <c r="AA668" s="137"/>
      <c r="AB668" s="137"/>
      <c r="AC668" s="137"/>
      <c r="AD668" s="137"/>
      <c r="AE668" s="137"/>
      <c r="AF668" s="137"/>
      <c r="AG668" s="137"/>
      <c r="AH668" s="137"/>
      <c r="AI668" s="137"/>
      <c r="AJ668" s="137"/>
      <c r="AK668" s="206"/>
      <c r="AL668" s="206"/>
      <c r="AM668" s="143"/>
      <c r="AN668" s="137"/>
      <c r="AO668" s="137"/>
      <c r="AP668" s="137"/>
      <c r="AQ668" s="137"/>
      <c r="AR668" s="137"/>
      <c r="AS668" s="137"/>
      <c r="AT668" s="137"/>
      <c r="AU668" s="137"/>
      <c r="AV668" s="137"/>
      <c r="AW668" s="144"/>
    </row>
    <row r="669" spans="2:49" x14ac:dyDescent="0.2">
      <c r="B669" s="97"/>
      <c r="G669" s="43"/>
      <c r="J669" s="98"/>
      <c r="K669" s="97"/>
      <c r="N669" s="3"/>
      <c r="W669" s="98"/>
      <c r="Z669" s="143"/>
      <c r="AA669" s="137"/>
      <c r="AB669" s="137"/>
      <c r="AC669" s="137"/>
      <c r="AD669" s="137"/>
      <c r="AE669" s="137"/>
      <c r="AF669" s="137"/>
      <c r="AG669" s="137"/>
      <c r="AH669" s="137"/>
      <c r="AI669" s="137"/>
      <c r="AJ669" s="137"/>
      <c r="AK669" s="206"/>
      <c r="AL669" s="206"/>
      <c r="AM669" s="143"/>
      <c r="AN669" s="137"/>
      <c r="AO669" s="137"/>
      <c r="AP669" s="137"/>
      <c r="AQ669" s="137"/>
      <c r="AR669" s="137"/>
      <c r="AS669" s="137"/>
      <c r="AT669" s="137"/>
      <c r="AU669" s="137"/>
      <c r="AV669" s="137"/>
      <c r="AW669" s="144"/>
    </row>
    <row r="670" spans="2:49" x14ac:dyDescent="0.2">
      <c r="B670" s="97"/>
      <c r="G670" s="43"/>
      <c r="J670" s="98"/>
      <c r="K670" s="97"/>
      <c r="N670" s="3"/>
      <c r="W670" s="98"/>
      <c r="Z670" s="143"/>
      <c r="AA670" s="137"/>
      <c r="AB670" s="137"/>
      <c r="AC670" s="137"/>
      <c r="AD670" s="137"/>
      <c r="AE670" s="137"/>
      <c r="AF670" s="137"/>
      <c r="AG670" s="137"/>
      <c r="AH670" s="137"/>
      <c r="AI670" s="137"/>
      <c r="AJ670" s="137"/>
      <c r="AK670" s="206"/>
      <c r="AL670" s="206"/>
      <c r="AM670" s="143"/>
      <c r="AN670" s="137"/>
      <c r="AO670" s="137"/>
      <c r="AP670" s="137"/>
      <c r="AQ670" s="137"/>
      <c r="AR670" s="137"/>
      <c r="AS670" s="137"/>
      <c r="AT670" s="137"/>
      <c r="AU670" s="137"/>
      <c r="AV670" s="137"/>
      <c r="AW670" s="144"/>
    </row>
    <row r="671" spans="2:49" x14ac:dyDescent="0.2">
      <c r="B671" s="97"/>
      <c r="G671" s="43"/>
      <c r="J671" s="98"/>
      <c r="K671" s="97"/>
      <c r="N671" s="3"/>
      <c r="W671" s="98"/>
      <c r="Z671" s="143"/>
      <c r="AA671" s="137"/>
      <c r="AB671" s="137"/>
      <c r="AC671" s="137"/>
      <c r="AD671" s="137"/>
      <c r="AE671" s="137"/>
      <c r="AF671" s="137"/>
      <c r="AG671" s="137"/>
      <c r="AH671" s="137"/>
      <c r="AI671" s="137"/>
      <c r="AJ671" s="137"/>
      <c r="AK671" s="206"/>
      <c r="AL671" s="206"/>
      <c r="AM671" s="143"/>
      <c r="AN671" s="137"/>
      <c r="AO671" s="137"/>
      <c r="AP671" s="137"/>
      <c r="AQ671" s="137"/>
      <c r="AR671" s="137"/>
      <c r="AS671" s="137"/>
      <c r="AT671" s="137"/>
      <c r="AU671" s="137"/>
      <c r="AV671" s="137"/>
      <c r="AW671" s="144"/>
    </row>
    <row r="672" spans="2:49" x14ac:dyDescent="0.2">
      <c r="B672" s="97"/>
      <c r="G672" s="43"/>
      <c r="J672" s="98"/>
      <c r="K672" s="97"/>
      <c r="N672" s="3"/>
      <c r="W672" s="98"/>
      <c r="Z672" s="143"/>
      <c r="AA672" s="137"/>
      <c r="AB672" s="137"/>
      <c r="AC672" s="137"/>
      <c r="AD672" s="137"/>
      <c r="AE672" s="137"/>
      <c r="AF672" s="137"/>
      <c r="AG672" s="137"/>
      <c r="AH672" s="137"/>
      <c r="AI672" s="137"/>
      <c r="AJ672" s="137"/>
      <c r="AK672" s="206"/>
      <c r="AL672" s="206"/>
      <c r="AM672" s="143"/>
      <c r="AN672" s="137"/>
      <c r="AO672" s="137"/>
      <c r="AP672" s="137"/>
      <c r="AQ672" s="137"/>
      <c r="AR672" s="137"/>
      <c r="AS672" s="137"/>
      <c r="AT672" s="137"/>
      <c r="AU672" s="137"/>
      <c r="AV672" s="137"/>
      <c r="AW672" s="144"/>
    </row>
    <row r="673" spans="2:49" x14ac:dyDescent="0.2">
      <c r="B673" s="97"/>
      <c r="G673" s="43"/>
      <c r="J673" s="98"/>
      <c r="K673" s="97"/>
      <c r="N673" s="3"/>
      <c r="W673" s="98"/>
      <c r="Z673" s="143"/>
      <c r="AA673" s="137"/>
      <c r="AB673" s="137"/>
      <c r="AC673" s="137"/>
      <c r="AD673" s="137"/>
      <c r="AE673" s="137"/>
      <c r="AF673" s="137"/>
      <c r="AG673" s="137"/>
      <c r="AH673" s="137"/>
      <c r="AI673" s="137"/>
      <c r="AJ673" s="137"/>
      <c r="AK673" s="206"/>
      <c r="AL673" s="206"/>
      <c r="AM673" s="143"/>
      <c r="AN673" s="137"/>
      <c r="AO673" s="137"/>
      <c r="AP673" s="137"/>
      <c r="AQ673" s="137"/>
      <c r="AR673" s="137"/>
      <c r="AS673" s="137"/>
      <c r="AT673" s="137"/>
      <c r="AU673" s="137"/>
      <c r="AV673" s="137"/>
      <c r="AW673" s="144"/>
    </row>
    <row r="674" spans="2:49" x14ac:dyDescent="0.2">
      <c r="B674" s="97"/>
      <c r="G674" s="43"/>
      <c r="J674" s="98"/>
      <c r="K674" s="97"/>
      <c r="N674" s="3"/>
      <c r="W674" s="98"/>
      <c r="Z674" s="143"/>
      <c r="AA674" s="137"/>
      <c r="AB674" s="137"/>
      <c r="AC674" s="137"/>
      <c r="AD674" s="137"/>
      <c r="AE674" s="137"/>
      <c r="AF674" s="137"/>
      <c r="AG674" s="137"/>
      <c r="AH674" s="137"/>
      <c r="AI674" s="137"/>
      <c r="AJ674" s="137"/>
      <c r="AK674" s="206"/>
      <c r="AL674" s="206"/>
      <c r="AM674" s="143"/>
      <c r="AN674" s="137"/>
      <c r="AO674" s="137"/>
      <c r="AP674" s="137"/>
      <c r="AQ674" s="137"/>
      <c r="AR674" s="137"/>
      <c r="AS674" s="137"/>
      <c r="AT674" s="137"/>
      <c r="AU674" s="137"/>
      <c r="AV674" s="137"/>
      <c r="AW674" s="144"/>
    </row>
    <row r="675" spans="2:49" x14ac:dyDescent="0.2">
      <c r="B675" s="97"/>
      <c r="G675" s="43"/>
      <c r="J675" s="98"/>
      <c r="K675" s="97"/>
      <c r="N675" s="3"/>
      <c r="W675" s="98"/>
      <c r="Z675" s="143"/>
      <c r="AA675" s="137"/>
      <c r="AB675" s="137"/>
      <c r="AC675" s="137"/>
      <c r="AD675" s="137"/>
      <c r="AE675" s="137"/>
      <c r="AF675" s="137"/>
      <c r="AG675" s="137"/>
      <c r="AH675" s="137"/>
      <c r="AI675" s="137"/>
      <c r="AJ675" s="137"/>
      <c r="AK675" s="206"/>
      <c r="AL675" s="206"/>
      <c r="AM675" s="143"/>
      <c r="AN675" s="137"/>
      <c r="AO675" s="137"/>
      <c r="AP675" s="137"/>
      <c r="AQ675" s="137"/>
      <c r="AR675" s="137"/>
      <c r="AS675" s="137"/>
      <c r="AT675" s="137"/>
      <c r="AU675" s="137"/>
      <c r="AV675" s="137"/>
      <c r="AW675" s="144"/>
    </row>
    <row r="676" spans="2:49" x14ac:dyDescent="0.2">
      <c r="B676" s="97"/>
      <c r="G676" s="43"/>
      <c r="J676" s="98"/>
      <c r="K676" s="97"/>
      <c r="N676" s="3"/>
      <c r="W676" s="98"/>
      <c r="Z676" s="143"/>
      <c r="AA676" s="137"/>
      <c r="AB676" s="137"/>
      <c r="AC676" s="137"/>
      <c r="AD676" s="137"/>
      <c r="AE676" s="137"/>
      <c r="AF676" s="137"/>
      <c r="AG676" s="137"/>
      <c r="AH676" s="137"/>
      <c r="AI676" s="137"/>
      <c r="AJ676" s="137"/>
      <c r="AK676" s="206"/>
      <c r="AL676" s="206"/>
      <c r="AM676" s="143"/>
      <c r="AN676" s="137"/>
      <c r="AO676" s="137"/>
      <c r="AP676" s="137"/>
      <c r="AQ676" s="137"/>
      <c r="AR676" s="137"/>
      <c r="AS676" s="137"/>
      <c r="AT676" s="137"/>
      <c r="AU676" s="137"/>
      <c r="AV676" s="137"/>
      <c r="AW676" s="144"/>
    </row>
    <row r="677" spans="2:49" x14ac:dyDescent="0.2">
      <c r="B677" s="97"/>
      <c r="G677" s="43"/>
      <c r="J677" s="98"/>
      <c r="K677" s="97"/>
      <c r="N677" s="3"/>
      <c r="W677" s="98"/>
      <c r="Z677" s="143"/>
      <c r="AA677" s="137"/>
      <c r="AB677" s="137"/>
      <c r="AC677" s="137"/>
      <c r="AD677" s="137"/>
      <c r="AE677" s="137"/>
      <c r="AF677" s="137"/>
      <c r="AG677" s="137"/>
      <c r="AH677" s="137"/>
      <c r="AI677" s="137"/>
      <c r="AJ677" s="137"/>
      <c r="AK677" s="206"/>
      <c r="AL677" s="206"/>
      <c r="AM677" s="143"/>
      <c r="AN677" s="137"/>
      <c r="AO677" s="137"/>
      <c r="AP677" s="137"/>
      <c r="AQ677" s="137"/>
      <c r="AR677" s="137"/>
      <c r="AS677" s="137"/>
      <c r="AT677" s="137"/>
      <c r="AU677" s="137"/>
      <c r="AV677" s="137"/>
      <c r="AW677" s="144"/>
    </row>
    <row r="678" spans="2:49" x14ac:dyDescent="0.2">
      <c r="B678" s="97"/>
      <c r="G678" s="43"/>
      <c r="J678" s="98"/>
      <c r="K678" s="97"/>
      <c r="N678" s="3"/>
      <c r="W678" s="98"/>
      <c r="Z678" s="143"/>
      <c r="AA678" s="137"/>
      <c r="AB678" s="137"/>
      <c r="AC678" s="137"/>
      <c r="AD678" s="137"/>
      <c r="AE678" s="137"/>
      <c r="AF678" s="137"/>
      <c r="AG678" s="137"/>
      <c r="AH678" s="137"/>
      <c r="AI678" s="137"/>
      <c r="AJ678" s="137"/>
      <c r="AK678" s="206"/>
      <c r="AL678" s="206"/>
      <c r="AM678" s="143"/>
      <c r="AN678" s="137"/>
      <c r="AO678" s="137"/>
      <c r="AP678" s="137"/>
      <c r="AQ678" s="137"/>
      <c r="AR678" s="137"/>
      <c r="AS678" s="137"/>
      <c r="AT678" s="137"/>
      <c r="AU678" s="137"/>
      <c r="AV678" s="137"/>
      <c r="AW678" s="144"/>
    </row>
    <row r="679" spans="2:49" x14ac:dyDescent="0.2">
      <c r="B679" s="97"/>
      <c r="G679" s="43"/>
      <c r="J679" s="98"/>
      <c r="K679" s="97"/>
      <c r="N679" s="3"/>
      <c r="W679" s="98"/>
      <c r="Z679" s="143"/>
      <c r="AA679" s="137"/>
      <c r="AB679" s="137"/>
      <c r="AC679" s="137"/>
      <c r="AD679" s="137"/>
      <c r="AE679" s="137"/>
      <c r="AF679" s="137"/>
      <c r="AG679" s="137"/>
      <c r="AH679" s="137"/>
      <c r="AI679" s="137"/>
      <c r="AJ679" s="137"/>
      <c r="AK679" s="206"/>
      <c r="AL679" s="206"/>
      <c r="AM679" s="143"/>
      <c r="AN679" s="137"/>
      <c r="AO679" s="137"/>
      <c r="AP679" s="137"/>
      <c r="AQ679" s="137"/>
      <c r="AR679" s="137"/>
      <c r="AS679" s="137"/>
      <c r="AT679" s="137"/>
      <c r="AU679" s="137"/>
      <c r="AV679" s="137"/>
      <c r="AW679" s="144"/>
    </row>
    <row r="680" spans="2:49" x14ac:dyDescent="0.2">
      <c r="B680" s="97"/>
      <c r="G680" s="43"/>
      <c r="J680" s="98"/>
      <c r="K680" s="97"/>
      <c r="N680" s="3"/>
      <c r="W680" s="98"/>
      <c r="Z680" s="143"/>
      <c r="AA680" s="137"/>
      <c r="AB680" s="137"/>
      <c r="AC680" s="137"/>
      <c r="AD680" s="137"/>
      <c r="AE680" s="137"/>
      <c r="AF680" s="137"/>
      <c r="AG680" s="137"/>
      <c r="AH680" s="137"/>
      <c r="AI680" s="137"/>
      <c r="AJ680" s="137"/>
      <c r="AK680" s="206"/>
      <c r="AL680" s="206"/>
      <c r="AM680" s="143"/>
      <c r="AN680" s="137"/>
      <c r="AO680" s="137"/>
      <c r="AP680" s="137"/>
      <c r="AQ680" s="137"/>
      <c r="AR680" s="137"/>
      <c r="AS680" s="137"/>
      <c r="AT680" s="137"/>
      <c r="AU680" s="137"/>
      <c r="AV680" s="137"/>
      <c r="AW680" s="144"/>
    </row>
    <row r="681" spans="2:49" x14ac:dyDescent="0.2">
      <c r="B681" s="97"/>
      <c r="G681" s="43"/>
      <c r="J681" s="98"/>
      <c r="K681" s="97"/>
      <c r="N681" s="3"/>
      <c r="W681" s="98"/>
      <c r="Z681" s="143"/>
      <c r="AA681" s="137"/>
      <c r="AB681" s="137"/>
      <c r="AC681" s="137"/>
      <c r="AD681" s="137"/>
      <c r="AE681" s="137"/>
      <c r="AF681" s="137"/>
      <c r="AG681" s="137"/>
      <c r="AH681" s="137"/>
      <c r="AI681" s="137"/>
      <c r="AJ681" s="137"/>
      <c r="AK681" s="206"/>
      <c r="AL681" s="206"/>
      <c r="AM681" s="143"/>
      <c r="AN681" s="137"/>
      <c r="AO681" s="137"/>
      <c r="AP681" s="137"/>
      <c r="AQ681" s="137"/>
      <c r="AR681" s="137"/>
      <c r="AS681" s="137"/>
      <c r="AT681" s="137"/>
      <c r="AU681" s="137"/>
      <c r="AV681" s="137"/>
      <c r="AW681" s="144"/>
    </row>
    <row r="682" spans="2:49" x14ac:dyDescent="0.2">
      <c r="B682" s="97"/>
      <c r="G682" s="43"/>
      <c r="J682" s="98"/>
      <c r="K682" s="97"/>
      <c r="N682" s="3"/>
      <c r="W682" s="98"/>
      <c r="Z682" s="143"/>
      <c r="AA682" s="137"/>
      <c r="AB682" s="137"/>
      <c r="AC682" s="137"/>
      <c r="AD682" s="137"/>
      <c r="AE682" s="137"/>
      <c r="AF682" s="137"/>
      <c r="AG682" s="137"/>
      <c r="AH682" s="137"/>
      <c r="AI682" s="137"/>
      <c r="AJ682" s="137"/>
      <c r="AK682" s="206"/>
      <c r="AL682" s="206"/>
      <c r="AM682" s="143"/>
      <c r="AN682" s="137"/>
      <c r="AO682" s="137"/>
      <c r="AP682" s="137"/>
      <c r="AQ682" s="137"/>
      <c r="AR682" s="137"/>
      <c r="AS682" s="137"/>
      <c r="AT682" s="137"/>
      <c r="AU682" s="137"/>
      <c r="AV682" s="137"/>
      <c r="AW682" s="144"/>
    </row>
    <row r="683" spans="2:49" x14ac:dyDescent="0.2">
      <c r="B683" s="97"/>
      <c r="G683" s="43"/>
      <c r="J683" s="98"/>
      <c r="K683" s="97"/>
      <c r="N683" s="3"/>
      <c r="W683" s="98"/>
      <c r="Z683" s="143"/>
      <c r="AA683" s="137"/>
      <c r="AB683" s="137"/>
      <c r="AC683" s="137"/>
      <c r="AD683" s="137"/>
      <c r="AE683" s="137"/>
      <c r="AF683" s="137"/>
      <c r="AG683" s="137"/>
      <c r="AH683" s="137"/>
      <c r="AI683" s="137"/>
      <c r="AJ683" s="137"/>
      <c r="AK683" s="206"/>
      <c r="AL683" s="206"/>
      <c r="AM683" s="143"/>
      <c r="AN683" s="137"/>
      <c r="AO683" s="137"/>
      <c r="AP683" s="137"/>
      <c r="AQ683" s="137"/>
      <c r="AR683" s="137"/>
      <c r="AS683" s="137"/>
      <c r="AT683" s="137"/>
      <c r="AU683" s="137"/>
      <c r="AV683" s="137"/>
      <c r="AW683" s="144"/>
    </row>
    <row r="684" spans="2:49" x14ac:dyDescent="0.2">
      <c r="B684" s="97"/>
      <c r="G684" s="43"/>
      <c r="J684" s="98"/>
      <c r="K684" s="97"/>
      <c r="N684" s="3"/>
      <c r="W684" s="98"/>
      <c r="Z684" s="143"/>
      <c r="AA684" s="137"/>
      <c r="AB684" s="137"/>
      <c r="AC684" s="137"/>
      <c r="AD684" s="137"/>
      <c r="AE684" s="137"/>
      <c r="AF684" s="137"/>
      <c r="AG684" s="137"/>
      <c r="AH684" s="137"/>
      <c r="AI684" s="137"/>
      <c r="AJ684" s="137"/>
      <c r="AK684" s="206"/>
      <c r="AL684" s="206"/>
      <c r="AM684" s="143"/>
      <c r="AN684" s="137"/>
      <c r="AO684" s="137"/>
      <c r="AP684" s="137"/>
      <c r="AQ684" s="137"/>
      <c r="AR684" s="137"/>
      <c r="AS684" s="137"/>
      <c r="AT684" s="137"/>
      <c r="AU684" s="137"/>
      <c r="AV684" s="137"/>
      <c r="AW684" s="144"/>
    </row>
    <row r="685" spans="2:49" x14ac:dyDescent="0.2">
      <c r="B685" s="97"/>
      <c r="G685" s="43"/>
      <c r="J685" s="98"/>
      <c r="K685" s="97"/>
      <c r="N685" s="3"/>
      <c r="W685" s="98"/>
      <c r="Z685" s="143"/>
      <c r="AA685" s="137"/>
      <c r="AB685" s="137"/>
      <c r="AC685" s="137"/>
      <c r="AD685" s="137"/>
      <c r="AE685" s="137"/>
      <c r="AF685" s="137"/>
      <c r="AG685" s="137"/>
      <c r="AH685" s="137"/>
      <c r="AI685" s="137"/>
      <c r="AJ685" s="137"/>
      <c r="AK685" s="206"/>
      <c r="AL685" s="206"/>
      <c r="AM685" s="143"/>
      <c r="AN685" s="137"/>
      <c r="AO685" s="137"/>
      <c r="AP685" s="137"/>
      <c r="AQ685" s="137"/>
      <c r="AR685" s="137"/>
      <c r="AS685" s="137"/>
      <c r="AT685" s="137"/>
      <c r="AU685" s="137"/>
      <c r="AV685" s="137"/>
      <c r="AW685" s="144"/>
    </row>
    <row r="686" spans="2:49" x14ac:dyDescent="0.2">
      <c r="B686" s="97"/>
      <c r="G686" s="43"/>
      <c r="J686" s="98"/>
      <c r="K686" s="97"/>
      <c r="N686" s="3"/>
      <c r="W686" s="98"/>
      <c r="Z686" s="143"/>
      <c r="AA686" s="137"/>
      <c r="AB686" s="137"/>
      <c r="AC686" s="137"/>
      <c r="AD686" s="137"/>
      <c r="AE686" s="137"/>
      <c r="AF686" s="137"/>
      <c r="AG686" s="137"/>
      <c r="AH686" s="137"/>
      <c r="AI686" s="137"/>
      <c r="AJ686" s="137"/>
      <c r="AK686" s="206"/>
      <c r="AL686" s="206"/>
      <c r="AM686" s="143"/>
      <c r="AN686" s="137"/>
      <c r="AO686" s="137"/>
      <c r="AP686" s="137"/>
      <c r="AQ686" s="137"/>
      <c r="AR686" s="137"/>
      <c r="AS686" s="137"/>
      <c r="AT686" s="137"/>
      <c r="AU686" s="137"/>
      <c r="AV686" s="137"/>
      <c r="AW686" s="144"/>
    </row>
    <row r="687" spans="2:49" x14ac:dyDescent="0.2">
      <c r="B687" s="97"/>
      <c r="G687" s="43"/>
      <c r="J687" s="98"/>
      <c r="K687" s="97"/>
      <c r="N687" s="3"/>
      <c r="W687" s="98"/>
      <c r="Z687" s="143"/>
      <c r="AA687" s="137"/>
      <c r="AB687" s="137"/>
      <c r="AC687" s="137"/>
      <c r="AD687" s="137"/>
      <c r="AE687" s="137"/>
      <c r="AF687" s="137"/>
      <c r="AG687" s="137"/>
      <c r="AH687" s="137"/>
      <c r="AI687" s="137"/>
      <c r="AJ687" s="137"/>
      <c r="AK687" s="206"/>
      <c r="AL687" s="206"/>
      <c r="AM687" s="143"/>
      <c r="AN687" s="137"/>
      <c r="AO687" s="137"/>
      <c r="AP687" s="137"/>
      <c r="AQ687" s="137"/>
      <c r="AR687" s="137"/>
      <c r="AS687" s="137"/>
      <c r="AT687" s="137"/>
      <c r="AU687" s="137"/>
      <c r="AV687" s="137"/>
      <c r="AW687" s="144"/>
    </row>
    <row r="688" spans="2:49" x14ac:dyDescent="0.2">
      <c r="B688" s="97"/>
      <c r="G688" s="43"/>
      <c r="J688" s="98"/>
      <c r="K688" s="97"/>
      <c r="N688" s="3"/>
      <c r="W688" s="98"/>
      <c r="Z688" s="143"/>
      <c r="AA688" s="137"/>
      <c r="AB688" s="137"/>
      <c r="AC688" s="137"/>
      <c r="AD688" s="137"/>
      <c r="AE688" s="137"/>
      <c r="AF688" s="137"/>
      <c r="AG688" s="137"/>
      <c r="AH688" s="137"/>
      <c r="AI688" s="137"/>
      <c r="AJ688" s="137"/>
      <c r="AK688" s="206"/>
      <c r="AL688" s="206"/>
      <c r="AM688" s="143"/>
      <c r="AN688" s="137"/>
      <c r="AO688" s="137"/>
      <c r="AP688" s="137"/>
      <c r="AQ688" s="137"/>
      <c r="AR688" s="137"/>
      <c r="AS688" s="137"/>
      <c r="AT688" s="137"/>
      <c r="AU688" s="137"/>
      <c r="AV688" s="137"/>
      <c r="AW688" s="144"/>
    </row>
    <row r="689" spans="2:49" x14ac:dyDescent="0.2">
      <c r="B689" s="97"/>
      <c r="G689" s="43"/>
      <c r="J689" s="98"/>
      <c r="K689" s="97"/>
      <c r="N689" s="3"/>
      <c r="W689" s="98"/>
      <c r="Z689" s="143"/>
      <c r="AA689" s="137"/>
      <c r="AB689" s="137"/>
      <c r="AC689" s="137"/>
      <c r="AD689" s="137"/>
      <c r="AE689" s="137"/>
      <c r="AF689" s="137"/>
      <c r="AG689" s="137"/>
      <c r="AH689" s="137"/>
      <c r="AI689" s="137"/>
      <c r="AJ689" s="137"/>
      <c r="AK689" s="206"/>
      <c r="AL689" s="206"/>
      <c r="AM689" s="143"/>
      <c r="AN689" s="137"/>
      <c r="AO689" s="137"/>
      <c r="AP689" s="137"/>
      <c r="AQ689" s="137"/>
      <c r="AR689" s="137"/>
      <c r="AS689" s="137"/>
      <c r="AT689" s="137"/>
      <c r="AU689" s="137"/>
      <c r="AV689" s="137"/>
      <c r="AW689" s="144"/>
    </row>
    <row r="690" spans="2:49" x14ac:dyDescent="0.2">
      <c r="B690" s="97"/>
      <c r="G690" s="43"/>
      <c r="J690" s="98"/>
      <c r="K690" s="97"/>
      <c r="N690" s="3"/>
      <c r="W690" s="98"/>
      <c r="Z690" s="143"/>
      <c r="AA690" s="137"/>
      <c r="AB690" s="137"/>
      <c r="AC690" s="137"/>
      <c r="AD690" s="137"/>
      <c r="AE690" s="137"/>
      <c r="AF690" s="137"/>
      <c r="AG690" s="137"/>
      <c r="AH690" s="137"/>
      <c r="AI690" s="137"/>
      <c r="AJ690" s="137"/>
      <c r="AK690" s="206"/>
      <c r="AL690" s="206"/>
      <c r="AM690" s="143"/>
      <c r="AN690" s="137"/>
      <c r="AO690" s="137"/>
      <c r="AP690" s="137"/>
      <c r="AQ690" s="137"/>
      <c r="AR690" s="137"/>
      <c r="AS690" s="137"/>
      <c r="AT690" s="137"/>
      <c r="AU690" s="137"/>
      <c r="AV690" s="137"/>
      <c r="AW690" s="144"/>
    </row>
    <row r="691" spans="2:49" x14ac:dyDescent="0.2">
      <c r="B691" s="97"/>
      <c r="G691" s="43"/>
      <c r="J691" s="98"/>
      <c r="K691" s="97"/>
      <c r="N691" s="3"/>
      <c r="W691" s="98"/>
      <c r="Z691" s="143"/>
      <c r="AA691" s="137"/>
      <c r="AB691" s="137"/>
      <c r="AC691" s="137"/>
      <c r="AD691" s="137"/>
      <c r="AE691" s="137"/>
      <c r="AF691" s="137"/>
      <c r="AG691" s="137"/>
      <c r="AH691" s="137"/>
      <c r="AI691" s="137"/>
      <c r="AJ691" s="137"/>
      <c r="AK691" s="206"/>
      <c r="AL691" s="206"/>
      <c r="AM691" s="143"/>
      <c r="AN691" s="137"/>
      <c r="AO691" s="137"/>
      <c r="AP691" s="137"/>
      <c r="AQ691" s="137"/>
      <c r="AR691" s="137"/>
      <c r="AS691" s="137"/>
      <c r="AT691" s="137"/>
      <c r="AU691" s="137"/>
      <c r="AV691" s="137"/>
      <c r="AW691" s="144"/>
    </row>
    <row r="692" spans="2:49" x14ac:dyDescent="0.2">
      <c r="B692" s="97"/>
      <c r="G692" s="43"/>
      <c r="J692" s="98"/>
      <c r="K692" s="97"/>
      <c r="N692" s="3"/>
      <c r="W692" s="98"/>
      <c r="Z692" s="143"/>
      <c r="AA692" s="137"/>
      <c r="AB692" s="137"/>
      <c r="AC692" s="137"/>
      <c r="AD692" s="137"/>
      <c r="AE692" s="137"/>
      <c r="AF692" s="137"/>
      <c r="AG692" s="137"/>
      <c r="AH692" s="137"/>
      <c r="AI692" s="137"/>
      <c r="AJ692" s="137"/>
      <c r="AK692" s="206"/>
      <c r="AL692" s="206"/>
      <c r="AM692" s="143"/>
      <c r="AN692" s="137"/>
      <c r="AO692" s="137"/>
      <c r="AP692" s="137"/>
      <c r="AQ692" s="137"/>
      <c r="AR692" s="137"/>
      <c r="AS692" s="137"/>
      <c r="AT692" s="137"/>
      <c r="AU692" s="137"/>
      <c r="AV692" s="137"/>
      <c r="AW692" s="144"/>
    </row>
    <row r="693" spans="2:49" x14ac:dyDescent="0.2">
      <c r="B693" s="97"/>
      <c r="G693" s="43"/>
      <c r="J693" s="98"/>
      <c r="K693" s="97"/>
      <c r="N693" s="3"/>
      <c r="W693" s="98"/>
      <c r="Z693" s="143"/>
      <c r="AA693" s="137"/>
      <c r="AB693" s="137"/>
      <c r="AC693" s="137"/>
      <c r="AD693" s="137"/>
      <c r="AE693" s="137"/>
      <c r="AF693" s="137"/>
      <c r="AG693" s="137"/>
      <c r="AH693" s="137"/>
      <c r="AI693" s="137"/>
      <c r="AJ693" s="137"/>
      <c r="AK693" s="206"/>
      <c r="AL693" s="206"/>
      <c r="AM693" s="143"/>
      <c r="AN693" s="137"/>
      <c r="AO693" s="137"/>
      <c r="AP693" s="137"/>
      <c r="AQ693" s="137"/>
      <c r="AR693" s="137"/>
      <c r="AS693" s="137"/>
      <c r="AT693" s="137"/>
      <c r="AU693" s="137"/>
      <c r="AV693" s="137"/>
      <c r="AW693" s="144"/>
    </row>
    <row r="694" spans="2:49" x14ac:dyDescent="0.2">
      <c r="B694" s="97"/>
      <c r="G694" s="43"/>
      <c r="J694" s="98"/>
      <c r="K694" s="97"/>
      <c r="N694" s="3"/>
      <c r="W694" s="98"/>
      <c r="Z694" s="143"/>
      <c r="AA694" s="137"/>
      <c r="AB694" s="137"/>
      <c r="AC694" s="137"/>
      <c r="AD694" s="137"/>
      <c r="AE694" s="137"/>
      <c r="AF694" s="137"/>
      <c r="AG694" s="137"/>
      <c r="AH694" s="137"/>
      <c r="AI694" s="137"/>
      <c r="AJ694" s="137"/>
      <c r="AK694" s="206"/>
      <c r="AL694" s="206"/>
      <c r="AM694" s="143"/>
      <c r="AN694" s="137"/>
      <c r="AO694" s="137"/>
      <c r="AP694" s="137"/>
      <c r="AQ694" s="137"/>
      <c r="AR694" s="137"/>
      <c r="AS694" s="137"/>
      <c r="AT694" s="137"/>
      <c r="AU694" s="137"/>
      <c r="AV694" s="137"/>
      <c r="AW694" s="144"/>
    </row>
    <row r="695" spans="2:49" x14ac:dyDescent="0.2">
      <c r="B695" s="97"/>
      <c r="G695" s="43"/>
      <c r="J695" s="98"/>
      <c r="K695" s="97"/>
      <c r="N695" s="3"/>
      <c r="W695" s="98"/>
      <c r="Z695" s="143"/>
      <c r="AA695" s="137"/>
      <c r="AB695" s="137"/>
      <c r="AC695" s="137"/>
      <c r="AD695" s="137"/>
      <c r="AE695" s="137"/>
      <c r="AF695" s="137"/>
      <c r="AG695" s="137"/>
      <c r="AH695" s="137"/>
      <c r="AI695" s="137"/>
      <c r="AJ695" s="137"/>
      <c r="AK695" s="206"/>
      <c r="AL695" s="206"/>
      <c r="AM695" s="143"/>
      <c r="AN695" s="137"/>
      <c r="AO695" s="137"/>
      <c r="AP695" s="137"/>
      <c r="AQ695" s="137"/>
      <c r="AR695" s="137"/>
      <c r="AS695" s="137"/>
      <c r="AT695" s="137"/>
      <c r="AU695" s="137"/>
      <c r="AV695" s="137"/>
      <c r="AW695" s="144"/>
    </row>
    <row r="696" spans="2:49" x14ac:dyDescent="0.2">
      <c r="B696" s="97"/>
      <c r="G696" s="43"/>
      <c r="J696" s="98"/>
      <c r="K696" s="97"/>
      <c r="N696" s="3"/>
      <c r="W696" s="98"/>
      <c r="Z696" s="143"/>
      <c r="AA696" s="137"/>
      <c r="AB696" s="137"/>
      <c r="AC696" s="137"/>
      <c r="AD696" s="137"/>
      <c r="AE696" s="137"/>
      <c r="AF696" s="137"/>
      <c r="AG696" s="137"/>
      <c r="AH696" s="137"/>
      <c r="AI696" s="137"/>
      <c r="AJ696" s="137"/>
      <c r="AK696" s="206"/>
      <c r="AL696" s="206"/>
      <c r="AM696" s="143"/>
      <c r="AN696" s="137"/>
      <c r="AO696" s="137"/>
      <c r="AP696" s="137"/>
      <c r="AQ696" s="137"/>
      <c r="AR696" s="137"/>
      <c r="AS696" s="137"/>
      <c r="AT696" s="137"/>
      <c r="AU696" s="137"/>
      <c r="AV696" s="137"/>
      <c r="AW696" s="144"/>
    </row>
    <row r="697" spans="2:49" x14ac:dyDescent="0.2">
      <c r="B697" s="97"/>
      <c r="G697" s="43"/>
      <c r="J697" s="98"/>
      <c r="K697" s="97"/>
      <c r="N697" s="3"/>
      <c r="W697" s="98"/>
      <c r="Z697" s="143"/>
      <c r="AA697" s="137"/>
      <c r="AB697" s="137"/>
      <c r="AC697" s="137"/>
      <c r="AD697" s="137"/>
      <c r="AE697" s="137"/>
      <c r="AF697" s="137"/>
      <c r="AG697" s="137"/>
      <c r="AH697" s="137"/>
      <c r="AI697" s="137"/>
      <c r="AJ697" s="137"/>
      <c r="AK697" s="206"/>
      <c r="AL697" s="206"/>
      <c r="AM697" s="143"/>
      <c r="AN697" s="137"/>
      <c r="AO697" s="137"/>
      <c r="AP697" s="137"/>
      <c r="AQ697" s="137"/>
      <c r="AR697" s="137"/>
      <c r="AS697" s="137"/>
      <c r="AT697" s="137"/>
      <c r="AU697" s="137"/>
      <c r="AV697" s="137"/>
      <c r="AW697" s="144"/>
    </row>
    <row r="698" spans="2:49" x14ac:dyDescent="0.2">
      <c r="B698" s="97"/>
      <c r="G698" s="43"/>
      <c r="J698" s="98"/>
      <c r="K698" s="97"/>
      <c r="N698" s="3"/>
      <c r="W698" s="98"/>
      <c r="Z698" s="143"/>
      <c r="AA698" s="137"/>
      <c r="AB698" s="137"/>
      <c r="AC698" s="137"/>
      <c r="AD698" s="137"/>
      <c r="AE698" s="137"/>
      <c r="AF698" s="137"/>
      <c r="AG698" s="137"/>
      <c r="AH698" s="137"/>
      <c r="AI698" s="137"/>
      <c r="AJ698" s="137"/>
      <c r="AK698" s="206"/>
      <c r="AL698" s="206"/>
      <c r="AM698" s="143"/>
      <c r="AN698" s="137"/>
      <c r="AO698" s="137"/>
      <c r="AP698" s="137"/>
      <c r="AQ698" s="137"/>
      <c r="AR698" s="137"/>
      <c r="AS698" s="137"/>
      <c r="AT698" s="137"/>
      <c r="AU698" s="137"/>
      <c r="AV698" s="137"/>
      <c r="AW698" s="144"/>
    </row>
    <row r="699" spans="2:49" x14ac:dyDescent="0.2">
      <c r="B699" s="97"/>
      <c r="G699" s="43"/>
      <c r="J699" s="98"/>
      <c r="K699" s="97"/>
      <c r="N699" s="3"/>
      <c r="W699" s="98"/>
      <c r="Z699" s="143"/>
      <c r="AA699" s="137"/>
      <c r="AB699" s="137"/>
      <c r="AC699" s="137"/>
      <c r="AD699" s="137"/>
      <c r="AE699" s="137"/>
      <c r="AF699" s="137"/>
      <c r="AG699" s="137"/>
      <c r="AH699" s="137"/>
      <c r="AI699" s="137"/>
      <c r="AJ699" s="137"/>
      <c r="AK699" s="206"/>
      <c r="AL699" s="206"/>
      <c r="AM699" s="143"/>
      <c r="AN699" s="137"/>
      <c r="AO699" s="137"/>
      <c r="AP699" s="137"/>
      <c r="AQ699" s="137"/>
      <c r="AR699" s="137"/>
      <c r="AS699" s="137"/>
      <c r="AT699" s="137"/>
      <c r="AU699" s="137"/>
      <c r="AV699" s="137"/>
      <c r="AW699" s="144"/>
    </row>
    <row r="700" spans="2:49" x14ac:dyDescent="0.2">
      <c r="B700" s="97"/>
      <c r="G700" s="43"/>
      <c r="J700" s="98"/>
      <c r="K700" s="97"/>
      <c r="N700" s="3"/>
      <c r="W700" s="98"/>
      <c r="Z700" s="143"/>
      <c r="AA700" s="137"/>
      <c r="AB700" s="137"/>
      <c r="AC700" s="137"/>
      <c r="AD700" s="137"/>
      <c r="AE700" s="137"/>
      <c r="AF700" s="137"/>
      <c r="AG700" s="137"/>
      <c r="AH700" s="137"/>
      <c r="AI700" s="137"/>
      <c r="AJ700" s="137"/>
      <c r="AK700" s="206"/>
      <c r="AL700" s="206"/>
      <c r="AM700" s="143"/>
      <c r="AN700" s="137"/>
      <c r="AO700" s="137"/>
      <c r="AP700" s="137"/>
      <c r="AQ700" s="137"/>
      <c r="AR700" s="137"/>
      <c r="AS700" s="137"/>
      <c r="AT700" s="137"/>
      <c r="AU700" s="137"/>
      <c r="AV700" s="137"/>
      <c r="AW700" s="144"/>
    </row>
    <row r="701" spans="2:49" x14ac:dyDescent="0.2">
      <c r="B701" s="97"/>
      <c r="G701" s="43"/>
      <c r="J701" s="98"/>
      <c r="K701" s="97"/>
      <c r="N701" s="3"/>
      <c r="W701" s="98"/>
      <c r="Z701" s="143"/>
      <c r="AA701" s="137"/>
      <c r="AB701" s="137"/>
      <c r="AC701" s="137"/>
      <c r="AD701" s="137"/>
      <c r="AE701" s="137"/>
      <c r="AF701" s="137"/>
      <c r="AG701" s="137"/>
      <c r="AH701" s="137"/>
      <c r="AI701" s="137"/>
      <c r="AJ701" s="137"/>
      <c r="AK701" s="206"/>
      <c r="AL701" s="206"/>
      <c r="AM701" s="143"/>
      <c r="AN701" s="137"/>
      <c r="AO701" s="137"/>
      <c r="AP701" s="137"/>
      <c r="AQ701" s="137"/>
      <c r="AR701" s="137"/>
      <c r="AS701" s="137"/>
      <c r="AT701" s="137"/>
      <c r="AU701" s="137"/>
      <c r="AV701" s="137"/>
      <c r="AW701" s="144"/>
    </row>
    <row r="702" spans="2:49" x14ac:dyDescent="0.2">
      <c r="B702" s="97"/>
      <c r="G702" s="43"/>
      <c r="J702" s="98"/>
      <c r="K702" s="97"/>
      <c r="N702" s="3"/>
      <c r="W702" s="98"/>
      <c r="Z702" s="143"/>
      <c r="AA702" s="137"/>
      <c r="AB702" s="137"/>
      <c r="AC702" s="137"/>
      <c r="AD702" s="137"/>
      <c r="AE702" s="137"/>
      <c r="AF702" s="137"/>
      <c r="AG702" s="137"/>
      <c r="AH702" s="137"/>
      <c r="AI702" s="137"/>
      <c r="AJ702" s="137"/>
      <c r="AK702" s="206"/>
      <c r="AL702" s="206"/>
      <c r="AM702" s="143"/>
      <c r="AN702" s="137"/>
      <c r="AO702" s="137"/>
      <c r="AP702" s="137"/>
      <c r="AQ702" s="137"/>
      <c r="AR702" s="137"/>
      <c r="AS702" s="137"/>
      <c r="AT702" s="137"/>
      <c r="AU702" s="137"/>
      <c r="AV702" s="137"/>
      <c r="AW702" s="144"/>
    </row>
    <row r="703" spans="2:49" x14ac:dyDescent="0.2">
      <c r="B703" s="97"/>
      <c r="G703" s="43"/>
      <c r="J703" s="98"/>
      <c r="K703" s="97"/>
      <c r="N703" s="3"/>
      <c r="W703" s="98"/>
      <c r="Z703" s="143"/>
      <c r="AA703" s="137"/>
      <c r="AB703" s="137"/>
      <c r="AC703" s="137"/>
      <c r="AD703" s="137"/>
      <c r="AE703" s="137"/>
      <c r="AF703" s="137"/>
      <c r="AG703" s="137"/>
      <c r="AH703" s="137"/>
      <c r="AI703" s="137"/>
      <c r="AJ703" s="137"/>
      <c r="AK703" s="206"/>
      <c r="AL703" s="206"/>
      <c r="AM703" s="143"/>
      <c r="AN703" s="137"/>
      <c r="AO703" s="137"/>
      <c r="AP703" s="137"/>
      <c r="AQ703" s="137"/>
      <c r="AR703" s="137"/>
      <c r="AS703" s="137"/>
      <c r="AT703" s="137"/>
      <c r="AU703" s="137"/>
      <c r="AV703" s="137"/>
      <c r="AW703" s="144"/>
    </row>
    <row r="704" spans="2:49" x14ac:dyDescent="0.2">
      <c r="B704" s="97"/>
      <c r="G704" s="43"/>
      <c r="J704" s="98"/>
      <c r="K704" s="97"/>
      <c r="N704" s="3"/>
      <c r="W704" s="98"/>
      <c r="Z704" s="143"/>
      <c r="AA704" s="137"/>
      <c r="AB704" s="137"/>
      <c r="AC704" s="137"/>
      <c r="AD704" s="137"/>
      <c r="AE704" s="137"/>
      <c r="AF704" s="137"/>
      <c r="AG704" s="137"/>
      <c r="AH704" s="137"/>
      <c r="AI704" s="137"/>
      <c r="AJ704" s="137"/>
      <c r="AK704" s="206"/>
      <c r="AL704" s="206"/>
      <c r="AM704" s="143"/>
      <c r="AN704" s="137"/>
      <c r="AO704" s="137"/>
      <c r="AP704" s="137"/>
      <c r="AQ704" s="137"/>
      <c r="AR704" s="137"/>
      <c r="AS704" s="137"/>
      <c r="AT704" s="137"/>
      <c r="AU704" s="137"/>
      <c r="AV704" s="137"/>
      <c r="AW704" s="144"/>
    </row>
    <row r="705" spans="2:49" x14ac:dyDescent="0.2">
      <c r="B705" s="97"/>
      <c r="G705" s="43"/>
      <c r="J705" s="98"/>
      <c r="K705" s="97"/>
      <c r="N705" s="3"/>
      <c r="W705" s="98"/>
      <c r="Z705" s="143"/>
      <c r="AA705" s="137"/>
      <c r="AB705" s="137"/>
      <c r="AC705" s="137"/>
      <c r="AD705" s="137"/>
      <c r="AE705" s="137"/>
      <c r="AF705" s="137"/>
      <c r="AG705" s="137"/>
      <c r="AH705" s="137"/>
      <c r="AI705" s="137"/>
      <c r="AJ705" s="137"/>
      <c r="AK705" s="206"/>
      <c r="AL705" s="206"/>
      <c r="AM705" s="143"/>
      <c r="AN705" s="137"/>
      <c r="AO705" s="137"/>
      <c r="AP705" s="137"/>
      <c r="AQ705" s="137"/>
      <c r="AR705" s="137"/>
      <c r="AS705" s="137"/>
      <c r="AT705" s="137"/>
      <c r="AU705" s="137"/>
      <c r="AV705" s="137"/>
      <c r="AW705" s="144"/>
    </row>
    <row r="706" spans="2:49" x14ac:dyDescent="0.2">
      <c r="B706" s="97"/>
      <c r="G706" s="43"/>
      <c r="J706" s="98"/>
      <c r="K706" s="97"/>
      <c r="N706" s="3"/>
      <c r="W706" s="98"/>
      <c r="Z706" s="143"/>
      <c r="AA706" s="137"/>
      <c r="AB706" s="137"/>
      <c r="AC706" s="137"/>
      <c r="AD706" s="137"/>
      <c r="AE706" s="137"/>
      <c r="AF706" s="137"/>
      <c r="AG706" s="137"/>
      <c r="AH706" s="137"/>
      <c r="AI706" s="137"/>
      <c r="AJ706" s="137"/>
      <c r="AK706" s="206"/>
      <c r="AL706" s="206"/>
      <c r="AM706" s="143"/>
      <c r="AN706" s="137"/>
      <c r="AO706" s="137"/>
      <c r="AP706" s="137"/>
      <c r="AQ706" s="137"/>
      <c r="AR706" s="137"/>
      <c r="AS706" s="137"/>
      <c r="AT706" s="137"/>
      <c r="AU706" s="137"/>
      <c r="AV706" s="137"/>
      <c r="AW706" s="144"/>
    </row>
    <row r="707" spans="2:49" x14ac:dyDescent="0.2">
      <c r="B707" s="97"/>
      <c r="G707" s="43"/>
      <c r="J707" s="98"/>
      <c r="K707" s="97"/>
      <c r="N707" s="3"/>
      <c r="W707" s="98"/>
      <c r="Z707" s="143"/>
      <c r="AA707" s="137"/>
      <c r="AB707" s="137"/>
      <c r="AC707" s="137"/>
      <c r="AD707" s="137"/>
      <c r="AE707" s="137"/>
      <c r="AF707" s="137"/>
      <c r="AG707" s="137"/>
      <c r="AH707" s="137"/>
      <c r="AI707" s="137"/>
      <c r="AJ707" s="137"/>
      <c r="AK707" s="206"/>
      <c r="AL707" s="206"/>
      <c r="AM707" s="143"/>
      <c r="AN707" s="137"/>
      <c r="AO707" s="137"/>
      <c r="AP707" s="137"/>
      <c r="AQ707" s="137"/>
      <c r="AR707" s="137"/>
      <c r="AS707" s="137"/>
      <c r="AT707" s="137"/>
      <c r="AU707" s="137"/>
      <c r="AV707" s="137"/>
      <c r="AW707" s="144"/>
    </row>
    <row r="708" spans="2:49" x14ac:dyDescent="0.2">
      <c r="B708" s="97"/>
      <c r="G708" s="43"/>
      <c r="J708" s="98"/>
      <c r="K708" s="97"/>
      <c r="N708" s="3"/>
      <c r="W708" s="98"/>
      <c r="Z708" s="143"/>
      <c r="AA708" s="137"/>
      <c r="AB708" s="137"/>
      <c r="AC708" s="137"/>
      <c r="AD708" s="137"/>
      <c r="AE708" s="137"/>
      <c r="AF708" s="137"/>
      <c r="AG708" s="137"/>
      <c r="AH708" s="137"/>
      <c r="AI708" s="137"/>
      <c r="AJ708" s="137"/>
      <c r="AK708" s="206"/>
      <c r="AL708" s="206"/>
      <c r="AM708" s="143"/>
      <c r="AN708" s="137"/>
      <c r="AO708" s="137"/>
      <c r="AP708" s="137"/>
      <c r="AQ708" s="137"/>
      <c r="AR708" s="137"/>
      <c r="AS708" s="137"/>
      <c r="AT708" s="137"/>
      <c r="AU708" s="137"/>
      <c r="AV708" s="137"/>
      <c r="AW708" s="144"/>
    </row>
    <row r="709" spans="2:49" x14ac:dyDescent="0.2">
      <c r="B709" s="97"/>
      <c r="G709" s="43"/>
      <c r="J709" s="98"/>
      <c r="K709" s="97"/>
      <c r="N709" s="3"/>
      <c r="W709" s="98"/>
      <c r="Z709" s="143"/>
      <c r="AA709" s="137"/>
      <c r="AB709" s="137"/>
      <c r="AC709" s="137"/>
      <c r="AD709" s="137"/>
      <c r="AE709" s="137"/>
      <c r="AF709" s="137"/>
      <c r="AG709" s="137"/>
      <c r="AH709" s="137"/>
      <c r="AI709" s="137"/>
      <c r="AJ709" s="137"/>
      <c r="AK709" s="206"/>
      <c r="AL709" s="206"/>
      <c r="AM709" s="143"/>
      <c r="AN709" s="137"/>
      <c r="AO709" s="137"/>
      <c r="AP709" s="137"/>
      <c r="AQ709" s="137"/>
      <c r="AR709" s="137"/>
      <c r="AS709" s="137"/>
      <c r="AT709" s="137"/>
      <c r="AU709" s="137"/>
      <c r="AV709" s="137"/>
      <c r="AW709" s="144"/>
    </row>
    <row r="710" spans="2:49" x14ac:dyDescent="0.2">
      <c r="B710" s="97"/>
      <c r="G710" s="43"/>
      <c r="J710" s="98"/>
      <c r="K710" s="97"/>
      <c r="N710" s="3"/>
      <c r="W710" s="98"/>
      <c r="Z710" s="143"/>
      <c r="AA710" s="137"/>
      <c r="AB710" s="137"/>
      <c r="AC710" s="137"/>
      <c r="AD710" s="137"/>
      <c r="AE710" s="137"/>
      <c r="AF710" s="137"/>
      <c r="AG710" s="137"/>
      <c r="AH710" s="137"/>
      <c r="AI710" s="137"/>
      <c r="AJ710" s="137"/>
      <c r="AK710" s="206"/>
      <c r="AL710" s="206"/>
      <c r="AM710" s="143"/>
      <c r="AN710" s="137"/>
      <c r="AO710" s="137"/>
      <c r="AP710" s="137"/>
      <c r="AQ710" s="137"/>
      <c r="AR710" s="137"/>
      <c r="AS710" s="137"/>
      <c r="AT710" s="137"/>
      <c r="AU710" s="137"/>
      <c r="AV710" s="137"/>
      <c r="AW710" s="144"/>
    </row>
    <row r="711" spans="2:49" x14ac:dyDescent="0.2">
      <c r="B711" s="97"/>
      <c r="G711" s="43"/>
      <c r="J711" s="98"/>
      <c r="K711" s="97"/>
      <c r="N711" s="3"/>
      <c r="W711" s="98"/>
      <c r="Z711" s="143"/>
      <c r="AA711" s="137"/>
      <c r="AB711" s="137"/>
      <c r="AC711" s="137"/>
      <c r="AD711" s="137"/>
      <c r="AE711" s="137"/>
      <c r="AF711" s="137"/>
      <c r="AG711" s="137"/>
      <c r="AH711" s="137"/>
      <c r="AI711" s="137"/>
      <c r="AJ711" s="137"/>
      <c r="AK711" s="206"/>
      <c r="AL711" s="206"/>
      <c r="AM711" s="143"/>
      <c r="AN711" s="137"/>
      <c r="AO711" s="137"/>
      <c r="AP711" s="137"/>
      <c r="AQ711" s="137"/>
      <c r="AR711" s="137"/>
      <c r="AS711" s="137"/>
      <c r="AT711" s="137"/>
      <c r="AU711" s="137"/>
      <c r="AV711" s="137"/>
      <c r="AW711" s="144"/>
    </row>
    <row r="712" spans="2:49" x14ac:dyDescent="0.2">
      <c r="B712" s="97"/>
      <c r="G712" s="43"/>
      <c r="J712" s="98"/>
      <c r="K712" s="97"/>
      <c r="N712" s="3"/>
      <c r="W712" s="98"/>
      <c r="Z712" s="143"/>
      <c r="AA712" s="137"/>
      <c r="AB712" s="137"/>
      <c r="AC712" s="137"/>
      <c r="AD712" s="137"/>
      <c r="AE712" s="137"/>
      <c r="AF712" s="137"/>
      <c r="AG712" s="137"/>
      <c r="AH712" s="137"/>
      <c r="AI712" s="137"/>
      <c r="AJ712" s="137"/>
      <c r="AK712" s="206"/>
      <c r="AL712" s="206"/>
      <c r="AM712" s="143"/>
      <c r="AN712" s="137"/>
      <c r="AO712" s="137"/>
      <c r="AP712" s="137"/>
      <c r="AQ712" s="137"/>
      <c r="AR712" s="137"/>
      <c r="AS712" s="137"/>
      <c r="AT712" s="137"/>
      <c r="AU712" s="137"/>
      <c r="AV712" s="137"/>
      <c r="AW712" s="144"/>
    </row>
    <row r="713" spans="2:49" x14ac:dyDescent="0.2">
      <c r="B713" s="97"/>
      <c r="G713" s="43"/>
      <c r="J713" s="98"/>
      <c r="K713" s="97"/>
      <c r="N713" s="3"/>
      <c r="W713" s="98"/>
      <c r="Z713" s="143"/>
      <c r="AA713" s="137"/>
      <c r="AB713" s="137"/>
      <c r="AC713" s="137"/>
      <c r="AD713" s="137"/>
      <c r="AE713" s="137"/>
      <c r="AF713" s="137"/>
      <c r="AG713" s="137"/>
      <c r="AH713" s="137"/>
      <c r="AI713" s="137"/>
      <c r="AJ713" s="137"/>
      <c r="AK713" s="206"/>
      <c r="AL713" s="206"/>
      <c r="AM713" s="143"/>
      <c r="AN713" s="137"/>
      <c r="AO713" s="137"/>
      <c r="AP713" s="137"/>
      <c r="AQ713" s="137"/>
      <c r="AR713" s="137"/>
      <c r="AS713" s="137"/>
      <c r="AT713" s="137"/>
      <c r="AU713" s="137"/>
      <c r="AV713" s="137"/>
      <c r="AW713" s="144"/>
    </row>
    <row r="714" spans="2:49" x14ac:dyDescent="0.2">
      <c r="B714" s="97"/>
      <c r="G714" s="43"/>
      <c r="J714" s="98"/>
      <c r="K714" s="97"/>
      <c r="N714" s="3"/>
      <c r="W714" s="98"/>
      <c r="Z714" s="143"/>
      <c r="AA714" s="137"/>
      <c r="AB714" s="137"/>
      <c r="AC714" s="137"/>
      <c r="AD714" s="137"/>
      <c r="AE714" s="137"/>
      <c r="AF714" s="137"/>
      <c r="AG714" s="137"/>
      <c r="AH714" s="137"/>
      <c r="AI714" s="137"/>
      <c r="AJ714" s="137"/>
      <c r="AK714" s="206"/>
      <c r="AL714" s="206"/>
      <c r="AM714" s="143"/>
      <c r="AN714" s="137"/>
      <c r="AO714" s="137"/>
      <c r="AP714" s="137"/>
      <c r="AQ714" s="137"/>
      <c r="AR714" s="137"/>
      <c r="AS714" s="137"/>
      <c r="AT714" s="137"/>
      <c r="AU714" s="137"/>
      <c r="AV714" s="137"/>
      <c r="AW714" s="144"/>
    </row>
    <row r="715" spans="2:49" x14ac:dyDescent="0.2">
      <c r="B715" s="97"/>
      <c r="G715" s="43"/>
      <c r="J715" s="98"/>
      <c r="K715" s="97"/>
      <c r="N715" s="3"/>
      <c r="W715" s="98"/>
      <c r="Z715" s="143"/>
      <c r="AA715" s="137"/>
      <c r="AB715" s="137"/>
      <c r="AC715" s="137"/>
      <c r="AD715" s="137"/>
      <c r="AE715" s="137"/>
      <c r="AF715" s="137"/>
      <c r="AG715" s="137"/>
      <c r="AH715" s="137"/>
      <c r="AI715" s="137"/>
      <c r="AJ715" s="137"/>
      <c r="AK715" s="206"/>
      <c r="AL715" s="206"/>
      <c r="AM715" s="143"/>
      <c r="AN715" s="137"/>
      <c r="AO715" s="137"/>
      <c r="AP715" s="137"/>
      <c r="AQ715" s="137"/>
      <c r="AR715" s="137"/>
      <c r="AS715" s="137"/>
      <c r="AT715" s="137"/>
      <c r="AU715" s="137"/>
      <c r="AV715" s="137"/>
      <c r="AW715" s="144"/>
    </row>
    <row r="716" spans="2:49" x14ac:dyDescent="0.2">
      <c r="B716" s="97"/>
      <c r="G716" s="43"/>
      <c r="J716" s="98"/>
      <c r="K716" s="97"/>
      <c r="N716" s="3"/>
      <c r="W716" s="98"/>
      <c r="Z716" s="143"/>
      <c r="AA716" s="137"/>
      <c r="AB716" s="137"/>
      <c r="AC716" s="137"/>
      <c r="AD716" s="137"/>
      <c r="AE716" s="137"/>
      <c r="AF716" s="137"/>
      <c r="AG716" s="137"/>
      <c r="AH716" s="137"/>
      <c r="AI716" s="137"/>
      <c r="AJ716" s="137"/>
      <c r="AK716" s="206"/>
      <c r="AL716" s="206"/>
      <c r="AM716" s="143"/>
      <c r="AN716" s="137"/>
      <c r="AO716" s="137"/>
      <c r="AP716" s="137"/>
      <c r="AQ716" s="137"/>
      <c r="AR716" s="137"/>
      <c r="AS716" s="137"/>
      <c r="AT716" s="137"/>
      <c r="AU716" s="137"/>
      <c r="AV716" s="137"/>
      <c r="AW716" s="144"/>
    </row>
    <row r="717" spans="2:49" x14ac:dyDescent="0.2">
      <c r="B717" s="97"/>
      <c r="G717" s="43"/>
      <c r="J717" s="98"/>
      <c r="K717" s="97"/>
      <c r="N717" s="3"/>
      <c r="W717" s="98"/>
      <c r="Z717" s="143"/>
      <c r="AA717" s="137"/>
      <c r="AB717" s="137"/>
      <c r="AC717" s="137"/>
      <c r="AD717" s="137"/>
      <c r="AE717" s="137"/>
      <c r="AF717" s="137"/>
      <c r="AG717" s="137"/>
      <c r="AH717" s="137"/>
      <c r="AI717" s="137"/>
      <c r="AJ717" s="137"/>
      <c r="AK717" s="206"/>
      <c r="AL717" s="206"/>
      <c r="AM717" s="143"/>
      <c r="AN717" s="137"/>
      <c r="AO717" s="137"/>
      <c r="AP717" s="137"/>
      <c r="AQ717" s="137"/>
      <c r="AR717" s="137"/>
      <c r="AS717" s="137"/>
      <c r="AT717" s="137"/>
      <c r="AU717" s="137"/>
      <c r="AV717" s="137"/>
      <c r="AW717" s="144"/>
    </row>
    <row r="718" spans="2:49" x14ac:dyDescent="0.2">
      <c r="B718" s="97"/>
      <c r="G718" s="43"/>
      <c r="J718" s="98"/>
      <c r="K718" s="97"/>
      <c r="N718" s="3"/>
      <c r="W718" s="98"/>
      <c r="Z718" s="143"/>
      <c r="AA718" s="137"/>
      <c r="AB718" s="137"/>
      <c r="AC718" s="137"/>
      <c r="AD718" s="137"/>
      <c r="AE718" s="137"/>
      <c r="AF718" s="137"/>
      <c r="AG718" s="137"/>
      <c r="AH718" s="137"/>
      <c r="AI718" s="137"/>
      <c r="AJ718" s="137"/>
      <c r="AK718" s="206"/>
      <c r="AL718" s="206"/>
      <c r="AM718" s="143"/>
      <c r="AN718" s="137"/>
      <c r="AO718" s="137"/>
      <c r="AP718" s="137"/>
      <c r="AQ718" s="137"/>
      <c r="AR718" s="137"/>
      <c r="AS718" s="137"/>
      <c r="AT718" s="137"/>
      <c r="AU718" s="137"/>
      <c r="AV718" s="137"/>
      <c r="AW718" s="144"/>
    </row>
    <row r="719" spans="2:49" x14ac:dyDescent="0.2">
      <c r="B719" s="97"/>
      <c r="G719" s="43"/>
      <c r="J719" s="98"/>
      <c r="K719" s="97"/>
      <c r="N719" s="3"/>
      <c r="W719" s="98"/>
      <c r="Z719" s="143"/>
      <c r="AA719" s="137"/>
      <c r="AB719" s="137"/>
      <c r="AC719" s="137"/>
      <c r="AD719" s="137"/>
      <c r="AE719" s="137"/>
      <c r="AF719" s="137"/>
      <c r="AG719" s="137"/>
      <c r="AH719" s="137"/>
      <c r="AI719" s="137"/>
      <c r="AJ719" s="137"/>
      <c r="AK719" s="206"/>
      <c r="AL719" s="206"/>
      <c r="AM719" s="143"/>
      <c r="AN719" s="137"/>
      <c r="AO719" s="137"/>
      <c r="AP719" s="137"/>
      <c r="AQ719" s="137"/>
      <c r="AR719" s="137"/>
      <c r="AS719" s="137"/>
      <c r="AT719" s="137"/>
      <c r="AU719" s="137"/>
      <c r="AV719" s="137"/>
      <c r="AW719" s="144"/>
    </row>
    <row r="720" spans="2:49" x14ac:dyDescent="0.2">
      <c r="B720" s="97"/>
      <c r="G720" s="43"/>
      <c r="J720" s="98"/>
      <c r="K720" s="97"/>
      <c r="N720" s="3"/>
      <c r="W720" s="98"/>
      <c r="Z720" s="143"/>
      <c r="AA720" s="137"/>
      <c r="AB720" s="137"/>
      <c r="AC720" s="137"/>
      <c r="AD720" s="137"/>
      <c r="AE720" s="137"/>
      <c r="AF720" s="137"/>
      <c r="AG720" s="137"/>
      <c r="AH720" s="137"/>
      <c r="AI720" s="137"/>
      <c r="AJ720" s="137"/>
      <c r="AK720" s="206"/>
      <c r="AL720" s="206"/>
      <c r="AM720" s="143"/>
      <c r="AN720" s="137"/>
      <c r="AO720" s="137"/>
      <c r="AP720" s="137"/>
      <c r="AQ720" s="137"/>
      <c r="AR720" s="137"/>
      <c r="AS720" s="137"/>
      <c r="AT720" s="137"/>
      <c r="AU720" s="137"/>
      <c r="AV720" s="137"/>
      <c r="AW720" s="144"/>
    </row>
    <row r="721" spans="2:49" x14ac:dyDescent="0.2">
      <c r="B721" s="97"/>
      <c r="G721" s="43"/>
      <c r="J721" s="98"/>
      <c r="K721" s="97"/>
      <c r="N721" s="3"/>
      <c r="W721" s="98"/>
      <c r="Z721" s="143"/>
      <c r="AA721" s="137"/>
      <c r="AB721" s="137"/>
      <c r="AC721" s="137"/>
      <c r="AD721" s="137"/>
      <c r="AE721" s="137"/>
      <c r="AF721" s="137"/>
      <c r="AG721" s="137"/>
      <c r="AH721" s="137"/>
      <c r="AI721" s="137"/>
      <c r="AJ721" s="137"/>
      <c r="AK721" s="206"/>
      <c r="AL721" s="206"/>
      <c r="AM721" s="143"/>
      <c r="AN721" s="137"/>
      <c r="AO721" s="137"/>
      <c r="AP721" s="137"/>
      <c r="AQ721" s="137"/>
      <c r="AR721" s="137"/>
      <c r="AS721" s="137"/>
      <c r="AT721" s="137"/>
      <c r="AU721" s="137"/>
      <c r="AV721" s="137"/>
      <c r="AW721" s="144"/>
    </row>
    <row r="722" spans="2:49" x14ac:dyDescent="0.2">
      <c r="B722" s="97"/>
      <c r="G722" s="43"/>
      <c r="J722" s="98"/>
      <c r="K722" s="97"/>
      <c r="N722" s="3"/>
      <c r="W722" s="98"/>
      <c r="Z722" s="143"/>
      <c r="AA722" s="137"/>
      <c r="AB722" s="137"/>
      <c r="AC722" s="137"/>
      <c r="AD722" s="137"/>
      <c r="AE722" s="137"/>
      <c r="AF722" s="137"/>
      <c r="AG722" s="137"/>
      <c r="AH722" s="137"/>
      <c r="AI722" s="137"/>
      <c r="AJ722" s="137"/>
      <c r="AK722" s="206"/>
      <c r="AL722" s="206"/>
      <c r="AM722" s="143"/>
      <c r="AN722" s="137"/>
      <c r="AO722" s="137"/>
      <c r="AP722" s="137"/>
      <c r="AQ722" s="137"/>
      <c r="AR722" s="137"/>
      <c r="AS722" s="137"/>
      <c r="AT722" s="137"/>
      <c r="AU722" s="137"/>
      <c r="AV722" s="137"/>
      <c r="AW722" s="144"/>
    </row>
    <row r="723" spans="2:49" x14ac:dyDescent="0.2">
      <c r="B723" s="97"/>
      <c r="G723" s="43"/>
      <c r="J723" s="98"/>
      <c r="K723" s="97"/>
      <c r="N723" s="3"/>
      <c r="W723" s="98"/>
      <c r="Z723" s="143"/>
      <c r="AA723" s="137"/>
      <c r="AB723" s="137"/>
      <c r="AC723" s="137"/>
      <c r="AD723" s="137"/>
      <c r="AE723" s="137"/>
      <c r="AF723" s="137"/>
      <c r="AG723" s="137"/>
      <c r="AH723" s="137"/>
      <c r="AI723" s="137"/>
      <c r="AJ723" s="137"/>
      <c r="AK723" s="206"/>
      <c r="AL723" s="206"/>
      <c r="AM723" s="143"/>
      <c r="AN723" s="137"/>
      <c r="AO723" s="137"/>
      <c r="AP723" s="137"/>
      <c r="AQ723" s="137"/>
      <c r="AR723" s="137"/>
      <c r="AS723" s="137"/>
      <c r="AT723" s="137"/>
      <c r="AU723" s="137"/>
      <c r="AV723" s="137"/>
      <c r="AW723" s="144"/>
    </row>
    <row r="724" spans="2:49" x14ac:dyDescent="0.2">
      <c r="B724" s="97"/>
      <c r="G724" s="43"/>
      <c r="J724" s="98"/>
      <c r="K724" s="97"/>
      <c r="N724" s="3"/>
      <c r="W724" s="98"/>
      <c r="Z724" s="143"/>
      <c r="AA724" s="137"/>
      <c r="AB724" s="137"/>
      <c r="AC724" s="137"/>
      <c r="AD724" s="137"/>
      <c r="AE724" s="137"/>
      <c r="AF724" s="137"/>
      <c r="AG724" s="137"/>
      <c r="AH724" s="137"/>
      <c r="AI724" s="137"/>
      <c r="AJ724" s="137"/>
      <c r="AK724" s="206"/>
      <c r="AL724" s="206"/>
      <c r="AM724" s="143"/>
      <c r="AN724" s="137"/>
      <c r="AO724" s="137"/>
      <c r="AP724" s="137"/>
      <c r="AQ724" s="137"/>
      <c r="AR724" s="137"/>
      <c r="AS724" s="137"/>
      <c r="AT724" s="137"/>
      <c r="AU724" s="137"/>
      <c r="AV724" s="137"/>
      <c r="AW724" s="144"/>
    </row>
    <row r="725" spans="2:49" x14ac:dyDescent="0.2">
      <c r="B725" s="97"/>
      <c r="G725" s="43"/>
      <c r="J725" s="98"/>
      <c r="K725" s="97"/>
      <c r="N725" s="3"/>
      <c r="W725" s="98"/>
      <c r="Z725" s="143"/>
      <c r="AA725" s="137"/>
      <c r="AB725" s="137"/>
      <c r="AC725" s="137"/>
      <c r="AD725" s="137"/>
      <c r="AE725" s="137"/>
      <c r="AF725" s="137"/>
      <c r="AG725" s="137"/>
      <c r="AH725" s="137"/>
      <c r="AI725" s="137"/>
      <c r="AJ725" s="137"/>
      <c r="AK725" s="206"/>
      <c r="AL725" s="206"/>
      <c r="AM725" s="143"/>
      <c r="AN725" s="137"/>
      <c r="AO725" s="137"/>
      <c r="AP725" s="137"/>
      <c r="AQ725" s="137"/>
      <c r="AR725" s="137"/>
      <c r="AS725" s="137"/>
      <c r="AT725" s="137"/>
      <c r="AU725" s="137"/>
      <c r="AV725" s="137"/>
      <c r="AW725" s="144"/>
    </row>
    <row r="726" spans="2:49" x14ac:dyDescent="0.2">
      <c r="B726" s="97"/>
      <c r="G726" s="43"/>
      <c r="J726" s="98"/>
      <c r="K726" s="97"/>
      <c r="N726" s="3"/>
      <c r="W726" s="98"/>
      <c r="Z726" s="143"/>
      <c r="AA726" s="137"/>
      <c r="AB726" s="137"/>
      <c r="AC726" s="137"/>
      <c r="AD726" s="137"/>
      <c r="AE726" s="137"/>
      <c r="AF726" s="137"/>
      <c r="AG726" s="137"/>
      <c r="AH726" s="137"/>
      <c r="AI726" s="137"/>
      <c r="AJ726" s="137"/>
      <c r="AK726" s="206"/>
      <c r="AL726" s="206"/>
      <c r="AM726" s="143"/>
      <c r="AN726" s="137"/>
      <c r="AO726" s="137"/>
      <c r="AP726" s="137"/>
      <c r="AQ726" s="137"/>
      <c r="AR726" s="137"/>
      <c r="AS726" s="137"/>
      <c r="AT726" s="137"/>
      <c r="AU726" s="137"/>
      <c r="AV726" s="137"/>
      <c r="AW726" s="144"/>
    </row>
    <row r="727" spans="2:49" x14ac:dyDescent="0.2">
      <c r="B727" s="97"/>
      <c r="G727" s="43"/>
      <c r="J727" s="98"/>
      <c r="K727" s="97"/>
      <c r="N727" s="3"/>
      <c r="W727" s="98"/>
      <c r="Z727" s="143"/>
      <c r="AA727" s="137"/>
      <c r="AB727" s="137"/>
      <c r="AC727" s="137"/>
      <c r="AD727" s="137"/>
      <c r="AE727" s="137"/>
      <c r="AF727" s="137"/>
      <c r="AG727" s="137"/>
      <c r="AH727" s="137"/>
      <c r="AI727" s="137"/>
      <c r="AJ727" s="137"/>
      <c r="AK727" s="206"/>
      <c r="AL727" s="206"/>
      <c r="AM727" s="143"/>
      <c r="AN727" s="137"/>
      <c r="AO727" s="137"/>
      <c r="AP727" s="137"/>
      <c r="AQ727" s="137"/>
      <c r="AR727" s="137"/>
      <c r="AS727" s="137"/>
      <c r="AT727" s="137"/>
      <c r="AU727" s="137"/>
      <c r="AV727" s="137"/>
      <c r="AW727" s="144"/>
    </row>
    <row r="728" spans="2:49" x14ac:dyDescent="0.2">
      <c r="B728" s="97"/>
      <c r="G728" s="43"/>
      <c r="J728" s="98"/>
      <c r="K728" s="97"/>
      <c r="N728" s="3"/>
      <c r="W728" s="98"/>
      <c r="Z728" s="143"/>
      <c r="AA728" s="137"/>
      <c r="AB728" s="137"/>
      <c r="AC728" s="137"/>
      <c r="AD728" s="137"/>
      <c r="AE728" s="137"/>
      <c r="AF728" s="137"/>
      <c r="AG728" s="137"/>
      <c r="AH728" s="137"/>
      <c r="AI728" s="137"/>
      <c r="AJ728" s="137"/>
      <c r="AK728" s="206"/>
      <c r="AL728" s="206"/>
      <c r="AM728" s="143"/>
      <c r="AN728" s="137"/>
      <c r="AO728" s="137"/>
      <c r="AP728" s="137"/>
      <c r="AQ728" s="137"/>
      <c r="AR728" s="137"/>
      <c r="AS728" s="137"/>
      <c r="AT728" s="137"/>
      <c r="AU728" s="137"/>
      <c r="AV728" s="137"/>
      <c r="AW728" s="144"/>
    </row>
    <row r="729" spans="2:49" x14ac:dyDescent="0.2">
      <c r="B729" s="97"/>
      <c r="G729" s="43"/>
      <c r="J729" s="98"/>
      <c r="K729" s="97"/>
      <c r="N729" s="3"/>
      <c r="W729" s="98"/>
      <c r="Z729" s="143"/>
      <c r="AA729" s="137"/>
      <c r="AB729" s="137"/>
      <c r="AC729" s="137"/>
      <c r="AD729" s="137"/>
      <c r="AE729" s="137"/>
      <c r="AF729" s="137"/>
      <c r="AG729" s="137"/>
      <c r="AH729" s="137"/>
      <c r="AI729" s="137"/>
      <c r="AJ729" s="137"/>
      <c r="AK729" s="206"/>
      <c r="AL729" s="206"/>
      <c r="AM729" s="143"/>
      <c r="AN729" s="137"/>
      <c r="AO729" s="137"/>
      <c r="AP729" s="137"/>
      <c r="AQ729" s="137"/>
      <c r="AR729" s="137"/>
      <c r="AS729" s="137"/>
      <c r="AT729" s="137"/>
      <c r="AU729" s="137"/>
      <c r="AV729" s="137"/>
      <c r="AW729" s="144"/>
    </row>
    <row r="730" spans="2:49" x14ac:dyDescent="0.2">
      <c r="B730" s="97"/>
      <c r="G730" s="43"/>
      <c r="J730" s="98"/>
      <c r="K730" s="97"/>
      <c r="N730" s="3"/>
      <c r="W730" s="98"/>
      <c r="Z730" s="143"/>
      <c r="AA730" s="137"/>
      <c r="AB730" s="137"/>
      <c r="AC730" s="137"/>
      <c r="AD730" s="137"/>
      <c r="AE730" s="137"/>
      <c r="AF730" s="137"/>
      <c r="AG730" s="137"/>
      <c r="AH730" s="137"/>
      <c r="AI730" s="137"/>
      <c r="AJ730" s="137"/>
      <c r="AK730" s="206"/>
      <c r="AL730" s="206"/>
      <c r="AM730" s="143"/>
      <c r="AN730" s="137"/>
      <c r="AO730" s="137"/>
      <c r="AP730" s="137"/>
      <c r="AQ730" s="137"/>
      <c r="AR730" s="137"/>
      <c r="AS730" s="137"/>
      <c r="AT730" s="137"/>
      <c r="AU730" s="137"/>
      <c r="AV730" s="137"/>
      <c r="AW730" s="144"/>
    </row>
    <row r="731" spans="2:49" x14ac:dyDescent="0.2">
      <c r="B731" s="97"/>
      <c r="G731" s="43"/>
      <c r="J731" s="98"/>
      <c r="K731" s="97"/>
      <c r="N731" s="3"/>
      <c r="W731" s="98"/>
      <c r="Z731" s="143"/>
      <c r="AA731" s="137"/>
      <c r="AB731" s="137"/>
      <c r="AC731" s="137"/>
      <c r="AD731" s="137"/>
      <c r="AE731" s="137"/>
      <c r="AF731" s="137"/>
      <c r="AG731" s="137"/>
      <c r="AH731" s="137"/>
      <c r="AI731" s="137"/>
      <c r="AJ731" s="137"/>
      <c r="AK731" s="206"/>
      <c r="AL731" s="206"/>
      <c r="AM731" s="143"/>
      <c r="AN731" s="137"/>
      <c r="AO731" s="137"/>
      <c r="AP731" s="137"/>
      <c r="AQ731" s="137"/>
      <c r="AR731" s="137"/>
      <c r="AS731" s="137"/>
      <c r="AT731" s="137"/>
      <c r="AU731" s="137"/>
      <c r="AV731" s="137"/>
      <c r="AW731" s="144"/>
    </row>
    <row r="732" spans="2:49" x14ac:dyDescent="0.2">
      <c r="B732" s="97"/>
      <c r="G732" s="43"/>
      <c r="J732" s="98"/>
      <c r="K732" s="97"/>
      <c r="N732" s="3"/>
      <c r="W732" s="98"/>
      <c r="Z732" s="143"/>
      <c r="AA732" s="137"/>
      <c r="AB732" s="137"/>
      <c r="AC732" s="137"/>
      <c r="AD732" s="137"/>
      <c r="AE732" s="137"/>
      <c r="AF732" s="137"/>
      <c r="AG732" s="137"/>
      <c r="AH732" s="137"/>
      <c r="AI732" s="137"/>
      <c r="AJ732" s="137"/>
      <c r="AK732" s="206"/>
      <c r="AL732" s="206"/>
      <c r="AM732" s="143"/>
      <c r="AN732" s="137"/>
      <c r="AO732" s="137"/>
      <c r="AP732" s="137"/>
      <c r="AQ732" s="137"/>
      <c r="AR732" s="137"/>
      <c r="AS732" s="137"/>
      <c r="AT732" s="137"/>
      <c r="AU732" s="137"/>
      <c r="AV732" s="137"/>
      <c r="AW732" s="144"/>
    </row>
    <row r="733" spans="2:49" x14ac:dyDescent="0.2">
      <c r="B733" s="97"/>
      <c r="G733" s="43"/>
      <c r="J733" s="98"/>
      <c r="K733" s="97"/>
      <c r="N733" s="3"/>
      <c r="W733" s="98"/>
      <c r="Z733" s="143"/>
      <c r="AA733" s="137"/>
      <c r="AB733" s="137"/>
      <c r="AC733" s="137"/>
      <c r="AD733" s="137"/>
      <c r="AE733" s="137"/>
      <c r="AF733" s="137"/>
      <c r="AG733" s="137"/>
      <c r="AH733" s="137"/>
      <c r="AI733" s="137"/>
      <c r="AJ733" s="137"/>
      <c r="AK733" s="206"/>
      <c r="AL733" s="206"/>
      <c r="AM733" s="143"/>
      <c r="AN733" s="137"/>
      <c r="AO733" s="137"/>
      <c r="AP733" s="137"/>
      <c r="AQ733" s="137"/>
      <c r="AR733" s="137"/>
      <c r="AS733" s="137"/>
      <c r="AT733" s="137"/>
      <c r="AU733" s="137"/>
      <c r="AV733" s="137"/>
      <c r="AW733" s="144"/>
    </row>
    <row r="734" spans="2:49" x14ac:dyDescent="0.2">
      <c r="B734" s="97"/>
      <c r="G734" s="43"/>
      <c r="J734" s="98"/>
      <c r="K734" s="97"/>
      <c r="N734" s="3"/>
      <c r="W734" s="98"/>
      <c r="Z734" s="143"/>
      <c r="AA734" s="137"/>
      <c r="AB734" s="137"/>
      <c r="AC734" s="137"/>
      <c r="AD734" s="137"/>
      <c r="AE734" s="137"/>
      <c r="AF734" s="137"/>
      <c r="AG734" s="137"/>
      <c r="AH734" s="137"/>
      <c r="AI734" s="137"/>
      <c r="AJ734" s="137"/>
      <c r="AK734" s="206"/>
      <c r="AL734" s="206"/>
      <c r="AM734" s="143"/>
      <c r="AN734" s="137"/>
      <c r="AO734" s="137"/>
      <c r="AP734" s="137"/>
      <c r="AQ734" s="137"/>
      <c r="AR734" s="137"/>
      <c r="AS734" s="137"/>
      <c r="AT734" s="137"/>
      <c r="AU734" s="137"/>
      <c r="AV734" s="137"/>
      <c r="AW734" s="144"/>
    </row>
    <row r="735" spans="2:49" x14ac:dyDescent="0.2">
      <c r="B735" s="97"/>
      <c r="G735" s="43"/>
      <c r="J735" s="98"/>
      <c r="K735" s="97"/>
      <c r="N735" s="3"/>
      <c r="W735" s="98"/>
      <c r="Z735" s="143"/>
      <c r="AA735" s="137"/>
      <c r="AB735" s="137"/>
      <c r="AC735" s="137"/>
      <c r="AD735" s="137"/>
      <c r="AE735" s="137"/>
      <c r="AF735" s="137"/>
      <c r="AG735" s="137"/>
      <c r="AH735" s="137"/>
      <c r="AI735" s="137"/>
      <c r="AJ735" s="137"/>
      <c r="AK735" s="206"/>
      <c r="AL735" s="206"/>
      <c r="AM735" s="143"/>
      <c r="AN735" s="137"/>
      <c r="AO735" s="137"/>
      <c r="AP735" s="137"/>
      <c r="AQ735" s="137"/>
      <c r="AR735" s="137"/>
      <c r="AS735" s="137"/>
      <c r="AT735" s="137"/>
      <c r="AU735" s="137"/>
      <c r="AV735" s="137"/>
      <c r="AW735" s="144"/>
    </row>
    <row r="736" spans="2:49" x14ac:dyDescent="0.2">
      <c r="B736" s="97"/>
      <c r="G736" s="43"/>
      <c r="J736" s="98"/>
      <c r="K736" s="97"/>
      <c r="N736" s="3"/>
      <c r="W736" s="98"/>
      <c r="Z736" s="143"/>
      <c r="AA736" s="137"/>
      <c r="AB736" s="137"/>
      <c r="AC736" s="137"/>
      <c r="AD736" s="137"/>
      <c r="AE736" s="137"/>
      <c r="AF736" s="137"/>
      <c r="AG736" s="137"/>
      <c r="AH736" s="137"/>
      <c r="AI736" s="137"/>
      <c r="AJ736" s="137"/>
      <c r="AK736" s="206"/>
      <c r="AL736" s="206"/>
      <c r="AM736" s="143"/>
      <c r="AN736" s="137"/>
      <c r="AO736" s="137"/>
      <c r="AP736" s="137"/>
      <c r="AQ736" s="137"/>
      <c r="AR736" s="137"/>
      <c r="AS736" s="137"/>
      <c r="AT736" s="137"/>
      <c r="AU736" s="137"/>
      <c r="AV736" s="137"/>
      <c r="AW736" s="144"/>
    </row>
    <row r="737" spans="2:49" x14ac:dyDescent="0.2">
      <c r="B737" s="97"/>
      <c r="G737" s="43"/>
      <c r="J737" s="98"/>
      <c r="K737" s="97"/>
      <c r="N737" s="3"/>
      <c r="W737" s="98"/>
      <c r="Z737" s="143"/>
      <c r="AA737" s="137"/>
      <c r="AB737" s="137"/>
      <c r="AC737" s="137"/>
      <c r="AD737" s="137"/>
      <c r="AE737" s="137"/>
      <c r="AF737" s="137"/>
      <c r="AG737" s="137"/>
      <c r="AH737" s="137"/>
      <c r="AI737" s="137"/>
      <c r="AJ737" s="137"/>
      <c r="AK737" s="206"/>
      <c r="AL737" s="206"/>
      <c r="AM737" s="143"/>
      <c r="AN737" s="137"/>
      <c r="AO737" s="137"/>
      <c r="AP737" s="137"/>
      <c r="AQ737" s="137"/>
      <c r="AR737" s="137"/>
      <c r="AS737" s="137"/>
      <c r="AT737" s="137"/>
      <c r="AU737" s="137"/>
      <c r="AV737" s="137"/>
      <c r="AW737" s="144"/>
    </row>
    <row r="738" spans="2:49" x14ac:dyDescent="0.2">
      <c r="B738" s="97"/>
      <c r="G738" s="43"/>
      <c r="J738" s="98"/>
      <c r="K738" s="97"/>
      <c r="N738" s="3"/>
      <c r="W738" s="98"/>
      <c r="Z738" s="143"/>
      <c r="AA738" s="137"/>
      <c r="AB738" s="137"/>
      <c r="AC738" s="137"/>
      <c r="AD738" s="137"/>
      <c r="AE738" s="137"/>
      <c r="AF738" s="137"/>
      <c r="AG738" s="137"/>
      <c r="AH738" s="137"/>
      <c r="AI738" s="137"/>
      <c r="AJ738" s="137"/>
      <c r="AK738" s="206"/>
      <c r="AL738" s="206"/>
      <c r="AM738" s="143"/>
      <c r="AN738" s="137"/>
      <c r="AO738" s="137"/>
      <c r="AP738" s="137"/>
      <c r="AQ738" s="137"/>
      <c r="AR738" s="137"/>
      <c r="AS738" s="137"/>
      <c r="AT738" s="137"/>
      <c r="AU738" s="137"/>
      <c r="AV738" s="137"/>
      <c r="AW738" s="144"/>
    </row>
    <row r="739" spans="2:49" x14ac:dyDescent="0.2">
      <c r="B739" s="97"/>
      <c r="G739" s="43"/>
      <c r="J739" s="98"/>
      <c r="K739" s="97"/>
      <c r="N739" s="3"/>
      <c r="W739" s="98"/>
      <c r="Z739" s="143"/>
      <c r="AA739" s="137"/>
      <c r="AB739" s="137"/>
      <c r="AC739" s="137"/>
      <c r="AD739" s="137"/>
      <c r="AE739" s="137"/>
      <c r="AF739" s="137"/>
      <c r="AG739" s="137"/>
      <c r="AH739" s="137"/>
      <c r="AI739" s="137"/>
      <c r="AJ739" s="137"/>
      <c r="AK739" s="206"/>
      <c r="AL739" s="206"/>
      <c r="AM739" s="143"/>
      <c r="AN739" s="137"/>
      <c r="AO739" s="137"/>
      <c r="AP739" s="137"/>
      <c r="AQ739" s="137"/>
      <c r="AR739" s="137"/>
      <c r="AS739" s="137"/>
      <c r="AT739" s="137"/>
      <c r="AU739" s="137"/>
      <c r="AV739" s="137"/>
      <c r="AW739" s="144"/>
    </row>
    <row r="740" spans="2:49" x14ac:dyDescent="0.2">
      <c r="B740" s="97"/>
      <c r="G740" s="43"/>
      <c r="J740" s="98"/>
      <c r="K740" s="97"/>
      <c r="N740" s="3"/>
      <c r="W740" s="98"/>
      <c r="Z740" s="143"/>
      <c r="AA740" s="137"/>
      <c r="AB740" s="137"/>
      <c r="AC740" s="137"/>
      <c r="AD740" s="137"/>
      <c r="AE740" s="137"/>
      <c r="AF740" s="137"/>
      <c r="AG740" s="137"/>
      <c r="AH740" s="137"/>
      <c r="AI740" s="137"/>
      <c r="AJ740" s="137"/>
      <c r="AK740" s="206"/>
      <c r="AL740" s="206"/>
      <c r="AM740" s="143"/>
      <c r="AN740" s="137"/>
      <c r="AO740" s="137"/>
      <c r="AP740" s="137"/>
      <c r="AQ740" s="137"/>
      <c r="AR740" s="137"/>
      <c r="AS740" s="137"/>
      <c r="AT740" s="137"/>
      <c r="AU740" s="137"/>
      <c r="AV740" s="137"/>
      <c r="AW740" s="144"/>
    </row>
    <row r="741" spans="2:49" x14ac:dyDescent="0.2">
      <c r="B741" s="97"/>
      <c r="G741" s="43"/>
      <c r="J741" s="98"/>
      <c r="K741" s="97"/>
      <c r="N741" s="3"/>
      <c r="W741" s="98"/>
      <c r="Z741" s="143"/>
      <c r="AA741" s="137"/>
      <c r="AB741" s="137"/>
      <c r="AC741" s="137"/>
      <c r="AD741" s="137"/>
      <c r="AE741" s="137"/>
      <c r="AF741" s="137"/>
      <c r="AG741" s="137"/>
      <c r="AH741" s="137"/>
      <c r="AI741" s="137"/>
      <c r="AJ741" s="137"/>
      <c r="AK741" s="206"/>
      <c r="AL741" s="206"/>
      <c r="AM741" s="143"/>
      <c r="AN741" s="137"/>
      <c r="AO741" s="137"/>
      <c r="AP741" s="137"/>
      <c r="AQ741" s="137"/>
      <c r="AR741" s="137"/>
      <c r="AS741" s="137"/>
      <c r="AT741" s="137"/>
      <c r="AU741" s="137"/>
      <c r="AV741" s="137"/>
      <c r="AW741" s="144"/>
    </row>
    <row r="742" spans="2:49" x14ac:dyDescent="0.2">
      <c r="B742" s="97"/>
      <c r="G742" s="43"/>
      <c r="J742" s="98"/>
      <c r="K742" s="97"/>
      <c r="N742" s="3"/>
      <c r="W742" s="98"/>
      <c r="Z742" s="143"/>
      <c r="AA742" s="137"/>
      <c r="AB742" s="137"/>
      <c r="AC742" s="137"/>
      <c r="AD742" s="137"/>
      <c r="AE742" s="137"/>
      <c r="AF742" s="137"/>
      <c r="AG742" s="137"/>
      <c r="AH742" s="137"/>
      <c r="AI742" s="137"/>
      <c r="AJ742" s="137"/>
      <c r="AK742" s="206"/>
      <c r="AL742" s="206"/>
      <c r="AM742" s="143"/>
      <c r="AN742" s="137"/>
      <c r="AO742" s="137"/>
      <c r="AP742" s="137"/>
      <c r="AQ742" s="137"/>
      <c r="AR742" s="137"/>
      <c r="AS742" s="137"/>
      <c r="AT742" s="137"/>
      <c r="AU742" s="137"/>
      <c r="AV742" s="137"/>
      <c r="AW742" s="144"/>
    </row>
    <row r="743" spans="2:49" x14ac:dyDescent="0.2">
      <c r="B743" s="97"/>
      <c r="G743" s="43"/>
      <c r="J743" s="98"/>
      <c r="K743" s="97"/>
      <c r="N743" s="3"/>
      <c r="W743" s="98"/>
      <c r="Z743" s="143"/>
      <c r="AA743" s="137"/>
      <c r="AB743" s="137"/>
      <c r="AC743" s="137"/>
      <c r="AD743" s="137"/>
      <c r="AE743" s="137"/>
      <c r="AF743" s="137"/>
      <c r="AG743" s="137"/>
      <c r="AH743" s="137"/>
      <c r="AI743" s="137"/>
      <c r="AJ743" s="137"/>
      <c r="AK743" s="206"/>
      <c r="AL743" s="206"/>
      <c r="AM743" s="143"/>
      <c r="AN743" s="137"/>
      <c r="AO743" s="137"/>
      <c r="AP743" s="137"/>
      <c r="AQ743" s="137"/>
      <c r="AR743" s="137"/>
      <c r="AS743" s="137"/>
      <c r="AT743" s="137"/>
      <c r="AU743" s="137"/>
      <c r="AV743" s="137"/>
      <c r="AW743" s="144"/>
    </row>
    <row r="744" spans="2:49" x14ac:dyDescent="0.2">
      <c r="B744" s="97"/>
      <c r="G744" s="43"/>
      <c r="J744" s="98"/>
      <c r="K744" s="97"/>
      <c r="N744" s="3"/>
      <c r="W744" s="98"/>
      <c r="Z744" s="143"/>
      <c r="AA744" s="137"/>
      <c r="AB744" s="137"/>
      <c r="AC744" s="137"/>
      <c r="AD744" s="137"/>
      <c r="AE744" s="137"/>
      <c r="AF744" s="137"/>
      <c r="AG744" s="137"/>
      <c r="AH744" s="137"/>
      <c r="AI744" s="137"/>
      <c r="AJ744" s="137"/>
      <c r="AK744" s="206"/>
      <c r="AL744" s="206"/>
      <c r="AM744" s="143"/>
      <c r="AN744" s="137"/>
      <c r="AO744" s="137"/>
      <c r="AP744" s="137"/>
      <c r="AQ744" s="137"/>
      <c r="AR744" s="137"/>
      <c r="AS744" s="137"/>
      <c r="AT744" s="137"/>
      <c r="AU744" s="137"/>
      <c r="AV744" s="137"/>
      <c r="AW744" s="144"/>
    </row>
    <row r="745" spans="2:49" x14ac:dyDescent="0.2">
      <c r="B745" s="97"/>
      <c r="G745" s="43"/>
      <c r="J745" s="98"/>
      <c r="K745" s="97"/>
      <c r="N745" s="3"/>
      <c r="W745" s="98"/>
      <c r="Z745" s="143"/>
      <c r="AA745" s="137"/>
      <c r="AB745" s="137"/>
      <c r="AC745" s="137"/>
      <c r="AD745" s="137"/>
      <c r="AE745" s="137"/>
      <c r="AF745" s="137"/>
      <c r="AG745" s="137"/>
      <c r="AH745" s="137"/>
      <c r="AI745" s="137"/>
      <c r="AJ745" s="137"/>
      <c r="AK745" s="206"/>
      <c r="AL745" s="206"/>
      <c r="AM745" s="143"/>
      <c r="AN745" s="137"/>
      <c r="AO745" s="137"/>
      <c r="AP745" s="137"/>
      <c r="AQ745" s="137"/>
      <c r="AR745" s="137"/>
      <c r="AS745" s="137"/>
      <c r="AT745" s="137"/>
      <c r="AU745" s="137"/>
      <c r="AV745" s="137"/>
      <c r="AW745" s="144"/>
    </row>
    <row r="746" spans="2:49" x14ac:dyDescent="0.2">
      <c r="B746" s="97"/>
      <c r="G746" s="43"/>
      <c r="J746" s="98"/>
      <c r="K746" s="97"/>
      <c r="N746" s="3"/>
      <c r="W746" s="98"/>
      <c r="Z746" s="143"/>
      <c r="AA746" s="137"/>
      <c r="AB746" s="137"/>
      <c r="AC746" s="137"/>
      <c r="AD746" s="137"/>
      <c r="AE746" s="137"/>
      <c r="AF746" s="137"/>
      <c r="AG746" s="137"/>
      <c r="AH746" s="137"/>
      <c r="AI746" s="137"/>
      <c r="AJ746" s="137"/>
      <c r="AK746" s="206"/>
      <c r="AL746" s="206"/>
      <c r="AM746" s="143"/>
      <c r="AN746" s="137"/>
      <c r="AO746" s="137"/>
      <c r="AP746" s="137"/>
      <c r="AQ746" s="137"/>
      <c r="AR746" s="137"/>
      <c r="AS746" s="137"/>
      <c r="AT746" s="137"/>
      <c r="AU746" s="137"/>
      <c r="AV746" s="137"/>
      <c r="AW746" s="144"/>
    </row>
    <row r="747" spans="2:49" x14ac:dyDescent="0.2">
      <c r="B747" s="97"/>
      <c r="G747" s="43"/>
      <c r="J747" s="98"/>
      <c r="K747" s="97"/>
      <c r="N747" s="3"/>
      <c r="W747" s="98"/>
      <c r="Z747" s="143"/>
      <c r="AA747" s="137"/>
      <c r="AB747" s="137"/>
      <c r="AC747" s="137"/>
      <c r="AD747" s="137"/>
      <c r="AE747" s="137"/>
      <c r="AF747" s="137"/>
      <c r="AG747" s="137"/>
      <c r="AH747" s="137"/>
      <c r="AI747" s="137"/>
      <c r="AJ747" s="137"/>
      <c r="AK747" s="206"/>
      <c r="AL747" s="206"/>
      <c r="AM747" s="143"/>
      <c r="AN747" s="137"/>
      <c r="AO747" s="137"/>
      <c r="AP747" s="137"/>
      <c r="AQ747" s="137"/>
      <c r="AR747" s="137"/>
      <c r="AS747" s="137"/>
      <c r="AT747" s="137"/>
      <c r="AU747" s="137"/>
      <c r="AV747" s="137"/>
      <c r="AW747" s="144"/>
    </row>
    <row r="748" spans="2:49" x14ac:dyDescent="0.2">
      <c r="B748" s="97"/>
      <c r="G748" s="43"/>
      <c r="J748" s="98"/>
      <c r="K748" s="97"/>
      <c r="N748" s="3"/>
      <c r="W748" s="98"/>
      <c r="Z748" s="143"/>
      <c r="AA748" s="137"/>
      <c r="AB748" s="137"/>
      <c r="AC748" s="137"/>
      <c r="AD748" s="137"/>
      <c r="AE748" s="137"/>
      <c r="AF748" s="137"/>
      <c r="AG748" s="137"/>
      <c r="AH748" s="137"/>
      <c r="AI748" s="137"/>
      <c r="AJ748" s="137"/>
      <c r="AK748" s="206"/>
      <c r="AL748" s="206"/>
      <c r="AM748" s="143"/>
      <c r="AN748" s="137"/>
      <c r="AO748" s="137"/>
      <c r="AP748" s="137"/>
      <c r="AQ748" s="137"/>
      <c r="AR748" s="137"/>
      <c r="AS748" s="137"/>
      <c r="AT748" s="137"/>
      <c r="AU748" s="137"/>
      <c r="AV748" s="137"/>
      <c r="AW748" s="144"/>
    </row>
    <row r="749" spans="2:49" x14ac:dyDescent="0.2">
      <c r="B749" s="97"/>
      <c r="G749" s="43"/>
      <c r="J749" s="98"/>
      <c r="K749" s="97"/>
      <c r="N749" s="3"/>
      <c r="W749" s="98"/>
      <c r="Z749" s="143"/>
      <c r="AA749" s="137"/>
      <c r="AB749" s="137"/>
      <c r="AC749" s="137"/>
      <c r="AD749" s="137"/>
      <c r="AE749" s="137"/>
      <c r="AF749" s="137"/>
      <c r="AG749" s="137"/>
      <c r="AH749" s="137"/>
      <c r="AI749" s="137"/>
      <c r="AJ749" s="137"/>
      <c r="AK749" s="206"/>
      <c r="AL749" s="206"/>
      <c r="AM749" s="143"/>
      <c r="AN749" s="137"/>
      <c r="AO749" s="137"/>
      <c r="AP749" s="137"/>
      <c r="AQ749" s="137"/>
      <c r="AR749" s="137"/>
      <c r="AS749" s="137"/>
      <c r="AT749" s="137"/>
      <c r="AU749" s="137"/>
      <c r="AV749" s="137"/>
      <c r="AW749" s="144"/>
    </row>
    <row r="750" spans="2:49" x14ac:dyDescent="0.2">
      <c r="B750" s="97"/>
      <c r="G750" s="43"/>
      <c r="J750" s="98"/>
      <c r="K750" s="97"/>
      <c r="N750" s="3"/>
      <c r="W750" s="98"/>
      <c r="Z750" s="143"/>
      <c r="AA750" s="137"/>
      <c r="AB750" s="137"/>
      <c r="AC750" s="137"/>
      <c r="AD750" s="137"/>
      <c r="AE750" s="137"/>
      <c r="AF750" s="137"/>
      <c r="AG750" s="137"/>
      <c r="AH750" s="137"/>
      <c r="AI750" s="137"/>
      <c r="AJ750" s="137"/>
      <c r="AK750" s="206"/>
      <c r="AL750" s="206"/>
      <c r="AM750" s="143"/>
      <c r="AN750" s="137"/>
      <c r="AO750" s="137"/>
      <c r="AP750" s="137"/>
      <c r="AQ750" s="137"/>
      <c r="AR750" s="137"/>
      <c r="AS750" s="137"/>
      <c r="AT750" s="137"/>
      <c r="AU750" s="137"/>
      <c r="AV750" s="137"/>
      <c r="AW750" s="144"/>
    </row>
    <row r="751" spans="2:49" x14ac:dyDescent="0.2">
      <c r="B751" s="97"/>
      <c r="G751" s="43"/>
      <c r="J751" s="98"/>
      <c r="K751" s="97"/>
      <c r="N751" s="3"/>
      <c r="W751" s="98"/>
      <c r="Z751" s="143"/>
      <c r="AA751" s="137"/>
      <c r="AB751" s="137"/>
      <c r="AC751" s="137"/>
      <c r="AD751" s="137"/>
      <c r="AE751" s="137"/>
      <c r="AF751" s="137"/>
      <c r="AG751" s="137"/>
      <c r="AH751" s="137"/>
      <c r="AI751" s="137"/>
      <c r="AJ751" s="137"/>
      <c r="AK751" s="206"/>
      <c r="AL751" s="206"/>
      <c r="AM751" s="143"/>
      <c r="AN751" s="137"/>
      <c r="AO751" s="137"/>
      <c r="AP751" s="137"/>
      <c r="AQ751" s="137"/>
      <c r="AR751" s="137"/>
      <c r="AS751" s="137"/>
      <c r="AT751" s="137"/>
      <c r="AU751" s="137"/>
      <c r="AV751" s="137"/>
      <c r="AW751" s="144"/>
    </row>
    <row r="752" spans="2:49" x14ac:dyDescent="0.2">
      <c r="B752" s="97"/>
      <c r="G752" s="43"/>
      <c r="J752" s="98"/>
      <c r="K752" s="97"/>
      <c r="N752" s="3"/>
      <c r="W752" s="98"/>
      <c r="Z752" s="143"/>
      <c r="AA752" s="137"/>
      <c r="AB752" s="137"/>
      <c r="AC752" s="137"/>
      <c r="AD752" s="137"/>
      <c r="AE752" s="137"/>
      <c r="AF752" s="137"/>
      <c r="AG752" s="137"/>
      <c r="AH752" s="137"/>
      <c r="AI752" s="137"/>
      <c r="AJ752" s="137"/>
      <c r="AK752" s="206"/>
      <c r="AL752" s="206"/>
      <c r="AM752" s="143"/>
      <c r="AN752" s="137"/>
      <c r="AO752" s="137"/>
      <c r="AP752" s="137"/>
      <c r="AQ752" s="137"/>
      <c r="AR752" s="137"/>
      <c r="AS752" s="137"/>
      <c r="AT752" s="137"/>
      <c r="AU752" s="137"/>
      <c r="AV752" s="137"/>
      <c r="AW752" s="144"/>
    </row>
    <row r="753" spans="2:49" x14ac:dyDescent="0.2">
      <c r="B753" s="97"/>
      <c r="G753" s="43"/>
      <c r="J753" s="98"/>
      <c r="K753" s="97"/>
      <c r="N753" s="3"/>
      <c r="W753" s="98"/>
      <c r="Z753" s="143"/>
      <c r="AA753" s="137"/>
      <c r="AB753" s="137"/>
      <c r="AC753" s="137"/>
      <c r="AD753" s="137"/>
      <c r="AE753" s="137"/>
      <c r="AF753" s="137"/>
      <c r="AG753" s="137"/>
      <c r="AH753" s="137"/>
      <c r="AI753" s="137"/>
      <c r="AJ753" s="137"/>
      <c r="AK753" s="206"/>
      <c r="AL753" s="206"/>
      <c r="AM753" s="143"/>
      <c r="AN753" s="137"/>
      <c r="AO753" s="137"/>
      <c r="AP753" s="137"/>
      <c r="AQ753" s="137"/>
      <c r="AR753" s="137"/>
      <c r="AS753" s="137"/>
      <c r="AT753" s="137"/>
      <c r="AU753" s="137"/>
      <c r="AV753" s="137"/>
      <c r="AW753" s="144"/>
    </row>
    <row r="754" spans="2:49" x14ac:dyDescent="0.2">
      <c r="B754" s="97"/>
      <c r="G754" s="43"/>
      <c r="J754" s="98"/>
      <c r="K754" s="97"/>
      <c r="N754" s="3"/>
      <c r="W754" s="98"/>
      <c r="Z754" s="143"/>
      <c r="AA754" s="137"/>
      <c r="AB754" s="137"/>
      <c r="AC754" s="137"/>
      <c r="AD754" s="137"/>
      <c r="AE754" s="137"/>
      <c r="AF754" s="137"/>
      <c r="AG754" s="137"/>
      <c r="AH754" s="137"/>
      <c r="AI754" s="137"/>
      <c r="AJ754" s="137"/>
      <c r="AK754" s="206"/>
      <c r="AL754" s="206"/>
      <c r="AM754" s="143"/>
      <c r="AN754" s="137"/>
      <c r="AO754" s="137"/>
      <c r="AP754" s="137"/>
      <c r="AQ754" s="137"/>
      <c r="AR754" s="137"/>
      <c r="AS754" s="137"/>
      <c r="AT754" s="137"/>
      <c r="AU754" s="137"/>
      <c r="AV754" s="137"/>
      <c r="AW754" s="144"/>
    </row>
    <row r="755" spans="2:49" x14ac:dyDescent="0.2">
      <c r="B755" s="97"/>
      <c r="G755" s="43"/>
      <c r="J755" s="98"/>
      <c r="K755" s="97"/>
      <c r="N755" s="3"/>
      <c r="W755" s="98"/>
      <c r="Z755" s="143"/>
      <c r="AA755" s="137"/>
      <c r="AB755" s="137"/>
      <c r="AC755" s="137"/>
      <c r="AD755" s="137"/>
      <c r="AE755" s="137"/>
      <c r="AF755" s="137"/>
      <c r="AG755" s="137"/>
      <c r="AH755" s="137"/>
      <c r="AI755" s="137"/>
      <c r="AJ755" s="137"/>
      <c r="AK755" s="206"/>
      <c r="AL755" s="206"/>
      <c r="AM755" s="143"/>
      <c r="AN755" s="137"/>
      <c r="AO755" s="137"/>
      <c r="AP755" s="137"/>
      <c r="AQ755" s="137"/>
      <c r="AR755" s="137"/>
      <c r="AS755" s="137"/>
      <c r="AT755" s="137"/>
      <c r="AU755" s="137"/>
      <c r="AV755" s="137"/>
      <c r="AW755" s="144"/>
    </row>
    <row r="756" spans="2:49" x14ac:dyDescent="0.2">
      <c r="B756" s="97"/>
      <c r="G756" s="43"/>
      <c r="J756" s="98"/>
      <c r="K756" s="97"/>
      <c r="N756" s="3"/>
      <c r="W756" s="98"/>
      <c r="Z756" s="143"/>
      <c r="AA756" s="137"/>
      <c r="AB756" s="137"/>
      <c r="AC756" s="137"/>
      <c r="AD756" s="137"/>
      <c r="AE756" s="137"/>
      <c r="AF756" s="137"/>
      <c r="AG756" s="137"/>
      <c r="AH756" s="137"/>
      <c r="AI756" s="137"/>
      <c r="AJ756" s="137"/>
      <c r="AK756" s="206"/>
      <c r="AL756" s="206"/>
      <c r="AM756" s="143"/>
      <c r="AN756" s="137"/>
      <c r="AO756" s="137"/>
      <c r="AP756" s="137"/>
      <c r="AQ756" s="137"/>
      <c r="AR756" s="137"/>
      <c r="AS756" s="137"/>
      <c r="AT756" s="137"/>
      <c r="AU756" s="137"/>
      <c r="AV756" s="137"/>
      <c r="AW756" s="144"/>
    </row>
    <row r="757" spans="2:49" x14ac:dyDescent="0.2">
      <c r="B757" s="97"/>
      <c r="G757" s="43"/>
      <c r="J757" s="98"/>
      <c r="K757" s="97"/>
      <c r="N757" s="3"/>
      <c r="W757" s="98"/>
      <c r="Z757" s="143"/>
      <c r="AA757" s="137"/>
      <c r="AB757" s="137"/>
      <c r="AC757" s="137"/>
      <c r="AD757" s="137"/>
      <c r="AE757" s="137"/>
      <c r="AF757" s="137"/>
      <c r="AG757" s="137"/>
      <c r="AH757" s="137"/>
      <c r="AI757" s="137"/>
      <c r="AJ757" s="137"/>
      <c r="AK757" s="206"/>
      <c r="AL757" s="206"/>
      <c r="AM757" s="143"/>
      <c r="AN757" s="137"/>
      <c r="AO757" s="137"/>
      <c r="AP757" s="137"/>
      <c r="AQ757" s="137"/>
      <c r="AR757" s="137"/>
      <c r="AS757" s="137"/>
      <c r="AT757" s="137"/>
      <c r="AU757" s="137"/>
      <c r="AV757" s="137"/>
      <c r="AW757" s="144"/>
    </row>
    <row r="758" spans="2:49" x14ac:dyDescent="0.2">
      <c r="B758" s="97"/>
      <c r="G758" s="43"/>
      <c r="J758" s="98"/>
      <c r="K758" s="97"/>
      <c r="N758" s="3"/>
      <c r="W758" s="98"/>
      <c r="Z758" s="143"/>
      <c r="AA758" s="137"/>
      <c r="AB758" s="137"/>
      <c r="AC758" s="137"/>
      <c r="AD758" s="137"/>
      <c r="AE758" s="137"/>
      <c r="AF758" s="137"/>
      <c r="AG758" s="137"/>
      <c r="AH758" s="137"/>
      <c r="AI758" s="137"/>
      <c r="AJ758" s="137"/>
      <c r="AK758" s="206"/>
      <c r="AL758" s="206"/>
      <c r="AM758" s="143"/>
      <c r="AN758" s="137"/>
      <c r="AO758" s="137"/>
      <c r="AP758" s="137"/>
      <c r="AQ758" s="137"/>
      <c r="AR758" s="137"/>
      <c r="AS758" s="137"/>
      <c r="AT758" s="137"/>
      <c r="AU758" s="137"/>
      <c r="AV758" s="137"/>
      <c r="AW758" s="144"/>
    </row>
    <row r="759" spans="2:49" x14ac:dyDescent="0.2">
      <c r="B759" s="97"/>
      <c r="G759" s="43"/>
      <c r="J759" s="98"/>
      <c r="K759" s="97"/>
      <c r="N759" s="3"/>
      <c r="W759" s="98"/>
      <c r="Z759" s="143"/>
      <c r="AA759" s="137"/>
      <c r="AB759" s="137"/>
      <c r="AC759" s="137"/>
      <c r="AD759" s="137"/>
      <c r="AE759" s="137"/>
      <c r="AF759" s="137"/>
      <c r="AG759" s="137"/>
      <c r="AH759" s="137"/>
      <c r="AI759" s="137"/>
      <c r="AJ759" s="137"/>
      <c r="AK759" s="206"/>
      <c r="AL759" s="206"/>
      <c r="AM759" s="143"/>
      <c r="AN759" s="137"/>
      <c r="AO759" s="137"/>
      <c r="AP759" s="137"/>
      <c r="AQ759" s="137"/>
      <c r="AR759" s="137"/>
      <c r="AS759" s="137"/>
      <c r="AT759" s="137"/>
      <c r="AU759" s="137"/>
      <c r="AV759" s="137"/>
      <c r="AW759" s="144"/>
    </row>
    <row r="760" spans="2:49" x14ac:dyDescent="0.2">
      <c r="B760" s="97"/>
      <c r="G760" s="43"/>
      <c r="J760" s="98"/>
      <c r="K760" s="97"/>
      <c r="N760" s="3"/>
      <c r="W760" s="98"/>
      <c r="Z760" s="143"/>
      <c r="AA760" s="137"/>
      <c r="AB760" s="137"/>
      <c r="AC760" s="137"/>
      <c r="AD760" s="137"/>
      <c r="AE760" s="137"/>
      <c r="AF760" s="137"/>
      <c r="AG760" s="137"/>
      <c r="AH760" s="137"/>
      <c r="AI760" s="137"/>
      <c r="AJ760" s="137"/>
      <c r="AK760" s="206"/>
      <c r="AL760" s="206"/>
      <c r="AM760" s="143"/>
      <c r="AN760" s="137"/>
      <c r="AO760" s="137"/>
      <c r="AP760" s="137"/>
      <c r="AQ760" s="137"/>
      <c r="AR760" s="137"/>
      <c r="AS760" s="137"/>
      <c r="AT760" s="137"/>
      <c r="AU760" s="137"/>
      <c r="AV760" s="137"/>
      <c r="AW760" s="144"/>
    </row>
    <row r="761" spans="2:49" x14ac:dyDescent="0.2">
      <c r="B761" s="97"/>
      <c r="G761" s="43"/>
      <c r="J761" s="98"/>
      <c r="K761" s="97"/>
      <c r="N761" s="3"/>
      <c r="W761" s="98"/>
      <c r="Z761" s="143"/>
      <c r="AA761" s="137"/>
      <c r="AB761" s="137"/>
      <c r="AC761" s="137"/>
      <c r="AD761" s="137"/>
      <c r="AE761" s="137"/>
      <c r="AF761" s="137"/>
      <c r="AG761" s="137"/>
      <c r="AH761" s="137"/>
      <c r="AI761" s="137"/>
      <c r="AJ761" s="137"/>
      <c r="AK761" s="206"/>
      <c r="AL761" s="206"/>
      <c r="AM761" s="143"/>
      <c r="AN761" s="137"/>
      <c r="AO761" s="137"/>
      <c r="AP761" s="137"/>
      <c r="AQ761" s="137"/>
      <c r="AR761" s="137"/>
      <c r="AS761" s="137"/>
      <c r="AT761" s="137"/>
      <c r="AU761" s="137"/>
      <c r="AV761" s="137"/>
      <c r="AW761" s="144"/>
    </row>
    <row r="762" spans="2:49" x14ac:dyDescent="0.2">
      <c r="B762" s="97"/>
      <c r="G762" s="43"/>
      <c r="J762" s="98"/>
      <c r="K762" s="97"/>
      <c r="N762" s="3"/>
      <c r="W762" s="98"/>
      <c r="Z762" s="143"/>
      <c r="AA762" s="137"/>
      <c r="AB762" s="137"/>
      <c r="AC762" s="137"/>
      <c r="AD762" s="137"/>
      <c r="AE762" s="137"/>
      <c r="AF762" s="137"/>
      <c r="AG762" s="137"/>
      <c r="AH762" s="137"/>
      <c r="AI762" s="137"/>
      <c r="AJ762" s="137"/>
      <c r="AK762" s="206"/>
      <c r="AL762" s="206"/>
      <c r="AM762" s="143"/>
      <c r="AN762" s="137"/>
      <c r="AO762" s="137"/>
      <c r="AP762" s="137"/>
      <c r="AQ762" s="137"/>
      <c r="AR762" s="137"/>
      <c r="AS762" s="137"/>
      <c r="AT762" s="137"/>
      <c r="AU762" s="137"/>
      <c r="AV762" s="137"/>
      <c r="AW762" s="144"/>
    </row>
    <row r="763" spans="2:49" x14ac:dyDescent="0.2">
      <c r="B763" s="97"/>
      <c r="G763" s="43"/>
      <c r="J763" s="98"/>
      <c r="K763" s="97"/>
      <c r="N763" s="3"/>
      <c r="W763" s="98"/>
      <c r="Z763" s="143"/>
      <c r="AA763" s="137"/>
      <c r="AB763" s="137"/>
      <c r="AC763" s="137"/>
      <c r="AD763" s="137"/>
      <c r="AE763" s="137"/>
      <c r="AF763" s="137"/>
      <c r="AG763" s="137"/>
      <c r="AH763" s="137"/>
      <c r="AI763" s="137"/>
      <c r="AJ763" s="137"/>
      <c r="AK763" s="206"/>
      <c r="AL763" s="206"/>
      <c r="AM763" s="143"/>
      <c r="AN763" s="137"/>
      <c r="AO763" s="137"/>
      <c r="AP763" s="137"/>
      <c r="AQ763" s="137"/>
      <c r="AR763" s="137"/>
      <c r="AS763" s="137"/>
      <c r="AT763" s="137"/>
      <c r="AU763" s="137"/>
      <c r="AV763" s="137"/>
      <c r="AW763" s="144"/>
    </row>
    <row r="764" spans="2:49" x14ac:dyDescent="0.2">
      <c r="B764" s="97"/>
      <c r="G764" s="43"/>
      <c r="J764" s="98"/>
      <c r="K764" s="97"/>
      <c r="N764" s="3"/>
      <c r="W764" s="98"/>
      <c r="Z764" s="143"/>
      <c r="AA764" s="137"/>
      <c r="AB764" s="137"/>
      <c r="AC764" s="137"/>
      <c r="AD764" s="137"/>
      <c r="AE764" s="137"/>
      <c r="AF764" s="137"/>
      <c r="AG764" s="137"/>
      <c r="AH764" s="137"/>
      <c r="AI764" s="137"/>
      <c r="AJ764" s="137"/>
      <c r="AK764" s="206"/>
      <c r="AL764" s="206"/>
      <c r="AM764" s="143"/>
      <c r="AN764" s="137"/>
      <c r="AO764" s="137"/>
      <c r="AP764" s="137"/>
      <c r="AQ764" s="137"/>
      <c r="AR764" s="137"/>
      <c r="AS764" s="137"/>
      <c r="AT764" s="137"/>
      <c r="AU764" s="137"/>
      <c r="AV764" s="137"/>
      <c r="AW764" s="144"/>
    </row>
    <row r="765" spans="2:49" x14ac:dyDescent="0.2">
      <c r="B765" s="97"/>
      <c r="G765" s="43"/>
      <c r="J765" s="98"/>
      <c r="K765" s="97"/>
      <c r="N765" s="3"/>
      <c r="W765" s="98"/>
      <c r="Z765" s="143"/>
      <c r="AA765" s="137"/>
      <c r="AB765" s="137"/>
      <c r="AC765" s="137"/>
      <c r="AD765" s="137"/>
      <c r="AE765" s="137"/>
      <c r="AF765" s="137"/>
      <c r="AG765" s="137"/>
      <c r="AH765" s="137"/>
      <c r="AI765" s="137"/>
      <c r="AJ765" s="137"/>
      <c r="AK765" s="206"/>
      <c r="AL765" s="206"/>
      <c r="AM765" s="143"/>
      <c r="AN765" s="137"/>
      <c r="AO765" s="137"/>
      <c r="AP765" s="137"/>
      <c r="AQ765" s="137"/>
      <c r="AR765" s="137"/>
      <c r="AS765" s="137"/>
      <c r="AT765" s="137"/>
      <c r="AU765" s="137"/>
      <c r="AV765" s="137"/>
      <c r="AW765" s="144"/>
    </row>
    <row r="766" spans="2:49" x14ac:dyDescent="0.2">
      <c r="B766" s="97"/>
      <c r="G766" s="43"/>
      <c r="J766" s="98"/>
      <c r="K766" s="97"/>
      <c r="N766" s="3"/>
      <c r="W766" s="98"/>
      <c r="Z766" s="143"/>
      <c r="AA766" s="137"/>
      <c r="AB766" s="137"/>
      <c r="AC766" s="137"/>
      <c r="AD766" s="137"/>
      <c r="AE766" s="137"/>
      <c r="AF766" s="137"/>
      <c r="AG766" s="137"/>
      <c r="AH766" s="137"/>
      <c r="AI766" s="137"/>
      <c r="AJ766" s="137"/>
      <c r="AK766" s="206"/>
      <c r="AL766" s="206"/>
      <c r="AM766" s="143"/>
      <c r="AN766" s="137"/>
      <c r="AO766" s="137"/>
      <c r="AP766" s="137"/>
      <c r="AQ766" s="137"/>
      <c r="AR766" s="137"/>
      <c r="AS766" s="137"/>
      <c r="AT766" s="137"/>
      <c r="AU766" s="137"/>
      <c r="AV766" s="137"/>
      <c r="AW766" s="144"/>
    </row>
    <row r="767" spans="2:49" x14ac:dyDescent="0.2">
      <c r="B767" s="97"/>
      <c r="G767" s="43"/>
      <c r="J767" s="98"/>
      <c r="K767" s="97"/>
      <c r="N767" s="3"/>
      <c r="W767" s="98"/>
      <c r="Z767" s="143"/>
      <c r="AA767" s="137"/>
      <c r="AB767" s="137"/>
      <c r="AC767" s="137"/>
      <c r="AD767" s="137"/>
      <c r="AE767" s="137"/>
      <c r="AF767" s="137"/>
      <c r="AG767" s="137"/>
      <c r="AH767" s="137"/>
      <c r="AI767" s="137"/>
      <c r="AJ767" s="137"/>
      <c r="AK767" s="206"/>
      <c r="AL767" s="206"/>
      <c r="AM767" s="143"/>
      <c r="AN767" s="137"/>
      <c r="AO767" s="137"/>
      <c r="AP767" s="137"/>
      <c r="AQ767" s="137"/>
      <c r="AR767" s="137"/>
      <c r="AS767" s="137"/>
      <c r="AT767" s="137"/>
      <c r="AU767" s="137"/>
      <c r="AV767" s="137"/>
      <c r="AW767" s="144"/>
    </row>
    <row r="768" spans="2:49" x14ac:dyDescent="0.2">
      <c r="B768" s="97"/>
      <c r="G768" s="43"/>
      <c r="J768" s="98"/>
      <c r="K768" s="97"/>
      <c r="N768" s="3"/>
      <c r="W768" s="98"/>
      <c r="Z768" s="143"/>
      <c r="AA768" s="137"/>
      <c r="AB768" s="137"/>
      <c r="AC768" s="137"/>
      <c r="AD768" s="137"/>
      <c r="AE768" s="137"/>
      <c r="AF768" s="137"/>
      <c r="AG768" s="137"/>
      <c r="AH768" s="137"/>
      <c r="AI768" s="137"/>
      <c r="AJ768" s="137"/>
      <c r="AK768" s="206"/>
      <c r="AL768" s="206"/>
      <c r="AM768" s="143"/>
      <c r="AN768" s="137"/>
      <c r="AO768" s="137"/>
      <c r="AP768" s="137"/>
      <c r="AQ768" s="137"/>
      <c r="AR768" s="137"/>
      <c r="AS768" s="137"/>
      <c r="AT768" s="137"/>
      <c r="AU768" s="137"/>
      <c r="AV768" s="137"/>
      <c r="AW768" s="144"/>
    </row>
    <row r="769" spans="2:49" x14ac:dyDescent="0.2">
      <c r="B769" s="97"/>
      <c r="G769" s="43"/>
      <c r="J769" s="98"/>
      <c r="K769" s="97"/>
      <c r="N769" s="3"/>
      <c r="W769" s="98"/>
      <c r="Z769" s="143"/>
      <c r="AA769" s="137"/>
      <c r="AB769" s="137"/>
      <c r="AC769" s="137"/>
      <c r="AD769" s="137"/>
      <c r="AE769" s="137"/>
      <c r="AF769" s="137"/>
      <c r="AG769" s="137"/>
      <c r="AH769" s="137"/>
      <c r="AI769" s="137"/>
      <c r="AJ769" s="137"/>
      <c r="AK769" s="206"/>
      <c r="AL769" s="206"/>
      <c r="AM769" s="143"/>
      <c r="AN769" s="137"/>
      <c r="AO769" s="137"/>
      <c r="AP769" s="137"/>
      <c r="AQ769" s="137"/>
      <c r="AR769" s="137"/>
      <c r="AS769" s="137"/>
      <c r="AT769" s="137"/>
      <c r="AU769" s="137"/>
      <c r="AV769" s="137"/>
      <c r="AW769" s="144"/>
    </row>
    <row r="770" spans="2:49" x14ac:dyDescent="0.2">
      <c r="B770" s="97"/>
      <c r="G770" s="43"/>
      <c r="J770" s="98"/>
      <c r="K770" s="97"/>
      <c r="N770" s="3"/>
      <c r="W770" s="98"/>
      <c r="Z770" s="143"/>
      <c r="AA770" s="137"/>
      <c r="AB770" s="137"/>
      <c r="AC770" s="137"/>
      <c r="AD770" s="137"/>
      <c r="AE770" s="137"/>
      <c r="AF770" s="137"/>
      <c r="AG770" s="137"/>
      <c r="AH770" s="137"/>
      <c r="AI770" s="137"/>
      <c r="AJ770" s="137"/>
      <c r="AK770" s="206"/>
      <c r="AL770" s="206"/>
      <c r="AM770" s="143"/>
      <c r="AN770" s="137"/>
      <c r="AO770" s="137"/>
      <c r="AP770" s="137"/>
      <c r="AQ770" s="137"/>
      <c r="AR770" s="137"/>
      <c r="AS770" s="137"/>
      <c r="AT770" s="137"/>
      <c r="AU770" s="137"/>
      <c r="AV770" s="137"/>
      <c r="AW770" s="144"/>
    </row>
    <row r="771" spans="2:49" x14ac:dyDescent="0.2">
      <c r="B771" s="97"/>
      <c r="G771" s="43"/>
      <c r="J771" s="98"/>
      <c r="K771" s="97"/>
      <c r="N771" s="3"/>
      <c r="W771" s="98"/>
      <c r="Z771" s="143"/>
      <c r="AA771" s="137"/>
      <c r="AB771" s="137"/>
      <c r="AC771" s="137"/>
      <c r="AD771" s="137"/>
      <c r="AE771" s="137"/>
      <c r="AF771" s="137"/>
      <c r="AG771" s="137"/>
      <c r="AH771" s="137"/>
      <c r="AI771" s="137"/>
      <c r="AJ771" s="137"/>
      <c r="AK771" s="206"/>
      <c r="AL771" s="206"/>
      <c r="AM771" s="143"/>
      <c r="AN771" s="137"/>
      <c r="AO771" s="137"/>
      <c r="AP771" s="137"/>
      <c r="AQ771" s="137"/>
      <c r="AR771" s="137"/>
      <c r="AS771" s="137"/>
      <c r="AT771" s="137"/>
      <c r="AU771" s="137"/>
      <c r="AV771" s="137"/>
      <c r="AW771" s="144"/>
    </row>
    <row r="772" spans="2:49" x14ac:dyDescent="0.2">
      <c r="B772" s="97"/>
      <c r="G772" s="43"/>
      <c r="J772" s="98"/>
      <c r="K772" s="97"/>
      <c r="N772" s="3"/>
      <c r="W772" s="98"/>
      <c r="Z772" s="143"/>
      <c r="AA772" s="137"/>
      <c r="AB772" s="137"/>
      <c r="AC772" s="137"/>
      <c r="AD772" s="137"/>
      <c r="AE772" s="137"/>
      <c r="AF772" s="137"/>
      <c r="AG772" s="137"/>
      <c r="AH772" s="137"/>
      <c r="AI772" s="137"/>
      <c r="AJ772" s="137"/>
      <c r="AK772" s="206"/>
      <c r="AL772" s="206"/>
      <c r="AM772" s="143"/>
      <c r="AN772" s="137"/>
      <c r="AO772" s="137"/>
      <c r="AP772" s="137"/>
      <c r="AQ772" s="137"/>
      <c r="AR772" s="137"/>
      <c r="AS772" s="137"/>
      <c r="AT772" s="137"/>
      <c r="AU772" s="137"/>
      <c r="AV772" s="137"/>
      <c r="AW772" s="144"/>
    </row>
    <row r="773" spans="2:49" x14ac:dyDescent="0.2">
      <c r="B773" s="97"/>
      <c r="G773" s="43"/>
      <c r="J773" s="98"/>
      <c r="K773" s="97"/>
      <c r="N773" s="3"/>
      <c r="W773" s="98"/>
      <c r="Z773" s="143"/>
      <c r="AA773" s="137"/>
      <c r="AB773" s="137"/>
      <c r="AC773" s="137"/>
      <c r="AD773" s="137"/>
      <c r="AE773" s="137"/>
      <c r="AF773" s="137"/>
      <c r="AG773" s="137"/>
      <c r="AH773" s="137"/>
      <c r="AI773" s="137"/>
      <c r="AJ773" s="137"/>
      <c r="AK773" s="206"/>
      <c r="AL773" s="206"/>
      <c r="AM773" s="143"/>
      <c r="AN773" s="137"/>
      <c r="AO773" s="137"/>
      <c r="AP773" s="137"/>
      <c r="AQ773" s="137"/>
      <c r="AR773" s="137"/>
      <c r="AS773" s="137"/>
      <c r="AT773" s="137"/>
      <c r="AU773" s="137"/>
      <c r="AV773" s="137"/>
      <c r="AW773" s="144"/>
    </row>
    <row r="774" spans="2:49" x14ac:dyDescent="0.2">
      <c r="B774" s="97"/>
      <c r="G774" s="43"/>
      <c r="J774" s="98"/>
      <c r="K774" s="97"/>
      <c r="N774" s="3"/>
      <c r="W774" s="98"/>
      <c r="Z774" s="143"/>
      <c r="AA774" s="137"/>
      <c r="AB774" s="137"/>
      <c r="AC774" s="137"/>
      <c r="AD774" s="137"/>
      <c r="AE774" s="137"/>
      <c r="AF774" s="137"/>
      <c r="AG774" s="137"/>
      <c r="AH774" s="137"/>
      <c r="AI774" s="137"/>
      <c r="AJ774" s="137"/>
      <c r="AK774" s="206"/>
      <c r="AL774" s="206"/>
      <c r="AM774" s="143"/>
      <c r="AN774" s="137"/>
      <c r="AO774" s="137"/>
      <c r="AP774" s="137"/>
      <c r="AQ774" s="137"/>
      <c r="AR774" s="137"/>
      <c r="AS774" s="137"/>
      <c r="AT774" s="137"/>
      <c r="AU774" s="137"/>
      <c r="AV774" s="137"/>
      <c r="AW774" s="144"/>
    </row>
    <row r="775" spans="2:49" x14ac:dyDescent="0.2">
      <c r="B775" s="97"/>
      <c r="G775" s="43"/>
      <c r="J775" s="98"/>
      <c r="K775" s="97"/>
      <c r="N775" s="3"/>
      <c r="W775" s="98"/>
      <c r="Z775" s="143"/>
      <c r="AA775" s="137"/>
      <c r="AB775" s="137"/>
      <c r="AC775" s="137"/>
      <c r="AD775" s="137"/>
      <c r="AE775" s="137"/>
      <c r="AF775" s="137"/>
      <c r="AG775" s="137"/>
      <c r="AH775" s="137"/>
      <c r="AI775" s="137"/>
      <c r="AJ775" s="137"/>
      <c r="AK775" s="206"/>
      <c r="AL775" s="206"/>
      <c r="AM775" s="143"/>
      <c r="AN775" s="137"/>
      <c r="AO775" s="137"/>
      <c r="AP775" s="137"/>
      <c r="AQ775" s="137"/>
      <c r="AR775" s="137"/>
      <c r="AS775" s="137"/>
      <c r="AT775" s="137"/>
      <c r="AU775" s="137"/>
      <c r="AV775" s="137"/>
      <c r="AW775" s="144"/>
    </row>
    <row r="776" spans="2:49" x14ac:dyDescent="0.2">
      <c r="B776" s="97"/>
      <c r="G776" s="43"/>
      <c r="J776" s="98"/>
      <c r="K776" s="97"/>
      <c r="N776" s="3"/>
      <c r="W776" s="98"/>
      <c r="Z776" s="143"/>
      <c r="AA776" s="137"/>
      <c r="AB776" s="137"/>
      <c r="AC776" s="137"/>
      <c r="AD776" s="137"/>
      <c r="AE776" s="137"/>
      <c r="AF776" s="137"/>
      <c r="AG776" s="137"/>
      <c r="AH776" s="137"/>
      <c r="AI776" s="137"/>
      <c r="AJ776" s="137"/>
      <c r="AK776" s="206"/>
      <c r="AL776" s="206"/>
      <c r="AM776" s="143"/>
      <c r="AN776" s="137"/>
      <c r="AO776" s="137"/>
      <c r="AP776" s="137"/>
      <c r="AQ776" s="137"/>
      <c r="AR776" s="137"/>
      <c r="AS776" s="137"/>
      <c r="AT776" s="137"/>
      <c r="AU776" s="137"/>
      <c r="AV776" s="137"/>
      <c r="AW776" s="144"/>
    </row>
    <row r="777" spans="2:49" x14ac:dyDescent="0.2">
      <c r="B777" s="97"/>
      <c r="G777" s="43"/>
      <c r="J777" s="98"/>
      <c r="K777" s="97"/>
      <c r="N777" s="3"/>
      <c r="W777" s="98"/>
      <c r="Z777" s="143"/>
      <c r="AA777" s="137"/>
      <c r="AB777" s="137"/>
      <c r="AC777" s="137"/>
      <c r="AD777" s="137"/>
      <c r="AE777" s="137"/>
      <c r="AF777" s="137"/>
      <c r="AG777" s="137"/>
      <c r="AH777" s="137"/>
      <c r="AI777" s="137"/>
      <c r="AJ777" s="137"/>
      <c r="AK777" s="206"/>
      <c r="AL777" s="206"/>
      <c r="AM777" s="143"/>
      <c r="AN777" s="137"/>
      <c r="AO777" s="137"/>
      <c r="AP777" s="137"/>
      <c r="AQ777" s="137"/>
      <c r="AR777" s="137"/>
      <c r="AS777" s="137"/>
      <c r="AT777" s="137"/>
      <c r="AU777" s="137"/>
      <c r="AV777" s="137"/>
      <c r="AW777" s="144"/>
    </row>
    <row r="778" spans="2:49" x14ac:dyDescent="0.2">
      <c r="B778" s="97"/>
      <c r="G778" s="43"/>
      <c r="J778" s="98"/>
      <c r="K778" s="97"/>
      <c r="N778" s="3"/>
      <c r="W778" s="98"/>
      <c r="Z778" s="143"/>
      <c r="AA778" s="137"/>
      <c r="AB778" s="137"/>
      <c r="AC778" s="137"/>
      <c r="AD778" s="137"/>
      <c r="AE778" s="137"/>
      <c r="AF778" s="137"/>
      <c r="AG778" s="137"/>
      <c r="AH778" s="137"/>
      <c r="AI778" s="137"/>
      <c r="AJ778" s="137"/>
      <c r="AK778" s="206"/>
      <c r="AL778" s="206"/>
      <c r="AM778" s="143"/>
      <c r="AN778" s="137"/>
      <c r="AO778" s="137"/>
      <c r="AP778" s="137"/>
      <c r="AQ778" s="137"/>
      <c r="AR778" s="137"/>
      <c r="AS778" s="137"/>
      <c r="AT778" s="137"/>
      <c r="AU778" s="137"/>
      <c r="AV778" s="137"/>
      <c r="AW778" s="144"/>
    </row>
    <row r="779" spans="2:49" x14ac:dyDescent="0.2">
      <c r="B779" s="97"/>
      <c r="G779" s="43"/>
      <c r="J779" s="98"/>
      <c r="K779" s="97"/>
      <c r="N779" s="3"/>
      <c r="W779" s="98"/>
      <c r="Z779" s="143"/>
      <c r="AA779" s="137"/>
      <c r="AB779" s="137"/>
      <c r="AC779" s="137"/>
      <c r="AD779" s="137"/>
      <c r="AE779" s="137"/>
      <c r="AF779" s="137"/>
      <c r="AG779" s="137"/>
      <c r="AH779" s="137"/>
      <c r="AI779" s="137"/>
      <c r="AJ779" s="137"/>
      <c r="AK779" s="206"/>
      <c r="AL779" s="206"/>
      <c r="AM779" s="143"/>
      <c r="AN779" s="137"/>
      <c r="AO779" s="137"/>
      <c r="AP779" s="137"/>
      <c r="AQ779" s="137"/>
      <c r="AR779" s="137"/>
      <c r="AS779" s="137"/>
      <c r="AT779" s="137"/>
      <c r="AU779" s="137"/>
      <c r="AV779" s="137"/>
      <c r="AW779" s="144"/>
    </row>
    <row r="780" spans="2:49" x14ac:dyDescent="0.2">
      <c r="B780" s="97"/>
      <c r="G780" s="43"/>
      <c r="J780" s="98"/>
      <c r="K780" s="97"/>
      <c r="N780" s="3"/>
      <c r="W780" s="98"/>
      <c r="Z780" s="143"/>
      <c r="AA780" s="137"/>
      <c r="AB780" s="137"/>
      <c r="AC780" s="137"/>
      <c r="AD780" s="137"/>
      <c r="AE780" s="137"/>
      <c r="AF780" s="137"/>
      <c r="AG780" s="137"/>
      <c r="AH780" s="137"/>
      <c r="AI780" s="137"/>
      <c r="AJ780" s="137"/>
      <c r="AK780" s="206"/>
      <c r="AL780" s="206"/>
      <c r="AM780" s="143"/>
      <c r="AN780" s="137"/>
      <c r="AO780" s="137"/>
      <c r="AP780" s="137"/>
      <c r="AQ780" s="137"/>
      <c r="AR780" s="137"/>
      <c r="AS780" s="137"/>
      <c r="AT780" s="137"/>
      <c r="AU780" s="137"/>
      <c r="AV780" s="137"/>
      <c r="AW780" s="144"/>
    </row>
    <row r="781" spans="2:49" x14ac:dyDescent="0.2">
      <c r="B781" s="97"/>
      <c r="G781" s="43"/>
      <c r="J781" s="98"/>
      <c r="K781" s="97"/>
      <c r="N781" s="3"/>
      <c r="W781" s="98"/>
      <c r="Z781" s="143"/>
      <c r="AA781" s="137"/>
      <c r="AB781" s="137"/>
      <c r="AC781" s="137"/>
      <c r="AD781" s="137"/>
      <c r="AE781" s="137"/>
      <c r="AF781" s="137"/>
      <c r="AG781" s="137"/>
      <c r="AH781" s="137"/>
      <c r="AI781" s="137"/>
      <c r="AJ781" s="137"/>
      <c r="AK781" s="206"/>
      <c r="AL781" s="206"/>
      <c r="AM781" s="143"/>
      <c r="AN781" s="137"/>
      <c r="AO781" s="137"/>
      <c r="AP781" s="137"/>
      <c r="AQ781" s="137"/>
      <c r="AR781" s="137"/>
      <c r="AS781" s="137"/>
      <c r="AT781" s="137"/>
      <c r="AU781" s="137"/>
      <c r="AV781" s="137"/>
      <c r="AW781" s="144"/>
    </row>
    <row r="782" spans="2:49" x14ac:dyDescent="0.2">
      <c r="B782" s="97"/>
      <c r="G782" s="43"/>
      <c r="J782" s="98"/>
      <c r="K782" s="97"/>
      <c r="N782" s="3"/>
      <c r="W782" s="98"/>
      <c r="Z782" s="143"/>
      <c r="AA782" s="137"/>
      <c r="AB782" s="137"/>
      <c r="AC782" s="137"/>
      <c r="AD782" s="137"/>
      <c r="AE782" s="137"/>
      <c r="AF782" s="137"/>
      <c r="AG782" s="137"/>
      <c r="AH782" s="137"/>
      <c r="AI782" s="137"/>
      <c r="AJ782" s="137"/>
      <c r="AK782" s="206"/>
      <c r="AL782" s="206"/>
      <c r="AM782" s="143"/>
      <c r="AN782" s="137"/>
      <c r="AO782" s="137"/>
      <c r="AP782" s="137"/>
      <c r="AQ782" s="137"/>
      <c r="AR782" s="137"/>
      <c r="AS782" s="137"/>
      <c r="AT782" s="137"/>
      <c r="AU782" s="137"/>
      <c r="AV782" s="137"/>
      <c r="AW782" s="144"/>
    </row>
    <row r="783" spans="2:49" x14ac:dyDescent="0.2">
      <c r="B783" s="97"/>
      <c r="G783" s="43"/>
      <c r="J783" s="98"/>
      <c r="K783" s="97"/>
      <c r="N783" s="3"/>
      <c r="W783" s="98"/>
      <c r="Z783" s="143"/>
      <c r="AA783" s="137"/>
      <c r="AB783" s="137"/>
      <c r="AC783" s="137"/>
      <c r="AD783" s="137"/>
      <c r="AE783" s="137"/>
      <c r="AF783" s="137"/>
      <c r="AG783" s="137"/>
      <c r="AH783" s="137"/>
      <c r="AI783" s="137"/>
      <c r="AJ783" s="137"/>
      <c r="AK783" s="206"/>
      <c r="AL783" s="206"/>
      <c r="AM783" s="143"/>
      <c r="AN783" s="137"/>
      <c r="AO783" s="137"/>
      <c r="AP783" s="137"/>
      <c r="AQ783" s="137"/>
      <c r="AR783" s="137"/>
      <c r="AS783" s="137"/>
      <c r="AT783" s="137"/>
      <c r="AU783" s="137"/>
      <c r="AV783" s="137"/>
      <c r="AW783" s="144"/>
    </row>
    <row r="784" spans="2:49" x14ac:dyDescent="0.2">
      <c r="B784" s="97"/>
      <c r="G784" s="43"/>
      <c r="J784" s="98"/>
      <c r="K784" s="97"/>
      <c r="N784" s="3"/>
      <c r="W784" s="98"/>
      <c r="Z784" s="143"/>
      <c r="AA784" s="137"/>
      <c r="AB784" s="137"/>
      <c r="AC784" s="137"/>
      <c r="AD784" s="137"/>
      <c r="AE784" s="137"/>
      <c r="AF784" s="137"/>
      <c r="AG784" s="137"/>
      <c r="AH784" s="137"/>
      <c r="AI784" s="137"/>
      <c r="AJ784" s="137"/>
      <c r="AK784" s="206"/>
      <c r="AL784" s="206"/>
      <c r="AM784" s="143"/>
      <c r="AN784" s="137"/>
      <c r="AO784" s="137"/>
      <c r="AP784" s="137"/>
      <c r="AQ784" s="137"/>
      <c r="AR784" s="137"/>
      <c r="AS784" s="137"/>
      <c r="AT784" s="137"/>
      <c r="AU784" s="137"/>
      <c r="AV784" s="137"/>
      <c r="AW784" s="144"/>
    </row>
    <row r="785" spans="2:49" x14ac:dyDescent="0.2">
      <c r="B785" s="97"/>
      <c r="G785" s="43"/>
      <c r="J785" s="98"/>
      <c r="K785" s="97"/>
      <c r="N785" s="3"/>
      <c r="W785" s="98"/>
      <c r="Z785" s="143"/>
      <c r="AA785" s="137"/>
      <c r="AB785" s="137"/>
      <c r="AC785" s="137"/>
      <c r="AD785" s="137"/>
      <c r="AE785" s="137"/>
      <c r="AF785" s="137"/>
      <c r="AG785" s="137"/>
      <c r="AH785" s="137"/>
      <c r="AI785" s="137"/>
      <c r="AJ785" s="137"/>
      <c r="AK785" s="206"/>
      <c r="AL785" s="206"/>
      <c r="AM785" s="143"/>
      <c r="AN785" s="137"/>
      <c r="AO785" s="137"/>
      <c r="AP785" s="137"/>
      <c r="AQ785" s="137"/>
      <c r="AR785" s="137"/>
      <c r="AS785" s="137"/>
      <c r="AT785" s="137"/>
      <c r="AU785" s="137"/>
      <c r="AV785" s="137"/>
      <c r="AW785" s="144"/>
    </row>
    <row r="786" spans="2:49" x14ac:dyDescent="0.2">
      <c r="B786" s="97"/>
      <c r="G786" s="43"/>
      <c r="J786" s="98"/>
      <c r="K786" s="97"/>
      <c r="N786" s="3"/>
      <c r="W786" s="98"/>
      <c r="Z786" s="143"/>
      <c r="AA786" s="137"/>
      <c r="AB786" s="137"/>
      <c r="AC786" s="137"/>
      <c r="AD786" s="137"/>
      <c r="AE786" s="137"/>
      <c r="AF786" s="137"/>
      <c r="AG786" s="137"/>
      <c r="AH786" s="137"/>
      <c r="AI786" s="137"/>
      <c r="AJ786" s="137"/>
      <c r="AK786" s="206"/>
      <c r="AL786" s="206"/>
      <c r="AM786" s="143"/>
      <c r="AN786" s="137"/>
      <c r="AO786" s="137"/>
      <c r="AP786" s="137"/>
      <c r="AQ786" s="137"/>
      <c r="AR786" s="137"/>
      <c r="AS786" s="137"/>
      <c r="AT786" s="137"/>
      <c r="AU786" s="137"/>
      <c r="AV786" s="137"/>
      <c r="AW786" s="144"/>
    </row>
    <row r="787" spans="2:49" x14ac:dyDescent="0.2">
      <c r="B787" s="97"/>
      <c r="G787" s="43"/>
      <c r="J787" s="98"/>
      <c r="K787" s="97"/>
      <c r="N787" s="3"/>
      <c r="W787" s="98"/>
      <c r="Z787" s="143"/>
      <c r="AA787" s="137"/>
      <c r="AB787" s="137"/>
      <c r="AC787" s="137"/>
      <c r="AD787" s="137"/>
      <c r="AE787" s="137"/>
      <c r="AF787" s="137"/>
      <c r="AG787" s="137"/>
      <c r="AH787" s="137"/>
      <c r="AI787" s="137"/>
      <c r="AJ787" s="137"/>
      <c r="AK787" s="206"/>
      <c r="AL787" s="206"/>
      <c r="AM787" s="143"/>
      <c r="AN787" s="137"/>
      <c r="AO787" s="137"/>
      <c r="AP787" s="137"/>
      <c r="AQ787" s="137"/>
      <c r="AR787" s="137"/>
      <c r="AS787" s="137"/>
      <c r="AT787" s="137"/>
      <c r="AU787" s="137"/>
      <c r="AV787" s="137"/>
      <c r="AW787" s="144"/>
    </row>
    <row r="788" spans="2:49" x14ac:dyDescent="0.2">
      <c r="B788" s="97"/>
      <c r="G788" s="43"/>
      <c r="J788" s="98"/>
      <c r="K788" s="97"/>
      <c r="N788" s="3"/>
      <c r="W788" s="98"/>
      <c r="Z788" s="143"/>
      <c r="AA788" s="137"/>
      <c r="AB788" s="137"/>
      <c r="AC788" s="137"/>
      <c r="AD788" s="137"/>
      <c r="AE788" s="137"/>
      <c r="AF788" s="137"/>
      <c r="AG788" s="137"/>
      <c r="AH788" s="137"/>
      <c r="AI788" s="137"/>
      <c r="AJ788" s="137"/>
      <c r="AK788" s="206"/>
      <c r="AL788" s="206"/>
      <c r="AM788" s="143"/>
      <c r="AN788" s="137"/>
      <c r="AO788" s="137"/>
      <c r="AP788" s="137"/>
      <c r="AQ788" s="137"/>
      <c r="AR788" s="137"/>
      <c r="AS788" s="137"/>
      <c r="AT788" s="137"/>
      <c r="AU788" s="137"/>
      <c r="AV788" s="137"/>
      <c r="AW788" s="144"/>
    </row>
    <row r="789" spans="2:49" x14ac:dyDescent="0.2">
      <c r="B789" s="97"/>
      <c r="G789" s="43"/>
      <c r="J789" s="98"/>
      <c r="K789" s="97"/>
      <c r="N789" s="3"/>
      <c r="W789" s="98"/>
      <c r="Z789" s="143"/>
      <c r="AA789" s="137"/>
      <c r="AB789" s="137"/>
      <c r="AC789" s="137"/>
      <c r="AD789" s="137"/>
      <c r="AE789" s="137"/>
      <c r="AF789" s="137"/>
      <c r="AG789" s="137"/>
      <c r="AH789" s="137"/>
      <c r="AI789" s="137"/>
      <c r="AJ789" s="137"/>
      <c r="AK789" s="206"/>
      <c r="AL789" s="206"/>
      <c r="AM789" s="143"/>
      <c r="AN789" s="137"/>
      <c r="AO789" s="137"/>
      <c r="AP789" s="137"/>
      <c r="AQ789" s="137"/>
      <c r="AR789" s="137"/>
      <c r="AS789" s="137"/>
      <c r="AT789" s="137"/>
      <c r="AU789" s="137"/>
      <c r="AV789" s="137"/>
      <c r="AW789" s="144"/>
    </row>
    <row r="790" spans="2:49" x14ac:dyDescent="0.2">
      <c r="B790" s="97"/>
      <c r="G790" s="43"/>
      <c r="J790" s="98"/>
      <c r="K790" s="97"/>
      <c r="N790" s="3"/>
      <c r="W790" s="98"/>
      <c r="Z790" s="143"/>
      <c r="AA790" s="137"/>
      <c r="AB790" s="137"/>
      <c r="AC790" s="137"/>
      <c r="AD790" s="137"/>
      <c r="AE790" s="137"/>
      <c r="AF790" s="137"/>
      <c r="AG790" s="137"/>
      <c r="AH790" s="137"/>
      <c r="AI790" s="137"/>
      <c r="AJ790" s="137"/>
      <c r="AK790" s="206"/>
      <c r="AL790" s="206"/>
      <c r="AM790" s="143"/>
      <c r="AN790" s="137"/>
      <c r="AO790" s="137"/>
      <c r="AP790" s="137"/>
      <c r="AQ790" s="137"/>
      <c r="AR790" s="137"/>
      <c r="AS790" s="137"/>
      <c r="AT790" s="137"/>
      <c r="AU790" s="137"/>
      <c r="AV790" s="137"/>
      <c r="AW790" s="144"/>
    </row>
    <row r="791" spans="2:49" x14ac:dyDescent="0.2">
      <c r="B791" s="97"/>
      <c r="G791" s="43"/>
      <c r="J791" s="98"/>
      <c r="K791" s="97"/>
      <c r="N791" s="3"/>
      <c r="W791" s="98"/>
      <c r="Z791" s="143"/>
      <c r="AA791" s="137"/>
      <c r="AB791" s="137"/>
      <c r="AC791" s="137"/>
      <c r="AD791" s="137"/>
      <c r="AE791" s="137"/>
      <c r="AF791" s="137"/>
      <c r="AG791" s="137"/>
      <c r="AH791" s="137"/>
      <c r="AI791" s="137"/>
      <c r="AJ791" s="137"/>
      <c r="AK791" s="206"/>
      <c r="AL791" s="206"/>
      <c r="AM791" s="143"/>
      <c r="AN791" s="137"/>
      <c r="AO791" s="137"/>
      <c r="AP791" s="137"/>
      <c r="AQ791" s="137"/>
      <c r="AR791" s="137"/>
      <c r="AS791" s="137"/>
      <c r="AT791" s="137"/>
      <c r="AU791" s="137"/>
      <c r="AV791" s="137"/>
      <c r="AW791" s="144"/>
    </row>
    <row r="792" spans="2:49" x14ac:dyDescent="0.2">
      <c r="B792" s="97"/>
      <c r="G792" s="43"/>
      <c r="J792" s="98"/>
      <c r="K792" s="97"/>
      <c r="N792" s="3"/>
      <c r="W792" s="98"/>
      <c r="Z792" s="143"/>
      <c r="AA792" s="137"/>
      <c r="AB792" s="137"/>
      <c r="AC792" s="137"/>
      <c r="AD792" s="137"/>
      <c r="AE792" s="137"/>
      <c r="AF792" s="137"/>
      <c r="AG792" s="137"/>
      <c r="AH792" s="137"/>
      <c r="AI792" s="137"/>
      <c r="AJ792" s="137"/>
      <c r="AK792" s="206"/>
      <c r="AL792" s="206"/>
      <c r="AM792" s="143"/>
      <c r="AN792" s="137"/>
      <c r="AO792" s="137"/>
      <c r="AP792" s="137"/>
      <c r="AQ792" s="137"/>
      <c r="AR792" s="137"/>
      <c r="AS792" s="137"/>
      <c r="AT792" s="137"/>
      <c r="AU792" s="137"/>
      <c r="AV792" s="137"/>
      <c r="AW792" s="144"/>
    </row>
    <row r="793" spans="2:49" x14ac:dyDescent="0.2">
      <c r="B793" s="97"/>
      <c r="G793" s="43"/>
      <c r="J793" s="98"/>
      <c r="K793" s="97"/>
      <c r="N793" s="3"/>
      <c r="W793" s="98"/>
      <c r="Z793" s="143"/>
      <c r="AA793" s="137"/>
      <c r="AB793" s="137"/>
      <c r="AC793" s="137"/>
      <c r="AD793" s="137"/>
      <c r="AE793" s="137"/>
      <c r="AF793" s="137"/>
      <c r="AG793" s="137"/>
      <c r="AH793" s="137"/>
      <c r="AI793" s="137"/>
      <c r="AJ793" s="137"/>
      <c r="AK793" s="206"/>
      <c r="AL793" s="206"/>
      <c r="AM793" s="143"/>
      <c r="AN793" s="137"/>
      <c r="AO793" s="137"/>
      <c r="AP793" s="137"/>
      <c r="AQ793" s="137"/>
      <c r="AR793" s="137"/>
      <c r="AS793" s="137"/>
      <c r="AT793" s="137"/>
      <c r="AU793" s="137"/>
      <c r="AV793" s="137"/>
      <c r="AW793" s="144"/>
    </row>
    <row r="794" spans="2:49" x14ac:dyDescent="0.2">
      <c r="B794" s="97"/>
      <c r="G794" s="43"/>
      <c r="J794" s="98"/>
      <c r="K794" s="97"/>
      <c r="N794" s="3"/>
      <c r="W794" s="98"/>
      <c r="Z794" s="143"/>
      <c r="AA794" s="137"/>
      <c r="AB794" s="137"/>
      <c r="AC794" s="137"/>
      <c r="AD794" s="137"/>
      <c r="AE794" s="137"/>
      <c r="AF794" s="137"/>
      <c r="AG794" s="137"/>
      <c r="AH794" s="137"/>
      <c r="AI794" s="137"/>
      <c r="AJ794" s="137"/>
      <c r="AK794" s="206"/>
      <c r="AL794" s="206"/>
      <c r="AM794" s="143"/>
      <c r="AN794" s="137"/>
      <c r="AO794" s="137"/>
      <c r="AP794" s="137"/>
      <c r="AQ794" s="137"/>
      <c r="AR794" s="137"/>
      <c r="AS794" s="137"/>
      <c r="AT794" s="137"/>
      <c r="AU794" s="137"/>
      <c r="AV794" s="137"/>
      <c r="AW794" s="144"/>
    </row>
    <row r="795" spans="2:49" x14ac:dyDescent="0.2">
      <c r="B795" s="97"/>
      <c r="G795" s="43"/>
      <c r="J795" s="98"/>
      <c r="K795" s="97"/>
      <c r="N795" s="3"/>
      <c r="W795" s="98"/>
      <c r="Z795" s="143"/>
      <c r="AA795" s="137"/>
      <c r="AB795" s="137"/>
      <c r="AC795" s="137"/>
      <c r="AD795" s="137"/>
      <c r="AE795" s="137"/>
      <c r="AF795" s="137"/>
      <c r="AG795" s="137"/>
      <c r="AH795" s="137"/>
      <c r="AI795" s="137"/>
      <c r="AJ795" s="137"/>
      <c r="AK795" s="206"/>
      <c r="AL795" s="206"/>
      <c r="AM795" s="143"/>
      <c r="AN795" s="137"/>
      <c r="AO795" s="137"/>
      <c r="AP795" s="137"/>
      <c r="AQ795" s="137"/>
      <c r="AR795" s="137"/>
      <c r="AS795" s="137"/>
      <c r="AT795" s="137"/>
      <c r="AU795" s="137"/>
      <c r="AV795" s="137"/>
      <c r="AW795" s="144"/>
    </row>
    <row r="796" spans="2:49" x14ac:dyDescent="0.2">
      <c r="B796" s="97"/>
      <c r="G796" s="43"/>
      <c r="J796" s="98"/>
      <c r="K796" s="97"/>
      <c r="N796" s="3"/>
      <c r="W796" s="98"/>
      <c r="Z796" s="143"/>
      <c r="AA796" s="137"/>
      <c r="AB796" s="137"/>
      <c r="AC796" s="137"/>
      <c r="AD796" s="137"/>
      <c r="AE796" s="137"/>
      <c r="AF796" s="137"/>
      <c r="AG796" s="137"/>
      <c r="AH796" s="137"/>
      <c r="AI796" s="137"/>
      <c r="AJ796" s="137"/>
      <c r="AK796" s="206"/>
      <c r="AL796" s="206"/>
      <c r="AM796" s="143"/>
      <c r="AN796" s="137"/>
      <c r="AO796" s="137"/>
      <c r="AP796" s="137"/>
      <c r="AQ796" s="137"/>
      <c r="AR796" s="137"/>
      <c r="AS796" s="137"/>
      <c r="AT796" s="137"/>
      <c r="AU796" s="137"/>
      <c r="AV796" s="137"/>
      <c r="AW796" s="144"/>
    </row>
    <row r="797" spans="2:49" x14ac:dyDescent="0.2">
      <c r="B797" s="97"/>
      <c r="G797" s="43"/>
      <c r="J797" s="98"/>
      <c r="K797" s="97"/>
      <c r="N797" s="3"/>
      <c r="W797" s="98"/>
      <c r="Z797" s="143"/>
      <c r="AA797" s="137"/>
      <c r="AB797" s="137"/>
      <c r="AC797" s="137"/>
      <c r="AD797" s="137"/>
      <c r="AE797" s="137"/>
      <c r="AF797" s="137"/>
      <c r="AG797" s="137"/>
      <c r="AH797" s="137"/>
      <c r="AI797" s="137"/>
      <c r="AJ797" s="137"/>
      <c r="AK797" s="206"/>
      <c r="AL797" s="206"/>
      <c r="AM797" s="143"/>
      <c r="AN797" s="137"/>
      <c r="AO797" s="137"/>
      <c r="AP797" s="137"/>
      <c r="AQ797" s="137"/>
      <c r="AR797" s="137"/>
      <c r="AS797" s="137"/>
      <c r="AT797" s="137"/>
      <c r="AU797" s="137"/>
      <c r="AV797" s="137"/>
      <c r="AW797" s="144"/>
    </row>
    <row r="798" spans="2:49" x14ac:dyDescent="0.2">
      <c r="B798" s="97"/>
      <c r="G798" s="43"/>
      <c r="J798" s="98"/>
      <c r="K798" s="97"/>
      <c r="N798" s="3"/>
      <c r="W798" s="98"/>
      <c r="Z798" s="143"/>
      <c r="AA798" s="137"/>
      <c r="AB798" s="137"/>
      <c r="AC798" s="137"/>
      <c r="AD798" s="137"/>
      <c r="AE798" s="137"/>
      <c r="AF798" s="137"/>
      <c r="AG798" s="137"/>
      <c r="AH798" s="137"/>
      <c r="AI798" s="137"/>
      <c r="AJ798" s="137"/>
      <c r="AK798" s="206"/>
      <c r="AL798" s="206"/>
      <c r="AM798" s="143"/>
      <c r="AN798" s="137"/>
      <c r="AO798" s="137"/>
      <c r="AP798" s="137"/>
      <c r="AQ798" s="137"/>
      <c r="AR798" s="137"/>
      <c r="AS798" s="137"/>
      <c r="AT798" s="137"/>
      <c r="AU798" s="137"/>
      <c r="AV798" s="137"/>
      <c r="AW798" s="144"/>
    </row>
    <row r="799" spans="2:49" x14ac:dyDescent="0.2">
      <c r="B799" s="97"/>
      <c r="G799" s="43"/>
      <c r="J799" s="98"/>
      <c r="K799" s="97"/>
      <c r="N799" s="3"/>
      <c r="W799" s="98"/>
      <c r="Z799" s="143"/>
      <c r="AA799" s="137"/>
      <c r="AB799" s="137"/>
      <c r="AC799" s="137"/>
      <c r="AD799" s="137"/>
      <c r="AE799" s="137"/>
      <c r="AF799" s="137"/>
      <c r="AG799" s="137"/>
      <c r="AH799" s="137"/>
      <c r="AI799" s="137"/>
      <c r="AJ799" s="137"/>
      <c r="AK799" s="206"/>
      <c r="AL799" s="206"/>
      <c r="AM799" s="143"/>
      <c r="AN799" s="137"/>
      <c r="AO799" s="137"/>
      <c r="AP799" s="137"/>
      <c r="AQ799" s="137"/>
      <c r="AR799" s="137"/>
      <c r="AS799" s="137"/>
      <c r="AT799" s="137"/>
      <c r="AU799" s="137"/>
      <c r="AV799" s="137"/>
      <c r="AW799" s="144"/>
    </row>
    <row r="800" spans="2:49" x14ac:dyDescent="0.2">
      <c r="B800" s="97"/>
      <c r="G800" s="43"/>
      <c r="J800" s="98"/>
      <c r="K800" s="97"/>
      <c r="N800" s="3"/>
      <c r="W800" s="98"/>
      <c r="Z800" s="143"/>
      <c r="AA800" s="137"/>
      <c r="AB800" s="137"/>
      <c r="AC800" s="137"/>
      <c r="AD800" s="137"/>
      <c r="AE800" s="137"/>
      <c r="AF800" s="137"/>
      <c r="AG800" s="137"/>
      <c r="AH800" s="137"/>
      <c r="AI800" s="137"/>
      <c r="AJ800" s="137"/>
      <c r="AK800" s="206"/>
      <c r="AL800" s="206"/>
      <c r="AM800" s="143"/>
      <c r="AN800" s="137"/>
      <c r="AO800" s="137"/>
      <c r="AP800" s="137"/>
      <c r="AQ800" s="137"/>
      <c r="AR800" s="137"/>
      <c r="AS800" s="137"/>
      <c r="AT800" s="137"/>
      <c r="AU800" s="137"/>
      <c r="AV800" s="137"/>
      <c r="AW800" s="144"/>
    </row>
    <row r="801" spans="2:49" x14ac:dyDescent="0.2">
      <c r="B801" s="97"/>
      <c r="G801" s="43"/>
      <c r="J801" s="98"/>
      <c r="K801" s="97"/>
      <c r="N801" s="3"/>
      <c r="W801" s="98"/>
      <c r="Z801" s="143"/>
      <c r="AA801" s="137"/>
      <c r="AB801" s="137"/>
      <c r="AC801" s="137"/>
      <c r="AD801" s="137"/>
      <c r="AE801" s="137"/>
      <c r="AF801" s="137"/>
      <c r="AG801" s="137"/>
      <c r="AH801" s="137"/>
      <c r="AI801" s="137"/>
      <c r="AJ801" s="137"/>
      <c r="AK801" s="206"/>
      <c r="AL801" s="206"/>
      <c r="AM801" s="143"/>
      <c r="AN801" s="137"/>
      <c r="AO801" s="137"/>
      <c r="AP801" s="137"/>
      <c r="AQ801" s="137"/>
      <c r="AR801" s="137"/>
      <c r="AS801" s="137"/>
      <c r="AT801" s="137"/>
      <c r="AU801" s="137"/>
      <c r="AV801" s="137"/>
      <c r="AW801" s="144"/>
    </row>
    <row r="802" spans="2:49" x14ac:dyDescent="0.2">
      <c r="B802" s="97"/>
      <c r="G802" s="43"/>
      <c r="J802" s="98"/>
      <c r="K802" s="97"/>
      <c r="N802" s="3"/>
      <c r="W802" s="98"/>
      <c r="Z802" s="143"/>
      <c r="AA802" s="137"/>
      <c r="AB802" s="137"/>
      <c r="AC802" s="137"/>
      <c r="AD802" s="137"/>
      <c r="AE802" s="137"/>
      <c r="AF802" s="137"/>
      <c r="AG802" s="137"/>
      <c r="AH802" s="137"/>
      <c r="AI802" s="137"/>
      <c r="AJ802" s="137"/>
      <c r="AK802" s="206"/>
      <c r="AL802" s="206"/>
      <c r="AM802" s="143"/>
      <c r="AN802" s="137"/>
      <c r="AO802" s="137"/>
      <c r="AP802" s="137"/>
      <c r="AQ802" s="137"/>
      <c r="AR802" s="137"/>
      <c r="AS802" s="137"/>
      <c r="AT802" s="137"/>
      <c r="AU802" s="137"/>
      <c r="AV802" s="137"/>
      <c r="AW802" s="144"/>
    </row>
    <row r="803" spans="2:49" x14ac:dyDescent="0.2">
      <c r="B803" s="97"/>
      <c r="G803" s="43"/>
      <c r="J803" s="98"/>
      <c r="K803" s="97"/>
      <c r="N803" s="3"/>
      <c r="W803" s="98"/>
      <c r="Z803" s="143"/>
      <c r="AA803" s="137"/>
      <c r="AB803" s="137"/>
      <c r="AC803" s="137"/>
      <c r="AD803" s="137"/>
      <c r="AE803" s="137"/>
      <c r="AF803" s="137"/>
      <c r="AG803" s="137"/>
      <c r="AH803" s="137"/>
      <c r="AI803" s="137"/>
      <c r="AJ803" s="137"/>
      <c r="AK803" s="206"/>
      <c r="AL803" s="206"/>
      <c r="AM803" s="143"/>
      <c r="AN803" s="137"/>
      <c r="AO803" s="137"/>
      <c r="AP803" s="137"/>
      <c r="AQ803" s="137"/>
      <c r="AR803" s="137"/>
      <c r="AS803" s="137"/>
      <c r="AT803" s="137"/>
      <c r="AU803" s="137"/>
      <c r="AV803" s="137"/>
      <c r="AW803" s="144"/>
    </row>
    <row r="804" spans="2:49" x14ac:dyDescent="0.2">
      <c r="B804" s="97"/>
      <c r="G804" s="43"/>
      <c r="J804" s="98"/>
      <c r="K804" s="97"/>
      <c r="N804" s="3"/>
      <c r="W804" s="98"/>
      <c r="Z804" s="143"/>
      <c r="AA804" s="137"/>
      <c r="AB804" s="137"/>
      <c r="AC804" s="137"/>
      <c r="AD804" s="137"/>
      <c r="AE804" s="137"/>
      <c r="AF804" s="137"/>
      <c r="AG804" s="137"/>
      <c r="AH804" s="137"/>
      <c r="AI804" s="137"/>
      <c r="AJ804" s="137"/>
      <c r="AK804" s="206"/>
      <c r="AL804" s="206"/>
      <c r="AM804" s="143"/>
      <c r="AN804" s="137"/>
      <c r="AO804" s="137"/>
      <c r="AP804" s="137"/>
      <c r="AQ804" s="137"/>
      <c r="AR804" s="137"/>
      <c r="AS804" s="137"/>
      <c r="AT804" s="137"/>
      <c r="AU804" s="137"/>
      <c r="AV804" s="137"/>
      <c r="AW804" s="144"/>
    </row>
    <row r="805" spans="2:49" x14ac:dyDescent="0.2">
      <c r="B805" s="97"/>
      <c r="G805" s="43"/>
      <c r="J805" s="98"/>
      <c r="K805" s="97"/>
      <c r="N805" s="3"/>
      <c r="W805" s="98"/>
      <c r="Z805" s="143"/>
      <c r="AA805" s="137"/>
      <c r="AB805" s="137"/>
      <c r="AC805" s="137"/>
      <c r="AD805" s="137"/>
      <c r="AE805" s="137"/>
      <c r="AF805" s="137"/>
      <c r="AG805" s="137"/>
      <c r="AH805" s="137"/>
      <c r="AI805" s="137"/>
      <c r="AJ805" s="137"/>
      <c r="AK805" s="206"/>
      <c r="AL805" s="206"/>
      <c r="AM805" s="143"/>
      <c r="AN805" s="137"/>
      <c r="AO805" s="137"/>
      <c r="AP805" s="137"/>
      <c r="AQ805" s="137"/>
      <c r="AR805" s="137"/>
      <c r="AS805" s="137"/>
      <c r="AT805" s="137"/>
      <c r="AU805" s="137"/>
      <c r="AV805" s="137"/>
      <c r="AW805" s="144"/>
    </row>
    <row r="806" spans="2:49" x14ac:dyDescent="0.2">
      <c r="B806" s="97"/>
      <c r="G806" s="43"/>
      <c r="J806" s="98"/>
      <c r="K806" s="97"/>
      <c r="N806" s="3"/>
      <c r="W806" s="98"/>
      <c r="Z806" s="143"/>
      <c r="AA806" s="137"/>
      <c r="AB806" s="137"/>
      <c r="AC806" s="137"/>
      <c r="AD806" s="137"/>
      <c r="AE806" s="137"/>
      <c r="AF806" s="137"/>
      <c r="AG806" s="137"/>
      <c r="AH806" s="137"/>
      <c r="AI806" s="137"/>
      <c r="AJ806" s="137"/>
      <c r="AK806" s="206"/>
      <c r="AL806" s="206"/>
      <c r="AM806" s="143"/>
      <c r="AN806" s="137"/>
      <c r="AO806" s="137"/>
      <c r="AP806" s="137"/>
      <c r="AQ806" s="137"/>
      <c r="AR806" s="137"/>
      <c r="AS806" s="137"/>
      <c r="AT806" s="137"/>
      <c r="AU806" s="137"/>
      <c r="AV806" s="137"/>
      <c r="AW806" s="144"/>
    </row>
    <row r="807" spans="2:49" x14ac:dyDescent="0.2">
      <c r="B807" s="97"/>
      <c r="G807" s="43"/>
      <c r="J807" s="98"/>
      <c r="K807" s="97"/>
      <c r="N807" s="3"/>
      <c r="W807" s="98"/>
      <c r="Z807" s="143"/>
      <c r="AA807" s="137"/>
      <c r="AB807" s="137"/>
      <c r="AC807" s="137"/>
      <c r="AD807" s="137"/>
      <c r="AE807" s="137"/>
      <c r="AF807" s="137"/>
      <c r="AG807" s="137"/>
      <c r="AH807" s="137"/>
      <c r="AI807" s="137"/>
      <c r="AJ807" s="137"/>
      <c r="AK807" s="206"/>
      <c r="AL807" s="206"/>
      <c r="AM807" s="143"/>
      <c r="AN807" s="137"/>
      <c r="AO807" s="137"/>
      <c r="AP807" s="137"/>
      <c r="AQ807" s="137"/>
      <c r="AR807" s="137"/>
      <c r="AS807" s="137"/>
      <c r="AT807" s="137"/>
      <c r="AU807" s="137"/>
      <c r="AV807" s="137"/>
      <c r="AW807" s="144"/>
    </row>
    <row r="808" spans="2:49" x14ac:dyDescent="0.2">
      <c r="B808" s="97"/>
      <c r="G808" s="43"/>
      <c r="J808" s="98"/>
      <c r="K808" s="97"/>
      <c r="N808" s="3"/>
      <c r="W808" s="98"/>
      <c r="Z808" s="143"/>
      <c r="AA808" s="137"/>
      <c r="AB808" s="137"/>
      <c r="AC808" s="137"/>
      <c r="AD808" s="137"/>
      <c r="AE808" s="137"/>
      <c r="AF808" s="137"/>
      <c r="AG808" s="137"/>
      <c r="AH808" s="137"/>
      <c r="AI808" s="137"/>
      <c r="AJ808" s="137"/>
      <c r="AK808" s="206"/>
      <c r="AL808" s="206"/>
      <c r="AM808" s="143"/>
      <c r="AN808" s="137"/>
      <c r="AO808" s="137"/>
      <c r="AP808" s="137"/>
      <c r="AQ808" s="137"/>
      <c r="AR808" s="137"/>
      <c r="AS808" s="137"/>
      <c r="AT808" s="137"/>
      <c r="AU808" s="137"/>
      <c r="AV808" s="137"/>
      <c r="AW808" s="144"/>
    </row>
    <row r="809" spans="2:49" x14ac:dyDescent="0.2">
      <c r="B809" s="97"/>
      <c r="G809" s="43"/>
      <c r="J809" s="98"/>
      <c r="K809" s="97"/>
      <c r="N809" s="3"/>
      <c r="W809" s="98"/>
      <c r="Z809" s="143"/>
      <c r="AA809" s="137"/>
      <c r="AB809" s="137"/>
      <c r="AC809" s="137"/>
      <c r="AD809" s="137"/>
      <c r="AE809" s="137"/>
      <c r="AF809" s="137"/>
      <c r="AG809" s="137"/>
      <c r="AH809" s="137"/>
      <c r="AI809" s="137"/>
      <c r="AJ809" s="137"/>
      <c r="AK809" s="206"/>
      <c r="AL809" s="206"/>
      <c r="AM809" s="143"/>
      <c r="AN809" s="137"/>
      <c r="AO809" s="137"/>
      <c r="AP809" s="137"/>
      <c r="AQ809" s="137"/>
      <c r="AR809" s="137"/>
      <c r="AS809" s="137"/>
      <c r="AT809" s="137"/>
      <c r="AU809" s="137"/>
      <c r="AV809" s="137"/>
      <c r="AW809" s="144"/>
    </row>
    <row r="810" spans="2:49" x14ac:dyDescent="0.2">
      <c r="B810" s="97"/>
      <c r="G810" s="43"/>
      <c r="J810" s="98"/>
      <c r="K810" s="97"/>
      <c r="N810" s="3"/>
      <c r="W810" s="98"/>
      <c r="Z810" s="143"/>
      <c r="AA810" s="137"/>
      <c r="AB810" s="137"/>
      <c r="AC810" s="137"/>
      <c r="AD810" s="137"/>
      <c r="AE810" s="137"/>
      <c r="AF810" s="137"/>
      <c r="AG810" s="137"/>
      <c r="AH810" s="137"/>
      <c r="AI810" s="137"/>
      <c r="AJ810" s="137"/>
      <c r="AK810" s="206"/>
      <c r="AL810" s="206"/>
      <c r="AM810" s="143"/>
      <c r="AN810" s="137"/>
      <c r="AO810" s="137"/>
      <c r="AP810" s="137"/>
      <c r="AQ810" s="137"/>
      <c r="AR810" s="137"/>
      <c r="AS810" s="137"/>
      <c r="AT810" s="137"/>
      <c r="AU810" s="137"/>
      <c r="AV810" s="137"/>
      <c r="AW810" s="144"/>
    </row>
    <row r="811" spans="2:49" x14ac:dyDescent="0.2">
      <c r="B811" s="97"/>
      <c r="G811" s="43"/>
      <c r="J811" s="98"/>
      <c r="K811" s="97"/>
      <c r="N811" s="3"/>
      <c r="W811" s="98"/>
      <c r="Z811" s="143"/>
      <c r="AA811" s="137"/>
      <c r="AB811" s="137"/>
      <c r="AC811" s="137"/>
      <c r="AD811" s="137"/>
      <c r="AE811" s="137"/>
      <c r="AF811" s="137"/>
      <c r="AG811" s="137"/>
      <c r="AH811" s="137"/>
      <c r="AI811" s="137"/>
      <c r="AJ811" s="137"/>
      <c r="AK811" s="206"/>
      <c r="AL811" s="206"/>
      <c r="AM811" s="143"/>
      <c r="AN811" s="137"/>
      <c r="AO811" s="137"/>
      <c r="AP811" s="137"/>
      <c r="AQ811" s="137"/>
      <c r="AR811" s="137"/>
      <c r="AS811" s="137"/>
      <c r="AT811" s="137"/>
      <c r="AU811" s="137"/>
      <c r="AV811" s="137"/>
      <c r="AW811" s="144"/>
    </row>
    <row r="812" spans="2:49" x14ac:dyDescent="0.2">
      <c r="B812" s="97"/>
      <c r="G812" s="43"/>
      <c r="J812" s="98"/>
      <c r="K812" s="97"/>
      <c r="N812" s="3"/>
      <c r="W812" s="98"/>
      <c r="Z812" s="143"/>
      <c r="AA812" s="137"/>
      <c r="AB812" s="137"/>
      <c r="AC812" s="137"/>
      <c r="AD812" s="137"/>
      <c r="AE812" s="137"/>
      <c r="AF812" s="137"/>
      <c r="AG812" s="137"/>
      <c r="AH812" s="137"/>
      <c r="AI812" s="137"/>
      <c r="AJ812" s="137"/>
      <c r="AK812" s="206"/>
      <c r="AL812" s="206"/>
      <c r="AM812" s="143"/>
      <c r="AN812" s="137"/>
      <c r="AO812" s="137"/>
      <c r="AP812" s="137"/>
      <c r="AQ812" s="137"/>
      <c r="AR812" s="137"/>
      <c r="AS812" s="137"/>
      <c r="AT812" s="137"/>
      <c r="AU812" s="137"/>
      <c r="AV812" s="137"/>
      <c r="AW812" s="144"/>
    </row>
    <row r="813" spans="2:49" x14ac:dyDescent="0.2">
      <c r="B813" s="97"/>
      <c r="G813" s="43"/>
      <c r="J813" s="98"/>
      <c r="K813" s="97"/>
      <c r="N813" s="3"/>
      <c r="W813" s="98"/>
      <c r="Z813" s="143"/>
      <c r="AA813" s="137"/>
      <c r="AB813" s="137"/>
      <c r="AC813" s="137"/>
      <c r="AD813" s="137"/>
      <c r="AE813" s="137"/>
      <c r="AF813" s="137"/>
      <c r="AG813" s="137"/>
      <c r="AH813" s="137"/>
      <c r="AI813" s="137"/>
      <c r="AJ813" s="137"/>
      <c r="AK813" s="206"/>
      <c r="AL813" s="206"/>
      <c r="AM813" s="143"/>
      <c r="AN813" s="137"/>
      <c r="AO813" s="137"/>
      <c r="AP813" s="137"/>
      <c r="AQ813" s="137"/>
      <c r="AR813" s="137"/>
      <c r="AS813" s="137"/>
      <c r="AT813" s="137"/>
      <c r="AU813" s="137"/>
      <c r="AV813" s="137"/>
      <c r="AW813" s="144"/>
    </row>
    <row r="814" spans="2:49" x14ac:dyDescent="0.2">
      <c r="B814" s="97"/>
      <c r="G814" s="43"/>
      <c r="J814" s="98"/>
      <c r="K814" s="97"/>
      <c r="N814" s="3"/>
      <c r="W814" s="98"/>
      <c r="Z814" s="143"/>
      <c r="AA814" s="137"/>
      <c r="AB814" s="137"/>
      <c r="AC814" s="137"/>
      <c r="AD814" s="137"/>
      <c r="AE814" s="137"/>
      <c r="AF814" s="137"/>
      <c r="AG814" s="137"/>
      <c r="AH814" s="137"/>
      <c r="AI814" s="137"/>
      <c r="AJ814" s="137"/>
      <c r="AK814" s="206"/>
      <c r="AL814" s="206"/>
      <c r="AM814" s="143"/>
      <c r="AN814" s="137"/>
      <c r="AO814" s="137"/>
      <c r="AP814" s="137"/>
      <c r="AQ814" s="137"/>
      <c r="AR814" s="137"/>
      <c r="AS814" s="137"/>
      <c r="AT814" s="137"/>
      <c r="AU814" s="137"/>
      <c r="AV814" s="137"/>
      <c r="AW814" s="144"/>
    </row>
    <row r="815" spans="2:49" x14ac:dyDescent="0.2">
      <c r="B815" s="97"/>
      <c r="G815" s="43"/>
      <c r="J815" s="98"/>
      <c r="K815" s="97"/>
      <c r="N815" s="3"/>
      <c r="W815" s="98"/>
      <c r="Z815" s="143"/>
      <c r="AA815" s="137"/>
      <c r="AB815" s="137"/>
      <c r="AC815" s="137"/>
      <c r="AD815" s="137"/>
      <c r="AE815" s="137"/>
      <c r="AF815" s="137"/>
      <c r="AG815" s="137"/>
      <c r="AH815" s="137"/>
      <c r="AI815" s="137"/>
      <c r="AJ815" s="137"/>
      <c r="AK815" s="206"/>
      <c r="AL815" s="206"/>
      <c r="AM815" s="143"/>
      <c r="AN815" s="137"/>
      <c r="AO815" s="137"/>
      <c r="AP815" s="137"/>
      <c r="AQ815" s="137"/>
      <c r="AR815" s="137"/>
      <c r="AS815" s="137"/>
      <c r="AT815" s="137"/>
      <c r="AU815" s="137"/>
      <c r="AV815" s="137"/>
      <c r="AW815" s="144"/>
    </row>
    <row r="816" spans="2:49" x14ac:dyDescent="0.2">
      <c r="B816" s="97"/>
      <c r="G816" s="43"/>
      <c r="J816" s="98"/>
      <c r="K816" s="97"/>
      <c r="N816" s="3"/>
      <c r="W816" s="98"/>
      <c r="Z816" s="143"/>
      <c r="AA816" s="137"/>
      <c r="AB816" s="137"/>
      <c r="AC816" s="137"/>
      <c r="AD816" s="137"/>
      <c r="AE816" s="137"/>
      <c r="AF816" s="137"/>
      <c r="AG816" s="137"/>
      <c r="AH816" s="137"/>
      <c r="AI816" s="137"/>
      <c r="AJ816" s="137"/>
      <c r="AK816" s="206"/>
      <c r="AL816" s="206"/>
      <c r="AM816" s="143"/>
      <c r="AN816" s="137"/>
      <c r="AO816" s="137"/>
      <c r="AP816" s="137"/>
      <c r="AQ816" s="137"/>
      <c r="AR816" s="137"/>
      <c r="AS816" s="137"/>
      <c r="AT816" s="137"/>
      <c r="AU816" s="137"/>
      <c r="AV816" s="137"/>
      <c r="AW816" s="144"/>
    </row>
    <row r="817" spans="2:49" x14ac:dyDescent="0.2">
      <c r="B817" s="97"/>
      <c r="G817" s="43"/>
      <c r="J817" s="98"/>
      <c r="K817" s="97"/>
      <c r="N817" s="3"/>
      <c r="W817" s="98"/>
      <c r="Z817" s="143"/>
      <c r="AA817" s="137"/>
      <c r="AB817" s="137"/>
      <c r="AC817" s="137"/>
      <c r="AD817" s="137"/>
      <c r="AE817" s="137"/>
      <c r="AF817" s="137"/>
      <c r="AG817" s="137"/>
      <c r="AH817" s="137"/>
      <c r="AI817" s="137"/>
      <c r="AJ817" s="137"/>
      <c r="AK817" s="206"/>
      <c r="AL817" s="206"/>
      <c r="AM817" s="143"/>
      <c r="AN817" s="137"/>
      <c r="AO817" s="137"/>
      <c r="AP817" s="137"/>
      <c r="AQ817" s="137"/>
      <c r="AR817" s="137"/>
      <c r="AS817" s="137"/>
      <c r="AT817" s="137"/>
      <c r="AU817" s="137"/>
      <c r="AV817" s="137"/>
      <c r="AW817" s="144"/>
    </row>
    <row r="818" spans="2:49" x14ac:dyDescent="0.2">
      <c r="B818" s="97"/>
      <c r="G818" s="43"/>
      <c r="J818" s="98"/>
      <c r="K818" s="97"/>
      <c r="N818" s="3"/>
      <c r="W818" s="98"/>
      <c r="Z818" s="143"/>
      <c r="AA818" s="137"/>
      <c r="AB818" s="137"/>
      <c r="AC818" s="137"/>
      <c r="AD818" s="137"/>
      <c r="AE818" s="137"/>
      <c r="AF818" s="137"/>
      <c r="AG818" s="137"/>
      <c r="AH818" s="137"/>
      <c r="AI818" s="137"/>
      <c r="AJ818" s="137"/>
      <c r="AK818" s="206"/>
      <c r="AL818" s="206"/>
      <c r="AM818" s="143"/>
      <c r="AN818" s="137"/>
      <c r="AO818" s="137"/>
      <c r="AP818" s="137"/>
      <c r="AQ818" s="137"/>
      <c r="AR818" s="137"/>
      <c r="AS818" s="137"/>
      <c r="AT818" s="137"/>
      <c r="AU818" s="137"/>
      <c r="AV818" s="137"/>
      <c r="AW818" s="144"/>
    </row>
    <row r="819" spans="2:49" x14ac:dyDescent="0.2">
      <c r="B819" s="97"/>
      <c r="G819" s="43"/>
      <c r="J819" s="98"/>
      <c r="K819" s="97"/>
      <c r="N819" s="3"/>
      <c r="W819" s="98"/>
      <c r="Z819" s="143"/>
      <c r="AA819" s="137"/>
      <c r="AB819" s="137"/>
      <c r="AC819" s="137"/>
      <c r="AD819" s="137"/>
      <c r="AE819" s="137"/>
      <c r="AF819" s="137"/>
      <c r="AG819" s="137"/>
      <c r="AH819" s="137"/>
      <c r="AI819" s="137"/>
      <c r="AJ819" s="137"/>
      <c r="AK819" s="206"/>
      <c r="AL819" s="206"/>
      <c r="AM819" s="143"/>
      <c r="AN819" s="137"/>
      <c r="AO819" s="137"/>
      <c r="AP819" s="137"/>
      <c r="AQ819" s="137"/>
      <c r="AR819" s="137"/>
      <c r="AS819" s="137"/>
      <c r="AT819" s="137"/>
      <c r="AU819" s="137"/>
      <c r="AV819" s="137"/>
      <c r="AW819" s="144"/>
    </row>
    <row r="820" spans="2:49" x14ac:dyDescent="0.2">
      <c r="B820" s="97"/>
      <c r="G820" s="43"/>
      <c r="J820" s="98"/>
      <c r="K820" s="97"/>
      <c r="N820" s="3"/>
      <c r="W820" s="98"/>
      <c r="Z820" s="143"/>
      <c r="AA820" s="137"/>
      <c r="AB820" s="137"/>
      <c r="AC820" s="137"/>
      <c r="AD820" s="137"/>
      <c r="AE820" s="137"/>
      <c r="AF820" s="137"/>
      <c r="AG820" s="137"/>
      <c r="AH820" s="137"/>
      <c r="AI820" s="137"/>
      <c r="AJ820" s="137"/>
      <c r="AK820" s="206"/>
      <c r="AL820" s="206"/>
      <c r="AM820" s="143"/>
      <c r="AN820" s="137"/>
      <c r="AO820" s="137"/>
      <c r="AP820" s="137"/>
      <c r="AQ820" s="137"/>
      <c r="AR820" s="137"/>
      <c r="AS820" s="137"/>
      <c r="AT820" s="137"/>
      <c r="AU820" s="137"/>
      <c r="AV820" s="137"/>
      <c r="AW820" s="144"/>
    </row>
    <row r="821" spans="2:49" x14ac:dyDescent="0.2">
      <c r="B821" s="97"/>
      <c r="G821" s="43"/>
      <c r="J821" s="98"/>
      <c r="K821" s="97"/>
      <c r="N821" s="3"/>
      <c r="W821" s="98"/>
      <c r="Z821" s="143"/>
      <c r="AA821" s="137"/>
      <c r="AB821" s="137"/>
      <c r="AC821" s="137"/>
      <c r="AD821" s="137"/>
      <c r="AE821" s="137"/>
      <c r="AF821" s="137"/>
      <c r="AG821" s="137"/>
      <c r="AH821" s="137"/>
      <c r="AI821" s="137"/>
      <c r="AJ821" s="137"/>
      <c r="AK821" s="206"/>
      <c r="AL821" s="206"/>
      <c r="AM821" s="143"/>
      <c r="AN821" s="137"/>
      <c r="AO821" s="137"/>
      <c r="AP821" s="137"/>
      <c r="AQ821" s="137"/>
      <c r="AR821" s="137"/>
      <c r="AS821" s="137"/>
      <c r="AT821" s="137"/>
      <c r="AU821" s="137"/>
      <c r="AV821" s="137"/>
      <c r="AW821" s="144"/>
    </row>
    <row r="822" spans="2:49" x14ac:dyDescent="0.2">
      <c r="B822" s="97"/>
      <c r="G822" s="43"/>
      <c r="J822" s="98"/>
      <c r="K822" s="97"/>
      <c r="N822" s="3"/>
      <c r="W822" s="98"/>
      <c r="Z822" s="143"/>
      <c r="AA822" s="137"/>
      <c r="AB822" s="137"/>
      <c r="AC822" s="137"/>
      <c r="AD822" s="137"/>
      <c r="AE822" s="137"/>
      <c r="AF822" s="137"/>
      <c r="AG822" s="137"/>
      <c r="AH822" s="137"/>
      <c r="AI822" s="137"/>
      <c r="AJ822" s="137"/>
      <c r="AK822" s="206"/>
      <c r="AL822" s="206"/>
      <c r="AM822" s="143"/>
      <c r="AN822" s="137"/>
      <c r="AO822" s="137"/>
      <c r="AP822" s="137"/>
      <c r="AQ822" s="137"/>
      <c r="AR822" s="137"/>
      <c r="AS822" s="137"/>
      <c r="AT822" s="137"/>
      <c r="AU822" s="137"/>
      <c r="AV822" s="137"/>
      <c r="AW822" s="144"/>
    </row>
    <row r="823" spans="2:49" x14ac:dyDescent="0.2">
      <c r="B823" s="97"/>
      <c r="G823" s="43"/>
      <c r="J823" s="98"/>
      <c r="K823" s="97"/>
      <c r="N823" s="3"/>
      <c r="W823" s="98"/>
      <c r="Z823" s="143"/>
      <c r="AA823" s="137"/>
      <c r="AB823" s="137"/>
      <c r="AC823" s="137"/>
      <c r="AD823" s="137"/>
      <c r="AE823" s="137"/>
      <c r="AF823" s="137"/>
      <c r="AG823" s="137"/>
      <c r="AH823" s="137"/>
      <c r="AI823" s="137"/>
      <c r="AJ823" s="137"/>
      <c r="AK823" s="206"/>
      <c r="AL823" s="206"/>
      <c r="AM823" s="143"/>
      <c r="AN823" s="137"/>
      <c r="AO823" s="137"/>
      <c r="AP823" s="137"/>
      <c r="AQ823" s="137"/>
      <c r="AR823" s="137"/>
      <c r="AS823" s="137"/>
      <c r="AT823" s="137"/>
      <c r="AU823" s="137"/>
      <c r="AV823" s="137"/>
      <c r="AW823" s="144"/>
    </row>
    <row r="824" spans="2:49" x14ac:dyDescent="0.2">
      <c r="B824" s="97"/>
      <c r="G824" s="43"/>
      <c r="J824" s="98"/>
      <c r="K824" s="97"/>
      <c r="N824" s="3"/>
      <c r="W824" s="98"/>
      <c r="Z824" s="143"/>
      <c r="AA824" s="137"/>
      <c r="AB824" s="137"/>
      <c r="AC824" s="137"/>
      <c r="AD824" s="137"/>
      <c r="AE824" s="137"/>
      <c r="AF824" s="137"/>
      <c r="AG824" s="137"/>
      <c r="AH824" s="137"/>
      <c r="AI824" s="137"/>
      <c r="AJ824" s="137"/>
      <c r="AK824" s="206"/>
      <c r="AL824" s="206"/>
      <c r="AM824" s="143"/>
      <c r="AN824" s="137"/>
      <c r="AO824" s="137"/>
      <c r="AP824" s="137"/>
      <c r="AQ824" s="137"/>
      <c r="AR824" s="137"/>
      <c r="AS824" s="137"/>
      <c r="AT824" s="137"/>
      <c r="AU824" s="137"/>
      <c r="AV824" s="137"/>
      <c r="AW824" s="144"/>
    </row>
    <row r="825" spans="2:49" x14ac:dyDescent="0.2">
      <c r="B825" s="97"/>
      <c r="G825" s="43"/>
      <c r="J825" s="98"/>
      <c r="K825" s="97"/>
      <c r="N825" s="3"/>
      <c r="W825" s="98"/>
      <c r="Z825" s="143"/>
      <c r="AA825" s="137"/>
      <c r="AB825" s="137"/>
      <c r="AC825" s="137"/>
      <c r="AD825" s="137"/>
      <c r="AE825" s="137"/>
      <c r="AF825" s="137"/>
      <c r="AG825" s="137"/>
      <c r="AH825" s="137"/>
      <c r="AI825" s="137"/>
      <c r="AJ825" s="137"/>
      <c r="AK825" s="206"/>
      <c r="AL825" s="206"/>
      <c r="AM825" s="143"/>
      <c r="AN825" s="137"/>
      <c r="AO825" s="137"/>
      <c r="AP825" s="137"/>
      <c r="AQ825" s="137"/>
      <c r="AR825" s="137"/>
      <c r="AS825" s="137"/>
      <c r="AT825" s="137"/>
      <c r="AU825" s="137"/>
      <c r="AV825" s="137"/>
      <c r="AW825" s="144"/>
    </row>
    <row r="826" spans="2:49" x14ac:dyDescent="0.2">
      <c r="B826" s="97"/>
      <c r="G826" s="43"/>
      <c r="J826" s="98"/>
      <c r="K826" s="97"/>
      <c r="N826" s="3"/>
      <c r="W826" s="98"/>
      <c r="Z826" s="143"/>
      <c r="AA826" s="137"/>
      <c r="AB826" s="137"/>
      <c r="AC826" s="137"/>
      <c r="AD826" s="137"/>
      <c r="AE826" s="137"/>
      <c r="AF826" s="137"/>
      <c r="AG826" s="137"/>
      <c r="AH826" s="137"/>
      <c r="AI826" s="137"/>
      <c r="AJ826" s="137"/>
      <c r="AK826" s="206"/>
      <c r="AL826" s="206"/>
      <c r="AM826" s="143"/>
      <c r="AN826" s="137"/>
      <c r="AO826" s="137"/>
      <c r="AP826" s="137"/>
      <c r="AQ826" s="137"/>
      <c r="AR826" s="137"/>
      <c r="AS826" s="137"/>
      <c r="AT826" s="137"/>
      <c r="AU826" s="137"/>
      <c r="AV826" s="137"/>
      <c r="AW826" s="144"/>
    </row>
    <row r="827" spans="2:49" x14ac:dyDescent="0.2">
      <c r="B827" s="97"/>
      <c r="G827" s="43"/>
      <c r="J827" s="98"/>
      <c r="K827" s="97"/>
      <c r="N827" s="3"/>
      <c r="W827" s="98"/>
      <c r="Z827" s="143"/>
      <c r="AA827" s="137"/>
      <c r="AB827" s="137"/>
      <c r="AC827" s="137"/>
      <c r="AD827" s="137"/>
      <c r="AE827" s="137"/>
      <c r="AF827" s="137"/>
      <c r="AG827" s="137"/>
      <c r="AH827" s="137"/>
      <c r="AI827" s="137"/>
      <c r="AJ827" s="137"/>
      <c r="AK827" s="206"/>
      <c r="AL827" s="206"/>
      <c r="AM827" s="143"/>
      <c r="AN827" s="137"/>
      <c r="AO827" s="137"/>
      <c r="AP827" s="137"/>
      <c r="AQ827" s="137"/>
      <c r="AR827" s="137"/>
      <c r="AS827" s="137"/>
      <c r="AT827" s="137"/>
      <c r="AU827" s="137"/>
      <c r="AV827" s="137"/>
      <c r="AW827" s="144"/>
    </row>
    <row r="828" spans="2:49" x14ac:dyDescent="0.2">
      <c r="B828" s="97"/>
      <c r="G828" s="43"/>
      <c r="J828" s="98"/>
      <c r="K828" s="97"/>
      <c r="N828" s="3"/>
      <c r="W828" s="98"/>
      <c r="Z828" s="143"/>
      <c r="AA828" s="137"/>
      <c r="AB828" s="137"/>
      <c r="AC828" s="137"/>
      <c r="AD828" s="137"/>
      <c r="AE828" s="137"/>
      <c r="AF828" s="137"/>
      <c r="AG828" s="137"/>
      <c r="AH828" s="137"/>
      <c r="AI828" s="137"/>
      <c r="AJ828" s="137"/>
      <c r="AK828" s="206"/>
      <c r="AL828" s="206"/>
      <c r="AM828" s="143"/>
      <c r="AN828" s="137"/>
      <c r="AO828" s="137"/>
      <c r="AP828" s="137"/>
      <c r="AQ828" s="137"/>
      <c r="AR828" s="137"/>
      <c r="AS828" s="137"/>
      <c r="AT828" s="137"/>
      <c r="AU828" s="137"/>
      <c r="AV828" s="137"/>
      <c r="AW828" s="144"/>
    </row>
    <row r="829" spans="2:49" x14ac:dyDescent="0.2">
      <c r="B829" s="97"/>
      <c r="G829" s="43"/>
      <c r="J829" s="98"/>
      <c r="K829" s="97"/>
      <c r="N829" s="3"/>
      <c r="W829" s="98"/>
      <c r="Z829" s="143"/>
      <c r="AA829" s="137"/>
      <c r="AB829" s="137"/>
      <c r="AC829" s="137"/>
      <c r="AD829" s="137"/>
      <c r="AE829" s="137"/>
      <c r="AF829" s="137"/>
      <c r="AG829" s="137"/>
      <c r="AH829" s="137"/>
      <c r="AI829" s="137"/>
      <c r="AJ829" s="137"/>
      <c r="AK829" s="206"/>
      <c r="AL829" s="206"/>
      <c r="AM829" s="143"/>
      <c r="AN829" s="137"/>
      <c r="AO829" s="137"/>
      <c r="AP829" s="137"/>
      <c r="AQ829" s="137"/>
      <c r="AR829" s="137"/>
      <c r="AS829" s="137"/>
      <c r="AT829" s="137"/>
      <c r="AU829" s="137"/>
      <c r="AV829" s="137"/>
      <c r="AW829" s="144"/>
    </row>
    <row r="830" spans="2:49" x14ac:dyDescent="0.2">
      <c r="B830" s="97"/>
      <c r="G830" s="43"/>
      <c r="J830" s="98"/>
      <c r="K830" s="97"/>
      <c r="N830" s="3"/>
      <c r="W830" s="98"/>
      <c r="Z830" s="143"/>
      <c r="AA830" s="137"/>
      <c r="AB830" s="137"/>
      <c r="AC830" s="137"/>
      <c r="AD830" s="137"/>
      <c r="AE830" s="137"/>
      <c r="AF830" s="137"/>
      <c r="AG830" s="137"/>
      <c r="AH830" s="137"/>
      <c r="AI830" s="137"/>
      <c r="AJ830" s="137"/>
      <c r="AK830" s="206"/>
      <c r="AL830" s="206"/>
      <c r="AM830" s="143"/>
      <c r="AN830" s="137"/>
      <c r="AO830" s="137"/>
      <c r="AP830" s="137"/>
      <c r="AQ830" s="137"/>
      <c r="AR830" s="137"/>
      <c r="AS830" s="137"/>
      <c r="AT830" s="137"/>
      <c r="AU830" s="137"/>
      <c r="AV830" s="137"/>
      <c r="AW830" s="144"/>
    </row>
    <row r="831" spans="2:49" x14ac:dyDescent="0.2">
      <c r="B831" s="97"/>
      <c r="G831" s="43"/>
      <c r="J831" s="98"/>
      <c r="K831" s="97"/>
      <c r="N831" s="3"/>
      <c r="W831" s="98"/>
      <c r="Z831" s="143"/>
      <c r="AA831" s="137"/>
      <c r="AB831" s="137"/>
      <c r="AC831" s="137"/>
      <c r="AD831" s="137"/>
      <c r="AE831" s="137"/>
      <c r="AF831" s="137"/>
      <c r="AG831" s="137"/>
      <c r="AH831" s="137"/>
      <c r="AI831" s="137"/>
      <c r="AJ831" s="137"/>
      <c r="AK831" s="206"/>
      <c r="AL831" s="206"/>
      <c r="AM831" s="143"/>
      <c r="AN831" s="137"/>
      <c r="AO831" s="137"/>
      <c r="AP831" s="137"/>
      <c r="AQ831" s="137"/>
      <c r="AR831" s="137"/>
      <c r="AS831" s="137"/>
      <c r="AT831" s="137"/>
      <c r="AU831" s="137"/>
      <c r="AV831" s="137"/>
      <c r="AW831" s="144"/>
    </row>
    <row r="832" spans="2:49" x14ac:dyDescent="0.2">
      <c r="B832" s="97"/>
      <c r="G832" s="43"/>
      <c r="J832" s="98"/>
      <c r="K832" s="97"/>
      <c r="N832" s="3"/>
      <c r="W832" s="98"/>
      <c r="Z832" s="143"/>
      <c r="AA832" s="137"/>
      <c r="AB832" s="137"/>
      <c r="AC832" s="137"/>
      <c r="AD832" s="137"/>
      <c r="AE832" s="137"/>
      <c r="AF832" s="137"/>
      <c r="AG832" s="137"/>
      <c r="AH832" s="137"/>
      <c r="AI832" s="137"/>
      <c r="AJ832" s="137"/>
      <c r="AK832" s="206"/>
      <c r="AL832" s="206"/>
      <c r="AM832" s="143"/>
      <c r="AN832" s="137"/>
      <c r="AO832" s="137"/>
      <c r="AP832" s="137"/>
      <c r="AQ832" s="137"/>
      <c r="AR832" s="137"/>
      <c r="AS832" s="137"/>
      <c r="AT832" s="137"/>
      <c r="AU832" s="137"/>
      <c r="AV832" s="137"/>
      <c r="AW832" s="144"/>
    </row>
    <row r="833" spans="2:49" x14ac:dyDescent="0.2">
      <c r="B833" s="97"/>
      <c r="G833" s="43"/>
      <c r="J833" s="98"/>
      <c r="K833" s="97"/>
      <c r="N833" s="3"/>
      <c r="W833" s="98"/>
      <c r="Z833" s="143"/>
      <c r="AA833" s="137"/>
      <c r="AB833" s="137"/>
      <c r="AC833" s="137"/>
      <c r="AD833" s="137"/>
      <c r="AE833" s="137"/>
      <c r="AF833" s="137"/>
      <c r="AG833" s="137"/>
      <c r="AH833" s="137"/>
      <c r="AI833" s="137"/>
      <c r="AJ833" s="137"/>
      <c r="AK833" s="206"/>
      <c r="AL833" s="206"/>
      <c r="AM833" s="143"/>
      <c r="AN833" s="137"/>
      <c r="AO833" s="137"/>
      <c r="AP833" s="137"/>
      <c r="AQ833" s="137"/>
      <c r="AR833" s="137"/>
      <c r="AS833" s="137"/>
      <c r="AT833" s="137"/>
      <c r="AU833" s="137"/>
      <c r="AV833" s="137"/>
      <c r="AW833" s="144"/>
    </row>
    <row r="834" spans="2:49" x14ac:dyDescent="0.2">
      <c r="B834" s="97"/>
      <c r="G834" s="43"/>
      <c r="J834" s="98"/>
      <c r="K834" s="97"/>
      <c r="N834" s="3"/>
      <c r="W834" s="98"/>
      <c r="Z834" s="143"/>
      <c r="AA834" s="137"/>
      <c r="AB834" s="137"/>
      <c r="AC834" s="137"/>
      <c r="AD834" s="137"/>
      <c r="AE834" s="137"/>
      <c r="AF834" s="137"/>
      <c r="AG834" s="137"/>
      <c r="AH834" s="137"/>
      <c r="AI834" s="137"/>
      <c r="AJ834" s="137"/>
      <c r="AK834" s="206"/>
      <c r="AL834" s="206"/>
      <c r="AM834" s="143"/>
      <c r="AN834" s="137"/>
      <c r="AO834" s="137"/>
      <c r="AP834" s="137"/>
      <c r="AQ834" s="137"/>
      <c r="AR834" s="137"/>
      <c r="AS834" s="137"/>
      <c r="AT834" s="137"/>
      <c r="AU834" s="137"/>
      <c r="AV834" s="137"/>
      <c r="AW834" s="144"/>
    </row>
    <row r="835" spans="2:49" x14ac:dyDescent="0.2">
      <c r="B835" s="97"/>
      <c r="G835" s="43"/>
      <c r="J835" s="98"/>
      <c r="K835" s="97"/>
      <c r="N835" s="3"/>
      <c r="W835" s="98"/>
      <c r="Z835" s="143"/>
      <c r="AA835" s="137"/>
      <c r="AB835" s="137"/>
      <c r="AC835" s="137"/>
      <c r="AD835" s="137"/>
      <c r="AE835" s="137"/>
      <c r="AF835" s="137"/>
      <c r="AG835" s="137"/>
      <c r="AH835" s="137"/>
      <c r="AI835" s="137"/>
      <c r="AJ835" s="137"/>
      <c r="AK835" s="206"/>
      <c r="AL835" s="206"/>
      <c r="AM835" s="143"/>
      <c r="AN835" s="137"/>
      <c r="AO835" s="137"/>
      <c r="AP835" s="137"/>
      <c r="AQ835" s="137"/>
      <c r="AR835" s="137"/>
      <c r="AS835" s="137"/>
      <c r="AT835" s="137"/>
      <c r="AU835" s="137"/>
      <c r="AV835" s="137"/>
      <c r="AW835" s="144"/>
    </row>
    <row r="836" spans="2:49" x14ac:dyDescent="0.2">
      <c r="B836" s="97"/>
      <c r="G836" s="43"/>
      <c r="J836" s="98"/>
      <c r="K836" s="97"/>
      <c r="N836" s="3"/>
      <c r="W836" s="98"/>
      <c r="Z836" s="143"/>
      <c r="AA836" s="137"/>
      <c r="AB836" s="137"/>
      <c r="AC836" s="137"/>
      <c r="AD836" s="137"/>
      <c r="AE836" s="137"/>
      <c r="AF836" s="137"/>
      <c r="AG836" s="137"/>
      <c r="AH836" s="137"/>
      <c r="AI836" s="137"/>
      <c r="AJ836" s="137"/>
      <c r="AK836" s="206"/>
      <c r="AL836" s="206"/>
      <c r="AM836" s="143"/>
      <c r="AN836" s="137"/>
      <c r="AO836" s="137"/>
      <c r="AP836" s="137"/>
      <c r="AQ836" s="137"/>
      <c r="AR836" s="137"/>
      <c r="AS836" s="137"/>
      <c r="AT836" s="137"/>
      <c r="AU836" s="137"/>
      <c r="AV836" s="137"/>
      <c r="AW836" s="144"/>
    </row>
    <row r="837" spans="2:49" x14ac:dyDescent="0.2">
      <c r="B837" s="97"/>
      <c r="G837" s="43"/>
      <c r="J837" s="98"/>
      <c r="K837" s="97"/>
      <c r="N837" s="3"/>
      <c r="W837" s="98"/>
      <c r="Z837" s="143"/>
      <c r="AA837" s="137"/>
      <c r="AB837" s="137"/>
      <c r="AC837" s="137"/>
      <c r="AD837" s="137"/>
      <c r="AE837" s="137"/>
      <c r="AF837" s="137"/>
      <c r="AG837" s="137"/>
      <c r="AH837" s="137"/>
      <c r="AI837" s="137"/>
      <c r="AJ837" s="137"/>
      <c r="AK837" s="206"/>
      <c r="AL837" s="206"/>
      <c r="AM837" s="143"/>
      <c r="AN837" s="137"/>
      <c r="AO837" s="137"/>
      <c r="AP837" s="137"/>
      <c r="AQ837" s="137"/>
      <c r="AR837" s="137"/>
      <c r="AS837" s="137"/>
      <c r="AT837" s="137"/>
      <c r="AU837" s="137"/>
      <c r="AV837" s="137"/>
      <c r="AW837" s="144"/>
    </row>
    <row r="838" spans="2:49" x14ac:dyDescent="0.2">
      <c r="B838" s="97"/>
      <c r="G838" s="43"/>
      <c r="J838" s="98"/>
      <c r="K838" s="97"/>
      <c r="N838" s="3"/>
      <c r="W838" s="98"/>
      <c r="Z838" s="143"/>
      <c r="AA838" s="137"/>
      <c r="AB838" s="137"/>
      <c r="AC838" s="137"/>
      <c r="AD838" s="137"/>
      <c r="AE838" s="137"/>
      <c r="AF838" s="137"/>
      <c r="AG838" s="137"/>
      <c r="AH838" s="137"/>
      <c r="AI838" s="137"/>
      <c r="AJ838" s="137"/>
      <c r="AK838" s="206"/>
      <c r="AL838" s="206"/>
      <c r="AM838" s="143"/>
      <c r="AN838" s="137"/>
      <c r="AO838" s="137"/>
      <c r="AP838" s="137"/>
      <c r="AQ838" s="137"/>
      <c r="AR838" s="137"/>
      <c r="AS838" s="137"/>
      <c r="AT838" s="137"/>
      <c r="AU838" s="137"/>
      <c r="AV838" s="137"/>
      <c r="AW838" s="144"/>
    </row>
    <row r="839" spans="2:49" x14ac:dyDescent="0.2">
      <c r="B839" s="97"/>
      <c r="G839" s="43"/>
      <c r="J839" s="98"/>
      <c r="K839" s="97"/>
      <c r="N839" s="3"/>
      <c r="W839" s="98"/>
      <c r="Z839" s="143"/>
      <c r="AA839" s="137"/>
      <c r="AB839" s="137"/>
      <c r="AC839" s="137"/>
      <c r="AD839" s="137"/>
      <c r="AE839" s="137"/>
      <c r="AF839" s="137"/>
      <c r="AG839" s="137"/>
      <c r="AH839" s="137"/>
      <c r="AI839" s="137"/>
      <c r="AJ839" s="137"/>
      <c r="AK839" s="206"/>
      <c r="AL839" s="206"/>
      <c r="AM839" s="143"/>
      <c r="AN839" s="137"/>
      <c r="AO839" s="137"/>
      <c r="AP839" s="137"/>
      <c r="AQ839" s="137"/>
      <c r="AR839" s="137"/>
      <c r="AS839" s="137"/>
      <c r="AT839" s="137"/>
      <c r="AU839" s="137"/>
      <c r="AV839" s="137"/>
      <c r="AW839" s="144"/>
    </row>
    <row r="840" spans="2:49" x14ac:dyDescent="0.2">
      <c r="B840" s="97"/>
      <c r="G840" s="43"/>
      <c r="J840" s="98"/>
      <c r="K840" s="97"/>
      <c r="N840" s="3"/>
      <c r="W840" s="98"/>
      <c r="Z840" s="143"/>
      <c r="AA840" s="137"/>
      <c r="AB840" s="137"/>
      <c r="AC840" s="137"/>
      <c r="AD840" s="137"/>
      <c r="AE840" s="137"/>
      <c r="AF840" s="137"/>
      <c r="AG840" s="137"/>
      <c r="AH840" s="137"/>
      <c r="AI840" s="137"/>
      <c r="AJ840" s="137"/>
      <c r="AK840" s="206"/>
      <c r="AL840" s="206"/>
      <c r="AM840" s="143"/>
      <c r="AN840" s="137"/>
      <c r="AO840" s="137"/>
      <c r="AP840" s="137"/>
      <c r="AQ840" s="137"/>
      <c r="AR840" s="137"/>
      <c r="AS840" s="137"/>
      <c r="AT840" s="137"/>
      <c r="AU840" s="137"/>
      <c r="AV840" s="137"/>
      <c r="AW840" s="144"/>
    </row>
    <row r="841" spans="2:49" x14ac:dyDescent="0.2">
      <c r="B841" s="97"/>
      <c r="G841" s="43"/>
      <c r="J841" s="98"/>
      <c r="K841" s="97"/>
      <c r="N841" s="3"/>
      <c r="W841" s="98"/>
      <c r="Z841" s="143"/>
      <c r="AA841" s="137"/>
      <c r="AB841" s="137"/>
      <c r="AC841" s="137"/>
      <c r="AD841" s="137"/>
      <c r="AE841" s="137"/>
      <c r="AF841" s="137"/>
      <c r="AG841" s="137"/>
      <c r="AH841" s="137"/>
      <c r="AI841" s="137"/>
      <c r="AJ841" s="137"/>
      <c r="AK841" s="206"/>
      <c r="AL841" s="206"/>
      <c r="AM841" s="143"/>
      <c r="AN841" s="137"/>
      <c r="AO841" s="137"/>
      <c r="AP841" s="137"/>
      <c r="AQ841" s="137"/>
      <c r="AR841" s="137"/>
      <c r="AS841" s="137"/>
      <c r="AT841" s="137"/>
      <c r="AU841" s="137"/>
      <c r="AV841" s="137"/>
      <c r="AW841" s="144"/>
    </row>
    <row r="842" spans="2:49" x14ac:dyDescent="0.2">
      <c r="B842" s="97"/>
      <c r="G842" s="43"/>
      <c r="J842" s="98"/>
      <c r="K842" s="97"/>
      <c r="N842" s="3"/>
      <c r="W842" s="98"/>
      <c r="Z842" s="143"/>
      <c r="AA842" s="137"/>
      <c r="AB842" s="137"/>
      <c r="AC842" s="137"/>
      <c r="AD842" s="137"/>
      <c r="AE842" s="137"/>
      <c r="AF842" s="137"/>
      <c r="AG842" s="137"/>
      <c r="AH842" s="137"/>
      <c r="AI842" s="137"/>
      <c r="AJ842" s="137"/>
      <c r="AK842" s="206"/>
      <c r="AL842" s="206"/>
      <c r="AM842" s="143"/>
      <c r="AN842" s="137"/>
      <c r="AO842" s="137"/>
      <c r="AP842" s="137"/>
      <c r="AQ842" s="137"/>
      <c r="AR842" s="137"/>
      <c r="AS842" s="137"/>
      <c r="AT842" s="137"/>
      <c r="AU842" s="137"/>
      <c r="AV842" s="137"/>
      <c r="AW842" s="144"/>
    </row>
    <row r="843" spans="2:49" x14ac:dyDescent="0.2">
      <c r="B843" s="97"/>
      <c r="G843" s="43"/>
      <c r="J843" s="98"/>
      <c r="K843" s="97"/>
      <c r="N843" s="3"/>
      <c r="W843" s="98"/>
      <c r="Z843" s="143"/>
      <c r="AA843" s="137"/>
      <c r="AB843" s="137"/>
      <c r="AC843" s="137"/>
      <c r="AD843" s="137"/>
      <c r="AE843" s="137"/>
      <c r="AF843" s="137"/>
      <c r="AG843" s="137"/>
      <c r="AH843" s="137"/>
      <c r="AI843" s="137"/>
      <c r="AJ843" s="137"/>
      <c r="AK843" s="206"/>
      <c r="AL843" s="206"/>
      <c r="AM843" s="143"/>
      <c r="AN843" s="137"/>
      <c r="AO843" s="137"/>
      <c r="AP843" s="137"/>
      <c r="AQ843" s="137"/>
      <c r="AR843" s="137"/>
      <c r="AS843" s="137"/>
      <c r="AT843" s="137"/>
      <c r="AU843" s="137"/>
      <c r="AV843" s="137"/>
      <c r="AW843" s="144"/>
    </row>
    <row r="844" spans="2:49" x14ac:dyDescent="0.2">
      <c r="B844" s="97"/>
      <c r="G844" s="43"/>
      <c r="J844" s="98"/>
      <c r="K844" s="97"/>
      <c r="N844" s="3"/>
      <c r="W844" s="98"/>
      <c r="Z844" s="143"/>
      <c r="AA844" s="137"/>
      <c r="AB844" s="137"/>
      <c r="AC844" s="137"/>
      <c r="AD844" s="137"/>
      <c r="AE844" s="137"/>
      <c r="AF844" s="137"/>
      <c r="AG844" s="137"/>
      <c r="AH844" s="137"/>
      <c r="AI844" s="137"/>
      <c r="AJ844" s="137"/>
      <c r="AK844" s="206"/>
      <c r="AL844" s="206"/>
      <c r="AM844" s="143"/>
      <c r="AN844" s="137"/>
      <c r="AO844" s="137"/>
      <c r="AP844" s="137"/>
      <c r="AQ844" s="137"/>
      <c r="AR844" s="137"/>
      <c r="AS844" s="137"/>
      <c r="AT844" s="137"/>
      <c r="AU844" s="137"/>
      <c r="AV844" s="137"/>
      <c r="AW844" s="144"/>
    </row>
    <row r="845" spans="2:49" x14ac:dyDescent="0.2">
      <c r="B845" s="97"/>
      <c r="G845" s="43"/>
      <c r="J845" s="98"/>
      <c r="K845" s="97"/>
      <c r="N845" s="3"/>
      <c r="W845" s="98"/>
      <c r="Z845" s="143"/>
      <c r="AA845" s="137"/>
      <c r="AB845" s="137"/>
      <c r="AC845" s="137"/>
      <c r="AD845" s="137"/>
      <c r="AE845" s="137"/>
      <c r="AF845" s="137"/>
      <c r="AG845" s="137"/>
      <c r="AH845" s="137"/>
      <c r="AI845" s="137"/>
      <c r="AJ845" s="137"/>
      <c r="AK845" s="206"/>
      <c r="AL845" s="206"/>
      <c r="AM845" s="143"/>
      <c r="AN845" s="137"/>
      <c r="AO845" s="137"/>
      <c r="AP845" s="137"/>
      <c r="AQ845" s="137"/>
      <c r="AR845" s="137"/>
      <c r="AS845" s="137"/>
      <c r="AT845" s="137"/>
      <c r="AU845" s="137"/>
      <c r="AV845" s="137"/>
      <c r="AW845" s="144"/>
    </row>
    <row r="846" spans="2:49" x14ac:dyDescent="0.2">
      <c r="B846" s="97"/>
      <c r="G846" s="43"/>
      <c r="J846" s="98"/>
      <c r="K846" s="97"/>
      <c r="N846" s="3"/>
      <c r="W846" s="98"/>
      <c r="Z846" s="143"/>
      <c r="AA846" s="137"/>
      <c r="AB846" s="137"/>
      <c r="AC846" s="137"/>
      <c r="AD846" s="137"/>
      <c r="AE846" s="137"/>
      <c r="AF846" s="137"/>
      <c r="AG846" s="137"/>
      <c r="AH846" s="137"/>
      <c r="AI846" s="137"/>
      <c r="AJ846" s="137"/>
      <c r="AK846" s="206"/>
      <c r="AL846" s="206"/>
      <c r="AM846" s="143"/>
      <c r="AN846" s="137"/>
      <c r="AO846" s="137"/>
      <c r="AP846" s="137"/>
      <c r="AQ846" s="137"/>
      <c r="AR846" s="137"/>
      <c r="AS846" s="137"/>
      <c r="AT846" s="137"/>
      <c r="AU846" s="137"/>
      <c r="AV846" s="137"/>
      <c r="AW846" s="144"/>
    </row>
    <row r="847" spans="2:49" x14ac:dyDescent="0.2">
      <c r="B847" s="97"/>
      <c r="G847" s="43"/>
      <c r="J847" s="98"/>
      <c r="K847" s="97"/>
      <c r="N847" s="3"/>
      <c r="W847" s="98"/>
      <c r="Z847" s="143"/>
      <c r="AA847" s="137"/>
      <c r="AB847" s="137"/>
      <c r="AC847" s="137"/>
      <c r="AD847" s="137"/>
      <c r="AE847" s="137"/>
      <c r="AF847" s="137"/>
      <c r="AG847" s="137"/>
      <c r="AH847" s="137"/>
      <c r="AI847" s="137"/>
      <c r="AJ847" s="137"/>
      <c r="AK847" s="206"/>
      <c r="AL847" s="206"/>
      <c r="AM847" s="143"/>
      <c r="AN847" s="137"/>
      <c r="AO847" s="137"/>
      <c r="AP847" s="137"/>
      <c r="AQ847" s="137"/>
      <c r="AR847" s="137"/>
      <c r="AS847" s="137"/>
      <c r="AT847" s="137"/>
      <c r="AU847" s="137"/>
      <c r="AV847" s="137"/>
      <c r="AW847" s="144"/>
    </row>
    <row r="848" spans="2:49" x14ac:dyDescent="0.2">
      <c r="B848" s="97"/>
      <c r="G848" s="43"/>
      <c r="J848" s="98"/>
      <c r="K848" s="97"/>
      <c r="N848" s="3"/>
      <c r="W848" s="98"/>
      <c r="Z848" s="143"/>
      <c r="AA848" s="137"/>
      <c r="AB848" s="137"/>
      <c r="AC848" s="137"/>
      <c r="AD848" s="137"/>
      <c r="AE848" s="137"/>
      <c r="AF848" s="137"/>
      <c r="AG848" s="137"/>
      <c r="AH848" s="137"/>
      <c r="AI848" s="137"/>
      <c r="AJ848" s="137"/>
      <c r="AK848" s="206"/>
      <c r="AL848" s="206"/>
      <c r="AM848" s="143"/>
      <c r="AN848" s="137"/>
      <c r="AO848" s="137"/>
      <c r="AP848" s="137"/>
      <c r="AQ848" s="137"/>
      <c r="AR848" s="137"/>
      <c r="AS848" s="137"/>
      <c r="AT848" s="137"/>
      <c r="AU848" s="137"/>
      <c r="AV848" s="137"/>
      <c r="AW848" s="144"/>
    </row>
    <row r="849" spans="2:49" x14ac:dyDescent="0.2">
      <c r="B849" s="97"/>
      <c r="G849" s="43"/>
      <c r="J849" s="98"/>
      <c r="K849" s="97"/>
      <c r="N849" s="3"/>
      <c r="W849" s="98"/>
      <c r="Z849" s="143"/>
      <c r="AA849" s="137"/>
      <c r="AB849" s="137"/>
      <c r="AC849" s="137"/>
      <c r="AD849" s="137"/>
      <c r="AE849" s="137"/>
      <c r="AF849" s="137"/>
      <c r="AG849" s="137"/>
      <c r="AH849" s="137"/>
      <c r="AI849" s="137"/>
      <c r="AJ849" s="137"/>
      <c r="AK849" s="206"/>
      <c r="AL849" s="206"/>
      <c r="AM849" s="143"/>
      <c r="AN849" s="137"/>
      <c r="AO849" s="137"/>
      <c r="AP849" s="137"/>
      <c r="AQ849" s="137"/>
      <c r="AR849" s="137"/>
      <c r="AS849" s="137"/>
      <c r="AT849" s="137"/>
      <c r="AU849" s="137"/>
      <c r="AV849" s="137"/>
      <c r="AW849" s="144"/>
    </row>
    <row r="850" spans="2:49" x14ac:dyDescent="0.2">
      <c r="B850" s="97"/>
      <c r="G850" s="43"/>
      <c r="J850" s="98"/>
      <c r="K850" s="97"/>
      <c r="N850" s="3"/>
      <c r="W850" s="98"/>
      <c r="Z850" s="143"/>
      <c r="AA850" s="137"/>
      <c r="AB850" s="137"/>
      <c r="AC850" s="137"/>
      <c r="AD850" s="137"/>
      <c r="AE850" s="137"/>
      <c r="AF850" s="137"/>
      <c r="AG850" s="137"/>
      <c r="AH850" s="137"/>
      <c r="AI850" s="137"/>
      <c r="AJ850" s="137"/>
      <c r="AK850" s="206"/>
      <c r="AL850" s="206"/>
      <c r="AM850" s="143"/>
      <c r="AN850" s="137"/>
      <c r="AO850" s="137"/>
      <c r="AP850" s="137"/>
      <c r="AQ850" s="137"/>
      <c r="AR850" s="137"/>
      <c r="AS850" s="137"/>
      <c r="AT850" s="137"/>
      <c r="AU850" s="137"/>
      <c r="AV850" s="137"/>
      <c r="AW850" s="144"/>
    </row>
    <row r="851" spans="2:49" x14ac:dyDescent="0.2">
      <c r="B851" s="97"/>
      <c r="G851" s="43"/>
      <c r="J851" s="98"/>
      <c r="K851" s="97"/>
      <c r="N851" s="3"/>
      <c r="W851" s="98"/>
      <c r="Z851" s="143"/>
      <c r="AA851" s="137"/>
      <c r="AB851" s="137"/>
      <c r="AC851" s="137"/>
      <c r="AD851" s="137"/>
      <c r="AE851" s="137"/>
      <c r="AF851" s="137"/>
      <c r="AG851" s="137"/>
      <c r="AH851" s="137"/>
      <c r="AI851" s="137"/>
      <c r="AJ851" s="137"/>
      <c r="AK851" s="206"/>
      <c r="AL851" s="206"/>
      <c r="AM851" s="143"/>
      <c r="AN851" s="137"/>
      <c r="AO851" s="137"/>
      <c r="AP851" s="137"/>
      <c r="AQ851" s="137"/>
      <c r="AR851" s="137"/>
      <c r="AS851" s="137"/>
      <c r="AT851" s="137"/>
      <c r="AU851" s="137"/>
      <c r="AV851" s="137"/>
      <c r="AW851" s="144"/>
    </row>
    <row r="852" spans="2:49" x14ac:dyDescent="0.2">
      <c r="B852" s="97"/>
      <c r="G852" s="43"/>
      <c r="J852" s="98"/>
      <c r="K852" s="97"/>
      <c r="N852" s="3"/>
      <c r="W852" s="98"/>
      <c r="Z852" s="143"/>
      <c r="AA852" s="137"/>
      <c r="AB852" s="137"/>
      <c r="AC852" s="137"/>
      <c r="AD852" s="137"/>
      <c r="AE852" s="137"/>
      <c r="AF852" s="137"/>
      <c r="AG852" s="137"/>
      <c r="AH852" s="137"/>
      <c r="AI852" s="137"/>
      <c r="AJ852" s="137"/>
      <c r="AK852" s="206"/>
      <c r="AL852" s="206"/>
      <c r="AM852" s="143"/>
      <c r="AN852" s="137"/>
      <c r="AO852" s="137"/>
      <c r="AP852" s="137"/>
      <c r="AQ852" s="137"/>
      <c r="AR852" s="137"/>
      <c r="AS852" s="137"/>
      <c r="AT852" s="137"/>
      <c r="AU852" s="137"/>
      <c r="AV852" s="137"/>
      <c r="AW852" s="144"/>
    </row>
    <row r="853" spans="2:49" x14ac:dyDescent="0.2">
      <c r="B853" s="97"/>
      <c r="G853" s="43"/>
      <c r="J853" s="98"/>
      <c r="K853" s="97"/>
      <c r="N853" s="3"/>
      <c r="W853" s="98"/>
      <c r="Z853" s="143"/>
      <c r="AA853" s="137"/>
      <c r="AB853" s="137"/>
      <c r="AC853" s="137"/>
      <c r="AD853" s="137"/>
      <c r="AE853" s="137"/>
      <c r="AF853" s="137"/>
      <c r="AG853" s="137"/>
      <c r="AH853" s="137"/>
      <c r="AI853" s="137"/>
      <c r="AJ853" s="137"/>
      <c r="AK853" s="206"/>
      <c r="AL853" s="206"/>
      <c r="AM853" s="143"/>
      <c r="AN853" s="137"/>
      <c r="AO853" s="137"/>
      <c r="AP853" s="137"/>
      <c r="AQ853" s="137"/>
      <c r="AR853" s="137"/>
      <c r="AS853" s="137"/>
      <c r="AT853" s="137"/>
      <c r="AU853" s="137"/>
      <c r="AV853" s="137"/>
      <c r="AW853" s="144"/>
    </row>
    <row r="854" spans="2:49" x14ac:dyDescent="0.2">
      <c r="B854" s="97"/>
      <c r="G854" s="43"/>
      <c r="J854" s="98"/>
      <c r="K854" s="97"/>
      <c r="N854" s="3"/>
      <c r="W854" s="98"/>
      <c r="Z854" s="143"/>
      <c r="AA854" s="137"/>
      <c r="AB854" s="137"/>
      <c r="AC854" s="137"/>
      <c r="AD854" s="137"/>
      <c r="AE854" s="137"/>
      <c r="AF854" s="137"/>
      <c r="AG854" s="137"/>
      <c r="AH854" s="137"/>
      <c r="AI854" s="137"/>
      <c r="AJ854" s="137"/>
      <c r="AK854" s="206"/>
      <c r="AL854" s="206"/>
      <c r="AM854" s="143"/>
      <c r="AN854" s="137"/>
      <c r="AO854" s="137"/>
      <c r="AP854" s="137"/>
      <c r="AQ854" s="137"/>
      <c r="AR854" s="137"/>
      <c r="AS854" s="137"/>
      <c r="AT854" s="137"/>
      <c r="AU854" s="137"/>
      <c r="AV854" s="137"/>
      <c r="AW854" s="144"/>
    </row>
    <row r="855" spans="2:49" x14ac:dyDescent="0.2">
      <c r="B855" s="97"/>
      <c r="G855" s="43"/>
      <c r="J855" s="98"/>
      <c r="K855" s="97"/>
      <c r="N855" s="3"/>
      <c r="W855" s="98"/>
      <c r="Z855" s="143"/>
      <c r="AA855" s="137"/>
      <c r="AB855" s="137"/>
      <c r="AC855" s="137"/>
      <c r="AD855" s="137"/>
      <c r="AE855" s="137"/>
      <c r="AF855" s="137"/>
      <c r="AG855" s="137"/>
      <c r="AH855" s="137"/>
      <c r="AI855" s="137"/>
      <c r="AJ855" s="137"/>
      <c r="AK855" s="206"/>
      <c r="AL855" s="206"/>
      <c r="AM855" s="143"/>
      <c r="AN855" s="137"/>
      <c r="AO855" s="137"/>
      <c r="AP855" s="137"/>
      <c r="AQ855" s="137"/>
      <c r="AR855" s="137"/>
      <c r="AS855" s="137"/>
      <c r="AT855" s="137"/>
      <c r="AU855" s="137"/>
      <c r="AV855" s="137"/>
      <c r="AW855" s="144"/>
    </row>
    <row r="856" spans="2:49" x14ac:dyDescent="0.2">
      <c r="B856" s="97"/>
      <c r="G856" s="43"/>
      <c r="J856" s="98"/>
      <c r="K856" s="97"/>
      <c r="N856" s="3"/>
      <c r="W856" s="98"/>
      <c r="Z856" s="143"/>
      <c r="AA856" s="137"/>
      <c r="AB856" s="137"/>
      <c r="AC856" s="137"/>
      <c r="AD856" s="137"/>
      <c r="AE856" s="137"/>
      <c r="AF856" s="137"/>
      <c r="AG856" s="137"/>
      <c r="AH856" s="137"/>
      <c r="AI856" s="137"/>
      <c r="AJ856" s="137"/>
      <c r="AK856" s="206"/>
      <c r="AL856" s="206"/>
      <c r="AM856" s="143"/>
      <c r="AN856" s="137"/>
      <c r="AO856" s="137"/>
      <c r="AP856" s="137"/>
      <c r="AQ856" s="137"/>
      <c r="AR856" s="137"/>
      <c r="AS856" s="137"/>
      <c r="AT856" s="137"/>
      <c r="AU856" s="137"/>
      <c r="AV856" s="137"/>
      <c r="AW856" s="144"/>
    </row>
    <row r="857" spans="2:49" x14ac:dyDescent="0.2">
      <c r="B857" s="97"/>
      <c r="G857" s="43"/>
      <c r="J857" s="98"/>
      <c r="K857" s="97"/>
      <c r="N857" s="3"/>
      <c r="W857" s="98"/>
      <c r="Z857" s="143"/>
      <c r="AA857" s="137"/>
      <c r="AB857" s="137"/>
      <c r="AC857" s="137"/>
      <c r="AD857" s="137"/>
      <c r="AE857" s="137"/>
      <c r="AF857" s="137"/>
      <c r="AG857" s="137"/>
      <c r="AH857" s="137"/>
      <c r="AI857" s="137"/>
      <c r="AJ857" s="137"/>
      <c r="AK857" s="206"/>
      <c r="AL857" s="206"/>
      <c r="AM857" s="143"/>
      <c r="AN857" s="137"/>
      <c r="AO857" s="137"/>
      <c r="AP857" s="137"/>
      <c r="AQ857" s="137"/>
      <c r="AR857" s="137"/>
      <c r="AS857" s="137"/>
      <c r="AT857" s="137"/>
      <c r="AU857" s="137"/>
      <c r="AV857" s="137"/>
      <c r="AW857" s="144"/>
    </row>
    <row r="858" spans="2:49" x14ac:dyDescent="0.2">
      <c r="B858" s="97"/>
      <c r="G858" s="43"/>
      <c r="J858" s="98"/>
      <c r="K858" s="97"/>
      <c r="N858" s="3"/>
      <c r="W858" s="98"/>
      <c r="Z858" s="143"/>
      <c r="AA858" s="137"/>
      <c r="AB858" s="137"/>
      <c r="AC858" s="137"/>
      <c r="AD858" s="137"/>
      <c r="AE858" s="137"/>
      <c r="AF858" s="137"/>
      <c r="AG858" s="137"/>
      <c r="AH858" s="137"/>
      <c r="AI858" s="137"/>
      <c r="AJ858" s="137"/>
      <c r="AK858" s="206"/>
      <c r="AL858" s="206"/>
      <c r="AM858" s="143"/>
      <c r="AN858" s="137"/>
      <c r="AO858" s="137"/>
      <c r="AP858" s="137"/>
      <c r="AQ858" s="137"/>
      <c r="AR858" s="137"/>
      <c r="AS858" s="137"/>
      <c r="AT858" s="137"/>
      <c r="AU858" s="137"/>
      <c r="AV858" s="137"/>
      <c r="AW858" s="144"/>
    </row>
    <row r="859" spans="2:49" x14ac:dyDescent="0.2">
      <c r="B859" s="97"/>
      <c r="G859" s="43"/>
      <c r="J859" s="98"/>
      <c r="K859" s="97"/>
      <c r="N859" s="3"/>
      <c r="W859" s="98"/>
      <c r="Z859" s="143"/>
      <c r="AA859" s="137"/>
      <c r="AB859" s="137"/>
      <c r="AC859" s="137"/>
      <c r="AD859" s="137"/>
      <c r="AE859" s="137"/>
      <c r="AF859" s="137"/>
      <c r="AG859" s="137"/>
      <c r="AH859" s="137"/>
      <c r="AI859" s="137"/>
      <c r="AJ859" s="137"/>
      <c r="AK859" s="206"/>
      <c r="AL859" s="206"/>
      <c r="AM859" s="143"/>
      <c r="AN859" s="137"/>
      <c r="AO859" s="137"/>
      <c r="AP859" s="137"/>
      <c r="AQ859" s="137"/>
      <c r="AR859" s="137"/>
      <c r="AS859" s="137"/>
      <c r="AT859" s="137"/>
      <c r="AU859" s="137"/>
      <c r="AV859" s="137"/>
      <c r="AW859" s="144"/>
    </row>
    <row r="860" spans="2:49" x14ac:dyDescent="0.2">
      <c r="B860" s="97"/>
      <c r="G860" s="43"/>
      <c r="J860" s="98"/>
      <c r="K860" s="97"/>
      <c r="N860" s="3"/>
      <c r="W860" s="98"/>
      <c r="Z860" s="143"/>
      <c r="AA860" s="137"/>
      <c r="AB860" s="137"/>
      <c r="AC860" s="137"/>
      <c r="AD860" s="137"/>
      <c r="AE860" s="137"/>
      <c r="AF860" s="137"/>
      <c r="AG860" s="137"/>
      <c r="AH860" s="137"/>
      <c r="AI860" s="137"/>
      <c r="AJ860" s="137"/>
      <c r="AK860" s="206"/>
      <c r="AL860" s="206"/>
      <c r="AM860" s="143"/>
      <c r="AN860" s="137"/>
      <c r="AO860" s="137"/>
      <c r="AP860" s="137"/>
      <c r="AQ860" s="137"/>
      <c r="AR860" s="137"/>
      <c r="AS860" s="137"/>
      <c r="AT860" s="137"/>
      <c r="AU860" s="137"/>
      <c r="AV860" s="137"/>
      <c r="AW860" s="144"/>
    </row>
    <row r="861" spans="2:49" x14ac:dyDescent="0.2">
      <c r="B861" s="97"/>
      <c r="G861" s="43"/>
      <c r="J861" s="98"/>
      <c r="K861" s="97"/>
      <c r="N861" s="3"/>
      <c r="W861" s="98"/>
      <c r="Z861" s="143"/>
      <c r="AA861" s="137"/>
      <c r="AB861" s="137"/>
      <c r="AC861" s="137"/>
      <c r="AD861" s="137"/>
      <c r="AE861" s="137"/>
      <c r="AF861" s="137"/>
      <c r="AG861" s="137"/>
      <c r="AH861" s="137"/>
      <c r="AI861" s="137"/>
      <c r="AJ861" s="137"/>
      <c r="AK861" s="206"/>
      <c r="AL861" s="206"/>
      <c r="AM861" s="143"/>
      <c r="AN861" s="137"/>
      <c r="AO861" s="137"/>
      <c r="AP861" s="137"/>
      <c r="AQ861" s="137"/>
      <c r="AR861" s="137"/>
      <c r="AS861" s="137"/>
      <c r="AT861" s="137"/>
      <c r="AU861" s="137"/>
      <c r="AV861" s="137"/>
      <c r="AW861" s="144"/>
    </row>
    <row r="862" spans="2:49" x14ac:dyDescent="0.2">
      <c r="B862" s="97"/>
      <c r="G862" s="43"/>
      <c r="J862" s="98"/>
      <c r="K862" s="97"/>
      <c r="N862" s="3"/>
      <c r="W862" s="98"/>
      <c r="Z862" s="143"/>
      <c r="AA862" s="137"/>
      <c r="AB862" s="137"/>
      <c r="AC862" s="137"/>
      <c r="AD862" s="137"/>
      <c r="AE862" s="137"/>
      <c r="AF862" s="137"/>
      <c r="AG862" s="137"/>
      <c r="AH862" s="137"/>
      <c r="AI862" s="137"/>
      <c r="AJ862" s="137"/>
      <c r="AK862" s="206"/>
      <c r="AL862" s="206"/>
      <c r="AM862" s="143"/>
      <c r="AN862" s="137"/>
      <c r="AO862" s="137"/>
      <c r="AP862" s="137"/>
      <c r="AQ862" s="137"/>
      <c r="AR862" s="137"/>
      <c r="AS862" s="137"/>
      <c r="AT862" s="137"/>
      <c r="AU862" s="137"/>
      <c r="AV862" s="137"/>
      <c r="AW862" s="144"/>
    </row>
    <row r="863" spans="2:49" x14ac:dyDescent="0.2">
      <c r="B863" s="97"/>
      <c r="G863" s="43"/>
      <c r="J863" s="98"/>
      <c r="K863" s="97"/>
      <c r="N863" s="3"/>
      <c r="W863" s="98"/>
      <c r="Z863" s="143"/>
      <c r="AA863" s="137"/>
      <c r="AB863" s="137"/>
      <c r="AC863" s="137"/>
      <c r="AD863" s="137"/>
      <c r="AE863" s="137"/>
      <c r="AF863" s="137"/>
      <c r="AG863" s="137"/>
      <c r="AH863" s="137"/>
      <c r="AI863" s="137"/>
      <c r="AJ863" s="137"/>
      <c r="AK863" s="206"/>
      <c r="AL863" s="206"/>
      <c r="AM863" s="143"/>
      <c r="AN863" s="137"/>
      <c r="AO863" s="137"/>
      <c r="AP863" s="137"/>
      <c r="AQ863" s="137"/>
      <c r="AR863" s="137"/>
      <c r="AS863" s="137"/>
      <c r="AT863" s="137"/>
      <c r="AU863" s="137"/>
      <c r="AV863" s="137"/>
      <c r="AW863" s="144"/>
    </row>
    <row r="864" spans="2:49" x14ac:dyDescent="0.2">
      <c r="B864" s="97"/>
      <c r="G864" s="43"/>
      <c r="J864" s="98"/>
      <c r="K864" s="97"/>
      <c r="N864" s="3"/>
      <c r="W864" s="98"/>
      <c r="Z864" s="143"/>
      <c r="AA864" s="137"/>
      <c r="AB864" s="137"/>
      <c r="AC864" s="137"/>
      <c r="AD864" s="137"/>
      <c r="AE864" s="137"/>
      <c r="AF864" s="137"/>
      <c r="AG864" s="137"/>
      <c r="AH864" s="137"/>
      <c r="AI864" s="137"/>
      <c r="AJ864" s="137"/>
      <c r="AK864" s="206"/>
      <c r="AL864" s="206"/>
      <c r="AM864" s="143"/>
      <c r="AN864" s="137"/>
      <c r="AO864" s="137"/>
      <c r="AP864" s="137"/>
      <c r="AQ864" s="137"/>
      <c r="AR864" s="137"/>
      <c r="AS864" s="137"/>
      <c r="AT864" s="137"/>
      <c r="AU864" s="137"/>
      <c r="AV864" s="137"/>
      <c r="AW864" s="144"/>
    </row>
    <row r="865" spans="2:49" x14ac:dyDescent="0.2">
      <c r="B865" s="97"/>
      <c r="G865" s="43"/>
      <c r="J865" s="98"/>
      <c r="K865" s="97"/>
      <c r="N865" s="3"/>
      <c r="W865" s="98"/>
      <c r="Z865" s="143"/>
      <c r="AA865" s="137"/>
      <c r="AB865" s="137"/>
      <c r="AC865" s="137"/>
      <c r="AD865" s="137"/>
      <c r="AE865" s="137"/>
      <c r="AF865" s="137"/>
      <c r="AG865" s="137"/>
      <c r="AH865" s="137"/>
      <c r="AI865" s="137"/>
      <c r="AJ865" s="137"/>
      <c r="AK865" s="206"/>
      <c r="AL865" s="206"/>
      <c r="AM865" s="143"/>
      <c r="AN865" s="137"/>
      <c r="AO865" s="137"/>
      <c r="AP865" s="137"/>
      <c r="AQ865" s="137"/>
      <c r="AR865" s="137"/>
      <c r="AS865" s="137"/>
      <c r="AT865" s="137"/>
      <c r="AU865" s="137"/>
      <c r="AV865" s="137"/>
      <c r="AW865" s="144"/>
    </row>
    <row r="866" spans="2:49" x14ac:dyDescent="0.2">
      <c r="B866" s="97"/>
      <c r="G866" s="43"/>
      <c r="J866" s="98"/>
      <c r="K866" s="97"/>
      <c r="N866" s="3"/>
      <c r="W866" s="98"/>
      <c r="Z866" s="143"/>
      <c r="AA866" s="137"/>
      <c r="AB866" s="137"/>
      <c r="AC866" s="137"/>
      <c r="AD866" s="137"/>
      <c r="AE866" s="137"/>
      <c r="AF866" s="137"/>
      <c r="AG866" s="137"/>
      <c r="AH866" s="137"/>
      <c r="AI866" s="137"/>
      <c r="AJ866" s="137"/>
      <c r="AK866" s="206"/>
      <c r="AL866" s="206"/>
      <c r="AM866" s="143"/>
      <c r="AN866" s="137"/>
      <c r="AO866" s="137"/>
      <c r="AP866" s="137"/>
      <c r="AQ866" s="137"/>
      <c r="AR866" s="137"/>
      <c r="AS866" s="137"/>
      <c r="AT866" s="137"/>
      <c r="AU866" s="137"/>
      <c r="AV866" s="137"/>
      <c r="AW866" s="144"/>
    </row>
    <row r="867" spans="2:49" x14ac:dyDescent="0.2">
      <c r="B867" s="97"/>
      <c r="G867" s="43"/>
      <c r="J867" s="98"/>
      <c r="K867" s="97"/>
      <c r="N867" s="3"/>
      <c r="W867" s="98"/>
      <c r="Z867" s="143"/>
      <c r="AA867" s="137"/>
      <c r="AB867" s="137"/>
      <c r="AC867" s="137"/>
      <c r="AD867" s="137"/>
      <c r="AE867" s="137"/>
      <c r="AF867" s="137"/>
      <c r="AG867" s="137"/>
      <c r="AH867" s="137"/>
      <c r="AI867" s="137"/>
      <c r="AJ867" s="137"/>
      <c r="AK867" s="206"/>
      <c r="AL867" s="206"/>
      <c r="AM867" s="143"/>
      <c r="AN867" s="137"/>
      <c r="AO867" s="137"/>
      <c r="AP867" s="137"/>
      <c r="AQ867" s="137"/>
      <c r="AR867" s="137"/>
      <c r="AS867" s="137"/>
      <c r="AT867" s="137"/>
      <c r="AU867" s="137"/>
      <c r="AV867" s="137"/>
      <c r="AW867" s="144"/>
    </row>
    <row r="868" spans="2:49" x14ac:dyDescent="0.2">
      <c r="B868" s="97"/>
      <c r="G868" s="43"/>
      <c r="J868" s="98"/>
      <c r="K868" s="97"/>
      <c r="N868" s="3"/>
      <c r="W868" s="98"/>
      <c r="Z868" s="143"/>
      <c r="AA868" s="137"/>
      <c r="AB868" s="137"/>
      <c r="AC868" s="137"/>
      <c r="AD868" s="137"/>
      <c r="AE868" s="137"/>
      <c r="AF868" s="137"/>
      <c r="AG868" s="137"/>
      <c r="AH868" s="137"/>
      <c r="AI868" s="137"/>
      <c r="AJ868" s="137"/>
      <c r="AK868" s="206"/>
      <c r="AL868" s="206"/>
      <c r="AM868" s="143"/>
      <c r="AN868" s="137"/>
      <c r="AO868" s="137"/>
      <c r="AP868" s="137"/>
      <c r="AQ868" s="137"/>
      <c r="AR868" s="137"/>
      <c r="AS868" s="137"/>
      <c r="AT868" s="137"/>
      <c r="AU868" s="137"/>
      <c r="AV868" s="137"/>
      <c r="AW868" s="144"/>
    </row>
    <row r="869" spans="2:49" x14ac:dyDescent="0.2">
      <c r="B869" s="97"/>
      <c r="G869" s="43"/>
      <c r="J869" s="98"/>
      <c r="K869" s="97"/>
      <c r="N869" s="3"/>
      <c r="W869" s="98"/>
      <c r="Z869" s="143"/>
      <c r="AA869" s="137"/>
      <c r="AB869" s="137"/>
      <c r="AC869" s="137"/>
      <c r="AD869" s="137"/>
      <c r="AE869" s="137"/>
      <c r="AF869" s="137"/>
      <c r="AG869" s="137"/>
      <c r="AH869" s="137"/>
      <c r="AI869" s="137"/>
      <c r="AJ869" s="137"/>
      <c r="AK869" s="206"/>
      <c r="AL869" s="206"/>
      <c r="AM869" s="143"/>
      <c r="AN869" s="137"/>
      <c r="AO869" s="137"/>
      <c r="AP869" s="137"/>
      <c r="AQ869" s="137"/>
      <c r="AR869" s="137"/>
      <c r="AS869" s="137"/>
      <c r="AT869" s="137"/>
      <c r="AU869" s="137"/>
      <c r="AV869" s="137"/>
      <c r="AW869" s="144"/>
    </row>
    <row r="870" spans="2:49" x14ac:dyDescent="0.2">
      <c r="B870" s="97"/>
      <c r="G870" s="43"/>
      <c r="J870" s="98"/>
      <c r="K870" s="97"/>
      <c r="N870" s="3"/>
      <c r="W870" s="98"/>
      <c r="Z870" s="143"/>
      <c r="AA870" s="137"/>
      <c r="AB870" s="137"/>
      <c r="AC870" s="137"/>
      <c r="AD870" s="137"/>
      <c r="AE870" s="137"/>
      <c r="AF870" s="137"/>
      <c r="AG870" s="137"/>
      <c r="AH870" s="137"/>
      <c r="AI870" s="137"/>
      <c r="AJ870" s="137"/>
      <c r="AK870" s="206"/>
      <c r="AL870" s="206"/>
      <c r="AM870" s="143"/>
      <c r="AN870" s="137"/>
      <c r="AO870" s="137"/>
      <c r="AP870" s="137"/>
      <c r="AQ870" s="137"/>
      <c r="AR870" s="137"/>
      <c r="AS870" s="137"/>
      <c r="AT870" s="137"/>
      <c r="AU870" s="137"/>
      <c r="AV870" s="137"/>
      <c r="AW870" s="144"/>
    </row>
    <row r="871" spans="2:49" x14ac:dyDescent="0.2">
      <c r="B871" s="97"/>
      <c r="G871" s="43"/>
      <c r="J871" s="98"/>
      <c r="K871" s="97"/>
      <c r="N871" s="3"/>
      <c r="W871" s="98"/>
      <c r="Z871" s="143"/>
      <c r="AA871" s="137"/>
      <c r="AB871" s="137"/>
      <c r="AC871" s="137"/>
      <c r="AD871" s="137"/>
      <c r="AE871" s="137"/>
      <c r="AF871" s="137"/>
      <c r="AG871" s="137"/>
      <c r="AH871" s="137"/>
      <c r="AI871" s="137"/>
      <c r="AJ871" s="137"/>
      <c r="AK871" s="206"/>
      <c r="AL871" s="206"/>
      <c r="AM871" s="143"/>
      <c r="AN871" s="137"/>
      <c r="AO871" s="137"/>
      <c r="AP871" s="137"/>
      <c r="AQ871" s="137"/>
      <c r="AR871" s="137"/>
      <c r="AS871" s="137"/>
      <c r="AT871" s="137"/>
      <c r="AU871" s="137"/>
      <c r="AV871" s="137"/>
      <c r="AW871" s="144"/>
    </row>
    <row r="872" spans="2:49" x14ac:dyDescent="0.2">
      <c r="B872" s="97"/>
      <c r="G872" s="43"/>
      <c r="J872" s="98"/>
      <c r="K872" s="97"/>
      <c r="N872" s="3"/>
      <c r="W872" s="98"/>
      <c r="Z872" s="143"/>
      <c r="AA872" s="137"/>
      <c r="AB872" s="137"/>
      <c r="AC872" s="137"/>
      <c r="AD872" s="137"/>
      <c r="AE872" s="137"/>
      <c r="AF872" s="137"/>
      <c r="AG872" s="137"/>
      <c r="AH872" s="137"/>
      <c r="AI872" s="137"/>
      <c r="AJ872" s="137"/>
      <c r="AK872" s="206"/>
      <c r="AL872" s="206"/>
      <c r="AM872" s="143"/>
      <c r="AN872" s="137"/>
      <c r="AO872" s="137"/>
      <c r="AP872" s="137"/>
      <c r="AQ872" s="137"/>
      <c r="AR872" s="137"/>
      <c r="AS872" s="137"/>
      <c r="AT872" s="137"/>
      <c r="AU872" s="137"/>
      <c r="AV872" s="137"/>
      <c r="AW872" s="144"/>
    </row>
    <row r="873" spans="2:49" x14ac:dyDescent="0.2">
      <c r="B873" s="97"/>
      <c r="G873" s="43"/>
      <c r="J873" s="98"/>
      <c r="K873" s="97"/>
      <c r="N873" s="3"/>
      <c r="W873" s="98"/>
      <c r="Z873" s="143"/>
      <c r="AA873" s="137"/>
      <c r="AB873" s="137"/>
      <c r="AC873" s="137"/>
      <c r="AD873" s="137"/>
      <c r="AE873" s="137"/>
      <c r="AF873" s="137"/>
      <c r="AG873" s="137"/>
      <c r="AH873" s="137"/>
      <c r="AI873" s="137"/>
      <c r="AJ873" s="137"/>
      <c r="AK873" s="206"/>
      <c r="AL873" s="206"/>
      <c r="AM873" s="143"/>
      <c r="AN873" s="137"/>
      <c r="AO873" s="137"/>
      <c r="AP873" s="137"/>
      <c r="AQ873" s="137"/>
      <c r="AR873" s="137"/>
      <c r="AS873" s="137"/>
      <c r="AT873" s="137"/>
      <c r="AU873" s="137"/>
      <c r="AV873" s="137"/>
      <c r="AW873" s="144"/>
    </row>
    <row r="874" spans="2:49" x14ac:dyDescent="0.2">
      <c r="B874" s="97"/>
      <c r="G874" s="43"/>
      <c r="J874" s="98"/>
      <c r="K874" s="97"/>
      <c r="N874" s="3"/>
      <c r="W874" s="98"/>
      <c r="Z874" s="143"/>
      <c r="AA874" s="137"/>
      <c r="AB874" s="137"/>
      <c r="AC874" s="137"/>
      <c r="AD874" s="137"/>
      <c r="AE874" s="137"/>
      <c r="AF874" s="137"/>
      <c r="AG874" s="137"/>
      <c r="AH874" s="137"/>
      <c r="AI874" s="137"/>
      <c r="AJ874" s="137"/>
      <c r="AK874" s="206"/>
      <c r="AL874" s="206"/>
      <c r="AM874" s="143"/>
      <c r="AN874" s="137"/>
      <c r="AO874" s="137"/>
      <c r="AP874" s="137"/>
      <c r="AQ874" s="137"/>
      <c r="AR874" s="137"/>
      <c r="AS874" s="137"/>
      <c r="AT874" s="137"/>
      <c r="AU874" s="137"/>
      <c r="AV874" s="137"/>
      <c r="AW874" s="144"/>
    </row>
    <row r="875" spans="2:49" x14ac:dyDescent="0.2">
      <c r="B875" s="97"/>
      <c r="G875" s="43"/>
      <c r="J875" s="98"/>
      <c r="K875" s="97"/>
      <c r="N875" s="3"/>
      <c r="W875" s="98"/>
      <c r="Z875" s="143"/>
      <c r="AA875" s="137"/>
      <c r="AB875" s="137"/>
      <c r="AC875" s="137"/>
      <c r="AD875" s="137"/>
      <c r="AE875" s="137"/>
      <c r="AF875" s="137"/>
      <c r="AG875" s="137"/>
      <c r="AH875" s="137"/>
      <c r="AI875" s="137"/>
      <c r="AJ875" s="137"/>
      <c r="AK875" s="206"/>
      <c r="AL875" s="206"/>
      <c r="AM875" s="143"/>
      <c r="AN875" s="137"/>
      <c r="AO875" s="137"/>
      <c r="AP875" s="137"/>
      <c r="AQ875" s="137"/>
      <c r="AR875" s="137"/>
      <c r="AS875" s="137"/>
      <c r="AT875" s="137"/>
      <c r="AU875" s="137"/>
      <c r="AV875" s="137"/>
      <c r="AW875" s="144"/>
    </row>
    <row r="876" spans="2:49" x14ac:dyDescent="0.2">
      <c r="B876" s="97"/>
      <c r="G876" s="43"/>
      <c r="J876" s="98"/>
      <c r="K876" s="97"/>
      <c r="N876" s="3"/>
      <c r="W876" s="98"/>
      <c r="Z876" s="143"/>
      <c r="AA876" s="137"/>
      <c r="AB876" s="137"/>
      <c r="AC876" s="137"/>
      <c r="AD876" s="137"/>
      <c r="AE876" s="137"/>
      <c r="AF876" s="137"/>
      <c r="AG876" s="137"/>
      <c r="AH876" s="137"/>
      <c r="AI876" s="137"/>
      <c r="AJ876" s="137"/>
      <c r="AK876" s="206"/>
      <c r="AL876" s="206"/>
      <c r="AM876" s="143"/>
      <c r="AN876" s="137"/>
      <c r="AO876" s="137"/>
      <c r="AP876" s="137"/>
      <c r="AQ876" s="137"/>
      <c r="AR876" s="137"/>
      <c r="AS876" s="137"/>
      <c r="AT876" s="137"/>
      <c r="AU876" s="137"/>
      <c r="AV876" s="137"/>
      <c r="AW876" s="144"/>
    </row>
    <row r="877" spans="2:49" x14ac:dyDescent="0.2">
      <c r="B877" s="97"/>
      <c r="G877" s="43"/>
      <c r="J877" s="98"/>
      <c r="K877" s="97"/>
      <c r="N877" s="3"/>
      <c r="W877" s="98"/>
      <c r="Z877" s="143"/>
      <c r="AA877" s="137"/>
      <c r="AB877" s="137"/>
      <c r="AC877" s="137"/>
      <c r="AD877" s="137"/>
      <c r="AE877" s="137"/>
      <c r="AF877" s="137"/>
      <c r="AG877" s="137"/>
      <c r="AH877" s="137"/>
      <c r="AI877" s="137"/>
      <c r="AJ877" s="137"/>
      <c r="AK877" s="206"/>
      <c r="AL877" s="206"/>
      <c r="AM877" s="143"/>
      <c r="AN877" s="137"/>
      <c r="AO877" s="137"/>
      <c r="AP877" s="137"/>
      <c r="AQ877" s="137"/>
      <c r="AR877" s="137"/>
      <c r="AS877" s="137"/>
      <c r="AT877" s="137"/>
      <c r="AU877" s="137"/>
      <c r="AV877" s="137"/>
      <c r="AW877" s="144"/>
    </row>
    <row r="878" spans="2:49" x14ac:dyDescent="0.2">
      <c r="B878" s="97"/>
      <c r="G878" s="43"/>
      <c r="J878" s="98"/>
      <c r="K878" s="97"/>
      <c r="N878" s="3"/>
      <c r="W878" s="98"/>
      <c r="Z878" s="143"/>
      <c r="AA878" s="137"/>
      <c r="AB878" s="137"/>
      <c r="AC878" s="137"/>
      <c r="AD878" s="137"/>
      <c r="AE878" s="137"/>
      <c r="AF878" s="137"/>
      <c r="AG878" s="137"/>
      <c r="AH878" s="137"/>
      <c r="AI878" s="137"/>
      <c r="AJ878" s="137"/>
      <c r="AK878" s="206"/>
      <c r="AL878" s="206"/>
      <c r="AM878" s="143"/>
      <c r="AN878" s="137"/>
      <c r="AO878" s="137"/>
      <c r="AP878" s="137"/>
      <c r="AQ878" s="137"/>
      <c r="AR878" s="137"/>
      <c r="AS878" s="137"/>
      <c r="AT878" s="137"/>
      <c r="AU878" s="137"/>
      <c r="AV878" s="137"/>
      <c r="AW878" s="144"/>
    </row>
    <row r="879" spans="2:49" x14ac:dyDescent="0.2">
      <c r="B879" s="97"/>
      <c r="G879" s="43"/>
      <c r="J879" s="98"/>
      <c r="K879" s="97"/>
      <c r="N879" s="3"/>
      <c r="W879" s="98"/>
      <c r="Z879" s="143"/>
      <c r="AA879" s="137"/>
      <c r="AB879" s="137"/>
      <c r="AC879" s="137"/>
      <c r="AD879" s="137"/>
      <c r="AE879" s="137"/>
      <c r="AF879" s="137"/>
      <c r="AG879" s="137"/>
      <c r="AH879" s="137"/>
      <c r="AI879" s="137"/>
      <c r="AJ879" s="137"/>
      <c r="AK879" s="206"/>
      <c r="AL879" s="206"/>
      <c r="AM879" s="143"/>
      <c r="AN879" s="137"/>
      <c r="AO879" s="137"/>
      <c r="AP879" s="137"/>
      <c r="AQ879" s="137"/>
      <c r="AR879" s="137"/>
      <c r="AS879" s="137"/>
      <c r="AT879" s="137"/>
      <c r="AU879" s="137"/>
      <c r="AV879" s="137"/>
      <c r="AW879" s="144"/>
    </row>
    <row r="880" spans="2:49" x14ac:dyDescent="0.2">
      <c r="B880" s="97"/>
      <c r="G880" s="43"/>
      <c r="J880" s="98"/>
      <c r="K880" s="97"/>
      <c r="N880" s="3"/>
      <c r="W880" s="98"/>
      <c r="Z880" s="143"/>
      <c r="AA880" s="137"/>
      <c r="AB880" s="137"/>
      <c r="AC880" s="137"/>
      <c r="AD880" s="137"/>
      <c r="AE880" s="137"/>
      <c r="AF880" s="137"/>
      <c r="AG880" s="137"/>
      <c r="AH880" s="137"/>
      <c r="AI880" s="137"/>
      <c r="AJ880" s="137"/>
      <c r="AK880" s="206"/>
      <c r="AL880" s="206"/>
      <c r="AM880" s="143"/>
      <c r="AN880" s="137"/>
      <c r="AO880" s="137"/>
      <c r="AP880" s="137"/>
      <c r="AQ880" s="137"/>
      <c r="AR880" s="137"/>
      <c r="AS880" s="137"/>
      <c r="AT880" s="137"/>
      <c r="AU880" s="137"/>
      <c r="AV880" s="137"/>
      <c r="AW880" s="144"/>
    </row>
    <row r="881" spans="2:49" x14ac:dyDescent="0.2">
      <c r="B881" s="97"/>
      <c r="G881" s="43"/>
      <c r="J881" s="98"/>
      <c r="K881" s="97"/>
      <c r="N881" s="3"/>
      <c r="W881" s="98"/>
      <c r="Z881" s="143"/>
      <c r="AA881" s="137"/>
      <c r="AB881" s="137"/>
      <c r="AC881" s="137"/>
      <c r="AD881" s="137"/>
      <c r="AE881" s="137"/>
      <c r="AF881" s="137"/>
      <c r="AG881" s="137"/>
      <c r="AH881" s="137"/>
      <c r="AI881" s="137"/>
      <c r="AJ881" s="137"/>
      <c r="AK881" s="206"/>
      <c r="AL881" s="206"/>
      <c r="AM881" s="143"/>
      <c r="AN881" s="137"/>
      <c r="AO881" s="137"/>
      <c r="AP881" s="137"/>
      <c r="AQ881" s="137"/>
      <c r="AR881" s="137"/>
      <c r="AS881" s="137"/>
      <c r="AT881" s="137"/>
      <c r="AU881" s="137"/>
      <c r="AV881" s="137"/>
      <c r="AW881" s="144"/>
    </row>
    <row r="882" spans="2:49" x14ac:dyDescent="0.2">
      <c r="B882" s="97"/>
      <c r="G882" s="43"/>
      <c r="J882" s="98"/>
      <c r="K882" s="97"/>
      <c r="N882" s="3"/>
      <c r="W882" s="98"/>
      <c r="Z882" s="143"/>
      <c r="AA882" s="137"/>
      <c r="AB882" s="137"/>
      <c r="AC882" s="137"/>
      <c r="AD882" s="137"/>
      <c r="AE882" s="137"/>
      <c r="AF882" s="137"/>
      <c r="AG882" s="137"/>
      <c r="AH882" s="137"/>
      <c r="AI882" s="137"/>
      <c r="AJ882" s="137"/>
      <c r="AK882" s="206"/>
      <c r="AL882" s="206"/>
      <c r="AM882" s="143"/>
      <c r="AN882" s="137"/>
      <c r="AO882" s="137"/>
      <c r="AP882" s="137"/>
      <c r="AQ882" s="137"/>
      <c r="AR882" s="137"/>
      <c r="AS882" s="137"/>
      <c r="AT882" s="137"/>
      <c r="AU882" s="137"/>
      <c r="AV882" s="137"/>
      <c r="AW882" s="144"/>
    </row>
    <row r="883" spans="2:49" x14ac:dyDescent="0.2">
      <c r="B883" s="97"/>
      <c r="G883" s="43"/>
      <c r="J883" s="98"/>
      <c r="K883" s="97"/>
      <c r="N883" s="3"/>
      <c r="W883" s="98"/>
      <c r="Z883" s="143"/>
      <c r="AA883" s="137"/>
      <c r="AB883" s="137"/>
      <c r="AC883" s="137"/>
      <c r="AD883" s="137"/>
      <c r="AE883" s="137"/>
      <c r="AF883" s="137"/>
      <c r="AG883" s="137"/>
      <c r="AH883" s="137"/>
      <c r="AI883" s="137"/>
      <c r="AJ883" s="137"/>
      <c r="AK883" s="206"/>
      <c r="AL883" s="206"/>
      <c r="AM883" s="143"/>
      <c r="AN883" s="137"/>
      <c r="AO883" s="137"/>
      <c r="AP883" s="137"/>
      <c r="AQ883" s="137"/>
      <c r="AR883" s="137"/>
      <c r="AS883" s="137"/>
      <c r="AT883" s="137"/>
      <c r="AU883" s="137"/>
      <c r="AV883" s="137"/>
      <c r="AW883" s="144"/>
    </row>
    <row r="884" spans="2:49" x14ac:dyDescent="0.2">
      <c r="B884" s="97"/>
      <c r="G884" s="43"/>
      <c r="J884" s="98"/>
      <c r="K884" s="97"/>
      <c r="N884" s="3"/>
      <c r="W884" s="98"/>
      <c r="Z884" s="143"/>
      <c r="AA884" s="137"/>
      <c r="AB884" s="137"/>
      <c r="AC884" s="137"/>
      <c r="AD884" s="137"/>
      <c r="AE884" s="137"/>
      <c r="AF884" s="137"/>
      <c r="AG884" s="137"/>
      <c r="AH884" s="137"/>
      <c r="AI884" s="137"/>
      <c r="AJ884" s="137"/>
      <c r="AK884" s="206"/>
      <c r="AL884" s="206"/>
      <c r="AM884" s="143"/>
      <c r="AN884" s="137"/>
      <c r="AO884" s="137"/>
      <c r="AP884" s="137"/>
      <c r="AQ884" s="137"/>
      <c r="AR884" s="137"/>
      <c r="AS884" s="137"/>
      <c r="AT884" s="137"/>
      <c r="AU884" s="137"/>
      <c r="AV884" s="137"/>
      <c r="AW884" s="144"/>
    </row>
    <row r="885" spans="2:49" x14ac:dyDescent="0.2">
      <c r="B885" s="97"/>
      <c r="G885" s="43"/>
      <c r="J885" s="98"/>
      <c r="K885" s="97"/>
      <c r="N885" s="3"/>
      <c r="W885" s="98"/>
      <c r="Z885" s="143"/>
      <c r="AA885" s="137"/>
      <c r="AB885" s="137"/>
      <c r="AC885" s="137"/>
      <c r="AD885" s="137"/>
      <c r="AE885" s="137"/>
      <c r="AF885" s="137"/>
      <c r="AG885" s="137"/>
      <c r="AH885" s="137"/>
      <c r="AI885" s="137"/>
      <c r="AJ885" s="137"/>
      <c r="AK885" s="206"/>
      <c r="AL885" s="206"/>
      <c r="AM885" s="143"/>
      <c r="AN885" s="137"/>
      <c r="AO885" s="137"/>
      <c r="AP885" s="137"/>
      <c r="AQ885" s="137"/>
      <c r="AR885" s="137"/>
      <c r="AS885" s="137"/>
      <c r="AT885" s="137"/>
      <c r="AU885" s="137"/>
      <c r="AV885" s="137"/>
      <c r="AW885" s="144"/>
    </row>
    <row r="886" spans="2:49" x14ac:dyDescent="0.2">
      <c r="B886" s="97"/>
      <c r="G886" s="43"/>
      <c r="J886" s="98"/>
      <c r="K886" s="97"/>
      <c r="N886" s="3"/>
      <c r="W886" s="98"/>
      <c r="Z886" s="143"/>
      <c r="AA886" s="137"/>
      <c r="AB886" s="137"/>
      <c r="AC886" s="137"/>
      <c r="AD886" s="137"/>
      <c r="AE886" s="137"/>
      <c r="AF886" s="137"/>
      <c r="AG886" s="137"/>
      <c r="AH886" s="137"/>
      <c r="AI886" s="137"/>
      <c r="AJ886" s="137"/>
      <c r="AK886" s="206"/>
      <c r="AL886" s="206"/>
      <c r="AM886" s="143"/>
      <c r="AN886" s="137"/>
      <c r="AO886" s="137"/>
      <c r="AP886" s="137"/>
      <c r="AQ886" s="137"/>
      <c r="AR886" s="137"/>
      <c r="AS886" s="137"/>
      <c r="AT886" s="137"/>
      <c r="AU886" s="137"/>
      <c r="AV886" s="137"/>
      <c r="AW886" s="144"/>
    </row>
    <row r="887" spans="2:49" x14ac:dyDescent="0.2">
      <c r="B887" s="97"/>
      <c r="G887" s="43"/>
      <c r="J887" s="98"/>
      <c r="K887" s="97"/>
      <c r="N887" s="3"/>
      <c r="W887" s="98"/>
      <c r="Z887" s="143"/>
      <c r="AA887" s="137"/>
      <c r="AB887" s="137"/>
      <c r="AC887" s="137"/>
      <c r="AD887" s="137"/>
      <c r="AE887" s="137"/>
      <c r="AF887" s="137"/>
      <c r="AG887" s="137"/>
      <c r="AH887" s="137"/>
      <c r="AI887" s="137"/>
      <c r="AJ887" s="137"/>
      <c r="AK887" s="206"/>
      <c r="AL887" s="206"/>
      <c r="AM887" s="143"/>
      <c r="AN887" s="137"/>
      <c r="AO887" s="137"/>
      <c r="AP887" s="137"/>
      <c r="AQ887" s="137"/>
      <c r="AR887" s="137"/>
      <c r="AS887" s="137"/>
      <c r="AT887" s="137"/>
      <c r="AU887" s="137"/>
      <c r="AV887" s="137"/>
      <c r="AW887" s="144"/>
    </row>
    <row r="888" spans="2:49" x14ac:dyDescent="0.2">
      <c r="B888" s="97"/>
      <c r="G888" s="43"/>
      <c r="J888" s="98"/>
      <c r="K888" s="97"/>
      <c r="N888" s="3"/>
      <c r="W888" s="98"/>
      <c r="Z888" s="143"/>
      <c r="AA888" s="137"/>
      <c r="AB888" s="137"/>
      <c r="AC888" s="137"/>
      <c r="AD888" s="137"/>
      <c r="AE888" s="137"/>
      <c r="AF888" s="137"/>
      <c r="AG888" s="137"/>
      <c r="AH888" s="137"/>
      <c r="AI888" s="137"/>
      <c r="AJ888" s="137"/>
      <c r="AK888" s="206"/>
      <c r="AL888" s="206"/>
      <c r="AM888" s="143"/>
      <c r="AN888" s="137"/>
      <c r="AO888" s="137"/>
      <c r="AP888" s="137"/>
      <c r="AQ888" s="137"/>
      <c r="AR888" s="137"/>
      <c r="AS888" s="137"/>
      <c r="AT888" s="137"/>
      <c r="AU888" s="137"/>
      <c r="AV888" s="137"/>
      <c r="AW888" s="144"/>
    </row>
    <row r="889" spans="2:49" x14ac:dyDescent="0.2">
      <c r="B889" s="97"/>
      <c r="G889" s="43"/>
      <c r="J889" s="98"/>
      <c r="K889" s="97"/>
      <c r="N889" s="3"/>
      <c r="W889" s="98"/>
      <c r="Z889" s="143"/>
      <c r="AA889" s="137"/>
      <c r="AB889" s="137"/>
      <c r="AC889" s="137"/>
      <c r="AD889" s="137"/>
      <c r="AE889" s="137"/>
      <c r="AF889" s="137"/>
      <c r="AG889" s="137"/>
      <c r="AH889" s="137"/>
      <c r="AI889" s="137"/>
      <c r="AJ889" s="137"/>
      <c r="AK889" s="206"/>
      <c r="AL889" s="206"/>
      <c r="AM889" s="143"/>
      <c r="AN889" s="137"/>
      <c r="AO889" s="137"/>
      <c r="AP889" s="137"/>
      <c r="AQ889" s="137"/>
      <c r="AR889" s="137"/>
      <c r="AS889" s="137"/>
      <c r="AT889" s="137"/>
      <c r="AU889" s="137"/>
      <c r="AV889" s="137"/>
      <c r="AW889" s="144"/>
    </row>
    <row r="890" spans="2:49" x14ac:dyDescent="0.2">
      <c r="B890" s="97"/>
      <c r="G890" s="43"/>
      <c r="J890" s="98"/>
      <c r="K890" s="97"/>
      <c r="N890" s="3"/>
      <c r="W890" s="98"/>
      <c r="Z890" s="143"/>
      <c r="AA890" s="137"/>
      <c r="AB890" s="137"/>
      <c r="AC890" s="137"/>
      <c r="AD890" s="137"/>
      <c r="AE890" s="137"/>
      <c r="AF890" s="137"/>
      <c r="AG890" s="137"/>
      <c r="AH890" s="137"/>
      <c r="AI890" s="137"/>
      <c r="AJ890" s="137"/>
      <c r="AK890" s="206"/>
      <c r="AL890" s="206"/>
      <c r="AM890" s="143"/>
      <c r="AN890" s="137"/>
      <c r="AO890" s="137"/>
      <c r="AP890" s="137"/>
      <c r="AQ890" s="137"/>
      <c r="AR890" s="137"/>
      <c r="AS890" s="137"/>
      <c r="AT890" s="137"/>
      <c r="AU890" s="137"/>
      <c r="AV890" s="137"/>
      <c r="AW890" s="144"/>
    </row>
    <row r="891" spans="2:49" x14ac:dyDescent="0.2">
      <c r="B891" s="97"/>
      <c r="G891" s="43"/>
      <c r="J891" s="98"/>
      <c r="K891" s="97"/>
      <c r="N891" s="3"/>
      <c r="W891" s="98"/>
      <c r="Z891" s="143"/>
      <c r="AA891" s="137"/>
      <c r="AB891" s="137"/>
      <c r="AC891" s="137"/>
      <c r="AD891" s="137"/>
      <c r="AE891" s="137"/>
      <c r="AF891" s="137"/>
      <c r="AG891" s="137"/>
      <c r="AH891" s="137"/>
      <c r="AI891" s="137"/>
      <c r="AJ891" s="137"/>
      <c r="AK891" s="206"/>
      <c r="AL891" s="206"/>
      <c r="AM891" s="143"/>
      <c r="AN891" s="137"/>
      <c r="AO891" s="137"/>
      <c r="AP891" s="137"/>
      <c r="AQ891" s="137"/>
      <c r="AR891" s="137"/>
      <c r="AS891" s="137"/>
      <c r="AT891" s="137"/>
      <c r="AU891" s="137"/>
      <c r="AV891" s="137"/>
      <c r="AW891" s="144"/>
    </row>
    <row r="892" spans="2:49" x14ac:dyDescent="0.2">
      <c r="B892" s="97"/>
      <c r="G892" s="43"/>
      <c r="J892" s="98"/>
      <c r="K892" s="97"/>
      <c r="N892" s="3"/>
      <c r="W892" s="98"/>
      <c r="Z892" s="143"/>
      <c r="AA892" s="137"/>
      <c r="AB892" s="137"/>
      <c r="AC892" s="137"/>
      <c r="AD892" s="137"/>
      <c r="AE892" s="137"/>
      <c r="AF892" s="137"/>
      <c r="AG892" s="137"/>
      <c r="AH892" s="137"/>
      <c r="AI892" s="137"/>
      <c r="AJ892" s="137"/>
      <c r="AK892" s="206"/>
      <c r="AL892" s="206"/>
      <c r="AM892" s="143"/>
      <c r="AN892" s="137"/>
      <c r="AO892" s="137"/>
      <c r="AP892" s="137"/>
      <c r="AQ892" s="137"/>
      <c r="AR892" s="137"/>
      <c r="AS892" s="137"/>
      <c r="AT892" s="137"/>
      <c r="AU892" s="137"/>
      <c r="AV892" s="137"/>
      <c r="AW892" s="144"/>
    </row>
    <row r="893" spans="2:49" x14ac:dyDescent="0.2">
      <c r="B893" s="97"/>
      <c r="G893" s="43"/>
      <c r="J893" s="98"/>
      <c r="K893" s="97"/>
      <c r="N893" s="3"/>
      <c r="W893" s="98"/>
      <c r="Z893" s="143"/>
      <c r="AA893" s="137"/>
      <c r="AB893" s="137"/>
      <c r="AC893" s="137"/>
      <c r="AD893" s="137"/>
      <c r="AE893" s="137"/>
      <c r="AF893" s="137"/>
      <c r="AG893" s="137"/>
      <c r="AH893" s="137"/>
      <c r="AI893" s="137"/>
      <c r="AJ893" s="137"/>
      <c r="AK893" s="206"/>
      <c r="AL893" s="206"/>
      <c r="AM893" s="143"/>
      <c r="AN893" s="137"/>
      <c r="AO893" s="137"/>
      <c r="AP893" s="137"/>
      <c r="AQ893" s="137"/>
      <c r="AR893" s="137"/>
      <c r="AS893" s="137"/>
      <c r="AT893" s="137"/>
      <c r="AU893" s="137"/>
      <c r="AV893" s="137"/>
      <c r="AW893" s="144"/>
    </row>
    <row r="894" spans="2:49" x14ac:dyDescent="0.2">
      <c r="B894" s="97"/>
      <c r="G894" s="43"/>
      <c r="J894" s="98"/>
      <c r="K894" s="97"/>
      <c r="N894" s="3"/>
      <c r="W894" s="98"/>
      <c r="Z894" s="143"/>
      <c r="AA894" s="137"/>
      <c r="AB894" s="137"/>
      <c r="AC894" s="137"/>
      <c r="AD894" s="137"/>
      <c r="AE894" s="137"/>
      <c r="AF894" s="137"/>
      <c r="AG894" s="137"/>
      <c r="AH894" s="137"/>
      <c r="AI894" s="137"/>
      <c r="AJ894" s="137"/>
      <c r="AK894" s="206"/>
      <c r="AL894" s="206"/>
      <c r="AM894" s="143"/>
      <c r="AN894" s="137"/>
      <c r="AO894" s="137"/>
      <c r="AP894" s="137"/>
      <c r="AQ894" s="137"/>
      <c r="AR894" s="137"/>
      <c r="AS894" s="137"/>
      <c r="AT894" s="137"/>
      <c r="AU894" s="137"/>
      <c r="AV894" s="137"/>
      <c r="AW894" s="144"/>
    </row>
    <row r="895" spans="2:49" x14ac:dyDescent="0.2">
      <c r="B895" s="97"/>
      <c r="G895" s="43"/>
      <c r="J895" s="98"/>
      <c r="K895" s="97"/>
      <c r="N895" s="3"/>
      <c r="W895" s="98"/>
      <c r="Z895" s="143"/>
      <c r="AA895" s="137"/>
      <c r="AB895" s="137"/>
      <c r="AC895" s="137"/>
      <c r="AD895" s="137"/>
      <c r="AE895" s="137"/>
      <c r="AF895" s="137"/>
      <c r="AG895" s="137"/>
      <c r="AH895" s="137"/>
      <c r="AI895" s="137"/>
      <c r="AJ895" s="137"/>
      <c r="AK895" s="206"/>
      <c r="AL895" s="206"/>
      <c r="AM895" s="143"/>
      <c r="AN895" s="137"/>
      <c r="AO895" s="137"/>
      <c r="AP895" s="137"/>
      <c r="AQ895" s="137"/>
      <c r="AR895" s="137"/>
      <c r="AS895" s="137"/>
      <c r="AT895" s="137"/>
      <c r="AU895" s="137"/>
      <c r="AV895" s="137"/>
      <c r="AW895" s="144"/>
    </row>
    <row r="896" spans="2:49" x14ac:dyDescent="0.2">
      <c r="B896" s="97"/>
      <c r="G896" s="43"/>
      <c r="J896" s="98"/>
      <c r="K896" s="97"/>
      <c r="N896" s="3"/>
      <c r="W896" s="98"/>
      <c r="Z896" s="143"/>
      <c r="AA896" s="137"/>
      <c r="AB896" s="137"/>
      <c r="AC896" s="137"/>
      <c r="AD896" s="137"/>
      <c r="AE896" s="137"/>
      <c r="AF896" s="137"/>
      <c r="AG896" s="137"/>
      <c r="AH896" s="137"/>
      <c r="AI896" s="137"/>
      <c r="AJ896" s="137"/>
      <c r="AK896" s="206"/>
      <c r="AL896" s="206"/>
      <c r="AM896" s="143"/>
      <c r="AN896" s="137"/>
      <c r="AO896" s="137"/>
      <c r="AP896" s="137"/>
      <c r="AQ896" s="137"/>
      <c r="AR896" s="137"/>
      <c r="AS896" s="137"/>
      <c r="AT896" s="137"/>
      <c r="AU896" s="137"/>
      <c r="AV896" s="137"/>
      <c r="AW896" s="144"/>
    </row>
    <row r="897" spans="2:49" x14ac:dyDescent="0.2">
      <c r="B897" s="97"/>
      <c r="G897" s="43"/>
      <c r="J897" s="98"/>
      <c r="K897" s="97"/>
      <c r="N897" s="3"/>
      <c r="W897" s="98"/>
      <c r="Z897" s="143"/>
      <c r="AA897" s="137"/>
      <c r="AB897" s="137"/>
      <c r="AC897" s="137"/>
      <c r="AD897" s="137"/>
      <c r="AE897" s="137"/>
      <c r="AF897" s="137"/>
      <c r="AG897" s="137"/>
      <c r="AH897" s="137"/>
      <c r="AI897" s="137"/>
      <c r="AJ897" s="137"/>
      <c r="AK897" s="206"/>
      <c r="AL897" s="206"/>
      <c r="AM897" s="143"/>
      <c r="AN897" s="137"/>
      <c r="AO897" s="137"/>
      <c r="AP897" s="137"/>
      <c r="AQ897" s="137"/>
      <c r="AR897" s="137"/>
      <c r="AS897" s="137"/>
      <c r="AT897" s="137"/>
      <c r="AU897" s="137"/>
      <c r="AV897" s="137"/>
      <c r="AW897" s="144"/>
    </row>
    <row r="898" spans="2:49" x14ac:dyDescent="0.2">
      <c r="B898" s="97"/>
      <c r="G898" s="43"/>
      <c r="J898" s="98"/>
      <c r="K898" s="97"/>
      <c r="N898" s="3"/>
      <c r="W898" s="98"/>
      <c r="Z898" s="143"/>
      <c r="AA898" s="137"/>
      <c r="AB898" s="137"/>
      <c r="AC898" s="137"/>
      <c r="AD898" s="137"/>
      <c r="AE898" s="137"/>
      <c r="AF898" s="137"/>
      <c r="AG898" s="137"/>
      <c r="AH898" s="137"/>
      <c r="AI898" s="137"/>
      <c r="AJ898" s="137"/>
      <c r="AK898" s="206"/>
      <c r="AL898" s="206"/>
      <c r="AM898" s="143"/>
      <c r="AN898" s="137"/>
      <c r="AO898" s="137"/>
      <c r="AP898" s="137"/>
      <c r="AQ898" s="137"/>
      <c r="AR898" s="137"/>
      <c r="AS898" s="137"/>
      <c r="AT898" s="137"/>
      <c r="AU898" s="137"/>
      <c r="AV898" s="137"/>
      <c r="AW898" s="144"/>
    </row>
    <row r="899" spans="2:49" x14ac:dyDescent="0.2">
      <c r="B899" s="97"/>
      <c r="G899" s="43"/>
      <c r="J899" s="98"/>
      <c r="K899" s="97"/>
      <c r="N899" s="3"/>
      <c r="W899" s="98"/>
      <c r="Z899" s="143"/>
      <c r="AA899" s="137"/>
      <c r="AB899" s="137"/>
      <c r="AC899" s="137"/>
      <c r="AD899" s="137"/>
      <c r="AE899" s="137"/>
      <c r="AF899" s="137"/>
      <c r="AG899" s="137"/>
      <c r="AH899" s="137"/>
      <c r="AI899" s="137"/>
      <c r="AJ899" s="137"/>
      <c r="AK899" s="206"/>
      <c r="AL899" s="206"/>
      <c r="AM899" s="143"/>
      <c r="AN899" s="137"/>
      <c r="AO899" s="137"/>
      <c r="AP899" s="137"/>
      <c r="AQ899" s="137"/>
      <c r="AR899" s="137"/>
      <c r="AS899" s="137"/>
      <c r="AT899" s="137"/>
      <c r="AU899" s="137"/>
      <c r="AV899" s="137"/>
      <c r="AW899" s="144"/>
    </row>
    <row r="900" spans="2:49" x14ac:dyDescent="0.2">
      <c r="B900" s="97"/>
      <c r="G900" s="43"/>
      <c r="J900" s="98"/>
      <c r="K900" s="97"/>
      <c r="N900" s="3"/>
      <c r="W900" s="98"/>
      <c r="Z900" s="143"/>
      <c r="AA900" s="137"/>
      <c r="AB900" s="137"/>
      <c r="AC900" s="137"/>
      <c r="AD900" s="137"/>
      <c r="AE900" s="137"/>
      <c r="AF900" s="137"/>
      <c r="AG900" s="137"/>
      <c r="AH900" s="137"/>
      <c r="AI900" s="137"/>
      <c r="AJ900" s="137"/>
      <c r="AK900" s="206"/>
      <c r="AL900" s="206"/>
      <c r="AM900" s="143"/>
      <c r="AN900" s="137"/>
      <c r="AO900" s="137"/>
      <c r="AP900" s="137"/>
      <c r="AQ900" s="137"/>
      <c r="AR900" s="137"/>
      <c r="AS900" s="137"/>
      <c r="AT900" s="137"/>
      <c r="AU900" s="137"/>
      <c r="AV900" s="137"/>
      <c r="AW900" s="144"/>
    </row>
    <row r="901" spans="2:49" x14ac:dyDescent="0.2">
      <c r="B901" s="97"/>
      <c r="G901" s="43"/>
      <c r="J901" s="98"/>
      <c r="K901" s="97"/>
      <c r="N901" s="3"/>
      <c r="W901" s="98"/>
      <c r="Z901" s="143"/>
      <c r="AA901" s="137"/>
      <c r="AB901" s="137"/>
      <c r="AC901" s="137"/>
      <c r="AD901" s="137"/>
      <c r="AE901" s="137"/>
      <c r="AF901" s="137"/>
      <c r="AG901" s="137"/>
      <c r="AH901" s="137"/>
      <c r="AI901" s="137"/>
      <c r="AJ901" s="137"/>
      <c r="AK901" s="206"/>
      <c r="AL901" s="206"/>
      <c r="AM901" s="143"/>
      <c r="AN901" s="137"/>
      <c r="AO901" s="137"/>
      <c r="AP901" s="137"/>
      <c r="AQ901" s="137"/>
      <c r="AR901" s="137"/>
      <c r="AS901" s="137"/>
      <c r="AT901" s="137"/>
      <c r="AU901" s="137"/>
      <c r="AV901" s="137"/>
      <c r="AW901" s="144"/>
    </row>
    <row r="902" spans="2:49" x14ac:dyDescent="0.2">
      <c r="B902" s="97"/>
      <c r="G902" s="43"/>
      <c r="J902" s="98"/>
      <c r="K902" s="97"/>
      <c r="N902" s="3"/>
      <c r="W902" s="98"/>
      <c r="Z902" s="143"/>
      <c r="AA902" s="137"/>
      <c r="AB902" s="137"/>
      <c r="AC902" s="137"/>
      <c r="AD902" s="137"/>
      <c r="AE902" s="137"/>
      <c r="AF902" s="137"/>
      <c r="AG902" s="137"/>
      <c r="AH902" s="137"/>
      <c r="AI902" s="137"/>
      <c r="AJ902" s="137"/>
      <c r="AK902" s="206"/>
      <c r="AL902" s="206"/>
      <c r="AM902" s="143"/>
      <c r="AN902" s="137"/>
      <c r="AO902" s="137"/>
      <c r="AP902" s="137"/>
      <c r="AQ902" s="137"/>
      <c r="AR902" s="137"/>
      <c r="AS902" s="137"/>
      <c r="AT902" s="137"/>
      <c r="AU902" s="137"/>
      <c r="AV902" s="137"/>
      <c r="AW902" s="144"/>
    </row>
    <row r="903" spans="2:49" x14ac:dyDescent="0.2">
      <c r="B903" s="97"/>
      <c r="G903" s="43"/>
      <c r="J903" s="98"/>
      <c r="K903" s="97"/>
      <c r="N903" s="3"/>
      <c r="W903" s="98"/>
      <c r="Z903" s="143"/>
      <c r="AA903" s="137"/>
      <c r="AB903" s="137"/>
      <c r="AC903" s="137"/>
      <c r="AD903" s="137"/>
      <c r="AE903" s="137"/>
      <c r="AF903" s="137"/>
      <c r="AG903" s="137"/>
      <c r="AH903" s="137"/>
      <c r="AI903" s="137"/>
      <c r="AJ903" s="137"/>
      <c r="AK903" s="206"/>
      <c r="AL903" s="206"/>
      <c r="AM903" s="143"/>
      <c r="AN903" s="137"/>
      <c r="AO903" s="137"/>
      <c r="AP903" s="137"/>
      <c r="AQ903" s="137"/>
      <c r="AR903" s="137"/>
      <c r="AS903" s="137"/>
      <c r="AT903" s="137"/>
      <c r="AU903" s="137"/>
      <c r="AV903" s="137"/>
      <c r="AW903" s="144"/>
    </row>
    <row r="904" spans="2:49" x14ac:dyDescent="0.2">
      <c r="B904" s="97"/>
      <c r="G904" s="43"/>
      <c r="J904" s="98"/>
      <c r="K904" s="97"/>
      <c r="N904" s="3"/>
      <c r="W904" s="98"/>
      <c r="Z904" s="143"/>
      <c r="AA904" s="137"/>
      <c r="AB904" s="137"/>
      <c r="AC904" s="137"/>
      <c r="AD904" s="137"/>
      <c r="AE904" s="137"/>
      <c r="AF904" s="137"/>
      <c r="AG904" s="137"/>
      <c r="AH904" s="137"/>
      <c r="AI904" s="137"/>
      <c r="AJ904" s="137"/>
      <c r="AK904" s="206"/>
      <c r="AL904" s="206"/>
      <c r="AM904" s="143"/>
      <c r="AN904" s="137"/>
      <c r="AO904" s="137"/>
      <c r="AP904" s="137"/>
      <c r="AQ904" s="137"/>
      <c r="AR904" s="137"/>
      <c r="AS904" s="137"/>
      <c r="AT904" s="137"/>
      <c r="AU904" s="137"/>
      <c r="AV904" s="137"/>
      <c r="AW904" s="144"/>
    </row>
    <row r="905" spans="2:49" x14ac:dyDescent="0.2">
      <c r="B905" s="97"/>
      <c r="G905" s="43"/>
      <c r="J905" s="98"/>
      <c r="K905" s="97"/>
      <c r="N905" s="3"/>
      <c r="W905" s="98"/>
      <c r="Z905" s="143"/>
      <c r="AA905" s="137"/>
      <c r="AB905" s="137"/>
      <c r="AC905" s="137"/>
      <c r="AD905" s="137"/>
      <c r="AE905" s="137"/>
      <c r="AF905" s="137"/>
      <c r="AG905" s="137"/>
      <c r="AH905" s="137"/>
      <c r="AI905" s="137"/>
      <c r="AJ905" s="137"/>
      <c r="AK905" s="206"/>
      <c r="AL905" s="206"/>
      <c r="AM905" s="143"/>
      <c r="AN905" s="137"/>
      <c r="AO905" s="137"/>
      <c r="AP905" s="137"/>
      <c r="AQ905" s="137"/>
      <c r="AR905" s="137"/>
      <c r="AS905" s="137"/>
      <c r="AT905" s="137"/>
      <c r="AU905" s="137"/>
      <c r="AV905" s="137"/>
      <c r="AW905" s="144"/>
    </row>
    <row r="906" spans="2:49" x14ac:dyDescent="0.2">
      <c r="B906" s="97"/>
      <c r="G906" s="43"/>
      <c r="J906" s="98"/>
      <c r="K906" s="97"/>
      <c r="N906" s="3"/>
      <c r="W906" s="98"/>
      <c r="Z906" s="143"/>
      <c r="AA906" s="137"/>
      <c r="AB906" s="137"/>
      <c r="AC906" s="137"/>
      <c r="AD906" s="137"/>
      <c r="AE906" s="137"/>
      <c r="AF906" s="137"/>
      <c r="AG906" s="137"/>
      <c r="AH906" s="137"/>
      <c r="AI906" s="137"/>
      <c r="AJ906" s="137"/>
      <c r="AK906" s="206"/>
      <c r="AL906" s="206"/>
      <c r="AM906" s="143"/>
      <c r="AN906" s="137"/>
      <c r="AO906" s="137"/>
      <c r="AP906" s="137"/>
      <c r="AQ906" s="137"/>
      <c r="AR906" s="137"/>
      <c r="AS906" s="137"/>
      <c r="AT906" s="137"/>
      <c r="AU906" s="137"/>
      <c r="AV906" s="137"/>
      <c r="AW906" s="144"/>
    </row>
    <row r="907" spans="2:49" x14ac:dyDescent="0.2">
      <c r="B907" s="97"/>
      <c r="G907" s="43"/>
      <c r="J907" s="98"/>
      <c r="K907" s="97"/>
      <c r="N907" s="3"/>
      <c r="W907" s="98"/>
      <c r="Z907" s="143"/>
      <c r="AA907" s="137"/>
      <c r="AB907" s="137"/>
      <c r="AC907" s="137"/>
      <c r="AD907" s="137"/>
      <c r="AE907" s="137"/>
      <c r="AF907" s="137"/>
      <c r="AG907" s="137"/>
      <c r="AH907" s="137"/>
      <c r="AI907" s="137"/>
      <c r="AJ907" s="137"/>
      <c r="AK907" s="206"/>
      <c r="AL907" s="206"/>
      <c r="AM907" s="143"/>
      <c r="AN907" s="137"/>
      <c r="AO907" s="137"/>
      <c r="AP907" s="137"/>
      <c r="AQ907" s="137"/>
      <c r="AR907" s="137"/>
      <c r="AS907" s="137"/>
      <c r="AT907" s="137"/>
      <c r="AU907" s="137"/>
      <c r="AV907" s="137"/>
      <c r="AW907" s="144"/>
    </row>
    <row r="908" spans="2:49" x14ac:dyDescent="0.2">
      <c r="B908" s="97"/>
      <c r="G908" s="43"/>
      <c r="J908" s="98"/>
      <c r="K908" s="97"/>
      <c r="N908" s="3"/>
      <c r="W908" s="98"/>
      <c r="Z908" s="143"/>
      <c r="AA908" s="137"/>
      <c r="AB908" s="137"/>
      <c r="AC908" s="137"/>
      <c r="AD908" s="137"/>
      <c r="AE908" s="137"/>
      <c r="AF908" s="137"/>
      <c r="AG908" s="137"/>
      <c r="AH908" s="137"/>
      <c r="AI908" s="137"/>
      <c r="AJ908" s="137"/>
      <c r="AK908" s="206"/>
      <c r="AL908" s="206"/>
      <c r="AM908" s="143"/>
      <c r="AN908" s="137"/>
      <c r="AO908" s="137"/>
      <c r="AP908" s="137"/>
      <c r="AQ908" s="137"/>
      <c r="AR908" s="137"/>
      <c r="AS908" s="137"/>
      <c r="AT908" s="137"/>
      <c r="AU908" s="137"/>
      <c r="AV908" s="137"/>
      <c r="AW908" s="144"/>
    </row>
    <row r="909" spans="2:49" x14ac:dyDescent="0.2">
      <c r="B909" s="97"/>
      <c r="G909" s="43"/>
      <c r="J909" s="98"/>
      <c r="K909" s="97"/>
      <c r="N909" s="3"/>
      <c r="W909" s="98"/>
      <c r="Z909" s="143"/>
      <c r="AA909" s="137"/>
      <c r="AB909" s="137"/>
      <c r="AC909" s="137"/>
      <c r="AD909" s="137"/>
      <c r="AE909" s="137"/>
      <c r="AF909" s="137"/>
      <c r="AG909" s="137"/>
      <c r="AH909" s="137"/>
      <c r="AI909" s="137"/>
      <c r="AJ909" s="137"/>
      <c r="AK909" s="206"/>
      <c r="AL909" s="206"/>
      <c r="AM909" s="143"/>
      <c r="AN909" s="137"/>
      <c r="AO909" s="137"/>
      <c r="AP909" s="137"/>
      <c r="AQ909" s="137"/>
      <c r="AR909" s="137"/>
      <c r="AS909" s="137"/>
      <c r="AT909" s="137"/>
      <c r="AU909" s="137"/>
      <c r="AV909" s="137"/>
      <c r="AW909" s="144"/>
    </row>
    <row r="910" spans="2:49" x14ac:dyDescent="0.2">
      <c r="B910" s="97"/>
      <c r="G910" s="43"/>
      <c r="J910" s="98"/>
      <c r="K910" s="97"/>
      <c r="N910" s="3"/>
      <c r="W910" s="98"/>
      <c r="Z910" s="143"/>
      <c r="AA910" s="137"/>
      <c r="AB910" s="137"/>
      <c r="AC910" s="137"/>
      <c r="AD910" s="137"/>
      <c r="AE910" s="137"/>
      <c r="AF910" s="137"/>
      <c r="AG910" s="137"/>
      <c r="AH910" s="137"/>
      <c r="AI910" s="137"/>
      <c r="AJ910" s="137"/>
      <c r="AK910" s="206"/>
      <c r="AL910" s="206"/>
      <c r="AM910" s="143"/>
      <c r="AN910" s="137"/>
      <c r="AO910" s="137"/>
      <c r="AP910" s="137"/>
      <c r="AQ910" s="137"/>
      <c r="AR910" s="137"/>
      <c r="AS910" s="137"/>
      <c r="AT910" s="137"/>
      <c r="AU910" s="137"/>
      <c r="AV910" s="137"/>
      <c r="AW910" s="144"/>
    </row>
    <row r="911" spans="2:49" x14ac:dyDescent="0.2">
      <c r="B911" s="97"/>
      <c r="G911" s="43"/>
      <c r="J911" s="98"/>
      <c r="K911" s="97"/>
      <c r="N911" s="3"/>
      <c r="W911" s="98"/>
      <c r="Z911" s="143"/>
      <c r="AA911" s="137"/>
      <c r="AB911" s="137"/>
      <c r="AC911" s="137"/>
      <c r="AD911" s="137"/>
      <c r="AE911" s="137"/>
      <c r="AF911" s="137"/>
      <c r="AG911" s="137"/>
      <c r="AH911" s="137"/>
      <c r="AI911" s="137"/>
      <c r="AJ911" s="137"/>
      <c r="AK911" s="206"/>
      <c r="AL911" s="206"/>
      <c r="AM911" s="143"/>
      <c r="AN911" s="137"/>
      <c r="AO911" s="137"/>
      <c r="AP911" s="137"/>
      <c r="AQ911" s="137"/>
      <c r="AR911" s="137"/>
      <c r="AS911" s="137"/>
      <c r="AT911" s="137"/>
      <c r="AU911" s="137"/>
      <c r="AV911" s="137"/>
      <c r="AW911" s="144"/>
    </row>
    <row r="912" spans="2:49" x14ac:dyDescent="0.2">
      <c r="B912" s="97"/>
      <c r="G912" s="43"/>
      <c r="J912" s="98"/>
      <c r="K912" s="97"/>
      <c r="N912" s="3"/>
      <c r="W912" s="98"/>
      <c r="Z912" s="143"/>
      <c r="AA912" s="137"/>
      <c r="AB912" s="137"/>
      <c r="AC912" s="137"/>
      <c r="AD912" s="137"/>
      <c r="AE912" s="137"/>
      <c r="AF912" s="137"/>
      <c r="AG912" s="137"/>
      <c r="AH912" s="137"/>
      <c r="AI912" s="137"/>
      <c r="AJ912" s="137"/>
      <c r="AK912" s="206"/>
      <c r="AL912" s="206"/>
      <c r="AM912" s="143"/>
      <c r="AN912" s="137"/>
      <c r="AO912" s="137"/>
      <c r="AP912" s="137"/>
      <c r="AQ912" s="137"/>
      <c r="AR912" s="137"/>
      <c r="AS912" s="137"/>
      <c r="AT912" s="137"/>
      <c r="AU912" s="137"/>
      <c r="AV912" s="137"/>
      <c r="AW912" s="144"/>
    </row>
    <row r="913" spans="2:49" x14ac:dyDescent="0.2">
      <c r="B913" s="97"/>
      <c r="G913" s="43"/>
      <c r="J913" s="98"/>
      <c r="K913" s="97"/>
      <c r="N913" s="3"/>
      <c r="W913" s="98"/>
      <c r="Z913" s="143"/>
      <c r="AA913" s="137"/>
      <c r="AB913" s="137"/>
      <c r="AC913" s="137"/>
      <c r="AD913" s="137"/>
      <c r="AE913" s="137"/>
      <c r="AF913" s="137"/>
      <c r="AG913" s="137"/>
      <c r="AH913" s="137"/>
      <c r="AI913" s="137"/>
      <c r="AJ913" s="137"/>
      <c r="AK913" s="206"/>
      <c r="AL913" s="206"/>
      <c r="AM913" s="143"/>
      <c r="AN913" s="137"/>
      <c r="AO913" s="137"/>
      <c r="AP913" s="137"/>
      <c r="AQ913" s="137"/>
      <c r="AR913" s="137"/>
      <c r="AS913" s="137"/>
      <c r="AT913" s="137"/>
      <c r="AU913" s="137"/>
      <c r="AV913" s="137"/>
      <c r="AW913" s="144"/>
    </row>
    <row r="914" spans="2:49" x14ac:dyDescent="0.2">
      <c r="B914" s="97"/>
      <c r="G914" s="43"/>
      <c r="J914" s="98"/>
      <c r="K914" s="97"/>
      <c r="N914" s="3"/>
      <c r="W914" s="98"/>
      <c r="Z914" s="143"/>
      <c r="AA914" s="137"/>
      <c r="AB914" s="137"/>
      <c r="AC914" s="137"/>
      <c r="AD914" s="137"/>
      <c r="AE914" s="137"/>
      <c r="AF914" s="137"/>
      <c r="AG914" s="137"/>
      <c r="AH914" s="137"/>
      <c r="AI914" s="137"/>
      <c r="AJ914" s="137"/>
      <c r="AK914" s="206"/>
      <c r="AL914" s="206"/>
      <c r="AM914" s="143"/>
      <c r="AN914" s="137"/>
      <c r="AO914" s="137"/>
      <c r="AP914" s="137"/>
      <c r="AQ914" s="137"/>
      <c r="AR914" s="137"/>
      <c r="AS914" s="137"/>
      <c r="AT914" s="137"/>
      <c r="AU914" s="137"/>
      <c r="AV914" s="137"/>
      <c r="AW914" s="144"/>
    </row>
    <row r="915" spans="2:49" x14ac:dyDescent="0.2">
      <c r="B915" s="97"/>
      <c r="G915" s="43"/>
      <c r="J915" s="98"/>
      <c r="K915" s="97"/>
      <c r="N915" s="3"/>
      <c r="W915" s="98"/>
      <c r="Z915" s="143"/>
      <c r="AA915" s="137"/>
      <c r="AB915" s="137"/>
      <c r="AC915" s="137"/>
      <c r="AD915" s="137"/>
      <c r="AE915" s="137"/>
      <c r="AF915" s="137"/>
      <c r="AG915" s="137"/>
      <c r="AH915" s="137"/>
      <c r="AI915" s="137"/>
      <c r="AJ915" s="137"/>
      <c r="AK915" s="206"/>
      <c r="AL915" s="206"/>
      <c r="AM915" s="143"/>
      <c r="AN915" s="137"/>
      <c r="AO915" s="137"/>
      <c r="AP915" s="137"/>
      <c r="AQ915" s="137"/>
      <c r="AR915" s="137"/>
      <c r="AS915" s="137"/>
      <c r="AT915" s="137"/>
      <c r="AU915" s="137"/>
      <c r="AV915" s="137"/>
      <c r="AW915" s="144"/>
    </row>
    <row r="916" spans="2:49" x14ac:dyDescent="0.2">
      <c r="B916" s="97"/>
      <c r="G916" s="43"/>
      <c r="J916" s="98"/>
      <c r="K916" s="97"/>
      <c r="N916" s="3"/>
      <c r="W916" s="98"/>
      <c r="Z916" s="143"/>
      <c r="AA916" s="137"/>
      <c r="AB916" s="137"/>
      <c r="AC916" s="137"/>
      <c r="AD916" s="137"/>
      <c r="AE916" s="137"/>
      <c r="AF916" s="137"/>
      <c r="AG916" s="137"/>
      <c r="AH916" s="137"/>
      <c r="AI916" s="137"/>
      <c r="AJ916" s="137"/>
      <c r="AK916" s="206"/>
      <c r="AL916" s="206"/>
      <c r="AM916" s="143"/>
      <c r="AN916" s="137"/>
      <c r="AO916" s="137"/>
      <c r="AP916" s="137"/>
      <c r="AQ916" s="137"/>
      <c r="AR916" s="137"/>
      <c r="AS916" s="137"/>
      <c r="AT916" s="137"/>
      <c r="AU916" s="137"/>
      <c r="AV916" s="137"/>
      <c r="AW916" s="144"/>
    </row>
    <row r="917" spans="2:49" x14ac:dyDescent="0.2">
      <c r="B917" s="97"/>
      <c r="G917" s="43"/>
      <c r="J917" s="98"/>
      <c r="K917" s="97"/>
      <c r="N917" s="3"/>
      <c r="W917" s="98"/>
      <c r="Z917" s="143"/>
      <c r="AA917" s="137"/>
      <c r="AB917" s="137"/>
      <c r="AC917" s="137"/>
      <c r="AD917" s="137"/>
      <c r="AE917" s="137"/>
      <c r="AF917" s="137"/>
      <c r="AG917" s="137"/>
      <c r="AH917" s="137"/>
      <c r="AI917" s="137"/>
      <c r="AJ917" s="137"/>
      <c r="AK917" s="206"/>
      <c r="AL917" s="206"/>
      <c r="AM917" s="143"/>
      <c r="AN917" s="137"/>
      <c r="AO917" s="137"/>
      <c r="AP917" s="137"/>
      <c r="AQ917" s="137"/>
      <c r="AR917" s="137"/>
      <c r="AS917" s="137"/>
      <c r="AT917" s="137"/>
      <c r="AU917" s="137"/>
      <c r="AV917" s="137"/>
      <c r="AW917" s="144"/>
    </row>
    <row r="918" spans="2:49" x14ac:dyDescent="0.2">
      <c r="B918" s="97"/>
      <c r="G918" s="43"/>
      <c r="J918" s="98"/>
      <c r="K918" s="97"/>
      <c r="N918" s="3"/>
      <c r="W918" s="98"/>
      <c r="Z918" s="143"/>
      <c r="AA918" s="137"/>
      <c r="AB918" s="137"/>
      <c r="AC918" s="137"/>
      <c r="AD918" s="137"/>
      <c r="AE918" s="137"/>
      <c r="AF918" s="137"/>
      <c r="AG918" s="137"/>
      <c r="AH918" s="137"/>
      <c r="AI918" s="137"/>
      <c r="AJ918" s="137"/>
      <c r="AK918" s="206"/>
      <c r="AL918" s="206"/>
      <c r="AM918" s="143"/>
      <c r="AN918" s="137"/>
      <c r="AO918" s="137"/>
      <c r="AP918" s="137"/>
      <c r="AQ918" s="137"/>
      <c r="AR918" s="137"/>
      <c r="AS918" s="137"/>
      <c r="AT918" s="137"/>
      <c r="AU918" s="137"/>
      <c r="AV918" s="137"/>
      <c r="AW918" s="144"/>
    </row>
    <row r="919" spans="2:49" x14ac:dyDescent="0.2">
      <c r="B919" s="97"/>
      <c r="G919" s="43"/>
      <c r="J919" s="98"/>
      <c r="K919" s="97"/>
      <c r="N919" s="3"/>
      <c r="W919" s="98"/>
      <c r="Z919" s="143"/>
      <c r="AA919" s="137"/>
      <c r="AB919" s="137"/>
      <c r="AC919" s="137"/>
      <c r="AD919" s="137"/>
      <c r="AE919" s="137"/>
      <c r="AF919" s="137"/>
      <c r="AG919" s="137"/>
      <c r="AH919" s="137"/>
      <c r="AI919" s="137"/>
      <c r="AJ919" s="137"/>
      <c r="AK919" s="206"/>
      <c r="AL919" s="206"/>
      <c r="AM919" s="143"/>
      <c r="AN919" s="137"/>
      <c r="AO919" s="137"/>
      <c r="AP919" s="137"/>
      <c r="AQ919" s="137"/>
      <c r="AR919" s="137"/>
      <c r="AS919" s="137"/>
      <c r="AT919" s="137"/>
      <c r="AU919" s="137"/>
      <c r="AV919" s="137"/>
      <c r="AW919" s="144"/>
    </row>
    <row r="920" spans="2:49" x14ac:dyDescent="0.2">
      <c r="B920" s="97"/>
      <c r="G920" s="43"/>
      <c r="J920" s="98"/>
      <c r="K920" s="97"/>
      <c r="N920" s="3"/>
      <c r="W920" s="98"/>
      <c r="Z920" s="143"/>
      <c r="AA920" s="137"/>
      <c r="AB920" s="137"/>
      <c r="AC920" s="137"/>
      <c r="AD920" s="137"/>
      <c r="AE920" s="137"/>
      <c r="AF920" s="137"/>
      <c r="AG920" s="137"/>
      <c r="AH920" s="137"/>
      <c r="AI920" s="137"/>
      <c r="AJ920" s="137"/>
      <c r="AK920" s="206"/>
      <c r="AL920" s="206"/>
      <c r="AM920" s="143"/>
      <c r="AN920" s="137"/>
      <c r="AO920" s="137"/>
      <c r="AP920" s="137"/>
      <c r="AQ920" s="137"/>
      <c r="AR920" s="137"/>
      <c r="AS920" s="137"/>
      <c r="AT920" s="137"/>
      <c r="AU920" s="137"/>
      <c r="AV920" s="137"/>
      <c r="AW920" s="144"/>
    </row>
    <row r="921" spans="2:49" x14ac:dyDescent="0.2">
      <c r="B921" s="97"/>
      <c r="G921" s="43"/>
      <c r="J921" s="98"/>
      <c r="K921" s="97"/>
      <c r="N921" s="3"/>
      <c r="W921" s="98"/>
      <c r="Z921" s="143"/>
      <c r="AA921" s="137"/>
      <c r="AB921" s="137"/>
      <c r="AC921" s="137"/>
      <c r="AD921" s="137"/>
      <c r="AE921" s="137"/>
      <c r="AF921" s="137"/>
      <c r="AG921" s="137"/>
      <c r="AH921" s="137"/>
      <c r="AI921" s="137"/>
      <c r="AJ921" s="137"/>
      <c r="AK921" s="206"/>
      <c r="AL921" s="206"/>
      <c r="AM921" s="143"/>
      <c r="AN921" s="137"/>
      <c r="AO921" s="137"/>
      <c r="AP921" s="137"/>
      <c r="AQ921" s="137"/>
      <c r="AR921" s="137"/>
      <c r="AS921" s="137"/>
      <c r="AT921" s="137"/>
      <c r="AU921" s="137"/>
      <c r="AV921" s="137"/>
      <c r="AW921" s="144"/>
    </row>
    <row r="922" spans="2:49" x14ac:dyDescent="0.2">
      <c r="B922" s="97"/>
      <c r="G922" s="43"/>
      <c r="J922" s="98"/>
      <c r="K922" s="97"/>
      <c r="N922" s="3"/>
      <c r="W922" s="98"/>
      <c r="Z922" s="143"/>
      <c r="AA922" s="137"/>
      <c r="AB922" s="137"/>
      <c r="AC922" s="137"/>
      <c r="AD922" s="137"/>
      <c r="AE922" s="137"/>
      <c r="AF922" s="137"/>
      <c r="AG922" s="137"/>
      <c r="AH922" s="137"/>
      <c r="AI922" s="137"/>
      <c r="AJ922" s="137"/>
      <c r="AK922" s="206"/>
      <c r="AL922" s="206"/>
      <c r="AM922" s="143"/>
      <c r="AN922" s="137"/>
      <c r="AO922" s="137"/>
      <c r="AP922" s="137"/>
      <c r="AQ922" s="137"/>
      <c r="AR922" s="137"/>
      <c r="AS922" s="137"/>
      <c r="AT922" s="137"/>
      <c r="AU922" s="137"/>
      <c r="AV922" s="137"/>
      <c r="AW922" s="144"/>
    </row>
    <row r="923" spans="2:49" x14ac:dyDescent="0.2">
      <c r="B923" s="97"/>
      <c r="G923" s="43"/>
      <c r="J923" s="98"/>
      <c r="K923" s="97"/>
      <c r="N923" s="3"/>
      <c r="W923" s="98"/>
      <c r="Z923" s="143"/>
      <c r="AA923" s="137"/>
      <c r="AB923" s="137"/>
      <c r="AC923" s="137"/>
      <c r="AD923" s="137"/>
      <c r="AE923" s="137"/>
      <c r="AF923" s="137"/>
      <c r="AG923" s="137"/>
      <c r="AH923" s="137"/>
      <c r="AI923" s="137"/>
      <c r="AJ923" s="137"/>
      <c r="AK923" s="206"/>
      <c r="AL923" s="206"/>
      <c r="AM923" s="143"/>
      <c r="AN923" s="137"/>
      <c r="AO923" s="137"/>
      <c r="AP923" s="137"/>
      <c r="AQ923" s="137"/>
      <c r="AR923" s="137"/>
      <c r="AS923" s="137"/>
      <c r="AT923" s="137"/>
      <c r="AU923" s="137"/>
      <c r="AV923" s="137"/>
      <c r="AW923" s="144"/>
    </row>
    <row r="924" spans="2:49" x14ac:dyDescent="0.2">
      <c r="B924" s="97"/>
      <c r="G924" s="43"/>
      <c r="J924" s="98"/>
      <c r="K924" s="97"/>
      <c r="N924" s="3"/>
      <c r="W924" s="98"/>
      <c r="Z924" s="143"/>
      <c r="AA924" s="137"/>
      <c r="AB924" s="137"/>
      <c r="AC924" s="137"/>
      <c r="AD924" s="137"/>
      <c r="AE924" s="137"/>
      <c r="AF924" s="137"/>
      <c r="AG924" s="137"/>
      <c r="AH924" s="137"/>
      <c r="AI924" s="137"/>
      <c r="AJ924" s="137"/>
      <c r="AK924" s="206"/>
      <c r="AL924" s="206"/>
      <c r="AM924" s="143"/>
      <c r="AN924" s="137"/>
      <c r="AO924" s="137"/>
      <c r="AP924" s="137"/>
      <c r="AQ924" s="137"/>
      <c r="AR924" s="137"/>
      <c r="AS924" s="137"/>
      <c r="AT924" s="137"/>
      <c r="AU924" s="137"/>
      <c r="AV924" s="137"/>
      <c r="AW924" s="144"/>
    </row>
    <row r="925" spans="2:49" x14ac:dyDescent="0.2">
      <c r="B925" s="97"/>
      <c r="G925" s="43"/>
      <c r="J925" s="98"/>
      <c r="K925" s="97"/>
      <c r="N925" s="3"/>
      <c r="W925" s="98"/>
      <c r="Z925" s="143"/>
      <c r="AA925" s="137"/>
      <c r="AB925" s="137"/>
      <c r="AC925" s="137"/>
      <c r="AD925" s="137"/>
      <c r="AE925" s="137"/>
      <c r="AF925" s="137"/>
      <c r="AG925" s="137"/>
      <c r="AH925" s="137"/>
      <c r="AI925" s="137"/>
      <c r="AJ925" s="137"/>
      <c r="AK925" s="206"/>
      <c r="AL925" s="206"/>
      <c r="AM925" s="143"/>
      <c r="AN925" s="137"/>
      <c r="AO925" s="137"/>
      <c r="AP925" s="137"/>
      <c r="AQ925" s="137"/>
      <c r="AR925" s="137"/>
      <c r="AS925" s="137"/>
      <c r="AT925" s="137"/>
      <c r="AU925" s="137"/>
      <c r="AV925" s="137"/>
      <c r="AW925" s="144"/>
    </row>
    <row r="926" spans="2:49" x14ac:dyDescent="0.2">
      <c r="B926" s="97"/>
      <c r="G926" s="43"/>
      <c r="J926" s="98"/>
      <c r="K926" s="97"/>
      <c r="N926" s="3"/>
      <c r="W926" s="98"/>
      <c r="Z926" s="143"/>
      <c r="AA926" s="137"/>
      <c r="AB926" s="137"/>
      <c r="AC926" s="137"/>
      <c r="AD926" s="137"/>
      <c r="AE926" s="137"/>
      <c r="AF926" s="137"/>
      <c r="AG926" s="137"/>
      <c r="AH926" s="137"/>
      <c r="AI926" s="137"/>
      <c r="AJ926" s="137"/>
      <c r="AK926" s="206"/>
      <c r="AL926" s="206"/>
      <c r="AM926" s="143"/>
      <c r="AN926" s="137"/>
      <c r="AO926" s="137"/>
      <c r="AP926" s="137"/>
      <c r="AQ926" s="137"/>
      <c r="AR926" s="137"/>
      <c r="AS926" s="137"/>
      <c r="AT926" s="137"/>
      <c r="AU926" s="137"/>
      <c r="AV926" s="137"/>
      <c r="AW926" s="144"/>
    </row>
    <row r="927" spans="2:49" x14ac:dyDescent="0.2">
      <c r="B927" s="97"/>
      <c r="G927" s="43"/>
      <c r="J927" s="98"/>
      <c r="K927" s="97"/>
      <c r="N927" s="3"/>
      <c r="W927" s="98"/>
      <c r="Z927" s="143"/>
      <c r="AA927" s="137"/>
      <c r="AB927" s="137"/>
      <c r="AC927" s="137"/>
      <c r="AD927" s="137"/>
      <c r="AE927" s="137"/>
      <c r="AF927" s="137"/>
      <c r="AG927" s="137"/>
      <c r="AH927" s="137"/>
      <c r="AI927" s="137"/>
      <c r="AJ927" s="137"/>
      <c r="AK927" s="206"/>
      <c r="AL927" s="206"/>
      <c r="AM927" s="143"/>
      <c r="AN927" s="137"/>
      <c r="AO927" s="137"/>
      <c r="AP927" s="137"/>
      <c r="AQ927" s="137"/>
      <c r="AR927" s="137"/>
      <c r="AS927" s="137"/>
      <c r="AT927" s="137"/>
      <c r="AU927" s="137"/>
      <c r="AV927" s="137"/>
      <c r="AW927" s="144"/>
    </row>
    <row r="928" spans="2:49" x14ac:dyDescent="0.2">
      <c r="B928" s="97"/>
      <c r="G928" s="43"/>
      <c r="J928" s="98"/>
      <c r="K928" s="97"/>
      <c r="N928" s="3"/>
      <c r="W928" s="98"/>
      <c r="Z928" s="143"/>
      <c r="AA928" s="137"/>
      <c r="AB928" s="137"/>
      <c r="AC928" s="137"/>
      <c r="AD928" s="137"/>
      <c r="AE928" s="137"/>
      <c r="AF928" s="137"/>
      <c r="AG928" s="137"/>
      <c r="AH928" s="137"/>
      <c r="AI928" s="137"/>
      <c r="AJ928" s="137"/>
      <c r="AK928" s="206"/>
      <c r="AL928" s="206"/>
      <c r="AM928" s="143"/>
      <c r="AN928" s="137"/>
      <c r="AO928" s="137"/>
      <c r="AP928" s="137"/>
      <c r="AQ928" s="137"/>
      <c r="AR928" s="137"/>
      <c r="AS928" s="137"/>
      <c r="AT928" s="137"/>
      <c r="AU928" s="137"/>
      <c r="AV928" s="137"/>
      <c r="AW928" s="144"/>
    </row>
    <row r="929" spans="2:49" x14ac:dyDescent="0.2">
      <c r="B929" s="97"/>
      <c r="G929" s="43"/>
      <c r="J929" s="98"/>
      <c r="K929" s="97"/>
      <c r="N929" s="3"/>
      <c r="W929" s="98"/>
      <c r="Z929" s="143"/>
      <c r="AA929" s="137"/>
      <c r="AB929" s="137"/>
      <c r="AC929" s="137"/>
      <c r="AD929" s="137"/>
      <c r="AE929" s="137"/>
      <c r="AF929" s="137"/>
      <c r="AG929" s="137"/>
      <c r="AH929" s="137"/>
      <c r="AI929" s="137"/>
      <c r="AJ929" s="137"/>
      <c r="AK929" s="206"/>
      <c r="AL929" s="206"/>
      <c r="AM929" s="143"/>
      <c r="AN929" s="137"/>
      <c r="AO929" s="137"/>
      <c r="AP929" s="137"/>
      <c r="AQ929" s="137"/>
      <c r="AR929" s="137"/>
      <c r="AS929" s="137"/>
      <c r="AT929" s="137"/>
      <c r="AU929" s="137"/>
      <c r="AV929" s="137"/>
      <c r="AW929" s="144"/>
    </row>
    <row r="930" spans="2:49" x14ac:dyDescent="0.2">
      <c r="B930" s="97"/>
      <c r="G930" s="43"/>
      <c r="J930" s="98"/>
      <c r="K930" s="97"/>
      <c r="N930" s="3"/>
      <c r="W930" s="98"/>
      <c r="Z930" s="143"/>
      <c r="AA930" s="137"/>
      <c r="AB930" s="137"/>
      <c r="AC930" s="137"/>
      <c r="AD930" s="137"/>
      <c r="AE930" s="137"/>
      <c r="AF930" s="137"/>
      <c r="AG930" s="137"/>
      <c r="AH930" s="137"/>
      <c r="AI930" s="137"/>
      <c r="AJ930" s="137"/>
      <c r="AK930" s="206"/>
      <c r="AL930" s="206"/>
      <c r="AM930" s="143"/>
      <c r="AN930" s="137"/>
      <c r="AO930" s="137"/>
      <c r="AP930" s="137"/>
      <c r="AQ930" s="137"/>
      <c r="AR930" s="137"/>
      <c r="AS930" s="137"/>
      <c r="AT930" s="137"/>
      <c r="AU930" s="137"/>
      <c r="AV930" s="137"/>
      <c r="AW930" s="144"/>
    </row>
    <row r="931" spans="2:49" x14ac:dyDescent="0.2">
      <c r="B931" s="97"/>
      <c r="G931" s="43"/>
      <c r="J931" s="98"/>
      <c r="K931" s="97"/>
      <c r="N931" s="3"/>
      <c r="W931" s="98"/>
      <c r="Z931" s="143"/>
      <c r="AA931" s="137"/>
      <c r="AB931" s="137"/>
      <c r="AC931" s="137"/>
      <c r="AD931" s="137"/>
      <c r="AE931" s="137"/>
      <c r="AF931" s="137"/>
      <c r="AG931" s="137"/>
      <c r="AH931" s="137"/>
      <c r="AI931" s="137"/>
      <c r="AJ931" s="137"/>
      <c r="AK931" s="206"/>
      <c r="AL931" s="206"/>
      <c r="AM931" s="143"/>
      <c r="AN931" s="137"/>
      <c r="AO931" s="137"/>
      <c r="AP931" s="137"/>
      <c r="AQ931" s="137"/>
      <c r="AR931" s="137"/>
      <c r="AS931" s="137"/>
      <c r="AT931" s="137"/>
      <c r="AU931" s="137"/>
      <c r="AV931" s="137"/>
      <c r="AW931" s="144"/>
    </row>
    <row r="932" spans="2:49" x14ac:dyDescent="0.2">
      <c r="B932" s="97"/>
      <c r="G932" s="43"/>
      <c r="J932" s="98"/>
      <c r="K932" s="97"/>
      <c r="N932" s="3"/>
      <c r="W932" s="98"/>
      <c r="Z932" s="143"/>
      <c r="AA932" s="137"/>
      <c r="AB932" s="137"/>
      <c r="AC932" s="137"/>
      <c r="AD932" s="137"/>
      <c r="AE932" s="137"/>
      <c r="AF932" s="137"/>
      <c r="AG932" s="137"/>
      <c r="AH932" s="137"/>
      <c r="AI932" s="137"/>
      <c r="AJ932" s="137"/>
      <c r="AK932" s="206"/>
      <c r="AL932" s="206"/>
      <c r="AM932" s="143"/>
      <c r="AN932" s="137"/>
      <c r="AO932" s="137"/>
      <c r="AP932" s="137"/>
      <c r="AQ932" s="137"/>
      <c r="AR932" s="137"/>
      <c r="AS932" s="137"/>
      <c r="AT932" s="137"/>
      <c r="AU932" s="137"/>
      <c r="AV932" s="137"/>
      <c r="AW932" s="144"/>
    </row>
    <row r="933" spans="2:49" x14ac:dyDescent="0.2">
      <c r="B933" s="97"/>
      <c r="G933" s="43"/>
      <c r="J933" s="98"/>
      <c r="K933" s="97"/>
      <c r="N933" s="3"/>
      <c r="W933" s="98"/>
      <c r="Z933" s="143"/>
      <c r="AA933" s="137"/>
      <c r="AB933" s="137"/>
      <c r="AC933" s="137"/>
      <c r="AD933" s="137"/>
      <c r="AE933" s="137"/>
      <c r="AF933" s="137"/>
      <c r="AG933" s="137"/>
      <c r="AH933" s="137"/>
      <c r="AI933" s="137"/>
      <c r="AJ933" s="137"/>
      <c r="AK933" s="206"/>
      <c r="AL933" s="206"/>
      <c r="AM933" s="143"/>
      <c r="AN933" s="137"/>
      <c r="AO933" s="137"/>
      <c r="AP933" s="137"/>
      <c r="AQ933" s="137"/>
      <c r="AR933" s="137"/>
      <c r="AS933" s="137"/>
      <c r="AT933" s="137"/>
      <c r="AU933" s="137"/>
      <c r="AV933" s="137"/>
      <c r="AW933" s="144"/>
    </row>
    <row r="934" spans="2:49" x14ac:dyDescent="0.2">
      <c r="B934" s="97"/>
      <c r="G934" s="43"/>
      <c r="J934" s="98"/>
      <c r="K934" s="97"/>
      <c r="N934" s="3"/>
      <c r="W934" s="98"/>
      <c r="Z934" s="143"/>
      <c r="AA934" s="137"/>
      <c r="AB934" s="137"/>
      <c r="AC934" s="137"/>
      <c r="AD934" s="137"/>
      <c r="AE934" s="137"/>
      <c r="AF934" s="137"/>
      <c r="AG934" s="137"/>
      <c r="AH934" s="137"/>
      <c r="AI934" s="137"/>
      <c r="AJ934" s="137"/>
      <c r="AK934" s="206"/>
      <c r="AL934" s="206"/>
      <c r="AM934" s="143"/>
      <c r="AN934" s="137"/>
      <c r="AO934" s="137"/>
      <c r="AP934" s="137"/>
      <c r="AQ934" s="137"/>
      <c r="AR934" s="137"/>
      <c r="AS934" s="137"/>
      <c r="AT934" s="137"/>
      <c r="AU934" s="137"/>
      <c r="AV934" s="137"/>
      <c r="AW934" s="144"/>
    </row>
    <row r="935" spans="2:49" x14ac:dyDescent="0.2">
      <c r="B935" s="97"/>
      <c r="G935" s="43"/>
      <c r="J935" s="98"/>
      <c r="K935" s="97"/>
      <c r="N935" s="3"/>
      <c r="W935" s="98"/>
      <c r="Z935" s="143"/>
      <c r="AA935" s="137"/>
      <c r="AB935" s="137"/>
      <c r="AC935" s="137"/>
      <c r="AD935" s="137"/>
      <c r="AE935" s="137"/>
      <c r="AF935" s="137"/>
      <c r="AG935" s="137"/>
      <c r="AH935" s="137"/>
      <c r="AI935" s="137"/>
      <c r="AJ935" s="137"/>
      <c r="AK935" s="206"/>
      <c r="AL935" s="206"/>
      <c r="AM935" s="143"/>
      <c r="AN935" s="137"/>
      <c r="AO935" s="137"/>
      <c r="AP935" s="137"/>
      <c r="AQ935" s="137"/>
      <c r="AR935" s="137"/>
      <c r="AS935" s="137"/>
      <c r="AT935" s="137"/>
      <c r="AU935" s="137"/>
      <c r="AV935" s="137"/>
      <c r="AW935" s="144"/>
    </row>
    <row r="936" spans="2:49" x14ac:dyDescent="0.2">
      <c r="B936" s="97"/>
      <c r="G936" s="43"/>
      <c r="J936" s="98"/>
      <c r="K936" s="97"/>
      <c r="N936" s="3"/>
      <c r="W936" s="98"/>
      <c r="Z936" s="143"/>
      <c r="AA936" s="137"/>
      <c r="AB936" s="137"/>
      <c r="AC936" s="137"/>
      <c r="AD936" s="137"/>
      <c r="AE936" s="137"/>
      <c r="AF936" s="137"/>
      <c r="AG936" s="137"/>
      <c r="AH936" s="137"/>
      <c r="AI936" s="137"/>
      <c r="AJ936" s="137"/>
      <c r="AK936" s="206"/>
      <c r="AL936" s="206"/>
      <c r="AM936" s="143"/>
      <c r="AN936" s="137"/>
      <c r="AO936" s="137"/>
      <c r="AP936" s="137"/>
      <c r="AQ936" s="137"/>
      <c r="AR936" s="137"/>
      <c r="AS936" s="137"/>
      <c r="AT936" s="137"/>
      <c r="AU936" s="137"/>
      <c r="AV936" s="137"/>
      <c r="AW936" s="144"/>
    </row>
    <row r="937" spans="2:49" x14ac:dyDescent="0.2">
      <c r="B937" s="97"/>
      <c r="G937" s="43"/>
      <c r="J937" s="98"/>
      <c r="K937" s="97"/>
      <c r="N937" s="3"/>
      <c r="W937" s="98"/>
      <c r="Z937" s="143"/>
      <c r="AA937" s="137"/>
      <c r="AB937" s="137"/>
      <c r="AC937" s="137"/>
      <c r="AD937" s="137"/>
      <c r="AE937" s="137"/>
      <c r="AF937" s="137"/>
      <c r="AG937" s="137"/>
      <c r="AH937" s="137"/>
      <c r="AI937" s="137"/>
      <c r="AJ937" s="137"/>
      <c r="AK937" s="206"/>
      <c r="AL937" s="206"/>
      <c r="AM937" s="143"/>
      <c r="AN937" s="137"/>
      <c r="AO937" s="137"/>
      <c r="AP937" s="137"/>
      <c r="AQ937" s="137"/>
      <c r="AR937" s="137"/>
      <c r="AS937" s="137"/>
      <c r="AT937" s="137"/>
      <c r="AU937" s="137"/>
      <c r="AV937" s="137"/>
      <c r="AW937" s="144"/>
    </row>
    <row r="938" spans="2:49" x14ac:dyDescent="0.2">
      <c r="B938" s="97"/>
      <c r="G938" s="43"/>
      <c r="J938" s="98"/>
      <c r="K938" s="97"/>
      <c r="N938" s="3"/>
      <c r="W938" s="98"/>
      <c r="Z938" s="143"/>
      <c r="AA938" s="137"/>
      <c r="AB938" s="137"/>
      <c r="AC938" s="137"/>
      <c r="AD938" s="137"/>
      <c r="AE938" s="137"/>
      <c r="AF938" s="137"/>
      <c r="AG938" s="137"/>
      <c r="AH938" s="137"/>
      <c r="AI938" s="137"/>
      <c r="AJ938" s="137"/>
      <c r="AK938" s="206"/>
      <c r="AL938" s="206"/>
      <c r="AM938" s="143"/>
      <c r="AN938" s="137"/>
      <c r="AO938" s="137"/>
      <c r="AP938" s="137"/>
      <c r="AQ938" s="137"/>
      <c r="AR938" s="137"/>
      <c r="AS938" s="137"/>
      <c r="AT938" s="137"/>
      <c r="AU938" s="137"/>
      <c r="AV938" s="137"/>
      <c r="AW938" s="144"/>
    </row>
    <row r="939" spans="2:49" x14ac:dyDescent="0.2">
      <c r="B939" s="97"/>
      <c r="G939" s="43"/>
      <c r="J939" s="98"/>
      <c r="K939" s="97"/>
      <c r="N939" s="3"/>
      <c r="W939" s="98"/>
      <c r="Z939" s="143"/>
      <c r="AA939" s="137"/>
      <c r="AB939" s="137"/>
      <c r="AC939" s="137"/>
      <c r="AD939" s="137"/>
      <c r="AE939" s="137"/>
      <c r="AF939" s="137"/>
      <c r="AG939" s="137"/>
      <c r="AH939" s="137"/>
      <c r="AI939" s="137"/>
      <c r="AJ939" s="137"/>
      <c r="AK939" s="206"/>
      <c r="AL939" s="206"/>
      <c r="AM939" s="143"/>
      <c r="AN939" s="137"/>
      <c r="AO939" s="137"/>
      <c r="AP939" s="137"/>
      <c r="AQ939" s="137"/>
      <c r="AR939" s="137"/>
      <c r="AS939" s="137"/>
      <c r="AT939" s="137"/>
      <c r="AU939" s="137"/>
      <c r="AV939" s="137"/>
      <c r="AW939" s="144"/>
    </row>
    <row r="940" spans="2:49" x14ac:dyDescent="0.2">
      <c r="B940" s="97"/>
      <c r="G940" s="43"/>
      <c r="J940" s="98"/>
      <c r="K940" s="97"/>
      <c r="N940" s="3"/>
      <c r="W940" s="98"/>
      <c r="Z940" s="143"/>
      <c r="AA940" s="137"/>
      <c r="AB940" s="137"/>
      <c r="AC940" s="137"/>
      <c r="AD940" s="137"/>
      <c r="AE940" s="137"/>
      <c r="AF940" s="137"/>
      <c r="AG940" s="137"/>
      <c r="AH940" s="137"/>
      <c r="AI940" s="137"/>
      <c r="AJ940" s="137"/>
      <c r="AK940" s="206"/>
      <c r="AL940" s="206"/>
      <c r="AM940" s="143"/>
      <c r="AN940" s="137"/>
      <c r="AO940" s="137"/>
      <c r="AP940" s="137"/>
      <c r="AQ940" s="137"/>
      <c r="AR940" s="137"/>
      <c r="AS940" s="137"/>
      <c r="AT940" s="137"/>
      <c r="AU940" s="137"/>
      <c r="AV940" s="137"/>
      <c r="AW940" s="144"/>
    </row>
    <row r="941" spans="2:49" x14ac:dyDescent="0.2">
      <c r="B941" s="97"/>
      <c r="G941" s="43"/>
      <c r="J941" s="98"/>
      <c r="K941" s="97"/>
      <c r="N941" s="3"/>
      <c r="W941" s="98"/>
      <c r="Z941" s="143"/>
      <c r="AA941" s="137"/>
      <c r="AB941" s="137"/>
      <c r="AC941" s="137"/>
      <c r="AD941" s="137"/>
      <c r="AE941" s="137"/>
      <c r="AF941" s="137"/>
      <c r="AG941" s="137"/>
      <c r="AH941" s="137"/>
      <c r="AI941" s="137"/>
      <c r="AJ941" s="137"/>
      <c r="AK941" s="206"/>
      <c r="AL941" s="206"/>
      <c r="AM941" s="143"/>
      <c r="AN941" s="137"/>
      <c r="AO941" s="137"/>
      <c r="AP941" s="137"/>
      <c r="AQ941" s="137"/>
      <c r="AR941" s="137"/>
      <c r="AS941" s="137"/>
      <c r="AT941" s="137"/>
      <c r="AU941" s="137"/>
      <c r="AV941" s="137"/>
      <c r="AW941" s="144"/>
    </row>
    <row r="942" spans="2:49" x14ac:dyDescent="0.2">
      <c r="B942" s="97"/>
      <c r="G942" s="43"/>
      <c r="J942" s="98"/>
      <c r="K942" s="97"/>
      <c r="N942" s="3"/>
      <c r="W942" s="98"/>
      <c r="Z942" s="143"/>
      <c r="AA942" s="137"/>
      <c r="AB942" s="137"/>
      <c r="AC942" s="137"/>
      <c r="AD942" s="137"/>
      <c r="AE942" s="137"/>
      <c r="AF942" s="137"/>
      <c r="AG942" s="137"/>
      <c r="AH942" s="137"/>
      <c r="AI942" s="137"/>
      <c r="AJ942" s="137"/>
      <c r="AK942" s="206"/>
      <c r="AL942" s="206"/>
      <c r="AM942" s="143"/>
      <c r="AN942" s="137"/>
      <c r="AO942" s="137"/>
      <c r="AP942" s="137"/>
      <c r="AQ942" s="137"/>
      <c r="AR942" s="137"/>
      <c r="AS942" s="137"/>
      <c r="AT942" s="137"/>
      <c r="AU942" s="137"/>
      <c r="AV942" s="137"/>
      <c r="AW942" s="144"/>
    </row>
    <row r="943" spans="2:49" x14ac:dyDescent="0.2">
      <c r="B943" s="97"/>
      <c r="G943" s="43"/>
      <c r="J943" s="98"/>
      <c r="K943" s="97"/>
      <c r="N943" s="3"/>
      <c r="W943" s="98"/>
      <c r="Z943" s="143"/>
      <c r="AA943" s="137"/>
      <c r="AB943" s="137"/>
      <c r="AC943" s="137"/>
      <c r="AD943" s="137"/>
      <c r="AE943" s="137"/>
      <c r="AF943" s="137"/>
      <c r="AG943" s="137"/>
      <c r="AH943" s="137"/>
      <c r="AI943" s="137"/>
      <c r="AJ943" s="137"/>
      <c r="AK943" s="206"/>
      <c r="AL943" s="206"/>
      <c r="AM943" s="143"/>
      <c r="AN943" s="137"/>
      <c r="AO943" s="137"/>
      <c r="AP943" s="137"/>
      <c r="AQ943" s="137"/>
      <c r="AR943" s="137"/>
      <c r="AS943" s="137"/>
      <c r="AT943" s="137"/>
      <c r="AU943" s="137"/>
      <c r="AV943" s="137"/>
      <c r="AW943" s="144"/>
    </row>
    <row r="944" spans="2:49" x14ac:dyDescent="0.2">
      <c r="B944" s="97"/>
      <c r="G944" s="43"/>
      <c r="J944" s="98"/>
      <c r="K944" s="97"/>
      <c r="N944" s="3"/>
      <c r="W944" s="98"/>
      <c r="Z944" s="143"/>
      <c r="AA944" s="137"/>
      <c r="AB944" s="137"/>
      <c r="AC944" s="137"/>
      <c r="AD944" s="137"/>
      <c r="AE944" s="137"/>
      <c r="AF944" s="137"/>
      <c r="AG944" s="137"/>
      <c r="AH944" s="137"/>
      <c r="AI944" s="137"/>
      <c r="AJ944" s="137"/>
      <c r="AK944" s="206"/>
      <c r="AL944" s="206"/>
      <c r="AM944" s="143"/>
      <c r="AN944" s="137"/>
      <c r="AO944" s="137"/>
      <c r="AP944" s="137"/>
      <c r="AQ944" s="137"/>
      <c r="AR944" s="137"/>
      <c r="AS944" s="137"/>
      <c r="AT944" s="137"/>
      <c r="AU944" s="137"/>
      <c r="AV944" s="137"/>
      <c r="AW944" s="144"/>
    </row>
    <row r="945" spans="2:49" x14ac:dyDescent="0.2">
      <c r="B945" s="97"/>
      <c r="G945" s="43"/>
      <c r="J945" s="98"/>
      <c r="K945" s="97"/>
      <c r="N945" s="3"/>
      <c r="W945" s="98"/>
      <c r="Z945" s="143"/>
      <c r="AA945" s="137"/>
      <c r="AB945" s="137"/>
      <c r="AC945" s="137"/>
      <c r="AD945" s="137"/>
      <c r="AE945" s="137"/>
      <c r="AF945" s="137"/>
      <c r="AG945" s="137"/>
      <c r="AH945" s="137"/>
      <c r="AI945" s="137"/>
      <c r="AJ945" s="137"/>
      <c r="AK945" s="206"/>
      <c r="AL945" s="206"/>
      <c r="AM945" s="143"/>
      <c r="AN945" s="137"/>
      <c r="AO945" s="137"/>
      <c r="AP945" s="137"/>
      <c r="AQ945" s="137"/>
      <c r="AR945" s="137"/>
      <c r="AS945" s="137"/>
      <c r="AT945" s="137"/>
      <c r="AU945" s="137"/>
      <c r="AV945" s="137"/>
      <c r="AW945" s="144"/>
    </row>
    <row r="946" spans="2:49" x14ac:dyDescent="0.2">
      <c r="B946" s="97"/>
      <c r="G946" s="43"/>
      <c r="J946" s="98"/>
      <c r="K946" s="97"/>
      <c r="N946" s="3"/>
      <c r="W946" s="98"/>
      <c r="Z946" s="143"/>
      <c r="AA946" s="137"/>
      <c r="AB946" s="137"/>
      <c r="AC946" s="137"/>
      <c r="AD946" s="137"/>
      <c r="AE946" s="137"/>
      <c r="AF946" s="137"/>
      <c r="AG946" s="137"/>
      <c r="AH946" s="137"/>
      <c r="AI946" s="137"/>
      <c r="AJ946" s="137"/>
      <c r="AK946" s="206"/>
      <c r="AL946" s="206"/>
      <c r="AM946" s="143"/>
      <c r="AN946" s="137"/>
      <c r="AO946" s="137"/>
      <c r="AP946" s="137"/>
      <c r="AQ946" s="137"/>
      <c r="AR946" s="137"/>
      <c r="AS946" s="137"/>
      <c r="AT946" s="137"/>
      <c r="AU946" s="137"/>
      <c r="AV946" s="137"/>
      <c r="AW946" s="144"/>
    </row>
    <row r="947" spans="2:49" x14ac:dyDescent="0.2">
      <c r="B947" s="97"/>
      <c r="G947" s="43"/>
      <c r="J947" s="98"/>
      <c r="K947" s="97"/>
      <c r="N947" s="3"/>
      <c r="W947" s="98"/>
      <c r="Z947" s="143"/>
      <c r="AA947" s="137"/>
      <c r="AB947" s="137"/>
      <c r="AC947" s="137"/>
      <c r="AD947" s="137"/>
      <c r="AE947" s="137"/>
      <c r="AF947" s="137"/>
      <c r="AG947" s="137"/>
      <c r="AH947" s="137"/>
      <c r="AI947" s="137"/>
      <c r="AJ947" s="137"/>
      <c r="AK947" s="206"/>
      <c r="AL947" s="206"/>
      <c r="AM947" s="143"/>
      <c r="AN947" s="137"/>
      <c r="AO947" s="137"/>
      <c r="AP947" s="137"/>
      <c r="AQ947" s="137"/>
      <c r="AR947" s="137"/>
      <c r="AS947" s="137"/>
      <c r="AT947" s="137"/>
      <c r="AU947" s="137"/>
      <c r="AV947" s="137"/>
      <c r="AW947" s="144"/>
    </row>
    <row r="948" spans="2:49" x14ac:dyDescent="0.2">
      <c r="B948" s="97"/>
      <c r="G948" s="43"/>
      <c r="J948" s="98"/>
      <c r="K948" s="97"/>
      <c r="N948" s="3"/>
      <c r="W948" s="98"/>
      <c r="Z948" s="143"/>
      <c r="AA948" s="137"/>
      <c r="AB948" s="137"/>
      <c r="AC948" s="137"/>
      <c r="AD948" s="137"/>
      <c r="AE948" s="137"/>
      <c r="AF948" s="137"/>
      <c r="AG948" s="137"/>
      <c r="AH948" s="137"/>
      <c r="AI948" s="137"/>
      <c r="AJ948" s="137"/>
      <c r="AK948" s="206"/>
      <c r="AL948" s="206"/>
      <c r="AM948" s="143"/>
      <c r="AN948" s="137"/>
      <c r="AO948" s="137"/>
      <c r="AP948" s="137"/>
      <c r="AQ948" s="137"/>
      <c r="AR948" s="137"/>
      <c r="AS948" s="137"/>
      <c r="AT948" s="137"/>
      <c r="AU948" s="137"/>
      <c r="AV948" s="137"/>
      <c r="AW948" s="144"/>
    </row>
    <row r="949" spans="2:49" x14ac:dyDescent="0.2">
      <c r="B949" s="97"/>
      <c r="G949" s="43"/>
      <c r="J949" s="98"/>
      <c r="K949" s="97"/>
      <c r="N949" s="3"/>
      <c r="W949" s="98"/>
      <c r="Z949" s="143"/>
      <c r="AA949" s="137"/>
      <c r="AB949" s="137"/>
      <c r="AC949" s="137"/>
      <c r="AD949" s="137"/>
      <c r="AE949" s="137"/>
      <c r="AF949" s="137"/>
      <c r="AG949" s="137"/>
      <c r="AH949" s="137"/>
      <c r="AI949" s="137"/>
      <c r="AJ949" s="137"/>
      <c r="AK949" s="206"/>
      <c r="AL949" s="206"/>
      <c r="AM949" s="143"/>
      <c r="AN949" s="137"/>
      <c r="AO949" s="137"/>
      <c r="AP949" s="137"/>
      <c r="AQ949" s="137"/>
      <c r="AR949" s="137"/>
      <c r="AS949" s="137"/>
      <c r="AT949" s="137"/>
      <c r="AU949" s="137"/>
      <c r="AV949" s="137"/>
      <c r="AW949" s="144"/>
    </row>
    <row r="950" spans="2:49" x14ac:dyDescent="0.2">
      <c r="B950" s="97"/>
      <c r="G950" s="43"/>
      <c r="J950" s="98"/>
      <c r="K950" s="97"/>
      <c r="N950" s="3"/>
      <c r="W950" s="98"/>
      <c r="Z950" s="143"/>
      <c r="AA950" s="137"/>
      <c r="AB950" s="137"/>
      <c r="AC950" s="137"/>
      <c r="AD950" s="137"/>
      <c r="AE950" s="137"/>
      <c r="AF950" s="137"/>
      <c r="AG950" s="137"/>
      <c r="AH950" s="137"/>
      <c r="AI950" s="137"/>
      <c r="AJ950" s="137"/>
      <c r="AK950" s="206"/>
      <c r="AL950" s="206"/>
      <c r="AM950" s="143"/>
      <c r="AN950" s="137"/>
      <c r="AO950" s="137"/>
      <c r="AP950" s="137"/>
      <c r="AQ950" s="137"/>
      <c r="AR950" s="137"/>
      <c r="AS950" s="137"/>
      <c r="AT950" s="137"/>
      <c r="AU950" s="137"/>
      <c r="AV950" s="137"/>
      <c r="AW950" s="144"/>
    </row>
    <row r="951" spans="2:49" x14ac:dyDescent="0.2">
      <c r="B951" s="97"/>
      <c r="G951" s="43"/>
      <c r="J951" s="98"/>
      <c r="K951" s="97"/>
      <c r="N951" s="3"/>
      <c r="W951" s="98"/>
      <c r="Z951" s="143"/>
      <c r="AA951" s="137"/>
      <c r="AB951" s="137"/>
      <c r="AC951" s="137"/>
      <c r="AD951" s="137"/>
      <c r="AE951" s="137"/>
      <c r="AF951" s="137"/>
      <c r="AG951" s="137"/>
      <c r="AH951" s="137"/>
      <c r="AI951" s="137"/>
      <c r="AJ951" s="137"/>
      <c r="AK951" s="206"/>
      <c r="AL951" s="206"/>
      <c r="AM951" s="143"/>
      <c r="AN951" s="137"/>
      <c r="AO951" s="137"/>
      <c r="AP951" s="137"/>
      <c r="AQ951" s="137"/>
      <c r="AR951" s="137"/>
      <c r="AS951" s="137"/>
      <c r="AT951" s="137"/>
      <c r="AU951" s="137"/>
      <c r="AV951" s="137"/>
      <c r="AW951" s="144"/>
    </row>
    <row r="952" spans="2:49" x14ac:dyDescent="0.2">
      <c r="B952" s="97"/>
      <c r="G952" s="43"/>
      <c r="J952" s="98"/>
      <c r="K952" s="97"/>
      <c r="N952" s="3"/>
      <c r="W952" s="98"/>
      <c r="Z952" s="143"/>
      <c r="AA952" s="137"/>
      <c r="AB952" s="137"/>
      <c r="AC952" s="137"/>
      <c r="AD952" s="137"/>
      <c r="AE952" s="137"/>
      <c r="AF952" s="137"/>
      <c r="AG952" s="137"/>
      <c r="AH952" s="137"/>
      <c r="AI952" s="137"/>
      <c r="AJ952" s="137"/>
      <c r="AK952" s="206"/>
      <c r="AL952" s="206"/>
      <c r="AM952" s="143"/>
      <c r="AN952" s="137"/>
      <c r="AO952" s="137"/>
      <c r="AP952" s="137"/>
      <c r="AQ952" s="137"/>
      <c r="AR952" s="137"/>
      <c r="AS952" s="137"/>
      <c r="AT952" s="137"/>
      <c r="AU952" s="137"/>
      <c r="AV952" s="137"/>
      <c r="AW952" s="144"/>
    </row>
    <row r="953" spans="2:49" x14ac:dyDescent="0.2">
      <c r="B953" s="97"/>
      <c r="G953" s="43"/>
      <c r="J953" s="98"/>
      <c r="K953" s="97"/>
      <c r="N953" s="3"/>
      <c r="W953" s="98"/>
      <c r="Z953" s="143"/>
      <c r="AA953" s="137"/>
      <c r="AB953" s="137"/>
      <c r="AC953" s="137"/>
      <c r="AD953" s="137"/>
      <c r="AE953" s="137"/>
      <c r="AF953" s="137"/>
      <c r="AG953" s="137"/>
      <c r="AH953" s="137"/>
      <c r="AI953" s="137"/>
      <c r="AJ953" s="137"/>
      <c r="AK953" s="206"/>
      <c r="AL953" s="206"/>
      <c r="AM953" s="143"/>
      <c r="AN953" s="137"/>
      <c r="AO953" s="137"/>
      <c r="AP953" s="137"/>
      <c r="AQ953" s="137"/>
      <c r="AR953" s="137"/>
      <c r="AS953" s="137"/>
      <c r="AT953" s="137"/>
      <c r="AU953" s="137"/>
      <c r="AV953" s="137"/>
      <c r="AW953" s="144"/>
    </row>
    <row r="954" spans="2:49" x14ac:dyDescent="0.2">
      <c r="B954" s="97"/>
      <c r="G954" s="43"/>
      <c r="J954" s="98"/>
      <c r="K954" s="97"/>
      <c r="N954" s="3"/>
      <c r="W954" s="98"/>
      <c r="Z954" s="143"/>
      <c r="AA954" s="137"/>
      <c r="AB954" s="137"/>
      <c r="AC954" s="137"/>
      <c r="AD954" s="137"/>
      <c r="AE954" s="137"/>
      <c r="AF954" s="137"/>
      <c r="AG954" s="137"/>
      <c r="AH954" s="137"/>
      <c r="AI954" s="137"/>
      <c r="AJ954" s="137"/>
      <c r="AK954" s="206"/>
      <c r="AL954" s="206"/>
      <c r="AM954" s="143"/>
      <c r="AN954" s="137"/>
      <c r="AO954" s="137"/>
      <c r="AP954" s="137"/>
      <c r="AQ954" s="137"/>
      <c r="AR954" s="137"/>
      <c r="AS954" s="137"/>
      <c r="AT954" s="137"/>
      <c r="AU954" s="137"/>
      <c r="AV954" s="137"/>
      <c r="AW954" s="144"/>
    </row>
    <row r="955" spans="2:49" x14ac:dyDescent="0.2">
      <c r="B955" s="97"/>
      <c r="G955" s="43"/>
      <c r="J955" s="98"/>
      <c r="K955" s="97"/>
      <c r="N955" s="3"/>
      <c r="W955" s="98"/>
      <c r="Z955" s="143"/>
      <c r="AA955" s="137"/>
      <c r="AB955" s="137"/>
      <c r="AC955" s="137"/>
      <c r="AD955" s="137"/>
      <c r="AE955" s="137"/>
      <c r="AF955" s="137"/>
      <c r="AG955" s="137"/>
      <c r="AH955" s="137"/>
      <c r="AI955" s="137"/>
      <c r="AJ955" s="137"/>
      <c r="AK955" s="206"/>
      <c r="AL955" s="206"/>
      <c r="AM955" s="143"/>
      <c r="AN955" s="137"/>
      <c r="AO955" s="137"/>
      <c r="AP955" s="137"/>
      <c r="AQ955" s="137"/>
      <c r="AR955" s="137"/>
      <c r="AS955" s="137"/>
      <c r="AT955" s="137"/>
      <c r="AU955" s="137"/>
      <c r="AV955" s="137"/>
      <c r="AW955" s="144"/>
    </row>
    <row r="956" spans="2:49" x14ac:dyDescent="0.2">
      <c r="B956" s="97"/>
      <c r="G956" s="43"/>
      <c r="J956" s="98"/>
      <c r="K956" s="97"/>
      <c r="N956" s="3"/>
      <c r="W956" s="98"/>
      <c r="Z956" s="143"/>
      <c r="AA956" s="137"/>
      <c r="AB956" s="137"/>
      <c r="AC956" s="137"/>
      <c r="AD956" s="137"/>
      <c r="AE956" s="137"/>
      <c r="AF956" s="137"/>
      <c r="AG956" s="137"/>
      <c r="AH956" s="137"/>
      <c r="AI956" s="137"/>
      <c r="AJ956" s="137"/>
      <c r="AK956" s="206"/>
      <c r="AL956" s="206"/>
      <c r="AM956" s="143"/>
      <c r="AN956" s="137"/>
      <c r="AO956" s="137"/>
      <c r="AP956" s="137"/>
      <c r="AQ956" s="137"/>
      <c r="AR956" s="137"/>
      <c r="AS956" s="137"/>
      <c r="AT956" s="137"/>
      <c r="AU956" s="137"/>
      <c r="AV956" s="137"/>
      <c r="AW956" s="144"/>
    </row>
    <row r="957" spans="2:49" x14ac:dyDescent="0.2">
      <c r="B957" s="97"/>
      <c r="G957" s="43"/>
      <c r="J957" s="98"/>
      <c r="K957" s="97"/>
      <c r="N957" s="3"/>
      <c r="W957" s="98"/>
      <c r="Z957" s="143"/>
      <c r="AA957" s="137"/>
      <c r="AB957" s="137"/>
      <c r="AC957" s="137"/>
      <c r="AD957" s="137"/>
      <c r="AE957" s="137"/>
      <c r="AF957" s="137"/>
      <c r="AG957" s="137"/>
      <c r="AH957" s="137"/>
      <c r="AI957" s="137"/>
      <c r="AJ957" s="137"/>
      <c r="AK957" s="206"/>
      <c r="AL957" s="206"/>
      <c r="AM957" s="143"/>
      <c r="AN957" s="137"/>
      <c r="AO957" s="137"/>
      <c r="AP957" s="137"/>
      <c r="AQ957" s="137"/>
      <c r="AR957" s="137"/>
      <c r="AS957" s="137"/>
      <c r="AT957" s="137"/>
      <c r="AU957" s="137"/>
      <c r="AV957" s="137"/>
      <c r="AW957" s="144"/>
    </row>
    <row r="958" spans="2:49" x14ac:dyDescent="0.2">
      <c r="B958" s="97"/>
      <c r="G958" s="43"/>
      <c r="J958" s="98"/>
      <c r="K958" s="97"/>
      <c r="N958" s="3"/>
      <c r="W958" s="98"/>
      <c r="Z958" s="143"/>
      <c r="AA958" s="137"/>
      <c r="AB958" s="137"/>
      <c r="AC958" s="137"/>
      <c r="AD958" s="137"/>
      <c r="AE958" s="137"/>
      <c r="AF958" s="137"/>
      <c r="AG958" s="137"/>
      <c r="AH958" s="137"/>
      <c r="AI958" s="137"/>
      <c r="AJ958" s="137"/>
      <c r="AK958" s="206"/>
      <c r="AL958" s="206"/>
      <c r="AM958" s="143"/>
      <c r="AN958" s="137"/>
      <c r="AO958" s="137"/>
      <c r="AP958" s="137"/>
      <c r="AQ958" s="137"/>
      <c r="AR958" s="137"/>
      <c r="AS958" s="137"/>
      <c r="AT958" s="137"/>
      <c r="AU958" s="137"/>
      <c r="AV958" s="137"/>
      <c r="AW958" s="144"/>
    </row>
    <row r="959" spans="2:49" x14ac:dyDescent="0.2">
      <c r="B959" s="97"/>
      <c r="G959" s="43"/>
      <c r="J959" s="98"/>
      <c r="K959" s="97"/>
      <c r="N959" s="3"/>
      <c r="W959" s="98"/>
      <c r="Z959" s="143"/>
      <c r="AA959" s="137"/>
      <c r="AB959" s="137"/>
      <c r="AC959" s="137"/>
      <c r="AD959" s="137"/>
      <c r="AE959" s="137"/>
      <c r="AF959" s="137"/>
      <c r="AG959" s="137"/>
      <c r="AH959" s="137"/>
      <c r="AI959" s="137"/>
      <c r="AJ959" s="137"/>
      <c r="AK959" s="206"/>
      <c r="AL959" s="206"/>
      <c r="AM959" s="143"/>
      <c r="AN959" s="137"/>
      <c r="AO959" s="137"/>
      <c r="AP959" s="137"/>
      <c r="AQ959" s="137"/>
      <c r="AR959" s="137"/>
      <c r="AS959" s="137"/>
      <c r="AT959" s="137"/>
      <c r="AU959" s="137"/>
      <c r="AV959" s="137"/>
      <c r="AW959" s="144"/>
    </row>
    <row r="960" spans="2:49" x14ac:dyDescent="0.2">
      <c r="B960" s="97"/>
      <c r="G960" s="43"/>
      <c r="J960" s="98"/>
      <c r="K960" s="97"/>
      <c r="N960" s="3"/>
      <c r="W960" s="98"/>
      <c r="Z960" s="143"/>
      <c r="AA960" s="137"/>
      <c r="AB960" s="137"/>
      <c r="AC960" s="137"/>
      <c r="AD960" s="137"/>
      <c r="AE960" s="137"/>
      <c r="AF960" s="137"/>
      <c r="AG960" s="137"/>
      <c r="AH960" s="137"/>
      <c r="AI960" s="137"/>
      <c r="AJ960" s="137"/>
      <c r="AK960" s="206"/>
      <c r="AL960" s="206"/>
      <c r="AM960" s="143"/>
      <c r="AN960" s="137"/>
      <c r="AO960" s="137"/>
      <c r="AP960" s="137"/>
      <c r="AQ960" s="137"/>
      <c r="AR960" s="137"/>
      <c r="AS960" s="137"/>
      <c r="AT960" s="137"/>
      <c r="AU960" s="137"/>
      <c r="AV960" s="137"/>
      <c r="AW960" s="144"/>
    </row>
    <row r="961" spans="2:49" x14ac:dyDescent="0.2">
      <c r="B961" s="97"/>
      <c r="G961" s="43"/>
      <c r="J961" s="98"/>
      <c r="K961" s="97"/>
      <c r="N961" s="3"/>
      <c r="W961" s="98"/>
      <c r="Z961" s="143"/>
      <c r="AA961" s="137"/>
      <c r="AB961" s="137"/>
      <c r="AC961" s="137"/>
      <c r="AD961" s="137"/>
      <c r="AE961" s="137"/>
      <c r="AF961" s="137"/>
      <c r="AG961" s="137"/>
      <c r="AH961" s="137"/>
      <c r="AI961" s="137"/>
      <c r="AJ961" s="137"/>
      <c r="AK961" s="206"/>
      <c r="AL961" s="206"/>
      <c r="AM961" s="143"/>
      <c r="AN961" s="137"/>
      <c r="AO961" s="137"/>
      <c r="AP961" s="137"/>
      <c r="AQ961" s="137"/>
      <c r="AR961" s="137"/>
      <c r="AS961" s="137"/>
      <c r="AT961" s="137"/>
      <c r="AU961" s="137"/>
      <c r="AV961" s="137"/>
      <c r="AW961" s="144"/>
    </row>
    <row r="962" spans="2:49" x14ac:dyDescent="0.2">
      <c r="B962" s="97"/>
      <c r="G962" s="43"/>
      <c r="J962" s="98"/>
      <c r="K962" s="97"/>
      <c r="N962" s="3"/>
      <c r="W962" s="98"/>
      <c r="Z962" s="143"/>
      <c r="AA962" s="137"/>
      <c r="AB962" s="137"/>
      <c r="AC962" s="137"/>
      <c r="AD962" s="137"/>
      <c r="AE962" s="137"/>
      <c r="AF962" s="137"/>
      <c r="AG962" s="137"/>
      <c r="AH962" s="137"/>
      <c r="AI962" s="137"/>
      <c r="AJ962" s="137"/>
      <c r="AK962" s="206"/>
      <c r="AL962" s="206"/>
      <c r="AM962" s="143"/>
      <c r="AN962" s="137"/>
      <c r="AO962" s="137"/>
      <c r="AP962" s="137"/>
      <c r="AQ962" s="137"/>
      <c r="AR962" s="137"/>
      <c r="AS962" s="137"/>
      <c r="AT962" s="137"/>
      <c r="AU962" s="137"/>
      <c r="AV962" s="137"/>
      <c r="AW962" s="144"/>
    </row>
    <row r="963" spans="2:49" x14ac:dyDescent="0.2">
      <c r="B963" s="97"/>
      <c r="G963" s="43"/>
      <c r="J963" s="98"/>
      <c r="K963" s="97"/>
      <c r="N963" s="3"/>
      <c r="W963" s="98"/>
      <c r="Z963" s="143"/>
      <c r="AA963" s="137"/>
      <c r="AB963" s="137"/>
      <c r="AC963" s="137"/>
      <c r="AD963" s="137"/>
      <c r="AE963" s="137"/>
      <c r="AF963" s="137"/>
      <c r="AG963" s="137"/>
      <c r="AH963" s="137"/>
      <c r="AI963" s="137"/>
      <c r="AJ963" s="137"/>
      <c r="AK963" s="206"/>
      <c r="AL963" s="206"/>
      <c r="AM963" s="143"/>
      <c r="AN963" s="137"/>
      <c r="AO963" s="137"/>
      <c r="AP963" s="137"/>
      <c r="AQ963" s="137"/>
      <c r="AR963" s="137"/>
      <c r="AS963" s="137"/>
      <c r="AT963" s="137"/>
      <c r="AU963" s="137"/>
      <c r="AV963" s="137"/>
      <c r="AW963" s="144"/>
    </row>
    <row r="964" spans="2:49" x14ac:dyDescent="0.2">
      <c r="B964" s="97"/>
      <c r="G964" s="43"/>
      <c r="J964" s="98"/>
      <c r="K964" s="97"/>
      <c r="N964" s="3"/>
      <c r="W964" s="98"/>
      <c r="Z964" s="143"/>
      <c r="AA964" s="137"/>
      <c r="AB964" s="137"/>
      <c r="AC964" s="137"/>
      <c r="AD964" s="137"/>
      <c r="AE964" s="137"/>
      <c r="AF964" s="137"/>
      <c r="AG964" s="137"/>
      <c r="AH964" s="137"/>
      <c r="AI964" s="137"/>
      <c r="AJ964" s="137"/>
      <c r="AK964" s="206"/>
      <c r="AL964" s="206"/>
      <c r="AM964" s="143"/>
      <c r="AN964" s="137"/>
      <c r="AO964" s="137"/>
      <c r="AP964" s="137"/>
      <c r="AQ964" s="137"/>
      <c r="AR964" s="137"/>
      <c r="AS964" s="137"/>
      <c r="AT964" s="137"/>
      <c r="AU964" s="137"/>
      <c r="AV964" s="137"/>
      <c r="AW964" s="144"/>
    </row>
    <row r="965" spans="2:49" x14ac:dyDescent="0.2">
      <c r="B965" s="97"/>
      <c r="G965" s="43"/>
      <c r="J965" s="98"/>
      <c r="K965" s="97"/>
      <c r="N965" s="3"/>
      <c r="W965" s="98"/>
      <c r="Z965" s="143"/>
      <c r="AA965" s="137"/>
      <c r="AB965" s="137"/>
      <c r="AC965" s="137"/>
      <c r="AD965" s="137"/>
      <c r="AE965" s="137"/>
      <c r="AF965" s="137"/>
      <c r="AG965" s="137"/>
      <c r="AH965" s="137"/>
      <c r="AI965" s="137"/>
      <c r="AJ965" s="137"/>
      <c r="AK965" s="206"/>
      <c r="AL965" s="206"/>
      <c r="AM965" s="143"/>
      <c r="AN965" s="137"/>
      <c r="AO965" s="137"/>
      <c r="AP965" s="137"/>
      <c r="AQ965" s="137"/>
      <c r="AR965" s="137"/>
      <c r="AS965" s="137"/>
      <c r="AT965" s="137"/>
      <c r="AU965" s="137"/>
      <c r="AV965" s="137"/>
      <c r="AW965" s="144"/>
    </row>
    <row r="966" spans="2:49" x14ac:dyDescent="0.2">
      <c r="B966" s="97"/>
      <c r="G966" s="43"/>
      <c r="J966" s="98"/>
      <c r="K966" s="97"/>
      <c r="N966" s="3"/>
      <c r="W966" s="98"/>
      <c r="Z966" s="143"/>
      <c r="AA966" s="137"/>
      <c r="AB966" s="137"/>
      <c r="AC966" s="137"/>
      <c r="AD966" s="137"/>
      <c r="AE966" s="137"/>
      <c r="AF966" s="137"/>
      <c r="AG966" s="137"/>
      <c r="AH966" s="137"/>
      <c r="AI966" s="137"/>
      <c r="AJ966" s="137"/>
      <c r="AK966" s="206"/>
      <c r="AL966" s="206"/>
      <c r="AM966" s="143"/>
      <c r="AN966" s="137"/>
      <c r="AO966" s="137"/>
      <c r="AP966" s="137"/>
      <c r="AQ966" s="137"/>
      <c r="AR966" s="137"/>
      <c r="AS966" s="137"/>
      <c r="AT966" s="137"/>
      <c r="AU966" s="137"/>
      <c r="AV966" s="137"/>
      <c r="AW966" s="144"/>
    </row>
    <row r="967" spans="2:49" x14ac:dyDescent="0.2">
      <c r="B967" s="97"/>
      <c r="G967" s="43"/>
      <c r="J967" s="98"/>
      <c r="K967" s="97"/>
      <c r="N967" s="3"/>
      <c r="W967" s="98"/>
      <c r="Z967" s="143"/>
      <c r="AA967" s="137"/>
      <c r="AB967" s="137"/>
      <c r="AC967" s="137"/>
      <c r="AD967" s="137"/>
      <c r="AE967" s="137"/>
      <c r="AF967" s="137"/>
      <c r="AG967" s="137"/>
      <c r="AH967" s="137"/>
      <c r="AI967" s="137"/>
      <c r="AJ967" s="137"/>
      <c r="AK967" s="206"/>
      <c r="AL967" s="206"/>
      <c r="AM967" s="143"/>
      <c r="AN967" s="137"/>
      <c r="AO967" s="137"/>
      <c r="AP967" s="137"/>
      <c r="AQ967" s="137"/>
      <c r="AR967" s="137"/>
      <c r="AS967" s="137"/>
      <c r="AT967" s="137"/>
      <c r="AU967" s="137"/>
      <c r="AV967" s="137"/>
      <c r="AW967" s="144"/>
    </row>
    <row r="968" spans="2:49" x14ac:dyDescent="0.2">
      <c r="B968" s="97"/>
      <c r="G968" s="43"/>
      <c r="J968" s="98"/>
      <c r="K968" s="97"/>
      <c r="N968" s="3"/>
      <c r="W968" s="98"/>
      <c r="Z968" s="143"/>
      <c r="AA968" s="137"/>
      <c r="AB968" s="137"/>
      <c r="AC968" s="137"/>
      <c r="AD968" s="137"/>
      <c r="AE968" s="137"/>
      <c r="AF968" s="137"/>
      <c r="AG968" s="137"/>
      <c r="AH968" s="137"/>
      <c r="AI968" s="137"/>
      <c r="AJ968" s="137"/>
      <c r="AK968" s="206"/>
      <c r="AL968" s="206"/>
      <c r="AM968" s="143"/>
      <c r="AN968" s="137"/>
      <c r="AO968" s="137"/>
      <c r="AP968" s="137"/>
      <c r="AQ968" s="137"/>
      <c r="AR968" s="137"/>
      <c r="AS968" s="137"/>
      <c r="AT968" s="137"/>
      <c r="AU968" s="137"/>
      <c r="AV968" s="137"/>
      <c r="AW968" s="144"/>
    </row>
    <row r="969" spans="2:49" x14ac:dyDescent="0.2">
      <c r="B969" s="97"/>
      <c r="G969" s="43"/>
      <c r="J969" s="98"/>
      <c r="K969" s="97"/>
      <c r="N969" s="3"/>
      <c r="W969" s="98"/>
      <c r="Z969" s="143"/>
      <c r="AA969" s="137"/>
      <c r="AB969" s="137"/>
      <c r="AC969" s="137"/>
      <c r="AD969" s="137"/>
      <c r="AE969" s="137"/>
      <c r="AF969" s="137"/>
      <c r="AG969" s="137"/>
      <c r="AH969" s="137"/>
      <c r="AI969" s="137"/>
      <c r="AJ969" s="137"/>
      <c r="AK969" s="206"/>
      <c r="AL969" s="206"/>
      <c r="AM969" s="143"/>
      <c r="AN969" s="137"/>
      <c r="AO969" s="137"/>
      <c r="AP969" s="137"/>
      <c r="AQ969" s="137"/>
      <c r="AR969" s="137"/>
      <c r="AS969" s="137"/>
      <c r="AT969" s="137"/>
      <c r="AU969" s="137"/>
      <c r="AV969" s="137"/>
      <c r="AW969" s="144"/>
    </row>
    <row r="970" spans="2:49" x14ac:dyDescent="0.2">
      <c r="B970" s="97"/>
      <c r="G970" s="43"/>
      <c r="J970" s="98"/>
      <c r="K970" s="97"/>
      <c r="N970" s="3"/>
      <c r="W970" s="98"/>
      <c r="Z970" s="143"/>
      <c r="AA970" s="137"/>
      <c r="AB970" s="137"/>
      <c r="AC970" s="137"/>
      <c r="AD970" s="137"/>
      <c r="AE970" s="137"/>
      <c r="AF970" s="137"/>
      <c r="AG970" s="137"/>
      <c r="AH970" s="137"/>
      <c r="AI970" s="137"/>
      <c r="AJ970" s="137"/>
      <c r="AK970" s="206"/>
      <c r="AL970" s="206"/>
      <c r="AM970" s="143"/>
      <c r="AN970" s="137"/>
      <c r="AO970" s="137"/>
      <c r="AP970" s="137"/>
      <c r="AQ970" s="137"/>
      <c r="AR970" s="137"/>
      <c r="AS970" s="137"/>
      <c r="AT970" s="137"/>
      <c r="AU970" s="137"/>
      <c r="AV970" s="137"/>
      <c r="AW970" s="144"/>
    </row>
    <row r="971" spans="2:49" x14ac:dyDescent="0.2">
      <c r="B971" s="97"/>
      <c r="G971" s="43"/>
      <c r="J971" s="98"/>
      <c r="K971" s="97"/>
      <c r="N971" s="3"/>
      <c r="W971" s="98"/>
      <c r="Z971" s="143"/>
      <c r="AA971" s="137"/>
      <c r="AB971" s="137"/>
      <c r="AC971" s="137"/>
      <c r="AD971" s="137"/>
      <c r="AE971" s="137"/>
      <c r="AF971" s="137"/>
      <c r="AG971" s="137"/>
      <c r="AH971" s="137"/>
      <c r="AI971" s="137"/>
      <c r="AJ971" s="137"/>
      <c r="AK971" s="206"/>
      <c r="AL971" s="206"/>
      <c r="AM971" s="143"/>
      <c r="AN971" s="137"/>
      <c r="AO971" s="137"/>
      <c r="AP971" s="137"/>
      <c r="AQ971" s="137"/>
      <c r="AR971" s="137"/>
      <c r="AS971" s="137"/>
      <c r="AT971" s="137"/>
      <c r="AU971" s="137"/>
      <c r="AV971" s="137"/>
      <c r="AW971" s="144"/>
    </row>
    <row r="972" spans="2:49" x14ac:dyDescent="0.2">
      <c r="B972" s="97"/>
      <c r="G972" s="43"/>
      <c r="J972" s="98"/>
      <c r="K972" s="97"/>
      <c r="N972" s="3"/>
      <c r="W972" s="98"/>
      <c r="Z972" s="143"/>
      <c r="AA972" s="137"/>
      <c r="AB972" s="137"/>
      <c r="AC972" s="137"/>
      <c r="AD972" s="137"/>
      <c r="AE972" s="137"/>
      <c r="AF972" s="137"/>
      <c r="AG972" s="137"/>
      <c r="AH972" s="137"/>
      <c r="AI972" s="137"/>
      <c r="AJ972" s="137"/>
      <c r="AK972" s="206"/>
      <c r="AL972" s="206"/>
      <c r="AM972" s="143"/>
      <c r="AN972" s="137"/>
      <c r="AO972" s="137"/>
      <c r="AP972" s="137"/>
      <c r="AQ972" s="137"/>
      <c r="AR972" s="137"/>
      <c r="AS972" s="137"/>
      <c r="AT972" s="137"/>
      <c r="AU972" s="137"/>
      <c r="AV972" s="137"/>
      <c r="AW972" s="144"/>
    </row>
    <row r="973" spans="2:49" x14ac:dyDescent="0.2">
      <c r="B973" s="97"/>
      <c r="G973" s="43"/>
      <c r="J973" s="98"/>
      <c r="K973" s="97"/>
      <c r="N973" s="3"/>
      <c r="W973" s="98"/>
      <c r="Z973" s="143"/>
      <c r="AA973" s="137"/>
      <c r="AB973" s="137"/>
      <c r="AC973" s="137"/>
      <c r="AD973" s="137"/>
      <c r="AE973" s="137"/>
      <c r="AF973" s="137"/>
      <c r="AG973" s="137"/>
      <c r="AH973" s="137"/>
      <c r="AI973" s="137"/>
      <c r="AJ973" s="137"/>
      <c r="AK973" s="206"/>
      <c r="AL973" s="206"/>
      <c r="AM973" s="143"/>
      <c r="AN973" s="137"/>
      <c r="AO973" s="137"/>
      <c r="AP973" s="137"/>
      <c r="AQ973" s="137"/>
      <c r="AR973" s="137"/>
      <c r="AS973" s="137"/>
      <c r="AT973" s="137"/>
      <c r="AU973" s="137"/>
      <c r="AV973" s="137"/>
      <c r="AW973" s="144"/>
    </row>
    <row r="974" spans="2:49" x14ac:dyDescent="0.2">
      <c r="B974" s="97"/>
      <c r="G974" s="43"/>
      <c r="J974" s="98"/>
      <c r="K974" s="97"/>
      <c r="N974" s="3"/>
      <c r="W974" s="98"/>
      <c r="Z974" s="143"/>
      <c r="AA974" s="137"/>
      <c r="AB974" s="137"/>
      <c r="AC974" s="137"/>
      <c r="AD974" s="137"/>
      <c r="AE974" s="137"/>
      <c r="AF974" s="137"/>
      <c r="AG974" s="137"/>
      <c r="AH974" s="137"/>
      <c r="AI974" s="137"/>
      <c r="AJ974" s="137"/>
      <c r="AK974" s="206"/>
      <c r="AL974" s="206"/>
      <c r="AM974" s="143"/>
      <c r="AN974" s="137"/>
      <c r="AO974" s="137"/>
      <c r="AP974" s="137"/>
      <c r="AQ974" s="137"/>
      <c r="AR974" s="137"/>
      <c r="AS974" s="137"/>
      <c r="AT974" s="137"/>
      <c r="AU974" s="137"/>
      <c r="AV974" s="137"/>
      <c r="AW974" s="144"/>
    </row>
    <row r="975" spans="2:49" x14ac:dyDescent="0.2">
      <c r="B975" s="97"/>
      <c r="G975" s="43"/>
      <c r="J975" s="98"/>
      <c r="K975" s="97"/>
      <c r="N975" s="3"/>
      <c r="W975" s="98"/>
      <c r="Z975" s="143"/>
      <c r="AA975" s="137"/>
      <c r="AB975" s="137"/>
      <c r="AC975" s="137"/>
      <c r="AD975" s="137"/>
      <c r="AE975" s="137"/>
      <c r="AF975" s="137"/>
      <c r="AG975" s="137"/>
      <c r="AH975" s="137"/>
      <c r="AI975" s="137"/>
      <c r="AJ975" s="137"/>
      <c r="AK975" s="206"/>
      <c r="AL975" s="206"/>
      <c r="AM975" s="143"/>
      <c r="AN975" s="137"/>
      <c r="AO975" s="137"/>
      <c r="AP975" s="137"/>
      <c r="AQ975" s="137"/>
      <c r="AR975" s="137"/>
      <c r="AS975" s="137"/>
      <c r="AT975" s="137"/>
      <c r="AU975" s="137"/>
      <c r="AV975" s="137"/>
      <c r="AW975" s="144"/>
    </row>
    <row r="976" spans="2:49" x14ac:dyDescent="0.2">
      <c r="B976" s="97"/>
      <c r="G976" s="43"/>
      <c r="J976" s="98"/>
      <c r="K976" s="97"/>
      <c r="N976" s="3"/>
      <c r="W976" s="98"/>
      <c r="Z976" s="143"/>
      <c r="AA976" s="137"/>
      <c r="AB976" s="137"/>
      <c r="AC976" s="137"/>
      <c r="AD976" s="137"/>
      <c r="AE976" s="137"/>
      <c r="AF976" s="137"/>
      <c r="AG976" s="137"/>
      <c r="AH976" s="137"/>
      <c r="AI976" s="137"/>
      <c r="AJ976" s="137"/>
      <c r="AK976" s="206"/>
      <c r="AL976" s="206"/>
      <c r="AM976" s="143"/>
      <c r="AN976" s="137"/>
      <c r="AO976" s="137"/>
      <c r="AP976" s="137"/>
      <c r="AQ976" s="137"/>
      <c r="AR976" s="137"/>
      <c r="AS976" s="137"/>
      <c r="AT976" s="137"/>
      <c r="AU976" s="137"/>
      <c r="AV976" s="137"/>
      <c r="AW976" s="144"/>
    </row>
    <row r="977" spans="2:49" x14ac:dyDescent="0.2">
      <c r="B977" s="97"/>
      <c r="G977" s="43"/>
      <c r="J977" s="98"/>
      <c r="K977" s="97"/>
      <c r="N977" s="3"/>
      <c r="W977" s="98"/>
      <c r="Z977" s="143"/>
      <c r="AA977" s="137"/>
      <c r="AB977" s="137"/>
      <c r="AC977" s="137"/>
      <c r="AD977" s="137"/>
      <c r="AE977" s="137"/>
      <c r="AF977" s="137"/>
      <c r="AG977" s="137"/>
      <c r="AH977" s="137"/>
      <c r="AI977" s="137"/>
      <c r="AJ977" s="137"/>
      <c r="AK977" s="206"/>
      <c r="AL977" s="206"/>
      <c r="AM977" s="143"/>
      <c r="AN977" s="137"/>
      <c r="AO977" s="137"/>
      <c r="AP977" s="137"/>
      <c r="AQ977" s="137"/>
      <c r="AR977" s="137"/>
      <c r="AS977" s="137"/>
      <c r="AT977" s="137"/>
      <c r="AU977" s="137"/>
      <c r="AV977" s="137"/>
      <c r="AW977" s="144"/>
    </row>
    <row r="978" spans="2:49" x14ac:dyDescent="0.2">
      <c r="B978" s="97"/>
      <c r="G978" s="43"/>
      <c r="J978" s="98"/>
      <c r="K978" s="97"/>
      <c r="N978" s="3"/>
      <c r="W978" s="98"/>
      <c r="Z978" s="143"/>
      <c r="AA978" s="137"/>
      <c r="AB978" s="137"/>
      <c r="AC978" s="137"/>
      <c r="AD978" s="137"/>
      <c r="AE978" s="137"/>
      <c r="AF978" s="137"/>
      <c r="AG978" s="137"/>
      <c r="AH978" s="137"/>
      <c r="AI978" s="137"/>
      <c r="AJ978" s="137"/>
      <c r="AK978" s="206"/>
      <c r="AL978" s="206"/>
      <c r="AM978" s="143"/>
      <c r="AN978" s="137"/>
      <c r="AO978" s="137"/>
      <c r="AP978" s="137"/>
      <c r="AQ978" s="137"/>
      <c r="AR978" s="137"/>
      <c r="AS978" s="137"/>
      <c r="AT978" s="137"/>
      <c r="AU978" s="137"/>
      <c r="AV978" s="137"/>
      <c r="AW978" s="144"/>
    </row>
    <row r="979" spans="2:49" x14ac:dyDescent="0.2">
      <c r="B979" s="97"/>
      <c r="G979" s="43"/>
      <c r="J979" s="98"/>
      <c r="K979" s="97"/>
      <c r="N979" s="3"/>
      <c r="W979" s="98"/>
      <c r="Z979" s="143"/>
      <c r="AA979" s="137"/>
      <c r="AB979" s="137"/>
      <c r="AC979" s="137"/>
      <c r="AD979" s="137"/>
      <c r="AE979" s="137"/>
      <c r="AF979" s="137"/>
      <c r="AG979" s="137"/>
      <c r="AH979" s="137"/>
      <c r="AI979" s="137"/>
      <c r="AJ979" s="137"/>
      <c r="AK979" s="206"/>
      <c r="AL979" s="206"/>
      <c r="AM979" s="143"/>
      <c r="AN979" s="137"/>
      <c r="AO979" s="137"/>
      <c r="AP979" s="137"/>
      <c r="AQ979" s="137"/>
      <c r="AR979" s="137"/>
      <c r="AS979" s="137"/>
      <c r="AT979" s="137"/>
      <c r="AU979" s="137"/>
      <c r="AV979" s="137"/>
      <c r="AW979" s="144"/>
    </row>
    <row r="980" spans="2:49" x14ac:dyDescent="0.2">
      <c r="B980" s="97"/>
      <c r="G980" s="43"/>
      <c r="J980" s="98"/>
      <c r="K980" s="97"/>
      <c r="N980" s="3"/>
      <c r="W980" s="98"/>
      <c r="Z980" s="143"/>
      <c r="AA980" s="137"/>
      <c r="AB980" s="137"/>
      <c r="AC980" s="137"/>
      <c r="AD980" s="137"/>
      <c r="AE980" s="137"/>
      <c r="AF980" s="137"/>
      <c r="AG980" s="137"/>
      <c r="AH980" s="137"/>
      <c r="AI980" s="137"/>
      <c r="AJ980" s="137"/>
      <c r="AK980" s="206"/>
      <c r="AL980" s="206"/>
      <c r="AM980" s="143"/>
      <c r="AN980" s="137"/>
      <c r="AO980" s="137"/>
      <c r="AP980" s="137"/>
      <c r="AQ980" s="137"/>
      <c r="AR980" s="137"/>
      <c r="AS980" s="137"/>
      <c r="AT980" s="137"/>
      <c r="AU980" s="137"/>
      <c r="AV980" s="137"/>
      <c r="AW980" s="144"/>
    </row>
    <row r="981" spans="2:49" x14ac:dyDescent="0.2">
      <c r="B981" s="97"/>
      <c r="G981" s="43"/>
      <c r="J981" s="98"/>
      <c r="K981" s="97"/>
      <c r="N981" s="3"/>
      <c r="W981" s="98"/>
      <c r="Z981" s="143"/>
      <c r="AA981" s="137"/>
      <c r="AB981" s="137"/>
      <c r="AC981" s="137"/>
      <c r="AD981" s="137"/>
      <c r="AE981" s="137"/>
      <c r="AF981" s="137"/>
      <c r="AG981" s="137"/>
      <c r="AH981" s="137"/>
      <c r="AI981" s="137"/>
      <c r="AJ981" s="137"/>
      <c r="AK981" s="206"/>
      <c r="AL981" s="206"/>
      <c r="AM981" s="143"/>
      <c r="AN981" s="137"/>
      <c r="AO981" s="137"/>
      <c r="AP981" s="137"/>
      <c r="AQ981" s="137"/>
      <c r="AR981" s="137"/>
      <c r="AS981" s="137"/>
      <c r="AT981" s="137"/>
      <c r="AU981" s="137"/>
      <c r="AV981" s="137"/>
      <c r="AW981" s="144"/>
    </row>
    <row r="982" spans="2:49" x14ac:dyDescent="0.2">
      <c r="B982" s="97"/>
      <c r="G982" s="43"/>
      <c r="J982" s="98"/>
      <c r="K982" s="97"/>
      <c r="N982" s="3"/>
      <c r="W982" s="98"/>
      <c r="Z982" s="143"/>
      <c r="AA982" s="137"/>
      <c r="AB982" s="137"/>
      <c r="AC982" s="137"/>
      <c r="AD982" s="137"/>
      <c r="AE982" s="137"/>
      <c r="AF982" s="137"/>
      <c r="AG982" s="137"/>
      <c r="AH982" s="137"/>
      <c r="AI982" s="137"/>
      <c r="AJ982" s="137"/>
      <c r="AK982" s="206"/>
      <c r="AL982" s="206"/>
      <c r="AM982" s="143"/>
      <c r="AN982" s="137"/>
      <c r="AO982" s="137"/>
      <c r="AP982" s="137"/>
      <c r="AQ982" s="137"/>
      <c r="AR982" s="137"/>
      <c r="AS982" s="137"/>
      <c r="AT982" s="137"/>
      <c r="AU982" s="137"/>
      <c r="AV982" s="137"/>
      <c r="AW982" s="144"/>
    </row>
    <row r="983" spans="2:49" x14ac:dyDescent="0.2">
      <c r="B983" s="97"/>
      <c r="G983" s="43"/>
      <c r="J983" s="98"/>
      <c r="K983" s="97"/>
      <c r="N983" s="3"/>
      <c r="W983" s="98"/>
      <c r="Z983" s="143"/>
      <c r="AA983" s="137"/>
      <c r="AB983" s="137"/>
      <c r="AC983" s="137"/>
      <c r="AD983" s="137"/>
      <c r="AE983" s="137"/>
      <c r="AF983" s="137"/>
      <c r="AG983" s="137"/>
      <c r="AH983" s="137"/>
      <c r="AI983" s="137"/>
      <c r="AJ983" s="137"/>
      <c r="AK983" s="206"/>
      <c r="AL983" s="206"/>
      <c r="AM983" s="143"/>
      <c r="AN983" s="137"/>
      <c r="AO983" s="137"/>
      <c r="AP983" s="137"/>
      <c r="AQ983" s="137"/>
      <c r="AR983" s="137"/>
      <c r="AS983" s="137"/>
      <c r="AT983" s="137"/>
      <c r="AU983" s="137"/>
      <c r="AV983" s="137"/>
      <c r="AW983" s="144"/>
    </row>
    <row r="984" spans="2:49" x14ac:dyDescent="0.2">
      <c r="B984" s="97"/>
      <c r="G984" s="43"/>
      <c r="J984" s="98"/>
      <c r="K984" s="97"/>
      <c r="N984" s="3"/>
      <c r="W984" s="98"/>
      <c r="Z984" s="143"/>
      <c r="AA984" s="137"/>
      <c r="AB984" s="137"/>
      <c r="AC984" s="137"/>
      <c r="AD984" s="137"/>
      <c r="AE984" s="137"/>
      <c r="AF984" s="137"/>
      <c r="AG984" s="137"/>
      <c r="AH984" s="137"/>
      <c r="AI984" s="137"/>
      <c r="AJ984" s="137"/>
      <c r="AK984" s="206"/>
      <c r="AL984" s="206"/>
      <c r="AM984" s="143"/>
      <c r="AN984" s="137"/>
      <c r="AO984" s="137"/>
      <c r="AP984" s="137"/>
      <c r="AQ984" s="137"/>
      <c r="AR984" s="137"/>
      <c r="AS984" s="137"/>
      <c r="AT984" s="137"/>
      <c r="AU984" s="137"/>
      <c r="AV984" s="137"/>
      <c r="AW984" s="144"/>
    </row>
    <row r="985" spans="2:49" x14ac:dyDescent="0.2">
      <c r="B985" s="97"/>
      <c r="G985" s="43"/>
      <c r="J985" s="98"/>
      <c r="K985" s="97"/>
      <c r="N985" s="3"/>
      <c r="W985" s="98"/>
      <c r="Z985" s="143"/>
      <c r="AA985" s="137"/>
      <c r="AB985" s="137"/>
      <c r="AC985" s="137"/>
      <c r="AD985" s="137"/>
      <c r="AE985" s="137"/>
      <c r="AF985" s="137"/>
      <c r="AG985" s="137"/>
      <c r="AH985" s="137"/>
      <c r="AI985" s="137"/>
      <c r="AJ985" s="137"/>
      <c r="AK985" s="206"/>
      <c r="AL985" s="206"/>
      <c r="AM985" s="143"/>
      <c r="AN985" s="137"/>
      <c r="AO985" s="137"/>
      <c r="AP985" s="137"/>
      <c r="AQ985" s="137"/>
      <c r="AR985" s="137"/>
      <c r="AS985" s="137"/>
      <c r="AT985" s="137"/>
      <c r="AU985" s="137"/>
      <c r="AV985" s="137"/>
      <c r="AW985" s="144"/>
    </row>
    <row r="986" spans="2:49" x14ac:dyDescent="0.2">
      <c r="B986" s="97"/>
      <c r="G986" s="43"/>
      <c r="J986" s="98"/>
      <c r="K986" s="97"/>
      <c r="N986" s="3"/>
      <c r="W986" s="98"/>
      <c r="Z986" s="143"/>
      <c r="AA986" s="137"/>
      <c r="AB986" s="137"/>
      <c r="AC986" s="137"/>
      <c r="AD986" s="137"/>
      <c r="AE986" s="137"/>
      <c r="AF986" s="137"/>
      <c r="AG986" s="137"/>
      <c r="AH986" s="137"/>
      <c r="AI986" s="137"/>
      <c r="AJ986" s="137"/>
      <c r="AK986" s="206"/>
      <c r="AL986" s="206"/>
      <c r="AM986" s="143"/>
      <c r="AN986" s="137"/>
      <c r="AO986" s="137"/>
      <c r="AP986" s="137"/>
      <c r="AQ986" s="137"/>
      <c r="AR986" s="137"/>
      <c r="AS986" s="137"/>
      <c r="AT986" s="137"/>
      <c r="AU986" s="137"/>
      <c r="AV986" s="137"/>
      <c r="AW986" s="144"/>
    </row>
    <row r="987" spans="2:49" x14ac:dyDescent="0.2">
      <c r="B987" s="97"/>
      <c r="G987" s="43"/>
      <c r="J987" s="98"/>
      <c r="K987" s="97"/>
      <c r="N987" s="3"/>
      <c r="W987" s="98"/>
      <c r="Z987" s="143"/>
      <c r="AA987" s="137"/>
      <c r="AB987" s="137"/>
      <c r="AC987" s="137"/>
      <c r="AD987" s="137"/>
      <c r="AE987" s="137"/>
      <c r="AF987" s="137"/>
      <c r="AG987" s="137"/>
      <c r="AH987" s="137"/>
      <c r="AI987" s="137"/>
      <c r="AJ987" s="137"/>
      <c r="AK987" s="206"/>
      <c r="AL987" s="206"/>
      <c r="AM987" s="143"/>
      <c r="AN987" s="137"/>
      <c r="AO987" s="137"/>
      <c r="AP987" s="137"/>
      <c r="AQ987" s="137"/>
      <c r="AR987" s="137"/>
      <c r="AS987" s="137"/>
      <c r="AT987" s="137"/>
      <c r="AU987" s="137"/>
      <c r="AV987" s="137"/>
      <c r="AW987" s="144"/>
    </row>
    <row r="988" spans="2:49" x14ac:dyDescent="0.2">
      <c r="B988" s="97"/>
      <c r="G988" s="43"/>
      <c r="J988" s="98"/>
      <c r="K988" s="97"/>
      <c r="N988" s="3"/>
      <c r="W988" s="98"/>
      <c r="Z988" s="143"/>
      <c r="AA988" s="137"/>
      <c r="AB988" s="137"/>
      <c r="AC988" s="137"/>
      <c r="AD988" s="137"/>
      <c r="AE988" s="137"/>
      <c r="AF988" s="137"/>
      <c r="AG988" s="137"/>
      <c r="AH988" s="137"/>
      <c r="AI988" s="137"/>
      <c r="AJ988" s="137"/>
      <c r="AK988" s="206"/>
      <c r="AL988" s="206"/>
      <c r="AM988" s="143"/>
      <c r="AN988" s="137"/>
      <c r="AO988" s="137"/>
      <c r="AP988" s="137"/>
      <c r="AQ988" s="137"/>
      <c r="AR988" s="137"/>
      <c r="AS988" s="137"/>
      <c r="AT988" s="137"/>
      <c r="AU988" s="137"/>
      <c r="AV988" s="137"/>
      <c r="AW988" s="144"/>
    </row>
    <row r="989" spans="2:49" x14ac:dyDescent="0.2">
      <c r="B989" s="97"/>
      <c r="G989" s="43"/>
      <c r="J989" s="98"/>
      <c r="K989" s="97"/>
      <c r="N989" s="3"/>
      <c r="W989" s="98"/>
      <c r="Z989" s="143"/>
      <c r="AA989" s="137"/>
      <c r="AB989" s="137"/>
      <c r="AC989" s="137"/>
      <c r="AD989" s="137"/>
      <c r="AE989" s="137"/>
      <c r="AF989" s="137"/>
      <c r="AG989" s="137"/>
      <c r="AH989" s="137"/>
      <c r="AI989" s="137"/>
      <c r="AJ989" s="137"/>
      <c r="AK989" s="206"/>
      <c r="AL989" s="206"/>
      <c r="AM989" s="143"/>
      <c r="AN989" s="137"/>
      <c r="AO989" s="137"/>
      <c r="AP989" s="137"/>
      <c r="AQ989" s="137"/>
      <c r="AR989" s="137"/>
      <c r="AS989" s="137"/>
      <c r="AT989" s="137"/>
      <c r="AU989" s="137"/>
      <c r="AV989" s="137"/>
      <c r="AW989" s="144"/>
    </row>
    <row r="990" spans="2:49" x14ac:dyDescent="0.2">
      <c r="B990" s="97"/>
      <c r="G990" s="43"/>
      <c r="J990" s="98"/>
      <c r="K990" s="97"/>
      <c r="N990" s="3"/>
      <c r="W990" s="98"/>
      <c r="Z990" s="143"/>
      <c r="AA990" s="137"/>
      <c r="AB990" s="137"/>
      <c r="AC990" s="137"/>
      <c r="AD990" s="137"/>
      <c r="AE990" s="137"/>
      <c r="AF990" s="137"/>
      <c r="AG990" s="137"/>
      <c r="AH990" s="137"/>
      <c r="AI990" s="137"/>
      <c r="AJ990" s="137"/>
      <c r="AK990" s="206"/>
      <c r="AL990" s="206"/>
      <c r="AM990" s="143"/>
      <c r="AN990" s="137"/>
      <c r="AO990" s="137"/>
      <c r="AP990" s="137"/>
      <c r="AQ990" s="137"/>
      <c r="AR990" s="137"/>
      <c r="AS990" s="137"/>
      <c r="AT990" s="137"/>
      <c r="AU990" s="137"/>
      <c r="AV990" s="137"/>
      <c r="AW990" s="144"/>
    </row>
    <row r="991" spans="2:49" x14ac:dyDescent="0.2">
      <c r="B991" s="97"/>
      <c r="G991" s="43"/>
      <c r="J991" s="98"/>
      <c r="K991" s="97"/>
      <c r="N991" s="3"/>
      <c r="W991" s="98"/>
      <c r="Z991" s="143"/>
      <c r="AA991" s="137"/>
      <c r="AB991" s="137"/>
      <c r="AC991" s="137"/>
      <c r="AD991" s="137"/>
      <c r="AE991" s="137"/>
      <c r="AF991" s="137"/>
      <c r="AG991" s="137"/>
      <c r="AH991" s="137"/>
      <c r="AI991" s="137"/>
      <c r="AJ991" s="137"/>
      <c r="AK991" s="206"/>
      <c r="AL991" s="206"/>
      <c r="AM991" s="143"/>
      <c r="AN991" s="137"/>
      <c r="AO991" s="137"/>
      <c r="AP991" s="137"/>
      <c r="AQ991" s="137"/>
      <c r="AR991" s="137"/>
      <c r="AS991" s="137"/>
      <c r="AT991" s="137"/>
      <c r="AU991" s="137"/>
      <c r="AV991" s="137"/>
      <c r="AW991" s="144"/>
    </row>
    <row r="992" spans="2:49" x14ac:dyDescent="0.2">
      <c r="B992" s="97"/>
      <c r="G992" s="43"/>
      <c r="J992" s="98"/>
      <c r="K992" s="97"/>
      <c r="N992" s="3"/>
      <c r="W992" s="98"/>
      <c r="Z992" s="143"/>
      <c r="AA992" s="137"/>
      <c r="AB992" s="137"/>
      <c r="AC992" s="137"/>
      <c r="AD992" s="137"/>
      <c r="AE992" s="137"/>
      <c r="AF992" s="137"/>
      <c r="AG992" s="137"/>
      <c r="AH992" s="137"/>
      <c r="AI992" s="137"/>
      <c r="AJ992" s="137"/>
      <c r="AK992" s="206"/>
      <c r="AL992" s="206"/>
      <c r="AM992" s="143"/>
      <c r="AN992" s="137"/>
      <c r="AO992" s="137"/>
      <c r="AP992" s="137"/>
      <c r="AQ992" s="137"/>
      <c r="AR992" s="137"/>
      <c r="AS992" s="137"/>
      <c r="AT992" s="137"/>
      <c r="AU992" s="137"/>
      <c r="AV992" s="137"/>
      <c r="AW992" s="144"/>
    </row>
    <row r="993" spans="2:49" x14ac:dyDescent="0.2">
      <c r="B993" s="97"/>
      <c r="G993" s="43"/>
      <c r="J993" s="98"/>
      <c r="K993" s="97"/>
      <c r="N993" s="3"/>
      <c r="W993" s="98"/>
      <c r="Z993" s="143"/>
      <c r="AA993" s="137"/>
      <c r="AB993" s="137"/>
      <c r="AC993" s="137"/>
      <c r="AD993" s="137"/>
      <c r="AE993" s="137"/>
      <c r="AF993" s="137"/>
      <c r="AG993" s="137"/>
      <c r="AH993" s="137"/>
      <c r="AI993" s="137"/>
      <c r="AJ993" s="137"/>
      <c r="AK993" s="206"/>
      <c r="AL993" s="206"/>
      <c r="AM993" s="143"/>
      <c r="AN993" s="137"/>
      <c r="AO993" s="137"/>
      <c r="AP993" s="137"/>
      <c r="AQ993" s="137"/>
      <c r="AR993" s="137"/>
      <c r="AS993" s="137"/>
      <c r="AT993" s="137"/>
      <c r="AU993" s="137"/>
      <c r="AV993" s="137"/>
      <c r="AW993" s="144"/>
    </row>
    <row r="994" spans="2:49" x14ac:dyDescent="0.2">
      <c r="B994" s="97"/>
      <c r="G994" s="43"/>
      <c r="J994" s="98"/>
      <c r="K994" s="97"/>
      <c r="N994" s="3"/>
      <c r="W994" s="98"/>
      <c r="Z994" s="143"/>
      <c r="AA994" s="137"/>
      <c r="AB994" s="137"/>
      <c r="AC994" s="137"/>
      <c r="AD994" s="137"/>
      <c r="AE994" s="137"/>
      <c r="AF994" s="137"/>
      <c r="AG994" s="137"/>
      <c r="AH994" s="137"/>
      <c r="AI994" s="137"/>
      <c r="AJ994" s="137"/>
      <c r="AK994" s="206"/>
      <c r="AL994" s="206"/>
      <c r="AM994" s="143"/>
      <c r="AN994" s="137"/>
      <c r="AO994" s="137"/>
      <c r="AP994" s="137"/>
      <c r="AQ994" s="137"/>
      <c r="AR994" s="137"/>
      <c r="AS994" s="137"/>
      <c r="AT994" s="137"/>
      <c r="AU994" s="137"/>
      <c r="AV994" s="137"/>
      <c r="AW994" s="144"/>
    </row>
    <row r="995" spans="2:49" x14ac:dyDescent="0.2">
      <c r="B995" s="97"/>
      <c r="G995" s="43"/>
      <c r="J995" s="98"/>
      <c r="K995" s="97"/>
      <c r="N995" s="3"/>
      <c r="W995" s="98"/>
      <c r="Z995" s="143"/>
      <c r="AA995" s="137"/>
      <c r="AB995" s="137"/>
      <c r="AC995" s="137"/>
      <c r="AD995" s="137"/>
      <c r="AE995" s="137"/>
      <c r="AF995" s="137"/>
      <c r="AG995" s="137"/>
      <c r="AH995" s="137"/>
      <c r="AI995" s="137"/>
      <c r="AJ995" s="137"/>
      <c r="AK995" s="206"/>
      <c r="AL995" s="206"/>
      <c r="AM995" s="143"/>
      <c r="AN995" s="137"/>
      <c r="AO995" s="137"/>
      <c r="AP995" s="137"/>
      <c r="AQ995" s="137"/>
      <c r="AR995" s="137"/>
      <c r="AS995" s="137"/>
      <c r="AT995" s="137"/>
      <c r="AU995" s="137"/>
      <c r="AV995" s="137"/>
      <c r="AW995" s="144"/>
    </row>
    <row r="996" spans="2:49" x14ac:dyDescent="0.2">
      <c r="B996" s="97"/>
      <c r="G996" s="43"/>
      <c r="J996" s="98"/>
      <c r="K996" s="97"/>
      <c r="N996" s="3"/>
      <c r="W996" s="98"/>
      <c r="Z996" s="143"/>
      <c r="AA996" s="137"/>
      <c r="AB996" s="137"/>
      <c r="AC996" s="137"/>
      <c r="AD996" s="137"/>
      <c r="AE996" s="137"/>
      <c r="AF996" s="137"/>
      <c r="AG996" s="137"/>
      <c r="AH996" s="137"/>
      <c r="AI996" s="137"/>
      <c r="AJ996" s="137"/>
      <c r="AK996" s="206"/>
      <c r="AL996" s="206"/>
      <c r="AM996" s="143"/>
      <c r="AN996" s="137"/>
      <c r="AO996" s="137"/>
      <c r="AP996" s="137"/>
      <c r="AQ996" s="137"/>
      <c r="AR996" s="137"/>
      <c r="AS996" s="137"/>
      <c r="AT996" s="137"/>
      <c r="AU996" s="137"/>
      <c r="AV996" s="137"/>
      <c r="AW996" s="144"/>
    </row>
    <row r="997" spans="2:49" x14ac:dyDescent="0.2">
      <c r="B997" s="97"/>
      <c r="G997" s="43"/>
      <c r="J997" s="98"/>
      <c r="K997" s="97"/>
      <c r="N997" s="3"/>
      <c r="W997" s="98"/>
      <c r="Z997" s="143"/>
      <c r="AA997" s="137"/>
      <c r="AB997" s="137"/>
      <c r="AC997" s="137"/>
      <c r="AD997" s="137"/>
      <c r="AE997" s="137"/>
      <c r="AF997" s="137"/>
      <c r="AG997" s="137"/>
      <c r="AH997" s="137"/>
      <c r="AI997" s="137"/>
      <c r="AJ997" s="137"/>
      <c r="AK997" s="206"/>
      <c r="AL997" s="206"/>
      <c r="AM997" s="143"/>
      <c r="AN997" s="137"/>
      <c r="AO997" s="137"/>
      <c r="AP997" s="137"/>
      <c r="AQ997" s="137"/>
      <c r="AR997" s="137"/>
      <c r="AS997" s="137"/>
      <c r="AT997" s="137"/>
      <c r="AU997" s="137"/>
      <c r="AV997" s="137"/>
      <c r="AW997" s="144"/>
    </row>
    <row r="998" spans="2:49" x14ac:dyDescent="0.2">
      <c r="B998" s="97"/>
      <c r="G998" s="43"/>
      <c r="J998" s="98"/>
      <c r="K998" s="97"/>
      <c r="N998" s="3"/>
      <c r="W998" s="98"/>
      <c r="Z998" s="143"/>
      <c r="AA998" s="137"/>
      <c r="AB998" s="137"/>
      <c r="AC998" s="137"/>
      <c r="AD998" s="137"/>
      <c r="AE998" s="137"/>
      <c r="AF998" s="137"/>
      <c r="AG998" s="137"/>
      <c r="AH998" s="137"/>
      <c r="AI998" s="137"/>
      <c r="AJ998" s="137"/>
      <c r="AK998" s="206"/>
      <c r="AL998" s="206"/>
      <c r="AM998" s="143"/>
      <c r="AN998" s="137"/>
      <c r="AO998" s="137"/>
      <c r="AP998" s="137"/>
      <c r="AQ998" s="137"/>
      <c r="AR998" s="137"/>
      <c r="AS998" s="137"/>
      <c r="AT998" s="137"/>
      <c r="AU998" s="137"/>
      <c r="AV998" s="137"/>
      <c r="AW998" s="144"/>
    </row>
    <row r="999" spans="2:49" x14ac:dyDescent="0.2">
      <c r="B999" s="97"/>
      <c r="G999" s="43"/>
      <c r="J999" s="98"/>
      <c r="K999" s="97"/>
      <c r="N999" s="3"/>
      <c r="W999" s="98"/>
      <c r="Z999" s="143"/>
      <c r="AA999" s="137"/>
      <c r="AB999" s="137"/>
      <c r="AC999" s="137"/>
      <c r="AD999" s="137"/>
      <c r="AE999" s="137"/>
      <c r="AF999" s="137"/>
      <c r="AG999" s="137"/>
      <c r="AH999" s="137"/>
      <c r="AI999" s="137"/>
      <c r="AJ999" s="137"/>
      <c r="AK999" s="206"/>
      <c r="AL999" s="206"/>
      <c r="AM999" s="143"/>
      <c r="AN999" s="137"/>
      <c r="AO999" s="137"/>
      <c r="AP999" s="137"/>
      <c r="AQ999" s="137"/>
      <c r="AR999" s="137"/>
      <c r="AS999" s="137"/>
      <c r="AT999" s="137"/>
      <c r="AU999" s="137"/>
      <c r="AV999" s="137"/>
      <c r="AW999" s="144"/>
    </row>
    <row r="1000" spans="2:49" x14ac:dyDescent="0.2">
      <c r="B1000" s="97"/>
      <c r="G1000" s="43"/>
      <c r="J1000" s="98"/>
      <c r="K1000" s="97"/>
      <c r="N1000" s="3"/>
      <c r="W1000" s="98"/>
      <c r="Z1000" s="143"/>
      <c r="AA1000" s="137"/>
      <c r="AB1000" s="137"/>
      <c r="AC1000" s="137"/>
      <c r="AD1000" s="137"/>
      <c r="AE1000" s="137"/>
      <c r="AF1000" s="137"/>
      <c r="AG1000" s="137"/>
      <c r="AH1000" s="137"/>
      <c r="AI1000" s="137"/>
      <c r="AJ1000" s="137"/>
      <c r="AK1000" s="206"/>
      <c r="AL1000" s="206"/>
      <c r="AM1000" s="143"/>
      <c r="AN1000" s="137"/>
      <c r="AO1000" s="137"/>
      <c r="AP1000" s="137"/>
      <c r="AQ1000" s="137"/>
      <c r="AR1000" s="137"/>
      <c r="AS1000" s="137"/>
      <c r="AT1000" s="137"/>
      <c r="AU1000" s="137"/>
      <c r="AV1000" s="137"/>
      <c r="AW1000" s="144"/>
    </row>
    <row r="1001" spans="2:49" x14ac:dyDescent="0.2">
      <c r="B1001" s="97"/>
      <c r="G1001" s="43"/>
      <c r="J1001" s="98"/>
      <c r="K1001" s="97"/>
      <c r="N1001" s="3"/>
      <c r="W1001" s="98"/>
      <c r="Z1001" s="143"/>
      <c r="AA1001" s="137"/>
      <c r="AB1001" s="137"/>
      <c r="AC1001" s="137"/>
      <c r="AD1001" s="137"/>
      <c r="AE1001" s="137"/>
      <c r="AF1001" s="137"/>
      <c r="AG1001" s="137"/>
      <c r="AH1001" s="137"/>
      <c r="AI1001" s="137"/>
      <c r="AJ1001" s="137"/>
      <c r="AK1001" s="206"/>
      <c r="AL1001" s="206"/>
      <c r="AM1001" s="143"/>
      <c r="AN1001" s="137"/>
      <c r="AO1001" s="137"/>
      <c r="AP1001" s="137"/>
      <c r="AQ1001" s="137"/>
      <c r="AR1001" s="137"/>
      <c r="AS1001" s="137"/>
      <c r="AT1001" s="137"/>
      <c r="AU1001" s="137"/>
      <c r="AV1001" s="137"/>
      <c r="AW1001" s="144"/>
    </row>
    <row r="1002" spans="2:49" x14ac:dyDescent="0.2">
      <c r="B1002" s="97"/>
      <c r="G1002" s="43"/>
      <c r="J1002" s="98"/>
      <c r="K1002" s="97"/>
      <c r="N1002" s="3"/>
      <c r="W1002" s="98"/>
      <c r="Z1002" s="143"/>
      <c r="AA1002" s="137"/>
      <c r="AB1002" s="137"/>
      <c r="AC1002" s="137"/>
      <c r="AD1002" s="137"/>
      <c r="AE1002" s="137"/>
      <c r="AF1002" s="137"/>
      <c r="AG1002" s="137"/>
      <c r="AH1002" s="137"/>
      <c r="AI1002" s="137"/>
      <c r="AJ1002" s="137"/>
      <c r="AK1002" s="206"/>
      <c r="AL1002" s="206"/>
      <c r="AM1002" s="143"/>
      <c r="AN1002" s="137"/>
      <c r="AO1002" s="137"/>
      <c r="AP1002" s="137"/>
      <c r="AQ1002" s="137"/>
      <c r="AR1002" s="137"/>
      <c r="AS1002" s="137"/>
      <c r="AT1002" s="137"/>
      <c r="AU1002" s="137"/>
      <c r="AV1002" s="137"/>
      <c r="AW1002" s="144"/>
    </row>
    <row r="1003" spans="2:49" x14ac:dyDescent="0.2">
      <c r="B1003" s="97"/>
      <c r="G1003" s="43"/>
      <c r="J1003" s="98"/>
      <c r="K1003" s="97"/>
      <c r="N1003" s="3"/>
      <c r="W1003" s="98"/>
      <c r="Z1003" s="143"/>
      <c r="AA1003" s="137"/>
      <c r="AB1003" s="137"/>
      <c r="AC1003" s="137"/>
      <c r="AD1003" s="137"/>
      <c r="AE1003" s="137"/>
      <c r="AF1003" s="137"/>
      <c r="AG1003" s="137"/>
      <c r="AH1003" s="137"/>
      <c r="AI1003" s="137"/>
      <c r="AJ1003" s="137"/>
      <c r="AK1003" s="206"/>
      <c r="AL1003" s="206"/>
      <c r="AM1003" s="143"/>
      <c r="AN1003" s="137"/>
      <c r="AO1003" s="137"/>
      <c r="AP1003" s="137"/>
      <c r="AQ1003" s="137"/>
      <c r="AR1003" s="137"/>
      <c r="AS1003" s="137"/>
      <c r="AT1003" s="137"/>
      <c r="AU1003" s="137"/>
      <c r="AV1003" s="137"/>
      <c r="AW1003" s="144"/>
    </row>
    <row r="1004" spans="2:49" x14ac:dyDescent="0.2">
      <c r="B1004" s="97"/>
      <c r="G1004" s="43"/>
      <c r="J1004" s="98"/>
      <c r="K1004" s="97"/>
      <c r="N1004" s="3"/>
      <c r="W1004" s="98"/>
      <c r="Z1004" s="143"/>
      <c r="AA1004" s="137"/>
      <c r="AB1004" s="137"/>
      <c r="AC1004" s="137"/>
      <c r="AD1004" s="137"/>
      <c r="AE1004" s="137"/>
      <c r="AF1004" s="137"/>
      <c r="AG1004" s="137"/>
      <c r="AH1004" s="137"/>
      <c r="AI1004" s="137"/>
      <c r="AJ1004" s="137"/>
      <c r="AK1004" s="206"/>
      <c r="AL1004" s="206"/>
      <c r="AM1004" s="143"/>
      <c r="AN1004" s="137"/>
      <c r="AO1004" s="137"/>
      <c r="AP1004" s="137"/>
      <c r="AQ1004" s="137"/>
      <c r="AR1004" s="137"/>
      <c r="AS1004" s="137"/>
      <c r="AT1004" s="137"/>
      <c r="AU1004" s="137"/>
      <c r="AV1004" s="137"/>
      <c r="AW1004" s="144"/>
    </row>
    <row r="1005" spans="2:49" x14ac:dyDescent="0.2">
      <c r="B1005" s="97"/>
      <c r="G1005" s="43"/>
      <c r="J1005" s="98"/>
      <c r="K1005" s="97"/>
      <c r="N1005" s="3"/>
      <c r="W1005" s="98"/>
      <c r="Z1005" s="143"/>
      <c r="AA1005" s="137"/>
      <c r="AB1005" s="137"/>
      <c r="AC1005" s="137"/>
      <c r="AD1005" s="137"/>
      <c r="AE1005" s="137"/>
      <c r="AF1005" s="137"/>
      <c r="AG1005" s="137"/>
      <c r="AH1005" s="137"/>
      <c r="AI1005" s="137"/>
      <c r="AJ1005" s="137"/>
      <c r="AK1005" s="206"/>
      <c r="AL1005" s="206"/>
      <c r="AM1005" s="143"/>
      <c r="AN1005" s="137"/>
      <c r="AO1005" s="137"/>
      <c r="AP1005" s="137"/>
      <c r="AQ1005" s="137"/>
      <c r="AR1005" s="137"/>
      <c r="AS1005" s="137"/>
      <c r="AT1005" s="137"/>
      <c r="AU1005" s="137"/>
      <c r="AV1005" s="137"/>
      <c r="AW1005" s="144"/>
    </row>
    <row r="1006" spans="2:49" x14ac:dyDescent="0.2">
      <c r="B1006" s="97"/>
      <c r="G1006" s="43"/>
      <c r="J1006" s="98"/>
      <c r="K1006" s="97"/>
      <c r="N1006" s="3"/>
      <c r="W1006" s="98"/>
      <c r="Z1006" s="143"/>
      <c r="AA1006" s="137"/>
      <c r="AB1006" s="137"/>
      <c r="AC1006" s="137"/>
      <c r="AD1006" s="137"/>
      <c r="AE1006" s="137"/>
      <c r="AF1006" s="137"/>
      <c r="AG1006" s="137"/>
      <c r="AH1006" s="137"/>
      <c r="AI1006" s="137"/>
      <c r="AJ1006" s="137"/>
      <c r="AK1006" s="206"/>
      <c r="AL1006" s="206"/>
      <c r="AM1006" s="143"/>
      <c r="AN1006" s="137"/>
      <c r="AO1006" s="137"/>
      <c r="AP1006" s="137"/>
      <c r="AQ1006" s="137"/>
      <c r="AR1006" s="137"/>
      <c r="AS1006" s="137"/>
      <c r="AT1006" s="137"/>
      <c r="AU1006" s="137"/>
      <c r="AV1006" s="137"/>
      <c r="AW1006" s="144"/>
    </row>
    <row r="1007" spans="2:49" x14ac:dyDescent="0.2">
      <c r="B1007" s="97"/>
      <c r="G1007" s="43"/>
      <c r="J1007" s="98"/>
      <c r="K1007" s="97"/>
      <c r="N1007" s="3"/>
      <c r="W1007" s="98"/>
      <c r="Z1007" s="143"/>
      <c r="AA1007" s="137"/>
      <c r="AB1007" s="137"/>
      <c r="AC1007" s="137"/>
      <c r="AD1007" s="137"/>
      <c r="AE1007" s="137"/>
      <c r="AF1007" s="137"/>
      <c r="AG1007" s="137"/>
      <c r="AH1007" s="137"/>
      <c r="AI1007" s="137"/>
      <c r="AJ1007" s="137"/>
      <c r="AK1007" s="206"/>
      <c r="AL1007" s="206"/>
      <c r="AM1007" s="143"/>
      <c r="AN1007" s="137"/>
      <c r="AO1007" s="137"/>
      <c r="AP1007" s="137"/>
      <c r="AQ1007" s="137"/>
      <c r="AR1007" s="137"/>
      <c r="AS1007" s="137"/>
      <c r="AT1007" s="137"/>
      <c r="AU1007" s="137"/>
      <c r="AV1007" s="137"/>
      <c r="AW1007" s="144"/>
    </row>
    <row r="1008" spans="2:49" x14ac:dyDescent="0.2">
      <c r="B1008" s="97"/>
      <c r="G1008" s="43"/>
      <c r="J1008" s="98"/>
      <c r="K1008" s="97"/>
      <c r="N1008" s="3"/>
      <c r="W1008" s="98"/>
      <c r="Z1008" s="143"/>
      <c r="AA1008" s="137"/>
      <c r="AB1008" s="137"/>
      <c r="AC1008" s="137"/>
      <c r="AD1008" s="137"/>
      <c r="AE1008" s="137"/>
      <c r="AF1008" s="137"/>
      <c r="AG1008" s="137"/>
      <c r="AH1008" s="137"/>
      <c r="AI1008" s="137"/>
      <c r="AJ1008" s="137"/>
      <c r="AK1008" s="206"/>
      <c r="AL1008" s="206"/>
      <c r="AM1008" s="143"/>
      <c r="AN1008" s="137"/>
      <c r="AO1008" s="137"/>
      <c r="AP1008" s="137"/>
      <c r="AQ1008" s="137"/>
      <c r="AR1008" s="137"/>
      <c r="AS1008" s="137"/>
      <c r="AT1008" s="137"/>
      <c r="AU1008" s="137"/>
      <c r="AV1008" s="137"/>
      <c r="AW1008" s="144"/>
    </row>
    <row r="1009" spans="2:49" x14ac:dyDescent="0.2">
      <c r="B1009" s="97"/>
      <c r="G1009" s="43"/>
      <c r="J1009" s="98"/>
      <c r="K1009" s="97"/>
      <c r="N1009" s="3"/>
      <c r="W1009" s="98"/>
      <c r="Z1009" s="143"/>
      <c r="AA1009" s="137"/>
      <c r="AB1009" s="137"/>
      <c r="AC1009" s="137"/>
      <c r="AD1009" s="137"/>
      <c r="AE1009" s="137"/>
      <c r="AF1009" s="137"/>
      <c r="AG1009" s="137"/>
      <c r="AH1009" s="137"/>
      <c r="AI1009" s="137"/>
      <c r="AJ1009" s="137"/>
      <c r="AK1009" s="206"/>
      <c r="AL1009" s="206"/>
      <c r="AM1009" s="143"/>
      <c r="AN1009" s="137"/>
      <c r="AO1009" s="137"/>
      <c r="AP1009" s="137"/>
      <c r="AQ1009" s="137"/>
      <c r="AR1009" s="137"/>
      <c r="AS1009" s="137"/>
      <c r="AT1009" s="137"/>
      <c r="AU1009" s="137"/>
      <c r="AV1009" s="137"/>
      <c r="AW1009" s="144"/>
    </row>
    <row r="1010" spans="2:49" x14ac:dyDescent="0.2">
      <c r="B1010" s="97"/>
      <c r="G1010" s="43"/>
      <c r="J1010" s="98"/>
      <c r="K1010" s="97"/>
      <c r="N1010" s="3"/>
      <c r="W1010" s="98"/>
      <c r="Z1010" s="143"/>
      <c r="AA1010" s="137"/>
      <c r="AB1010" s="137"/>
      <c r="AC1010" s="137"/>
      <c r="AD1010" s="137"/>
      <c r="AE1010" s="137"/>
      <c r="AF1010" s="137"/>
      <c r="AG1010" s="137"/>
      <c r="AH1010" s="137"/>
      <c r="AI1010" s="137"/>
      <c r="AJ1010" s="137"/>
      <c r="AK1010" s="206"/>
      <c r="AL1010" s="206"/>
      <c r="AM1010" s="143"/>
      <c r="AN1010" s="137"/>
      <c r="AO1010" s="137"/>
      <c r="AP1010" s="137"/>
      <c r="AQ1010" s="137"/>
      <c r="AR1010" s="137"/>
      <c r="AS1010" s="137"/>
      <c r="AT1010" s="137"/>
      <c r="AU1010" s="137"/>
      <c r="AV1010" s="137"/>
      <c r="AW1010" s="144"/>
    </row>
    <row r="1011" spans="2:49" x14ac:dyDescent="0.2">
      <c r="B1011" s="97"/>
      <c r="G1011" s="43"/>
      <c r="J1011" s="98"/>
      <c r="K1011" s="97"/>
      <c r="N1011" s="3"/>
      <c r="W1011" s="98"/>
      <c r="Z1011" s="143"/>
      <c r="AA1011" s="137"/>
      <c r="AB1011" s="137"/>
      <c r="AC1011" s="137"/>
      <c r="AD1011" s="137"/>
      <c r="AE1011" s="137"/>
      <c r="AF1011" s="137"/>
      <c r="AG1011" s="137"/>
      <c r="AH1011" s="137"/>
      <c r="AI1011" s="137"/>
      <c r="AJ1011" s="137"/>
      <c r="AK1011" s="206"/>
      <c r="AL1011" s="206"/>
      <c r="AM1011" s="143"/>
      <c r="AN1011" s="137"/>
      <c r="AO1011" s="137"/>
      <c r="AP1011" s="137"/>
      <c r="AQ1011" s="137"/>
      <c r="AR1011" s="137"/>
      <c r="AS1011" s="137"/>
      <c r="AT1011" s="137"/>
      <c r="AU1011" s="137"/>
      <c r="AV1011" s="137"/>
      <c r="AW1011" s="144"/>
    </row>
    <row r="1012" spans="2:49" x14ac:dyDescent="0.2">
      <c r="B1012" s="97"/>
      <c r="G1012" s="43"/>
      <c r="J1012" s="98"/>
      <c r="K1012" s="97"/>
      <c r="N1012" s="3"/>
      <c r="W1012" s="98"/>
      <c r="Z1012" s="143"/>
      <c r="AA1012" s="137"/>
      <c r="AB1012" s="137"/>
      <c r="AC1012" s="137"/>
      <c r="AD1012" s="137"/>
      <c r="AE1012" s="137"/>
      <c r="AF1012" s="137"/>
      <c r="AG1012" s="137"/>
      <c r="AH1012" s="137"/>
      <c r="AI1012" s="137"/>
      <c r="AJ1012" s="137"/>
      <c r="AK1012" s="206"/>
      <c r="AL1012" s="206"/>
      <c r="AM1012" s="143"/>
      <c r="AN1012" s="137"/>
      <c r="AO1012" s="137"/>
      <c r="AP1012" s="137"/>
      <c r="AQ1012" s="137"/>
      <c r="AR1012" s="137"/>
      <c r="AS1012" s="137"/>
      <c r="AT1012" s="137"/>
      <c r="AU1012" s="137"/>
      <c r="AV1012" s="137"/>
      <c r="AW1012" s="144"/>
    </row>
    <row r="1013" spans="2:49" x14ac:dyDescent="0.2">
      <c r="B1013" s="97"/>
      <c r="G1013" s="43"/>
      <c r="J1013" s="98"/>
      <c r="K1013" s="97"/>
      <c r="N1013" s="3"/>
      <c r="W1013" s="98"/>
      <c r="Z1013" s="143"/>
      <c r="AA1013" s="137"/>
      <c r="AB1013" s="137"/>
      <c r="AC1013" s="137"/>
      <c r="AD1013" s="137"/>
      <c r="AE1013" s="137"/>
      <c r="AF1013" s="137"/>
      <c r="AG1013" s="137"/>
      <c r="AH1013" s="137"/>
      <c r="AI1013" s="137"/>
      <c r="AJ1013" s="137"/>
      <c r="AK1013" s="206"/>
      <c r="AL1013" s="206"/>
      <c r="AM1013" s="143"/>
      <c r="AN1013" s="137"/>
      <c r="AO1013" s="137"/>
      <c r="AP1013" s="137"/>
      <c r="AQ1013" s="137"/>
      <c r="AR1013" s="137"/>
      <c r="AS1013" s="137"/>
      <c r="AT1013" s="137"/>
      <c r="AU1013" s="137"/>
      <c r="AV1013" s="137"/>
      <c r="AW1013" s="144"/>
    </row>
    <row r="1014" spans="2:49" x14ac:dyDescent="0.2">
      <c r="B1014" s="97"/>
      <c r="G1014" s="43"/>
      <c r="J1014" s="98"/>
      <c r="K1014" s="97"/>
      <c r="N1014" s="3"/>
      <c r="W1014" s="98"/>
      <c r="Z1014" s="143"/>
      <c r="AA1014" s="137"/>
      <c r="AB1014" s="137"/>
      <c r="AC1014" s="137"/>
      <c r="AD1014" s="137"/>
      <c r="AE1014" s="137"/>
      <c r="AF1014" s="137"/>
      <c r="AG1014" s="137"/>
      <c r="AH1014" s="137"/>
      <c r="AI1014" s="137"/>
      <c r="AJ1014" s="137"/>
      <c r="AK1014" s="206"/>
      <c r="AL1014" s="206"/>
      <c r="AM1014" s="143"/>
      <c r="AN1014" s="137"/>
      <c r="AO1014" s="137"/>
      <c r="AP1014" s="137"/>
      <c r="AQ1014" s="137"/>
      <c r="AR1014" s="137"/>
      <c r="AS1014" s="137"/>
      <c r="AT1014" s="137"/>
      <c r="AU1014" s="137"/>
      <c r="AV1014" s="137"/>
      <c r="AW1014" s="144"/>
    </row>
    <row r="1015" spans="2:49" x14ac:dyDescent="0.2">
      <c r="B1015" s="97"/>
      <c r="G1015" s="43"/>
      <c r="J1015" s="98"/>
      <c r="K1015" s="97"/>
      <c r="N1015" s="3"/>
      <c r="W1015" s="98"/>
      <c r="Z1015" s="143"/>
      <c r="AA1015" s="137"/>
      <c r="AB1015" s="137"/>
      <c r="AC1015" s="137"/>
      <c r="AD1015" s="137"/>
      <c r="AE1015" s="137"/>
      <c r="AF1015" s="137"/>
      <c r="AG1015" s="137"/>
      <c r="AH1015" s="137"/>
      <c r="AI1015" s="137"/>
      <c r="AJ1015" s="137"/>
      <c r="AK1015" s="206"/>
      <c r="AL1015" s="206"/>
      <c r="AM1015" s="143"/>
      <c r="AN1015" s="137"/>
      <c r="AO1015" s="137"/>
      <c r="AP1015" s="137"/>
      <c r="AQ1015" s="137"/>
      <c r="AR1015" s="137"/>
      <c r="AS1015" s="137"/>
      <c r="AT1015" s="137"/>
      <c r="AU1015" s="137"/>
      <c r="AV1015" s="137"/>
      <c r="AW1015" s="144"/>
    </row>
    <row r="1016" spans="2:49" x14ac:dyDescent="0.2">
      <c r="B1016" s="97"/>
      <c r="G1016" s="43"/>
      <c r="J1016" s="98"/>
      <c r="K1016" s="97"/>
      <c r="N1016" s="3"/>
      <c r="W1016" s="98"/>
      <c r="Z1016" s="143"/>
      <c r="AA1016" s="137"/>
      <c r="AB1016" s="137"/>
      <c r="AC1016" s="137"/>
      <c r="AD1016" s="137"/>
      <c r="AE1016" s="137"/>
      <c r="AF1016" s="137"/>
      <c r="AG1016" s="137"/>
      <c r="AH1016" s="137"/>
      <c r="AI1016" s="137"/>
      <c r="AJ1016" s="137"/>
      <c r="AK1016" s="206"/>
      <c r="AL1016" s="206"/>
      <c r="AM1016" s="143"/>
      <c r="AN1016" s="137"/>
      <c r="AO1016" s="137"/>
      <c r="AP1016" s="137"/>
      <c r="AQ1016" s="137"/>
      <c r="AR1016" s="137"/>
      <c r="AS1016" s="137"/>
      <c r="AT1016" s="137"/>
      <c r="AU1016" s="137"/>
      <c r="AV1016" s="137"/>
      <c r="AW1016" s="144"/>
    </row>
    <row r="1017" spans="2:49" x14ac:dyDescent="0.2">
      <c r="B1017" s="97"/>
      <c r="G1017" s="43"/>
      <c r="J1017" s="98"/>
      <c r="K1017" s="97"/>
      <c r="N1017" s="3"/>
      <c r="W1017" s="98"/>
      <c r="Z1017" s="143"/>
      <c r="AA1017" s="137"/>
      <c r="AB1017" s="137"/>
      <c r="AC1017" s="137"/>
      <c r="AD1017" s="137"/>
      <c r="AE1017" s="137"/>
      <c r="AF1017" s="137"/>
      <c r="AG1017" s="137"/>
      <c r="AH1017" s="137"/>
      <c r="AI1017" s="137"/>
      <c r="AJ1017" s="137"/>
      <c r="AK1017" s="206"/>
      <c r="AL1017" s="206"/>
      <c r="AM1017" s="143"/>
      <c r="AN1017" s="137"/>
      <c r="AO1017" s="137"/>
      <c r="AP1017" s="137"/>
      <c r="AQ1017" s="137"/>
      <c r="AR1017" s="137"/>
      <c r="AS1017" s="137"/>
      <c r="AT1017" s="137"/>
      <c r="AU1017" s="137"/>
      <c r="AV1017" s="137"/>
      <c r="AW1017" s="144"/>
    </row>
    <row r="1018" spans="2:49" x14ac:dyDescent="0.2">
      <c r="B1018" s="97"/>
      <c r="G1018" s="43"/>
      <c r="J1018" s="98"/>
      <c r="K1018" s="97"/>
      <c r="N1018" s="3"/>
      <c r="W1018" s="98"/>
      <c r="Z1018" s="143"/>
      <c r="AA1018" s="137"/>
      <c r="AB1018" s="137"/>
      <c r="AC1018" s="137"/>
      <c r="AD1018" s="137"/>
      <c r="AE1018" s="137"/>
      <c r="AF1018" s="137"/>
      <c r="AG1018" s="137"/>
      <c r="AH1018" s="137"/>
      <c r="AI1018" s="137"/>
      <c r="AJ1018" s="137"/>
      <c r="AK1018" s="206"/>
      <c r="AL1018" s="206"/>
      <c r="AM1018" s="143"/>
      <c r="AN1018" s="137"/>
      <c r="AO1018" s="137"/>
      <c r="AP1018" s="137"/>
      <c r="AQ1018" s="137"/>
      <c r="AR1018" s="137"/>
      <c r="AS1018" s="137"/>
      <c r="AT1018" s="137"/>
      <c r="AU1018" s="137"/>
      <c r="AV1018" s="137"/>
      <c r="AW1018" s="144"/>
    </row>
    <row r="1019" spans="2:49" x14ac:dyDescent="0.2">
      <c r="B1019" s="97"/>
      <c r="G1019" s="43"/>
      <c r="J1019" s="98"/>
      <c r="K1019" s="97"/>
      <c r="N1019" s="3"/>
      <c r="W1019" s="98"/>
      <c r="Z1019" s="143"/>
      <c r="AA1019" s="137"/>
      <c r="AB1019" s="137"/>
      <c r="AC1019" s="137"/>
      <c r="AD1019" s="137"/>
      <c r="AE1019" s="137"/>
      <c r="AF1019" s="137"/>
      <c r="AG1019" s="137"/>
      <c r="AH1019" s="137"/>
      <c r="AI1019" s="137"/>
      <c r="AJ1019" s="137"/>
      <c r="AK1019" s="206"/>
      <c r="AL1019" s="206"/>
      <c r="AM1019" s="143"/>
      <c r="AN1019" s="137"/>
      <c r="AO1019" s="137"/>
      <c r="AP1019" s="137"/>
      <c r="AQ1019" s="137"/>
      <c r="AR1019" s="137"/>
      <c r="AS1019" s="137"/>
      <c r="AT1019" s="137"/>
      <c r="AU1019" s="137"/>
      <c r="AV1019" s="137"/>
      <c r="AW1019" s="144"/>
    </row>
    <row r="1020" spans="2:49" x14ac:dyDescent="0.2">
      <c r="B1020" s="97"/>
      <c r="G1020" s="43"/>
      <c r="J1020" s="98"/>
      <c r="K1020" s="97"/>
      <c r="N1020" s="3"/>
      <c r="W1020" s="98"/>
      <c r="Z1020" s="143"/>
      <c r="AA1020" s="137"/>
      <c r="AB1020" s="137"/>
      <c r="AC1020" s="137"/>
      <c r="AD1020" s="137"/>
      <c r="AE1020" s="137"/>
      <c r="AF1020" s="137"/>
      <c r="AG1020" s="137"/>
      <c r="AH1020" s="137"/>
      <c r="AI1020" s="137"/>
      <c r="AJ1020" s="137"/>
      <c r="AK1020" s="206"/>
      <c r="AL1020" s="206"/>
      <c r="AM1020" s="143"/>
      <c r="AN1020" s="137"/>
      <c r="AO1020" s="137"/>
      <c r="AP1020" s="137"/>
      <c r="AQ1020" s="137"/>
      <c r="AR1020" s="137"/>
      <c r="AS1020" s="137"/>
      <c r="AT1020" s="137"/>
      <c r="AU1020" s="137"/>
      <c r="AV1020" s="137"/>
      <c r="AW1020" s="144"/>
    </row>
    <row r="1021" spans="2:49" x14ac:dyDescent="0.2">
      <c r="B1021" s="97"/>
      <c r="G1021" s="43"/>
      <c r="J1021" s="98"/>
      <c r="K1021" s="97"/>
      <c r="N1021" s="3"/>
      <c r="W1021" s="98"/>
      <c r="Z1021" s="143"/>
      <c r="AA1021" s="137"/>
      <c r="AB1021" s="137"/>
      <c r="AC1021" s="137"/>
      <c r="AD1021" s="137"/>
      <c r="AE1021" s="137"/>
      <c r="AF1021" s="137"/>
      <c r="AG1021" s="137"/>
      <c r="AH1021" s="137"/>
      <c r="AI1021" s="137"/>
      <c r="AJ1021" s="137"/>
      <c r="AK1021" s="206"/>
      <c r="AL1021" s="206"/>
      <c r="AM1021" s="143"/>
      <c r="AN1021" s="137"/>
      <c r="AO1021" s="137"/>
      <c r="AP1021" s="137"/>
      <c r="AQ1021" s="137"/>
      <c r="AR1021" s="137"/>
      <c r="AS1021" s="137"/>
      <c r="AT1021" s="137"/>
      <c r="AU1021" s="137"/>
      <c r="AV1021" s="137"/>
      <c r="AW1021" s="144"/>
    </row>
    <row r="1022" spans="2:49" x14ac:dyDescent="0.2">
      <c r="B1022" s="97"/>
      <c r="G1022" s="43"/>
      <c r="J1022" s="98"/>
      <c r="K1022" s="97"/>
      <c r="N1022" s="3"/>
      <c r="W1022" s="98"/>
      <c r="Z1022" s="143"/>
      <c r="AA1022" s="137"/>
      <c r="AB1022" s="137"/>
      <c r="AC1022" s="137"/>
      <c r="AD1022" s="137"/>
      <c r="AE1022" s="137"/>
      <c r="AF1022" s="137"/>
      <c r="AG1022" s="137"/>
      <c r="AH1022" s="137"/>
      <c r="AI1022" s="137"/>
      <c r="AJ1022" s="137"/>
      <c r="AK1022" s="206"/>
      <c r="AL1022" s="206"/>
      <c r="AM1022" s="143"/>
      <c r="AN1022" s="137"/>
      <c r="AO1022" s="137"/>
      <c r="AP1022" s="137"/>
      <c r="AQ1022" s="137"/>
      <c r="AR1022" s="137"/>
      <c r="AS1022" s="137"/>
      <c r="AT1022" s="137"/>
      <c r="AU1022" s="137"/>
      <c r="AV1022" s="137"/>
      <c r="AW1022" s="144"/>
    </row>
    <row r="1023" spans="2:49" x14ac:dyDescent="0.2">
      <c r="B1023" s="97"/>
      <c r="G1023" s="43"/>
      <c r="J1023" s="98"/>
      <c r="K1023" s="97"/>
      <c r="N1023" s="3"/>
      <c r="W1023" s="98"/>
      <c r="Z1023" s="143"/>
      <c r="AA1023" s="137"/>
      <c r="AB1023" s="137"/>
      <c r="AC1023" s="137"/>
      <c r="AD1023" s="137"/>
      <c r="AE1023" s="137"/>
      <c r="AF1023" s="137"/>
      <c r="AG1023" s="137"/>
      <c r="AH1023" s="137"/>
      <c r="AI1023" s="137"/>
      <c r="AJ1023" s="137"/>
      <c r="AK1023" s="206"/>
      <c r="AL1023" s="206"/>
      <c r="AM1023" s="143"/>
      <c r="AN1023" s="137"/>
      <c r="AO1023" s="137"/>
      <c r="AP1023" s="137"/>
      <c r="AQ1023" s="137"/>
      <c r="AR1023" s="137"/>
      <c r="AS1023" s="137"/>
      <c r="AT1023" s="137"/>
      <c r="AU1023" s="137"/>
      <c r="AV1023" s="137"/>
      <c r="AW1023" s="144"/>
    </row>
    <row r="1024" spans="2:49" x14ac:dyDescent="0.2">
      <c r="B1024" s="97"/>
      <c r="G1024" s="43"/>
      <c r="J1024" s="98"/>
      <c r="K1024" s="97"/>
      <c r="N1024" s="3"/>
      <c r="W1024" s="98"/>
      <c r="Z1024" s="143"/>
      <c r="AA1024" s="137"/>
      <c r="AB1024" s="137"/>
      <c r="AC1024" s="137"/>
      <c r="AD1024" s="137"/>
      <c r="AE1024" s="137"/>
      <c r="AF1024" s="137"/>
      <c r="AG1024" s="137"/>
      <c r="AH1024" s="137"/>
      <c r="AI1024" s="137"/>
      <c r="AJ1024" s="137"/>
      <c r="AK1024" s="206"/>
      <c r="AL1024" s="206"/>
      <c r="AM1024" s="143"/>
      <c r="AN1024" s="137"/>
      <c r="AO1024" s="137"/>
      <c r="AP1024" s="137"/>
      <c r="AQ1024" s="137"/>
      <c r="AR1024" s="137"/>
      <c r="AS1024" s="137"/>
      <c r="AT1024" s="137"/>
      <c r="AU1024" s="137"/>
      <c r="AV1024" s="137"/>
      <c r="AW1024" s="144"/>
    </row>
    <row r="1025" spans="2:49" x14ac:dyDescent="0.2">
      <c r="B1025" s="97"/>
      <c r="G1025" s="43"/>
      <c r="J1025" s="98"/>
      <c r="K1025" s="97"/>
      <c r="N1025" s="3"/>
      <c r="W1025" s="98"/>
      <c r="Z1025" s="143"/>
      <c r="AA1025" s="137"/>
      <c r="AB1025" s="137"/>
      <c r="AC1025" s="137"/>
      <c r="AD1025" s="137"/>
      <c r="AE1025" s="137"/>
      <c r="AF1025" s="137"/>
      <c r="AG1025" s="137"/>
      <c r="AH1025" s="137"/>
      <c r="AI1025" s="137"/>
      <c r="AJ1025" s="137"/>
      <c r="AK1025" s="206"/>
      <c r="AL1025" s="206"/>
      <c r="AM1025" s="143"/>
      <c r="AN1025" s="137"/>
      <c r="AO1025" s="137"/>
      <c r="AP1025" s="137"/>
      <c r="AQ1025" s="137"/>
      <c r="AR1025" s="137"/>
      <c r="AS1025" s="137"/>
      <c r="AT1025" s="137"/>
      <c r="AU1025" s="137"/>
      <c r="AV1025" s="137"/>
      <c r="AW1025" s="144"/>
    </row>
    <row r="1026" spans="2:49" x14ac:dyDescent="0.2">
      <c r="B1026" s="97"/>
      <c r="G1026" s="43"/>
      <c r="J1026" s="98"/>
      <c r="K1026" s="97"/>
      <c r="N1026" s="3"/>
      <c r="W1026" s="98"/>
      <c r="Z1026" s="143"/>
      <c r="AA1026" s="137"/>
      <c r="AB1026" s="137"/>
      <c r="AC1026" s="137"/>
      <c r="AD1026" s="137"/>
      <c r="AE1026" s="137"/>
      <c r="AF1026" s="137"/>
      <c r="AG1026" s="137"/>
      <c r="AH1026" s="137"/>
      <c r="AI1026" s="137"/>
      <c r="AJ1026" s="137"/>
      <c r="AK1026" s="206"/>
      <c r="AL1026" s="206"/>
      <c r="AM1026" s="143"/>
      <c r="AN1026" s="137"/>
      <c r="AO1026" s="137"/>
      <c r="AP1026" s="137"/>
      <c r="AQ1026" s="137"/>
      <c r="AR1026" s="137"/>
      <c r="AS1026" s="137"/>
      <c r="AT1026" s="137"/>
      <c r="AU1026" s="137"/>
      <c r="AV1026" s="137"/>
      <c r="AW1026" s="144"/>
    </row>
    <row r="1027" spans="2:49" x14ac:dyDescent="0.2">
      <c r="B1027" s="97"/>
      <c r="G1027" s="43"/>
      <c r="J1027" s="98"/>
      <c r="K1027" s="97"/>
      <c r="N1027" s="3"/>
      <c r="W1027" s="98"/>
      <c r="Z1027" s="143"/>
      <c r="AA1027" s="137"/>
      <c r="AB1027" s="137"/>
      <c r="AC1027" s="137"/>
      <c r="AD1027" s="137"/>
      <c r="AE1027" s="137"/>
      <c r="AF1027" s="137"/>
      <c r="AG1027" s="137"/>
      <c r="AH1027" s="137"/>
      <c r="AI1027" s="137"/>
      <c r="AJ1027" s="137"/>
      <c r="AK1027" s="206"/>
      <c r="AL1027" s="206"/>
      <c r="AM1027" s="143"/>
      <c r="AN1027" s="137"/>
      <c r="AO1027" s="137"/>
      <c r="AP1027" s="137"/>
      <c r="AQ1027" s="137"/>
      <c r="AR1027" s="137"/>
      <c r="AS1027" s="137"/>
      <c r="AT1027" s="137"/>
      <c r="AU1027" s="137"/>
      <c r="AV1027" s="137"/>
      <c r="AW1027" s="144"/>
    </row>
    <row r="1028" spans="2:49" x14ac:dyDescent="0.2">
      <c r="B1028" s="97"/>
      <c r="G1028" s="43"/>
      <c r="J1028" s="98"/>
      <c r="K1028" s="97"/>
      <c r="N1028" s="3"/>
      <c r="W1028" s="98"/>
      <c r="Z1028" s="143"/>
      <c r="AA1028" s="137"/>
      <c r="AB1028" s="137"/>
      <c r="AC1028" s="137"/>
      <c r="AD1028" s="137"/>
      <c r="AE1028" s="137"/>
      <c r="AF1028" s="137"/>
      <c r="AG1028" s="137"/>
      <c r="AH1028" s="137"/>
      <c r="AI1028" s="137"/>
      <c r="AJ1028" s="137"/>
      <c r="AK1028" s="206"/>
      <c r="AL1028" s="206"/>
      <c r="AM1028" s="143"/>
      <c r="AN1028" s="137"/>
      <c r="AO1028" s="137"/>
      <c r="AP1028" s="137"/>
      <c r="AQ1028" s="137"/>
      <c r="AR1028" s="137"/>
      <c r="AS1028" s="137"/>
      <c r="AT1028" s="137"/>
      <c r="AU1028" s="137"/>
      <c r="AV1028" s="137"/>
      <c r="AW1028" s="144"/>
    </row>
    <row r="1029" spans="2:49" x14ac:dyDescent="0.2">
      <c r="B1029" s="97"/>
      <c r="G1029" s="43"/>
      <c r="J1029" s="98"/>
      <c r="K1029" s="97"/>
      <c r="N1029" s="3"/>
      <c r="W1029" s="98"/>
      <c r="Z1029" s="143"/>
      <c r="AA1029" s="137"/>
      <c r="AB1029" s="137"/>
      <c r="AC1029" s="137"/>
      <c r="AD1029" s="137"/>
      <c r="AE1029" s="137"/>
      <c r="AF1029" s="137"/>
      <c r="AG1029" s="137"/>
      <c r="AH1029" s="137"/>
      <c r="AI1029" s="137"/>
      <c r="AJ1029" s="137"/>
      <c r="AK1029" s="206"/>
      <c r="AL1029" s="206"/>
      <c r="AM1029" s="143"/>
      <c r="AN1029" s="137"/>
      <c r="AO1029" s="137"/>
      <c r="AP1029" s="137"/>
      <c r="AQ1029" s="137"/>
      <c r="AR1029" s="137"/>
      <c r="AS1029" s="137"/>
      <c r="AT1029" s="137"/>
      <c r="AU1029" s="137"/>
      <c r="AV1029" s="137"/>
      <c r="AW1029" s="144"/>
    </row>
    <row r="1030" spans="2:49" x14ac:dyDescent="0.2">
      <c r="B1030" s="97"/>
      <c r="G1030" s="43"/>
      <c r="J1030" s="98"/>
      <c r="K1030" s="97"/>
      <c r="N1030" s="3"/>
      <c r="W1030" s="98"/>
      <c r="Z1030" s="143"/>
      <c r="AA1030" s="137"/>
      <c r="AB1030" s="137"/>
      <c r="AC1030" s="137"/>
      <c r="AD1030" s="137"/>
      <c r="AE1030" s="137"/>
      <c r="AF1030" s="137"/>
      <c r="AG1030" s="137"/>
      <c r="AH1030" s="137"/>
      <c r="AI1030" s="137"/>
      <c r="AJ1030" s="137"/>
      <c r="AK1030" s="206"/>
      <c r="AL1030" s="206"/>
      <c r="AM1030" s="143"/>
      <c r="AN1030" s="137"/>
      <c r="AO1030" s="137"/>
      <c r="AP1030" s="137"/>
      <c r="AQ1030" s="137"/>
      <c r="AR1030" s="137"/>
      <c r="AS1030" s="137"/>
      <c r="AT1030" s="137"/>
      <c r="AU1030" s="137"/>
      <c r="AV1030" s="137"/>
      <c r="AW1030" s="144"/>
    </row>
    <row r="1031" spans="2:49" x14ac:dyDescent="0.2">
      <c r="B1031" s="97"/>
      <c r="G1031" s="43"/>
      <c r="J1031" s="98"/>
      <c r="K1031" s="97"/>
      <c r="N1031" s="3"/>
      <c r="W1031" s="98"/>
      <c r="Z1031" s="143"/>
      <c r="AA1031" s="137"/>
      <c r="AB1031" s="137"/>
      <c r="AC1031" s="137"/>
      <c r="AD1031" s="137"/>
      <c r="AE1031" s="137"/>
      <c r="AF1031" s="137"/>
      <c r="AG1031" s="137"/>
      <c r="AH1031" s="137"/>
      <c r="AI1031" s="137"/>
      <c r="AJ1031" s="137"/>
      <c r="AK1031" s="206"/>
      <c r="AL1031" s="206"/>
      <c r="AM1031" s="143"/>
      <c r="AN1031" s="137"/>
      <c r="AO1031" s="137"/>
      <c r="AP1031" s="137"/>
      <c r="AQ1031" s="137"/>
      <c r="AR1031" s="137"/>
      <c r="AS1031" s="137"/>
      <c r="AT1031" s="137"/>
      <c r="AU1031" s="137"/>
      <c r="AV1031" s="137"/>
      <c r="AW1031" s="144"/>
    </row>
    <row r="1032" spans="2:49" x14ac:dyDescent="0.2">
      <c r="B1032" s="97"/>
      <c r="G1032" s="43"/>
      <c r="J1032" s="98"/>
      <c r="K1032" s="97"/>
      <c r="N1032" s="3"/>
      <c r="W1032" s="98"/>
      <c r="Z1032" s="143"/>
      <c r="AA1032" s="137"/>
      <c r="AB1032" s="137"/>
      <c r="AC1032" s="137"/>
      <c r="AD1032" s="137"/>
      <c r="AE1032" s="137"/>
      <c r="AF1032" s="137"/>
      <c r="AG1032" s="137"/>
      <c r="AH1032" s="137"/>
      <c r="AI1032" s="137"/>
      <c r="AJ1032" s="137"/>
      <c r="AK1032" s="206"/>
      <c r="AL1032" s="206"/>
      <c r="AM1032" s="143"/>
      <c r="AN1032" s="137"/>
      <c r="AO1032" s="137"/>
      <c r="AP1032" s="137"/>
      <c r="AQ1032" s="137"/>
      <c r="AR1032" s="137"/>
      <c r="AS1032" s="137"/>
      <c r="AT1032" s="137"/>
      <c r="AU1032" s="137"/>
      <c r="AV1032" s="137"/>
      <c r="AW1032" s="144"/>
    </row>
    <row r="1033" spans="2:49" x14ac:dyDescent="0.2">
      <c r="B1033" s="97"/>
      <c r="G1033" s="43"/>
      <c r="J1033" s="98"/>
      <c r="K1033" s="97"/>
      <c r="N1033" s="3"/>
      <c r="W1033" s="98"/>
      <c r="Z1033" s="143"/>
      <c r="AA1033" s="137"/>
      <c r="AB1033" s="137"/>
      <c r="AC1033" s="137"/>
      <c r="AD1033" s="137"/>
      <c r="AE1033" s="137"/>
      <c r="AF1033" s="137"/>
      <c r="AG1033" s="137"/>
      <c r="AH1033" s="137"/>
      <c r="AI1033" s="137"/>
      <c r="AJ1033" s="137"/>
      <c r="AK1033" s="206"/>
      <c r="AL1033" s="206"/>
      <c r="AM1033" s="143"/>
      <c r="AN1033" s="137"/>
      <c r="AO1033" s="137"/>
      <c r="AP1033" s="137"/>
      <c r="AQ1033" s="137"/>
      <c r="AR1033" s="137"/>
      <c r="AS1033" s="137"/>
      <c r="AT1033" s="137"/>
      <c r="AU1033" s="137"/>
      <c r="AV1033" s="137"/>
      <c r="AW1033" s="144"/>
    </row>
    <row r="1034" spans="2:49" x14ac:dyDescent="0.2">
      <c r="B1034" s="97"/>
      <c r="G1034" s="43"/>
      <c r="J1034" s="98"/>
      <c r="K1034" s="97"/>
      <c r="N1034" s="3"/>
      <c r="W1034" s="98"/>
      <c r="Z1034" s="143"/>
      <c r="AA1034" s="137"/>
      <c r="AB1034" s="137"/>
      <c r="AC1034" s="137"/>
      <c r="AD1034" s="137"/>
      <c r="AE1034" s="137"/>
      <c r="AF1034" s="137"/>
      <c r="AG1034" s="137"/>
      <c r="AH1034" s="137"/>
      <c r="AI1034" s="137"/>
      <c r="AJ1034" s="137"/>
      <c r="AK1034" s="206"/>
      <c r="AL1034" s="206"/>
      <c r="AM1034" s="143"/>
      <c r="AN1034" s="137"/>
      <c r="AO1034" s="137"/>
      <c r="AP1034" s="137"/>
      <c r="AQ1034" s="137"/>
      <c r="AR1034" s="137"/>
      <c r="AS1034" s="137"/>
      <c r="AT1034" s="137"/>
      <c r="AU1034" s="137"/>
      <c r="AV1034" s="137"/>
      <c r="AW1034" s="144"/>
    </row>
    <row r="1035" spans="2:49" x14ac:dyDescent="0.2">
      <c r="B1035" s="97"/>
      <c r="G1035" s="43"/>
      <c r="J1035" s="98"/>
      <c r="K1035" s="97"/>
      <c r="N1035" s="3"/>
      <c r="W1035" s="98"/>
      <c r="Z1035" s="143"/>
      <c r="AA1035" s="137"/>
      <c r="AB1035" s="137"/>
      <c r="AC1035" s="137"/>
      <c r="AD1035" s="137"/>
      <c r="AE1035" s="137"/>
      <c r="AF1035" s="137"/>
      <c r="AG1035" s="137"/>
      <c r="AH1035" s="137"/>
      <c r="AI1035" s="137"/>
      <c r="AJ1035" s="137"/>
      <c r="AK1035" s="206"/>
      <c r="AL1035" s="206"/>
      <c r="AM1035" s="143"/>
      <c r="AN1035" s="137"/>
      <c r="AO1035" s="137"/>
      <c r="AP1035" s="137"/>
      <c r="AQ1035" s="137"/>
      <c r="AR1035" s="137"/>
      <c r="AS1035" s="137"/>
      <c r="AT1035" s="137"/>
      <c r="AU1035" s="137"/>
      <c r="AV1035" s="137"/>
      <c r="AW1035" s="144"/>
    </row>
    <row r="1036" spans="2:49" x14ac:dyDescent="0.2">
      <c r="B1036" s="97"/>
      <c r="G1036" s="43"/>
      <c r="J1036" s="98"/>
      <c r="K1036" s="97"/>
      <c r="N1036" s="3"/>
      <c r="W1036" s="98"/>
      <c r="Z1036" s="143"/>
      <c r="AA1036" s="137"/>
      <c r="AB1036" s="137"/>
      <c r="AC1036" s="137"/>
      <c r="AD1036" s="137"/>
      <c r="AE1036" s="137"/>
      <c r="AF1036" s="137"/>
      <c r="AG1036" s="137"/>
      <c r="AH1036" s="137"/>
      <c r="AI1036" s="137"/>
      <c r="AJ1036" s="137"/>
      <c r="AK1036" s="206"/>
      <c r="AL1036" s="206"/>
      <c r="AM1036" s="143"/>
      <c r="AN1036" s="137"/>
      <c r="AO1036" s="137"/>
      <c r="AP1036" s="137"/>
      <c r="AQ1036" s="137"/>
      <c r="AR1036" s="137"/>
      <c r="AS1036" s="137"/>
      <c r="AT1036" s="137"/>
      <c r="AU1036" s="137"/>
      <c r="AV1036" s="137"/>
      <c r="AW1036" s="144"/>
    </row>
    <row r="1037" spans="2:49" x14ac:dyDescent="0.2">
      <c r="B1037" s="97"/>
      <c r="G1037" s="43"/>
      <c r="J1037" s="98"/>
      <c r="K1037" s="97"/>
      <c r="N1037" s="3"/>
      <c r="W1037" s="98"/>
      <c r="Z1037" s="143"/>
      <c r="AA1037" s="137"/>
      <c r="AB1037" s="137"/>
      <c r="AC1037" s="137"/>
      <c r="AD1037" s="137"/>
      <c r="AE1037" s="137"/>
      <c r="AF1037" s="137"/>
      <c r="AG1037" s="137"/>
      <c r="AH1037" s="137"/>
      <c r="AI1037" s="137"/>
      <c r="AJ1037" s="137"/>
      <c r="AK1037" s="206"/>
      <c r="AL1037" s="206"/>
      <c r="AM1037" s="143"/>
      <c r="AN1037" s="137"/>
      <c r="AO1037" s="137"/>
      <c r="AP1037" s="137"/>
      <c r="AQ1037" s="137"/>
      <c r="AR1037" s="137"/>
      <c r="AS1037" s="137"/>
      <c r="AT1037" s="137"/>
      <c r="AU1037" s="137"/>
      <c r="AV1037" s="137"/>
      <c r="AW1037" s="144"/>
    </row>
    <row r="1038" spans="2:49" x14ac:dyDescent="0.2">
      <c r="B1038" s="97"/>
      <c r="G1038" s="43"/>
      <c r="J1038" s="98"/>
      <c r="K1038" s="97"/>
      <c r="N1038" s="3"/>
      <c r="W1038" s="98"/>
      <c r="Z1038" s="143"/>
      <c r="AA1038" s="137"/>
      <c r="AB1038" s="137"/>
      <c r="AC1038" s="137"/>
      <c r="AD1038" s="137"/>
      <c r="AE1038" s="137"/>
      <c r="AF1038" s="137"/>
      <c r="AG1038" s="137"/>
      <c r="AH1038" s="137"/>
      <c r="AI1038" s="137"/>
      <c r="AJ1038" s="137"/>
      <c r="AK1038" s="206"/>
      <c r="AL1038" s="206"/>
      <c r="AM1038" s="143"/>
      <c r="AN1038" s="137"/>
      <c r="AO1038" s="137"/>
      <c r="AP1038" s="137"/>
      <c r="AQ1038" s="137"/>
      <c r="AR1038" s="137"/>
      <c r="AS1038" s="137"/>
      <c r="AT1038" s="137"/>
      <c r="AU1038" s="137"/>
      <c r="AV1038" s="137"/>
      <c r="AW1038" s="144"/>
    </row>
    <row r="1039" spans="2:49" x14ac:dyDescent="0.2">
      <c r="B1039" s="97"/>
      <c r="G1039" s="43"/>
      <c r="J1039" s="98"/>
      <c r="K1039" s="97"/>
      <c r="N1039" s="3"/>
      <c r="W1039" s="98"/>
      <c r="Z1039" s="143"/>
      <c r="AA1039" s="137"/>
      <c r="AB1039" s="137"/>
      <c r="AC1039" s="137"/>
      <c r="AD1039" s="137"/>
      <c r="AE1039" s="137"/>
      <c r="AF1039" s="137"/>
      <c r="AG1039" s="137"/>
      <c r="AH1039" s="137"/>
      <c r="AI1039" s="137"/>
      <c r="AJ1039" s="137"/>
      <c r="AK1039" s="206"/>
      <c r="AL1039" s="206"/>
      <c r="AM1039" s="143"/>
      <c r="AN1039" s="137"/>
      <c r="AO1039" s="137"/>
      <c r="AP1039" s="137"/>
      <c r="AQ1039" s="137"/>
      <c r="AR1039" s="137"/>
      <c r="AS1039" s="137"/>
      <c r="AT1039" s="137"/>
      <c r="AU1039" s="137"/>
      <c r="AV1039" s="137"/>
      <c r="AW1039" s="144"/>
    </row>
    <row r="1040" spans="2:49" x14ac:dyDescent="0.2">
      <c r="B1040" s="97"/>
      <c r="G1040" s="43"/>
      <c r="J1040" s="98"/>
      <c r="K1040" s="97"/>
      <c r="N1040" s="3"/>
      <c r="W1040" s="98"/>
      <c r="Z1040" s="143"/>
      <c r="AA1040" s="137"/>
      <c r="AB1040" s="137"/>
      <c r="AC1040" s="137"/>
      <c r="AD1040" s="137"/>
      <c r="AE1040" s="137"/>
      <c r="AF1040" s="137"/>
      <c r="AG1040" s="137"/>
      <c r="AH1040" s="137"/>
      <c r="AI1040" s="137"/>
      <c r="AJ1040" s="137"/>
      <c r="AK1040" s="206"/>
      <c r="AL1040" s="206"/>
      <c r="AM1040" s="143"/>
      <c r="AN1040" s="137"/>
      <c r="AO1040" s="137"/>
      <c r="AP1040" s="137"/>
      <c r="AQ1040" s="137"/>
      <c r="AR1040" s="137"/>
      <c r="AS1040" s="137"/>
      <c r="AT1040" s="137"/>
      <c r="AU1040" s="137"/>
      <c r="AV1040" s="137"/>
      <c r="AW1040" s="144"/>
    </row>
    <row r="1041" spans="2:49" x14ac:dyDescent="0.2">
      <c r="B1041" s="97"/>
      <c r="G1041" s="43"/>
      <c r="J1041" s="98"/>
      <c r="K1041" s="97"/>
      <c r="N1041" s="3"/>
      <c r="W1041" s="98"/>
      <c r="Z1041" s="143"/>
      <c r="AA1041" s="137"/>
      <c r="AB1041" s="137"/>
      <c r="AC1041" s="137"/>
      <c r="AD1041" s="137"/>
      <c r="AE1041" s="137"/>
      <c r="AF1041" s="137"/>
      <c r="AG1041" s="137"/>
      <c r="AH1041" s="137"/>
      <c r="AI1041" s="137"/>
      <c r="AJ1041" s="137"/>
      <c r="AK1041" s="206"/>
      <c r="AL1041" s="206"/>
      <c r="AM1041" s="143"/>
      <c r="AN1041" s="137"/>
      <c r="AO1041" s="137"/>
      <c r="AP1041" s="137"/>
      <c r="AQ1041" s="137"/>
      <c r="AR1041" s="137"/>
      <c r="AS1041" s="137"/>
      <c r="AT1041" s="137"/>
      <c r="AU1041" s="137"/>
      <c r="AV1041" s="137"/>
      <c r="AW1041" s="144"/>
    </row>
    <row r="1042" spans="2:49" x14ac:dyDescent="0.2">
      <c r="B1042" s="97"/>
      <c r="G1042" s="43"/>
      <c r="J1042" s="98"/>
      <c r="K1042" s="97"/>
      <c r="N1042" s="3"/>
      <c r="W1042" s="98"/>
      <c r="Z1042" s="143"/>
      <c r="AA1042" s="137"/>
      <c r="AB1042" s="137"/>
      <c r="AC1042" s="137"/>
      <c r="AD1042" s="137"/>
      <c r="AE1042" s="137"/>
      <c r="AF1042" s="137"/>
      <c r="AG1042" s="137"/>
      <c r="AH1042" s="137"/>
      <c r="AI1042" s="137"/>
      <c r="AJ1042" s="137"/>
      <c r="AK1042" s="206"/>
      <c r="AL1042" s="206"/>
      <c r="AM1042" s="143"/>
      <c r="AN1042" s="137"/>
      <c r="AO1042" s="137"/>
      <c r="AP1042" s="137"/>
      <c r="AQ1042" s="137"/>
      <c r="AR1042" s="137"/>
      <c r="AS1042" s="137"/>
      <c r="AT1042" s="137"/>
      <c r="AU1042" s="137"/>
      <c r="AV1042" s="137"/>
      <c r="AW1042" s="144"/>
    </row>
    <row r="1043" spans="2:49" x14ac:dyDescent="0.2">
      <c r="B1043" s="97"/>
      <c r="G1043" s="43"/>
      <c r="J1043" s="98"/>
      <c r="K1043" s="97"/>
      <c r="N1043" s="3"/>
      <c r="W1043" s="98"/>
      <c r="Z1043" s="143"/>
      <c r="AA1043" s="137"/>
      <c r="AB1043" s="137"/>
      <c r="AC1043" s="137"/>
      <c r="AD1043" s="137"/>
      <c r="AE1043" s="137"/>
      <c r="AF1043" s="137"/>
      <c r="AG1043" s="137"/>
      <c r="AH1043" s="137"/>
      <c r="AI1043" s="137"/>
      <c r="AJ1043" s="137"/>
      <c r="AK1043" s="206"/>
      <c r="AL1043" s="206"/>
      <c r="AM1043" s="143"/>
      <c r="AN1043" s="137"/>
      <c r="AO1043" s="137"/>
      <c r="AP1043" s="137"/>
      <c r="AQ1043" s="137"/>
      <c r="AR1043" s="137"/>
      <c r="AS1043" s="137"/>
      <c r="AT1043" s="137"/>
      <c r="AU1043" s="137"/>
      <c r="AV1043" s="137"/>
      <c r="AW1043" s="144"/>
    </row>
    <row r="1044" spans="2:49" x14ac:dyDescent="0.2">
      <c r="B1044" s="97"/>
      <c r="G1044" s="43"/>
      <c r="J1044" s="98"/>
      <c r="K1044" s="97"/>
      <c r="N1044" s="3"/>
      <c r="W1044" s="98"/>
      <c r="Z1044" s="143"/>
      <c r="AA1044" s="137"/>
      <c r="AB1044" s="137"/>
      <c r="AC1044" s="137"/>
      <c r="AD1044" s="137"/>
      <c r="AE1044" s="137"/>
      <c r="AF1044" s="137"/>
      <c r="AG1044" s="137"/>
      <c r="AH1044" s="137"/>
      <c r="AI1044" s="137"/>
      <c r="AJ1044" s="137"/>
      <c r="AK1044" s="206"/>
      <c r="AL1044" s="206"/>
      <c r="AM1044" s="143"/>
      <c r="AN1044" s="137"/>
      <c r="AO1044" s="137"/>
      <c r="AP1044" s="137"/>
      <c r="AQ1044" s="137"/>
      <c r="AR1044" s="137"/>
      <c r="AS1044" s="137"/>
      <c r="AT1044" s="137"/>
      <c r="AU1044" s="137"/>
      <c r="AV1044" s="137"/>
      <c r="AW1044" s="144"/>
    </row>
    <row r="1045" spans="2:49" x14ac:dyDescent="0.2">
      <c r="B1045" s="97"/>
      <c r="G1045" s="43"/>
      <c r="J1045" s="98"/>
      <c r="K1045" s="97"/>
      <c r="N1045" s="3"/>
      <c r="W1045" s="98"/>
      <c r="Z1045" s="143"/>
      <c r="AA1045" s="137"/>
      <c r="AB1045" s="137"/>
      <c r="AC1045" s="137"/>
      <c r="AD1045" s="137"/>
      <c r="AE1045" s="137"/>
      <c r="AF1045" s="137"/>
      <c r="AG1045" s="137"/>
      <c r="AH1045" s="137"/>
      <c r="AI1045" s="137"/>
      <c r="AJ1045" s="137"/>
      <c r="AK1045" s="206"/>
      <c r="AL1045" s="206"/>
      <c r="AM1045" s="143"/>
      <c r="AN1045" s="137"/>
      <c r="AO1045" s="137"/>
      <c r="AP1045" s="137"/>
      <c r="AQ1045" s="137"/>
      <c r="AR1045" s="137"/>
      <c r="AS1045" s="137"/>
      <c r="AT1045" s="137"/>
      <c r="AU1045" s="137"/>
      <c r="AV1045" s="137"/>
      <c r="AW1045" s="144"/>
    </row>
    <row r="1046" spans="2:49" x14ac:dyDescent="0.2">
      <c r="B1046" s="97"/>
      <c r="G1046" s="43"/>
      <c r="J1046" s="98"/>
      <c r="K1046" s="97"/>
      <c r="N1046" s="3"/>
      <c r="W1046" s="98"/>
      <c r="Z1046" s="143"/>
      <c r="AA1046" s="137"/>
      <c r="AB1046" s="137"/>
      <c r="AC1046" s="137"/>
      <c r="AD1046" s="137"/>
      <c r="AE1046" s="137"/>
      <c r="AF1046" s="137"/>
      <c r="AG1046" s="137"/>
      <c r="AH1046" s="137"/>
      <c r="AI1046" s="137"/>
      <c r="AJ1046" s="137"/>
      <c r="AK1046" s="206"/>
      <c r="AL1046" s="206"/>
      <c r="AM1046" s="143"/>
      <c r="AN1046" s="137"/>
      <c r="AO1046" s="137"/>
      <c r="AP1046" s="137"/>
      <c r="AQ1046" s="137"/>
      <c r="AR1046" s="137"/>
      <c r="AS1046" s="137"/>
      <c r="AT1046" s="137"/>
      <c r="AU1046" s="137"/>
      <c r="AV1046" s="137"/>
      <c r="AW1046" s="144"/>
    </row>
    <row r="1047" spans="2:49" x14ac:dyDescent="0.2">
      <c r="B1047" s="97"/>
      <c r="G1047" s="43"/>
      <c r="J1047" s="98"/>
      <c r="K1047" s="97"/>
      <c r="N1047" s="3"/>
      <c r="W1047" s="98"/>
      <c r="Z1047" s="143"/>
      <c r="AA1047" s="137"/>
      <c r="AB1047" s="137"/>
      <c r="AC1047" s="137"/>
      <c r="AD1047" s="137"/>
      <c r="AE1047" s="137"/>
      <c r="AF1047" s="137"/>
      <c r="AG1047" s="137"/>
      <c r="AH1047" s="137"/>
      <c r="AI1047" s="137"/>
      <c r="AJ1047" s="137"/>
      <c r="AK1047" s="206"/>
      <c r="AL1047" s="206"/>
      <c r="AM1047" s="143"/>
      <c r="AN1047" s="137"/>
      <c r="AO1047" s="137"/>
      <c r="AP1047" s="137"/>
      <c r="AQ1047" s="137"/>
      <c r="AR1047" s="137"/>
      <c r="AS1047" s="137"/>
      <c r="AT1047" s="137"/>
      <c r="AU1047" s="137"/>
      <c r="AV1047" s="137"/>
      <c r="AW1047" s="144"/>
    </row>
    <row r="1048" spans="2:49" x14ac:dyDescent="0.2">
      <c r="B1048" s="97"/>
      <c r="G1048" s="43"/>
      <c r="J1048" s="98"/>
      <c r="K1048" s="97"/>
      <c r="N1048" s="3"/>
      <c r="W1048" s="98"/>
      <c r="Z1048" s="143"/>
      <c r="AA1048" s="137"/>
      <c r="AB1048" s="137"/>
      <c r="AC1048" s="137"/>
      <c r="AD1048" s="137"/>
      <c r="AE1048" s="137"/>
      <c r="AF1048" s="137"/>
      <c r="AG1048" s="137"/>
      <c r="AH1048" s="137"/>
      <c r="AI1048" s="137"/>
      <c r="AJ1048" s="137"/>
      <c r="AK1048" s="206"/>
      <c r="AL1048" s="206"/>
      <c r="AM1048" s="143"/>
      <c r="AN1048" s="137"/>
      <c r="AO1048" s="137"/>
      <c r="AP1048" s="137"/>
      <c r="AQ1048" s="137"/>
      <c r="AR1048" s="137"/>
      <c r="AS1048" s="137"/>
      <c r="AT1048" s="137"/>
      <c r="AU1048" s="137"/>
      <c r="AV1048" s="137"/>
      <c r="AW1048" s="144"/>
    </row>
    <row r="1049" spans="2:49" x14ac:dyDescent="0.2">
      <c r="B1049" s="97"/>
      <c r="G1049" s="43"/>
      <c r="J1049" s="98"/>
      <c r="K1049" s="97"/>
      <c r="N1049" s="3"/>
      <c r="W1049" s="98"/>
      <c r="Z1049" s="143"/>
      <c r="AA1049" s="137"/>
      <c r="AB1049" s="137"/>
      <c r="AC1049" s="137"/>
      <c r="AD1049" s="137"/>
      <c r="AE1049" s="137"/>
      <c r="AF1049" s="137"/>
      <c r="AG1049" s="137"/>
      <c r="AH1049" s="137"/>
      <c r="AI1049" s="137"/>
      <c r="AJ1049" s="137"/>
      <c r="AK1049" s="206"/>
      <c r="AL1049" s="206"/>
      <c r="AM1049" s="143"/>
      <c r="AN1049" s="137"/>
      <c r="AO1049" s="137"/>
      <c r="AP1049" s="137"/>
      <c r="AQ1049" s="137"/>
      <c r="AR1049" s="137"/>
      <c r="AS1049" s="137"/>
      <c r="AT1049" s="137"/>
      <c r="AU1049" s="137"/>
      <c r="AV1049" s="137"/>
      <c r="AW1049" s="144"/>
    </row>
    <row r="1050" spans="2:49" x14ac:dyDescent="0.2">
      <c r="B1050" s="97"/>
      <c r="G1050" s="43"/>
      <c r="J1050" s="98"/>
      <c r="K1050" s="97"/>
      <c r="N1050" s="3"/>
      <c r="W1050" s="98"/>
      <c r="Z1050" s="143"/>
      <c r="AA1050" s="137"/>
      <c r="AB1050" s="137"/>
      <c r="AC1050" s="137"/>
      <c r="AD1050" s="137"/>
      <c r="AE1050" s="137"/>
      <c r="AF1050" s="137"/>
      <c r="AG1050" s="137"/>
      <c r="AH1050" s="137"/>
      <c r="AI1050" s="137"/>
      <c r="AJ1050" s="137"/>
      <c r="AK1050" s="206"/>
      <c r="AL1050" s="206"/>
      <c r="AM1050" s="143"/>
      <c r="AN1050" s="137"/>
      <c r="AO1050" s="137"/>
      <c r="AP1050" s="137"/>
      <c r="AQ1050" s="137"/>
      <c r="AR1050" s="137"/>
      <c r="AS1050" s="137"/>
      <c r="AT1050" s="137"/>
      <c r="AU1050" s="137"/>
      <c r="AV1050" s="137"/>
      <c r="AW1050" s="144"/>
    </row>
    <row r="1051" spans="2:49" x14ac:dyDescent="0.2">
      <c r="B1051" s="97"/>
      <c r="G1051" s="43"/>
      <c r="J1051" s="98"/>
      <c r="K1051" s="97"/>
      <c r="N1051" s="3"/>
      <c r="W1051" s="98"/>
      <c r="Z1051" s="143"/>
      <c r="AA1051" s="137"/>
      <c r="AB1051" s="137"/>
      <c r="AC1051" s="137"/>
      <c r="AD1051" s="137"/>
      <c r="AE1051" s="137"/>
      <c r="AF1051" s="137"/>
      <c r="AG1051" s="137"/>
      <c r="AH1051" s="137"/>
      <c r="AI1051" s="137"/>
      <c r="AJ1051" s="137"/>
      <c r="AK1051" s="206"/>
      <c r="AL1051" s="206"/>
      <c r="AM1051" s="143"/>
      <c r="AN1051" s="137"/>
      <c r="AO1051" s="137"/>
      <c r="AP1051" s="137"/>
      <c r="AQ1051" s="137"/>
      <c r="AR1051" s="137"/>
      <c r="AS1051" s="137"/>
      <c r="AT1051" s="137"/>
      <c r="AU1051" s="137"/>
      <c r="AV1051" s="137"/>
      <c r="AW1051" s="144"/>
    </row>
    <row r="1052" spans="2:49" x14ac:dyDescent="0.2">
      <c r="B1052" s="97"/>
      <c r="G1052" s="43"/>
      <c r="J1052" s="98"/>
      <c r="K1052" s="97"/>
      <c r="N1052" s="3"/>
      <c r="W1052" s="98"/>
      <c r="Z1052" s="143"/>
      <c r="AA1052" s="137"/>
      <c r="AB1052" s="137"/>
      <c r="AC1052" s="137"/>
      <c r="AD1052" s="137"/>
      <c r="AE1052" s="137"/>
      <c r="AF1052" s="137"/>
      <c r="AG1052" s="137"/>
      <c r="AH1052" s="137"/>
      <c r="AI1052" s="137"/>
      <c r="AJ1052" s="137"/>
      <c r="AK1052" s="206"/>
      <c r="AL1052" s="206"/>
      <c r="AM1052" s="143"/>
      <c r="AN1052" s="137"/>
      <c r="AO1052" s="137"/>
      <c r="AP1052" s="137"/>
      <c r="AQ1052" s="137"/>
      <c r="AR1052" s="137"/>
      <c r="AS1052" s="137"/>
      <c r="AT1052" s="137"/>
      <c r="AU1052" s="137"/>
      <c r="AV1052" s="137"/>
      <c r="AW1052" s="144"/>
    </row>
    <row r="1053" spans="2:49" x14ac:dyDescent="0.2">
      <c r="B1053" s="97"/>
      <c r="G1053" s="43"/>
      <c r="J1053" s="98"/>
      <c r="K1053" s="97"/>
      <c r="N1053" s="3"/>
      <c r="W1053" s="98"/>
      <c r="Z1053" s="143"/>
      <c r="AA1053" s="137"/>
      <c r="AB1053" s="137"/>
      <c r="AC1053" s="137"/>
      <c r="AD1053" s="137"/>
      <c r="AE1053" s="137"/>
      <c r="AF1053" s="137"/>
      <c r="AG1053" s="137"/>
      <c r="AH1053" s="137"/>
      <c r="AI1053" s="137"/>
      <c r="AJ1053" s="137"/>
      <c r="AK1053" s="206"/>
      <c r="AL1053" s="206"/>
      <c r="AM1053" s="143"/>
      <c r="AN1053" s="137"/>
      <c r="AO1053" s="137"/>
      <c r="AP1053" s="137"/>
      <c r="AQ1053" s="137"/>
      <c r="AR1053" s="137"/>
      <c r="AS1053" s="137"/>
      <c r="AT1053" s="137"/>
      <c r="AU1053" s="137"/>
      <c r="AV1053" s="137"/>
      <c r="AW1053" s="144"/>
    </row>
    <row r="1054" spans="2:49" x14ac:dyDescent="0.2">
      <c r="B1054" s="97"/>
      <c r="G1054" s="43"/>
      <c r="J1054" s="98"/>
      <c r="K1054" s="97"/>
      <c r="N1054" s="3"/>
      <c r="W1054" s="98"/>
      <c r="Z1054" s="143"/>
      <c r="AA1054" s="137"/>
      <c r="AB1054" s="137"/>
      <c r="AC1054" s="137"/>
      <c r="AD1054" s="137"/>
      <c r="AE1054" s="137"/>
      <c r="AF1054" s="137"/>
      <c r="AG1054" s="137"/>
      <c r="AH1054" s="137"/>
      <c r="AI1054" s="137"/>
      <c r="AJ1054" s="137"/>
      <c r="AK1054" s="206"/>
      <c r="AL1054" s="206"/>
      <c r="AM1054" s="143"/>
      <c r="AN1054" s="137"/>
      <c r="AO1054" s="137"/>
      <c r="AP1054" s="137"/>
      <c r="AQ1054" s="137"/>
      <c r="AR1054" s="137"/>
      <c r="AS1054" s="137"/>
      <c r="AT1054" s="137"/>
      <c r="AU1054" s="137"/>
      <c r="AV1054" s="137"/>
      <c r="AW1054" s="144"/>
    </row>
    <row r="1055" spans="2:49" x14ac:dyDescent="0.2">
      <c r="B1055" s="97"/>
      <c r="G1055" s="43"/>
      <c r="J1055" s="98"/>
      <c r="K1055" s="97"/>
      <c r="N1055" s="3"/>
      <c r="W1055" s="98"/>
      <c r="Z1055" s="143"/>
      <c r="AA1055" s="137"/>
      <c r="AB1055" s="137"/>
      <c r="AC1055" s="137"/>
      <c r="AD1055" s="137"/>
      <c r="AE1055" s="137"/>
      <c r="AF1055" s="137"/>
      <c r="AG1055" s="137"/>
      <c r="AH1055" s="137"/>
      <c r="AI1055" s="137"/>
      <c r="AJ1055" s="137"/>
      <c r="AK1055" s="206"/>
      <c r="AL1055" s="206"/>
      <c r="AM1055" s="143"/>
      <c r="AN1055" s="137"/>
      <c r="AO1055" s="137"/>
      <c r="AP1055" s="137"/>
      <c r="AQ1055" s="137"/>
      <c r="AR1055" s="137"/>
      <c r="AS1055" s="137"/>
      <c r="AT1055" s="137"/>
      <c r="AU1055" s="137"/>
      <c r="AV1055" s="137"/>
      <c r="AW1055" s="144"/>
    </row>
    <row r="1056" spans="2:49" x14ac:dyDescent="0.2">
      <c r="B1056" s="97"/>
      <c r="G1056" s="43"/>
      <c r="J1056" s="98"/>
      <c r="K1056" s="97"/>
      <c r="N1056" s="3"/>
      <c r="W1056" s="98"/>
      <c r="Z1056" s="143"/>
      <c r="AA1056" s="137"/>
      <c r="AB1056" s="137"/>
      <c r="AC1056" s="137"/>
      <c r="AD1056" s="137"/>
      <c r="AE1056" s="137"/>
      <c r="AF1056" s="137"/>
      <c r="AG1056" s="137"/>
      <c r="AH1056" s="137"/>
      <c r="AI1056" s="137"/>
      <c r="AJ1056" s="137"/>
      <c r="AK1056" s="206"/>
      <c r="AL1056" s="206"/>
      <c r="AM1056" s="143"/>
      <c r="AN1056" s="137"/>
      <c r="AO1056" s="137"/>
      <c r="AP1056" s="137"/>
      <c r="AQ1056" s="137"/>
      <c r="AR1056" s="137"/>
      <c r="AS1056" s="137"/>
      <c r="AT1056" s="137"/>
      <c r="AU1056" s="137"/>
      <c r="AV1056" s="137"/>
      <c r="AW1056" s="144"/>
    </row>
    <row r="1057" spans="2:49" x14ac:dyDescent="0.2">
      <c r="B1057" s="97"/>
      <c r="G1057" s="43"/>
      <c r="J1057" s="98"/>
      <c r="K1057" s="97"/>
      <c r="N1057" s="3"/>
      <c r="W1057" s="98"/>
      <c r="Z1057" s="143"/>
      <c r="AA1057" s="137"/>
      <c r="AB1057" s="137"/>
      <c r="AC1057" s="137"/>
      <c r="AD1057" s="137"/>
      <c r="AE1057" s="137"/>
      <c r="AF1057" s="137"/>
      <c r="AG1057" s="137"/>
      <c r="AH1057" s="137"/>
      <c r="AI1057" s="137"/>
      <c r="AJ1057" s="137"/>
      <c r="AK1057" s="206"/>
      <c r="AL1057" s="206"/>
      <c r="AM1057" s="143"/>
      <c r="AN1057" s="137"/>
      <c r="AO1057" s="137"/>
      <c r="AP1057" s="137"/>
      <c r="AQ1057" s="137"/>
      <c r="AR1057" s="137"/>
      <c r="AS1057" s="137"/>
      <c r="AT1057" s="137"/>
      <c r="AU1057" s="137"/>
      <c r="AV1057" s="137"/>
      <c r="AW1057" s="144"/>
    </row>
    <row r="1058" spans="2:49" x14ac:dyDescent="0.2">
      <c r="B1058" s="97"/>
      <c r="G1058" s="43"/>
      <c r="J1058" s="98"/>
      <c r="K1058" s="97"/>
      <c r="N1058" s="3"/>
      <c r="W1058" s="98"/>
      <c r="Z1058" s="143"/>
      <c r="AA1058" s="137"/>
      <c r="AB1058" s="137"/>
      <c r="AC1058" s="137"/>
      <c r="AD1058" s="137"/>
      <c r="AE1058" s="137"/>
      <c r="AF1058" s="137"/>
      <c r="AG1058" s="137"/>
      <c r="AH1058" s="137"/>
      <c r="AI1058" s="137"/>
      <c r="AJ1058" s="137"/>
      <c r="AK1058" s="206"/>
      <c r="AL1058" s="206"/>
      <c r="AM1058" s="143"/>
      <c r="AN1058" s="137"/>
      <c r="AO1058" s="137"/>
      <c r="AP1058" s="137"/>
      <c r="AQ1058" s="137"/>
      <c r="AR1058" s="137"/>
      <c r="AS1058" s="137"/>
      <c r="AT1058" s="137"/>
      <c r="AU1058" s="137"/>
      <c r="AV1058" s="137"/>
      <c r="AW1058" s="144"/>
    </row>
    <row r="1059" spans="2:49" x14ac:dyDescent="0.2">
      <c r="B1059" s="97"/>
      <c r="G1059" s="43"/>
      <c r="J1059" s="98"/>
      <c r="K1059" s="97"/>
      <c r="N1059" s="3"/>
      <c r="W1059" s="98"/>
      <c r="Z1059" s="143"/>
      <c r="AA1059" s="137"/>
      <c r="AB1059" s="137"/>
      <c r="AC1059" s="137"/>
      <c r="AD1059" s="137"/>
      <c r="AE1059" s="137"/>
      <c r="AF1059" s="137"/>
      <c r="AG1059" s="137"/>
      <c r="AH1059" s="137"/>
      <c r="AI1059" s="137"/>
      <c r="AJ1059" s="137"/>
      <c r="AK1059" s="206"/>
      <c r="AL1059" s="206"/>
      <c r="AM1059" s="143"/>
      <c r="AN1059" s="137"/>
      <c r="AO1059" s="137"/>
      <c r="AP1059" s="137"/>
      <c r="AQ1059" s="137"/>
      <c r="AR1059" s="137"/>
      <c r="AS1059" s="137"/>
      <c r="AT1059" s="137"/>
      <c r="AU1059" s="137"/>
      <c r="AV1059" s="137"/>
      <c r="AW1059" s="144"/>
    </row>
    <row r="1060" spans="2:49" x14ac:dyDescent="0.2">
      <c r="B1060" s="97"/>
      <c r="G1060" s="43"/>
      <c r="J1060" s="98"/>
      <c r="K1060" s="97"/>
      <c r="N1060" s="3"/>
      <c r="W1060" s="98"/>
      <c r="Z1060" s="143"/>
      <c r="AA1060" s="137"/>
      <c r="AB1060" s="137"/>
      <c r="AC1060" s="137"/>
      <c r="AD1060" s="137"/>
      <c r="AE1060" s="137"/>
      <c r="AF1060" s="137"/>
      <c r="AG1060" s="137"/>
      <c r="AH1060" s="137"/>
      <c r="AI1060" s="137"/>
      <c r="AJ1060" s="137"/>
      <c r="AK1060" s="206"/>
      <c r="AL1060" s="206"/>
      <c r="AM1060" s="143"/>
      <c r="AN1060" s="137"/>
      <c r="AO1060" s="137"/>
      <c r="AP1060" s="137"/>
      <c r="AQ1060" s="137"/>
      <c r="AR1060" s="137"/>
      <c r="AS1060" s="137"/>
      <c r="AT1060" s="137"/>
      <c r="AU1060" s="137"/>
      <c r="AV1060" s="137"/>
      <c r="AW1060" s="144"/>
    </row>
    <row r="1061" spans="2:49" x14ac:dyDescent="0.2">
      <c r="B1061" s="97"/>
      <c r="G1061" s="43"/>
      <c r="J1061" s="98"/>
      <c r="K1061" s="97"/>
      <c r="N1061" s="3"/>
      <c r="W1061" s="98"/>
      <c r="Z1061" s="143"/>
      <c r="AA1061" s="137"/>
      <c r="AB1061" s="137"/>
      <c r="AC1061" s="137"/>
      <c r="AD1061" s="137"/>
      <c r="AE1061" s="137"/>
      <c r="AF1061" s="137"/>
      <c r="AG1061" s="137"/>
      <c r="AH1061" s="137"/>
      <c r="AI1061" s="137"/>
      <c r="AJ1061" s="137"/>
      <c r="AK1061" s="206"/>
      <c r="AL1061" s="206"/>
      <c r="AM1061" s="143"/>
      <c r="AN1061" s="137"/>
      <c r="AO1061" s="137"/>
      <c r="AP1061" s="137"/>
      <c r="AQ1061" s="137"/>
      <c r="AR1061" s="137"/>
      <c r="AS1061" s="137"/>
      <c r="AT1061" s="137"/>
      <c r="AU1061" s="137"/>
      <c r="AV1061" s="137"/>
      <c r="AW1061" s="144"/>
    </row>
    <row r="1062" spans="2:49" x14ac:dyDescent="0.2">
      <c r="B1062" s="97"/>
      <c r="G1062" s="43"/>
      <c r="J1062" s="98"/>
      <c r="K1062" s="97"/>
      <c r="N1062" s="3"/>
      <c r="W1062" s="98"/>
      <c r="Z1062" s="143"/>
      <c r="AA1062" s="137"/>
      <c r="AB1062" s="137"/>
      <c r="AC1062" s="137"/>
      <c r="AD1062" s="137"/>
      <c r="AE1062" s="137"/>
      <c r="AF1062" s="137"/>
      <c r="AG1062" s="137"/>
      <c r="AH1062" s="137"/>
      <c r="AI1062" s="137"/>
      <c r="AJ1062" s="137"/>
      <c r="AK1062" s="206"/>
      <c r="AL1062" s="206"/>
      <c r="AM1062" s="143"/>
      <c r="AN1062" s="137"/>
      <c r="AO1062" s="137"/>
      <c r="AP1062" s="137"/>
      <c r="AQ1062" s="137"/>
      <c r="AR1062" s="137"/>
      <c r="AS1062" s="137"/>
      <c r="AT1062" s="137"/>
      <c r="AU1062" s="137"/>
      <c r="AV1062" s="137"/>
      <c r="AW1062" s="144"/>
    </row>
    <row r="1063" spans="2:49" x14ac:dyDescent="0.2">
      <c r="B1063" s="97"/>
      <c r="G1063" s="43"/>
      <c r="J1063" s="98"/>
      <c r="K1063" s="97"/>
      <c r="N1063" s="3"/>
      <c r="W1063" s="98"/>
      <c r="Z1063" s="143"/>
      <c r="AA1063" s="137"/>
      <c r="AB1063" s="137"/>
      <c r="AC1063" s="137"/>
      <c r="AD1063" s="137"/>
      <c r="AE1063" s="137"/>
      <c r="AF1063" s="137"/>
      <c r="AG1063" s="137"/>
      <c r="AH1063" s="137"/>
      <c r="AI1063" s="137"/>
      <c r="AJ1063" s="137"/>
      <c r="AK1063" s="206"/>
      <c r="AL1063" s="206"/>
      <c r="AM1063" s="143"/>
      <c r="AN1063" s="137"/>
      <c r="AO1063" s="137"/>
      <c r="AP1063" s="137"/>
      <c r="AQ1063" s="137"/>
      <c r="AR1063" s="137"/>
      <c r="AS1063" s="137"/>
      <c r="AT1063" s="137"/>
      <c r="AU1063" s="137"/>
      <c r="AV1063" s="137"/>
      <c r="AW1063" s="144"/>
    </row>
    <row r="1064" spans="2:49" x14ac:dyDescent="0.2">
      <c r="B1064" s="97"/>
      <c r="G1064" s="43"/>
      <c r="J1064" s="98"/>
      <c r="K1064" s="97"/>
      <c r="N1064" s="3"/>
      <c r="W1064" s="98"/>
      <c r="Z1064" s="143"/>
      <c r="AA1064" s="137"/>
      <c r="AB1064" s="137"/>
      <c r="AC1064" s="137"/>
      <c r="AD1064" s="137"/>
      <c r="AE1064" s="137"/>
      <c r="AF1064" s="137"/>
      <c r="AG1064" s="137"/>
      <c r="AH1064" s="137"/>
      <c r="AI1064" s="137"/>
      <c r="AJ1064" s="137"/>
      <c r="AK1064" s="206"/>
      <c r="AL1064" s="206"/>
      <c r="AM1064" s="143"/>
      <c r="AN1064" s="137"/>
      <c r="AO1064" s="137"/>
      <c r="AP1064" s="137"/>
      <c r="AQ1064" s="137"/>
      <c r="AR1064" s="137"/>
      <c r="AS1064" s="137"/>
      <c r="AT1064" s="137"/>
      <c r="AU1064" s="137"/>
      <c r="AV1064" s="137"/>
      <c r="AW1064" s="144"/>
    </row>
    <row r="1065" spans="2:49" x14ac:dyDescent="0.2">
      <c r="B1065" s="97"/>
      <c r="G1065" s="43"/>
      <c r="J1065" s="98"/>
      <c r="K1065" s="97"/>
      <c r="N1065" s="3"/>
      <c r="W1065" s="98"/>
      <c r="Z1065" s="143"/>
      <c r="AA1065" s="137"/>
      <c r="AB1065" s="137"/>
      <c r="AC1065" s="137"/>
      <c r="AD1065" s="137"/>
      <c r="AE1065" s="137"/>
      <c r="AF1065" s="137"/>
      <c r="AG1065" s="137"/>
      <c r="AH1065" s="137"/>
      <c r="AI1065" s="137"/>
      <c r="AJ1065" s="137"/>
      <c r="AK1065" s="206"/>
      <c r="AL1065" s="206"/>
      <c r="AM1065" s="143"/>
      <c r="AN1065" s="137"/>
      <c r="AO1065" s="137"/>
      <c r="AP1065" s="137"/>
      <c r="AQ1065" s="137"/>
      <c r="AR1065" s="137"/>
      <c r="AS1065" s="137"/>
      <c r="AT1065" s="137"/>
      <c r="AU1065" s="137"/>
      <c r="AV1065" s="137"/>
      <c r="AW1065" s="144"/>
    </row>
    <row r="1066" spans="2:49" x14ac:dyDescent="0.2">
      <c r="B1066" s="97"/>
      <c r="G1066" s="43"/>
      <c r="J1066" s="98"/>
      <c r="K1066" s="97"/>
      <c r="N1066" s="3"/>
      <c r="W1066" s="98"/>
      <c r="Z1066" s="143"/>
      <c r="AA1066" s="137"/>
      <c r="AB1066" s="137"/>
      <c r="AC1066" s="137"/>
      <c r="AD1066" s="137"/>
      <c r="AE1066" s="137"/>
      <c r="AF1066" s="137"/>
      <c r="AG1066" s="137"/>
      <c r="AH1066" s="137"/>
      <c r="AI1066" s="137"/>
      <c r="AJ1066" s="137"/>
      <c r="AK1066" s="206"/>
      <c r="AL1066" s="206"/>
      <c r="AM1066" s="143"/>
      <c r="AN1066" s="137"/>
      <c r="AO1066" s="137"/>
      <c r="AP1066" s="137"/>
      <c r="AQ1066" s="137"/>
      <c r="AR1066" s="137"/>
      <c r="AS1066" s="137"/>
      <c r="AT1066" s="137"/>
      <c r="AU1066" s="137"/>
      <c r="AV1066" s="137"/>
      <c r="AW1066" s="144"/>
    </row>
    <row r="1067" spans="2:49" x14ac:dyDescent="0.2">
      <c r="B1067" s="97"/>
      <c r="G1067" s="43"/>
      <c r="J1067" s="98"/>
      <c r="K1067" s="97"/>
      <c r="N1067" s="3"/>
      <c r="W1067" s="98"/>
      <c r="Z1067" s="143"/>
      <c r="AA1067" s="137"/>
      <c r="AB1067" s="137"/>
      <c r="AC1067" s="137"/>
      <c r="AD1067" s="137"/>
      <c r="AE1067" s="137"/>
      <c r="AF1067" s="137"/>
      <c r="AG1067" s="137"/>
      <c r="AH1067" s="137"/>
      <c r="AI1067" s="137"/>
      <c r="AJ1067" s="137"/>
      <c r="AK1067" s="206"/>
      <c r="AL1067" s="206"/>
      <c r="AM1067" s="143"/>
      <c r="AN1067" s="137"/>
      <c r="AO1067" s="137"/>
      <c r="AP1067" s="137"/>
      <c r="AQ1067" s="137"/>
      <c r="AR1067" s="137"/>
      <c r="AS1067" s="137"/>
      <c r="AT1067" s="137"/>
      <c r="AU1067" s="137"/>
      <c r="AV1067" s="137"/>
      <c r="AW1067" s="144"/>
    </row>
    <row r="1068" spans="2:49" x14ac:dyDescent="0.2">
      <c r="B1068" s="97"/>
      <c r="G1068" s="43"/>
      <c r="J1068" s="98"/>
      <c r="K1068" s="97"/>
      <c r="N1068" s="3"/>
      <c r="W1068" s="98"/>
      <c r="Z1068" s="143"/>
      <c r="AA1068" s="137"/>
      <c r="AB1068" s="137"/>
      <c r="AC1068" s="137"/>
      <c r="AD1068" s="137"/>
      <c r="AE1068" s="137"/>
      <c r="AF1068" s="137"/>
      <c r="AG1068" s="137"/>
      <c r="AH1068" s="137"/>
      <c r="AI1068" s="137"/>
      <c r="AJ1068" s="137"/>
      <c r="AK1068" s="206"/>
      <c r="AL1068" s="206"/>
      <c r="AM1068" s="143"/>
      <c r="AN1068" s="137"/>
      <c r="AO1068" s="137"/>
      <c r="AP1068" s="137"/>
      <c r="AQ1068" s="137"/>
      <c r="AR1068" s="137"/>
      <c r="AS1068" s="137"/>
      <c r="AT1068" s="137"/>
      <c r="AU1068" s="137"/>
      <c r="AV1068" s="137"/>
      <c r="AW1068" s="144"/>
    </row>
    <row r="1069" spans="2:49" x14ac:dyDescent="0.2">
      <c r="B1069" s="97"/>
      <c r="G1069" s="43"/>
      <c r="J1069" s="98"/>
      <c r="K1069" s="97"/>
      <c r="N1069" s="3"/>
      <c r="W1069" s="98"/>
      <c r="Z1069" s="143"/>
      <c r="AA1069" s="137"/>
      <c r="AB1069" s="137"/>
      <c r="AC1069" s="137"/>
      <c r="AD1069" s="137"/>
      <c r="AE1069" s="137"/>
      <c r="AF1069" s="137"/>
      <c r="AG1069" s="137"/>
      <c r="AH1069" s="137"/>
      <c r="AI1069" s="137"/>
      <c r="AJ1069" s="137"/>
      <c r="AK1069" s="206"/>
      <c r="AL1069" s="206"/>
      <c r="AM1069" s="143"/>
      <c r="AN1069" s="137"/>
      <c r="AO1069" s="137"/>
      <c r="AP1069" s="137"/>
      <c r="AQ1069" s="137"/>
      <c r="AR1069" s="137"/>
      <c r="AS1069" s="137"/>
      <c r="AT1069" s="137"/>
      <c r="AU1069" s="137"/>
      <c r="AV1069" s="137"/>
      <c r="AW1069" s="144"/>
    </row>
    <row r="1070" spans="2:49" x14ac:dyDescent="0.2">
      <c r="B1070" s="97"/>
      <c r="G1070" s="43"/>
      <c r="J1070" s="98"/>
      <c r="K1070" s="97"/>
      <c r="N1070" s="3"/>
      <c r="W1070" s="98"/>
      <c r="Z1070" s="143"/>
      <c r="AA1070" s="137"/>
      <c r="AB1070" s="137"/>
      <c r="AC1070" s="137"/>
      <c r="AD1070" s="137"/>
      <c r="AE1070" s="137"/>
      <c r="AF1070" s="137"/>
      <c r="AG1070" s="137"/>
      <c r="AH1070" s="137"/>
      <c r="AI1070" s="137"/>
      <c r="AJ1070" s="137"/>
      <c r="AK1070" s="206"/>
      <c r="AL1070" s="206"/>
      <c r="AM1070" s="143"/>
      <c r="AN1070" s="137"/>
      <c r="AO1070" s="137"/>
      <c r="AP1070" s="137"/>
      <c r="AQ1070" s="137"/>
      <c r="AR1070" s="137"/>
      <c r="AS1070" s="137"/>
      <c r="AT1070" s="137"/>
      <c r="AU1070" s="137"/>
      <c r="AV1070" s="137"/>
      <c r="AW1070" s="144"/>
    </row>
    <row r="1071" spans="2:49" x14ac:dyDescent="0.2">
      <c r="B1071" s="97"/>
      <c r="G1071" s="43"/>
      <c r="J1071" s="98"/>
      <c r="K1071" s="97"/>
      <c r="N1071" s="3"/>
      <c r="W1071" s="98"/>
      <c r="Z1071" s="143"/>
      <c r="AA1071" s="137"/>
      <c r="AB1071" s="137"/>
      <c r="AC1071" s="137"/>
      <c r="AD1071" s="137"/>
      <c r="AE1071" s="137"/>
      <c r="AF1071" s="137"/>
      <c r="AG1071" s="137"/>
      <c r="AH1071" s="137"/>
      <c r="AI1071" s="137"/>
      <c r="AJ1071" s="137"/>
      <c r="AK1071" s="206"/>
      <c r="AL1071" s="206"/>
      <c r="AM1071" s="143"/>
      <c r="AN1071" s="137"/>
      <c r="AO1071" s="137"/>
      <c r="AP1071" s="137"/>
      <c r="AQ1071" s="137"/>
      <c r="AR1071" s="137"/>
      <c r="AS1071" s="137"/>
      <c r="AT1071" s="137"/>
      <c r="AU1071" s="137"/>
      <c r="AV1071" s="137"/>
      <c r="AW1071" s="144"/>
    </row>
    <row r="1072" spans="2:49" x14ac:dyDescent="0.2">
      <c r="B1072" s="97"/>
      <c r="G1072" s="43"/>
      <c r="J1072" s="98"/>
      <c r="K1072" s="97"/>
      <c r="N1072" s="3"/>
      <c r="W1072" s="98"/>
      <c r="Z1072" s="143"/>
      <c r="AA1072" s="137"/>
      <c r="AB1072" s="137"/>
      <c r="AC1072" s="137"/>
      <c r="AD1072" s="137"/>
      <c r="AE1072" s="137"/>
      <c r="AF1072" s="137"/>
      <c r="AG1072" s="137"/>
      <c r="AH1072" s="137"/>
      <c r="AI1072" s="137"/>
      <c r="AJ1072" s="137"/>
      <c r="AK1072" s="206"/>
      <c r="AL1072" s="206"/>
      <c r="AM1072" s="143"/>
      <c r="AN1072" s="137"/>
      <c r="AO1072" s="137"/>
      <c r="AP1072" s="137"/>
      <c r="AQ1072" s="137"/>
      <c r="AR1072" s="137"/>
      <c r="AS1072" s="137"/>
      <c r="AT1072" s="137"/>
      <c r="AU1072" s="137"/>
      <c r="AV1072" s="137"/>
      <c r="AW1072" s="144"/>
    </row>
    <row r="1073" spans="2:49" x14ac:dyDescent="0.2">
      <c r="B1073" s="97"/>
      <c r="G1073" s="43"/>
      <c r="J1073" s="98"/>
      <c r="K1073" s="97"/>
      <c r="N1073" s="3"/>
      <c r="W1073" s="98"/>
      <c r="Z1073" s="143"/>
      <c r="AA1073" s="137"/>
      <c r="AB1073" s="137"/>
      <c r="AC1073" s="137"/>
      <c r="AD1073" s="137"/>
      <c r="AE1073" s="137"/>
      <c r="AF1073" s="137"/>
      <c r="AG1073" s="137"/>
      <c r="AH1073" s="137"/>
      <c r="AI1073" s="137"/>
      <c r="AJ1073" s="137"/>
      <c r="AK1073" s="206"/>
      <c r="AL1073" s="206"/>
      <c r="AM1073" s="143"/>
      <c r="AN1073" s="137"/>
      <c r="AO1073" s="137"/>
      <c r="AP1073" s="137"/>
      <c r="AQ1073" s="137"/>
      <c r="AR1073" s="137"/>
      <c r="AS1073" s="137"/>
      <c r="AT1073" s="137"/>
      <c r="AU1073" s="137"/>
      <c r="AV1073" s="137"/>
      <c r="AW1073" s="144"/>
    </row>
    <row r="1074" spans="2:49" x14ac:dyDescent="0.2">
      <c r="B1074" s="97"/>
      <c r="G1074" s="43"/>
      <c r="J1074" s="98"/>
      <c r="K1074" s="97"/>
      <c r="N1074" s="3"/>
      <c r="W1074" s="98"/>
      <c r="Z1074" s="143"/>
      <c r="AA1074" s="137"/>
      <c r="AB1074" s="137"/>
      <c r="AC1074" s="137"/>
      <c r="AD1074" s="137"/>
      <c r="AE1074" s="137"/>
      <c r="AF1074" s="137"/>
      <c r="AG1074" s="137"/>
      <c r="AH1074" s="137"/>
      <c r="AI1074" s="137"/>
      <c r="AJ1074" s="137"/>
      <c r="AK1074" s="206"/>
      <c r="AL1074" s="206"/>
      <c r="AM1074" s="143"/>
      <c r="AN1074" s="137"/>
      <c r="AO1074" s="137"/>
      <c r="AP1074" s="137"/>
      <c r="AQ1074" s="137"/>
      <c r="AR1074" s="137"/>
      <c r="AS1074" s="137"/>
      <c r="AT1074" s="137"/>
      <c r="AU1074" s="137"/>
      <c r="AV1074" s="137"/>
      <c r="AW1074" s="144"/>
    </row>
    <row r="1075" spans="2:49" x14ac:dyDescent="0.2">
      <c r="B1075" s="97"/>
      <c r="G1075" s="43"/>
      <c r="J1075" s="98"/>
      <c r="K1075" s="97"/>
      <c r="N1075" s="3"/>
      <c r="W1075" s="98"/>
      <c r="Z1075" s="143"/>
      <c r="AA1075" s="137"/>
      <c r="AB1075" s="137"/>
      <c r="AC1075" s="137"/>
      <c r="AD1075" s="137"/>
      <c r="AE1075" s="137"/>
      <c r="AF1075" s="137"/>
      <c r="AG1075" s="137"/>
      <c r="AH1075" s="137"/>
      <c r="AI1075" s="137"/>
      <c r="AJ1075" s="137"/>
      <c r="AK1075" s="206"/>
      <c r="AL1075" s="206"/>
      <c r="AM1075" s="143"/>
      <c r="AN1075" s="137"/>
      <c r="AO1075" s="137"/>
      <c r="AP1075" s="137"/>
      <c r="AQ1075" s="137"/>
      <c r="AR1075" s="137"/>
      <c r="AS1075" s="137"/>
      <c r="AT1075" s="137"/>
      <c r="AU1075" s="137"/>
      <c r="AV1075" s="137"/>
      <c r="AW1075" s="144"/>
    </row>
    <row r="1076" spans="2:49" x14ac:dyDescent="0.2">
      <c r="B1076" s="97"/>
      <c r="G1076" s="43"/>
      <c r="J1076" s="98"/>
      <c r="K1076" s="97"/>
      <c r="N1076" s="3"/>
      <c r="W1076" s="98"/>
      <c r="Z1076" s="143"/>
      <c r="AA1076" s="137"/>
      <c r="AB1076" s="137"/>
      <c r="AC1076" s="137"/>
      <c r="AD1076" s="137"/>
      <c r="AE1076" s="137"/>
      <c r="AF1076" s="137"/>
      <c r="AG1076" s="137"/>
      <c r="AH1076" s="137"/>
      <c r="AI1076" s="137"/>
      <c r="AJ1076" s="137"/>
      <c r="AK1076" s="206"/>
      <c r="AL1076" s="206"/>
      <c r="AM1076" s="143"/>
      <c r="AN1076" s="137"/>
      <c r="AO1076" s="137"/>
      <c r="AP1076" s="137"/>
      <c r="AQ1076" s="137"/>
      <c r="AR1076" s="137"/>
      <c r="AS1076" s="137"/>
      <c r="AT1076" s="137"/>
      <c r="AU1076" s="137"/>
      <c r="AV1076" s="137"/>
      <c r="AW1076" s="144"/>
    </row>
    <row r="1077" spans="2:49" x14ac:dyDescent="0.2">
      <c r="B1077" s="97"/>
      <c r="G1077" s="43"/>
      <c r="J1077" s="98"/>
      <c r="K1077" s="97"/>
      <c r="N1077" s="3"/>
      <c r="W1077" s="98"/>
      <c r="Z1077" s="143"/>
      <c r="AA1077" s="137"/>
      <c r="AB1077" s="137"/>
      <c r="AC1077" s="137"/>
      <c r="AD1077" s="137"/>
      <c r="AE1077" s="137"/>
      <c r="AF1077" s="137"/>
      <c r="AG1077" s="137"/>
      <c r="AH1077" s="137"/>
      <c r="AI1077" s="137"/>
      <c r="AJ1077" s="137"/>
      <c r="AK1077" s="206"/>
      <c r="AL1077" s="206"/>
      <c r="AM1077" s="143"/>
      <c r="AN1077" s="137"/>
      <c r="AO1077" s="137"/>
      <c r="AP1077" s="137"/>
      <c r="AQ1077" s="137"/>
      <c r="AR1077" s="137"/>
      <c r="AS1077" s="137"/>
      <c r="AT1077" s="137"/>
      <c r="AU1077" s="137"/>
      <c r="AV1077" s="137"/>
      <c r="AW1077" s="144"/>
    </row>
    <row r="1078" spans="2:49" x14ac:dyDescent="0.2">
      <c r="B1078" s="97"/>
      <c r="G1078" s="43"/>
      <c r="J1078" s="98"/>
      <c r="K1078" s="97"/>
      <c r="N1078" s="3"/>
      <c r="W1078" s="98"/>
      <c r="Z1078" s="143"/>
      <c r="AA1078" s="137"/>
      <c r="AB1078" s="137"/>
      <c r="AC1078" s="137"/>
      <c r="AD1078" s="137"/>
      <c r="AE1078" s="137"/>
      <c r="AF1078" s="137"/>
      <c r="AG1078" s="137"/>
      <c r="AH1078" s="137"/>
      <c r="AI1078" s="137"/>
      <c r="AJ1078" s="137"/>
      <c r="AK1078" s="206"/>
      <c r="AL1078" s="206"/>
      <c r="AM1078" s="143"/>
      <c r="AN1078" s="137"/>
      <c r="AO1078" s="137"/>
      <c r="AP1078" s="137"/>
      <c r="AQ1078" s="137"/>
      <c r="AR1078" s="137"/>
      <c r="AS1078" s="137"/>
      <c r="AT1078" s="137"/>
      <c r="AU1078" s="137"/>
      <c r="AV1078" s="137"/>
      <c r="AW1078" s="144"/>
    </row>
    <row r="1079" spans="2:49" x14ac:dyDescent="0.2">
      <c r="B1079" s="97"/>
      <c r="G1079" s="43"/>
      <c r="J1079" s="98"/>
      <c r="K1079" s="97"/>
      <c r="N1079" s="3"/>
      <c r="W1079" s="98"/>
      <c r="Z1079" s="143"/>
      <c r="AA1079" s="137"/>
      <c r="AB1079" s="137"/>
      <c r="AC1079" s="137"/>
      <c r="AD1079" s="137"/>
      <c r="AE1079" s="137"/>
      <c r="AF1079" s="137"/>
      <c r="AG1079" s="137"/>
      <c r="AH1079" s="137"/>
      <c r="AI1079" s="137"/>
      <c r="AJ1079" s="137"/>
      <c r="AK1079" s="206"/>
      <c r="AL1079" s="206"/>
      <c r="AM1079" s="143"/>
      <c r="AN1079" s="137"/>
      <c r="AO1079" s="137"/>
      <c r="AP1079" s="137"/>
      <c r="AQ1079" s="137"/>
      <c r="AR1079" s="137"/>
      <c r="AS1079" s="137"/>
      <c r="AT1079" s="137"/>
      <c r="AU1079" s="137"/>
      <c r="AV1079" s="137"/>
      <c r="AW1079" s="144"/>
    </row>
    <row r="1080" spans="2:49" x14ac:dyDescent="0.2">
      <c r="B1080" s="97"/>
      <c r="G1080" s="43"/>
      <c r="J1080" s="98"/>
      <c r="K1080" s="97"/>
      <c r="N1080" s="3"/>
      <c r="W1080" s="98"/>
      <c r="Z1080" s="143"/>
      <c r="AA1080" s="137"/>
      <c r="AB1080" s="137"/>
      <c r="AC1080" s="137"/>
      <c r="AD1080" s="137"/>
      <c r="AE1080" s="137"/>
      <c r="AF1080" s="137"/>
      <c r="AG1080" s="137"/>
      <c r="AH1080" s="137"/>
      <c r="AI1080" s="137"/>
      <c r="AJ1080" s="137"/>
      <c r="AK1080" s="206"/>
      <c r="AL1080" s="206"/>
      <c r="AM1080" s="143"/>
      <c r="AN1080" s="137"/>
      <c r="AO1080" s="137"/>
      <c r="AP1080" s="137"/>
      <c r="AQ1080" s="137"/>
      <c r="AR1080" s="137"/>
      <c r="AS1080" s="137"/>
      <c r="AT1080" s="137"/>
      <c r="AU1080" s="137"/>
      <c r="AV1080" s="137"/>
      <c r="AW1080" s="144"/>
    </row>
    <row r="1081" spans="2:49" x14ac:dyDescent="0.2">
      <c r="B1081" s="97"/>
      <c r="G1081" s="43"/>
      <c r="J1081" s="98"/>
      <c r="K1081" s="97"/>
      <c r="N1081" s="3"/>
      <c r="W1081" s="98"/>
      <c r="Z1081" s="143"/>
      <c r="AA1081" s="137"/>
      <c r="AB1081" s="137"/>
      <c r="AC1081" s="137"/>
      <c r="AD1081" s="137"/>
      <c r="AE1081" s="137"/>
      <c r="AF1081" s="137"/>
      <c r="AG1081" s="137"/>
      <c r="AH1081" s="137"/>
      <c r="AI1081" s="137"/>
      <c r="AJ1081" s="137"/>
      <c r="AK1081" s="206"/>
      <c r="AL1081" s="206"/>
      <c r="AM1081" s="143"/>
      <c r="AN1081" s="137"/>
      <c r="AO1081" s="137"/>
      <c r="AP1081" s="137"/>
      <c r="AQ1081" s="137"/>
      <c r="AR1081" s="137"/>
      <c r="AS1081" s="137"/>
      <c r="AT1081" s="137"/>
      <c r="AU1081" s="137"/>
      <c r="AV1081" s="137"/>
      <c r="AW1081" s="144"/>
    </row>
    <row r="1082" spans="2:49" x14ac:dyDescent="0.2">
      <c r="B1082" s="97"/>
      <c r="G1082" s="43"/>
      <c r="J1082" s="98"/>
      <c r="K1082" s="97"/>
      <c r="N1082" s="3"/>
      <c r="W1082" s="98"/>
      <c r="Z1082" s="143"/>
      <c r="AA1082" s="137"/>
      <c r="AB1082" s="137"/>
      <c r="AC1082" s="137"/>
      <c r="AD1082" s="137"/>
      <c r="AE1082" s="137"/>
      <c r="AF1082" s="137"/>
      <c r="AG1082" s="137"/>
      <c r="AH1082" s="137"/>
      <c r="AI1082" s="137"/>
      <c r="AJ1082" s="137"/>
      <c r="AK1082" s="206"/>
      <c r="AL1082" s="206"/>
      <c r="AM1082" s="143"/>
      <c r="AN1082" s="137"/>
      <c r="AO1082" s="137"/>
      <c r="AP1082" s="137"/>
      <c r="AQ1082" s="137"/>
      <c r="AR1082" s="137"/>
      <c r="AS1082" s="137"/>
      <c r="AT1082" s="137"/>
      <c r="AU1082" s="137"/>
      <c r="AV1082" s="137"/>
      <c r="AW1082" s="144"/>
    </row>
    <row r="1083" spans="2:49" x14ac:dyDescent="0.2">
      <c r="B1083" s="97"/>
      <c r="G1083" s="43"/>
      <c r="J1083" s="98"/>
      <c r="K1083" s="97"/>
      <c r="N1083" s="3"/>
      <c r="W1083" s="98"/>
      <c r="Z1083" s="143"/>
      <c r="AA1083" s="137"/>
      <c r="AB1083" s="137"/>
      <c r="AC1083" s="137"/>
      <c r="AD1083" s="137"/>
      <c r="AE1083" s="137"/>
      <c r="AF1083" s="137"/>
      <c r="AG1083" s="137"/>
      <c r="AH1083" s="137"/>
      <c r="AI1083" s="137"/>
      <c r="AJ1083" s="137"/>
      <c r="AK1083" s="206"/>
      <c r="AL1083" s="206"/>
      <c r="AM1083" s="143"/>
      <c r="AN1083" s="137"/>
      <c r="AO1083" s="137"/>
      <c r="AP1083" s="137"/>
      <c r="AQ1083" s="137"/>
      <c r="AR1083" s="137"/>
      <c r="AS1083" s="137"/>
      <c r="AT1083" s="137"/>
      <c r="AU1083" s="137"/>
      <c r="AV1083" s="137"/>
      <c r="AW1083" s="144"/>
    </row>
    <row r="1084" spans="2:49" x14ac:dyDescent="0.2">
      <c r="B1084" s="97"/>
      <c r="G1084" s="43"/>
      <c r="J1084" s="98"/>
      <c r="K1084" s="97"/>
      <c r="N1084" s="3"/>
      <c r="W1084" s="98"/>
      <c r="Z1084" s="143"/>
      <c r="AA1084" s="137"/>
      <c r="AB1084" s="137"/>
      <c r="AC1084" s="137"/>
      <c r="AD1084" s="137"/>
      <c r="AE1084" s="137"/>
      <c r="AF1084" s="137"/>
      <c r="AG1084" s="137"/>
      <c r="AH1084" s="137"/>
      <c r="AI1084" s="137"/>
      <c r="AJ1084" s="137"/>
      <c r="AK1084" s="206"/>
      <c r="AL1084" s="206"/>
      <c r="AM1084" s="143"/>
      <c r="AN1084" s="137"/>
      <c r="AO1084" s="137"/>
      <c r="AP1084" s="137"/>
      <c r="AQ1084" s="137"/>
      <c r="AR1084" s="137"/>
      <c r="AS1084" s="137"/>
      <c r="AT1084" s="137"/>
      <c r="AU1084" s="137"/>
      <c r="AV1084" s="137"/>
      <c r="AW1084" s="144"/>
    </row>
    <row r="1085" spans="2:49" x14ac:dyDescent="0.2">
      <c r="B1085" s="97"/>
      <c r="G1085" s="43"/>
      <c r="J1085" s="98"/>
      <c r="K1085" s="97"/>
      <c r="N1085" s="3"/>
      <c r="W1085" s="98"/>
      <c r="Z1085" s="143"/>
      <c r="AA1085" s="137"/>
      <c r="AB1085" s="137"/>
      <c r="AC1085" s="137"/>
      <c r="AD1085" s="137"/>
      <c r="AE1085" s="137"/>
      <c r="AF1085" s="137"/>
      <c r="AG1085" s="137"/>
      <c r="AH1085" s="137"/>
      <c r="AI1085" s="137"/>
      <c r="AJ1085" s="137"/>
      <c r="AK1085" s="206"/>
      <c r="AL1085" s="206"/>
      <c r="AM1085" s="143"/>
      <c r="AN1085" s="137"/>
      <c r="AO1085" s="137"/>
      <c r="AP1085" s="137"/>
      <c r="AQ1085" s="137"/>
      <c r="AR1085" s="137"/>
      <c r="AS1085" s="137"/>
      <c r="AT1085" s="137"/>
      <c r="AU1085" s="137"/>
      <c r="AV1085" s="137"/>
      <c r="AW1085" s="144"/>
    </row>
    <row r="1086" spans="2:49" x14ac:dyDescent="0.2">
      <c r="B1086" s="97"/>
      <c r="G1086" s="43"/>
      <c r="J1086" s="98"/>
      <c r="K1086" s="97"/>
      <c r="N1086" s="3"/>
      <c r="W1086" s="98"/>
      <c r="Z1086" s="143"/>
      <c r="AA1086" s="137"/>
      <c r="AB1086" s="137"/>
      <c r="AC1086" s="137"/>
      <c r="AD1086" s="137"/>
      <c r="AE1086" s="137"/>
      <c r="AF1086" s="137"/>
      <c r="AG1086" s="137"/>
      <c r="AH1086" s="137"/>
      <c r="AI1086" s="137"/>
      <c r="AJ1086" s="137"/>
      <c r="AK1086" s="206"/>
      <c r="AL1086" s="206"/>
      <c r="AM1086" s="143"/>
      <c r="AN1086" s="137"/>
      <c r="AO1086" s="137"/>
      <c r="AP1086" s="137"/>
      <c r="AQ1086" s="137"/>
      <c r="AR1086" s="137"/>
      <c r="AS1086" s="137"/>
      <c r="AT1086" s="137"/>
      <c r="AU1086" s="137"/>
      <c r="AV1086" s="137"/>
      <c r="AW1086" s="144"/>
    </row>
    <row r="1087" spans="2:49" x14ac:dyDescent="0.2">
      <c r="B1087" s="97"/>
      <c r="G1087" s="43"/>
      <c r="J1087" s="98"/>
      <c r="K1087" s="97"/>
      <c r="N1087" s="3"/>
      <c r="W1087" s="98"/>
      <c r="Z1087" s="143"/>
      <c r="AA1087" s="137"/>
      <c r="AB1087" s="137"/>
      <c r="AC1087" s="137"/>
      <c r="AD1087" s="137"/>
      <c r="AE1087" s="137"/>
      <c r="AF1087" s="137"/>
      <c r="AG1087" s="137"/>
      <c r="AH1087" s="137"/>
      <c r="AI1087" s="137"/>
      <c r="AJ1087" s="137"/>
      <c r="AK1087" s="206"/>
      <c r="AL1087" s="206"/>
      <c r="AM1087" s="143"/>
      <c r="AN1087" s="137"/>
      <c r="AO1087" s="137"/>
      <c r="AP1087" s="137"/>
      <c r="AQ1087" s="137"/>
      <c r="AR1087" s="137"/>
      <c r="AS1087" s="137"/>
      <c r="AT1087" s="137"/>
      <c r="AU1087" s="137"/>
      <c r="AV1087" s="137"/>
      <c r="AW1087" s="144"/>
    </row>
    <row r="1088" spans="2:49" x14ac:dyDescent="0.2">
      <c r="B1088" s="97"/>
      <c r="G1088" s="43"/>
      <c r="J1088" s="98"/>
      <c r="K1088" s="97"/>
      <c r="N1088" s="3"/>
      <c r="W1088" s="98"/>
      <c r="Z1088" s="143"/>
      <c r="AA1088" s="137"/>
      <c r="AB1088" s="137"/>
      <c r="AC1088" s="137"/>
      <c r="AD1088" s="137"/>
      <c r="AE1088" s="137"/>
      <c r="AF1088" s="137"/>
      <c r="AG1088" s="137"/>
      <c r="AH1088" s="137"/>
      <c r="AI1088" s="137"/>
      <c r="AJ1088" s="137"/>
      <c r="AK1088" s="206"/>
      <c r="AL1088" s="206"/>
      <c r="AM1088" s="143"/>
      <c r="AN1088" s="137"/>
      <c r="AO1088" s="137"/>
      <c r="AP1088" s="137"/>
      <c r="AQ1088" s="137"/>
      <c r="AR1088" s="137"/>
      <c r="AS1088" s="137"/>
      <c r="AT1088" s="137"/>
      <c r="AU1088" s="137"/>
      <c r="AV1088" s="137"/>
      <c r="AW1088" s="144"/>
    </row>
    <row r="1089" spans="2:49" x14ac:dyDescent="0.2">
      <c r="B1089" s="97"/>
      <c r="G1089" s="43"/>
      <c r="J1089" s="98"/>
      <c r="K1089" s="97"/>
      <c r="N1089" s="3"/>
      <c r="W1089" s="98"/>
      <c r="Z1089" s="143"/>
      <c r="AA1089" s="137"/>
      <c r="AB1089" s="137"/>
      <c r="AC1089" s="137"/>
      <c r="AD1089" s="137"/>
      <c r="AE1089" s="137"/>
      <c r="AF1089" s="137"/>
      <c r="AG1089" s="137"/>
      <c r="AH1089" s="137"/>
      <c r="AI1089" s="137"/>
      <c r="AJ1089" s="137"/>
      <c r="AK1089" s="206"/>
      <c r="AL1089" s="206"/>
      <c r="AM1089" s="143"/>
      <c r="AN1089" s="137"/>
      <c r="AO1089" s="137"/>
      <c r="AP1089" s="137"/>
      <c r="AQ1089" s="137"/>
      <c r="AR1089" s="137"/>
      <c r="AS1089" s="137"/>
      <c r="AT1089" s="137"/>
      <c r="AU1089" s="137"/>
      <c r="AV1089" s="137"/>
      <c r="AW1089" s="144"/>
    </row>
    <row r="1090" spans="2:49" x14ac:dyDescent="0.2">
      <c r="B1090" s="97"/>
      <c r="G1090" s="43"/>
      <c r="J1090" s="98"/>
      <c r="K1090" s="97"/>
      <c r="N1090" s="3"/>
      <c r="W1090" s="98"/>
      <c r="Z1090" s="143"/>
      <c r="AA1090" s="137"/>
      <c r="AB1090" s="137"/>
      <c r="AC1090" s="137"/>
      <c r="AD1090" s="137"/>
      <c r="AE1090" s="137"/>
      <c r="AF1090" s="137"/>
      <c r="AG1090" s="137"/>
      <c r="AH1090" s="137"/>
      <c r="AI1090" s="137"/>
      <c r="AJ1090" s="137"/>
      <c r="AK1090" s="206"/>
      <c r="AL1090" s="206"/>
      <c r="AM1090" s="143"/>
      <c r="AN1090" s="137"/>
      <c r="AO1090" s="137"/>
      <c r="AP1090" s="137"/>
      <c r="AQ1090" s="137"/>
      <c r="AR1090" s="137"/>
      <c r="AS1090" s="137"/>
      <c r="AT1090" s="137"/>
      <c r="AU1090" s="137"/>
      <c r="AV1090" s="137"/>
      <c r="AW1090" s="144"/>
    </row>
    <row r="1091" spans="2:49" x14ac:dyDescent="0.2">
      <c r="B1091" s="97"/>
      <c r="G1091" s="43"/>
      <c r="J1091" s="98"/>
      <c r="K1091" s="97"/>
      <c r="N1091" s="3"/>
      <c r="W1091" s="98"/>
      <c r="Z1091" s="143"/>
      <c r="AA1091" s="137"/>
      <c r="AB1091" s="137"/>
      <c r="AC1091" s="137"/>
      <c r="AD1091" s="137"/>
      <c r="AE1091" s="137"/>
      <c r="AF1091" s="137"/>
      <c r="AG1091" s="137"/>
      <c r="AH1091" s="137"/>
      <c r="AI1091" s="137"/>
      <c r="AJ1091" s="137"/>
      <c r="AK1091" s="206"/>
      <c r="AL1091" s="206"/>
      <c r="AM1091" s="143"/>
      <c r="AN1091" s="137"/>
      <c r="AO1091" s="137"/>
      <c r="AP1091" s="137"/>
      <c r="AQ1091" s="137"/>
      <c r="AR1091" s="137"/>
      <c r="AS1091" s="137"/>
      <c r="AT1091" s="137"/>
      <c r="AU1091" s="137"/>
      <c r="AV1091" s="137"/>
      <c r="AW1091" s="144"/>
    </row>
    <row r="1092" spans="2:49" x14ac:dyDescent="0.2">
      <c r="B1092" s="97"/>
      <c r="G1092" s="43"/>
      <c r="J1092" s="98"/>
      <c r="K1092" s="97"/>
      <c r="N1092" s="3"/>
      <c r="W1092" s="98"/>
      <c r="Z1092" s="143"/>
      <c r="AA1092" s="137"/>
      <c r="AB1092" s="137"/>
      <c r="AC1092" s="137"/>
      <c r="AD1092" s="137"/>
      <c r="AE1092" s="137"/>
      <c r="AF1092" s="137"/>
      <c r="AG1092" s="137"/>
      <c r="AH1092" s="137"/>
      <c r="AI1092" s="137"/>
      <c r="AJ1092" s="137"/>
      <c r="AK1092" s="206"/>
      <c r="AL1092" s="206"/>
      <c r="AM1092" s="143"/>
      <c r="AN1092" s="137"/>
      <c r="AO1092" s="137"/>
      <c r="AP1092" s="137"/>
      <c r="AQ1092" s="137"/>
      <c r="AR1092" s="137"/>
      <c r="AS1092" s="137"/>
      <c r="AT1092" s="137"/>
      <c r="AU1092" s="137"/>
      <c r="AV1092" s="137"/>
      <c r="AW1092" s="144"/>
    </row>
    <row r="1093" spans="2:49" x14ac:dyDescent="0.2">
      <c r="B1093" s="97"/>
      <c r="G1093" s="43"/>
      <c r="J1093" s="98"/>
      <c r="K1093" s="97"/>
      <c r="N1093" s="3"/>
      <c r="W1093" s="98"/>
      <c r="Z1093" s="143"/>
      <c r="AA1093" s="137"/>
      <c r="AB1093" s="137"/>
      <c r="AC1093" s="137"/>
      <c r="AD1093" s="137"/>
      <c r="AE1093" s="137"/>
      <c r="AF1093" s="137"/>
      <c r="AG1093" s="137"/>
      <c r="AH1093" s="137"/>
      <c r="AI1093" s="137"/>
      <c r="AJ1093" s="137"/>
      <c r="AK1093" s="206"/>
      <c r="AL1093" s="206"/>
      <c r="AM1093" s="143"/>
      <c r="AN1093" s="137"/>
      <c r="AO1093" s="137"/>
      <c r="AP1093" s="137"/>
      <c r="AQ1093" s="137"/>
      <c r="AR1093" s="137"/>
      <c r="AS1093" s="137"/>
      <c r="AT1093" s="137"/>
      <c r="AU1093" s="137"/>
      <c r="AV1093" s="137"/>
      <c r="AW1093" s="144"/>
    </row>
    <row r="1094" spans="2:49" x14ac:dyDescent="0.2">
      <c r="B1094" s="97"/>
      <c r="G1094" s="43"/>
      <c r="J1094" s="98"/>
      <c r="K1094" s="97"/>
      <c r="N1094" s="3"/>
      <c r="W1094" s="98"/>
      <c r="Z1094" s="143"/>
      <c r="AA1094" s="137"/>
      <c r="AB1094" s="137"/>
      <c r="AC1094" s="137"/>
      <c r="AD1094" s="137"/>
      <c r="AE1094" s="137"/>
      <c r="AF1094" s="137"/>
      <c r="AG1094" s="137"/>
      <c r="AH1094" s="137"/>
      <c r="AI1094" s="137"/>
      <c r="AJ1094" s="137"/>
      <c r="AK1094" s="206"/>
      <c r="AL1094" s="206"/>
      <c r="AM1094" s="143"/>
      <c r="AN1094" s="137"/>
      <c r="AO1094" s="137"/>
      <c r="AP1094" s="137"/>
      <c r="AQ1094" s="137"/>
      <c r="AR1094" s="137"/>
      <c r="AS1094" s="137"/>
      <c r="AT1094" s="137"/>
      <c r="AU1094" s="137"/>
      <c r="AV1094" s="137"/>
      <c r="AW1094" s="144"/>
    </row>
    <row r="1095" spans="2:49" x14ac:dyDescent="0.2">
      <c r="B1095" s="97"/>
      <c r="G1095" s="43"/>
      <c r="J1095" s="98"/>
      <c r="K1095" s="97"/>
      <c r="N1095" s="3"/>
      <c r="W1095" s="98"/>
      <c r="Z1095" s="143"/>
      <c r="AA1095" s="137"/>
      <c r="AB1095" s="137"/>
      <c r="AC1095" s="137"/>
      <c r="AD1095" s="137"/>
      <c r="AE1095" s="137"/>
      <c r="AF1095" s="137"/>
      <c r="AG1095" s="137"/>
      <c r="AH1095" s="137"/>
      <c r="AI1095" s="137"/>
      <c r="AJ1095" s="137"/>
      <c r="AK1095" s="206"/>
      <c r="AL1095" s="206"/>
      <c r="AM1095" s="143"/>
      <c r="AN1095" s="137"/>
      <c r="AO1095" s="137"/>
      <c r="AP1095" s="137"/>
      <c r="AQ1095" s="137"/>
      <c r="AR1095" s="137"/>
      <c r="AS1095" s="137"/>
      <c r="AT1095" s="137"/>
      <c r="AU1095" s="137"/>
      <c r="AV1095" s="137"/>
      <c r="AW1095" s="144"/>
    </row>
    <row r="1096" spans="2:49" x14ac:dyDescent="0.2">
      <c r="B1096" s="97"/>
      <c r="G1096" s="43"/>
      <c r="J1096" s="98"/>
      <c r="K1096" s="97"/>
      <c r="N1096" s="3"/>
      <c r="W1096" s="98"/>
      <c r="Z1096" s="143"/>
      <c r="AA1096" s="137"/>
      <c r="AB1096" s="137"/>
      <c r="AC1096" s="137"/>
      <c r="AD1096" s="137"/>
      <c r="AE1096" s="137"/>
      <c r="AF1096" s="137"/>
      <c r="AG1096" s="137"/>
      <c r="AH1096" s="137"/>
      <c r="AI1096" s="137"/>
      <c r="AJ1096" s="137"/>
      <c r="AK1096" s="206"/>
      <c r="AL1096" s="206"/>
      <c r="AM1096" s="143"/>
      <c r="AN1096" s="137"/>
      <c r="AO1096" s="137"/>
      <c r="AP1096" s="137"/>
      <c r="AQ1096" s="137"/>
      <c r="AR1096" s="137"/>
      <c r="AS1096" s="137"/>
      <c r="AT1096" s="137"/>
      <c r="AU1096" s="137"/>
      <c r="AV1096" s="137"/>
      <c r="AW1096" s="144"/>
    </row>
    <row r="1097" spans="2:49" x14ac:dyDescent="0.2">
      <c r="B1097" s="97"/>
      <c r="G1097" s="43"/>
      <c r="J1097" s="98"/>
      <c r="K1097" s="97"/>
      <c r="N1097" s="3"/>
      <c r="W1097" s="98"/>
      <c r="Z1097" s="143"/>
      <c r="AA1097" s="137"/>
      <c r="AB1097" s="137"/>
      <c r="AC1097" s="137"/>
      <c r="AD1097" s="137"/>
      <c r="AE1097" s="137"/>
      <c r="AF1097" s="137"/>
      <c r="AG1097" s="137"/>
      <c r="AH1097" s="137"/>
      <c r="AI1097" s="137"/>
      <c r="AJ1097" s="137"/>
      <c r="AK1097" s="206"/>
      <c r="AL1097" s="206"/>
      <c r="AM1097" s="143"/>
      <c r="AN1097" s="137"/>
      <c r="AO1097" s="137"/>
      <c r="AP1097" s="137"/>
      <c r="AQ1097" s="137"/>
      <c r="AR1097" s="137"/>
      <c r="AS1097" s="137"/>
      <c r="AT1097" s="137"/>
      <c r="AU1097" s="137"/>
      <c r="AV1097" s="137"/>
      <c r="AW1097" s="144"/>
    </row>
    <row r="1098" spans="2:49" x14ac:dyDescent="0.2">
      <c r="B1098" s="97"/>
      <c r="G1098" s="43"/>
      <c r="J1098" s="98"/>
      <c r="K1098" s="97"/>
      <c r="N1098" s="3"/>
      <c r="W1098" s="98"/>
      <c r="Z1098" s="143"/>
      <c r="AA1098" s="137"/>
      <c r="AB1098" s="137"/>
      <c r="AC1098" s="137"/>
      <c r="AD1098" s="137"/>
      <c r="AE1098" s="137"/>
      <c r="AF1098" s="137"/>
      <c r="AG1098" s="137"/>
      <c r="AH1098" s="137"/>
      <c r="AI1098" s="137"/>
      <c r="AJ1098" s="137"/>
      <c r="AK1098" s="206"/>
      <c r="AL1098" s="206"/>
      <c r="AM1098" s="143"/>
      <c r="AN1098" s="137"/>
      <c r="AO1098" s="137"/>
      <c r="AP1098" s="137"/>
      <c r="AQ1098" s="137"/>
      <c r="AR1098" s="137"/>
      <c r="AS1098" s="137"/>
      <c r="AT1098" s="137"/>
      <c r="AU1098" s="137"/>
      <c r="AV1098" s="137"/>
      <c r="AW1098" s="144"/>
    </row>
    <row r="1099" spans="2:49" x14ac:dyDescent="0.2">
      <c r="B1099" s="97"/>
      <c r="G1099" s="43"/>
      <c r="J1099" s="98"/>
      <c r="K1099" s="97"/>
      <c r="N1099" s="3"/>
      <c r="W1099" s="98"/>
      <c r="Z1099" s="143"/>
      <c r="AA1099" s="137"/>
      <c r="AB1099" s="137"/>
      <c r="AC1099" s="137"/>
      <c r="AD1099" s="137"/>
      <c r="AE1099" s="137"/>
      <c r="AF1099" s="137"/>
      <c r="AG1099" s="137"/>
      <c r="AH1099" s="137"/>
      <c r="AI1099" s="137"/>
      <c r="AJ1099" s="137"/>
      <c r="AK1099" s="206"/>
      <c r="AL1099" s="206"/>
      <c r="AM1099" s="143"/>
      <c r="AN1099" s="137"/>
      <c r="AO1099" s="137"/>
      <c r="AP1099" s="137"/>
      <c r="AQ1099" s="137"/>
      <c r="AR1099" s="137"/>
      <c r="AS1099" s="137"/>
      <c r="AT1099" s="137"/>
      <c r="AU1099" s="137"/>
      <c r="AV1099" s="137"/>
      <c r="AW1099" s="144"/>
    </row>
    <row r="1100" spans="2:49" x14ac:dyDescent="0.2">
      <c r="B1100" s="97"/>
      <c r="G1100" s="43"/>
      <c r="J1100" s="98"/>
      <c r="K1100" s="97"/>
      <c r="N1100" s="3"/>
      <c r="W1100" s="98"/>
      <c r="Z1100" s="143"/>
      <c r="AA1100" s="137"/>
      <c r="AB1100" s="137"/>
      <c r="AC1100" s="137"/>
      <c r="AD1100" s="137"/>
      <c r="AE1100" s="137"/>
      <c r="AF1100" s="137"/>
      <c r="AG1100" s="137"/>
      <c r="AH1100" s="137"/>
      <c r="AI1100" s="137"/>
      <c r="AJ1100" s="137"/>
      <c r="AK1100" s="206"/>
      <c r="AL1100" s="206"/>
      <c r="AM1100" s="143"/>
      <c r="AN1100" s="137"/>
      <c r="AO1100" s="137"/>
      <c r="AP1100" s="137"/>
      <c r="AQ1100" s="137"/>
      <c r="AR1100" s="137"/>
      <c r="AS1100" s="137"/>
      <c r="AT1100" s="137"/>
      <c r="AU1100" s="137"/>
      <c r="AV1100" s="137"/>
      <c r="AW1100" s="144"/>
    </row>
    <row r="1101" spans="2:49" x14ac:dyDescent="0.2">
      <c r="B1101" s="97"/>
      <c r="G1101" s="43"/>
      <c r="J1101" s="98"/>
      <c r="K1101" s="97"/>
      <c r="N1101" s="3"/>
      <c r="W1101" s="98"/>
      <c r="Z1101" s="143"/>
      <c r="AA1101" s="137"/>
      <c r="AB1101" s="137"/>
      <c r="AC1101" s="137"/>
      <c r="AD1101" s="137"/>
      <c r="AE1101" s="137"/>
      <c r="AF1101" s="137"/>
      <c r="AG1101" s="137"/>
      <c r="AH1101" s="137"/>
      <c r="AI1101" s="137"/>
      <c r="AJ1101" s="137"/>
      <c r="AK1101" s="206"/>
      <c r="AL1101" s="206"/>
      <c r="AM1101" s="143"/>
      <c r="AN1101" s="137"/>
      <c r="AO1101" s="137"/>
      <c r="AP1101" s="137"/>
      <c r="AQ1101" s="137"/>
      <c r="AR1101" s="137"/>
      <c r="AS1101" s="137"/>
      <c r="AT1101" s="137"/>
      <c r="AU1101" s="137"/>
      <c r="AV1101" s="137"/>
      <c r="AW1101" s="144"/>
    </row>
    <row r="1102" spans="2:49" x14ac:dyDescent="0.2">
      <c r="B1102" s="97"/>
      <c r="G1102" s="43"/>
      <c r="J1102" s="98"/>
      <c r="K1102" s="97"/>
      <c r="N1102" s="3"/>
      <c r="W1102" s="98"/>
      <c r="Z1102" s="143"/>
      <c r="AA1102" s="137"/>
      <c r="AB1102" s="137"/>
      <c r="AC1102" s="137"/>
      <c r="AD1102" s="137"/>
      <c r="AE1102" s="137"/>
      <c r="AF1102" s="137"/>
      <c r="AG1102" s="137"/>
      <c r="AH1102" s="137"/>
      <c r="AI1102" s="137"/>
      <c r="AJ1102" s="137"/>
      <c r="AK1102" s="206"/>
      <c r="AL1102" s="206"/>
      <c r="AM1102" s="143"/>
      <c r="AN1102" s="137"/>
      <c r="AO1102" s="137"/>
      <c r="AP1102" s="137"/>
      <c r="AQ1102" s="137"/>
      <c r="AR1102" s="137"/>
      <c r="AS1102" s="137"/>
      <c r="AT1102" s="137"/>
      <c r="AU1102" s="137"/>
      <c r="AV1102" s="137"/>
      <c r="AW1102" s="144"/>
    </row>
    <row r="1103" spans="2:49" x14ac:dyDescent="0.2">
      <c r="B1103" s="97"/>
      <c r="G1103" s="43"/>
      <c r="J1103" s="98"/>
      <c r="K1103" s="97"/>
      <c r="N1103" s="3"/>
      <c r="W1103" s="98"/>
      <c r="Z1103" s="143"/>
      <c r="AA1103" s="137"/>
      <c r="AB1103" s="137"/>
      <c r="AC1103" s="137"/>
      <c r="AD1103" s="137"/>
      <c r="AE1103" s="137"/>
      <c r="AF1103" s="137"/>
      <c r="AG1103" s="137"/>
      <c r="AH1103" s="137"/>
      <c r="AI1103" s="137"/>
      <c r="AJ1103" s="137"/>
      <c r="AK1103" s="206"/>
      <c r="AL1103" s="206"/>
      <c r="AM1103" s="143"/>
      <c r="AN1103" s="137"/>
      <c r="AO1103" s="137"/>
      <c r="AP1103" s="137"/>
      <c r="AQ1103" s="137"/>
      <c r="AR1103" s="137"/>
      <c r="AS1103" s="137"/>
      <c r="AT1103" s="137"/>
      <c r="AU1103" s="137"/>
      <c r="AV1103" s="137"/>
      <c r="AW1103" s="144"/>
    </row>
    <row r="1104" spans="2:49" x14ac:dyDescent="0.2">
      <c r="B1104" s="97"/>
      <c r="G1104" s="43"/>
      <c r="J1104" s="98"/>
      <c r="K1104" s="97"/>
      <c r="N1104" s="3"/>
      <c r="W1104" s="98"/>
      <c r="Z1104" s="143"/>
      <c r="AA1104" s="137"/>
      <c r="AB1104" s="137"/>
      <c r="AC1104" s="137"/>
      <c r="AD1104" s="137"/>
      <c r="AE1104" s="137"/>
      <c r="AF1104" s="137"/>
      <c r="AG1104" s="137"/>
      <c r="AH1104" s="137"/>
      <c r="AI1104" s="137"/>
      <c r="AJ1104" s="137"/>
      <c r="AK1104" s="206"/>
      <c r="AL1104" s="206"/>
      <c r="AM1104" s="143"/>
      <c r="AN1104" s="137"/>
      <c r="AO1104" s="137"/>
      <c r="AP1104" s="137"/>
      <c r="AQ1104" s="137"/>
      <c r="AR1104" s="137"/>
      <c r="AS1104" s="137"/>
      <c r="AT1104" s="137"/>
      <c r="AU1104" s="137"/>
      <c r="AV1104" s="137"/>
      <c r="AW1104" s="144"/>
    </row>
    <row r="1105" spans="2:49" x14ac:dyDescent="0.2">
      <c r="B1105" s="97"/>
      <c r="G1105" s="43"/>
      <c r="J1105" s="98"/>
      <c r="K1105" s="97"/>
      <c r="N1105" s="3"/>
      <c r="W1105" s="98"/>
      <c r="Z1105" s="143"/>
      <c r="AA1105" s="137"/>
      <c r="AB1105" s="137"/>
      <c r="AC1105" s="137"/>
      <c r="AD1105" s="137"/>
      <c r="AE1105" s="137"/>
      <c r="AF1105" s="137"/>
      <c r="AG1105" s="137"/>
      <c r="AH1105" s="137"/>
      <c r="AI1105" s="137"/>
      <c r="AJ1105" s="137"/>
      <c r="AK1105" s="206"/>
      <c r="AL1105" s="206"/>
      <c r="AM1105" s="143"/>
      <c r="AN1105" s="137"/>
      <c r="AO1105" s="137"/>
      <c r="AP1105" s="137"/>
      <c r="AQ1105" s="137"/>
      <c r="AR1105" s="137"/>
      <c r="AS1105" s="137"/>
      <c r="AT1105" s="137"/>
      <c r="AU1105" s="137"/>
      <c r="AV1105" s="137"/>
      <c r="AW1105" s="144"/>
    </row>
    <row r="1106" spans="2:49" x14ac:dyDescent="0.2">
      <c r="B1106" s="97"/>
      <c r="G1106" s="43"/>
      <c r="J1106" s="98"/>
      <c r="K1106" s="97"/>
      <c r="N1106" s="3"/>
      <c r="W1106" s="98"/>
      <c r="Z1106" s="143"/>
      <c r="AA1106" s="137"/>
      <c r="AB1106" s="137"/>
      <c r="AC1106" s="137"/>
      <c r="AD1106" s="137"/>
      <c r="AE1106" s="137"/>
      <c r="AF1106" s="137"/>
      <c r="AG1106" s="137"/>
      <c r="AH1106" s="137"/>
      <c r="AI1106" s="137"/>
      <c r="AJ1106" s="137"/>
      <c r="AK1106" s="206"/>
      <c r="AL1106" s="206"/>
      <c r="AM1106" s="143"/>
      <c r="AN1106" s="137"/>
      <c r="AO1106" s="137"/>
      <c r="AP1106" s="137"/>
      <c r="AQ1106" s="137"/>
      <c r="AR1106" s="137"/>
      <c r="AS1106" s="137"/>
      <c r="AT1106" s="137"/>
      <c r="AU1106" s="137"/>
      <c r="AV1106" s="137"/>
      <c r="AW1106" s="144"/>
    </row>
    <row r="1107" spans="2:49" x14ac:dyDescent="0.2">
      <c r="B1107" s="97"/>
      <c r="G1107" s="43"/>
      <c r="J1107" s="98"/>
      <c r="K1107" s="97"/>
      <c r="N1107" s="3"/>
      <c r="W1107" s="98"/>
      <c r="Z1107" s="143"/>
      <c r="AA1107" s="137"/>
      <c r="AB1107" s="137"/>
      <c r="AC1107" s="137"/>
      <c r="AD1107" s="137"/>
      <c r="AE1107" s="137"/>
      <c r="AF1107" s="137"/>
      <c r="AG1107" s="137"/>
      <c r="AH1107" s="137"/>
      <c r="AI1107" s="137"/>
      <c r="AJ1107" s="137"/>
      <c r="AK1107" s="206"/>
      <c r="AL1107" s="206"/>
      <c r="AM1107" s="143"/>
      <c r="AN1107" s="137"/>
      <c r="AO1107" s="137"/>
      <c r="AP1107" s="137"/>
      <c r="AQ1107" s="137"/>
      <c r="AR1107" s="137"/>
      <c r="AS1107" s="137"/>
      <c r="AT1107" s="137"/>
      <c r="AU1107" s="137"/>
      <c r="AV1107" s="137"/>
      <c r="AW1107" s="144"/>
    </row>
    <row r="1108" spans="2:49" x14ac:dyDescent="0.2">
      <c r="B1108" s="97"/>
      <c r="G1108" s="43"/>
      <c r="J1108" s="98"/>
      <c r="K1108" s="97"/>
      <c r="N1108" s="3"/>
      <c r="W1108" s="98"/>
      <c r="Z1108" s="143"/>
      <c r="AA1108" s="137"/>
      <c r="AB1108" s="137"/>
      <c r="AC1108" s="137"/>
      <c r="AD1108" s="137"/>
      <c r="AE1108" s="137"/>
      <c r="AF1108" s="137"/>
      <c r="AG1108" s="137"/>
      <c r="AH1108" s="137"/>
      <c r="AI1108" s="137"/>
      <c r="AJ1108" s="137"/>
      <c r="AK1108" s="206"/>
      <c r="AL1108" s="206"/>
      <c r="AM1108" s="143"/>
      <c r="AN1108" s="137"/>
      <c r="AO1108" s="137"/>
      <c r="AP1108" s="137"/>
      <c r="AQ1108" s="137"/>
      <c r="AR1108" s="137"/>
      <c r="AS1108" s="137"/>
      <c r="AT1108" s="137"/>
      <c r="AU1108" s="137"/>
      <c r="AV1108" s="137"/>
      <c r="AW1108" s="144"/>
    </row>
    <row r="1109" spans="2:49" x14ac:dyDescent="0.2">
      <c r="B1109" s="97"/>
      <c r="G1109" s="43"/>
      <c r="J1109" s="98"/>
      <c r="K1109" s="97"/>
      <c r="N1109" s="3"/>
      <c r="W1109" s="98"/>
      <c r="Z1109" s="143"/>
      <c r="AA1109" s="137"/>
      <c r="AB1109" s="137"/>
      <c r="AC1109" s="137"/>
      <c r="AD1109" s="137"/>
      <c r="AE1109" s="137"/>
      <c r="AF1109" s="137"/>
      <c r="AG1109" s="137"/>
      <c r="AH1109" s="137"/>
      <c r="AI1109" s="137"/>
      <c r="AJ1109" s="137"/>
      <c r="AK1109" s="206"/>
      <c r="AL1109" s="206"/>
      <c r="AM1109" s="143"/>
      <c r="AN1109" s="137"/>
      <c r="AO1109" s="137"/>
      <c r="AP1109" s="137"/>
      <c r="AQ1109" s="137"/>
      <c r="AR1109" s="137"/>
      <c r="AS1109" s="137"/>
      <c r="AT1109" s="137"/>
      <c r="AU1109" s="137"/>
      <c r="AV1109" s="137"/>
      <c r="AW1109" s="144"/>
    </row>
    <row r="1110" spans="2:49" x14ac:dyDescent="0.2">
      <c r="B1110" s="97"/>
      <c r="G1110" s="43"/>
      <c r="J1110" s="98"/>
      <c r="K1110" s="97"/>
      <c r="N1110" s="3"/>
      <c r="W1110" s="98"/>
      <c r="Z1110" s="143"/>
      <c r="AA1110" s="137"/>
      <c r="AB1110" s="137"/>
      <c r="AC1110" s="137"/>
      <c r="AD1110" s="137"/>
      <c r="AE1110" s="137"/>
      <c r="AF1110" s="137"/>
      <c r="AG1110" s="137"/>
      <c r="AH1110" s="137"/>
      <c r="AI1110" s="137"/>
      <c r="AJ1110" s="137"/>
      <c r="AK1110" s="206"/>
      <c r="AL1110" s="206"/>
      <c r="AM1110" s="143"/>
      <c r="AN1110" s="137"/>
      <c r="AO1110" s="137"/>
      <c r="AP1110" s="137"/>
      <c r="AQ1110" s="137"/>
      <c r="AR1110" s="137"/>
      <c r="AS1110" s="137"/>
      <c r="AT1110" s="137"/>
      <c r="AU1110" s="137"/>
      <c r="AV1110" s="137"/>
      <c r="AW1110" s="144"/>
    </row>
    <row r="1111" spans="2:49" x14ac:dyDescent="0.2">
      <c r="B1111" s="97"/>
      <c r="G1111" s="43"/>
      <c r="J1111" s="98"/>
      <c r="K1111" s="97"/>
      <c r="N1111" s="3"/>
      <c r="W1111" s="98"/>
      <c r="Z1111" s="143"/>
      <c r="AA1111" s="137"/>
      <c r="AB1111" s="137"/>
      <c r="AC1111" s="137"/>
      <c r="AD1111" s="137"/>
      <c r="AE1111" s="137"/>
      <c r="AF1111" s="137"/>
      <c r="AG1111" s="137"/>
      <c r="AH1111" s="137"/>
      <c r="AI1111" s="137"/>
      <c r="AJ1111" s="137"/>
      <c r="AK1111" s="206"/>
      <c r="AL1111" s="206"/>
      <c r="AM1111" s="143"/>
      <c r="AN1111" s="137"/>
      <c r="AO1111" s="137"/>
      <c r="AP1111" s="137"/>
      <c r="AQ1111" s="137"/>
      <c r="AR1111" s="137"/>
      <c r="AS1111" s="137"/>
      <c r="AT1111" s="137"/>
      <c r="AU1111" s="137"/>
      <c r="AV1111" s="137"/>
      <c r="AW1111" s="144"/>
    </row>
    <row r="1112" spans="2:49" x14ac:dyDescent="0.2">
      <c r="B1112" s="97"/>
      <c r="G1112" s="43"/>
      <c r="J1112" s="98"/>
      <c r="K1112" s="97"/>
      <c r="N1112" s="3"/>
      <c r="W1112" s="98"/>
      <c r="Z1112" s="143"/>
      <c r="AA1112" s="137"/>
      <c r="AB1112" s="137"/>
      <c r="AC1112" s="137"/>
      <c r="AD1112" s="137"/>
      <c r="AE1112" s="137"/>
      <c r="AF1112" s="137"/>
      <c r="AG1112" s="137"/>
      <c r="AH1112" s="137"/>
      <c r="AI1112" s="137"/>
      <c r="AJ1112" s="137"/>
      <c r="AK1112" s="206"/>
      <c r="AL1112" s="206"/>
      <c r="AM1112" s="143"/>
      <c r="AN1112" s="137"/>
      <c r="AO1112" s="137"/>
      <c r="AP1112" s="137"/>
      <c r="AQ1112" s="137"/>
      <c r="AR1112" s="137"/>
      <c r="AS1112" s="137"/>
      <c r="AT1112" s="137"/>
      <c r="AU1112" s="137"/>
      <c r="AV1112" s="137"/>
      <c r="AW1112" s="144"/>
    </row>
    <row r="1113" spans="2:49" x14ac:dyDescent="0.2">
      <c r="B1113" s="97"/>
      <c r="G1113" s="43"/>
      <c r="J1113" s="98"/>
      <c r="K1113" s="97"/>
      <c r="N1113" s="3"/>
      <c r="W1113" s="98"/>
      <c r="Z1113" s="143"/>
      <c r="AA1113" s="137"/>
      <c r="AB1113" s="137"/>
      <c r="AC1113" s="137"/>
      <c r="AD1113" s="137"/>
      <c r="AE1113" s="137"/>
      <c r="AF1113" s="137"/>
      <c r="AG1113" s="137"/>
      <c r="AH1113" s="137"/>
      <c r="AI1113" s="137"/>
      <c r="AJ1113" s="137"/>
      <c r="AK1113" s="206"/>
      <c r="AL1113" s="206"/>
      <c r="AM1113" s="143"/>
      <c r="AN1113" s="137"/>
      <c r="AO1113" s="137"/>
      <c r="AP1113" s="137"/>
      <c r="AQ1113" s="137"/>
      <c r="AR1113" s="137"/>
      <c r="AS1113" s="137"/>
      <c r="AT1113" s="137"/>
      <c r="AU1113" s="137"/>
      <c r="AV1113" s="137"/>
      <c r="AW1113" s="144"/>
    </row>
    <row r="1114" spans="2:49" x14ac:dyDescent="0.2">
      <c r="B1114" s="97"/>
      <c r="G1114" s="43"/>
      <c r="J1114" s="98"/>
      <c r="K1114" s="97"/>
      <c r="N1114" s="3"/>
      <c r="W1114" s="98"/>
      <c r="Z1114" s="143"/>
      <c r="AA1114" s="137"/>
      <c r="AB1114" s="137"/>
      <c r="AC1114" s="137"/>
      <c r="AD1114" s="137"/>
      <c r="AE1114" s="137"/>
      <c r="AF1114" s="137"/>
      <c r="AG1114" s="137"/>
      <c r="AH1114" s="137"/>
      <c r="AI1114" s="137"/>
      <c r="AJ1114" s="137"/>
      <c r="AK1114" s="206"/>
      <c r="AL1114" s="206"/>
      <c r="AM1114" s="143"/>
      <c r="AN1114" s="137"/>
      <c r="AO1114" s="137"/>
      <c r="AP1114" s="137"/>
      <c r="AQ1114" s="137"/>
      <c r="AR1114" s="137"/>
      <c r="AS1114" s="137"/>
      <c r="AT1114" s="137"/>
      <c r="AU1114" s="137"/>
      <c r="AV1114" s="137"/>
      <c r="AW1114" s="144"/>
    </row>
    <row r="1115" spans="2:49" x14ac:dyDescent="0.2">
      <c r="B1115" s="97"/>
      <c r="G1115" s="43"/>
      <c r="J1115" s="98"/>
      <c r="K1115" s="97"/>
      <c r="N1115" s="3"/>
      <c r="W1115" s="98"/>
      <c r="Z1115" s="143"/>
      <c r="AA1115" s="137"/>
      <c r="AB1115" s="137"/>
      <c r="AC1115" s="137"/>
      <c r="AD1115" s="137"/>
      <c r="AE1115" s="137"/>
      <c r="AF1115" s="137"/>
      <c r="AG1115" s="137"/>
      <c r="AH1115" s="137"/>
      <c r="AI1115" s="137"/>
      <c r="AJ1115" s="137"/>
      <c r="AK1115" s="206"/>
      <c r="AL1115" s="206"/>
      <c r="AM1115" s="143"/>
      <c r="AN1115" s="137"/>
      <c r="AO1115" s="137"/>
      <c r="AP1115" s="137"/>
      <c r="AQ1115" s="137"/>
      <c r="AR1115" s="137"/>
      <c r="AS1115" s="137"/>
      <c r="AT1115" s="137"/>
      <c r="AU1115" s="137"/>
      <c r="AV1115" s="137"/>
      <c r="AW1115" s="144"/>
    </row>
    <row r="1116" spans="2:49" x14ac:dyDescent="0.2">
      <c r="B1116" s="97"/>
      <c r="G1116" s="43"/>
      <c r="J1116" s="98"/>
      <c r="K1116" s="97"/>
      <c r="N1116" s="3"/>
      <c r="W1116" s="98"/>
      <c r="Z1116" s="143"/>
      <c r="AA1116" s="137"/>
      <c r="AB1116" s="137"/>
      <c r="AC1116" s="137"/>
      <c r="AD1116" s="137"/>
      <c r="AE1116" s="137"/>
      <c r="AF1116" s="137"/>
      <c r="AG1116" s="137"/>
      <c r="AH1116" s="137"/>
      <c r="AI1116" s="137"/>
      <c r="AJ1116" s="137"/>
      <c r="AK1116" s="206"/>
      <c r="AL1116" s="206"/>
      <c r="AM1116" s="143"/>
      <c r="AN1116" s="137"/>
      <c r="AO1116" s="137"/>
      <c r="AP1116" s="137"/>
      <c r="AQ1116" s="137"/>
      <c r="AR1116" s="137"/>
      <c r="AS1116" s="137"/>
      <c r="AT1116" s="137"/>
      <c r="AU1116" s="137"/>
      <c r="AV1116" s="137"/>
      <c r="AW1116" s="144"/>
    </row>
    <row r="1117" spans="2:49" x14ac:dyDescent="0.2">
      <c r="B1117" s="97"/>
      <c r="G1117" s="43"/>
      <c r="J1117" s="98"/>
      <c r="K1117" s="97"/>
      <c r="N1117" s="3"/>
      <c r="W1117" s="98"/>
      <c r="Z1117" s="143"/>
      <c r="AA1117" s="137"/>
      <c r="AB1117" s="137"/>
      <c r="AC1117" s="137"/>
      <c r="AD1117" s="137"/>
      <c r="AE1117" s="137"/>
      <c r="AF1117" s="137"/>
      <c r="AG1117" s="137"/>
      <c r="AH1117" s="137"/>
      <c r="AI1117" s="137"/>
      <c r="AJ1117" s="137"/>
      <c r="AK1117" s="206"/>
      <c r="AL1117" s="206"/>
      <c r="AM1117" s="143"/>
      <c r="AN1117" s="137"/>
      <c r="AO1117" s="137"/>
      <c r="AP1117" s="137"/>
      <c r="AQ1117" s="137"/>
      <c r="AR1117" s="137"/>
      <c r="AS1117" s="137"/>
      <c r="AT1117" s="137"/>
      <c r="AU1117" s="137"/>
      <c r="AV1117" s="137"/>
      <c r="AW1117" s="144"/>
    </row>
    <row r="1118" spans="2:49" x14ac:dyDescent="0.2">
      <c r="B1118" s="97"/>
      <c r="G1118" s="43"/>
      <c r="J1118" s="98"/>
      <c r="K1118" s="97"/>
      <c r="N1118" s="3"/>
      <c r="W1118" s="98"/>
      <c r="Z1118" s="143"/>
      <c r="AA1118" s="137"/>
      <c r="AB1118" s="137"/>
      <c r="AC1118" s="137"/>
      <c r="AD1118" s="137"/>
      <c r="AE1118" s="137"/>
      <c r="AF1118" s="137"/>
      <c r="AG1118" s="137"/>
      <c r="AH1118" s="137"/>
      <c r="AI1118" s="137"/>
      <c r="AJ1118" s="137"/>
      <c r="AK1118" s="206"/>
      <c r="AL1118" s="206"/>
      <c r="AM1118" s="143"/>
      <c r="AN1118" s="137"/>
      <c r="AO1118" s="137"/>
      <c r="AP1118" s="137"/>
      <c r="AQ1118" s="137"/>
      <c r="AR1118" s="137"/>
      <c r="AS1118" s="137"/>
      <c r="AT1118" s="137"/>
      <c r="AU1118" s="137"/>
      <c r="AV1118" s="137"/>
      <c r="AW1118" s="144"/>
    </row>
    <row r="1119" spans="2:49" x14ac:dyDescent="0.2">
      <c r="B1119" s="97"/>
      <c r="G1119" s="43"/>
      <c r="J1119" s="98"/>
      <c r="K1119" s="97"/>
      <c r="N1119" s="3"/>
      <c r="W1119" s="98"/>
      <c r="Z1119" s="143"/>
      <c r="AA1119" s="137"/>
      <c r="AB1119" s="137"/>
      <c r="AC1119" s="137"/>
      <c r="AD1119" s="137"/>
      <c r="AE1119" s="137"/>
      <c r="AF1119" s="137"/>
      <c r="AG1119" s="137"/>
      <c r="AH1119" s="137"/>
      <c r="AI1119" s="137"/>
      <c r="AJ1119" s="137"/>
      <c r="AK1119" s="206"/>
      <c r="AL1119" s="206"/>
      <c r="AM1119" s="143"/>
      <c r="AN1119" s="137"/>
      <c r="AO1119" s="137"/>
      <c r="AP1119" s="137"/>
      <c r="AQ1119" s="137"/>
      <c r="AR1119" s="137"/>
      <c r="AS1119" s="137"/>
      <c r="AT1119" s="137"/>
      <c r="AU1119" s="137"/>
      <c r="AV1119" s="137"/>
      <c r="AW1119" s="144"/>
    </row>
    <row r="1120" spans="2:49" x14ac:dyDescent="0.2">
      <c r="B1120" s="97"/>
      <c r="G1120" s="43"/>
      <c r="J1120" s="98"/>
      <c r="K1120" s="97"/>
      <c r="N1120" s="3"/>
      <c r="W1120" s="98"/>
      <c r="Z1120" s="143"/>
      <c r="AA1120" s="137"/>
      <c r="AB1120" s="137"/>
      <c r="AC1120" s="137"/>
      <c r="AD1120" s="137"/>
      <c r="AE1120" s="137"/>
      <c r="AF1120" s="137"/>
      <c r="AG1120" s="137"/>
      <c r="AH1120" s="137"/>
      <c r="AI1120" s="137"/>
      <c r="AJ1120" s="137"/>
      <c r="AK1120" s="206"/>
      <c r="AL1120" s="206"/>
      <c r="AM1120" s="143"/>
      <c r="AN1120" s="137"/>
      <c r="AO1120" s="137"/>
      <c r="AP1120" s="137"/>
      <c r="AQ1120" s="137"/>
      <c r="AR1120" s="137"/>
      <c r="AS1120" s="137"/>
      <c r="AT1120" s="137"/>
      <c r="AU1120" s="137"/>
      <c r="AV1120" s="137"/>
      <c r="AW1120" s="144"/>
    </row>
    <row r="1121" spans="2:49" x14ac:dyDescent="0.2">
      <c r="B1121" s="97"/>
      <c r="G1121" s="43"/>
      <c r="J1121" s="98"/>
      <c r="K1121" s="97"/>
      <c r="N1121" s="3"/>
      <c r="W1121" s="98"/>
      <c r="Z1121" s="143"/>
      <c r="AA1121" s="137"/>
      <c r="AB1121" s="137"/>
      <c r="AC1121" s="137"/>
      <c r="AD1121" s="137"/>
      <c r="AE1121" s="137"/>
      <c r="AF1121" s="137"/>
      <c r="AG1121" s="137"/>
      <c r="AH1121" s="137"/>
      <c r="AI1121" s="137"/>
      <c r="AJ1121" s="137"/>
      <c r="AK1121" s="206"/>
      <c r="AL1121" s="206"/>
      <c r="AM1121" s="143"/>
      <c r="AN1121" s="137"/>
      <c r="AO1121" s="137"/>
      <c r="AP1121" s="137"/>
      <c r="AQ1121" s="137"/>
      <c r="AR1121" s="137"/>
      <c r="AS1121" s="137"/>
      <c r="AT1121" s="137"/>
      <c r="AU1121" s="137"/>
      <c r="AV1121" s="137"/>
      <c r="AW1121" s="144"/>
    </row>
    <row r="1122" spans="2:49" x14ac:dyDescent="0.2">
      <c r="B1122" s="97"/>
      <c r="G1122" s="43"/>
      <c r="J1122" s="98"/>
      <c r="K1122" s="97"/>
      <c r="N1122" s="3"/>
      <c r="W1122" s="98"/>
      <c r="Z1122" s="143"/>
      <c r="AA1122" s="137"/>
      <c r="AB1122" s="137"/>
      <c r="AC1122" s="137"/>
      <c r="AD1122" s="137"/>
      <c r="AE1122" s="137"/>
      <c r="AF1122" s="137"/>
      <c r="AG1122" s="137"/>
      <c r="AH1122" s="137"/>
      <c r="AI1122" s="137"/>
      <c r="AJ1122" s="137"/>
      <c r="AK1122" s="206"/>
      <c r="AL1122" s="206"/>
      <c r="AM1122" s="143"/>
      <c r="AN1122" s="137"/>
      <c r="AO1122" s="137"/>
      <c r="AP1122" s="137"/>
      <c r="AQ1122" s="137"/>
      <c r="AR1122" s="137"/>
      <c r="AS1122" s="137"/>
      <c r="AT1122" s="137"/>
      <c r="AU1122" s="137"/>
      <c r="AV1122" s="137"/>
      <c r="AW1122" s="144"/>
    </row>
    <row r="1123" spans="2:49" x14ac:dyDescent="0.2">
      <c r="B1123" s="97"/>
      <c r="G1123" s="43"/>
      <c r="J1123" s="98"/>
      <c r="K1123" s="97"/>
      <c r="N1123" s="3"/>
      <c r="W1123" s="98"/>
      <c r="Z1123" s="143"/>
      <c r="AA1123" s="137"/>
      <c r="AB1123" s="137"/>
      <c r="AC1123" s="137"/>
      <c r="AD1123" s="137"/>
      <c r="AE1123" s="137"/>
      <c r="AF1123" s="137"/>
      <c r="AG1123" s="137"/>
      <c r="AH1123" s="137"/>
      <c r="AI1123" s="137"/>
      <c r="AJ1123" s="137"/>
      <c r="AK1123" s="206"/>
      <c r="AL1123" s="206"/>
      <c r="AM1123" s="143"/>
      <c r="AN1123" s="137"/>
      <c r="AO1123" s="137"/>
      <c r="AP1123" s="137"/>
      <c r="AQ1123" s="137"/>
      <c r="AR1123" s="137"/>
      <c r="AS1123" s="137"/>
      <c r="AT1123" s="137"/>
      <c r="AU1123" s="137"/>
      <c r="AV1123" s="137"/>
      <c r="AW1123" s="144"/>
    </row>
    <row r="1124" spans="2:49" x14ac:dyDescent="0.2">
      <c r="B1124" s="97"/>
      <c r="G1124" s="43"/>
      <c r="J1124" s="98"/>
      <c r="K1124" s="97"/>
      <c r="N1124" s="3"/>
      <c r="W1124" s="98"/>
      <c r="Z1124" s="143"/>
      <c r="AA1124" s="137"/>
      <c r="AB1124" s="137"/>
      <c r="AC1124" s="137"/>
      <c r="AD1124" s="137"/>
      <c r="AE1124" s="137"/>
      <c r="AF1124" s="137"/>
      <c r="AG1124" s="137"/>
      <c r="AH1124" s="137"/>
      <c r="AI1124" s="137"/>
      <c r="AJ1124" s="137"/>
      <c r="AK1124" s="206"/>
      <c r="AL1124" s="206"/>
      <c r="AM1124" s="143"/>
      <c r="AN1124" s="137"/>
      <c r="AO1124" s="137"/>
      <c r="AP1124" s="137"/>
      <c r="AQ1124" s="137"/>
      <c r="AR1124" s="137"/>
      <c r="AS1124" s="137"/>
      <c r="AT1124" s="137"/>
      <c r="AU1124" s="137"/>
      <c r="AV1124" s="137"/>
      <c r="AW1124" s="144"/>
    </row>
    <row r="1125" spans="2:49" x14ac:dyDescent="0.2">
      <c r="B1125" s="97"/>
      <c r="G1125" s="43"/>
      <c r="J1125" s="98"/>
      <c r="K1125" s="97"/>
      <c r="N1125" s="3"/>
      <c r="W1125" s="98"/>
      <c r="Z1125" s="143"/>
      <c r="AA1125" s="137"/>
      <c r="AB1125" s="137"/>
      <c r="AC1125" s="137"/>
      <c r="AD1125" s="137"/>
      <c r="AE1125" s="137"/>
      <c r="AF1125" s="137"/>
      <c r="AG1125" s="137"/>
      <c r="AH1125" s="137"/>
      <c r="AI1125" s="137"/>
      <c r="AJ1125" s="137"/>
      <c r="AK1125" s="206"/>
      <c r="AL1125" s="206"/>
      <c r="AM1125" s="143"/>
      <c r="AN1125" s="137"/>
      <c r="AO1125" s="137"/>
      <c r="AP1125" s="137"/>
      <c r="AQ1125" s="137"/>
      <c r="AR1125" s="137"/>
      <c r="AS1125" s="137"/>
      <c r="AT1125" s="137"/>
      <c r="AU1125" s="137"/>
      <c r="AV1125" s="137"/>
      <c r="AW1125" s="144"/>
    </row>
    <row r="1126" spans="2:49" x14ac:dyDescent="0.2">
      <c r="B1126" s="97"/>
      <c r="G1126" s="43"/>
      <c r="J1126" s="98"/>
      <c r="K1126" s="97"/>
      <c r="N1126" s="3"/>
      <c r="W1126" s="98"/>
      <c r="Z1126" s="143"/>
      <c r="AA1126" s="137"/>
      <c r="AB1126" s="137"/>
      <c r="AC1126" s="137"/>
      <c r="AD1126" s="137"/>
      <c r="AE1126" s="137"/>
      <c r="AF1126" s="137"/>
      <c r="AG1126" s="137"/>
      <c r="AH1126" s="137"/>
      <c r="AI1126" s="137"/>
      <c r="AJ1126" s="137"/>
      <c r="AK1126" s="206"/>
      <c r="AL1126" s="206"/>
      <c r="AM1126" s="143"/>
      <c r="AN1126" s="137"/>
      <c r="AO1126" s="137"/>
      <c r="AP1126" s="137"/>
      <c r="AQ1126" s="137"/>
      <c r="AR1126" s="137"/>
      <c r="AS1126" s="137"/>
      <c r="AT1126" s="137"/>
      <c r="AU1126" s="137"/>
      <c r="AV1126" s="137"/>
      <c r="AW1126" s="144"/>
    </row>
    <row r="1127" spans="2:49" x14ac:dyDescent="0.2">
      <c r="B1127" s="97"/>
      <c r="G1127" s="43"/>
      <c r="J1127" s="98"/>
      <c r="K1127" s="97"/>
      <c r="N1127" s="3"/>
      <c r="W1127" s="98"/>
      <c r="Z1127" s="143"/>
      <c r="AA1127" s="137"/>
      <c r="AB1127" s="137"/>
      <c r="AC1127" s="137"/>
      <c r="AD1127" s="137"/>
      <c r="AE1127" s="137"/>
      <c r="AF1127" s="137"/>
      <c r="AG1127" s="137"/>
      <c r="AH1127" s="137"/>
      <c r="AI1127" s="137"/>
      <c r="AJ1127" s="137"/>
      <c r="AK1127" s="206"/>
      <c r="AL1127" s="206"/>
      <c r="AM1127" s="143"/>
      <c r="AN1127" s="137"/>
      <c r="AO1127" s="137"/>
      <c r="AP1127" s="137"/>
      <c r="AQ1127" s="137"/>
      <c r="AR1127" s="137"/>
      <c r="AS1127" s="137"/>
      <c r="AT1127" s="137"/>
      <c r="AU1127" s="137"/>
      <c r="AV1127" s="137"/>
      <c r="AW1127" s="144"/>
    </row>
    <row r="1128" spans="2:49" x14ac:dyDescent="0.2">
      <c r="B1128" s="97"/>
      <c r="G1128" s="43"/>
      <c r="J1128" s="98"/>
      <c r="K1128" s="97"/>
      <c r="N1128" s="3"/>
      <c r="W1128" s="98"/>
      <c r="Z1128" s="143"/>
      <c r="AA1128" s="137"/>
      <c r="AB1128" s="137"/>
      <c r="AC1128" s="137"/>
      <c r="AD1128" s="137"/>
      <c r="AE1128" s="137"/>
      <c r="AF1128" s="137"/>
      <c r="AG1128" s="137"/>
      <c r="AH1128" s="137"/>
      <c r="AI1128" s="137"/>
      <c r="AJ1128" s="137"/>
      <c r="AK1128" s="206"/>
      <c r="AL1128" s="206"/>
      <c r="AM1128" s="143"/>
      <c r="AN1128" s="137"/>
      <c r="AO1128" s="137"/>
      <c r="AP1128" s="137"/>
      <c r="AQ1128" s="137"/>
      <c r="AR1128" s="137"/>
      <c r="AS1128" s="137"/>
      <c r="AT1128" s="137"/>
      <c r="AU1128" s="137"/>
      <c r="AV1128" s="137"/>
      <c r="AW1128" s="144"/>
    </row>
    <row r="1129" spans="2:49" x14ac:dyDescent="0.2">
      <c r="B1129" s="97"/>
      <c r="G1129" s="43"/>
      <c r="J1129" s="98"/>
      <c r="K1129" s="97"/>
      <c r="N1129" s="3"/>
      <c r="W1129" s="98"/>
      <c r="Z1129" s="143"/>
      <c r="AA1129" s="137"/>
      <c r="AB1129" s="137"/>
      <c r="AC1129" s="137"/>
      <c r="AD1129" s="137"/>
      <c r="AE1129" s="137"/>
      <c r="AF1129" s="137"/>
      <c r="AG1129" s="137"/>
      <c r="AH1129" s="137"/>
      <c r="AI1129" s="137"/>
      <c r="AJ1129" s="137"/>
      <c r="AK1129" s="206"/>
      <c r="AL1129" s="206"/>
      <c r="AM1129" s="143"/>
      <c r="AN1129" s="137"/>
      <c r="AO1129" s="137"/>
      <c r="AP1129" s="137"/>
      <c r="AQ1129" s="137"/>
      <c r="AR1129" s="137"/>
      <c r="AS1129" s="137"/>
      <c r="AT1129" s="137"/>
      <c r="AU1129" s="137"/>
      <c r="AV1129" s="137"/>
      <c r="AW1129" s="144"/>
    </row>
    <row r="1130" spans="2:49" x14ac:dyDescent="0.2">
      <c r="B1130" s="97"/>
      <c r="G1130" s="43"/>
      <c r="J1130" s="98"/>
      <c r="K1130" s="97"/>
      <c r="N1130" s="3"/>
      <c r="W1130" s="98"/>
      <c r="Z1130" s="143"/>
      <c r="AA1130" s="137"/>
      <c r="AB1130" s="137"/>
      <c r="AC1130" s="137"/>
      <c r="AD1130" s="137"/>
      <c r="AE1130" s="137"/>
      <c r="AF1130" s="137"/>
      <c r="AG1130" s="137"/>
      <c r="AH1130" s="137"/>
      <c r="AI1130" s="137"/>
      <c r="AJ1130" s="137"/>
      <c r="AK1130" s="206"/>
      <c r="AL1130" s="206"/>
      <c r="AM1130" s="143"/>
      <c r="AN1130" s="137"/>
      <c r="AO1130" s="137"/>
      <c r="AP1130" s="137"/>
      <c r="AQ1130" s="137"/>
      <c r="AR1130" s="137"/>
      <c r="AS1130" s="137"/>
      <c r="AT1130" s="137"/>
      <c r="AU1130" s="137"/>
      <c r="AV1130" s="137"/>
      <c r="AW1130" s="144"/>
    </row>
    <row r="1131" spans="2:49" x14ac:dyDescent="0.2">
      <c r="B1131" s="97"/>
      <c r="G1131" s="43"/>
      <c r="J1131" s="98"/>
      <c r="K1131" s="97"/>
      <c r="N1131" s="3"/>
      <c r="W1131" s="98"/>
      <c r="Z1131" s="143"/>
      <c r="AA1131" s="137"/>
      <c r="AB1131" s="137"/>
      <c r="AC1131" s="137"/>
      <c r="AD1131" s="137"/>
      <c r="AE1131" s="137"/>
      <c r="AF1131" s="137"/>
      <c r="AG1131" s="137"/>
      <c r="AH1131" s="137"/>
      <c r="AI1131" s="137"/>
      <c r="AJ1131" s="137"/>
      <c r="AK1131" s="206"/>
      <c r="AL1131" s="206"/>
      <c r="AM1131" s="143"/>
      <c r="AN1131" s="137"/>
      <c r="AO1131" s="137"/>
      <c r="AP1131" s="137"/>
      <c r="AQ1131" s="137"/>
      <c r="AR1131" s="137"/>
      <c r="AS1131" s="137"/>
      <c r="AT1131" s="137"/>
      <c r="AU1131" s="137"/>
      <c r="AV1131" s="137"/>
      <c r="AW1131" s="144"/>
    </row>
    <row r="1132" spans="2:49" x14ac:dyDescent="0.2">
      <c r="B1132" s="97"/>
      <c r="G1132" s="43"/>
      <c r="J1132" s="98"/>
      <c r="K1132" s="97"/>
      <c r="N1132" s="3"/>
      <c r="W1132" s="98"/>
      <c r="Z1132" s="143"/>
      <c r="AA1132" s="137"/>
      <c r="AB1132" s="137"/>
      <c r="AC1132" s="137"/>
      <c r="AD1132" s="137"/>
      <c r="AE1132" s="137"/>
      <c r="AF1132" s="137"/>
      <c r="AG1132" s="137"/>
      <c r="AH1132" s="137"/>
      <c r="AI1132" s="137"/>
      <c r="AJ1132" s="137"/>
      <c r="AK1132" s="206"/>
      <c r="AL1132" s="206"/>
      <c r="AM1132" s="143"/>
      <c r="AN1132" s="137"/>
      <c r="AO1132" s="137"/>
      <c r="AP1132" s="137"/>
      <c r="AQ1132" s="137"/>
      <c r="AR1132" s="137"/>
      <c r="AS1132" s="137"/>
      <c r="AT1132" s="137"/>
      <c r="AU1132" s="137"/>
      <c r="AV1132" s="137"/>
      <c r="AW1132" s="144"/>
    </row>
    <row r="1133" spans="2:49" x14ac:dyDescent="0.2">
      <c r="B1133" s="97"/>
      <c r="G1133" s="43"/>
      <c r="J1133" s="98"/>
      <c r="K1133" s="97"/>
      <c r="N1133" s="3"/>
      <c r="W1133" s="98"/>
      <c r="Z1133" s="143"/>
      <c r="AA1133" s="137"/>
      <c r="AB1133" s="137"/>
      <c r="AC1133" s="137"/>
      <c r="AD1133" s="137"/>
      <c r="AE1133" s="137"/>
      <c r="AF1133" s="137"/>
      <c r="AG1133" s="137"/>
      <c r="AH1133" s="137"/>
      <c r="AI1133" s="137"/>
      <c r="AJ1133" s="137"/>
      <c r="AK1133" s="206"/>
      <c r="AL1133" s="206"/>
      <c r="AM1133" s="143"/>
      <c r="AN1133" s="137"/>
      <c r="AO1133" s="137"/>
      <c r="AP1133" s="137"/>
      <c r="AQ1133" s="137"/>
      <c r="AR1133" s="137"/>
      <c r="AS1133" s="137"/>
      <c r="AT1133" s="137"/>
      <c r="AU1133" s="137"/>
      <c r="AV1133" s="137"/>
      <c r="AW1133" s="144"/>
    </row>
    <row r="1134" spans="2:49" x14ac:dyDescent="0.2">
      <c r="B1134" s="97"/>
      <c r="G1134" s="43"/>
      <c r="J1134" s="98"/>
      <c r="K1134" s="97"/>
      <c r="N1134" s="3"/>
      <c r="W1134" s="98"/>
      <c r="Z1134" s="143"/>
      <c r="AA1134" s="137"/>
      <c r="AB1134" s="137"/>
      <c r="AC1134" s="137"/>
      <c r="AD1134" s="137"/>
      <c r="AE1134" s="137"/>
      <c r="AF1134" s="137"/>
      <c r="AG1134" s="137"/>
      <c r="AH1134" s="137"/>
      <c r="AI1134" s="137"/>
      <c r="AJ1134" s="137"/>
      <c r="AK1134" s="206"/>
      <c r="AL1134" s="206"/>
      <c r="AM1134" s="143"/>
      <c r="AN1134" s="137"/>
      <c r="AO1134" s="137"/>
      <c r="AP1134" s="137"/>
      <c r="AQ1134" s="137"/>
      <c r="AR1134" s="137"/>
      <c r="AS1134" s="137"/>
      <c r="AT1134" s="137"/>
      <c r="AU1134" s="137"/>
      <c r="AV1134" s="137"/>
      <c r="AW1134" s="144"/>
    </row>
    <row r="1135" spans="2:49" x14ac:dyDescent="0.2">
      <c r="B1135" s="97"/>
      <c r="G1135" s="43"/>
      <c r="J1135" s="98"/>
      <c r="K1135" s="97"/>
      <c r="N1135" s="3"/>
      <c r="W1135" s="98"/>
      <c r="Z1135" s="143"/>
      <c r="AA1135" s="137"/>
      <c r="AB1135" s="137"/>
      <c r="AC1135" s="137"/>
      <c r="AD1135" s="137"/>
      <c r="AE1135" s="137"/>
      <c r="AF1135" s="137"/>
      <c r="AG1135" s="137"/>
      <c r="AH1135" s="137"/>
      <c r="AI1135" s="137"/>
      <c r="AJ1135" s="137"/>
      <c r="AK1135" s="206"/>
      <c r="AL1135" s="206"/>
      <c r="AM1135" s="143"/>
      <c r="AN1135" s="137"/>
      <c r="AO1135" s="137"/>
      <c r="AP1135" s="137"/>
      <c r="AQ1135" s="137"/>
      <c r="AR1135" s="137"/>
      <c r="AS1135" s="137"/>
      <c r="AT1135" s="137"/>
      <c r="AU1135" s="137"/>
      <c r="AV1135" s="137"/>
      <c r="AW1135" s="144"/>
    </row>
    <row r="1136" spans="2:49" x14ac:dyDescent="0.2">
      <c r="B1136" s="97"/>
      <c r="G1136" s="43"/>
      <c r="J1136" s="98"/>
      <c r="K1136" s="97"/>
      <c r="N1136" s="3"/>
      <c r="W1136" s="98"/>
      <c r="Z1136" s="143"/>
      <c r="AA1136" s="137"/>
      <c r="AB1136" s="137"/>
      <c r="AC1136" s="137"/>
      <c r="AD1136" s="137"/>
      <c r="AE1136" s="137"/>
      <c r="AF1136" s="137"/>
      <c r="AG1136" s="137"/>
      <c r="AH1136" s="137"/>
      <c r="AI1136" s="137"/>
      <c r="AJ1136" s="137"/>
      <c r="AK1136" s="206"/>
      <c r="AL1136" s="206"/>
      <c r="AM1136" s="143"/>
      <c r="AN1136" s="137"/>
      <c r="AO1136" s="137"/>
      <c r="AP1136" s="137"/>
      <c r="AQ1136" s="137"/>
      <c r="AR1136" s="137"/>
      <c r="AS1136" s="137"/>
      <c r="AT1136" s="137"/>
      <c r="AU1136" s="137"/>
      <c r="AV1136" s="137"/>
      <c r="AW1136" s="144"/>
    </row>
    <row r="1137" spans="2:49" x14ac:dyDescent="0.2">
      <c r="B1137" s="97"/>
      <c r="G1137" s="43"/>
      <c r="J1137" s="98"/>
      <c r="K1137" s="97"/>
      <c r="N1137" s="3"/>
      <c r="W1137" s="98"/>
      <c r="Z1137" s="143"/>
      <c r="AA1137" s="137"/>
      <c r="AB1137" s="137"/>
      <c r="AC1137" s="137"/>
      <c r="AD1137" s="137"/>
      <c r="AE1137" s="137"/>
      <c r="AF1137" s="137"/>
      <c r="AG1137" s="137"/>
      <c r="AH1137" s="137"/>
      <c r="AI1137" s="137"/>
      <c r="AJ1137" s="137"/>
      <c r="AK1137" s="206"/>
      <c r="AL1137" s="206"/>
      <c r="AM1137" s="143"/>
      <c r="AN1137" s="137"/>
      <c r="AO1137" s="137"/>
      <c r="AP1137" s="137"/>
      <c r="AQ1137" s="137"/>
      <c r="AR1137" s="137"/>
      <c r="AS1137" s="137"/>
      <c r="AT1137" s="137"/>
      <c r="AU1137" s="137"/>
      <c r="AV1137" s="137"/>
      <c r="AW1137" s="144"/>
    </row>
    <row r="1138" spans="2:49" x14ac:dyDescent="0.2">
      <c r="B1138" s="97"/>
      <c r="G1138" s="43"/>
      <c r="J1138" s="98"/>
      <c r="K1138" s="97"/>
      <c r="N1138" s="3"/>
      <c r="W1138" s="98"/>
      <c r="Z1138" s="143"/>
      <c r="AA1138" s="137"/>
      <c r="AB1138" s="137"/>
      <c r="AC1138" s="137"/>
      <c r="AD1138" s="137"/>
      <c r="AE1138" s="137"/>
      <c r="AF1138" s="137"/>
      <c r="AG1138" s="137"/>
      <c r="AH1138" s="137"/>
      <c r="AI1138" s="137"/>
      <c r="AJ1138" s="137"/>
      <c r="AK1138" s="206"/>
      <c r="AL1138" s="206"/>
      <c r="AM1138" s="143"/>
      <c r="AN1138" s="137"/>
      <c r="AO1138" s="137"/>
      <c r="AP1138" s="137"/>
      <c r="AQ1138" s="137"/>
      <c r="AR1138" s="137"/>
      <c r="AS1138" s="137"/>
      <c r="AT1138" s="137"/>
      <c r="AU1138" s="137"/>
      <c r="AV1138" s="137"/>
      <c r="AW1138" s="144"/>
    </row>
    <row r="1139" spans="2:49" x14ac:dyDescent="0.2">
      <c r="B1139" s="97"/>
      <c r="G1139" s="43"/>
      <c r="J1139" s="98"/>
      <c r="K1139" s="97"/>
      <c r="N1139" s="3"/>
      <c r="W1139" s="98"/>
      <c r="Z1139" s="143"/>
      <c r="AA1139" s="137"/>
      <c r="AB1139" s="137"/>
      <c r="AC1139" s="137"/>
      <c r="AD1139" s="137"/>
      <c r="AE1139" s="137"/>
      <c r="AF1139" s="137"/>
      <c r="AG1139" s="137"/>
      <c r="AH1139" s="137"/>
      <c r="AI1139" s="137"/>
      <c r="AJ1139" s="137"/>
      <c r="AK1139" s="206"/>
      <c r="AL1139" s="206"/>
      <c r="AM1139" s="143"/>
      <c r="AN1139" s="137"/>
      <c r="AO1139" s="137"/>
      <c r="AP1139" s="137"/>
      <c r="AQ1139" s="137"/>
      <c r="AR1139" s="137"/>
      <c r="AS1139" s="137"/>
      <c r="AT1139" s="137"/>
      <c r="AU1139" s="137"/>
      <c r="AV1139" s="137"/>
      <c r="AW1139" s="144"/>
    </row>
    <row r="1140" spans="2:49" x14ac:dyDescent="0.2">
      <c r="B1140" s="97"/>
      <c r="G1140" s="43"/>
      <c r="J1140" s="98"/>
      <c r="K1140" s="97"/>
      <c r="N1140" s="3"/>
      <c r="W1140" s="98"/>
      <c r="Z1140" s="143"/>
      <c r="AA1140" s="137"/>
      <c r="AB1140" s="137"/>
      <c r="AC1140" s="137"/>
      <c r="AD1140" s="137"/>
      <c r="AE1140" s="137"/>
      <c r="AF1140" s="137"/>
      <c r="AG1140" s="137"/>
      <c r="AH1140" s="137"/>
      <c r="AI1140" s="137"/>
      <c r="AJ1140" s="137"/>
      <c r="AK1140" s="206"/>
      <c r="AL1140" s="206"/>
      <c r="AM1140" s="143"/>
      <c r="AN1140" s="137"/>
      <c r="AO1140" s="137"/>
      <c r="AP1140" s="137"/>
      <c r="AQ1140" s="137"/>
      <c r="AR1140" s="137"/>
      <c r="AS1140" s="137"/>
      <c r="AT1140" s="137"/>
      <c r="AU1140" s="137"/>
      <c r="AV1140" s="137"/>
      <c r="AW1140" s="144"/>
    </row>
    <row r="1141" spans="2:49" x14ac:dyDescent="0.2">
      <c r="B1141" s="97"/>
      <c r="G1141" s="43"/>
      <c r="J1141" s="98"/>
      <c r="K1141" s="97"/>
      <c r="N1141" s="3"/>
      <c r="W1141" s="98"/>
      <c r="Z1141" s="143"/>
      <c r="AA1141" s="137"/>
      <c r="AB1141" s="137"/>
      <c r="AC1141" s="137"/>
      <c r="AD1141" s="137"/>
      <c r="AE1141" s="137"/>
      <c r="AF1141" s="137"/>
      <c r="AG1141" s="137"/>
      <c r="AH1141" s="137"/>
      <c r="AI1141" s="137"/>
      <c r="AJ1141" s="137"/>
      <c r="AK1141" s="206"/>
      <c r="AL1141" s="206"/>
      <c r="AM1141" s="143"/>
      <c r="AN1141" s="137"/>
      <c r="AO1141" s="137"/>
      <c r="AP1141" s="137"/>
      <c r="AQ1141" s="137"/>
      <c r="AR1141" s="137"/>
      <c r="AS1141" s="137"/>
      <c r="AT1141" s="137"/>
      <c r="AU1141" s="137"/>
      <c r="AV1141" s="137"/>
      <c r="AW1141" s="144"/>
    </row>
    <row r="1142" spans="2:49" x14ac:dyDescent="0.2">
      <c r="B1142" s="97"/>
      <c r="G1142" s="43"/>
      <c r="J1142" s="98"/>
      <c r="K1142" s="97"/>
      <c r="N1142" s="3"/>
      <c r="W1142" s="98"/>
      <c r="Z1142" s="143"/>
      <c r="AA1142" s="137"/>
      <c r="AB1142" s="137"/>
      <c r="AC1142" s="137"/>
      <c r="AD1142" s="137"/>
      <c r="AE1142" s="137"/>
      <c r="AF1142" s="137"/>
      <c r="AG1142" s="137"/>
      <c r="AH1142" s="137"/>
      <c r="AI1142" s="137"/>
      <c r="AJ1142" s="137"/>
      <c r="AK1142" s="206"/>
      <c r="AL1142" s="206"/>
      <c r="AM1142" s="143"/>
      <c r="AN1142" s="137"/>
      <c r="AO1142" s="137"/>
      <c r="AP1142" s="137"/>
      <c r="AQ1142" s="137"/>
      <c r="AR1142" s="137"/>
      <c r="AS1142" s="137"/>
      <c r="AT1142" s="137"/>
      <c r="AU1142" s="137"/>
      <c r="AV1142" s="137"/>
      <c r="AW1142" s="144"/>
    </row>
    <row r="1143" spans="2:49" x14ac:dyDescent="0.2">
      <c r="B1143" s="97"/>
      <c r="G1143" s="43"/>
      <c r="J1143" s="98"/>
      <c r="K1143" s="97"/>
      <c r="N1143" s="3"/>
      <c r="W1143" s="98"/>
      <c r="Z1143" s="143"/>
      <c r="AA1143" s="137"/>
      <c r="AB1143" s="137"/>
      <c r="AC1143" s="137"/>
      <c r="AD1143" s="137"/>
      <c r="AE1143" s="137"/>
      <c r="AF1143" s="137"/>
      <c r="AG1143" s="137"/>
      <c r="AH1143" s="137"/>
      <c r="AI1143" s="137"/>
      <c r="AJ1143" s="137"/>
      <c r="AK1143" s="206"/>
      <c r="AL1143" s="206"/>
      <c r="AM1143" s="143"/>
      <c r="AN1143" s="137"/>
      <c r="AO1143" s="137"/>
      <c r="AP1143" s="137"/>
      <c r="AQ1143" s="137"/>
      <c r="AR1143" s="137"/>
      <c r="AS1143" s="137"/>
      <c r="AT1143" s="137"/>
      <c r="AU1143" s="137"/>
      <c r="AV1143" s="137"/>
      <c r="AW1143" s="144"/>
    </row>
    <row r="1144" spans="2:49" x14ac:dyDescent="0.2">
      <c r="B1144" s="97"/>
      <c r="G1144" s="43"/>
      <c r="J1144" s="98"/>
      <c r="K1144" s="97"/>
      <c r="N1144" s="3"/>
      <c r="W1144" s="98"/>
      <c r="Z1144" s="143"/>
      <c r="AA1144" s="137"/>
      <c r="AB1144" s="137"/>
      <c r="AC1144" s="137"/>
      <c r="AD1144" s="137"/>
      <c r="AE1144" s="137"/>
      <c r="AF1144" s="137"/>
      <c r="AG1144" s="137"/>
      <c r="AH1144" s="137"/>
      <c r="AI1144" s="137"/>
      <c r="AJ1144" s="137"/>
      <c r="AK1144" s="206"/>
      <c r="AL1144" s="206"/>
      <c r="AM1144" s="143"/>
      <c r="AN1144" s="137"/>
      <c r="AO1144" s="137"/>
      <c r="AP1144" s="137"/>
      <c r="AQ1144" s="137"/>
      <c r="AR1144" s="137"/>
      <c r="AS1144" s="137"/>
      <c r="AT1144" s="137"/>
      <c r="AU1144" s="137"/>
      <c r="AV1144" s="137"/>
      <c r="AW1144" s="144"/>
    </row>
    <row r="1145" spans="2:49" x14ac:dyDescent="0.2">
      <c r="B1145" s="97"/>
      <c r="G1145" s="43"/>
      <c r="J1145" s="98"/>
      <c r="K1145" s="97"/>
      <c r="N1145" s="3"/>
      <c r="W1145" s="98"/>
      <c r="Z1145" s="143"/>
      <c r="AA1145" s="137"/>
      <c r="AB1145" s="137"/>
      <c r="AC1145" s="137"/>
      <c r="AD1145" s="137"/>
      <c r="AE1145" s="137"/>
      <c r="AF1145" s="137"/>
      <c r="AG1145" s="137"/>
      <c r="AH1145" s="137"/>
      <c r="AI1145" s="137"/>
      <c r="AJ1145" s="137"/>
      <c r="AK1145" s="206"/>
      <c r="AL1145" s="206"/>
      <c r="AM1145" s="143"/>
      <c r="AN1145" s="137"/>
      <c r="AO1145" s="137"/>
      <c r="AP1145" s="137"/>
      <c r="AQ1145" s="137"/>
      <c r="AR1145" s="137"/>
      <c r="AS1145" s="137"/>
      <c r="AT1145" s="137"/>
      <c r="AU1145" s="137"/>
      <c r="AV1145" s="137"/>
      <c r="AW1145" s="144"/>
    </row>
    <row r="1146" spans="2:49" x14ac:dyDescent="0.2">
      <c r="B1146" s="97"/>
      <c r="G1146" s="43"/>
      <c r="J1146" s="98"/>
      <c r="K1146" s="97"/>
      <c r="N1146" s="3"/>
      <c r="W1146" s="98"/>
      <c r="Z1146" s="143"/>
      <c r="AA1146" s="137"/>
      <c r="AB1146" s="137"/>
      <c r="AC1146" s="137"/>
      <c r="AD1146" s="137"/>
      <c r="AE1146" s="137"/>
      <c r="AF1146" s="137"/>
      <c r="AG1146" s="137"/>
      <c r="AH1146" s="137"/>
      <c r="AI1146" s="137"/>
      <c r="AJ1146" s="137"/>
      <c r="AK1146" s="206"/>
      <c r="AL1146" s="206"/>
      <c r="AM1146" s="143"/>
      <c r="AN1146" s="137"/>
      <c r="AO1146" s="137"/>
      <c r="AP1146" s="137"/>
      <c r="AQ1146" s="137"/>
      <c r="AR1146" s="137"/>
      <c r="AS1146" s="137"/>
      <c r="AT1146" s="137"/>
      <c r="AU1146" s="137"/>
      <c r="AV1146" s="137"/>
      <c r="AW1146" s="144"/>
    </row>
    <row r="1147" spans="2:49" x14ac:dyDescent="0.2">
      <c r="B1147" s="97"/>
      <c r="G1147" s="43"/>
      <c r="J1147" s="98"/>
      <c r="K1147" s="97"/>
      <c r="N1147" s="3"/>
      <c r="W1147" s="98"/>
      <c r="Z1147" s="143"/>
      <c r="AA1147" s="137"/>
      <c r="AB1147" s="137"/>
      <c r="AC1147" s="137"/>
      <c r="AD1147" s="137"/>
      <c r="AE1147" s="137"/>
      <c r="AF1147" s="137"/>
      <c r="AG1147" s="137"/>
      <c r="AH1147" s="137"/>
      <c r="AI1147" s="137"/>
      <c r="AJ1147" s="137"/>
      <c r="AK1147" s="206"/>
      <c r="AL1147" s="206"/>
      <c r="AM1147" s="143"/>
      <c r="AN1147" s="137"/>
      <c r="AO1147" s="137"/>
      <c r="AP1147" s="137"/>
      <c r="AQ1147" s="137"/>
      <c r="AR1147" s="137"/>
      <c r="AS1147" s="137"/>
      <c r="AT1147" s="137"/>
      <c r="AU1147" s="137"/>
      <c r="AV1147" s="137"/>
      <c r="AW1147" s="144"/>
    </row>
    <row r="1148" spans="2:49" x14ac:dyDescent="0.2">
      <c r="B1148" s="97"/>
      <c r="G1148" s="43"/>
      <c r="J1148" s="98"/>
      <c r="K1148" s="97"/>
      <c r="N1148" s="3"/>
      <c r="W1148" s="98"/>
      <c r="Z1148" s="143"/>
      <c r="AA1148" s="137"/>
      <c r="AB1148" s="137"/>
      <c r="AC1148" s="137"/>
      <c r="AD1148" s="137"/>
      <c r="AE1148" s="137"/>
      <c r="AF1148" s="137"/>
      <c r="AG1148" s="137"/>
      <c r="AH1148" s="137"/>
      <c r="AI1148" s="137"/>
      <c r="AJ1148" s="137"/>
      <c r="AK1148" s="206"/>
      <c r="AL1148" s="206"/>
      <c r="AM1148" s="143"/>
      <c r="AN1148" s="137"/>
      <c r="AO1148" s="137"/>
      <c r="AP1148" s="137"/>
      <c r="AQ1148" s="137"/>
      <c r="AR1148" s="137"/>
      <c r="AS1148" s="137"/>
      <c r="AT1148" s="137"/>
      <c r="AU1148" s="137"/>
      <c r="AV1148" s="137"/>
      <c r="AW1148" s="144"/>
    </row>
    <row r="1149" spans="2:49" x14ac:dyDescent="0.2">
      <c r="B1149" s="97"/>
      <c r="G1149" s="43"/>
      <c r="J1149" s="98"/>
      <c r="K1149" s="97"/>
      <c r="N1149" s="3"/>
      <c r="W1149" s="98"/>
      <c r="Z1149" s="143"/>
      <c r="AA1149" s="137"/>
      <c r="AB1149" s="137"/>
      <c r="AC1149" s="137"/>
      <c r="AD1149" s="137"/>
      <c r="AE1149" s="137"/>
      <c r="AF1149" s="137"/>
      <c r="AG1149" s="137"/>
      <c r="AH1149" s="137"/>
      <c r="AI1149" s="137"/>
      <c r="AJ1149" s="137"/>
      <c r="AK1149" s="206"/>
      <c r="AL1149" s="206"/>
      <c r="AM1149" s="143"/>
      <c r="AN1149" s="137"/>
      <c r="AO1149" s="137"/>
      <c r="AP1149" s="137"/>
      <c r="AQ1149" s="137"/>
      <c r="AR1149" s="137"/>
      <c r="AS1149" s="137"/>
      <c r="AT1149" s="137"/>
      <c r="AU1149" s="137"/>
      <c r="AV1149" s="137"/>
      <c r="AW1149" s="144"/>
    </row>
    <row r="1150" spans="2:49" x14ac:dyDescent="0.2">
      <c r="B1150" s="97"/>
      <c r="G1150" s="43"/>
      <c r="J1150" s="98"/>
      <c r="K1150" s="97"/>
      <c r="N1150" s="3"/>
      <c r="W1150" s="98"/>
      <c r="Z1150" s="143"/>
      <c r="AA1150" s="137"/>
      <c r="AB1150" s="137"/>
      <c r="AC1150" s="137"/>
      <c r="AD1150" s="137"/>
      <c r="AE1150" s="137"/>
      <c r="AF1150" s="137"/>
      <c r="AG1150" s="137"/>
      <c r="AH1150" s="137"/>
      <c r="AI1150" s="137"/>
      <c r="AJ1150" s="137"/>
      <c r="AK1150" s="206"/>
      <c r="AL1150" s="206"/>
      <c r="AM1150" s="143"/>
      <c r="AN1150" s="137"/>
      <c r="AO1150" s="137"/>
      <c r="AP1150" s="137"/>
      <c r="AQ1150" s="137"/>
      <c r="AR1150" s="137"/>
      <c r="AS1150" s="137"/>
      <c r="AT1150" s="137"/>
      <c r="AU1150" s="137"/>
      <c r="AV1150" s="137"/>
      <c r="AW1150" s="144"/>
    </row>
    <row r="1151" spans="2:49" x14ac:dyDescent="0.2">
      <c r="B1151" s="97"/>
      <c r="G1151" s="43"/>
      <c r="J1151" s="98"/>
      <c r="K1151" s="97"/>
      <c r="N1151" s="3"/>
      <c r="W1151" s="98"/>
      <c r="Z1151" s="143"/>
      <c r="AA1151" s="137"/>
      <c r="AB1151" s="137"/>
      <c r="AC1151" s="137"/>
      <c r="AD1151" s="137"/>
      <c r="AE1151" s="137"/>
      <c r="AF1151" s="137"/>
      <c r="AG1151" s="137"/>
      <c r="AH1151" s="137"/>
      <c r="AI1151" s="137"/>
      <c r="AJ1151" s="137"/>
      <c r="AK1151" s="206"/>
      <c r="AL1151" s="206"/>
      <c r="AM1151" s="143"/>
      <c r="AN1151" s="137"/>
      <c r="AO1151" s="137"/>
      <c r="AP1151" s="137"/>
      <c r="AQ1151" s="137"/>
      <c r="AR1151" s="137"/>
      <c r="AS1151" s="137"/>
      <c r="AT1151" s="137"/>
      <c r="AU1151" s="137"/>
      <c r="AV1151" s="137"/>
      <c r="AW1151" s="144"/>
    </row>
    <row r="1152" spans="2:49" x14ac:dyDescent="0.2">
      <c r="B1152" s="97"/>
      <c r="G1152" s="43"/>
      <c r="J1152" s="98"/>
      <c r="K1152" s="97"/>
      <c r="N1152" s="3"/>
      <c r="W1152" s="98"/>
      <c r="Z1152" s="143"/>
      <c r="AA1152" s="137"/>
      <c r="AB1152" s="137"/>
      <c r="AC1152" s="137"/>
      <c r="AD1152" s="137"/>
      <c r="AE1152" s="137"/>
      <c r="AF1152" s="137"/>
      <c r="AG1152" s="137"/>
      <c r="AH1152" s="137"/>
      <c r="AI1152" s="137"/>
      <c r="AJ1152" s="137"/>
      <c r="AK1152" s="206"/>
      <c r="AL1152" s="206"/>
      <c r="AM1152" s="143"/>
      <c r="AN1152" s="137"/>
      <c r="AO1152" s="137"/>
      <c r="AP1152" s="137"/>
      <c r="AQ1152" s="137"/>
      <c r="AR1152" s="137"/>
      <c r="AS1152" s="137"/>
      <c r="AT1152" s="137"/>
      <c r="AU1152" s="137"/>
      <c r="AV1152" s="137"/>
      <c r="AW1152" s="144"/>
    </row>
    <row r="1153" spans="2:49" x14ac:dyDescent="0.2">
      <c r="B1153" s="97"/>
      <c r="G1153" s="43"/>
      <c r="J1153" s="98"/>
      <c r="K1153" s="97"/>
      <c r="N1153" s="3"/>
      <c r="W1153" s="98"/>
      <c r="Z1153" s="143"/>
      <c r="AA1153" s="137"/>
      <c r="AB1153" s="137"/>
      <c r="AC1153" s="137"/>
      <c r="AD1153" s="137"/>
      <c r="AE1153" s="137"/>
      <c r="AF1153" s="137"/>
      <c r="AG1153" s="137"/>
      <c r="AH1153" s="137"/>
      <c r="AI1153" s="137"/>
      <c r="AJ1153" s="137"/>
      <c r="AK1153" s="206"/>
      <c r="AL1153" s="206"/>
      <c r="AM1153" s="143"/>
      <c r="AN1153" s="137"/>
      <c r="AO1153" s="137"/>
      <c r="AP1153" s="137"/>
      <c r="AQ1153" s="137"/>
      <c r="AR1153" s="137"/>
      <c r="AS1153" s="137"/>
      <c r="AT1153" s="137"/>
      <c r="AU1153" s="137"/>
      <c r="AV1153" s="137"/>
      <c r="AW1153" s="144"/>
    </row>
    <row r="1154" spans="2:49" x14ac:dyDescent="0.2">
      <c r="B1154" s="97"/>
      <c r="G1154" s="43"/>
      <c r="J1154" s="98"/>
      <c r="K1154" s="97"/>
      <c r="N1154" s="3"/>
      <c r="W1154" s="98"/>
      <c r="Z1154" s="143"/>
      <c r="AA1154" s="137"/>
      <c r="AB1154" s="137"/>
      <c r="AC1154" s="137"/>
      <c r="AD1154" s="137"/>
      <c r="AE1154" s="137"/>
      <c r="AF1154" s="137"/>
      <c r="AG1154" s="137"/>
      <c r="AH1154" s="137"/>
      <c r="AI1154" s="137"/>
      <c r="AJ1154" s="137"/>
      <c r="AK1154" s="206"/>
      <c r="AL1154" s="206"/>
      <c r="AM1154" s="143"/>
      <c r="AN1154" s="137"/>
      <c r="AO1154" s="137"/>
      <c r="AP1154" s="137"/>
      <c r="AQ1154" s="137"/>
      <c r="AR1154" s="137"/>
      <c r="AS1154" s="137"/>
      <c r="AT1154" s="137"/>
      <c r="AU1154" s="137"/>
      <c r="AV1154" s="137"/>
      <c r="AW1154" s="144"/>
    </row>
    <row r="1155" spans="2:49" x14ac:dyDescent="0.2">
      <c r="B1155" s="97"/>
      <c r="G1155" s="43"/>
      <c r="J1155" s="98"/>
      <c r="K1155" s="97"/>
      <c r="N1155" s="3"/>
      <c r="W1155" s="98"/>
      <c r="Z1155" s="143"/>
      <c r="AA1155" s="137"/>
      <c r="AB1155" s="137"/>
      <c r="AC1155" s="137"/>
      <c r="AD1155" s="137"/>
      <c r="AE1155" s="137"/>
      <c r="AF1155" s="137"/>
      <c r="AG1155" s="137"/>
      <c r="AH1155" s="137"/>
      <c r="AI1155" s="137"/>
      <c r="AJ1155" s="137"/>
      <c r="AK1155" s="206"/>
      <c r="AL1155" s="206"/>
      <c r="AM1155" s="143"/>
      <c r="AN1155" s="137"/>
      <c r="AO1155" s="137"/>
      <c r="AP1155" s="137"/>
      <c r="AQ1155" s="137"/>
      <c r="AR1155" s="137"/>
      <c r="AS1155" s="137"/>
      <c r="AT1155" s="137"/>
      <c r="AU1155" s="137"/>
      <c r="AV1155" s="137"/>
      <c r="AW1155" s="144"/>
    </row>
    <row r="1156" spans="2:49" x14ac:dyDescent="0.2">
      <c r="B1156" s="97"/>
      <c r="G1156" s="43"/>
      <c r="J1156" s="98"/>
      <c r="K1156" s="97"/>
      <c r="N1156" s="3"/>
      <c r="W1156" s="98"/>
      <c r="Z1156" s="143"/>
      <c r="AA1156" s="137"/>
      <c r="AB1156" s="137"/>
      <c r="AC1156" s="137"/>
      <c r="AD1156" s="137"/>
      <c r="AE1156" s="137"/>
      <c r="AF1156" s="137"/>
      <c r="AG1156" s="137"/>
      <c r="AH1156" s="137"/>
      <c r="AI1156" s="137"/>
      <c r="AJ1156" s="137"/>
      <c r="AK1156" s="206"/>
      <c r="AL1156" s="206"/>
      <c r="AM1156" s="143"/>
      <c r="AN1156" s="137"/>
      <c r="AO1156" s="137"/>
      <c r="AP1156" s="137"/>
      <c r="AQ1156" s="137"/>
      <c r="AR1156" s="137"/>
      <c r="AS1156" s="137"/>
      <c r="AT1156" s="137"/>
      <c r="AU1156" s="137"/>
      <c r="AV1156" s="137"/>
      <c r="AW1156" s="144"/>
    </row>
    <row r="1157" spans="2:49" x14ac:dyDescent="0.2">
      <c r="B1157" s="97"/>
      <c r="G1157" s="43"/>
      <c r="J1157" s="98"/>
      <c r="K1157" s="97"/>
      <c r="N1157" s="3"/>
      <c r="W1157" s="98"/>
      <c r="Z1157" s="143"/>
      <c r="AA1157" s="137"/>
      <c r="AB1157" s="137"/>
      <c r="AC1157" s="137"/>
      <c r="AD1157" s="137"/>
      <c r="AE1157" s="137"/>
      <c r="AF1157" s="137"/>
      <c r="AG1157" s="137"/>
      <c r="AH1157" s="137"/>
      <c r="AI1157" s="137"/>
      <c r="AJ1157" s="137"/>
      <c r="AK1157" s="206"/>
      <c r="AL1157" s="206"/>
      <c r="AM1157" s="143"/>
      <c r="AN1157" s="137"/>
      <c r="AO1157" s="137"/>
      <c r="AP1157" s="137"/>
      <c r="AQ1157" s="137"/>
      <c r="AR1157" s="137"/>
      <c r="AS1157" s="137"/>
      <c r="AT1157" s="137"/>
      <c r="AU1157" s="137"/>
      <c r="AV1157" s="137"/>
      <c r="AW1157" s="144"/>
    </row>
    <row r="1158" spans="2:49" x14ac:dyDescent="0.2">
      <c r="B1158" s="97"/>
      <c r="G1158" s="43"/>
      <c r="J1158" s="98"/>
      <c r="K1158" s="97"/>
      <c r="N1158" s="3"/>
      <c r="W1158" s="98"/>
      <c r="Z1158" s="143"/>
      <c r="AA1158" s="137"/>
      <c r="AB1158" s="137"/>
      <c r="AC1158" s="137"/>
      <c r="AD1158" s="137"/>
      <c r="AE1158" s="137"/>
      <c r="AF1158" s="137"/>
      <c r="AG1158" s="137"/>
      <c r="AH1158" s="137"/>
      <c r="AI1158" s="137"/>
      <c r="AJ1158" s="137"/>
      <c r="AK1158" s="206"/>
      <c r="AL1158" s="206"/>
      <c r="AM1158" s="143"/>
      <c r="AN1158" s="137"/>
      <c r="AO1158" s="137"/>
      <c r="AP1158" s="137"/>
      <c r="AQ1158" s="137"/>
      <c r="AR1158" s="137"/>
      <c r="AS1158" s="137"/>
      <c r="AT1158" s="137"/>
      <c r="AU1158" s="137"/>
      <c r="AV1158" s="137"/>
      <c r="AW1158" s="144"/>
    </row>
    <row r="1159" spans="2:49" x14ac:dyDescent="0.2">
      <c r="B1159" s="97"/>
      <c r="G1159" s="43"/>
      <c r="J1159" s="98"/>
      <c r="K1159" s="97"/>
      <c r="N1159" s="3"/>
      <c r="W1159" s="98"/>
      <c r="Z1159" s="143"/>
      <c r="AA1159" s="137"/>
      <c r="AB1159" s="137"/>
      <c r="AC1159" s="137"/>
      <c r="AD1159" s="137"/>
      <c r="AE1159" s="137"/>
      <c r="AF1159" s="137"/>
      <c r="AG1159" s="137"/>
      <c r="AH1159" s="137"/>
      <c r="AI1159" s="137"/>
      <c r="AJ1159" s="137"/>
      <c r="AK1159" s="206"/>
      <c r="AL1159" s="206"/>
      <c r="AM1159" s="143"/>
      <c r="AN1159" s="137"/>
      <c r="AO1159" s="137"/>
      <c r="AP1159" s="137"/>
      <c r="AQ1159" s="137"/>
      <c r="AR1159" s="137"/>
      <c r="AS1159" s="137"/>
      <c r="AT1159" s="137"/>
      <c r="AU1159" s="137"/>
      <c r="AV1159" s="137"/>
      <c r="AW1159" s="144"/>
    </row>
    <row r="1160" spans="2:49" x14ac:dyDescent="0.2">
      <c r="B1160" s="97"/>
      <c r="G1160" s="43"/>
      <c r="J1160" s="98"/>
      <c r="K1160" s="97"/>
      <c r="N1160" s="3"/>
      <c r="W1160" s="98"/>
      <c r="Z1160" s="143"/>
      <c r="AA1160" s="137"/>
      <c r="AB1160" s="137"/>
      <c r="AC1160" s="137"/>
      <c r="AD1160" s="137"/>
      <c r="AE1160" s="137"/>
      <c r="AF1160" s="137"/>
      <c r="AG1160" s="137"/>
      <c r="AH1160" s="137"/>
      <c r="AI1160" s="137"/>
      <c r="AJ1160" s="137"/>
      <c r="AK1160" s="206"/>
      <c r="AL1160" s="206"/>
      <c r="AM1160" s="143"/>
      <c r="AN1160" s="137"/>
      <c r="AO1160" s="137"/>
      <c r="AP1160" s="137"/>
      <c r="AQ1160" s="137"/>
      <c r="AR1160" s="137"/>
      <c r="AS1160" s="137"/>
      <c r="AT1160" s="137"/>
      <c r="AU1160" s="137"/>
      <c r="AV1160" s="137"/>
      <c r="AW1160" s="144"/>
    </row>
    <row r="1161" spans="2:49" x14ac:dyDescent="0.2">
      <c r="B1161" s="97"/>
      <c r="G1161" s="43"/>
      <c r="J1161" s="98"/>
      <c r="K1161" s="97"/>
      <c r="N1161" s="3"/>
      <c r="W1161" s="98"/>
      <c r="Z1161" s="143"/>
      <c r="AA1161" s="137"/>
      <c r="AB1161" s="137"/>
      <c r="AC1161" s="137"/>
      <c r="AD1161" s="137"/>
      <c r="AE1161" s="137"/>
      <c r="AF1161" s="137"/>
      <c r="AG1161" s="137"/>
      <c r="AH1161" s="137"/>
      <c r="AI1161" s="137"/>
      <c r="AJ1161" s="137"/>
      <c r="AK1161" s="206"/>
      <c r="AL1161" s="206"/>
      <c r="AM1161" s="143"/>
      <c r="AN1161" s="137"/>
      <c r="AO1161" s="137"/>
      <c r="AP1161" s="137"/>
      <c r="AQ1161" s="137"/>
      <c r="AR1161" s="137"/>
      <c r="AS1161" s="137"/>
      <c r="AT1161" s="137"/>
      <c r="AU1161" s="137"/>
      <c r="AV1161" s="137"/>
      <c r="AW1161" s="144"/>
    </row>
    <row r="1162" spans="2:49" x14ac:dyDescent="0.2">
      <c r="B1162" s="97"/>
      <c r="G1162" s="43"/>
      <c r="J1162" s="98"/>
      <c r="K1162" s="97"/>
      <c r="N1162" s="3"/>
      <c r="W1162" s="98"/>
      <c r="Z1162" s="143"/>
      <c r="AA1162" s="137"/>
      <c r="AB1162" s="137"/>
      <c r="AC1162" s="137"/>
      <c r="AD1162" s="137"/>
      <c r="AE1162" s="137"/>
      <c r="AF1162" s="137"/>
      <c r="AG1162" s="137"/>
      <c r="AH1162" s="137"/>
      <c r="AI1162" s="137"/>
      <c r="AJ1162" s="137"/>
      <c r="AK1162" s="206"/>
      <c r="AL1162" s="206"/>
      <c r="AM1162" s="143"/>
      <c r="AN1162" s="137"/>
      <c r="AO1162" s="137"/>
      <c r="AP1162" s="137"/>
      <c r="AQ1162" s="137"/>
      <c r="AR1162" s="137"/>
      <c r="AS1162" s="137"/>
      <c r="AT1162" s="137"/>
      <c r="AU1162" s="137"/>
      <c r="AV1162" s="137"/>
      <c r="AW1162" s="144"/>
    </row>
    <row r="1163" spans="2:49" x14ac:dyDescent="0.2">
      <c r="B1163" s="97"/>
      <c r="G1163" s="43"/>
      <c r="J1163" s="98"/>
      <c r="K1163" s="97"/>
      <c r="N1163" s="3"/>
      <c r="W1163" s="98"/>
      <c r="Z1163" s="143"/>
      <c r="AA1163" s="137"/>
      <c r="AB1163" s="137"/>
      <c r="AC1163" s="137"/>
      <c r="AD1163" s="137"/>
      <c r="AE1163" s="137"/>
      <c r="AF1163" s="137"/>
      <c r="AG1163" s="137"/>
      <c r="AH1163" s="137"/>
      <c r="AI1163" s="137"/>
      <c r="AJ1163" s="137"/>
      <c r="AK1163" s="206"/>
      <c r="AL1163" s="206"/>
      <c r="AM1163" s="143"/>
      <c r="AN1163" s="137"/>
      <c r="AO1163" s="137"/>
      <c r="AP1163" s="137"/>
      <c r="AQ1163" s="137"/>
      <c r="AR1163" s="137"/>
      <c r="AS1163" s="137"/>
      <c r="AT1163" s="137"/>
      <c r="AU1163" s="137"/>
      <c r="AV1163" s="137"/>
      <c r="AW1163" s="144"/>
    </row>
    <row r="1164" spans="2:49" x14ac:dyDescent="0.2">
      <c r="B1164" s="97"/>
      <c r="G1164" s="43"/>
      <c r="J1164" s="98"/>
      <c r="K1164" s="97"/>
      <c r="N1164" s="3"/>
      <c r="W1164" s="98"/>
      <c r="Z1164" s="143"/>
      <c r="AA1164" s="137"/>
      <c r="AB1164" s="137"/>
      <c r="AC1164" s="137"/>
      <c r="AD1164" s="137"/>
      <c r="AE1164" s="137"/>
      <c r="AF1164" s="137"/>
      <c r="AG1164" s="137"/>
      <c r="AH1164" s="137"/>
      <c r="AI1164" s="137"/>
      <c r="AJ1164" s="137"/>
      <c r="AK1164" s="206"/>
      <c r="AL1164" s="206"/>
      <c r="AM1164" s="143"/>
      <c r="AN1164" s="137"/>
      <c r="AO1164" s="137"/>
      <c r="AP1164" s="137"/>
      <c r="AQ1164" s="137"/>
      <c r="AR1164" s="137"/>
      <c r="AS1164" s="137"/>
      <c r="AT1164" s="137"/>
      <c r="AU1164" s="137"/>
      <c r="AV1164" s="137"/>
      <c r="AW1164" s="144"/>
    </row>
    <row r="1165" spans="2:49" x14ac:dyDescent="0.2">
      <c r="B1165" s="97"/>
      <c r="G1165" s="43"/>
      <c r="J1165" s="98"/>
      <c r="K1165" s="97"/>
      <c r="N1165" s="3"/>
      <c r="W1165" s="98"/>
      <c r="Z1165" s="143"/>
      <c r="AA1165" s="137"/>
      <c r="AB1165" s="137"/>
      <c r="AC1165" s="137"/>
      <c r="AD1165" s="137"/>
      <c r="AE1165" s="137"/>
      <c r="AF1165" s="137"/>
      <c r="AG1165" s="137"/>
      <c r="AH1165" s="137"/>
      <c r="AI1165" s="137"/>
      <c r="AJ1165" s="137"/>
      <c r="AK1165" s="206"/>
      <c r="AL1165" s="206"/>
      <c r="AM1165" s="143"/>
      <c r="AN1165" s="137"/>
      <c r="AO1165" s="137"/>
      <c r="AP1165" s="137"/>
      <c r="AQ1165" s="137"/>
      <c r="AR1165" s="137"/>
      <c r="AS1165" s="137"/>
      <c r="AT1165" s="137"/>
      <c r="AU1165" s="137"/>
      <c r="AV1165" s="137"/>
      <c r="AW1165" s="144"/>
    </row>
    <row r="1166" spans="2:49" x14ac:dyDescent="0.2">
      <c r="B1166" s="97"/>
      <c r="G1166" s="43"/>
      <c r="J1166" s="98"/>
      <c r="K1166" s="97"/>
      <c r="N1166" s="3"/>
      <c r="W1166" s="98"/>
      <c r="Z1166" s="143"/>
      <c r="AA1166" s="137"/>
      <c r="AB1166" s="137"/>
      <c r="AC1166" s="137"/>
      <c r="AD1166" s="137"/>
      <c r="AE1166" s="137"/>
      <c r="AF1166" s="137"/>
      <c r="AG1166" s="137"/>
      <c r="AH1166" s="137"/>
      <c r="AI1166" s="137"/>
      <c r="AJ1166" s="137"/>
      <c r="AK1166" s="206"/>
      <c r="AL1166" s="206"/>
      <c r="AM1166" s="143"/>
      <c r="AN1166" s="137"/>
      <c r="AO1166" s="137"/>
      <c r="AP1166" s="137"/>
      <c r="AQ1166" s="137"/>
      <c r="AR1166" s="137"/>
      <c r="AS1166" s="137"/>
      <c r="AT1166" s="137"/>
      <c r="AU1166" s="137"/>
      <c r="AV1166" s="137"/>
      <c r="AW1166" s="144"/>
    </row>
    <row r="1167" spans="2:49" x14ac:dyDescent="0.2">
      <c r="B1167" s="97"/>
      <c r="G1167" s="43"/>
      <c r="J1167" s="98"/>
      <c r="K1167" s="97"/>
      <c r="N1167" s="3"/>
      <c r="W1167" s="98"/>
      <c r="Z1167" s="143"/>
      <c r="AA1167" s="137"/>
      <c r="AB1167" s="137"/>
      <c r="AC1167" s="137"/>
      <c r="AD1167" s="137"/>
      <c r="AE1167" s="137"/>
      <c r="AF1167" s="137"/>
      <c r="AG1167" s="137"/>
      <c r="AH1167" s="137"/>
      <c r="AI1167" s="137"/>
      <c r="AJ1167" s="137"/>
      <c r="AK1167" s="206"/>
      <c r="AL1167" s="206"/>
      <c r="AM1167" s="143"/>
      <c r="AN1167" s="137"/>
      <c r="AO1167" s="137"/>
      <c r="AP1167" s="137"/>
      <c r="AQ1167" s="137"/>
      <c r="AR1167" s="137"/>
      <c r="AS1167" s="137"/>
      <c r="AT1167" s="137"/>
      <c r="AU1167" s="137"/>
      <c r="AV1167" s="137"/>
      <c r="AW1167" s="144"/>
    </row>
    <row r="1168" spans="2:49" x14ac:dyDescent="0.2">
      <c r="B1168" s="97"/>
      <c r="G1168" s="43"/>
      <c r="J1168" s="98"/>
      <c r="K1168" s="97"/>
      <c r="N1168" s="3"/>
      <c r="W1168" s="98"/>
      <c r="Z1168" s="143"/>
      <c r="AA1168" s="137"/>
      <c r="AB1168" s="137"/>
      <c r="AC1168" s="137"/>
      <c r="AD1168" s="137"/>
      <c r="AE1168" s="137"/>
      <c r="AF1168" s="137"/>
      <c r="AG1168" s="137"/>
      <c r="AH1168" s="137"/>
      <c r="AI1168" s="137"/>
      <c r="AJ1168" s="137"/>
      <c r="AK1168" s="206"/>
      <c r="AL1168" s="206"/>
      <c r="AM1168" s="143"/>
      <c r="AN1168" s="137"/>
      <c r="AO1168" s="137"/>
      <c r="AP1168" s="137"/>
      <c r="AQ1168" s="137"/>
      <c r="AR1168" s="137"/>
      <c r="AS1168" s="137"/>
      <c r="AT1168" s="137"/>
      <c r="AU1168" s="137"/>
      <c r="AV1168" s="137"/>
      <c r="AW1168" s="144"/>
    </row>
    <row r="1169" spans="2:49" x14ac:dyDescent="0.2">
      <c r="B1169" s="97"/>
      <c r="G1169" s="43"/>
      <c r="J1169" s="98"/>
      <c r="K1169" s="97"/>
      <c r="N1169" s="3"/>
      <c r="W1169" s="98"/>
      <c r="Z1169" s="143"/>
      <c r="AA1169" s="137"/>
      <c r="AB1169" s="137"/>
      <c r="AC1169" s="137"/>
      <c r="AD1169" s="137"/>
      <c r="AE1169" s="137"/>
      <c r="AF1169" s="137"/>
      <c r="AG1169" s="137"/>
      <c r="AH1169" s="137"/>
      <c r="AI1169" s="137"/>
      <c r="AJ1169" s="137"/>
      <c r="AK1169" s="206"/>
      <c r="AL1169" s="206"/>
      <c r="AM1169" s="143"/>
      <c r="AN1169" s="137"/>
      <c r="AO1169" s="137"/>
      <c r="AP1169" s="137"/>
      <c r="AQ1169" s="137"/>
      <c r="AR1169" s="137"/>
      <c r="AS1169" s="137"/>
      <c r="AT1169" s="137"/>
      <c r="AU1169" s="137"/>
      <c r="AV1169" s="137"/>
      <c r="AW1169" s="144"/>
    </row>
    <row r="1170" spans="2:49" x14ac:dyDescent="0.2">
      <c r="B1170" s="97"/>
      <c r="G1170" s="43"/>
      <c r="J1170" s="98"/>
      <c r="K1170" s="97"/>
      <c r="N1170" s="3"/>
      <c r="W1170" s="98"/>
      <c r="Z1170" s="143"/>
      <c r="AA1170" s="137"/>
      <c r="AB1170" s="137"/>
      <c r="AC1170" s="137"/>
      <c r="AD1170" s="137"/>
      <c r="AE1170" s="137"/>
      <c r="AF1170" s="137"/>
      <c r="AG1170" s="137"/>
      <c r="AH1170" s="137"/>
      <c r="AI1170" s="137"/>
      <c r="AJ1170" s="137"/>
      <c r="AK1170" s="206"/>
      <c r="AL1170" s="206"/>
      <c r="AM1170" s="143"/>
      <c r="AN1170" s="137"/>
      <c r="AO1170" s="137"/>
      <c r="AP1170" s="137"/>
      <c r="AQ1170" s="137"/>
      <c r="AR1170" s="137"/>
      <c r="AS1170" s="137"/>
      <c r="AT1170" s="137"/>
      <c r="AU1170" s="137"/>
      <c r="AV1170" s="137"/>
      <c r="AW1170" s="144"/>
    </row>
    <row r="1171" spans="2:49" x14ac:dyDescent="0.2">
      <c r="B1171" s="97"/>
      <c r="G1171" s="43"/>
      <c r="J1171" s="98"/>
      <c r="K1171" s="97"/>
      <c r="N1171" s="3"/>
      <c r="W1171" s="98"/>
      <c r="Z1171" s="143"/>
      <c r="AA1171" s="137"/>
      <c r="AB1171" s="137"/>
      <c r="AC1171" s="137"/>
      <c r="AD1171" s="137"/>
      <c r="AE1171" s="137"/>
      <c r="AF1171" s="137"/>
      <c r="AG1171" s="137"/>
      <c r="AH1171" s="137"/>
      <c r="AI1171" s="137"/>
      <c r="AJ1171" s="137"/>
      <c r="AK1171" s="206"/>
      <c r="AL1171" s="206"/>
      <c r="AM1171" s="143"/>
      <c r="AN1171" s="137"/>
      <c r="AO1171" s="137"/>
      <c r="AP1171" s="137"/>
      <c r="AQ1171" s="137"/>
      <c r="AR1171" s="137"/>
      <c r="AS1171" s="137"/>
      <c r="AT1171" s="137"/>
      <c r="AU1171" s="137"/>
      <c r="AV1171" s="137"/>
      <c r="AW1171" s="144"/>
    </row>
    <row r="1172" spans="2:49" x14ac:dyDescent="0.2">
      <c r="B1172" s="97"/>
      <c r="G1172" s="43"/>
      <c r="J1172" s="98"/>
      <c r="K1172" s="97"/>
      <c r="N1172" s="3"/>
      <c r="W1172" s="98"/>
      <c r="Z1172" s="143"/>
      <c r="AA1172" s="137"/>
      <c r="AB1172" s="137"/>
      <c r="AC1172" s="137"/>
      <c r="AD1172" s="137"/>
      <c r="AE1172" s="137"/>
      <c r="AF1172" s="137"/>
      <c r="AG1172" s="137"/>
      <c r="AH1172" s="137"/>
      <c r="AI1172" s="137"/>
      <c r="AJ1172" s="137"/>
      <c r="AK1172" s="206"/>
      <c r="AL1172" s="206"/>
      <c r="AM1172" s="143"/>
      <c r="AN1172" s="137"/>
      <c r="AO1172" s="137"/>
      <c r="AP1172" s="137"/>
      <c r="AQ1172" s="137"/>
      <c r="AR1172" s="137"/>
      <c r="AS1172" s="137"/>
      <c r="AT1172" s="137"/>
      <c r="AU1172" s="137"/>
      <c r="AV1172" s="137"/>
      <c r="AW1172" s="144"/>
    </row>
    <row r="1173" spans="2:49" x14ac:dyDescent="0.2">
      <c r="B1173" s="97"/>
      <c r="G1173" s="43"/>
      <c r="J1173" s="98"/>
      <c r="K1173" s="97"/>
      <c r="N1173" s="3"/>
      <c r="W1173" s="98"/>
      <c r="Z1173" s="143"/>
      <c r="AA1173" s="137"/>
      <c r="AB1173" s="137"/>
      <c r="AC1173" s="137"/>
      <c r="AD1173" s="137"/>
      <c r="AE1173" s="137"/>
      <c r="AF1173" s="137"/>
      <c r="AG1173" s="137"/>
      <c r="AH1173" s="137"/>
      <c r="AI1173" s="137"/>
      <c r="AJ1173" s="137"/>
      <c r="AK1173" s="206"/>
      <c r="AL1173" s="206"/>
      <c r="AM1173" s="143"/>
      <c r="AN1173" s="137"/>
      <c r="AO1173" s="137"/>
      <c r="AP1173" s="137"/>
      <c r="AQ1173" s="137"/>
      <c r="AR1173" s="137"/>
      <c r="AS1173" s="137"/>
      <c r="AT1173" s="137"/>
      <c r="AU1173" s="137"/>
      <c r="AV1173" s="137"/>
      <c r="AW1173" s="144"/>
    </row>
    <row r="1174" spans="2:49" x14ac:dyDescent="0.2">
      <c r="B1174" s="97"/>
      <c r="G1174" s="43"/>
      <c r="J1174" s="98"/>
      <c r="K1174" s="97"/>
      <c r="N1174" s="3"/>
      <c r="W1174" s="98"/>
      <c r="Z1174" s="143"/>
      <c r="AA1174" s="137"/>
      <c r="AB1174" s="137"/>
      <c r="AC1174" s="137"/>
      <c r="AD1174" s="137"/>
      <c r="AE1174" s="137"/>
      <c r="AF1174" s="137"/>
      <c r="AG1174" s="137"/>
      <c r="AH1174" s="137"/>
      <c r="AI1174" s="137"/>
      <c r="AJ1174" s="137"/>
      <c r="AK1174" s="206"/>
      <c r="AL1174" s="206"/>
      <c r="AM1174" s="143"/>
      <c r="AN1174" s="137"/>
      <c r="AO1174" s="137"/>
      <c r="AP1174" s="137"/>
      <c r="AQ1174" s="137"/>
      <c r="AR1174" s="137"/>
      <c r="AS1174" s="137"/>
      <c r="AT1174" s="137"/>
      <c r="AU1174" s="137"/>
      <c r="AV1174" s="137"/>
      <c r="AW1174" s="144"/>
    </row>
    <row r="1175" spans="2:49" x14ac:dyDescent="0.2">
      <c r="B1175" s="97"/>
      <c r="G1175" s="43"/>
      <c r="J1175" s="98"/>
      <c r="K1175" s="97"/>
      <c r="N1175" s="3"/>
      <c r="W1175" s="98"/>
      <c r="Z1175" s="143"/>
      <c r="AA1175" s="137"/>
      <c r="AB1175" s="137"/>
      <c r="AC1175" s="137"/>
      <c r="AD1175" s="137"/>
      <c r="AE1175" s="137"/>
      <c r="AF1175" s="137"/>
      <c r="AG1175" s="137"/>
      <c r="AH1175" s="137"/>
      <c r="AI1175" s="137"/>
      <c r="AJ1175" s="137"/>
      <c r="AK1175" s="206"/>
      <c r="AL1175" s="206"/>
      <c r="AM1175" s="143"/>
      <c r="AN1175" s="137"/>
      <c r="AO1175" s="137"/>
      <c r="AP1175" s="137"/>
      <c r="AQ1175" s="137"/>
      <c r="AR1175" s="137"/>
      <c r="AS1175" s="137"/>
      <c r="AT1175" s="137"/>
      <c r="AU1175" s="137"/>
      <c r="AV1175" s="137"/>
      <c r="AW1175" s="144"/>
    </row>
    <row r="1176" spans="2:49" x14ac:dyDescent="0.2">
      <c r="B1176" s="97"/>
      <c r="G1176" s="43"/>
      <c r="J1176" s="98"/>
      <c r="K1176" s="97"/>
      <c r="N1176" s="3"/>
      <c r="W1176" s="98"/>
      <c r="Z1176" s="143"/>
      <c r="AA1176" s="137"/>
      <c r="AB1176" s="137"/>
      <c r="AC1176" s="137"/>
      <c r="AD1176" s="137"/>
      <c r="AE1176" s="137"/>
      <c r="AF1176" s="137"/>
      <c r="AG1176" s="137"/>
      <c r="AH1176" s="137"/>
      <c r="AI1176" s="137"/>
      <c r="AJ1176" s="137"/>
      <c r="AK1176" s="206"/>
      <c r="AL1176" s="206"/>
      <c r="AM1176" s="143"/>
      <c r="AN1176" s="137"/>
      <c r="AO1176" s="137"/>
      <c r="AP1176" s="137"/>
      <c r="AQ1176" s="137"/>
      <c r="AR1176" s="137"/>
      <c r="AS1176" s="137"/>
      <c r="AT1176" s="137"/>
      <c r="AU1176" s="137"/>
      <c r="AV1176" s="137"/>
      <c r="AW1176" s="144"/>
    </row>
    <row r="1177" spans="2:49" x14ac:dyDescent="0.2">
      <c r="B1177" s="97"/>
      <c r="G1177" s="43"/>
      <c r="J1177" s="98"/>
      <c r="K1177" s="97"/>
      <c r="N1177" s="3"/>
      <c r="W1177" s="98"/>
      <c r="Z1177" s="143"/>
      <c r="AA1177" s="137"/>
      <c r="AB1177" s="137"/>
      <c r="AC1177" s="137"/>
      <c r="AD1177" s="137"/>
      <c r="AE1177" s="137"/>
      <c r="AF1177" s="137"/>
      <c r="AG1177" s="137"/>
      <c r="AH1177" s="137"/>
      <c r="AI1177" s="137"/>
      <c r="AJ1177" s="137"/>
      <c r="AK1177" s="206"/>
      <c r="AL1177" s="206"/>
      <c r="AM1177" s="143"/>
      <c r="AN1177" s="137"/>
      <c r="AO1177" s="137"/>
      <c r="AP1177" s="137"/>
      <c r="AQ1177" s="137"/>
      <c r="AR1177" s="137"/>
      <c r="AS1177" s="137"/>
      <c r="AT1177" s="137"/>
      <c r="AU1177" s="137"/>
      <c r="AV1177" s="137"/>
      <c r="AW1177" s="144"/>
    </row>
    <row r="1178" spans="2:49" x14ac:dyDescent="0.2">
      <c r="B1178" s="97"/>
      <c r="G1178" s="43"/>
      <c r="J1178" s="98"/>
      <c r="K1178" s="97"/>
      <c r="N1178" s="3"/>
      <c r="W1178" s="98"/>
      <c r="Z1178" s="143"/>
      <c r="AA1178" s="137"/>
      <c r="AB1178" s="137"/>
      <c r="AC1178" s="137"/>
      <c r="AD1178" s="137"/>
      <c r="AE1178" s="137"/>
      <c r="AF1178" s="137"/>
      <c r="AG1178" s="137"/>
      <c r="AH1178" s="137"/>
      <c r="AI1178" s="137"/>
      <c r="AJ1178" s="137"/>
      <c r="AK1178" s="206"/>
      <c r="AL1178" s="206"/>
      <c r="AM1178" s="143"/>
      <c r="AN1178" s="137"/>
      <c r="AO1178" s="137"/>
      <c r="AP1178" s="137"/>
      <c r="AQ1178" s="137"/>
      <c r="AR1178" s="137"/>
      <c r="AS1178" s="137"/>
      <c r="AT1178" s="137"/>
      <c r="AU1178" s="137"/>
      <c r="AV1178" s="137"/>
      <c r="AW1178" s="144"/>
    </row>
    <row r="1179" spans="2:49" x14ac:dyDescent="0.2">
      <c r="B1179" s="97"/>
      <c r="G1179" s="43"/>
      <c r="J1179" s="98"/>
      <c r="K1179" s="97"/>
      <c r="N1179" s="3"/>
      <c r="W1179" s="98"/>
      <c r="Z1179" s="143"/>
      <c r="AA1179" s="137"/>
      <c r="AB1179" s="137"/>
      <c r="AC1179" s="137"/>
      <c r="AD1179" s="137"/>
      <c r="AE1179" s="137"/>
      <c r="AF1179" s="137"/>
      <c r="AG1179" s="137"/>
      <c r="AH1179" s="137"/>
      <c r="AI1179" s="137"/>
      <c r="AJ1179" s="137"/>
      <c r="AK1179" s="206"/>
      <c r="AL1179" s="206"/>
      <c r="AM1179" s="143"/>
      <c r="AN1179" s="137"/>
      <c r="AO1179" s="137"/>
      <c r="AP1179" s="137"/>
      <c r="AQ1179" s="137"/>
      <c r="AR1179" s="137"/>
      <c r="AS1179" s="137"/>
      <c r="AT1179" s="137"/>
      <c r="AU1179" s="137"/>
      <c r="AV1179" s="137"/>
      <c r="AW1179" s="144"/>
    </row>
    <row r="1180" spans="2:49" x14ac:dyDescent="0.2">
      <c r="B1180" s="97"/>
      <c r="G1180" s="43"/>
      <c r="J1180" s="98"/>
      <c r="K1180" s="97"/>
      <c r="N1180" s="3"/>
      <c r="W1180" s="98"/>
      <c r="Z1180" s="143"/>
      <c r="AA1180" s="137"/>
      <c r="AB1180" s="137"/>
      <c r="AC1180" s="137"/>
      <c r="AD1180" s="137"/>
      <c r="AE1180" s="137"/>
      <c r="AF1180" s="137"/>
      <c r="AG1180" s="137"/>
      <c r="AH1180" s="137"/>
      <c r="AI1180" s="137"/>
      <c r="AJ1180" s="137"/>
      <c r="AK1180" s="206"/>
      <c r="AL1180" s="206"/>
      <c r="AM1180" s="143"/>
      <c r="AN1180" s="137"/>
      <c r="AO1180" s="137"/>
      <c r="AP1180" s="137"/>
      <c r="AQ1180" s="137"/>
      <c r="AR1180" s="137"/>
      <c r="AS1180" s="137"/>
      <c r="AT1180" s="137"/>
      <c r="AU1180" s="137"/>
      <c r="AV1180" s="137"/>
      <c r="AW1180" s="144"/>
    </row>
    <row r="1181" spans="2:49" x14ac:dyDescent="0.2">
      <c r="B1181" s="97"/>
      <c r="G1181" s="43"/>
      <c r="J1181" s="98"/>
      <c r="K1181" s="97"/>
      <c r="N1181" s="3"/>
      <c r="W1181" s="98"/>
      <c r="Z1181" s="143"/>
      <c r="AA1181" s="137"/>
      <c r="AB1181" s="137"/>
      <c r="AC1181" s="137"/>
      <c r="AD1181" s="137"/>
      <c r="AE1181" s="137"/>
      <c r="AF1181" s="137"/>
      <c r="AG1181" s="137"/>
      <c r="AH1181" s="137"/>
      <c r="AI1181" s="137"/>
      <c r="AJ1181" s="137"/>
      <c r="AK1181" s="206"/>
      <c r="AL1181" s="206"/>
      <c r="AM1181" s="143"/>
      <c r="AN1181" s="137"/>
      <c r="AO1181" s="137"/>
      <c r="AP1181" s="137"/>
      <c r="AQ1181" s="137"/>
      <c r="AR1181" s="137"/>
      <c r="AS1181" s="137"/>
      <c r="AT1181" s="137"/>
      <c r="AU1181" s="137"/>
      <c r="AV1181" s="137"/>
      <c r="AW1181" s="144"/>
    </row>
    <row r="1182" spans="2:49" x14ac:dyDescent="0.2">
      <c r="B1182" s="97"/>
      <c r="G1182" s="43"/>
      <c r="J1182" s="98"/>
      <c r="K1182" s="97"/>
      <c r="N1182" s="3"/>
      <c r="W1182" s="98"/>
      <c r="Z1182" s="143"/>
      <c r="AA1182" s="137"/>
      <c r="AB1182" s="137"/>
      <c r="AC1182" s="137"/>
      <c r="AD1182" s="137"/>
      <c r="AE1182" s="137"/>
      <c r="AF1182" s="137"/>
      <c r="AG1182" s="137"/>
      <c r="AH1182" s="137"/>
      <c r="AI1182" s="137"/>
      <c r="AJ1182" s="137"/>
      <c r="AK1182" s="206"/>
      <c r="AL1182" s="206"/>
      <c r="AM1182" s="143"/>
      <c r="AN1182" s="137"/>
      <c r="AO1182" s="137"/>
      <c r="AP1182" s="137"/>
      <c r="AQ1182" s="137"/>
      <c r="AR1182" s="137"/>
      <c r="AS1182" s="137"/>
      <c r="AT1182" s="137"/>
      <c r="AU1182" s="137"/>
      <c r="AV1182" s="137"/>
      <c r="AW1182" s="144"/>
    </row>
    <row r="1183" spans="2:49" x14ac:dyDescent="0.2">
      <c r="B1183" s="97"/>
      <c r="G1183" s="43"/>
      <c r="J1183" s="98"/>
      <c r="K1183" s="97"/>
      <c r="N1183" s="3"/>
      <c r="W1183" s="98"/>
      <c r="Z1183" s="143"/>
      <c r="AA1183" s="137"/>
      <c r="AB1183" s="137"/>
      <c r="AC1183" s="137"/>
      <c r="AD1183" s="137"/>
      <c r="AE1183" s="137"/>
      <c r="AF1183" s="137"/>
      <c r="AG1183" s="137"/>
      <c r="AH1183" s="137"/>
      <c r="AI1183" s="137"/>
      <c r="AJ1183" s="137"/>
      <c r="AK1183" s="206"/>
      <c r="AL1183" s="206"/>
      <c r="AM1183" s="143"/>
      <c r="AN1183" s="137"/>
      <c r="AO1183" s="137"/>
      <c r="AP1183" s="137"/>
      <c r="AQ1183" s="137"/>
      <c r="AR1183" s="137"/>
      <c r="AS1183" s="137"/>
      <c r="AT1183" s="137"/>
      <c r="AU1183" s="137"/>
      <c r="AV1183" s="137"/>
      <c r="AW1183" s="144"/>
    </row>
    <row r="1184" spans="2:49" x14ac:dyDescent="0.2">
      <c r="B1184" s="97"/>
      <c r="G1184" s="43"/>
      <c r="J1184" s="98"/>
      <c r="K1184" s="97"/>
      <c r="N1184" s="3"/>
      <c r="W1184" s="98"/>
      <c r="Z1184" s="143"/>
      <c r="AA1184" s="137"/>
      <c r="AB1184" s="137"/>
      <c r="AC1184" s="137"/>
      <c r="AD1184" s="137"/>
      <c r="AE1184" s="137"/>
      <c r="AF1184" s="137"/>
      <c r="AG1184" s="137"/>
      <c r="AH1184" s="137"/>
      <c r="AI1184" s="137"/>
      <c r="AJ1184" s="137"/>
      <c r="AK1184" s="206"/>
      <c r="AL1184" s="206"/>
      <c r="AM1184" s="143"/>
      <c r="AN1184" s="137"/>
      <c r="AO1184" s="137"/>
      <c r="AP1184" s="137"/>
      <c r="AQ1184" s="137"/>
      <c r="AR1184" s="137"/>
      <c r="AS1184" s="137"/>
      <c r="AT1184" s="137"/>
      <c r="AU1184" s="137"/>
      <c r="AV1184" s="137"/>
      <c r="AW1184" s="144"/>
    </row>
    <row r="1185" spans="2:49" x14ac:dyDescent="0.2">
      <c r="B1185" s="97"/>
      <c r="G1185" s="43"/>
      <c r="J1185" s="98"/>
      <c r="K1185" s="97"/>
      <c r="N1185" s="3"/>
      <c r="W1185" s="98"/>
      <c r="Z1185" s="143"/>
      <c r="AA1185" s="137"/>
      <c r="AB1185" s="137"/>
      <c r="AC1185" s="137"/>
      <c r="AD1185" s="137"/>
      <c r="AE1185" s="137"/>
      <c r="AF1185" s="137"/>
      <c r="AG1185" s="137"/>
      <c r="AH1185" s="137"/>
      <c r="AI1185" s="137"/>
      <c r="AJ1185" s="137"/>
      <c r="AK1185" s="206"/>
      <c r="AL1185" s="206"/>
      <c r="AM1185" s="143"/>
      <c r="AN1185" s="137"/>
      <c r="AO1185" s="137"/>
      <c r="AP1185" s="137"/>
      <c r="AQ1185" s="137"/>
      <c r="AR1185" s="137"/>
      <c r="AS1185" s="137"/>
      <c r="AT1185" s="137"/>
      <c r="AU1185" s="137"/>
      <c r="AV1185" s="137"/>
      <c r="AW1185" s="144"/>
    </row>
    <row r="1186" spans="2:49" x14ac:dyDescent="0.2">
      <c r="B1186" s="97"/>
      <c r="G1186" s="43"/>
      <c r="J1186" s="98"/>
      <c r="K1186" s="97"/>
      <c r="N1186" s="3"/>
      <c r="W1186" s="98"/>
      <c r="Z1186" s="143"/>
      <c r="AA1186" s="137"/>
      <c r="AB1186" s="137"/>
      <c r="AC1186" s="137"/>
      <c r="AD1186" s="137"/>
      <c r="AE1186" s="137"/>
      <c r="AF1186" s="137"/>
      <c r="AG1186" s="137"/>
      <c r="AH1186" s="137"/>
      <c r="AI1186" s="137"/>
      <c r="AJ1186" s="137"/>
      <c r="AK1186" s="206"/>
      <c r="AL1186" s="206"/>
      <c r="AM1186" s="143"/>
      <c r="AN1186" s="137"/>
      <c r="AO1186" s="137"/>
      <c r="AP1186" s="137"/>
      <c r="AQ1186" s="137"/>
      <c r="AR1186" s="137"/>
      <c r="AS1186" s="137"/>
      <c r="AT1186" s="137"/>
      <c r="AU1186" s="137"/>
      <c r="AV1186" s="137"/>
      <c r="AW1186" s="144"/>
    </row>
    <row r="1187" spans="2:49" x14ac:dyDescent="0.2">
      <c r="B1187" s="97"/>
      <c r="G1187" s="43"/>
      <c r="J1187" s="98"/>
      <c r="K1187" s="97"/>
      <c r="N1187" s="3"/>
      <c r="W1187" s="98"/>
      <c r="Z1187" s="143"/>
      <c r="AA1187" s="137"/>
      <c r="AB1187" s="137"/>
      <c r="AC1187" s="137"/>
      <c r="AD1187" s="137"/>
      <c r="AE1187" s="137"/>
      <c r="AF1187" s="137"/>
      <c r="AG1187" s="137"/>
      <c r="AH1187" s="137"/>
      <c r="AI1187" s="137"/>
      <c r="AJ1187" s="137"/>
      <c r="AK1187" s="206"/>
      <c r="AL1187" s="206"/>
      <c r="AM1187" s="143"/>
      <c r="AN1187" s="137"/>
      <c r="AO1187" s="137"/>
      <c r="AP1187" s="137"/>
      <c r="AQ1187" s="137"/>
      <c r="AR1187" s="137"/>
      <c r="AS1187" s="137"/>
      <c r="AT1187" s="137"/>
      <c r="AU1187" s="137"/>
      <c r="AV1187" s="137"/>
      <c r="AW1187" s="144"/>
    </row>
    <row r="1188" spans="2:49" x14ac:dyDescent="0.2">
      <c r="B1188" s="97"/>
      <c r="G1188" s="43"/>
      <c r="J1188" s="98"/>
      <c r="K1188" s="97"/>
      <c r="N1188" s="3"/>
      <c r="W1188" s="98"/>
      <c r="Z1188" s="143"/>
      <c r="AA1188" s="137"/>
      <c r="AB1188" s="137"/>
      <c r="AC1188" s="137"/>
      <c r="AD1188" s="137"/>
      <c r="AE1188" s="137"/>
      <c r="AF1188" s="137"/>
      <c r="AG1188" s="137"/>
      <c r="AH1188" s="137"/>
      <c r="AI1188" s="137"/>
      <c r="AJ1188" s="137"/>
      <c r="AK1188" s="206"/>
      <c r="AL1188" s="206"/>
      <c r="AM1188" s="143"/>
      <c r="AN1188" s="137"/>
      <c r="AO1188" s="137"/>
      <c r="AP1188" s="137"/>
      <c r="AQ1188" s="137"/>
      <c r="AR1188" s="137"/>
      <c r="AS1188" s="137"/>
      <c r="AT1188" s="137"/>
      <c r="AU1188" s="137"/>
      <c r="AV1188" s="137"/>
      <c r="AW1188" s="144"/>
    </row>
    <row r="1189" spans="2:49" x14ac:dyDescent="0.2">
      <c r="B1189" s="97"/>
      <c r="G1189" s="43"/>
      <c r="J1189" s="98"/>
      <c r="K1189" s="97"/>
      <c r="N1189" s="3"/>
      <c r="W1189" s="98"/>
      <c r="Z1189" s="143"/>
      <c r="AA1189" s="137"/>
      <c r="AB1189" s="137"/>
      <c r="AC1189" s="137"/>
      <c r="AD1189" s="137"/>
      <c r="AE1189" s="137"/>
      <c r="AF1189" s="137"/>
      <c r="AG1189" s="137"/>
      <c r="AH1189" s="137"/>
      <c r="AI1189" s="137"/>
      <c r="AJ1189" s="137"/>
      <c r="AK1189" s="206"/>
      <c r="AL1189" s="206"/>
      <c r="AM1189" s="143"/>
      <c r="AN1189" s="137"/>
      <c r="AO1189" s="137"/>
      <c r="AP1189" s="137"/>
      <c r="AQ1189" s="137"/>
      <c r="AR1189" s="137"/>
      <c r="AS1189" s="137"/>
      <c r="AT1189" s="137"/>
      <c r="AU1189" s="137"/>
      <c r="AV1189" s="137"/>
      <c r="AW1189" s="144"/>
    </row>
    <row r="1190" spans="2:49" x14ac:dyDescent="0.2">
      <c r="B1190" s="97"/>
      <c r="G1190" s="43"/>
      <c r="J1190" s="98"/>
      <c r="K1190" s="97"/>
      <c r="N1190" s="3"/>
      <c r="W1190" s="98"/>
      <c r="Z1190" s="143"/>
      <c r="AA1190" s="137"/>
      <c r="AB1190" s="137"/>
      <c r="AC1190" s="137"/>
      <c r="AD1190" s="137"/>
      <c r="AE1190" s="137"/>
      <c r="AF1190" s="137"/>
      <c r="AG1190" s="137"/>
      <c r="AH1190" s="137"/>
      <c r="AI1190" s="137"/>
      <c r="AJ1190" s="137"/>
      <c r="AK1190" s="206"/>
      <c r="AL1190" s="206"/>
      <c r="AM1190" s="143"/>
      <c r="AN1190" s="137"/>
      <c r="AO1190" s="137"/>
      <c r="AP1190" s="137"/>
      <c r="AQ1190" s="137"/>
      <c r="AR1190" s="137"/>
      <c r="AS1190" s="137"/>
      <c r="AT1190" s="137"/>
      <c r="AU1190" s="137"/>
      <c r="AV1190" s="137"/>
      <c r="AW1190" s="144"/>
    </row>
    <row r="1191" spans="2:49" x14ac:dyDescent="0.2">
      <c r="B1191" s="97"/>
      <c r="G1191" s="43"/>
      <c r="J1191" s="98"/>
      <c r="K1191" s="97"/>
      <c r="N1191" s="3"/>
      <c r="W1191" s="98"/>
      <c r="Z1191" s="143"/>
      <c r="AA1191" s="137"/>
      <c r="AB1191" s="137"/>
      <c r="AC1191" s="137"/>
      <c r="AD1191" s="137"/>
      <c r="AE1191" s="137"/>
      <c r="AF1191" s="137"/>
      <c r="AG1191" s="137"/>
      <c r="AH1191" s="137"/>
      <c r="AI1191" s="137"/>
      <c r="AJ1191" s="137"/>
      <c r="AK1191" s="206"/>
      <c r="AL1191" s="206"/>
      <c r="AM1191" s="143"/>
      <c r="AN1191" s="137"/>
      <c r="AO1191" s="137"/>
      <c r="AP1191" s="137"/>
      <c r="AQ1191" s="137"/>
      <c r="AR1191" s="137"/>
      <c r="AS1191" s="137"/>
      <c r="AT1191" s="137"/>
      <c r="AU1191" s="137"/>
      <c r="AV1191" s="137"/>
      <c r="AW1191" s="144"/>
    </row>
    <row r="1192" spans="2:49" x14ac:dyDescent="0.2">
      <c r="B1192" s="97"/>
      <c r="G1192" s="43"/>
      <c r="J1192" s="98"/>
      <c r="K1192" s="97"/>
      <c r="N1192" s="3"/>
      <c r="W1192" s="98"/>
      <c r="Z1192" s="143"/>
      <c r="AA1192" s="137"/>
      <c r="AB1192" s="137"/>
      <c r="AC1192" s="137"/>
      <c r="AD1192" s="137"/>
      <c r="AE1192" s="137"/>
      <c r="AF1192" s="137"/>
      <c r="AG1192" s="137"/>
      <c r="AH1192" s="137"/>
      <c r="AI1192" s="137"/>
      <c r="AJ1192" s="137"/>
      <c r="AK1192" s="206"/>
      <c r="AL1192" s="206"/>
      <c r="AM1192" s="143"/>
      <c r="AN1192" s="137"/>
      <c r="AO1192" s="137"/>
      <c r="AP1192" s="137"/>
      <c r="AQ1192" s="137"/>
      <c r="AR1192" s="137"/>
      <c r="AS1192" s="137"/>
      <c r="AT1192" s="137"/>
      <c r="AU1192" s="137"/>
      <c r="AV1192" s="137"/>
      <c r="AW1192" s="144"/>
    </row>
    <row r="1193" spans="2:49" x14ac:dyDescent="0.2">
      <c r="B1193" s="97"/>
      <c r="G1193" s="43"/>
      <c r="J1193" s="98"/>
      <c r="K1193" s="97"/>
      <c r="N1193" s="3"/>
      <c r="W1193" s="98"/>
      <c r="Z1193" s="143"/>
      <c r="AA1193" s="137"/>
      <c r="AB1193" s="137"/>
      <c r="AC1193" s="137"/>
      <c r="AD1193" s="137"/>
      <c r="AE1193" s="137"/>
      <c r="AF1193" s="137"/>
      <c r="AG1193" s="137"/>
      <c r="AH1193" s="137"/>
      <c r="AI1193" s="137"/>
      <c r="AJ1193" s="137"/>
      <c r="AK1193" s="206"/>
      <c r="AL1193" s="206"/>
      <c r="AM1193" s="143"/>
      <c r="AN1193" s="137"/>
      <c r="AO1193" s="137"/>
      <c r="AP1193" s="137"/>
      <c r="AQ1193" s="137"/>
      <c r="AR1193" s="137"/>
      <c r="AS1193" s="137"/>
      <c r="AT1193" s="137"/>
      <c r="AU1193" s="137"/>
      <c r="AV1193" s="137"/>
      <c r="AW1193" s="144"/>
    </row>
    <row r="1194" spans="2:49" x14ac:dyDescent="0.2">
      <c r="B1194" s="97"/>
      <c r="G1194" s="43"/>
      <c r="J1194" s="98"/>
      <c r="K1194" s="97"/>
      <c r="N1194" s="3"/>
      <c r="W1194" s="98"/>
      <c r="Z1194" s="143"/>
      <c r="AA1194" s="137"/>
      <c r="AB1194" s="137"/>
      <c r="AC1194" s="137"/>
      <c r="AD1194" s="137"/>
      <c r="AE1194" s="137"/>
      <c r="AF1194" s="137"/>
      <c r="AG1194" s="137"/>
      <c r="AH1194" s="137"/>
      <c r="AI1194" s="137"/>
      <c r="AJ1194" s="137"/>
      <c r="AK1194" s="206"/>
      <c r="AL1194" s="206"/>
      <c r="AM1194" s="143"/>
      <c r="AN1194" s="137"/>
      <c r="AO1194" s="137"/>
      <c r="AP1194" s="137"/>
      <c r="AQ1194" s="137"/>
      <c r="AR1194" s="137"/>
      <c r="AS1194" s="137"/>
      <c r="AT1194" s="137"/>
      <c r="AU1194" s="137"/>
      <c r="AV1194" s="137"/>
      <c r="AW1194" s="144"/>
    </row>
    <row r="1195" spans="2:49" x14ac:dyDescent="0.2">
      <c r="B1195" s="97"/>
      <c r="G1195" s="43"/>
      <c r="J1195" s="98"/>
      <c r="K1195" s="97"/>
      <c r="N1195" s="3"/>
      <c r="W1195" s="98"/>
      <c r="Z1195" s="143"/>
      <c r="AA1195" s="137"/>
      <c r="AB1195" s="137"/>
      <c r="AC1195" s="137"/>
      <c r="AD1195" s="137"/>
      <c r="AE1195" s="137"/>
      <c r="AF1195" s="137"/>
      <c r="AG1195" s="137"/>
      <c r="AH1195" s="137"/>
      <c r="AI1195" s="137"/>
      <c r="AJ1195" s="137"/>
      <c r="AK1195" s="206"/>
      <c r="AL1195" s="206"/>
      <c r="AM1195" s="143"/>
      <c r="AN1195" s="137"/>
      <c r="AO1195" s="137"/>
      <c r="AP1195" s="137"/>
      <c r="AQ1195" s="137"/>
      <c r="AR1195" s="137"/>
      <c r="AS1195" s="137"/>
      <c r="AT1195" s="137"/>
      <c r="AU1195" s="137"/>
      <c r="AV1195" s="137"/>
      <c r="AW1195" s="144"/>
    </row>
    <row r="1196" spans="2:49" x14ac:dyDescent="0.2">
      <c r="B1196" s="97"/>
      <c r="G1196" s="43"/>
      <c r="J1196" s="98"/>
      <c r="K1196" s="97"/>
      <c r="N1196" s="3"/>
      <c r="W1196" s="98"/>
      <c r="Z1196" s="143"/>
      <c r="AA1196" s="137"/>
      <c r="AB1196" s="137"/>
      <c r="AC1196" s="137"/>
      <c r="AD1196" s="137"/>
      <c r="AE1196" s="137"/>
      <c r="AF1196" s="137"/>
      <c r="AG1196" s="137"/>
      <c r="AH1196" s="137"/>
      <c r="AI1196" s="137"/>
      <c r="AJ1196" s="137"/>
      <c r="AK1196" s="206"/>
      <c r="AL1196" s="206"/>
      <c r="AM1196" s="143"/>
      <c r="AN1196" s="137"/>
      <c r="AO1196" s="137"/>
      <c r="AP1196" s="137"/>
      <c r="AQ1196" s="137"/>
      <c r="AR1196" s="137"/>
      <c r="AS1196" s="137"/>
      <c r="AT1196" s="137"/>
      <c r="AU1196" s="137"/>
      <c r="AV1196" s="137"/>
      <c r="AW1196" s="144"/>
    </row>
    <row r="1197" spans="2:49" x14ac:dyDescent="0.2">
      <c r="B1197" s="97"/>
      <c r="G1197" s="43"/>
      <c r="J1197" s="98"/>
      <c r="K1197" s="97"/>
      <c r="N1197" s="3"/>
      <c r="W1197" s="98"/>
      <c r="Z1197" s="143"/>
      <c r="AA1197" s="137"/>
      <c r="AB1197" s="137"/>
      <c r="AC1197" s="137"/>
      <c r="AD1197" s="137"/>
      <c r="AE1197" s="137"/>
      <c r="AF1197" s="137"/>
      <c r="AG1197" s="137"/>
      <c r="AH1197" s="137"/>
      <c r="AI1197" s="137"/>
      <c r="AJ1197" s="137"/>
      <c r="AK1197" s="206"/>
      <c r="AL1197" s="206"/>
      <c r="AM1197" s="143"/>
      <c r="AN1197" s="137"/>
      <c r="AO1197" s="137"/>
      <c r="AP1197" s="137"/>
      <c r="AQ1197" s="137"/>
      <c r="AR1197" s="137"/>
      <c r="AS1197" s="137"/>
      <c r="AT1197" s="137"/>
      <c r="AU1197" s="137"/>
      <c r="AV1197" s="137"/>
      <c r="AW1197" s="144"/>
    </row>
    <row r="1198" spans="2:49" x14ac:dyDescent="0.2">
      <c r="B1198" s="97"/>
      <c r="G1198" s="43"/>
      <c r="J1198" s="98"/>
      <c r="K1198" s="97"/>
      <c r="N1198" s="3"/>
      <c r="W1198" s="98"/>
      <c r="Z1198" s="143"/>
      <c r="AA1198" s="137"/>
      <c r="AB1198" s="137"/>
      <c r="AC1198" s="137"/>
      <c r="AD1198" s="137"/>
      <c r="AE1198" s="137"/>
      <c r="AF1198" s="137"/>
      <c r="AG1198" s="137"/>
      <c r="AH1198" s="137"/>
      <c r="AI1198" s="137"/>
      <c r="AJ1198" s="137"/>
      <c r="AK1198" s="206"/>
      <c r="AL1198" s="206"/>
      <c r="AM1198" s="143"/>
      <c r="AN1198" s="137"/>
      <c r="AO1198" s="137"/>
      <c r="AP1198" s="137"/>
      <c r="AQ1198" s="137"/>
      <c r="AR1198" s="137"/>
      <c r="AS1198" s="137"/>
      <c r="AT1198" s="137"/>
      <c r="AU1198" s="137"/>
      <c r="AV1198" s="137"/>
      <c r="AW1198" s="144"/>
    </row>
    <row r="1199" spans="2:49" x14ac:dyDescent="0.2">
      <c r="B1199" s="97"/>
      <c r="G1199" s="43"/>
      <c r="J1199" s="98"/>
      <c r="K1199" s="97"/>
      <c r="N1199" s="3"/>
      <c r="W1199" s="98"/>
      <c r="Z1199" s="143"/>
      <c r="AA1199" s="137"/>
      <c r="AB1199" s="137"/>
      <c r="AC1199" s="137"/>
      <c r="AD1199" s="137"/>
      <c r="AE1199" s="137"/>
      <c r="AF1199" s="137"/>
      <c r="AG1199" s="137"/>
      <c r="AH1199" s="137"/>
      <c r="AI1199" s="137"/>
      <c r="AJ1199" s="137"/>
      <c r="AK1199" s="206"/>
      <c r="AL1199" s="206"/>
      <c r="AM1199" s="143"/>
      <c r="AN1199" s="137"/>
      <c r="AO1199" s="137"/>
      <c r="AP1199" s="137"/>
      <c r="AQ1199" s="137"/>
      <c r="AR1199" s="137"/>
      <c r="AS1199" s="137"/>
      <c r="AT1199" s="137"/>
      <c r="AU1199" s="137"/>
      <c r="AV1199" s="137"/>
      <c r="AW1199" s="144"/>
    </row>
    <row r="1200" spans="2:49" x14ac:dyDescent="0.2">
      <c r="B1200" s="97"/>
      <c r="G1200" s="43"/>
      <c r="J1200" s="98"/>
      <c r="K1200" s="97"/>
      <c r="N1200" s="3"/>
      <c r="W1200" s="98"/>
      <c r="Z1200" s="143"/>
      <c r="AA1200" s="137"/>
      <c r="AB1200" s="137"/>
      <c r="AC1200" s="137"/>
      <c r="AD1200" s="137"/>
      <c r="AE1200" s="137"/>
      <c r="AF1200" s="137"/>
      <c r="AG1200" s="137"/>
      <c r="AH1200" s="137"/>
      <c r="AI1200" s="137"/>
      <c r="AJ1200" s="137"/>
      <c r="AK1200" s="206"/>
      <c r="AL1200" s="206"/>
      <c r="AM1200" s="143"/>
      <c r="AN1200" s="137"/>
      <c r="AO1200" s="137"/>
      <c r="AP1200" s="137"/>
      <c r="AQ1200" s="137"/>
      <c r="AR1200" s="137"/>
      <c r="AS1200" s="137"/>
      <c r="AT1200" s="137"/>
      <c r="AU1200" s="137"/>
      <c r="AV1200" s="137"/>
      <c r="AW1200" s="144"/>
    </row>
    <row r="1201" spans="2:49" x14ac:dyDescent="0.2">
      <c r="B1201" s="97"/>
      <c r="G1201" s="43"/>
      <c r="J1201" s="98"/>
      <c r="K1201" s="97"/>
      <c r="N1201" s="3"/>
      <c r="W1201" s="98"/>
      <c r="Z1201" s="143"/>
      <c r="AA1201" s="137"/>
      <c r="AB1201" s="137"/>
      <c r="AC1201" s="137"/>
      <c r="AD1201" s="137"/>
      <c r="AE1201" s="137"/>
      <c r="AF1201" s="137"/>
      <c r="AG1201" s="137"/>
      <c r="AH1201" s="137"/>
      <c r="AI1201" s="137"/>
      <c r="AJ1201" s="137"/>
      <c r="AK1201" s="206"/>
      <c r="AL1201" s="206"/>
      <c r="AM1201" s="143"/>
      <c r="AN1201" s="137"/>
      <c r="AO1201" s="137"/>
      <c r="AP1201" s="137"/>
      <c r="AQ1201" s="137"/>
      <c r="AR1201" s="137"/>
      <c r="AS1201" s="137"/>
      <c r="AT1201" s="137"/>
      <c r="AU1201" s="137"/>
      <c r="AV1201" s="137"/>
      <c r="AW1201" s="144"/>
    </row>
    <row r="1202" spans="2:49" x14ac:dyDescent="0.2">
      <c r="B1202" s="97"/>
      <c r="G1202" s="43"/>
      <c r="J1202" s="98"/>
      <c r="K1202" s="97"/>
      <c r="N1202" s="3"/>
      <c r="W1202" s="98"/>
      <c r="Z1202" s="143"/>
      <c r="AA1202" s="137"/>
      <c r="AB1202" s="137"/>
      <c r="AC1202" s="137"/>
      <c r="AD1202" s="137"/>
      <c r="AE1202" s="137"/>
      <c r="AF1202" s="137"/>
      <c r="AG1202" s="137"/>
      <c r="AH1202" s="137"/>
      <c r="AI1202" s="137"/>
      <c r="AJ1202" s="137"/>
      <c r="AK1202" s="206"/>
      <c r="AL1202" s="206"/>
      <c r="AM1202" s="143"/>
      <c r="AN1202" s="137"/>
      <c r="AO1202" s="137"/>
      <c r="AP1202" s="137"/>
      <c r="AQ1202" s="137"/>
      <c r="AR1202" s="137"/>
      <c r="AS1202" s="137"/>
      <c r="AT1202" s="137"/>
      <c r="AU1202" s="137"/>
      <c r="AV1202" s="137"/>
      <c r="AW1202" s="144"/>
    </row>
    <row r="1203" spans="2:49" x14ac:dyDescent="0.2">
      <c r="B1203" s="97"/>
      <c r="G1203" s="43"/>
      <c r="J1203" s="98"/>
      <c r="K1203" s="97"/>
      <c r="N1203" s="3"/>
      <c r="W1203" s="98"/>
      <c r="Z1203" s="143"/>
      <c r="AA1203" s="137"/>
      <c r="AB1203" s="137"/>
      <c r="AC1203" s="137"/>
      <c r="AD1203" s="137"/>
      <c r="AE1203" s="137"/>
      <c r="AF1203" s="137"/>
      <c r="AG1203" s="137"/>
      <c r="AH1203" s="137"/>
      <c r="AI1203" s="137"/>
      <c r="AJ1203" s="137"/>
      <c r="AK1203" s="206"/>
      <c r="AL1203" s="206"/>
      <c r="AM1203" s="143"/>
      <c r="AN1203" s="137"/>
      <c r="AO1203" s="137"/>
      <c r="AP1203" s="137"/>
      <c r="AQ1203" s="137"/>
      <c r="AR1203" s="137"/>
      <c r="AS1203" s="137"/>
      <c r="AT1203" s="137"/>
      <c r="AU1203" s="137"/>
      <c r="AV1203" s="137"/>
      <c r="AW1203" s="144"/>
    </row>
    <row r="1204" spans="2:49" x14ac:dyDescent="0.2">
      <c r="B1204" s="97"/>
      <c r="G1204" s="43"/>
      <c r="J1204" s="98"/>
      <c r="K1204" s="97"/>
      <c r="N1204" s="3"/>
      <c r="W1204" s="98"/>
      <c r="Z1204" s="143"/>
      <c r="AA1204" s="137"/>
      <c r="AB1204" s="137"/>
      <c r="AC1204" s="137"/>
      <c r="AD1204" s="137"/>
      <c r="AE1204" s="137"/>
      <c r="AF1204" s="137"/>
      <c r="AG1204" s="137"/>
      <c r="AH1204" s="137"/>
      <c r="AI1204" s="137"/>
      <c r="AJ1204" s="137"/>
      <c r="AK1204" s="206"/>
      <c r="AL1204" s="206"/>
      <c r="AM1204" s="143"/>
      <c r="AN1204" s="137"/>
      <c r="AO1204" s="137"/>
      <c r="AP1204" s="137"/>
      <c r="AQ1204" s="137"/>
      <c r="AR1204" s="137"/>
      <c r="AS1204" s="137"/>
      <c r="AT1204" s="137"/>
      <c r="AU1204" s="137"/>
      <c r="AV1204" s="137"/>
      <c r="AW1204" s="144"/>
    </row>
    <row r="1205" spans="2:49" x14ac:dyDescent="0.2">
      <c r="B1205" s="97"/>
      <c r="G1205" s="43"/>
      <c r="J1205" s="98"/>
      <c r="K1205" s="97"/>
      <c r="N1205" s="3"/>
      <c r="W1205" s="98"/>
      <c r="Z1205" s="143"/>
      <c r="AA1205" s="137"/>
      <c r="AB1205" s="137"/>
      <c r="AC1205" s="137"/>
      <c r="AD1205" s="137"/>
      <c r="AE1205" s="137"/>
      <c r="AF1205" s="137"/>
      <c r="AG1205" s="137"/>
      <c r="AH1205" s="137"/>
      <c r="AI1205" s="137"/>
      <c r="AJ1205" s="137"/>
      <c r="AK1205" s="206"/>
      <c r="AL1205" s="206"/>
      <c r="AM1205" s="143"/>
      <c r="AN1205" s="137"/>
      <c r="AO1205" s="137"/>
      <c r="AP1205" s="137"/>
      <c r="AQ1205" s="137"/>
      <c r="AR1205" s="137"/>
      <c r="AS1205" s="137"/>
      <c r="AT1205" s="137"/>
      <c r="AU1205" s="137"/>
      <c r="AV1205" s="137"/>
      <c r="AW1205" s="144"/>
    </row>
    <row r="1206" spans="2:49" x14ac:dyDescent="0.2">
      <c r="B1206" s="97"/>
      <c r="G1206" s="43"/>
      <c r="J1206" s="98"/>
      <c r="K1206" s="97"/>
      <c r="N1206" s="3"/>
      <c r="W1206" s="98"/>
      <c r="Z1206" s="143"/>
      <c r="AA1206" s="137"/>
      <c r="AB1206" s="137"/>
      <c r="AC1206" s="137"/>
      <c r="AD1206" s="137"/>
      <c r="AE1206" s="137"/>
      <c r="AF1206" s="137"/>
      <c r="AG1206" s="137"/>
      <c r="AH1206" s="137"/>
      <c r="AI1206" s="137"/>
      <c r="AJ1206" s="137"/>
      <c r="AK1206" s="206"/>
      <c r="AL1206" s="206"/>
      <c r="AM1206" s="143"/>
      <c r="AN1206" s="137"/>
      <c r="AO1206" s="137"/>
      <c r="AP1206" s="137"/>
      <c r="AQ1206" s="137"/>
      <c r="AR1206" s="137"/>
      <c r="AS1206" s="137"/>
      <c r="AT1206" s="137"/>
      <c r="AU1206" s="137"/>
      <c r="AV1206" s="137"/>
      <c r="AW1206" s="144"/>
    </row>
    <row r="1207" spans="2:49" x14ac:dyDescent="0.2">
      <c r="B1207" s="97"/>
      <c r="G1207" s="43"/>
      <c r="J1207" s="98"/>
      <c r="K1207" s="97"/>
      <c r="N1207" s="3"/>
      <c r="W1207" s="98"/>
      <c r="Z1207" s="143"/>
      <c r="AA1207" s="137"/>
      <c r="AB1207" s="137"/>
      <c r="AC1207" s="137"/>
      <c r="AD1207" s="137"/>
      <c r="AE1207" s="137"/>
      <c r="AF1207" s="137"/>
      <c r="AG1207" s="137"/>
      <c r="AH1207" s="137"/>
      <c r="AI1207" s="137"/>
      <c r="AJ1207" s="137"/>
      <c r="AK1207" s="206"/>
      <c r="AL1207" s="206"/>
      <c r="AM1207" s="143"/>
      <c r="AN1207" s="137"/>
      <c r="AO1207" s="137"/>
      <c r="AP1207" s="137"/>
      <c r="AQ1207" s="137"/>
      <c r="AR1207" s="137"/>
      <c r="AS1207" s="137"/>
      <c r="AT1207" s="137"/>
      <c r="AU1207" s="137"/>
      <c r="AV1207" s="137"/>
      <c r="AW1207" s="144"/>
    </row>
    <row r="1208" spans="2:49" x14ac:dyDescent="0.2">
      <c r="B1208" s="97"/>
      <c r="G1208" s="43"/>
      <c r="J1208" s="98"/>
      <c r="K1208" s="97"/>
      <c r="N1208" s="3"/>
      <c r="W1208" s="98"/>
      <c r="Z1208" s="143"/>
      <c r="AA1208" s="137"/>
      <c r="AB1208" s="137"/>
      <c r="AC1208" s="137"/>
      <c r="AD1208" s="137"/>
      <c r="AE1208" s="137"/>
      <c r="AF1208" s="137"/>
      <c r="AG1208" s="137"/>
      <c r="AH1208" s="137"/>
      <c r="AI1208" s="137"/>
      <c r="AJ1208" s="137"/>
      <c r="AK1208" s="206"/>
      <c r="AL1208" s="206"/>
      <c r="AM1208" s="143"/>
      <c r="AN1208" s="137"/>
      <c r="AO1208" s="137"/>
      <c r="AP1208" s="137"/>
      <c r="AQ1208" s="137"/>
      <c r="AR1208" s="137"/>
      <c r="AS1208" s="137"/>
      <c r="AT1208" s="137"/>
      <c r="AU1208" s="137"/>
      <c r="AV1208" s="137"/>
      <c r="AW1208" s="144"/>
    </row>
    <row r="1209" spans="2:49" x14ac:dyDescent="0.2">
      <c r="B1209" s="97"/>
      <c r="G1209" s="43"/>
      <c r="J1209" s="98"/>
      <c r="K1209" s="97"/>
      <c r="N1209" s="3"/>
      <c r="W1209" s="98"/>
      <c r="Z1209" s="143"/>
      <c r="AA1209" s="137"/>
      <c r="AB1209" s="137"/>
      <c r="AC1209" s="137"/>
      <c r="AD1209" s="137"/>
      <c r="AE1209" s="137"/>
      <c r="AF1209" s="137"/>
      <c r="AG1209" s="137"/>
      <c r="AH1209" s="137"/>
      <c r="AI1209" s="137"/>
      <c r="AJ1209" s="137"/>
      <c r="AK1209" s="206"/>
      <c r="AL1209" s="206"/>
      <c r="AM1209" s="143"/>
      <c r="AN1209" s="137"/>
      <c r="AO1209" s="137"/>
      <c r="AP1209" s="137"/>
      <c r="AQ1209" s="137"/>
      <c r="AR1209" s="137"/>
      <c r="AS1209" s="137"/>
      <c r="AT1209" s="137"/>
      <c r="AU1209" s="137"/>
      <c r="AV1209" s="137"/>
      <c r="AW1209" s="144"/>
    </row>
    <row r="1210" spans="2:49" x14ac:dyDescent="0.2">
      <c r="B1210" s="97"/>
      <c r="G1210" s="43"/>
      <c r="J1210" s="98"/>
      <c r="K1210" s="97"/>
      <c r="N1210" s="3"/>
      <c r="W1210" s="98"/>
      <c r="Z1210" s="143"/>
      <c r="AA1210" s="137"/>
      <c r="AB1210" s="137"/>
      <c r="AC1210" s="137"/>
      <c r="AD1210" s="137"/>
      <c r="AE1210" s="137"/>
      <c r="AF1210" s="137"/>
      <c r="AG1210" s="137"/>
      <c r="AH1210" s="137"/>
      <c r="AI1210" s="137"/>
      <c r="AJ1210" s="137"/>
      <c r="AK1210" s="206"/>
      <c r="AL1210" s="206"/>
      <c r="AM1210" s="143"/>
      <c r="AN1210" s="137"/>
      <c r="AO1210" s="137"/>
      <c r="AP1210" s="137"/>
      <c r="AQ1210" s="137"/>
      <c r="AR1210" s="137"/>
      <c r="AS1210" s="137"/>
      <c r="AT1210" s="137"/>
      <c r="AU1210" s="137"/>
      <c r="AV1210" s="137"/>
      <c r="AW1210" s="144"/>
    </row>
    <row r="1211" spans="2:49" x14ac:dyDescent="0.2">
      <c r="B1211" s="97"/>
      <c r="G1211" s="43"/>
      <c r="J1211" s="98"/>
      <c r="K1211" s="97"/>
      <c r="N1211" s="3"/>
      <c r="W1211" s="98"/>
      <c r="Z1211" s="143"/>
      <c r="AA1211" s="137"/>
      <c r="AB1211" s="137"/>
      <c r="AC1211" s="137"/>
      <c r="AD1211" s="137"/>
      <c r="AE1211" s="137"/>
      <c r="AF1211" s="137"/>
      <c r="AG1211" s="137"/>
      <c r="AH1211" s="137"/>
      <c r="AI1211" s="137"/>
      <c r="AJ1211" s="137"/>
      <c r="AK1211" s="206"/>
      <c r="AL1211" s="206"/>
      <c r="AM1211" s="143"/>
      <c r="AN1211" s="137"/>
      <c r="AO1211" s="137"/>
      <c r="AP1211" s="137"/>
      <c r="AQ1211" s="137"/>
      <c r="AR1211" s="137"/>
      <c r="AS1211" s="137"/>
      <c r="AT1211" s="137"/>
      <c r="AU1211" s="137"/>
      <c r="AV1211" s="137"/>
      <c r="AW1211" s="144"/>
    </row>
    <row r="1212" spans="2:49" x14ac:dyDescent="0.2">
      <c r="B1212" s="97"/>
      <c r="G1212" s="43"/>
      <c r="J1212" s="98"/>
      <c r="K1212" s="97"/>
      <c r="N1212" s="3"/>
      <c r="W1212" s="98"/>
      <c r="Z1212" s="143"/>
      <c r="AA1212" s="137"/>
      <c r="AB1212" s="137"/>
      <c r="AC1212" s="137"/>
      <c r="AD1212" s="137"/>
      <c r="AE1212" s="137"/>
      <c r="AF1212" s="137"/>
      <c r="AG1212" s="137"/>
      <c r="AH1212" s="137"/>
      <c r="AI1212" s="137"/>
      <c r="AJ1212" s="137"/>
      <c r="AK1212" s="206"/>
      <c r="AL1212" s="206"/>
      <c r="AM1212" s="143"/>
      <c r="AN1212" s="137"/>
      <c r="AO1212" s="137"/>
      <c r="AP1212" s="137"/>
      <c r="AQ1212" s="137"/>
      <c r="AR1212" s="137"/>
      <c r="AS1212" s="137"/>
      <c r="AT1212" s="137"/>
      <c r="AU1212" s="137"/>
      <c r="AV1212" s="137"/>
      <c r="AW1212" s="144"/>
    </row>
    <row r="1213" spans="2:49" x14ac:dyDescent="0.2">
      <c r="B1213" s="97"/>
      <c r="G1213" s="43"/>
      <c r="J1213" s="98"/>
      <c r="K1213" s="97"/>
      <c r="N1213" s="3"/>
      <c r="W1213" s="98"/>
      <c r="Z1213" s="143"/>
      <c r="AA1213" s="137"/>
      <c r="AB1213" s="137"/>
      <c r="AC1213" s="137"/>
      <c r="AD1213" s="137"/>
      <c r="AE1213" s="137"/>
      <c r="AF1213" s="137"/>
      <c r="AG1213" s="137"/>
      <c r="AH1213" s="137"/>
      <c r="AI1213" s="137"/>
      <c r="AJ1213" s="137"/>
      <c r="AK1213" s="206"/>
      <c r="AL1213" s="206"/>
      <c r="AM1213" s="143"/>
      <c r="AN1213" s="137"/>
      <c r="AO1213" s="137"/>
      <c r="AP1213" s="137"/>
      <c r="AQ1213" s="137"/>
      <c r="AR1213" s="137"/>
      <c r="AS1213" s="137"/>
      <c r="AT1213" s="137"/>
      <c r="AU1213" s="137"/>
      <c r="AV1213" s="137"/>
      <c r="AW1213" s="144"/>
    </row>
    <row r="1214" spans="2:49" x14ac:dyDescent="0.2">
      <c r="B1214" s="97"/>
      <c r="G1214" s="43"/>
      <c r="J1214" s="98"/>
      <c r="K1214" s="97"/>
      <c r="N1214" s="3"/>
      <c r="W1214" s="98"/>
      <c r="Z1214" s="143"/>
      <c r="AA1214" s="137"/>
      <c r="AB1214" s="137"/>
      <c r="AC1214" s="137"/>
      <c r="AD1214" s="137"/>
      <c r="AE1214" s="137"/>
      <c r="AF1214" s="137"/>
      <c r="AG1214" s="137"/>
      <c r="AH1214" s="137"/>
      <c r="AI1214" s="137"/>
      <c r="AJ1214" s="137"/>
      <c r="AK1214" s="206"/>
      <c r="AL1214" s="206"/>
      <c r="AM1214" s="143"/>
      <c r="AN1214" s="137"/>
      <c r="AO1214" s="137"/>
      <c r="AP1214" s="137"/>
      <c r="AQ1214" s="137"/>
      <c r="AR1214" s="137"/>
      <c r="AS1214" s="137"/>
      <c r="AT1214" s="137"/>
      <c r="AU1214" s="137"/>
      <c r="AV1214" s="137"/>
      <c r="AW1214" s="144"/>
    </row>
    <row r="1215" spans="2:49" x14ac:dyDescent="0.2">
      <c r="B1215" s="97"/>
      <c r="G1215" s="43"/>
      <c r="J1215" s="98"/>
      <c r="K1215" s="97"/>
      <c r="N1215" s="3"/>
      <c r="W1215" s="98"/>
      <c r="Z1215" s="143"/>
      <c r="AA1215" s="137"/>
      <c r="AB1215" s="137"/>
      <c r="AC1215" s="137"/>
      <c r="AD1215" s="137"/>
      <c r="AE1215" s="137"/>
      <c r="AF1215" s="137"/>
      <c r="AG1215" s="137"/>
      <c r="AH1215" s="137"/>
      <c r="AI1215" s="137"/>
      <c r="AJ1215" s="137"/>
      <c r="AK1215" s="206"/>
      <c r="AL1215" s="206"/>
      <c r="AM1215" s="143"/>
      <c r="AN1215" s="137"/>
      <c r="AO1215" s="137"/>
      <c r="AP1215" s="137"/>
      <c r="AQ1215" s="137"/>
      <c r="AR1215" s="137"/>
      <c r="AS1215" s="137"/>
      <c r="AT1215" s="137"/>
      <c r="AU1215" s="137"/>
      <c r="AV1215" s="137"/>
      <c r="AW1215" s="144"/>
    </row>
    <row r="1216" spans="2:49" x14ac:dyDescent="0.2">
      <c r="B1216" s="97"/>
      <c r="G1216" s="43"/>
      <c r="J1216" s="98"/>
      <c r="K1216" s="97"/>
      <c r="N1216" s="3"/>
      <c r="W1216" s="98"/>
      <c r="Z1216" s="143"/>
      <c r="AA1216" s="137"/>
      <c r="AB1216" s="137"/>
      <c r="AC1216" s="137"/>
      <c r="AD1216" s="137"/>
      <c r="AE1216" s="137"/>
      <c r="AF1216" s="137"/>
      <c r="AG1216" s="137"/>
      <c r="AH1216" s="137"/>
      <c r="AI1216" s="137"/>
      <c r="AJ1216" s="137"/>
      <c r="AK1216" s="206"/>
      <c r="AL1216" s="206"/>
      <c r="AM1216" s="143"/>
      <c r="AN1216" s="137"/>
      <c r="AO1216" s="137"/>
      <c r="AP1216" s="137"/>
      <c r="AQ1216" s="137"/>
      <c r="AR1216" s="137"/>
      <c r="AS1216" s="137"/>
      <c r="AT1216" s="137"/>
      <c r="AU1216" s="137"/>
      <c r="AV1216" s="137"/>
      <c r="AW1216" s="144"/>
    </row>
    <row r="1217" spans="2:49" x14ac:dyDescent="0.2">
      <c r="B1217" s="97"/>
      <c r="G1217" s="43"/>
      <c r="J1217" s="98"/>
      <c r="K1217" s="97"/>
      <c r="N1217" s="3"/>
      <c r="W1217" s="98"/>
      <c r="Z1217" s="143"/>
      <c r="AA1217" s="137"/>
      <c r="AB1217" s="137"/>
      <c r="AC1217" s="137"/>
      <c r="AD1217" s="137"/>
      <c r="AE1217" s="137"/>
      <c r="AF1217" s="137"/>
      <c r="AG1217" s="137"/>
      <c r="AH1217" s="137"/>
      <c r="AI1217" s="137"/>
      <c r="AJ1217" s="137"/>
      <c r="AK1217" s="206"/>
      <c r="AL1217" s="206"/>
      <c r="AM1217" s="143"/>
      <c r="AN1217" s="137"/>
      <c r="AO1217" s="137"/>
      <c r="AP1217" s="137"/>
      <c r="AQ1217" s="137"/>
      <c r="AR1217" s="137"/>
      <c r="AS1217" s="137"/>
      <c r="AT1217" s="137"/>
      <c r="AU1217" s="137"/>
      <c r="AV1217" s="137"/>
      <c r="AW1217" s="144"/>
    </row>
    <row r="1218" spans="2:49" x14ac:dyDescent="0.2">
      <c r="B1218" s="97"/>
      <c r="G1218" s="43"/>
      <c r="J1218" s="98"/>
      <c r="K1218" s="97"/>
      <c r="N1218" s="3"/>
      <c r="W1218" s="98"/>
      <c r="Z1218" s="143"/>
      <c r="AA1218" s="137"/>
      <c r="AB1218" s="137"/>
      <c r="AC1218" s="137"/>
      <c r="AD1218" s="137"/>
      <c r="AE1218" s="137"/>
      <c r="AF1218" s="137"/>
      <c r="AG1218" s="137"/>
      <c r="AH1218" s="137"/>
      <c r="AI1218" s="137"/>
      <c r="AJ1218" s="137"/>
      <c r="AK1218" s="206"/>
      <c r="AL1218" s="206"/>
      <c r="AM1218" s="143"/>
      <c r="AN1218" s="137"/>
      <c r="AO1218" s="137"/>
      <c r="AP1218" s="137"/>
      <c r="AQ1218" s="137"/>
      <c r="AR1218" s="137"/>
      <c r="AS1218" s="137"/>
      <c r="AT1218" s="137"/>
      <c r="AU1218" s="137"/>
      <c r="AV1218" s="137"/>
      <c r="AW1218" s="144"/>
    </row>
    <row r="1219" spans="2:49" x14ac:dyDescent="0.2">
      <c r="B1219" s="97"/>
      <c r="G1219" s="43"/>
      <c r="J1219" s="98"/>
      <c r="K1219" s="97"/>
      <c r="N1219" s="3"/>
      <c r="W1219" s="98"/>
      <c r="Z1219" s="143"/>
      <c r="AA1219" s="137"/>
      <c r="AB1219" s="137"/>
      <c r="AC1219" s="137"/>
      <c r="AD1219" s="137"/>
      <c r="AE1219" s="137"/>
      <c r="AF1219" s="137"/>
      <c r="AG1219" s="137"/>
      <c r="AH1219" s="137"/>
      <c r="AI1219" s="137"/>
      <c r="AJ1219" s="137"/>
      <c r="AK1219" s="206"/>
      <c r="AL1219" s="206"/>
      <c r="AM1219" s="143"/>
      <c r="AN1219" s="137"/>
      <c r="AO1219" s="137"/>
      <c r="AP1219" s="137"/>
      <c r="AQ1219" s="137"/>
      <c r="AR1219" s="137"/>
      <c r="AS1219" s="137"/>
      <c r="AT1219" s="137"/>
      <c r="AU1219" s="137"/>
      <c r="AV1219" s="137"/>
      <c r="AW1219" s="144"/>
    </row>
    <row r="1220" spans="2:49" x14ac:dyDescent="0.2">
      <c r="B1220" s="97"/>
      <c r="G1220" s="43"/>
      <c r="J1220" s="98"/>
      <c r="K1220" s="97"/>
      <c r="N1220" s="3"/>
      <c r="W1220" s="98"/>
      <c r="Z1220" s="143"/>
      <c r="AA1220" s="137"/>
      <c r="AB1220" s="137"/>
      <c r="AC1220" s="137"/>
      <c r="AD1220" s="137"/>
      <c r="AE1220" s="137"/>
      <c r="AF1220" s="137"/>
      <c r="AG1220" s="137"/>
      <c r="AH1220" s="137"/>
      <c r="AI1220" s="137"/>
      <c r="AJ1220" s="137"/>
      <c r="AK1220" s="206"/>
      <c r="AL1220" s="206"/>
      <c r="AM1220" s="143"/>
      <c r="AN1220" s="137"/>
      <c r="AO1220" s="137"/>
      <c r="AP1220" s="137"/>
      <c r="AQ1220" s="137"/>
      <c r="AR1220" s="137"/>
      <c r="AS1220" s="137"/>
      <c r="AT1220" s="137"/>
      <c r="AU1220" s="137"/>
      <c r="AV1220" s="137"/>
      <c r="AW1220" s="144"/>
    </row>
    <row r="1221" spans="2:49" x14ac:dyDescent="0.2">
      <c r="B1221" s="97"/>
      <c r="G1221" s="43"/>
      <c r="J1221" s="98"/>
      <c r="K1221" s="97"/>
      <c r="N1221" s="3"/>
      <c r="W1221" s="98"/>
      <c r="Z1221" s="143"/>
      <c r="AA1221" s="137"/>
      <c r="AB1221" s="137"/>
      <c r="AC1221" s="137"/>
      <c r="AD1221" s="137"/>
      <c r="AE1221" s="137"/>
      <c r="AF1221" s="137"/>
      <c r="AG1221" s="137"/>
      <c r="AH1221" s="137"/>
      <c r="AI1221" s="137"/>
      <c r="AJ1221" s="137"/>
      <c r="AK1221" s="206"/>
      <c r="AL1221" s="206"/>
      <c r="AM1221" s="143"/>
      <c r="AN1221" s="137"/>
      <c r="AO1221" s="137"/>
      <c r="AP1221" s="137"/>
      <c r="AQ1221" s="137"/>
      <c r="AR1221" s="137"/>
      <c r="AS1221" s="137"/>
      <c r="AT1221" s="137"/>
      <c r="AU1221" s="137"/>
      <c r="AV1221" s="137"/>
      <c r="AW1221" s="144"/>
    </row>
    <row r="1222" spans="2:49" x14ac:dyDescent="0.2">
      <c r="B1222" s="97"/>
      <c r="G1222" s="43"/>
      <c r="J1222" s="98"/>
      <c r="K1222" s="97"/>
      <c r="N1222" s="3"/>
      <c r="W1222" s="98"/>
      <c r="Z1222" s="143"/>
      <c r="AA1222" s="137"/>
      <c r="AB1222" s="137"/>
      <c r="AC1222" s="137"/>
      <c r="AD1222" s="137"/>
      <c r="AE1222" s="137"/>
      <c r="AF1222" s="137"/>
      <c r="AG1222" s="137"/>
      <c r="AH1222" s="137"/>
      <c r="AI1222" s="137"/>
      <c r="AJ1222" s="137"/>
      <c r="AK1222" s="206"/>
      <c r="AL1222" s="206"/>
      <c r="AM1222" s="143"/>
      <c r="AN1222" s="137"/>
      <c r="AO1222" s="137"/>
      <c r="AP1222" s="137"/>
      <c r="AQ1222" s="137"/>
      <c r="AR1222" s="137"/>
      <c r="AS1222" s="137"/>
      <c r="AT1222" s="137"/>
      <c r="AU1222" s="137"/>
      <c r="AV1222" s="137"/>
      <c r="AW1222" s="144"/>
    </row>
    <row r="1223" spans="2:49" x14ac:dyDescent="0.2">
      <c r="B1223" s="97"/>
      <c r="G1223" s="43"/>
      <c r="J1223" s="98"/>
      <c r="K1223" s="97"/>
      <c r="N1223" s="3"/>
      <c r="W1223" s="98"/>
      <c r="Z1223" s="143"/>
      <c r="AA1223" s="137"/>
      <c r="AB1223" s="137"/>
      <c r="AC1223" s="137"/>
      <c r="AD1223" s="137"/>
      <c r="AE1223" s="137"/>
      <c r="AF1223" s="137"/>
      <c r="AG1223" s="137"/>
      <c r="AH1223" s="137"/>
      <c r="AI1223" s="137"/>
      <c r="AJ1223" s="137"/>
      <c r="AK1223" s="206"/>
      <c r="AL1223" s="206"/>
      <c r="AM1223" s="143"/>
      <c r="AN1223" s="137"/>
      <c r="AO1223" s="137"/>
      <c r="AP1223" s="137"/>
      <c r="AQ1223" s="137"/>
      <c r="AR1223" s="137"/>
      <c r="AS1223" s="137"/>
      <c r="AT1223" s="137"/>
      <c r="AU1223" s="137"/>
      <c r="AV1223" s="137"/>
      <c r="AW1223" s="144"/>
    </row>
    <row r="1224" spans="2:49" x14ac:dyDescent="0.2">
      <c r="B1224" s="97"/>
      <c r="G1224" s="43"/>
      <c r="J1224" s="98"/>
      <c r="K1224" s="97"/>
      <c r="N1224" s="3"/>
      <c r="W1224" s="98"/>
      <c r="Z1224" s="143"/>
      <c r="AA1224" s="137"/>
      <c r="AB1224" s="137"/>
      <c r="AC1224" s="137"/>
      <c r="AD1224" s="137"/>
      <c r="AE1224" s="137"/>
      <c r="AF1224" s="137"/>
      <c r="AG1224" s="137"/>
      <c r="AH1224" s="137"/>
      <c r="AI1224" s="137"/>
      <c r="AJ1224" s="137"/>
      <c r="AK1224" s="206"/>
      <c r="AL1224" s="206"/>
      <c r="AM1224" s="143"/>
      <c r="AN1224" s="137"/>
      <c r="AO1224" s="137"/>
      <c r="AP1224" s="137"/>
      <c r="AQ1224" s="137"/>
      <c r="AR1224" s="137"/>
      <c r="AS1224" s="137"/>
      <c r="AT1224" s="137"/>
      <c r="AU1224" s="137"/>
      <c r="AV1224" s="137"/>
      <c r="AW1224" s="144"/>
    </row>
    <row r="1225" spans="2:49" x14ac:dyDescent="0.2">
      <c r="B1225" s="97"/>
      <c r="G1225" s="43"/>
      <c r="J1225" s="98"/>
      <c r="K1225" s="97"/>
      <c r="N1225" s="3"/>
      <c r="W1225" s="98"/>
      <c r="Z1225" s="143"/>
      <c r="AA1225" s="137"/>
      <c r="AB1225" s="137"/>
      <c r="AC1225" s="137"/>
      <c r="AD1225" s="137"/>
      <c r="AE1225" s="137"/>
      <c r="AF1225" s="137"/>
      <c r="AG1225" s="137"/>
      <c r="AH1225" s="137"/>
      <c r="AI1225" s="137"/>
      <c r="AJ1225" s="137"/>
      <c r="AK1225" s="206"/>
      <c r="AL1225" s="206"/>
      <c r="AM1225" s="143"/>
      <c r="AN1225" s="137"/>
      <c r="AO1225" s="137"/>
      <c r="AP1225" s="137"/>
      <c r="AQ1225" s="137"/>
      <c r="AR1225" s="137"/>
      <c r="AS1225" s="137"/>
      <c r="AT1225" s="137"/>
      <c r="AU1225" s="137"/>
      <c r="AV1225" s="137"/>
      <c r="AW1225" s="144"/>
    </row>
    <row r="1226" spans="2:49" x14ac:dyDescent="0.2">
      <c r="B1226" s="97"/>
      <c r="G1226" s="43"/>
      <c r="J1226" s="98"/>
      <c r="K1226" s="97"/>
      <c r="N1226" s="3"/>
      <c r="W1226" s="98"/>
      <c r="Z1226" s="143"/>
      <c r="AA1226" s="137"/>
      <c r="AB1226" s="137"/>
      <c r="AC1226" s="137"/>
      <c r="AD1226" s="137"/>
      <c r="AE1226" s="137"/>
      <c r="AF1226" s="137"/>
      <c r="AG1226" s="137"/>
      <c r="AH1226" s="137"/>
      <c r="AI1226" s="137"/>
      <c r="AJ1226" s="137"/>
      <c r="AK1226" s="206"/>
      <c r="AL1226" s="206"/>
      <c r="AM1226" s="143"/>
      <c r="AN1226" s="137"/>
      <c r="AO1226" s="137"/>
      <c r="AP1226" s="137"/>
      <c r="AQ1226" s="137"/>
      <c r="AR1226" s="137"/>
      <c r="AS1226" s="137"/>
      <c r="AT1226" s="137"/>
      <c r="AU1226" s="137"/>
      <c r="AV1226" s="137"/>
      <c r="AW1226" s="144"/>
    </row>
    <row r="1227" spans="2:49" x14ac:dyDescent="0.2">
      <c r="B1227" s="97"/>
      <c r="G1227" s="43"/>
      <c r="J1227" s="98"/>
      <c r="K1227" s="97"/>
      <c r="N1227" s="3"/>
      <c r="W1227" s="98"/>
      <c r="Z1227" s="143"/>
      <c r="AA1227" s="137"/>
      <c r="AB1227" s="137"/>
      <c r="AC1227" s="137"/>
      <c r="AD1227" s="137"/>
      <c r="AE1227" s="137"/>
      <c r="AF1227" s="137"/>
      <c r="AG1227" s="137"/>
      <c r="AH1227" s="137"/>
      <c r="AI1227" s="137"/>
      <c r="AJ1227" s="137"/>
      <c r="AK1227" s="206"/>
      <c r="AL1227" s="206"/>
      <c r="AM1227" s="143"/>
      <c r="AN1227" s="137"/>
      <c r="AO1227" s="137"/>
      <c r="AP1227" s="137"/>
      <c r="AQ1227" s="137"/>
      <c r="AR1227" s="137"/>
      <c r="AS1227" s="137"/>
      <c r="AT1227" s="137"/>
      <c r="AU1227" s="137"/>
      <c r="AV1227" s="137"/>
      <c r="AW1227" s="144"/>
    </row>
    <row r="1228" spans="2:49" x14ac:dyDescent="0.2">
      <c r="B1228" s="97"/>
      <c r="G1228" s="43"/>
      <c r="J1228" s="98"/>
      <c r="K1228" s="97"/>
      <c r="N1228" s="3"/>
      <c r="W1228" s="98"/>
      <c r="Z1228" s="143"/>
      <c r="AA1228" s="137"/>
      <c r="AB1228" s="137"/>
      <c r="AC1228" s="137"/>
      <c r="AD1228" s="137"/>
      <c r="AE1228" s="137"/>
      <c r="AF1228" s="137"/>
      <c r="AG1228" s="137"/>
      <c r="AH1228" s="137"/>
      <c r="AI1228" s="137"/>
      <c r="AJ1228" s="137"/>
      <c r="AK1228" s="206"/>
      <c r="AL1228" s="206"/>
      <c r="AM1228" s="143"/>
      <c r="AN1228" s="137"/>
      <c r="AO1228" s="137"/>
      <c r="AP1228" s="137"/>
      <c r="AQ1228" s="137"/>
      <c r="AR1228" s="137"/>
      <c r="AS1228" s="137"/>
      <c r="AT1228" s="137"/>
      <c r="AU1228" s="137"/>
      <c r="AV1228" s="137"/>
      <c r="AW1228" s="144"/>
    </row>
    <row r="1229" spans="2:49" x14ac:dyDescent="0.2">
      <c r="B1229" s="97"/>
      <c r="G1229" s="43"/>
      <c r="J1229" s="98"/>
      <c r="K1229" s="97"/>
      <c r="N1229" s="3"/>
      <c r="W1229" s="98"/>
      <c r="Z1229" s="143"/>
      <c r="AA1229" s="137"/>
      <c r="AB1229" s="137"/>
      <c r="AC1229" s="137"/>
      <c r="AD1229" s="137"/>
      <c r="AE1229" s="137"/>
      <c r="AF1229" s="137"/>
      <c r="AG1229" s="137"/>
      <c r="AH1229" s="137"/>
      <c r="AI1229" s="137"/>
      <c r="AJ1229" s="137"/>
      <c r="AK1229" s="206"/>
      <c r="AL1229" s="206"/>
      <c r="AM1229" s="143"/>
      <c r="AN1229" s="137"/>
      <c r="AO1229" s="137"/>
      <c r="AP1229" s="137"/>
      <c r="AQ1229" s="137"/>
      <c r="AR1229" s="137"/>
      <c r="AS1229" s="137"/>
      <c r="AT1229" s="137"/>
      <c r="AU1229" s="137"/>
      <c r="AV1229" s="137"/>
      <c r="AW1229" s="144"/>
    </row>
    <row r="1230" spans="2:49" x14ac:dyDescent="0.2">
      <c r="B1230" s="97"/>
      <c r="G1230" s="43"/>
      <c r="J1230" s="98"/>
      <c r="K1230" s="97"/>
      <c r="N1230" s="3"/>
      <c r="W1230" s="98"/>
      <c r="Z1230" s="143"/>
      <c r="AA1230" s="137"/>
      <c r="AB1230" s="137"/>
      <c r="AC1230" s="137"/>
      <c r="AD1230" s="137"/>
      <c r="AE1230" s="137"/>
      <c r="AF1230" s="137"/>
      <c r="AG1230" s="137"/>
      <c r="AH1230" s="137"/>
      <c r="AI1230" s="137"/>
      <c r="AJ1230" s="137"/>
      <c r="AK1230" s="206"/>
      <c r="AL1230" s="206"/>
      <c r="AM1230" s="143"/>
      <c r="AN1230" s="137"/>
      <c r="AO1230" s="137"/>
      <c r="AP1230" s="137"/>
      <c r="AQ1230" s="137"/>
      <c r="AR1230" s="137"/>
      <c r="AS1230" s="137"/>
      <c r="AT1230" s="137"/>
      <c r="AU1230" s="137"/>
      <c r="AV1230" s="137"/>
      <c r="AW1230" s="144"/>
    </row>
    <row r="1231" spans="2:49" x14ac:dyDescent="0.2">
      <c r="B1231" s="97"/>
      <c r="G1231" s="43"/>
      <c r="J1231" s="98"/>
      <c r="K1231" s="97"/>
      <c r="N1231" s="3"/>
      <c r="W1231" s="98"/>
      <c r="Z1231" s="143"/>
      <c r="AA1231" s="137"/>
      <c r="AB1231" s="137"/>
      <c r="AC1231" s="137"/>
      <c r="AD1231" s="137"/>
      <c r="AE1231" s="137"/>
      <c r="AF1231" s="137"/>
      <c r="AG1231" s="137"/>
      <c r="AH1231" s="137"/>
      <c r="AI1231" s="137"/>
      <c r="AJ1231" s="137"/>
      <c r="AK1231" s="206"/>
      <c r="AL1231" s="206"/>
      <c r="AM1231" s="143"/>
      <c r="AN1231" s="137"/>
      <c r="AO1231" s="137"/>
      <c r="AP1231" s="137"/>
      <c r="AQ1231" s="137"/>
      <c r="AR1231" s="137"/>
      <c r="AS1231" s="137"/>
      <c r="AT1231" s="137"/>
      <c r="AU1231" s="137"/>
      <c r="AV1231" s="137"/>
      <c r="AW1231" s="144"/>
    </row>
    <row r="1232" spans="2:49" x14ac:dyDescent="0.2">
      <c r="B1232" s="97"/>
      <c r="G1232" s="43"/>
      <c r="J1232" s="98"/>
      <c r="K1232" s="97"/>
      <c r="N1232" s="3"/>
      <c r="W1232" s="98"/>
      <c r="Z1232" s="143"/>
      <c r="AA1232" s="137"/>
      <c r="AB1232" s="137"/>
      <c r="AC1232" s="137"/>
      <c r="AD1232" s="137"/>
      <c r="AE1232" s="137"/>
      <c r="AF1232" s="137"/>
      <c r="AG1232" s="137"/>
      <c r="AH1232" s="137"/>
      <c r="AI1232" s="137"/>
      <c r="AJ1232" s="137"/>
      <c r="AK1232" s="206"/>
      <c r="AL1232" s="206"/>
      <c r="AM1232" s="143"/>
      <c r="AN1232" s="137"/>
      <c r="AO1232" s="137"/>
      <c r="AP1232" s="137"/>
      <c r="AQ1232" s="137"/>
      <c r="AR1232" s="137"/>
      <c r="AS1232" s="137"/>
      <c r="AT1232" s="137"/>
      <c r="AU1232" s="137"/>
      <c r="AV1232" s="137"/>
      <c r="AW1232" s="144"/>
    </row>
    <row r="1233" spans="2:49" x14ac:dyDescent="0.2">
      <c r="B1233" s="97"/>
      <c r="G1233" s="43"/>
      <c r="J1233" s="98"/>
      <c r="K1233" s="97"/>
      <c r="N1233" s="3"/>
      <c r="W1233" s="98"/>
      <c r="Z1233" s="143"/>
      <c r="AA1233" s="137"/>
      <c r="AB1233" s="137"/>
      <c r="AC1233" s="137"/>
      <c r="AD1233" s="137"/>
      <c r="AE1233" s="137"/>
      <c r="AF1233" s="137"/>
      <c r="AG1233" s="137"/>
      <c r="AH1233" s="137"/>
      <c r="AI1233" s="137"/>
      <c r="AJ1233" s="137"/>
      <c r="AK1233" s="206"/>
      <c r="AL1233" s="206"/>
      <c r="AM1233" s="143"/>
      <c r="AN1233" s="137"/>
      <c r="AO1233" s="137"/>
      <c r="AP1233" s="137"/>
      <c r="AQ1233" s="137"/>
      <c r="AR1233" s="137"/>
      <c r="AS1233" s="137"/>
      <c r="AT1233" s="137"/>
      <c r="AU1233" s="137"/>
      <c r="AV1233" s="137"/>
      <c r="AW1233" s="144"/>
    </row>
    <row r="1234" spans="2:49" x14ac:dyDescent="0.2">
      <c r="B1234" s="97"/>
      <c r="G1234" s="43"/>
      <c r="J1234" s="98"/>
      <c r="K1234" s="97"/>
      <c r="N1234" s="3"/>
      <c r="W1234" s="98"/>
      <c r="Z1234" s="143"/>
      <c r="AA1234" s="137"/>
      <c r="AB1234" s="137"/>
      <c r="AC1234" s="137"/>
      <c r="AD1234" s="137"/>
      <c r="AE1234" s="137"/>
      <c r="AF1234" s="137"/>
      <c r="AG1234" s="137"/>
      <c r="AH1234" s="137"/>
      <c r="AI1234" s="137"/>
      <c r="AJ1234" s="137"/>
      <c r="AK1234" s="206"/>
      <c r="AL1234" s="206"/>
      <c r="AM1234" s="143"/>
      <c r="AN1234" s="137"/>
      <c r="AO1234" s="137"/>
      <c r="AP1234" s="137"/>
      <c r="AQ1234" s="137"/>
      <c r="AR1234" s="137"/>
      <c r="AS1234" s="137"/>
      <c r="AT1234" s="137"/>
      <c r="AU1234" s="137"/>
      <c r="AV1234" s="137"/>
      <c r="AW1234" s="144"/>
    </row>
    <row r="1235" spans="2:49" x14ac:dyDescent="0.2">
      <c r="B1235" s="97"/>
      <c r="G1235" s="43"/>
      <c r="J1235" s="98"/>
      <c r="K1235" s="97"/>
      <c r="N1235" s="3"/>
      <c r="W1235" s="98"/>
      <c r="Z1235" s="143"/>
      <c r="AA1235" s="137"/>
      <c r="AB1235" s="137"/>
      <c r="AC1235" s="137"/>
      <c r="AD1235" s="137"/>
      <c r="AE1235" s="137"/>
      <c r="AF1235" s="137"/>
      <c r="AG1235" s="137"/>
      <c r="AH1235" s="137"/>
      <c r="AI1235" s="137"/>
      <c r="AJ1235" s="137"/>
      <c r="AK1235" s="206"/>
      <c r="AL1235" s="206"/>
      <c r="AM1235" s="143"/>
      <c r="AN1235" s="137"/>
      <c r="AO1235" s="137"/>
      <c r="AP1235" s="137"/>
      <c r="AQ1235" s="137"/>
      <c r="AR1235" s="137"/>
      <c r="AS1235" s="137"/>
      <c r="AT1235" s="137"/>
      <c r="AU1235" s="137"/>
      <c r="AV1235" s="137"/>
      <c r="AW1235" s="144"/>
    </row>
    <row r="1236" spans="2:49" x14ac:dyDescent="0.2">
      <c r="B1236" s="97"/>
      <c r="G1236" s="43"/>
      <c r="J1236" s="98"/>
      <c r="K1236" s="97"/>
      <c r="N1236" s="3"/>
      <c r="W1236" s="98"/>
      <c r="Z1236" s="143"/>
      <c r="AA1236" s="137"/>
      <c r="AB1236" s="137"/>
      <c r="AC1236" s="137"/>
      <c r="AD1236" s="137"/>
      <c r="AE1236" s="137"/>
      <c r="AF1236" s="137"/>
      <c r="AG1236" s="137"/>
      <c r="AH1236" s="137"/>
      <c r="AI1236" s="137"/>
      <c r="AJ1236" s="137"/>
      <c r="AK1236" s="206"/>
      <c r="AL1236" s="206"/>
      <c r="AM1236" s="143"/>
      <c r="AN1236" s="137"/>
      <c r="AO1236" s="137"/>
      <c r="AP1236" s="137"/>
      <c r="AQ1236" s="137"/>
      <c r="AR1236" s="137"/>
      <c r="AS1236" s="137"/>
      <c r="AT1236" s="137"/>
      <c r="AU1236" s="137"/>
      <c r="AV1236" s="137"/>
      <c r="AW1236" s="144"/>
    </row>
    <row r="1237" spans="2:49" x14ac:dyDescent="0.2">
      <c r="B1237" s="97"/>
      <c r="G1237" s="43"/>
      <c r="J1237" s="98"/>
      <c r="K1237" s="97"/>
      <c r="N1237" s="3"/>
      <c r="W1237" s="98"/>
      <c r="Z1237" s="143"/>
      <c r="AA1237" s="137"/>
      <c r="AB1237" s="137"/>
      <c r="AC1237" s="137"/>
      <c r="AD1237" s="137"/>
      <c r="AE1237" s="137"/>
      <c r="AF1237" s="137"/>
      <c r="AG1237" s="137"/>
      <c r="AH1237" s="137"/>
      <c r="AI1237" s="137"/>
      <c r="AJ1237" s="137"/>
      <c r="AK1237" s="206"/>
      <c r="AL1237" s="206"/>
      <c r="AM1237" s="143"/>
      <c r="AN1237" s="137"/>
      <c r="AO1237" s="137"/>
      <c r="AP1237" s="137"/>
      <c r="AQ1237" s="137"/>
      <c r="AR1237" s="137"/>
      <c r="AS1237" s="137"/>
      <c r="AT1237" s="137"/>
      <c r="AU1237" s="137"/>
      <c r="AV1237" s="137"/>
      <c r="AW1237" s="144"/>
    </row>
    <row r="1238" spans="2:49" x14ac:dyDescent="0.2">
      <c r="B1238" s="97"/>
      <c r="G1238" s="43"/>
      <c r="J1238" s="98"/>
      <c r="K1238" s="97"/>
      <c r="N1238" s="3"/>
      <c r="W1238" s="98"/>
      <c r="Z1238" s="143"/>
      <c r="AA1238" s="137"/>
      <c r="AB1238" s="137"/>
      <c r="AC1238" s="137"/>
      <c r="AD1238" s="137"/>
      <c r="AE1238" s="137"/>
      <c r="AF1238" s="137"/>
      <c r="AG1238" s="137"/>
      <c r="AH1238" s="137"/>
      <c r="AI1238" s="137"/>
      <c r="AJ1238" s="137"/>
      <c r="AK1238" s="206"/>
      <c r="AL1238" s="206"/>
      <c r="AM1238" s="143"/>
      <c r="AN1238" s="137"/>
      <c r="AO1238" s="137"/>
      <c r="AP1238" s="137"/>
      <c r="AQ1238" s="137"/>
      <c r="AR1238" s="137"/>
      <c r="AS1238" s="137"/>
      <c r="AT1238" s="137"/>
      <c r="AU1238" s="137"/>
      <c r="AV1238" s="137"/>
      <c r="AW1238" s="144"/>
    </row>
    <row r="1239" spans="2:49" x14ac:dyDescent="0.2">
      <c r="B1239" s="97"/>
      <c r="G1239" s="43"/>
      <c r="J1239" s="98"/>
      <c r="K1239" s="97"/>
      <c r="N1239" s="3"/>
      <c r="W1239" s="98"/>
      <c r="Z1239" s="143"/>
      <c r="AA1239" s="137"/>
      <c r="AB1239" s="137"/>
      <c r="AC1239" s="137"/>
      <c r="AD1239" s="137"/>
      <c r="AE1239" s="137"/>
      <c r="AF1239" s="137"/>
      <c r="AG1239" s="137"/>
      <c r="AH1239" s="137"/>
      <c r="AI1239" s="137"/>
      <c r="AJ1239" s="137"/>
      <c r="AK1239" s="206"/>
      <c r="AL1239" s="206"/>
      <c r="AM1239" s="143"/>
      <c r="AN1239" s="137"/>
      <c r="AO1239" s="137"/>
      <c r="AP1239" s="137"/>
      <c r="AQ1239" s="137"/>
      <c r="AR1239" s="137"/>
      <c r="AS1239" s="137"/>
      <c r="AT1239" s="137"/>
      <c r="AU1239" s="137"/>
      <c r="AV1239" s="137"/>
      <c r="AW1239" s="144"/>
    </row>
    <row r="1240" spans="2:49" x14ac:dyDescent="0.2">
      <c r="B1240" s="97"/>
      <c r="G1240" s="43"/>
      <c r="J1240" s="98"/>
      <c r="K1240" s="97"/>
      <c r="N1240" s="3"/>
      <c r="W1240" s="98"/>
      <c r="Z1240" s="143"/>
      <c r="AA1240" s="137"/>
      <c r="AB1240" s="137"/>
      <c r="AC1240" s="137"/>
      <c r="AD1240" s="137"/>
      <c r="AE1240" s="137"/>
      <c r="AF1240" s="137"/>
      <c r="AG1240" s="137"/>
      <c r="AH1240" s="137"/>
      <c r="AI1240" s="137"/>
      <c r="AJ1240" s="137"/>
      <c r="AK1240" s="206"/>
      <c r="AL1240" s="206"/>
      <c r="AM1240" s="143"/>
      <c r="AN1240" s="137"/>
      <c r="AO1240" s="137"/>
      <c r="AP1240" s="137"/>
      <c r="AQ1240" s="137"/>
      <c r="AR1240" s="137"/>
      <c r="AS1240" s="137"/>
      <c r="AT1240" s="137"/>
      <c r="AU1240" s="137"/>
      <c r="AV1240" s="137"/>
      <c r="AW1240" s="144"/>
    </row>
    <row r="1241" spans="2:49" x14ac:dyDescent="0.2">
      <c r="B1241" s="97"/>
      <c r="G1241" s="43"/>
      <c r="J1241" s="98"/>
      <c r="K1241" s="97"/>
      <c r="N1241" s="3"/>
      <c r="W1241" s="98"/>
      <c r="Z1241" s="143"/>
      <c r="AA1241" s="137"/>
      <c r="AB1241" s="137"/>
      <c r="AC1241" s="137"/>
      <c r="AD1241" s="137"/>
      <c r="AE1241" s="137"/>
      <c r="AF1241" s="137"/>
      <c r="AG1241" s="137"/>
      <c r="AH1241" s="137"/>
      <c r="AI1241" s="137"/>
      <c r="AJ1241" s="137"/>
      <c r="AK1241" s="206"/>
      <c r="AL1241" s="206"/>
      <c r="AM1241" s="143"/>
      <c r="AN1241" s="137"/>
      <c r="AO1241" s="137"/>
      <c r="AP1241" s="137"/>
      <c r="AQ1241" s="137"/>
      <c r="AR1241" s="137"/>
      <c r="AS1241" s="137"/>
      <c r="AT1241" s="137"/>
      <c r="AU1241" s="137"/>
      <c r="AV1241" s="137"/>
      <c r="AW1241" s="144"/>
    </row>
    <row r="1242" spans="2:49" x14ac:dyDescent="0.2">
      <c r="B1242" s="97"/>
      <c r="G1242" s="43"/>
      <c r="J1242" s="98"/>
      <c r="K1242" s="97"/>
      <c r="N1242" s="3"/>
      <c r="W1242" s="98"/>
      <c r="Z1242" s="143"/>
      <c r="AA1242" s="137"/>
      <c r="AB1242" s="137"/>
      <c r="AC1242" s="137"/>
      <c r="AD1242" s="137"/>
      <c r="AE1242" s="137"/>
      <c r="AF1242" s="137"/>
      <c r="AG1242" s="137"/>
      <c r="AH1242" s="137"/>
      <c r="AI1242" s="137"/>
      <c r="AJ1242" s="137"/>
      <c r="AK1242" s="206"/>
      <c r="AL1242" s="206"/>
      <c r="AM1242" s="143"/>
      <c r="AN1242" s="137"/>
      <c r="AO1242" s="137"/>
      <c r="AP1242" s="137"/>
      <c r="AQ1242" s="137"/>
      <c r="AR1242" s="137"/>
      <c r="AS1242" s="137"/>
      <c r="AT1242" s="137"/>
      <c r="AU1242" s="137"/>
      <c r="AV1242" s="137"/>
      <c r="AW1242" s="144"/>
    </row>
    <row r="1243" spans="2:49" x14ac:dyDescent="0.2">
      <c r="B1243" s="97"/>
      <c r="G1243" s="43"/>
      <c r="J1243" s="98"/>
      <c r="K1243" s="97"/>
      <c r="N1243" s="3"/>
      <c r="W1243" s="98"/>
      <c r="Z1243" s="143"/>
      <c r="AA1243" s="137"/>
      <c r="AB1243" s="137"/>
      <c r="AC1243" s="137"/>
      <c r="AD1243" s="137"/>
      <c r="AE1243" s="137"/>
      <c r="AF1243" s="137"/>
      <c r="AG1243" s="137"/>
      <c r="AH1243" s="137"/>
      <c r="AI1243" s="137"/>
      <c r="AJ1243" s="137"/>
      <c r="AK1243" s="206"/>
      <c r="AL1243" s="206"/>
      <c r="AM1243" s="143"/>
      <c r="AN1243" s="137"/>
      <c r="AO1243" s="137"/>
      <c r="AP1243" s="137"/>
      <c r="AQ1243" s="137"/>
      <c r="AR1243" s="137"/>
      <c r="AS1243" s="137"/>
      <c r="AT1243" s="137"/>
      <c r="AU1243" s="137"/>
      <c r="AV1243" s="137"/>
      <c r="AW1243" s="144"/>
    </row>
    <row r="1244" spans="2:49" x14ac:dyDescent="0.2">
      <c r="B1244" s="97"/>
      <c r="G1244" s="43"/>
      <c r="J1244" s="98"/>
      <c r="K1244" s="97"/>
      <c r="N1244" s="3"/>
      <c r="W1244" s="98"/>
      <c r="Z1244" s="143"/>
      <c r="AA1244" s="137"/>
      <c r="AB1244" s="137"/>
      <c r="AC1244" s="137"/>
      <c r="AD1244" s="137"/>
      <c r="AE1244" s="137"/>
      <c r="AF1244" s="137"/>
      <c r="AG1244" s="137"/>
      <c r="AH1244" s="137"/>
      <c r="AI1244" s="137"/>
      <c r="AJ1244" s="137"/>
      <c r="AK1244" s="206"/>
      <c r="AL1244" s="206"/>
      <c r="AM1244" s="143"/>
      <c r="AN1244" s="137"/>
      <c r="AO1244" s="137"/>
      <c r="AP1244" s="137"/>
      <c r="AQ1244" s="137"/>
      <c r="AR1244" s="137"/>
      <c r="AS1244" s="137"/>
      <c r="AT1244" s="137"/>
      <c r="AU1244" s="137"/>
      <c r="AV1244" s="137"/>
      <c r="AW1244" s="144"/>
    </row>
    <row r="1245" spans="2:49" x14ac:dyDescent="0.2">
      <c r="B1245" s="97"/>
      <c r="G1245" s="43"/>
      <c r="J1245" s="98"/>
      <c r="K1245" s="97"/>
      <c r="N1245" s="3"/>
      <c r="W1245" s="98"/>
      <c r="Z1245" s="143"/>
      <c r="AA1245" s="137"/>
      <c r="AB1245" s="137"/>
      <c r="AC1245" s="137"/>
      <c r="AD1245" s="137"/>
      <c r="AE1245" s="137"/>
      <c r="AF1245" s="137"/>
      <c r="AG1245" s="137"/>
      <c r="AH1245" s="137"/>
      <c r="AI1245" s="137"/>
      <c r="AJ1245" s="137"/>
      <c r="AK1245" s="206"/>
      <c r="AL1245" s="206"/>
      <c r="AM1245" s="143"/>
      <c r="AN1245" s="137"/>
      <c r="AO1245" s="137"/>
      <c r="AP1245" s="137"/>
      <c r="AQ1245" s="137"/>
      <c r="AR1245" s="137"/>
      <c r="AS1245" s="137"/>
      <c r="AT1245" s="137"/>
      <c r="AU1245" s="137"/>
      <c r="AV1245" s="137"/>
      <c r="AW1245" s="144"/>
    </row>
    <row r="1246" spans="2:49" x14ac:dyDescent="0.2">
      <c r="B1246" s="97"/>
      <c r="G1246" s="43"/>
      <c r="J1246" s="98"/>
      <c r="K1246" s="97"/>
      <c r="N1246" s="3"/>
      <c r="W1246" s="98"/>
      <c r="Z1246" s="143"/>
      <c r="AA1246" s="137"/>
      <c r="AB1246" s="137"/>
      <c r="AC1246" s="137"/>
      <c r="AD1246" s="137"/>
      <c r="AE1246" s="137"/>
      <c r="AF1246" s="137"/>
      <c r="AG1246" s="137"/>
      <c r="AH1246" s="137"/>
      <c r="AI1246" s="137"/>
      <c r="AJ1246" s="137"/>
      <c r="AK1246" s="206"/>
      <c r="AL1246" s="206"/>
      <c r="AM1246" s="143"/>
      <c r="AN1246" s="137"/>
      <c r="AO1246" s="137"/>
      <c r="AP1246" s="137"/>
      <c r="AQ1246" s="137"/>
      <c r="AR1246" s="137"/>
      <c r="AS1246" s="137"/>
      <c r="AT1246" s="137"/>
      <c r="AU1246" s="137"/>
      <c r="AV1246" s="137"/>
      <c r="AW1246" s="144"/>
    </row>
    <row r="1247" spans="2:49" x14ac:dyDescent="0.2">
      <c r="B1247" s="97"/>
      <c r="G1247" s="43"/>
      <c r="J1247" s="98"/>
      <c r="K1247" s="97"/>
      <c r="N1247" s="3"/>
      <c r="W1247" s="98"/>
      <c r="Z1247" s="143"/>
      <c r="AA1247" s="137"/>
      <c r="AB1247" s="137"/>
      <c r="AC1247" s="137"/>
      <c r="AD1247" s="137"/>
      <c r="AE1247" s="137"/>
      <c r="AF1247" s="137"/>
      <c r="AG1247" s="137"/>
      <c r="AH1247" s="137"/>
      <c r="AI1247" s="137"/>
      <c r="AJ1247" s="137"/>
      <c r="AK1247" s="206"/>
      <c r="AL1247" s="206"/>
      <c r="AM1247" s="143"/>
      <c r="AN1247" s="137"/>
      <c r="AO1247" s="137"/>
      <c r="AP1247" s="137"/>
      <c r="AQ1247" s="137"/>
      <c r="AR1247" s="137"/>
      <c r="AS1247" s="137"/>
      <c r="AT1247" s="137"/>
      <c r="AU1247" s="137"/>
      <c r="AV1247" s="137"/>
      <c r="AW1247" s="144"/>
    </row>
    <row r="1248" spans="2:49" x14ac:dyDescent="0.2">
      <c r="B1248" s="97"/>
      <c r="G1248" s="43"/>
      <c r="J1248" s="98"/>
      <c r="K1248" s="97"/>
      <c r="N1248" s="3"/>
      <c r="W1248" s="98"/>
      <c r="Z1248" s="143"/>
      <c r="AA1248" s="137"/>
      <c r="AB1248" s="137"/>
      <c r="AC1248" s="137"/>
      <c r="AD1248" s="137"/>
      <c r="AE1248" s="137"/>
      <c r="AF1248" s="137"/>
      <c r="AG1248" s="137"/>
      <c r="AH1248" s="137"/>
      <c r="AI1248" s="137"/>
      <c r="AJ1248" s="137"/>
      <c r="AK1248" s="206"/>
      <c r="AL1248" s="206"/>
      <c r="AM1248" s="143"/>
      <c r="AN1248" s="137"/>
      <c r="AO1248" s="137"/>
      <c r="AP1248" s="137"/>
      <c r="AQ1248" s="137"/>
      <c r="AR1248" s="137"/>
      <c r="AS1248" s="137"/>
      <c r="AT1248" s="137"/>
      <c r="AU1248" s="137"/>
      <c r="AV1248" s="137"/>
      <c r="AW1248" s="144"/>
    </row>
    <row r="1249" spans="2:49" x14ac:dyDescent="0.2">
      <c r="B1249" s="97"/>
      <c r="G1249" s="43"/>
      <c r="J1249" s="98"/>
      <c r="K1249" s="97"/>
      <c r="N1249" s="3"/>
      <c r="W1249" s="98"/>
      <c r="Z1249" s="143"/>
      <c r="AA1249" s="137"/>
      <c r="AB1249" s="137"/>
      <c r="AC1249" s="137"/>
      <c r="AD1249" s="137"/>
      <c r="AE1249" s="137"/>
      <c r="AF1249" s="137"/>
      <c r="AG1249" s="137"/>
      <c r="AH1249" s="137"/>
      <c r="AI1249" s="137"/>
      <c r="AJ1249" s="137"/>
      <c r="AK1249" s="206"/>
      <c r="AL1249" s="206"/>
      <c r="AM1249" s="143"/>
      <c r="AN1249" s="137"/>
      <c r="AO1249" s="137"/>
      <c r="AP1249" s="137"/>
      <c r="AQ1249" s="137"/>
      <c r="AR1249" s="137"/>
      <c r="AS1249" s="137"/>
      <c r="AT1249" s="137"/>
      <c r="AU1249" s="137"/>
      <c r="AV1249" s="137"/>
      <c r="AW1249" s="144"/>
    </row>
    <row r="1250" spans="2:49" x14ac:dyDescent="0.2">
      <c r="B1250" s="97"/>
      <c r="G1250" s="43"/>
      <c r="J1250" s="98"/>
      <c r="K1250" s="97"/>
      <c r="N1250" s="3"/>
      <c r="W1250" s="98"/>
      <c r="Z1250" s="143"/>
      <c r="AA1250" s="137"/>
      <c r="AB1250" s="137"/>
      <c r="AC1250" s="137"/>
      <c r="AD1250" s="137"/>
      <c r="AE1250" s="137"/>
      <c r="AF1250" s="137"/>
      <c r="AG1250" s="137"/>
      <c r="AH1250" s="137"/>
      <c r="AI1250" s="137"/>
      <c r="AJ1250" s="137"/>
      <c r="AK1250" s="206"/>
      <c r="AL1250" s="206"/>
      <c r="AM1250" s="143"/>
      <c r="AN1250" s="137"/>
      <c r="AO1250" s="137"/>
      <c r="AP1250" s="137"/>
      <c r="AQ1250" s="137"/>
      <c r="AR1250" s="137"/>
      <c r="AS1250" s="137"/>
      <c r="AT1250" s="137"/>
      <c r="AU1250" s="137"/>
      <c r="AV1250" s="137"/>
      <c r="AW1250" s="144"/>
    </row>
    <row r="1251" spans="2:49" x14ac:dyDescent="0.2">
      <c r="B1251" s="97"/>
      <c r="G1251" s="43"/>
      <c r="J1251" s="98"/>
      <c r="K1251" s="97"/>
      <c r="N1251" s="3"/>
      <c r="W1251" s="98"/>
      <c r="Z1251" s="143"/>
      <c r="AA1251" s="137"/>
      <c r="AB1251" s="137"/>
      <c r="AC1251" s="137"/>
      <c r="AD1251" s="137"/>
      <c r="AE1251" s="137"/>
      <c r="AF1251" s="137"/>
      <c r="AG1251" s="137"/>
      <c r="AH1251" s="137"/>
      <c r="AI1251" s="137"/>
      <c r="AJ1251" s="137"/>
      <c r="AK1251" s="206"/>
      <c r="AL1251" s="206"/>
      <c r="AM1251" s="143"/>
      <c r="AN1251" s="137"/>
      <c r="AO1251" s="137"/>
      <c r="AP1251" s="137"/>
      <c r="AQ1251" s="137"/>
      <c r="AR1251" s="137"/>
      <c r="AS1251" s="137"/>
      <c r="AT1251" s="137"/>
      <c r="AU1251" s="137"/>
      <c r="AV1251" s="137"/>
      <c r="AW1251" s="144"/>
    </row>
    <row r="1252" spans="2:49" x14ac:dyDescent="0.2">
      <c r="B1252" s="97"/>
      <c r="G1252" s="43"/>
      <c r="J1252" s="98"/>
      <c r="K1252" s="97"/>
      <c r="N1252" s="3"/>
      <c r="W1252" s="98"/>
      <c r="Z1252" s="143"/>
      <c r="AA1252" s="137"/>
      <c r="AB1252" s="137"/>
      <c r="AC1252" s="137"/>
      <c r="AD1252" s="137"/>
      <c r="AE1252" s="137"/>
      <c r="AF1252" s="137"/>
      <c r="AG1252" s="137"/>
      <c r="AH1252" s="137"/>
      <c r="AI1252" s="137"/>
      <c r="AJ1252" s="137"/>
      <c r="AK1252" s="206"/>
      <c r="AL1252" s="206"/>
      <c r="AM1252" s="143"/>
      <c r="AN1252" s="137"/>
      <c r="AO1252" s="137"/>
      <c r="AP1252" s="137"/>
      <c r="AQ1252" s="137"/>
      <c r="AR1252" s="137"/>
      <c r="AS1252" s="137"/>
      <c r="AT1252" s="137"/>
      <c r="AU1252" s="137"/>
      <c r="AV1252" s="137"/>
      <c r="AW1252" s="144"/>
    </row>
    <row r="1253" spans="2:49" x14ac:dyDescent="0.2">
      <c r="B1253" s="97"/>
      <c r="G1253" s="43"/>
      <c r="J1253" s="98"/>
      <c r="K1253" s="97"/>
      <c r="N1253" s="3"/>
      <c r="W1253" s="98"/>
      <c r="Z1253" s="143"/>
      <c r="AA1253" s="137"/>
      <c r="AB1253" s="137"/>
      <c r="AC1253" s="137"/>
      <c r="AD1253" s="137"/>
      <c r="AE1253" s="137"/>
      <c r="AF1253" s="137"/>
      <c r="AG1253" s="137"/>
      <c r="AH1253" s="137"/>
      <c r="AI1253" s="137"/>
      <c r="AJ1253" s="137"/>
      <c r="AK1253" s="206"/>
      <c r="AL1253" s="206"/>
      <c r="AM1253" s="143"/>
      <c r="AN1253" s="137"/>
      <c r="AO1253" s="137"/>
      <c r="AP1253" s="137"/>
      <c r="AQ1253" s="137"/>
      <c r="AR1253" s="137"/>
      <c r="AS1253" s="137"/>
      <c r="AT1253" s="137"/>
      <c r="AU1253" s="137"/>
      <c r="AV1253" s="137"/>
      <c r="AW1253" s="144"/>
    </row>
    <row r="1254" spans="2:49" x14ac:dyDescent="0.2">
      <c r="B1254" s="97"/>
      <c r="G1254" s="43"/>
      <c r="J1254" s="98"/>
      <c r="K1254" s="97"/>
      <c r="N1254" s="3"/>
      <c r="W1254" s="98"/>
      <c r="Z1254" s="143"/>
      <c r="AA1254" s="137"/>
      <c r="AB1254" s="137"/>
      <c r="AC1254" s="137"/>
      <c r="AD1254" s="137"/>
      <c r="AE1254" s="137"/>
      <c r="AF1254" s="137"/>
      <c r="AG1254" s="137"/>
      <c r="AH1254" s="137"/>
      <c r="AI1254" s="137"/>
      <c r="AJ1254" s="137"/>
      <c r="AK1254" s="206"/>
      <c r="AL1254" s="206"/>
      <c r="AM1254" s="143"/>
      <c r="AN1254" s="137"/>
      <c r="AO1254" s="137"/>
      <c r="AP1254" s="137"/>
      <c r="AQ1254" s="137"/>
      <c r="AR1254" s="137"/>
      <c r="AS1254" s="137"/>
      <c r="AT1254" s="137"/>
      <c r="AU1254" s="137"/>
      <c r="AV1254" s="137"/>
      <c r="AW1254" s="144"/>
    </row>
    <row r="1255" spans="2:49" x14ac:dyDescent="0.2">
      <c r="B1255" s="97"/>
      <c r="G1255" s="43"/>
      <c r="J1255" s="98"/>
      <c r="K1255" s="97"/>
      <c r="N1255" s="3"/>
      <c r="W1255" s="98"/>
      <c r="Z1255" s="143"/>
      <c r="AA1255" s="137"/>
      <c r="AB1255" s="137"/>
      <c r="AC1255" s="137"/>
      <c r="AD1255" s="137"/>
      <c r="AE1255" s="137"/>
      <c r="AF1255" s="137"/>
      <c r="AG1255" s="137"/>
      <c r="AH1255" s="137"/>
      <c r="AI1255" s="137"/>
      <c r="AJ1255" s="137"/>
      <c r="AK1255" s="206"/>
      <c r="AL1255" s="206"/>
      <c r="AM1255" s="143"/>
      <c r="AN1255" s="137"/>
      <c r="AO1255" s="137"/>
      <c r="AP1255" s="137"/>
      <c r="AQ1255" s="137"/>
      <c r="AR1255" s="137"/>
      <c r="AS1255" s="137"/>
      <c r="AT1255" s="137"/>
      <c r="AU1255" s="137"/>
      <c r="AV1255" s="137"/>
      <c r="AW1255" s="144"/>
    </row>
    <row r="1256" spans="2:49" x14ac:dyDescent="0.2">
      <c r="B1256" s="97"/>
      <c r="G1256" s="43"/>
      <c r="J1256" s="98"/>
      <c r="K1256" s="97"/>
      <c r="N1256" s="3"/>
      <c r="W1256" s="98"/>
      <c r="Z1256" s="143"/>
      <c r="AA1256" s="137"/>
      <c r="AB1256" s="137"/>
      <c r="AC1256" s="137"/>
      <c r="AD1256" s="137"/>
      <c r="AE1256" s="137"/>
      <c r="AF1256" s="137"/>
      <c r="AG1256" s="137"/>
      <c r="AH1256" s="137"/>
      <c r="AI1256" s="137"/>
      <c r="AJ1256" s="137"/>
      <c r="AK1256" s="206"/>
      <c r="AL1256" s="206"/>
      <c r="AM1256" s="143"/>
      <c r="AN1256" s="137"/>
      <c r="AO1256" s="137"/>
      <c r="AP1256" s="137"/>
      <c r="AQ1256" s="137"/>
      <c r="AR1256" s="137"/>
      <c r="AS1256" s="137"/>
      <c r="AT1256" s="137"/>
      <c r="AU1256" s="137"/>
      <c r="AV1256" s="137"/>
      <c r="AW1256" s="144"/>
    </row>
    <row r="1257" spans="2:49" x14ac:dyDescent="0.2">
      <c r="B1257" s="97"/>
      <c r="G1257" s="43"/>
      <c r="J1257" s="98"/>
      <c r="K1257" s="97"/>
      <c r="N1257" s="3"/>
      <c r="W1257" s="98"/>
      <c r="Z1257" s="143"/>
      <c r="AA1257" s="137"/>
      <c r="AB1257" s="137"/>
      <c r="AC1257" s="137"/>
      <c r="AD1257" s="137"/>
      <c r="AE1257" s="137"/>
      <c r="AF1257" s="137"/>
      <c r="AG1257" s="137"/>
      <c r="AH1257" s="137"/>
      <c r="AI1257" s="137"/>
      <c r="AJ1257" s="137"/>
      <c r="AK1257" s="206"/>
      <c r="AL1257" s="206"/>
      <c r="AM1257" s="143"/>
      <c r="AN1257" s="137"/>
      <c r="AO1257" s="137"/>
      <c r="AP1257" s="137"/>
      <c r="AQ1257" s="137"/>
      <c r="AR1257" s="137"/>
      <c r="AS1257" s="137"/>
      <c r="AT1257" s="137"/>
      <c r="AU1257" s="137"/>
      <c r="AV1257" s="137"/>
      <c r="AW1257" s="144"/>
    </row>
    <row r="1258" spans="2:49" x14ac:dyDescent="0.2">
      <c r="B1258" s="97"/>
      <c r="G1258" s="43"/>
      <c r="J1258" s="98"/>
      <c r="K1258" s="97"/>
      <c r="N1258" s="3"/>
      <c r="W1258" s="98"/>
      <c r="Z1258" s="143"/>
      <c r="AA1258" s="137"/>
      <c r="AB1258" s="137"/>
      <c r="AC1258" s="137"/>
      <c r="AD1258" s="137"/>
      <c r="AE1258" s="137"/>
      <c r="AF1258" s="137"/>
      <c r="AG1258" s="137"/>
      <c r="AH1258" s="137"/>
      <c r="AI1258" s="137"/>
      <c r="AJ1258" s="137"/>
      <c r="AK1258" s="206"/>
      <c r="AL1258" s="206"/>
      <c r="AM1258" s="143"/>
      <c r="AN1258" s="137"/>
      <c r="AO1258" s="137"/>
      <c r="AP1258" s="137"/>
      <c r="AQ1258" s="137"/>
      <c r="AR1258" s="137"/>
      <c r="AS1258" s="137"/>
      <c r="AT1258" s="137"/>
      <c r="AU1258" s="137"/>
      <c r="AV1258" s="137"/>
      <c r="AW1258" s="144"/>
    </row>
    <row r="1259" spans="2:49" x14ac:dyDescent="0.2">
      <c r="B1259" s="97"/>
      <c r="G1259" s="43"/>
      <c r="J1259" s="98"/>
      <c r="K1259" s="97"/>
      <c r="N1259" s="3"/>
      <c r="W1259" s="98"/>
      <c r="Z1259" s="143"/>
      <c r="AA1259" s="137"/>
      <c r="AB1259" s="137"/>
      <c r="AC1259" s="137"/>
      <c r="AD1259" s="137"/>
      <c r="AE1259" s="137"/>
      <c r="AF1259" s="137"/>
      <c r="AG1259" s="137"/>
      <c r="AH1259" s="137"/>
      <c r="AI1259" s="137"/>
      <c r="AJ1259" s="137"/>
      <c r="AK1259" s="206"/>
      <c r="AL1259" s="206"/>
      <c r="AM1259" s="143"/>
      <c r="AN1259" s="137"/>
      <c r="AO1259" s="137"/>
      <c r="AP1259" s="137"/>
      <c r="AQ1259" s="137"/>
      <c r="AR1259" s="137"/>
      <c r="AS1259" s="137"/>
      <c r="AT1259" s="137"/>
      <c r="AU1259" s="137"/>
      <c r="AV1259" s="137"/>
      <c r="AW1259" s="144"/>
    </row>
    <row r="1260" spans="2:49" x14ac:dyDescent="0.2">
      <c r="B1260" s="97"/>
      <c r="G1260" s="43"/>
      <c r="J1260" s="98"/>
      <c r="K1260" s="97"/>
      <c r="N1260" s="3"/>
      <c r="W1260" s="98"/>
      <c r="Z1260" s="143"/>
      <c r="AA1260" s="137"/>
      <c r="AB1260" s="137"/>
      <c r="AC1260" s="137"/>
      <c r="AD1260" s="137"/>
      <c r="AE1260" s="137"/>
      <c r="AF1260" s="137"/>
      <c r="AG1260" s="137"/>
      <c r="AH1260" s="137"/>
      <c r="AI1260" s="137"/>
      <c r="AJ1260" s="137"/>
      <c r="AK1260" s="206"/>
      <c r="AL1260" s="206"/>
      <c r="AM1260" s="143"/>
      <c r="AN1260" s="137"/>
      <c r="AO1260" s="137"/>
      <c r="AP1260" s="137"/>
      <c r="AQ1260" s="137"/>
      <c r="AR1260" s="137"/>
      <c r="AS1260" s="137"/>
      <c r="AT1260" s="137"/>
      <c r="AU1260" s="137"/>
      <c r="AV1260" s="137"/>
      <c r="AW1260" s="144"/>
    </row>
    <row r="1261" spans="2:49" x14ac:dyDescent="0.2">
      <c r="B1261" s="97"/>
      <c r="G1261" s="43"/>
      <c r="J1261" s="98"/>
      <c r="K1261" s="97"/>
      <c r="N1261" s="3"/>
      <c r="W1261" s="98"/>
      <c r="Z1261" s="143"/>
      <c r="AA1261" s="137"/>
      <c r="AB1261" s="137"/>
      <c r="AC1261" s="137"/>
      <c r="AD1261" s="137"/>
      <c r="AE1261" s="137"/>
      <c r="AF1261" s="137"/>
      <c r="AG1261" s="137"/>
      <c r="AH1261" s="137"/>
      <c r="AI1261" s="137"/>
      <c r="AJ1261" s="137"/>
      <c r="AK1261" s="206"/>
      <c r="AL1261" s="206"/>
      <c r="AM1261" s="143"/>
      <c r="AN1261" s="137"/>
      <c r="AO1261" s="137"/>
      <c r="AP1261" s="137"/>
      <c r="AQ1261" s="137"/>
      <c r="AR1261" s="137"/>
      <c r="AS1261" s="137"/>
      <c r="AT1261" s="137"/>
      <c r="AU1261" s="137"/>
      <c r="AV1261" s="137"/>
      <c r="AW1261" s="144"/>
    </row>
    <row r="1262" spans="2:49" x14ac:dyDescent="0.2">
      <c r="B1262" s="97"/>
      <c r="G1262" s="43"/>
      <c r="J1262" s="98"/>
      <c r="K1262" s="97"/>
      <c r="N1262" s="3"/>
      <c r="W1262" s="98"/>
      <c r="Z1262" s="143"/>
      <c r="AA1262" s="137"/>
      <c r="AB1262" s="137"/>
      <c r="AC1262" s="137"/>
      <c r="AD1262" s="137"/>
      <c r="AE1262" s="137"/>
      <c r="AF1262" s="137"/>
      <c r="AG1262" s="137"/>
      <c r="AH1262" s="137"/>
      <c r="AI1262" s="137"/>
      <c r="AJ1262" s="137"/>
      <c r="AK1262" s="206"/>
      <c r="AL1262" s="206"/>
      <c r="AM1262" s="143"/>
      <c r="AN1262" s="137"/>
      <c r="AO1262" s="137"/>
      <c r="AP1262" s="137"/>
      <c r="AQ1262" s="137"/>
      <c r="AR1262" s="137"/>
      <c r="AS1262" s="137"/>
      <c r="AT1262" s="137"/>
      <c r="AU1262" s="137"/>
      <c r="AV1262" s="137"/>
      <c r="AW1262" s="144"/>
    </row>
    <row r="1263" spans="2:49" x14ac:dyDescent="0.2">
      <c r="B1263" s="97"/>
      <c r="G1263" s="43"/>
      <c r="J1263" s="98"/>
      <c r="K1263" s="97"/>
      <c r="N1263" s="3"/>
      <c r="W1263" s="98"/>
      <c r="Z1263" s="143"/>
      <c r="AA1263" s="137"/>
      <c r="AB1263" s="137"/>
      <c r="AC1263" s="137"/>
      <c r="AD1263" s="137"/>
      <c r="AE1263" s="137"/>
      <c r="AF1263" s="137"/>
      <c r="AG1263" s="137"/>
      <c r="AH1263" s="137"/>
      <c r="AI1263" s="137"/>
      <c r="AJ1263" s="137"/>
      <c r="AK1263" s="206"/>
      <c r="AL1263" s="206"/>
      <c r="AM1263" s="143"/>
      <c r="AN1263" s="137"/>
      <c r="AO1263" s="137"/>
      <c r="AP1263" s="137"/>
      <c r="AQ1263" s="137"/>
      <c r="AR1263" s="137"/>
      <c r="AS1263" s="137"/>
      <c r="AT1263" s="137"/>
      <c r="AU1263" s="137"/>
      <c r="AV1263" s="137"/>
      <c r="AW1263" s="144"/>
    </row>
    <row r="1264" spans="2:49" x14ac:dyDescent="0.2">
      <c r="B1264" s="97"/>
      <c r="G1264" s="43"/>
      <c r="J1264" s="98"/>
      <c r="K1264" s="97"/>
      <c r="N1264" s="3"/>
      <c r="W1264" s="98"/>
      <c r="Z1264" s="143"/>
      <c r="AA1264" s="137"/>
      <c r="AB1264" s="137"/>
      <c r="AC1264" s="137"/>
      <c r="AD1264" s="137"/>
      <c r="AE1264" s="137"/>
      <c r="AF1264" s="137"/>
      <c r="AG1264" s="137"/>
      <c r="AH1264" s="137"/>
      <c r="AI1264" s="137"/>
      <c r="AJ1264" s="137"/>
      <c r="AK1264" s="206"/>
      <c r="AL1264" s="206"/>
      <c r="AM1264" s="143"/>
      <c r="AN1264" s="137"/>
      <c r="AO1264" s="137"/>
      <c r="AP1264" s="137"/>
      <c r="AQ1264" s="137"/>
      <c r="AR1264" s="137"/>
      <c r="AS1264" s="137"/>
      <c r="AT1264" s="137"/>
      <c r="AU1264" s="137"/>
      <c r="AV1264" s="137"/>
      <c r="AW1264" s="144"/>
    </row>
    <row r="1265" spans="2:49" x14ac:dyDescent="0.2">
      <c r="B1265" s="97"/>
      <c r="G1265" s="43"/>
      <c r="J1265" s="98"/>
      <c r="K1265" s="97"/>
      <c r="N1265" s="3"/>
      <c r="W1265" s="98"/>
      <c r="Z1265" s="143"/>
      <c r="AA1265" s="137"/>
      <c r="AB1265" s="137"/>
      <c r="AC1265" s="137"/>
      <c r="AD1265" s="137"/>
      <c r="AE1265" s="137"/>
      <c r="AF1265" s="137"/>
      <c r="AG1265" s="137"/>
      <c r="AH1265" s="137"/>
      <c r="AI1265" s="137"/>
      <c r="AJ1265" s="137"/>
      <c r="AK1265" s="206"/>
      <c r="AL1265" s="206"/>
      <c r="AM1265" s="143"/>
      <c r="AN1265" s="137"/>
      <c r="AO1265" s="137"/>
      <c r="AP1265" s="137"/>
      <c r="AQ1265" s="137"/>
      <c r="AR1265" s="137"/>
      <c r="AS1265" s="137"/>
      <c r="AT1265" s="137"/>
      <c r="AU1265" s="137"/>
      <c r="AV1265" s="137"/>
      <c r="AW1265" s="144"/>
    </row>
    <row r="1266" spans="2:49" x14ac:dyDescent="0.2">
      <c r="B1266" s="97"/>
      <c r="G1266" s="43"/>
      <c r="J1266" s="98"/>
      <c r="K1266" s="97"/>
      <c r="N1266" s="3"/>
      <c r="W1266" s="98"/>
      <c r="Z1266" s="143"/>
      <c r="AA1266" s="137"/>
      <c r="AB1266" s="137"/>
      <c r="AC1266" s="137"/>
      <c r="AD1266" s="137"/>
      <c r="AE1266" s="137"/>
      <c r="AF1266" s="137"/>
      <c r="AG1266" s="137"/>
      <c r="AH1266" s="137"/>
      <c r="AI1266" s="137"/>
      <c r="AJ1266" s="137"/>
      <c r="AK1266" s="206"/>
      <c r="AL1266" s="206"/>
      <c r="AM1266" s="143"/>
      <c r="AN1266" s="137"/>
      <c r="AO1266" s="137"/>
      <c r="AP1266" s="137"/>
      <c r="AQ1266" s="137"/>
      <c r="AR1266" s="137"/>
      <c r="AS1266" s="137"/>
      <c r="AT1266" s="137"/>
      <c r="AU1266" s="137"/>
      <c r="AV1266" s="137"/>
      <c r="AW1266" s="144"/>
    </row>
    <row r="1267" spans="2:49" x14ac:dyDescent="0.2">
      <c r="B1267" s="97"/>
      <c r="G1267" s="43"/>
      <c r="J1267" s="98"/>
      <c r="K1267" s="97"/>
      <c r="N1267" s="3"/>
      <c r="W1267" s="98"/>
      <c r="Z1267" s="143"/>
      <c r="AA1267" s="137"/>
      <c r="AB1267" s="137"/>
      <c r="AC1267" s="137"/>
      <c r="AD1267" s="137"/>
      <c r="AE1267" s="137"/>
      <c r="AF1267" s="137"/>
      <c r="AG1267" s="137"/>
      <c r="AH1267" s="137"/>
      <c r="AI1267" s="137"/>
      <c r="AJ1267" s="137"/>
      <c r="AK1267" s="206"/>
      <c r="AL1267" s="206"/>
      <c r="AM1267" s="143"/>
      <c r="AN1267" s="137"/>
      <c r="AO1267" s="137"/>
      <c r="AP1267" s="137"/>
      <c r="AQ1267" s="137"/>
      <c r="AR1267" s="137"/>
      <c r="AS1267" s="137"/>
      <c r="AT1267" s="137"/>
      <c r="AU1267" s="137"/>
      <c r="AV1267" s="137"/>
      <c r="AW1267" s="144"/>
    </row>
    <row r="1268" spans="2:49" x14ac:dyDescent="0.2">
      <c r="B1268" s="97"/>
      <c r="G1268" s="43"/>
      <c r="J1268" s="98"/>
      <c r="K1268" s="97"/>
      <c r="N1268" s="3"/>
      <c r="W1268" s="98"/>
      <c r="Z1268" s="143"/>
      <c r="AA1268" s="137"/>
      <c r="AB1268" s="137"/>
      <c r="AC1268" s="137"/>
      <c r="AD1268" s="137"/>
      <c r="AE1268" s="137"/>
      <c r="AF1268" s="137"/>
      <c r="AG1268" s="137"/>
      <c r="AH1268" s="137"/>
      <c r="AI1268" s="137"/>
      <c r="AJ1268" s="137"/>
      <c r="AK1268" s="206"/>
      <c r="AL1268" s="206"/>
      <c r="AM1268" s="143"/>
      <c r="AN1268" s="137"/>
      <c r="AO1268" s="137"/>
      <c r="AP1268" s="137"/>
      <c r="AQ1268" s="137"/>
      <c r="AR1268" s="137"/>
      <c r="AS1268" s="137"/>
      <c r="AT1268" s="137"/>
      <c r="AU1268" s="137"/>
      <c r="AV1268" s="137"/>
      <c r="AW1268" s="144"/>
    </row>
    <row r="1269" spans="2:49" x14ac:dyDescent="0.2">
      <c r="B1269" s="97"/>
      <c r="G1269" s="43"/>
      <c r="J1269" s="98"/>
      <c r="K1269" s="97"/>
      <c r="N1269" s="3"/>
      <c r="W1269" s="98"/>
      <c r="Z1269" s="143"/>
      <c r="AA1269" s="137"/>
      <c r="AB1269" s="137"/>
      <c r="AC1269" s="137"/>
      <c r="AD1269" s="137"/>
      <c r="AE1269" s="137"/>
      <c r="AF1269" s="137"/>
      <c r="AG1269" s="137"/>
      <c r="AH1269" s="137"/>
      <c r="AI1269" s="137"/>
      <c r="AJ1269" s="137"/>
      <c r="AK1269" s="206"/>
      <c r="AL1269" s="206"/>
      <c r="AM1269" s="143"/>
      <c r="AN1269" s="137"/>
      <c r="AO1269" s="137"/>
      <c r="AP1269" s="137"/>
      <c r="AQ1269" s="137"/>
      <c r="AR1269" s="137"/>
      <c r="AS1269" s="137"/>
      <c r="AT1269" s="137"/>
      <c r="AU1269" s="137"/>
      <c r="AV1269" s="137"/>
      <c r="AW1269" s="144"/>
    </row>
    <row r="1270" spans="2:49" x14ac:dyDescent="0.2">
      <c r="B1270" s="97"/>
      <c r="G1270" s="43"/>
      <c r="J1270" s="98"/>
      <c r="K1270" s="97"/>
      <c r="N1270" s="3"/>
      <c r="W1270" s="98"/>
      <c r="Z1270" s="143"/>
      <c r="AA1270" s="137"/>
      <c r="AB1270" s="137"/>
      <c r="AC1270" s="137"/>
      <c r="AD1270" s="137"/>
      <c r="AE1270" s="137"/>
      <c r="AF1270" s="137"/>
      <c r="AG1270" s="137"/>
      <c r="AH1270" s="137"/>
      <c r="AI1270" s="137"/>
      <c r="AJ1270" s="137"/>
      <c r="AK1270" s="206"/>
      <c r="AL1270" s="206"/>
      <c r="AM1270" s="143"/>
      <c r="AN1270" s="137"/>
      <c r="AO1270" s="137"/>
      <c r="AP1270" s="137"/>
      <c r="AQ1270" s="137"/>
      <c r="AR1270" s="137"/>
      <c r="AS1270" s="137"/>
      <c r="AT1270" s="137"/>
      <c r="AU1270" s="137"/>
      <c r="AV1270" s="137"/>
      <c r="AW1270" s="144"/>
    </row>
    <row r="1271" spans="2:49" x14ac:dyDescent="0.2">
      <c r="B1271" s="97"/>
      <c r="G1271" s="43"/>
      <c r="J1271" s="98"/>
      <c r="K1271" s="97"/>
      <c r="N1271" s="3"/>
      <c r="W1271" s="98"/>
      <c r="Z1271" s="143"/>
      <c r="AA1271" s="137"/>
      <c r="AB1271" s="137"/>
      <c r="AC1271" s="137"/>
      <c r="AD1271" s="137"/>
      <c r="AE1271" s="137"/>
      <c r="AF1271" s="137"/>
      <c r="AG1271" s="137"/>
      <c r="AH1271" s="137"/>
      <c r="AI1271" s="137"/>
      <c r="AJ1271" s="137"/>
      <c r="AK1271" s="206"/>
      <c r="AL1271" s="206"/>
      <c r="AM1271" s="143"/>
      <c r="AN1271" s="137"/>
      <c r="AO1271" s="137"/>
      <c r="AP1271" s="137"/>
      <c r="AQ1271" s="137"/>
      <c r="AR1271" s="137"/>
      <c r="AS1271" s="137"/>
      <c r="AT1271" s="137"/>
      <c r="AU1271" s="137"/>
      <c r="AV1271" s="137"/>
      <c r="AW1271" s="144"/>
    </row>
    <row r="1272" spans="2:49" x14ac:dyDescent="0.2">
      <c r="B1272" s="97"/>
      <c r="G1272" s="43"/>
      <c r="J1272" s="98"/>
      <c r="K1272" s="97"/>
      <c r="N1272" s="3"/>
      <c r="W1272" s="98"/>
      <c r="Z1272" s="143"/>
      <c r="AA1272" s="137"/>
      <c r="AB1272" s="137"/>
      <c r="AC1272" s="137"/>
      <c r="AD1272" s="137"/>
      <c r="AE1272" s="137"/>
      <c r="AF1272" s="137"/>
      <c r="AG1272" s="137"/>
      <c r="AH1272" s="137"/>
      <c r="AI1272" s="137"/>
      <c r="AJ1272" s="137"/>
      <c r="AK1272" s="206"/>
      <c r="AL1272" s="206"/>
      <c r="AM1272" s="143"/>
      <c r="AN1272" s="137"/>
      <c r="AO1272" s="137"/>
      <c r="AP1272" s="137"/>
      <c r="AQ1272" s="137"/>
      <c r="AR1272" s="137"/>
      <c r="AS1272" s="137"/>
      <c r="AT1272" s="137"/>
      <c r="AU1272" s="137"/>
      <c r="AV1272" s="137"/>
      <c r="AW1272" s="144"/>
    </row>
    <row r="1273" spans="2:49" x14ac:dyDescent="0.2">
      <c r="B1273" s="97"/>
      <c r="G1273" s="43"/>
      <c r="J1273" s="98"/>
      <c r="K1273" s="97"/>
      <c r="N1273" s="3"/>
      <c r="W1273" s="98"/>
      <c r="Z1273" s="143"/>
      <c r="AA1273" s="137"/>
      <c r="AB1273" s="137"/>
      <c r="AC1273" s="137"/>
      <c r="AD1273" s="137"/>
      <c r="AE1273" s="137"/>
      <c r="AF1273" s="137"/>
      <c r="AG1273" s="137"/>
      <c r="AH1273" s="137"/>
      <c r="AI1273" s="137"/>
      <c r="AJ1273" s="137"/>
      <c r="AK1273" s="206"/>
      <c r="AL1273" s="206"/>
      <c r="AM1273" s="143"/>
      <c r="AN1273" s="137"/>
      <c r="AO1273" s="137"/>
      <c r="AP1273" s="137"/>
      <c r="AQ1273" s="137"/>
      <c r="AR1273" s="137"/>
      <c r="AS1273" s="137"/>
      <c r="AT1273" s="137"/>
      <c r="AU1273" s="137"/>
      <c r="AV1273" s="137"/>
      <c r="AW1273" s="144"/>
    </row>
    <row r="1274" spans="2:49" x14ac:dyDescent="0.2">
      <c r="B1274" s="97"/>
      <c r="G1274" s="43"/>
      <c r="J1274" s="98"/>
      <c r="K1274" s="97"/>
      <c r="N1274" s="3"/>
      <c r="W1274" s="98"/>
      <c r="Z1274" s="143"/>
      <c r="AA1274" s="137"/>
      <c r="AB1274" s="137"/>
      <c r="AC1274" s="137"/>
      <c r="AD1274" s="137"/>
      <c r="AE1274" s="137"/>
      <c r="AF1274" s="137"/>
      <c r="AG1274" s="137"/>
      <c r="AH1274" s="137"/>
      <c r="AI1274" s="137"/>
      <c r="AJ1274" s="137"/>
      <c r="AK1274" s="206"/>
      <c r="AL1274" s="206"/>
      <c r="AM1274" s="143"/>
      <c r="AN1274" s="137"/>
      <c r="AO1274" s="137"/>
      <c r="AP1274" s="137"/>
      <c r="AQ1274" s="137"/>
      <c r="AR1274" s="137"/>
      <c r="AS1274" s="137"/>
      <c r="AT1274" s="137"/>
      <c r="AU1274" s="137"/>
      <c r="AV1274" s="137"/>
      <c r="AW1274" s="144"/>
    </row>
    <row r="1275" spans="2:49" x14ac:dyDescent="0.2">
      <c r="B1275" s="97"/>
      <c r="G1275" s="43"/>
      <c r="J1275" s="98"/>
      <c r="K1275" s="97"/>
      <c r="N1275" s="3"/>
      <c r="W1275" s="98"/>
      <c r="Z1275" s="143"/>
      <c r="AA1275" s="137"/>
      <c r="AB1275" s="137"/>
      <c r="AC1275" s="137"/>
      <c r="AD1275" s="137"/>
      <c r="AE1275" s="137"/>
      <c r="AF1275" s="137"/>
      <c r="AG1275" s="137"/>
      <c r="AH1275" s="137"/>
      <c r="AI1275" s="137"/>
      <c r="AJ1275" s="137"/>
      <c r="AK1275" s="206"/>
      <c r="AL1275" s="206"/>
      <c r="AM1275" s="143"/>
      <c r="AN1275" s="137"/>
      <c r="AO1275" s="137"/>
      <c r="AP1275" s="137"/>
      <c r="AQ1275" s="137"/>
      <c r="AR1275" s="137"/>
      <c r="AS1275" s="137"/>
      <c r="AT1275" s="137"/>
      <c r="AU1275" s="137"/>
      <c r="AV1275" s="137"/>
      <c r="AW1275" s="144"/>
    </row>
    <row r="1276" spans="2:49" x14ac:dyDescent="0.2">
      <c r="B1276" s="97"/>
      <c r="G1276" s="43"/>
      <c r="J1276" s="98"/>
      <c r="K1276" s="97"/>
      <c r="N1276" s="3"/>
      <c r="W1276" s="98"/>
      <c r="Z1276" s="143"/>
      <c r="AA1276" s="137"/>
      <c r="AB1276" s="137"/>
      <c r="AC1276" s="137"/>
      <c r="AD1276" s="137"/>
      <c r="AE1276" s="137"/>
      <c r="AF1276" s="137"/>
      <c r="AG1276" s="137"/>
      <c r="AH1276" s="137"/>
      <c r="AI1276" s="137"/>
      <c r="AJ1276" s="137"/>
      <c r="AK1276" s="206"/>
      <c r="AL1276" s="206"/>
      <c r="AM1276" s="143"/>
      <c r="AN1276" s="137"/>
      <c r="AO1276" s="137"/>
      <c r="AP1276" s="137"/>
      <c r="AQ1276" s="137"/>
      <c r="AR1276" s="137"/>
      <c r="AS1276" s="137"/>
      <c r="AT1276" s="137"/>
      <c r="AU1276" s="137"/>
      <c r="AV1276" s="137"/>
      <c r="AW1276" s="144"/>
    </row>
    <row r="1277" spans="2:49" x14ac:dyDescent="0.2">
      <c r="B1277" s="97"/>
      <c r="G1277" s="43"/>
      <c r="J1277" s="98"/>
      <c r="K1277" s="97"/>
      <c r="N1277" s="3"/>
      <c r="W1277" s="98"/>
      <c r="Z1277" s="143"/>
      <c r="AA1277" s="137"/>
      <c r="AB1277" s="137"/>
      <c r="AC1277" s="137"/>
      <c r="AD1277" s="137"/>
      <c r="AE1277" s="137"/>
      <c r="AF1277" s="137"/>
      <c r="AG1277" s="137"/>
      <c r="AH1277" s="137"/>
      <c r="AI1277" s="137"/>
      <c r="AJ1277" s="137"/>
      <c r="AK1277" s="206"/>
      <c r="AL1277" s="206"/>
      <c r="AM1277" s="143"/>
      <c r="AN1277" s="137"/>
      <c r="AO1277" s="137"/>
      <c r="AP1277" s="137"/>
      <c r="AQ1277" s="137"/>
      <c r="AR1277" s="137"/>
      <c r="AS1277" s="137"/>
      <c r="AT1277" s="137"/>
      <c r="AU1277" s="137"/>
      <c r="AV1277" s="137"/>
      <c r="AW1277" s="144"/>
    </row>
    <row r="1278" spans="2:49" x14ac:dyDescent="0.2">
      <c r="B1278" s="97"/>
      <c r="G1278" s="43"/>
      <c r="J1278" s="98"/>
      <c r="K1278" s="97"/>
      <c r="N1278" s="3"/>
      <c r="W1278" s="98"/>
      <c r="Z1278" s="143"/>
      <c r="AA1278" s="137"/>
      <c r="AB1278" s="137"/>
      <c r="AC1278" s="137"/>
      <c r="AD1278" s="137"/>
      <c r="AE1278" s="137"/>
      <c r="AF1278" s="137"/>
      <c r="AG1278" s="137"/>
      <c r="AH1278" s="137"/>
      <c r="AI1278" s="137"/>
      <c r="AJ1278" s="137"/>
      <c r="AK1278" s="206"/>
      <c r="AL1278" s="206"/>
      <c r="AM1278" s="143"/>
      <c r="AN1278" s="137"/>
      <c r="AO1278" s="137"/>
      <c r="AP1278" s="137"/>
      <c r="AQ1278" s="137"/>
      <c r="AR1278" s="137"/>
      <c r="AS1278" s="137"/>
      <c r="AT1278" s="137"/>
      <c r="AU1278" s="137"/>
      <c r="AV1278" s="137"/>
      <c r="AW1278" s="144"/>
    </row>
    <row r="1279" spans="2:49" x14ac:dyDescent="0.2">
      <c r="B1279" s="97"/>
      <c r="G1279" s="43"/>
      <c r="J1279" s="98"/>
      <c r="K1279" s="97"/>
      <c r="N1279" s="3"/>
      <c r="W1279" s="98"/>
      <c r="Z1279" s="143"/>
      <c r="AA1279" s="137"/>
      <c r="AB1279" s="137"/>
      <c r="AC1279" s="137"/>
      <c r="AD1279" s="137"/>
      <c r="AE1279" s="137"/>
      <c r="AF1279" s="137"/>
      <c r="AG1279" s="137"/>
      <c r="AH1279" s="137"/>
      <c r="AI1279" s="137"/>
      <c r="AJ1279" s="137"/>
      <c r="AK1279" s="206"/>
      <c r="AL1279" s="206"/>
      <c r="AM1279" s="143"/>
      <c r="AN1279" s="137"/>
      <c r="AO1279" s="137"/>
      <c r="AP1279" s="137"/>
      <c r="AQ1279" s="137"/>
      <c r="AR1279" s="137"/>
      <c r="AS1279" s="137"/>
      <c r="AT1279" s="137"/>
      <c r="AU1279" s="137"/>
      <c r="AV1279" s="137"/>
      <c r="AW1279" s="144"/>
    </row>
    <row r="1280" spans="2:49" x14ac:dyDescent="0.2">
      <c r="B1280" s="97"/>
      <c r="G1280" s="43"/>
      <c r="J1280" s="98"/>
      <c r="K1280" s="97"/>
      <c r="N1280" s="3"/>
      <c r="W1280" s="98"/>
      <c r="Z1280" s="143"/>
      <c r="AA1280" s="137"/>
      <c r="AB1280" s="137"/>
      <c r="AC1280" s="137"/>
      <c r="AD1280" s="137"/>
      <c r="AE1280" s="137"/>
      <c r="AF1280" s="137"/>
      <c r="AG1280" s="137"/>
      <c r="AH1280" s="137"/>
      <c r="AI1280" s="137"/>
      <c r="AJ1280" s="137"/>
      <c r="AK1280" s="206"/>
      <c r="AL1280" s="206"/>
      <c r="AM1280" s="143"/>
      <c r="AN1280" s="137"/>
      <c r="AO1280" s="137"/>
      <c r="AP1280" s="137"/>
      <c r="AQ1280" s="137"/>
      <c r="AR1280" s="137"/>
      <c r="AS1280" s="137"/>
      <c r="AT1280" s="137"/>
      <c r="AU1280" s="137"/>
      <c r="AV1280" s="137"/>
      <c r="AW1280" s="144"/>
    </row>
    <row r="1281" spans="2:49" x14ac:dyDescent="0.2">
      <c r="B1281" s="97"/>
      <c r="G1281" s="43"/>
      <c r="J1281" s="98"/>
      <c r="K1281" s="97"/>
      <c r="N1281" s="3"/>
      <c r="W1281" s="98"/>
      <c r="Z1281" s="143"/>
      <c r="AA1281" s="137"/>
      <c r="AB1281" s="137"/>
      <c r="AC1281" s="137"/>
      <c r="AD1281" s="137"/>
      <c r="AE1281" s="137"/>
      <c r="AF1281" s="137"/>
      <c r="AG1281" s="137"/>
      <c r="AH1281" s="137"/>
      <c r="AI1281" s="137"/>
      <c r="AJ1281" s="137"/>
      <c r="AK1281" s="206"/>
      <c r="AL1281" s="206"/>
      <c r="AM1281" s="143"/>
      <c r="AN1281" s="137"/>
      <c r="AO1281" s="137"/>
      <c r="AP1281" s="137"/>
      <c r="AQ1281" s="137"/>
      <c r="AR1281" s="137"/>
      <c r="AS1281" s="137"/>
      <c r="AT1281" s="137"/>
      <c r="AU1281" s="137"/>
      <c r="AV1281" s="137"/>
      <c r="AW1281" s="144"/>
    </row>
    <row r="1282" spans="2:49" x14ac:dyDescent="0.2">
      <c r="B1282" s="97"/>
      <c r="G1282" s="43"/>
      <c r="J1282" s="98"/>
      <c r="K1282" s="97"/>
      <c r="N1282" s="3"/>
      <c r="W1282" s="98"/>
      <c r="Z1282" s="143"/>
      <c r="AA1282" s="137"/>
      <c r="AB1282" s="137"/>
      <c r="AC1282" s="137"/>
      <c r="AD1282" s="137"/>
      <c r="AE1282" s="137"/>
      <c r="AF1282" s="137"/>
      <c r="AG1282" s="137"/>
      <c r="AH1282" s="137"/>
      <c r="AI1282" s="137"/>
      <c r="AJ1282" s="137"/>
      <c r="AK1282" s="206"/>
      <c r="AL1282" s="206"/>
      <c r="AM1282" s="143"/>
      <c r="AN1282" s="137"/>
      <c r="AO1282" s="137"/>
      <c r="AP1282" s="137"/>
      <c r="AQ1282" s="137"/>
      <c r="AR1282" s="137"/>
      <c r="AS1282" s="137"/>
      <c r="AT1282" s="137"/>
      <c r="AU1282" s="137"/>
      <c r="AV1282" s="137"/>
      <c r="AW1282" s="144"/>
    </row>
    <row r="1283" spans="2:49" x14ac:dyDescent="0.2">
      <c r="B1283" s="97"/>
      <c r="G1283" s="43"/>
      <c r="J1283" s="98"/>
      <c r="K1283" s="97"/>
      <c r="N1283" s="3"/>
      <c r="W1283" s="98"/>
      <c r="Z1283" s="143"/>
      <c r="AA1283" s="137"/>
      <c r="AB1283" s="137"/>
      <c r="AC1283" s="137"/>
      <c r="AD1283" s="137"/>
      <c r="AE1283" s="137"/>
      <c r="AF1283" s="137"/>
      <c r="AG1283" s="137"/>
      <c r="AH1283" s="137"/>
      <c r="AI1283" s="137"/>
      <c r="AJ1283" s="137"/>
      <c r="AK1283" s="206"/>
      <c r="AL1283" s="206"/>
      <c r="AM1283" s="143"/>
      <c r="AN1283" s="137"/>
      <c r="AO1283" s="137"/>
      <c r="AP1283" s="137"/>
      <c r="AQ1283" s="137"/>
      <c r="AR1283" s="137"/>
      <c r="AS1283" s="137"/>
      <c r="AT1283" s="137"/>
      <c r="AU1283" s="137"/>
      <c r="AV1283" s="137"/>
      <c r="AW1283" s="144"/>
    </row>
    <row r="1284" spans="2:49" x14ac:dyDescent="0.2">
      <c r="B1284" s="97"/>
      <c r="G1284" s="43"/>
      <c r="J1284" s="98"/>
      <c r="K1284" s="97"/>
      <c r="N1284" s="3"/>
      <c r="W1284" s="98"/>
      <c r="Z1284" s="143"/>
      <c r="AA1284" s="137"/>
      <c r="AB1284" s="137"/>
      <c r="AC1284" s="137"/>
      <c r="AD1284" s="137"/>
      <c r="AE1284" s="137"/>
      <c r="AF1284" s="137"/>
      <c r="AG1284" s="137"/>
      <c r="AH1284" s="137"/>
      <c r="AI1284" s="137"/>
      <c r="AJ1284" s="137"/>
      <c r="AK1284" s="206"/>
      <c r="AL1284" s="206"/>
      <c r="AM1284" s="143"/>
      <c r="AN1284" s="137"/>
      <c r="AO1284" s="137"/>
      <c r="AP1284" s="137"/>
      <c r="AQ1284" s="137"/>
      <c r="AR1284" s="137"/>
      <c r="AS1284" s="137"/>
      <c r="AT1284" s="137"/>
      <c r="AU1284" s="137"/>
      <c r="AV1284" s="137"/>
      <c r="AW1284" s="144"/>
    </row>
    <row r="1285" spans="2:49" x14ac:dyDescent="0.2">
      <c r="B1285" s="97"/>
      <c r="G1285" s="43"/>
      <c r="J1285" s="98"/>
      <c r="K1285" s="97"/>
      <c r="N1285" s="3"/>
      <c r="W1285" s="98"/>
      <c r="Z1285" s="143"/>
      <c r="AA1285" s="137"/>
      <c r="AB1285" s="137"/>
      <c r="AC1285" s="137"/>
      <c r="AD1285" s="137"/>
      <c r="AE1285" s="137"/>
      <c r="AF1285" s="137"/>
      <c r="AG1285" s="137"/>
      <c r="AH1285" s="137"/>
      <c r="AI1285" s="137"/>
      <c r="AJ1285" s="137"/>
      <c r="AK1285" s="206"/>
      <c r="AL1285" s="206"/>
      <c r="AM1285" s="143"/>
      <c r="AN1285" s="137"/>
      <c r="AO1285" s="137"/>
      <c r="AP1285" s="137"/>
      <c r="AQ1285" s="137"/>
      <c r="AR1285" s="137"/>
      <c r="AS1285" s="137"/>
      <c r="AT1285" s="137"/>
      <c r="AU1285" s="137"/>
      <c r="AV1285" s="137"/>
      <c r="AW1285" s="144"/>
    </row>
    <row r="1286" spans="2:49" x14ac:dyDescent="0.2">
      <c r="B1286" s="97"/>
      <c r="G1286" s="43"/>
      <c r="J1286" s="98"/>
      <c r="K1286" s="97"/>
      <c r="N1286" s="3"/>
      <c r="W1286" s="98"/>
      <c r="Z1286" s="143"/>
      <c r="AA1286" s="137"/>
      <c r="AB1286" s="137"/>
      <c r="AC1286" s="137"/>
      <c r="AD1286" s="137"/>
      <c r="AE1286" s="137"/>
      <c r="AF1286" s="137"/>
      <c r="AG1286" s="137"/>
      <c r="AH1286" s="137"/>
      <c r="AI1286" s="137"/>
      <c r="AJ1286" s="137"/>
      <c r="AK1286" s="206"/>
      <c r="AL1286" s="206"/>
      <c r="AM1286" s="143"/>
      <c r="AN1286" s="137"/>
      <c r="AO1286" s="137"/>
      <c r="AP1286" s="137"/>
      <c r="AQ1286" s="137"/>
      <c r="AR1286" s="137"/>
      <c r="AS1286" s="137"/>
      <c r="AT1286" s="137"/>
      <c r="AU1286" s="137"/>
      <c r="AV1286" s="137"/>
      <c r="AW1286" s="144"/>
    </row>
    <row r="1287" spans="2:49" x14ac:dyDescent="0.2">
      <c r="B1287" s="97"/>
      <c r="G1287" s="43"/>
      <c r="J1287" s="98"/>
      <c r="K1287" s="97"/>
      <c r="N1287" s="3"/>
      <c r="W1287" s="98"/>
      <c r="Z1287" s="143"/>
      <c r="AA1287" s="137"/>
      <c r="AB1287" s="137"/>
      <c r="AC1287" s="137"/>
      <c r="AD1287" s="137"/>
      <c r="AE1287" s="137"/>
      <c r="AF1287" s="137"/>
      <c r="AG1287" s="137"/>
      <c r="AH1287" s="137"/>
      <c r="AI1287" s="137"/>
      <c r="AJ1287" s="137"/>
      <c r="AK1287" s="206"/>
      <c r="AL1287" s="206"/>
      <c r="AM1287" s="143"/>
      <c r="AN1287" s="137"/>
      <c r="AO1287" s="137"/>
      <c r="AP1287" s="137"/>
      <c r="AQ1287" s="137"/>
      <c r="AR1287" s="137"/>
      <c r="AS1287" s="137"/>
      <c r="AT1287" s="137"/>
      <c r="AU1287" s="137"/>
      <c r="AV1287" s="137"/>
      <c r="AW1287" s="144"/>
    </row>
    <row r="1288" spans="2:49" x14ac:dyDescent="0.2">
      <c r="B1288" s="97"/>
      <c r="G1288" s="43"/>
      <c r="J1288" s="98"/>
      <c r="K1288" s="97"/>
      <c r="N1288" s="3"/>
      <c r="W1288" s="98"/>
      <c r="Z1288" s="143"/>
      <c r="AA1288" s="137"/>
      <c r="AB1288" s="137"/>
      <c r="AC1288" s="137"/>
      <c r="AD1288" s="137"/>
      <c r="AE1288" s="137"/>
      <c r="AF1288" s="137"/>
      <c r="AG1288" s="137"/>
      <c r="AH1288" s="137"/>
      <c r="AI1288" s="137"/>
      <c r="AJ1288" s="137"/>
      <c r="AK1288" s="206"/>
      <c r="AL1288" s="206"/>
      <c r="AM1288" s="143"/>
      <c r="AN1288" s="137"/>
      <c r="AO1288" s="137"/>
      <c r="AP1288" s="137"/>
      <c r="AQ1288" s="137"/>
      <c r="AR1288" s="137"/>
      <c r="AS1288" s="137"/>
      <c r="AT1288" s="137"/>
      <c r="AU1288" s="137"/>
      <c r="AV1288" s="137"/>
      <c r="AW1288" s="144"/>
    </row>
    <row r="1289" spans="2:49" x14ac:dyDescent="0.2">
      <c r="B1289" s="97"/>
      <c r="G1289" s="43"/>
      <c r="J1289" s="98"/>
      <c r="K1289" s="97"/>
      <c r="N1289" s="3"/>
      <c r="W1289" s="98"/>
      <c r="Z1289" s="143"/>
      <c r="AA1289" s="137"/>
      <c r="AB1289" s="137"/>
      <c r="AC1289" s="137"/>
      <c r="AD1289" s="137"/>
      <c r="AE1289" s="137"/>
      <c r="AF1289" s="137"/>
      <c r="AG1289" s="137"/>
      <c r="AH1289" s="137"/>
      <c r="AI1289" s="137"/>
      <c r="AJ1289" s="137"/>
      <c r="AK1289" s="206"/>
      <c r="AL1289" s="206"/>
      <c r="AM1289" s="143"/>
      <c r="AN1289" s="137"/>
      <c r="AO1289" s="137"/>
      <c r="AP1289" s="137"/>
      <c r="AQ1289" s="137"/>
      <c r="AR1289" s="137"/>
      <c r="AS1289" s="137"/>
      <c r="AT1289" s="137"/>
      <c r="AU1289" s="137"/>
      <c r="AV1289" s="137"/>
      <c r="AW1289" s="144"/>
    </row>
    <row r="1290" spans="2:49" x14ac:dyDescent="0.2">
      <c r="B1290" s="97"/>
      <c r="G1290" s="43"/>
      <c r="J1290" s="98"/>
      <c r="K1290" s="97"/>
      <c r="N1290" s="3"/>
      <c r="W1290" s="98"/>
      <c r="Z1290" s="143"/>
      <c r="AA1290" s="137"/>
      <c r="AB1290" s="137"/>
      <c r="AC1290" s="137"/>
      <c r="AD1290" s="137"/>
      <c r="AE1290" s="137"/>
      <c r="AF1290" s="137"/>
      <c r="AG1290" s="137"/>
      <c r="AH1290" s="137"/>
      <c r="AI1290" s="137"/>
      <c r="AJ1290" s="137"/>
      <c r="AK1290" s="206"/>
      <c r="AL1290" s="206"/>
      <c r="AM1290" s="143"/>
      <c r="AN1290" s="137"/>
      <c r="AO1290" s="137"/>
      <c r="AP1290" s="137"/>
      <c r="AQ1290" s="137"/>
      <c r="AR1290" s="137"/>
      <c r="AS1290" s="137"/>
      <c r="AT1290" s="137"/>
      <c r="AU1290" s="137"/>
      <c r="AV1290" s="137"/>
      <c r="AW1290" s="144"/>
    </row>
    <row r="1291" spans="2:49" x14ac:dyDescent="0.2">
      <c r="B1291" s="97"/>
      <c r="G1291" s="43"/>
      <c r="J1291" s="98"/>
      <c r="K1291" s="97"/>
      <c r="N1291" s="3"/>
      <c r="W1291" s="98"/>
      <c r="Z1291" s="143"/>
      <c r="AA1291" s="137"/>
      <c r="AB1291" s="137"/>
      <c r="AC1291" s="137"/>
      <c r="AD1291" s="137"/>
      <c r="AE1291" s="137"/>
      <c r="AF1291" s="137"/>
      <c r="AG1291" s="137"/>
      <c r="AH1291" s="137"/>
      <c r="AI1291" s="137"/>
      <c r="AJ1291" s="137"/>
      <c r="AK1291" s="206"/>
      <c r="AL1291" s="206"/>
      <c r="AM1291" s="143"/>
      <c r="AN1291" s="137"/>
      <c r="AO1291" s="137"/>
      <c r="AP1291" s="137"/>
      <c r="AQ1291" s="137"/>
      <c r="AR1291" s="137"/>
      <c r="AS1291" s="137"/>
      <c r="AT1291" s="137"/>
      <c r="AU1291" s="137"/>
      <c r="AV1291" s="137"/>
      <c r="AW1291" s="144"/>
    </row>
    <row r="1292" spans="2:49" x14ac:dyDescent="0.2">
      <c r="B1292" s="97"/>
      <c r="G1292" s="43"/>
      <c r="J1292" s="98"/>
      <c r="K1292" s="97"/>
      <c r="N1292" s="3"/>
      <c r="W1292" s="98"/>
      <c r="Z1292" s="143"/>
      <c r="AA1292" s="137"/>
      <c r="AB1292" s="137"/>
      <c r="AC1292" s="137"/>
      <c r="AD1292" s="137"/>
      <c r="AE1292" s="137"/>
      <c r="AF1292" s="137"/>
      <c r="AG1292" s="137"/>
      <c r="AH1292" s="137"/>
      <c r="AI1292" s="137"/>
      <c r="AJ1292" s="137"/>
      <c r="AK1292" s="206"/>
      <c r="AL1292" s="206"/>
      <c r="AM1292" s="143"/>
      <c r="AN1292" s="137"/>
      <c r="AO1292" s="137"/>
      <c r="AP1292" s="137"/>
      <c r="AQ1292" s="137"/>
      <c r="AR1292" s="137"/>
      <c r="AS1292" s="137"/>
      <c r="AT1292" s="137"/>
      <c r="AU1292" s="137"/>
      <c r="AV1292" s="137"/>
      <c r="AW1292" s="144"/>
    </row>
    <row r="1293" spans="2:49" x14ac:dyDescent="0.2">
      <c r="B1293" s="97"/>
      <c r="G1293" s="43"/>
      <c r="J1293" s="98"/>
      <c r="K1293" s="97"/>
      <c r="N1293" s="3"/>
      <c r="W1293" s="98"/>
      <c r="Z1293" s="143"/>
      <c r="AA1293" s="137"/>
      <c r="AB1293" s="137"/>
      <c r="AC1293" s="137"/>
      <c r="AD1293" s="137"/>
      <c r="AE1293" s="137"/>
      <c r="AF1293" s="137"/>
      <c r="AG1293" s="137"/>
      <c r="AH1293" s="137"/>
      <c r="AI1293" s="137"/>
      <c r="AJ1293" s="137"/>
      <c r="AK1293" s="206"/>
      <c r="AL1293" s="206"/>
      <c r="AM1293" s="143"/>
      <c r="AN1293" s="137"/>
      <c r="AO1293" s="137"/>
      <c r="AP1293" s="137"/>
      <c r="AQ1293" s="137"/>
      <c r="AR1293" s="137"/>
      <c r="AS1293" s="137"/>
      <c r="AT1293" s="137"/>
      <c r="AU1293" s="137"/>
      <c r="AV1293" s="137"/>
      <c r="AW1293" s="144"/>
    </row>
    <row r="1294" spans="2:49" x14ac:dyDescent="0.2">
      <c r="B1294" s="97"/>
      <c r="G1294" s="43"/>
      <c r="J1294" s="98"/>
      <c r="K1294" s="97"/>
      <c r="N1294" s="3"/>
      <c r="W1294" s="98"/>
      <c r="Z1294" s="143"/>
      <c r="AA1294" s="137"/>
      <c r="AB1294" s="137"/>
      <c r="AC1294" s="137"/>
      <c r="AD1294" s="137"/>
      <c r="AE1294" s="137"/>
      <c r="AF1294" s="137"/>
      <c r="AG1294" s="137"/>
      <c r="AH1294" s="137"/>
      <c r="AI1294" s="137"/>
      <c r="AJ1294" s="137"/>
      <c r="AK1294" s="206"/>
      <c r="AL1294" s="206"/>
      <c r="AM1294" s="143"/>
      <c r="AN1294" s="137"/>
      <c r="AO1294" s="137"/>
      <c r="AP1294" s="137"/>
      <c r="AQ1294" s="137"/>
      <c r="AR1294" s="137"/>
      <c r="AS1294" s="137"/>
      <c r="AT1294" s="137"/>
      <c r="AU1294" s="137"/>
      <c r="AV1294" s="137"/>
      <c r="AW1294" s="144"/>
    </row>
    <row r="1295" spans="2:49" x14ac:dyDescent="0.2">
      <c r="B1295" s="97"/>
      <c r="G1295" s="43"/>
      <c r="J1295" s="98"/>
      <c r="K1295" s="97"/>
      <c r="N1295" s="3"/>
      <c r="W1295" s="98"/>
      <c r="Z1295" s="143"/>
      <c r="AA1295" s="137"/>
      <c r="AB1295" s="137"/>
      <c r="AC1295" s="137"/>
      <c r="AD1295" s="137"/>
      <c r="AE1295" s="137"/>
      <c r="AF1295" s="137"/>
      <c r="AG1295" s="137"/>
      <c r="AH1295" s="137"/>
      <c r="AI1295" s="137"/>
      <c r="AJ1295" s="137"/>
      <c r="AK1295" s="206"/>
      <c r="AL1295" s="206"/>
      <c r="AM1295" s="143"/>
      <c r="AN1295" s="137"/>
      <c r="AO1295" s="137"/>
      <c r="AP1295" s="137"/>
      <c r="AQ1295" s="137"/>
      <c r="AR1295" s="137"/>
      <c r="AS1295" s="137"/>
      <c r="AT1295" s="137"/>
      <c r="AU1295" s="137"/>
      <c r="AV1295" s="137"/>
      <c r="AW1295" s="144"/>
    </row>
    <row r="1296" spans="2:49" x14ac:dyDescent="0.2">
      <c r="B1296" s="97"/>
      <c r="G1296" s="43"/>
      <c r="J1296" s="98"/>
      <c r="K1296" s="97"/>
      <c r="N1296" s="3"/>
      <c r="W1296" s="98"/>
      <c r="Z1296" s="143"/>
      <c r="AA1296" s="137"/>
      <c r="AB1296" s="137"/>
      <c r="AC1296" s="137"/>
      <c r="AD1296" s="137"/>
      <c r="AE1296" s="137"/>
      <c r="AF1296" s="137"/>
      <c r="AG1296" s="137"/>
      <c r="AH1296" s="137"/>
      <c r="AI1296" s="137"/>
      <c r="AJ1296" s="137"/>
      <c r="AK1296" s="206"/>
      <c r="AL1296" s="206"/>
      <c r="AM1296" s="143"/>
      <c r="AN1296" s="137"/>
      <c r="AO1296" s="137"/>
      <c r="AP1296" s="137"/>
      <c r="AQ1296" s="137"/>
      <c r="AR1296" s="137"/>
      <c r="AS1296" s="137"/>
      <c r="AT1296" s="137"/>
      <c r="AU1296" s="137"/>
      <c r="AV1296" s="137"/>
      <c r="AW1296" s="144"/>
    </row>
    <row r="1297" spans="2:49" x14ac:dyDescent="0.2">
      <c r="B1297" s="97"/>
      <c r="G1297" s="43"/>
      <c r="J1297" s="98"/>
      <c r="K1297" s="97"/>
      <c r="N1297" s="3"/>
      <c r="W1297" s="98"/>
      <c r="Z1297" s="143"/>
      <c r="AA1297" s="137"/>
      <c r="AB1297" s="137"/>
      <c r="AC1297" s="137"/>
      <c r="AD1297" s="137"/>
      <c r="AE1297" s="137"/>
      <c r="AF1297" s="137"/>
      <c r="AG1297" s="137"/>
      <c r="AH1297" s="137"/>
      <c r="AI1297" s="137"/>
      <c r="AJ1297" s="137"/>
      <c r="AK1297" s="206"/>
      <c r="AL1297" s="206"/>
      <c r="AM1297" s="143"/>
      <c r="AN1297" s="137"/>
      <c r="AO1297" s="137"/>
      <c r="AP1297" s="137"/>
      <c r="AQ1297" s="137"/>
      <c r="AR1297" s="137"/>
      <c r="AS1297" s="137"/>
      <c r="AT1297" s="137"/>
      <c r="AU1297" s="137"/>
      <c r="AV1297" s="137"/>
      <c r="AW1297" s="144"/>
    </row>
    <row r="1298" spans="2:49" x14ac:dyDescent="0.2">
      <c r="B1298" s="97"/>
      <c r="G1298" s="43"/>
      <c r="J1298" s="98"/>
      <c r="K1298" s="97"/>
      <c r="N1298" s="3"/>
      <c r="W1298" s="98"/>
      <c r="Z1298" s="143"/>
      <c r="AA1298" s="137"/>
      <c r="AB1298" s="137"/>
      <c r="AC1298" s="137"/>
      <c r="AD1298" s="137"/>
      <c r="AE1298" s="137"/>
      <c r="AF1298" s="137"/>
      <c r="AG1298" s="137"/>
      <c r="AH1298" s="137"/>
      <c r="AI1298" s="137"/>
      <c r="AJ1298" s="137"/>
      <c r="AK1298" s="206"/>
      <c r="AL1298" s="206"/>
      <c r="AM1298" s="143"/>
      <c r="AN1298" s="137"/>
      <c r="AO1298" s="137"/>
      <c r="AP1298" s="137"/>
      <c r="AQ1298" s="137"/>
      <c r="AR1298" s="137"/>
      <c r="AS1298" s="137"/>
      <c r="AT1298" s="137"/>
      <c r="AU1298" s="137"/>
      <c r="AV1298" s="137"/>
      <c r="AW1298" s="144"/>
    </row>
    <row r="1299" spans="2:49" x14ac:dyDescent="0.2">
      <c r="B1299" s="97"/>
      <c r="G1299" s="43"/>
      <c r="J1299" s="98"/>
      <c r="K1299" s="97"/>
      <c r="N1299" s="3"/>
      <c r="W1299" s="98"/>
      <c r="Z1299" s="143"/>
      <c r="AA1299" s="137"/>
      <c r="AB1299" s="137"/>
      <c r="AC1299" s="137"/>
      <c r="AD1299" s="137"/>
      <c r="AE1299" s="137"/>
      <c r="AF1299" s="137"/>
      <c r="AG1299" s="137"/>
      <c r="AH1299" s="137"/>
      <c r="AI1299" s="137"/>
      <c r="AJ1299" s="137"/>
      <c r="AK1299" s="206"/>
      <c r="AL1299" s="206"/>
      <c r="AM1299" s="143"/>
      <c r="AN1299" s="137"/>
      <c r="AO1299" s="137"/>
      <c r="AP1299" s="137"/>
      <c r="AQ1299" s="137"/>
      <c r="AR1299" s="137"/>
      <c r="AS1299" s="137"/>
      <c r="AT1299" s="137"/>
      <c r="AU1299" s="137"/>
      <c r="AV1299" s="137"/>
      <c r="AW1299" s="144"/>
    </row>
    <row r="1300" spans="2:49" x14ac:dyDescent="0.2">
      <c r="B1300" s="97"/>
      <c r="G1300" s="43"/>
      <c r="J1300" s="98"/>
      <c r="K1300" s="97"/>
      <c r="N1300" s="3"/>
      <c r="W1300" s="98"/>
      <c r="Z1300" s="143"/>
      <c r="AA1300" s="137"/>
      <c r="AB1300" s="137"/>
      <c r="AC1300" s="137"/>
      <c r="AD1300" s="137"/>
      <c r="AE1300" s="137"/>
      <c r="AF1300" s="137"/>
      <c r="AG1300" s="137"/>
      <c r="AH1300" s="137"/>
      <c r="AI1300" s="137"/>
      <c r="AJ1300" s="137"/>
      <c r="AK1300" s="206"/>
      <c r="AL1300" s="206"/>
      <c r="AM1300" s="143"/>
      <c r="AN1300" s="137"/>
      <c r="AO1300" s="137"/>
      <c r="AP1300" s="137"/>
      <c r="AQ1300" s="137"/>
      <c r="AR1300" s="137"/>
      <c r="AS1300" s="137"/>
      <c r="AT1300" s="137"/>
      <c r="AU1300" s="137"/>
      <c r="AV1300" s="137"/>
      <c r="AW1300" s="144"/>
    </row>
    <row r="1301" spans="2:49" x14ac:dyDescent="0.2">
      <c r="B1301" s="97"/>
      <c r="G1301" s="43"/>
      <c r="J1301" s="98"/>
      <c r="K1301" s="97"/>
      <c r="N1301" s="3"/>
      <c r="W1301" s="98"/>
      <c r="Z1301" s="143"/>
      <c r="AA1301" s="137"/>
      <c r="AB1301" s="137"/>
      <c r="AC1301" s="137"/>
      <c r="AD1301" s="137"/>
      <c r="AE1301" s="137"/>
      <c r="AF1301" s="137"/>
      <c r="AG1301" s="137"/>
      <c r="AH1301" s="137"/>
      <c r="AI1301" s="137"/>
      <c r="AJ1301" s="137"/>
      <c r="AK1301" s="206"/>
      <c r="AL1301" s="206"/>
      <c r="AM1301" s="143"/>
      <c r="AN1301" s="137"/>
      <c r="AO1301" s="137"/>
      <c r="AP1301" s="137"/>
      <c r="AQ1301" s="137"/>
      <c r="AR1301" s="137"/>
      <c r="AS1301" s="137"/>
      <c r="AT1301" s="137"/>
      <c r="AU1301" s="137"/>
      <c r="AV1301" s="137"/>
      <c r="AW1301" s="144"/>
    </row>
    <row r="1302" spans="2:49" x14ac:dyDescent="0.2">
      <c r="B1302" s="97"/>
      <c r="G1302" s="43"/>
      <c r="J1302" s="98"/>
      <c r="K1302" s="97"/>
      <c r="N1302" s="3"/>
      <c r="W1302" s="98"/>
      <c r="Z1302" s="143"/>
      <c r="AA1302" s="137"/>
      <c r="AB1302" s="137"/>
      <c r="AC1302" s="137"/>
      <c r="AD1302" s="137"/>
      <c r="AE1302" s="137"/>
      <c r="AF1302" s="137"/>
      <c r="AG1302" s="137"/>
      <c r="AH1302" s="137"/>
      <c r="AI1302" s="137"/>
      <c r="AJ1302" s="137"/>
      <c r="AK1302" s="206"/>
      <c r="AL1302" s="206"/>
      <c r="AM1302" s="143"/>
      <c r="AN1302" s="137"/>
      <c r="AO1302" s="137"/>
      <c r="AP1302" s="137"/>
      <c r="AQ1302" s="137"/>
      <c r="AR1302" s="137"/>
      <c r="AS1302" s="137"/>
      <c r="AT1302" s="137"/>
      <c r="AU1302" s="137"/>
      <c r="AV1302" s="137"/>
      <c r="AW1302" s="144"/>
    </row>
    <row r="1303" spans="2:49" x14ac:dyDescent="0.2">
      <c r="B1303" s="97"/>
      <c r="G1303" s="43"/>
      <c r="J1303" s="98"/>
      <c r="K1303" s="97"/>
      <c r="N1303" s="3"/>
      <c r="W1303" s="98"/>
      <c r="Z1303" s="143"/>
      <c r="AA1303" s="137"/>
      <c r="AB1303" s="137"/>
      <c r="AC1303" s="137"/>
      <c r="AD1303" s="137"/>
      <c r="AE1303" s="137"/>
      <c r="AF1303" s="137"/>
      <c r="AG1303" s="137"/>
      <c r="AH1303" s="137"/>
      <c r="AI1303" s="137"/>
      <c r="AJ1303" s="137"/>
      <c r="AK1303" s="206"/>
      <c r="AL1303" s="206"/>
      <c r="AM1303" s="143"/>
      <c r="AN1303" s="137"/>
      <c r="AO1303" s="137"/>
      <c r="AP1303" s="137"/>
      <c r="AQ1303" s="137"/>
      <c r="AR1303" s="137"/>
      <c r="AS1303" s="137"/>
      <c r="AT1303" s="137"/>
      <c r="AU1303" s="137"/>
      <c r="AV1303" s="137"/>
      <c r="AW1303" s="144"/>
    </row>
    <row r="1304" spans="2:49" x14ac:dyDescent="0.2">
      <c r="B1304" s="97"/>
      <c r="G1304" s="43"/>
      <c r="J1304" s="98"/>
      <c r="K1304" s="97"/>
      <c r="N1304" s="3"/>
      <c r="W1304" s="98"/>
      <c r="Z1304" s="143"/>
      <c r="AA1304" s="137"/>
      <c r="AB1304" s="137"/>
      <c r="AC1304" s="137"/>
      <c r="AD1304" s="137"/>
      <c r="AE1304" s="137"/>
      <c r="AF1304" s="137"/>
      <c r="AG1304" s="137"/>
      <c r="AH1304" s="137"/>
      <c r="AI1304" s="137"/>
      <c r="AJ1304" s="137"/>
      <c r="AK1304" s="206"/>
      <c r="AL1304" s="206"/>
      <c r="AM1304" s="143"/>
      <c r="AN1304" s="137"/>
      <c r="AO1304" s="137"/>
      <c r="AP1304" s="137"/>
      <c r="AQ1304" s="137"/>
      <c r="AR1304" s="137"/>
      <c r="AS1304" s="137"/>
      <c r="AT1304" s="137"/>
      <c r="AU1304" s="137"/>
      <c r="AV1304" s="137"/>
      <c r="AW1304" s="144"/>
    </row>
    <row r="1305" spans="2:49" x14ac:dyDescent="0.2">
      <c r="B1305" s="97"/>
      <c r="G1305" s="43"/>
      <c r="J1305" s="98"/>
      <c r="K1305" s="97"/>
      <c r="N1305" s="3"/>
      <c r="W1305" s="98"/>
      <c r="Z1305" s="143"/>
      <c r="AA1305" s="137"/>
      <c r="AB1305" s="137"/>
      <c r="AC1305" s="137"/>
      <c r="AD1305" s="137"/>
      <c r="AE1305" s="137"/>
      <c r="AF1305" s="137"/>
      <c r="AG1305" s="137"/>
      <c r="AH1305" s="137"/>
      <c r="AI1305" s="137"/>
      <c r="AJ1305" s="137"/>
      <c r="AK1305" s="206"/>
      <c r="AL1305" s="206"/>
      <c r="AM1305" s="143"/>
      <c r="AN1305" s="137"/>
      <c r="AO1305" s="137"/>
      <c r="AP1305" s="137"/>
      <c r="AQ1305" s="137"/>
      <c r="AR1305" s="137"/>
      <c r="AS1305" s="137"/>
      <c r="AT1305" s="137"/>
      <c r="AU1305" s="137"/>
      <c r="AV1305" s="137"/>
      <c r="AW1305" s="144"/>
    </row>
    <row r="1306" spans="2:49" x14ac:dyDescent="0.2">
      <c r="B1306" s="97"/>
      <c r="G1306" s="43"/>
      <c r="J1306" s="98"/>
      <c r="K1306" s="97"/>
      <c r="N1306" s="3"/>
      <c r="W1306" s="98"/>
      <c r="Z1306" s="143"/>
      <c r="AA1306" s="137"/>
      <c r="AB1306" s="137"/>
      <c r="AC1306" s="137"/>
      <c r="AD1306" s="137"/>
      <c r="AE1306" s="137"/>
      <c r="AF1306" s="137"/>
      <c r="AG1306" s="137"/>
      <c r="AH1306" s="137"/>
      <c r="AI1306" s="137"/>
      <c r="AJ1306" s="137"/>
      <c r="AK1306" s="206"/>
      <c r="AL1306" s="206"/>
      <c r="AM1306" s="143"/>
      <c r="AN1306" s="137"/>
      <c r="AO1306" s="137"/>
      <c r="AP1306" s="137"/>
      <c r="AQ1306" s="137"/>
      <c r="AR1306" s="137"/>
      <c r="AS1306" s="137"/>
      <c r="AT1306" s="137"/>
      <c r="AU1306" s="137"/>
      <c r="AV1306" s="137"/>
      <c r="AW1306" s="144"/>
    </row>
    <row r="1307" spans="2:49" x14ac:dyDescent="0.2">
      <c r="B1307" s="97"/>
      <c r="G1307" s="43"/>
      <c r="J1307" s="98"/>
      <c r="K1307" s="97"/>
      <c r="N1307" s="3"/>
      <c r="W1307" s="98"/>
      <c r="Z1307" s="143"/>
      <c r="AA1307" s="137"/>
      <c r="AB1307" s="137"/>
      <c r="AC1307" s="137"/>
      <c r="AD1307" s="137"/>
      <c r="AE1307" s="137"/>
      <c r="AF1307" s="137"/>
      <c r="AG1307" s="137"/>
      <c r="AH1307" s="137"/>
      <c r="AI1307" s="137"/>
      <c r="AJ1307" s="137"/>
      <c r="AK1307" s="206"/>
      <c r="AL1307" s="206"/>
      <c r="AM1307" s="143"/>
      <c r="AN1307" s="137"/>
      <c r="AO1307" s="137"/>
      <c r="AP1307" s="137"/>
      <c r="AQ1307" s="137"/>
      <c r="AR1307" s="137"/>
      <c r="AS1307" s="137"/>
      <c r="AT1307" s="137"/>
      <c r="AU1307" s="137"/>
      <c r="AV1307" s="137"/>
      <c r="AW1307" s="144"/>
    </row>
    <row r="1308" spans="2:49" x14ac:dyDescent="0.2">
      <c r="B1308" s="97"/>
      <c r="G1308" s="43"/>
      <c r="J1308" s="98"/>
      <c r="K1308" s="97"/>
      <c r="N1308" s="3"/>
      <c r="W1308" s="98"/>
      <c r="Z1308" s="143"/>
      <c r="AA1308" s="137"/>
      <c r="AB1308" s="137"/>
      <c r="AC1308" s="137"/>
      <c r="AD1308" s="137"/>
      <c r="AE1308" s="137"/>
      <c r="AF1308" s="137"/>
      <c r="AG1308" s="137"/>
      <c r="AH1308" s="137"/>
      <c r="AI1308" s="137"/>
      <c r="AJ1308" s="137"/>
      <c r="AK1308" s="206"/>
      <c r="AL1308" s="206"/>
      <c r="AM1308" s="143"/>
      <c r="AN1308" s="137"/>
      <c r="AO1308" s="137"/>
      <c r="AP1308" s="137"/>
      <c r="AQ1308" s="137"/>
      <c r="AR1308" s="137"/>
      <c r="AS1308" s="137"/>
      <c r="AT1308" s="137"/>
      <c r="AU1308" s="137"/>
      <c r="AV1308" s="137"/>
      <c r="AW1308" s="144"/>
    </row>
    <row r="1309" spans="2:49" x14ac:dyDescent="0.2">
      <c r="B1309" s="97"/>
      <c r="G1309" s="43"/>
      <c r="J1309" s="98"/>
      <c r="K1309" s="97"/>
      <c r="N1309" s="3"/>
      <c r="W1309" s="98"/>
      <c r="Z1309" s="143"/>
      <c r="AA1309" s="137"/>
      <c r="AB1309" s="137"/>
      <c r="AC1309" s="137"/>
      <c r="AD1309" s="137"/>
      <c r="AE1309" s="137"/>
      <c r="AF1309" s="137"/>
      <c r="AG1309" s="137"/>
      <c r="AH1309" s="137"/>
      <c r="AI1309" s="137"/>
      <c r="AJ1309" s="137"/>
      <c r="AK1309" s="206"/>
      <c r="AL1309" s="206"/>
      <c r="AM1309" s="143"/>
      <c r="AN1309" s="137"/>
      <c r="AO1309" s="137"/>
      <c r="AP1309" s="137"/>
      <c r="AQ1309" s="137"/>
      <c r="AR1309" s="137"/>
      <c r="AS1309" s="137"/>
      <c r="AT1309" s="137"/>
      <c r="AU1309" s="137"/>
      <c r="AV1309" s="137"/>
      <c r="AW1309" s="144"/>
    </row>
    <row r="1310" spans="2:49" x14ac:dyDescent="0.2">
      <c r="B1310" s="97"/>
      <c r="G1310" s="43"/>
      <c r="J1310" s="98"/>
      <c r="K1310" s="97"/>
      <c r="N1310" s="3"/>
      <c r="W1310" s="98"/>
      <c r="Z1310" s="143"/>
      <c r="AA1310" s="137"/>
      <c r="AB1310" s="137"/>
      <c r="AC1310" s="137"/>
      <c r="AD1310" s="137"/>
      <c r="AE1310" s="137"/>
      <c r="AF1310" s="137"/>
      <c r="AG1310" s="137"/>
      <c r="AH1310" s="137"/>
      <c r="AI1310" s="137"/>
      <c r="AJ1310" s="137"/>
      <c r="AK1310" s="206"/>
      <c r="AL1310" s="206"/>
      <c r="AM1310" s="143"/>
      <c r="AN1310" s="137"/>
      <c r="AO1310" s="137"/>
      <c r="AP1310" s="137"/>
      <c r="AQ1310" s="137"/>
      <c r="AR1310" s="137"/>
      <c r="AS1310" s="137"/>
      <c r="AT1310" s="137"/>
      <c r="AU1310" s="137"/>
      <c r="AV1310" s="137"/>
      <c r="AW1310" s="144"/>
    </row>
    <row r="1311" spans="2:49" x14ac:dyDescent="0.2">
      <c r="B1311" s="97"/>
      <c r="G1311" s="43"/>
      <c r="J1311" s="98"/>
      <c r="K1311" s="97"/>
      <c r="N1311" s="3"/>
      <c r="W1311" s="98"/>
      <c r="Z1311" s="143"/>
      <c r="AA1311" s="137"/>
      <c r="AB1311" s="137"/>
      <c r="AC1311" s="137"/>
      <c r="AD1311" s="137"/>
      <c r="AE1311" s="137"/>
      <c r="AF1311" s="137"/>
      <c r="AG1311" s="137"/>
      <c r="AH1311" s="137"/>
      <c r="AI1311" s="137"/>
      <c r="AJ1311" s="137"/>
      <c r="AK1311" s="206"/>
      <c r="AL1311" s="206"/>
      <c r="AM1311" s="143"/>
      <c r="AN1311" s="137"/>
      <c r="AO1311" s="137"/>
      <c r="AP1311" s="137"/>
      <c r="AQ1311" s="137"/>
      <c r="AR1311" s="137"/>
      <c r="AS1311" s="137"/>
      <c r="AT1311" s="137"/>
      <c r="AU1311" s="137"/>
      <c r="AV1311" s="137"/>
      <c r="AW1311" s="144"/>
    </row>
    <row r="1312" spans="2:49" x14ac:dyDescent="0.2">
      <c r="B1312" s="97"/>
      <c r="G1312" s="43"/>
      <c r="J1312" s="98"/>
      <c r="K1312" s="97"/>
      <c r="N1312" s="3"/>
      <c r="W1312" s="98"/>
      <c r="Z1312" s="143"/>
      <c r="AA1312" s="137"/>
      <c r="AB1312" s="137"/>
      <c r="AC1312" s="137"/>
      <c r="AD1312" s="137"/>
      <c r="AE1312" s="137"/>
      <c r="AF1312" s="137"/>
      <c r="AG1312" s="137"/>
      <c r="AH1312" s="137"/>
      <c r="AI1312" s="137"/>
      <c r="AJ1312" s="137"/>
      <c r="AK1312" s="206"/>
      <c r="AL1312" s="206"/>
      <c r="AM1312" s="143"/>
      <c r="AN1312" s="137"/>
      <c r="AO1312" s="137"/>
      <c r="AP1312" s="137"/>
      <c r="AQ1312" s="137"/>
      <c r="AR1312" s="137"/>
      <c r="AS1312" s="137"/>
      <c r="AT1312" s="137"/>
      <c r="AU1312" s="137"/>
      <c r="AV1312" s="137"/>
      <c r="AW1312" s="144"/>
    </row>
    <row r="1313" spans="2:49" x14ac:dyDescent="0.2">
      <c r="B1313" s="97"/>
      <c r="G1313" s="43"/>
      <c r="J1313" s="98"/>
      <c r="K1313" s="97"/>
      <c r="N1313" s="3"/>
      <c r="W1313" s="98"/>
      <c r="Z1313" s="143"/>
      <c r="AA1313" s="137"/>
      <c r="AB1313" s="137"/>
      <c r="AC1313" s="137"/>
      <c r="AD1313" s="137"/>
      <c r="AE1313" s="137"/>
      <c r="AF1313" s="137"/>
      <c r="AG1313" s="137"/>
      <c r="AH1313" s="137"/>
      <c r="AI1313" s="137"/>
      <c r="AJ1313" s="137"/>
      <c r="AK1313" s="206"/>
      <c r="AL1313" s="206"/>
      <c r="AM1313" s="143"/>
      <c r="AN1313" s="137"/>
      <c r="AO1313" s="137"/>
      <c r="AP1313" s="137"/>
      <c r="AQ1313" s="137"/>
      <c r="AR1313" s="137"/>
      <c r="AS1313" s="137"/>
      <c r="AT1313" s="137"/>
      <c r="AU1313" s="137"/>
      <c r="AV1313" s="137"/>
      <c r="AW1313" s="144"/>
    </row>
    <row r="1314" spans="2:49" x14ac:dyDescent="0.2">
      <c r="B1314" s="97"/>
      <c r="G1314" s="43"/>
      <c r="J1314" s="98"/>
      <c r="K1314" s="97"/>
      <c r="N1314" s="3"/>
      <c r="W1314" s="98"/>
      <c r="Z1314" s="143"/>
      <c r="AA1314" s="137"/>
      <c r="AB1314" s="137"/>
      <c r="AC1314" s="137"/>
      <c r="AD1314" s="137"/>
      <c r="AE1314" s="137"/>
      <c r="AF1314" s="137"/>
      <c r="AG1314" s="137"/>
      <c r="AH1314" s="137"/>
      <c r="AI1314" s="137"/>
      <c r="AJ1314" s="137"/>
      <c r="AK1314" s="206"/>
      <c r="AL1314" s="206"/>
      <c r="AM1314" s="143"/>
      <c r="AN1314" s="137"/>
      <c r="AO1314" s="137"/>
      <c r="AP1314" s="137"/>
      <c r="AQ1314" s="137"/>
      <c r="AR1314" s="137"/>
      <c r="AS1314" s="137"/>
      <c r="AT1314" s="137"/>
      <c r="AU1314" s="137"/>
      <c r="AV1314" s="137"/>
      <c r="AW1314" s="144"/>
    </row>
    <row r="1315" spans="2:49" x14ac:dyDescent="0.2">
      <c r="B1315" s="97"/>
      <c r="G1315" s="43"/>
      <c r="J1315" s="98"/>
      <c r="K1315" s="97"/>
      <c r="N1315" s="3"/>
      <c r="W1315" s="98"/>
      <c r="Z1315" s="143"/>
      <c r="AA1315" s="137"/>
      <c r="AB1315" s="137"/>
      <c r="AC1315" s="137"/>
      <c r="AD1315" s="137"/>
      <c r="AE1315" s="137"/>
      <c r="AF1315" s="137"/>
      <c r="AG1315" s="137"/>
      <c r="AH1315" s="137"/>
      <c r="AI1315" s="137"/>
      <c r="AJ1315" s="137"/>
      <c r="AK1315" s="206"/>
      <c r="AL1315" s="206"/>
      <c r="AM1315" s="143"/>
      <c r="AN1315" s="137"/>
      <c r="AO1315" s="137"/>
      <c r="AP1315" s="137"/>
      <c r="AQ1315" s="137"/>
      <c r="AR1315" s="137"/>
      <c r="AS1315" s="137"/>
      <c r="AT1315" s="137"/>
      <c r="AU1315" s="137"/>
      <c r="AV1315" s="137"/>
      <c r="AW1315" s="144"/>
    </row>
    <row r="1316" spans="2:49" x14ac:dyDescent="0.2">
      <c r="B1316" s="97"/>
      <c r="G1316" s="43"/>
      <c r="J1316" s="98"/>
      <c r="K1316" s="97"/>
      <c r="N1316" s="3"/>
      <c r="W1316" s="98"/>
      <c r="Z1316" s="143"/>
      <c r="AA1316" s="137"/>
      <c r="AB1316" s="137"/>
      <c r="AC1316" s="137"/>
      <c r="AD1316" s="137"/>
      <c r="AE1316" s="137"/>
      <c r="AF1316" s="137"/>
      <c r="AG1316" s="137"/>
      <c r="AH1316" s="137"/>
      <c r="AI1316" s="137"/>
      <c r="AJ1316" s="137"/>
      <c r="AK1316" s="206"/>
      <c r="AL1316" s="206"/>
      <c r="AM1316" s="143"/>
      <c r="AN1316" s="137"/>
      <c r="AO1316" s="137"/>
      <c r="AP1316" s="137"/>
      <c r="AQ1316" s="137"/>
      <c r="AR1316" s="137"/>
      <c r="AS1316" s="137"/>
      <c r="AT1316" s="137"/>
      <c r="AU1316" s="137"/>
      <c r="AV1316" s="137"/>
      <c r="AW1316" s="144"/>
    </row>
    <row r="1317" spans="2:49" x14ac:dyDescent="0.2">
      <c r="B1317" s="97"/>
      <c r="G1317" s="43"/>
      <c r="J1317" s="98"/>
      <c r="K1317" s="97"/>
      <c r="N1317" s="3"/>
      <c r="W1317" s="98"/>
      <c r="Z1317" s="143"/>
      <c r="AA1317" s="137"/>
      <c r="AB1317" s="137"/>
      <c r="AC1317" s="137"/>
      <c r="AD1317" s="137"/>
      <c r="AE1317" s="137"/>
      <c r="AF1317" s="137"/>
      <c r="AG1317" s="137"/>
      <c r="AH1317" s="137"/>
      <c r="AI1317" s="137"/>
      <c r="AJ1317" s="137"/>
      <c r="AK1317" s="206"/>
      <c r="AL1317" s="206"/>
      <c r="AM1317" s="143"/>
      <c r="AN1317" s="137"/>
      <c r="AO1317" s="137"/>
      <c r="AP1317" s="137"/>
      <c r="AQ1317" s="137"/>
      <c r="AR1317" s="137"/>
      <c r="AS1317" s="137"/>
      <c r="AT1317" s="137"/>
      <c r="AU1317" s="137"/>
      <c r="AV1317" s="137"/>
      <c r="AW1317" s="144"/>
    </row>
    <row r="1318" spans="2:49" x14ac:dyDescent="0.2">
      <c r="B1318" s="97"/>
      <c r="G1318" s="43"/>
      <c r="J1318" s="98"/>
      <c r="K1318" s="97"/>
      <c r="N1318" s="3"/>
      <c r="W1318" s="98"/>
      <c r="Z1318" s="143"/>
      <c r="AA1318" s="137"/>
      <c r="AB1318" s="137"/>
      <c r="AC1318" s="137"/>
      <c r="AD1318" s="137"/>
      <c r="AE1318" s="137"/>
      <c r="AF1318" s="137"/>
      <c r="AG1318" s="137"/>
      <c r="AH1318" s="137"/>
      <c r="AI1318" s="137"/>
      <c r="AJ1318" s="137"/>
      <c r="AK1318" s="206"/>
      <c r="AL1318" s="206"/>
      <c r="AM1318" s="143"/>
      <c r="AN1318" s="137"/>
      <c r="AO1318" s="137"/>
      <c r="AP1318" s="137"/>
      <c r="AQ1318" s="137"/>
      <c r="AR1318" s="137"/>
      <c r="AS1318" s="137"/>
      <c r="AT1318" s="137"/>
      <c r="AU1318" s="137"/>
      <c r="AV1318" s="137"/>
      <c r="AW1318" s="144"/>
    </row>
    <row r="1319" spans="2:49" x14ac:dyDescent="0.2">
      <c r="B1319" s="97"/>
      <c r="G1319" s="43"/>
      <c r="J1319" s="98"/>
      <c r="K1319" s="97"/>
      <c r="N1319" s="3"/>
      <c r="W1319" s="98"/>
      <c r="Z1319" s="143"/>
      <c r="AA1319" s="137"/>
      <c r="AB1319" s="137"/>
      <c r="AC1319" s="137"/>
      <c r="AD1319" s="137"/>
      <c r="AE1319" s="137"/>
      <c r="AF1319" s="137"/>
      <c r="AG1319" s="137"/>
      <c r="AH1319" s="137"/>
      <c r="AI1319" s="137"/>
      <c r="AJ1319" s="137"/>
      <c r="AK1319" s="206"/>
      <c r="AL1319" s="206"/>
      <c r="AM1319" s="143"/>
      <c r="AN1319" s="137"/>
      <c r="AO1319" s="137"/>
      <c r="AP1319" s="137"/>
      <c r="AQ1319" s="137"/>
      <c r="AR1319" s="137"/>
      <c r="AS1319" s="137"/>
      <c r="AT1319" s="137"/>
      <c r="AU1319" s="137"/>
      <c r="AV1319" s="137"/>
      <c r="AW1319" s="144"/>
    </row>
    <row r="1320" spans="2:49" x14ac:dyDescent="0.2">
      <c r="B1320" s="97"/>
      <c r="G1320" s="43"/>
      <c r="J1320" s="98"/>
      <c r="K1320" s="97"/>
      <c r="N1320" s="3"/>
      <c r="W1320" s="98"/>
      <c r="Z1320" s="143"/>
      <c r="AA1320" s="137"/>
      <c r="AB1320" s="137"/>
      <c r="AC1320" s="137"/>
      <c r="AD1320" s="137"/>
      <c r="AE1320" s="137"/>
      <c r="AF1320" s="137"/>
      <c r="AG1320" s="137"/>
      <c r="AH1320" s="137"/>
      <c r="AI1320" s="137"/>
      <c r="AJ1320" s="137"/>
      <c r="AK1320" s="206"/>
      <c r="AL1320" s="206"/>
      <c r="AM1320" s="143"/>
      <c r="AN1320" s="137"/>
      <c r="AO1320" s="137"/>
      <c r="AP1320" s="137"/>
      <c r="AQ1320" s="137"/>
      <c r="AR1320" s="137"/>
      <c r="AS1320" s="137"/>
      <c r="AT1320" s="137"/>
      <c r="AU1320" s="137"/>
      <c r="AV1320" s="137"/>
      <c r="AW1320" s="144"/>
    </row>
    <row r="1321" spans="2:49" x14ac:dyDescent="0.2">
      <c r="B1321" s="97"/>
      <c r="G1321" s="43"/>
      <c r="J1321" s="98"/>
      <c r="K1321" s="97"/>
      <c r="N1321" s="3"/>
      <c r="W1321" s="98"/>
      <c r="Z1321" s="143"/>
      <c r="AA1321" s="137"/>
      <c r="AB1321" s="137"/>
      <c r="AC1321" s="137"/>
      <c r="AD1321" s="137"/>
      <c r="AE1321" s="137"/>
      <c r="AF1321" s="137"/>
      <c r="AG1321" s="137"/>
      <c r="AH1321" s="137"/>
      <c r="AI1321" s="137"/>
      <c r="AJ1321" s="137"/>
      <c r="AK1321" s="206"/>
      <c r="AL1321" s="206"/>
      <c r="AM1321" s="143"/>
      <c r="AN1321" s="137"/>
      <c r="AO1321" s="137"/>
      <c r="AP1321" s="137"/>
      <c r="AQ1321" s="137"/>
      <c r="AR1321" s="137"/>
      <c r="AS1321" s="137"/>
      <c r="AT1321" s="137"/>
      <c r="AU1321" s="137"/>
      <c r="AV1321" s="137"/>
      <c r="AW1321" s="144"/>
    </row>
    <row r="1322" spans="2:49" x14ac:dyDescent="0.2">
      <c r="B1322" s="97"/>
      <c r="G1322" s="43"/>
      <c r="J1322" s="98"/>
      <c r="K1322" s="97"/>
      <c r="N1322" s="3"/>
      <c r="W1322" s="98"/>
      <c r="Z1322" s="143"/>
      <c r="AA1322" s="137"/>
      <c r="AB1322" s="137"/>
      <c r="AC1322" s="137"/>
      <c r="AD1322" s="137"/>
      <c r="AE1322" s="137"/>
      <c r="AF1322" s="137"/>
      <c r="AG1322" s="137"/>
      <c r="AH1322" s="137"/>
      <c r="AI1322" s="137"/>
      <c r="AJ1322" s="137"/>
      <c r="AK1322" s="206"/>
      <c r="AL1322" s="206"/>
      <c r="AM1322" s="143"/>
      <c r="AN1322" s="137"/>
      <c r="AO1322" s="137"/>
      <c r="AP1322" s="137"/>
      <c r="AQ1322" s="137"/>
      <c r="AR1322" s="137"/>
      <c r="AS1322" s="137"/>
      <c r="AT1322" s="137"/>
      <c r="AU1322" s="137"/>
      <c r="AV1322" s="137"/>
      <c r="AW1322" s="144"/>
    </row>
    <row r="1323" spans="2:49" x14ac:dyDescent="0.2">
      <c r="B1323" s="97"/>
      <c r="G1323" s="43"/>
      <c r="J1323" s="98"/>
      <c r="K1323" s="97"/>
      <c r="N1323" s="3"/>
      <c r="W1323" s="98"/>
      <c r="Z1323" s="143"/>
      <c r="AA1323" s="137"/>
      <c r="AB1323" s="137"/>
      <c r="AC1323" s="137"/>
      <c r="AD1323" s="137"/>
      <c r="AE1323" s="137"/>
      <c r="AF1323" s="137"/>
      <c r="AG1323" s="137"/>
      <c r="AH1323" s="137"/>
      <c r="AI1323" s="137"/>
      <c r="AJ1323" s="137"/>
      <c r="AK1323" s="206"/>
      <c r="AL1323" s="206"/>
      <c r="AM1323" s="143"/>
      <c r="AN1323" s="137"/>
      <c r="AO1323" s="137"/>
      <c r="AP1323" s="137"/>
      <c r="AQ1323" s="137"/>
      <c r="AR1323" s="137"/>
      <c r="AS1323" s="137"/>
      <c r="AT1323" s="137"/>
      <c r="AU1323" s="137"/>
      <c r="AV1323" s="137"/>
      <c r="AW1323" s="144"/>
    </row>
    <row r="1324" spans="2:49" x14ac:dyDescent="0.2">
      <c r="B1324" s="97"/>
      <c r="G1324" s="43"/>
      <c r="J1324" s="98"/>
      <c r="K1324" s="97"/>
      <c r="N1324" s="3"/>
      <c r="W1324" s="98"/>
      <c r="Z1324" s="143"/>
      <c r="AA1324" s="137"/>
      <c r="AB1324" s="137"/>
      <c r="AC1324" s="137"/>
      <c r="AD1324" s="137"/>
      <c r="AE1324" s="137"/>
      <c r="AF1324" s="137"/>
      <c r="AG1324" s="137"/>
      <c r="AH1324" s="137"/>
      <c r="AI1324" s="137"/>
      <c r="AJ1324" s="137"/>
      <c r="AK1324" s="206"/>
      <c r="AL1324" s="206"/>
      <c r="AM1324" s="143"/>
      <c r="AN1324" s="137"/>
      <c r="AO1324" s="137"/>
      <c r="AP1324" s="137"/>
      <c r="AQ1324" s="137"/>
      <c r="AR1324" s="137"/>
      <c r="AS1324" s="137"/>
      <c r="AT1324" s="137"/>
      <c r="AU1324" s="137"/>
      <c r="AV1324" s="137"/>
      <c r="AW1324" s="144"/>
    </row>
    <row r="1325" spans="2:49" x14ac:dyDescent="0.2">
      <c r="B1325" s="97"/>
      <c r="G1325" s="43"/>
      <c r="J1325" s="98"/>
      <c r="K1325" s="97"/>
      <c r="N1325" s="3"/>
      <c r="W1325" s="98"/>
      <c r="Z1325" s="143"/>
      <c r="AA1325" s="137"/>
      <c r="AB1325" s="137"/>
      <c r="AC1325" s="137"/>
      <c r="AD1325" s="137"/>
      <c r="AE1325" s="137"/>
      <c r="AF1325" s="137"/>
      <c r="AG1325" s="137"/>
      <c r="AH1325" s="137"/>
      <c r="AI1325" s="137"/>
      <c r="AJ1325" s="137"/>
      <c r="AK1325" s="206"/>
      <c r="AL1325" s="206"/>
      <c r="AM1325" s="143"/>
      <c r="AN1325" s="137"/>
      <c r="AO1325" s="137"/>
      <c r="AP1325" s="137"/>
      <c r="AQ1325" s="137"/>
      <c r="AR1325" s="137"/>
      <c r="AS1325" s="137"/>
      <c r="AT1325" s="137"/>
      <c r="AU1325" s="137"/>
      <c r="AV1325" s="137"/>
      <c r="AW1325" s="144"/>
    </row>
    <row r="1326" spans="2:49" x14ac:dyDescent="0.2">
      <c r="B1326" s="97"/>
      <c r="G1326" s="43"/>
      <c r="J1326" s="98"/>
      <c r="K1326" s="97"/>
      <c r="N1326" s="3"/>
      <c r="W1326" s="98"/>
      <c r="Z1326" s="143"/>
      <c r="AA1326" s="137"/>
      <c r="AB1326" s="137"/>
      <c r="AC1326" s="137"/>
      <c r="AD1326" s="137"/>
      <c r="AE1326" s="137"/>
      <c r="AF1326" s="137"/>
      <c r="AG1326" s="137"/>
      <c r="AH1326" s="137"/>
      <c r="AI1326" s="137"/>
      <c r="AJ1326" s="137"/>
      <c r="AK1326" s="206"/>
      <c r="AL1326" s="206"/>
      <c r="AM1326" s="143"/>
      <c r="AN1326" s="137"/>
      <c r="AO1326" s="137"/>
      <c r="AP1326" s="137"/>
      <c r="AQ1326" s="137"/>
      <c r="AR1326" s="137"/>
      <c r="AS1326" s="137"/>
      <c r="AT1326" s="137"/>
      <c r="AU1326" s="137"/>
      <c r="AV1326" s="137"/>
      <c r="AW1326" s="144"/>
    </row>
    <row r="1327" spans="2:49" x14ac:dyDescent="0.2">
      <c r="B1327" s="97"/>
      <c r="G1327" s="43"/>
      <c r="J1327" s="98"/>
      <c r="K1327" s="97"/>
      <c r="N1327" s="3"/>
      <c r="W1327" s="98"/>
      <c r="Z1327" s="143"/>
      <c r="AA1327" s="137"/>
      <c r="AB1327" s="137"/>
      <c r="AC1327" s="137"/>
      <c r="AD1327" s="137"/>
      <c r="AE1327" s="137"/>
      <c r="AF1327" s="137"/>
      <c r="AG1327" s="137"/>
      <c r="AH1327" s="137"/>
      <c r="AI1327" s="137"/>
      <c r="AJ1327" s="137"/>
      <c r="AK1327" s="206"/>
      <c r="AL1327" s="206"/>
      <c r="AM1327" s="143"/>
      <c r="AN1327" s="137"/>
      <c r="AO1327" s="137"/>
      <c r="AP1327" s="137"/>
      <c r="AQ1327" s="137"/>
      <c r="AR1327" s="137"/>
      <c r="AS1327" s="137"/>
      <c r="AT1327" s="137"/>
      <c r="AU1327" s="137"/>
      <c r="AV1327" s="137"/>
      <c r="AW1327" s="144"/>
    </row>
    <row r="1328" spans="2:49" x14ac:dyDescent="0.2">
      <c r="B1328" s="97"/>
      <c r="G1328" s="43"/>
      <c r="J1328" s="98"/>
      <c r="K1328" s="97"/>
      <c r="N1328" s="3"/>
      <c r="W1328" s="98"/>
      <c r="Z1328" s="143"/>
      <c r="AA1328" s="137"/>
      <c r="AB1328" s="137"/>
      <c r="AC1328" s="137"/>
      <c r="AD1328" s="137"/>
      <c r="AE1328" s="137"/>
      <c r="AF1328" s="137"/>
      <c r="AG1328" s="137"/>
      <c r="AH1328" s="137"/>
      <c r="AI1328" s="137"/>
      <c r="AJ1328" s="137"/>
      <c r="AK1328" s="206"/>
      <c r="AL1328" s="206"/>
      <c r="AM1328" s="143"/>
      <c r="AN1328" s="137"/>
      <c r="AO1328" s="137"/>
      <c r="AP1328" s="137"/>
      <c r="AQ1328" s="137"/>
      <c r="AR1328" s="137"/>
      <c r="AS1328" s="137"/>
      <c r="AT1328" s="137"/>
      <c r="AU1328" s="137"/>
      <c r="AV1328" s="137"/>
      <c r="AW1328" s="144"/>
    </row>
    <row r="1329" spans="2:49" x14ac:dyDescent="0.2">
      <c r="B1329" s="97"/>
      <c r="G1329" s="43"/>
      <c r="J1329" s="98"/>
      <c r="K1329" s="97"/>
      <c r="N1329" s="3"/>
      <c r="W1329" s="98"/>
      <c r="Z1329" s="143"/>
      <c r="AA1329" s="137"/>
      <c r="AB1329" s="137"/>
      <c r="AC1329" s="137"/>
      <c r="AD1329" s="137"/>
      <c r="AE1329" s="137"/>
      <c r="AF1329" s="137"/>
      <c r="AG1329" s="137"/>
      <c r="AH1329" s="137"/>
      <c r="AI1329" s="137"/>
      <c r="AJ1329" s="137"/>
      <c r="AK1329" s="206"/>
      <c r="AL1329" s="206"/>
      <c r="AM1329" s="143"/>
      <c r="AN1329" s="137"/>
      <c r="AO1329" s="137"/>
      <c r="AP1329" s="137"/>
      <c r="AQ1329" s="137"/>
      <c r="AR1329" s="137"/>
      <c r="AS1329" s="137"/>
      <c r="AT1329" s="137"/>
      <c r="AU1329" s="137"/>
      <c r="AV1329" s="137"/>
      <c r="AW1329" s="144"/>
    </row>
    <row r="1330" spans="2:49" x14ac:dyDescent="0.2">
      <c r="B1330" s="97"/>
      <c r="G1330" s="43"/>
      <c r="J1330" s="98"/>
      <c r="K1330" s="97"/>
      <c r="N1330" s="3"/>
      <c r="W1330" s="98"/>
      <c r="Z1330" s="143"/>
      <c r="AA1330" s="137"/>
      <c r="AB1330" s="137"/>
      <c r="AC1330" s="137"/>
      <c r="AD1330" s="137"/>
      <c r="AE1330" s="137"/>
      <c r="AF1330" s="137"/>
      <c r="AG1330" s="137"/>
      <c r="AH1330" s="137"/>
      <c r="AI1330" s="137"/>
      <c r="AJ1330" s="137"/>
      <c r="AK1330" s="206"/>
      <c r="AL1330" s="206"/>
      <c r="AM1330" s="143"/>
      <c r="AN1330" s="137"/>
      <c r="AO1330" s="137"/>
      <c r="AP1330" s="137"/>
      <c r="AQ1330" s="137"/>
      <c r="AR1330" s="137"/>
      <c r="AS1330" s="137"/>
      <c r="AT1330" s="137"/>
      <c r="AU1330" s="137"/>
      <c r="AV1330" s="137"/>
      <c r="AW1330" s="144"/>
    </row>
    <row r="1331" spans="2:49" x14ac:dyDescent="0.2">
      <c r="B1331" s="97"/>
      <c r="G1331" s="43"/>
      <c r="J1331" s="98"/>
      <c r="K1331" s="97"/>
      <c r="N1331" s="3"/>
      <c r="W1331" s="98"/>
      <c r="Z1331" s="143"/>
      <c r="AA1331" s="137"/>
      <c r="AB1331" s="137"/>
      <c r="AC1331" s="137"/>
      <c r="AD1331" s="137"/>
      <c r="AE1331" s="137"/>
      <c r="AF1331" s="137"/>
      <c r="AG1331" s="137"/>
      <c r="AH1331" s="137"/>
      <c r="AI1331" s="137"/>
      <c r="AJ1331" s="137"/>
      <c r="AK1331" s="206"/>
      <c r="AL1331" s="206"/>
      <c r="AM1331" s="143"/>
      <c r="AN1331" s="137"/>
      <c r="AO1331" s="137"/>
      <c r="AP1331" s="137"/>
      <c r="AQ1331" s="137"/>
      <c r="AR1331" s="137"/>
      <c r="AS1331" s="137"/>
      <c r="AT1331" s="137"/>
      <c r="AU1331" s="137"/>
      <c r="AV1331" s="137"/>
      <c r="AW1331" s="144"/>
    </row>
    <row r="1332" spans="2:49" x14ac:dyDescent="0.2">
      <c r="B1332" s="97"/>
      <c r="G1332" s="43"/>
      <c r="J1332" s="98"/>
      <c r="K1332" s="97"/>
      <c r="N1332" s="3"/>
      <c r="W1332" s="98"/>
      <c r="Z1332" s="143"/>
      <c r="AA1332" s="137"/>
      <c r="AB1332" s="137"/>
      <c r="AC1332" s="137"/>
      <c r="AD1332" s="137"/>
      <c r="AE1332" s="137"/>
      <c r="AF1332" s="137"/>
      <c r="AG1332" s="137"/>
      <c r="AH1332" s="137"/>
      <c r="AI1332" s="137"/>
      <c r="AJ1332" s="137"/>
      <c r="AK1332" s="206"/>
      <c r="AL1332" s="206"/>
      <c r="AM1332" s="143"/>
      <c r="AN1332" s="137"/>
      <c r="AO1332" s="137"/>
      <c r="AP1332" s="137"/>
      <c r="AQ1332" s="137"/>
      <c r="AR1332" s="137"/>
      <c r="AS1332" s="137"/>
      <c r="AT1332" s="137"/>
      <c r="AU1332" s="137"/>
      <c r="AV1332" s="137"/>
      <c r="AW1332" s="144"/>
    </row>
    <row r="1333" spans="2:49" x14ac:dyDescent="0.2">
      <c r="B1333" s="97"/>
      <c r="G1333" s="43"/>
      <c r="J1333" s="98"/>
      <c r="K1333" s="97"/>
      <c r="N1333" s="3"/>
      <c r="W1333" s="98"/>
      <c r="Z1333" s="143"/>
      <c r="AA1333" s="137"/>
      <c r="AB1333" s="137"/>
      <c r="AC1333" s="137"/>
      <c r="AD1333" s="137"/>
      <c r="AE1333" s="137"/>
      <c r="AF1333" s="137"/>
      <c r="AG1333" s="137"/>
      <c r="AH1333" s="137"/>
      <c r="AI1333" s="137"/>
      <c r="AJ1333" s="137"/>
      <c r="AK1333" s="206"/>
      <c r="AL1333" s="206"/>
      <c r="AM1333" s="143"/>
      <c r="AN1333" s="137"/>
      <c r="AO1333" s="137"/>
      <c r="AP1333" s="137"/>
      <c r="AQ1333" s="137"/>
      <c r="AR1333" s="137"/>
      <c r="AS1333" s="137"/>
      <c r="AT1333" s="137"/>
      <c r="AU1333" s="137"/>
      <c r="AV1333" s="137"/>
      <c r="AW1333" s="144"/>
    </row>
    <row r="1334" spans="2:49" x14ac:dyDescent="0.2">
      <c r="B1334" s="97"/>
      <c r="G1334" s="43"/>
      <c r="J1334" s="98"/>
      <c r="K1334" s="97"/>
      <c r="N1334" s="3"/>
      <c r="W1334" s="98"/>
      <c r="Z1334" s="143"/>
      <c r="AA1334" s="137"/>
      <c r="AB1334" s="137"/>
      <c r="AC1334" s="137"/>
      <c r="AD1334" s="137"/>
      <c r="AE1334" s="137"/>
      <c r="AF1334" s="137"/>
      <c r="AG1334" s="137"/>
      <c r="AH1334" s="137"/>
      <c r="AI1334" s="137"/>
      <c r="AJ1334" s="137"/>
      <c r="AK1334" s="206"/>
      <c r="AL1334" s="206"/>
      <c r="AM1334" s="143"/>
      <c r="AN1334" s="137"/>
      <c r="AO1334" s="137"/>
      <c r="AP1334" s="137"/>
      <c r="AQ1334" s="137"/>
      <c r="AR1334" s="137"/>
      <c r="AS1334" s="137"/>
      <c r="AT1334" s="137"/>
      <c r="AU1334" s="137"/>
      <c r="AV1334" s="137"/>
      <c r="AW1334" s="144"/>
    </row>
    <row r="1335" spans="2:49" x14ac:dyDescent="0.2">
      <c r="B1335" s="97"/>
      <c r="G1335" s="43"/>
      <c r="J1335" s="98"/>
      <c r="K1335" s="97"/>
      <c r="N1335" s="3"/>
      <c r="W1335" s="98"/>
      <c r="Z1335" s="143"/>
      <c r="AA1335" s="137"/>
      <c r="AB1335" s="137"/>
      <c r="AC1335" s="137"/>
      <c r="AD1335" s="137"/>
      <c r="AE1335" s="137"/>
      <c r="AF1335" s="137"/>
      <c r="AG1335" s="137"/>
      <c r="AH1335" s="137"/>
      <c r="AI1335" s="137"/>
      <c r="AJ1335" s="137"/>
      <c r="AK1335" s="206"/>
      <c r="AL1335" s="206"/>
      <c r="AM1335" s="143"/>
      <c r="AN1335" s="137"/>
      <c r="AO1335" s="137"/>
      <c r="AP1335" s="137"/>
      <c r="AQ1335" s="137"/>
      <c r="AR1335" s="137"/>
      <c r="AS1335" s="137"/>
      <c r="AT1335" s="137"/>
      <c r="AU1335" s="137"/>
      <c r="AV1335" s="137"/>
      <c r="AW1335" s="144"/>
    </row>
    <row r="1336" spans="2:49" x14ac:dyDescent="0.2">
      <c r="B1336" s="97"/>
      <c r="G1336" s="43"/>
      <c r="J1336" s="98"/>
      <c r="K1336" s="97"/>
      <c r="N1336" s="3"/>
      <c r="W1336" s="98"/>
      <c r="Z1336" s="143"/>
      <c r="AA1336" s="137"/>
      <c r="AB1336" s="137"/>
      <c r="AC1336" s="137"/>
      <c r="AD1336" s="137"/>
      <c r="AE1336" s="137"/>
      <c r="AF1336" s="137"/>
      <c r="AG1336" s="137"/>
      <c r="AH1336" s="137"/>
      <c r="AI1336" s="137"/>
      <c r="AJ1336" s="137"/>
      <c r="AK1336" s="206"/>
      <c r="AL1336" s="206"/>
      <c r="AM1336" s="143"/>
      <c r="AN1336" s="137"/>
      <c r="AO1336" s="137"/>
      <c r="AP1336" s="137"/>
      <c r="AQ1336" s="137"/>
      <c r="AR1336" s="137"/>
      <c r="AS1336" s="137"/>
      <c r="AT1336" s="137"/>
      <c r="AU1336" s="137"/>
      <c r="AV1336" s="137"/>
      <c r="AW1336" s="144"/>
    </row>
    <row r="1337" spans="2:49" x14ac:dyDescent="0.2">
      <c r="B1337" s="97"/>
      <c r="G1337" s="43"/>
      <c r="J1337" s="98"/>
      <c r="K1337" s="97"/>
      <c r="N1337" s="3"/>
      <c r="W1337" s="98"/>
      <c r="Z1337" s="143"/>
      <c r="AA1337" s="137"/>
      <c r="AB1337" s="137"/>
      <c r="AC1337" s="137"/>
      <c r="AD1337" s="137"/>
      <c r="AE1337" s="137"/>
      <c r="AF1337" s="137"/>
      <c r="AG1337" s="137"/>
      <c r="AH1337" s="137"/>
      <c r="AI1337" s="137"/>
      <c r="AJ1337" s="137"/>
      <c r="AK1337" s="206"/>
      <c r="AL1337" s="206"/>
      <c r="AM1337" s="143"/>
      <c r="AN1337" s="137"/>
      <c r="AO1337" s="137"/>
      <c r="AP1337" s="137"/>
      <c r="AQ1337" s="137"/>
      <c r="AR1337" s="137"/>
      <c r="AS1337" s="137"/>
      <c r="AT1337" s="137"/>
      <c r="AU1337" s="137"/>
      <c r="AV1337" s="137"/>
      <c r="AW1337" s="144"/>
    </row>
    <row r="1338" spans="2:49" x14ac:dyDescent="0.2">
      <c r="B1338" s="97"/>
      <c r="G1338" s="43"/>
      <c r="J1338" s="98"/>
      <c r="K1338" s="97"/>
      <c r="N1338" s="3"/>
      <c r="W1338" s="98"/>
      <c r="Z1338" s="143"/>
      <c r="AA1338" s="137"/>
      <c r="AB1338" s="137"/>
      <c r="AC1338" s="137"/>
      <c r="AD1338" s="137"/>
      <c r="AE1338" s="137"/>
      <c r="AF1338" s="137"/>
      <c r="AG1338" s="137"/>
      <c r="AH1338" s="137"/>
      <c r="AI1338" s="137"/>
      <c r="AJ1338" s="137"/>
      <c r="AK1338" s="206"/>
      <c r="AL1338" s="206"/>
      <c r="AM1338" s="143"/>
      <c r="AN1338" s="137"/>
      <c r="AO1338" s="137"/>
      <c r="AP1338" s="137"/>
      <c r="AQ1338" s="137"/>
      <c r="AR1338" s="137"/>
      <c r="AS1338" s="137"/>
      <c r="AT1338" s="137"/>
      <c r="AU1338" s="137"/>
      <c r="AV1338" s="137"/>
      <c r="AW1338" s="144"/>
    </row>
    <row r="1339" spans="2:49" x14ac:dyDescent="0.2">
      <c r="B1339" s="97"/>
      <c r="G1339" s="43"/>
      <c r="J1339" s="98"/>
      <c r="K1339" s="97"/>
      <c r="N1339" s="3"/>
      <c r="W1339" s="98"/>
      <c r="Z1339" s="143"/>
      <c r="AA1339" s="137"/>
      <c r="AB1339" s="137"/>
      <c r="AC1339" s="137"/>
      <c r="AD1339" s="137"/>
      <c r="AE1339" s="137"/>
      <c r="AF1339" s="137"/>
      <c r="AG1339" s="137"/>
      <c r="AH1339" s="137"/>
      <c r="AI1339" s="137"/>
      <c r="AJ1339" s="137"/>
      <c r="AK1339" s="206"/>
      <c r="AL1339" s="206"/>
      <c r="AM1339" s="143"/>
      <c r="AN1339" s="137"/>
      <c r="AO1339" s="137"/>
      <c r="AP1339" s="137"/>
      <c r="AQ1339" s="137"/>
      <c r="AR1339" s="137"/>
      <c r="AS1339" s="137"/>
      <c r="AT1339" s="137"/>
      <c r="AU1339" s="137"/>
      <c r="AV1339" s="137"/>
      <c r="AW1339" s="144"/>
    </row>
    <row r="1340" spans="2:49" x14ac:dyDescent="0.2">
      <c r="B1340" s="97"/>
      <c r="G1340" s="43"/>
      <c r="J1340" s="98"/>
      <c r="K1340" s="97"/>
      <c r="N1340" s="3"/>
      <c r="W1340" s="98"/>
      <c r="Z1340" s="143"/>
      <c r="AA1340" s="137"/>
      <c r="AB1340" s="137"/>
      <c r="AC1340" s="137"/>
      <c r="AD1340" s="137"/>
      <c r="AE1340" s="137"/>
      <c r="AF1340" s="137"/>
      <c r="AG1340" s="137"/>
      <c r="AH1340" s="137"/>
      <c r="AI1340" s="137"/>
      <c r="AJ1340" s="137"/>
      <c r="AK1340" s="206"/>
      <c r="AL1340" s="206"/>
      <c r="AM1340" s="143"/>
      <c r="AN1340" s="137"/>
      <c r="AO1340" s="137"/>
      <c r="AP1340" s="137"/>
      <c r="AQ1340" s="137"/>
      <c r="AR1340" s="137"/>
      <c r="AS1340" s="137"/>
      <c r="AT1340" s="137"/>
      <c r="AU1340" s="137"/>
      <c r="AV1340" s="137"/>
      <c r="AW1340" s="144"/>
    </row>
    <row r="1341" spans="2:49" x14ac:dyDescent="0.2">
      <c r="B1341" s="97"/>
      <c r="G1341" s="43"/>
      <c r="J1341" s="98"/>
      <c r="K1341" s="97"/>
      <c r="N1341" s="3"/>
      <c r="W1341" s="98"/>
      <c r="Z1341" s="143"/>
      <c r="AA1341" s="137"/>
      <c r="AB1341" s="137"/>
      <c r="AC1341" s="137"/>
      <c r="AD1341" s="137"/>
      <c r="AE1341" s="137"/>
      <c r="AF1341" s="137"/>
      <c r="AG1341" s="137"/>
      <c r="AH1341" s="137"/>
      <c r="AI1341" s="137"/>
      <c r="AJ1341" s="137"/>
      <c r="AK1341" s="206"/>
      <c r="AL1341" s="206"/>
      <c r="AM1341" s="143"/>
      <c r="AN1341" s="137"/>
      <c r="AO1341" s="137"/>
      <c r="AP1341" s="137"/>
      <c r="AQ1341" s="137"/>
      <c r="AR1341" s="137"/>
      <c r="AS1341" s="137"/>
      <c r="AT1341" s="137"/>
      <c r="AU1341" s="137"/>
      <c r="AV1341" s="137"/>
      <c r="AW1341" s="144"/>
    </row>
    <row r="1342" spans="2:49" x14ac:dyDescent="0.2">
      <c r="B1342" s="97"/>
      <c r="G1342" s="43"/>
      <c r="J1342" s="98"/>
      <c r="K1342" s="97"/>
      <c r="N1342" s="3"/>
      <c r="W1342" s="98"/>
      <c r="Z1342" s="143"/>
      <c r="AA1342" s="137"/>
      <c r="AB1342" s="137"/>
      <c r="AC1342" s="137"/>
      <c r="AD1342" s="137"/>
      <c r="AE1342" s="137"/>
      <c r="AF1342" s="137"/>
      <c r="AG1342" s="137"/>
      <c r="AH1342" s="137"/>
      <c r="AI1342" s="137"/>
      <c r="AJ1342" s="137"/>
      <c r="AK1342" s="206"/>
      <c r="AL1342" s="206"/>
      <c r="AM1342" s="143"/>
      <c r="AN1342" s="137"/>
      <c r="AO1342" s="137"/>
      <c r="AP1342" s="137"/>
      <c r="AQ1342" s="137"/>
      <c r="AR1342" s="137"/>
      <c r="AS1342" s="137"/>
      <c r="AT1342" s="137"/>
      <c r="AU1342" s="137"/>
      <c r="AV1342" s="137"/>
      <c r="AW1342" s="144"/>
    </row>
    <row r="1343" spans="2:49" x14ac:dyDescent="0.2">
      <c r="B1343" s="97"/>
      <c r="G1343" s="43"/>
      <c r="J1343" s="98"/>
      <c r="K1343" s="97"/>
      <c r="N1343" s="3"/>
      <c r="W1343" s="98"/>
      <c r="Z1343" s="143"/>
      <c r="AA1343" s="137"/>
      <c r="AB1343" s="137"/>
      <c r="AC1343" s="137"/>
      <c r="AD1343" s="137"/>
      <c r="AE1343" s="137"/>
      <c r="AF1343" s="137"/>
      <c r="AG1343" s="137"/>
      <c r="AH1343" s="137"/>
      <c r="AI1343" s="137"/>
      <c r="AJ1343" s="137"/>
      <c r="AK1343" s="206"/>
      <c r="AL1343" s="206"/>
      <c r="AM1343" s="143"/>
      <c r="AN1343" s="137"/>
      <c r="AO1343" s="137"/>
      <c r="AP1343" s="137"/>
      <c r="AQ1343" s="137"/>
      <c r="AR1343" s="137"/>
      <c r="AS1343" s="137"/>
      <c r="AT1343" s="137"/>
      <c r="AU1343" s="137"/>
      <c r="AV1343" s="137"/>
      <c r="AW1343" s="144"/>
    </row>
    <row r="1344" spans="2:49" x14ac:dyDescent="0.2">
      <c r="B1344" s="97"/>
      <c r="G1344" s="43"/>
      <c r="J1344" s="98"/>
      <c r="K1344" s="97"/>
      <c r="N1344" s="3"/>
      <c r="W1344" s="98"/>
      <c r="Z1344" s="143"/>
      <c r="AA1344" s="137"/>
      <c r="AB1344" s="137"/>
      <c r="AC1344" s="137"/>
      <c r="AD1344" s="137"/>
      <c r="AE1344" s="137"/>
      <c r="AF1344" s="137"/>
      <c r="AG1344" s="137"/>
      <c r="AH1344" s="137"/>
      <c r="AI1344" s="137"/>
      <c r="AJ1344" s="137"/>
      <c r="AK1344" s="206"/>
      <c r="AL1344" s="206"/>
      <c r="AM1344" s="143"/>
      <c r="AN1344" s="137"/>
      <c r="AO1344" s="137"/>
      <c r="AP1344" s="137"/>
      <c r="AQ1344" s="137"/>
      <c r="AR1344" s="137"/>
      <c r="AS1344" s="137"/>
      <c r="AT1344" s="137"/>
      <c r="AU1344" s="137"/>
      <c r="AV1344" s="137"/>
      <c r="AW1344" s="144"/>
    </row>
    <row r="1345" spans="2:49" x14ac:dyDescent="0.2">
      <c r="B1345" s="97"/>
      <c r="G1345" s="43"/>
      <c r="J1345" s="98"/>
      <c r="K1345" s="97"/>
      <c r="N1345" s="3"/>
      <c r="W1345" s="98"/>
      <c r="Z1345" s="143"/>
      <c r="AA1345" s="137"/>
      <c r="AB1345" s="137"/>
      <c r="AC1345" s="137"/>
      <c r="AD1345" s="137"/>
      <c r="AE1345" s="137"/>
      <c r="AF1345" s="137"/>
      <c r="AG1345" s="137"/>
      <c r="AH1345" s="137"/>
      <c r="AI1345" s="137"/>
      <c r="AJ1345" s="137"/>
      <c r="AK1345" s="206"/>
      <c r="AL1345" s="206"/>
      <c r="AM1345" s="143"/>
      <c r="AN1345" s="137"/>
      <c r="AO1345" s="137"/>
      <c r="AP1345" s="137"/>
      <c r="AQ1345" s="137"/>
      <c r="AR1345" s="137"/>
      <c r="AS1345" s="137"/>
      <c r="AT1345" s="137"/>
      <c r="AU1345" s="137"/>
      <c r="AV1345" s="137"/>
      <c r="AW1345" s="144"/>
    </row>
    <row r="1346" spans="2:49" x14ac:dyDescent="0.2">
      <c r="B1346" s="97"/>
      <c r="G1346" s="43"/>
      <c r="J1346" s="98"/>
      <c r="K1346" s="97"/>
      <c r="N1346" s="3"/>
      <c r="W1346" s="98"/>
      <c r="Z1346" s="143"/>
      <c r="AA1346" s="137"/>
      <c r="AB1346" s="137"/>
      <c r="AC1346" s="137"/>
      <c r="AD1346" s="137"/>
      <c r="AE1346" s="137"/>
      <c r="AF1346" s="137"/>
      <c r="AG1346" s="137"/>
      <c r="AH1346" s="137"/>
      <c r="AI1346" s="137"/>
      <c r="AJ1346" s="137"/>
      <c r="AK1346" s="206"/>
      <c r="AL1346" s="206"/>
      <c r="AM1346" s="143"/>
      <c r="AN1346" s="137"/>
      <c r="AO1346" s="137"/>
      <c r="AP1346" s="137"/>
      <c r="AQ1346" s="137"/>
      <c r="AR1346" s="137"/>
      <c r="AS1346" s="137"/>
      <c r="AT1346" s="137"/>
      <c r="AU1346" s="137"/>
      <c r="AV1346" s="137"/>
      <c r="AW1346" s="144"/>
    </row>
    <row r="1347" spans="2:49" x14ac:dyDescent="0.2">
      <c r="B1347" s="97"/>
      <c r="G1347" s="43"/>
      <c r="J1347" s="98"/>
      <c r="K1347" s="97"/>
      <c r="N1347" s="3"/>
      <c r="W1347" s="98"/>
      <c r="Z1347" s="143"/>
      <c r="AA1347" s="137"/>
      <c r="AB1347" s="137"/>
      <c r="AC1347" s="137"/>
      <c r="AD1347" s="137"/>
      <c r="AE1347" s="137"/>
      <c r="AF1347" s="137"/>
      <c r="AG1347" s="137"/>
      <c r="AH1347" s="137"/>
      <c r="AI1347" s="137"/>
      <c r="AJ1347" s="137"/>
      <c r="AK1347" s="206"/>
      <c r="AL1347" s="206"/>
      <c r="AM1347" s="143"/>
      <c r="AN1347" s="137"/>
      <c r="AO1347" s="137"/>
      <c r="AP1347" s="137"/>
      <c r="AQ1347" s="137"/>
      <c r="AR1347" s="137"/>
      <c r="AS1347" s="137"/>
      <c r="AT1347" s="137"/>
      <c r="AU1347" s="137"/>
      <c r="AV1347" s="137"/>
      <c r="AW1347" s="144"/>
    </row>
    <row r="1348" spans="2:49" x14ac:dyDescent="0.2">
      <c r="B1348" s="97"/>
      <c r="G1348" s="43"/>
      <c r="J1348" s="98"/>
      <c r="K1348" s="97"/>
      <c r="N1348" s="3"/>
      <c r="W1348" s="98"/>
      <c r="Z1348" s="143"/>
      <c r="AA1348" s="137"/>
      <c r="AB1348" s="137"/>
      <c r="AC1348" s="137"/>
      <c r="AD1348" s="137"/>
      <c r="AE1348" s="137"/>
      <c r="AF1348" s="137"/>
      <c r="AG1348" s="137"/>
      <c r="AH1348" s="137"/>
      <c r="AI1348" s="137"/>
      <c r="AJ1348" s="137"/>
      <c r="AK1348" s="206"/>
      <c r="AL1348" s="206"/>
      <c r="AM1348" s="143"/>
      <c r="AN1348" s="137"/>
      <c r="AO1348" s="137"/>
      <c r="AP1348" s="137"/>
      <c r="AQ1348" s="137"/>
      <c r="AR1348" s="137"/>
      <c r="AS1348" s="137"/>
      <c r="AT1348" s="137"/>
      <c r="AU1348" s="137"/>
      <c r="AV1348" s="137"/>
      <c r="AW1348" s="144"/>
    </row>
    <row r="1349" spans="2:49" x14ac:dyDescent="0.2">
      <c r="B1349" s="97"/>
      <c r="G1349" s="43"/>
      <c r="J1349" s="98"/>
      <c r="K1349" s="97"/>
      <c r="N1349" s="3"/>
      <c r="W1349" s="98"/>
      <c r="Z1349" s="143"/>
      <c r="AA1349" s="137"/>
      <c r="AB1349" s="137"/>
      <c r="AC1349" s="137"/>
      <c r="AD1349" s="137"/>
      <c r="AE1349" s="137"/>
      <c r="AF1349" s="137"/>
      <c r="AG1349" s="137"/>
      <c r="AH1349" s="137"/>
      <c r="AI1349" s="137"/>
      <c r="AJ1349" s="137"/>
      <c r="AK1349" s="206"/>
      <c r="AL1349" s="206"/>
      <c r="AM1349" s="143"/>
      <c r="AN1349" s="137"/>
      <c r="AO1349" s="137"/>
      <c r="AP1349" s="137"/>
      <c r="AQ1349" s="137"/>
      <c r="AR1349" s="137"/>
      <c r="AS1349" s="137"/>
      <c r="AT1349" s="137"/>
      <c r="AU1349" s="137"/>
      <c r="AV1349" s="137"/>
      <c r="AW1349" s="144"/>
    </row>
    <row r="1350" spans="2:49" x14ac:dyDescent="0.2">
      <c r="B1350" s="97"/>
      <c r="G1350" s="43"/>
      <c r="J1350" s="98"/>
      <c r="K1350" s="97"/>
      <c r="N1350" s="3"/>
      <c r="W1350" s="98"/>
      <c r="Z1350" s="143"/>
      <c r="AA1350" s="137"/>
      <c r="AB1350" s="137"/>
      <c r="AC1350" s="137"/>
      <c r="AD1350" s="137"/>
      <c r="AE1350" s="137"/>
      <c r="AF1350" s="137"/>
      <c r="AG1350" s="137"/>
      <c r="AH1350" s="137"/>
      <c r="AI1350" s="137"/>
      <c r="AJ1350" s="137"/>
      <c r="AK1350" s="206"/>
      <c r="AL1350" s="206"/>
      <c r="AM1350" s="143"/>
      <c r="AN1350" s="137"/>
      <c r="AO1350" s="137"/>
      <c r="AP1350" s="137"/>
      <c r="AQ1350" s="137"/>
      <c r="AR1350" s="137"/>
      <c r="AS1350" s="137"/>
      <c r="AT1350" s="137"/>
      <c r="AU1350" s="137"/>
      <c r="AV1350" s="137"/>
      <c r="AW1350" s="144"/>
    </row>
    <row r="1351" spans="2:49" x14ac:dyDescent="0.2">
      <c r="B1351" s="97"/>
      <c r="G1351" s="43"/>
      <c r="J1351" s="98"/>
      <c r="K1351" s="97"/>
      <c r="N1351" s="3"/>
      <c r="W1351" s="98"/>
      <c r="Z1351" s="143"/>
      <c r="AA1351" s="137"/>
      <c r="AB1351" s="137"/>
      <c r="AC1351" s="137"/>
      <c r="AD1351" s="137"/>
      <c r="AE1351" s="137"/>
      <c r="AF1351" s="137"/>
      <c r="AG1351" s="137"/>
      <c r="AH1351" s="137"/>
      <c r="AI1351" s="137"/>
      <c r="AJ1351" s="137"/>
      <c r="AK1351" s="206"/>
      <c r="AL1351" s="206"/>
      <c r="AM1351" s="143"/>
      <c r="AN1351" s="137"/>
      <c r="AO1351" s="137"/>
      <c r="AP1351" s="137"/>
      <c r="AQ1351" s="137"/>
      <c r="AR1351" s="137"/>
      <c r="AS1351" s="137"/>
      <c r="AT1351" s="137"/>
      <c r="AU1351" s="137"/>
      <c r="AV1351" s="137"/>
      <c r="AW1351" s="144"/>
    </row>
    <row r="1352" spans="2:49" x14ac:dyDescent="0.2">
      <c r="B1352" s="97"/>
      <c r="G1352" s="43"/>
      <c r="J1352" s="98"/>
      <c r="K1352" s="97"/>
      <c r="N1352" s="3"/>
      <c r="W1352" s="98"/>
      <c r="Z1352" s="143"/>
      <c r="AA1352" s="137"/>
      <c r="AB1352" s="137"/>
      <c r="AC1352" s="137"/>
      <c r="AD1352" s="137"/>
      <c r="AE1352" s="137"/>
      <c r="AF1352" s="137"/>
      <c r="AG1352" s="137"/>
      <c r="AH1352" s="137"/>
      <c r="AI1352" s="137"/>
      <c r="AJ1352" s="137"/>
      <c r="AK1352" s="206"/>
      <c r="AL1352" s="206"/>
      <c r="AM1352" s="143"/>
      <c r="AN1352" s="137"/>
      <c r="AO1352" s="137"/>
      <c r="AP1352" s="137"/>
      <c r="AQ1352" s="137"/>
      <c r="AR1352" s="137"/>
      <c r="AS1352" s="137"/>
      <c r="AT1352" s="137"/>
      <c r="AU1352" s="137"/>
      <c r="AV1352" s="137"/>
      <c r="AW1352" s="144"/>
    </row>
    <row r="1353" spans="2:49" x14ac:dyDescent="0.2">
      <c r="B1353" s="97"/>
      <c r="G1353" s="43"/>
      <c r="J1353" s="98"/>
      <c r="K1353" s="97"/>
      <c r="N1353" s="3"/>
      <c r="W1353" s="98"/>
      <c r="Z1353" s="143"/>
      <c r="AA1353" s="137"/>
      <c r="AB1353" s="137"/>
      <c r="AC1353" s="137"/>
      <c r="AD1353" s="137"/>
      <c r="AE1353" s="137"/>
      <c r="AF1353" s="137"/>
      <c r="AG1353" s="137"/>
      <c r="AH1353" s="137"/>
      <c r="AI1353" s="137"/>
      <c r="AJ1353" s="137"/>
      <c r="AK1353" s="206"/>
      <c r="AL1353" s="206"/>
      <c r="AM1353" s="143"/>
      <c r="AN1353" s="137"/>
      <c r="AO1353" s="137"/>
      <c r="AP1353" s="137"/>
      <c r="AQ1353" s="137"/>
      <c r="AR1353" s="137"/>
      <c r="AS1353" s="137"/>
      <c r="AT1353" s="137"/>
      <c r="AU1353" s="137"/>
      <c r="AV1353" s="137"/>
      <c r="AW1353" s="144"/>
    </row>
    <row r="1354" spans="2:49" x14ac:dyDescent="0.2">
      <c r="B1354" s="97"/>
      <c r="G1354" s="43"/>
      <c r="J1354" s="98"/>
      <c r="K1354" s="97"/>
      <c r="N1354" s="3"/>
      <c r="W1354" s="98"/>
      <c r="Z1354" s="143"/>
      <c r="AA1354" s="137"/>
      <c r="AB1354" s="137"/>
      <c r="AC1354" s="137"/>
      <c r="AD1354" s="137"/>
      <c r="AE1354" s="137"/>
      <c r="AF1354" s="137"/>
      <c r="AG1354" s="137"/>
      <c r="AH1354" s="137"/>
      <c r="AI1354" s="137"/>
      <c r="AJ1354" s="137"/>
      <c r="AK1354" s="206"/>
      <c r="AL1354" s="206"/>
      <c r="AM1354" s="143"/>
      <c r="AN1354" s="137"/>
      <c r="AO1354" s="137"/>
      <c r="AP1354" s="137"/>
      <c r="AQ1354" s="137"/>
      <c r="AR1354" s="137"/>
      <c r="AS1354" s="137"/>
      <c r="AT1354" s="137"/>
      <c r="AU1354" s="137"/>
      <c r="AV1354" s="137"/>
      <c r="AW1354" s="144"/>
    </row>
    <row r="1355" spans="2:49" x14ac:dyDescent="0.2">
      <c r="B1355" s="97"/>
      <c r="G1355" s="43"/>
      <c r="J1355" s="98"/>
      <c r="K1355" s="97"/>
      <c r="N1355" s="3"/>
      <c r="W1355" s="98"/>
      <c r="Z1355" s="143"/>
      <c r="AA1355" s="137"/>
      <c r="AB1355" s="137"/>
      <c r="AC1355" s="137"/>
      <c r="AD1355" s="137"/>
      <c r="AE1355" s="137"/>
      <c r="AF1355" s="137"/>
      <c r="AG1355" s="137"/>
      <c r="AH1355" s="137"/>
      <c r="AI1355" s="137"/>
      <c r="AJ1355" s="137"/>
      <c r="AK1355" s="206"/>
      <c r="AL1355" s="206"/>
      <c r="AM1355" s="143"/>
      <c r="AN1355" s="137"/>
      <c r="AO1355" s="137"/>
      <c r="AP1355" s="137"/>
      <c r="AQ1355" s="137"/>
      <c r="AR1355" s="137"/>
      <c r="AS1355" s="137"/>
      <c r="AT1355" s="137"/>
      <c r="AU1355" s="137"/>
      <c r="AV1355" s="137"/>
      <c r="AW1355" s="144"/>
    </row>
    <row r="1356" spans="2:49" x14ac:dyDescent="0.2">
      <c r="B1356" s="97"/>
      <c r="G1356" s="43"/>
      <c r="J1356" s="98"/>
      <c r="K1356" s="97"/>
      <c r="N1356" s="3"/>
      <c r="W1356" s="98"/>
      <c r="Z1356" s="143"/>
      <c r="AA1356" s="137"/>
      <c r="AB1356" s="137"/>
      <c r="AC1356" s="137"/>
      <c r="AD1356" s="137"/>
      <c r="AE1356" s="137"/>
      <c r="AF1356" s="137"/>
      <c r="AG1356" s="137"/>
      <c r="AH1356" s="137"/>
      <c r="AI1356" s="137"/>
      <c r="AJ1356" s="137"/>
      <c r="AK1356" s="206"/>
      <c r="AL1356" s="206"/>
      <c r="AM1356" s="143"/>
      <c r="AN1356" s="137"/>
      <c r="AO1356" s="137"/>
      <c r="AP1356" s="137"/>
      <c r="AQ1356" s="137"/>
      <c r="AR1356" s="137"/>
      <c r="AS1356" s="137"/>
      <c r="AT1356" s="137"/>
      <c r="AU1356" s="137"/>
      <c r="AV1356" s="137"/>
      <c r="AW1356" s="144"/>
    </row>
    <row r="1357" spans="2:49" x14ac:dyDescent="0.2">
      <c r="B1357" s="97"/>
      <c r="G1357" s="43"/>
      <c r="J1357" s="98"/>
      <c r="K1357" s="97"/>
      <c r="N1357" s="3"/>
      <c r="W1357" s="98"/>
      <c r="Z1357" s="143"/>
      <c r="AA1357" s="137"/>
      <c r="AB1357" s="137"/>
      <c r="AC1357" s="137"/>
      <c r="AD1357" s="137"/>
      <c r="AE1357" s="137"/>
      <c r="AF1357" s="137"/>
      <c r="AG1357" s="137"/>
      <c r="AH1357" s="137"/>
      <c r="AI1357" s="137"/>
      <c r="AJ1357" s="137"/>
      <c r="AK1357" s="206"/>
      <c r="AL1357" s="206"/>
      <c r="AM1357" s="143"/>
      <c r="AN1357" s="137"/>
      <c r="AO1357" s="137"/>
      <c r="AP1357" s="137"/>
      <c r="AQ1357" s="137"/>
      <c r="AR1357" s="137"/>
      <c r="AS1357" s="137"/>
      <c r="AT1357" s="137"/>
      <c r="AU1357" s="137"/>
      <c r="AV1357" s="137"/>
      <c r="AW1357" s="144"/>
    </row>
    <row r="1358" spans="2:49" x14ac:dyDescent="0.2">
      <c r="B1358" s="97"/>
      <c r="G1358" s="43"/>
      <c r="J1358" s="98"/>
      <c r="K1358" s="97"/>
      <c r="N1358" s="3"/>
      <c r="W1358" s="98"/>
      <c r="Z1358" s="143"/>
      <c r="AA1358" s="137"/>
      <c r="AB1358" s="137"/>
      <c r="AC1358" s="137"/>
      <c r="AD1358" s="137"/>
      <c r="AE1358" s="137"/>
      <c r="AF1358" s="137"/>
      <c r="AG1358" s="137"/>
      <c r="AH1358" s="137"/>
      <c r="AI1358" s="137"/>
      <c r="AJ1358" s="137"/>
      <c r="AK1358" s="206"/>
      <c r="AL1358" s="206"/>
      <c r="AM1358" s="143"/>
      <c r="AN1358" s="137"/>
      <c r="AO1358" s="137"/>
      <c r="AP1358" s="137"/>
      <c r="AQ1358" s="137"/>
      <c r="AR1358" s="137"/>
      <c r="AS1358" s="137"/>
      <c r="AT1358" s="137"/>
      <c r="AU1358" s="137"/>
      <c r="AV1358" s="137"/>
      <c r="AW1358" s="144"/>
    </row>
    <row r="1359" spans="2:49" x14ac:dyDescent="0.2">
      <c r="B1359" s="97"/>
      <c r="G1359" s="43"/>
      <c r="J1359" s="98"/>
      <c r="K1359" s="97"/>
      <c r="N1359" s="3"/>
      <c r="W1359" s="98"/>
      <c r="Z1359" s="143"/>
      <c r="AA1359" s="137"/>
      <c r="AB1359" s="137"/>
      <c r="AC1359" s="137"/>
      <c r="AD1359" s="137"/>
      <c r="AE1359" s="137"/>
      <c r="AF1359" s="137"/>
      <c r="AG1359" s="137"/>
      <c r="AH1359" s="137"/>
      <c r="AI1359" s="137"/>
      <c r="AJ1359" s="137"/>
      <c r="AK1359" s="206"/>
      <c r="AL1359" s="206"/>
      <c r="AM1359" s="143"/>
      <c r="AN1359" s="137"/>
      <c r="AO1359" s="137"/>
      <c r="AP1359" s="137"/>
      <c r="AQ1359" s="137"/>
      <c r="AR1359" s="137"/>
      <c r="AS1359" s="137"/>
      <c r="AT1359" s="137"/>
      <c r="AU1359" s="137"/>
      <c r="AV1359" s="137"/>
      <c r="AW1359" s="144"/>
    </row>
    <row r="1360" spans="2:49" x14ac:dyDescent="0.2">
      <c r="B1360" s="97"/>
      <c r="G1360" s="43"/>
      <c r="J1360" s="98"/>
      <c r="K1360" s="97"/>
      <c r="N1360" s="3"/>
      <c r="W1360" s="98"/>
      <c r="Z1360" s="143"/>
      <c r="AA1360" s="137"/>
      <c r="AB1360" s="137"/>
      <c r="AC1360" s="137"/>
      <c r="AD1360" s="137"/>
      <c r="AE1360" s="137"/>
      <c r="AF1360" s="137"/>
      <c r="AG1360" s="137"/>
      <c r="AH1360" s="137"/>
      <c r="AI1360" s="137"/>
      <c r="AJ1360" s="137"/>
      <c r="AK1360" s="206"/>
      <c r="AL1360" s="206"/>
      <c r="AM1360" s="143"/>
      <c r="AN1360" s="137"/>
      <c r="AO1360" s="137"/>
      <c r="AP1360" s="137"/>
      <c r="AQ1360" s="137"/>
      <c r="AR1360" s="137"/>
      <c r="AS1360" s="137"/>
      <c r="AT1360" s="137"/>
      <c r="AU1360" s="137"/>
      <c r="AV1360" s="137"/>
      <c r="AW1360" s="144"/>
    </row>
    <row r="1361" spans="2:49" x14ac:dyDescent="0.2">
      <c r="B1361" s="97"/>
      <c r="G1361" s="43"/>
      <c r="J1361" s="98"/>
      <c r="K1361" s="97"/>
      <c r="N1361" s="3"/>
      <c r="W1361" s="98"/>
      <c r="Z1361" s="143"/>
      <c r="AA1361" s="137"/>
      <c r="AB1361" s="137"/>
      <c r="AC1361" s="137"/>
      <c r="AD1361" s="137"/>
      <c r="AE1361" s="137"/>
      <c r="AF1361" s="137"/>
      <c r="AG1361" s="137"/>
      <c r="AH1361" s="137"/>
      <c r="AI1361" s="137"/>
      <c r="AJ1361" s="137"/>
      <c r="AK1361" s="206"/>
      <c r="AL1361" s="206"/>
      <c r="AM1361" s="143"/>
      <c r="AN1361" s="137"/>
      <c r="AO1361" s="137"/>
      <c r="AP1361" s="137"/>
      <c r="AQ1361" s="137"/>
      <c r="AR1361" s="137"/>
      <c r="AS1361" s="137"/>
      <c r="AT1361" s="137"/>
      <c r="AU1361" s="137"/>
      <c r="AV1361" s="137"/>
      <c r="AW1361" s="144"/>
    </row>
    <row r="1362" spans="2:49" x14ac:dyDescent="0.2">
      <c r="B1362" s="97"/>
      <c r="G1362" s="43"/>
      <c r="J1362" s="98"/>
      <c r="K1362" s="97"/>
      <c r="N1362" s="3"/>
      <c r="W1362" s="98"/>
      <c r="Z1362" s="143"/>
      <c r="AA1362" s="137"/>
      <c r="AB1362" s="137"/>
      <c r="AC1362" s="137"/>
      <c r="AD1362" s="137"/>
      <c r="AE1362" s="137"/>
      <c r="AF1362" s="137"/>
      <c r="AG1362" s="137"/>
      <c r="AH1362" s="137"/>
      <c r="AI1362" s="137"/>
      <c r="AJ1362" s="137"/>
      <c r="AK1362" s="206"/>
      <c r="AL1362" s="206"/>
      <c r="AM1362" s="143"/>
      <c r="AN1362" s="137"/>
      <c r="AO1362" s="137"/>
      <c r="AP1362" s="137"/>
      <c r="AQ1362" s="137"/>
      <c r="AR1362" s="137"/>
      <c r="AS1362" s="137"/>
      <c r="AT1362" s="137"/>
      <c r="AU1362" s="137"/>
      <c r="AV1362" s="137"/>
      <c r="AW1362" s="144"/>
    </row>
    <row r="1363" spans="2:49" x14ac:dyDescent="0.2">
      <c r="B1363" s="97"/>
      <c r="G1363" s="43"/>
      <c r="J1363" s="98"/>
      <c r="K1363" s="97"/>
      <c r="N1363" s="3"/>
      <c r="W1363" s="98"/>
      <c r="Z1363" s="143"/>
      <c r="AA1363" s="137"/>
      <c r="AB1363" s="137"/>
      <c r="AC1363" s="137"/>
      <c r="AD1363" s="137"/>
      <c r="AE1363" s="137"/>
      <c r="AF1363" s="137"/>
      <c r="AG1363" s="137"/>
      <c r="AH1363" s="137"/>
      <c r="AI1363" s="137"/>
      <c r="AJ1363" s="137"/>
      <c r="AK1363" s="206"/>
      <c r="AL1363" s="206"/>
      <c r="AM1363" s="143"/>
      <c r="AN1363" s="137"/>
      <c r="AO1363" s="137"/>
      <c r="AP1363" s="137"/>
      <c r="AQ1363" s="137"/>
      <c r="AR1363" s="137"/>
      <c r="AS1363" s="137"/>
      <c r="AT1363" s="137"/>
      <c r="AU1363" s="137"/>
      <c r="AV1363" s="137"/>
      <c r="AW1363" s="144"/>
    </row>
    <row r="1364" spans="2:49" x14ac:dyDescent="0.2">
      <c r="B1364" s="97"/>
      <c r="G1364" s="43"/>
      <c r="J1364" s="98"/>
      <c r="K1364" s="97"/>
      <c r="N1364" s="3"/>
      <c r="W1364" s="98"/>
      <c r="Z1364" s="143"/>
      <c r="AA1364" s="137"/>
      <c r="AB1364" s="137"/>
      <c r="AC1364" s="137"/>
      <c r="AD1364" s="137"/>
      <c r="AE1364" s="137"/>
      <c r="AF1364" s="137"/>
      <c r="AG1364" s="137"/>
      <c r="AH1364" s="137"/>
      <c r="AI1364" s="137"/>
      <c r="AJ1364" s="137"/>
      <c r="AK1364" s="206"/>
      <c r="AL1364" s="206"/>
      <c r="AM1364" s="143"/>
      <c r="AN1364" s="137"/>
      <c r="AO1364" s="137"/>
      <c r="AP1364" s="137"/>
      <c r="AQ1364" s="137"/>
      <c r="AR1364" s="137"/>
      <c r="AS1364" s="137"/>
      <c r="AT1364" s="137"/>
      <c r="AU1364" s="137"/>
      <c r="AV1364" s="137"/>
      <c r="AW1364" s="144"/>
    </row>
    <row r="1365" spans="2:49" x14ac:dyDescent="0.2">
      <c r="B1365" s="97"/>
      <c r="G1365" s="43"/>
      <c r="J1365" s="98"/>
      <c r="K1365" s="97"/>
      <c r="N1365" s="3"/>
      <c r="W1365" s="98"/>
      <c r="Z1365" s="143"/>
      <c r="AA1365" s="137"/>
      <c r="AB1365" s="137"/>
      <c r="AC1365" s="137"/>
      <c r="AD1365" s="137"/>
      <c r="AE1365" s="137"/>
      <c r="AF1365" s="137"/>
      <c r="AG1365" s="137"/>
      <c r="AH1365" s="137"/>
      <c r="AI1365" s="137"/>
      <c r="AJ1365" s="137"/>
      <c r="AK1365" s="206"/>
      <c r="AL1365" s="206"/>
      <c r="AM1365" s="143"/>
      <c r="AN1365" s="137"/>
      <c r="AO1365" s="137"/>
      <c r="AP1365" s="137"/>
      <c r="AQ1365" s="137"/>
      <c r="AR1365" s="137"/>
      <c r="AS1365" s="137"/>
      <c r="AT1365" s="137"/>
      <c r="AU1365" s="137"/>
      <c r="AV1365" s="137"/>
      <c r="AW1365" s="144"/>
    </row>
    <row r="1366" spans="2:49" x14ac:dyDescent="0.2">
      <c r="B1366" s="97"/>
      <c r="G1366" s="43"/>
      <c r="J1366" s="98"/>
      <c r="K1366" s="97"/>
      <c r="N1366" s="3"/>
      <c r="W1366" s="98"/>
      <c r="Z1366" s="143"/>
      <c r="AA1366" s="137"/>
      <c r="AB1366" s="137"/>
      <c r="AC1366" s="137"/>
      <c r="AD1366" s="137"/>
      <c r="AE1366" s="137"/>
      <c r="AF1366" s="137"/>
      <c r="AG1366" s="137"/>
      <c r="AH1366" s="137"/>
      <c r="AI1366" s="137"/>
      <c r="AJ1366" s="137"/>
      <c r="AK1366" s="206"/>
      <c r="AL1366" s="206"/>
      <c r="AM1366" s="143"/>
      <c r="AN1366" s="137"/>
      <c r="AO1366" s="137"/>
      <c r="AP1366" s="137"/>
      <c r="AQ1366" s="137"/>
      <c r="AR1366" s="137"/>
      <c r="AS1366" s="137"/>
      <c r="AT1366" s="137"/>
      <c r="AU1366" s="137"/>
      <c r="AV1366" s="137"/>
      <c r="AW1366" s="144"/>
    </row>
    <row r="1367" spans="2:49" x14ac:dyDescent="0.2">
      <c r="B1367" s="97"/>
      <c r="G1367" s="43"/>
      <c r="J1367" s="98"/>
      <c r="K1367" s="97"/>
      <c r="N1367" s="3"/>
      <c r="W1367" s="98"/>
      <c r="Z1367" s="143"/>
      <c r="AA1367" s="137"/>
      <c r="AB1367" s="137"/>
      <c r="AC1367" s="137"/>
      <c r="AD1367" s="137"/>
      <c r="AE1367" s="137"/>
      <c r="AF1367" s="137"/>
      <c r="AG1367" s="137"/>
      <c r="AH1367" s="137"/>
      <c r="AI1367" s="137"/>
      <c r="AJ1367" s="137"/>
      <c r="AK1367" s="206"/>
      <c r="AL1367" s="206"/>
      <c r="AM1367" s="143"/>
      <c r="AN1367" s="137"/>
      <c r="AO1367" s="137"/>
      <c r="AP1367" s="137"/>
      <c r="AQ1367" s="137"/>
      <c r="AR1367" s="137"/>
      <c r="AS1367" s="137"/>
      <c r="AT1367" s="137"/>
      <c r="AU1367" s="137"/>
      <c r="AV1367" s="137"/>
      <c r="AW1367" s="144"/>
    </row>
    <row r="1368" spans="2:49" x14ac:dyDescent="0.2">
      <c r="B1368" s="97"/>
      <c r="G1368" s="43"/>
      <c r="J1368" s="98"/>
      <c r="K1368" s="97"/>
      <c r="N1368" s="3"/>
      <c r="W1368" s="98"/>
      <c r="Z1368" s="143"/>
      <c r="AA1368" s="137"/>
      <c r="AB1368" s="137"/>
      <c r="AC1368" s="137"/>
      <c r="AD1368" s="137"/>
      <c r="AE1368" s="137"/>
      <c r="AF1368" s="137"/>
      <c r="AG1368" s="137"/>
      <c r="AH1368" s="137"/>
      <c r="AI1368" s="137"/>
      <c r="AJ1368" s="137"/>
      <c r="AK1368" s="206"/>
      <c r="AL1368" s="206"/>
      <c r="AM1368" s="143"/>
      <c r="AN1368" s="137"/>
      <c r="AO1368" s="137"/>
      <c r="AP1368" s="137"/>
      <c r="AQ1368" s="137"/>
      <c r="AR1368" s="137"/>
      <c r="AS1368" s="137"/>
      <c r="AT1368" s="137"/>
      <c r="AU1368" s="137"/>
      <c r="AV1368" s="137"/>
      <c r="AW1368" s="144"/>
    </row>
    <row r="1369" spans="2:49" x14ac:dyDescent="0.2">
      <c r="B1369" s="97"/>
      <c r="G1369" s="43"/>
      <c r="J1369" s="98"/>
      <c r="K1369" s="97"/>
      <c r="N1369" s="3"/>
      <c r="W1369" s="98"/>
      <c r="Z1369" s="143"/>
      <c r="AA1369" s="137"/>
      <c r="AB1369" s="137"/>
      <c r="AC1369" s="137"/>
      <c r="AD1369" s="137"/>
      <c r="AE1369" s="137"/>
      <c r="AF1369" s="137"/>
      <c r="AG1369" s="137"/>
      <c r="AH1369" s="137"/>
      <c r="AI1369" s="137"/>
      <c r="AJ1369" s="137"/>
      <c r="AK1369" s="206"/>
      <c r="AL1369" s="206"/>
      <c r="AM1369" s="143"/>
      <c r="AN1369" s="137"/>
      <c r="AO1369" s="137"/>
      <c r="AP1369" s="137"/>
      <c r="AQ1369" s="137"/>
      <c r="AR1369" s="137"/>
      <c r="AS1369" s="137"/>
      <c r="AT1369" s="137"/>
      <c r="AU1369" s="137"/>
      <c r="AV1369" s="137"/>
      <c r="AW1369" s="144"/>
    </row>
    <row r="1370" spans="2:49" x14ac:dyDescent="0.2">
      <c r="B1370" s="97"/>
      <c r="G1370" s="43"/>
      <c r="J1370" s="98"/>
      <c r="K1370" s="97"/>
      <c r="N1370" s="3"/>
      <c r="W1370" s="98"/>
      <c r="Z1370" s="143"/>
      <c r="AA1370" s="137"/>
      <c r="AB1370" s="137"/>
      <c r="AC1370" s="137"/>
      <c r="AD1370" s="137"/>
      <c r="AE1370" s="137"/>
      <c r="AF1370" s="137"/>
      <c r="AG1370" s="137"/>
      <c r="AH1370" s="137"/>
      <c r="AI1370" s="137"/>
      <c r="AJ1370" s="137"/>
      <c r="AK1370" s="206"/>
      <c r="AL1370" s="206"/>
      <c r="AM1370" s="143"/>
      <c r="AN1370" s="137"/>
      <c r="AO1370" s="137"/>
      <c r="AP1370" s="137"/>
      <c r="AQ1370" s="137"/>
      <c r="AR1370" s="137"/>
      <c r="AS1370" s="137"/>
      <c r="AT1370" s="137"/>
      <c r="AU1370" s="137"/>
      <c r="AV1370" s="137"/>
      <c r="AW1370" s="144"/>
    </row>
    <row r="1371" spans="2:49" x14ac:dyDescent="0.2">
      <c r="B1371" s="97"/>
      <c r="G1371" s="43"/>
      <c r="J1371" s="98"/>
      <c r="K1371" s="97"/>
      <c r="N1371" s="3"/>
      <c r="W1371" s="98"/>
      <c r="Z1371" s="143"/>
      <c r="AA1371" s="137"/>
      <c r="AB1371" s="137"/>
      <c r="AC1371" s="137"/>
      <c r="AD1371" s="137"/>
      <c r="AE1371" s="137"/>
      <c r="AF1371" s="137"/>
      <c r="AG1371" s="137"/>
      <c r="AH1371" s="137"/>
      <c r="AI1371" s="137"/>
      <c r="AJ1371" s="137"/>
      <c r="AK1371" s="206"/>
      <c r="AL1371" s="206"/>
      <c r="AM1371" s="143"/>
      <c r="AN1371" s="137"/>
      <c r="AO1371" s="137"/>
      <c r="AP1371" s="137"/>
      <c r="AQ1371" s="137"/>
      <c r="AR1371" s="137"/>
      <c r="AS1371" s="137"/>
      <c r="AT1371" s="137"/>
      <c r="AU1371" s="137"/>
      <c r="AV1371" s="137"/>
      <c r="AW1371" s="144"/>
    </row>
    <row r="1372" spans="2:49" x14ac:dyDescent="0.2">
      <c r="B1372" s="97"/>
      <c r="G1372" s="43"/>
      <c r="J1372" s="98"/>
      <c r="K1372" s="97"/>
      <c r="N1372" s="3"/>
      <c r="W1372" s="98"/>
      <c r="Z1372" s="143"/>
      <c r="AA1372" s="137"/>
      <c r="AB1372" s="137"/>
      <c r="AC1372" s="137"/>
      <c r="AD1372" s="137"/>
      <c r="AE1372" s="137"/>
      <c r="AF1372" s="137"/>
      <c r="AG1372" s="137"/>
      <c r="AH1372" s="137"/>
      <c r="AI1372" s="137"/>
      <c r="AJ1372" s="137"/>
      <c r="AK1372" s="206"/>
      <c r="AL1372" s="206"/>
      <c r="AM1372" s="143"/>
      <c r="AN1372" s="137"/>
      <c r="AO1372" s="137"/>
      <c r="AP1372" s="137"/>
      <c r="AQ1372" s="137"/>
      <c r="AR1372" s="137"/>
      <c r="AS1372" s="137"/>
      <c r="AT1372" s="137"/>
      <c r="AU1372" s="137"/>
      <c r="AV1372" s="137"/>
      <c r="AW1372" s="144"/>
    </row>
    <row r="1373" spans="2:49" x14ac:dyDescent="0.2">
      <c r="B1373" s="97"/>
      <c r="G1373" s="43"/>
      <c r="J1373" s="98"/>
      <c r="K1373" s="97"/>
      <c r="N1373" s="3"/>
      <c r="W1373" s="98"/>
      <c r="Z1373" s="143"/>
      <c r="AA1373" s="137"/>
      <c r="AB1373" s="137"/>
      <c r="AC1373" s="137"/>
      <c r="AD1373" s="137"/>
      <c r="AE1373" s="137"/>
      <c r="AF1373" s="137"/>
      <c r="AG1373" s="137"/>
      <c r="AH1373" s="137"/>
      <c r="AI1373" s="137"/>
      <c r="AJ1373" s="137"/>
      <c r="AK1373" s="206"/>
      <c r="AL1373" s="206"/>
      <c r="AM1373" s="143"/>
      <c r="AN1373" s="137"/>
      <c r="AO1373" s="137"/>
      <c r="AP1373" s="137"/>
      <c r="AQ1373" s="137"/>
      <c r="AR1373" s="137"/>
      <c r="AS1373" s="137"/>
      <c r="AT1373" s="137"/>
      <c r="AU1373" s="137"/>
      <c r="AV1373" s="137"/>
      <c r="AW1373" s="144"/>
    </row>
    <row r="1374" spans="2:49" x14ac:dyDescent="0.2">
      <c r="B1374" s="97"/>
      <c r="G1374" s="43"/>
      <c r="J1374" s="98"/>
      <c r="K1374" s="97"/>
      <c r="N1374" s="3"/>
      <c r="W1374" s="98"/>
      <c r="Z1374" s="143"/>
      <c r="AA1374" s="137"/>
      <c r="AB1374" s="137"/>
      <c r="AC1374" s="137"/>
      <c r="AD1374" s="137"/>
      <c r="AE1374" s="137"/>
      <c r="AF1374" s="137"/>
      <c r="AG1374" s="137"/>
      <c r="AH1374" s="137"/>
      <c r="AI1374" s="137"/>
      <c r="AJ1374" s="137"/>
      <c r="AK1374" s="206"/>
      <c r="AL1374" s="206"/>
      <c r="AM1374" s="143"/>
      <c r="AN1374" s="137"/>
      <c r="AO1374" s="137"/>
      <c r="AP1374" s="137"/>
      <c r="AQ1374" s="137"/>
      <c r="AR1374" s="137"/>
      <c r="AS1374" s="137"/>
      <c r="AT1374" s="137"/>
      <c r="AU1374" s="137"/>
      <c r="AV1374" s="137"/>
      <c r="AW1374" s="144"/>
    </row>
    <row r="1375" spans="2:49" x14ac:dyDescent="0.2">
      <c r="B1375" s="97"/>
      <c r="G1375" s="43"/>
      <c r="J1375" s="98"/>
      <c r="K1375" s="97"/>
      <c r="N1375" s="3"/>
      <c r="W1375" s="98"/>
      <c r="Z1375" s="143"/>
      <c r="AA1375" s="137"/>
      <c r="AB1375" s="137"/>
      <c r="AC1375" s="137"/>
      <c r="AD1375" s="137"/>
      <c r="AE1375" s="137"/>
      <c r="AF1375" s="137"/>
      <c r="AG1375" s="137"/>
      <c r="AH1375" s="137"/>
      <c r="AI1375" s="137"/>
      <c r="AJ1375" s="137"/>
      <c r="AK1375" s="206"/>
      <c r="AL1375" s="206"/>
      <c r="AM1375" s="143"/>
      <c r="AN1375" s="137"/>
      <c r="AO1375" s="137"/>
      <c r="AP1375" s="137"/>
      <c r="AQ1375" s="137"/>
      <c r="AR1375" s="137"/>
      <c r="AS1375" s="137"/>
      <c r="AT1375" s="137"/>
      <c r="AU1375" s="137"/>
      <c r="AV1375" s="137"/>
      <c r="AW1375" s="144"/>
    </row>
    <row r="1376" spans="2:49" x14ac:dyDescent="0.2">
      <c r="B1376" s="97"/>
      <c r="G1376" s="43"/>
      <c r="J1376" s="98"/>
      <c r="K1376" s="97"/>
      <c r="N1376" s="3"/>
      <c r="W1376" s="98"/>
      <c r="Z1376" s="143"/>
      <c r="AA1376" s="137"/>
      <c r="AB1376" s="137"/>
      <c r="AC1376" s="137"/>
      <c r="AD1376" s="137"/>
      <c r="AE1376" s="137"/>
      <c r="AF1376" s="137"/>
      <c r="AG1376" s="137"/>
      <c r="AH1376" s="137"/>
      <c r="AI1376" s="137"/>
      <c r="AJ1376" s="137"/>
      <c r="AK1376" s="206"/>
      <c r="AL1376" s="206"/>
      <c r="AM1376" s="143"/>
      <c r="AN1376" s="137"/>
      <c r="AO1376" s="137"/>
      <c r="AP1376" s="137"/>
      <c r="AQ1376" s="137"/>
      <c r="AR1376" s="137"/>
      <c r="AS1376" s="137"/>
      <c r="AT1376" s="137"/>
      <c r="AU1376" s="137"/>
      <c r="AV1376" s="137"/>
      <c r="AW1376" s="144"/>
    </row>
    <row r="1377" spans="2:49" x14ac:dyDescent="0.2">
      <c r="B1377" s="97"/>
      <c r="G1377" s="43"/>
      <c r="J1377" s="98"/>
      <c r="K1377" s="97"/>
      <c r="N1377" s="3"/>
      <c r="W1377" s="98"/>
      <c r="Z1377" s="143"/>
      <c r="AA1377" s="137"/>
      <c r="AB1377" s="137"/>
      <c r="AC1377" s="137"/>
      <c r="AD1377" s="137"/>
      <c r="AE1377" s="137"/>
      <c r="AF1377" s="137"/>
      <c r="AG1377" s="137"/>
      <c r="AH1377" s="137"/>
      <c r="AI1377" s="137"/>
      <c r="AJ1377" s="137"/>
      <c r="AK1377" s="206"/>
      <c r="AL1377" s="206"/>
      <c r="AM1377" s="143"/>
      <c r="AN1377" s="137"/>
      <c r="AO1377" s="137"/>
      <c r="AP1377" s="137"/>
      <c r="AQ1377" s="137"/>
      <c r="AR1377" s="137"/>
      <c r="AS1377" s="137"/>
      <c r="AT1377" s="137"/>
      <c r="AU1377" s="137"/>
      <c r="AV1377" s="137"/>
      <c r="AW1377" s="144"/>
    </row>
    <row r="1378" spans="2:49" x14ac:dyDescent="0.2">
      <c r="B1378" s="97"/>
      <c r="G1378" s="43"/>
      <c r="J1378" s="98"/>
      <c r="K1378" s="97"/>
      <c r="N1378" s="3"/>
      <c r="W1378" s="98"/>
      <c r="Z1378" s="143"/>
      <c r="AA1378" s="137"/>
      <c r="AB1378" s="137"/>
      <c r="AC1378" s="137"/>
      <c r="AD1378" s="137"/>
      <c r="AE1378" s="137"/>
      <c r="AF1378" s="137"/>
      <c r="AG1378" s="137"/>
      <c r="AH1378" s="137"/>
      <c r="AI1378" s="137"/>
      <c r="AJ1378" s="137"/>
      <c r="AK1378" s="206"/>
      <c r="AL1378" s="206"/>
      <c r="AM1378" s="143"/>
      <c r="AN1378" s="137"/>
      <c r="AO1378" s="137"/>
      <c r="AP1378" s="137"/>
      <c r="AQ1378" s="137"/>
      <c r="AR1378" s="137"/>
      <c r="AS1378" s="137"/>
      <c r="AT1378" s="137"/>
      <c r="AU1378" s="137"/>
      <c r="AV1378" s="137"/>
      <c r="AW1378" s="144"/>
    </row>
    <row r="1379" spans="2:49" x14ac:dyDescent="0.2">
      <c r="B1379" s="97"/>
      <c r="G1379" s="43"/>
      <c r="J1379" s="98"/>
      <c r="K1379" s="97"/>
      <c r="N1379" s="3"/>
      <c r="W1379" s="98"/>
      <c r="Z1379" s="143"/>
      <c r="AA1379" s="137"/>
      <c r="AB1379" s="137"/>
      <c r="AC1379" s="137"/>
      <c r="AD1379" s="137"/>
      <c r="AE1379" s="137"/>
      <c r="AF1379" s="137"/>
      <c r="AG1379" s="137"/>
      <c r="AH1379" s="137"/>
      <c r="AI1379" s="137"/>
      <c r="AJ1379" s="137"/>
      <c r="AK1379" s="206"/>
      <c r="AL1379" s="206"/>
      <c r="AM1379" s="143"/>
      <c r="AN1379" s="137"/>
      <c r="AO1379" s="137"/>
      <c r="AP1379" s="137"/>
      <c r="AQ1379" s="137"/>
      <c r="AR1379" s="137"/>
      <c r="AS1379" s="137"/>
      <c r="AT1379" s="137"/>
      <c r="AU1379" s="137"/>
      <c r="AV1379" s="137"/>
      <c r="AW1379" s="144"/>
    </row>
    <row r="1380" spans="2:49" x14ac:dyDescent="0.2">
      <c r="B1380" s="97"/>
      <c r="G1380" s="43"/>
      <c r="J1380" s="98"/>
      <c r="K1380" s="97"/>
      <c r="N1380" s="3"/>
      <c r="W1380" s="98"/>
      <c r="Z1380" s="143"/>
      <c r="AA1380" s="137"/>
      <c r="AB1380" s="137"/>
      <c r="AC1380" s="137"/>
      <c r="AD1380" s="137"/>
      <c r="AE1380" s="137"/>
      <c r="AF1380" s="137"/>
      <c r="AG1380" s="137"/>
      <c r="AH1380" s="137"/>
      <c r="AI1380" s="137"/>
      <c r="AJ1380" s="137"/>
      <c r="AK1380" s="206"/>
      <c r="AL1380" s="206"/>
      <c r="AM1380" s="143"/>
      <c r="AN1380" s="137"/>
      <c r="AO1380" s="137"/>
      <c r="AP1380" s="137"/>
      <c r="AQ1380" s="137"/>
      <c r="AR1380" s="137"/>
      <c r="AS1380" s="137"/>
      <c r="AT1380" s="137"/>
      <c r="AU1380" s="137"/>
      <c r="AV1380" s="137"/>
      <c r="AW1380" s="144"/>
    </row>
    <row r="1381" spans="2:49" x14ac:dyDescent="0.2">
      <c r="B1381" s="97"/>
      <c r="G1381" s="43"/>
      <c r="J1381" s="98"/>
      <c r="K1381" s="97"/>
      <c r="N1381" s="3"/>
      <c r="W1381" s="98"/>
      <c r="Z1381" s="143"/>
      <c r="AA1381" s="137"/>
      <c r="AB1381" s="137"/>
      <c r="AC1381" s="137"/>
      <c r="AD1381" s="137"/>
      <c r="AE1381" s="137"/>
      <c r="AF1381" s="137"/>
      <c r="AG1381" s="137"/>
      <c r="AH1381" s="137"/>
      <c r="AI1381" s="137"/>
      <c r="AJ1381" s="137"/>
      <c r="AK1381" s="206"/>
      <c r="AL1381" s="206"/>
      <c r="AM1381" s="143"/>
      <c r="AN1381" s="137"/>
      <c r="AO1381" s="137"/>
      <c r="AP1381" s="137"/>
      <c r="AQ1381" s="137"/>
      <c r="AR1381" s="137"/>
      <c r="AS1381" s="137"/>
      <c r="AT1381" s="137"/>
      <c r="AU1381" s="137"/>
      <c r="AV1381" s="137"/>
      <c r="AW1381" s="144"/>
    </row>
    <row r="1382" spans="2:49" x14ac:dyDescent="0.2">
      <c r="B1382" s="97"/>
      <c r="G1382" s="43"/>
      <c r="J1382" s="98"/>
      <c r="K1382" s="97"/>
      <c r="N1382" s="3"/>
      <c r="W1382" s="98"/>
      <c r="Z1382" s="143"/>
      <c r="AA1382" s="137"/>
      <c r="AB1382" s="137"/>
      <c r="AC1382" s="137"/>
      <c r="AD1382" s="137"/>
      <c r="AE1382" s="137"/>
      <c r="AF1382" s="137"/>
      <c r="AG1382" s="137"/>
      <c r="AH1382" s="137"/>
      <c r="AI1382" s="137"/>
      <c r="AJ1382" s="137"/>
      <c r="AK1382" s="206"/>
      <c r="AL1382" s="206"/>
      <c r="AM1382" s="143"/>
      <c r="AN1382" s="137"/>
      <c r="AO1382" s="137"/>
      <c r="AP1382" s="137"/>
      <c r="AQ1382" s="137"/>
      <c r="AR1382" s="137"/>
      <c r="AS1382" s="137"/>
      <c r="AT1382" s="137"/>
      <c r="AU1382" s="137"/>
      <c r="AV1382" s="137"/>
      <c r="AW1382" s="144"/>
    </row>
    <row r="1383" spans="2:49" x14ac:dyDescent="0.2">
      <c r="B1383" s="97"/>
      <c r="G1383" s="43"/>
      <c r="J1383" s="98"/>
      <c r="K1383" s="97"/>
      <c r="N1383" s="3"/>
      <c r="W1383" s="98"/>
      <c r="Z1383" s="143"/>
      <c r="AA1383" s="137"/>
      <c r="AB1383" s="137"/>
      <c r="AC1383" s="137"/>
      <c r="AD1383" s="137"/>
      <c r="AE1383" s="137"/>
      <c r="AF1383" s="137"/>
      <c r="AG1383" s="137"/>
      <c r="AH1383" s="137"/>
      <c r="AI1383" s="137"/>
      <c r="AJ1383" s="137"/>
      <c r="AK1383" s="206"/>
      <c r="AL1383" s="206"/>
      <c r="AM1383" s="143"/>
      <c r="AN1383" s="137"/>
      <c r="AO1383" s="137"/>
      <c r="AP1383" s="137"/>
      <c r="AQ1383" s="137"/>
      <c r="AR1383" s="137"/>
      <c r="AS1383" s="137"/>
      <c r="AT1383" s="137"/>
      <c r="AU1383" s="137"/>
      <c r="AV1383" s="137"/>
      <c r="AW1383" s="144"/>
    </row>
    <row r="1384" spans="2:49" x14ac:dyDescent="0.2">
      <c r="B1384" s="97"/>
      <c r="G1384" s="43"/>
      <c r="J1384" s="98"/>
      <c r="K1384" s="97"/>
      <c r="N1384" s="3"/>
      <c r="W1384" s="98"/>
      <c r="Z1384" s="143"/>
      <c r="AA1384" s="137"/>
      <c r="AB1384" s="137"/>
      <c r="AC1384" s="137"/>
      <c r="AD1384" s="137"/>
      <c r="AE1384" s="137"/>
      <c r="AF1384" s="137"/>
      <c r="AG1384" s="137"/>
      <c r="AH1384" s="137"/>
      <c r="AI1384" s="137"/>
      <c r="AJ1384" s="137"/>
      <c r="AK1384" s="206"/>
      <c r="AL1384" s="206"/>
      <c r="AM1384" s="143"/>
      <c r="AN1384" s="137"/>
      <c r="AO1384" s="137"/>
      <c r="AP1384" s="137"/>
      <c r="AQ1384" s="137"/>
      <c r="AR1384" s="137"/>
      <c r="AS1384" s="137"/>
      <c r="AT1384" s="137"/>
      <c r="AU1384" s="137"/>
      <c r="AV1384" s="137"/>
      <c r="AW1384" s="144"/>
    </row>
    <row r="1385" spans="2:49" x14ac:dyDescent="0.2">
      <c r="B1385" s="97"/>
      <c r="G1385" s="43"/>
      <c r="J1385" s="98"/>
      <c r="K1385" s="97"/>
      <c r="N1385" s="3"/>
      <c r="W1385" s="98"/>
      <c r="Z1385" s="143"/>
      <c r="AA1385" s="137"/>
      <c r="AB1385" s="137"/>
      <c r="AC1385" s="137"/>
      <c r="AD1385" s="137"/>
      <c r="AE1385" s="137"/>
      <c r="AF1385" s="137"/>
      <c r="AG1385" s="137"/>
      <c r="AH1385" s="137"/>
      <c r="AI1385" s="137"/>
      <c r="AJ1385" s="137"/>
      <c r="AK1385" s="206"/>
      <c r="AL1385" s="206"/>
      <c r="AM1385" s="143"/>
      <c r="AN1385" s="137"/>
      <c r="AO1385" s="137"/>
      <c r="AP1385" s="137"/>
      <c r="AQ1385" s="137"/>
      <c r="AR1385" s="137"/>
      <c r="AS1385" s="137"/>
      <c r="AT1385" s="137"/>
      <c r="AU1385" s="137"/>
      <c r="AV1385" s="137"/>
      <c r="AW1385" s="144"/>
    </row>
    <row r="1386" spans="2:49" x14ac:dyDescent="0.2">
      <c r="B1386" s="97"/>
      <c r="G1386" s="43"/>
      <c r="J1386" s="98"/>
      <c r="K1386" s="97"/>
      <c r="N1386" s="3"/>
      <c r="W1386" s="98"/>
      <c r="Z1386" s="143"/>
      <c r="AA1386" s="137"/>
      <c r="AB1386" s="137"/>
      <c r="AC1386" s="137"/>
      <c r="AD1386" s="137"/>
      <c r="AE1386" s="137"/>
      <c r="AF1386" s="137"/>
      <c r="AG1386" s="137"/>
      <c r="AH1386" s="137"/>
      <c r="AI1386" s="137"/>
      <c r="AJ1386" s="137"/>
      <c r="AK1386" s="206"/>
      <c r="AL1386" s="206"/>
      <c r="AM1386" s="143"/>
      <c r="AN1386" s="137"/>
      <c r="AO1386" s="137"/>
      <c r="AP1386" s="137"/>
      <c r="AQ1386" s="137"/>
      <c r="AR1386" s="137"/>
      <c r="AS1386" s="137"/>
      <c r="AT1386" s="137"/>
      <c r="AU1386" s="137"/>
      <c r="AV1386" s="137"/>
      <c r="AW1386" s="144"/>
    </row>
    <row r="1387" spans="2:49" x14ac:dyDescent="0.2">
      <c r="B1387" s="97"/>
      <c r="G1387" s="43"/>
      <c r="J1387" s="98"/>
      <c r="K1387" s="97"/>
      <c r="N1387" s="3"/>
      <c r="W1387" s="98"/>
      <c r="Z1387" s="143"/>
      <c r="AA1387" s="137"/>
      <c r="AB1387" s="137"/>
      <c r="AC1387" s="137"/>
      <c r="AD1387" s="137"/>
      <c r="AE1387" s="137"/>
      <c r="AF1387" s="137"/>
      <c r="AG1387" s="137"/>
      <c r="AH1387" s="137"/>
      <c r="AI1387" s="137"/>
      <c r="AJ1387" s="137"/>
      <c r="AK1387" s="206"/>
      <c r="AL1387" s="206"/>
      <c r="AM1387" s="143"/>
      <c r="AN1387" s="137"/>
      <c r="AO1387" s="137"/>
      <c r="AP1387" s="137"/>
      <c r="AQ1387" s="137"/>
      <c r="AR1387" s="137"/>
      <c r="AS1387" s="137"/>
      <c r="AT1387" s="137"/>
      <c r="AU1387" s="137"/>
      <c r="AV1387" s="137"/>
      <c r="AW1387" s="144"/>
    </row>
    <row r="1388" spans="2:49" x14ac:dyDescent="0.2">
      <c r="B1388" s="97"/>
      <c r="G1388" s="43"/>
      <c r="J1388" s="98"/>
      <c r="K1388" s="97"/>
      <c r="N1388" s="3"/>
      <c r="W1388" s="98"/>
      <c r="Z1388" s="143"/>
      <c r="AA1388" s="137"/>
      <c r="AB1388" s="137"/>
      <c r="AC1388" s="137"/>
      <c r="AD1388" s="137"/>
      <c r="AE1388" s="137"/>
      <c r="AF1388" s="137"/>
      <c r="AG1388" s="137"/>
      <c r="AH1388" s="137"/>
      <c r="AI1388" s="137"/>
      <c r="AJ1388" s="137"/>
      <c r="AK1388" s="206"/>
      <c r="AL1388" s="206"/>
      <c r="AM1388" s="143"/>
      <c r="AN1388" s="137"/>
      <c r="AO1388" s="137"/>
      <c r="AP1388" s="137"/>
      <c r="AQ1388" s="137"/>
      <c r="AR1388" s="137"/>
      <c r="AS1388" s="137"/>
      <c r="AT1388" s="137"/>
      <c r="AU1388" s="137"/>
      <c r="AV1388" s="137"/>
      <c r="AW1388" s="144"/>
    </row>
    <row r="1389" spans="2:49" x14ac:dyDescent="0.2">
      <c r="B1389" s="97"/>
      <c r="G1389" s="43"/>
      <c r="J1389" s="98"/>
      <c r="K1389" s="97"/>
      <c r="N1389" s="3"/>
      <c r="W1389" s="98"/>
      <c r="Z1389" s="143"/>
      <c r="AA1389" s="137"/>
      <c r="AB1389" s="137"/>
      <c r="AC1389" s="137"/>
      <c r="AD1389" s="137"/>
      <c r="AE1389" s="137"/>
      <c r="AF1389" s="137"/>
      <c r="AG1389" s="137"/>
      <c r="AH1389" s="137"/>
      <c r="AI1389" s="137"/>
      <c r="AJ1389" s="137"/>
      <c r="AK1389" s="206"/>
      <c r="AL1389" s="206"/>
      <c r="AM1389" s="143"/>
      <c r="AN1389" s="137"/>
      <c r="AO1389" s="137"/>
      <c r="AP1389" s="137"/>
      <c r="AQ1389" s="137"/>
      <c r="AR1389" s="137"/>
      <c r="AS1389" s="137"/>
      <c r="AT1389" s="137"/>
      <c r="AU1389" s="137"/>
      <c r="AV1389" s="137"/>
      <c r="AW1389" s="144"/>
    </row>
    <row r="1390" spans="2:49" x14ac:dyDescent="0.2">
      <c r="B1390" s="97"/>
      <c r="G1390" s="43"/>
      <c r="J1390" s="98"/>
      <c r="K1390" s="97"/>
      <c r="N1390" s="3"/>
      <c r="W1390" s="98"/>
      <c r="Z1390" s="143"/>
      <c r="AA1390" s="137"/>
      <c r="AB1390" s="137"/>
      <c r="AC1390" s="137"/>
      <c r="AD1390" s="137"/>
      <c r="AE1390" s="137"/>
      <c r="AF1390" s="137"/>
      <c r="AG1390" s="137"/>
      <c r="AH1390" s="137"/>
      <c r="AI1390" s="137"/>
      <c r="AJ1390" s="137"/>
      <c r="AK1390" s="206"/>
      <c r="AL1390" s="206"/>
      <c r="AM1390" s="143"/>
      <c r="AN1390" s="137"/>
      <c r="AO1390" s="137"/>
      <c r="AP1390" s="137"/>
      <c r="AQ1390" s="137"/>
      <c r="AR1390" s="137"/>
      <c r="AS1390" s="137"/>
      <c r="AT1390" s="137"/>
      <c r="AU1390" s="137"/>
      <c r="AV1390" s="137"/>
      <c r="AW1390" s="144"/>
    </row>
    <row r="1391" spans="2:49" x14ac:dyDescent="0.2">
      <c r="B1391" s="97"/>
      <c r="G1391" s="43"/>
      <c r="J1391" s="98"/>
      <c r="K1391" s="97"/>
      <c r="N1391" s="3"/>
      <c r="W1391" s="98"/>
      <c r="Z1391" s="143"/>
      <c r="AA1391" s="137"/>
      <c r="AB1391" s="137"/>
      <c r="AC1391" s="137"/>
      <c r="AD1391" s="137"/>
      <c r="AE1391" s="137"/>
      <c r="AF1391" s="137"/>
      <c r="AG1391" s="137"/>
      <c r="AH1391" s="137"/>
      <c r="AI1391" s="137"/>
      <c r="AJ1391" s="137"/>
      <c r="AK1391" s="206"/>
      <c r="AL1391" s="206"/>
      <c r="AM1391" s="143"/>
      <c r="AN1391" s="137"/>
      <c r="AO1391" s="137"/>
      <c r="AP1391" s="137"/>
      <c r="AQ1391" s="137"/>
      <c r="AR1391" s="137"/>
      <c r="AS1391" s="137"/>
      <c r="AT1391" s="137"/>
      <c r="AU1391" s="137"/>
      <c r="AV1391" s="137"/>
      <c r="AW1391" s="144"/>
    </row>
    <row r="1392" spans="2:49" x14ac:dyDescent="0.2">
      <c r="B1392" s="97"/>
      <c r="G1392" s="43"/>
      <c r="J1392" s="98"/>
      <c r="K1392" s="97"/>
      <c r="N1392" s="3"/>
      <c r="W1392" s="98"/>
      <c r="Z1392" s="143"/>
      <c r="AA1392" s="137"/>
      <c r="AB1392" s="137"/>
      <c r="AC1392" s="137"/>
      <c r="AD1392" s="137"/>
      <c r="AE1392" s="137"/>
      <c r="AF1392" s="137"/>
      <c r="AG1392" s="137"/>
      <c r="AH1392" s="137"/>
      <c r="AI1392" s="137"/>
      <c r="AJ1392" s="137"/>
      <c r="AK1392" s="206"/>
      <c r="AL1392" s="206"/>
      <c r="AM1392" s="143"/>
      <c r="AN1392" s="137"/>
      <c r="AO1392" s="137"/>
      <c r="AP1392" s="137"/>
      <c r="AQ1392" s="137"/>
      <c r="AR1392" s="137"/>
      <c r="AS1392" s="137"/>
      <c r="AT1392" s="137"/>
      <c r="AU1392" s="137"/>
      <c r="AV1392" s="137"/>
      <c r="AW1392" s="144"/>
    </row>
    <row r="1393" spans="2:49" x14ac:dyDescent="0.2">
      <c r="B1393" s="97"/>
      <c r="G1393" s="43"/>
      <c r="J1393" s="98"/>
      <c r="K1393" s="97"/>
      <c r="N1393" s="3"/>
      <c r="W1393" s="98"/>
      <c r="Z1393" s="143"/>
      <c r="AA1393" s="137"/>
      <c r="AB1393" s="137"/>
      <c r="AC1393" s="137"/>
      <c r="AD1393" s="137"/>
      <c r="AE1393" s="137"/>
      <c r="AF1393" s="137"/>
      <c r="AG1393" s="137"/>
      <c r="AH1393" s="137"/>
      <c r="AI1393" s="137"/>
      <c r="AJ1393" s="137"/>
      <c r="AK1393" s="206"/>
      <c r="AL1393" s="206"/>
      <c r="AM1393" s="143"/>
      <c r="AN1393" s="137"/>
      <c r="AO1393" s="137"/>
      <c r="AP1393" s="137"/>
      <c r="AQ1393" s="137"/>
      <c r="AR1393" s="137"/>
      <c r="AS1393" s="137"/>
      <c r="AT1393" s="137"/>
      <c r="AU1393" s="137"/>
      <c r="AV1393" s="137"/>
      <c r="AW1393" s="144"/>
    </row>
    <row r="1394" spans="2:49" x14ac:dyDescent="0.2">
      <c r="B1394" s="97"/>
      <c r="G1394" s="43"/>
      <c r="J1394" s="98"/>
      <c r="K1394" s="97"/>
      <c r="N1394" s="3"/>
      <c r="W1394" s="98"/>
      <c r="Z1394" s="143"/>
      <c r="AA1394" s="137"/>
      <c r="AB1394" s="137"/>
      <c r="AC1394" s="137"/>
      <c r="AD1394" s="137"/>
      <c r="AE1394" s="137"/>
      <c r="AF1394" s="137"/>
      <c r="AG1394" s="137"/>
      <c r="AH1394" s="137"/>
      <c r="AI1394" s="137"/>
      <c r="AJ1394" s="137"/>
      <c r="AK1394" s="206"/>
      <c r="AL1394" s="206"/>
      <c r="AM1394" s="143"/>
      <c r="AN1394" s="137"/>
      <c r="AO1394" s="137"/>
      <c r="AP1394" s="137"/>
      <c r="AQ1394" s="137"/>
      <c r="AR1394" s="137"/>
      <c r="AS1394" s="137"/>
      <c r="AT1394" s="137"/>
      <c r="AU1394" s="137"/>
      <c r="AV1394" s="137"/>
      <c r="AW1394" s="144"/>
    </row>
    <row r="1395" spans="2:49" x14ac:dyDescent="0.2">
      <c r="B1395" s="97"/>
      <c r="G1395" s="43"/>
      <c r="J1395" s="98"/>
      <c r="K1395" s="97"/>
      <c r="N1395" s="3"/>
      <c r="W1395" s="98"/>
      <c r="Z1395" s="143"/>
      <c r="AA1395" s="137"/>
      <c r="AB1395" s="137"/>
      <c r="AC1395" s="137"/>
      <c r="AD1395" s="137"/>
      <c r="AE1395" s="137"/>
      <c r="AF1395" s="137"/>
      <c r="AG1395" s="137"/>
      <c r="AH1395" s="137"/>
      <c r="AI1395" s="137"/>
      <c r="AJ1395" s="137"/>
      <c r="AK1395" s="206"/>
      <c r="AL1395" s="206"/>
      <c r="AM1395" s="143"/>
      <c r="AN1395" s="137"/>
      <c r="AO1395" s="137"/>
      <c r="AP1395" s="137"/>
      <c r="AQ1395" s="137"/>
      <c r="AR1395" s="137"/>
      <c r="AS1395" s="137"/>
      <c r="AT1395" s="137"/>
      <c r="AU1395" s="137"/>
      <c r="AV1395" s="137"/>
      <c r="AW1395" s="144"/>
    </row>
    <row r="1396" spans="2:49" x14ac:dyDescent="0.2">
      <c r="B1396" s="97"/>
      <c r="G1396" s="43"/>
      <c r="J1396" s="98"/>
      <c r="K1396" s="97"/>
      <c r="N1396" s="3"/>
      <c r="W1396" s="98"/>
      <c r="Z1396" s="143"/>
      <c r="AA1396" s="137"/>
      <c r="AB1396" s="137"/>
      <c r="AC1396" s="137"/>
      <c r="AD1396" s="137"/>
      <c r="AE1396" s="137"/>
      <c r="AF1396" s="137"/>
      <c r="AG1396" s="137"/>
      <c r="AH1396" s="137"/>
      <c r="AI1396" s="137"/>
      <c r="AJ1396" s="137"/>
      <c r="AK1396" s="206"/>
      <c r="AL1396" s="206"/>
      <c r="AM1396" s="143"/>
      <c r="AN1396" s="137"/>
      <c r="AO1396" s="137"/>
      <c r="AP1396" s="137"/>
      <c r="AQ1396" s="137"/>
      <c r="AR1396" s="137"/>
      <c r="AS1396" s="137"/>
      <c r="AT1396" s="137"/>
      <c r="AU1396" s="137"/>
      <c r="AV1396" s="137"/>
      <c r="AW1396" s="144"/>
    </row>
    <row r="1397" spans="2:49" x14ac:dyDescent="0.2">
      <c r="B1397" s="97"/>
      <c r="G1397" s="43"/>
      <c r="J1397" s="98"/>
      <c r="K1397" s="97"/>
      <c r="N1397" s="3"/>
      <c r="W1397" s="98"/>
      <c r="Z1397" s="143"/>
      <c r="AA1397" s="137"/>
      <c r="AB1397" s="137"/>
      <c r="AC1397" s="137"/>
      <c r="AD1397" s="137"/>
      <c r="AE1397" s="137"/>
      <c r="AF1397" s="137"/>
      <c r="AG1397" s="137"/>
      <c r="AH1397" s="137"/>
      <c r="AI1397" s="137"/>
      <c r="AJ1397" s="137"/>
      <c r="AK1397" s="206"/>
      <c r="AL1397" s="206"/>
      <c r="AM1397" s="143"/>
      <c r="AN1397" s="137"/>
      <c r="AO1397" s="137"/>
      <c r="AP1397" s="137"/>
      <c r="AQ1397" s="137"/>
      <c r="AR1397" s="137"/>
      <c r="AS1397" s="137"/>
      <c r="AT1397" s="137"/>
      <c r="AU1397" s="137"/>
      <c r="AV1397" s="137"/>
      <c r="AW1397" s="144"/>
    </row>
    <row r="1398" spans="2:49" x14ac:dyDescent="0.2">
      <c r="B1398" s="97"/>
      <c r="G1398" s="43"/>
      <c r="J1398" s="98"/>
      <c r="K1398" s="97"/>
      <c r="N1398" s="3"/>
      <c r="W1398" s="98"/>
      <c r="Z1398" s="143"/>
      <c r="AA1398" s="137"/>
      <c r="AB1398" s="137"/>
      <c r="AC1398" s="137"/>
      <c r="AD1398" s="137"/>
      <c r="AE1398" s="137"/>
      <c r="AF1398" s="137"/>
      <c r="AG1398" s="137"/>
      <c r="AH1398" s="137"/>
      <c r="AI1398" s="137"/>
      <c r="AJ1398" s="137"/>
      <c r="AK1398" s="206"/>
      <c r="AL1398" s="206"/>
      <c r="AM1398" s="143"/>
      <c r="AN1398" s="137"/>
      <c r="AO1398" s="137"/>
      <c r="AP1398" s="137"/>
      <c r="AQ1398" s="137"/>
      <c r="AR1398" s="137"/>
      <c r="AS1398" s="137"/>
      <c r="AT1398" s="137"/>
      <c r="AU1398" s="137"/>
      <c r="AV1398" s="137"/>
      <c r="AW1398" s="144"/>
    </row>
    <row r="1399" spans="2:49" x14ac:dyDescent="0.2">
      <c r="B1399" s="97"/>
      <c r="G1399" s="43"/>
      <c r="J1399" s="98"/>
      <c r="K1399" s="97"/>
      <c r="N1399" s="3"/>
      <c r="W1399" s="98"/>
      <c r="Z1399" s="143"/>
      <c r="AA1399" s="137"/>
      <c r="AB1399" s="137"/>
      <c r="AC1399" s="137"/>
      <c r="AD1399" s="137"/>
      <c r="AE1399" s="137"/>
      <c r="AF1399" s="137"/>
      <c r="AG1399" s="137"/>
      <c r="AH1399" s="137"/>
      <c r="AI1399" s="137"/>
      <c r="AJ1399" s="137"/>
      <c r="AK1399" s="206"/>
      <c r="AL1399" s="206"/>
      <c r="AM1399" s="143"/>
      <c r="AN1399" s="137"/>
      <c r="AO1399" s="137"/>
      <c r="AP1399" s="137"/>
      <c r="AQ1399" s="137"/>
      <c r="AR1399" s="137"/>
      <c r="AS1399" s="137"/>
      <c r="AT1399" s="137"/>
      <c r="AU1399" s="137"/>
      <c r="AV1399" s="137"/>
      <c r="AW1399" s="144"/>
    </row>
    <row r="1400" spans="2:49" x14ac:dyDescent="0.2">
      <c r="B1400" s="97"/>
      <c r="G1400" s="43"/>
      <c r="J1400" s="98"/>
      <c r="K1400" s="97"/>
      <c r="N1400" s="3"/>
      <c r="W1400" s="98"/>
      <c r="Z1400" s="143"/>
      <c r="AA1400" s="137"/>
      <c r="AB1400" s="137"/>
      <c r="AC1400" s="137"/>
      <c r="AD1400" s="137"/>
      <c r="AE1400" s="137"/>
      <c r="AF1400" s="137"/>
      <c r="AG1400" s="137"/>
      <c r="AH1400" s="137"/>
      <c r="AI1400" s="137"/>
      <c r="AJ1400" s="137"/>
      <c r="AK1400" s="206"/>
      <c r="AL1400" s="206"/>
      <c r="AM1400" s="143"/>
      <c r="AN1400" s="137"/>
      <c r="AO1400" s="137"/>
      <c r="AP1400" s="137"/>
      <c r="AQ1400" s="137"/>
      <c r="AR1400" s="137"/>
      <c r="AS1400" s="137"/>
      <c r="AT1400" s="137"/>
      <c r="AU1400" s="137"/>
      <c r="AV1400" s="137"/>
      <c r="AW1400" s="144"/>
    </row>
    <row r="1401" spans="2:49" x14ac:dyDescent="0.2">
      <c r="B1401" s="97"/>
      <c r="G1401" s="43"/>
      <c r="J1401" s="98"/>
      <c r="K1401" s="97"/>
      <c r="N1401" s="3"/>
      <c r="W1401" s="98"/>
      <c r="Z1401" s="143"/>
      <c r="AA1401" s="137"/>
      <c r="AB1401" s="137"/>
      <c r="AC1401" s="137"/>
      <c r="AD1401" s="137"/>
      <c r="AE1401" s="137"/>
      <c r="AF1401" s="137"/>
      <c r="AG1401" s="137"/>
      <c r="AH1401" s="137"/>
      <c r="AI1401" s="137"/>
      <c r="AJ1401" s="137"/>
      <c r="AK1401" s="206"/>
      <c r="AL1401" s="206"/>
      <c r="AM1401" s="143"/>
      <c r="AN1401" s="137"/>
      <c r="AO1401" s="137"/>
      <c r="AP1401" s="137"/>
      <c r="AQ1401" s="137"/>
      <c r="AR1401" s="137"/>
      <c r="AS1401" s="137"/>
      <c r="AT1401" s="137"/>
      <c r="AU1401" s="137"/>
      <c r="AV1401" s="137"/>
      <c r="AW1401" s="144"/>
    </row>
    <row r="1402" spans="2:49" x14ac:dyDescent="0.2">
      <c r="B1402" s="97"/>
      <c r="G1402" s="43"/>
      <c r="J1402" s="98"/>
      <c r="K1402" s="97"/>
      <c r="N1402" s="3"/>
      <c r="W1402" s="98"/>
      <c r="Z1402" s="143"/>
      <c r="AA1402" s="137"/>
      <c r="AB1402" s="137"/>
      <c r="AC1402" s="137"/>
      <c r="AD1402" s="137"/>
      <c r="AE1402" s="137"/>
      <c r="AF1402" s="137"/>
      <c r="AG1402" s="137"/>
      <c r="AH1402" s="137"/>
      <c r="AI1402" s="137"/>
      <c r="AJ1402" s="137"/>
      <c r="AK1402" s="206"/>
      <c r="AL1402" s="206"/>
      <c r="AM1402" s="143"/>
      <c r="AN1402" s="137"/>
      <c r="AO1402" s="137"/>
      <c r="AP1402" s="137"/>
      <c r="AQ1402" s="137"/>
      <c r="AR1402" s="137"/>
      <c r="AS1402" s="137"/>
      <c r="AT1402" s="137"/>
      <c r="AU1402" s="137"/>
      <c r="AV1402" s="137"/>
      <c r="AW1402" s="144"/>
    </row>
    <row r="1403" spans="2:49" x14ac:dyDescent="0.2">
      <c r="B1403" s="97"/>
      <c r="G1403" s="43"/>
      <c r="J1403" s="98"/>
      <c r="K1403" s="97"/>
      <c r="N1403" s="3"/>
      <c r="W1403" s="98"/>
      <c r="Z1403" s="143"/>
      <c r="AA1403" s="137"/>
      <c r="AB1403" s="137"/>
      <c r="AC1403" s="137"/>
      <c r="AD1403" s="137"/>
      <c r="AE1403" s="137"/>
      <c r="AF1403" s="137"/>
      <c r="AG1403" s="137"/>
      <c r="AH1403" s="137"/>
      <c r="AI1403" s="137"/>
      <c r="AJ1403" s="137"/>
      <c r="AK1403" s="206"/>
      <c r="AL1403" s="206"/>
      <c r="AM1403" s="143"/>
      <c r="AN1403" s="137"/>
      <c r="AO1403" s="137"/>
      <c r="AP1403" s="137"/>
      <c r="AQ1403" s="137"/>
      <c r="AR1403" s="137"/>
      <c r="AS1403" s="137"/>
      <c r="AT1403" s="137"/>
      <c r="AU1403" s="137"/>
      <c r="AV1403" s="137"/>
      <c r="AW1403" s="144"/>
    </row>
    <row r="1404" spans="2:49" x14ac:dyDescent="0.2">
      <c r="B1404" s="97"/>
      <c r="G1404" s="43"/>
      <c r="J1404" s="98"/>
      <c r="K1404" s="97"/>
      <c r="N1404" s="3"/>
      <c r="W1404" s="98"/>
      <c r="Z1404" s="143"/>
      <c r="AA1404" s="137"/>
      <c r="AB1404" s="137"/>
      <c r="AC1404" s="137"/>
      <c r="AD1404" s="137"/>
      <c r="AE1404" s="137"/>
      <c r="AF1404" s="137"/>
      <c r="AG1404" s="137"/>
      <c r="AH1404" s="137"/>
      <c r="AI1404" s="137"/>
      <c r="AJ1404" s="137"/>
      <c r="AK1404" s="206"/>
      <c r="AL1404" s="206"/>
      <c r="AM1404" s="143"/>
      <c r="AN1404" s="137"/>
      <c r="AO1404" s="137"/>
      <c r="AP1404" s="137"/>
      <c r="AQ1404" s="137"/>
      <c r="AR1404" s="137"/>
      <c r="AS1404" s="137"/>
      <c r="AT1404" s="137"/>
      <c r="AU1404" s="137"/>
      <c r="AV1404" s="137"/>
      <c r="AW1404" s="144"/>
    </row>
    <row r="1405" spans="2:49" x14ac:dyDescent="0.2">
      <c r="B1405" s="97"/>
      <c r="G1405" s="43"/>
      <c r="J1405" s="98"/>
      <c r="K1405" s="97"/>
      <c r="N1405" s="3"/>
      <c r="W1405" s="98"/>
      <c r="Z1405" s="143"/>
      <c r="AA1405" s="137"/>
      <c r="AB1405" s="137"/>
      <c r="AC1405" s="137"/>
      <c r="AD1405" s="137"/>
      <c r="AE1405" s="137"/>
      <c r="AF1405" s="137"/>
      <c r="AG1405" s="137"/>
      <c r="AH1405" s="137"/>
      <c r="AI1405" s="137"/>
      <c r="AJ1405" s="137"/>
      <c r="AK1405" s="206"/>
      <c r="AL1405" s="206"/>
      <c r="AM1405" s="143"/>
      <c r="AN1405" s="137"/>
      <c r="AO1405" s="137"/>
      <c r="AP1405" s="137"/>
      <c r="AQ1405" s="137"/>
      <c r="AR1405" s="137"/>
      <c r="AS1405" s="137"/>
      <c r="AT1405" s="137"/>
      <c r="AU1405" s="137"/>
      <c r="AV1405" s="137"/>
      <c r="AW1405" s="144"/>
    </row>
    <row r="1406" spans="2:49" x14ac:dyDescent="0.2">
      <c r="B1406" s="97"/>
      <c r="G1406" s="43"/>
      <c r="J1406" s="98"/>
      <c r="K1406" s="97"/>
      <c r="N1406" s="3"/>
      <c r="W1406" s="98"/>
      <c r="Z1406" s="143"/>
      <c r="AA1406" s="137"/>
      <c r="AB1406" s="137"/>
      <c r="AC1406" s="137"/>
      <c r="AD1406" s="137"/>
      <c r="AE1406" s="137"/>
      <c r="AF1406" s="137"/>
      <c r="AG1406" s="137"/>
      <c r="AH1406" s="137"/>
      <c r="AI1406" s="137"/>
      <c r="AJ1406" s="137"/>
      <c r="AK1406" s="206"/>
      <c r="AL1406" s="206"/>
      <c r="AM1406" s="143"/>
      <c r="AN1406" s="137"/>
      <c r="AO1406" s="137"/>
      <c r="AP1406" s="137"/>
      <c r="AQ1406" s="137"/>
      <c r="AR1406" s="137"/>
      <c r="AS1406" s="137"/>
      <c r="AT1406" s="137"/>
      <c r="AU1406" s="137"/>
      <c r="AV1406" s="137"/>
      <c r="AW1406" s="144"/>
    </row>
    <row r="1407" spans="2:49" x14ac:dyDescent="0.2">
      <c r="B1407" s="97"/>
      <c r="G1407" s="43"/>
      <c r="J1407" s="98"/>
      <c r="K1407" s="97"/>
      <c r="N1407" s="3"/>
      <c r="W1407" s="98"/>
      <c r="Z1407" s="143"/>
      <c r="AA1407" s="137"/>
      <c r="AB1407" s="137"/>
      <c r="AC1407" s="137"/>
      <c r="AD1407" s="137"/>
      <c r="AE1407" s="137"/>
      <c r="AF1407" s="137"/>
      <c r="AG1407" s="137"/>
      <c r="AH1407" s="137"/>
      <c r="AI1407" s="137"/>
      <c r="AJ1407" s="137"/>
      <c r="AK1407" s="206"/>
      <c r="AL1407" s="206"/>
      <c r="AM1407" s="143"/>
      <c r="AN1407" s="137"/>
      <c r="AO1407" s="137"/>
      <c r="AP1407" s="137"/>
      <c r="AQ1407" s="137"/>
      <c r="AR1407" s="137"/>
      <c r="AS1407" s="137"/>
      <c r="AT1407" s="137"/>
      <c r="AU1407" s="137"/>
      <c r="AV1407" s="137"/>
      <c r="AW1407" s="144"/>
    </row>
    <row r="1408" spans="2:49" x14ac:dyDescent="0.2">
      <c r="B1408" s="97"/>
      <c r="G1408" s="43"/>
      <c r="J1408" s="98"/>
      <c r="K1408" s="97"/>
      <c r="N1408" s="3"/>
      <c r="W1408" s="98"/>
      <c r="Z1408" s="143"/>
      <c r="AA1408" s="137"/>
      <c r="AB1408" s="137"/>
      <c r="AC1408" s="137"/>
      <c r="AD1408" s="137"/>
      <c r="AE1408" s="137"/>
      <c r="AF1408" s="137"/>
      <c r="AG1408" s="137"/>
      <c r="AH1408" s="137"/>
      <c r="AI1408" s="137"/>
      <c r="AJ1408" s="137"/>
      <c r="AK1408" s="206"/>
      <c r="AL1408" s="206"/>
      <c r="AM1408" s="143"/>
      <c r="AN1408" s="137"/>
      <c r="AO1408" s="137"/>
      <c r="AP1408" s="137"/>
      <c r="AQ1408" s="137"/>
      <c r="AR1408" s="137"/>
      <c r="AS1408" s="137"/>
      <c r="AT1408" s="137"/>
      <c r="AU1408" s="137"/>
      <c r="AV1408" s="137"/>
      <c r="AW1408" s="144"/>
    </row>
    <row r="1409" spans="2:49" x14ac:dyDescent="0.2">
      <c r="B1409" s="97"/>
      <c r="G1409" s="43"/>
      <c r="J1409" s="98"/>
      <c r="K1409" s="97"/>
      <c r="N1409" s="3"/>
      <c r="W1409" s="98"/>
      <c r="Z1409" s="143"/>
      <c r="AA1409" s="137"/>
      <c r="AB1409" s="137"/>
      <c r="AC1409" s="137"/>
      <c r="AD1409" s="137"/>
      <c r="AE1409" s="137"/>
      <c r="AF1409" s="137"/>
      <c r="AG1409" s="137"/>
      <c r="AH1409" s="137"/>
      <c r="AI1409" s="137"/>
      <c r="AJ1409" s="137"/>
      <c r="AK1409" s="206"/>
      <c r="AL1409" s="206"/>
      <c r="AM1409" s="143"/>
      <c r="AN1409" s="137"/>
      <c r="AO1409" s="137"/>
      <c r="AP1409" s="137"/>
      <c r="AQ1409" s="137"/>
      <c r="AR1409" s="137"/>
      <c r="AS1409" s="137"/>
      <c r="AT1409" s="137"/>
      <c r="AU1409" s="137"/>
      <c r="AV1409" s="137"/>
      <c r="AW1409" s="144"/>
    </row>
    <row r="1410" spans="2:49" x14ac:dyDescent="0.2">
      <c r="B1410" s="97"/>
      <c r="G1410" s="43"/>
      <c r="J1410" s="98"/>
      <c r="K1410" s="97"/>
      <c r="N1410" s="3"/>
      <c r="W1410" s="98"/>
      <c r="Z1410" s="143"/>
      <c r="AA1410" s="137"/>
      <c r="AB1410" s="137"/>
      <c r="AC1410" s="137"/>
      <c r="AD1410" s="137"/>
      <c r="AE1410" s="137"/>
      <c r="AF1410" s="137"/>
      <c r="AG1410" s="137"/>
      <c r="AH1410" s="137"/>
      <c r="AI1410" s="137"/>
      <c r="AJ1410" s="137"/>
      <c r="AK1410" s="206"/>
      <c r="AL1410" s="206"/>
      <c r="AM1410" s="143"/>
      <c r="AN1410" s="137"/>
      <c r="AO1410" s="137"/>
      <c r="AP1410" s="137"/>
      <c r="AQ1410" s="137"/>
      <c r="AR1410" s="137"/>
      <c r="AS1410" s="137"/>
      <c r="AT1410" s="137"/>
      <c r="AU1410" s="137"/>
      <c r="AV1410" s="137"/>
      <c r="AW1410" s="144"/>
    </row>
    <row r="1411" spans="2:49" x14ac:dyDescent="0.2">
      <c r="B1411" s="97"/>
      <c r="G1411" s="43"/>
      <c r="J1411" s="98"/>
      <c r="K1411" s="97"/>
      <c r="N1411" s="3"/>
      <c r="W1411" s="98"/>
      <c r="Z1411" s="143"/>
      <c r="AA1411" s="137"/>
      <c r="AB1411" s="137"/>
      <c r="AC1411" s="137"/>
      <c r="AD1411" s="137"/>
      <c r="AE1411" s="137"/>
      <c r="AF1411" s="137"/>
      <c r="AG1411" s="137"/>
      <c r="AH1411" s="137"/>
      <c r="AI1411" s="137"/>
      <c r="AJ1411" s="137"/>
      <c r="AK1411" s="206"/>
      <c r="AL1411" s="206"/>
      <c r="AM1411" s="143"/>
      <c r="AN1411" s="137"/>
      <c r="AO1411" s="137"/>
      <c r="AP1411" s="137"/>
      <c r="AQ1411" s="137"/>
      <c r="AR1411" s="137"/>
      <c r="AS1411" s="137"/>
      <c r="AT1411" s="137"/>
      <c r="AU1411" s="137"/>
      <c r="AV1411" s="137"/>
      <c r="AW1411" s="144"/>
    </row>
    <row r="1412" spans="2:49" x14ac:dyDescent="0.2">
      <c r="B1412" s="97"/>
      <c r="G1412" s="43"/>
      <c r="J1412" s="98"/>
      <c r="K1412" s="97"/>
      <c r="N1412" s="3"/>
      <c r="W1412" s="98"/>
      <c r="Z1412" s="143"/>
      <c r="AA1412" s="137"/>
      <c r="AB1412" s="137"/>
      <c r="AC1412" s="137"/>
      <c r="AD1412" s="137"/>
      <c r="AE1412" s="137"/>
      <c r="AF1412" s="137"/>
      <c r="AG1412" s="137"/>
      <c r="AH1412" s="137"/>
      <c r="AI1412" s="137"/>
      <c r="AJ1412" s="137"/>
      <c r="AK1412" s="206"/>
      <c r="AL1412" s="206"/>
      <c r="AM1412" s="143"/>
      <c r="AN1412" s="137"/>
      <c r="AO1412" s="137"/>
      <c r="AP1412" s="137"/>
      <c r="AQ1412" s="137"/>
      <c r="AR1412" s="137"/>
      <c r="AS1412" s="137"/>
      <c r="AT1412" s="137"/>
      <c r="AU1412" s="137"/>
      <c r="AV1412" s="137"/>
      <c r="AW1412" s="144"/>
    </row>
    <row r="1413" spans="2:49" x14ac:dyDescent="0.2">
      <c r="B1413" s="97"/>
      <c r="G1413" s="43"/>
      <c r="J1413" s="98"/>
      <c r="K1413" s="97"/>
      <c r="N1413" s="3"/>
      <c r="W1413" s="98"/>
      <c r="Z1413" s="143"/>
      <c r="AA1413" s="137"/>
      <c r="AB1413" s="137"/>
      <c r="AC1413" s="137"/>
      <c r="AD1413" s="137"/>
      <c r="AE1413" s="137"/>
      <c r="AF1413" s="137"/>
      <c r="AG1413" s="137"/>
      <c r="AH1413" s="137"/>
      <c r="AI1413" s="137"/>
      <c r="AJ1413" s="137"/>
      <c r="AK1413" s="206"/>
      <c r="AL1413" s="206"/>
      <c r="AM1413" s="143"/>
      <c r="AN1413" s="137"/>
      <c r="AO1413" s="137"/>
      <c r="AP1413" s="137"/>
      <c r="AQ1413" s="137"/>
      <c r="AR1413" s="137"/>
      <c r="AS1413" s="137"/>
      <c r="AT1413" s="137"/>
      <c r="AU1413" s="137"/>
      <c r="AV1413" s="137"/>
      <c r="AW1413" s="144"/>
    </row>
    <row r="1414" spans="2:49" x14ac:dyDescent="0.2">
      <c r="B1414" s="97"/>
      <c r="G1414" s="43"/>
      <c r="J1414" s="98"/>
      <c r="K1414" s="97"/>
      <c r="N1414" s="3"/>
      <c r="W1414" s="98"/>
      <c r="Z1414" s="143"/>
      <c r="AA1414" s="137"/>
      <c r="AB1414" s="137"/>
      <c r="AC1414" s="137"/>
      <c r="AD1414" s="137"/>
      <c r="AE1414" s="137"/>
      <c r="AF1414" s="137"/>
      <c r="AG1414" s="137"/>
      <c r="AH1414" s="137"/>
      <c r="AI1414" s="137"/>
      <c r="AJ1414" s="137"/>
      <c r="AK1414" s="206"/>
      <c r="AL1414" s="206"/>
      <c r="AM1414" s="143"/>
      <c r="AN1414" s="137"/>
      <c r="AO1414" s="137"/>
      <c r="AP1414" s="137"/>
      <c r="AQ1414" s="137"/>
      <c r="AR1414" s="137"/>
      <c r="AS1414" s="137"/>
      <c r="AT1414" s="137"/>
      <c r="AU1414" s="137"/>
      <c r="AV1414" s="137"/>
      <c r="AW1414" s="144"/>
    </row>
    <row r="1415" spans="2:49" x14ac:dyDescent="0.2">
      <c r="B1415" s="97"/>
      <c r="G1415" s="43"/>
      <c r="J1415" s="98"/>
      <c r="K1415" s="97"/>
      <c r="N1415" s="3"/>
      <c r="W1415" s="98"/>
      <c r="Z1415" s="143"/>
      <c r="AA1415" s="137"/>
      <c r="AB1415" s="137"/>
      <c r="AC1415" s="137"/>
      <c r="AD1415" s="137"/>
      <c r="AE1415" s="137"/>
      <c r="AF1415" s="137"/>
      <c r="AG1415" s="137"/>
      <c r="AH1415" s="137"/>
      <c r="AI1415" s="137"/>
      <c r="AJ1415" s="137"/>
      <c r="AK1415" s="206"/>
      <c r="AL1415" s="206"/>
      <c r="AM1415" s="143"/>
      <c r="AN1415" s="137"/>
      <c r="AO1415" s="137"/>
      <c r="AP1415" s="137"/>
      <c r="AQ1415" s="137"/>
      <c r="AR1415" s="137"/>
      <c r="AS1415" s="137"/>
      <c r="AT1415" s="137"/>
      <c r="AU1415" s="137"/>
      <c r="AV1415" s="137"/>
      <c r="AW1415" s="144"/>
    </row>
    <row r="1416" spans="2:49" x14ac:dyDescent="0.2">
      <c r="B1416" s="97"/>
      <c r="G1416" s="43"/>
      <c r="J1416" s="98"/>
      <c r="K1416" s="97"/>
      <c r="N1416" s="3"/>
      <c r="W1416" s="98"/>
      <c r="Z1416" s="143"/>
      <c r="AA1416" s="137"/>
      <c r="AB1416" s="137"/>
      <c r="AC1416" s="137"/>
      <c r="AD1416" s="137"/>
      <c r="AE1416" s="137"/>
      <c r="AF1416" s="137"/>
      <c r="AG1416" s="137"/>
      <c r="AH1416" s="137"/>
      <c r="AI1416" s="137"/>
      <c r="AJ1416" s="137"/>
      <c r="AK1416" s="206"/>
      <c r="AL1416" s="206"/>
      <c r="AM1416" s="143"/>
      <c r="AN1416" s="137"/>
      <c r="AO1416" s="137"/>
      <c r="AP1416" s="137"/>
      <c r="AQ1416" s="137"/>
      <c r="AR1416" s="137"/>
      <c r="AS1416" s="137"/>
      <c r="AT1416" s="137"/>
      <c r="AU1416" s="137"/>
      <c r="AV1416" s="137"/>
      <c r="AW1416" s="144"/>
    </row>
    <row r="1417" spans="2:49" x14ac:dyDescent="0.2">
      <c r="B1417" s="97"/>
      <c r="G1417" s="43"/>
      <c r="J1417" s="98"/>
      <c r="K1417" s="97"/>
      <c r="N1417" s="3"/>
      <c r="W1417" s="98"/>
      <c r="Z1417" s="143"/>
      <c r="AA1417" s="137"/>
      <c r="AB1417" s="137"/>
      <c r="AC1417" s="137"/>
      <c r="AD1417" s="137"/>
      <c r="AE1417" s="137"/>
      <c r="AF1417" s="137"/>
      <c r="AG1417" s="137"/>
      <c r="AH1417" s="137"/>
      <c r="AI1417" s="137"/>
      <c r="AJ1417" s="137"/>
      <c r="AK1417" s="206"/>
      <c r="AL1417" s="206"/>
      <c r="AM1417" s="143"/>
      <c r="AN1417" s="137"/>
      <c r="AO1417" s="137"/>
      <c r="AP1417" s="137"/>
      <c r="AQ1417" s="137"/>
      <c r="AR1417" s="137"/>
      <c r="AS1417" s="137"/>
      <c r="AT1417" s="137"/>
      <c r="AU1417" s="137"/>
      <c r="AV1417" s="137"/>
      <c r="AW1417" s="144"/>
    </row>
    <row r="1418" spans="2:49" x14ac:dyDescent="0.2">
      <c r="B1418" s="97"/>
      <c r="G1418" s="43"/>
      <c r="J1418" s="98"/>
      <c r="K1418" s="97"/>
      <c r="N1418" s="3"/>
      <c r="W1418" s="98"/>
      <c r="Z1418" s="143"/>
      <c r="AA1418" s="137"/>
      <c r="AB1418" s="137"/>
      <c r="AC1418" s="137"/>
      <c r="AD1418" s="137"/>
      <c r="AE1418" s="137"/>
      <c r="AF1418" s="137"/>
      <c r="AG1418" s="137"/>
      <c r="AH1418" s="137"/>
      <c r="AI1418" s="137"/>
      <c r="AJ1418" s="137"/>
      <c r="AK1418" s="206"/>
      <c r="AL1418" s="206"/>
      <c r="AM1418" s="143"/>
      <c r="AN1418" s="137"/>
      <c r="AO1418" s="137"/>
      <c r="AP1418" s="137"/>
      <c r="AQ1418" s="137"/>
      <c r="AR1418" s="137"/>
      <c r="AS1418" s="137"/>
      <c r="AT1418" s="137"/>
      <c r="AU1418" s="137"/>
      <c r="AV1418" s="137"/>
      <c r="AW1418" s="144"/>
    </row>
    <row r="1419" spans="2:49" x14ac:dyDescent="0.2">
      <c r="B1419" s="97"/>
      <c r="G1419" s="43"/>
      <c r="J1419" s="98"/>
      <c r="K1419" s="97"/>
      <c r="N1419" s="3"/>
      <c r="W1419" s="98"/>
      <c r="Z1419" s="143"/>
      <c r="AA1419" s="137"/>
      <c r="AB1419" s="137"/>
      <c r="AC1419" s="137"/>
      <c r="AD1419" s="137"/>
      <c r="AE1419" s="137"/>
      <c r="AF1419" s="137"/>
      <c r="AG1419" s="137"/>
      <c r="AH1419" s="137"/>
      <c r="AI1419" s="137"/>
      <c r="AJ1419" s="137"/>
      <c r="AK1419" s="206"/>
      <c r="AL1419" s="206"/>
      <c r="AM1419" s="143"/>
      <c r="AN1419" s="137"/>
      <c r="AO1419" s="137"/>
      <c r="AP1419" s="137"/>
      <c r="AQ1419" s="137"/>
      <c r="AR1419" s="137"/>
      <c r="AS1419" s="137"/>
      <c r="AT1419" s="137"/>
      <c r="AU1419" s="137"/>
      <c r="AV1419" s="137"/>
      <c r="AW1419" s="144"/>
    </row>
    <row r="1420" spans="2:49" x14ac:dyDescent="0.2">
      <c r="B1420" s="97"/>
      <c r="G1420" s="43"/>
      <c r="J1420" s="98"/>
      <c r="K1420" s="97"/>
      <c r="N1420" s="3"/>
      <c r="W1420" s="98"/>
      <c r="Z1420" s="143"/>
      <c r="AA1420" s="137"/>
      <c r="AB1420" s="137"/>
      <c r="AC1420" s="137"/>
      <c r="AD1420" s="137"/>
      <c r="AE1420" s="137"/>
      <c r="AF1420" s="137"/>
      <c r="AG1420" s="137"/>
      <c r="AH1420" s="137"/>
      <c r="AI1420" s="137"/>
      <c r="AJ1420" s="137"/>
      <c r="AK1420" s="206"/>
      <c r="AL1420" s="206"/>
      <c r="AM1420" s="143"/>
      <c r="AN1420" s="137"/>
      <c r="AO1420" s="137"/>
      <c r="AP1420" s="137"/>
      <c r="AQ1420" s="137"/>
      <c r="AR1420" s="137"/>
      <c r="AS1420" s="137"/>
      <c r="AT1420" s="137"/>
      <c r="AU1420" s="137"/>
      <c r="AV1420" s="137"/>
      <c r="AW1420" s="144"/>
    </row>
    <row r="1421" spans="2:49" x14ac:dyDescent="0.2">
      <c r="B1421" s="97"/>
      <c r="G1421" s="43"/>
      <c r="J1421" s="98"/>
      <c r="K1421" s="97"/>
      <c r="N1421" s="3"/>
      <c r="W1421" s="98"/>
      <c r="Z1421" s="143"/>
      <c r="AA1421" s="137"/>
      <c r="AB1421" s="137"/>
      <c r="AC1421" s="137"/>
      <c r="AD1421" s="137"/>
      <c r="AE1421" s="137"/>
      <c r="AF1421" s="137"/>
      <c r="AG1421" s="137"/>
      <c r="AH1421" s="137"/>
      <c r="AI1421" s="137"/>
      <c r="AJ1421" s="137"/>
      <c r="AK1421" s="206"/>
      <c r="AL1421" s="206"/>
      <c r="AM1421" s="143"/>
      <c r="AN1421" s="137"/>
      <c r="AO1421" s="137"/>
      <c r="AP1421" s="137"/>
      <c r="AQ1421" s="137"/>
      <c r="AR1421" s="137"/>
      <c r="AS1421" s="137"/>
      <c r="AT1421" s="137"/>
      <c r="AU1421" s="137"/>
      <c r="AV1421" s="137"/>
      <c r="AW1421" s="144"/>
    </row>
    <row r="1422" spans="2:49" x14ac:dyDescent="0.2">
      <c r="B1422" s="97"/>
      <c r="G1422" s="43"/>
      <c r="J1422" s="98"/>
      <c r="K1422" s="97"/>
      <c r="N1422" s="3"/>
      <c r="W1422" s="98"/>
      <c r="Z1422" s="143"/>
      <c r="AA1422" s="137"/>
      <c r="AB1422" s="137"/>
      <c r="AC1422" s="137"/>
      <c r="AD1422" s="137"/>
      <c r="AE1422" s="137"/>
      <c r="AF1422" s="137"/>
      <c r="AG1422" s="137"/>
      <c r="AH1422" s="137"/>
      <c r="AI1422" s="137"/>
      <c r="AJ1422" s="137"/>
      <c r="AK1422" s="206"/>
      <c r="AL1422" s="206"/>
      <c r="AM1422" s="143"/>
      <c r="AN1422" s="137"/>
      <c r="AO1422" s="137"/>
      <c r="AP1422" s="137"/>
      <c r="AQ1422" s="137"/>
      <c r="AR1422" s="137"/>
      <c r="AS1422" s="137"/>
      <c r="AT1422" s="137"/>
      <c r="AU1422" s="137"/>
      <c r="AV1422" s="137"/>
      <c r="AW1422" s="144"/>
    </row>
    <row r="1423" spans="2:49" x14ac:dyDescent="0.2">
      <c r="B1423" s="97"/>
      <c r="G1423" s="43"/>
      <c r="J1423" s="98"/>
      <c r="K1423" s="97"/>
      <c r="N1423" s="3"/>
      <c r="W1423" s="98"/>
      <c r="Z1423" s="143"/>
      <c r="AA1423" s="137"/>
      <c r="AB1423" s="137"/>
      <c r="AC1423" s="137"/>
      <c r="AD1423" s="137"/>
      <c r="AE1423" s="137"/>
      <c r="AF1423" s="137"/>
      <c r="AG1423" s="137"/>
      <c r="AH1423" s="137"/>
      <c r="AI1423" s="137"/>
      <c r="AJ1423" s="137"/>
      <c r="AK1423" s="206"/>
      <c r="AL1423" s="206"/>
      <c r="AM1423" s="143"/>
      <c r="AN1423" s="137"/>
      <c r="AO1423" s="137"/>
      <c r="AP1423" s="137"/>
      <c r="AQ1423" s="137"/>
      <c r="AR1423" s="137"/>
      <c r="AS1423" s="137"/>
      <c r="AT1423" s="137"/>
      <c r="AU1423" s="137"/>
      <c r="AV1423" s="137"/>
      <c r="AW1423" s="144"/>
    </row>
    <row r="1424" spans="2:49" x14ac:dyDescent="0.2">
      <c r="B1424" s="97"/>
      <c r="G1424" s="43"/>
      <c r="J1424" s="98"/>
      <c r="K1424" s="97"/>
      <c r="N1424" s="3"/>
      <c r="W1424" s="98"/>
      <c r="Z1424" s="143"/>
      <c r="AA1424" s="137"/>
      <c r="AB1424" s="137"/>
      <c r="AC1424" s="137"/>
      <c r="AD1424" s="137"/>
      <c r="AE1424" s="137"/>
      <c r="AF1424" s="137"/>
      <c r="AG1424" s="137"/>
      <c r="AH1424" s="137"/>
      <c r="AI1424" s="137"/>
      <c r="AJ1424" s="137"/>
      <c r="AK1424" s="206"/>
      <c r="AL1424" s="206"/>
      <c r="AM1424" s="143"/>
      <c r="AN1424" s="137"/>
      <c r="AO1424" s="137"/>
      <c r="AP1424" s="137"/>
      <c r="AQ1424" s="137"/>
      <c r="AR1424" s="137"/>
      <c r="AS1424" s="137"/>
      <c r="AT1424" s="137"/>
      <c r="AU1424" s="137"/>
      <c r="AV1424" s="137"/>
      <c r="AW1424" s="144"/>
    </row>
    <row r="1425" spans="2:49" x14ac:dyDescent="0.2">
      <c r="B1425" s="97"/>
      <c r="G1425" s="43"/>
      <c r="J1425" s="98"/>
      <c r="K1425" s="97"/>
      <c r="N1425" s="3"/>
      <c r="W1425" s="98"/>
      <c r="Z1425" s="143"/>
      <c r="AA1425" s="137"/>
      <c r="AB1425" s="137"/>
      <c r="AC1425" s="137"/>
      <c r="AD1425" s="137"/>
      <c r="AE1425" s="137"/>
      <c r="AF1425" s="137"/>
      <c r="AG1425" s="137"/>
      <c r="AH1425" s="137"/>
      <c r="AI1425" s="137"/>
      <c r="AJ1425" s="137"/>
      <c r="AK1425" s="206"/>
      <c r="AL1425" s="206"/>
      <c r="AM1425" s="143"/>
      <c r="AN1425" s="137"/>
      <c r="AO1425" s="137"/>
      <c r="AP1425" s="137"/>
      <c r="AQ1425" s="137"/>
      <c r="AR1425" s="137"/>
      <c r="AS1425" s="137"/>
      <c r="AT1425" s="137"/>
      <c r="AU1425" s="137"/>
      <c r="AV1425" s="137"/>
      <c r="AW1425" s="144"/>
    </row>
    <row r="1426" spans="2:49" x14ac:dyDescent="0.2">
      <c r="B1426" s="97"/>
      <c r="G1426" s="43"/>
      <c r="J1426" s="98"/>
      <c r="K1426" s="97"/>
      <c r="N1426" s="3"/>
      <c r="W1426" s="98"/>
      <c r="Z1426" s="143"/>
      <c r="AA1426" s="137"/>
      <c r="AB1426" s="137"/>
      <c r="AC1426" s="137"/>
      <c r="AD1426" s="137"/>
      <c r="AE1426" s="137"/>
      <c r="AF1426" s="137"/>
      <c r="AG1426" s="137"/>
      <c r="AH1426" s="137"/>
      <c r="AI1426" s="137"/>
      <c r="AJ1426" s="137"/>
      <c r="AK1426" s="206"/>
      <c r="AL1426" s="206"/>
      <c r="AM1426" s="143"/>
      <c r="AN1426" s="137"/>
      <c r="AO1426" s="137"/>
      <c r="AP1426" s="137"/>
      <c r="AQ1426" s="137"/>
      <c r="AR1426" s="137"/>
      <c r="AS1426" s="137"/>
      <c r="AT1426" s="137"/>
      <c r="AU1426" s="137"/>
      <c r="AV1426" s="137"/>
      <c r="AW1426" s="144"/>
    </row>
    <row r="1427" spans="2:49" x14ac:dyDescent="0.2">
      <c r="B1427" s="97"/>
      <c r="G1427" s="43"/>
      <c r="J1427" s="98"/>
      <c r="K1427" s="97"/>
      <c r="N1427" s="3"/>
      <c r="W1427" s="98"/>
      <c r="Z1427" s="143"/>
      <c r="AA1427" s="137"/>
      <c r="AB1427" s="137"/>
      <c r="AC1427" s="137"/>
      <c r="AD1427" s="137"/>
      <c r="AE1427" s="137"/>
      <c r="AF1427" s="137"/>
      <c r="AG1427" s="137"/>
      <c r="AH1427" s="137"/>
      <c r="AI1427" s="137"/>
      <c r="AJ1427" s="137"/>
      <c r="AK1427" s="206"/>
      <c r="AL1427" s="206"/>
      <c r="AM1427" s="143"/>
      <c r="AN1427" s="137"/>
      <c r="AO1427" s="137"/>
      <c r="AP1427" s="137"/>
      <c r="AQ1427" s="137"/>
      <c r="AR1427" s="137"/>
      <c r="AS1427" s="137"/>
      <c r="AT1427" s="137"/>
      <c r="AU1427" s="137"/>
      <c r="AV1427" s="137"/>
      <c r="AW1427" s="144"/>
    </row>
    <row r="1428" spans="2:49" x14ac:dyDescent="0.2">
      <c r="B1428" s="97"/>
      <c r="G1428" s="43"/>
      <c r="J1428" s="98"/>
      <c r="K1428" s="97"/>
      <c r="N1428" s="3"/>
      <c r="W1428" s="98"/>
      <c r="Z1428" s="143"/>
      <c r="AA1428" s="137"/>
      <c r="AB1428" s="137"/>
      <c r="AC1428" s="137"/>
      <c r="AD1428" s="137"/>
      <c r="AE1428" s="137"/>
      <c r="AF1428" s="137"/>
      <c r="AG1428" s="137"/>
      <c r="AH1428" s="137"/>
      <c r="AI1428" s="137"/>
      <c r="AJ1428" s="137"/>
      <c r="AK1428" s="206"/>
      <c r="AL1428" s="206"/>
      <c r="AM1428" s="143"/>
      <c r="AN1428" s="137"/>
      <c r="AO1428" s="137"/>
      <c r="AP1428" s="137"/>
      <c r="AQ1428" s="137"/>
      <c r="AR1428" s="137"/>
      <c r="AS1428" s="137"/>
      <c r="AT1428" s="137"/>
      <c r="AU1428" s="137"/>
      <c r="AV1428" s="137"/>
      <c r="AW1428" s="144"/>
    </row>
    <row r="1429" spans="2:49" x14ac:dyDescent="0.2">
      <c r="B1429" s="97"/>
      <c r="G1429" s="43"/>
      <c r="J1429" s="98"/>
      <c r="K1429" s="97"/>
      <c r="N1429" s="3"/>
      <c r="W1429" s="98"/>
      <c r="Z1429" s="143"/>
      <c r="AA1429" s="137"/>
      <c r="AB1429" s="137"/>
      <c r="AC1429" s="137"/>
      <c r="AD1429" s="137"/>
      <c r="AE1429" s="137"/>
      <c r="AF1429" s="137"/>
      <c r="AG1429" s="137"/>
      <c r="AH1429" s="137"/>
      <c r="AI1429" s="137"/>
      <c r="AJ1429" s="137"/>
      <c r="AK1429" s="206"/>
      <c r="AL1429" s="206"/>
      <c r="AM1429" s="143"/>
      <c r="AN1429" s="137"/>
      <c r="AO1429" s="137"/>
      <c r="AP1429" s="137"/>
      <c r="AQ1429" s="137"/>
      <c r="AR1429" s="137"/>
      <c r="AS1429" s="137"/>
      <c r="AT1429" s="137"/>
      <c r="AU1429" s="137"/>
      <c r="AV1429" s="137"/>
      <c r="AW1429" s="144"/>
    </row>
    <row r="1430" spans="2:49" x14ac:dyDescent="0.2">
      <c r="B1430" s="97"/>
      <c r="G1430" s="43"/>
      <c r="J1430" s="98"/>
      <c r="K1430" s="97"/>
      <c r="N1430" s="3"/>
      <c r="W1430" s="98"/>
      <c r="Z1430" s="143"/>
      <c r="AA1430" s="137"/>
      <c r="AB1430" s="137"/>
      <c r="AC1430" s="137"/>
      <c r="AD1430" s="137"/>
      <c r="AE1430" s="137"/>
      <c r="AF1430" s="137"/>
      <c r="AG1430" s="137"/>
      <c r="AH1430" s="137"/>
      <c r="AI1430" s="137"/>
      <c r="AJ1430" s="137"/>
      <c r="AK1430" s="206"/>
      <c r="AL1430" s="206"/>
      <c r="AM1430" s="143"/>
      <c r="AN1430" s="137"/>
      <c r="AO1430" s="137"/>
      <c r="AP1430" s="137"/>
      <c r="AQ1430" s="137"/>
      <c r="AR1430" s="137"/>
      <c r="AS1430" s="137"/>
      <c r="AT1430" s="137"/>
      <c r="AU1430" s="137"/>
      <c r="AV1430" s="137"/>
      <c r="AW1430" s="144"/>
    </row>
    <row r="1431" spans="2:49" x14ac:dyDescent="0.2">
      <c r="B1431" s="97"/>
      <c r="G1431" s="43"/>
      <c r="J1431" s="98"/>
      <c r="K1431" s="97"/>
      <c r="N1431" s="3"/>
      <c r="W1431" s="98"/>
      <c r="Z1431" s="143"/>
      <c r="AA1431" s="137"/>
      <c r="AB1431" s="137"/>
      <c r="AC1431" s="137"/>
      <c r="AD1431" s="137"/>
      <c r="AE1431" s="137"/>
      <c r="AF1431" s="137"/>
      <c r="AG1431" s="137"/>
      <c r="AH1431" s="137"/>
      <c r="AI1431" s="137"/>
      <c r="AJ1431" s="137"/>
      <c r="AK1431" s="206"/>
      <c r="AL1431" s="206"/>
      <c r="AM1431" s="143"/>
      <c r="AN1431" s="137"/>
      <c r="AO1431" s="137"/>
      <c r="AP1431" s="137"/>
      <c r="AQ1431" s="137"/>
      <c r="AR1431" s="137"/>
      <c r="AS1431" s="137"/>
      <c r="AT1431" s="137"/>
      <c r="AU1431" s="137"/>
      <c r="AV1431" s="137"/>
      <c r="AW1431" s="144"/>
    </row>
    <row r="1432" spans="2:49" x14ac:dyDescent="0.2">
      <c r="B1432" s="97"/>
      <c r="G1432" s="43"/>
      <c r="J1432" s="98"/>
      <c r="K1432" s="97"/>
      <c r="N1432" s="3"/>
      <c r="W1432" s="98"/>
      <c r="Z1432" s="143"/>
      <c r="AA1432" s="137"/>
      <c r="AB1432" s="137"/>
      <c r="AC1432" s="137"/>
      <c r="AD1432" s="137"/>
      <c r="AE1432" s="137"/>
      <c r="AF1432" s="137"/>
      <c r="AG1432" s="137"/>
      <c r="AH1432" s="137"/>
      <c r="AI1432" s="137"/>
      <c r="AJ1432" s="137"/>
      <c r="AK1432" s="206"/>
      <c r="AL1432" s="206"/>
      <c r="AM1432" s="143"/>
      <c r="AN1432" s="137"/>
      <c r="AO1432" s="137"/>
      <c r="AP1432" s="137"/>
      <c r="AQ1432" s="137"/>
      <c r="AR1432" s="137"/>
      <c r="AS1432" s="137"/>
      <c r="AT1432" s="137"/>
      <c r="AU1432" s="137"/>
      <c r="AV1432" s="137"/>
      <c r="AW1432" s="144"/>
    </row>
    <row r="1433" spans="2:49" x14ac:dyDescent="0.2">
      <c r="B1433" s="97"/>
      <c r="G1433" s="43"/>
      <c r="J1433" s="98"/>
      <c r="K1433" s="97"/>
      <c r="N1433" s="3"/>
      <c r="W1433" s="98"/>
      <c r="Z1433" s="143"/>
      <c r="AA1433" s="137"/>
      <c r="AB1433" s="137"/>
      <c r="AC1433" s="137"/>
      <c r="AD1433" s="137"/>
      <c r="AE1433" s="137"/>
      <c r="AF1433" s="137"/>
      <c r="AG1433" s="137"/>
      <c r="AH1433" s="137"/>
      <c r="AI1433" s="137"/>
      <c r="AJ1433" s="137"/>
      <c r="AK1433" s="206"/>
      <c r="AL1433" s="206"/>
      <c r="AM1433" s="143"/>
      <c r="AN1433" s="137"/>
      <c r="AO1433" s="137"/>
      <c r="AP1433" s="137"/>
      <c r="AQ1433" s="137"/>
      <c r="AR1433" s="137"/>
      <c r="AS1433" s="137"/>
      <c r="AT1433" s="137"/>
      <c r="AU1433" s="137"/>
      <c r="AV1433" s="137"/>
      <c r="AW1433" s="144"/>
    </row>
    <row r="1434" spans="2:49" x14ac:dyDescent="0.2">
      <c r="B1434" s="97"/>
      <c r="G1434" s="43"/>
      <c r="J1434" s="98"/>
      <c r="K1434" s="97"/>
      <c r="N1434" s="3"/>
      <c r="W1434" s="98"/>
      <c r="Z1434" s="143"/>
      <c r="AA1434" s="137"/>
      <c r="AB1434" s="137"/>
      <c r="AC1434" s="137"/>
      <c r="AD1434" s="137"/>
      <c r="AE1434" s="137"/>
      <c r="AF1434" s="137"/>
      <c r="AG1434" s="137"/>
      <c r="AH1434" s="137"/>
      <c r="AI1434" s="137"/>
      <c r="AJ1434" s="137"/>
      <c r="AK1434" s="206"/>
      <c r="AL1434" s="206"/>
      <c r="AM1434" s="143"/>
      <c r="AN1434" s="137"/>
      <c r="AO1434" s="137"/>
      <c r="AP1434" s="137"/>
      <c r="AQ1434" s="137"/>
      <c r="AR1434" s="137"/>
      <c r="AS1434" s="137"/>
      <c r="AT1434" s="137"/>
      <c r="AU1434" s="137"/>
      <c r="AV1434" s="137"/>
      <c r="AW1434" s="144"/>
    </row>
    <row r="1435" spans="2:49" x14ac:dyDescent="0.2">
      <c r="B1435" s="97"/>
      <c r="G1435" s="43"/>
      <c r="J1435" s="98"/>
      <c r="K1435" s="97"/>
      <c r="N1435" s="3"/>
      <c r="W1435" s="98"/>
      <c r="Z1435" s="143"/>
      <c r="AA1435" s="137"/>
      <c r="AB1435" s="137"/>
      <c r="AC1435" s="137"/>
      <c r="AD1435" s="137"/>
      <c r="AE1435" s="137"/>
      <c r="AF1435" s="137"/>
      <c r="AG1435" s="137"/>
      <c r="AH1435" s="137"/>
      <c r="AI1435" s="137"/>
      <c r="AJ1435" s="137"/>
      <c r="AK1435" s="206"/>
      <c r="AL1435" s="206"/>
      <c r="AM1435" s="143"/>
      <c r="AN1435" s="137"/>
      <c r="AO1435" s="137"/>
      <c r="AP1435" s="137"/>
      <c r="AQ1435" s="137"/>
      <c r="AR1435" s="137"/>
      <c r="AS1435" s="137"/>
      <c r="AT1435" s="137"/>
      <c r="AU1435" s="137"/>
      <c r="AV1435" s="137"/>
      <c r="AW1435" s="144"/>
    </row>
    <row r="1436" spans="2:49" x14ac:dyDescent="0.2">
      <c r="B1436" s="97"/>
      <c r="G1436" s="43"/>
      <c r="J1436" s="98"/>
      <c r="K1436" s="97"/>
      <c r="N1436" s="3"/>
      <c r="W1436" s="98"/>
      <c r="Z1436" s="143"/>
      <c r="AA1436" s="137"/>
      <c r="AB1436" s="137"/>
      <c r="AC1436" s="137"/>
      <c r="AD1436" s="137"/>
      <c r="AE1436" s="137"/>
      <c r="AF1436" s="137"/>
      <c r="AG1436" s="137"/>
      <c r="AH1436" s="137"/>
      <c r="AI1436" s="137"/>
      <c r="AJ1436" s="137"/>
      <c r="AK1436" s="206"/>
      <c r="AL1436" s="206"/>
      <c r="AM1436" s="143"/>
      <c r="AN1436" s="137"/>
      <c r="AO1436" s="137"/>
      <c r="AP1436" s="137"/>
      <c r="AQ1436" s="137"/>
      <c r="AR1436" s="137"/>
      <c r="AS1436" s="137"/>
      <c r="AT1436" s="137"/>
      <c r="AU1436" s="137"/>
      <c r="AV1436" s="137"/>
      <c r="AW1436" s="144"/>
    </row>
    <row r="1437" spans="2:49" x14ac:dyDescent="0.2">
      <c r="B1437" s="97"/>
      <c r="G1437" s="43"/>
      <c r="J1437" s="98"/>
      <c r="K1437" s="97"/>
      <c r="N1437" s="3"/>
      <c r="W1437" s="98"/>
      <c r="Z1437" s="143"/>
      <c r="AA1437" s="137"/>
      <c r="AB1437" s="137"/>
      <c r="AC1437" s="137"/>
      <c r="AD1437" s="137"/>
      <c r="AE1437" s="137"/>
      <c r="AF1437" s="137"/>
      <c r="AG1437" s="137"/>
      <c r="AH1437" s="137"/>
      <c r="AI1437" s="137"/>
      <c r="AJ1437" s="137"/>
      <c r="AK1437" s="206"/>
      <c r="AL1437" s="206"/>
      <c r="AM1437" s="143"/>
      <c r="AN1437" s="137"/>
      <c r="AO1437" s="137"/>
      <c r="AP1437" s="137"/>
      <c r="AQ1437" s="137"/>
      <c r="AR1437" s="137"/>
      <c r="AS1437" s="137"/>
      <c r="AT1437" s="137"/>
      <c r="AU1437" s="137"/>
      <c r="AV1437" s="137"/>
      <c r="AW1437" s="144"/>
    </row>
    <row r="1438" spans="2:49" x14ac:dyDescent="0.2">
      <c r="B1438" s="97"/>
      <c r="G1438" s="43"/>
      <c r="J1438" s="98"/>
      <c r="K1438" s="97"/>
      <c r="N1438" s="3"/>
      <c r="W1438" s="98"/>
      <c r="Z1438" s="143"/>
      <c r="AA1438" s="137"/>
      <c r="AB1438" s="137"/>
      <c r="AC1438" s="137"/>
      <c r="AD1438" s="137"/>
      <c r="AE1438" s="137"/>
      <c r="AF1438" s="137"/>
      <c r="AG1438" s="137"/>
      <c r="AH1438" s="137"/>
      <c r="AI1438" s="137"/>
      <c r="AJ1438" s="137"/>
      <c r="AK1438" s="206"/>
      <c r="AL1438" s="206"/>
      <c r="AM1438" s="143"/>
      <c r="AN1438" s="137"/>
      <c r="AO1438" s="137"/>
      <c r="AP1438" s="137"/>
      <c r="AQ1438" s="137"/>
      <c r="AR1438" s="137"/>
      <c r="AS1438" s="137"/>
      <c r="AT1438" s="137"/>
      <c r="AU1438" s="137"/>
      <c r="AV1438" s="137"/>
      <c r="AW1438" s="144"/>
    </row>
    <row r="1439" spans="2:49" x14ac:dyDescent="0.2">
      <c r="B1439" s="97"/>
      <c r="G1439" s="43"/>
      <c r="J1439" s="98"/>
      <c r="K1439" s="97"/>
      <c r="N1439" s="3"/>
      <c r="W1439" s="98"/>
      <c r="Z1439" s="143"/>
      <c r="AA1439" s="137"/>
      <c r="AB1439" s="137"/>
      <c r="AC1439" s="137"/>
      <c r="AD1439" s="137"/>
      <c r="AE1439" s="137"/>
      <c r="AF1439" s="137"/>
      <c r="AG1439" s="137"/>
      <c r="AH1439" s="137"/>
      <c r="AI1439" s="137"/>
      <c r="AJ1439" s="137"/>
      <c r="AK1439" s="206"/>
      <c r="AL1439" s="206"/>
      <c r="AM1439" s="143"/>
      <c r="AN1439" s="137"/>
      <c r="AO1439" s="137"/>
      <c r="AP1439" s="137"/>
      <c r="AQ1439" s="137"/>
      <c r="AR1439" s="137"/>
      <c r="AS1439" s="137"/>
      <c r="AT1439" s="137"/>
      <c r="AU1439" s="137"/>
      <c r="AV1439" s="137"/>
      <c r="AW1439" s="144"/>
    </row>
    <row r="1440" spans="2:49" x14ac:dyDescent="0.2">
      <c r="B1440" s="97"/>
      <c r="G1440" s="43"/>
      <c r="J1440" s="98"/>
      <c r="K1440" s="97"/>
      <c r="N1440" s="3"/>
      <c r="W1440" s="98"/>
      <c r="Z1440" s="143"/>
      <c r="AA1440" s="137"/>
      <c r="AB1440" s="137"/>
      <c r="AC1440" s="137"/>
      <c r="AD1440" s="137"/>
      <c r="AE1440" s="137"/>
      <c r="AF1440" s="137"/>
      <c r="AG1440" s="137"/>
      <c r="AH1440" s="137"/>
      <c r="AI1440" s="137"/>
      <c r="AJ1440" s="137"/>
      <c r="AK1440" s="206"/>
      <c r="AL1440" s="206"/>
      <c r="AM1440" s="143"/>
      <c r="AN1440" s="137"/>
      <c r="AO1440" s="137"/>
      <c r="AP1440" s="137"/>
      <c r="AQ1440" s="137"/>
      <c r="AR1440" s="137"/>
      <c r="AS1440" s="137"/>
      <c r="AT1440" s="137"/>
      <c r="AU1440" s="137"/>
      <c r="AV1440" s="137"/>
      <c r="AW1440" s="144"/>
    </row>
    <row r="1441" spans="2:49" x14ac:dyDescent="0.2">
      <c r="B1441" s="97"/>
      <c r="G1441" s="43"/>
      <c r="J1441" s="98"/>
      <c r="K1441" s="97"/>
      <c r="N1441" s="3"/>
      <c r="W1441" s="98"/>
      <c r="Z1441" s="143"/>
      <c r="AA1441" s="137"/>
      <c r="AB1441" s="137"/>
      <c r="AC1441" s="137"/>
      <c r="AD1441" s="137"/>
      <c r="AE1441" s="137"/>
      <c r="AF1441" s="137"/>
      <c r="AG1441" s="137"/>
      <c r="AH1441" s="137"/>
      <c r="AI1441" s="137"/>
      <c r="AJ1441" s="137"/>
      <c r="AK1441" s="206"/>
      <c r="AL1441" s="206"/>
      <c r="AM1441" s="143"/>
      <c r="AN1441" s="137"/>
      <c r="AO1441" s="137"/>
      <c r="AP1441" s="137"/>
      <c r="AQ1441" s="137"/>
      <c r="AR1441" s="137"/>
      <c r="AS1441" s="137"/>
      <c r="AT1441" s="137"/>
      <c r="AU1441" s="137"/>
      <c r="AV1441" s="137"/>
      <c r="AW1441" s="144"/>
    </row>
    <row r="1442" spans="2:49" x14ac:dyDescent="0.2">
      <c r="B1442" s="97"/>
      <c r="G1442" s="43"/>
      <c r="J1442" s="98"/>
      <c r="K1442" s="97"/>
      <c r="N1442" s="3"/>
      <c r="W1442" s="98"/>
      <c r="Z1442" s="143"/>
      <c r="AA1442" s="137"/>
      <c r="AB1442" s="137"/>
      <c r="AC1442" s="137"/>
      <c r="AD1442" s="137"/>
      <c r="AE1442" s="137"/>
      <c r="AF1442" s="137"/>
      <c r="AG1442" s="137"/>
      <c r="AH1442" s="137"/>
      <c r="AI1442" s="137"/>
      <c r="AJ1442" s="137"/>
      <c r="AK1442" s="206"/>
      <c r="AL1442" s="206"/>
      <c r="AM1442" s="143"/>
      <c r="AN1442" s="137"/>
      <c r="AO1442" s="137"/>
      <c r="AP1442" s="137"/>
      <c r="AQ1442" s="137"/>
      <c r="AR1442" s="137"/>
      <c r="AS1442" s="137"/>
      <c r="AT1442" s="137"/>
      <c r="AU1442" s="137"/>
      <c r="AV1442" s="137"/>
      <c r="AW1442" s="144"/>
    </row>
    <row r="1443" spans="2:49" x14ac:dyDescent="0.2">
      <c r="B1443" s="97"/>
      <c r="G1443" s="43"/>
      <c r="J1443" s="98"/>
      <c r="K1443" s="97"/>
      <c r="N1443" s="3"/>
      <c r="W1443" s="98"/>
      <c r="Z1443" s="143"/>
      <c r="AA1443" s="137"/>
      <c r="AB1443" s="137"/>
      <c r="AC1443" s="137"/>
      <c r="AD1443" s="137"/>
      <c r="AE1443" s="137"/>
      <c r="AF1443" s="137"/>
      <c r="AG1443" s="137"/>
      <c r="AH1443" s="137"/>
      <c r="AI1443" s="137"/>
      <c r="AJ1443" s="137"/>
      <c r="AK1443" s="206"/>
      <c r="AL1443" s="206"/>
      <c r="AM1443" s="143"/>
      <c r="AN1443" s="137"/>
      <c r="AO1443" s="137"/>
      <c r="AP1443" s="137"/>
      <c r="AQ1443" s="137"/>
      <c r="AR1443" s="137"/>
      <c r="AS1443" s="137"/>
      <c r="AT1443" s="137"/>
      <c r="AU1443" s="137"/>
      <c r="AV1443" s="137"/>
      <c r="AW1443" s="144"/>
    </row>
    <row r="1444" spans="2:49" x14ac:dyDescent="0.2">
      <c r="B1444" s="97"/>
      <c r="G1444" s="43"/>
      <c r="J1444" s="98"/>
      <c r="K1444" s="97"/>
      <c r="N1444" s="3"/>
      <c r="W1444" s="98"/>
      <c r="Z1444" s="143"/>
      <c r="AA1444" s="137"/>
      <c r="AB1444" s="137"/>
      <c r="AC1444" s="137"/>
      <c r="AD1444" s="137"/>
      <c r="AE1444" s="137"/>
      <c r="AF1444" s="137"/>
      <c r="AG1444" s="137"/>
      <c r="AH1444" s="137"/>
      <c r="AI1444" s="137"/>
      <c r="AJ1444" s="137"/>
      <c r="AK1444" s="206"/>
      <c r="AL1444" s="206"/>
      <c r="AM1444" s="143"/>
      <c r="AN1444" s="137"/>
      <c r="AO1444" s="137"/>
      <c r="AP1444" s="137"/>
      <c r="AQ1444" s="137"/>
      <c r="AR1444" s="137"/>
      <c r="AS1444" s="137"/>
      <c r="AT1444" s="137"/>
      <c r="AU1444" s="137"/>
      <c r="AV1444" s="137"/>
      <c r="AW1444" s="144"/>
    </row>
    <row r="1445" spans="2:49" x14ac:dyDescent="0.2">
      <c r="B1445" s="97"/>
      <c r="G1445" s="43"/>
      <c r="J1445" s="98"/>
      <c r="K1445" s="97"/>
      <c r="N1445" s="3"/>
      <c r="W1445" s="98"/>
      <c r="Z1445" s="143"/>
      <c r="AA1445" s="137"/>
      <c r="AB1445" s="137"/>
      <c r="AC1445" s="137"/>
      <c r="AD1445" s="137"/>
      <c r="AE1445" s="137"/>
      <c r="AF1445" s="137"/>
      <c r="AG1445" s="137"/>
      <c r="AH1445" s="137"/>
      <c r="AI1445" s="137"/>
      <c r="AJ1445" s="137"/>
      <c r="AK1445" s="206"/>
      <c r="AL1445" s="206"/>
      <c r="AM1445" s="143"/>
      <c r="AN1445" s="137"/>
      <c r="AO1445" s="137"/>
      <c r="AP1445" s="137"/>
      <c r="AQ1445" s="137"/>
      <c r="AR1445" s="137"/>
      <c r="AS1445" s="137"/>
      <c r="AT1445" s="137"/>
      <c r="AU1445" s="137"/>
      <c r="AV1445" s="137"/>
      <c r="AW1445" s="144"/>
    </row>
    <row r="1446" spans="2:49" x14ac:dyDescent="0.2">
      <c r="B1446" s="97"/>
      <c r="G1446" s="43"/>
      <c r="J1446" s="98"/>
      <c r="K1446" s="97"/>
      <c r="N1446" s="3"/>
      <c r="W1446" s="98"/>
      <c r="Z1446" s="143"/>
      <c r="AA1446" s="137"/>
      <c r="AB1446" s="137"/>
      <c r="AC1446" s="137"/>
      <c r="AD1446" s="137"/>
      <c r="AE1446" s="137"/>
      <c r="AF1446" s="137"/>
      <c r="AG1446" s="137"/>
      <c r="AH1446" s="137"/>
      <c r="AI1446" s="137"/>
      <c r="AJ1446" s="137"/>
      <c r="AK1446" s="206"/>
      <c r="AL1446" s="206"/>
      <c r="AM1446" s="143"/>
      <c r="AN1446" s="137"/>
      <c r="AO1446" s="137"/>
      <c r="AP1446" s="137"/>
      <c r="AQ1446" s="137"/>
      <c r="AR1446" s="137"/>
      <c r="AS1446" s="137"/>
      <c r="AT1446" s="137"/>
      <c r="AU1446" s="137"/>
      <c r="AV1446" s="137"/>
      <c r="AW1446" s="144"/>
    </row>
    <row r="1447" spans="2:49" x14ac:dyDescent="0.2">
      <c r="B1447" s="97"/>
      <c r="G1447" s="43"/>
      <c r="J1447" s="98"/>
      <c r="K1447" s="97"/>
      <c r="N1447" s="3"/>
      <c r="W1447" s="98"/>
      <c r="Z1447" s="143"/>
      <c r="AA1447" s="137"/>
      <c r="AB1447" s="137"/>
      <c r="AC1447" s="137"/>
      <c r="AD1447" s="137"/>
      <c r="AE1447" s="137"/>
      <c r="AF1447" s="137"/>
      <c r="AG1447" s="137"/>
      <c r="AH1447" s="137"/>
      <c r="AI1447" s="137"/>
      <c r="AJ1447" s="137"/>
      <c r="AK1447" s="206"/>
      <c r="AL1447" s="206"/>
      <c r="AM1447" s="143"/>
      <c r="AN1447" s="137"/>
      <c r="AO1447" s="137"/>
      <c r="AP1447" s="137"/>
      <c r="AQ1447" s="137"/>
      <c r="AR1447" s="137"/>
      <c r="AS1447" s="137"/>
      <c r="AT1447" s="137"/>
      <c r="AU1447" s="137"/>
      <c r="AV1447" s="137"/>
      <c r="AW1447" s="144"/>
    </row>
    <row r="1448" spans="2:49" x14ac:dyDescent="0.2">
      <c r="B1448" s="97"/>
      <c r="G1448" s="43"/>
      <c r="J1448" s="98"/>
      <c r="K1448" s="97"/>
      <c r="N1448" s="3"/>
      <c r="W1448" s="98"/>
      <c r="Z1448" s="143"/>
      <c r="AA1448" s="137"/>
      <c r="AB1448" s="137"/>
      <c r="AC1448" s="137"/>
      <c r="AD1448" s="137"/>
      <c r="AE1448" s="137"/>
      <c r="AF1448" s="137"/>
      <c r="AG1448" s="137"/>
      <c r="AH1448" s="137"/>
      <c r="AI1448" s="137"/>
      <c r="AJ1448" s="137"/>
      <c r="AK1448" s="206"/>
      <c r="AL1448" s="206"/>
      <c r="AM1448" s="143"/>
      <c r="AN1448" s="137"/>
      <c r="AO1448" s="137"/>
      <c r="AP1448" s="137"/>
      <c r="AQ1448" s="137"/>
      <c r="AR1448" s="137"/>
      <c r="AS1448" s="137"/>
      <c r="AT1448" s="137"/>
      <c r="AU1448" s="137"/>
      <c r="AV1448" s="137"/>
      <c r="AW1448" s="144"/>
    </row>
    <row r="1449" spans="2:49" x14ac:dyDescent="0.2">
      <c r="B1449" s="97"/>
      <c r="G1449" s="43"/>
      <c r="J1449" s="98"/>
      <c r="K1449" s="97"/>
      <c r="N1449" s="3"/>
      <c r="W1449" s="98"/>
      <c r="Z1449" s="143"/>
      <c r="AA1449" s="137"/>
      <c r="AB1449" s="137"/>
      <c r="AC1449" s="137"/>
      <c r="AD1449" s="137"/>
      <c r="AE1449" s="137"/>
      <c r="AF1449" s="137"/>
      <c r="AG1449" s="137"/>
      <c r="AH1449" s="137"/>
      <c r="AI1449" s="137"/>
      <c r="AJ1449" s="137"/>
      <c r="AK1449" s="206"/>
      <c r="AL1449" s="206"/>
      <c r="AM1449" s="143"/>
      <c r="AN1449" s="137"/>
      <c r="AO1449" s="137"/>
      <c r="AP1449" s="137"/>
      <c r="AQ1449" s="137"/>
      <c r="AR1449" s="137"/>
      <c r="AS1449" s="137"/>
      <c r="AT1449" s="137"/>
      <c r="AU1449" s="137"/>
      <c r="AV1449" s="137"/>
      <c r="AW1449" s="144"/>
    </row>
    <row r="1450" spans="2:49" x14ac:dyDescent="0.2">
      <c r="B1450" s="97"/>
      <c r="G1450" s="43"/>
      <c r="J1450" s="98"/>
      <c r="K1450" s="97"/>
      <c r="N1450" s="3"/>
      <c r="W1450" s="98"/>
      <c r="Z1450" s="143"/>
      <c r="AA1450" s="137"/>
      <c r="AB1450" s="137"/>
      <c r="AC1450" s="137"/>
      <c r="AD1450" s="137"/>
      <c r="AE1450" s="137"/>
      <c r="AF1450" s="137"/>
      <c r="AG1450" s="137"/>
      <c r="AH1450" s="137"/>
      <c r="AI1450" s="137"/>
      <c r="AJ1450" s="137"/>
      <c r="AK1450" s="206"/>
      <c r="AL1450" s="206"/>
      <c r="AM1450" s="143"/>
      <c r="AN1450" s="137"/>
      <c r="AO1450" s="137"/>
      <c r="AP1450" s="137"/>
      <c r="AQ1450" s="137"/>
      <c r="AR1450" s="137"/>
      <c r="AS1450" s="137"/>
      <c r="AT1450" s="137"/>
      <c r="AU1450" s="137"/>
      <c r="AV1450" s="137"/>
      <c r="AW1450" s="144"/>
    </row>
    <row r="1451" spans="2:49" x14ac:dyDescent="0.2">
      <c r="B1451" s="97"/>
      <c r="G1451" s="43"/>
      <c r="J1451" s="98"/>
      <c r="K1451" s="97"/>
      <c r="N1451" s="3"/>
      <c r="W1451" s="98"/>
      <c r="Z1451" s="143"/>
      <c r="AA1451" s="137"/>
      <c r="AB1451" s="137"/>
      <c r="AC1451" s="137"/>
      <c r="AD1451" s="137"/>
      <c r="AE1451" s="137"/>
      <c r="AF1451" s="137"/>
      <c r="AG1451" s="137"/>
      <c r="AH1451" s="137"/>
      <c r="AI1451" s="137"/>
      <c r="AJ1451" s="137"/>
      <c r="AK1451" s="206"/>
      <c r="AL1451" s="206"/>
      <c r="AM1451" s="143"/>
      <c r="AN1451" s="137"/>
      <c r="AO1451" s="137"/>
      <c r="AP1451" s="137"/>
      <c r="AQ1451" s="137"/>
      <c r="AR1451" s="137"/>
      <c r="AS1451" s="137"/>
      <c r="AT1451" s="137"/>
      <c r="AU1451" s="137"/>
      <c r="AV1451" s="137"/>
      <c r="AW1451" s="144"/>
    </row>
    <row r="1452" spans="2:49" x14ac:dyDescent="0.2">
      <c r="B1452" s="97"/>
      <c r="G1452" s="43"/>
      <c r="J1452" s="98"/>
      <c r="K1452" s="97"/>
      <c r="N1452" s="3"/>
      <c r="W1452" s="98"/>
      <c r="Z1452" s="143"/>
      <c r="AA1452" s="137"/>
      <c r="AB1452" s="137"/>
      <c r="AC1452" s="137"/>
      <c r="AD1452" s="137"/>
      <c r="AE1452" s="137"/>
      <c r="AF1452" s="137"/>
      <c r="AG1452" s="137"/>
      <c r="AH1452" s="137"/>
      <c r="AI1452" s="137"/>
      <c r="AJ1452" s="137"/>
      <c r="AK1452" s="206"/>
      <c r="AL1452" s="206"/>
      <c r="AM1452" s="143"/>
      <c r="AN1452" s="137"/>
      <c r="AO1452" s="137"/>
      <c r="AP1452" s="137"/>
      <c r="AQ1452" s="137"/>
      <c r="AR1452" s="137"/>
      <c r="AS1452" s="137"/>
      <c r="AT1452" s="137"/>
      <c r="AU1452" s="137"/>
      <c r="AV1452" s="137"/>
      <c r="AW1452" s="144"/>
    </row>
    <row r="1453" spans="2:49" x14ac:dyDescent="0.2">
      <c r="B1453" s="97"/>
      <c r="G1453" s="43"/>
      <c r="J1453" s="98"/>
      <c r="K1453" s="97"/>
      <c r="N1453" s="3"/>
      <c r="W1453" s="98"/>
      <c r="Z1453" s="143"/>
      <c r="AA1453" s="137"/>
      <c r="AB1453" s="137"/>
      <c r="AC1453" s="137"/>
      <c r="AD1453" s="137"/>
      <c r="AE1453" s="137"/>
      <c r="AF1453" s="137"/>
      <c r="AG1453" s="137"/>
      <c r="AH1453" s="137"/>
      <c r="AI1453" s="137"/>
      <c r="AJ1453" s="137"/>
      <c r="AK1453" s="206"/>
      <c r="AL1453" s="206"/>
      <c r="AM1453" s="143"/>
      <c r="AN1453" s="137"/>
      <c r="AO1453" s="137"/>
      <c r="AP1453" s="137"/>
      <c r="AQ1453" s="137"/>
      <c r="AR1453" s="137"/>
      <c r="AS1453" s="137"/>
      <c r="AT1453" s="137"/>
      <c r="AU1453" s="137"/>
      <c r="AV1453" s="137"/>
      <c r="AW1453" s="144"/>
    </row>
    <row r="1454" spans="2:49" x14ac:dyDescent="0.2">
      <c r="B1454" s="97"/>
      <c r="G1454" s="43"/>
      <c r="J1454" s="98"/>
      <c r="K1454" s="97"/>
      <c r="N1454" s="3"/>
      <c r="W1454" s="98"/>
      <c r="Z1454" s="143"/>
      <c r="AA1454" s="137"/>
      <c r="AB1454" s="137"/>
      <c r="AC1454" s="137"/>
      <c r="AD1454" s="137"/>
      <c r="AE1454" s="137"/>
      <c r="AF1454" s="137"/>
      <c r="AG1454" s="137"/>
      <c r="AH1454" s="137"/>
      <c r="AI1454" s="137"/>
      <c r="AJ1454" s="137"/>
      <c r="AK1454" s="206"/>
      <c r="AL1454" s="206"/>
      <c r="AM1454" s="143"/>
      <c r="AN1454" s="137"/>
      <c r="AO1454" s="137"/>
      <c r="AP1454" s="137"/>
      <c r="AQ1454" s="137"/>
      <c r="AR1454" s="137"/>
      <c r="AS1454" s="137"/>
      <c r="AT1454" s="137"/>
      <c r="AU1454" s="137"/>
      <c r="AV1454" s="137"/>
      <c r="AW1454" s="144"/>
    </row>
    <row r="1455" spans="2:49" x14ac:dyDescent="0.2">
      <c r="B1455" s="97"/>
      <c r="G1455" s="43"/>
      <c r="J1455" s="98"/>
      <c r="K1455" s="97"/>
      <c r="N1455" s="3"/>
      <c r="W1455" s="98"/>
      <c r="Z1455" s="143"/>
      <c r="AA1455" s="137"/>
      <c r="AB1455" s="137"/>
      <c r="AC1455" s="137"/>
      <c r="AD1455" s="137"/>
      <c r="AE1455" s="137"/>
      <c r="AF1455" s="137"/>
      <c r="AG1455" s="137"/>
      <c r="AH1455" s="137"/>
      <c r="AI1455" s="137"/>
      <c r="AJ1455" s="137"/>
      <c r="AK1455" s="206"/>
      <c r="AL1455" s="206"/>
      <c r="AM1455" s="143"/>
      <c r="AN1455" s="137"/>
      <c r="AO1455" s="137"/>
      <c r="AP1455" s="137"/>
      <c r="AQ1455" s="137"/>
      <c r="AR1455" s="137"/>
      <c r="AS1455" s="137"/>
      <c r="AT1455" s="137"/>
      <c r="AU1455" s="137"/>
      <c r="AV1455" s="137"/>
      <c r="AW1455" s="144"/>
    </row>
    <row r="1456" spans="2:49" x14ac:dyDescent="0.2">
      <c r="B1456" s="97"/>
      <c r="G1456" s="43"/>
      <c r="J1456" s="98"/>
      <c r="K1456" s="97"/>
      <c r="N1456" s="3"/>
      <c r="W1456" s="98"/>
      <c r="Z1456" s="143"/>
      <c r="AA1456" s="137"/>
      <c r="AB1456" s="137"/>
      <c r="AC1456" s="137"/>
      <c r="AD1456" s="137"/>
      <c r="AE1456" s="137"/>
      <c r="AF1456" s="137"/>
      <c r="AG1456" s="137"/>
      <c r="AH1456" s="137"/>
      <c r="AI1456" s="137"/>
      <c r="AJ1456" s="137"/>
      <c r="AK1456" s="206"/>
      <c r="AL1456" s="206"/>
      <c r="AM1456" s="143"/>
      <c r="AN1456" s="137"/>
      <c r="AO1456" s="137"/>
      <c r="AP1456" s="137"/>
      <c r="AQ1456" s="137"/>
      <c r="AR1456" s="137"/>
      <c r="AS1456" s="137"/>
      <c r="AT1456" s="137"/>
      <c r="AU1456" s="137"/>
      <c r="AV1456" s="137"/>
      <c r="AW1456" s="144"/>
    </row>
    <row r="1457" spans="2:49" x14ac:dyDescent="0.2">
      <c r="B1457" s="97"/>
      <c r="G1457" s="43"/>
      <c r="J1457" s="98"/>
      <c r="K1457" s="97"/>
      <c r="N1457" s="3"/>
      <c r="W1457" s="98"/>
      <c r="Z1457" s="143"/>
      <c r="AA1457" s="137"/>
      <c r="AB1457" s="137"/>
      <c r="AC1457" s="137"/>
      <c r="AD1457" s="137"/>
      <c r="AE1457" s="137"/>
      <c r="AF1457" s="137"/>
      <c r="AG1457" s="137"/>
      <c r="AH1457" s="137"/>
      <c r="AI1457" s="137"/>
      <c r="AJ1457" s="137"/>
      <c r="AK1457" s="206"/>
      <c r="AL1457" s="206"/>
      <c r="AM1457" s="143"/>
      <c r="AN1457" s="137"/>
      <c r="AO1457" s="137"/>
      <c r="AP1457" s="137"/>
      <c r="AQ1457" s="137"/>
      <c r="AR1457" s="137"/>
      <c r="AS1457" s="137"/>
      <c r="AT1457" s="137"/>
      <c r="AU1457" s="137"/>
      <c r="AV1457" s="137"/>
      <c r="AW1457" s="144"/>
    </row>
    <row r="1458" spans="2:49" x14ac:dyDescent="0.2">
      <c r="B1458" s="97"/>
      <c r="G1458" s="43"/>
      <c r="J1458" s="98"/>
      <c r="K1458" s="97"/>
      <c r="N1458" s="3"/>
      <c r="W1458" s="98"/>
      <c r="Z1458" s="143"/>
      <c r="AA1458" s="137"/>
      <c r="AB1458" s="137"/>
      <c r="AC1458" s="137"/>
      <c r="AD1458" s="137"/>
      <c r="AE1458" s="137"/>
      <c r="AF1458" s="137"/>
      <c r="AG1458" s="137"/>
      <c r="AH1458" s="137"/>
      <c r="AI1458" s="137"/>
      <c r="AJ1458" s="137"/>
      <c r="AK1458" s="206"/>
      <c r="AL1458" s="206"/>
      <c r="AM1458" s="143"/>
      <c r="AN1458" s="137"/>
      <c r="AO1458" s="137"/>
      <c r="AP1458" s="137"/>
      <c r="AQ1458" s="137"/>
      <c r="AR1458" s="137"/>
      <c r="AS1458" s="137"/>
      <c r="AT1458" s="137"/>
      <c r="AU1458" s="137"/>
      <c r="AV1458" s="137"/>
      <c r="AW1458" s="144"/>
    </row>
    <row r="1459" spans="2:49" x14ac:dyDescent="0.2">
      <c r="B1459" s="97"/>
      <c r="G1459" s="43"/>
      <c r="J1459" s="98"/>
      <c r="K1459" s="97"/>
      <c r="N1459" s="3"/>
      <c r="W1459" s="98"/>
      <c r="Z1459" s="143"/>
      <c r="AA1459" s="137"/>
      <c r="AB1459" s="137"/>
      <c r="AC1459" s="137"/>
      <c r="AD1459" s="137"/>
      <c r="AE1459" s="137"/>
      <c r="AF1459" s="137"/>
      <c r="AG1459" s="137"/>
      <c r="AH1459" s="137"/>
      <c r="AI1459" s="137"/>
      <c r="AJ1459" s="137"/>
      <c r="AK1459" s="206"/>
      <c r="AL1459" s="206"/>
      <c r="AM1459" s="143"/>
      <c r="AN1459" s="137"/>
      <c r="AO1459" s="137"/>
      <c r="AP1459" s="137"/>
      <c r="AQ1459" s="137"/>
      <c r="AR1459" s="137"/>
      <c r="AS1459" s="137"/>
      <c r="AT1459" s="137"/>
      <c r="AU1459" s="137"/>
      <c r="AV1459" s="137"/>
      <c r="AW1459" s="144"/>
    </row>
    <row r="1460" spans="2:49" x14ac:dyDescent="0.2">
      <c r="B1460" s="97"/>
      <c r="G1460" s="43"/>
      <c r="J1460" s="98"/>
      <c r="K1460" s="97"/>
      <c r="N1460" s="3"/>
      <c r="W1460" s="98"/>
      <c r="Z1460" s="143"/>
      <c r="AA1460" s="137"/>
      <c r="AB1460" s="137"/>
      <c r="AC1460" s="137"/>
      <c r="AD1460" s="137"/>
      <c r="AE1460" s="137"/>
      <c r="AF1460" s="137"/>
      <c r="AG1460" s="137"/>
      <c r="AH1460" s="137"/>
      <c r="AI1460" s="137"/>
      <c r="AJ1460" s="137"/>
      <c r="AK1460" s="206"/>
      <c r="AL1460" s="206"/>
      <c r="AM1460" s="143"/>
      <c r="AN1460" s="137"/>
      <c r="AO1460" s="137"/>
      <c r="AP1460" s="137"/>
      <c r="AQ1460" s="137"/>
      <c r="AR1460" s="137"/>
      <c r="AS1460" s="137"/>
      <c r="AT1460" s="137"/>
      <c r="AU1460" s="137"/>
      <c r="AV1460" s="137"/>
      <c r="AW1460" s="144"/>
    </row>
    <row r="1461" spans="2:49" x14ac:dyDescent="0.2">
      <c r="B1461" s="97"/>
      <c r="G1461" s="43"/>
      <c r="J1461" s="98"/>
      <c r="K1461" s="97"/>
      <c r="N1461" s="3"/>
      <c r="W1461" s="98"/>
      <c r="Z1461" s="143"/>
      <c r="AA1461" s="137"/>
      <c r="AB1461" s="137"/>
      <c r="AC1461" s="137"/>
      <c r="AD1461" s="137"/>
      <c r="AE1461" s="137"/>
      <c r="AF1461" s="137"/>
      <c r="AG1461" s="137"/>
      <c r="AH1461" s="137"/>
      <c r="AI1461" s="137"/>
      <c r="AJ1461" s="137"/>
      <c r="AK1461" s="206"/>
      <c r="AL1461" s="206"/>
      <c r="AM1461" s="143"/>
      <c r="AN1461" s="137"/>
      <c r="AO1461" s="137"/>
      <c r="AP1461" s="137"/>
      <c r="AQ1461" s="137"/>
      <c r="AR1461" s="137"/>
      <c r="AS1461" s="137"/>
      <c r="AT1461" s="137"/>
      <c r="AU1461" s="137"/>
      <c r="AV1461" s="137"/>
      <c r="AW1461" s="144"/>
    </row>
    <row r="1462" spans="2:49" x14ac:dyDescent="0.2">
      <c r="B1462" s="97"/>
      <c r="G1462" s="43"/>
      <c r="J1462" s="98"/>
      <c r="K1462" s="97"/>
      <c r="N1462" s="3"/>
      <c r="W1462" s="98"/>
      <c r="Z1462" s="143"/>
      <c r="AA1462" s="137"/>
      <c r="AB1462" s="137"/>
      <c r="AC1462" s="137"/>
      <c r="AD1462" s="137"/>
      <c r="AE1462" s="137"/>
      <c r="AF1462" s="137"/>
      <c r="AG1462" s="137"/>
      <c r="AH1462" s="137"/>
      <c r="AI1462" s="137"/>
      <c r="AJ1462" s="137"/>
      <c r="AK1462" s="206"/>
      <c r="AL1462" s="206"/>
      <c r="AM1462" s="143"/>
      <c r="AN1462" s="137"/>
      <c r="AO1462" s="137"/>
      <c r="AP1462" s="137"/>
      <c r="AQ1462" s="137"/>
      <c r="AR1462" s="137"/>
      <c r="AS1462" s="137"/>
      <c r="AT1462" s="137"/>
      <c r="AU1462" s="137"/>
      <c r="AV1462" s="137"/>
      <c r="AW1462" s="144"/>
    </row>
    <row r="1463" spans="2:49" x14ac:dyDescent="0.2">
      <c r="B1463" s="97"/>
      <c r="G1463" s="43"/>
      <c r="J1463" s="98"/>
      <c r="K1463" s="97"/>
      <c r="N1463" s="3"/>
      <c r="W1463" s="98"/>
      <c r="Z1463" s="143"/>
      <c r="AA1463" s="137"/>
      <c r="AB1463" s="137"/>
      <c r="AC1463" s="137"/>
      <c r="AD1463" s="137"/>
      <c r="AE1463" s="137"/>
      <c r="AF1463" s="137"/>
      <c r="AG1463" s="137"/>
      <c r="AH1463" s="137"/>
      <c r="AI1463" s="137"/>
      <c r="AJ1463" s="137"/>
      <c r="AK1463" s="206"/>
      <c r="AL1463" s="206"/>
      <c r="AM1463" s="143"/>
      <c r="AN1463" s="137"/>
      <c r="AO1463" s="137"/>
      <c r="AP1463" s="137"/>
      <c r="AQ1463" s="137"/>
      <c r="AR1463" s="137"/>
      <c r="AS1463" s="137"/>
      <c r="AT1463" s="137"/>
      <c r="AU1463" s="137"/>
      <c r="AV1463" s="137"/>
      <c r="AW1463" s="144"/>
    </row>
    <row r="1464" spans="2:49" x14ac:dyDescent="0.2">
      <c r="B1464" s="97"/>
      <c r="G1464" s="43"/>
      <c r="J1464" s="98"/>
      <c r="K1464" s="97"/>
      <c r="N1464" s="3"/>
      <c r="W1464" s="98"/>
      <c r="Z1464" s="143"/>
      <c r="AA1464" s="137"/>
      <c r="AB1464" s="137"/>
      <c r="AC1464" s="137"/>
      <c r="AD1464" s="137"/>
      <c r="AE1464" s="137"/>
      <c r="AF1464" s="137"/>
      <c r="AG1464" s="137"/>
      <c r="AH1464" s="137"/>
      <c r="AI1464" s="137"/>
      <c r="AJ1464" s="137"/>
      <c r="AK1464" s="206"/>
      <c r="AL1464" s="206"/>
      <c r="AM1464" s="143"/>
      <c r="AN1464" s="137"/>
      <c r="AO1464" s="137"/>
      <c r="AP1464" s="137"/>
      <c r="AQ1464" s="137"/>
      <c r="AR1464" s="137"/>
      <c r="AS1464" s="137"/>
      <c r="AT1464" s="137"/>
      <c r="AU1464" s="137"/>
      <c r="AV1464" s="137"/>
      <c r="AW1464" s="144"/>
    </row>
    <row r="1465" spans="2:49" x14ac:dyDescent="0.2">
      <c r="B1465" s="97"/>
      <c r="G1465" s="43"/>
      <c r="J1465" s="98"/>
      <c r="K1465" s="97"/>
      <c r="N1465" s="3"/>
      <c r="W1465" s="98"/>
      <c r="Z1465" s="143"/>
      <c r="AA1465" s="137"/>
      <c r="AB1465" s="137"/>
      <c r="AC1465" s="137"/>
      <c r="AD1465" s="137"/>
      <c r="AE1465" s="137"/>
      <c r="AF1465" s="137"/>
      <c r="AG1465" s="137"/>
      <c r="AH1465" s="137"/>
      <c r="AI1465" s="137"/>
      <c r="AJ1465" s="137"/>
      <c r="AK1465" s="206"/>
      <c r="AL1465" s="206"/>
      <c r="AM1465" s="143"/>
      <c r="AN1465" s="137"/>
      <c r="AO1465" s="137"/>
      <c r="AP1465" s="137"/>
      <c r="AQ1465" s="137"/>
      <c r="AR1465" s="137"/>
      <c r="AS1465" s="137"/>
      <c r="AT1465" s="137"/>
      <c r="AU1465" s="137"/>
      <c r="AV1465" s="137"/>
      <c r="AW1465" s="144"/>
    </row>
    <row r="1466" spans="2:49" x14ac:dyDescent="0.2">
      <c r="B1466" s="97"/>
      <c r="G1466" s="43"/>
      <c r="J1466" s="98"/>
      <c r="K1466" s="97"/>
      <c r="N1466" s="3"/>
      <c r="W1466" s="98"/>
      <c r="Z1466" s="143"/>
      <c r="AA1466" s="137"/>
      <c r="AB1466" s="137"/>
      <c r="AC1466" s="137"/>
      <c r="AD1466" s="137"/>
      <c r="AE1466" s="137"/>
      <c r="AF1466" s="137"/>
      <c r="AG1466" s="137"/>
      <c r="AH1466" s="137"/>
      <c r="AI1466" s="137"/>
      <c r="AJ1466" s="137"/>
      <c r="AK1466" s="206"/>
      <c r="AL1466" s="206"/>
      <c r="AM1466" s="143"/>
      <c r="AN1466" s="137"/>
      <c r="AO1466" s="137"/>
      <c r="AP1466" s="137"/>
      <c r="AQ1466" s="137"/>
      <c r="AR1466" s="137"/>
      <c r="AS1466" s="137"/>
      <c r="AT1466" s="137"/>
      <c r="AU1466" s="137"/>
      <c r="AV1466" s="137"/>
      <c r="AW1466" s="144"/>
    </row>
    <row r="1467" spans="2:49" x14ac:dyDescent="0.2">
      <c r="B1467" s="97"/>
      <c r="G1467" s="43"/>
      <c r="J1467" s="98"/>
      <c r="K1467" s="97"/>
      <c r="N1467" s="3"/>
      <c r="W1467" s="98"/>
      <c r="Z1467" s="143"/>
      <c r="AA1467" s="137"/>
      <c r="AB1467" s="137"/>
      <c r="AC1467" s="137"/>
      <c r="AD1467" s="137"/>
      <c r="AE1467" s="137"/>
      <c r="AF1467" s="137"/>
      <c r="AG1467" s="137"/>
      <c r="AH1467" s="137"/>
      <c r="AI1467" s="137"/>
      <c r="AJ1467" s="137"/>
      <c r="AK1467" s="206"/>
      <c r="AL1467" s="206"/>
      <c r="AM1467" s="143"/>
      <c r="AN1467" s="137"/>
      <c r="AO1467" s="137"/>
      <c r="AP1467" s="137"/>
      <c r="AQ1467" s="137"/>
      <c r="AR1467" s="137"/>
      <c r="AS1467" s="137"/>
      <c r="AT1467" s="137"/>
      <c r="AU1467" s="137"/>
      <c r="AV1467" s="137"/>
      <c r="AW1467" s="144"/>
    </row>
    <row r="1468" spans="2:49" x14ac:dyDescent="0.2">
      <c r="B1468" s="97"/>
      <c r="G1468" s="43"/>
      <c r="J1468" s="98"/>
      <c r="K1468" s="97"/>
      <c r="N1468" s="3"/>
      <c r="W1468" s="98"/>
      <c r="Z1468" s="143"/>
      <c r="AA1468" s="137"/>
      <c r="AB1468" s="137"/>
      <c r="AC1468" s="137"/>
      <c r="AD1468" s="137"/>
      <c r="AE1468" s="137"/>
      <c r="AF1468" s="137"/>
      <c r="AG1468" s="137"/>
      <c r="AH1468" s="137"/>
      <c r="AI1468" s="137"/>
      <c r="AJ1468" s="137"/>
      <c r="AK1468" s="206"/>
      <c r="AL1468" s="206"/>
      <c r="AM1468" s="143"/>
      <c r="AN1468" s="137"/>
      <c r="AO1468" s="137"/>
      <c r="AP1468" s="137"/>
      <c r="AQ1468" s="137"/>
      <c r="AR1468" s="137"/>
      <c r="AS1468" s="137"/>
      <c r="AT1468" s="137"/>
      <c r="AU1468" s="137"/>
      <c r="AV1468" s="137"/>
      <c r="AW1468" s="144"/>
    </row>
    <row r="1469" spans="2:49" x14ac:dyDescent="0.2">
      <c r="B1469" s="97"/>
      <c r="G1469" s="43"/>
      <c r="J1469" s="98"/>
      <c r="K1469" s="97"/>
      <c r="N1469" s="3"/>
      <c r="W1469" s="98"/>
      <c r="Z1469" s="143"/>
      <c r="AA1469" s="137"/>
      <c r="AB1469" s="137"/>
      <c r="AC1469" s="137"/>
      <c r="AD1469" s="137"/>
      <c r="AE1469" s="137"/>
      <c r="AF1469" s="137"/>
      <c r="AG1469" s="137"/>
      <c r="AH1469" s="137"/>
      <c r="AI1469" s="137"/>
      <c r="AJ1469" s="137"/>
      <c r="AK1469" s="206"/>
      <c r="AL1469" s="206"/>
      <c r="AM1469" s="143"/>
      <c r="AN1469" s="137"/>
      <c r="AO1469" s="137"/>
      <c r="AP1469" s="137"/>
      <c r="AQ1469" s="137"/>
      <c r="AR1469" s="137"/>
      <c r="AS1469" s="137"/>
      <c r="AT1469" s="137"/>
      <c r="AU1469" s="137"/>
      <c r="AV1469" s="137"/>
      <c r="AW1469" s="144"/>
    </row>
    <row r="1470" spans="2:49" x14ac:dyDescent="0.2">
      <c r="B1470" s="97"/>
      <c r="G1470" s="43"/>
      <c r="J1470" s="98"/>
      <c r="K1470" s="97"/>
      <c r="N1470" s="3"/>
      <c r="W1470" s="98"/>
      <c r="Z1470" s="143"/>
      <c r="AA1470" s="137"/>
      <c r="AB1470" s="137"/>
      <c r="AC1470" s="137"/>
      <c r="AD1470" s="137"/>
      <c r="AE1470" s="137"/>
      <c r="AF1470" s="137"/>
      <c r="AG1470" s="137"/>
      <c r="AH1470" s="137"/>
      <c r="AI1470" s="137"/>
      <c r="AJ1470" s="137"/>
      <c r="AK1470" s="206"/>
      <c r="AL1470" s="206"/>
      <c r="AM1470" s="143"/>
      <c r="AN1470" s="137"/>
      <c r="AO1470" s="137"/>
      <c r="AP1470" s="137"/>
      <c r="AQ1470" s="137"/>
      <c r="AR1470" s="137"/>
      <c r="AS1470" s="137"/>
      <c r="AT1470" s="137"/>
      <c r="AU1470" s="137"/>
      <c r="AV1470" s="137"/>
      <c r="AW1470" s="144"/>
    </row>
    <row r="1471" spans="2:49" x14ac:dyDescent="0.2">
      <c r="B1471" s="97"/>
      <c r="G1471" s="43"/>
      <c r="J1471" s="98"/>
      <c r="K1471" s="97"/>
      <c r="N1471" s="3"/>
      <c r="W1471" s="98"/>
      <c r="Z1471" s="143"/>
      <c r="AA1471" s="137"/>
      <c r="AB1471" s="137"/>
      <c r="AC1471" s="137"/>
      <c r="AD1471" s="137"/>
      <c r="AE1471" s="137"/>
      <c r="AF1471" s="137"/>
      <c r="AG1471" s="137"/>
      <c r="AH1471" s="137"/>
      <c r="AI1471" s="137"/>
      <c r="AJ1471" s="137"/>
      <c r="AK1471" s="206"/>
      <c r="AL1471" s="206"/>
      <c r="AM1471" s="143"/>
      <c r="AN1471" s="137"/>
      <c r="AO1471" s="137"/>
      <c r="AP1471" s="137"/>
      <c r="AQ1471" s="137"/>
      <c r="AR1471" s="137"/>
      <c r="AS1471" s="137"/>
      <c r="AT1471" s="137"/>
      <c r="AU1471" s="137"/>
      <c r="AV1471" s="137"/>
      <c r="AW1471" s="144"/>
    </row>
    <row r="1472" spans="2:49" x14ac:dyDescent="0.2">
      <c r="B1472" s="97"/>
      <c r="G1472" s="43"/>
      <c r="J1472" s="98"/>
      <c r="K1472" s="97"/>
      <c r="N1472" s="3"/>
      <c r="W1472" s="98"/>
      <c r="Z1472" s="143"/>
      <c r="AA1472" s="137"/>
      <c r="AB1472" s="137"/>
      <c r="AC1472" s="137"/>
      <c r="AD1472" s="137"/>
      <c r="AE1472" s="137"/>
      <c r="AF1472" s="137"/>
      <c r="AG1472" s="137"/>
      <c r="AH1472" s="137"/>
      <c r="AI1472" s="137"/>
      <c r="AJ1472" s="137"/>
      <c r="AK1472" s="206"/>
      <c r="AL1472" s="206"/>
      <c r="AM1472" s="143"/>
      <c r="AN1472" s="137"/>
      <c r="AO1472" s="137"/>
      <c r="AP1472" s="137"/>
      <c r="AQ1472" s="137"/>
      <c r="AR1472" s="137"/>
      <c r="AS1472" s="137"/>
      <c r="AT1472" s="137"/>
      <c r="AU1472" s="137"/>
      <c r="AV1472" s="137"/>
      <c r="AW1472" s="144"/>
    </row>
    <row r="1473" spans="2:49" x14ac:dyDescent="0.2">
      <c r="B1473" s="97"/>
      <c r="G1473" s="43"/>
      <c r="J1473" s="98"/>
      <c r="K1473" s="97"/>
      <c r="N1473" s="3"/>
      <c r="W1473" s="98"/>
      <c r="Z1473" s="143"/>
      <c r="AA1473" s="137"/>
      <c r="AB1473" s="137"/>
      <c r="AC1473" s="137"/>
      <c r="AD1473" s="137"/>
      <c r="AE1473" s="137"/>
      <c r="AF1473" s="137"/>
      <c r="AG1473" s="137"/>
      <c r="AH1473" s="137"/>
      <c r="AI1473" s="137"/>
      <c r="AJ1473" s="137"/>
      <c r="AK1473" s="206"/>
      <c r="AL1473" s="206"/>
      <c r="AM1473" s="143"/>
      <c r="AN1473" s="137"/>
      <c r="AO1473" s="137"/>
      <c r="AP1473" s="137"/>
      <c r="AQ1473" s="137"/>
      <c r="AR1473" s="137"/>
      <c r="AS1473" s="137"/>
      <c r="AT1473" s="137"/>
      <c r="AU1473" s="137"/>
      <c r="AV1473" s="137"/>
      <c r="AW1473" s="144"/>
    </row>
    <row r="1474" spans="2:49" x14ac:dyDescent="0.2">
      <c r="B1474" s="97"/>
      <c r="G1474" s="43"/>
      <c r="J1474" s="98"/>
      <c r="K1474" s="97"/>
      <c r="N1474" s="3"/>
      <c r="W1474" s="98"/>
      <c r="Z1474" s="143"/>
      <c r="AA1474" s="137"/>
      <c r="AB1474" s="137"/>
      <c r="AC1474" s="137"/>
      <c r="AD1474" s="137"/>
      <c r="AE1474" s="137"/>
      <c r="AF1474" s="137"/>
      <c r="AG1474" s="137"/>
      <c r="AH1474" s="137"/>
      <c r="AI1474" s="137"/>
      <c r="AJ1474" s="137"/>
      <c r="AK1474" s="206"/>
      <c r="AL1474" s="206"/>
      <c r="AM1474" s="143"/>
      <c r="AN1474" s="137"/>
      <c r="AO1474" s="137"/>
      <c r="AP1474" s="137"/>
      <c r="AQ1474" s="137"/>
      <c r="AR1474" s="137"/>
      <c r="AS1474" s="137"/>
      <c r="AT1474" s="137"/>
      <c r="AU1474" s="137"/>
      <c r="AV1474" s="137"/>
      <c r="AW1474" s="144"/>
    </row>
    <row r="1475" spans="2:49" x14ac:dyDescent="0.2">
      <c r="B1475" s="97"/>
      <c r="G1475" s="43"/>
      <c r="J1475" s="98"/>
      <c r="K1475" s="97"/>
      <c r="N1475" s="3"/>
      <c r="W1475" s="98"/>
      <c r="Z1475" s="143"/>
      <c r="AA1475" s="137"/>
      <c r="AB1475" s="137"/>
      <c r="AC1475" s="137"/>
      <c r="AD1475" s="137"/>
      <c r="AE1475" s="137"/>
      <c r="AF1475" s="137"/>
      <c r="AG1475" s="137"/>
      <c r="AH1475" s="137"/>
      <c r="AI1475" s="137"/>
      <c r="AJ1475" s="137"/>
      <c r="AK1475" s="206"/>
      <c r="AL1475" s="206"/>
      <c r="AM1475" s="143"/>
      <c r="AN1475" s="137"/>
      <c r="AO1475" s="137"/>
      <c r="AP1475" s="137"/>
      <c r="AQ1475" s="137"/>
      <c r="AR1475" s="137"/>
      <c r="AS1475" s="137"/>
      <c r="AT1475" s="137"/>
      <c r="AU1475" s="137"/>
      <c r="AV1475" s="137"/>
      <c r="AW1475" s="144"/>
    </row>
    <row r="1476" spans="2:49" x14ac:dyDescent="0.2">
      <c r="B1476" s="97"/>
      <c r="G1476" s="43"/>
      <c r="J1476" s="98"/>
      <c r="K1476" s="97"/>
      <c r="N1476" s="3"/>
      <c r="W1476" s="98"/>
      <c r="Z1476" s="143"/>
      <c r="AA1476" s="137"/>
      <c r="AB1476" s="137"/>
      <c r="AC1476" s="137"/>
      <c r="AD1476" s="137"/>
      <c r="AE1476" s="137"/>
      <c r="AF1476" s="137"/>
      <c r="AG1476" s="137"/>
      <c r="AH1476" s="137"/>
      <c r="AI1476" s="137"/>
      <c r="AJ1476" s="137"/>
      <c r="AK1476" s="206"/>
      <c r="AL1476" s="206"/>
      <c r="AM1476" s="143"/>
      <c r="AN1476" s="137"/>
      <c r="AO1476" s="137"/>
      <c r="AP1476" s="137"/>
      <c r="AQ1476" s="137"/>
      <c r="AR1476" s="137"/>
      <c r="AS1476" s="137"/>
      <c r="AT1476" s="137"/>
      <c r="AU1476" s="137"/>
      <c r="AV1476" s="137"/>
      <c r="AW1476" s="144"/>
    </row>
    <row r="1477" spans="2:49" x14ac:dyDescent="0.2">
      <c r="B1477" s="97"/>
      <c r="G1477" s="43"/>
      <c r="J1477" s="98"/>
      <c r="K1477" s="97"/>
      <c r="N1477" s="3"/>
      <c r="W1477" s="98"/>
      <c r="Z1477" s="143"/>
      <c r="AA1477" s="137"/>
      <c r="AB1477" s="137"/>
      <c r="AC1477" s="137"/>
      <c r="AD1477" s="137"/>
      <c r="AE1477" s="137"/>
      <c r="AF1477" s="137"/>
      <c r="AG1477" s="137"/>
      <c r="AH1477" s="137"/>
      <c r="AI1477" s="137"/>
      <c r="AJ1477" s="137"/>
      <c r="AK1477" s="206"/>
      <c r="AL1477" s="206"/>
      <c r="AM1477" s="143"/>
      <c r="AN1477" s="137"/>
      <c r="AO1477" s="137"/>
      <c r="AP1477" s="137"/>
      <c r="AQ1477" s="137"/>
      <c r="AR1477" s="137"/>
      <c r="AS1477" s="137"/>
      <c r="AT1477" s="137"/>
      <c r="AU1477" s="137"/>
      <c r="AV1477" s="137"/>
      <c r="AW1477" s="144"/>
    </row>
    <row r="1478" spans="2:49" x14ac:dyDescent="0.2">
      <c r="B1478" s="97"/>
      <c r="G1478" s="43"/>
      <c r="J1478" s="98"/>
      <c r="K1478" s="97"/>
      <c r="N1478" s="3"/>
      <c r="W1478" s="98"/>
      <c r="Z1478" s="143"/>
      <c r="AA1478" s="137"/>
      <c r="AB1478" s="137"/>
      <c r="AC1478" s="137"/>
      <c r="AD1478" s="137"/>
      <c r="AE1478" s="137"/>
      <c r="AF1478" s="137"/>
      <c r="AG1478" s="137"/>
      <c r="AH1478" s="137"/>
      <c r="AI1478" s="137"/>
      <c r="AJ1478" s="137"/>
      <c r="AK1478" s="206"/>
      <c r="AL1478" s="206"/>
      <c r="AM1478" s="143"/>
      <c r="AN1478" s="137"/>
      <c r="AO1478" s="137"/>
      <c r="AP1478" s="137"/>
      <c r="AQ1478" s="137"/>
      <c r="AR1478" s="137"/>
      <c r="AS1478" s="137"/>
      <c r="AT1478" s="137"/>
      <c r="AU1478" s="137"/>
      <c r="AV1478" s="137"/>
      <c r="AW1478" s="144"/>
    </row>
    <row r="1479" spans="2:49" x14ac:dyDescent="0.2">
      <c r="B1479" s="97"/>
      <c r="G1479" s="43"/>
      <c r="J1479" s="98"/>
      <c r="K1479" s="97"/>
      <c r="N1479" s="3"/>
      <c r="W1479" s="98"/>
      <c r="Z1479" s="143"/>
      <c r="AA1479" s="137"/>
      <c r="AB1479" s="137"/>
      <c r="AC1479" s="137"/>
      <c r="AD1479" s="137"/>
      <c r="AE1479" s="137"/>
      <c r="AF1479" s="137"/>
      <c r="AG1479" s="137"/>
      <c r="AH1479" s="137"/>
      <c r="AI1479" s="137"/>
      <c r="AJ1479" s="137"/>
      <c r="AK1479" s="206"/>
      <c r="AL1479" s="206"/>
      <c r="AM1479" s="143"/>
      <c r="AN1479" s="137"/>
      <c r="AO1479" s="137"/>
      <c r="AP1479" s="137"/>
      <c r="AQ1479" s="137"/>
      <c r="AR1479" s="137"/>
      <c r="AS1479" s="137"/>
      <c r="AT1479" s="137"/>
      <c r="AU1479" s="137"/>
      <c r="AV1479" s="137"/>
      <c r="AW1479" s="144"/>
    </row>
    <row r="1480" spans="2:49" x14ac:dyDescent="0.2">
      <c r="B1480" s="97"/>
      <c r="G1480" s="43"/>
      <c r="J1480" s="98"/>
      <c r="K1480" s="97"/>
      <c r="N1480" s="3"/>
      <c r="W1480" s="98"/>
      <c r="Z1480" s="143"/>
      <c r="AA1480" s="137"/>
      <c r="AB1480" s="137"/>
      <c r="AC1480" s="137"/>
      <c r="AD1480" s="137"/>
      <c r="AE1480" s="137"/>
      <c r="AF1480" s="137"/>
      <c r="AG1480" s="137"/>
      <c r="AH1480" s="137"/>
      <c r="AI1480" s="137"/>
      <c r="AJ1480" s="137"/>
      <c r="AK1480" s="206"/>
      <c r="AL1480" s="206"/>
      <c r="AM1480" s="143"/>
      <c r="AN1480" s="137"/>
      <c r="AO1480" s="137"/>
      <c r="AP1480" s="137"/>
      <c r="AQ1480" s="137"/>
      <c r="AR1480" s="137"/>
      <c r="AS1480" s="137"/>
      <c r="AT1480" s="137"/>
      <c r="AU1480" s="137"/>
      <c r="AV1480" s="137"/>
      <c r="AW1480" s="144"/>
    </row>
    <row r="1481" spans="2:49" x14ac:dyDescent="0.2">
      <c r="B1481" s="97"/>
      <c r="G1481" s="43"/>
      <c r="J1481" s="98"/>
      <c r="K1481" s="97"/>
      <c r="N1481" s="3"/>
      <c r="W1481" s="98"/>
      <c r="Z1481" s="143"/>
      <c r="AA1481" s="137"/>
      <c r="AB1481" s="137"/>
      <c r="AC1481" s="137"/>
      <c r="AD1481" s="137"/>
      <c r="AE1481" s="137"/>
      <c r="AF1481" s="137"/>
      <c r="AG1481" s="137"/>
      <c r="AH1481" s="137"/>
      <c r="AI1481" s="137"/>
      <c r="AJ1481" s="137"/>
      <c r="AK1481" s="206"/>
      <c r="AL1481" s="206"/>
      <c r="AM1481" s="143"/>
      <c r="AN1481" s="137"/>
      <c r="AO1481" s="137"/>
      <c r="AP1481" s="137"/>
      <c r="AQ1481" s="137"/>
      <c r="AR1481" s="137"/>
      <c r="AS1481" s="137"/>
      <c r="AT1481" s="137"/>
      <c r="AU1481" s="137"/>
      <c r="AV1481" s="137"/>
      <c r="AW1481" s="144"/>
    </row>
    <row r="1482" spans="2:49" x14ac:dyDescent="0.2">
      <c r="B1482" s="97"/>
      <c r="G1482" s="43"/>
      <c r="J1482" s="98"/>
      <c r="K1482" s="97"/>
      <c r="N1482" s="3"/>
      <c r="W1482" s="98"/>
      <c r="Z1482" s="143"/>
      <c r="AA1482" s="137"/>
      <c r="AB1482" s="137"/>
      <c r="AC1482" s="137"/>
      <c r="AD1482" s="137"/>
      <c r="AE1482" s="137"/>
      <c r="AF1482" s="137"/>
      <c r="AG1482" s="137"/>
      <c r="AH1482" s="137"/>
      <c r="AI1482" s="137"/>
      <c r="AJ1482" s="137"/>
      <c r="AK1482" s="206"/>
      <c r="AL1482" s="206"/>
      <c r="AM1482" s="143"/>
      <c r="AN1482" s="137"/>
      <c r="AO1482" s="137"/>
      <c r="AP1482" s="137"/>
      <c r="AQ1482" s="137"/>
      <c r="AR1482" s="137"/>
      <c r="AS1482" s="137"/>
      <c r="AT1482" s="137"/>
      <c r="AU1482" s="137"/>
      <c r="AV1482" s="137"/>
      <c r="AW1482" s="144"/>
    </row>
    <row r="1483" spans="2:49" x14ac:dyDescent="0.2">
      <c r="B1483" s="97"/>
      <c r="G1483" s="43"/>
      <c r="J1483" s="98"/>
      <c r="K1483" s="97"/>
      <c r="N1483" s="3"/>
      <c r="W1483" s="98"/>
      <c r="Z1483" s="143"/>
      <c r="AA1483" s="137"/>
      <c r="AB1483" s="137"/>
      <c r="AC1483" s="137"/>
      <c r="AD1483" s="137"/>
      <c r="AE1483" s="137"/>
      <c r="AF1483" s="137"/>
      <c r="AG1483" s="137"/>
      <c r="AH1483" s="137"/>
      <c r="AI1483" s="137"/>
      <c r="AJ1483" s="137"/>
      <c r="AK1483" s="206"/>
      <c r="AL1483" s="206"/>
      <c r="AM1483" s="143"/>
      <c r="AN1483" s="137"/>
      <c r="AO1483" s="137"/>
      <c r="AP1483" s="137"/>
      <c r="AQ1483" s="137"/>
      <c r="AR1483" s="137"/>
      <c r="AS1483" s="137"/>
      <c r="AT1483" s="137"/>
      <c r="AU1483" s="137"/>
      <c r="AV1483" s="137"/>
      <c r="AW1483" s="144"/>
    </row>
    <row r="1484" spans="2:49" x14ac:dyDescent="0.2">
      <c r="B1484" s="97"/>
      <c r="G1484" s="43"/>
      <c r="J1484" s="98"/>
      <c r="K1484" s="97"/>
      <c r="N1484" s="3"/>
      <c r="W1484" s="98"/>
      <c r="Z1484" s="143"/>
      <c r="AA1484" s="137"/>
      <c r="AB1484" s="137"/>
      <c r="AC1484" s="137"/>
      <c r="AD1484" s="137"/>
      <c r="AE1484" s="137"/>
      <c r="AF1484" s="137"/>
      <c r="AG1484" s="137"/>
      <c r="AH1484" s="137"/>
      <c r="AI1484" s="137"/>
      <c r="AJ1484" s="137"/>
      <c r="AK1484" s="206"/>
      <c r="AL1484" s="206"/>
      <c r="AM1484" s="143"/>
      <c r="AN1484" s="137"/>
      <c r="AO1484" s="137"/>
      <c r="AP1484" s="137"/>
      <c r="AQ1484" s="137"/>
      <c r="AR1484" s="137"/>
      <c r="AS1484" s="137"/>
      <c r="AT1484" s="137"/>
      <c r="AU1484" s="137"/>
      <c r="AV1484" s="137"/>
      <c r="AW1484" s="144"/>
    </row>
    <row r="1485" spans="2:49" x14ac:dyDescent="0.2">
      <c r="B1485" s="97"/>
      <c r="G1485" s="43"/>
      <c r="J1485" s="98"/>
      <c r="K1485" s="97"/>
      <c r="N1485" s="3"/>
      <c r="W1485" s="98"/>
      <c r="Z1485" s="143"/>
      <c r="AA1485" s="137"/>
      <c r="AB1485" s="137"/>
      <c r="AC1485" s="137"/>
      <c r="AD1485" s="137"/>
      <c r="AE1485" s="137"/>
      <c r="AF1485" s="137"/>
      <c r="AG1485" s="137"/>
      <c r="AH1485" s="137"/>
      <c r="AI1485" s="137"/>
      <c r="AJ1485" s="137"/>
      <c r="AK1485" s="206"/>
      <c r="AL1485" s="206"/>
      <c r="AM1485" s="143"/>
      <c r="AN1485" s="137"/>
      <c r="AO1485" s="137"/>
      <c r="AP1485" s="137"/>
      <c r="AQ1485" s="137"/>
      <c r="AR1485" s="137"/>
      <c r="AS1485" s="137"/>
      <c r="AT1485" s="137"/>
      <c r="AU1485" s="137"/>
      <c r="AV1485" s="137"/>
      <c r="AW1485" s="144"/>
    </row>
    <row r="1486" spans="2:49" x14ac:dyDescent="0.2">
      <c r="B1486" s="97"/>
      <c r="G1486" s="43"/>
      <c r="J1486" s="98"/>
      <c r="K1486" s="97"/>
      <c r="N1486" s="3"/>
      <c r="W1486" s="98"/>
      <c r="Z1486" s="143"/>
      <c r="AA1486" s="137"/>
      <c r="AB1486" s="137"/>
      <c r="AC1486" s="137"/>
      <c r="AD1486" s="137"/>
      <c r="AE1486" s="137"/>
      <c r="AF1486" s="137"/>
      <c r="AG1486" s="137"/>
      <c r="AH1486" s="137"/>
      <c r="AI1486" s="137"/>
      <c r="AJ1486" s="137"/>
      <c r="AK1486" s="206"/>
      <c r="AL1486" s="206"/>
      <c r="AM1486" s="143"/>
      <c r="AN1486" s="137"/>
      <c r="AO1486" s="137"/>
      <c r="AP1486" s="137"/>
      <c r="AQ1486" s="137"/>
      <c r="AR1486" s="137"/>
      <c r="AS1486" s="137"/>
      <c r="AT1486" s="137"/>
      <c r="AU1486" s="137"/>
      <c r="AV1486" s="137"/>
      <c r="AW1486" s="144"/>
    </row>
    <row r="1487" spans="2:49" x14ac:dyDescent="0.2">
      <c r="B1487" s="97"/>
      <c r="G1487" s="43"/>
      <c r="J1487" s="98"/>
      <c r="K1487" s="97"/>
      <c r="N1487" s="3"/>
      <c r="W1487" s="98"/>
      <c r="Z1487" s="143"/>
      <c r="AA1487" s="137"/>
      <c r="AB1487" s="137"/>
      <c r="AC1487" s="137"/>
      <c r="AD1487" s="137"/>
      <c r="AE1487" s="137"/>
      <c r="AF1487" s="137"/>
      <c r="AG1487" s="137"/>
      <c r="AH1487" s="137"/>
      <c r="AI1487" s="137"/>
      <c r="AJ1487" s="137"/>
      <c r="AK1487" s="206"/>
      <c r="AL1487" s="206"/>
      <c r="AM1487" s="143"/>
      <c r="AN1487" s="137"/>
      <c r="AO1487" s="137"/>
      <c r="AP1487" s="137"/>
      <c r="AQ1487" s="137"/>
      <c r="AR1487" s="137"/>
      <c r="AS1487" s="137"/>
      <c r="AT1487" s="137"/>
      <c r="AU1487" s="137"/>
      <c r="AV1487" s="137"/>
      <c r="AW1487" s="144"/>
    </row>
    <row r="1488" spans="2:49" x14ac:dyDescent="0.2">
      <c r="B1488" s="97"/>
      <c r="G1488" s="43"/>
      <c r="J1488" s="98"/>
      <c r="K1488" s="97"/>
      <c r="N1488" s="3"/>
      <c r="W1488" s="98"/>
      <c r="Z1488" s="143"/>
      <c r="AA1488" s="137"/>
      <c r="AB1488" s="137"/>
      <c r="AC1488" s="137"/>
      <c r="AD1488" s="137"/>
      <c r="AE1488" s="137"/>
      <c r="AF1488" s="137"/>
      <c r="AG1488" s="137"/>
      <c r="AH1488" s="137"/>
      <c r="AI1488" s="137"/>
      <c r="AJ1488" s="137"/>
      <c r="AK1488" s="206"/>
      <c r="AL1488" s="206"/>
      <c r="AM1488" s="143"/>
      <c r="AN1488" s="137"/>
      <c r="AO1488" s="137"/>
      <c r="AP1488" s="137"/>
      <c r="AQ1488" s="137"/>
      <c r="AR1488" s="137"/>
      <c r="AS1488" s="137"/>
      <c r="AT1488" s="137"/>
      <c r="AU1488" s="137"/>
      <c r="AV1488" s="137"/>
      <c r="AW1488" s="144"/>
    </row>
    <row r="1489" spans="2:49" x14ac:dyDescent="0.2">
      <c r="B1489" s="97"/>
      <c r="G1489" s="43"/>
      <c r="J1489" s="98"/>
      <c r="K1489" s="97"/>
      <c r="N1489" s="3"/>
      <c r="W1489" s="98"/>
      <c r="Z1489" s="143"/>
      <c r="AA1489" s="137"/>
      <c r="AB1489" s="137"/>
      <c r="AC1489" s="137"/>
      <c r="AD1489" s="137"/>
      <c r="AE1489" s="137"/>
      <c r="AF1489" s="137"/>
      <c r="AG1489" s="137"/>
      <c r="AH1489" s="137"/>
      <c r="AI1489" s="137"/>
      <c r="AJ1489" s="137"/>
      <c r="AK1489" s="206"/>
      <c r="AL1489" s="206"/>
      <c r="AM1489" s="143"/>
      <c r="AN1489" s="137"/>
      <c r="AO1489" s="137"/>
      <c r="AP1489" s="137"/>
      <c r="AQ1489" s="137"/>
      <c r="AR1489" s="137"/>
      <c r="AS1489" s="137"/>
      <c r="AT1489" s="137"/>
      <c r="AU1489" s="137"/>
      <c r="AV1489" s="137"/>
      <c r="AW1489" s="144"/>
    </row>
    <row r="1490" spans="2:49" x14ac:dyDescent="0.2">
      <c r="B1490" s="97"/>
      <c r="G1490" s="43"/>
      <c r="J1490" s="98"/>
      <c r="K1490" s="97"/>
      <c r="N1490" s="3"/>
      <c r="W1490" s="98"/>
      <c r="Z1490" s="143"/>
      <c r="AA1490" s="137"/>
      <c r="AB1490" s="137"/>
      <c r="AC1490" s="137"/>
      <c r="AD1490" s="137"/>
      <c r="AE1490" s="137"/>
      <c r="AF1490" s="137"/>
      <c r="AG1490" s="137"/>
      <c r="AH1490" s="137"/>
      <c r="AI1490" s="137"/>
      <c r="AJ1490" s="137"/>
      <c r="AK1490" s="206"/>
      <c r="AL1490" s="206"/>
      <c r="AM1490" s="143"/>
      <c r="AN1490" s="137"/>
      <c r="AO1490" s="137"/>
      <c r="AP1490" s="137"/>
      <c r="AQ1490" s="137"/>
      <c r="AR1490" s="137"/>
      <c r="AS1490" s="137"/>
      <c r="AT1490" s="137"/>
      <c r="AU1490" s="137"/>
      <c r="AV1490" s="137"/>
      <c r="AW1490" s="144"/>
    </row>
    <row r="1491" spans="2:49" x14ac:dyDescent="0.2">
      <c r="B1491" s="97"/>
      <c r="G1491" s="43"/>
      <c r="J1491" s="98"/>
      <c r="K1491" s="97"/>
      <c r="N1491" s="3"/>
      <c r="W1491" s="98"/>
      <c r="Z1491" s="143"/>
      <c r="AA1491" s="137"/>
      <c r="AB1491" s="137"/>
      <c r="AC1491" s="137"/>
      <c r="AD1491" s="137"/>
      <c r="AE1491" s="137"/>
      <c r="AF1491" s="137"/>
      <c r="AG1491" s="137"/>
      <c r="AH1491" s="137"/>
      <c r="AI1491" s="137"/>
      <c r="AJ1491" s="137"/>
      <c r="AK1491" s="206"/>
      <c r="AL1491" s="206"/>
      <c r="AM1491" s="143"/>
      <c r="AN1491" s="137"/>
      <c r="AO1491" s="137"/>
      <c r="AP1491" s="137"/>
      <c r="AQ1491" s="137"/>
      <c r="AR1491" s="137"/>
      <c r="AS1491" s="137"/>
      <c r="AT1491" s="137"/>
      <c r="AU1491" s="137"/>
      <c r="AV1491" s="137"/>
      <c r="AW1491" s="144"/>
    </row>
    <row r="1492" spans="2:49" x14ac:dyDescent="0.2">
      <c r="B1492" s="97"/>
      <c r="G1492" s="43"/>
      <c r="J1492" s="98"/>
      <c r="K1492" s="97"/>
      <c r="N1492" s="3"/>
      <c r="W1492" s="98"/>
      <c r="Z1492" s="143"/>
      <c r="AA1492" s="137"/>
      <c r="AB1492" s="137"/>
      <c r="AC1492" s="137"/>
      <c r="AD1492" s="137"/>
      <c r="AE1492" s="137"/>
      <c r="AF1492" s="137"/>
      <c r="AG1492" s="137"/>
      <c r="AH1492" s="137"/>
      <c r="AI1492" s="137"/>
      <c r="AJ1492" s="137"/>
      <c r="AK1492" s="206"/>
      <c r="AL1492" s="206"/>
      <c r="AM1492" s="143"/>
      <c r="AN1492" s="137"/>
      <c r="AO1492" s="137"/>
      <c r="AP1492" s="137"/>
      <c r="AQ1492" s="137"/>
      <c r="AR1492" s="137"/>
      <c r="AS1492" s="137"/>
      <c r="AT1492" s="137"/>
      <c r="AU1492" s="137"/>
      <c r="AV1492" s="137"/>
      <c r="AW1492" s="144"/>
    </row>
    <row r="1493" spans="2:49" x14ac:dyDescent="0.2">
      <c r="B1493" s="97"/>
      <c r="G1493" s="43"/>
      <c r="J1493" s="98"/>
      <c r="K1493" s="97"/>
      <c r="N1493" s="3"/>
      <c r="W1493" s="98"/>
      <c r="Z1493" s="143"/>
      <c r="AA1493" s="137"/>
      <c r="AB1493" s="137"/>
      <c r="AC1493" s="137"/>
      <c r="AD1493" s="137"/>
      <c r="AE1493" s="137"/>
      <c r="AF1493" s="137"/>
      <c r="AG1493" s="137"/>
      <c r="AH1493" s="137"/>
      <c r="AI1493" s="137"/>
      <c r="AJ1493" s="137"/>
      <c r="AK1493" s="206"/>
      <c r="AL1493" s="206"/>
      <c r="AM1493" s="143"/>
      <c r="AN1493" s="137"/>
      <c r="AO1493" s="137"/>
      <c r="AP1493" s="137"/>
      <c r="AQ1493" s="137"/>
      <c r="AR1493" s="137"/>
      <c r="AS1493" s="137"/>
      <c r="AT1493" s="137"/>
      <c r="AU1493" s="137"/>
      <c r="AV1493" s="137"/>
      <c r="AW1493" s="144"/>
    </row>
    <row r="1494" spans="2:49" x14ac:dyDescent="0.2">
      <c r="B1494" s="97"/>
      <c r="G1494" s="43"/>
      <c r="J1494" s="98"/>
      <c r="K1494" s="97"/>
      <c r="N1494" s="3"/>
      <c r="W1494" s="98"/>
      <c r="Z1494" s="143"/>
      <c r="AA1494" s="137"/>
      <c r="AB1494" s="137"/>
      <c r="AC1494" s="137"/>
      <c r="AD1494" s="137"/>
      <c r="AE1494" s="137"/>
      <c r="AF1494" s="137"/>
      <c r="AG1494" s="137"/>
      <c r="AH1494" s="137"/>
      <c r="AI1494" s="137"/>
      <c r="AJ1494" s="137"/>
      <c r="AK1494" s="206"/>
      <c r="AL1494" s="206"/>
      <c r="AM1494" s="143"/>
      <c r="AN1494" s="137"/>
      <c r="AO1494" s="137"/>
      <c r="AP1494" s="137"/>
      <c r="AQ1494" s="137"/>
      <c r="AR1494" s="137"/>
      <c r="AS1494" s="137"/>
      <c r="AT1494" s="137"/>
      <c r="AU1494" s="137"/>
      <c r="AV1494" s="137"/>
      <c r="AW1494" s="144"/>
    </row>
    <row r="1495" spans="2:49" x14ac:dyDescent="0.2">
      <c r="B1495" s="97"/>
      <c r="G1495" s="43"/>
      <c r="J1495" s="98"/>
      <c r="K1495" s="97"/>
      <c r="N1495" s="3"/>
      <c r="W1495" s="98"/>
      <c r="Z1495" s="143"/>
      <c r="AA1495" s="137"/>
      <c r="AB1495" s="137"/>
      <c r="AC1495" s="137"/>
      <c r="AD1495" s="137"/>
      <c r="AE1495" s="137"/>
      <c r="AF1495" s="137"/>
      <c r="AG1495" s="137"/>
      <c r="AH1495" s="137"/>
      <c r="AI1495" s="137"/>
      <c r="AJ1495" s="137"/>
      <c r="AK1495" s="206"/>
      <c r="AL1495" s="206"/>
      <c r="AM1495" s="143"/>
      <c r="AN1495" s="137"/>
      <c r="AO1495" s="137"/>
      <c r="AP1495" s="137"/>
      <c r="AQ1495" s="137"/>
      <c r="AR1495" s="137"/>
      <c r="AS1495" s="137"/>
      <c r="AT1495" s="137"/>
      <c r="AU1495" s="137"/>
      <c r="AV1495" s="137"/>
      <c r="AW1495" s="144"/>
    </row>
    <row r="1496" spans="2:49" x14ac:dyDescent="0.2">
      <c r="B1496" s="97"/>
      <c r="G1496" s="43"/>
      <c r="J1496" s="98"/>
      <c r="K1496" s="97"/>
      <c r="N1496" s="3"/>
      <c r="W1496" s="98"/>
      <c r="Z1496" s="143"/>
      <c r="AA1496" s="137"/>
      <c r="AB1496" s="137"/>
      <c r="AC1496" s="137"/>
      <c r="AD1496" s="137"/>
      <c r="AE1496" s="137"/>
      <c r="AF1496" s="137"/>
      <c r="AG1496" s="137"/>
      <c r="AH1496" s="137"/>
      <c r="AI1496" s="137"/>
      <c r="AJ1496" s="137"/>
      <c r="AK1496" s="206"/>
      <c r="AL1496" s="206"/>
      <c r="AM1496" s="143"/>
      <c r="AN1496" s="137"/>
      <c r="AO1496" s="137"/>
      <c r="AP1496" s="137"/>
      <c r="AQ1496" s="137"/>
      <c r="AR1496" s="137"/>
      <c r="AS1496" s="137"/>
      <c r="AT1496" s="137"/>
      <c r="AU1496" s="137"/>
      <c r="AV1496" s="137"/>
      <c r="AW1496" s="144"/>
    </row>
    <row r="1497" spans="2:49" x14ac:dyDescent="0.2">
      <c r="B1497" s="97"/>
      <c r="G1497" s="43"/>
      <c r="J1497" s="98"/>
      <c r="K1497" s="97"/>
      <c r="N1497" s="3"/>
      <c r="W1497" s="98"/>
      <c r="Z1497" s="143"/>
      <c r="AA1497" s="137"/>
      <c r="AB1497" s="137"/>
      <c r="AC1497" s="137"/>
      <c r="AD1497" s="137"/>
      <c r="AE1497" s="137"/>
      <c r="AF1497" s="137"/>
      <c r="AG1497" s="137"/>
      <c r="AH1497" s="137"/>
      <c r="AI1497" s="137"/>
      <c r="AJ1497" s="137"/>
      <c r="AK1497" s="206"/>
      <c r="AL1497" s="206"/>
      <c r="AM1497" s="143"/>
      <c r="AN1497" s="137"/>
      <c r="AO1497" s="137"/>
      <c r="AP1497" s="137"/>
      <c r="AQ1497" s="137"/>
      <c r="AR1497" s="137"/>
      <c r="AS1497" s="137"/>
      <c r="AT1497" s="137"/>
      <c r="AU1497" s="137"/>
      <c r="AV1497" s="137"/>
      <c r="AW1497" s="144"/>
    </row>
    <row r="1498" spans="2:49" x14ac:dyDescent="0.2">
      <c r="B1498" s="97"/>
      <c r="G1498" s="43"/>
      <c r="J1498" s="98"/>
      <c r="K1498" s="97"/>
      <c r="N1498" s="3"/>
      <c r="W1498" s="98"/>
      <c r="Z1498" s="143"/>
      <c r="AA1498" s="137"/>
      <c r="AB1498" s="137"/>
      <c r="AC1498" s="137"/>
      <c r="AD1498" s="137"/>
      <c r="AE1498" s="137"/>
      <c r="AF1498" s="137"/>
      <c r="AG1498" s="137"/>
      <c r="AH1498" s="137"/>
      <c r="AI1498" s="137"/>
      <c r="AJ1498" s="137"/>
      <c r="AK1498" s="206"/>
      <c r="AL1498" s="206"/>
      <c r="AM1498" s="143"/>
      <c r="AN1498" s="137"/>
      <c r="AO1498" s="137"/>
      <c r="AP1498" s="137"/>
      <c r="AQ1498" s="137"/>
      <c r="AR1498" s="137"/>
      <c r="AS1498" s="137"/>
      <c r="AT1498" s="137"/>
      <c r="AU1498" s="137"/>
      <c r="AV1498" s="137"/>
      <c r="AW1498" s="144"/>
    </row>
    <row r="1499" spans="2:49" x14ac:dyDescent="0.2">
      <c r="B1499" s="97"/>
      <c r="G1499" s="43"/>
      <c r="J1499" s="98"/>
      <c r="K1499" s="97"/>
      <c r="N1499" s="3"/>
      <c r="W1499" s="98"/>
      <c r="Z1499" s="143"/>
      <c r="AA1499" s="137"/>
      <c r="AB1499" s="137"/>
      <c r="AC1499" s="137"/>
      <c r="AD1499" s="137"/>
      <c r="AE1499" s="137"/>
      <c r="AF1499" s="137"/>
      <c r="AG1499" s="137"/>
      <c r="AH1499" s="137"/>
      <c r="AI1499" s="137"/>
      <c r="AJ1499" s="137"/>
      <c r="AK1499" s="206"/>
      <c r="AL1499" s="206"/>
      <c r="AM1499" s="143"/>
      <c r="AN1499" s="137"/>
      <c r="AO1499" s="137"/>
      <c r="AP1499" s="137"/>
      <c r="AQ1499" s="137"/>
      <c r="AR1499" s="137"/>
      <c r="AS1499" s="137"/>
      <c r="AT1499" s="137"/>
      <c r="AU1499" s="137"/>
      <c r="AV1499" s="137"/>
      <c r="AW1499" s="144"/>
    </row>
    <row r="1500" spans="2:49" x14ac:dyDescent="0.2">
      <c r="B1500" s="97"/>
      <c r="G1500" s="43"/>
      <c r="J1500" s="98"/>
      <c r="K1500" s="97"/>
      <c r="N1500" s="3"/>
      <c r="W1500" s="98"/>
      <c r="Z1500" s="143"/>
      <c r="AA1500" s="137"/>
      <c r="AB1500" s="137"/>
      <c r="AC1500" s="137"/>
      <c r="AD1500" s="137"/>
      <c r="AE1500" s="137"/>
      <c r="AF1500" s="137"/>
      <c r="AG1500" s="137"/>
      <c r="AH1500" s="137"/>
      <c r="AI1500" s="137"/>
      <c r="AJ1500" s="137"/>
      <c r="AK1500" s="206"/>
      <c r="AL1500" s="206"/>
      <c r="AM1500" s="143"/>
      <c r="AN1500" s="137"/>
      <c r="AO1500" s="137"/>
      <c r="AP1500" s="137"/>
      <c r="AQ1500" s="137"/>
      <c r="AR1500" s="137"/>
      <c r="AS1500" s="137"/>
      <c r="AT1500" s="137"/>
      <c r="AU1500" s="137"/>
      <c r="AV1500" s="137"/>
      <c r="AW1500" s="144"/>
    </row>
    <row r="1501" spans="2:49" x14ac:dyDescent="0.2">
      <c r="B1501" s="97"/>
      <c r="G1501" s="43"/>
      <c r="J1501" s="98"/>
      <c r="K1501" s="97"/>
      <c r="N1501" s="3"/>
      <c r="W1501" s="98"/>
      <c r="Z1501" s="143"/>
      <c r="AA1501" s="137"/>
      <c r="AB1501" s="137"/>
      <c r="AC1501" s="137"/>
      <c r="AD1501" s="137"/>
      <c r="AE1501" s="137"/>
      <c r="AF1501" s="137"/>
      <c r="AG1501" s="137"/>
      <c r="AH1501" s="137"/>
      <c r="AI1501" s="137"/>
      <c r="AJ1501" s="137"/>
      <c r="AK1501" s="206"/>
      <c r="AL1501" s="206"/>
      <c r="AM1501" s="143"/>
      <c r="AN1501" s="137"/>
      <c r="AO1501" s="137"/>
      <c r="AP1501" s="137"/>
      <c r="AQ1501" s="137"/>
      <c r="AR1501" s="137"/>
      <c r="AS1501" s="137"/>
      <c r="AT1501" s="137"/>
      <c r="AU1501" s="137"/>
      <c r="AV1501" s="137"/>
      <c r="AW1501" s="144"/>
    </row>
    <row r="1502" spans="2:49" x14ac:dyDescent="0.2">
      <c r="B1502" s="97"/>
      <c r="G1502" s="43"/>
      <c r="J1502" s="98"/>
      <c r="K1502" s="97"/>
      <c r="N1502" s="3"/>
      <c r="W1502" s="98"/>
      <c r="Z1502" s="143"/>
      <c r="AA1502" s="137"/>
      <c r="AB1502" s="137"/>
      <c r="AC1502" s="137"/>
      <c r="AD1502" s="137"/>
      <c r="AE1502" s="137"/>
      <c r="AF1502" s="137"/>
      <c r="AG1502" s="137"/>
      <c r="AH1502" s="137"/>
      <c r="AI1502" s="137"/>
      <c r="AJ1502" s="137"/>
      <c r="AK1502" s="206"/>
      <c r="AL1502" s="206"/>
      <c r="AM1502" s="143"/>
      <c r="AN1502" s="137"/>
      <c r="AO1502" s="137"/>
      <c r="AP1502" s="137"/>
      <c r="AQ1502" s="137"/>
      <c r="AR1502" s="137"/>
      <c r="AS1502" s="137"/>
      <c r="AT1502" s="137"/>
      <c r="AU1502" s="137"/>
      <c r="AV1502" s="137"/>
      <c r="AW1502" s="144"/>
    </row>
    <row r="1503" spans="2:49" x14ac:dyDescent="0.2">
      <c r="B1503" s="97"/>
      <c r="G1503" s="43"/>
      <c r="J1503" s="98"/>
      <c r="K1503" s="97"/>
      <c r="N1503" s="3"/>
      <c r="W1503" s="98"/>
      <c r="Z1503" s="143"/>
      <c r="AA1503" s="137"/>
      <c r="AB1503" s="137"/>
      <c r="AC1503" s="137"/>
      <c r="AD1503" s="137"/>
      <c r="AE1503" s="137"/>
      <c r="AF1503" s="137"/>
      <c r="AG1503" s="137"/>
      <c r="AH1503" s="137"/>
      <c r="AI1503" s="137"/>
      <c r="AJ1503" s="137"/>
      <c r="AK1503" s="206"/>
      <c r="AL1503" s="206"/>
      <c r="AM1503" s="143"/>
      <c r="AN1503" s="137"/>
      <c r="AO1503" s="137"/>
      <c r="AP1503" s="137"/>
      <c r="AQ1503" s="137"/>
      <c r="AR1503" s="137"/>
      <c r="AS1503" s="137"/>
      <c r="AT1503" s="137"/>
      <c r="AU1503" s="137"/>
      <c r="AV1503" s="137"/>
      <c r="AW1503" s="144"/>
    </row>
    <row r="1504" spans="2:49" x14ac:dyDescent="0.2">
      <c r="B1504" s="97"/>
      <c r="G1504" s="43"/>
      <c r="J1504" s="98"/>
      <c r="K1504" s="97"/>
      <c r="N1504" s="3"/>
      <c r="W1504" s="98"/>
      <c r="Z1504" s="143"/>
      <c r="AA1504" s="137"/>
      <c r="AB1504" s="137"/>
      <c r="AC1504" s="137"/>
      <c r="AD1504" s="137"/>
      <c r="AE1504" s="137"/>
      <c r="AF1504" s="137"/>
      <c r="AG1504" s="137"/>
      <c r="AH1504" s="137"/>
      <c r="AI1504" s="137"/>
      <c r="AJ1504" s="137"/>
      <c r="AK1504" s="206"/>
      <c r="AL1504" s="206"/>
      <c r="AM1504" s="143"/>
      <c r="AN1504" s="137"/>
      <c r="AO1504" s="137"/>
      <c r="AP1504" s="137"/>
      <c r="AQ1504" s="137"/>
      <c r="AR1504" s="137"/>
      <c r="AS1504" s="137"/>
      <c r="AT1504" s="137"/>
      <c r="AU1504" s="137"/>
      <c r="AV1504" s="137"/>
      <c r="AW1504" s="144"/>
    </row>
    <row r="1505" spans="2:49" x14ac:dyDescent="0.2">
      <c r="B1505" s="97"/>
      <c r="G1505" s="43"/>
      <c r="J1505" s="98"/>
      <c r="K1505" s="97"/>
      <c r="N1505" s="3"/>
      <c r="W1505" s="98"/>
      <c r="Z1505" s="143"/>
      <c r="AA1505" s="137"/>
      <c r="AB1505" s="137"/>
      <c r="AC1505" s="137"/>
      <c r="AD1505" s="137"/>
      <c r="AE1505" s="137"/>
      <c r="AF1505" s="137"/>
      <c r="AG1505" s="137"/>
      <c r="AH1505" s="137"/>
      <c r="AI1505" s="137"/>
      <c r="AJ1505" s="137"/>
      <c r="AK1505" s="206"/>
      <c r="AL1505" s="206"/>
      <c r="AM1505" s="143"/>
      <c r="AN1505" s="137"/>
      <c r="AO1505" s="137"/>
      <c r="AP1505" s="137"/>
      <c r="AQ1505" s="137"/>
      <c r="AR1505" s="137"/>
      <c r="AS1505" s="137"/>
      <c r="AT1505" s="137"/>
      <c r="AU1505" s="137"/>
      <c r="AV1505" s="137"/>
      <c r="AW1505" s="144"/>
    </row>
    <row r="1506" spans="2:49" x14ac:dyDescent="0.2">
      <c r="B1506" s="97"/>
      <c r="G1506" s="43"/>
      <c r="J1506" s="98"/>
      <c r="K1506" s="97"/>
      <c r="N1506" s="3"/>
      <c r="W1506" s="98"/>
      <c r="Z1506" s="143"/>
      <c r="AA1506" s="137"/>
      <c r="AB1506" s="137"/>
      <c r="AC1506" s="137"/>
      <c r="AD1506" s="137"/>
      <c r="AE1506" s="137"/>
      <c r="AF1506" s="137"/>
      <c r="AG1506" s="137"/>
      <c r="AH1506" s="137"/>
      <c r="AI1506" s="137"/>
      <c r="AJ1506" s="137"/>
      <c r="AK1506" s="206"/>
      <c r="AL1506" s="206"/>
      <c r="AM1506" s="143"/>
      <c r="AN1506" s="137"/>
      <c r="AO1506" s="137"/>
      <c r="AP1506" s="137"/>
      <c r="AQ1506" s="137"/>
      <c r="AR1506" s="137"/>
      <c r="AS1506" s="137"/>
      <c r="AT1506" s="137"/>
      <c r="AU1506" s="137"/>
      <c r="AV1506" s="137"/>
      <c r="AW1506" s="144"/>
    </row>
    <row r="1507" spans="2:49" x14ac:dyDescent="0.2">
      <c r="B1507" s="97"/>
      <c r="G1507" s="43"/>
      <c r="J1507" s="98"/>
      <c r="K1507" s="97"/>
      <c r="N1507" s="3"/>
      <c r="W1507" s="98"/>
      <c r="Z1507" s="143"/>
      <c r="AA1507" s="137"/>
      <c r="AB1507" s="137"/>
      <c r="AC1507" s="137"/>
      <c r="AD1507" s="137"/>
      <c r="AE1507" s="137"/>
      <c r="AF1507" s="137"/>
      <c r="AG1507" s="137"/>
      <c r="AH1507" s="137"/>
      <c r="AI1507" s="137"/>
      <c r="AJ1507" s="137"/>
      <c r="AK1507" s="206"/>
      <c r="AL1507" s="206"/>
      <c r="AM1507" s="143"/>
      <c r="AN1507" s="137"/>
      <c r="AO1507" s="137"/>
      <c r="AP1507" s="137"/>
      <c r="AQ1507" s="137"/>
      <c r="AR1507" s="137"/>
      <c r="AS1507" s="137"/>
      <c r="AT1507" s="137"/>
      <c r="AU1507" s="137"/>
      <c r="AV1507" s="137"/>
      <c r="AW1507" s="144"/>
    </row>
    <row r="1508" spans="2:49" x14ac:dyDescent="0.2">
      <c r="B1508" s="97"/>
      <c r="G1508" s="43"/>
      <c r="J1508" s="98"/>
      <c r="K1508" s="97"/>
      <c r="N1508" s="3"/>
      <c r="W1508" s="98"/>
      <c r="Z1508" s="143"/>
      <c r="AA1508" s="137"/>
      <c r="AB1508" s="137"/>
      <c r="AC1508" s="137"/>
      <c r="AD1508" s="137"/>
      <c r="AE1508" s="137"/>
      <c r="AF1508" s="137"/>
      <c r="AG1508" s="137"/>
      <c r="AH1508" s="137"/>
      <c r="AI1508" s="137"/>
      <c r="AJ1508" s="137"/>
      <c r="AK1508" s="206"/>
      <c r="AL1508" s="206"/>
      <c r="AM1508" s="143"/>
      <c r="AN1508" s="137"/>
      <c r="AO1508" s="137"/>
      <c r="AP1508" s="137"/>
      <c r="AQ1508" s="137"/>
      <c r="AR1508" s="137"/>
      <c r="AS1508" s="137"/>
      <c r="AT1508" s="137"/>
      <c r="AU1508" s="137"/>
      <c r="AV1508" s="137"/>
      <c r="AW1508" s="144"/>
    </row>
    <row r="1509" spans="2:49" x14ac:dyDescent="0.2">
      <c r="B1509" s="97"/>
      <c r="G1509" s="43"/>
      <c r="J1509" s="98"/>
      <c r="K1509" s="97"/>
      <c r="N1509" s="3"/>
      <c r="W1509" s="98"/>
      <c r="Z1509" s="143"/>
      <c r="AA1509" s="137"/>
      <c r="AB1509" s="137"/>
      <c r="AC1509" s="137"/>
      <c r="AD1509" s="137"/>
      <c r="AE1509" s="137"/>
      <c r="AF1509" s="137"/>
      <c r="AG1509" s="137"/>
      <c r="AH1509" s="137"/>
      <c r="AI1509" s="137"/>
      <c r="AJ1509" s="137"/>
      <c r="AK1509" s="206"/>
      <c r="AL1509" s="206"/>
      <c r="AM1509" s="143"/>
      <c r="AN1509" s="137"/>
      <c r="AO1509" s="137"/>
      <c r="AP1509" s="137"/>
      <c r="AQ1509" s="137"/>
      <c r="AR1509" s="137"/>
      <c r="AS1509" s="137"/>
      <c r="AT1509" s="137"/>
      <c r="AU1509" s="137"/>
      <c r="AV1509" s="137"/>
      <c r="AW1509" s="144"/>
    </row>
    <row r="1510" spans="2:49" x14ac:dyDescent="0.2">
      <c r="B1510" s="97"/>
      <c r="G1510" s="43"/>
      <c r="J1510" s="98"/>
      <c r="K1510" s="97"/>
      <c r="N1510" s="3"/>
      <c r="W1510" s="98"/>
      <c r="Z1510" s="143"/>
      <c r="AA1510" s="137"/>
      <c r="AB1510" s="137"/>
      <c r="AC1510" s="137"/>
      <c r="AD1510" s="137"/>
      <c r="AE1510" s="137"/>
      <c r="AF1510" s="137"/>
      <c r="AG1510" s="137"/>
      <c r="AH1510" s="137"/>
      <c r="AI1510" s="137"/>
      <c r="AJ1510" s="137"/>
      <c r="AK1510" s="206"/>
      <c r="AL1510" s="206"/>
      <c r="AM1510" s="143"/>
      <c r="AN1510" s="137"/>
      <c r="AO1510" s="137"/>
      <c r="AP1510" s="137"/>
      <c r="AQ1510" s="137"/>
      <c r="AR1510" s="137"/>
      <c r="AS1510" s="137"/>
      <c r="AT1510" s="137"/>
      <c r="AU1510" s="137"/>
      <c r="AV1510" s="137"/>
      <c r="AW1510" s="144"/>
    </row>
    <row r="1511" spans="2:49" x14ac:dyDescent="0.2">
      <c r="B1511" s="97"/>
      <c r="G1511" s="43"/>
      <c r="J1511" s="98"/>
      <c r="K1511" s="97"/>
      <c r="N1511" s="3"/>
      <c r="W1511" s="98"/>
      <c r="Z1511" s="143"/>
      <c r="AA1511" s="137"/>
      <c r="AB1511" s="137"/>
      <c r="AC1511" s="137"/>
      <c r="AD1511" s="137"/>
      <c r="AE1511" s="137"/>
      <c r="AF1511" s="137"/>
      <c r="AG1511" s="137"/>
      <c r="AH1511" s="137"/>
      <c r="AI1511" s="137"/>
      <c r="AJ1511" s="137"/>
      <c r="AK1511" s="206"/>
      <c r="AL1511" s="206"/>
      <c r="AM1511" s="143"/>
      <c r="AN1511" s="137"/>
      <c r="AO1511" s="137"/>
      <c r="AP1511" s="137"/>
      <c r="AQ1511" s="137"/>
      <c r="AR1511" s="137"/>
      <c r="AS1511" s="137"/>
      <c r="AT1511" s="137"/>
      <c r="AU1511" s="137"/>
      <c r="AV1511" s="137"/>
      <c r="AW1511" s="144"/>
    </row>
    <row r="1512" spans="2:49" x14ac:dyDescent="0.2">
      <c r="B1512" s="97"/>
      <c r="G1512" s="43"/>
      <c r="J1512" s="98"/>
      <c r="K1512" s="97"/>
      <c r="N1512" s="3"/>
      <c r="W1512" s="98"/>
      <c r="Z1512" s="143"/>
      <c r="AA1512" s="137"/>
      <c r="AB1512" s="137"/>
      <c r="AC1512" s="137"/>
      <c r="AD1512" s="137"/>
      <c r="AE1512" s="137"/>
      <c r="AF1512" s="137"/>
      <c r="AG1512" s="137"/>
      <c r="AH1512" s="137"/>
      <c r="AI1512" s="137"/>
      <c r="AJ1512" s="137"/>
      <c r="AK1512" s="206"/>
      <c r="AL1512" s="206"/>
      <c r="AM1512" s="143"/>
      <c r="AN1512" s="137"/>
      <c r="AO1512" s="137"/>
      <c r="AP1512" s="137"/>
      <c r="AQ1512" s="137"/>
      <c r="AR1512" s="137"/>
      <c r="AS1512" s="137"/>
      <c r="AT1512" s="137"/>
      <c r="AU1512" s="137"/>
      <c r="AV1512" s="137"/>
      <c r="AW1512" s="144"/>
    </row>
    <row r="1513" spans="2:49" x14ac:dyDescent="0.2">
      <c r="B1513" s="97"/>
      <c r="G1513" s="43"/>
      <c r="J1513" s="98"/>
      <c r="K1513" s="97"/>
      <c r="N1513" s="3"/>
      <c r="W1513" s="98"/>
      <c r="Z1513" s="143"/>
      <c r="AA1513" s="137"/>
      <c r="AB1513" s="137"/>
      <c r="AC1513" s="137"/>
      <c r="AD1513" s="137"/>
      <c r="AE1513" s="137"/>
      <c r="AF1513" s="137"/>
      <c r="AG1513" s="137"/>
      <c r="AH1513" s="137"/>
      <c r="AI1513" s="137"/>
      <c r="AJ1513" s="137"/>
      <c r="AK1513" s="206"/>
      <c r="AL1513" s="206"/>
      <c r="AM1513" s="143"/>
      <c r="AN1513" s="137"/>
      <c r="AO1513" s="137"/>
      <c r="AP1513" s="137"/>
      <c r="AQ1513" s="137"/>
      <c r="AR1513" s="137"/>
      <c r="AS1513" s="137"/>
      <c r="AT1513" s="137"/>
      <c r="AU1513" s="137"/>
      <c r="AV1513" s="137"/>
      <c r="AW1513" s="144"/>
    </row>
    <row r="1514" spans="2:49" x14ac:dyDescent="0.2">
      <c r="B1514" s="97"/>
      <c r="G1514" s="43"/>
      <c r="J1514" s="98"/>
      <c r="K1514" s="97"/>
      <c r="N1514" s="3"/>
      <c r="W1514" s="98"/>
      <c r="Z1514" s="143"/>
      <c r="AA1514" s="137"/>
      <c r="AB1514" s="137"/>
      <c r="AC1514" s="137"/>
      <c r="AD1514" s="137"/>
      <c r="AE1514" s="137"/>
      <c r="AF1514" s="137"/>
      <c r="AG1514" s="137"/>
      <c r="AH1514" s="137"/>
      <c r="AI1514" s="137"/>
      <c r="AJ1514" s="137"/>
      <c r="AK1514" s="206"/>
      <c r="AL1514" s="206"/>
      <c r="AM1514" s="143"/>
      <c r="AN1514" s="137"/>
      <c r="AO1514" s="137"/>
      <c r="AP1514" s="137"/>
      <c r="AQ1514" s="137"/>
      <c r="AR1514" s="137"/>
      <c r="AS1514" s="137"/>
      <c r="AT1514" s="137"/>
      <c r="AU1514" s="137"/>
      <c r="AV1514" s="137"/>
      <c r="AW1514" s="144"/>
    </row>
    <row r="1515" spans="2:49" x14ac:dyDescent="0.2">
      <c r="B1515" s="97"/>
      <c r="G1515" s="43"/>
      <c r="J1515" s="98"/>
      <c r="K1515" s="97"/>
      <c r="N1515" s="3"/>
      <c r="W1515" s="98"/>
      <c r="Z1515" s="143"/>
      <c r="AA1515" s="137"/>
      <c r="AB1515" s="137"/>
      <c r="AC1515" s="137"/>
      <c r="AD1515" s="137"/>
      <c r="AE1515" s="137"/>
      <c r="AF1515" s="137"/>
      <c r="AG1515" s="137"/>
      <c r="AH1515" s="137"/>
      <c r="AI1515" s="137"/>
      <c r="AJ1515" s="137"/>
      <c r="AK1515" s="206"/>
      <c r="AL1515" s="206"/>
      <c r="AM1515" s="143"/>
      <c r="AN1515" s="137"/>
      <c r="AO1515" s="137"/>
      <c r="AP1515" s="137"/>
      <c r="AQ1515" s="137"/>
      <c r="AR1515" s="137"/>
      <c r="AS1515" s="137"/>
      <c r="AT1515" s="137"/>
      <c r="AU1515" s="137"/>
      <c r="AV1515" s="137"/>
      <c r="AW1515" s="144"/>
    </row>
    <row r="1516" spans="2:49" x14ac:dyDescent="0.2">
      <c r="B1516" s="97"/>
      <c r="G1516" s="43"/>
      <c r="J1516" s="98"/>
      <c r="K1516" s="97"/>
      <c r="N1516" s="3"/>
      <c r="W1516" s="98"/>
      <c r="Z1516" s="143"/>
      <c r="AA1516" s="137"/>
      <c r="AB1516" s="137"/>
      <c r="AC1516" s="137"/>
      <c r="AD1516" s="137"/>
      <c r="AE1516" s="137"/>
      <c r="AF1516" s="137"/>
      <c r="AG1516" s="137"/>
      <c r="AH1516" s="137"/>
      <c r="AI1516" s="137"/>
      <c r="AJ1516" s="137"/>
      <c r="AK1516" s="206"/>
      <c r="AL1516" s="206"/>
      <c r="AM1516" s="143"/>
      <c r="AN1516" s="137"/>
      <c r="AO1516" s="137"/>
      <c r="AP1516" s="137"/>
      <c r="AQ1516" s="137"/>
      <c r="AR1516" s="137"/>
      <c r="AS1516" s="137"/>
      <c r="AT1516" s="137"/>
      <c r="AU1516" s="137"/>
      <c r="AV1516" s="137"/>
      <c r="AW1516" s="144"/>
    </row>
    <row r="1517" spans="2:49" x14ac:dyDescent="0.2">
      <c r="B1517" s="97"/>
      <c r="G1517" s="43"/>
      <c r="J1517" s="98"/>
      <c r="K1517" s="97"/>
      <c r="N1517" s="3"/>
      <c r="W1517" s="98"/>
      <c r="Z1517" s="143"/>
      <c r="AA1517" s="137"/>
      <c r="AB1517" s="137"/>
      <c r="AC1517" s="137"/>
      <c r="AD1517" s="137"/>
      <c r="AE1517" s="137"/>
      <c r="AF1517" s="137"/>
      <c r="AG1517" s="137"/>
      <c r="AH1517" s="137"/>
      <c r="AI1517" s="137"/>
      <c r="AJ1517" s="137"/>
      <c r="AK1517" s="206"/>
      <c r="AL1517" s="206"/>
      <c r="AM1517" s="143"/>
      <c r="AN1517" s="137"/>
      <c r="AO1517" s="137"/>
      <c r="AP1517" s="137"/>
      <c r="AQ1517" s="137"/>
      <c r="AR1517" s="137"/>
      <c r="AS1517" s="137"/>
      <c r="AT1517" s="137"/>
      <c r="AU1517" s="137"/>
      <c r="AV1517" s="137"/>
      <c r="AW1517" s="144"/>
    </row>
    <row r="1518" spans="2:49" x14ac:dyDescent="0.2">
      <c r="B1518" s="97"/>
      <c r="G1518" s="43"/>
      <c r="J1518" s="98"/>
      <c r="K1518" s="97"/>
      <c r="N1518" s="3"/>
      <c r="W1518" s="98"/>
      <c r="Z1518" s="143"/>
      <c r="AA1518" s="137"/>
      <c r="AB1518" s="137"/>
      <c r="AC1518" s="137"/>
      <c r="AD1518" s="137"/>
      <c r="AE1518" s="137"/>
      <c r="AF1518" s="137"/>
      <c r="AG1518" s="137"/>
      <c r="AH1518" s="137"/>
      <c r="AI1518" s="137"/>
      <c r="AJ1518" s="137"/>
      <c r="AK1518" s="206"/>
      <c r="AL1518" s="206"/>
      <c r="AM1518" s="143"/>
      <c r="AN1518" s="137"/>
      <c r="AO1518" s="137"/>
      <c r="AP1518" s="137"/>
      <c r="AQ1518" s="137"/>
      <c r="AR1518" s="137"/>
      <c r="AS1518" s="137"/>
      <c r="AT1518" s="137"/>
      <c r="AU1518" s="137"/>
      <c r="AV1518" s="137"/>
      <c r="AW1518" s="144"/>
    </row>
    <row r="1519" spans="2:49" x14ac:dyDescent="0.2">
      <c r="B1519" s="97"/>
      <c r="G1519" s="43"/>
      <c r="J1519" s="98"/>
      <c r="K1519" s="97"/>
      <c r="N1519" s="3"/>
      <c r="W1519" s="98"/>
      <c r="Z1519" s="143"/>
      <c r="AA1519" s="137"/>
      <c r="AB1519" s="137"/>
      <c r="AC1519" s="137"/>
      <c r="AD1519" s="137"/>
      <c r="AE1519" s="137"/>
      <c r="AF1519" s="137"/>
      <c r="AG1519" s="137"/>
      <c r="AH1519" s="137"/>
      <c r="AI1519" s="137"/>
      <c r="AJ1519" s="137"/>
      <c r="AK1519" s="206"/>
      <c r="AL1519" s="206"/>
      <c r="AM1519" s="143"/>
      <c r="AN1519" s="137"/>
      <c r="AO1519" s="137"/>
      <c r="AP1519" s="137"/>
      <c r="AQ1519" s="137"/>
      <c r="AR1519" s="137"/>
      <c r="AS1519" s="137"/>
      <c r="AT1519" s="137"/>
      <c r="AU1519" s="137"/>
      <c r="AV1519" s="137"/>
      <c r="AW1519" s="144"/>
    </row>
    <row r="1520" spans="2:49" x14ac:dyDescent="0.2">
      <c r="B1520" s="97"/>
      <c r="G1520" s="43"/>
      <c r="J1520" s="98"/>
      <c r="K1520" s="97"/>
      <c r="N1520" s="3"/>
      <c r="W1520" s="98"/>
      <c r="Z1520" s="143"/>
      <c r="AA1520" s="137"/>
      <c r="AB1520" s="137"/>
      <c r="AC1520" s="137"/>
      <c r="AD1520" s="137"/>
      <c r="AE1520" s="137"/>
      <c r="AF1520" s="137"/>
      <c r="AG1520" s="137"/>
      <c r="AH1520" s="137"/>
      <c r="AI1520" s="137"/>
      <c r="AJ1520" s="137"/>
      <c r="AK1520" s="206"/>
      <c r="AL1520" s="206"/>
      <c r="AM1520" s="143"/>
      <c r="AN1520" s="137"/>
      <c r="AO1520" s="137"/>
      <c r="AP1520" s="137"/>
      <c r="AQ1520" s="137"/>
      <c r="AR1520" s="137"/>
      <c r="AS1520" s="137"/>
      <c r="AT1520" s="137"/>
      <c r="AU1520" s="137"/>
      <c r="AV1520" s="137"/>
      <c r="AW1520" s="144"/>
    </row>
    <row r="1521" spans="2:49" x14ac:dyDescent="0.2">
      <c r="B1521" s="97"/>
      <c r="G1521" s="43"/>
      <c r="J1521" s="98"/>
      <c r="K1521" s="97"/>
      <c r="N1521" s="3"/>
      <c r="W1521" s="98"/>
      <c r="Z1521" s="143"/>
      <c r="AA1521" s="137"/>
      <c r="AB1521" s="137"/>
      <c r="AC1521" s="137"/>
      <c r="AD1521" s="137"/>
      <c r="AE1521" s="137"/>
      <c r="AF1521" s="137"/>
      <c r="AG1521" s="137"/>
      <c r="AH1521" s="137"/>
      <c r="AI1521" s="137"/>
      <c r="AJ1521" s="137"/>
      <c r="AK1521" s="206"/>
      <c r="AL1521" s="206"/>
      <c r="AM1521" s="143"/>
      <c r="AN1521" s="137"/>
      <c r="AO1521" s="137"/>
      <c r="AP1521" s="137"/>
      <c r="AQ1521" s="137"/>
      <c r="AR1521" s="137"/>
      <c r="AS1521" s="137"/>
      <c r="AT1521" s="137"/>
      <c r="AU1521" s="137"/>
      <c r="AV1521" s="137"/>
      <c r="AW1521" s="144"/>
    </row>
    <row r="1522" spans="2:49" x14ac:dyDescent="0.2">
      <c r="B1522" s="97"/>
      <c r="G1522" s="43"/>
      <c r="J1522" s="98"/>
      <c r="K1522" s="97"/>
      <c r="N1522" s="3"/>
      <c r="W1522" s="98"/>
      <c r="Z1522" s="143"/>
      <c r="AA1522" s="137"/>
      <c r="AB1522" s="137"/>
      <c r="AC1522" s="137"/>
      <c r="AD1522" s="137"/>
      <c r="AE1522" s="137"/>
      <c r="AF1522" s="137"/>
      <c r="AG1522" s="137"/>
      <c r="AH1522" s="137"/>
      <c r="AI1522" s="137"/>
      <c r="AJ1522" s="137"/>
      <c r="AK1522" s="206"/>
      <c r="AL1522" s="206"/>
      <c r="AM1522" s="143"/>
      <c r="AN1522" s="137"/>
      <c r="AO1522" s="137"/>
      <c r="AP1522" s="137"/>
      <c r="AQ1522" s="137"/>
      <c r="AR1522" s="137"/>
      <c r="AS1522" s="137"/>
      <c r="AT1522" s="137"/>
      <c r="AU1522" s="137"/>
      <c r="AV1522" s="137"/>
      <c r="AW1522" s="144"/>
    </row>
    <row r="1523" spans="2:49" x14ac:dyDescent="0.2">
      <c r="B1523" s="97"/>
      <c r="G1523" s="43"/>
      <c r="J1523" s="98"/>
      <c r="K1523" s="97"/>
      <c r="N1523" s="3"/>
      <c r="W1523" s="98"/>
      <c r="Z1523" s="143"/>
      <c r="AA1523" s="137"/>
      <c r="AB1523" s="137"/>
      <c r="AC1523" s="137"/>
      <c r="AD1523" s="137"/>
      <c r="AE1523" s="137"/>
      <c r="AF1523" s="137"/>
      <c r="AG1523" s="137"/>
      <c r="AH1523" s="137"/>
      <c r="AI1523" s="137"/>
      <c r="AJ1523" s="137"/>
      <c r="AK1523" s="206"/>
      <c r="AL1523" s="206"/>
      <c r="AM1523" s="143"/>
      <c r="AN1523" s="137"/>
      <c r="AO1523" s="137"/>
      <c r="AP1523" s="137"/>
      <c r="AQ1523" s="137"/>
      <c r="AR1523" s="137"/>
      <c r="AS1523" s="137"/>
      <c r="AT1523" s="137"/>
      <c r="AU1523" s="137"/>
      <c r="AV1523" s="137"/>
      <c r="AW1523" s="144"/>
    </row>
    <row r="1524" spans="2:49" x14ac:dyDescent="0.2">
      <c r="B1524" s="97"/>
      <c r="G1524" s="43"/>
      <c r="J1524" s="98"/>
      <c r="K1524" s="97"/>
      <c r="N1524" s="3"/>
      <c r="W1524" s="98"/>
      <c r="Z1524" s="143"/>
      <c r="AA1524" s="137"/>
      <c r="AB1524" s="137"/>
      <c r="AC1524" s="137"/>
      <c r="AD1524" s="137"/>
      <c r="AE1524" s="137"/>
      <c r="AF1524" s="137"/>
      <c r="AG1524" s="137"/>
      <c r="AH1524" s="137"/>
      <c r="AI1524" s="137"/>
      <c r="AJ1524" s="137"/>
      <c r="AK1524" s="206"/>
      <c r="AL1524" s="206"/>
      <c r="AM1524" s="143"/>
      <c r="AN1524" s="137"/>
      <c r="AO1524" s="137"/>
      <c r="AP1524" s="137"/>
      <c r="AQ1524" s="137"/>
      <c r="AR1524" s="137"/>
      <c r="AS1524" s="137"/>
      <c r="AT1524" s="137"/>
      <c r="AU1524" s="137"/>
      <c r="AV1524" s="137"/>
      <c r="AW1524" s="144"/>
    </row>
    <row r="1525" spans="2:49" x14ac:dyDescent="0.2">
      <c r="B1525" s="97"/>
      <c r="G1525" s="43"/>
      <c r="J1525" s="98"/>
      <c r="K1525" s="97"/>
      <c r="N1525" s="3"/>
      <c r="W1525" s="98"/>
      <c r="Z1525" s="143"/>
      <c r="AA1525" s="137"/>
      <c r="AB1525" s="137"/>
      <c r="AC1525" s="137"/>
      <c r="AD1525" s="137"/>
      <c r="AE1525" s="137"/>
      <c r="AF1525" s="137"/>
      <c r="AG1525" s="137"/>
      <c r="AH1525" s="137"/>
      <c r="AI1525" s="137"/>
      <c r="AJ1525" s="137"/>
      <c r="AK1525" s="206"/>
      <c r="AL1525" s="206"/>
      <c r="AM1525" s="143"/>
      <c r="AN1525" s="137"/>
      <c r="AO1525" s="137"/>
      <c r="AP1525" s="137"/>
      <c r="AQ1525" s="137"/>
      <c r="AR1525" s="137"/>
      <c r="AS1525" s="137"/>
      <c r="AT1525" s="137"/>
      <c r="AU1525" s="137"/>
      <c r="AV1525" s="137"/>
      <c r="AW1525" s="144"/>
    </row>
    <row r="1526" spans="2:49" x14ac:dyDescent="0.2">
      <c r="B1526" s="97"/>
      <c r="G1526" s="43"/>
      <c r="J1526" s="98"/>
      <c r="K1526" s="97"/>
      <c r="N1526" s="3"/>
      <c r="W1526" s="98"/>
      <c r="Z1526" s="143"/>
      <c r="AA1526" s="137"/>
      <c r="AB1526" s="137"/>
      <c r="AC1526" s="137"/>
      <c r="AD1526" s="137"/>
      <c r="AE1526" s="137"/>
      <c r="AF1526" s="137"/>
      <c r="AG1526" s="137"/>
      <c r="AH1526" s="137"/>
      <c r="AI1526" s="137"/>
      <c r="AJ1526" s="137"/>
      <c r="AK1526" s="206"/>
      <c r="AL1526" s="206"/>
      <c r="AM1526" s="143"/>
      <c r="AN1526" s="137"/>
      <c r="AO1526" s="137"/>
      <c r="AP1526" s="137"/>
      <c r="AQ1526" s="137"/>
      <c r="AR1526" s="137"/>
      <c r="AS1526" s="137"/>
      <c r="AT1526" s="137"/>
      <c r="AU1526" s="137"/>
      <c r="AV1526" s="137"/>
      <c r="AW1526" s="144"/>
    </row>
    <row r="1527" spans="2:49" x14ac:dyDescent="0.2">
      <c r="B1527" s="97"/>
      <c r="G1527" s="43"/>
      <c r="J1527" s="98"/>
      <c r="K1527" s="97"/>
      <c r="N1527" s="3"/>
      <c r="W1527" s="98"/>
      <c r="Z1527" s="143"/>
      <c r="AA1527" s="137"/>
      <c r="AB1527" s="137"/>
      <c r="AC1527" s="137"/>
      <c r="AD1527" s="137"/>
      <c r="AE1527" s="137"/>
      <c r="AF1527" s="137"/>
      <c r="AG1527" s="137"/>
      <c r="AH1527" s="137"/>
      <c r="AI1527" s="137"/>
      <c r="AJ1527" s="137"/>
      <c r="AK1527" s="206"/>
      <c r="AL1527" s="206"/>
      <c r="AM1527" s="143"/>
      <c r="AN1527" s="137"/>
      <c r="AO1527" s="137"/>
      <c r="AP1527" s="137"/>
      <c r="AQ1527" s="137"/>
      <c r="AR1527" s="137"/>
      <c r="AS1527" s="137"/>
      <c r="AT1527" s="137"/>
      <c r="AU1527" s="137"/>
      <c r="AV1527" s="137"/>
      <c r="AW1527" s="144"/>
    </row>
    <row r="1528" spans="2:49" x14ac:dyDescent="0.2">
      <c r="B1528" s="97"/>
      <c r="G1528" s="43"/>
      <c r="J1528" s="98"/>
      <c r="K1528" s="97"/>
      <c r="N1528" s="3"/>
      <c r="W1528" s="98"/>
      <c r="Z1528" s="143"/>
      <c r="AA1528" s="137"/>
      <c r="AB1528" s="137"/>
      <c r="AC1528" s="137"/>
      <c r="AD1528" s="137"/>
      <c r="AE1528" s="137"/>
      <c r="AF1528" s="137"/>
      <c r="AG1528" s="137"/>
      <c r="AH1528" s="137"/>
      <c r="AI1528" s="137"/>
      <c r="AJ1528" s="137"/>
      <c r="AK1528" s="206"/>
      <c r="AL1528" s="206"/>
      <c r="AM1528" s="143"/>
      <c r="AN1528" s="137"/>
      <c r="AO1528" s="137"/>
      <c r="AP1528" s="137"/>
      <c r="AQ1528" s="137"/>
      <c r="AR1528" s="137"/>
      <c r="AS1528" s="137"/>
      <c r="AT1528" s="137"/>
      <c r="AU1528" s="137"/>
      <c r="AV1528" s="137"/>
      <c r="AW1528" s="144"/>
    </row>
    <row r="1529" spans="2:49" x14ac:dyDescent="0.2">
      <c r="B1529" s="97"/>
      <c r="G1529" s="43"/>
      <c r="J1529" s="98"/>
      <c r="K1529" s="97"/>
      <c r="N1529" s="3"/>
      <c r="W1529" s="98"/>
      <c r="Z1529" s="143"/>
      <c r="AA1529" s="137"/>
      <c r="AB1529" s="137"/>
      <c r="AC1529" s="137"/>
      <c r="AD1529" s="137"/>
      <c r="AE1529" s="137"/>
      <c r="AF1529" s="137"/>
      <c r="AG1529" s="137"/>
      <c r="AH1529" s="137"/>
      <c r="AI1529" s="137"/>
      <c r="AJ1529" s="137"/>
      <c r="AK1529" s="206"/>
      <c r="AL1529" s="206"/>
      <c r="AM1529" s="143"/>
      <c r="AN1529" s="137"/>
      <c r="AO1529" s="137"/>
      <c r="AP1529" s="137"/>
      <c r="AQ1529" s="137"/>
      <c r="AR1529" s="137"/>
      <c r="AS1529" s="137"/>
      <c r="AT1529" s="137"/>
      <c r="AU1529" s="137"/>
      <c r="AV1529" s="137"/>
      <c r="AW1529" s="144"/>
    </row>
    <row r="1530" spans="2:49" x14ac:dyDescent="0.2">
      <c r="B1530" s="97"/>
      <c r="G1530" s="43"/>
      <c r="J1530" s="98"/>
      <c r="K1530" s="97"/>
      <c r="N1530" s="3"/>
      <c r="W1530" s="98"/>
      <c r="Z1530" s="143"/>
      <c r="AA1530" s="137"/>
      <c r="AB1530" s="137"/>
      <c r="AC1530" s="137"/>
      <c r="AD1530" s="137"/>
      <c r="AE1530" s="137"/>
      <c r="AF1530" s="137"/>
      <c r="AG1530" s="137"/>
      <c r="AH1530" s="137"/>
      <c r="AI1530" s="137"/>
      <c r="AJ1530" s="137"/>
      <c r="AK1530" s="206"/>
      <c r="AL1530" s="206"/>
      <c r="AM1530" s="143"/>
      <c r="AN1530" s="137"/>
      <c r="AO1530" s="137"/>
      <c r="AP1530" s="137"/>
      <c r="AQ1530" s="137"/>
      <c r="AR1530" s="137"/>
      <c r="AS1530" s="137"/>
      <c r="AT1530" s="137"/>
      <c r="AU1530" s="137"/>
      <c r="AV1530" s="137"/>
      <c r="AW1530" s="144"/>
    </row>
    <row r="1531" spans="2:49" x14ac:dyDescent="0.2">
      <c r="B1531" s="97"/>
      <c r="G1531" s="43"/>
      <c r="J1531" s="98"/>
      <c r="K1531" s="97"/>
      <c r="N1531" s="3"/>
      <c r="W1531" s="98"/>
      <c r="Z1531" s="143"/>
      <c r="AA1531" s="137"/>
      <c r="AB1531" s="137"/>
      <c r="AC1531" s="137"/>
      <c r="AD1531" s="137"/>
      <c r="AE1531" s="137"/>
      <c r="AF1531" s="137"/>
      <c r="AG1531" s="137"/>
      <c r="AH1531" s="137"/>
      <c r="AI1531" s="137"/>
      <c r="AJ1531" s="137"/>
      <c r="AK1531" s="206"/>
      <c r="AL1531" s="206"/>
      <c r="AM1531" s="143"/>
      <c r="AN1531" s="137"/>
      <c r="AO1531" s="137"/>
      <c r="AP1531" s="137"/>
      <c r="AQ1531" s="137"/>
      <c r="AR1531" s="137"/>
      <c r="AS1531" s="137"/>
      <c r="AT1531" s="137"/>
      <c r="AU1531" s="137"/>
      <c r="AV1531" s="137"/>
      <c r="AW1531" s="144"/>
    </row>
    <row r="1532" spans="2:49" x14ac:dyDescent="0.2">
      <c r="B1532" s="97"/>
      <c r="G1532" s="43"/>
      <c r="J1532" s="98"/>
      <c r="K1532" s="97"/>
      <c r="N1532" s="3"/>
      <c r="W1532" s="98"/>
      <c r="Z1532" s="143"/>
      <c r="AA1532" s="137"/>
      <c r="AB1532" s="137"/>
      <c r="AC1532" s="137"/>
      <c r="AD1532" s="137"/>
      <c r="AE1532" s="137"/>
      <c r="AF1532" s="137"/>
      <c r="AG1532" s="137"/>
      <c r="AH1532" s="137"/>
      <c r="AI1532" s="137"/>
      <c r="AJ1532" s="137"/>
      <c r="AK1532" s="206"/>
      <c r="AL1532" s="206"/>
      <c r="AM1532" s="143"/>
      <c r="AN1532" s="137"/>
      <c r="AO1532" s="137"/>
      <c r="AP1532" s="137"/>
      <c r="AQ1532" s="137"/>
      <c r="AR1532" s="137"/>
      <c r="AS1532" s="137"/>
      <c r="AT1532" s="137"/>
      <c r="AU1532" s="137"/>
      <c r="AV1532" s="137"/>
      <c r="AW1532" s="144"/>
    </row>
    <row r="1533" spans="2:49" x14ac:dyDescent="0.2">
      <c r="B1533" s="97"/>
      <c r="G1533" s="43"/>
      <c r="J1533" s="98"/>
      <c r="K1533" s="97"/>
      <c r="N1533" s="3"/>
      <c r="W1533" s="98"/>
      <c r="Z1533" s="143"/>
      <c r="AA1533" s="137"/>
      <c r="AB1533" s="137"/>
      <c r="AC1533" s="137"/>
      <c r="AD1533" s="137"/>
      <c r="AE1533" s="137"/>
      <c r="AF1533" s="137"/>
      <c r="AG1533" s="137"/>
      <c r="AH1533" s="137"/>
      <c r="AI1533" s="137"/>
      <c r="AJ1533" s="137"/>
      <c r="AK1533" s="206"/>
      <c r="AL1533" s="206"/>
      <c r="AM1533" s="143"/>
      <c r="AN1533" s="137"/>
      <c r="AO1533" s="137"/>
      <c r="AP1533" s="137"/>
      <c r="AQ1533" s="137"/>
      <c r="AR1533" s="137"/>
      <c r="AS1533" s="137"/>
      <c r="AT1533" s="137"/>
      <c r="AU1533" s="137"/>
      <c r="AV1533" s="137"/>
      <c r="AW1533" s="144"/>
    </row>
    <row r="1534" spans="2:49" x14ac:dyDescent="0.2">
      <c r="B1534" s="97"/>
      <c r="G1534" s="43"/>
      <c r="J1534" s="98"/>
      <c r="K1534" s="97"/>
      <c r="N1534" s="3"/>
      <c r="W1534" s="98"/>
      <c r="Z1534" s="143"/>
      <c r="AA1534" s="137"/>
      <c r="AB1534" s="137"/>
      <c r="AC1534" s="137"/>
      <c r="AD1534" s="137"/>
      <c r="AE1534" s="137"/>
      <c r="AF1534" s="137"/>
      <c r="AG1534" s="137"/>
      <c r="AH1534" s="137"/>
      <c r="AI1534" s="137"/>
      <c r="AJ1534" s="137"/>
      <c r="AK1534" s="206"/>
      <c r="AL1534" s="206"/>
      <c r="AM1534" s="143"/>
      <c r="AN1534" s="137"/>
      <c r="AO1534" s="137"/>
      <c r="AP1534" s="137"/>
      <c r="AQ1534" s="137"/>
      <c r="AR1534" s="137"/>
      <c r="AS1534" s="137"/>
      <c r="AT1534" s="137"/>
      <c r="AU1534" s="137"/>
      <c r="AV1534" s="137"/>
      <c r="AW1534" s="144"/>
    </row>
    <row r="1535" spans="2:49" x14ac:dyDescent="0.2">
      <c r="B1535" s="97"/>
      <c r="G1535" s="43"/>
      <c r="J1535" s="98"/>
      <c r="K1535" s="97"/>
      <c r="N1535" s="3"/>
      <c r="W1535" s="98"/>
      <c r="Z1535" s="143"/>
      <c r="AA1535" s="137"/>
      <c r="AB1535" s="137"/>
      <c r="AC1535" s="137"/>
      <c r="AD1535" s="137"/>
      <c r="AE1535" s="137"/>
      <c r="AF1535" s="137"/>
      <c r="AG1535" s="137"/>
      <c r="AH1535" s="137"/>
      <c r="AI1535" s="137"/>
      <c r="AJ1535" s="137"/>
      <c r="AK1535" s="206"/>
      <c r="AL1535" s="206"/>
      <c r="AM1535" s="143"/>
      <c r="AN1535" s="137"/>
      <c r="AO1535" s="137"/>
      <c r="AP1535" s="137"/>
      <c r="AQ1535" s="137"/>
      <c r="AR1535" s="137"/>
      <c r="AS1535" s="137"/>
      <c r="AT1535" s="137"/>
      <c r="AU1535" s="137"/>
      <c r="AV1535" s="137"/>
      <c r="AW1535" s="144"/>
    </row>
    <row r="1536" spans="2:49" x14ac:dyDescent="0.2">
      <c r="B1536" s="97"/>
      <c r="G1536" s="43"/>
      <c r="J1536" s="98"/>
      <c r="K1536" s="97"/>
      <c r="N1536" s="3"/>
      <c r="W1536" s="98"/>
      <c r="Z1536" s="143"/>
      <c r="AA1536" s="137"/>
      <c r="AB1536" s="137"/>
      <c r="AC1536" s="137"/>
      <c r="AD1536" s="137"/>
      <c r="AE1536" s="137"/>
      <c r="AF1536" s="137"/>
      <c r="AG1536" s="137"/>
      <c r="AH1536" s="137"/>
      <c r="AI1536" s="137"/>
      <c r="AJ1536" s="137"/>
      <c r="AK1536" s="206"/>
      <c r="AL1536" s="206"/>
      <c r="AM1536" s="143"/>
      <c r="AN1536" s="137"/>
      <c r="AO1536" s="137"/>
      <c r="AP1536" s="137"/>
      <c r="AQ1536" s="137"/>
      <c r="AR1536" s="137"/>
      <c r="AS1536" s="137"/>
      <c r="AT1536" s="137"/>
      <c r="AU1536" s="137"/>
      <c r="AV1536" s="137"/>
      <c r="AW1536" s="144"/>
    </row>
    <row r="1537" spans="2:49" x14ac:dyDescent="0.2">
      <c r="B1537" s="97"/>
      <c r="G1537" s="43"/>
      <c r="J1537" s="98"/>
      <c r="K1537" s="97"/>
      <c r="N1537" s="3"/>
      <c r="W1537" s="98"/>
      <c r="Z1537" s="143"/>
      <c r="AA1537" s="137"/>
      <c r="AB1537" s="137"/>
      <c r="AC1537" s="137"/>
      <c r="AD1537" s="137"/>
      <c r="AE1537" s="137"/>
      <c r="AF1537" s="137"/>
      <c r="AG1537" s="137"/>
      <c r="AH1537" s="137"/>
      <c r="AI1537" s="137"/>
      <c r="AJ1537" s="137"/>
      <c r="AK1537" s="206"/>
      <c r="AL1537" s="206"/>
      <c r="AM1537" s="143"/>
      <c r="AN1537" s="137"/>
      <c r="AO1537" s="137"/>
      <c r="AP1537" s="137"/>
      <c r="AQ1537" s="137"/>
      <c r="AR1537" s="137"/>
      <c r="AS1537" s="137"/>
      <c r="AT1537" s="137"/>
      <c r="AU1537" s="137"/>
      <c r="AV1537" s="137"/>
      <c r="AW1537" s="144"/>
    </row>
    <row r="1538" spans="2:49" x14ac:dyDescent="0.2">
      <c r="B1538" s="97"/>
      <c r="G1538" s="43"/>
      <c r="J1538" s="98"/>
      <c r="K1538" s="97"/>
      <c r="N1538" s="3"/>
      <c r="W1538" s="98"/>
      <c r="Z1538" s="143"/>
      <c r="AA1538" s="137"/>
      <c r="AB1538" s="137"/>
      <c r="AC1538" s="137"/>
      <c r="AD1538" s="137"/>
      <c r="AE1538" s="137"/>
      <c r="AF1538" s="137"/>
      <c r="AG1538" s="137"/>
      <c r="AH1538" s="137"/>
      <c r="AI1538" s="137"/>
      <c r="AJ1538" s="137"/>
      <c r="AK1538" s="206"/>
      <c r="AL1538" s="206"/>
      <c r="AM1538" s="143"/>
      <c r="AN1538" s="137"/>
      <c r="AO1538" s="137"/>
      <c r="AP1538" s="137"/>
      <c r="AQ1538" s="137"/>
      <c r="AR1538" s="137"/>
      <c r="AS1538" s="137"/>
      <c r="AT1538" s="137"/>
      <c r="AU1538" s="137"/>
      <c r="AV1538" s="137"/>
      <c r="AW1538" s="144"/>
    </row>
    <row r="1539" spans="2:49" x14ac:dyDescent="0.2">
      <c r="B1539" s="97"/>
      <c r="G1539" s="43"/>
      <c r="J1539" s="98"/>
      <c r="K1539" s="97"/>
      <c r="N1539" s="3"/>
      <c r="W1539" s="98"/>
      <c r="Z1539" s="143"/>
      <c r="AA1539" s="137"/>
      <c r="AB1539" s="137"/>
      <c r="AC1539" s="137"/>
      <c r="AD1539" s="137"/>
      <c r="AE1539" s="137"/>
      <c r="AF1539" s="137"/>
      <c r="AG1539" s="137"/>
      <c r="AH1539" s="137"/>
      <c r="AI1539" s="137"/>
      <c r="AJ1539" s="137"/>
      <c r="AK1539" s="206"/>
      <c r="AL1539" s="206"/>
      <c r="AM1539" s="143"/>
      <c r="AN1539" s="137"/>
      <c r="AO1539" s="137"/>
      <c r="AP1539" s="137"/>
      <c r="AQ1539" s="137"/>
      <c r="AR1539" s="137"/>
      <c r="AS1539" s="137"/>
      <c r="AT1539" s="137"/>
      <c r="AU1539" s="137"/>
      <c r="AV1539" s="137"/>
      <c r="AW1539" s="144"/>
    </row>
    <row r="1540" spans="2:49" x14ac:dyDescent="0.2">
      <c r="B1540" s="97"/>
      <c r="G1540" s="43"/>
      <c r="J1540" s="98"/>
      <c r="K1540" s="97"/>
      <c r="N1540" s="3"/>
      <c r="W1540" s="98"/>
      <c r="Z1540" s="143"/>
      <c r="AA1540" s="137"/>
      <c r="AB1540" s="137"/>
      <c r="AC1540" s="137"/>
      <c r="AD1540" s="137"/>
      <c r="AE1540" s="137"/>
      <c r="AF1540" s="137"/>
      <c r="AG1540" s="137"/>
      <c r="AH1540" s="137"/>
      <c r="AI1540" s="137"/>
      <c r="AJ1540" s="137"/>
      <c r="AK1540" s="206"/>
      <c r="AL1540" s="206"/>
      <c r="AM1540" s="143"/>
      <c r="AN1540" s="137"/>
      <c r="AO1540" s="137"/>
      <c r="AP1540" s="137"/>
      <c r="AQ1540" s="137"/>
      <c r="AR1540" s="137"/>
      <c r="AS1540" s="137"/>
      <c r="AT1540" s="137"/>
      <c r="AU1540" s="137"/>
      <c r="AV1540" s="137"/>
      <c r="AW1540" s="144"/>
    </row>
    <row r="1541" spans="2:49" x14ac:dyDescent="0.2">
      <c r="B1541" s="97"/>
      <c r="G1541" s="43"/>
      <c r="J1541" s="98"/>
      <c r="K1541" s="97"/>
      <c r="N1541" s="3"/>
      <c r="W1541" s="98"/>
      <c r="Z1541" s="143"/>
      <c r="AA1541" s="137"/>
      <c r="AB1541" s="137"/>
      <c r="AC1541" s="137"/>
      <c r="AD1541" s="137"/>
      <c r="AE1541" s="137"/>
      <c r="AF1541" s="137"/>
      <c r="AG1541" s="137"/>
      <c r="AH1541" s="137"/>
      <c r="AI1541" s="137"/>
      <c r="AJ1541" s="137"/>
      <c r="AK1541" s="206"/>
      <c r="AL1541" s="206"/>
      <c r="AM1541" s="143"/>
      <c r="AN1541" s="137"/>
      <c r="AO1541" s="137"/>
      <c r="AP1541" s="137"/>
      <c r="AQ1541" s="137"/>
      <c r="AR1541" s="137"/>
      <c r="AS1541" s="137"/>
      <c r="AT1541" s="137"/>
      <c r="AU1541" s="137"/>
      <c r="AV1541" s="137"/>
      <c r="AW1541" s="144"/>
    </row>
    <row r="1542" spans="2:49" x14ac:dyDescent="0.2">
      <c r="B1542" s="97"/>
      <c r="G1542" s="43"/>
      <c r="J1542" s="98"/>
      <c r="K1542" s="97"/>
      <c r="N1542" s="3"/>
      <c r="W1542" s="98"/>
      <c r="Z1542" s="143"/>
      <c r="AA1542" s="137"/>
      <c r="AB1542" s="137"/>
      <c r="AC1542" s="137"/>
      <c r="AD1542" s="137"/>
      <c r="AE1542" s="137"/>
      <c r="AF1542" s="137"/>
      <c r="AG1542" s="137"/>
      <c r="AH1542" s="137"/>
      <c r="AI1542" s="137"/>
      <c r="AJ1542" s="137"/>
      <c r="AK1542" s="206"/>
      <c r="AL1542" s="206"/>
      <c r="AM1542" s="143"/>
      <c r="AN1542" s="137"/>
      <c r="AO1542" s="137"/>
      <c r="AP1542" s="137"/>
      <c r="AQ1542" s="137"/>
      <c r="AR1542" s="137"/>
      <c r="AS1542" s="137"/>
      <c r="AT1542" s="137"/>
      <c r="AU1542" s="137"/>
      <c r="AV1542" s="137"/>
      <c r="AW1542" s="144"/>
    </row>
    <row r="1543" spans="2:49" x14ac:dyDescent="0.2">
      <c r="B1543" s="97"/>
      <c r="G1543" s="43"/>
      <c r="J1543" s="98"/>
      <c r="K1543" s="97"/>
      <c r="N1543" s="3"/>
      <c r="W1543" s="98"/>
      <c r="Z1543" s="143"/>
      <c r="AA1543" s="137"/>
      <c r="AB1543" s="137"/>
      <c r="AC1543" s="137"/>
      <c r="AD1543" s="137"/>
      <c r="AE1543" s="137"/>
      <c r="AF1543" s="137"/>
      <c r="AG1543" s="137"/>
      <c r="AH1543" s="137"/>
      <c r="AI1543" s="137"/>
      <c r="AJ1543" s="137"/>
      <c r="AK1543" s="206"/>
      <c r="AL1543" s="206"/>
      <c r="AM1543" s="143"/>
      <c r="AN1543" s="137"/>
      <c r="AO1543" s="137"/>
      <c r="AP1543" s="137"/>
      <c r="AQ1543" s="137"/>
      <c r="AR1543" s="137"/>
      <c r="AS1543" s="137"/>
      <c r="AT1543" s="137"/>
      <c r="AU1543" s="137"/>
      <c r="AV1543" s="137"/>
      <c r="AW1543" s="144"/>
    </row>
    <row r="1544" spans="2:49" x14ac:dyDescent="0.2">
      <c r="B1544" s="97"/>
      <c r="G1544" s="43"/>
      <c r="J1544" s="98"/>
      <c r="K1544" s="97"/>
      <c r="N1544" s="3"/>
      <c r="W1544" s="98"/>
      <c r="Z1544" s="143"/>
      <c r="AA1544" s="137"/>
      <c r="AB1544" s="137"/>
      <c r="AC1544" s="137"/>
      <c r="AD1544" s="137"/>
      <c r="AE1544" s="137"/>
      <c r="AF1544" s="137"/>
      <c r="AG1544" s="137"/>
      <c r="AH1544" s="137"/>
      <c r="AI1544" s="137"/>
      <c r="AJ1544" s="137"/>
      <c r="AK1544" s="206"/>
      <c r="AL1544" s="206"/>
      <c r="AM1544" s="143"/>
      <c r="AN1544" s="137"/>
      <c r="AO1544" s="137"/>
      <c r="AP1544" s="137"/>
      <c r="AQ1544" s="137"/>
      <c r="AR1544" s="137"/>
      <c r="AS1544" s="137"/>
      <c r="AT1544" s="137"/>
      <c r="AU1544" s="137"/>
      <c r="AV1544" s="137"/>
      <c r="AW1544" s="144"/>
    </row>
    <row r="1545" spans="2:49" x14ac:dyDescent="0.2">
      <c r="B1545" s="97"/>
      <c r="G1545" s="43"/>
      <c r="J1545" s="98"/>
      <c r="K1545" s="97"/>
      <c r="N1545" s="3"/>
      <c r="W1545" s="98"/>
      <c r="Z1545" s="143"/>
      <c r="AA1545" s="137"/>
      <c r="AB1545" s="137"/>
      <c r="AC1545" s="137"/>
      <c r="AD1545" s="137"/>
      <c r="AE1545" s="137"/>
      <c r="AF1545" s="137"/>
      <c r="AG1545" s="137"/>
      <c r="AH1545" s="137"/>
      <c r="AI1545" s="137"/>
      <c r="AJ1545" s="137"/>
      <c r="AK1545" s="206"/>
      <c r="AL1545" s="206"/>
      <c r="AM1545" s="143"/>
      <c r="AN1545" s="137"/>
      <c r="AO1545" s="137"/>
      <c r="AP1545" s="137"/>
      <c r="AQ1545" s="137"/>
      <c r="AR1545" s="137"/>
      <c r="AS1545" s="137"/>
      <c r="AT1545" s="137"/>
      <c r="AU1545" s="137"/>
      <c r="AV1545" s="137"/>
      <c r="AW1545" s="144"/>
    </row>
    <row r="1546" spans="2:49" x14ac:dyDescent="0.2">
      <c r="B1546" s="97"/>
      <c r="G1546" s="43"/>
      <c r="J1546" s="98"/>
      <c r="K1546" s="97"/>
      <c r="N1546" s="3"/>
      <c r="W1546" s="98"/>
      <c r="Z1546" s="143"/>
      <c r="AA1546" s="137"/>
      <c r="AB1546" s="137"/>
      <c r="AC1546" s="137"/>
      <c r="AD1546" s="137"/>
      <c r="AE1546" s="137"/>
      <c r="AF1546" s="137"/>
      <c r="AG1546" s="137"/>
      <c r="AH1546" s="137"/>
      <c r="AI1546" s="137"/>
      <c r="AJ1546" s="137"/>
      <c r="AK1546" s="206"/>
      <c r="AL1546" s="206"/>
      <c r="AM1546" s="143"/>
      <c r="AN1546" s="137"/>
      <c r="AO1546" s="137"/>
      <c r="AP1546" s="137"/>
      <c r="AQ1546" s="137"/>
      <c r="AR1546" s="137"/>
      <c r="AS1546" s="137"/>
      <c r="AT1546" s="137"/>
      <c r="AU1546" s="137"/>
      <c r="AV1546" s="137"/>
      <c r="AW1546" s="144"/>
    </row>
    <row r="1547" spans="2:49" x14ac:dyDescent="0.2">
      <c r="B1547" s="97"/>
      <c r="G1547" s="43"/>
      <c r="J1547" s="98"/>
      <c r="K1547" s="97"/>
      <c r="N1547" s="3"/>
      <c r="W1547" s="98"/>
      <c r="Z1547" s="143"/>
      <c r="AA1547" s="137"/>
      <c r="AB1547" s="137"/>
      <c r="AC1547" s="137"/>
      <c r="AD1547" s="137"/>
      <c r="AE1547" s="137"/>
      <c r="AF1547" s="137"/>
      <c r="AG1547" s="137"/>
      <c r="AH1547" s="137"/>
      <c r="AI1547" s="137"/>
      <c r="AJ1547" s="137"/>
      <c r="AK1547" s="206"/>
      <c r="AL1547" s="206"/>
      <c r="AM1547" s="143"/>
      <c r="AN1547" s="137"/>
      <c r="AO1547" s="137"/>
      <c r="AP1547" s="137"/>
      <c r="AQ1547" s="137"/>
      <c r="AR1547" s="137"/>
      <c r="AS1547" s="137"/>
      <c r="AT1547" s="137"/>
      <c r="AU1547" s="137"/>
      <c r="AV1547" s="137"/>
      <c r="AW1547" s="144"/>
    </row>
    <row r="1548" spans="2:49" x14ac:dyDescent="0.2">
      <c r="B1548" s="97"/>
      <c r="G1548" s="43"/>
      <c r="J1548" s="98"/>
      <c r="K1548" s="97"/>
      <c r="N1548" s="3"/>
      <c r="W1548" s="98"/>
      <c r="Z1548" s="143"/>
      <c r="AA1548" s="137"/>
      <c r="AB1548" s="137"/>
      <c r="AC1548" s="137"/>
      <c r="AD1548" s="137"/>
      <c r="AE1548" s="137"/>
      <c r="AF1548" s="137"/>
      <c r="AG1548" s="137"/>
      <c r="AH1548" s="137"/>
      <c r="AI1548" s="137"/>
      <c r="AJ1548" s="137"/>
      <c r="AK1548" s="206"/>
      <c r="AL1548" s="206"/>
      <c r="AM1548" s="143"/>
      <c r="AN1548" s="137"/>
      <c r="AO1548" s="137"/>
      <c r="AP1548" s="137"/>
      <c r="AQ1548" s="137"/>
      <c r="AR1548" s="137"/>
      <c r="AS1548" s="137"/>
      <c r="AT1548" s="137"/>
      <c r="AU1548" s="137"/>
      <c r="AV1548" s="137"/>
      <c r="AW1548" s="144"/>
    </row>
    <row r="1549" spans="2:49" x14ac:dyDescent="0.2">
      <c r="B1549" s="97"/>
      <c r="G1549" s="43"/>
      <c r="J1549" s="98"/>
      <c r="K1549" s="97"/>
      <c r="N1549" s="3"/>
      <c r="W1549" s="98"/>
      <c r="Z1549" s="143"/>
      <c r="AA1549" s="137"/>
      <c r="AB1549" s="137"/>
      <c r="AC1549" s="137"/>
      <c r="AD1549" s="137"/>
      <c r="AE1549" s="137"/>
      <c r="AF1549" s="137"/>
      <c r="AG1549" s="137"/>
      <c r="AH1549" s="137"/>
      <c r="AI1549" s="137"/>
      <c r="AJ1549" s="137"/>
      <c r="AK1549" s="206"/>
      <c r="AL1549" s="206"/>
      <c r="AM1549" s="143"/>
      <c r="AN1549" s="137"/>
      <c r="AO1549" s="137"/>
      <c r="AP1549" s="137"/>
      <c r="AQ1549" s="137"/>
      <c r="AR1549" s="137"/>
      <c r="AS1549" s="137"/>
      <c r="AT1549" s="137"/>
      <c r="AU1549" s="137"/>
      <c r="AV1549" s="137"/>
      <c r="AW1549" s="144"/>
    </row>
    <row r="1550" spans="2:49" x14ac:dyDescent="0.2">
      <c r="B1550" s="97"/>
      <c r="G1550" s="43"/>
      <c r="J1550" s="98"/>
      <c r="K1550" s="97"/>
      <c r="N1550" s="3"/>
      <c r="W1550" s="98"/>
      <c r="Z1550" s="143"/>
      <c r="AA1550" s="137"/>
      <c r="AB1550" s="137"/>
      <c r="AC1550" s="137"/>
      <c r="AD1550" s="137"/>
      <c r="AE1550" s="137"/>
      <c r="AF1550" s="137"/>
      <c r="AG1550" s="137"/>
      <c r="AH1550" s="137"/>
      <c r="AI1550" s="137"/>
      <c r="AJ1550" s="137"/>
      <c r="AK1550" s="206"/>
      <c r="AL1550" s="206"/>
      <c r="AM1550" s="143"/>
      <c r="AN1550" s="137"/>
      <c r="AO1550" s="137"/>
      <c r="AP1550" s="137"/>
      <c r="AQ1550" s="137"/>
      <c r="AR1550" s="137"/>
      <c r="AS1550" s="137"/>
      <c r="AT1550" s="137"/>
      <c r="AU1550" s="137"/>
      <c r="AV1550" s="137"/>
      <c r="AW1550" s="144"/>
    </row>
    <row r="1551" spans="2:49" x14ac:dyDescent="0.2">
      <c r="B1551" s="97"/>
      <c r="G1551" s="43"/>
      <c r="J1551" s="98"/>
      <c r="K1551" s="97"/>
      <c r="N1551" s="3"/>
      <c r="W1551" s="98"/>
      <c r="Z1551" s="143"/>
      <c r="AA1551" s="137"/>
      <c r="AB1551" s="137"/>
      <c r="AC1551" s="137"/>
      <c r="AD1551" s="137"/>
      <c r="AE1551" s="137"/>
      <c r="AF1551" s="137"/>
      <c r="AG1551" s="137"/>
      <c r="AH1551" s="137"/>
      <c r="AI1551" s="137"/>
      <c r="AJ1551" s="137"/>
      <c r="AK1551" s="206"/>
      <c r="AL1551" s="206"/>
      <c r="AM1551" s="143"/>
      <c r="AN1551" s="137"/>
      <c r="AO1551" s="137"/>
      <c r="AP1551" s="137"/>
      <c r="AQ1551" s="137"/>
      <c r="AR1551" s="137"/>
      <c r="AS1551" s="137"/>
      <c r="AT1551" s="137"/>
      <c r="AU1551" s="137"/>
      <c r="AV1551" s="137"/>
      <c r="AW1551" s="144"/>
    </row>
    <row r="1552" spans="2:49" x14ac:dyDescent="0.2">
      <c r="B1552" s="97"/>
      <c r="G1552" s="43"/>
      <c r="J1552" s="98"/>
      <c r="K1552" s="97"/>
      <c r="N1552" s="3"/>
      <c r="W1552" s="98"/>
      <c r="Z1552" s="143"/>
      <c r="AA1552" s="137"/>
      <c r="AB1552" s="137"/>
      <c r="AC1552" s="137"/>
      <c r="AD1552" s="137"/>
      <c r="AE1552" s="137"/>
      <c r="AF1552" s="137"/>
      <c r="AG1552" s="137"/>
      <c r="AH1552" s="137"/>
      <c r="AI1552" s="137"/>
      <c r="AJ1552" s="137"/>
      <c r="AK1552" s="206"/>
      <c r="AL1552" s="206"/>
      <c r="AM1552" s="143"/>
      <c r="AN1552" s="137"/>
      <c r="AO1552" s="137"/>
      <c r="AP1552" s="137"/>
      <c r="AQ1552" s="137"/>
      <c r="AR1552" s="137"/>
      <c r="AS1552" s="137"/>
      <c r="AT1552" s="137"/>
      <c r="AU1552" s="137"/>
      <c r="AV1552" s="137"/>
      <c r="AW1552" s="144"/>
    </row>
    <row r="1553" spans="2:49" x14ac:dyDescent="0.2">
      <c r="B1553" s="97"/>
      <c r="G1553" s="43"/>
      <c r="J1553" s="98"/>
      <c r="K1553" s="97"/>
      <c r="N1553" s="3"/>
      <c r="W1553" s="98"/>
      <c r="Z1553" s="143"/>
      <c r="AA1553" s="137"/>
      <c r="AB1553" s="137"/>
      <c r="AC1553" s="137"/>
      <c r="AD1553" s="137"/>
      <c r="AE1553" s="137"/>
      <c r="AF1553" s="137"/>
      <c r="AG1553" s="137"/>
      <c r="AH1553" s="137"/>
      <c r="AI1553" s="137"/>
      <c r="AJ1553" s="137"/>
      <c r="AK1553" s="206"/>
      <c r="AL1553" s="206"/>
      <c r="AM1553" s="143"/>
      <c r="AN1553" s="137"/>
      <c r="AO1553" s="137"/>
      <c r="AP1553" s="137"/>
      <c r="AQ1553" s="137"/>
      <c r="AR1553" s="137"/>
      <c r="AS1553" s="137"/>
      <c r="AT1553" s="137"/>
      <c r="AU1553" s="137"/>
      <c r="AV1553" s="137"/>
      <c r="AW1553" s="144"/>
    </row>
    <row r="1554" spans="2:49" x14ac:dyDescent="0.2">
      <c r="B1554" s="97"/>
      <c r="G1554" s="43"/>
      <c r="J1554" s="98"/>
      <c r="K1554" s="97"/>
      <c r="N1554" s="3"/>
      <c r="W1554" s="98"/>
      <c r="Z1554" s="143"/>
      <c r="AA1554" s="137"/>
      <c r="AB1554" s="137"/>
      <c r="AC1554" s="137"/>
      <c r="AD1554" s="137"/>
      <c r="AE1554" s="137"/>
      <c r="AF1554" s="137"/>
      <c r="AG1554" s="137"/>
      <c r="AH1554" s="137"/>
      <c r="AI1554" s="137"/>
      <c r="AJ1554" s="137"/>
      <c r="AK1554" s="206"/>
      <c r="AL1554" s="206"/>
      <c r="AM1554" s="143"/>
      <c r="AN1554" s="137"/>
      <c r="AO1554" s="137"/>
      <c r="AP1554" s="137"/>
      <c r="AQ1554" s="137"/>
      <c r="AR1554" s="137"/>
      <c r="AS1554" s="137"/>
      <c r="AT1554" s="137"/>
      <c r="AU1554" s="137"/>
      <c r="AV1554" s="137"/>
      <c r="AW1554" s="144"/>
    </row>
    <row r="1555" spans="2:49" x14ac:dyDescent="0.2">
      <c r="B1555" s="97"/>
      <c r="G1555" s="43"/>
      <c r="J1555" s="98"/>
      <c r="K1555" s="97"/>
      <c r="N1555" s="3"/>
      <c r="W1555" s="98"/>
      <c r="Z1555" s="143"/>
      <c r="AA1555" s="137"/>
      <c r="AB1555" s="137"/>
      <c r="AC1555" s="137"/>
      <c r="AD1555" s="137"/>
      <c r="AE1555" s="137"/>
      <c r="AF1555" s="137"/>
      <c r="AG1555" s="137"/>
      <c r="AH1555" s="137"/>
      <c r="AI1555" s="137"/>
      <c r="AJ1555" s="137"/>
      <c r="AK1555" s="206"/>
      <c r="AL1555" s="206"/>
      <c r="AM1555" s="143"/>
      <c r="AN1555" s="137"/>
      <c r="AO1555" s="137"/>
      <c r="AP1555" s="137"/>
      <c r="AQ1555" s="137"/>
      <c r="AR1555" s="137"/>
      <c r="AS1555" s="137"/>
      <c r="AT1555" s="137"/>
      <c r="AU1555" s="137"/>
      <c r="AV1555" s="137"/>
      <c r="AW1555" s="144"/>
    </row>
    <row r="1556" spans="2:49" x14ac:dyDescent="0.2">
      <c r="B1556" s="97"/>
      <c r="G1556" s="43"/>
      <c r="J1556" s="98"/>
      <c r="K1556" s="97"/>
      <c r="N1556" s="3"/>
      <c r="W1556" s="98"/>
      <c r="Z1556" s="143"/>
      <c r="AA1556" s="137"/>
      <c r="AB1556" s="137"/>
      <c r="AC1556" s="137"/>
      <c r="AD1556" s="137"/>
      <c r="AE1556" s="137"/>
      <c r="AF1556" s="137"/>
      <c r="AG1556" s="137"/>
      <c r="AH1556" s="137"/>
      <c r="AI1556" s="137"/>
      <c r="AJ1556" s="137"/>
      <c r="AK1556" s="206"/>
      <c r="AL1556" s="206"/>
      <c r="AM1556" s="143"/>
      <c r="AN1556" s="137"/>
      <c r="AO1556" s="137"/>
      <c r="AP1556" s="137"/>
      <c r="AQ1556" s="137"/>
      <c r="AR1556" s="137"/>
      <c r="AS1556" s="137"/>
      <c r="AT1556" s="137"/>
      <c r="AU1556" s="137"/>
      <c r="AV1556" s="137"/>
      <c r="AW1556" s="144"/>
    </row>
    <row r="1557" spans="2:49" x14ac:dyDescent="0.2">
      <c r="B1557" s="97"/>
      <c r="G1557" s="43"/>
      <c r="J1557" s="98"/>
      <c r="K1557" s="97"/>
      <c r="N1557" s="3"/>
      <c r="W1557" s="98"/>
      <c r="Z1557" s="143"/>
      <c r="AA1557" s="137"/>
      <c r="AB1557" s="137"/>
      <c r="AC1557" s="137"/>
      <c r="AD1557" s="137"/>
      <c r="AE1557" s="137"/>
      <c r="AF1557" s="137"/>
      <c r="AG1557" s="137"/>
      <c r="AH1557" s="137"/>
      <c r="AI1557" s="137"/>
      <c r="AJ1557" s="137"/>
      <c r="AK1557" s="206"/>
      <c r="AL1557" s="206"/>
      <c r="AM1557" s="143"/>
      <c r="AN1557" s="137"/>
      <c r="AO1557" s="137"/>
      <c r="AP1557" s="137"/>
      <c r="AQ1557" s="137"/>
      <c r="AR1557" s="137"/>
      <c r="AS1557" s="137"/>
      <c r="AT1557" s="137"/>
      <c r="AU1557" s="137"/>
      <c r="AV1557" s="137"/>
      <c r="AW1557" s="144"/>
    </row>
    <row r="1558" spans="2:49" x14ac:dyDescent="0.2">
      <c r="B1558" s="97"/>
      <c r="G1558" s="43"/>
      <c r="J1558" s="98"/>
      <c r="K1558" s="97"/>
      <c r="N1558" s="3"/>
      <c r="W1558" s="98"/>
      <c r="Z1558" s="143"/>
      <c r="AA1558" s="137"/>
      <c r="AB1558" s="137"/>
      <c r="AC1558" s="137"/>
      <c r="AD1558" s="137"/>
      <c r="AE1558" s="137"/>
      <c r="AF1558" s="137"/>
      <c r="AG1558" s="137"/>
      <c r="AH1558" s="137"/>
      <c r="AI1558" s="137"/>
      <c r="AJ1558" s="137"/>
      <c r="AK1558" s="206"/>
      <c r="AL1558" s="206"/>
      <c r="AM1558" s="143"/>
      <c r="AN1558" s="137"/>
      <c r="AO1558" s="137"/>
      <c r="AP1558" s="137"/>
      <c r="AQ1558" s="137"/>
      <c r="AR1558" s="137"/>
      <c r="AS1558" s="137"/>
      <c r="AT1558" s="137"/>
      <c r="AU1558" s="137"/>
      <c r="AV1558" s="137"/>
      <c r="AW1558" s="144"/>
    </row>
    <row r="1559" spans="2:49" x14ac:dyDescent="0.2">
      <c r="B1559" s="97"/>
      <c r="G1559" s="43"/>
      <c r="J1559" s="98"/>
      <c r="K1559" s="97"/>
      <c r="N1559" s="3"/>
      <c r="W1559" s="98"/>
      <c r="Z1559" s="143"/>
      <c r="AA1559" s="137"/>
      <c r="AB1559" s="137"/>
      <c r="AC1559" s="137"/>
      <c r="AD1559" s="137"/>
      <c r="AE1559" s="137"/>
      <c r="AF1559" s="137"/>
      <c r="AG1559" s="137"/>
      <c r="AH1559" s="137"/>
      <c r="AI1559" s="137"/>
      <c r="AJ1559" s="137"/>
      <c r="AK1559" s="206"/>
      <c r="AL1559" s="206"/>
      <c r="AM1559" s="143"/>
      <c r="AN1559" s="137"/>
      <c r="AO1559" s="137"/>
      <c r="AP1559" s="137"/>
      <c r="AQ1559" s="137"/>
      <c r="AR1559" s="137"/>
      <c r="AS1559" s="137"/>
      <c r="AT1559" s="137"/>
      <c r="AU1559" s="137"/>
      <c r="AV1559" s="137"/>
      <c r="AW1559" s="144"/>
    </row>
    <row r="1560" spans="2:49" x14ac:dyDescent="0.2">
      <c r="B1560" s="97"/>
      <c r="G1560" s="43"/>
      <c r="J1560" s="98"/>
      <c r="K1560" s="97"/>
      <c r="N1560" s="3"/>
      <c r="W1560" s="98"/>
      <c r="Z1560" s="143"/>
      <c r="AA1560" s="137"/>
      <c r="AB1560" s="137"/>
      <c r="AC1560" s="137"/>
      <c r="AD1560" s="137"/>
      <c r="AE1560" s="137"/>
      <c r="AF1560" s="137"/>
      <c r="AG1560" s="137"/>
      <c r="AH1560" s="137"/>
      <c r="AI1560" s="137"/>
      <c r="AJ1560" s="137"/>
      <c r="AK1560" s="206"/>
      <c r="AL1560" s="206"/>
      <c r="AM1560" s="143"/>
      <c r="AN1560" s="137"/>
      <c r="AO1560" s="137"/>
      <c r="AP1560" s="137"/>
      <c r="AQ1560" s="137"/>
      <c r="AR1560" s="137"/>
      <c r="AS1560" s="137"/>
      <c r="AT1560" s="137"/>
      <c r="AU1560" s="137"/>
      <c r="AV1560" s="137"/>
      <c r="AW1560" s="144"/>
    </row>
    <row r="1561" spans="2:49" x14ac:dyDescent="0.2">
      <c r="B1561" s="97"/>
      <c r="G1561" s="43"/>
      <c r="J1561" s="98"/>
      <c r="K1561" s="97"/>
      <c r="N1561" s="3"/>
      <c r="W1561" s="98"/>
      <c r="Z1561" s="143"/>
      <c r="AA1561" s="137"/>
      <c r="AB1561" s="137"/>
      <c r="AC1561" s="137"/>
      <c r="AD1561" s="137"/>
      <c r="AE1561" s="137"/>
      <c r="AF1561" s="137"/>
      <c r="AG1561" s="137"/>
      <c r="AH1561" s="137"/>
      <c r="AI1561" s="137"/>
      <c r="AJ1561" s="137"/>
      <c r="AK1561" s="206"/>
      <c r="AL1561" s="206"/>
      <c r="AM1561" s="143"/>
      <c r="AN1561" s="137"/>
      <c r="AO1561" s="137"/>
      <c r="AP1561" s="137"/>
      <c r="AQ1561" s="137"/>
      <c r="AR1561" s="137"/>
      <c r="AS1561" s="137"/>
      <c r="AT1561" s="137"/>
      <c r="AU1561" s="137"/>
      <c r="AV1561" s="137"/>
      <c r="AW1561" s="144"/>
    </row>
    <row r="1562" spans="2:49" x14ac:dyDescent="0.2">
      <c r="B1562" s="97"/>
      <c r="G1562" s="43"/>
      <c r="J1562" s="98"/>
      <c r="K1562" s="97"/>
      <c r="N1562" s="3"/>
      <c r="W1562" s="98"/>
      <c r="Z1562" s="143"/>
      <c r="AA1562" s="137"/>
      <c r="AB1562" s="137"/>
      <c r="AC1562" s="137"/>
      <c r="AD1562" s="137"/>
      <c r="AE1562" s="137"/>
      <c r="AF1562" s="137"/>
      <c r="AG1562" s="137"/>
      <c r="AH1562" s="137"/>
      <c r="AI1562" s="137"/>
      <c r="AJ1562" s="137"/>
      <c r="AK1562" s="206"/>
      <c r="AL1562" s="206"/>
      <c r="AM1562" s="143"/>
      <c r="AN1562" s="137"/>
      <c r="AO1562" s="137"/>
      <c r="AP1562" s="137"/>
      <c r="AQ1562" s="137"/>
      <c r="AR1562" s="137"/>
      <c r="AS1562" s="137"/>
      <c r="AT1562" s="137"/>
      <c r="AU1562" s="137"/>
      <c r="AV1562" s="137"/>
      <c r="AW1562" s="144"/>
    </row>
    <row r="1563" spans="2:49" x14ac:dyDescent="0.2">
      <c r="B1563" s="97"/>
      <c r="G1563" s="43"/>
      <c r="J1563" s="98"/>
      <c r="K1563" s="97"/>
      <c r="N1563" s="3"/>
      <c r="W1563" s="98"/>
      <c r="Z1563" s="143"/>
      <c r="AA1563" s="137"/>
      <c r="AB1563" s="137"/>
      <c r="AC1563" s="137"/>
      <c r="AD1563" s="137"/>
      <c r="AE1563" s="137"/>
      <c r="AF1563" s="137"/>
      <c r="AG1563" s="137"/>
      <c r="AH1563" s="137"/>
      <c r="AI1563" s="137"/>
      <c r="AJ1563" s="137"/>
      <c r="AK1563" s="206"/>
      <c r="AL1563" s="206"/>
      <c r="AM1563" s="143"/>
      <c r="AN1563" s="137"/>
      <c r="AO1563" s="137"/>
      <c r="AP1563" s="137"/>
      <c r="AQ1563" s="137"/>
      <c r="AR1563" s="137"/>
      <c r="AS1563" s="137"/>
      <c r="AT1563" s="137"/>
      <c r="AU1563" s="137"/>
      <c r="AV1563" s="137"/>
      <c r="AW1563" s="144"/>
    </row>
    <row r="1564" spans="2:49" x14ac:dyDescent="0.2">
      <c r="B1564" s="97"/>
      <c r="G1564" s="43"/>
      <c r="J1564" s="98"/>
      <c r="K1564" s="97"/>
      <c r="N1564" s="3"/>
      <c r="W1564" s="98"/>
      <c r="Z1564" s="143"/>
      <c r="AA1564" s="137"/>
      <c r="AB1564" s="137"/>
      <c r="AC1564" s="137"/>
      <c r="AD1564" s="137"/>
      <c r="AE1564" s="137"/>
      <c r="AF1564" s="137"/>
      <c r="AG1564" s="137"/>
      <c r="AH1564" s="137"/>
      <c r="AI1564" s="137"/>
      <c r="AJ1564" s="137"/>
      <c r="AK1564" s="206"/>
      <c r="AL1564" s="206"/>
      <c r="AM1564" s="143"/>
      <c r="AN1564" s="137"/>
      <c r="AO1564" s="137"/>
      <c r="AP1564" s="137"/>
      <c r="AQ1564" s="137"/>
      <c r="AR1564" s="137"/>
      <c r="AS1564" s="137"/>
      <c r="AT1564" s="137"/>
      <c r="AU1564" s="137"/>
      <c r="AV1564" s="137"/>
      <c r="AW1564" s="144"/>
    </row>
    <row r="1565" spans="2:49" x14ac:dyDescent="0.2">
      <c r="B1565" s="97"/>
      <c r="G1565" s="43"/>
      <c r="J1565" s="98"/>
      <c r="K1565" s="97"/>
      <c r="N1565" s="3"/>
      <c r="W1565" s="98"/>
      <c r="Z1565" s="143"/>
      <c r="AA1565" s="137"/>
      <c r="AB1565" s="137"/>
      <c r="AC1565" s="137"/>
      <c r="AD1565" s="137"/>
      <c r="AE1565" s="137"/>
      <c r="AF1565" s="137"/>
      <c r="AG1565" s="137"/>
      <c r="AH1565" s="137"/>
      <c r="AI1565" s="137"/>
      <c r="AJ1565" s="137"/>
      <c r="AK1565" s="206"/>
      <c r="AL1565" s="206"/>
      <c r="AM1565" s="143"/>
      <c r="AN1565" s="137"/>
      <c r="AO1565" s="137"/>
      <c r="AP1565" s="137"/>
      <c r="AQ1565" s="137"/>
      <c r="AR1565" s="137"/>
      <c r="AS1565" s="137"/>
      <c r="AT1565" s="137"/>
      <c r="AU1565" s="137"/>
      <c r="AV1565" s="137"/>
      <c r="AW1565" s="144"/>
    </row>
    <row r="1566" spans="2:49" x14ac:dyDescent="0.2">
      <c r="B1566" s="97"/>
      <c r="G1566" s="43"/>
      <c r="J1566" s="98"/>
      <c r="K1566" s="97"/>
      <c r="N1566" s="3"/>
      <c r="W1566" s="98"/>
      <c r="Z1566" s="143"/>
      <c r="AA1566" s="137"/>
      <c r="AB1566" s="137"/>
      <c r="AC1566" s="137"/>
      <c r="AD1566" s="137"/>
      <c r="AE1566" s="137"/>
      <c r="AF1566" s="137"/>
      <c r="AG1566" s="137"/>
      <c r="AH1566" s="137"/>
      <c r="AI1566" s="137"/>
      <c r="AJ1566" s="137"/>
      <c r="AK1566" s="206"/>
      <c r="AL1566" s="206"/>
      <c r="AM1566" s="143"/>
      <c r="AN1566" s="137"/>
      <c r="AO1566" s="137"/>
      <c r="AP1566" s="137"/>
      <c r="AQ1566" s="137"/>
      <c r="AR1566" s="137"/>
      <c r="AS1566" s="137"/>
      <c r="AT1566" s="137"/>
      <c r="AU1566" s="137"/>
      <c r="AV1566" s="137"/>
      <c r="AW1566" s="144"/>
    </row>
    <row r="1567" spans="2:49" x14ac:dyDescent="0.2">
      <c r="B1567" s="97"/>
      <c r="G1567" s="43"/>
      <c r="J1567" s="98"/>
      <c r="K1567" s="97"/>
      <c r="N1567" s="3"/>
      <c r="W1567" s="98"/>
      <c r="Z1567" s="143"/>
      <c r="AA1567" s="137"/>
      <c r="AB1567" s="137"/>
      <c r="AC1567" s="137"/>
      <c r="AD1567" s="137"/>
      <c r="AE1567" s="137"/>
      <c r="AF1567" s="137"/>
      <c r="AG1567" s="137"/>
      <c r="AH1567" s="137"/>
      <c r="AI1567" s="137"/>
      <c r="AJ1567" s="137"/>
      <c r="AK1567" s="206"/>
      <c r="AL1567" s="206"/>
      <c r="AM1567" s="143"/>
      <c r="AN1567" s="137"/>
      <c r="AO1567" s="137"/>
      <c r="AP1567" s="137"/>
      <c r="AQ1567" s="137"/>
      <c r="AR1567" s="137"/>
      <c r="AS1567" s="137"/>
      <c r="AT1567" s="137"/>
      <c r="AU1567" s="137"/>
      <c r="AV1567" s="137"/>
      <c r="AW1567" s="144"/>
    </row>
    <row r="1568" spans="2:49" x14ac:dyDescent="0.2">
      <c r="B1568" s="97"/>
      <c r="G1568" s="43"/>
      <c r="J1568" s="98"/>
      <c r="K1568" s="97"/>
      <c r="N1568" s="3"/>
      <c r="W1568" s="98"/>
      <c r="Z1568" s="143"/>
      <c r="AA1568" s="137"/>
      <c r="AB1568" s="137"/>
      <c r="AC1568" s="137"/>
      <c r="AD1568" s="137"/>
      <c r="AE1568" s="137"/>
      <c r="AF1568" s="137"/>
      <c r="AG1568" s="137"/>
      <c r="AH1568" s="137"/>
      <c r="AI1568" s="137"/>
      <c r="AJ1568" s="137"/>
      <c r="AK1568" s="206"/>
      <c r="AL1568" s="206"/>
      <c r="AM1568" s="143"/>
      <c r="AN1568" s="137"/>
      <c r="AO1568" s="137"/>
      <c r="AP1568" s="137"/>
      <c r="AQ1568" s="137"/>
      <c r="AR1568" s="137"/>
      <c r="AS1568" s="137"/>
      <c r="AT1568" s="137"/>
      <c r="AU1568" s="137"/>
      <c r="AV1568" s="137"/>
      <c r="AW1568" s="144"/>
    </row>
    <row r="1569" spans="2:49" x14ac:dyDescent="0.2">
      <c r="B1569" s="97"/>
      <c r="G1569" s="43"/>
      <c r="J1569" s="98"/>
      <c r="K1569" s="97"/>
      <c r="N1569" s="3"/>
      <c r="W1569" s="98"/>
      <c r="Z1569" s="143"/>
      <c r="AA1569" s="137"/>
      <c r="AB1569" s="137"/>
      <c r="AC1569" s="137"/>
      <c r="AD1569" s="137"/>
      <c r="AE1569" s="137"/>
      <c r="AF1569" s="137"/>
      <c r="AG1569" s="137"/>
      <c r="AH1569" s="137"/>
      <c r="AI1569" s="137"/>
      <c r="AJ1569" s="137"/>
      <c r="AK1569" s="206"/>
      <c r="AL1569" s="206"/>
      <c r="AM1569" s="143"/>
      <c r="AN1569" s="137"/>
      <c r="AO1569" s="137"/>
      <c r="AP1569" s="137"/>
      <c r="AQ1569" s="137"/>
      <c r="AR1569" s="137"/>
      <c r="AS1569" s="137"/>
      <c r="AT1569" s="137"/>
      <c r="AU1569" s="137"/>
      <c r="AV1569" s="137"/>
      <c r="AW1569" s="144"/>
    </row>
    <row r="1570" spans="2:49" x14ac:dyDescent="0.2">
      <c r="B1570" s="97"/>
      <c r="G1570" s="43"/>
      <c r="J1570" s="98"/>
      <c r="K1570" s="97"/>
      <c r="N1570" s="3"/>
      <c r="W1570" s="98"/>
      <c r="Z1570" s="143"/>
      <c r="AA1570" s="137"/>
      <c r="AB1570" s="137"/>
      <c r="AC1570" s="137"/>
      <c r="AD1570" s="137"/>
      <c r="AE1570" s="137"/>
      <c r="AF1570" s="137"/>
      <c r="AG1570" s="137"/>
      <c r="AH1570" s="137"/>
      <c r="AI1570" s="137"/>
      <c r="AJ1570" s="137"/>
      <c r="AK1570" s="206"/>
      <c r="AL1570" s="206"/>
      <c r="AM1570" s="143"/>
      <c r="AN1570" s="137"/>
      <c r="AO1570" s="137"/>
      <c r="AP1570" s="137"/>
      <c r="AQ1570" s="137"/>
      <c r="AR1570" s="137"/>
      <c r="AS1570" s="137"/>
      <c r="AT1570" s="137"/>
      <c r="AU1570" s="137"/>
      <c r="AV1570" s="137"/>
      <c r="AW1570" s="144"/>
    </row>
    <row r="1571" spans="2:49" x14ac:dyDescent="0.2">
      <c r="B1571" s="97"/>
      <c r="G1571" s="43"/>
      <c r="J1571" s="98"/>
      <c r="K1571" s="97"/>
      <c r="N1571" s="3"/>
      <c r="W1571" s="98"/>
      <c r="Z1571" s="143"/>
      <c r="AA1571" s="137"/>
      <c r="AB1571" s="137"/>
      <c r="AC1571" s="137"/>
      <c r="AD1571" s="137"/>
      <c r="AE1571" s="137"/>
      <c r="AF1571" s="137"/>
      <c r="AG1571" s="137"/>
      <c r="AH1571" s="137"/>
      <c r="AI1571" s="137"/>
      <c r="AJ1571" s="137"/>
      <c r="AK1571" s="206"/>
      <c r="AL1571" s="206"/>
      <c r="AM1571" s="143"/>
      <c r="AN1571" s="137"/>
      <c r="AO1571" s="137"/>
      <c r="AP1571" s="137"/>
      <c r="AQ1571" s="137"/>
      <c r="AR1571" s="137"/>
      <c r="AS1571" s="137"/>
      <c r="AT1571" s="137"/>
      <c r="AU1571" s="137"/>
      <c r="AV1571" s="137"/>
      <c r="AW1571" s="144"/>
    </row>
    <row r="1572" spans="2:49" x14ac:dyDescent="0.2">
      <c r="B1572" s="97"/>
      <c r="G1572" s="43"/>
      <c r="J1572" s="98"/>
      <c r="K1572" s="97"/>
      <c r="N1572" s="3"/>
      <c r="W1572" s="98"/>
      <c r="Z1572" s="143"/>
      <c r="AA1572" s="137"/>
      <c r="AB1572" s="137"/>
      <c r="AC1572" s="137"/>
      <c r="AD1572" s="137"/>
      <c r="AE1572" s="137"/>
      <c r="AF1572" s="137"/>
      <c r="AG1572" s="137"/>
      <c r="AH1572" s="137"/>
      <c r="AI1572" s="137"/>
      <c r="AJ1572" s="137"/>
      <c r="AK1572" s="206"/>
      <c r="AL1572" s="206"/>
      <c r="AM1572" s="143"/>
      <c r="AN1572" s="137"/>
      <c r="AO1572" s="137"/>
      <c r="AP1572" s="137"/>
      <c r="AQ1572" s="137"/>
      <c r="AR1572" s="137"/>
      <c r="AS1572" s="137"/>
      <c r="AT1572" s="137"/>
      <c r="AU1572" s="137"/>
      <c r="AV1572" s="137"/>
      <c r="AW1572" s="144"/>
    </row>
    <row r="1573" spans="2:49" x14ac:dyDescent="0.2">
      <c r="B1573" s="97"/>
      <c r="G1573" s="43"/>
      <c r="J1573" s="98"/>
      <c r="K1573" s="97"/>
      <c r="N1573" s="3"/>
      <c r="W1573" s="98"/>
      <c r="Z1573" s="143"/>
      <c r="AA1573" s="137"/>
      <c r="AB1573" s="137"/>
      <c r="AC1573" s="137"/>
      <c r="AD1573" s="137"/>
      <c r="AE1573" s="137"/>
      <c r="AF1573" s="137"/>
      <c r="AG1573" s="137"/>
      <c r="AH1573" s="137"/>
      <c r="AI1573" s="137"/>
      <c r="AJ1573" s="137"/>
      <c r="AK1573" s="206"/>
      <c r="AL1573" s="206"/>
      <c r="AM1573" s="143"/>
      <c r="AN1573" s="137"/>
      <c r="AO1573" s="137"/>
      <c r="AP1573" s="137"/>
      <c r="AQ1573" s="137"/>
      <c r="AR1573" s="137"/>
      <c r="AS1573" s="137"/>
      <c r="AT1573" s="137"/>
      <c r="AU1573" s="137"/>
      <c r="AV1573" s="137"/>
      <c r="AW1573" s="144"/>
    </row>
    <row r="1574" spans="2:49" x14ac:dyDescent="0.2">
      <c r="B1574" s="97"/>
      <c r="G1574" s="43"/>
      <c r="J1574" s="98"/>
      <c r="K1574" s="97"/>
      <c r="N1574" s="3"/>
      <c r="W1574" s="98"/>
      <c r="Z1574" s="143"/>
      <c r="AA1574" s="137"/>
      <c r="AB1574" s="137"/>
      <c r="AC1574" s="137"/>
      <c r="AD1574" s="137"/>
      <c r="AE1574" s="137"/>
      <c r="AF1574" s="137"/>
      <c r="AG1574" s="137"/>
      <c r="AH1574" s="137"/>
      <c r="AI1574" s="137"/>
      <c r="AJ1574" s="137"/>
      <c r="AK1574" s="206"/>
      <c r="AL1574" s="206"/>
      <c r="AM1574" s="143"/>
      <c r="AN1574" s="137"/>
      <c r="AO1574" s="137"/>
      <c r="AP1574" s="137"/>
      <c r="AQ1574" s="137"/>
      <c r="AR1574" s="137"/>
      <c r="AS1574" s="137"/>
      <c r="AT1574" s="137"/>
      <c r="AU1574" s="137"/>
      <c r="AV1574" s="137"/>
      <c r="AW1574" s="144"/>
    </row>
    <row r="1575" spans="2:49" x14ac:dyDescent="0.2">
      <c r="B1575" s="97"/>
      <c r="G1575" s="43"/>
      <c r="J1575" s="98"/>
      <c r="K1575" s="97"/>
      <c r="N1575" s="3"/>
      <c r="W1575" s="98"/>
      <c r="Z1575" s="143"/>
      <c r="AA1575" s="137"/>
      <c r="AB1575" s="137"/>
      <c r="AC1575" s="137"/>
      <c r="AD1575" s="137"/>
      <c r="AE1575" s="137"/>
      <c r="AF1575" s="137"/>
      <c r="AG1575" s="137"/>
      <c r="AH1575" s="137"/>
      <c r="AI1575" s="137"/>
      <c r="AJ1575" s="137"/>
      <c r="AK1575" s="206"/>
      <c r="AL1575" s="206"/>
      <c r="AM1575" s="143"/>
      <c r="AN1575" s="137"/>
      <c r="AO1575" s="137"/>
      <c r="AP1575" s="137"/>
      <c r="AQ1575" s="137"/>
      <c r="AR1575" s="137"/>
      <c r="AS1575" s="137"/>
      <c r="AT1575" s="137"/>
      <c r="AU1575" s="137"/>
      <c r="AV1575" s="137"/>
      <c r="AW1575" s="144"/>
    </row>
    <row r="1576" spans="2:49" x14ac:dyDescent="0.2">
      <c r="B1576" s="97"/>
      <c r="G1576" s="43"/>
      <c r="J1576" s="98"/>
      <c r="K1576" s="97"/>
      <c r="N1576" s="3"/>
      <c r="W1576" s="98"/>
      <c r="Z1576" s="143"/>
      <c r="AA1576" s="137"/>
      <c r="AB1576" s="137"/>
      <c r="AC1576" s="137"/>
      <c r="AD1576" s="137"/>
      <c r="AE1576" s="137"/>
      <c r="AF1576" s="137"/>
      <c r="AG1576" s="137"/>
      <c r="AH1576" s="137"/>
      <c r="AI1576" s="137"/>
      <c r="AJ1576" s="137"/>
      <c r="AK1576" s="206"/>
      <c r="AL1576" s="206"/>
      <c r="AM1576" s="143"/>
      <c r="AN1576" s="137"/>
      <c r="AO1576" s="137"/>
      <c r="AP1576" s="137"/>
      <c r="AQ1576" s="137"/>
      <c r="AR1576" s="137"/>
      <c r="AS1576" s="137"/>
      <c r="AT1576" s="137"/>
      <c r="AU1576" s="137"/>
      <c r="AV1576" s="137"/>
      <c r="AW1576" s="144"/>
    </row>
    <row r="1577" spans="2:49" x14ac:dyDescent="0.2">
      <c r="B1577" s="97"/>
      <c r="G1577" s="43"/>
      <c r="J1577" s="98"/>
      <c r="K1577" s="97"/>
      <c r="N1577" s="3"/>
      <c r="W1577" s="98"/>
      <c r="Z1577" s="143"/>
      <c r="AA1577" s="137"/>
      <c r="AB1577" s="137"/>
      <c r="AC1577" s="137"/>
      <c r="AD1577" s="137"/>
      <c r="AE1577" s="137"/>
      <c r="AF1577" s="137"/>
      <c r="AG1577" s="137"/>
      <c r="AH1577" s="137"/>
      <c r="AI1577" s="137"/>
      <c r="AJ1577" s="137"/>
      <c r="AK1577" s="206"/>
      <c r="AL1577" s="206"/>
      <c r="AM1577" s="143"/>
      <c r="AN1577" s="137"/>
      <c r="AO1577" s="137"/>
      <c r="AP1577" s="137"/>
      <c r="AQ1577" s="137"/>
      <c r="AR1577" s="137"/>
      <c r="AS1577" s="137"/>
      <c r="AT1577" s="137"/>
      <c r="AU1577" s="137"/>
      <c r="AV1577" s="137"/>
      <c r="AW1577" s="144"/>
    </row>
    <row r="1578" spans="2:49" x14ac:dyDescent="0.2">
      <c r="B1578" s="97"/>
      <c r="G1578" s="43"/>
      <c r="J1578" s="98"/>
      <c r="K1578" s="97"/>
      <c r="N1578" s="3"/>
      <c r="W1578" s="98"/>
      <c r="Z1578" s="143"/>
      <c r="AA1578" s="137"/>
      <c r="AB1578" s="137"/>
      <c r="AC1578" s="137"/>
      <c r="AD1578" s="137"/>
      <c r="AE1578" s="137"/>
      <c r="AF1578" s="137"/>
      <c r="AG1578" s="137"/>
      <c r="AH1578" s="137"/>
      <c r="AI1578" s="137"/>
      <c r="AJ1578" s="137"/>
      <c r="AK1578" s="206"/>
      <c r="AL1578" s="206"/>
      <c r="AM1578" s="143"/>
      <c r="AN1578" s="137"/>
      <c r="AO1578" s="137"/>
      <c r="AP1578" s="137"/>
      <c r="AQ1578" s="137"/>
      <c r="AR1578" s="137"/>
      <c r="AS1578" s="137"/>
      <c r="AT1578" s="137"/>
      <c r="AU1578" s="137"/>
      <c r="AV1578" s="137"/>
      <c r="AW1578" s="144"/>
    </row>
    <row r="1579" spans="2:49" x14ac:dyDescent="0.2">
      <c r="B1579" s="97"/>
      <c r="G1579" s="43"/>
      <c r="J1579" s="98"/>
      <c r="K1579" s="97"/>
      <c r="N1579" s="3"/>
      <c r="W1579" s="98"/>
      <c r="Z1579" s="143"/>
      <c r="AA1579" s="137"/>
      <c r="AB1579" s="137"/>
      <c r="AC1579" s="137"/>
      <c r="AD1579" s="137"/>
      <c r="AE1579" s="137"/>
      <c r="AF1579" s="137"/>
      <c r="AG1579" s="137"/>
      <c r="AH1579" s="137"/>
      <c r="AI1579" s="137"/>
      <c r="AJ1579" s="137"/>
      <c r="AK1579" s="206"/>
      <c r="AL1579" s="206"/>
      <c r="AM1579" s="143"/>
      <c r="AN1579" s="137"/>
      <c r="AO1579" s="137"/>
      <c r="AP1579" s="137"/>
      <c r="AQ1579" s="137"/>
      <c r="AR1579" s="137"/>
      <c r="AS1579" s="137"/>
      <c r="AT1579" s="137"/>
      <c r="AU1579" s="137"/>
      <c r="AV1579" s="137"/>
      <c r="AW1579" s="144"/>
    </row>
    <row r="1580" spans="2:49" x14ac:dyDescent="0.2">
      <c r="B1580" s="97"/>
      <c r="G1580" s="43"/>
      <c r="J1580" s="98"/>
      <c r="K1580" s="97"/>
      <c r="N1580" s="3"/>
      <c r="W1580" s="98"/>
      <c r="Z1580" s="143"/>
      <c r="AA1580" s="137"/>
      <c r="AB1580" s="137"/>
      <c r="AC1580" s="137"/>
      <c r="AD1580" s="137"/>
      <c r="AE1580" s="137"/>
      <c r="AF1580" s="137"/>
      <c r="AG1580" s="137"/>
      <c r="AH1580" s="137"/>
      <c r="AI1580" s="137"/>
      <c r="AJ1580" s="137"/>
      <c r="AK1580" s="206"/>
      <c r="AL1580" s="206"/>
      <c r="AM1580" s="143"/>
      <c r="AN1580" s="137"/>
      <c r="AO1580" s="137"/>
      <c r="AP1580" s="137"/>
      <c r="AQ1580" s="137"/>
      <c r="AR1580" s="137"/>
      <c r="AS1580" s="137"/>
      <c r="AT1580" s="137"/>
      <c r="AU1580" s="137"/>
      <c r="AV1580" s="137"/>
      <c r="AW1580" s="144"/>
    </row>
    <row r="1581" spans="2:49" x14ac:dyDescent="0.2">
      <c r="B1581" s="97"/>
      <c r="G1581" s="43"/>
      <c r="J1581" s="98"/>
      <c r="K1581" s="97"/>
      <c r="N1581" s="3"/>
      <c r="W1581" s="98"/>
      <c r="Z1581" s="143"/>
      <c r="AA1581" s="137"/>
      <c r="AB1581" s="137"/>
      <c r="AC1581" s="137"/>
      <c r="AD1581" s="137"/>
      <c r="AE1581" s="137"/>
      <c r="AF1581" s="137"/>
      <c r="AG1581" s="137"/>
      <c r="AH1581" s="137"/>
      <c r="AI1581" s="137"/>
      <c r="AJ1581" s="137"/>
      <c r="AK1581" s="206"/>
      <c r="AL1581" s="206"/>
      <c r="AM1581" s="143"/>
      <c r="AN1581" s="137"/>
      <c r="AO1581" s="137"/>
      <c r="AP1581" s="137"/>
      <c r="AQ1581" s="137"/>
      <c r="AR1581" s="137"/>
      <c r="AS1581" s="137"/>
      <c r="AT1581" s="137"/>
      <c r="AU1581" s="137"/>
      <c r="AV1581" s="137"/>
      <c r="AW1581" s="144"/>
    </row>
    <row r="1582" spans="2:49" x14ac:dyDescent="0.2">
      <c r="B1582" s="97"/>
      <c r="G1582" s="43"/>
      <c r="J1582" s="98"/>
      <c r="K1582" s="97"/>
      <c r="N1582" s="3"/>
      <c r="W1582" s="98"/>
      <c r="Z1582" s="143"/>
      <c r="AA1582" s="137"/>
      <c r="AB1582" s="137"/>
      <c r="AC1582" s="137"/>
      <c r="AD1582" s="137"/>
      <c r="AE1582" s="137"/>
      <c r="AF1582" s="137"/>
      <c r="AG1582" s="137"/>
      <c r="AH1582" s="137"/>
      <c r="AI1582" s="137"/>
      <c r="AJ1582" s="137"/>
      <c r="AK1582" s="206"/>
      <c r="AL1582" s="206"/>
      <c r="AM1582" s="143"/>
      <c r="AN1582" s="137"/>
      <c r="AO1582" s="137"/>
      <c r="AP1582" s="137"/>
      <c r="AQ1582" s="137"/>
      <c r="AR1582" s="137"/>
      <c r="AS1582" s="137"/>
      <c r="AT1582" s="137"/>
      <c r="AU1582" s="137"/>
      <c r="AV1582" s="137"/>
      <c r="AW1582" s="144"/>
    </row>
    <row r="1583" spans="2:49" x14ac:dyDescent="0.2">
      <c r="B1583" s="97"/>
      <c r="G1583" s="43"/>
      <c r="J1583" s="98"/>
      <c r="K1583" s="97"/>
      <c r="N1583" s="3"/>
      <c r="W1583" s="98"/>
      <c r="Z1583" s="143"/>
      <c r="AA1583" s="137"/>
      <c r="AB1583" s="137"/>
      <c r="AC1583" s="137"/>
      <c r="AD1583" s="137"/>
      <c r="AE1583" s="137"/>
      <c r="AF1583" s="137"/>
      <c r="AG1583" s="137"/>
      <c r="AH1583" s="137"/>
      <c r="AI1583" s="137"/>
      <c r="AJ1583" s="137"/>
      <c r="AK1583" s="206"/>
      <c r="AL1583" s="206"/>
      <c r="AM1583" s="143"/>
      <c r="AN1583" s="137"/>
      <c r="AO1583" s="137"/>
      <c r="AP1583" s="137"/>
      <c r="AQ1583" s="137"/>
      <c r="AR1583" s="137"/>
      <c r="AS1583" s="137"/>
      <c r="AT1583" s="137"/>
      <c r="AU1583" s="137"/>
      <c r="AV1583" s="137"/>
      <c r="AW1583" s="144"/>
    </row>
    <row r="1584" spans="2:49" x14ac:dyDescent="0.2">
      <c r="B1584" s="97"/>
      <c r="G1584" s="43"/>
      <c r="J1584" s="98"/>
      <c r="K1584" s="97"/>
      <c r="N1584" s="3"/>
      <c r="W1584" s="98"/>
      <c r="Z1584" s="143"/>
      <c r="AA1584" s="137"/>
      <c r="AB1584" s="137"/>
      <c r="AC1584" s="137"/>
      <c r="AD1584" s="137"/>
      <c r="AE1584" s="137"/>
      <c r="AF1584" s="137"/>
      <c r="AG1584" s="137"/>
      <c r="AH1584" s="137"/>
      <c r="AI1584" s="137"/>
      <c r="AJ1584" s="137"/>
      <c r="AK1584" s="206"/>
      <c r="AL1584" s="206"/>
      <c r="AM1584" s="143"/>
      <c r="AN1584" s="137"/>
      <c r="AO1584" s="137"/>
      <c r="AP1584" s="137"/>
      <c r="AQ1584" s="137"/>
      <c r="AR1584" s="137"/>
      <c r="AS1584" s="137"/>
      <c r="AT1584" s="137"/>
      <c r="AU1584" s="137"/>
      <c r="AV1584" s="137"/>
      <c r="AW1584" s="144"/>
    </row>
    <row r="1585" spans="2:49" x14ac:dyDescent="0.2">
      <c r="B1585" s="97"/>
      <c r="G1585" s="43"/>
      <c r="J1585" s="98"/>
      <c r="K1585" s="97"/>
      <c r="N1585" s="3"/>
      <c r="W1585" s="98"/>
      <c r="Z1585" s="143"/>
      <c r="AA1585" s="137"/>
      <c r="AB1585" s="137"/>
      <c r="AC1585" s="137"/>
      <c r="AD1585" s="137"/>
      <c r="AE1585" s="137"/>
      <c r="AF1585" s="137"/>
      <c r="AG1585" s="137"/>
      <c r="AH1585" s="137"/>
      <c r="AI1585" s="137"/>
      <c r="AJ1585" s="137"/>
      <c r="AK1585" s="206"/>
      <c r="AL1585" s="206"/>
      <c r="AM1585" s="143"/>
      <c r="AN1585" s="137"/>
      <c r="AO1585" s="137"/>
      <c r="AP1585" s="137"/>
      <c r="AQ1585" s="137"/>
      <c r="AR1585" s="137"/>
      <c r="AS1585" s="137"/>
      <c r="AT1585" s="137"/>
      <c r="AU1585" s="137"/>
      <c r="AV1585" s="137"/>
      <c r="AW1585" s="144"/>
    </row>
    <row r="1586" spans="2:49" x14ac:dyDescent="0.2">
      <c r="B1586" s="97"/>
      <c r="G1586" s="43"/>
      <c r="J1586" s="98"/>
      <c r="K1586" s="97"/>
      <c r="N1586" s="3"/>
      <c r="W1586" s="98"/>
      <c r="Z1586" s="143"/>
      <c r="AA1586" s="137"/>
      <c r="AB1586" s="137"/>
      <c r="AC1586" s="137"/>
      <c r="AD1586" s="137"/>
      <c r="AE1586" s="137"/>
      <c r="AF1586" s="137"/>
      <c r="AG1586" s="137"/>
      <c r="AH1586" s="137"/>
      <c r="AI1586" s="137"/>
      <c r="AJ1586" s="137"/>
      <c r="AK1586" s="206"/>
      <c r="AL1586" s="206"/>
      <c r="AM1586" s="143"/>
      <c r="AN1586" s="137"/>
      <c r="AO1586" s="137"/>
      <c r="AP1586" s="137"/>
      <c r="AQ1586" s="137"/>
      <c r="AR1586" s="137"/>
      <c r="AS1586" s="137"/>
      <c r="AT1586" s="137"/>
      <c r="AU1586" s="137"/>
      <c r="AV1586" s="137"/>
      <c r="AW1586" s="144"/>
    </row>
    <row r="1587" spans="2:49" x14ac:dyDescent="0.2">
      <c r="B1587" s="97"/>
      <c r="G1587" s="43"/>
      <c r="J1587" s="98"/>
      <c r="K1587" s="97"/>
      <c r="N1587" s="3"/>
      <c r="W1587" s="98"/>
      <c r="Z1587" s="143"/>
      <c r="AA1587" s="137"/>
      <c r="AB1587" s="137"/>
      <c r="AC1587" s="137"/>
      <c r="AD1587" s="137"/>
      <c r="AE1587" s="137"/>
      <c r="AF1587" s="137"/>
      <c r="AG1587" s="137"/>
      <c r="AH1587" s="137"/>
      <c r="AI1587" s="137"/>
      <c r="AJ1587" s="137"/>
      <c r="AK1587" s="206"/>
      <c r="AL1587" s="206"/>
      <c r="AM1587" s="143"/>
      <c r="AN1587" s="137"/>
      <c r="AO1587" s="137"/>
      <c r="AP1587" s="137"/>
      <c r="AQ1587" s="137"/>
      <c r="AR1587" s="137"/>
      <c r="AS1587" s="137"/>
      <c r="AT1587" s="137"/>
      <c r="AU1587" s="137"/>
      <c r="AV1587" s="137"/>
      <c r="AW1587" s="144"/>
    </row>
    <row r="1588" spans="2:49" x14ac:dyDescent="0.2">
      <c r="B1588" s="97"/>
      <c r="G1588" s="43"/>
      <c r="J1588" s="98"/>
      <c r="K1588" s="97"/>
      <c r="N1588" s="3"/>
      <c r="W1588" s="98"/>
      <c r="Z1588" s="143"/>
      <c r="AA1588" s="137"/>
      <c r="AB1588" s="137"/>
      <c r="AC1588" s="137"/>
      <c r="AD1588" s="137"/>
      <c r="AE1588" s="137"/>
      <c r="AF1588" s="137"/>
      <c r="AG1588" s="137"/>
      <c r="AH1588" s="137"/>
      <c r="AI1588" s="137"/>
      <c r="AJ1588" s="137"/>
      <c r="AK1588" s="206"/>
      <c r="AL1588" s="206"/>
      <c r="AM1588" s="143"/>
      <c r="AN1588" s="137"/>
      <c r="AO1588" s="137"/>
      <c r="AP1588" s="137"/>
      <c r="AQ1588" s="137"/>
      <c r="AR1588" s="137"/>
      <c r="AS1588" s="137"/>
      <c r="AT1588" s="137"/>
      <c r="AU1588" s="137"/>
      <c r="AV1588" s="137"/>
      <c r="AW1588" s="144"/>
    </row>
    <row r="1589" spans="2:49" x14ac:dyDescent="0.2">
      <c r="B1589" s="97"/>
      <c r="G1589" s="43"/>
      <c r="J1589" s="98"/>
      <c r="K1589" s="97"/>
      <c r="N1589" s="3"/>
      <c r="W1589" s="98"/>
      <c r="Z1589" s="143"/>
      <c r="AA1589" s="137"/>
      <c r="AB1589" s="137"/>
      <c r="AC1589" s="137"/>
      <c r="AD1589" s="137"/>
      <c r="AE1589" s="137"/>
      <c r="AF1589" s="137"/>
      <c r="AG1589" s="137"/>
      <c r="AH1589" s="137"/>
      <c r="AI1589" s="137"/>
      <c r="AJ1589" s="137"/>
      <c r="AK1589" s="206"/>
      <c r="AL1589" s="206"/>
      <c r="AM1589" s="143"/>
      <c r="AN1589" s="137"/>
      <c r="AO1589" s="137"/>
      <c r="AP1589" s="137"/>
      <c r="AQ1589" s="137"/>
      <c r="AR1589" s="137"/>
      <c r="AS1589" s="137"/>
      <c r="AT1589" s="137"/>
      <c r="AU1589" s="137"/>
      <c r="AV1589" s="137"/>
      <c r="AW1589" s="144"/>
    </row>
    <row r="1590" spans="2:49" x14ac:dyDescent="0.2">
      <c r="B1590" s="97"/>
      <c r="G1590" s="43"/>
      <c r="J1590" s="98"/>
      <c r="K1590" s="97"/>
      <c r="N1590" s="3"/>
      <c r="W1590" s="98"/>
      <c r="Z1590" s="143"/>
      <c r="AA1590" s="137"/>
      <c r="AB1590" s="137"/>
      <c r="AC1590" s="137"/>
      <c r="AD1590" s="137"/>
      <c r="AE1590" s="137"/>
      <c r="AF1590" s="137"/>
      <c r="AG1590" s="137"/>
      <c r="AH1590" s="137"/>
      <c r="AI1590" s="137"/>
      <c r="AJ1590" s="137"/>
      <c r="AK1590" s="206"/>
      <c r="AL1590" s="206"/>
      <c r="AM1590" s="143"/>
      <c r="AN1590" s="137"/>
      <c r="AO1590" s="137"/>
      <c r="AP1590" s="137"/>
      <c r="AQ1590" s="137"/>
      <c r="AR1590" s="137"/>
      <c r="AS1590" s="137"/>
      <c r="AT1590" s="137"/>
      <c r="AU1590" s="137"/>
      <c r="AV1590" s="137"/>
      <c r="AW1590" s="144"/>
    </row>
    <row r="1591" spans="2:49" x14ac:dyDescent="0.2">
      <c r="B1591" s="97"/>
      <c r="G1591" s="43"/>
      <c r="J1591" s="98"/>
      <c r="K1591" s="97"/>
      <c r="N1591" s="3"/>
      <c r="W1591" s="98"/>
      <c r="Z1591" s="143"/>
      <c r="AA1591" s="137"/>
      <c r="AB1591" s="137"/>
      <c r="AC1591" s="137"/>
      <c r="AD1591" s="137"/>
      <c r="AE1591" s="137"/>
      <c r="AF1591" s="137"/>
      <c r="AG1591" s="137"/>
      <c r="AH1591" s="137"/>
      <c r="AI1591" s="137"/>
      <c r="AJ1591" s="137"/>
      <c r="AK1591" s="206"/>
      <c r="AL1591" s="206"/>
      <c r="AM1591" s="143"/>
      <c r="AN1591" s="137"/>
      <c r="AO1591" s="137"/>
      <c r="AP1591" s="137"/>
      <c r="AQ1591" s="137"/>
      <c r="AR1591" s="137"/>
      <c r="AS1591" s="137"/>
      <c r="AT1591" s="137"/>
      <c r="AU1591" s="137"/>
      <c r="AV1591" s="137"/>
      <c r="AW1591" s="144"/>
    </row>
    <row r="1592" spans="2:49" x14ac:dyDescent="0.2">
      <c r="B1592" s="97"/>
      <c r="G1592" s="43"/>
      <c r="J1592" s="98"/>
      <c r="K1592" s="97"/>
      <c r="N1592" s="3"/>
      <c r="W1592" s="98"/>
      <c r="Z1592" s="143"/>
      <c r="AA1592" s="137"/>
      <c r="AB1592" s="137"/>
      <c r="AC1592" s="137"/>
      <c r="AD1592" s="137"/>
      <c r="AE1592" s="137"/>
      <c r="AF1592" s="137"/>
      <c r="AG1592" s="137"/>
      <c r="AH1592" s="137"/>
      <c r="AI1592" s="137"/>
      <c r="AJ1592" s="137"/>
      <c r="AK1592" s="206"/>
      <c r="AL1592" s="206"/>
      <c r="AM1592" s="143"/>
      <c r="AN1592" s="137"/>
      <c r="AO1592" s="137"/>
      <c r="AP1592" s="137"/>
      <c r="AQ1592" s="137"/>
      <c r="AR1592" s="137"/>
      <c r="AS1592" s="137"/>
      <c r="AT1592" s="137"/>
      <c r="AU1592" s="137"/>
      <c r="AV1592" s="137"/>
      <c r="AW1592" s="144"/>
    </row>
    <row r="1593" spans="2:49" x14ac:dyDescent="0.2">
      <c r="B1593" s="97"/>
      <c r="G1593" s="43"/>
      <c r="J1593" s="98"/>
      <c r="K1593" s="97"/>
      <c r="N1593" s="3"/>
      <c r="W1593" s="98"/>
      <c r="Z1593" s="143"/>
      <c r="AA1593" s="137"/>
      <c r="AB1593" s="137"/>
      <c r="AC1593" s="137"/>
      <c r="AD1593" s="137"/>
      <c r="AE1593" s="137"/>
      <c r="AF1593" s="137"/>
      <c r="AG1593" s="137"/>
      <c r="AH1593" s="137"/>
      <c r="AI1593" s="137"/>
      <c r="AJ1593" s="137"/>
      <c r="AK1593" s="206"/>
      <c r="AL1593" s="206"/>
      <c r="AM1593" s="143"/>
      <c r="AN1593" s="137"/>
      <c r="AO1593" s="137"/>
      <c r="AP1593" s="137"/>
      <c r="AQ1593" s="137"/>
      <c r="AR1593" s="137"/>
      <c r="AS1593" s="137"/>
      <c r="AT1593" s="137"/>
      <c r="AU1593" s="137"/>
      <c r="AV1593" s="137"/>
      <c r="AW1593" s="144"/>
    </row>
    <row r="1594" spans="2:49" x14ac:dyDescent="0.2">
      <c r="B1594" s="97"/>
      <c r="G1594" s="43"/>
      <c r="J1594" s="98"/>
      <c r="K1594" s="97"/>
      <c r="N1594" s="3"/>
      <c r="W1594" s="98"/>
      <c r="Z1594" s="143"/>
      <c r="AA1594" s="137"/>
      <c r="AB1594" s="137"/>
      <c r="AC1594" s="137"/>
      <c r="AD1594" s="137"/>
      <c r="AE1594" s="137"/>
      <c r="AF1594" s="137"/>
      <c r="AG1594" s="137"/>
      <c r="AH1594" s="137"/>
      <c r="AI1594" s="137"/>
      <c r="AJ1594" s="137"/>
      <c r="AK1594" s="206"/>
      <c r="AL1594" s="206"/>
      <c r="AM1594" s="143"/>
      <c r="AN1594" s="137"/>
      <c r="AO1594" s="137"/>
      <c r="AP1594" s="137"/>
      <c r="AQ1594" s="137"/>
      <c r="AR1594" s="137"/>
      <c r="AS1594" s="137"/>
      <c r="AT1594" s="137"/>
      <c r="AU1594" s="137"/>
      <c r="AV1594" s="137"/>
      <c r="AW1594" s="144"/>
    </row>
    <row r="1595" spans="2:49" x14ac:dyDescent="0.2">
      <c r="B1595" s="97"/>
      <c r="G1595" s="43"/>
      <c r="J1595" s="98"/>
      <c r="K1595" s="97"/>
      <c r="N1595" s="3"/>
      <c r="W1595" s="98"/>
      <c r="Z1595" s="143"/>
      <c r="AA1595" s="137"/>
      <c r="AB1595" s="137"/>
      <c r="AC1595" s="137"/>
      <c r="AD1595" s="137"/>
      <c r="AE1595" s="137"/>
      <c r="AF1595" s="137"/>
      <c r="AG1595" s="137"/>
      <c r="AH1595" s="137"/>
      <c r="AI1595" s="137"/>
      <c r="AJ1595" s="137"/>
      <c r="AK1595" s="206"/>
      <c r="AL1595" s="206"/>
      <c r="AM1595" s="143"/>
      <c r="AN1595" s="137"/>
      <c r="AO1595" s="137"/>
      <c r="AP1595" s="137"/>
      <c r="AQ1595" s="137"/>
      <c r="AR1595" s="137"/>
      <c r="AS1595" s="137"/>
      <c r="AT1595" s="137"/>
      <c r="AU1595" s="137"/>
      <c r="AV1595" s="137"/>
      <c r="AW1595" s="144"/>
    </row>
    <row r="1596" spans="2:49" x14ac:dyDescent="0.2">
      <c r="B1596" s="97"/>
      <c r="G1596" s="43"/>
      <c r="J1596" s="98"/>
      <c r="K1596" s="97"/>
      <c r="N1596" s="3"/>
      <c r="W1596" s="98"/>
      <c r="Z1596" s="143"/>
      <c r="AA1596" s="137"/>
      <c r="AB1596" s="137"/>
      <c r="AC1596" s="137"/>
      <c r="AD1596" s="137"/>
      <c r="AE1596" s="137"/>
      <c r="AF1596" s="137"/>
      <c r="AG1596" s="137"/>
      <c r="AH1596" s="137"/>
      <c r="AI1596" s="137"/>
      <c r="AJ1596" s="137"/>
      <c r="AK1596" s="206"/>
      <c r="AL1596" s="206"/>
      <c r="AM1596" s="143"/>
      <c r="AN1596" s="137"/>
      <c r="AO1596" s="137"/>
      <c r="AP1596" s="137"/>
      <c r="AQ1596" s="137"/>
      <c r="AR1596" s="137"/>
      <c r="AS1596" s="137"/>
      <c r="AT1596" s="137"/>
      <c r="AU1596" s="137"/>
      <c r="AV1596" s="137"/>
      <c r="AW1596" s="144"/>
    </row>
    <row r="1597" spans="2:49" x14ac:dyDescent="0.2">
      <c r="B1597" s="97"/>
      <c r="G1597" s="43"/>
      <c r="J1597" s="98"/>
      <c r="K1597" s="97"/>
      <c r="N1597" s="3"/>
      <c r="W1597" s="98"/>
      <c r="Z1597" s="143"/>
      <c r="AA1597" s="137"/>
      <c r="AB1597" s="137"/>
      <c r="AC1597" s="137"/>
      <c r="AD1597" s="137"/>
      <c r="AE1597" s="137"/>
      <c r="AF1597" s="137"/>
      <c r="AG1597" s="137"/>
      <c r="AH1597" s="137"/>
      <c r="AI1597" s="137"/>
      <c r="AJ1597" s="137"/>
      <c r="AK1597" s="206"/>
      <c r="AL1597" s="206"/>
      <c r="AM1597" s="143"/>
      <c r="AN1597" s="137"/>
      <c r="AO1597" s="137"/>
      <c r="AP1597" s="137"/>
      <c r="AQ1597" s="137"/>
      <c r="AR1597" s="137"/>
      <c r="AS1597" s="137"/>
      <c r="AT1597" s="137"/>
      <c r="AU1597" s="137"/>
      <c r="AV1597" s="137"/>
      <c r="AW1597" s="144"/>
    </row>
    <row r="1598" spans="2:49" x14ac:dyDescent="0.2">
      <c r="B1598" s="97"/>
      <c r="G1598" s="43"/>
      <c r="J1598" s="98"/>
      <c r="K1598" s="97"/>
      <c r="N1598" s="3"/>
      <c r="W1598" s="98"/>
      <c r="Z1598" s="143"/>
      <c r="AA1598" s="137"/>
      <c r="AB1598" s="137"/>
      <c r="AC1598" s="137"/>
      <c r="AD1598" s="137"/>
      <c r="AE1598" s="137"/>
      <c r="AF1598" s="137"/>
      <c r="AG1598" s="137"/>
      <c r="AH1598" s="137"/>
      <c r="AI1598" s="137"/>
      <c r="AJ1598" s="137"/>
      <c r="AK1598" s="206"/>
      <c r="AL1598" s="206"/>
      <c r="AM1598" s="143"/>
      <c r="AN1598" s="137"/>
      <c r="AO1598" s="137"/>
      <c r="AP1598" s="137"/>
      <c r="AQ1598" s="137"/>
      <c r="AR1598" s="137"/>
      <c r="AS1598" s="137"/>
      <c r="AT1598" s="137"/>
      <c r="AU1598" s="137"/>
      <c r="AV1598" s="137"/>
      <c r="AW1598" s="144"/>
    </row>
    <row r="1599" spans="2:49" x14ac:dyDescent="0.2">
      <c r="B1599" s="97"/>
      <c r="G1599" s="43"/>
      <c r="J1599" s="98"/>
      <c r="K1599" s="97"/>
      <c r="N1599" s="3"/>
      <c r="W1599" s="98"/>
      <c r="Z1599" s="143"/>
      <c r="AA1599" s="137"/>
      <c r="AB1599" s="137"/>
      <c r="AC1599" s="137"/>
      <c r="AD1599" s="137"/>
      <c r="AE1599" s="137"/>
      <c r="AF1599" s="137"/>
      <c r="AG1599" s="137"/>
      <c r="AH1599" s="137"/>
      <c r="AI1599" s="137"/>
      <c r="AJ1599" s="137"/>
      <c r="AK1599" s="206"/>
      <c r="AL1599" s="206"/>
      <c r="AM1599" s="143"/>
      <c r="AN1599" s="137"/>
      <c r="AO1599" s="137"/>
      <c r="AP1599" s="137"/>
      <c r="AQ1599" s="137"/>
      <c r="AR1599" s="137"/>
      <c r="AS1599" s="137"/>
      <c r="AT1599" s="137"/>
      <c r="AU1599" s="137"/>
      <c r="AV1599" s="137"/>
      <c r="AW1599" s="144"/>
    </row>
    <row r="1600" spans="2:49" x14ac:dyDescent="0.2">
      <c r="B1600" s="97"/>
      <c r="G1600" s="43"/>
      <c r="J1600" s="98"/>
      <c r="K1600" s="97"/>
      <c r="N1600" s="3"/>
      <c r="W1600" s="98"/>
      <c r="Z1600" s="143"/>
      <c r="AA1600" s="137"/>
      <c r="AB1600" s="137"/>
      <c r="AC1600" s="137"/>
      <c r="AD1600" s="137"/>
      <c r="AE1600" s="137"/>
      <c r="AF1600" s="137"/>
      <c r="AG1600" s="137"/>
      <c r="AH1600" s="137"/>
      <c r="AI1600" s="137"/>
      <c r="AJ1600" s="137"/>
      <c r="AK1600" s="206"/>
      <c r="AL1600" s="206"/>
      <c r="AM1600" s="143"/>
      <c r="AN1600" s="137"/>
      <c r="AO1600" s="137"/>
      <c r="AP1600" s="137"/>
      <c r="AQ1600" s="137"/>
      <c r="AR1600" s="137"/>
      <c r="AS1600" s="137"/>
      <c r="AT1600" s="137"/>
      <c r="AU1600" s="137"/>
      <c r="AV1600" s="137"/>
      <c r="AW1600" s="144"/>
    </row>
    <row r="1601" spans="2:49" x14ac:dyDescent="0.2">
      <c r="B1601" s="97"/>
      <c r="G1601" s="43"/>
      <c r="J1601" s="98"/>
      <c r="K1601" s="97"/>
      <c r="N1601" s="3"/>
      <c r="W1601" s="98"/>
      <c r="Z1601" s="143"/>
      <c r="AA1601" s="137"/>
      <c r="AB1601" s="137"/>
      <c r="AC1601" s="137"/>
      <c r="AD1601" s="137"/>
      <c r="AE1601" s="137"/>
      <c r="AF1601" s="137"/>
      <c r="AG1601" s="137"/>
      <c r="AH1601" s="137"/>
      <c r="AI1601" s="137"/>
      <c r="AJ1601" s="137"/>
      <c r="AK1601" s="206"/>
      <c r="AL1601" s="206"/>
      <c r="AM1601" s="143"/>
      <c r="AN1601" s="137"/>
      <c r="AO1601" s="137"/>
      <c r="AP1601" s="137"/>
      <c r="AQ1601" s="137"/>
      <c r="AR1601" s="137"/>
      <c r="AS1601" s="137"/>
      <c r="AT1601" s="137"/>
      <c r="AU1601" s="137"/>
      <c r="AV1601" s="137"/>
      <c r="AW1601" s="144"/>
    </row>
    <row r="1602" spans="2:49" x14ac:dyDescent="0.2">
      <c r="B1602" s="97"/>
      <c r="G1602" s="43"/>
      <c r="J1602" s="98"/>
      <c r="K1602" s="97"/>
      <c r="N1602" s="3"/>
      <c r="W1602" s="98"/>
      <c r="Z1602" s="143"/>
      <c r="AA1602" s="137"/>
      <c r="AB1602" s="137"/>
      <c r="AC1602" s="137"/>
      <c r="AD1602" s="137"/>
      <c r="AE1602" s="137"/>
      <c r="AF1602" s="137"/>
      <c r="AG1602" s="137"/>
      <c r="AH1602" s="137"/>
      <c r="AI1602" s="137"/>
      <c r="AJ1602" s="137"/>
      <c r="AK1602" s="206"/>
      <c r="AL1602" s="206"/>
      <c r="AM1602" s="143"/>
      <c r="AN1602" s="137"/>
      <c r="AO1602" s="137"/>
      <c r="AP1602" s="137"/>
      <c r="AQ1602" s="137"/>
      <c r="AR1602" s="137"/>
      <c r="AS1602" s="137"/>
      <c r="AT1602" s="137"/>
      <c r="AU1602" s="137"/>
      <c r="AV1602" s="137"/>
      <c r="AW1602" s="144"/>
    </row>
    <row r="1603" spans="2:49" x14ac:dyDescent="0.2">
      <c r="B1603" s="97"/>
      <c r="G1603" s="43"/>
      <c r="J1603" s="98"/>
      <c r="K1603" s="97"/>
      <c r="N1603" s="3"/>
      <c r="W1603" s="98"/>
      <c r="Z1603" s="143"/>
      <c r="AA1603" s="137"/>
      <c r="AB1603" s="137"/>
      <c r="AC1603" s="137"/>
      <c r="AD1603" s="137"/>
      <c r="AE1603" s="137"/>
      <c r="AF1603" s="137"/>
      <c r="AG1603" s="137"/>
      <c r="AH1603" s="137"/>
      <c r="AI1603" s="137"/>
      <c r="AJ1603" s="137"/>
      <c r="AK1603" s="206"/>
      <c r="AL1603" s="206"/>
      <c r="AM1603" s="143"/>
      <c r="AN1603" s="137"/>
      <c r="AO1603" s="137"/>
      <c r="AP1603" s="137"/>
      <c r="AQ1603" s="137"/>
      <c r="AR1603" s="137"/>
      <c r="AS1603" s="137"/>
      <c r="AT1603" s="137"/>
      <c r="AU1603" s="137"/>
      <c r="AV1603" s="137"/>
      <c r="AW1603" s="144"/>
    </row>
    <row r="1604" spans="2:49" x14ac:dyDescent="0.2">
      <c r="B1604" s="97"/>
      <c r="G1604" s="43"/>
      <c r="J1604" s="98"/>
      <c r="K1604" s="97"/>
      <c r="N1604" s="3"/>
      <c r="W1604" s="98"/>
      <c r="Z1604" s="143"/>
      <c r="AA1604" s="137"/>
      <c r="AB1604" s="137"/>
      <c r="AC1604" s="137"/>
      <c r="AD1604" s="137"/>
      <c r="AE1604" s="137"/>
      <c r="AF1604" s="137"/>
      <c r="AG1604" s="137"/>
      <c r="AH1604" s="137"/>
      <c r="AI1604" s="137"/>
      <c r="AJ1604" s="137"/>
      <c r="AK1604" s="206"/>
      <c r="AL1604" s="206"/>
      <c r="AM1604" s="143"/>
      <c r="AN1604" s="137"/>
      <c r="AO1604" s="137"/>
      <c r="AP1604" s="137"/>
      <c r="AQ1604" s="137"/>
      <c r="AR1604" s="137"/>
      <c r="AS1604" s="137"/>
      <c r="AT1604" s="137"/>
      <c r="AU1604" s="137"/>
      <c r="AV1604" s="137"/>
      <c r="AW1604" s="144"/>
    </row>
    <row r="1605" spans="2:49" x14ac:dyDescent="0.2">
      <c r="B1605" s="97"/>
      <c r="G1605" s="43"/>
      <c r="J1605" s="98"/>
      <c r="K1605" s="97"/>
      <c r="N1605" s="3"/>
      <c r="W1605" s="98"/>
      <c r="Z1605" s="143"/>
      <c r="AA1605" s="137"/>
      <c r="AB1605" s="137"/>
      <c r="AC1605" s="137"/>
      <c r="AD1605" s="137"/>
      <c r="AE1605" s="137"/>
      <c r="AF1605" s="137"/>
      <c r="AG1605" s="137"/>
      <c r="AH1605" s="137"/>
      <c r="AI1605" s="137"/>
      <c r="AJ1605" s="137"/>
      <c r="AK1605" s="206"/>
      <c r="AL1605" s="206"/>
      <c r="AM1605" s="143"/>
      <c r="AN1605" s="137"/>
      <c r="AO1605" s="137"/>
      <c r="AP1605" s="137"/>
      <c r="AQ1605" s="137"/>
      <c r="AR1605" s="137"/>
      <c r="AS1605" s="137"/>
      <c r="AT1605" s="137"/>
      <c r="AU1605" s="137"/>
      <c r="AV1605" s="137"/>
      <c r="AW1605" s="144"/>
    </row>
    <row r="1606" spans="2:49" x14ac:dyDescent="0.2">
      <c r="B1606" s="97"/>
      <c r="G1606" s="43"/>
      <c r="J1606" s="98"/>
      <c r="K1606" s="97"/>
      <c r="N1606" s="3"/>
      <c r="W1606" s="98"/>
      <c r="Z1606" s="143"/>
      <c r="AA1606" s="137"/>
      <c r="AB1606" s="137"/>
      <c r="AC1606" s="137"/>
      <c r="AD1606" s="137"/>
      <c r="AE1606" s="137"/>
      <c r="AF1606" s="137"/>
      <c r="AG1606" s="137"/>
      <c r="AH1606" s="137"/>
      <c r="AI1606" s="137"/>
      <c r="AJ1606" s="137"/>
      <c r="AK1606" s="206"/>
      <c r="AL1606" s="206"/>
      <c r="AM1606" s="143"/>
      <c r="AN1606" s="137"/>
      <c r="AO1606" s="137"/>
      <c r="AP1606" s="137"/>
      <c r="AQ1606" s="137"/>
      <c r="AR1606" s="137"/>
      <c r="AS1606" s="137"/>
      <c r="AT1606" s="137"/>
      <c r="AU1606" s="137"/>
      <c r="AV1606" s="137"/>
      <c r="AW1606" s="144"/>
    </row>
    <row r="1607" spans="2:49" x14ac:dyDescent="0.2">
      <c r="B1607" s="97"/>
      <c r="G1607" s="43"/>
      <c r="J1607" s="98"/>
      <c r="K1607" s="97"/>
      <c r="N1607" s="3"/>
      <c r="W1607" s="98"/>
      <c r="Z1607" s="143"/>
      <c r="AA1607" s="137"/>
      <c r="AB1607" s="137"/>
      <c r="AC1607" s="137"/>
      <c r="AD1607" s="137"/>
      <c r="AE1607" s="137"/>
      <c r="AF1607" s="137"/>
      <c r="AG1607" s="137"/>
      <c r="AH1607" s="137"/>
      <c r="AI1607" s="137"/>
      <c r="AJ1607" s="137"/>
      <c r="AK1607" s="206"/>
      <c r="AL1607" s="206"/>
      <c r="AM1607" s="143"/>
      <c r="AN1607" s="137"/>
      <c r="AO1607" s="137"/>
      <c r="AP1607" s="137"/>
      <c r="AQ1607" s="137"/>
      <c r="AR1607" s="137"/>
      <c r="AS1607" s="137"/>
      <c r="AT1607" s="137"/>
      <c r="AU1607" s="137"/>
      <c r="AV1607" s="137"/>
      <c r="AW1607" s="144"/>
    </row>
    <row r="1608" spans="2:49" x14ac:dyDescent="0.2">
      <c r="B1608" s="97"/>
      <c r="G1608" s="43"/>
      <c r="J1608" s="98"/>
      <c r="K1608" s="97"/>
      <c r="N1608" s="3"/>
      <c r="W1608" s="98"/>
      <c r="Z1608" s="143"/>
      <c r="AA1608" s="137"/>
      <c r="AB1608" s="137"/>
      <c r="AC1608" s="137"/>
      <c r="AD1608" s="137"/>
      <c r="AE1608" s="137"/>
      <c r="AF1608" s="137"/>
      <c r="AG1608" s="137"/>
      <c r="AH1608" s="137"/>
      <c r="AI1608" s="137"/>
      <c r="AJ1608" s="137"/>
      <c r="AK1608" s="206"/>
      <c r="AL1608" s="206"/>
      <c r="AM1608" s="143"/>
      <c r="AN1608" s="137"/>
      <c r="AO1608" s="137"/>
      <c r="AP1608" s="137"/>
      <c r="AQ1608" s="137"/>
      <c r="AR1608" s="137"/>
      <c r="AS1608" s="137"/>
      <c r="AT1608" s="137"/>
      <c r="AU1608" s="137"/>
      <c r="AV1608" s="137"/>
      <c r="AW1608" s="144"/>
    </row>
    <row r="1609" spans="2:49" x14ac:dyDescent="0.2">
      <c r="B1609" s="97"/>
      <c r="G1609" s="43"/>
      <c r="J1609" s="98"/>
      <c r="K1609" s="97"/>
      <c r="N1609" s="3"/>
      <c r="W1609" s="98"/>
      <c r="Z1609" s="143"/>
      <c r="AA1609" s="137"/>
      <c r="AB1609" s="137"/>
      <c r="AC1609" s="137"/>
      <c r="AD1609" s="137"/>
      <c r="AE1609" s="137"/>
      <c r="AF1609" s="137"/>
      <c r="AG1609" s="137"/>
      <c r="AH1609" s="137"/>
      <c r="AI1609" s="137"/>
      <c r="AJ1609" s="137"/>
      <c r="AK1609" s="206"/>
      <c r="AL1609" s="206"/>
      <c r="AM1609" s="143"/>
      <c r="AN1609" s="137"/>
      <c r="AO1609" s="137"/>
      <c r="AP1609" s="137"/>
      <c r="AQ1609" s="137"/>
      <c r="AR1609" s="137"/>
      <c r="AS1609" s="137"/>
      <c r="AT1609" s="137"/>
      <c r="AU1609" s="137"/>
      <c r="AV1609" s="137"/>
      <c r="AW1609" s="144"/>
    </row>
    <row r="1610" spans="2:49" x14ac:dyDescent="0.2">
      <c r="B1610" s="97"/>
      <c r="G1610" s="43"/>
      <c r="J1610" s="98"/>
      <c r="K1610" s="97"/>
      <c r="N1610" s="3"/>
      <c r="W1610" s="98"/>
      <c r="Z1610" s="143"/>
      <c r="AA1610" s="137"/>
      <c r="AB1610" s="137"/>
      <c r="AC1610" s="137"/>
      <c r="AD1610" s="137"/>
      <c r="AE1610" s="137"/>
      <c r="AF1610" s="137"/>
      <c r="AG1610" s="137"/>
      <c r="AH1610" s="137"/>
      <c r="AI1610" s="137"/>
      <c r="AJ1610" s="137"/>
      <c r="AK1610" s="206"/>
      <c r="AL1610" s="206"/>
      <c r="AM1610" s="143"/>
      <c r="AN1610" s="137"/>
      <c r="AO1610" s="137"/>
      <c r="AP1610" s="137"/>
      <c r="AQ1610" s="137"/>
      <c r="AR1610" s="137"/>
      <c r="AS1610" s="137"/>
      <c r="AT1610" s="137"/>
      <c r="AU1610" s="137"/>
      <c r="AV1610" s="137"/>
      <c r="AW1610" s="144"/>
    </row>
    <row r="1611" spans="2:49" x14ac:dyDescent="0.2">
      <c r="B1611" s="97"/>
      <c r="G1611" s="43"/>
      <c r="J1611" s="98"/>
      <c r="K1611" s="97"/>
      <c r="N1611" s="3"/>
      <c r="W1611" s="98"/>
      <c r="Z1611" s="143"/>
      <c r="AA1611" s="137"/>
      <c r="AB1611" s="137"/>
      <c r="AC1611" s="137"/>
      <c r="AD1611" s="137"/>
      <c r="AE1611" s="137"/>
      <c r="AF1611" s="137"/>
      <c r="AG1611" s="137"/>
      <c r="AH1611" s="137"/>
      <c r="AI1611" s="137"/>
      <c r="AJ1611" s="137"/>
      <c r="AK1611" s="206"/>
      <c r="AL1611" s="206"/>
      <c r="AM1611" s="143"/>
      <c r="AN1611" s="137"/>
      <c r="AO1611" s="137"/>
      <c r="AP1611" s="137"/>
      <c r="AQ1611" s="137"/>
      <c r="AR1611" s="137"/>
      <c r="AS1611" s="137"/>
      <c r="AT1611" s="137"/>
      <c r="AU1611" s="137"/>
      <c r="AV1611" s="137"/>
      <c r="AW1611" s="144"/>
    </row>
    <row r="1612" spans="2:49" x14ac:dyDescent="0.2">
      <c r="B1612" s="97"/>
      <c r="G1612" s="43"/>
      <c r="J1612" s="98"/>
      <c r="K1612" s="97"/>
      <c r="N1612" s="3"/>
      <c r="W1612" s="98"/>
      <c r="Z1612" s="143"/>
      <c r="AA1612" s="137"/>
      <c r="AB1612" s="137"/>
      <c r="AC1612" s="137"/>
      <c r="AD1612" s="137"/>
      <c r="AE1612" s="137"/>
      <c r="AF1612" s="137"/>
      <c r="AG1612" s="137"/>
      <c r="AH1612" s="137"/>
      <c r="AI1612" s="137"/>
      <c r="AJ1612" s="137"/>
      <c r="AK1612" s="206"/>
      <c r="AL1612" s="206"/>
      <c r="AM1612" s="143"/>
      <c r="AN1612" s="137"/>
      <c r="AO1612" s="137"/>
      <c r="AP1612" s="137"/>
      <c r="AQ1612" s="137"/>
      <c r="AR1612" s="137"/>
      <c r="AS1612" s="137"/>
      <c r="AT1612" s="137"/>
      <c r="AU1612" s="137"/>
      <c r="AV1612" s="137"/>
      <c r="AW1612" s="144"/>
    </row>
    <row r="1613" spans="2:49" x14ac:dyDescent="0.2">
      <c r="B1613" s="97"/>
      <c r="G1613" s="43"/>
      <c r="J1613" s="98"/>
      <c r="K1613" s="97"/>
      <c r="N1613" s="3"/>
      <c r="W1613" s="98"/>
      <c r="Z1613" s="143"/>
      <c r="AA1613" s="137"/>
      <c r="AB1613" s="137"/>
      <c r="AC1613" s="137"/>
      <c r="AD1613" s="137"/>
      <c r="AE1613" s="137"/>
      <c r="AF1613" s="137"/>
      <c r="AG1613" s="137"/>
      <c r="AH1613" s="137"/>
      <c r="AI1613" s="137"/>
      <c r="AJ1613" s="137"/>
      <c r="AK1613" s="206"/>
      <c r="AL1613" s="206"/>
      <c r="AM1613" s="143"/>
      <c r="AN1613" s="137"/>
      <c r="AO1613" s="137"/>
      <c r="AP1613" s="137"/>
      <c r="AQ1613" s="137"/>
      <c r="AR1613" s="137"/>
      <c r="AS1613" s="137"/>
      <c r="AT1613" s="137"/>
      <c r="AU1613" s="137"/>
      <c r="AV1613" s="137"/>
      <c r="AW1613" s="144"/>
    </row>
    <row r="1614" spans="2:49" x14ac:dyDescent="0.2">
      <c r="B1614" s="97"/>
      <c r="G1614" s="43"/>
      <c r="J1614" s="98"/>
      <c r="K1614" s="97"/>
      <c r="N1614" s="3"/>
      <c r="W1614" s="98"/>
      <c r="Z1614" s="143"/>
      <c r="AA1614" s="137"/>
      <c r="AB1614" s="137"/>
      <c r="AC1614" s="137"/>
      <c r="AD1614" s="137"/>
      <c r="AE1614" s="137"/>
      <c r="AF1614" s="137"/>
      <c r="AG1614" s="137"/>
      <c r="AH1614" s="137"/>
      <c r="AI1614" s="137"/>
      <c r="AJ1614" s="137"/>
      <c r="AK1614" s="206"/>
      <c r="AL1614" s="206"/>
      <c r="AM1614" s="143"/>
      <c r="AN1614" s="137"/>
      <c r="AO1614" s="137"/>
      <c r="AP1614" s="137"/>
      <c r="AQ1614" s="137"/>
      <c r="AR1614" s="137"/>
      <c r="AS1614" s="137"/>
      <c r="AT1614" s="137"/>
      <c r="AU1614" s="137"/>
      <c r="AV1614" s="137"/>
      <c r="AW1614" s="144"/>
    </row>
    <row r="1615" spans="2:49" x14ac:dyDescent="0.2">
      <c r="B1615" s="97"/>
      <c r="G1615" s="43"/>
      <c r="J1615" s="98"/>
      <c r="K1615" s="97"/>
      <c r="N1615" s="3"/>
      <c r="W1615" s="98"/>
      <c r="Z1615" s="143"/>
      <c r="AA1615" s="137"/>
      <c r="AB1615" s="137"/>
      <c r="AC1615" s="137"/>
      <c r="AD1615" s="137"/>
      <c r="AE1615" s="137"/>
      <c r="AF1615" s="137"/>
      <c r="AG1615" s="137"/>
      <c r="AH1615" s="137"/>
      <c r="AI1615" s="137"/>
      <c r="AJ1615" s="137"/>
      <c r="AK1615" s="206"/>
      <c r="AL1615" s="206"/>
      <c r="AM1615" s="143"/>
      <c r="AN1615" s="137"/>
      <c r="AO1615" s="137"/>
      <c r="AP1615" s="137"/>
      <c r="AQ1615" s="137"/>
      <c r="AR1615" s="137"/>
      <c r="AS1615" s="137"/>
      <c r="AT1615" s="137"/>
      <c r="AU1615" s="137"/>
      <c r="AV1615" s="137"/>
      <c r="AW1615" s="144"/>
    </row>
    <row r="1616" spans="2:49" x14ac:dyDescent="0.2">
      <c r="B1616" s="97"/>
      <c r="G1616" s="43"/>
      <c r="J1616" s="98"/>
      <c r="K1616" s="97"/>
      <c r="N1616" s="3"/>
      <c r="W1616" s="98"/>
      <c r="Z1616" s="143"/>
      <c r="AA1616" s="137"/>
      <c r="AB1616" s="137"/>
      <c r="AC1616" s="137"/>
      <c r="AD1616" s="137"/>
      <c r="AE1616" s="137"/>
      <c r="AF1616" s="137"/>
      <c r="AG1616" s="137"/>
      <c r="AH1616" s="137"/>
      <c r="AI1616" s="137"/>
      <c r="AJ1616" s="137"/>
      <c r="AK1616" s="206"/>
      <c r="AL1616" s="206"/>
      <c r="AM1616" s="143"/>
      <c r="AN1616" s="137"/>
      <c r="AO1616" s="137"/>
      <c r="AP1616" s="137"/>
      <c r="AQ1616" s="137"/>
      <c r="AR1616" s="137"/>
      <c r="AS1616" s="137"/>
      <c r="AT1616" s="137"/>
      <c r="AU1616" s="137"/>
      <c r="AV1616" s="137"/>
      <c r="AW1616" s="144"/>
    </row>
    <row r="1617" spans="2:49" x14ac:dyDescent="0.2">
      <c r="B1617" s="97"/>
      <c r="G1617" s="43"/>
      <c r="J1617" s="98"/>
      <c r="K1617" s="97"/>
      <c r="N1617" s="3"/>
      <c r="W1617" s="98"/>
      <c r="Z1617" s="143"/>
      <c r="AA1617" s="137"/>
      <c r="AB1617" s="137"/>
      <c r="AC1617" s="137"/>
      <c r="AD1617" s="137"/>
      <c r="AE1617" s="137"/>
      <c r="AF1617" s="137"/>
      <c r="AG1617" s="137"/>
      <c r="AH1617" s="137"/>
      <c r="AI1617" s="137"/>
      <c r="AJ1617" s="137"/>
      <c r="AK1617" s="206"/>
      <c r="AL1617" s="206"/>
      <c r="AM1617" s="143"/>
      <c r="AN1617" s="137"/>
      <c r="AO1617" s="137"/>
      <c r="AP1617" s="137"/>
      <c r="AQ1617" s="137"/>
      <c r="AR1617" s="137"/>
      <c r="AS1617" s="137"/>
      <c r="AT1617" s="137"/>
      <c r="AU1617" s="137"/>
      <c r="AV1617" s="137"/>
      <c r="AW1617" s="144"/>
    </row>
    <row r="1618" spans="2:49" x14ac:dyDescent="0.2">
      <c r="B1618" s="97"/>
      <c r="G1618" s="43"/>
      <c r="J1618" s="98"/>
      <c r="K1618" s="97"/>
      <c r="N1618" s="3"/>
      <c r="W1618" s="98"/>
      <c r="Z1618" s="143"/>
      <c r="AA1618" s="137"/>
      <c r="AB1618" s="137"/>
      <c r="AC1618" s="137"/>
      <c r="AD1618" s="137"/>
      <c r="AE1618" s="137"/>
      <c r="AF1618" s="137"/>
      <c r="AG1618" s="137"/>
      <c r="AH1618" s="137"/>
      <c r="AI1618" s="137"/>
      <c r="AJ1618" s="137"/>
      <c r="AK1618" s="206"/>
      <c r="AL1618" s="206"/>
      <c r="AM1618" s="143"/>
      <c r="AN1618" s="137"/>
      <c r="AO1618" s="137"/>
      <c r="AP1618" s="137"/>
      <c r="AQ1618" s="137"/>
      <c r="AR1618" s="137"/>
      <c r="AS1618" s="137"/>
      <c r="AT1618" s="137"/>
      <c r="AU1618" s="137"/>
      <c r="AV1618" s="137"/>
      <c r="AW1618" s="144"/>
    </row>
    <row r="1619" spans="2:49" x14ac:dyDescent="0.2">
      <c r="B1619" s="97"/>
      <c r="G1619" s="43"/>
      <c r="J1619" s="98"/>
      <c r="K1619" s="97"/>
      <c r="N1619" s="3"/>
      <c r="W1619" s="98"/>
      <c r="Z1619" s="143"/>
      <c r="AA1619" s="137"/>
      <c r="AB1619" s="137"/>
      <c r="AC1619" s="137"/>
      <c r="AD1619" s="137"/>
      <c r="AE1619" s="137"/>
      <c r="AF1619" s="137"/>
      <c r="AG1619" s="137"/>
      <c r="AH1619" s="137"/>
      <c r="AI1619" s="137"/>
      <c r="AJ1619" s="137"/>
      <c r="AK1619" s="206"/>
      <c r="AL1619" s="206"/>
      <c r="AM1619" s="143"/>
      <c r="AN1619" s="137"/>
      <c r="AO1619" s="137"/>
      <c r="AP1619" s="137"/>
      <c r="AQ1619" s="137"/>
      <c r="AR1619" s="137"/>
      <c r="AS1619" s="137"/>
      <c r="AT1619" s="137"/>
      <c r="AU1619" s="137"/>
      <c r="AV1619" s="137"/>
      <c r="AW1619" s="144"/>
    </row>
    <row r="1620" spans="2:49" x14ac:dyDescent="0.2">
      <c r="B1620" s="97"/>
      <c r="G1620" s="43"/>
      <c r="J1620" s="98"/>
      <c r="K1620" s="97"/>
      <c r="N1620" s="3"/>
      <c r="W1620" s="98"/>
      <c r="Z1620" s="143"/>
      <c r="AA1620" s="137"/>
      <c r="AB1620" s="137"/>
      <c r="AC1620" s="137"/>
      <c r="AD1620" s="137"/>
      <c r="AE1620" s="137"/>
      <c r="AF1620" s="137"/>
      <c r="AG1620" s="137"/>
      <c r="AH1620" s="137"/>
      <c r="AI1620" s="137"/>
      <c r="AJ1620" s="137"/>
      <c r="AK1620" s="206"/>
      <c r="AL1620" s="206"/>
      <c r="AM1620" s="143"/>
      <c r="AN1620" s="137"/>
      <c r="AO1620" s="137"/>
      <c r="AP1620" s="137"/>
      <c r="AQ1620" s="137"/>
      <c r="AR1620" s="137"/>
      <c r="AS1620" s="137"/>
      <c r="AT1620" s="137"/>
      <c r="AU1620" s="137"/>
      <c r="AV1620" s="137"/>
      <c r="AW1620" s="144"/>
    </row>
    <row r="1621" spans="2:49" x14ac:dyDescent="0.2">
      <c r="B1621" s="97"/>
      <c r="G1621" s="43"/>
      <c r="J1621" s="98"/>
      <c r="K1621" s="97"/>
      <c r="N1621" s="3"/>
      <c r="W1621" s="98"/>
      <c r="Z1621" s="143"/>
      <c r="AA1621" s="137"/>
      <c r="AB1621" s="137"/>
      <c r="AC1621" s="137"/>
      <c r="AD1621" s="137"/>
      <c r="AE1621" s="137"/>
      <c r="AF1621" s="137"/>
      <c r="AG1621" s="137"/>
      <c r="AH1621" s="137"/>
      <c r="AI1621" s="137"/>
      <c r="AJ1621" s="137"/>
      <c r="AK1621" s="206"/>
      <c r="AL1621" s="206"/>
      <c r="AM1621" s="143"/>
      <c r="AN1621" s="137"/>
      <c r="AO1621" s="137"/>
      <c r="AP1621" s="137"/>
      <c r="AQ1621" s="137"/>
      <c r="AR1621" s="137"/>
      <c r="AS1621" s="137"/>
      <c r="AT1621" s="137"/>
      <c r="AU1621" s="137"/>
      <c r="AV1621" s="137"/>
      <c r="AW1621" s="144"/>
    </row>
    <row r="1622" spans="2:49" x14ac:dyDescent="0.2">
      <c r="B1622" s="97"/>
      <c r="G1622" s="43"/>
      <c r="J1622" s="98"/>
      <c r="K1622" s="97"/>
      <c r="N1622" s="3"/>
      <c r="W1622" s="98"/>
      <c r="Z1622" s="143"/>
      <c r="AA1622" s="137"/>
      <c r="AB1622" s="137"/>
      <c r="AC1622" s="137"/>
      <c r="AD1622" s="137"/>
      <c r="AE1622" s="137"/>
      <c r="AF1622" s="137"/>
      <c r="AG1622" s="137"/>
      <c r="AH1622" s="137"/>
      <c r="AI1622" s="137"/>
      <c r="AJ1622" s="137"/>
      <c r="AK1622" s="206"/>
      <c r="AL1622" s="206"/>
      <c r="AM1622" s="143"/>
      <c r="AN1622" s="137"/>
      <c r="AO1622" s="137"/>
      <c r="AP1622" s="137"/>
      <c r="AQ1622" s="137"/>
      <c r="AR1622" s="137"/>
      <c r="AS1622" s="137"/>
      <c r="AT1622" s="137"/>
      <c r="AU1622" s="137"/>
      <c r="AV1622" s="137"/>
      <c r="AW1622" s="144"/>
    </row>
    <row r="1623" spans="2:49" x14ac:dyDescent="0.2">
      <c r="B1623" s="97"/>
      <c r="G1623" s="43"/>
      <c r="J1623" s="98"/>
      <c r="K1623" s="97"/>
      <c r="N1623" s="3"/>
      <c r="W1623" s="98"/>
      <c r="Z1623" s="143"/>
      <c r="AA1623" s="137"/>
      <c r="AB1623" s="137"/>
      <c r="AC1623" s="137"/>
      <c r="AD1623" s="137"/>
      <c r="AE1623" s="137"/>
      <c r="AF1623" s="137"/>
      <c r="AG1623" s="137"/>
      <c r="AH1623" s="137"/>
      <c r="AI1623" s="137"/>
      <c r="AJ1623" s="137"/>
      <c r="AK1623" s="206"/>
      <c r="AL1623" s="206"/>
      <c r="AM1623" s="143"/>
      <c r="AN1623" s="137"/>
      <c r="AO1623" s="137"/>
      <c r="AP1623" s="137"/>
      <c r="AQ1623" s="137"/>
      <c r="AR1623" s="137"/>
      <c r="AS1623" s="137"/>
      <c r="AT1623" s="137"/>
      <c r="AU1623" s="137"/>
      <c r="AV1623" s="137"/>
      <c r="AW1623" s="144"/>
    </row>
    <row r="1624" spans="2:49" x14ac:dyDescent="0.2">
      <c r="B1624" s="97"/>
      <c r="G1624" s="43"/>
      <c r="J1624" s="98"/>
      <c r="K1624" s="97"/>
      <c r="N1624" s="3"/>
      <c r="W1624" s="98"/>
      <c r="Z1624" s="143"/>
      <c r="AA1624" s="137"/>
      <c r="AB1624" s="137"/>
      <c r="AC1624" s="137"/>
      <c r="AD1624" s="137"/>
      <c r="AE1624" s="137"/>
      <c r="AF1624" s="137"/>
      <c r="AG1624" s="137"/>
      <c r="AH1624" s="137"/>
      <c r="AI1624" s="137"/>
      <c r="AJ1624" s="137"/>
      <c r="AK1624" s="206"/>
      <c r="AL1624" s="206"/>
      <c r="AM1624" s="143"/>
      <c r="AN1624" s="137"/>
      <c r="AO1624" s="137"/>
      <c r="AP1624" s="137"/>
      <c r="AQ1624" s="137"/>
      <c r="AR1624" s="137"/>
      <c r="AS1624" s="137"/>
      <c r="AT1624" s="137"/>
      <c r="AU1624" s="137"/>
      <c r="AV1624" s="137"/>
      <c r="AW1624" s="144"/>
    </row>
    <row r="1625" spans="2:49" x14ac:dyDescent="0.2">
      <c r="B1625" s="97"/>
      <c r="G1625" s="43"/>
      <c r="J1625" s="98"/>
      <c r="K1625" s="97"/>
      <c r="N1625" s="3"/>
      <c r="W1625" s="98"/>
      <c r="Z1625" s="143"/>
      <c r="AA1625" s="137"/>
      <c r="AB1625" s="137"/>
      <c r="AC1625" s="137"/>
      <c r="AD1625" s="137"/>
      <c r="AE1625" s="137"/>
      <c r="AF1625" s="137"/>
      <c r="AG1625" s="137"/>
      <c r="AH1625" s="137"/>
      <c r="AI1625" s="137"/>
      <c r="AJ1625" s="137"/>
      <c r="AK1625" s="206"/>
      <c r="AL1625" s="206"/>
      <c r="AM1625" s="143"/>
      <c r="AN1625" s="137"/>
      <c r="AO1625" s="137"/>
      <c r="AP1625" s="137"/>
      <c r="AQ1625" s="137"/>
      <c r="AR1625" s="137"/>
      <c r="AS1625" s="137"/>
      <c r="AT1625" s="137"/>
      <c r="AU1625" s="137"/>
      <c r="AV1625" s="137"/>
      <c r="AW1625" s="144"/>
    </row>
    <row r="1626" spans="2:49" x14ac:dyDescent="0.2">
      <c r="B1626" s="97"/>
      <c r="G1626" s="43"/>
      <c r="J1626" s="98"/>
      <c r="K1626" s="97"/>
      <c r="N1626" s="3"/>
      <c r="W1626" s="98"/>
      <c r="Z1626" s="143"/>
      <c r="AA1626" s="137"/>
      <c r="AB1626" s="137"/>
      <c r="AC1626" s="137"/>
      <c r="AD1626" s="137"/>
      <c r="AE1626" s="137"/>
      <c r="AF1626" s="137"/>
      <c r="AG1626" s="137"/>
      <c r="AH1626" s="137"/>
      <c r="AI1626" s="137"/>
      <c r="AJ1626" s="137"/>
      <c r="AK1626" s="206"/>
      <c r="AL1626" s="206"/>
      <c r="AM1626" s="143"/>
      <c r="AN1626" s="137"/>
      <c r="AO1626" s="137"/>
      <c r="AP1626" s="137"/>
      <c r="AQ1626" s="137"/>
      <c r="AR1626" s="137"/>
      <c r="AS1626" s="137"/>
      <c r="AT1626" s="137"/>
      <c r="AU1626" s="137"/>
      <c r="AV1626" s="137"/>
      <c r="AW1626" s="144"/>
    </row>
    <row r="1627" spans="2:49" x14ac:dyDescent="0.2">
      <c r="B1627" s="97"/>
      <c r="G1627" s="43"/>
      <c r="J1627" s="98"/>
      <c r="K1627" s="97"/>
      <c r="N1627" s="3"/>
      <c r="W1627" s="98"/>
      <c r="Z1627" s="143"/>
      <c r="AA1627" s="137"/>
      <c r="AB1627" s="137"/>
      <c r="AC1627" s="137"/>
      <c r="AD1627" s="137"/>
      <c r="AE1627" s="137"/>
      <c r="AF1627" s="137"/>
      <c r="AG1627" s="137"/>
      <c r="AH1627" s="137"/>
      <c r="AI1627" s="137"/>
      <c r="AJ1627" s="137"/>
      <c r="AK1627" s="206"/>
      <c r="AL1627" s="206"/>
      <c r="AM1627" s="143"/>
      <c r="AN1627" s="137"/>
      <c r="AO1627" s="137"/>
      <c r="AP1627" s="137"/>
      <c r="AQ1627" s="137"/>
      <c r="AR1627" s="137"/>
      <c r="AS1627" s="137"/>
      <c r="AT1627" s="137"/>
      <c r="AU1627" s="137"/>
      <c r="AV1627" s="137"/>
      <c r="AW1627" s="144"/>
    </row>
    <row r="1628" spans="2:49" x14ac:dyDescent="0.2">
      <c r="B1628" s="97"/>
      <c r="G1628" s="43"/>
      <c r="J1628" s="98"/>
      <c r="K1628" s="97"/>
      <c r="N1628" s="3"/>
      <c r="W1628" s="98"/>
      <c r="Z1628" s="143"/>
      <c r="AA1628" s="137"/>
      <c r="AB1628" s="137"/>
      <c r="AC1628" s="137"/>
      <c r="AD1628" s="137"/>
      <c r="AE1628" s="137"/>
      <c r="AF1628" s="137"/>
      <c r="AG1628" s="137"/>
      <c r="AH1628" s="137"/>
      <c r="AI1628" s="137"/>
      <c r="AJ1628" s="137"/>
      <c r="AK1628" s="206"/>
      <c r="AL1628" s="206"/>
      <c r="AM1628" s="143"/>
      <c r="AN1628" s="137"/>
      <c r="AO1628" s="137"/>
      <c r="AP1628" s="137"/>
      <c r="AQ1628" s="137"/>
      <c r="AR1628" s="137"/>
      <c r="AS1628" s="137"/>
      <c r="AT1628" s="137"/>
      <c r="AU1628" s="137"/>
      <c r="AV1628" s="137"/>
      <c r="AW1628" s="144"/>
    </row>
    <row r="1629" spans="2:49" x14ac:dyDescent="0.2">
      <c r="B1629" s="97"/>
      <c r="G1629" s="43"/>
      <c r="J1629" s="98"/>
      <c r="K1629" s="97"/>
      <c r="N1629" s="3"/>
      <c r="W1629" s="98"/>
      <c r="Z1629" s="143"/>
      <c r="AA1629" s="137"/>
      <c r="AB1629" s="137"/>
      <c r="AC1629" s="137"/>
      <c r="AD1629" s="137"/>
      <c r="AE1629" s="137"/>
      <c r="AF1629" s="137"/>
      <c r="AG1629" s="137"/>
      <c r="AH1629" s="137"/>
      <c r="AI1629" s="137"/>
      <c r="AJ1629" s="137"/>
      <c r="AK1629" s="206"/>
      <c r="AL1629" s="206"/>
      <c r="AM1629" s="143"/>
      <c r="AN1629" s="137"/>
      <c r="AO1629" s="137"/>
      <c r="AP1629" s="137"/>
      <c r="AQ1629" s="137"/>
      <c r="AR1629" s="137"/>
      <c r="AS1629" s="137"/>
      <c r="AT1629" s="137"/>
      <c r="AU1629" s="137"/>
      <c r="AV1629" s="137"/>
      <c r="AW1629" s="144"/>
    </row>
    <row r="1630" spans="2:49" x14ac:dyDescent="0.2">
      <c r="B1630" s="97"/>
      <c r="G1630" s="43"/>
      <c r="J1630" s="98"/>
      <c r="K1630" s="97"/>
      <c r="N1630" s="3"/>
      <c r="W1630" s="98"/>
      <c r="Z1630" s="143"/>
      <c r="AA1630" s="137"/>
      <c r="AB1630" s="137"/>
      <c r="AC1630" s="137"/>
      <c r="AD1630" s="137"/>
      <c r="AE1630" s="137"/>
      <c r="AF1630" s="137"/>
      <c r="AG1630" s="137"/>
      <c r="AH1630" s="137"/>
      <c r="AI1630" s="137"/>
      <c r="AJ1630" s="137"/>
      <c r="AK1630" s="206"/>
      <c r="AL1630" s="206"/>
      <c r="AM1630" s="143"/>
      <c r="AN1630" s="137"/>
      <c r="AO1630" s="137"/>
      <c r="AP1630" s="137"/>
      <c r="AQ1630" s="137"/>
      <c r="AR1630" s="137"/>
      <c r="AS1630" s="137"/>
      <c r="AT1630" s="137"/>
      <c r="AU1630" s="137"/>
      <c r="AV1630" s="137"/>
      <c r="AW1630" s="144"/>
    </row>
    <row r="1631" spans="2:49" x14ac:dyDescent="0.2">
      <c r="B1631" s="97"/>
      <c r="G1631" s="43"/>
      <c r="J1631" s="98"/>
      <c r="K1631" s="97"/>
      <c r="N1631" s="3"/>
      <c r="W1631" s="98"/>
      <c r="Z1631" s="143"/>
      <c r="AA1631" s="137"/>
      <c r="AB1631" s="137"/>
      <c r="AC1631" s="137"/>
      <c r="AD1631" s="137"/>
      <c r="AE1631" s="137"/>
      <c r="AF1631" s="137"/>
      <c r="AG1631" s="137"/>
      <c r="AH1631" s="137"/>
      <c r="AI1631" s="137"/>
      <c r="AJ1631" s="137"/>
      <c r="AK1631" s="206"/>
      <c r="AL1631" s="206"/>
      <c r="AM1631" s="143"/>
      <c r="AN1631" s="137"/>
      <c r="AO1631" s="137"/>
      <c r="AP1631" s="137"/>
      <c r="AQ1631" s="137"/>
      <c r="AR1631" s="137"/>
      <c r="AS1631" s="137"/>
      <c r="AT1631" s="137"/>
      <c r="AU1631" s="137"/>
      <c r="AV1631" s="137"/>
      <c r="AW1631" s="144"/>
    </row>
    <row r="1632" spans="2:49" x14ac:dyDescent="0.2">
      <c r="B1632" s="97"/>
      <c r="G1632" s="43"/>
      <c r="J1632" s="98"/>
      <c r="K1632" s="97"/>
      <c r="N1632" s="3"/>
      <c r="W1632" s="98"/>
      <c r="Z1632" s="143"/>
      <c r="AA1632" s="137"/>
      <c r="AB1632" s="137"/>
      <c r="AC1632" s="137"/>
      <c r="AD1632" s="137"/>
      <c r="AE1632" s="137"/>
      <c r="AF1632" s="137"/>
      <c r="AG1632" s="137"/>
      <c r="AH1632" s="137"/>
      <c r="AI1632" s="137"/>
      <c r="AJ1632" s="137"/>
      <c r="AK1632" s="206"/>
      <c r="AL1632" s="206"/>
      <c r="AM1632" s="143"/>
      <c r="AN1632" s="137"/>
      <c r="AO1632" s="137"/>
      <c r="AP1632" s="137"/>
      <c r="AQ1632" s="137"/>
      <c r="AR1632" s="137"/>
      <c r="AS1632" s="137"/>
      <c r="AT1632" s="137"/>
      <c r="AU1632" s="137"/>
      <c r="AV1632" s="137"/>
      <c r="AW1632" s="144"/>
    </row>
    <row r="1633" spans="2:49" x14ac:dyDescent="0.2">
      <c r="B1633" s="97"/>
      <c r="G1633" s="43"/>
      <c r="J1633" s="98"/>
      <c r="K1633" s="97"/>
      <c r="N1633" s="3"/>
      <c r="W1633" s="98"/>
      <c r="Z1633" s="143"/>
      <c r="AA1633" s="137"/>
      <c r="AB1633" s="137"/>
      <c r="AC1633" s="137"/>
      <c r="AD1633" s="137"/>
      <c r="AE1633" s="137"/>
      <c r="AF1633" s="137"/>
      <c r="AG1633" s="137"/>
      <c r="AH1633" s="137"/>
      <c r="AI1633" s="137"/>
      <c r="AJ1633" s="137"/>
      <c r="AK1633" s="206"/>
      <c r="AL1633" s="206"/>
      <c r="AM1633" s="143"/>
      <c r="AN1633" s="137"/>
      <c r="AO1633" s="137"/>
      <c r="AP1633" s="137"/>
      <c r="AQ1633" s="137"/>
      <c r="AR1633" s="137"/>
      <c r="AS1633" s="137"/>
      <c r="AT1633" s="137"/>
      <c r="AU1633" s="137"/>
      <c r="AV1633" s="137"/>
      <c r="AW1633" s="144"/>
    </row>
    <row r="1634" spans="2:49" x14ac:dyDescent="0.2">
      <c r="B1634" s="97"/>
      <c r="G1634" s="43"/>
      <c r="J1634" s="98"/>
      <c r="K1634" s="97"/>
      <c r="N1634" s="3"/>
      <c r="W1634" s="98"/>
      <c r="Z1634" s="143"/>
      <c r="AA1634" s="137"/>
      <c r="AB1634" s="137"/>
      <c r="AC1634" s="137"/>
      <c r="AD1634" s="137"/>
      <c r="AE1634" s="137"/>
      <c r="AF1634" s="137"/>
      <c r="AG1634" s="137"/>
      <c r="AH1634" s="137"/>
      <c r="AI1634" s="137"/>
      <c r="AJ1634" s="137"/>
      <c r="AK1634" s="206"/>
      <c r="AL1634" s="206"/>
      <c r="AM1634" s="143"/>
      <c r="AN1634" s="137"/>
      <c r="AO1634" s="137"/>
      <c r="AP1634" s="137"/>
      <c r="AQ1634" s="137"/>
      <c r="AR1634" s="137"/>
      <c r="AS1634" s="137"/>
      <c r="AT1634" s="137"/>
      <c r="AU1634" s="137"/>
      <c r="AV1634" s="137"/>
      <c r="AW1634" s="144"/>
    </row>
    <row r="1635" spans="2:49" x14ac:dyDescent="0.2">
      <c r="B1635" s="97"/>
      <c r="G1635" s="43"/>
      <c r="J1635" s="98"/>
      <c r="K1635" s="97"/>
      <c r="N1635" s="3"/>
      <c r="W1635" s="98"/>
      <c r="Z1635" s="143"/>
      <c r="AA1635" s="137"/>
      <c r="AB1635" s="137"/>
      <c r="AC1635" s="137"/>
      <c r="AD1635" s="137"/>
      <c r="AE1635" s="137"/>
      <c r="AF1635" s="137"/>
      <c r="AG1635" s="137"/>
      <c r="AH1635" s="137"/>
      <c r="AI1635" s="137"/>
      <c r="AJ1635" s="137"/>
      <c r="AK1635" s="206"/>
      <c r="AL1635" s="206"/>
      <c r="AM1635" s="143"/>
      <c r="AN1635" s="137"/>
      <c r="AO1635" s="137"/>
      <c r="AP1635" s="137"/>
      <c r="AQ1635" s="137"/>
      <c r="AR1635" s="137"/>
      <c r="AS1635" s="137"/>
      <c r="AT1635" s="137"/>
      <c r="AU1635" s="137"/>
      <c r="AV1635" s="137"/>
      <c r="AW1635" s="144"/>
    </row>
    <row r="1636" spans="2:49" x14ac:dyDescent="0.2">
      <c r="B1636" s="97"/>
      <c r="G1636" s="43"/>
      <c r="J1636" s="98"/>
      <c r="K1636" s="97"/>
      <c r="N1636" s="3"/>
      <c r="W1636" s="98"/>
      <c r="Z1636" s="143"/>
      <c r="AA1636" s="137"/>
      <c r="AB1636" s="137"/>
      <c r="AC1636" s="137"/>
      <c r="AD1636" s="137"/>
      <c r="AE1636" s="137"/>
      <c r="AF1636" s="137"/>
      <c r="AG1636" s="137"/>
      <c r="AH1636" s="137"/>
      <c r="AI1636" s="137"/>
      <c r="AJ1636" s="137"/>
      <c r="AK1636" s="206"/>
      <c r="AL1636" s="206"/>
      <c r="AM1636" s="143"/>
      <c r="AN1636" s="137"/>
      <c r="AO1636" s="137"/>
      <c r="AP1636" s="137"/>
      <c r="AQ1636" s="137"/>
      <c r="AR1636" s="137"/>
      <c r="AS1636" s="137"/>
      <c r="AT1636" s="137"/>
      <c r="AU1636" s="137"/>
      <c r="AV1636" s="137"/>
      <c r="AW1636" s="144"/>
    </row>
    <row r="1637" spans="2:49" x14ac:dyDescent="0.2">
      <c r="B1637" s="97"/>
      <c r="G1637" s="43"/>
      <c r="J1637" s="98"/>
      <c r="K1637" s="97"/>
      <c r="N1637" s="3"/>
      <c r="W1637" s="98"/>
      <c r="Z1637" s="143"/>
      <c r="AA1637" s="137"/>
      <c r="AB1637" s="137"/>
      <c r="AC1637" s="137"/>
      <c r="AD1637" s="137"/>
      <c r="AE1637" s="137"/>
      <c r="AF1637" s="137"/>
      <c r="AG1637" s="137"/>
      <c r="AH1637" s="137"/>
      <c r="AI1637" s="137"/>
      <c r="AJ1637" s="137"/>
      <c r="AK1637" s="206"/>
      <c r="AL1637" s="206"/>
      <c r="AM1637" s="143"/>
      <c r="AN1637" s="137"/>
      <c r="AO1637" s="137"/>
      <c r="AP1637" s="137"/>
      <c r="AQ1637" s="137"/>
      <c r="AR1637" s="137"/>
      <c r="AS1637" s="137"/>
      <c r="AT1637" s="137"/>
      <c r="AU1637" s="137"/>
      <c r="AV1637" s="137"/>
      <c r="AW1637" s="144"/>
    </row>
    <row r="1638" spans="2:49" x14ac:dyDescent="0.2">
      <c r="B1638" s="97"/>
      <c r="G1638" s="43"/>
      <c r="J1638" s="98"/>
      <c r="K1638" s="97"/>
      <c r="N1638" s="3"/>
      <c r="W1638" s="98"/>
      <c r="Z1638" s="143"/>
      <c r="AA1638" s="137"/>
      <c r="AB1638" s="137"/>
      <c r="AC1638" s="137"/>
      <c r="AD1638" s="137"/>
      <c r="AE1638" s="137"/>
      <c r="AF1638" s="137"/>
      <c r="AG1638" s="137"/>
      <c r="AH1638" s="137"/>
      <c r="AI1638" s="137"/>
      <c r="AJ1638" s="137"/>
      <c r="AK1638" s="206"/>
      <c r="AL1638" s="206"/>
      <c r="AM1638" s="143"/>
      <c r="AN1638" s="137"/>
      <c r="AO1638" s="137"/>
      <c r="AP1638" s="137"/>
      <c r="AQ1638" s="137"/>
      <c r="AR1638" s="137"/>
      <c r="AS1638" s="137"/>
      <c r="AT1638" s="137"/>
      <c r="AU1638" s="137"/>
      <c r="AV1638" s="137"/>
      <c r="AW1638" s="144"/>
    </row>
    <row r="1639" spans="2:49" x14ac:dyDescent="0.2">
      <c r="B1639" s="97"/>
      <c r="G1639" s="43"/>
      <c r="J1639" s="98"/>
      <c r="K1639" s="97"/>
      <c r="N1639" s="3"/>
      <c r="W1639" s="98"/>
      <c r="Z1639" s="143"/>
      <c r="AA1639" s="137"/>
      <c r="AB1639" s="137"/>
      <c r="AC1639" s="137"/>
      <c r="AD1639" s="137"/>
      <c r="AE1639" s="137"/>
      <c r="AF1639" s="137"/>
      <c r="AG1639" s="137"/>
      <c r="AH1639" s="137"/>
      <c r="AI1639" s="137"/>
      <c r="AJ1639" s="137"/>
      <c r="AK1639" s="206"/>
      <c r="AL1639" s="206"/>
      <c r="AM1639" s="143"/>
      <c r="AN1639" s="137"/>
      <c r="AO1639" s="137"/>
      <c r="AP1639" s="137"/>
      <c r="AQ1639" s="137"/>
      <c r="AR1639" s="137"/>
      <c r="AS1639" s="137"/>
      <c r="AT1639" s="137"/>
      <c r="AU1639" s="137"/>
      <c r="AV1639" s="137"/>
      <c r="AW1639" s="144"/>
    </row>
    <row r="1640" spans="2:49" x14ac:dyDescent="0.2">
      <c r="B1640" s="97"/>
      <c r="G1640" s="43"/>
      <c r="J1640" s="98"/>
      <c r="K1640" s="97"/>
      <c r="N1640" s="3"/>
      <c r="W1640" s="98"/>
      <c r="Z1640" s="143"/>
      <c r="AA1640" s="137"/>
      <c r="AB1640" s="137"/>
      <c r="AC1640" s="137"/>
      <c r="AD1640" s="137"/>
      <c r="AE1640" s="137"/>
      <c r="AF1640" s="137"/>
      <c r="AG1640" s="137"/>
      <c r="AH1640" s="137"/>
      <c r="AI1640" s="137"/>
      <c r="AJ1640" s="137"/>
      <c r="AK1640" s="206"/>
      <c r="AL1640" s="206"/>
      <c r="AM1640" s="143"/>
      <c r="AN1640" s="137"/>
      <c r="AO1640" s="137"/>
      <c r="AP1640" s="137"/>
      <c r="AQ1640" s="137"/>
      <c r="AR1640" s="137"/>
      <c r="AS1640" s="137"/>
      <c r="AT1640" s="137"/>
      <c r="AU1640" s="137"/>
      <c r="AV1640" s="137"/>
      <c r="AW1640" s="144"/>
    </row>
    <row r="1641" spans="2:49" x14ac:dyDescent="0.2">
      <c r="B1641" s="97"/>
      <c r="G1641" s="43"/>
      <c r="J1641" s="98"/>
      <c r="K1641" s="97"/>
      <c r="N1641" s="3"/>
      <c r="W1641" s="98"/>
      <c r="Z1641" s="143"/>
      <c r="AA1641" s="137"/>
      <c r="AB1641" s="137"/>
      <c r="AC1641" s="137"/>
      <c r="AD1641" s="137"/>
      <c r="AE1641" s="137"/>
      <c r="AF1641" s="137"/>
      <c r="AG1641" s="137"/>
      <c r="AH1641" s="137"/>
      <c r="AI1641" s="137"/>
      <c r="AJ1641" s="137"/>
      <c r="AK1641" s="206"/>
      <c r="AL1641" s="206"/>
      <c r="AM1641" s="143"/>
      <c r="AN1641" s="137"/>
      <c r="AO1641" s="137"/>
      <c r="AP1641" s="137"/>
      <c r="AQ1641" s="137"/>
      <c r="AR1641" s="137"/>
      <c r="AS1641" s="137"/>
      <c r="AT1641" s="137"/>
      <c r="AU1641" s="137"/>
      <c r="AV1641" s="137"/>
      <c r="AW1641" s="144"/>
    </row>
    <row r="1642" spans="2:49" x14ac:dyDescent="0.2">
      <c r="B1642" s="97"/>
      <c r="G1642" s="43"/>
      <c r="J1642" s="98"/>
      <c r="K1642" s="97"/>
      <c r="N1642" s="3"/>
      <c r="W1642" s="98"/>
      <c r="Z1642" s="143"/>
      <c r="AA1642" s="137"/>
      <c r="AB1642" s="137"/>
      <c r="AC1642" s="137"/>
      <c r="AD1642" s="137"/>
      <c r="AE1642" s="137"/>
      <c r="AF1642" s="137"/>
      <c r="AG1642" s="137"/>
      <c r="AH1642" s="137"/>
      <c r="AI1642" s="137"/>
      <c r="AJ1642" s="137"/>
      <c r="AK1642" s="206"/>
      <c r="AL1642" s="206"/>
      <c r="AM1642" s="143"/>
      <c r="AN1642" s="137"/>
      <c r="AO1642" s="137"/>
      <c r="AP1642" s="137"/>
      <c r="AQ1642" s="137"/>
      <c r="AR1642" s="137"/>
      <c r="AS1642" s="137"/>
      <c r="AT1642" s="137"/>
      <c r="AU1642" s="137"/>
      <c r="AV1642" s="137"/>
      <c r="AW1642" s="144"/>
    </row>
    <row r="1643" spans="2:49" x14ac:dyDescent="0.2">
      <c r="B1643" s="97"/>
      <c r="G1643" s="43"/>
      <c r="J1643" s="98"/>
      <c r="K1643" s="97"/>
      <c r="N1643" s="3"/>
      <c r="W1643" s="98"/>
      <c r="Z1643" s="143"/>
      <c r="AA1643" s="137"/>
      <c r="AB1643" s="137"/>
      <c r="AC1643" s="137"/>
      <c r="AD1643" s="137"/>
      <c r="AE1643" s="137"/>
      <c r="AF1643" s="137"/>
      <c r="AG1643" s="137"/>
      <c r="AH1643" s="137"/>
      <c r="AI1643" s="137"/>
      <c r="AJ1643" s="137"/>
      <c r="AK1643" s="206"/>
      <c r="AL1643" s="206"/>
      <c r="AM1643" s="143"/>
      <c r="AN1643" s="137"/>
      <c r="AO1643" s="137"/>
      <c r="AP1643" s="137"/>
      <c r="AQ1643" s="137"/>
      <c r="AR1643" s="137"/>
      <c r="AS1643" s="137"/>
      <c r="AT1643" s="137"/>
      <c r="AU1643" s="137"/>
      <c r="AV1643" s="137"/>
      <c r="AW1643" s="144"/>
    </row>
    <row r="1644" spans="2:49" x14ac:dyDescent="0.2">
      <c r="B1644" s="97"/>
      <c r="G1644" s="43"/>
      <c r="J1644" s="98"/>
      <c r="K1644" s="97"/>
      <c r="N1644" s="3"/>
      <c r="W1644" s="98"/>
      <c r="Z1644" s="143"/>
      <c r="AA1644" s="137"/>
      <c r="AB1644" s="137"/>
      <c r="AC1644" s="137"/>
      <c r="AD1644" s="137"/>
      <c r="AE1644" s="137"/>
      <c r="AF1644" s="137"/>
      <c r="AG1644" s="137"/>
      <c r="AH1644" s="137"/>
      <c r="AI1644" s="137"/>
      <c r="AJ1644" s="137"/>
      <c r="AK1644" s="206"/>
      <c r="AL1644" s="206"/>
      <c r="AM1644" s="143"/>
      <c r="AN1644" s="137"/>
      <c r="AO1644" s="137"/>
      <c r="AP1644" s="137"/>
      <c r="AQ1644" s="137"/>
      <c r="AR1644" s="137"/>
      <c r="AS1644" s="137"/>
      <c r="AT1644" s="137"/>
      <c r="AU1644" s="137"/>
      <c r="AV1644" s="137"/>
      <c r="AW1644" s="144"/>
    </row>
    <row r="1645" spans="2:49" x14ac:dyDescent="0.2">
      <c r="B1645" s="97"/>
      <c r="G1645" s="43"/>
      <c r="J1645" s="98"/>
      <c r="K1645" s="97"/>
      <c r="N1645" s="3"/>
      <c r="W1645" s="98"/>
      <c r="Z1645" s="143"/>
      <c r="AA1645" s="137"/>
      <c r="AB1645" s="137"/>
      <c r="AC1645" s="137"/>
      <c r="AD1645" s="137"/>
      <c r="AE1645" s="137"/>
      <c r="AF1645" s="137"/>
      <c r="AG1645" s="137"/>
      <c r="AH1645" s="137"/>
      <c r="AI1645" s="137"/>
      <c r="AJ1645" s="137"/>
      <c r="AK1645" s="206"/>
      <c r="AL1645" s="206"/>
      <c r="AM1645" s="143"/>
      <c r="AN1645" s="137"/>
      <c r="AO1645" s="137"/>
      <c r="AP1645" s="137"/>
      <c r="AQ1645" s="137"/>
      <c r="AR1645" s="137"/>
      <c r="AS1645" s="137"/>
      <c r="AT1645" s="137"/>
      <c r="AU1645" s="137"/>
      <c r="AV1645" s="137"/>
      <c r="AW1645" s="144"/>
    </row>
    <row r="1646" spans="2:49" x14ac:dyDescent="0.2">
      <c r="B1646" s="97"/>
      <c r="G1646" s="43"/>
      <c r="J1646" s="98"/>
      <c r="K1646" s="97"/>
      <c r="N1646" s="3"/>
      <c r="W1646" s="98"/>
      <c r="Z1646" s="143"/>
      <c r="AA1646" s="137"/>
      <c r="AB1646" s="137"/>
      <c r="AC1646" s="137"/>
      <c r="AD1646" s="137"/>
      <c r="AE1646" s="137"/>
      <c r="AF1646" s="137"/>
      <c r="AG1646" s="137"/>
      <c r="AH1646" s="137"/>
      <c r="AI1646" s="137"/>
      <c r="AJ1646" s="137"/>
      <c r="AK1646" s="206"/>
      <c r="AL1646" s="206"/>
      <c r="AM1646" s="143"/>
      <c r="AN1646" s="137"/>
      <c r="AO1646" s="137"/>
      <c r="AP1646" s="137"/>
      <c r="AQ1646" s="137"/>
      <c r="AR1646" s="137"/>
      <c r="AS1646" s="137"/>
      <c r="AT1646" s="137"/>
      <c r="AU1646" s="137"/>
      <c r="AV1646" s="137"/>
      <c r="AW1646" s="144"/>
    </row>
    <row r="1647" spans="2:49" x14ac:dyDescent="0.2">
      <c r="B1647" s="97"/>
      <c r="G1647" s="43"/>
      <c r="J1647" s="98"/>
      <c r="K1647" s="97"/>
      <c r="N1647" s="3"/>
      <c r="W1647" s="98"/>
      <c r="Z1647" s="143"/>
      <c r="AA1647" s="137"/>
      <c r="AB1647" s="137"/>
      <c r="AC1647" s="137"/>
      <c r="AD1647" s="137"/>
      <c r="AE1647" s="137"/>
      <c r="AF1647" s="137"/>
      <c r="AG1647" s="137"/>
      <c r="AH1647" s="137"/>
      <c r="AI1647" s="137"/>
      <c r="AJ1647" s="137"/>
      <c r="AK1647" s="206"/>
      <c r="AL1647" s="206"/>
      <c r="AM1647" s="143"/>
      <c r="AN1647" s="137"/>
      <c r="AO1647" s="137"/>
      <c r="AP1647" s="137"/>
      <c r="AQ1647" s="137"/>
      <c r="AR1647" s="137"/>
      <c r="AS1647" s="137"/>
      <c r="AT1647" s="137"/>
      <c r="AU1647" s="137"/>
      <c r="AV1647" s="137"/>
      <c r="AW1647" s="144"/>
    </row>
    <row r="1648" spans="2:49" x14ac:dyDescent="0.2">
      <c r="B1648" s="97"/>
      <c r="G1648" s="43"/>
      <c r="J1648" s="98"/>
      <c r="K1648" s="97"/>
      <c r="N1648" s="3"/>
      <c r="W1648" s="98"/>
      <c r="Z1648" s="143"/>
      <c r="AA1648" s="137"/>
      <c r="AB1648" s="137"/>
      <c r="AC1648" s="137"/>
      <c r="AD1648" s="137"/>
      <c r="AE1648" s="137"/>
      <c r="AF1648" s="137"/>
      <c r="AG1648" s="137"/>
      <c r="AH1648" s="137"/>
      <c r="AI1648" s="137"/>
      <c r="AJ1648" s="137"/>
      <c r="AK1648" s="206"/>
      <c r="AL1648" s="206"/>
      <c r="AM1648" s="143"/>
      <c r="AN1648" s="137"/>
      <c r="AO1648" s="137"/>
      <c r="AP1648" s="137"/>
      <c r="AQ1648" s="137"/>
      <c r="AR1648" s="137"/>
      <c r="AS1648" s="137"/>
      <c r="AT1648" s="137"/>
      <c r="AU1648" s="137"/>
      <c r="AV1648" s="137"/>
      <c r="AW1648" s="144"/>
    </row>
    <row r="1649" spans="2:49" x14ac:dyDescent="0.2">
      <c r="B1649" s="97"/>
      <c r="G1649" s="43"/>
      <c r="J1649" s="98"/>
      <c r="K1649" s="97"/>
      <c r="N1649" s="3"/>
      <c r="W1649" s="98"/>
      <c r="Z1649" s="143"/>
      <c r="AA1649" s="137"/>
      <c r="AB1649" s="137"/>
      <c r="AC1649" s="137"/>
      <c r="AD1649" s="137"/>
      <c r="AE1649" s="137"/>
      <c r="AF1649" s="137"/>
      <c r="AG1649" s="137"/>
      <c r="AH1649" s="137"/>
      <c r="AI1649" s="137"/>
      <c r="AJ1649" s="137"/>
      <c r="AK1649" s="206"/>
      <c r="AL1649" s="206"/>
      <c r="AM1649" s="143"/>
      <c r="AN1649" s="137"/>
      <c r="AO1649" s="137"/>
      <c r="AP1649" s="137"/>
      <c r="AQ1649" s="137"/>
      <c r="AR1649" s="137"/>
      <c r="AS1649" s="137"/>
      <c r="AT1649" s="137"/>
      <c r="AU1649" s="137"/>
      <c r="AV1649" s="137"/>
      <c r="AW1649" s="144"/>
    </row>
    <row r="1650" spans="2:49" x14ac:dyDescent="0.2">
      <c r="B1650" s="97"/>
      <c r="G1650" s="43"/>
      <c r="J1650" s="98"/>
      <c r="K1650" s="97"/>
      <c r="N1650" s="3"/>
      <c r="W1650" s="98"/>
      <c r="Z1650" s="143"/>
      <c r="AA1650" s="137"/>
      <c r="AB1650" s="137"/>
      <c r="AC1650" s="137"/>
      <c r="AD1650" s="137"/>
      <c r="AE1650" s="137"/>
      <c r="AF1650" s="137"/>
      <c r="AG1650" s="137"/>
      <c r="AH1650" s="137"/>
      <c r="AI1650" s="137"/>
      <c r="AJ1650" s="137"/>
      <c r="AK1650" s="206"/>
      <c r="AL1650" s="206"/>
      <c r="AM1650" s="143"/>
      <c r="AN1650" s="137"/>
      <c r="AO1650" s="137"/>
      <c r="AP1650" s="137"/>
      <c r="AQ1650" s="137"/>
      <c r="AR1650" s="137"/>
      <c r="AS1650" s="137"/>
      <c r="AT1650" s="137"/>
      <c r="AU1650" s="137"/>
      <c r="AV1650" s="137"/>
      <c r="AW1650" s="144"/>
    </row>
    <row r="1651" spans="2:49" x14ac:dyDescent="0.2">
      <c r="B1651" s="97"/>
      <c r="G1651" s="43"/>
      <c r="J1651" s="98"/>
      <c r="K1651" s="97"/>
      <c r="N1651" s="3"/>
      <c r="W1651" s="98"/>
      <c r="Z1651" s="143"/>
      <c r="AA1651" s="137"/>
      <c r="AB1651" s="137"/>
      <c r="AC1651" s="137"/>
      <c r="AD1651" s="137"/>
      <c r="AE1651" s="137"/>
      <c r="AF1651" s="137"/>
      <c r="AG1651" s="137"/>
      <c r="AH1651" s="137"/>
      <c r="AI1651" s="137"/>
      <c r="AJ1651" s="137"/>
      <c r="AK1651" s="206"/>
      <c r="AL1651" s="206"/>
      <c r="AM1651" s="143"/>
      <c r="AN1651" s="137"/>
      <c r="AO1651" s="137"/>
      <c r="AP1651" s="137"/>
      <c r="AQ1651" s="137"/>
      <c r="AR1651" s="137"/>
      <c r="AS1651" s="137"/>
      <c r="AT1651" s="137"/>
      <c r="AU1651" s="137"/>
      <c r="AV1651" s="137"/>
      <c r="AW1651" s="144"/>
    </row>
    <row r="1652" spans="2:49" x14ac:dyDescent="0.2">
      <c r="B1652" s="97"/>
      <c r="G1652" s="43"/>
      <c r="J1652" s="98"/>
      <c r="K1652" s="97"/>
      <c r="N1652" s="3"/>
      <c r="W1652" s="98"/>
      <c r="Z1652" s="143"/>
      <c r="AA1652" s="137"/>
      <c r="AB1652" s="137"/>
      <c r="AC1652" s="137"/>
      <c r="AD1652" s="137"/>
      <c r="AE1652" s="137"/>
      <c r="AF1652" s="137"/>
      <c r="AG1652" s="137"/>
      <c r="AH1652" s="137"/>
      <c r="AI1652" s="137"/>
      <c r="AJ1652" s="137"/>
      <c r="AK1652" s="206"/>
      <c r="AL1652" s="206"/>
      <c r="AM1652" s="143"/>
      <c r="AN1652" s="137"/>
      <c r="AO1652" s="137"/>
      <c r="AP1652" s="137"/>
      <c r="AQ1652" s="137"/>
      <c r="AR1652" s="137"/>
      <c r="AS1652" s="137"/>
      <c r="AT1652" s="137"/>
      <c r="AU1652" s="137"/>
      <c r="AV1652" s="137"/>
      <c r="AW1652" s="144"/>
    </row>
    <row r="1653" spans="2:49" x14ac:dyDescent="0.2">
      <c r="B1653" s="97"/>
      <c r="G1653" s="43"/>
      <c r="J1653" s="98"/>
      <c r="K1653" s="97"/>
      <c r="N1653" s="3"/>
      <c r="W1653" s="98"/>
      <c r="Z1653" s="143"/>
      <c r="AA1653" s="137"/>
      <c r="AB1653" s="137"/>
      <c r="AC1653" s="137"/>
      <c r="AD1653" s="137"/>
      <c r="AE1653" s="137"/>
      <c r="AF1653" s="137"/>
      <c r="AG1653" s="137"/>
      <c r="AH1653" s="137"/>
      <c r="AI1653" s="137"/>
      <c r="AJ1653" s="137"/>
      <c r="AK1653" s="206"/>
      <c r="AL1653" s="206"/>
      <c r="AM1653" s="143"/>
      <c r="AN1653" s="137"/>
      <c r="AO1653" s="137"/>
      <c r="AP1653" s="137"/>
      <c r="AQ1653" s="137"/>
      <c r="AR1653" s="137"/>
      <c r="AS1653" s="137"/>
      <c r="AT1653" s="137"/>
      <c r="AU1653" s="137"/>
      <c r="AV1653" s="137"/>
      <c r="AW1653" s="144"/>
    </row>
    <row r="1654" spans="2:49" x14ac:dyDescent="0.2">
      <c r="B1654" s="97"/>
      <c r="G1654" s="43"/>
      <c r="J1654" s="98"/>
      <c r="K1654" s="97"/>
      <c r="N1654" s="3"/>
      <c r="W1654" s="98"/>
      <c r="Z1654" s="143"/>
      <c r="AA1654" s="137"/>
      <c r="AB1654" s="137"/>
      <c r="AC1654" s="137"/>
      <c r="AD1654" s="137"/>
      <c r="AE1654" s="137"/>
      <c r="AF1654" s="137"/>
      <c r="AG1654" s="137"/>
      <c r="AH1654" s="137"/>
      <c r="AI1654" s="137"/>
      <c r="AJ1654" s="137"/>
      <c r="AK1654" s="206"/>
      <c r="AL1654" s="206"/>
      <c r="AM1654" s="143"/>
      <c r="AN1654" s="137"/>
      <c r="AO1654" s="137"/>
      <c r="AP1654" s="137"/>
      <c r="AQ1654" s="137"/>
      <c r="AR1654" s="137"/>
      <c r="AS1654" s="137"/>
      <c r="AT1654" s="137"/>
      <c r="AU1654" s="137"/>
      <c r="AV1654" s="137"/>
      <c r="AW1654" s="144"/>
    </row>
    <row r="1655" spans="2:49" x14ac:dyDescent="0.2">
      <c r="B1655" s="97"/>
      <c r="G1655" s="43"/>
      <c r="J1655" s="98"/>
      <c r="K1655" s="97"/>
      <c r="N1655" s="3"/>
      <c r="W1655" s="98"/>
      <c r="Z1655" s="143"/>
      <c r="AA1655" s="137"/>
      <c r="AB1655" s="137"/>
      <c r="AC1655" s="137"/>
      <c r="AD1655" s="137"/>
      <c r="AE1655" s="137"/>
      <c r="AF1655" s="137"/>
      <c r="AG1655" s="137"/>
      <c r="AH1655" s="137"/>
      <c r="AI1655" s="137"/>
      <c r="AJ1655" s="137"/>
      <c r="AK1655" s="206"/>
      <c r="AL1655" s="206"/>
      <c r="AM1655" s="143"/>
      <c r="AN1655" s="137"/>
      <c r="AO1655" s="137"/>
      <c r="AP1655" s="137"/>
      <c r="AQ1655" s="137"/>
      <c r="AR1655" s="137"/>
      <c r="AS1655" s="137"/>
      <c r="AT1655" s="137"/>
      <c r="AU1655" s="137"/>
      <c r="AV1655" s="137"/>
      <c r="AW1655" s="144"/>
    </row>
    <row r="1656" spans="2:49" x14ac:dyDescent="0.2">
      <c r="B1656" s="97"/>
      <c r="G1656" s="43"/>
      <c r="J1656" s="98"/>
      <c r="K1656" s="97"/>
      <c r="N1656" s="3"/>
      <c r="W1656" s="98"/>
      <c r="Z1656" s="143"/>
      <c r="AA1656" s="137"/>
      <c r="AB1656" s="137"/>
      <c r="AC1656" s="137"/>
      <c r="AD1656" s="137"/>
      <c r="AE1656" s="137"/>
      <c r="AF1656" s="137"/>
      <c r="AG1656" s="137"/>
      <c r="AH1656" s="137"/>
      <c r="AI1656" s="137"/>
      <c r="AJ1656" s="137"/>
      <c r="AK1656" s="206"/>
      <c r="AL1656" s="206"/>
      <c r="AM1656" s="143"/>
      <c r="AN1656" s="137"/>
      <c r="AO1656" s="137"/>
      <c r="AP1656" s="137"/>
      <c r="AQ1656" s="137"/>
      <c r="AR1656" s="137"/>
      <c r="AS1656" s="137"/>
      <c r="AT1656" s="137"/>
      <c r="AU1656" s="137"/>
      <c r="AV1656" s="137"/>
      <c r="AW1656" s="144"/>
    </row>
    <row r="1657" spans="2:49" x14ac:dyDescent="0.2">
      <c r="B1657" s="97"/>
      <c r="G1657" s="43"/>
      <c r="J1657" s="98"/>
      <c r="K1657" s="97"/>
      <c r="N1657" s="3"/>
      <c r="W1657" s="98"/>
      <c r="Z1657" s="143"/>
      <c r="AA1657" s="137"/>
      <c r="AB1657" s="137"/>
      <c r="AC1657" s="137"/>
      <c r="AD1657" s="137"/>
      <c r="AE1657" s="137"/>
      <c r="AF1657" s="137"/>
      <c r="AG1657" s="137"/>
      <c r="AH1657" s="137"/>
      <c r="AI1657" s="137"/>
      <c r="AJ1657" s="137"/>
      <c r="AK1657" s="206"/>
      <c r="AL1657" s="206"/>
      <c r="AM1657" s="143"/>
      <c r="AN1657" s="137"/>
      <c r="AO1657" s="137"/>
      <c r="AP1657" s="137"/>
      <c r="AQ1657" s="137"/>
      <c r="AR1657" s="137"/>
      <c r="AS1657" s="137"/>
      <c r="AT1657" s="137"/>
      <c r="AU1657" s="137"/>
      <c r="AV1657" s="137"/>
      <c r="AW1657" s="144"/>
    </row>
    <row r="1658" spans="2:49" x14ac:dyDescent="0.2">
      <c r="B1658" s="97"/>
      <c r="G1658" s="43"/>
      <c r="J1658" s="98"/>
      <c r="K1658" s="97"/>
      <c r="N1658" s="3"/>
      <c r="W1658" s="98"/>
      <c r="Z1658" s="143"/>
      <c r="AA1658" s="137"/>
      <c r="AB1658" s="137"/>
      <c r="AC1658" s="137"/>
      <c r="AD1658" s="137"/>
      <c r="AE1658" s="137"/>
      <c r="AF1658" s="137"/>
      <c r="AG1658" s="137"/>
      <c r="AH1658" s="137"/>
      <c r="AI1658" s="137"/>
      <c r="AJ1658" s="137"/>
      <c r="AK1658" s="206"/>
      <c r="AL1658" s="206"/>
      <c r="AM1658" s="143"/>
      <c r="AN1658" s="137"/>
      <c r="AO1658" s="137"/>
      <c r="AP1658" s="137"/>
      <c r="AQ1658" s="137"/>
      <c r="AR1658" s="137"/>
      <c r="AS1658" s="137"/>
      <c r="AT1658" s="137"/>
      <c r="AU1658" s="137"/>
      <c r="AV1658" s="137"/>
      <c r="AW1658" s="144"/>
    </row>
    <row r="1659" spans="2:49" x14ac:dyDescent="0.2">
      <c r="B1659" s="97"/>
      <c r="G1659" s="43"/>
      <c r="J1659" s="98"/>
      <c r="K1659" s="97"/>
      <c r="N1659" s="3"/>
      <c r="W1659" s="98"/>
      <c r="Z1659" s="143"/>
      <c r="AA1659" s="137"/>
      <c r="AB1659" s="137"/>
      <c r="AC1659" s="137"/>
      <c r="AD1659" s="137"/>
      <c r="AE1659" s="137"/>
      <c r="AF1659" s="137"/>
      <c r="AG1659" s="137"/>
      <c r="AH1659" s="137"/>
      <c r="AI1659" s="137"/>
      <c r="AJ1659" s="137"/>
      <c r="AK1659" s="206"/>
      <c r="AL1659" s="206"/>
      <c r="AM1659" s="143"/>
      <c r="AN1659" s="137"/>
      <c r="AO1659" s="137"/>
      <c r="AP1659" s="137"/>
      <c r="AQ1659" s="137"/>
      <c r="AR1659" s="137"/>
      <c r="AS1659" s="137"/>
      <c r="AT1659" s="137"/>
      <c r="AU1659" s="137"/>
      <c r="AV1659" s="137"/>
      <c r="AW1659" s="144"/>
    </row>
    <row r="1660" spans="2:49" x14ac:dyDescent="0.2">
      <c r="B1660" s="97"/>
      <c r="G1660" s="43"/>
      <c r="J1660" s="98"/>
      <c r="K1660" s="97"/>
      <c r="N1660" s="3"/>
      <c r="W1660" s="98"/>
      <c r="Z1660" s="143"/>
      <c r="AA1660" s="137"/>
      <c r="AB1660" s="137"/>
      <c r="AC1660" s="137"/>
      <c r="AD1660" s="137"/>
      <c r="AE1660" s="137"/>
      <c r="AF1660" s="137"/>
      <c r="AG1660" s="137"/>
      <c r="AH1660" s="137"/>
      <c r="AI1660" s="137"/>
      <c r="AJ1660" s="137"/>
      <c r="AK1660" s="206"/>
      <c r="AL1660" s="206"/>
      <c r="AM1660" s="143"/>
      <c r="AN1660" s="137"/>
      <c r="AO1660" s="137"/>
      <c r="AP1660" s="137"/>
      <c r="AQ1660" s="137"/>
      <c r="AR1660" s="137"/>
      <c r="AS1660" s="137"/>
      <c r="AT1660" s="137"/>
      <c r="AU1660" s="137"/>
      <c r="AV1660" s="137"/>
      <c r="AW1660" s="144"/>
    </row>
    <row r="1661" spans="2:49" x14ac:dyDescent="0.2">
      <c r="B1661" s="97"/>
      <c r="G1661" s="43"/>
      <c r="J1661" s="98"/>
      <c r="K1661" s="97"/>
      <c r="N1661" s="3"/>
      <c r="W1661" s="98"/>
      <c r="Z1661" s="143"/>
      <c r="AA1661" s="137"/>
      <c r="AB1661" s="137"/>
      <c r="AC1661" s="137"/>
      <c r="AD1661" s="137"/>
      <c r="AE1661" s="137"/>
      <c r="AF1661" s="137"/>
      <c r="AG1661" s="137"/>
      <c r="AH1661" s="137"/>
      <c r="AI1661" s="137"/>
      <c r="AJ1661" s="137"/>
      <c r="AK1661" s="206"/>
      <c r="AL1661" s="206"/>
      <c r="AM1661" s="143"/>
      <c r="AN1661" s="137"/>
      <c r="AO1661" s="137"/>
      <c r="AP1661" s="137"/>
      <c r="AQ1661" s="137"/>
      <c r="AR1661" s="137"/>
      <c r="AS1661" s="137"/>
      <c r="AT1661" s="137"/>
      <c r="AU1661" s="137"/>
      <c r="AV1661" s="137"/>
      <c r="AW1661" s="144"/>
    </row>
    <row r="1662" spans="2:49" x14ac:dyDescent="0.2">
      <c r="B1662" s="97"/>
      <c r="G1662" s="43"/>
      <c r="J1662" s="98"/>
      <c r="K1662" s="97"/>
      <c r="N1662" s="3"/>
      <c r="W1662" s="98"/>
      <c r="Z1662" s="143"/>
      <c r="AA1662" s="137"/>
      <c r="AB1662" s="137"/>
      <c r="AC1662" s="137"/>
      <c r="AD1662" s="137"/>
      <c r="AE1662" s="137"/>
      <c r="AF1662" s="137"/>
      <c r="AG1662" s="137"/>
      <c r="AH1662" s="137"/>
      <c r="AI1662" s="137"/>
      <c r="AJ1662" s="137"/>
      <c r="AK1662" s="206"/>
      <c r="AL1662" s="206"/>
      <c r="AM1662" s="143"/>
      <c r="AN1662" s="137"/>
      <c r="AO1662" s="137"/>
      <c r="AP1662" s="137"/>
      <c r="AQ1662" s="137"/>
      <c r="AR1662" s="137"/>
      <c r="AS1662" s="137"/>
      <c r="AT1662" s="137"/>
      <c r="AU1662" s="137"/>
      <c r="AV1662" s="137"/>
      <c r="AW1662" s="144"/>
    </row>
    <row r="1663" spans="2:49" x14ac:dyDescent="0.2">
      <c r="B1663" s="97"/>
      <c r="G1663" s="43"/>
      <c r="J1663" s="98"/>
      <c r="K1663" s="97"/>
      <c r="N1663" s="3"/>
      <c r="W1663" s="98"/>
      <c r="Z1663" s="143"/>
      <c r="AA1663" s="137"/>
      <c r="AB1663" s="137"/>
      <c r="AC1663" s="137"/>
      <c r="AD1663" s="137"/>
      <c r="AE1663" s="137"/>
      <c r="AF1663" s="137"/>
      <c r="AG1663" s="137"/>
      <c r="AH1663" s="137"/>
      <c r="AI1663" s="137"/>
      <c r="AJ1663" s="137"/>
      <c r="AK1663" s="206"/>
      <c r="AL1663" s="206"/>
      <c r="AM1663" s="143"/>
      <c r="AN1663" s="137"/>
      <c r="AO1663" s="137"/>
      <c r="AP1663" s="137"/>
      <c r="AQ1663" s="137"/>
      <c r="AR1663" s="137"/>
      <c r="AS1663" s="137"/>
      <c r="AT1663" s="137"/>
      <c r="AU1663" s="137"/>
      <c r="AV1663" s="137"/>
      <c r="AW1663" s="144"/>
    </row>
    <row r="1664" spans="2:49" x14ac:dyDescent="0.2">
      <c r="B1664" s="97"/>
      <c r="G1664" s="43"/>
      <c r="J1664" s="98"/>
      <c r="K1664" s="97"/>
      <c r="N1664" s="3"/>
      <c r="W1664" s="98"/>
      <c r="Z1664" s="143"/>
      <c r="AA1664" s="137"/>
      <c r="AB1664" s="137"/>
      <c r="AC1664" s="137"/>
      <c r="AD1664" s="137"/>
      <c r="AE1664" s="137"/>
      <c r="AF1664" s="137"/>
      <c r="AG1664" s="137"/>
      <c r="AH1664" s="137"/>
      <c r="AI1664" s="137"/>
      <c r="AJ1664" s="137"/>
      <c r="AK1664" s="206"/>
      <c r="AL1664" s="206"/>
      <c r="AM1664" s="143"/>
      <c r="AN1664" s="137"/>
      <c r="AO1664" s="137"/>
      <c r="AP1664" s="137"/>
      <c r="AQ1664" s="137"/>
      <c r="AR1664" s="137"/>
      <c r="AS1664" s="137"/>
      <c r="AT1664" s="137"/>
      <c r="AU1664" s="137"/>
      <c r="AV1664" s="137"/>
      <c r="AW1664" s="144"/>
    </row>
    <row r="1665" spans="2:49" x14ac:dyDescent="0.2">
      <c r="B1665" s="97"/>
      <c r="G1665" s="43"/>
      <c r="J1665" s="98"/>
      <c r="K1665" s="97"/>
      <c r="N1665" s="3"/>
      <c r="W1665" s="98"/>
      <c r="Z1665" s="143"/>
      <c r="AA1665" s="137"/>
      <c r="AB1665" s="137"/>
      <c r="AC1665" s="137"/>
      <c r="AD1665" s="137"/>
      <c r="AE1665" s="137"/>
      <c r="AF1665" s="137"/>
      <c r="AG1665" s="137"/>
      <c r="AH1665" s="137"/>
      <c r="AI1665" s="137"/>
      <c r="AJ1665" s="137"/>
      <c r="AK1665" s="206"/>
      <c r="AL1665" s="206"/>
      <c r="AM1665" s="143"/>
      <c r="AN1665" s="137"/>
      <c r="AO1665" s="137"/>
      <c r="AP1665" s="137"/>
      <c r="AQ1665" s="137"/>
      <c r="AR1665" s="137"/>
      <c r="AS1665" s="137"/>
      <c r="AT1665" s="137"/>
      <c r="AU1665" s="137"/>
      <c r="AV1665" s="137"/>
      <c r="AW1665" s="144"/>
    </row>
    <row r="1666" spans="2:49" x14ac:dyDescent="0.2">
      <c r="B1666" s="97"/>
      <c r="G1666" s="43"/>
      <c r="J1666" s="98"/>
      <c r="K1666" s="97"/>
      <c r="N1666" s="3"/>
      <c r="W1666" s="98"/>
      <c r="Z1666" s="143"/>
      <c r="AA1666" s="137"/>
      <c r="AB1666" s="137"/>
      <c r="AC1666" s="137"/>
      <c r="AD1666" s="137"/>
      <c r="AE1666" s="137"/>
      <c r="AF1666" s="137"/>
      <c r="AG1666" s="137"/>
      <c r="AH1666" s="137"/>
      <c r="AI1666" s="137"/>
      <c r="AJ1666" s="137"/>
      <c r="AK1666" s="206"/>
      <c r="AL1666" s="206"/>
      <c r="AM1666" s="143"/>
      <c r="AN1666" s="137"/>
      <c r="AO1666" s="137"/>
      <c r="AP1666" s="137"/>
      <c r="AQ1666" s="137"/>
      <c r="AR1666" s="137"/>
      <c r="AS1666" s="137"/>
      <c r="AT1666" s="137"/>
      <c r="AU1666" s="137"/>
      <c r="AV1666" s="137"/>
      <c r="AW1666" s="144"/>
    </row>
    <row r="1667" spans="2:49" x14ac:dyDescent="0.2">
      <c r="B1667" s="97"/>
      <c r="G1667" s="43"/>
      <c r="J1667" s="98"/>
      <c r="K1667" s="97"/>
      <c r="N1667" s="3"/>
      <c r="W1667" s="98"/>
      <c r="Z1667" s="143"/>
      <c r="AA1667" s="137"/>
      <c r="AB1667" s="137"/>
      <c r="AC1667" s="137"/>
      <c r="AD1667" s="137"/>
      <c r="AE1667" s="137"/>
      <c r="AF1667" s="137"/>
      <c r="AG1667" s="137"/>
      <c r="AH1667" s="137"/>
      <c r="AI1667" s="137"/>
      <c r="AJ1667" s="137"/>
      <c r="AK1667" s="206"/>
      <c r="AL1667" s="206"/>
      <c r="AM1667" s="143"/>
      <c r="AN1667" s="137"/>
      <c r="AO1667" s="137"/>
      <c r="AP1667" s="137"/>
      <c r="AQ1667" s="137"/>
      <c r="AR1667" s="137"/>
      <c r="AS1667" s="137"/>
      <c r="AT1667" s="137"/>
      <c r="AU1667" s="137"/>
      <c r="AV1667" s="137"/>
      <c r="AW1667" s="144"/>
    </row>
    <row r="1668" spans="2:49" x14ac:dyDescent="0.2">
      <c r="B1668" s="97"/>
      <c r="G1668" s="43"/>
      <c r="J1668" s="98"/>
      <c r="K1668" s="97"/>
      <c r="N1668" s="3"/>
      <c r="W1668" s="98"/>
      <c r="Z1668" s="143"/>
      <c r="AA1668" s="137"/>
      <c r="AB1668" s="137"/>
      <c r="AC1668" s="137"/>
      <c r="AD1668" s="137"/>
      <c r="AE1668" s="137"/>
      <c r="AF1668" s="137"/>
      <c r="AG1668" s="137"/>
      <c r="AH1668" s="137"/>
      <c r="AI1668" s="137"/>
      <c r="AJ1668" s="137"/>
      <c r="AK1668" s="206"/>
      <c r="AL1668" s="206"/>
      <c r="AM1668" s="143"/>
      <c r="AN1668" s="137"/>
      <c r="AO1668" s="137"/>
      <c r="AP1668" s="137"/>
      <c r="AQ1668" s="137"/>
      <c r="AR1668" s="137"/>
      <c r="AS1668" s="137"/>
      <c r="AT1668" s="137"/>
      <c r="AU1668" s="137"/>
      <c r="AV1668" s="137"/>
      <c r="AW1668" s="144"/>
    </row>
    <row r="1669" spans="2:49" x14ac:dyDescent="0.2">
      <c r="B1669" s="97"/>
      <c r="G1669" s="43"/>
      <c r="J1669" s="98"/>
      <c r="K1669" s="97"/>
      <c r="N1669" s="3"/>
      <c r="W1669" s="98"/>
      <c r="Z1669" s="143"/>
      <c r="AA1669" s="137"/>
      <c r="AB1669" s="137"/>
      <c r="AC1669" s="137"/>
      <c r="AD1669" s="137"/>
      <c r="AE1669" s="137"/>
      <c r="AF1669" s="137"/>
      <c r="AG1669" s="137"/>
      <c r="AH1669" s="137"/>
      <c r="AI1669" s="137"/>
      <c r="AJ1669" s="137"/>
      <c r="AK1669" s="206"/>
      <c r="AL1669" s="206"/>
      <c r="AM1669" s="143"/>
      <c r="AN1669" s="137"/>
      <c r="AO1669" s="137"/>
      <c r="AP1669" s="137"/>
      <c r="AQ1669" s="137"/>
      <c r="AR1669" s="137"/>
      <c r="AS1669" s="137"/>
      <c r="AT1669" s="137"/>
      <c r="AU1669" s="137"/>
      <c r="AV1669" s="137"/>
      <c r="AW1669" s="144"/>
    </row>
    <row r="1670" spans="2:49" x14ac:dyDescent="0.2">
      <c r="B1670" s="97"/>
      <c r="G1670" s="43"/>
      <c r="J1670" s="98"/>
      <c r="K1670" s="97"/>
      <c r="N1670" s="3"/>
      <c r="W1670" s="98"/>
      <c r="Z1670" s="143"/>
      <c r="AA1670" s="137"/>
      <c r="AB1670" s="137"/>
      <c r="AC1670" s="137"/>
      <c r="AD1670" s="137"/>
      <c r="AE1670" s="137"/>
      <c r="AF1670" s="137"/>
      <c r="AG1670" s="137"/>
      <c r="AH1670" s="137"/>
      <c r="AI1670" s="137"/>
      <c r="AJ1670" s="137"/>
      <c r="AK1670" s="206"/>
      <c r="AL1670" s="206"/>
      <c r="AM1670" s="143"/>
      <c r="AN1670" s="137"/>
      <c r="AO1670" s="137"/>
      <c r="AP1670" s="137"/>
      <c r="AQ1670" s="137"/>
      <c r="AR1670" s="137"/>
      <c r="AS1670" s="137"/>
      <c r="AT1670" s="137"/>
      <c r="AU1670" s="137"/>
      <c r="AV1670" s="137"/>
      <c r="AW1670" s="144"/>
    </row>
    <row r="1671" spans="2:49" x14ac:dyDescent="0.2">
      <c r="B1671" s="97"/>
      <c r="G1671" s="43"/>
      <c r="J1671" s="98"/>
      <c r="K1671" s="97"/>
      <c r="N1671" s="3"/>
      <c r="W1671" s="98"/>
      <c r="Z1671" s="143"/>
      <c r="AA1671" s="137"/>
      <c r="AB1671" s="137"/>
      <c r="AC1671" s="137"/>
      <c r="AD1671" s="137"/>
      <c r="AE1671" s="137"/>
      <c r="AF1671" s="137"/>
      <c r="AG1671" s="137"/>
      <c r="AH1671" s="137"/>
      <c r="AI1671" s="137"/>
      <c r="AJ1671" s="137"/>
      <c r="AK1671" s="206"/>
      <c r="AL1671" s="206"/>
      <c r="AM1671" s="143"/>
      <c r="AN1671" s="137"/>
      <c r="AO1671" s="137"/>
      <c r="AP1671" s="137"/>
      <c r="AQ1671" s="137"/>
      <c r="AR1671" s="137"/>
      <c r="AS1671" s="137"/>
      <c r="AT1671" s="137"/>
      <c r="AU1671" s="137"/>
      <c r="AV1671" s="137"/>
      <c r="AW1671" s="144"/>
    </row>
    <row r="1672" spans="2:49" x14ac:dyDescent="0.2">
      <c r="B1672" s="97"/>
      <c r="G1672" s="43"/>
      <c r="J1672" s="98"/>
      <c r="K1672" s="97"/>
      <c r="N1672" s="3"/>
      <c r="W1672" s="98"/>
      <c r="Z1672" s="143"/>
      <c r="AA1672" s="137"/>
      <c r="AB1672" s="137"/>
      <c r="AC1672" s="137"/>
      <c r="AD1672" s="137"/>
      <c r="AE1672" s="137"/>
      <c r="AF1672" s="137"/>
      <c r="AG1672" s="137"/>
      <c r="AH1672" s="137"/>
      <c r="AI1672" s="137"/>
      <c r="AJ1672" s="137"/>
      <c r="AK1672" s="206"/>
      <c r="AL1672" s="206"/>
      <c r="AM1672" s="143"/>
      <c r="AN1672" s="137"/>
      <c r="AO1672" s="137"/>
      <c r="AP1672" s="137"/>
      <c r="AQ1672" s="137"/>
      <c r="AR1672" s="137"/>
      <c r="AS1672" s="137"/>
      <c r="AT1672" s="137"/>
      <c r="AU1672" s="137"/>
      <c r="AV1672" s="137"/>
      <c r="AW1672" s="144"/>
    </row>
    <row r="1673" spans="2:49" x14ac:dyDescent="0.2">
      <c r="B1673" s="97"/>
      <c r="G1673" s="43"/>
      <c r="J1673" s="98"/>
      <c r="K1673" s="97"/>
      <c r="N1673" s="3"/>
      <c r="W1673" s="98"/>
      <c r="Z1673" s="143"/>
      <c r="AA1673" s="137"/>
      <c r="AB1673" s="137"/>
      <c r="AC1673" s="137"/>
      <c r="AD1673" s="137"/>
      <c r="AE1673" s="137"/>
      <c r="AF1673" s="137"/>
      <c r="AG1673" s="137"/>
      <c r="AH1673" s="137"/>
      <c r="AI1673" s="137"/>
      <c r="AJ1673" s="137"/>
      <c r="AK1673" s="206"/>
      <c r="AL1673" s="206"/>
      <c r="AM1673" s="143"/>
      <c r="AN1673" s="137"/>
      <c r="AO1673" s="137"/>
      <c r="AP1673" s="137"/>
      <c r="AQ1673" s="137"/>
      <c r="AR1673" s="137"/>
      <c r="AS1673" s="137"/>
      <c r="AT1673" s="137"/>
      <c r="AU1673" s="137"/>
      <c r="AV1673" s="137"/>
      <c r="AW1673" s="144"/>
    </row>
    <row r="1674" spans="2:49" x14ac:dyDescent="0.2">
      <c r="B1674" s="97"/>
      <c r="G1674" s="43"/>
      <c r="J1674" s="98"/>
      <c r="K1674" s="97"/>
      <c r="N1674" s="3"/>
      <c r="W1674" s="98"/>
      <c r="Z1674" s="143"/>
      <c r="AA1674" s="137"/>
      <c r="AB1674" s="137"/>
      <c r="AC1674" s="137"/>
      <c r="AD1674" s="137"/>
      <c r="AE1674" s="137"/>
      <c r="AF1674" s="137"/>
      <c r="AG1674" s="137"/>
      <c r="AH1674" s="137"/>
      <c r="AI1674" s="137"/>
      <c r="AJ1674" s="137"/>
      <c r="AK1674" s="206"/>
      <c r="AL1674" s="206"/>
      <c r="AM1674" s="143"/>
      <c r="AN1674" s="137"/>
      <c r="AO1674" s="137"/>
      <c r="AP1674" s="137"/>
      <c r="AQ1674" s="137"/>
      <c r="AR1674" s="137"/>
      <c r="AS1674" s="137"/>
      <c r="AT1674" s="137"/>
      <c r="AU1674" s="137"/>
      <c r="AV1674" s="137"/>
      <c r="AW1674" s="144"/>
    </row>
    <row r="1675" spans="2:49" x14ac:dyDescent="0.2">
      <c r="B1675" s="97"/>
      <c r="G1675" s="43"/>
      <c r="J1675" s="98"/>
      <c r="K1675" s="97"/>
      <c r="N1675" s="3"/>
      <c r="W1675" s="98"/>
      <c r="Z1675" s="143"/>
      <c r="AA1675" s="137"/>
      <c r="AB1675" s="137"/>
      <c r="AC1675" s="137"/>
      <c r="AD1675" s="137"/>
      <c r="AE1675" s="137"/>
      <c r="AF1675" s="137"/>
      <c r="AG1675" s="137"/>
      <c r="AH1675" s="137"/>
      <c r="AI1675" s="137"/>
      <c r="AJ1675" s="137"/>
      <c r="AK1675" s="206"/>
      <c r="AL1675" s="206"/>
      <c r="AM1675" s="143"/>
      <c r="AN1675" s="137"/>
      <c r="AO1675" s="137"/>
      <c r="AP1675" s="137"/>
      <c r="AQ1675" s="137"/>
      <c r="AR1675" s="137"/>
      <c r="AS1675" s="137"/>
      <c r="AT1675" s="137"/>
      <c r="AU1675" s="137"/>
      <c r="AV1675" s="137"/>
      <c r="AW1675" s="144"/>
    </row>
    <row r="1676" spans="2:49" x14ac:dyDescent="0.2">
      <c r="B1676" s="97"/>
      <c r="G1676" s="43"/>
      <c r="J1676" s="98"/>
      <c r="K1676" s="97"/>
      <c r="N1676" s="3"/>
      <c r="W1676" s="98"/>
      <c r="Z1676" s="143"/>
      <c r="AA1676" s="137"/>
      <c r="AB1676" s="137"/>
      <c r="AC1676" s="137"/>
      <c r="AD1676" s="137"/>
      <c r="AE1676" s="137"/>
      <c r="AF1676" s="137"/>
      <c r="AG1676" s="137"/>
      <c r="AH1676" s="137"/>
      <c r="AI1676" s="137"/>
      <c r="AJ1676" s="137"/>
      <c r="AK1676" s="206"/>
      <c r="AL1676" s="206"/>
      <c r="AM1676" s="143"/>
      <c r="AN1676" s="137"/>
      <c r="AO1676" s="137"/>
      <c r="AP1676" s="137"/>
      <c r="AQ1676" s="137"/>
      <c r="AR1676" s="137"/>
      <c r="AS1676" s="137"/>
      <c r="AT1676" s="137"/>
      <c r="AU1676" s="137"/>
      <c r="AV1676" s="137"/>
      <c r="AW1676" s="144"/>
    </row>
    <row r="1677" spans="2:49" x14ac:dyDescent="0.2">
      <c r="B1677" s="97"/>
      <c r="G1677" s="43"/>
      <c r="J1677" s="98"/>
      <c r="K1677" s="97"/>
      <c r="N1677" s="3"/>
      <c r="W1677" s="98"/>
      <c r="Z1677" s="143"/>
      <c r="AA1677" s="137"/>
      <c r="AB1677" s="137"/>
      <c r="AC1677" s="137"/>
      <c r="AD1677" s="137"/>
      <c r="AE1677" s="137"/>
      <c r="AF1677" s="137"/>
      <c r="AG1677" s="137"/>
      <c r="AH1677" s="137"/>
      <c r="AI1677" s="137"/>
      <c r="AJ1677" s="137"/>
      <c r="AK1677" s="206"/>
      <c r="AL1677" s="206"/>
      <c r="AM1677" s="143"/>
      <c r="AN1677" s="137"/>
      <c r="AO1677" s="137"/>
      <c r="AP1677" s="137"/>
      <c r="AQ1677" s="137"/>
      <c r="AR1677" s="137"/>
      <c r="AS1677" s="137"/>
      <c r="AT1677" s="137"/>
      <c r="AU1677" s="137"/>
      <c r="AV1677" s="137"/>
      <c r="AW1677" s="144"/>
    </row>
    <row r="1678" spans="2:49" x14ac:dyDescent="0.2">
      <c r="B1678" s="97"/>
      <c r="G1678" s="43"/>
      <c r="J1678" s="98"/>
      <c r="K1678" s="97"/>
      <c r="N1678" s="3"/>
      <c r="W1678" s="98"/>
      <c r="Z1678" s="143"/>
      <c r="AA1678" s="137"/>
      <c r="AB1678" s="137"/>
      <c r="AC1678" s="137"/>
      <c r="AD1678" s="137"/>
      <c r="AE1678" s="137"/>
      <c r="AF1678" s="137"/>
      <c r="AG1678" s="137"/>
      <c r="AH1678" s="137"/>
      <c r="AI1678" s="137"/>
      <c r="AJ1678" s="137"/>
      <c r="AK1678" s="206"/>
      <c r="AL1678" s="206"/>
      <c r="AM1678" s="143"/>
      <c r="AN1678" s="137"/>
      <c r="AO1678" s="137"/>
      <c r="AP1678" s="137"/>
      <c r="AQ1678" s="137"/>
      <c r="AR1678" s="137"/>
      <c r="AS1678" s="137"/>
      <c r="AT1678" s="137"/>
      <c r="AU1678" s="137"/>
      <c r="AV1678" s="137"/>
      <c r="AW1678" s="144"/>
    </row>
    <row r="1679" spans="2:49" x14ac:dyDescent="0.2">
      <c r="B1679" s="97"/>
      <c r="G1679" s="43"/>
      <c r="J1679" s="98"/>
      <c r="K1679" s="97"/>
      <c r="N1679" s="3"/>
      <c r="W1679" s="98"/>
      <c r="Z1679" s="143"/>
      <c r="AA1679" s="137"/>
      <c r="AB1679" s="137"/>
      <c r="AC1679" s="137"/>
      <c r="AD1679" s="137"/>
      <c r="AE1679" s="137"/>
      <c r="AF1679" s="137"/>
      <c r="AG1679" s="137"/>
      <c r="AH1679" s="137"/>
      <c r="AI1679" s="137"/>
      <c r="AJ1679" s="137"/>
      <c r="AK1679" s="206"/>
      <c r="AL1679" s="206"/>
      <c r="AM1679" s="143"/>
      <c r="AN1679" s="137"/>
      <c r="AO1679" s="137"/>
      <c r="AP1679" s="137"/>
      <c r="AQ1679" s="137"/>
      <c r="AR1679" s="137"/>
      <c r="AS1679" s="137"/>
      <c r="AT1679" s="137"/>
      <c r="AU1679" s="137"/>
      <c r="AV1679" s="137"/>
      <c r="AW1679" s="144"/>
    </row>
    <row r="1680" spans="2:49" x14ac:dyDescent="0.2">
      <c r="B1680" s="97"/>
      <c r="G1680" s="43"/>
      <c r="J1680" s="98"/>
      <c r="K1680" s="97"/>
      <c r="N1680" s="3"/>
      <c r="W1680" s="98"/>
      <c r="Z1680" s="143"/>
      <c r="AA1680" s="137"/>
      <c r="AB1680" s="137"/>
      <c r="AC1680" s="137"/>
      <c r="AD1680" s="137"/>
      <c r="AE1680" s="137"/>
      <c r="AF1680" s="137"/>
      <c r="AG1680" s="137"/>
      <c r="AH1680" s="137"/>
      <c r="AI1680" s="137"/>
      <c r="AJ1680" s="137"/>
      <c r="AK1680" s="206"/>
      <c r="AL1680" s="206"/>
      <c r="AM1680" s="143"/>
      <c r="AN1680" s="137"/>
      <c r="AO1680" s="137"/>
      <c r="AP1680" s="137"/>
      <c r="AQ1680" s="137"/>
      <c r="AR1680" s="137"/>
      <c r="AS1680" s="137"/>
      <c r="AT1680" s="137"/>
      <c r="AU1680" s="137"/>
      <c r="AV1680" s="137"/>
      <c r="AW1680" s="144"/>
    </row>
    <row r="1681" spans="2:49" x14ac:dyDescent="0.2">
      <c r="B1681" s="97"/>
      <c r="G1681" s="43"/>
      <c r="J1681" s="98"/>
      <c r="K1681" s="97"/>
      <c r="N1681" s="3"/>
      <c r="W1681" s="98"/>
      <c r="Z1681" s="143"/>
      <c r="AA1681" s="137"/>
      <c r="AB1681" s="137"/>
      <c r="AC1681" s="137"/>
      <c r="AD1681" s="137"/>
      <c r="AE1681" s="137"/>
      <c r="AF1681" s="137"/>
      <c r="AG1681" s="137"/>
      <c r="AH1681" s="137"/>
      <c r="AI1681" s="137"/>
      <c r="AJ1681" s="137"/>
      <c r="AK1681" s="206"/>
      <c r="AL1681" s="206"/>
      <c r="AM1681" s="143"/>
      <c r="AN1681" s="137"/>
      <c r="AO1681" s="137"/>
      <c r="AP1681" s="137"/>
      <c r="AQ1681" s="137"/>
      <c r="AR1681" s="137"/>
      <c r="AS1681" s="137"/>
      <c r="AT1681" s="137"/>
      <c r="AU1681" s="137"/>
      <c r="AV1681" s="137"/>
      <c r="AW1681" s="144"/>
    </row>
    <row r="1682" spans="2:49" x14ac:dyDescent="0.2">
      <c r="B1682" s="97"/>
      <c r="G1682" s="43"/>
      <c r="J1682" s="98"/>
      <c r="K1682" s="97"/>
      <c r="N1682" s="3"/>
      <c r="W1682" s="98"/>
      <c r="Z1682" s="143"/>
      <c r="AA1682" s="137"/>
      <c r="AB1682" s="137"/>
      <c r="AC1682" s="137"/>
      <c r="AD1682" s="137"/>
      <c r="AE1682" s="137"/>
      <c r="AF1682" s="137"/>
      <c r="AG1682" s="137"/>
      <c r="AH1682" s="137"/>
      <c r="AI1682" s="137"/>
      <c r="AJ1682" s="137"/>
      <c r="AK1682" s="206"/>
      <c r="AL1682" s="206"/>
      <c r="AM1682" s="143"/>
      <c r="AN1682" s="137"/>
      <c r="AO1682" s="137"/>
      <c r="AP1682" s="137"/>
      <c r="AQ1682" s="137"/>
      <c r="AR1682" s="137"/>
      <c r="AS1682" s="137"/>
      <c r="AT1682" s="137"/>
      <c r="AU1682" s="137"/>
      <c r="AV1682" s="137"/>
      <c r="AW1682" s="144"/>
    </row>
    <row r="1683" spans="2:49" x14ac:dyDescent="0.2">
      <c r="B1683" s="97"/>
      <c r="G1683" s="43"/>
      <c r="J1683" s="98"/>
      <c r="K1683" s="97"/>
      <c r="N1683" s="3"/>
      <c r="W1683" s="98"/>
      <c r="Z1683" s="143"/>
      <c r="AA1683" s="137"/>
      <c r="AB1683" s="137"/>
      <c r="AC1683" s="137"/>
      <c r="AD1683" s="137"/>
      <c r="AE1683" s="137"/>
      <c r="AF1683" s="137"/>
      <c r="AG1683" s="137"/>
      <c r="AH1683" s="137"/>
      <c r="AI1683" s="137"/>
      <c r="AJ1683" s="137"/>
      <c r="AK1683" s="206"/>
      <c r="AL1683" s="206"/>
      <c r="AM1683" s="143"/>
      <c r="AN1683" s="137"/>
      <c r="AO1683" s="137"/>
      <c r="AP1683" s="137"/>
      <c r="AQ1683" s="137"/>
      <c r="AR1683" s="137"/>
      <c r="AS1683" s="137"/>
      <c r="AT1683" s="137"/>
      <c r="AU1683" s="137"/>
      <c r="AV1683" s="137"/>
      <c r="AW1683" s="144"/>
    </row>
    <row r="1684" spans="2:49" x14ac:dyDescent="0.2">
      <c r="B1684" s="97"/>
      <c r="G1684" s="43"/>
      <c r="J1684" s="98"/>
      <c r="K1684" s="97"/>
      <c r="N1684" s="3"/>
      <c r="W1684" s="98"/>
      <c r="Z1684" s="143"/>
      <c r="AA1684" s="137"/>
      <c r="AB1684" s="137"/>
      <c r="AC1684" s="137"/>
      <c r="AD1684" s="137"/>
      <c r="AE1684" s="137"/>
      <c r="AF1684" s="137"/>
      <c r="AG1684" s="137"/>
      <c r="AH1684" s="137"/>
      <c r="AI1684" s="137"/>
      <c r="AJ1684" s="137"/>
      <c r="AK1684" s="206"/>
      <c r="AL1684" s="206"/>
      <c r="AM1684" s="143"/>
      <c r="AN1684" s="137"/>
      <c r="AO1684" s="137"/>
      <c r="AP1684" s="137"/>
      <c r="AQ1684" s="137"/>
      <c r="AR1684" s="137"/>
      <c r="AS1684" s="137"/>
      <c r="AT1684" s="137"/>
      <c r="AU1684" s="137"/>
      <c r="AV1684" s="137"/>
      <c r="AW1684" s="144"/>
    </row>
    <row r="1685" spans="2:49" x14ac:dyDescent="0.2">
      <c r="B1685" s="97"/>
      <c r="G1685" s="43"/>
      <c r="J1685" s="98"/>
      <c r="K1685" s="97"/>
      <c r="N1685" s="3"/>
      <c r="W1685" s="98"/>
      <c r="Z1685" s="143"/>
      <c r="AA1685" s="137"/>
      <c r="AB1685" s="137"/>
      <c r="AC1685" s="137"/>
      <c r="AD1685" s="137"/>
      <c r="AE1685" s="137"/>
      <c r="AF1685" s="137"/>
      <c r="AG1685" s="137"/>
      <c r="AH1685" s="137"/>
      <c r="AI1685" s="137"/>
      <c r="AJ1685" s="137"/>
      <c r="AK1685" s="206"/>
      <c r="AL1685" s="206"/>
      <c r="AM1685" s="143"/>
      <c r="AN1685" s="137"/>
      <c r="AO1685" s="137"/>
      <c r="AP1685" s="137"/>
      <c r="AQ1685" s="137"/>
      <c r="AR1685" s="137"/>
      <c r="AS1685" s="137"/>
      <c r="AT1685" s="137"/>
      <c r="AU1685" s="137"/>
      <c r="AV1685" s="137"/>
      <c r="AW1685" s="144"/>
    </row>
    <row r="1686" spans="2:49" x14ac:dyDescent="0.2">
      <c r="B1686" s="97"/>
      <c r="G1686" s="43"/>
      <c r="J1686" s="98"/>
      <c r="K1686" s="97"/>
      <c r="N1686" s="3"/>
      <c r="W1686" s="98"/>
      <c r="Z1686" s="143"/>
      <c r="AA1686" s="137"/>
      <c r="AB1686" s="137"/>
      <c r="AC1686" s="137"/>
      <c r="AD1686" s="137"/>
      <c r="AE1686" s="137"/>
      <c r="AF1686" s="137"/>
      <c r="AG1686" s="137"/>
      <c r="AH1686" s="137"/>
      <c r="AI1686" s="137"/>
      <c r="AJ1686" s="137"/>
      <c r="AK1686" s="206"/>
      <c r="AL1686" s="206"/>
      <c r="AM1686" s="143"/>
      <c r="AN1686" s="137"/>
      <c r="AO1686" s="137"/>
      <c r="AP1686" s="137"/>
      <c r="AQ1686" s="137"/>
      <c r="AR1686" s="137"/>
      <c r="AS1686" s="137"/>
      <c r="AT1686" s="137"/>
      <c r="AU1686" s="137"/>
      <c r="AV1686" s="137"/>
      <c r="AW1686" s="144"/>
    </row>
    <row r="1687" spans="2:49" x14ac:dyDescent="0.2">
      <c r="B1687" s="97"/>
      <c r="G1687" s="43"/>
      <c r="J1687" s="98"/>
      <c r="K1687" s="97"/>
      <c r="N1687" s="3"/>
      <c r="W1687" s="98"/>
      <c r="Z1687" s="143"/>
      <c r="AA1687" s="137"/>
      <c r="AB1687" s="137"/>
      <c r="AC1687" s="137"/>
      <c r="AD1687" s="137"/>
      <c r="AE1687" s="137"/>
      <c r="AF1687" s="137"/>
      <c r="AG1687" s="137"/>
      <c r="AH1687" s="137"/>
      <c r="AI1687" s="137"/>
      <c r="AJ1687" s="137"/>
      <c r="AK1687" s="206"/>
      <c r="AL1687" s="206"/>
      <c r="AM1687" s="143"/>
      <c r="AN1687" s="137"/>
      <c r="AO1687" s="137"/>
      <c r="AP1687" s="137"/>
      <c r="AQ1687" s="137"/>
      <c r="AR1687" s="137"/>
      <c r="AS1687" s="137"/>
      <c r="AT1687" s="137"/>
      <c r="AU1687" s="137"/>
      <c r="AV1687" s="137"/>
      <c r="AW1687" s="144"/>
    </row>
    <row r="1688" spans="2:49" x14ac:dyDescent="0.2">
      <c r="B1688" s="97"/>
      <c r="G1688" s="43"/>
      <c r="J1688" s="98"/>
      <c r="K1688" s="97"/>
      <c r="N1688" s="3"/>
      <c r="W1688" s="98"/>
      <c r="Z1688" s="143"/>
      <c r="AA1688" s="137"/>
      <c r="AB1688" s="137"/>
      <c r="AC1688" s="137"/>
      <c r="AD1688" s="137"/>
      <c r="AE1688" s="137"/>
      <c r="AF1688" s="137"/>
      <c r="AG1688" s="137"/>
      <c r="AH1688" s="137"/>
      <c r="AI1688" s="137"/>
      <c r="AJ1688" s="137"/>
      <c r="AK1688" s="206"/>
      <c r="AL1688" s="206"/>
      <c r="AM1688" s="143"/>
      <c r="AN1688" s="137"/>
      <c r="AO1688" s="137"/>
      <c r="AP1688" s="137"/>
      <c r="AQ1688" s="137"/>
      <c r="AR1688" s="137"/>
      <c r="AS1688" s="137"/>
      <c r="AT1688" s="137"/>
      <c r="AU1688" s="137"/>
      <c r="AV1688" s="137"/>
      <c r="AW1688" s="144"/>
    </row>
    <row r="1689" spans="2:49" x14ac:dyDescent="0.2">
      <c r="B1689" s="97"/>
      <c r="G1689" s="43"/>
      <c r="J1689" s="98"/>
      <c r="K1689" s="97"/>
      <c r="N1689" s="3"/>
      <c r="W1689" s="98"/>
      <c r="Z1689" s="143"/>
      <c r="AA1689" s="137"/>
      <c r="AB1689" s="137"/>
      <c r="AC1689" s="137"/>
      <c r="AD1689" s="137"/>
      <c r="AE1689" s="137"/>
      <c r="AF1689" s="137"/>
      <c r="AG1689" s="137"/>
      <c r="AH1689" s="137"/>
      <c r="AI1689" s="137"/>
      <c r="AJ1689" s="137"/>
      <c r="AK1689" s="206"/>
      <c r="AL1689" s="206"/>
      <c r="AM1689" s="143"/>
      <c r="AN1689" s="137"/>
      <c r="AO1689" s="137"/>
      <c r="AP1689" s="137"/>
      <c r="AQ1689" s="137"/>
      <c r="AR1689" s="137"/>
      <c r="AS1689" s="137"/>
      <c r="AT1689" s="137"/>
      <c r="AU1689" s="137"/>
      <c r="AV1689" s="137"/>
      <c r="AW1689" s="144"/>
    </row>
    <row r="1690" spans="2:49" x14ac:dyDescent="0.2">
      <c r="B1690" s="97"/>
      <c r="G1690" s="43"/>
      <c r="J1690" s="98"/>
      <c r="K1690" s="97"/>
      <c r="N1690" s="3"/>
      <c r="W1690" s="98"/>
      <c r="Z1690" s="143"/>
      <c r="AA1690" s="137"/>
      <c r="AB1690" s="137"/>
      <c r="AC1690" s="137"/>
      <c r="AD1690" s="137"/>
      <c r="AE1690" s="137"/>
      <c r="AF1690" s="137"/>
      <c r="AG1690" s="137"/>
      <c r="AH1690" s="137"/>
      <c r="AI1690" s="137"/>
      <c r="AJ1690" s="137"/>
      <c r="AK1690" s="206"/>
      <c r="AL1690" s="206"/>
      <c r="AM1690" s="143"/>
      <c r="AN1690" s="137"/>
      <c r="AO1690" s="137"/>
      <c r="AP1690" s="137"/>
      <c r="AQ1690" s="137"/>
      <c r="AR1690" s="137"/>
      <c r="AS1690" s="137"/>
      <c r="AT1690" s="137"/>
      <c r="AU1690" s="137"/>
      <c r="AV1690" s="137"/>
      <c r="AW1690" s="144"/>
    </row>
    <row r="1691" spans="2:49" x14ac:dyDescent="0.2">
      <c r="B1691" s="97"/>
      <c r="G1691" s="43"/>
      <c r="J1691" s="98"/>
      <c r="K1691" s="97"/>
      <c r="N1691" s="3"/>
      <c r="W1691" s="98"/>
      <c r="Z1691" s="143"/>
      <c r="AA1691" s="137"/>
      <c r="AB1691" s="137"/>
      <c r="AC1691" s="137"/>
      <c r="AD1691" s="137"/>
      <c r="AE1691" s="137"/>
      <c r="AF1691" s="137"/>
      <c r="AG1691" s="137"/>
      <c r="AH1691" s="137"/>
      <c r="AI1691" s="137"/>
      <c r="AJ1691" s="137"/>
      <c r="AK1691" s="206"/>
      <c r="AL1691" s="206"/>
      <c r="AM1691" s="143"/>
      <c r="AN1691" s="137"/>
      <c r="AO1691" s="137"/>
      <c r="AP1691" s="137"/>
      <c r="AQ1691" s="137"/>
      <c r="AR1691" s="137"/>
      <c r="AS1691" s="137"/>
      <c r="AT1691" s="137"/>
      <c r="AU1691" s="137"/>
      <c r="AV1691" s="137"/>
      <c r="AW1691" s="144"/>
    </row>
    <row r="1692" spans="2:49" x14ac:dyDescent="0.2">
      <c r="B1692" s="97"/>
      <c r="G1692" s="43"/>
      <c r="J1692" s="98"/>
      <c r="K1692" s="97"/>
      <c r="N1692" s="3"/>
      <c r="W1692" s="98"/>
      <c r="Z1692" s="143"/>
      <c r="AA1692" s="137"/>
      <c r="AB1692" s="137"/>
      <c r="AC1692" s="137"/>
      <c r="AD1692" s="137"/>
      <c r="AE1692" s="137"/>
      <c r="AF1692" s="137"/>
      <c r="AG1692" s="137"/>
      <c r="AH1692" s="137"/>
      <c r="AI1692" s="137"/>
      <c r="AJ1692" s="137"/>
      <c r="AK1692" s="206"/>
      <c r="AL1692" s="206"/>
      <c r="AM1692" s="143"/>
      <c r="AN1692" s="137"/>
      <c r="AO1692" s="137"/>
      <c r="AP1692" s="137"/>
      <c r="AQ1692" s="137"/>
      <c r="AR1692" s="137"/>
      <c r="AS1692" s="137"/>
      <c r="AT1692" s="137"/>
      <c r="AU1692" s="137"/>
      <c r="AV1692" s="137"/>
      <c r="AW1692" s="144"/>
    </row>
    <row r="1693" spans="2:49" x14ac:dyDescent="0.2">
      <c r="B1693" s="97"/>
      <c r="G1693" s="43"/>
      <c r="J1693" s="98"/>
      <c r="K1693" s="97"/>
      <c r="N1693" s="3"/>
      <c r="W1693" s="98"/>
      <c r="Z1693" s="143"/>
      <c r="AA1693" s="137"/>
      <c r="AB1693" s="137"/>
      <c r="AC1693" s="137"/>
      <c r="AD1693" s="137"/>
      <c r="AE1693" s="137"/>
      <c r="AF1693" s="137"/>
      <c r="AG1693" s="137"/>
      <c r="AH1693" s="137"/>
      <c r="AI1693" s="137"/>
      <c r="AJ1693" s="137"/>
      <c r="AK1693" s="206"/>
      <c r="AL1693" s="206"/>
      <c r="AM1693" s="143"/>
      <c r="AN1693" s="137"/>
      <c r="AO1693" s="137"/>
      <c r="AP1693" s="137"/>
      <c r="AQ1693" s="137"/>
      <c r="AR1693" s="137"/>
      <c r="AS1693" s="137"/>
      <c r="AT1693" s="137"/>
      <c r="AU1693" s="137"/>
      <c r="AV1693" s="137"/>
      <c r="AW1693" s="144"/>
    </row>
    <row r="1694" spans="2:49" x14ac:dyDescent="0.2">
      <c r="B1694" s="97"/>
      <c r="G1694" s="43"/>
      <c r="J1694" s="98"/>
      <c r="K1694" s="97"/>
      <c r="N1694" s="3"/>
      <c r="W1694" s="98"/>
      <c r="Z1694" s="143"/>
      <c r="AA1694" s="137"/>
      <c r="AB1694" s="137"/>
      <c r="AC1694" s="137"/>
      <c r="AD1694" s="137"/>
      <c r="AE1694" s="137"/>
      <c r="AF1694" s="137"/>
      <c r="AG1694" s="137"/>
      <c r="AH1694" s="137"/>
      <c r="AI1694" s="137"/>
      <c r="AJ1694" s="137"/>
      <c r="AK1694" s="206"/>
      <c r="AL1694" s="206"/>
      <c r="AM1694" s="143"/>
      <c r="AN1694" s="137"/>
      <c r="AO1694" s="137"/>
      <c r="AP1694" s="137"/>
      <c r="AQ1694" s="137"/>
      <c r="AR1694" s="137"/>
      <c r="AS1694" s="137"/>
      <c r="AT1694" s="137"/>
      <c r="AU1694" s="137"/>
      <c r="AV1694" s="137"/>
      <c r="AW1694" s="144"/>
    </row>
    <row r="1695" spans="2:49" x14ac:dyDescent="0.2">
      <c r="B1695" s="97"/>
      <c r="G1695" s="43"/>
      <c r="J1695" s="98"/>
      <c r="K1695" s="97"/>
      <c r="N1695" s="3"/>
      <c r="W1695" s="98"/>
      <c r="Z1695" s="143"/>
      <c r="AA1695" s="137"/>
      <c r="AB1695" s="137"/>
      <c r="AC1695" s="137"/>
      <c r="AD1695" s="137"/>
      <c r="AE1695" s="137"/>
      <c r="AF1695" s="137"/>
      <c r="AG1695" s="137"/>
      <c r="AH1695" s="137"/>
      <c r="AI1695" s="137"/>
      <c r="AJ1695" s="137"/>
      <c r="AK1695" s="206"/>
      <c r="AL1695" s="206"/>
      <c r="AM1695" s="143"/>
      <c r="AN1695" s="137"/>
      <c r="AO1695" s="137"/>
      <c r="AP1695" s="137"/>
      <c r="AQ1695" s="137"/>
      <c r="AR1695" s="137"/>
      <c r="AS1695" s="137"/>
      <c r="AT1695" s="137"/>
      <c r="AU1695" s="137"/>
      <c r="AV1695" s="137"/>
      <c r="AW1695" s="144"/>
    </row>
    <row r="1696" spans="2:49" x14ac:dyDescent="0.2">
      <c r="B1696" s="97"/>
      <c r="G1696" s="43"/>
      <c r="J1696" s="98"/>
      <c r="K1696" s="97"/>
      <c r="N1696" s="3"/>
      <c r="W1696" s="98"/>
      <c r="Z1696" s="143"/>
      <c r="AA1696" s="137"/>
      <c r="AB1696" s="137"/>
      <c r="AC1696" s="137"/>
      <c r="AD1696" s="137"/>
      <c r="AE1696" s="137"/>
      <c r="AF1696" s="137"/>
      <c r="AG1696" s="137"/>
      <c r="AH1696" s="137"/>
      <c r="AI1696" s="137"/>
      <c r="AJ1696" s="137"/>
      <c r="AK1696" s="206"/>
      <c r="AL1696" s="206"/>
      <c r="AM1696" s="143"/>
      <c r="AN1696" s="137"/>
      <c r="AO1696" s="137"/>
      <c r="AP1696" s="137"/>
      <c r="AQ1696" s="137"/>
      <c r="AR1696" s="137"/>
      <c r="AS1696" s="137"/>
      <c r="AT1696" s="137"/>
      <c r="AU1696" s="137"/>
      <c r="AV1696" s="137"/>
      <c r="AW1696" s="144"/>
    </row>
    <row r="1697" spans="2:49" x14ac:dyDescent="0.2">
      <c r="B1697" s="97"/>
      <c r="G1697" s="43"/>
      <c r="J1697" s="98"/>
      <c r="K1697" s="97"/>
      <c r="N1697" s="3"/>
      <c r="W1697" s="98"/>
      <c r="Z1697" s="143"/>
      <c r="AA1697" s="137"/>
      <c r="AB1697" s="137"/>
      <c r="AC1697" s="137"/>
      <c r="AD1697" s="137"/>
      <c r="AE1697" s="137"/>
      <c r="AF1697" s="137"/>
      <c r="AG1697" s="137"/>
      <c r="AH1697" s="137"/>
      <c r="AI1697" s="137"/>
      <c r="AJ1697" s="137"/>
      <c r="AK1697" s="206"/>
      <c r="AL1697" s="206"/>
      <c r="AM1697" s="143"/>
      <c r="AN1697" s="137"/>
      <c r="AO1697" s="137"/>
      <c r="AP1697" s="137"/>
      <c r="AQ1697" s="137"/>
      <c r="AR1697" s="137"/>
      <c r="AS1697" s="137"/>
      <c r="AT1697" s="137"/>
      <c r="AU1697" s="137"/>
      <c r="AV1697" s="137"/>
      <c r="AW1697" s="144"/>
    </row>
    <row r="1698" spans="2:49" x14ac:dyDescent="0.2">
      <c r="B1698" s="97"/>
      <c r="G1698" s="43"/>
      <c r="J1698" s="98"/>
      <c r="K1698" s="97"/>
      <c r="N1698" s="3"/>
      <c r="W1698" s="98"/>
      <c r="Z1698" s="143"/>
      <c r="AA1698" s="137"/>
      <c r="AB1698" s="137"/>
      <c r="AC1698" s="137"/>
      <c r="AD1698" s="137"/>
      <c r="AE1698" s="137"/>
      <c r="AF1698" s="137"/>
      <c r="AG1698" s="137"/>
      <c r="AH1698" s="137"/>
      <c r="AI1698" s="137"/>
      <c r="AJ1698" s="137"/>
      <c r="AK1698" s="206"/>
      <c r="AL1698" s="206"/>
      <c r="AM1698" s="143"/>
      <c r="AN1698" s="137"/>
      <c r="AO1698" s="137"/>
      <c r="AP1698" s="137"/>
      <c r="AQ1698" s="137"/>
      <c r="AR1698" s="137"/>
      <c r="AS1698" s="137"/>
      <c r="AT1698" s="137"/>
      <c r="AU1698" s="137"/>
      <c r="AV1698" s="137"/>
      <c r="AW1698" s="144"/>
    </row>
    <row r="1699" spans="2:49" x14ac:dyDescent="0.2">
      <c r="B1699" s="97"/>
      <c r="G1699" s="43"/>
      <c r="J1699" s="98"/>
      <c r="K1699" s="97"/>
      <c r="N1699" s="3"/>
      <c r="W1699" s="98"/>
      <c r="Z1699" s="143"/>
      <c r="AA1699" s="137"/>
      <c r="AB1699" s="137"/>
      <c r="AC1699" s="137"/>
      <c r="AD1699" s="137"/>
      <c r="AE1699" s="137"/>
      <c r="AF1699" s="137"/>
      <c r="AG1699" s="137"/>
      <c r="AH1699" s="137"/>
      <c r="AI1699" s="137"/>
      <c r="AJ1699" s="137"/>
      <c r="AK1699" s="206"/>
      <c r="AL1699" s="206"/>
      <c r="AM1699" s="143"/>
      <c r="AN1699" s="137"/>
      <c r="AO1699" s="137"/>
      <c r="AP1699" s="137"/>
      <c r="AQ1699" s="137"/>
      <c r="AR1699" s="137"/>
      <c r="AS1699" s="137"/>
      <c r="AT1699" s="137"/>
      <c r="AU1699" s="137"/>
      <c r="AV1699" s="137"/>
      <c r="AW1699" s="144"/>
    </row>
    <row r="1700" spans="2:49" x14ac:dyDescent="0.2">
      <c r="B1700" s="97"/>
      <c r="G1700" s="43"/>
      <c r="J1700" s="98"/>
      <c r="K1700" s="97"/>
      <c r="N1700" s="3"/>
      <c r="W1700" s="98"/>
      <c r="Z1700" s="143"/>
      <c r="AA1700" s="137"/>
      <c r="AB1700" s="137"/>
      <c r="AC1700" s="137"/>
      <c r="AD1700" s="137"/>
      <c r="AE1700" s="137"/>
      <c r="AF1700" s="137"/>
      <c r="AG1700" s="137"/>
      <c r="AH1700" s="137"/>
      <c r="AI1700" s="137"/>
      <c r="AJ1700" s="137"/>
      <c r="AK1700" s="206"/>
      <c r="AL1700" s="206"/>
      <c r="AM1700" s="143"/>
      <c r="AN1700" s="137"/>
      <c r="AO1700" s="137"/>
      <c r="AP1700" s="137"/>
      <c r="AQ1700" s="137"/>
      <c r="AR1700" s="137"/>
      <c r="AS1700" s="137"/>
      <c r="AT1700" s="137"/>
      <c r="AU1700" s="137"/>
      <c r="AV1700" s="137"/>
      <c r="AW1700" s="144"/>
    </row>
    <row r="1701" spans="2:49" x14ac:dyDescent="0.2">
      <c r="B1701" s="97"/>
      <c r="G1701" s="43"/>
      <c r="J1701" s="98"/>
      <c r="K1701" s="97"/>
      <c r="N1701" s="3"/>
      <c r="W1701" s="98"/>
      <c r="Z1701" s="143"/>
      <c r="AA1701" s="137"/>
      <c r="AB1701" s="137"/>
      <c r="AC1701" s="137"/>
      <c r="AD1701" s="137"/>
      <c r="AE1701" s="137"/>
      <c r="AF1701" s="137"/>
      <c r="AG1701" s="137"/>
      <c r="AH1701" s="137"/>
      <c r="AI1701" s="137"/>
      <c r="AJ1701" s="137"/>
      <c r="AK1701" s="206"/>
      <c r="AL1701" s="206"/>
      <c r="AM1701" s="143"/>
      <c r="AN1701" s="137"/>
      <c r="AO1701" s="137"/>
      <c r="AP1701" s="137"/>
      <c r="AQ1701" s="137"/>
      <c r="AR1701" s="137"/>
      <c r="AS1701" s="137"/>
      <c r="AT1701" s="137"/>
      <c r="AU1701" s="137"/>
      <c r="AV1701" s="137"/>
      <c r="AW1701" s="144"/>
    </row>
    <row r="1702" spans="2:49" x14ac:dyDescent="0.2">
      <c r="B1702" s="97"/>
      <c r="G1702" s="43"/>
      <c r="J1702" s="98"/>
      <c r="K1702" s="97"/>
      <c r="N1702" s="3"/>
      <c r="W1702" s="98"/>
      <c r="Z1702" s="143"/>
      <c r="AA1702" s="137"/>
      <c r="AB1702" s="137"/>
      <c r="AC1702" s="137"/>
      <c r="AD1702" s="137"/>
      <c r="AE1702" s="137"/>
      <c r="AF1702" s="137"/>
      <c r="AG1702" s="137"/>
      <c r="AH1702" s="137"/>
      <c r="AI1702" s="137"/>
      <c r="AJ1702" s="137"/>
      <c r="AK1702" s="206"/>
      <c r="AL1702" s="206"/>
      <c r="AM1702" s="143"/>
      <c r="AN1702" s="137"/>
      <c r="AO1702" s="137"/>
      <c r="AP1702" s="137"/>
      <c r="AQ1702" s="137"/>
      <c r="AR1702" s="137"/>
      <c r="AS1702" s="137"/>
      <c r="AT1702" s="137"/>
      <c r="AU1702" s="137"/>
      <c r="AV1702" s="137"/>
      <c r="AW1702" s="144"/>
    </row>
    <row r="1703" spans="2:49" x14ac:dyDescent="0.2">
      <c r="B1703" s="97"/>
      <c r="G1703" s="43"/>
      <c r="J1703" s="98"/>
      <c r="K1703" s="97"/>
      <c r="N1703" s="3"/>
      <c r="W1703" s="98"/>
      <c r="Z1703" s="143"/>
      <c r="AA1703" s="137"/>
      <c r="AB1703" s="137"/>
      <c r="AC1703" s="137"/>
      <c r="AD1703" s="137"/>
      <c r="AE1703" s="137"/>
      <c r="AF1703" s="137"/>
      <c r="AG1703" s="137"/>
      <c r="AH1703" s="137"/>
      <c r="AI1703" s="137"/>
      <c r="AJ1703" s="137"/>
      <c r="AK1703" s="206"/>
      <c r="AL1703" s="206"/>
      <c r="AM1703" s="143"/>
      <c r="AN1703" s="137"/>
      <c r="AO1703" s="137"/>
      <c r="AP1703" s="137"/>
      <c r="AQ1703" s="137"/>
      <c r="AR1703" s="137"/>
      <c r="AS1703" s="137"/>
      <c r="AT1703" s="137"/>
      <c r="AU1703" s="137"/>
      <c r="AV1703" s="137"/>
      <c r="AW1703" s="144"/>
    </row>
    <row r="1704" spans="2:49" x14ac:dyDescent="0.2">
      <c r="B1704" s="97"/>
      <c r="G1704" s="43"/>
      <c r="J1704" s="98"/>
      <c r="K1704" s="97"/>
      <c r="N1704" s="3"/>
      <c r="W1704" s="98"/>
      <c r="Z1704" s="143"/>
      <c r="AA1704" s="137"/>
      <c r="AB1704" s="137"/>
      <c r="AC1704" s="137"/>
      <c r="AD1704" s="137"/>
      <c r="AE1704" s="137"/>
      <c r="AF1704" s="137"/>
      <c r="AG1704" s="137"/>
      <c r="AH1704" s="137"/>
      <c r="AI1704" s="137"/>
      <c r="AJ1704" s="137"/>
      <c r="AK1704" s="206"/>
      <c r="AL1704" s="206"/>
      <c r="AM1704" s="143"/>
      <c r="AN1704" s="137"/>
      <c r="AO1704" s="137"/>
      <c r="AP1704" s="137"/>
      <c r="AQ1704" s="137"/>
      <c r="AR1704" s="137"/>
      <c r="AS1704" s="137"/>
      <c r="AT1704" s="137"/>
      <c r="AU1704" s="137"/>
      <c r="AV1704" s="137"/>
      <c r="AW1704" s="144"/>
    </row>
    <row r="1705" spans="2:49" x14ac:dyDescent="0.2">
      <c r="B1705" s="97"/>
      <c r="G1705" s="43"/>
      <c r="J1705" s="98"/>
      <c r="K1705" s="97"/>
      <c r="N1705" s="3"/>
      <c r="W1705" s="98"/>
      <c r="Z1705" s="143"/>
      <c r="AA1705" s="137"/>
      <c r="AB1705" s="137"/>
      <c r="AC1705" s="137"/>
      <c r="AD1705" s="137"/>
      <c r="AE1705" s="137"/>
      <c r="AF1705" s="137"/>
      <c r="AG1705" s="137"/>
      <c r="AH1705" s="137"/>
      <c r="AI1705" s="137"/>
      <c r="AJ1705" s="137"/>
      <c r="AK1705" s="206"/>
      <c r="AL1705" s="206"/>
      <c r="AM1705" s="143"/>
      <c r="AN1705" s="137"/>
      <c r="AO1705" s="137"/>
      <c r="AP1705" s="137"/>
      <c r="AQ1705" s="137"/>
      <c r="AR1705" s="137"/>
      <c r="AS1705" s="137"/>
      <c r="AT1705" s="137"/>
      <c r="AU1705" s="137"/>
      <c r="AV1705" s="137"/>
      <c r="AW1705" s="144"/>
    </row>
    <row r="1706" spans="2:49" x14ac:dyDescent="0.2">
      <c r="B1706" s="97"/>
      <c r="G1706" s="43"/>
      <c r="J1706" s="98"/>
      <c r="K1706" s="97"/>
      <c r="N1706" s="3"/>
      <c r="W1706" s="98"/>
      <c r="Z1706" s="143"/>
      <c r="AA1706" s="137"/>
      <c r="AB1706" s="137"/>
      <c r="AC1706" s="137"/>
      <c r="AD1706" s="137"/>
      <c r="AE1706" s="137"/>
      <c r="AF1706" s="137"/>
      <c r="AG1706" s="137"/>
      <c r="AH1706" s="137"/>
      <c r="AI1706" s="137"/>
      <c r="AJ1706" s="137"/>
      <c r="AK1706" s="206"/>
      <c r="AL1706" s="206"/>
      <c r="AM1706" s="143"/>
      <c r="AN1706" s="137"/>
      <c r="AO1706" s="137"/>
      <c r="AP1706" s="137"/>
      <c r="AQ1706" s="137"/>
      <c r="AR1706" s="137"/>
      <c r="AS1706" s="137"/>
      <c r="AT1706" s="137"/>
      <c r="AU1706" s="137"/>
      <c r="AV1706" s="137"/>
      <c r="AW1706" s="144"/>
    </row>
    <row r="1707" spans="2:49" x14ac:dyDescent="0.2">
      <c r="B1707" s="97"/>
      <c r="G1707" s="43"/>
      <c r="J1707" s="98"/>
      <c r="K1707" s="97"/>
      <c r="N1707" s="3"/>
      <c r="W1707" s="98"/>
      <c r="Z1707" s="143"/>
      <c r="AA1707" s="137"/>
      <c r="AB1707" s="137"/>
      <c r="AC1707" s="137"/>
      <c r="AD1707" s="137"/>
      <c r="AE1707" s="137"/>
      <c r="AF1707" s="137"/>
      <c r="AG1707" s="137"/>
      <c r="AH1707" s="137"/>
      <c r="AI1707" s="137"/>
      <c r="AJ1707" s="137"/>
      <c r="AK1707" s="206"/>
      <c r="AL1707" s="206"/>
      <c r="AM1707" s="143"/>
      <c r="AN1707" s="137"/>
      <c r="AO1707" s="137"/>
      <c r="AP1707" s="137"/>
      <c r="AQ1707" s="137"/>
      <c r="AR1707" s="137"/>
      <c r="AS1707" s="137"/>
      <c r="AT1707" s="137"/>
      <c r="AU1707" s="137"/>
      <c r="AV1707" s="137"/>
      <c r="AW1707" s="144"/>
    </row>
    <row r="1708" spans="2:49" x14ac:dyDescent="0.2">
      <c r="B1708" s="97"/>
      <c r="G1708" s="43"/>
      <c r="J1708" s="98"/>
      <c r="K1708" s="97"/>
      <c r="N1708" s="3"/>
      <c r="W1708" s="98"/>
      <c r="Z1708" s="143"/>
      <c r="AA1708" s="137"/>
      <c r="AB1708" s="137"/>
      <c r="AC1708" s="137"/>
      <c r="AD1708" s="137"/>
      <c r="AE1708" s="137"/>
      <c r="AF1708" s="137"/>
      <c r="AG1708" s="137"/>
      <c r="AH1708" s="137"/>
      <c r="AI1708" s="137"/>
      <c r="AJ1708" s="137"/>
      <c r="AK1708" s="206"/>
      <c r="AL1708" s="206"/>
      <c r="AM1708" s="143"/>
      <c r="AN1708" s="137"/>
      <c r="AO1708" s="137"/>
      <c r="AP1708" s="137"/>
      <c r="AQ1708" s="137"/>
      <c r="AR1708" s="137"/>
      <c r="AS1708" s="137"/>
      <c r="AT1708" s="137"/>
      <c r="AU1708" s="137"/>
      <c r="AV1708" s="137"/>
      <c r="AW1708" s="144"/>
    </row>
    <row r="1709" spans="2:49" x14ac:dyDescent="0.2">
      <c r="B1709" s="97"/>
      <c r="G1709" s="43"/>
      <c r="J1709" s="98"/>
      <c r="K1709" s="97"/>
      <c r="N1709" s="3"/>
      <c r="W1709" s="98"/>
      <c r="Z1709" s="143"/>
      <c r="AA1709" s="137"/>
      <c r="AB1709" s="137"/>
      <c r="AC1709" s="137"/>
      <c r="AD1709" s="137"/>
      <c r="AE1709" s="137"/>
      <c r="AF1709" s="137"/>
      <c r="AG1709" s="137"/>
      <c r="AH1709" s="137"/>
      <c r="AI1709" s="137"/>
      <c r="AJ1709" s="137"/>
      <c r="AK1709" s="206"/>
      <c r="AL1709" s="206"/>
      <c r="AM1709" s="143"/>
      <c r="AN1709" s="137"/>
      <c r="AO1709" s="137"/>
      <c r="AP1709" s="137"/>
      <c r="AQ1709" s="137"/>
      <c r="AR1709" s="137"/>
      <c r="AS1709" s="137"/>
      <c r="AT1709" s="137"/>
      <c r="AU1709" s="137"/>
      <c r="AV1709" s="137"/>
      <c r="AW1709" s="144"/>
    </row>
    <row r="1710" spans="2:49" x14ac:dyDescent="0.2">
      <c r="B1710" s="97"/>
      <c r="G1710" s="43"/>
      <c r="J1710" s="98"/>
      <c r="K1710" s="97"/>
      <c r="N1710" s="3"/>
      <c r="W1710" s="98"/>
      <c r="Z1710" s="143"/>
      <c r="AA1710" s="137"/>
      <c r="AB1710" s="137"/>
      <c r="AC1710" s="137"/>
      <c r="AD1710" s="137"/>
      <c r="AE1710" s="137"/>
      <c r="AF1710" s="137"/>
      <c r="AG1710" s="137"/>
      <c r="AH1710" s="137"/>
      <c r="AI1710" s="137"/>
      <c r="AJ1710" s="137"/>
      <c r="AK1710" s="206"/>
      <c r="AL1710" s="206"/>
      <c r="AM1710" s="143"/>
      <c r="AN1710" s="137"/>
      <c r="AO1710" s="137"/>
      <c r="AP1710" s="137"/>
      <c r="AQ1710" s="137"/>
      <c r="AR1710" s="137"/>
      <c r="AS1710" s="137"/>
      <c r="AT1710" s="137"/>
      <c r="AU1710" s="137"/>
      <c r="AV1710" s="137"/>
      <c r="AW1710" s="144"/>
    </row>
    <row r="1711" spans="2:49" x14ac:dyDescent="0.2">
      <c r="B1711" s="97"/>
      <c r="G1711" s="43"/>
      <c r="J1711" s="98"/>
      <c r="K1711" s="97"/>
      <c r="N1711" s="3"/>
      <c r="W1711" s="98"/>
      <c r="Z1711" s="143"/>
      <c r="AA1711" s="137"/>
      <c r="AB1711" s="137"/>
      <c r="AC1711" s="137"/>
      <c r="AD1711" s="137"/>
      <c r="AE1711" s="137"/>
      <c r="AF1711" s="137"/>
      <c r="AG1711" s="137"/>
      <c r="AH1711" s="137"/>
      <c r="AI1711" s="137"/>
      <c r="AJ1711" s="137"/>
      <c r="AK1711" s="206"/>
      <c r="AL1711" s="206"/>
      <c r="AM1711" s="143"/>
      <c r="AN1711" s="137"/>
      <c r="AO1711" s="137"/>
      <c r="AP1711" s="137"/>
      <c r="AQ1711" s="137"/>
      <c r="AR1711" s="137"/>
      <c r="AS1711" s="137"/>
      <c r="AT1711" s="137"/>
      <c r="AU1711" s="137"/>
      <c r="AV1711" s="137"/>
      <c r="AW1711" s="144"/>
    </row>
    <row r="1712" spans="2:49" x14ac:dyDescent="0.2">
      <c r="B1712" s="97"/>
      <c r="G1712" s="43"/>
      <c r="J1712" s="98"/>
      <c r="K1712" s="97"/>
      <c r="N1712" s="3"/>
      <c r="W1712" s="98"/>
      <c r="Z1712" s="143"/>
      <c r="AA1712" s="137"/>
      <c r="AB1712" s="137"/>
      <c r="AC1712" s="137"/>
      <c r="AD1712" s="137"/>
      <c r="AE1712" s="137"/>
      <c r="AF1712" s="137"/>
      <c r="AG1712" s="137"/>
      <c r="AH1712" s="137"/>
      <c r="AI1712" s="137"/>
      <c r="AJ1712" s="137"/>
      <c r="AK1712" s="206"/>
      <c r="AL1712" s="206"/>
      <c r="AM1712" s="143"/>
      <c r="AN1712" s="137"/>
      <c r="AO1712" s="137"/>
      <c r="AP1712" s="137"/>
      <c r="AQ1712" s="137"/>
      <c r="AR1712" s="137"/>
      <c r="AS1712" s="137"/>
      <c r="AT1712" s="137"/>
      <c r="AU1712" s="137"/>
      <c r="AV1712" s="137"/>
      <c r="AW1712" s="144"/>
    </row>
    <row r="1713" spans="2:49" x14ac:dyDescent="0.2">
      <c r="B1713" s="97"/>
      <c r="G1713" s="43"/>
      <c r="J1713" s="98"/>
      <c r="K1713" s="97"/>
      <c r="N1713" s="3"/>
      <c r="W1713" s="98"/>
      <c r="Z1713" s="143"/>
      <c r="AA1713" s="137"/>
      <c r="AB1713" s="137"/>
      <c r="AC1713" s="137"/>
      <c r="AD1713" s="137"/>
      <c r="AE1713" s="137"/>
      <c r="AF1713" s="137"/>
      <c r="AG1713" s="137"/>
      <c r="AH1713" s="137"/>
      <c r="AI1713" s="137"/>
      <c r="AJ1713" s="137"/>
      <c r="AK1713" s="206"/>
      <c r="AL1713" s="206"/>
      <c r="AM1713" s="143"/>
      <c r="AN1713" s="137"/>
      <c r="AO1713" s="137"/>
      <c r="AP1713" s="137"/>
      <c r="AQ1713" s="137"/>
      <c r="AR1713" s="137"/>
      <c r="AS1713" s="137"/>
      <c r="AT1713" s="137"/>
      <c r="AU1713" s="137"/>
      <c r="AV1713" s="137"/>
      <c r="AW1713" s="144"/>
    </row>
    <row r="1714" spans="2:49" x14ac:dyDescent="0.2">
      <c r="B1714" s="97"/>
      <c r="G1714" s="43"/>
      <c r="J1714" s="98"/>
      <c r="K1714" s="97"/>
      <c r="N1714" s="3"/>
      <c r="W1714" s="98"/>
      <c r="Z1714" s="143"/>
      <c r="AA1714" s="137"/>
      <c r="AB1714" s="137"/>
      <c r="AC1714" s="137"/>
      <c r="AD1714" s="137"/>
      <c r="AE1714" s="137"/>
      <c r="AF1714" s="137"/>
      <c r="AG1714" s="137"/>
      <c r="AH1714" s="137"/>
      <c r="AI1714" s="137"/>
      <c r="AJ1714" s="137"/>
      <c r="AK1714" s="206"/>
      <c r="AL1714" s="206"/>
      <c r="AM1714" s="143"/>
      <c r="AN1714" s="137"/>
      <c r="AO1714" s="137"/>
      <c r="AP1714" s="137"/>
      <c r="AQ1714" s="137"/>
      <c r="AR1714" s="137"/>
      <c r="AS1714" s="137"/>
      <c r="AT1714" s="137"/>
      <c r="AU1714" s="137"/>
      <c r="AV1714" s="137"/>
      <c r="AW1714" s="144"/>
    </row>
    <row r="1715" spans="2:49" x14ac:dyDescent="0.2">
      <c r="B1715" s="97"/>
      <c r="G1715" s="43"/>
      <c r="J1715" s="98"/>
      <c r="K1715" s="97"/>
      <c r="N1715" s="3"/>
      <c r="W1715" s="98"/>
      <c r="Z1715" s="143"/>
      <c r="AA1715" s="137"/>
      <c r="AB1715" s="137"/>
      <c r="AC1715" s="137"/>
      <c r="AD1715" s="137"/>
      <c r="AE1715" s="137"/>
      <c r="AF1715" s="137"/>
      <c r="AG1715" s="137"/>
      <c r="AH1715" s="137"/>
      <c r="AI1715" s="137"/>
      <c r="AJ1715" s="137"/>
      <c r="AK1715" s="206"/>
      <c r="AL1715" s="206"/>
      <c r="AM1715" s="143"/>
      <c r="AN1715" s="137"/>
      <c r="AO1715" s="137"/>
      <c r="AP1715" s="137"/>
      <c r="AQ1715" s="137"/>
      <c r="AR1715" s="137"/>
      <c r="AS1715" s="137"/>
      <c r="AT1715" s="137"/>
      <c r="AU1715" s="137"/>
      <c r="AV1715" s="137"/>
      <c r="AW1715" s="144"/>
    </row>
    <row r="1716" spans="2:49" x14ac:dyDescent="0.2">
      <c r="B1716" s="97"/>
      <c r="G1716" s="43"/>
      <c r="J1716" s="98"/>
      <c r="K1716" s="97"/>
      <c r="N1716" s="3"/>
      <c r="W1716" s="98"/>
      <c r="Z1716" s="143"/>
      <c r="AA1716" s="137"/>
      <c r="AB1716" s="137"/>
      <c r="AC1716" s="137"/>
      <c r="AD1716" s="137"/>
      <c r="AE1716" s="137"/>
      <c r="AF1716" s="137"/>
      <c r="AG1716" s="137"/>
      <c r="AH1716" s="137"/>
      <c r="AI1716" s="137"/>
      <c r="AJ1716" s="137"/>
      <c r="AK1716" s="206"/>
      <c r="AL1716" s="206"/>
      <c r="AM1716" s="143"/>
      <c r="AN1716" s="137"/>
      <c r="AO1716" s="137"/>
      <c r="AP1716" s="137"/>
      <c r="AQ1716" s="137"/>
      <c r="AR1716" s="137"/>
      <c r="AS1716" s="137"/>
      <c r="AT1716" s="137"/>
      <c r="AU1716" s="137"/>
      <c r="AV1716" s="137"/>
      <c r="AW1716" s="144"/>
    </row>
    <row r="1717" spans="2:49" x14ac:dyDescent="0.2">
      <c r="B1717" s="97"/>
      <c r="G1717" s="43"/>
      <c r="J1717" s="98"/>
      <c r="K1717" s="97"/>
      <c r="N1717" s="3"/>
      <c r="W1717" s="98"/>
      <c r="Z1717" s="143"/>
      <c r="AA1717" s="137"/>
      <c r="AB1717" s="137"/>
      <c r="AC1717" s="137"/>
      <c r="AD1717" s="137"/>
      <c r="AE1717" s="137"/>
      <c r="AF1717" s="137"/>
      <c r="AG1717" s="137"/>
      <c r="AH1717" s="137"/>
      <c r="AI1717" s="137"/>
      <c r="AJ1717" s="137"/>
      <c r="AK1717" s="206"/>
      <c r="AL1717" s="206"/>
      <c r="AM1717" s="143"/>
      <c r="AN1717" s="137"/>
      <c r="AO1717" s="137"/>
      <c r="AP1717" s="137"/>
      <c r="AQ1717" s="137"/>
      <c r="AR1717" s="137"/>
      <c r="AS1717" s="137"/>
      <c r="AT1717" s="137"/>
      <c r="AU1717" s="137"/>
      <c r="AV1717" s="137"/>
      <c r="AW1717" s="144"/>
    </row>
    <row r="1718" spans="2:49" x14ac:dyDescent="0.2">
      <c r="B1718" s="97"/>
      <c r="G1718" s="43"/>
      <c r="J1718" s="98"/>
      <c r="K1718" s="97"/>
      <c r="N1718" s="3"/>
      <c r="W1718" s="98"/>
      <c r="Z1718" s="143"/>
      <c r="AA1718" s="137"/>
      <c r="AB1718" s="137"/>
      <c r="AC1718" s="137"/>
      <c r="AD1718" s="137"/>
      <c r="AE1718" s="137"/>
      <c r="AF1718" s="137"/>
      <c r="AG1718" s="137"/>
      <c r="AH1718" s="137"/>
      <c r="AI1718" s="137"/>
      <c r="AJ1718" s="137"/>
      <c r="AK1718" s="206"/>
      <c r="AL1718" s="206"/>
      <c r="AM1718" s="143"/>
      <c r="AN1718" s="137"/>
      <c r="AO1718" s="137"/>
      <c r="AP1718" s="137"/>
      <c r="AQ1718" s="137"/>
      <c r="AR1718" s="137"/>
      <c r="AS1718" s="137"/>
      <c r="AT1718" s="137"/>
      <c r="AU1718" s="137"/>
      <c r="AV1718" s="137"/>
      <c r="AW1718" s="144"/>
    </row>
    <row r="1719" spans="2:49" x14ac:dyDescent="0.2">
      <c r="B1719" s="97"/>
      <c r="G1719" s="43"/>
      <c r="J1719" s="98"/>
      <c r="K1719" s="97"/>
      <c r="N1719" s="3"/>
      <c r="W1719" s="98"/>
      <c r="Z1719" s="143"/>
      <c r="AA1719" s="137"/>
      <c r="AB1719" s="137"/>
      <c r="AC1719" s="137"/>
      <c r="AD1719" s="137"/>
      <c r="AE1719" s="137"/>
      <c r="AF1719" s="137"/>
      <c r="AG1719" s="137"/>
      <c r="AH1719" s="137"/>
      <c r="AI1719" s="137"/>
      <c r="AJ1719" s="137"/>
      <c r="AK1719" s="206"/>
      <c r="AL1719" s="206"/>
      <c r="AM1719" s="143"/>
      <c r="AN1719" s="137"/>
      <c r="AO1719" s="137"/>
      <c r="AP1719" s="137"/>
      <c r="AQ1719" s="137"/>
      <c r="AR1719" s="137"/>
      <c r="AS1719" s="137"/>
      <c r="AT1719" s="137"/>
      <c r="AU1719" s="137"/>
      <c r="AV1719" s="137"/>
      <c r="AW1719" s="144"/>
    </row>
    <row r="1720" spans="2:49" x14ac:dyDescent="0.2">
      <c r="B1720" s="97"/>
      <c r="G1720" s="43"/>
      <c r="J1720" s="98"/>
      <c r="K1720" s="97"/>
      <c r="N1720" s="3"/>
      <c r="W1720" s="98"/>
      <c r="Z1720" s="143"/>
      <c r="AA1720" s="137"/>
      <c r="AB1720" s="137"/>
      <c r="AC1720" s="137"/>
      <c r="AD1720" s="137"/>
      <c r="AE1720" s="137"/>
      <c r="AF1720" s="137"/>
      <c r="AG1720" s="137"/>
      <c r="AH1720" s="137"/>
      <c r="AI1720" s="137"/>
      <c r="AJ1720" s="137"/>
      <c r="AK1720" s="206"/>
      <c r="AL1720" s="206"/>
      <c r="AM1720" s="143"/>
      <c r="AN1720" s="137"/>
      <c r="AO1720" s="137"/>
      <c r="AP1720" s="137"/>
      <c r="AQ1720" s="137"/>
      <c r="AR1720" s="137"/>
      <c r="AS1720" s="137"/>
      <c r="AT1720" s="137"/>
      <c r="AU1720" s="137"/>
      <c r="AV1720" s="137"/>
      <c r="AW1720" s="144"/>
    </row>
    <row r="1721" spans="2:49" x14ac:dyDescent="0.2">
      <c r="B1721" s="97"/>
      <c r="G1721" s="43"/>
      <c r="J1721" s="98"/>
      <c r="K1721" s="97"/>
      <c r="N1721" s="3"/>
      <c r="W1721" s="98"/>
      <c r="Z1721" s="143"/>
      <c r="AA1721" s="137"/>
      <c r="AB1721" s="137"/>
      <c r="AC1721" s="137"/>
      <c r="AD1721" s="137"/>
      <c r="AE1721" s="137"/>
      <c r="AF1721" s="137"/>
      <c r="AG1721" s="137"/>
      <c r="AH1721" s="137"/>
      <c r="AI1721" s="137"/>
      <c r="AJ1721" s="137"/>
      <c r="AK1721" s="206"/>
      <c r="AL1721" s="206"/>
      <c r="AM1721" s="143"/>
      <c r="AN1721" s="137"/>
      <c r="AO1721" s="137"/>
      <c r="AP1721" s="137"/>
      <c r="AQ1721" s="137"/>
      <c r="AR1721" s="137"/>
      <c r="AS1721" s="137"/>
      <c r="AT1721" s="137"/>
      <c r="AU1721" s="137"/>
      <c r="AV1721" s="137"/>
      <c r="AW1721" s="144"/>
    </row>
    <row r="1722" spans="2:49" x14ac:dyDescent="0.2">
      <c r="B1722" s="97"/>
      <c r="G1722" s="43"/>
      <c r="J1722" s="98"/>
      <c r="K1722" s="97"/>
      <c r="N1722" s="3"/>
      <c r="W1722" s="98"/>
      <c r="Z1722" s="143"/>
      <c r="AA1722" s="137"/>
      <c r="AB1722" s="137"/>
      <c r="AC1722" s="137"/>
      <c r="AD1722" s="137"/>
      <c r="AE1722" s="137"/>
      <c r="AF1722" s="137"/>
      <c r="AG1722" s="137"/>
      <c r="AH1722" s="137"/>
      <c r="AI1722" s="137"/>
      <c r="AJ1722" s="137"/>
      <c r="AK1722" s="206"/>
      <c r="AL1722" s="206"/>
      <c r="AM1722" s="143"/>
      <c r="AN1722" s="137"/>
      <c r="AO1722" s="137"/>
      <c r="AP1722" s="137"/>
      <c r="AQ1722" s="137"/>
      <c r="AR1722" s="137"/>
      <c r="AS1722" s="137"/>
      <c r="AT1722" s="137"/>
      <c r="AU1722" s="137"/>
      <c r="AV1722" s="137"/>
      <c r="AW1722" s="144"/>
    </row>
    <row r="1723" spans="2:49" x14ac:dyDescent="0.2">
      <c r="B1723" s="97"/>
      <c r="G1723" s="43"/>
      <c r="J1723" s="98"/>
      <c r="K1723" s="97"/>
      <c r="N1723" s="3"/>
      <c r="W1723" s="98"/>
      <c r="Z1723" s="143"/>
      <c r="AA1723" s="137"/>
      <c r="AB1723" s="137"/>
      <c r="AC1723" s="137"/>
      <c r="AD1723" s="137"/>
      <c r="AE1723" s="137"/>
      <c r="AF1723" s="137"/>
      <c r="AG1723" s="137"/>
      <c r="AH1723" s="137"/>
      <c r="AI1723" s="137"/>
      <c r="AJ1723" s="137"/>
      <c r="AK1723" s="206"/>
      <c r="AL1723" s="206"/>
      <c r="AM1723" s="143"/>
      <c r="AN1723" s="137"/>
      <c r="AO1723" s="137"/>
      <c r="AP1723" s="137"/>
      <c r="AQ1723" s="137"/>
      <c r="AR1723" s="137"/>
      <c r="AS1723" s="137"/>
      <c r="AT1723" s="137"/>
      <c r="AU1723" s="137"/>
      <c r="AV1723" s="137"/>
      <c r="AW1723" s="144"/>
    </row>
    <row r="1724" spans="2:49" x14ac:dyDescent="0.2">
      <c r="B1724" s="97"/>
      <c r="G1724" s="43"/>
      <c r="J1724" s="98"/>
      <c r="K1724" s="97"/>
      <c r="N1724" s="3"/>
      <c r="W1724" s="98"/>
      <c r="Z1724" s="143"/>
      <c r="AA1724" s="137"/>
      <c r="AB1724" s="137"/>
      <c r="AC1724" s="137"/>
      <c r="AD1724" s="137"/>
      <c r="AE1724" s="137"/>
      <c r="AF1724" s="137"/>
      <c r="AG1724" s="137"/>
      <c r="AH1724" s="137"/>
      <c r="AI1724" s="137"/>
      <c r="AJ1724" s="137"/>
      <c r="AK1724" s="206"/>
      <c r="AL1724" s="206"/>
      <c r="AM1724" s="143"/>
      <c r="AN1724" s="137"/>
      <c r="AO1724" s="137"/>
      <c r="AP1724" s="137"/>
      <c r="AQ1724" s="137"/>
      <c r="AR1724" s="137"/>
      <c r="AS1724" s="137"/>
      <c r="AT1724" s="137"/>
      <c r="AU1724" s="137"/>
      <c r="AV1724" s="137"/>
      <c r="AW1724" s="144"/>
    </row>
    <row r="1725" spans="2:49" x14ac:dyDescent="0.2">
      <c r="B1725" s="97"/>
      <c r="G1725" s="43"/>
      <c r="J1725" s="98"/>
      <c r="K1725" s="97"/>
      <c r="N1725" s="3"/>
      <c r="W1725" s="98"/>
      <c r="Z1725" s="143"/>
      <c r="AA1725" s="137"/>
      <c r="AB1725" s="137"/>
      <c r="AC1725" s="137"/>
      <c r="AD1725" s="137"/>
      <c r="AE1725" s="137"/>
      <c r="AF1725" s="137"/>
      <c r="AG1725" s="137"/>
      <c r="AH1725" s="137"/>
      <c r="AI1725" s="137"/>
      <c r="AJ1725" s="137"/>
      <c r="AK1725" s="206"/>
      <c r="AL1725" s="206"/>
      <c r="AM1725" s="143"/>
      <c r="AN1725" s="137"/>
      <c r="AO1725" s="137"/>
      <c r="AP1725" s="137"/>
      <c r="AQ1725" s="137"/>
      <c r="AR1725" s="137"/>
      <c r="AS1725" s="137"/>
      <c r="AT1725" s="137"/>
      <c r="AU1725" s="137"/>
      <c r="AV1725" s="137"/>
      <c r="AW1725" s="144"/>
    </row>
    <row r="1726" spans="2:49" x14ac:dyDescent="0.2">
      <c r="B1726" s="97"/>
      <c r="G1726" s="43"/>
      <c r="J1726" s="98"/>
      <c r="K1726" s="97"/>
      <c r="N1726" s="3"/>
      <c r="W1726" s="98"/>
      <c r="Z1726" s="143"/>
      <c r="AA1726" s="137"/>
      <c r="AB1726" s="137"/>
      <c r="AC1726" s="137"/>
      <c r="AD1726" s="137"/>
      <c r="AE1726" s="137"/>
      <c r="AF1726" s="137"/>
      <c r="AG1726" s="137"/>
      <c r="AH1726" s="137"/>
      <c r="AI1726" s="137"/>
      <c r="AJ1726" s="137"/>
      <c r="AK1726" s="206"/>
      <c r="AL1726" s="206"/>
      <c r="AM1726" s="143"/>
      <c r="AN1726" s="137"/>
      <c r="AO1726" s="137"/>
      <c r="AP1726" s="137"/>
      <c r="AQ1726" s="137"/>
      <c r="AR1726" s="137"/>
      <c r="AS1726" s="137"/>
      <c r="AT1726" s="137"/>
      <c r="AU1726" s="137"/>
      <c r="AV1726" s="137"/>
      <c r="AW1726" s="144"/>
    </row>
    <row r="1727" spans="2:49" x14ac:dyDescent="0.2">
      <c r="B1727" s="97"/>
      <c r="G1727" s="43"/>
      <c r="J1727" s="98"/>
      <c r="K1727" s="97"/>
      <c r="N1727" s="3"/>
      <c r="W1727" s="98"/>
      <c r="Z1727" s="143"/>
      <c r="AA1727" s="137"/>
      <c r="AB1727" s="137"/>
      <c r="AC1727" s="137"/>
      <c r="AD1727" s="137"/>
      <c r="AE1727" s="137"/>
      <c r="AF1727" s="137"/>
      <c r="AG1727" s="137"/>
      <c r="AH1727" s="137"/>
      <c r="AI1727" s="137"/>
      <c r="AJ1727" s="137"/>
      <c r="AK1727" s="206"/>
      <c r="AL1727" s="206"/>
      <c r="AM1727" s="143"/>
      <c r="AN1727" s="137"/>
      <c r="AO1727" s="137"/>
      <c r="AP1727" s="137"/>
      <c r="AQ1727" s="137"/>
      <c r="AR1727" s="137"/>
      <c r="AS1727" s="137"/>
      <c r="AT1727" s="137"/>
      <c r="AU1727" s="137"/>
      <c r="AV1727" s="137"/>
      <c r="AW1727" s="144"/>
    </row>
    <row r="1728" spans="2:49" x14ac:dyDescent="0.2">
      <c r="B1728" s="97"/>
      <c r="G1728" s="43"/>
      <c r="J1728" s="98"/>
      <c r="K1728" s="97"/>
      <c r="N1728" s="3"/>
      <c r="W1728" s="98"/>
      <c r="Z1728" s="143"/>
      <c r="AA1728" s="137"/>
      <c r="AB1728" s="137"/>
      <c r="AC1728" s="137"/>
      <c r="AD1728" s="137"/>
      <c r="AE1728" s="137"/>
      <c r="AF1728" s="137"/>
      <c r="AG1728" s="137"/>
      <c r="AH1728" s="137"/>
      <c r="AI1728" s="137"/>
      <c r="AJ1728" s="137"/>
      <c r="AK1728" s="206"/>
      <c r="AL1728" s="206"/>
      <c r="AM1728" s="143"/>
      <c r="AN1728" s="137"/>
      <c r="AO1728" s="137"/>
      <c r="AP1728" s="137"/>
      <c r="AQ1728" s="137"/>
      <c r="AR1728" s="137"/>
      <c r="AS1728" s="137"/>
      <c r="AT1728" s="137"/>
      <c r="AU1728" s="137"/>
      <c r="AV1728" s="137"/>
      <c r="AW1728" s="144"/>
    </row>
    <row r="1729" spans="2:49" x14ac:dyDescent="0.2">
      <c r="B1729" s="97"/>
      <c r="G1729" s="43"/>
      <c r="J1729" s="98"/>
      <c r="K1729" s="97"/>
      <c r="N1729" s="3"/>
      <c r="W1729" s="98"/>
      <c r="Z1729" s="143"/>
      <c r="AA1729" s="137"/>
      <c r="AB1729" s="137"/>
      <c r="AC1729" s="137"/>
      <c r="AD1729" s="137"/>
      <c r="AE1729" s="137"/>
      <c r="AF1729" s="137"/>
      <c r="AG1729" s="137"/>
      <c r="AH1729" s="137"/>
      <c r="AI1729" s="137"/>
      <c r="AJ1729" s="137"/>
      <c r="AK1729" s="206"/>
      <c r="AL1729" s="206"/>
      <c r="AM1729" s="143"/>
      <c r="AN1729" s="137"/>
      <c r="AO1729" s="137"/>
      <c r="AP1729" s="137"/>
      <c r="AQ1729" s="137"/>
      <c r="AR1729" s="137"/>
      <c r="AS1729" s="137"/>
      <c r="AT1729" s="137"/>
      <c r="AU1729" s="137"/>
      <c r="AV1729" s="137"/>
      <c r="AW1729" s="144"/>
    </row>
    <row r="1730" spans="2:49" x14ac:dyDescent="0.2">
      <c r="B1730" s="97"/>
      <c r="G1730" s="43"/>
      <c r="J1730" s="98"/>
      <c r="K1730" s="97"/>
      <c r="N1730" s="3"/>
      <c r="W1730" s="98"/>
      <c r="Z1730" s="143"/>
      <c r="AA1730" s="137"/>
      <c r="AB1730" s="137"/>
      <c r="AC1730" s="137"/>
      <c r="AD1730" s="137"/>
      <c r="AE1730" s="137"/>
      <c r="AF1730" s="137"/>
      <c r="AG1730" s="137"/>
      <c r="AH1730" s="137"/>
      <c r="AI1730" s="137"/>
      <c r="AJ1730" s="137"/>
      <c r="AK1730" s="206"/>
      <c r="AL1730" s="206"/>
      <c r="AM1730" s="143"/>
      <c r="AN1730" s="137"/>
      <c r="AO1730" s="137"/>
      <c r="AP1730" s="137"/>
      <c r="AQ1730" s="137"/>
      <c r="AR1730" s="137"/>
      <c r="AS1730" s="137"/>
      <c r="AT1730" s="137"/>
      <c r="AU1730" s="137"/>
      <c r="AV1730" s="137"/>
      <c r="AW1730" s="144"/>
    </row>
    <row r="1731" spans="2:49" x14ac:dyDescent="0.2">
      <c r="B1731" s="97"/>
      <c r="G1731" s="43"/>
      <c r="J1731" s="98"/>
      <c r="K1731" s="97"/>
      <c r="N1731" s="3"/>
      <c r="W1731" s="98"/>
      <c r="Z1731" s="143"/>
      <c r="AA1731" s="137"/>
      <c r="AB1731" s="137"/>
      <c r="AC1731" s="137"/>
      <c r="AD1731" s="137"/>
      <c r="AE1731" s="137"/>
      <c r="AF1731" s="137"/>
      <c r="AG1731" s="137"/>
      <c r="AH1731" s="137"/>
      <c r="AI1731" s="137"/>
      <c r="AJ1731" s="137"/>
      <c r="AK1731" s="206"/>
      <c r="AL1731" s="206"/>
      <c r="AM1731" s="143"/>
      <c r="AN1731" s="137"/>
      <c r="AO1731" s="137"/>
      <c r="AP1731" s="137"/>
      <c r="AQ1731" s="137"/>
      <c r="AR1731" s="137"/>
      <c r="AS1731" s="137"/>
      <c r="AT1731" s="137"/>
      <c r="AU1731" s="137"/>
      <c r="AV1731" s="137"/>
      <c r="AW1731" s="144"/>
    </row>
    <row r="1732" spans="2:49" x14ac:dyDescent="0.2">
      <c r="B1732" s="97"/>
      <c r="G1732" s="43"/>
      <c r="J1732" s="98"/>
      <c r="K1732" s="97"/>
      <c r="N1732" s="3"/>
      <c r="W1732" s="98"/>
      <c r="Z1732" s="143"/>
      <c r="AA1732" s="137"/>
      <c r="AB1732" s="137"/>
      <c r="AC1732" s="137"/>
      <c r="AD1732" s="137"/>
      <c r="AE1732" s="137"/>
      <c r="AF1732" s="137"/>
      <c r="AG1732" s="137"/>
      <c r="AH1732" s="137"/>
      <c r="AI1732" s="137"/>
      <c r="AJ1732" s="137"/>
      <c r="AK1732" s="206"/>
      <c r="AL1732" s="206"/>
      <c r="AM1732" s="143"/>
      <c r="AN1732" s="137"/>
      <c r="AO1732" s="137"/>
      <c r="AP1732" s="137"/>
      <c r="AQ1732" s="137"/>
      <c r="AR1732" s="137"/>
      <c r="AS1732" s="137"/>
      <c r="AT1732" s="137"/>
      <c r="AU1732" s="137"/>
      <c r="AV1732" s="137"/>
      <c r="AW1732" s="144"/>
    </row>
    <row r="1733" spans="2:49" x14ac:dyDescent="0.2">
      <c r="B1733" s="97"/>
      <c r="G1733" s="43"/>
      <c r="J1733" s="98"/>
      <c r="K1733" s="97"/>
      <c r="N1733" s="3"/>
      <c r="W1733" s="98"/>
      <c r="Z1733" s="143"/>
      <c r="AA1733" s="137"/>
      <c r="AB1733" s="137"/>
      <c r="AC1733" s="137"/>
      <c r="AD1733" s="137"/>
      <c r="AE1733" s="137"/>
      <c r="AF1733" s="137"/>
      <c r="AG1733" s="137"/>
      <c r="AH1733" s="137"/>
      <c r="AI1733" s="137"/>
      <c r="AJ1733" s="137"/>
      <c r="AK1733" s="206"/>
      <c r="AL1733" s="206"/>
      <c r="AM1733" s="143"/>
      <c r="AN1733" s="137"/>
      <c r="AO1733" s="137"/>
      <c r="AP1733" s="137"/>
      <c r="AQ1733" s="137"/>
      <c r="AR1733" s="137"/>
      <c r="AS1733" s="137"/>
      <c r="AT1733" s="137"/>
      <c r="AU1733" s="137"/>
      <c r="AV1733" s="137"/>
      <c r="AW1733" s="144"/>
    </row>
    <row r="1734" spans="2:49" x14ac:dyDescent="0.2">
      <c r="B1734" s="97"/>
      <c r="G1734" s="43"/>
      <c r="J1734" s="98"/>
      <c r="K1734" s="97"/>
      <c r="N1734" s="3"/>
      <c r="W1734" s="98"/>
      <c r="Z1734" s="143"/>
      <c r="AA1734" s="137"/>
      <c r="AB1734" s="137"/>
      <c r="AC1734" s="137"/>
      <c r="AD1734" s="137"/>
      <c r="AE1734" s="137"/>
      <c r="AF1734" s="137"/>
      <c r="AG1734" s="137"/>
      <c r="AH1734" s="137"/>
      <c r="AI1734" s="137"/>
      <c r="AJ1734" s="137"/>
      <c r="AK1734" s="206"/>
      <c r="AL1734" s="206"/>
      <c r="AM1734" s="143"/>
      <c r="AN1734" s="137"/>
      <c r="AO1734" s="137"/>
      <c r="AP1734" s="137"/>
      <c r="AQ1734" s="137"/>
      <c r="AR1734" s="137"/>
      <c r="AS1734" s="137"/>
      <c r="AT1734" s="137"/>
      <c r="AU1734" s="137"/>
      <c r="AV1734" s="137"/>
      <c r="AW1734" s="144"/>
    </row>
    <row r="1735" spans="2:49" x14ac:dyDescent="0.2">
      <c r="B1735" s="97"/>
      <c r="G1735" s="43"/>
      <c r="J1735" s="98"/>
      <c r="K1735" s="97"/>
      <c r="N1735" s="3"/>
      <c r="W1735" s="98"/>
      <c r="Z1735" s="143"/>
      <c r="AA1735" s="137"/>
      <c r="AB1735" s="137"/>
      <c r="AC1735" s="137"/>
      <c r="AD1735" s="137"/>
      <c r="AE1735" s="137"/>
      <c r="AF1735" s="137"/>
      <c r="AG1735" s="137"/>
      <c r="AH1735" s="137"/>
      <c r="AI1735" s="137"/>
      <c r="AJ1735" s="137"/>
      <c r="AK1735" s="206"/>
      <c r="AL1735" s="206"/>
      <c r="AM1735" s="143"/>
      <c r="AN1735" s="137"/>
      <c r="AO1735" s="137"/>
      <c r="AP1735" s="137"/>
      <c r="AQ1735" s="137"/>
      <c r="AR1735" s="137"/>
      <c r="AS1735" s="137"/>
      <c r="AT1735" s="137"/>
      <c r="AU1735" s="137"/>
      <c r="AV1735" s="137"/>
      <c r="AW1735" s="144"/>
    </row>
    <row r="1736" spans="2:49" x14ac:dyDescent="0.2">
      <c r="B1736" s="97"/>
      <c r="G1736" s="43"/>
      <c r="J1736" s="98"/>
      <c r="K1736" s="97"/>
      <c r="N1736" s="3"/>
      <c r="W1736" s="98"/>
      <c r="Z1736" s="143"/>
      <c r="AA1736" s="137"/>
      <c r="AB1736" s="137"/>
      <c r="AC1736" s="137"/>
      <c r="AD1736" s="137"/>
      <c r="AE1736" s="137"/>
      <c r="AF1736" s="137"/>
      <c r="AG1736" s="137"/>
      <c r="AH1736" s="137"/>
      <c r="AI1736" s="137"/>
      <c r="AJ1736" s="137"/>
      <c r="AK1736" s="206"/>
      <c r="AL1736" s="206"/>
      <c r="AM1736" s="143"/>
      <c r="AN1736" s="137"/>
      <c r="AO1736" s="137"/>
      <c r="AP1736" s="137"/>
      <c r="AQ1736" s="137"/>
      <c r="AR1736" s="137"/>
      <c r="AS1736" s="137"/>
      <c r="AT1736" s="137"/>
      <c r="AU1736" s="137"/>
      <c r="AV1736" s="137"/>
      <c r="AW1736" s="144"/>
    </row>
    <row r="1737" spans="2:49" x14ac:dyDescent="0.2">
      <c r="B1737" s="97"/>
      <c r="G1737" s="43"/>
      <c r="J1737" s="98"/>
      <c r="K1737" s="97"/>
      <c r="N1737" s="3"/>
      <c r="W1737" s="98"/>
      <c r="Z1737" s="143"/>
      <c r="AA1737" s="137"/>
      <c r="AB1737" s="137"/>
      <c r="AC1737" s="137"/>
      <c r="AD1737" s="137"/>
      <c r="AE1737" s="137"/>
      <c r="AF1737" s="137"/>
      <c r="AG1737" s="137"/>
      <c r="AH1737" s="137"/>
      <c r="AI1737" s="137"/>
      <c r="AJ1737" s="137"/>
      <c r="AK1737" s="206"/>
      <c r="AL1737" s="206"/>
      <c r="AM1737" s="143"/>
      <c r="AN1737" s="137"/>
      <c r="AO1737" s="137"/>
      <c r="AP1737" s="137"/>
      <c r="AQ1737" s="137"/>
      <c r="AR1737" s="137"/>
      <c r="AS1737" s="137"/>
      <c r="AT1737" s="137"/>
      <c r="AU1737" s="137"/>
      <c r="AV1737" s="137"/>
      <c r="AW1737" s="144"/>
    </row>
    <row r="1738" spans="2:49" x14ac:dyDescent="0.2">
      <c r="B1738" s="97"/>
      <c r="G1738" s="43"/>
      <c r="J1738" s="98"/>
      <c r="K1738" s="97"/>
      <c r="N1738" s="3"/>
      <c r="W1738" s="98"/>
      <c r="Z1738" s="143"/>
      <c r="AA1738" s="137"/>
      <c r="AB1738" s="137"/>
      <c r="AC1738" s="137"/>
      <c r="AD1738" s="137"/>
      <c r="AE1738" s="137"/>
      <c r="AF1738" s="137"/>
      <c r="AG1738" s="137"/>
      <c r="AH1738" s="137"/>
      <c r="AI1738" s="137"/>
      <c r="AJ1738" s="137"/>
      <c r="AK1738" s="206"/>
      <c r="AL1738" s="206"/>
      <c r="AM1738" s="143"/>
      <c r="AN1738" s="137"/>
      <c r="AO1738" s="137"/>
      <c r="AP1738" s="137"/>
      <c r="AQ1738" s="137"/>
      <c r="AR1738" s="137"/>
      <c r="AS1738" s="137"/>
      <c r="AT1738" s="137"/>
      <c r="AU1738" s="137"/>
      <c r="AV1738" s="137"/>
      <c r="AW1738" s="144"/>
    </row>
    <row r="1739" spans="2:49" x14ac:dyDescent="0.2">
      <c r="B1739" s="97"/>
      <c r="G1739" s="43"/>
      <c r="J1739" s="98"/>
      <c r="K1739" s="97"/>
      <c r="N1739" s="3"/>
      <c r="W1739" s="98"/>
      <c r="Z1739" s="143"/>
      <c r="AA1739" s="137"/>
      <c r="AB1739" s="137"/>
      <c r="AC1739" s="137"/>
      <c r="AD1739" s="137"/>
      <c r="AE1739" s="137"/>
      <c r="AF1739" s="137"/>
      <c r="AG1739" s="137"/>
      <c r="AH1739" s="137"/>
      <c r="AI1739" s="137"/>
      <c r="AJ1739" s="137"/>
      <c r="AK1739" s="206"/>
      <c r="AL1739" s="206"/>
      <c r="AM1739" s="143"/>
      <c r="AN1739" s="137"/>
      <c r="AO1739" s="137"/>
      <c r="AP1739" s="137"/>
      <c r="AQ1739" s="137"/>
      <c r="AR1739" s="137"/>
      <c r="AS1739" s="137"/>
      <c r="AT1739" s="137"/>
      <c r="AU1739" s="137"/>
      <c r="AV1739" s="137"/>
      <c r="AW1739" s="144"/>
    </row>
    <row r="1740" spans="2:49" x14ac:dyDescent="0.2">
      <c r="B1740" s="97"/>
      <c r="G1740" s="43"/>
      <c r="J1740" s="98"/>
      <c r="K1740" s="97"/>
      <c r="N1740" s="3"/>
      <c r="W1740" s="98"/>
      <c r="Z1740" s="143"/>
      <c r="AA1740" s="137"/>
      <c r="AB1740" s="137"/>
      <c r="AC1740" s="137"/>
      <c r="AD1740" s="137"/>
      <c r="AE1740" s="137"/>
      <c r="AF1740" s="137"/>
      <c r="AG1740" s="137"/>
      <c r="AH1740" s="137"/>
      <c r="AI1740" s="137"/>
      <c r="AJ1740" s="137"/>
      <c r="AK1740" s="206"/>
      <c r="AL1740" s="206"/>
      <c r="AM1740" s="143"/>
      <c r="AN1740" s="137"/>
      <c r="AO1740" s="137"/>
      <c r="AP1740" s="137"/>
      <c r="AQ1740" s="137"/>
      <c r="AR1740" s="137"/>
      <c r="AS1740" s="137"/>
      <c r="AT1740" s="137"/>
      <c r="AU1740" s="137"/>
      <c r="AV1740" s="137"/>
      <c r="AW1740" s="144"/>
    </row>
    <row r="1741" spans="2:49" x14ac:dyDescent="0.2">
      <c r="B1741" s="97"/>
      <c r="G1741" s="43"/>
      <c r="J1741" s="98"/>
      <c r="K1741" s="97"/>
      <c r="N1741" s="3"/>
      <c r="W1741" s="98"/>
      <c r="Z1741" s="143"/>
      <c r="AA1741" s="137"/>
      <c r="AB1741" s="137"/>
      <c r="AC1741" s="137"/>
      <c r="AD1741" s="137"/>
      <c r="AE1741" s="137"/>
      <c r="AF1741" s="137"/>
      <c r="AG1741" s="137"/>
      <c r="AH1741" s="137"/>
      <c r="AI1741" s="137"/>
      <c r="AJ1741" s="137"/>
      <c r="AK1741" s="206"/>
      <c r="AL1741" s="206"/>
      <c r="AM1741" s="143"/>
      <c r="AN1741" s="137"/>
      <c r="AO1741" s="137"/>
      <c r="AP1741" s="137"/>
      <c r="AQ1741" s="137"/>
      <c r="AR1741" s="137"/>
      <c r="AS1741" s="137"/>
      <c r="AT1741" s="137"/>
      <c r="AU1741" s="137"/>
      <c r="AV1741" s="137"/>
      <c r="AW1741" s="144"/>
    </row>
    <row r="1742" spans="2:49" x14ac:dyDescent="0.2">
      <c r="B1742" s="97"/>
      <c r="G1742" s="43"/>
      <c r="J1742" s="98"/>
      <c r="K1742" s="97"/>
      <c r="N1742" s="3"/>
      <c r="W1742" s="98"/>
      <c r="Z1742" s="143"/>
      <c r="AA1742" s="137"/>
      <c r="AB1742" s="137"/>
      <c r="AC1742" s="137"/>
      <c r="AD1742" s="137"/>
      <c r="AE1742" s="137"/>
      <c r="AF1742" s="137"/>
      <c r="AG1742" s="137"/>
      <c r="AH1742" s="137"/>
      <c r="AI1742" s="137"/>
      <c r="AJ1742" s="137"/>
      <c r="AK1742" s="206"/>
      <c r="AL1742" s="206"/>
      <c r="AM1742" s="143"/>
      <c r="AN1742" s="137"/>
      <c r="AO1742" s="137"/>
      <c r="AP1742" s="137"/>
      <c r="AQ1742" s="137"/>
      <c r="AR1742" s="137"/>
      <c r="AS1742" s="137"/>
      <c r="AT1742" s="137"/>
      <c r="AU1742" s="137"/>
      <c r="AV1742" s="137"/>
      <c r="AW1742" s="144"/>
    </row>
    <row r="1743" spans="2:49" x14ac:dyDescent="0.2">
      <c r="B1743" s="97"/>
      <c r="G1743" s="43"/>
      <c r="J1743" s="98"/>
      <c r="K1743" s="97"/>
      <c r="N1743" s="3"/>
      <c r="W1743" s="98"/>
      <c r="Z1743" s="143"/>
      <c r="AA1743" s="137"/>
      <c r="AB1743" s="137"/>
      <c r="AC1743" s="137"/>
      <c r="AD1743" s="137"/>
      <c r="AE1743" s="137"/>
      <c r="AF1743" s="137"/>
      <c r="AG1743" s="137"/>
      <c r="AH1743" s="137"/>
      <c r="AI1743" s="137"/>
      <c r="AJ1743" s="137"/>
      <c r="AK1743" s="206"/>
      <c r="AL1743" s="206"/>
      <c r="AM1743" s="143"/>
      <c r="AN1743" s="137"/>
      <c r="AO1743" s="137"/>
      <c r="AP1743" s="137"/>
      <c r="AQ1743" s="137"/>
      <c r="AR1743" s="137"/>
      <c r="AS1743" s="137"/>
      <c r="AT1743" s="137"/>
      <c r="AU1743" s="137"/>
      <c r="AV1743" s="137"/>
      <c r="AW1743" s="144"/>
    </row>
    <row r="1744" spans="2:49" x14ac:dyDescent="0.2">
      <c r="B1744" s="97"/>
      <c r="G1744" s="43"/>
      <c r="J1744" s="98"/>
      <c r="K1744" s="97"/>
      <c r="N1744" s="3"/>
      <c r="W1744" s="98"/>
      <c r="Z1744" s="143"/>
      <c r="AA1744" s="137"/>
      <c r="AB1744" s="137"/>
      <c r="AC1744" s="137"/>
      <c r="AD1744" s="137"/>
      <c r="AE1744" s="137"/>
      <c r="AF1744" s="137"/>
      <c r="AG1744" s="137"/>
      <c r="AH1744" s="137"/>
      <c r="AI1744" s="137"/>
      <c r="AJ1744" s="137"/>
      <c r="AK1744" s="206"/>
      <c r="AL1744" s="206"/>
      <c r="AM1744" s="143"/>
      <c r="AN1744" s="137"/>
      <c r="AO1744" s="137"/>
      <c r="AP1744" s="137"/>
      <c r="AQ1744" s="137"/>
      <c r="AR1744" s="137"/>
      <c r="AS1744" s="137"/>
      <c r="AT1744" s="137"/>
      <c r="AU1744" s="137"/>
      <c r="AV1744" s="137"/>
      <c r="AW1744" s="144"/>
    </row>
    <row r="1745" spans="2:49" x14ac:dyDescent="0.2">
      <c r="B1745" s="97"/>
      <c r="G1745" s="43"/>
      <c r="J1745" s="98"/>
      <c r="K1745" s="97"/>
      <c r="N1745" s="3"/>
      <c r="W1745" s="98"/>
      <c r="Z1745" s="143"/>
      <c r="AA1745" s="137"/>
      <c r="AB1745" s="137"/>
      <c r="AC1745" s="137"/>
      <c r="AD1745" s="137"/>
      <c r="AE1745" s="137"/>
      <c r="AF1745" s="137"/>
      <c r="AG1745" s="137"/>
      <c r="AH1745" s="137"/>
      <c r="AI1745" s="137"/>
      <c r="AJ1745" s="137"/>
      <c r="AK1745" s="206"/>
      <c r="AL1745" s="206"/>
      <c r="AM1745" s="143"/>
      <c r="AN1745" s="137"/>
      <c r="AO1745" s="137"/>
      <c r="AP1745" s="137"/>
      <c r="AQ1745" s="137"/>
      <c r="AR1745" s="137"/>
      <c r="AS1745" s="137"/>
      <c r="AT1745" s="137"/>
      <c r="AU1745" s="137"/>
      <c r="AV1745" s="137"/>
      <c r="AW1745" s="144"/>
    </row>
    <row r="1746" spans="2:49" x14ac:dyDescent="0.2">
      <c r="B1746" s="97"/>
      <c r="G1746" s="43"/>
      <c r="J1746" s="98"/>
      <c r="K1746" s="97"/>
      <c r="N1746" s="3"/>
      <c r="W1746" s="98"/>
      <c r="Z1746" s="143"/>
      <c r="AA1746" s="137"/>
      <c r="AB1746" s="137"/>
      <c r="AC1746" s="137"/>
      <c r="AD1746" s="137"/>
      <c r="AE1746" s="137"/>
      <c r="AF1746" s="137"/>
      <c r="AG1746" s="137"/>
      <c r="AH1746" s="137"/>
      <c r="AI1746" s="137"/>
      <c r="AJ1746" s="137"/>
      <c r="AK1746" s="206"/>
      <c r="AL1746" s="206"/>
      <c r="AM1746" s="143"/>
      <c r="AN1746" s="137"/>
      <c r="AO1746" s="137"/>
      <c r="AP1746" s="137"/>
      <c r="AQ1746" s="137"/>
      <c r="AR1746" s="137"/>
      <c r="AS1746" s="137"/>
      <c r="AT1746" s="137"/>
      <c r="AU1746" s="137"/>
      <c r="AV1746" s="137"/>
      <c r="AW1746" s="144"/>
    </row>
    <row r="1747" spans="2:49" x14ac:dyDescent="0.2">
      <c r="B1747" s="97"/>
      <c r="G1747" s="43"/>
      <c r="J1747" s="98"/>
      <c r="K1747" s="97"/>
      <c r="N1747" s="3"/>
      <c r="W1747" s="98"/>
      <c r="Z1747" s="143"/>
      <c r="AA1747" s="137"/>
      <c r="AB1747" s="137"/>
      <c r="AC1747" s="137"/>
      <c r="AD1747" s="137"/>
      <c r="AE1747" s="137"/>
      <c r="AF1747" s="137"/>
      <c r="AG1747" s="137"/>
      <c r="AH1747" s="137"/>
      <c r="AI1747" s="137"/>
      <c r="AJ1747" s="137"/>
      <c r="AK1747" s="206"/>
      <c r="AL1747" s="206"/>
      <c r="AM1747" s="143"/>
      <c r="AN1747" s="137"/>
      <c r="AO1747" s="137"/>
      <c r="AP1747" s="137"/>
      <c r="AQ1747" s="137"/>
      <c r="AR1747" s="137"/>
      <c r="AS1747" s="137"/>
      <c r="AT1747" s="137"/>
      <c r="AU1747" s="137"/>
      <c r="AV1747" s="137"/>
      <c r="AW1747" s="144"/>
    </row>
    <row r="1748" spans="2:49" x14ac:dyDescent="0.2">
      <c r="B1748" s="97"/>
      <c r="G1748" s="43"/>
      <c r="J1748" s="98"/>
      <c r="K1748" s="97"/>
      <c r="N1748" s="3"/>
      <c r="W1748" s="98"/>
      <c r="Z1748" s="143"/>
      <c r="AA1748" s="137"/>
      <c r="AB1748" s="137"/>
      <c r="AC1748" s="137"/>
      <c r="AD1748" s="137"/>
      <c r="AE1748" s="137"/>
      <c r="AF1748" s="137"/>
      <c r="AG1748" s="137"/>
      <c r="AH1748" s="137"/>
      <c r="AI1748" s="137"/>
      <c r="AJ1748" s="137"/>
      <c r="AK1748" s="206"/>
      <c r="AL1748" s="206"/>
      <c r="AM1748" s="143"/>
      <c r="AN1748" s="137"/>
      <c r="AO1748" s="137"/>
      <c r="AP1748" s="137"/>
      <c r="AQ1748" s="137"/>
      <c r="AR1748" s="137"/>
      <c r="AS1748" s="137"/>
      <c r="AT1748" s="137"/>
      <c r="AU1748" s="137"/>
      <c r="AV1748" s="137"/>
      <c r="AW1748" s="144"/>
    </row>
    <row r="1749" spans="2:49" x14ac:dyDescent="0.2">
      <c r="B1749" s="97"/>
      <c r="G1749" s="43"/>
      <c r="J1749" s="98"/>
      <c r="K1749" s="97"/>
      <c r="N1749" s="3"/>
      <c r="W1749" s="98"/>
      <c r="Z1749" s="143"/>
      <c r="AA1749" s="137"/>
      <c r="AB1749" s="137"/>
      <c r="AC1749" s="137"/>
      <c r="AD1749" s="137"/>
      <c r="AE1749" s="137"/>
      <c r="AF1749" s="137"/>
      <c r="AG1749" s="137"/>
      <c r="AH1749" s="137"/>
      <c r="AI1749" s="137"/>
      <c r="AJ1749" s="137"/>
      <c r="AK1749" s="206"/>
      <c r="AL1749" s="206"/>
      <c r="AM1749" s="143"/>
      <c r="AN1749" s="137"/>
      <c r="AO1749" s="137"/>
      <c r="AP1749" s="137"/>
      <c r="AQ1749" s="137"/>
      <c r="AR1749" s="137"/>
      <c r="AS1749" s="137"/>
      <c r="AT1749" s="137"/>
      <c r="AU1749" s="137"/>
      <c r="AV1749" s="137"/>
      <c r="AW1749" s="144"/>
    </row>
    <row r="1750" spans="2:49" x14ac:dyDescent="0.2">
      <c r="B1750" s="97"/>
      <c r="G1750" s="43"/>
      <c r="J1750" s="98"/>
      <c r="K1750" s="97"/>
      <c r="N1750" s="3"/>
      <c r="W1750" s="98"/>
      <c r="Z1750" s="143"/>
      <c r="AA1750" s="137"/>
      <c r="AB1750" s="137"/>
      <c r="AC1750" s="137"/>
      <c r="AD1750" s="137"/>
      <c r="AE1750" s="137"/>
      <c r="AF1750" s="137"/>
      <c r="AG1750" s="137"/>
      <c r="AH1750" s="137"/>
      <c r="AI1750" s="137"/>
      <c r="AJ1750" s="137"/>
      <c r="AK1750" s="206"/>
      <c r="AL1750" s="206"/>
      <c r="AM1750" s="143"/>
      <c r="AN1750" s="137"/>
      <c r="AO1750" s="137"/>
      <c r="AP1750" s="137"/>
      <c r="AQ1750" s="137"/>
      <c r="AR1750" s="137"/>
      <c r="AS1750" s="137"/>
      <c r="AT1750" s="137"/>
      <c r="AU1750" s="137"/>
      <c r="AV1750" s="137"/>
      <c r="AW1750" s="144"/>
    </row>
    <row r="1751" spans="2:49" x14ac:dyDescent="0.2">
      <c r="B1751" s="97"/>
      <c r="G1751" s="43"/>
      <c r="J1751" s="98"/>
      <c r="K1751" s="97"/>
      <c r="N1751" s="3"/>
      <c r="W1751" s="98"/>
      <c r="Z1751" s="143"/>
      <c r="AA1751" s="137"/>
      <c r="AB1751" s="137"/>
      <c r="AC1751" s="137"/>
      <c r="AD1751" s="137"/>
      <c r="AE1751" s="137"/>
      <c r="AF1751" s="137"/>
      <c r="AG1751" s="137"/>
      <c r="AH1751" s="137"/>
      <c r="AI1751" s="137"/>
      <c r="AJ1751" s="137"/>
      <c r="AK1751" s="206"/>
      <c r="AL1751" s="206"/>
      <c r="AM1751" s="143"/>
      <c r="AN1751" s="137"/>
      <c r="AO1751" s="137"/>
      <c r="AP1751" s="137"/>
      <c r="AQ1751" s="137"/>
      <c r="AR1751" s="137"/>
      <c r="AS1751" s="137"/>
      <c r="AT1751" s="137"/>
      <c r="AU1751" s="137"/>
      <c r="AV1751" s="137"/>
      <c r="AW1751" s="144"/>
    </row>
    <row r="1752" spans="2:49" x14ac:dyDescent="0.2">
      <c r="B1752" s="97"/>
      <c r="G1752" s="43"/>
      <c r="J1752" s="98"/>
      <c r="K1752" s="97"/>
      <c r="N1752" s="3"/>
      <c r="W1752" s="98"/>
      <c r="Z1752" s="143"/>
      <c r="AA1752" s="137"/>
      <c r="AB1752" s="137"/>
      <c r="AC1752" s="137"/>
      <c r="AD1752" s="137"/>
      <c r="AE1752" s="137"/>
      <c r="AF1752" s="137"/>
      <c r="AG1752" s="137"/>
      <c r="AH1752" s="137"/>
      <c r="AI1752" s="137"/>
      <c r="AJ1752" s="137"/>
      <c r="AK1752" s="206"/>
      <c r="AL1752" s="206"/>
      <c r="AM1752" s="143"/>
      <c r="AN1752" s="137"/>
      <c r="AO1752" s="137"/>
      <c r="AP1752" s="137"/>
      <c r="AQ1752" s="137"/>
      <c r="AR1752" s="137"/>
      <c r="AS1752" s="137"/>
      <c r="AT1752" s="137"/>
      <c r="AU1752" s="137"/>
      <c r="AV1752" s="137"/>
      <c r="AW1752" s="144"/>
    </row>
    <row r="1753" spans="2:49" x14ac:dyDescent="0.2">
      <c r="B1753" s="97"/>
      <c r="G1753" s="43"/>
      <c r="J1753" s="98"/>
      <c r="K1753" s="97"/>
      <c r="N1753" s="3"/>
      <c r="W1753" s="98"/>
      <c r="Z1753" s="143"/>
      <c r="AA1753" s="137"/>
      <c r="AB1753" s="137"/>
      <c r="AC1753" s="137"/>
      <c r="AD1753" s="137"/>
      <c r="AE1753" s="137"/>
      <c r="AF1753" s="137"/>
      <c r="AG1753" s="137"/>
      <c r="AH1753" s="137"/>
      <c r="AI1753" s="137"/>
      <c r="AJ1753" s="137"/>
      <c r="AK1753" s="206"/>
      <c r="AL1753" s="206"/>
      <c r="AM1753" s="143"/>
      <c r="AN1753" s="137"/>
      <c r="AO1753" s="137"/>
      <c r="AP1753" s="137"/>
      <c r="AQ1753" s="137"/>
      <c r="AR1753" s="137"/>
      <c r="AS1753" s="137"/>
      <c r="AT1753" s="137"/>
      <c r="AU1753" s="137"/>
      <c r="AV1753" s="137"/>
      <c r="AW1753" s="144"/>
    </row>
    <row r="1754" spans="2:49" x14ac:dyDescent="0.2">
      <c r="B1754" s="97"/>
      <c r="G1754" s="43"/>
      <c r="J1754" s="98"/>
      <c r="K1754" s="97"/>
      <c r="N1754" s="3"/>
      <c r="W1754" s="98"/>
      <c r="Z1754" s="143"/>
      <c r="AA1754" s="137"/>
      <c r="AB1754" s="137"/>
      <c r="AC1754" s="137"/>
      <c r="AD1754" s="137"/>
      <c r="AE1754" s="137"/>
      <c r="AF1754" s="137"/>
      <c r="AG1754" s="137"/>
      <c r="AH1754" s="137"/>
      <c r="AI1754" s="137"/>
      <c r="AJ1754" s="137"/>
      <c r="AK1754" s="206"/>
      <c r="AL1754" s="206"/>
      <c r="AM1754" s="143"/>
      <c r="AN1754" s="137"/>
      <c r="AO1754" s="137"/>
      <c r="AP1754" s="137"/>
      <c r="AQ1754" s="137"/>
      <c r="AR1754" s="137"/>
      <c r="AS1754" s="137"/>
      <c r="AT1754" s="137"/>
      <c r="AU1754" s="137"/>
      <c r="AV1754" s="137"/>
      <c r="AW1754" s="144"/>
    </row>
    <row r="1755" spans="2:49" x14ac:dyDescent="0.2">
      <c r="B1755" s="97"/>
      <c r="G1755" s="43"/>
      <c r="J1755" s="98"/>
      <c r="K1755" s="97"/>
      <c r="N1755" s="3"/>
      <c r="W1755" s="98"/>
      <c r="Z1755" s="143"/>
      <c r="AA1755" s="137"/>
      <c r="AB1755" s="137"/>
      <c r="AC1755" s="137"/>
      <c r="AD1755" s="137"/>
      <c r="AE1755" s="137"/>
      <c r="AF1755" s="137"/>
      <c r="AG1755" s="137"/>
      <c r="AH1755" s="137"/>
      <c r="AI1755" s="137"/>
      <c r="AJ1755" s="137"/>
      <c r="AK1755" s="206"/>
      <c r="AL1755" s="206"/>
      <c r="AM1755" s="143"/>
      <c r="AN1755" s="137"/>
      <c r="AO1755" s="137"/>
      <c r="AP1755" s="137"/>
      <c r="AQ1755" s="137"/>
      <c r="AR1755" s="137"/>
      <c r="AS1755" s="137"/>
      <c r="AT1755" s="137"/>
      <c r="AU1755" s="137"/>
      <c r="AV1755" s="137"/>
      <c r="AW1755" s="144"/>
    </row>
    <row r="1756" spans="2:49" x14ac:dyDescent="0.2">
      <c r="B1756" s="97"/>
      <c r="G1756" s="43"/>
      <c r="J1756" s="98"/>
      <c r="K1756" s="97"/>
      <c r="N1756" s="3"/>
      <c r="W1756" s="98"/>
      <c r="Z1756" s="143"/>
      <c r="AA1756" s="137"/>
      <c r="AB1756" s="137"/>
      <c r="AC1756" s="137"/>
      <c r="AD1756" s="137"/>
      <c r="AE1756" s="137"/>
      <c r="AF1756" s="137"/>
      <c r="AG1756" s="137"/>
      <c r="AH1756" s="137"/>
      <c r="AI1756" s="137"/>
      <c r="AJ1756" s="137"/>
      <c r="AK1756" s="206"/>
      <c r="AL1756" s="206"/>
      <c r="AM1756" s="143"/>
      <c r="AN1756" s="137"/>
      <c r="AO1756" s="137"/>
      <c r="AP1756" s="137"/>
      <c r="AQ1756" s="137"/>
      <c r="AR1756" s="137"/>
      <c r="AS1756" s="137"/>
      <c r="AT1756" s="137"/>
      <c r="AU1756" s="137"/>
      <c r="AV1756" s="137"/>
      <c r="AW1756" s="144"/>
    </row>
    <row r="1757" spans="2:49" x14ac:dyDescent="0.2">
      <c r="B1757" s="97"/>
      <c r="G1757" s="43"/>
      <c r="J1757" s="98"/>
      <c r="K1757" s="97"/>
      <c r="N1757" s="3"/>
      <c r="W1757" s="98"/>
      <c r="Z1757" s="143"/>
      <c r="AA1757" s="137"/>
      <c r="AB1757" s="137"/>
      <c r="AC1757" s="137"/>
      <c r="AD1757" s="137"/>
      <c r="AE1757" s="137"/>
      <c r="AF1757" s="137"/>
      <c r="AG1757" s="137"/>
      <c r="AH1757" s="137"/>
      <c r="AI1757" s="137"/>
      <c r="AJ1757" s="137"/>
      <c r="AK1757" s="206"/>
      <c r="AL1757" s="206"/>
      <c r="AM1757" s="143"/>
      <c r="AN1757" s="137"/>
      <c r="AO1757" s="137"/>
      <c r="AP1757" s="137"/>
      <c r="AQ1757" s="137"/>
      <c r="AR1757" s="137"/>
      <c r="AS1757" s="137"/>
      <c r="AT1757" s="137"/>
      <c r="AU1757" s="137"/>
      <c r="AV1757" s="137"/>
      <c r="AW1757" s="144"/>
    </row>
    <row r="1758" spans="2:49" x14ac:dyDescent="0.2">
      <c r="B1758" s="97"/>
      <c r="G1758" s="43"/>
      <c r="J1758" s="98"/>
      <c r="K1758" s="97"/>
      <c r="N1758" s="3"/>
      <c r="W1758" s="98"/>
      <c r="Z1758" s="143"/>
      <c r="AA1758" s="137"/>
      <c r="AB1758" s="137"/>
      <c r="AC1758" s="137"/>
      <c r="AD1758" s="137"/>
      <c r="AE1758" s="137"/>
      <c r="AF1758" s="137"/>
      <c r="AG1758" s="137"/>
      <c r="AH1758" s="137"/>
      <c r="AI1758" s="137"/>
      <c r="AJ1758" s="137"/>
      <c r="AK1758" s="206"/>
      <c r="AL1758" s="206"/>
      <c r="AM1758" s="143"/>
      <c r="AN1758" s="137"/>
      <c r="AO1758" s="137"/>
      <c r="AP1758" s="137"/>
      <c r="AQ1758" s="137"/>
      <c r="AR1758" s="137"/>
      <c r="AS1758" s="137"/>
      <c r="AT1758" s="137"/>
      <c r="AU1758" s="137"/>
      <c r="AV1758" s="137"/>
      <c r="AW1758" s="144"/>
    </row>
    <row r="1759" spans="2:49" x14ac:dyDescent="0.2">
      <c r="B1759" s="97"/>
      <c r="G1759" s="43"/>
      <c r="J1759" s="98"/>
      <c r="K1759" s="97"/>
      <c r="N1759" s="3"/>
      <c r="W1759" s="98"/>
      <c r="Z1759" s="143"/>
      <c r="AA1759" s="137"/>
      <c r="AB1759" s="137"/>
      <c r="AC1759" s="137"/>
      <c r="AD1759" s="137"/>
      <c r="AE1759" s="137"/>
      <c r="AF1759" s="137"/>
      <c r="AG1759" s="137"/>
      <c r="AH1759" s="137"/>
      <c r="AI1759" s="137"/>
      <c r="AJ1759" s="137"/>
      <c r="AK1759" s="206"/>
      <c r="AL1759" s="206"/>
      <c r="AM1759" s="143"/>
      <c r="AN1759" s="137"/>
      <c r="AO1759" s="137"/>
      <c r="AP1759" s="137"/>
      <c r="AQ1759" s="137"/>
      <c r="AR1759" s="137"/>
      <c r="AS1759" s="137"/>
      <c r="AT1759" s="137"/>
      <c r="AU1759" s="137"/>
      <c r="AV1759" s="137"/>
      <c r="AW1759" s="144"/>
    </row>
    <row r="1760" spans="2:49" x14ac:dyDescent="0.2">
      <c r="B1760" s="97"/>
      <c r="G1760" s="43"/>
      <c r="J1760" s="98"/>
      <c r="K1760" s="97"/>
      <c r="N1760" s="3"/>
      <c r="W1760" s="98"/>
      <c r="Z1760" s="143"/>
      <c r="AA1760" s="137"/>
      <c r="AB1760" s="137"/>
      <c r="AC1760" s="137"/>
      <c r="AD1760" s="137"/>
      <c r="AE1760" s="137"/>
      <c r="AF1760" s="137"/>
      <c r="AG1760" s="137"/>
      <c r="AH1760" s="137"/>
      <c r="AI1760" s="137"/>
      <c r="AJ1760" s="137"/>
      <c r="AK1760" s="206"/>
      <c r="AL1760" s="206"/>
      <c r="AM1760" s="143"/>
      <c r="AN1760" s="137"/>
      <c r="AO1760" s="137"/>
      <c r="AP1760" s="137"/>
      <c r="AQ1760" s="137"/>
      <c r="AR1760" s="137"/>
      <c r="AS1760" s="137"/>
      <c r="AT1760" s="137"/>
      <c r="AU1760" s="137"/>
      <c r="AV1760" s="137"/>
      <c r="AW1760" s="144"/>
    </row>
    <row r="1761" spans="2:49" x14ac:dyDescent="0.2">
      <c r="B1761" s="97"/>
      <c r="G1761" s="43"/>
      <c r="J1761" s="98"/>
      <c r="K1761" s="97"/>
      <c r="N1761" s="3"/>
      <c r="W1761" s="98"/>
      <c r="Z1761" s="143"/>
      <c r="AA1761" s="137"/>
      <c r="AB1761" s="137"/>
      <c r="AC1761" s="137"/>
      <c r="AD1761" s="137"/>
      <c r="AE1761" s="137"/>
      <c r="AF1761" s="137"/>
      <c r="AG1761" s="137"/>
      <c r="AH1761" s="137"/>
      <c r="AI1761" s="137"/>
      <c r="AJ1761" s="137"/>
      <c r="AK1761" s="206"/>
      <c r="AL1761" s="206"/>
      <c r="AM1761" s="143"/>
      <c r="AN1761" s="137"/>
      <c r="AO1761" s="137"/>
      <c r="AP1761" s="137"/>
      <c r="AQ1761" s="137"/>
      <c r="AR1761" s="137"/>
      <c r="AS1761" s="137"/>
      <c r="AT1761" s="137"/>
      <c r="AU1761" s="137"/>
      <c r="AV1761" s="137"/>
      <c r="AW1761" s="144"/>
    </row>
    <row r="1762" spans="2:49" x14ac:dyDescent="0.2">
      <c r="B1762" s="97"/>
      <c r="G1762" s="43"/>
      <c r="J1762" s="98"/>
      <c r="K1762" s="97"/>
      <c r="N1762" s="3"/>
      <c r="W1762" s="98"/>
      <c r="Z1762" s="143"/>
      <c r="AA1762" s="137"/>
      <c r="AB1762" s="137"/>
      <c r="AC1762" s="137"/>
      <c r="AD1762" s="137"/>
      <c r="AE1762" s="137"/>
      <c r="AF1762" s="137"/>
      <c r="AG1762" s="137"/>
      <c r="AH1762" s="137"/>
      <c r="AI1762" s="137"/>
      <c r="AJ1762" s="137"/>
      <c r="AK1762" s="206"/>
      <c r="AL1762" s="206"/>
      <c r="AM1762" s="143"/>
      <c r="AN1762" s="137"/>
      <c r="AO1762" s="137"/>
      <c r="AP1762" s="137"/>
      <c r="AQ1762" s="137"/>
      <c r="AR1762" s="137"/>
      <c r="AS1762" s="137"/>
      <c r="AT1762" s="137"/>
      <c r="AU1762" s="137"/>
      <c r="AV1762" s="137"/>
      <c r="AW1762" s="144"/>
    </row>
    <row r="1763" spans="2:49" x14ac:dyDescent="0.2">
      <c r="B1763" s="97"/>
      <c r="G1763" s="43"/>
      <c r="J1763" s="98"/>
      <c r="K1763" s="97"/>
      <c r="N1763" s="3"/>
      <c r="W1763" s="98"/>
      <c r="Z1763" s="143"/>
      <c r="AA1763" s="137"/>
      <c r="AB1763" s="137"/>
      <c r="AC1763" s="137"/>
      <c r="AD1763" s="137"/>
      <c r="AE1763" s="137"/>
      <c r="AF1763" s="137"/>
      <c r="AG1763" s="137"/>
      <c r="AH1763" s="137"/>
      <c r="AI1763" s="137"/>
      <c r="AJ1763" s="137"/>
      <c r="AK1763" s="206"/>
      <c r="AL1763" s="206"/>
      <c r="AM1763" s="143"/>
      <c r="AN1763" s="137"/>
      <c r="AO1763" s="137"/>
      <c r="AP1763" s="137"/>
      <c r="AQ1763" s="137"/>
      <c r="AR1763" s="137"/>
      <c r="AS1763" s="137"/>
      <c r="AT1763" s="137"/>
      <c r="AU1763" s="137"/>
      <c r="AV1763" s="137"/>
      <c r="AW1763" s="144"/>
    </row>
    <row r="1764" spans="2:49" x14ac:dyDescent="0.2">
      <c r="B1764" s="97"/>
      <c r="G1764" s="43"/>
      <c r="J1764" s="98"/>
      <c r="K1764" s="97"/>
      <c r="N1764" s="3"/>
      <c r="W1764" s="98"/>
      <c r="Z1764" s="143"/>
      <c r="AA1764" s="137"/>
      <c r="AB1764" s="137"/>
      <c r="AC1764" s="137"/>
      <c r="AD1764" s="137"/>
      <c r="AE1764" s="137"/>
      <c r="AF1764" s="137"/>
      <c r="AG1764" s="137"/>
      <c r="AH1764" s="137"/>
      <c r="AI1764" s="137"/>
      <c r="AJ1764" s="137"/>
      <c r="AK1764" s="206"/>
      <c r="AL1764" s="206"/>
      <c r="AM1764" s="143"/>
      <c r="AN1764" s="137"/>
      <c r="AO1764" s="137"/>
      <c r="AP1764" s="137"/>
      <c r="AQ1764" s="137"/>
      <c r="AR1764" s="137"/>
      <c r="AS1764" s="137"/>
      <c r="AT1764" s="137"/>
      <c r="AU1764" s="137"/>
      <c r="AV1764" s="137"/>
      <c r="AW1764" s="144"/>
    </row>
    <row r="1765" spans="2:49" x14ac:dyDescent="0.2">
      <c r="B1765" s="97"/>
      <c r="G1765" s="43"/>
      <c r="J1765" s="98"/>
      <c r="K1765" s="97"/>
      <c r="N1765" s="3"/>
      <c r="W1765" s="98"/>
      <c r="Z1765" s="143"/>
      <c r="AA1765" s="137"/>
      <c r="AB1765" s="137"/>
      <c r="AC1765" s="137"/>
      <c r="AD1765" s="137"/>
      <c r="AE1765" s="137"/>
      <c r="AF1765" s="137"/>
      <c r="AG1765" s="137"/>
      <c r="AH1765" s="137"/>
      <c r="AI1765" s="137"/>
      <c r="AJ1765" s="137"/>
      <c r="AK1765" s="206"/>
      <c r="AL1765" s="206"/>
      <c r="AM1765" s="143"/>
      <c r="AN1765" s="137"/>
      <c r="AO1765" s="137"/>
      <c r="AP1765" s="137"/>
      <c r="AQ1765" s="137"/>
      <c r="AR1765" s="137"/>
      <c r="AS1765" s="137"/>
      <c r="AT1765" s="137"/>
      <c r="AU1765" s="137"/>
      <c r="AV1765" s="137"/>
      <c r="AW1765" s="144"/>
    </row>
    <row r="1766" spans="2:49" x14ac:dyDescent="0.2">
      <c r="B1766" s="97"/>
      <c r="G1766" s="43"/>
      <c r="J1766" s="98"/>
      <c r="K1766" s="97"/>
      <c r="N1766" s="3"/>
      <c r="W1766" s="98"/>
      <c r="Z1766" s="143"/>
      <c r="AA1766" s="137"/>
      <c r="AB1766" s="137"/>
      <c r="AC1766" s="137"/>
      <c r="AD1766" s="137"/>
      <c r="AE1766" s="137"/>
      <c r="AF1766" s="137"/>
      <c r="AG1766" s="137"/>
      <c r="AH1766" s="137"/>
      <c r="AI1766" s="137"/>
      <c r="AJ1766" s="137"/>
      <c r="AK1766" s="206"/>
      <c r="AL1766" s="206"/>
      <c r="AM1766" s="143"/>
      <c r="AN1766" s="137"/>
      <c r="AO1766" s="137"/>
      <c r="AP1766" s="137"/>
      <c r="AQ1766" s="137"/>
      <c r="AR1766" s="137"/>
      <c r="AS1766" s="137"/>
      <c r="AT1766" s="137"/>
      <c r="AU1766" s="137"/>
      <c r="AV1766" s="137"/>
      <c r="AW1766" s="144"/>
    </row>
    <row r="1767" spans="2:49" x14ac:dyDescent="0.2">
      <c r="B1767" s="97"/>
      <c r="G1767" s="43"/>
      <c r="J1767" s="98"/>
      <c r="K1767" s="97"/>
      <c r="N1767" s="3"/>
      <c r="W1767" s="98"/>
      <c r="Z1767" s="143"/>
      <c r="AA1767" s="137"/>
      <c r="AB1767" s="137"/>
      <c r="AC1767" s="137"/>
      <c r="AD1767" s="137"/>
      <c r="AE1767" s="137"/>
      <c r="AF1767" s="137"/>
      <c r="AG1767" s="137"/>
      <c r="AH1767" s="137"/>
      <c r="AI1767" s="137"/>
      <c r="AJ1767" s="137"/>
      <c r="AK1767" s="206"/>
      <c r="AL1767" s="206"/>
      <c r="AM1767" s="143"/>
      <c r="AN1767" s="137"/>
      <c r="AO1767" s="137"/>
      <c r="AP1767" s="137"/>
      <c r="AQ1767" s="137"/>
      <c r="AR1767" s="137"/>
      <c r="AS1767" s="137"/>
      <c r="AT1767" s="137"/>
      <c r="AU1767" s="137"/>
      <c r="AV1767" s="137"/>
      <c r="AW1767" s="144"/>
    </row>
    <row r="1768" spans="2:49" x14ac:dyDescent="0.2">
      <c r="B1768" s="97"/>
      <c r="G1768" s="43"/>
      <c r="J1768" s="98"/>
      <c r="K1768" s="97"/>
      <c r="N1768" s="3"/>
      <c r="W1768" s="98"/>
      <c r="Z1768" s="143"/>
      <c r="AA1768" s="137"/>
      <c r="AB1768" s="137"/>
      <c r="AC1768" s="137"/>
      <c r="AD1768" s="137"/>
      <c r="AE1768" s="137"/>
      <c r="AF1768" s="137"/>
      <c r="AG1768" s="137"/>
      <c r="AH1768" s="137"/>
      <c r="AI1768" s="137"/>
      <c r="AJ1768" s="137"/>
      <c r="AK1768" s="206"/>
      <c r="AL1768" s="206"/>
      <c r="AM1768" s="143"/>
      <c r="AN1768" s="137"/>
      <c r="AO1768" s="137"/>
      <c r="AP1768" s="137"/>
      <c r="AQ1768" s="137"/>
      <c r="AR1768" s="137"/>
      <c r="AS1768" s="137"/>
      <c r="AT1768" s="137"/>
      <c r="AU1768" s="137"/>
      <c r="AV1768" s="137"/>
      <c r="AW1768" s="144"/>
    </row>
    <row r="1769" spans="2:49" x14ac:dyDescent="0.2">
      <c r="B1769" s="97"/>
      <c r="G1769" s="43"/>
      <c r="J1769" s="98"/>
      <c r="K1769" s="97"/>
      <c r="N1769" s="3"/>
      <c r="W1769" s="98"/>
      <c r="Z1769" s="143"/>
      <c r="AA1769" s="137"/>
      <c r="AB1769" s="137"/>
      <c r="AC1769" s="137"/>
      <c r="AD1769" s="137"/>
      <c r="AE1769" s="137"/>
      <c r="AF1769" s="137"/>
      <c r="AG1769" s="137"/>
      <c r="AH1769" s="137"/>
      <c r="AI1769" s="137"/>
      <c r="AJ1769" s="137"/>
      <c r="AK1769" s="206"/>
      <c r="AL1769" s="206"/>
      <c r="AM1769" s="143"/>
      <c r="AN1769" s="137"/>
      <c r="AO1769" s="137"/>
      <c r="AP1769" s="137"/>
      <c r="AQ1769" s="137"/>
      <c r="AR1769" s="137"/>
      <c r="AS1769" s="137"/>
      <c r="AT1769" s="137"/>
      <c r="AU1769" s="137"/>
      <c r="AV1769" s="137"/>
      <c r="AW1769" s="144"/>
    </row>
    <row r="1770" spans="2:49" x14ac:dyDescent="0.2">
      <c r="B1770" s="97"/>
      <c r="G1770" s="43"/>
      <c r="J1770" s="98"/>
      <c r="K1770" s="97"/>
      <c r="N1770" s="3"/>
      <c r="W1770" s="98"/>
      <c r="Z1770" s="143"/>
      <c r="AA1770" s="137"/>
      <c r="AB1770" s="137"/>
      <c r="AC1770" s="137"/>
      <c r="AD1770" s="137"/>
      <c r="AE1770" s="137"/>
      <c r="AF1770" s="137"/>
      <c r="AG1770" s="137"/>
      <c r="AH1770" s="137"/>
      <c r="AI1770" s="137"/>
      <c r="AJ1770" s="137"/>
      <c r="AK1770" s="206"/>
      <c r="AL1770" s="206"/>
      <c r="AM1770" s="143"/>
      <c r="AN1770" s="137"/>
      <c r="AO1770" s="137"/>
      <c r="AP1770" s="137"/>
      <c r="AQ1770" s="137"/>
      <c r="AR1770" s="137"/>
      <c r="AS1770" s="137"/>
      <c r="AT1770" s="137"/>
      <c r="AU1770" s="137"/>
      <c r="AV1770" s="137"/>
      <c r="AW1770" s="144"/>
    </row>
    <row r="1771" spans="2:49" x14ac:dyDescent="0.2">
      <c r="B1771" s="97"/>
      <c r="G1771" s="43"/>
      <c r="J1771" s="98"/>
      <c r="K1771" s="97"/>
      <c r="N1771" s="3"/>
      <c r="W1771" s="98"/>
      <c r="Z1771" s="143"/>
      <c r="AA1771" s="137"/>
      <c r="AB1771" s="137"/>
      <c r="AC1771" s="137"/>
      <c r="AD1771" s="137"/>
      <c r="AE1771" s="137"/>
      <c r="AF1771" s="137"/>
      <c r="AG1771" s="137"/>
      <c r="AH1771" s="137"/>
      <c r="AI1771" s="137"/>
      <c r="AJ1771" s="137"/>
      <c r="AK1771" s="206"/>
      <c r="AL1771" s="206"/>
      <c r="AM1771" s="143"/>
      <c r="AN1771" s="137"/>
      <c r="AO1771" s="137"/>
      <c r="AP1771" s="137"/>
      <c r="AQ1771" s="137"/>
      <c r="AR1771" s="137"/>
      <c r="AS1771" s="137"/>
      <c r="AT1771" s="137"/>
      <c r="AU1771" s="137"/>
      <c r="AV1771" s="137"/>
      <c r="AW1771" s="144"/>
    </row>
    <row r="1772" spans="2:49" x14ac:dyDescent="0.2">
      <c r="B1772" s="97"/>
      <c r="G1772" s="43"/>
      <c r="J1772" s="98"/>
      <c r="K1772" s="97"/>
      <c r="N1772" s="3"/>
      <c r="W1772" s="98"/>
      <c r="Z1772" s="143"/>
      <c r="AA1772" s="137"/>
      <c r="AB1772" s="137"/>
      <c r="AC1772" s="137"/>
      <c r="AD1772" s="137"/>
      <c r="AE1772" s="137"/>
      <c r="AF1772" s="137"/>
      <c r="AG1772" s="137"/>
      <c r="AH1772" s="137"/>
      <c r="AI1772" s="137"/>
      <c r="AJ1772" s="137"/>
      <c r="AK1772" s="206"/>
      <c r="AL1772" s="206"/>
      <c r="AM1772" s="143"/>
      <c r="AN1772" s="137"/>
      <c r="AO1772" s="137"/>
      <c r="AP1772" s="137"/>
      <c r="AQ1772" s="137"/>
      <c r="AR1772" s="137"/>
      <c r="AS1772" s="137"/>
      <c r="AT1772" s="137"/>
      <c r="AU1772" s="137"/>
      <c r="AV1772" s="137"/>
      <c r="AW1772" s="144"/>
    </row>
    <row r="1773" spans="2:49" x14ac:dyDescent="0.2">
      <c r="B1773" s="97"/>
      <c r="G1773" s="43"/>
      <c r="J1773" s="98"/>
      <c r="K1773" s="97"/>
      <c r="N1773" s="3"/>
      <c r="W1773" s="98"/>
      <c r="Z1773" s="143"/>
      <c r="AA1773" s="137"/>
      <c r="AB1773" s="137"/>
      <c r="AC1773" s="137"/>
      <c r="AD1773" s="137"/>
      <c r="AE1773" s="137"/>
      <c r="AF1773" s="137"/>
      <c r="AG1773" s="137"/>
      <c r="AH1773" s="137"/>
      <c r="AI1773" s="137"/>
      <c r="AJ1773" s="137"/>
      <c r="AK1773" s="206"/>
      <c r="AL1773" s="206"/>
      <c r="AM1773" s="143"/>
      <c r="AN1773" s="137"/>
      <c r="AO1773" s="137"/>
      <c r="AP1773" s="137"/>
      <c r="AQ1773" s="137"/>
      <c r="AR1773" s="137"/>
      <c r="AS1773" s="137"/>
      <c r="AT1773" s="137"/>
      <c r="AU1773" s="137"/>
      <c r="AV1773" s="137"/>
      <c r="AW1773" s="144"/>
    </row>
    <row r="1774" spans="2:49" x14ac:dyDescent="0.2">
      <c r="B1774" s="97"/>
      <c r="G1774" s="43"/>
      <c r="J1774" s="98"/>
      <c r="K1774" s="97"/>
      <c r="N1774" s="3"/>
      <c r="W1774" s="98"/>
      <c r="Z1774" s="143"/>
      <c r="AA1774" s="137"/>
      <c r="AB1774" s="137"/>
      <c r="AC1774" s="137"/>
      <c r="AD1774" s="137"/>
      <c r="AE1774" s="137"/>
      <c r="AF1774" s="137"/>
      <c r="AG1774" s="137"/>
      <c r="AH1774" s="137"/>
      <c r="AI1774" s="137"/>
      <c r="AJ1774" s="137"/>
      <c r="AK1774" s="206"/>
      <c r="AL1774" s="206"/>
      <c r="AM1774" s="143"/>
      <c r="AN1774" s="137"/>
      <c r="AO1774" s="137"/>
      <c r="AP1774" s="137"/>
      <c r="AQ1774" s="137"/>
      <c r="AR1774" s="137"/>
      <c r="AS1774" s="137"/>
      <c r="AT1774" s="137"/>
      <c r="AU1774" s="137"/>
      <c r="AV1774" s="137"/>
      <c r="AW1774" s="144"/>
    </row>
    <row r="1775" spans="2:49" x14ac:dyDescent="0.2">
      <c r="B1775" s="97"/>
      <c r="G1775" s="43"/>
      <c r="J1775" s="98"/>
      <c r="K1775" s="97"/>
      <c r="N1775" s="3"/>
      <c r="W1775" s="98"/>
      <c r="Z1775" s="143"/>
      <c r="AA1775" s="137"/>
      <c r="AB1775" s="137"/>
      <c r="AC1775" s="137"/>
      <c r="AD1775" s="137"/>
      <c r="AE1775" s="137"/>
      <c r="AF1775" s="137"/>
      <c r="AG1775" s="137"/>
      <c r="AH1775" s="137"/>
      <c r="AI1775" s="137"/>
      <c r="AJ1775" s="137"/>
      <c r="AK1775" s="206"/>
      <c r="AL1775" s="206"/>
      <c r="AM1775" s="143"/>
      <c r="AN1775" s="137"/>
      <c r="AO1775" s="137"/>
      <c r="AP1775" s="137"/>
      <c r="AQ1775" s="137"/>
      <c r="AR1775" s="137"/>
      <c r="AS1775" s="137"/>
      <c r="AT1775" s="137"/>
      <c r="AU1775" s="137"/>
      <c r="AV1775" s="137"/>
      <c r="AW1775" s="144"/>
    </row>
    <row r="1776" spans="2:49" x14ac:dyDescent="0.2">
      <c r="B1776" s="97"/>
      <c r="G1776" s="43"/>
      <c r="J1776" s="98"/>
      <c r="K1776" s="97"/>
      <c r="N1776" s="3"/>
      <c r="W1776" s="98"/>
      <c r="Z1776" s="143"/>
      <c r="AA1776" s="137"/>
      <c r="AB1776" s="137"/>
      <c r="AC1776" s="137"/>
      <c r="AD1776" s="137"/>
      <c r="AE1776" s="137"/>
      <c r="AF1776" s="137"/>
      <c r="AG1776" s="137"/>
      <c r="AH1776" s="137"/>
      <c r="AI1776" s="137"/>
      <c r="AJ1776" s="137"/>
      <c r="AK1776" s="206"/>
      <c r="AL1776" s="206"/>
      <c r="AM1776" s="143"/>
      <c r="AN1776" s="137"/>
      <c r="AO1776" s="137"/>
      <c r="AP1776" s="137"/>
      <c r="AQ1776" s="137"/>
      <c r="AR1776" s="137"/>
      <c r="AS1776" s="137"/>
      <c r="AT1776" s="137"/>
      <c r="AU1776" s="137"/>
      <c r="AV1776" s="137"/>
      <c r="AW1776" s="144"/>
    </row>
    <row r="1777" spans="2:49" x14ac:dyDescent="0.2">
      <c r="B1777" s="97"/>
      <c r="G1777" s="43"/>
      <c r="J1777" s="98"/>
      <c r="K1777" s="97"/>
      <c r="N1777" s="3"/>
      <c r="W1777" s="98"/>
      <c r="Z1777" s="143"/>
      <c r="AA1777" s="137"/>
      <c r="AB1777" s="137"/>
      <c r="AC1777" s="137"/>
      <c r="AD1777" s="137"/>
      <c r="AE1777" s="137"/>
      <c r="AF1777" s="137"/>
      <c r="AG1777" s="137"/>
      <c r="AH1777" s="137"/>
      <c r="AI1777" s="137"/>
      <c r="AJ1777" s="137"/>
      <c r="AK1777" s="206"/>
      <c r="AL1777" s="206"/>
      <c r="AM1777" s="143"/>
      <c r="AN1777" s="137"/>
      <c r="AO1777" s="137"/>
      <c r="AP1777" s="137"/>
      <c r="AQ1777" s="137"/>
      <c r="AR1777" s="137"/>
      <c r="AS1777" s="137"/>
      <c r="AT1777" s="137"/>
      <c r="AU1777" s="137"/>
      <c r="AV1777" s="137"/>
      <c r="AW1777" s="144"/>
    </row>
    <row r="1778" spans="2:49" x14ac:dyDescent="0.2">
      <c r="B1778" s="97"/>
      <c r="G1778" s="43"/>
      <c r="J1778" s="98"/>
      <c r="K1778" s="97"/>
      <c r="N1778" s="3"/>
      <c r="W1778" s="98"/>
      <c r="Z1778" s="143"/>
      <c r="AA1778" s="137"/>
      <c r="AB1778" s="137"/>
      <c r="AC1778" s="137"/>
      <c r="AD1778" s="137"/>
      <c r="AE1778" s="137"/>
      <c r="AF1778" s="137"/>
      <c r="AG1778" s="137"/>
      <c r="AH1778" s="137"/>
      <c r="AI1778" s="137"/>
      <c r="AJ1778" s="137"/>
      <c r="AK1778" s="206"/>
      <c r="AL1778" s="206"/>
      <c r="AM1778" s="143"/>
      <c r="AN1778" s="137"/>
      <c r="AO1778" s="137"/>
      <c r="AP1778" s="137"/>
      <c r="AQ1778" s="137"/>
      <c r="AR1778" s="137"/>
      <c r="AS1778" s="137"/>
      <c r="AT1778" s="137"/>
      <c r="AU1778" s="137"/>
      <c r="AV1778" s="137"/>
      <c r="AW1778" s="144"/>
    </row>
    <row r="1779" spans="2:49" x14ac:dyDescent="0.2">
      <c r="B1779" s="97"/>
      <c r="G1779" s="43"/>
      <c r="J1779" s="98"/>
      <c r="K1779" s="97"/>
      <c r="N1779" s="3"/>
      <c r="W1779" s="98"/>
      <c r="Z1779" s="143"/>
      <c r="AA1779" s="137"/>
      <c r="AB1779" s="137"/>
      <c r="AC1779" s="137"/>
      <c r="AD1779" s="137"/>
      <c r="AE1779" s="137"/>
      <c r="AF1779" s="137"/>
      <c r="AG1779" s="137"/>
      <c r="AH1779" s="137"/>
      <c r="AI1779" s="137"/>
      <c r="AJ1779" s="137"/>
      <c r="AK1779" s="206"/>
      <c r="AL1779" s="206"/>
      <c r="AM1779" s="143"/>
      <c r="AN1779" s="137"/>
      <c r="AO1779" s="137"/>
      <c r="AP1779" s="137"/>
      <c r="AQ1779" s="137"/>
      <c r="AR1779" s="137"/>
      <c r="AS1779" s="137"/>
      <c r="AT1779" s="137"/>
      <c r="AU1779" s="137"/>
      <c r="AV1779" s="137"/>
      <c r="AW1779" s="144"/>
    </row>
    <row r="1780" spans="2:49" x14ac:dyDescent="0.2">
      <c r="B1780" s="97"/>
      <c r="G1780" s="43"/>
      <c r="J1780" s="98"/>
      <c r="K1780" s="97"/>
      <c r="N1780" s="3"/>
      <c r="W1780" s="98"/>
      <c r="Z1780" s="143"/>
      <c r="AA1780" s="137"/>
      <c r="AB1780" s="137"/>
      <c r="AC1780" s="137"/>
      <c r="AD1780" s="137"/>
      <c r="AE1780" s="137"/>
      <c r="AF1780" s="137"/>
      <c r="AG1780" s="137"/>
      <c r="AH1780" s="137"/>
      <c r="AI1780" s="137"/>
      <c r="AJ1780" s="137"/>
      <c r="AK1780" s="206"/>
      <c r="AL1780" s="206"/>
      <c r="AM1780" s="143"/>
      <c r="AN1780" s="137"/>
      <c r="AO1780" s="137"/>
      <c r="AP1780" s="137"/>
      <c r="AQ1780" s="137"/>
      <c r="AR1780" s="137"/>
      <c r="AS1780" s="137"/>
      <c r="AT1780" s="137"/>
      <c r="AU1780" s="137"/>
      <c r="AV1780" s="137"/>
      <c r="AW1780" s="144"/>
    </row>
    <row r="1781" spans="2:49" x14ac:dyDescent="0.2">
      <c r="B1781" s="97"/>
      <c r="G1781" s="43"/>
      <c r="J1781" s="98"/>
      <c r="K1781" s="97"/>
      <c r="N1781" s="3"/>
      <c r="W1781" s="98"/>
      <c r="Z1781" s="143"/>
      <c r="AA1781" s="137"/>
      <c r="AB1781" s="137"/>
      <c r="AC1781" s="137"/>
      <c r="AD1781" s="137"/>
      <c r="AE1781" s="137"/>
      <c r="AF1781" s="137"/>
      <c r="AG1781" s="137"/>
      <c r="AH1781" s="137"/>
      <c r="AI1781" s="137"/>
      <c r="AJ1781" s="137"/>
      <c r="AK1781" s="206"/>
      <c r="AL1781" s="206"/>
      <c r="AM1781" s="143"/>
      <c r="AN1781" s="137"/>
      <c r="AO1781" s="137"/>
      <c r="AP1781" s="137"/>
      <c r="AQ1781" s="137"/>
      <c r="AR1781" s="137"/>
      <c r="AS1781" s="137"/>
      <c r="AT1781" s="137"/>
      <c r="AU1781" s="137"/>
      <c r="AV1781" s="137"/>
      <c r="AW1781" s="144"/>
    </row>
    <row r="1782" spans="2:49" x14ac:dyDescent="0.2">
      <c r="B1782" s="97"/>
      <c r="G1782" s="43"/>
      <c r="J1782" s="98"/>
      <c r="K1782" s="97"/>
      <c r="N1782" s="3"/>
      <c r="W1782" s="98"/>
      <c r="Z1782" s="143"/>
      <c r="AA1782" s="137"/>
      <c r="AB1782" s="137"/>
      <c r="AC1782" s="137"/>
      <c r="AD1782" s="137"/>
      <c r="AE1782" s="137"/>
      <c r="AF1782" s="137"/>
      <c r="AG1782" s="137"/>
      <c r="AH1782" s="137"/>
      <c r="AI1782" s="137"/>
      <c r="AJ1782" s="137"/>
      <c r="AK1782" s="206"/>
      <c r="AL1782" s="206"/>
      <c r="AM1782" s="143"/>
      <c r="AN1782" s="137"/>
      <c r="AO1782" s="137"/>
      <c r="AP1782" s="137"/>
      <c r="AQ1782" s="137"/>
      <c r="AR1782" s="137"/>
      <c r="AS1782" s="137"/>
      <c r="AT1782" s="137"/>
      <c r="AU1782" s="137"/>
      <c r="AV1782" s="137"/>
      <c r="AW1782" s="144"/>
    </row>
    <row r="1783" spans="2:49" x14ac:dyDescent="0.2">
      <c r="B1783" s="97"/>
      <c r="G1783" s="43"/>
      <c r="J1783" s="98"/>
      <c r="K1783" s="97"/>
      <c r="N1783" s="3"/>
      <c r="W1783" s="98"/>
      <c r="Z1783" s="143"/>
      <c r="AA1783" s="137"/>
      <c r="AB1783" s="137"/>
      <c r="AC1783" s="137"/>
      <c r="AD1783" s="137"/>
      <c r="AE1783" s="137"/>
      <c r="AF1783" s="137"/>
      <c r="AG1783" s="137"/>
      <c r="AH1783" s="137"/>
      <c r="AI1783" s="137"/>
      <c r="AJ1783" s="137"/>
      <c r="AK1783" s="206"/>
      <c r="AL1783" s="206"/>
      <c r="AM1783" s="143"/>
      <c r="AN1783" s="137"/>
      <c r="AO1783" s="137"/>
      <c r="AP1783" s="137"/>
      <c r="AQ1783" s="137"/>
      <c r="AR1783" s="137"/>
      <c r="AS1783" s="137"/>
      <c r="AT1783" s="137"/>
      <c r="AU1783" s="137"/>
      <c r="AV1783" s="137"/>
      <c r="AW1783" s="144"/>
    </row>
    <row r="1784" spans="2:49" x14ac:dyDescent="0.2">
      <c r="B1784" s="97"/>
      <c r="G1784" s="43"/>
      <c r="J1784" s="98"/>
      <c r="K1784" s="97"/>
      <c r="N1784" s="3"/>
      <c r="W1784" s="98"/>
      <c r="Z1784" s="143"/>
      <c r="AA1784" s="137"/>
      <c r="AB1784" s="137"/>
      <c r="AC1784" s="137"/>
      <c r="AD1784" s="137"/>
      <c r="AE1784" s="137"/>
      <c r="AF1784" s="137"/>
      <c r="AG1784" s="137"/>
      <c r="AH1784" s="137"/>
      <c r="AI1784" s="137"/>
      <c r="AJ1784" s="137"/>
      <c r="AK1784" s="206"/>
      <c r="AL1784" s="206"/>
      <c r="AM1784" s="143"/>
      <c r="AN1784" s="137"/>
      <c r="AO1784" s="137"/>
      <c r="AP1784" s="137"/>
      <c r="AQ1784" s="137"/>
      <c r="AR1784" s="137"/>
      <c r="AS1784" s="137"/>
      <c r="AT1784" s="137"/>
      <c r="AU1784" s="137"/>
      <c r="AV1784" s="137"/>
      <c r="AW1784" s="144"/>
    </row>
    <row r="1785" spans="2:49" x14ac:dyDescent="0.2">
      <c r="B1785" s="97"/>
      <c r="G1785" s="43"/>
      <c r="J1785" s="98"/>
      <c r="K1785" s="97"/>
      <c r="N1785" s="3"/>
      <c r="W1785" s="98"/>
      <c r="Z1785" s="143"/>
      <c r="AA1785" s="137"/>
      <c r="AB1785" s="137"/>
      <c r="AC1785" s="137"/>
      <c r="AD1785" s="137"/>
      <c r="AE1785" s="137"/>
      <c r="AF1785" s="137"/>
      <c r="AG1785" s="137"/>
      <c r="AH1785" s="137"/>
      <c r="AI1785" s="137"/>
      <c r="AJ1785" s="137"/>
      <c r="AK1785" s="206"/>
      <c r="AL1785" s="206"/>
      <c r="AM1785" s="143"/>
      <c r="AN1785" s="137"/>
      <c r="AO1785" s="137"/>
      <c r="AP1785" s="137"/>
      <c r="AQ1785" s="137"/>
      <c r="AR1785" s="137"/>
      <c r="AS1785" s="137"/>
      <c r="AT1785" s="137"/>
      <c r="AU1785" s="137"/>
      <c r="AV1785" s="137"/>
      <c r="AW1785" s="144"/>
    </row>
    <row r="1786" spans="2:49" x14ac:dyDescent="0.2">
      <c r="B1786" s="97"/>
      <c r="G1786" s="43"/>
      <c r="J1786" s="98"/>
      <c r="K1786" s="97"/>
      <c r="N1786" s="3"/>
      <c r="W1786" s="98"/>
      <c r="Z1786" s="143"/>
      <c r="AA1786" s="137"/>
      <c r="AB1786" s="137"/>
      <c r="AC1786" s="137"/>
      <c r="AD1786" s="137"/>
      <c r="AE1786" s="137"/>
      <c r="AF1786" s="137"/>
      <c r="AG1786" s="137"/>
      <c r="AH1786" s="137"/>
      <c r="AI1786" s="137"/>
      <c r="AJ1786" s="137"/>
      <c r="AK1786" s="206"/>
      <c r="AL1786" s="206"/>
      <c r="AM1786" s="143"/>
      <c r="AN1786" s="137"/>
      <c r="AO1786" s="137"/>
      <c r="AP1786" s="137"/>
      <c r="AQ1786" s="137"/>
      <c r="AR1786" s="137"/>
      <c r="AS1786" s="137"/>
      <c r="AT1786" s="137"/>
      <c r="AU1786" s="137"/>
      <c r="AV1786" s="137"/>
      <c r="AW1786" s="144"/>
    </row>
    <row r="1787" spans="2:49" x14ac:dyDescent="0.2">
      <c r="B1787" s="97"/>
      <c r="G1787" s="43"/>
      <c r="J1787" s="98"/>
      <c r="K1787" s="97"/>
      <c r="N1787" s="3"/>
      <c r="W1787" s="98"/>
      <c r="Z1787" s="143"/>
      <c r="AA1787" s="137"/>
      <c r="AB1787" s="137"/>
      <c r="AC1787" s="137"/>
      <c r="AD1787" s="137"/>
      <c r="AE1787" s="137"/>
      <c r="AF1787" s="137"/>
      <c r="AG1787" s="137"/>
      <c r="AH1787" s="137"/>
      <c r="AI1787" s="137"/>
      <c r="AJ1787" s="137"/>
      <c r="AK1787" s="206"/>
      <c r="AL1787" s="206"/>
      <c r="AM1787" s="143"/>
      <c r="AN1787" s="137"/>
      <c r="AO1787" s="137"/>
      <c r="AP1787" s="137"/>
      <c r="AQ1787" s="137"/>
      <c r="AR1787" s="137"/>
      <c r="AS1787" s="137"/>
      <c r="AT1787" s="137"/>
      <c r="AU1787" s="137"/>
      <c r="AV1787" s="137"/>
      <c r="AW1787" s="144"/>
    </row>
    <row r="1788" spans="2:49" x14ac:dyDescent="0.2">
      <c r="B1788" s="97"/>
      <c r="G1788" s="43"/>
      <c r="J1788" s="98"/>
      <c r="K1788" s="97"/>
      <c r="N1788" s="3"/>
      <c r="W1788" s="98"/>
      <c r="Z1788" s="143"/>
      <c r="AA1788" s="137"/>
      <c r="AB1788" s="137"/>
      <c r="AC1788" s="137"/>
      <c r="AD1788" s="137"/>
      <c r="AE1788" s="137"/>
      <c r="AF1788" s="137"/>
      <c r="AG1788" s="137"/>
      <c r="AH1788" s="137"/>
      <c r="AI1788" s="137"/>
      <c r="AJ1788" s="137"/>
      <c r="AK1788" s="206"/>
      <c r="AL1788" s="206"/>
      <c r="AM1788" s="143"/>
      <c r="AN1788" s="137"/>
      <c r="AO1788" s="137"/>
      <c r="AP1788" s="137"/>
      <c r="AQ1788" s="137"/>
      <c r="AR1788" s="137"/>
      <c r="AS1788" s="137"/>
      <c r="AT1788" s="137"/>
      <c r="AU1788" s="137"/>
      <c r="AV1788" s="137"/>
      <c r="AW1788" s="144"/>
    </row>
    <row r="1789" spans="2:49" x14ac:dyDescent="0.2">
      <c r="B1789" s="97"/>
      <c r="G1789" s="43"/>
      <c r="J1789" s="98"/>
      <c r="K1789" s="97"/>
      <c r="N1789" s="3"/>
      <c r="W1789" s="98"/>
      <c r="Z1789" s="143"/>
      <c r="AA1789" s="137"/>
      <c r="AB1789" s="137"/>
      <c r="AC1789" s="137"/>
      <c r="AD1789" s="137"/>
      <c r="AE1789" s="137"/>
      <c r="AF1789" s="137"/>
      <c r="AG1789" s="137"/>
      <c r="AH1789" s="137"/>
      <c r="AI1789" s="137"/>
      <c r="AJ1789" s="137"/>
      <c r="AK1789" s="206"/>
      <c r="AL1789" s="206"/>
      <c r="AM1789" s="143"/>
      <c r="AN1789" s="137"/>
      <c r="AO1789" s="137"/>
      <c r="AP1789" s="137"/>
      <c r="AQ1789" s="137"/>
      <c r="AR1789" s="137"/>
      <c r="AS1789" s="137"/>
      <c r="AT1789" s="137"/>
      <c r="AU1789" s="137"/>
      <c r="AV1789" s="137"/>
      <c r="AW1789" s="144"/>
    </row>
    <row r="1790" spans="2:49" x14ac:dyDescent="0.2">
      <c r="B1790" s="97"/>
      <c r="G1790" s="43"/>
      <c r="J1790" s="98"/>
      <c r="K1790" s="97"/>
      <c r="N1790" s="3"/>
      <c r="W1790" s="98"/>
      <c r="Z1790" s="143"/>
      <c r="AA1790" s="137"/>
      <c r="AB1790" s="137"/>
      <c r="AC1790" s="137"/>
      <c r="AD1790" s="137"/>
      <c r="AE1790" s="137"/>
      <c r="AF1790" s="137"/>
      <c r="AG1790" s="137"/>
      <c r="AH1790" s="137"/>
      <c r="AI1790" s="137"/>
      <c r="AJ1790" s="137"/>
      <c r="AK1790" s="206"/>
      <c r="AL1790" s="206"/>
      <c r="AM1790" s="143"/>
      <c r="AN1790" s="137"/>
      <c r="AO1790" s="137"/>
      <c r="AP1790" s="137"/>
      <c r="AQ1790" s="137"/>
      <c r="AR1790" s="137"/>
      <c r="AS1790" s="137"/>
      <c r="AT1790" s="137"/>
      <c r="AU1790" s="137"/>
      <c r="AV1790" s="137"/>
      <c r="AW1790" s="144"/>
    </row>
    <row r="1791" spans="2:49" x14ac:dyDescent="0.2">
      <c r="B1791" s="97"/>
      <c r="G1791" s="43"/>
      <c r="J1791" s="98"/>
      <c r="K1791" s="97"/>
      <c r="N1791" s="3"/>
      <c r="W1791" s="98"/>
      <c r="Z1791" s="143"/>
      <c r="AA1791" s="137"/>
      <c r="AB1791" s="137"/>
      <c r="AC1791" s="137"/>
      <c r="AD1791" s="137"/>
      <c r="AE1791" s="137"/>
      <c r="AF1791" s="137"/>
      <c r="AG1791" s="137"/>
      <c r="AH1791" s="137"/>
      <c r="AI1791" s="137"/>
      <c r="AJ1791" s="137"/>
      <c r="AK1791" s="206"/>
      <c r="AL1791" s="206"/>
      <c r="AM1791" s="143"/>
      <c r="AN1791" s="137"/>
      <c r="AO1791" s="137"/>
      <c r="AP1791" s="137"/>
      <c r="AQ1791" s="137"/>
      <c r="AR1791" s="137"/>
      <c r="AS1791" s="137"/>
      <c r="AT1791" s="137"/>
      <c r="AU1791" s="137"/>
      <c r="AV1791" s="137"/>
      <c r="AW1791" s="144"/>
    </row>
    <row r="1792" spans="2:49" x14ac:dyDescent="0.2">
      <c r="B1792" s="97"/>
      <c r="G1792" s="43"/>
      <c r="J1792" s="98"/>
      <c r="K1792" s="97"/>
      <c r="N1792" s="3"/>
      <c r="W1792" s="98"/>
      <c r="Z1792" s="143"/>
      <c r="AA1792" s="137"/>
      <c r="AB1792" s="137"/>
      <c r="AC1792" s="137"/>
      <c r="AD1792" s="137"/>
      <c r="AE1792" s="137"/>
      <c r="AF1792" s="137"/>
      <c r="AG1792" s="137"/>
      <c r="AH1792" s="137"/>
      <c r="AI1792" s="137"/>
      <c r="AJ1792" s="137"/>
      <c r="AK1792" s="206"/>
      <c r="AL1792" s="206"/>
      <c r="AM1792" s="143"/>
      <c r="AN1792" s="137"/>
      <c r="AO1792" s="137"/>
      <c r="AP1792" s="137"/>
      <c r="AQ1792" s="137"/>
      <c r="AR1792" s="137"/>
      <c r="AS1792" s="137"/>
      <c r="AT1792" s="137"/>
      <c r="AU1792" s="137"/>
      <c r="AV1792" s="137"/>
      <c r="AW1792" s="144"/>
    </row>
    <row r="1793" spans="2:49" x14ac:dyDescent="0.2">
      <c r="B1793" s="97"/>
      <c r="G1793" s="43"/>
      <c r="J1793" s="98"/>
      <c r="K1793" s="97"/>
      <c r="N1793" s="3"/>
      <c r="W1793" s="98"/>
      <c r="Z1793" s="143"/>
      <c r="AA1793" s="137"/>
      <c r="AB1793" s="137"/>
      <c r="AC1793" s="137"/>
      <c r="AD1793" s="137"/>
      <c r="AE1793" s="137"/>
      <c r="AF1793" s="137"/>
      <c r="AG1793" s="137"/>
      <c r="AH1793" s="137"/>
      <c r="AI1793" s="137"/>
      <c r="AJ1793" s="137"/>
      <c r="AK1793" s="206"/>
      <c r="AL1793" s="206"/>
      <c r="AM1793" s="143"/>
      <c r="AN1793" s="137"/>
      <c r="AO1793" s="137"/>
      <c r="AP1793" s="137"/>
      <c r="AQ1793" s="137"/>
      <c r="AR1793" s="137"/>
      <c r="AS1793" s="137"/>
      <c r="AT1793" s="137"/>
      <c r="AU1793" s="137"/>
      <c r="AV1793" s="137"/>
      <c r="AW1793" s="144"/>
    </row>
    <row r="1794" spans="2:49" x14ac:dyDescent="0.2">
      <c r="B1794" s="97"/>
      <c r="G1794" s="43"/>
      <c r="J1794" s="98"/>
      <c r="K1794" s="97"/>
      <c r="N1794" s="3"/>
      <c r="W1794" s="98"/>
      <c r="Z1794" s="143"/>
      <c r="AA1794" s="137"/>
      <c r="AB1794" s="137"/>
      <c r="AC1794" s="137"/>
      <c r="AD1794" s="137"/>
      <c r="AE1794" s="137"/>
      <c r="AF1794" s="137"/>
      <c r="AG1794" s="137"/>
      <c r="AH1794" s="137"/>
      <c r="AI1794" s="137"/>
      <c r="AJ1794" s="137"/>
      <c r="AK1794" s="206"/>
      <c r="AL1794" s="206"/>
      <c r="AM1794" s="143"/>
      <c r="AN1794" s="137"/>
      <c r="AO1794" s="137"/>
      <c r="AP1794" s="137"/>
      <c r="AQ1794" s="137"/>
      <c r="AR1794" s="137"/>
      <c r="AS1794" s="137"/>
      <c r="AT1794" s="137"/>
      <c r="AU1794" s="137"/>
      <c r="AV1794" s="137"/>
      <c r="AW1794" s="144"/>
    </row>
    <row r="1795" spans="2:49" x14ac:dyDescent="0.2">
      <c r="B1795" s="97"/>
      <c r="G1795" s="43"/>
      <c r="J1795" s="98"/>
      <c r="K1795" s="97"/>
      <c r="N1795" s="3"/>
      <c r="W1795" s="98"/>
      <c r="Z1795" s="143"/>
      <c r="AA1795" s="137"/>
      <c r="AB1795" s="137"/>
      <c r="AC1795" s="137"/>
      <c r="AD1795" s="137"/>
      <c r="AE1795" s="137"/>
      <c r="AF1795" s="137"/>
      <c r="AG1795" s="137"/>
      <c r="AH1795" s="137"/>
      <c r="AI1795" s="137"/>
      <c r="AJ1795" s="137"/>
      <c r="AK1795" s="206"/>
      <c r="AL1795" s="206"/>
      <c r="AM1795" s="143"/>
      <c r="AN1795" s="137"/>
      <c r="AO1795" s="137"/>
      <c r="AP1795" s="137"/>
      <c r="AQ1795" s="137"/>
      <c r="AR1795" s="137"/>
      <c r="AS1795" s="137"/>
      <c r="AT1795" s="137"/>
      <c r="AU1795" s="137"/>
      <c r="AV1795" s="137"/>
      <c r="AW1795" s="144"/>
    </row>
    <row r="1796" spans="2:49" x14ac:dyDescent="0.2">
      <c r="B1796" s="97"/>
      <c r="G1796" s="43"/>
      <c r="J1796" s="98"/>
      <c r="K1796" s="97"/>
      <c r="N1796" s="3"/>
      <c r="W1796" s="98"/>
      <c r="Z1796" s="143"/>
      <c r="AA1796" s="137"/>
      <c r="AB1796" s="137"/>
      <c r="AC1796" s="137"/>
      <c r="AD1796" s="137"/>
      <c r="AE1796" s="137"/>
      <c r="AF1796" s="137"/>
      <c r="AG1796" s="137"/>
      <c r="AH1796" s="137"/>
      <c r="AI1796" s="137"/>
      <c r="AJ1796" s="137"/>
      <c r="AK1796" s="206"/>
      <c r="AL1796" s="206"/>
      <c r="AM1796" s="143"/>
      <c r="AN1796" s="137"/>
      <c r="AO1796" s="137"/>
      <c r="AP1796" s="137"/>
      <c r="AQ1796" s="137"/>
      <c r="AR1796" s="137"/>
      <c r="AS1796" s="137"/>
      <c r="AT1796" s="137"/>
      <c r="AU1796" s="137"/>
      <c r="AV1796" s="137"/>
      <c r="AW1796" s="144"/>
    </row>
    <row r="1797" spans="2:49" x14ac:dyDescent="0.2">
      <c r="B1797" s="97"/>
      <c r="G1797" s="43"/>
      <c r="J1797" s="98"/>
      <c r="K1797" s="97"/>
      <c r="N1797" s="3"/>
      <c r="W1797" s="98"/>
      <c r="Z1797" s="143"/>
      <c r="AA1797" s="137"/>
      <c r="AB1797" s="137"/>
      <c r="AC1797" s="137"/>
      <c r="AD1797" s="137"/>
      <c r="AE1797" s="137"/>
      <c r="AF1797" s="137"/>
      <c r="AG1797" s="137"/>
      <c r="AH1797" s="137"/>
      <c r="AI1797" s="137"/>
      <c r="AJ1797" s="137"/>
      <c r="AK1797" s="206"/>
      <c r="AL1797" s="206"/>
      <c r="AM1797" s="143"/>
      <c r="AN1797" s="137"/>
      <c r="AO1797" s="137"/>
      <c r="AP1797" s="137"/>
      <c r="AQ1797" s="137"/>
      <c r="AR1797" s="137"/>
      <c r="AS1797" s="137"/>
      <c r="AT1797" s="137"/>
      <c r="AU1797" s="137"/>
      <c r="AV1797" s="137"/>
      <c r="AW1797" s="144"/>
    </row>
    <row r="1798" spans="2:49" x14ac:dyDescent="0.2">
      <c r="B1798" s="97"/>
      <c r="G1798" s="43"/>
      <c r="J1798" s="98"/>
      <c r="K1798" s="97"/>
      <c r="N1798" s="3"/>
      <c r="W1798" s="98"/>
      <c r="Z1798" s="143"/>
      <c r="AA1798" s="137"/>
      <c r="AB1798" s="137"/>
      <c r="AC1798" s="137"/>
      <c r="AD1798" s="137"/>
      <c r="AE1798" s="137"/>
      <c r="AF1798" s="137"/>
      <c r="AG1798" s="137"/>
      <c r="AH1798" s="137"/>
      <c r="AI1798" s="137"/>
      <c r="AJ1798" s="137"/>
      <c r="AK1798" s="206"/>
      <c r="AL1798" s="206"/>
      <c r="AM1798" s="143"/>
      <c r="AN1798" s="137"/>
      <c r="AO1798" s="137"/>
      <c r="AP1798" s="137"/>
      <c r="AQ1798" s="137"/>
      <c r="AR1798" s="137"/>
      <c r="AS1798" s="137"/>
      <c r="AT1798" s="137"/>
      <c r="AU1798" s="137"/>
      <c r="AV1798" s="137"/>
      <c r="AW1798" s="144"/>
    </row>
    <row r="1799" spans="2:49" x14ac:dyDescent="0.2">
      <c r="B1799" s="97"/>
      <c r="G1799" s="43"/>
      <c r="J1799" s="98"/>
      <c r="K1799" s="97"/>
      <c r="N1799" s="3"/>
      <c r="W1799" s="98"/>
      <c r="Z1799" s="143"/>
      <c r="AA1799" s="137"/>
      <c r="AB1799" s="137"/>
      <c r="AC1799" s="137"/>
      <c r="AD1799" s="137"/>
      <c r="AE1799" s="137"/>
      <c r="AF1799" s="137"/>
      <c r="AG1799" s="137"/>
      <c r="AH1799" s="137"/>
      <c r="AI1799" s="137"/>
      <c r="AJ1799" s="137"/>
      <c r="AK1799" s="206"/>
      <c r="AL1799" s="206"/>
      <c r="AM1799" s="143"/>
      <c r="AN1799" s="137"/>
      <c r="AO1799" s="137"/>
      <c r="AP1799" s="137"/>
      <c r="AQ1799" s="137"/>
      <c r="AR1799" s="137"/>
      <c r="AS1799" s="137"/>
      <c r="AT1799" s="137"/>
      <c r="AU1799" s="137"/>
      <c r="AV1799" s="137"/>
      <c r="AW1799" s="144"/>
    </row>
    <row r="1800" spans="2:49" x14ac:dyDescent="0.2">
      <c r="B1800" s="97"/>
      <c r="G1800" s="43"/>
      <c r="J1800" s="98"/>
      <c r="K1800" s="97"/>
      <c r="N1800" s="3"/>
      <c r="W1800" s="98"/>
      <c r="Z1800" s="143"/>
      <c r="AA1800" s="137"/>
      <c r="AB1800" s="137"/>
      <c r="AC1800" s="137"/>
      <c r="AD1800" s="137"/>
      <c r="AE1800" s="137"/>
      <c r="AF1800" s="137"/>
      <c r="AG1800" s="137"/>
      <c r="AH1800" s="137"/>
      <c r="AI1800" s="137"/>
      <c r="AJ1800" s="137"/>
      <c r="AK1800" s="206"/>
      <c r="AL1800" s="206"/>
      <c r="AM1800" s="143"/>
      <c r="AN1800" s="137"/>
      <c r="AO1800" s="137"/>
      <c r="AP1800" s="137"/>
      <c r="AQ1800" s="137"/>
      <c r="AR1800" s="137"/>
      <c r="AS1800" s="137"/>
      <c r="AT1800" s="137"/>
      <c r="AU1800" s="137"/>
      <c r="AV1800" s="137"/>
      <c r="AW1800" s="144"/>
    </row>
    <row r="1801" spans="2:49" x14ac:dyDescent="0.2">
      <c r="B1801" s="97"/>
      <c r="G1801" s="43"/>
      <c r="J1801" s="98"/>
      <c r="K1801" s="97"/>
      <c r="N1801" s="3"/>
      <c r="W1801" s="98"/>
      <c r="Z1801" s="143"/>
      <c r="AA1801" s="137"/>
      <c r="AB1801" s="137"/>
      <c r="AC1801" s="137"/>
      <c r="AD1801" s="137"/>
      <c r="AE1801" s="137"/>
      <c r="AF1801" s="137"/>
      <c r="AG1801" s="137"/>
      <c r="AH1801" s="137"/>
      <c r="AI1801" s="137"/>
      <c r="AJ1801" s="137"/>
      <c r="AK1801" s="206"/>
      <c r="AL1801" s="206"/>
      <c r="AM1801" s="143"/>
      <c r="AN1801" s="137"/>
      <c r="AO1801" s="137"/>
      <c r="AP1801" s="137"/>
      <c r="AQ1801" s="137"/>
      <c r="AR1801" s="137"/>
      <c r="AS1801" s="137"/>
      <c r="AT1801" s="137"/>
      <c r="AU1801" s="137"/>
      <c r="AV1801" s="137"/>
      <c r="AW1801" s="144"/>
    </row>
    <row r="1802" spans="2:49" x14ac:dyDescent="0.2">
      <c r="B1802" s="97"/>
      <c r="G1802" s="43"/>
      <c r="J1802" s="98"/>
      <c r="K1802" s="97"/>
      <c r="N1802" s="3"/>
      <c r="W1802" s="98"/>
      <c r="Z1802" s="143"/>
      <c r="AA1802" s="137"/>
      <c r="AB1802" s="137"/>
      <c r="AC1802" s="137"/>
      <c r="AD1802" s="137"/>
      <c r="AE1802" s="137"/>
      <c r="AF1802" s="137"/>
      <c r="AG1802" s="137"/>
      <c r="AH1802" s="137"/>
      <c r="AI1802" s="137"/>
      <c r="AJ1802" s="137"/>
      <c r="AK1802" s="206"/>
      <c r="AL1802" s="206"/>
      <c r="AM1802" s="143"/>
      <c r="AN1802" s="137"/>
      <c r="AO1802" s="137"/>
      <c r="AP1802" s="137"/>
      <c r="AQ1802" s="137"/>
      <c r="AR1802" s="137"/>
      <c r="AS1802" s="137"/>
      <c r="AT1802" s="137"/>
      <c r="AU1802" s="137"/>
      <c r="AV1802" s="137"/>
      <c r="AW1802" s="144"/>
    </row>
    <row r="1803" spans="2:49" x14ac:dyDescent="0.2">
      <c r="B1803" s="97"/>
      <c r="G1803" s="43"/>
      <c r="J1803" s="98"/>
      <c r="K1803" s="97"/>
      <c r="N1803" s="3"/>
      <c r="W1803" s="98"/>
      <c r="Z1803" s="143"/>
      <c r="AA1803" s="137"/>
      <c r="AB1803" s="137"/>
      <c r="AC1803" s="137"/>
      <c r="AD1803" s="137"/>
      <c r="AE1803" s="137"/>
      <c r="AF1803" s="137"/>
      <c r="AG1803" s="137"/>
      <c r="AH1803" s="137"/>
      <c r="AI1803" s="137"/>
      <c r="AJ1803" s="137"/>
      <c r="AK1803" s="206"/>
      <c r="AL1803" s="206"/>
      <c r="AM1803" s="143"/>
      <c r="AN1803" s="137"/>
      <c r="AO1803" s="137"/>
      <c r="AP1803" s="137"/>
      <c r="AQ1803" s="137"/>
      <c r="AR1803" s="137"/>
      <c r="AS1803" s="137"/>
      <c r="AT1803" s="137"/>
      <c r="AU1803" s="137"/>
      <c r="AV1803" s="137"/>
      <c r="AW1803" s="144"/>
    </row>
    <row r="1804" spans="2:49" x14ac:dyDescent="0.2">
      <c r="B1804" s="97"/>
      <c r="G1804" s="43"/>
      <c r="J1804" s="98"/>
      <c r="K1804" s="97"/>
      <c r="N1804" s="3"/>
      <c r="W1804" s="98"/>
      <c r="Z1804" s="143"/>
      <c r="AA1804" s="137"/>
      <c r="AB1804" s="137"/>
      <c r="AC1804" s="137"/>
      <c r="AD1804" s="137"/>
      <c r="AE1804" s="137"/>
      <c r="AF1804" s="137"/>
      <c r="AG1804" s="137"/>
      <c r="AH1804" s="137"/>
      <c r="AI1804" s="137"/>
      <c r="AJ1804" s="137"/>
      <c r="AK1804" s="206"/>
      <c r="AL1804" s="206"/>
      <c r="AM1804" s="143"/>
      <c r="AN1804" s="137"/>
      <c r="AO1804" s="137"/>
      <c r="AP1804" s="137"/>
      <c r="AQ1804" s="137"/>
      <c r="AR1804" s="137"/>
      <c r="AS1804" s="137"/>
      <c r="AT1804" s="137"/>
      <c r="AU1804" s="137"/>
      <c r="AV1804" s="137"/>
      <c r="AW1804" s="144"/>
    </row>
    <row r="1805" spans="2:49" x14ac:dyDescent="0.2">
      <c r="B1805" s="97"/>
      <c r="G1805" s="43"/>
      <c r="J1805" s="98"/>
      <c r="K1805" s="97"/>
      <c r="N1805" s="3"/>
      <c r="W1805" s="98"/>
      <c r="Z1805" s="143"/>
      <c r="AA1805" s="137"/>
      <c r="AB1805" s="137"/>
      <c r="AC1805" s="137"/>
      <c r="AD1805" s="137"/>
      <c r="AE1805" s="137"/>
      <c r="AF1805" s="137"/>
      <c r="AG1805" s="137"/>
      <c r="AH1805" s="137"/>
      <c r="AI1805" s="137"/>
      <c r="AJ1805" s="137"/>
      <c r="AK1805" s="206"/>
      <c r="AL1805" s="206"/>
      <c r="AM1805" s="143"/>
      <c r="AN1805" s="137"/>
      <c r="AO1805" s="137"/>
      <c r="AP1805" s="137"/>
      <c r="AQ1805" s="137"/>
      <c r="AR1805" s="137"/>
      <c r="AS1805" s="137"/>
      <c r="AT1805" s="137"/>
      <c r="AU1805" s="137"/>
      <c r="AV1805" s="137"/>
      <c r="AW1805" s="144"/>
    </row>
    <row r="1806" spans="2:49" x14ac:dyDescent="0.2">
      <c r="B1806" s="97"/>
      <c r="G1806" s="43"/>
      <c r="J1806" s="98"/>
      <c r="K1806" s="97"/>
      <c r="N1806" s="3"/>
      <c r="W1806" s="98"/>
      <c r="Z1806" s="143"/>
      <c r="AA1806" s="137"/>
      <c r="AB1806" s="137"/>
      <c r="AC1806" s="137"/>
      <c r="AD1806" s="137"/>
      <c r="AE1806" s="137"/>
      <c r="AF1806" s="137"/>
      <c r="AG1806" s="137"/>
      <c r="AH1806" s="137"/>
      <c r="AI1806" s="137"/>
      <c r="AJ1806" s="137"/>
      <c r="AK1806" s="206"/>
      <c r="AL1806" s="206"/>
      <c r="AM1806" s="143"/>
      <c r="AN1806" s="137"/>
      <c r="AO1806" s="137"/>
      <c r="AP1806" s="137"/>
      <c r="AQ1806" s="137"/>
      <c r="AR1806" s="137"/>
      <c r="AS1806" s="137"/>
      <c r="AT1806" s="137"/>
      <c r="AU1806" s="137"/>
      <c r="AV1806" s="137"/>
      <c r="AW1806" s="144"/>
    </row>
    <row r="1807" spans="2:49" x14ac:dyDescent="0.2">
      <c r="B1807" s="97"/>
      <c r="G1807" s="43"/>
      <c r="J1807" s="98"/>
      <c r="K1807" s="97"/>
      <c r="N1807" s="3"/>
      <c r="W1807" s="98"/>
      <c r="Z1807" s="143"/>
      <c r="AA1807" s="137"/>
      <c r="AB1807" s="137"/>
      <c r="AC1807" s="137"/>
      <c r="AD1807" s="137"/>
      <c r="AE1807" s="137"/>
      <c r="AF1807" s="137"/>
      <c r="AG1807" s="137"/>
      <c r="AH1807" s="137"/>
      <c r="AI1807" s="137"/>
      <c r="AJ1807" s="137"/>
      <c r="AK1807" s="206"/>
      <c r="AL1807" s="206"/>
      <c r="AM1807" s="143"/>
      <c r="AN1807" s="137"/>
      <c r="AO1807" s="137"/>
      <c r="AP1807" s="137"/>
      <c r="AQ1807" s="137"/>
      <c r="AR1807" s="137"/>
      <c r="AS1807" s="137"/>
      <c r="AT1807" s="137"/>
      <c r="AU1807" s="137"/>
      <c r="AV1807" s="137"/>
      <c r="AW1807" s="144"/>
    </row>
    <row r="1808" spans="2:49" x14ac:dyDescent="0.2">
      <c r="B1808" s="97"/>
      <c r="G1808" s="43"/>
      <c r="J1808" s="98"/>
      <c r="K1808" s="97"/>
      <c r="N1808" s="3"/>
      <c r="W1808" s="98"/>
      <c r="Z1808" s="143"/>
      <c r="AA1808" s="137"/>
      <c r="AB1808" s="137"/>
      <c r="AC1808" s="137"/>
      <c r="AD1808" s="137"/>
      <c r="AE1808" s="137"/>
      <c r="AF1808" s="137"/>
      <c r="AG1808" s="137"/>
      <c r="AH1808" s="137"/>
      <c r="AI1808" s="137"/>
      <c r="AJ1808" s="137"/>
      <c r="AK1808" s="206"/>
      <c r="AL1808" s="206"/>
      <c r="AM1808" s="143"/>
      <c r="AN1808" s="137"/>
      <c r="AO1808" s="137"/>
      <c r="AP1808" s="137"/>
      <c r="AQ1808" s="137"/>
      <c r="AR1808" s="137"/>
      <c r="AS1808" s="137"/>
      <c r="AT1808" s="137"/>
      <c r="AU1808" s="137"/>
      <c r="AV1808" s="137"/>
      <c r="AW1808" s="144"/>
    </row>
    <row r="1809" spans="2:49" x14ac:dyDescent="0.2">
      <c r="B1809" s="97"/>
      <c r="G1809" s="43"/>
      <c r="J1809" s="98"/>
      <c r="K1809" s="97"/>
      <c r="N1809" s="3"/>
      <c r="W1809" s="98"/>
      <c r="Z1809" s="143"/>
      <c r="AA1809" s="137"/>
      <c r="AB1809" s="137"/>
      <c r="AC1809" s="137"/>
      <c r="AD1809" s="137"/>
      <c r="AE1809" s="137"/>
      <c r="AF1809" s="137"/>
      <c r="AG1809" s="137"/>
      <c r="AH1809" s="137"/>
      <c r="AI1809" s="137"/>
      <c r="AJ1809" s="137"/>
      <c r="AK1809" s="206"/>
      <c r="AL1809" s="206"/>
      <c r="AM1809" s="143"/>
      <c r="AN1809" s="137"/>
      <c r="AO1809" s="137"/>
      <c r="AP1809" s="137"/>
      <c r="AQ1809" s="137"/>
      <c r="AR1809" s="137"/>
      <c r="AS1809" s="137"/>
      <c r="AT1809" s="137"/>
      <c r="AU1809" s="137"/>
      <c r="AV1809" s="137"/>
      <c r="AW1809" s="144"/>
    </row>
    <row r="1810" spans="2:49" x14ac:dyDescent="0.2">
      <c r="B1810" s="97"/>
      <c r="G1810" s="43"/>
      <c r="J1810" s="98"/>
      <c r="K1810" s="97"/>
      <c r="N1810" s="3"/>
      <c r="W1810" s="98"/>
      <c r="Z1810" s="143"/>
      <c r="AA1810" s="137"/>
      <c r="AB1810" s="137"/>
      <c r="AC1810" s="137"/>
      <c r="AD1810" s="137"/>
      <c r="AE1810" s="137"/>
      <c r="AF1810" s="137"/>
      <c r="AG1810" s="137"/>
      <c r="AH1810" s="137"/>
      <c r="AI1810" s="137"/>
      <c r="AJ1810" s="137"/>
      <c r="AK1810" s="206"/>
      <c r="AL1810" s="206"/>
      <c r="AM1810" s="143"/>
      <c r="AN1810" s="137"/>
      <c r="AO1810" s="137"/>
      <c r="AP1810" s="137"/>
      <c r="AQ1810" s="137"/>
      <c r="AR1810" s="137"/>
      <c r="AS1810" s="137"/>
      <c r="AT1810" s="137"/>
      <c r="AU1810" s="137"/>
      <c r="AV1810" s="137"/>
      <c r="AW1810" s="144"/>
    </row>
    <row r="1811" spans="2:49" x14ac:dyDescent="0.2">
      <c r="B1811" s="97"/>
      <c r="G1811" s="43"/>
      <c r="J1811" s="98"/>
      <c r="K1811" s="97"/>
      <c r="N1811" s="3"/>
      <c r="W1811" s="98"/>
      <c r="Z1811" s="143"/>
      <c r="AA1811" s="137"/>
      <c r="AB1811" s="137"/>
      <c r="AC1811" s="137"/>
      <c r="AD1811" s="137"/>
      <c r="AE1811" s="137"/>
      <c r="AF1811" s="137"/>
      <c r="AG1811" s="137"/>
      <c r="AH1811" s="137"/>
      <c r="AI1811" s="137"/>
      <c r="AJ1811" s="137"/>
      <c r="AK1811" s="206"/>
      <c r="AL1811" s="206"/>
      <c r="AM1811" s="143"/>
      <c r="AN1811" s="137"/>
      <c r="AO1811" s="137"/>
      <c r="AP1811" s="137"/>
      <c r="AQ1811" s="137"/>
      <c r="AR1811" s="137"/>
      <c r="AS1811" s="137"/>
      <c r="AT1811" s="137"/>
      <c r="AU1811" s="137"/>
      <c r="AV1811" s="137"/>
      <c r="AW1811" s="144"/>
    </row>
    <row r="1812" spans="2:49" x14ac:dyDescent="0.2">
      <c r="B1812" s="97"/>
      <c r="G1812" s="43"/>
      <c r="J1812" s="98"/>
      <c r="K1812" s="97"/>
      <c r="N1812" s="3"/>
      <c r="W1812" s="98"/>
      <c r="Z1812" s="143"/>
      <c r="AA1812" s="137"/>
      <c r="AB1812" s="137"/>
      <c r="AC1812" s="137"/>
      <c r="AD1812" s="137"/>
      <c r="AE1812" s="137"/>
      <c r="AF1812" s="137"/>
      <c r="AG1812" s="137"/>
      <c r="AH1812" s="137"/>
      <c r="AI1812" s="137"/>
      <c r="AJ1812" s="137"/>
      <c r="AK1812" s="206"/>
      <c r="AL1812" s="206"/>
      <c r="AM1812" s="143"/>
      <c r="AN1812" s="137"/>
      <c r="AO1812" s="137"/>
      <c r="AP1812" s="137"/>
      <c r="AQ1812" s="137"/>
      <c r="AR1812" s="137"/>
      <c r="AS1812" s="137"/>
      <c r="AT1812" s="137"/>
      <c r="AU1812" s="137"/>
      <c r="AV1812" s="137"/>
      <c r="AW1812" s="144"/>
    </row>
    <row r="1813" spans="2:49" x14ac:dyDescent="0.2">
      <c r="B1813" s="97"/>
      <c r="G1813" s="43"/>
      <c r="J1813" s="98"/>
      <c r="K1813" s="97"/>
      <c r="N1813" s="3"/>
      <c r="W1813" s="98"/>
      <c r="Z1813" s="143"/>
      <c r="AA1813" s="137"/>
      <c r="AB1813" s="137"/>
      <c r="AC1813" s="137"/>
      <c r="AD1813" s="137"/>
      <c r="AE1813" s="137"/>
      <c r="AF1813" s="137"/>
      <c r="AG1813" s="137"/>
      <c r="AH1813" s="137"/>
      <c r="AI1813" s="137"/>
      <c r="AJ1813" s="137"/>
      <c r="AK1813" s="206"/>
      <c r="AL1813" s="206"/>
      <c r="AM1813" s="143"/>
      <c r="AN1813" s="137"/>
      <c r="AO1813" s="137"/>
      <c r="AP1813" s="137"/>
      <c r="AQ1813" s="137"/>
      <c r="AR1813" s="137"/>
      <c r="AS1813" s="137"/>
      <c r="AT1813" s="137"/>
      <c r="AU1813" s="137"/>
      <c r="AV1813" s="137"/>
      <c r="AW1813" s="144"/>
    </row>
    <row r="1814" spans="2:49" x14ac:dyDescent="0.2">
      <c r="B1814" s="97"/>
      <c r="G1814" s="43"/>
      <c r="J1814" s="98"/>
      <c r="K1814" s="97"/>
      <c r="N1814" s="3"/>
      <c r="W1814" s="98"/>
      <c r="Z1814" s="143"/>
      <c r="AA1814" s="137"/>
      <c r="AB1814" s="137"/>
      <c r="AC1814" s="137"/>
      <c r="AD1814" s="137"/>
      <c r="AE1814" s="137"/>
      <c r="AF1814" s="137"/>
      <c r="AG1814" s="137"/>
      <c r="AH1814" s="137"/>
      <c r="AI1814" s="137"/>
      <c r="AJ1814" s="137"/>
      <c r="AK1814" s="206"/>
      <c r="AL1814" s="206"/>
      <c r="AM1814" s="143"/>
      <c r="AN1814" s="137"/>
      <c r="AO1814" s="137"/>
      <c r="AP1814" s="137"/>
      <c r="AQ1814" s="137"/>
      <c r="AR1814" s="137"/>
      <c r="AS1814" s="137"/>
      <c r="AT1814" s="137"/>
      <c r="AU1814" s="137"/>
      <c r="AV1814" s="137"/>
      <c r="AW1814" s="144"/>
    </row>
    <row r="1815" spans="2:49" x14ac:dyDescent="0.2">
      <c r="B1815" s="97"/>
      <c r="G1815" s="43"/>
      <c r="J1815" s="98"/>
      <c r="K1815" s="97"/>
      <c r="N1815" s="3"/>
      <c r="W1815" s="98"/>
      <c r="Z1815" s="143"/>
      <c r="AA1815" s="137"/>
      <c r="AB1815" s="137"/>
      <c r="AC1815" s="137"/>
      <c r="AD1815" s="137"/>
      <c r="AE1815" s="137"/>
      <c r="AF1815" s="137"/>
      <c r="AG1815" s="137"/>
      <c r="AH1815" s="137"/>
      <c r="AI1815" s="137"/>
      <c r="AJ1815" s="137"/>
      <c r="AK1815" s="206"/>
      <c r="AL1815" s="206"/>
      <c r="AM1815" s="143"/>
      <c r="AN1815" s="137"/>
      <c r="AO1815" s="137"/>
      <c r="AP1815" s="137"/>
      <c r="AQ1815" s="137"/>
      <c r="AR1815" s="137"/>
      <c r="AS1815" s="137"/>
      <c r="AT1815" s="137"/>
      <c r="AU1815" s="137"/>
      <c r="AV1815" s="137"/>
      <c r="AW1815" s="144"/>
    </row>
    <row r="1816" spans="2:49" x14ac:dyDescent="0.2">
      <c r="B1816" s="97"/>
      <c r="G1816" s="43"/>
      <c r="J1816" s="98"/>
      <c r="K1816" s="97"/>
      <c r="N1816" s="3"/>
      <c r="W1816" s="98"/>
      <c r="Z1816" s="143"/>
      <c r="AA1816" s="137"/>
      <c r="AB1816" s="137"/>
      <c r="AC1816" s="137"/>
      <c r="AD1816" s="137"/>
      <c r="AE1816" s="137"/>
      <c r="AF1816" s="137"/>
      <c r="AG1816" s="137"/>
      <c r="AH1816" s="137"/>
      <c r="AI1816" s="137"/>
      <c r="AJ1816" s="137"/>
      <c r="AK1816" s="206"/>
      <c r="AL1816" s="206"/>
      <c r="AM1816" s="143"/>
      <c r="AN1816" s="137"/>
      <c r="AO1816" s="137"/>
      <c r="AP1816" s="137"/>
      <c r="AQ1816" s="137"/>
      <c r="AR1816" s="137"/>
      <c r="AS1816" s="137"/>
      <c r="AT1816" s="137"/>
      <c r="AU1816" s="137"/>
      <c r="AV1816" s="137"/>
      <c r="AW1816" s="144"/>
    </row>
    <row r="1817" spans="2:49" x14ac:dyDescent="0.2">
      <c r="B1817" s="97"/>
      <c r="G1817" s="43"/>
      <c r="J1817" s="98"/>
      <c r="K1817" s="97"/>
      <c r="N1817" s="3"/>
      <c r="W1817" s="98"/>
      <c r="Z1817" s="143"/>
      <c r="AA1817" s="137"/>
      <c r="AB1817" s="137"/>
      <c r="AC1817" s="137"/>
      <c r="AD1817" s="137"/>
      <c r="AE1817" s="137"/>
      <c r="AF1817" s="137"/>
      <c r="AG1817" s="137"/>
      <c r="AH1817" s="137"/>
      <c r="AI1817" s="137"/>
      <c r="AJ1817" s="137"/>
      <c r="AK1817" s="206"/>
      <c r="AL1817" s="206"/>
      <c r="AM1817" s="143"/>
      <c r="AN1817" s="137"/>
      <c r="AO1817" s="137"/>
      <c r="AP1817" s="137"/>
      <c r="AQ1817" s="137"/>
      <c r="AR1817" s="137"/>
      <c r="AS1817" s="137"/>
      <c r="AT1817" s="137"/>
      <c r="AU1817" s="137"/>
      <c r="AV1817" s="137"/>
      <c r="AW1817" s="144"/>
    </row>
    <row r="1818" spans="2:49" x14ac:dyDescent="0.2">
      <c r="B1818" s="97"/>
      <c r="G1818" s="43"/>
      <c r="J1818" s="98"/>
      <c r="K1818" s="97"/>
      <c r="N1818" s="3"/>
      <c r="W1818" s="98"/>
      <c r="Z1818" s="143"/>
      <c r="AA1818" s="137"/>
      <c r="AB1818" s="137"/>
      <c r="AC1818" s="137"/>
      <c r="AD1818" s="137"/>
      <c r="AE1818" s="137"/>
      <c r="AF1818" s="137"/>
      <c r="AG1818" s="137"/>
      <c r="AH1818" s="137"/>
      <c r="AI1818" s="137"/>
      <c r="AJ1818" s="137"/>
      <c r="AK1818" s="206"/>
      <c r="AL1818" s="206"/>
      <c r="AM1818" s="143"/>
      <c r="AN1818" s="137"/>
      <c r="AO1818" s="137"/>
      <c r="AP1818" s="137"/>
      <c r="AQ1818" s="137"/>
      <c r="AR1818" s="137"/>
      <c r="AS1818" s="137"/>
      <c r="AT1818" s="137"/>
      <c r="AU1818" s="137"/>
      <c r="AV1818" s="137"/>
      <c r="AW1818" s="144"/>
    </row>
    <row r="1819" spans="2:49" x14ac:dyDescent="0.2">
      <c r="B1819" s="97"/>
      <c r="G1819" s="43"/>
      <c r="J1819" s="98"/>
      <c r="K1819" s="97"/>
      <c r="N1819" s="3"/>
      <c r="W1819" s="98"/>
      <c r="Z1819" s="143"/>
      <c r="AA1819" s="137"/>
      <c r="AB1819" s="137"/>
      <c r="AC1819" s="137"/>
      <c r="AD1819" s="137"/>
      <c r="AE1819" s="137"/>
      <c r="AF1819" s="137"/>
      <c r="AG1819" s="137"/>
      <c r="AH1819" s="137"/>
      <c r="AI1819" s="137"/>
      <c r="AJ1819" s="137"/>
      <c r="AK1819" s="206"/>
      <c r="AL1819" s="206"/>
      <c r="AM1819" s="143"/>
      <c r="AN1819" s="137"/>
      <c r="AO1819" s="137"/>
      <c r="AP1819" s="137"/>
      <c r="AQ1819" s="137"/>
      <c r="AR1819" s="137"/>
      <c r="AS1819" s="137"/>
      <c r="AT1819" s="137"/>
      <c r="AU1819" s="137"/>
      <c r="AV1819" s="137"/>
      <c r="AW1819" s="144"/>
    </row>
    <row r="1820" spans="2:49" x14ac:dyDescent="0.2">
      <c r="B1820" s="97"/>
      <c r="G1820" s="43"/>
      <c r="J1820" s="98"/>
      <c r="K1820" s="97"/>
      <c r="N1820" s="3"/>
      <c r="W1820" s="98"/>
      <c r="Z1820" s="143"/>
      <c r="AA1820" s="137"/>
      <c r="AB1820" s="137"/>
      <c r="AC1820" s="137"/>
      <c r="AD1820" s="137"/>
      <c r="AE1820" s="137"/>
      <c r="AF1820" s="137"/>
      <c r="AG1820" s="137"/>
      <c r="AH1820" s="137"/>
      <c r="AI1820" s="137"/>
      <c r="AJ1820" s="137"/>
      <c r="AK1820" s="206"/>
      <c r="AL1820" s="206"/>
      <c r="AM1820" s="143"/>
      <c r="AN1820" s="137"/>
      <c r="AO1820" s="137"/>
      <c r="AP1820" s="137"/>
      <c r="AQ1820" s="137"/>
      <c r="AR1820" s="137"/>
      <c r="AS1820" s="137"/>
      <c r="AT1820" s="137"/>
      <c r="AU1820" s="137"/>
      <c r="AV1820" s="137"/>
      <c r="AW1820" s="144"/>
    </row>
    <row r="1821" spans="2:49" x14ac:dyDescent="0.2">
      <c r="B1821" s="97"/>
      <c r="G1821" s="43"/>
      <c r="J1821" s="98"/>
      <c r="K1821" s="97"/>
      <c r="N1821" s="3"/>
      <c r="W1821" s="98"/>
      <c r="Z1821" s="143"/>
      <c r="AA1821" s="137"/>
      <c r="AB1821" s="137"/>
      <c r="AC1821" s="137"/>
      <c r="AD1821" s="137"/>
      <c r="AE1821" s="137"/>
      <c r="AF1821" s="137"/>
      <c r="AG1821" s="137"/>
      <c r="AH1821" s="137"/>
      <c r="AI1821" s="137"/>
      <c r="AJ1821" s="137"/>
      <c r="AK1821" s="206"/>
      <c r="AL1821" s="206"/>
      <c r="AM1821" s="143"/>
      <c r="AN1821" s="137"/>
      <c r="AO1821" s="137"/>
      <c r="AP1821" s="137"/>
      <c r="AQ1821" s="137"/>
      <c r="AR1821" s="137"/>
      <c r="AS1821" s="137"/>
      <c r="AT1821" s="137"/>
      <c r="AU1821" s="137"/>
      <c r="AV1821" s="137"/>
      <c r="AW1821" s="144"/>
    </row>
    <row r="1822" spans="2:49" x14ac:dyDescent="0.2">
      <c r="B1822" s="97"/>
      <c r="G1822" s="43"/>
      <c r="J1822" s="98"/>
      <c r="K1822" s="97"/>
      <c r="N1822" s="3"/>
      <c r="W1822" s="98"/>
      <c r="Z1822" s="143"/>
      <c r="AA1822" s="137"/>
      <c r="AB1822" s="137"/>
      <c r="AC1822" s="137"/>
      <c r="AD1822" s="137"/>
      <c r="AE1822" s="137"/>
      <c r="AF1822" s="137"/>
      <c r="AG1822" s="137"/>
      <c r="AH1822" s="137"/>
      <c r="AI1822" s="137"/>
      <c r="AJ1822" s="137"/>
      <c r="AK1822" s="206"/>
      <c r="AL1822" s="206"/>
      <c r="AM1822" s="143"/>
      <c r="AN1822" s="137"/>
      <c r="AO1822" s="137"/>
      <c r="AP1822" s="137"/>
      <c r="AQ1822" s="137"/>
      <c r="AR1822" s="137"/>
      <c r="AS1822" s="137"/>
      <c r="AT1822" s="137"/>
      <c r="AU1822" s="137"/>
      <c r="AV1822" s="137"/>
      <c r="AW1822" s="144"/>
    </row>
    <row r="1823" spans="2:49" x14ac:dyDescent="0.2">
      <c r="B1823" s="97"/>
      <c r="G1823" s="43"/>
      <c r="J1823" s="98"/>
      <c r="K1823" s="97"/>
      <c r="N1823" s="3"/>
      <c r="W1823" s="98"/>
      <c r="Z1823" s="143"/>
      <c r="AA1823" s="137"/>
      <c r="AB1823" s="137"/>
      <c r="AC1823" s="137"/>
      <c r="AD1823" s="137"/>
      <c r="AE1823" s="137"/>
      <c r="AF1823" s="137"/>
      <c r="AG1823" s="137"/>
      <c r="AH1823" s="137"/>
      <c r="AI1823" s="137"/>
      <c r="AJ1823" s="137"/>
      <c r="AK1823" s="206"/>
      <c r="AL1823" s="206"/>
      <c r="AM1823" s="143"/>
      <c r="AN1823" s="137"/>
      <c r="AO1823" s="137"/>
      <c r="AP1823" s="137"/>
      <c r="AQ1823" s="137"/>
      <c r="AR1823" s="137"/>
      <c r="AS1823" s="137"/>
      <c r="AT1823" s="137"/>
      <c r="AU1823" s="137"/>
      <c r="AV1823" s="137"/>
      <c r="AW1823" s="144"/>
    </row>
    <row r="1824" spans="2:49" x14ac:dyDescent="0.2">
      <c r="B1824" s="97"/>
      <c r="G1824" s="43"/>
      <c r="J1824" s="98"/>
      <c r="K1824" s="97"/>
      <c r="N1824" s="3"/>
      <c r="W1824" s="98"/>
      <c r="Z1824" s="143"/>
      <c r="AA1824" s="137"/>
      <c r="AB1824" s="137"/>
      <c r="AC1824" s="137"/>
      <c r="AD1824" s="137"/>
      <c r="AE1824" s="137"/>
      <c r="AF1824" s="137"/>
      <c r="AG1824" s="137"/>
      <c r="AH1824" s="137"/>
      <c r="AI1824" s="137"/>
      <c r="AJ1824" s="137"/>
      <c r="AK1824" s="206"/>
      <c r="AL1824" s="206"/>
      <c r="AM1824" s="143"/>
      <c r="AN1824" s="137"/>
      <c r="AO1824" s="137"/>
      <c r="AP1824" s="137"/>
      <c r="AQ1824" s="137"/>
      <c r="AR1824" s="137"/>
      <c r="AS1824" s="137"/>
      <c r="AT1824" s="137"/>
      <c r="AU1824" s="137"/>
      <c r="AV1824" s="137"/>
      <c r="AW1824" s="144"/>
    </row>
    <row r="1825" spans="2:49" x14ac:dyDescent="0.2">
      <c r="B1825" s="97"/>
      <c r="G1825" s="43"/>
      <c r="J1825" s="98"/>
      <c r="K1825" s="97"/>
      <c r="N1825" s="3"/>
      <c r="W1825" s="98"/>
      <c r="Z1825" s="143"/>
      <c r="AA1825" s="137"/>
      <c r="AB1825" s="137"/>
      <c r="AC1825" s="137"/>
      <c r="AD1825" s="137"/>
      <c r="AE1825" s="137"/>
      <c r="AF1825" s="137"/>
      <c r="AG1825" s="137"/>
      <c r="AH1825" s="137"/>
      <c r="AI1825" s="137"/>
      <c r="AJ1825" s="137"/>
      <c r="AK1825" s="206"/>
      <c r="AL1825" s="206"/>
      <c r="AM1825" s="143"/>
      <c r="AN1825" s="137"/>
      <c r="AO1825" s="137"/>
      <c r="AP1825" s="137"/>
      <c r="AQ1825" s="137"/>
      <c r="AR1825" s="137"/>
      <c r="AS1825" s="137"/>
      <c r="AT1825" s="137"/>
      <c r="AU1825" s="137"/>
      <c r="AV1825" s="137"/>
      <c r="AW1825" s="144"/>
    </row>
    <row r="1826" spans="2:49" x14ac:dyDescent="0.2">
      <c r="B1826" s="97"/>
      <c r="G1826" s="43"/>
      <c r="J1826" s="98"/>
      <c r="K1826" s="97"/>
      <c r="N1826" s="3"/>
      <c r="W1826" s="98"/>
      <c r="Z1826" s="143"/>
      <c r="AA1826" s="137"/>
      <c r="AB1826" s="137"/>
      <c r="AC1826" s="137"/>
      <c r="AD1826" s="137"/>
      <c r="AE1826" s="137"/>
      <c r="AF1826" s="137"/>
      <c r="AG1826" s="137"/>
      <c r="AH1826" s="137"/>
      <c r="AI1826" s="137"/>
      <c r="AJ1826" s="137"/>
      <c r="AK1826" s="206"/>
      <c r="AL1826" s="206"/>
      <c r="AM1826" s="143"/>
      <c r="AN1826" s="137"/>
      <c r="AO1826" s="137"/>
      <c r="AP1826" s="137"/>
      <c r="AQ1826" s="137"/>
      <c r="AR1826" s="137"/>
      <c r="AS1826" s="137"/>
      <c r="AT1826" s="137"/>
      <c r="AU1826" s="137"/>
      <c r="AV1826" s="137"/>
      <c r="AW1826" s="144"/>
    </row>
    <row r="1827" spans="2:49" x14ac:dyDescent="0.2">
      <c r="B1827" s="97"/>
      <c r="G1827" s="43"/>
      <c r="J1827" s="98"/>
      <c r="K1827" s="97"/>
      <c r="N1827" s="3"/>
      <c r="W1827" s="98"/>
      <c r="Z1827" s="143"/>
      <c r="AA1827" s="137"/>
      <c r="AB1827" s="137"/>
      <c r="AC1827" s="137"/>
      <c r="AD1827" s="137"/>
      <c r="AE1827" s="137"/>
      <c r="AF1827" s="137"/>
      <c r="AG1827" s="137"/>
      <c r="AH1827" s="137"/>
      <c r="AI1827" s="137"/>
      <c r="AJ1827" s="137"/>
      <c r="AK1827" s="206"/>
      <c r="AL1827" s="206"/>
      <c r="AM1827" s="143"/>
      <c r="AN1827" s="137"/>
      <c r="AO1827" s="137"/>
      <c r="AP1827" s="137"/>
      <c r="AQ1827" s="137"/>
      <c r="AR1827" s="137"/>
      <c r="AS1827" s="137"/>
      <c r="AT1827" s="137"/>
      <c r="AU1827" s="137"/>
      <c r="AV1827" s="137"/>
      <c r="AW1827" s="144"/>
    </row>
    <row r="1828" spans="2:49" x14ac:dyDescent="0.2">
      <c r="B1828" s="97"/>
      <c r="G1828" s="43"/>
      <c r="J1828" s="98"/>
      <c r="K1828" s="97"/>
      <c r="N1828" s="3"/>
      <c r="W1828" s="98"/>
      <c r="Z1828" s="143"/>
      <c r="AA1828" s="137"/>
      <c r="AB1828" s="137"/>
      <c r="AC1828" s="137"/>
      <c r="AD1828" s="137"/>
      <c r="AE1828" s="137"/>
      <c r="AF1828" s="137"/>
      <c r="AG1828" s="137"/>
      <c r="AH1828" s="137"/>
      <c r="AI1828" s="137"/>
      <c r="AJ1828" s="137"/>
      <c r="AK1828" s="206"/>
      <c r="AL1828" s="206"/>
      <c r="AM1828" s="143"/>
      <c r="AN1828" s="137"/>
      <c r="AO1828" s="137"/>
      <c r="AP1828" s="137"/>
      <c r="AQ1828" s="137"/>
      <c r="AR1828" s="137"/>
      <c r="AS1828" s="137"/>
      <c r="AT1828" s="137"/>
      <c r="AU1828" s="137"/>
      <c r="AV1828" s="137"/>
      <c r="AW1828" s="144"/>
    </row>
    <row r="1829" spans="2:49" x14ac:dyDescent="0.2">
      <c r="B1829" s="97"/>
      <c r="G1829" s="43"/>
      <c r="J1829" s="98"/>
      <c r="K1829" s="97"/>
      <c r="N1829" s="3"/>
      <c r="W1829" s="98"/>
      <c r="Z1829" s="143"/>
      <c r="AA1829" s="137"/>
      <c r="AB1829" s="137"/>
      <c r="AC1829" s="137"/>
      <c r="AD1829" s="137"/>
      <c r="AE1829" s="137"/>
      <c r="AF1829" s="137"/>
      <c r="AG1829" s="137"/>
      <c r="AH1829" s="137"/>
      <c r="AI1829" s="137"/>
      <c r="AJ1829" s="137"/>
      <c r="AK1829" s="206"/>
      <c r="AL1829" s="206"/>
      <c r="AM1829" s="143"/>
      <c r="AN1829" s="137"/>
      <c r="AO1829" s="137"/>
      <c r="AP1829" s="137"/>
      <c r="AQ1829" s="137"/>
      <c r="AR1829" s="137"/>
      <c r="AS1829" s="137"/>
      <c r="AT1829" s="137"/>
      <c r="AU1829" s="137"/>
      <c r="AV1829" s="137"/>
      <c r="AW1829" s="144"/>
    </row>
    <row r="1830" spans="2:49" x14ac:dyDescent="0.2">
      <c r="B1830" s="97"/>
      <c r="G1830" s="43"/>
      <c r="J1830" s="98"/>
      <c r="K1830" s="97"/>
      <c r="N1830" s="3"/>
      <c r="W1830" s="98"/>
      <c r="Z1830" s="143"/>
      <c r="AA1830" s="137"/>
      <c r="AB1830" s="137"/>
      <c r="AC1830" s="137"/>
      <c r="AD1830" s="137"/>
      <c r="AE1830" s="137"/>
      <c r="AF1830" s="137"/>
      <c r="AG1830" s="137"/>
      <c r="AH1830" s="137"/>
      <c r="AI1830" s="137"/>
      <c r="AJ1830" s="137"/>
      <c r="AK1830" s="206"/>
      <c r="AL1830" s="206"/>
      <c r="AM1830" s="143"/>
      <c r="AN1830" s="137"/>
      <c r="AO1830" s="137"/>
      <c r="AP1830" s="137"/>
      <c r="AQ1830" s="137"/>
      <c r="AR1830" s="137"/>
      <c r="AS1830" s="137"/>
      <c r="AT1830" s="137"/>
      <c r="AU1830" s="137"/>
      <c r="AV1830" s="137"/>
      <c r="AW1830" s="144"/>
    </row>
    <row r="1831" spans="2:49" x14ac:dyDescent="0.2">
      <c r="B1831" s="97"/>
      <c r="G1831" s="43"/>
      <c r="J1831" s="98"/>
      <c r="K1831" s="97"/>
      <c r="N1831" s="3"/>
      <c r="W1831" s="98"/>
      <c r="Z1831" s="143"/>
      <c r="AA1831" s="137"/>
      <c r="AB1831" s="137"/>
      <c r="AC1831" s="137"/>
      <c r="AD1831" s="137"/>
      <c r="AE1831" s="137"/>
      <c r="AF1831" s="137"/>
      <c r="AG1831" s="137"/>
      <c r="AH1831" s="137"/>
      <c r="AI1831" s="137"/>
      <c r="AJ1831" s="137"/>
      <c r="AK1831" s="206"/>
      <c r="AL1831" s="206"/>
      <c r="AM1831" s="143"/>
      <c r="AN1831" s="137"/>
      <c r="AO1831" s="137"/>
      <c r="AP1831" s="137"/>
      <c r="AQ1831" s="137"/>
      <c r="AR1831" s="137"/>
      <c r="AS1831" s="137"/>
      <c r="AT1831" s="137"/>
      <c r="AU1831" s="137"/>
      <c r="AV1831" s="137"/>
      <c r="AW1831" s="144"/>
    </row>
    <row r="1832" spans="2:49" x14ac:dyDescent="0.2">
      <c r="B1832" s="97"/>
      <c r="G1832" s="43"/>
      <c r="J1832" s="98"/>
      <c r="K1832" s="97"/>
      <c r="N1832" s="3"/>
      <c r="W1832" s="98"/>
      <c r="Z1832" s="143"/>
      <c r="AA1832" s="137"/>
      <c r="AB1832" s="137"/>
      <c r="AC1832" s="137"/>
      <c r="AD1832" s="137"/>
      <c r="AE1832" s="137"/>
      <c r="AF1832" s="137"/>
      <c r="AG1832" s="137"/>
      <c r="AH1832" s="137"/>
      <c r="AI1832" s="137"/>
      <c r="AJ1832" s="137"/>
      <c r="AK1832" s="206"/>
      <c r="AL1832" s="206"/>
      <c r="AM1832" s="143"/>
      <c r="AN1832" s="137"/>
      <c r="AO1832" s="137"/>
      <c r="AP1832" s="137"/>
      <c r="AQ1832" s="137"/>
      <c r="AR1832" s="137"/>
      <c r="AS1832" s="137"/>
      <c r="AT1832" s="137"/>
      <c r="AU1832" s="137"/>
      <c r="AV1832" s="137"/>
      <c r="AW1832" s="144"/>
    </row>
    <row r="1833" spans="2:49" x14ac:dyDescent="0.2">
      <c r="B1833" s="97"/>
      <c r="G1833" s="43"/>
      <c r="J1833" s="98"/>
      <c r="K1833" s="97"/>
      <c r="N1833" s="3"/>
      <c r="W1833" s="98"/>
      <c r="Z1833" s="143"/>
      <c r="AA1833" s="137"/>
      <c r="AB1833" s="137"/>
      <c r="AC1833" s="137"/>
      <c r="AD1833" s="137"/>
      <c r="AE1833" s="137"/>
      <c r="AF1833" s="137"/>
      <c r="AG1833" s="137"/>
      <c r="AH1833" s="137"/>
      <c r="AI1833" s="137"/>
      <c r="AJ1833" s="137"/>
      <c r="AK1833" s="206"/>
      <c r="AL1833" s="206"/>
      <c r="AM1833" s="143"/>
      <c r="AN1833" s="137"/>
      <c r="AO1833" s="137"/>
      <c r="AP1833" s="137"/>
      <c r="AQ1833" s="137"/>
      <c r="AR1833" s="137"/>
      <c r="AS1833" s="137"/>
      <c r="AT1833" s="137"/>
      <c r="AU1833" s="137"/>
      <c r="AV1833" s="137"/>
      <c r="AW1833" s="144"/>
    </row>
    <row r="1834" spans="2:49" x14ac:dyDescent="0.2">
      <c r="B1834" s="97"/>
      <c r="G1834" s="43"/>
      <c r="J1834" s="98"/>
      <c r="K1834" s="97"/>
      <c r="N1834" s="3"/>
      <c r="W1834" s="98"/>
      <c r="Z1834" s="143"/>
      <c r="AA1834" s="137"/>
      <c r="AB1834" s="137"/>
      <c r="AC1834" s="137"/>
      <c r="AD1834" s="137"/>
      <c r="AE1834" s="137"/>
      <c r="AF1834" s="137"/>
      <c r="AG1834" s="137"/>
      <c r="AH1834" s="137"/>
      <c r="AI1834" s="137"/>
      <c r="AJ1834" s="137"/>
      <c r="AK1834" s="206"/>
      <c r="AL1834" s="206"/>
      <c r="AM1834" s="143"/>
      <c r="AN1834" s="137"/>
      <c r="AO1834" s="137"/>
      <c r="AP1834" s="137"/>
      <c r="AQ1834" s="137"/>
      <c r="AR1834" s="137"/>
      <c r="AS1834" s="137"/>
      <c r="AT1834" s="137"/>
      <c r="AU1834" s="137"/>
      <c r="AV1834" s="137"/>
      <c r="AW1834" s="144"/>
    </row>
    <row r="1835" spans="2:49" x14ac:dyDescent="0.2">
      <c r="B1835" s="97"/>
      <c r="G1835" s="43"/>
      <c r="J1835" s="98"/>
      <c r="K1835" s="97"/>
      <c r="N1835" s="3"/>
      <c r="W1835" s="98"/>
      <c r="Z1835" s="143"/>
      <c r="AA1835" s="137"/>
      <c r="AB1835" s="137"/>
      <c r="AC1835" s="137"/>
      <c r="AD1835" s="137"/>
      <c r="AE1835" s="137"/>
      <c r="AF1835" s="137"/>
      <c r="AG1835" s="137"/>
      <c r="AH1835" s="137"/>
      <c r="AI1835" s="137"/>
      <c r="AJ1835" s="137"/>
      <c r="AK1835" s="206"/>
      <c r="AL1835" s="206"/>
      <c r="AM1835" s="143"/>
      <c r="AN1835" s="137"/>
      <c r="AO1835" s="137"/>
      <c r="AP1835" s="137"/>
      <c r="AQ1835" s="137"/>
      <c r="AR1835" s="137"/>
      <c r="AS1835" s="137"/>
      <c r="AT1835" s="137"/>
      <c r="AU1835" s="137"/>
      <c r="AV1835" s="137"/>
      <c r="AW1835" s="144"/>
    </row>
    <row r="1836" spans="2:49" x14ac:dyDescent="0.2">
      <c r="B1836" s="97"/>
      <c r="G1836" s="43"/>
      <c r="J1836" s="98"/>
      <c r="K1836" s="97"/>
      <c r="N1836" s="3"/>
      <c r="W1836" s="98"/>
      <c r="Z1836" s="143"/>
      <c r="AA1836" s="137"/>
      <c r="AB1836" s="137"/>
      <c r="AC1836" s="137"/>
      <c r="AD1836" s="137"/>
      <c r="AE1836" s="137"/>
      <c r="AF1836" s="137"/>
      <c r="AG1836" s="137"/>
      <c r="AH1836" s="137"/>
      <c r="AI1836" s="137"/>
      <c r="AJ1836" s="137"/>
      <c r="AK1836" s="206"/>
      <c r="AL1836" s="206"/>
      <c r="AM1836" s="143"/>
      <c r="AN1836" s="137"/>
      <c r="AO1836" s="137"/>
      <c r="AP1836" s="137"/>
      <c r="AQ1836" s="137"/>
      <c r="AR1836" s="137"/>
      <c r="AS1836" s="137"/>
      <c r="AT1836" s="137"/>
      <c r="AU1836" s="137"/>
      <c r="AV1836" s="137"/>
      <c r="AW1836" s="144"/>
    </row>
    <row r="1837" spans="2:49" x14ac:dyDescent="0.2">
      <c r="B1837" s="97"/>
      <c r="G1837" s="43"/>
      <c r="J1837" s="98"/>
      <c r="K1837" s="97"/>
      <c r="N1837" s="3"/>
      <c r="W1837" s="98"/>
      <c r="Z1837" s="143"/>
      <c r="AA1837" s="137"/>
      <c r="AB1837" s="137"/>
      <c r="AC1837" s="137"/>
      <c r="AD1837" s="137"/>
      <c r="AE1837" s="137"/>
      <c r="AF1837" s="137"/>
      <c r="AG1837" s="137"/>
      <c r="AH1837" s="137"/>
      <c r="AI1837" s="137"/>
      <c r="AJ1837" s="137"/>
      <c r="AK1837" s="206"/>
      <c r="AL1837" s="206"/>
      <c r="AM1837" s="143"/>
      <c r="AN1837" s="137"/>
      <c r="AO1837" s="137"/>
      <c r="AP1837" s="137"/>
      <c r="AQ1837" s="137"/>
      <c r="AR1837" s="137"/>
      <c r="AS1837" s="137"/>
      <c r="AT1837" s="137"/>
      <c r="AU1837" s="137"/>
      <c r="AV1837" s="137"/>
      <c r="AW1837" s="144"/>
    </row>
    <row r="1838" spans="2:49" x14ac:dyDescent="0.2">
      <c r="B1838" s="97"/>
      <c r="G1838" s="43"/>
      <c r="J1838" s="98"/>
      <c r="K1838" s="97"/>
      <c r="N1838" s="3"/>
      <c r="W1838" s="98"/>
      <c r="Z1838" s="143"/>
      <c r="AA1838" s="137"/>
      <c r="AB1838" s="137"/>
      <c r="AC1838" s="137"/>
      <c r="AD1838" s="137"/>
      <c r="AE1838" s="137"/>
      <c r="AF1838" s="137"/>
      <c r="AG1838" s="137"/>
      <c r="AH1838" s="137"/>
      <c r="AI1838" s="137"/>
      <c r="AJ1838" s="137"/>
      <c r="AK1838" s="206"/>
      <c r="AL1838" s="206"/>
      <c r="AM1838" s="143"/>
      <c r="AN1838" s="137"/>
      <c r="AO1838" s="137"/>
      <c r="AP1838" s="137"/>
      <c r="AQ1838" s="137"/>
      <c r="AR1838" s="137"/>
      <c r="AS1838" s="137"/>
      <c r="AT1838" s="137"/>
      <c r="AU1838" s="137"/>
      <c r="AV1838" s="137"/>
      <c r="AW1838" s="144"/>
    </row>
    <row r="1839" spans="2:49" x14ac:dyDescent="0.2">
      <c r="B1839" s="97"/>
      <c r="G1839" s="43"/>
      <c r="J1839" s="98"/>
      <c r="K1839" s="97"/>
      <c r="N1839" s="3"/>
      <c r="W1839" s="98"/>
      <c r="Z1839" s="143"/>
      <c r="AA1839" s="137"/>
      <c r="AB1839" s="137"/>
      <c r="AC1839" s="137"/>
      <c r="AD1839" s="137"/>
      <c r="AE1839" s="137"/>
      <c r="AF1839" s="137"/>
      <c r="AG1839" s="137"/>
      <c r="AH1839" s="137"/>
      <c r="AI1839" s="137"/>
      <c r="AJ1839" s="137"/>
      <c r="AK1839" s="206"/>
      <c r="AL1839" s="206"/>
      <c r="AM1839" s="143"/>
      <c r="AN1839" s="137"/>
      <c r="AO1839" s="137"/>
      <c r="AP1839" s="137"/>
      <c r="AQ1839" s="137"/>
      <c r="AR1839" s="137"/>
      <c r="AS1839" s="137"/>
      <c r="AT1839" s="137"/>
      <c r="AU1839" s="137"/>
      <c r="AV1839" s="137"/>
      <c r="AW1839" s="144"/>
    </row>
    <row r="1840" spans="2:49" x14ac:dyDescent="0.2">
      <c r="B1840" s="97"/>
      <c r="G1840" s="43"/>
      <c r="J1840" s="98"/>
      <c r="K1840" s="97"/>
      <c r="N1840" s="3"/>
      <c r="W1840" s="98"/>
      <c r="Z1840" s="143"/>
      <c r="AA1840" s="137"/>
      <c r="AB1840" s="137"/>
      <c r="AC1840" s="137"/>
      <c r="AD1840" s="137"/>
      <c r="AE1840" s="137"/>
      <c r="AF1840" s="137"/>
      <c r="AG1840" s="137"/>
      <c r="AH1840" s="137"/>
      <c r="AI1840" s="137"/>
      <c r="AJ1840" s="137"/>
      <c r="AK1840" s="206"/>
      <c r="AL1840" s="206"/>
      <c r="AM1840" s="143"/>
      <c r="AN1840" s="137"/>
      <c r="AO1840" s="137"/>
      <c r="AP1840" s="137"/>
      <c r="AQ1840" s="137"/>
      <c r="AR1840" s="137"/>
      <c r="AS1840" s="137"/>
      <c r="AT1840" s="137"/>
      <c r="AU1840" s="137"/>
      <c r="AV1840" s="137"/>
      <c r="AW1840" s="144"/>
    </row>
    <row r="1841" spans="2:49" x14ac:dyDescent="0.2">
      <c r="B1841" s="97"/>
      <c r="G1841" s="43"/>
      <c r="J1841" s="98"/>
      <c r="K1841" s="97"/>
      <c r="N1841" s="3"/>
      <c r="W1841" s="98"/>
      <c r="Z1841" s="143"/>
      <c r="AA1841" s="137"/>
      <c r="AB1841" s="137"/>
      <c r="AC1841" s="137"/>
      <c r="AD1841" s="137"/>
      <c r="AE1841" s="137"/>
      <c r="AF1841" s="137"/>
      <c r="AG1841" s="137"/>
      <c r="AH1841" s="137"/>
      <c r="AI1841" s="137"/>
      <c r="AJ1841" s="137"/>
      <c r="AK1841" s="206"/>
      <c r="AL1841" s="206"/>
      <c r="AM1841" s="143"/>
      <c r="AN1841" s="137"/>
      <c r="AO1841" s="137"/>
      <c r="AP1841" s="137"/>
      <c r="AQ1841" s="137"/>
      <c r="AR1841" s="137"/>
      <c r="AS1841" s="137"/>
      <c r="AT1841" s="137"/>
      <c r="AU1841" s="137"/>
      <c r="AV1841" s="137"/>
      <c r="AW1841" s="144"/>
    </row>
    <row r="1842" spans="2:49" x14ac:dyDescent="0.2">
      <c r="B1842" s="97"/>
      <c r="G1842" s="43"/>
      <c r="J1842" s="98"/>
      <c r="K1842" s="97"/>
      <c r="N1842" s="3"/>
      <c r="W1842" s="98"/>
      <c r="Z1842" s="143"/>
      <c r="AA1842" s="137"/>
      <c r="AB1842" s="137"/>
      <c r="AC1842" s="137"/>
      <c r="AD1842" s="137"/>
      <c r="AE1842" s="137"/>
      <c r="AF1842" s="137"/>
      <c r="AG1842" s="137"/>
      <c r="AH1842" s="137"/>
      <c r="AI1842" s="137"/>
      <c r="AJ1842" s="137"/>
      <c r="AK1842" s="206"/>
      <c r="AL1842" s="206"/>
      <c r="AM1842" s="143"/>
      <c r="AN1842" s="137"/>
      <c r="AO1842" s="137"/>
      <c r="AP1842" s="137"/>
      <c r="AQ1842" s="137"/>
      <c r="AR1842" s="137"/>
      <c r="AS1842" s="137"/>
      <c r="AT1842" s="137"/>
      <c r="AU1842" s="137"/>
      <c r="AV1842" s="137"/>
      <c r="AW1842" s="144"/>
    </row>
    <row r="1843" spans="2:49" x14ac:dyDescent="0.2">
      <c r="B1843" s="97"/>
      <c r="G1843" s="43"/>
      <c r="J1843" s="98"/>
      <c r="K1843" s="97"/>
      <c r="N1843" s="3"/>
      <c r="W1843" s="98"/>
      <c r="Z1843" s="143"/>
      <c r="AA1843" s="137"/>
      <c r="AB1843" s="137"/>
      <c r="AC1843" s="137"/>
      <c r="AD1843" s="137"/>
      <c r="AE1843" s="137"/>
      <c r="AF1843" s="137"/>
      <c r="AG1843" s="137"/>
      <c r="AH1843" s="137"/>
      <c r="AI1843" s="137"/>
      <c r="AJ1843" s="137"/>
      <c r="AK1843" s="206"/>
      <c r="AL1843" s="206"/>
      <c r="AM1843" s="143"/>
      <c r="AN1843" s="137"/>
      <c r="AO1843" s="137"/>
      <c r="AP1843" s="137"/>
      <c r="AQ1843" s="137"/>
      <c r="AR1843" s="137"/>
      <c r="AS1843" s="137"/>
      <c r="AT1843" s="137"/>
      <c r="AU1843" s="137"/>
      <c r="AV1843" s="137"/>
      <c r="AW1843" s="144"/>
    </row>
    <row r="1844" spans="2:49" x14ac:dyDescent="0.2">
      <c r="B1844" s="97"/>
      <c r="G1844" s="43"/>
      <c r="J1844" s="98"/>
      <c r="K1844" s="97"/>
      <c r="N1844" s="3"/>
      <c r="W1844" s="98"/>
      <c r="Z1844" s="143"/>
      <c r="AA1844" s="137"/>
      <c r="AB1844" s="137"/>
      <c r="AC1844" s="137"/>
      <c r="AD1844" s="137"/>
      <c r="AE1844" s="137"/>
      <c r="AF1844" s="137"/>
      <c r="AG1844" s="137"/>
      <c r="AH1844" s="137"/>
      <c r="AI1844" s="137"/>
      <c r="AJ1844" s="137"/>
      <c r="AK1844" s="206"/>
      <c r="AL1844" s="206"/>
      <c r="AM1844" s="143"/>
      <c r="AN1844" s="137"/>
      <c r="AO1844" s="137"/>
      <c r="AP1844" s="137"/>
      <c r="AQ1844" s="137"/>
      <c r="AR1844" s="137"/>
      <c r="AS1844" s="137"/>
      <c r="AT1844" s="137"/>
      <c r="AU1844" s="137"/>
      <c r="AV1844" s="137"/>
      <c r="AW1844" s="144"/>
    </row>
    <row r="1845" spans="2:49" x14ac:dyDescent="0.2">
      <c r="B1845" s="97"/>
      <c r="G1845" s="43"/>
      <c r="J1845" s="98"/>
      <c r="K1845" s="97"/>
      <c r="N1845" s="3"/>
      <c r="W1845" s="98"/>
      <c r="Z1845" s="143"/>
      <c r="AA1845" s="137"/>
      <c r="AB1845" s="137"/>
      <c r="AC1845" s="137"/>
      <c r="AD1845" s="137"/>
      <c r="AE1845" s="137"/>
      <c r="AF1845" s="137"/>
      <c r="AG1845" s="137"/>
      <c r="AH1845" s="137"/>
      <c r="AI1845" s="137"/>
      <c r="AJ1845" s="137"/>
      <c r="AK1845" s="206"/>
      <c r="AL1845" s="206"/>
      <c r="AM1845" s="143"/>
      <c r="AN1845" s="137"/>
      <c r="AO1845" s="137"/>
      <c r="AP1845" s="137"/>
      <c r="AQ1845" s="137"/>
      <c r="AR1845" s="137"/>
      <c r="AS1845" s="137"/>
      <c r="AT1845" s="137"/>
      <c r="AU1845" s="137"/>
      <c r="AV1845" s="137"/>
      <c r="AW1845" s="144"/>
    </row>
    <row r="1846" spans="2:49" x14ac:dyDescent="0.2">
      <c r="B1846" s="97"/>
      <c r="G1846" s="43"/>
      <c r="J1846" s="98"/>
      <c r="K1846" s="97"/>
      <c r="N1846" s="3"/>
      <c r="W1846" s="98"/>
      <c r="Z1846" s="143"/>
      <c r="AA1846" s="137"/>
      <c r="AB1846" s="137"/>
      <c r="AC1846" s="137"/>
      <c r="AD1846" s="137"/>
      <c r="AE1846" s="137"/>
      <c r="AF1846" s="137"/>
      <c r="AG1846" s="137"/>
      <c r="AH1846" s="137"/>
      <c r="AI1846" s="137"/>
      <c r="AJ1846" s="137"/>
      <c r="AK1846" s="206"/>
      <c r="AL1846" s="206"/>
      <c r="AM1846" s="143"/>
      <c r="AN1846" s="137"/>
      <c r="AO1846" s="137"/>
      <c r="AP1846" s="137"/>
      <c r="AQ1846" s="137"/>
      <c r="AR1846" s="137"/>
      <c r="AS1846" s="137"/>
      <c r="AT1846" s="137"/>
      <c r="AU1846" s="137"/>
      <c r="AV1846" s="137"/>
      <c r="AW1846" s="144"/>
    </row>
    <row r="1847" spans="2:49" x14ac:dyDescent="0.2">
      <c r="B1847" s="97"/>
      <c r="G1847" s="43"/>
      <c r="J1847" s="98"/>
      <c r="K1847" s="97"/>
      <c r="N1847" s="3"/>
      <c r="W1847" s="98"/>
      <c r="Z1847" s="143"/>
      <c r="AA1847" s="137"/>
      <c r="AB1847" s="137"/>
      <c r="AC1847" s="137"/>
      <c r="AD1847" s="137"/>
      <c r="AE1847" s="137"/>
      <c r="AF1847" s="137"/>
      <c r="AG1847" s="137"/>
      <c r="AH1847" s="137"/>
      <c r="AI1847" s="137"/>
      <c r="AJ1847" s="137"/>
      <c r="AK1847" s="206"/>
      <c r="AL1847" s="206"/>
      <c r="AM1847" s="143"/>
      <c r="AN1847" s="137"/>
      <c r="AO1847" s="137"/>
      <c r="AP1847" s="137"/>
      <c r="AQ1847" s="137"/>
      <c r="AR1847" s="137"/>
      <c r="AS1847" s="137"/>
      <c r="AT1847" s="137"/>
      <c r="AU1847" s="137"/>
      <c r="AV1847" s="137"/>
      <c r="AW1847" s="144"/>
    </row>
    <row r="1848" spans="2:49" x14ac:dyDescent="0.2">
      <c r="B1848" s="97"/>
      <c r="G1848" s="43"/>
      <c r="J1848" s="98"/>
      <c r="K1848" s="97"/>
      <c r="N1848" s="3"/>
      <c r="W1848" s="98"/>
      <c r="Z1848" s="143"/>
      <c r="AA1848" s="137"/>
      <c r="AB1848" s="137"/>
      <c r="AC1848" s="137"/>
      <c r="AD1848" s="137"/>
      <c r="AE1848" s="137"/>
      <c r="AF1848" s="137"/>
      <c r="AG1848" s="137"/>
      <c r="AH1848" s="137"/>
      <c r="AI1848" s="137"/>
      <c r="AJ1848" s="137"/>
      <c r="AK1848" s="206"/>
      <c r="AL1848" s="206"/>
      <c r="AM1848" s="143"/>
      <c r="AN1848" s="137"/>
      <c r="AO1848" s="137"/>
      <c r="AP1848" s="137"/>
      <c r="AQ1848" s="137"/>
      <c r="AR1848" s="137"/>
      <c r="AS1848" s="137"/>
      <c r="AT1848" s="137"/>
      <c r="AU1848" s="137"/>
      <c r="AV1848" s="137"/>
      <c r="AW1848" s="144"/>
    </row>
    <row r="1849" spans="2:49" x14ac:dyDescent="0.2">
      <c r="B1849" s="97"/>
      <c r="G1849" s="43"/>
      <c r="J1849" s="98"/>
      <c r="K1849" s="97"/>
      <c r="N1849" s="3"/>
      <c r="W1849" s="98"/>
      <c r="Z1849" s="143"/>
      <c r="AA1849" s="137"/>
      <c r="AB1849" s="137"/>
      <c r="AC1849" s="137"/>
      <c r="AD1849" s="137"/>
      <c r="AE1849" s="137"/>
      <c r="AF1849" s="137"/>
      <c r="AG1849" s="137"/>
      <c r="AH1849" s="137"/>
      <c r="AI1849" s="137"/>
      <c r="AJ1849" s="137"/>
      <c r="AK1849" s="206"/>
      <c r="AL1849" s="206"/>
      <c r="AM1849" s="143"/>
      <c r="AN1849" s="137"/>
      <c r="AO1849" s="137"/>
      <c r="AP1849" s="137"/>
      <c r="AQ1849" s="137"/>
      <c r="AR1849" s="137"/>
      <c r="AS1849" s="137"/>
      <c r="AT1849" s="137"/>
      <c r="AU1849" s="137"/>
      <c r="AV1849" s="137"/>
      <c r="AW1849" s="144"/>
    </row>
    <row r="1850" spans="2:49" x14ac:dyDescent="0.2">
      <c r="B1850" s="97"/>
      <c r="G1850" s="43"/>
      <c r="J1850" s="98"/>
      <c r="K1850" s="97"/>
      <c r="N1850" s="3"/>
      <c r="W1850" s="98"/>
      <c r="Z1850" s="143"/>
      <c r="AA1850" s="137"/>
      <c r="AB1850" s="137"/>
      <c r="AC1850" s="137"/>
      <c r="AD1850" s="137"/>
      <c r="AE1850" s="137"/>
      <c r="AF1850" s="137"/>
      <c r="AG1850" s="137"/>
      <c r="AH1850" s="137"/>
      <c r="AI1850" s="137"/>
      <c r="AJ1850" s="137"/>
      <c r="AK1850" s="206"/>
      <c r="AL1850" s="206"/>
      <c r="AM1850" s="143"/>
      <c r="AN1850" s="137"/>
      <c r="AO1850" s="137"/>
      <c r="AP1850" s="137"/>
      <c r="AQ1850" s="137"/>
      <c r="AR1850" s="137"/>
      <c r="AS1850" s="137"/>
      <c r="AT1850" s="137"/>
      <c r="AU1850" s="137"/>
      <c r="AV1850" s="137"/>
      <c r="AW1850" s="144"/>
    </row>
    <row r="1851" spans="2:49" x14ac:dyDescent="0.2">
      <c r="B1851" s="97"/>
      <c r="G1851" s="43"/>
      <c r="J1851" s="98"/>
      <c r="K1851" s="97"/>
      <c r="N1851" s="3"/>
      <c r="W1851" s="98"/>
      <c r="Z1851" s="143"/>
      <c r="AA1851" s="137"/>
      <c r="AB1851" s="137"/>
      <c r="AC1851" s="137"/>
      <c r="AD1851" s="137"/>
      <c r="AE1851" s="137"/>
      <c r="AF1851" s="137"/>
      <c r="AG1851" s="137"/>
      <c r="AH1851" s="137"/>
      <c r="AI1851" s="137"/>
      <c r="AJ1851" s="137"/>
      <c r="AK1851" s="206"/>
      <c r="AL1851" s="206"/>
      <c r="AM1851" s="143"/>
      <c r="AN1851" s="137"/>
      <c r="AO1851" s="137"/>
      <c r="AP1851" s="137"/>
      <c r="AQ1851" s="137"/>
      <c r="AR1851" s="137"/>
      <c r="AS1851" s="137"/>
      <c r="AT1851" s="137"/>
      <c r="AU1851" s="137"/>
      <c r="AV1851" s="137"/>
      <c r="AW1851" s="144"/>
    </row>
    <row r="1852" spans="2:49" x14ac:dyDescent="0.2">
      <c r="B1852" s="97"/>
      <c r="G1852" s="43"/>
      <c r="J1852" s="98"/>
      <c r="K1852" s="97"/>
      <c r="N1852" s="3"/>
      <c r="W1852" s="98"/>
      <c r="Z1852" s="143"/>
      <c r="AA1852" s="137"/>
      <c r="AB1852" s="137"/>
      <c r="AC1852" s="137"/>
      <c r="AD1852" s="137"/>
      <c r="AE1852" s="137"/>
      <c r="AF1852" s="137"/>
      <c r="AG1852" s="137"/>
      <c r="AH1852" s="137"/>
      <c r="AI1852" s="137"/>
      <c r="AJ1852" s="137"/>
      <c r="AK1852" s="206"/>
      <c r="AL1852" s="206"/>
      <c r="AM1852" s="143"/>
      <c r="AN1852" s="137"/>
      <c r="AO1852" s="137"/>
      <c r="AP1852" s="137"/>
      <c r="AQ1852" s="137"/>
      <c r="AR1852" s="137"/>
      <c r="AS1852" s="137"/>
      <c r="AT1852" s="137"/>
      <c r="AU1852" s="137"/>
      <c r="AV1852" s="137"/>
      <c r="AW1852" s="144"/>
    </row>
    <row r="1853" spans="2:49" x14ac:dyDescent="0.2">
      <c r="B1853" s="97"/>
      <c r="G1853" s="43"/>
      <c r="J1853" s="98"/>
      <c r="K1853" s="97"/>
      <c r="N1853" s="3"/>
      <c r="W1853" s="98"/>
      <c r="Z1853" s="143"/>
      <c r="AA1853" s="137"/>
      <c r="AB1853" s="137"/>
      <c r="AC1853" s="137"/>
      <c r="AD1853" s="137"/>
      <c r="AE1853" s="137"/>
      <c r="AF1853" s="137"/>
      <c r="AG1853" s="137"/>
      <c r="AH1853" s="137"/>
      <c r="AI1853" s="137"/>
      <c r="AJ1853" s="137"/>
      <c r="AK1853" s="206"/>
      <c r="AL1853" s="206"/>
      <c r="AM1853" s="143"/>
      <c r="AN1853" s="137"/>
      <c r="AO1853" s="137"/>
      <c r="AP1853" s="137"/>
      <c r="AQ1853" s="137"/>
      <c r="AR1853" s="137"/>
      <c r="AS1853" s="137"/>
      <c r="AT1853" s="137"/>
      <c r="AU1853" s="137"/>
      <c r="AV1853" s="137"/>
      <c r="AW1853" s="144"/>
    </row>
    <row r="1854" spans="2:49" x14ac:dyDescent="0.2">
      <c r="B1854" s="97"/>
      <c r="G1854" s="43"/>
      <c r="J1854" s="98"/>
      <c r="K1854" s="97"/>
      <c r="N1854" s="3"/>
      <c r="W1854" s="98"/>
      <c r="Z1854" s="143"/>
      <c r="AA1854" s="137"/>
      <c r="AB1854" s="137"/>
      <c r="AC1854" s="137"/>
      <c r="AD1854" s="137"/>
      <c r="AE1854" s="137"/>
      <c r="AF1854" s="137"/>
      <c r="AG1854" s="137"/>
      <c r="AH1854" s="137"/>
      <c r="AI1854" s="137"/>
      <c r="AJ1854" s="137"/>
      <c r="AK1854" s="206"/>
      <c r="AL1854" s="206"/>
      <c r="AM1854" s="143"/>
      <c r="AN1854" s="137"/>
      <c r="AO1854" s="137"/>
      <c r="AP1854" s="137"/>
      <c r="AQ1854" s="137"/>
      <c r="AR1854" s="137"/>
      <c r="AS1854" s="137"/>
      <c r="AT1854" s="137"/>
      <c r="AU1854" s="137"/>
      <c r="AV1854" s="137"/>
      <c r="AW1854" s="144"/>
    </row>
    <row r="1855" spans="2:49" x14ac:dyDescent="0.2">
      <c r="B1855" s="97"/>
      <c r="G1855" s="43"/>
      <c r="J1855" s="98"/>
      <c r="K1855" s="97"/>
      <c r="N1855" s="3"/>
      <c r="W1855" s="98"/>
      <c r="Z1855" s="143"/>
      <c r="AA1855" s="137"/>
      <c r="AB1855" s="137"/>
      <c r="AC1855" s="137"/>
      <c r="AD1855" s="137"/>
      <c r="AE1855" s="137"/>
      <c r="AF1855" s="137"/>
      <c r="AG1855" s="137"/>
      <c r="AH1855" s="137"/>
      <c r="AI1855" s="137"/>
      <c r="AJ1855" s="137"/>
      <c r="AK1855" s="206"/>
      <c r="AL1855" s="206"/>
      <c r="AM1855" s="143"/>
      <c r="AN1855" s="137"/>
      <c r="AO1855" s="137"/>
      <c r="AP1855" s="137"/>
      <c r="AQ1855" s="137"/>
      <c r="AR1855" s="137"/>
      <c r="AS1855" s="137"/>
      <c r="AT1855" s="137"/>
      <c r="AU1855" s="137"/>
      <c r="AV1855" s="137"/>
      <c r="AW1855" s="144"/>
    </row>
    <row r="1856" spans="2:49" x14ac:dyDescent="0.2">
      <c r="B1856" s="97"/>
      <c r="G1856" s="43"/>
      <c r="J1856" s="98"/>
      <c r="K1856" s="97"/>
      <c r="N1856" s="3"/>
      <c r="W1856" s="98"/>
      <c r="Z1856" s="143"/>
      <c r="AA1856" s="137"/>
      <c r="AB1856" s="137"/>
      <c r="AC1856" s="137"/>
      <c r="AD1856" s="137"/>
      <c r="AE1856" s="137"/>
      <c r="AF1856" s="137"/>
      <c r="AG1856" s="137"/>
      <c r="AH1856" s="137"/>
      <c r="AI1856" s="137"/>
      <c r="AJ1856" s="137"/>
      <c r="AK1856" s="206"/>
      <c r="AL1856" s="206"/>
      <c r="AM1856" s="143"/>
      <c r="AN1856" s="137"/>
      <c r="AO1856" s="137"/>
      <c r="AP1856" s="137"/>
      <c r="AQ1856" s="137"/>
      <c r="AR1856" s="137"/>
      <c r="AS1856" s="137"/>
      <c r="AT1856" s="137"/>
      <c r="AU1856" s="137"/>
      <c r="AV1856" s="137"/>
      <c r="AW1856" s="144"/>
    </row>
    <row r="1857" spans="2:49" x14ac:dyDescent="0.2">
      <c r="B1857" s="97"/>
      <c r="G1857" s="43"/>
      <c r="J1857" s="98"/>
      <c r="K1857" s="97"/>
      <c r="N1857" s="3"/>
      <c r="W1857" s="98"/>
      <c r="Z1857" s="143"/>
      <c r="AA1857" s="137"/>
      <c r="AB1857" s="137"/>
      <c r="AC1857" s="137"/>
      <c r="AD1857" s="137"/>
      <c r="AE1857" s="137"/>
      <c r="AF1857" s="137"/>
      <c r="AG1857" s="137"/>
      <c r="AH1857" s="137"/>
      <c r="AI1857" s="137"/>
      <c r="AJ1857" s="137"/>
      <c r="AK1857" s="206"/>
      <c r="AL1857" s="206"/>
      <c r="AM1857" s="143"/>
      <c r="AN1857" s="137"/>
      <c r="AO1857" s="137"/>
      <c r="AP1857" s="137"/>
      <c r="AQ1857" s="137"/>
      <c r="AR1857" s="137"/>
      <c r="AS1857" s="137"/>
      <c r="AT1857" s="137"/>
      <c r="AU1857" s="137"/>
      <c r="AV1857" s="137"/>
      <c r="AW1857" s="144"/>
    </row>
    <row r="1858" spans="2:49" x14ac:dyDescent="0.2">
      <c r="B1858" s="97"/>
      <c r="G1858" s="43"/>
      <c r="J1858" s="98"/>
      <c r="K1858" s="97"/>
      <c r="N1858" s="3"/>
      <c r="W1858" s="98"/>
      <c r="Z1858" s="143"/>
      <c r="AA1858" s="137"/>
      <c r="AB1858" s="137"/>
      <c r="AC1858" s="137"/>
      <c r="AD1858" s="137"/>
      <c r="AE1858" s="137"/>
      <c r="AF1858" s="137"/>
      <c r="AG1858" s="137"/>
      <c r="AH1858" s="137"/>
      <c r="AI1858" s="137"/>
      <c r="AJ1858" s="137"/>
      <c r="AK1858" s="206"/>
      <c r="AL1858" s="206"/>
      <c r="AM1858" s="143"/>
      <c r="AN1858" s="137"/>
      <c r="AO1858" s="137"/>
      <c r="AP1858" s="137"/>
      <c r="AQ1858" s="137"/>
      <c r="AR1858" s="137"/>
      <c r="AS1858" s="137"/>
      <c r="AT1858" s="137"/>
      <c r="AU1858" s="137"/>
      <c r="AV1858" s="137"/>
      <c r="AW1858" s="144"/>
    </row>
    <row r="1859" spans="2:49" x14ac:dyDescent="0.2">
      <c r="B1859" s="97"/>
      <c r="G1859" s="43"/>
      <c r="J1859" s="98"/>
      <c r="K1859" s="97"/>
      <c r="N1859" s="3"/>
      <c r="W1859" s="98"/>
      <c r="Z1859" s="143"/>
      <c r="AA1859" s="137"/>
      <c r="AB1859" s="137"/>
      <c r="AC1859" s="137"/>
      <c r="AD1859" s="137"/>
      <c r="AE1859" s="137"/>
      <c r="AF1859" s="137"/>
      <c r="AG1859" s="137"/>
      <c r="AH1859" s="137"/>
      <c r="AI1859" s="137"/>
      <c r="AJ1859" s="137"/>
      <c r="AK1859" s="206"/>
      <c r="AL1859" s="206"/>
      <c r="AM1859" s="143"/>
      <c r="AN1859" s="137"/>
      <c r="AO1859" s="137"/>
      <c r="AP1859" s="137"/>
      <c r="AQ1859" s="137"/>
      <c r="AR1859" s="137"/>
      <c r="AS1859" s="137"/>
      <c r="AT1859" s="137"/>
      <c r="AU1859" s="137"/>
      <c r="AV1859" s="137"/>
      <c r="AW1859" s="144"/>
    </row>
    <row r="1860" spans="2:49" x14ac:dyDescent="0.2">
      <c r="B1860" s="97"/>
      <c r="G1860" s="43"/>
      <c r="J1860" s="98"/>
      <c r="K1860" s="97"/>
      <c r="N1860" s="3"/>
      <c r="W1860" s="98"/>
      <c r="Z1860" s="143"/>
      <c r="AA1860" s="137"/>
      <c r="AB1860" s="137"/>
      <c r="AC1860" s="137"/>
      <c r="AD1860" s="137"/>
      <c r="AE1860" s="137"/>
      <c r="AF1860" s="137"/>
      <c r="AG1860" s="137"/>
      <c r="AH1860" s="137"/>
      <c r="AI1860" s="137"/>
      <c r="AJ1860" s="137"/>
      <c r="AK1860" s="206"/>
      <c r="AL1860" s="206"/>
      <c r="AM1860" s="143"/>
      <c r="AN1860" s="137"/>
      <c r="AO1860" s="137"/>
      <c r="AP1860" s="137"/>
      <c r="AQ1860" s="137"/>
      <c r="AR1860" s="137"/>
      <c r="AS1860" s="137"/>
      <c r="AT1860" s="137"/>
      <c r="AU1860" s="137"/>
      <c r="AV1860" s="137"/>
      <c r="AW1860" s="144"/>
    </row>
    <row r="1861" spans="2:49" x14ac:dyDescent="0.2">
      <c r="B1861" s="97"/>
      <c r="G1861" s="43"/>
      <c r="J1861" s="98"/>
      <c r="K1861" s="97"/>
      <c r="N1861" s="3"/>
      <c r="W1861" s="98"/>
      <c r="Z1861" s="143"/>
      <c r="AA1861" s="137"/>
      <c r="AB1861" s="137"/>
      <c r="AC1861" s="137"/>
      <c r="AD1861" s="137"/>
      <c r="AE1861" s="137"/>
      <c r="AF1861" s="137"/>
      <c r="AG1861" s="137"/>
      <c r="AH1861" s="137"/>
      <c r="AI1861" s="137"/>
      <c r="AJ1861" s="137"/>
      <c r="AK1861" s="206"/>
      <c r="AL1861" s="206"/>
      <c r="AM1861" s="143"/>
      <c r="AN1861" s="137"/>
      <c r="AO1861" s="137"/>
      <c r="AP1861" s="137"/>
      <c r="AQ1861" s="137"/>
      <c r="AR1861" s="137"/>
      <c r="AS1861" s="137"/>
      <c r="AT1861" s="137"/>
      <c r="AU1861" s="137"/>
      <c r="AV1861" s="137"/>
      <c r="AW1861" s="144"/>
    </row>
    <row r="1862" spans="2:49" x14ac:dyDescent="0.2">
      <c r="B1862" s="97"/>
      <c r="G1862" s="43"/>
      <c r="J1862" s="98"/>
      <c r="K1862" s="97"/>
      <c r="N1862" s="3"/>
      <c r="W1862" s="98"/>
      <c r="Z1862" s="143"/>
      <c r="AA1862" s="137"/>
      <c r="AB1862" s="137"/>
      <c r="AC1862" s="137"/>
      <c r="AD1862" s="137"/>
      <c r="AE1862" s="137"/>
      <c r="AF1862" s="137"/>
      <c r="AG1862" s="137"/>
      <c r="AH1862" s="137"/>
      <c r="AI1862" s="137"/>
      <c r="AJ1862" s="137"/>
      <c r="AK1862" s="206"/>
      <c r="AL1862" s="206"/>
      <c r="AM1862" s="143"/>
      <c r="AN1862" s="137"/>
      <c r="AO1862" s="137"/>
      <c r="AP1862" s="137"/>
      <c r="AQ1862" s="137"/>
      <c r="AR1862" s="137"/>
      <c r="AS1862" s="137"/>
      <c r="AT1862" s="137"/>
      <c r="AU1862" s="137"/>
      <c r="AV1862" s="137"/>
      <c r="AW1862" s="144"/>
    </row>
    <row r="1863" spans="2:49" x14ac:dyDescent="0.2">
      <c r="B1863" s="97"/>
      <c r="G1863" s="43"/>
      <c r="J1863" s="98"/>
      <c r="K1863" s="97"/>
      <c r="N1863" s="3"/>
      <c r="W1863" s="98"/>
      <c r="Z1863" s="143"/>
      <c r="AA1863" s="137"/>
      <c r="AB1863" s="137"/>
      <c r="AC1863" s="137"/>
      <c r="AD1863" s="137"/>
      <c r="AE1863" s="137"/>
      <c r="AF1863" s="137"/>
      <c r="AG1863" s="137"/>
      <c r="AH1863" s="137"/>
      <c r="AI1863" s="137"/>
      <c r="AJ1863" s="137"/>
      <c r="AK1863" s="206"/>
      <c r="AL1863" s="206"/>
      <c r="AM1863" s="143"/>
      <c r="AN1863" s="137"/>
      <c r="AO1863" s="137"/>
      <c r="AP1863" s="137"/>
      <c r="AQ1863" s="137"/>
      <c r="AR1863" s="137"/>
      <c r="AS1863" s="137"/>
      <c r="AT1863" s="137"/>
      <c r="AU1863" s="137"/>
      <c r="AV1863" s="137"/>
      <c r="AW1863" s="144"/>
    </row>
    <row r="1864" spans="2:49" x14ac:dyDescent="0.2">
      <c r="B1864" s="97"/>
      <c r="G1864" s="43"/>
      <c r="J1864" s="98"/>
      <c r="K1864" s="97"/>
      <c r="N1864" s="3"/>
      <c r="W1864" s="98"/>
      <c r="Z1864" s="143"/>
      <c r="AA1864" s="137"/>
      <c r="AB1864" s="137"/>
      <c r="AC1864" s="137"/>
      <c r="AD1864" s="137"/>
      <c r="AE1864" s="137"/>
      <c r="AF1864" s="137"/>
      <c r="AG1864" s="137"/>
      <c r="AH1864" s="137"/>
      <c r="AI1864" s="137"/>
      <c r="AJ1864" s="137"/>
      <c r="AK1864" s="206"/>
      <c r="AL1864" s="206"/>
      <c r="AM1864" s="143"/>
      <c r="AN1864" s="137"/>
      <c r="AO1864" s="137"/>
      <c r="AP1864" s="137"/>
      <c r="AQ1864" s="137"/>
      <c r="AR1864" s="137"/>
      <c r="AS1864" s="137"/>
      <c r="AT1864" s="137"/>
      <c r="AU1864" s="137"/>
      <c r="AV1864" s="137"/>
      <c r="AW1864" s="144"/>
    </row>
    <row r="1865" spans="2:49" x14ac:dyDescent="0.2">
      <c r="B1865" s="97"/>
      <c r="G1865" s="43"/>
      <c r="J1865" s="98"/>
      <c r="K1865" s="97"/>
      <c r="N1865" s="3"/>
      <c r="W1865" s="98"/>
      <c r="Z1865" s="143"/>
      <c r="AA1865" s="137"/>
      <c r="AB1865" s="137"/>
      <c r="AC1865" s="137"/>
      <c r="AD1865" s="137"/>
      <c r="AE1865" s="137"/>
      <c r="AF1865" s="137"/>
      <c r="AG1865" s="137"/>
      <c r="AH1865" s="137"/>
      <c r="AI1865" s="137"/>
      <c r="AJ1865" s="137"/>
      <c r="AK1865" s="206"/>
      <c r="AL1865" s="206"/>
      <c r="AM1865" s="143"/>
      <c r="AN1865" s="137"/>
      <c r="AO1865" s="137"/>
      <c r="AP1865" s="137"/>
      <c r="AQ1865" s="137"/>
      <c r="AR1865" s="137"/>
      <c r="AS1865" s="137"/>
      <c r="AT1865" s="137"/>
      <c r="AU1865" s="137"/>
      <c r="AV1865" s="137"/>
      <c r="AW1865" s="144"/>
    </row>
    <row r="1866" spans="2:49" x14ac:dyDescent="0.2">
      <c r="B1866" s="97"/>
      <c r="G1866" s="43"/>
      <c r="J1866" s="98"/>
      <c r="K1866" s="97"/>
      <c r="N1866" s="3"/>
      <c r="W1866" s="98"/>
      <c r="Z1866" s="143"/>
      <c r="AA1866" s="137"/>
      <c r="AB1866" s="137"/>
      <c r="AC1866" s="137"/>
      <c r="AD1866" s="137"/>
      <c r="AE1866" s="137"/>
      <c r="AF1866" s="137"/>
      <c r="AG1866" s="137"/>
      <c r="AH1866" s="137"/>
      <c r="AI1866" s="137"/>
      <c r="AJ1866" s="137"/>
      <c r="AK1866" s="206"/>
      <c r="AL1866" s="206"/>
      <c r="AM1866" s="143"/>
      <c r="AN1866" s="137"/>
      <c r="AO1866" s="137"/>
      <c r="AP1866" s="137"/>
      <c r="AQ1866" s="137"/>
      <c r="AR1866" s="137"/>
      <c r="AS1866" s="137"/>
      <c r="AT1866" s="137"/>
      <c r="AU1866" s="137"/>
      <c r="AV1866" s="137"/>
      <c r="AW1866" s="144"/>
    </row>
    <row r="1867" spans="2:49" x14ac:dyDescent="0.2">
      <c r="B1867" s="97"/>
      <c r="G1867" s="43"/>
      <c r="J1867" s="98"/>
      <c r="K1867" s="97"/>
      <c r="N1867" s="3"/>
      <c r="W1867" s="98"/>
      <c r="Z1867" s="143"/>
      <c r="AA1867" s="137"/>
      <c r="AB1867" s="137"/>
      <c r="AC1867" s="137"/>
      <c r="AD1867" s="137"/>
      <c r="AE1867" s="137"/>
      <c r="AF1867" s="137"/>
      <c r="AG1867" s="137"/>
      <c r="AH1867" s="137"/>
      <c r="AI1867" s="137"/>
      <c r="AJ1867" s="137"/>
      <c r="AK1867" s="206"/>
      <c r="AL1867" s="206"/>
      <c r="AM1867" s="143"/>
      <c r="AN1867" s="137"/>
      <c r="AO1867" s="137"/>
      <c r="AP1867" s="137"/>
      <c r="AQ1867" s="137"/>
      <c r="AR1867" s="137"/>
      <c r="AS1867" s="137"/>
      <c r="AT1867" s="137"/>
      <c r="AU1867" s="137"/>
      <c r="AV1867" s="137"/>
      <c r="AW1867" s="144"/>
    </row>
    <row r="1868" spans="2:49" x14ac:dyDescent="0.2">
      <c r="B1868" s="97"/>
      <c r="G1868" s="43"/>
      <c r="J1868" s="98"/>
      <c r="K1868" s="97"/>
      <c r="N1868" s="3"/>
      <c r="W1868" s="98"/>
      <c r="Z1868" s="143"/>
      <c r="AA1868" s="137"/>
      <c r="AB1868" s="137"/>
      <c r="AC1868" s="137"/>
      <c r="AD1868" s="137"/>
      <c r="AE1868" s="137"/>
      <c r="AF1868" s="137"/>
      <c r="AG1868" s="137"/>
      <c r="AH1868" s="137"/>
      <c r="AI1868" s="137"/>
      <c r="AJ1868" s="137"/>
      <c r="AK1868" s="206"/>
      <c r="AL1868" s="206"/>
      <c r="AM1868" s="143"/>
      <c r="AN1868" s="137"/>
      <c r="AO1868" s="137"/>
      <c r="AP1868" s="137"/>
      <c r="AQ1868" s="137"/>
      <c r="AR1868" s="137"/>
      <c r="AS1868" s="137"/>
      <c r="AT1868" s="137"/>
      <c r="AU1868" s="137"/>
      <c r="AV1868" s="137"/>
      <c r="AW1868" s="144"/>
    </row>
    <row r="1869" spans="2:49" x14ac:dyDescent="0.2">
      <c r="B1869" s="97"/>
      <c r="G1869" s="43"/>
      <c r="J1869" s="98"/>
      <c r="K1869" s="97"/>
      <c r="N1869" s="3"/>
      <c r="W1869" s="98"/>
      <c r="Z1869" s="143"/>
      <c r="AA1869" s="137"/>
      <c r="AB1869" s="137"/>
      <c r="AC1869" s="137"/>
      <c r="AD1869" s="137"/>
      <c r="AE1869" s="137"/>
      <c r="AF1869" s="137"/>
      <c r="AG1869" s="137"/>
      <c r="AH1869" s="137"/>
      <c r="AI1869" s="137"/>
      <c r="AJ1869" s="137"/>
      <c r="AK1869" s="206"/>
      <c r="AL1869" s="206"/>
      <c r="AM1869" s="143"/>
      <c r="AN1869" s="137"/>
      <c r="AO1869" s="137"/>
      <c r="AP1869" s="137"/>
      <c r="AQ1869" s="137"/>
      <c r="AR1869" s="137"/>
      <c r="AS1869" s="137"/>
      <c r="AT1869" s="137"/>
      <c r="AU1869" s="137"/>
      <c r="AV1869" s="137"/>
      <c r="AW1869" s="144"/>
    </row>
    <row r="1870" spans="2:49" x14ac:dyDescent="0.2">
      <c r="B1870" s="97"/>
      <c r="G1870" s="43"/>
      <c r="J1870" s="98"/>
      <c r="K1870" s="97"/>
      <c r="N1870" s="3"/>
      <c r="W1870" s="98"/>
      <c r="Z1870" s="143"/>
      <c r="AA1870" s="137"/>
      <c r="AB1870" s="137"/>
      <c r="AC1870" s="137"/>
      <c r="AD1870" s="137"/>
      <c r="AE1870" s="137"/>
      <c r="AF1870" s="137"/>
      <c r="AG1870" s="137"/>
      <c r="AH1870" s="137"/>
      <c r="AI1870" s="137"/>
      <c r="AJ1870" s="137"/>
      <c r="AK1870" s="206"/>
      <c r="AL1870" s="206"/>
      <c r="AM1870" s="143"/>
      <c r="AN1870" s="137"/>
      <c r="AO1870" s="137"/>
      <c r="AP1870" s="137"/>
      <c r="AQ1870" s="137"/>
      <c r="AR1870" s="137"/>
      <c r="AS1870" s="137"/>
      <c r="AT1870" s="137"/>
      <c r="AU1870" s="137"/>
      <c r="AV1870" s="137"/>
      <c r="AW1870" s="144"/>
    </row>
    <row r="1871" spans="2:49" x14ac:dyDescent="0.2">
      <c r="B1871" s="97"/>
      <c r="G1871" s="43"/>
      <c r="J1871" s="98"/>
      <c r="K1871" s="97"/>
      <c r="N1871" s="3"/>
      <c r="W1871" s="98"/>
      <c r="Z1871" s="143"/>
      <c r="AA1871" s="137"/>
      <c r="AB1871" s="137"/>
      <c r="AC1871" s="137"/>
      <c r="AD1871" s="137"/>
      <c r="AE1871" s="137"/>
      <c r="AF1871" s="137"/>
      <c r="AG1871" s="137"/>
      <c r="AH1871" s="137"/>
      <c r="AI1871" s="137"/>
      <c r="AJ1871" s="137"/>
      <c r="AK1871" s="206"/>
      <c r="AL1871" s="206"/>
      <c r="AM1871" s="143"/>
      <c r="AN1871" s="137"/>
      <c r="AO1871" s="137"/>
      <c r="AP1871" s="137"/>
      <c r="AQ1871" s="137"/>
      <c r="AR1871" s="137"/>
      <c r="AS1871" s="137"/>
      <c r="AT1871" s="137"/>
      <c r="AU1871" s="137"/>
      <c r="AV1871" s="137"/>
      <c r="AW1871" s="144"/>
    </row>
    <row r="1872" spans="2:49" x14ac:dyDescent="0.2">
      <c r="B1872" s="97"/>
      <c r="G1872" s="43"/>
      <c r="J1872" s="98"/>
      <c r="K1872" s="97"/>
      <c r="N1872" s="3"/>
      <c r="W1872" s="98"/>
      <c r="Z1872" s="143"/>
      <c r="AA1872" s="137"/>
      <c r="AB1872" s="137"/>
      <c r="AC1872" s="137"/>
      <c r="AD1872" s="137"/>
      <c r="AE1872" s="137"/>
      <c r="AF1872" s="137"/>
      <c r="AG1872" s="137"/>
      <c r="AH1872" s="137"/>
      <c r="AI1872" s="137"/>
      <c r="AJ1872" s="137"/>
      <c r="AK1872" s="206"/>
      <c r="AL1872" s="206"/>
      <c r="AM1872" s="143"/>
      <c r="AN1872" s="137"/>
      <c r="AO1872" s="137"/>
      <c r="AP1872" s="137"/>
      <c r="AQ1872" s="137"/>
      <c r="AR1872" s="137"/>
      <c r="AS1872" s="137"/>
      <c r="AT1872" s="137"/>
      <c r="AU1872" s="137"/>
      <c r="AV1872" s="137"/>
      <c r="AW1872" s="144"/>
    </row>
    <row r="1873" spans="2:49" x14ac:dyDescent="0.2">
      <c r="B1873" s="97"/>
      <c r="G1873" s="43"/>
      <c r="J1873" s="98"/>
      <c r="K1873" s="97"/>
      <c r="N1873" s="3"/>
      <c r="W1873" s="98"/>
      <c r="Z1873" s="143"/>
      <c r="AA1873" s="137"/>
      <c r="AB1873" s="137"/>
      <c r="AC1873" s="137"/>
      <c r="AD1873" s="137"/>
      <c r="AE1873" s="137"/>
      <c r="AF1873" s="137"/>
      <c r="AG1873" s="137"/>
      <c r="AH1873" s="137"/>
      <c r="AI1873" s="137"/>
      <c r="AJ1873" s="137"/>
      <c r="AK1873" s="206"/>
      <c r="AL1873" s="206"/>
      <c r="AM1873" s="143"/>
      <c r="AN1873" s="137"/>
      <c r="AO1873" s="137"/>
      <c r="AP1873" s="137"/>
      <c r="AQ1873" s="137"/>
      <c r="AR1873" s="137"/>
      <c r="AS1873" s="137"/>
      <c r="AT1873" s="137"/>
      <c r="AU1873" s="137"/>
      <c r="AV1873" s="137"/>
      <c r="AW1873" s="144"/>
    </row>
    <row r="1874" spans="2:49" x14ac:dyDescent="0.2">
      <c r="B1874" s="97"/>
      <c r="G1874" s="43"/>
      <c r="J1874" s="98"/>
      <c r="K1874" s="97"/>
      <c r="N1874" s="3"/>
      <c r="W1874" s="98"/>
      <c r="Z1874" s="143"/>
      <c r="AA1874" s="137"/>
      <c r="AB1874" s="137"/>
      <c r="AC1874" s="137"/>
      <c r="AD1874" s="137"/>
      <c r="AE1874" s="137"/>
      <c r="AF1874" s="137"/>
      <c r="AG1874" s="137"/>
      <c r="AH1874" s="137"/>
      <c r="AI1874" s="137"/>
      <c r="AJ1874" s="137"/>
      <c r="AK1874" s="206"/>
      <c r="AL1874" s="206"/>
      <c r="AM1874" s="143"/>
      <c r="AN1874" s="137"/>
      <c r="AO1874" s="137"/>
      <c r="AP1874" s="137"/>
      <c r="AQ1874" s="137"/>
      <c r="AR1874" s="137"/>
      <c r="AS1874" s="137"/>
      <c r="AT1874" s="137"/>
      <c r="AU1874" s="137"/>
      <c r="AV1874" s="137"/>
      <c r="AW1874" s="144"/>
    </row>
    <row r="1875" spans="2:49" x14ac:dyDescent="0.2">
      <c r="B1875" s="97"/>
      <c r="G1875" s="43"/>
      <c r="J1875" s="98"/>
      <c r="K1875" s="97"/>
      <c r="N1875" s="3"/>
      <c r="W1875" s="98"/>
      <c r="Z1875" s="143"/>
      <c r="AA1875" s="137"/>
      <c r="AB1875" s="137"/>
      <c r="AC1875" s="137"/>
      <c r="AD1875" s="137"/>
      <c r="AE1875" s="137"/>
      <c r="AF1875" s="137"/>
      <c r="AG1875" s="137"/>
      <c r="AH1875" s="137"/>
      <c r="AI1875" s="137"/>
      <c r="AJ1875" s="137"/>
      <c r="AK1875" s="206"/>
      <c r="AL1875" s="206"/>
      <c r="AM1875" s="143"/>
      <c r="AN1875" s="137"/>
      <c r="AO1875" s="137"/>
      <c r="AP1875" s="137"/>
      <c r="AQ1875" s="137"/>
      <c r="AR1875" s="137"/>
      <c r="AS1875" s="137"/>
      <c r="AT1875" s="137"/>
      <c r="AU1875" s="137"/>
      <c r="AV1875" s="137"/>
      <c r="AW1875" s="144"/>
    </row>
    <row r="1876" spans="2:49" x14ac:dyDescent="0.2">
      <c r="B1876" s="97"/>
      <c r="G1876" s="43"/>
      <c r="J1876" s="98"/>
      <c r="K1876" s="97"/>
      <c r="N1876" s="3"/>
      <c r="W1876" s="98"/>
      <c r="Z1876" s="143"/>
      <c r="AA1876" s="137"/>
      <c r="AB1876" s="137"/>
      <c r="AC1876" s="137"/>
      <c r="AD1876" s="137"/>
      <c r="AE1876" s="137"/>
      <c r="AF1876" s="137"/>
      <c r="AG1876" s="137"/>
      <c r="AH1876" s="137"/>
      <c r="AI1876" s="137"/>
      <c r="AJ1876" s="137"/>
      <c r="AK1876" s="206"/>
      <c r="AL1876" s="206"/>
      <c r="AM1876" s="143"/>
      <c r="AN1876" s="137"/>
      <c r="AO1876" s="137"/>
      <c r="AP1876" s="137"/>
      <c r="AQ1876" s="137"/>
      <c r="AR1876" s="137"/>
      <c r="AS1876" s="137"/>
      <c r="AT1876" s="137"/>
      <c r="AU1876" s="137"/>
      <c r="AV1876" s="137"/>
      <c r="AW1876" s="144"/>
    </row>
    <row r="1877" spans="2:49" x14ac:dyDescent="0.2">
      <c r="B1877" s="97"/>
      <c r="G1877" s="43"/>
      <c r="J1877" s="98"/>
      <c r="K1877" s="97"/>
      <c r="N1877" s="3"/>
      <c r="W1877" s="98"/>
      <c r="Z1877" s="143"/>
      <c r="AA1877" s="137"/>
      <c r="AB1877" s="137"/>
      <c r="AC1877" s="137"/>
      <c r="AD1877" s="137"/>
      <c r="AE1877" s="137"/>
      <c r="AF1877" s="137"/>
      <c r="AG1877" s="137"/>
      <c r="AH1877" s="137"/>
      <c r="AI1877" s="137"/>
      <c r="AJ1877" s="137"/>
      <c r="AK1877" s="206"/>
      <c r="AL1877" s="206"/>
      <c r="AM1877" s="143"/>
      <c r="AN1877" s="137"/>
      <c r="AO1877" s="137"/>
      <c r="AP1877" s="137"/>
      <c r="AQ1877" s="137"/>
      <c r="AR1877" s="137"/>
      <c r="AS1877" s="137"/>
      <c r="AT1877" s="137"/>
      <c r="AU1877" s="137"/>
      <c r="AV1877" s="137"/>
      <c r="AW1877" s="144"/>
    </row>
    <row r="1878" spans="2:49" x14ac:dyDescent="0.2">
      <c r="B1878" s="97"/>
      <c r="G1878" s="43"/>
      <c r="J1878" s="98"/>
      <c r="K1878" s="97"/>
      <c r="N1878" s="3"/>
      <c r="W1878" s="98"/>
      <c r="Z1878" s="143"/>
      <c r="AA1878" s="137"/>
      <c r="AB1878" s="137"/>
      <c r="AC1878" s="137"/>
      <c r="AD1878" s="137"/>
      <c r="AE1878" s="137"/>
      <c r="AF1878" s="137"/>
      <c r="AG1878" s="137"/>
      <c r="AH1878" s="137"/>
      <c r="AI1878" s="137"/>
      <c r="AJ1878" s="137"/>
      <c r="AK1878" s="206"/>
      <c r="AL1878" s="206"/>
      <c r="AM1878" s="143"/>
      <c r="AN1878" s="137"/>
      <c r="AO1878" s="137"/>
      <c r="AP1878" s="137"/>
      <c r="AQ1878" s="137"/>
      <c r="AR1878" s="137"/>
      <c r="AS1878" s="137"/>
      <c r="AT1878" s="137"/>
      <c r="AU1878" s="137"/>
      <c r="AV1878" s="137"/>
      <c r="AW1878" s="144"/>
    </row>
    <row r="1879" spans="2:49" x14ac:dyDescent="0.2">
      <c r="B1879" s="97"/>
      <c r="G1879" s="43"/>
      <c r="J1879" s="98"/>
      <c r="K1879" s="97"/>
      <c r="N1879" s="3"/>
      <c r="W1879" s="98"/>
      <c r="Z1879" s="143"/>
      <c r="AA1879" s="137"/>
      <c r="AB1879" s="137"/>
      <c r="AC1879" s="137"/>
      <c r="AD1879" s="137"/>
      <c r="AE1879" s="137"/>
      <c r="AF1879" s="137"/>
      <c r="AG1879" s="137"/>
      <c r="AH1879" s="137"/>
      <c r="AI1879" s="137"/>
      <c r="AJ1879" s="137"/>
      <c r="AK1879" s="206"/>
      <c r="AL1879" s="206"/>
      <c r="AM1879" s="143"/>
      <c r="AN1879" s="137"/>
      <c r="AO1879" s="137"/>
      <c r="AP1879" s="137"/>
      <c r="AQ1879" s="137"/>
      <c r="AR1879" s="137"/>
      <c r="AS1879" s="137"/>
      <c r="AT1879" s="137"/>
      <c r="AU1879" s="137"/>
      <c r="AV1879" s="137"/>
      <c r="AW1879" s="144"/>
    </row>
    <row r="1880" spans="2:49" x14ac:dyDescent="0.2">
      <c r="B1880" s="97"/>
      <c r="G1880" s="43"/>
      <c r="J1880" s="98"/>
      <c r="K1880" s="97"/>
      <c r="N1880" s="3"/>
      <c r="W1880" s="98"/>
      <c r="Z1880" s="143"/>
      <c r="AA1880" s="137"/>
      <c r="AB1880" s="137"/>
      <c r="AC1880" s="137"/>
      <c r="AD1880" s="137"/>
      <c r="AE1880" s="137"/>
      <c r="AF1880" s="137"/>
      <c r="AG1880" s="137"/>
      <c r="AH1880" s="137"/>
      <c r="AI1880" s="137"/>
      <c r="AJ1880" s="137"/>
      <c r="AK1880" s="206"/>
      <c r="AL1880" s="206"/>
      <c r="AM1880" s="143"/>
      <c r="AN1880" s="137"/>
      <c r="AO1880" s="137"/>
      <c r="AP1880" s="137"/>
      <c r="AQ1880" s="137"/>
      <c r="AR1880" s="137"/>
      <c r="AS1880" s="137"/>
      <c r="AT1880" s="137"/>
      <c r="AU1880" s="137"/>
      <c r="AV1880" s="137"/>
      <c r="AW1880" s="144"/>
    </row>
    <row r="1881" spans="2:49" x14ac:dyDescent="0.2">
      <c r="B1881" s="97"/>
      <c r="G1881" s="43"/>
      <c r="J1881" s="98"/>
      <c r="K1881" s="97"/>
      <c r="N1881" s="3"/>
      <c r="W1881" s="98"/>
      <c r="Z1881" s="143"/>
      <c r="AA1881" s="137"/>
      <c r="AB1881" s="137"/>
      <c r="AC1881" s="137"/>
      <c r="AD1881" s="137"/>
      <c r="AE1881" s="137"/>
      <c r="AF1881" s="137"/>
      <c r="AG1881" s="137"/>
      <c r="AH1881" s="137"/>
      <c r="AI1881" s="137"/>
      <c r="AJ1881" s="137"/>
      <c r="AK1881" s="206"/>
      <c r="AL1881" s="206"/>
      <c r="AM1881" s="143"/>
      <c r="AN1881" s="137"/>
      <c r="AO1881" s="137"/>
      <c r="AP1881" s="137"/>
      <c r="AQ1881" s="137"/>
      <c r="AR1881" s="137"/>
      <c r="AS1881" s="137"/>
      <c r="AT1881" s="137"/>
      <c r="AU1881" s="137"/>
      <c r="AV1881" s="137"/>
      <c r="AW1881" s="144"/>
    </row>
    <row r="1882" spans="2:49" x14ac:dyDescent="0.2">
      <c r="B1882" s="97"/>
      <c r="G1882" s="43"/>
      <c r="J1882" s="98"/>
      <c r="K1882" s="97"/>
      <c r="N1882" s="3"/>
      <c r="W1882" s="98"/>
      <c r="Z1882" s="143"/>
      <c r="AA1882" s="137"/>
      <c r="AB1882" s="137"/>
      <c r="AC1882" s="137"/>
      <c r="AD1882" s="137"/>
      <c r="AE1882" s="137"/>
      <c r="AF1882" s="137"/>
      <c r="AG1882" s="137"/>
      <c r="AH1882" s="137"/>
      <c r="AI1882" s="137"/>
      <c r="AJ1882" s="137"/>
      <c r="AK1882" s="206"/>
      <c r="AL1882" s="206"/>
      <c r="AM1882" s="143"/>
      <c r="AN1882" s="137"/>
      <c r="AO1882" s="137"/>
      <c r="AP1882" s="137"/>
      <c r="AQ1882" s="137"/>
      <c r="AR1882" s="137"/>
      <c r="AS1882" s="137"/>
      <c r="AT1882" s="137"/>
      <c r="AU1882" s="137"/>
      <c r="AV1882" s="137"/>
      <c r="AW1882" s="144"/>
    </row>
    <row r="1883" spans="2:49" x14ac:dyDescent="0.2">
      <c r="B1883" s="97"/>
      <c r="G1883" s="43"/>
      <c r="J1883" s="98"/>
      <c r="K1883" s="97"/>
      <c r="N1883" s="3"/>
      <c r="W1883" s="98"/>
      <c r="Z1883" s="143"/>
      <c r="AA1883" s="137"/>
      <c r="AB1883" s="137"/>
      <c r="AC1883" s="137"/>
      <c r="AD1883" s="137"/>
      <c r="AE1883" s="137"/>
      <c r="AF1883" s="137"/>
      <c r="AG1883" s="137"/>
      <c r="AH1883" s="137"/>
      <c r="AI1883" s="137"/>
      <c r="AJ1883" s="137"/>
      <c r="AK1883" s="206"/>
      <c r="AL1883" s="206"/>
      <c r="AM1883" s="143"/>
      <c r="AN1883" s="137"/>
      <c r="AO1883" s="137"/>
      <c r="AP1883" s="137"/>
      <c r="AQ1883" s="137"/>
      <c r="AR1883" s="137"/>
      <c r="AS1883" s="137"/>
      <c r="AT1883" s="137"/>
      <c r="AU1883" s="137"/>
      <c r="AV1883" s="137"/>
      <c r="AW1883" s="144"/>
    </row>
    <row r="1884" spans="2:49" x14ac:dyDescent="0.2">
      <c r="B1884" s="97"/>
      <c r="G1884" s="43"/>
      <c r="J1884" s="98"/>
      <c r="K1884" s="97"/>
      <c r="N1884" s="3"/>
      <c r="W1884" s="98"/>
      <c r="Z1884" s="143"/>
      <c r="AA1884" s="137"/>
      <c r="AB1884" s="137"/>
      <c r="AC1884" s="137"/>
      <c r="AD1884" s="137"/>
      <c r="AE1884" s="137"/>
      <c r="AF1884" s="137"/>
      <c r="AG1884" s="137"/>
      <c r="AH1884" s="137"/>
      <c r="AI1884" s="137"/>
      <c r="AJ1884" s="137"/>
      <c r="AK1884" s="206"/>
      <c r="AL1884" s="206"/>
      <c r="AM1884" s="143"/>
      <c r="AN1884" s="137"/>
      <c r="AO1884" s="137"/>
      <c r="AP1884" s="137"/>
      <c r="AQ1884" s="137"/>
      <c r="AR1884" s="137"/>
      <c r="AS1884" s="137"/>
      <c r="AT1884" s="137"/>
      <c r="AU1884" s="137"/>
      <c r="AV1884" s="137"/>
      <c r="AW1884" s="144"/>
    </row>
    <row r="1885" spans="2:49" x14ac:dyDescent="0.2">
      <c r="B1885" s="97"/>
      <c r="G1885" s="43"/>
      <c r="J1885" s="98"/>
      <c r="K1885" s="97"/>
      <c r="N1885" s="3"/>
      <c r="W1885" s="98"/>
      <c r="Z1885" s="143"/>
      <c r="AA1885" s="137"/>
      <c r="AB1885" s="137"/>
      <c r="AC1885" s="137"/>
      <c r="AD1885" s="137"/>
      <c r="AE1885" s="137"/>
      <c r="AF1885" s="137"/>
      <c r="AG1885" s="137"/>
      <c r="AH1885" s="137"/>
      <c r="AI1885" s="137"/>
      <c r="AJ1885" s="137"/>
      <c r="AK1885" s="206"/>
      <c r="AL1885" s="206"/>
      <c r="AM1885" s="143"/>
      <c r="AN1885" s="137"/>
      <c r="AO1885" s="137"/>
      <c r="AP1885" s="137"/>
      <c r="AQ1885" s="137"/>
      <c r="AR1885" s="137"/>
      <c r="AS1885" s="137"/>
      <c r="AT1885" s="137"/>
      <c r="AU1885" s="137"/>
      <c r="AV1885" s="137"/>
      <c r="AW1885" s="144"/>
    </row>
    <row r="1886" spans="2:49" x14ac:dyDescent="0.2">
      <c r="B1886" s="97"/>
      <c r="G1886" s="43"/>
      <c r="J1886" s="98"/>
      <c r="K1886" s="97"/>
      <c r="N1886" s="3"/>
      <c r="W1886" s="98"/>
      <c r="Z1886" s="143"/>
      <c r="AA1886" s="137"/>
      <c r="AB1886" s="137"/>
      <c r="AC1886" s="137"/>
      <c r="AD1886" s="137"/>
      <c r="AE1886" s="137"/>
      <c r="AF1886" s="137"/>
      <c r="AG1886" s="137"/>
      <c r="AH1886" s="137"/>
      <c r="AI1886" s="137"/>
      <c r="AJ1886" s="137"/>
      <c r="AK1886" s="206"/>
      <c r="AL1886" s="206"/>
      <c r="AM1886" s="143"/>
      <c r="AN1886" s="137"/>
      <c r="AO1886" s="137"/>
      <c r="AP1886" s="137"/>
      <c r="AQ1886" s="137"/>
      <c r="AR1886" s="137"/>
      <c r="AS1886" s="137"/>
      <c r="AT1886" s="137"/>
      <c r="AU1886" s="137"/>
      <c r="AV1886" s="137"/>
      <c r="AW1886" s="144"/>
    </row>
    <row r="1887" spans="2:49" x14ac:dyDescent="0.2">
      <c r="B1887" s="97"/>
      <c r="G1887" s="43"/>
      <c r="J1887" s="98"/>
      <c r="K1887" s="97"/>
      <c r="N1887" s="3"/>
      <c r="W1887" s="98"/>
      <c r="Z1887" s="143"/>
      <c r="AA1887" s="137"/>
      <c r="AB1887" s="137"/>
      <c r="AC1887" s="137"/>
      <c r="AD1887" s="137"/>
      <c r="AE1887" s="137"/>
      <c r="AF1887" s="137"/>
      <c r="AG1887" s="137"/>
      <c r="AH1887" s="137"/>
      <c r="AI1887" s="137"/>
      <c r="AJ1887" s="137"/>
      <c r="AK1887" s="206"/>
      <c r="AL1887" s="206"/>
      <c r="AM1887" s="143"/>
      <c r="AN1887" s="137"/>
      <c r="AO1887" s="137"/>
      <c r="AP1887" s="137"/>
      <c r="AQ1887" s="137"/>
      <c r="AR1887" s="137"/>
      <c r="AS1887" s="137"/>
      <c r="AT1887" s="137"/>
      <c r="AU1887" s="137"/>
      <c r="AV1887" s="137"/>
      <c r="AW1887" s="144"/>
    </row>
    <row r="1888" spans="2:49" x14ac:dyDescent="0.2">
      <c r="B1888" s="97"/>
      <c r="G1888" s="43"/>
      <c r="J1888" s="98"/>
      <c r="K1888" s="97"/>
      <c r="N1888" s="3"/>
      <c r="W1888" s="98"/>
      <c r="Z1888" s="143"/>
      <c r="AA1888" s="137"/>
      <c r="AB1888" s="137"/>
      <c r="AC1888" s="137"/>
      <c r="AD1888" s="137"/>
      <c r="AE1888" s="137"/>
      <c r="AF1888" s="137"/>
      <c r="AG1888" s="137"/>
      <c r="AH1888" s="137"/>
      <c r="AI1888" s="137"/>
      <c r="AJ1888" s="137"/>
      <c r="AK1888" s="206"/>
      <c r="AL1888" s="206"/>
      <c r="AM1888" s="143"/>
      <c r="AN1888" s="137"/>
      <c r="AO1888" s="137"/>
      <c r="AP1888" s="137"/>
      <c r="AQ1888" s="137"/>
      <c r="AR1888" s="137"/>
      <c r="AS1888" s="137"/>
      <c r="AT1888" s="137"/>
      <c r="AU1888" s="137"/>
      <c r="AV1888" s="137"/>
      <c r="AW1888" s="144"/>
    </row>
    <row r="1889" spans="2:49" x14ac:dyDescent="0.2">
      <c r="B1889" s="97"/>
      <c r="G1889" s="43"/>
      <c r="J1889" s="98"/>
      <c r="K1889" s="97"/>
      <c r="N1889" s="3"/>
      <c r="W1889" s="98"/>
      <c r="Z1889" s="143"/>
      <c r="AA1889" s="137"/>
      <c r="AB1889" s="137"/>
      <c r="AC1889" s="137"/>
      <c r="AD1889" s="137"/>
      <c r="AE1889" s="137"/>
      <c r="AF1889" s="137"/>
      <c r="AG1889" s="137"/>
      <c r="AH1889" s="137"/>
      <c r="AI1889" s="137"/>
      <c r="AJ1889" s="137"/>
      <c r="AK1889" s="206"/>
      <c r="AL1889" s="206"/>
      <c r="AM1889" s="143"/>
      <c r="AN1889" s="137"/>
      <c r="AO1889" s="137"/>
      <c r="AP1889" s="137"/>
      <c r="AQ1889" s="137"/>
      <c r="AR1889" s="137"/>
      <c r="AS1889" s="137"/>
      <c r="AT1889" s="137"/>
      <c r="AU1889" s="137"/>
      <c r="AV1889" s="137"/>
      <c r="AW1889" s="144"/>
    </row>
    <row r="1890" spans="2:49" x14ac:dyDescent="0.2">
      <c r="B1890" s="97"/>
      <c r="G1890" s="43"/>
      <c r="J1890" s="98"/>
      <c r="K1890" s="97"/>
      <c r="N1890" s="3"/>
      <c r="W1890" s="98"/>
      <c r="Z1890" s="143"/>
      <c r="AA1890" s="137"/>
      <c r="AB1890" s="137"/>
      <c r="AC1890" s="137"/>
      <c r="AD1890" s="137"/>
      <c r="AE1890" s="137"/>
      <c r="AF1890" s="137"/>
      <c r="AG1890" s="137"/>
      <c r="AH1890" s="137"/>
      <c r="AI1890" s="137"/>
      <c r="AJ1890" s="137"/>
      <c r="AK1890" s="206"/>
      <c r="AL1890" s="206"/>
      <c r="AM1890" s="143"/>
      <c r="AN1890" s="137"/>
      <c r="AO1890" s="137"/>
      <c r="AP1890" s="137"/>
      <c r="AQ1890" s="137"/>
      <c r="AR1890" s="137"/>
      <c r="AS1890" s="137"/>
      <c r="AT1890" s="137"/>
      <c r="AU1890" s="137"/>
      <c r="AV1890" s="137"/>
      <c r="AW1890" s="144"/>
    </row>
    <row r="1891" spans="2:49" x14ac:dyDescent="0.2">
      <c r="B1891" s="97"/>
      <c r="G1891" s="43"/>
      <c r="J1891" s="98"/>
      <c r="K1891" s="97"/>
      <c r="N1891" s="3"/>
      <c r="W1891" s="98"/>
      <c r="Z1891" s="143"/>
      <c r="AA1891" s="137"/>
      <c r="AB1891" s="137"/>
      <c r="AC1891" s="137"/>
      <c r="AD1891" s="137"/>
      <c r="AE1891" s="137"/>
      <c r="AF1891" s="137"/>
      <c r="AG1891" s="137"/>
      <c r="AH1891" s="137"/>
      <c r="AI1891" s="137"/>
      <c r="AJ1891" s="137"/>
      <c r="AK1891" s="206"/>
      <c r="AL1891" s="206"/>
      <c r="AM1891" s="143"/>
      <c r="AN1891" s="137"/>
      <c r="AO1891" s="137"/>
      <c r="AP1891" s="137"/>
      <c r="AQ1891" s="137"/>
      <c r="AR1891" s="137"/>
      <c r="AS1891" s="137"/>
      <c r="AT1891" s="137"/>
      <c r="AU1891" s="137"/>
      <c r="AV1891" s="137"/>
      <c r="AW1891" s="144"/>
    </row>
    <row r="1892" spans="2:49" x14ac:dyDescent="0.2">
      <c r="B1892" s="97"/>
      <c r="G1892" s="43"/>
      <c r="J1892" s="98"/>
      <c r="K1892" s="97"/>
      <c r="N1892" s="3"/>
      <c r="W1892" s="98"/>
      <c r="Z1892" s="143"/>
      <c r="AA1892" s="137"/>
      <c r="AB1892" s="137"/>
      <c r="AC1892" s="137"/>
      <c r="AD1892" s="137"/>
      <c r="AE1892" s="137"/>
      <c r="AF1892" s="137"/>
      <c r="AG1892" s="137"/>
      <c r="AH1892" s="137"/>
      <c r="AI1892" s="137"/>
      <c r="AJ1892" s="137"/>
      <c r="AK1892" s="206"/>
      <c r="AL1892" s="206"/>
      <c r="AM1892" s="143"/>
      <c r="AN1892" s="137"/>
      <c r="AO1892" s="137"/>
      <c r="AP1892" s="137"/>
      <c r="AQ1892" s="137"/>
      <c r="AR1892" s="137"/>
      <c r="AS1892" s="137"/>
      <c r="AT1892" s="137"/>
      <c r="AU1892" s="137"/>
      <c r="AV1892" s="137"/>
      <c r="AW1892" s="144"/>
    </row>
    <row r="1893" spans="2:49" x14ac:dyDescent="0.2">
      <c r="B1893" s="97"/>
      <c r="G1893" s="43"/>
      <c r="J1893" s="98"/>
      <c r="K1893" s="97"/>
      <c r="N1893" s="3"/>
      <c r="W1893" s="98"/>
      <c r="Z1893" s="143"/>
      <c r="AA1893" s="137"/>
      <c r="AB1893" s="137"/>
      <c r="AC1893" s="137"/>
      <c r="AD1893" s="137"/>
      <c r="AE1893" s="137"/>
      <c r="AF1893" s="137"/>
      <c r="AG1893" s="137"/>
      <c r="AH1893" s="137"/>
      <c r="AI1893" s="137"/>
      <c r="AJ1893" s="137"/>
      <c r="AK1893" s="206"/>
      <c r="AL1893" s="206"/>
      <c r="AM1893" s="143"/>
      <c r="AN1893" s="137"/>
      <c r="AO1893" s="137"/>
      <c r="AP1893" s="137"/>
      <c r="AQ1893" s="137"/>
      <c r="AR1893" s="137"/>
      <c r="AS1893" s="137"/>
      <c r="AT1893" s="137"/>
      <c r="AU1893" s="137"/>
      <c r="AV1893" s="137"/>
      <c r="AW1893" s="144"/>
    </row>
    <row r="1894" spans="2:49" x14ac:dyDescent="0.2">
      <c r="B1894" s="97"/>
      <c r="G1894" s="43"/>
      <c r="J1894" s="98"/>
      <c r="K1894" s="97"/>
      <c r="N1894" s="3"/>
      <c r="W1894" s="98"/>
      <c r="Z1894" s="143"/>
      <c r="AA1894" s="137"/>
      <c r="AB1894" s="137"/>
      <c r="AC1894" s="137"/>
      <c r="AD1894" s="137"/>
      <c r="AE1894" s="137"/>
      <c r="AF1894" s="137"/>
      <c r="AG1894" s="137"/>
      <c r="AH1894" s="137"/>
      <c r="AI1894" s="137"/>
      <c r="AJ1894" s="137"/>
      <c r="AK1894" s="206"/>
      <c r="AL1894" s="206"/>
      <c r="AM1894" s="143"/>
      <c r="AN1894" s="137"/>
      <c r="AO1894" s="137"/>
      <c r="AP1894" s="137"/>
      <c r="AQ1894" s="137"/>
      <c r="AR1894" s="137"/>
      <c r="AS1894" s="137"/>
      <c r="AT1894" s="137"/>
      <c r="AU1894" s="137"/>
      <c r="AV1894" s="137"/>
      <c r="AW1894" s="144"/>
    </row>
    <row r="1895" spans="2:49" x14ac:dyDescent="0.2">
      <c r="B1895" s="97"/>
      <c r="G1895" s="43"/>
      <c r="J1895" s="98"/>
      <c r="K1895" s="97"/>
      <c r="N1895" s="3"/>
      <c r="W1895" s="98"/>
      <c r="Z1895" s="143"/>
      <c r="AA1895" s="137"/>
      <c r="AB1895" s="137"/>
      <c r="AC1895" s="137"/>
      <c r="AD1895" s="137"/>
      <c r="AE1895" s="137"/>
      <c r="AF1895" s="137"/>
      <c r="AG1895" s="137"/>
      <c r="AH1895" s="137"/>
      <c r="AI1895" s="137"/>
      <c r="AJ1895" s="137"/>
      <c r="AK1895" s="206"/>
      <c r="AL1895" s="206"/>
      <c r="AM1895" s="143"/>
      <c r="AN1895" s="137"/>
      <c r="AO1895" s="137"/>
      <c r="AP1895" s="137"/>
      <c r="AQ1895" s="137"/>
      <c r="AR1895" s="137"/>
      <c r="AS1895" s="137"/>
      <c r="AT1895" s="137"/>
      <c r="AU1895" s="137"/>
      <c r="AV1895" s="137"/>
      <c r="AW1895" s="144"/>
    </row>
    <row r="1896" spans="2:49" x14ac:dyDescent="0.2">
      <c r="B1896" s="97"/>
      <c r="G1896" s="43"/>
      <c r="J1896" s="98"/>
      <c r="K1896" s="97"/>
      <c r="N1896" s="3"/>
      <c r="W1896" s="98"/>
      <c r="Z1896" s="143"/>
      <c r="AA1896" s="137"/>
      <c r="AB1896" s="137"/>
      <c r="AC1896" s="137"/>
      <c r="AD1896" s="137"/>
      <c r="AE1896" s="137"/>
      <c r="AF1896" s="137"/>
      <c r="AG1896" s="137"/>
      <c r="AH1896" s="137"/>
      <c r="AI1896" s="137"/>
      <c r="AJ1896" s="137"/>
      <c r="AK1896" s="206"/>
      <c r="AL1896" s="206"/>
      <c r="AM1896" s="143"/>
      <c r="AN1896" s="137"/>
      <c r="AO1896" s="137"/>
      <c r="AP1896" s="137"/>
      <c r="AQ1896" s="137"/>
      <c r="AR1896" s="137"/>
      <c r="AS1896" s="137"/>
      <c r="AT1896" s="137"/>
      <c r="AU1896" s="137"/>
      <c r="AV1896" s="137"/>
      <c r="AW1896" s="144"/>
    </row>
    <row r="1897" spans="2:49" x14ac:dyDescent="0.2">
      <c r="B1897" s="97"/>
      <c r="G1897" s="43"/>
      <c r="J1897" s="98"/>
      <c r="K1897" s="97"/>
      <c r="N1897" s="3"/>
      <c r="W1897" s="98"/>
      <c r="Z1897" s="143"/>
      <c r="AA1897" s="137"/>
      <c r="AB1897" s="137"/>
      <c r="AC1897" s="137"/>
      <c r="AD1897" s="137"/>
      <c r="AE1897" s="137"/>
      <c r="AF1897" s="137"/>
      <c r="AG1897" s="137"/>
      <c r="AH1897" s="137"/>
      <c r="AI1897" s="137"/>
      <c r="AJ1897" s="137"/>
      <c r="AK1897" s="206"/>
      <c r="AL1897" s="206"/>
      <c r="AM1897" s="143"/>
      <c r="AN1897" s="137"/>
      <c r="AO1897" s="137"/>
      <c r="AP1897" s="137"/>
      <c r="AQ1897" s="137"/>
      <c r="AR1897" s="137"/>
      <c r="AS1897" s="137"/>
      <c r="AT1897" s="137"/>
      <c r="AU1897" s="137"/>
      <c r="AV1897" s="137"/>
      <c r="AW1897" s="144"/>
    </row>
    <row r="1898" spans="2:49" x14ac:dyDescent="0.2">
      <c r="B1898" s="97"/>
      <c r="G1898" s="43"/>
      <c r="J1898" s="98"/>
      <c r="K1898" s="97"/>
      <c r="N1898" s="3"/>
      <c r="W1898" s="98"/>
      <c r="Z1898" s="143"/>
      <c r="AA1898" s="137"/>
      <c r="AB1898" s="137"/>
      <c r="AC1898" s="137"/>
      <c r="AD1898" s="137"/>
      <c r="AE1898" s="137"/>
      <c r="AF1898" s="137"/>
      <c r="AG1898" s="137"/>
      <c r="AH1898" s="137"/>
      <c r="AI1898" s="137"/>
      <c r="AJ1898" s="137"/>
      <c r="AK1898" s="206"/>
      <c r="AL1898" s="206"/>
      <c r="AM1898" s="143"/>
      <c r="AN1898" s="137"/>
      <c r="AO1898" s="137"/>
      <c r="AP1898" s="137"/>
      <c r="AQ1898" s="137"/>
      <c r="AR1898" s="137"/>
      <c r="AS1898" s="137"/>
      <c r="AT1898" s="137"/>
      <c r="AU1898" s="137"/>
      <c r="AV1898" s="137"/>
      <c r="AW1898" s="144"/>
    </row>
    <row r="1899" spans="2:49" x14ac:dyDescent="0.2">
      <c r="B1899" s="97"/>
      <c r="G1899" s="43"/>
      <c r="J1899" s="98"/>
      <c r="K1899" s="97"/>
      <c r="N1899" s="3"/>
      <c r="W1899" s="98"/>
      <c r="Z1899" s="143"/>
      <c r="AA1899" s="137"/>
      <c r="AB1899" s="137"/>
      <c r="AC1899" s="137"/>
      <c r="AD1899" s="137"/>
      <c r="AE1899" s="137"/>
      <c r="AF1899" s="137"/>
      <c r="AG1899" s="137"/>
      <c r="AH1899" s="137"/>
      <c r="AI1899" s="137"/>
      <c r="AJ1899" s="137"/>
      <c r="AK1899" s="206"/>
      <c r="AL1899" s="206"/>
      <c r="AM1899" s="143"/>
      <c r="AN1899" s="137"/>
      <c r="AO1899" s="137"/>
      <c r="AP1899" s="137"/>
      <c r="AQ1899" s="137"/>
      <c r="AR1899" s="137"/>
      <c r="AS1899" s="137"/>
      <c r="AT1899" s="137"/>
      <c r="AU1899" s="137"/>
      <c r="AV1899" s="137"/>
      <c r="AW1899" s="144"/>
    </row>
    <row r="1900" spans="2:49" x14ac:dyDescent="0.2">
      <c r="B1900" s="97"/>
      <c r="G1900" s="43"/>
      <c r="J1900" s="98"/>
      <c r="K1900" s="97"/>
      <c r="N1900" s="3"/>
      <c r="W1900" s="98"/>
      <c r="Z1900" s="143"/>
      <c r="AA1900" s="137"/>
      <c r="AB1900" s="137"/>
      <c r="AC1900" s="137"/>
      <c r="AD1900" s="137"/>
      <c r="AE1900" s="137"/>
      <c r="AF1900" s="137"/>
      <c r="AG1900" s="137"/>
      <c r="AH1900" s="137"/>
      <c r="AI1900" s="137"/>
      <c r="AJ1900" s="137"/>
      <c r="AK1900" s="206"/>
      <c r="AL1900" s="206"/>
      <c r="AM1900" s="143"/>
      <c r="AN1900" s="137"/>
      <c r="AO1900" s="137"/>
      <c r="AP1900" s="137"/>
      <c r="AQ1900" s="137"/>
      <c r="AR1900" s="137"/>
      <c r="AS1900" s="137"/>
      <c r="AT1900" s="137"/>
      <c r="AU1900" s="137"/>
      <c r="AV1900" s="137"/>
      <c r="AW1900" s="144"/>
    </row>
    <row r="1901" spans="2:49" x14ac:dyDescent="0.2">
      <c r="B1901" s="97"/>
      <c r="G1901" s="43"/>
      <c r="J1901" s="98"/>
      <c r="K1901" s="97"/>
      <c r="N1901" s="3"/>
      <c r="W1901" s="98"/>
      <c r="Z1901" s="143"/>
      <c r="AA1901" s="137"/>
      <c r="AB1901" s="137"/>
      <c r="AC1901" s="137"/>
      <c r="AD1901" s="137"/>
      <c r="AE1901" s="137"/>
      <c r="AF1901" s="137"/>
      <c r="AG1901" s="137"/>
      <c r="AH1901" s="137"/>
      <c r="AI1901" s="137"/>
      <c r="AJ1901" s="137"/>
      <c r="AK1901" s="206"/>
      <c r="AL1901" s="206"/>
      <c r="AM1901" s="143"/>
      <c r="AN1901" s="137"/>
      <c r="AO1901" s="137"/>
      <c r="AP1901" s="137"/>
      <c r="AQ1901" s="137"/>
      <c r="AR1901" s="137"/>
      <c r="AS1901" s="137"/>
      <c r="AT1901" s="137"/>
      <c r="AU1901" s="137"/>
      <c r="AV1901" s="137"/>
      <c r="AW1901" s="144"/>
    </row>
    <row r="1902" spans="2:49" x14ac:dyDescent="0.2">
      <c r="B1902" s="97"/>
      <c r="G1902" s="43"/>
      <c r="J1902" s="98"/>
      <c r="K1902" s="97"/>
      <c r="N1902" s="3"/>
      <c r="W1902" s="98"/>
      <c r="Z1902" s="143"/>
      <c r="AA1902" s="137"/>
      <c r="AB1902" s="137"/>
      <c r="AC1902" s="137"/>
      <c r="AD1902" s="137"/>
      <c r="AE1902" s="137"/>
      <c r="AF1902" s="137"/>
      <c r="AG1902" s="137"/>
      <c r="AH1902" s="137"/>
      <c r="AI1902" s="137"/>
      <c r="AJ1902" s="137"/>
      <c r="AK1902" s="206"/>
      <c r="AL1902" s="206"/>
      <c r="AM1902" s="143"/>
      <c r="AN1902" s="137"/>
      <c r="AO1902" s="137"/>
      <c r="AP1902" s="137"/>
      <c r="AQ1902" s="137"/>
      <c r="AR1902" s="137"/>
      <c r="AS1902" s="137"/>
      <c r="AT1902" s="137"/>
      <c r="AU1902" s="137"/>
      <c r="AV1902" s="137"/>
      <c r="AW1902" s="144"/>
    </row>
    <row r="1903" spans="2:49" x14ac:dyDescent="0.2">
      <c r="B1903" s="97"/>
      <c r="G1903" s="43"/>
      <c r="J1903" s="98"/>
      <c r="K1903" s="97"/>
      <c r="N1903" s="3"/>
      <c r="W1903" s="98"/>
      <c r="Z1903" s="143"/>
      <c r="AA1903" s="137"/>
      <c r="AB1903" s="137"/>
      <c r="AC1903" s="137"/>
      <c r="AD1903" s="137"/>
      <c r="AE1903" s="137"/>
      <c r="AF1903" s="137"/>
      <c r="AG1903" s="137"/>
      <c r="AH1903" s="137"/>
      <c r="AI1903" s="137"/>
      <c r="AJ1903" s="137"/>
      <c r="AK1903" s="206"/>
      <c r="AL1903" s="206"/>
      <c r="AM1903" s="143"/>
      <c r="AN1903" s="137"/>
      <c r="AO1903" s="137"/>
      <c r="AP1903" s="137"/>
      <c r="AQ1903" s="137"/>
      <c r="AR1903" s="137"/>
      <c r="AS1903" s="137"/>
      <c r="AT1903" s="137"/>
      <c r="AU1903" s="137"/>
      <c r="AV1903" s="137"/>
      <c r="AW1903" s="144"/>
    </row>
    <row r="1904" spans="2:49" x14ac:dyDescent="0.2">
      <c r="B1904" s="97"/>
      <c r="G1904" s="43"/>
      <c r="J1904" s="98"/>
      <c r="K1904" s="97"/>
      <c r="N1904" s="3"/>
      <c r="W1904" s="98"/>
      <c r="Z1904" s="143"/>
      <c r="AA1904" s="137"/>
      <c r="AB1904" s="137"/>
      <c r="AC1904" s="137"/>
      <c r="AD1904" s="137"/>
      <c r="AE1904" s="137"/>
      <c r="AF1904" s="137"/>
      <c r="AG1904" s="137"/>
      <c r="AH1904" s="137"/>
      <c r="AI1904" s="137"/>
      <c r="AJ1904" s="137"/>
      <c r="AK1904" s="206"/>
      <c r="AL1904" s="206"/>
      <c r="AM1904" s="143"/>
      <c r="AN1904" s="137"/>
      <c r="AO1904" s="137"/>
      <c r="AP1904" s="137"/>
      <c r="AQ1904" s="137"/>
      <c r="AR1904" s="137"/>
      <c r="AS1904" s="137"/>
      <c r="AT1904" s="137"/>
      <c r="AU1904" s="137"/>
      <c r="AV1904" s="137"/>
      <c r="AW1904" s="144"/>
    </row>
    <row r="1905" spans="2:49" x14ac:dyDescent="0.2">
      <c r="B1905" s="97"/>
      <c r="G1905" s="43"/>
      <c r="J1905" s="98"/>
      <c r="K1905" s="97"/>
      <c r="N1905" s="3"/>
      <c r="W1905" s="98"/>
      <c r="Z1905" s="143"/>
      <c r="AA1905" s="137"/>
      <c r="AB1905" s="137"/>
      <c r="AC1905" s="137"/>
      <c r="AD1905" s="137"/>
      <c r="AE1905" s="137"/>
      <c r="AF1905" s="137"/>
      <c r="AG1905" s="137"/>
      <c r="AH1905" s="137"/>
      <c r="AI1905" s="137"/>
      <c r="AJ1905" s="137"/>
      <c r="AK1905" s="206"/>
      <c r="AL1905" s="206"/>
      <c r="AM1905" s="143"/>
      <c r="AN1905" s="137"/>
      <c r="AO1905" s="137"/>
      <c r="AP1905" s="137"/>
      <c r="AQ1905" s="137"/>
      <c r="AR1905" s="137"/>
      <c r="AS1905" s="137"/>
      <c r="AT1905" s="137"/>
      <c r="AU1905" s="137"/>
      <c r="AV1905" s="137"/>
      <c r="AW1905" s="144"/>
    </row>
    <row r="1906" spans="2:49" x14ac:dyDescent="0.2">
      <c r="B1906" s="97"/>
      <c r="G1906" s="43"/>
      <c r="J1906" s="98"/>
      <c r="K1906" s="97"/>
      <c r="N1906" s="3"/>
      <c r="W1906" s="98"/>
      <c r="Z1906" s="143"/>
      <c r="AA1906" s="137"/>
      <c r="AB1906" s="137"/>
      <c r="AC1906" s="137"/>
      <c r="AD1906" s="137"/>
      <c r="AE1906" s="137"/>
      <c r="AF1906" s="137"/>
      <c r="AG1906" s="137"/>
      <c r="AH1906" s="137"/>
      <c r="AI1906" s="137"/>
      <c r="AJ1906" s="137"/>
      <c r="AK1906" s="206"/>
      <c r="AL1906" s="206"/>
      <c r="AM1906" s="143"/>
      <c r="AN1906" s="137"/>
      <c r="AO1906" s="137"/>
      <c r="AP1906" s="137"/>
      <c r="AQ1906" s="137"/>
      <c r="AR1906" s="137"/>
      <c r="AS1906" s="137"/>
      <c r="AT1906" s="137"/>
      <c r="AU1906" s="137"/>
      <c r="AV1906" s="137"/>
      <c r="AW1906" s="144"/>
    </row>
    <row r="1907" spans="2:49" x14ac:dyDescent="0.2">
      <c r="B1907" s="97"/>
      <c r="G1907" s="43"/>
      <c r="J1907" s="98"/>
      <c r="K1907" s="97"/>
      <c r="N1907" s="3"/>
      <c r="W1907" s="98"/>
      <c r="Z1907" s="143"/>
      <c r="AA1907" s="137"/>
      <c r="AB1907" s="137"/>
      <c r="AC1907" s="137"/>
      <c r="AD1907" s="137"/>
      <c r="AE1907" s="137"/>
      <c r="AF1907" s="137"/>
      <c r="AG1907" s="137"/>
      <c r="AH1907" s="137"/>
      <c r="AI1907" s="137"/>
      <c r="AJ1907" s="137"/>
      <c r="AK1907" s="206"/>
      <c r="AL1907" s="206"/>
      <c r="AM1907" s="143"/>
      <c r="AN1907" s="137"/>
      <c r="AO1907" s="137"/>
      <c r="AP1907" s="137"/>
      <c r="AQ1907" s="137"/>
      <c r="AR1907" s="137"/>
      <c r="AS1907" s="137"/>
      <c r="AT1907" s="137"/>
      <c r="AU1907" s="137"/>
      <c r="AV1907" s="137"/>
      <c r="AW1907" s="144"/>
    </row>
    <row r="1908" spans="2:49" x14ac:dyDescent="0.2">
      <c r="B1908" s="97"/>
      <c r="G1908" s="43"/>
      <c r="J1908" s="98"/>
      <c r="K1908" s="97"/>
      <c r="N1908" s="3"/>
      <c r="W1908" s="98"/>
      <c r="Z1908" s="143"/>
      <c r="AA1908" s="137"/>
      <c r="AB1908" s="137"/>
      <c r="AC1908" s="137"/>
      <c r="AD1908" s="137"/>
      <c r="AE1908" s="137"/>
      <c r="AF1908" s="137"/>
      <c r="AG1908" s="137"/>
      <c r="AH1908" s="137"/>
      <c r="AI1908" s="137"/>
      <c r="AJ1908" s="137"/>
      <c r="AK1908" s="206"/>
      <c r="AL1908" s="206"/>
      <c r="AM1908" s="143"/>
      <c r="AN1908" s="137"/>
      <c r="AO1908" s="137"/>
      <c r="AP1908" s="137"/>
      <c r="AQ1908" s="137"/>
      <c r="AR1908" s="137"/>
      <c r="AS1908" s="137"/>
      <c r="AT1908" s="137"/>
      <c r="AU1908" s="137"/>
      <c r="AV1908" s="137"/>
      <c r="AW1908" s="144"/>
    </row>
    <row r="1909" spans="2:49" x14ac:dyDescent="0.2">
      <c r="B1909" s="97"/>
      <c r="G1909" s="43"/>
      <c r="J1909" s="98"/>
      <c r="K1909" s="97"/>
      <c r="N1909" s="3"/>
      <c r="W1909" s="98"/>
      <c r="Z1909" s="143"/>
      <c r="AA1909" s="137"/>
      <c r="AB1909" s="137"/>
      <c r="AC1909" s="137"/>
      <c r="AD1909" s="137"/>
      <c r="AE1909" s="137"/>
      <c r="AF1909" s="137"/>
      <c r="AG1909" s="137"/>
      <c r="AH1909" s="137"/>
      <c r="AI1909" s="137"/>
      <c r="AJ1909" s="137"/>
      <c r="AK1909" s="206"/>
      <c r="AL1909" s="206"/>
      <c r="AM1909" s="143"/>
      <c r="AN1909" s="137"/>
      <c r="AO1909" s="137"/>
      <c r="AP1909" s="137"/>
      <c r="AQ1909" s="137"/>
      <c r="AR1909" s="137"/>
      <c r="AS1909" s="137"/>
      <c r="AT1909" s="137"/>
      <c r="AU1909" s="137"/>
      <c r="AV1909" s="137"/>
      <c r="AW1909" s="144"/>
    </row>
    <row r="1910" spans="2:49" x14ac:dyDescent="0.2">
      <c r="B1910" s="97"/>
      <c r="G1910" s="43"/>
      <c r="J1910" s="98"/>
      <c r="K1910" s="97"/>
      <c r="N1910" s="3"/>
      <c r="W1910" s="98"/>
      <c r="Z1910" s="143"/>
      <c r="AA1910" s="137"/>
      <c r="AB1910" s="137"/>
      <c r="AC1910" s="137"/>
      <c r="AD1910" s="137"/>
      <c r="AE1910" s="137"/>
      <c r="AF1910" s="137"/>
      <c r="AG1910" s="137"/>
      <c r="AH1910" s="137"/>
      <c r="AI1910" s="137"/>
      <c r="AJ1910" s="137"/>
      <c r="AK1910" s="206"/>
      <c r="AL1910" s="206"/>
      <c r="AM1910" s="143"/>
      <c r="AN1910" s="137"/>
      <c r="AO1910" s="137"/>
      <c r="AP1910" s="137"/>
      <c r="AQ1910" s="137"/>
      <c r="AR1910" s="137"/>
      <c r="AS1910" s="137"/>
      <c r="AT1910" s="137"/>
      <c r="AU1910" s="137"/>
      <c r="AV1910" s="137"/>
      <c r="AW1910" s="144"/>
    </row>
    <row r="1911" spans="2:49" x14ac:dyDescent="0.2">
      <c r="B1911" s="97"/>
      <c r="G1911" s="43"/>
      <c r="J1911" s="98"/>
      <c r="K1911" s="97"/>
      <c r="N1911" s="3"/>
      <c r="W1911" s="98"/>
      <c r="Z1911" s="143"/>
      <c r="AA1911" s="137"/>
      <c r="AB1911" s="137"/>
      <c r="AC1911" s="137"/>
      <c r="AD1911" s="137"/>
      <c r="AE1911" s="137"/>
      <c r="AF1911" s="137"/>
      <c r="AG1911" s="137"/>
      <c r="AH1911" s="137"/>
      <c r="AI1911" s="137"/>
      <c r="AJ1911" s="137"/>
      <c r="AK1911" s="206"/>
      <c r="AL1911" s="206"/>
      <c r="AM1911" s="143"/>
      <c r="AN1911" s="137"/>
      <c r="AO1911" s="137"/>
      <c r="AP1911" s="137"/>
      <c r="AQ1911" s="137"/>
      <c r="AR1911" s="137"/>
      <c r="AS1911" s="137"/>
      <c r="AT1911" s="137"/>
      <c r="AU1911" s="137"/>
      <c r="AV1911" s="137"/>
      <c r="AW1911" s="144"/>
    </row>
    <row r="1912" spans="2:49" x14ac:dyDescent="0.2">
      <c r="B1912" s="97"/>
      <c r="G1912" s="43"/>
      <c r="J1912" s="98"/>
      <c r="K1912" s="97"/>
      <c r="N1912" s="3"/>
      <c r="W1912" s="98"/>
      <c r="Z1912" s="143"/>
      <c r="AA1912" s="137"/>
      <c r="AB1912" s="137"/>
      <c r="AC1912" s="137"/>
      <c r="AD1912" s="137"/>
      <c r="AE1912" s="137"/>
      <c r="AF1912" s="137"/>
      <c r="AG1912" s="137"/>
      <c r="AH1912" s="137"/>
      <c r="AI1912" s="137"/>
      <c r="AJ1912" s="137"/>
      <c r="AK1912" s="206"/>
      <c r="AL1912" s="206"/>
      <c r="AM1912" s="143"/>
      <c r="AN1912" s="137"/>
      <c r="AO1912" s="137"/>
      <c r="AP1912" s="137"/>
      <c r="AQ1912" s="137"/>
      <c r="AR1912" s="137"/>
      <c r="AS1912" s="137"/>
      <c r="AT1912" s="137"/>
      <c r="AU1912" s="137"/>
      <c r="AV1912" s="137"/>
      <c r="AW1912" s="144"/>
    </row>
    <row r="1913" spans="2:49" x14ac:dyDescent="0.2">
      <c r="B1913" s="97"/>
      <c r="G1913" s="43"/>
      <c r="J1913" s="98"/>
      <c r="K1913" s="97"/>
      <c r="N1913" s="3"/>
      <c r="W1913" s="98"/>
      <c r="Z1913" s="143"/>
      <c r="AA1913" s="137"/>
      <c r="AB1913" s="137"/>
      <c r="AC1913" s="137"/>
      <c r="AD1913" s="137"/>
      <c r="AE1913" s="137"/>
      <c r="AF1913" s="137"/>
      <c r="AG1913" s="137"/>
      <c r="AH1913" s="137"/>
      <c r="AI1913" s="137"/>
      <c r="AJ1913" s="137"/>
      <c r="AK1913" s="206"/>
      <c r="AL1913" s="206"/>
      <c r="AM1913" s="143"/>
      <c r="AN1913" s="137"/>
      <c r="AO1913" s="137"/>
      <c r="AP1913" s="137"/>
      <c r="AQ1913" s="137"/>
      <c r="AR1913" s="137"/>
      <c r="AS1913" s="137"/>
      <c r="AT1913" s="137"/>
      <c r="AU1913" s="137"/>
      <c r="AV1913" s="137"/>
      <c r="AW1913" s="144"/>
    </row>
    <row r="1914" spans="2:49" x14ac:dyDescent="0.2">
      <c r="B1914" s="97"/>
      <c r="G1914" s="43"/>
      <c r="J1914" s="98"/>
      <c r="K1914" s="97"/>
      <c r="N1914" s="3"/>
      <c r="W1914" s="98"/>
      <c r="Z1914" s="143"/>
      <c r="AA1914" s="137"/>
      <c r="AB1914" s="137"/>
      <c r="AC1914" s="137"/>
      <c r="AD1914" s="137"/>
      <c r="AE1914" s="137"/>
      <c r="AF1914" s="137"/>
      <c r="AG1914" s="137"/>
      <c r="AH1914" s="137"/>
      <c r="AI1914" s="137"/>
      <c r="AJ1914" s="137"/>
      <c r="AK1914" s="206"/>
      <c r="AL1914" s="206"/>
      <c r="AM1914" s="143"/>
      <c r="AN1914" s="137"/>
      <c r="AO1914" s="137"/>
      <c r="AP1914" s="137"/>
      <c r="AQ1914" s="137"/>
      <c r="AR1914" s="137"/>
      <c r="AS1914" s="137"/>
      <c r="AT1914" s="137"/>
      <c r="AU1914" s="137"/>
      <c r="AV1914" s="137"/>
      <c r="AW1914" s="144"/>
    </row>
    <row r="1915" spans="2:49" x14ac:dyDescent="0.2">
      <c r="B1915" s="97"/>
      <c r="G1915" s="43"/>
      <c r="J1915" s="98"/>
      <c r="K1915" s="97"/>
      <c r="N1915" s="3"/>
      <c r="W1915" s="98"/>
      <c r="Z1915" s="143"/>
      <c r="AA1915" s="137"/>
      <c r="AB1915" s="137"/>
      <c r="AC1915" s="137"/>
      <c r="AD1915" s="137"/>
      <c r="AE1915" s="137"/>
      <c r="AF1915" s="137"/>
      <c r="AG1915" s="137"/>
      <c r="AH1915" s="137"/>
      <c r="AI1915" s="137"/>
      <c r="AJ1915" s="137"/>
      <c r="AK1915" s="206"/>
      <c r="AL1915" s="206"/>
      <c r="AM1915" s="143"/>
      <c r="AN1915" s="137"/>
      <c r="AO1915" s="137"/>
      <c r="AP1915" s="137"/>
      <c r="AQ1915" s="137"/>
      <c r="AR1915" s="137"/>
      <c r="AS1915" s="137"/>
      <c r="AT1915" s="137"/>
      <c r="AU1915" s="137"/>
      <c r="AV1915" s="137"/>
      <c r="AW1915" s="144"/>
    </row>
    <row r="1916" spans="2:49" x14ac:dyDescent="0.2">
      <c r="B1916" s="97"/>
      <c r="G1916" s="43"/>
      <c r="J1916" s="98"/>
      <c r="K1916" s="97"/>
      <c r="N1916" s="3"/>
      <c r="W1916" s="98"/>
      <c r="Z1916" s="143"/>
      <c r="AA1916" s="137"/>
      <c r="AB1916" s="137"/>
      <c r="AC1916" s="137"/>
      <c r="AD1916" s="137"/>
      <c r="AE1916" s="137"/>
      <c r="AF1916" s="137"/>
      <c r="AG1916" s="137"/>
      <c r="AH1916" s="137"/>
      <c r="AI1916" s="137"/>
      <c r="AJ1916" s="137"/>
      <c r="AK1916" s="206"/>
      <c r="AL1916" s="206"/>
      <c r="AM1916" s="143"/>
      <c r="AN1916" s="137"/>
      <c r="AO1916" s="137"/>
      <c r="AP1916" s="137"/>
      <c r="AQ1916" s="137"/>
      <c r="AR1916" s="137"/>
      <c r="AS1916" s="137"/>
      <c r="AT1916" s="137"/>
      <c r="AU1916" s="137"/>
      <c r="AV1916" s="137"/>
      <c r="AW1916" s="144"/>
    </row>
    <row r="1917" spans="2:49" x14ac:dyDescent="0.2">
      <c r="B1917" s="97"/>
      <c r="G1917" s="43"/>
      <c r="J1917" s="98"/>
      <c r="K1917" s="97"/>
      <c r="N1917" s="3"/>
      <c r="W1917" s="98"/>
      <c r="Z1917" s="143"/>
      <c r="AA1917" s="137"/>
      <c r="AB1917" s="137"/>
      <c r="AC1917" s="137"/>
      <c r="AD1917" s="137"/>
      <c r="AE1917" s="137"/>
      <c r="AF1917" s="137"/>
      <c r="AG1917" s="137"/>
      <c r="AH1917" s="137"/>
      <c r="AI1917" s="137"/>
      <c r="AJ1917" s="137"/>
      <c r="AK1917" s="206"/>
      <c r="AL1917" s="206"/>
      <c r="AM1917" s="143"/>
      <c r="AN1917" s="137"/>
      <c r="AO1917" s="137"/>
      <c r="AP1917" s="137"/>
      <c r="AQ1917" s="137"/>
      <c r="AR1917" s="137"/>
      <c r="AS1917" s="137"/>
      <c r="AT1917" s="137"/>
      <c r="AU1917" s="137"/>
      <c r="AV1917" s="137"/>
      <c r="AW1917" s="144"/>
    </row>
    <row r="1918" spans="2:49" x14ac:dyDescent="0.2">
      <c r="B1918" s="97"/>
      <c r="G1918" s="43"/>
      <c r="J1918" s="98"/>
      <c r="K1918" s="97"/>
      <c r="N1918" s="3"/>
      <c r="W1918" s="98"/>
      <c r="Z1918" s="143"/>
      <c r="AA1918" s="137"/>
      <c r="AB1918" s="137"/>
      <c r="AC1918" s="137"/>
      <c r="AD1918" s="137"/>
      <c r="AE1918" s="137"/>
      <c r="AF1918" s="137"/>
      <c r="AG1918" s="137"/>
      <c r="AH1918" s="137"/>
      <c r="AI1918" s="137"/>
      <c r="AJ1918" s="137"/>
      <c r="AK1918" s="206"/>
      <c r="AL1918" s="206"/>
      <c r="AM1918" s="143"/>
      <c r="AN1918" s="137"/>
      <c r="AO1918" s="137"/>
      <c r="AP1918" s="137"/>
      <c r="AQ1918" s="137"/>
      <c r="AR1918" s="137"/>
      <c r="AS1918" s="137"/>
      <c r="AT1918" s="137"/>
      <c r="AU1918" s="137"/>
      <c r="AV1918" s="137"/>
      <c r="AW1918" s="144"/>
    </row>
    <row r="1919" spans="2:49" x14ac:dyDescent="0.2">
      <c r="B1919" s="97"/>
      <c r="G1919" s="43"/>
      <c r="J1919" s="98"/>
      <c r="K1919" s="97"/>
      <c r="N1919" s="3"/>
      <c r="W1919" s="98"/>
      <c r="Z1919" s="143"/>
      <c r="AA1919" s="137"/>
      <c r="AB1919" s="137"/>
      <c r="AC1919" s="137"/>
      <c r="AD1919" s="137"/>
      <c r="AE1919" s="137"/>
      <c r="AF1919" s="137"/>
      <c r="AG1919" s="137"/>
      <c r="AH1919" s="137"/>
      <c r="AI1919" s="137"/>
      <c r="AJ1919" s="137"/>
      <c r="AK1919" s="206"/>
      <c r="AL1919" s="206"/>
      <c r="AM1919" s="143"/>
      <c r="AN1919" s="137"/>
      <c r="AO1919" s="137"/>
      <c r="AP1919" s="137"/>
      <c r="AQ1919" s="137"/>
      <c r="AR1919" s="137"/>
      <c r="AS1919" s="137"/>
      <c r="AT1919" s="137"/>
      <c r="AU1919" s="137"/>
      <c r="AV1919" s="137"/>
      <c r="AW1919" s="144"/>
    </row>
    <row r="1920" spans="2:49" x14ac:dyDescent="0.2">
      <c r="B1920" s="97"/>
      <c r="G1920" s="43"/>
      <c r="J1920" s="98"/>
      <c r="K1920" s="97"/>
      <c r="N1920" s="3"/>
      <c r="W1920" s="98"/>
      <c r="Z1920" s="143"/>
      <c r="AA1920" s="137"/>
      <c r="AB1920" s="137"/>
      <c r="AC1920" s="137"/>
      <c r="AD1920" s="137"/>
      <c r="AE1920" s="137"/>
      <c r="AF1920" s="137"/>
      <c r="AG1920" s="137"/>
      <c r="AH1920" s="137"/>
      <c r="AI1920" s="137"/>
      <c r="AJ1920" s="137"/>
      <c r="AK1920" s="206"/>
      <c r="AL1920" s="206"/>
      <c r="AM1920" s="143"/>
      <c r="AN1920" s="137"/>
      <c r="AO1920" s="137"/>
      <c r="AP1920" s="137"/>
      <c r="AQ1920" s="137"/>
      <c r="AR1920" s="137"/>
      <c r="AS1920" s="137"/>
      <c r="AT1920" s="137"/>
      <c r="AU1920" s="137"/>
      <c r="AV1920" s="137"/>
      <c r="AW1920" s="144"/>
    </row>
    <row r="1921" spans="2:49" x14ac:dyDescent="0.2">
      <c r="B1921" s="97"/>
      <c r="G1921" s="43"/>
      <c r="J1921" s="98"/>
      <c r="K1921" s="97"/>
      <c r="N1921" s="3"/>
      <c r="W1921" s="98"/>
      <c r="Z1921" s="143"/>
      <c r="AA1921" s="137"/>
      <c r="AB1921" s="137"/>
      <c r="AC1921" s="137"/>
      <c r="AD1921" s="137"/>
      <c r="AE1921" s="137"/>
      <c r="AF1921" s="137"/>
      <c r="AG1921" s="137"/>
      <c r="AH1921" s="137"/>
      <c r="AI1921" s="137"/>
      <c r="AJ1921" s="137"/>
      <c r="AK1921" s="206"/>
      <c r="AL1921" s="206"/>
      <c r="AM1921" s="143"/>
      <c r="AN1921" s="137"/>
      <c r="AO1921" s="137"/>
      <c r="AP1921" s="137"/>
      <c r="AQ1921" s="137"/>
      <c r="AR1921" s="137"/>
      <c r="AS1921" s="137"/>
      <c r="AT1921" s="137"/>
      <c r="AU1921" s="137"/>
      <c r="AV1921" s="137"/>
      <c r="AW1921" s="144"/>
    </row>
    <row r="1922" spans="2:49" x14ac:dyDescent="0.2">
      <c r="B1922" s="97"/>
      <c r="G1922" s="43"/>
      <c r="J1922" s="98"/>
      <c r="K1922" s="97"/>
      <c r="N1922" s="3"/>
      <c r="W1922" s="98"/>
      <c r="Z1922" s="143"/>
      <c r="AA1922" s="137"/>
      <c r="AB1922" s="137"/>
      <c r="AC1922" s="137"/>
      <c r="AD1922" s="137"/>
      <c r="AE1922" s="137"/>
      <c r="AF1922" s="137"/>
      <c r="AG1922" s="137"/>
      <c r="AH1922" s="137"/>
      <c r="AI1922" s="137"/>
      <c r="AJ1922" s="137"/>
      <c r="AK1922" s="206"/>
      <c r="AL1922" s="206"/>
      <c r="AM1922" s="143"/>
      <c r="AN1922" s="137"/>
      <c r="AO1922" s="137"/>
      <c r="AP1922" s="137"/>
      <c r="AQ1922" s="137"/>
      <c r="AR1922" s="137"/>
      <c r="AS1922" s="137"/>
      <c r="AT1922" s="137"/>
      <c r="AU1922" s="137"/>
      <c r="AV1922" s="137"/>
      <c r="AW1922" s="144"/>
    </row>
    <row r="1923" spans="2:49" x14ac:dyDescent="0.2">
      <c r="B1923" s="97"/>
      <c r="G1923" s="43"/>
      <c r="J1923" s="98"/>
      <c r="K1923" s="97"/>
      <c r="N1923" s="3"/>
      <c r="W1923" s="98"/>
      <c r="Z1923" s="143"/>
      <c r="AA1923" s="137"/>
      <c r="AB1923" s="137"/>
      <c r="AC1923" s="137"/>
      <c r="AD1923" s="137"/>
      <c r="AE1923" s="137"/>
      <c r="AF1923" s="137"/>
      <c r="AG1923" s="137"/>
      <c r="AH1923" s="137"/>
      <c r="AI1923" s="137"/>
      <c r="AJ1923" s="137"/>
      <c r="AK1923" s="206"/>
      <c r="AL1923" s="206"/>
      <c r="AM1923" s="143"/>
      <c r="AN1923" s="137"/>
      <c r="AO1923" s="137"/>
      <c r="AP1923" s="137"/>
      <c r="AQ1923" s="137"/>
      <c r="AR1923" s="137"/>
      <c r="AS1923" s="137"/>
      <c r="AT1923" s="137"/>
      <c r="AU1923" s="137"/>
      <c r="AV1923" s="137"/>
      <c r="AW1923" s="144"/>
    </row>
    <row r="1924" spans="2:49" x14ac:dyDescent="0.2">
      <c r="B1924" s="97"/>
      <c r="G1924" s="43"/>
      <c r="J1924" s="98"/>
      <c r="K1924" s="97"/>
      <c r="N1924" s="3"/>
      <c r="W1924" s="98"/>
      <c r="Z1924" s="143"/>
      <c r="AA1924" s="137"/>
      <c r="AB1924" s="137"/>
      <c r="AC1924" s="137"/>
      <c r="AD1924" s="137"/>
      <c r="AE1924" s="137"/>
      <c r="AF1924" s="137"/>
      <c r="AG1924" s="137"/>
      <c r="AH1924" s="137"/>
      <c r="AI1924" s="137"/>
      <c r="AJ1924" s="137"/>
      <c r="AK1924" s="206"/>
      <c r="AL1924" s="206"/>
      <c r="AM1924" s="143"/>
      <c r="AN1924" s="137"/>
      <c r="AO1924" s="137"/>
      <c r="AP1924" s="137"/>
      <c r="AQ1924" s="137"/>
      <c r="AR1924" s="137"/>
      <c r="AS1924" s="137"/>
      <c r="AT1924" s="137"/>
      <c r="AU1924" s="137"/>
      <c r="AV1924" s="137"/>
      <c r="AW1924" s="144"/>
    </row>
    <row r="1925" spans="2:49" x14ac:dyDescent="0.2">
      <c r="B1925" s="97"/>
      <c r="G1925" s="43"/>
      <c r="J1925" s="98"/>
      <c r="K1925" s="97"/>
      <c r="N1925" s="3"/>
      <c r="W1925" s="98"/>
      <c r="Z1925" s="143"/>
      <c r="AA1925" s="137"/>
      <c r="AB1925" s="137"/>
      <c r="AC1925" s="137"/>
      <c r="AD1925" s="137"/>
      <c r="AE1925" s="137"/>
      <c r="AF1925" s="137"/>
      <c r="AG1925" s="137"/>
      <c r="AH1925" s="137"/>
      <c r="AI1925" s="137"/>
      <c r="AJ1925" s="137"/>
      <c r="AK1925" s="206"/>
      <c r="AL1925" s="206"/>
      <c r="AM1925" s="143"/>
      <c r="AN1925" s="137"/>
      <c r="AO1925" s="137"/>
      <c r="AP1925" s="137"/>
      <c r="AQ1925" s="137"/>
      <c r="AR1925" s="137"/>
      <c r="AS1925" s="137"/>
      <c r="AT1925" s="137"/>
      <c r="AU1925" s="137"/>
      <c r="AV1925" s="137"/>
      <c r="AW1925" s="144"/>
    </row>
    <row r="1926" spans="2:49" x14ac:dyDescent="0.2">
      <c r="B1926" s="97"/>
      <c r="G1926" s="43"/>
      <c r="J1926" s="98"/>
      <c r="K1926" s="97"/>
      <c r="N1926" s="3"/>
      <c r="W1926" s="98"/>
      <c r="Z1926" s="143"/>
      <c r="AA1926" s="137"/>
      <c r="AB1926" s="137"/>
      <c r="AC1926" s="137"/>
      <c r="AD1926" s="137"/>
      <c r="AE1926" s="137"/>
      <c r="AF1926" s="137"/>
      <c r="AG1926" s="137"/>
      <c r="AH1926" s="137"/>
      <c r="AI1926" s="137"/>
      <c r="AJ1926" s="137"/>
      <c r="AK1926" s="206"/>
      <c r="AL1926" s="206"/>
      <c r="AM1926" s="143"/>
      <c r="AN1926" s="137"/>
      <c r="AO1926" s="137"/>
      <c r="AP1926" s="137"/>
      <c r="AQ1926" s="137"/>
      <c r="AR1926" s="137"/>
      <c r="AS1926" s="137"/>
      <c r="AT1926" s="137"/>
      <c r="AU1926" s="137"/>
      <c r="AV1926" s="137"/>
      <c r="AW1926" s="144"/>
    </row>
    <row r="1927" spans="2:49" x14ac:dyDescent="0.2">
      <c r="B1927" s="97"/>
      <c r="G1927" s="43"/>
      <c r="J1927" s="98"/>
      <c r="K1927" s="97"/>
      <c r="N1927" s="3"/>
      <c r="W1927" s="98"/>
      <c r="Z1927" s="143"/>
      <c r="AA1927" s="137"/>
      <c r="AB1927" s="137"/>
      <c r="AC1927" s="137"/>
      <c r="AD1927" s="137"/>
      <c r="AE1927" s="137"/>
      <c r="AF1927" s="137"/>
      <c r="AG1927" s="137"/>
      <c r="AH1927" s="137"/>
      <c r="AI1927" s="137"/>
      <c r="AJ1927" s="137"/>
      <c r="AK1927" s="206"/>
      <c r="AL1927" s="206"/>
      <c r="AM1927" s="143"/>
      <c r="AN1927" s="137"/>
      <c r="AO1927" s="137"/>
      <c r="AP1927" s="137"/>
      <c r="AQ1927" s="137"/>
      <c r="AR1927" s="137"/>
      <c r="AS1927" s="137"/>
      <c r="AT1927" s="137"/>
      <c r="AU1927" s="137"/>
      <c r="AV1927" s="137"/>
      <c r="AW1927" s="144"/>
    </row>
    <row r="1928" spans="2:49" x14ac:dyDescent="0.2">
      <c r="B1928" s="97"/>
      <c r="G1928" s="43"/>
      <c r="J1928" s="98"/>
      <c r="K1928" s="97"/>
      <c r="N1928" s="3"/>
      <c r="W1928" s="98"/>
      <c r="Z1928" s="143"/>
      <c r="AA1928" s="137"/>
      <c r="AB1928" s="137"/>
      <c r="AC1928" s="137"/>
      <c r="AD1928" s="137"/>
      <c r="AE1928" s="137"/>
      <c r="AF1928" s="137"/>
      <c r="AG1928" s="137"/>
      <c r="AH1928" s="137"/>
      <c r="AI1928" s="137"/>
      <c r="AJ1928" s="137"/>
      <c r="AK1928" s="206"/>
      <c r="AL1928" s="206"/>
      <c r="AM1928" s="143"/>
      <c r="AN1928" s="137"/>
      <c r="AO1928" s="137"/>
      <c r="AP1928" s="137"/>
      <c r="AQ1928" s="137"/>
      <c r="AR1928" s="137"/>
      <c r="AS1928" s="137"/>
      <c r="AT1928" s="137"/>
      <c r="AU1928" s="137"/>
      <c r="AV1928" s="137"/>
      <c r="AW1928" s="144"/>
    </row>
    <row r="1929" spans="2:49" x14ac:dyDescent="0.2">
      <c r="B1929" s="97"/>
      <c r="G1929" s="43"/>
      <c r="J1929" s="98"/>
      <c r="K1929" s="97"/>
      <c r="N1929" s="3"/>
      <c r="W1929" s="98"/>
      <c r="Z1929" s="143"/>
      <c r="AA1929" s="137"/>
      <c r="AB1929" s="137"/>
      <c r="AC1929" s="137"/>
      <c r="AD1929" s="137"/>
      <c r="AE1929" s="137"/>
      <c r="AF1929" s="137"/>
      <c r="AG1929" s="137"/>
      <c r="AH1929" s="137"/>
      <c r="AI1929" s="137"/>
      <c r="AJ1929" s="137"/>
      <c r="AK1929" s="206"/>
      <c r="AL1929" s="206"/>
      <c r="AM1929" s="143"/>
      <c r="AN1929" s="137"/>
      <c r="AO1929" s="137"/>
      <c r="AP1929" s="137"/>
      <c r="AQ1929" s="137"/>
      <c r="AR1929" s="137"/>
      <c r="AS1929" s="137"/>
      <c r="AT1929" s="137"/>
      <c r="AU1929" s="137"/>
      <c r="AV1929" s="137"/>
      <c r="AW1929" s="144"/>
    </row>
    <row r="1930" spans="2:49" x14ac:dyDescent="0.2">
      <c r="B1930" s="97"/>
      <c r="G1930" s="43"/>
      <c r="J1930" s="98"/>
      <c r="K1930" s="97"/>
      <c r="N1930" s="3"/>
      <c r="W1930" s="98"/>
      <c r="Z1930" s="143"/>
      <c r="AA1930" s="137"/>
      <c r="AB1930" s="137"/>
      <c r="AC1930" s="137"/>
      <c r="AD1930" s="137"/>
      <c r="AE1930" s="137"/>
      <c r="AF1930" s="137"/>
      <c r="AG1930" s="137"/>
      <c r="AH1930" s="137"/>
      <c r="AI1930" s="137"/>
      <c r="AJ1930" s="137"/>
      <c r="AK1930" s="206"/>
      <c r="AL1930" s="206"/>
      <c r="AM1930" s="143"/>
      <c r="AN1930" s="137"/>
      <c r="AO1930" s="137"/>
      <c r="AP1930" s="137"/>
      <c r="AQ1930" s="137"/>
      <c r="AR1930" s="137"/>
      <c r="AS1930" s="137"/>
      <c r="AT1930" s="137"/>
      <c r="AU1930" s="137"/>
      <c r="AV1930" s="137"/>
      <c r="AW1930" s="144"/>
    </row>
    <row r="1931" spans="2:49" x14ac:dyDescent="0.2">
      <c r="B1931" s="97"/>
      <c r="G1931" s="43"/>
      <c r="J1931" s="98"/>
      <c r="K1931" s="97"/>
      <c r="N1931" s="3"/>
      <c r="W1931" s="98"/>
      <c r="Z1931" s="143"/>
      <c r="AA1931" s="137"/>
      <c r="AB1931" s="137"/>
      <c r="AC1931" s="137"/>
      <c r="AD1931" s="137"/>
      <c r="AE1931" s="137"/>
      <c r="AF1931" s="137"/>
      <c r="AG1931" s="137"/>
      <c r="AH1931" s="137"/>
      <c r="AI1931" s="137"/>
      <c r="AJ1931" s="137"/>
      <c r="AK1931" s="206"/>
      <c r="AL1931" s="206"/>
      <c r="AM1931" s="143"/>
      <c r="AN1931" s="137"/>
      <c r="AO1931" s="137"/>
      <c r="AP1931" s="137"/>
      <c r="AQ1931" s="137"/>
      <c r="AR1931" s="137"/>
      <c r="AS1931" s="137"/>
      <c r="AT1931" s="137"/>
      <c r="AU1931" s="137"/>
      <c r="AV1931" s="137"/>
      <c r="AW1931" s="144"/>
    </row>
    <row r="1932" spans="2:49" x14ac:dyDescent="0.2">
      <c r="B1932" s="97"/>
      <c r="G1932" s="43"/>
      <c r="J1932" s="98"/>
      <c r="K1932" s="97"/>
      <c r="N1932" s="3"/>
      <c r="W1932" s="98"/>
      <c r="Z1932" s="143"/>
      <c r="AA1932" s="137"/>
      <c r="AB1932" s="137"/>
      <c r="AC1932" s="137"/>
      <c r="AD1932" s="137"/>
      <c r="AE1932" s="137"/>
      <c r="AF1932" s="137"/>
      <c r="AG1932" s="137"/>
      <c r="AH1932" s="137"/>
      <c r="AI1932" s="137"/>
      <c r="AJ1932" s="137"/>
      <c r="AK1932" s="206"/>
      <c r="AL1932" s="206"/>
      <c r="AM1932" s="143"/>
      <c r="AN1932" s="137"/>
      <c r="AO1932" s="137"/>
      <c r="AP1932" s="137"/>
      <c r="AQ1932" s="137"/>
      <c r="AR1932" s="137"/>
      <c r="AS1932" s="137"/>
      <c r="AT1932" s="137"/>
      <c r="AU1932" s="137"/>
      <c r="AV1932" s="137"/>
      <c r="AW1932" s="144"/>
    </row>
    <row r="1933" spans="2:49" x14ac:dyDescent="0.2">
      <c r="B1933" s="97"/>
      <c r="G1933" s="43"/>
      <c r="J1933" s="98"/>
      <c r="K1933" s="97"/>
      <c r="N1933" s="3"/>
      <c r="W1933" s="98"/>
      <c r="Z1933" s="143"/>
      <c r="AA1933" s="137"/>
      <c r="AB1933" s="137"/>
      <c r="AC1933" s="137"/>
      <c r="AD1933" s="137"/>
      <c r="AE1933" s="137"/>
      <c r="AF1933" s="137"/>
      <c r="AG1933" s="137"/>
      <c r="AH1933" s="137"/>
      <c r="AI1933" s="137"/>
      <c r="AJ1933" s="137"/>
      <c r="AK1933" s="206"/>
      <c r="AL1933" s="206"/>
      <c r="AM1933" s="143"/>
      <c r="AN1933" s="137"/>
      <c r="AO1933" s="137"/>
      <c r="AP1933" s="137"/>
      <c r="AQ1933" s="137"/>
      <c r="AR1933" s="137"/>
      <c r="AS1933" s="137"/>
      <c r="AT1933" s="137"/>
      <c r="AU1933" s="137"/>
      <c r="AV1933" s="137"/>
      <c r="AW1933" s="144"/>
    </row>
    <row r="1934" spans="2:49" x14ac:dyDescent="0.2">
      <c r="B1934" s="97"/>
      <c r="G1934" s="43"/>
      <c r="J1934" s="98"/>
      <c r="K1934" s="97"/>
      <c r="N1934" s="3"/>
      <c r="W1934" s="98"/>
      <c r="Z1934" s="143"/>
      <c r="AA1934" s="137"/>
      <c r="AB1934" s="137"/>
      <c r="AC1934" s="137"/>
      <c r="AD1934" s="137"/>
      <c r="AE1934" s="137"/>
      <c r="AF1934" s="137"/>
      <c r="AG1934" s="137"/>
      <c r="AH1934" s="137"/>
      <c r="AI1934" s="137"/>
      <c r="AJ1934" s="137"/>
      <c r="AK1934" s="206"/>
      <c r="AL1934" s="206"/>
      <c r="AM1934" s="143"/>
      <c r="AN1934" s="137"/>
      <c r="AO1934" s="137"/>
      <c r="AP1934" s="137"/>
      <c r="AQ1934" s="137"/>
      <c r="AR1934" s="137"/>
      <c r="AS1934" s="137"/>
      <c r="AT1934" s="137"/>
      <c r="AU1934" s="137"/>
      <c r="AV1934" s="137"/>
      <c r="AW1934" s="144"/>
    </row>
    <row r="1935" spans="2:49" x14ac:dyDescent="0.2">
      <c r="B1935" s="97"/>
      <c r="G1935" s="43"/>
      <c r="J1935" s="98"/>
      <c r="K1935" s="97"/>
      <c r="N1935" s="3"/>
      <c r="W1935" s="98"/>
      <c r="Z1935" s="143"/>
      <c r="AA1935" s="137"/>
      <c r="AB1935" s="137"/>
      <c r="AC1935" s="137"/>
      <c r="AD1935" s="137"/>
      <c r="AE1935" s="137"/>
      <c r="AF1935" s="137"/>
      <c r="AG1935" s="137"/>
      <c r="AH1935" s="137"/>
      <c r="AI1935" s="137"/>
      <c r="AJ1935" s="137"/>
      <c r="AK1935" s="206"/>
      <c r="AL1935" s="206"/>
      <c r="AM1935" s="143"/>
      <c r="AN1935" s="137"/>
      <c r="AO1935" s="137"/>
      <c r="AP1935" s="137"/>
      <c r="AQ1935" s="137"/>
      <c r="AR1935" s="137"/>
      <c r="AS1935" s="137"/>
      <c r="AT1935" s="137"/>
      <c r="AU1935" s="137"/>
      <c r="AV1935" s="137"/>
      <c r="AW1935" s="144"/>
    </row>
    <row r="1936" spans="2:49" x14ac:dyDescent="0.2">
      <c r="B1936" s="97"/>
      <c r="G1936" s="43"/>
      <c r="J1936" s="98"/>
      <c r="K1936" s="97"/>
      <c r="N1936" s="3"/>
      <c r="W1936" s="98"/>
      <c r="Z1936" s="143"/>
      <c r="AA1936" s="137"/>
      <c r="AB1936" s="137"/>
      <c r="AC1936" s="137"/>
      <c r="AD1936" s="137"/>
      <c r="AE1936" s="137"/>
      <c r="AF1936" s="137"/>
      <c r="AG1936" s="137"/>
      <c r="AH1936" s="137"/>
      <c r="AI1936" s="137"/>
      <c r="AJ1936" s="137"/>
      <c r="AK1936" s="206"/>
      <c r="AL1936" s="206"/>
      <c r="AM1936" s="143"/>
      <c r="AN1936" s="137"/>
      <c r="AO1936" s="137"/>
      <c r="AP1936" s="137"/>
      <c r="AQ1936" s="137"/>
      <c r="AR1936" s="137"/>
      <c r="AS1936" s="137"/>
      <c r="AT1936" s="137"/>
      <c r="AU1936" s="137"/>
      <c r="AV1936" s="137"/>
      <c r="AW1936" s="144"/>
    </row>
    <row r="1937" spans="2:49" x14ac:dyDescent="0.2">
      <c r="B1937" s="97"/>
      <c r="G1937" s="43"/>
      <c r="J1937" s="98"/>
      <c r="K1937" s="97"/>
      <c r="N1937" s="3"/>
      <c r="W1937" s="98"/>
      <c r="Z1937" s="143"/>
      <c r="AA1937" s="137"/>
      <c r="AB1937" s="137"/>
      <c r="AC1937" s="137"/>
      <c r="AD1937" s="137"/>
      <c r="AE1937" s="137"/>
      <c r="AF1937" s="137"/>
      <c r="AG1937" s="137"/>
      <c r="AH1937" s="137"/>
      <c r="AI1937" s="137"/>
      <c r="AJ1937" s="137"/>
      <c r="AK1937" s="206"/>
      <c r="AL1937" s="206"/>
      <c r="AM1937" s="143"/>
      <c r="AN1937" s="137"/>
      <c r="AO1937" s="137"/>
      <c r="AP1937" s="137"/>
      <c r="AQ1937" s="137"/>
      <c r="AR1937" s="137"/>
      <c r="AS1937" s="137"/>
      <c r="AT1937" s="137"/>
      <c r="AU1937" s="137"/>
      <c r="AV1937" s="137"/>
      <c r="AW1937" s="144"/>
    </row>
    <row r="1938" spans="2:49" x14ac:dyDescent="0.2">
      <c r="B1938" s="97"/>
      <c r="G1938" s="43"/>
      <c r="J1938" s="98"/>
      <c r="K1938" s="97"/>
      <c r="N1938" s="3"/>
      <c r="W1938" s="98"/>
      <c r="Z1938" s="143"/>
      <c r="AA1938" s="137"/>
      <c r="AB1938" s="137"/>
      <c r="AC1938" s="137"/>
      <c r="AD1938" s="137"/>
      <c r="AE1938" s="137"/>
      <c r="AF1938" s="137"/>
      <c r="AG1938" s="137"/>
      <c r="AH1938" s="137"/>
      <c r="AI1938" s="137"/>
      <c r="AJ1938" s="137"/>
      <c r="AK1938" s="206"/>
      <c r="AL1938" s="206"/>
      <c r="AM1938" s="143"/>
      <c r="AN1938" s="137"/>
      <c r="AO1938" s="137"/>
      <c r="AP1938" s="137"/>
      <c r="AQ1938" s="137"/>
      <c r="AR1938" s="137"/>
      <c r="AS1938" s="137"/>
      <c r="AT1938" s="137"/>
      <c r="AU1938" s="137"/>
      <c r="AV1938" s="137"/>
      <c r="AW1938" s="144"/>
    </row>
    <row r="1939" spans="2:49" x14ac:dyDescent="0.2">
      <c r="B1939" s="97"/>
      <c r="G1939" s="43"/>
      <c r="J1939" s="98"/>
      <c r="K1939" s="97"/>
      <c r="N1939" s="3"/>
      <c r="W1939" s="98"/>
      <c r="Z1939" s="143"/>
      <c r="AA1939" s="137"/>
      <c r="AB1939" s="137"/>
      <c r="AC1939" s="137"/>
      <c r="AD1939" s="137"/>
      <c r="AE1939" s="137"/>
      <c r="AF1939" s="137"/>
      <c r="AG1939" s="137"/>
      <c r="AH1939" s="137"/>
      <c r="AI1939" s="137"/>
      <c r="AJ1939" s="137"/>
      <c r="AK1939" s="206"/>
      <c r="AL1939" s="206"/>
      <c r="AM1939" s="143"/>
      <c r="AN1939" s="137"/>
      <c r="AO1939" s="137"/>
      <c r="AP1939" s="137"/>
      <c r="AQ1939" s="137"/>
      <c r="AR1939" s="137"/>
      <c r="AS1939" s="137"/>
      <c r="AT1939" s="137"/>
      <c r="AU1939" s="137"/>
      <c r="AV1939" s="137"/>
      <c r="AW1939" s="144"/>
    </row>
    <row r="1940" spans="2:49" x14ac:dyDescent="0.2">
      <c r="B1940" s="97"/>
      <c r="G1940" s="43"/>
      <c r="J1940" s="98"/>
      <c r="K1940" s="97"/>
      <c r="N1940" s="3"/>
      <c r="W1940" s="98"/>
      <c r="Z1940" s="143"/>
      <c r="AA1940" s="137"/>
      <c r="AB1940" s="137"/>
      <c r="AC1940" s="137"/>
      <c r="AD1940" s="137"/>
      <c r="AE1940" s="137"/>
      <c r="AF1940" s="137"/>
      <c r="AG1940" s="137"/>
      <c r="AH1940" s="137"/>
      <c r="AI1940" s="137"/>
      <c r="AJ1940" s="137"/>
      <c r="AK1940" s="206"/>
      <c r="AL1940" s="206"/>
      <c r="AM1940" s="143"/>
      <c r="AN1940" s="137"/>
      <c r="AO1940" s="137"/>
      <c r="AP1940" s="137"/>
      <c r="AQ1940" s="137"/>
      <c r="AR1940" s="137"/>
      <c r="AS1940" s="137"/>
      <c r="AT1940" s="137"/>
      <c r="AU1940" s="137"/>
      <c r="AV1940" s="137"/>
      <c r="AW1940" s="144"/>
    </row>
    <row r="1941" spans="2:49" x14ac:dyDescent="0.2">
      <c r="B1941" s="97"/>
      <c r="G1941" s="43"/>
      <c r="J1941" s="98"/>
      <c r="K1941" s="97"/>
      <c r="N1941" s="3"/>
      <c r="W1941" s="98"/>
      <c r="Z1941" s="143"/>
      <c r="AA1941" s="137"/>
      <c r="AB1941" s="137"/>
      <c r="AC1941" s="137"/>
      <c r="AD1941" s="137"/>
      <c r="AE1941" s="137"/>
      <c r="AF1941" s="137"/>
      <c r="AG1941" s="137"/>
      <c r="AH1941" s="137"/>
      <c r="AI1941" s="137"/>
      <c r="AJ1941" s="137"/>
      <c r="AK1941" s="206"/>
      <c r="AL1941" s="206"/>
      <c r="AM1941" s="143"/>
      <c r="AN1941" s="137"/>
      <c r="AO1941" s="137"/>
      <c r="AP1941" s="137"/>
      <c r="AQ1941" s="137"/>
      <c r="AR1941" s="137"/>
      <c r="AS1941" s="137"/>
      <c r="AT1941" s="137"/>
      <c r="AU1941" s="137"/>
      <c r="AV1941" s="137"/>
      <c r="AW1941" s="144"/>
    </row>
    <row r="1942" spans="2:49" x14ac:dyDescent="0.2">
      <c r="B1942" s="97"/>
      <c r="G1942" s="43"/>
      <c r="J1942" s="98"/>
      <c r="K1942" s="97"/>
      <c r="N1942" s="3"/>
      <c r="W1942" s="98"/>
      <c r="Z1942" s="143"/>
      <c r="AA1942" s="137"/>
      <c r="AB1942" s="137"/>
      <c r="AC1942" s="137"/>
      <c r="AD1942" s="137"/>
      <c r="AE1942" s="137"/>
      <c r="AF1942" s="137"/>
      <c r="AG1942" s="137"/>
      <c r="AH1942" s="137"/>
      <c r="AI1942" s="137"/>
      <c r="AJ1942" s="137"/>
      <c r="AK1942" s="206"/>
      <c r="AL1942" s="206"/>
      <c r="AM1942" s="143"/>
      <c r="AN1942" s="137"/>
      <c r="AO1942" s="137"/>
      <c r="AP1942" s="137"/>
      <c r="AQ1942" s="137"/>
      <c r="AR1942" s="137"/>
      <c r="AS1942" s="137"/>
      <c r="AT1942" s="137"/>
      <c r="AU1942" s="137"/>
      <c r="AV1942" s="137"/>
      <c r="AW1942" s="144"/>
    </row>
    <row r="1943" spans="2:49" x14ac:dyDescent="0.2">
      <c r="B1943" s="97"/>
      <c r="G1943" s="43"/>
      <c r="J1943" s="98"/>
      <c r="K1943" s="97"/>
      <c r="N1943" s="3"/>
      <c r="W1943" s="98"/>
      <c r="Z1943" s="143"/>
      <c r="AA1943" s="137"/>
      <c r="AB1943" s="137"/>
      <c r="AC1943" s="137"/>
      <c r="AD1943" s="137"/>
      <c r="AE1943" s="137"/>
      <c r="AF1943" s="137"/>
      <c r="AG1943" s="137"/>
      <c r="AH1943" s="137"/>
      <c r="AI1943" s="137"/>
      <c r="AJ1943" s="137"/>
      <c r="AK1943" s="206"/>
      <c r="AL1943" s="206"/>
      <c r="AM1943" s="143"/>
      <c r="AN1943" s="137"/>
      <c r="AO1943" s="137"/>
      <c r="AP1943" s="137"/>
      <c r="AQ1943" s="137"/>
      <c r="AR1943" s="137"/>
      <c r="AS1943" s="137"/>
      <c r="AT1943" s="137"/>
      <c r="AU1943" s="137"/>
      <c r="AV1943" s="137"/>
      <c r="AW1943" s="144"/>
    </row>
    <row r="1944" spans="2:49" x14ac:dyDescent="0.2">
      <c r="B1944" s="97"/>
      <c r="G1944" s="43"/>
      <c r="J1944" s="98"/>
      <c r="K1944" s="97"/>
      <c r="N1944" s="3"/>
      <c r="W1944" s="98"/>
      <c r="Z1944" s="143"/>
      <c r="AA1944" s="137"/>
      <c r="AB1944" s="137"/>
      <c r="AC1944" s="137"/>
      <c r="AD1944" s="137"/>
      <c r="AE1944" s="137"/>
      <c r="AF1944" s="137"/>
      <c r="AG1944" s="137"/>
      <c r="AH1944" s="137"/>
      <c r="AI1944" s="137"/>
      <c r="AJ1944" s="137"/>
      <c r="AK1944" s="206"/>
      <c r="AL1944" s="206"/>
      <c r="AM1944" s="143"/>
      <c r="AN1944" s="137"/>
      <c r="AO1944" s="137"/>
      <c r="AP1944" s="137"/>
      <c r="AQ1944" s="137"/>
      <c r="AR1944" s="137"/>
      <c r="AS1944" s="137"/>
      <c r="AT1944" s="137"/>
      <c r="AU1944" s="137"/>
      <c r="AV1944" s="137"/>
      <c r="AW1944" s="144"/>
    </row>
    <row r="1945" spans="2:49" x14ac:dyDescent="0.2">
      <c r="B1945" s="97"/>
      <c r="G1945" s="43"/>
      <c r="J1945" s="98"/>
      <c r="K1945" s="97"/>
      <c r="N1945" s="3"/>
      <c r="W1945" s="98"/>
      <c r="Z1945" s="143"/>
      <c r="AA1945" s="137"/>
      <c r="AB1945" s="137"/>
      <c r="AC1945" s="137"/>
      <c r="AD1945" s="137"/>
      <c r="AE1945" s="137"/>
      <c r="AF1945" s="137"/>
      <c r="AG1945" s="137"/>
      <c r="AH1945" s="137"/>
      <c r="AI1945" s="137"/>
      <c r="AJ1945" s="137"/>
      <c r="AK1945" s="206"/>
      <c r="AL1945" s="206"/>
      <c r="AM1945" s="143"/>
      <c r="AN1945" s="137"/>
      <c r="AO1945" s="137"/>
      <c r="AP1945" s="137"/>
      <c r="AQ1945" s="137"/>
      <c r="AR1945" s="137"/>
      <c r="AS1945" s="137"/>
      <c r="AT1945" s="137"/>
      <c r="AU1945" s="137"/>
      <c r="AV1945" s="137"/>
      <c r="AW1945" s="144"/>
    </row>
    <row r="1946" spans="2:49" x14ac:dyDescent="0.2">
      <c r="B1946" s="97"/>
      <c r="G1946" s="43"/>
      <c r="J1946" s="98"/>
      <c r="K1946" s="97"/>
      <c r="N1946" s="3"/>
      <c r="W1946" s="98"/>
      <c r="Z1946" s="143"/>
      <c r="AA1946" s="137"/>
      <c r="AB1946" s="137"/>
      <c r="AC1946" s="137"/>
      <c r="AD1946" s="137"/>
      <c r="AE1946" s="137"/>
      <c r="AF1946" s="137"/>
      <c r="AG1946" s="137"/>
      <c r="AH1946" s="137"/>
      <c r="AI1946" s="137"/>
      <c r="AJ1946" s="137"/>
      <c r="AK1946" s="206"/>
      <c r="AL1946" s="206"/>
      <c r="AM1946" s="143"/>
      <c r="AN1946" s="137"/>
      <c r="AO1946" s="137"/>
      <c r="AP1946" s="137"/>
      <c r="AQ1946" s="137"/>
      <c r="AR1946" s="137"/>
      <c r="AS1946" s="137"/>
      <c r="AT1946" s="137"/>
      <c r="AU1946" s="137"/>
      <c r="AV1946" s="137"/>
      <c r="AW1946" s="144"/>
    </row>
    <row r="1947" spans="2:49" x14ac:dyDescent="0.2">
      <c r="B1947" s="97"/>
      <c r="G1947" s="43"/>
      <c r="J1947" s="98"/>
      <c r="K1947" s="97"/>
      <c r="N1947" s="3"/>
      <c r="W1947" s="98"/>
      <c r="Z1947" s="143"/>
      <c r="AA1947" s="137"/>
      <c r="AB1947" s="137"/>
      <c r="AC1947" s="137"/>
      <c r="AD1947" s="137"/>
      <c r="AE1947" s="137"/>
      <c r="AF1947" s="137"/>
      <c r="AG1947" s="137"/>
      <c r="AH1947" s="137"/>
      <c r="AI1947" s="137"/>
      <c r="AJ1947" s="137"/>
      <c r="AK1947" s="206"/>
      <c r="AL1947" s="206"/>
      <c r="AM1947" s="143"/>
      <c r="AN1947" s="137"/>
      <c r="AO1947" s="137"/>
      <c r="AP1947" s="137"/>
      <c r="AQ1947" s="137"/>
      <c r="AR1947" s="137"/>
      <c r="AS1947" s="137"/>
      <c r="AT1947" s="137"/>
      <c r="AU1947" s="137"/>
      <c r="AV1947" s="137"/>
      <c r="AW1947" s="144"/>
    </row>
    <row r="1948" spans="2:49" x14ac:dyDescent="0.2">
      <c r="B1948" s="97"/>
      <c r="G1948" s="43"/>
      <c r="J1948" s="98"/>
      <c r="K1948" s="97"/>
      <c r="N1948" s="3"/>
      <c r="W1948" s="98"/>
      <c r="Z1948" s="143"/>
      <c r="AA1948" s="137"/>
      <c r="AB1948" s="137"/>
      <c r="AC1948" s="137"/>
      <c r="AD1948" s="137"/>
      <c r="AE1948" s="137"/>
      <c r="AF1948" s="137"/>
      <c r="AG1948" s="137"/>
      <c r="AH1948" s="137"/>
      <c r="AI1948" s="137"/>
      <c r="AJ1948" s="137"/>
      <c r="AK1948" s="206"/>
      <c r="AL1948" s="206"/>
      <c r="AM1948" s="143"/>
      <c r="AN1948" s="137"/>
      <c r="AO1948" s="137"/>
      <c r="AP1948" s="137"/>
      <c r="AQ1948" s="137"/>
      <c r="AR1948" s="137"/>
      <c r="AS1948" s="137"/>
      <c r="AT1948" s="137"/>
      <c r="AU1948" s="137"/>
      <c r="AV1948" s="137"/>
      <c r="AW1948" s="144"/>
    </row>
    <row r="1949" spans="2:49" x14ac:dyDescent="0.2">
      <c r="B1949" s="97"/>
      <c r="G1949" s="43"/>
      <c r="J1949" s="98"/>
      <c r="K1949" s="97"/>
      <c r="N1949" s="3"/>
      <c r="W1949" s="98"/>
      <c r="Z1949" s="143"/>
      <c r="AA1949" s="137"/>
      <c r="AB1949" s="137"/>
      <c r="AC1949" s="137"/>
      <c r="AD1949" s="137"/>
      <c r="AE1949" s="137"/>
      <c r="AF1949" s="137"/>
      <c r="AG1949" s="137"/>
      <c r="AH1949" s="137"/>
      <c r="AI1949" s="137"/>
      <c r="AJ1949" s="137"/>
      <c r="AK1949" s="206"/>
      <c r="AL1949" s="206"/>
      <c r="AM1949" s="143"/>
      <c r="AN1949" s="137"/>
      <c r="AO1949" s="137"/>
      <c r="AP1949" s="137"/>
      <c r="AQ1949" s="137"/>
      <c r="AR1949" s="137"/>
      <c r="AS1949" s="137"/>
      <c r="AT1949" s="137"/>
      <c r="AU1949" s="137"/>
      <c r="AV1949" s="137"/>
      <c r="AW1949" s="144"/>
    </row>
    <row r="1950" spans="2:49" x14ac:dyDescent="0.2">
      <c r="B1950" s="97"/>
      <c r="G1950" s="43"/>
      <c r="J1950" s="98"/>
      <c r="K1950" s="97"/>
      <c r="N1950" s="3"/>
      <c r="W1950" s="98"/>
      <c r="Z1950" s="143"/>
      <c r="AA1950" s="137"/>
      <c r="AB1950" s="137"/>
      <c r="AC1950" s="137"/>
      <c r="AD1950" s="137"/>
      <c r="AE1950" s="137"/>
      <c r="AF1950" s="137"/>
      <c r="AG1950" s="137"/>
      <c r="AH1950" s="137"/>
      <c r="AI1950" s="137"/>
      <c r="AJ1950" s="137"/>
      <c r="AK1950" s="206"/>
      <c r="AL1950" s="206"/>
      <c r="AM1950" s="143"/>
      <c r="AN1950" s="137"/>
      <c r="AO1950" s="137"/>
      <c r="AP1950" s="137"/>
      <c r="AQ1950" s="137"/>
      <c r="AR1950" s="137"/>
      <c r="AS1950" s="137"/>
      <c r="AT1950" s="137"/>
      <c r="AU1950" s="137"/>
      <c r="AV1950" s="137"/>
      <c r="AW1950" s="144"/>
    </row>
    <row r="1951" spans="2:49" x14ac:dyDescent="0.2">
      <c r="B1951" s="97"/>
      <c r="G1951" s="43"/>
      <c r="J1951" s="98"/>
      <c r="K1951" s="97"/>
      <c r="N1951" s="3"/>
      <c r="W1951" s="98"/>
      <c r="Z1951" s="143"/>
      <c r="AA1951" s="137"/>
      <c r="AB1951" s="137"/>
      <c r="AC1951" s="137"/>
      <c r="AD1951" s="137"/>
      <c r="AE1951" s="137"/>
      <c r="AF1951" s="137"/>
      <c r="AG1951" s="137"/>
      <c r="AH1951" s="137"/>
      <c r="AI1951" s="137"/>
      <c r="AJ1951" s="137"/>
      <c r="AK1951" s="206"/>
      <c r="AL1951" s="206"/>
      <c r="AM1951" s="143"/>
      <c r="AN1951" s="137"/>
      <c r="AO1951" s="137"/>
      <c r="AP1951" s="137"/>
      <c r="AQ1951" s="137"/>
      <c r="AR1951" s="137"/>
      <c r="AS1951" s="137"/>
      <c r="AT1951" s="137"/>
      <c r="AU1951" s="137"/>
      <c r="AV1951" s="137"/>
      <c r="AW1951" s="144"/>
    </row>
    <row r="1952" spans="2:49" x14ac:dyDescent="0.2">
      <c r="B1952" s="97"/>
      <c r="G1952" s="43"/>
      <c r="J1952" s="98"/>
      <c r="K1952" s="97"/>
      <c r="N1952" s="3"/>
      <c r="W1952" s="98"/>
      <c r="Z1952" s="143"/>
      <c r="AA1952" s="137"/>
      <c r="AB1952" s="137"/>
      <c r="AC1952" s="137"/>
      <c r="AD1952" s="137"/>
      <c r="AE1952" s="137"/>
      <c r="AF1952" s="137"/>
      <c r="AG1952" s="137"/>
      <c r="AH1952" s="137"/>
      <c r="AI1952" s="137"/>
      <c r="AJ1952" s="137"/>
      <c r="AK1952" s="206"/>
      <c r="AL1952" s="206"/>
      <c r="AM1952" s="143"/>
      <c r="AN1952" s="137"/>
      <c r="AO1952" s="137"/>
      <c r="AP1952" s="137"/>
      <c r="AQ1952" s="137"/>
      <c r="AR1952" s="137"/>
      <c r="AS1952" s="137"/>
      <c r="AT1952" s="137"/>
      <c r="AU1952" s="137"/>
      <c r="AV1952" s="137"/>
      <c r="AW1952" s="144"/>
    </row>
    <row r="1953" spans="2:49" x14ac:dyDescent="0.2">
      <c r="B1953" s="97"/>
      <c r="G1953" s="43"/>
      <c r="J1953" s="98"/>
      <c r="K1953" s="97"/>
      <c r="N1953" s="3"/>
      <c r="W1953" s="98"/>
      <c r="Z1953" s="143"/>
      <c r="AA1953" s="137"/>
      <c r="AB1953" s="137"/>
      <c r="AC1953" s="137"/>
      <c r="AD1953" s="137"/>
      <c r="AE1953" s="137"/>
      <c r="AF1953" s="137"/>
      <c r="AG1953" s="137"/>
      <c r="AH1953" s="137"/>
      <c r="AI1953" s="137"/>
      <c r="AJ1953" s="137"/>
      <c r="AK1953" s="206"/>
      <c r="AL1953" s="206"/>
      <c r="AM1953" s="143"/>
      <c r="AN1953" s="137"/>
      <c r="AO1953" s="137"/>
      <c r="AP1953" s="137"/>
      <c r="AQ1953" s="137"/>
      <c r="AR1953" s="137"/>
      <c r="AS1953" s="137"/>
      <c r="AT1953" s="137"/>
      <c r="AU1953" s="137"/>
      <c r="AV1953" s="137"/>
      <c r="AW1953" s="144"/>
    </row>
    <row r="1954" spans="2:49" x14ac:dyDescent="0.2">
      <c r="B1954" s="97"/>
      <c r="G1954" s="43"/>
      <c r="J1954" s="98"/>
      <c r="K1954" s="97"/>
      <c r="N1954" s="3"/>
      <c r="W1954" s="98"/>
      <c r="Z1954" s="143"/>
      <c r="AA1954" s="137"/>
      <c r="AB1954" s="137"/>
      <c r="AC1954" s="137"/>
      <c r="AD1954" s="137"/>
      <c r="AE1954" s="137"/>
      <c r="AF1954" s="137"/>
      <c r="AG1954" s="137"/>
      <c r="AH1954" s="137"/>
      <c r="AI1954" s="137"/>
      <c r="AJ1954" s="137"/>
      <c r="AK1954" s="206"/>
      <c r="AL1954" s="206"/>
      <c r="AM1954" s="143"/>
      <c r="AN1954" s="137"/>
      <c r="AO1954" s="137"/>
      <c r="AP1954" s="137"/>
      <c r="AQ1954" s="137"/>
      <c r="AR1954" s="137"/>
      <c r="AS1954" s="137"/>
      <c r="AT1954" s="137"/>
      <c r="AU1954" s="137"/>
      <c r="AV1954" s="137"/>
      <c r="AW1954" s="144"/>
    </row>
    <row r="1955" spans="2:49" x14ac:dyDescent="0.2">
      <c r="B1955" s="97"/>
      <c r="G1955" s="43"/>
      <c r="J1955" s="98"/>
      <c r="K1955" s="97"/>
      <c r="N1955" s="3"/>
      <c r="W1955" s="98"/>
      <c r="Z1955" s="143"/>
      <c r="AA1955" s="137"/>
      <c r="AB1955" s="137"/>
      <c r="AC1955" s="137"/>
      <c r="AD1955" s="137"/>
      <c r="AE1955" s="137"/>
      <c r="AF1955" s="137"/>
      <c r="AG1955" s="137"/>
      <c r="AH1955" s="137"/>
      <c r="AI1955" s="137"/>
      <c r="AJ1955" s="137"/>
      <c r="AK1955" s="206"/>
      <c r="AL1955" s="206"/>
      <c r="AM1955" s="143"/>
      <c r="AN1955" s="137"/>
      <c r="AO1955" s="137"/>
      <c r="AP1955" s="137"/>
      <c r="AQ1955" s="137"/>
      <c r="AR1955" s="137"/>
      <c r="AS1955" s="137"/>
      <c r="AT1955" s="137"/>
      <c r="AU1955" s="137"/>
      <c r="AV1955" s="137"/>
      <c r="AW1955" s="144"/>
    </row>
    <row r="1956" spans="2:49" x14ac:dyDescent="0.2">
      <c r="B1956" s="97"/>
      <c r="G1956" s="43"/>
      <c r="J1956" s="98"/>
      <c r="K1956" s="97"/>
      <c r="N1956" s="3"/>
      <c r="W1956" s="98"/>
      <c r="Z1956" s="143"/>
      <c r="AA1956" s="137"/>
      <c r="AB1956" s="137"/>
      <c r="AC1956" s="137"/>
      <c r="AD1956" s="137"/>
      <c r="AE1956" s="137"/>
      <c r="AF1956" s="137"/>
      <c r="AG1956" s="137"/>
      <c r="AH1956" s="137"/>
      <c r="AI1956" s="137"/>
      <c r="AJ1956" s="137"/>
      <c r="AK1956" s="206"/>
      <c r="AL1956" s="206"/>
      <c r="AM1956" s="143"/>
      <c r="AN1956" s="137"/>
      <c r="AO1956" s="137"/>
      <c r="AP1956" s="137"/>
      <c r="AQ1956" s="137"/>
      <c r="AR1956" s="137"/>
      <c r="AS1956" s="137"/>
      <c r="AT1956" s="137"/>
      <c r="AU1956" s="137"/>
      <c r="AV1956" s="137"/>
      <c r="AW1956" s="144"/>
    </row>
    <row r="1957" spans="2:49" x14ac:dyDescent="0.2">
      <c r="B1957" s="97"/>
      <c r="G1957" s="43"/>
      <c r="J1957" s="98"/>
      <c r="K1957" s="97"/>
      <c r="N1957" s="3"/>
      <c r="W1957" s="98"/>
      <c r="Z1957" s="143"/>
      <c r="AA1957" s="137"/>
      <c r="AB1957" s="137"/>
      <c r="AC1957" s="137"/>
      <c r="AD1957" s="137"/>
      <c r="AE1957" s="137"/>
      <c r="AF1957" s="137"/>
      <c r="AG1957" s="137"/>
      <c r="AH1957" s="137"/>
      <c r="AI1957" s="137"/>
      <c r="AJ1957" s="137"/>
      <c r="AK1957" s="206"/>
      <c r="AL1957" s="206"/>
      <c r="AM1957" s="143"/>
      <c r="AN1957" s="137"/>
      <c r="AO1957" s="137"/>
      <c r="AP1957" s="137"/>
      <c r="AQ1957" s="137"/>
      <c r="AR1957" s="137"/>
      <c r="AS1957" s="137"/>
      <c r="AT1957" s="137"/>
      <c r="AU1957" s="137"/>
      <c r="AV1957" s="137"/>
      <c r="AW1957" s="144"/>
    </row>
    <row r="1958" spans="2:49" x14ac:dyDescent="0.2">
      <c r="B1958" s="97"/>
      <c r="G1958" s="43"/>
      <c r="J1958" s="98"/>
      <c r="K1958" s="97"/>
      <c r="N1958" s="3"/>
      <c r="W1958" s="98"/>
      <c r="Z1958" s="143"/>
      <c r="AA1958" s="137"/>
      <c r="AB1958" s="137"/>
      <c r="AC1958" s="137"/>
      <c r="AD1958" s="137"/>
      <c r="AE1958" s="137"/>
      <c r="AF1958" s="137"/>
      <c r="AG1958" s="137"/>
      <c r="AH1958" s="137"/>
      <c r="AI1958" s="137"/>
      <c r="AJ1958" s="137"/>
      <c r="AK1958" s="206"/>
      <c r="AL1958" s="206"/>
      <c r="AM1958" s="143"/>
      <c r="AN1958" s="137"/>
      <c r="AO1958" s="137"/>
      <c r="AP1958" s="137"/>
      <c r="AQ1958" s="137"/>
      <c r="AR1958" s="137"/>
      <c r="AS1958" s="137"/>
      <c r="AT1958" s="137"/>
      <c r="AU1958" s="137"/>
      <c r="AV1958" s="137"/>
      <c r="AW1958" s="144"/>
    </row>
    <row r="1959" spans="2:49" x14ac:dyDescent="0.2">
      <c r="B1959" s="97"/>
      <c r="G1959" s="43"/>
      <c r="J1959" s="98"/>
      <c r="K1959" s="97"/>
      <c r="N1959" s="3"/>
      <c r="W1959" s="98"/>
      <c r="Z1959" s="143"/>
      <c r="AA1959" s="137"/>
      <c r="AB1959" s="137"/>
      <c r="AC1959" s="137"/>
      <c r="AD1959" s="137"/>
      <c r="AE1959" s="137"/>
      <c r="AF1959" s="137"/>
      <c r="AG1959" s="137"/>
      <c r="AH1959" s="137"/>
      <c r="AI1959" s="137"/>
      <c r="AJ1959" s="137"/>
      <c r="AK1959" s="206"/>
      <c r="AL1959" s="206"/>
      <c r="AM1959" s="143"/>
      <c r="AN1959" s="137"/>
      <c r="AO1959" s="137"/>
      <c r="AP1959" s="137"/>
      <c r="AQ1959" s="137"/>
      <c r="AR1959" s="137"/>
      <c r="AS1959" s="137"/>
      <c r="AT1959" s="137"/>
      <c r="AU1959" s="137"/>
      <c r="AV1959" s="137"/>
      <c r="AW1959" s="144"/>
    </row>
    <row r="1960" spans="2:49" x14ac:dyDescent="0.2">
      <c r="B1960" s="97"/>
      <c r="G1960" s="43"/>
      <c r="J1960" s="98"/>
      <c r="K1960" s="97"/>
      <c r="N1960" s="3"/>
      <c r="W1960" s="98"/>
      <c r="Z1960" s="143"/>
      <c r="AA1960" s="137"/>
      <c r="AB1960" s="137"/>
      <c r="AC1960" s="137"/>
      <c r="AD1960" s="137"/>
      <c r="AE1960" s="137"/>
      <c r="AF1960" s="137"/>
      <c r="AG1960" s="137"/>
      <c r="AH1960" s="137"/>
      <c r="AI1960" s="137"/>
      <c r="AJ1960" s="137"/>
      <c r="AK1960" s="206"/>
      <c r="AL1960" s="206"/>
      <c r="AM1960" s="143"/>
      <c r="AN1960" s="137"/>
      <c r="AO1960" s="137"/>
      <c r="AP1960" s="137"/>
      <c r="AQ1960" s="137"/>
      <c r="AR1960" s="137"/>
      <c r="AS1960" s="137"/>
      <c r="AT1960" s="137"/>
      <c r="AU1960" s="137"/>
      <c r="AV1960" s="137"/>
      <c r="AW1960" s="144"/>
    </row>
    <row r="1961" spans="2:49" x14ac:dyDescent="0.2">
      <c r="B1961" s="97"/>
      <c r="G1961" s="43"/>
      <c r="J1961" s="98"/>
      <c r="K1961" s="97"/>
      <c r="N1961" s="3"/>
      <c r="W1961" s="98"/>
      <c r="Z1961" s="143"/>
      <c r="AA1961" s="137"/>
      <c r="AB1961" s="137"/>
      <c r="AC1961" s="137"/>
      <c r="AD1961" s="137"/>
      <c r="AE1961" s="137"/>
      <c r="AF1961" s="137"/>
      <c r="AG1961" s="137"/>
      <c r="AH1961" s="137"/>
      <c r="AI1961" s="137"/>
      <c r="AJ1961" s="137"/>
      <c r="AK1961" s="206"/>
      <c r="AL1961" s="206"/>
      <c r="AM1961" s="143"/>
      <c r="AN1961" s="137"/>
      <c r="AO1961" s="137"/>
      <c r="AP1961" s="137"/>
      <c r="AQ1961" s="137"/>
      <c r="AR1961" s="137"/>
      <c r="AS1961" s="137"/>
      <c r="AT1961" s="137"/>
      <c r="AU1961" s="137"/>
      <c r="AV1961" s="137"/>
      <c r="AW1961" s="144"/>
    </row>
    <row r="1962" spans="2:49" x14ac:dyDescent="0.2">
      <c r="B1962" s="97"/>
      <c r="G1962" s="43"/>
      <c r="J1962" s="98"/>
      <c r="K1962" s="97"/>
      <c r="N1962" s="3"/>
      <c r="W1962" s="98"/>
      <c r="Z1962" s="143"/>
      <c r="AA1962" s="137"/>
      <c r="AB1962" s="137"/>
      <c r="AC1962" s="137"/>
      <c r="AD1962" s="137"/>
      <c r="AE1962" s="137"/>
      <c r="AF1962" s="137"/>
      <c r="AG1962" s="137"/>
      <c r="AH1962" s="137"/>
      <c r="AI1962" s="137"/>
      <c r="AJ1962" s="137"/>
      <c r="AK1962" s="206"/>
      <c r="AL1962" s="206"/>
      <c r="AM1962" s="143"/>
      <c r="AN1962" s="137"/>
      <c r="AO1962" s="137"/>
      <c r="AP1962" s="137"/>
      <c r="AQ1962" s="137"/>
      <c r="AR1962" s="137"/>
      <c r="AS1962" s="137"/>
      <c r="AT1962" s="137"/>
      <c r="AU1962" s="137"/>
      <c r="AV1962" s="137"/>
      <c r="AW1962" s="144"/>
    </row>
    <row r="1963" spans="2:49" x14ac:dyDescent="0.2">
      <c r="B1963" s="97"/>
      <c r="G1963" s="43"/>
      <c r="J1963" s="98"/>
      <c r="K1963" s="97"/>
      <c r="N1963" s="3"/>
      <c r="W1963" s="98"/>
      <c r="Z1963" s="143"/>
      <c r="AA1963" s="137"/>
      <c r="AB1963" s="137"/>
      <c r="AC1963" s="137"/>
      <c r="AD1963" s="137"/>
      <c r="AE1963" s="137"/>
      <c r="AF1963" s="137"/>
      <c r="AG1963" s="137"/>
      <c r="AH1963" s="137"/>
      <c r="AI1963" s="137"/>
      <c r="AJ1963" s="137"/>
      <c r="AK1963" s="206"/>
      <c r="AL1963" s="206"/>
      <c r="AM1963" s="143"/>
      <c r="AN1963" s="137"/>
      <c r="AO1963" s="137"/>
      <c r="AP1963" s="137"/>
      <c r="AQ1963" s="137"/>
      <c r="AR1963" s="137"/>
      <c r="AS1963" s="137"/>
      <c r="AT1963" s="137"/>
      <c r="AU1963" s="137"/>
      <c r="AV1963" s="137"/>
      <c r="AW1963" s="144"/>
    </row>
    <row r="1964" spans="2:49" x14ac:dyDescent="0.2">
      <c r="B1964" s="97"/>
      <c r="G1964" s="43"/>
      <c r="J1964" s="98"/>
      <c r="K1964" s="97"/>
      <c r="N1964" s="3"/>
      <c r="W1964" s="98"/>
      <c r="Z1964" s="143"/>
      <c r="AA1964" s="137"/>
      <c r="AB1964" s="137"/>
      <c r="AC1964" s="137"/>
      <c r="AD1964" s="137"/>
      <c r="AE1964" s="137"/>
      <c r="AF1964" s="137"/>
      <c r="AG1964" s="137"/>
      <c r="AH1964" s="137"/>
      <c r="AI1964" s="137"/>
      <c r="AJ1964" s="137"/>
      <c r="AK1964" s="206"/>
      <c r="AL1964" s="206"/>
      <c r="AM1964" s="143"/>
      <c r="AN1964" s="137"/>
      <c r="AO1964" s="137"/>
      <c r="AP1964" s="137"/>
      <c r="AQ1964" s="137"/>
      <c r="AR1964" s="137"/>
      <c r="AS1964" s="137"/>
      <c r="AT1964" s="137"/>
      <c r="AU1964" s="137"/>
      <c r="AV1964" s="137"/>
      <c r="AW1964" s="144"/>
    </row>
    <row r="1965" spans="2:49" x14ac:dyDescent="0.2">
      <c r="B1965" s="97"/>
      <c r="G1965" s="43"/>
      <c r="J1965" s="98"/>
      <c r="K1965" s="97"/>
      <c r="N1965" s="3"/>
      <c r="W1965" s="98"/>
      <c r="Z1965" s="143"/>
      <c r="AA1965" s="137"/>
      <c r="AB1965" s="137"/>
      <c r="AC1965" s="137"/>
      <c r="AD1965" s="137"/>
      <c r="AE1965" s="137"/>
      <c r="AF1965" s="137"/>
      <c r="AG1965" s="137"/>
      <c r="AH1965" s="137"/>
      <c r="AI1965" s="137"/>
      <c r="AJ1965" s="137"/>
      <c r="AK1965" s="206"/>
      <c r="AL1965" s="206"/>
      <c r="AM1965" s="143"/>
      <c r="AN1965" s="137"/>
      <c r="AO1965" s="137"/>
      <c r="AP1965" s="137"/>
      <c r="AQ1965" s="137"/>
      <c r="AR1965" s="137"/>
      <c r="AS1965" s="137"/>
      <c r="AT1965" s="137"/>
      <c r="AU1965" s="137"/>
      <c r="AV1965" s="137"/>
      <c r="AW1965" s="144"/>
    </row>
    <row r="1966" spans="2:49" x14ac:dyDescent="0.2">
      <c r="B1966" s="97"/>
      <c r="G1966" s="43"/>
      <c r="J1966" s="98"/>
      <c r="K1966" s="97"/>
      <c r="N1966" s="3"/>
      <c r="W1966" s="98"/>
      <c r="Z1966" s="143"/>
      <c r="AA1966" s="137"/>
      <c r="AB1966" s="137"/>
      <c r="AC1966" s="137"/>
      <c r="AD1966" s="137"/>
      <c r="AE1966" s="137"/>
      <c r="AF1966" s="137"/>
      <c r="AG1966" s="137"/>
      <c r="AH1966" s="137"/>
      <c r="AI1966" s="137"/>
      <c r="AJ1966" s="137"/>
      <c r="AK1966" s="206"/>
      <c r="AL1966" s="206"/>
      <c r="AM1966" s="143"/>
      <c r="AN1966" s="137"/>
      <c r="AO1966" s="137"/>
      <c r="AP1966" s="137"/>
      <c r="AQ1966" s="137"/>
      <c r="AR1966" s="137"/>
      <c r="AS1966" s="137"/>
      <c r="AT1966" s="137"/>
      <c r="AU1966" s="137"/>
      <c r="AV1966" s="137"/>
      <c r="AW1966" s="144"/>
    </row>
    <row r="1967" spans="2:49" x14ac:dyDescent="0.2">
      <c r="B1967" s="97"/>
      <c r="G1967" s="43"/>
      <c r="J1967" s="98"/>
      <c r="K1967" s="97"/>
      <c r="N1967" s="3"/>
      <c r="W1967" s="98"/>
      <c r="Z1967" s="143"/>
      <c r="AA1967" s="137"/>
      <c r="AB1967" s="137"/>
      <c r="AC1967" s="137"/>
      <c r="AD1967" s="137"/>
      <c r="AE1967" s="137"/>
      <c r="AF1967" s="137"/>
      <c r="AG1967" s="137"/>
      <c r="AH1967" s="137"/>
      <c r="AI1967" s="137"/>
      <c r="AJ1967" s="137"/>
      <c r="AK1967" s="206"/>
      <c r="AL1967" s="206"/>
      <c r="AM1967" s="143"/>
      <c r="AN1967" s="137"/>
      <c r="AO1967" s="137"/>
      <c r="AP1967" s="137"/>
      <c r="AQ1967" s="137"/>
      <c r="AR1967" s="137"/>
      <c r="AS1967" s="137"/>
      <c r="AT1967" s="137"/>
      <c r="AU1967" s="137"/>
      <c r="AV1967" s="137"/>
      <c r="AW1967" s="144"/>
    </row>
    <row r="1968" spans="2:49" x14ac:dyDescent="0.2">
      <c r="B1968" s="97"/>
      <c r="G1968" s="43"/>
      <c r="J1968" s="98"/>
      <c r="K1968" s="97"/>
      <c r="N1968" s="3"/>
      <c r="W1968" s="98"/>
      <c r="Z1968" s="143"/>
      <c r="AA1968" s="137"/>
      <c r="AB1968" s="137"/>
      <c r="AC1968" s="137"/>
      <c r="AD1968" s="137"/>
      <c r="AE1968" s="137"/>
      <c r="AF1968" s="137"/>
      <c r="AG1968" s="137"/>
      <c r="AH1968" s="137"/>
      <c r="AI1968" s="137"/>
      <c r="AJ1968" s="137"/>
      <c r="AK1968" s="206"/>
      <c r="AL1968" s="206"/>
      <c r="AM1968" s="143"/>
      <c r="AN1968" s="137"/>
      <c r="AO1968" s="137"/>
      <c r="AP1968" s="137"/>
      <c r="AQ1968" s="137"/>
      <c r="AR1968" s="137"/>
      <c r="AS1968" s="137"/>
      <c r="AT1968" s="137"/>
      <c r="AU1968" s="137"/>
      <c r="AV1968" s="137"/>
      <c r="AW1968" s="144"/>
    </row>
    <row r="1969" spans="2:49" x14ac:dyDescent="0.2">
      <c r="B1969" s="97"/>
      <c r="G1969" s="43"/>
      <c r="J1969" s="98"/>
      <c r="K1969" s="97"/>
      <c r="N1969" s="3"/>
      <c r="W1969" s="98"/>
      <c r="Z1969" s="143"/>
      <c r="AA1969" s="137"/>
      <c r="AB1969" s="137"/>
      <c r="AC1969" s="137"/>
      <c r="AD1969" s="137"/>
      <c r="AE1969" s="137"/>
      <c r="AF1969" s="137"/>
      <c r="AG1969" s="137"/>
      <c r="AH1969" s="137"/>
      <c r="AI1969" s="137"/>
      <c r="AJ1969" s="137"/>
      <c r="AK1969" s="206"/>
      <c r="AL1969" s="206"/>
      <c r="AM1969" s="143"/>
      <c r="AN1969" s="137"/>
      <c r="AO1969" s="137"/>
      <c r="AP1969" s="137"/>
      <c r="AQ1969" s="137"/>
      <c r="AR1969" s="137"/>
      <c r="AS1969" s="137"/>
      <c r="AT1969" s="137"/>
      <c r="AU1969" s="137"/>
      <c r="AV1969" s="137"/>
      <c r="AW1969" s="144"/>
    </row>
    <row r="1970" spans="2:49" x14ac:dyDescent="0.2">
      <c r="B1970" s="97"/>
      <c r="G1970" s="43"/>
      <c r="J1970" s="98"/>
      <c r="K1970" s="97"/>
      <c r="N1970" s="3"/>
      <c r="W1970" s="98"/>
      <c r="Z1970" s="143"/>
      <c r="AA1970" s="137"/>
      <c r="AB1970" s="137"/>
      <c r="AC1970" s="137"/>
      <c r="AD1970" s="137"/>
      <c r="AE1970" s="137"/>
      <c r="AF1970" s="137"/>
      <c r="AG1970" s="137"/>
      <c r="AH1970" s="137"/>
      <c r="AI1970" s="137"/>
      <c r="AJ1970" s="137"/>
      <c r="AK1970" s="206"/>
      <c r="AL1970" s="206"/>
      <c r="AM1970" s="143"/>
      <c r="AN1970" s="137"/>
      <c r="AO1970" s="137"/>
      <c r="AP1970" s="137"/>
      <c r="AQ1970" s="137"/>
      <c r="AR1970" s="137"/>
      <c r="AS1970" s="137"/>
      <c r="AT1970" s="137"/>
      <c r="AU1970" s="137"/>
      <c r="AV1970" s="137"/>
      <c r="AW1970" s="144"/>
    </row>
    <row r="1971" spans="2:49" x14ac:dyDescent="0.2">
      <c r="B1971" s="97"/>
      <c r="G1971" s="43"/>
      <c r="J1971" s="98"/>
      <c r="K1971" s="97"/>
      <c r="N1971" s="3"/>
      <c r="W1971" s="98"/>
      <c r="Z1971" s="143"/>
      <c r="AA1971" s="137"/>
      <c r="AB1971" s="137"/>
      <c r="AC1971" s="137"/>
      <c r="AD1971" s="137"/>
      <c r="AE1971" s="137"/>
      <c r="AF1971" s="137"/>
      <c r="AG1971" s="137"/>
      <c r="AH1971" s="137"/>
      <c r="AI1971" s="137"/>
      <c r="AJ1971" s="137"/>
      <c r="AK1971" s="206"/>
      <c r="AL1971" s="206"/>
      <c r="AM1971" s="143"/>
      <c r="AN1971" s="137"/>
      <c r="AO1971" s="137"/>
      <c r="AP1971" s="137"/>
      <c r="AQ1971" s="137"/>
      <c r="AR1971" s="137"/>
      <c r="AS1971" s="137"/>
      <c r="AT1971" s="137"/>
      <c r="AU1971" s="137"/>
      <c r="AV1971" s="137"/>
      <c r="AW1971" s="144"/>
    </row>
    <row r="1972" spans="2:49" x14ac:dyDescent="0.2">
      <c r="B1972" s="97"/>
      <c r="G1972" s="43"/>
      <c r="J1972" s="98"/>
      <c r="K1972" s="97"/>
      <c r="N1972" s="3"/>
      <c r="W1972" s="98"/>
      <c r="Z1972" s="143"/>
      <c r="AA1972" s="137"/>
      <c r="AB1972" s="137"/>
      <c r="AC1972" s="137"/>
      <c r="AD1972" s="137"/>
      <c r="AE1972" s="137"/>
      <c r="AF1972" s="137"/>
      <c r="AG1972" s="137"/>
      <c r="AH1972" s="137"/>
      <c r="AI1972" s="137"/>
      <c r="AJ1972" s="137"/>
      <c r="AK1972" s="206"/>
      <c r="AL1972" s="206"/>
      <c r="AM1972" s="143"/>
      <c r="AN1972" s="137"/>
      <c r="AO1972" s="137"/>
      <c r="AP1972" s="137"/>
      <c r="AQ1972" s="137"/>
      <c r="AR1972" s="137"/>
      <c r="AS1972" s="137"/>
      <c r="AT1972" s="137"/>
      <c r="AU1972" s="137"/>
      <c r="AV1972" s="137"/>
      <c r="AW1972" s="144"/>
    </row>
    <row r="1973" spans="2:49" x14ac:dyDescent="0.2">
      <c r="B1973" s="97"/>
      <c r="G1973" s="43"/>
      <c r="J1973" s="98"/>
      <c r="K1973" s="97"/>
      <c r="N1973" s="3"/>
      <c r="W1973" s="98"/>
      <c r="Z1973" s="143"/>
      <c r="AA1973" s="137"/>
      <c r="AB1973" s="137"/>
      <c r="AC1973" s="137"/>
      <c r="AD1973" s="137"/>
      <c r="AE1973" s="137"/>
      <c r="AF1973" s="137"/>
      <c r="AG1973" s="137"/>
      <c r="AH1973" s="137"/>
      <c r="AI1973" s="137"/>
      <c r="AJ1973" s="137"/>
      <c r="AK1973" s="206"/>
      <c r="AL1973" s="206"/>
      <c r="AM1973" s="143"/>
      <c r="AN1973" s="137"/>
      <c r="AO1973" s="137"/>
      <c r="AP1973" s="137"/>
      <c r="AQ1973" s="137"/>
      <c r="AR1973" s="137"/>
      <c r="AS1973" s="137"/>
      <c r="AT1973" s="137"/>
      <c r="AU1973" s="137"/>
      <c r="AV1973" s="137"/>
      <c r="AW1973" s="144"/>
    </row>
    <row r="1974" spans="2:49" x14ac:dyDescent="0.2">
      <c r="B1974" s="97"/>
      <c r="G1974" s="43"/>
      <c r="J1974" s="98"/>
      <c r="K1974" s="97"/>
      <c r="N1974" s="3"/>
      <c r="W1974" s="98"/>
      <c r="Z1974" s="143"/>
      <c r="AA1974" s="137"/>
      <c r="AB1974" s="137"/>
      <c r="AC1974" s="137"/>
      <c r="AD1974" s="137"/>
      <c r="AE1974" s="137"/>
      <c r="AF1974" s="137"/>
      <c r="AG1974" s="137"/>
      <c r="AH1974" s="137"/>
      <c r="AI1974" s="137"/>
      <c r="AJ1974" s="137"/>
      <c r="AK1974" s="206"/>
      <c r="AL1974" s="206"/>
      <c r="AM1974" s="143"/>
      <c r="AN1974" s="137"/>
      <c r="AO1974" s="137"/>
      <c r="AP1974" s="137"/>
      <c r="AQ1974" s="137"/>
      <c r="AR1974" s="137"/>
      <c r="AS1974" s="137"/>
      <c r="AT1974" s="137"/>
      <c r="AU1974" s="137"/>
      <c r="AV1974" s="137"/>
      <c r="AW1974" s="144"/>
    </row>
    <row r="1975" spans="2:49" x14ac:dyDescent="0.2">
      <c r="B1975" s="97"/>
      <c r="G1975" s="43"/>
      <c r="J1975" s="98"/>
      <c r="K1975" s="97"/>
      <c r="N1975" s="3"/>
      <c r="W1975" s="98"/>
      <c r="Z1975" s="143"/>
      <c r="AA1975" s="137"/>
      <c r="AB1975" s="137"/>
      <c r="AC1975" s="137"/>
      <c r="AD1975" s="137"/>
      <c r="AE1975" s="137"/>
      <c r="AF1975" s="137"/>
      <c r="AG1975" s="137"/>
      <c r="AH1975" s="137"/>
      <c r="AI1975" s="137"/>
      <c r="AJ1975" s="137"/>
      <c r="AK1975" s="206"/>
      <c r="AL1975" s="206"/>
      <c r="AM1975" s="143"/>
      <c r="AN1975" s="137"/>
      <c r="AO1975" s="137"/>
      <c r="AP1975" s="137"/>
      <c r="AQ1975" s="137"/>
      <c r="AR1975" s="137"/>
      <c r="AS1975" s="137"/>
      <c r="AT1975" s="137"/>
      <c r="AU1975" s="137"/>
      <c r="AV1975" s="137"/>
      <c r="AW1975" s="144"/>
    </row>
    <row r="1976" spans="2:49" x14ac:dyDescent="0.2">
      <c r="B1976" s="97"/>
      <c r="G1976" s="43"/>
      <c r="J1976" s="98"/>
      <c r="K1976" s="97"/>
      <c r="N1976" s="3"/>
      <c r="W1976" s="98"/>
      <c r="Z1976" s="143"/>
      <c r="AA1976" s="137"/>
      <c r="AB1976" s="137"/>
      <c r="AC1976" s="137"/>
      <c r="AD1976" s="137"/>
      <c r="AE1976" s="137"/>
      <c r="AF1976" s="137"/>
      <c r="AG1976" s="137"/>
      <c r="AH1976" s="137"/>
      <c r="AI1976" s="137"/>
      <c r="AJ1976" s="137"/>
      <c r="AK1976" s="206"/>
      <c r="AL1976" s="206"/>
      <c r="AM1976" s="143"/>
      <c r="AN1976" s="137"/>
      <c r="AO1976" s="137"/>
      <c r="AP1976" s="137"/>
      <c r="AQ1976" s="137"/>
      <c r="AR1976" s="137"/>
      <c r="AS1976" s="137"/>
      <c r="AT1976" s="137"/>
      <c r="AU1976" s="137"/>
      <c r="AV1976" s="137"/>
      <c r="AW1976" s="144"/>
    </row>
    <row r="1977" spans="2:49" x14ac:dyDescent="0.2">
      <c r="B1977" s="97"/>
      <c r="G1977" s="43"/>
      <c r="J1977" s="98"/>
      <c r="K1977" s="97"/>
      <c r="N1977" s="3"/>
      <c r="W1977" s="98"/>
      <c r="Z1977" s="143"/>
      <c r="AA1977" s="137"/>
      <c r="AB1977" s="137"/>
      <c r="AC1977" s="137"/>
      <c r="AD1977" s="137"/>
      <c r="AE1977" s="137"/>
      <c r="AF1977" s="137"/>
      <c r="AG1977" s="137"/>
      <c r="AH1977" s="137"/>
      <c r="AI1977" s="137"/>
      <c r="AJ1977" s="137"/>
      <c r="AK1977" s="206"/>
      <c r="AL1977" s="206"/>
      <c r="AM1977" s="143"/>
      <c r="AN1977" s="137"/>
      <c r="AO1977" s="137"/>
      <c r="AP1977" s="137"/>
      <c r="AQ1977" s="137"/>
      <c r="AR1977" s="137"/>
      <c r="AS1977" s="137"/>
      <c r="AT1977" s="137"/>
      <c r="AU1977" s="137"/>
      <c r="AV1977" s="137"/>
      <c r="AW1977" s="144"/>
    </row>
    <row r="1978" spans="2:49" x14ac:dyDescent="0.2">
      <c r="B1978" s="97"/>
      <c r="G1978" s="43"/>
      <c r="J1978" s="98"/>
      <c r="K1978" s="97"/>
      <c r="N1978" s="3"/>
      <c r="W1978" s="98"/>
      <c r="Z1978" s="143"/>
      <c r="AA1978" s="137"/>
      <c r="AB1978" s="137"/>
      <c r="AC1978" s="137"/>
      <c r="AD1978" s="137"/>
      <c r="AE1978" s="137"/>
      <c r="AF1978" s="137"/>
      <c r="AG1978" s="137"/>
      <c r="AH1978" s="137"/>
      <c r="AI1978" s="137"/>
      <c r="AJ1978" s="137"/>
      <c r="AK1978" s="206"/>
      <c r="AL1978" s="206"/>
      <c r="AM1978" s="143"/>
      <c r="AN1978" s="137"/>
      <c r="AO1978" s="137"/>
      <c r="AP1978" s="137"/>
      <c r="AQ1978" s="137"/>
      <c r="AR1978" s="137"/>
      <c r="AS1978" s="137"/>
      <c r="AT1978" s="137"/>
      <c r="AU1978" s="137"/>
      <c r="AV1978" s="137"/>
      <c r="AW1978" s="144"/>
    </row>
    <row r="1979" spans="2:49" x14ac:dyDescent="0.2">
      <c r="B1979" s="97"/>
      <c r="G1979" s="43"/>
      <c r="J1979" s="98"/>
      <c r="K1979" s="97"/>
      <c r="N1979" s="3"/>
      <c r="W1979" s="98"/>
      <c r="Z1979" s="143"/>
      <c r="AA1979" s="137"/>
      <c r="AB1979" s="137"/>
      <c r="AC1979" s="137"/>
      <c r="AD1979" s="137"/>
      <c r="AE1979" s="137"/>
      <c r="AF1979" s="137"/>
      <c r="AG1979" s="137"/>
      <c r="AH1979" s="137"/>
      <c r="AI1979" s="137"/>
      <c r="AJ1979" s="137"/>
      <c r="AK1979" s="206"/>
      <c r="AL1979" s="206"/>
      <c r="AM1979" s="143"/>
      <c r="AN1979" s="137"/>
      <c r="AO1979" s="137"/>
      <c r="AP1979" s="137"/>
      <c r="AQ1979" s="137"/>
      <c r="AR1979" s="137"/>
      <c r="AS1979" s="137"/>
      <c r="AT1979" s="137"/>
      <c r="AU1979" s="137"/>
      <c r="AV1979" s="137"/>
      <c r="AW1979" s="144"/>
    </row>
    <row r="1980" spans="2:49" x14ac:dyDescent="0.2">
      <c r="B1980" s="97"/>
      <c r="G1980" s="43"/>
      <c r="J1980" s="98"/>
      <c r="K1980" s="97"/>
      <c r="N1980" s="3"/>
      <c r="W1980" s="98"/>
      <c r="Z1980" s="143"/>
      <c r="AA1980" s="137"/>
      <c r="AB1980" s="137"/>
      <c r="AC1980" s="137"/>
      <c r="AD1980" s="137"/>
      <c r="AE1980" s="137"/>
      <c r="AF1980" s="137"/>
      <c r="AG1980" s="137"/>
      <c r="AH1980" s="137"/>
      <c r="AI1980" s="137"/>
      <c r="AJ1980" s="137"/>
      <c r="AK1980" s="206"/>
      <c r="AL1980" s="206"/>
      <c r="AM1980" s="143"/>
      <c r="AN1980" s="137"/>
      <c r="AO1980" s="137"/>
      <c r="AP1980" s="137"/>
      <c r="AQ1980" s="137"/>
      <c r="AR1980" s="137"/>
      <c r="AS1980" s="137"/>
      <c r="AT1980" s="137"/>
      <c r="AU1980" s="137"/>
      <c r="AV1980" s="137"/>
      <c r="AW1980" s="144"/>
    </row>
    <row r="1981" spans="2:49" x14ac:dyDescent="0.2">
      <c r="B1981" s="97"/>
      <c r="G1981" s="43"/>
      <c r="J1981" s="98"/>
      <c r="K1981" s="97"/>
      <c r="N1981" s="3"/>
      <c r="W1981" s="98"/>
      <c r="Z1981" s="143"/>
      <c r="AA1981" s="137"/>
      <c r="AB1981" s="137"/>
      <c r="AC1981" s="137"/>
      <c r="AD1981" s="137"/>
      <c r="AE1981" s="137"/>
      <c r="AF1981" s="137"/>
      <c r="AG1981" s="137"/>
      <c r="AH1981" s="137"/>
      <c r="AI1981" s="137"/>
      <c r="AJ1981" s="137"/>
      <c r="AK1981" s="206"/>
      <c r="AL1981" s="206"/>
      <c r="AM1981" s="143"/>
      <c r="AN1981" s="137"/>
      <c r="AO1981" s="137"/>
      <c r="AP1981" s="137"/>
      <c r="AQ1981" s="137"/>
      <c r="AR1981" s="137"/>
      <c r="AS1981" s="137"/>
      <c r="AT1981" s="137"/>
      <c r="AU1981" s="137"/>
      <c r="AV1981" s="137"/>
      <c r="AW1981" s="144"/>
    </row>
    <row r="1982" spans="2:49" x14ac:dyDescent="0.2">
      <c r="B1982" s="97"/>
      <c r="G1982" s="43"/>
      <c r="J1982" s="98"/>
      <c r="K1982" s="97"/>
      <c r="N1982" s="3"/>
      <c r="W1982" s="98"/>
      <c r="Z1982" s="143"/>
      <c r="AA1982" s="137"/>
      <c r="AB1982" s="137"/>
      <c r="AC1982" s="137"/>
      <c r="AD1982" s="137"/>
      <c r="AE1982" s="137"/>
      <c r="AF1982" s="137"/>
      <c r="AG1982" s="137"/>
      <c r="AH1982" s="137"/>
      <c r="AI1982" s="137"/>
      <c r="AJ1982" s="137"/>
      <c r="AK1982" s="206"/>
      <c r="AL1982" s="206"/>
      <c r="AM1982" s="143"/>
      <c r="AN1982" s="137"/>
      <c r="AO1982" s="137"/>
      <c r="AP1982" s="137"/>
      <c r="AQ1982" s="137"/>
      <c r="AR1982" s="137"/>
      <c r="AS1982" s="137"/>
      <c r="AT1982" s="137"/>
      <c r="AU1982" s="137"/>
      <c r="AV1982" s="137"/>
      <c r="AW1982" s="144"/>
    </row>
    <row r="1983" spans="2:49" x14ac:dyDescent="0.2">
      <c r="B1983" s="97"/>
      <c r="G1983" s="43"/>
      <c r="J1983" s="98"/>
      <c r="K1983" s="97"/>
      <c r="N1983" s="3"/>
      <c r="W1983" s="98"/>
      <c r="Z1983" s="143"/>
      <c r="AA1983" s="137"/>
      <c r="AB1983" s="137"/>
      <c r="AC1983" s="137"/>
      <c r="AD1983" s="137"/>
      <c r="AE1983" s="137"/>
      <c r="AF1983" s="137"/>
      <c r="AG1983" s="137"/>
      <c r="AH1983" s="137"/>
      <c r="AI1983" s="137"/>
      <c r="AJ1983" s="137"/>
      <c r="AK1983" s="206"/>
      <c r="AL1983" s="206"/>
      <c r="AM1983" s="143"/>
      <c r="AN1983" s="137"/>
      <c r="AO1983" s="137"/>
      <c r="AP1983" s="137"/>
      <c r="AQ1983" s="137"/>
      <c r="AR1983" s="137"/>
      <c r="AS1983" s="137"/>
      <c r="AT1983" s="137"/>
      <c r="AU1983" s="137"/>
      <c r="AV1983" s="137"/>
      <c r="AW1983" s="144"/>
    </row>
    <row r="1984" spans="2:49" x14ac:dyDescent="0.2">
      <c r="B1984" s="97"/>
      <c r="G1984" s="43"/>
      <c r="J1984" s="98"/>
      <c r="K1984" s="97"/>
      <c r="N1984" s="3"/>
      <c r="W1984" s="98"/>
      <c r="Z1984" s="143"/>
      <c r="AA1984" s="137"/>
      <c r="AB1984" s="137"/>
      <c r="AC1984" s="137"/>
      <c r="AD1984" s="137"/>
      <c r="AE1984" s="137"/>
      <c r="AF1984" s="137"/>
      <c r="AG1984" s="137"/>
      <c r="AH1984" s="137"/>
      <c r="AI1984" s="137"/>
      <c r="AJ1984" s="137"/>
      <c r="AK1984" s="206"/>
      <c r="AL1984" s="206"/>
      <c r="AM1984" s="143"/>
      <c r="AN1984" s="137"/>
      <c r="AO1984" s="137"/>
      <c r="AP1984" s="137"/>
      <c r="AQ1984" s="137"/>
      <c r="AR1984" s="137"/>
      <c r="AS1984" s="137"/>
      <c r="AT1984" s="137"/>
      <c r="AU1984" s="137"/>
      <c r="AV1984" s="137"/>
      <c r="AW1984" s="144"/>
    </row>
    <row r="1985" spans="2:49" x14ac:dyDescent="0.2">
      <c r="B1985" s="97"/>
      <c r="G1985" s="43"/>
      <c r="J1985" s="98"/>
      <c r="K1985" s="97"/>
      <c r="N1985" s="3"/>
      <c r="W1985" s="98"/>
      <c r="Z1985" s="143"/>
      <c r="AA1985" s="137"/>
      <c r="AB1985" s="137"/>
      <c r="AC1985" s="137"/>
      <c r="AD1985" s="137"/>
      <c r="AE1985" s="137"/>
      <c r="AF1985" s="137"/>
      <c r="AG1985" s="137"/>
      <c r="AH1985" s="137"/>
      <c r="AI1985" s="137"/>
      <c r="AJ1985" s="137"/>
      <c r="AK1985" s="206"/>
      <c r="AL1985" s="206"/>
      <c r="AM1985" s="143"/>
      <c r="AN1985" s="137"/>
      <c r="AO1985" s="137"/>
      <c r="AP1985" s="137"/>
      <c r="AQ1985" s="137"/>
      <c r="AR1985" s="137"/>
      <c r="AS1985" s="137"/>
      <c r="AT1985" s="137"/>
      <c r="AU1985" s="137"/>
      <c r="AV1985" s="137"/>
      <c r="AW1985" s="144"/>
    </row>
    <row r="1986" spans="2:49" x14ac:dyDescent="0.2">
      <c r="B1986" s="97"/>
      <c r="G1986" s="43"/>
      <c r="J1986" s="98"/>
      <c r="K1986" s="97"/>
      <c r="N1986" s="3"/>
      <c r="W1986" s="98"/>
      <c r="Z1986" s="143"/>
      <c r="AA1986" s="137"/>
      <c r="AB1986" s="137"/>
      <c r="AC1986" s="137"/>
      <c r="AD1986" s="137"/>
      <c r="AE1986" s="137"/>
      <c r="AF1986" s="137"/>
      <c r="AG1986" s="137"/>
      <c r="AH1986" s="137"/>
      <c r="AI1986" s="137"/>
      <c r="AJ1986" s="137"/>
      <c r="AK1986" s="206"/>
      <c r="AL1986" s="206"/>
      <c r="AM1986" s="143"/>
      <c r="AN1986" s="137"/>
      <c r="AO1986" s="137"/>
      <c r="AP1986" s="137"/>
      <c r="AQ1986" s="137"/>
      <c r="AR1986" s="137"/>
      <c r="AS1986" s="137"/>
      <c r="AT1986" s="137"/>
      <c r="AU1986" s="137"/>
      <c r="AV1986" s="137"/>
      <c r="AW1986" s="144"/>
    </row>
    <row r="1987" spans="2:49" x14ac:dyDescent="0.2">
      <c r="B1987" s="97"/>
      <c r="G1987" s="43"/>
      <c r="J1987" s="98"/>
      <c r="K1987" s="97"/>
      <c r="N1987" s="3"/>
      <c r="W1987" s="98"/>
      <c r="Z1987" s="143"/>
      <c r="AA1987" s="137"/>
      <c r="AB1987" s="137"/>
      <c r="AC1987" s="137"/>
      <c r="AD1987" s="137"/>
      <c r="AE1987" s="137"/>
      <c r="AF1987" s="137"/>
      <c r="AG1987" s="137"/>
      <c r="AH1987" s="137"/>
      <c r="AI1987" s="137"/>
      <c r="AJ1987" s="137"/>
      <c r="AK1987" s="206"/>
      <c r="AL1987" s="206"/>
      <c r="AM1987" s="143"/>
      <c r="AN1987" s="137"/>
      <c r="AO1987" s="137"/>
      <c r="AP1987" s="137"/>
      <c r="AQ1987" s="137"/>
      <c r="AR1987" s="137"/>
      <c r="AS1987" s="137"/>
      <c r="AT1987" s="137"/>
      <c r="AU1987" s="137"/>
      <c r="AV1987" s="137"/>
      <c r="AW1987" s="144"/>
    </row>
    <row r="1988" spans="2:49" x14ac:dyDescent="0.2">
      <c r="B1988" s="97"/>
      <c r="G1988" s="43"/>
      <c r="J1988" s="98"/>
      <c r="K1988" s="97"/>
      <c r="N1988" s="3"/>
      <c r="W1988" s="98"/>
      <c r="Z1988" s="143"/>
      <c r="AA1988" s="137"/>
      <c r="AB1988" s="137"/>
      <c r="AC1988" s="137"/>
      <c r="AD1988" s="137"/>
      <c r="AE1988" s="137"/>
      <c r="AF1988" s="137"/>
      <c r="AG1988" s="137"/>
      <c r="AH1988" s="137"/>
      <c r="AI1988" s="137"/>
      <c r="AJ1988" s="137"/>
      <c r="AK1988" s="206"/>
      <c r="AL1988" s="206"/>
      <c r="AM1988" s="143"/>
      <c r="AN1988" s="137"/>
      <c r="AO1988" s="137"/>
      <c r="AP1988" s="137"/>
      <c r="AQ1988" s="137"/>
      <c r="AR1988" s="137"/>
      <c r="AS1988" s="137"/>
      <c r="AT1988" s="137"/>
      <c r="AU1988" s="137"/>
      <c r="AV1988" s="137"/>
      <c r="AW1988" s="144"/>
    </row>
    <row r="1989" spans="2:49" x14ac:dyDescent="0.2">
      <c r="B1989" s="97"/>
      <c r="G1989" s="43"/>
      <c r="J1989" s="98"/>
      <c r="K1989" s="97"/>
      <c r="N1989" s="3"/>
      <c r="W1989" s="98"/>
      <c r="Z1989" s="143"/>
      <c r="AA1989" s="137"/>
      <c r="AB1989" s="137"/>
      <c r="AC1989" s="137"/>
      <c r="AD1989" s="137"/>
      <c r="AE1989" s="137"/>
      <c r="AF1989" s="137"/>
      <c r="AG1989" s="137"/>
      <c r="AH1989" s="137"/>
      <c r="AI1989" s="137"/>
      <c r="AJ1989" s="137"/>
      <c r="AK1989" s="206"/>
      <c r="AL1989" s="206"/>
      <c r="AM1989" s="143"/>
      <c r="AN1989" s="137"/>
      <c r="AO1989" s="137"/>
      <c r="AP1989" s="137"/>
      <c r="AQ1989" s="137"/>
      <c r="AR1989" s="137"/>
      <c r="AS1989" s="137"/>
      <c r="AT1989" s="137"/>
      <c r="AU1989" s="137"/>
      <c r="AV1989" s="137"/>
      <c r="AW1989" s="144"/>
    </row>
    <row r="1990" spans="2:49" x14ac:dyDescent="0.2">
      <c r="B1990" s="97"/>
      <c r="G1990" s="43"/>
      <c r="J1990" s="98"/>
      <c r="K1990" s="97"/>
      <c r="N1990" s="3"/>
      <c r="W1990" s="98"/>
      <c r="Z1990" s="143"/>
      <c r="AA1990" s="137"/>
      <c r="AB1990" s="137"/>
      <c r="AC1990" s="137"/>
      <c r="AD1990" s="137"/>
      <c r="AE1990" s="137"/>
      <c r="AF1990" s="137"/>
      <c r="AG1990" s="137"/>
      <c r="AH1990" s="137"/>
      <c r="AI1990" s="137"/>
      <c r="AJ1990" s="137"/>
      <c r="AK1990" s="206"/>
      <c r="AL1990" s="206"/>
      <c r="AM1990" s="143"/>
      <c r="AN1990" s="137"/>
      <c r="AO1990" s="137"/>
      <c r="AP1990" s="137"/>
      <c r="AQ1990" s="137"/>
      <c r="AR1990" s="137"/>
      <c r="AS1990" s="137"/>
      <c r="AT1990" s="137"/>
      <c r="AU1990" s="137"/>
      <c r="AV1990" s="137"/>
      <c r="AW1990" s="144"/>
    </row>
    <row r="1991" spans="2:49" x14ac:dyDescent="0.2">
      <c r="B1991" s="97"/>
      <c r="G1991" s="43"/>
      <c r="J1991" s="98"/>
      <c r="K1991" s="97"/>
      <c r="N1991" s="3"/>
      <c r="W1991" s="98"/>
      <c r="Z1991" s="143"/>
      <c r="AA1991" s="137"/>
      <c r="AB1991" s="137"/>
      <c r="AC1991" s="137"/>
      <c r="AD1991" s="137"/>
      <c r="AE1991" s="137"/>
      <c r="AF1991" s="137"/>
      <c r="AG1991" s="137"/>
      <c r="AH1991" s="137"/>
      <c r="AI1991" s="137"/>
      <c r="AJ1991" s="137"/>
      <c r="AK1991" s="206"/>
      <c r="AL1991" s="206"/>
      <c r="AM1991" s="143"/>
      <c r="AN1991" s="137"/>
      <c r="AO1991" s="137"/>
      <c r="AP1991" s="137"/>
      <c r="AQ1991" s="137"/>
      <c r="AR1991" s="137"/>
      <c r="AS1991" s="137"/>
      <c r="AT1991" s="137"/>
      <c r="AU1991" s="137"/>
      <c r="AV1991" s="137"/>
      <c r="AW1991" s="144"/>
    </row>
    <row r="1992" spans="2:49" x14ac:dyDescent="0.2">
      <c r="B1992" s="97"/>
      <c r="G1992" s="43"/>
      <c r="J1992" s="98"/>
      <c r="K1992" s="97"/>
      <c r="N1992" s="3"/>
      <c r="W1992" s="98"/>
      <c r="Z1992" s="143"/>
      <c r="AA1992" s="137"/>
      <c r="AB1992" s="137"/>
      <c r="AC1992" s="137"/>
      <c r="AD1992" s="137"/>
      <c r="AE1992" s="137"/>
      <c r="AF1992" s="137"/>
      <c r="AG1992" s="137"/>
      <c r="AH1992" s="137"/>
      <c r="AI1992" s="137"/>
      <c r="AJ1992" s="137"/>
      <c r="AK1992" s="206"/>
      <c r="AL1992" s="206"/>
      <c r="AM1992" s="143"/>
      <c r="AN1992" s="137"/>
      <c r="AO1992" s="137"/>
      <c r="AP1992" s="137"/>
      <c r="AQ1992" s="137"/>
      <c r="AR1992" s="137"/>
      <c r="AS1992" s="137"/>
      <c r="AT1992" s="137"/>
      <c r="AU1992" s="137"/>
      <c r="AV1992" s="137"/>
      <c r="AW1992" s="144"/>
    </row>
    <row r="1993" spans="2:49" x14ac:dyDescent="0.2">
      <c r="B1993" s="97"/>
      <c r="G1993" s="43"/>
      <c r="J1993" s="98"/>
      <c r="K1993" s="97"/>
      <c r="N1993" s="3"/>
      <c r="W1993" s="98"/>
      <c r="Z1993" s="143"/>
      <c r="AA1993" s="137"/>
      <c r="AB1993" s="137"/>
      <c r="AC1993" s="137"/>
      <c r="AD1993" s="137"/>
      <c r="AE1993" s="137"/>
      <c r="AF1993" s="137"/>
      <c r="AG1993" s="137"/>
      <c r="AH1993" s="137"/>
      <c r="AI1993" s="137"/>
      <c r="AJ1993" s="137"/>
      <c r="AK1993" s="206"/>
      <c r="AL1993" s="206"/>
      <c r="AM1993" s="143"/>
      <c r="AN1993" s="137"/>
      <c r="AO1993" s="137"/>
      <c r="AP1993" s="137"/>
      <c r="AQ1993" s="137"/>
      <c r="AR1993" s="137"/>
      <c r="AS1993" s="137"/>
      <c r="AT1993" s="137"/>
      <c r="AU1993" s="137"/>
      <c r="AV1993" s="137"/>
      <c r="AW1993" s="144"/>
    </row>
    <row r="1994" spans="2:49" x14ac:dyDescent="0.2">
      <c r="B1994" s="97"/>
      <c r="G1994" s="43"/>
      <c r="J1994" s="98"/>
      <c r="K1994" s="97"/>
      <c r="N1994" s="3"/>
      <c r="W1994" s="98"/>
      <c r="Z1994" s="143"/>
      <c r="AA1994" s="137"/>
      <c r="AB1994" s="137"/>
      <c r="AC1994" s="137"/>
      <c r="AD1994" s="137"/>
      <c r="AE1994" s="137"/>
      <c r="AF1994" s="137"/>
      <c r="AG1994" s="137"/>
      <c r="AH1994" s="137"/>
      <c r="AI1994" s="137"/>
      <c r="AJ1994" s="137"/>
      <c r="AK1994" s="206"/>
      <c r="AL1994" s="206"/>
      <c r="AM1994" s="143"/>
      <c r="AN1994" s="137"/>
      <c r="AO1994" s="137"/>
      <c r="AP1994" s="137"/>
      <c r="AQ1994" s="137"/>
      <c r="AR1994" s="137"/>
      <c r="AS1994" s="137"/>
      <c r="AT1994" s="137"/>
      <c r="AU1994" s="137"/>
      <c r="AV1994" s="137"/>
      <c r="AW1994" s="144"/>
    </row>
    <row r="1995" spans="2:49" x14ac:dyDescent="0.2">
      <c r="B1995" s="97"/>
      <c r="G1995" s="43"/>
      <c r="J1995" s="98"/>
      <c r="K1995" s="97"/>
      <c r="N1995" s="3"/>
      <c r="W1995" s="98"/>
      <c r="Z1995" s="143"/>
      <c r="AA1995" s="137"/>
      <c r="AB1995" s="137"/>
      <c r="AC1995" s="137"/>
      <c r="AD1995" s="137"/>
      <c r="AE1995" s="137"/>
      <c r="AF1995" s="137"/>
      <c r="AG1995" s="137"/>
      <c r="AH1995" s="137"/>
      <c r="AI1995" s="137"/>
      <c r="AJ1995" s="137"/>
      <c r="AK1995" s="206"/>
      <c r="AL1995" s="206"/>
      <c r="AM1995" s="143"/>
      <c r="AN1995" s="137"/>
      <c r="AO1995" s="137"/>
      <c r="AP1995" s="137"/>
      <c r="AQ1995" s="137"/>
      <c r="AR1995" s="137"/>
      <c r="AS1995" s="137"/>
      <c r="AT1995" s="137"/>
      <c r="AU1995" s="137"/>
      <c r="AV1995" s="137"/>
      <c r="AW1995" s="144"/>
    </row>
    <row r="1996" spans="2:49" x14ac:dyDescent="0.2">
      <c r="B1996" s="97"/>
      <c r="G1996" s="43"/>
      <c r="J1996" s="98"/>
      <c r="K1996" s="97"/>
      <c r="N1996" s="3"/>
      <c r="W1996" s="98"/>
      <c r="Z1996" s="143"/>
      <c r="AA1996" s="137"/>
      <c r="AB1996" s="137"/>
      <c r="AC1996" s="137"/>
      <c r="AD1996" s="137"/>
      <c r="AE1996" s="137"/>
      <c r="AF1996" s="137"/>
      <c r="AG1996" s="137"/>
      <c r="AH1996" s="137"/>
      <c r="AI1996" s="137"/>
      <c r="AJ1996" s="137"/>
      <c r="AK1996" s="206"/>
      <c r="AL1996" s="206"/>
      <c r="AM1996" s="143"/>
      <c r="AN1996" s="137"/>
      <c r="AO1996" s="137"/>
      <c r="AP1996" s="137"/>
      <c r="AQ1996" s="137"/>
      <c r="AR1996" s="137"/>
      <c r="AS1996" s="137"/>
      <c r="AT1996" s="137"/>
      <c r="AU1996" s="137"/>
      <c r="AV1996" s="137"/>
      <c r="AW1996" s="144"/>
    </row>
    <row r="1997" spans="2:49" x14ac:dyDescent="0.2">
      <c r="B1997" s="97"/>
      <c r="G1997" s="43"/>
      <c r="J1997" s="98"/>
      <c r="K1997" s="97"/>
      <c r="N1997" s="3"/>
      <c r="W1997" s="98"/>
      <c r="Z1997" s="143"/>
      <c r="AA1997" s="137"/>
      <c r="AB1997" s="137"/>
      <c r="AC1997" s="137"/>
      <c r="AD1997" s="137"/>
      <c r="AE1997" s="137"/>
      <c r="AF1997" s="137"/>
      <c r="AG1997" s="137"/>
      <c r="AH1997" s="137"/>
      <c r="AI1997" s="137"/>
      <c r="AJ1997" s="137"/>
      <c r="AK1997" s="206"/>
      <c r="AL1997" s="206"/>
      <c r="AM1997" s="143"/>
      <c r="AN1997" s="137"/>
      <c r="AO1997" s="137"/>
      <c r="AP1997" s="137"/>
      <c r="AQ1997" s="137"/>
      <c r="AR1997" s="137"/>
      <c r="AS1997" s="137"/>
      <c r="AT1997" s="137"/>
      <c r="AU1997" s="137"/>
      <c r="AV1997" s="137"/>
      <c r="AW1997" s="144"/>
    </row>
    <row r="1998" spans="2:49" x14ac:dyDescent="0.2">
      <c r="B1998" s="97"/>
      <c r="G1998" s="43"/>
      <c r="J1998" s="98"/>
      <c r="K1998" s="97"/>
      <c r="N1998" s="3"/>
      <c r="W1998" s="98"/>
      <c r="Z1998" s="143"/>
      <c r="AA1998" s="137"/>
      <c r="AB1998" s="137"/>
      <c r="AC1998" s="137"/>
      <c r="AD1998" s="137"/>
      <c r="AE1998" s="137"/>
      <c r="AF1998" s="137"/>
      <c r="AG1998" s="137"/>
      <c r="AH1998" s="137"/>
      <c r="AI1998" s="137"/>
      <c r="AJ1998" s="137"/>
      <c r="AK1998" s="206"/>
      <c r="AL1998" s="206"/>
      <c r="AM1998" s="143"/>
      <c r="AN1998" s="137"/>
      <c r="AO1998" s="137"/>
      <c r="AP1998" s="137"/>
      <c r="AQ1998" s="137"/>
      <c r="AR1998" s="137"/>
      <c r="AS1998" s="137"/>
      <c r="AT1998" s="137"/>
      <c r="AU1998" s="137"/>
      <c r="AV1998" s="137"/>
      <c r="AW1998" s="144"/>
    </row>
    <row r="1999" spans="2:49" x14ac:dyDescent="0.2">
      <c r="B1999" s="97"/>
      <c r="G1999" s="43"/>
      <c r="J1999" s="98"/>
      <c r="K1999" s="97"/>
      <c r="N1999" s="3"/>
      <c r="W1999" s="98"/>
      <c r="Z1999" s="143"/>
      <c r="AA1999" s="137"/>
      <c r="AB1999" s="137"/>
      <c r="AC1999" s="137"/>
      <c r="AD1999" s="137"/>
      <c r="AE1999" s="137"/>
      <c r="AF1999" s="137"/>
      <c r="AG1999" s="137"/>
      <c r="AH1999" s="137"/>
      <c r="AI1999" s="137"/>
      <c r="AJ1999" s="137"/>
      <c r="AK1999" s="206"/>
      <c r="AL1999" s="206"/>
      <c r="AM1999" s="143"/>
      <c r="AN1999" s="137"/>
      <c r="AO1999" s="137"/>
      <c r="AP1999" s="137"/>
      <c r="AQ1999" s="137"/>
      <c r="AR1999" s="137"/>
      <c r="AS1999" s="137"/>
      <c r="AT1999" s="137"/>
      <c r="AU1999" s="137"/>
      <c r="AV1999" s="137"/>
      <c r="AW1999" s="144"/>
    </row>
    <row r="2000" spans="2:49" x14ac:dyDescent="0.2">
      <c r="B2000" s="97"/>
      <c r="G2000" s="43"/>
      <c r="J2000" s="98"/>
      <c r="K2000" s="97"/>
      <c r="N2000" s="3"/>
      <c r="W2000" s="98"/>
      <c r="Z2000" s="143"/>
      <c r="AA2000" s="137"/>
      <c r="AB2000" s="137"/>
      <c r="AC2000" s="137"/>
      <c r="AD2000" s="137"/>
      <c r="AE2000" s="137"/>
      <c r="AF2000" s="137"/>
      <c r="AG2000" s="137"/>
      <c r="AH2000" s="137"/>
      <c r="AI2000" s="137"/>
      <c r="AJ2000" s="137"/>
      <c r="AK2000" s="206"/>
      <c r="AL2000" s="206"/>
      <c r="AM2000" s="143"/>
      <c r="AN2000" s="137"/>
      <c r="AO2000" s="137"/>
      <c r="AP2000" s="137"/>
      <c r="AQ2000" s="137"/>
      <c r="AR2000" s="137"/>
      <c r="AS2000" s="137"/>
      <c r="AT2000" s="137"/>
      <c r="AU2000" s="137"/>
      <c r="AV2000" s="137"/>
      <c r="AW2000" s="144"/>
    </row>
    <row r="2001" spans="2:49" x14ac:dyDescent="0.2">
      <c r="B2001" s="97"/>
      <c r="G2001" s="43"/>
      <c r="J2001" s="98"/>
      <c r="K2001" s="97"/>
      <c r="N2001" s="3"/>
      <c r="W2001" s="98"/>
      <c r="Z2001" s="143"/>
      <c r="AA2001" s="137"/>
      <c r="AB2001" s="137"/>
      <c r="AC2001" s="137"/>
      <c r="AD2001" s="137"/>
      <c r="AE2001" s="137"/>
      <c r="AF2001" s="137"/>
      <c r="AG2001" s="137"/>
      <c r="AH2001" s="137"/>
      <c r="AI2001" s="137"/>
      <c r="AJ2001" s="137"/>
      <c r="AK2001" s="206"/>
      <c r="AL2001" s="206"/>
      <c r="AM2001" s="143"/>
      <c r="AN2001" s="137"/>
      <c r="AO2001" s="137"/>
      <c r="AP2001" s="137"/>
      <c r="AQ2001" s="137"/>
      <c r="AR2001" s="137"/>
      <c r="AS2001" s="137"/>
      <c r="AT2001" s="137"/>
      <c r="AU2001" s="137"/>
      <c r="AV2001" s="137"/>
      <c r="AW2001" s="144"/>
    </row>
    <row r="2002" spans="2:49" x14ac:dyDescent="0.2">
      <c r="B2002" s="97"/>
      <c r="G2002" s="43"/>
      <c r="J2002" s="98"/>
      <c r="K2002" s="97"/>
      <c r="N2002" s="3"/>
      <c r="W2002" s="98"/>
      <c r="Z2002" s="143"/>
      <c r="AA2002" s="137"/>
      <c r="AB2002" s="137"/>
      <c r="AC2002" s="137"/>
      <c r="AD2002" s="137"/>
      <c r="AE2002" s="137"/>
      <c r="AF2002" s="137"/>
      <c r="AG2002" s="137"/>
      <c r="AH2002" s="137"/>
      <c r="AI2002" s="137"/>
      <c r="AJ2002" s="137"/>
      <c r="AK2002" s="206"/>
      <c r="AL2002" s="206"/>
      <c r="AM2002" s="143"/>
      <c r="AN2002" s="137"/>
      <c r="AO2002" s="137"/>
      <c r="AP2002" s="137"/>
      <c r="AQ2002" s="137"/>
      <c r="AR2002" s="137"/>
      <c r="AS2002" s="137"/>
      <c r="AT2002" s="137"/>
      <c r="AU2002" s="137"/>
      <c r="AV2002" s="137"/>
      <c r="AW2002" s="144"/>
    </row>
    <row r="2003" spans="2:49" x14ac:dyDescent="0.2">
      <c r="B2003" s="97"/>
      <c r="G2003" s="43"/>
      <c r="J2003" s="98"/>
      <c r="K2003" s="97"/>
      <c r="N2003" s="3"/>
      <c r="W2003" s="98"/>
      <c r="Z2003" s="143"/>
      <c r="AA2003" s="137"/>
      <c r="AB2003" s="137"/>
      <c r="AC2003" s="137"/>
      <c r="AD2003" s="137"/>
      <c r="AE2003" s="137"/>
      <c r="AF2003" s="137"/>
      <c r="AG2003" s="137"/>
      <c r="AH2003" s="137"/>
      <c r="AI2003" s="137"/>
      <c r="AJ2003" s="137"/>
      <c r="AK2003" s="206"/>
      <c r="AL2003" s="206"/>
      <c r="AM2003" s="143"/>
      <c r="AN2003" s="137"/>
      <c r="AO2003" s="137"/>
      <c r="AP2003" s="137"/>
      <c r="AQ2003" s="137"/>
      <c r="AR2003" s="137"/>
      <c r="AS2003" s="137"/>
      <c r="AT2003" s="137"/>
      <c r="AU2003" s="137"/>
      <c r="AV2003" s="137"/>
      <c r="AW2003" s="144"/>
    </row>
    <row r="2004" spans="2:49" x14ac:dyDescent="0.2">
      <c r="B2004" s="97"/>
      <c r="G2004" s="43"/>
      <c r="J2004" s="98"/>
      <c r="K2004" s="97"/>
      <c r="N2004" s="3"/>
      <c r="W2004" s="98"/>
      <c r="Z2004" s="143"/>
      <c r="AA2004" s="137"/>
      <c r="AB2004" s="137"/>
      <c r="AC2004" s="137"/>
      <c r="AD2004" s="137"/>
      <c r="AE2004" s="137"/>
      <c r="AF2004" s="137"/>
      <c r="AG2004" s="137"/>
      <c r="AH2004" s="137"/>
      <c r="AI2004" s="137"/>
      <c r="AJ2004" s="137"/>
      <c r="AK2004" s="206"/>
      <c r="AL2004" s="206"/>
      <c r="AM2004" s="143"/>
      <c r="AN2004" s="137"/>
      <c r="AO2004" s="137"/>
      <c r="AP2004" s="137"/>
      <c r="AQ2004" s="137"/>
      <c r="AR2004" s="137"/>
      <c r="AS2004" s="137"/>
      <c r="AT2004" s="137"/>
      <c r="AU2004" s="137"/>
      <c r="AV2004" s="137"/>
      <c r="AW2004" s="144"/>
    </row>
    <row r="2005" spans="2:49" x14ac:dyDescent="0.2">
      <c r="B2005" s="97"/>
      <c r="G2005" s="43"/>
      <c r="J2005" s="98"/>
      <c r="K2005" s="97"/>
      <c r="N2005" s="3"/>
      <c r="W2005" s="98"/>
      <c r="Z2005" s="143"/>
      <c r="AA2005" s="137"/>
      <c r="AB2005" s="137"/>
      <c r="AC2005" s="137"/>
      <c r="AD2005" s="137"/>
      <c r="AE2005" s="137"/>
      <c r="AF2005" s="137"/>
      <c r="AG2005" s="137"/>
      <c r="AH2005" s="137"/>
      <c r="AI2005" s="137"/>
      <c r="AJ2005" s="137"/>
      <c r="AK2005" s="206"/>
      <c r="AL2005" s="206"/>
      <c r="AM2005" s="143"/>
      <c r="AN2005" s="137"/>
      <c r="AO2005" s="137"/>
      <c r="AP2005" s="137"/>
      <c r="AQ2005" s="137"/>
      <c r="AR2005" s="137"/>
      <c r="AS2005" s="137"/>
      <c r="AT2005" s="137"/>
      <c r="AU2005" s="137"/>
      <c r="AV2005" s="137"/>
      <c r="AW2005" s="144"/>
    </row>
    <row r="2006" spans="2:49" x14ac:dyDescent="0.2">
      <c r="B2006" s="97"/>
      <c r="G2006" s="43"/>
      <c r="J2006" s="98"/>
      <c r="K2006" s="97"/>
      <c r="N2006" s="3"/>
      <c r="W2006" s="98"/>
      <c r="Z2006" s="143"/>
      <c r="AA2006" s="137"/>
      <c r="AB2006" s="137"/>
      <c r="AC2006" s="137"/>
      <c r="AD2006" s="137"/>
      <c r="AE2006" s="137"/>
      <c r="AF2006" s="137"/>
      <c r="AG2006" s="137"/>
      <c r="AH2006" s="137"/>
      <c r="AI2006" s="137"/>
      <c r="AJ2006" s="137"/>
      <c r="AK2006" s="206"/>
      <c r="AL2006" s="206"/>
      <c r="AM2006" s="143"/>
      <c r="AN2006" s="137"/>
      <c r="AO2006" s="137"/>
      <c r="AP2006" s="137"/>
      <c r="AQ2006" s="137"/>
      <c r="AR2006" s="137"/>
      <c r="AS2006" s="137"/>
      <c r="AT2006" s="137"/>
      <c r="AU2006" s="137"/>
      <c r="AV2006" s="137"/>
      <c r="AW2006" s="144"/>
    </row>
    <row r="2007" spans="2:49" x14ac:dyDescent="0.2">
      <c r="B2007" s="97"/>
      <c r="G2007" s="43"/>
      <c r="J2007" s="98"/>
      <c r="K2007" s="97"/>
      <c r="N2007" s="3"/>
      <c r="W2007" s="98"/>
      <c r="Z2007" s="143"/>
      <c r="AA2007" s="137"/>
      <c r="AB2007" s="137"/>
      <c r="AC2007" s="137"/>
      <c r="AD2007" s="137"/>
      <c r="AE2007" s="137"/>
      <c r="AF2007" s="137"/>
      <c r="AG2007" s="137"/>
      <c r="AH2007" s="137"/>
      <c r="AI2007" s="137"/>
      <c r="AJ2007" s="137"/>
      <c r="AK2007" s="206"/>
      <c r="AL2007" s="206"/>
      <c r="AM2007" s="143"/>
      <c r="AN2007" s="137"/>
      <c r="AO2007" s="137"/>
      <c r="AP2007" s="137"/>
      <c r="AQ2007" s="137"/>
      <c r="AR2007" s="137"/>
      <c r="AS2007" s="137"/>
      <c r="AT2007" s="137"/>
      <c r="AU2007" s="137"/>
      <c r="AV2007" s="137"/>
      <c r="AW2007" s="144"/>
    </row>
    <row r="2008" spans="2:49" x14ac:dyDescent="0.2">
      <c r="B2008" s="97"/>
      <c r="G2008" s="43"/>
      <c r="J2008" s="98"/>
      <c r="K2008" s="97"/>
      <c r="N2008" s="3"/>
      <c r="W2008" s="98"/>
      <c r="Z2008" s="143"/>
      <c r="AA2008" s="137"/>
      <c r="AB2008" s="137"/>
      <c r="AC2008" s="137"/>
      <c r="AD2008" s="137"/>
      <c r="AE2008" s="137"/>
      <c r="AF2008" s="137"/>
      <c r="AG2008" s="137"/>
      <c r="AH2008" s="137"/>
      <c r="AI2008" s="137"/>
      <c r="AJ2008" s="137"/>
      <c r="AK2008" s="206"/>
      <c r="AL2008" s="206"/>
      <c r="AM2008" s="143"/>
      <c r="AN2008" s="137"/>
      <c r="AO2008" s="137"/>
      <c r="AP2008" s="137"/>
      <c r="AQ2008" s="137"/>
      <c r="AR2008" s="137"/>
      <c r="AS2008" s="137"/>
      <c r="AT2008" s="137"/>
      <c r="AU2008" s="137"/>
      <c r="AV2008" s="137"/>
      <c r="AW2008" s="144"/>
    </row>
    <row r="2009" spans="2:49" x14ac:dyDescent="0.2">
      <c r="B2009" s="97"/>
      <c r="G2009" s="43"/>
      <c r="J2009" s="98"/>
      <c r="K2009" s="97"/>
      <c r="N2009" s="3"/>
      <c r="W2009" s="98"/>
      <c r="Z2009" s="143"/>
      <c r="AA2009" s="137"/>
      <c r="AB2009" s="137"/>
      <c r="AC2009" s="137"/>
      <c r="AD2009" s="137"/>
      <c r="AE2009" s="137"/>
      <c r="AF2009" s="137"/>
      <c r="AG2009" s="137"/>
      <c r="AH2009" s="137"/>
      <c r="AI2009" s="137"/>
      <c r="AJ2009" s="137"/>
      <c r="AK2009" s="206"/>
      <c r="AL2009" s="206"/>
      <c r="AM2009" s="143"/>
      <c r="AN2009" s="137"/>
      <c r="AO2009" s="137"/>
      <c r="AP2009" s="137"/>
      <c r="AQ2009" s="137"/>
      <c r="AR2009" s="137"/>
      <c r="AS2009" s="137"/>
      <c r="AT2009" s="137"/>
      <c r="AU2009" s="137"/>
      <c r="AV2009" s="137"/>
      <c r="AW2009" s="144"/>
    </row>
    <row r="2010" spans="2:49" x14ac:dyDescent="0.2">
      <c r="B2010" s="97"/>
      <c r="G2010" s="43"/>
      <c r="J2010" s="98"/>
      <c r="K2010" s="97"/>
      <c r="N2010" s="3"/>
      <c r="W2010" s="98"/>
      <c r="Z2010" s="143"/>
      <c r="AA2010" s="137"/>
      <c r="AB2010" s="137"/>
      <c r="AC2010" s="137"/>
      <c r="AD2010" s="137"/>
      <c r="AE2010" s="137"/>
      <c r="AF2010" s="137"/>
      <c r="AG2010" s="137"/>
      <c r="AH2010" s="137"/>
      <c r="AI2010" s="137"/>
      <c r="AJ2010" s="137"/>
      <c r="AK2010" s="206"/>
      <c r="AL2010" s="206"/>
      <c r="AM2010" s="143"/>
      <c r="AN2010" s="137"/>
      <c r="AO2010" s="137"/>
      <c r="AP2010" s="137"/>
      <c r="AQ2010" s="137"/>
      <c r="AR2010" s="137"/>
      <c r="AS2010" s="137"/>
      <c r="AT2010" s="137"/>
      <c r="AU2010" s="137"/>
      <c r="AV2010" s="137"/>
      <c r="AW2010" s="144"/>
    </row>
    <row r="2011" spans="2:49" x14ac:dyDescent="0.2">
      <c r="B2011" s="97"/>
      <c r="G2011" s="43"/>
      <c r="J2011" s="98"/>
      <c r="K2011" s="97"/>
      <c r="N2011" s="3"/>
      <c r="W2011" s="98"/>
      <c r="Z2011" s="143"/>
      <c r="AA2011" s="137"/>
      <c r="AB2011" s="137"/>
      <c r="AC2011" s="137"/>
      <c r="AD2011" s="137"/>
      <c r="AE2011" s="137"/>
      <c r="AF2011" s="137"/>
      <c r="AG2011" s="137"/>
      <c r="AH2011" s="137"/>
      <c r="AI2011" s="137"/>
      <c r="AJ2011" s="137"/>
      <c r="AK2011" s="206"/>
      <c r="AL2011" s="206"/>
      <c r="AM2011" s="143"/>
      <c r="AN2011" s="137"/>
      <c r="AO2011" s="137"/>
      <c r="AP2011" s="137"/>
      <c r="AQ2011" s="137"/>
      <c r="AR2011" s="137"/>
      <c r="AS2011" s="137"/>
      <c r="AT2011" s="137"/>
      <c r="AU2011" s="137"/>
      <c r="AV2011" s="137"/>
      <c r="AW2011" s="144"/>
    </row>
    <row r="2012" spans="2:49" x14ac:dyDescent="0.2">
      <c r="B2012" s="97"/>
      <c r="G2012" s="43"/>
      <c r="J2012" s="98"/>
      <c r="K2012" s="97"/>
      <c r="N2012" s="3"/>
      <c r="W2012" s="98"/>
      <c r="Z2012" s="143"/>
      <c r="AA2012" s="137"/>
      <c r="AB2012" s="137"/>
      <c r="AC2012" s="137"/>
      <c r="AD2012" s="137"/>
      <c r="AE2012" s="137"/>
      <c r="AF2012" s="137"/>
      <c r="AG2012" s="137"/>
      <c r="AH2012" s="137"/>
      <c r="AI2012" s="137"/>
      <c r="AJ2012" s="137"/>
      <c r="AK2012" s="206"/>
      <c r="AL2012" s="206"/>
      <c r="AM2012" s="143"/>
      <c r="AN2012" s="137"/>
      <c r="AO2012" s="137"/>
      <c r="AP2012" s="137"/>
      <c r="AQ2012" s="137"/>
      <c r="AR2012" s="137"/>
      <c r="AS2012" s="137"/>
      <c r="AT2012" s="137"/>
      <c r="AU2012" s="137"/>
      <c r="AV2012" s="137"/>
      <c r="AW2012" s="144"/>
    </row>
    <row r="2013" spans="2:49" x14ac:dyDescent="0.2">
      <c r="B2013" s="97"/>
      <c r="G2013" s="43"/>
      <c r="J2013" s="98"/>
      <c r="K2013" s="97"/>
      <c r="N2013" s="3"/>
      <c r="W2013" s="98"/>
      <c r="Z2013" s="143"/>
      <c r="AA2013" s="137"/>
      <c r="AB2013" s="137"/>
      <c r="AC2013" s="137"/>
      <c r="AD2013" s="137"/>
      <c r="AE2013" s="137"/>
      <c r="AF2013" s="137"/>
      <c r="AG2013" s="137"/>
      <c r="AH2013" s="137"/>
      <c r="AI2013" s="137"/>
      <c r="AJ2013" s="137"/>
      <c r="AK2013" s="206"/>
      <c r="AL2013" s="206"/>
      <c r="AM2013" s="143"/>
      <c r="AN2013" s="137"/>
      <c r="AO2013" s="137"/>
      <c r="AP2013" s="137"/>
      <c r="AQ2013" s="137"/>
      <c r="AR2013" s="137"/>
      <c r="AS2013" s="137"/>
      <c r="AT2013" s="137"/>
      <c r="AU2013" s="137"/>
      <c r="AV2013" s="137"/>
      <c r="AW2013" s="144"/>
    </row>
    <row r="2014" spans="2:49" x14ac:dyDescent="0.2">
      <c r="B2014" s="97"/>
      <c r="G2014" s="43"/>
      <c r="J2014" s="98"/>
      <c r="K2014" s="97"/>
      <c r="N2014" s="3"/>
      <c r="W2014" s="98"/>
      <c r="Z2014" s="143"/>
      <c r="AA2014" s="137"/>
      <c r="AB2014" s="137"/>
      <c r="AC2014" s="137"/>
      <c r="AD2014" s="137"/>
      <c r="AE2014" s="137"/>
      <c r="AF2014" s="137"/>
      <c r="AG2014" s="137"/>
      <c r="AH2014" s="137"/>
      <c r="AI2014" s="137"/>
      <c r="AJ2014" s="137"/>
      <c r="AK2014" s="206"/>
      <c r="AL2014" s="206"/>
      <c r="AM2014" s="143"/>
      <c r="AN2014" s="137"/>
      <c r="AO2014" s="137"/>
      <c r="AP2014" s="137"/>
      <c r="AQ2014" s="137"/>
      <c r="AR2014" s="137"/>
      <c r="AS2014" s="137"/>
      <c r="AT2014" s="137"/>
      <c r="AU2014" s="137"/>
      <c r="AV2014" s="137"/>
      <c r="AW2014" s="144"/>
    </row>
    <row r="2015" spans="2:49" x14ac:dyDescent="0.2">
      <c r="B2015" s="97"/>
      <c r="G2015" s="43"/>
      <c r="J2015" s="98"/>
      <c r="K2015" s="97"/>
      <c r="N2015" s="3"/>
      <c r="W2015" s="98"/>
      <c r="Z2015" s="143"/>
      <c r="AA2015" s="137"/>
      <c r="AB2015" s="137"/>
      <c r="AC2015" s="137"/>
      <c r="AD2015" s="137"/>
      <c r="AE2015" s="137"/>
      <c r="AF2015" s="137"/>
      <c r="AG2015" s="137"/>
      <c r="AH2015" s="137"/>
      <c r="AI2015" s="137"/>
      <c r="AJ2015" s="137"/>
      <c r="AK2015" s="206"/>
      <c r="AL2015" s="206"/>
      <c r="AM2015" s="143"/>
      <c r="AN2015" s="137"/>
      <c r="AO2015" s="137"/>
      <c r="AP2015" s="137"/>
      <c r="AQ2015" s="137"/>
      <c r="AR2015" s="137"/>
      <c r="AS2015" s="137"/>
      <c r="AT2015" s="137"/>
      <c r="AU2015" s="137"/>
      <c r="AV2015" s="137"/>
      <c r="AW2015" s="144"/>
    </row>
    <row r="2016" spans="2:49" x14ac:dyDescent="0.2">
      <c r="B2016" s="97"/>
      <c r="G2016" s="43"/>
      <c r="J2016" s="98"/>
      <c r="K2016" s="97"/>
      <c r="N2016" s="3"/>
      <c r="W2016" s="98"/>
      <c r="Z2016" s="143"/>
      <c r="AA2016" s="137"/>
      <c r="AB2016" s="137"/>
      <c r="AC2016" s="137"/>
      <c r="AD2016" s="137"/>
      <c r="AE2016" s="137"/>
      <c r="AF2016" s="137"/>
      <c r="AG2016" s="137"/>
      <c r="AH2016" s="137"/>
      <c r="AI2016" s="137"/>
      <c r="AJ2016" s="137"/>
      <c r="AK2016" s="206"/>
      <c r="AL2016" s="206"/>
      <c r="AM2016" s="143"/>
      <c r="AN2016" s="137"/>
      <c r="AO2016" s="137"/>
      <c r="AP2016" s="137"/>
      <c r="AQ2016" s="137"/>
      <c r="AR2016" s="137"/>
      <c r="AS2016" s="137"/>
      <c r="AT2016" s="137"/>
      <c r="AU2016" s="137"/>
      <c r="AV2016" s="137"/>
      <c r="AW2016" s="144"/>
    </row>
    <row r="2017" spans="2:49" x14ac:dyDescent="0.2">
      <c r="B2017" s="97"/>
      <c r="G2017" s="43"/>
      <c r="J2017" s="98"/>
      <c r="K2017" s="97"/>
      <c r="N2017" s="3"/>
      <c r="W2017" s="98"/>
      <c r="Z2017" s="143"/>
      <c r="AA2017" s="137"/>
      <c r="AB2017" s="137"/>
      <c r="AC2017" s="137"/>
      <c r="AD2017" s="137"/>
      <c r="AE2017" s="137"/>
      <c r="AF2017" s="137"/>
      <c r="AG2017" s="137"/>
      <c r="AH2017" s="137"/>
      <c r="AI2017" s="137"/>
      <c r="AJ2017" s="137"/>
      <c r="AK2017" s="206"/>
      <c r="AL2017" s="206"/>
      <c r="AM2017" s="143"/>
      <c r="AN2017" s="137"/>
      <c r="AO2017" s="137"/>
      <c r="AP2017" s="137"/>
      <c r="AQ2017" s="137"/>
      <c r="AR2017" s="137"/>
      <c r="AS2017" s="137"/>
      <c r="AT2017" s="137"/>
      <c r="AU2017" s="137"/>
      <c r="AV2017" s="137"/>
      <c r="AW2017" s="144"/>
    </row>
    <row r="2018" spans="2:49" x14ac:dyDescent="0.2">
      <c r="B2018" s="97"/>
      <c r="G2018" s="43"/>
      <c r="J2018" s="98"/>
      <c r="K2018" s="97"/>
      <c r="N2018" s="3"/>
      <c r="W2018" s="98"/>
      <c r="Z2018" s="143"/>
      <c r="AA2018" s="137"/>
      <c r="AB2018" s="137"/>
      <c r="AC2018" s="137"/>
      <c r="AD2018" s="137"/>
      <c r="AE2018" s="137"/>
      <c r="AF2018" s="137"/>
      <c r="AG2018" s="137"/>
      <c r="AH2018" s="137"/>
      <c r="AI2018" s="137"/>
      <c r="AJ2018" s="137"/>
      <c r="AK2018" s="206"/>
      <c r="AL2018" s="206"/>
      <c r="AM2018" s="143"/>
      <c r="AN2018" s="137"/>
      <c r="AO2018" s="137"/>
      <c r="AP2018" s="137"/>
      <c r="AQ2018" s="137"/>
      <c r="AR2018" s="137"/>
      <c r="AS2018" s="137"/>
      <c r="AT2018" s="137"/>
      <c r="AU2018" s="137"/>
      <c r="AV2018" s="137"/>
      <c r="AW2018" s="144"/>
    </row>
    <row r="2019" spans="2:49" x14ac:dyDescent="0.2">
      <c r="B2019" s="97"/>
      <c r="G2019" s="43"/>
      <c r="J2019" s="98"/>
      <c r="K2019" s="97"/>
      <c r="N2019" s="3"/>
      <c r="W2019" s="98"/>
      <c r="Z2019" s="143"/>
      <c r="AA2019" s="137"/>
      <c r="AB2019" s="137"/>
      <c r="AC2019" s="137"/>
      <c r="AD2019" s="137"/>
      <c r="AE2019" s="137"/>
      <c r="AF2019" s="137"/>
      <c r="AG2019" s="137"/>
      <c r="AH2019" s="137"/>
      <c r="AI2019" s="137"/>
      <c r="AJ2019" s="137"/>
      <c r="AK2019" s="206"/>
      <c r="AL2019" s="206"/>
      <c r="AM2019" s="143"/>
      <c r="AN2019" s="137"/>
      <c r="AO2019" s="137"/>
      <c r="AP2019" s="137"/>
      <c r="AQ2019" s="137"/>
      <c r="AR2019" s="137"/>
      <c r="AS2019" s="137"/>
      <c r="AT2019" s="137"/>
      <c r="AU2019" s="137"/>
      <c r="AV2019" s="137"/>
      <c r="AW2019" s="144"/>
    </row>
    <row r="2020" spans="2:49" x14ac:dyDescent="0.2">
      <c r="B2020" s="97"/>
      <c r="G2020" s="43"/>
      <c r="J2020" s="98"/>
      <c r="K2020" s="97"/>
      <c r="N2020" s="3"/>
      <c r="W2020" s="98"/>
      <c r="Z2020" s="143"/>
      <c r="AA2020" s="137"/>
      <c r="AB2020" s="137"/>
      <c r="AC2020" s="137"/>
      <c r="AD2020" s="137"/>
      <c r="AE2020" s="137"/>
      <c r="AF2020" s="137"/>
      <c r="AG2020" s="137"/>
      <c r="AH2020" s="137"/>
      <c r="AI2020" s="137"/>
      <c r="AJ2020" s="137"/>
      <c r="AK2020" s="206"/>
      <c r="AL2020" s="206"/>
      <c r="AM2020" s="143"/>
      <c r="AN2020" s="137"/>
      <c r="AO2020" s="137"/>
      <c r="AP2020" s="137"/>
      <c r="AQ2020" s="137"/>
      <c r="AR2020" s="137"/>
      <c r="AS2020" s="137"/>
      <c r="AT2020" s="137"/>
      <c r="AU2020" s="137"/>
      <c r="AV2020" s="137"/>
      <c r="AW2020" s="144"/>
    </row>
    <row r="2021" spans="2:49" x14ac:dyDescent="0.2">
      <c r="B2021" s="97"/>
      <c r="G2021" s="43"/>
      <c r="J2021" s="98"/>
      <c r="K2021" s="97"/>
      <c r="N2021" s="3"/>
      <c r="W2021" s="98"/>
      <c r="Z2021" s="143"/>
      <c r="AA2021" s="137"/>
      <c r="AB2021" s="137"/>
      <c r="AC2021" s="137"/>
      <c r="AD2021" s="137"/>
      <c r="AE2021" s="137"/>
      <c r="AF2021" s="137"/>
      <c r="AG2021" s="137"/>
      <c r="AH2021" s="137"/>
      <c r="AI2021" s="137"/>
      <c r="AJ2021" s="137"/>
      <c r="AK2021" s="206"/>
      <c r="AL2021" s="206"/>
      <c r="AM2021" s="143"/>
      <c r="AN2021" s="137"/>
      <c r="AO2021" s="137"/>
      <c r="AP2021" s="137"/>
      <c r="AQ2021" s="137"/>
      <c r="AR2021" s="137"/>
      <c r="AS2021" s="137"/>
      <c r="AT2021" s="137"/>
      <c r="AU2021" s="137"/>
      <c r="AV2021" s="137"/>
      <c r="AW2021" s="144"/>
    </row>
    <row r="2022" spans="2:49" x14ac:dyDescent="0.2">
      <c r="B2022" s="97"/>
      <c r="G2022" s="43"/>
      <c r="J2022" s="98"/>
      <c r="K2022" s="97"/>
      <c r="N2022" s="3"/>
      <c r="W2022" s="98"/>
      <c r="Z2022" s="143"/>
      <c r="AA2022" s="137"/>
      <c r="AB2022" s="137"/>
      <c r="AC2022" s="137"/>
      <c r="AD2022" s="137"/>
      <c r="AE2022" s="137"/>
      <c r="AF2022" s="137"/>
      <c r="AG2022" s="137"/>
      <c r="AH2022" s="137"/>
      <c r="AI2022" s="137"/>
      <c r="AJ2022" s="137"/>
      <c r="AK2022" s="206"/>
      <c r="AL2022" s="206"/>
      <c r="AM2022" s="143"/>
      <c r="AN2022" s="137"/>
      <c r="AO2022" s="137"/>
      <c r="AP2022" s="137"/>
      <c r="AQ2022" s="137"/>
      <c r="AR2022" s="137"/>
      <c r="AS2022" s="137"/>
      <c r="AT2022" s="137"/>
      <c r="AU2022" s="137"/>
      <c r="AV2022" s="137"/>
      <c r="AW2022" s="144"/>
    </row>
    <row r="2023" spans="2:49" x14ac:dyDescent="0.2">
      <c r="B2023" s="97"/>
      <c r="G2023" s="43"/>
      <c r="J2023" s="98"/>
      <c r="K2023" s="97"/>
      <c r="N2023" s="3"/>
      <c r="W2023" s="98"/>
      <c r="Z2023" s="143"/>
      <c r="AA2023" s="137"/>
      <c r="AB2023" s="137"/>
      <c r="AC2023" s="137"/>
      <c r="AD2023" s="137"/>
      <c r="AE2023" s="137"/>
      <c r="AF2023" s="137"/>
      <c r="AG2023" s="137"/>
      <c r="AH2023" s="137"/>
      <c r="AI2023" s="137"/>
      <c r="AJ2023" s="137"/>
      <c r="AK2023" s="206"/>
      <c r="AL2023" s="206"/>
      <c r="AM2023" s="143"/>
      <c r="AN2023" s="137"/>
      <c r="AO2023" s="137"/>
      <c r="AP2023" s="137"/>
      <c r="AQ2023" s="137"/>
      <c r="AR2023" s="137"/>
      <c r="AS2023" s="137"/>
      <c r="AT2023" s="137"/>
      <c r="AU2023" s="137"/>
      <c r="AV2023" s="137"/>
      <c r="AW2023" s="144"/>
    </row>
    <row r="2024" spans="2:49" x14ac:dyDescent="0.2">
      <c r="B2024" s="97"/>
      <c r="G2024" s="43"/>
      <c r="J2024" s="98"/>
      <c r="K2024" s="97"/>
      <c r="N2024" s="3"/>
      <c r="W2024" s="98"/>
      <c r="Z2024" s="143"/>
      <c r="AA2024" s="137"/>
      <c r="AB2024" s="137"/>
      <c r="AC2024" s="137"/>
      <c r="AD2024" s="137"/>
      <c r="AE2024" s="137"/>
      <c r="AF2024" s="137"/>
      <c r="AG2024" s="137"/>
      <c r="AH2024" s="137"/>
      <c r="AI2024" s="137"/>
      <c r="AJ2024" s="137"/>
      <c r="AK2024" s="206"/>
      <c r="AL2024" s="206"/>
      <c r="AM2024" s="143"/>
      <c r="AN2024" s="137"/>
      <c r="AO2024" s="137"/>
      <c r="AP2024" s="137"/>
      <c r="AQ2024" s="137"/>
      <c r="AR2024" s="137"/>
      <c r="AS2024" s="137"/>
      <c r="AT2024" s="137"/>
      <c r="AU2024" s="137"/>
      <c r="AV2024" s="137"/>
      <c r="AW2024" s="144"/>
    </row>
    <row r="2025" spans="2:49" x14ac:dyDescent="0.2">
      <c r="B2025" s="97"/>
      <c r="G2025" s="43"/>
      <c r="J2025" s="98"/>
      <c r="K2025" s="97"/>
      <c r="N2025" s="3"/>
      <c r="W2025" s="98"/>
      <c r="Z2025" s="143"/>
      <c r="AA2025" s="137"/>
      <c r="AB2025" s="137"/>
      <c r="AC2025" s="137"/>
      <c r="AD2025" s="137"/>
      <c r="AE2025" s="137"/>
      <c r="AF2025" s="137"/>
      <c r="AG2025" s="137"/>
      <c r="AH2025" s="137"/>
      <c r="AI2025" s="137"/>
      <c r="AJ2025" s="137"/>
      <c r="AK2025" s="206"/>
      <c r="AL2025" s="206"/>
      <c r="AM2025" s="143"/>
      <c r="AN2025" s="137"/>
      <c r="AO2025" s="137"/>
      <c r="AP2025" s="137"/>
      <c r="AQ2025" s="137"/>
      <c r="AR2025" s="137"/>
      <c r="AS2025" s="137"/>
      <c r="AT2025" s="137"/>
      <c r="AU2025" s="137"/>
      <c r="AV2025" s="137"/>
      <c r="AW2025" s="144"/>
    </row>
    <row r="2026" spans="2:49" x14ac:dyDescent="0.2">
      <c r="B2026" s="97"/>
      <c r="G2026" s="43"/>
      <c r="J2026" s="98"/>
      <c r="K2026" s="97"/>
      <c r="N2026" s="3"/>
      <c r="W2026" s="98"/>
      <c r="Z2026" s="143"/>
      <c r="AA2026" s="137"/>
      <c r="AB2026" s="137"/>
      <c r="AC2026" s="137"/>
      <c r="AD2026" s="137"/>
      <c r="AE2026" s="137"/>
      <c r="AF2026" s="137"/>
      <c r="AG2026" s="137"/>
      <c r="AH2026" s="137"/>
      <c r="AI2026" s="137"/>
      <c r="AJ2026" s="137"/>
      <c r="AK2026" s="206"/>
      <c r="AL2026" s="206"/>
      <c r="AM2026" s="143"/>
      <c r="AN2026" s="137"/>
      <c r="AO2026" s="137"/>
      <c r="AP2026" s="137"/>
      <c r="AQ2026" s="137"/>
      <c r="AR2026" s="137"/>
      <c r="AS2026" s="137"/>
      <c r="AT2026" s="137"/>
      <c r="AU2026" s="137"/>
      <c r="AV2026" s="137"/>
      <c r="AW2026" s="144"/>
    </row>
    <row r="2027" spans="2:49" x14ac:dyDescent="0.2">
      <c r="B2027" s="97"/>
      <c r="G2027" s="43"/>
      <c r="J2027" s="98"/>
      <c r="K2027" s="97"/>
      <c r="N2027" s="3"/>
      <c r="W2027" s="98"/>
      <c r="Z2027" s="143"/>
      <c r="AA2027" s="137"/>
      <c r="AB2027" s="137"/>
      <c r="AC2027" s="137"/>
      <c r="AD2027" s="137"/>
      <c r="AE2027" s="137"/>
      <c r="AF2027" s="137"/>
      <c r="AG2027" s="137"/>
      <c r="AH2027" s="137"/>
      <c r="AI2027" s="137"/>
      <c r="AJ2027" s="137"/>
      <c r="AK2027" s="206"/>
      <c r="AL2027" s="206"/>
      <c r="AM2027" s="143"/>
      <c r="AN2027" s="137"/>
      <c r="AO2027" s="137"/>
      <c r="AP2027" s="137"/>
      <c r="AQ2027" s="137"/>
      <c r="AR2027" s="137"/>
      <c r="AS2027" s="137"/>
      <c r="AT2027" s="137"/>
      <c r="AU2027" s="137"/>
      <c r="AV2027" s="137"/>
      <c r="AW2027" s="144"/>
    </row>
    <row r="2028" spans="2:49" x14ac:dyDescent="0.2">
      <c r="B2028" s="97"/>
      <c r="G2028" s="43"/>
      <c r="J2028" s="98"/>
      <c r="K2028" s="97"/>
      <c r="N2028" s="3"/>
      <c r="W2028" s="98"/>
      <c r="Z2028" s="143"/>
      <c r="AA2028" s="137"/>
      <c r="AB2028" s="137"/>
      <c r="AC2028" s="137"/>
      <c r="AD2028" s="137"/>
      <c r="AE2028" s="137"/>
      <c r="AF2028" s="137"/>
      <c r="AG2028" s="137"/>
      <c r="AH2028" s="137"/>
      <c r="AI2028" s="137"/>
      <c r="AJ2028" s="137"/>
      <c r="AK2028" s="206"/>
      <c r="AL2028" s="206"/>
      <c r="AM2028" s="143"/>
      <c r="AN2028" s="137"/>
      <c r="AO2028" s="137"/>
      <c r="AP2028" s="137"/>
      <c r="AQ2028" s="137"/>
      <c r="AR2028" s="137"/>
      <c r="AS2028" s="137"/>
      <c r="AT2028" s="137"/>
      <c r="AU2028" s="137"/>
      <c r="AV2028" s="137"/>
      <c r="AW2028" s="144"/>
    </row>
    <row r="2029" spans="2:49" x14ac:dyDescent="0.2">
      <c r="B2029" s="97"/>
      <c r="G2029" s="43"/>
      <c r="J2029" s="98"/>
      <c r="K2029" s="97"/>
      <c r="N2029" s="3"/>
      <c r="W2029" s="98"/>
      <c r="Z2029" s="143"/>
      <c r="AA2029" s="137"/>
      <c r="AB2029" s="137"/>
      <c r="AC2029" s="137"/>
      <c r="AD2029" s="137"/>
      <c r="AE2029" s="137"/>
      <c r="AF2029" s="137"/>
      <c r="AG2029" s="137"/>
      <c r="AH2029" s="137"/>
      <c r="AI2029" s="137"/>
      <c r="AJ2029" s="137"/>
      <c r="AK2029" s="206"/>
      <c r="AL2029" s="206"/>
      <c r="AM2029" s="143"/>
      <c r="AN2029" s="137"/>
      <c r="AO2029" s="137"/>
      <c r="AP2029" s="137"/>
      <c r="AQ2029" s="137"/>
      <c r="AR2029" s="137"/>
      <c r="AS2029" s="137"/>
      <c r="AT2029" s="137"/>
      <c r="AU2029" s="137"/>
      <c r="AV2029" s="137"/>
      <c r="AW2029" s="144"/>
    </row>
    <row r="2030" spans="2:49" x14ac:dyDescent="0.2">
      <c r="B2030" s="97"/>
      <c r="G2030" s="43"/>
      <c r="J2030" s="98"/>
      <c r="K2030" s="97"/>
      <c r="N2030" s="3"/>
      <c r="W2030" s="98"/>
      <c r="Z2030" s="143"/>
      <c r="AA2030" s="137"/>
      <c r="AB2030" s="137"/>
      <c r="AC2030" s="137"/>
      <c r="AD2030" s="137"/>
      <c r="AE2030" s="137"/>
      <c r="AF2030" s="137"/>
      <c r="AG2030" s="137"/>
      <c r="AH2030" s="137"/>
      <c r="AI2030" s="137"/>
      <c r="AJ2030" s="137"/>
      <c r="AK2030" s="206"/>
      <c r="AL2030" s="206"/>
      <c r="AM2030" s="143"/>
      <c r="AN2030" s="137"/>
      <c r="AO2030" s="137"/>
      <c r="AP2030" s="137"/>
      <c r="AQ2030" s="137"/>
      <c r="AR2030" s="137"/>
      <c r="AS2030" s="137"/>
      <c r="AT2030" s="137"/>
      <c r="AU2030" s="137"/>
      <c r="AV2030" s="137"/>
      <c r="AW2030" s="144"/>
    </row>
    <row r="2031" spans="2:49" x14ac:dyDescent="0.2">
      <c r="B2031" s="97"/>
      <c r="G2031" s="43"/>
      <c r="J2031" s="98"/>
      <c r="K2031" s="97"/>
      <c r="N2031" s="3"/>
      <c r="W2031" s="98"/>
      <c r="Z2031" s="143"/>
      <c r="AA2031" s="137"/>
      <c r="AB2031" s="137"/>
      <c r="AC2031" s="137"/>
      <c r="AD2031" s="137"/>
      <c r="AE2031" s="137"/>
      <c r="AF2031" s="137"/>
      <c r="AG2031" s="137"/>
      <c r="AH2031" s="137"/>
      <c r="AI2031" s="137"/>
      <c r="AJ2031" s="137"/>
      <c r="AK2031" s="206"/>
      <c r="AL2031" s="206"/>
      <c r="AM2031" s="143"/>
      <c r="AN2031" s="137"/>
      <c r="AO2031" s="137"/>
      <c r="AP2031" s="137"/>
      <c r="AQ2031" s="137"/>
      <c r="AR2031" s="137"/>
      <c r="AS2031" s="137"/>
      <c r="AT2031" s="137"/>
      <c r="AU2031" s="137"/>
      <c r="AV2031" s="137"/>
      <c r="AW2031" s="144"/>
    </row>
    <row r="2032" spans="2:49" x14ac:dyDescent="0.2">
      <c r="B2032" s="97"/>
      <c r="G2032" s="43"/>
      <c r="J2032" s="98"/>
      <c r="K2032" s="97"/>
      <c r="N2032" s="3"/>
      <c r="W2032" s="98"/>
      <c r="Z2032" s="143"/>
      <c r="AA2032" s="137"/>
      <c r="AB2032" s="137"/>
      <c r="AC2032" s="137"/>
      <c r="AD2032" s="137"/>
      <c r="AE2032" s="137"/>
      <c r="AF2032" s="137"/>
      <c r="AG2032" s="137"/>
      <c r="AH2032" s="137"/>
      <c r="AI2032" s="137"/>
      <c r="AJ2032" s="137"/>
      <c r="AK2032" s="206"/>
      <c r="AL2032" s="206"/>
      <c r="AM2032" s="143"/>
      <c r="AN2032" s="137"/>
      <c r="AO2032" s="137"/>
      <c r="AP2032" s="137"/>
      <c r="AQ2032" s="137"/>
      <c r="AR2032" s="137"/>
      <c r="AS2032" s="137"/>
      <c r="AT2032" s="137"/>
      <c r="AU2032" s="137"/>
      <c r="AV2032" s="137"/>
      <c r="AW2032" s="144"/>
    </row>
    <row r="2033" spans="2:49" x14ac:dyDescent="0.2">
      <c r="B2033" s="97"/>
      <c r="G2033" s="43"/>
      <c r="J2033" s="98"/>
      <c r="K2033" s="97"/>
      <c r="N2033" s="3"/>
      <c r="W2033" s="98"/>
      <c r="Z2033" s="143"/>
      <c r="AA2033" s="137"/>
      <c r="AB2033" s="137"/>
      <c r="AC2033" s="137"/>
      <c r="AD2033" s="137"/>
      <c r="AE2033" s="137"/>
      <c r="AF2033" s="137"/>
      <c r="AG2033" s="137"/>
      <c r="AH2033" s="137"/>
      <c r="AI2033" s="137"/>
      <c r="AJ2033" s="137"/>
      <c r="AK2033" s="206"/>
      <c r="AL2033" s="206"/>
      <c r="AM2033" s="143"/>
      <c r="AN2033" s="137"/>
      <c r="AO2033" s="137"/>
      <c r="AP2033" s="137"/>
      <c r="AQ2033" s="137"/>
      <c r="AR2033" s="137"/>
      <c r="AS2033" s="137"/>
      <c r="AT2033" s="137"/>
      <c r="AU2033" s="137"/>
      <c r="AV2033" s="137"/>
      <c r="AW2033" s="144"/>
    </row>
    <row r="2034" spans="2:49" x14ac:dyDescent="0.2">
      <c r="B2034" s="97"/>
      <c r="G2034" s="43"/>
      <c r="J2034" s="98"/>
      <c r="K2034" s="97"/>
      <c r="N2034" s="3"/>
      <c r="W2034" s="98"/>
      <c r="Z2034" s="143"/>
      <c r="AA2034" s="137"/>
      <c r="AB2034" s="137"/>
      <c r="AC2034" s="137"/>
      <c r="AD2034" s="137"/>
      <c r="AE2034" s="137"/>
      <c r="AF2034" s="137"/>
      <c r="AG2034" s="137"/>
      <c r="AH2034" s="137"/>
      <c r="AI2034" s="137"/>
      <c r="AJ2034" s="137"/>
      <c r="AK2034" s="206"/>
      <c r="AL2034" s="206"/>
      <c r="AM2034" s="143"/>
      <c r="AN2034" s="137"/>
      <c r="AO2034" s="137"/>
      <c r="AP2034" s="137"/>
      <c r="AQ2034" s="137"/>
      <c r="AR2034" s="137"/>
      <c r="AS2034" s="137"/>
      <c r="AT2034" s="137"/>
      <c r="AU2034" s="137"/>
      <c r="AV2034" s="137"/>
      <c r="AW2034" s="144"/>
    </row>
    <row r="2035" spans="2:49" x14ac:dyDescent="0.2">
      <c r="B2035" s="97"/>
      <c r="G2035" s="43"/>
      <c r="J2035" s="98"/>
      <c r="K2035" s="97"/>
      <c r="N2035" s="3"/>
      <c r="W2035" s="98"/>
      <c r="Z2035" s="143"/>
      <c r="AA2035" s="137"/>
      <c r="AB2035" s="137"/>
      <c r="AC2035" s="137"/>
      <c r="AD2035" s="137"/>
      <c r="AE2035" s="137"/>
      <c r="AF2035" s="137"/>
      <c r="AG2035" s="137"/>
      <c r="AH2035" s="137"/>
      <c r="AI2035" s="137"/>
      <c r="AJ2035" s="137"/>
      <c r="AK2035" s="206"/>
      <c r="AL2035" s="206"/>
      <c r="AM2035" s="143"/>
      <c r="AN2035" s="137"/>
      <c r="AO2035" s="137"/>
      <c r="AP2035" s="137"/>
      <c r="AQ2035" s="137"/>
      <c r="AR2035" s="137"/>
      <c r="AS2035" s="137"/>
      <c r="AT2035" s="137"/>
      <c r="AU2035" s="137"/>
      <c r="AV2035" s="137"/>
      <c r="AW2035" s="144"/>
    </row>
    <row r="2036" spans="2:49" x14ac:dyDescent="0.2">
      <c r="B2036" s="97"/>
      <c r="G2036" s="43"/>
      <c r="J2036" s="98"/>
      <c r="K2036" s="97"/>
      <c r="N2036" s="3"/>
      <c r="W2036" s="98"/>
      <c r="Z2036" s="143"/>
      <c r="AA2036" s="137"/>
      <c r="AB2036" s="137"/>
      <c r="AC2036" s="137"/>
      <c r="AD2036" s="137"/>
      <c r="AE2036" s="137"/>
      <c r="AF2036" s="137"/>
      <c r="AG2036" s="137"/>
      <c r="AH2036" s="137"/>
      <c r="AI2036" s="137"/>
      <c r="AJ2036" s="137"/>
      <c r="AK2036" s="206"/>
      <c r="AL2036" s="206"/>
      <c r="AM2036" s="143"/>
      <c r="AN2036" s="137"/>
      <c r="AO2036" s="137"/>
      <c r="AP2036" s="137"/>
      <c r="AQ2036" s="137"/>
      <c r="AR2036" s="137"/>
      <c r="AS2036" s="137"/>
      <c r="AT2036" s="137"/>
      <c r="AU2036" s="137"/>
      <c r="AV2036" s="137"/>
      <c r="AW2036" s="144"/>
    </row>
    <row r="2037" spans="2:49" x14ac:dyDescent="0.2">
      <c r="B2037" s="97"/>
      <c r="G2037" s="43"/>
      <c r="J2037" s="98"/>
      <c r="K2037" s="97"/>
      <c r="N2037" s="3"/>
      <c r="W2037" s="98"/>
      <c r="Z2037" s="143"/>
      <c r="AA2037" s="137"/>
      <c r="AB2037" s="137"/>
      <c r="AC2037" s="137"/>
      <c r="AD2037" s="137"/>
      <c r="AE2037" s="137"/>
      <c r="AF2037" s="137"/>
      <c r="AG2037" s="137"/>
      <c r="AH2037" s="137"/>
      <c r="AI2037" s="137"/>
      <c r="AJ2037" s="137"/>
      <c r="AK2037" s="206"/>
      <c r="AL2037" s="206"/>
      <c r="AM2037" s="143"/>
      <c r="AN2037" s="137"/>
      <c r="AO2037" s="137"/>
      <c r="AP2037" s="137"/>
      <c r="AQ2037" s="137"/>
      <c r="AR2037" s="137"/>
      <c r="AS2037" s="137"/>
      <c r="AT2037" s="137"/>
      <c r="AU2037" s="137"/>
      <c r="AV2037" s="137"/>
      <c r="AW2037" s="144"/>
    </row>
    <row r="2038" spans="2:49" x14ac:dyDescent="0.2">
      <c r="B2038" s="97"/>
      <c r="G2038" s="43"/>
      <c r="J2038" s="98"/>
      <c r="K2038" s="97"/>
      <c r="N2038" s="3"/>
      <c r="W2038" s="98"/>
      <c r="Z2038" s="143"/>
      <c r="AA2038" s="137"/>
      <c r="AB2038" s="137"/>
      <c r="AC2038" s="137"/>
      <c r="AD2038" s="137"/>
      <c r="AE2038" s="137"/>
      <c r="AF2038" s="137"/>
      <c r="AG2038" s="137"/>
      <c r="AH2038" s="137"/>
      <c r="AI2038" s="137"/>
      <c r="AJ2038" s="137"/>
      <c r="AK2038" s="206"/>
      <c r="AL2038" s="206"/>
      <c r="AM2038" s="143"/>
      <c r="AN2038" s="137"/>
      <c r="AO2038" s="137"/>
      <c r="AP2038" s="137"/>
      <c r="AQ2038" s="137"/>
      <c r="AR2038" s="137"/>
      <c r="AS2038" s="137"/>
      <c r="AT2038" s="137"/>
      <c r="AU2038" s="137"/>
      <c r="AV2038" s="137"/>
      <c r="AW2038" s="144"/>
    </row>
    <row r="2039" spans="2:49" x14ac:dyDescent="0.2">
      <c r="B2039" s="97"/>
      <c r="G2039" s="43"/>
      <c r="J2039" s="98"/>
      <c r="K2039" s="97"/>
      <c r="N2039" s="3"/>
      <c r="W2039" s="98"/>
      <c r="Z2039" s="143"/>
      <c r="AA2039" s="137"/>
      <c r="AB2039" s="137"/>
      <c r="AC2039" s="137"/>
      <c r="AD2039" s="137"/>
      <c r="AE2039" s="137"/>
      <c r="AF2039" s="137"/>
      <c r="AG2039" s="137"/>
      <c r="AH2039" s="137"/>
      <c r="AI2039" s="137"/>
      <c r="AJ2039" s="137"/>
      <c r="AK2039" s="206"/>
      <c r="AL2039" s="206"/>
      <c r="AM2039" s="143"/>
      <c r="AN2039" s="137"/>
      <c r="AO2039" s="137"/>
      <c r="AP2039" s="137"/>
      <c r="AQ2039" s="137"/>
      <c r="AR2039" s="137"/>
      <c r="AS2039" s="137"/>
      <c r="AT2039" s="137"/>
      <c r="AU2039" s="137"/>
      <c r="AV2039" s="137"/>
      <c r="AW2039" s="144"/>
    </row>
    <row r="2040" spans="2:49" x14ac:dyDescent="0.2">
      <c r="B2040" s="97"/>
      <c r="G2040" s="43"/>
      <c r="J2040" s="98"/>
      <c r="K2040" s="97"/>
      <c r="N2040" s="3"/>
      <c r="W2040" s="98"/>
      <c r="Z2040" s="143"/>
      <c r="AA2040" s="137"/>
      <c r="AB2040" s="137"/>
      <c r="AC2040" s="137"/>
      <c r="AD2040" s="137"/>
      <c r="AE2040" s="137"/>
      <c r="AF2040" s="137"/>
      <c r="AG2040" s="137"/>
      <c r="AH2040" s="137"/>
      <c r="AI2040" s="137"/>
      <c r="AJ2040" s="137"/>
      <c r="AK2040" s="206"/>
      <c r="AL2040" s="206"/>
      <c r="AM2040" s="143"/>
      <c r="AN2040" s="137"/>
      <c r="AO2040" s="137"/>
      <c r="AP2040" s="137"/>
      <c r="AQ2040" s="137"/>
      <c r="AR2040" s="137"/>
      <c r="AS2040" s="137"/>
      <c r="AT2040" s="137"/>
      <c r="AU2040" s="137"/>
      <c r="AV2040" s="137"/>
      <c r="AW2040" s="144"/>
    </row>
    <row r="2041" spans="2:49" x14ac:dyDescent="0.2">
      <c r="B2041" s="97"/>
      <c r="G2041" s="43"/>
      <c r="J2041" s="98"/>
      <c r="K2041" s="97"/>
      <c r="N2041" s="3"/>
      <c r="W2041" s="98"/>
      <c r="Z2041" s="143"/>
      <c r="AA2041" s="137"/>
      <c r="AB2041" s="137"/>
      <c r="AC2041" s="137"/>
      <c r="AD2041" s="137"/>
      <c r="AE2041" s="137"/>
      <c r="AF2041" s="137"/>
      <c r="AG2041" s="137"/>
      <c r="AH2041" s="137"/>
      <c r="AI2041" s="137"/>
      <c r="AJ2041" s="137"/>
      <c r="AK2041" s="206"/>
      <c r="AL2041" s="206"/>
      <c r="AM2041" s="143"/>
      <c r="AN2041" s="137"/>
      <c r="AO2041" s="137"/>
      <c r="AP2041" s="137"/>
      <c r="AQ2041" s="137"/>
      <c r="AR2041" s="137"/>
      <c r="AS2041" s="137"/>
      <c r="AT2041" s="137"/>
      <c r="AU2041" s="137"/>
      <c r="AV2041" s="137"/>
      <c r="AW2041" s="144"/>
    </row>
    <row r="2042" spans="2:49" x14ac:dyDescent="0.2">
      <c r="B2042" s="97"/>
      <c r="G2042" s="43"/>
      <c r="J2042" s="98"/>
      <c r="K2042" s="97"/>
      <c r="N2042" s="3"/>
      <c r="W2042" s="98"/>
      <c r="Z2042" s="143"/>
      <c r="AA2042" s="137"/>
      <c r="AB2042" s="137"/>
      <c r="AC2042" s="137"/>
      <c r="AD2042" s="137"/>
      <c r="AE2042" s="137"/>
      <c r="AF2042" s="137"/>
      <c r="AG2042" s="137"/>
      <c r="AH2042" s="137"/>
      <c r="AI2042" s="137"/>
      <c r="AJ2042" s="137"/>
      <c r="AK2042" s="206"/>
      <c r="AL2042" s="206"/>
      <c r="AM2042" s="143"/>
      <c r="AN2042" s="137"/>
      <c r="AO2042" s="137"/>
      <c r="AP2042" s="137"/>
      <c r="AQ2042" s="137"/>
      <c r="AR2042" s="137"/>
      <c r="AS2042" s="137"/>
      <c r="AT2042" s="137"/>
      <c r="AU2042" s="137"/>
      <c r="AV2042" s="137"/>
      <c r="AW2042" s="144"/>
    </row>
    <row r="2043" spans="2:49" x14ac:dyDescent="0.2">
      <c r="B2043" s="97"/>
      <c r="G2043" s="43"/>
      <c r="J2043" s="98"/>
      <c r="K2043" s="97"/>
      <c r="N2043" s="3"/>
      <c r="W2043" s="98"/>
      <c r="Z2043" s="143"/>
      <c r="AA2043" s="137"/>
      <c r="AB2043" s="137"/>
      <c r="AC2043" s="137"/>
      <c r="AD2043" s="137"/>
      <c r="AE2043" s="137"/>
      <c r="AF2043" s="137"/>
      <c r="AG2043" s="137"/>
      <c r="AH2043" s="137"/>
      <c r="AI2043" s="137"/>
      <c r="AJ2043" s="137"/>
      <c r="AK2043" s="206"/>
      <c r="AL2043" s="206"/>
      <c r="AM2043" s="143"/>
      <c r="AN2043" s="137"/>
      <c r="AO2043" s="137"/>
      <c r="AP2043" s="137"/>
      <c r="AQ2043" s="137"/>
      <c r="AR2043" s="137"/>
      <c r="AS2043" s="137"/>
      <c r="AT2043" s="137"/>
      <c r="AU2043" s="137"/>
      <c r="AV2043" s="137"/>
      <c r="AW2043" s="144"/>
    </row>
    <row r="2044" spans="2:49" x14ac:dyDescent="0.2">
      <c r="B2044" s="97"/>
      <c r="G2044" s="43"/>
      <c r="J2044" s="98"/>
      <c r="K2044" s="97"/>
      <c r="N2044" s="3"/>
      <c r="W2044" s="98"/>
      <c r="Z2044" s="143"/>
      <c r="AA2044" s="137"/>
      <c r="AB2044" s="137"/>
      <c r="AC2044" s="137"/>
      <c r="AD2044" s="137"/>
      <c r="AE2044" s="137"/>
      <c r="AF2044" s="137"/>
      <c r="AG2044" s="137"/>
      <c r="AH2044" s="137"/>
      <c r="AI2044" s="137"/>
      <c r="AJ2044" s="137"/>
      <c r="AK2044" s="206"/>
      <c r="AL2044" s="206"/>
      <c r="AM2044" s="143"/>
      <c r="AN2044" s="137"/>
      <c r="AO2044" s="137"/>
      <c r="AP2044" s="137"/>
      <c r="AQ2044" s="137"/>
      <c r="AR2044" s="137"/>
      <c r="AS2044" s="137"/>
      <c r="AT2044" s="137"/>
      <c r="AU2044" s="137"/>
      <c r="AV2044" s="137"/>
      <c r="AW2044" s="144"/>
    </row>
    <row r="2045" spans="2:49" x14ac:dyDescent="0.2">
      <c r="B2045" s="97"/>
      <c r="G2045" s="43"/>
      <c r="J2045" s="98"/>
      <c r="K2045" s="97"/>
      <c r="N2045" s="3"/>
      <c r="W2045" s="98"/>
      <c r="Z2045" s="143"/>
      <c r="AA2045" s="137"/>
      <c r="AB2045" s="137"/>
      <c r="AC2045" s="137"/>
      <c r="AD2045" s="137"/>
      <c r="AE2045" s="137"/>
      <c r="AF2045" s="137"/>
      <c r="AG2045" s="137"/>
      <c r="AH2045" s="137"/>
      <c r="AI2045" s="137"/>
      <c r="AJ2045" s="137"/>
      <c r="AK2045" s="206"/>
      <c r="AL2045" s="206"/>
      <c r="AM2045" s="143"/>
      <c r="AN2045" s="137"/>
      <c r="AO2045" s="137"/>
      <c r="AP2045" s="137"/>
      <c r="AQ2045" s="137"/>
      <c r="AR2045" s="137"/>
      <c r="AS2045" s="137"/>
      <c r="AT2045" s="137"/>
      <c r="AU2045" s="137"/>
      <c r="AV2045" s="137"/>
      <c r="AW2045" s="144"/>
    </row>
    <row r="2046" spans="2:49" x14ac:dyDescent="0.2">
      <c r="B2046" s="97"/>
      <c r="G2046" s="43"/>
      <c r="J2046" s="98"/>
      <c r="K2046" s="97"/>
      <c r="N2046" s="3"/>
      <c r="W2046" s="98"/>
      <c r="Z2046" s="143"/>
      <c r="AA2046" s="137"/>
      <c r="AB2046" s="137"/>
      <c r="AC2046" s="137"/>
      <c r="AD2046" s="137"/>
      <c r="AE2046" s="137"/>
      <c r="AF2046" s="137"/>
      <c r="AG2046" s="137"/>
      <c r="AH2046" s="137"/>
      <c r="AI2046" s="137"/>
      <c r="AJ2046" s="137"/>
      <c r="AK2046" s="206"/>
      <c r="AL2046" s="206"/>
      <c r="AM2046" s="143"/>
      <c r="AN2046" s="137"/>
      <c r="AO2046" s="137"/>
      <c r="AP2046" s="137"/>
      <c r="AQ2046" s="137"/>
      <c r="AR2046" s="137"/>
      <c r="AS2046" s="137"/>
      <c r="AT2046" s="137"/>
      <c r="AU2046" s="137"/>
      <c r="AV2046" s="137"/>
      <c r="AW2046" s="144"/>
    </row>
    <row r="2047" spans="2:49" x14ac:dyDescent="0.2">
      <c r="B2047" s="97"/>
      <c r="G2047" s="43"/>
      <c r="J2047" s="98"/>
      <c r="K2047" s="97"/>
      <c r="N2047" s="3"/>
      <c r="W2047" s="98"/>
      <c r="Z2047" s="143"/>
      <c r="AA2047" s="137"/>
      <c r="AB2047" s="137"/>
      <c r="AC2047" s="137"/>
      <c r="AD2047" s="137"/>
      <c r="AE2047" s="137"/>
      <c r="AF2047" s="137"/>
      <c r="AG2047" s="137"/>
      <c r="AH2047" s="137"/>
      <c r="AI2047" s="137"/>
      <c r="AJ2047" s="137"/>
      <c r="AK2047" s="206"/>
      <c r="AL2047" s="206"/>
      <c r="AM2047" s="143"/>
      <c r="AN2047" s="137"/>
      <c r="AO2047" s="137"/>
      <c r="AP2047" s="137"/>
      <c r="AQ2047" s="137"/>
      <c r="AR2047" s="137"/>
      <c r="AS2047" s="137"/>
      <c r="AT2047" s="137"/>
      <c r="AU2047" s="137"/>
      <c r="AV2047" s="137"/>
      <c r="AW2047" s="144"/>
    </row>
    <row r="2048" spans="2:49" x14ac:dyDescent="0.2">
      <c r="B2048" s="97"/>
      <c r="G2048" s="43"/>
      <c r="J2048" s="98"/>
      <c r="K2048" s="97"/>
      <c r="N2048" s="3"/>
      <c r="W2048" s="98"/>
      <c r="Z2048" s="143"/>
      <c r="AA2048" s="137"/>
      <c r="AB2048" s="137"/>
      <c r="AC2048" s="137"/>
      <c r="AD2048" s="137"/>
      <c r="AE2048" s="137"/>
      <c r="AF2048" s="137"/>
      <c r="AG2048" s="137"/>
      <c r="AH2048" s="137"/>
      <c r="AI2048" s="137"/>
      <c r="AJ2048" s="137"/>
      <c r="AK2048" s="206"/>
      <c r="AL2048" s="206"/>
      <c r="AM2048" s="143"/>
      <c r="AN2048" s="137"/>
      <c r="AO2048" s="137"/>
      <c r="AP2048" s="137"/>
      <c r="AQ2048" s="137"/>
      <c r="AR2048" s="137"/>
      <c r="AS2048" s="137"/>
      <c r="AT2048" s="137"/>
      <c r="AU2048" s="137"/>
      <c r="AV2048" s="137"/>
      <c r="AW2048" s="144"/>
    </row>
    <row r="2049" spans="2:49" x14ac:dyDescent="0.2">
      <c r="B2049" s="97"/>
      <c r="G2049" s="43"/>
      <c r="J2049" s="98"/>
      <c r="K2049" s="97"/>
      <c r="N2049" s="3"/>
      <c r="W2049" s="98"/>
      <c r="Z2049" s="143"/>
      <c r="AA2049" s="137"/>
      <c r="AB2049" s="137"/>
      <c r="AC2049" s="137"/>
      <c r="AD2049" s="137"/>
      <c r="AE2049" s="137"/>
      <c r="AF2049" s="137"/>
      <c r="AG2049" s="137"/>
      <c r="AH2049" s="137"/>
      <c r="AI2049" s="137"/>
      <c r="AJ2049" s="137"/>
      <c r="AK2049" s="206"/>
      <c r="AL2049" s="206"/>
      <c r="AM2049" s="143"/>
      <c r="AN2049" s="137"/>
      <c r="AO2049" s="137"/>
      <c r="AP2049" s="137"/>
      <c r="AQ2049" s="137"/>
      <c r="AR2049" s="137"/>
      <c r="AS2049" s="137"/>
      <c r="AT2049" s="137"/>
      <c r="AU2049" s="137"/>
      <c r="AV2049" s="137"/>
      <c r="AW2049" s="144"/>
    </row>
    <row r="2050" spans="2:49" x14ac:dyDescent="0.2">
      <c r="B2050" s="97"/>
      <c r="G2050" s="43"/>
      <c r="J2050" s="98"/>
      <c r="K2050" s="97"/>
      <c r="N2050" s="3"/>
      <c r="W2050" s="98"/>
      <c r="Z2050" s="143"/>
      <c r="AA2050" s="137"/>
      <c r="AB2050" s="137"/>
      <c r="AC2050" s="137"/>
      <c r="AD2050" s="137"/>
      <c r="AE2050" s="137"/>
      <c r="AF2050" s="137"/>
      <c r="AG2050" s="137"/>
      <c r="AH2050" s="137"/>
      <c r="AI2050" s="137"/>
      <c r="AJ2050" s="137"/>
      <c r="AK2050" s="206"/>
      <c r="AL2050" s="206"/>
      <c r="AM2050" s="143"/>
      <c r="AN2050" s="137"/>
      <c r="AO2050" s="137"/>
      <c r="AP2050" s="137"/>
      <c r="AQ2050" s="137"/>
      <c r="AR2050" s="137"/>
      <c r="AS2050" s="137"/>
      <c r="AT2050" s="137"/>
      <c r="AU2050" s="137"/>
      <c r="AV2050" s="137"/>
      <c r="AW2050" s="144"/>
    </row>
    <row r="2051" spans="2:49" x14ac:dyDescent="0.2">
      <c r="B2051" s="97"/>
      <c r="G2051" s="43"/>
      <c r="J2051" s="98"/>
      <c r="K2051" s="97"/>
      <c r="N2051" s="3"/>
      <c r="W2051" s="98"/>
      <c r="Z2051" s="143"/>
      <c r="AA2051" s="137"/>
      <c r="AB2051" s="137"/>
      <c r="AC2051" s="137"/>
      <c r="AD2051" s="137"/>
      <c r="AE2051" s="137"/>
      <c r="AF2051" s="137"/>
      <c r="AG2051" s="137"/>
      <c r="AH2051" s="137"/>
      <c r="AI2051" s="137"/>
      <c r="AJ2051" s="137"/>
      <c r="AK2051" s="206"/>
      <c r="AL2051" s="206"/>
      <c r="AM2051" s="143"/>
      <c r="AN2051" s="137"/>
      <c r="AO2051" s="137"/>
      <c r="AP2051" s="137"/>
      <c r="AQ2051" s="137"/>
      <c r="AR2051" s="137"/>
      <c r="AS2051" s="137"/>
      <c r="AT2051" s="137"/>
      <c r="AU2051" s="137"/>
      <c r="AV2051" s="137"/>
      <c r="AW2051" s="144"/>
    </row>
    <row r="2052" spans="2:49" x14ac:dyDescent="0.2">
      <c r="B2052" s="97"/>
      <c r="G2052" s="43"/>
      <c r="J2052" s="98"/>
      <c r="K2052" s="97"/>
      <c r="N2052" s="3"/>
      <c r="W2052" s="98"/>
      <c r="Z2052" s="143"/>
      <c r="AA2052" s="137"/>
      <c r="AB2052" s="137"/>
      <c r="AC2052" s="137"/>
      <c r="AD2052" s="137"/>
      <c r="AE2052" s="137"/>
      <c r="AF2052" s="137"/>
      <c r="AG2052" s="137"/>
      <c r="AH2052" s="137"/>
      <c r="AI2052" s="137"/>
      <c r="AJ2052" s="137"/>
      <c r="AK2052" s="206"/>
      <c r="AL2052" s="206"/>
      <c r="AM2052" s="143"/>
      <c r="AN2052" s="137"/>
      <c r="AO2052" s="137"/>
      <c r="AP2052" s="137"/>
      <c r="AQ2052" s="137"/>
      <c r="AR2052" s="137"/>
      <c r="AS2052" s="137"/>
      <c r="AT2052" s="137"/>
      <c r="AU2052" s="137"/>
      <c r="AV2052" s="137"/>
      <c r="AW2052" s="144"/>
    </row>
    <row r="2053" spans="2:49" x14ac:dyDescent="0.2">
      <c r="B2053" s="97"/>
      <c r="G2053" s="43"/>
      <c r="J2053" s="98"/>
      <c r="K2053" s="97"/>
      <c r="N2053" s="3"/>
      <c r="W2053" s="98"/>
      <c r="Z2053" s="143"/>
      <c r="AA2053" s="137"/>
      <c r="AB2053" s="137"/>
      <c r="AC2053" s="137"/>
      <c r="AD2053" s="137"/>
      <c r="AE2053" s="137"/>
      <c r="AF2053" s="137"/>
      <c r="AG2053" s="137"/>
      <c r="AH2053" s="137"/>
      <c r="AI2053" s="137"/>
      <c r="AJ2053" s="137"/>
      <c r="AK2053" s="206"/>
      <c r="AL2053" s="206"/>
      <c r="AM2053" s="143"/>
      <c r="AN2053" s="137"/>
      <c r="AO2053" s="137"/>
      <c r="AP2053" s="137"/>
      <c r="AQ2053" s="137"/>
      <c r="AR2053" s="137"/>
      <c r="AS2053" s="137"/>
      <c r="AT2053" s="137"/>
      <c r="AU2053" s="137"/>
      <c r="AV2053" s="137"/>
      <c r="AW2053" s="144"/>
    </row>
    <row r="2054" spans="2:49" x14ac:dyDescent="0.2">
      <c r="B2054" s="97"/>
      <c r="G2054" s="43"/>
      <c r="J2054" s="98"/>
      <c r="K2054" s="97"/>
      <c r="N2054" s="3"/>
      <c r="W2054" s="98"/>
      <c r="Z2054" s="143"/>
      <c r="AA2054" s="137"/>
      <c r="AB2054" s="137"/>
      <c r="AC2054" s="137"/>
      <c r="AD2054" s="137"/>
      <c r="AE2054" s="137"/>
      <c r="AF2054" s="137"/>
      <c r="AG2054" s="137"/>
      <c r="AH2054" s="137"/>
      <c r="AI2054" s="137"/>
      <c r="AJ2054" s="137"/>
      <c r="AK2054" s="206"/>
      <c r="AL2054" s="206"/>
      <c r="AM2054" s="143"/>
      <c r="AN2054" s="137"/>
      <c r="AO2054" s="137"/>
      <c r="AP2054" s="137"/>
      <c r="AQ2054" s="137"/>
      <c r="AR2054" s="137"/>
      <c r="AS2054" s="137"/>
      <c r="AT2054" s="137"/>
      <c r="AU2054" s="137"/>
      <c r="AV2054" s="137"/>
      <c r="AW2054" s="144"/>
    </row>
    <row r="2055" spans="2:49" x14ac:dyDescent="0.2">
      <c r="B2055" s="97"/>
      <c r="G2055" s="43"/>
      <c r="J2055" s="98"/>
      <c r="K2055" s="97"/>
      <c r="N2055" s="3"/>
      <c r="W2055" s="98"/>
      <c r="Z2055" s="143"/>
      <c r="AA2055" s="137"/>
      <c r="AB2055" s="137"/>
      <c r="AC2055" s="137"/>
      <c r="AD2055" s="137"/>
      <c r="AE2055" s="137"/>
      <c r="AF2055" s="137"/>
      <c r="AG2055" s="137"/>
      <c r="AH2055" s="137"/>
      <c r="AI2055" s="137"/>
      <c r="AJ2055" s="137"/>
      <c r="AK2055" s="206"/>
      <c r="AL2055" s="206"/>
      <c r="AM2055" s="143"/>
      <c r="AN2055" s="137"/>
      <c r="AO2055" s="137"/>
      <c r="AP2055" s="137"/>
      <c r="AQ2055" s="137"/>
      <c r="AR2055" s="137"/>
      <c r="AS2055" s="137"/>
      <c r="AT2055" s="137"/>
      <c r="AU2055" s="137"/>
      <c r="AV2055" s="137"/>
      <c r="AW2055" s="144"/>
    </row>
    <row r="2056" spans="2:49" x14ac:dyDescent="0.2">
      <c r="B2056" s="97"/>
      <c r="G2056" s="43"/>
      <c r="J2056" s="98"/>
      <c r="K2056" s="97"/>
      <c r="N2056" s="3"/>
      <c r="W2056" s="98"/>
      <c r="Z2056" s="143"/>
      <c r="AA2056" s="137"/>
      <c r="AB2056" s="137"/>
      <c r="AC2056" s="137"/>
      <c r="AD2056" s="137"/>
      <c r="AE2056" s="137"/>
      <c r="AF2056" s="137"/>
      <c r="AG2056" s="137"/>
      <c r="AH2056" s="137"/>
      <c r="AI2056" s="137"/>
      <c r="AJ2056" s="137"/>
      <c r="AK2056" s="206"/>
      <c r="AL2056" s="206"/>
      <c r="AM2056" s="143"/>
      <c r="AN2056" s="137"/>
      <c r="AO2056" s="137"/>
      <c r="AP2056" s="137"/>
      <c r="AQ2056" s="137"/>
      <c r="AR2056" s="137"/>
      <c r="AS2056" s="137"/>
      <c r="AT2056" s="137"/>
      <c r="AU2056" s="137"/>
      <c r="AV2056" s="137"/>
      <c r="AW2056" s="144"/>
    </row>
    <row r="2057" spans="2:49" x14ac:dyDescent="0.2">
      <c r="B2057" s="97"/>
      <c r="G2057" s="43"/>
      <c r="J2057" s="98"/>
      <c r="K2057" s="97"/>
      <c r="N2057" s="3"/>
      <c r="W2057" s="98"/>
      <c r="Z2057" s="143"/>
      <c r="AA2057" s="137"/>
      <c r="AB2057" s="137"/>
      <c r="AC2057" s="137"/>
      <c r="AD2057" s="137"/>
      <c r="AE2057" s="137"/>
      <c r="AF2057" s="137"/>
      <c r="AG2057" s="137"/>
      <c r="AH2057" s="137"/>
      <c r="AI2057" s="137"/>
      <c r="AJ2057" s="137"/>
      <c r="AK2057" s="206"/>
      <c r="AL2057" s="206"/>
      <c r="AM2057" s="143"/>
      <c r="AN2057" s="137"/>
      <c r="AO2057" s="137"/>
      <c r="AP2057" s="137"/>
      <c r="AQ2057" s="137"/>
      <c r="AR2057" s="137"/>
      <c r="AS2057" s="137"/>
      <c r="AT2057" s="137"/>
      <c r="AU2057" s="137"/>
      <c r="AV2057" s="137"/>
      <c r="AW2057" s="144"/>
    </row>
    <row r="2058" spans="2:49" x14ac:dyDescent="0.2">
      <c r="B2058" s="97"/>
      <c r="G2058" s="43"/>
      <c r="J2058" s="98"/>
      <c r="K2058" s="97"/>
      <c r="N2058" s="3"/>
      <c r="W2058" s="98"/>
      <c r="Z2058" s="143"/>
      <c r="AA2058" s="137"/>
      <c r="AB2058" s="137"/>
      <c r="AC2058" s="137"/>
      <c r="AD2058" s="137"/>
      <c r="AE2058" s="137"/>
      <c r="AF2058" s="137"/>
      <c r="AG2058" s="137"/>
      <c r="AH2058" s="137"/>
      <c r="AI2058" s="137"/>
      <c r="AJ2058" s="137"/>
      <c r="AK2058" s="206"/>
      <c r="AL2058" s="206"/>
      <c r="AM2058" s="143"/>
      <c r="AN2058" s="137"/>
      <c r="AO2058" s="137"/>
      <c r="AP2058" s="137"/>
      <c r="AQ2058" s="137"/>
      <c r="AR2058" s="137"/>
      <c r="AS2058" s="137"/>
      <c r="AT2058" s="137"/>
      <c r="AU2058" s="137"/>
      <c r="AV2058" s="137"/>
      <c r="AW2058" s="144"/>
    </row>
    <row r="2059" spans="2:49" x14ac:dyDescent="0.2">
      <c r="B2059" s="97"/>
      <c r="G2059" s="43"/>
      <c r="J2059" s="98"/>
      <c r="K2059" s="97"/>
      <c r="N2059" s="3"/>
      <c r="W2059" s="98"/>
      <c r="Z2059" s="143"/>
      <c r="AA2059" s="137"/>
      <c r="AB2059" s="137"/>
      <c r="AC2059" s="137"/>
      <c r="AD2059" s="137"/>
      <c r="AE2059" s="137"/>
      <c r="AF2059" s="137"/>
      <c r="AG2059" s="137"/>
      <c r="AH2059" s="137"/>
      <c r="AI2059" s="137"/>
      <c r="AJ2059" s="137"/>
      <c r="AK2059" s="206"/>
      <c r="AL2059" s="206"/>
      <c r="AM2059" s="143"/>
      <c r="AN2059" s="137"/>
      <c r="AO2059" s="137"/>
      <c r="AP2059" s="137"/>
      <c r="AQ2059" s="137"/>
      <c r="AR2059" s="137"/>
      <c r="AS2059" s="137"/>
      <c r="AT2059" s="137"/>
      <c r="AU2059" s="137"/>
      <c r="AV2059" s="137"/>
      <c r="AW2059" s="144"/>
    </row>
    <row r="2060" spans="2:49" x14ac:dyDescent="0.2">
      <c r="B2060" s="97"/>
      <c r="G2060" s="43"/>
      <c r="J2060" s="98"/>
      <c r="K2060" s="97"/>
      <c r="N2060" s="3"/>
      <c r="W2060" s="98"/>
      <c r="Z2060" s="143"/>
      <c r="AA2060" s="137"/>
      <c r="AB2060" s="137"/>
      <c r="AC2060" s="137"/>
      <c r="AD2060" s="137"/>
      <c r="AE2060" s="137"/>
      <c r="AF2060" s="137"/>
      <c r="AG2060" s="137"/>
      <c r="AH2060" s="137"/>
      <c r="AI2060" s="137"/>
      <c r="AJ2060" s="137"/>
      <c r="AK2060" s="206"/>
      <c r="AL2060" s="206"/>
      <c r="AM2060" s="143"/>
      <c r="AN2060" s="137"/>
      <c r="AO2060" s="137"/>
      <c r="AP2060" s="137"/>
      <c r="AQ2060" s="137"/>
      <c r="AR2060" s="137"/>
      <c r="AS2060" s="137"/>
      <c r="AT2060" s="137"/>
      <c r="AU2060" s="137"/>
      <c r="AV2060" s="137"/>
      <c r="AW2060" s="144"/>
    </row>
    <row r="2061" spans="2:49" x14ac:dyDescent="0.2">
      <c r="B2061" s="97"/>
      <c r="G2061" s="43"/>
      <c r="J2061" s="98"/>
      <c r="K2061" s="97"/>
      <c r="N2061" s="3"/>
      <c r="W2061" s="98"/>
      <c r="Z2061" s="143"/>
      <c r="AA2061" s="137"/>
      <c r="AB2061" s="137"/>
      <c r="AC2061" s="137"/>
      <c r="AD2061" s="137"/>
      <c r="AE2061" s="137"/>
      <c r="AF2061" s="137"/>
      <c r="AG2061" s="137"/>
      <c r="AH2061" s="137"/>
      <c r="AI2061" s="137"/>
      <c r="AJ2061" s="137"/>
      <c r="AK2061" s="206"/>
      <c r="AL2061" s="206"/>
      <c r="AM2061" s="143"/>
      <c r="AN2061" s="137"/>
      <c r="AO2061" s="137"/>
      <c r="AP2061" s="137"/>
      <c r="AQ2061" s="137"/>
      <c r="AR2061" s="137"/>
      <c r="AS2061" s="137"/>
      <c r="AT2061" s="137"/>
      <c r="AU2061" s="137"/>
      <c r="AV2061" s="137"/>
      <c r="AW2061" s="144"/>
    </row>
    <row r="2062" spans="2:49" x14ac:dyDescent="0.2">
      <c r="B2062" s="97"/>
      <c r="G2062" s="43"/>
      <c r="J2062" s="98"/>
      <c r="K2062" s="97"/>
      <c r="N2062" s="3"/>
      <c r="W2062" s="98"/>
      <c r="Z2062" s="143"/>
      <c r="AA2062" s="137"/>
      <c r="AB2062" s="137"/>
      <c r="AC2062" s="137"/>
      <c r="AD2062" s="137"/>
      <c r="AE2062" s="137"/>
      <c r="AF2062" s="137"/>
      <c r="AG2062" s="137"/>
      <c r="AH2062" s="137"/>
      <c r="AI2062" s="137"/>
      <c r="AJ2062" s="137"/>
      <c r="AK2062" s="206"/>
      <c r="AL2062" s="206"/>
      <c r="AM2062" s="143"/>
      <c r="AN2062" s="137"/>
      <c r="AO2062" s="137"/>
      <c r="AP2062" s="137"/>
      <c r="AQ2062" s="137"/>
      <c r="AR2062" s="137"/>
      <c r="AS2062" s="137"/>
      <c r="AT2062" s="137"/>
      <c r="AU2062" s="137"/>
      <c r="AV2062" s="137"/>
      <c r="AW2062" s="144"/>
    </row>
    <row r="2063" spans="2:49" x14ac:dyDescent="0.2">
      <c r="B2063" s="97"/>
      <c r="G2063" s="43"/>
      <c r="J2063" s="98"/>
      <c r="K2063" s="97"/>
      <c r="N2063" s="3"/>
      <c r="W2063" s="98"/>
      <c r="Z2063" s="143"/>
      <c r="AA2063" s="137"/>
      <c r="AB2063" s="137"/>
      <c r="AC2063" s="137"/>
      <c r="AD2063" s="137"/>
      <c r="AE2063" s="137"/>
      <c r="AF2063" s="137"/>
      <c r="AG2063" s="137"/>
      <c r="AH2063" s="137"/>
      <c r="AI2063" s="137"/>
      <c r="AJ2063" s="137"/>
      <c r="AK2063" s="206"/>
      <c r="AL2063" s="206"/>
      <c r="AM2063" s="143"/>
      <c r="AN2063" s="137"/>
      <c r="AO2063" s="137"/>
      <c r="AP2063" s="137"/>
      <c r="AQ2063" s="137"/>
      <c r="AR2063" s="137"/>
      <c r="AS2063" s="137"/>
      <c r="AT2063" s="137"/>
      <c r="AU2063" s="137"/>
      <c r="AV2063" s="137"/>
      <c r="AW2063" s="144"/>
    </row>
    <row r="2064" spans="2:49" x14ac:dyDescent="0.2">
      <c r="B2064" s="97"/>
      <c r="G2064" s="43"/>
      <c r="J2064" s="98"/>
      <c r="K2064" s="97"/>
      <c r="N2064" s="3"/>
      <c r="W2064" s="98"/>
      <c r="Z2064" s="143"/>
      <c r="AA2064" s="137"/>
      <c r="AB2064" s="137"/>
      <c r="AC2064" s="137"/>
      <c r="AD2064" s="137"/>
      <c r="AE2064" s="137"/>
      <c r="AF2064" s="137"/>
      <c r="AG2064" s="137"/>
      <c r="AH2064" s="137"/>
      <c r="AI2064" s="137"/>
      <c r="AJ2064" s="137"/>
      <c r="AK2064" s="206"/>
      <c r="AL2064" s="206"/>
      <c r="AM2064" s="143"/>
      <c r="AN2064" s="137"/>
      <c r="AO2064" s="137"/>
      <c r="AP2064" s="137"/>
      <c r="AQ2064" s="137"/>
      <c r="AR2064" s="137"/>
      <c r="AS2064" s="137"/>
      <c r="AT2064" s="137"/>
      <c r="AU2064" s="137"/>
      <c r="AV2064" s="137"/>
      <c r="AW2064" s="144"/>
    </row>
    <row r="2065" spans="2:49" x14ac:dyDescent="0.2">
      <c r="B2065" s="97"/>
      <c r="G2065" s="43"/>
      <c r="J2065" s="98"/>
      <c r="K2065" s="97"/>
      <c r="N2065" s="3"/>
      <c r="W2065" s="98"/>
      <c r="Z2065" s="143"/>
      <c r="AA2065" s="137"/>
      <c r="AB2065" s="137"/>
      <c r="AC2065" s="137"/>
      <c r="AD2065" s="137"/>
      <c r="AE2065" s="137"/>
      <c r="AF2065" s="137"/>
      <c r="AG2065" s="137"/>
      <c r="AH2065" s="137"/>
      <c r="AI2065" s="137"/>
      <c r="AJ2065" s="137"/>
      <c r="AK2065" s="206"/>
      <c r="AL2065" s="206"/>
      <c r="AM2065" s="143"/>
      <c r="AN2065" s="137"/>
      <c r="AO2065" s="137"/>
      <c r="AP2065" s="137"/>
      <c r="AQ2065" s="137"/>
      <c r="AR2065" s="137"/>
      <c r="AS2065" s="137"/>
      <c r="AT2065" s="137"/>
      <c r="AU2065" s="137"/>
      <c r="AV2065" s="137"/>
      <c r="AW2065" s="144"/>
    </row>
    <row r="2066" spans="2:49" x14ac:dyDescent="0.2">
      <c r="B2066" s="97"/>
      <c r="G2066" s="43"/>
      <c r="J2066" s="98"/>
      <c r="K2066" s="97"/>
      <c r="N2066" s="3"/>
      <c r="W2066" s="98"/>
      <c r="Z2066" s="143"/>
      <c r="AA2066" s="137"/>
      <c r="AB2066" s="137"/>
      <c r="AC2066" s="137"/>
      <c r="AD2066" s="137"/>
      <c r="AE2066" s="137"/>
      <c r="AF2066" s="137"/>
      <c r="AG2066" s="137"/>
      <c r="AH2066" s="137"/>
      <c r="AI2066" s="137"/>
      <c r="AJ2066" s="137"/>
      <c r="AK2066" s="206"/>
      <c r="AL2066" s="206"/>
      <c r="AM2066" s="143"/>
      <c r="AN2066" s="137"/>
      <c r="AO2066" s="137"/>
      <c r="AP2066" s="137"/>
      <c r="AQ2066" s="137"/>
      <c r="AR2066" s="137"/>
      <c r="AS2066" s="137"/>
      <c r="AT2066" s="137"/>
      <c r="AU2066" s="137"/>
      <c r="AV2066" s="137"/>
      <c r="AW2066" s="144"/>
    </row>
    <row r="2067" spans="2:49" x14ac:dyDescent="0.2">
      <c r="B2067" s="97"/>
      <c r="G2067" s="43"/>
      <c r="J2067" s="98"/>
      <c r="K2067" s="97"/>
      <c r="N2067" s="3"/>
      <c r="W2067" s="98"/>
      <c r="Z2067" s="143"/>
      <c r="AA2067" s="137"/>
      <c r="AB2067" s="137"/>
      <c r="AC2067" s="137"/>
      <c r="AD2067" s="137"/>
      <c r="AE2067" s="137"/>
      <c r="AF2067" s="137"/>
      <c r="AG2067" s="137"/>
      <c r="AH2067" s="137"/>
      <c r="AI2067" s="137"/>
      <c r="AJ2067" s="137"/>
      <c r="AK2067" s="206"/>
      <c r="AL2067" s="206"/>
      <c r="AM2067" s="143"/>
      <c r="AN2067" s="137"/>
      <c r="AO2067" s="137"/>
      <c r="AP2067" s="137"/>
      <c r="AQ2067" s="137"/>
      <c r="AR2067" s="137"/>
      <c r="AS2067" s="137"/>
      <c r="AT2067" s="137"/>
      <c r="AU2067" s="137"/>
      <c r="AV2067" s="137"/>
      <c r="AW2067" s="144"/>
    </row>
    <row r="2068" spans="2:49" x14ac:dyDescent="0.2">
      <c r="B2068" s="97"/>
      <c r="G2068" s="43"/>
      <c r="J2068" s="98"/>
      <c r="K2068" s="97"/>
      <c r="N2068" s="3"/>
      <c r="W2068" s="98"/>
      <c r="Z2068" s="143"/>
      <c r="AA2068" s="137"/>
      <c r="AB2068" s="137"/>
      <c r="AC2068" s="137"/>
      <c r="AD2068" s="137"/>
      <c r="AE2068" s="137"/>
      <c r="AF2068" s="137"/>
      <c r="AG2068" s="137"/>
      <c r="AH2068" s="137"/>
      <c r="AI2068" s="137"/>
      <c r="AJ2068" s="137"/>
      <c r="AK2068" s="206"/>
      <c r="AL2068" s="206"/>
      <c r="AM2068" s="143"/>
      <c r="AN2068" s="137"/>
      <c r="AO2068" s="137"/>
      <c r="AP2068" s="137"/>
      <c r="AQ2068" s="137"/>
      <c r="AR2068" s="137"/>
      <c r="AS2068" s="137"/>
      <c r="AT2068" s="137"/>
      <c r="AU2068" s="137"/>
      <c r="AV2068" s="137"/>
      <c r="AW2068" s="144"/>
    </row>
    <row r="2069" spans="2:49" x14ac:dyDescent="0.2">
      <c r="B2069" s="97"/>
      <c r="G2069" s="43"/>
      <c r="J2069" s="98"/>
      <c r="K2069" s="97"/>
      <c r="N2069" s="3"/>
      <c r="W2069" s="98"/>
      <c r="Z2069" s="143"/>
      <c r="AA2069" s="137"/>
      <c r="AB2069" s="137"/>
      <c r="AC2069" s="137"/>
      <c r="AD2069" s="137"/>
      <c r="AE2069" s="137"/>
      <c r="AF2069" s="137"/>
      <c r="AG2069" s="137"/>
      <c r="AH2069" s="137"/>
      <c r="AI2069" s="137"/>
      <c r="AJ2069" s="137"/>
      <c r="AK2069" s="206"/>
      <c r="AL2069" s="206"/>
      <c r="AM2069" s="143"/>
      <c r="AN2069" s="137"/>
      <c r="AO2069" s="137"/>
      <c r="AP2069" s="137"/>
      <c r="AQ2069" s="137"/>
      <c r="AR2069" s="137"/>
      <c r="AS2069" s="137"/>
      <c r="AT2069" s="137"/>
      <c r="AU2069" s="137"/>
      <c r="AV2069" s="137"/>
      <c r="AW2069" s="144"/>
    </row>
    <row r="2070" spans="2:49" x14ac:dyDescent="0.2">
      <c r="B2070" s="97"/>
      <c r="G2070" s="43"/>
      <c r="J2070" s="98"/>
      <c r="K2070" s="97"/>
      <c r="N2070" s="3"/>
      <c r="W2070" s="98"/>
      <c r="Z2070" s="143"/>
      <c r="AA2070" s="137"/>
      <c r="AB2070" s="137"/>
      <c r="AC2070" s="137"/>
      <c r="AD2070" s="137"/>
      <c r="AE2070" s="137"/>
      <c r="AF2070" s="137"/>
      <c r="AG2070" s="137"/>
      <c r="AH2070" s="137"/>
      <c r="AI2070" s="137"/>
      <c r="AJ2070" s="137"/>
      <c r="AK2070" s="206"/>
      <c r="AL2070" s="206"/>
      <c r="AM2070" s="143"/>
      <c r="AN2070" s="137"/>
      <c r="AO2070" s="137"/>
      <c r="AP2070" s="137"/>
      <c r="AQ2070" s="137"/>
      <c r="AR2070" s="137"/>
      <c r="AS2070" s="137"/>
      <c r="AT2070" s="137"/>
      <c r="AU2070" s="137"/>
      <c r="AV2070" s="137"/>
      <c r="AW2070" s="144"/>
    </row>
    <row r="2071" spans="2:49" x14ac:dyDescent="0.2">
      <c r="B2071" s="97"/>
      <c r="G2071" s="43"/>
      <c r="J2071" s="98"/>
      <c r="K2071" s="97"/>
      <c r="N2071" s="3"/>
      <c r="W2071" s="98"/>
      <c r="Z2071" s="143"/>
      <c r="AA2071" s="137"/>
      <c r="AB2071" s="137"/>
      <c r="AC2071" s="137"/>
      <c r="AD2071" s="137"/>
      <c r="AE2071" s="137"/>
      <c r="AF2071" s="137"/>
      <c r="AG2071" s="137"/>
      <c r="AH2071" s="137"/>
      <c r="AI2071" s="137"/>
      <c r="AJ2071" s="137"/>
      <c r="AK2071" s="206"/>
      <c r="AL2071" s="206"/>
      <c r="AM2071" s="143"/>
      <c r="AN2071" s="137"/>
      <c r="AO2071" s="137"/>
      <c r="AP2071" s="137"/>
      <c r="AQ2071" s="137"/>
      <c r="AR2071" s="137"/>
      <c r="AS2071" s="137"/>
      <c r="AT2071" s="137"/>
      <c r="AU2071" s="137"/>
      <c r="AV2071" s="137"/>
      <c r="AW2071" s="144"/>
    </row>
    <row r="2072" spans="2:49" x14ac:dyDescent="0.2">
      <c r="B2072" s="97"/>
      <c r="G2072" s="43"/>
      <c r="J2072" s="98"/>
      <c r="K2072" s="97"/>
      <c r="N2072" s="3"/>
      <c r="W2072" s="98"/>
      <c r="Z2072" s="143"/>
      <c r="AA2072" s="137"/>
      <c r="AB2072" s="137"/>
      <c r="AC2072" s="137"/>
      <c r="AD2072" s="137"/>
      <c r="AE2072" s="137"/>
      <c r="AF2072" s="137"/>
      <c r="AG2072" s="137"/>
      <c r="AH2072" s="137"/>
      <c r="AI2072" s="137"/>
      <c r="AJ2072" s="137"/>
      <c r="AK2072" s="206"/>
      <c r="AL2072" s="206"/>
      <c r="AM2072" s="143"/>
      <c r="AN2072" s="137"/>
      <c r="AO2072" s="137"/>
      <c r="AP2072" s="137"/>
      <c r="AQ2072" s="137"/>
      <c r="AR2072" s="137"/>
      <c r="AS2072" s="137"/>
      <c r="AT2072" s="137"/>
      <c r="AU2072" s="137"/>
      <c r="AV2072" s="137"/>
      <c r="AW2072" s="144"/>
    </row>
    <row r="2073" spans="2:49" x14ac:dyDescent="0.2">
      <c r="B2073" s="97"/>
      <c r="G2073" s="43"/>
      <c r="J2073" s="98"/>
      <c r="K2073" s="97"/>
      <c r="N2073" s="3"/>
      <c r="W2073" s="98"/>
      <c r="Z2073" s="143"/>
      <c r="AA2073" s="137"/>
      <c r="AB2073" s="137"/>
      <c r="AC2073" s="137"/>
      <c r="AD2073" s="137"/>
      <c r="AE2073" s="137"/>
      <c r="AF2073" s="137"/>
      <c r="AG2073" s="137"/>
      <c r="AH2073" s="137"/>
      <c r="AI2073" s="137"/>
      <c r="AJ2073" s="137"/>
      <c r="AK2073" s="206"/>
      <c r="AL2073" s="206"/>
      <c r="AM2073" s="143"/>
      <c r="AN2073" s="137"/>
      <c r="AO2073" s="137"/>
      <c r="AP2073" s="137"/>
      <c r="AQ2073" s="137"/>
      <c r="AR2073" s="137"/>
      <c r="AS2073" s="137"/>
      <c r="AT2073" s="137"/>
      <c r="AU2073" s="137"/>
      <c r="AV2073" s="137"/>
      <c r="AW2073" s="144"/>
    </row>
    <row r="2074" spans="2:49" x14ac:dyDescent="0.2">
      <c r="B2074" s="97"/>
      <c r="G2074" s="43"/>
      <c r="J2074" s="98"/>
      <c r="K2074" s="97"/>
      <c r="N2074" s="3"/>
      <c r="W2074" s="98"/>
      <c r="Z2074" s="143"/>
      <c r="AA2074" s="137"/>
      <c r="AB2074" s="137"/>
      <c r="AC2074" s="137"/>
      <c r="AD2074" s="137"/>
      <c r="AE2074" s="137"/>
      <c r="AF2074" s="137"/>
      <c r="AG2074" s="137"/>
      <c r="AH2074" s="137"/>
      <c r="AI2074" s="137"/>
      <c r="AJ2074" s="137"/>
      <c r="AK2074" s="206"/>
      <c r="AL2074" s="206"/>
      <c r="AM2074" s="143"/>
      <c r="AN2074" s="137"/>
      <c r="AO2074" s="137"/>
      <c r="AP2074" s="137"/>
      <c r="AQ2074" s="137"/>
      <c r="AR2074" s="137"/>
      <c r="AS2074" s="137"/>
      <c r="AT2074" s="137"/>
      <c r="AU2074" s="137"/>
      <c r="AV2074" s="137"/>
      <c r="AW2074" s="144"/>
    </row>
    <row r="2075" spans="2:49" x14ac:dyDescent="0.2">
      <c r="B2075" s="97"/>
      <c r="G2075" s="43"/>
      <c r="J2075" s="98"/>
      <c r="K2075" s="97"/>
      <c r="N2075" s="3"/>
      <c r="W2075" s="98"/>
      <c r="Z2075" s="143"/>
      <c r="AA2075" s="137"/>
      <c r="AB2075" s="137"/>
      <c r="AC2075" s="137"/>
      <c r="AD2075" s="137"/>
      <c r="AE2075" s="137"/>
      <c r="AF2075" s="137"/>
      <c r="AG2075" s="137"/>
      <c r="AH2075" s="137"/>
      <c r="AI2075" s="137"/>
      <c r="AJ2075" s="137"/>
      <c r="AK2075" s="206"/>
      <c r="AL2075" s="206"/>
      <c r="AM2075" s="143"/>
      <c r="AN2075" s="137"/>
      <c r="AO2075" s="137"/>
      <c r="AP2075" s="137"/>
      <c r="AQ2075" s="137"/>
      <c r="AR2075" s="137"/>
      <c r="AS2075" s="137"/>
      <c r="AT2075" s="137"/>
      <c r="AU2075" s="137"/>
      <c r="AV2075" s="137"/>
      <c r="AW2075" s="144"/>
    </row>
    <row r="2076" spans="2:49" x14ac:dyDescent="0.2">
      <c r="B2076" s="97"/>
      <c r="G2076" s="43"/>
      <c r="J2076" s="98"/>
      <c r="K2076" s="97"/>
      <c r="N2076" s="3"/>
      <c r="W2076" s="98"/>
      <c r="Z2076" s="143"/>
      <c r="AA2076" s="137"/>
      <c r="AB2076" s="137"/>
      <c r="AC2076" s="137"/>
      <c r="AD2076" s="137"/>
      <c r="AE2076" s="137"/>
      <c r="AF2076" s="137"/>
      <c r="AG2076" s="137"/>
      <c r="AH2076" s="137"/>
      <c r="AI2076" s="137"/>
      <c r="AJ2076" s="137"/>
      <c r="AK2076" s="206"/>
      <c r="AL2076" s="206"/>
      <c r="AM2076" s="143"/>
      <c r="AN2076" s="137"/>
      <c r="AO2076" s="137"/>
      <c r="AP2076" s="137"/>
      <c r="AQ2076" s="137"/>
      <c r="AR2076" s="137"/>
      <c r="AS2076" s="137"/>
      <c r="AT2076" s="137"/>
      <c r="AU2076" s="137"/>
      <c r="AV2076" s="137"/>
      <c r="AW2076" s="144"/>
    </row>
    <row r="2077" spans="2:49" x14ac:dyDescent="0.2">
      <c r="B2077" s="97"/>
      <c r="G2077" s="43"/>
      <c r="J2077" s="98"/>
      <c r="K2077" s="97"/>
      <c r="N2077" s="3"/>
      <c r="W2077" s="98"/>
      <c r="Z2077" s="143"/>
      <c r="AA2077" s="137"/>
      <c r="AB2077" s="137"/>
      <c r="AC2077" s="137"/>
      <c r="AD2077" s="137"/>
      <c r="AE2077" s="137"/>
      <c r="AF2077" s="137"/>
      <c r="AG2077" s="137"/>
      <c r="AH2077" s="137"/>
      <c r="AI2077" s="137"/>
      <c r="AJ2077" s="137"/>
      <c r="AK2077" s="206"/>
      <c r="AL2077" s="206"/>
      <c r="AM2077" s="143"/>
      <c r="AN2077" s="137"/>
      <c r="AO2077" s="137"/>
      <c r="AP2077" s="137"/>
      <c r="AQ2077" s="137"/>
      <c r="AR2077" s="137"/>
      <c r="AS2077" s="137"/>
      <c r="AT2077" s="137"/>
      <c r="AU2077" s="137"/>
      <c r="AV2077" s="137"/>
      <c r="AW2077" s="144"/>
    </row>
    <row r="2078" spans="2:49" x14ac:dyDescent="0.2">
      <c r="B2078" s="97"/>
      <c r="G2078" s="43"/>
      <c r="J2078" s="98"/>
      <c r="K2078" s="97"/>
      <c r="N2078" s="3"/>
      <c r="W2078" s="98"/>
      <c r="Z2078" s="143"/>
      <c r="AA2078" s="137"/>
      <c r="AB2078" s="137"/>
      <c r="AC2078" s="137"/>
      <c r="AD2078" s="137"/>
      <c r="AE2078" s="137"/>
      <c r="AF2078" s="137"/>
      <c r="AG2078" s="137"/>
      <c r="AH2078" s="137"/>
      <c r="AI2078" s="137"/>
      <c r="AJ2078" s="137"/>
      <c r="AK2078" s="206"/>
      <c r="AL2078" s="206"/>
      <c r="AM2078" s="143"/>
      <c r="AN2078" s="137"/>
      <c r="AO2078" s="137"/>
      <c r="AP2078" s="137"/>
      <c r="AQ2078" s="137"/>
      <c r="AR2078" s="137"/>
      <c r="AS2078" s="137"/>
      <c r="AT2078" s="137"/>
      <c r="AU2078" s="137"/>
      <c r="AV2078" s="137"/>
      <c r="AW2078" s="144"/>
    </row>
    <row r="2079" spans="2:49" x14ac:dyDescent="0.2">
      <c r="B2079" s="97"/>
      <c r="G2079" s="43"/>
      <c r="J2079" s="98"/>
      <c r="K2079" s="97"/>
      <c r="N2079" s="3"/>
      <c r="W2079" s="98"/>
      <c r="Z2079" s="143"/>
      <c r="AA2079" s="137"/>
      <c r="AB2079" s="137"/>
      <c r="AC2079" s="137"/>
      <c r="AD2079" s="137"/>
      <c r="AE2079" s="137"/>
      <c r="AF2079" s="137"/>
      <c r="AG2079" s="137"/>
      <c r="AH2079" s="137"/>
      <c r="AI2079" s="137"/>
      <c r="AJ2079" s="137"/>
      <c r="AK2079" s="206"/>
      <c r="AL2079" s="206"/>
      <c r="AM2079" s="143"/>
      <c r="AN2079" s="137"/>
      <c r="AO2079" s="137"/>
      <c r="AP2079" s="137"/>
      <c r="AQ2079" s="137"/>
      <c r="AR2079" s="137"/>
      <c r="AS2079" s="137"/>
      <c r="AT2079" s="137"/>
      <c r="AU2079" s="137"/>
      <c r="AV2079" s="137"/>
      <c r="AW2079" s="144"/>
    </row>
    <row r="2080" spans="2:49" x14ac:dyDescent="0.2">
      <c r="B2080" s="97"/>
      <c r="G2080" s="43"/>
      <c r="J2080" s="98"/>
      <c r="K2080" s="97"/>
      <c r="N2080" s="3"/>
      <c r="W2080" s="98"/>
      <c r="Z2080" s="143"/>
      <c r="AA2080" s="137"/>
      <c r="AB2080" s="137"/>
      <c r="AC2080" s="137"/>
      <c r="AD2080" s="137"/>
      <c r="AE2080" s="137"/>
      <c r="AF2080" s="137"/>
      <c r="AG2080" s="137"/>
      <c r="AH2080" s="137"/>
      <c r="AI2080" s="137"/>
      <c r="AJ2080" s="137"/>
      <c r="AK2080" s="206"/>
      <c r="AL2080" s="206"/>
      <c r="AM2080" s="143"/>
      <c r="AN2080" s="137"/>
      <c r="AO2080" s="137"/>
      <c r="AP2080" s="137"/>
      <c r="AQ2080" s="137"/>
      <c r="AR2080" s="137"/>
      <c r="AS2080" s="137"/>
      <c r="AT2080" s="137"/>
      <c r="AU2080" s="137"/>
      <c r="AV2080" s="137"/>
      <c r="AW2080" s="144"/>
    </row>
    <row r="2081" spans="2:49" x14ac:dyDescent="0.2">
      <c r="B2081" s="97"/>
      <c r="G2081" s="43"/>
      <c r="J2081" s="98"/>
      <c r="K2081" s="97"/>
      <c r="N2081" s="3"/>
      <c r="W2081" s="98"/>
      <c r="Z2081" s="143"/>
      <c r="AA2081" s="137"/>
      <c r="AB2081" s="137"/>
      <c r="AC2081" s="137"/>
      <c r="AD2081" s="137"/>
      <c r="AE2081" s="137"/>
      <c r="AF2081" s="137"/>
      <c r="AG2081" s="137"/>
      <c r="AH2081" s="137"/>
      <c r="AI2081" s="137"/>
      <c r="AJ2081" s="137"/>
      <c r="AK2081" s="206"/>
      <c r="AL2081" s="206"/>
      <c r="AM2081" s="143"/>
      <c r="AN2081" s="137"/>
      <c r="AO2081" s="137"/>
      <c r="AP2081" s="137"/>
      <c r="AQ2081" s="137"/>
      <c r="AR2081" s="137"/>
      <c r="AS2081" s="137"/>
      <c r="AT2081" s="137"/>
      <c r="AU2081" s="137"/>
      <c r="AV2081" s="137"/>
      <c r="AW2081" s="144"/>
    </row>
    <row r="2082" spans="2:49" x14ac:dyDescent="0.2">
      <c r="B2082" s="97"/>
      <c r="G2082" s="43"/>
      <c r="J2082" s="98"/>
      <c r="K2082" s="97"/>
      <c r="N2082" s="3"/>
      <c r="W2082" s="98"/>
      <c r="Z2082" s="143"/>
      <c r="AA2082" s="137"/>
      <c r="AB2082" s="137"/>
      <c r="AC2082" s="137"/>
      <c r="AD2082" s="137"/>
      <c r="AE2082" s="137"/>
      <c r="AF2082" s="137"/>
      <c r="AG2082" s="137"/>
      <c r="AH2082" s="137"/>
      <c r="AI2082" s="137"/>
      <c r="AJ2082" s="137"/>
      <c r="AK2082" s="206"/>
      <c r="AL2082" s="206"/>
      <c r="AM2082" s="143"/>
      <c r="AN2082" s="137"/>
      <c r="AO2082" s="137"/>
      <c r="AP2082" s="137"/>
      <c r="AQ2082" s="137"/>
      <c r="AR2082" s="137"/>
      <c r="AS2082" s="137"/>
      <c r="AT2082" s="137"/>
      <c r="AU2082" s="137"/>
      <c r="AV2082" s="137"/>
      <c r="AW2082" s="144"/>
    </row>
    <row r="2083" spans="2:49" x14ac:dyDescent="0.2">
      <c r="B2083" s="97"/>
      <c r="G2083" s="43"/>
      <c r="J2083" s="98"/>
      <c r="K2083" s="97"/>
      <c r="N2083" s="3"/>
      <c r="W2083" s="98"/>
      <c r="Z2083" s="143"/>
      <c r="AA2083" s="137"/>
      <c r="AB2083" s="137"/>
      <c r="AC2083" s="137"/>
      <c r="AD2083" s="137"/>
      <c r="AE2083" s="137"/>
      <c r="AF2083" s="137"/>
      <c r="AG2083" s="137"/>
      <c r="AH2083" s="137"/>
      <c r="AI2083" s="137"/>
      <c r="AJ2083" s="137"/>
      <c r="AK2083" s="206"/>
      <c r="AL2083" s="206"/>
      <c r="AM2083" s="143"/>
      <c r="AN2083" s="137"/>
      <c r="AO2083" s="137"/>
      <c r="AP2083" s="137"/>
      <c r="AQ2083" s="137"/>
      <c r="AR2083" s="137"/>
      <c r="AS2083" s="137"/>
      <c r="AT2083" s="137"/>
      <c r="AU2083" s="137"/>
      <c r="AV2083" s="137"/>
      <c r="AW2083" s="144"/>
    </row>
    <row r="2084" spans="2:49" x14ac:dyDescent="0.2">
      <c r="B2084" s="97"/>
      <c r="G2084" s="43"/>
      <c r="J2084" s="98"/>
      <c r="K2084" s="97"/>
      <c r="N2084" s="3"/>
      <c r="W2084" s="98"/>
      <c r="Z2084" s="143"/>
      <c r="AA2084" s="137"/>
      <c r="AB2084" s="137"/>
      <c r="AC2084" s="137"/>
      <c r="AD2084" s="137"/>
      <c r="AE2084" s="137"/>
      <c r="AF2084" s="137"/>
      <c r="AG2084" s="137"/>
      <c r="AH2084" s="137"/>
      <c r="AI2084" s="137"/>
      <c r="AJ2084" s="137"/>
      <c r="AK2084" s="206"/>
      <c r="AL2084" s="206"/>
      <c r="AM2084" s="143"/>
      <c r="AN2084" s="137"/>
      <c r="AO2084" s="137"/>
      <c r="AP2084" s="137"/>
      <c r="AQ2084" s="137"/>
      <c r="AR2084" s="137"/>
      <c r="AS2084" s="137"/>
      <c r="AT2084" s="137"/>
      <c r="AU2084" s="137"/>
      <c r="AV2084" s="137"/>
      <c r="AW2084" s="144"/>
    </row>
    <row r="2085" spans="2:49" x14ac:dyDescent="0.2">
      <c r="B2085" s="97"/>
      <c r="G2085" s="43"/>
      <c r="J2085" s="98"/>
      <c r="K2085" s="97"/>
      <c r="N2085" s="3"/>
      <c r="W2085" s="98"/>
      <c r="Z2085" s="143"/>
      <c r="AA2085" s="137"/>
      <c r="AB2085" s="137"/>
      <c r="AC2085" s="137"/>
      <c r="AD2085" s="137"/>
      <c r="AE2085" s="137"/>
      <c r="AF2085" s="137"/>
      <c r="AG2085" s="137"/>
      <c r="AH2085" s="137"/>
      <c r="AI2085" s="137"/>
      <c r="AJ2085" s="137"/>
      <c r="AK2085" s="206"/>
      <c r="AL2085" s="206"/>
      <c r="AM2085" s="143"/>
      <c r="AN2085" s="137"/>
      <c r="AO2085" s="137"/>
      <c r="AP2085" s="137"/>
      <c r="AQ2085" s="137"/>
      <c r="AR2085" s="137"/>
      <c r="AS2085" s="137"/>
      <c r="AT2085" s="137"/>
      <c r="AU2085" s="137"/>
      <c r="AV2085" s="137"/>
      <c r="AW2085" s="144"/>
    </row>
    <row r="2086" spans="2:49" x14ac:dyDescent="0.2">
      <c r="B2086" s="97"/>
      <c r="G2086" s="43"/>
      <c r="J2086" s="98"/>
      <c r="K2086" s="97"/>
      <c r="N2086" s="3"/>
      <c r="W2086" s="98"/>
      <c r="Z2086" s="143"/>
      <c r="AA2086" s="137"/>
      <c r="AB2086" s="137"/>
      <c r="AC2086" s="137"/>
      <c r="AD2086" s="137"/>
      <c r="AE2086" s="137"/>
      <c r="AF2086" s="137"/>
      <c r="AG2086" s="137"/>
      <c r="AH2086" s="137"/>
      <c r="AI2086" s="137"/>
      <c r="AJ2086" s="137"/>
      <c r="AK2086" s="206"/>
      <c r="AL2086" s="206"/>
      <c r="AM2086" s="143"/>
      <c r="AN2086" s="137"/>
      <c r="AO2086" s="137"/>
      <c r="AP2086" s="137"/>
      <c r="AQ2086" s="137"/>
      <c r="AR2086" s="137"/>
      <c r="AS2086" s="137"/>
      <c r="AT2086" s="137"/>
      <c r="AU2086" s="137"/>
      <c r="AV2086" s="137"/>
      <c r="AW2086" s="144"/>
    </row>
    <row r="2087" spans="2:49" x14ac:dyDescent="0.2">
      <c r="B2087" s="97"/>
      <c r="G2087" s="43"/>
      <c r="J2087" s="98"/>
      <c r="K2087" s="97"/>
      <c r="N2087" s="3"/>
      <c r="W2087" s="98"/>
      <c r="Z2087" s="143"/>
      <c r="AA2087" s="137"/>
      <c r="AB2087" s="137"/>
      <c r="AC2087" s="137"/>
      <c r="AD2087" s="137"/>
      <c r="AE2087" s="137"/>
      <c r="AF2087" s="137"/>
      <c r="AG2087" s="137"/>
      <c r="AH2087" s="137"/>
      <c r="AI2087" s="137"/>
      <c r="AJ2087" s="137"/>
      <c r="AK2087" s="206"/>
      <c r="AL2087" s="206"/>
      <c r="AM2087" s="143"/>
      <c r="AN2087" s="137"/>
      <c r="AO2087" s="137"/>
      <c r="AP2087" s="137"/>
      <c r="AQ2087" s="137"/>
      <c r="AR2087" s="137"/>
      <c r="AS2087" s="137"/>
      <c r="AT2087" s="137"/>
      <c r="AU2087" s="137"/>
      <c r="AV2087" s="137"/>
      <c r="AW2087" s="144"/>
    </row>
    <row r="2088" spans="2:49" x14ac:dyDescent="0.2">
      <c r="B2088" s="97"/>
      <c r="G2088" s="43"/>
      <c r="J2088" s="98"/>
      <c r="K2088" s="97"/>
      <c r="N2088" s="3"/>
      <c r="W2088" s="98"/>
      <c r="Z2088" s="143"/>
      <c r="AA2088" s="137"/>
      <c r="AB2088" s="137"/>
      <c r="AC2088" s="137"/>
      <c r="AD2088" s="137"/>
      <c r="AE2088" s="137"/>
      <c r="AF2088" s="137"/>
      <c r="AG2088" s="137"/>
      <c r="AH2088" s="137"/>
      <c r="AI2088" s="137"/>
      <c r="AJ2088" s="137"/>
      <c r="AK2088" s="206"/>
      <c r="AL2088" s="206"/>
      <c r="AM2088" s="143"/>
      <c r="AN2088" s="137"/>
      <c r="AO2088" s="137"/>
      <c r="AP2088" s="137"/>
      <c r="AQ2088" s="137"/>
      <c r="AR2088" s="137"/>
      <c r="AS2088" s="137"/>
      <c r="AT2088" s="137"/>
      <c r="AU2088" s="137"/>
      <c r="AV2088" s="137"/>
      <c r="AW2088" s="144"/>
    </row>
    <row r="2089" spans="2:49" x14ac:dyDescent="0.2">
      <c r="B2089" s="97"/>
      <c r="G2089" s="43"/>
      <c r="J2089" s="98"/>
      <c r="K2089" s="97"/>
      <c r="N2089" s="3"/>
      <c r="W2089" s="98"/>
      <c r="Z2089" s="143"/>
      <c r="AA2089" s="137"/>
      <c r="AB2089" s="137"/>
      <c r="AC2089" s="137"/>
      <c r="AD2089" s="137"/>
      <c r="AE2089" s="137"/>
      <c r="AF2089" s="137"/>
      <c r="AG2089" s="137"/>
      <c r="AH2089" s="137"/>
      <c r="AI2089" s="137"/>
      <c r="AJ2089" s="137"/>
      <c r="AK2089" s="206"/>
      <c r="AL2089" s="206"/>
      <c r="AM2089" s="143"/>
      <c r="AN2089" s="137"/>
      <c r="AO2089" s="137"/>
      <c r="AP2089" s="137"/>
      <c r="AQ2089" s="137"/>
      <c r="AR2089" s="137"/>
      <c r="AS2089" s="137"/>
      <c r="AT2089" s="137"/>
      <c r="AU2089" s="137"/>
      <c r="AV2089" s="137"/>
      <c r="AW2089" s="144"/>
    </row>
    <row r="2090" spans="2:49" x14ac:dyDescent="0.2">
      <c r="B2090" s="97"/>
      <c r="G2090" s="43"/>
      <c r="J2090" s="98"/>
      <c r="K2090" s="97"/>
      <c r="N2090" s="3"/>
      <c r="W2090" s="98"/>
      <c r="Z2090" s="143"/>
      <c r="AA2090" s="137"/>
      <c r="AB2090" s="137"/>
      <c r="AC2090" s="137"/>
      <c r="AD2090" s="137"/>
      <c r="AE2090" s="137"/>
      <c r="AF2090" s="137"/>
      <c r="AG2090" s="137"/>
      <c r="AH2090" s="137"/>
      <c r="AI2090" s="137"/>
      <c r="AJ2090" s="137"/>
      <c r="AK2090" s="206"/>
      <c r="AL2090" s="206"/>
      <c r="AM2090" s="143"/>
      <c r="AN2090" s="137"/>
      <c r="AO2090" s="137"/>
      <c r="AP2090" s="137"/>
      <c r="AQ2090" s="137"/>
      <c r="AR2090" s="137"/>
      <c r="AS2090" s="137"/>
      <c r="AT2090" s="137"/>
      <c r="AU2090" s="137"/>
      <c r="AV2090" s="137"/>
      <c r="AW2090" s="144"/>
    </row>
    <row r="2091" spans="2:49" x14ac:dyDescent="0.2">
      <c r="B2091" s="97"/>
      <c r="G2091" s="43"/>
      <c r="J2091" s="98"/>
      <c r="K2091" s="97"/>
      <c r="N2091" s="3"/>
      <c r="W2091" s="98"/>
      <c r="Z2091" s="143"/>
      <c r="AA2091" s="137"/>
      <c r="AB2091" s="137"/>
      <c r="AC2091" s="137"/>
      <c r="AD2091" s="137"/>
      <c r="AE2091" s="137"/>
      <c r="AF2091" s="137"/>
      <c r="AG2091" s="137"/>
      <c r="AH2091" s="137"/>
      <c r="AI2091" s="137"/>
      <c r="AJ2091" s="137"/>
      <c r="AK2091" s="206"/>
      <c r="AL2091" s="206"/>
      <c r="AM2091" s="143"/>
      <c r="AN2091" s="137"/>
      <c r="AO2091" s="137"/>
      <c r="AP2091" s="137"/>
      <c r="AQ2091" s="137"/>
      <c r="AR2091" s="137"/>
      <c r="AS2091" s="137"/>
      <c r="AT2091" s="137"/>
      <c r="AU2091" s="137"/>
      <c r="AV2091" s="137"/>
      <c r="AW2091" s="144"/>
    </row>
    <row r="2092" spans="2:49" x14ac:dyDescent="0.2">
      <c r="B2092" s="97"/>
      <c r="G2092" s="43"/>
      <c r="J2092" s="98"/>
      <c r="K2092" s="97"/>
      <c r="N2092" s="3"/>
      <c r="W2092" s="98"/>
      <c r="Z2092" s="143"/>
      <c r="AA2092" s="137"/>
      <c r="AB2092" s="137"/>
      <c r="AC2092" s="137"/>
      <c r="AD2092" s="137"/>
      <c r="AE2092" s="137"/>
      <c r="AF2092" s="137"/>
      <c r="AG2092" s="137"/>
      <c r="AH2092" s="137"/>
      <c r="AI2092" s="137"/>
      <c r="AJ2092" s="137"/>
      <c r="AK2092" s="206"/>
      <c r="AL2092" s="206"/>
      <c r="AM2092" s="143"/>
      <c r="AN2092" s="137"/>
      <c r="AO2092" s="137"/>
      <c r="AP2092" s="137"/>
      <c r="AQ2092" s="137"/>
      <c r="AR2092" s="137"/>
      <c r="AS2092" s="137"/>
      <c r="AT2092" s="137"/>
      <c r="AU2092" s="137"/>
      <c r="AV2092" s="137"/>
      <c r="AW2092" s="144"/>
    </row>
    <row r="2093" spans="2:49" x14ac:dyDescent="0.2">
      <c r="B2093" s="97"/>
      <c r="G2093" s="43"/>
      <c r="J2093" s="98"/>
      <c r="K2093" s="97"/>
      <c r="N2093" s="3"/>
      <c r="W2093" s="98"/>
      <c r="Z2093" s="143"/>
      <c r="AA2093" s="137"/>
      <c r="AB2093" s="137"/>
      <c r="AC2093" s="137"/>
      <c r="AD2093" s="137"/>
      <c r="AE2093" s="137"/>
      <c r="AF2093" s="137"/>
      <c r="AG2093" s="137"/>
      <c r="AH2093" s="137"/>
      <c r="AI2093" s="137"/>
      <c r="AJ2093" s="137"/>
      <c r="AK2093" s="206"/>
      <c r="AL2093" s="206"/>
      <c r="AM2093" s="143"/>
      <c r="AN2093" s="137"/>
      <c r="AO2093" s="137"/>
      <c r="AP2093" s="137"/>
      <c r="AQ2093" s="137"/>
      <c r="AR2093" s="137"/>
      <c r="AS2093" s="137"/>
      <c r="AT2093" s="137"/>
      <c r="AU2093" s="137"/>
      <c r="AV2093" s="137"/>
      <c r="AW2093" s="144"/>
    </row>
    <row r="2094" spans="2:49" x14ac:dyDescent="0.2">
      <c r="B2094" s="97"/>
      <c r="G2094" s="43"/>
      <c r="J2094" s="98"/>
      <c r="K2094" s="97"/>
      <c r="N2094" s="3"/>
      <c r="W2094" s="98"/>
      <c r="Z2094" s="143"/>
      <c r="AA2094" s="137"/>
      <c r="AB2094" s="137"/>
      <c r="AC2094" s="137"/>
      <c r="AD2094" s="137"/>
      <c r="AE2094" s="137"/>
      <c r="AF2094" s="137"/>
      <c r="AG2094" s="137"/>
      <c r="AH2094" s="137"/>
      <c r="AI2094" s="137"/>
      <c r="AJ2094" s="137"/>
      <c r="AK2094" s="206"/>
      <c r="AL2094" s="206"/>
      <c r="AM2094" s="143"/>
      <c r="AN2094" s="137"/>
      <c r="AO2094" s="137"/>
      <c r="AP2094" s="137"/>
      <c r="AQ2094" s="137"/>
      <c r="AR2094" s="137"/>
      <c r="AS2094" s="137"/>
      <c r="AT2094" s="137"/>
      <c r="AU2094" s="137"/>
      <c r="AV2094" s="137"/>
      <c r="AW2094" s="144"/>
    </row>
    <row r="2095" spans="2:49" x14ac:dyDescent="0.2">
      <c r="B2095" s="97"/>
      <c r="G2095" s="43"/>
      <c r="J2095" s="98"/>
      <c r="K2095" s="97"/>
      <c r="N2095" s="3"/>
      <c r="W2095" s="98"/>
      <c r="Z2095" s="143"/>
      <c r="AA2095" s="137"/>
      <c r="AB2095" s="137"/>
      <c r="AC2095" s="137"/>
      <c r="AD2095" s="137"/>
      <c r="AE2095" s="137"/>
      <c r="AF2095" s="137"/>
      <c r="AG2095" s="137"/>
      <c r="AH2095" s="137"/>
      <c r="AI2095" s="137"/>
      <c r="AJ2095" s="137"/>
      <c r="AK2095" s="206"/>
      <c r="AL2095" s="206"/>
      <c r="AM2095" s="143"/>
      <c r="AN2095" s="137"/>
      <c r="AO2095" s="137"/>
      <c r="AP2095" s="137"/>
      <c r="AQ2095" s="137"/>
      <c r="AR2095" s="137"/>
      <c r="AS2095" s="137"/>
      <c r="AT2095" s="137"/>
      <c r="AU2095" s="137"/>
      <c r="AV2095" s="137"/>
      <c r="AW2095" s="144"/>
    </row>
    <row r="2096" spans="2:49" x14ac:dyDescent="0.2">
      <c r="B2096" s="97"/>
      <c r="G2096" s="43"/>
      <c r="J2096" s="98"/>
      <c r="K2096" s="97"/>
      <c r="N2096" s="3"/>
      <c r="W2096" s="98"/>
      <c r="Z2096" s="143"/>
      <c r="AA2096" s="137"/>
      <c r="AB2096" s="137"/>
      <c r="AC2096" s="137"/>
      <c r="AD2096" s="137"/>
      <c r="AE2096" s="137"/>
      <c r="AF2096" s="137"/>
      <c r="AG2096" s="137"/>
      <c r="AH2096" s="137"/>
      <c r="AI2096" s="137"/>
      <c r="AJ2096" s="137"/>
      <c r="AK2096" s="206"/>
      <c r="AL2096" s="206"/>
      <c r="AM2096" s="143"/>
      <c r="AN2096" s="137"/>
      <c r="AO2096" s="137"/>
      <c r="AP2096" s="137"/>
      <c r="AQ2096" s="137"/>
      <c r="AR2096" s="137"/>
      <c r="AS2096" s="137"/>
      <c r="AT2096" s="137"/>
      <c r="AU2096" s="137"/>
      <c r="AV2096" s="137"/>
      <c r="AW2096" s="144"/>
    </row>
    <row r="2097" spans="2:49" x14ac:dyDescent="0.2">
      <c r="B2097" s="97"/>
      <c r="G2097" s="43"/>
      <c r="J2097" s="98"/>
      <c r="K2097" s="97"/>
      <c r="N2097" s="3"/>
      <c r="W2097" s="98"/>
      <c r="Z2097" s="143"/>
      <c r="AA2097" s="137"/>
      <c r="AB2097" s="137"/>
      <c r="AC2097" s="137"/>
      <c r="AD2097" s="137"/>
      <c r="AE2097" s="137"/>
      <c r="AF2097" s="137"/>
      <c r="AG2097" s="137"/>
      <c r="AH2097" s="137"/>
      <c r="AI2097" s="137"/>
      <c r="AJ2097" s="137"/>
      <c r="AK2097" s="206"/>
      <c r="AL2097" s="206"/>
      <c r="AM2097" s="143"/>
      <c r="AN2097" s="137"/>
      <c r="AO2097" s="137"/>
      <c r="AP2097" s="137"/>
      <c r="AQ2097" s="137"/>
      <c r="AR2097" s="137"/>
      <c r="AS2097" s="137"/>
      <c r="AT2097" s="137"/>
      <c r="AU2097" s="137"/>
      <c r="AV2097" s="137"/>
      <c r="AW2097" s="144"/>
    </row>
    <row r="2098" spans="2:49" x14ac:dyDescent="0.2">
      <c r="B2098" s="97"/>
      <c r="G2098" s="43"/>
      <c r="J2098" s="98"/>
      <c r="K2098" s="97"/>
      <c r="N2098" s="3"/>
      <c r="W2098" s="98"/>
      <c r="Z2098" s="143"/>
      <c r="AA2098" s="137"/>
      <c r="AB2098" s="137"/>
      <c r="AC2098" s="137"/>
      <c r="AD2098" s="137"/>
      <c r="AE2098" s="137"/>
      <c r="AF2098" s="137"/>
      <c r="AG2098" s="137"/>
      <c r="AH2098" s="137"/>
      <c r="AI2098" s="137"/>
      <c r="AJ2098" s="137"/>
      <c r="AK2098" s="206"/>
      <c r="AL2098" s="206"/>
      <c r="AM2098" s="143"/>
      <c r="AN2098" s="137"/>
      <c r="AO2098" s="137"/>
      <c r="AP2098" s="137"/>
      <c r="AQ2098" s="137"/>
      <c r="AR2098" s="137"/>
      <c r="AS2098" s="137"/>
      <c r="AT2098" s="137"/>
      <c r="AU2098" s="137"/>
      <c r="AV2098" s="137"/>
      <c r="AW2098" s="144"/>
    </row>
    <row r="2099" spans="2:49" x14ac:dyDescent="0.2">
      <c r="B2099" s="97"/>
      <c r="G2099" s="43"/>
      <c r="J2099" s="98"/>
      <c r="K2099" s="97"/>
      <c r="N2099" s="3"/>
      <c r="W2099" s="98"/>
      <c r="Z2099" s="143"/>
      <c r="AA2099" s="137"/>
      <c r="AB2099" s="137"/>
      <c r="AC2099" s="137"/>
      <c r="AD2099" s="137"/>
      <c r="AE2099" s="137"/>
      <c r="AF2099" s="137"/>
      <c r="AG2099" s="137"/>
      <c r="AH2099" s="137"/>
      <c r="AI2099" s="137"/>
      <c r="AJ2099" s="137"/>
      <c r="AK2099" s="206"/>
      <c r="AL2099" s="206"/>
      <c r="AM2099" s="143"/>
      <c r="AN2099" s="137"/>
      <c r="AO2099" s="137"/>
      <c r="AP2099" s="137"/>
      <c r="AQ2099" s="137"/>
      <c r="AR2099" s="137"/>
      <c r="AS2099" s="137"/>
      <c r="AT2099" s="137"/>
      <c r="AU2099" s="137"/>
      <c r="AV2099" s="137"/>
      <c r="AW2099" s="144"/>
    </row>
    <row r="2100" spans="2:49" x14ac:dyDescent="0.2">
      <c r="B2100" s="97"/>
      <c r="G2100" s="43"/>
      <c r="J2100" s="98"/>
      <c r="K2100" s="97"/>
      <c r="N2100" s="3"/>
      <c r="W2100" s="98"/>
      <c r="Z2100" s="143"/>
      <c r="AA2100" s="137"/>
      <c r="AB2100" s="137"/>
      <c r="AC2100" s="137"/>
      <c r="AD2100" s="137"/>
      <c r="AE2100" s="137"/>
      <c r="AF2100" s="137"/>
      <c r="AG2100" s="137"/>
      <c r="AH2100" s="137"/>
      <c r="AI2100" s="137"/>
      <c r="AJ2100" s="137"/>
      <c r="AK2100" s="206"/>
      <c r="AL2100" s="206"/>
      <c r="AM2100" s="143"/>
      <c r="AN2100" s="137"/>
      <c r="AO2100" s="137"/>
      <c r="AP2100" s="137"/>
      <c r="AQ2100" s="137"/>
      <c r="AR2100" s="137"/>
      <c r="AS2100" s="137"/>
      <c r="AT2100" s="137"/>
      <c r="AU2100" s="137"/>
      <c r="AV2100" s="137"/>
      <c r="AW2100" s="144"/>
    </row>
    <row r="2101" spans="2:49" x14ac:dyDescent="0.2">
      <c r="B2101" s="97"/>
      <c r="G2101" s="43"/>
      <c r="J2101" s="98"/>
      <c r="K2101" s="97"/>
      <c r="N2101" s="3"/>
      <c r="W2101" s="98"/>
      <c r="Z2101" s="143"/>
      <c r="AA2101" s="137"/>
      <c r="AB2101" s="137"/>
      <c r="AC2101" s="137"/>
      <c r="AD2101" s="137"/>
      <c r="AE2101" s="137"/>
      <c r="AF2101" s="137"/>
      <c r="AG2101" s="137"/>
      <c r="AH2101" s="137"/>
      <c r="AI2101" s="137"/>
      <c r="AJ2101" s="137"/>
      <c r="AK2101" s="206"/>
      <c r="AL2101" s="206"/>
      <c r="AM2101" s="143"/>
      <c r="AN2101" s="137"/>
      <c r="AO2101" s="137"/>
      <c r="AP2101" s="137"/>
      <c r="AQ2101" s="137"/>
      <c r="AR2101" s="137"/>
      <c r="AS2101" s="137"/>
      <c r="AT2101" s="137"/>
      <c r="AU2101" s="137"/>
      <c r="AV2101" s="137"/>
      <c r="AW2101" s="144"/>
    </row>
    <row r="2102" spans="2:49" x14ac:dyDescent="0.2">
      <c r="B2102" s="97"/>
      <c r="G2102" s="43"/>
      <c r="J2102" s="98"/>
      <c r="K2102" s="97"/>
      <c r="N2102" s="3"/>
      <c r="W2102" s="98"/>
      <c r="Z2102" s="143"/>
      <c r="AA2102" s="137"/>
      <c r="AB2102" s="137"/>
      <c r="AC2102" s="137"/>
      <c r="AD2102" s="137"/>
      <c r="AE2102" s="137"/>
      <c r="AF2102" s="137"/>
      <c r="AG2102" s="137"/>
      <c r="AH2102" s="137"/>
      <c r="AI2102" s="137"/>
      <c r="AJ2102" s="137"/>
      <c r="AK2102" s="206"/>
      <c r="AL2102" s="206"/>
      <c r="AM2102" s="143"/>
      <c r="AN2102" s="137"/>
      <c r="AO2102" s="137"/>
      <c r="AP2102" s="137"/>
      <c r="AQ2102" s="137"/>
      <c r="AR2102" s="137"/>
      <c r="AS2102" s="137"/>
      <c r="AT2102" s="137"/>
      <c r="AU2102" s="137"/>
      <c r="AV2102" s="137"/>
      <c r="AW2102" s="144"/>
    </row>
    <row r="2103" spans="2:49" x14ac:dyDescent="0.2">
      <c r="B2103" s="97"/>
      <c r="G2103" s="43"/>
      <c r="J2103" s="98"/>
      <c r="K2103" s="97"/>
      <c r="N2103" s="3"/>
      <c r="W2103" s="98"/>
      <c r="Z2103" s="143"/>
      <c r="AA2103" s="137"/>
      <c r="AB2103" s="137"/>
      <c r="AC2103" s="137"/>
      <c r="AD2103" s="137"/>
      <c r="AE2103" s="137"/>
      <c r="AF2103" s="137"/>
      <c r="AG2103" s="137"/>
      <c r="AH2103" s="137"/>
      <c r="AI2103" s="137"/>
      <c r="AJ2103" s="137"/>
      <c r="AK2103" s="206"/>
      <c r="AL2103" s="206"/>
      <c r="AM2103" s="143"/>
      <c r="AN2103" s="137"/>
      <c r="AO2103" s="137"/>
      <c r="AP2103" s="137"/>
      <c r="AQ2103" s="137"/>
      <c r="AR2103" s="137"/>
      <c r="AS2103" s="137"/>
      <c r="AT2103" s="137"/>
      <c r="AU2103" s="137"/>
      <c r="AV2103" s="137"/>
      <c r="AW2103" s="144"/>
    </row>
    <row r="2104" spans="2:49" x14ac:dyDescent="0.2">
      <c r="B2104" s="97"/>
      <c r="G2104" s="43"/>
      <c r="J2104" s="98"/>
      <c r="K2104" s="97"/>
      <c r="N2104" s="3"/>
      <c r="W2104" s="98"/>
      <c r="Z2104" s="143"/>
      <c r="AA2104" s="137"/>
      <c r="AB2104" s="137"/>
      <c r="AC2104" s="137"/>
      <c r="AD2104" s="137"/>
      <c r="AE2104" s="137"/>
      <c r="AF2104" s="137"/>
      <c r="AG2104" s="137"/>
      <c r="AH2104" s="137"/>
      <c r="AI2104" s="137"/>
      <c r="AJ2104" s="137"/>
      <c r="AK2104" s="206"/>
      <c r="AL2104" s="206"/>
      <c r="AM2104" s="143"/>
      <c r="AN2104" s="137"/>
      <c r="AO2104" s="137"/>
      <c r="AP2104" s="137"/>
      <c r="AQ2104" s="137"/>
      <c r="AR2104" s="137"/>
      <c r="AS2104" s="137"/>
      <c r="AT2104" s="137"/>
      <c r="AU2104" s="137"/>
      <c r="AV2104" s="137"/>
      <c r="AW2104" s="144"/>
    </row>
    <row r="2105" spans="2:49" x14ac:dyDescent="0.2">
      <c r="B2105" s="97"/>
      <c r="G2105" s="43"/>
      <c r="J2105" s="98"/>
      <c r="K2105" s="97"/>
      <c r="N2105" s="3"/>
      <c r="W2105" s="98"/>
      <c r="Z2105" s="143"/>
      <c r="AA2105" s="137"/>
      <c r="AB2105" s="137"/>
      <c r="AC2105" s="137"/>
      <c r="AD2105" s="137"/>
      <c r="AE2105" s="137"/>
      <c r="AF2105" s="137"/>
      <c r="AG2105" s="137"/>
      <c r="AH2105" s="137"/>
      <c r="AI2105" s="137"/>
      <c r="AJ2105" s="137"/>
      <c r="AK2105" s="206"/>
      <c r="AL2105" s="206"/>
      <c r="AM2105" s="143"/>
      <c r="AN2105" s="137"/>
      <c r="AO2105" s="137"/>
      <c r="AP2105" s="137"/>
      <c r="AQ2105" s="137"/>
      <c r="AR2105" s="137"/>
      <c r="AS2105" s="137"/>
      <c r="AT2105" s="137"/>
      <c r="AU2105" s="137"/>
      <c r="AV2105" s="137"/>
      <c r="AW2105" s="144"/>
    </row>
    <row r="2106" spans="2:49" x14ac:dyDescent="0.2">
      <c r="B2106" s="97"/>
      <c r="G2106" s="43"/>
      <c r="J2106" s="98"/>
      <c r="K2106" s="97"/>
      <c r="N2106" s="3"/>
      <c r="W2106" s="98"/>
      <c r="Z2106" s="143"/>
      <c r="AA2106" s="137"/>
      <c r="AB2106" s="137"/>
      <c r="AC2106" s="137"/>
      <c r="AD2106" s="137"/>
      <c r="AE2106" s="137"/>
      <c r="AF2106" s="137"/>
      <c r="AG2106" s="137"/>
      <c r="AH2106" s="137"/>
      <c r="AI2106" s="137"/>
      <c r="AJ2106" s="137"/>
      <c r="AK2106" s="206"/>
      <c r="AL2106" s="206"/>
      <c r="AM2106" s="143"/>
      <c r="AN2106" s="137"/>
      <c r="AO2106" s="137"/>
      <c r="AP2106" s="137"/>
      <c r="AQ2106" s="137"/>
      <c r="AR2106" s="137"/>
      <c r="AS2106" s="137"/>
      <c r="AT2106" s="137"/>
      <c r="AU2106" s="137"/>
      <c r="AV2106" s="137"/>
      <c r="AW2106" s="144"/>
    </row>
    <row r="2107" spans="2:49" x14ac:dyDescent="0.2">
      <c r="B2107" s="97"/>
      <c r="G2107" s="43"/>
      <c r="J2107" s="98"/>
      <c r="K2107" s="97"/>
      <c r="N2107" s="3"/>
      <c r="W2107" s="98"/>
      <c r="Z2107" s="143"/>
      <c r="AA2107" s="137"/>
      <c r="AB2107" s="137"/>
      <c r="AC2107" s="137"/>
      <c r="AD2107" s="137"/>
      <c r="AE2107" s="137"/>
      <c r="AF2107" s="137"/>
      <c r="AG2107" s="137"/>
      <c r="AH2107" s="137"/>
      <c r="AI2107" s="137"/>
      <c r="AJ2107" s="137"/>
      <c r="AK2107" s="206"/>
      <c r="AL2107" s="206"/>
      <c r="AM2107" s="143"/>
      <c r="AN2107" s="137"/>
      <c r="AO2107" s="137"/>
      <c r="AP2107" s="137"/>
      <c r="AQ2107" s="137"/>
      <c r="AR2107" s="137"/>
      <c r="AS2107" s="137"/>
      <c r="AT2107" s="137"/>
      <c r="AU2107" s="137"/>
      <c r="AV2107" s="137"/>
      <c r="AW2107" s="144"/>
    </row>
    <row r="2108" spans="2:49" x14ac:dyDescent="0.2">
      <c r="B2108" s="97"/>
      <c r="G2108" s="43"/>
      <c r="J2108" s="98"/>
      <c r="K2108" s="97"/>
      <c r="N2108" s="3"/>
      <c r="W2108" s="98"/>
      <c r="Z2108" s="143"/>
      <c r="AA2108" s="137"/>
      <c r="AB2108" s="137"/>
      <c r="AC2108" s="137"/>
      <c r="AD2108" s="137"/>
      <c r="AE2108" s="137"/>
      <c r="AF2108" s="137"/>
      <c r="AG2108" s="137"/>
      <c r="AH2108" s="137"/>
      <c r="AI2108" s="137"/>
      <c r="AJ2108" s="137"/>
      <c r="AK2108" s="206"/>
      <c r="AL2108" s="206"/>
      <c r="AM2108" s="143"/>
      <c r="AN2108" s="137"/>
      <c r="AO2108" s="137"/>
      <c r="AP2108" s="137"/>
      <c r="AQ2108" s="137"/>
      <c r="AR2108" s="137"/>
      <c r="AS2108" s="137"/>
      <c r="AT2108" s="137"/>
      <c r="AU2108" s="137"/>
      <c r="AV2108" s="137"/>
      <c r="AW2108" s="144"/>
    </row>
    <row r="2109" spans="2:49" x14ac:dyDescent="0.2">
      <c r="B2109" s="97"/>
      <c r="G2109" s="43"/>
      <c r="J2109" s="98"/>
      <c r="K2109" s="97"/>
      <c r="N2109" s="3"/>
      <c r="W2109" s="98"/>
      <c r="Z2109" s="143"/>
      <c r="AA2109" s="137"/>
      <c r="AB2109" s="137"/>
      <c r="AC2109" s="137"/>
      <c r="AD2109" s="137"/>
      <c r="AE2109" s="137"/>
      <c r="AF2109" s="137"/>
      <c r="AG2109" s="137"/>
      <c r="AH2109" s="137"/>
      <c r="AI2109" s="137"/>
      <c r="AJ2109" s="137"/>
      <c r="AK2109" s="206"/>
      <c r="AL2109" s="206"/>
      <c r="AM2109" s="143"/>
      <c r="AN2109" s="137"/>
      <c r="AO2109" s="137"/>
      <c r="AP2109" s="137"/>
      <c r="AQ2109" s="137"/>
      <c r="AR2109" s="137"/>
      <c r="AS2109" s="137"/>
      <c r="AT2109" s="137"/>
      <c r="AU2109" s="137"/>
      <c r="AV2109" s="137"/>
      <c r="AW2109" s="144"/>
    </row>
    <row r="2110" spans="2:49" x14ac:dyDescent="0.2">
      <c r="B2110" s="97"/>
      <c r="G2110" s="43"/>
      <c r="J2110" s="98"/>
      <c r="K2110" s="97"/>
      <c r="N2110" s="3"/>
      <c r="W2110" s="98"/>
      <c r="Z2110" s="143"/>
      <c r="AA2110" s="137"/>
      <c r="AB2110" s="137"/>
      <c r="AC2110" s="137"/>
      <c r="AD2110" s="137"/>
      <c r="AE2110" s="137"/>
      <c r="AF2110" s="137"/>
      <c r="AG2110" s="137"/>
      <c r="AH2110" s="137"/>
      <c r="AI2110" s="137"/>
      <c r="AJ2110" s="137"/>
      <c r="AK2110" s="206"/>
      <c r="AL2110" s="206"/>
      <c r="AM2110" s="143"/>
      <c r="AN2110" s="137"/>
      <c r="AO2110" s="137"/>
      <c r="AP2110" s="137"/>
      <c r="AQ2110" s="137"/>
      <c r="AR2110" s="137"/>
      <c r="AS2110" s="137"/>
      <c r="AT2110" s="137"/>
      <c r="AU2110" s="137"/>
      <c r="AV2110" s="137"/>
      <c r="AW2110" s="144"/>
    </row>
    <row r="2111" spans="2:49" x14ac:dyDescent="0.2">
      <c r="B2111" s="97"/>
      <c r="G2111" s="43"/>
      <c r="J2111" s="98"/>
      <c r="K2111" s="97"/>
      <c r="N2111" s="3"/>
      <c r="W2111" s="98"/>
      <c r="Z2111" s="143"/>
      <c r="AA2111" s="137"/>
      <c r="AB2111" s="137"/>
      <c r="AC2111" s="137"/>
      <c r="AD2111" s="137"/>
      <c r="AE2111" s="137"/>
      <c r="AF2111" s="137"/>
      <c r="AG2111" s="137"/>
      <c r="AH2111" s="137"/>
      <c r="AI2111" s="137"/>
      <c r="AJ2111" s="137"/>
      <c r="AK2111" s="206"/>
      <c r="AL2111" s="206"/>
      <c r="AM2111" s="143"/>
      <c r="AN2111" s="137"/>
      <c r="AO2111" s="137"/>
      <c r="AP2111" s="137"/>
      <c r="AQ2111" s="137"/>
      <c r="AR2111" s="137"/>
      <c r="AS2111" s="137"/>
      <c r="AT2111" s="137"/>
      <c r="AU2111" s="137"/>
      <c r="AV2111" s="137"/>
      <c r="AW2111" s="144"/>
    </row>
    <row r="2112" spans="2:49" x14ac:dyDescent="0.2">
      <c r="B2112" s="97"/>
      <c r="G2112" s="43"/>
      <c r="J2112" s="98"/>
      <c r="K2112" s="97"/>
      <c r="N2112" s="3"/>
      <c r="W2112" s="98"/>
      <c r="Z2112" s="143"/>
      <c r="AA2112" s="137"/>
      <c r="AB2112" s="137"/>
      <c r="AC2112" s="137"/>
      <c r="AD2112" s="137"/>
      <c r="AE2112" s="137"/>
      <c r="AF2112" s="137"/>
      <c r="AG2112" s="137"/>
      <c r="AH2112" s="137"/>
      <c r="AI2112" s="137"/>
      <c r="AJ2112" s="137"/>
      <c r="AK2112" s="206"/>
      <c r="AL2112" s="206"/>
      <c r="AM2112" s="143"/>
      <c r="AN2112" s="137"/>
      <c r="AO2112" s="137"/>
      <c r="AP2112" s="137"/>
      <c r="AQ2112" s="137"/>
      <c r="AR2112" s="137"/>
      <c r="AS2112" s="137"/>
      <c r="AT2112" s="137"/>
      <c r="AU2112" s="137"/>
      <c r="AV2112" s="137"/>
      <c r="AW2112" s="144"/>
    </row>
    <row r="2113" spans="2:49" x14ac:dyDescent="0.2">
      <c r="B2113" s="97"/>
      <c r="G2113" s="43"/>
      <c r="J2113" s="98"/>
      <c r="K2113" s="97"/>
      <c r="N2113" s="3"/>
      <c r="W2113" s="98"/>
      <c r="Z2113" s="143"/>
      <c r="AA2113" s="137"/>
      <c r="AB2113" s="137"/>
      <c r="AC2113" s="137"/>
      <c r="AD2113" s="137"/>
      <c r="AE2113" s="137"/>
      <c r="AF2113" s="137"/>
      <c r="AG2113" s="137"/>
      <c r="AH2113" s="137"/>
      <c r="AI2113" s="137"/>
      <c r="AJ2113" s="137"/>
      <c r="AK2113" s="206"/>
      <c r="AL2113" s="206"/>
      <c r="AM2113" s="143"/>
      <c r="AN2113" s="137"/>
      <c r="AO2113" s="137"/>
      <c r="AP2113" s="137"/>
      <c r="AQ2113" s="137"/>
      <c r="AR2113" s="137"/>
      <c r="AS2113" s="137"/>
      <c r="AT2113" s="137"/>
      <c r="AU2113" s="137"/>
      <c r="AV2113" s="137"/>
      <c r="AW2113" s="144"/>
    </row>
    <row r="2114" spans="2:49" x14ac:dyDescent="0.2">
      <c r="B2114" s="97"/>
      <c r="G2114" s="43"/>
      <c r="J2114" s="98"/>
      <c r="K2114" s="97"/>
      <c r="N2114" s="3"/>
      <c r="W2114" s="98"/>
      <c r="Z2114" s="143"/>
      <c r="AA2114" s="137"/>
      <c r="AB2114" s="137"/>
      <c r="AC2114" s="137"/>
      <c r="AD2114" s="137"/>
      <c r="AE2114" s="137"/>
      <c r="AF2114" s="137"/>
      <c r="AG2114" s="137"/>
      <c r="AH2114" s="137"/>
      <c r="AI2114" s="137"/>
      <c r="AJ2114" s="137"/>
      <c r="AK2114" s="206"/>
      <c r="AL2114" s="206"/>
      <c r="AM2114" s="143"/>
      <c r="AN2114" s="137"/>
      <c r="AO2114" s="137"/>
      <c r="AP2114" s="137"/>
      <c r="AQ2114" s="137"/>
      <c r="AR2114" s="137"/>
      <c r="AS2114" s="137"/>
      <c r="AT2114" s="137"/>
      <c r="AU2114" s="137"/>
      <c r="AV2114" s="137"/>
      <c r="AW2114" s="144"/>
    </row>
    <row r="2115" spans="2:49" x14ac:dyDescent="0.2">
      <c r="B2115" s="97"/>
      <c r="G2115" s="43"/>
      <c r="J2115" s="98"/>
      <c r="K2115" s="97"/>
      <c r="N2115" s="3"/>
      <c r="W2115" s="98"/>
      <c r="Z2115" s="143"/>
      <c r="AA2115" s="137"/>
      <c r="AB2115" s="137"/>
      <c r="AC2115" s="137"/>
      <c r="AD2115" s="137"/>
      <c r="AE2115" s="137"/>
      <c r="AF2115" s="137"/>
      <c r="AG2115" s="137"/>
      <c r="AH2115" s="137"/>
      <c r="AI2115" s="137"/>
      <c r="AJ2115" s="137"/>
      <c r="AK2115" s="206"/>
      <c r="AL2115" s="206"/>
      <c r="AM2115" s="143"/>
      <c r="AN2115" s="137"/>
      <c r="AO2115" s="137"/>
      <c r="AP2115" s="137"/>
      <c r="AQ2115" s="137"/>
      <c r="AR2115" s="137"/>
      <c r="AS2115" s="137"/>
      <c r="AT2115" s="137"/>
      <c r="AU2115" s="137"/>
      <c r="AV2115" s="137"/>
      <c r="AW2115" s="144"/>
    </row>
    <row r="2116" spans="2:49" x14ac:dyDescent="0.2">
      <c r="B2116" s="97"/>
      <c r="G2116" s="43"/>
      <c r="J2116" s="98"/>
      <c r="K2116" s="97"/>
      <c r="N2116" s="3"/>
      <c r="W2116" s="98"/>
      <c r="Z2116" s="143"/>
      <c r="AA2116" s="137"/>
      <c r="AB2116" s="137"/>
      <c r="AC2116" s="137"/>
      <c r="AD2116" s="137"/>
      <c r="AE2116" s="137"/>
      <c r="AF2116" s="137"/>
      <c r="AG2116" s="137"/>
      <c r="AH2116" s="137"/>
      <c r="AI2116" s="137"/>
      <c r="AJ2116" s="137"/>
      <c r="AK2116" s="206"/>
      <c r="AL2116" s="206"/>
      <c r="AM2116" s="143"/>
      <c r="AN2116" s="137"/>
      <c r="AO2116" s="137"/>
      <c r="AP2116" s="137"/>
      <c r="AQ2116" s="137"/>
      <c r="AR2116" s="137"/>
      <c r="AS2116" s="137"/>
      <c r="AT2116" s="137"/>
      <c r="AU2116" s="137"/>
      <c r="AV2116" s="137"/>
      <c r="AW2116" s="144"/>
    </row>
    <row r="2117" spans="2:49" x14ac:dyDescent="0.2">
      <c r="B2117" s="97"/>
      <c r="G2117" s="43"/>
      <c r="J2117" s="98"/>
      <c r="K2117" s="97"/>
      <c r="N2117" s="3"/>
      <c r="W2117" s="98"/>
      <c r="Z2117" s="143"/>
      <c r="AA2117" s="137"/>
      <c r="AB2117" s="137"/>
      <c r="AC2117" s="137"/>
      <c r="AD2117" s="137"/>
      <c r="AE2117" s="137"/>
      <c r="AF2117" s="137"/>
      <c r="AG2117" s="137"/>
      <c r="AH2117" s="137"/>
      <c r="AI2117" s="137"/>
      <c r="AJ2117" s="137"/>
      <c r="AK2117" s="206"/>
      <c r="AL2117" s="206"/>
      <c r="AM2117" s="143"/>
      <c r="AN2117" s="137"/>
      <c r="AO2117" s="137"/>
      <c r="AP2117" s="137"/>
      <c r="AQ2117" s="137"/>
      <c r="AR2117" s="137"/>
      <c r="AS2117" s="137"/>
      <c r="AT2117" s="137"/>
      <c r="AU2117" s="137"/>
      <c r="AV2117" s="137"/>
      <c r="AW2117" s="144"/>
    </row>
    <row r="2118" spans="2:49" x14ac:dyDescent="0.2">
      <c r="B2118" s="97"/>
      <c r="G2118" s="43"/>
      <c r="J2118" s="98"/>
      <c r="K2118" s="97"/>
      <c r="N2118" s="3"/>
      <c r="W2118" s="98"/>
      <c r="Z2118" s="143"/>
      <c r="AA2118" s="137"/>
      <c r="AB2118" s="137"/>
      <c r="AC2118" s="137"/>
      <c r="AD2118" s="137"/>
      <c r="AE2118" s="137"/>
      <c r="AF2118" s="137"/>
      <c r="AG2118" s="137"/>
      <c r="AH2118" s="137"/>
      <c r="AI2118" s="137"/>
      <c r="AJ2118" s="137"/>
      <c r="AK2118" s="206"/>
      <c r="AL2118" s="206"/>
      <c r="AM2118" s="143"/>
      <c r="AN2118" s="137"/>
      <c r="AO2118" s="137"/>
      <c r="AP2118" s="137"/>
      <c r="AQ2118" s="137"/>
      <c r="AR2118" s="137"/>
      <c r="AS2118" s="137"/>
      <c r="AT2118" s="137"/>
      <c r="AU2118" s="137"/>
      <c r="AV2118" s="137"/>
      <c r="AW2118" s="144"/>
    </row>
    <row r="2119" spans="2:49" x14ac:dyDescent="0.2">
      <c r="B2119" s="97"/>
      <c r="G2119" s="43"/>
      <c r="J2119" s="98"/>
      <c r="K2119" s="97"/>
      <c r="N2119" s="3"/>
      <c r="W2119" s="98"/>
      <c r="Z2119" s="143"/>
      <c r="AA2119" s="137"/>
      <c r="AB2119" s="137"/>
      <c r="AC2119" s="137"/>
      <c r="AD2119" s="137"/>
      <c r="AE2119" s="137"/>
      <c r="AF2119" s="137"/>
      <c r="AG2119" s="137"/>
      <c r="AH2119" s="137"/>
      <c r="AI2119" s="137"/>
      <c r="AJ2119" s="137"/>
      <c r="AK2119" s="206"/>
      <c r="AL2119" s="206"/>
      <c r="AM2119" s="143"/>
      <c r="AN2119" s="137"/>
      <c r="AO2119" s="137"/>
      <c r="AP2119" s="137"/>
      <c r="AQ2119" s="137"/>
      <c r="AR2119" s="137"/>
      <c r="AS2119" s="137"/>
      <c r="AT2119" s="137"/>
      <c r="AU2119" s="137"/>
      <c r="AV2119" s="137"/>
      <c r="AW2119" s="144"/>
    </row>
    <row r="2120" spans="2:49" x14ac:dyDescent="0.2">
      <c r="B2120" s="97"/>
      <c r="G2120" s="43"/>
      <c r="J2120" s="98"/>
      <c r="K2120" s="97"/>
      <c r="N2120" s="3"/>
      <c r="W2120" s="98"/>
      <c r="Z2120" s="143"/>
      <c r="AA2120" s="137"/>
      <c r="AB2120" s="137"/>
      <c r="AC2120" s="137"/>
      <c r="AD2120" s="137"/>
      <c r="AE2120" s="137"/>
      <c r="AF2120" s="137"/>
      <c r="AG2120" s="137"/>
      <c r="AH2120" s="137"/>
      <c r="AI2120" s="137"/>
      <c r="AJ2120" s="137"/>
      <c r="AK2120" s="206"/>
      <c r="AL2120" s="206"/>
      <c r="AM2120" s="143"/>
      <c r="AN2120" s="137"/>
      <c r="AO2120" s="137"/>
      <c r="AP2120" s="137"/>
      <c r="AQ2120" s="137"/>
      <c r="AR2120" s="137"/>
      <c r="AS2120" s="137"/>
      <c r="AT2120" s="137"/>
      <c r="AU2120" s="137"/>
      <c r="AV2120" s="137"/>
      <c r="AW2120" s="144"/>
    </row>
    <row r="2121" spans="2:49" x14ac:dyDescent="0.2">
      <c r="B2121" s="97"/>
      <c r="G2121" s="43"/>
      <c r="J2121" s="98"/>
      <c r="K2121" s="97"/>
      <c r="N2121" s="3"/>
      <c r="W2121" s="98"/>
      <c r="Z2121" s="143"/>
      <c r="AA2121" s="137"/>
      <c r="AB2121" s="137"/>
      <c r="AC2121" s="137"/>
      <c r="AD2121" s="137"/>
      <c r="AE2121" s="137"/>
      <c r="AF2121" s="137"/>
      <c r="AG2121" s="137"/>
      <c r="AH2121" s="137"/>
      <c r="AI2121" s="137"/>
      <c r="AJ2121" s="137"/>
      <c r="AK2121" s="206"/>
      <c r="AL2121" s="206"/>
      <c r="AM2121" s="143"/>
      <c r="AN2121" s="137"/>
      <c r="AO2121" s="137"/>
      <c r="AP2121" s="137"/>
      <c r="AQ2121" s="137"/>
      <c r="AR2121" s="137"/>
      <c r="AS2121" s="137"/>
      <c r="AT2121" s="137"/>
      <c r="AU2121" s="137"/>
      <c r="AV2121" s="137"/>
      <c r="AW2121" s="144"/>
    </row>
    <row r="2122" spans="2:49" x14ac:dyDescent="0.2">
      <c r="B2122" s="97"/>
      <c r="G2122" s="43"/>
      <c r="J2122" s="98"/>
      <c r="K2122" s="97"/>
      <c r="N2122" s="3"/>
      <c r="W2122" s="98"/>
      <c r="Z2122" s="143"/>
      <c r="AA2122" s="137"/>
      <c r="AB2122" s="137"/>
      <c r="AC2122" s="137"/>
      <c r="AD2122" s="137"/>
      <c r="AE2122" s="137"/>
      <c r="AF2122" s="137"/>
      <c r="AG2122" s="137"/>
      <c r="AH2122" s="137"/>
      <c r="AI2122" s="137"/>
      <c r="AJ2122" s="137"/>
      <c r="AK2122" s="206"/>
      <c r="AL2122" s="206"/>
      <c r="AM2122" s="143"/>
      <c r="AN2122" s="137"/>
      <c r="AO2122" s="137"/>
      <c r="AP2122" s="137"/>
      <c r="AQ2122" s="137"/>
      <c r="AR2122" s="137"/>
      <c r="AS2122" s="137"/>
      <c r="AT2122" s="137"/>
      <c r="AU2122" s="137"/>
      <c r="AV2122" s="137"/>
      <c r="AW2122" s="144"/>
    </row>
    <row r="2123" spans="2:49" x14ac:dyDescent="0.2">
      <c r="B2123" s="97"/>
      <c r="G2123" s="43"/>
      <c r="J2123" s="98"/>
      <c r="K2123" s="97"/>
      <c r="N2123" s="3"/>
      <c r="W2123" s="98"/>
      <c r="Z2123" s="143"/>
      <c r="AA2123" s="137"/>
      <c r="AB2123" s="137"/>
      <c r="AC2123" s="137"/>
      <c r="AD2123" s="137"/>
      <c r="AE2123" s="137"/>
      <c r="AF2123" s="137"/>
      <c r="AG2123" s="137"/>
      <c r="AH2123" s="137"/>
      <c r="AI2123" s="137"/>
      <c r="AJ2123" s="137"/>
      <c r="AK2123" s="206"/>
      <c r="AL2123" s="206"/>
      <c r="AM2123" s="143"/>
      <c r="AN2123" s="137"/>
      <c r="AO2123" s="137"/>
      <c r="AP2123" s="137"/>
      <c r="AQ2123" s="137"/>
      <c r="AR2123" s="137"/>
      <c r="AS2123" s="137"/>
      <c r="AT2123" s="137"/>
      <c r="AU2123" s="137"/>
      <c r="AV2123" s="137"/>
      <c r="AW2123" s="144"/>
    </row>
    <row r="2124" spans="2:49" x14ac:dyDescent="0.2">
      <c r="B2124" s="97"/>
      <c r="G2124" s="43"/>
      <c r="J2124" s="98"/>
      <c r="K2124" s="97"/>
      <c r="N2124" s="3"/>
      <c r="W2124" s="98"/>
      <c r="Z2124" s="143"/>
      <c r="AA2124" s="137"/>
      <c r="AB2124" s="137"/>
      <c r="AC2124" s="137"/>
      <c r="AD2124" s="137"/>
      <c r="AE2124" s="137"/>
      <c r="AF2124" s="137"/>
      <c r="AG2124" s="137"/>
      <c r="AH2124" s="137"/>
      <c r="AI2124" s="137"/>
      <c r="AJ2124" s="137"/>
      <c r="AK2124" s="206"/>
      <c r="AL2124" s="206"/>
      <c r="AM2124" s="143"/>
      <c r="AN2124" s="137"/>
      <c r="AO2124" s="137"/>
      <c r="AP2124" s="137"/>
      <c r="AQ2124" s="137"/>
      <c r="AR2124" s="137"/>
      <c r="AS2124" s="137"/>
      <c r="AT2124" s="137"/>
      <c r="AU2124" s="137"/>
      <c r="AV2124" s="137"/>
      <c r="AW2124" s="144"/>
    </row>
    <row r="2125" spans="2:49" x14ac:dyDescent="0.2">
      <c r="B2125" s="97"/>
      <c r="G2125" s="43"/>
      <c r="J2125" s="98"/>
      <c r="K2125" s="97"/>
      <c r="N2125" s="3"/>
      <c r="W2125" s="98"/>
      <c r="Z2125" s="143"/>
      <c r="AA2125" s="137"/>
      <c r="AB2125" s="137"/>
      <c r="AC2125" s="137"/>
      <c r="AD2125" s="137"/>
      <c r="AE2125" s="137"/>
      <c r="AF2125" s="137"/>
      <c r="AG2125" s="137"/>
      <c r="AH2125" s="137"/>
      <c r="AI2125" s="137"/>
      <c r="AJ2125" s="137"/>
      <c r="AK2125" s="206"/>
      <c r="AL2125" s="206"/>
      <c r="AM2125" s="143"/>
      <c r="AN2125" s="137"/>
      <c r="AO2125" s="137"/>
      <c r="AP2125" s="137"/>
      <c r="AQ2125" s="137"/>
      <c r="AR2125" s="137"/>
      <c r="AS2125" s="137"/>
      <c r="AT2125" s="137"/>
      <c r="AU2125" s="137"/>
      <c r="AV2125" s="137"/>
      <c r="AW2125" s="144"/>
    </row>
    <row r="2126" spans="2:49" x14ac:dyDescent="0.2">
      <c r="B2126" s="97"/>
      <c r="G2126" s="43"/>
      <c r="J2126" s="98"/>
      <c r="K2126" s="97"/>
      <c r="N2126" s="3"/>
      <c r="W2126" s="98"/>
      <c r="Z2126" s="143"/>
      <c r="AA2126" s="137"/>
      <c r="AB2126" s="137"/>
      <c r="AC2126" s="137"/>
      <c r="AD2126" s="137"/>
      <c r="AE2126" s="137"/>
      <c r="AF2126" s="137"/>
      <c r="AG2126" s="137"/>
      <c r="AH2126" s="137"/>
      <c r="AI2126" s="137"/>
      <c r="AJ2126" s="137"/>
      <c r="AK2126" s="206"/>
      <c r="AL2126" s="206"/>
      <c r="AM2126" s="143"/>
      <c r="AN2126" s="137"/>
      <c r="AO2126" s="137"/>
      <c r="AP2126" s="137"/>
      <c r="AQ2126" s="137"/>
      <c r="AR2126" s="137"/>
      <c r="AS2126" s="137"/>
      <c r="AT2126" s="137"/>
      <c r="AU2126" s="137"/>
      <c r="AV2126" s="137"/>
      <c r="AW2126" s="144"/>
    </row>
    <row r="2127" spans="2:49" x14ac:dyDescent="0.2">
      <c r="B2127" s="97"/>
      <c r="G2127" s="43"/>
      <c r="J2127" s="98"/>
      <c r="K2127" s="97"/>
      <c r="N2127" s="3"/>
      <c r="W2127" s="98"/>
      <c r="Z2127" s="143"/>
      <c r="AA2127" s="137"/>
      <c r="AB2127" s="137"/>
      <c r="AC2127" s="137"/>
      <c r="AD2127" s="137"/>
      <c r="AE2127" s="137"/>
      <c r="AF2127" s="137"/>
      <c r="AG2127" s="137"/>
      <c r="AH2127" s="137"/>
      <c r="AI2127" s="137"/>
      <c r="AJ2127" s="137"/>
      <c r="AK2127" s="206"/>
      <c r="AL2127" s="206"/>
      <c r="AM2127" s="143"/>
      <c r="AN2127" s="137"/>
      <c r="AO2127" s="137"/>
      <c r="AP2127" s="137"/>
      <c r="AQ2127" s="137"/>
      <c r="AR2127" s="137"/>
      <c r="AS2127" s="137"/>
      <c r="AT2127" s="137"/>
      <c r="AU2127" s="137"/>
      <c r="AV2127" s="137"/>
      <c r="AW2127" s="144"/>
    </row>
    <row r="2128" spans="2:49" x14ac:dyDescent="0.2">
      <c r="B2128" s="97"/>
      <c r="G2128" s="43"/>
      <c r="J2128" s="98"/>
      <c r="K2128" s="97"/>
      <c r="N2128" s="3"/>
      <c r="W2128" s="98"/>
      <c r="Z2128" s="143"/>
      <c r="AA2128" s="137"/>
      <c r="AB2128" s="137"/>
      <c r="AC2128" s="137"/>
      <c r="AD2128" s="137"/>
      <c r="AE2128" s="137"/>
      <c r="AF2128" s="137"/>
      <c r="AG2128" s="137"/>
      <c r="AH2128" s="137"/>
      <c r="AI2128" s="137"/>
      <c r="AJ2128" s="137"/>
      <c r="AK2128" s="206"/>
      <c r="AL2128" s="206"/>
      <c r="AM2128" s="143"/>
      <c r="AN2128" s="137"/>
      <c r="AO2128" s="137"/>
      <c r="AP2128" s="137"/>
      <c r="AQ2128" s="137"/>
      <c r="AR2128" s="137"/>
      <c r="AS2128" s="137"/>
      <c r="AT2128" s="137"/>
      <c r="AU2128" s="137"/>
      <c r="AV2128" s="137"/>
      <c r="AW2128" s="144"/>
    </row>
    <row r="2129" spans="2:49" x14ac:dyDescent="0.2">
      <c r="B2129" s="97"/>
      <c r="G2129" s="43"/>
      <c r="J2129" s="98"/>
      <c r="K2129" s="97"/>
      <c r="N2129" s="3"/>
      <c r="W2129" s="98"/>
      <c r="Z2129" s="143"/>
      <c r="AA2129" s="137"/>
      <c r="AB2129" s="137"/>
      <c r="AC2129" s="137"/>
      <c r="AD2129" s="137"/>
      <c r="AE2129" s="137"/>
      <c r="AF2129" s="137"/>
      <c r="AG2129" s="137"/>
      <c r="AH2129" s="137"/>
      <c r="AI2129" s="137"/>
      <c r="AJ2129" s="137"/>
      <c r="AK2129" s="206"/>
      <c r="AL2129" s="206"/>
      <c r="AM2129" s="143"/>
      <c r="AN2129" s="137"/>
      <c r="AO2129" s="137"/>
      <c r="AP2129" s="137"/>
      <c r="AQ2129" s="137"/>
      <c r="AR2129" s="137"/>
      <c r="AS2129" s="137"/>
      <c r="AT2129" s="137"/>
      <c r="AU2129" s="137"/>
      <c r="AV2129" s="137"/>
      <c r="AW2129" s="144"/>
    </row>
    <row r="2130" spans="2:49" x14ac:dyDescent="0.2">
      <c r="B2130" s="97"/>
      <c r="G2130" s="43"/>
      <c r="J2130" s="98"/>
      <c r="K2130" s="97"/>
      <c r="N2130" s="3"/>
      <c r="W2130" s="98"/>
      <c r="Z2130" s="143"/>
      <c r="AA2130" s="137"/>
      <c r="AB2130" s="137"/>
      <c r="AC2130" s="137"/>
      <c r="AD2130" s="137"/>
      <c r="AE2130" s="137"/>
      <c r="AF2130" s="137"/>
      <c r="AG2130" s="137"/>
      <c r="AH2130" s="137"/>
      <c r="AI2130" s="137"/>
      <c r="AJ2130" s="137"/>
      <c r="AK2130" s="206"/>
      <c r="AL2130" s="206"/>
      <c r="AM2130" s="143"/>
      <c r="AN2130" s="137"/>
      <c r="AO2130" s="137"/>
      <c r="AP2130" s="137"/>
      <c r="AQ2130" s="137"/>
      <c r="AR2130" s="137"/>
      <c r="AS2130" s="137"/>
      <c r="AT2130" s="137"/>
      <c r="AU2130" s="137"/>
      <c r="AV2130" s="137"/>
      <c r="AW2130" s="144"/>
    </row>
    <row r="2131" spans="2:49" x14ac:dyDescent="0.2">
      <c r="B2131" s="97"/>
      <c r="G2131" s="43"/>
      <c r="J2131" s="98"/>
      <c r="K2131" s="97"/>
      <c r="N2131" s="3"/>
      <c r="W2131" s="98"/>
      <c r="Z2131" s="143"/>
      <c r="AA2131" s="137"/>
      <c r="AB2131" s="137"/>
      <c r="AC2131" s="137"/>
      <c r="AD2131" s="137"/>
      <c r="AE2131" s="137"/>
      <c r="AF2131" s="137"/>
      <c r="AG2131" s="137"/>
      <c r="AH2131" s="137"/>
      <c r="AI2131" s="137"/>
      <c r="AJ2131" s="137"/>
      <c r="AK2131" s="206"/>
      <c r="AL2131" s="206"/>
      <c r="AM2131" s="143"/>
      <c r="AN2131" s="137"/>
      <c r="AO2131" s="137"/>
      <c r="AP2131" s="137"/>
      <c r="AQ2131" s="137"/>
      <c r="AR2131" s="137"/>
      <c r="AS2131" s="137"/>
      <c r="AT2131" s="137"/>
      <c r="AU2131" s="137"/>
      <c r="AV2131" s="137"/>
      <c r="AW2131" s="144"/>
    </row>
    <row r="2132" spans="2:49" x14ac:dyDescent="0.2">
      <c r="B2132" s="97"/>
      <c r="G2132" s="43"/>
      <c r="J2132" s="98"/>
      <c r="K2132" s="97"/>
      <c r="N2132" s="3"/>
      <c r="W2132" s="98"/>
      <c r="Z2132" s="143"/>
      <c r="AA2132" s="137"/>
      <c r="AB2132" s="137"/>
      <c r="AC2132" s="137"/>
      <c r="AD2132" s="137"/>
      <c r="AE2132" s="137"/>
      <c r="AF2132" s="137"/>
      <c r="AG2132" s="137"/>
      <c r="AH2132" s="137"/>
      <c r="AI2132" s="137"/>
      <c r="AJ2132" s="137"/>
      <c r="AK2132" s="206"/>
      <c r="AL2132" s="206"/>
      <c r="AM2132" s="143"/>
      <c r="AN2132" s="137"/>
      <c r="AO2132" s="137"/>
      <c r="AP2132" s="137"/>
      <c r="AQ2132" s="137"/>
      <c r="AR2132" s="137"/>
      <c r="AS2132" s="137"/>
      <c r="AT2132" s="137"/>
      <c r="AU2132" s="137"/>
      <c r="AV2132" s="137"/>
      <c r="AW2132" s="144"/>
    </row>
    <row r="2133" spans="2:49" x14ac:dyDescent="0.2">
      <c r="B2133" s="97"/>
      <c r="G2133" s="43"/>
      <c r="J2133" s="98"/>
      <c r="K2133" s="97"/>
      <c r="N2133" s="3"/>
      <c r="W2133" s="98"/>
      <c r="Z2133" s="143"/>
      <c r="AA2133" s="137"/>
      <c r="AB2133" s="137"/>
      <c r="AC2133" s="137"/>
      <c r="AD2133" s="137"/>
      <c r="AE2133" s="137"/>
      <c r="AF2133" s="137"/>
      <c r="AG2133" s="137"/>
      <c r="AH2133" s="137"/>
      <c r="AI2133" s="137"/>
      <c r="AJ2133" s="137"/>
      <c r="AK2133" s="206"/>
      <c r="AL2133" s="206"/>
      <c r="AM2133" s="143"/>
      <c r="AN2133" s="137"/>
      <c r="AO2133" s="137"/>
      <c r="AP2133" s="137"/>
      <c r="AQ2133" s="137"/>
      <c r="AR2133" s="137"/>
      <c r="AS2133" s="137"/>
      <c r="AT2133" s="137"/>
      <c r="AU2133" s="137"/>
      <c r="AV2133" s="137"/>
      <c r="AW2133" s="144"/>
    </row>
    <row r="2134" spans="2:49" x14ac:dyDescent="0.2">
      <c r="B2134" s="97"/>
      <c r="G2134" s="43"/>
      <c r="J2134" s="98"/>
      <c r="K2134" s="97"/>
      <c r="N2134" s="3"/>
      <c r="W2134" s="98"/>
      <c r="Z2134" s="143"/>
      <c r="AA2134" s="137"/>
      <c r="AB2134" s="137"/>
      <c r="AC2134" s="137"/>
      <c r="AD2134" s="137"/>
      <c r="AE2134" s="137"/>
      <c r="AF2134" s="137"/>
      <c r="AG2134" s="137"/>
      <c r="AH2134" s="137"/>
      <c r="AI2134" s="137"/>
      <c r="AJ2134" s="137"/>
      <c r="AK2134" s="206"/>
      <c r="AL2134" s="206"/>
      <c r="AM2134" s="143"/>
      <c r="AN2134" s="137"/>
      <c r="AO2134" s="137"/>
      <c r="AP2134" s="137"/>
      <c r="AQ2134" s="137"/>
      <c r="AR2134" s="137"/>
      <c r="AS2134" s="137"/>
      <c r="AT2134" s="137"/>
      <c r="AU2134" s="137"/>
      <c r="AV2134" s="137"/>
      <c r="AW2134" s="144"/>
    </row>
    <row r="2135" spans="2:49" x14ac:dyDescent="0.2">
      <c r="B2135" s="97"/>
      <c r="G2135" s="43"/>
      <c r="J2135" s="98"/>
      <c r="K2135" s="97"/>
      <c r="N2135" s="3"/>
      <c r="W2135" s="98"/>
      <c r="Z2135" s="143"/>
      <c r="AA2135" s="137"/>
      <c r="AB2135" s="137"/>
      <c r="AC2135" s="137"/>
      <c r="AD2135" s="137"/>
      <c r="AE2135" s="137"/>
      <c r="AF2135" s="137"/>
      <c r="AG2135" s="137"/>
      <c r="AH2135" s="137"/>
      <c r="AI2135" s="137"/>
      <c r="AJ2135" s="137"/>
      <c r="AK2135" s="206"/>
      <c r="AL2135" s="206"/>
      <c r="AM2135" s="143"/>
      <c r="AN2135" s="137"/>
      <c r="AO2135" s="137"/>
      <c r="AP2135" s="137"/>
      <c r="AQ2135" s="137"/>
      <c r="AR2135" s="137"/>
      <c r="AS2135" s="137"/>
      <c r="AT2135" s="137"/>
      <c r="AU2135" s="137"/>
      <c r="AV2135" s="137"/>
      <c r="AW2135" s="144"/>
    </row>
    <row r="2136" spans="2:49" x14ac:dyDescent="0.2">
      <c r="B2136" s="97"/>
      <c r="G2136" s="43"/>
      <c r="J2136" s="98"/>
      <c r="K2136" s="97"/>
      <c r="N2136" s="3"/>
      <c r="W2136" s="98"/>
      <c r="Z2136" s="143"/>
      <c r="AA2136" s="137"/>
      <c r="AB2136" s="137"/>
      <c r="AC2136" s="137"/>
      <c r="AD2136" s="137"/>
      <c r="AE2136" s="137"/>
      <c r="AF2136" s="137"/>
      <c r="AG2136" s="137"/>
      <c r="AH2136" s="137"/>
      <c r="AI2136" s="137"/>
      <c r="AJ2136" s="137"/>
      <c r="AK2136" s="206"/>
      <c r="AL2136" s="206"/>
      <c r="AM2136" s="143"/>
      <c r="AN2136" s="137"/>
      <c r="AO2136" s="137"/>
      <c r="AP2136" s="137"/>
      <c r="AQ2136" s="137"/>
      <c r="AR2136" s="137"/>
      <c r="AS2136" s="137"/>
      <c r="AT2136" s="137"/>
      <c r="AU2136" s="137"/>
      <c r="AV2136" s="137"/>
      <c r="AW2136" s="144"/>
    </row>
    <row r="2137" spans="2:49" x14ac:dyDescent="0.2">
      <c r="B2137" s="97"/>
      <c r="G2137" s="43"/>
      <c r="J2137" s="98"/>
      <c r="K2137" s="97"/>
      <c r="N2137" s="3"/>
      <c r="W2137" s="98"/>
      <c r="Z2137" s="143"/>
      <c r="AA2137" s="137"/>
      <c r="AB2137" s="137"/>
      <c r="AC2137" s="137"/>
      <c r="AD2137" s="137"/>
      <c r="AE2137" s="137"/>
      <c r="AF2137" s="137"/>
      <c r="AG2137" s="137"/>
      <c r="AH2137" s="137"/>
      <c r="AI2137" s="137"/>
      <c r="AJ2137" s="137"/>
      <c r="AK2137" s="206"/>
      <c r="AL2137" s="206"/>
      <c r="AM2137" s="143"/>
      <c r="AN2137" s="137"/>
      <c r="AO2137" s="137"/>
      <c r="AP2137" s="137"/>
      <c r="AQ2137" s="137"/>
      <c r="AR2137" s="137"/>
      <c r="AS2137" s="137"/>
      <c r="AT2137" s="137"/>
      <c r="AU2137" s="137"/>
      <c r="AV2137" s="137"/>
      <c r="AW2137" s="144"/>
    </row>
    <row r="2138" spans="2:49" x14ac:dyDescent="0.2">
      <c r="B2138" s="97"/>
      <c r="G2138" s="43"/>
      <c r="J2138" s="98"/>
      <c r="K2138" s="97"/>
      <c r="N2138" s="3"/>
      <c r="W2138" s="98"/>
      <c r="Z2138" s="143"/>
      <c r="AA2138" s="137"/>
      <c r="AB2138" s="137"/>
      <c r="AC2138" s="137"/>
      <c r="AD2138" s="137"/>
      <c r="AE2138" s="137"/>
      <c r="AF2138" s="137"/>
      <c r="AG2138" s="137"/>
      <c r="AH2138" s="137"/>
      <c r="AI2138" s="137"/>
      <c r="AJ2138" s="137"/>
      <c r="AK2138" s="206"/>
      <c r="AL2138" s="206"/>
      <c r="AM2138" s="143"/>
      <c r="AN2138" s="137"/>
      <c r="AO2138" s="137"/>
      <c r="AP2138" s="137"/>
      <c r="AQ2138" s="137"/>
      <c r="AR2138" s="137"/>
      <c r="AS2138" s="137"/>
      <c r="AT2138" s="137"/>
      <c r="AU2138" s="137"/>
      <c r="AV2138" s="137"/>
      <c r="AW2138" s="144"/>
    </row>
    <row r="2139" spans="2:49" x14ac:dyDescent="0.2">
      <c r="B2139" s="97"/>
      <c r="G2139" s="43"/>
      <c r="J2139" s="98"/>
      <c r="K2139" s="97"/>
      <c r="N2139" s="3"/>
      <c r="W2139" s="98"/>
      <c r="Z2139" s="143"/>
      <c r="AA2139" s="137"/>
      <c r="AB2139" s="137"/>
      <c r="AC2139" s="137"/>
      <c r="AD2139" s="137"/>
      <c r="AE2139" s="137"/>
      <c r="AF2139" s="137"/>
      <c r="AG2139" s="137"/>
      <c r="AH2139" s="137"/>
      <c r="AI2139" s="137"/>
      <c r="AJ2139" s="137"/>
      <c r="AK2139" s="206"/>
      <c r="AL2139" s="206"/>
      <c r="AM2139" s="143"/>
      <c r="AN2139" s="137"/>
      <c r="AO2139" s="137"/>
      <c r="AP2139" s="137"/>
      <c r="AQ2139" s="137"/>
      <c r="AR2139" s="137"/>
      <c r="AS2139" s="137"/>
      <c r="AT2139" s="137"/>
      <c r="AU2139" s="137"/>
      <c r="AV2139" s="137"/>
      <c r="AW2139" s="144"/>
    </row>
    <row r="2140" spans="2:49" x14ac:dyDescent="0.2">
      <c r="B2140" s="97"/>
      <c r="G2140" s="43"/>
      <c r="J2140" s="98"/>
      <c r="K2140" s="97"/>
      <c r="N2140" s="3"/>
      <c r="W2140" s="98"/>
      <c r="Z2140" s="143"/>
      <c r="AA2140" s="137"/>
      <c r="AB2140" s="137"/>
      <c r="AC2140" s="137"/>
      <c r="AD2140" s="137"/>
      <c r="AE2140" s="137"/>
      <c r="AF2140" s="137"/>
      <c r="AG2140" s="137"/>
      <c r="AH2140" s="137"/>
      <c r="AI2140" s="137"/>
      <c r="AJ2140" s="137"/>
      <c r="AK2140" s="206"/>
      <c r="AL2140" s="206"/>
      <c r="AM2140" s="143"/>
      <c r="AN2140" s="137"/>
      <c r="AO2140" s="137"/>
      <c r="AP2140" s="137"/>
      <c r="AQ2140" s="137"/>
      <c r="AR2140" s="137"/>
      <c r="AS2140" s="137"/>
      <c r="AT2140" s="137"/>
      <c r="AU2140" s="137"/>
      <c r="AV2140" s="137"/>
      <c r="AW2140" s="144"/>
    </row>
    <row r="2141" spans="2:49" x14ac:dyDescent="0.2">
      <c r="B2141" s="97"/>
      <c r="G2141" s="43"/>
      <c r="J2141" s="98"/>
      <c r="K2141" s="97"/>
      <c r="N2141" s="3"/>
      <c r="W2141" s="98"/>
      <c r="Z2141" s="143"/>
      <c r="AA2141" s="137"/>
      <c r="AB2141" s="137"/>
      <c r="AC2141" s="137"/>
      <c r="AD2141" s="137"/>
      <c r="AE2141" s="137"/>
      <c r="AF2141" s="137"/>
      <c r="AG2141" s="137"/>
      <c r="AH2141" s="137"/>
      <c r="AI2141" s="137"/>
      <c r="AJ2141" s="137"/>
      <c r="AK2141" s="206"/>
      <c r="AL2141" s="206"/>
      <c r="AM2141" s="143"/>
      <c r="AN2141" s="137"/>
      <c r="AO2141" s="137"/>
      <c r="AP2141" s="137"/>
      <c r="AQ2141" s="137"/>
      <c r="AR2141" s="137"/>
      <c r="AS2141" s="137"/>
      <c r="AT2141" s="137"/>
      <c r="AU2141" s="137"/>
      <c r="AV2141" s="137"/>
      <c r="AW2141" s="144"/>
    </row>
    <row r="2142" spans="2:49" x14ac:dyDescent="0.2">
      <c r="B2142" s="97"/>
      <c r="G2142" s="43"/>
      <c r="J2142" s="98"/>
      <c r="K2142" s="97"/>
      <c r="N2142" s="3"/>
      <c r="W2142" s="98"/>
      <c r="Z2142" s="143"/>
      <c r="AA2142" s="137"/>
      <c r="AB2142" s="137"/>
      <c r="AC2142" s="137"/>
      <c r="AD2142" s="137"/>
      <c r="AE2142" s="137"/>
      <c r="AF2142" s="137"/>
      <c r="AG2142" s="137"/>
      <c r="AH2142" s="137"/>
      <c r="AI2142" s="137"/>
      <c r="AJ2142" s="137"/>
      <c r="AK2142" s="206"/>
      <c r="AL2142" s="206"/>
      <c r="AM2142" s="143"/>
      <c r="AN2142" s="137"/>
      <c r="AO2142" s="137"/>
      <c r="AP2142" s="137"/>
      <c r="AQ2142" s="137"/>
      <c r="AR2142" s="137"/>
      <c r="AS2142" s="137"/>
      <c r="AT2142" s="137"/>
      <c r="AU2142" s="137"/>
      <c r="AV2142" s="137"/>
      <c r="AW2142" s="144"/>
    </row>
    <row r="2143" spans="2:49" x14ac:dyDescent="0.2">
      <c r="B2143" s="97"/>
      <c r="G2143" s="43"/>
      <c r="J2143" s="98"/>
      <c r="K2143" s="97"/>
      <c r="N2143" s="3"/>
      <c r="W2143" s="98"/>
      <c r="Z2143" s="143"/>
      <c r="AA2143" s="137"/>
      <c r="AB2143" s="137"/>
      <c r="AC2143" s="137"/>
      <c r="AD2143" s="137"/>
      <c r="AE2143" s="137"/>
      <c r="AF2143" s="137"/>
      <c r="AG2143" s="137"/>
      <c r="AH2143" s="137"/>
      <c r="AI2143" s="137"/>
      <c r="AJ2143" s="137"/>
      <c r="AK2143" s="206"/>
      <c r="AL2143" s="206"/>
      <c r="AM2143" s="143"/>
      <c r="AN2143" s="137"/>
      <c r="AO2143" s="137"/>
      <c r="AP2143" s="137"/>
      <c r="AQ2143" s="137"/>
      <c r="AR2143" s="137"/>
      <c r="AS2143" s="137"/>
      <c r="AT2143" s="137"/>
      <c r="AU2143" s="137"/>
      <c r="AV2143" s="137"/>
      <c r="AW2143" s="144"/>
    </row>
    <row r="2144" spans="2:49" x14ac:dyDescent="0.2">
      <c r="B2144" s="97"/>
      <c r="G2144" s="43"/>
      <c r="J2144" s="98"/>
      <c r="K2144" s="97"/>
      <c r="N2144" s="3"/>
      <c r="W2144" s="98"/>
      <c r="Z2144" s="143"/>
      <c r="AA2144" s="137"/>
      <c r="AB2144" s="137"/>
      <c r="AC2144" s="137"/>
      <c r="AD2144" s="137"/>
      <c r="AE2144" s="137"/>
      <c r="AF2144" s="137"/>
      <c r="AG2144" s="137"/>
      <c r="AH2144" s="137"/>
      <c r="AI2144" s="137"/>
      <c r="AJ2144" s="137"/>
      <c r="AK2144" s="206"/>
      <c r="AL2144" s="206"/>
      <c r="AM2144" s="143"/>
      <c r="AN2144" s="137"/>
      <c r="AO2144" s="137"/>
      <c r="AP2144" s="137"/>
      <c r="AQ2144" s="137"/>
      <c r="AR2144" s="137"/>
      <c r="AS2144" s="137"/>
      <c r="AT2144" s="137"/>
      <c r="AU2144" s="137"/>
      <c r="AV2144" s="137"/>
      <c r="AW2144" s="144"/>
    </row>
    <row r="2145" spans="2:49" x14ac:dyDescent="0.2">
      <c r="B2145" s="97"/>
      <c r="G2145" s="43"/>
      <c r="J2145" s="98"/>
      <c r="K2145" s="97"/>
      <c r="N2145" s="3"/>
      <c r="W2145" s="98"/>
      <c r="Z2145" s="143"/>
      <c r="AA2145" s="137"/>
      <c r="AB2145" s="137"/>
      <c r="AC2145" s="137"/>
      <c r="AD2145" s="137"/>
      <c r="AE2145" s="137"/>
      <c r="AF2145" s="137"/>
      <c r="AG2145" s="137"/>
      <c r="AH2145" s="137"/>
      <c r="AI2145" s="137"/>
      <c r="AJ2145" s="137"/>
      <c r="AK2145" s="206"/>
      <c r="AL2145" s="206"/>
      <c r="AM2145" s="143"/>
      <c r="AN2145" s="137"/>
      <c r="AO2145" s="137"/>
      <c r="AP2145" s="137"/>
      <c r="AQ2145" s="137"/>
      <c r="AR2145" s="137"/>
      <c r="AS2145" s="137"/>
      <c r="AT2145" s="137"/>
      <c r="AU2145" s="137"/>
      <c r="AV2145" s="137"/>
      <c r="AW2145" s="144"/>
    </row>
    <row r="2146" spans="2:49" x14ac:dyDescent="0.2">
      <c r="B2146" s="97"/>
      <c r="G2146" s="43"/>
      <c r="J2146" s="98"/>
      <c r="K2146" s="97"/>
      <c r="N2146" s="3"/>
      <c r="W2146" s="98"/>
      <c r="Z2146" s="143"/>
      <c r="AA2146" s="137"/>
      <c r="AB2146" s="137"/>
      <c r="AC2146" s="137"/>
      <c r="AD2146" s="137"/>
      <c r="AE2146" s="137"/>
      <c r="AF2146" s="137"/>
      <c r="AG2146" s="137"/>
      <c r="AH2146" s="137"/>
      <c r="AI2146" s="137"/>
      <c r="AJ2146" s="137"/>
      <c r="AK2146" s="206"/>
      <c r="AL2146" s="206"/>
      <c r="AM2146" s="143"/>
      <c r="AN2146" s="137"/>
      <c r="AO2146" s="137"/>
      <c r="AP2146" s="137"/>
      <c r="AQ2146" s="137"/>
      <c r="AR2146" s="137"/>
      <c r="AS2146" s="137"/>
      <c r="AT2146" s="137"/>
      <c r="AU2146" s="137"/>
      <c r="AV2146" s="137"/>
      <c r="AW2146" s="144"/>
    </row>
    <row r="2147" spans="2:49" x14ac:dyDescent="0.2">
      <c r="B2147" s="97"/>
      <c r="G2147" s="43"/>
      <c r="J2147" s="98"/>
      <c r="K2147" s="97"/>
      <c r="N2147" s="3"/>
      <c r="W2147" s="98"/>
      <c r="Z2147" s="143"/>
      <c r="AA2147" s="137"/>
      <c r="AB2147" s="137"/>
      <c r="AC2147" s="137"/>
      <c r="AD2147" s="137"/>
      <c r="AE2147" s="137"/>
      <c r="AF2147" s="137"/>
      <c r="AG2147" s="137"/>
      <c r="AH2147" s="137"/>
      <c r="AI2147" s="137"/>
      <c r="AJ2147" s="137"/>
      <c r="AK2147" s="206"/>
      <c r="AL2147" s="206"/>
      <c r="AM2147" s="143"/>
      <c r="AN2147" s="137"/>
      <c r="AO2147" s="137"/>
      <c r="AP2147" s="137"/>
      <c r="AQ2147" s="137"/>
      <c r="AR2147" s="137"/>
      <c r="AS2147" s="137"/>
      <c r="AT2147" s="137"/>
      <c r="AU2147" s="137"/>
      <c r="AV2147" s="137"/>
      <c r="AW2147" s="144"/>
    </row>
    <row r="2148" spans="2:49" x14ac:dyDescent="0.2">
      <c r="B2148" s="97"/>
      <c r="G2148" s="43"/>
      <c r="J2148" s="98"/>
      <c r="K2148" s="97"/>
      <c r="N2148" s="3"/>
      <c r="W2148" s="98"/>
      <c r="Z2148" s="143"/>
      <c r="AA2148" s="137"/>
      <c r="AB2148" s="137"/>
      <c r="AC2148" s="137"/>
      <c r="AD2148" s="137"/>
      <c r="AE2148" s="137"/>
      <c r="AF2148" s="137"/>
      <c r="AG2148" s="137"/>
      <c r="AH2148" s="137"/>
      <c r="AI2148" s="137"/>
      <c r="AJ2148" s="137"/>
      <c r="AK2148" s="206"/>
      <c r="AL2148" s="206"/>
      <c r="AM2148" s="143"/>
      <c r="AN2148" s="137"/>
      <c r="AO2148" s="137"/>
      <c r="AP2148" s="137"/>
      <c r="AQ2148" s="137"/>
      <c r="AR2148" s="137"/>
      <c r="AS2148" s="137"/>
      <c r="AT2148" s="137"/>
      <c r="AU2148" s="137"/>
      <c r="AV2148" s="137"/>
      <c r="AW2148" s="144"/>
    </row>
    <row r="2149" spans="2:49" x14ac:dyDescent="0.2">
      <c r="B2149" s="97"/>
      <c r="G2149" s="43"/>
      <c r="J2149" s="98"/>
      <c r="K2149" s="97"/>
      <c r="N2149" s="3"/>
      <c r="W2149" s="98"/>
      <c r="Z2149" s="143"/>
      <c r="AA2149" s="137"/>
      <c r="AB2149" s="137"/>
      <c r="AC2149" s="137"/>
      <c r="AD2149" s="137"/>
      <c r="AE2149" s="137"/>
      <c r="AF2149" s="137"/>
      <c r="AG2149" s="137"/>
      <c r="AH2149" s="137"/>
      <c r="AI2149" s="137"/>
      <c r="AJ2149" s="137"/>
      <c r="AK2149" s="206"/>
      <c r="AL2149" s="206"/>
      <c r="AM2149" s="143"/>
      <c r="AN2149" s="137"/>
      <c r="AO2149" s="137"/>
      <c r="AP2149" s="137"/>
      <c r="AQ2149" s="137"/>
      <c r="AR2149" s="137"/>
      <c r="AS2149" s="137"/>
      <c r="AT2149" s="137"/>
      <c r="AU2149" s="137"/>
      <c r="AV2149" s="137"/>
      <c r="AW2149" s="144"/>
    </row>
    <row r="2150" spans="2:49" x14ac:dyDescent="0.2">
      <c r="B2150" s="97"/>
      <c r="G2150" s="43"/>
      <c r="J2150" s="98"/>
      <c r="K2150" s="97"/>
      <c r="N2150" s="3"/>
      <c r="W2150" s="98"/>
      <c r="Z2150" s="143"/>
      <c r="AA2150" s="137"/>
      <c r="AB2150" s="137"/>
      <c r="AC2150" s="137"/>
      <c r="AD2150" s="137"/>
      <c r="AE2150" s="137"/>
      <c r="AF2150" s="137"/>
      <c r="AG2150" s="137"/>
      <c r="AH2150" s="137"/>
      <c r="AI2150" s="137"/>
      <c r="AJ2150" s="137"/>
      <c r="AK2150" s="206"/>
      <c r="AL2150" s="206"/>
      <c r="AM2150" s="143"/>
      <c r="AN2150" s="137"/>
      <c r="AO2150" s="137"/>
      <c r="AP2150" s="137"/>
      <c r="AQ2150" s="137"/>
      <c r="AR2150" s="137"/>
      <c r="AS2150" s="137"/>
      <c r="AT2150" s="137"/>
      <c r="AU2150" s="137"/>
      <c r="AV2150" s="137"/>
      <c r="AW2150" s="144"/>
    </row>
    <row r="2151" spans="2:49" x14ac:dyDescent="0.2">
      <c r="B2151" s="97"/>
      <c r="G2151" s="43"/>
      <c r="J2151" s="98"/>
      <c r="K2151" s="97"/>
      <c r="N2151" s="3"/>
      <c r="W2151" s="98"/>
      <c r="Z2151" s="143"/>
      <c r="AA2151" s="137"/>
      <c r="AB2151" s="137"/>
      <c r="AC2151" s="137"/>
      <c r="AD2151" s="137"/>
      <c r="AE2151" s="137"/>
      <c r="AF2151" s="137"/>
      <c r="AG2151" s="137"/>
      <c r="AH2151" s="137"/>
      <c r="AI2151" s="137"/>
      <c r="AJ2151" s="137"/>
      <c r="AK2151" s="206"/>
      <c r="AL2151" s="206"/>
      <c r="AM2151" s="143"/>
      <c r="AN2151" s="137"/>
      <c r="AO2151" s="137"/>
      <c r="AP2151" s="137"/>
      <c r="AQ2151" s="137"/>
      <c r="AR2151" s="137"/>
      <c r="AS2151" s="137"/>
      <c r="AT2151" s="137"/>
      <c r="AU2151" s="137"/>
      <c r="AV2151" s="137"/>
      <c r="AW2151" s="144"/>
    </row>
    <row r="2152" spans="2:49" x14ac:dyDescent="0.2">
      <c r="B2152" s="97"/>
      <c r="G2152" s="43"/>
      <c r="J2152" s="98"/>
      <c r="K2152" s="97"/>
      <c r="N2152" s="3"/>
      <c r="W2152" s="98"/>
      <c r="Z2152" s="143"/>
      <c r="AA2152" s="137"/>
      <c r="AB2152" s="137"/>
      <c r="AC2152" s="137"/>
      <c r="AD2152" s="137"/>
      <c r="AE2152" s="137"/>
      <c r="AF2152" s="137"/>
      <c r="AG2152" s="137"/>
      <c r="AH2152" s="137"/>
      <c r="AI2152" s="137"/>
      <c r="AJ2152" s="137"/>
      <c r="AK2152" s="206"/>
      <c r="AL2152" s="206"/>
      <c r="AM2152" s="143"/>
      <c r="AN2152" s="137"/>
      <c r="AO2152" s="137"/>
      <c r="AP2152" s="137"/>
      <c r="AQ2152" s="137"/>
      <c r="AR2152" s="137"/>
      <c r="AS2152" s="137"/>
      <c r="AT2152" s="137"/>
      <c r="AU2152" s="137"/>
      <c r="AV2152" s="137"/>
      <c r="AW2152" s="144"/>
    </row>
    <row r="2153" spans="2:49" x14ac:dyDescent="0.2">
      <c r="B2153" s="97"/>
      <c r="G2153" s="43"/>
      <c r="J2153" s="98"/>
      <c r="K2153" s="97"/>
      <c r="N2153" s="3"/>
      <c r="W2153" s="98"/>
      <c r="Z2153" s="143"/>
      <c r="AA2153" s="137"/>
      <c r="AB2153" s="137"/>
      <c r="AC2153" s="137"/>
      <c r="AD2153" s="137"/>
      <c r="AE2153" s="137"/>
      <c r="AF2153" s="137"/>
      <c r="AG2153" s="137"/>
      <c r="AH2153" s="137"/>
      <c r="AI2153" s="137"/>
      <c r="AJ2153" s="137"/>
      <c r="AK2153" s="206"/>
      <c r="AL2153" s="206"/>
      <c r="AM2153" s="143"/>
      <c r="AN2153" s="137"/>
      <c r="AO2153" s="137"/>
      <c r="AP2153" s="137"/>
      <c r="AQ2153" s="137"/>
      <c r="AR2153" s="137"/>
      <c r="AS2153" s="137"/>
      <c r="AT2153" s="137"/>
      <c r="AU2153" s="137"/>
      <c r="AV2153" s="137"/>
      <c r="AW2153" s="144"/>
    </row>
    <row r="2154" spans="2:49" x14ac:dyDescent="0.2">
      <c r="B2154" s="97"/>
      <c r="G2154" s="43"/>
      <c r="J2154" s="98"/>
      <c r="K2154" s="97"/>
      <c r="N2154" s="3"/>
      <c r="W2154" s="98"/>
      <c r="Z2154" s="143"/>
      <c r="AA2154" s="137"/>
      <c r="AB2154" s="137"/>
      <c r="AC2154" s="137"/>
      <c r="AD2154" s="137"/>
      <c r="AE2154" s="137"/>
      <c r="AF2154" s="137"/>
      <c r="AG2154" s="137"/>
      <c r="AH2154" s="137"/>
      <c r="AI2154" s="137"/>
      <c r="AJ2154" s="137"/>
      <c r="AK2154" s="206"/>
      <c r="AL2154" s="206"/>
      <c r="AM2154" s="143"/>
      <c r="AN2154" s="137"/>
      <c r="AO2154" s="137"/>
      <c r="AP2154" s="137"/>
      <c r="AQ2154" s="137"/>
      <c r="AR2154" s="137"/>
      <c r="AS2154" s="137"/>
      <c r="AT2154" s="137"/>
      <c r="AU2154" s="137"/>
      <c r="AV2154" s="137"/>
      <c r="AW2154" s="144"/>
    </row>
    <row r="2155" spans="2:49" x14ac:dyDescent="0.2">
      <c r="B2155" s="97"/>
      <c r="G2155" s="43"/>
      <c r="J2155" s="98"/>
      <c r="K2155" s="97"/>
      <c r="N2155" s="3"/>
      <c r="W2155" s="98"/>
      <c r="Z2155" s="143"/>
      <c r="AA2155" s="137"/>
      <c r="AB2155" s="137"/>
      <c r="AC2155" s="137"/>
      <c r="AD2155" s="137"/>
      <c r="AE2155" s="137"/>
      <c r="AF2155" s="137"/>
      <c r="AG2155" s="137"/>
      <c r="AH2155" s="137"/>
      <c r="AI2155" s="137"/>
      <c r="AJ2155" s="137"/>
      <c r="AK2155" s="206"/>
      <c r="AL2155" s="206"/>
      <c r="AM2155" s="143"/>
      <c r="AN2155" s="137"/>
      <c r="AO2155" s="137"/>
      <c r="AP2155" s="137"/>
      <c r="AQ2155" s="137"/>
      <c r="AR2155" s="137"/>
      <c r="AS2155" s="137"/>
      <c r="AT2155" s="137"/>
      <c r="AU2155" s="137"/>
      <c r="AV2155" s="137"/>
      <c r="AW2155" s="144"/>
    </row>
    <row r="2156" spans="2:49" x14ac:dyDescent="0.2">
      <c r="B2156" s="97"/>
      <c r="G2156" s="43"/>
      <c r="J2156" s="98"/>
      <c r="K2156" s="97"/>
      <c r="N2156" s="3"/>
      <c r="W2156" s="98"/>
      <c r="Z2156" s="143"/>
      <c r="AA2156" s="137"/>
      <c r="AB2156" s="137"/>
      <c r="AC2156" s="137"/>
      <c r="AD2156" s="137"/>
      <c r="AE2156" s="137"/>
      <c r="AF2156" s="137"/>
      <c r="AG2156" s="137"/>
      <c r="AH2156" s="137"/>
      <c r="AI2156" s="137"/>
      <c r="AJ2156" s="137"/>
      <c r="AK2156" s="206"/>
      <c r="AL2156" s="206"/>
      <c r="AM2156" s="143"/>
      <c r="AN2156" s="137"/>
      <c r="AO2156" s="137"/>
      <c r="AP2156" s="137"/>
      <c r="AQ2156" s="137"/>
      <c r="AR2156" s="137"/>
      <c r="AS2156" s="137"/>
      <c r="AT2156" s="137"/>
      <c r="AU2156" s="137"/>
      <c r="AV2156" s="137"/>
      <c r="AW2156" s="144"/>
    </row>
    <row r="2157" spans="2:49" x14ac:dyDescent="0.2">
      <c r="B2157" s="97"/>
      <c r="G2157" s="43"/>
      <c r="J2157" s="98"/>
      <c r="K2157" s="97"/>
      <c r="N2157" s="3"/>
      <c r="W2157" s="98"/>
      <c r="Z2157" s="143"/>
      <c r="AA2157" s="137"/>
      <c r="AB2157" s="137"/>
      <c r="AC2157" s="137"/>
      <c r="AD2157" s="137"/>
      <c r="AE2157" s="137"/>
      <c r="AF2157" s="137"/>
      <c r="AG2157" s="137"/>
      <c r="AH2157" s="137"/>
      <c r="AI2157" s="137"/>
      <c r="AJ2157" s="137"/>
      <c r="AK2157" s="206"/>
      <c r="AL2157" s="206"/>
      <c r="AM2157" s="143"/>
      <c r="AN2157" s="137"/>
      <c r="AO2157" s="137"/>
      <c r="AP2157" s="137"/>
      <c r="AQ2157" s="137"/>
      <c r="AR2157" s="137"/>
      <c r="AS2157" s="137"/>
      <c r="AT2157" s="137"/>
      <c r="AU2157" s="137"/>
      <c r="AV2157" s="137"/>
      <c r="AW2157" s="144"/>
    </row>
    <row r="2158" spans="2:49" x14ac:dyDescent="0.2">
      <c r="B2158" s="97"/>
      <c r="G2158" s="43"/>
      <c r="J2158" s="98"/>
      <c r="K2158" s="97"/>
      <c r="N2158" s="3"/>
      <c r="W2158" s="98"/>
      <c r="Z2158" s="143"/>
      <c r="AA2158" s="137"/>
      <c r="AB2158" s="137"/>
      <c r="AC2158" s="137"/>
      <c r="AD2158" s="137"/>
      <c r="AE2158" s="137"/>
      <c r="AF2158" s="137"/>
      <c r="AG2158" s="137"/>
      <c r="AH2158" s="137"/>
      <c r="AI2158" s="137"/>
      <c r="AJ2158" s="137"/>
      <c r="AK2158" s="206"/>
      <c r="AL2158" s="206"/>
      <c r="AM2158" s="143"/>
      <c r="AN2158" s="137"/>
      <c r="AO2158" s="137"/>
      <c r="AP2158" s="137"/>
      <c r="AQ2158" s="137"/>
      <c r="AR2158" s="137"/>
      <c r="AS2158" s="137"/>
      <c r="AT2158" s="137"/>
      <c r="AU2158" s="137"/>
      <c r="AV2158" s="137"/>
      <c r="AW2158" s="144"/>
    </row>
    <row r="2159" spans="2:49" x14ac:dyDescent="0.2">
      <c r="B2159" s="97"/>
      <c r="G2159" s="43"/>
      <c r="J2159" s="98"/>
      <c r="K2159" s="97"/>
      <c r="N2159" s="3"/>
      <c r="W2159" s="98"/>
      <c r="Z2159" s="143"/>
      <c r="AA2159" s="137"/>
      <c r="AB2159" s="137"/>
      <c r="AC2159" s="137"/>
      <c r="AD2159" s="137"/>
      <c r="AE2159" s="137"/>
      <c r="AF2159" s="137"/>
      <c r="AG2159" s="137"/>
      <c r="AH2159" s="137"/>
      <c r="AI2159" s="137"/>
      <c r="AJ2159" s="137"/>
      <c r="AK2159" s="206"/>
      <c r="AL2159" s="206"/>
      <c r="AM2159" s="143"/>
      <c r="AN2159" s="137"/>
      <c r="AO2159" s="137"/>
      <c r="AP2159" s="137"/>
      <c r="AQ2159" s="137"/>
      <c r="AR2159" s="137"/>
      <c r="AS2159" s="137"/>
      <c r="AT2159" s="137"/>
      <c r="AU2159" s="137"/>
      <c r="AV2159" s="137"/>
      <c r="AW2159" s="144"/>
    </row>
    <row r="2160" spans="2:49" x14ac:dyDescent="0.2">
      <c r="B2160" s="97"/>
      <c r="G2160" s="43"/>
      <c r="J2160" s="98"/>
      <c r="K2160" s="97"/>
      <c r="N2160" s="3"/>
      <c r="W2160" s="98"/>
      <c r="Z2160" s="143"/>
      <c r="AA2160" s="137"/>
      <c r="AB2160" s="137"/>
      <c r="AC2160" s="137"/>
      <c r="AD2160" s="137"/>
      <c r="AE2160" s="137"/>
      <c r="AF2160" s="137"/>
      <c r="AG2160" s="137"/>
      <c r="AH2160" s="137"/>
      <c r="AI2160" s="137"/>
      <c r="AJ2160" s="137"/>
      <c r="AK2160" s="206"/>
      <c r="AL2160" s="206"/>
      <c r="AM2160" s="143"/>
      <c r="AN2160" s="137"/>
      <c r="AO2160" s="137"/>
      <c r="AP2160" s="137"/>
      <c r="AQ2160" s="137"/>
      <c r="AR2160" s="137"/>
      <c r="AS2160" s="137"/>
      <c r="AT2160" s="137"/>
      <c r="AU2160" s="137"/>
      <c r="AV2160" s="137"/>
      <c r="AW2160" s="144"/>
    </row>
    <row r="2161" spans="2:49" x14ac:dyDescent="0.2">
      <c r="B2161" s="97"/>
      <c r="G2161" s="43"/>
      <c r="J2161" s="98"/>
      <c r="K2161" s="97"/>
      <c r="N2161" s="3"/>
      <c r="W2161" s="98"/>
      <c r="Z2161" s="143"/>
      <c r="AA2161" s="137"/>
      <c r="AB2161" s="137"/>
      <c r="AC2161" s="137"/>
      <c r="AD2161" s="137"/>
      <c r="AE2161" s="137"/>
      <c r="AF2161" s="137"/>
      <c r="AG2161" s="137"/>
      <c r="AH2161" s="137"/>
      <c r="AI2161" s="137"/>
      <c r="AJ2161" s="137"/>
      <c r="AK2161" s="206"/>
      <c r="AL2161" s="206"/>
      <c r="AM2161" s="143"/>
      <c r="AN2161" s="137"/>
      <c r="AO2161" s="137"/>
      <c r="AP2161" s="137"/>
      <c r="AQ2161" s="137"/>
      <c r="AR2161" s="137"/>
      <c r="AS2161" s="137"/>
      <c r="AT2161" s="137"/>
      <c r="AU2161" s="137"/>
      <c r="AV2161" s="137"/>
      <c r="AW2161" s="144"/>
    </row>
    <row r="2162" spans="2:49" x14ac:dyDescent="0.2">
      <c r="B2162" s="97"/>
      <c r="G2162" s="43"/>
      <c r="J2162" s="98"/>
      <c r="K2162" s="97"/>
      <c r="N2162" s="3"/>
      <c r="W2162" s="98"/>
      <c r="Z2162" s="143"/>
      <c r="AA2162" s="137"/>
      <c r="AB2162" s="137"/>
      <c r="AC2162" s="137"/>
      <c r="AD2162" s="137"/>
      <c r="AE2162" s="137"/>
      <c r="AF2162" s="137"/>
      <c r="AG2162" s="137"/>
      <c r="AH2162" s="137"/>
      <c r="AI2162" s="137"/>
      <c r="AJ2162" s="137"/>
      <c r="AK2162" s="206"/>
      <c r="AL2162" s="206"/>
      <c r="AM2162" s="143"/>
      <c r="AN2162" s="137"/>
      <c r="AO2162" s="137"/>
      <c r="AP2162" s="137"/>
      <c r="AQ2162" s="137"/>
      <c r="AR2162" s="137"/>
      <c r="AS2162" s="137"/>
      <c r="AT2162" s="137"/>
      <c r="AU2162" s="137"/>
      <c r="AV2162" s="137"/>
      <c r="AW2162" s="144"/>
    </row>
    <row r="2163" spans="2:49" x14ac:dyDescent="0.2">
      <c r="B2163" s="97"/>
      <c r="G2163" s="43"/>
      <c r="J2163" s="98"/>
      <c r="K2163" s="97"/>
      <c r="N2163" s="3"/>
      <c r="W2163" s="98"/>
      <c r="Z2163" s="143"/>
      <c r="AA2163" s="137"/>
      <c r="AB2163" s="137"/>
      <c r="AC2163" s="137"/>
      <c r="AD2163" s="137"/>
      <c r="AE2163" s="137"/>
      <c r="AF2163" s="137"/>
      <c r="AG2163" s="137"/>
      <c r="AH2163" s="137"/>
      <c r="AI2163" s="137"/>
      <c r="AJ2163" s="137"/>
      <c r="AK2163" s="206"/>
      <c r="AL2163" s="206"/>
      <c r="AM2163" s="143"/>
      <c r="AN2163" s="137"/>
      <c r="AO2163" s="137"/>
      <c r="AP2163" s="137"/>
      <c r="AQ2163" s="137"/>
      <c r="AR2163" s="137"/>
      <c r="AS2163" s="137"/>
      <c r="AT2163" s="137"/>
      <c r="AU2163" s="137"/>
      <c r="AV2163" s="137"/>
      <c r="AW2163" s="144"/>
    </row>
    <row r="2164" spans="2:49" x14ac:dyDescent="0.2">
      <c r="B2164" s="97"/>
      <c r="G2164" s="43"/>
      <c r="J2164" s="98"/>
      <c r="K2164" s="97"/>
      <c r="N2164" s="3"/>
      <c r="W2164" s="98"/>
      <c r="Z2164" s="143"/>
      <c r="AA2164" s="137"/>
      <c r="AB2164" s="137"/>
      <c r="AC2164" s="137"/>
      <c r="AD2164" s="137"/>
      <c r="AE2164" s="137"/>
      <c r="AF2164" s="137"/>
      <c r="AG2164" s="137"/>
      <c r="AH2164" s="137"/>
      <c r="AI2164" s="137"/>
      <c r="AJ2164" s="137"/>
      <c r="AK2164" s="206"/>
      <c r="AL2164" s="206"/>
      <c r="AM2164" s="143"/>
      <c r="AN2164" s="137"/>
      <c r="AO2164" s="137"/>
      <c r="AP2164" s="137"/>
      <c r="AQ2164" s="137"/>
      <c r="AR2164" s="137"/>
      <c r="AS2164" s="137"/>
      <c r="AT2164" s="137"/>
      <c r="AU2164" s="137"/>
      <c r="AV2164" s="137"/>
      <c r="AW2164" s="144"/>
    </row>
    <row r="2165" spans="2:49" x14ac:dyDescent="0.2">
      <c r="B2165" s="97"/>
      <c r="G2165" s="43"/>
      <c r="J2165" s="98"/>
      <c r="K2165" s="97"/>
      <c r="N2165" s="3"/>
      <c r="W2165" s="98"/>
      <c r="Z2165" s="143"/>
      <c r="AA2165" s="137"/>
      <c r="AB2165" s="137"/>
      <c r="AC2165" s="137"/>
      <c r="AD2165" s="137"/>
      <c r="AE2165" s="137"/>
      <c r="AF2165" s="137"/>
      <c r="AG2165" s="137"/>
      <c r="AH2165" s="137"/>
      <c r="AI2165" s="137"/>
      <c r="AJ2165" s="137"/>
      <c r="AK2165" s="206"/>
      <c r="AL2165" s="206"/>
      <c r="AM2165" s="143"/>
      <c r="AN2165" s="137"/>
      <c r="AO2165" s="137"/>
      <c r="AP2165" s="137"/>
      <c r="AQ2165" s="137"/>
      <c r="AR2165" s="137"/>
      <c r="AS2165" s="137"/>
      <c r="AT2165" s="137"/>
      <c r="AU2165" s="137"/>
      <c r="AV2165" s="137"/>
      <c r="AW2165" s="144"/>
    </row>
    <row r="2166" spans="2:49" x14ac:dyDescent="0.2">
      <c r="B2166" s="97"/>
      <c r="G2166" s="43"/>
      <c r="J2166" s="98"/>
      <c r="K2166" s="97"/>
      <c r="N2166" s="3"/>
      <c r="W2166" s="98"/>
      <c r="Z2166" s="143"/>
      <c r="AA2166" s="137"/>
      <c r="AB2166" s="137"/>
      <c r="AC2166" s="137"/>
      <c r="AD2166" s="137"/>
      <c r="AE2166" s="137"/>
      <c r="AF2166" s="137"/>
      <c r="AG2166" s="137"/>
      <c r="AH2166" s="137"/>
      <c r="AI2166" s="137"/>
      <c r="AJ2166" s="137"/>
      <c r="AK2166" s="206"/>
      <c r="AL2166" s="206"/>
      <c r="AM2166" s="143"/>
      <c r="AN2166" s="137"/>
      <c r="AO2166" s="137"/>
      <c r="AP2166" s="137"/>
      <c r="AQ2166" s="137"/>
      <c r="AR2166" s="137"/>
      <c r="AS2166" s="137"/>
      <c r="AT2166" s="137"/>
      <c r="AU2166" s="137"/>
      <c r="AV2166" s="137"/>
      <c r="AW2166" s="144"/>
    </row>
    <row r="2167" spans="2:49" x14ac:dyDescent="0.2">
      <c r="B2167" s="97"/>
      <c r="G2167" s="43"/>
      <c r="J2167" s="98"/>
      <c r="K2167" s="97"/>
      <c r="N2167" s="3"/>
      <c r="W2167" s="98"/>
      <c r="Z2167" s="143"/>
      <c r="AA2167" s="137"/>
      <c r="AB2167" s="137"/>
      <c r="AC2167" s="137"/>
      <c r="AD2167" s="137"/>
      <c r="AE2167" s="137"/>
      <c r="AF2167" s="137"/>
      <c r="AG2167" s="137"/>
      <c r="AH2167" s="137"/>
      <c r="AI2167" s="137"/>
      <c r="AJ2167" s="137"/>
      <c r="AK2167" s="206"/>
      <c r="AL2167" s="206"/>
      <c r="AM2167" s="143"/>
      <c r="AN2167" s="137"/>
      <c r="AO2167" s="137"/>
      <c r="AP2167" s="137"/>
      <c r="AQ2167" s="137"/>
      <c r="AR2167" s="137"/>
      <c r="AS2167" s="137"/>
      <c r="AT2167" s="137"/>
      <c r="AU2167" s="137"/>
      <c r="AV2167" s="137"/>
      <c r="AW2167" s="144"/>
    </row>
    <row r="2168" spans="2:49" x14ac:dyDescent="0.2">
      <c r="B2168" s="97"/>
      <c r="G2168" s="43"/>
      <c r="J2168" s="98"/>
      <c r="K2168" s="97"/>
      <c r="N2168" s="3"/>
      <c r="W2168" s="98"/>
      <c r="Z2168" s="143"/>
      <c r="AA2168" s="137"/>
      <c r="AB2168" s="137"/>
      <c r="AC2168" s="137"/>
      <c r="AD2168" s="137"/>
      <c r="AE2168" s="137"/>
      <c r="AF2168" s="137"/>
      <c r="AG2168" s="137"/>
      <c r="AH2168" s="137"/>
      <c r="AI2168" s="137"/>
      <c r="AJ2168" s="137"/>
      <c r="AK2168" s="206"/>
      <c r="AL2168" s="206"/>
      <c r="AM2168" s="143"/>
      <c r="AN2168" s="137"/>
      <c r="AO2168" s="137"/>
      <c r="AP2168" s="137"/>
      <c r="AQ2168" s="137"/>
      <c r="AR2168" s="137"/>
      <c r="AS2168" s="137"/>
      <c r="AT2168" s="137"/>
      <c r="AU2168" s="137"/>
      <c r="AV2168" s="137"/>
      <c r="AW2168" s="144"/>
    </row>
    <row r="2169" spans="2:49" x14ac:dyDescent="0.2">
      <c r="B2169" s="97"/>
      <c r="G2169" s="43"/>
      <c r="J2169" s="98"/>
      <c r="K2169" s="97"/>
      <c r="N2169" s="3"/>
      <c r="W2169" s="98"/>
      <c r="Z2169" s="143"/>
      <c r="AA2169" s="137"/>
      <c r="AB2169" s="137"/>
      <c r="AC2169" s="137"/>
      <c r="AD2169" s="137"/>
      <c r="AE2169" s="137"/>
      <c r="AF2169" s="137"/>
      <c r="AG2169" s="137"/>
      <c r="AH2169" s="137"/>
      <c r="AI2169" s="137"/>
      <c r="AJ2169" s="137"/>
      <c r="AK2169" s="206"/>
      <c r="AL2169" s="206"/>
      <c r="AM2169" s="143"/>
      <c r="AN2169" s="137"/>
      <c r="AO2169" s="137"/>
      <c r="AP2169" s="137"/>
      <c r="AQ2169" s="137"/>
      <c r="AR2169" s="137"/>
      <c r="AS2169" s="137"/>
      <c r="AT2169" s="137"/>
      <c r="AU2169" s="137"/>
      <c r="AV2169" s="137"/>
      <c r="AW2169" s="144"/>
    </row>
    <row r="2170" spans="2:49" x14ac:dyDescent="0.2">
      <c r="B2170" s="97"/>
      <c r="G2170" s="43"/>
      <c r="J2170" s="98"/>
      <c r="K2170" s="97"/>
      <c r="N2170" s="3"/>
      <c r="W2170" s="98"/>
      <c r="Z2170" s="143"/>
      <c r="AA2170" s="137"/>
      <c r="AB2170" s="137"/>
      <c r="AC2170" s="137"/>
      <c r="AD2170" s="137"/>
      <c r="AE2170" s="137"/>
      <c r="AF2170" s="137"/>
      <c r="AG2170" s="137"/>
      <c r="AH2170" s="137"/>
      <c r="AI2170" s="137"/>
      <c r="AJ2170" s="137"/>
      <c r="AK2170" s="206"/>
      <c r="AL2170" s="206"/>
      <c r="AM2170" s="143"/>
      <c r="AN2170" s="137"/>
      <c r="AO2170" s="137"/>
      <c r="AP2170" s="137"/>
      <c r="AQ2170" s="137"/>
      <c r="AR2170" s="137"/>
      <c r="AS2170" s="137"/>
      <c r="AT2170" s="137"/>
      <c r="AU2170" s="137"/>
      <c r="AV2170" s="137"/>
      <c r="AW2170" s="144"/>
    </row>
    <row r="2171" spans="2:49" x14ac:dyDescent="0.2">
      <c r="B2171" s="97"/>
      <c r="G2171" s="43"/>
      <c r="J2171" s="98"/>
      <c r="K2171" s="97"/>
      <c r="N2171" s="3"/>
      <c r="W2171" s="98"/>
      <c r="Z2171" s="143"/>
      <c r="AA2171" s="137"/>
      <c r="AB2171" s="137"/>
      <c r="AC2171" s="137"/>
      <c r="AD2171" s="137"/>
      <c r="AE2171" s="137"/>
      <c r="AF2171" s="137"/>
      <c r="AG2171" s="137"/>
      <c r="AH2171" s="137"/>
      <c r="AI2171" s="137"/>
      <c r="AJ2171" s="137"/>
      <c r="AK2171" s="206"/>
      <c r="AL2171" s="206"/>
      <c r="AM2171" s="143"/>
      <c r="AN2171" s="137"/>
      <c r="AO2171" s="137"/>
      <c r="AP2171" s="137"/>
      <c r="AQ2171" s="137"/>
      <c r="AR2171" s="137"/>
      <c r="AS2171" s="137"/>
      <c r="AT2171" s="137"/>
      <c r="AU2171" s="137"/>
      <c r="AV2171" s="137"/>
      <c r="AW2171" s="144"/>
    </row>
    <row r="2172" spans="2:49" x14ac:dyDescent="0.2">
      <c r="B2172" s="97"/>
      <c r="G2172" s="43"/>
      <c r="J2172" s="98"/>
      <c r="K2172" s="97"/>
      <c r="N2172" s="3"/>
      <c r="W2172" s="98"/>
      <c r="Z2172" s="143"/>
      <c r="AA2172" s="137"/>
      <c r="AB2172" s="137"/>
      <c r="AC2172" s="137"/>
      <c r="AD2172" s="137"/>
      <c r="AE2172" s="137"/>
      <c r="AF2172" s="137"/>
      <c r="AG2172" s="137"/>
      <c r="AH2172" s="137"/>
      <c r="AI2172" s="137"/>
      <c r="AJ2172" s="137"/>
      <c r="AK2172" s="206"/>
      <c r="AL2172" s="206"/>
      <c r="AM2172" s="143"/>
      <c r="AN2172" s="137"/>
      <c r="AO2172" s="137"/>
      <c r="AP2172" s="137"/>
      <c r="AQ2172" s="137"/>
      <c r="AR2172" s="137"/>
      <c r="AS2172" s="137"/>
      <c r="AT2172" s="137"/>
      <c r="AU2172" s="137"/>
      <c r="AV2172" s="137"/>
      <c r="AW2172" s="144"/>
    </row>
    <row r="2173" spans="2:49" x14ac:dyDescent="0.2">
      <c r="B2173" s="97"/>
      <c r="G2173" s="43"/>
      <c r="J2173" s="98"/>
      <c r="K2173" s="97"/>
      <c r="N2173" s="3"/>
      <c r="W2173" s="98"/>
      <c r="Z2173" s="143"/>
      <c r="AA2173" s="137"/>
      <c r="AB2173" s="137"/>
      <c r="AC2173" s="137"/>
      <c r="AD2173" s="137"/>
      <c r="AE2173" s="137"/>
      <c r="AF2173" s="137"/>
      <c r="AG2173" s="137"/>
      <c r="AH2173" s="137"/>
      <c r="AI2173" s="137"/>
      <c r="AJ2173" s="137"/>
      <c r="AK2173" s="206"/>
      <c r="AL2173" s="206"/>
      <c r="AM2173" s="143"/>
      <c r="AN2173" s="137"/>
      <c r="AO2173" s="137"/>
      <c r="AP2173" s="137"/>
      <c r="AQ2173" s="137"/>
      <c r="AR2173" s="137"/>
      <c r="AS2173" s="137"/>
      <c r="AT2173" s="137"/>
      <c r="AU2173" s="137"/>
      <c r="AV2173" s="137"/>
      <c r="AW2173" s="144"/>
    </row>
    <row r="2174" spans="2:49" x14ac:dyDescent="0.2">
      <c r="B2174" s="97"/>
      <c r="G2174" s="43"/>
      <c r="J2174" s="98"/>
      <c r="K2174" s="97"/>
      <c r="N2174" s="3"/>
      <c r="W2174" s="98"/>
      <c r="Z2174" s="143"/>
      <c r="AA2174" s="137"/>
      <c r="AB2174" s="137"/>
      <c r="AC2174" s="137"/>
      <c r="AD2174" s="137"/>
      <c r="AE2174" s="137"/>
      <c r="AF2174" s="137"/>
      <c r="AG2174" s="137"/>
      <c r="AH2174" s="137"/>
      <c r="AI2174" s="137"/>
      <c r="AJ2174" s="137"/>
      <c r="AK2174" s="206"/>
      <c r="AL2174" s="206"/>
      <c r="AM2174" s="143"/>
      <c r="AN2174" s="137"/>
      <c r="AO2174" s="137"/>
      <c r="AP2174" s="137"/>
      <c r="AQ2174" s="137"/>
      <c r="AR2174" s="137"/>
      <c r="AS2174" s="137"/>
      <c r="AT2174" s="137"/>
      <c r="AU2174" s="137"/>
      <c r="AV2174" s="137"/>
      <c r="AW2174" s="144"/>
    </row>
    <row r="2175" spans="2:49" x14ac:dyDescent="0.2">
      <c r="B2175" s="97"/>
      <c r="G2175" s="43"/>
      <c r="J2175" s="98"/>
      <c r="K2175" s="97"/>
      <c r="N2175" s="3"/>
      <c r="W2175" s="98"/>
      <c r="Z2175" s="143"/>
      <c r="AA2175" s="137"/>
      <c r="AB2175" s="137"/>
      <c r="AC2175" s="137"/>
      <c r="AD2175" s="137"/>
      <c r="AE2175" s="137"/>
      <c r="AF2175" s="137"/>
      <c r="AG2175" s="137"/>
      <c r="AH2175" s="137"/>
      <c r="AI2175" s="137"/>
      <c r="AJ2175" s="137"/>
      <c r="AK2175" s="206"/>
      <c r="AL2175" s="206"/>
      <c r="AM2175" s="143"/>
      <c r="AN2175" s="137"/>
      <c r="AO2175" s="137"/>
      <c r="AP2175" s="137"/>
      <c r="AQ2175" s="137"/>
      <c r="AR2175" s="137"/>
      <c r="AS2175" s="137"/>
      <c r="AT2175" s="137"/>
      <c r="AU2175" s="137"/>
      <c r="AV2175" s="137"/>
      <c r="AW2175" s="144"/>
    </row>
    <row r="2176" spans="2:49" x14ac:dyDescent="0.2">
      <c r="B2176" s="97"/>
      <c r="G2176" s="43"/>
      <c r="J2176" s="98"/>
      <c r="K2176" s="97"/>
      <c r="N2176" s="3"/>
      <c r="W2176" s="98"/>
      <c r="Z2176" s="143"/>
      <c r="AA2176" s="137"/>
      <c r="AB2176" s="137"/>
      <c r="AC2176" s="137"/>
      <c r="AD2176" s="137"/>
      <c r="AE2176" s="137"/>
      <c r="AF2176" s="137"/>
      <c r="AG2176" s="137"/>
      <c r="AH2176" s="137"/>
      <c r="AI2176" s="137"/>
      <c r="AJ2176" s="137"/>
      <c r="AK2176" s="206"/>
      <c r="AL2176" s="206"/>
      <c r="AM2176" s="143"/>
      <c r="AN2176" s="137"/>
      <c r="AO2176" s="137"/>
      <c r="AP2176" s="137"/>
      <c r="AQ2176" s="137"/>
      <c r="AR2176" s="137"/>
      <c r="AS2176" s="137"/>
      <c r="AT2176" s="137"/>
      <c r="AU2176" s="137"/>
      <c r="AV2176" s="137"/>
      <c r="AW2176" s="144"/>
    </row>
    <row r="2177" spans="2:49" x14ac:dyDescent="0.2">
      <c r="B2177" s="97"/>
      <c r="G2177" s="43"/>
      <c r="J2177" s="98"/>
      <c r="K2177" s="97"/>
      <c r="N2177" s="3"/>
      <c r="W2177" s="98"/>
      <c r="Z2177" s="143"/>
      <c r="AA2177" s="137"/>
      <c r="AB2177" s="137"/>
      <c r="AC2177" s="137"/>
      <c r="AD2177" s="137"/>
      <c r="AE2177" s="137"/>
      <c r="AF2177" s="137"/>
      <c r="AG2177" s="137"/>
      <c r="AH2177" s="137"/>
      <c r="AI2177" s="137"/>
      <c r="AJ2177" s="137"/>
      <c r="AK2177" s="206"/>
      <c r="AL2177" s="206"/>
      <c r="AM2177" s="143"/>
      <c r="AN2177" s="137"/>
      <c r="AO2177" s="137"/>
      <c r="AP2177" s="137"/>
      <c r="AQ2177" s="137"/>
      <c r="AR2177" s="137"/>
      <c r="AS2177" s="137"/>
      <c r="AT2177" s="137"/>
      <c r="AU2177" s="137"/>
      <c r="AV2177" s="137"/>
      <c r="AW2177" s="144"/>
    </row>
    <row r="2178" spans="2:49" x14ac:dyDescent="0.2">
      <c r="B2178" s="97"/>
      <c r="G2178" s="43"/>
      <c r="J2178" s="98"/>
      <c r="K2178" s="97"/>
      <c r="N2178" s="3"/>
      <c r="W2178" s="98"/>
      <c r="Z2178" s="143"/>
      <c r="AA2178" s="137"/>
      <c r="AB2178" s="137"/>
      <c r="AC2178" s="137"/>
      <c r="AD2178" s="137"/>
      <c r="AE2178" s="137"/>
      <c r="AF2178" s="137"/>
      <c r="AG2178" s="137"/>
      <c r="AH2178" s="137"/>
      <c r="AI2178" s="137"/>
      <c r="AJ2178" s="137"/>
      <c r="AK2178" s="206"/>
      <c r="AL2178" s="206"/>
      <c r="AM2178" s="143"/>
      <c r="AN2178" s="137"/>
      <c r="AO2178" s="137"/>
      <c r="AP2178" s="137"/>
      <c r="AQ2178" s="137"/>
      <c r="AR2178" s="137"/>
      <c r="AS2178" s="137"/>
      <c r="AT2178" s="137"/>
      <c r="AU2178" s="137"/>
      <c r="AV2178" s="137"/>
      <c r="AW2178" s="144"/>
    </row>
    <row r="2179" spans="2:49" x14ac:dyDescent="0.2">
      <c r="B2179" s="97"/>
      <c r="G2179" s="43"/>
      <c r="J2179" s="98"/>
      <c r="K2179" s="97"/>
      <c r="N2179" s="3"/>
      <c r="W2179" s="98"/>
      <c r="Z2179" s="143"/>
      <c r="AA2179" s="137"/>
      <c r="AB2179" s="137"/>
      <c r="AC2179" s="137"/>
      <c r="AD2179" s="137"/>
      <c r="AE2179" s="137"/>
      <c r="AF2179" s="137"/>
      <c r="AG2179" s="137"/>
      <c r="AH2179" s="137"/>
      <c r="AI2179" s="137"/>
      <c r="AJ2179" s="137"/>
      <c r="AK2179" s="206"/>
      <c r="AL2179" s="206"/>
      <c r="AM2179" s="143"/>
      <c r="AN2179" s="137"/>
      <c r="AO2179" s="137"/>
      <c r="AP2179" s="137"/>
      <c r="AQ2179" s="137"/>
      <c r="AR2179" s="137"/>
      <c r="AS2179" s="137"/>
      <c r="AT2179" s="137"/>
      <c r="AU2179" s="137"/>
      <c r="AV2179" s="137"/>
      <c r="AW2179" s="144"/>
    </row>
    <row r="2180" spans="2:49" x14ac:dyDescent="0.2">
      <c r="B2180" s="97"/>
      <c r="G2180" s="43"/>
      <c r="J2180" s="98"/>
      <c r="K2180" s="97"/>
      <c r="N2180" s="3"/>
      <c r="W2180" s="98"/>
      <c r="Z2180" s="143"/>
      <c r="AA2180" s="137"/>
      <c r="AB2180" s="137"/>
      <c r="AC2180" s="137"/>
      <c r="AD2180" s="137"/>
      <c r="AE2180" s="137"/>
      <c r="AF2180" s="137"/>
      <c r="AG2180" s="137"/>
      <c r="AH2180" s="137"/>
      <c r="AI2180" s="137"/>
      <c r="AJ2180" s="137"/>
      <c r="AK2180" s="206"/>
      <c r="AL2180" s="206"/>
      <c r="AM2180" s="143"/>
      <c r="AN2180" s="137"/>
      <c r="AO2180" s="137"/>
      <c r="AP2180" s="137"/>
      <c r="AQ2180" s="137"/>
      <c r="AR2180" s="137"/>
      <c r="AS2180" s="137"/>
      <c r="AT2180" s="137"/>
      <c r="AU2180" s="137"/>
      <c r="AV2180" s="137"/>
      <c r="AW2180" s="144"/>
    </row>
    <row r="2181" spans="2:49" x14ac:dyDescent="0.2">
      <c r="B2181" s="97"/>
      <c r="G2181" s="43"/>
      <c r="J2181" s="98"/>
      <c r="K2181" s="97"/>
      <c r="N2181" s="3"/>
      <c r="W2181" s="98"/>
      <c r="Z2181" s="143"/>
      <c r="AA2181" s="137"/>
      <c r="AB2181" s="137"/>
      <c r="AC2181" s="137"/>
      <c r="AD2181" s="137"/>
      <c r="AE2181" s="137"/>
      <c r="AF2181" s="137"/>
      <c r="AG2181" s="137"/>
      <c r="AH2181" s="137"/>
      <c r="AI2181" s="137"/>
      <c r="AJ2181" s="137"/>
      <c r="AK2181" s="206"/>
      <c r="AL2181" s="206"/>
      <c r="AM2181" s="143"/>
      <c r="AN2181" s="137"/>
      <c r="AO2181" s="137"/>
      <c r="AP2181" s="137"/>
      <c r="AQ2181" s="137"/>
      <c r="AR2181" s="137"/>
      <c r="AS2181" s="137"/>
      <c r="AT2181" s="137"/>
      <c r="AU2181" s="137"/>
      <c r="AV2181" s="137"/>
      <c r="AW2181" s="144"/>
    </row>
    <row r="2182" spans="2:49" x14ac:dyDescent="0.2">
      <c r="B2182" s="97"/>
      <c r="G2182" s="43"/>
      <c r="J2182" s="98"/>
      <c r="K2182" s="97"/>
      <c r="N2182" s="3"/>
      <c r="W2182" s="98"/>
      <c r="Z2182" s="143"/>
      <c r="AA2182" s="137"/>
      <c r="AB2182" s="137"/>
      <c r="AC2182" s="137"/>
      <c r="AD2182" s="137"/>
      <c r="AE2182" s="137"/>
      <c r="AF2182" s="137"/>
      <c r="AG2182" s="137"/>
      <c r="AH2182" s="137"/>
      <c r="AI2182" s="137"/>
      <c r="AJ2182" s="137"/>
      <c r="AK2182" s="206"/>
      <c r="AL2182" s="206"/>
      <c r="AM2182" s="143"/>
      <c r="AN2182" s="137"/>
      <c r="AO2182" s="137"/>
      <c r="AP2182" s="137"/>
      <c r="AQ2182" s="137"/>
      <c r="AR2182" s="137"/>
      <c r="AS2182" s="137"/>
      <c r="AT2182" s="137"/>
      <c r="AU2182" s="137"/>
      <c r="AV2182" s="137"/>
      <c r="AW2182" s="144"/>
    </row>
    <row r="2183" spans="2:49" x14ac:dyDescent="0.2">
      <c r="B2183" s="97"/>
      <c r="G2183" s="43"/>
      <c r="J2183" s="98"/>
      <c r="K2183" s="97"/>
      <c r="N2183" s="3"/>
      <c r="W2183" s="98"/>
      <c r="Z2183" s="143"/>
      <c r="AA2183" s="137"/>
      <c r="AB2183" s="137"/>
      <c r="AC2183" s="137"/>
      <c r="AD2183" s="137"/>
      <c r="AE2183" s="137"/>
      <c r="AF2183" s="137"/>
      <c r="AG2183" s="137"/>
      <c r="AH2183" s="137"/>
      <c r="AI2183" s="137"/>
      <c r="AJ2183" s="137"/>
      <c r="AK2183" s="206"/>
      <c r="AL2183" s="206"/>
      <c r="AM2183" s="143"/>
      <c r="AN2183" s="137"/>
      <c r="AO2183" s="137"/>
      <c r="AP2183" s="137"/>
      <c r="AQ2183" s="137"/>
      <c r="AR2183" s="137"/>
      <c r="AS2183" s="137"/>
      <c r="AT2183" s="137"/>
      <c r="AU2183" s="137"/>
      <c r="AV2183" s="137"/>
      <c r="AW2183" s="144"/>
    </row>
    <row r="2184" spans="2:49" x14ac:dyDescent="0.2">
      <c r="B2184" s="97"/>
      <c r="G2184" s="43"/>
      <c r="J2184" s="98"/>
      <c r="K2184" s="97"/>
      <c r="N2184" s="3"/>
      <c r="W2184" s="98"/>
      <c r="Z2184" s="143"/>
      <c r="AA2184" s="137"/>
      <c r="AB2184" s="137"/>
      <c r="AC2184" s="137"/>
      <c r="AD2184" s="137"/>
      <c r="AE2184" s="137"/>
      <c r="AF2184" s="137"/>
      <c r="AG2184" s="137"/>
      <c r="AH2184" s="137"/>
      <c r="AI2184" s="137"/>
      <c r="AJ2184" s="137"/>
      <c r="AK2184" s="206"/>
      <c r="AL2184" s="206"/>
      <c r="AM2184" s="143"/>
      <c r="AN2184" s="137"/>
      <c r="AO2184" s="137"/>
      <c r="AP2184" s="137"/>
      <c r="AQ2184" s="137"/>
      <c r="AR2184" s="137"/>
      <c r="AS2184" s="137"/>
      <c r="AT2184" s="137"/>
      <c r="AU2184" s="137"/>
      <c r="AV2184" s="137"/>
      <c r="AW2184" s="144"/>
    </row>
    <row r="2185" spans="2:49" x14ac:dyDescent="0.2">
      <c r="B2185" s="97"/>
      <c r="G2185" s="43"/>
      <c r="J2185" s="98"/>
      <c r="K2185" s="97"/>
      <c r="N2185" s="3"/>
      <c r="W2185" s="98"/>
      <c r="Z2185" s="143"/>
      <c r="AA2185" s="137"/>
      <c r="AB2185" s="137"/>
      <c r="AC2185" s="137"/>
      <c r="AD2185" s="137"/>
      <c r="AE2185" s="137"/>
      <c r="AF2185" s="137"/>
      <c r="AG2185" s="137"/>
      <c r="AH2185" s="137"/>
      <c r="AI2185" s="137"/>
      <c r="AJ2185" s="137"/>
      <c r="AK2185" s="206"/>
      <c r="AL2185" s="206"/>
      <c r="AM2185" s="143"/>
      <c r="AN2185" s="137"/>
      <c r="AO2185" s="137"/>
      <c r="AP2185" s="137"/>
      <c r="AQ2185" s="137"/>
      <c r="AR2185" s="137"/>
      <c r="AS2185" s="137"/>
      <c r="AT2185" s="137"/>
      <c r="AU2185" s="137"/>
      <c r="AV2185" s="137"/>
      <c r="AW2185" s="144"/>
    </row>
    <row r="2186" spans="2:49" x14ac:dyDescent="0.2">
      <c r="B2186" s="97"/>
      <c r="G2186" s="43"/>
      <c r="J2186" s="98"/>
      <c r="K2186" s="97"/>
      <c r="N2186" s="3"/>
      <c r="W2186" s="98"/>
      <c r="Z2186" s="143"/>
      <c r="AA2186" s="137"/>
      <c r="AB2186" s="137"/>
      <c r="AC2186" s="137"/>
      <c r="AD2186" s="137"/>
      <c r="AE2186" s="137"/>
      <c r="AF2186" s="137"/>
      <c r="AG2186" s="137"/>
      <c r="AH2186" s="137"/>
      <c r="AI2186" s="137"/>
      <c r="AJ2186" s="137"/>
      <c r="AK2186" s="206"/>
      <c r="AL2186" s="206"/>
      <c r="AM2186" s="143"/>
      <c r="AN2186" s="137"/>
      <c r="AO2186" s="137"/>
      <c r="AP2186" s="137"/>
      <c r="AQ2186" s="137"/>
      <c r="AR2186" s="137"/>
      <c r="AS2186" s="137"/>
      <c r="AT2186" s="137"/>
      <c r="AU2186" s="137"/>
      <c r="AV2186" s="137"/>
      <c r="AW2186" s="144"/>
    </row>
    <row r="2187" spans="2:49" x14ac:dyDescent="0.2">
      <c r="B2187" s="97"/>
      <c r="G2187" s="43"/>
      <c r="J2187" s="98"/>
      <c r="K2187" s="97"/>
      <c r="N2187" s="3"/>
      <c r="W2187" s="98"/>
      <c r="Z2187" s="143"/>
      <c r="AA2187" s="137"/>
      <c r="AB2187" s="137"/>
      <c r="AC2187" s="137"/>
      <c r="AD2187" s="137"/>
      <c r="AE2187" s="137"/>
      <c r="AF2187" s="137"/>
      <c r="AG2187" s="137"/>
      <c r="AH2187" s="137"/>
      <c r="AI2187" s="137"/>
      <c r="AJ2187" s="137"/>
      <c r="AK2187" s="206"/>
      <c r="AL2187" s="206"/>
      <c r="AM2187" s="143"/>
      <c r="AN2187" s="137"/>
      <c r="AO2187" s="137"/>
      <c r="AP2187" s="137"/>
      <c r="AQ2187" s="137"/>
      <c r="AR2187" s="137"/>
      <c r="AS2187" s="137"/>
      <c r="AT2187" s="137"/>
      <c r="AU2187" s="137"/>
      <c r="AV2187" s="137"/>
      <c r="AW2187" s="144"/>
    </row>
    <row r="2188" spans="2:49" x14ac:dyDescent="0.2">
      <c r="B2188" s="97"/>
      <c r="G2188" s="43"/>
      <c r="J2188" s="98"/>
      <c r="K2188" s="97"/>
      <c r="N2188" s="3"/>
      <c r="W2188" s="98"/>
      <c r="Z2188" s="143"/>
      <c r="AA2188" s="137"/>
      <c r="AB2188" s="137"/>
      <c r="AC2188" s="137"/>
      <c r="AD2188" s="137"/>
      <c r="AE2188" s="137"/>
      <c r="AF2188" s="137"/>
      <c r="AG2188" s="137"/>
      <c r="AH2188" s="137"/>
      <c r="AI2188" s="137"/>
      <c r="AJ2188" s="137"/>
      <c r="AK2188" s="206"/>
      <c r="AL2188" s="206"/>
      <c r="AM2188" s="143"/>
      <c r="AN2188" s="137"/>
      <c r="AO2188" s="137"/>
      <c r="AP2188" s="137"/>
      <c r="AQ2188" s="137"/>
      <c r="AR2188" s="137"/>
      <c r="AS2188" s="137"/>
      <c r="AT2188" s="137"/>
      <c r="AU2188" s="137"/>
      <c r="AV2188" s="137"/>
      <c r="AW2188" s="144"/>
    </row>
    <row r="2189" spans="2:49" x14ac:dyDescent="0.2">
      <c r="B2189" s="97"/>
      <c r="G2189" s="43"/>
      <c r="J2189" s="98"/>
      <c r="K2189" s="97"/>
      <c r="N2189" s="3"/>
      <c r="W2189" s="98"/>
      <c r="Z2189" s="143"/>
      <c r="AA2189" s="137"/>
      <c r="AB2189" s="137"/>
      <c r="AC2189" s="137"/>
      <c r="AD2189" s="137"/>
      <c r="AE2189" s="137"/>
      <c r="AF2189" s="137"/>
      <c r="AG2189" s="137"/>
      <c r="AH2189" s="137"/>
      <c r="AI2189" s="137"/>
      <c r="AJ2189" s="137"/>
      <c r="AK2189" s="206"/>
      <c r="AL2189" s="206"/>
      <c r="AM2189" s="143"/>
      <c r="AN2189" s="137"/>
      <c r="AO2189" s="137"/>
      <c r="AP2189" s="137"/>
      <c r="AQ2189" s="137"/>
      <c r="AR2189" s="137"/>
      <c r="AS2189" s="137"/>
      <c r="AT2189" s="137"/>
      <c r="AU2189" s="137"/>
      <c r="AV2189" s="137"/>
      <c r="AW2189" s="144"/>
    </row>
    <row r="2190" spans="2:49" x14ac:dyDescent="0.2">
      <c r="B2190" s="97"/>
      <c r="G2190" s="43"/>
      <c r="J2190" s="98"/>
      <c r="K2190" s="97"/>
      <c r="N2190" s="3"/>
      <c r="W2190" s="98"/>
      <c r="Z2190" s="143"/>
      <c r="AA2190" s="137"/>
      <c r="AB2190" s="137"/>
      <c r="AC2190" s="137"/>
      <c r="AD2190" s="137"/>
      <c r="AE2190" s="137"/>
      <c r="AF2190" s="137"/>
      <c r="AG2190" s="137"/>
      <c r="AH2190" s="137"/>
      <c r="AI2190" s="137"/>
      <c r="AJ2190" s="137"/>
      <c r="AK2190" s="206"/>
      <c r="AL2190" s="206"/>
      <c r="AM2190" s="143"/>
      <c r="AN2190" s="137"/>
      <c r="AO2190" s="137"/>
      <c r="AP2190" s="137"/>
      <c r="AQ2190" s="137"/>
      <c r="AR2190" s="137"/>
      <c r="AS2190" s="137"/>
      <c r="AT2190" s="137"/>
      <c r="AU2190" s="137"/>
      <c r="AV2190" s="137"/>
      <c r="AW2190" s="144"/>
    </row>
    <row r="2191" spans="2:49" x14ac:dyDescent="0.2">
      <c r="B2191" s="97"/>
      <c r="G2191" s="43"/>
      <c r="J2191" s="98"/>
      <c r="K2191" s="97"/>
      <c r="N2191" s="3"/>
      <c r="W2191" s="98"/>
      <c r="Z2191" s="143"/>
      <c r="AA2191" s="137"/>
      <c r="AB2191" s="137"/>
      <c r="AC2191" s="137"/>
      <c r="AD2191" s="137"/>
      <c r="AE2191" s="137"/>
      <c r="AF2191" s="137"/>
      <c r="AG2191" s="137"/>
      <c r="AH2191" s="137"/>
      <c r="AI2191" s="137"/>
      <c r="AJ2191" s="137"/>
      <c r="AK2191" s="206"/>
      <c r="AL2191" s="206"/>
      <c r="AM2191" s="143"/>
      <c r="AN2191" s="137"/>
      <c r="AO2191" s="137"/>
      <c r="AP2191" s="137"/>
      <c r="AQ2191" s="137"/>
      <c r="AR2191" s="137"/>
      <c r="AS2191" s="137"/>
      <c r="AT2191" s="137"/>
      <c r="AU2191" s="137"/>
      <c r="AV2191" s="137"/>
      <c r="AW2191" s="144"/>
    </row>
    <row r="2192" spans="2:49" x14ac:dyDescent="0.2">
      <c r="B2192" s="97"/>
      <c r="G2192" s="43"/>
      <c r="J2192" s="98"/>
      <c r="K2192" s="97"/>
      <c r="N2192" s="3"/>
      <c r="W2192" s="98"/>
      <c r="Z2192" s="143"/>
      <c r="AA2192" s="137"/>
      <c r="AB2192" s="137"/>
      <c r="AC2192" s="137"/>
      <c r="AD2192" s="137"/>
      <c r="AE2192" s="137"/>
      <c r="AF2192" s="137"/>
      <c r="AG2192" s="137"/>
      <c r="AH2192" s="137"/>
      <c r="AI2192" s="137"/>
      <c r="AJ2192" s="137"/>
      <c r="AK2192" s="206"/>
      <c r="AL2192" s="206"/>
      <c r="AM2192" s="143"/>
      <c r="AN2192" s="137"/>
      <c r="AO2192" s="137"/>
      <c r="AP2192" s="137"/>
      <c r="AQ2192" s="137"/>
      <c r="AR2192" s="137"/>
      <c r="AS2192" s="137"/>
      <c r="AT2192" s="137"/>
      <c r="AU2192" s="137"/>
      <c r="AV2192" s="137"/>
      <c r="AW2192" s="144"/>
    </row>
    <row r="2193" spans="2:49" x14ac:dyDescent="0.2">
      <c r="B2193" s="97"/>
      <c r="G2193" s="43"/>
      <c r="J2193" s="98"/>
      <c r="K2193" s="97"/>
      <c r="N2193" s="3"/>
      <c r="W2193" s="98"/>
      <c r="Z2193" s="143"/>
      <c r="AA2193" s="137"/>
      <c r="AB2193" s="137"/>
      <c r="AC2193" s="137"/>
      <c r="AD2193" s="137"/>
      <c r="AE2193" s="137"/>
      <c r="AF2193" s="137"/>
      <c r="AG2193" s="137"/>
      <c r="AH2193" s="137"/>
      <c r="AI2193" s="137"/>
      <c r="AJ2193" s="137"/>
      <c r="AK2193" s="206"/>
      <c r="AL2193" s="206"/>
      <c r="AM2193" s="143"/>
      <c r="AN2193" s="137"/>
      <c r="AO2193" s="137"/>
      <c r="AP2193" s="137"/>
      <c r="AQ2193" s="137"/>
      <c r="AR2193" s="137"/>
      <c r="AS2193" s="137"/>
      <c r="AT2193" s="137"/>
      <c r="AU2193" s="137"/>
      <c r="AV2193" s="137"/>
      <c r="AW2193" s="144"/>
    </row>
    <row r="2194" spans="2:49" x14ac:dyDescent="0.2">
      <c r="B2194" s="97"/>
      <c r="G2194" s="43"/>
      <c r="J2194" s="98"/>
      <c r="K2194" s="97"/>
      <c r="N2194" s="3"/>
      <c r="W2194" s="98"/>
      <c r="Z2194" s="143"/>
      <c r="AA2194" s="137"/>
      <c r="AB2194" s="137"/>
      <c r="AC2194" s="137"/>
      <c r="AD2194" s="137"/>
      <c r="AE2194" s="137"/>
      <c r="AF2194" s="137"/>
      <c r="AG2194" s="137"/>
      <c r="AH2194" s="137"/>
      <c r="AI2194" s="137"/>
      <c r="AJ2194" s="137"/>
      <c r="AK2194" s="206"/>
      <c r="AL2194" s="206"/>
      <c r="AM2194" s="143"/>
      <c r="AN2194" s="137"/>
      <c r="AO2194" s="137"/>
      <c r="AP2194" s="137"/>
      <c r="AQ2194" s="137"/>
      <c r="AR2194" s="137"/>
      <c r="AS2194" s="137"/>
      <c r="AT2194" s="137"/>
      <c r="AU2194" s="137"/>
      <c r="AV2194" s="137"/>
      <c r="AW2194" s="144"/>
    </row>
    <row r="2195" spans="2:49" x14ac:dyDescent="0.2">
      <c r="B2195" s="97"/>
      <c r="G2195" s="43"/>
      <c r="J2195" s="98"/>
      <c r="K2195" s="97"/>
      <c r="N2195" s="3"/>
      <c r="W2195" s="98"/>
      <c r="Z2195" s="143"/>
      <c r="AA2195" s="137"/>
      <c r="AB2195" s="137"/>
      <c r="AC2195" s="137"/>
      <c r="AD2195" s="137"/>
      <c r="AE2195" s="137"/>
      <c r="AF2195" s="137"/>
      <c r="AG2195" s="137"/>
      <c r="AH2195" s="137"/>
      <c r="AI2195" s="137"/>
      <c r="AJ2195" s="137"/>
      <c r="AK2195" s="206"/>
      <c r="AL2195" s="206"/>
      <c r="AM2195" s="143"/>
      <c r="AN2195" s="137"/>
      <c r="AO2195" s="137"/>
      <c r="AP2195" s="137"/>
      <c r="AQ2195" s="137"/>
      <c r="AR2195" s="137"/>
      <c r="AS2195" s="137"/>
      <c r="AT2195" s="137"/>
      <c r="AU2195" s="137"/>
      <c r="AV2195" s="137"/>
      <c r="AW2195" s="144"/>
    </row>
    <row r="2196" spans="2:49" x14ac:dyDescent="0.2">
      <c r="B2196" s="97"/>
      <c r="G2196" s="43"/>
      <c r="J2196" s="98"/>
      <c r="K2196" s="97"/>
      <c r="N2196" s="3"/>
      <c r="W2196" s="98"/>
      <c r="Z2196" s="143"/>
      <c r="AA2196" s="137"/>
      <c r="AB2196" s="137"/>
      <c r="AC2196" s="137"/>
      <c r="AD2196" s="137"/>
      <c r="AE2196" s="137"/>
      <c r="AF2196" s="137"/>
      <c r="AG2196" s="137"/>
      <c r="AH2196" s="137"/>
      <c r="AI2196" s="137"/>
      <c r="AJ2196" s="137"/>
      <c r="AK2196" s="206"/>
      <c r="AL2196" s="206"/>
      <c r="AM2196" s="143"/>
      <c r="AN2196" s="137"/>
      <c r="AO2196" s="137"/>
      <c r="AP2196" s="137"/>
      <c r="AQ2196" s="137"/>
      <c r="AR2196" s="137"/>
      <c r="AS2196" s="137"/>
      <c r="AT2196" s="137"/>
      <c r="AU2196" s="137"/>
      <c r="AV2196" s="137"/>
      <c r="AW2196" s="144"/>
    </row>
    <row r="2197" spans="2:49" x14ac:dyDescent="0.2">
      <c r="B2197" s="97"/>
      <c r="G2197" s="43"/>
      <c r="J2197" s="98"/>
      <c r="K2197" s="97"/>
      <c r="N2197" s="3"/>
      <c r="W2197" s="98"/>
      <c r="Z2197" s="143"/>
      <c r="AA2197" s="137"/>
      <c r="AB2197" s="137"/>
      <c r="AC2197" s="137"/>
      <c r="AD2197" s="137"/>
      <c r="AE2197" s="137"/>
      <c r="AF2197" s="137"/>
      <c r="AG2197" s="137"/>
      <c r="AH2197" s="137"/>
      <c r="AI2197" s="137"/>
      <c r="AJ2197" s="137"/>
      <c r="AK2197" s="206"/>
      <c r="AL2197" s="206"/>
      <c r="AM2197" s="143"/>
      <c r="AN2197" s="137"/>
      <c r="AO2197" s="137"/>
      <c r="AP2197" s="137"/>
      <c r="AQ2197" s="137"/>
      <c r="AR2197" s="137"/>
      <c r="AS2197" s="137"/>
      <c r="AT2197" s="137"/>
      <c r="AU2197" s="137"/>
      <c r="AV2197" s="137"/>
      <c r="AW2197" s="144"/>
    </row>
    <row r="2198" spans="2:49" x14ac:dyDescent="0.2">
      <c r="B2198" s="97"/>
      <c r="G2198" s="43"/>
      <c r="J2198" s="98"/>
      <c r="K2198" s="97"/>
      <c r="N2198" s="3"/>
      <c r="W2198" s="98"/>
      <c r="Z2198" s="143"/>
      <c r="AA2198" s="137"/>
      <c r="AB2198" s="137"/>
      <c r="AC2198" s="137"/>
      <c r="AD2198" s="137"/>
      <c r="AE2198" s="137"/>
      <c r="AF2198" s="137"/>
      <c r="AG2198" s="137"/>
      <c r="AH2198" s="137"/>
      <c r="AI2198" s="137"/>
      <c r="AJ2198" s="137"/>
      <c r="AK2198" s="206"/>
      <c r="AL2198" s="206"/>
      <c r="AM2198" s="143"/>
      <c r="AN2198" s="137"/>
      <c r="AO2198" s="137"/>
      <c r="AP2198" s="137"/>
      <c r="AQ2198" s="137"/>
      <c r="AR2198" s="137"/>
      <c r="AS2198" s="137"/>
      <c r="AT2198" s="137"/>
      <c r="AU2198" s="137"/>
      <c r="AV2198" s="137"/>
      <c r="AW2198" s="144"/>
    </row>
    <row r="2199" spans="2:49" x14ac:dyDescent="0.2">
      <c r="B2199" s="97"/>
      <c r="G2199" s="43"/>
      <c r="J2199" s="98"/>
      <c r="K2199" s="97"/>
      <c r="N2199" s="3"/>
      <c r="W2199" s="98"/>
      <c r="Z2199" s="143"/>
      <c r="AA2199" s="137"/>
      <c r="AB2199" s="137"/>
      <c r="AC2199" s="137"/>
      <c r="AD2199" s="137"/>
      <c r="AE2199" s="137"/>
      <c r="AF2199" s="137"/>
      <c r="AG2199" s="137"/>
      <c r="AH2199" s="137"/>
      <c r="AI2199" s="137"/>
      <c r="AJ2199" s="137"/>
      <c r="AK2199" s="206"/>
      <c r="AL2199" s="206"/>
      <c r="AM2199" s="143"/>
      <c r="AN2199" s="137"/>
      <c r="AO2199" s="137"/>
      <c r="AP2199" s="137"/>
      <c r="AQ2199" s="137"/>
      <c r="AR2199" s="137"/>
      <c r="AS2199" s="137"/>
      <c r="AT2199" s="137"/>
      <c r="AU2199" s="137"/>
      <c r="AV2199" s="137"/>
      <c r="AW2199" s="144"/>
    </row>
    <row r="2200" spans="2:49" x14ac:dyDescent="0.2">
      <c r="B2200" s="97"/>
      <c r="G2200" s="43"/>
      <c r="J2200" s="98"/>
      <c r="K2200" s="97"/>
      <c r="N2200" s="3"/>
      <c r="W2200" s="98"/>
      <c r="Z2200" s="143"/>
      <c r="AA2200" s="137"/>
      <c r="AB2200" s="137"/>
      <c r="AC2200" s="137"/>
      <c r="AD2200" s="137"/>
      <c r="AE2200" s="137"/>
      <c r="AF2200" s="137"/>
      <c r="AG2200" s="137"/>
      <c r="AH2200" s="137"/>
      <c r="AI2200" s="137"/>
      <c r="AJ2200" s="137"/>
      <c r="AK2200" s="206"/>
      <c r="AL2200" s="206"/>
      <c r="AM2200" s="143"/>
      <c r="AN2200" s="137"/>
      <c r="AO2200" s="137"/>
      <c r="AP2200" s="137"/>
      <c r="AQ2200" s="137"/>
      <c r="AR2200" s="137"/>
      <c r="AS2200" s="137"/>
      <c r="AT2200" s="137"/>
      <c r="AU2200" s="137"/>
      <c r="AV2200" s="137"/>
      <c r="AW2200" s="144"/>
    </row>
    <row r="2201" spans="2:49" x14ac:dyDescent="0.2">
      <c r="B2201" s="97"/>
      <c r="G2201" s="43"/>
      <c r="J2201" s="98"/>
      <c r="K2201" s="97"/>
      <c r="N2201" s="3"/>
      <c r="W2201" s="98"/>
      <c r="Z2201" s="143"/>
      <c r="AA2201" s="137"/>
      <c r="AB2201" s="137"/>
      <c r="AC2201" s="137"/>
      <c r="AD2201" s="137"/>
      <c r="AE2201" s="137"/>
      <c r="AF2201" s="137"/>
      <c r="AG2201" s="137"/>
      <c r="AH2201" s="137"/>
      <c r="AI2201" s="137"/>
      <c r="AJ2201" s="137"/>
      <c r="AK2201" s="206"/>
      <c r="AL2201" s="206"/>
      <c r="AM2201" s="143"/>
      <c r="AN2201" s="137"/>
      <c r="AO2201" s="137"/>
      <c r="AP2201" s="137"/>
      <c r="AQ2201" s="137"/>
      <c r="AR2201" s="137"/>
      <c r="AS2201" s="137"/>
      <c r="AT2201" s="137"/>
      <c r="AU2201" s="137"/>
      <c r="AV2201" s="137"/>
      <c r="AW2201" s="144"/>
    </row>
    <row r="2202" spans="2:49" x14ac:dyDescent="0.2">
      <c r="B2202" s="97"/>
      <c r="G2202" s="43"/>
      <c r="J2202" s="98"/>
      <c r="K2202" s="97"/>
      <c r="N2202" s="3"/>
      <c r="W2202" s="98"/>
      <c r="Z2202" s="143"/>
      <c r="AA2202" s="137"/>
      <c r="AB2202" s="137"/>
      <c r="AC2202" s="137"/>
      <c r="AD2202" s="137"/>
      <c r="AE2202" s="137"/>
      <c r="AF2202" s="137"/>
      <c r="AG2202" s="137"/>
      <c r="AH2202" s="137"/>
      <c r="AI2202" s="137"/>
      <c r="AJ2202" s="137"/>
      <c r="AK2202" s="206"/>
      <c r="AL2202" s="206"/>
      <c r="AM2202" s="143"/>
      <c r="AN2202" s="137"/>
      <c r="AO2202" s="137"/>
      <c r="AP2202" s="137"/>
      <c r="AQ2202" s="137"/>
      <c r="AR2202" s="137"/>
      <c r="AS2202" s="137"/>
      <c r="AT2202" s="137"/>
      <c r="AU2202" s="137"/>
      <c r="AV2202" s="137"/>
      <c r="AW2202" s="144"/>
    </row>
    <row r="2203" spans="2:49" x14ac:dyDescent="0.2">
      <c r="B2203" s="97"/>
      <c r="G2203" s="43"/>
      <c r="J2203" s="98"/>
      <c r="K2203" s="97"/>
      <c r="N2203" s="3"/>
      <c r="W2203" s="98"/>
      <c r="Z2203" s="143"/>
      <c r="AA2203" s="137"/>
      <c r="AB2203" s="137"/>
      <c r="AC2203" s="137"/>
      <c r="AD2203" s="137"/>
      <c r="AE2203" s="137"/>
      <c r="AF2203" s="137"/>
      <c r="AG2203" s="137"/>
      <c r="AH2203" s="137"/>
      <c r="AI2203" s="137"/>
      <c r="AJ2203" s="137"/>
      <c r="AK2203" s="206"/>
      <c r="AL2203" s="206"/>
      <c r="AM2203" s="143"/>
      <c r="AN2203" s="137"/>
      <c r="AO2203" s="137"/>
      <c r="AP2203" s="137"/>
      <c r="AQ2203" s="137"/>
      <c r="AR2203" s="137"/>
      <c r="AS2203" s="137"/>
      <c r="AT2203" s="137"/>
      <c r="AU2203" s="137"/>
      <c r="AV2203" s="137"/>
      <c r="AW2203" s="144"/>
    </row>
    <row r="2204" spans="2:49" x14ac:dyDescent="0.2">
      <c r="B2204" s="97"/>
      <c r="G2204" s="43"/>
      <c r="J2204" s="98"/>
      <c r="K2204" s="97"/>
      <c r="N2204" s="3"/>
      <c r="W2204" s="98"/>
      <c r="Z2204" s="143"/>
      <c r="AA2204" s="137"/>
      <c r="AB2204" s="137"/>
      <c r="AC2204" s="137"/>
      <c r="AD2204" s="137"/>
      <c r="AE2204" s="137"/>
      <c r="AF2204" s="137"/>
      <c r="AG2204" s="137"/>
      <c r="AH2204" s="137"/>
      <c r="AI2204" s="137"/>
      <c r="AJ2204" s="137"/>
      <c r="AK2204" s="206"/>
      <c r="AL2204" s="206"/>
      <c r="AM2204" s="143"/>
      <c r="AN2204" s="137"/>
      <c r="AO2204" s="137"/>
      <c r="AP2204" s="137"/>
      <c r="AQ2204" s="137"/>
      <c r="AR2204" s="137"/>
      <c r="AS2204" s="137"/>
      <c r="AT2204" s="137"/>
      <c r="AU2204" s="137"/>
      <c r="AV2204" s="137"/>
      <c r="AW2204" s="144"/>
    </row>
    <row r="2205" spans="2:49" x14ac:dyDescent="0.2">
      <c r="B2205" s="97"/>
      <c r="G2205" s="43"/>
      <c r="J2205" s="98"/>
      <c r="K2205" s="97"/>
      <c r="N2205" s="3"/>
      <c r="W2205" s="98"/>
      <c r="Z2205" s="143"/>
      <c r="AA2205" s="137"/>
      <c r="AB2205" s="137"/>
      <c r="AC2205" s="137"/>
      <c r="AD2205" s="137"/>
      <c r="AE2205" s="137"/>
      <c r="AF2205" s="137"/>
      <c r="AG2205" s="137"/>
      <c r="AH2205" s="137"/>
      <c r="AI2205" s="137"/>
      <c r="AJ2205" s="137"/>
      <c r="AK2205" s="206"/>
      <c r="AL2205" s="206"/>
      <c r="AM2205" s="143"/>
      <c r="AN2205" s="137"/>
      <c r="AO2205" s="137"/>
      <c r="AP2205" s="137"/>
      <c r="AQ2205" s="137"/>
      <c r="AR2205" s="137"/>
      <c r="AS2205" s="137"/>
      <c r="AT2205" s="137"/>
      <c r="AU2205" s="137"/>
      <c r="AV2205" s="137"/>
      <c r="AW2205" s="144"/>
    </row>
    <row r="2206" spans="2:49" x14ac:dyDescent="0.2">
      <c r="B2206" s="97"/>
      <c r="G2206" s="43"/>
      <c r="J2206" s="98"/>
      <c r="K2206" s="97"/>
      <c r="N2206" s="3"/>
      <c r="W2206" s="98"/>
      <c r="Z2206" s="143"/>
      <c r="AA2206" s="137"/>
      <c r="AB2206" s="137"/>
      <c r="AC2206" s="137"/>
      <c r="AD2206" s="137"/>
      <c r="AE2206" s="137"/>
      <c r="AF2206" s="137"/>
      <c r="AG2206" s="137"/>
      <c r="AH2206" s="137"/>
      <c r="AI2206" s="137"/>
      <c r="AJ2206" s="137"/>
      <c r="AK2206" s="206"/>
      <c r="AL2206" s="206"/>
      <c r="AM2206" s="143"/>
      <c r="AN2206" s="137"/>
      <c r="AO2206" s="137"/>
      <c r="AP2206" s="137"/>
      <c r="AQ2206" s="137"/>
      <c r="AR2206" s="137"/>
      <c r="AS2206" s="137"/>
      <c r="AT2206" s="137"/>
      <c r="AU2206" s="137"/>
      <c r="AV2206" s="137"/>
      <c r="AW2206" s="144"/>
    </row>
    <row r="2207" spans="2:49" x14ac:dyDescent="0.2">
      <c r="B2207" s="97"/>
      <c r="G2207" s="43"/>
      <c r="J2207" s="98"/>
      <c r="K2207" s="97"/>
      <c r="N2207" s="3"/>
      <c r="W2207" s="98"/>
      <c r="Z2207" s="143"/>
      <c r="AA2207" s="137"/>
      <c r="AB2207" s="137"/>
      <c r="AC2207" s="137"/>
      <c r="AD2207" s="137"/>
      <c r="AE2207" s="137"/>
      <c r="AF2207" s="137"/>
      <c r="AG2207" s="137"/>
      <c r="AH2207" s="137"/>
      <c r="AI2207" s="137"/>
      <c r="AJ2207" s="137"/>
      <c r="AK2207" s="206"/>
      <c r="AL2207" s="206"/>
      <c r="AM2207" s="143"/>
      <c r="AN2207" s="137"/>
      <c r="AO2207" s="137"/>
      <c r="AP2207" s="137"/>
      <c r="AQ2207" s="137"/>
      <c r="AR2207" s="137"/>
      <c r="AS2207" s="137"/>
      <c r="AT2207" s="137"/>
      <c r="AU2207" s="137"/>
      <c r="AV2207" s="137"/>
      <c r="AW2207" s="144"/>
    </row>
    <row r="2208" spans="2:49" x14ac:dyDescent="0.2">
      <c r="B2208" s="97"/>
      <c r="G2208" s="43"/>
      <c r="J2208" s="98"/>
      <c r="K2208" s="97"/>
      <c r="N2208" s="3"/>
      <c r="W2208" s="98"/>
      <c r="Z2208" s="143"/>
      <c r="AA2208" s="137"/>
      <c r="AB2208" s="137"/>
      <c r="AC2208" s="137"/>
      <c r="AD2208" s="137"/>
      <c r="AE2208" s="137"/>
      <c r="AF2208" s="137"/>
      <c r="AG2208" s="137"/>
      <c r="AH2208" s="137"/>
      <c r="AI2208" s="137"/>
      <c r="AJ2208" s="137"/>
      <c r="AK2208" s="206"/>
      <c r="AL2208" s="206"/>
      <c r="AM2208" s="143"/>
      <c r="AN2208" s="137"/>
      <c r="AO2208" s="137"/>
      <c r="AP2208" s="137"/>
      <c r="AQ2208" s="137"/>
      <c r="AR2208" s="137"/>
      <c r="AS2208" s="137"/>
      <c r="AT2208" s="137"/>
      <c r="AU2208" s="137"/>
      <c r="AV2208" s="137"/>
      <c r="AW2208" s="144"/>
    </row>
    <row r="2209" spans="2:49" x14ac:dyDescent="0.2">
      <c r="B2209" s="97"/>
      <c r="G2209" s="43"/>
      <c r="J2209" s="98"/>
      <c r="K2209" s="97"/>
      <c r="N2209" s="3"/>
      <c r="W2209" s="98"/>
      <c r="Z2209" s="143"/>
      <c r="AA2209" s="137"/>
      <c r="AB2209" s="137"/>
      <c r="AC2209" s="137"/>
      <c r="AD2209" s="137"/>
      <c r="AE2209" s="137"/>
      <c r="AF2209" s="137"/>
      <c r="AG2209" s="137"/>
      <c r="AH2209" s="137"/>
      <c r="AI2209" s="137"/>
      <c r="AJ2209" s="137"/>
      <c r="AK2209" s="206"/>
      <c r="AL2209" s="206"/>
      <c r="AM2209" s="143"/>
      <c r="AN2209" s="137"/>
      <c r="AO2209" s="137"/>
      <c r="AP2209" s="137"/>
      <c r="AQ2209" s="137"/>
      <c r="AR2209" s="137"/>
      <c r="AS2209" s="137"/>
      <c r="AT2209" s="137"/>
      <c r="AU2209" s="137"/>
      <c r="AV2209" s="137"/>
      <c r="AW2209" s="144"/>
    </row>
    <row r="2210" spans="2:49" x14ac:dyDescent="0.2">
      <c r="B2210" s="97"/>
      <c r="G2210" s="43"/>
      <c r="J2210" s="98"/>
      <c r="K2210" s="97"/>
      <c r="N2210" s="3"/>
      <c r="W2210" s="98"/>
      <c r="Z2210" s="143"/>
      <c r="AA2210" s="137"/>
      <c r="AB2210" s="137"/>
      <c r="AC2210" s="137"/>
      <c r="AD2210" s="137"/>
      <c r="AE2210" s="137"/>
      <c r="AF2210" s="137"/>
      <c r="AG2210" s="137"/>
      <c r="AH2210" s="137"/>
      <c r="AI2210" s="137"/>
      <c r="AJ2210" s="137"/>
      <c r="AK2210" s="206"/>
      <c r="AL2210" s="206"/>
      <c r="AM2210" s="143"/>
      <c r="AN2210" s="137"/>
      <c r="AO2210" s="137"/>
      <c r="AP2210" s="137"/>
      <c r="AQ2210" s="137"/>
      <c r="AR2210" s="137"/>
      <c r="AS2210" s="137"/>
      <c r="AT2210" s="137"/>
      <c r="AU2210" s="137"/>
      <c r="AV2210" s="137"/>
      <c r="AW2210" s="144"/>
    </row>
    <row r="2211" spans="2:49" x14ac:dyDescent="0.2">
      <c r="B2211" s="97"/>
      <c r="G2211" s="43"/>
      <c r="J2211" s="98"/>
      <c r="K2211" s="97"/>
      <c r="N2211" s="3"/>
      <c r="W2211" s="98"/>
      <c r="Z2211" s="143"/>
      <c r="AA2211" s="137"/>
      <c r="AB2211" s="137"/>
      <c r="AC2211" s="137"/>
      <c r="AD2211" s="137"/>
      <c r="AE2211" s="137"/>
      <c r="AF2211" s="137"/>
      <c r="AG2211" s="137"/>
      <c r="AH2211" s="137"/>
      <c r="AI2211" s="137"/>
      <c r="AJ2211" s="137"/>
      <c r="AK2211" s="206"/>
      <c r="AL2211" s="206"/>
      <c r="AM2211" s="143"/>
      <c r="AN2211" s="137"/>
      <c r="AO2211" s="137"/>
      <c r="AP2211" s="137"/>
      <c r="AQ2211" s="137"/>
      <c r="AR2211" s="137"/>
      <c r="AS2211" s="137"/>
      <c r="AT2211" s="137"/>
      <c r="AU2211" s="137"/>
      <c r="AV2211" s="137"/>
      <c r="AW2211" s="144"/>
    </row>
    <row r="2212" spans="2:49" x14ac:dyDescent="0.2">
      <c r="B2212" s="97"/>
      <c r="G2212" s="43"/>
      <c r="J2212" s="98"/>
      <c r="K2212" s="97"/>
      <c r="N2212" s="3"/>
      <c r="W2212" s="98"/>
      <c r="Z2212" s="143"/>
      <c r="AA2212" s="137"/>
      <c r="AB2212" s="137"/>
      <c r="AC2212" s="137"/>
      <c r="AD2212" s="137"/>
      <c r="AE2212" s="137"/>
      <c r="AF2212" s="137"/>
      <c r="AG2212" s="137"/>
      <c r="AH2212" s="137"/>
      <c r="AI2212" s="137"/>
      <c r="AJ2212" s="137"/>
      <c r="AK2212" s="206"/>
      <c r="AL2212" s="206"/>
      <c r="AM2212" s="143"/>
      <c r="AN2212" s="137"/>
      <c r="AO2212" s="137"/>
      <c r="AP2212" s="137"/>
      <c r="AQ2212" s="137"/>
      <c r="AR2212" s="137"/>
      <c r="AS2212" s="137"/>
      <c r="AT2212" s="137"/>
      <c r="AU2212" s="137"/>
      <c r="AV2212" s="137"/>
      <c r="AW2212" s="144"/>
    </row>
    <row r="2213" spans="2:49" x14ac:dyDescent="0.2">
      <c r="B2213" s="97"/>
      <c r="G2213" s="43"/>
      <c r="J2213" s="98"/>
      <c r="K2213" s="97"/>
      <c r="N2213" s="3"/>
      <c r="W2213" s="98"/>
      <c r="Z2213" s="143"/>
      <c r="AA2213" s="137"/>
      <c r="AB2213" s="137"/>
      <c r="AC2213" s="137"/>
      <c r="AD2213" s="137"/>
      <c r="AE2213" s="137"/>
      <c r="AF2213" s="137"/>
      <c r="AG2213" s="137"/>
      <c r="AH2213" s="137"/>
      <c r="AI2213" s="137"/>
      <c r="AJ2213" s="137"/>
      <c r="AK2213" s="206"/>
      <c r="AL2213" s="206"/>
      <c r="AM2213" s="143"/>
      <c r="AN2213" s="137"/>
      <c r="AO2213" s="137"/>
      <c r="AP2213" s="137"/>
      <c r="AQ2213" s="137"/>
      <c r="AR2213" s="137"/>
      <c r="AS2213" s="137"/>
      <c r="AT2213" s="137"/>
      <c r="AU2213" s="137"/>
      <c r="AV2213" s="137"/>
      <c r="AW2213" s="144"/>
    </row>
    <row r="2214" spans="2:49" x14ac:dyDescent="0.2">
      <c r="B2214" s="97"/>
      <c r="G2214" s="43"/>
      <c r="J2214" s="98"/>
      <c r="K2214" s="97"/>
      <c r="N2214" s="3"/>
      <c r="W2214" s="98"/>
      <c r="Z2214" s="143"/>
      <c r="AA2214" s="137"/>
      <c r="AB2214" s="137"/>
      <c r="AC2214" s="137"/>
      <c r="AD2214" s="137"/>
      <c r="AE2214" s="137"/>
      <c r="AF2214" s="137"/>
      <c r="AG2214" s="137"/>
      <c r="AH2214" s="137"/>
      <c r="AI2214" s="137"/>
      <c r="AJ2214" s="137"/>
      <c r="AK2214" s="206"/>
      <c r="AL2214" s="206"/>
      <c r="AM2214" s="143"/>
      <c r="AN2214" s="137"/>
      <c r="AO2214" s="137"/>
      <c r="AP2214" s="137"/>
      <c r="AQ2214" s="137"/>
      <c r="AR2214" s="137"/>
      <c r="AS2214" s="137"/>
      <c r="AT2214" s="137"/>
      <c r="AU2214" s="137"/>
      <c r="AV2214" s="137"/>
      <c r="AW2214" s="144"/>
    </row>
    <row r="2215" spans="2:49" x14ac:dyDescent="0.2">
      <c r="B2215" s="97"/>
      <c r="G2215" s="43"/>
      <c r="J2215" s="98"/>
      <c r="K2215" s="97"/>
      <c r="N2215" s="3"/>
      <c r="W2215" s="98"/>
      <c r="Z2215" s="143"/>
      <c r="AA2215" s="137"/>
      <c r="AB2215" s="137"/>
      <c r="AC2215" s="137"/>
      <c r="AD2215" s="137"/>
      <c r="AE2215" s="137"/>
      <c r="AF2215" s="137"/>
      <c r="AG2215" s="137"/>
      <c r="AH2215" s="137"/>
      <c r="AI2215" s="137"/>
      <c r="AJ2215" s="137"/>
      <c r="AK2215" s="206"/>
      <c r="AL2215" s="206"/>
      <c r="AM2215" s="143"/>
      <c r="AN2215" s="137"/>
      <c r="AO2215" s="137"/>
      <c r="AP2215" s="137"/>
      <c r="AQ2215" s="137"/>
      <c r="AR2215" s="137"/>
      <c r="AS2215" s="137"/>
      <c r="AT2215" s="137"/>
      <c r="AU2215" s="137"/>
      <c r="AV2215" s="137"/>
      <c r="AW2215" s="144"/>
    </row>
    <row r="2216" spans="2:49" x14ac:dyDescent="0.2">
      <c r="B2216" s="97"/>
      <c r="G2216" s="43"/>
      <c r="J2216" s="98"/>
      <c r="K2216" s="97"/>
      <c r="N2216" s="3"/>
      <c r="W2216" s="98"/>
      <c r="Z2216" s="143"/>
      <c r="AA2216" s="137"/>
      <c r="AB2216" s="137"/>
      <c r="AC2216" s="137"/>
      <c r="AD2216" s="137"/>
      <c r="AE2216" s="137"/>
      <c r="AF2216" s="137"/>
      <c r="AG2216" s="137"/>
      <c r="AH2216" s="137"/>
      <c r="AI2216" s="137"/>
      <c r="AJ2216" s="137"/>
      <c r="AK2216" s="206"/>
      <c r="AL2216" s="206"/>
      <c r="AM2216" s="143"/>
      <c r="AN2216" s="137"/>
      <c r="AO2216" s="137"/>
      <c r="AP2216" s="137"/>
      <c r="AQ2216" s="137"/>
      <c r="AR2216" s="137"/>
      <c r="AS2216" s="137"/>
      <c r="AT2216" s="137"/>
      <c r="AU2216" s="137"/>
      <c r="AV2216" s="137"/>
      <c r="AW2216" s="144"/>
    </row>
    <row r="2217" spans="2:49" x14ac:dyDescent="0.2">
      <c r="B2217" s="97"/>
      <c r="G2217" s="43"/>
      <c r="J2217" s="98"/>
      <c r="K2217" s="97"/>
      <c r="N2217" s="3"/>
      <c r="W2217" s="98"/>
      <c r="Z2217" s="143"/>
      <c r="AA2217" s="137"/>
      <c r="AB2217" s="137"/>
      <c r="AC2217" s="137"/>
      <c r="AD2217" s="137"/>
      <c r="AE2217" s="137"/>
      <c r="AF2217" s="137"/>
      <c r="AG2217" s="137"/>
      <c r="AH2217" s="137"/>
      <c r="AI2217" s="137"/>
      <c r="AJ2217" s="137"/>
      <c r="AK2217" s="206"/>
      <c r="AL2217" s="206"/>
      <c r="AM2217" s="143"/>
      <c r="AN2217" s="137"/>
      <c r="AO2217" s="137"/>
      <c r="AP2217" s="137"/>
      <c r="AQ2217" s="137"/>
      <c r="AR2217" s="137"/>
      <c r="AS2217" s="137"/>
      <c r="AT2217" s="137"/>
      <c r="AU2217" s="137"/>
      <c r="AV2217" s="137"/>
      <c r="AW2217" s="144"/>
    </row>
    <row r="2218" spans="2:49" x14ac:dyDescent="0.2">
      <c r="B2218" s="97"/>
      <c r="G2218" s="43"/>
      <c r="J2218" s="98"/>
      <c r="K2218" s="97"/>
      <c r="N2218" s="3"/>
      <c r="W2218" s="98"/>
      <c r="Z2218" s="143"/>
      <c r="AA2218" s="137"/>
      <c r="AB2218" s="137"/>
      <c r="AC2218" s="137"/>
      <c r="AD2218" s="137"/>
      <c r="AE2218" s="137"/>
      <c r="AF2218" s="137"/>
      <c r="AG2218" s="137"/>
      <c r="AH2218" s="137"/>
      <c r="AI2218" s="137"/>
      <c r="AJ2218" s="137"/>
      <c r="AK2218" s="206"/>
      <c r="AL2218" s="206"/>
      <c r="AM2218" s="143"/>
      <c r="AN2218" s="137"/>
      <c r="AO2218" s="137"/>
      <c r="AP2218" s="137"/>
      <c r="AQ2218" s="137"/>
      <c r="AR2218" s="137"/>
      <c r="AS2218" s="137"/>
      <c r="AT2218" s="137"/>
      <c r="AU2218" s="137"/>
      <c r="AV2218" s="137"/>
      <c r="AW2218" s="144"/>
    </row>
    <row r="2219" spans="2:49" x14ac:dyDescent="0.2">
      <c r="B2219" s="97"/>
      <c r="G2219" s="43"/>
      <c r="J2219" s="98"/>
      <c r="K2219" s="97"/>
      <c r="N2219" s="3"/>
      <c r="W2219" s="98"/>
      <c r="Z2219" s="143"/>
      <c r="AA2219" s="137"/>
      <c r="AB2219" s="137"/>
      <c r="AC2219" s="137"/>
      <c r="AD2219" s="137"/>
      <c r="AE2219" s="137"/>
      <c r="AF2219" s="137"/>
      <c r="AG2219" s="137"/>
      <c r="AH2219" s="137"/>
      <c r="AI2219" s="137"/>
      <c r="AJ2219" s="137"/>
      <c r="AK2219" s="206"/>
      <c r="AL2219" s="206"/>
      <c r="AM2219" s="143"/>
      <c r="AN2219" s="137"/>
      <c r="AO2219" s="137"/>
      <c r="AP2219" s="137"/>
      <c r="AQ2219" s="137"/>
      <c r="AR2219" s="137"/>
      <c r="AS2219" s="137"/>
      <c r="AT2219" s="137"/>
      <c r="AU2219" s="137"/>
      <c r="AV2219" s="137"/>
      <c r="AW2219" s="144"/>
    </row>
    <row r="2220" spans="2:49" x14ac:dyDescent="0.2">
      <c r="B2220" s="97"/>
      <c r="G2220" s="43"/>
      <c r="J2220" s="98"/>
      <c r="K2220" s="97"/>
      <c r="N2220" s="3"/>
      <c r="W2220" s="98"/>
      <c r="Z2220" s="143"/>
      <c r="AA2220" s="137"/>
      <c r="AB2220" s="137"/>
      <c r="AC2220" s="137"/>
      <c r="AD2220" s="137"/>
      <c r="AE2220" s="137"/>
      <c r="AF2220" s="137"/>
      <c r="AG2220" s="137"/>
      <c r="AH2220" s="137"/>
      <c r="AI2220" s="137"/>
      <c r="AJ2220" s="137"/>
      <c r="AK2220" s="206"/>
      <c r="AL2220" s="206"/>
      <c r="AM2220" s="143"/>
      <c r="AN2220" s="137"/>
      <c r="AO2220" s="137"/>
      <c r="AP2220" s="137"/>
      <c r="AQ2220" s="137"/>
      <c r="AR2220" s="137"/>
      <c r="AS2220" s="137"/>
      <c r="AT2220" s="137"/>
      <c r="AU2220" s="137"/>
      <c r="AV2220" s="137"/>
      <c r="AW2220" s="144"/>
    </row>
    <row r="2221" spans="2:49" x14ac:dyDescent="0.2">
      <c r="B2221" s="97"/>
      <c r="G2221" s="43"/>
      <c r="J2221" s="98"/>
      <c r="K2221" s="97"/>
      <c r="N2221" s="3"/>
      <c r="W2221" s="98"/>
      <c r="Z2221" s="143"/>
      <c r="AA2221" s="137"/>
      <c r="AB2221" s="137"/>
      <c r="AC2221" s="137"/>
      <c r="AD2221" s="137"/>
      <c r="AE2221" s="137"/>
      <c r="AF2221" s="137"/>
      <c r="AG2221" s="137"/>
      <c r="AH2221" s="137"/>
      <c r="AI2221" s="137"/>
      <c r="AJ2221" s="137"/>
      <c r="AK2221" s="206"/>
      <c r="AL2221" s="206"/>
      <c r="AM2221" s="143"/>
      <c r="AN2221" s="137"/>
      <c r="AO2221" s="137"/>
      <c r="AP2221" s="137"/>
      <c r="AQ2221" s="137"/>
      <c r="AR2221" s="137"/>
      <c r="AS2221" s="137"/>
      <c r="AT2221" s="137"/>
      <c r="AU2221" s="137"/>
      <c r="AV2221" s="137"/>
      <c r="AW2221" s="144"/>
    </row>
    <row r="2222" spans="2:49" x14ac:dyDescent="0.2">
      <c r="B2222" s="97"/>
      <c r="G2222" s="43"/>
      <c r="J2222" s="98"/>
      <c r="K2222" s="97"/>
      <c r="N2222" s="3"/>
      <c r="W2222" s="98"/>
      <c r="Z2222" s="143"/>
      <c r="AA2222" s="137"/>
      <c r="AB2222" s="137"/>
      <c r="AC2222" s="137"/>
      <c r="AD2222" s="137"/>
      <c r="AE2222" s="137"/>
      <c r="AF2222" s="137"/>
      <c r="AG2222" s="137"/>
      <c r="AH2222" s="137"/>
      <c r="AI2222" s="137"/>
      <c r="AJ2222" s="137"/>
      <c r="AK2222" s="206"/>
      <c r="AL2222" s="206"/>
      <c r="AM2222" s="143"/>
      <c r="AN2222" s="137"/>
      <c r="AO2222" s="137"/>
      <c r="AP2222" s="137"/>
      <c r="AQ2222" s="137"/>
      <c r="AR2222" s="137"/>
      <c r="AS2222" s="137"/>
      <c r="AT2222" s="137"/>
      <c r="AU2222" s="137"/>
      <c r="AV2222" s="137"/>
      <c r="AW2222" s="144"/>
    </row>
    <row r="2223" spans="2:49" x14ac:dyDescent="0.2">
      <c r="B2223" s="97"/>
      <c r="G2223" s="43"/>
      <c r="J2223" s="98"/>
      <c r="K2223" s="97"/>
      <c r="N2223" s="3"/>
      <c r="W2223" s="98"/>
      <c r="Z2223" s="143"/>
      <c r="AA2223" s="137"/>
      <c r="AB2223" s="137"/>
      <c r="AC2223" s="137"/>
      <c r="AD2223" s="137"/>
      <c r="AE2223" s="137"/>
      <c r="AF2223" s="137"/>
      <c r="AG2223" s="137"/>
      <c r="AH2223" s="137"/>
      <c r="AI2223" s="137"/>
      <c r="AJ2223" s="137"/>
      <c r="AK2223" s="206"/>
      <c r="AL2223" s="206"/>
      <c r="AM2223" s="143"/>
      <c r="AN2223" s="137"/>
      <c r="AO2223" s="137"/>
      <c r="AP2223" s="137"/>
      <c r="AQ2223" s="137"/>
      <c r="AR2223" s="137"/>
      <c r="AS2223" s="137"/>
      <c r="AT2223" s="137"/>
      <c r="AU2223" s="137"/>
      <c r="AV2223" s="137"/>
      <c r="AW2223" s="144"/>
    </row>
    <row r="2224" spans="2:49" x14ac:dyDescent="0.2">
      <c r="B2224" s="97"/>
      <c r="G2224" s="43"/>
      <c r="J2224" s="98"/>
      <c r="K2224" s="97"/>
      <c r="N2224" s="3"/>
      <c r="W2224" s="98"/>
      <c r="Z2224" s="143"/>
      <c r="AA2224" s="137"/>
      <c r="AB2224" s="137"/>
      <c r="AC2224" s="137"/>
      <c r="AD2224" s="137"/>
      <c r="AE2224" s="137"/>
      <c r="AF2224" s="137"/>
      <c r="AG2224" s="137"/>
      <c r="AH2224" s="137"/>
      <c r="AI2224" s="137"/>
      <c r="AJ2224" s="137"/>
      <c r="AK2224" s="206"/>
      <c r="AL2224" s="206"/>
      <c r="AM2224" s="143"/>
      <c r="AN2224" s="137"/>
      <c r="AO2224" s="137"/>
      <c r="AP2224" s="137"/>
      <c r="AQ2224" s="137"/>
      <c r="AR2224" s="137"/>
      <c r="AS2224" s="137"/>
      <c r="AT2224" s="137"/>
      <c r="AU2224" s="137"/>
      <c r="AV2224" s="137"/>
      <c r="AW2224" s="144"/>
    </row>
    <row r="2225" spans="2:49" x14ac:dyDescent="0.2">
      <c r="B2225" s="97"/>
      <c r="G2225" s="43"/>
      <c r="J2225" s="98"/>
      <c r="K2225" s="97"/>
      <c r="N2225" s="3"/>
      <c r="W2225" s="98"/>
      <c r="Z2225" s="143"/>
      <c r="AA2225" s="137"/>
      <c r="AB2225" s="137"/>
      <c r="AC2225" s="137"/>
      <c r="AD2225" s="137"/>
      <c r="AE2225" s="137"/>
      <c r="AF2225" s="137"/>
      <c r="AG2225" s="137"/>
      <c r="AH2225" s="137"/>
      <c r="AI2225" s="137"/>
      <c r="AJ2225" s="137"/>
      <c r="AK2225" s="206"/>
      <c r="AL2225" s="206"/>
      <c r="AM2225" s="143"/>
      <c r="AN2225" s="137"/>
      <c r="AO2225" s="137"/>
      <c r="AP2225" s="137"/>
      <c r="AQ2225" s="137"/>
      <c r="AR2225" s="137"/>
      <c r="AS2225" s="137"/>
      <c r="AT2225" s="137"/>
      <c r="AU2225" s="137"/>
      <c r="AV2225" s="137"/>
      <c r="AW2225" s="144"/>
    </row>
    <row r="2226" spans="2:49" x14ac:dyDescent="0.2">
      <c r="B2226" s="97"/>
      <c r="G2226" s="43"/>
      <c r="J2226" s="98"/>
      <c r="K2226" s="97"/>
      <c r="N2226" s="3"/>
      <c r="W2226" s="98"/>
      <c r="Z2226" s="143"/>
      <c r="AA2226" s="137"/>
      <c r="AB2226" s="137"/>
      <c r="AC2226" s="137"/>
      <c r="AD2226" s="137"/>
      <c r="AE2226" s="137"/>
      <c r="AF2226" s="137"/>
      <c r="AG2226" s="137"/>
      <c r="AH2226" s="137"/>
      <c r="AI2226" s="137"/>
      <c r="AJ2226" s="137"/>
      <c r="AK2226" s="206"/>
      <c r="AL2226" s="206"/>
      <c r="AM2226" s="143"/>
      <c r="AN2226" s="137"/>
      <c r="AO2226" s="137"/>
      <c r="AP2226" s="137"/>
      <c r="AQ2226" s="137"/>
      <c r="AR2226" s="137"/>
      <c r="AS2226" s="137"/>
      <c r="AT2226" s="137"/>
      <c r="AU2226" s="137"/>
      <c r="AV2226" s="137"/>
      <c r="AW2226" s="144"/>
    </row>
    <row r="2227" spans="2:49" x14ac:dyDescent="0.2">
      <c r="B2227" s="97"/>
      <c r="G2227" s="43"/>
      <c r="J2227" s="98"/>
      <c r="K2227" s="97"/>
      <c r="N2227" s="3"/>
      <c r="W2227" s="98"/>
      <c r="Z2227" s="143"/>
      <c r="AA2227" s="137"/>
      <c r="AB2227" s="137"/>
      <c r="AC2227" s="137"/>
      <c r="AD2227" s="137"/>
      <c r="AE2227" s="137"/>
      <c r="AF2227" s="137"/>
      <c r="AG2227" s="137"/>
      <c r="AH2227" s="137"/>
      <c r="AI2227" s="137"/>
      <c r="AJ2227" s="137"/>
      <c r="AK2227" s="206"/>
      <c r="AL2227" s="206"/>
      <c r="AM2227" s="143"/>
      <c r="AN2227" s="137"/>
      <c r="AO2227" s="137"/>
      <c r="AP2227" s="137"/>
      <c r="AQ2227" s="137"/>
      <c r="AR2227" s="137"/>
      <c r="AS2227" s="137"/>
      <c r="AT2227" s="137"/>
      <c r="AU2227" s="137"/>
      <c r="AV2227" s="137"/>
      <c r="AW2227" s="144"/>
    </row>
    <row r="2228" spans="2:49" x14ac:dyDescent="0.2">
      <c r="B2228" s="97"/>
      <c r="G2228" s="43"/>
      <c r="J2228" s="98"/>
      <c r="K2228" s="97"/>
      <c r="N2228" s="3"/>
      <c r="W2228" s="98"/>
      <c r="Z2228" s="143"/>
      <c r="AA2228" s="137"/>
      <c r="AB2228" s="137"/>
      <c r="AC2228" s="137"/>
      <c r="AD2228" s="137"/>
      <c r="AE2228" s="137"/>
      <c r="AF2228" s="137"/>
      <c r="AG2228" s="137"/>
      <c r="AH2228" s="137"/>
      <c r="AI2228" s="137"/>
      <c r="AJ2228" s="137"/>
      <c r="AK2228" s="206"/>
      <c r="AL2228" s="206"/>
      <c r="AM2228" s="143"/>
      <c r="AN2228" s="137"/>
      <c r="AO2228" s="137"/>
      <c r="AP2228" s="137"/>
      <c r="AQ2228" s="137"/>
      <c r="AR2228" s="137"/>
      <c r="AS2228" s="137"/>
      <c r="AT2228" s="137"/>
      <c r="AU2228" s="137"/>
      <c r="AV2228" s="137"/>
      <c r="AW2228" s="144"/>
    </row>
    <row r="2229" spans="2:49" x14ac:dyDescent="0.2">
      <c r="B2229" s="97"/>
      <c r="G2229" s="43"/>
      <c r="J2229" s="98"/>
      <c r="K2229" s="97"/>
      <c r="N2229" s="3"/>
      <c r="W2229" s="98"/>
      <c r="Z2229" s="143"/>
      <c r="AA2229" s="137"/>
      <c r="AB2229" s="137"/>
      <c r="AC2229" s="137"/>
      <c r="AD2229" s="137"/>
      <c r="AE2229" s="137"/>
      <c r="AF2229" s="137"/>
      <c r="AG2229" s="137"/>
      <c r="AH2229" s="137"/>
      <c r="AI2229" s="137"/>
      <c r="AJ2229" s="137"/>
      <c r="AK2229" s="206"/>
      <c r="AL2229" s="206"/>
      <c r="AM2229" s="143"/>
      <c r="AN2229" s="137"/>
      <c r="AO2229" s="137"/>
      <c r="AP2229" s="137"/>
      <c r="AQ2229" s="137"/>
      <c r="AR2229" s="137"/>
      <c r="AS2229" s="137"/>
      <c r="AT2229" s="137"/>
      <c r="AU2229" s="137"/>
      <c r="AV2229" s="137"/>
      <c r="AW2229" s="144"/>
    </row>
    <row r="2230" spans="2:49" x14ac:dyDescent="0.2">
      <c r="B2230" s="97"/>
      <c r="G2230" s="43"/>
      <c r="J2230" s="98"/>
      <c r="K2230" s="97"/>
      <c r="N2230" s="3"/>
      <c r="W2230" s="98"/>
      <c r="Z2230" s="143"/>
      <c r="AA2230" s="137"/>
      <c r="AB2230" s="137"/>
      <c r="AC2230" s="137"/>
      <c r="AD2230" s="137"/>
      <c r="AE2230" s="137"/>
      <c r="AF2230" s="137"/>
      <c r="AG2230" s="137"/>
      <c r="AH2230" s="137"/>
      <c r="AI2230" s="137"/>
      <c r="AJ2230" s="137"/>
      <c r="AK2230" s="206"/>
      <c r="AL2230" s="206"/>
      <c r="AM2230" s="143"/>
      <c r="AN2230" s="137"/>
      <c r="AO2230" s="137"/>
      <c r="AP2230" s="137"/>
      <c r="AQ2230" s="137"/>
      <c r="AR2230" s="137"/>
      <c r="AS2230" s="137"/>
      <c r="AT2230" s="137"/>
      <c r="AU2230" s="137"/>
      <c r="AV2230" s="137"/>
      <c r="AW2230" s="144"/>
    </row>
    <row r="2231" spans="2:49" x14ac:dyDescent="0.2">
      <c r="B2231" s="97"/>
      <c r="G2231" s="43"/>
      <c r="J2231" s="98"/>
      <c r="K2231" s="97"/>
      <c r="N2231" s="3"/>
      <c r="W2231" s="98"/>
      <c r="Z2231" s="143"/>
      <c r="AA2231" s="137"/>
      <c r="AB2231" s="137"/>
      <c r="AC2231" s="137"/>
      <c r="AD2231" s="137"/>
      <c r="AE2231" s="137"/>
      <c r="AF2231" s="137"/>
      <c r="AG2231" s="137"/>
      <c r="AH2231" s="137"/>
      <c r="AI2231" s="137"/>
      <c r="AJ2231" s="137"/>
      <c r="AK2231" s="206"/>
      <c r="AL2231" s="206"/>
      <c r="AM2231" s="143"/>
      <c r="AN2231" s="137"/>
      <c r="AO2231" s="137"/>
      <c r="AP2231" s="137"/>
      <c r="AQ2231" s="137"/>
      <c r="AR2231" s="137"/>
      <c r="AS2231" s="137"/>
      <c r="AT2231" s="137"/>
      <c r="AU2231" s="137"/>
      <c r="AV2231" s="137"/>
      <c r="AW2231" s="144"/>
    </row>
    <row r="2232" spans="2:49" x14ac:dyDescent="0.2">
      <c r="B2232" s="97"/>
      <c r="G2232" s="43"/>
      <c r="J2232" s="98"/>
      <c r="K2232" s="97"/>
      <c r="N2232" s="3"/>
      <c r="W2232" s="98"/>
      <c r="Z2232" s="143"/>
      <c r="AA2232" s="137"/>
      <c r="AB2232" s="137"/>
      <c r="AC2232" s="137"/>
      <c r="AD2232" s="137"/>
      <c r="AE2232" s="137"/>
      <c r="AF2232" s="137"/>
      <c r="AG2232" s="137"/>
      <c r="AH2232" s="137"/>
      <c r="AI2232" s="137"/>
      <c r="AJ2232" s="137"/>
      <c r="AK2232" s="206"/>
      <c r="AL2232" s="206"/>
      <c r="AM2232" s="143"/>
      <c r="AN2232" s="137"/>
      <c r="AO2232" s="137"/>
      <c r="AP2232" s="137"/>
      <c r="AQ2232" s="137"/>
      <c r="AR2232" s="137"/>
      <c r="AS2232" s="137"/>
      <c r="AT2232" s="137"/>
      <c r="AU2232" s="137"/>
      <c r="AV2232" s="137"/>
      <c r="AW2232" s="144"/>
    </row>
    <row r="2233" spans="2:49" x14ac:dyDescent="0.2">
      <c r="B2233" s="97"/>
      <c r="G2233" s="43"/>
      <c r="J2233" s="98"/>
      <c r="K2233" s="97"/>
      <c r="N2233" s="3"/>
      <c r="W2233" s="98"/>
      <c r="Z2233" s="143"/>
      <c r="AA2233" s="137"/>
      <c r="AB2233" s="137"/>
      <c r="AC2233" s="137"/>
      <c r="AD2233" s="137"/>
      <c r="AE2233" s="137"/>
      <c r="AF2233" s="137"/>
      <c r="AG2233" s="137"/>
      <c r="AH2233" s="137"/>
      <c r="AI2233" s="137"/>
      <c r="AJ2233" s="137"/>
      <c r="AK2233" s="206"/>
      <c r="AL2233" s="206"/>
      <c r="AM2233" s="143"/>
      <c r="AN2233" s="137"/>
      <c r="AO2233" s="137"/>
      <c r="AP2233" s="137"/>
      <c r="AQ2233" s="137"/>
      <c r="AR2233" s="137"/>
      <c r="AS2233" s="137"/>
      <c r="AT2233" s="137"/>
      <c r="AU2233" s="137"/>
      <c r="AV2233" s="137"/>
      <c r="AW2233" s="144"/>
    </row>
    <row r="2234" spans="2:49" x14ac:dyDescent="0.2">
      <c r="B2234" s="97"/>
      <c r="G2234" s="43"/>
      <c r="J2234" s="98"/>
      <c r="K2234" s="97"/>
      <c r="N2234" s="3"/>
      <c r="W2234" s="98"/>
      <c r="Z2234" s="143"/>
      <c r="AA2234" s="137"/>
      <c r="AB2234" s="137"/>
      <c r="AC2234" s="137"/>
      <c r="AD2234" s="137"/>
      <c r="AE2234" s="137"/>
      <c r="AF2234" s="137"/>
      <c r="AG2234" s="137"/>
      <c r="AH2234" s="137"/>
      <c r="AI2234" s="137"/>
      <c r="AJ2234" s="137"/>
      <c r="AK2234" s="206"/>
      <c r="AL2234" s="206"/>
      <c r="AM2234" s="143"/>
      <c r="AN2234" s="137"/>
      <c r="AO2234" s="137"/>
      <c r="AP2234" s="137"/>
      <c r="AQ2234" s="137"/>
      <c r="AR2234" s="137"/>
      <c r="AS2234" s="137"/>
      <c r="AT2234" s="137"/>
      <c r="AU2234" s="137"/>
      <c r="AV2234" s="137"/>
      <c r="AW2234" s="144"/>
    </row>
    <row r="2235" spans="2:49" x14ac:dyDescent="0.2">
      <c r="B2235" s="97"/>
      <c r="G2235" s="43"/>
      <c r="J2235" s="98"/>
      <c r="K2235" s="97"/>
      <c r="N2235" s="3"/>
      <c r="W2235" s="98"/>
      <c r="Z2235" s="143"/>
      <c r="AA2235" s="137"/>
      <c r="AB2235" s="137"/>
      <c r="AC2235" s="137"/>
      <c r="AD2235" s="137"/>
      <c r="AE2235" s="137"/>
      <c r="AF2235" s="137"/>
      <c r="AG2235" s="137"/>
      <c r="AH2235" s="137"/>
      <c r="AI2235" s="137"/>
      <c r="AJ2235" s="137"/>
      <c r="AK2235" s="206"/>
      <c r="AL2235" s="206"/>
      <c r="AM2235" s="143"/>
      <c r="AN2235" s="137"/>
      <c r="AO2235" s="137"/>
      <c r="AP2235" s="137"/>
      <c r="AQ2235" s="137"/>
      <c r="AR2235" s="137"/>
      <c r="AS2235" s="137"/>
      <c r="AT2235" s="137"/>
      <c r="AU2235" s="137"/>
      <c r="AV2235" s="137"/>
      <c r="AW2235" s="144"/>
    </row>
    <row r="2236" spans="2:49" x14ac:dyDescent="0.2">
      <c r="B2236" s="97"/>
      <c r="G2236" s="43"/>
      <c r="J2236" s="98"/>
      <c r="K2236" s="97"/>
      <c r="N2236" s="3"/>
      <c r="W2236" s="98"/>
      <c r="Z2236" s="143"/>
      <c r="AA2236" s="137"/>
      <c r="AB2236" s="137"/>
      <c r="AC2236" s="137"/>
      <c r="AD2236" s="137"/>
      <c r="AE2236" s="137"/>
      <c r="AF2236" s="137"/>
      <c r="AG2236" s="137"/>
      <c r="AH2236" s="137"/>
      <c r="AI2236" s="137"/>
      <c r="AJ2236" s="137"/>
      <c r="AK2236" s="206"/>
      <c r="AL2236" s="206"/>
      <c r="AM2236" s="143"/>
      <c r="AN2236" s="137"/>
      <c r="AO2236" s="137"/>
      <c r="AP2236" s="137"/>
      <c r="AQ2236" s="137"/>
      <c r="AR2236" s="137"/>
      <c r="AS2236" s="137"/>
      <c r="AT2236" s="137"/>
      <c r="AU2236" s="137"/>
      <c r="AV2236" s="137"/>
      <c r="AW2236" s="144"/>
    </row>
    <row r="2237" spans="2:49" x14ac:dyDescent="0.2">
      <c r="B2237" s="97"/>
      <c r="G2237" s="43"/>
      <c r="J2237" s="98"/>
      <c r="K2237" s="97"/>
      <c r="N2237" s="3"/>
      <c r="W2237" s="98"/>
      <c r="Z2237" s="143"/>
      <c r="AA2237" s="137"/>
      <c r="AB2237" s="137"/>
      <c r="AC2237" s="137"/>
      <c r="AD2237" s="137"/>
      <c r="AE2237" s="137"/>
      <c r="AF2237" s="137"/>
      <c r="AG2237" s="137"/>
      <c r="AH2237" s="137"/>
      <c r="AI2237" s="137"/>
      <c r="AJ2237" s="137"/>
      <c r="AK2237" s="206"/>
      <c r="AL2237" s="206"/>
      <c r="AM2237" s="143"/>
      <c r="AN2237" s="137"/>
      <c r="AO2237" s="137"/>
      <c r="AP2237" s="137"/>
      <c r="AQ2237" s="137"/>
      <c r="AR2237" s="137"/>
      <c r="AS2237" s="137"/>
      <c r="AT2237" s="137"/>
      <c r="AU2237" s="137"/>
      <c r="AV2237" s="137"/>
      <c r="AW2237" s="144"/>
    </row>
    <row r="2238" spans="2:49" x14ac:dyDescent="0.2">
      <c r="B2238" s="97"/>
      <c r="G2238" s="43"/>
      <c r="J2238" s="98"/>
      <c r="K2238" s="97"/>
      <c r="N2238" s="3"/>
      <c r="W2238" s="98"/>
      <c r="Z2238" s="143"/>
      <c r="AA2238" s="137"/>
      <c r="AB2238" s="137"/>
      <c r="AC2238" s="137"/>
      <c r="AD2238" s="137"/>
      <c r="AE2238" s="137"/>
      <c r="AF2238" s="137"/>
      <c r="AG2238" s="137"/>
      <c r="AH2238" s="137"/>
      <c r="AI2238" s="137"/>
      <c r="AJ2238" s="137"/>
      <c r="AK2238" s="206"/>
      <c r="AL2238" s="206"/>
      <c r="AM2238" s="143"/>
      <c r="AN2238" s="137"/>
      <c r="AO2238" s="137"/>
      <c r="AP2238" s="137"/>
      <c r="AQ2238" s="137"/>
      <c r="AR2238" s="137"/>
      <c r="AS2238" s="137"/>
      <c r="AT2238" s="137"/>
      <c r="AU2238" s="137"/>
      <c r="AV2238" s="137"/>
      <c r="AW2238" s="144"/>
    </row>
    <row r="2239" spans="2:49" x14ac:dyDescent="0.2">
      <c r="B2239" s="97"/>
      <c r="G2239" s="43"/>
      <c r="J2239" s="98"/>
      <c r="K2239" s="97"/>
      <c r="N2239" s="3"/>
      <c r="W2239" s="98"/>
      <c r="Z2239" s="143"/>
      <c r="AA2239" s="137"/>
      <c r="AB2239" s="137"/>
      <c r="AC2239" s="137"/>
      <c r="AD2239" s="137"/>
      <c r="AE2239" s="137"/>
      <c r="AF2239" s="137"/>
      <c r="AG2239" s="137"/>
      <c r="AH2239" s="137"/>
      <c r="AI2239" s="137"/>
      <c r="AJ2239" s="137"/>
      <c r="AK2239" s="206"/>
      <c r="AL2239" s="206"/>
      <c r="AM2239" s="143"/>
      <c r="AN2239" s="137"/>
      <c r="AO2239" s="137"/>
      <c r="AP2239" s="137"/>
      <c r="AQ2239" s="137"/>
      <c r="AR2239" s="137"/>
      <c r="AS2239" s="137"/>
      <c r="AT2239" s="137"/>
      <c r="AU2239" s="137"/>
      <c r="AV2239" s="137"/>
      <c r="AW2239" s="144"/>
    </row>
    <row r="2240" spans="2:49" x14ac:dyDescent="0.2">
      <c r="B2240" s="97"/>
      <c r="G2240" s="43"/>
      <c r="J2240" s="98"/>
      <c r="K2240" s="97"/>
      <c r="N2240" s="3"/>
      <c r="W2240" s="98"/>
      <c r="Z2240" s="143"/>
      <c r="AA2240" s="137"/>
      <c r="AB2240" s="137"/>
      <c r="AC2240" s="137"/>
      <c r="AD2240" s="137"/>
      <c r="AE2240" s="137"/>
      <c r="AF2240" s="137"/>
      <c r="AG2240" s="137"/>
      <c r="AH2240" s="137"/>
      <c r="AI2240" s="137"/>
      <c r="AJ2240" s="137"/>
      <c r="AK2240" s="206"/>
      <c r="AL2240" s="206"/>
      <c r="AM2240" s="143"/>
      <c r="AN2240" s="137"/>
      <c r="AO2240" s="137"/>
      <c r="AP2240" s="137"/>
      <c r="AQ2240" s="137"/>
      <c r="AR2240" s="137"/>
      <c r="AS2240" s="137"/>
      <c r="AT2240" s="137"/>
      <c r="AU2240" s="137"/>
      <c r="AV2240" s="137"/>
      <c r="AW2240" s="144"/>
    </row>
    <row r="2241" spans="2:49" x14ac:dyDescent="0.2">
      <c r="B2241" s="97"/>
      <c r="G2241" s="43"/>
      <c r="J2241" s="98"/>
      <c r="K2241" s="97"/>
      <c r="N2241" s="3"/>
      <c r="W2241" s="98"/>
      <c r="Z2241" s="143"/>
      <c r="AA2241" s="137"/>
      <c r="AB2241" s="137"/>
      <c r="AC2241" s="137"/>
      <c r="AD2241" s="137"/>
      <c r="AE2241" s="137"/>
      <c r="AF2241" s="137"/>
      <c r="AG2241" s="137"/>
      <c r="AH2241" s="137"/>
      <c r="AI2241" s="137"/>
      <c r="AJ2241" s="137"/>
      <c r="AK2241" s="206"/>
      <c r="AL2241" s="206"/>
      <c r="AM2241" s="143"/>
      <c r="AN2241" s="137"/>
      <c r="AO2241" s="137"/>
      <c r="AP2241" s="137"/>
      <c r="AQ2241" s="137"/>
      <c r="AR2241" s="137"/>
      <c r="AS2241" s="137"/>
      <c r="AT2241" s="137"/>
      <c r="AU2241" s="137"/>
      <c r="AV2241" s="137"/>
      <c r="AW2241" s="144"/>
    </row>
    <row r="2242" spans="2:49" x14ac:dyDescent="0.2">
      <c r="B2242" s="97"/>
      <c r="G2242" s="43"/>
      <c r="J2242" s="98"/>
      <c r="K2242" s="97"/>
      <c r="N2242" s="3"/>
      <c r="W2242" s="98"/>
      <c r="Z2242" s="143"/>
      <c r="AA2242" s="137"/>
      <c r="AB2242" s="137"/>
      <c r="AC2242" s="137"/>
      <c r="AD2242" s="137"/>
      <c r="AE2242" s="137"/>
      <c r="AF2242" s="137"/>
      <c r="AG2242" s="137"/>
      <c r="AH2242" s="137"/>
      <c r="AI2242" s="137"/>
      <c r="AJ2242" s="137"/>
      <c r="AK2242" s="206"/>
      <c r="AL2242" s="206"/>
      <c r="AM2242" s="143"/>
      <c r="AN2242" s="137"/>
      <c r="AO2242" s="137"/>
      <c r="AP2242" s="137"/>
      <c r="AQ2242" s="137"/>
      <c r="AR2242" s="137"/>
      <c r="AS2242" s="137"/>
      <c r="AT2242" s="137"/>
      <c r="AU2242" s="137"/>
      <c r="AV2242" s="137"/>
      <c r="AW2242" s="144"/>
    </row>
    <row r="2243" spans="2:49" x14ac:dyDescent="0.2">
      <c r="B2243" s="97"/>
      <c r="G2243" s="43"/>
      <c r="J2243" s="98"/>
      <c r="K2243" s="97"/>
      <c r="N2243" s="3"/>
      <c r="W2243" s="98"/>
      <c r="Z2243" s="143"/>
      <c r="AA2243" s="137"/>
      <c r="AB2243" s="137"/>
      <c r="AC2243" s="137"/>
      <c r="AD2243" s="137"/>
      <c r="AE2243" s="137"/>
      <c r="AF2243" s="137"/>
      <c r="AG2243" s="137"/>
      <c r="AH2243" s="137"/>
      <c r="AI2243" s="137"/>
      <c r="AJ2243" s="137"/>
      <c r="AK2243" s="206"/>
      <c r="AL2243" s="206"/>
      <c r="AM2243" s="143"/>
      <c r="AN2243" s="137"/>
      <c r="AO2243" s="137"/>
      <c r="AP2243" s="137"/>
      <c r="AQ2243" s="137"/>
      <c r="AR2243" s="137"/>
      <c r="AS2243" s="137"/>
      <c r="AT2243" s="137"/>
      <c r="AU2243" s="137"/>
      <c r="AV2243" s="137"/>
      <c r="AW2243" s="144"/>
    </row>
    <row r="2244" spans="2:49" x14ac:dyDescent="0.2">
      <c r="B2244" s="97"/>
      <c r="G2244" s="43"/>
      <c r="J2244" s="98"/>
      <c r="K2244" s="97"/>
      <c r="N2244" s="3"/>
      <c r="W2244" s="98"/>
      <c r="Z2244" s="143"/>
      <c r="AA2244" s="137"/>
      <c r="AB2244" s="137"/>
      <c r="AC2244" s="137"/>
      <c r="AD2244" s="137"/>
      <c r="AE2244" s="137"/>
      <c r="AF2244" s="137"/>
      <c r="AG2244" s="137"/>
      <c r="AH2244" s="137"/>
      <c r="AI2244" s="137"/>
      <c r="AJ2244" s="137"/>
      <c r="AK2244" s="206"/>
      <c r="AL2244" s="206"/>
      <c r="AM2244" s="143"/>
      <c r="AN2244" s="137"/>
      <c r="AO2244" s="137"/>
      <c r="AP2244" s="137"/>
      <c r="AQ2244" s="137"/>
      <c r="AR2244" s="137"/>
      <c r="AS2244" s="137"/>
      <c r="AT2244" s="137"/>
      <c r="AU2244" s="137"/>
      <c r="AV2244" s="137"/>
      <c r="AW2244" s="144"/>
    </row>
    <row r="2245" spans="2:49" x14ac:dyDescent="0.2">
      <c r="B2245" s="97"/>
      <c r="G2245" s="43"/>
      <c r="J2245" s="98"/>
      <c r="K2245" s="97"/>
      <c r="N2245" s="3"/>
      <c r="W2245" s="98"/>
      <c r="Z2245" s="143"/>
      <c r="AA2245" s="137"/>
      <c r="AB2245" s="137"/>
      <c r="AC2245" s="137"/>
      <c r="AD2245" s="137"/>
      <c r="AE2245" s="137"/>
      <c r="AF2245" s="137"/>
      <c r="AG2245" s="137"/>
      <c r="AH2245" s="137"/>
      <c r="AI2245" s="137"/>
      <c r="AJ2245" s="137"/>
      <c r="AK2245" s="206"/>
      <c r="AL2245" s="206"/>
      <c r="AM2245" s="143"/>
      <c r="AN2245" s="137"/>
      <c r="AO2245" s="137"/>
      <c r="AP2245" s="137"/>
      <c r="AQ2245" s="137"/>
      <c r="AR2245" s="137"/>
      <c r="AS2245" s="137"/>
      <c r="AT2245" s="137"/>
      <c r="AU2245" s="137"/>
      <c r="AV2245" s="137"/>
      <c r="AW2245" s="144"/>
    </row>
    <row r="2246" spans="2:49" x14ac:dyDescent="0.2">
      <c r="B2246" s="97"/>
      <c r="G2246" s="43"/>
      <c r="J2246" s="98"/>
      <c r="K2246" s="97"/>
      <c r="N2246" s="3"/>
      <c r="W2246" s="98"/>
      <c r="Z2246" s="143"/>
      <c r="AA2246" s="137"/>
      <c r="AB2246" s="137"/>
      <c r="AC2246" s="137"/>
      <c r="AD2246" s="137"/>
      <c r="AE2246" s="137"/>
      <c r="AF2246" s="137"/>
      <c r="AG2246" s="137"/>
      <c r="AH2246" s="137"/>
      <c r="AI2246" s="137"/>
      <c r="AJ2246" s="137"/>
      <c r="AK2246" s="206"/>
      <c r="AL2246" s="206"/>
      <c r="AM2246" s="143"/>
      <c r="AN2246" s="137"/>
      <c r="AO2246" s="137"/>
      <c r="AP2246" s="137"/>
      <c r="AQ2246" s="137"/>
      <c r="AR2246" s="137"/>
      <c r="AS2246" s="137"/>
      <c r="AT2246" s="137"/>
      <c r="AU2246" s="137"/>
      <c r="AV2246" s="137"/>
      <c r="AW2246" s="144"/>
    </row>
    <row r="2247" spans="2:49" x14ac:dyDescent="0.2">
      <c r="B2247" s="97"/>
      <c r="G2247" s="43"/>
      <c r="J2247" s="98"/>
      <c r="K2247" s="97"/>
      <c r="N2247" s="3"/>
      <c r="W2247" s="98"/>
      <c r="Z2247" s="143"/>
      <c r="AA2247" s="137"/>
      <c r="AB2247" s="137"/>
      <c r="AC2247" s="137"/>
      <c r="AD2247" s="137"/>
      <c r="AE2247" s="137"/>
      <c r="AF2247" s="137"/>
      <c r="AG2247" s="137"/>
      <c r="AH2247" s="137"/>
      <c r="AI2247" s="137"/>
      <c r="AJ2247" s="137"/>
      <c r="AK2247" s="206"/>
      <c r="AL2247" s="206"/>
      <c r="AM2247" s="143"/>
      <c r="AN2247" s="137"/>
      <c r="AO2247" s="137"/>
      <c r="AP2247" s="137"/>
      <c r="AQ2247" s="137"/>
      <c r="AR2247" s="137"/>
      <c r="AS2247" s="137"/>
      <c r="AT2247" s="137"/>
      <c r="AU2247" s="137"/>
      <c r="AV2247" s="137"/>
      <c r="AW2247" s="144"/>
    </row>
    <row r="2248" spans="2:49" x14ac:dyDescent="0.2">
      <c r="B2248" s="97"/>
      <c r="G2248" s="43"/>
      <c r="J2248" s="98"/>
      <c r="K2248" s="97"/>
      <c r="N2248" s="3"/>
      <c r="W2248" s="98"/>
      <c r="Z2248" s="143"/>
      <c r="AA2248" s="137"/>
      <c r="AB2248" s="137"/>
      <c r="AC2248" s="137"/>
      <c r="AD2248" s="137"/>
      <c r="AE2248" s="137"/>
      <c r="AF2248" s="137"/>
      <c r="AG2248" s="137"/>
      <c r="AH2248" s="137"/>
      <c r="AI2248" s="137"/>
      <c r="AJ2248" s="137"/>
      <c r="AK2248" s="206"/>
      <c r="AL2248" s="206"/>
      <c r="AM2248" s="143"/>
      <c r="AN2248" s="137"/>
      <c r="AO2248" s="137"/>
      <c r="AP2248" s="137"/>
      <c r="AQ2248" s="137"/>
      <c r="AR2248" s="137"/>
      <c r="AS2248" s="137"/>
      <c r="AT2248" s="137"/>
      <c r="AU2248" s="137"/>
      <c r="AV2248" s="137"/>
      <c r="AW2248" s="144"/>
    </row>
    <row r="2249" spans="2:49" x14ac:dyDescent="0.2">
      <c r="B2249" s="97"/>
      <c r="G2249" s="43"/>
      <c r="J2249" s="98"/>
      <c r="K2249" s="97"/>
      <c r="N2249" s="3"/>
      <c r="W2249" s="98"/>
      <c r="Z2249" s="143"/>
      <c r="AA2249" s="137"/>
      <c r="AB2249" s="137"/>
      <c r="AC2249" s="137"/>
      <c r="AD2249" s="137"/>
      <c r="AE2249" s="137"/>
      <c r="AF2249" s="137"/>
      <c r="AG2249" s="137"/>
      <c r="AH2249" s="137"/>
      <c r="AI2249" s="137"/>
      <c r="AJ2249" s="137"/>
      <c r="AK2249" s="206"/>
      <c r="AL2249" s="206"/>
      <c r="AM2249" s="143"/>
      <c r="AN2249" s="137"/>
      <c r="AO2249" s="137"/>
      <c r="AP2249" s="137"/>
      <c r="AQ2249" s="137"/>
      <c r="AR2249" s="137"/>
      <c r="AS2249" s="137"/>
      <c r="AT2249" s="137"/>
      <c r="AU2249" s="137"/>
      <c r="AV2249" s="137"/>
      <c r="AW2249" s="144"/>
    </row>
    <row r="2250" spans="2:49" x14ac:dyDescent="0.2">
      <c r="B2250" s="97"/>
      <c r="G2250" s="43"/>
      <c r="J2250" s="98"/>
      <c r="K2250" s="97"/>
      <c r="N2250" s="3"/>
      <c r="W2250" s="98"/>
      <c r="Z2250" s="143"/>
      <c r="AA2250" s="137"/>
      <c r="AB2250" s="137"/>
      <c r="AC2250" s="137"/>
      <c r="AD2250" s="137"/>
      <c r="AE2250" s="137"/>
      <c r="AF2250" s="137"/>
      <c r="AG2250" s="137"/>
      <c r="AH2250" s="137"/>
      <c r="AI2250" s="137"/>
      <c r="AJ2250" s="137"/>
      <c r="AK2250" s="206"/>
      <c r="AL2250" s="206"/>
      <c r="AM2250" s="143"/>
      <c r="AN2250" s="137"/>
      <c r="AO2250" s="137"/>
      <c r="AP2250" s="137"/>
      <c r="AQ2250" s="137"/>
      <c r="AR2250" s="137"/>
      <c r="AS2250" s="137"/>
      <c r="AT2250" s="137"/>
      <c r="AU2250" s="137"/>
      <c r="AV2250" s="137"/>
      <c r="AW2250" s="144"/>
    </row>
    <row r="2251" spans="2:49" x14ac:dyDescent="0.2">
      <c r="B2251" s="97"/>
      <c r="G2251" s="43"/>
      <c r="J2251" s="98"/>
      <c r="K2251" s="97"/>
      <c r="N2251" s="3"/>
      <c r="W2251" s="98"/>
      <c r="Z2251" s="143"/>
      <c r="AA2251" s="137"/>
      <c r="AB2251" s="137"/>
      <c r="AC2251" s="137"/>
      <c r="AD2251" s="137"/>
      <c r="AE2251" s="137"/>
      <c r="AF2251" s="137"/>
      <c r="AG2251" s="137"/>
      <c r="AH2251" s="137"/>
      <c r="AI2251" s="137"/>
      <c r="AJ2251" s="137"/>
      <c r="AK2251" s="206"/>
      <c r="AL2251" s="206"/>
      <c r="AM2251" s="143"/>
      <c r="AN2251" s="137"/>
      <c r="AO2251" s="137"/>
      <c r="AP2251" s="137"/>
      <c r="AQ2251" s="137"/>
      <c r="AR2251" s="137"/>
      <c r="AS2251" s="137"/>
      <c r="AT2251" s="137"/>
      <c r="AU2251" s="137"/>
      <c r="AV2251" s="137"/>
      <c r="AW2251" s="144"/>
    </row>
    <row r="2252" spans="2:49" x14ac:dyDescent="0.2">
      <c r="B2252" s="97"/>
      <c r="G2252" s="43"/>
      <c r="J2252" s="98"/>
      <c r="K2252" s="97"/>
      <c r="N2252" s="3"/>
      <c r="W2252" s="98"/>
      <c r="Z2252" s="143"/>
      <c r="AA2252" s="137"/>
      <c r="AB2252" s="137"/>
      <c r="AC2252" s="137"/>
      <c r="AD2252" s="137"/>
      <c r="AE2252" s="137"/>
      <c r="AF2252" s="137"/>
      <c r="AG2252" s="137"/>
      <c r="AH2252" s="137"/>
      <c r="AI2252" s="137"/>
      <c r="AJ2252" s="137"/>
      <c r="AK2252" s="206"/>
      <c r="AL2252" s="206"/>
      <c r="AM2252" s="143"/>
      <c r="AN2252" s="137"/>
      <c r="AO2252" s="137"/>
      <c r="AP2252" s="137"/>
      <c r="AQ2252" s="137"/>
      <c r="AR2252" s="137"/>
      <c r="AS2252" s="137"/>
      <c r="AT2252" s="137"/>
      <c r="AU2252" s="137"/>
      <c r="AV2252" s="137"/>
      <c r="AW2252" s="144"/>
    </row>
    <row r="2253" spans="2:49" x14ac:dyDescent="0.2">
      <c r="B2253" s="97"/>
      <c r="G2253" s="43"/>
      <c r="J2253" s="98"/>
      <c r="K2253" s="97"/>
      <c r="N2253" s="3"/>
      <c r="W2253" s="98"/>
      <c r="Z2253" s="143"/>
      <c r="AA2253" s="137"/>
      <c r="AB2253" s="137"/>
      <c r="AC2253" s="137"/>
      <c r="AD2253" s="137"/>
      <c r="AE2253" s="137"/>
      <c r="AF2253" s="137"/>
      <c r="AG2253" s="137"/>
      <c r="AH2253" s="137"/>
      <c r="AI2253" s="137"/>
      <c r="AJ2253" s="137"/>
      <c r="AK2253" s="206"/>
      <c r="AL2253" s="206"/>
      <c r="AM2253" s="143"/>
      <c r="AN2253" s="137"/>
      <c r="AO2253" s="137"/>
      <c r="AP2253" s="137"/>
      <c r="AQ2253" s="137"/>
      <c r="AR2253" s="137"/>
      <c r="AS2253" s="137"/>
      <c r="AT2253" s="137"/>
      <c r="AU2253" s="137"/>
      <c r="AV2253" s="137"/>
      <c r="AW2253" s="144"/>
    </row>
    <row r="2254" spans="2:49" x14ac:dyDescent="0.2">
      <c r="B2254" s="97"/>
      <c r="G2254" s="43"/>
      <c r="J2254" s="98"/>
      <c r="K2254" s="97"/>
      <c r="N2254" s="3"/>
      <c r="W2254" s="98"/>
      <c r="Z2254" s="143"/>
      <c r="AA2254" s="137"/>
      <c r="AB2254" s="137"/>
      <c r="AC2254" s="137"/>
      <c r="AD2254" s="137"/>
      <c r="AE2254" s="137"/>
      <c r="AF2254" s="137"/>
      <c r="AG2254" s="137"/>
      <c r="AH2254" s="137"/>
      <c r="AI2254" s="137"/>
      <c r="AJ2254" s="137"/>
      <c r="AK2254" s="206"/>
      <c r="AL2254" s="206"/>
      <c r="AM2254" s="143"/>
      <c r="AN2254" s="137"/>
      <c r="AO2254" s="137"/>
      <c r="AP2254" s="137"/>
      <c r="AQ2254" s="137"/>
      <c r="AR2254" s="137"/>
      <c r="AS2254" s="137"/>
      <c r="AT2254" s="137"/>
      <c r="AU2254" s="137"/>
      <c r="AV2254" s="137"/>
      <c r="AW2254" s="144"/>
    </row>
    <row r="2255" spans="2:49" x14ac:dyDescent="0.2">
      <c r="B2255" s="97"/>
      <c r="G2255" s="43"/>
      <c r="J2255" s="98"/>
      <c r="K2255" s="97"/>
      <c r="N2255" s="3"/>
      <c r="W2255" s="98"/>
      <c r="Z2255" s="143"/>
      <c r="AA2255" s="137"/>
      <c r="AB2255" s="137"/>
      <c r="AC2255" s="137"/>
      <c r="AD2255" s="137"/>
      <c r="AE2255" s="137"/>
      <c r="AF2255" s="137"/>
      <c r="AG2255" s="137"/>
      <c r="AH2255" s="137"/>
      <c r="AI2255" s="137"/>
      <c r="AJ2255" s="137"/>
      <c r="AK2255" s="206"/>
      <c r="AL2255" s="206"/>
      <c r="AM2255" s="143"/>
      <c r="AN2255" s="137"/>
      <c r="AO2255" s="137"/>
      <c r="AP2255" s="137"/>
      <c r="AQ2255" s="137"/>
      <c r="AR2255" s="137"/>
      <c r="AS2255" s="137"/>
      <c r="AT2255" s="137"/>
      <c r="AU2255" s="137"/>
      <c r="AV2255" s="137"/>
      <c r="AW2255" s="144"/>
    </row>
    <row r="2256" spans="2:49" x14ac:dyDescent="0.2">
      <c r="B2256" s="97"/>
      <c r="G2256" s="43"/>
      <c r="J2256" s="98"/>
      <c r="K2256" s="97"/>
      <c r="N2256" s="3"/>
      <c r="W2256" s="98"/>
      <c r="Z2256" s="143"/>
      <c r="AA2256" s="137"/>
      <c r="AB2256" s="137"/>
      <c r="AC2256" s="137"/>
      <c r="AD2256" s="137"/>
      <c r="AE2256" s="137"/>
      <c r="AF2256" s="137"/>
      <c r="AG2256" s="137"/>
      <c r="AH2256" s="137"/>
      <c r="AI2256" s="137"/>
      <c r="AJ2256" s="137"/>
      <c r="AK2256" s="206"/>
      <c r="AL2256" s="206"/>
      <c r="AM2256" s="143"/>
      <c r="AN2256" s="137"/>
      <c r="AO2256" s="137"/>
      <c r="AP2256" s="137"/>
      <c r="AQ2256" s="137"/>
      <c r="AR2256" s="137"/>
      <c r="AS2256" s="137"/>
      <c r="AT2256" s="137"/>
      <c r="AU2256" s="137"/>
      <c r="AV2256" s="137"/>
      <c r="AW2256" s="144"/>
    </row>
    <row r="2257" spans="2:49" x14ac:dyDescent="0.2">
      <c r="B2257" s="97"/>
      <c r="G2257" s="43"/>
      <c r="J2257" s="98"/>
      <c r="K2257" s="97"/>
      <c r="N2257" s="3"/>
      <c r="W2257" s="98"/>
      <c r="Z2257" s="143"/>
      <c r="AA2257" s="137"/>
      <c r="AB2257" s="137"/>
      <c r="AC2257" s="137"/>
      <c r="AD2257" s="137"/>
      <c r="AE2257" s="137"/>
      <c r="AF2257" s="137"/>
      <c r="AG2257" s="137"/>
      <c r="AH2257" s="137"/>
      <c r="AI2257" s="137"/>
      <c r="AJ2257" s="137"/>
      <c r="AK2257" s="206"/>
      <c r="AL2257" s="206"/>
      <c r="AM2257" s="143"/>
      <c r="AN2257" s="137"/>
      <c r="AO2257" s="137"/>
      <c r="AP2257" s="137"/>
      <c r="AQ2257" s="137"/>
      <c r="AR2257" s="137"/>
      <c r="AS2257" s="137"/>
      <c r="AT2257" s="137"/>
      <c r="AU2257" s="137"/>
      <c r="AV2257" s="137"/>
      <c r="AW2257" s="144"/>
    </row>
    <row r="2258" spans="2:49" x14ac:dyDescent="0.2">
      <c r="B2258" s="97"/>
      <c r="G2258" s="43"/>
      <c r="J2258" s="98"/>
      <c r="K2258" s="97"/>
      <c r="N2258" s="3"/>
      <c r="W2258" s="98"/>
      <c r="Z2258" s="143"/>
      <c r="AA2258" s="137"/>
      <c r="AB2258" s="137"/>
      <c r="AC2258" s="137"/>
      <c r="AD2258" s="137"/>
      <c r="AE2258" s="137"/>
      <c r="AF2258" s="137"/>
      <c r="AG2258" s="137"/>
      <c r="AH2258" s="137"/>
      <c r="AI2258" s="137"/>
      <c r="AJ2258" s="137"/>
      <c r="AK2258" s="206"/>
      <c r="AL2258" s="206"/>
      <c r="AM2258" s="143"/>
      <c r="AN2258" s="137"/>
      <c r="AO2258" s="137"/>
      <c r="AP2258" s="137"/>
      <c r="AQ2258" s="137"/>
      <c r="AR2258" s="137"/>
      <c r="AS2258" s="137"/>
      <c r="AT2258" s="137"/>
      <c r="AU2258" s="137"/>
      <c r="AV2258" s="137"/>
      <c r="AW2258" s="144"/>
    </row>
    <row r="2259" spans="2:49" x14ac:dyDescent="0.2">
      <c r="B2259" s="97"/>
      <c r="G2259" s="43"/>
      <c r="J2259" s="98"/>
      <c r="K2259" s="97"/>
      <c r="N2259" s="3"/>
      <c r="W2259" s="98"/>
      <c r="Z2259" s="143"/>
      <c r="AA2259" s="137"/>
      <c r="AB2259" s="137"/>
      <c r="AC2259" s="137"/>
      <c r="AD2259" s="137"/>
      <c r="AE2259" s="137"/>
      <c r="AF2259" s="137"/>
      <c r="AG2259" s="137"/>
      <c r="AH2259" s="137"/>
      <c r="AI2259" s="137"/>
      <c r="AJ2259" s="137"/>
      <c r="AK2259" s="206"/>
      <c r="AL2259" s="206"/>
      <c r="AM2259" s="143"/>
      <c r="AN2259" s="137"/>
      <c r="AO2259" s="137"/>
      <c r="AP2259" s="137"/>
      <c r="AQ2259" s="137"/>
      <c r="AR2259" s="137"/>
      <c r="AS2259" s="137"/>
      <c r="AT2259" s="137"/>
      <c r="AU2259" s="137"/>
      <c r="AV2259" s="137"/>
      <c r="AW2259" s="144"/>
    </row>
    <row r="2260" spans="2:49" x14ac:dyDescent="0.2">
      <c r="B2260" s="97"/>
      <c r="G2260" s="43"/>
      <c r="J2260" s="98"/>
      <c r="K2260" s="97"/>
      <c r="N2260" s="3"/>
      <c r="W2260" s="98"/>
      <c r="Z2260" s="143"/>
      <c r="AA2260" s="137"/>
      <c r="AB2260" s="137"/>
      <c r="AC2260" s="137"/>
      <c r="AD2260" s="137"/>
      <c r="AE2260" s="137"/>
      <c r="AF2260" s="137"/>
      <c r="AG2260" s="137"/>
      <c r="AH2260" s="137"/>
      <c r="AI2260" s="137"/>
      <c r="AJ2260" s="137"/>
      <c r="AK2260" s="206"/>
      <c r="AL2260" s="206"/>
      <c r="AM2260" s="143"/>
      <c r="AN2260" s="137"/>
      <c r="AO2260" s="137"/>
      <c r="AP2260" s="137"/>
      <c r="AQ2260" s="137"/>
      <c r="AR2260" s="137"/>
      <c r="AS2260" s="137"/>
      <c r="AT2260" s="137"/>
      <c r="AU2260" s="137"/>
      <c r="AV2260" s="137"/>
      <c r="AW2260" s="144"/>
    </row>
    <row r="2261" spans="2:49" x14ac:dyDescent="0.2">
      <c r="B2261" s="97"/>
      <c r="G2261" s="43"/>
      <c r="J2261" s="98"/>
      <c r="K2261" s="97"/>
      <c r="N2261" s="3"/>
      <c r="W2261" s="98"/>
      <c r="Z2261" s="143"/>
      <c r="AA2261" s="137"/>
      <c r="AB2261" s="137"/>
      <c r="AC2261" s="137"/>
      <c r="AD2261" s="137"/>
      <c r="AE2261" s="137"/>
      <c r="AF2261" s="137"/>
      <c r="AG2261" s="137"/>
      <c r="AH2261" s="137"/>
      <c r="AI2261" s="137"/>
      <c r="AJ2261" s="137"/>
      <c r="AK2261" s="206"/>
      <c r="AL2261" s="206"/>
      <c r="AM2261" s="143"/>
      <c r="AN2261" s="137"/>
      <c r="AO2261" s="137"/>
      <c r="AP2261" s="137"/>
      <c r="AQ2261" s="137"/>
      <c r="AR2261" s="137"/>
      <c r="AS2261" s="137"/>
      <c r="AT2261" s="137"/>
      <c r="AU2261" s="137"/>
      <c r="AV2261" s="137"/>
      <c r="AW2261" s="144"/>
    </row>
    <row r="2262" spans="2:49" x14ac:dyDescent="0.2">
      <c r="B2262" s="97"/>
      <c r="G2262" s="43"/>
      <c r="J2262" s="98"/>
      <c r="K2262" s="97"/>
      <c r="N2262" s="3"/>
      <c r="W2262" s="98"/>
      <c r="Z2262" s="143"/>
      <c r="AA2262" s="137"/>
      <c r="AB2262" s="137"/>
      <c r="AC2262" s="137"/>
      <c r="AD2262" s="137"/>
      <c r="AE2262" s="137"/>
      <c r="AF2262" s="137"/>
      <c r="AG2262" s="137"/>
      <c r="AH2262" s="137"/>
      <c r="AI2262" s="137"/>
      <c r="AJ2262" s="137"/>
      <c r="AK2262" s="206"/>
      <c r="AL2262" s="206"/>
      <c r="AM2262" s="143"/>
      <c r="AN2262" s="137"/>
      <c r="AO2262" s="137"/>
      <c r="AP2262" s="137"/>
      <c r="AQ2262" s="137"/>
      <c r="AR2262" s="137"/>
      <c r="AS2262" s="137"/>
      <c r="AT2262" s="137"/>
      <c r="AU2262" s="137"/>
      <c r="AV2262" s="137"/>
      <c r="AW2262" s="144"/>
    </row>
    <row r="2263" spans="2:49" x14ac:dyDescent="0.2">
      <c r="B2263" s="97"/>
      <c r="G2263" s="43"/>
      <c r="J2263" s="98"/>
      <c r="K2263" s="97"/>
      <c r="N2263" s="3"/>
      <c r="W2263" s="98"/>
      <c r="Z2263" s="143"/>
      <c r="AA2263" s="137"/>
      <c r="AB2263" s="137"/>
      <c r="AC2263" s="137"/>
      <c r="AD2263" s="137"/>
      <c r="AE2263" s="137"/>
      <c r="AF2263" s="137"/>
      <c r="AG2263" s="137"/>
      <c r="AH2263" s="137"/>
      <c r="AI2263" s="137"/>
      <c r="AJ2263" s="137"/>
      <c r="AK2263" s="206"/>
      <c r="AL2263" s="206"/>
      <c r="AM2263" s="143"/>
      <c r="AN2263" s="137"/>
      <c r="AO2263" s="137"/>
      <c r="AP2263" s="137"/>
      <c r="AQ2263" s="137"/>
      <c r="AR2263" s="137"/>
      <c r="AS2263" s="137"/>
      <c r="AT2263" s="137"/>
      <c r="AU2263" s="137"/>
      <c r="AV2263" s="137"/>
      <c r="AW2263" s="144"/>
    </row>
    <row r="2264" spans="2:49" x14ac:dyDescent="0.2">
      <c r="B2264" s="97"/>
      <c r="G2264" s="43"/>
      <c r="J2264" s="98"/>
      <c r="K2264" s="97"/>
      <c r="N2264" s="3"/>
      <c r="W2264" s="98"/>
      <c r="Z2264" s="143"/>
      <c r="AA2264" s="137"/>
      <c r="AB2264" s="137"/>
      <c r="AC2264" s="137"/>
      <c r="AD2264" s="137"/>
      <c r="AE2264" s="137"/>
      <c r="AF2264" s="137"/>
      <c r="AG2264" s="137"/>
      <c r="AH2264" s="137"/>
      <c r="AI2264" s="137"/>
      <c r="AJ2264" s="137"/>
      <c r="AK2264" s="206"/>
      <c r="AL2264" s="206"/>
      <c r="AM2264" s="143"/>
      <c r="AN2264" s="137"/>
      <c r="AO2264" s="137"/>
      <c r="AP2264" s="137"/>
      <c r="AQ2264" s="137"/>
      <c r="AR2264" s="137"/>
      <c r="AS2264" s="137"/>
      <c r="AT2264" s="137"/>
      <c r="AU2264" s="137"/>
      <c r="AV2264" s="137"/>
      <c r="AW2264" s="144"/>
    </row>
    <row r="2265" spans="2:49" x14ac:dyDescent="0.2">
      <c r="B2265" s="97"/>
      <c r="G2265" s="43"/>
      <c r="J2265" s="98"/>
      <c r="K2265" s="97"/>
      <c r="N2265" s="3"/>
      <c r="W2265" s="98"/>
      <c r="Z2265" s="143"/>
      <c r="AA2265" s="137"/>
      <c r="AB2265" s="137"/>
      <c r="AC2265" s="137"/>
      <c r="AD2265" s="137"/>
      <c r="AE2265" s="137"/>
      <c r="AF2265" s="137"/>
      <c r="AG2265" s="137"/>
      <c r="AH2265" s="137"/>
      <c r="AI2265" s="137"/>
      <c r="AJ2265" s="137"/>
      <c r="AK2265" s="206"/>
      <c r="AL2265" s="206"/>
      <c r="AM2265" s="143"/>
      <c r="AN2265" s="137"/>
      <c r="AO2265" s="137"/>
      <c r="AP2265" s="137"/>
      <c r="AQ2265" s="137"/>
      <c r="AR2265" s="137"/>
      <c r="AS2265" s="137"/>
      <c r="AT2265" s="137"/>
      <c r="AU2265" s="137"/>
      <c r="AV2265" s="137"/>
      <c r="AW2265" s="144"/>
    </row>
    <row r="2266" spans="2:49" x14ac:dyDescent="0.2">
      <c r="B2266" s="97"/>
      <c r="G2266" s="43"/>
      <c r="J2266" s="98"/>
      <c r="K2266" s="97"/>
      <c r="N2266" s="3"/>
      <c r="W2266" s="98"/>
      <c r="Z2266" s="143"/>
      <c r="AA2266" s="137"/>
      <c r="AB2266" s="137"/>
      <c r="AC2266" s="137"/>
      <c r="AD2266" s="137"/>
      <c r="AE2266" s="137"/>
      <c r="AF2266" s="137"/>
      <c r="AG2266" s="137"/>
      <c r="AH2266" s="137"/>
      <c r="AI2266" s="137"/>
      <c r="AJ2266" s="137"/>
      <c r="AK2266" s="206"/>
      <c r="AL2266" s="206"/>
      <c r="AM2266" s="143"/>
      <c r="AN2266" s="137"/>
      <c r="AO2266" s="137"/>
      <c r="AP2266" s="137"/>
      <c r="AQ2266" s="137"/>
      <c r="AR2266" s="137"/>
      <c r="AS2266" s="137"/>
      <c r="AT2266" s="137"/>
      <c r="AU2266" s="137"/>
      <c r="AV2266" s="137"/>
      <c r="AW2266" s="144"/>
    </row>
    <row r="2267" spans="2:49" x14ac:dyDescent="0.2">
      <c r="B2267" s="97"/>
      <c r="G2267" s="43"/>
      <c r="J2267" s="98"/>
      <c r="K2267" s="97"/>
      <c r="N2267" s="3"/>
      <c r="W2267" s="98"/>
      <c r="Z2267" s="143"/>
      <c r="AA2267" s="137"/>
      <c r="AB2267" s="137"/>
      <c r="AC2267" s="137"/>
      <c r="AD2267" s="137"/>
      <c r="AE2267" s="137"/>
      <c r="AF2267" s="137"/>
      <c r="AG2267" s="137"/>
      <c r="AH2267" s="137"/>
      <c r="AI2267" s="137"/>
      <c r="AJ2267" s="137"/>
      <c r="AK2267" s="206"/>
      <c r="AL2267" s="206"/>
      <c r="AM2267" s="143"/>
      <c r="AN2267" s="137"/>
      <c r="AO2267" s="137"/>
      <c r="AP2267" s="137"/>
      <c r="AQ2267" s="137"/>
      <c r="AR2267" s="137"/>
      <c r="AS2267" s="137"/>
      <c r="AT2267" s="137"/>
      <c r="AU2267" s="137"/>
      <c r="AV2267" s="137"/>
      <c r="AW2267" s="144"/>
    </row>
    <row r="2268" spans="2:49" x14ac:dyDescent="0.2">
      <c r="B2268" s="97"/>
      <c r="G2268" s="43"/>
      <c r="J2268" s="98"/>
      <c r="K2268" s="97"/>
      <c r="N2268" s="3"/>
      <c r="W2268" s="98"/>
      <c r="Z2268" s="143"/>
      <c r="AA2268" s="137"/>
      <c r="AB2268" s="137"/>
      <c r="AC2268" s="137"/>
      <c r="AD2268" s="137"/>
      <c r="AE2268" s="137"/>
      <c r="AF2268" s="137"/>
      <c r="AG2268" s="137"/>
      <c r="AH2268" s="137"/>
      <c r="AI2268" s="137"/>
      <c r="AJ2268" s="137"/>
      <c r="AK2268" s="206"/>
      <c r="AL2268" s="206"/>
      <c r="AM2268" s="143"/>
      <c r="AN2268" s="137"/>
      <c r="AO2268" s="137"/>
      <c r="AP2268" s="137"/>
      <c r="AQ2268" s="137"/>
      <c r="AR2268" s="137"/>
      <c r="AS2268" s="137"/>
      <c r="AT2268" s="137"/>
      <c r="AU2268" s="137"/>
      <c r="AV2268" s="137"/>
      <c r="AW2268" s="144"/>
    </row>
    <row r="2269" spans="2:49" x14ac:dyDescent="0.2">
      <c r="B2269" s="97"/>
      <c r="G2269" s="43"/>
      <c r="J2269" s="98"/>
      <c r="K2269" s="97"/>
      <c r="N2269" s="3"/>
      <c r="W2269" s="98"/>
      <c r="Z2269" s="143"/>
      <c r="AA2269" s="137"/>
      <c r="AB2269" s="137"/>
      <c r="AC2269" s="137"/>
      <c r="AD2269" s="137"/>
      <c r="AE2269" s="137"/>
      <c r="AF2269" s="137"/>
      <c r="AG2269" s="137"/>
      <c r="AH2269" s="137"/>
      <c r="AI2269" s="137"/>
      <c r="AJ2269" s="137"/>
      <c r="AK2269" s="206"/>
      <c r="AL2269" s="206"/>
      <c r="AM2269" s="143"/>
      <c r="AN2269" s="137"/>
      <c r="AO2269" s="137"/>
      <c r="AP2269" s="137"/>
      <c r="AQ2269" s="137"/>
      <c r="AR2269" s="137"/>
      <c r="AS2269" s="137"/>
      <c r="AT2269" s="137"/>
      <c r="AU2269" s="137"/>
      <c r="AV2269" s="137"/>
      <c r="AW2269" s="144"/>
    </row>
    <row r="2270" spans="2:49" x14ac:dyDescent="0.2">
      <c r="B2270" s="97"/>
      <c r="G2270" s="43"/>
      <c r="J2270" s="98"/>
      <c r="K2270" s="97"/>
      <c r="N2270" s="3"/>
      <c r="W2270" s="98"/>
      <c r="Z2270" s="143"/>
      <c r="AA2270" s="137"/>
      <c r="AB2270" s="137"/>
      <c r="AC2270" s="137"/>
      <c r="AD2270" s="137"/>
      <c r="AE2270" s="137"/>
      <c r="AF2270" s="137"/>
      <c r="AG2270" s="137"/>
      <c r="AH2270" s="137"/>
      <c r="AI2270" s="137"/>
      <c r="AJ2270" s="137"/>
      <c r="AK2270" s="206"/>
      <c r="AL2270" s="206"/>
      <c r="AM2270" s="143"/>
      <c r="AN2270" s="137"/>
      <c r="AO2270" s="137"/>
      <c r="AP2270" s="137"/>
      <c r="AQ2270" s="137"/>
      <c r="AR2270" s="137"/>
      <c r="AS2270" s="137"/>
      <c r="AT2270" s="137"/>
      <c r="AU2270" s="137"/>
      <c r="AV2270" s="137"/>
      <c r="AW2270" s="144"/>
    </row>
    <row r="2271" spans="2:49" x14ac:dyDescent="0.2">
      <c r="B2271" s="97"/>
      <c r="G2271" s="43"/>
      <c r="J2271" s="98"/>
      <c r="K2271" s="97"/>
      <c r="N2271" s="3"/>
      <c r="W2271" s="98"/>
      <c r="Z2271" s="143"/>
      <c r="AA2271" s="137"/>
      <c r="AB2271" s="137"/>
      <c r="AC2271" s="137"/>
      <c r="AD2271" s="137"/>
      <c r="AE2271" s="137"/>
      <c r="AF2271" s="137"/>
      <c r="AG2271" s="137"/>
      <c r="AH2271" s="137"/>
      <c r="AI2271" s="137"/>
      <c r="AJ2271" s="137"/>
      <c r="AK2271" s="206"/>
      <c r="AL2271" s="206"/>
      <c r="AM2271" s="143"/>
      <c r="AN2271" s="137"/>
      <c r="AO2271" s="137"/>
      <c r="AP2271" s="137"/>
      <c r="AQ2271" s="137"/>
      <c r="AR2271" s="137"/>
      <c r="AS2271" s="137"/>
      <c r="AT2271" s="137"/>
      <c r="AU2271" s="137"/>
      <c r="AV2271" s="137"/>
      <c r="AW2271" s="144"/>
    </row>
    <row r="2272" spans="2:49" x14ac:dyDescent="0.2">
      <c r="B2272" s="97"/>
      <c r="G2272" s="43"/>
      <c r="J2272" s="98"/>
      <c r="K2272" s="97"/>
      <c r="N2272" s="3"/>
      <c r="W2272" s="98"/>
      <c r="Z2272" s="143"/>
      <c r="AA2272" s="137"/>
      <c r="AB2272" s="137"/>
      <c r="AC2272" s="137"/>
      <c r="AD2272" s="137"/>
      <c r="AE2272" s="137"/>
      <c r="AF2272" s="137"/>
      <c r="AG2272" s="137"/>
      <c r="AH2272" s="137"/>
      <c r="AI2272" s="137"/>
      <c r="AJ2272" s="137"/>
      <c r="AK2272" s="206"/>
      <c r="AL2272" s="206"/>
      <c r="AM2272" s="143"/>
      <c r="AN2272" s="137"/>
      <c r="AO2272" s="137"/>
      <c r="AP2272" s="137"/>
      <c r="AQ2272" s="137"/>
      <c r="AR2272" s="137"/>
      <c r="AS2272" s="137"/>
      <c r="AT2272" s="137"/>
      <c r="AU2272" s="137"/>
      <c r="AV2272" s="137"/>
      <c r="AW2272" s="144"/>
    </row>
    <row r="2273" spans="2:49" x14ac:dyDescent="0.2">
      <c r="B2273" s="97"/>
      <c r="G2273" s="43"/>
      <c r="J2273" s="98"/>
      <c r="K2273" s="97"/>
      <c r="N2273" s="3"/>
      <c r="W2273" s="98"/>
      <c r="Z2273" s="143"/>
      <c r="AA2273" s="137"/>
      <c r="AB2273" s="137"/>
      <c r="AC2273" s="137"/>
      <c r="AD2273" s="137"/>
      <c r="AE2273" s="137"/>
      <c r="AF2273" s="137"/>
      <c r="AG2273" s="137"/>
      <c r="AH2273" s="137"/>
      <c r="AI2273" s="137"/>
      <c r="AJ2273" s="137"/>
      <c r="AK2273" s="206"/>
      <c r="AL2273" s="206"/>
      <c r="AM2273" s="143"/>
      <c r="AN2273" s="137"/>
      <c r="AO2273" s="137"/>
      <c r="AP2273" s="137"/>
      <c r="AQ2273" s="137"/>
      <c r="AR2273" s="137"/>
      <c r="AS2273" s="137"/>
      <c r="AT2273" s="137"/>
      <c r="AU2273" s="137"/>
      <c r="AV2273" s="137"/>
      <c r="AW2273" s="144"/>
    </row>
    <row r="2274" spans="2:49" x14ac:dyDescent="0.2">
      <c r="B2274" s="97"/>
      <c r="G2274" s="43"/>
      <c r="J2274" s="98"/>
      <c r="K2274" s="97"/>
      <c r="N2274" s="3"/>
      <c r="W2274" s="98"/>
      <c r="Z2274" s="143"/>
      <c r="AA2274" s="137"/>
      <c r="AB2274" s="137"/>
      <c r="AC2274" s="137"/>
      <c r="AD2274" s="137"/>
      <c r="AE2274" s="137"/>
      <c r="AF2274" s="137"/>
      <c r="AG2274" s="137"/>
      <c r="AH2274" s="137"/>
      <c r="AI2274" s="137"/>
      <c r="AJ2274" s="137"/>
      <c r="AK2274" s="206"/>
      <c r="AL2274" s="206"/>
      <c r="AM2274" s="143"/>
      <c r="AN2274" s="137"/>
      <c r="AO2274" s="137"/>
      <c r="AP2274" s="137"/>
      <c r="AQ2274" s="137"/>
      <c r="AR2274" s="137"/>
      <c r="AS2274" s="137"/>
      <c r="AT2274" s="137"/>
      <c r="AU2274" s="137"/>
      <c r="AV2274" s="137"/>
      <c r="AW2274" s="144"/>
    </row>
    <row r="2275" spans="2:49" x14ac:dyDescent="0.2">
      <c r="B2275" s="97"/>
      <c r="G2275" s="43"/>
      <c r="J2275" s="98"/>
      <c r="K2275" s="97"/>
      <c r="N2275" s="3"/>
      <c r="W2275" s="98"/>
      <c r="Z2275" s="143"/>
      <c r="AA2275" s="137"/>
      <c r="AB2275" s="137"/>
      <c r="AC2275" s="137"/>
      <c r="AD2275" s="137"/>
      <c r="AE2275" s="137"/>
      <c r="AF2275" s="137"/>
      <c r="AG2275" s="137"/>
      <c r="AH2275" s="137"/>
      <c r="AI2275" s="137"/>
      <c r="AJ2275" s="137"/>
      <c r="AK2275" s="206"/>
      <c r="AL2275" s="206"/>
      <c r="AM2275" s="143"/>
      <c r="AN2275" s="137"/>
      <c r="AO2275" s="137"/>
      <c r="AP2275" s="137"/>
      <c r="AQ2275" s="137"/>
      <c r="AR2275" s="137"/>
      <c r="AS2275" s="137"/>
      <c r="AT2275" s="137"/>
      <c r="AU2275" s="137"/>
      <c r="AV2275" s="137"/>
      <c r="AW2275" s="144"/>
    </row>
    <row r="2276" spans="2:49" x14ac:dyDescent="0.2">
      <c r="B2276" s="97"/>
      <c r="G2276" s="43"/>
      <c r="J2276" s="98"/>
      <c r="K2276" s="97"/>
      <c r="N2276" s="3"/>
      <c r="W2276" s="98"/>
      <c r="Z2276" s="143"/>
      <c r="AA2276" s="137"/>
      <c r="AB2276" s="137"/>
      <c r="AC2276" s="137"/>
      <c r="AD2276" s="137"/>
      <c r="AE2276" s="137"/>
      <c r="AF2276" s="137"/>
      <c r="AG2276" s="137"/>
      <c r="AH2276" s="137"/>
      <c r="AI2276" s="137"/>
      <c r="AJ2276" s="137"/>
      <c r="AK2276" s="206"/>
      <c r="AL2276" s="206"/>
      <c r="AM2276" s="143"/>
      <c r="AN2276" s="137"/>
      <c r="AO2276" s="137"/>
      <c r="AP2276" s="137"/>
      <c r="AQ2276" s="137"/>
      <c r="AR2276" s="137"/>
      <c r="AS2276" s="137"/>
      <c r="AT2276" s="137"/>
      <c r="AU2276" s="137"/>
      <c r="AV2276" s="137"/>
      <c r="AW2276" s="144"/>
    </row>
    <row r="2277" spans="2:49" x14ac:dyDescent="0.2">
      <c r="B2277" s="97"/>
      <c r="G2277" s="43"/>
      <c r="J2277" s="98"/>
      <c r="K2277" s="97"/>
      <c r="N2277" s="3"/>
      <c r="W2277" s="98"/>
      <c r="Z2277" s="143"/>
      <c r="AA2277" s="137"/>
      <c r="AB2277" s="137"/>
      <c r="AC2277" s="137"/>
      <c r="AD2277" s="137"/>
      <c r="AE2277" s="137"/>
      <c r="AF2277" s="137"/>
      <c r="AG2277" s="137"/>
      <c r="AH2277" s="137"/>
      <c r="AI2277" s="137"/>
      <c r="AJ2277" s="137"/>
      <c r="AK2277" s="206"/>
      <c r="AL2277" s="206"/>
      <c r="AM2277" s="143"/>
      <c r="AN2277" s="137"/>
      <c r="AO2277" s="137"/>
      <c r="AP2277" s="137"/>
      <c r="AQ2277" s="137"/>
      <c r="AR2277" s="137"/>
      <c r="AS2277" s="137"/>
      <c r="AT2277" s="137"/>
      <c r="AU2277" s="137"/>
      <c r="AV2277" s="137"/>
      <c r="AW2277" s="144"/>
    </row>
    <row r="2278" spans="2:49" x14ac:dyDescent="0.2">
      <c r="B2278" s="97"/>
      <c r="G2278" s="43"/>
      <c r="J2278" s="98"/>
      <c r="K2278" s="97"/>
      <c r="N2278" s="3"/>
      <c r="W2278" s="98"/>
      <c r="Z2278" s="143"/>
      <c r="AA2278" s="137"/>
      <c r="AB2278" s="137"/>
      <c r="AC2278" s="137"/>
      <c r="AD2278" s="137"/>
      <c r="AE2278" s="137"/>
      <c r="AF2278" s="137"/>
      <c r="AG2278" s="137"/>
      <c r="AH2278" s="137"/>
      <c r="AI2278" s="137"/>
      <c r="AJ2278" s="137"/>
      <c r="AK2278" s="206"/>
      <c r="AL2278" s="206"/>
      <c r="AM2278" s="143"/>
      <c r="AN2278" s="137"/>
      <c r="AO2278" s="137"/>
      <c r="AP2278" s="137"/>
      <c r="AQ2278" s="137"/>
      <c r="AR2278" s="137"/>
      <c r="AS2278" s="137"/>
      <c r="AT2278" s="137"/>
      <c r="AU2278" s="137"/>
      <c r="AV2278" s="137"/>
      <c r="AW2278" s="144"/>
    </row>
    <row r="2279" spans="2:49" x14ac:dyDescent="0.2">
      <c r="B2279" s="97"/>
      <c r="G2279" s="43"/>
      <c r="J2279" s="98"/>
      <c r="K2279" s="97"/>
      <c r="N2279" s="3"/>
      <c r="W2279" s="98"/>
      <c r="Z2279" s="143"/>
      <c r="AA2279" s="137"/>
      <c r="AB2279" s="137"/>
      <c r="AC2279" s="137"/>
      <c r="AD2279" s="137"/>
      <c r="AE2279" s="137"/>
      <c r="AF2279" s="137"/>
      <c r="AG2279" s="137"/>
      <c r="AH2279" s="137"/>
      <c r="AI2279" s="137"/>
      <c r="AJ2279" s="137"/>
      <c r="AK2279" s="206"/>
      <c r="AL2279" s="206"/>
      <c r="AM2279" s="143"/>
      <c r="AN2279" s="137"/>
      <c r="AO2279" s="137"/>
      <c r="AP2279" s="137"/>
      <c r="AQ2279" s="137"/>
      <c r="AR2279" s="137"/>
      <c r="AS2279" s="137"/>
      <c r="AT2279" s="137"/>
      <c r="AU2279" s="137"/>
      <c r="AV2279" s="137"/>
      <c r="AW2279" s="144"/>
    </row>
    <row r="2280" spans="2:49" x14ac:dyDescent="0.2">
      <c r="B2280" s="97"/>
      <c r="G2280" s="43"/>
      <c r="J2280" s="98"/>
      <c r="K2280" s="97"/>
      <c r="N2280" s="3"/>
      <c r="W2280" s="98"/>
      <c r="Z2280" s="143"/>
      <c r="AA2280" s="137"/>
      <c r="AB2280" s="137"/>
      <c r="AC2280" s="137"/>
      <c r="AD2280" s="137"/>
      <c r="AE2280" s="137"/>
      <c r="AF2280" s="137"/>
      <c r="AG2280" s="137"/>
      <c r="AH2280" s="137"/>
      <c r="AI2280" s="137"/>
      <c r="AJ2280" s="137"/>
      <c r="AK2280" s="206"/>
      <c r="AL2280" s="206"/>
      <c r="AM2280" s="143"/>
      <c r="AN2280" s="137"/>
      <c r="AO2280" s="137"/>
      <c r="AP2280" s="137"/>
      <c r="AQ2280" s="137"/>
      <c r="AR2280" s="137"/>
      <c r="AS2280" s="137"/>
      <c r="AT2280" s="137"/>
      <c r="AU2280" s="137"/>
      <c r="AV2280" s="137"/>
      <c r="AW2280" s="144"/>
    </row>
    <row r="2281" spans="2:49" x14ac:dyDescent="0.2">
      <c r="B2281" s="97"/>
      <c r="G2281" s="43"/>
      <c r="J2281" s="98"/>
      <c r="K2281" s="97"/>
      <c r="N2281" s="3"/>
      <c r="W2281" s="98"/>
      <c r="Z2281" s="143"/>
      <c r="AA2281" s="137"/>
      <c r="AB2281" s="137"/>
      <c r="AC2281" s="137"/>
      <c r="AD2281" s="137"/>
      <c r="AE2281" s="137"/>
      <c r="AF2281" s="137"/>
      <c r="AG2281" s="137"/>
      <c r="AH2281" s="137"/>
      <c r="AI2281" s="137"/>
      <c r="AJ2281" s="137"/>
      <c r="AK2281" s="206"/>
      <c r="AL2281" s="206"/>
      <c r="AM2281" s="143"/>
      <c r="AN2281" s="137"/>
      <c r="AO2281" s="137"/>
      <c r="AP2281" s="137"/>
      <c r="AQ2281" s="137"/>
      <c r="AR2281" s="137"/>
      <c r="AS2281" s="137"/>
      <c r="AT2281" s="137"/>
      <c r="AU2281" s="137"/>
      <c r="AV2281" s="137"/>
      <c r="AW2281" s="144"/>
    </row>
    <row r="2282" spans="2:49" x14ac:dyDescent="0.2">
      <c r="B2282" s="97"/>
      <c r="G2282" s="43"/>
      <c r="J2282" s="98"/>
      <c r="K2282" s="97"/>
      <c r="N2282" s="3"/>
      <c r="W2282" s="98"/>
      <c r="Z2282" s="143"/>
      <c r="AA2282" s="137"/>
      <c r="AB2282" s="137"/>
      <c r="AC2282" s="137"/>
      <c r="AD2282" s="137"/>
      <c r="AE2282" s="137"/>
      <c r="AF2282" s="137"/>
      <c r="AG2282" s="137"/>
      <c r="AH2282" s="137"/>
      <c r="AI2282" s="137"/>
      <c r="AJ2282" s="137"/>
      <c r="AK2282" s="206"/>
      <c r="AL2282" s="206"/>
      <c r="AM2282" s="143"/>
      <c r="AN2282" s="137"/>
      <c r="AO2282" s="137"/>
      <c r="AP2282" s="137"/>
      <c r="AQ2282" s="137"/>
      <c r="AR2282" s="137"/>
      <c r="AS2282" s="137"/>
      <c r="AT2282" s="137"/>
      <c r="AU2282" s="137"/>
      <c r="AV2282" s="137"/>
      <c r="AW2282" s="144"/>
    </row>
    <row r="2283" spans="2:49" x14ac:dyDescent="0.2">
      <c r="B2283" s="97"/>
      <c r="G2283" s="43"/>
      <c r="J2283" s="98"/>
      <c r="K2283" s="97"/>
      <c r="N2283" s="3"/>
      <c r="W2283" s="98"/>
      <c r="Z2283" s="143"/>
      <c r="AA2283" s="137"/>
      <c r="AB2283" s="137"/>
      <c r="AC2283" s="137"/>
      <c r="AD2283" s="137"/>
      <c r="AE2283" s="137"/>
      <c r="AF2283" s="137"/>
      <c r="AG2283" s="137"/>
      <c r="AH2283" s="137"/>
      <c r="AI2283" s="137"/>
      <c r="AJ2283" s="137"/>
      <c r="AK2283" s="206"/>
      <c r="AL2283" s="206"/>
      <c r="AM2283" s="143"/>
      <c r="AN2283" s="137"/>
      <c r="AO2283" s="137"/>
      <c r="AP2283" s="137"/>
      <c r="AQ2283" s="137"/>
      <c r="AR2283" s="137"/>
      <c r="AS2283" s="137"/>
      <c r="AT2283" s="137"/>
      <c r="AU2283" s="137"/>
      <c r="AV2283" s="137"/>
      <c r="AW2283" s="144"/>
    </row>
    <row r="2284" spans="2:49" x14ac:dyDescent="0.2">
      <c r="B2284" s="97"/>
      <c r="G2284" s="43"/>
      <c r="J2284" s="98"/>
      <c r="K2284" s="97"/>
      <c r="N2284" s="3"/>
      <c r="W2284" s="98"/>
      <c r="Z2284" s="143"/>
      <c r="AA2284" s="137"/>
      <c r="AB2284" s="137"/>
      <c r="AC2284" s="137"/>
      <c r="AD2284" s="137"/>
      <c r="AE2284" s="137"/>
      <c r="AF2284" s="137"/>
      <c r="AG2284" s="137"/>
      <c r="AH2284" s="137"/>
      <c r="AI2284" s="137"/>
      <c r="AJ2284" s="137"/>
      <c r="AK2284" s="206"/>
      <c r="AL2284" s="206"/>
      <c r="AM2284" s="143"/>
      <c r="AN2284" s="137"/>
      <c r="AO2284" s="137"/>
      <c r="AP2284" s="137"/>
      <c r="AQ2284" s="137"/>
      <c r="AR2284" s="137"/>
      <c r="AS2284" s="137"/>
      <c r="AT2284" s="137"/>
      <c r="AU2284" s="137"/>
      <c r="AV2284" s="137"/>
      <c r="AW2284" s="144"/>
    </row>
    <row r="2285" spans="2:49" x14ac:dyDescent="0.2">
      <c r="B2285" s="97"/>
      <c r="G2285" s="43"/>
      <c r="J2285" s="98"/>
      <c r="K2285" s="97"/>
      <c r="N2285" s="3"/>
      <c r="W2285" s="98"/>
      <c r="Z2285" s="143"/>
      <c r="AA2285" s="137"/>
      <c r="AB2285" s="137"/>
      <c r="AC2285" s="137"/>
      <c r="AD2285" s="137"/>
      <c r="AE2285" s="137"/>
      <c r="AF2285" s="137"/>
      <c r="AG2285" s="137"/>
      <c r="AH2285" s="137"/>
      <c r="AI2285" s="137"/>
      <c r="AJ2285" s="137"/>
      <c r="AK2285" s="206"/>
      <c r="AL2285" s="206"/>
      <c r="AM2285" s="143"/>
      <c r="AN2285" s="137"/>
      <c r="AO2285" s="137"/>
      <c r="AP2285" s="137"/>
      <c r="AQ2285" s="137"/>
      <c r="AR2285" s="137"/>
      <c r="AS2285" s="137"/>
      <c r="AT2285" s="137"/>
      <c r="AU2285" s="137"/>
      <c r="AV2285" s="137"/>
      <c r="AW2285" s="144"/>
    </row>
    <row r="2286" spans="2:49" x14ac:dyDescent="0.2">
      <c r="B2286" s="97"/>
      <c r="G2286" s="43"/>
      <c r="J2286" s="98"/>
      <c r="K2286" s="97"/>
      <c r="N2286" s="3"/>
      <c r="W2286" s="98"/>
      <c r="Z2286" s="143"/>
      <c r="AA2286" s="137"/>
      <c r="AB2286" s="137"/>
      <c r="AC2286" s="137"/>
      <c r="AD2286" s="137"/>
      <c r="AE2286" s="137"/>
      <c r="AF2286" s="137"/>
      <c r="AG2286" s="137"/>
      <c r="AH2286" s="137"/>
      <c r="AI2286" s="137"/>
      <c r="AJ2286" s="137"/>
      <c r="AK2286" s="206"/>
      <c r="AL2286" s="206"/>
      <c r="AM2286" s="143"/>
      <c r="AN2286" s="137"/>
      <c r="AO2286" s="137"/>
      <c r="AP2286" s="137"/>
      <c r="AQ2286" s="137"/>
      <c r="AR2286" s="137"/>
      <c r="AS2286" s="137"/>
      <c r="AT2286" s="137"/>
      <c r="AU2286" s="137"/>
      <c r="AV2286" s="137"/>
      <c r="AW2286" s="144"/>
    </row>
    <row r="2287" spans="2:49" x14ac:dyDescent="0.2">
      <c r="B2287" s="97"/>
      <c r="G2287" s="43"/>
      <c r="J2287" s="98"/>
      <c r="K2287" s="97"/>
      <c r="N2287" s="3"/>
      <c r="W2287" s="98"/>
      <c r="Z2287" s="143"/>
      <c r="AA2287" s="137"/>
      <c r="AB2287" s="137"/>
      <c r="AC2287" s="137"/>
      <c r="AD2287" s="137"/>
      <c r="AE2287" s="137"/>
      <c r="AF2287" s="137"/>
      <c r="AG2287" s="137"/>
      <c r="AH2287" s="137"/>
      <c r="AI2287" s="137"/>
      <c r="AJ2287" s="137"/>
      <c r="AK2287" s="206"/>
      <c r="AL2287" s="206"/>
      <c r="AM2287" s="143"/>
      <c r="AN2287" s="137"/>
      <c r="AO2287" s="137"/>
      <c r="AP2287" s="137"/>
      <c r="AQ2287" s="137"/>
      <c r="AR2287" s="137"/>
      <c r="AS2287" s="137"/>
      <c r="AT2287" s="137"/>
      <c r="AU2287" s="137"/>
      <c r="AV2287" s="137"/>
      <c r="AW2287" s="144"/>
    </row>
    <row r="2288" spans="2:49" x14ac:dyDescent="0.2">
      <c r="B2288" s="97"/>
      <c r="G2288" s="43"/>
      <c r="J2288" s="98"/>
      <c r="K2288" s="97"/>
      <c r="N2288" s="3"/>
      <c r="W2288" s="98"/>
      <c r="Z2288" s="143"/>
      <c r="AA2288" s="137"/>
      <c r="AB2288" s="137"/>
      <c r="AC2288" s="137"/>
      <c r="AD2288" s="137"/>
      <c r="AE2288" s="137"/>
      <c r="AF2288" s="137"/>
      <c r="AG2288" s="137"/>
      <c r="AH2288" s="137"/>
      <c r="AI2288" s="137"/>
      <c r="AJ2288" s="137"/>
      <c r="AK2288" s="206"/>
      <c r="AL2288" s="206"/>
      <c r="AM2288" s="143"/>
      <c r="AN2288" s="137"/>
      <c r="AO2288" s="137"/>
      <c r="AP2288" s="137"/>
      <c r="AQ2288" s="137"/>
      <c r="AR2288" s="137"/>
      <c r="AS2288" s="137"/>
      <c r="AT2288" s="137"/>
      <c r="AU2288" s="137"/>
      <c r="AV2288" s="137"/>
      <c r="AW2288" s="144"/>
    </row>
    <row r="2289" spans="2:49" x14ac:dyDescent="0.2">
      <c r="B2289" s="97"/>
      <c r="G2289" s="43"/>
      <c r="J2289" s="98"/>
      <c r="K2289" s="97"/>
      <c r="N2289" s="3"/>
      <c r="W2289" s="98"/>
      <c r="Z2289" s="143"/>
      <c r="AA2289" s="137"/>
      <c r="AB2289" s="137"/>
      <c r="AC2289" s="137"/>
      <c r="AD2289" s="137"/>
      <c r="AE2289" s="137"/>
      <c r="AF2289" s="137"/>
      <c r="AG2289" s="137"/>
      <c r="AH2289" s="137"/>
      <c r="AI2289" s="137"/>
      <c r="AJ2289" s="137"/>
      <c r="AK2289" s="206"/>
      <c r="AL2289" s="206"/>
      <c r="AM2289" s="143"/>
      <c r="AN2289" s="137"/>
      <c r="AO2289" s="137"/>
      <c r="AP2289" s="137"/>
      <c r="AQ2289" s="137"/>
      <c r="AR2289" s="137"/>
      <c r="AS2289" s="137"/>
      <c r="AT2289" s="137"/>
      <c r="AU2289" s="137"/>
      <c r="AV2289" s="137"/>
      <c r="AW2289" s="144"/>
    </row>
    <row r="2290" spans="2:49" x14ac:dyDescent="0.2">
      <c r="B2290" s="97"/>
      <c r="G2290" s="43"/>
      <c r="J2290" s="98"/>
      <c r="K2290" s="97"/>
      <c r="N2290" s="3"/>
      <c r="W2290" s="98"/>
      <c r="Z2290" s="143"/>
      <c r="AA2290" s="137"/>
      <c r="AB2290" s="137"/>
      <c r="AC2290" s="137"/>
      <c r="AD2290" s="137"/>
      <c r="AE2290" s="137"/>
      <c r="AF2290" s="137"/>
      <c r="AG2290" s="137"/>
      <c r="AH2290" s="137"/>
      <c r="AI2290" s="137"/>
      <c r="AJ2290" s="137"/>
      <c r="AK2290" s="206"/>
      <c r="AL2290" s="206"/>
      <c r="AM2290" s="143"/>
      <c r="AN2290" s="137"/>
      <c r="AO2290" s="137"/>
      <c r="AP2290" s="137"/>
      <c r="AQ2290" s="137"/>
      <c r="AR2290" s="137"/>
      <c r="AS2290" s="137"/>
      <c r="AT2290" s="137"/>
      <c r="AU2290" s="137"/>
      <c r="AV2290" s="137"/>
      <c r="AW2290" s="144"/>
    </row>
    <row r="2291" spans="2:49" x14ac:dyDescent="0.2">
      <c r="B2291" s="97"/>
      <c r="G2291" s="43"/>
      <c r="J2291" s="98"/>
      <c r="K2291" s="97"/>
      <c r="N2291" s="3"/>
      <c r="W2291" s="98"/>
      <c r="Z2291" s="143"/>
      <c r="AA2291" s="137"/>
      <c r="AB2291" s="137"/>
      <c r="AC2291" s="137"/>
      <c r="AD2291" s="137"/>
      <c r="AE2291" s="137"/>
      <c r="AF2291" s="137"/>
      <c r="AG2291" s="137"/>
      <c r="AH2291" s="137"/>
      <c r="AI2291" s="137"/>
      <c r="AJ2291" s="137"/>
      <c r="AK2291" s="206"/>
      <c r="AL2291" s="206"/>
      <c r="AM2291" s="143"/>
      <c r="AN2291" s="137"/>
      <c r="AO2291" s="137"/>
      <c r="AP2291" s="137"/>
      <c r="AQ2291" s="137"/>
      <c r="AR2291" s="137"/>
      <c r="AS2291" s="137"/>
      <c r="AT2291" s="137"/>
      <c r="AU2291" s="137"/>
      <c r="AV2291" s="137"/>
      <c r="AW2291" s="144"/>
    </row>
    <row r="2292" spans="2:49" x14ac:dyDescent="0.2">
      <c r="B2292" s="97"/>
      <c r="G2292" s="43"/>
      <c r="J2292" s="98"/>
      <c r="K2292" s="97"/>
      <c r="N2292" s="3"/>
      <c r="W2292" s="98"/>
      <c r="Z2292" s="143"/>
      <c r="AA2292" s="137"/>
      <c r="AB2292" s="137"/>
      <c r="AC2292" s="137"/>
      <c r="AD2292" s="137"/>
      <c r="AE2292" s="137"/>
      <c r="AF2292" s="137"/>
      <c r="AG2292" s="137"/>
      <c r="AH2292" s="137"/>
      <c r="AI2292" s="137"/>
      <c r="AJ2292" s="137"/>
      <c r="AK2292" s="206"/>
      <c r="AL2292" s="206"/>
      <c r="AM2292" s="143"/>
      <c r="AN2292" s="137"/>
      <c r="AO2292" s="137"/>
      <c r="AP2292" s="137"/>
      <c r="AQ2292" s="137"/>
      <c r="AR2292" s="137"/>
      <c r="AS2292" s="137"/>
      <c r="AT2292" s="137"/>
      <c r="AU2292" s="137"/>
      <c r="AV2292" s="137"/>
      <c r="AW2292" s="144"/>
    </row>
    <row r="2293" spans="2:49" x14ac:dyDescent="0.2">
      <c r="B2293" s="97"/>
      <c r="G2293" s="43"/>
      <c r="J2293" s="98"/>
      <c r="K2293" s="97"/>
      <c r="N2293" s="3"/>
      <c r="W2293" s="98"/>
      <c r="Z2293" s="143"/>
      <c r="AA2293" s="137"/>
      <c r="AB2293" s="137"/>
      <c r="AC2293" s="137"/>
      <c r="AD2293" s="137"/>
      <c r="AE2293" s="137"/>
      <c r="AF2293" s="137"/>
      <c r="AG2293" s="137"/>
      <c r="AH2293" s="137"/>
      <c r="AI2293" s="137"/>
      <c r="AJ2293" s="137"/>
      <c r="AK2293" s="206"/>
      <c r="AL2293" s="206"/>
      <c r="AM2293" s="143"/>
      <c r="AN2293" s="137"/>
      <c r="AO2293" s="137"/>
      <c r="AP2293" s="137"/>
      <c r="AQ2293" s="137"/>
      <c r="AR2293" s="137"/>
      <c r="AS2293" s="137"/>
      <c r="AT2293" s="137"/>
      <c r="AU2293" s="137"/>
      <c r="AV2293" s="137"/>
      <c r="AW2293" s="144"/>
    </row>
    <row r="2294" spans="2:49" x14ac:dyDescent="0.2">
      <c r="B2294" s="97"/>
      <c r="G2294" s="43"/>
      <c r="J2294" s="98"/>
      <c r="K2294" s="97"/>
      <c r="N2294" s="3"/>
      <c r="W2294" s="98"/>
      <c r="Z2294" s="143"/>
      <c r="AA2294" s="137"/>
      <c r="AB2294" s="137"/>
      <c r="AC2294" s="137"/>
      <c r="AD2294" s="137"/>
      <c r="AE2294" s="137"/>
      <c r="AF2294" s="137"/>
      <c r="AG2294" s="137"/>
      <c r="AH2294" s="137"/>
      <c r="AI2294" s="137"/>
      <c r="AJ2294" s="137"/>
      <c r="AK2294" s="206"/>
      <c r="AL2294" s="206"/>
      <c r="AM2294" s="143"/>
      <c r="AN2294" s="137"/>
      <c r="AO2294" s="137"/>
      <c r="AP2294" s="137"/>
      <c r="AQ2294" s="137"/>
      <c r="AR2294" s="137"/>
      <c r="AS2294" s="137"/>
      <c r="AT2294" s="137"/>
      <c r="AU2294" s="137"/>
      <c r="AV2294" s="137"/>
      <c r="AW2294" s="144"/>
    </row>
    <row r="2295" spans="2:49" x14ac:dyDescent="0.2">
      <c r="B2295" s="97"/>
      <c r="G2295" s="43"/>
      <c r="J2295" s="98"/>
      <c r="K2295" s="97"/>
      <c r="N2295" s="3"/>
      <c r="W2295" s="98"/>
      <c r="Z2295" s="143"/>
      <c r="AA2295" s="137"/>
      <c r="AB2295" s="137"/>
      <c r="AC2295" s="137"/>
      <c r="AD2295" s="137"/>
      <c r="AE2295" s="137"/>
      <c r="AF2295" s="137"/>
      <c r="AG2295" s="137"/>
      <c r="AH2295" s="137"/>
      <c r="AI2295" s="137"/>
      <c r="AJ2295" s="137"/>
      <c r="AK2295" s="206"/>
      <c r="AL2295" s="206"/>
      <c r="AM2295" s="143"/>
      <c r="AN2295" s="137"/>
      <c r="AO2295" s="137"/>
      <c r="AP2295" s="137"/>
      <c r="AQ2295" s="137"/>
      <c r="AR2295" s="137"/>
      <c r="AS2295" s="137"/>
      <c r="AT2295" s="137"/>
      <c r="AU2295" s="137"/>
      <c r="AV2295" s="137"/>
      <c r="AW2295" s="144"/>
    </row>
    <row r="2296" spans="2:49" x14ac:dyDescent="0.2">
      <c r="B2296" s="97"/>
      <c r="G2296" s="43"/>
      <c r="J2296" s="98"/>
      <c r="K2296" s="97"/>
      <c r="N2296" s="3"/>
      <c r="W2296" s="98"/>
      <c r="Z2296" s="143"/>
      <c r="AA2296" s="137"/>
      <c r="AB2296" s="137"/>
      <c r="AC2296" s="137"/>
      <c r="AD2296" s="137"/>
      <c r="AE2296" s="137"/>
      <c r="AF2296" s="137"/>
      <c r="AG2296" s="137"/>
      <c r="AH2296" s="137"/>
      <c r="AI2296" s="137"/>
      <c r="AJ2296" s="137"/>
      <c r="AK2296" s="206"/>
      <c r="AL2296" s="206"/>
      <c r="AM2296" s="143"/>
      <c r="AN2296" s="137"/>
      <c r="AO2296" s="137"/>
      <c r="AP2296" s="137"/>
      <c r="AQ2296" s="137"/>
      <c r="AR2296" s="137"/>
      <c r="AS2296" s="137"/>
      <c r="AT2296" s="137"/>
      <c r="AU2296" s="137"/>
      <c r="AV2296" s="137"/>
      <c r="AW2296" s="144"/>
    </row>
    <row r="2297" spans="2:49" x14ac:dyDescent="0.2">
      <c r="B2297" s="97"/>
      <c r="G2297" s="43"/>
      <c r="J2297" s="98"/>
      <c r="K2297" s="97"/>
      <c r="N2297" s="3"/>
      <c r="W2297" s="98"/>
      <c r="Z2297" s="143"/>
      <c r="AA2297" s="137"/>
      <c r="AB2297" s="137"/>
      <c r="AC2297" s="137"/>
      <c r="AD2297" s="137"/>
      <c r="AE2297" s="137"/>
      <c r="AF2297" s="137"/>
      <c r="AG2297" s="137"/>
      <c r="AH2297" s="137"/>
      <c r="AI2297" s="137"/>
      <c r="AJ2297" s="137"/>
      <c r="AK2297" s="206"/>
      <c r="AL2297" s="206"/>
      <c r="AM2297" s="143"/>
      <c r="AN2297" s="137"/>
      <c r="AO2297" s="137"/>
      <c r="AP2297" s="137"/>
      <c r="AQ2297" s="137"/>
      <c r="AR2297" s="137"/>
      <c r="AS2297" s="137"/>
      <c r="AT2297" s="137"/>
      <c r="AU2297" s="137"/>
      <c r="AV2297" s="137"/>
      <c r="AW2297" s="144"/>
    </row>
    <row r="2298" spans="2:49" x14ac:dyDescent="0.2">
      <c r="B2298" s="97"/>
      <c r="G2298" s="43"/>
      <c r="J2298" s="98"/>
      <c r="K2298" s="97"/>
      <c r="N2298" s="3"/>
      <c r="W2298" s="98"/>
      <c r="Z2298" s="143"/>
      <c r="AA2298" s="137"/>
      <c r="AB2298" s="137"/>
      <c r="AC2298" s="137"/>
      <c r="AD2298" s="137"/>
      <c r="AE2298" s="137"/>
      <c r="AF2298" s="137"/>
      <c r="AG2298" s="137"/>
      <c r="AH2298" s="137"/>
      <c r="AI2298" s="137"/>
      <c r="AJ2298" s="137"/>
      <c r="AK2298" s="206"/>
      <c r="AL2298" s="206"/>
      <c r="AM2298" s="143"/>
      <c r="AN2298" s="137"/>
      <c r="AO2298" s="137"/>
      <c r="AP2298" s="137"/>
      <c r="AQ2298" s="137"/>
      <c r="AR2298" s="137"/>
      <c r="AS2298" s="137"/>
      <c r="AT2298" s="137"/>
      <c r="AU2298" s="137"/>
      <c r="AV2298" s="137"/>
      <c r="AW2298" s="144"/>
    </row>
    <row r="2299" spans="2:49" x14ac:dyDescent="0.2">
      <c r="B2299" s="97"/>
      <c r="G2299" s="43"/>
      <c r="J2299" s="98"/>
      <c r="K2299" s="97"/>
      <c r="N2299" s="3"/>
      <c r="W2299" s="98"/>
      <c r="Z2299" s="143"/>
      <c r="AA2299" s="137"/>
      <c r="AB2299" s="137"/>
      <c r="AC2299" s="137"/>
      <c r="AD2299" s="137"/>
      <c r="AE2299" s="137"/>
      <c r="AF2299" s="137"/>
      <c r="AG2299" s="137"/>
      <c r="AH2299" s="137"/>
      <c r="AI2299" s="137"/>
      <c r="AJ2299" s="137"/>
      <c r="AK2299" s="206"/>
      <c r="AL2299" s="206"/>
      <c r="AM2299" s="143"/>
      <c r="AN2299" s="137"/>
      <c r="AO2299" s="137"/>
      <c r="AP2299" s="137"/>
      <c r="AQ2299" s="137"/>
      <c r="AR2299" s="137"/>
      <c r="AS2299" s="137"/>
      <c r="AT2299" s="137"/>
      <c r="AU2299" s="137"/>
      <c r="AV2299" s="137"/>
      <c r="AW2299" s="144"/>
    </row>
    <row r="2300" spans="2:49" x14ac:dyDescent="0.2">
      <c r="B2300" s="97"/>
      <c r="G2300" s="43"/>
      <c r="J2300" s="98"/>
      <c r="K2300" s="97"/>
      <c r="N2300" s="3"/>
      <c r="W2300" s="98"/>
      <c r="Z2300" s="143"/>
      <c r="AA2300" s="137"/>
      <c r="AB2300" s="137"/>
      <c r="AC2300" s="137"/>
      <c r="AD2300" s="137"/>
      <c r="AE2300" s="137"/>
      <c r="AF2300" s="137"/>
      <c r="AG2300" s="137"/>
      <c r="AH2300" s="137"/>
      <c r="AI2300" s="137"/>
      <c r="AJ2300" s="137"/>
      <c r="AK2300" s="206"/>
      <c r="AL2300" s="206"/>
      <c r="AM2300" s="143"/>
      <c r="AN2300" s="137"/>
      <c r="AO2300" s="137"/>
      <c r="AP2300" s="137"/>
      <c r="AQ2300" s="137"/>
      <c r="AR2300" s="137"/>
      <c r="AS2300" s="137"/>
      <c r="AT2300" s="137"/>
      <c r="AU2300" s="137"/>
      <c r="AV2300" s="137"/>
      <c r="AW2300" s="144"/>
    </row>
    <row r="2301" spans="2:49" x14ac:dyDescent="0.2">
      <c r="B2301" s="97"/>
      <c r="G2301" s="43"/>
      <c r="J2301" s="98"/>
      <c r="K2301" s="97"/>
      <c r="N2301" s="3"/>
      <c r="W2301" s="98"/>
      <c r="Z2301" s="143"/>
      <c r="AA2301" s="137"/>
      <c r="AB2301" s="137"/>
      <c r="AC2301" s="137"/>
      <c r="AD2301" s="137"/>
      <c r="AE2301" s="137"/>
      <c r="AF2301" s="137"/>
      <c r="AG2301" s="137"/>
      <c r="AH2301" s="137"/>
      <c r="AI2301" s="137"/>
      <c r="AJ2301" s="137"/>
      <c r="AK2301" s="206"/>
      <c r="AL2301" s="206"/>
      <c r="AM2301" s="143"/>
      <c r="AN2301" s="137"/>
      <c r="AO2301" s="137"/>
      <c r="AP2301" s="137"/>
      <c r="AQ2301" s="137"/>
      <c r="AR2301" s="137"/>
      <c r="AS2301" s="137"/>
      <c r="AT2301" s="137"/>
      <c r="AU2301" s="137"/>
      <c r="AV2301" s="137"/>
      <c r="AW2301" s="144"/>
    </row>
    <row r="2302" spans="2:49" x14ac:dyDescent="0.2">
      <c r="B2302" s="97"/>
      <c r="G2302" s="43"/>
      <c r="J2302" s="98"/>
      <c r="K2302" s="97"/>
      <c r="N2302" s="3"/>
      <c r="W2302" s="98"/>
      <c r="Z2302" s="143"/>
      <c r="AA2302" s="137"/>
      <c r="AB2302" s="137"/>
      <c r="AC2302" s="137"/>
      <c r="AD2302" s="137"/>
      <c r="AE2302" s="137"/>
      <c r="AF2302" s="137"/>
      <c r="AG2302" s="137"/>
      <c r="AH2302" s="137"/>
      <c r="AI2302" s="137"/>
      <c r="AJ2302" s="137"/>
      <c r="AK2302" s="206"/>
      <c r="AL2302" s="206"/>
      <c r="AM2302" s="143"/>
      <c r="AN2302" s="137"/>
      <c r="AO2302" s="137"/>
      <c r="AP2302" s="137"/>
      <c r="AQ2302" s="137"/>
      <c r="AR2302" s="137"/>
      <c r="AS2302" s="137"/>
      <c r="AT2302" s="137"/>
      <c r="AU2302" s="137"/>
      <c r="AV2302" s="137"/>
      <c r="AW2302" s="144"/>
    </row>
    <row r="2303" spans="2:49" x14ac:dyDescent="0.2">
      <c r="B2303" s="97"/>
      <c r="G2303" s="43"/>
      <c r="J2303" s="98"/>
      <c r="K2303" s="97"/>
      <c r="N2303" s="3"/>
      <c r="W2303" s="98"/>
      <c r="Z2303" s="143"/>
      <c r="AA2303" s="137"/>
      <c r="AB2303" s="137"/>
      <c r="AC2303" s="137"/>
      <c r="AD2303" s="137"/>
      <c r="AE2303" s="137"/>
      <c r="AF2303" s="137"/>
      <c r="AG2303" s="137"/>
      <c r="AH2303" s="137"/>
      <c r="AI2303" s="137"/>
      <c r="AJ2303" s="137"/>
      <c r="AK2303" s="206"/>
      <c r="AL2303" s="206"/>
      <c r="AM2303" s="143"/>
      <c r="AN2303" s="137"/>
      <c r="AO2303" s="137"/>
      <c r="AP2303" s="137"/>
      <c r="AQ2303" s="137"/>
      <c r="AR2303" s="137"/>
      <c r="AS2303" s="137"/>
      <c r="AT2303" s="137"/>
      <c r="AU2303" s="137"/>
      <c r="AV2303" s="137"/>
      <c r="AW2303" s="144"/>
    </row>
    <row r="2304" spans="2:49" x14ac:dyDescent="0.2">
      <c r="B2304" s="97"/>
      <c r="G2304" s="43"/>
      <c r="J2304" s="98"/>
      <c r="K2304" s="97"/>
      <c r="N2304" s="3"/>
      <c r="W2304" s="98"/>
      <c r="Z2304" s="143"/>
      <c r="AA2304" s="137"/>
      <c r="AB2304" s="137"/>
      <c r="AC2304" s="137"/>
      <c r="AD2304" s="137"/>
      <c r="AE2304" s="137"/>
      <c r="AF2304" s="137"/>
      <c r="AG2304" s="137"/>
      <c r="AH2304" s="137"/>
      <c r="AI2304" s="137"/>
      <c r="AJ2304" s="137"/>
      <c r="AK2304" s="206"/>
      <c r="AL2304" s="206"/>
      <c r="AM2304" s="143"/>
      <c r="AN2304" s="137"/>
      <c r="AO2304" s="137"/>
      <c r="AP2304" s="137"/>
      <c r="AQ2304" s="137"/>
      <c r="AR2304" s="137"/>
      <c r="AS2304" s="137"/>
      <c r="AT2304" s="137"/>
      <c r="AU2304" s="137"/>
      <c r="AV2304" s="137"/>
      <c r="AW2304" s="144"/>
    </row>
    <row r="2305" spans="2:49" x14ac:dyDescent="0.2">
      <c r="B2305" s="97"/>
      <c r="G2305" s="43"/>
      <c r="J2305" s="98"/>
      <c r="K2305" s="97"/>
      <c r="N2305" s="3"/>
      <c r="W2305" s="98"/>
      <c r="Z2305" s="143"/>
      <c r="AA2305" s="137"/>
      <c r="AB2305" s="137"/>
      <c r="AC2305" s="137"/>
      <c r="AD2305" s="137"/>
      <c r="AE2305" s="137"/>
      <c r="AF2305" s="137"/>
      <c r="AG2305" s="137"/>
      <c r="AH2305" s="137"/>
      <c r="AI2305" s="137"/>
      <c r="AJ2305" s="137"/>
      <c r="AK2305" s="206"/>
      <c r="AL2305" s="206"/>
      <c r="AM2305" s="143"/>
      <c r="AN2305" s="137"/>
      <c r="AO2305" s="137"/>
      <c r="AP2305" s="137"/>
      <c r="AQ2305" s="137"/>
      <c r="AR2305" s="137"/>
      <c r="AS2305" s="137"/>
      <c r="AT2305" s="137"/>
      <c r="AU2305" s="137"/>
      <c r="AV2305" s="137"/>
      <c r="AW2305" s="144"/>
    </row>
    <row r="2306" spans="2:49" x14ac:dyDescent="0.2">
      <c r="B2306" s="97"/>
      <c r="G2306" s="43"/>
      <c r="J2306" s="98"/>
      <c r="K2306" s="97"/>
      <c r="N2306" s="3"/>
      <c r="W2306" s="98"/>
      <c r="Z2306" s="143"/>
      <c r="AA2306" s="137"/>
      <c r="AB2306" s="137"/>
      <c r="AC2306" s="137"/>
      <c r="AD2306" s="137"/>
      <c r="AE2306" s="137"/>
      <c r="AF2306" s="137"/>
      <c r="AG2306" s="137"/>
      <c r="AH2306" s="137"/>
      <c r="AI2306" s="137"/>
      <c r="AJ2306" s="137"/>
      <c r="AK2306" s="206"/>
      <c r="AL2306" s="206"/>
      <c r="AM2306" s="143"/>
      <c r="AN2306" s="137"/>
      <c r="AO2306" s="137"/>
      <c r="AP2306" s="137"/>
      <c r="AQ2306" s="137"/>
      <c r="AR2306" s="137"/>
      <c r="AS2306" s="137"/>
      <c r="AT2306" s="137"/>
      <c r="AU2306" s="137"/>
      <c r="AV2306" s="137"/>
      <c r="AW2306" s="144"/>
    </row>
    <row r="2307" spans="2:49" x14ac:dyDescent="0.2">
      <c r="B2307" s="97"/>
      <c r="G2307" s="43"/>
      <c r="J2307" s="98"/>
      <c r="K2307" s="97"/>
      <c r="N2307" s="3"/>
      <c r="W2307" s="98"/>
      <c r="Z2307" s="143"/>
      <c r="AA2307" s="137"/>
      <c r="AB2307" s="137"/>
      <c r="AC2307" s="137"/>
      <c r="AD2307" s="137"/>
      <c r="AE2307" s="137"/>
      <c r="AF2307" s="137"/>
      <c r="AG2307" s="137"/>
      <c r="AH2307" s="137"/>
      <c r="AI2307" s="137"/>
      <c r="AJ2307" s="137"/>
      <c r="AK2307" s="206"/>
      <c r="AL2307" s="206"/>
      <c r="AM2307" s="143"/>
      <c r="AN2307" s="137"/>
      <c r="AO2307" s="137"/>
      <c r="AP2307" s="137"/>
      <c r="AQ2307" s="137"/>
      <c r="AR2307" s="137"/>
      <c r="AS2307" s="137"/>
      <c r="AT2307" s="137"/>
      <c r="AU2307" s="137"/>
      <c r="AV2307" s="137"/>
      <c r="AW2307" s="144"/>
    </row>
    <row r="2308" spans="2:49" x14ac:dyDescent="0.2">
      <c r="B2308" s="97"/>
      <c r="G2308" s="43"/>
      <c r="J2308" s="98"/>
      <c r="K2308" s="97"/>
      <c r="N2308" s="3"/>
      <c r="W2308" s="98"/>
      <c r="Z2308" s="143"/>
      <c r="AA2308" s="137"/>
      <c r="AB2308" s="137"/>
      <c r="AC2308" s="137"/>
      <c r="AD2308" s="137"/>
      <c r="AE2308" s="137"/>
      <c r="AF2308" s="137"/>
      <c r="AG2308" s="137"/>
      <c r="AH2308" s="137"/>
      <c r="AI2308" s="137"/>
      <c r="AJ2308" s="137"/>
      <c r="AK2308" s="206"/>
      <c r="AL2308" s="206"/>
      <c r="AM2308" s="143"/>
      <c r="AN2308" s="137"/>
      <c r="AO2308" s="137"/>
      <c r="AP2308" s="137"/>
      <c r="AQ2308" s="137"/>
      <c r="AR2308" s="137"/>
      <c r="AS2308" s="137"/>
      <c r="AT2308" s="137"/>
      <c r="AU2308" s="137"/>
      <c r="AV2308" s="137"/>
      <c r="AW2308" s="144"/>
    </row>
    <row r="2309" spans="2:49" x14ac:dyDescent="0.2">
      <c r="B2309" s="97"/>
      <c r="G2309" s="43"/>
      <c r="J2309" s="98"/>
      <c r="K2309" s="97"/>
      <c r="N2309" s="3"/>
      <c r="W2309" s="98"/>
      <c r="Z2309" s="143"/>
      <c r="AA2309" s="137"/>
      <c r="AB2309" s="137"/>
      <c r="AC2309" s="137"/>
      <c r="AD2309" s="137"/>
      <c r="AE2309" s="137"/>
      <c r="AF2309" s="137"/>
      <c r="AG2309" s="137"/>
      <c r="AH2309" s="137"/>
      <c r="AI2309" s="137"/>
      <c r="AJ2309" s="137"/>
      <c r="AK2309" s="206"/>
      <c r="AL2309" s="206"/>
      <c r="AM2309" s="143"/>
      <c r="AN2309" s="137"/>
      <c r="AO2309" s="137"/>
      <c r="AP2309" s="137"/>
      <c r="AQ2309" s="137"/>
      <c r="AR2309" s="137"/>
      <c r="AS2309" s="137"/>
      <c r="AT2309" s="137"/>
      <c r="AU2309" s="137"/>
      <c r="AV2309" s="137"/>
      <c r="AW2309" s="144"/>
    </row>
    <row r="2310" spans="2:49" x14ac:dyDescent="0.2">
      <c r="B2310" s="97"/>
      <c r="G2310" s="43"/>
      <c r="J2310" s="98"/>
      <c r="K2310" s="97"/>
      <c r="N2310" s="3"/>
      <c r="W2310" s="98"/>
      <c r="Z2310" s="143"/>
      <c r="AA2310" s="137"/>
      <c r="AB2310" s="137"/>
      <c r="AC2310" s="137"/>
      <c r="AD2310" s="137"/>
      <c r="AE2310" s="137"/>
      <c r="AF2310" s="137"/>
      <c r="AG2310" s="137"/>
      <c r="AH2310" s="137"/>
      <c r="AI2310" s="137"/>
      <c r="AJ2310" s="137"/>
      <c r="AK2310" s="206"/>
      <c r="AL2310" s="206"/>
      <c r="AM2310" s="143"/>
      <c r="AN2310" s="137"/>
      <c r="AO2310" s="137"/>
      <c r="AP2310" s="137"/>
      <c r="AQ2310" s="137"/>
      <c r="AR2310" s="137"/>
      <c r="AS2310" s="137"/>
      <c r="AT2310" s="137"/>
      <c r="AU2310" s="137"/>
      <c r="AV2310" s="137"/>
      <c r="AW2310" s="144"/>
    </row>
    <row r="2311" spans="2:49" x14ac:dyDescent="0.2">
      <c r="B2311" s="97"/>
      <c r="G2311" s="43"/>
      <c r="J2311" s="98"/>
      <c r="K2311" s="97"/>
      <c r="N2311" s="3"/>
      <c r="W2311" s="98"/>
      <c r="Z2311" s="143"/>
      <c r="AA2311" s="137"/>
      <c r="AB2311" s="137"/>
      <c r="AC2311" s="137"/>
      <c r="AD2311" s="137"/>
      <c r="AE2311" s="137"/>
      <c r="AF2311" s="137"/>
      <c r="AG2311" s="137"/>
      <c r="AH2311" s="137"/>
      <c r="AI2311" s="137"/>
      <c r="AJ2311" s="137"/>
      <c r="AK2311" s="206"/>
      <c r="AL2311" s="206"/>
      <c r="AM2311" s="143"/>
      <c r="AN2311" s="137"/>
      <c r="AO2311" s="137"/>
      <c r="AP2311" s="137"/>
      <c r="AQ2311" s="137"/>
      <c r="AR2311" s="137"/>
      <c r="AS2311" s="137"/>
      <c r="AT2311" s="137"/>
      <c r="AU2311" s="137"/>
      <c r="AV2311" s="137"/>
      <c r="AW2311" s="144"/>
    </row>
    <row r="2312" spans="2:49" x14ac:dyDescent="0.2">
      <c r="B2312" s="97"/>
      <c r="G2312" s="43"/>
      <c r="J2312" s="98"/>
      <c r="K2312" s="97"/>
      <c r="N2312" s="3"/>
      <c r="W2312" s="98"/>
      <c r="Z2312" s="143"/>
      <c r="AA2312" s="137"/>
      <c r="AB2312" s="137"/>
      <c r="AC2312" s="137"/>
      <c r="AD2312" s="137"/>
      <c r="AE2312" s="137"/>
      <c r="AF2312" s="137"/>
      <c r="AG2312" s="137"/>
      <c r="AH2312" s="137"/>
      <c r="AI2312" s="137"/>
      <c r="AJ2312" s="137"/>
      <c r="AK2312" s="206"/>
      <c r="AL2312" s="206"/>
      <c r="AM2312" s="143"/>
      <c r="AN2312" s="137"/>
      <c r="AO2312" s="137"/>
      <c r="AP2312" s="137"/>
      <c r="AQ2312" s="137"/>
      <c r="AR2312" s="137"/>
      <c r="AS2312" s="137"/>
      <c r="AT2312" s="137"/>
      <c r="AU2312" s="137"/>
      <c r="AV2312" s="137"/>
      <c r="AW2312" s="144"/>
    </row>
    <row r="2313" spans="2:49" x14ac:dyDescent="0.2">
      <c r="B2313" s="97"/>
      <c r="G2313" s="43"/>
      <c r="J2313" s="98"/>
      <c r="K2313" s="97"/>
      <c r="N2313" s="3"/>
      <c r="W2313" s="98"/>
      <c r="Z2313" s="143"/>
      <c r="AA2313" s="137"/>
      <c r="AB2313" s="137"/>
      <c r="AC2313" s="137"/>
      <c r="AD2313" s="137"/>
      <c r="AE2313" s="137"/>
      <c r="AF2313" s="137"/>
      <c r="AG2313" s="137"/>
      <c r="AH2313" s="137"/>
      <c r="AI2313" s="137"/>
      <c r="AJ2313" s="137"/>
      <c r="AK2313" s="206"/>
      <c r="AL2313" s="206"/>
      <c r="AM2313" s="143"/>
      <c r="AN2313" s="137"/>
      <c r="AO2313" s="137"/>
      <c r="AP2313" s="137"/>
      <c r="AQ2313" s="137"/>
      <c r="AR2313" s="137"/>
      <c r="AS2313" s="137"/>
      <c r="AT2313" s="137"/>
      <c r="AU2313" s="137"/>
      <c r="AV2313" s="137"/>
      <c r="AW2313" s="144"/>
    </row>
    <row r="2314" spans="2:49" x14ac:dyDescent="0.2">
      <c r="B2314" s="97"/>
      <c r="G2314" s="43"/>
      <c r="J2314" s="98"/>
      <c r="K2314" s="97"/>
      <c r="N2314" s="3"/>
      <c r="W2314" s="98"/>
      <c r="Z2314" s="143"/>
      <c r="AA2314" s="137"/>
      <c r="AB2314" s="137"/>
      <c r="AC2314" s="137"/>
      <c r="AD2314" s="137"/>
      <c r="AE2314" s="137"/>
      <c r="AF2314" s="137"/>
      <c r="AG2314" s="137"/>
      <c r="AH2314" s="137"/>
      <c r="AI2314" s="137"/>
      <c r="AJ2314" s="137"/>
      <c r="AK2314" s="206"/>
      <c r="AL2314" s="206"/>
      <c r="AM2314" s="143"/>
      <c r="AN2314" s="137"/>
      <c r="AO2314" s="137"/>
      <c r="AP2314" s="137"/>
      <c r="AQ2314" s="137"/>
      <c r="AR2314" s="137"/>
      <c r="AS2314" s="137"/>
      <c r="AT2314" s="137"/>
      <c r="AU2314" s="137"/>
      <c r="AV2314" s="137"/>
      <c r="AW2314" s="144"/>
    </row>
    <row r="2315" spans="2:49" x14ac:dyDescent="0.2">
      <c r="B2315" s="97"/>
      <c r="G2315" s="43"/>
      <c r="J2315" s="98"/>
      <c r="K2315" s="97"/>
      <c r="N2315" s="3"/>
      <c r="W2315" s="98"/>
      <c r="Z2315" s="143"/>
      <c r="AA2315" s="137"/>
      <c r="AB2315" s="137"/>
      <c r="AC2315" s="137"/>
      <c r="AD2315" s="137"/>
      <c r="AE2315" s="137"/>
      <c r="AF2315" s="137"/>
      <c r="AG2315" s="137"/>
      <c r="AH2315" s="137"/>
      <c r="AI2315" s="137"/>
      <c r="AJ2315" s="137"/>
      <c r="AK2315" s="206"/>
      <c r="AL2315" s="206"/>
      <c r="AM2315" s="143"/>
      <c r="AN2315" s="137"/>
      <c r="AO2315" s="137"/>
      <c r="AP2315" s="137"/>
      <c r="AQ2315" s="137"/>
      <c r="AR2315" s="137"/>
      <c r="AS2315" s="137"/>
      <c r="AT2315" s="137"/>
      <c r="AU2315" s="137"/>
      <c r="AV2315" s="137"/>
      <c r="AW2315" s="144"/>
    </row>
    <row r="2316" spans="2:49" x14ac:dyDescent="0.2">
      <c r="B2316" s="97"/>
      <c r="G2316" s="43"/>
      <c r="J2316" s="98"/>
      <c r="K2316" s="97"/>
      <c r="N2316" s="3"/>
      <c r="W2316" s="98"/>
      <c r="Z2316" s="143"/>
      <c r="AA2316" s="137"/>
      <c r="AB2316" s="137"/>
      <c r="AC2316" s="137"/>
      <c r="AD2316" s="137"/>
      <c r="AE2316" s="137"/>
      <c r="AF2316" s="137"/>
      <c r="AG2316" s="137"/>
      <c r="AH2316" s="137"/>
      <c r="AI2316" s="137"/>
      <c r="AJ2316" s="137"/>
      <c r="AK2316" s="206"/>
      <c r="AL2316" s="206"/>
      <c r="AM2316" s="143"/>
      <c r="AN2316" s="137"/>
      <c r="AO2316" s="137"/>
      <c r="AP2316" s="137"/>
      <c r="AQ2316" s="137"/>
      <c r="AR2316" s="137"/>
      <c r="AS2316" s="137"/>
      <c r="AT2316" s="137"/>
      <c r="AU2316" s="137"/>
      <c r="AV2316" s="137"/>
      <c r="AW2316" s="144"/>
    </row>
    <row r="2317" spans="2:49" x14ac:dyDescent="0.2">
      <c r="B2317" s="97"/>
      <c r="G2317" s="43"/>
      <c r="J2317" s="98"/>
      <c r="K2317" s="97"/>
      <c r="N2317" s="3"/>
      <c r="W2317" s="98"/>
      <c r="Z2317" s="143"/>
      <c r="AA2317" s="137"/>
      <c r="AB2317" s="137"/>
      <c r="AC2317" s="137"/>
      <c r="AD2317" s="137"/>
      <c r="AE2317" s="137"/>
      <c r="AF2317" s="137"/>
      <c r="AG2317" s="137"/>
      <c r="AH2317" s="137"/>
      <c r="AI2317" s="137"/>
      <c r="AJ2317" s="137"/>
      <c r="AK2317" s="206"/>
      <c r="AL2317" s="206"/>
      <c r="AM2317" s="143"/>
      <c r="AN2317" s="137"/>
      <c r="AO2317" s="137"/>
      <c r="AP2317" s="137"/>
      <c r="AQ2317" s="137"/>
      <c r="AR2317" s="137"/>
      <c r="AS2317" s="137"/>
      <c r="AT2317" s="137"/>
      <c r="AU2317" s="137"/>
      <c r="AV2317" s="137"/>
      <c r="AW2317" s="144"/>
    </row>
    <row r="2318" spans="2:49" x14ac:dyDescent="0.2">
      <c r="B2318" s="97"/>
      <c r="G2318" s="43"/>
      <c r="J2318" s="98"/>
      <c r="K2318" s="97"/>
      <c r="N2318" s="3"/>
      <c r="W2318" s="98"/>
      <c r="Z2318" s="143"/>
      <c r="AA2318" s="137"/>
      <c r="AB2318" s="137"/>
      <c r="AC2318" s="137"/>
      <c r="AD2318" s="137"/>
      <c r="AE2318" s="137"/>
      <c r="AF2318" s="137"/>
      <c r="AG2318" s="137"/>
      <c r="AH2318" s="137"/>
      <c r="AI2318" s="137"/>
      <c r="AJ2318" s="137"/>
      <c r="AK2318" s="206"/>
      <c r="AL2318" s="206"/>
      <c r="AM2318" s="143"/>
      <c r="AN2318" s="137"/>
      <c r="AO2318" s="137"/>
      <c r="AP2318" s="137"/>
      <c r="AQ2318" s="137"/>
      <c r="AR2318" s="137"/>
      <c r="AS2318" s="137"/>
      <c r="AT2318" s="137"/>
      <c r="AU2318" s="137"/>
      <c r="AV2318" s="137"/>
      <c r="AW2318" s="144"/>
    </row>
    <row r="2319" spans="2:49" x14ac:dyDescent="0.2">
      <c r="B2319" s="97"/>
      <c r="G2319" s="43"/>
      <c r="J2319" s="98"/>
      <c r="K2319" s="97"/>
      <c r="N2319" s="3"/>
      <c r="W2319" s="98"/>
      <c r="Z2319" s="143"/>
      <c r="AA2319" s="137"/>
      <c r="AB2319" s="137"/>
      <c r="AC2319" s="137"/>
      <c r="AD2319" s="137"/>
      <c r="AE2319" s="137"/>
      <c r="AF2319" s="137"/>
      <c r="AG2319" s="137"/>
      <c r="AH2319" s="137"/>
      <c r="AI2319" s="137"/>
      <c r="AJ2319" s="137"/>
      <c r="AK2319" s="206"/>
      <c r="AL2319" s="206"/>
      <c r="AM2319" s="143"/>
      <c r="AN2319" s="137"/>
      <c r="AO2319" s="137"/>
      <c r="AP2319" s="137"/>
      <c r="AQ2319" s="137"/>
      <c r="AR2319" s="137"/>
      <c r="AS2319" s="137"/>
      <c r="AT2319" s="137"/>
      <c r="AU2319" s="137"/>
      <c r="AV2319" s="137"/>
      <c r="AW2319" s="144"/>
    </row>
    <row r="2320" spans="2:49" x14ac:dyDescent="0.2">
      <c r="B2320" s="97"/>
      <c r="G2320" s="43"/>
      <c r="J2320" s="98"/>
      <c r="K2320" s="97"/>
      <c r="N2320" s="3"/>
      <c r="W2320" s="98"/>
      <c r="Z2320" s="143"/>
      <c r="AA2320" s="137"/>
      <c r="AB2320" s="137"/>
      <c r="AC2320" s="137"/>
      <c r="AD2320" s="137"/>
      <c r="AE2320" s="137"/>
      <c r="AF2320" s="137"/>
      <c r="AG2320" s="137"/>
      <c r="AH2320" s="137"/>
      <c r="AI2320" s="137"/>
      <c r="AJ2320" s="137"/>
      <c r="AK2320" s="206"/>
      <c r="AL2320" s="206"/>
      <c r="AM2320" s="143"/>
      <c r="AN2320" s="137"/>
      <c r="AO2320" s="137"/>
      <c r="AP2320" s="137"/>
      <c r="AQ2320" s="137"/>
      <c r="AR2320" s="137"/>
      <c r="AS2320" s="137"/>
      <c r="AT2320" s="137"/>
      <c r="AU2320" s="137"/>
      <c r="AV2320" s="137"/>
      <c r="AW2320" s="144"/>
    </row>
    <row r="2321" spans="2:49" x14ac:dyDescent="0.2">
      <c r="B2321" s="97"/>
      <c r="G2321" s="43"/>
      <c r="J2321" s="98"/>
      <c r="K2321" s="97"/>
      <c r="N2321" s="3"/>
      <c r="W2321" s="98"/>
      <c r="Z2321" s="143"/>
      <c r="AA2321" s="137"/>
      <c r="AB2321" s="137"/>
      <c r="AC2321" s="137"/>
      <c r="AD2321" s="137"/>
      <c r="AE2321" s="137"/>
      <c r="AF2321" s="137"/>
      <c r="AG2321" s="137"/>
      <c r="AH2321" s="137"/>
      <c r="AI2321" s="137"/>
      <c r="AJ2321" s="137"/>
      <c r="AK2321" s="206"/>
      <c r="AL2321" s="206"/>
      <c r="AM2321" s="143"/>
      <c r="AN2321" s="137"/>
      <c r="AO2321" s="137"/>
      <c r="AP2321" s="137"/>
      <c r="AQ2321" s="137"/>
      <c r="AR2321" s="137"/>
      <c r="AS2321" s="137"/>
      <c r="AT2321" s="137"/>
      <c r="AU2321" s="137"/>
      <c r="AV2321" s="137"/>
      <c r="AW2321" s="144"/>
    </row>
    <row r="2322" spans="2:49" x14ac:dyDescent="0.2">
      <c r="B2322" s="97"/>
      <c r="G2322" s="43"/>
      <c r="J2322" s="98"/>
      <c r="K2322" s="97"/>
      <c r="N2322" s="3"/>
      <c r="W2322" s="98"/>
      <c r="Z2322" s="143"/>
      <c r="AA2322" s="137"/>
      <c r="AB2322" s="137"/>
      <c r="AC2322" s="137"/>
      <c r="AD2322" s="137"/>
      <c r="AE2322" s="137"/>
      <c r="AF2322" s="137"/>
      <c r="AG2322" s="137"/>
      <c r="AH2322" s="137"/>
      <c r="AI2322" s="137"/>
      <c r="AJ2322" s="137"/>
      <c r="AK2322" s="206"/>
      <c r="AL2322" s="206"/>
      <c r="AM2322" s="143"/>
      <c r="AN2322" s="137"/>
      <c r="AO2322" s="137"/>
      <c r="AP2322" s="137"/>
      <c r="AQ2322" s="137"/>
      <c r="AR2322" s="137"/>
      <c r="AS2322" s="137"/>
      <c r="AT2322" s="137"/>
      <c r="AU2322" s="137"/>
      <c r="AV2322" s="137"/>
      <c r="AW2322" s="144"/>
    </row>
    <row r="2323" spans="2:49" x14ac:dyDescent="0.2">
      <c r="B2323" s="97"/>
      <c r="G2323" s="43"/>
      <c r="J2323" s="98"/>
      <c r="K2323" s="97"/>
      <c r="N2323" s="3"/>
      <c r="W2323" s="98"/>
      <c r="Z2323" s="143"/>
      <c r="AA2323" s="137"/>
      <c r="AB2323" s="137"/>
      <c r="AC2323" s="137"/>
      <c r="AD2323" s="137"/>
      <c r="AE2323" s="137"/>
      <c r="AF2323" s="137"/>
      <c r="AG2323" s="137"/>
      <c r="AH2323" s="137"/>
      <c r="AI2323" s="137"/>
      <c r="AJ2323" s="137"/>
      <c r="AK2323" s="206"/>
      <c r="AL2323" s="206"/>
      <c r="AM2323" s="143"/>
      <c r="AN2323" s="137"/>
      <c r="AO2323" s="137"/>
      <c r="AP2323" s="137"/>
      <c r="AQ2323" s="137"/>
      <c r="AR2323" s="137"/>
      <c r="AS2323" s="137"/>
      <c r="AT2323" s="137"/>
      <c r="AU2323" s="137"/>
      <c r="AV2323" s="137"/>
      <c r="AW2323" s="144"/>
    </row>
    <row r="2324" spans="2:49" x14ac:dyDescent="0.2">
      <c r="B2324" s="97"/>
      <c r="G2324" s="43"/>
      <c r="J2324" s="98"/>
      <c r="K2324" s="97"/>
      <c r="N2324" s="3"/>
      <c r="W2324" s="98"/>
      <c r="Z2324" s="143"/>
      <c r="AA2324" s="137"/>
      <c r="AB2324" s="137"/>
      <c r="AC2324" s="137"/>
      <c r="AD2324" s="137"/>
      <c r="AE2324" s="137"/>
      <c r="AF2324" s="137"/>
      <c r="AG2324" s="137"/>
      <c r="AH2324" s="137"/>
      <c r="AI2324" s="137"/>
      <c r="AJ2324" s="137"/>
      <c r="AK2324" s="206"/>
      <c r="AL2324" s="206"/>
      <c r="AM2324" s="143"/>
      <c r="AN2324" s="137"/>
      <c r="AO2324" s="137"/>
      <c r="AP2324" s="137"/>
      <c r="AQ2324" s="137"/>
      <c r="AR2324" s="137"/>
      <c r="AS2324" s="137"/>
      <c r="AT2324" s="137"/>
      <c r="AU2324" s="137"/>
      <c r="AV2324" s="137"/>
      <c r="AW2324" s="144"/>
    </row>
    <row r="2325" spans="2:49" x14ac:dyDescent="0.2">
      <c r="B2325" s="97"/>
      <c r="G2325" s="43"/>
      <c r="J2325" s="98"/>
      <c r="K2325" s="97"/>
      <c r="N2325" s="3"/>
      <c r="W2325" s="98"/>
      <c r="Z2325" s="143"/>
      <c r="AA2325" s="137"/>
      <c r="AB2325" s="137"/>
      <c r="AC2325" s="137"/>
      <c r="AD2325" s="137"/>
      <c r="AE2325" s="137"/>
      <c r="AF2325" s="137"/>
      <c r="AG2325" s="137"/>
      <c r="AH2325" s="137"/>
      <c r="AI2325" s="137"/>
      <c r="AJ2325" s="137"/>
      <c r="AK2325" s="206"/>
      <c r="AL2325" s="206"/>
      <c r="AM2325" s="143"/>
      <c r="AN2325" s="137"/>
      <c r="AO2325" s="137"/>
      <c r="AP2325" s="137"/>
      <c r="AQ2325" s="137"/>
      <c r="AR2325" s="137"/>
      <c r="AS2325" s="137"/>
      <c r="AT2325" s="137"/>
      <c r="AU2325" s="137"/>
      <c r="AV2325" s="137"/>
      <c r="AW2325" s="144"/>
    </row>
    <row r="2326" spans="2:49" x14ac:dyDescent="0.2">
      <c r="B2326" s="97"/>
      <c r="G2326" s="43"/>
      <c r="J2326" s="98"/>
      <c r="K2326" s="97"/>
      <c r="N2326" s="3"/>
      <c r="W2326" s="98"/>
      <c r="Z2326" s="143"/>
      <c r="AA2326" s="137"/>
      <c r="AB2326" s="137"/>
      <c r="AC2326" s="137"/>
      <c r="AD2326" s="137"/>
      <c r="AE2326" s="137"/>
      <c r="AF2326" s="137"/>
      <c r="AG2326" s="137"/>
      <c r="AH2326" s="137"/>
      <c r="AI2326" s="137"/>
      <c r="AJ2326" s="137"/>
      <c r="AK2326" s="206"/>
      <c r="AL2326" s="206"/>
      <c r="AM2326" s="143"/>
      <c r="AN2326" s="137"/>
      <c r="AO2326" s="137"/>
      <c r="AP2326" s="137"/>
      <c r="AQ2326" s="137"/>
      <c r="AR2326" s="137"/>
      <c r="AS2326" s="137"/>
      <c r="AT2326" s="137"/>
      <c r="AU2326" s="137"/>
      <c r="AV2326" s="137"/>
      <c r="AW2326" s="144"/>
    </row>
    <row r="2327" spans="2:49" x14ac:dyDescent="0.2">
      <c r="B2327" s="97"/>
      <c r="G2327" s="43"/>
      <c r="J2327" s="98"/>
      <c r="K2327" s="97"/>
      <c r="N2327" s="3"/>
      <c r="W2327" s="98"/>
      <c r="Z2327" s="143"/>
      <c r="AA2327" s="137"/>
      <c r="AB2327" s="137"/>
      <c r="AC2327" s="137"/>
      <c r="AD2327" s="137"/>
      <c r="AE2327" s="137"/>
      <c r="AF2327" s="137"/>
      <c r="AG2327" s="137"/>
      <c r="AH2327" s="137"/>
      <c r="AI2327" s="137"/>
      <c r="AJ2327" s="137"/>
      <c r="AK2327" s="206"/>
      <c r="AL2327" s="206"/>
      <c r="AM2327" s="143"/>
      <c r="AN2327" s="137"/>
      <c r="AO2327" s="137"/>
      <c r="AP2327" s="137"/>
      <c r="AQ2327" s="137"/>
      <c r="AR2327" s="137"/>
      <c r="AS2327" s="137"/>
      <c r="AT2327" s="137"/>
      <c r="AU2327" s="137"/>
      <c r="AV2327" s="137"/>
      <c r="AW2327" s="144"/>
    </row>
    <row r="2328" spans="2:49" x14ac:dyDescent="0.2">
      <c r="B2328" s="97"/>
      <c r="G2328" s="43"/>
      <c r="J2328" s="98"/>
      <c r="K2328" s="97"/>
      <c r="N2328" s="3"/>
      <c r="W2328" s="98"/>
      <c r="Z2328" s="143"/>
      <c r="AA2328" s="137"/>
      <c r="AB2328" s="137"/>
      <c r="AC2328" s="137"/>
      <c r="AD2328" s="137"/>
      <c r="AE2328" s="137"/>
      <c r="AF2328" s="137"/>
      <c r="AG2328" s="137"/>
      <c r="AH2328" s="137"/>
      <c r="AI2328" s="137"/>
      <c r="AJ2328" s="137"/>
      <c r="AK2328" s="206"/>
      <c r="AL2328" s="206"/>
      <c r="AM2328" s="143"/>
      <c r="AN2328" s="137"/>
      <c r="AO2328" s="137"/>
      <c r="AP2328" s="137"/>
      <c r="AQ2328" s="137"/>
      <c r="AR2328" s="137"/>
      <c r="AS2328" s="137"/>
      <c r="AT2328" s="137"/>
      <c r="AU2328" s="137"/>
      <c r="AV2328" s="137"/>
      <c r="AW2328" s="144"/>
    </row>
    <row r="2329" spans="2:49" x14ac:dyDescent="0.2">
      <c r="B2329" s="97"/>
      <c r="G2329" s="43"/>
      <c r="J2329" s="98"/>
      <c r="K2329" s="97"/>
      <c r="N2329" s="3"/>
      <c r="W2329" s="98"/>
      <c r="Z2329" s="143"/>
      <c r="AA2329" s="137"/>
      <c r="AB2329" s="137"/>
      <c r="AC2329" s="137"/>
      <c r="AD2329" s="137"/>
      <c r="AE2329" s="137"/>
      <c r="AF2329" s="137"/>
      <c r="AG2329" s="137"/>
      <c r="AH2329" s="137"/>
      <c r="AI2329" s="137"/>
      <c r="AJ2329" s="137"/>
      <c r="AK2329" s="206"/>
      <c r="AL2329" s="206"/>
      <c r="AM2329" s="143"/>
      <c r="AN2329" s="137"/>
      <c r="AO2329" s="137"/>
      <c r="AP2329" s="137"/>
      <c r="AQ2329" s="137"/>
      <c r="AR2329" s="137"/>
      <c r="AS2329" s="137"/>
      <c r="AT2329" s="137"/>
      <c r="AU2329" s="137"/>
      <c r="AV2329" s="137"/>
      <c r="AW2329" s="144"/>
    </row>
    <row r="2330" spans="2:49" x14ac:dyDescent="0.2">
      <c r="B2330" s="97"/>
      <c r="G2330" s="43"/>
      <c r="J2330" s="98"/>
      <c r="K2330" s="97"/>
      <c r="N2330" s="3"/>
      <c r="W2330" s="98"/>
      <c r="Z2330" s="143"/>
      <c r="AA2330" s="137"/>
      <c r="AB2330" s="137"/>
      <c r="AC2330" s="137"/>
      <c r="AD2330" s="137"/>
      <c r="AE2330" s="137"/>
      <c r="AF2330" s="137"/>
      <c r="AG2330" s="137"/>
      <c r="AH2330" s="137"/>
      <c r="AI2330" s="137"/>
      <c r="AJ2330" s="137"/>
      <c r="AK2330" s="206"/>
      <c r="AL2330" s="206"/>
      <c r="AM2330" s="143"/>
      <c r="AN2330" s="137"/>
      <c r="AO2330" s="137"/>
      <c r="AP2330" s="137"/>
      <c r="AQ2330" s="137"/>
      <c r="AR2330" s="137"/>
      <c r="AS2330" s="137"/>
      <c r="AT2330" s="137"/>
      <c r="AU2330" s="137"/>
      <c r="AV2330" s="137"/>
      <c r="AW2330" s="144"/>
    </row>
    <row r="2331" spans="2:49" x14ac:dyDescent="0.2">
      <c r="B2331" s="97"/>
      <c r="G2331" s="43"/>
      <c r="J2331" s="98"/>
      <c r="K2331" s="97"/>
      <c r="N2331" s="3"/>
      <c r="W2331" s="98"/>
      <c r="Z2331" s="143"/>
      <c r="AA2331" s="137"/>
      <c r="AB2331" s="137"/>
      <c r="AC2331" s="137"/>
      <c r="AD2331" s="137"/>
      <c r="AE2331" s="137"/>
      <c r="AF2331" s="137"/>
      <c r="AG2331" s="137"/>
      <c r="AH2331" s="137"/>
      <c r="AI2331" s="137"/>
      <c r="AJ2331" s="137"/>
      <c r="AK2331" s="206"/>
      <c r="AL2331" s="206"/>
      <c r="AM2331" s="143"/>
      <c r="AN2331" s="137"/>
      <c r="AO2331" s="137"/>
      <c r="AP2331" s="137"/>
      <c r="AQ2331" s="137"/>
      <c r="AR2331" s="137"/>
      <c r="AS2331" s="137"/>
      <c r="AT2331" s="137"/>
      <c r="AU2331" s="137"/>
      <c r="AV2331" s="137"/>
      <c r="AW2331" s="144"/>
    </row>
    <row r="2332" spans="2:49" x14ac:dyDescent="0.2">
      <c r="B2332" s="97"/>
      <c r="G2332" s="43"/>
      <c r="J2332" s="98"/>
      <c r="K2332" s="97"/>
      <c r="N2332" s="3"/>
      <c r="W2332" s="98"/>
      <c r="Z2332" s="143"/>
      <c r="AA2332" s="137"/>
      <c r="AB2332" s="137"/>
      <c r="AC2332" s="137"/>
      <c r="AD2332" s="137"/>
      <c r="AE2332" s="137"/>
      <c r="AF2332" s="137"/>
      <c r="AG2332" s="137"/>
      <c r="AH2332" s="137"/>
      <c r="AI2332" s="137"/>
      <c r="AJ2332" s="137"/>
      <c r="AK2332" s="206"/>
      <c r="AL2332" s="206"/>
      <c r="AM2332" s="143"/>
      <c r="AN2332" s="137"/>
      <c r="AO2332" s="137"/>
      <c r="AP2332" s="137"/>
      <c r="AQ2332" s="137"/>
      <c r="AR2332" s="137"/>
      <c r="AS2332" s="137"/>
      <c r="AT2332" s="137"/>
      <c r="AU2332" s="137"/>
      <c r="AV2332" s="137"/>
      <c r="AW2332" s="144"/>
    </row>
    <row r="2333" spans="2:49" x14ac:dyDescent="0.2">
      <c r="B2333" s="97"/>
      <c r="G2333" s="43"/>
      <c r="J2333" s="98"/>
      <c r="K2333" s="97"/>
      <c r="N2333" s="3"/>
      <c r="W2333" s="98"/>
      <c r="Z2333" s="143"/>
      <c r="AA2333" s="137"/>
      <c r="AB2333" s="137"/>
      <c r="AC2333" s="137"/>
      <c r="AD2333" s="137"/>
      <c r="AE2333" s="137"/>
      <c r="AF2333" s="137"/>
      <c r="AG2333" s="137"/>
      <c r="AH2333" s="137"/>
      <c r="AI2333" s="137"/>
      <c r="AJ2333" s="137"/>
      <c r="AK2333" s="206"/>
      <c r="AL2333" s="206"/>
      <c r="AM2333" s="143"/>
      <c r="AN2333" s="137"/>
      <c r="AO2333" s="137"/>
      <c r="AP2333" s="137"/>
      <c r="AQ2333" s="137"/>
      <c r="AR2333" s="137"/>
      <c r="AS2333" s="137"/>
      <c r="AT2333" s="137"/>
      <c r="AU2333" s="137"/>
      <c r="AV2333" s="137"/>
      <c r="AW2333" s="144"/>
    </row>
    <row r="2334" spans="2:49" x14ac:dyDescent="0.2">
      <c r="B2334" s="97"/>
      <c r="G2334" s="43"/>
      <c r="J2334" s="98"/>
      <c r="K2334" s="97"/>
      <c r="N2334" s="3"/>
      <c r="W2334" s="98"/>
      <c r="Z2334" s="143"/>
      <c r="AA2334" s="137"/>
      <c r="AB2334" s="137"/>
      <c r="AC2334" s="137"/>
      <c r="AD2334" s="137"/>
      <c r="AE2334" s="137"/>
      <c r="AF2334" s="137"/>
      <c r="AG2334" s="137"/>
      <c r="AH2334" s="137"/>
      <c r="AI2334" s="137"/>
      <c r="AJ2334" s="137"/>
      <c r="AK2334" s="206"/>
      <c r="AL2334" s="206"/>
      <c r="AM2334" s="143"/>
      <c r="AN2334" s="137"/>
      <c r="AO2334" s="137"/>
      <c r="AP2334" s="137"/>
      <c r="AQ2334" s="137"/>
      <c r="AR2334" s="137"/>
      <c r="AS2334" s="137"/>
      <c r="AT2334" s="137"/>
      <c r="AU2334" s="137"/>
      <c r="AV2334" s="137"/>
      <c r="AW2334" s="144"/>
    </row>
    <row r="2335" spans="2:49" x14ac:dyDescent="0.2">
      <c r="B2335" s="97"/>
      <c r="G2335" s="43"/>
      <c r="J2335" s="98"/>
      <c r="K2335" s="97"/>
      <c r="N2335" s="3"/>
      <c r="W2335" s="98"/>
      <c r="Z2335" s="143"/>
      <c r="AA2335" s="137"/>
      <c r="AB2335" s="137"/>
      <c r="AC2335" s="137"/>
      <c r="AD2335" s="137"/>
      <c r="AE2335" s="137"/>
      <c r="AF2335" s="137"/>
      <c r="AG2335" s="137"/>
      <c r="AH2335" s="137"/>
      <c r="AI2335" s="137"/>
      <c r="AJ2335" s="137"/>
      <c r="AK2335" s="206"/>
      <c r="AL2335" s="206"/>
      <c r="AM2335" s="143"/>
      <c r="AN2335" s="137"/>
      <c r="AO2335" s="137"/>
      <c r="AP2335" s="137"/>
      <c r="AQ2335" s="137"/>
      <c r="AR2335" s="137"/>
      <c r="AS2335" s="137"/>
      <c r="AT2335" s="137"/>
      <c r="AU2335" s="137"/>
      <c r="AV2335" s="137"/>
      <c r="AW2335" s="144"/>
    </row>
    <row r="2336" spans="2:49" x14ac:dyDescent="0.2">
      <c r="B2336" s="97"/>
      <c r="G2336" s="43"/>
      <c r="J2336" s="98"/>
      <c r="K2336" s="97"/>
      <c r="N2336" s="3"/>
      <c r="W2336" s="98"/>
      <c r="Z2336" s="143"/>
      <c r="AA2336" s="137"/>
      <c r="AB2336" s="137"/>
      <c r="AC2336" s="137"/>
      <c r="AD2336" s="137"/>
      <c r="AE2336" s="137"/>
      <c r="AF2336" s="137"/>
      <c r="AG2336" s="137"/>
      <c r="AH2336" s="137"/>
      <c r="AI2336" s="137"/>
      <c r="AJ2336" s="137"/>
      <c r="AK2336" s="206"/>
      <c r="AL2336" s="206"/>
      <c r="AM2336" s="143"/>
      <c r="AN2336" s="137"/>
      <c r="AO2336" s="137"/>
      <c r="AP2336" s="137"/>
      <c r="AQ2336" s="137"/>
      <c r="AR2336" s="137"/>
      <c r="AS2336" s="137"/>
      <c r="AT2336" s="137"/>
      <c r="AU2336" s="137"/>
      <c r="AV2336" s="137"/>
      <c r="AW2336" s="144"/>
    </row>
    <row r="2337" spans="2:49" x14ac:dyDescent="0.2">
      <c r="B2337" s="97"/>
      <c r="G2337" s="43"/>
      <c r="J2337" s="98"/>
      <c r="K2337" s="97"/>
      <c r="N2337" s="3"/>
      <c r="W2337" s="98"/>
      <c r="Z2337" s="143"/>
      <c r="AA2337" s="137"/>
      <c r="AB2337" s="137"/>
      <c r="AC2337" s="137"/>
      <c r="AD2337" s="137"/>
      <c r="AE2337" s="137"/>
      <c r="AF2337" s="137"/>
      <c r="AG2337" s="137"/>
      <c r="AH2337" s="137"/>
      <c r="AI2337" s="137"/>
      <c r="AJ2337" s="137"/>
      <c r="AK2337" s="206"/>
      <c r="AL2337" s="206"/>
      <c r="AM2337" s="143"/>
      <c r="AN2337" s="137"/>
      <c r="AO2337" s="137"/>
      <c r="AP2337" s="137"/>
      <c r="AQ2337" s="137"/>
      <c r="AR2337" s="137"/>
      <c r="AS2337" s="137"/>
      <c r="AT2337" s="137"/>
      <c r="AU2337" s="137"/>
      <c r="AV2337" s="137"/>
      <c r="AW2337" s="144"/>
    </row>
    <row r="2338" spans="2:49" x14ac:dyDescent="0.2">
      <c r="B2338" s="97"/>
      <c r="G2338" s="43"/>
      <c r="J2338" s="98"/>
      <c r="K2338" s="97"/>
      <c r="N2338" s="3"/>
      <c r="W2338" s="98"/>
      <c r="Z2338" s="143"/>
      <c r="AA2338" s="137"/>
      <c r="AB2338" s="137"/>
      <c r="AC2338" s="137"/>
      <c r="AD2338" s="137"/>
      <c r="AE2338" s="137"/>
      <c r="AF2338" s="137"/>
      <c r="AG2338" s="137"/>
      <c r="AH2338" s="137"/>
      <c r="AI2338" s="137"/>
      <c r="AJ2338" s="137"/>
      <c r="AK2338" s="206"/>
      <c r="AL2338" s="206"/>
      <c r="AM2338" s="143"/>
      <c r="AN2338" s="137"/>
      <c r="AO2338" s="137"/>
      <c r="AP2338" s="137"/>
      <c r="AQ2338" s="137"/>
      <c r="AR2338" s="137"/>
      <c r="AS2338" s="137"/>
      <c r="AT2338" s="137"/>
      <c r="AU2338" s="137"/>
      <c r="AV2338" s="137"/>
      <c r="AW2338" s="144"/>
    </row>
    <row r="2339" spans="2:49" x14ac:dyDescent="0.2">
      <c r="B2339" s="97"/>
      <c r="G2339" s="43"/>
      <c r="J2339" s="98"/>
      <c r="K2339" s="97"/>
      <c r="N2339" s="3"/>
      <c r="W2339" s="98"/>
      <c r="Z2339" s="143"/>
      <c r="AA2339" s="137"/>
      <c r="AB2339" s="137"/>
      <c r="AC2339" s="137"/>
      <c r="AD2339" s="137"/>
      <c r="AE2339" s="137"/>
      <c r="AF2339" s="137"/>
      <c r="AG2339" s="137"/>
      <c r="AH2339" s="137"/>
      <c r="AI2339" s="137"/>
      <c r="AJ2339" s="137"/>
      <c r="AK2339" s="206"/>
      <c r="AL2339" s="206"/>
      <c r="AM2339" s="143"/>
      <c r="AN2339" s="137"/>
      <c r="AO2339" s="137"/>
      <c r="AP2339" s="137"/>
      <c r="AQ2339" s="137"/>
      <c r="AR2339" s="137"/>
      <c r="AS2339" s="137"/>
      <c r="AT2339" s="137"/>
      <c r="AU2339" s="137"/>
      <c r="AV2339" s="137"/>
      <c r="AW2339" s="144"/>
    </row>
    <row r="2340" spans="2:49" x14ac:dyDescent="0.2">
      <c r="B2340" s="97"/>
      <c r="G2340" s="43"/>
      <c r="J2340" s="98"/>
      <c r="K2340" s="97"/>
      <c r="N2340" s="3"/>
      <c r="W2340" s="98"/>
      <c r="Z2340" s="143"/>
      <c r="AA2340" s="137"/>
      <c r="AB2340" s="137"/>
      <c r="AC2340" s="137"/>
      <c r="AD2340" s="137"/>
      <c r="AE2340" s="137"/>
      <c r="AF2340" s="137"/>
      <c r="AG2340" s="137"/>
      <c r="AH2340" s="137"/>
      <c r="AI2340" s="137"/>
      <c r="AJ2340" s="137"/>
      <c r="AK2340" s="206"/>
      <c r="AL2340" s="206"/>
      <c r="AM2340" s="143"/>
      <c r="AN2340" s="137"/>
      <c r="AO2340" s="137"/>
      <c r="AP2340" s="137"/>
      <c r="AQ2340" s="137"/>
      <c r="AR2340" s="137"/>
      <c r="AS2340" s="137"/>
      <c r="AT2340" s="137"/>
      <c r="AU2340" s="137"/>
      <c r="AV2340" s="137"/>
      <c r="AW2340" s="144"/>
    </row>
    <row r="2341" spans="2:49" x14ac:dyDescent="0.2">
      <c r="B2341" s="97"/>
      <c r="G2341" s="43"/>
      <c r="J2341" s="98"/>
      <c r="K2341" s="97"/>
      <c r="N2341" s="3"/>
      <c r="W2341" s="98"/>
      <c r="Z2341" s="143"/>
      <c r="AA2341" s="137"/>
      <c r="AB2341" s="137"/>
      <c r="AC2341" s="137"/>
      <c r="AD2341" s="137"/>
      <c r="AE2341" s="137"/>
      <c r="AF2341" s="137"/>
      <c r="AG2341" s="137"/>
      <c r="AH2341" s="137"/>
      <c r="AI2341" s="137"/>
      <c r="AJ2341" s="137"/>
      <c r="AK2341" s="206"/>
      <c r="AL2341" s="206"/>
      <c r="AM2341" s="143"/>
      <c r="AN2341" s="137"/>
      <c r="AO2341" s="137"/>
      <c r="AP2341" s="137"/>
      <c r="AQ2341" s="137"/>
      <c r="AR2341" s="137"/>
      <c r="AS2341" s="137"/>
      <c r="AT2341" s="137"/>
      <c r="AU2341" s="137"/>
      <c r="AV2341" s="137"/>
      <c r="AW2341" s="144"/>
    </row>
    <row r="2342" spans="2:49" x14ac:dyDescent="0.2">
      <c r="B2342" s="97"/>
      <c r="G2342" s="43"/>
      <c r="J2342" s="98"/>
      <c r="K2342" s="97"/>
      <c r="N2342" s="3"/>
      <c r="W2342" s="98"/>
      <c r="Z2342" s="143"/>
      <c r="AA2342" s="137"/>
      <c r="AB2342" s="137"/>
      <c r="AC2342" s="137"/>
      <c r="AD2342" s="137"/>
      <c r="AE2342" s="137"/>
      <c r="AF2342" s="137"/>
      <c r="AG2342" s="137"/>
      <c r="AH2342" s="137"/>
      <c r="AI2342" s="137"/>
      <c r="AJ2342" s="137"/>
      <c r="AK2342" s="206"/>
      <c r="AL2342" s="206"/>
      <c r="AM2342" s="143"/>
      <c r="AN2342" s="137"/>
      <c r="AO2342" s="137"/>
      <c r="AP2342" s="137"/>
      <c r="AQ2342" s="137"/>
      <c r="AR2342" s="137"/>
      <c r="AS2342" s="137"/>
      <c r="AT2342" s="137"/>
      <c r="AU2342" s="137"/>
      <c r="AV2342" s="137"/>
      <c r="AW2342" s="144"/>
    </row>
    <row r="2343" spans="2:49" x14ac:dyDescent="0.2">
      <c r="B2343" s="97"/>
      <c r="G2343" s="43"/>
      <c r="J2343" s="98"/>
      <c r="K2343" s="97"/>
      <c r="N2343" s="3"/>
      <c r="W2343" s="98"/>
      <c r="Z2343" s="143"/>
      <c r="AA2343" s="137"/>
      <c r="AB2343" s="137"/>
      <c r="AC2343" s="137"/>
      <c r="AD2343" s="137"/>
      <c r="AE2343" s="137"/>
      <c r="AF2343" s="137"/>
      <c r="AG2343" s="137"/>
      <c r="AH2343" s="137"/>
      <c r="AI2343" s="137"/>
      <c r="AJ2343" s="137"/>
      <c r="AK2343" s="206"/>
      <c r="AL2343" s="206"/>
      <c r="AM2343" s="143"/>
      <c r="AN2343" s="137"/>
      <c r="AO2343" s="137"/>
      <c r="AP2343" s="137"/>
      <c r="AQ2343" s="137"/>
      <c r="AR2343" s="137"/>
      <c r="AS2343" s="137"/>
      <c r="AT2343" s="137"/>
      <c r="AU2343" s="137"/>
      <c r="AV2343" s="137"/>
      <c r="AW2343" s="144"/>
    </row>
    <row r="2344" spans="2:49" x14ac:dyDescent="0.2">
      <c r="B2344" s="97"/>
      <c r="G2344" s="43"/>
      <c r="J2344" s="98"/>
      <c r="K2344" s="97"/>
      <c r="N2344" s="3"/>
      <c r="W2344" s="98"/>
      <c r="Z2344" s="143"/>
      <c r="AA2344" s="137"/>
      <c r="AB2344" s="137"/>
      <c r="AC2344" s="137"/>
      <c r="AD2344" s="137"/>
      <c r="AE2344" s="137"/>
      <c r="AF2344" s="137"/>
      <c r="AG2344" s="137"/>
      <c r="AH2344" s="137"/>
      <c r="AI2344" s="137"/>
      <c r="AJ2344" s="137"/>
      <c r="AK2344" s="206"/>
      <c r="AL2344" s="206"/>
      <c r="AM2344" s="143"/>
      <c r="AN2344" s="137"/>
      <c r="AO2344" s="137"/>
      <c r="AP2344" s="137"/>
      <c r="AQ2344" s="137"/>
      <c r="AR2344" s="137"/>
      <c r="AS2344" s="137"/>
      <c r="AT2344" s="137"/>
      <c r="AU2344" s="137"/>
      <c r="AV2344" s="137"/>
      <c r="AW2344" s="144"/>
    </row>
    <row r="2345" spans="2:49" x14ac:dyDescent="0.2">
      <c r="B2345" s="97"/>
      <c r="G2345" s="43"/>
      <c r="J2345" s="98"/>
      <c r="K2345" s="97"/>
      <c r="N2345" s="3"/>
      <c r="W2345" s="98"/>
      <c r="Z2345" s="143"/>
      <c r="AA2345" s="137"/>
      <c r="AB2345" s="137"/>
      <c r="AC2345" s="137"/>
      <c r="AD2345" s="137"/>
      <c r="AE2345" s="137"/>
      <c r="AF2345" s="137"/>
      <c r="AG2345" s="137"/>
      <c r="AH2345" s="137"/>
      <c r="AI2345" s="137"/>
      <c r="AJ2345" s="137"/>
      <c r="AK2345" s="206"/>
      <c r="AL2345" s="206"/>
      <c r="AM2345" s="143"/>
      <c r="AN2345" s="137"/>
      <c r="AO2345" s="137"/>
      <c r="AP2345" s="137"/>
      <c r="AQ2345" s="137"/>
      <c r="AR2345" s="137"/>
      <c r="AS2345" s="137"/>
      <c r="AT2345" s="137"/>
      <c r="AU2345" s="137"/>
      <c r="AV2345" s="137"/>
      <c r="AW2345" s="144"/>
    </row>
    <row r="2346" spans="2:49" x14ac:dyDescent="0.2">
      <c r="B2346" s="97"/>
      <c r="G2346" s="43"/>
      <c r="J2346" s="98"/>
      <c r="K2346" s="97"/>
      <c r="N2346" s="3"/>
      <c r="W2346" s="98"/>
      <c r="Z2346" s="143"/>
      <c r="AA2346" s="137"/>
      <c r="AB2346" s="137"/>
      <c r="AC2346" s="137"/>
      <c r="AD2346" s="137"/>
      <c r="AE2346" s="137"/>
      <c r="AF2346" s="137"/>
      <c r="AG2346" s="137"/>
      <c r="AH2346" s="137"/>
      <c r="AI2346" s="137"/>
      <c r="AJ2346" s="137"/>
      <c r="AK2346" s="206"/>
      <c r="AL2346" s="206"/>
      <c r="AM2346" s="143"/>
      <c r="AN2346" s="137"/>
      <c r="AO2346" s="137"/>
      <c r="AP2346" s="137"/>
      <c r="AQ2346" s="137"/>
      <c r="AR2346" s="137"/>
      <c r="AS2346" s="137"/>
      <c r="AT2346" s="137"/>
      <c r="AU2346" s="137"/>
      <c r="AV2346" s="137"/>
      <c r="AW2346" s="144"/>
    </row>
    <row r="2347" spans="2:49" x14ac:dyDescent="0.2">
      <c r="B2347" s="97"/>
      <c r="G2347" s="43"/>
      <c r="J2347" s="98"/>
      <c r="K2347" s="97"/>
      <c r="N2347" s="3"/>
      <c r="W2347" s="98"/>
      <c r="Z2347" s="143"/>
      <c r="AA2347" s="137"/>
      <c r="AB2347" s="137"/>
      <c r="AC2347" s="137"/>
      <c r="AD2347" s="137"/>
      <c r="AE2347" s="137"/>
      <c r="AF2347" s="137"/>
      <c r="AG2347" s="137"/>
      <c r="AH2347" s="137"/>
      <c r="AI2347" s="137"/>
      <c r="AJ2347" s="137"/>
      <c r="AK2347" s="206"/>
      <c r="AL2347" s="206"/>
      <c r="AM2347" s="143"/>
      <c r="AN2347" s="137"/>
      <c r="AO2347" s="137"/>
      <c r="AP2347" s="137"/>
      <c r="AQ2347" s="137"/>
      <c r="AR2347" s="137"/>
      <c r="AS2347" s="137"/>
      <c r="AT2347" s="137"/>
      <c r="AU2347" s="137"/>
      <c r="AV2347" s="137"/>
      <c r="AW2347" s="144"/>
    </row>
    <row r="2348" spans="2:49" x14ac:dyDescent="0.2">
      <c r="B2348" s="97"/>
      <c r="G2348" s="43"/>
      <c r="J2348" s="98"/>
      <c r="K2348" s="97"/>
      <c r="N2348" s="3"/>
      <c r="W2348" s="98"/>
      <c r="Z2348" s="143"/>
      <c r="AA2348" s="137"/>
      <c r="AB2348" s="137"/>
      <c r="AC2348" s="137"/>
      <c r="AD2348" s="137"/>
      <c r="AE2348" s="137"/>
      <c r="AF2348" s="137"/>
      <c r="AG2348" s="137"/>
      <c r="AH2348" s="137"/>
      <c r="AI2348" s="137"/>
      <c r="AJ2348" s="137"/>
      <c r="AK2348" s="206"/>
      <c r="AL2348" s="206"/>
      <c r="AM2348" s="143"/>
      <c r="AN2348" s="137"/>
      <c r="AO2348" s="137"/>
      <c r="AP2348" s="137"/>
      <c r="AQ2348" s="137"/>
      <c r="AR2348" s="137"/>
      <c r="AS2348" s="137"/>
      <c r="AT2348" s="137"/>
      <c r="AU2348" s="137"/>
      <c r="AV2348" s="137"/>
      <c r="AW2348" s="144"/>
    </row>
    <row r="2349" spans="2:49" x14ac:dyDescent="0.2">
      <c r="B2349" s="97"/>
      <c r="G2349" s="43"/>
      <c r="J2349" s="98"/>
      <c r="K2349" s="97"/>
      <c r="N2349" s="3"/>
      <c r="W2349" s="98"/>
      <c r="Z2349" s="143"/>
      <c r="AA2349" s="137"/>
      <c r="AB2349" s="137"/>
      <c r="AC2349" s="137"/>
      <c r="AD2349" s="137"/>
      <c r="AE2349" s="137"/>
      <c r="AF2349" s="137"/>
      <c r="AG2349" s="137"/>
      <c r="AH2349" s="137"/>
      <c r="AI2349" s="137"/>
      <c r="AJ2349" s="137"/>
      <c r="AK2349" s="206"/>
      <c r="AL2349" s="206"/>
      <c r="AM2349" s="143"/>
      <c r="AN2349" s="137"/>
      <c r="AO2349" s="137"/>
      <c r="AP2349" s="137"/>
      <c r="AQ2349" s="137"/>
      <c r="AR2349" s="137"/>
      <c r="AS2349" s="137"/>
      <c r="AT2349" s="137"/>
      <c r="AU2349" s="137"/>
      <c r="AV2349" s="137"/>
      <c r="AW2349" s="144"/>
    </row>
    <row r="2350" spans="2:49" x14ac:dyDescent="0.2">
      <c r="B2350" s="97"/>
      <c r="G2350" s="43"/>
      <c r="J2350" s="98"/>
      <c r="K2350" s="97"/>
      <c r="N2350" s="3"/>
      <c r="W2350" s="98"/>
      <c r="Z2350" s="143"/>
      <c r="AA2350" s="137"/>
      <c r="AB2350" s="137"/>
      <c r="AC2350" s="137"/>
      <c r="AD2350" s="137"/>
      <c r="AE2350" s="137"/>
      <c r="AF2350" s="137"/>
      <c r="AG2350" s="137"/>
      <c r="AH2350" s="137"/>
      <c r="AI2350" s="137"/>
      <c r="AJ2350" s="137"/>
      <c r="AK2350" s="206"/>
      <c r="AL2350" s="206"/>
      <c r="AM2350" s="143"/>
      <c r="AN2350" s="137"/>
      <c r="AO2350" s="137"/>
      <c r="AP2350" s="137"/>
      <c r="AQ2350" s="137"/>
      <c r="AR2350" s="137"/>
      <c r="AS2350" s="137"/>
      <c r="AT2350" s="137"/>
      <c r="AU2350" s="137"/>
      <c r="AV2350" s="137"/>
      <c r="AW2350" s="144"/>
    </row>
    <row r="2351" spans="2:49" x14ac:dyDescent="0.2">
      <c r="B2351" s="97"/>
      <c r="G2351" s="43"/>
      <c r="J2351" s="98"/>
      <c r="K2351" s="97"/>
      <c r="N2351" s="3"/>
      <c r="W2351" s="98"/>
      <c r="Z2351" s="143"/>
      <c r="AA2351" s="137"/>
      <c r="AB2351" s="137"/>
      <c r="AC2351" s="137"/>
      <c r="AD2351" s="137"/>
      <c r="AE2351" s="137"/>
      <c r="AF2351" s="137"/>
      <c r="AG2351" s="137"/>
      <c r="AH2351" s="137"/>
      <c r="AI2351" s="137"/>
      <c r="AJ2351" s="137"/>
      <c r="AK2351" s="206"/>
      <c r="AL2351" s="206"/>
      <c r="AM2351" s="143"/>
      <c r="AN2351" s="137"/>
      <c r="AO2351" s="137"/>
      <c r="AP2351" s="137"/>
      <c r="AQ2351" s="137"/>
      <c r="AR2351" s="137"/>
      <c r="AS2351" s="137"/>
      <c r="AT2351" s="137"/>
      <c r="AU2351" s="137"/>
      <c r="AV2351" s="137"/>
      <c r="AW2351" s="144"/>
    </row>
    <row r="2352" spans="2:49" x14ac:dyDescent="0.2">
      <c r="B2352" s="97"/>
      <c r="G2352" s="43"/>
      <c r="J2352" s="98"/>
      <c r="K2352" s="97"/>
      <c r="N2352" s="3"/>
      <c r="W2352" s="98"/>
      <c r="Z2352" s="143"/>
      <c r="AA2352" s="137"/>
      <c r="AB2352" s="137"/>
      <c r="AC2352" s="137"/>
      <c r="AD2352" s="137"/>
      <c r="AE2352" s="137"/>
      <c r="AF2352" s="137"/>
      <c r="AG2352" s="137"/>
      <c r="AH2352" s="137"/>
      <c r="AI2352" s="137"/>
      <c r="AJ2352" s="137"/>
      <c r="AK2352" s="206"/>
      <c r="AL2352" s="206"/>
      <c r="AM2352" s="143"/>
      <c r="AN2352" s="137"/>
      <c r="AO2352" s="137"/>
      <c r="AP2352" s="137"/>
      <c r="AQ2352" s="137"/>
      <c r="AR2352" s="137"/>
      <c r="AS2352" s="137"/>
      <c r="AT2352" s="137"/>
      <c r="AU2352" s="137"/>
      <c r="AV2352" s="137"/>
      <c r="AW2352" s="144"/>
    </row>
    <row r="2353" spans="2:49" x14ac:dyDescent="0.2">
      <c r="B2353" s="97"/>
      <c r="G2353" s="43"/>
      <c r="J2353" s="98"/>
      <c r="K2353" s="97"/>
      <c r="N2353" s="3"/>
      <c r="W2353" s="98"/>
      <c r="Z2353" s="143"/>
      <c r="AA2353" s="137"/>
      <c r="AB2353" s="137"/>
      <c r="AC2353" s="137"/>
      <c r="AD2353" s="137"/>
      <c r="AE2353" s="137"/>
      <c r="AF2353" s="137"/>
      <c r="AG2353" s="137"/>
      <c r="AH2353" s="137"/>
      <c r="AI2353" s="137"/>
      <c r="AJ2353" s="137"/>
      <c r="AK2353" s="206"/>
      <c r="AL2353" s="206"/>
      <c r="AM2353" s="143"/>
      <c r="AN2353" s="137"/>
      <c r="AO2353" s="137"/>
      <c r="AP2353" s="137"/>
      <c r="AQ2353" s="137"/>
      <c r="AR2353" s="137"/>
      <c r="AS2353" s="137"/>
      <c r="AT2353" s="137"/>
      <c r="AU2353" s="137"/>
      <c r="AV2353" s="137"/>
      <c r="AW2353" s="144"/>
    </row>
    <row r="2354" spans="2:49" x14ac:dyDescent="0.2">
      <c r="B2354" s="97"/>
      <c r="G2354" s="43"/>
      <c r="J2354" s="98"/>
      <c r="K2354" s="97"/>
      <c r="N2354" s="3"/>
      <c r="W2354" s="98"/>
      <c r="Z2354" s="143"/>
      <c r="AA2354" s="137"/>
      <c r="AB2354" s="137"/>
      <c r="AC2354" s="137"/>
      <c r="AD2354" s="137"/>
      <c r="AE2354" s="137"/>
      <c r="AF2354" s="137"/>
      <c r="AG2354" s="137"/>
      <c r="AH2354" s="137"/>
      <c r="AI2354" s="137"/>
      <c r="AJ2354" s="137"/>
      <c r="AK2354" s="206"/>
      <c r="AL2354" s="206"/>
      <c r="AM2354" s="143"/>
      <c r="AN2354" s="137"/>
      <c r="AO2354" s="137"/>
      <c r="AP2354" s="137"/>
      <c r="AQ2354" s="137"/>
      <c r="AR2354" s="137"/>
      <c r="AS2354" s="137"/>
      <c r="AT2354" s="137"/>
      <c r="AU2354" s="137"/>
      <c r="AV2354" s="137"/>
      <c r="AW2354" s="144"/>
    </row>
    <row r="2355" spans="2:49" x14ac:dyDescent="0.2">
      <c r="B2355" s="97"/>
      <c r="G2355" s="43"/>
      <c r="J2355" s="98"/>
      <c r="K2355" s="97"/>
      <c r="N2355" s="3"/>
      <c r="W2355" s="98"/>
      <c r="Z2355" s="143"/>
      <c r="AA2355" s="137"/>
      <c r="AB2355" s="137"/>
      <c r="AC2355" s="137"/>
      <c r="AD2355" s="137"/>
      <c r="AE2355" s="137"/>
      <c r="AF2355" s="137"/>
      <c r="AG2355" s="137"/>
      <c r="AH2355" s="137"/>
      <c r="AI2355" s="137"/>
      <c r="AJ2355" s="137"/>
      <c r="AK2355" s="206"/>
      <c r="AL2355" s="206"/>
      <c r="AM2355" s="143"/>
      <c r="AN2355" s="137"/>
      <c r="AO2355" s="137"/>
      <c r="AP2355" s="137"/>
      <c r="AQ2355" s="137"/>
      <c r="AR2355" s="137"/>
      <c r="AS2355" s="137"/>
      <c r="AT2355" s="137"/>
      <c r="AU2355" s="137"/>
      <c r="AV2355" s="137"/>
      <c r="AW2355" s="144"/>
    </row>
    <row r="2356" spans="2:49" x14ac:dyDescent="0.2">
      <c r="B2356" s="97"/>
      <c r="G2356" s="43"/>
      <c r="J2356" s="98"/>
      <c r="K2356" s="97"/>
      <c r="N2356" s="3"/>
      <c r="W2356" s="98"/>
      <c r="Z2356" s="143"/>
      <c r="AA2356" s="137"/>
      <c r="AB2356" s="137"/>
      <c r="AC2356" s="137"/>
      <c r="AD2356" s="137"/>
      <c r="AE2356" s="137"/>
      <c r="AF2356" s="137"/>
      <c r="AG2356" s="137"/>
      <c r="AH2356" s="137"/>
      <c r="AI2356" s="137"/>
      <c r="AJ2356" s="137"/>
      <c r="AK2356" s="206"/>
      <c r="AL2356" s="206"/>
      <c r="AM2356" s="143"/>
      <c r="AN2356" s="137"/>
      <c r="AO2356" s="137"/>
      <c r="AP2356" s="137"/>
      <c r="AQ2356" s="137"/>
      <c r="AR2356" s="137"/>
      <c r="AS2356" s="137"/>
      <c r="AT2356" s="137"/>
      <c r="AU2356" s="137"/>
      <c r="AV2356" s="137"/>
      <c r="AW2356" s="144"/>
    </row>
    <row r="2357" spans="2:49" x14ac:dyDescent="0.2">
      <c r="B2357" s="97"/>
      <c r="G2357" s="43"/>
      <c r="J2357" s="98"/>
      <c r="K2357" s="97"/>
      <c r="N2357" s="3"/>
      <c r="W2357" s="98"/>
      <c r="Z2357" s="143"/>
      <c r="AA2357" s="137"/>
      <c r="AB2357" s="137"/>
      <c r="AC2357" s="137"/>
      <c r="AD2357" s="137"/>
      <c r="AE2357" s="137"/>
      <c r="AF2357" s="137"/>
      <c r="AG2357" s="137"/>
      <c r="AH2357" s="137"/>
      <c r="AI2357" s="137"/>
      <c r="AJ2357" s="137"/>
      <c r="AK2357" s="206"/>
      <c r="AL2357" s="206"/>
      <c r="AM2357" s="143"/>
      <c r="AN2357" s="137"/>
      <c r="AO2357" s="137"/>
      <c r="AP2357" s="137"/>
      <c r="AQ2357" s="137"/>
      <c r="AR2357" s="137"/>
      <c r="AS2357" s="137"/>
      <c r="AT2357" s="137"/>
      <c r="AU2357" s="137"/>
      <c r="AV2357" s="137"/>
      <c r="AW2357" s="144"/>
    </row>
    <row r="2358" spans="2:49" x14ac:dyDescent="0.2">
      <c r="B2358" s="97"/>
      <c r="G2358" s="43"/>
      <c r="J2358" s="98"/>
      <c r="K2358" s="97"/>
      <c r="N2358" s="3"/>
      <c r="W2358" s="98"/>
      <c r="Z2358" s="143"/>
      <c r="AA2358" s="137"/>
      <c r="AB2358" s="137"/>
      <c r="AC2358" s="137"/>
      <c r="AD2358" s="137"/>
      <c r="AE2358" s="137"/>
      <c r="AF2358" s="137"/>
      <c r="AG2358" s="137"/>
      <c r="AH2358" s="137"/>
      <c r="AI2358" s="137"/>
      <c r="AJ2358" s="137"/>
      <c r="AK2358" s="206"/>
      <c r="AL2358" s="206"/>
      <c r="AM2358" s="143"/>
      <c r="AN2358" s="137"/>
      <c r="AO2358" s="137"/>
      <c r="AP2358" s="137"/>
      <c r="AQ2358" s="137"/>
      <c r="AR2358" s="137"/>
      <c r="AS2358" s="137"/>
      <c r="AT2358" s="137"/>
      <c r="AU2358" s="137"/>
      <c r="AV2358" s="137"/>
      <c r="AW2358" s="144"/>
    </row>
    <row r="2359" spans="2:49" x14ac:dyDescent="0.2">
      <c r="B2359" s="97"/>
      <c r="G2359" s="43"/>
      <c r="J2359" s="98"/>
      <c r="K2359" s="97"/>
      <c r="N2359" s="3"/>
      <c r="W2359" s="98"/>
      <c r="Z2359" s="143"/>
      <c r="AA2359" s="137"/>
      <c r="AB2359" s="137"/>
      <c r="AC2359" s="137"/>
      <c r="AD2359" s="137"/>
      <c r="AE2359" s="137"/>
      <c r="AF2359" s="137"/>
      <c r="AG2359" s="137"/>
      <c r="AH2359" s="137"/>
      <c r="AI2359" s="137"/>
      <c r="AJ2359" s="137"/>
      <c r="AK2359" s="206"/>
      <c r="AL2359" s="206"/>
      <c r="AM2359" s="143"/>
      <c r="AN2359" s="137"/>
      <c r="AO2359" s="137"/>
      <c r="AP2359" s="137"/>
      <c r="AQ2359" s="137"/>
      <c r="AR2359" s="137"/>
      <c r="AS2359" s="137"/>
      <c r="AT2359" s="137"/>
      <c r="AU2359" s="137"/>
      <c r="AV2359" s="137"/>
      <c r="AW2359" s="144"/>
    </row>
    <row r="2360" spans="2:49" x14ac:dyDescent="0.2">
      <c r="B2360" s="97"/>
      <c r="G2360" s="43"/>
      <c r="J2360" s="98"/>
      <c r="K2360" s="97"/>
      <c r="N2360" s="3"/>
      <c r="W2360" s="98"/>
      <c r="Z2360" s="143"/>
      <c r="AA2360" s="137"/>
      <c r="AB2360" s="137"/>
      <c r="AC2360" s="137"/>
      <c r="AD2360" s="137"/>
      <c r="AE2360" s="137"/>
      <c r="AF2360" s="137"/>
      <c r="AG2360" s="137"/>
      <c r="AH2360" s="137"/>
      <c r="AI2360" s="137"/>
      <c r="AJ2360" s="137"/>
      <c r="AK2360" s="206"/>
      <c r="AL2360" s="206"/>
      <c r="AM2360" s="143"/>
      <c r="AN2360" s="137"/>
      <c r="AO2360" s="137"/>
      <c r="AP2360" s="137"/>
      <c r="AQ2360" s="137"/>
      <c r="AR2360" s="137"/>
      <c r="AS2360" s="137"/>
      <c r="AT2360" s="137"/>
      <c r="AU2360" s="137"/>
      <c r="AV2360" s="137"/>
      <c r="AW2360" s="144"/>
    </row>
    <row r="2361" spans="2:49" x14ac:dyDescent="0.2">
      <c r="B2361" s="97"/>
      <c r="G2361" s="43"/>
      <c r="J2361" s="98"/>
      <c r="K2361" s="97"/>
      <c r="N2361" s="3"/>
      <c r="W2361" s="98"/>
      <c r="Z2361" s="143"/>
      <c r="AA2361" s="137"/>
      <c r="AB2361" s="137"/>
      <c r="AC2361" s="137"/>
      <c r="AD2361" s="137"/>
      <c r="AE2361" s="137"/>
      <c r="AF2361" s="137"/>
      <c r="AG2361" s="137"/>
      <c r="AH2361" s="137"/>
      <c r="AI2361" s="137"/>
      <c r="AJ2361" s="137"/>
      <c r="AK2361" s="206"/>
      <c r="AL2361" s="206"/>
      <c r="AM2361" s="143"/>
      <c r="AN2361" s="137"/>
      <c r="AO2361" s="137"/>
      <c r="AP2361" s="137"/>
      <c r="AQ2361" s="137"/>
      <c r="AR2361" s="137"/>
      <c r="AS2361" s="137"/>
      <c r="AT2361" s="137"/>
      <c r="AU2361" s="137"/>
      <c r="AV2361" s="137"/>
      <c r="AW2361" s="144"/>
    </row>
    <row r="2362" spans="2:49" x14ac:dyDescent="0.2">
      <c r="B2362" s="97"/>
      <c r="G2362" s="43"/>
      <c r="J2362" s="98"/>
      <c r="K2362" s="97"/>
      <c r="N2362" s="3"/>
      <c r="W2362" s="98"/>
      <c r="Z2362" s="143"/>
      <c r="AA2362" s="137"/>
      <c r="AB2362" s="137"/>
      <c r="AC2362" s="137"/>
      <c r="AD2362" s="137"/>
      <c r="AE2362" s="137"/>
      <c r="AF2362" s="137"/>
      <c r="AG2362" s="137"/>
      <c r="AH2362" s="137"/>
      <c r="AI2362" s="137"/>
      <c r="AJ2362" s="137"/>
      <c r="AK2362" s="206"/>
      <c r="AL2362" s="206"/>
      <c r="AM2362" s="143"/>
      <c r="AN2362" s="137"/>
      <c r="AO2362" s="137"/>
      <c r="AP2362" s="137"/>
      <c r="AQ2362" s="137"/>
      <c r="AR2362" s="137"/>
      <c r="AS2362" s="137"/>
      <c r="AT2362" s="137"/>
      <c r="AU2362" s="137"/>
      <c r="AV2362" s="137"/>
      <c r="AW2362" s="144"/>
    </row>
    <row r="2363" spans="2:49" x14ac:dyDescent="0.2">
      <c r="B2363" s="97"/>
      <c r="G2363" s="43"/>
      <c r="J2363" s="98"/>
      <c r="K2363" s="97"/>
      <c r="N2363" s="3"/>
      <c r="W2363" s="98"/>
      <c r="Z2363" s="143"/>
      <c r="AA2363" s="137"/>
      <c r="AB2363" s="137"/>
      <c r="AC2363" s="137"/>
      <c r="AD2363" s="137"/>
      <c r="AE2363" s="137"/>
      <c r="AF2363" s="137"/>
      <c r="AG2363" s="137"/>
      <c r="AH2363" s="137"/>
      <c r="AI2363" s="137"/>
      <c r="AJ2363" s="137"/>
      <c r="AK2363" s="206"/>
      <c r="AL2363" s="206"/>
      <c r="AM2363" s="143"/>
      <c r="AN2363" s="137"/>
      <c r="AO2363" s="137"/>
      <c r="AP2363" s="137"/>
      <c r="AQ2363" s="137"/>
      <c r="AR2363" s="137"/>
      <c r="AS2363" s="137"/>
      <c r="AT2363" s="137"/>
      <c r="AU2363" s="137"/>
      <c r="AV2363" s="137"/>
      <c r="AW2363" s="144"/>
    </row>
    <row r="2364" spans="2:49" x14ac:dyDescent="0.2">
      <c r="B2364" s="97"/>
      <c r="G2364" s="43"/>
      <c r="J2364" s="98"/>
      <c r="K2364" s="97"/>
      <c r="N2364" s="3"/>
      <c r="W2364" s="98"/>
      <c r="Z2364" s="143"/>
      <c r="AA2364" s="137"/>
      <c r="AB2364" s="137"/>
      <c r="AC2364" s="137"/>
      <c r="AD2364" s="137"/>
      <c r="AE2364" s="137"/>
      <c r="AF2364" s="137"/>
      <c r="AG2364" s="137"/>
      <c r="AH2364" s="137"/>
      <c r="AI2364" s="137"/>
      <c r="AJ2364" s="137"/>
      <c r="AK2364" s="206"/>
      <c r="AL2364" s="206"/>
      <c r="AM2364" s="143"/>
      <c r="AN2364" s="137"/>
      <c r="AO2364" s="137"/>
      <c r="AP2364" s="137"/>
      <c r="AQ2364" s="137"/>
      <c r="AR2364" s="137"/>
      <c r="AS2364" s="137"/>
      <c r="AT2364" s="137"/>
      <c r="AU2364" s="137"/>
      <c r="AV2364" s="137"/>
      <c r="AW2364" s="144"/>
    </row>
    <row r="2365" spans="2:49" x14ac:dyDescent="0.2">
      <c r="B2365" s="97"/>
      <c r="G2365" s="43"/>
      <c r="J2365" s="98"/>
      <c r="K2365" s="97"/>
      <c r="N2365" s="3"/>
      <c r="W2365" s="98"/>
      <c r="Z2365" s="143"/>
      <c r="AA2365" s="137"/>
      <c r="AB2365" s="137"/>
      <c r="AC2365" s="137"/>
      <c r="AD2365" s="137"/>
      <c r="AE2365" s="137"/>
      <c r="AF2365" s="137"/>
      <c r="AG2365" s="137"/>
      <c r="AH2365" s="137"/>
      <c r="AI2365" s="137"/>
      <c r="AJ2365" s="137"/>
      <c r="AK2365" s="206"/>
      <c r="AL2365" s="206"/>
      <c r="AM2365" s="143"/>
      <c r="AN2365" s="137"/>
      <c r="AO2365" s="137"/>
      <c r="AP2365" s="137"/>
      <c r="AQ2365" s="137"/>
      <c r="AR2365" s="137"/>
      <c r="AS2365" s="137"/>
      <c r="AT2365" s="137"/>
      <c r="AU2365" s="137"/>
      <c r="AV2365" s="137"/>
      <c r="AW2365" s="144"/>
    </row>
    <row r="2366" spans="2:49" x14ac:dyDescent="0.2">
      <c r="B2366" s="97"/>
      <c r="G2366" s="43"/>
      <c r="J2366" s="98"/>
      <c r="K2366" s="97"/>
      <c r="N2366" s="3"/>
      <c r="W2366" s="98"/>
      <c r="Z2366" s="143"/>
      <c r="AA2366" s="137"/>
      <c r="AB2366" s="137"/>
      <c r="AC2366" s="137"/>
      <c r="AD2366" s="137"/>
      <c r="AE2366" s="137"/>
      <c r="AF2366" s="137"/>
      <c r="AG2366" s="137"/>
      <c r="AH2366" s="137"/>
      <c r="AI2366" s="137"/>
      <c r="AJ2366" s="137"/>
      <c r="AK2366" s="206"/>
      <c r="AL2366" s="206"/>
      <c r="AM2366" s="143"/>
      <c r="AN2366" s="137"/>
      <c r="AO2366" s="137"/>
      <c r="AP2366" s="137"/>
      <c r="AQ2366" s="137"/>
      <c r="AR2366" s="137"/>
      <c r="AS2366" s="137"/>
      <c r="AT2366" s="137"/>
      <c r="AU2366" s="137"/>
      <c r="AV2366" s="137"/>
      <c r="AW2366" s="144"/>
    </row>
    <row r="2367" spans="2:49" x14ac:dyDescent="0.2">
      <c r="B2367" s="97"/>
      <c r="G2367" s="43"/>
      <c r="J2367" s="98"/>
      <c r="K2367" s="97"/>
      <c r="N2367" s="3"/>
      <c r="W2367" s="98"/>
      <c r="Z2367" s="143"/>
      <c r="AA2367" s="137"/>
      <c r="AB2367" s="137"/>
      <c r="AC2367" s="137"/>
      <c r="AD2367" s="137"/>
      <c r="AE2367" s="137"/>
      <c r="AF2367" s="137"/>
      <c r="AG2367" s="137"/>
      <c r="AH2367" s="137"/>
      <c r="AI2367" s="137"/>
      <c r="AJ2367" s="137"/>
      <c r="AK2367" s="206"/>
      <c r="AL2367" s="206"/>
      <c r="AM2367" s="143"/>
      <c r="AN2367" s="137"/>
      <c r="AO2367" s="137"/>
      <c r="AP2367" s="137"/>
      <c r="AQ2367" s="137"/>
      <c r="AR2367" s="137"/>
      <c r="AS2367" s="137"/>
      <c r="AT2367" s="137"/>
      <c r="AU2367" s="137"/>
      <c r="AV2367" s="137"/>
      <c r="AW2367" s="144"/>
    </row>
    <row r="2368" spans="2:49" x14ac:dyDescent="0.2">
      <c r="B2368" s="97"/>
      <c r="G2368" s="43"/>
      <c r="J2368" s="98"/>
      <c r="K2368" s="97"/>
      <c r="N2368" s="3"/>
      <c r="W2368" s="98"/>
      <c r="Z2368" s="143"/>
      <c r="AA2368" s="137"/>
      <c r="AB2368" s="137"/>
      <c r="AC2368" s="137"/>
      <c r="AD2368" s="137"/>
      <c r="AE2368" s="137"/>
      <c r="AF2368" s="137"/>
      <c r="AG2368" s="137"/>
      <c r="AH2368" s="137"/>
      <c r="AI2368" s="137"/>
      <c r="AJ2368" s="137"/>
      <c r="AK2368" s="206"/>
      <c r="AL2368" s="206"/>
      <c r="AM2368" s="143"/>
      <c r="AN2368" s="137"/>
      <c r="AO2368" s="137"/>
      <c r="AP2368" s="137"/>
      <c r="AQ2368" s="137"/>
      <c r="AR2368" s="137"/>
      <c r="AS2368" s="137"/>
      <c r="AT2368" s="137"/>
      <c r="AU2368" s="137"/>
      <c r="AV2368" s="137"/>
      <c r="AW2368" s="144"/>
    </row>
    <row r="2369" spans="2:49" x14ac:dyDescent="0.2">
      <c r="B2369" s="97"/>
      <c r="G2369" s="43"/>
      <c r="J2369" s="98"/>
      <c r="K2369" s="97"/>
      <c r="N2369" s="3"/>
      <c r="W2369" s="98"/>
      <c r="Z2369" s="143"/>
      <c r="AA2369" s="137"/>
      <c r="AB2369" s="137"/>
      <c r="AC2369" s="137"/>
      <c r="AD2369" s="137"/>
      <c r="AE2369" s="137"/>
      <c r="AF2369" s="137"/>
      <c r="AG2369" s="137"/>
      <c r="AH2369" s="137"/>
      <c r="AI2369" s="137"/>
      <c r="AJ2369" s="137"/>
      <c r="AK2369" s="206"/>
      <c r="AL2369" s="206"/>
      <c r="AM2369" s="143"/>
      <c r="AN2369" s="137"/>
      <c r="AO2369" s="137"/>
      <c r="AP2369" s="137"/>
      <c r="AQ2369" s="137"/>
      <c r="AR2369" s="137"/>
      <c r="AS2369" s="137"/>
      <c r="AT2369" s="137"/>
      <c r="AU2369" s="137"/>
      <c r="AV2369" s="137"/>
      <c r="AW2369" s="144"/>
    </row>
    <row r="2370" spans="2:49" x14ac:dyDescent="0.2">
      <c r="B2370" s="97"/>
      <c r="G2370" s="43"/>
      <c r="J2370" s="98"/>
      <c r="K2370" s="97"/>
      <c r="N2370" s="3"/>
      <c r="W2370" s="98"/>
      <c r="Z2370" s="143"/>
      <c r="AA2370" s="137"/>
      <c r="AB2370" s="137"/>
      <c r="AC2370" s="137"/>
      <c r="AD2370" s="137"/>
      <c r="AE2370" s="137"/>
      <c r="AF2370" s="137"/>
      <c r="AG2370" s="137"/>
      <c r="AH2370" s="137"/>
      <c r="AI2370" s="137"/>
      <c r="AJ2370" s="137"/>
      <c r="AK2370" s="206"/>
      <c r="AL2370" s="206"/>
      <c r="AM2370" s="143"/>
      <c r="AN2370" s="137"/>
      <c r="AO2370" s="137"/>
      <c r="AP2370" s="137"/>
      <c r="AQ2370" s="137"/>
      <c r="AR2370" s="137"/>
      <c r="AS2370" s="137"/>
      <c r="AT2370" s="137"/>
      <c r="AU2370" s="137"/>
      <c r="AV2370" s="137"/>
      <c r="AW2370" s="144"/>
    </row>
    <row r="2371" spans="2:49" x14ac:dyDescent="0.2">
      <c r="B2371" s="97"/>
      <c r="G2371" s="43"/>
      <c r="J2371" s="98"/>
      <c r="K2371" s="97"/>
      <c r="N2371" s="3"/>
      <c r="W2371" s="98"/>
      <c r="Z2371" s="143"/>
      <c r="AA2371" s="137"/>
      <c r="AB2371" s="137"/>
      <c r="AC2371" s="137"/>
      <c r="AD2371" s="137"/>
      <c r="AE2371" s="137"/>
      <c r="AF2371" s="137"/>
      <c r="AG2371" s="137"/>
      <c r="AH2371" s="137"/>
      <c r="AI2371" s="137"/>
      <c r="AJ2371" s="137"/>
      <c r="AK2371" s="206"/>
      <c r="AL2371" s="206"/>
      <c r="AM2371" s="143"/>
      <c r="AN2371" s="137"/>
      <c r="AO2371" s="137"/>
      <c r="AP2371" s="137"/>
      <c r="AQ2371" s="137"/>
      <c r="AR2371" s="137"/>
      <c r="AS2371" s="137"/>
      <c r="AT2371" s="137"/>
      <c r="AU2371" s="137"/>
      <c r="AV2371" s="137"/>
      <c r="AW2371" s="144"/>
    </row>
    <row r="2372" spans="2:49" x14ac:dyDescent="0.2">
      <c r="B2372" s="97"/>
      <c r="G2372" s="43"/>
      <c r="J2372" s="98"/>
      <c r="K2372" s="97"/>
      <c r="N2372" s="3"/>
      <c r="W2372" s="98"/>
      <c r="Z2372" s="143"/>
      <c r="AA2372" s="137"/>
      <c r="AB2372" s="137"/>
      <c r="AC2372" s="137"/>
      <c r="AD2372" s="137"/>
      <c r="AE2372" s="137"/>
      <c r="AF2372" s="137"/>
      <c r="AG2372" s="137"/>
      <c r="AH2372" s="137"/>
      <c r="AI2372" s="137"/>
      <c r="AJ2372" s="137"/>
      <c r="AK2372" s="206"/>
      <c r="AL2372" s="206"/>
      <c r="AM2372" s="143"/>
      <c r="AN2372" s="137"/>
      <c r="AO2372" s="137"/>
      <c r="AP2372" s="137"/>
      <c r="AQ2372" s="137"/>
      <c r="AR2372" s="137"/>
      <c r="AS2372" s="137"/>
      <c r="AT2372" s="137"/>
      <c r="AU2372" s="137"/>
      <c r="AV2372" s="137"/>
      <c r="AW2372" s="144"/>
    </row>
    <row r="2373" spans="2:49" x14ac:dyDescent="0.2">
      <c r="B2373" s="97"/>
      <c r="G2373" s="43"/>
      <c r="J2373" s="98"/>
      <c r="K2373" s="97"/>
      <c r="N2373" s="3"/>
      <c r="W2373" s="98"/>
      <c r="Z2373" s="143"/>
      <c r="AA2373" s="137"/>
      <c r="AB2373" s="137"/>
      <c r="AC2373" s="137"/>
      <c r="AD2373" s="137"/>
      <c r="AE2373" s="137"/>
      <c r="AF2373" s="137"/>
      <c r="AG2373" s="137"/>
      <c r="AH2373" s="137"/>
      <c r="AI2373" s="137"/>
      <c r="AJ2373" s="137"/>
      <c r="AK2373" s="206"/>
      <c r="AL2373" s="206"/>
      <c r="AM2373" s="143"/>
      <c r="AN2373" s="137"/>
      <c r="AO2373" s="137"/>
      <c r="AP2373" s="137"/>
      <c r="AQ2373" s="137"/>
      <c r="AR2373" s="137"/>
      <c r="AS2373" s="137"/>
      <c r="AT2373" s="137"/>
      <c r="AU2373" s="137"/>
      <c r="AV2373" s="137"/>
      <c r="AW2373" s="144"/>
    </row>
    <row r="2374" spans="2:49" x14ac:dyDescent="0.2">
      <c r="B2374" s="97"/>
      <c r="G2374" s="43"/>
      <c r="J2374" s="98"/>
      <c r="K2374" s="97"/>
      <c r="N2374" s="3"/>
      <c r="W2374" s="98"/>
      <c r="Z2374" s="143"/>
      <c r="AA2374" s="137"/>
      <c r="AB2374" s="137"/>
      <c r="AC2374" s="137"/>
      <c r="AD2374" s="137"/>
      <c r="AE2374" s="137"/>
      <c r="AF2374" s="137"/>
      <c r="AG2374" s="137"/>
      <c r="AH2374" s="137"/>
      <c r="AI2374" s="137"/>
      <c r="AJ2374" s="137"/>
      <c r="AK2374" s="206"/>
      <c r="AL2374" s="206"/>
      <c r="AM2374" s="143"/>
      <c r="AN2374" s="137"/>
      <c r="AO2374" s="137"/>
      <c r="AP2374" s="137"/>
      <c r="AQ2374" s="137"/>
      <c r="AR2374" s="137"/>
      <c r="AS2374" s="137"/>
      <c r="AT2374" s="137"/>
      <c r="AU2374" s="137"/>
      <c r="AV2374" s="137"/>
      <c r="AW2374" s="144"/>
    </row>
    <row r="2375" spans="2:49" x14ac:dyDescent="0.2">
      <c r="B2375" s="97"/>
      <c r="G2375" s="43"/>
      <c r="J2375" s="98"/>
      <c r="K2375" s="97"/>
      <c r="N2375" s="3"/>
      <c r="W2375" s="98"/>
      <c r="Z2375" s="143"/>
      <c r="AA2375" s="137"/>
      <c r="AB2375" s="137"/>
      <c r="AC2375" s="137"/>
      <c r="AD2375" s="137"/>
      <c r="AE2375" s="137"/>
      <c r="AF2375" s="137"/>
      <c r="AG2375" s="137"/>
      <c r="AH2375" s="137"/>
      <c r="AI2375" s="137"/>
      <c r="AJ2375" s="137"/>
      <c r="AK2375" s="206"/>
      <c r="AL2375" s="206"/>
      <c r="AM2375" s="143"/>
      <c r="AN2375" s="137"/>
      <c r="AO2375" s="137"/>
      <c r="AP2375" s="137"/>
      <c r="AQ2375" s="137"/>
      <c r="AR2375" s="137"/>
      <c r="AS2375" s="137"/>
      <c r="AT2375" s="137"/>
      <c r="AU2375" s="137"/>
      <c r="AV2375" s="137"/>
      <c r="AW2375" s="144"/>
    </row>
    <row r="2376" spans="2:49" x14ac:dyDescent="0.2">
      <c r="B2376" s="97"/>
      <c r="G2376" s="43"/>
      <c r="J2376" s="98"/>
      <c r="K2376" s="97"/>
      <c r="N2376" s="3"/>
      <c r="W2376" s="98"/>
      <c r="Z2376" s="143"/>
      <c r="AA2376" s="137"/>
      <c r="AB2376" s="137"/>
      <c r="AC2376" s="137"/>
      <c r="AD2376" s="137"/>
      <c r="AE2376" s="137"/>
      <c r="AF2376" s="137"/>
      <c r="AG2376" s="137"/>
      <c r="AH2376" s="137"/>
      <c r="AI2376" s="137"/>
      <c r="AJ2376" s="137"/>
      <c r="AK2376" s="206"/>
      <c r="AL2376" s="206"/>
      <c r="AM2376" s="143"/>
      <c r="AN2376" s="137"/>
      <c r="AO2376" s="137"/>
      <c r="AP2376" s="137"/>
      <c r="AQ2376" s="137"/>
      <c r="AR2376" s="137"/>
      <c r="AS2376" s="137"/>
      <c r="AT2376" s="137"/>
      <c r="AU2376" s="137"/>
      <c r="AV2376" s="137"/>
      <c r="AW2376" s="144"/>
    </row>
    <row r="2377" spans="2:49" x14ac:dyDescent="0.2">
      <c r="B2377" s="97"/>
      <c r="G2377" s="43"/>
      <c r="J2377" s="98"/>
      <c r="K2377" s="97"/>
      <c r="N2377" s="3"/>
      <c r="W2377" s="98"/>
      <c r="Z2377" s="143"/>
      <c r="AA2377" s="137"/>
      <c r="AB2377" s="137"/>
      <c r="AC2377" s="137"/>
      <c r="AD2377" s="137"/>
      <c r="AE2377" s="137"/>
      <c r="AF2377" s="137"/>
      <c r="AG2377" s="137"/>
      <c r="AH2377" s="137"/>
      <c r="AI2377" s="137"/>
      <c r="AJ2377" s="137"/>
      <c r="AK2377" s="206"/>
      <c r="AL2377" s="206"/>
      <c r="AM2377" s="143"/>
      <c r="AN2377" s="137"/>
      <c r="AO2377" s="137"/>
      <c r="AP2377" s="137"/>
      <c r="AQ2377" s="137"/>
      <c r="AR2377" s="137"/>
      <c r="AS2377" s="137"/>
      <c r="AT2377" s="137"/>
      <c r="AU2377" s="137"/>
      <c r="AV2377" s="137"/>
      <c r="AW2377" s="144"/>
    </row>
    <row r="2378" spans="2:49" x14ac:dyDescent="0.2">
      <c r="B2378" s="97"/>
      <c r="G2378" s="43"/>
      <c r="J2378" s="98"/>
      <c r="K2378" s="97"/>
      <c r="N2378" s="3"/>
      <c r="W2378" s="98"/>
      <c r="Z2378" s="143"/>
      <c r="AA2378" s="137"/>
      <c r="AB2378" s="137"/>
      <c r="AC2378" s="137"/>
      <c r="AD2378" s="137"/>
      <c r="AE2378" s="137"/>
      <c r="AF2378" s="137"/>
      <c r="AG2378" s="137"/>
      <c r="AH2378" s="137"/>
      <c r="AI2378" s="137"/>
      <c r="AJ2378" s="137"/>
      <c r="AK2378" s="206"/>
      <c r="AL2378" s="206"/>
      <c r="AM2378" s="143"/>
      <c r="AN2378" s="137"/>
      <c r="AO2378" s="137"/>
      <c r="AP2378" s="137"/>
      <c r="AQ2378" s="137"/>
      <c r="AR2378" s="137"/>
      <c r="AS2378" s="137"/>
      <c r="AT2378" s="137"/>
      <c r="AU2378" s="137"/>
      <c r="AV2378" s="137"/>
      <c r="AW2378" s="144"/>
    </row>
    <row r="2379" spans="2:49" x14ac:dyDescent="0.2">
      <c r="B2379" s="97"/>
      <c r="G2379" s="43"/>
      <c r="J2379" s="98"/>
      <c r="K2379" s="97"/>
      <c r="N2379" s="3"/>
      <c r="W2379" s="98"/>
      <c r="Z2379" s="143"/>
      <c r="AA2379" s="137"/>
      <c r="AB2379" s="137"/>
      <c r="AC2379" s="137"/>
      <c r="AD2379" s="137"/>
      <c r="AE2379" s="137"/>
      <c r="AF2379" s="137"/>
      <c r="AG2379" s="137"/>
      <c r="AH2379" s="137"/>
      <c r="AI2379" s="137"/>
      <c r="AJ2379" s="137"/>
      <c r="AK2379" s="206"/>
      <c r="AL2379" s="206"/>
      <c r="AM2379" s="143"/>
      <c r="AN2379" s="137"/>
      <c r="AO2379" s="137"/>
      <c r="AP2379" s="137"/>
      <c r="AQ2379" s="137"/>
      <c r="AR2379" s="137"/>
      <c r="AS2379" s="137"/>
      <c r="AT2379" s="137"/>
      <c r="AU2379" s="137"/>
      <c r="AV2379" s="137"/>
      <c r="AW2379" s="144"/>
    </row>
    <row r="2380" spans="2:49" x14ac:dyDescent="0.2">
      <c r="B2380" s="97"/>
      <c r="G2380" s="43"/>
      <c r="J2380" s="98"/>
      <c r="K2380" s="97"/>
      <c r="N2380" s="3"/>
      <c r="W2380" s="98"/>
      <c r="Z2380" s="143"/>
      <c r="AA2380" s="137"/>
      <c r="AB2380" s="137"/>
      <c r="AC2380" s="137"/>
      <c r="AD2380" s="137"/>
      <c r="AE2380" s="137"/>
      <c r="AF2380" s="137"/>
      <c r="AG2380" s="137"/>
      <c r="AH2380" s="137"/>
      <c r="AI2380" s="137"/>
      <c r="AJ2380" s="137"/>
      <c r="AK2380" s="206"/>
      <c r="AL2380" s="206"/>
      <c r="AM2380" s="143"/>
      <c r="AN2380" s="137"/>
      <c r="AO2380" s="137"/>
      <c r="AP2380" s="137"/>
      <c r="AQ2380" s="137"/>
      <c r="AR2380" s="137"/>
      <c r="AS2380" s="137"/>
      <c r="AT2380" s="137"/>
      <c r="AU2380" s="137"/>
      <c r="AV2380" s="137"/>
      <c r="AW2380" s="144"/>
    </row>
    <row r="2381" spans="2:49" x14ac:dyDescent="0.2">
      <c r="B2381" s="97"/>
      <c r="G2381" s="43"/>
      <c r="J2381" s="98"/>
      <c r="K2381" s="97"/>
      <c r="N2381" s="3"/>
      <c r="W2381" s="98"/>
      <c r="Z2381" s="143"/>
      <c r="AA2381" s="137"/>
      <c r="AB2381" s="137"/>
      <c r="AC2381" s="137"/>
      <c r="AD2381" s="137"/>
      <c r="AE2381" s="137"/>
      <c r="AF2381" s="137"/>
      <c r="AG2381" s="137"/>
      <c r="AH2381" s="137"/>
      <c r="AI2381" s="137"/>
      <c r="AJ2381" s="137"/>
      <c r="AK2381" s="206"/>
      <c r="AL2381" s="206"/>
      <c r="AM2381" s="143"/>
      <c r="AN2381" s="137"/>
      <c r="AO2381" s="137"/>
      <c r="AP2381" s="137"/>
      <c r="AQ2381" s="137"/>
      <c r="AR2381" s="137"/>
      <c r="AS2381" s="137"/>
      <c r="AT2381" s="137"/>
      <c r="AU2381" s="137"/>
      <c r="AV2381" s="137"/>
      <c r="AW2381" s="144"/>
    </row>
    <row r="2382" spans="2:49" x14ac:dyDescent="0.2">
      <c r="B2382" s="97"/>
      <c r="G2382" s="43"/>
      <c r="J2382" s="98"/>
      <c r="K2382" s="97"/>
      <c r="N2382" s="3"/>
      <c r="W2382" s="98"/>
      <c r="Z2382" s="143"/>
      <c r="AA2382" s="137"/>
      <c r="AB2382" s="137"/>
      <c r="AC2382" s="137"/>
      <c r="AD2382" s="137"/>
      <c r="AE2382" s="137"/>
      <c r="AF2382" s="137"/>
      <c r="AG2382" s="137"/>
      <c r="AH2382" s="137"/>
      <c r="AI2382" s="137"/>
      <c r="AJ2382" s="137"/>
      <c r="AK2382" s="206"/>
      <c r="AL2382" s="206"/>
      <c r="AM2382" s="143"/>
      <c r="AN2382" s="137"/>
      <c r="AO2382" s="137"/>
      <c r="AP2382" s="137"/>
      <c r="AQ2382" s="137"/>
      <c r="AR2382" s="137"/>
      <c r="AS2382" s="137"/>
      <c r="AT2382" s="137"/>
      <c r="AU2382" s="137"/>
      <c r="AV2382" s="137"/>
      <c r="AW2382" s="144"/>
    </row>
    <row r="2383" spans="2:49" x14ac:dyDescent="0.2">
      <c r="B2383" s="97"/>
      <c r="G2383" s="43"/>
      <c r="J2383" s="98"/>
      <c r="K2383" s="97"/>
      <c r="N2383" s="3"/>
      <c r="W2383" s="98"/>
      <c r="Z2383" s="143"/>
      <c r="AA2383" s="137"/>
      <c r="AB2383" s="137"/>
      <c r="AC2383" s="137"/>
      <c r="AD2383" s="137"/>
      <c r="AE2383" s="137"/>
      <c r="AF2383" s="137"/>
      <c r="AG2383" s="137"/>
      <c r="AH2383" s="137"/>
      <c r="AI2383" s="137"/>
      <c r="AJ2383" s="137"/>
      <c r="AK2383" s="206"/>
      <c r="AL2383" s="206"/>
      <c r="AM2383" s="143"/>
      <c r="AN2383" s="137"/>
      <c r="AO2383" s="137"/>
      <c r="AP2383" s="137"/>
      <c r="AQ2383" s="137"/>
      <c r="AR2383" s="137"/>
      <c r="AS2383" s="137"/>
      <c r="AT2383" s="137"/>
      <c r="AU2383" s="137"/>
      <c r="AV2383" s="137"/>
      <c r="AW2383" s="144"/>
    </row>
    <row r="2384" spans="2:49" x14ac:dyDescent="0.2">
      <c r="B2384" s="97"/>
      <c r="G2384" s="43"/>
      <c r="J2384" s="98"/>
      <c r="K2384" s="97"/>
      <c r="N2384" s="3"/>
      <c r="W2384" s="98"/>
      <c r="Z2384" s="143"/>
      <c r="AA2384" s="137"/>
      <c r="AB2384" s="137"/>
      <c r="AC2384" s="137"/>
      <c r="AD2384" s="137"/>
      <c r="AE2384" s="137"/>
      <c r="AF2384" s="137"/>
      <c r="AG2384" s="137"/>
      <c r="AH2384" s="137"/>
      <c r="AI2384" s="137"/>
      <c r="AJ2384" s="137"/>
      <c r="AK2384" s="206"/>
      <c r="AL2384" s="206"/>
      <c r="AM2384" s="143"/>
      <c r="AN2384" s="137"/>
      <c r="AO2384" s="137"/>
      <c r="AP2384" s="137"/>
      <c r="AQ2384" s="137"/>
      <c r="AR2384" s="137"/>
      <c r="AS2384" s="137"/>
      <c r="AT2384" s="137"/>
      <c r="AU2384" s="137"/>
      <c r="AV2384" s="137"/>
      <c r="AW2384" s="144"/>
    </row>
    <row r="2385" spans="2:49" x14ac:dyDescent="0.2">
      <c r="B2385" s="97"/>
      <c r="G2385" s="43"/>
      <c r="J2385" s="98"/>
      <c r="K2385" s="97"/>
      <c r="N2385" s="3"/>
      <c r="W2385" s="98"/>
      <c r="Z2385" s="143"/>
      <c r="AA2385" s="137"/>
      <c r="AB2385" s="137"/>
      <c r="AC2385" s="137"/>
      <c r="AD2385" s="137"/>
      <c r="AE2385" s="137"/>
      <c r="AF2385" s="137"/>
      <c r="AG2385" s="137"/>
      <c r="AH2385" s="137"/>
      <c r="AI2385" s="137"/>
      <c r="AJ2385" s="137"/>
      <c r="AK2385" s="206"/>
      <c r="AL2385" s="206"/>
      <c r="AM2385" s="143"/>
      <c r="AN2385" s="137"/>
      <c r="AO2385" s="137"/>
      <c r="AP2385" s="137"/>
      <c r="AQ2385" s="137"/>
      <c r="AR2385" s="137"/>
      <c r="AS2385" s="137"/>
      <c r="AT2385" s="137"/>
      <c r="AU2385" s="137"/>
      <c r="AV2385" s="137"/>
      <c r="AW2385" s="144"/>
    </row>
    <row r="2386" spans="2:49" x14ac:dyDescent="0.2">
      <c r="B2386" s="97"/>
      <c r="G2386" s="43"/>
      <c r="J2386" s="98"/>
      <c r="K2386" s="97"/>
      <c r="N2386" s="3"/>
      <c r="W2386" s="98"/>
      <c r="Z2386" s="143"/>
      <c r="AA2386" s="137"/>
      <c r="AB2386" s="137"/>
      <c r="AC2386" s="137"/>
      <c r="AD2386" s="137"/>
      <c r="AE2386" s="137"/>
      <c r="AF2386" s="137"/>
      <c r="AG2386" s="137"/>
      <c r="AH2386" s="137"/>
      <c r="AI2386" s="137"/>
      <c r="AJ2386" s="137"/>
      <c r="AK2386" s="206"/>
      <c r="AL2386" s="206"/>
      <c r="AM2386" s="143"/>
      <c r="AN2386" s="137"/>
      <c r="AO2386" s="137"/>
      <c r="AP2386" s="137"/>
      <c r="AQ2386" s="137"/>
      <c r="AR2386" s="137"/>
      <c r="AS2386" s="137"/>
      <c r="AT2386" s="137"/>
      <c r="AU2386" s="137"/>
      <c r="AV2386" s="137"/>
      <c r="AW2386" s="144"/>
    </row>
    <row r="2387" spans="2:49" x14ac:dyDescent="0.2">
      <c r="B2387" s="97"/>
      <c r="G2387" s="43"/>
      <c r="J2387" s="98"/>
      <c r="K2387" s="97"/>
      <c r="N2387" s="3"/>
      <c r="W2387" s="98"/>
      <c r="Z2387" s="143"/>
      <c r="AA2387" s="137"/>
      <c r="AB2387" s="137"/>
      <c r="AC2387" s="137"/>
      <c r="AD2387" s="137"/>
      <c r="AE2387" s="137"/>
      <c r="AF2387" s="137"/>
      <c r="AG2387" s="137"/>
      <c r="AH2387" s="137"/>
      <c r="AI2387" s="137"/>
      <c r="AJ2387" s="137"/>
      <c r="AK2387" s="206"/>
      <c r="AL2387" s="206"/>
      <c r="AM2387" s="143"/>
      <c r="AN2387" s="137"/>
      <c r="AO2387" s="137"/>
      <c r="AP2387" s="137"/>
      <c r="AQ2387" s="137"/>
      <c r="AR2387" s="137"/>
      <c r="AS2387" s="137"/>
      <c r="AT2387" s="137"/>
      <c r="AU2387" s="137"/>
      <c r="AV2387" s="137"/>
      <c r="AW2387" s="144"/>
    </row>
    <row r="2388" spans="2:49" x14ac:dyDescent="0.2">
      <c r="B2388" s="97"/>
      <c r="G2388" s="43"/>
      <c r="J2388" s="98"/>
      <c r="K2388" s="97"/>
      <c r="N2388" s="3"/>
      <c r="W2388" s="98"/>
      <c r="Z2388" s="143"/>
      <c r="AA2388" s="137"/>
      <c r="AB2388" s="137"/>
      <c r="AC2388" s="137"/>
      <c r="AD2388" s="137"/>
      <c r="AE2388" s="137"/>
      <c r="AF2388" s="137"/>
      <c r="AG2388" s="137"/>
      <c r="AH2388" s="137"/>
      <c r="AI2388" s="137"/>
      <c r="AJ2388" s="137"/>
      <c r="AK2388" s="206"/>
      <c r="AL2388" s="206"/>
      <c r="AM2388" s="143"/>
      <c r="AN2388" s="137"/>
      <c r="AO2388" s="137"/>
      <c r="AP2388" s="137"/>
      <c r="AQ2388" s="137"/>
      <c r="AR2388" s="137"/>
      <c r="AS2388" s="137"/>
      <c r="AT2388" s="137"/>
      <c r="AU2388" s="137"/>
      <c r="AV2388" s="137"/>
      <c r="AW2388" s="144"/>
    </row>
    <row r="2389" spans="2:49" x14ac:dyDescent="0.2">
      <c r="B2389" s="97"/>
      <c r="G2389" s="43"/>
      <c r="J2389" s="98"/>
      <c r="K2389" s="97"/>
      <c r="N2389" s="3"/>
      <c r="W2389" s="98"/>
      <c r="Z2389" s="143"/>
      <c r="AA2389" s="137"/>
      <c r="AB2389" s="137"/>
      <c r="AC2389" s="137"/>
      <c r="AD2389" s="137"/>
      <c r="AE2389" s="137"/>
      <c r="AF2389" s="137"/>
      <c r="AG2389" s="137"/>
      <c r="AH2389" s="137"/>
      <c r="AI2389" s="137"/>
      <c r="AJ2389" s="137"/>
      <c r="AK2389" s="206"/>
      <c r="AL2389" s="206"/>
      <c r="AM2389" s="143"/>
      <c r="AN2389" s="137"/>
      <c r="AO2389" s="137"/>
      <c r="AP2389" s="137"/>
      <c r="AQ2389" s="137"/>
      <c r="AR2389" s="137"/>
      <c r="AS2389" s="137"/>
      <c r="AT2389" s="137"/>
      <c r="AU2389" s="137"/>
      <c r="AV2389" s="137"/>
      <c r="AW2389" s="144"/>
    </row>
    <row r="2390" spans="2:49" x14ac:dyDescent="0.2">
      <c r="B2390" s="97"/>
      <c r="G2390" s="43"/>
      <c r="J2390" s="98"/>
      <c r="K2390" s="97"/>
      <c r="N2390" s="3"/>
      <c r="W2390" s="98"/>
      <c r="Z2390" s="143"/>
      <c r="AA2390" s="137"/>
      <c r="AB2390" s="137"/>
      <c r="AC2390" s="137"/>
      <c r="AD2390" s="137"/>
      <c r="AE2390" s="137"/>
      <c r="AF2390" s="137"/>
      <c r="AG2390" s="137"/>
      <c r="AH2390" s="137"/>
      <c r="AI2390" s="137"/>
      <c r="AJ2390" s="137"/>
      <c r="AK2390" s="206"/>
      <c r="AL2390" s="206"/>
      <c r="AM2390" s="143"/>
      <c r="AN2390" s="137"/>
      <c r="AO2390" s="137"/>
      <c r="AP2390" s="137"/>
      <c r="AQ2390" s="137"/>
      <c r="AR2390" s="137"/>
      <c r="AS2390" s="137"/>
      <c r="AT2390" s="137"/>
      <c r="AU2390" s="137"/>
      <c r="AV2390" s="137"/>
      <c r="AW2390" s="144"/>
    </row>
    <row r="2391" spans="2:49" x14ac:dyDescent="0.2">
      <c r="B2391" s="97"/>
      <c r="G2391" s="43"/>
      <c r="J2391" s="98"/>
      <c r="K2391" s="97"/>
      <c r="N2391" s="3"/>
      <c r="W2391" s="98"/>
      <c r="Z2391" s="143"/>
      <c r="AA2391" s="137"/>
      <c r="AB2391" s="137"/>
      <c r="AC2391" s="137"/>
      <c r="AD2391" s="137"/>
      <c r="AE2391" s="137"/>
      <c r="AF2391" s="137"/>
      <c r="AG2391" s="137"/>
      <c r="AH2391" s="137"/>
      <c r="AI2391" s="137"/>
      <c r="AJ2391" s="137"/>
      <c r="AK2391" s="206"/>
      <c r="AL2391" s="206"/>
      <c r="AM2391" s="143"/>
      <c r="AN2391" s="137"/>
      <c r="AO2391" s="137"/>
      <c r="AP2391" s="137"/>
      <c r="AQ2391" s="137"/>
      <c r="AR2391" s="137"/>
      <c r="AS2391" s="137"/>
      <c r="AT2391" s="137"/>
      <c r="AU2391" s="137"/>
      <c r="AV2391" s="137"/>
      <c r="AW2391" s="144"/>
    </row>
    <row r="2392" spans="2:49" x14ac:dyDescent="0.2">
      <c r="B2392" s="97"/>
      <c r="G2392" s="43"/>
      <c r="J2392" s="98"/>
      <c r="K2392" s="97"/>
      <c r="N2392" s="3"/>
      <c r="W2392" s="98"/>
      <c r="Z2392" s="143"/>
      <c r="AA2392" s="137"/>
      <c r="AB2392" s="137"/>
      <c r="AC2392" s="137"/>
      <c r="AD2392" s="137"/>
      <c r="AE2392" s="137"/>
      <c r="AF2392" s="137"/>
      <c r="AG2392" s="137"/>
      <c r="AH2392" s="137"/>
      <c r="AI2392" s="137"/>
      <c r="AJ2392" s="137"/>
      <c r="AK2392" s="206"/>
      <c r="AL2392" s="206"/>
      <c r="AM2392" s="143"/>
      <c r="AN2392" s="137"/>
      <c r="AO2392" s="137"/>
      <c r="AP2392" s="137"/>
      <c r="AQ2392" s="137"/>
      <c r="AR2392" s="137"/>
      <c r="AS2392" s="137"/>
      <c r="AT2392" s="137"/>
      <c r="AU2392" s="137"/>
      <c r="AV2392" s="137"/>
      <c r="AW2392" s="144"/>
    </row>
    <row r="2393" spans="2:49" x14ac:dyDescent="0.2">
      <c r="B2393" s="97"/>
      <c r="G2393" s="43"/>
      <c r="J2393" s="98"/>
      <c r="K2393" s="97"/>
      <c r="N2393" s="3"/>
      <c r="W2393" s="98"/>
      <c r="Z2393" s="143"/>
      <c r="AA2393" s="137"/>
      <c r="AB2393" s="137"/>
      <c r="AC2393" s="137"/>
      <c r="AD2393" s="137"/>
      <c r="AE2393" s="137"/>
      <c r="AF2393" s="137"/>
      <c r="AG2393" s="137"/>
      <c r="AH2393" s="137"/>
      <c r="AI2393" s="137"/>
      <c r="AJ2393" s="137"/>
      <c r="AK2393" s="206"/>
      <c r="AL2393" s="206"/>
      <c r="AM2393" s="143"/>
      <c r="AN2393" s="137"/>
      <c r="AO2393" s="137"/>
      <c r="AP2393" s="137"/>
      <c r="AQ2393" s="137"/>
      <c r="AR2393" s="137"/>
      <c r="AS2393" s="137"/>
      <c r="AT2393" s="137"/>
      <c r="AU2393" s="137"/>
      <c r="AV2393" s="137"/>
      <c r="AW2393" s="144"/>
    </row>
    <row r="2394" spans="2:49" x14ac:dyDescent="0.2">
      <c r="B2394" s="97"/>
      <c r="G2394" s="43"/>
      <c r="J2394" s="98"/>
      <c r="K2394" s="97"/>
      <c r="N2394" s="3"/>
      <c r="W2394" s="98"/>
      <c r="Z2394" s="143"/>
      <c r="AA2394" s="137"/>
      <c r="AB2394" s="137"/>
      <c r="AC2394" s="137"/>
      <c r="AD2394" s="137"/>
      <c r="AE2394" s="137"/>
      <c r="AF2394" s="137"/>
      <c r="AG2394" s="137"/>
      <c r="AH2394" s="137"/>
      <c r="AI2394" s="137"/>
      <c r="AJ2394" s="137"/>
      <c r="AK2394" s="206"/>
      <c r="AL2394" s="206"/>
      <c r="AM2394" s="143"/>
      <c r="AN2394" s="137"/>
      <c r="AO2394" s="137"/>
      <c r="AP2394" s="137"/>
      <c r="AQ2394" s="137"/>
      <c r="AR2394" s="137"/>
      <c r="AS2394" s="137"/>
      <c r="AT2394" s="137"/>
      <c r="AU2394" s="137"/>
      <c r="AV2394" s="137"/>
      <c r="AW2394" s="144"/>
    </row>
    <row r="2395" spans="2:49" x14ac:dyDescent="0.2">
      <c r="B2395" s="97"/>
      <c r="G2395" s="43"/>
      <c r="J2395" s="98"/>
      <c r="K2395" s="97"/>
      <c r="N2395" s="3"/>
      <c r="W2395" s="98"/>
      <c r="Z2395" s="143"/>
      <c r="AA2395" s="137"/>
      <c r="AB2395" s="137"/>
      <c r="AC2395" s="137"/>
      <c r="AD2395" s="137"/>
      <c r="AE2395" s="137"/>
      <c r="AF2395" s="137"/>
      <c r="AG2395" s="137"/>
      <c r="AH2395" s="137"/>
      <c r="AI2395" s="137"/>
      <c r="AJ2395" s="137"/>
      <c r="AK2395" s="206"/>
      <c r="AL2395" s="206"/>
      <c r="AM2395" s="143"/>
      <c r="AN2395" s="137"/>
      <c r="AO2395" s="137"/>
      <c r="AP2395" s="137"/>
      <c r="AQ2395" s="137"/>
      <c r="AR2395" s="137"/>
      <c r="AS2395" s="137"/>
      <c r="AT2395" s="137"/>
      <c r="AU2395" s="137"/>
      <c r="AV2395" s="137"/>
      <c r="AW2395" s="144"/>
    </row>
    <row r="2396" spans="2:49" x14ac:dyDescent="0.2">
      <c r="B2396" s="97"/>
      <c r="G2396" s="43"/>
      <c r="J2396" s="98"/>
      <c r="K2396" s="97"/>
      <c r="N2396" s="3"/>
      <c r="W2396" s="98"/>
      <c r="Z2396" s="143"/>
      <c r="AA2396" s="137"/>
      <c r="AB2396" s="137"/>
      <c r="AC2396" s="137"/>
      <c r="AD2396" s="137"/>
      <c r="AE2396" s="137"/>
      <c r="AF2396" s="137"/>
      <c r="AG2396" s="137"/>
      <c r="AH2396" s="137"/>
      <c r="AI2396" s="137"/>
      <c r="AJ2396" s="137"/>
      <c r="AK2396" s="206"/>
      <c r="AL2396" s="206"/>
      <c r="AM2396" s="143"/>
      <c r="AN2396" s="137"/>
      <c r="AO2396" s="137"/>
      <c r="AP2396" s="137"/>
      <c r="AQ2396" s="137"/>
      <c r="AR2396" s="137"/>
      <c r="AS2396" s="137"/>
      <c r="AT2396" s="137"/>
      <c r="AU2396" s="137"/>
      <c r="AV2396" s="137"/>
      <c r="AW2396" s="144"/>
    </row>
    <row r="2397" spans="2:49" x14ac:dyDescent="0.2">
      <c r="B2397" s="97"/>
      <c r="G2397" s="43"/>
      <c r="J2397" s="98"/>
      <c r="K2397" s="97"/>
      <c r="N2397" s="3"/>
      <c r="W2397" s="98"/>
      <c r="Z2397" s="143"/>
      <c r="AA2397" s="137"/>
      <c r="AB2397" s="137"/>
      <c r="AC2397" s="137"/>
      <c r="AD2397" s="137"/>
      <c r="AE2397" s="137"/>
      <c r="AF2397" s="137"/>
      <c r="AG2397" s="137"/>
      <c r="AH2397" s="137"/>
      <c r="AI2397" s="137"/>
      <c r="AJ2397" s="137"/>
      <c r="AK2397" s="206"/>
      <c r="AL2397" s="206"/>
      <c r="AM2397" s="143"/>
      <c r="AN2397" s="137"/>
      <c r="AO2397" s="137"/>
      <c r="AP2397" s="137"/>
      <c r="AQ2397" s="137"/>
      <c r="AR2397" s="137"/>
      <c r="AS2397" s="137"/>
      <c r="AT2397" s="137"/>
      <c r="AU2397" s="137"/>
      <c r="AV2397" s="137"/>
      <c r="AW2397" s="144"/>
    </row>
    <row r="2398" spans="2:49" x14ac:dyDescent="0.2">
      <c r="B2398" s="97"/>
      <c r="G2398" s="43"/>
      <c r="J2398" s="98"/>
      <c r="K2398" s="97"/>
      <c r="N2398" s="3"/>
      <c r="W2398" s="98"/>
      <c r="Z2398" s="143"/>
      <c r="AA2398" s="137"/>
      <c r="AB2398" s="137"/>
      <c r="AC2398" s="137"/>
      <c r="AD2398" s="137"/>
      <c r="AE2398" s="137"/>
      <c r="AF2398" s="137"/>
      <c r="AG2398" s="137"/>
      <c r="AH2398" s="137"/>
      <c r="AI2398" s="137"/>
      <c r="AJ2398" s="137"/>
      <c r="AK2398" s="206"/>
      <c r="AL2398" s="206"/>
      <c r="AM2398" s="143"/>
      <c r="AN2398" s="137"/>
      <c r="AO2398" s="137"/>
      <c r="AP2398" s="137"/>
      <c r="AQ2398" s="137"/>
      <c r="AR2398" s="137"/>
      <c r="AS2398" s="137"/>
      <c r="AT2398" s="137"/>
      <c r="AU2398" s="137"/>
      <c r="AV2398" s="137"/>
      <c r="AW2398" s="144"/>
    </row>
    <row r="2399" spans="2:49" x14ac:dyDescent="0.2">
      <c r="B2399" s="97"/>
      <c r="G2399" s="43"/>
      <c r="J2399" s="98"/>
      <c r="K2399" s="97"/>
      <c r="N2399" s="3"/>
      <c r="W2399" s="98"/>
      <c r="Z2399" s="143"/>
      <c r="AA2399" s="137"/>
      <c r="AB2399" s="137"/>
      <c r="AC2399" s="137"/>
      <c r="AD2399" s="137"/>
      <c r="AE2399" s="137"/>
      <c r="AF2399" s="137"/>
      <c r="AG2399" s="137"/>
      <c r="AH2399" s="137"/>
      <c r="AI2399" s="137"/>
      <c r="AJ2399" s="137"/>
      <c r="AK2399" s="206"/>
      <c r="AL2399" s="206"/>
      <c r="AM2399" s="143"/>
      <c r="AN2399" s="137"/>
      <c r="AO2399" s="137"/>
      <c r="AP2399" s="137"/>
      <c r="AQ2399" s="137"/>
      <c r="AR2399" s="137"/>
      <c r="AS2399" s="137"/>
      <c r="AT2399" s="137"/>
      <c r="AU2399" s="137"/>
      <c r="AV2399" s="137"/>
      <c r="AW2399" s="144"/>
    </row>
    <row r="2400" spans="2:49" x14ac:dyDescent="0.2">
      <c r="B2400" s="97"/>
      <c r="G2400" s="43"/>
      <c r="J2400" s="98"/>
      <c r="K2400" s="97"/>
      <c r="N2400" s="3"/>
      <c r="W2400" s="98"/>
      <c r="Z2400" s="143"/>
      <c r="AA2400" s="137"/>
      <c r="AB2400" s="137"/>
      <c r="AC2400" s="137"/>
      <c r="AD2400" s="137"/>
      <c r="AE2400" s="137"/>
      <c r="AF2400" s="137"/>
      <c r="AG2400" s="137"/>
      <c r="AH2400" s="137"/>
      <c r="AI2400" s="137"/>
      <c r="AJ2400" s="137"/>
      <c r="AK2400" s="206"/>
      <c r="AL2400" s="206"/>
      <c r="AM2400" s="143"/>
      <c r="AN2400" s="137"/>
      <c r="AO2400" s="137"/>
      <c r="AP2400" s="137"/>
      <c r="AQ2400" s="137"/>
      <c r="AR2400" s="137"/>
      <c r="AS2400" s="137"/>
      <c r="AT2400" s="137"/>
      <c r="AU2400" s="137"/>
      <c r="AV2400" s="137"/>
      <c r="AW2400" s="144"/>
    </row>
    <row r="2401" spans="2:49" x14ac:dyDescent="0.2">
      <c r="B2401" s="97"/>
      <c r="G2401" s="43"/>
      <c r="J2401" s="98"/>
      <c r="K2401" s="97"/>
      <c r="N2401" s="3"/>
      <c r="W2401" s="98"/>
      <c r="Z2401" s="143"/>
      <c r="AA2401" s="137"/>
      <c r="AB2401" s="137"/>
      <c r="AC2401" s="137"/>
      <c r="AD2401" s="137"/>
      <c r="AE2401" s="137"/>
      <c r="AF2401" s="137"/>
      <c r="AG2401" s="137"/>
      <c r="AH2401" s="137"/>
      <c r="AI2401" s="137"/>
      <c r="AJ2401" s="137"/>
      <c r="AK2401" s="206"/>
      <c r="AL2401" s="206"/>
      <c r="AM2401" s="143"/>
      <c r="AN2401" s="137"/>
      <c r="AO2401" s="137"/>
      <c r="AP2401" s="137"/>
      <c r="AQ2401" s="137"/>
      <c r="AR2401" s="137"/>
      <c r="AS2401" s="137"/>
      <c r="AT2401" s="137"/>
      <c r="AU2401" s="137"/>
      <c r="AV2401" s="137"/>
      <c r="AW2401" s="144"/>
    </row>
    <row r="2402" spans="2:49" x14ac:dyDescent="0.2">
      <c r="B2402" s="97"/>
      <c r="G2402" s="43"/>
      <c r="J2402" s="98"/>
      <c r="K2402" s="97"/>
      <c r="N2402" s="3"/>
      <c r="W2402" s="98"/>
      <c r="Z2402" s="143"/>
      <c r="AA2402" s="137"/>
      <c r="AB2402" s="137"/>
      <c r="AC2402" s="137"/>
      <c r="AD2402" s="137"/>
      <c r="AE2402" s="137"/>
      <c r="AF2402" s="137"/>
      <c r="AG2402" s="137"/>
      <c r="AH2402" s="137"/>
      <c r="AI2402" s="137"/>
      <c r="AJ2402" s="137"/>
      <c r="AK2402" s="206"/>
      <c r="AL2402" s="206"/>
      <c r="AM2402" s="143"/>
      <c r="AN2402" s="137"/>
      <c r="AO2402" s="137"/>
      <c r="AP2402" s="137"/>
      <c r="AQ2402" s="137"/>
      <c r="AR2402" s="137"/>
      <c r="AS2402" s="137"/>
      <c r="AT2402" s="137"/>
      <c r="AU2402" s="137"/>
      <c r="AV2402" s="137"/>
      <c r="AW2402" s="144"/>
    </row>
    <row r="2403" spans="2:49" x14ac:dyDescent="0.2">
      <c r="B2403" s="97"/>
      <c r="G2403" s="43"/>
      <c r="J2403" s="98"/>
      <c r="K2403" s="97"/>
      <c r="N2403" s="3"/>
      <c r="W2403" s="98"/>
      <c r="Z2403" s="143"/>
      <c r="AA2403" s="137"/>
      <c r="AB2403" s="137"/>
      <c r="AC2403" s="137"/>
      <c r="AD2403" s="137"/>
      <c r="AE2403" s="137"/>
      <c r="AF2403" s="137"/>
      <c r="AG2403" s="137"/>
      <c r="AH2403" s="137"/>
      <c r="AI2403" s="137"/>
      <c r="AJ2403" s="137"/>
      <c r="AK2403" s="206"/>
      <c r="AL2403" s="206"/>
      <c r="AM2403" s="143"/>
      <c r="AN2403" s="137"/>
      <c r="AO2403" s="137"/>
      <c r="AP2403" s="137"/>
      <c r="AQ2403" s="137"/>
      <c r="AR2403" s="137"/>
      <c r="AS2403" s="137"/>
      <c r="AT2403" s="137"/>
      <c r="AU2403" s="137"/>
      <c r="AV2403" s="137"/>
      <c r="AW2403" s="144"/>
    </row>
    <row r="2404" spans="2:49" x14ac:dyDescent="0.2">
      <c r="B2404" s="97"/>
      <c r="G2404" s="43"/>
      <c r="J2404" s="98"/>
      <c r="K2404" s="97"/>
      <c r="N2404" s="3"/>
      <c r="W2404" s="98"/>
      <c r="Z2404" s="143"/>
      <c r="AA2404" s="137"/>
      <c r="AB2404" s="137"/>
      <c r="AC2404" s="137"/>
      <c r="AD2404" s="137"/>
      <c r="AE2404" s="137"/>
      <c r="AF2404" s="137"/>
      <c r="AG2404" s="137"/>
      <c r="AH2404" s="137"/>
      <c r="AI2404" s="137"/>
      <c r="AJ2404" s="137"/>
      <c r="AK2404" s="206"/>
      <c r="AL2404" s="206"/>
      <c r="AM2404" s="143"/>
      <c r="AN2404" s="137"/>
      <c r="AO2404" s="137"/>
      <c r="AP2404" s="137"/>
      <c r="AQ2404" s="137"/>
      <c r="AR2404" s="137"/>
      <c r="AS2404" s="137"/>
      <c r="AT2404" s="137"/>
      <c r="AU2404" s="137"/>
      <c r="AV2404" s="137"/>
      <c r="AW2404" s="144"/>
    </row>
    <row r="2405" spans="2:49" x14ac:dyDescent="0.2">
      <c r="B2405" s="97"/>
      <c r="G2405" s="43"/>
      <c r="J2405" s="98"/>
      <c r="K2405" s="97"/>
      <c r="N2405" s="3"/>
      <c r="W2405" s="98"/>
      <c r="Z2405" s="143"/>
      <c r="AA2405" s="137"/>
      <c r="AB2405" s="137"/>
      <c r="AC2405" s="137"/>
      <c r="AD2405" s="137"/>
      <c r="AE2405" s="137"/>
      <c r="AF2405" s="137"/>
      <c r="AG2405" s="137"/>
      <c r="AH2405" s="137"/>
      <c r="AI2405" s="137"/>
      <c r="AJ2405" s="137"/>
      <c r="AK2405" s="206"/>
      <c r="AL2405" s="206"/>
      <c r="AM2405" s="143"/>
      <c r="AN2405" s="137"/>
      <c r="AO2405" s="137"/>
      <c r="AP2405" s="137"/>
      <c r="AQ2405" s="137"/>
      <c r="AR2405" s="137"/>
      <c r="AS2405" s="137"/>
      <c r="AT2405" s="137"/>
      <c r="AU2405" s="137"/>
      <c r="AV2405" s="137"/>
      <c r="AW2405" s="144"/>
    </row>
    <row r="2406" spans="2:49" x14ac:dyDescent="0.2">
      <c r="B2406" s="97"/>
      <c r="G2406" s="43"/>
      <c r="J2406" s="98"/>
      <c r="K2406" s="97"/>
      <c r="N2406" s="3"/>
      <c r="W2406" s="98"/>
      <c r="Z2406" s="143"/>
      <c r="AA2406" s="137"/>
      <c r="AB2406" s="137"/>
      <c r="AC2406" s="137"/>
      <c r="AD2406" s="137"/>
      <c r="AE2406" s="137"/>
      <c r="AF2406" s="137"/>
      <c r="AG2406" s="137"/>
      <c r="AH2406" s="137"/>
      <c r="AI2406" s="137"/>
      <c r="AJ2406" s="137"/>
      <c r="AK2406" s="206"/>
      <c r="AL2406" s="206"/>
      <c r="AM2406" s="143"/>
      <c r="AN2406" s="137"/>
      <c r="AO2406" s="137"/>
      <c r="AP2406" s="137"/>
      <c r="AQ2406" s="137"/>
      <c r="AR2406" s="137"/>
      <c r="AS2406" s="137"/>
      <c r="AT2406" s="137"/>
      <c r="AU2406" s="137"/>
      <c r="AV2406" s="137"/>
      <c r="AW2406" s="144"/>
    </row>
    <row r="2407" spans="2:49" x14ac:dyDescent="0.2">
      <c r="B2407" s="97"/>
      <c r="G2407" s="43"/>
      <c r="J2407" s="98"/>
      <c r="K2407" s="97"/>
      <c r="N2407" s="3"/>
      <c r="W2407" s="98"/>
      <c r="Z2407" s="143"/>
      <c r="AA2407" s="137"/>
      <c r="AB2407" s="137"/>
      <c r="AC2407" s="137"/>
      <c r="AD2407" s="137"/>
      <c r="AE2407" s="137"/>
      <c r="AF2407" s="137"/>
      <c r="AG2407" s="137"/>
      <c r="AH2407" s="137"/>
      <c r="AI2407" s="137"/>
      <c r="AJ2407" s="137"/>
      <c r="AK2407" s="206"/>
      <c r="AL2407" s="206"/>
      <c r="AM2407" s="143"/>
      <c r="AN2407" s="137"/>
      <c r="AO2407" s="137"/>
      <c r="AP2407" s="137"/>
      <c r="AQ2407" s="137"/>
      <c r="AR2407" s="137"/>
      <c r="AS2407" s="137"/>
      <c r="AT2407" s="137"/>
      <c r="AU2407" s="137"/>
      <c r="AV2407" s="137"/>
      <c r="AW2407" s="144"/>
    </row>
    <row r="2408" spans="2:49" x14ac:dyDescent="0.2">
      <c r="B2408" s="97"/>
      <c r="G2408" s="43"/>
      <c r="J2408" s="98"/>
      <c r="K2408" s="97"/>
      <c r="N2408" s="3"/>
      <c r="W2408" s="98"/>
      <c r="Z2408" s="143"/>
      <c r="AA2408" s="137"/>
      <c r="AB2408" s="137"/>
      <c r="AC2408" s="137"/>
      <c r="AD2408" s="137"/>
      <c r="AE2408" s="137"/>
      <c r="AF2408" s="137"/>
      <c r="AG2408" s="137"/>
      <c r="AH2408" s="137"/>
      <c r="AI2408" s="137"/>
      <c r="AJ2408" s="137"/>
      <c r="AK2408" s="206"/>
      <c r="AL2408" s="206"/>
      <c r="AM2408" s="143"/>
      <c r="AN2408" s="137"/>
      <c r="AO2408" s="137"/>
      <c r="AP2408" s="137"/>
      <c r="AQ2408" s="137"/>
      <c r="AR2408" s="137"/>
      <c r="AS2408" s="137"/>
      <c r="AT2408" s="137"/>
      <c r="AU2408" s="137"/>
      <c r="AV2408" s="137"/>
      <c r="AW2408" s="144"/>
    </row>
    <row r="2409" spans="2:49" x14ac:dyDescent="0.2">
      <c r="B2409" s="97"/>
      <c r="G2409" s="43"/>
      <c r="J2409" s="98"/>
      <c r="K2409" s="97"/>
      <c r="N2409" s="3"/>
      <c r="W2409" s="98"/>
      <c r="Z2409" s="143"/>
      <c r="AA2409" s="137"/>
      <c r="AB2409" s="137"/>
      <c r="AC2409" s="137"/>
      <c r="AD2409" s="137"/>
      <c r="AE2409" s="137"/>
      <c r="AF2409" s="137"/>
      <c r="AG2409" s="137"/>
      <c r="AH2409" s="137"/>
      <c r="AI2409" s="137"/>
      <c r="AJ2409" s="137"/>
      <c r="AK2409" s="206"/>
      <c r="AL2409" s="206"/>
      <c r="AM2409" s="143"/>
      <c r="AN2409" s="137"/>
      <c r="AO2409" s="137"/>
      <c r="AP2409" s="137"/>
      <c r="AQ2409" s="137"/>
      <c r="AR2409" s="137"/>
      <c r="AS2409" s="137"/>
      <c r="AT2409" s="137"/>
      <c r="AU2409" s="137"/>
      <c r="AV2409" s="137"/>
      <c r="AW2409" s="144"/>
    </row>
    <row r="2410" spans="2:49" x14ac:dyDescent="0.2">
      <c r="B2410" s="97"/>
      <c r="G2410" s="43"/>
      <c r="J2410" s="98"/>
      <c r="K2410" s="97"/>
      <c r="N2410" s="3"/>
      <c r="W2410" s="98"/>
      <c r="Z2410" s="143"/>
      <c r="AA2410" s="137"/>
      <c r="AB2410" s="137"/>
      <c r="AC2410" s="137"/>
      <c r="AD2410" s="137"/>
      <c r="AE2410" s="137"/>
      <c r="AF2410" s="137"/>
      <c r="AG2410" s="137"/>
      <c r="AH2410" s="137"/>
      <c r="AI2410" s="137"/>
      <c r="AJ2410" s="137"/>
      <c r="AK2410" s="206"/>
      <c r="AL2410" s="206"/>
      <c r="AM2410" s="143"/>
      <c r="AN2410" s="137"/>
      <c r="AO2410" s="137"/>
      <c r="AP2410" s="137"/>
      <c r="AQ2410" s="137"/>
      <c r="AR2410" s="137"/>
      <c r="AS2410" s="137"/>
      <c r="AT2410" s="137"/>
      <c r="AU2410" s="137"/>
      <c r="AV2410" s="137"/>
      <c r="AW2410" s="144"/>
    </row>
    <row r="2411" spans="2:49" x14ac:dyDescent="0.2">
      <c r="B2411" s="97"/>
      <c r="G2411" s="43"/>
      <c r="J2411" s="98"/>
      <c r="K2411" s="97"/>
      <c r="N2411" s="3"/>
      <c r="W2411" s="98"/>
      <c r="Z2411" s="143"/>
      <c r="AA2411" s="137"/>
      <c r="AB2411" s="137"/>
      <c r="AC2411" s="137"/>
      <c r="AD2411" s="137"/>
      <c r="AE2411" s="137"/>
      <c r="AF2411" s="137"/>
      <c r="AG2411" s="137"/>
      <c r="AH2411" s="137"/>
      <c r="AI2411" s="137"/>
      <c r="AJ2411" s="137"/>
      <c r="AK2411" s="206"/>
      <c r="AL2411" s="206"/>
      <c r="AM2411" s="143"/>
      <c r="AN2411" s="137"/>
      <c r="AO2411" s="137"/>
      <c r="AP2411" s="137"/>
      <c r="AQ2411" s="137"/>
      <c r="AR2411" s="137"/>
      <c r="AS2411" s="137"/>
      <c r="AT2411" s="137"/>
      <c r="AU2411" s="137"/>
      <c r="AV2411" s="137"/>
      <c r="AW2411" s="144"/>
    </row>
    <row r="2412" spans="2:49" x14ac:dyDescent="0.2">
      <c r="B2412" s="97"/>
      <c r="G2412" s="43"/>
      <c r="J2412" s="98"/>
      <c r="K2412" s="97"/>
      <c r="N2412" s="3"/>
      <c r="W2412" s="98"/>
      <c r="Z2412" s="143"/>
      <c r="AA2412" s="137"/>
      <c r="AB2412" s="137"/>
      <c r="AC2412" s="137"/>
      <c r="AD2412" s="137"/>
      <c r="AE2412" s="137"/>
      <c r="AF2412" s="137"/>
      <c r="AG2412" s="137"/>
      <c r="AH2412" s="137"/>
      <c r="AI2412" s="137"/>
      <c r="AJ2412" s="137"/>
      <c r="AK2412" s="206"/>
      <c r="AL2412" s="206"/>
      <c r="AM2412" s="143"/>
      <c r="AN2412" s="137"/>
      <c r="AO2412" s="137"/>
      <c r="AP2412" s="137"/>
      <c r="AQ2412" s="137"/>
      <c r="AR2412" s="137"/>
      <c r="AS2412" s="137"/>
      <c r="AT2412" s="137"/>
      <c r="AU2412" s="137"/>
      <c r="AV2412" s="137"/>
      <c r="AW2412" s="144"/>
    </row>
    <row r="2413" spans="2:49" x14ac:dyDescent="0.2">
      <c r="B2413" s="97"/>
      <c r="G2413" s="43"/>
      <c r="J2413" s="98"/>
      <c r="K2413" s="97"/>
      <c r="N2413" s="3"/>
      <c r="W2413" s="98"/>
      <c r="Z2413" s="143"/>
      <c r="AA2413" s="137"/>
      <c r="AB2413" s="137"/>
      <c r="AC2413" s="137"/>
      <c r="AD2413" s="137"/>
      <c r="AE2413" s="137"/>
      <c r="AF2413" s="137"/>
      <c r="AG2413" s="137"/>
      <c r="AH2413" s="137"/>
      <c r="AI2413" s="137"/>
      <c r="AJ2413" s="137"/>
      <c r="AK2413" s="206"/>
      <c r="AL2413" s="206"/>
      <c r="AM2413" s="143"/>
      <c r="AN2413" s="137"/>
      <c r="AO2413" s="137"/>
      <c r="AP2413" s="137"/>
      <c r="AQ2413" s="137"/>
      <c r="AR2413" s="137"/>
      <c r="AS2413" s="137"/>
      <c r="AT2413" s="137"/>
      <c r="AU2413" s="137"/>
      <c r="AV2413" s="137"/>
      <c r="AW2413" s="144"/>
    </row>
    <row r="2414" spans="2:49" x14ac:dyDescent="0.2">
      <c r="B2414" s="97"/>
      <c r="G2414" s="43"/>
      <c r="J2414" s="98"/>
      <c r="K2414" s="97"/>
      <c r="N2414" s="3"/>
      <c r="W2414" s="98"/>
      <c r="Z2414" s="143"/>
      <c r="AA2414" s="137"/>
      <c r="AB2414" s="137"/>
      <c r="AC2414" s="137"/>
      <c r="AD2414" s="137"/>
      <c r="AE2414" s="137"/>
      <c r="AF2414" s="137"/>
      <c r="AG2414" s="137"/>
      <c r="AH2414" s="137"/>
      <c r="AI2414" s="137"/>
      <c r="AJ2414" s="137"/>
      <c r="AK2414" s="206"/>
      <c r="AL2414" s="206"/>
      <c r="AM2414" s="143"/>
      <c r="AN2414" s="137"/>
      <c r="AO2414" s="137"/>
      <c r="AP2414" s="137"/>
      <c r="AQ2414" s="137"/>
      <c r="AR2414" s="137"/>
      <c r="AS2414" s="137"/>
      <c r="AT2414" s="137"/>
      <c r="AU2414" s="137"/>
      <c r="AV2414" s="137"/>
      <c r="AW2414" s="144"/>
    </row>
    <row r="2415" spans="2:49" x14ac:dyDescent="0.2">
      <c r="B2415" s="97"/>
      <c r="G2415" s="43"/>
      <c r="J2415" s="98"/>
      <c r="K2415" s="97"/>
      <c r="N2415" s="3"/>
      <c r="W2415" s="98"/>
      <c r="Z2415" s="143"/>
      <c r="AA2415" s="137"/>
      <c r="AB2415" s="137"/>
      <c r="AC2415" s="137"/>
      <c r="AD2415" s="137"/>
      <c r="AE2415" s="137"/>
      <c r="AF2415" s="137"/>
      <c r="AG2415" s="137"/>
      <c r="AH2415" s="137"/>
      <c r="AI2415" s="137"/>
      <c r="AJ2415" s="137"/>
      <c r="AK2415" s="206"/>
      <c r="AL2415" s="206"/>
      <c r="AM2415" s="143"/>
      <c r="AN2415" s="137"/>
      <c r="AO2415" s="137"/>
      <c r="AP2415" s="137"/>
      <c r="AQ2415" s="137"/>
      <c r="AR2415" s="137"/>
      <c r="AS2415" s="137"/>
      <c r="AT2415" s="137"/>
      <c r="AU2415" s="137"/>
      <c r="AV2415" s="137"/>
      <c r="AW2415" s="144"/>
    </row>
    <row r="2416" spans="2:49" x14ac:dyDescent="0.2">
      <c r="B2416" s="97"/>
      <c r="G2416" s="43"/>
      <c r="J2416" s="98"/>
      <c r="K2416" s="97"/>
      <c r="N2416" s="3"/>
      <c r="W2416" s="98"/>
      <c r="Z2416" s="143"/>
      <c r="AA2416" s="137"/>
      <c r="AB2416" s="137"/>
      <c r="AC2416" s="137"/>
      <c r="AD2416" s="137"/>
      <c r="AE2416" s="137"/>
      <c r="AF2416" s="137"/>
      <c r="AG2416" s="137"/>
      <c r="AH2416" s="137"/>
      <c r="AI2416" s="137"/>
      <c r="AJ2416" s="137"/>
      <c r="AK2416" s="206"/>
      <c r="AL2416" s="206"/>
      <c r="AM2416" s="143"/>
      <c r="AN2416" s="137"/>
      <c r="AO2416" s="137"/>
      <c r="AP2416" s="137"/>
      <c r="AQ2416" s="137"/>
      <c r="AR2416" s="137"/>
      <c r="AS2416" s="137"/>
      <c r="AT2416" s="137"/>
      <c r="AU2416" s="137"/>
      <c r="AV2416" s="137"/>
      <c r="AW2416" s="144"/>
    </row>
    <row r="2417" spans="2:49" x14ac:dyDescent="0.2">
      <c r="B2417" s="97"/>
      <c r="G2417" s="43"/>
      <c r="J2417" s="98"/>
      <c r="K2417" s="97"/>
      <c r="N2417" s="3"/>
      <c r="W2417" s="98"/>
      <c r="Z2417" s="143"/>
      <c r="AA2417" s="137"/>
      <c r="AB2417" s="137"/>
      <c r="AC2417" s="137"/>
      <c r="AD2417" s="137"/>
      <c r="AE2417" s="137"/>
      <c r="AF2417" s="137"/>
      <c r="AG2417" s="137"/>
      <c r="AH2417" s="137"/>
      <c r="AI2417" s="137"/>
      <c r="AJ2417" s="137"/>
      <c r="AK2417" s="206"/>
      <c r="AL2417" s="206"/>
      <c r="AM2417" s="143"/>
      <c r="AN2417" s="137"/>
      <c r="AO2417" s="137"/>
      <c r="AP2417" s="137"/>
      <c r="AQ2417" s="137"/>
      <c r="AR2417" s="137"/>
      <c r="AS2417" s="137"/>
      <c r="AT2417" s="137"/>
      <c r="AU2417" s="137"/>
      <c r="AV2417" s="137"/>
      <c r="AW2417" s="144"/>
    </row>
    <row r="2418" spans="2:49" x14ac:dyDescent="0.2">
      <c r="B2418" s="97"/>
      <c r="G2418" s="43"/>
      <c r="J2418" s="98"/>
      <c r="K2418" s="97"/>
      <c r="N2418" s="3"/>
      <c r="W2418" s="98"/>
      <c r="Z2418" s="143"/>
      <c r="AA2418" s="137"/>
      <c r="AB2418" s="137"/>
      <c r="AC2418" s="137"/>
      <c r="AD2418" s="137"/>
      <c r="AE2418" s="137"/>
      <c r="AF2418" s="137"/>
      <c r="AG2418" s="137"/>
      <c r="AH2418" s="137"/>
      <c r="AI2418" s="137"/>
      <c r="AJ2418" s="137"/>
      <c r="AK2418" s="206"/>
      <c r="AL2418" s="206"/>
      <c r="AM2418" s="143"/>
      <c r="AN2418" s="137"/>
      <c r="AO2418" s="137"/>
      <c r="AP2418" s="137"/>
      <c r="AQ2418" s="137"/>
      <c r="AR2418" s="137"/>
      <c r="AS2418" s="137"/>
      <c r="AT2418" s="137"/>
      <c r="AU2418" s="137"/>
      <c r="AV2418" s="137"/>
      <c r="AW2418" s="144"/>
    </row>
    <row r="2419" spans="2:49" x14ac:dyDescent="0.2">
      <c r="B2419" s="97"/>
      <c r="G2419" s="43"/>
      <c r="J2419" s="98"/>
      <c r="K2419" s="97"/>
      <c r="N2419" s="3"/>
      <c r="W2419" s="98"/>
      <c r="Z2419" s="143"/>
      <c r="AA2419" s="137"/>
      <c r="AB2419" s="137"/>
      <c r="AC2419" s="137"/>
      <c r="AD2419" s="137"/>
      <c r="AE2419" s="137"/>
      <c r="AF2419" s="137"/>
      <c r="AG2419" s="137"/>
      <c r="AH2419" s="137"/>
      <c r="AI2419" s="137"/>
      <c r="AJ2419" s="137"/>
      <c r="AK2419" s="206"/>
      <c r="AL2419" s="206"/>
      <c r="AM2419" s="143"/>
      <c r="AN2419" s="137"/>
      <c r="AO2419" s="137"/>
      <c r="AP2419" s="137"/>
      <c r="AQ2419" s="137"/>
      <c r="AR2419" s="137"/>
      <c r="AS2419" s="137"/>
      <c r="AT2419" s="137"/>
      <c r="AU2419" s="137"/>
      <c r="AV2419" s="137"/>
      <c r="AW2419" s="144"/>
    </row>
    <row r="2420" spans="2:49" x14ac:dyDescent="0.2">
      <c r="B2420" s="97"/>
      <c r="G2420" s="43"/>
      <c r="J2420" s="98"/>
      <c r="K2420" s="97"/>
      <c r="N2420" s="3"/>
      <c r="W2420" s="98"/>
      <c r="Z2420" s="143"/>
      <c r="AA2420" s="137"/>
      <c r="AB2420" s="137"/>
      <c r="AC2420" s="137"/>
      <c r="AD2420" s="137"/>
      <c r="AE2420" s="137"/>
      <c r="AF2420" s="137"/>
      <c r="AG2420" s="137"/>
      <c r="AH2420" s="137"/>
      <c r="AI2420" s="137"/>
      <c r="AJ2420" s="137"/>
      <c r="AK2420" s="206"/>
      <c r="AL2420" s="206"/>
      <c r="AM2420" s="143"/>
      <c r="AN2420" s="137"/>
      <c r="AO2420" s="137"/>
      <c r="AP2420" s="137"/>
      <c r="AQ2420" s="137"/>
      <c r="AR2420" s="137"/>
      <c r="AS2420" s="137"/>
      <c r="AT2420" s="137"/>
      <c r="AU2420" s="137"/>
      <c r="AV2420" s="137"/>
      <c r="AW2420" s="144"/>
    </row>
    <row r="2421" spans="2:49" x14ac:dyDescent="0.2">
      <c r="B2421" s="97"/>
      <c r="G2421" s="43"/>
      <c r="J2421" s="98"/>
      <c r="K2421" s="97"/>
      <c r="N2421" s="3"/>
      <c r="W2421" s="98"/>
      <c r="Z2421" s="143"/>
      <c r="AA2421" s="137"/>
      <c r="AB2421" s="137"/>
      <c r="AC2421" s="137"/>
      <c r="AD2421" s="137"/>
      <c r="AE2421" s="137"/>
      <c r="AF2421" s="137"/>
      <c r="AG2421" s="137"/>
      <c r="AH2421" s="137"/>
      <c r="AI2421" s="137"/>
      <c r="AJ2421" s="137"/>
      <c r="AK2421" s="206"/>
      <c r="AL2421" s="206"/>
      <c r="AM2421" s="143"/>
      <c r="AN2421" s="137"/>
      <c r="AO2421" s="137"/>
      <c r="AP2421" s="137"/>
      <c r="AQ2421" s="137"/>
      <c r="AR2421" s="137"/>
      <c r="AS2421" s="137"/>
      <c r="AT2421" s="137"/>
      <c r="AU2421" s="137"/>
      <c r="AV2421" s="137"/>
      <c r="AW2421" s="144"/>
    </row>
    <row r="2422" spans="2:49" x14ac:dyDescent="0.2">
      <c r="B2422" s="97"/>
      <c r="G2422" s="43"/>
      <c r="J2422" s="98"/>
      <c r="K2422" s="97"/>
      <c r="N2422" s="3"/>
      <c r="W2422" s="98"/>
      <c r="Z2422" s="143"/>
      <c r="AA2422" s="137"/>
      <c r="AB2422" s="137"/>
      <c r="AC2422" s="137"/>
      <c r="AD2422" s="137"/>
      <c r="AE2422" s="137"/>
      <c r="AF2422" s="137"/>
      <c r="AG2422" s="137"/>
      <c r="AH2422" s="137"/>
      <c r="AI2422" s="137"/>
      <c r="AJ2422" s="137"/>
      <c r="AK2422" s="206"/>
      <c r="AL2422" s="206"/>
      <c r="AM2422" s="143"/>
      <c r="AN2422" s="137"/>
      <c r="AO2422" s="137"/>
      <c r="AP2422" s="137"/>
      <c r="AQ2422" s="137"/>
      <c r="AR2422" s="137"/>
      <c r="AS2422" s="137"/>
      <c r="AT2422" s="137"/>
      <c r="AU2422" s="137"/>
      <c r="AV2422" s="137"/>
      <c r="AW2422" s="144"/>
    </row>
    <row r="2423" spans="2:49" x14ac:dyDescent="0.2">
      <c r="B2423" s="97"/>
      <c r="G2423" s="43"/>
      <c r="J2423" s="98"/>
      <c r="K2423" s="97"/>
      <c r="N2423" s="3"/>
      <c r="W2423" s="98"/>
      <c r="Z2423" s="143"/>
      <c r="AA2423" s="137"/>
      <c r="AB2423" s="137"/>
      <c r="AC2423" s="137"/>
      <c r="AD2423" s="137"/>
      <c r="AE2423" s="137"/>
      <c r="AF2423" s="137"/>
      <c r="AG2423" s="137"/>
      <c r="AH2423" s="137"/>
      <c r="AI2423" s="137"/>
      <c r="AJ2423" s="137"/>
      <c r="AK2423" s="206"/>
      <c r="AL2423" s="206"/>
      <c r="AM2423" s="143"/>
      <c r="AN2423" s="137"/>
      <c r="AO2423" s="137"/>
      <c r="AP2423" s="137"/>
      <c r="AQ2423" s="137"/>
      <c r="AR2423" s="137"/>
      <c r="AS2423" s="137"/>
      <c r="AT2423" s="137"/>
      <c r="AU2423" s="137"/>
      <c r="AV2423" s="137"/>
      <c r="AW2423" s="144"/>
    </row>
    <row r="2424" spans="2:49" x14ac:dyDescent="0.2">
      <c r="B2424" s="97"/>
      <c r="G2424" s="43"/>
      <c r="J2424" s="98"/>
      <c r="K2424" s="97"/>
      <c r="N2424" s="3"/>
      <c r="W2424" s="98"/>
      <c r="Z2424" s="143"/>
      <c r="AA2424" s="137"/>
      <c r="AB2424" s="137"/>
      <c r="AC2424" s="137"/>
      <c r="AD2424" s="137"/>
      <c r="AE2424" s="137"/>
      <c r="AF2424" s="137"/>
      <c r="AG2424" s="137"/>
      <c r="AH2424" s="137"/>
      <c r="AI2424" s="137"/>
      <c r="AJ2424" s="137"/>
      <c r="AK2424" s="206"/>
      <c r="AL2424" s="206"/>
      <c r="AM2424" s="143"/>
      <c r="AN2424" s="137"/>
      <c r="AO2424" s="137"/>
      <c r="AP2424" s="137"/>
      <c r="AQ2424" s="137"/>
      <c r="AR2424" s="137"/>
      <c r="AS2424" s="137"/>
      <c r="AT2424" s="137"/>
      <c r="AU2424" s="137"/>
      <c r="AV2424" s="137"/>
      <c r="AW2424" s="144"/>
    </row>
    <row r="2425" spans="2:49" x14ac:dyDescent="0.2">
      <c r="B2425" s="97"/>
      <c r="G2425" s="43"/>
      <c r="J2425" s="98"/>
      <c r="K2425" s="97"/>
      <c r="N2425" s="3"/>
      <c r="W2425" s="98"/>
      <c r="Z2425" s="143"/>
      <c r="AA2425" s="137"/>
      <c r="AB2425" s="137"/>
      <c r="AC2425" s="137"/>
      <c r="AD2425" s="137"/>
      <c r="AE2425" s="137"/>
      <c r="AF2425" s="137"/>
      <c r="AG2425" s="137"/>
      <c r="AH2425" s="137"/>
      <c r="AI2425" s="137"/>
      <c r="AJ2425" s="137"/>
      <c r="AK2425" s="206"/>
      <c r="AL2425" s="206"/>
      <c r="AM2425" s="143"/>
      <c r="AN2425" s="137"/>
      <c r="AO2425" s="137"/>
      <c r="AP2425" s="137"/>
      <c r="AQ2425" s="137"/>
      <c r="AR2425" s="137"/>
      <c r="AS2425" s="137"/>
      <c r="AT2425" s="137"/>
      <c r="AU2425" s="137"/>
      <c r="AV2425" s="137"/>
      <c r="AW2425" s="144"/>
    </row>
    <row r="2426" spans="2:49" x14ac:dyDescent="0.2">
      <c r="B2426" s="97"/>
      <c r="G2426" s="43"/>
      <c r="J2426" s="98"/>
      <c r="K2426" s="97"/>
      <c r="N2426" s="3"/>
      <c r="W2426" s="98"/>
      <c r="Z2426" s="143"/>
      <c r="AA2426" s="137"/>
      <c r="AB2426" s="137"/>
      <c r="AC2426" s="137"/>
      <c r="AD2426" s="137"/>
      <c r="AE2426" s="137"/>
      <c r="AF2426" s="137"/>
      <c r="AG2426" s="137"/>
      <c r="AH2426" s="137"/>
      <c r="AI2426" s="137"/>
      <c r="AJ2426" s="137"/>
      <c r="AK2426" s="206"/>
      <c r="AL2426" s="206"/>
      <c r="AM2426" s="143"/>
      <c r="AN2426" s="137"/>
      <c r="AO2426" s="137"/>
      <c r="AP2426" s="137"/>
      <c r="AQ2426" s="137"/>
      <c r="AR2426" s="137"/>
      <c r="AS2426" s="137"/>
      <c r="AT2426" s="137"/>
      <c r="AU2426" s="137"/>
      <c r="AV2426" s="137"/>
      <c r="AW2426" s="144"/>
    </row>
    <row r="2427" spans="2:49" x14ac:dyDescent="0.2">
      <c r="B2427" s="97"/>
      <c r="G2427" s="43"/>
      <c r="J2427" s="98"/>
      <c r="K2427" s="97"/>
      <c r="N2427" s="3"/>
      <c r="W2427" s="98"/>
      <c r="Z2427" s="143"/>
      <c r="AA2427" s="137"/>
      <c r="AB2427" s="137"/>
      <c r="AC2427" s="137"/>
      <c r="AD2427" s="137"/>
      <c r="AE2427" s="137"/>
      <c r="AF2427" s="137"/>
      <c r="AG2427" s="137"/>
      <c r="AH2427" s="137"/>
      <c r="AI2427" s="137"/>
      <c r="AJ2427" s="137"/>
      <c r="AK2427" s="206"/>
      <c r="AL2427" s="206"/>
      <c r="AM2427" s="143"/>
      <c r="AN2427" s="137"/>
      <c r="AO2427" s="137"/>
      <c r="AP2427" s="137"/>
      <c r="AQ2427" s="137"/>
      <c r="AR2427" s="137"/>
      <c r="AS2427" s="137"/>
      <c r="AT2427" s="137"/>
      <c r="AU2427" s="137"/>
      <c r="AV2427" s="137"/>
      <c r="AW2427" s="144"/>
    </row>
    <row r="2428" spans="2:49" x14ac:dyDescent="0.2">
      <c r="B2428" s="97"/>
      <c r="G2428" s="43"/>
      <c r="J2428" s="98"/>
      <c r="K2428" s="97"/>
      <c r="N2428" s="3"/>
      <c r="W2428" s="98"/>
      <c r="Z2428" s="143"/>
      <c r="AA2428" s="137"/>
      <c r="AB2428" s="137"/>
      <c r="AC2428" s="137"/>
      <c r="AD2428" s="137"/>
      <c r="AE2428" s="137"/>
      <c r="AF2428" s="137"/>
      <c r="AG2428" s="137"/>
      <c r="AH2428" s="137"/>
      <c r="AI2428" s="137"/>
      <c r="AJ2428" s="137"/>
      <c r="AK2428" s="206"/>
      <c r="AL2428" s="206"/>
      <c r="AM2428" s="143"/>
      <c r="AN2428" s="137"/>
      <c r="AO2428" s="137"/>
      <c r="AP2428" s="137"/>
      <c r="AQ2428" s="137"/>
      <c r="AR2428" s="137"/>
      <c r="AS2428" s="137"/>
      <c r="AT2428" s="137"/>
      <c r="AU2428" s="137"/>
      <c r="AV2428" s="137"/>
      <c r="AW2428" s="144"/>
    </row>
    <row r="2429" spans="2:49" x14ac:dyDescent="0.2">
      <c r="B2429" s="97"/>
      <c r="G2429" s="43"/>
      <c r="J2429" s="98"/>
      <c r="K2429" s="97"/>
      <c r="N2429" s="3"/>
      <c r="W2429" s="98"/>
      <c r="Z2429" s="143"/>
      <c r="AA2429" s="137"/>
      <c r="AB2429" s="137"/>
      <c r="AC2429" s="137"/>
      <c r="AD2429" s="137"/>
      <c r="AE2429" s="137"/>
      <c r="AF2429" s="137"/>
      <c r="AG2429" s="137"/>
      <c r="AH2429" s="137"/>
      <c r="AI2429" s="137"/>
      <c r="AJ2429" s="137"/>
      <c r="AK2429" s="206"/>
      <c r="AL2429" s="206"/>
      <c r="AM2429" s="143"/>
      <c r="AN2429" s="137"/>
      <c r="AO2429" s="137"/>
      <c r="AP2429" s="137"/>
      <c r="AQ2429" s="137"/>
      <c r="AR2429" s="137"/>
      <c r="AS2429" s="137"/>
      <c r="AT2429" s="137"/>
      <c r="AU2429" s="137"/>
      <c r="AV2429" s="137"/>
      <c r="AW2429" s="144"/>
    </row>
    <row r="2430" spans="2:49" x14ac:dyDescent="0.2">
      <c r="B2430" s="97"/>
      <c r="G2430" s="43"/>
      <c r="J2430" s="98"/>
      <c r="K2430" s="97"/>
      <c r="N2430" s="3"/>
      <c r="W2430" s="98"/>
      <c r="Z2430" s="143"/>
      <c r="AA2430" s="137"/>
      <c r="AB2430" s="137"/>
      <c r="AC2430" s="137"/>
      <c r="AD2430" s="137"/>
      <c r="AE2430" s="137"/>
      <c r="AF2430" s="137"/>
      <c r="AG2430" s="137"/>
      <c r="AH2430" s="137"/>
      <c r="AI2430" s="137"/>
      <c r="AJ2430" s="137"/>
      <c r="AK2430" s="206"/>
      <c r="AL2430" s="206"/>
      <c r="AM2430" s="143"/>
      <c r="AN2430" s="137"/>
      <c r="AO2430" s="137"/>
      <c r="AP2430" s="137"/>
      <c r="AQ2430" s="137"/>
      <c r="AR2430" s="137"/>
      <c r="AS2430" s="137"/>
      <c r="AT2430" s="137"/>
      <c r="AU2430" s="137"/>
      <c r="AV2430" s="137"/>
      <c r="AW2430" s="144"/>
    </row>
    <row r="2431" spans="2:49" x14ac:dyDescent="0.2">
      <c r="B2431" s="97"/>
      <c r="G2431" s="43"/>
      <c r="J2431" s="98"/>
      <c r="K2431" s="97"/>
      <c r="N2431" s="3"/>
      <c r="W2431" s="98"/>
      <c r="Z2431" s="143"/>
      <c r="AA2431" s="137"/>
      <c r="AB2431" s="137"/>
      <c r="AC2431" s="137"/>
      <c r="AD2431" s="137"/>
      <c r="AE2431" s="137"/>
      <c r="AF2431" s="137"/>
      <c r="AG2431" s="137"/>
      <c r="AH2431" s="137"/>
      <c r="AI2431" s="137"/>
      <c r="AJ2431" s="137"/>
      <c r="AK2431" s="206"/>
      <c r="AL2431" s="206"/>
      <c r="AM2431" s="143"/>
      <c r="AN2431" s="137"/>
      <c r="AO2431" s="137"/>
      <c r="AP2431" s="137"/>
      <c r="AQ2431" s="137"/>
      <c r="AR2431" s="137"/>
      <c r="AS2431" s="137"/>
      <c r="AT2431" s="137"/>
      <c r="AU2431" s="137"/>
      <c r="AV2431" s="137"/>
      <c r="AW2431" s="144"/>
    </row>
    <row r="2432" spans="2:49" x14ac:dyDescent="0.2">
      <c r="B2432" s="97"/>
      <c r="G2432" s="43"/>
      <c r="J2432" s="98"/>
      <c r="K2432" s="97"/>
      <c r="N2432" s="3"/>
      <c r="W2432" s="98"/>
      <c r="Z2432" s="143"/>
      <c r="AA2432" s="137"/>
      <c r="AB2432" s="137"/>
      <c r="AC2432" s="137"/>
      <c r="AD2432" s="137"/>
      <c r="AE2432" s="137"/>
      <c r="AF2432" s="137"/>
      <c r="AG2432" s="137"/>
      <c r="AH2432" s="137"/>
      <c r="AI2432" s="137"/>
      <c r="AJ2432" s="137"/>
      <c r="AK2432" s="206"/>
      <c r="AL2432" s="206"/>
      <c r="AM2432" s="143"/>
      <c r="AN2432" s="137"/>
      <c r="AO2432" s="137"/>
      <c r="AP2432" s="137"/>
      <c r="AQ2432" s="137"/>
      <c r="AR2432" s="137"/>
      <c r="AS2432" s="137"/>
      <c r="AT2432" s="137"/>
      <c r="AU2432" s="137"/>
      <c r="AV2432" s="137"/>
      <c r="AW2432" s="144"/>
    </row>
    <row r="2433" spans="2:49" x14ac:dyDescent="0.2">
      <c r="B2433" s="97"/>
      <c r="G2433" s="43"/>
      <c r="J2433" s="98"/>
      <c r="K2433" s="97"/>
      <c r="N2433" s="3"/>
      <c r="W2433" s="98"/>
      <c r="Z2433" s="143"/>
      <c r="AA2433" s="137"/>
      <c r="AB2433" s="137"/>
      <c r="AC2433" s="137"/>
      <c r="AD2433" s="137"/>
      <c r="AE2433" s="137"/>
      <c r="AF2433" s="137"/>
      <c r="AG2433" s="137"/>
      <c r="AH2433" s="137"/>
      <c r="AI2433" s="137"/>
      <c r="AJ2433" s="137"/>
      <c r="AK2433" s="206"/>
      <c r="AL2433" s="206"/>
      <c r="AM2433" s="143"/>
      <c r="AN2433" s="137"/>
      <c r="AO2433" s="137"/>
      <c r="AP2433" s="137"/>
      <c r="AQ2433" s="137"/>
      <c r="AR2433" s="137"/>
      <c r="AS2433" s="137"/>
      <c r="AT2433" s="137"/>
      <c r="AU2433" s="137"/>
      <c r="AV2433" s="137"/>
      <c r="AW2433" s="144"/>
    </row>
    <row r="2434" spans="2:49" x14ac:dyDescent="0.2">
      <c r="B2434" s="97"/>
      <c r="G2434" s="43"/>
      <c r="J2434" s="98"/>
      <c r="K2434" s="97"/>
      <c r="N2434" s="3"/>
      <c r="W2434" s="98"/>
      <c r="Z2434" s="143"/>
      <c r="AA2434" s="137"/>
      <c r="AB2434" s="137"/>
      <c r="AC2434" s="137"/>
      <c r="AD2434" s="137"/>
      <c r="AE2434" s="137"/>
      <c r="AF2434" s="137"/>
      <c r="AG2434" s="137"/>
      <c r="AH2434" s="137"/>
      <c r="AI2434" s="137"/>
      <c r="AJ2434" s="137"/>
      <c r="AK2434" s="206"/>
      <c r="AL2434" s="206"/>
      <c r="AM2434" s="143"/>
      <c r="AN2434" s="137"/>
      <c r="AO2434" s="137"/>
      <c r="AP2434" s="137"/>
      <c r="AQ2434" s="137"/>
      <c r="AR2434" s="137"/>
      <c r="AS2434" s="137"/>
      <c r="AT2434" s="137"/>
      <c r="AU2434" s="137"/>
      <c r="AV2434" s="137"/>
      <c r="AW2434" s="144"/>
    </row>
    <row r="2435" spans="2:49" x14ac:dyDescent="0.2">
      <c r="B2435" s="97"/>
      <c r="G2435" s="43"/>
      <c r="J2435" s="98"/>
      <c r="K2435" s="97"/>
      <c r="N2435" s="3"/>
      <c r="W2435" s="98"/>
      <c r="Z2435" s="143"/>
      <c r="AA2435" s="137"/>
      <c r="AB2435" s="137"/>
      <c r="AC2435" s="137"/>
      <c r="AD2435" s="137"/>
      <c r="AE2435" s="137"/>
      <c r="AF2435" s="137"/>
      <c r="AG2435" s="137"/>
      <c r="AH2435" s="137"/>
      <c r="AI2435" s="137"/>
      <c r="AJ2435" s="137"/>
      <c r="AK2435" s="206"/>
      <c r="AL2435" s="206"/>
      <c r="AM2435" s="143"/>
      <c r="AN2435" s="137"/>
      <c r="AO2435" s="137"/>
      <c r="AP2435" s="137"/>
      <c r="AQ2435" s="137"/>
      <c r="AR2435" s="137"/>
      <c r="AS2435" s="137"/>
      <c r="AT2435" s="137"/>
      <c r="AU2435" s="137"/>
      <c r="AV2435" s="137"/>
      <c r="AW2435" s="144"/>
    </row>
    <row r="2436" spans="2:49" x14ac:dyDescent="0.2">
      <c r="B2436" s="97"/>
      <c r="G2436" s="43"/>
      <c r="J2436" s="98"/>
      <c r="K2436" s="97"/>
      <c r="N2436" s="3"/>
      <c r="W2436" s="98"/>
      <c r="Z2436" s="143"/>
      <c r="AA2436" s="137"/>
      <c r="AB2436" s="137"/>
      <c r="AC2436" s="137"/>
      <c r="AD2436" s="137"/>
      <c r="AE2436" s="137"/>
      <c r="AF2436" s="137"/>
      <c r="AG2436" s="137"/>
      <c r="AH2436" s="137"/>
      <c r="AI2436" s="137"/>
      <c r="AJ2436" s="137"/>
      <c r="AK2436" s="206"/>
      <c r="AL2436" s="206"/>
      <c r="AM2436" s="143"/>
      <c r="AN2436" s="137"/>
      <c r="AO2436" s="137"/>
      <c r="AP2436" s="137"/>
      <c r="AQ2436" s="137"/>
      <c r="AR2436" s="137"/>
      <c r="AS2436" s="137"/>
      <c r="AT2436" s="137"/>
      <c r="AU2436" s="137"/>
      <c r="AV2436" s="137"/>
      <c r="AW2436" s="144"/>
    </row>
    <row r="2437" spans="2:49" x14ac:dyDescent="0.2">
      <c r="B2437" s="97"/>
      <c r="G2437" s="43"/>
      <c r="J2437" s="98"/>
      <c r="K2437" s="97"/>
      <c r="N2437" s="3"/>
      <c r="W2437" s="98"/>
      <c r="Z2437" s="143"/>
      <c r="AA2437" s="137"/>
      <c r="AB2437" s="137"/>
      <c r="AC2437" s="137"/>
      <c r="AD2437" s="137"/>
      <c r="AE2437" s="137"/>
      <c r="AF2437" s="137"/>
      <c r="AG2437" s="137"/>
      <c r="AH2437" s="137"/>
      <c r="AI2437" s="137"/>
      <c r="AJ2437" s="137"/>
      <c r="AK2437" s="206"/>
      <c r="AL2437" s="206"/>
      <c r="AM2437" s="143"/>
      <c r="AN2437" s="137"/>
      <c r="AO2437" s="137"/>
      <c r="AP2437" s="137"/>
      <c r="AQ2437" s="137"/>
      <c r="AR2437" s="137"/>
      <c r="AS2437" s="137"/>
      <c r="AT2437" s="137"/>
      <c r="AU2437" s="137"/>
      <c r="AV2437" s="137"/>
      <c r="AW2437" s="144"/>
    </row>
    <row r="2438" spans="2:49" x14ac:dyDescent="0.2">
      <c r="B2438" s="97"/>
      <c r="G2438" s="43"/>
      <c r="J2438" s="98"/>
      <c r="K2438" s="97"/>
      <c r="N2438" s="3"/>
      <c r="W2438" s="98"/>
      <c r="Z2438" s="143"/>
      <c r="AA2438" s="137"/>
      <c r="AB2438" s="137"/>
      <c r="AC2438" s="137"/>
      <c r="AD2438" s="137"/>
      <c r="AE2438" s="137"/>
      <c r="AF2438" s="137"/>
      <c r="AG2438" s="137"/>
      <c r="AH2438" s="137"/>
      <c r="AI2438" s="137"/>
      <c r="AJ2438" s="137"/>
      <c r="AK2438" s="206"/>
      <c r="AL2438" s="206"/>
      <c r="AM2438" s="143"/>
      <c r="AN2438" s="137"/>
      <c r="AO2438" s="137"/>
      <c r="AP2438" s="137"/>
      <c r="AQ2438" s="137"/>
      <c r="AR2438" s="137"/>
      <c r="AS2438" s="137"/>
      <c r="AT2438" s="137"/>
      <c r="AU2438" s="137"/>
      <c r="AV2438" s="137"/>
      <c r="AW2438" s="144"/>
    </row>
    <row r="2439" spans="2:49" x14ac:dyDescent="0.2">
      <c r="B2439" s="97"/>
      <c r="G2439" s="43"/>
      <c r="J2439" s="98"/>
      <c r="K2439" s="97"/>
      <c r="N2439" s="3"/>
      <c r="W2439" s="98"/>
      <c r="Z2439" s="143"/>
      <c r="AA2439" s="137"/>
      <c r="AB2439" s="137"/>
      <c r="AC2439" s="137"/>
      <c r="AD2439" s="137"/>
      <c r="AE2439" s="137"/>
      <c r="AF2439" s="137"/>
      <c r="AG2439" s="137"/>
      <c r="AH2439" s="137"/>
      <c r="AI2439" s="137"/>
      <c r="AJ2439" s="137"/>
      <c r="AK2439" s="206"/>
      <c r="AL2439" s="206"/>
      <c r="AM2439" s="143"/>
      <c r="AN2439" s="137"/>
      <c r="AO2439" s="137"/>
      <c r="AP2439" s="137"/>
      <c r="AQ2439" s="137"/>
      <c r="AR2439" s="137"/>
      <c r="AS2439" s="137"/>
      <c r="AT2439" s="137"/>
      <c r="AU2439" s="137"/>
      <c r="AV2439" s="137"/>
      <c r="AW2439" s="144"/>
    </row>
    <row r="2440" spans="2:49" x14ac:dyDescent="0.2">
      <c r="B2440" s="97"/>
      <c r="G2440" s="43"/>
      <c r="J2440" s="98"/>
      <c r="K2440" s="97"/>
      <c r="N2440" s="3"/>
      <c r="W2440" s="98"/>
      <c r="Z2440" s="143"/>
      <c r="AA2440" s="137"/>
      <c r="AB2440" s="137"/>
      <c r="AC2440" s="137"/>
      <c r="AD2440" s="137"/>
      <c r="AE2440" s="137"/>
      <c r="AF2440" s="137"/>
      <c r="AG2440" s="137"/>
      <c r="AH2440" s="137"/>
      <c r="AI2440" s="137"/>
      <c r="AJ2440" s="137"/>
      <c r="AK2440" s="206"/>
      <c r="AL2440" s="206"/>
      <c r="AM2440" s="143"/>
      <c r="AN2440" s="137"/>
      <c r="AO2440" s="137"/>
      <c r="AP2440" s="137"/>
      <c r="AQ2440" s="137"/>
      <c r="AR2440" s="137"/>
      <c r="AS2440" s="137"/>
      <c r="AT2440" s="137"/>
      <c r="AU2440" s="137"/>
      <c r="AV2440" s="137"/>
      <c r="AW2440" s="144"/>
    </row>
    <row r="2441" spans="2:49" x14ac:dyDescent="0.2">
      <c r="B2441" s="97"/>
      <c r="G2441" s="43"/>
      <c r="J2441" s="98"/>
      <c r="K2441" s="97"/>
      <c r="N2441" s="3"/>
      <c r="W2441" s="98"/>
      <c r="Z2441" s="143"/>
      <c r="AA2441" s="137"/>
      <c r="AB2441" s="137"/>
      <c r="AC2441" s="137"/>
      <c r="AD2441" s="137"/>
      <c r="AE2441" s="137"/>
      <c r="AF2441" s="137"/>
      <c r="AG2441" s="137"/>
      <c r="AH2441" s="137"/>
      <c r="AI2441" s="137"/>
      <c r="AJ2441" s="137"/>
      <c r="AK2441" s="206"/>
      <c r="AL2441" s="206"/>
      <c r="AM2441" s="143"/>
      <c r="AN2441" s="137"/>
      <c r="AO2441" s="137"/>
      <c r="AP2441" s="137"/>
      <c r="AQ2441" s="137"/>
      <c r="AR2441" s="137"/>
      <c r="AS2441" s="137"/>
      <c r="AT2441" s="137"/>
      <c r="AU2441" s="137"/>
      <c r="AV2441" s="137"/>
      <c r="AW2441" s="144"/>
    </row>
    <row r="2442" spans="2:49" x14ac:dyDescent="0.2">
      <c r="B2442" s="97"/>
      <c r="G2442" s="43"/>
      <c r="J2442" s="98"/>
      <c r="K2442" s="97"/>
      <c r="N2442" s="3"/>
      <c r="W2442" s="98"/>
      <c r="Z2442" s="143"/>
      <c r="AA2442" s="137"/>
      <c r="AB2442" s="137"/>
      <c r="AC2442" s="137"/>
      <c r="AD2442" s="137"/>
      <c r="AE2442" s="137"/>
      <c r="AF2442" s="137"/>
      <c r="AG2442" s="137"/>
      <c r="AH2442" s="137"/>
      <c r="AI2442" s="137"/>
      <c r="AJ2442" s="137"/>
      <c r="AK2442" s="206"/>
      <c r="AL2442" s="206"/>
      <c r="AM2442" s="143"/>
      <c r="AN2442" s="137"/>
      <c r="AO2442" s="137"/>
      <c r="AP2442" s="137"/>
      <c r="AQ2442" s="137"/>
      <c r="AR2442" s="137"/>
      <c r="AS2442" s="137"/>
      <c r="AT2442" s="137"/>
      <c r="AU2442" s="137"/>
      <c r="AV2442" s="137"/>
      <c r="AW2442" s="144"/>
    </row>
    <row r="2443" spans="2:49" x14ac:dyDescent="0.2">
      <c r="B2443" s="97"/>
      <c r="G2443" s="43"/>
      <c r="J2443" s="98"/>
      <c r="K2443" s="97"/>
      <c r="N2443" s="3"/>
      <c r="W2443" s="98"/>
      <c r="Z2443" s="143"/>
      <c r="AA2443" s="137"/>
      <c r="AB2443" s="137"/>
      <c r="AC2443" s="137"/>
      <c r="AD2443" s="137"/>
      <c r="AE2443" s="137"/>
      <c r="AF2443" s="137"/>
      <c r="AG2443" s="137"/>
      <c r="AH2443" s="137"/>
      <c r="AI2443" s="137"/>
      <c r="AJ2443" s="137"/>
      <c r="AK2443" s="206"/>
      <c r="AL2443" s="206"/>
      <c r="AM2443" s="143"/>
      <c r="AN2443" s="137"/>
      <c r="AO2443" s="137"/>
      <c r="AP2443" s="137"/>
      <c r="AQ2443" s="137"/>
      <c r="AR2443" s="137"/>
      <c r="AS2443" s="137"/>
      <c r="AT2443" s="137"/>
      <c r="AU2443" s="137"/>
      <c r="AV2443" s="137"/>
      <c r="AW2443" s="144"/>
    </row>
    <row r="2444" spans="2:49" x14ac:dyDescent="0.2">
      <c r="B2444" s="97"/>
      <c r="G2444" s="43"/>
      <c r="J2444" s="98"/>
      <c r="K2444" s="97"/>
      <c r="N2444" s="3"/>
      <c r="W2444" s="98"/>
      <c r="Z2444" s="143"/>
      <c r="AA2444" s="137"/>
      <c r="AB2444" s="137"/>
      <c r="AC2444" s="137"/>
      <c r="AD2444" s="137"/>
      <c r="AE2444" s="137"/>
      <c r="AF2444" s="137"/>
      <c r="AG2444" s="137"/>
      <c r="AH2444" s="137"/>
      <c r="AI2444" s="137"/>
      <c r="AJ2444" s="137"/>
      <c r="AK2444" s="206"/>
      <c r="AL2444" s="206"/>
      <c r="AM2444" s="143"/>
      <c r="AN2444" s="137"/>
      <c r="AO2444" s="137"/>
      <c r="AP2444" s="137"/>
      <c r="AQ2444" s="137"/>
      <c r="AR2444" s="137"/>
      <c r="AS2444" s="137"/>
      <c r="AT2444" s="137"/>
      <c r="AU2444" s="137"/>
      <c r="AV2444" s="137"/>
      <c r="AW2444" s="144"/>
    </row>
    <row r="2445" spans="2:49" x14ac:dyDescent="0.2">
      <c r="B2445" s="97"/>
      <c r="G2445" s="43"/>
      <c r="J2445" s="98"/>
      <c r="K2445" s="97"/>
      <c r="N2445" s="3"/>
      <c r="W2445" s="98"/>
      <c r="Z2445" s="143"/>
      <c r="AA2445" s="137"/>
      <c r="AB2445" s="137"/>
      <c r="AC2445" s="137"/>
      <c r="AD2445" s="137"/>
      <c r="AE2445" s="137"/>
      <c r="AF2445" s="137"/>
      <c r="AG2445" s="137"/>
      <c r="AH2445" s="137"/>
      <c r="AI2445" s="137"/>
      <c r="AJ2445" s="137"/>
      <c r="AK2445" s="206"/>
      <c r="AL2445" s="206"/>
      <c r="AM2445" s="143"/>
      <c r="AN2445" s="137"/>
      <c r="AO2445" s="137"/>
      <c r="AP2445" s="137"/>
      <c r="AQ2445" s="137"/>
      <c r="AR2445" s="137"/>
      <c r="AS2445" s="137"/>
      <c r="AT2445" s="137"/>
      <c r="AU2445" s="137"/>
      <c r="AV2445" s="137"/>
      <c r="AW2445" s="144"/>
    </row>
    <row r="2446" spans="2:49" x14ac:dyDescent="0.2">
      <c r="B2446" s="97"/>
      <c r="G2446" s="43"/>
      <c r="J2446" s="98"/>
      <c r="K2446" s="97"/>
      <c r="N2446" s="3"/>
      <c r="W2446" s="98"/>
      <c r="Z2446" s="143"/>
      <c r="AA2446" s="137"/>
      <c r="AB2446" s="137"/>
      <c r="AC2446" s="137"/>
      <c r="AD2446" s="137"/>
      <c r="AE2446" s="137"/>
      <c r="AF2446" s="137"/>
      <c r="AG2446" s="137"/>
      <c r="AH2446" s="137"/>
      <c r="AI2446" s="137"/>
      <c r="AJ2446" s="137"/>
      <c r="AK2446" s="206"/>
      <c r="AL2446" s="206"/>
      <c r="AM2446" s="143"/>
      <c r="AN2446" s="137"/>
      <c r="AO2446" s="137"/>
      <c r="AP2446" s="137"/>
      <c r="AQ2446" s="137"/>
      <c r="AR2446" s="137"/>
      <c r="AS2446" s="137"/>
      <c r="AT2446" s="137"/>
      <c r="AU2446" s="137"/>
      <c r="AV2446" s="137"/>
      <c r="AW2446" s="144"/>
    </row>
    <row r="2447" spans="2:49" x14ac:dyDescent="0.2">
      <c r="B2447" s="97"/>
      <c r="G2447" s="43"/>
      <c r="J2447" s="98"/>
      <c r="K2447" s="97"/>
      <c r="N2447" s="3"/>
      <c r="W2447" s="98"/>
      <c r="Z2447" s="143"/>
      <c r="AA2447" s="137"/>
      <c r="AB2447" s="137"/>
      <c r="AC2447" s="137"/>
      <c r="AD2447" s="137"/>
      <c r="AE2447" s="137"/>
      <c r="AF2447" s="137"/>
      <c r="AG2447" s="137"/>
      <c r="AH2447" s="137"/>
      <c r="AI2447" s="137"/>
      <c r="AJ2447" s="137"/>
      <c r="AK2447" s="206"/>
      <c r="AL2447" s="206"/>
      <c r="AM2447" s="143"/>
      <c r="AN2447" s="137"/>
      <c r="AO2447" s="137"/>
      <c r="AP2447" s="137"/>
      <c r="AQ2447" s="137"/>
      <c r="AR2447" s="137"/>
      <c r="AS2447" s="137"/>
      <c r="AT2447" s="137"/>
      <c r="AU2447" s="137"/>
      <c r="AV2447" s="137"/>
      <c r="AW2447" s="144"/>
    </row>
    <row r="2448" spans="2:49" x14ac:dyDescent="0.2">
      <c r="B2448" s="97"/>
      <c r="G2448" s="43"/>
      <c r="J2448" s="98"/>
      <c r="K2448" s="97"/>
      <c r="N2448" s="3"/>
      <c r="W2448" s="98"/>
      <c r="Z2448" s="143"/>
      <c r="AA2448" s="137"/>
      <c r="AB2448" s="137"/>
      <c r="AC2448" s="137"/>
      <c r="AD2448" s="137"/>
      <c r="AE2448" s="137"/>
      <c r="AF2448" s="137"/>
      <c r="AG2448" s="137"/>
      <c r="AH2448" s="137"/>
      <c r="AI2448" s="137"/>
      <c r="AJ2448" s="137"/>
      <c r="AK2448" s="206"/>
      <c r="AL2448" s="206"/>
      <c r="AM2448" s="143"/>
      <c r="AN2448" s="137"/>
      <c r="AO2448" s="137"/>
      <c r="AP2448" s="137"/>
      <c r="AQ2448" s="137"/>
      <c r="AR2448" s="137"/>
      <c r="AS2448" s="137"/>
      <c r="AT2448" s="137"/>
      <c r="AU2448" s="137"/>
      <c r="AV2448" s="137"/>
      <c r="AW2448" s="144"/>
    </row>
    <row r="2449" spans="2:49" x14ac:dyDescent="0.2">
      <c r="B2449" s="97"/>
      <c r="G2449" s="43"/>
      <c r="J2449" s="98"/>
      <c r="K2449" s="97"/>
      <c r="N2449" s="3"/>
      <c r="W2449" s="98"/>
      <c r="Z2449" s="143"/>
      <c r="AA2449" s="137"/>
      <c r="AB2449" s="137"/>
      <c r="AC2449" s="137"/>
      <c r="AD2449" s="137"/>
      <c r="AE2449" s="137"/>
      <c r="AF2449" s="137"/>
      <c r="AG2449" s="137"/>
      <c r="AH2449" s="137"/>
      <c r="AI2449" s="137"/>
      <c r="AJ2449" s="137"/>
      <c r="AK2449" s="206"/>
      <c r="AL2449" s="206"/>
      <c r="AM2449" s="143"/>
      <c r="AN2449" s="137"/>
      <c r="AO2449" s="137"/>
      <c r="AP2449" s="137"/>
      <c r="AQ2449" s="137"/>
      <c r="AR2449" s="137"/>
      <c r="AS2449" s="137"/>
      <c r="AT2449" s="137"/>
      <c r="AU2449" s="137"/>
      <c r="AV2449" s="137"/>
      <c r="AW2449" s="144"/>
    </row>
    <row r="2450" spans="2:49" x14ac:dyDescent="0.2">
      <c r="B2450" s="97"/>
      <c r="G2450" s="43"/>
      <c r="J2450" s="98"/>
      <c r="K2450" s="97"/>
      <c r="N2450" s="3"/>
      <c r="W2450" s="98"/>
      <c r="Z2450" s="143"/>
      <c r="AA2450" s="137"/>
      <c r="AB2450" s="137"/>
      <c r="AC2450" s="137"/>
      <c r="AD2450" s="137"/>
      <c r="AE2450" s="137"/>
      <c r="AF2450" s="137"/>
      <c r="AG2450" s="137"/>
      <c r="AH2450" s="137"/>
      <c r="AI2450" s="137"/>
      <c r="AJ2450" s="137"/>
      <c r="AK2450" s="206"/>
      <c r="AL2450" s="206"/>
      <c r="AM2450" s="143"/>
      <c r="AN2450" s="137"/>
      <c r="AO2450" s="137"/>
      <c r="AP2450" s="137"/>
      <c r="AQ2450" s="137"/>
      <c r="AR2450" s="137"/>
      <c r="AS2450" s="137"/>
      <c r="AT2450" s="137"/>
      <c r="AU2450" s="137"/>
      <c r="AV2450" s="137"/>
      <c r="AW2450" s="144"/>
    </row>
    <row r="2451" spans="2:49" x14ac:dyDescent="0.2">
      <c r="B2451" s="97"/>
      <c r="G2451" s="43"/>
      <c r="J2451" s="98"/>
      <c r="K2451" s="97"/>
      <c r="N2451" s="3"/>
      <c r="W2451" s="98"/>
      <c r="Z2451" s="143"/>
      <c r="AA2451" s="137"/>
      <c r="AB2451" s="137"/>
      <c r="AC2451" s="137"/>
      <c r="AD2451" s="137"/>
      <c r="AE2451" s="137"/>
      <c r="AF2451" s="137"/>
      <c r="AG2451" s="137"/>
      <c r="AH2451" s="137"/>
      <c r="AI2451" s="137"/>
      <c r="AJ2451" s="137"/>
      <c r="AK2451" s="206"/>
      <c r="AL2451" s="206"/>
      <c r="AM2451" s="143"/>
      <c r="AN2451" s="137"/>
      <c r="AO2451" s="137"/>
      <c r="AP2451" s="137"/>
      <c r="AQ2451" s="137"/>
      <c r="AR2451" s="137"/>
      <c r="AS2451" s="137"/>
      <c r="AT2451" s="137"/>
      <c r="AU2451" s="137"/>
      <c r="AV2451" s="137"/>
      <c r="AW2451" s="144"/>
    </row>
    <row r="2452" spans="2:49" x14ac:dyDescent="0.2">
      <c r="B2452" s="97"/>
      <c r="G2452" s="43"/>
      <c r="J2452" s="98"/>
      <c r="K2452" s="97"/>
      <c r="N2452" s="3"/>
      <c r="W2452" s="98"/>
      <c r="Z2452" s="143"/>
      <c r="AA2452" s="137"/>
      <c r="AB2452" s="137"/>
      <c r="AC2452" s="137"/>
      <c r="AD2452" s="137"/>
      <c r="AE2452" s="137"/>
      <c r="AF2452" s="137"/>
      <c r="AG2452" s="137"/>
      <c r="AH2452" s="137"/>
      <c r="AI2452" s="137"/>
      <c r="AJ2452" s="137"/>
      <c r="AK2452" s="206"/>
      <c r="AL2452" s="206"/>
      <c r="AM2452" s="143"/>
      <c r="AN2452" s="137"/>
      <c r="AO2452" s="137"/>
      <c r="AP2452" s="137"/>
      <c r="AQ2452" s="137"/>
      <c r="AR2452" s="137"/>
      <c r="AS2452" s="137"/>
      <c r="AT2452" s="137"/>
      <c r="AU2452" s="137"/>
      <c r="AV2452" s="137"/>
      <c r="AW2452" s="144"/>
    </row>
    <row r="2453" spans="2:49" x14ac:dyDescent="0.2">
      <c r="B2453" s="97"/>
      <c r="G2453" s="43"/>
      <c r="J2453" s="98"/>
      <c r="K2453" s="97"/>
      <c r="N2453" s="3"/>
      <c r="W2453" s="98"/>
      <c r="Z2453" s="143"/>
      <c r="AA2453" s="137"/>
      <c r="AB2453" s="137"/>
      <c r="AC2453" s="137"/>
      <c r="AD2453" s="137"/>
      <c r="AE2453" s="137"/>
      <c r="AF2453" s="137"/>
      <c r="AG2453" s="137"/>
      <c r="AH2453" s="137"/>
      <c r="AI2453" s="137"/>
      <c r="AJ2453" s="137"/>
      <c r="AK2453" s="206"/>
      <c r="AL2453" s="206"/>
      <c r="AM2453" s="143"/>
      <c r="AN2453" s="137"/>
      <c r="AO2453" s="137"/>
      <c r="AP2453" s="137"/>
      <c r="AQ2453" s="137"/>
      <c r="AR2453" s="137"/>
      <c r="AS2453" s="137"/>
      <c r="AT2453" s="137"/>
      <c r="AU2453" s="137"/>
      <c r="AV2453" s="137"/>
      <c r="AW2453" s="144"/>
    </row>
    <row r="2454" spans="2:49" x14ac:dyDescent="0.2">
      <c r="B2454" s="97"/>
      <c r="G2454" s="43"/>
      <c r="J2454" s="98"/>
      <c r="K2454" s="97"/>
      <c r="N2454" s="3"/>
      <c r="W2454" s="98"/>
      <c r="Z2454" s="143"/>
      <c r="AA2454" s="137"/>
      <c r="AB2454" s="137"/>
      <c r="AC2454" s="137"/>
      <c r="AD2454" s="137"/>
      <c r="AE2454" s="137"/>
      <c r="AF2454" s="137"/>
      <c r="AG2454" s="137"/>
      <c r="AH2454" s="137"/>
      <c r="AI2454" s="137"/>
      <c r="AJ2454" s="137"/>
      <c r="AK2454" s="206"/>
      <c r="AL2454" s="206"/>
      <c r="AM2454" s="143"/>
      <c r="AN2454" s="137"/>
      <c r="AO2454" s="137"/>
      <c r="AP2454" s="137"/>
      <c r="AQ2454" s="137"/>
      <c r="AR2454" s="137"/>
      <c r="AS2454" s="137"/>
      <c r="AT2454" s="137"/>
      <c r="AU2454" s="137"/>
      <c r="AV2454" s="137"/>
      <c r="AW2454" s="144"/>
    </row>
    <row r="2455" spans="2:49" x14ac:dyDescent="0.2">
      <c r="B2455" s="97"/>
      <c r="G2455" s="43"/>
      <c r="J2455" s="98"/>
      <c r="K2455" s="97"/>
      <c r="N2455" s="3"/>
      <c r="W2455" s="98"/>
      <c r="Z2455" s="143"/>
      <c r="AA2455" s="137"/>
      <c r="AB2455" s="137"/>
      <c r="AC2455" s="137"/>
      <c r="AD2455" s="137"/>
      <c r="AE2455" s="137"/>
      <c r="AF2455" s="137"/>
      <c r="AG2455" s="137"/>
      <c r="AH2455" s="137"/>
      <c r="AI2455" s="137"/>
      <c r="AJ2455" s="137"/>
      <c r="AK2455" s="206"/>
      <c r="AL2455" s="206"/>
      <c r="AM2455" s="143"/>
      <c r="AN2455" s="137"/>
      <c r="AO2455" s="137"/>
      <c r="AP2455" s="137"/>
      <c r="AQ2455" s="137"/>
      <c r="AR2455" s="137"/>
      <c r="AS2455" s="137"/>
      <c r="AT2455" s="137"/>
      <c r="AU2455" s="137"/>
      <c r="AV2455" s="137"/>
      <c r="AW2455" s="144"/>
    </row>
    <row r="2456" spans="2:49" x14ac:dyDescent="0.2">
      <c r="B2456" s="97"/>
      <c r="G2456" s="43"/>
      <c r="J2456" s="98"/>
      <c r="K2456" s="97"/>
      <c r="N2456" s="3"/>
      <c r="W2456" s="98"/>
      <c r="Z2456" s="143"/>
      <c r="AA2456" s="137"/>
      <c r="AB2456" s="137"/>
      <c r="AC2456" s="137"/>
      <c r="AD2456" s="137"/>
      <c r="AE2456" s="137"/>
      <c r="AF2456" s="137"/>
      <c r="AG2456" s="137"/>
      <c r="AH2456" s="137"/>
      <c r="AI2456" s="137"/>
      <c r="AJ2456" s="137"/>
      <c r="AK2456" s="206"/>
      <c r="AL2456" s="206"/>
      <c r="AM2456" s="143"/>
      <c r="AN2456" s="137"/>
      <c r="AO2456" s="137"/>
      <c r="AP2456" s="137"/>
      <c r="AQ2456" s="137"/>
      <c r="AR2456" s="137"/>
      <c r="AS2456" s="137"/>
      <c r="AT2456" s="137"/>
      <c r="AU2456" s="137"/>
      <c r="AV2456" s="137"/>
      <c r="AW2456" s="144"/>
    </row>
    <row r="2457" spans="2:49" x14ac:dyDescent="0.2">
      <c r="B2457" s="97"/>
      <c r="G2457" s="43"/>
      <c r="J2457" s="98"/>
      <c r="K2457" s="97"/>
      <c r="N2457" s="3"/>
      <c r="W2457" s="98"/>
      <c r="Z2457" s="143"/>
      <c r="AA2457" s="137"/>
      <c r="AB2457" s="137"/>
      <c r="AC2457" s="137"/>
      <c r="AD2457" s="137"/>
      <c r="AE2457" s="137"/>
      <c r="AF2457" s="137"/>
      <c r="AG2457" s="137"/>
      <c r="AH2457" s="137"/>
      <c r="AI2457" s="137"/>
      <c r="AJ2457" s="137"/>
      <c r="AK2457" s="206"/>
      <c r="AL2457" s="206"/>
      <c r="AM2457" s="143"/>
      <c r="AN2457" s="137"/>
      <c r="AO2457" s="137"/>
      <c r="AP2457" s="137"/>
      <c r="AQ2457" s="137"/>
      <c r="AR2457" s="137"/>
      <c r="AS2457" s="137"/>
      <c r="AT2457" s="137"/>
      <c r="AU2457" s="137"/>
      <c r="AV2457" s="137"/>
      <c r="AW2457" s="144"/>
    </row>
    <row r="2458" spans="2:49" x14ac:dyDescent="0.2">
      <c r="B2458" s="97"/>
      <c r="G2458" s="43"/>
      <c r="J2458" s="98"/>
      <c r="K2458" s="97"/>
      <c r="N2458" s="3"/>
      <c r="W2458" s="98"/>
      <c r="Z2458" s="143"/>
      <c r="AA2458" s="137"/>
      <c r="AB2458" s="137"/>
      <c r="AC2458" s="137"/>
      <c r="AD2458" s="137"/>
      <c r="AE2458" s="137"/>
      <c r="AF2458" s="137"/>
      <c r="AG2458" s="137"/>
      <c r="AH2458" s="137"/>
      <c r="AI2458" s="137"/>
      <c r="AJ2458" s="137"/>
      <c r="AK2458" s="206"/>
      <c r="AL2458" s="206"/>
      <c r="AM2458" s="143"/>
      <c r="AN2458" s="137"/>
      <c r="AO2458" s="137"/>
      <c r="AP2458" s="137"/>
      <c r="AQ2458" s="137"/>
      <c r="AR2458" s="137"/>
      <c r="AS2458" s="137"/>
      <c r="AT2458" s="137"/>
      <c r="AU2458" s="137"/>
      <c r="AV2458" s="137"/>
      <c r="AW2458" s="144"/>
    </row>
    <row r="2459" spans="2:49" x14ac:dyDescent="0.2">
      <c r="B2459" s="97"/>
      <c r="G2459" s="43"/>
      <c r="J2459" s="98"/>
      <c r="K2459" s="97"/>
      <c r="N2459" s="3"/>
      <c r="W2459" s="98"/>
      <c r="Z2459" s="143"/>
      <c r="AA2459" s="137"/>
      <c r="AB2459" s="137"/>
      <c r="AC2459" s="137"/>
      <c r="AD2459" s="137"/>
      <c r="AE2459" s="137"/>
      <c r="AF2459" s="137"/>
      <c r="AG2459" s="137"/>
      <c r="AH2459" s="137"/>
      <c r="AI2459" s="137"/>
      <c r="AJ2459" s="137"/>
      <c r="AK2459" s="206"/>
      <c r="AL2459" s="206"/>
      <c r="AM2459" s="143"/>
      <c r="AN2459" s="137"/>
      <c r="AO2459" s="137"/>
      <c r="AP2459" s="137"/>
      <c r="AQ2459" s="137"/>
      <c r="AR2459" s="137"/>
      <c r="AS2459" s="137"/>
      <c r="AT2459" s="137"/>
      <c r="AU2459" s="137"/>
      <c r="AV2459" s="137"/>
      <c r="AW2459" s="144"/>
    </row>
    <row r="2460" spans="2:49" x14ac:dyDescent="0.2">
      <c r="B2460" s="97"/>
      <c r="G2460" s="43"/>
      <c r="J2460" s="98"/>
      <c r="K2460" s="97"/>
      <c r="N2460" s="3"/>
      <c r="W2460" s="98"/>
      <c r="Z2460" s="143"/>
      <c r="AA2460" s="137"/>
      <c r="AB2460" s="137"/>
      <c r="AC2460" s="137"/>
      <c r="AD2460" s="137"/>
      <c r="AE2460" s="137"/>
      <c r="AF2460" s="137"/>
      <c r="AG2460" s="137"/>
      <c r="AH2460" s="137"/>
      <c r="AI2460" s="137"/>
      <c r="AJ2460" s="137"/>
      <c r="AK2460" s="206"/>
      <c r="AL2460" s="206"/>
      <c r="AM2460" s="143"/>
      <c r="AN2460" s="137"/>
      <c r="AO2460" s="137"/>
      <c r="AP2460" s="137"/>
      <c r="AQ2460" s="137"/>
      <c r="AR2460" s="137"/>
      <c r="AS2460" s="137"/>
      <c r="AT2460" s="137"/>
      <c r="AU2460" s="137"/>
      <c r="AV2460" s="137"/>
      <c r="AW2460" s="144"/>
    </row>
    <row r="2461" spans="2:49" x14ac:dyDescent="0.2">
      <c r="B2461" s="97"/>
      <c r="G2461" s="43"/>
      <c r="J2461" s="98"/>
      <c r="K2461" s="97"/>
      <c r="N2461" s="3"/>
      <c r="W2461" s="98"/>
      <c r="Z2461" s="143"/>
      <c r="AA2461" s="137"/>
      <c r="AB2461" s="137"/>
      <c r="AC2461" s="137"/>
      <c r="AD2461" s="137"/>
      <c r="AE2461" s="137"/>
      <c r="AF2461" s="137"/>
      <c r="AG2461" s="137"/>
      <c r="AH2461" s="137"/>
      <c r="AI2461" s="137"/>
      <c r="AJ2461" s="137"/>
      <c r="AK2461" s="206"/>
      <c r="AL2461" s="206"/>
      <c r="AM2461" s="143"/>
      <c r="AN2461" s="137"/>
      <c r="AO2461" s="137"/>
      <c r="AP2461" s="137"/>
      <c r="AQ2461" s="137"/>
      <c r="AR2461" s="137"/>
      <c r="AS2461" s="137"/>
      <c r="AT2461" s="137"/>
      <c r="AU2461" s="137"/>
      <c r="AV2461" s="137"/>
      <c r="AW2461" s="144"/>
    </row>
    <row r="2462" spans="2:49" x14ac:dyDescent="0.2">
      <c r="B2462" s="97"/>
      <c r="G2462" s="43"/>
      <c r="J2462" s="98"/>
      <c r="K2462" s="97"/>
      <c r="N2462" s="3"/>
      <c r="W2462" s="98"/>
      <c r="Z2462" s="143"/>
      <c r="AA2462" s="137"/>
      <c r="AB2462" s="137"/>
      <c r="AC2462" s="137"/>
      <c r="AD2462" s="137"/>
      <c r="AE2462" s="137"/>
      <c r="AF2462" s="137"/>
      <c r="AG2462" s="137"/>
      <c r="AH2462" s="137"/>
      <c r="AI2462" s="137"/>
      <c r="AJ2462" s="137"/>
      <c r="AK2462" s="206"/>
      <c r="AL2462" s="206"/>
      <c r="AM2462" s="143"/>
      <c r="AN2462" s="137"/>
      <c r="AO2462" s="137"/>
      <c r="AP2462" s="137"/>
      <c r="AQ2462" s="137"/>
      <c r="AR2462" s="137"/>
      <c r="AS2462" s="137"/>
      <c r="AT2462" s="137"/>
      <c r="AU2462" s="137"/>
      <c r="AV2462" s="137"/>
      <c r="AW2462" s="144"/>
    </row>
    <row r="2463" spans="2:49" x14ac:dyDescent="0.2">
      <c r="B2463" s="97"/>
      <c r="G2463" s="43"/>
      <c r="J2463" s="98"/>
      <c r="K2463" s="97"/>
      <c r="N2463" s="3"/>
      <c r="W2463" s="98"/>
      <c r="Z2463" s="143"/>
      <c r="AA2463" s="137"/>
      <c r="AB2463" s="137"/>
      <c r="AC2463" s="137"/>
      <c r="AD2463" s="137"/>
      <c r="AE2463" s="137"/>
      <c r="AF2463" s="137"/>
      <c r="AG2463" s="137"/>
      <c r="AH2463" s="137"/>
      <c r="AI2463" s="137"/>
      <c r="AJ2463" s="137"/>
      <c r="AK2463" s="206"/>
      <c r="AL2463" s="206"/>
      <c r="AM2463" s="143"/>
      <c r="AN2463" s="137"/>
      <c r="AO2463" s="137"/>
      <c r="AP2463" s="137"/>
      <c r="AQ2463" s="137"/>
      <c r="AR2463" s="137"/>
      <c r="AS2463" s="137"/>
      <c r="AT2463" s="137"/>
      <c r="AU2463" s="137"/>
      <c r="AV2463" s="137"/>
      <c r="AW2463" s="144"/>
    </row>
    <row r="2464" spans="2:49" x14ac:dyDescent="0.2">
      <c r="B2464" s="97"/>
      <c r="G2464" s="43"/>
      <c r="J2464" s="98"/>
      <c r="K2464" s="97"/>
      <c r="N2464" s="3"/>
      <c r="W2464" s="98"/>
      <c r="Z2464" s="143"/>
      <c r="AA2464" s="137"/>
      <c r="AB2464" s="137"/>
      <c r="AC2464" s="137"/>
      <c r="AD2464" s="137"/>
      <c r="AE2464" s="137"/>
      <c r="AF2464" s="137"/>
      <c r="AG2464" s="137"/>
      <c r="AH2464" s="137"/>
      <c r="AI2464" s="137"/>
      <c r="AJ2464" s="137"/>
      <c r="AK2464" s="206"/>
      <c r="AL2464" s="206"/>
      <c r="AM2464" s="143"/>
      <c r="AN2464" s="137"/>
      <c r="AO2464" s="137"/>
      <c r="AP2464" s="137"/>
      <c r="AQ2464" s="137"/>
      <c r="AR2464" s="137"/>
      <c r="AS2464" s="137"/>
      <c r="AT2464" s="137"/>
      <c r="AU2464" s="137"/>
      <c r="AV2464" s="137"/>
      <c r="AW2464" s="144"/>
    </row>
    <row r="2465" spans="2:49" x14ac:dyDescent="0.2">
      <c r="B2465" s="97"/>
      <c r="G2465" s="43"/>
      <c r="J2465" s="98"/>
      <c r="K2465" s="97"/>
      <c r="N2465" s="3"/>
      <c r="W2465" s="98"/>
      <c r="Z2465" s="143"/>
      <c r="AA2465" s="137"/>
      <c r="AB2465" s="137"/>
      <c r="AC2465" s="137"/>
      <c r="AD2465" s="137"/>
      <c r="AE2465" s="137"/>
      <c r="AF2465" s="137"/>
      <c r="AG2465" s="137"/>
      <c r="AH2465" s="137"/>
      <c r="AI2465" s="137"/>
      <c r="AJ2465" s="137"/>
      <c r="AK2465" s="206"/>
      <c r="AL2465" s="206"/>
      <c r="AM2465" s="143"/>
      <c r="AN2465" s="137"/>
      <c r="AO2465" s="137"/>
      <c r="AP2465" s="137"/>
      <c r="AQ2465" s="137"/>
      <c r="AR2465" s="137"/>
      <c r="AS2465" s="137"/>
      <c r="AT2465" s="137"/>
      <c r="AU2465" s="137"/>
      <c r="AV2465" s="137"/>
      <c r="AW2465" s="144"/>
    </row>
    <row r="2466" spans="2:49" x14ac:dyDescent="0.2">
      <c r="B2466" s="97"/>
      <c r="G2466" s="43"/>
      <c r="J2466" s="98"/>
      <c r="K2466" s="97"/>
      <c r="N2466" s="3"/>
      <c r="W2466" s="98"/>
      <c r="Z2466" s="143"/>
      <c r="AA2466" s="137"/>
      <c r="AB2466" s="137"/>
      <c r="AC2466" s="137"/>
      <c r="AD2466" s="137"/>
      <c r="AE2466" s="137"/>
      <c r="AF2466" s="137"/>
      <c r="AG2466" s="137"/>
      <c r="AH2466" s="137"/>
      <c r="AI2466" s="137"/>
      <c r="AJ2466" s="137"/>
      <c r="AK2466" s="206"/>
      <c r="AL2466" s="206"/>
      <c r="AM2466" s="143"/>
      <c r="AN2466" s="137"/>
      <c r="AO2466" s="137"/>
      <c r="AP2466" s="137"/>
      <c r="AQ2466" s="137"/>
      <c r="AR2466" s="137"/>
      <c r="AS2466" s="137"/>
      <c r="AT2466" s="137"/>
      <c r="AU2466" s="137"/>
      <c r="AV2466" s="137"/>
      <c r="AW2466" s="144"/>
    </row>
    <row r="2467" spans="2:49" x14ac:dyDescent="0.2">
      <c r="B2467" s="97"/>
      <c r="G2467" s="43"/>
      <c r="J2467" s="98"/>
      <c r="K2467" s="97"/>
      <c r="N2467" s="3"/>
      <c r="W2467" s="98"/>
      <c r="Z2467" s="143"/>
      <c r="AA2467" s="137"/>
      <c r="AB2467" s="137"/>
      <c r="AC2467" s="137"/>
      <c r="AD2467" s="137"/>
      <c r="AE2467" s="137"/>
      <c r="AF2467" s="137"/>
      <c r="AG2467" s="137"/>
      <c r="AH2467" s="137"/>
      <c r="AI2467" s="137"/>
      <c r="AJ2467" s="137"/>
      <c r="AK2467" s="206"/>
      <c r="AL2467" s="206"/>
      <c r="AM2467" s="143"/>
      <c r="AN2467" s="137"/>
      <c r="AO2467" s="137"/>
      <c r="AP2467" s="137"/>
      <c r="AQ2467" s="137"/>
      <c r="AR2467" s="137"/>
      <c r="AS2467" s="137"/>
      <c r="AT2467" s="137"/>
      <c r="AU2467" s="137"/>
      <c r="AV2467" s="137"/>
      <c r="AW2467" s="144"/>
    </row>
    <row r="2468" spans="2:49" x14ac:dyDescent="0.2">
      <c r="B2468" s="97"/>
      <c r="G2468" s="43"/>
      <c r="J2468" s="98"/>
      <c r="K2468" s="97"/>
      <c r="N2468" s="3"/>
      <c r="W2468" s="98"/>
      <c r="Z2468" s="143"/>
      <c r="AA2468" s="137"/>
      <c r="AB2468" s="137"/>
      <c r="AC2468" s="137"/>
      <c r="AD2468" s="137"/>
      <c r="AE2468" s="137"/>
      <c r="AF2468" s="137"/>
      <c r="AG2468" s="137"/>
      <c r="AH2468" s="137"/>
      <c r="AI2468" s="137"/>
      <c r="AJ2468" s="137"/>
      <c r="AK2468" s="206"/>
      <c r="AL2468" s="206"/>
      <c r="AM2468" s="143"/>
      <c r="AN2468" s="137"/>
      <c r="AO2468" s="137"/>
      <c r="AP2468" s="137"/>
      <c r="AQ2468" s="137"/>
      <c r="AR2468" s="137"/>
      <c r="AS2468" s="137"/>
      <c r="AT2468" s="137"/>
      <c r="AU2468" s="137"/>
      <c r="AV2468" s="137"/>
      <c r="AW2468" s="144"/>
    </row>
    <row r="2469" spans="2:49" x14ac:dyDescent="0.2">
      <c r="B2469" s="97"/>
      <c r="G2469" s="43"/>
      <c r="J2469" s="98"/>
      <c r="K2469" s="97"/>
      <c r="N2469" s="3"/>
      <c r="W2469" s="98"/>
      <c r="Z2469" s="143"/>
      <c r="AA2469" s="137"/>
      <c r="AB2469" s="137"/>
      <c r="AC2469" s="137"/>
      <c r="AD2469" s="137"/>
      <c r="AE2469" s="137"/>
      <c r="AF2469" s="137"/>
      <c r="AG2469" s="137"/>
      <c r="AH2469" s="137"/>
      <c r="AI2469" s="137"/>
      <c r="AJ2469" s="137"/>
      <c r="AK2469" s="206"/>
      <c r="AL2469" s="206"/>
      <c r="AM2469" s="143"/>
      <c r="AN2469" s="137"/>
      <c r="AO2469" s="137"/>
      <c r="AP2469" s="137"/>
      <c r="AQ2469" s="137"/>
      <c r="AR2469" s="137"/>
      <c r="AS2469" s="137"/>
      <c r="AT2469" s="137"/>
      <c r="AU2469" s="137"/>
      <c r="AV2469" s="137"/>
      <c r="AW2469" s="144"/>
    </row>
    <row r="2470" spans="2:49" x14ac:dyDescent="0.2">
      <c r="B2470" s="97"/>
      <c r="G2470" s="43"/>
      <c r="J2470" s="98"/>
      <c r="K2470" s="97"/>
      <c r="N2470" s="3"/>
      <c r="W2470" s="98"/>
      <c r="Z2470" s="143"/>
      <c r="AA2470" s="137"/>
      <c r="AB2470" s="137"/>
      <c r="AC2470" s="137"/>
      <c r="AD2470" s="137"/>
      <c r="AE2470" s="137"/>
      <c r="AF2470" s="137"/>
      <c r="AG2470" s="137"/>
      <c r="AH2470" s="137"/>
      <c r="AI2470" s="137"/>
      <c r="AJ2470" s="137"/>
      <c r="AK2470" s="206"/>
      <c r="AL2470" s="206"/>
      <c r="AM2470" s="143"/>
      <c r="AN2470" s="137"/>
      <c r="AO2470" s="137"/>
      <c r="AP2470" s="137"/>
      <c r="AQ2470" s="137"/>
      <c r="AR2470" s="137"/>
      <c r="AS2470" s="137"/>
      <c r="AT2470" s="137"/>
      <c r="AU2470" s="137"/>
      <c r="AV2470" s="137"/>
      <c r="AW2470" s="144"/>
    </row>
    <row r="2471" spans="2:49" x14ac:dyDescent="0.2">
      <c r="B2471" s="97"/>
      <c r="G2471" s="43"/>
      <c r="J2471" s="98"/>
      <c r="K2471" s="97"/>
      <c r="N2471" s="3"/>
      <c r="W2471" s="98"/>
      <c r="Z2471" s="143"/>
      <c r="AA2471" s="137"/>
      <c r="AB2471" s="137"/>
      <c r="AC2471" s="137"/>
      <c r="AD2471" s="137"/>
      <c r="AE2471" s="137"/>
      <c r="AF2471" s="137"/>
      <c r="AG2471" s="137"/>
      <c r="AH2471" s="137"/>
      <c r="AI2471" s="137"/>
      <c r="AJ2471" s="137"/>
      <c r="AK2471" s="206"/>
      <c r="AL2471" s="206"/>
      <c r="AM2471" s="143"/>
      <c r="AN2471" s="137"/>
      <c r="AO2471" s="137"/>
      <c r="AP2471" s="137"/>
      <c r="AQ2471" s="137"/>
      <c r="AR2471" s="137"/>
      <c r="AS2471" s="137"/>
      <c r="AT2471" s="137"/>
      <c r="AU2471" s="137"/>
      <c r="AV2471" s="137"/>
      <c r="AW2471" s="144"/>
    </row>
    <row r="2472" spans="2:49" x14ac:dyDescent="0.2">
      <c r="B2472" s="97"/>
      <c r="G2472" s="43"/>
      <c r="J2472" s="98"/>
      <c r="K2472" s="97"/>
      <c r="N2472" s="3"/>
      <c r="W2472" s="98"/>
      <c r="Z2472" s="143"/>
      <c r="AA2472" s="137"/>
      <c r="AB2472" s="137"/>
      <c r="AC2472" s="137"/>
      <c r="AD2472" s="137"/>
      <c r="AE2472" s="137"/>
      <c r="AF2472" s="137"/>
      <c r="AG2472" s="137"/>
      <c r="AH2472" s="137"/>
      <c r="AI2472" s="137"/>
      <c r="AJ2472" s="137"/>
      <c r="AK2472" s="206"/>
      <c r="AL2472" s="206"/>
      <c r="AM2472" s="143"/>
      <c r="AN2472" s="137"/>
      <c r="AO2472" s="137"/>
      <c r="AP2472" s="137"/>
      <c r="AQ2472" s="137"/>
      <c r="AR2472" s="137"/>
      <c r="AS2472" s="137"/>
      <c r="AT2472" s="137"/>
      <c r="AU2472" s="137"/>
      <c r="AV2472" s="137"/>
      <c r="AW2472" s="144"/>
    </row>
    <row r="2473" spans="2:49" x14ac:dyDescent="0.2">
      <c r="B2473" s="97"/>
      <c r="G2473" s="43"/>
      <c r="J2473" s="98"/>
      <c r="K2473" s="97"/>
      <c r="N2473" s="3"/>
      <c r="W2473" s="98"/>
      <c r="Z2473" s="143"/>
      <c r="AA2473" s="137"/>
      <c r="AB2473" s="137"/>
      <c r="AC2473" s="137"/>
      <c r="AD2473" s="137"/>
      <c r="AE2473" s="137"/>
      <c r="AF2473" s="137"/>
      <c r="AG2473" s="137"/>
      <c r="AH2473" s="137"/>
      <c r="AI2473" s="137"/>
      <c r="AJ2473" s="137"/>
      <c r="AK2473" s="206"/>
      <c r="AL2473" s="206"/>
      <c r="AM2473" s="143"/>
      <c r="AN2473" s="137"/>
      <c r="AO2473" s="137"/>
      <c r="AP2473" s="137"/>
      <c r="AQ2473" s="137"/>
      <c r="AR2473" s="137"/>
      <c r="AS2473" s="137"/>
      <c r="AT2473" s="137"/>
      <c r="AU2473" s="137"/>
      <c r="AV2473" s="137"/>
      <c r="AW2473" s="144"/>
    </row>
    <row r="2474" spans="2:49" x14ac:dyDescent="0.2">
      <c r="B2474" s="97"/>
      <c r="G2474" s="43"/>
      <c r="J2474" s="98"/>
      <c r="K2474" s="97"/>
      <c r="N2474" s="3"/>
      <c r="W2474" s="98"/>
      <c r="Z2474" s="143"/>
      <c r="AA2474" s="137"/>
      <c r="AB2474" s="137"/>
      <c r="AC2474" s="137"/>
      <c r="AD2474" s="137"/>
      <c r="AE2474" s="137"/>
      <c r="AF2474" s="137"/>
      <c r="AG2474" s="137"/>
      <c r="AH2474" s="137"/>
      <c r="AI2474" s="137"/>
      <c r="AJ2474" s="137"/>
      <c r="AK2474" s="206"/>
      <c r="AL2474" s="206"/>
      <c r="AM2474" s="143"/>
      <c r="AN2474" s="137"/>
      <c r="AO2474" s="137"/>
      <c r="AP2474" s="137"/>
      <c r="AQ2474" s="137"/>
      <c r="AR2474" s="137"/>
      <c r="AS2474" s="137"/>
      <c r="AT2474" s="137"/>
      <c r="AU2474" s="137"/>
      <c r="AV2474" s="137"/>
      <c r="AW2474" s="144"/>
    </row>
    <row r="2475" spans="2:49" x14ac:dyDescent="0.2">
      <c r="B2475" s="97"/>
      <c r="G2475" s="43"/>
      <c r="J2475" s="98"/>
      <c r="K2475" s="97"/>
      <c r="N2475" s="3"/>
      <c r="W2475" s="98"/>
      <c r="Z2475" s="143"/>
      <c r="AA2475" s="137"/>
      <c r="AB2475" s="137"/>
      <c r="AC2475" s="137"/>
      <c r="AD2475" s="137"/>
      <c r="AE2475" s="137"/>
      <c r="AF2475" s="137"/>
      <c r="AG2475" s="137"/>
      <c r="AH2475" s="137"/>
      <c r="AI2475" s="137"/>
      <c r="AJ2475" s="137"/>
      <c r="AK2475" s="206"/>
      <c r="AL2475" s="206"/>
      <c r="AM2475" s="143"/>
      <c r="AN2475" s="137"/>
      <c r="AO2475" s="137"/>
      <c r="AP2475" s="137"/>
      <c r="AQ2475" s="137"/>
      <c r="AR2475" s="137"/>
      <c r="AS2475" s="137"/>
      <c r="AT2475" s="137"/>
      <c r="AU2475" s="137"/>
      <c r="AV2475" s="137"/>
      <c r="AW2475" s="144"/>
    </row>
    <row r="2476" spans="2:49" x14ac:dyDescent="0.2">
      <c r="B2476" s="97"/>
      <c r="G2476" s="43"/>
      <c r="J2476" s="98"/>
      <c r="K2476" s="97"/>
      <c r="N2476" s="3"/>
      <c r="W2476" s="98"/>
      <c r="Z2476" s="143"/>
      <c r="AA2476" s="137"/>
      <c r="AB2476" s="137"/>
      <c r="AC2476" s="137"/>
      <c r="AD2476" s="137"/>
      <c r="AE2476" s="137"/>
      <c r="AF2476" s="137"/>
      <c r="AG2476" s="137"/>
      <c r="AH2476" s="137"/>
      <c r="AI2476" s="137"/>
      <c r="AJ2476" s="137"/>
      <c r="AK2476" s="206"/>
      <c r="AL2476" s="206"/>
      <c r="AM2476" s="143"/>
      <c r="AN2476" s="137"/>
      <c r="AO2476" s="137"/>
      <c r="AP2476" s="137"/>
      <c r="AQ2476" s="137"/>
      <c r="AR2476" s="137"/>
      <c r="AS2476" s="137"/>
      <c r="AT2476" s="137"/>
      <c r="AU2476" s="137"/>
      <c r="AV2476" s="137"/>
      <c r="AW2476" s="144"/>
    </row>
    <row r="2477" spans="2:49" x14ac:dyDescent="0.2">
      <c r="B2477" s="97"/>
      <c r="G2477" s="43"/>
      <c r="J2477" s="98"/>
      <c r="K2477" s="97"/>
      <c r="N2477" s="3"/>
      <c r="W2477" s="98"/>
      <c r="Z2477" s="143"/>
      <c r="AA2477" s="137"/>
      <c r="AB2477" s="137"/>
      <c r="AC2477" s="137"/>
      <c r="AD2477" s="137"/>
      <c r="AE2477" s="137"/>
      <c r="AF2477" s="137"/>
      <c r="AG2477" s="137"/>
      <c r="AH2477" s="137"/>
      <c r="AI2477" s="137"/>
      <c r="AJ2477" s="137"/>
      <c r="AK2477" s="206"/>
      <c r="AL2477" s="206"/>
      <c r="AM2477" s="143"/>
      <c r="AN2477" s="137"/>
      <c r="AO2477" s="137"/>
      <c r="AP2477" s="137"/>
      <c r="AQ2477" s="137"/>
      <c r="AR2477" s="137"/>
      <c r="AS2477" s="137"/>
      <c r="AT2477" s="137"/>
      <c r="AU2477" s="137"/>
      <c r="AV2477" s="137"/>
      <c r="AW2477" s="144"/>
    </row>
    <row r="2478" spans="2:49" x14ac:dyDescent="0.2">
      <c r="B2478" s="97"/>
      <c r="G2478" s="43"/>
      <c r="J2478" s="98"/>
      <c r="K2478" s="97"/>
      <c r="N2478" s="3"/>
      <c r="W2478" s="98"/>
      <c r="Z2478" s="143"/>
      <c r="AA2478" s="137"/>
      <c r="AB2478" s="137"/>
      <c r="AC2478" s="137"/>
      <c r="AD2478" s="137"/>
      <c r="AE2478" s="137"/>
      <c r="AF2478" s="137"/>
      <c r="AG2478" s="137"/>
      <c r="AH2478" s="137"/>
      <c r="AI2478" s="137"/>
      <c r="AJ2478" s="137"/>
      <c r="AK2478" s="206"/>
      <c r="AL2478" s="206"/>
      <c r="AM2478" s="143"/>
      <c r="AN2478" s="137"/>
      <c r="AO2478" s="137"/>
      <c r="AP2478" s="137"/>
      <c r="AQ2478" s="137"/>
      <c r="AR2478" s="137"/>
      <c r="AS2478" s="137"/>
      <c r="AT2478" s="137"/>
      <c r="AU2478" s="137"/>
      <c r="AV2478" s="137"/>
      <c r="AW2478" s="144"/>
    </row>
    <row r="2479" spans="2:49" x14ac:dyDescent="0.2">
      <c r="B2479" s="97"/>
      <c r="G2479" s="43"/>
      <c r="J2479" s="98"/>
      <c r="K2479" s="97"/>
      <c r="N2479" s="3"/>
      <c r="W2479" s="98"/>
      <c r="Z2479" s="143"/>
      <c r="AA2479" s="137"/>
      <c r="AB2479" s="137"/>
      <c r="AC2479" s="137"/>
      <c r="AD2479" s="137"/>
      <c r="AE2479" s="137"/>
      <c r="AF2479" s="137"/>
      <c r="AG2479" s="137"/>
      <c r="AH2479" s="137"/>
      <c r="AI2479" s="137"/>
      <c r="AJ2479" s="137"/>
      <c r="AK2479" s="206"/>
      <c r="AL2479" s="206"/>
      <c r="AM2479" s="143"/>
      <c r="AN2479" s="137"/>
      <c r="AO2479" s="137"/>
      <c r="AP2479" s="137"/>
      <c r="AQ2479" s="137"/>
      <c r="AR2479" s="137"/>
      <c r="AS2479" s="137"/>
      <c r="AT2479" s="137"/>
      <c r="AU2479" s="137"/>
      <c r="AV2479" s="137"/>
      <c r="AW2479" s="144"/>
    </row>
    <row r="2480" spans="2:49" x14ac:dyDescent="0.2">
      <c r="B2480" s="97"/>
      <c r="G2480" s="43"/>
      <c r="J2480" s="98"/>
      <c r="K2480" s="97"/>
      <c r="N2480" s="3"/>
      <c r="W2480" s="98"/>
      <c r="Z2480" s="143"/>
      <c r="AA2480" s="137"/>
      <c r="AB2480" s="137"/>
      <c r="AC2480" s="137"/>
      <c r="AD2480" s="137"/>
      <c r="AE2480" s="137"/>
      <c r="AF2480" s="137"/>
      <c r="AG2480" s="137"/>
      <c r="AH2480" s="137"/>
      <c r="AI2480" s="137"/>
      <c r="AJ2480" s="137"/>
      <c r="AK2480" s="206"/>
      <c r="AL2480" s="206"/>
      <c r="AM2480" s="143"/>
      <c r="AN2480" s="137"/>
      <c r="AO2480" s="137"/>
      <c r="AP2480" s="137"/>
      <c r="AQ2480" s="137"/>
      <c r="AR2480" s="137"/>
      <c r="AS2480" s="137"/>
      <c r="AT2480" s="137"/>
      <c r="AU2480" s="137"/>
      <c r="AV2480" s="137"/>
      <c r="AW2480" s="144"/>
    </row>
    <row r="2481" spans="2:49" x14ac:dyDescent="0.2">
      <c r="B2481" s="97"/>
      <c r="G2481" s="43"/>
      <c r="J2481" s="98"/>
      <c r="K2481" s="97"/>
      <c r="N2481" s="3"/>
      <c r="W2481" s="98"/>
      <c r="Z2481" s="143"/>
      <c r="AA2481" s="137"/>
      <c r="AB2481" s="137"/>
      <c r="AC2481" s="137"/>
      <c r="AD2481" s="137"/>
      <c r="AE2481" s="137"/>
      <c r="AF2481" s="137"/>
      <c r="AG2481" s="137"/>
      <c r="AH2481" s="137"/>
      <c r="AI2481" s="137"/>
      <c r="AJ2481" s="137"/>
      <c r="AK2481" s="206"/>
      <c r="AL2481" s="206"/>
      <c r="AM2481" s="143"/>
      <c r="AN2481" s="137"/>
      <c r="AO2481" s="137"/>
      <c r="AP2481" s="137"/>
      <c r="AQ2481" s="137"/>
      <c r="AR2481" s="137"/>
      <c r="AS2481" s="137"/>
      <c r="AT2481" s="137"/>
      <c r="AU2481" s="137"/>
      <c r="AV2481" s="137"/>
      <c r="AW2481" s="144"/>
    </row>
    <row r="2482" spans="2:49" x14ac:dyDescent="0.2">
      <c r="B2482" s="97"/>
      <c r="G2482" s="43"/>
      <c r="J2482" s="98"/>
      <c r="K2482" s="97"/>
      <c r="N2482" s="3"/>
      <c r="W2482" s="98"/>
      <c r="Z2482" s="143"/>
      <c r="AA2482" s="137"/>
      <c r="AB2482" s="137"/>
      <c r="AC2482" s="137"/>
      <c r="AD2482" s="137"/>
      <c r="AE2482" s="137"/>
      <c r="AF2482" s="137"/>
      <c r="AG2482" s="137"/>
      <c r="AH2482" s="137"/>
      <c r="AI2482" s="137"/>
      <c r="AJ2482" s="137"/>
      <c r="AK2482" s="206"/>
      <c r="AL2482" s="206"/>
      <c r="AM2482" s="143"/>
      <c r="AN2482" s="137"/>
      <c r="AO2482" s="137"/>
      <c r="AP2482" s="137"/>
      <c r="AQ2482" s="137"/>
      <c r="AR2482" s="137"/>
      <c r="AS2482" s="137"/>
      <c r="AT2482" s="137"/>
      <c r="AU2482" s="137"/>
      <c r="AV2482" s="137"/>
      <c r="AW2482" s="144"/>
    </row>
    <row r="2483" spans="2:49" x14ac:dyDescent="0.2">
      <c r="B2483" s="97"/>
      <c r="G2483" s="43"/>
      <c r="J2483" s="98"/>
      <c r="K2483" s="97"/>
      <c r="N2483" s="3"/>
      <c r="W2483" s="98"/>
      <c r="Z2483" s="143"/>
      <c r="AA2483" s="137"/>
      <c r="AB2483" s="137"/>
      <c r="AC2483" s="137"/>
      <c r="AD2483" s="137"/>
      <c r="AE2483" s="137"/>
      <c r="AF2483" s="137"/>
      <c r="AG2483" s="137"/>
      <c r="AH2483" s="137"/>
      <c r="AI2483" s="137"/>
      <c r="AJ2483" s="137"/>
      <c r="AK2483" s="206"/>
      <c r="AL2483" s="206"/>
      <c r="AM2483" s="143"/>
      <c r="AN2483" s="137"/>
      <c r="AO2483" s="137"/>
      <c r="AP2483" s="137"/>
      <c r="AQ2483" s="137"/>
      <c r="AR2483" s="137"/>
      <c r="AS2483" s="137"/>
      <c r="AT2483" s="137"/>
      <c r="AU2483" s="137"/>
      <c r="AV2483" s="137"/>
      <c r="AW2483" s="144"/>
    </row>
    <row r="2484" spans="2:49" x14ac:dyDescent="0.2">
      <c r="B2484" s="97"/>
      <c r="G2484" s="43"/>
      <c r="J2484" s="98"/>
      <c r="K2484" s="97"/>
      <c r="N2484" s="3"/>
      <c r="W2484" s="98"/>
      <c r="Z2484" s="143"/>
      <c r="AA2484" s="137"/>
      <c r="AB2484" s="137"/>
      <c r="AC2484" s="137"/>
      <c r="AD2484" s="137"/>
      <c r="AE2484" s="137"/>
      <c r="AF2484" s="137"/>
      <c r="AG2484" s="137"/>
      <c r="AH2484" s="137"/>
      <c r="AI2484" s="137"/>
      <c r="AJ2484" s="137"/>
      <c r="AK2484" s="206"/>
      <c r="AL2484" s="206"/>
      <c r="AM2484" s="143"/>
      <c r="AN2484" s="137"/>
      <c r="AO2484" s="137"/>
      <c r="AP2484" s="137"/>
      <c r="AQ2484" s="137"/>
      <c r="AR2484" s="137"/>
      <c r="AS2484" s="137"/>
      <c r="AT2484" s="137"/>
      <c r="AU2484" s="137"/>
      <c r="AV2484" s="137"/>
      <c r="AW2484" s="144"/>
    </row>
    <row r="2485" spans="2:49" x14ac:dyDescent="0.2">
      <c r="B2485" s="97"/>
      <c r="G2485" s="43"/>
      <c r="J2485" s="98"/>
      <c r="K2485" s="97"/>
      <c r="N2485" s="3"/>
      <c r="W2485" s="98"/>
      <c r="Z2485" s="143"/>
      <c r="AA2485" s="137"/>
      <c r="AB2485" s="137"/>
      <c r="AC2485" s="137"/>
      <c r="AD2485" s="137"/>
      <c r="AE2485" s="137"/>
      <c r="AF2485" s="137"/>
      <c r="AG2485" s="137"/>
      <c r="AH2485" s="137"/>
      <c r="AI2485" s="137"/>
      <c r="AJ2485" s="137"/>
      <c r="AK2485" s="206"/>
      <c r="AL2485" s="206"/>
      <c r="AM2485" s="143"/>
      <c r="AN2485" s="137"/>
      <c r="AO2485" s="137"/>
      <c r="AP2485" s="137"/>
      <c r="AQ2485" s="137"/>
      <c r="AR2485" s="137"/>
      <c r="AS2485" s="137"/>
      <c r="AT2485" s="137"/>
      <c r="AU2485" s="137"/>
      <c r="AV2485" s="137"/>
      <c r="AW2485" s="144"/>
    </row>
    <row r="2486" spans="2:49" x14ac:dyDescent="0.2">
      <c r="B2486" s="97"/>
      <c r="G2486" s="43"/>
      <c r="J2486" s="98"/>
      <c r="K2486" s="97"/>
      <c r="N2486" s="3"/>
      <c r="W2486" s="98"/>
      <c r="Z2486" s="143"/>
      <c r="AA2486" s="137"/>
      <c r="AB2486" s="137"/>
      <c r="AC2486" s="137"/>
      <c r="AD2486" s="137"/>
      <c r="AE2486" s="137"/>
      <c r="AF2486" s="137"/>
      <c r="AG2486" s="137"/>
      <c r="AH2486" s="137"/>
      <c r="AI2486" s="137"/>
      <c r="AJ2486" s="137"/>
      <c r="AK2486" s="206"/>
      <c r="AL2486" s="206"/>
      <c r="AM2486" s="143"/>
      <c r="AN2486" s="137"/>
      <c r="AO2486" s="137"/>
      <c r="AP2486" s="137"/>
      <c r="AQ2486" s="137"/>
      <c r="AR2486" s="137"/>
      <c r="AS2486" s="137"/>
      <c r="AT2486" s="137"/>
      <c r="AU2486" s="137"/>
      <c r="AV2486" s="137"/>
      <c r="AW2486" s="144"/>
    </row>
    <row r="2487" spans="2:49" x14ac:dyDescent="0.2">
      <c r="B2487" s="97"/>
      <c r="G2487" s="43"/>
      <c r="J2487" s="98"/>
      <c r="K2487" s="97"/>
      <c r="N2487" s="3"/>
      <c r="W2487" s="98"/>
      <c r="Z2487" s="143"/>
      <c r="AA2487" s="137"/>
      <c r="AB2487" s="137"/>
      <c r="AC2487" s="137"/>
      <c r="AD2487" s="137"/>
      <c r="AE2487" s="137"/>
      <c r="AF2487" s="137"/>
      <c r="AG2487" s="137"/>
      <c r="AH2487" s="137"/>
      <c r="AI2487" s="137"/>
      <c r="AJ2487" s="137"/>
      <c r="AK2487" s="206"/>
      <c r="AL2487" s="206"/>
      <c r="AM2487" s="143"/>
      <c r="AN2487" s="137"/>
      <c r="AO2487" s="137"/>
      <c r="AP2487" s="137"/>
      <c r="AQ2487" s="137"/>
      <c r="AR2487" s="137"/>
      <c r="AS2487" s="137"/>
      <c r="AT2487" s="137"/>
      <c r="AU2487" s="137"/>
      <c r="AV2487" s="137"/>
      <c r="AW2487" s="144"/>
    </row>
    <row r="2488" spans="2:49" x14ac:dyDescent="0.2">
      <c r="B2488" s="97"/>
      <c r="G2488" s="43"/>
      <c r="J2488" s="98"/>
      <c r="K2488" s="97"/>
      <c r="N2488" s="3"/>
      <c r="W2488" s="98"/>
      <c r="Z2488" s="143"/>
      <c r="AA2488" s="137"/>
      <c r="AB2488" s="137"/>
      <c r="AC2488" s="137"/>
      <c r="AD2488" s="137"/>
      <c r="AE2488" s="137"/>
      <c r="AF2488" s="137"/>
      <c r="AG2488" s="137"/>
      <c r="AH2488" s="137"/>
      <c r="AI2488" s="137"/>
      <c r="AJ2488" s="137"/>
      <c r="AK2488" s="206"/>
      <c r="AL2488" s="206"/>
      <c r="AM2488" s="143"/>
      <c r="AN2488" s="137"/>
      <c r="AO2488" s="137"/>
      <c r="AP2488" s="137"/>
      <c r="AQ2488" s="137"/>
      <c r="AR2488" s="137"/>
      <c r="AS2488" s="137"/>
      <c r="AT2488" s="137"/>
      <c r="AU2488" s="137"/>
      <c r="AV2488" s="137"/>
      <c r="AW2488" s="144"/>
    </row>
    <row r="2489" spans="2:49" x14ac:dyDescent="0.2">
      <c r="B2489" s="97"/>
      <c r="G2489" s="43"/>
      <c r="J2489" s="98"/>
      <c r="K2489" s="97"/>
      <c r="N2489" s="3"/>
      <c r="W2489" s="98"/>
      <c r="Z2489" s="143"/>
      <c r="AA2489" s="137"/>
      <c r="AB2489" s="137"/>
      <c r="AC2489" s="137"/>
      <c r="AD2489" s="137"/>
      <c r="AE2489" s="137"/>
      <c r="AF2489" s="137"/>
      <c r="AG2489" s="137"/>
      <c r="AH2489" s="137"/>
      <c r="AI2489" s="137"/>
      <c r="AJ2489" s="137"/>
      <c r="AK2489" s="206"/>
      <c r="AL2489" s="206"/>
      <c r="AM2489" s="143"/>
      <c r="AN2489" s="137"/>
      <c r="AO2489" s="137"/>
      <c r="AP2489" s="137"/>
      <c r="AQ2489" s="137"/>
      <c r="AR2489" s="137"/>
      <c r="AS2489" s="137"/>
      <c r="AT2489" s="137"/>
      <c r="AU2489" s="137"/>
      <c r="AV2489" s="137"/>
      <c r="AW2489" s="144"/>
    </row>
    <row r="2490" spans="2:49" x14ac:dyDescent="0.2">
      <c r="B2490" s="97"/>
      <c r="G2490" s="43"/>
      <c r="J2490" s="98"/>
      <c r="K2490" s="97"/>
      <c r="N2490" s="3"/>
      <c r="W2490" s="98"/>
      <c r="Z2490" s="143"/>
      <c r="AA2490" s="137"/>
      <c r="AB2490" s="137"/>
      <c r="AC2490" s="137"/>
      <c r="AD2490" s="137"/>
      <c r="AE2490" s="137"/>
      <c r="AF2490" s="137"/>
      <c r="AG2490" s="137"/>
      <c r="AH2490" s="137"/>
      <c r="AI2490" s="137"/>
      <c r="AJ2490" s="137"/>
      <c r="AK2490" s="206"/>
      <c r="AL2490" s="206"/>
      <c r="AM2490" s="143"/>
      <c r="AN2490" s="137"/>
      <c r="AO2490" s="137"/>
      <c r="AP2490" s="137"/>
      <c r="AQ2490" s="137"/>
      <c r="AR2490" s="137"/>
      <c r="AS2490" s="137"/>
      <c r="AT2490" s="137"/>
      <c r="AU2490" s="137"/>
      <c r="AV2490" s="137"/>
      <c r="AW2490" s="144"/>
    </row>
    <row r="2491" spans="2:49" x14ac:dyDescent="0.2">
      <c r="B2491" s="97"/>
      <c r="G2491" s="43"/>
      <c r="J2491" s="98"/>
      <c r="K2491" s="97"/>
      <c r="N2491" s="3"/>
      <c r="W2491" s="98"/>
      <c r="Z2491" s="143"/>
      <c r="AA2491" s="137"/>
      <c r="AB2491" s="137"/>
      <c r="AC2491" s="137"/>
      <c r="AD2491" s="137"/>
      <c r="AE2491" s="137"/>
      <c r="AF2491" s="137"/>
      <c r="AG2491" s="137"/>
      <c r="AH2491" s="137"/>
      <c r="AI2491" s="137"/>
      <c r="AJ2491" s="137"/>
      <c r="AK2491" s="206"/>
      <c r="AL2491" s="206"/>
      <c r="AM2491" s="143"/>
      <c r="AN2491" s="137"/>
      <c r="AO2491" s="137"/>
      <c r="AP2491" s="137"/>
      <c r="AQ2491" s="137"/>
      <c r="AR2491" s="137"/>
      <c r="AS2491" s="137"/>
      <c r="AT2491" s="137"/>
      <c r="AU2491" s="137"/>
      <c r="AV2491" s="137"/>
      <c r="AW2491" s="144"/>
    </row>
    <row r="2492" spans="2:49" x14ac:dyDescent="0.2">
      <c r="B2492" s="97"/>
      <c r="G2492" s="43"/>
      <c r="J2492" s="98"/>
      <c r="K2492" s="97"/>
      <c r="N2492" s="3"/>
      <c r="W2492" s="98"/>
      <c r="Z2492" s="143"/>
      <c r="AA2492" s="137"/>
      <c r="AB2492" s="137"/>
      <c r="AC2492" s="137"/>
      <c r="AD2492" s="137"/>
      <c r="AE2492" s="137"/>
      <c r="AF2492" s="137"/>
      <c r="AG2492" s="137"/>
      <c r="AH2492" s="137"/>
      <c r="AI2492" s="137"/>
      <c r="AJ2492" s="137"/>
      <c r="AK2492" s="206"/>
      <c r="AL2492" s="206"/>
      <c r="AM2492" s="143"/>
      <c r="AN2492" s="137"/>
      <c r="AO2492" s="137"/>
      <c r="AP2492" s="137"/>
      <c r="AQ2492" s="137"/>
      <c r="AR2492" s="137"/>
      <c r="AS2492" s="137"/>
      <c r="AT2492" s="137"/>
      <c r="AU2492" s="137"/>
      <c r="AV2492" s="137"/>
      <c r="AW2492" s="144"/>
    </row>
    <row r="2493" spans="2:49" x14ac:dyDescent="0.2">
      <c r="B2493" s="97"/>
      <c r="G2493" s="43"/>
      <c r="J2493" s="98"/>
      <c r="K2493" s="97"/>
      <c r="N2493" s="3"/>
      <c r="W2493" s="98"/>
      <c r="Z2493" s="143"/>
      <c r="AA2493" s="137"/>
      <c r="AB2493" s="137"/>
      <c r="AC2493" s="137"/>
      <c r="AD2493" s="137"/>
      <c r="AE2493" s="137"/>
      <c r="AF2493" s="137"/>
      <c r="AG2493" s="137"/>
      <c r="AH2493" s="137"/>
      <c r="AI2493" s="137"/>
      <c r="AJ2493" s="137"/>
      <c r="AK2493" s="206"/>
      <c r="AL2493" s="206"/>
      <c r="AM2493" s="143"/>
      <c r="AN2493" s="137"/>
      <c r="AO2493" s="137"/>
      <c r="AP2493" s="137"/>
      <c r="AQ2493" s="137"/>
      <c r="AR2493" s="137"/>
      <c r="AS2493" s="137"/>
      <c r="AT2493" s="137"/>
      <c r="AU2493" s="137"/>
      <c r="AV2493" s="137"/>
      <c r="AW2493" s="144"/>
    </row>
    <row r="2494" spans="2:49" x14ac:dyDescent="0.2">
      <c r="B2494" s="97"/>
      <c r="G2494" s="43"/>
      <c r="J2494" s="98"/>
      <c r="K2494" s="97"/>
      <c r="N2494" s="3"/>
      <c r="W2494" s="98"/>
      <c r="Z2494" s="143"/>
      <c r="AA2494" s="137"/>
      <c r="AB2494" s="137"/>
      <c r="AC2494" s="137"/>
      <c r="AD2494" s="137"/>
      <c r="AE2494" s="137"/>
      <c r="AF2494" s="137"/>
      <c r="AG2494" s="137"/>
      <c r="AH2494" s="137"/>
      <c r="AI2494" s="137"/>
      <c r="AJ2494" s="137"/>
      <c r="AK2494" s="206"/>
      <c r="AL2494" s="206"/>
      <c r="AM2494" s="143"/>
      <c r="AN2494" s="137"/>
      <c r="AO2494" s="137"/>
      <c r="AP2494" s="137"/>
      <c r="AQ2494" s="137"/>
      <c r="AR2494" s="137"/>
      <c r="AS2494" s="137"/>
      <c r="AT2494" s="137"/>
      <c r="AU2494" s="137"/>
      <c r="AV2494" s="137"/>
      <c r="AW2494" s="144"/>
    </row>
    <row r="2495" spans="2:49" x14ac:dyDescent="0.2">
      <c r="B2495" s="97"/>
      <c r="G2495" s="43"/>
      <c r="J2495" s="98"/>
      <c r="K2495" s="97"/>
      <c r="N2495" s="3"/>
      <c r="W2495" s="98"/>
      <c r="Z2495" s="143"/>
      <c r="AA2495" s="137"/>
      <c r="AB2495" s="137"/>
      <c r="AC2495" s="137"/>
      <c r="AD2495" s="137"/>
      <c r="AE2495" s="137"/>
      <c r="AF2495" s="137"/>
      <c r="AG2495" s="137"/>
      <c r="AH2495" s="137"/>
      <c r="AI2495" s="137"/>
      <c r="AJ2495" s="137"/>
      <c r="AK2495" s="206"/>
      <c r="AL2495" s="206"/>
      <c r="AM2495" s="143"/>
      <c r="AN2495" s="137"/>
      <c r="AO2495" s="137"/>
      <c r="AP2495" s="137"/>
      <c r="AQ2495" s="137"/>
      <c r="AR2495" s="137"/>
      <c r="AS2495" s="137"/>
      <c r="AT2495" s="137"/>
      <c r="AU2495" s="137"/>
      <c r="AV2495" s="137"/>
      <c r="AW2495" s="144"/>
    </row>
    <row r="2496" spans="2:49" x14ac:dyDescent="0.2">
      <c r="B2496" s="97"/>
      <c r="G2496" s="43"/>
      <c r="J2496" s="98"/>
      <c r="K2496" s="97"/>
      <c r="N2496" s="3"/>
      <c r="W2496" s="98"/>
      <c r="Z2496" s="143"/>
      <c r="AA2496" s="137"/>
      <c r="AB2496" s="137"/>
      <c r="AC2496" s="137"/>
      <c r="AD2496" s="137"/>
      <c r="AE2496" s="137"/>
      <c r="AF2496" s="137"/>
      <c r="AG2496" s="137"/>
      <c r="AH2496" s="137"/>
      <c r="AI2496" s="137"/>
      <c r="AJ2496" s="137"/>
      <c r="AK2496" s="206"/>
      <c r="AL2496" s="206"/>
      <c r="AM2496" s="143"/>
      <c r="AN2496" s="137"/>
      <c r="AO2496" s="137"/>
      <c r="AP2496" s="137"/>
      <c r="AQ2496" s="137"/>
      <c r="AR2496" s="137"/>
      <c r="AS2496" s="137"/>
      <c r="AT2496" s="137"/>
      <c r="AU2496" s="137"/>
      <c r="AV2496" s="137"/>
      <c r="AW2496" s="144"/>
    </row>
    <row r="2497" spans="2:49" x14ac:dyDescent="0.2">
      <c r="B2497" s="97"/>
      <c r="G2497" s="43"/>
      <c r="J2497" s="98"/>
      <c r="K2497" s="97"/>
      <c r="N2497" s="3"/>
      <c r="W2497" s="98"/>
      <c r="Z2497" s="143"/>
      <c r="AA2497" s="137"/>
      <c r="AB2497" s="137"/>
      <c r="AC2497" s="137"/>
      <c r="AD2497" s="137"/>
      <c r="AE2497" s="137"/>
      <c r="AF2497" s="137"/>
      <c r="AG2497" s="137"/>
      <c r="AH2497" s="137"/>
      <c r="AI2497" s="137"/>
      <c r="AJ2497" s="137"/>
      <c r="AK2497" s="206"/>
      <c r="AL2497" s="206"/>
      <c r="AM2497" s="143"/>
      <c r="AN2497" s="137"/>
      <c r="AO2497" s="137"/>
      <c r="AP2497" s="137"/>
      <c r="AQ2497" s="137"/>
      <c r="AR2497" s="137"/>
      <c r="AS2497" s="137"/>
      <c r="AT2497" s="137"/>
      <c r="AU2497" s="137"/>
      <c r="AV2497" s="137"/>
      <c r="AW2497" s="144"/>
    </row>
    <row r="2498" spans="2:49" x14ac:dyDescent="0.2">
      <c r="B2498" s="97"/>
      <c r="G2498" s="43"/>
      <c r="J2498" s="98"/>
      <c r="K2498" s="97"/>
      <c r="N2498" s="3"/>
      <c r="W2498" s="98"/>
      <c r="Z2498" s="143"/>
      <c r="AA2498" s="137"/>
      <c r="AB2498" s="137"/>
      <c r="AC2498" s="137"/>
      <c r="AD2498" s="137"/>
      <c r="AE2498" s="137"/>
      <c r="AF2498" s="137"/>
      <c r="AG2498" s="137"/>
      <c r="AH2498" s="137"/>
      <c r="AI2498" s="137"/>
      <c r="AJ2498" s="137"/>
      <c r="AK2498" s="206"/>
      <c r="AL2498" s="206"/>
      <c r="AM2498" s="143"/>
      <c r="AN2498" s="137"/>
      <c r="AO2498" s="137"/>
      <c r="AP2498" s="137"/>
      <c r="AQ2498" s="137"/>
      <c r="AR2498" s="137"/>
      <c r="AS2498" s="137"/>
      <c r="AT2498" s="137"/>
      <c r="AU2498" s="137"/>
      <c r="AV2498" s="137"/>
      <c r="AW2498" s="144"/>
    </row>
    <row r="2499" spans="2:49" x14ac:dyDescent="0.2">
      <c r="B2499" s="97"/>
      <c r="G2499" s="43"/>
      <c r="J2499" s="98"/>
      <c r="K2499" s="97"/>
      <c r="N2499" s="3"/>
      <c r="W2499" s="98"/>
      <c r="Z2499" s="143"/>
      <c r="AA2499" s="137"/>
      <c r="AB2499" s="137"/>
      <c r="AC2499" s="137"/>
      <c r="AD2499" s="137"/>
      <c r="AE2499" s="137"/>
      <c r="AF2499" s="137"/>
      <c r="AG2499" s="137"/>
      <c r="AH2499" s="137"/>
      <c r="AI2499" s="137"/>
      <c r="AJ2499" s="137"/>
      <c r="AK2499" s="206"/>
      <c r="AL2499" s="206"/>
      <c r="AM2499" s="143"/>
      <c r="AN2499" s="137"/>
      <c r="AO2499" s="137"/>
      <c r="AP2499" s="137"/>
      <c r="AQ2499" s="137"/>
      <c r="AR2499" s="137"/>
      <c r="AS2499" s="137"/>
      <c r="AT2499" s="137"/>
      <c r="AU2499" s="137"/>
      <c r="AV2499" s="137"/>
      <c r="AW2499" s="144"/>
    </row>
    <row r="2500" spans="2:49" x14ac:dyDescent="0.2">
      <c r="B2500" s="97"/>
      <c r="G2500" s="43"/>
      <c r="J2500" s="98"/>
      <c r="K2500" s="97"/>
      <c r="N2500" s="3"/>
      <c r="W2500" s="98"/>
      <c r="Z2500" s="143"/>
      <c r="AA2500" s="137"/>
      <c r="AB2500" s="137"/>
      <c r="AC2500" s="137"/>
      <c r="AD2500" s="137"/>
      <c r="AE2500" s="137"/>
      <c r="AF2500" s="137"/>
      <c r="AG2500" s="137"/>
      <c r="AH2500" s="137"/>
      <c r="AI2500" s="137"/>
      <c r="AJ2500" s="137"/>
      <c r="AK2500" s="206"/>
      <c r="AL2500" s="206"/>
      <c r="AM2500" s="143"/>
      <c r="AN2500" s="137"/>
      <c r="AO2500" s="137"/>
      <c r="AP2500" s="137"/>
      <c r="AQ2500" s="137"/>
      <c r="AR2500" s="137"/>
      <c r="AS2500" s="137"/>
      <c r="AT2500" s="137"/>
      <c r="AU2500" s="137"/>
      <c r="AV2500" s="137"/>
      <c r="AW2500" s="144"/>
    </row>
    <row r="2501" spans="2:49" x14ac:dyDescent="0.2">
      <c r="B2501" s="97"/>
      <c r="G2501" s="43"/>
      <c r="J2501" s="98"/>
      <c r="K2501" s="97"/>
      <c r="N2501" s="3"/>
      <c r="W2501" s="98"/>
      <c r="Z2501" s="143"/>
      <c r="AA2501" s="137"/>
      <c r="AB2501" s="137"/>
      <c r="AC2501" s="137"/>
      <c r="AD2501" s="137"/>
      <c r="AE2501" s="137"/>
      <c r="AF2501" s="137"/>
      <c r="AG2501" s="137"/>
      <c r="AH2501" s="137"/>
      <c r="AI2501" s="137"/>
      <c r="AJ2501" s="137"/>
      <c r="AK2501" s="206"/>
      <c r="AL2501" s="206"/>
      <c r="AM2501" s="143"/>
      <c r="AN2501" s="137"/>
      <c r="AO2501" s="137"/>
      <c r="AP2501" s="137"/>
      <c r="AQ2501" s="137"/>
      <c r="AR2501" s="137"/>
      <c r="AS2501" s="137"/>
      <c r="AT2501" s="137"/>
      <c r="AU2501" s="137"/>
      <c r="AV2501" s="137"/>
      <c r="AW2501" s="144"/>
    </row>
    <row r="2502" spans="2:49" x14ac:dyDescent="0.2">
      <c r="B2502" s="97"/>
      <c r="G2502" s="43"/>
      <c r="J2502" s="98"/>
      <c r="K2502" s="97"/>
      <c r="N2502" s="3"/>
      <c r="W2502" s="98"/>
      <c r="Z2502" s="143"/>
      <c r="AA2502" s="137"/>
      <c r="AB2502" s="137"/>
      <c r="AC2502" s="137"/>
      <c r="AD2502" s="137"/>
      <c r="AE2502" s="137"/>
      <c r="AF2502" s="137"/>
      <c r="AG2502" s="137"/>
      <c r="AH2502" s="137"/>
      <c r="AI2502" s="137"/>
      <c r="AJ2502" s="137"/>
      <c r="AK2502" s="206"/>
      <c r="AL2502" s="206"/>
      <c r="AM2502" s="143"/>
      <c r="AN2502" s="137"/>
      <c r="AO2502" s="137"/>
      <c r="AP2502" s="137"/>
      <c r="AQ2502" s="137"/>
      <c r="AR2502" s="137"/>
      <c r="AS2502" s="137"/>
      <c r="AT2502" s="137"/>
      <c r="AU2502" s="137"/>
      <c r="AV2502" s="137"/>
      <c r="AW2502" s="144"/>
    </row>
    <row r="2503" spans="2:49" x14ac:dyDescent="0.2">
      <c r="B2503" s="97"/>
      <c r="G2503" s="43"/>
      <c r="J2503" s="98"/>
      <c r="K2503" s="97"/>
      <c r="N2503" s="3"/>
      <c r="W2503" s="98"/>
      <c r="Z2503" s="143"/>
      <c r="AA2503" s="137"/>
      <c r="AB2503" s="137"/>
      <c r="AC2503" s="137"/>
      <c r="AD2503" s="137"/>
      <c r="AE2503" s="137"/>
      <c r="AF2503" s="137"/>
      <c r="AG2503" s="137"/>
      <c r="AH2503" s="137"/>
      <c r="AI2503" s="137"/>
      <c r="AJ2503" s="137"/>
      <c r="AK2503" s="206"/>
      <c r="AL2503" s="206"/>
      <c r="AM2503" s="143"/>
      <c r="AN2503" s="137"/>
      <c r="AO2503" s="137"/>
      <c r="AP2503" s="137"/>
      <c r="AQ2503" s="137"/>
      <c r="AR2503" s="137"/>
      <c r="AS2503" s="137"/>
      <c r="AT2503" s="137"/>
      <c r="AU2503" s="137"/>
      <c r="AV2503" s="137"/>
      <c r="AW2503" s="144"/>
    </row>
    <row r="2504" spans="2:49" x14ac:dyDescent="0.2">
      <c r="B2504" s="97"/>
      <c r="G2504" s="43"/>
      <c r="J2504" s="98"/>
      <c r="K2504" s="97"/>
      <c r="N2504" s="3"/>
      <c r="W2504" s="98"/>
      <c r="Z2504" s="143"/>
      <c r="AA2504" s="137"/>
      <c r="AB2504" s="137"/>
      <c r="AC2504" s="137"/>
      <c r="AD2504" s="137"/>
      <c r="AE2504" s="137"/>
      <c r="AF2504" s="137"/>
      <c r="AG2504" s="137"/>
      <c r="AH2504" s="137"/>
      <c r="AI2504" s="137"/>
      <c r="AJ2504" s="137"/>
      <c r="AK2504" s="206"/>
      <c r="AL2504" s="206"/>
      <c r="AM2504" s="143"/>
      <c r="AN2504" s="137"/>
      <c r="AO2504" s="137"/>
      <c r="AP2504" s="137"/>
      <c r="AQ2504" s="137"/>
      <c r="AR2504" s="137"/>
      <c r="AS2504" s="137"/>
      <c r="AT2504" s="137"/>
      <c r="AU2504" s="137"/>
      <c r="AV2504" s="137"/>
      <c r="AW2504" s="144"/>
    </row>
    <row r="2505" spans="2:49" x14ac:dyDescent="0.2">
      <c r="B2505" s="97"/>
      <c r="G2505" s="43"/>
      <c r="J2505" s="98"/>
      <c r="K2505" s="97"/>
      <c r="N2505" s="3"/>
      <c r="W2505" s="98"/>
      <c r="Z2505" s="143"/>
      <c r="AA2505" s="137"/>
      <c r="AB2505" s="137"/>
      <c r="AC2505" s="137"/>
      <c r="AD2505" s="137"/>
      <c r="AE2505" s="137"/>
      <c r="AF2505" s="137"/>
      <c r="AG2505" s="137"/>
      <c r="AH2505" s="137"/>
      <c r="AI2505" s="137"/>
      <c r="AJ2505" s="137"/>
      <c r="AK2505" s="206"/>
      <c r="AL2505" s="206"/>
      <c r="AM2505" s="143"/>
      <c r="AN2505" s="137"/>
      <c r="AO2505" s="137"/>
      <c r="AP2505" s="137"/>
      <c r="AQ2505" s="137"/>
      <c r="AR2505" s="137"/>
      <c r="AS2505" s="137"/>
      <c r="AT2505" s="137"/>
      <c r="AU2505" s="137"/>
      <c r="AV2505" s="137"/>
      <c r="AW2505" s="144"/>
    </row>
    <row r="2506" spans="2:49" x14ac:dyDescent="0.2">
      <c r="B2506" s="97"/>
      <c r="G2506" s="43"/>
      <c r="J2506" s="98"/>
      <c r="K2506" s="97"/>
      <c r="N2506" s="3"/>
      <c r="W2506" s="98"/>
      <c r="Z2506" s="143"/>
      <c r="AA2506" s="137"/>
      <c r="AB2506" s="137"/>
      <c r="AC2506" s="137"/>
      <c r="AD2506" s="137"/>
      <c r="AE2506" s="137"/>
      <c r="AF2506" s="137"/>
      <c r="AG2506" s="137"/>
      <c r="AH2506" s="137"/>
      <c r="AI2506" s="137"/>
      <c r="AJ2506" s="137"/>
      <c r="AK2506" s="206"/>
      <c r="AL2506" s="206"/>
      <c r="AM2506" s="143"/>
      <c r="AN2506" s="137"/>
      <c r="AO2506" s="137"/>
      <c r="AP2506" s="137"/>
      <c r="AQ2506" s="137"/>
      <c r="AR2506" s="137"/>
      <c r="AS2506" s="137"/>
      <c r="AT2506" s="137"/>
      <c r="AU2506" s="137"/>
      <c r="AV2506" s="137"/>
      <c r="AW2506" s="144"/>
    </row>
    <row r="2507" spans="2:49" x14ac:dyDescent="0.2">
      <c r="B2507" s="97"/>
      <c r="G2507" s="43"/>
      <c r="J2507" s="98"/>
      <c r="K2507" s="97"/>
      <c r="N2507" s="3"/>
      <c r="W2507" s="98"/>
      <c r="Z2507" s="143"/>
      <c r="AA2507" s="137"/>
      <c r="AB2507" s="137"/>
      <c r="AC2507" s="137"/>
      <c r="AD2507" s="137"/>
      <c r="AE2507" s="137"/>
      <c r="AF2507" s="137"/>
      <c r="AG2507" s="137"/>
      <c r="AH2507" s="137"/>
      <c r="AI2507" s="137"/>
      <c r="AJ2507" s="137"/>
      <c r="AK2507" s="206"/>
      <c r="AL2507" s="206"/>
      <c r="AM2507" s="143"/>
      <c r="AN2507" s="137"/>
      <c r="AO2507" s="137"/>
      <c r="AP2507" s="137"/>
      <c r="AQ2507" s="137"/>
      <c r="AR2507" s="137"/>
      <c r="AS2507" s="137"/>
      <c r="AT2507" s="137"/>
      <c r="AU2507" s="137"/>
      <c r="AV2507" s="137"/>
      <c r="AW2507" s="144"/>
    </row>
    <row r="2508" spans="2:49" x14ac:dyDescent="0.2">
      <c r="B2508" s="97"/>
      <c r="G2508" s="43"/>
      <c r="J2508" s="98"/>
      <c r="K2508" s="97"/>
      <c r="N2508" s="3"/>
      <c r="W2508" s="98"/>
      <c r="Z2508" s="143"/>
      <c r="AA2508" s="137"/>
      <c r="AB2508" s="137"/>
      <c r="AC2508" s="137"/>
      <c r="AD2508" s="137"/>
      <c r="AE2508" s="137"/>
      <c r="AF2508" s="137"/>
      <c r="AG2508" s="137"/>
      <c r="AH2508" s="137"/>
      <c r="AI2508" s="137"/>
      <c r="AJ2508" s="137"/>
      <c r="AK2508" s="206"/>
      <c r="AL2508" s="206"/>
      <c r="AM2508" s="143"/>
      <c r="AN2508" s="137"/>
      <c r="AO2508" s="137"/>
      <c r="AP2508" s="137"/>
      <c r="AQ2508" s="137"/>
      <c r="AR2508" s="137"/>
      <c r="AS2508" s="137"/>
      <c r="AT2508" s="137"/>
      <c r="AU2508" s="137"/>
      <c r="AV2508" s="137"/>
      <c r="AW2508" s="144"/>
    </row>
    <row r="2509" spans="2:49" x14ac:dyDescent="0.2">
      <c r="B2509" s="97"/>
      <c r="G2509" s="43"/>
      <c r="J2509" s="98"/>
      <c r="K2509" s="97"/>
      <c r="N2509" s="3"/>
      <c r="W2509" s="98"/>
      <c r="Z2509" s="143"/>
      <c r="AA2509" s="137"/>
      <c r="AB2509" s="137"/>
      <c r="AC2509" s="137"/>
      <c r="AD2509" s="137"/>
      <c r="AE2509" s="137"/>
      <c r="AF2509" s="137"/>
      <c r="AG2509" s="137"/>
      <c r="AH2509" s="137"/>
      <c r="AI2509" s="137"/>
      <c r="AJ2509" s="137"/>
      <c r="AK2509" s="206"/>
      <c r="AL2509" s="206"/>
      <c r="AM2509" s="143"/>
      <c r="AN2509" s="137"/>
      <c r="AO2509" s="137"/>
      <c r="AP2509" s="137"/>
      <c r="AQ2509" s="137"/>
      <c r="AR2509" s="137"/>
      <c r="AS2509" s="137"/>
      <c r="AT2509" s="137"/>
      <c r="AU2509" s="137"/>
      <c r="AV2509" s="137"/>
      <c r="AW2509" s="144"/>
    </row>
    <row r="2510" spans="2:49" x14ac:dyDescent="0.2">
      <c r="B2510" s="97"/>
      <c r="G2510" s="43"/>
      <c r="J2510" s="98"/>
      <c r="K2510" s="97"/>
      <c r="N2510" s="3"/>
      <c r="W2510" s="98"/>
      <c r="Z2510" s="143"/>
      <c r="AA2510" s="137"/>
      <c r="AB2510" s="137"/>
      <c r="AC2510" s="137"/>
      <c r="AD2510" s="137"/>
      <c r="AE2510" s="137"/>
      <c r="AF2510" s="137"/>
      <c r="AG2510" s="137"/>
      <c r="AH2510" s="137"/>
      <c r="AI2510" s="137"/>
      <c r="AJ2510" s="137"/>
      <c r="AK2510" s="206"/>
      <c r="AL2510" s="206"/>
      <c r="AM2510" s="143"/>
      <c r="AN2510" s="137"/>
      <c r="AO2510" s="137"/>
      <c r="AP2510" s="137"/>
      <c r="AQ2510" s="137"/>
      <c r="AR2510" s="137"/>
      <c r="AS2510" s="137"/>
      <c r="AT2510" s="137"/>
      <c r="AU2510" s="137"/>
      <c r="AV2510" s="137"/>
      <c r="AW2510" s="144"/>
    </row>
    <row r="2511" spans="2:49" x14ac:dyDescent="0.2">
      <c r="B2511" s="97"/>
      <c r="G2511" s="43"/>
      <c r="J2511" s="98"/>
      <c r="K2511" s="97"/>
      <c r="N2511" s="3"/>
      <c r="W2511" s="98"/>
      <c r="Z2511" s="143"/>
      <c r="AA2511" s="137"/>
      <c r="AB2511" s="137"/>
      <c r="AC2511" s="137"/>
      <c r="AD2511" s="137"/>
      <c r="AE2511" s="137"/>
      <c r="AF2511" s="137"/>
      <c r="AG2511" s="137"/>
      <c r="AH2511" s="137"/>
      <c r="AI2511" s="137"/>
      <c r="AJ2511" s="137"/>
      <c r="AK2511" s="206"/>
      <c r="AL2511" s="206"/>
      <c r="AM2511" s="143"/>
      <c r="AN2511" s="137"/>
      <c r="AO2511" s="137"/>
      <c r="AP2511" s="137"/>
      <c r="AQ2511" s="137"/>
      <c r="AR2511" s="137"/>
      <c r="AS2511" s="137"/>
      <c r="AT2511" s="137"/>
      <c r="AU2511" s="137"/>
      <c r="AV2511" s="137"/>
      <c r="AW2511" s="144"/>
    </row>
    <row r="2512" spans="2:49" x14ac:dyDescent="0.2">
      <c r="B2512" s="97"/>
      <c r="G2512" s="43"/>
      <c r="J2512" s="98"/>
      <c r="K2512" s="97"/>
      <c r="N2512" s="3"/>
      <c r="W2512" s="98"/>
      <c r="Z2512" s="143"/>
      <c r="AA2512" s="137"/>
      <c r="AB2512" s="137"/>
      <c r="AC2512" s="137"/>
      <c r="AD2512" s="137"/>
      <c r="AE2512" s="137"/>
      <c r="AF2512" s="137"/>
      <c r="AG2512" s="137"/>
      <c r="AH2512" s="137"/>
      <c r="AI2512" s="137"/>
      <c r="AJ2512" s="137"/>
      <c r="AK2512" s="206"/>
      <c r="AL2512" s="206"/>
      <c r="AM2512" s="143"/>
      <c r="AN2512" s="137"/>
      <c r="AO2512" s="137"/>
      <c r="AP2512" s="137"/>
      <c r="AQ2512" s="137"/>
      <c r="AR2512" s="137"/>
      <c r="AS2512" s="137"/>
      <c r="AT2512" s="137"/>
      <c r="AU2512" s="137"/>
      <c r="AV2512" s="137"/>
      <c r="AW2512" s="144"/>
    </row>
    <row r="2513" spans="2:49" x14ac:dyDescent="0.2">
      <c r="B2513" s="97"/>
      <c r="G2513" s="43"/>
      <c r="J2513" s="98"/>
      <c r="K2513" s="97"/>
      <c r="N2513" s="3"/>
      <c r="W2513" s="98"/>
      <c r="Z2513" s="143"/>
      <c r="AA2513" s="137"/>
      <c r="AB2513" s="137"/>
      <c r="AC2513" s="137"/>
      <c r="AD2513" s="137"/>
      <c r="AE2513" s="137"/>
      <c r="AF2513" s="137"/>
      <c r="AG2513" s="137"/>
      <c r="AH2513" s="137"/>
      <c r="AI2513" s="137"/>
      <c r="AJ2513" s="137"/>
      <c r="AK2513" s="206"/>
      <c r="AL2513" s="206"/>
      <c r="AM2513" s="143"/>
      <c r="AN2513" s="137"/>
      <c r="AO2513" s="137"/>
      <c r="AP2513" s="137"/>
      <c r="AQ2513" s="137"/>
      <c r="AR2513" s="137"/>
      <c r="AS2513" s="137"/>
      <c r="AT2513" s="137"/>
      <c r="AU2513" s="137"/>
      <c r="AV2513" s="137"/>
      <c r="AW2513" s="144"/>
    </row>
    <row r="2514" spans="2:49" x14ac:dyDescent="0.2">
      <c r="B2514" s="97"/>
      <c r="G2514" s="43"/>
      <c r="J2514" s="98"/>
      <c r="K2514" s="97"/>
      <c r="N2514" s="3"/>
      <c r="W2514" s="98"/>
      <c r="Z2514" s="143"/>
      <c r="AA2514" s="137"/>
      <c r="AB2514" s="137"/>
      <c r="AC2514" s="137"/>
      <c r="AD2514" s="137"/>
      <c r="AE2514" s="137"/>
      <c r="AF2514" s="137"/>
      <c r="AG2514" s="137"/>
      <c r="AH2514" s="137"/>
      <c r="AI2514" s="137"/>
      <c r="AJ2514" s="137"/>
      <c r="AK2514" s="206"/>
      <c r="AL2514" s="206"/>
      <c r="AM2514" s="143"/>
      <c r="AN2514" s="137"/>
      <c r="AO2514" s="137"/>
      <c r="AP2514" s="137"/>
      <c r="AQ2514" s="137"/>
      <c r="AR2514" s="137"/>
      <c r="AS2514" s="137"/>
      <c r="AT2514" s="137"/>
      <c r="AU2514" s="137"/>
      <c r="AV2514" s="137"/>
      <c r="AW2514" s="144"/>
    </row>
    <row r="2515" spans="2:49" x14ac:dyDescent="0.2">
      <c r="B2515" s="97"/>
      <c r="G2515" s="43"/>
      <c r="J2515" s="98"/>
      <c r="K2515" s="97"/>
      <c r="N2515" s="3"/>
      <c r="W2515" s="98"/>
      <c r="Z2515" s="143"/>
      <c r="AA2515" s="137"/>
      <c r="AB2515" s="137"/>
      <c r="AC2515" s="137"/>
      <c r="AD2515" s="137"/>
      <c r="AE2515" s="137"/>
      <c r="AF2515" s="137"/>
      <c r="AG2515" s="137"/>
      <c r="AH2515" s="137"/>
      <c r="AI2515" s="137"/>
      <c r="AJ2515" s="137"/>
      <c r="AK2515" s="206"/>
      <c r="AL2515" s="206"/>
      <c r="AM2515" s="143"/>
      <c r="AN2515" s="137"/>
      <c r="AO2515" s="137"/>
      <c r="AP2515" s="137"/>
      <c r="AQ2515" s="137"/>
      <c r="AR2515" s="137"/>
      <c r="AS2515" s="137"/>
      <c r="AT2515" s="137"/>
      <c r="AU2515" s="137"/>
      <c r="AV2515" s="137"/>
      <c r="AW2515" s="144"/>
    </row>
    <row r="2516" spans="2:49" x14ac:dyDescent="0.2">
      <c r="B2516" s="97"/>
      <c r="G2516" s="43"/>
      <c r="J2516" s="98"/>
      <c r="K2516" s="97"/>
      <c r="N2516" s="3"/>
      <c r="W2516" s="98"/>
      <c r="Z2516" s="143"/>
      <c r="AA2516" s="137"/>
      <c r="AB2516" s="137"/>
      <c r="AC2516" s="137"/>
      <c r="AD2516" s="137"/>
      <c r="AE2516" s="137"/>
      <c r="AF2516" s="137"/>
      <c r="AG2516" s="137"/>
      <c r="AH2516" s="137"/>
      <c r="AI2516" s="137"/>
      <c r="AJ2516" s="137"/>
      <c r="AK2516" s="206"/>
      <c r="AL2516" s="206"/>
      <c r="AM2516" s="143"/>
      <c r="AN2516" s="137"/>
      <c r="AO2516" s="137"/>
      <c r="AP2516" s="137"/>
      <c r="AQ2516" s="137"/>
      <c r="AR2516" s="137"/>
      <c r="AS2516" s="137"/>
      <c r="AT2516" s="137"/>
      <c r="AU2516" s="137"/>
      <c r="AV2516" s="137"/>
      <c r="AW2516" s="144"/>
    </row>
    <row r="2517" spans="2:49" x14ac:dyDescent="0.2">
      <c r="B2517" s="97"/>
      <c r="G2517" s="43"/>
      <c r="J2517" s="98"/>
      <c r="K2517" s="97"/>
      <c r="N2517" s="3"/>
      <c r="W2517" s="98"/>
      <c r="Z2517" s="143"/>
      <c r="AA2517" s="137"/>
      <c r="AB2517" s="137"/>
      <c r="AC2517" s="137"/>
      <c r="AD2517" s="137"/>
      <c r="AE2517" s="137"/>
      <c r="AF2517" s="137"/>
      <c r="AG2517" s="137"/>
      <c r="AH2517" s="137"/>
      <c r="AI2517" s="137"/>
      <c r="AJ2517" s="137"/>
      <c r="AK2517" s="206"/>
      <c r="AL2517" s="206"/>
      <c r="AM2517" s="143"/>
      <c r="AN2517" s="137"/>
      <c r="AO2517" s="137"/>
      <c r="AP2517" s="137"/>
      <c r="AQ2517" s="137"/>
      <c r="AR2517" s="137"/>
      <c r="AS2517" s="137"/>
      <c r="AT2517" s="137"/>
      <c r="AU2517" s="137"/>
      <c r="AV2517" s="137"/>
      <c r="AW2517" s="144"/>
    </row>
    <row r="2518" spans="2:49" x14ac:dyDescent="0.2">
      <c r="B2518" s="97"/>
      <c r="G2518" s="43"/>
      <c r="J2518" s="98"/>
      <c r="K2518" s="97"/>
      <c r="N2518" s="3"/>
      <c r="W2518" s="98"/>
      <c r="Z2518" s="143"/>
      <c r="AA2518" s="137"/>
      <c r="AB2518" s="137"/>
      <c r="AC2518" s="137"/>
      <c r="AD2518" s="137"/>
      <c r="AE2518" s="137"/>
      <c r="AF2518" s="137"/>
      <c r="AG2518" s="137"/>
      <c r="AH2518" s="137"/>
      <c r="AI2518" s="137"/>
      <c r="AJ2518" s="137"/>
      <c r="AK2518" s="206"/>
      <c r="AL2518" s="206"/>
      <c r="AM2518" s="143"/>
      <c r="AN2518" s="137"/>
      <c r="AO2518" s="137"/>
      <c r="AP2518" s="137"/>
      <c r="AQ2518" s="137"/>
      <c r="AR2518" s="137"/>
      <c r="AS2518" s="137"/>
      <c r="AT2518" s="137"/>
      <c r="AU2518" s="137"/>
      <c r="AV2518" s="137"/>
      <c r="AW2518" s="144"/>
    </row>
    <row r="2519" spans="2:49" x14ac:dyDescent="0.2">
      <c r="B2519" s="97"/>
      <c r="G2519" s="43"/>
      <c r="J2519" s="98"/>
      <c r="K2519" s="97"/>
      <c r="N2519" s="3"/>
      <c r="W2519" s="98"/>
      <c r="Z2519" s="143"/>
      <c r="AA2519" s="137"/>
      <c r="AB2519" s="137"/>
      <c r="AC2519" s="137"/>
      <c r="AD2519" s="137"/>
      <c r="AE2519" s="137"/>
      <c r="AF2519" s="137"/>
      <c r="AG2519" s="137"/>
      <c r="AH2519" s="137"/>
      <c r="AI2519" s="137"/>
      <c r="AJ2519" s="137"/>
      <c r="AK2519" s="206"/>
      <c r="AL2519" s="206"/>
      <c r="AM2519" s="143"/>
      <c r="AN2519" s="137"/>
      <c r="AO2519" s="137"/>
      <c r="AP2519" s="137"/>
      <c r="AQ2519" s="137"/>
      <c r="AR2519" s="137"/>
      <c r="AS2519" s="137"/>
      <c r="AT2519" s="137"/>
      <c r="AU2519" s="137"/>
      <c r="AV2519" s="137"/>
      <c r="AW2519" s="144"/>
    </row>
    <row r="2520" spans="2:49" x14ac:dyDescent="0.2">
      <c r="B2520" s="97"/>
      <c r="G2520" s="43"/>
      <c r="J2520" s="98"/>
      <c r="K2520" s="97"/>
      <c r="N2520" s="3"/>
      <c r="W2520" s="98"/>
      <c r="Z2520" s="143"/>
      <c r="AA2520" s="137"/>
      <c r="AB2520" s="137"/>
      <c r="AC2520" s="137"/>
      <c r="AD2520" s="137"/>
      <c r="AE2520" s="137"/>
      <c r="AF2520" s="137"/>
      <c r="AG2520" s="137"/>
      <c r="AH2520" s="137"/>
      <c r="AI2520" s="137"/>
      <c r="AJ2520" s="137"/>
      <c r="AK2520" s="206"/>
      <c r="AL2520" s="206"/>
      <c r="AM2520" s="143"/>
      <c r="AN2520" s="137"/>
      <c r="AO2520" s="137"/>
      <c r="AP2520" s="137"/>
      <c r="AQ2520" s="137"/>
      <c r="AR2520" s="137"/>
      <c r="AS2520" s="137"/>
      <c r="AT2520" s="137"/>
      <c r="AU2520" s="137"/>
      <c r="AV2520" s="137"/>
      <c r="AW2520" s="144"/>
    </row>
    <row r="2521" spans="2:49" x14ac:dyDescent="0.2">
      <c r="B2521" s="97"/>
      <c r="G2521" s="43"/>
      <c r="J2521" s="98"/>
      <c r="K2521" s="97"/>
      <c r="N2521" s="3"/>
      <c r="W2521" s="98"/>
      <c r="Z2521" s="143"/>
      <c r="AA2521" s="137"/>
      <c r="AB2521" s="137"/>
      <c r="AC2521" s="137"/>
      <c r="AD2521" s="137"/>
      <c r="AE2521" s="137"/>
      <c r="AF2521" s="137"/>
      <c r="AG2521" s="137"/>
      <c r="AH2521" s="137"/>
      <c r="AI2521" s="137"/>
      <c r="AJ2521" s="137"/>
      <c r="AK2521" s="206"/>
      <c r="AL2521" s="206"/>
      <c r="AM2521" s="143"/>
      <c r="AN2521" s="137"/>
      <c r="AO2521" s="137"/>
      <c r="AP2521" s="137"/>
      <c r="AQ2521" s="137"/>
      <c r="AR2521" s="137"/>
      <c r="AS2521" s="137"/>
      <c r="AT2521" s="137"/>
      <c r="AU2521" s="137"/>
      <c r="AV2521" s="137"/>
      <c r="AW2521" s="144"/>
    </row>
    <row r="2522" spans="2:49" x14ac:dyDescent="0.2">
      <c r="B2522" s="97"/>
      <c r="G2522" s="43"/>
      <c r="J2522" s="98"/>
      <c r="K2522" s="97"/>
      <c r="N2522" s="3"/>
      <c r="W2522" s="98"/>
      <c r="Z2522" s="143"/>
      <c r="AA2522" s="137"/>
      <c r="AB2522" s="137"/>
      <c r="AC2522" s="137"/>
      <c r="AD2522" s="137"/>
      <c r="AE2522" s="137"/>
      <c r="AF2522" s="137"/>
      <c r="AG2522" s="137"/>
      <c r="AH2522" s="137"/>
      <c r="AI2522" s="137"/>
      <c r="AJ2522" s="137"/>
      <c r="AK2522" s="206"/>
      <c r="AL2522" s="206"/>
      <c r="AM2522" s="143"/>
      <c r="AN2522" s="137"/>
      <c r="AO2522" s="137"/>
      <c r="AP2522" s="137"/>
      <c r="AQ2522" s="137"/>
      <c r="AR2522" s="137"/>
      <c r="AS2522" s="137"/>
      <c r="AT2522" s="137"/>
      <c r="AU2522" s="137"/>
      <c r="AV2522" s="137"/>
      <c r="AW2522" s="144"/>
    </row>
    <row r="2523" spans="2:49" x14ac:dyDescent="0.2">
      <c r="B2523" s="97"/>
      <c r="G2523" s="43"/>
      <c r="J2523" s="98"/>
      <c r="K2523" s="97"/>
      <c r="N2523" s="3"/>
      <c r="W2523" s="98"/>
      <c r="Z2523" s="143"/>
      <c r="AA2523" s="137"/>
      <c r="AB2523" s="137"/>
      <c r="AC2523" s="137"/>
      <c r="AD2523" s="137"/>
      <c r="AE2523" s="137"/>
      <c r="AF2523" s="137"/>
      <c r="AG2523" s="137"/>
      <c r="AH2523" s="137"/>
      <c r="AI2523" s="137"/>
      <c r="AJ2523" s="137"/>
      <c r="AK2523" s="206"/>
      <c r="AL2523" s="206"/>
      <c r="AM2523" s="143"/>
      <c r="AN2523" s="137"/>
      <c r="AO2523" s="137"/>
      <c r="AP2523" s="137"/>
      <c r="AQ2523" s="137"/>
      <c r="AR2523" s="137"/>
      <c r="AS2523" s="137"/>
      <c r="AT2523" s="137"/>
      <c r="AU2523" s="137"/>
      <c r="AV2523" s="137"/>
      <c r="AW2523" s="144"/>
    </row>
    <row r="2524" spans="2:49" x14ac:dyDescent="0.2">
      <c r="B2524" s="97"/>
      <c r="G2524" s="43"/>
      <c r="J2524" s="98"/>
      <c r="K2524" s="97"/>
      <c r="N2524" s="3"/>
      <c r="W2524" s="98"/>
      <c r="Z2524" s="143"/>
      <c r="AA2524" s="137"/>
      <c r="AB2524" s="137"/>
      <c r="AC2524" s="137"/>
      <c r="AD2524" s="137"/>
      <c r="AE2524" s="137"/>
      <c r="AF2524" s="137"/>
      <c r="AG2524" s="137"/>
      <c r="AH2524" s="137"/>
      <c r="AI2524" s="137"/>
      <c r="AJ2524" s="137"/>
      <c r="AK2524" s="206"/>
      <c r="AL2524" s="206"/>
      <c r="AM2524" s="143"/>
      <c r="AN2524" s="137"/>
      <c r="AO2524" s="137"/>
      <c r="AP2524" s="137"/>
      <c r="AQ2524" s="137"/>
      <c r="AR2524" s="137"/>
      <c r="AS2524" s="137"/>
      <c r="AT2524" s="137"/>
      <c r="AU2524" s="137"/>
      <c r="AV2524" s="137"/>
      <c r="AW2524" s="144"/>
    </row>
    <row r="2525" spans="2:49" x14ac:dyDescent="0.2">
      <c r="B2525" s="97"/>
      <c r="G2525" s="43"/>
      <c r="J2525" s="98"/>
      <c r="K2525" s="97"/>
      <c r="N2525" s="3"/>
      <c r="W2525" s="98"/>
      <c r="Z2525" s="143"/>
      <c r="AA2525" s="137"/>
      <c r="AB2525" s="137"/>
      <c r="AC2525" s="137"/>
      <c r="AD2525" s="137"/>
      <c r="AE2525" s="137"/>
      <c r="AF2525" s="137"/>
      <c r="AG2525" s="137"/>
      <c r="AH2525" s="137"/>
      <c r="AI2525" s="137"/>
      <c r="AJ2525" s="137"/>
      <c r="AK2525" s="206"/>
      <c r="AL2525" s="206"/>
      <c r="AM2525" s="143"/>
      <c r="AN2525" s="137"/>
      <c r="AO2525" s="137"/>
      <c r="AP2525" s="137"/>
      <c r="AQ2525" s="137"/>
      <c r="AR2525" s="137"/>
      <c r="AS2525" s="137"/>
      <c r="AT2525" s="137"/>
      <c r="AU2525" s="137"/>
      <c r="AV2525" s="137"/>
      <c r="AW2525" s="144"/>
    </row>
    <row r="2526" spans="2:49" x14ac:dyDescent="0.2">
      <c r="B2526" s="97"/>
      <c r="G2526" s="43"/>
      <c r="J2526" s="98"/>
      <c r="K2526" s="97"/>
      <c r="N2526" s="3"/>
      <c r="W2526" s="98"/>
      <c r="Z2526" s="143"/>
      <c r="AA2526" s="137"/>
      <c r="AB2526" s="137"/>
      <c r="AC2526" s="137"/>
      <c r="AD2526" s="137"/>
      <c r="AE2526" s="137"/>
      <c r="AF2526" s="137"/>
      <c r="AG2526" s="137"/>
      <c r="AH2526" s="137"/>
      <c r="AI2526" s="137"/>
      <c r="AJ2526" s="137"/>
      <c r="AK2526" s="206"/>
      <c r="AL2526" s="206"/>
      <c r="AM2526" s="143"/>
      <c r="AN2526" s="137"/>
      <c r="AO2526" s="137"/>
      <c r="AP2526" s="137"/>
      <c r="AQ2526" s="137"/>
      <c r="AR2526" s="137"/>
      <c r="AS2526" s="137"/>
      <c r="AT2526" s="137"/>
      <c r="AU2526" s="137"/>
      <c r="AV2526" s="137"/>
      <c r="AW2526" s="144"/>
    </row>
    <row r="2527" spans="2:49" x14ac:dyDescent="0.2">
      <c r="B2527" s="97"/>
      <c r="G2527" s="43"/>
      <c r="J2527" s="98"/>
      <c r="K2527" s="97"/>
      <c r="N2527" s="3"/>
      <c r="W2527" s="98"/>
      <c r="Z2527" s="143"/>
      <c r="AA2527" s="137"/>
      <c r="AB2527" s="137"/>
      <c r="AC2527" s="137"/>
      <c r="AD2527" s="137"/>
      <c r="AE2527" s="137"/>
      <c r="AF2527" s="137"/>
      <c r="AG2527" s="137"/>
      <c r="AH2527" s="137"/>
      <c r="AI2527" s="137"/>
      <c r="AJ2527" s="137"/>
      <c r="AK2527" s="206"/>
      <c r="AL2527" s="206"/>
      <c r="AM2527" s="143"/>
      <c r="AN2527" s="137"/>
      <c r="AO2527" s="137"/>
      <c r="AP2527" s="137"/>
      <c r="AQ2527" s="137"/>
      <c r="AR2527" s="137"/>
      <c r="AS2527" s="137"/>
      <c r="AT2527" s="137"/>
      <c r="AU2527" s="137"/>
      <c r="AV2527" s="137"/>
      <c r="AW2527" s="144"/>
    </row>
    <row r="2528" spans="2:49" x14ac:dyDescent="0.2">
      <c r="B2528" s="97"/>
      <c r="G2528" s="43"/>
      <c r="J2528" s="98"/>
      <c r="K2528" s="97"/>
      <c r="N2528" s="3"/>
      <c r="W2528" s="98"/>
      <c r="Z2528" s="143"/>
      <c r="AA2528" s="137"/>
      <c r="AB2528" s="137"/>
      <c r="AC2528" s="137"/>
      <c r="AD2528" s="137"/>
      <c r="AE2528" s="137"/>
      <c r="AF2528" s="137"/>
      <c r="AG2528" s="137"/>
      <c r="AH2528" s="137"/>
      <c r="AI2528" s="137"/>
      <c r="AJ2528" s="137"/>
      <c r="AK2528" s="206"/>
      <c r="AL2528" s="206"/>
      <c r="AM2528" s="143"/>
      <c r="AN2528" s="137"/>
      <c r="AO2528" s="137"/>
      <c r="AP2528" s="137"/>
      <c r="AQ2528" s="137"/>
      <c r="AR2528" s="137"/>
      <c r="AS2528" s="137"/>
      <c r="AT2528" s="137"/>
      <c r="AU2528" s="137"/>
      <c r="AV2528" s="137"/>
      <c r="AW2528" s="144"/>
    </row>
    <row r="2529" spans="2:49" x14ac:dyDescent="0.2">
      <c r="B2529" s="97"/>
      <c r="G2529" s="43"/>
      <c r="J2529" s="98"/>
      <c r="K2529" s="97"/>
      <c r="N2529" s="3"/>
      <c r="W2529" s="98"/>
      <c r="Z2529" s="143"/>
      <c r="AA2529" s="137"/>
      <c r="AB2529" s="137"/>
      <c r="AC2529" s="137"/>
      <c r="AD2529" s="137"/>
      <c r="AE2529" s="137"/>
      <c r="AF2529" s="137"/>
      <c r="AG2529" s="137"/>
      <c r="AH2529" s="137"/>
      <c r="AI2529" s="137"/>
      <c r="AJ2529" s="137"/>
      <c r="AK2529" s="206"/>
      <c r="AL2529" s="206"/>
      <c r="AM2529" s="143"/>
      <c r="AN2529" s="137"/>
      <c r="AO2529" s="137"/>
      <c r="AP2529" s="137"/>
      <c r="AQ2529" s="137"/>
      <c r="AR2529" s="137"/>
      <c r="AS2529" s="137"/>
      <c r="AT2529" s="137"/>
      <c r="AU2529" s="137"/>
      <c r="AV2529" s="137"/>
      <c r="AW2529" s="144"/>
    </row>
    <row r="2530" spans="2:49" x14ac:dyDescent="0.2">
      <c r="B2530" s="97"/>
      <c r="G2530" s="43"/>
      <c r="J2530" s="98"/>
      <c r="K2530" s="97"/>
      <c r="N2530" s="3"/>
      <c r="W2530" s="98"/>
      <c r="Z2530" s="143"/>
      <c r="AA2530" s="137"/>
      <c r="AB2530" s="137"/>
      <c r="AC2530" s="137"/>
      <c r="AD2530" s="137"/>
      <c r="AE2530" s="137"/>
      <c r="AF2530" s="137"/>
      <c r="AG2530" s="137"/>
      <c r="AH2530" s="137"/>
      <c r="AI2530" s="137"/>
      <c r="AJ2530" s="137"/>
      <c r="AK2530" s="206"/>
      <c r="AL2530" s="206"/>
      <c r="AM2530" s="143"/>
      <c r="AN2530" s="137"/>
      <c r="AO2530" s="137"/>
      <c r="AP2530" s="137"/>
      <c r="AQ2530" s="137"/>
      <c r="AR2530" s="137"/>
      <c r="AS2530" s="137"/>
      <c r="AT2530" s="137"/>
      <c r="AU2530" s="137"/>
      <c r="AV2530" s="137"/>
      <c r="AW2530" s="144"/>
    </row>
    <row r="2531" spans="2:49" x14ac:dyDescent="0.2">
      <c r="B2531" s="97"/>
      <c r="G2531" s="43"/>
      <c r="J2531" s="98"/>
      <c r="K2531" s="97"/>
      <c r="N2531" s="3"/>
      <c r="W2531" s="98"/>
      <c r="Z2531" s="143"/>
      <c r="AA2531" s="137"/>
      <c r="AB2531" s="137"/>
      <c r="AC2531" s="137"/>
      <c r="AD2531" s="137"/>
      <c r="AE2531" s="137"/>
      <c r="AF2531" s="137"/>
      <c r="AG2531" s="137"/>
      <c r="AH2531" s="137"/>
      <c r="AI2531" s="137"/>
      <c r="AJ2531" s="137"/>
      <c r="AK2531" s="206"/>
      <c r="AL2531" s="206"/>
      <c r="AM2531" s="143"/>
      <c r="AN2531" s="137"/>
      <c r="AO2531" s="137"/>
      <c r="AP2531" s="137"/>
      <c r="AQ2531" s="137"/>
      <c r="AR2531" s="137"/>
      <c r="AS2531" s="137"/>
      <c r="AT2531" s="137"/>
      <c r="AU2531" s="137"/>
      <c r="AV2531" s="137"/>
      <c r="AW2531" s="144"/>
    </row>
    <row r="2532" spans="2:49" x14ac:dyDescent="0.2">
      <c r="B2532" s="97"/>
      <c r="G2532" s="43"/>
      <c r="J2532" s="98"/>
      <c r="K2532" s="97"/>
      <c r="N2532" s="3"/>
      <c r="W2532" s="98"/>
      <c r="Z2532" s="143"/>
      <c r="AA2532" s="137"/>
      <c r="AB2532" s="137"/>
      <c r="AC2532" s="137"/>
      <c r="AD2532" s="137"/>
      <c r="AE2532" s="137"/>
      <c r="AF2532" s="137"/>
      <c r="AG2532" s="137"/>
      <c r="AH2532" s="137"/>
      <c r="AI2532" s="137"/>
      <c r="AJ2532" s="137"/>
      <c r="AK2532" s="206"/>
      <c r="AL2532" s="206"/>
      <c r="AM2532" s="143"/>
      <c r="AN2532" s="137"/>
      <c r="AO2532" s="137"/>
      <c r="AP2532" s="137"/>
      <c r="AQ2532" s="137"/>
      <c r="AR2532" s="137"/>
      <c r="AS2532" s="137"/>
      <c r="AT2532" s="137"/>
      <c r="AU2532" s="137"/>
      <c r="AV2532" s="137"/>
      <c r="AW2532" s="144"/>
    </row>
    <row r="2533" spans="2:49" x14ac:dyDescent="0.2">
      <c r="B2533" s="97"/>
      <c r="G2533" s="43"/>
      <c r="J2533" s="98"/>
      <c r="K2533" s="97"/>
      <c r="N2533" s="3"/>
      <c r="W2533" s="98"/>
      <c r="Z2533" s="143"/>
      <c r="AA2533" s="137"/>
      <c r="AB2533" s="137"/>
      <c r="AC2533" s="137"/>
      <c r="AD2533" s="137"/>
      <c r="AE2533" s="137"/>
      <c r="AF2533" s="137"/>
      <c r="AG2533" s="137"/>
      <c r="AH2533" s="137"/>
      <c r="AI2533" s="137"/>
      <c r="AJ2533" s="137"/>
      <c r="AK2533" s="206"/>
      <c r="AL2533" s="206"/>
      <c r="AM2533" s="143"/>
      <c r="AN2533" s="137"/>
      <c r="AO2533" s="137"/>
      <c r="AP2533" s="137"/>
      <c r="AQ2533" s="137"/>
      <c r="AR2533" s="137"/>
      <c r="AS2533" s="137"/>
      <c r="AT2533" s="137"/>
      <c r="AU2533" s="137"/>
      <c r="AV2533" s="137"/>
      <c r="AW2533" s="144"/>
    </row>
    <row r="2534" spans="2:49" x14ac:dyDescent="0.2">
      <c r="B2534" s="97"/>
      <c r="G2534" s="43"/>
      <c r="J2534" s="98"/>
      <c r="K2534" s="97"/>
      <c r="N2534" s="3"/>
      <c r="W2534" s="98"/>
      <c r="Z2534" s="143"/>
      <c r="AA2534" s="137"/>
      <c r="AB2534" s="137"/>
      <c r="AC2534" s="137"/>
      <c r="AD2534" s="137"/>
      <c r="AE2534" s="137"/>
      <c r="AF2534" s="137"/>
      <c r="AG2534" s="137"/>
      <c r="AH2534" s="137"/>
      <c r="AI2534" s="137"/>
      <c r="AJ2534" s="137"/>
      <c r="AK2534" s="206"/>
      <c r="AL2534" s="206"/>
      <c r="AM2534" s="143"/>
      <c r="AN2534" s="137"/>
      <c r="AO2534" s="137"/>
      <c r="AP2534" s="137"/>
      <c r="AQ2534" s="137"/>
      <c r="AR2534" s="137"/>
      <c r="AS2534" s="137"/>
      <c r="AT2534" s="137"/>
      <c r="AU2534" s="137"/>
      <c r="AV2534" s="137"/>
      <c r="AW2534" s="144"/>
    </row>
    <row r="2535" spans="2:49" x14ac:dyDescent="0.2">
      <c r="B2535" s="97"/>
      <c r="G2535" s="43"/>
      <c r="J2535" s="98"/>
      <c r="K2535" s="97"/>
      <c r="N2535" s="3"/>
      <c r="W2535" s="98"/>
      <c r="Z2535" s="143"/>
      <c r="AA2535" s="137"/>
      <c r="AB2535" s="137"/>
      <c r="AC2535" s="137"/>
      <c r="AD2535" s="137"/>
      <c r="AE2535" s="137"/>
      <c r="AF2535" s="137"/>
      <c r="AG2535" s="137"/>
      <c r="AH2535" s="137"/>
      <c r="AI2535" s="137"/>
      <c r="AJ2535" s="137"/>
      <c r="AK2535" s="206"/>
      <c r="AL2535" s="206"/>
      <c r="AM2535" s="143"/>
      <c r="AN2535" s="137"/>
      <c r="AO2535" s="137"/>
      <c r="AP2535" s="137"/>
      <c r="AQ2535" s="137"/>
      <c r="AR2535" s="137"/>
      <c r="AS2535" s="137"/>
      <c r="AT2535" s="137"/>
      <c r="AU2535" s="137"/>
      <c r="AV2535" s="137"/>
      <c r="AW2535" s="144"/>
    </row>
    <row r="2536" spans="2:49" x14ac:dyDescent="0.2">
      <c r="B2536" s="97"/>
      <c r="G2536" s="43"/>
      <c r="J2536" s="98"/>
      <c r="K2536" s="97"/>
      <c r="N2536" s="3"/>
      <c r="W2536" s="98"/>
      <c r="Z2536" s="143"/>
      <c r="AA2536" s="137"/>
      <c r="AB2536" s="137"/>
      <c r="AC2536" s="137"/>
      <c r="AD2536" s="137"/>
      <c r="AE2536" s="137"/>
      <c r="AF2536" s="137"/>
      <c r="AG2536" s="137"/>
      <c r="AH2536" s="137"/>
      <c r="AI2536" s="137"/>
      <c r="AJ2536" s="137"/>
      <c r="AK2536" s="206"/>
      <c r="AL2536" s="206"/>
      <c r="AM2536" s="143"/>
      <c r="AN2536" s="137"/>
      <c r="AO2536" s="137"/>
      <c r="AP2536" s="137"/>
      <c r="AQ2536" s="137"/>
      <c r="AR2536" s="137"/>
      <c r="AS2536" s="137"/>
      <c r="AT2536" s="137"/>
      <c r="AU2536" s="137"/>
      <c r="AV2536" s="137"/>
      <c r="AW2536" s="144"/>
    </row>
    <row r="2537" spans="2:49" x14ac:dyDescent="0.2">
      <c r="B2537" s="97"/>
      <c r="G2537" s="43"/>
      <c r="J2537" s="98"/>
      <c r="K2537" s="97"/>
      <c r="N2537" s="3"/>
      <c r="W2537" s="98"/>
      <c r="Z2537" s="143"/>
      <c r="AA2537" s="137"/>
      <c r="AB2537" s="137"/>
      <c r="AC2537" s="137"/>
      <c r="AD2537" s="137"/>
      <c r="AE2537" s="137"/>
      <c r="AF2537" s="137"/>
      <c r="AG2537" s="137"/>
      <c r="AH2537" s="137"/>
      <c r="AI2537" s="137"/>
      <c r="AJ2537" s="137"/>
      <c r="AK2537" s="206"/>
      <c r="AL2537" s="206"/>
      <c r="AM2537" s="143"/>
      <c r="AN2537" s="137"/>
      <c r="AO2537" s="137"/>
      <c r="AP2537" s="137"/>
      <c r="AQ2537" s="137"/>
      <c r="AR2537" s="137"/>
      <c r="AS2537" s="137"/>
      <c r="AT2537" s="137"/>
      <c r="AU2537" s="137"/>
      <c r="AV2537" s="137"/>
      <c r="AW2537" s="144"/>
    </row>
    <row r="2538" spans="2:49" x14ac:dyDescent="0.2">
      <c r="B2538" s="97"/>
      <c r="G2538" s="43"/>
      <c r="J2538" s="98"/>
      <c r="K2538" s="97"/>
      <c r="N2538" s="3"/>
      <c r="W2538" s="98"/>
      <c r="Z2538" s="143"/>
      <c r="AA2538" s="137"/>
      <c r="AB2538" s="137"/>
      <c r="AC2538" s="137"/>
      <c r="AD2538" s="137"/>
      <c r="AE2538" s="137"/>
      <c r="AF2538" s="137"/>
      <c r="AG2538" s="137"/>
      <c r="AH2538" s="137"/>
      <c r="AI2538" s="137"/>
      <c r="AJ2538" s="137"/>
      <c r="AK2538" s="206"/>
      <c r="AL2538" s="206"/>
      <c r="AM2538" s="143"/>
      <c r="AN2538" s="137"/>
      <c r="AO2538" s="137"/>
      <c r="AP2538" s="137"/>
      <c r="AQ2538" s="137"/>
      <c r="AR2538" s="137"/>
      <c r="AS2538" s="137"/>
      <c r="AT2538" s="137"/>
      <c r="AU2538" s="137"/>
      <c r="AV2538" s="137"/>
      <c r="AW2538" s="144"/>
    </row>
    <row r="2539" spans="2:49" x14ac:dyDescent="0.2">
      <c r="B2539" s="97"/>
      <c r="G2539" s="43"/>
      <c r="J2539" s="98"/>
      <c r="K2539" s="97"/>
      <c r="N2539" s="3"/>
      <c r="W2539" s="98"/>
      <c r="Z2539" s="143"/>
      <c r="AA2539" s="137"/>
      <c r="AB2539" s="137"/>
      <c r="AC2539" s="137"/>
      <c r="AD2539" s="137"/>
      <c r="AE2539" s="137"/>
      <c r="AF2539" s="137"/>
      <c r="AG2539" s="137"/>
      <c r="AH2539" s="137"/>
      <c r="AI2539" s="137"/>
      <c r="AJ2539" s="137"/>
      <c r="AK2539" s="206"/>
      <c r="AL2539" s="206"/>
      <c r="AM2539" s="143"/>
      <c r="AN2539" s="137"/>
      <c r="AO2539" s="137"/>
      <c r="AP2539" s="137"/>
      <c r="AQ2539" s="137"/>
      <c r="AR2539" s="137"/>
      <c r="AS2539" s="137"/>
      <c r="AT2539" s="137"/>
      <c r="AU2539" s="137"/>
      <c r="AV2539" s="137"/>
      <c r="AW2539" s="144"/>
    </row>
    <row r="2540" spans="2:49" x14ac:dyDescent="0.2">
      <c r="B2540" s="97"/>
      <c r="G2540" s="43"/>
      <c r="J2540" s="98"/>
      <c r="K2540" s="97"/>
      <c r="N2540" s="3"/>
      <c r="W2540" s="98"/>
      <c r="Z2540" s="143"/>
      <c r="AA2540" s="137"/>
      <c r="AB2540" s="137"/>
      <c r="AC2540" s="137"/>
      <c r="AD2540" s="137"/>
      <c r="AE2540" s="137"/>
      <c r="AF2540" s="137"/>
      <c r="AG2540" s="137"/>
      <c r="AH2540" s="137"/>
      <c r="AI2540" s="137"/>
      <c r="AJ2540" s="137"/>
      <c r="AK2540" s="206"/>
      <c r="AL2540" s="206"/>
      <c r="AM2540" s="143"/>
      <c r="AN2540" s="137"/>
      <c r="AO2540" s="137"/>
      <c r="AP2540" s="137"/>
      <c r="AQ2540" s="137"/>
      <c r="AR2540" s="137"/>
      <c r="AS2540" s="137"/>
      <c r="AT2540" s="137"/>
      <c r="AU2540" s="137"/>
      <c r="AV2540" s="137"/>
      <c r="AW2540" s="144"/>
    </row>
    <row r="2541" spans="2:49" x14ac:dyDescent="0.2">
      <c r="B2541" s="97"/>
      <c r="G2541" s="43"/>
      <c r="J2541" s="98"/>
      <c r="K2541" s="97"/>
      <c r="N2541" s="3"/>
      <c r="W2541" s="98"/>
      <c r="Z2541" s="143"/>
      <c r="AA2541" s="137"/>
      <c r="AB2541" s="137"/>
      <c r="AC2541" s="137"/>
      <c r="AD2541" s="137"/>
      <c r="AE2541" s="137"/>
      <c r="AF2541" s="137"/>
      <c r="AG2541" s="137"/>
      <c r="AH2541" s="137"/>
      <c r="AI2541" s="137"/>
      <c r="AJ2541" s="137"/>
      <c r="AK2541" s="206"/>
      <c r="AL2541" s="206"/>
      <c r="AM2541" s="143"/>
      <c r="AN2541" s="137"/>
      <c r="AO2541" s="137"/>
      <c r="AP2541" s="137"/>
      <c r="AQ2541" s="137"/>
      <c r="AR2541" s="137"/>
      <c r="AS2541" s="137"/>
      <c r="AT2541" s="137"/>
      <c r="AU2541" s="137"/>
      <c r="AV2541" s="137"/>
      <c r="AW2541" s="144"/>
    </row>
    <row r="2542" spans="2:49" x14ac:dyDescent="0.2">
      <c r="B2542" s="97"/>
      <c r="G2542" s="43"/>
      <c r="J2542" s="98"/>
      <c r="K2542" s="97"/>
      <c r="N2542" s="3"/>
      <c r="W2542" s="98"/>
      <c r="Z2542" s="143"/>
      <c r="AA2542" s="137"/>
      <c r="AB2542" s="137"/>
      <c r="AC2542" s="137"/>
      <c r="AD2542" s="137"/>
      <c r="AE2542" s="137"/>
      <c r="AF2542" s="137"/>
      <c r="AG2542" s="137"/>
      <c r="AH2542" s="137"/>
      <c r="AI2542" s="137"/>
      <c r="AJ2542" s="137"/>
      <c r="AK2542" s="206"/>
      <c r="AL2542" s="206"/>
      <c r="AM2542" s="143"/>
      <c r="AN2542" s="137"/>
      <c r="AO2542" s="137"/>
      <c r="AP2542" s="137"/>
      <c r="AQ2542" s="137"/>
      <c r="AR2542" s="137"/>
      <c r="AS2542" s="137"/>
      <c r="AT2542" s="137"/>
      <c r="AU2542" s="137"/>
      <c r="AV2542" s="137"/>
      <c r="AW2542" s="144"/>
    </row>
    <row r="2543" spans="2:49" x14ac:dyDescent="0.2">
      <c r="B2543" s="97"/>
      <c r="G2543" s="43"/>
      <c r="J2543" s="98"/>
      <c r="K2543" s="97"/>
      <c r="N2543" s="3"/>
      <c r="W2543" s="98"/>
      <c r="Z2543" s="143"/>
      <c r="AA2543" s="137"/>
      <c r="AB2543" s="137"/>
      <c r="AC2543" s="137"/>
      <c r="AD2543" s="137"/>
      <c r="AE2543" s="137"/>
      <c r="AF2543" s="137"/>
      <c r="AG2543" s="137"/>
      <c r="AH2543" s="137"/>
      <c r="AI2543" s="137"/>
      <c r="AJ2543" s="137"/>
      <c r="AK2543" s="206"/>
      <c r="AL2543" s="206"/>
      <c r="AM2543" s="143"/>
      <c r="AN2543" s="137"/>
      <c r="AO2543" s="137"/>
      <c r="AP2543" s="137"/>
      <c r="AQ2543" s="137"/>
      <c r="AR2543" s="137"/>
      <c r="AS2543" s="137"/>
      <c r="AT2543" s="137"/>
      <c r="AU2543" s="137"/>
      <c r="AV2543" s="137"/>
      <c r="AW2543" s="144"/>
    </row>
    <row r="2544" spans="2:49" x14ac:dyDescent="0.2">
      <c r="B2544" s="97"/>
      <c r="G2544" s="43"/>
      <c r="J2544" s="98"/>
      <c r="K2544" s="97"/>
      <c r="N2544" s="3"/>
      <c r="W2544" s="98"/>
      <c r="Z2544" s="143"/>
      <c r="AA2544" s="137"/>
      <c r="AB2544" s="137"/>
      <c r="AC2544" s="137"/>
      <c r="AD2544" s="137"/>
      <c r="AE2544" s="137"/>
      <c r="AF2544" s="137"/>
      <c r="AG2544" s="137"/>
      <c r="AH2544" s="137"/>
      <c r="AI2544" s="137"/>
      <c r="AJ2544" s="137"/>
      <c r="AK2544" s="206"/>
      <c r="AL2544" s="206"/>
      <c r="AM2544" s="143"/>
      <c r="AN2544" s="137"/>
      <c r="AO2544" s="137"/>
      <c r="AP2544" s="137"/>
      <c r="AQ2544" s="137"/>
      <c r="AR2544" s="137"/>
      <c r="AS2544" s="137"/>
      <c r="AT2544" s="137"/>
      <c r="AU2544" s="137"/>
      <c r="AV2544" s="137"/>
      <c r="AW2544" s="144"/>
    </row>
    <row r="2545" spans="2:49" x14ac:dyDescent="0.2">
      <c r="B2545" s="97"/>
      <c r="G2545" s="43"/>
      <c r="J2545" s="98"/>
      <c r="K2545" s="97"/>
      <c r="N2545" s="3"/>
      <c r="W2545" s="98"/>
      <c r="Z2545" s="143"/>
      <c r="AA2545" s="137"/>
      <c r="AB2545" s="137"/>
      <c r="AC2545" s="137"/>
      <c r="AD2545" s="137"/>
      <c r="AE2545" s="137"/>
      <c r="AF2545" s="137"/>
      <c r="AG2545" s="137"/>
      <c r="AH2545" s="137"/>
      <c r="AI2545" s="137"/>
      <c r="AJ2545" s="137"/>
      <c r="AK2545" s="206"/>
      <c r="AL2545" s="206"/>
      <c r="AM2545" s="143"/>
      <c r="AN2545" s="137"/>
      <c r="AO2545" s="137"/>
      <c r="AP2545" s="137"/>
      <c r="AQ2545" s="137"/>
      <c r="AR2545" s="137"/>
      <c r="AS2545" s="137"/>
      <c r="AT2545" s="137"/>
      <c r="AU2545" s="137"/>
      <c r="AV2545" s="137"/>
      <c r="AW2545" s="144"/>
    </row>
    <row r="2546" spans="2:49" x14ac:dyDescent="0.2">
      <c r="B2546" s="97"/>
      <c r="G2546" s="43"/>
      <c r="J2546" s="98"/>
      <c r="K2546" s="97"/>
      <c r="N2546" s="3"/>
      <c r="W2546" s="98"/>
      <c r="Z2546" s="143"/>
      <c r="AA2546" s="137"/>
      <c r="AB2546" s="137"/>
      <c r="AC2546" s="137"/>
      <c r="AD2546" s="137"/>
      <c r="AE2546" s="137"/>
      <c r="AF2546" s="137"/>
      <c r="AG2546" s="137"/>
      <c r="AH2546" s="137"/>
      <c r="AI2546" s="137"/>
      <c r="AJ2546" s="137"/>
      <c r="AK2546" s="206"/>
      <c r="AL2546" s="206"/>
      <c r="AM2546" s="143"/>
      <c r="AN2546" s="137"/>
      <c r="AO2546" s="137"/>
      <c r="AP2546" s="137"/>
      <c r="AQ2546" s="137"/>
      <c r="AR2546" s="137"/>
      <c r="AS2546" s="137"/>
      <c r="AT2546" s="137"/>
      <c r="AU2546" s="137"/>
      <c r="AV2546" s="137"/>
      <c r="AW2546" s="144"/>
    </row>
    <row r="2547" spans="2:49" x14ac:dyDescent="0.2">
      <c r="B2547" s="97"/>
      <c r="G2547" s="43"/>
      <c r="J2547" s="98"/>
      <c r="K2547" s="97"/>
      <c r="N2547" s="3"/>
      <c r="W2547" s="98"/>
      <c r="Z2547" s="143"/>
      <c r="AA2547" s="137"/>
      <c r="AB2547" s="137"/>
      <c r="AC2547" s="137"/>
      <c r="AD2547" s="137"/>
      <c r="AE2547" s="137"/>
      <c r="AF2547" s="137"/>
      <c r="AG2547" s="137"/>
      <c r="AH2547" s="137"/>
      <c r="AI2547" s="137"/>
      <c r="AJ2547" s="137"/>
      <c r="AK2547" s="206"/>
      <c r="AL2547" s="206"/>
      <c r="AM2547" s="143"/>
      <c r="AN2547" s="137"/>
      <c r="AO2547" s="137"/>
      <c r="AP2547" s="137"/>
      <c r="AQ2547" s="137"/>
      <c r="AR2547" s="137"/>
      <c r="AS2547" s="137"/>
      <c r="AT2547" s="137"/>
      <c r="AU2547" s="137"/>
      <c r="AV2547" s="137"/>
      <c r="AW2547" s="144"/>
    </row>
    <row r="2548" spans="2:49" x14ac:dyDescent="0.2">
      <c r="B2548" s="97"/>
      <c r="G2548" s="43"/>
      <c r="J2548" s="98"/>
      <c r="K2548" s="97"/>
      <c r="N2548" s="3"/>
      <c r="W2548" s="98"/>
      <c r="Z2548" s="143"/>
      <c r="AA2548" s="137"/>
      <c r="AB2548" s="137"/>
      <c r="AC2548" s="137"/>
      <c r="AD2548" s="137"/>
      <c r="AE2548" s="137"/>
      <c r="AF2548" s="137"/>
      <c r="AG2548" s="137"/>
      <c r="AH2548" s="137"/>
      <c r="AI2548" s="137"/>
      <c r="AJ2548" s="137"/>
      <c r="AK2548" s="206"/>
      <c r="AL2548" s="206"/>
      <c r="AM2548" s="143"/>
      <c r="AN2548" s="137"/>
      <c r="AO2548" s="137"/>
      <c r="AP2548" s="137"/>
      <c r="AQ2548" s="137"/>
      <c r="AR2548" s="137"/>
      <c r="AS2548" s="137"/>
      <c r="AT2548" s="137"/>
      <c r="AU2548" s="137"/>
      <c r="AV2548" s="137"/>
      <c r="AW2548" s="144"/>
    </row>
    <row r="2549" spans="2:49" x14ac:dyDescent="0.2">
      <c r="B2549" s="97"/>
      <c r="G2549" s="43"/>
      <c r="J2549" s="98"/>
      <c r="K2549" s="97"/>
      <c r="N2549" s="3"/>
      <c r="W2549" s="98"/>
      <c r="Z2549" s="143"/>
      <c r="AA2549" s="137"/>
      <c r="AB2549" s="137"/>
      <c r="AC2549" s="137"/>
      <c r="AD2549" s="137"/>
      <c r="AE2549" s="137"/>
      <c r="AF2549" s="137"/>
      <c r="AG2549" s="137"/>
      <c r="AH2549" s="137"/>
      <c r="AI2549" s="137"/>
      <c r="AJ2549" s="137"/>
      <c r="AK2549" s="206"/>
      <c r="AL2549" s="206"/>
      <c r="AM2549" s="143"/>
      <c r="AN2549" s="137"/>
      <c r="AO2549" s="137"/>
      <c r="AP2549" s="137"/>
      <c r="AQ2549" s="137"/>
      <c r="AR2549" s="137"/>
      <c r="AS2549" s="137"/>
      <c r="AT2549" s="137"/>
      <c r="AU2549" s="137"/>
      <c r="AV2549" s="137"/>
      <c r="AW2549" s="144"/>
    </row>
    <row r="2550" spans="2:49" x14ac:dyDescent="0.2">
      <c r="B2550" s="97"/>
      <c r="G2550" s="43"/>
      <c r="J2550" s="98"/>
      <c r="K2550" s="97"/>
      <c r="N2550" s="3"/>
      <c r="W2550" s="98"/>
      <c r="Z2550" s="143"/>
      <c r="AA2550" s="137"/>
      <c r="AB2550" s="137"/>
      <c r="AC2550" s="137"/>
      <c r="AD2550" s="137"/>
      <c r="AE2550" s="137"/>
      <c r="AF2550" s="137"/>
      <c r="AG2550" s="137"/>
      <c r="AH2550" s="137"/>
      <c r="AI2550" s="137"/>
      <c r="AJ2550" s="137"/>
      <c r="AK2550" s="206"/>
      <c r="AL2550" s="206"/>
      <c r="AM2550" s="143"/>
      <c r="AN2550" s="137"/>
      <c r="AO2550" s="137"/>
      <c r="AP2550" s="137"/>
      <c r="AQ2550" s="137"/>
      <c r="AR2550" s="137"/>
      <c r="AS2550" s="137"/>
      <c r="AT2550" s="137"/>
      <c r="AU2550" s="137"/>
      <c r="AV2550" s="137"/>
      <c r="AW2550" s="144"/>
    </row>
    <row r="2551" spans="2:49" x14ac:dyDescent="0.2">
      <c r="B2551" s="97"/>
      <c r="G2551" s="43"/>
      <c r="J2551" s="98"/>
      <c r="K2551" s="97"/>
      <c r="N2551" s="3"/>
      <c r="W2551" s="98"/>
      <c r="Z2551" s="143"/>
      <c r="AA2551" s="137"/>
      <c r="AB2551" s="137"/>
      <c r="AC2551" s="137"/>
      <c r="AD2551" s="137"/>
      <c r="AE2551" s="137"/>
      <c r="AF2551" s="137"/>
      <c r="AG2551" s="137"/>
      <c r="AH2551" s="137"/>
      <c r="AI2551" s="137"/>
      <c r="AJ2551" s="137"/>
      <c r="AK2551" s="206"/>
      <c r="AL2551" s="206"/>
      <c r="AM2551" s="143"/>
      <c r="AN2551" s="137"/>
      <c r="AO2551" s="137"/>
      <c r="AP2551" s="137"/>
      <c r="AQ2551" s="137"/>
      <c r="AR2551" s="137"/>
      <c r="AS2551" s="137"/>
      <c r="AT2551" s="137"/>
      <c r="AU2551" s="137"/>
      <c r="AV2551" s="137"/>
      <c r="AW2551" s="144"/>
    </row>
    <row r="2552" spans="2:49" x14ac:dyDescent="0.2">
      <c r="B2552" s="97"/>
      <c r="G2552" s="43"/>
      <c r="J2552" s="98"/>
      <c r="K2552" s="97"/>
      <c r="N2552" s="3"/>
      <c r="W2552" s="98"/>
      <c r="Z2552" s="143"/>
      <c r="AA2552" s="137"/>
      <c r="AB2552" s="137"/>
      <c r="AC2552" s="137"/>
      <c r="AD2552" s="137"/>
      <c r="AE2552" s="137"/>
      <c r="AF2552" s="137"/>
      <c r="AG2552" s="137"/>
      <c r="AH2552" s="137"/>
      <c r="AI2552" s="137"/>
      <c r="AJ2552" s="137"/>
      <c r="AK2552" s="206"/>
      <c r="AL2552" s="206"/>
      <c r="AM2552" s="143"/>
      <c r="AN2552" s="137"/>
      <c r="AO2552" s="137"/>
      <c r="AP2552" s="137"/>
      <c r="AQ2552" s="137"/>
      <c r="AR2552" s="137"/>
      <c r="AS2552" s="137"/>
      <c r="AT2552" s="137"/>
      <c r="AU2552" s="137"/>
      <c r="AV2552" s="137"/>
      <c r="AW2552" s="144"/>
    </row>
    <row r="2553" spans="2:49" x14ac:dyDescent="0.2">
      <c r="B2553" s="97"/>
      <c r="G2553" s="43"/>
      <c r="J2553" s="98"/>
      <c r="K2553" s="97"/>
      <c r="N2553" s="3"/>
      <c r="W2553" s="98"/>
      <c r="Z2553" s="143"/>
      <c r="AA2553" s="137"/>
      <c r="AB2553" s="137"/>
      <c r="AC2553" s="137"/>
      <c r="AD2553" s="137"/>
      <c r="AE2553" s="137"/>
      <c r="AF2553" s="137"/>
      <c r="AG2553" s="137"/>
      <c r="AH2553" s="137"/>
      <c r="AI2553" s="137"/>
      <c r="AJ2553" s="137"/>
      <c r="AK2553" s="206"/>
      <c r="AL2553" s="206"/>
      <c r="AM2553" s="143"/>
      <c r="AN2553" s="137"/>
      <c r="AO2553" s="137"/>
      <c r="AP2553" s="137"/>
      <c r="AQ2553" s="137"/>
      <c r="AR2553" s="137"/>
      <c r="AS2553" s="137"/>
      <c r="AT2553" s="137"/>
      <c r="AU2553" s="137"/>
      <c r="AV2553" s="137"/>
      <c r="AW2553" s="144"/>
    </row>
    <row r="2554" spans="2:49" x14ac:dyDescent="0.2">
      <c r="B2554" s="97"/>
      <c r="G2554" s="43"/>
      <c r="J2554" s="98"/>
      <c r="K2554" s="97"/>
      <c r="N2554" s="3"/>
      <c r="W2554" s="98"/>
      <c r="Z2554" s="143"/>
      <c r="AA2554" s="137"/>
      <c r="AB2554" s="137"/>
      <c r="AC2554" s="137"/>
      <c r="AD2554" s="137"/>
      <c r="AE2554" s="137"/>
      <c r="AF2554" s="137"/>
      <c r="AG2554" s="137"/>
      <c r="AH2554" s="137"/>
      <c r="AI2554" s="137"/>
      <c r="AJ2554" s="137"/>
      <c r="AK2554" s="206"/>
      <c r="AL2554" s="206"/>
      <c r="AM2554" s="143"/>
      <c r="AN2554" s="137"/>
      <c r="AO2554" s="137"/>
      <c r="AP2554" s="137"/>
      <c r="AQ2554" s="137"/>
      <c r="AR2554" s="137"/>
      <c r="AS2554" s="137"/>
      <c r="AT2554" s="137"/>
      <c r="AU2554" s="137"/>
      <c r="AV2554" s="137"/>
      <c r="AW2554" s="144"/>
    </row>
    <row r="2555" spans="2:49" x14ac:dyDescent="0.2">
      <c r="B2555" s="97"/>
      <c r="G2555" s="43"/>
      <c r="J2555" s="98"/>
      <c r="K2555" s="97"/>
      <c r="N2555" s="3"/>
      <c r="W2555" s="98"/>
      <c r="Z2555" s="143"/>
      <c r="AA2555" s="137"/>
      <c r="AB2555" s="137"/>
      <c r="AC2555" s="137"/>
      <c r="AD2555" s="137"/>
      <c r="AE2555" s="137"/>
      <c r="AF2555" s="137"/>
      <c r="AG2555" s="137"/>
      <c r="AH2555" s="137"/>
      <c r="AI2555" s="137"/>
      <c r="AJ2555" s="137"/>
      <c r="AK2555" s="206"/>
      <c r="AL2555" s="206"/>
      <c r="AM2555" s="143"/>
      <c r="AN2555" s="137"/>
      <c r="AO2555" s="137"/>
      <c r="AP2555" s="137"/>
      <c r="AQ2555" s="137"/>
      <c r="AR2555" s="137"/>
      <c r="AS2555" s="137"/>
      <c r="AT2555" s="137"/>
      <c r="AU2555" s="137"/>
      <c r="AV2555" s="137"/>
      <c r="AW2555" s="144"/>
    </row>
    <row r="2556" spans="2:49" x14ac:dyDescent="0.2">
      <c r="B2556" s="97"/>
      <c r="G2556" s="43"/>
      <c r="J2556" s="98"/>
      <c r="K2556" s="97"/>
      <c r="N2556" s="3"/>
      <c r="W2556" s="98"/>
      <c r="Z2556" s="143"/>
      <c r="AA2556" s="137"/>
      <c r="AB2556" s="137"/>
      <c r="AC2556" s="137"/>
      <c r="AD2556" s="137"/>
      <c r="AE2556" s="137"/>
      <c r="AF2556" s="137"/>
      <c r="AG2556" s="137"/>
      <c r="AH2556" s="137"/>
      <c r="AI2556" s="137"/>
      <c r="AJ2556" s="137"/>
      <c r="AK2556" s="206"/>
      <c r="AL2556" s="206"/>
      <c r="AM2556" s="143"/>
      <c r="AN2556" s="137"/>
      <c r="AO2556" s="137"/>
      <c r="AP2556" s="137"/>
      <c r="AQ2556" s="137"/>
      <c r="AR2556" s="137"/>
      <c r="AS2556" s="137"/>
      <c r="AT2556" s="137"/>
      <c r="AU2556" s="137"/>
      <c r="AV2556" s="137"/>
      <c r="AW2556" s="144"/>
    </row>
    <row r="2557" spans="2:49" x14ac:dyDescent="0.2">
      <c r="B2557" s="97"/>
      <c r="G2557" s="43"/>
      <c r="J2557" s="98"/>
      <c r="K2557" s="97"/>
      <c r="N2557" s="3"/>
      <c r="W2557" s="98"/>
      <c r="Z2557" s="143"/>
      <c r="AA2557" s="137"/>
      <c r="AB2557" s="137"/>
      <c r="AC2557" s="137"/>
      <c r="AD2557" s="137"/>
      <c r="AE2557" s="137"/>
      <c r="AF2557" s="137"/>
      <c r="AG2557" s="137"/>
      <c r="AH2557" s="137"/>
      <c r="AI2557" s="137"/>
      <c r="AJ2557" s="137"/>
      <c r="AK2557" s="206"/>
      <c r="AL2557" s="206"/>
      <c r="AM2557" s="143"/>
      <c r="AN2557" s="137"/>
      <c r="AO2557" s="137"/>
      <c r="AP2557" s="137"/>
      <c r="AQ2557" s="137"/>
      <c r="AR2557" s="137"/>
      <c r="AS2557" s="137"/>
      <c r="AT2557" s="137"/>
      <c r="AU2557" s="137"/>
      <c r="AV2557" s="137"/>
      <c r="AW2557" s="144"/>
    </row>
    <row r="2558" spans="2:49" x14ac:dyDescent="0.2">
      <c r="B2558" s="97"/>
      <c r="G2558" s="43"/>
      <c r="J2558" s="98"/>
      <c r="K2558" s="97"/>
      <c r="N2558" s="3"/>
      <c r="W2558" s="98"/>
      <c r="Z2558" s="143"/>
      <c r="AA2558" s="137"/>
      <c r="AB2558" s="137"/>
      <c r="AC2558" s="137"/>
      <c r="AD2558" s="137"/>
      <c r="AE2558" s="137"/>
      <c r="AF2558" s="137"/>
      <c r="AG2558" s="137"/>
      <c r="AH2558" s="137"/>
      <c r="AI2558" s="137"/>
      <c r="AJ2558" s="137"/>
      <c r="AK2558" s="206"/>
      <c r="AL2558" s="206"/>
      <c r="AM2558" s="143"/>
      <c r="AN2558" s="137"/>
      <c r="AO2558" s="137"/>
      <c r="AP2558" s="137"/>
      <c r="AQ2558" s="137"/>
      <c r="AR2558" s="137"/>
      <c r="AS2558" s="137"/>
      <c r="AT2558" s="137"/>
      <c r="AU2558" s="137"/>
      <c r="AV2558" s="137"/>
      <c r="AW2558" s="144"/>
    </row>
    <row r="2559" spans="2:49" x14ac:dyDescent="0.2">
      <c r="B2559" s="97"/>
      <c r="G2559" s="43"/>
      <c r="J2559" s="98"/>
      <c r="K2559" s="97"/>
      <c r="N2559" s="3"/>
      <c r="W2559" s="98"/>
      <c r="Z2559" s="143"/>
      <c r="AA2559" s="137"/>
      <c r="AB2559" s="137"/>
      <c r="AC2559" s="137"/>
      <c r="AD2559" s="137"/>
      <c r="AE2559" s="137"/>
      <c r="AF2559" s="137"/>
      <c r="AG2559" s="137"/>
      <c r="AH2559" s="137"/>
      <c r="AI2559" s="137"/>
      <c r="AJ2559" s="137"/>
      <c r="AK2559" s="206"/>
      <c r="AL2559" s="206"/>
      <c r="AM2559" s="143"/>
      <c r="AN2559" s="137"/>
      <c r="AO2559" s="137"/>
      <c r="AP2559" s="137"/>
      <c r="AQ2559" s="137"/>
      <c r="AR2559" s="137"/>
      <c r="AS2559" s="137"/>
      <c r="AT2559" s="137"/>
      <c r="AU2559" s="137"/>
      <c r="AV2559" s="137"/>
      <c r="AW2559" s="144"/>
    </row>
    <row r="2560" spans="2:49" x14ac:dyDescent="0.2">
      <c r="B2560" s="97"/>
      <c r="G2560" s="43"/>
      <c r="J2560" s="98"/>
      <c r="K2560" s="97"/>
      <c r="N2560" s="3"/>
      <c r="W2560" s="98"/>
      <c r="Z2560" s="143"/>
      <c r="AA2560" s="137"/>
      <c r="AB2560" s="137"/>
      <c r="AC2560" s="137"/>
      <c r="AD2560" s="137"/>
      <c r="AE2560" s="137"/>
      <c r="AF2560" s="137"/>
      <c r="AG2560" s="137"/>
      <c r="AH2560" s="137"/>
      <c r="AI2560" s="137"/>
      <c r="AJ2560" s="137"/>
      <c r="AK2560" s="206"/>
      <c r="AL2560" s="206"/>
      <c r="AM2560" s="143"/>
      <c r="AN2560" s="137"/>
      <c r="AO2560" s="137"/>
      <c r="AP2560" s="137"/>
      <c r="AQ2560" s="137"/>
      <c r="AR2560" s="137"/>
      <c r="AS2560" s="137"/>
      <c r="AT2560" s="137"/>
      <c r="AU2560" s="137"/>
      <c r="AV2560" s="137"/>
      <c r="AW2560" s="144"/>
    </row>
    <row r="2561" spans="2:49" x14ac:dyDescent="0.2">
      <c r="B2561" s="97"/>
      <c r="G2561" s="43"/>
      <c r="J2561" s="98"/>
      <c r="K2561" s="97"/>
      <c r="N2561" s="3"/>
      <c r="W2561" s="98"/>
      <c r="Z2561" s="143"/>
      <c r="AA2561" s="137"/>
      <c r="AB2561" s="137"/>
      <c r="AC2561" s="137"/>
      <c r="AD2561" s="137"/>
      <c r="AE2561" s="137"/>
      <c r="AF2561" s="137"/>
      <c r="AG2561" s="137"/>
      <c r="AH2561" s="137"/>
      <c r="AI2561" s="137"/>
      <c r="AJ2561" s="137"/>
      <c r="AK2561" s="206"/>
      <c r="AL2561" s="206"/>
      <c r="AM2561" s="143"/>
      <c r="AN2561" s="137"/>
      <c r="AO2561" s="137"/>
      <c r="AP2561" s="137"/>
      <c r="AQ2561" s="137"/>
      <c r="AR2561" s="137"/>
      <c r="AS2561" s="137"/>
      <c r="AT2561" s="137"/>
      <c r="AU2561" s="137"/>
      <c r="AV2561" s="137"/>
      <c r="AW2561" s="144"/>
    </row>
    <row r="2562" spans="2:49" x14ac:dyDescent="0.2">
      <c r="B2562" s="97"/>
      <c r="G2562" s="43"/>
      <c r="J2562" s="98"/>
      <c r="K2562" s="97"/>
      <c r="N2562" s="3"/>
      <c r="W2562" s="98"/>
      <c r="Z2562" s="143"/>
      <c r="AA2562" s="137"/>
      <c r="AB2562" s="137"/>
      <c r="AC2562" s="137"/>
      <c r="AD2562" s="137"/>
      <c r="AE2562" s="137"/>
      <c r="AF2562" s="137"/>
      <c r="AG2562" s="137"/>
      <c r="AH2562" s="137"/>
      <c r="AI2562" s="137"/>
      <c r="AJ2562" s="137"/>
      <c r="AK2562" s="206"/>
      <c r="AL2562" s="206"/>
      <c r="AM2562" s="143"/>
      <c r="AN2562" s="137"/>
      <c r="AO2562" s="137"/>
      <c r="AP2562" s="137"/>
      <c r="AQ2562" s="137"/>
      <c r="AR2562" s="137"/>
      <c r="AS2562" s="137"/>
      <c r="AT2562" s="137"/>
      <c r="AU2562" s="137"/>
      <c r="AV2562" s="137"/>
      <c r="AW2562" s="144"/>
    </row>
    <row r="2563" spans="2:49" x14ac:dyDescent="0.2">
      <c r="B2563" s="97"/>
      <c r="G2563" s="43"/>
      <c r="J2563" s="98"/>
      <c r="K2563" s="97"/>
      <c r="N2563" s="3"/>
      <c r="W2563" s="98"/>
      <c r="Z2563" s="143"/>
      <c r="AA2563" s="137"/>
      <c r="AB2563" s="137"/>
      <c r="AC2563" s="137"/>
      <c r="AD2563" s="137"/>
      <c r="AE2563" s="137"/>
      <c r="AF2563" s="137"/>
      <c r="AG2563" s="137"/>
      <c r="AH2563" s="137"/>
      <c r="AI2563" s="137"/>
      <c r="AJ2563" s="137"/>
      <c r="AK2563" s="206"/>
      <c r="AL2563" s="206"/>
      <c r="AM2563" s="143"/>
      <c r="AN2563" s="137"/>
      <c r="AO2563" s="137"/>
      <c r="AP2563" s="137"/>
      <c r="AQ2563" s="137"/>
      <c r="AR2563" s="137"/>
      <c r="AS2563" s="137"/>
      <c r="AT2563" s="137"/>
      <c r="AU2563" s="137"/>
      <c r="AV2563" s="137"/>
      <c r="AW2563" s="144"/>
    </row>
    <row r="2564" spans="2:49" x14ac:dyDescent="0.2">
      <c r="B2564" s="97"/>
      <c r="G2564" s="43"/>
      <c r="J2564" s="98"/>
      <c r="K2564" s="97"/>
      <c r="N2564" s="3"/>
      <c r="W2564" s="98"/>
      <c r="Z2564" s="143"/>
      <c r="AA2564" s="137"/>
      <c r="AB2564" s="137"/>
      <c r="AC2564" s="137"/>
      <c r="AD2564" s="137"/>
      <c r="AE2564" s="137"/>
      <c r="AF2564" s="137"/>
      <c r="AG2564" s="137"/>
      <c r="AH2564" s="137"/>
      <c r="AI2564" s="137"/>
      <c r="AJ2564" s="137"/>
      <c r="AK2564" s="206"/>
      <c r="AL2564" s="206"/>
      <c r="AM2564" s="143"/>
      <c r="AN2564" s="137"/>
      <c r="AO2564" s="137"/>
      <c r="AP2564" s="137"/>
      <c r="AQ2564" s="137"/>
      <c r="AR2564" s="137"/>
      <c r="AS2564" s="137"/>
      <c r="AT2564" s="137"/>
      <c r="AU2564" s="137"/>
      <c r="AV2564" s="137"/>
      <c r="AW2564" s="144"/>
    </row>
    <row r="2565" spans="2:49" x14ac:dyDescent="0.2">
      <c r="B2565" s="97"/>
      <c r="G2565" s="43"/>
      <c r="J2565" s="98"/>
      <c r="K2565" s="97"/>
      <c r="N2565" s="3"/>
      <c r="W2565" s="98"/>
      <c r="Z2565" s="143"/>
      <c r="AA2565" s="137"/>
      <c r="AB2565" s="137"/>
      <c r="AC2565" s="137"/>
      <c r="AD2565" s="137"/>
      <c r="AE2565" s="137"/>
      <c r="AF2565" s="137"/>
      <c r="AG2565" s="137"/>
      <c r="AH2565" s="137"/>
      <c r="AI2565" s="137"/>
      <c r="AJ2565" s="137"/>
      <c r="AK2565" s="206"/>
      <c r="AL2565" s="206"/>
      <c r="AM2565" s="143"/>
      <c r="AN2565" s="137"/>
      <c r="AO2565" s="137"/>
      <c r="AP2565" s="137"/>
      <c r="AQ2565" s="137"/>
      <c r="AR2565" s="137"/>
      <c r="AS2565" s="137"/>
      <c r="AT2565" s="137"/>
      <c r="AU2565" s="137"/>
      <c r="AV2565" s="137"/>
      <c r="AW2565" s="144"/>
    </row>
    <row r="2566" spans="2:49" x14ac:dyDescent="0.2">
      <c r="B2566" s="97"/>
      <c r="G2566" s="43"/>
      <c r="J2566" s="98"/>
      <c r="K2566" s="97"/>
      <c r="N2566" s="3"/>
      <c r="W2566" s="98"/>
      <c r="Z2566" s="143"/>
      <c r="AA2566" s="137"/>
      <c r="AB2566" s="137"/>
      <c r="AC2566" s="137"/>
      <c r="AD2566" s="137"/>
      <c r="AE2566" s="137"/>
      <c r="AF2566" s="137"/>
      <c r="AG2566" s="137"/>
      <c r="AH2566" s="137"/>
      <c r="AI2566" s="137"/>
      <c r="AJ2566" s="137"/>
      <c r="AK2566" s="206"/>
      <c r="AL2566" s="206"/>
      <c r="AM2566" s="143"/>
      <c r="AN2566" s="137"/>
      <c r="AO2566" s="137"/>
      <c r="AP2566" s="137"/>
      <c r="AQ2566" s="137"/>
      <c r="AR2566" s="137"/>
      <c r="AS2566" s="137"/>
      <c r="AT2566" s="137"/>
      <c r="AU2566" s="137"/>
      <c r="AV2566" s="137"/>
      <c r="AW2566" s="144"/>
    </row>
    <row r="2567" spans="2:49" x14ac:dyDescent="0.2">
      <c r="B2567" s="97"/>
      <c r="G2567" s="43"/>
      <c r="J2567" s="98"/>
      <c r="K2567" s="97"/>
      <c r="N2567" s="3"/>
      <c r="W2567" s="98"/>
      <c r="Z2567" s="143"/>
      <c r="AA2567" s="137"/>
      <c r="AB2567" s="137"/>
      <c r="AC2567" s="137"/>
      <c r="AD2567" s="137"/>
      <c r="AE2567" s="137"/>
      <c r="AF2567" s="137"/>
      <c r="AG2567" s="137"/>
      <c r="AH2567" s="137"/>
      <c r="AI2567" s="137"/>
      <c r="AJ2567" s="137"/>
      <c r="AK2567" s="206"/>
      <c r="AL2567" s="206"/>
      <c r="AM2567" s="143"/>
      <c r="AN2567" s="137"/>
      <c r="AO2567" s="137"/>
      <c r="AP2567" s="137"/>
      <c r="AQ2567" s="137"/>
      <c r="AR2567" s="137"/>
      <c r="AS2567" s="137"/>
      <c r="AT2567" s="137"/>
      <c r="AU2567" s="137"/>
      <c r="AV2567" s="137"/>
      <c r="AW2567" s="144"/>
    </row>
    <row r="2568" spans="2:49" x14ac:dyDescent="0.2">
      <c r="B2568" s="97"/>
      <c r="G2568" s="43"/>
      <c r="J2568" s="98"/>
      <c r="K2568" s="97"/>
      <c r="N2568" s="3"/>
      <c r="W2568" s="98"/>
      <c r="Z2568" s="143"/>
      <c r="AA2568" s="137"/>
      <c r="AB2568" s="137"/>
      <c r="AC2568" s="137"/>
      <c r="AD2568" s="137"/>
      <c r="AE2568" s="137"/>
      <c r="AF2568" s="137"/>
      <c r="AG2568" s="137"/>
      <c r="AH2568" s="137"/>
      <c r="AI2568" s="137"/>
      <c r="AJ2568" s="137"/>
      <c r="AK2568" s="206"/>
      <c r="AL2568" s="206"/>
      <c r="AM2568" s="143"/>
      <c r="AN2568" s="137"/>
      <c r="AO2568" s="137"/>
      <c r="AP2568" s="137"/>
      <c r="AQ2568" s="137"/>
      <c r="AR2568" s="137"/>
      <c r="AS2568" s="137"/>
      <c r="AT2568" s="137"/>
      <c r="AU2568" s="137"/>
      <c r="AV2568" s="137"/>
      <c r="AW2568" s="144"/>
    </row>
    <row r="2569" spans="2:49" x14ac:dyDescent="0.2">
      <c r="B2569" s="97"/>
      <c r="G2569" s="43"/>
      <c r="J2569" s="98"/>
      <c r="K2569" s="97"/>
      <c r="N2569" s="3"/>
      <c r="W2569" s="98"/>
      <c r="Z2569" s="143"/>
      <c r="AA2569" s="137"/>
      <c r="AB2569" s="137"/>
      <c r="AC2569" s="137"/>
      <c r="AD2569" s="137"/>
      <c r="AE2569" s="137"/>
      <c r="AF2569" s="137"/>
      <c r="AG2569" s="137"/>
      <c r="AH2569" s="137"/>
      <c r="AI2569" s="137"/>
      <c r="AJ2569" s="137"/>
      <c r="AK2569" s="206"/>
      <c r="AL2569" s="206"/>
      <c r="AM2569" s="143"/>
      <c r="AN2569" s="137"/>
      <c r="AO2569" s="137"/>
      <c r="AP2569" s="137"/>
      <c r="AQ2569" s="137"/>
      <c r="AR2569" s="137"/>
      <c r="AS2569" s="137"/>
      <c r="AT2569" s="137"/>
      <c r="AU2569" s="137"/>
      <c r="AV2569" s="137"/>
      <c r="AW2569" s="144"/>
    </row>
    <row r="2570" spans="2:49" x14ac:dyDescent="0.2">
      <c r="B2570" s="97"/>
      <c r="G2570" s="43"/>
      <c r="J2570" s="98"/>
      <c r="K2570" s="97"/>
      <c r="N2570" s="3"/>
      <c r="W2570" s="98"/>
      <c r="Z2570" s="143"/>
      <c r="AA2570" s="137"/>
      <c r="AB2570" s="137"/>
      <c r="AC2570" s="137"/>
      <c r="AD2570" s="137"/>
      <c r="AE2570" s="137"/>
      <c r="AF2570" s="137"/>
      <c r="AG2570" s="137"/>
      <c r="AH2570" s="137"/>
      <c r="AI2570" s="137"/>
      <c r="AJ2570" s="137"/>
      <c r="AK2570" s="206"/>
      <c r="AL2570" s="206"/>
      <c r="AM2570" s="143"/>
      <c r="AN2570" s="137"/>
      <c r="AO2570" s="137"/>
      <c r="AP2570" s="137"/>
      <c r="AQ2570" s="137"/>
      <c r="AR2570" s="137"/>
      <c r="AS2570" s="137"/>
      <c r="AT2570" s="137"/>
      <c r="AU2570" s="137"/>
      <c r="AV2570" s="137"/>
      <c r="AW2570" s="144"/>
    </row>
    <row r="2571" spans="2:49" x14ac:dyDescent="0.2">
      <c r="B2571" s="97"/>
      <c r="G2571" s="43"/>
      <c r="J2571" s="98"/>
      <c r="K2571" s="97"/>
      <c r="N2571" s="3"/>
      <c r="W2571" s="98"/>
      <c r="Z2571" s="143"/>
      <c r="AA2571" s="137"/>
      <c r="AB2571" s="137"/>
      <c r="AC2571" s="137"/>
      <c r="AD2571" s="137"/>
      <c r="AE2571" s="137"/>
      <c r="AF2571" s="137"/>
      <c r="AG2571" s="137"/>
      <c r="AH2571" s="137"/>
      <c r="AI2571" s="137"/>
      <c r="AJ2571" s="137"/>
      <c r="AK2571" s="206"/>
      <c r="AL2571" s="206"/>
      <c r="AM2571" s="143"/>
      <c r="AN2571" s="137"/>
      <c r="AO2571" s="137"/>
      <c r="AP2571" s="137"/>
      <c r="AQ2571" s="137"/>
      <c r="AR2571" s="137"/>
      <c r="AS2571" s="137"/>
      <c r="AT2571" s="137"/>
      <c r="AU2571" s="137"/>
      <c r="AV2571" s="137"/>
      <c r="AW2571" s="144"/>
    </row>
    <row r="2572" spans="2:49" x14ac:dyDescent="0.2">
      <c r="B2572" s="97"/>
      <c r="G2572" s="43"/>
      <c r="J2572" s="98"/>
      <c r="K2572" s="97"/>
      <c r="N2572" s="3"/>
      <c r="W2572" s="98"/>
      <c r="Z2572" s="143"/>
      <c r="AA2572" s="137"/>
      <c r="AB2572" s="137"/>
      <c r="AC2572" s="137"/>
      <c r="AD2572" s="137"/>
      <c r="AE2572" s="137"/>
      <c r="AF2572" s="137"/>
      <c r="AG2572" s="137"/>
      <c r="AH2572" s="137"/>
      <c r="AI2572" s="137"/>
      <c r="AJ2572" s="137"/>
      <c r="AK2572" s="206"/>
      <c r="AL2572" s="206"/>
      <c r="AM2572" s="143"/>
      <c r="AN2572" s="137"/>
      <c r="AO2572" s="137"/>
      <c r="AP2572" s="137"/>
      <c r="AQ2572" s="137"/>
      <c r="AR2572" s="137"/>
      <c r="AS2572" s="137"/>
      <c r="AT2572" s="137"/>
      <c r="AU2572" s="137"/>
      <c r="AV2572" s="137"/>
      <c r="AW2572" s="144"/>
    </row>
    <row r="2573" spans="2:49" x14ac:dyDescent="0.2">
      <c r="B2573" s="97"/>
      <c r="G2573" s="43"/>
      <c r="J2573" s="98"/>
      <c r="K2573" s="97"/>
      <c r="N2573" s="3"/>
      <c r="W2573" s="98"/>
      <c r="Z2573" s="143"/>
      <c r="AA2573" s="137"/>
      <c r="AB2573" s="137"/>
      <c r="AC2573" s="137"/>
      <c r="AD2573" s="137"/>
      <c r="AE2573" s="137"/>
      <c r="AF2573" s="137"/>
      <c r="AG2573" s="137"/>
      <c r="AH2573" s="137"/>
      <c r="AI2573" s="137"/>
      <c r="AJ2573" s="137"/>
      <c r="AK2573" s="206"/>
      <c r="AL2573" s="206"/>
      <c r="AM2573" s="143"/>
      <c r="AN2573" s="137"/>
      <c r="AO2573" s="137"/>
      <c r="AP2573" s="137"/>
      <c r="AQ2573" s="137"/>
      <c r="AR2573" s="137"/>
      <c r="AS2573" s="137"/>
      <c r="AT2573" s="137"/>
      <c r="AU2573" s="137"/>
      <c r="AV2573" s="137"/>
      <c r="AW2573" s="144"/>
    </row>
    <row r="2574" spans="2:49" x14ac:dyDescent="0.2">
      <c r="B2574" s="97"/>
      <c r="G2574" s="43"/>
      <c r="J2574" s="98"/>
      <c r="K2574" s="97"/>
      <c r="N2574" s="3"/>
      <c r="W2574" s="98"/>
      <c r="Z2574" s="143"/>
      <c r="AA2574" s="137"/>
      <c r="AB2574" s="137"/>
      <c r="AC2574" s="137"/>
      <c r="AD2574" s="137"/>
      <c r="AE2574" s="137"/>
      <c r="AF2574" s="137"/>
      <c r="AG2574" s="137"/>
      <c r="AH2574" s="137"/>
      <c r="AI2574" s="137"/>
      <c r="AJ2574" s="137"/>
      <c r="AK2574" s="206"/>
      <c r="AL2574" s="206"/>
      <c r="AM2574" s="143"/>
      <c r="AN2574" s="137"/>
      <c r="AO2574" s="137"/>
      <c r="AP2574" s="137"/>
      <c r="AQ2574" s="137"/>
      <c r="AR2574" s="137"/>
      <c r="AS2574" s="137"/>
      <c r="AT2574" s="137"/>
      <c r="AU2574" s="137"/>
      <c r="AV2574" s="137"/>
      <c r="AW2574" s="144"/>
    </row>
    <row r="2575" spans="2:49" x14ac:dyDescent="0.2">
      <c r="B2575" s="97"/>
      <c r="G2575" s="43"/>
      <c r="J2575" s="98"/>
      <c r="K2575" s="97"/>
      <c r="N2575" s="3"/>
      <c r="W2575" s="98"/>
      <c r="Z2575" s="143"/>
      <c r="AA2575" s="137"/>
      <c r="AB2575" s="137"/>
      <c r="AC2575" s="137"/>
      <c r="AD2575" s="137"/>
      <c r="AE2575" s="137"/>
      <c r="AF2575" s="137"/>
      <c r="AG2575" s="137"/>
      <c r="AH2575" s="137"/>
      <c r="AI2575" s="137"/>
      <c r="AJ2575" s="137"/>
      <c r="AK2575" s="206"/>
      <c r="AL2575" s="206"/>
      <c r="AM2575" s="143"/>
      <c r="AN2575" s="137"/>
      <c r="AO2575" s="137"/>
      <c r="AP2575" s="137"/>
      <c r="AQ2575" s="137"/>
      <c r="AR2575" s="137"/>
      <c r="AS2575" s="137"/>
      <c r="AT2575" s="137"/>
      <c r="AU2575" s="137"/>
      <c r="AV2575" s="137"/>
      <c r="AW2575" s="144"/>
    </row>
    <row r="2576" spans="2:49" x14ac:dyDescent="0.2">
      <c r="B2576" s="97"/>
      <c r="G2576" s="43"/>
      <c r="J2576" s="98"/>
      <c r="K2576" s="97"/>
      <c r="N2576" s="3"/>
      <c r="W2576" s="98"/>
      <c r="Z2576" s="143"/>
      <c r="AA2576" s="137"/>
      <c r="AB2576" s="137"/>
      <c r="AC2576" s="137"/>
      <c r="AD2576" s="137"/>
      <c r="AE2576" s="137"/>
      <c r="AF2576" s="137"/>
      <c r="AG2576" s="137"/>
      <c r="AH2576" s="137"/>
      <c r="AI2576" s="137"/>
      <c r="AJ2576" s="137"/>
      <c r="AK2576" s="206"/>
      <c r="AL2576" s="206"/>
      <c r="AM2576" s="143"/>
      <c r="AN2576" s="137"/>
      <c r="AO2576" s="137"/>
      <c r="AP2576" s="137"/>
      <c r="AQ2576" s="137"/>
      <c r="AR2576" s="137"/>
      <c r="AS2576" s="137"/>
      <c r="AT2576" s="137"/>
      <c r="AU2576" s="137"/>
      <c r="AV2576" s="137"/>
      <c r="AW2576" s="144"/>
    </row>
    <row r="2577" spans="2:49" x14ac:dyDescent="0.2">
      <c r="B2577" s="97"/>
      <c r="G2577" s="43"/>
      <c r="J2577" s="98"/>
      <c r="K2577" s="97"/>
      <c r="N2577" s="3"/>
      <c r="W2577" s="98"/>
      <c r="Z2577" s="143"/>
      <c r="AA2577" s="137"/>
      <c r="AB2577" s="137"/>
      <c r="AC2577" s="137"/>
      <c r="AD2577" s="137"/>
      <c r="AE2577" s="137"/>
      <c r="AF2577" s="137"/>
      <c r="AG2577" s="137"/>
      <c r="AH2577" s="137"/>
      <c r="AI2577" s="137"/>
      <c r="AJ2577" s="137"/>
      <c r="AK2577" s="206"/>
      <c r="AL2577" s="206"/>
      <c r="AM2577" s="143"/>
      <c r="AN2577" s="137"/>
      <c r="AO2577" s="137"/>
      <c r="AP2577" s="137"/>
      <c r="AQ2577" s="137"/>
      <c r="AR2577" s="137"/>
      <c r="AS2577" s="137"/>
      <c r="AT2577" s="137"/>
      <c r="AU2577" s="137"/>
      <c r="AV2577" s="137"/>
      <c r="AW2577" s="144"/>
    </row>
    <row r="2578" spans="2:49" x14ac:dyDescent="0.2">
      <c r="B2578" s="97"/>
      <c r="G2578" s="43"/>
      <c r="J2578" s="98"/>
      <c r="K2578" s="97"/>
      <c r="N2578" s="3"/>
      <c r="W2578" s="98"/>
      <c r="Z2578" s="143"/>
      <c r="AA2578" s="137"/>
      <c r="AB2578" s="137"/>
      <c r="AC2578" s="137"/>
      <c r="AD2578" s="137"/>
      <c r="AE2578" s="137"/>
      <c r="AF2578" s="137"/>
      <c r="AG2578" s="137"/>
      <c r="AH2578" s="137"/>
      <c r="AI2578" s="137"/>
      <c r="AJ2578" s="137"/>
      <c r="AK2578" s="206"/>
      <c r="AL2578" s="206"/>
      <c r="AM2578" s="143"/>
      <c r="AN2578" s="137"/>
      <c r="AO2578" s="137"/>
      <c r="AP2578" s="137"/>
      <c r="AQ2578" s="137"/>
      <c r="AR2578" s="137"/>
      <c r="AS2578" s="137"/>
      <c r="AT2578" s="137"/>
      <c r="AU2578" s="137"/>
      <c r="AV2578" s="137"/>
      <c r="AW2578" s="144"/>
    </row>
    <row r="2579" spans="2:49" x14ac:dyDescent="0.2">
      <c r="B2579" s="97"/>
      <c r="G2579" s="43"/>
      <c r="J2579" s="98"/>
      <c r="K2579" s="97"/>
      <c r="N2579" s="3"/>
      <c r="W2579" s="98"/>
      <c r="Z2579" s="143"/>
      <c r="AA2579" s="137"/>
      <c r="AB2579" s="137"/>
      <c r="AC2579" s="137"/>
      <c r="AD2579" s="137"/>
      <c r="AE2579" s="137"/>
      <c r="AF2579" s="137"/>
      <c r="AG2579" s="137"/>
      <c r="AH2579" s="137"/>
      <c r="AI2579" s="137"/>
      <c r="AJ2579" s="137"/>
      <c r="AK2579" s="206"/>
      <c r="AL2579" s="206"/>
      <c r="AM2579" s="143"/>
      <c r="AN2579" s="137"/>
      <c r="AO2579" s="137"/>
      <c r="AP2579" s="137"/>
      <c r="AQ2579" s="137"/>
      <c r="AR2579" s="137"/>
      <c r="AS2579" s="137"/>
      <c r="AT2579" s="137"/>
      <c r="AU2579" s="137"/>
      <c r="AV2579" s="137"/>
      <c r="AW2579" s="144"/>
    </row>
    <row r="2580" spans="2:49" x14ac:dyDescent="0.2">
      <c r="B2580" s="97"/>
      <c r="G2580" s="43"/>
      <c r="J2580" s="98"/>
      <c r="K2580" s="97"/>
      <c r="N2580" s="3"/>
      <c r="W2580" s="98"/>
      <c r="Z2580" s="143"/>
      <c r="AA2580" s="137"/>
      <c r="AB2580" s="137"/>
      <c r="AC2580" s="137"/>
      <c r="AD2580" s="137"/>
      <c r="AE2580" s="137"/>
      <c r="AF2580" s="137"/>
      <c r="AG2580" s="137"/>
      <c r="AH2580" s="137"/>
      <c r="AI2580" s="137"/>
      <c r="AJ2580" s="137"/>
      <c r="AK2580" s="206"/>
      <c r="AL2580" s="206"/>
      <c r="AM2580" s="143"/>
      <c r="AN2580" s="137"/>
      <c r="AO2580" s="137"/>
      <c r="AP2580" s="137"/>
      <c r="AQ2580" s="137"/>
      <c r="AR2580" s="137"/>
      <c r="AS2580" s="137"/>
      <c r="AT2580" s="137"/>
      <c r="AU2580" s="137"/>
      <c r="AV2580" s="137"/>
      <c r="AW2580" s="144"/>
    </row>
    <row r="2581" spans="2:49" x14ac:dyDescent="0.2">
      <c r="B2581" s="97"/>
      <c r="G2581" s="43"/>
      <c r="J2581" s="98"/>
      <c r="K2581" s="97"/>
      <c r="N2581" s="3"/>
      <c r="W2581" s="98"/>
      <c r="Z2581" s="143"/>
      <c r="AA2581" s="137"/>
      <c r="AB2581" s="137"/>
      <c r="AC2581" s="137"/>
      <c r="AD2581" s="137"/>
      <c r="AE2581" s="137"/>
      <c r="AF2581" s="137"/>
      <c r="AG2581" s="137"/>
      <c r="AH2581" s="137"/>
      <c r="AI2581" s="137"/>
      <c r="AJ2581" s="137"/>
      <c r="AK2581" s="206"/>
      <c r="AL2581" s="206"/>
      <c r="AM2581" s="143"/>
      <c r="AN2581" s="137"/>
      <c r="AO2581" s="137"/>
      <c r="AP2581" s="137"/>
      <c r="AQ2581" s="137"/>
      <c r="AR2581" s="137"/>
      <c r="AS2581" s="137"/>
      <c r="AT2581" s="137"/>
      <c r="AU2581" s="137"/>
      <c r="AV2581" s="137"/>
      <c r="AW2581" s="144"/>
    </row>
    <row r="2582" spans="2:49" x14ac:dyDescent="0.2">
      <c r="B2582" s="97"/>
      <c r="G2582" s="43"/>
      <c r="J2582" s="98"/>
      <c r="K2582" s="97"/>
      <c r="N2582" s="3"/>
      <c r="W2582" s="98"/>
      <c r="Z2582" s="143"/>
      <c r="AA2582" s="137"/>
      <c r="AB2582" s="137"/>
      <c r="AC2582" s="137"/>
      <c r="AD2582" s="137"/>
      <c r="AE2582" s="137"/>
      <c r="AF2582" s="137"/>
      <c r="AG2582" s="137"/>
      <c r="AH2582" s="137"/>
      <c r="AI2582" s="137"/>
      <c r="AJ2582" s="137"/>
      <c r="AK2582" s="206"/>
      <c r="AL2582" s="206"/>
      <c r="AM2582" s="143"/>
      <c r="AN2582" s="137"/>
      <c r="AO2582" s="137"/>
      <c r="AP2582" s="137"/>
      <c r="AQ2582" s="137"/>
      <c r="AR2582" s="137"/>
      <c r="AS2582" s="137"/>
      <c r="AT2582" s="137"/>
      <c r="AU2582" s="137"/>
      <c r="AV2582" s="137"/>
      <c r="AW2582" s="144"/>
    </row>
    <row r="2583" spans="2:49" x14ac:dyDescent="0.2">
      <c r="B2583" s="97"/>
      <c r="G2583" s="43"/>
      <c r="J2583" s="98"/>
      <c r="K2583" s="97"/>
      <c r="N2583" s="3"/>
      <c r="W2583" s="98"/>
      <c r="Z2583" s="143"/>
      <c r="AA2583" s="137"/>
      <c r="AB2583" s="137"/>
      <c r="AC2583" s="137"/>
      <c r="AD2583" s="137"/>
      <c r="AE2583" s="137"/>
      <c r="AF2583" s="137"/>
      <c r="AG2583" s="137"/>
      <c r="AH2583" s="137"/>
      <c r="AI2583" s="137"/>
      <c r="AJ2583" s="137"/>
      <c r="AK2583" s="206"/>
      <c r="AL2583" s="206"/>
      <c r="AM2583" s="143"/>
      <c r="AN2583" s="137"/>
      <c r="AO2583" s="137"/>
      <c r="AP2583" s="137"/>
      <c r="AQ2583" s="137"/>
      <c r="AR2583" s="137"/>
      <c r="AS2583" s="137"/>
      <c r="AT2583" s="137"/>
      <c r="AU2583" s="137"/>
      <c r="AV2583" s="137"/>
      <c r="AW2583" s="144"/>
    </row>
    <row r="2584" spans="2:49" x14ac:dyDescent="0.2">
      <c r="B2584" s="97"/>
      <c r="G2584" s="43"/>
      <c r="J2584" s="98"/>
      <c r="K2584" s="97"/>
      <c r="N2584" s="3"/>
      <c r="W2584" s="98"/>
      <c r="Z2584" s="143"/>
      <c r="AA2584" s="137"/>
      <c r="AB2584" s="137"/>
      <c r="AC2584" s="137"/>
      <c r="AD2584" s="137"/>
      <c r="AE2584" s="137"/>
      <c r="AF2584" s="137"/>
      <c r="AG2584" s="137"/>
      <c r="AH2584" s="137"/>
      <c r="AI2584" s="137"/>
      <c r="AJ2584" s="137"/>
      <c r="AK2584" s="206"/>
      <c r="AL2584" s="206"/>
      <c r="AM2584" s="143"/>
      <c r="AN2584" s="137"/>
      <c r="AO2584" s="137"/>
      <c r="AP2584" s="137"/>
      <c r="AQ2584" s="137"/>
      <c r="AR2584" s="137"/>
      <c r="AS2584" s="137"/>
      <c r="AT2584" s="137"/>
      <c r="AU2584" s="137"/>
      <c r="AV2584" s="137"/>
      <c r="AW2584" s="144"/>
    </row>
    <row r="2585" spans="2:49" x14ac:dyDescent="0.2">
      <c r="B2585" s="97"/>
      <c r="G2585" s="43"/>
      <c r="J2585" s="98"/>
      <c r="K2585" s="97"/>
      <c r="N2585" s="3"/>
      <c r="W2585" s="98"/>
      <c r="Z2585" s="143"/>
      <c r="AA2585" s="137"/>
      <c r="AB2585" s="137"/>
      <c r="AC2585" s="137"/>
      <c r="AD2585" s="137"/>
      <c r="AE2585" s="137"/>
      <c r="AF2585" s="137"/>
      <c r="AG2585" s="137"/>
      <c r="AH2585" s="137"/>
      <c r="AI2585" s="137"/>
      <c r="AJ2585" s="137"/>
      <c r="AK2585" s="206"/>
      <c r="AL2585" s="206"/>
      <c r="AM2585" s="143"/>
      <c r="AN2585" s="137"/>
      <c r="AO2585" s="137"/>
      <c r="AP2585" s="137"/>
      <c r="AQ2585" s="137"/>
      <c r="AR2585" s="137"/>
      <c r="AS2585" s="137"/>
      <c r="AT2585" s="137"/>
      <c r="AU2585" s="137"/>
      <c r="AV2585" s="137"/>
      <c r="AW2585" s="144"/>
    </row>
    <row r="2586" spans="2:49" x14ac:dyDescent="0.2">
      <c r="B2586" s="97"/>
      <c r="G2586" s="43"/>
      <c r="J2586" s="98"/>
      <c r="K2586" s="97"/>
      <c r="N2586" s="3"/>
      <c r="W2586" s="98"/>
      <c r="Z2586" s="143"/>
      <c r="AA2586" s="137"/>
      <c r="AB2586" s="137"/>
      <c r="AC2586" s="137"/>
      <c r="AD2586" s="137"/>
      <c r="AE2586" s="137"/>
      <c r="AF2586" s="137"/>
      <c r="AG2586" s="137"/>
      <c r="AH2586" s="137"/>
      <c r="AI2586" s="137"/>
      <c r="AJ2586" s="137"/>
      <c r="AK2586" s="206"/>
      <c r="AL2586" s="206"/>
      <c r="AM2586" s="143"/>
      <c r="AN2586" s="137"/>
      <c r="AO2586" s="137"/>
      <c r="AP2586" s="137"/>
      <c r="AQ2586" s="137"/>
      <c r="AR2586" s="137"/>
      <c r="AS2586" s="137"/>
      <c r="AT2586" s="137"/>
      <c r="AU2586" s="137"/>
      <c r="AV2586" s="137"/>
      <c r="AW2586" s="144"/>
    </row>
    <row r="2587" spans="2:49" x14ac:dyDescent="0.2">
      <c r="B2587" s="97"/>
      <c r="G2587" s="43"/>
      <c r="J2587" s="98"/>
      <c r="K2587" s="97"/>
      <c r="N2587" s="3"/>
      <c r="W2587" s="98"/>
      <c r="Z2587" s="143"/>
      <c r="AA2587" s="137"/>
      <c r="AB2587" s="137"/>
      <c r="AC2587" s="137"/>
      <c r="AD2587" s="137"/>
      <c r="AE2587" s="137"/>
      <c r="AF2587" s="137"/>
      <c r="AG2587" s="137"/>
      <c r="AH2587" s="137"/>
      <c r="AI2587" s="137"/>
      <c r="AJ2587" s="137"/>
      <c r="AK2587" s="206"/>
      <c r="AL2587" s="206"/>
      <c r="AM2587" s="143"/>
      <c r="AN2587" s="137"/>
      <c r="AO2587" s="137"/>
      <c r="AP2587" s="137"/>
      <c r="AQ2587" s="137"/>
      <c r="AR2587" s="137"/>
      <c r="AS2587" s="137"/>
      <c r="AT2587" s="137"/>
      <c r="AU2587" s="137"/>
      <c r="AV2587" s="137"/>
      <c r="AW2587" s="144"/>
    </row>
    <row r="2588" spans="2:49" x14ac:dyDescent="0.2">
      <c r="B2588" s="97"/>
      <c r="G2588" s="43"/>
      <c r="J2588" s="98"/>
      <c r="K2588" s="97"/>
      <c r="N2588" s="3"/>
      <c r="W2588" s="98"/>
      <c r="Z2588" s="143"/>
      <c r="AA2588" s="137"/>
      <c r="AB2588" s="137"/>
      <c r="AC2588" s="137"/>
      <c r="AD2588" s="137"/>
      <c r="AE2588" s="137"/>
      <c r="AF2588" s="137"/>
      <c r="AG2588" s="137"/>
      <c r="AH2588" s="137"/>
      <c r="AI2588" s="137"/>
      <c r="AJ2588" s="137"/>
      <c r="AK2588" s="206"/>
      <c r="AL2588" s="206"/>
      <c r="AM2588" s="143"/>
      <c r="AN2588" s="137"/>
      <c r="AO2588" s="137"/>
      <c r="AP2588" s="137"/>
      <c r="AQ2588" s="137"/>
      <c r="AR2588" s="137"/>
      <c r="AS2588" s="137"/>
      <c r="AT2588" s="137"/>
      <c r="AU2588" s="137"/>
      <c r="AV2588" s="137"/>
      <c r="AW2588" s="144"/>
    </row>
    <row r="2589" spans="2:49" x14ac:dyDescent="0.2">
      <c r="B2589" s="97"/>
      <c r="G2589" s="43"/>
      <c r="J2589" s="98"/>
      <c r="K2589" s="97"/>
      <c r="N2589" s="3"/>
      <c r="W2589" s="98"/>
      <c r="Z2589" s="143"/>
      <c r="AA2589" s="137"/>
      <c r="AB2589" s="137"/>
      <c r="AC2589" s="137"/>
      <c r="AD2589" s="137"/>
      <c r="AE2589" s="137"/>
      <c r="AF2589" s="137"/>
      <c r="AG2589" s="137"/>
      <c r="AH2589" s="137"/>
      <c r="AI2589" s="137"/>
      <c r="AJ2589" s="137"/>
      <c r="AK2589" s="206"/>
      <c r="AL2589" s="206"/>
      <c r="AM2589" s="143"/>
      <c r="AN2589" s="137"/>
      <c r="AO2589" s="137"/>
      <c r="AP2589" s="137"/>
      <c r="AQ2589" s="137"/>
      <c r="AR2589" s="137"/>
      <c r="AS2589" s="137"/>
      <c r="AT2589" s="137"/>
      <c r="AU2589" s="137"/>
      <c r="AV2589" s="137"/>
      <c r="AW2589" s="144"/>
    </row>
    <row r="2590" spans="2:49" x14ac:dyDescent="0.2">
      <c r="B2590" s="97"/>
      <c r="G2590" s="43"/>
      <c r="J2590" s="98"/>
      <c r="K2590" s="97"/>
      <c r="N2590" s="3"/>
      <c r="W2590" s="98"/>
      <c r="Z2590" s="143"/>
      <c r="AA2590" s="137"/>
      <c r="AB2590" s="137"/>
      <c r="AC2590" s="137"/>
      <c r="AD2590" s="137"/>
      <c r="AE2590" s="137"/>
      <c r="AF2590" s="137"/>
      <c r="AG2590" s="137"/>
      <c r="AH2590" s="137"/>
      <c r="AI2590" s="137"/>
      <c r="AJ2590" s="137"/>
      <c r="AK2590" s="206"/>
      <c r="AL2590" s="206"/>
      <c r="AM2590" s="143"/>
      <c r="AN2590" s="137"/>
      <c r="AO2590" s="137"/>
      <c r="AP2590" s="137"/>
      <c r="AQ2590" s="137"/>
      <c r="AR2590" s="137"/>
      <c r="AS2590" s="137"/>
      <c r="AT2590" s="137"/>
      <c r="AU2590" s="137"/>
      <c r="AV2590" s="137"/>
      <c r="AW2590" s="144"/>
    </row>
    <row r="2591" spans="2:49" x14ac:dyDescent="0.2">
      <c r="B2591" s="97"/>
      <c r="G2591" s="43"/>
      <c r="J2591" s="98"/>
      <c r="K2591" s="97"/>
      <c r="N2591" s="3"/>
      <c r="W2591" s="98"/>
      <c r="Z2591" s="143"/>
      <c r="AA2591" s="137"/>
      <c r="AB2591" s="137"/>
      <c r="AC2591" s="137"/>
      <c r="AD2591" s="137"/>
      <c r="AE2591" s="137"/>
      <c r="AF2591" s="137"/>
      <c r="AG2591" s="137"/>
      <c r="AH2591" s="137"/>
      <c r="AI2591" s="137"/>
      <c r="AJ2591" s="137"/>
      <c r="AK2591" s="206"/>
      <c r="AL2591" s="206"/>
      <c r="AM2591" s="143"/>
      <c r="AN2591" s="137"/>
      <c r="AO2591" s="137"/>
      <c r="AP2591" s="137"/>
      <c r="AQ2591" s="137"/>
      <c r="AR2591" s="137"/>
      <c r="AS2591" s="137"/>
      <c r="AT2591" s="137"/>
      <c r="AU2591" s="137"/>
      <c r="AV2591" s="137"/>
      <c r="AW2591" s="144"/>
    </row>
    <row r="2592" spans="2:49" x14ac:dyDescent="0.2">
      <c r="B2592" s="97"/>
      <c r="G2592" s="43"/>
      <c r="J2592" s="98"/>
      <c r="K2592" s="97"/>
      <c r="N2592" s="3"/>
      <c r="W2592" s="98"/>
      <c r="Z2592" s="143"/>
      <c r="AA2592" s="137"/>
      <c r="AB2592" s="137"/>
      <c r="AC2592" s="137"/>
      <c r="AD2592" s="137"/>
      <c r="AE2592" s="137"/>
      <c r="AF2592" s="137"/>
      <c r="AG2592" s="137"/>
      <c r="AH2592" s="137"/>
      <c r="AI2592" s="137"/>
      <c r="AJ2592" s="137"/>
      <c r="AK2592" s="206"/>
      <c r="AL2592" s="206"/>
      <c r="AM2592" s="143"/>
      <c r="AN2592" s="137"/>
      <c r="AO2592" s="137"/>
      <c r="AP2592" s="137"/>
      <c r="AQ2592" s="137"/>
      <c r="AR2592" s="137"/>
      <c r="AS2592" s="137"/>
      <c r="AT2592" s="137"/>
      <c r="AU2592" s="137"/>
      <c r="AV2592" s="137"/>
      <c r="AW2592" s="144"/>
    </row>
    <row r="2593" spans="2:49" x14ac:dyDescent="0.2">
      <c r="B2593" s="97"/>
      <c r="G2593" s="43"/>
      <c r="J2593" s="98"/>
      <c r="K2593" s="97"/>
      <c r="N2593" s="3"/>
      <c r="W2593" s="98"/>
      <c r="Z2593" s="143"/>
      <c r="AA2593" s="137"/>
      <c r="AB2593" s="137"/>
      <c r="AC2593" s="137"/>
      <c r="AD2593" s="137"/>
      <c r="AE2593" s="137"/>
      <c r="AF2593" s="137"/>
      <c r="AG2593" s="137"/>
      <c r="AH2593" s="137"/>
      <c r="AI2593" s="137"/>
      <c r="AJ2593" s="137"/>
      <c r="AK2593" s="206"/>
      <c r="AL2593" s="206"/>
      <c r="AM2593" s="143"/>
      <c r="AN2593" s="137"/>
      <c r="AO2593" s="137"/>
      <c r="AP2593" s="137"/>
      <c r="AQ2593" s="137"/>
      <c r="AR2593" s="137"/>
      <c r="AS2593" s="137"/>
      <c r="AT2593" s="137"/>
      <c r="AU2593" s="137"/>
      <c r="AV2593" s="137"/>
      <c r="AW2593" s="144"/>
    </row>
    <row r="2594" spans="2:49" x14ac:dyDescent="0.2">
      <c r="B2594" s="97"/>
      <c r="G2594" s="43"/>
      <c r="J2594" s="98"/>
      <c r="K2594" s="97"/>
      <c r="N2594" s="3"/>
      <c r="W2594" s="98"/>
      <c r="Z2594" s="143"/>
      <c r="AA2594" s="137"/>
      <c r="AB2594" s="137"/>
      <c r="AC2594" s="137"/>
      <c r="AD2594" s="137"/>
      <c r="AE2594" s="137"/>
      <c r="AF2594" s="137"/>
      <c r="AG2594" s="137"/>
      <c r="AH2594" s="137"/>
      <c r="AI2594" s="137"/>
      <c r="AJ2594" s="137"/>
      <c r="AK2594" s="206"/>
      <c r="AL2594" s="206"/>
      <c r="AM2594" s="143"/>
      <c r="AN2594" s="137"/>
      <c r="AO2594" s="137"/>
      <c r="AP2594" s="137"/>
      <c r="AQ2594" s="137"/>
      <c r="AR2594" s="137"/>
      <c r="AS2594" s="137"/>
      <c r="AT2594" s="137"/>
      <c r="AU2594" s="137"/>
      <c r="AV2594" s="137"/>
      <c r="AW2594" s="144"/>
    </row>
    <row r="2595" spans="2:49" x14ac:dyDescent="0.2">
      <c r="B2595" s="97"/>
      <c r="G2595" s="43"/>
      <c r="J2595" s="98"/>
      <c r="K2595" s="97"/>
      <c r="N2595" s="3"/>
      <c r="W2595" s="98"/>
      <c r="Z2595" s="143"/>
      <c r="AA2595" s="137"/>
      <c r="AB2595" s="137"/>
      <c r="AC2595" s="137"/>
      <c r="AD2595" s="137"/>
      <c r="AE2595" s="137"/>
      <c r="AF2595" s="137"/>
      <c r="AG2595" s="137"/>
      <c r="AH2595" s="137"/>
      <c r="AI2595" s="137"/>
      <c r="AJ2595" s="137"/>
      <c r="AK2595" s="206"/>
      <c r="AL2595" s="206"/>
      <c r="AM2595" s="143"/>
      <c r="AN2595" s="137"/>
      <c r="AO2595" s="137"/>
      <c r="AP2595" s="137"/>
      <c r="AQ2595" s="137"/>
      <c r="AR2595" s="137"/>
      <c r="AS2595" s="137"/>
      <c r="AT2595" s="137"/>
      <c r="AU2595" s="137"/>
      <c r="AV2595" s="137"/>
      <c r="AW2595" s="144"/>
    </row>
    <row r="2596" spans="2:49" x14ac:dyDescent="0.2">
      <c r="B2596" s="97"/>
      <c r="G2596" s="43"/>
      <c r="J2596" s="98"/>
      <c r="K2596" s="97"/>
      <c r="N2596" s="3"/>
      <c r="W2596" s="98"/>
      <c r="Z2596" s="143"/>
      <c r="AA2596" s="137"/>
      <c r="AB2596" s="137"/>
      <c r="AC2596" s="137"/>
      <c r="AD2596" s="137"/>
      <c r="AE2596" s="137"/>
      <c r="AF2596" s="137"/>
      <c r="AG2596" s="137"/>
      <c r="AH2596" s="137"/>
      <c r="AI2596" s="137"/>
      <c r="AJ2596" s="137"/>
      <c r="AK2596" s="206"/>
      <c r="AL2596" s="206"/>
      <c r="AM2596" s="143"/>
      <c r="AN2596" s="137"/>
      <c r="AO2596" s="137"/>
      <c r="AP2596" s="137"/>
      <c r="AQ2596" s="137"/>
      <c r="AR2596" s="137"/>
      <c r="AS2596" s="137"/>
      <c r="AT2596" s="137"/>
      <c r="AU2596" s="137"/>
      <c r="AV2596" s="137"/>
      <c r="AW2596" s="144"/>
    </row>
    <row r="2597" spans="2:49" x14ac:dyDescent="0.2">
      <c r="B2597" s="97"/>
      <c r="G2597" s="43"/>
      <c r="J2597" s="98"/>
      <c r="K2597" s="97"/>
      <c r="N2597" s="3"/>
      <c r="W2597" s="98"/>
      <c r="Z2597" s="143"/>
      <c r="AA2597" s="137"/>
      <c r="AB2597" s="137"/>
      <c r="AC2597" s="137"/>
      <c r="AD2597" s="137"/>
      <c r="AE2597" s="137"/>
      <c r="AF2597" s="137"/>
      <c r="AG2597" s="137"/>
      <c r="AH2597" s="137"/>
      <c r="AI2597" s="137"/>
      <c r="AJ2597" s="137"/>
      <c r="AK2597" s="206"/>
      <c r="AL2597" s="206"/>
      <c r="AM2597" s="143"/>
      <c r="AN2597" s="137"/>
      <c r="AO2597" s="137"/>
      <c r="AP2597" s="137"/>
      <c r="AQ2597" s="137"/>
      <c r="AR2597" s="137"/>
      <c r="AS2597" s="137"/>
      <c r="AT2597" s="137"/>
      <c r="AU2597" s="137"/>
      <c r="AV2597" s="137"/>
      <c r="AW2597" s="144"/>
    </row>
    <row r="2598" spans="2:49" x14ac:dyDescent="0.2">
      <c r="B2598" s="97"/>
      <c r="G2598" s="43"/>
      <c r="J2598" s="98"/>
      <c r="K2598" s="97"/>
      <c r="N2598" s="3"/>
      <c r="W2598" s="98"/>
      <c r="Z2598" s="143"/>
      <c r="AA2598" s="137"/>
      <c r="AB2598" s="137"/>
      <c r="AC2598" s="137"/>
      <c r="AD2598" s="137"/>
      <c r="AE2598" s="137"/>
      <c r="AF2598" s="137"/>
      <c r="AG2598" s="137"/>
      <c r="AH2598" s="137"/>
      <c r="AI2598" s="137"/>
      <c r="AJ2598" s="137"/>
      <c r="AK2598" s="206"/>
      <c r="AL2598" s="206"/>
      <c r="AM2598" s="143"/>
      <c r="AN2598" s="137"/>
      <c r="AO2598" s="137"/>
      <c r="AP2598" s="137"/>
      <c r="AQ2598" s="137"/>
      <c r="AR2598" s="137"/>
      <c r="AS2598" s="137"/>
      <c r="AT2598" s="137"/>
      <c r="AU2598" s="137"/>
      <c r="AV2598" s="137"/>
      <c r="AW2598" s="144"/>
    </row>
    <row r="2599" spans="2:49" x14ac:dyDescent="0.2">
      <c r="B2599" s="97"/>
      <c r="G2599" s="43"/>
      <c r="J2599" s="98"/>
      <c r="K2599" s="97"/>
      <c r="N2599" s="3"/>
      <c r="W2599" s="98"/>
      <c r="Z2599" s="143"/>
      <c r="AA2599" s="137"/>
      <c r="AB2599" s="137"/>
      <c r="AC2599" s="137"/>
      <c r="AD2599" s="137"/>
      <c r="AE2599" s="137"/>
      <c r="AF2599" s="137"/>
      <c r="AG2599" s="137"/>
      <c r="AH2599" s="137"/>
      <c r="AI2599" s="137"/>
      <c r="AJ2599" s="137"/>
      <c r="AK2599" s="206"/>
      <c r="AL2599" s="206"/>
      <c r="AM2599" s="143"/>
      <c r="AN2599" s="137"/>
      <c r="AO2599" s="137"/>
      <c r="AP2599" s="137"/>
      <c r="AQ2599" s="137"/>
      <c r="AR2599" s="137"/>
      <c r="AS2599" s="137"/>
      <c r="AT2599" s="137"/>
      <c r="AU2599" s="137"/>
      <c r="AV2599" s="137"/>
      <c r="AW2599" s="144"/>
    </row>
    <row r="2600" spans="2:49" x14ac:dyDescent="0.2">
      <c r="B2600" s="97"/>
      <c r="G2600" s="43"/>
      <c r="J2600" s="98"/>
      <c r="K2600" s="97"/>
      <c r="N2600" s="3"/>
      <c r="W2600" s="98"/>
      <c r="Z2600" s="143"/>
      <c r="AA2600" s="137"/>
      <c r="AB2600" s="137"/>
      <c r="AC2600" s="137"/>
      <c r="AD2600" s="137"/>
      <c r="AE2600" s="137"/>
      <c r="AF2600" s="137"/>
      <c r="AG2600" s="137"/>
      <c r="AH2600" s="137"/>
      <c r="AI2600" s="137"/>
      <c r="AJ2600" s="137"/>
      <c r="AK2600" s="206"/>
      <c r="AL2600" s="206"/>
      <c r="AM2600" s="143"/>
      <c r="AN2600" s="137"/>
      <c r="AO2600" s="137"/>
      <c r="AP2600" s="137"/>
      <c r="AQ2600" s="137"/>
      <c r="AR2600" s="137"/>
      <c r="AS2600" s="137"/>
      <c r="AT2600" s="137"/>
      <c r="AU2600" s="137"/>
      <c r="AV2600" s="137"/>
      <c r="AW2600" s="144"/>
    </row>
    <row r="2601" spans="2:49" x14ac:dyDescent="0.2">
      <c r="B2601" s="97"/>
      <c r="G2601" s="43"/>
      <c r="J2601" s="98"/>
      <c r="K2601" s="97"/>
      <c r="N2601" s="3"/>
      <c r="W2601" s="98"/>
      <c r="Z2601" s="143"/>
      <c r="AA2601" s="137"/>
      <c r="AB2601" s="137"/>
      <c r="AC2601" s="137"/>
      <c r="AD2601" s="137"/>
      <c r="AE2601" s="137"/>
      <c r="AF2601" s="137"/>
      <c r="AG2601" s="137"/>
      <c r="AH2601" s="137"/>
      <c r="AI2601" s="137"/>
      <c r="AJ2601" s="137"/>
      <c r="AK2601" s="206"/>
      <c r="AL2601" s="206"/>
      <c r="AM2601" s="143"/>
      <c r="AN2601" s="137"/>
      <c r="AO2601" s="137"/>
      <c r="AP2601" s="137"/>
      <c r="AQ2601" s="137"/>
      <c r="AR2601" s="137"/>
      <c r="AS2601" s="137"/>
      <c r="AT2601" s="137"/>
      <c r="AU2601" s="137"/>
      <c r="AV2601" s="137"/>
      <c r="AW2601" s="144"/>
    </row>
    <row r="2602" spans="2:49" x14ac:dyDescent="0.2">
      <c r="B2602" s="97"/>
      <c r="G2602" s="43"/>
      <c r="J2602" s="98"/>
      <c r="K2602" s="97"/>
      <c r="N2602" s="3"/>
      <c r="W2602" s="98"/>
      <c r="Z2602" s="143"/>
      <c r="AA2602" s="137"/>
      <c r="AB2602" s="137"/>
      <c r="AC2602" s="137"/>
      <c r="AD2602" s="137"/>
      <c r="AE2602" s="137"/>
      <c r="AF2602" s="137"/>
      <c r="AG2602" s="137"/>
      <c r="AH2602" s="137"/>
      <c r="AI2602" s="137"/>
      <c r="AJ2602" s="137"/>
      <c r="AK2602" s="206"/>
      <c r="AL2602" s="206"/>
      <c r="AM2602" s="143"/>
      <c r="AN2602" s="137"/>
      <c r="AO2602" s="137"/>
      <c r="AP2602" s="137"/>
      <c r="AQ2602" s="137"/>
      <c r="AR2602" s="137"/>
      <c r="AS2602" s="137"/>
      <c r="AT2602" s="137"/>
      <c r="AU2602" s="137"/>
      <c r="AV2602" s="137"/>
      <c r="AW2602" s="144"/>
    </row>
    <row r="2603" spans="2:49" x14ac:dyDescent="0.2">
      <c r="B2603" s="97"/>
      <c r="G2603" s="43"/>
      <c r="J2603" s="98"/>
      <c r="K2603" s="97"/>
      <c r="N2603" s="3"/>
      <c r="W2603" s="98"/>
      <c r="Z2603" s="143"/>
      <c r="AA2603" s="137"/>
      <c r="AB2603" s="137"/>
      <c r="AC2603" s="137"/>
      <c r="AD2603" s="137"/>
      <c r="AE2603" s="137"/>
      <c r="AF2603" s="137"/>
      <c r="AG2603" s="137"/>
      <c r="AH2603" s="137"/>
      <c r="AI2603" s="137"/>
      <c r="AJ2603" s="137"/>
      <c r="AK2603" s="206"/>
      <c r="AL2603" s="206"/>
      <c r="AM2603" s="143"/>
      <c r="AN2603" s="137"/>
      <c r="AO2603" s="137"/>
      <c r="AP2603" s="137"/>
      <c r="AQ2603" s="137"/>
      <c r="AR2603" s="137"/>
      <c r="AS2603" s="137"/>
      <c r="AT2603" s="137"/>
      <c r="AU2603" s="137"/>
      <c r="AV2603" s="137"/>
      <c r="AW2603" s="144"/>
    </row>
    <row r="2604" spans="2:49" x14ac:dyDescent="0.2">
      <c r="B2604" s="97"/>
      <c r="G2604" s="43"/>
      <c r="J2604" s="98"/>
      <c r="K2604" s="97"/>
      <c r="N2604" s="3"/>
      <c r="W2604" s="98"/>
      <c r="Z2604" s="143"/>
      <c r="AA2604" s="137"/>
      <c r="AB2604" s="137"/>
      <c r="AC2604" s="137"/>
      <c r="AD2604" s="137"/>
      <c r="AE2604" s="137"/>
      <c r="AF2604" s="137"/>
      <c r="AG2604" s="137"/>
      <c r="AH2604" s="137"/>
      <c r="AI2604" s="137"/>
      <c r="AJ2604" s="137"/>
      <c r="AK2604" s="206"/>
      <c r="AL2604" s="206"/>
      <c r="AM2604" s="143"/>
      <c r="AN2604" s="137"/>
      <c r="AO2604" s="137"/>
      <c r="AP2604" s="137"/>
      <c r="AQ2604" s="137"/>
      <c r="AR2604" s="137"/>
      <c r="AS2604" s="137"/>
      <c r="AT2604" s="137"/>
      <c r="AU2604" s="137"/>
      <c r="AV2604" s="137"/>
      <c r="AW2604" s="144"/>
    </row>
    <row r="2605" spans="2:49" x14ac:dyDescent="0.2">
      <c r="B2605" s="97"/>
      <c r="G2605" s="43"/>
      <c r="J2605" s="98"/>
      <c r="K2605" s="97"/>
      <c r="N2605" s="3"/>
      <c r="W2605" s="98"/>
      <c r="Z2605" s="143"/>
      <c r="AA2605" s="137"/>
      <c r="AB2605" s="137"/>
      <c r="AC2605" s="137"/>
      <c r="AD2605" s="137"/>
      <c r="AE2605" s="137"/>
      <c r="AF2605" s="137"/>
      <c r="AG2605" s="137"/>
      <c r="AH2605" s="137"/>
      <c r="AI2605" s="137"/>
      <c r="AJ2605" s="137"/>
      <c r="AK2605" s="206"/>
      <c r="AL2605" s="206"/>
      <c r="AM2605" s="143"/>
      <c r="AN2605" s="137"/>
      <c r="AO2605" s="137"/>
      <c r="AP2605" s="137"/>
      <c r="AQ2605" s="137"/>
      <c r="AR2605" s="137"/>
      <c r="AS2605" s="137"/>
      <c r="AT2605" s="137"/>
      <c r="AU2605" s="137"/>
      <c r="AV2605" s="137"/>
      <c r="AW2605" s="144"/>
    </row>
    <row r="2606" spans="2:49" x14ac:dyDescent="0.2">
      <c r="B2606" s="97"/>
      <c r="G2606" s="43"/>
      <c r="J2606" s="98"/>
      <c r="K2606" s="97"/>
      <c r="N2606" s="3"/>
      <c r="W2606" s="98"/>
      <c r="Z2606" s="143"/>
      <c r="AA2606" s="137"/>
      <c r="AB2606" s="137"/>
      <c r="AC2606" s="137"/>
      <c r="AD2606" s="137"/>
      <c r="AE2606" s="137"/>
      <c r="AF2606" s="137"/>
      <c r="AG2606" s="137"/>
      <c r="AH2606" s="137"/>
      <c r="AI2606" s="137"/>
      <c r="AJ2606" s="137"/>
      <c r="AK2606" s="206"/>
      <c r="AL2606" s="206"/>
      <c r="AM2606" s="143"/>
      <c r="AN2606" s="137"/>
      <c r="AO2606" s="137"/>
      <c r="AP2606" s="137"/>
      <c r="AQ2606" s="137"/>
      <c r="AR2606" s="137"/>
      <c r="AS2606" s="137"/>
      <c r="AT2606" s="137"/>
      <c r="AU2606" s="137"/>
      <c r="AV2606" s="137"/>
      <c r="AW2606" s="144"/>
    </row>
    <row r="2607" spans="2:49" x14ac:dyDescent="0.2">
      <c r="B2607" s="97"/>
      <c r="G2607" s="43"/>
      <c r="J2607" s="98"/>
      <c r="K2607" s="97"/>
      <c r="N2607" s="3"/>
      <c r="W2607" s="98"/>
      <c r="Z2607" s="143"/>
      <c r="AA2607" s="137"/>
      <c r="AB2607" s="137"/>
      <c r="AC2607" s="137"/>
      <c r="AD2607" s="137"/>
      <c r="AE2607" s="137"/>
      <c r="AF2607" s="137"/>
      <c r="AG2607" s="137"/>
      <c r="AH2607" s="137"/>
      <c r="AI2607" s="137"/>
      <c r="AJ2607" s="137"/>
      <c r="AK2607" s="206"/>
      <c r="AL2607" s="206"/>
      <c r="AM2607" s="143"/>
      <c r="AN2607" s="137"/>
      <c r="AO2607" s="137"/>
      <c r="AP2607" s="137"/>
      <c r="AQ2607" s="137"/>
      <c r="AR2607" s="137"/>
      <c r="AS2607" s="137"/>
      <c r="AT2607" s="137"/>
      <c r="AU2607" s="137"/>
      <c r="AV2607" s="137"/>
      <c r="AW2607" s="144"/>
    </row>
    <row r="2608" spans="2:49" x14ac:dyDescent="0.2">
      <c r="B2608" s="97"/>
      <c r="G2608" s="43"/>
      <c r="J2608" s="98"/>
      <c r="K2608" s="97"/>
      <c r="N2608" s="3"/>
      <c r="W2608" s="98"/>
      <c r="Z2608" s="143"/>
      <c r="AA2608" s="137"/>
      <c r="AB2608" s="137"/>
      <c r="AC2608" s="137"/>
      <c r="AD2608" s="137"/>
      <c r="AE2608" s="137"/>
      <c r="AF2608" s="137"/>
      <c r="AG2608" s="137"/>
      <c r="AH2608" s="137"/>
      <c r="AI2608" s="137"/>
      <c r="AJ2608" s="137"/>
      <c r="AK2608" s="206"/>
      <c r="AL2608" s="206"/>
      <c r="AM2608" s="143"/>
      <c r="AN2608" s="137"/>
      <c r="AO2608" s="137"/>
      <c r="AP2608" s="137"/>
      <c r="AQ2608" s="137"/>
      <c r="AR2608" s="137"/>
      <c r="AS2608" s="137"/>
      <c r="AT2608" s="137"/>
      <c r="AU2608" s="137"/>
      <c r="AV2608" s="137"/>
      <c r="AW2608" s="144"/>
    </row>
    <row r="2609" spans="2:49" x14ac:dyDescent="0.2">
      <c r="B2609" s="97"/>
      <c r="G2609" s="43"/>
      <c r="J2609" s="98"/>
      <c r="K2609" s="97"/>
      <c r="N2609" s="3"/>
      <c r="W2609" s="98"/>
      <c r="Z2609" s="143"/>
      <c r="AA2609" s="137"/>
      <c r="AB2609" s="137"/>
      <c r="AC2609" s="137"/>
      <c r="AD2609" s="137"/>
      <c r="AE2609" s="137"/>
      <c r="AF2609" s="137"/>
      <c r="AG2609" s="137"/>
      <c r="AH2609" s="137"/>
      <c r="AI2609" s="137"/>
      <c r="AJ2609" s="137"/>
      <c r="AK2609" s="206"/>
      <c r="AL2609" s="206"/>
      <c r="AM2609" s="143"/>
      <c r="AN2609" s="137"/>
      <c r="AO2609" s="137"/>
      <c r="AP2609" s="137"/>
      <c r="AQ2609" s="137"/>
      <c r="AR2609" s="137"/>
      <c r="AS2609" s="137"/>
      <c r="AT2609" s="137"/>
      <c r="AU2609" s="137"/>
      <c r="AV2609" s="137"/>
      <c r="AW2609" s="144"/>
    </row>
    <row r="2610" spans="2:49" x14ac:dyDescent="0.2">
      <c r="B2610" s="97"/>
      <c r="G2610" s="43"/>
      <c r="J2610" s="98"/>
      <c r="K2610" s="97"/>
      <c r="N2610" s="3"/>
      <c r="W2610" s="98"/>
      <c r="Z2610" s="143"/>
      <c r="AA2610" s="137"/>
      <c r="AB2610" s="137"/>
      <c r="AC2610" s="137"/>
      <c r="AD2610" s="137"/>
      <c r="AE2610" s="137"/>
      <c r="AF2610" s="137"/>
      <c r="AG2610" s="137"/>
      <c r="AH2610" s="137"/>
      <c r="AI2610" s="137"/>
      <c r="AJ2610" s="137"/>
      <c r="AK2610" s="206"/>
      <c r="AL2610" s="206"/>
      <c r="AM2610" s="143"/>
      <c r="AN2610" s="137"/>
      <c r="AO2610" s="137"/>
      <c r="AP2610" s="137"/>
      <c r="AQ2610" s="137"/>
      <c r="AR2610" s="137"/>
      <c r="AS2610" s="137"/>
      <c r="AT2610" s="137"/>
      <c r="AU2610" s="137"/>
      <c r="AV2610" s="137"/>
      <c r="AW2610" s="144"/>
    </row>
    <row r="2611" spans="2:49" x14ac:dyDescent="0.2">
      <c r="B2611" s="97"/>
      <c r="G2611" s="43"/>
      <c r="J2611" s="98"/>
      <c r="K2611" s="97"/>
      <c r="N2611" s="3"/>
      <c r="W2611" s="98"/>
      <c r="Z2611" s="143"/>
      <c r="AA2611" s="137"/>
      <c r="AB2611" s="137"/>
      <c r="AC2611" s="137"/>
      <c r="AD2611" s="137"/>
      <c r="AE2611" s="137"/>
      <c r="AF2611" s="137"/>
      <c r="AG2611" s="137"/>
      <c r="AH2611" s="137"/>
      <c r="AI2611" s="137"/>
      <c r="AJ2611" s="137"/>
      <c r="AK2611" s="206"/>
      <c r="AL2611" s="206"/>
      <c r="AM2611" s="143"/>
      <c r="AN2611" s="137"/>
      <c r="AO2611" s="137"/>
      <c r="AP2611" s="137"/>
      <c r="AQ2611" s="137"/>
      <c r="AR2611" s="137"/>
      <c r="AS2611" s="137"/>
      <c r="AT2611" s="137"/>
      <c r="AU2611" s="137"/>
      <c r="AV2611" s="137"/>
      <c r="AW2611" s="144"/>
    </row>
    <row r="2612" spans="2:49" x14ac:dyDescent="0.2">
      <c r="B2612" s="97"/>
      <c r="G2612" s="43"/>
      <c r="J2612" s="98"/>
      <c r="K2612" s="97"/>
      <c r="N2612" s="3"/>
      <c r="W2612" s="98"/>
      <c r="Z2612" s="143"/>
      <c r="AA2612" s="137"/>
      <c r="AB2612" s="137"/>
      <c r="AC2612" s="137"/>
      <c r="AD2612" s="137"/>
      <c r="AE2612" s="137"/>
      <c r="AF2612" s="137"/>
      <c r="AG2612" s="137"/>
      <c r="AH2612" s="137"/>
      <c r="AI2612" s="137"/>
      <c r="AJ2612" s="137"/>
      <c r="AK2612" s="206"/>
      <c r="AL2612" s="206"/>
      <c r="AM2612" s="143"/>
      <c r="AN2612" s="137"/>
      <c r="AO2612" s="137"/>
      <c r="AP2612" s="137"/>
      <c r="AQ2612" s="137"/>
      <c r="AR2612" s="137"/>
      <c r="AS2612" s="137"/>
      <c r="AT2612" s="137"/>
      <c r="AU2612" s="137"/>
      <c r="AV2612" s="137"/>
      <c r="AW2612" s="144"/>
    </row>
    <row r="2613" spans="2:49" x14ac:dyDescent="0.2">
      <c r="B2613" s="97"/>
      <c r="G2613" s="43"/>
      <c r="J2613" s="98"/>
      <c r="K2613" s="97"/>
      <c r="N2613" s="3"/>
      <c r="W2613" s="98"/>
      <c r="Z2613" s="143"/>
      <c r="AA2613" s="137"/>
      <c r="AB2613" s="137"/>
      <c r="AC2613" s="137"/>
      <c r="AD2613" s="137"/>
      <c r="AE2613" s="137"/>
      <c r="AF2613" s="137"/>
      <c r="AG2613" s="137"/>
      <c r="AH2613" s="137"/>
      <c r="AI2613" s="137"/>
      <c r="AJ2613" s="137"/>
      <c r="AK2613" s="206"/>
      <c r="AL2613" s="206"/>
      <c r="AM2613" s="143"/>
      <c r="AN2613" s="137"/>
      <c r="AO2613" s="137"/>
      <c r="AP2613" s="137"/>
      <c r="AQ2613" s="137"/>
      <c r="AR2613" s="137"/>
      <c r="AS2613" s="137"/>
      <c r="AT2613" s="137"/>
      <c r="AU2613" s="137"/>
      <c r="AV2613" s="137"/>
      <c r="AW2613" s="144"/>
    </row>
    <row r="2614" spans="2:49" x14ac:dyDescent="0.2">
      <c r="B2614" s="97"/>
      <c r="G2614" s="43"/>
      <c r="J2614" s="98"/>
      <c r="K2614" s="97"/>
      <c r="N2614" s="3"/>
      <c r="W2614" s="98"/>
      <c r="Z2614" s="143"/>
      <c r="AA2614" s="137"/>
      <c r="AB2614" s="137"/>
      <c r="AC2614" s="137"/>
      <c r="AD2614" s="137"/>
      <c r="AE2614" s="137"/>
      <c r="AF2614" s="137"/>
      <c r="AG2614" s="137"/>
      <c r="AH2614" s="137"/>
      <c r="AI2614" s="137"/>
      <c r="AJ2614" s="137"/>
      <c r="AK2614" s="206"/>
      <c r="AL2614" s="206"/>
      <c r="AM2614" s="143"/>
      <c r="AN2614" s="137"/>
      <c r="AO2614" s="137"/>
      <c r="AP2614" s="137"/>
      <c r="AQ2614" s="137"/>
      <c r="AR2614" s="137"/>
      <c r="AS2614" s="137"/>
      <c r="AT2614" s="137"/>
      <c r="AU2614" s="137"/>
      <c r="AV2614" s="137"/>
      <c r="AW2614" s="144"/>
    </row>
    <row r="2615" spans="2:49" x14ac:dyDescent="0.2">
      <c r="B2615" s="97"/>
      <c r="G2615" s="43"/>
      <c r="J2615" s="98"/>
      <c r="K2615" s="97"/>
      <c r="N2615" s="3"/>
      <c r="W2615" s="98"/>
      <c r="Z2615" s="143"/>
      <c r="AA2615" s="137"/>
      <c r="AB2615" s="137"/>
      <c r="AC2615" s="137"/>
      <c r="AD2615" s="137"/>
      <c r="AE2615" s="137"/>
      <c r="AF2615" s="137"/>
      <c r="AG2615" s="137"/>
      <c r="AH2615" s="137"/>
      <c r="AI2615" s="137"/>
      <c r="AJ2615" s="137"/>
      <c r="AK2615" s="206"/>
      <c r="AL2615" s="206"/>
      <c r="AM2615" s="143"/>
      <c r="AN2615" s="137"/>
      <c r="AO2615" s="137"/>
      <c r="AP2615" s="137"/>
      <c r="AQ2615" s="137"/>
      <c r="AR2615" s="137"/>
      <c r="AS2615" s="137"/>
      <c r="AT2615" s="137"/>
      <c r="AU2615" s="137"/>
      <c r="AV2615" s="137"/>
      <c r="AW2615" s="144"/>
    </row>
    <row r="2616" spans="2:49" x14ac:dyDescent="0.2">
      <c r="B2616" s="97"/>
      <c r="G2616" s="43"/>
      <c r="J2616" s="98"/>
      <c r="K2616" s="97"/>
      <c r="N2616" s="3"/>
      <c r="W2616" s="98"/>
      <c r="Z2616" s="143"/>
      <c r="AA2616" s="137"/>
      <c r="AB2616" s="137"/>
      <c r="AC2616" s="137"/>
      <c r="AD2616" s="137"/>
      <c r="AE2616" s="137"/>
      <c r="AF2616" s="137"/>
      <c r="AG2616" s="137"/>
      <c r="AH2616" s="137"/>
      <c r="AI2616" s="137"/>
      <c r="AJ2616" s="137"/>
      <c r="AK2616" s="206"/>
      <c r="AL2616" s="206"/>
      <c r="AM2616" s="143"/>
      <c r="AN2616" s="137"/>
      <c r="AO2616" s="137"/>
      <c r="AP2616" s="137"/>
      <c r="AQ2616" s="137"/>
      <c r="AR2616" s="137"/>
      <c r="AS2616" s="137"/>
      <c r="AT2616" s="137"/>
      <c r="AU2616" s="137"/>
      <c r="AV2616" s="137"/>
      <c r="AW2616" s="144"/>
    </row>
    <row r="2617" spans="2:49" x14ac:dyDescent="0.2">
      <c r="B2617" s="97"/>
      <c r="G2617" s="43"/>
      <c r="J2617" s="98"/>
      <c r="K2617" s="97"/>
      <c r="N2617" s="3"/>
      <c r="W2617" s="98"/>
      <c r="Z2617" s="143"/>
      <c r="AA2617" s="137"/>
      <c r="AB2617" s="137"/>
      <c r="AC2617" s="137"/>
      <c r="AD2617" s="137"/>
      <c r="AE2617" s="137"/>
      <c r="AF2617" s="137"/>
      <c r="AG2617" s="137"/>
      <c r="AH2617" s="137"/>
      <c r="AI2617" s="137"/>
      <c r="AJ2617" s="137"/>
      <c r="AK2617" s="206"/>
      <c r="AL2617" s="206"/>
      <c r="AM2617" s="143"/>
      <c r="AN2617" s="137"/>
      <c r="AO2617" s="137"/>
      <c r="AP2617" s="137"/>
      <c r="AQ2617" s="137"/>
      <c r="AR2617" s="137"/>
      <c r="AS2617" s="137"/>
      <c r="AT2617" s="137"/>
      <c r="AU2617" s="137"/>
      <c r="AV2617" s="137"/>
      <c r="AW2617" s="144"/>
    </row>
    <row r="2618" spans="2:49" x14ac:dyDescent="0.2">
      <c r="B2618" s="97"/>
      <c r="G2618" s="43"/>
      <c r="J2618" s="98"/>
      <c r="K2618" s="97"/>
      <c r="N2618" s="3"/>
      <c r="W2618" s="98"/>
      <c r="Z2618" s="143"/>
      <c r="AA2618" s="137"/>
      <c r="AB2618" s="137"/>
      <c r="AC2618" s="137"/>
      <c r="AD2618" s="137"/>
      <c r="AE2618" s="137"/>
      <c r="AF2618" s="137"/>
      <c r="AG2618" s="137"/>
      <c r="AH2618" s="137"/>
      <c r="AI2618" s="137"/>
      <c r="AJ2618" s="137"/>
      <c r="AK2618" s="206"/>
      <c r="AL2618" s="206"/>
      <c r="AM2618" s="143"/>
      <c r="AN2618" s="137"/>
      <c r="AO2618" s="137"/>
      <c r="AP2618" s="137"/>
      <c r="AQ2618" s="137"/>
      <c r="AR2618" s="137"/>
      <c r="AS2618" s="137"/>
      <c r="AT2618" s="137"/>
      <c r="AU2618" s="137"/>
      <c r="AV2618" s="137"/>
      <c r="AW2618" s="144"/>
    </row>
    <row r="2619" spans="2:49" x14ac:dyDescent="0.2">
      <c r="B2619" s="97"/>
      <c r="G2619" s="43"/>
      <c r="J2619" s="98"/>
      <c r="K2619" s="97"/>
      <c r="N2619" s="3"/>
      <c r="W2619" s="98"/>
      <c r="Z2619" s="143"/>
      <c r="AA2619" s="137"/>
      <c r="AB2619" s="137"/>
      <c r="AC2619" s="137"/>
      <c r="AD2619" s="137"/>
      <c r="AE2619" s="137"/>
      <c r="AF2619" s="137"/>
      <c r="AG2619" s="137"/>
      <c r="AH2619" s="137"/>
      <c r="AI2619" s="137"/>
      <c r="AJ2619" s="137"/>
      <c r="AK2619" s="206"/>
      <c r="AL2619" s="206"/>
      <c r="AM2619" s="143"/>
      <c r="AN2619" s="137"/>
      <c r="AO2619" s="137"/>
      <c r="AP2619" s="137"/>
      <c r="AQ2619" s="137"/>
      <c r="AR2619" s="137"/>
      <c r="AS2619" s="137"/>
      <c r="AT2619" s="137"/>
      <c r="AU2619" s="137"/>
      <c r="AV2619" s="137"/>
      <c r="AW2619" s="144"/>
    </row>
    <row r="2620" spans="2:49" x14ac:dyDescent="0.2">
      <c r="B2620" s="97"/>
      <c r="G2620" s="43"/>
      <c r="J2620" s="98"/>
      <c r="K2620" s="97"/>
      <c r="N2620" s="3"/>
      <c r="W2620" s="98"/>
      <c r="Z2620" s="143"/>
      <c r="AA2620" s="137"/>
      <c r="AB2620" s="137"/>
      <c r="AC2620" s="137"/>
      <c r="AD2620" s="137"/>
      <c r="AE2620" s="137"/>
      <c r="AF2620" s="137"/>
      <c r="AG2620" s="137"/>
      <c r="AH2620" s="137"/>
      <c r="AI2620" s="137"/>
      <c r="AJ2620" s="137"/>
      <c r="AK2620" s="206"/>
      <c r="AL2620" s="206"/>
      <c r="AM2620" s="143"/>
      <c r="AN2620" s="137"/>
      <c r="AO2620" s="137"/>
      <c r="AP2620" s="137"/>
      <c r="AQ2620" s="137"/>
      <c r="AR2620" s="137"/>
      <c r="AS2620" s="137"/>
      <c r="AT2620" s="137"/>
      <c r="AU2620" s="137"/>
      <c r="AV2620" s="137"/>
      <c r="AW2620" s="144"/>
    </row>
    <row r="2621" spans="2:49" x14ac:dyDescent="0.2">
      <c r="B2621" s="97"/>
      <c r="G2621" s="43"/>
      <c r="J2621" s="98"/>
      <c r="K2621" s="97"/>
      <c r="N2621" s="3"/>
      <c r="W2621" s="98"/>
      <c r="Z2621" s="143"/>
      <c r="AA2621" s="137"/>
      <c r="AB2621" s="137"/>
      <c r="AC2621" s="137"/>
      <c r="AD2621" s="137"/>
      <c r="AE2621" s="137"/>
      <c r="AF2621" s="137"/>
      <c r="AG2621" s="137"/>
      <c r="AH2621" s="137"/>
      <c r="AI2621" s="137"/>
      <c r="AJ2621" s="137"/>
      <c r="AK2621" s="206"/>
      <c r="AL2621" s="206"/>
      <c r="AM2621" s="143"/>
      <c r="AN2621" s="137"/>
      <c r="AO2621" s="137"/>
      <c r="AP2621" s="137"/>
      <c r="AQ2621" s="137"/>
      <c r="AR2621" s="137"/>
      <c r="AS2621" s="137"/>
      <c r="AT2621" s="137"/>
      <c r="AU2621" s="137"/>
      <c r="AV2621" s="137"/>
      <c r="AW2621" s="144"/>
    </row>
    <row r="2622" spans="2:49" x14ac:dyDescent="0.2">
      <c r="B2622" s="97"/>
      <c r="G2622" s="43"/>
      <c r="J2622" s="98"/>
      <c r="K2622" s="97"/>
      <c r="N2622" s="3"/>
      <c r="W2622" s="98"/>
      <c r="Z2622" s="143"/>
      <c r="AA2622" s="137"/>
      <c r="AB2622" s="137"/>
      <c r="AC2622" s="137"/>
      <c r="AD2622" s="137"/>
      <c r="AE2622" s="137"/>
      <c r="AF2622" s="137"/>
      <c r="AG2622" s="137"/>
      <c r="AH2622" s="137"/>
      <c r="AI2622" s="137"/>
      <c r="AJ2622" s="137"/>
      <c r="AK2622" s="206"/>
      <c r="AL2622" s="206"/>
      <c r="AM2622" s="143"/>
      <c r="AN2622" s="137"/>
      <c r="AO2622" s="137"/>
      <c r="AP2622" s="137"/>
      <c r="AQ2622" s="137"/>
      <c r="AR2622" s="137"/>
      <c r="AS2622" s="137"/>
      <c r="AT2622" s="137"/>
      <c r="AU2622" s="137"/>
      <c r="AV2622" s="137"/>
      <c r="AW2622" s="144"/>
    </row>
    <row r="2623" spans="2:49" x14ac:dyDescent="0.2">
      <c r="B2623" s="97"/>
      <c r="G2623" s="43"/>
      <c r="J2623" s="98"/>
      <c r="K2623" s="97"/>
      <c r="N2623" s="3"/>
      <c r="W2623" s="98"/>
      <c r="Z2623" s="143"/>
      <c r="AA2623" s="137"/>
      <c r="AB2623" s="137"/>
      <c r="AC2623" s="137"/>
      <c r="AD2623" s="137"/>
      <c r="AE2623" s="137"/>
      <c r="AF2623" s="137"/>
      <c r="AG2623" s="137"/>
      <c r="AH2623" s="137"/>
      <c r="AI2623" s="137"/>
      <c r="AJ2623" s="137"/>
      <c r="AK2623" s="206"/>
      <c r="AL2623" s="206"/>
      <c r="AM2623" s="143"/>
      <c r="AN2623" s="137"/>
      <c r="AO2623" s="137"/>
      <c r="AP2623" s="137"/>
      <c r="AQ2623" s="137"/>
      <c r="AR2623" s="137"/>
      <c r="AS2623" s="137"/>
      <c r="AT2623" s="137"/>
      <c r="AU2623" s="137"/>
      <c r="AV2623" s="137"/>
      <c r="AW2623" s="144"/>
    </row>
    <row r="2624" spans="2:49" x14ac:dyDescent="0.2">
      <c r="B2624" s="97"/>
      <c r="G2624" s="43"/>
      <c r="J2624" s="98"/>
      <c r="K2624" s="97"/>
      <c r="N2624" s="3"/>
      <c r="W2624" s="98"/>
      <c r="Z2624" s="143"/>
      <c r="AA2624" s="137"/>
      <c r="AB2624" s="137"/>
      <c r="AC2624" s="137"/>
      <c r="AD2624" s="137"/>
      <c r="AE2624" s="137"/>
      <c r="AF2624" s="137"/>
      <c r="AG2624" s="137"/>
      <c r="AH2624" s="137"/>
      <c r="AI2624" s="137"/>
      <c r="AJ2624" s="137"/>
      <c r="AK2624" s="206"/>
      <c r="AL2624" s="206"/>
      <c r="AM2624" s="143"/>
      <c r="AN2624" s="137"/>
      <c r="AO2624" s="137"/>
      <c r="AP2624" s="137"/>
      <c r="AQ2624" s="137"/>
      <c r="AR2624" s="137"/>
      <c r="AS2624" s="137"/>
      <c r="AT2624" s="137"/>
      <c r="AU2624" s="137"/>
      <c r="AV2624" s="137"/>
      <c r="AW2624" s="144"/>
    </row>
    <row r="2625" spans="2:49" x14ac:dyDescent="0.2">
      <c r="B2625" s="97"/>
      <c r="G2625" s="43"/>
      <c r="J2625" s="98"/>
      <c r="K2625" s="97"/>
      <c r="N2625" s="3"/>
      <c r="W2625" s="98"/>
      <c r="Z2625" s="143"/>
      <c r="AA2625" s="137"/>
      <c r="AB2625" s="137"/>
      <c r="AC2625" s="137"/>
      <c r="AD2625" s="137"/>
      <c r="AE2625" s="137"/>
      <c r="AF2625" s="137"/>
      <c r="AG2625" s="137"/>
      <c r="AH2625" s="137"/>
      <c r="AI2625" s="137"/>
      <c r="AJ2625" s="137"/>
      <c r="AK2625" s="206"/>
      <c r="AL2625" s="206"/>
      <c r="AM2625" s="143"/>
      <c r="AN2625" s="137"/>
      <c r="AO2625" s="137"/>
      <c r="AP2625" s="137"/>
      <c r="AQ2625" s="137"/>
      <c r="AR2625" s="137"/>
      <c r="AS2625" s="137"/>
      <c r="AT2625" s="137"/>
      <c r="AU2625" s="137"/>
      <c r="AV2625" s="137"/>
      <c r="AW2625" s="144"/>
    </row>
    <row r="2626" spans="2:49" x14ac:dyDescent="0.2">
      <c r="B2626" s="97"/>
      <c r="G2626" s="43"/>
      <c r="J2626" s="98"/>
      <c r="K2626" s="97"/>
      <c r="N2626" s="3"/>
      <c r="W2626" s="98"/>
      <c r="Z2626" s="143"/>
      <c r="AA2626" s="137"/>
      <c r="AB2626" s="137"/>
      <c r="AC2626" s="137"/>
      <c r="AD2626" s="137"/>
      <c r="AE2626" s="137"/>
      <c r="AF2626" s="137"/>
      <c r="AG2626" s="137"/>
      <c r="AH2626" s="137"/>
      <c r="AI2626" s="137"/>
      <c r="AJ2626" s="137"/>
      <c r="AK2626" s="206"/>
      <c r="AL2626" s="206"/>
      <c r="AM2626" s="143"/>
      <c r="AN2626" s="137"/>
      <c r="AO2626" s="137"/>
      <c r="AP2626" s="137"/>
      <c r="AQ2626" s="137"/>
      <c r="AR2626" s="137"/>
      <c r="AS2626" s="137"/>
      <c r="AT2626" s="137"/>
      <c r="AU2626" s="137"/>
      <c r="AV2626" s="137"/>
      <c r="AW2626" s="144"/>
    </row>
    <row r="2627" spans="2:49" x14ac:dyDescent="0.2">
      <c r="B2627" s="97"/>
      <c r="G2627" s="43"/>
      <c r="J2627" s="98"/>
      <c r="K2627" s="97"/>
      <c r="N2627" s="3"/>
      <c r="W2627" s="98"/>
      <c r="Z2627" s="143"/>
      <c r="AA2627" s="137"/>
      <c r="AB2627" s="137"/>
      <c r="AC2627" s="137"/>
      <c r="AD2627" s="137"/>
      <c r="AE2627" s="137"/>
      <c r="AF2627" s="137"/>
      <c r="AG2627" s="137"/>
      <c r="AH2627" s="137"/>
      <c r="AI2627" s="137"/>
      <c r="AJ2627" s="137"/>
      <c r="AK2627" s="206"/>
      <c r="AL2627" s="206"/>
      <c r="AM2627" s="143"/>
      <c r="AN2627" s="137"/>
      <c r="AO2627" s="137"/>
      <c r="AP2627" s="137"/>
      <c r="AQ2627" s="137"/>
      <c r="AR2627" s="137"/>
      <c r="AS2627" s="137"/>
      <c r="AT2627" s="137"/>
      <c r="AU2627" s="137"/>
      <c r="AV2627" s="137"/>
      <c r="AW2627" s="144"/>
    </row>
    <row r="2628" spans="2:49" x14ac:dyDescent="0.2">
      <c r="B2628" s="97"/>
      <c r="G2628" s="43"/>
      <c r="J2628" s="98"/>
      <c r="K2628" s="97"/>
      <c r="N2628" s="3"/>
      <c r="W2628" s="98"/>
      <c r="Z2628" s="143"/>
      <c r="AA2628" s="137"/>
      <c r="AB2628" s="137"/>
      <c r="AC2628" s="137"/>
      <c r="AD2628" s="137"/>
      <c r="AE2628" s="137"/>
      <c r="AF2628" s="137"/>
      <c r="AG2628" s="137"/>
      <c r="AH2628" s="137"/>
      <c r="AI2628" s="137"/>
      <c r="AJ2628" s="137"/>
      <c r="AK2628" s="206"/>
      <c r="AL2628" s="206"/>
      <c r="AM2628" s="143"/>
      <c r="AN2628" s="137"/>
      <c r="AO2628" s="137"/>
      <c r="AP2628" s="137"/>
      <c r="AQ2628" s="137"/>
      <c r="AR2628" s="137"/>
      <c r="AS2628" s="137"/>
      <c r="AT2628" s="137"/>
      <c r="AU2628" s="137"/>
      <c r="AV2628" s="137"/>
      <c r="AW2628" s="144"/>
    </row>
    <row r="2629" spans="2:49" x14ac:dyDescent="0.2">
      <c r="B2629" s="97"/>
      <c r="G2629" s="43"/>
      <c r="J2629" s="98"/>
      <c r="K2629" s="97"/>
      <c r="N2629" s="3"/>
      <c r="W2629" s="98"/>
      <c r="Z2629" s="143"/>
      <c r="AA2629" s="137"/>
      <c r="AB2629" s="137"/>
      <c r="AC2629" s="137"/>
      <c r="AD2629" s="137"/>
      <c r="AE2629" s="137"/>
      <c r="AF2629" s="137"/>
      <c r="AG2629" s="137"/>
      <c r="AH2629" s="137"/>
      <c r="AI2629" s="137"/>
      <c r="AJ2629" s="137"/>
      <c r="AK2629" s="206"/>
      <c r="AL2629" s="206"/>
      <c r="AM2629" s="143"/>
      <c r="AN2629" s="137"/>
      <c r="AO2629" s="137"/>
      <c r="AP2629" s="137"/>
      <c r="AQ2629" s="137"/>
      <c r="AR2629" s="137"/>
      <c r="AS2629" s="137"/>
      <c r="AT2629" s="137"/>
      <c r="AU2629" s="137"/>
      <c r="AV2629" s="137"/>
      <c r="AW2629" s="144"/>
    </row>
    <row r="2630" spans="2:49" x14ac:dyDescent="0.2">
      <c r="B2630" s="97"/>
      <c r="G2630" s="43"/>
      <c r="J2630" s="98"/>
      <c r="K2630" s="97"/>
      <c r="N2630" s="3"/>
      <c r="W2630" s="98"/>
      <c r="Z2630" s="143"/>
      <c r="AA2630" s="137"/>
      <c r="AB2630" s="137"/>
      <c r="AC2630" s="137"/>
      <c r="AD2630" s="137"/>
      <c r="AE2630" s="137"/>
      <c r="AF2630" s="137"/>
      <c r="AG2630" s="137"/>
      <c r="AH2630" s="137"/>
      <c r="AI2630" s="137"/>
      <c r="AJ2630" s="137"/>
      <c r="AK2630" s="206"/>
      <c r="AL2630" s="206"/>
      <c r="AM2630" s="143"/>
      <c r="AN2630" s="137"/>
      <c r="AO2630" s="137"/>
      <c r="AP2630" s="137"/>
      <c r="AQ2630" s="137"/>
      <c r="AR2630" s="137"/>
      <c r="AS2630" s="137"/>
      <c r="AT2630" s="137"/>
      <c r="AU2630" s="137"/>
      <c r="AV2630" s="137"/>
      <c r="AW2630" s="144"/>
    </row>
    <row r="2631" spans="2:49" x14ac:dyDescent="0.2">
      <c r="B2631" s="97"/>
      <c r="G2631" s="43"/>
      <c r="J2631" s="98"/>
      <c r="K2631" s="97"/>
      <c r="N2631" s="3"/>
      <c r="W2631" s="98"/>
      <c r="Z2631" s="143"/>
      <c r="AA2631" s="137"/>
      <c r="AB2631" s="137"/>
      <c r="AC2631" s="137"/>
      <c r="AD2631" s="137"/>
      <c r="AE2631" s="137"/>
      <c r="AF2631" s="137"/>
      <c r="AG2631" s="137"/>
      <c r="AH2631" s="137"/>
      <c r="AI2631" s="137"/>
      <c r="AJ2631" s="137"/>
      <c r="AK2631" s="206"/>
      <c r="AL2631" s="206"/>
      <c r="AM2631" s="143"/>
      <c r="AN2631" s="137"/>
      <c r="AO2631" s="137"/>
      <c r="AP2631" s="137"/>
      <c r="AQ2631" s="137"/>
      <c r="AR2631" s="137"/>
      <c r="AS2631" s="137"/>
      <c r="AT2631" s="137"/>
      <c r="AU2631" s="137"/>
      <c r="AV2631" s="137"/>
      <c r="AW2631" s="144"/>
    </row>
    <row r="2632" spans="2:49" x14ac:dyDescent="0.2">
      <c r="B2632" s="97"/>
      <c r="G2632" s="43"/>
      <c r="J2632" s="98"/>
      <c r="K2632" s="97"/>
      <c r="N2632" s="3"/>
      <c r="W2632" s="98"/>
      <c r="Z2632" s="143"/>
      <c r="AA2632" s="137"/>
      <c r="AB2632" s="137"/>
      <c r="AC2632" s="137"/>
      <c r="AD2632" s="137"/>
      <c r="AE2632" s="137"/>
      <c r="AF2632" s="137"/>
      <c r="AG2632" s="137"/>
      <c r="AH2632" s="137"/>
      <c r="AI2632" s="137"/>
      <c r="AJ2632" s="137"/>
      <c r="AK2632" s="206"/>
      <c r="AL2632" s="206"/>
      <c r="AM2632" s="143"/>
      <c r="AN2632" s="137"/>
      <c r="AO2632" s="137"/>
      <c r="AP2632" s="137"/>
      <c r="AQ2632" s="137"/>
      <c r="AR2632" s="137"/>
      <c r="AS2632" s="137"/>
      <c r="AT2632" s="137"/>
      <c r="AU2632" s="137"/>
      <c r="AV2632" s="137"/>
      <c r="AW2632" s="144"/>
    </row>
    <row r="2633" spans="2:49" x14ac:dyDescent="0.2">
      <c r="B2633" s="97"/>
      <c r="G2633" s="43"/>
      <c r="J2633" s="98"/>
      <c r="K2633" s="97"/>
      <c r="N2633" s="3"/>
      <c r="W2633" s="98"/>
      <c r="Z2633" s="143"/>
      <c r="AA2633" s="137"/>
      <c r="AB2633" s="137"/>
      <c r="AC2633" s="137"/>
      <c r="AD2633" s="137"/>
      <c r="AE2633" s="137"/>
      <c r="AF2633" s="137"/>
      <c r="AG2633" s="137"/>
      <c r="AH2633" s="137"/>
      <c r="AI2633" s="137"/>
      <c r="AJ2633" s="137"/>
      <c r="AK2633" s="206"/>
      <c r="AL2633" s="206"/>
      <c r="AM2633" s="143"/>
      <c r="AN2633" s="137"/>
      <c r="AO2633" s="137"/>
      <c r="AP2633" s="137"/>
      <c r="AQ2633" s="137"/>
      <c r="AR2633" s="137"/>
      <c r="AS2633" s="137"/>
      <c r="AT2633" s="137"/>
      <c r="AU2633" s="137"/>
      <c r="AV2633" s="137"/>
      <c r="AW2633" s="144"/>
    </row>
    <row r="2634" spans="2:49" x14ac:dyDescent="0.2">
      <c r="B2634" s="97"/>
      <c r="G2634" s="43"/>
      <c r="J2634" s="98"/>
      <c r="K2634" s="97"/>
      <c r="N2634" s="3"/>
      <c r="W2634" s="98"/>
      <c r="Z2634" s="143"/>
      <c r="AA2634" s="137"/>
      <c r="AB2634" s="137"/>
      <c r="AC2634" s="137"/>
      <c r="AD2634" s="137"/>
      <c r="AE2634" s="137"/>
      <c r="AF2634" s="137"/>
      <c r="AG2634" s="137"/>
      <c r="AH2634" s="137"/>
      <c r="AI2634" s="137"/>
      <c r="AJ2634" s="137"/>
      <c r="AK2634" s="206"/>
      <c r="AL2634" s="206"/>
      <c r="AM2634" s="143"/>
      <c r="AN2634" s="137"/>
      <c r="AO2634" s="137"/>
      <c r="AP2634" s="137"/>
      <c r="AQ2634" s="137"/>
      <c r="AR2634" s="137"/>
      <c r="AS2634" s="137"/>
      <c r="AT2634" s="137"/>
      <c r="AU2634" s="137"/>
      <c r="AV2634" s="137"/>
      <c r="AW2634" s="144"/>
    </row>
    <row r="2635" spans="2:49" x14ac:dyDescent="0.2">
      <c r="B2635" s="97"/>
      <c r="G2635" s="43"/>
      <c r="J2635" s="98"/>
      <c r="K2635" s="97"/>
      <c r="N2635" s="3"/>
      <c r="W2635" s="98"/>
      <c r="Z2635" s="143"/>
      <c r="AA2635" s="137"/>
      <c r="AB2635" s="137"/>
      <c r="AC2635" s="137"/>
      <c r="AD2635" s="137"/>
      <c r="AE2635" s="137"/>
      <c r="AF2635" s="137"/>
      <c r="AG2635" s="137"/>
      <c r="AH2635" s="137"/>
      <c r="AI2635" s="137"/>
      <c r="AJ2635" s="137"/>
      <c r="AK2635" s="206"/>
      <c r="AL2635" s="206"/>
      <c r="AM2635" s="143"/>
      <c r="AN2635" s="137"/>
      <c r="AO2635" s="137"/>
      <c r="AP2635" s="137"/>
      <c r="AQ2635" s="137"/>
      <c r="AR2635" s="137"/>
      <c r="AS2635" s="137"/>
      <c r="AT2635" s="137"/>
      <c r="AU2635" s="137"/>
      <c r="AV2635" s="137"/>
      <c r="AW2635" s="144"/>
    </row>
    <row r="2636" spans="2:49" x14ac:dyDescent="0.2">
      <c r="B2636" s="97"/>
      <c r="G2636" s="43"/>
      <c r="J2636" s="98"/>
      <c r="K2636" s="97"/>
      <c r="N2636" s="3"/>
      <c r="W2636" s="98"/>
      <c r="Z2636" s="143"/>
      <c r="AA2636" s="137"/>
      <c r="AB2636" s="137"/>
      <c r="AC2636" s="137"/>
      <c r="AD2636" s="137"/>
      <c r="AE2636" s="137"/>
      <c r="AF2636" s="137"/>
      <c r="AG2636" s="137"/>
      <c r="AH2636" s="137"/>
      <c r="AI2636" s="137"/>
      <c r="AJ2636" s="137"/>
      <c r="AK2636" s="206"/>
      <c r="AL2636" s="206"/>
      <c r="AM2636" s="143"/>
      <c r="AN2636" s="137"/>
      <c r="AO2636" s="137"/>
      <c r="AP2636" s="137"/>
      <c r="AQ2636" s="137"/>
      <c r="AR2636" s="137"/>
      <c r="AS2636" s="137"/>
      <c r="AT2636" s="137"/>
      <c r="AU2636" s="137"/>
      <c r="AV2636" s="137"/>
      <c r="AW2636" s="144"/>
    </row>
    <row r="2637" spans="2:49" x14ac:dyDescent="0.2">
      <c r="B2637" s="97"/>
      <c r="G2637" s="43"/>
      <c r="J2637" s="98"/>
      <c r="K2637" s="97"/>
      <c r="N2637" s="3"/>
      <c r="W2637" s="98"/>
      <c r="Z2637" s="143"/>
      <c r="AA2637" s="137"/>
      <c r="AB2637" s="137"/>
      <c r="AC2637" s="137"/>
      <c r="AD2637" s="137"/>
      <c r="AE2637" s="137"/>
      <c r="AF2637" s="137"/>
      <c r="AG2637" s="137"/>
      <c r="AH2637" s="137"/>
      <c r="AI2637" s="137"/>
      <c r="AJ2637" s="137"/>
      <c r="AK2637" s="206"/>
      <c r="AL2637" s="206"/>
      <c r="AM2637" s="143"/>
      <c r="AN2637" s="137"/>
      <c r="AO2637" s="137"/>
      <c r="AP2637" s="137"/>
      <c r="AQ2637" s="137"/>
      <c r="AR2637" s="137"/>
      <c r="AS2637" s="137"/>
      <c r="AT2637" s="137"/>
      <c r="AU2637" s="137"/>
      <c r="AV2637" s="137"/>
      <c r="AW2637" s="144"/>
    </row>
    <row r="2638" spans="2:49" x14ac:dyDescent="0.2">
      <c r="B2638" s="97"/>
      <c r="G2638" s="43"/>
      <c r="J2638" s="98"/>
      <c r="K2638" s="97"/>
      <c r="N2638" s="3"/>
      <c r="W2638" s="98"/>
      <c r="Z2638" s="143"/>
      <c r="AA2638" s="137"/>
      <c r="AB2638" s="137"/>
      <c r="AC2638" s="137"/>
      <c r="AD2638" s="137"/>
      <c r="AE2638" s="137"/>
      <c r="AF2638" s="137"/>
      <c r="AG2638" s="137"/>
      <c r="AH2638" s="137"/>
      <c r="AI2638" s="137"/>
      <c r="AJ2638" s="137"/>
      <c r="AK2638" s="206"/>
      <c r="AL2638" s="206"/>
      <c r="AM2638" s="143"/>
      <c r="AN2638" s="137"/>
      <c r="AO2638" s="137"/>
      <c r="AP2638" s="137"/>
      <c r="AQ2638" s="137"/>
      <c r="AR2638" s="137"/>
      <c r="AS2638" s="137"/>
      <c r="AT2638" s="137"/>
      <c r="AU2638" s="137"/>
      <c r="AV2638" s="137"/>
      <c r="AW2638" s="144"/>
    </row>
    <row r="2639" spans="2:49" x14ac:dyDescent="0.2">
      <c r="B2639" s="97"/>
      <c r="G2639" s="43"/>
      <c r="J2639" s="98"/>
      <c r="K2639" s="97"/>
      <c r="N2639" s="3"/>
      <c r="W2639" s="98"/>
      <c r="Z2639" s="143"/>
      <c r="AA2639" s="137"/>
      <c r="AB2639" s="137"/>
      <c r="AC2639" s="137"/>
      <c r="AD2639" s="137"/>
      <c r="AE2639" s="137"/>
      <c r="AF2639" s="137"/>
      <c r="AG2639" s="137"/>
      <c r="AH2639" s="137"/>
      <c r="AI2639" s="137"/>
      <c r="AJ2639" s="137"/>
      <c r="AK2639" s="206"/>
      <c r="AL2639" s="206"/>
      <c r="AM2639" s="143"/>
      <c r="AN2639" s="137"/>
      <c r="AO2639" s="137"/>
      <c r="AP2639" s="137"/>
      <c r="AQ2639" s="137"/>
      <c r="AR2639" s="137"/>
      <c r="AS2639" s="137"/>
      <c r="AT2639" s="137"/>
      <c r="AU2639" s="137"/>
      <c r="AV2639" s="137"/>
      <c r="AW2639" s="144"/>
    </row>
    <row r="2640" spans="2:49" x14ac:dyDescent="0.2">
      <c r="B2640" s="97"/>
      <c r="G2640" s="43"/>
      <c r="J2640" s="98"/>
      <c r="K2640" s="97"/>
      <c r="N2640" s="3"/>
      <c r="W2640" s="98"/>
      <c r="Z2640" s="143"/>
      <c r="AA2640" s="137"/>
      <c r="AB2640" s="137"/>
      <c r="AC2640" s="137"/>
      <c r="AD2640" s="137"/>
      <c r="AE2640" s="137"/>
      <c r="AF2640" s="137"/>
      <c r="AG2640" s="137"/>
      <c r="AH2640" s="137"/>
      <c r="AI2640" s="137"/>
      <c r="AJ2640" s="137"/>
      <c r="AK2640" s="206"/>
      <c r="AL2640" s="206"/>
      <c r="AM2640" s="143"/>
      <c r="AN2640" s="137"/>
      <c r="AO2640" s="137"/>
      <c r="AP2640" s="137"/>
      <c r="AQ2640" s="137"/>
      <c r="AR2640" s="137"/>
      <c r="AS2640" s="137"/>
      <c r="AT2640" s="137"/>
      <c r="AU2640" s="137"/>
      <c r="AV2640" s="137"/>
      <c r="AW2640" s="144"/>
    </row>
    <row r="2641" spans="2:49" x14ac:dyDescent="0.2">
      <c r="B2641" s="97"/>
      <c r="G2641" s="43"/>
      <c r="J2641" s="98"/>
      <c r="K2641" s="97"/>
      <c r="N2641" s="3"/>
      <c r="W2641" s="98"/>
      <c r="Z2641" s="143"/>
      <c r="AA2641" s="137"/>
      <c r="AB2641" s="137"/>
      <c r="AC2641" s="137"/>
      <c r="AD2641" s="137"/>
      <c r="AE2641" s="137"/>
      <c r="AF2641" s="137"/>
      <c r="AG2641" s="137"/>
      <c r="AH2641" s="137"/>
      <c r="AI2641" s="137"/>
      <c r="AJ2641" s="137"/>
      <c r="AK2641" s="206"/>
      <c r="AL2641" s="206"/>
      <c r="AM2641" s="143"/>
      <c r="AN2641" s="137"/>
      <c r="AO2641" s="137"/>
      <c r="AP2641" s="137"/>
      <c r="AQ2641" s="137"/>
      <c r="AR2641" s="137"/>
      <c r="AS2641" s="137"/>
      <c r="AT2641" s="137"/>
      <c r="AU2641" s="137"/>
      <c r="AV2641" s="137"/>
      <c r="AW2641" s="144"/>
    </row>
    <row r="2642" spans="2:49" x14ac:dyDescent="0.2">
      <c r="B2642" s="97"/>
      <c r="G2642" s="43"/>
      <c r="J2642" s="98"/>
      <c r="K2642" s="97"/>
      <c r="N2642" s="3"/>
      <c r="W2642" s="98"/>
      <c r="Z2642" s="143"/>
      <c r="AA2642" s="137"/>
      <c r="AB2642" s="137"/>
      <c r="AC2642" s="137"/>
      <c r="AD2642" s="137"/>
      <c r="AE2642" s="137"/>
      <c r="AF2642" s="137"/>
      <c r="AG2642" s="137"/>
      <c r="AH2642" s="137"/>
      <c r="AI2642" s="137"/>
      <c r="AJ2642" s="137"/>
      <c r="AK2642" s="206"/>
      <c r="AL2642" s="206"/>
      <c r="AM2642" s="143"/>
      <c r="AN2642" s="137"/>
      <c r="AO2642" s="137"/>
      <c r="AP2642" s="137"/>
      <c r="AQ2642" s="137"/>
      <c r="AR2642" s="137"/>
      <c r="AS2642" s="137"/>
      <c r="AT2642" s="137"/>
      <c r="AU2642" s="137"/>
      <c r="AV2642" s="137"/>
      <c r="AW2642" s="144"/>
    </row>
    <row r="2643" spans="2:49" x14ac:dyDescent="0.2">
      <c r="B2643" s="97"/>
      <c r="G2643" s="43"/>
      <c r="J2643" s="98"/>
      <c r="K2643" s="97"/>
      <c r="N2643" s="3"/>
      <c r="W2643" s="98"/>
      <c r="Z2643" s="143"/>
      <c r="AA2643" s="137"/>
      <c r="AB2643" s="137"/>
      <c r="AC2643" s="137"/>
      <c r="AD2643" s="137"/>
      <c r="AE2643" s="137"/>
      <c r="AF2643" s="137"/>
      <c r="AG2643" s="137"/>
      <c r="AH2643" s="137"/>
      <c r="AI2643" s="137"/>
      <c r="AJ2643" s="137"/>
      <c r="AK2643" s="206"/>
      <c r="AL2643" s="206"/>
      <c r="AM2643" s="143"/>
      <c r="AN2643" s="137"/>
      <c r="AO2643" s="137"/>
      <c r="AP2643" s="137"/>
      <c r="AQ2643" s="137"/>
      <c r="AR2643" s="137"/>
      <c r="AS2643" s="137"/>
      <c r="AT2643" s="137"/>
      <c r="AU2643" s="137"/>
      <c r="AV2643" s="137"/>
      <c r="AW2643" s="144"/>
    </row>
    <row r="2644" spans="2:49" x14ac:dyDescent="0.2">
      <c r="B2644" s="97"/>
      <c r="G2644" s="43"/>
      <c r="J2644" s="98"/>
      <c r="K2644" s="97"/>
      <c r="N2644" s="3"/>
      <c r="W2644" s="98"/>
      <c r="Z2644" s="143"/>
      <c r="AA2644" s="137"/>
      <c r="AB2644" s="137"/>
      <c r="AC2644" s="137"/>
      <c r="AD2644" s="137"/>
      <c r="AE2644" s="137"/>
      <c r="AF2644" s="137"/>
      <c r="AG2644" s="137"/>
      <c r="AH2644" s="137"/>
      <c r="AI2644" s="137"/>
      <c r="AJ2644" s="137"/>
      <c r="AK2644" s="206"/>
      <c r="AL2644" s="206"/>
      <c r="AM2644" s="143"/>
      <c r="AN2644" s="137"/>
      <c r="AO2644" s="137"/>
      <c r="AP2644" s="137"/>
      <c r="AQ2644" s="137"/>
      <c r="AR2644" s="137"/>
      <c r="AS2644" s="137"/>
      <c r="AT2644" s="137"/>
      <c r="AU2644" s="137"/>
      <c r="AV2644" s="137"/>
      <c r="AW2644" s="144"/>
    </row>
    <row r="2645" spans="2:49" x14ac:dyDescent="0.2">
      <c r="B2645" s="97"/>
      <c r="G2645" s="43"/>
      <c r="J2645" s="98"/>
      <c r="K2645" s="97"/>
      <c r="N2645" s="3"/>
      <c r="W2645" s="98"/>
      <c r="Z2645" s="143"/>
      <c r="AA2645" s="137"/>
      <c r="AB2645" s="137"/>
      <c r="AC2645" s="137"/>
      <c r="AD2645" s="137"/>
      <c r="AE2645" s="137"/>
      <c r="AF2645" s="137"/>
      <c r="AG2645" s="137"/>
      <c r="AH2645" s="137"/>
      <c r="AI2645" s="137"/>
      <c r="AJ2645" s="137"/>
      <c r="AK2645" s="206"/>
      <c r="AL2645" s="206"/>
      <c r="AM2645" s="143"/>
      <c r="AN2645" s="137"/>
      <c r="AO2645" s="137"/>
      <c r="AP2645" s="137"/>
      <c r="AQ2645" s="137"/>
      <c r="AR2645" s="137"/>
      <c r="AS2645" s="137"/>
      <c r="AT2645" s="137"/>
      <c r="AU2645" s="137"/>
      <c r="AV2645" s="137"/>
      <c r="AW2645" s="144"/>
    </row>
    <row r="2646" spans="2:49" x14ac:dyDescent="0.2">
      <c r="B2646" s="97"/>
      <c r="G2646" s="43"/>
      <c r="J2646" s="98"/>
      <c r="K2646" s="97"/>
      <c r="N2646" s="3"/>
      <c r="W2646" s="98"/>
      <c r="Z2646" s="143"/>
      <c r="AA2646" s="137"/>
      <c r="AB2646" s="137"/>
      <c r="AC2646" s="137"/>
      <c r="AD2646" s="137"/>
      <c r="AE2646" s="137"/>
      <c r="AF2646" s="137"/>
      <c r="AG2646" s="137"/>
      <c r="AH2646" s="137"/>
      <c r="AI2646" s="137"/>
      <c r="AJ2646" s="137"/>
      <c r="AK2646" s="206"/>
      <c r="AL2646" s="206"/>
      <c r="AM2646" s="143"/>
      <c r="AN2646" s="137"/>
      <c r="AO2646" s="137"/>
      <c r="AP2646" s="137"/>
      <c r="AQ2646" s="137"/>
      <c r="AR2646" s="137"/>
      <c r="AS2646" s="137"/>
      <c r="AT2646" s="137"/>
      <c r="AU2646" s="137"/>
      <c r="AV2646" s="137"/>
      <c r="AW2646" s="144"/>
    </row>
    <row r="2647" spans="2:49" x14ac:dyDescent="0.2">
      <c r="B2647" s="97"/>
      <c r="G2647" s="43"/>
      <c r="J2647" s="98"/>
      <c r="K2647" s="97"/>
      <c r="N2647" s="3"/>
      <c r="W2647" s="98"/>
      <c r="Z2647" s="143"/>
      <c r="AA2647" s="137"/>
      <c r="AB2647" s="137"/>
      <c r="AC2647" s="137"/>
      <c r="AD2647" s="137"/>
      <c r="AE2647" s="137"/>
      <c r="AF2647" s="137"/>
      <c r="AG2647" s="137"/>
      <c r="AH2647" s="137"/>
      <c r="AI2647" s="137"/>
      <c r="AJ2647" s="137"/>
      <c r="AK2647" s="206"/>
      <c r="AL2647" s="206"/>
      <c r="AM2647" s="143"/>
      <c r="AN2647" s="137"/>
      <c r="AO2647" s="137"/>
      <c r="AP2647" s="137"/>
      <c r="AQ2647" s="137"/>
      <c r="AR2647" s="137"/>
      <c r="AS2647" s="137"/>
      <c r="AT2647" s="137"/>
      <c r="AU2647" s="137"/>
      <c r="AV2647" s="137"/>
      <c r="AW2647" s="144"/>
    </row>
    <row r="2648" spans="2:49" x14ac:dyDescent="0.2">
      <c r="B2648" s="97"/>
      <c r="G2648" s="43"/>
      <c r="J2648" s="98"/>
      <c r="K2648" s="97"/>
      <c r="N2648" s="3"/>
      <c r="W2648" s="98"/>
      <c r="Z2648" s="143"/>
      <c r="AA2648" s="137"/>
      <c r="AB2648" s="137"/>
      <c r="AC2648" s="137"/>
      <c r="AD2648" s="137"/>
      <c r="AE2648" s="137"/>
      <c r="AF2648" s="137"/>
      <c r="AG2648" s="137"/>
      <c r="AH2648" s="137"/>
      <c r="AI2648" s="137"/>
      <c r="AJ2648" s="137"/>
      <c r="AK2648" s="206"/>
      <c r="AL2648" s="206"/>
      <c r="AM2648" s="143"/>
      <c r="AN2648" s="137"/>
      <c r="AO2648" s="137"/>
      <c r="AP2648" s="137"/>
      <c r="AQ2648" s="137"/>
      <c r="AR2648" s="137"/>
      <c r="AS2648" s="137"/>
      <c r="AT2648" s="137"/>
      <c r="AU2648" s="137"/>
      <c r="AV2648" s="137"/>
      <c r="AW2648" s="144"/>
    </row>
    <row r="2649" spans="2:49" x14ac:dyDescent="0.2">
      <c r="B2649" s="97"/>
      <c r="G2649" s="43"/>
      <c r="J2649" s="98"/>
      <c r="K2649" s="97"/>
      <c r="N2649" s="3"/>
      <c r="W2649" s="98"/>
      <c r="Z2649" s="143"/>
      <c r="AA2649" s="137"/>
      <c r="AB2649" s="137"/>
      <c r="AC2649" s="137"/>
      <c r="AD2649" s="137"/>
      <c r="AE2649" s="137"/>
      <c r="AF2649" s="137"/>
      <c r="AG2649" s="137"/>
      <c r="AH2649" s="137"/>
      <c r="AI2649" s="137"/>
      <c r="AJ2649" s="137"/>
      <c r="AK2649" s="206"/>
      <c r="AL2649" s="206"/>
      <c r="AM2649" s="143"/>
      <c r="AN2649" s="137"/>
      <c r="AO2649" s="137"/>
      <c r="AP2649" s="137"/>
      <c r="AQ2649" s="137"/>
      <c r="AR2649" s="137"/>
      <c r="AS2649" s="137"/>
      <c r="AT2649" s="137"/>
      <c r="AU2649" s="137"/>
      <c r="AV2649" s="137"/>
      <c r="AW2649" s="144"/>
    </row>
    <row r="2650" spans="2:49" x14ac:dyDescent="0.2">
      <c r="B2650" s="97"/>
      <c r="G2650" s="43"/>
      <c r="J2650" s="98"/>
      <c r="K2650" s="97"/>
      <c r="N2650" s="3"/>
      <c r="W2650" s="98"/>
      <c r="Z2650" s="143"/>
      <c r="AA2650" s="137"/>
      <c r="AB2650" s="137"/>
      <c r="AC2650" s="137"/>
      <c r="AD2650" s="137"/>
      <c r="AE2650" s="137"/>
      <c r="AF2650" s="137"/>
      <c r="AG2650" s="137"/>
      <c r="AH2650" s="137"/>
      <c r="AI2650" s="137"/>
      <c r="AJ2650" s="137"/>
      <c r="AK2650" s="206"/>
      <c r="AL2650" s="206"/>
      <c r="AM2650" s="143"/>
      <c r="AN2650" s="137"/>
      <c r="AO2650" s="137"/>
      <c r="AP2650" s="137"/>
      <c r="AQ2650" s="137"/>
      <c r="AR2650" s="137"/>
      <c r="AS2650" s="137"/>
      <c r="AT2650" s="137"/>
      <c r="AU2650" s="137"/>
      <c r="AV2650" s="137"/>
      <c r="AW2650" s="144"/>
    </row>
    <row r="2651" spans="2:49" x14ac:dyDescent="0.2">
      <c r="B2651" s="97"/>
      <c r="G2651" s="43"/>
      <c r="J2651" s="98"/>
      <c r="K2651" s="97"/>
      <c r="N2651" s="3"/>
      <c r="W2651" s="98"/>
      <c r="Z2651" s="143"/>
      <c r="AA2651" s="137"/>
      <c r="AB2651" s="137"/>
      <c r="AC2651" s="137"/>
      <c r="AD2651" s="137"/>
      <c r="AE2651" s="137"/>
      <c r="AF2651" s="137"/>
      <c r="AG2651" s="137"/>
      <c r="AH2651" s="137"/>
      <c r="AI2651" s="137"/>
      <c r="AJ2651" s="137"/>
      <c r="AK2651" s="206"/>
      <c r="AL2651" s="206"/>
      <c r="AM2651" s="143"/>
      <c r="AN2651" s="137"/>
      <c r="AO2651" s="137"/>
      <c r="AP2651" s="137"/>
      <c r="AQ2651" s="137"/>
      <c r="AR2651" s="137"/>
      <c r="AS2651" s="137"/>
      <c r="AT2651" s="137"/>
      <c r="AU2651" s="137"/>
      <c r="AV2651" s="137"/>
      <c r="AW2651" s="144"/>
    </row>
    <row r="2652" spans="2:49" x14ac:dyDescent="0.2">
      <c r="B2652" s="97"/>
      <c r="G2652" s="43"/>
      <c r="J2652" s="98"/>
      <c r="K2652" s="97"/>
      <c r="N2652" s="3"/>
      <c r="W2652" s="98"/>
      <c r="Z2652" s="143"/>
      <c r="AA2652" s="137"/>
      <c r="AB2652" s="137"/>
      <c r="AC2652" s="137"/>
      <c r="AD2652" s="137"/>
      <c r="AE2652" s="137"/>
      <c r="AF2652" s="137"/>
      <c r="AG2652" s="137"/>
      <c r="AH2652" s="137"/>
      <c r="AI2652" s="137"/>
      <c r="AJ2652" s="137"/>
      <c r="AK2652" s="206"/>
      <c r="AL2652" s="206"/>
      <c r="AM2652" s="143"/>
      <c r="AN2652" s="137"/>
      <c r="AO2652" s="137"/>
      <c r="AP2652" s="137"/>
      <c r="AQ2652" s="137"/>
      <c r="AR2652" s="137"/>
      <c r="AS2652" s="137"/>
      <c r="AT2652" s="137"/>
      <c r="AU2652" s="137"/>
      <c r="AV2652" s="137"/>
      <c r="AW2652" s="144"/>
    </row>
    <row r="2653" spans="2:49" x14ac:dyDescent="0.2">
      <c r="B2653" s="97"/>
      <c r="G2653" s="43"/>
      <c r="J2653" s="98"/>
      <c r="K2653" s="97"/>
      <c r="N2653" s="3"/>
      <c r="W2653" s="98"/>
      <c r="Z2653" s="143"/>
      <c r="AA2653" s="137"/>
      <c r="AB2653" s="137"/>
      <c r="AC2653" s="137"/>
      <c r="AD2653" s="137"/>
      <c r="AE2653" s="137"/>
      <c r="AF2653" s="137"/>
      <c r="AG2653" s="137"/>
      <c r="AH2653" s="137"/>
      <c r="AI2653" s="137"/>
      <c r="AJ2653" s="137"/>
      <c r="AK2653" s="206"/>
      <c r="AL2653" s="206"/>
      <c r="AM2653" s="143"/>
      <c r="AN2653" s="137"/>
      <c r="AO2653" s="137"/>
      <c r="AP2653" s="137"/>
      <c r="AQ2653" s="137"/>
      <c r="AR2653" s="137"/>
      <c r="AS2653" s="137"/>
      <c r="AT2653" s="137"/>
      <c r="AU2653" s="137"/>
      <c r="AV2653" s="137"/>
      <c r="AW2653" s="144"/>
    </row>
    <row r="2654" spans="2:49" x14ac:dyDescent="0.2">
      <c r="B2654" s="97"/>
      <c r="G2654" s="43"/>
      <c r="J2654" s="98"/>
      <c r="K2654" s="97"/>
      <c r="N2654" s="3"/>
      <c r="W2654" s="98"/>
      <c r="Z2654" s="143"/>
      <c r="AA2654" s="137"/>
      <c r="AB2654" s="137"/>
      <c r="AC2654" s="137"/>
      <c r="AD2654" s="137"/>
      <c r="AE2654" s="137"/>
      <c r="AF2654" s="137"/>
      <c r="AG2654" s="137"/>
      <c r="AH2654" s="137"/>
      <c r="AI2654" s="137"/>
      <c r="AJ2654" s="137"/>
      <c r="AK2654" s="206"/>
      <c r="AL2654" s="206"/>
      <c r="AM2654" s="143"/>
      <c r="AN2654" s="137"/>
      <c r="AO2654" s="137"/>
      <c r="AP2654" s="137"/>
      <c r="AQ2654" s="137"/>
      <c r="AR2654" s="137"/>
      <c r="AS2654" s="137"/>
      <c r="AT2654" s="137"/>
      <c r="AU2654" s="137"/>
      <c r="AV2654" s="137"/>
      <c r="AW2654" s="144"/>
    </row>
    <row r="2655" spans="2:49" x14ac:dyDescent="0.2">
      <c r="B2655" s="97"/>
      <c r="G2655" s="43"/>
      <c r="J2655" s="98"/>
      <c r="K2655" s="97"/>
      <c r="N2655" s="3"/>
      <c r="W2655" s="98"/>
      <c r="Z2655" s="143"/>
      <c r="AA2655" s="137"/>
      <c r="AB2655" s="137"/>
      <c r="AC2655" s="137"/>
      <c r="AD2655" s="137"/>
      <c r="AE2655" s="137"/>
      <c r="AF2655" s="137"/>
      <c r="AG2655" s="137"/>
      <c r="AH2655" s="137"/>
      <c r="AI2655" s="137"/>
      <c r="AJ2655" s="137"/>
      <c r="AK2655" s="206"/>
      <c r="AL2655" s="206"/>
      <c r="AM2655" s="143"/>
      <c r="AN2655" s="137"/>
      <c r="AO2655" s="137"/>
      <c r="AP2655" s="137"/>
      <c r="AQ2655" s="137"/>
      <c r="AR2655" s="137"/>
      <c r="AS2655" s="137"/>
      <c r="AT2655" s="137"/>
      <c r="AU2655" s="137"/>
      <c r="AV2655" s="137"/>
      <c r="AW2655" s="144"/>
    </row>
    <row r="2656" spans="2:49" x14ac:dyDescent="0.2">
      <c r="B2656" s="97"/>
      <c r="G2656" s="43"/>
      <c r="J2656" s="98"/>
      <c r="K2656" s="97"/>
      <c r="N2656" s="3"/>
      <c r="W2656" s="98"/>
      <c r="Z2656" s="143"/>
      <c r="AA2656" s="137"/>
      <c r="AB2656" s="137"/>
      <c r="AC2656" s="137"/>
      <c r="AD2656" s="137"/>
      <c r="AE2656" s="137"/>
      <c r="AF2656" s="137"/>
      <c r="AG2656" s="137"/>
      <c r="AH2656" s="137"/>
      <c r="AI2656" s="137"/>
      <c r="AJ2656" s="137"/>
      <c r="AK2656" s="206"/>
      <c r="AL2656" s="206"/>
      <c r="AM2656" s="143"/>
      <c r="AN2656" s="137"/>
      <c r="AO2656" s="137"/>
      <c r="AP2656" s="137"/>
      <c r="AQ2656" s="137"/>
      <c r="AR2656" s="137"/>
      <c r="AS2656" s="137"/>
      <c r="AT2656" s="137"/>
      <c r="AU2656" s="137"/>
      <c r="AV2656" s="137"/>
      <c r="AW2656" s="144"/>
    </row>
    <row r="2657" spans="2:49" x14ac:dyDescent="0.2">
      <c r="B2657" s="97"/>
      <c r="G2657" s="43"/>
      <c r="J2657" s="98"/>
      <c r="K2657" s="97"/>
      <c r="N2657" s="3"/>
      <c r="W2657" s="98"/>
      <c r="Z2657" s="143"/>
      <c r="AA2657" s="137"/>
      <c r="AB2657" s="137"/>
      <c r="AC2657" s="137"/>
      <c r="AD2657" s="137"/>
      <c r="AE2657" s="137"/>
      <c r="AF2657" s="137"/>
      <c r="AG2657" s="137"/>
      <c r="AH2657" s="137"/>
      <c r="AI2657" s="137"/>
      <c r="AJ2657" s="137"/>
      <c r="AK2657" s="206"/>
      <c r="AL2657" s="206"/>
      <c r="AM2657" s="143"/>
      <c r="AN2657" s="137"/>
      <c r="AO2657" s="137"/>
      <c r="AP2657" s="137"/>
      <c r="AQ2657" s="137"/>
      <c r="AR2657" s="137"/>
      <c r="AS2657" s="137"/>
      <c r="AT2657" s="137"/>
      <c r="AU2657" s="137"/>
      <c r="AV2657" s="137"/>
      <c r="AW2657" s="144"/>
    </row>
    <row r="2658" spans="2:49" x14ac:dyDescent="0.2">
      <c r="B2658" s="97"/>
      <c r="G2658" s="43"/>
      <c r="J2658" s="98"/>
      <c r="K2658" s="97"/>
      <c r="N2658" s="3"/>
      <c r="W2658" s="98"/>
      <c r="Z2658" s="143"/>
      <c r="AA2658" s="137"/>
      <c r="AB2658" s="137"/>
      <c r="AC2658" s="137"/>
      <c r="AD2658" s="137"/>
      <c r="AE2658" s="137"/>
      <c r="AF2658" s="137"/>
      <c r="AG2658" s="137"/>
      <c r="AH2658" s="137"/>
      <c r="AI2658" s="137"/>
      <c r="AJ2658" s="137"/>
      <c r="AK2658" s="206"/>
      <c r="AL2658" s="206"/>
      <c r="AM2658" s="143"/>
      <c r="AN2658" s="137"/>
      <c r="AO2658" s="137"/>
      <c r="AP2658" s="137"/>
      <c r="AQ2658" s="137"/>
      <c r="AR2658" s="137"/>
      <c r="AS2658" s="137"/>
      <c r="AT2658" s="137"/>
      <c r="AU2658" s="137"/>
      <c r="AV2658" s="137"/>
      <c r="AW2658" s="144"/>
    </row>
    <row r="2659" spans="2:49" x14ac:dyDescent="0.2">
      <c r="B2659" s="97"/>
      <c r="G2659" s="43"/>
      <c r="J2659" s="98"/>
      <c r="K2659" s="97"/>
      <c r="N2659" s="3"/>
      <c r="W2659" s="98"/>
      <c r="Z2659" s="143"/>
      <c r="AA2659" s="137"/>
      <c r="AB2659" s="137"/>
      <c r="AC2659" s="137"/>
      <c r="AD2659" s="137"/>
      <c r="AE2659" s="137"/>
      <c r="AF2659" s="137"/>
      <c r="AG2659" s="137"/>
      <c r="AH2659" s="137"/>
      <c r="AI2659" s="137"/>
      <c r="AJ2659" s="137"/>
      <c r="AK2659" s="206"/>
      <c r="AL2659" s="206"/>
      <c r="AM2659" s="143"/>
      <c r="AN2659" s="137"/>
      <c r="AO2659" s="137"/>
      <c r="AP2659" s="137"/>
      <c r="AQ2659" s="137"/>
      <c r="AR2659" s="137"/>
      <c r="AS2659" s="137"/>
      <c r="AT2659" s="137"/>
      <c r="AU2659" s="137"/>
      <c r="AV2659" s="137"/>
      <c r="AW2659" s="144"/>
    </row>
    <row r="2660" spans="2:49" x14ac:dyDescent="0.2">
      <c r="B2660" s="97"/>
      <c r="G2660" s="43"/>
      <c r="J2660" s="98"/>
      <c r="K2660" s="97"/>
      <c r="N2660" s="3"/>
      <c r="W2660" s="98"/>
      <c r="Z2660" s="143"/>
      <c r="AA2660" s="137"/>
      <c r="AB2660" s="137"/>
      <c r="AC2660" s="137"/>
      <c r="AD2660" s="137"/>
      <c r="AE2660" s="137"/>
      <c r="AF2660" s="137"/>
      <c r="AG2660" s="137"/>
      <c r="AH2660" s="137"/>
      <c r="AI2660" s="137"/>
      <c r="AJ2660" s="137"/>
      <c r="AK2660" s="206"/>
      <c r="AL2660" s="206"/>
      <c r="AM2660" s="143"/>
      <c r="AN2660" s="137"/>
      <c r="AO2660" s="137"/>
      <c r="AP2660" s="137"/>
      <c r="AQ2660" s="137"/>
      <c r="AR2660" s="137"/>
      <c r="AS2660" s="137"/>
      <c r="AT2660" s="137"/>
      <c r="AU2660" s="137"/>
      <c r="AV2660" s="137"/>
      <c r="AW2660" s="144"/>
    </row>
    <row r="2661" spans="2:49" x14ac:dyDescent="0.2">
      <c r="B2661" s="97"/>
      <c r="G2661" s="43"/>
      <c r="J2661" s="98"/>
      <c r="K2661" s="97"/>
      <c r="N2661" s="3"/>
      <c r="W2661" s="98"/>
      <c r="Z2661" s="143"/>
      <c r="AA2661" s="137"/>
      <c r="AB2661" s="137"/>
      <c r="AC2661" s="137"/>
      <c r="AD2661" s="137"/>
      <c r="AE2661" s="137"/>
      <c r="AF2661" s="137"/>
      <c r="AG2661" s="137"/>
      <c r="AH2661" s="137"/>
      <c r="AI2661" s="137"/>
      <c r="AJ2661" s="137"/>
      <c r="AK2661" s="206"/>
      <c r="AL2661" s="206"/>
      <c r="AM2661" s="143"/>
      <c r="AN2661" s="137"/>
      <c r="AO2661" s="137"/>
      <c r="AP2661" s="137"/>
      <c r="AQ2661" s="137"/>
      <c r="AR2661" s="137"/>
      <c r="AS2661" s="137"/>
      <c r="AT2661" s="137"/>
      <c r="AU2661" s="137"/>
      <c r="AV2661" s="137"/>
      <c r="AW2661" s="144"/>
    </row>
    <row r="2662" spans="2:49" x14ac:dyDescent="0.2">
      <c r="B2662" s="97"/>
      <c r="G2662" s="43"/>
      <c r="J2662" s="98"/>
      <c r="K2662" s="97"/>
      <c r="N2662" s="3"/>
      <c r="W2662" s="98"/>
      <c r="Z2662" s="143"/>
      <c r="AA2662" s="137"/>
      <c r="AB2662" s="137"/>
      <c r="AC2662" s="137"/>
      <c r="AD2662" s="137"/>
      <c r="AE2662" s="137"/>
      <c r="AF2662" s="137"/>
      <c r="AG2662" s="137"/>
      <c r="AH2662" s="137"/>
      <c r="AI2662" s="137"/>
      <c r="AJ2662" s="137"/>
      <c r="AK2662" s="206"/>
      <c r="AL2662" s="206"/>
      <c r="AM2662" s="143"/>
      <c r="AN2662" s="137"/>
      <c r="AO2662" s="137"/>
      <c r="AP2662" s="137"/>
      <c r="AQ2662" s="137"/>
      <c r="AR2662" s="137"/>
      <c r="AS2662" s="137"/>
      <c r="AT2662" s="137"/>
      <c r="AU2662" s="137"/>
      <c r="AV2662" s="137"/>
      <c r="AW2662" s="144"/>
    </row>
    <row r="2663" spans="2:49" x14ac:dyDescent="0.2">
      <c r="B2663" s="97"/>
      <c r="G2663" s="43"/>
      <c r="J2663" s="98"/>
      <c r="K2663" s="97"/>
      <c r="N2663" s="3"/>
      <c r="W2663" s="98"/>
      <c r="Z2663" s="143"/>
      <c r="AA2663" s="137"/>
      <c r="AB2663" s="137"/>
      <c r="AC2663" s="137"/>
      <c r="AD2663" s="137"/>
      <c r="AE2663" s="137"/>
      <c r="AF2663" s="137"/>
      <c r="AG2663" s="137"/>
      <c r="AH2663" s="137"/>
      <c r="AI2663" s="137"/>
      <c r="AJ2663" s="137"/>
      <c r="AK2663" s="206"/>
      <c r="AL2663" s="206"/>
      <c r="AM2663" s="143"/>
      <c r="AN2663" s="137"/>
      <c r="AO2663" s="137"/>
      <c r="AP2663" s="137"/>
      <c r="AQ2663" s="137"/>
      <c r="AR2663" s="137"/>
      <c r="AS2663" s="137"/>
      <c r="AT2663" s="137"/>
      <c r="AU2663" s="137"/>
      <c r="AV2663" s="137"/>
      <c r="AW2663" s="144"/>
    </row>
    <row r="2664" spans="2:49" x14ac:dyDescent="0.2">
      <c r="B2664" s="97"/>
      <c r="G2664" s="43"/>
      <c r="J2664" s="98"/>
      <c r="K2664" s="97"/>
      <c r="N2664" s="3"/>
      <c r="W2664" s="98"/>
      <c r="Z2664" s="143"/>
      <c r="AA2664" s="137"/>
      <c r="AB2664" s="137"/>
      <c r="AC2664" s="137"/>
      <c r="AD2664" s="137"/>
      <c r="AE2664" s="137"/>
      <c r="AF2664" s="137"/>
      <c r="AG2664" s="137"/>
      <c r="AH2664" s="137"/>
      <c r="AI2664" s="137"/>
      <c r="AJ2664" s="137"/>
      <c r="AK2664" s="206"/>
      <c r="AL2664" s="206"/>
      <c r="AM2664" s="143"/>
      <c r="AN2664" s="137"/>
      <c r="AO2664" s="137"/>
      <c r="AP2664" s="137"/>
      <c r="AQ2664" s="137"/>
      <c r="AR2664" s="137"/>
      <c r="AS2664" s="137"/>
      <c r="AT2664" s="137"/>
      <c r="AU2664" s="137"/>
      <c r="AV2664" s="137"/>
      <c r="AW2664" s="144"/>
    </row>
    <row r="2665" spans="2:49" x14ac:dyDescent="0.2">
      <c r="B2665" s="97"/>
      <c r="G2665" s="43"/>
      <c r="J2665" s="98"/>
      <c r="K2665" s="97"/>
      <c r="N2665" s="3"/>
      <c r="W2665" s="98"/>
      <c r="Z2665" s="143"/>
      <c r="AA2665" s="137"/>
      <c r="AB2665" s="137"/>
      <c r="AC2665" s="137"/>
      <c r="AD2665" s="137"/>
      <c r="AE2665" s="137"/>
      <c r="AF2665" s="137"/>
      <c r="AG2665" s="137"/>
      <c r="AH2665" s="137"/>
      <c r="AI2665" s="137"/>
      <c r="AJ2665" s="137"/>
      <c r="AK2665" s="206"/>
      <c r="AL2665" s="206"/>
      <c r="AM2665" s="143"/>
      <c r="AN2665" s="137"/>
      <c r="AO2665" s="137"/>
      <c r="AP2665" s="137"/>
      <c r="AQ2665" s="137"/>
      <c r="AR2665" s="137"/>
      <c r="AS2665" s="137"/>
      <c r="AT2665" s="137"/>
      <c r="AU2665" s="137"/>
      <c r="AV2665" s="137"/>
      <c r="AW2665" s="144"/>
    </row>
    <row r="2666" spans="2:49" x14ac:dyDescent="0.2">
      <c r="B2666" s="97"/>
      <c r="G2666" s="43"/>
      <c r="J2666" s="98"/>
      <c r="K2666" s="97"/>
      <c r="N2666" s="3"/>
      <c r="W2666" s="98"/>
      <c r="Z2666" s="143"/>
      <c r="AA2666" s="137"/>
      <c r="AB2666" s="137"/>
      <c r="AC2666" s="137"/>
      <c r="AD2666" s="137"/>
      <c r="AE2666" s="137"/>
      <c r="AF2666" s="137"/>
      <c r="AG2666" s="137"/>
      <c r="AH2666" s="137"/>
      <c r="AI2666" s="137"/>
      <c r="AJ2666" s="137"/>
      <c r="AK2666" s="206"/>
      <c r="AL2666" s="206"/>
      <c r="AM2666" s="143"/>
      <c r="AN2666" s="137"/>
      <c r="AO2666" s="137"/>
      <c r="AP2666" s="137"/>
      <c r="AQ2666" s="137"/>
      <c r="AR2666" s="137"/>
      <c r="AS2666" s="137"/>
      <c r="AT2666" s="137"/>
      <c r="AU2666" s="137"/>
      <c r="AV2666" s="137"/>
      <c r="AW2666" s="144"/>
    </row>
    <row r="2667" spans="2:49" x14ac:dyDescent="0.2">
      <c r="B2667" s="97"/>
      <c r="G2667" s="43"/>
      <c r="J2667" s="98"/>
      <c r="K2667" s="97"/>
      <c r="N2667" s="3"/>
      <c r="W2667" s="98"/>
      <c r="Z2667" s="143"/>
      <c r="AA2667" s="137"/>
      <c r="AB2667" s="137"/>
      <c r="AC2667" s="137"/>
      <c r="AD2667" s="137"/>
      <c r="AE2667" s="137"/>
      <c r="AF2667" s="137"/>
      <c r="AG2667" s="137"/>
      <c r="AH2667" s="137"/>
      <c r="AI2667" s="137"/>
      <c r="AJ2667" s="137"/>
      <c r="AK2667" s="206"/>
      <c r="AL2667" s="206"/>
      <c r="AM2667" s="143"/>
      <c r="AN2667" s="137"/>
      <c r="AO2667" s="137"/>
      <c r="AP2667" s="137"/>
      <c r="AQ2667" s="137"/>
      <c r="AR2667" s="137"/>
      <c r="AS2667" s="137"/>
      <c r="AT2667" s="137"/>
      <c r="AU2667" s="137"/>
      <c r="AV2667" s="137"/>
      <c r="AW2667" s="144"/>
    </row>
    <row r="2668" spans="2:49" x14ac:dyDescent="0.2">
      <c r="B2668" s="97"/>
      <c r="G2668" s="43"/>
      <c r="J2668" s="98"/>
      <c r="K2668" s="97"/>
      <c r="N2668" s="3"/>
      <c r="W2668" s="98"/>
      <c r="Z2668" s="143"/>
      <c r="AA2668" s="137"/>
      <c r="AB2668" s="137"/>
      <c r="AC2668" s="137"/>
      <c r="AD2668" s="137"/>
      <c r="AE2668" s="137"/>
      <c r="AF2668" s="137"/>
      <c r="AG2668" s="137"/>
      <c r="AH2668" s="137"/>
      <c r="AI2668" s="137"/>
      <c r="AJ2668" s="137"/>
      <c r="AK2668" s="206"/>
      <c r="AL2668" s="206"/>
      <c r="AM2668" s="143"/>
      <c r="AN2668" s="137"/>
      <c r="AO2668" s="137"/>
      <c r="AP2668" s="137"/>
      <c r="AQ2668" s="137"/>
      <c r="AR2668" s="137"/>
      <c r="AS2668" s="137"/>
      <c r="AT2668" s="137"/>
      <c r="AU2668" s="137"/>
      <c r="AV2668" s="137"/>
      <c r="AW2668" s="144"/>
    </row>
    <row r="2669" spans="2:49" x14ac:dyDescent="0.2">
      <c r="B2669" s="97"/>
      <c r="G2669" s="43"/>
      <c r="J2669" s="98"/>
      <c r="K2669" s="97"/>
      <c r="N2669" s="3"/>
      <c r="W2669" s="98"/>
      <c r="Z2669" s="143"/>
      <c r="AA2669" s="137"/>
      <c r="AB2669" s="137"/>
      <c r="AC2669" s="137"/>
      <c r="AD2669" s="137"/>
      <c r="AE2669" s="137"/>
      <c r="AF2669" s="137"/>
      <c r="AG2669" s="137"/>
      <c r="AH2669" s="137"/>
      <c r="AI2669" s="137"/>
      <c r="AJ2669" s="137"/>
      <c r="AK2669" s="206"/>
      <c r="AL2669" s="206"/>
      <c r="AM2669" s="143"/>
      <c r="AN2669" s="137"/>
      <c r="AO2669" s="137"/>
      <c r="AP2669" s="137"/>
      <c r="AQ2669" s="137"/>
      <c r="AR2669" s="137"/>
      <c r="AS2669" s="137"/>
      <c r="AT2669" s="137"/>
      <c r="AU2669" s="137"/>
      <c r="AV2669" s="137"/>
      <c r="AW2669" s="144"/>
    </row>
    <row r="2670" spans="2:49" x14ac:dyDescent="0.2">
      <c r="B2670" s="97"/>
      <c r="G2670" s="43"/>
      <c r="J2670" s="98"/>
      <c r="K2670" s="97"/>
      <c r="N2670" s="3"/>
      <c r="W2670" s="98"/>
      <c r="Z2670" s="143"/>
      <c r="AA2670" s="137"/>
      <c r="AB2670" s="137"/>
      <c r="AC2670" s="137"/>
      <c r="AD2670" s="137"/>
      <c r="AE2670" s="137"/>
      <c r="AF2670" s="137"/>
      <c r="AG2670" s="137"/>
      <c r="AH2670" s="137"/>
      <c r="AI2670" s="137"/>
      <c r="AJ2670" s="137"/>
      <c r="AK2670" s="206"/>
      <c r="AL2670" s="206"/>
      <c r="AM2670" s="143"/>
      <c r="AN2670" s="137"/>
      <c r="AO2670" s="137"/>
      <c r="AP2670" s="137"/>
      <c r="AQ2670" s="137"/>
      <c r="AR2670" s="137"/>
      <c r="AS2670" s="137"/>
      <c r="AT2670" s="137"/>
      <c r="AU2670" s="137"/>
      <c r="AV2670" s="137"/>
      <c r="AW2670" s="144"/>
    </row>
    <row r="2671" spans="2:49" x14ac:dyDescent="0.2">
      <c r="B2671" s="97"/>
      <c r="G2671" s="43"/>
      <c r="J2671" s="98"/>
      <c r="K2671" s="97"/>
      <c r="N2671" s="3"/>
      <c r="W2671" s="98"/>
      <c r="Z2671" s="143"/>
      <c r="AA2671" s="137"/>
      <c r="AB2671" s="137"/>
      <c r="AC2671" s="137"/>
      <c r="AD2671" s="137"/>
      <c r="AE2671" s="137"/>
      <c r="AF2671" s="137"/>
      <c r="AG2671" s="137"/>
      <c r="AH2671" s="137"/>
      <c r="AI2671" s="137"/>
      <c r="AJ2671" s="137"/>
      <c r="AK2671" s="206"/>
      <c r="AL2671" s="206"/>
      <c r="AM2671" s="143"/>
      <c r="AN2671" s="137"/>
      <c r="AO2671" s="137"/>
      <c r="AP2671" s="137"/>
      <c r="AQ2671" s="137"/>
      <c r="AR2671" s="137"/>
      <c r="AS2671" s="137"/>
      <c r="AT2671" s="137"/>
      <c r="AU2671" s="137"/>
      <c r="AV2671" s="137"/>
      <c r="AW2671" s="144"/>
    </row>
    <row r="2672" spans="2:49" x14ac:dyDescent="0.2">
      <c r="B2672" s="97"/>
      <c r="G2672" s="43"/>
      <c r="J2672" s="98"/>
      <c r="K2672" s="97"/>
      <c r="N2672" s="3"/>
      <c r="W2672" s="98"/>
      <c r="Z2672" s="143"/>
      <c r="AA2672" s="137"/>
      <c r="AB2672" s="137"/>
      <c r="AC2672" s="137"/>
      <c r="AD2672" s="137"/>
      <c r="AE2672" s="137"/>
      <c r="AF2672" s="137"/>
      <c r="AG2672" s="137"/>
      <c r="AH2672" s="137"/>
      <c r="AI2672" s="137"/>
      <c r="AJ2672" s="137"/>
      <c r="AK2672" s="206"/>
      <c r="AL2672" s="206"/>
      <c r="AM2672" s="143"/>
      <c r="AN2672" s="137"/>
      <c r="AO2672" s="137"/>
      <c r="AP2672" s="137"/>
      <c r="AQ2672" s="137"/>
      <c r="AR2672" s="137"/>
      <c r="AS2672" s="137"/>
      <c r="AT2672" s="137"/>
      <c r="AU2672" s="137"/>
      <c r="AV2672" s="137"/>
      <c r="AW2672" s="144"/>
    </row>
    <row r="2673" spans="2:49" x14ac:dyDescent="0.2">
      <c r="B2673" s="97"/>
      <c r="G2673" s="43"/>
      <c r="J2673" s="98"/>
      <c r="K2673" s="97"/>
      <c r="N2673" s="3"/>
      <c r="W2673" s="98"/>
      <c r="Z2673" s="143"/>
      <c r="AA2673" s="137"/>
      <c r="AB2673" s="137"/>
      <c r="AC2673" s="137"/>
      <c r="AD2673" s="137"/>
      <c r="AE2673" s="137"/>
      <c r="AF2673" s="137"/>
      <c r="AG2673" s="137"/>
      <c r="AH2673" s="137"/>
      <c r="AI2673" s="137"/>
      <c r="AJ2673" s="137"/>
      <c r="AK2673" s="206"/>
      <c r="AL2673" s="206"/>
      <c r="AM2673" s="143"/>
      <c r="AN2673" s="137"/>
      <c r="AO2673" s="137"/>
      <c r="AP2673" s="137"/>
      <c r="AQ2673" s="137"/>
      <c r="AR2673" s="137"/>
      <c r="AS2673" s="137"/>
      <c r="AT2673" s="137"/>
      <c r="AU2673" s="137"/>
      <c r="AV2673" s="137"/>
      <c r="AW2673" s="144"/>
    </row>
    <row r="2674" spans="2:49" x14ac:dyDescent="0.2">
      <c r="B2674" s="97"/>
      <c r="G2674" s="43"/>
      <c r="J2674" s="98"/>
      <c r="K2674" s="97"/>
      <c r="N2674" s="3"/>
      <c r="W2674" s="98"/>
      <c r="Z2674" s="143"/>
      <c r="AA2674" s="137"/>
      <c r="AB2674" s="137"/>
      <c r="AC2674" s="137"/>
      <c r="AD2674" s="137"/>
      <c r="AE2674" s="137"/>
      <c r="AF2674" s="137"/>
      <c r="AG2674" s="137"/>
      <c r="AH2674" s="137"/>
      <c r="AI2674" s="137"/>
      <c r="AJ2674" s="137"/>
      <c r="AK2674" s="206"/>
      <c r="AL2674" s="206"/>
      <c r="AM2674" s="143"/>
      <c r="AN2674" s="137"/>
      <c r="AO2674" s="137"/>
      <c r="AP2674" s="137"/>
      <c r="AQ2674" s="137"/>
      <c r="AR2674" s="137"/>
      <c r="AS2674" s="137"/>
      <c r="AT2674" s="137"/>
      <c r="AU2674" s="137"/>
      <c r="AV2674" s="137"/>
      <c r="AW2674" s="144"/>
    </row>
    <row r="2675" spans="2:49" x14ac:dyDescent="0.2">
      <c r="B2675" s="97"/>
      <c r="G2675" s="43"/>
      <c r="J2675" s="98"/>
      <c r="K2675" s="97"/>
      <c r="N2675" s="3"/>
      <c r="W2675" s="98"/>
      <c r="Z2675" s="143"/>
      <c r="AA2675" s="137"/>
      <c r="AB2675" s="137"/>
      <c r="AC2675" s="137"/>
      <c r="AD2675" s="137"/>
      <c r="AE2675" s="137"/>
      <c r="AF2675" s="137"/>
      <c r="AG2675" s="137"/>
      <c r="AH2675" s="137"/>
      <c r="AI2675" s="137"/>
      <c r="AJ2675" s="137"/>
      <c r="AK2675" s="206"/>
      <c r="AL2675" s="206"/>
      <c r="AM2675" s="143"/>
      <c r="AN2675" s="137"/>
      <c r="AO2675" s="137"/>
      <c r="AP2675" s="137"/>
      <c r="AQ2675" s="137"/>
      <c r="AR2675" s="137"/>
      <c r="AS2675" s="137"/>
      <c r="AT2675" s="137"/>
      <c r="AU2675" s="137"/>
      <c r="AV2675" s="137"/>
      <c r="AW2675" s="144"/>
    </row>
    <row r="2676" spans="2:49" x14ac:dyDescent="0.2">
      <c r="B2676" s="97"/>
      <c r="G2676" s="43"/>
      <c r="J2676" s="98"/>
      <c r="K2676" s="97"/>
      <c r="N2676" s="3"/>
      <c r="W2676" s="98"/>
      <c r="Z2676" s="143"/>
      <c r="AA2676" s="137"/>
      <c r="AB2676" s="137"/>
      <c r="AC2676" s="137"/>
      <c r="AD2676" s="137"/>
      <c r="AE2676" s="137"/>
      <c r="AF2676" s="137"/>
      <c r="AG2676" s="137"/>
      <c r="AH2676" s="137"/>
      <c r="AI2676" s="137"/>
      <c r="AJ2676" s="137"/>
      <c r="AK2676" s="206"/>
      <c r="AL2676" s="206"/>
      <c r="AM2676" s="143"/>
      <c r="AN2676" s="137"/>
      <c r="AO2676" s="137"/>
      <c r="AP2676" s="137"/>
      <c r="AQ2676" s="137"/>
      <c r="AR2676" s="137"/>
      <c r="AS2676" s="137"/>
      <c r="AT2676" s="137"/>
      <c r="AU2676" s="137"/>
      <c r="AV2676" s="137"/>
      <c r="AW2676" s="144"/>
    </row>
    <row r="2677" spans="2:49" x14ac:dyDescent="0.2">
      <c r="B2677" s="97"/>
      <c r="G2677" s="43"/>
      <c r="J2677" s="98"/>
      <c r="K2677" s="97"/>
      <c r="N2677" s="3"/>
      <c r="W2677" s="98"/>
      <c r="Z2677" s="143"/>
      <c r="AA2677" s="137"/>
      <c r="AB2677" s="137"/>
      <c r="AC2677" s="137"/>
      <c r="AD2677" s="137"/>
      <c r="AE2677" s="137"/>
      <c r="AF2677" s="137"/>
      <c r="AG2677" s="137"/>
      <c r="AH2677" s="137"/>
      <c r="AI2677" s="137"/>
      <c r="AJ2677" s="137"/>
      <c r="AK2677" s="206"/>
      <c r="AL2677" s="206"/>
      <c r="AM2677" s="143"/>
      <c r="AN2677" s="137"/>
      <c r="AO2677" s="137"/>
      <c r="AP2677" s="137"/>
      <c r="AQ2677" s="137"/>
      <c r="AR2677" s="137"/>
      <c r="AS2677" s="137"/>
      <c r="AT2677" s="137"/>
      <c r="AU2677" s="137"/>
      <c r="AV2677" s="137"/>
      <c r="AW2677" s="144"/>
    </row>
    <row r="2678" spans="2:49" x14ac:dyDescent="0.2">
      <c r="B2678" s="97"/>
      <c r="G2678" s="43"/>
      <c r="J2678" s="98"/>
      <c r="K2678" s="97"/>
      <c r="N2678" s="3"/>
      <c r="W2678" s="98"/>
      <c r="Z2678" s="143"/>
      <c r="AA2678" s="137"/>
      <c r="AB2678" s="137"/>
      <c r="AC2678" s="137"/>
      <c r="AD2678" s="137"/>
      <c r="AE2678" s="137"/>
      <c r="AF2678" s="137"/>
      <c r="AG2678" s="137"/>
      <c r="AH2678" s="137"/>
      <c r="AI2678" s="137"/>
      <c r="AJ2678" s="137"/>
      <c r="AK2678" s="206"/>
      <c r="AL2678" s="206"/>
      <c r="AM2678" s="143"/>
      <c r="AN2678" s="137"/>
      <c r="AO2678" s="137"/>
      <c r="AP2678" s="137"/>
      <c r="AQ2678" s="137"/>
      <c r="AR2678" s="137"/>
      <c r="AS2678" s="137"/>
      <c r="AT2678" s="137"/>
      <c r="AU2678" s="137"/>
      <c r="AV2678" s="137"/>
      <c r="AW2678" s="144"/>
    </row>
    <row r="2679" spans="2:49" x14ac:dyDescent="0.2">
      <c r="B2679" s="97"/>
      <c r="G2679" s="43"/>
      <c r="J2679" s="98"/>
      <c r="K2679" s="97"/>
      <c r="N2679" s="3"/>
      <c r="W2679" s="98"/>
      <c r="Z2679" s="143"/>
      <c r="AA2679" s="137"/>
      <c r="AB2679" s="137"/>
      <c r="AC2679" s="137"/>
      <c r="AD2679" s="137"/>
      <c r="AE2679" s="137"/>
      <c r="AF2679" s="137"/>
      <c r="AG2679" s="137"/>
      <c r="AH2679" s="137"/>
      <c r="AI2679" s="137"/>
      <c r="AJ2679" s="137"/>
      <c r="AK2679" s="206"/>
      <c r="AL2679" s="206"/>
      <c r="AM2679" s="143"/>
      <c r="AN2679" s="137"/>
      <c r="AO2679" s="137"/>
      <c r="AP2679" s="137"/>
      <c r="AQ2679" s="137"/>
      <c r="AR2679" s="137"/>
      <c r="AS2679" s="137"/>
      <c r="AT2679" s="137"/>
      <c r="AU2679" s="137"/>
      <c r="AV2679" s="137"/>
      <c r="AW2679" s="144"/>
    </row>
    <row r="2680" spans="2:49" x14ac:dyDescent="0.2">
      <c r="B2680" s="97"/>
      <c r="G2680" s="43"/>
      <c r="J2680" s="98"/>
      <c r="K2680" s="97"/>
      <c r="N2680" s="3"/>
      <c r="W2680" s="98"/>
      <c r="Z2680" s="143"/>
      <c r="AA2680" s="137"/>
      <c r="AB2680" s="137"/>
      <c r="AC2680" s="137"/>
      <c r="AD2680" s="137"/>
      <c r="AE2680" s="137"/>
      <c r="AF2680" s="137"/>
      <c r="AG2680" s="137"/>
      <c r="AH2680" s="137"/>
      <c r="AI2680" s="137"/>
      <c r="AJ2680" s="137"/>
      <c r="AK2680" s="206"/>
      <c r="AL2680" s="206"/>
      <c r="AM2680" s="143"/>
      <c r="AN2680" s="137"/>
      <c r="AO2680" s="137"/>
      <c r="AP2680" s="137"/>
      <c r="AQ2680" s="137"/>
      <c r="AR2680" s="137"/>
      <c r="AS2680" s="137"/>
      <c r="AT2680" s="137"/>
      <c r="AU2680" s="137"/>
      <c r="AV2680" s="137"/>
      <c r="AW2680" s="144"/>
    </row>
    <row r="2681" spans="2:49" x14ac:dyDescent="0.2">
      <c r="B2681" s="97"/>
      <c r="G2681" s="43"/>
      <c r="J2681" s="98"/>
      <c r="K2681" s="97"/>
      <c r="N2681" s="3"/>
      <c r="W2681" s="98"/>
      <c r="Z2681" s="143"/>
      <c r="AA2681" s="137"/>
      <c r="AB2681" s="137"/>
      <c r="AC2681" s="137"/>
      <c r="AD2681" s="137"/>
      <c r="AE2681" s="137"/>
      <c r="AF2681" s="137"/>
      <c r="AG2681" s="137"/>
      <c r="AH2681" s="137"/>
      <c r="AI2681" s="137"/>
      <c r="AJ2681" s="137"/>
      <c r="AK2681" s="206"/>
      <c r="AL2681" s="206"/>
      <c r="AM2681" s="143"/>
      <c r="AN2681" s="137"/>
      <c r="AO2681" s="137"/>
      <c r="AP2681" s="137"/>
      <c r="AQ2681" s="137"/>
      <c r="AR2681" s="137"/>
      <c r="AS2681" s="137"/>
      <c r="AT2681" s="137"/>
      <c r="AU2681" s="137"/>
      <c r="AV2681" s="137"/>
      <c r="AW2681" s="144"/>
    </row>
    <row r="2682" spans="2:49" x14ac:dyDescent="0.2">
      <c r="B2682" s="97"/>
      <c r="G2682" s="43"/>
      <c r="J2682" s="98"/>
      <c r="K2682" s="97"/>
      <c r="N2682" s="3"/>
      <c r="W2682" s="98"/>
      <c r="Z2682" s="143"/>
      <c r="AA2682" s="137"/>
      <c r="AB2682" s="137"/>
      <c r="AC2682" s="137"/>
      <c r="AD2682" s="137"/>
      <c r="AE2682" s="137"/>
      <c r="AF2682" s="137"/>
      <c r="AG2682" s="137"/>
      <c r="AH2682" s="137"/>
      <c r="AI2682" s="137"/>
      <c r="AJ2682" s="137"/>
      <c r="AK2682" s="206"/>
      <c r="AL2682" s="206"/>
      <c r="AM2682" s="143"/>
      <c r="AN2682" s="137"/>
      <c r="AO2682" s="137"/>
      <c r="AP2682" s="137"/>
      <c r="AQ2682" s="137"/>
      <c r="AR2682" s="137"/>
      <c r="AS2682" s="137"/>
      <c r="AT2682" s="137"/>
      <c r="AU2682" s="137"/>
      <c r="AV2682" s="137"/>
      <c r="AW2682" s="144"/>
    </row>
    <row r="2683" spans="2:49" x14ac:dyDescent="0.2">
      <c r="B2683" s="97"/>
      <c r="G2683" s="43"/>
      <c r="J2683" s="98"/>
      <c r="K2683" s="97"/>
      <c r="N2683" s="3"/>
      <c r="W2683" s="98"/>
      <c r="Z2683" s="143"/>
      <c r="AA2683" s="137"/>
      <c r="AB2683" s="137"/>
      <c r="AC2683" s="137"/>
      <c r="AD2683" s="137"/>
      <c r="AE2683" s="137"/>
      <c r="AF2683" s="137"/>
      <c r="AG2683" s="137"/>
      <c r="AH2683" s="137"/>
      <c r="AI2683" s="137"/>
      <c r="AJ2683" s="137"/>
      <c r="AK2683" s="206"/>
      <c r="AL2683" s="206"/>
      <c r="AM2683" s="143"/>
      <c r="AN2683" s="137"/>
      <c r="AO2683" s="137"/>
      <c r="AP2683" s="137"/>
      <c r="AQ2683" s="137"/>
      <c r="AR2683" s="137"/>
      <c r="AS2683" s="137"/>
      <c r="AT2683" s="137"/>
      <c r="AU2683" s="137"/>
      <c r="AV2683" s="137"/>
      <c r="AW2683" s="144"/>
    </row>
    <row r="2684" spans="2:49" x14ac:dyDescent="0.2">
      <c r="B2684" s="97"/>
      <c r="G2684" s="43"/>
      <c r="J2684" s="98"/>
      <c r="K2684" s="97"/>
      <c r="N2684" s="3"/>
      <c r="W2684" s="98"/>
      <c r="Z2684" s="143"/>
      <c r="AA2684" s="137"/>
      <c r="AB2684" s="137"/>
      <c r="AC2684" s="137"/>
      <c r="AD2684" s="137"/>
      <c r="AE2684" s="137"/>
      <c r="AF2684" s="137"/>
      <c r="AG2684" s="137"/>
      <c r="AH2684" s="137"/>
      <c r="AI2684" s="137"/>
      <c r="AJ2684" s="137"/>
      <c r="AK2684" s="206"/>
      <c r="AL2684" s="206"/>
      <c r="AM2684" s="143"/>
      <c r="AN2684" s="137"/>
      <c r="AO2684" s="137"/>
      <c r="AP2684" s="137"/>
      <c r="AQ2684" s="137"/>
      <c r="AR2684" s="137"/>
      <c r="AS2684" s="137"/>
      <c r="AT2684" s="137"/>
      <c r="AU2684" s="137"/>
      <c r="AV2684" s="137"/>
      <c r="AW2684" s="144"/>
    </row>
    <row r="2685" spans="2:49" x14ac:dyDescent="0.2">
      <c r="B2685" s="97"/>
      <c r="G2685" s="43"/>
      <c r="J2685" s="98"/>
      <c r="K2685" s="97"/>
      <c r="N2685" s="3"/>
      <c r="W2685" s="98"/>
      <c r="Z2685" s="143"/>
      <c r="AA2685" s="137"/>
      <c r="AB2685" s="137"/>
      <c r="AC2685" s="137"/>
      <c r="AD2685" s="137"/>
      <c r="AE2685" s="137"/>
      <c r="AF2685" s="137"/>
      <c r="AG2685" s="137"/>
      <c r="AH2685" s="137"/>
      <c r="AI2685" s="137"/>
      <c r="AJ2685" s="137"/>
      <c r="AK2685" s="206"/>
      <c r="AL2685" s="206"/>
      <c r="AM2685" s="143"/>
      <c r="AN2685" s="137"/>
      <c r="AO2685" s="137"/>
      <c r="AP2685" s="137"/>
      <c r="AQ2685" s="137"/>
      <c r="AR2685" s="137"/>
      <c r="AS2685" s="137"/>
      <c r="AT2685" s="137"/>
      <c r="AU2685" s="137"/>
      <c r="AV2685" s="137"/>
      <c r="AW2685" s="144"/>
    </row>
    <row r="2686" spans="2:49" x14ac:dyDescent="0.2">
      <c r="B2686" s="97"/>
      <c r="G2686" s="43"/>
      <c r="J2686" s="98"/>
      <c r="K2686" s="97"/>
      <c r="N2686" s="3"/>
      <c r="W2686" s="98"/>
      <c r="Z2686" s="143"/>
      <c r="AA2686" s="137"/>
      <c r="AB2686" s="137"/>
      <c r="AC2686" s="137"/>
      <c r="AD2686" s="137"/>
      <c r="AE2686" s="137"/>
      <c r="AF2686" s="137"/>
      <c r="AG2686" s="137"/>
      <c r="AH2686" s="137"/>
      <c r="AI2686" s="137"/>
      <c r="AJ2686" s="137"/>
      <c r="AK2686" s="206"/>
      <c r="AL2686" s="206"/>
      <c r="AM2686" s="143"/>
      <c r="AN2686" s="137"/>
      <c r="AO2686" s="137"/>
      <c r="AP2686" s="137"/>
      <c r="AQ2686" s="137"/>
      <c r="AR2686" s="137"/>
      <c r="AS2686" s="137"/>
      <c r="AT2686" s="137"/>
      <c r="AU2686" s="137"/>
      <c r="AV2686" s="137"/>
      <c r="AW2686" s="144"/>
    </row>
    <row r="2687" spans="2:49" x14ac:dyDescent="0.2">
      <c r="B2687" s="97"/>
      <c r="G2687" s="43"/>
      <c r="J2687" s="98"/>
      <c r="K2687" s="97"/>
      <c r="N2687" s="3"/>
      <c r="W2687" s="98"/>
      <c r="Z2687" s="143"/>
      <c r="AA2687" s="137"/>
      <c r="AB2687" s="137"/>
      <c r="AC2687" s="137"/>
      <c r="AD2687" s="137"/>
      <c r="AE2687" s="137"/>
      <c r="AF2687" s="137"/>
      <c r="AG2687" s="137"/>
      <c r="AH2687" s="137"/>
      <c r="AI2687" s="137"/>
      <c r="AJ2687" s="137"/>
      <c r="AK2687" s="206"/>
      <c r="AL2687" s="206"/>
      <c r="AM2687" s="143"/>
      <c r="AN2687" s="137"/>
      <c r="AO2687" s="137"/>
      <c r="AP2687" s="137"/>
      <c r="AQ2687" s="137"/>
      <c r="AR2687" s="137"/>
      <c r="AS2687" s="137"/>
      <c r="AT2687" s="137"/>
      <c r="AU2687" s="137"/>
      <c r="AV2687" s="137"/>
      <c r="AW2687" s="144"/>
    </row>
    <row r="2688" spans="2:49" x14ac:dyDescent="0.2">
      <c r="B2688" s="97"/>
      <c r="G2688" s="43"/>
      <c r="J2688" s="98"/>
      <c r="K2688" s="97"/>
      <c r="N2688" s="3"/>
      <c r="W2688" s="98"/>
      <c r="Z2688" s="143"/>
      <c r="AA2688" s="137"/>
      <c r="AB2688" s="137"/>
      <c r="AC2688" s="137"/>
      <c r="AD2688" s="137"/>
      <c r="AE2688" s="137"/>
      <c r="AF2688" s="137"/>
      <c r="AG2688" s="137"/>
      <c r="AH2688" s="137"/>
      <c r="AI2688" s="137"/>
      <c r="AJ2688" s="137"/>
      <c r="AK2688" s="206"/>
      <c r="AL2688" s="206"/>
      <c r="AM2688" s="143"/>
      <c r="AN2688" s="137"/>
      <c r="AO2688" s="137"/>
      <c r="AP2688" s="137"/>
      <c r="AQ2688" s="137"/>
      <c r="AR2688" s="137"/>
      <c r="AS2688" s="137"/>
      <c r="AT2688" s="137"/>
      <c r="AU2688" s="137"/>
      <c r="AV2688" s="137"/>
      <c r="AW2688" s="144"/>
    </row>
    <row r="2689" spans="2:49" x14ac:dyDescent="0.2">
      <c r="B2689" s="97"/>
      <c r="G2689" s="43"/>
      <c r="J2689" s="98"/>
      <c r="K2689" s="97"/>
      <c r="N2689" s="3"/>
      <c r="W2689" s="98"/>
      <c r="Z2689" s="143"/>
      <c r="AA2689" s="137"/>
      <c r="AB2689" s="137"/>
      <c r="AC2689" s="137"/>
      <c r="AD2689" s="137"/>
      <c r="AE2689" s="137"/>
      <c r="AF2689" s="137"/>
      <c r="AG2689" s="137"/>
      <c r="AH2689" s="137"/>
      <c r="AI2689" s="137"/>
      <c r="AJ2689" s="137"/>
      <c r="AK2689" s="206"/>
      <c r="AL2689" s="206"/>
      <c r="AM2689" s="143"/>
      <c r="AN2689" s="137"/>
      <c r="AO2689" s="137"/>
      <c r="AP2689" s="137"/>
      <c r="AQ2689" s="137"/>
      <c r="AR2689" s="137"/>
      <c r="AS2689" s="137"/>
      <c r="AT2689" s="137"/>
      <c r="AU2689" s="137"/>
      <c r="AV2689" s="137"/>
      <c r="AW2689" s="144"/>
    </row>
    <row r="2690" spans="2:49" x14ac:dyDescent="0.2">
      <c r="B2690" s="97"/>
      <c r="G2690" s="43"/>
      <c r="J2690" s="98"/>
      <c r="K2690" s="97"/>
      <c r="N2690" s="3"/>
      <c r="W2690" s="98"/>
      <c r="Z2690" s="143"/>
      <c r="AA2690" s="137"/>
      <c r="AB2690" s="137"/>
      <c r="AC2690" s="137"/>
      <c r="AD2690" s="137"/>
      <c r="AE2690" s="137"/>
      <c r="AF2690" s="137"/>
      <c r="AG2690" s="137"/>
      <c r="AH2690" s="137"/>
      <c r="AI2690" s="137"/>
      <c r="AJ2690" s="137"/>
      <c r="AK2690" s="206"/>
      <c r="AL2690" s="206"/>
      <c r="AM2690" s="143"/>
      <c r="AN2690" s="137"/>
      <c r="AO2690" s="137"/>
      <c r="AP2690" s="137"/>
      <c r="AQ2690" s="137"/>
      <c r="AR2690" s="137"/>
      <c r="AS2690" s="137"/>
      <c r="AT2690" s="137"/>
      <c r="AU2690" s="137"/>
      <c r="AV2690" s="137"/>
      <c r="AW2690" s="144"/>
    </row>
    <row r="2691" spans="2:49" x14ac:dyDescent="0.2">
      <c r="B2691" s="97"/>
      <c r="G2691" s="43"/>
      <c r="J2691" s="98"/>
      <c r="K2691" s="97"/>
      <c r="N2691" s="3"/>
      <c r="W2691" s="98"/>
      <c r="Z2691" s="143"/>
      <c r="AA2691" s="137"/>
      <c r="AB2691" s="137"/>
      <c r="AC2691" s="137"/>
      <c r="AD2691" s="137"/>
      <c r="AE2691" s="137"/>
      <c r="AF2691" s="137"/>
      <c r="AG2691" s="137"/>
      <c r="AH2691" s="137"/>
      <c r="AI2691" s="137"/>
      <c r="AJ2691" s="137"/>
      <c r="AK2691" s="206"/>
      <c r="AL2691" s="206"/>
      <c r="AM2691" s="143"/>
      <c r="AN2691" s="137"/>
      <c r="AO2691" s="137"/>
      <c r="AP2691" s="137"/>
      <c r="AQ2691" s="137"/>
      <c r="AR2691" s="137"/>
      <c r="AS2691" s="137"/>
      <c r="AT2691" s="137"/>
      <c r="AU2691" s="137"/>
      <c r="AV2691" s="137"/>
      <c r="AW2691" s="144"/>
    </row>
    <row r="2692" spans="2:49" x14ac:dyDescent="0.2">
      <c r="B2692" s="97"/>
      <c r="G2692" s="43"/>
      <c r="J2692" s="98"/>
      <c r="K2692" s="97"/>
      <c r="N2692" s="3"/>
      <c r="W2692" s="98"/>
      <c r="Z2692" s="143"/>
      <c r="AA2692" s="137"/>
      <c r="AB2692" s="137"/>
      <c r="AC2692" s="137"/>
      <c r="AD2692" s="137"/>
      <c r="AE2692" s="137"/>
      <c r="AF2692" s="137"/>
      <c r="AG2692" s="137"/>
      <c r="AH2692" s="137"/>
      <c r="AI2692" s="137"/>
      <c r="AJ2692" s="137"/>
      <c r="AK2692" s="206"/>
      <c r="AL2692" s="206"/>
      <c r="AM2692" s="143"/>
      <c r="AN2692" s="137"/>
      <c r="AO2692" s="137"/>
      <c r="AP2692" s="137"/>
      <c r="AQ2692" s="137"/>
      <c r="AR2692" s="137"/>
      <c r="AS2692" s="137"/>
      <c r="AT2692" s="137"/>
      <c r="AU2692" s="137"/>
      <c r="AV2692" s="137"/>
      <c r="AW2692" s="144"/>
    </row>
    <row r="2693" spans="2:49" x14ac:dyDescent="0.2">
      <c r="B2693" s="97"/>
      <c r="G2693" s="43"/>
      <c r="J2693" s="98"/>
      <c r="K2693" s="97"/>
      <c r="N2693" s="3"/>
      <c r="W2693" s="98"/>
      <c r="Z2693" s="143"/>
      <c r="AA2693" s="137"/>
      <c r="AB2693" s="137"/>
      <c r="AC2693" s="137"/>
      <c r="AD2693" s="137"/>
      <c r="AE2693" s="137"/>
      <c r="AF2693" s="137"/>
      <c r="AG2693" s="137"/>
      <c r="AH2693" s="137"/>
      <c r="AI2693" s="137"/>
      <c r="AJ2693" s="137"/>
      <c r="AK2693" s="206"/>
      <c r="AL2693" s="206"/>
      <c r="AM2693" s="143"/>
      <c r="AN2693" s="137"/>
      <c r="AO2693" s="137"/>
      <c r="AP2693" s="137"/>
      <c r="AQ2693" s="137"/>
      <c r="AR2693" s="137"/>
      <c r="AS2693" s="137"/>
      <c r="AT2693" s="137"/>
      <c r="AU2693" s="137"/>
      <c r="AV2693" s="137"/>
      <c r="AW2693" s="144"/>
    </row>
    <row r="2694" spans="2:49" x14ac:dyDescent="0.2">
      <c r="B2694" s="97"/>
      <c r="G2694" s="43"/>
      <c r="J2694" s="98"/>
      <c r="K2694" s="97"/>
      <c r="N2694" s="3"/>
      <c r="W2694" s="98"/>
      <c r="Z2694" s="143"/>
      <c r="AA2694" s="137"/>
      <c r="AB2694" s="137"/>
      <c r="AC2694" s="137"/>
      <c r="AD2694" s="137"/>
      <c r="AE2694" s="137"/>
      <c r="AF2694" s="137"/>
      <c r="AG2694" s="137"/>
      <c r="AH2694" s="137"/>
      <c r="AI2694" s="137"/>
      <c r="AJ2694" s="137"/>
      <c r="AK2694" s="206"/>
      <c r="AL2694" s="206"/>
      <c r="AM2694" s="143"/>
      <c r="AN2694" s="137"/>
      <c r="AO2694" s="137"/>
      <c r="AP2694" s="137"/>
      <c r="AQ2694" s="137"/>
      <c r="AR2694" s="137"/>
      <c r="AS2694" s="137"/>
      <c r="AT2694" s="137"/>
      <c r="AU2694" s="137"/>
      <c r="AV2694" s="137"/>
      <c r="AW2694" s="144"/>
    </row>
    <row r="2695" spans="2:49" x14ac:dyDescent="0.2">
      <c r="B2695" s="97"/>
      <c r="G2695" s="43"/>
      <c r="J2695" s="98"/>
      <c r="K2695" s="97"/>
      <c r="N2695" s="3"/>
      <c r="W2695" s="98"/>
      <c r="Z2695" s="143"/>
      <c r="AA2695" s="137"/>
      <c r="AB2695" s="137"/>
      <c r="AC2695" s="137"/>
      <c r="AD2695" s="137"/>
      <c r="AE2695" s="137"/>
      <c r="AF2695" s="137"/>
      <c r="AG2695" s="137"/>
      <c r="AH2695" s="137"/>
      <c r="AI2695" s="137"/>
      <c r="AJ2695" s="137"/>
      <c r="AK2695" s="206"/>
      <c r="AL2695" s="206"/>
      <c r="AM2695" s="143"/>
      <c r="AN2695" s="137"/>
      <c r="AO2695" s="137"/>
      <c r="AP2695" s="137"/>
      <c r="AQ2695" s="137"/>
      <c r="AR2695" s="137"/>
      <c r="AS2695" s="137"/>
      <c r="AT2695" s="137"/>
      <c r="AU2695" s="137"/>
      <c r="AV2695" s="137"/>
      <c r="AW2695" s="144"/>
    </row>
    <row r="2696" spans="2:49" x14ac:dyDescent="0.2">
      <c r="B2696" s="97"/>
      <c r="G2696" s="43"/>
      <c r="J2696" s="98"/>
      <c r="K2696" s="97"/>
      <c r="N2696" s="3"/>
      <c r="W2696" s="98"/>
      <c r="Z2696" s="143"/>
      <c r="AA2696" s="137"/>
      <c r="AB2696" s="137"/>
      <c r="AC2696" s="137"/>
      <c r="AD2696" s="137"/>
      <c r="AE2696" s="137"/>
      <c r="AF2696" s="137"/>
      <c r="AG2696" s="137"/>
      <c r="AH2696" s="137"/>
      <c r="AI2696" s="137"/>
      <c r="AJ2696" s="137"/>
      <c r="AK2696" s="206"/>
      <c r="AL2696" s="206"/>
      <c r="AM2696" s="143"/>
      <c r="AN2696" s="137"/>
      <c r="AO2696" s="137"/>
      <c r="AP2696" s="137"/>
      <c r="AQ2696" s="137"/>
      <c r="AR2696" s="137"/>
      <c r="AS2696" s="137"/>
      <c r="AT2696" s="137"/>
      <c r="AU2696" s="137"/>
      <c r="AV2696" s="137"/>
      <c r="AW2696" s="144"/>
    </row>
    <row r="2697" spans="2:49" x14ac:dyDescent="0.2">
      <c r="B2697" s="97"/>
      <c r="G2697" s="43"/>
      <c r="J2697" s="98"/>
      <c r="K2697" s="97"/>
      <c r="N2697" s="3"/>
      <c r="W2697" s="98"/>
      <c r="Z2697" s="143"/>
      <c r="AA2697" s="137"/>
      <c r="AB2697" s="137"/>
      <c r="AC2697" s="137"/>
      <c r="AD2697" s="137"/>
      <c r="AE2697" s="137"/>
      <c r="AF2697" s="137"/>
      <c r="AG2697" s="137"/>
      <c r="AH2697" s="137"/>
      <c r="AI2697" s="137"/>
      <c r="AJ2697" s="137"/>
      <c r="AK2697" s="206"/>
      <c r="AL2697" s="206"/>
      <c r="AM2697" s="143"/>
      <c r="AN2697" s="137"/>
      <c r="AO2697" s="137"/>
      <c r="AP2697" s="137"/>
      <c r="AQ2697" s="137"/>
      <c r="AR2697" s="137"/>
      <c r="AS2697" s="137"/>
      <c r="AT2697" s="137"/>
      <c r="AU2697" s="137"/>
      <c r="AV2697" s="137"/>
      <c r="AW2697" s="144"/>
    </row>
    <row r="2698" spans="2:49" x14ac:dyDescent="0.2">
      <c r="B2698" s="97"/>
      <c r="G2698" s="43"/>
      <c r="J2698" s="98"/>
      <c r="K2698" s="97"/>
      <c r="N2698" s="3"/>
      <c r="W2698" s="98"/>
      <c r="Z2698" s="143"/>
      <c r="AA2698" s="137"/>
      <c r="AB2698" s="137"/>
      <c r="AC2698" s="137"/>
      <c r="AD2698" s="137"/>
      <c r="AE2698" s="137"/>
      <c r="AF2698" s="137"/>
      <c r="AG2698" s="137"/>
      <c r="AH2698" s="137"/>
      <c r="AI2698" s="137"/>
      <c r="AJ2698" s="137"/>
      <c r="AK2698" s="206"/>
      <c r="AL2698" s="206"/>
      <c r="AM2698" s="143"/>
      <c r="AN2698" s="137"/>
      <c r="AO2698" s="137"/>
      <c r="AP2698" s="137"/>
      <c r="AQ2698" s="137"/>
      <c r="AR2698" s="137"/>
      <c r="AS2698" s="137"/>
      <c r="AT2698" s="137"/>
      <c r="AU2698" s="137"/>
      <c r="AV2698" s="137"/>
      <c r="AW2698" s="144"/>
    </row>
    <row r="2699" spans="2:49" x14ac:dyDescent="0.2">
      <c r="B2699" s="97"/>
      <c r="G2699" s="43"/>
      <c r="J2699" s="98"/>
      <c r="K2699" s="97"/>
      <c r="N2699" s="3"/>
      <c r="W2699" s="98"/>
      <c r="Z2699" s="143"/>
      <c r="AA2699" s="137"/>
      <c r="AB2699" s="137"/>
      <c r="AC2699" s="137"/>
      <c r="AD2699" s="137"/>
      <c r="AE2699" s="137"/>
      <c r="AF2699" s="137"/>
      <c r="AG2699" s="137"/>
      <c r="AH2699" s="137"/>
      <c r="AI2699" s="137"/>
      <c r="AJ2699" s="137"/>
      <c r="AK2699" s="206"/>
      <c r="AL2699" s="206"/>
      <c r="AM2699" s="143"/>
      <c r="AN2699" s="137"/>
      <c r="AO2699" s="137"/>
      <c r="AP2699" s="137"/>
      <c r="AQ2699" s="137"/>
      <c r="AR2699" s="137"/>
      <c r="AS2699" s="137"/>
      <c r="AT2699" s="137"/>
      <c r="AU2699" s="137"/>
      <c r="AV2699" s="137"/>
      <c r="AW2699" s="144"/>
    </row>
    <row r="2700" spans="2:49" x14ac:dyDescent="0.2">
      <c r="B2700" s="97"/>
      <c r="G2700" s="43"/>
      <c r="J2700" s="98"/>
      <c r="K2700" s="97"/>
      <c r="N2700" s="3"/>
      <c r="W2700" s="98"/>
      <c r="Z2700" s="143"/>
      <c r="AA2700" s="137"/>
      <c r="AB2700" s="137"/>
      <c r="AC2700" s="137"/>
      <c r="AD2700" s="137"/>
      <c r="AE2700" s="137"/>
      <c r="AF2700" s="137"/>
      <c r="AG2700" s="137"/>
      <c r="AH2700" s="137"/>
      <c r="AI2700" s="137"/>
      <c r="AJ2700" s="137"/>
      <c r="AK2700" s="206"/>
      <c r="AL2700" s="206"/>
      <c r="AM2700" s="143"/>
      <c r="AN2700" s="137"/>
      <c r="AO2700" s="137"/>
      <c r="AP2700" s="137"/>
      <c r="AQ2700" s="137"/>
      <c r="AR2700" s="137"/>
      <c r="AS2700" s="137"/>
      <c r="AT2700" s="137"/>
      <c r="AU2700" s="137"/>
      <c r="AV2700" s="137"/>
      <c r="AW2700" s="144"/>
    </row>
    <row r="2701" spans="2:49" x14ac:dyDescent="0.2">
      <c r="B2701" s="97"/>
      <c r="G2701" s="43"/>
      <c r="J2701" s="98"/>
      <c r="K2701" s="97"/>
      <c r="N2701" s="3"/>
      <c r="W2701" s="98"/>
      <c r="Z2701" s="143"/>
      <c r="AA2701" s="137"/>
      <c r="AB2701" s="137"/>
      <c r="AC2701" s="137"/>
      <c r="AD2701" s="137"/>
      <c r="AE2701" s="137"/>
      <c r="AF2701" s="137"/>
      <c r="AG2701" s="137"/>
      <c r="AH2701" s="137"/>
      <c r="AI2701" s="137"/>
      <c r="AJ2701" s="137"/>
      <c r="AK2701" s="206"/>
      <c r="AL2701" s="206"/>
      <c r="AM2701" s="143"/>
      <c r="AN2701" s="137"/>
      <c r="AO2701" s="137"/>
      <c r="AP2701" s="137"/>
      <c r="AQ2701" s="137"/>
      <c r="AR2701" s="137"/>
      <c r="AS2701" s="137"/>
      <c r="AT2701" s="137"/>
      <c r="AU2701" s="137"/>
      <c r="AV2701" s="137"/>
      <c r="AW2701" s="144"/>
    </row>
    <row r="2702" spans="2:49" x14ac:dyDescent="0.2">
      <c r="B2702" s="97"/>
      <c r="G2702" s="43"/>
      <c r="J2702" s="98"/>
      <c r="K2702" s="97"/>
      <c r="N2702" s="3"/>
      <c r="W2702" s="98"/>
      <c r="Z2702" s="143"/>
      <c r="AA2702" s="137"/>
      <c r="AB2702" s="137"/>
      <c r="AC2702" s="137"/>
      <c r="AD2702" s="137"/>
      <c r="AE2702" s="137"/>
      <c r="AF2702" s="137"/>
      <c r="AG2702" s="137"/>
      <c r="AH2702" s="137"/>
      <c r="AI2702" s="137"/>
      <c r="AJ2702" s="137"/>
      <c r="AK2702" s="206"/>
      <c r="AL2702" s="206"/>
      <c r="AM2702" s="143"/>
      <c r="AN2702" s="137"/>
      <c r="AO2702" s="137"/>
      <c r="AP2702" s="137"/>
      <c r="AQ2702" s="137"/>
      <c r="AR2702" s="137"/>
      <c r="AS2702" s="137"/>
      <c r="AT2702" s="137"/>
      <c r="AU2702" s="137"/>
      <c r="AV2702" s="137"/>
      <c r="AW2702" s="144"/>
    </row>
    <row r="2703" spans="2:49" x14ac:dyDescent="0.2">
      <c r="B2703" s="97"/>
      <c r="G2703" s="43"/>
      <c r="J2703" s="98"/>
      <c r="K2703" s="97"/>
      <c r="N2703" s="3"/>
      <c r="W2703" s="98"/>
      <c r="Z2703" s="143"/>
      <c r="AA2703" s="137"/>
      <c r="AB2703" s="137"/>
      <c r="AC2703" s="137"/>
      <c r="AD2703" s="137"/>
      <c r="AE2703" s="137"/>
      <c r="AF2703" s="137"/>
      <c r="AG2703" s="137"/>
      <c r="AH2703" s="137"/>
      <c r="AI2703" s="137"/>
      <c r="AJ2703" s="137"/>
      <c r="AK2703" s="206"/>
      <c r="AL2703" s="206"/>
      <c r="AM2703" s="143"/>
      <c r="AN2703" s="137"/>
      <c r="AO2703" s="137"/>
      <c r="AP2703" s="137"/>
      <c r="AQ2703" s="137"/>
      <c r="AR2703" s="137"/>
      <c r="AS2703" s="137"/>
      <c r="AT2703" s="137"/>
      <c r="AU2703" s="137"/>
      <c r="AV2703" s="137"/>
      <c r="AW2703" s="144"/>
    </row>
    <row r="2704" spans="2:49" x14ac:dyDescent="0.2">
      <c r="B2704" s="97"/>
      <c r="G2704" s="43"/>
      <c r="J2704" s="98"/>
      <c r="K2704" s="97"/>
      <c r="N2704" s="3"/>
      <c r="W2704" s="98"/>
      <c r="Z2704" s="143"/>
      <c r="AA2704" s="137"/>
      <c r="AB2704" s="137"/>
      <c r="AC2704" s="137"/>
      <c r="AD2704" s="137"/>
      <c r="AE2704" s="137"/>
      <c r="AF2704" s="137"/>
      <c r="AG2704" s="137"/>
      <c r="AH2704" s="137"/>
      <c r="AI2704" s="137"/>
      <c r="AJ2704" s="137"/>
      <c r="AK2704" s="206"/>
      <c r="AL2704" s="206"/>
      <c r="AM2704" s="143"/>
      <c r="AN2704" s="137"/>
      <c r="AO2704" s="137"/>
      <c r="AP2704" s="137"/>
      <c r="AQ2704" s="137"/>
      <c r="AR2704" s="137"/>
      <c r="AS2704" s="137"/>
      <c r="AT2704" s="137"/>
      <c r="AU2704" s="137"/>
      <c r="AV2704" s="137"/>
      <c r="AW2704" s="144"/>
    </row>
    <row r="2705" spans="2:49" x14ac:dyDescent="0.2">
      <c r="B2705" s="97"/>
      <c r="G2705" s="43"/>
      <c r="J2705" s="98"/>
      <c r="K2705" s="97"/>
      <c r="N2705" s="3"/>
      <c r="W2705" s="98"/>
      <c r="Z2705" s="143"/>
      <c r="AA2705" s="137"/>
      <c r="AB2705" s="137"/>
      <c r="AC2705" s="137"/>
      <c r="AD2705" s="137"/>
      <c r="AE2705" s="137"/>
      <c r="AF2705" s="137"/>
      <c r="AG2705" s="137"/>
      <c r="AH2705" s="137"/>
      <c r="AI2705" s="137"/>
      <c r="AJ2705" s="137"/>
      <c r="AK2705" s="206"/>
      <c r="AL2705" s="206"/>
      <c r="AM2705" s="143"/>
      <c r="AN2705" s="137"/>
      <c r="AO2705" s="137"/>
      <c r="AP2705" s="137"/>
      <c r="AQ2705" s="137"/>
      <c r="AR2705" s="137"/>
      <c r="AS2705" s="137"/>
      <c r="AT2705" s="137"/>
      <c r="AU2705" s="137"/>
      <c r="AV2705" s="137"/>
      <c r="AW2705" s="144"/>
    </row>
    <row r="2706" spans="2:49" x14ac:dyDescent="0.2">
      <c r="B2706" s="97"/>
      <c r="G2706" s="43"/>
      <c r="J2706" s="98"/>
      <c r="K2706" s="97"/>
      <c r="N2706" s="3"/>
      <c r="W2706" s="98"/>
      <c r="Z2706" s="143"/>
      <c r="AA2706" s="137"/>
      <c r="AB2706" s="137"/>
      <c r="AC2706" s="137"/>
      <c r="AD2706" s="137"/>
      <c r="AE2706" s="137"/>
      <c r="AF2706" s="137"/>
      <c r="AG2706" s="137"/>
      <c r="AH2706" s="137"/>
      <c r="AI2706" s="137"/>
      <c r="AJ2706" s="137"/>
      <c r="AK2706" s="206"/>
      <c r="AL2706" s="206"/>
      <c r="AM2706" s="143"/>
      <c r="AN2706" s="137"/>
      <c r="AO2706" s="137"/>
      <c r="AP2706" s="137"/>
      <c r="AQ2706" s="137"/>
      <c r="AR2706" s="137"/>
      <c r="AS2706" s="137"/>
      <c r="AT2706" s="137"/>
      <c r="AU2706" s="137"/>
      <c r="AV2706" s="137"/>
      <c r="AW2706" s="144"/>
    </row>
    <row r="2707" spans="2:49" x14ac:dyDescent="0.2">
      <c r="B2707" s="97"/>
      <c r="G2707" s="43"/>
      <c r="J2707" s="98"/>
      <c r="K2707" s="97"/>
      <c r="N2707" s="3"/>
      <c r="W2707" s="98"/>
      <c r="Z2707" s="143"/>
      <c r="AA2707" s="137"/>
      <c r="AB2707" s="137"/>
      <c r="AC2707" s="137"/>
      <c r="AD2707" s="137"/>
      <c r="AE2707" s="137"/>
      <c r="AF2707" s="137"/>
      <c r="AG2707" s="137"/>
      <c r="AH2707" s="137"/>
      <c r="AI2707" s="137"/>
      <c r="AJ2707" s="137"/>
      <c r="AK2707" s="206"/>
      <c r="AL2707" s="206"/>
      <c r="AM2707" s="143"/>
      <c r="AN2707" s="137"/>
      <c r="AO2707" s="137"/>
      <c r="AP2707" s="137"/>
      <c r="AQ2707" s="137"/>
      <c r="AR2707" s="137"/>
      <c r="AS2707" s="137"/>
      <c r="AT2707" s="137"/>
      <c r="AU2707" s="137"/>
      <c r="AV2707" s="137"/>
      <c r="AW2707" s="144"/>
    </row>
    <row r="2708" spans="2:49" x14ac:dyDescent="0.2">
      <c r="B2708" s="97"/>
      <c r="G2708" s="43"/>
      <c r="J2708" s="98"/>
      <c r="K2708" s="97"/>
      <c r="N2708" s="3"/>
      <c r="W2708" s="98"/>
      <c r="Z2708" s="143"/>
      <c r="AA2708" s="137"/>
      <c r="AB2708" s="137"/>
      <c r="AC2708" s="137"/>
      <c r="AD2708" s="137"/>
      <c r="AE2708" s="137"/>
      <c r="AF2708" s="137"/>
      <c r="AG2708" s="137"/>
      <c r="AH2708" s="137"/>
      <c r="AI2708" s="137"/>
      <c r="AJ2708" s="137"/>
      <c r="AK2708" s="206"/>
      <c r="AL2708" s="206"/>
      <c r="AM2708" s="143"/>
      <c r="AN2708" s="137"/>
      <c r="AO2708" s="137"/>
      <c r="AP2708" s="137"/>
      <c r="AQ2708" s="137"/>
      <c r="AR2708" s="137"/>
      <c r="AS2708" s="137"/>
      <c r="AT2708" s="137"/>
      <c r="AU2708" s="137"/>
      <c r="AV2708" s="137"/>
      <c r="AW2708" s="144"/>
    </row>
    <row r="2709" spans="2:49" x14ac:dyDescent="0.2">
      <c r="B2709" s="97"/>
      <c r="G2709" s="43"/>
      <c r="J2709" s="98"/>
      <c r="K2709" s="97"/>
      <c r="N2709" s="3"/>
      <c r="W2709" s="98"/>
      <c r="Z2709" s="143"/>
      <c r="AA2709" s="137"/>
      <c r="AB2709" s="137"/>
      <c r="AC2709" s="137"/>
      <c r="AD2709" s="137"/>
      <c r="AE2709" s="137"/>
      <c r="AF2709" s="137"/>
      <c r="AG2709" s="137"/>
      <c r="AH2709" s="137"/>
      <c r="AI2709" s="137"/>
      <c r="AJ2709" s="137"/>
      <c r="AK2709" s="206"/>
      <c r="AL2709" s="206"/>
      <c r="AM2709" s="143"/>
      <c r="AN2709" s="137"/>
      <c r="AO2709" s="137"/>
      <c r="AP2709" s="137"/>
      <c r="AQ2709" s="137"/>
      <c r="AR2709" s="137"/>
      <c r="AS2709" s="137"/>
      <c r="AT2709" s="137"/>
      <c r="AU2709" s="137"/>
      <c r="AV2709" s="137"/>
      <c r="AW2709" s="144"/>
    </row>
    <row r="2710" spans="2:49" x14ac:dyDescent="0.2">
      <c r="B2710" s="97"/>
      <c r="G2710" s="43"/>
      <c r="J2710" s="98"/>
      <c r="K2710" s="97"/>
      <c r="N2710" s="3"/>
      <c r="W2710" s="98"/>
      <c r="Z2710" s="143"/>
      <c r="AA2710" s="137"/>
      <c r="AB2710" s="137"/>
      <c r="AC2710" s="137"/>
      <c r="AD2710" s="137"/>
      <c r="AE2710" s="137"/>
      <c r="AF2710" s="137"/>
      <c r="AG2710" s="137"/>
      <c r="AH2710" s="137"/>
      <c r="AI2710" s="137"/>
      <c r="AJ2710" s="137"/>
      <c r="AK2710" s="206"/>
      <c r="AL2710" s="206"/>
      <c r="AM2710" s="143"/>
      <c r="AN2710" s="137"/>
      <c r="AO2710" s="137"/>
      <c r="AP2710" s="137"/>
      <c r="AQ2710" s="137"/>
      <c r="AR2710" s="137"/>
      <c r="AS2710" s="137"/>
      <c r="AT2710" s="137"/>
      <c r="AU2710" s="137"/>
      <c r="AV2710" s="137"/>
      <c r="AW2710" s="144"/>
    </row>
    <row r="2711" spans="2:49" x14ac:dyDescent="0.2">
      <c r="B2711" s="97"/>
      <c r="G2711" s="43"/>
      <c r="J2711" s="98"/>
      <c r="K2711" s="97"/>
      <c r="N2711" s="3"/>
      <c r="W2711" s="98"/>
      <c r="Z2711" s="143"/>
      <c r="AA2711" s="137"/>
      <c r="AB2711" s="137"/>
      <c r="AC2711" s="137"/>
      <c r="AD2711" s="137"/>
      <c r="AE2711" s="137"/>
      <c r="AF2711" s="137"/>
      <c r="AG2711" s="137"/>
      <c r="AH2711" s="137"/>
      <c r="AI2711" s="137"/>
      <c r="AJ2711" s="137"/>
      <c r="AK2711" s="206"/>
      <c r="AL2711" s="206"/>
      <c r="AM2711" s="143"/>
      <c r="AN2711" s="137"/>
      <c r="AO2711" s="137"/>
      <c r="AP2711" s="137"/>
      <c r="AQ2711" s="137"/>
      <c r="AR2711" s="137"/>
      <c r="AS2711" s="137"/>
      <c r="AT2711" s="137"/>
      <c r="AU2711" s="137"/>
      <c r="AV2711" s="137"/>
      <c r="AW2711" s="144"/>
    </row>
    <row r="2712" spans="2:49" x14ac:dyDescent="0.2">
      <c r="B2712" s="97"/>
      <c r="G2712" s="43"/>
      <c r="J2712" s="98"/>
      <c r="K2712" s="97"/>
      <c r="N2712" s="3"/>
      <c r="W2712" s="98"/>
      <c r="Z2712" s="143"/>
      <c r="AA2712" s="137"/>
      <c r="AB2712" s="137"/>
      <c r="AC2712" s="137"/>
      <c r="AD2712" s="137"/>
      <c r="AE2712" s="137"/>
      <c r="AF2712" s="137"/>
      <c r="AG2712" s="137"/>
      <c r="AH2712" s="137"/>
      <c r="AI2712" s="137"/>
      <c r="AJ2712" s="137"/>
      <c r="AK2712" s="206"/>
      <c r="AL2712" s="206"/>
      <c r="AM2712" s="143"/>
      <c r="AN2712" s="137"/>
      <c r="AO2712" s="137"/>
      <c r="AP2712" s="137"/>
      <c r="AQ2712" s="137"/>
      <c r="AR2712" s="137"/>
      <c r="AS2712" s="137"/>
      <c r="AT2712" s="137"/>
      <c r="AU2712" s="137"/>
      <c r="AV2712" s="137"/>
      <c r="AW2712" s="144"/>
    </row>
    <row r="2713" spans="2:49" x14ac:dyDescent="0.2">
      <c r="B2713" s="97"/>
      <c r="G2713" s="43"/>
      <c r="J2713" s="98"/>
      <c r="K2713" s="97"/>
      <c r="N2713" s="3"/>
      <c r="W2713" s="98"/>
      <c r="Z2713" s="143"/>
      <c r="AA2713" s="137"/>
      <c r="AB2713" s="137"/>
      <c r="AC2713" s="137"/>
      <c r="AD2713" s="137"/>
      <c r="AE2713" s="137"/>
      <c r="AF2713" s="137"/>
      <c r="AG2713" s="137"/>
      <c r="AH2713" s="137"/>
      <c r="AI2713" s="137"/>
      <c r="AJ2713" s="137"/>
      <c r="AK2713" s="206"/>
      <c r="AL2713" s="206"/>
      <c r="AM2713" s="143"/>
      <c r="AN2713" s="137"/>
      <c r="AO2713" s="137"/>
      <c r="AP2713" s="137"/>
      <c r="AQ2713" s="137"/>
      <c r="AR2713" s="137"/>
      <c r="AS2713" s="137"/>
      <c r="AT2713" s="137"/>
      <c r="AU2713" s="137"/>
      <c r="AV2713" s="137"/>
      <c r="AW2713" s="144"/>
    </row>
    <row r="2714" spans="2:49" x14ac:dyDescent="0.2">
      <c r="B2714" s="97"/>
      <c r="G2714" s="43"/>
      <c r="J2714" s="98"/>
      <c r="K2714" s="97"/>
      <c r="N2714" s="3"/>
      <c r="W2714" s="98"/>
      <c r="Z2714" s="143"/>
      <c r="AA2714" s="137"/>
      <c r="AB2714" s="137"/>
      <c r="AC2714" s="137"/>
      <c r="AD2714" s="137"/>
      <c r="AE2714" s="137"/>
      <c r="AF2714" s="137"/>
      <c r="AG2714" s="137"/>
      <c r="AH2714" s="137"/>
      <c r="AI2714" s="137"/>
      <c r="AJ2714" s="137"/>
      <c r="AK2714" s="206"/>
      <c r="AL2714" s="206"/>
      <c r="AM2714" s="143"/>
      <c r="AN2714" s="137"/>
      <c r="AO2714" s="137"/>
      <c r="AP2714" s="137"/>
      <c r="AQ2714" s="137"/>
      <c r="AR2714" s="137"/>
      <c r="AS2714" s="137"/>
      <c r="AT2714" s="137"/>
      <c r="AU2714" s="137"/>
      <c r="AV2714" s="137"/>
      <c r="AW2714" s="144"/>
    </row>
    <row r="2715" spans="2:49" x14ac:dyDescent="0.2">
      <c r="B2715" s="97"/>
      <c r="G2715" s="43"/>
      <c r="J2715" s="98"/>
      <c r="K2715" s="97"/>
      <c r="N2715" s="3"/>
      <c r="W2715" s="98"/>
      <c r="Z2715" s="143"/>
      <c r="AA2715" s="137"/>
      <c r="AB2715" s="137"/>
      <c r="AC2715" s="137"/>
      <c r="AD2715" s="137"/>
      <c r="AE2715" s="137"/>
      <c r="AF2715" s="137"/>
      <c r="AG2715" s="137"/>
      <c r="AH2715" s="137"/>
      <c r="AI2715" s="137"/>
      <c r="AJ2715" s="137"/>
      <c r="AK2715" s="206"/>
      <c r="AL2715" s="206"/>
      <c r="AM2715" s="143"/>
      <c r="AN2715" s="137"/>
      <c r="AO2715" s="137"/>
      <c r="AP2715" s="137"/>
      <c r="AQ2715" s="137"/>
      <c r="AR2715" s="137"/>
      <c r="AS2715" s="137"/>
      <c r="AT2715" s="137"/>
      <c r="AU2715" s="137"/>
      <c r="AV2715" s="137"/>
      <c r="AW2715" s="144"/>
    </row>
    <row r="2716" spans="2:49" x14ac:dyDescent="0.2">
      <c r="B2716" s="97"/>
      <c r="G2716" s="43"/>
      <c r="J2716" s="98"/>
      <c r="K2716" s="97"/>
      <c r="N2716" s="3"/>
      <c r="W2716" s="98"/>
      <c r="Z2716" s="143"/>
      <c r="AA2716" s="137"/>
      <c r="AB2716" s="137"/>
      <c r="AC2716" s="137"/>
      <c r="AD2716" s="137"/>
      <c r="AE2716" s="137"/>
      <c r="AF2716" s="137"/>
      <c r="AG2716" s="137"/>
      <c r="AH2716" s="137"/>
      <c r="AI2716" s="137"/>
      <c r="AJ2716" s="137"/>
      <c r="AK2716" s="206"/>
      <c r="AL2716" s="206"/>
      <c r="AM2716" s="143"/>
      <c r="AN2716" s="137"/>
      <c r="AO2716" s="137"/>
      <c r="AP2716" s="137"/>
      <c r="AQ2716" s="137"/>
      <c r="AR2716" s="137"/>
      <c r="AS2716" s="137"/>
      <c r="AT2716" s="137"/>
      <c r="AU2716" s="137"/>
      <c r="AV2716" s="137"/>
      <c r="AW2716" s="144"/>
    </row>
    <row r="2717" spans="2:49" x14ac:dyDescent="0.2">
      <c r="B2717" s="97"/>
      <c r="G2717" s="43"/>
      <c r="J2717" s="98"/>
      <c r="K2717" s="97"/>
      <c r="N2717" s="3"/>
      <c r="W2717" s="98"/>
      <c r="Z2717" s="143"/>
      <c r="AA2717" s="137"/>
      <c r="AB2717" s="137"/>
      <c r="AC2717" s="137"/>
      <c r="AD2717" s="137"/>
      <c r="AE2717" s="137"/>
      <c r="AF2717" s="137"/>
      <c r="AG2717" s="137"/>
      <c r="AH2717" s="137"/>
      <c r="AI2717" s="137"/>
      <c r="AJ2717" s="137"/>
      <c r="AK2717" s="206"/>
      <c r="AL2717" s="206"/>
      <c r="AM2717" s="143"/>
      <c r="AN2717" s="137"/>
      <c r="AO2717" s="137"/>
      <c r="AP2717" s="137"/>
      <c r="AQ2717" s="137"/>
      <c r="AR2717" s="137"/>
      <c r="AS2717" s="137"/>
      <c r="AT2717" s="137"/>
      <c r="AU2717" s="137"/>
      <c r="AV2717" s="137"/>
      <c r="AW2717" s="144"/>
    </row>
    <row r="2718" spans="2:49" x14ac:dyDescent="0.2">
      <c r="B2718" s="97"/>
      <c r="G2718" s="43"/>
      <c r="J2718" s="98"/>
      <c r="K2718" s="97"/>
      <c r="N2718" s="3"/>
      <c r="W2718" s="98"/>
      <c r="Z2718" s="143"/>
      <c r="AA2718" s="137"/>
      <c r="AB2718" s="137"/>
      <c r="AC2718" s="137"/>
      <c r="AD2718" s="137"/>
      <c r="AE2718" s="137"/>
      <c r="AF2718" s="137"/>
      <c r="AG2718" s="137"/>
      <c r="AH2718" s="137"/>
      <c r="AI2718" s="137"/>
      <c r="AJ2718" s="137"/>
      <c r="AK2718" s="206"/>
      <c r="AL2718" s="206"/>
      <c r="AM2718" s="143"/>
      <c r="AN2718" s="137"/>
      <c r="AO2718" s="137"/>
      <c r="AP2718" s="137"/>
      <c r="AQ2718" s="137"/>
      <c r="AR2718" s="137"/>
      <c r="AS2718" s="137"/>
      <c r="AT2718" s="137"/>
      <c r="AU2718" s="137"/>
      <c r="AV2718" s="137"/>
      <c r="AW2718" s="144"/>
    </row>
    <row r="2719" spans="2:49" x14ac:dyDescent="0.2">
      <c r="B2719" s="97"/>
      <c r="G2719" s="43"/>
      <c r="J2719" s="98"/>
      <c r="K2719" s="97"/>
      <c r="N2719" s="3"/>
      <c r="W2719" s="98"/>
      <c r="Z2719" s="143"/>
      <c r="AA2719" s="137"/>
      <c r="AB2719" s="137"/>
      <c r="AC2719" s="137"/>
      <c r="AD2719" s="137"/>
      <c r="AE2719" s="137"/>
      <c r="AF2719" s="137"/>
      <c r="AG2719" s="137"/>
      <c r="AH2719" s="137"/>
      <c r="AI2719" s="137"/>
      <c r="AJ2719" s="137"/>
      <c r="AK2719" s="206"/>
      <c r="AL2719" s="206"/>
      <c r="AM2719" s="143"/>
      <c r="AN2719" s="137"/>
      <c r="AO2719" s="137"/>
      <c r="AP2719" s="137"/>
      <c r="AQ2719" s="137"/>
      <c r="AR2719" s="137"/>
      <c r="AS2719" s="137"/>
      <c r="AT2719" s="137"/>
      <c r="AU2719" s="137"/>
      <c r="AV2719" s="137"/>
      <c r="AW2719" s="144"/>
    </row>
    <row r="2720" spans="2:49" x14ac:dyDescent="0.2">
      <c r="B2720" s="97"/>
      <c r="G2720" s="43"/>
      <c r="J2720" s="98"/>
      <c r="K2720" s="97"/>
      <c r="N2720" s="3"/>
      <c r="W2720" s="98"/>
      <c r="Z2720" s="143"/>
      <c r="AA2720" s="137"/>
      <c r="AB2720" s="137"/>
      <c r="AC2720" s="137"/>
      <c r="AD2720" s="137"/>
      <c r="AE2720" s="137"/>
      <c r="AF2720" s="137"/>
      <c r="AG2720" s="137"/>
      <c r="AH2720" s="137"/>
      <c r="AI2720" s="137"/>
      <c r="AJ2720" s="137"/>
      <c r="AK2720" s="206"/>
      <c r="AL2720" s="206"/>
      <c r="AM2720" s="143"/>
      <c r="AN2720" s="137"/>
      <c r="AO2720" s="137"/>
      <c r="AP2720" s="137"/>
      <c r="AQ2720" s="137"/>
      <c r="AR2720" s="137"/>
      <c r="AS2720" s="137"/>
      <c r="AT2720" s="137"/>
      <c r="AU2720" s="137"/>
      <c r="AV2720" s="137"/>
      <c r="AW2720" s="144"/>
    </row>
    <row r="2721" spans="2:49" x14ac:dyDescent="0.2">
      <c r="B2721" s="97"/>
      <c r="G2721" s="43"/>
      <c r="J2721" s="98"/>
      <c r="K2721" s="97"/>
      <c r="N2721" s="3"/>
      <c r="W2721" s="98"/>
      <c r="Z2721" s="143"/>
      <c r="AA2721" s="137"/>
      <c r="AB2721" s="137"/>
      <c r="AC2721" s="137"/>
      <c r="AD2721" s="137"/>
      <c r="AE2721" s="137"/>
      <c r="AF2721" s="137"/>
      <c r="AG2721" s="137"/>
      <c r="AH2721" s="137"/>
      <c r="AI2721" s="137"/>
      <c r="AJ2721" s="137"/>
      <c r="AK2721" s="206"/>
      <c r="AL2721" s="206"/>
      <c r="AM2721" s="143"/>
      <c r="AN2721" s="137"/>
      <c r="AO2721" s="137"/>
      <c r="AP2721" s="137"/>
      <c r="AQ2721" s="137"/>
      <c r="AR2721" s="137"/>
      <c r="AS2721" s="137"/>
      <c r="AT2721" s="137"/>
      <c r="AU2721" s="137"/>
      <c r="AV2721" s="137"/>
      <c r="AW2721" s="144"/>
    </row>
    <row r="2722" spans="2:49" x14ac:dyDescent="0.2">
      <c r="B2722" s="97"/>
      <c r="G2722" s="43"/>
      <c r="J2722" s="98"/>
      <c r="K2722" s="97"/>
      <c r="N2722" s="3"/>
      <c r="W2722" s="98"/>
      <c r="Z2722" s="143"/>
      <c r="AA2722" s="137"/>
      <c r="AB2722" s="137"/>
      <c r="AC2722" s="137"/>
      <c r="AD2722" s="137"/>
      <c r="AE2722" s="137"/>
      <c r="AF2722" s="137"/>
      <c r="AG2722" s="137"/>
      <c r="AH2722" s="137"/>
      <c r="AI2722" s="137"/>
      <c r="AJ2722" s="137"/>
      <c r="AK2722" s="206"/>
      <c r="AL2722" s="206"/>
      <c r="AM2722" s="143"/>
      <c r="AN2722" s="137"/>
      <c r="AO2722" s="137"/>
      <c r="AP2722" s="137"/>
      <c r="AQ2722" s="137"/>
      <c r="AR2722" s="137"/>
      <c r="AS2722" s="137"/>
      <c r="AT2722" s="137"/>
      <c r="AU2722" s="137"/>
      <c r="AV2722" s="137"/>
      <c r="AW2722" s="144"/>
    </row>
    <row r="2723" spans="2:49" x14ac:dyDescent="0.2">
      <c r="B2723" s="97"/>
      <c r="G2723" s="43"/>
      <c r="J2723" s="98"/>
      <c r="K2723" s="97"/>
      <c r="N2723" s="3"/>
      <c r="W2723" s="98"/>
      <c r="Z2723" s="143"/>
      <c r="AA2723" s="137"/>
      <c r="AB2723" s="137"/>
      <c r="AC2723" s="137"/>
      <c r="AD2723" s="137"/>
      <c r="AE2723" s="137"/>
      <c r="AF2723" s="137"/>
      <c r="AG2723" s="137"/>
      <c r="AH2723" s="137"/>
      <c r="AI2723" s="137"/>
      <c r="AJ2723" s="137"/>
      <c r="AK2723" s="206"/>
      <c r="AL2723" s="206"/>
      <c r="AM2723" s="143"/>
      <c r="AN2723" s="137"/>
      <c r="AO2723" s="137"/>
      <c r="AP2723" s="137"/>
      <c r="AQ2723" s="137"/>
      <c r="AR2723" s="137"/>
      <c r="AS2723" s="137"/>
      <c r="AT2723" s="137"/>
      <c r="AU2723" s="137"/>
      <c r="AV2723" s="137"/>
      <c r="AW2723" s="144"/>
    </row>
    <row r="2724" spans="2:49" x14ac:dyDescent="0.2">
      <c r="B2724" s="97"/>
      <c r="G2724" s="43"/>
      <c r="J2724" s="98"/>
      <c r="K2724" s="97"/>
      <c r="N2724" s="3"/>
      <c r="W2724" s="98"/>
      <c r="Z2724" s="143"/>
      <c r="AA2724" s="137"/>
      <c r="AB2724" s="137"/>
      <c r="AC2724" s="137"/>
      <c r="AD2724" s="137"/>
      <c r="AE2724" s="137"/>
      <c r="AF2724" s="137"/>
      <c r="AG2724" s="137"/>
      <c r="AH2724" s="137"/>
      <c r="AI2724" s="137"/>
      <c r="AJ2724" s="137"/>
      <c r="AK2724" s="206"/>
      <c r="AL2724" s="206"/>
      <c r="AM2724" s="143"/>
      <c r="AN2724" s="137"/>
      <c r="AO2724" s="137"/>
      <c r="AP2724" s="137"/>
      <c r="AQ2724" s="137"/>
      <c r="AR2724" s="137"/>
      <c r="AS2724" s="137"/>
      <c r="AT2724" s="137"/>
      <c r="AU2724" s="137"/>
      <c r="AV2724" s="137"/>
      <c r="AW2724" s="144"/>
    </row>
    <row r="2725" spans="2:49" x14ac:dyDescent="0.2">
      <c r="B2725" s="97"/>
      <c r="G2725" s="43"/>
      <c r="J2725" s="98"/>
      <c r="K2725" s="97"/>
      <c r="N2725" s="3"/>
      <c r="W2725" s="98"/>
      <c r="Z2725" s="143"/>
      <c r="AA2725" s="137"/>
      <c r="AB2725" s="137"/>
      <c r="AC2725" s="137"/>
      <c r="AD2725" s="137"/>
      <c r="AE2725" s="137"/>
      <c r="AF2725" s="137"/>
      <c r="AG2725" s="137"/>
      <c r="AH2725" s="137"/>
      <c r="AI2725" s="137"/>
      <c r="AJ2725" s="137"/>
      <c r="AK2725" s="206"/>
      <c r="AL2725" s="206"/>
      <c r="AM2725" s="143"/>
      <c r="AN2725" s="137"/>
      <c r="AO2725" s="137"/>
      <c r="AP2725" s="137"/>
      <c r="AQ2725" s="137"/>
      <c r="AR2725" s="137"/>
      <c r="AS2725" s="137"/>
      <c r="AT2725" s="137"/>
      <c r="AU2725" s="137"/>
      <c r="AV2725" s="137"/>
      <c r="AW2725" s="144"/>
    </row>
    <row r="2726" spans="2:49" x14ac:dyDescent="0.2">
      <c r="B2726" s="97"/>
      <c r="G2726" s="43"/>
      <c r="J2726" s="98"/>
      <c r="K2726" s="97"/>
      <c r="N2726" s="3"/>
      <c r="W2726" s="98"/>
      <c r="Z2726" s="143"/>
      <c r="AA2726" s="137"/>
      <c r="AB2726" s="137"/>
      <c r="AC2726" s="137"/>
      <c r="AD2726" s="137"/>
      <c r="AE2726" s="137"/>
      <c r="AF2726" s="137"/>
      <c r="AG2726" s="137"/>
      <c r="AH2726" s="137"/>
      <c r="AI2726" s="137"/>
      <c r="AJ2726" s="137"/>
      <c r="AK2726" s="206"/>
      <c r="AL2726" s="206"/>
      <c r="AM2726" s="143"/>
      <c r="AN2726" s="137"/>
      <c r="AO2726" s="137"/>
      <c r="AP2726" s="137"/>
      <c r="AQ2726" s="137"/>
      <c r="AR2726" s="137"/>
      <c r="AS2726" s="137"/>
      <c r="AT2726" s="137"/>
      <c r="AU2726" s="137"/>
      <c r="AV2726" s="137"/>
      <c r="AW2726" s="144"/>
    </row>
    <row r="2727" spans="2:49" x14ac:dyDescent="0.2">
      <c r="B2727" s="97"/>
      <c r="G2727" s="43"/>
      <c r="J2727" s="98"/>
      <c r="K2727" s="97"/>
      <c r="N2727" s="3"/>
      <c r="W2727" s="98"/>
      <c r="Z2727" s="143"/>
      <c r="AA2727" s="137"/>
      <c r="AB2727" s="137"/>
      <c r="AC2727" s="137"/>
      <c r="AD2727" s="137"/>
      <c r="AE2727" s="137"/>
      <c r="AF2727" s="137"/>
      <c r="AG2727" s="137"/>
      <c r="AH2727" s="137"/>
      <c r="AI2727" s="137"/>
      <c r="AJ2727" s="137"/>
      <c r="AK2727" s="206"/>
      <c r="AL2727" s="206"/>
      <c r="AM2727" s="143"/>
      <c r="AN2727" s="137"/>
      <c r="AO2727" s="137"/>
      <c r="AP2727" s="137"/>
      <c r="AQ2727" s="137"/>
      <c r="AR2727" s="137"/>
      <c r="AS2727" s="137"/>
      <c r="AT2727" s="137"/>
      <c r="AU2727" s="137"/>
      <c r="AV2727" s="137"/>
      <c r="AW2727" s="144"/>
    </row>
    <row r="2728" spans="2:49" x14ac:dyDescent="0.2">
      <c r="B2728" s="97"/>
      <c r="G2728" s="43"/>
      <c r="J2728" s="98"/>
      <c r="K2728" s="97"/>
      <c r="N2728" s="3"/>
      <c r="W2728" s="98"/>
      <c r="Z2728" s="143"/>
      <c r="AA2728" s="137"/>
      <c r="AB2728" s="137"/>
      <c r="AC2728" s="137"/>
      <c r="AD2728" s="137"/>
      <c r="AE2728" s="137"/>
      <c r="AF2728" s="137"/>
      <c r="AG2728" s="137"/>
      <c r="AH2728" s="137"/>
      <c r="AI2728" s="137"/>
      <c r="AJ2728" s="137"/>
      <c r="AK2728" s="206"/>
      <c r="AL2728" s="206"/>
      <c r="AM2728" s="143"/>
      <c r="AN2728" s="137"/>
      <c r="AO2728" s="137"/>
      <c r="AP2728" s="137"/>
      <c r="AQ2728" s="137"/>
      <c r="AR2728" s="137"/>
      <c r="AS2728" s="137"/>
      <c r="AT2728" s="137"/>
      <c r="AU2728" s="137"/>
      <c r="AV2728" s="137"/>
      <c r="AW2728" s="144"/>
    </row>
    <row r="2729" spans="2:49" x14ac:dyDescent="0.2">
      <c r="B2729" s="97"/>
      <c r="G2729" s="43"/>
      <c r="J2729" s="98"/>
      <c r="K2729" s="97"/>
      <c r="N2729" s="3"/>
      <c r="W2729" s="98"/>
      <c r="Z2729" s="143"/>
      <c r="AA2729" s="137"/>
      <c r="AB2729" s="137"/>
      <c r="AC2729" s="137"/>
      <c r="AD2729" s="137"/>
      <c r="AE2729" s="137"/>
      <c r="AF2729" s="137"/>
      <c r="AG2729" s="137"/>
      <c r="AH2729" s="137"/>
      <c r="AI2729" s="137"/>
      <c r="AJ2729" s="137"/>
      <c r="AK2729" s="206"/>
      <c r="AL2729" s="206"/>
      <c r="AM2729" s="143"/>
      <c r="AN2729" s="137"/>
      <c r="AO2729" s="137"/>
      <c r="AP2729" s="137"/>
      <c r="AQ2729" s="137"/>
      <c r="AR2729" s="137"/>
      <c r="AS2729" s="137"/>
      <c r="AT2729" s="137"/>
      <c r="AU2729" s="137"/>
      <c r="AV2729" s="137"/>
      <c r="AW2729" s="144"/>
    </row>
    <row r="2730" spans="2:49" x14ac:dyDescent="0.2">
      <c r="B2730" s="97"/>
      <c r="G2730" s="43"/>
      <c r="J2730" s="98"/>
      <c r="K2730" s="97"/>
      <c r="N2730" s="3"/>
      <c r="W2730" s="98"/>
      <c r="Z2730" s="143"/>
      <c r="AA2730" s="137"/>
      <c r="AB2730" s="137"/>
      <c r="AC2730" s="137"/>
      <c r="AD2730" s="137"/>
      <c r="AE2730" s="137"/>
      <c r="AF2730" s="137"/>
      <c r="AG2730" s="137"/>
      <c r="AH2730" s="137"/>
      <c r="AI2730" s="137"/>
      <c r="AJ2730" s="137"/>
      <c r="AK2730" s="206"/>
      <c r="AL2730" s="206"/>
      <c r="AM2730" s="143"/>
      <c r="AN2730" s="137"/>
      <c r="AO2730" s="137"/>
      <c r="AP2730" s="137"/>
      <c r="AQ2730" s="137"/>
      <c r="AR2730" s="137"/>
      <c r="AS2730" s="137"/>
      <c r="AT2730" s="137"/>
      <c r="AU2730" s="137"/>
      <c r="AV2730" s="137"/>
      <c r="AW2730" s="144"/>
    </row>
    <row r="2731" spans="2:49" x14ac:dyDescent="0.2">
      <c r="B2731" s="97"/>
      <c r="G2731" s="43"/>
      <c r="J2731" s="98"/>
      <c r="K2731" s="97"/>
      <c r="N2731" s="3"/>
      <c r="W2731" s="98"/>
      <c r="Z2731" s="143"/>
      <c r="AA2731" s="137"/>
      <c r="AB2731" s="137"/>
      <c r="AC2731" s="137"/>
      <c r="AD2731" s="137"/>
      <c r="AE2731" s="137"/>
      <c r="AF2731" s="137"/>
      <c r="AG2731" s="137"/>
      <c r="AH2731" s="137"/>
      <c r="AI2731" s="137"/>
      <c r="AJ2731" s="137"/>
      <c r="AK2731" s="206"/>
      <c r="AL2731" s="206"/>
      <c r="AM2731" s="143"/>
      <c r="AN2731" s="137"/>
      <c r="AO2731" s="137"/>
      <c r="AP2731" s="137"/>
      <c r="AQ2731" s="137"/>
      <c r="AR2731" s="137"/>
      <c r="AS2731" s="137"/>
      <c r="AT2731" s="137"/>
      <c r="AU2731" s="137"/>
      <c r="AV2731" s="137"/>
      <c r="AW2731" s="144"/>
    </row>
    <row r="2732" spans="2:49" x14ac:dyDescent="0.2">
      <c r="B2732" s="97"/>
      <c r="G2732" s="43"/>
      <c r="J2732" s="98"/>
      <c r="K2732" s="97"/>
      <c r="N2732" s="3"/>
      <c r="W2732" s="98"/>
      <c r="Z2732" s="143"/>
      <c r="AA2732" s="137"/>
      <c r="AB2732" s="137"/>
      <c r="AC2732" s="137"/>
      <c r="AD2732" s="137"/>
      <c r="AE2732" s="137"/>
      <c r="AF2732" s="137"/>
      <c r="AG2732" s="137"/>
      <c r="AH2732" s="137"/>
      <c r="AI2732" s="137"/>
      <c r="AJ2732" s="137"/>
      <c r="AK2732" s="206"/>
      <c r="AL2732" s="206"/>
      <c r="AM2732" s="143"/>
      <c r="AN2732" s="137"/>
      <c r="AO2732" s="137"/>
      <c r="AP2732" s="137"/>
      <c r="AQ2732" s="137"/>
      <c r="AR2732" s="137"/>
      <c r="AS2732" s="137"/>
      <c r="AT2732" s="137"/>
      <c r="AU2732" s="137"/>
      <c r="AV2732" s="137"/>
      <c r="AW2732" s="144"/>
    </row>
    <row r="2733" spans="2:49" x14ac:dyDescent="0.2">
      <c r="B2733" s="97"/>
      <c r="G2733" s="43"/>
      <c r="J2733" s="98"/>
      <c r="K2733" s="97"/>
      <c r="N2733" s="3"/>
      <c r="W2733" s="98"/>
      <c r="Z2733" s="143"/>
      <c r="AA2733" s="137"/>
      <c r="AB2733" s="137"/>
      <c r="AC2733" s="137"/>
      <c r="AD2733" s="137"/>
      <c r="AE2733" s="137"/>
      <c r="AF2733" s="137"/>
      <c r="AG2733" s="137"/>
      <c r="AH2733" s="137"/>
      <c r="AI2733" s="137"/>
      <c r="AJ2733" s="137"/>
      <c r="AK2733" s="206"/>
      <c r="AL2733" s="206"/>
      <c r="AM2733" s="143"/>
      <c r="AN2733" s="137"/>
      <c r="AO2733" s="137"/>
      <c r="AP2733" s="137"/>
      <c r="AQ2733" s="137"/>
      <c r="AR2733" s="137"/>
      <c r="AS2733" s="137"/>
      <c r="AT2733" s="137"/>
      <c r="AU2733" s="137"/>
      <c r="AV2733" s="137"/>
      <c r="AW2733" s="144"/>
    </row>
    <row r="2734" spans="2:49" x14ac:dyDescent="0.2">
      <c r="B2734" s="97"/>
      <c r="G2734" s="43"/>
      <c r="J2734" s="98"/>
      <c r="K2734" s="97"/>
      <c r="N2734" s="3"/>
      <c r="W2734" s="98"/>
      <c r="Z2734" s="143"/>
      <c r="AA2734" s="137"/>
      <c r="AB2734" s="137"/>
      <c r="AC2734" s="137"/>
      <c r="AD2734" s="137"/>
      <c r="AE2734" s="137"/>
      <c r="AF2734" s="137"/>
      <c r="AG2734" s="137"/>
      <c r="AH2734" s="137"/>
      <c r="AI2734" s="137"/>
      <c r="AJ2734" s="137"/>
      <c r="AK2734" s="206"/>
      <c r="AL2734" s="206"/>
      <c r="AM2734" s="143"/>
      <c r="AN2734" s="137"/>
      <c r="AO2734" s="137"/>
      <c r="AP2734" s="137"/>
      <c r="AQ2734" s="137"/>
      <c r="AR2734" s="137"/>
      <c r="AS2734" s="137"/>
      <c r="AT2734" s="137"/>
      <c r="AU2734" s="137"/>
      <c r="AV2734" s="137"/>
      <c r="AW2734" s="144"/>
    </row>
    <row r="2735" spans="2:49" x14ac:dyDescent="0.2">
      <c r="B2735" s="97"/>
      <c r="G2735" s="43"/>
      <c r="J2735" s="98"/>
      <c r="K2735" s="97"/>
      <c r="N2735" s="3"/>
      <c r="W2735" s="98"/>
      <c r="Z2735" s="143"/>
      <c r="AA2735" s="137"/>
      <c r="AB2735" s="137"/>
      <c r="AC2735" s="137"/>
      <c r="AD2735" s="137"/>
      <c r="AE2735" s="137"/>
      <c r="AF2735" s="137"/>
      <c r="AG2735" s="137"/>
      <c r="AH2735" s="137"/>
      <c r="AI2735" s="137"/>
      <c r="AJ2735" s="137"/>
      <c r="AK2735" s="206"/>
      <c r="AL2735" s="206"/>
      <c r="AM2735" s="143"/>
      <c r="AN2735" s="137"/>
      <c r="AO2735" s="137"/>
      <c r="AP2735" s="137"/>
      <c r="AQ2735" s="137"/>
      <c r="AR2735" s="137"/>
      <c r="AS2735" s="137"/>
      <c r="AT2735" s="137"/>
      <c r="AU2735" s="137"/>
      <c r="AV2735" s="137"/>
      <c r="AW2735" s="144"/>
    </row>
    <row r="2736" spans="2:49" x14ac:dyDescent="0.2">
      <c r="B2736" s="97"/>
      <c r="G2736" s="43"/>
      <c r="J2736" s="98"/>
      <c r="K2736" s="97"/>
      <c r="N2736" s="3"/>
      <c r="W2736" s="98"/>
      <c r="Z2736" s="143"/>
      <c r="AA2736" s="137"/>
      <c r="AB2736" s="137"/>
      <c r="AC2736" s="137"/>
      <c r="AD2736" s="137"/>
      <c r="AE2736" s="137"/>
      <c r="AF2736" s="137"/>
      <c r="AG2736" s="137"/>
      <c r="AH2736" s="137"/>
      <c r="AI2736" s="137"/>
      <c r="AJ2736" s="137"/>
      <c r="AK2736" s="206"/>
      <c r="AL2736" s="206"/>
      <c r="AM2736" s="143"/>
      <c r="AN2736" s="137"/>
      <c r="AO2736" s="137"/>
      <c r="AP2736" s="137"/>
      <c r="AQ2736" s="137"/>
      <c r="AR2736" s="137"/>
      <c r="AS2736" s="137"/>
      <c r="AT2736" s="137"/>
      <c r="AU2736" s="137"/>
      <c r="AV2736" s="137"/>
      <c r="AW2736" s="144"/>
    </row>
    <row r="2737" spans="2:49" x14ac:dyDescent="0.2">
      <c r="B2737" s="97"/>
      <c r="G2737" s="43"/>
      <c r="J2737" s="98"/>
      <c r="K2737" s="97"/>
      <c r="N2737" s="3"/>
      <c r="W2737" s="98"/>
      <c r="Z2737" s="143"/>
      <c r="AA2737" s="137"/>
      <c r="AB2737" s="137"/>
      <c r="AC2737" s="137"/>
      <c r="AD2737" s="137"/>
      <c r="AE2737" s="137"/>
      <c r="AF2737" s="137"/>
      <c r="AG2737" s="137"/>
      <c r="AH2737" s="137"/>
      <c r="AI2737" s="137"/>
      <c r="AJ2737" s="137"/>
      <c r="AK2737" s="206"/>
      <c r="AL2737" s="206"/>
      <c r="AM2737" s="143"/>
      <c r="AN2737" s="137"/>
      <c r="AO2737" s="137"/>
      <c r="AP2737" s="137"/>
      <c r="AQ2737" s="137"/>
      <c r="AR2737" s="137"/>
      <c r="AS2737" s="137"/>
      <c r="AT2737" s="137"/>
      <c r="AU2737" s="137"/>
      <c r="AV2737" s="137"/>
      <c r="AW2737" s="144"/>
    </row>
    <row r="2738" spans="2:49" x14ac:dyDescent="0.2">
      <c r="B2738" s="97"/>
      <c r="G2738" s="43"/>
      <c r="J2738" s="98"/>
      <c r="K2738" s="97"/>
      <c r="N2738" s="3"/>
      <c r="W2738" s="98"/>
      <c r="Z2738" s="143"/>
      <c r="AA2738" s="137"/>
      <c r="AB2738" s="137"/>
      <c r="AC2738" s="137"/>
      <c r="AD2738" s="137"/>
      <c r="AE2738" s="137"/>
      <c r="AF2738" s="137"/>
      <c r="AG2738" s="137"/>
      <c r="AH2738" s="137"/>
      <c r="AI2738" s="137"/>
      <c r="AJ2738" s="137"/>
      <c r="AK2738" s="206"/>
      <c r="AL2738" s="206"/>
      <c r="AM2738" s="143"/>
      <c r="AN2738" s="137"/>
      <c r="AO2738" s="137"/>
      <c r="AP2738" s="137"/>
      <c r="AQ2738" s="137"/>
      <c r="AR2738" s="137"/>
      <c r="AS2738" s="137"/>
      <c r="AT2738" s="137"/>
      <c r="AU2738" s="137"/>
      <c r="AV2738" s="137"/>
      <c r="AW2738" s="144"/>
    </row>
    <row r="2739" spans="2:49" x14ac:dyDescent="0.2">
      <c r="B2739" s="97"/>
      <c r="G2739" s="43"/>
      <c r="J2739" s="98"/>
      <c r="K2739" s="97"/>
      <c r="N2739" s="3"/>
      <c r="W2739" s="98"/>
      <c r="Z2739" s="143"/>
      <c r="AA2739" s="137"/>
      <c r="AB2739" s="137"/>
      <c r="AC2739" s="137"/>
      <c r="AD2739" s="137"/>
      <c r="AE2739" s="137"/>
      <c r="AF2739" s="137"/>
      <c r="AG2739" s="137"/>
      <c r="AH2739" s="137"/>
      <c r="AI2739" s="137"/>
      <c r="AJ2739" s="137"/>
      <c r="AK2739" s="206"/>
      <c r="AL2739" s="206"/>
      <c r="AM2739" s="143"/>
      <c r="AN2739" s="137"/>
      <c r="AO2739" s="137"/>
      <c r="AP2739" s="137"/>
      <c r="AQ2739" s="137"/>
      <c r="AR2739" s="137"/>
      <c r="AS2739" s="137"/>
      <c r="AT2739" s="137"/>
      <c r="AU2739" s="137"/>
      <c r="AV2739" s="137"/>
      <c r="AW2739" s="144"/>
    </row>
    <row r="2740" spans="2:49" x14ac:dyDescent="0.2">
      <c r="B2740" s="97"/>
      <c r="G2740" s="43"/>
      <c r="J2740" s="98"/>
      <c r="K2740" s="97"/>
      <c r="N2740" s="3"/>
      <c r="W2740" s="98"/>
      <c r="Z2740" s="143"/>
      <c r="AA2740" s="137"/>
      <c r="AB2740" s="137"/>
      <c r="AC2740" s="137"/>
      <c r="AD2740" s="137"/>
      <c r="AE2740" s="137"/>
      <c r="AF2740" s="137"/>
      <c r="AG2740" s="137"/>
      <c r="AH2740" s="137"/>
      <c r="AI2740" s="137"/>
      <c r="AJ2740" s="137"/>
      <c r="AK2740" s="206"/>
      <c r="AL2740" s="206"/>
      <c r="AM2740" s="143"/>
      <c r="AN2740" s="137"/>
      <c r="AO2740" s="137"/>
      <c r="AP2740" s="137"/>
      <c r="AQ2740" s="137"/>
      <c r="AR2740" s="137"/>
      <c r="AS2740" s="137"/>
      <c r="AT2740" s="137"/>
      <c r="AU2740" s="137"/>
      <c r="AV2740" s="137"/>
      <c r="AW2740" s="144"/>
    </row>
    <row r="2741" spans="2:49" x14ac:dyDescent="0.2">
      <c r="B2741" s="97"/>
      <c r="G2741" s="43"/>
      <c r="J2741" s="98"/>
      <c r="K2741" s="97"/>
      <c r="N2741" s="3"/>
      <c r="W2741" s="98"/>
      <c r="Z2741" s="143"/>
      <c r="AA2741" s="137"/>
      <c r="AB2741" s="137"/>
      <c r="AC2741" s="137"/>
      <c r="AD2741" s="137"/>
      <c r="AE2741" s="137"/>
      <c r="AF2741" s="137"/>
      <c r="AG2741" s="137"/>
      <c r="AH2741" s="137"/>
      <c r="AI2741" s="137"/>
      <c r="AJ2741" s="137"/>
      <c r="AK2741" s="206"/>
      <c r="AL2741" s="206"/>
      <c r="AM2741" s="143"/>
      <c r="AN2741" s="137"/>
      <c r="AO2741" s="137"/>
      <c r="AP2741" s="137"/>
      <c r="AQ2741" s="137"/>
      <c r="AR2741" s="137"/>
      <c r="AS2741" s="137"/>
      <c r="AT2741" s="137"/>
      <c r="AU2741" s="137"/>
      <c r="AV2741" s="137"/>
      <c r="AW2741" s="144"/>
    </row>
    <row r="2742" spans="2:49" x14ac:dyDescent="0.2">
      <c r="B2742" s="97"/>
      <c r="G2742" s="43"/>
      <c r="J2742" s="98"/>
      <c r="K2742" s="97"/>
      <c r="N2742" s="3"/>
      <c r="W2742" s="98"/>
      <c r="Z2742" s="143"/>
      <c r="AA2742" s="137"/>
      <c r="AB2742" s="137"/>
      <c r="AC2742" s="137"/>
      <c r="AD2742" s="137"/>
      <c r="AE2742" s="137"/>
      <c r="AF2742" s="137"/>
      <c r="AG2742" s="137"/>
      <c r="AH2742" s="137"/>
      <c r="AI2742" s="137"/>
      <c r="AJ2742" s="137"/>
      <c r="AK2742" s="206"/>
      <c r="AL2742" s="206"/>
      <c r="AM2742" s="143"/>
      <c r="AN2742" s="137"/>
      <c r="AO2742" s="137"/>
      <c r="AP2742" s="137"/>
      <c r="AQ2742" s="137"/>
      <c r="AR2742" s="137"/>
      <c r="AS2742" s="137"/>
      <c r="AT2742" s="137"/>
      <c r="AU2742" s="137"/>
      <c r="AV2742" s="137"/>
      <c r="AW2742" s="144"/>
    </row>
    <row r="2743" spans="2:49" x14ac:dyDescent="0.2">
      <c r="B2743" s="97"/>
      <c r="G2743" s="43"/>
      <c r="J2743" s="98"/>
      <c r="K2743" s="97"/>
      <c r="N2743" s="3"/>
      <c r="W2743" s="98"/>
      <c r="Z2743" s="143"/>
      <c r="AA2743" s="137"/>
      <c r="AB2743" s="137"/>
      <c r="AC2743" s="137"/>
      <c r="AD2743" s="137"/>
      <c r="AE2743" s="137"/>
      <c r="AF2743" s="137"/>
      <c r="AG2743" s="137"/>
      <c r="AH2743" s="137"/>
      <c r="AI2743" s="137"/>
      <c r="AJ2743" s="137"/>
      <c r="AK2743" s="206"/>
      <c r="AL2743" s="206"/>
      <c r="AM2743" s="143"/>
      <c r="AN2743" s="137"/>
      <c r="AO2743" s="137"/>
      <c r="AP2743" s="137"/>
      <c r="AQ2743" s="137"/>
      <c r="AR2743" s="137"/>
      <c r="AS2743" s="137"/>
      <c r="AT2743" s="137"/>
      <c r="AU2743" s="137"/>
      <c r="AV2743" s="137"/>
      <c r="AW2743" s="144"/>
    </row>
    <row r="2744" spans="2:49" x14ac:dyDescent="0.2">
      <c r="B2744" s="97"/>
      <c r="G2744" s="43"/>
      <c r="J2744" s="98"/>
      <c r="K2744" s="97"/>
      <c r="N2744" s="3"/>
      <c r="W2744" s="98"/>
      <c r="Z2744" s="143"/>
      <c r="AA2744" s="137"/>
      <c r="AB2744" s="137"/>
      <c r="AC2744" s="137"/>
      <c r="AD2744" s="137"/>
      <c r="AE2744" s="137"/>
      <c r="AF2744" s="137"/>
      <c r="AG2744" s="137"/>
      <c r="AH2744" s="137"/>
      <c r="AI2744" s="137"/>
      <c r="AJ2744" s="137"/>
      <c r="AK2744" s="206"/>
      <c r="AL2744" s="206"/>
      <c r="AM2744" s="143"/>
      <c r="AN2744" s="137"/>
      <c r="AO2744" s="137"/>
      <c r="AP2744" s="137"/>
      <c r="AQ2744" s="137"/>
      <c r="AR2744" s="137"/>
      <c r="AS2744" s="137"/>
      <c r="AT2744" s="137"/>
      <c r="AU2744" s="137"/>
      <c r="AV2744" s="137"/>
      <c r="AW2744" s="144"/>
    </row>
    <row r="2745" spans="2:49" x14ac:dyDescent="0.2">
      <c r="B2745" s="97"/>
      <c r="G2745" s="43"/>
      <c r="J2745" s="98"/>
      <c r="K2745" s="97"/>
      <c r="N2745" s="3"/>
      <c r="W2745" s="98"/>
      <c r="Z2745" s="143"/>
      <c r="AA2745" s="137"/>
      <c r="AB2745" s="137"/>
      <c r="AC2745" s="137"/>
      <c r="AD2745" s="137"/>
      <c r="AE2745" s="137"/>
      <c r="AF2745" s="137"/>
      <c r="AG2745" s="137"/>
      <c r="AH2745" s="137"/>
      <c r="AI2745" s="137"/>
      <c r="AJ2745" s="137"/>
      <c r="AK2745" s="206"/>
      <c r="AL2745" s="206"/>
      <c r="AM2745" s="143"/>
      <c r="AN2745" s="137"/>
      <c r="AO2745" s="137"/>
      <c r="AP2745" s="137"/>
      <c r="AQ2745" s="137"/>
      <c r="AR2745" s="137"/>
      <c r="AS2745" s="137"/>
      <c r="AT2745" s="137"/>
      <c r="AU2745" s="137"/>
      <c r="AV2745" s="137"/>
      <c r="AW2745" s="144"/>
    </row>
    <row r="2746" spans="2:49" x14ac:dyDescent="0.2">
      <c r="B2746" s="97"/>
      <c r="G2746" s="43"/>
      <c r="J2746" s="98"/>
      <c r="K2746" s="97"/>
      <c r="N2746" s="3"/>
      <c r="W2746" s="98"/>
      <c r="Z2746" s="143"/>
      <c r="AA2746" s="137"/>
      <c r="AB2746" s="137"/>
      <c r="AC2746" s="137"/>
      <c r="AD2746" s="137"/>
      <c r="AE2746" s="137"/>
      <c r="AF2746" s="137"/>
      <c r="AG2746" s="137"/>
      <c r="AH2746" s="137"/>
      <c r="AI2746" s="137"/>
      <c r="AJ2746" s="137"/>
      <c r="AK2746" s="206"/>
      <c r="AL2746" s="206"/>
      <c r="AM2746" s="143"/>
      <c r="AN2746" s="137"/>
      <c r="AO2746" s="137"/>
      <c r="AP2746" s="137"/>
      <c r="AQ2746" s="137"/>
      <c r="AR2746" s="137"/>
      <c r="AS2746" s="137"/>
      <c r="AT2746" s="137"/>
      <c r="AU2746" s="137"/>
      <c r="AV2746" s="137"/>
      <c r="AW2746" s="144"/>
    </row>
    <row r="2747" spans="2:49" x14ac:dyDescent="0.2">
      <c r="B2747" s="97"/>
      <c r="G2747" s="43"/>
      <c r="J2747" s="98"/>
      <c r="K2747" s="97"/>
      <c r="N2747" s="3"/>
      <c r="W2747" s="98"/>
      <c r="Z2747" s="143"/>
      <c r="AA2747" s="137"/>
      <c r="AB2747" s="137"/>
      <c r="AC2747" s="137"/>
      <c r="AD2747" s="137"/>
      <c r="AE2747" s="137"/>
      <c r="AF2747" s="137"/>
      <c r="AG2747" s="137"/>
      <c r="AH2747" s="137"/>
      <c r="AI2747" s="137"/>
      <c r="AJ2747" s="137"/>
      <c r="AK2747" s="206"/>
      <c r="AL2747" s="206"/>
      <c r="AM2747" s="143"/>
      <c r="AN2747" s="137"/>
      <c r="AO2747" s="137"/>
      <c r="AP2747" s="137"/>
      <c r="AQ2747" s="137"/>
      <c r="AR2747" s="137"/>
      <c r="AS2747" s="137"/>
      <c r="AT2747" s="137"/>
      <c r="AU2747" s="137"/>
      <c r="AV2747" s="137"/>
      <c r="AW2747" s="144"/>
    </row>
    <row r="2748" spans="2:49" x14ac:dyDescent="0.2">
      <c r="B2748" s="97"/>
      <c r="G2748" s="43"/>
      <c r="J2748" s="98"/>
      <c r="K2748" s="97"/>
      <c r="N2748" s="3"/>
      <c r="W2748" s="98"/>
      <c r="Z2748" s="143"/>
      <c r="AA2748" s="137"/>
      <c r="AB2748" s="137"/>
      <c r="AC2748" s="137"/>
      <c r="AD2748" s="137"/>
      <c r="AE2748" s="137"/>
      <c r="AF2748" s="137"/>
      <c r="AG2748" s="137"/>
      <c r="AH2748" s="137"/>
      <c r="AI2748" s="137"/>
      <c r="AJ2748" s="137"/>
      <c r="AK2748" s="206"/>
      <c r="AL2748" s="206"/>
      <c r="AM2748" s="143"/>
      <c r="AN2748" s="137"/>
      <c r="AO2748" s="137"/>
      <c r="AP2748" s="137"/>
      <c r="AQ2748" s="137"/>
      <c r="AR2748" s="137"/>
      <c r="AS2748" s="137"/>
      <c r="AT2748" s="137"/>
      <c r="AU2748" s="137"/>
      <c r="AV2748" s="137"/>
      <c r="AW2748" s="144"/>
    </row>
    <row r="2749" spans="2:49" x14ac:dyDescent="0.2">
      <c r="B2749" s="97"/>
      <c r="G2749" s="43"/>
      <c r="J2749" s="98"/>
      <c r="K2749" s="97"/>
      <c r="N2749" s="3"/>
      <c r="W2749" s="98"/>
      <c r="Z2749" s="143"/>
      <c r="AA2749" s="137"/>
      <c r="AB2749" s="137"/>
      <c r="AC2749" s="137"/>
      <c r="AD2749" s="137"/>
      <c r="AE2749" s="137"/>
      <c r="AF2749" s="137"/>
      <c r="AG2749" s="137"/>
      <c r="AH2749" s="137"/>
      <c r="AI2749" s="137"/>
      <c r="AJ2749" s="137"/>
      <c r="AK2749" s="206"/>
      <c r="AL2749" s="206"/>
      <c r="AM2749" s="143"/>
      <c r="AN2749" s="137"/>
      <c r="AO2749" s="137"/>
      <c r="AP2749" s="137"/>
      <c r="AQ2749" s="137"/>
      <c r="AR2749" s="137"/>
      <c r="AS2749" s="137"/>
      <c r="AT2749" s="137"/>
      <c r="AU2749" s="137"/>
      <c r="AV2749" s="137"/>
      <c r="AW2749" s="144"/>
    </row>
    <row r="2750" spans="2:49" x14ac:dyDescent="0.2">
      <c r="B2750" s="97"/>
      <c r="G2750" s="43"/>
      <c r="J2750" s="98"/>
      <c r="K2750" s="97"/>
      <c r="N2750" s="3"/>
      <c r="W2750" s="98"/>
      <c r="Z2750" s="143"/>
      <c r="AA2750" s="137"/>
      <c r="AB2750" s="137"/>
      <c r="AC2750" s="137"/>
      <c r="AD2750" s="137"/>
      <c r="AE2750" s="137"/>
      <c r="AF2750" s="137"/>
      <c r="AG2750" s="137"/>
      <c r="AH2750" s="137"/>
      <c r="AI2750" s="137"/>
      <c r="AJ2750" s="137"/>
      <c r="AK2750" s="206"/>
      <c r="AL2750" s="206"/>
      <c r="AM2750" s="143"/>
      <c r="AN2750" s="137"/>
      <c r="AO2750" s="137"/>
      <c r="AP2750" s="137"/>
      <c r="AQ2750" s="137"/>
      <c r="AR2750" s="137"/>
      <c r="AS2750" s="137"/>
      <c r="AT2750" s="137"/>
      <c r="AU2750" s="137"/>
      <c r="AV2750" s="137"/>
      <c r="AW2750" s="144"/>
    </row>
    <row r="2751" spans="2:49" x14ac:dyDescent="0.2">
      <c r="B2751" s="97"/>
      <c r="G2751" s="43"/>
      <c r="J2751" s="98"/>
      <c r="K2751" s="97"/>
      <c r="N2751" s="3"/>
      <c r="W2751" s="98"/>
      <c r="Z2751" s="143"/>
      <c r="AA2751" s="137"/>
      <c r="AB2751" s="137"/>
      <c r="AC2751" s="137"/>
      <c r="AD2751" s="137"/>
      <c r="AE2751" s="137"/>
      <c r="AF2751" s="137"/>
      <c r="AG2751" s="137"/>
      <c r="AH2751" s="137"/>
      <c r="AI2751" s="137"/>
      <c r="AJ2751" s="137"/>
      <c r="AK2751" s="206"/>
      <c r="AL2751" s="206"/>
      <c r="AM2751" s="143"/>
      <c r="AN2751" s="137"/>
      <c r="AO2751" s="137"/>
      <c r="AP2751" s="137"/>
      <c r="AQ2751" s="137"/>
      <c r="AR2751" s="137"/>
      <c r="AS2751" s="137"/>
      <c r="AT2751" s="137"/>
      <c r="AU2751" s="137"/>
      <c r="AV2751" s="137"/>
      <c r="AW2751" s="144"/>
    </row>
    <row r="2752" spans="2:49" x14ac:dyDescent="0.2">
      <c r="B2752" s="97"/>
      <c r="G2752" s="43"/>
      <c r="J2752" s="98"/>
      <c r="K2752" s="97"/>
      <c r="N2752" s="3"/>
      <c r="W2752" s="98"/>
      <c r="Z2752" s="143"/>
      <c r="AA2752" s="137"/>
      <c r="AB2752" s="137"/>
      <c r="AC2752" s="137"/>
      <c r="AD2752" s="137"/>
      <c r="AE2752" s="137"/>
      <c r="AF2752" s="137"/>
      <c r="AG2752" s="137"/>
      <c r="AH2752" s="137"/>
      <c r="AI2752" s="137"/>
      <c r="AJ2752" s="137"/>
      <c r="AK2752" s="206"/>
      <c r="AL2752" s="206"/>
      <c r="AM2752" s="143"/>
      <c r="AN2752" s="137"/>
      <c r="AO2752" s="137"/>
      <c r="AP2752" s="137"/>
      <c r="AQ2752" s="137"/>
      <c r="AR2752" s="137"/>
      <c r="AS2752" s="137"/>
      <c r="AT2752" s="137"/>
      <c r="AU2752" s="137"/>
      <c r="AV2752" s="137"/>
      <c r="AW2752" s="144"/>
    </row>
    <row r="2753" spans="2:49" x14ac:dyDescent="0.2">
      <c r="B2753" s="97"/>
      <c r="G2753" s="43"/>
      <c r="J2753" s="98"/>
      <c r="K2753" s="97"/>
      <c r="N2753" s="3"/>
      <c r="W2753" s="98"/>
      <c r="Z2753" s="143"/>
      <c r="AA2753" s="137"/>
      <c r="AB2753" s="137"/>
      <c r="AC2753" s="137"/>
      <c r="AD2753" s="137"/>
      <c r="AE2753" s="137"/>
      <c r="AF2753" s="137"/>
      <c r="AG2753" s="137"/>
      <c r="AH2753" s="137"/>
      <c r="AI2753" s="137"/>
      <c r="AJ2753" s="137"/>
      <c r="AK2753" s="206"/>
      <c r="AL2753" s="206"/>
      <c r="AM2753" s="143"/>
      <c r="AN2753" s="137"/>
      <c r="AO2753" s="137"/>
      <c r="AP2753" s="137"/>
      <c r="AQ2753" s="137"/>
      <c r="AR2753" s="137"/>
      <c r="AS2753" s="137"/>
      <c r="AT2753" s="137"/>
      <c r="AU2753" s="137"/>
      <c r="AV2753" s="137"/>
      <c r="AW2753" s="144"/>
    </row>
    <row r="2754" spans="2:49" x14ac:dyDescent="0.2">
      <c r="B2754" s="97"/>
      <c r="G2754" s="43"/>
      <c r="J2754" s="98"/>
      <c r="K2754" s="97"/>
      <c r="N2754" s="3"/>
      <c r="W2754" s="98"/>
      <c r="Z2754" s="143"/>
      <c r="AA2754" s="137"/>
      <c r="AB2754" s="137"/>
      <c r="AC2754" s="137"/>
      <c r="AD2754" s="137"/>
      <c r="AE2754" s="137"/>
      <c r="AF2754" s="137"/>
      <c r="AG2754" s="137"/>
      <c r="AH2754" s="137"/>
      <c r="AI2754" s="137"/>
      <c r="AJ2754" s="137"/>
      <c r="AK2754" s="206"/>
      <c r="AL2754" s="206"/>
      <c r="AM2754" s="143"/>
      <c r="AN2754" s="137"/>
      <c r="AO2754" s="137"/>
      <c r="AP2754" s="137"/>
      <c r="AQ2754" s="137"/>
      <c r="AR2754" s="137"/>
      <c r="AS2754" s="137"/>
      <c r="AT2754" s="137"/>
      <c r="AU2754" s="137"/>
      <c r="AV2754" s="137"/>
      <c r="AW2754" s="144"/>
    </row>
    <row r="2755" spans="2:49" x14ac:dyDescent="0.2">
      <c r="B2755" s="97"/>
      <c r="G2755" s="43"/>
      <c r="J2755" s="98"/>
      <c r="K2755" s="97"/>
      <c r="N2755" s="3"/>
      <c r="W2755" s="98"/>
      <c r="Z2755" s="143"/>
      <c r="AA2755" s="137"/>
      <c r="AB2755" s="137"/>
      <c r="AC2755" s="137"/>
      <c r="AD2755" s="137"/>
      <c r="AE2755" s="137"/>
      <c r="AF2755" s="137"/>
      <c r="AG2755" s="137"/>
      <c r="AH2755" s="137"/>
      <c r="AI2755" s="137"/>
      <c r="AJ2755" s="137"/>
      <c r="AK2755" s="206"/>
      <c r="AL2755" s="206"/>
      <c r="AM2755" s="143"/>
      <c r="AN2755" s="137"/>
      <c r="AO2755" s="137"/>
      <c r="AP2755" s="137"/>
      <c r="AQ2755" s="137"/>
      <c r="AR2755" s="137"/>
      <c r="AS2755" s="137"/>
      <c r="AT2755" s="137"/>
      <c r="AU2755" s="137"/>
      <c r="AV2755" s="137"/>
      <c r="AW2755" s="144"/>
    </row>
    <row r="2756" spans="2:49" x14ac:dyDescent="0.2">
      <c r="B2756" s="97"/>
      <c r="G2756" s="43"/>
      <c r="J2756" s="98"/>
      <c r="K2756" s="97"/>
      <c r="N2756" s="3"/>
      <c r="W2756" s="98"/>
      <c r="Z2756" s="143"/>
      <c r="AA2756" s="137"/>
      <c r="AB2756" s="137"/>
      <c r="AC2756" s="137"/>
      <c r="AD2756" s="137"/>
      <c r="AE2756" s="137"/>
      <c r="AF2756" s="137"/>
      <c r="AG2756" s="137"/>
      <c r="AH2756" s="137"/>
      <c r="AI2756" s="137"/>
      <c r="AJ2756" s="137"/>
      <c r="AK2756" s="206"/>
      <c r="AL2756" s="206"/>
      <c r="AM2756" s="143"/>
      <c r="AN2756" s="137"/>
      <c r="AO2756" s="137"/>
      <c r="AP2756" s="137"/>
      <c r="AQ2756" s="137"/>
      <c r="AR2756" s="137"/>
      <c r="AS2756" s="137"/>
      <c r="AT2756" s="137"/>
      <c r="AU2756" s="137"/>
      <c r="AV2756" s="137"/>
      <c r="AW2756" s="144"/>
    </row>
    <row r="2757" spans="2:49" x14ac:dyDescent="0.2">
      <c r="B2757" s="97"/>
      <c r="G2757" s="43"/>
      <c r="J2757" s="98"/>
      <c r="K2757" s="97"/>
      <c r="N2757" s="3"/>
      <c r="W2757" s="98"/>
      <c r="Z2757" s="143"/>
      <c r="AA2757" s="137"/>
      <c r="AB2757" s="137"/>
      <c r="AC2757" s="137"/>
      <c r="AD2757" s="137"/>
      <c r="AE2757" s="137"/>
      <c r="AF2757" s="137"/>
      <c r="AG2757" s="137"/>
      <c r="AH2757" s="137"/>
      <c r="AI2757" s="137"/>
      <c r="AJ2757" s="137"/>
      <c r="AK2757" s="206"/>
      <c r="AL2757" s="206"/>
      <c r="AM2757" s="143"/>
      <c r="AN2757" s="137"/>
      <c r="AO2757" s="137"/>
      <c r="AP2757" s="137"/>
      <c r="AQ2757" s="137"/>
      <c r="AR2757" s="137"/>
      <c r="AS2757" s="137"/>
      <c r="AT2757" s="137"/>
      <c r="AU2757" s="137"/>
      <c r="AV2757" s="137"/>
      <c r="AW2757" s="144"/>
    </row>
    <row r="2758" spans="2:49" x14ac:dyDescent="0.2">
      <c r="B2758" s="97"/>
      <c r="G2758" s="43"/>
      <c r="J2758" s="98"/>
      <c r="K2758" s="97"/>
      <c r="N2758" s="3"/>
      <c r="W2758" s="98"/>
      <c r="Z2758" s="143"/>
      <c r="AA2758" s="137"/>
      <c r="AB2758" s="137"/>
      <c r="AC2758" s="137"/>
      <c r="AD2758" s="137"/>
      <c r="AE2758" s="137"/>
      <c r="AF2758" s="137"/>
      <c r="AG2758" s="137"/>
      <c r="AH2758" s="137"/>
      <c r="AI2758" s="137"/>
      <c r="AJ2758" s="137"/>
      <c r="AK2758" s="206"/>
      <c r="AL2758" s="206"/>
      <c r="AM2758" s="143"/>
      <c r="AN2758" s="137"/>
      <c r="AO2758" s="137"/>
      <c r="AP2758" s="137"/>
      <c r="AQ2758" s="137"/>
      <c r="AR2758" s="137"/>
      <c r="AS2758" s="137"/>
      <c r="AT2758" s="137"/>
      <c r="AU2758" s="137"/>
      <c r="AV2758" s="137"/>
      <c r="AW2758" s="144"/>
    </row>
    <row r="2759" spans="2:49" x14ac:dyDescent="0.2">
      <c r="B2759" s="97"/>
      <c r="G2759" s="43"/>
      <c r="J2759" s="98"/>
      <c r="K2759" s="97"/>
      <c r="N2759" s="3"/>
      <c r="W2759" s="98"/>
      <c r="Z2759" s="143"/>
      <c r="AA2759" s="137"/>
      <c r="AB2759" s="137"/>
      <c r="AC2759" s="137"/>
      <c r="AD2759" s="137"/>
      <c r="AE2759" s="137"/>
      <c r="AF2759" s="137"/>
      <c r="AG2759" s="137"/>
      <c r="AH2759" s="137"/>
      <c r="AI2759" s="137"/>
      <c r="AJ2759" s="137"/>
      <c r="AK2759" s="206"/>
      <c r="AL2759" s="206"/>
      <c r="AM2759" s="143"/>
      <c r="AN2759" s="137"/>
      <c r="AO2759" s="137"/>
      <c r="AP2759" s="137"/>
      <c r="AQ2759" s="137"/>
      <c r="AR2759" s="137"/>
      <c r="AS2759" s="137"/>
      <c r="AT2759" s="137"/>
      <c r="AU2759" s="137"/>
      <c r="AV2759" s="137"/>
      <c r="AW2759" s="144"/>
    </row>
    <row r="2760" spans="2:49" x14ac:dyDescent="0.2">
      <c r="B2760" s="97"/>
      <c r="G2760" s="43"/>
      <c r="J2760" s="98"/>
      <c r="K2760" s="97"/>
      <c r="N2760" s="3"/>
      <c r="W2760" s="98"/>
      <c r="Z2760" s="143"/>
      <c r="AA2760" s="137"/>
      <c r="AB2760" s="137"/>
      <c r="AC2760" s="137"/>
      <c r="AD2760" s="137"/>
      <c r="AE2760" s="137"/>
      <c r="AF2760" s="137"/>
      <c r="AG2760" s="137"/>
      <c r="AH2760" s="137"/>
      <c r="AI2760" s="137"/>
      <c r="AJ2760" s="137"/>
      <c r="AK2760" s="206"/>
      <c r="AL2760" s="206"/>
      <c r="AM2760" s="143"/>
      <c r="AN2760" s="137"/>
      <c r="AO2760" s="137"/>
      <c r="AP2760" s="137"/>
      <c r="AQ2760" s="137"/>
      <c r="AR2760" s="137"/>
      <c r="AS2760" s="137"/>
      <c r="AT2760" s="137"/>
      <c r="AU2760" s="137"/>
      <c r="AV2760" s="137"/>
      <c r="AW2760" s="144"/>
    </row>
    <row r="2761" spans="2:49" x14ac:dyDescent="0.2">
      <c r="B2761" s="97"/>
      <c r="G2761" s="43"/>
      <c r="J2761" s="98"/>
      <c r="K2761" s="97"/>
      <c r="N2761" s="3"/>
      <c r="W2761" s="98"/>
      <c r="Z2761" s="143"/>
      <c r="AA2761" s="137"/>
      <c r="AB2761" s="137"/>
      <c r="AC2761" s="137"/>
      <c r="AD2761" s="137"/>
      <c r="AE2761" s="137"/>
      <c r="AF2761" s="137"/>
      <c r="AG2761" s="137"/>
      <c r="AH2761" s="137"/>
      <c r="AI2761" s="137"/>
      <c r="AJ2761" s="137"/>
      <c r="AK2761" s="206"/>
      <c r="AL2761" s="206"/>
      <c r="AM2761" s="143"/>
      <c r="AN2761" s="137"/>
      <c r="AO2761" s="137"/>
      <c r="AP2761" s="137"/>
      <c r="AQ2761" s="137"/>
      <c r="AR2761" s="137"/>
      <c r="AS2761" s="137"/>
      <c r="AT2761" s="137"/>
      <c r="AU2761" s="137"/>
      <c r="AV2761" s="137"/>
      <c r="AW2761" s="144"/>
    </row>
    <row r="2762" spans="2:49" x14ac:dyDescent="0.2">
      <c r="B2762" s="97"/>
      <c r="G2762" s="43"/>
      <c r="J2762" s="98"/>
      <c r="K2762" s="97"/>
      <c r="N2762" s="3"/>
      <c r="W2762" s="98"/>
      <c r="Z2762" s="143"/>
      <c r="AA2762" s="137"/>
      <c r="AB2762" s="137"/>
      <c r="AC2762" s="137"/>
      <c r="AD2762" s="137"/>
      <c r="AE2762" s="137"/>
      <c r="AF2762" s="137"/>
      <c r="AG2762" s="137"/>
      <c r="AH2762" s="137"/>
      <c r="AI2762" s="137"/>
      <c r="AJ2762" s="137"/>
      <c r="AK2762" s="206"/>
      <c r="AL2762" s="206"/>
      <c r="AM2762" s="143"/>
      <c r="AN2762" s="137"/>
      <c r="AO2762" s="137"/>
      <c r="AP2762" s="137"/>
      <c r="AQ2762" s="137"/>
      <c r="AR2762" s="137"/>
      <c r="AS2762" s="137"/>
      <c r="AT2762" s="137"/>
      <c r="AU2762" s="137"/>
      <c r="AV2762" s="137"/>
      <c r="AW2762" s="144"/>
    </row>
    <row r="2763" spans="2:49" x14ac:dyDescent="0.2">
      <c r="B2763" s="97"/>
      <c r="G2763" s="43"/>
      <c r="J2763" s="98"/>
      <c r="K2763" s="97"/>
      <c r="N2763" s="3"/>
      <c r="W2763" s="98"/>
      <c r="Z2763" s="143"/>
      <c r="AA2763" s="137"/>
      <c r="AB2763" s="137"/>
      <c r="AC2763" s="137"/>
      <c r="AD2763" s="137"/>
      <c r="AE2763" s="137"/>
      <c r="AF2763" s="137"/>
      <c r="AG2763" s="137"/>
      <c r="AH2763" s="137"/>
      <c r="AI2763" s="137"/>
      <c r="AJ2763" s="137"/>
      <c r="AK2763" s="206"/>
      <c r="AL2763" s="206"/>
      <c r="AM2763" s="143"/>
      <c r="AN2763" s="137"/>
      <c r="AO2763" s="137"/>
      <c r="AP2763" s="137"/>
      <c r="AQ2763" s="137"/>
      <c r="AR2763" s="137"/>
      <c r="AS2763" s="137"/>
      <c r="AT2763" s="137"/>
      <c r="AU2763" s="137"/>
      <c r="AV2763" s="137"/>
      <c r="AW2763" s="144"/>
    </row>
    <row r="2764" spans="2:49" x14ac:dyDescent="0.2">
      <c r="B2764" s="97"/>
      <c r="G2764" s="43"/>
      <c r="J2764" s="98"/>
      <c r="K2764" s="97"/>
      <c r="N2764" s="3"/>
      <c r="W2764" s="98"/>
      <c r="Z2764" s="143"/>
      <c r="AA2764" s="137"/>
      <c r="AB2764" s="137"/>
      <c r="AC2764" s="137"/>
      <c r="AD2764" s="137"/>
      <c r="AE2764" s="137"/>
      <c r="AF2764" s="137"/>
      <c r="AG2764" s="137"/>
      <c r="AH2764" s="137"/>
      <c r="AI2764" s="137"/>
      <c r="AJ2764" s="137"/>
      <c r="AK2764" s="206"/>
      <c r="AL2764" s="206"/>
      <c r="AM2764" s="143"/>
      <c r="AN2764" s="137"/>
      <c r="AO2764" s="137"/>
      <c r="AP2764" s="137"/>
      <c r="AQ2764" s="137"/>
      <c r="AR2764" s="137"/>
      <c r="AS2764" s="137"/>
      <c r="AT2764" s="137"/>
      <c r="AU2764" s="137"/>
      <c r="AV2764" s="137"/>
      <c r="AW2764" s="144"/>
    </row>
    <row r="2765" spans="2:49" x14ac:dyDescent="0.2">
      <c r="B2765" s="97"/>
      <c r="G2765" s="43"/>
      <c r="J2765" s="98"/>
      <c r="K2765" s="97"/>
      <c r="N2765" s="3"/>
      <c r="W2765" s="98"/>
      <c r="Z2765" s="143"/>
      <c r="AA2765" s="137"/>
      <c r="AB2765" s="137"/>
      <c r="AC2765" s="137"/>
      <c r="AD2765" s="137"/>
      <c r="AE2765" s="137"/>
      <c r="AF2765" s="137"/>
      <c r="AG2765" s="137"/>
      <c r="AH2765" s="137"/>
      <c r="AI2765" s="137"/>
      <c r="AJ2765" s="137"/>
      <c r="AK2765" s="206"/>
      <c r="AL2765" s="206"/>
      <c r="AM2765" s="143"/>
      <c r="AN2765" s="137"/>
      <c r="AO2765" s="137"/>
      <c r="AP2765" s="137"/>
      <c r="AQ2765" s="137"/>
      <c r="AR2765" s="137"/>
      <c r="AS2765" s="137"/>
      <c r="AT2765" s="137"/>
      <c r="AU2765" s="137"/>
      <c r="AV2765" s="137"/>
      <c r="AW2765" s="144"/>
    </row>
    <row r="2766" spans="2:49" x14ac:dyDescent="0.2">
      <c r="B2766" s="97"/>
      <c r="G2766" s="43"/>
      <c r="J2766" s="98"/>
      <c r="K2766" s="97"/>
      <c r="N2766" s="3"/>
      <c r="W2766" s="98"/>
      <c r="Z2766" s="143"/>
      <c r="AA2766" s="137"/>
      <c r="AB2766" s="137"/>
      <c r="AC2766" s="137"/>
      <c r="AD2766" s="137"/>
      <c r="AE2766" s="137"/>
      <c r="AF2766" s="137"/>
      <c r="AG2766" s="137"/>
      <c r="AH2766" s="137"/>
      <c r="AI2766" s="137"/>
      <c r="AJ2766" s="137"/>
      <c r="AK2766" s="206"/>
      <c r="AL2766" s="206"/>
      <c r="AM2766" s="143"/>
      <c r="AN2766" s="137"/>
      <c r="AO2766" s="137"/>
      <c r="AP2766" s="137"/>
      <c r="AQ2766" s="137"/>
      <c r="AR2766" s="137"/>
      <c r="AS2766" s="137"/>
      <c r="AT2766" s="137"/>
      <c r="AU2766" s="137"/>
      <c r="AV2766" s="137"/>
      <c r="AW2766" s="144"/>
    </row>
    <row r="2767" spans="2:49" x14ac:dyDescent="0.2">
      <c r="B2767" s="97"/>
      <c r="G2767" s="43"/>
      <c r="J2767" s="98"/>
      <c r="K2767" s="97"/>
      <c r="N2767" s="3"/>
      <c r="W2767" s="98"/>
      <c r="Z2767" s="143"/>
      <c r="AA2767" s="137"/>
      <c r="AB2767" s="137"/>
      <c r="AC2767" s="137"/>
      <c r="AD2767" s="137"/>
      <c r="AE2767" s="137"/>
      <c r="AF2767" s="137"/>
      <c r="AG2767" s="137"/>
      <c r="AH2767" s="137"/>
      <c r="AI2767" s="137"/>
      <c r="AJ2767" s="137"/>
      <c r="AK2767" s="206"/>
      <c r="AL2767" s="206"/>
      <c r="AM2767" s="143"/>
      <c r="AN2767" s="137"/>
      <c r="AO2767" s="137"/>
      <c r="AP2767" s="137"/>
      <c r="AQ2767" s="137"/>
      <c r="AR2767" s="137"/>
      <c r="AS2767" s="137"/>
      <c r="AT2767" s="137"/>
      <c r="AU2767" s="137"/>
      <c r="AV2767" s="137"/>
      <c r="AW2767" s="144"/>
    </row>
    <row r="2768" spans="2:49" x14ac:dyDescent="0.2">
      <c r="B2768" s="97"/>
      <c r="G2768" s="43"/>
      <c r="J2768" s="98"/>
      <c r="K2768" s="97"/>
      <c r="N2768" s="3"/>
      <c r="W2768" s="98"/>
      <c r="Z2768" s="143"/>
      <c r="AA2768" s="137"/>
      <c r="AB2768" s="137"/>
      <c r="AC2768" s="137"/>
      <c r="AD2768" s="137"/>
      <c r="AE2768" s="137"/>
      <c r="AF2768" s="137"/>
      <c r="AG2768" s="137"/>
      <c r="AH2768" s="137"/>
      <c r="AI2768" s="137"/>
      <c r="AJ2768" s="137"/>
      <c r="AK2768" s="206"/>
      <c r="AL2768" s="206"/>
      <c r="AM2768" s="143"/>
      <c r="AN2768" s="137"/>
      <c r="AO2768" s="137"/>
      <c r="AP2768" s="137"/>
      <c r="AQ2768" s="137"/>
      <c r="AR2768" s="137"/>
      <c r="AS2768" s="137"/>
      <c r="AT2768" s="137"/>
      <c r="AU2768" s="137"/>
      <c r="AV2768" s="137"/>
      <c r="AW2768" s="144"/>
    </row>
    <row r="2769" spans="2:49" x14ac:dyDescent="0.2">
      <c r="B2769" s="97"/>
      <c r="G2769" s="43"/>
      <c r="J2769" s="98"/>
      <c r="K2769" s="97"/>
      <c r="N2769" s="3"/>
      <c r="W2769" s="98"/>
      <c r="Z2769" s="143"/>
      <c r="AA2769" s="137"/>
      <c r="AB2769" s="137"/>
      <c r="AC2769" s="137"/>
      <c r="AD2769" s="137"/>
      <c r="AE2769" s="137"/>
      <c r="AF2769" s="137"/>
      <c r="AG2769" s="137"/>
      <c r="AH2769" s="137"/>
      <c r="AI2769" s="137"/>
      <c r="AJ2769" s="137"/>
      <c r="AK2769" s="206"/>
      <c r="AL2769" s="206"/>
      <c r="AM2769" s="143"/>
      <c r="AN2769" s="137"/>
      <c r="AO2769" s="137"/>
      <c r="AP2769" s="137"/>
      <c r="AQ2769" s="137"/>
      <c r="AR2769" s="137"/>
      <c r="AS2769" s="137"/>
      <c r="AT2769" s="137"/>
      <c r="AU2769" s="137"/>
      <c r="AV2769" s="137"/>
      <c r="AW2769" s="144"/>
    </row>
    <row r="2770" spans="2:49" x14ac:dyDescent="0.2">
      <c r="B2770" s="97"/>
      <c r="G2770" s="43"/>
      <c r="J2770" s="98"/>
      <c r="K2770" s="97"/>
      <c r="N2770" s="3"/>
      <c r="W2770" s="98"/>
      <c r="Z2770" s="143"/>
      <c r="AA2770" s="137"/>
      <c r="AB2770" s="137"/>
      <c r="AC2770" s="137"/>
      <c r="AD2770" s="137"/>
      <c r="AE2770" s="137"/>
      <c r="AF2770" s="137"/>
      <c r="AG2770" s="137"/>
      <c r="AH2770" s="137"/>
      <c r="AI2770" s="137"/>
      <c r="AJ2770" s="137"/>
      <c r="AK2770" s="206"/>
      <c r="AL2770" s="206"/>
      <c r="AM2770" s="143"/>
      <c r="AN2770" s="137"/>
      <c r="AO2770" s="137"/>
      <c r="AP2770" s="137"/>
      <c r="AQ2770" s="137"/>
      <c r="AR2770" s="137"/>
      <c r="AS2770" s="137"/>
      <c r="AT2770" s="137"/>
      <c r="AU2770" s="137"/>
      <c r="AV2770" s="137"/>
      <c r="AW2770" s="144"/>
    </row>
    <row r="2771" spans="2:49" x14ac:dyDescent="0.2">
      <c r="B2771" s="97"/>
      <c r="G2771" s="43"/>
      <c r="J2771" s="98"/>
      <c r="K2771" s="97"/>
      <c r="N2771" s="3"/>
      <c r="W2771" s="98"/>
      <c r="Z2771" s="143"/>
      <c r="AA2771" s="137"/>
      <c r="AB2771" s="137"/>
      <c r="AC2771" s="137"/>
      <c r="AD2771" s="137"/>
      <c r="AE2771" s="137"/>
      <c r="AF2771" s="137"/>
      <c r="AG2771" s="137"/>
      <c r="AH2771" s="137"/>
      <c r="AI2771" s="137"/>
      <c r="AJ2771" s="137"/>
      <c r="AK2771" s="206"/>
      <c r="AL2771" s="206"/>
      <c r="AM2771" s="143"/>
      <c r="AN2771" s="137"/>
      <c r="AO2771" s="137"/>
      <c r="AP2771" s="137"/>
      <c r="AQ2771" s="137"/>
      <c r="AR2771" s="137"/>
      <c r="AS2771" s="137"/>
      <c r="AT2771" s="137"/>
      <c r="AU2771" s="137"/>
      <c r="AV2771" s="137"/>
      <c r="AW2771" s="144"/>
    </row>
    <row r="2772" spans="2:49" x14ac:dyDescent="0.2">
      <c r="B2772" s="97"/>
      <c r="G2772" s="43"/>
      <c r="J2772" s="98"/>
      <c r="K2772" s="97"/>
      <c r="N2772" s="3"/>
      <c r="W2772" s="98"/>
      <c r="Z2772" s="143"/>
      <c r="AA2772" s="137"/>
      <c r="AB2772" s="137"/>
      <c r="AC2772" s="137"/>
      <c r="AD2772" s="137"/>
      <c r="AE2772" s="137"/>
      <c r="AF2772" s="137"/>
      <c r="AG2772" s="137"/>
      <c r="AH2772" s="137"/>
      <c r="AI2772" s="137"/>
      <c r="AJ2772" s="137"/>
      <c r="AK2772" s="206"/>
      <c r="AL2772" s="206"/>
      <c r="AM2772" s="143"/>
      <c r="AN2772" s="137"/>
      <c r="AO2772" s="137"/>
      <c r="AP2772" s="137"/>
      <c r="AQ2772" s="137"/>
      <c r="AR2772" s="137"/>
      <c r="AS2772" s="137"/>
      <c r="AT2772" s="137"/>
      <c r="AU2772" s="137"/>
      <c r="AV2772" s="137"/>
      <c r="AW2772" s="144"/>
    </row>
    <row r="2773" spans="2:49" x14ac:dyDescent="0.2">
      <c r="B2773" s="97"/>
      <c r="G2773" s="43"/>
      <c r="J2773" s="98"/>
      <c r="K2773" s="97"/>
      <c r="N2773" s="3"/>
      <c r="W2773" s="98"/>
      <c r="Z2773" s="143"/>
      <c r="AA2773" s="137"/>
      <c r="AB2773" s="137"/>
      <c r="AC2773" s="137"/>
      <c r="AD2773" s="137"/>
      <c r="AE2773" s="137"/>
      <c r="AF2773" s="137"/>
      <c r="AG2773" s="137"/>
      <c r="AH2773" s="137"/>
      <c r="AI2773" s="137"/>
      <c r="AJ2773" s="137"/>
      <c r="AK2773" s="206"/>
      <c r="AL2773" s="206"/>
      <c r="AM2773" s="143"/>
      <c r="AN2773" s="137"/>
      <c r="AO2773" s="137"/>
      <c r="AP2773" s="137"/>
      <c r="AQ2773" s="137"/>
      <c r="AR2773" s="137"/>
      <c r="AS2773" s="137"/>
      <c r="AT2773" s="137"/>
      <c r="AU2773" s="137"/>
      <c r="AV2773" s="137"/>
      <c r="AW2773" s="144"/>
    </row>
    <row r="2774" spans="2:49" x14ac:dyDescent="0.2">
      <c r="B2774" s="97"/>
      <c r="G2774" s="43"/>
      <c r="J2774" s="98"/>
      <c r="K2774" s="97"/>
      <c r="N2774" s="3"/>
      <c r="W2774" s="98"/>
      <c r="Z2774" s="143"/>
      <c r="AA2774" s="137"/>
      <c r="AB2774" s="137"/>
      <c r="AC2774" s="137"/>
      <c r="AD2774" s="137"/>
      <c r="AE2774" s="137"/>
      <c r="AF2774" s="137"/>
      <c r="AG2774" s="137"/>
      <c r="AH2774" s="137"/>
      <c r="AI2774" s="137"/>
      <c r="AJ2774" s="137"/>
      <c r="AK2774" s="206"/>
      <c r="AL2774" s="206"/>
      <c r="AM2774" s="143"/>
      <c r="AN2774" s="137"/>
      <c r="AO2774" s="137"/>
      <c r="AP2774" s="137"/>
      <c r="AQ2774" s="137"/>
      <c r="AR2774" s="137"/>
      <c r="AS2774" s="137"/>
      <c r="AT2774" s="137"/>
      <c r="AU2774" s="137"/>
      <c r="AV2774" s="137"/>
      <c r="AW2774" s="144"/>
    </row>
    <row r="2775" spans="2:49" x14ac:dyDescent="0.2">
      <c r="B2775" s="97"/>
      <c r="G2775" s="43"/>
      <c r="J2775" s="98"/>
      <c r="K2775" s="97"/>
      <c r="N2775" s="3"/>
      <c r="W2775" s="98"/>
      <c r="Z2775" s="143"/>
      <c r="AA2775" s="137"/>
      <c r="AB2775" s="137"/>
      <c r="AC2775" s="137"/>
      <c r="AD2775" s="137"/>
      <c r="AE2775" s="137"/>
      <c r="AF2775" s="137"/>
      <c r="AG2775" s="137"/>
      <c r="AH2775" s="137"/>
      <c r="AI2775" s="137"/>
      <c r="AJ2775" s="137"/>
      <c r="AK2775" s="206"/>
      <c r="AL2775" s="206"/>
      <c r="AM2775" s="143"/>
      <c r="AN2775" s="137"/>
      <c r="AO2775" s="137"/>
      <c r="AP2775" s="137"/>
      <c r="AQ2775" s="137"/>
      <c r="AR2775" s="137"/>
      <c r="AS2775" s="137"/>
      <c r="AT2775" s="137"/>
      <c r="AU2775" s="137"/>
      <c r="AV2775" s="137"/>
      <c r="AW2775" s="144"/>
    </row>
    <row r="2776" spans="2:49" x14ac:dyDescent="0.2">
      <c r="B2776" s="97"/>
      <c r="G2776" s="43"/>
      <c r="J2776" s="98"/>
      <c r="K2776" s="97"/>
      <c r="N2776" s="3"/>
      <c r="W2776" s="98"/>
      <c r="Z2776" s="143"/>
      <c r="AA2776" s="137"/>
      <c r="AB2776" s="137"/>
      <c r="AC2776" s="137"/>
      <c r="AD2776" s="137"/>
      <c r="AE2776" s="137"/>
      <c r="AF2776" s="137"/>
      <c r="AG2776" s="137"/>
      <c r="AH2776" s="137"/>
      <c r="AI2776" s="137"/>
      <c r="AJ2776" s="137"/>
      <c r="AK2776" s="206"/>
      <c r="AL2776" s="206"/>
      <c r="AM2776" s="143"/>
      <c r="AN2776" s="137"/>
      <c r="AO2776" s="137"/>
      <c r="AP2776" s="137"/>
      <c r="AQ2776" s="137"/>
      <c r="AR2776" s="137"/>
      <c r="AS2776" s="137"/>
      <c r="AT2776" s="137"/>
      <c r="AU2776" s="137"/>
      <c r="AV2776" s="137"/>
      <c r="AW2776" s="144"/>
    </row>
    <row r="2777" spans="2:49" x14ac:dyDescent="0.2">
      <c r="B2777" s="97"/>
      <c r="G2777" s="43"/>
      <c r="J2777" s="98"/>
      <c r="K2777" s="97"/>
      <c r="N2777" s="3"/>
      <c r="W2777" s="98"/>
      <c r="Z2777" s="143"/>
      <c r="AA2777" s="137"/>
      <c r="AB2777" s="137"/>
      <c r="AC2777" s="137"/>
      <c r="AD2777" s="137"/>
      <c r="AE2777" s="137"/>
      <c r="AF2777" s="137"/>
      <c r="AG2777" s="137"/>
      <c r="AH2777" s="137"/>
      <c r="AI2777" s="137"/>
      <c r="AJ2777" s="137"/>
      <c r="AK2777" s="206"/>
      <c r="AL2777" s="206"/>
      <c r="AM2777" s="143"/>
      <c r="AN2777" s="137"/>
      <c r="AO2777" s="137"/>
      <c r="AP2777" s="137"/>
      <c r="AQ2777" s="137"/>
      <c r="AR2777" s="137"/>
      <c r="AS2777" s="137"/>
      <c r="AT2777" s="137"/>
      <c r="AU2777" s="137"/>
      <c r="AV2777" s="137"/>
      <c r="AW2777" s="144"/>
    </row>
    <row r="2778" spans="2:49" x14ac:dyDescent="0.2">
      <c r="B2778" s="97"/>
      <c r="G2778" s="43"/>
      <c r="J2778" s="98"/>
      <c r="K2778" s="97"/>
      <c r="N2778" s="3"/>
      <c r="W2778" s="98"/>
      <c r="Z2778" s="143"/>
      <c r="AA2778" s="137"/>
      <c r="AB2778" s="137"/>
      <c r="AC2778" s="137"/>
      <c r="AD2778" s="137"/>
      <c r="AE2778" s="137"/>
      <c r="AF2778" s="137"/>
      <c r="AG2778" s="137"/>
      <c r="AH2778" s="137"/>
      <c r="AI2778" s="137"/>
      <c r="AJ2778" s="137"/>
      <c r="AK2778" s="206"/>
      <c r="AL2778" s="206"/>
      <c r="AM2778" s="143"/>
      <c r="AN2778" s="137"/>
      <c r="AO2778" s="137"/>
      <c r="AP2778" s="137"/>
      <c r="AQ2778" s="137"/>
      <c r="AR2778" s="137"/>
      <c r="AS2778" s="137"/>
      <c r="AT2778" s="137"/>
      <c r="AU2778" s="137"/>
      <c r="AV2778" s="137"/>
      <c r="AW2778" s="144"/>
    </row>
    <row r="2779" spans="2:49" x14ac:dyDescent="0.2">
      <c r="B2779" s="97"/>
      <c r="G2779" s="43"/>
      <c r="J2779" s="98"/>
      <c r="K2779" s="97"/>
      <c r="N2779" s="3"/>
      <c r="W2779" s="98"/>
      <c r="Z2779" s="143"/>
      <c r="AA2779" s="137"/>
      <c r="AB2779" s="137"/>
      <c r="AC2779" s="137"/>
      <c r="AD2779" s="137"/>
      <c r="AE2779" s="137"/>
      <c r="AF2779" s="137"/>
      <c r="AG2779" s="137"/>
      <c r="AH2779" s="137"/>
      <c r="AI2779" s="137"/>
      <c r="AJ2779" s="137"/>
      <c r="AK2779" s="206"/>
      <c r="AL2779" s="206"/>
      <c r="AM2779" s="143"/>
      <c r="AN2779" s="137"/>
      <c r="AO2779" s="137"/>
      <c r="AP2779" s="137"/>
      <c r="AQ2779" s="137"/>
      <c r="AR2779" s="137"/>
      <c r="AS2779" s="137"/>
      <c r="AT2779" s="137"/>
      <c r="AU2779" s="137"/>
      <c r="AV2779" s="137"/>
      <c r="AW2779" s="144"/>
    </row>
    <row r="2780" spans="2:49" x14ac:dyDescent="0.2">
      <c r="B2780" s="97"/>
      <c r="G2780" s="43"/>
      <c r="J2780" s="98"/>
      <c r="K2780" s="97"/>
      <c r="N2780" s="3"/>
      <c r="W2780" s="98"/>
      <c r="Z2780" s="143"/>
      <c r="AA2780" s="137"/>
      <c r="AB2780" s="137"/>
      <c r="AC2780" s="137"/>
      <c r="AD2780" s="137"/>
      <c r="AE2780" s="137"/>
      <c r="AF2780" s="137"/>
      <c r="AG2780" s="137"/>
      <c r="AH2780" s="137"/>
      <c r="AI2780" s="137"/>
      <c r="AJ2780" s="137"/>
      <c r="AK2780" s="206"/>
      <c r="AL2780" s="206"/>
      <c r="AM2780" s="143"/>
      <c r="AN2780" s="137"/>
      <c r="AO2780" s="137"/>
      <c r="AP2780" s="137"/>
      <c r="AQ2780" s="137"/>
      <c r="AR2780" s="137"/>
      <c r="AS2780" s="137"/>
      <c r="AT2780" s="137"/>
      <c r="AU2780" s="137"/>
      <c r="AV2780" s="137"/>
      <c r="AW2780" s="144"/>
    </row>
    <row r="2781" spans="2:49" x14ac:dyDescent="0.2">
      <c r="B2781" s="97"/>
      <c r="G2781" s="43"/>
      <c r="J2781" s="98"/>
      <c r="K2781" s="97"/>
      <c r="N2781" s="3"/>
      <c r="W2781" s="98"/>
      <c r="Z2781" s="143"/>
      <c r="AA2781" s="137"/>
      <c r="AB2781" s="137"/>
      <c r="AC2781" s="137"/>
      <c r="AD2781" s="137"/>
      <c r="AE2781" s="137"/>
      <c r="AF2781" s="137"/>
      <c r="AG2781" s="137"/>
      <c r="AH2781" s="137"/>
      <c r="AI2781" s="137"/>
      <c r="AJ2781" s="137"/>
      <c r="AK2781" s="206"/>
      <c r="AL2781" s="206"/>
      <c r="AM2781" s="143"/>
      <c r="AN2781" s="137"/>
      <c r="AO2781" s="137"/>
      <c r="AP2781" s="137"/>
      <c r="AQ2781" s="137"/>
      <c r="AR2781" s="137"/>
      <c r="AS2781" s="137"/>
      <c r="AT2781" s="137"/>
      <c r="AU2781" s="137"/>
      <c r="AV2781" s="137"/>
      <c r="AW2781" s="144"/>
    </row>
    <row r="2782" spans="2:49" x14ac:dyDescent="0.2">
      <c r="B2782" s="97"/>
      <c r="G2782" s="43"/>
      <c r="J2782" s="98"/>
      <c r="K2782" s="97"/>
      <c r="N2782" s="3"/>
      <c r="W2782" s="98"/>
      <c r="Z2782" s="143"/>
      <c r="AA2782" s="137"/>
      <c r="AB2782" s="137"/>
      <c r="AC2782" s="137"/>
      <c r="AD2782" s="137"/>
      <c r="AE2782" s="137"/>
      <c r="AF2782" s="137"/>
      <c r="AG2782" s="137"/>
      <c r="AH2782" s="137"/>
      <c r="AI2782" s="137"/>
      <c r="AJ2782" s="137"/>
      <c r="AK2782" s="206"/>
      <c r="AL2782" s="206"/>
      <c r="AM2782" s="143"/>
      <c r="AN2782" s="137"/>
      <c r="AO2782" s="137"/>
      <c r="AP2782" s="137"/>
      <c r="AQ2782" s="137"/>
      <c r="AR2782" s="137"/>
      <c r="AS2782" s="137"/>
      <c r="AT2782" s="137"/>
      <c r="AU2782" s="137"/>
      <c r="AV2782" s="137"/>
      <c r="AW2782" s="144"/>
    </row>
    <row r="2783" spans="2:49" x14ac:dyDescent="0.2">
      <c r="B2783" s="97"/>
      <c r="G2783" s="43"/>
      <c r="J2783" s="98"/>
      <c r="K2783" s="97"/>
      <c r="N2783" s="3"/>
      <c r="W2783" s="98"/>
      <c r="Z2783" s="143"/>
      <c r="AA2783" s="137"/>
      <c r="AB2783" s="137"/>
      <c r="AC2783" s="137"/>
      <c r="AD2783" s="137"/>
      <c r="AE2783" s="137"/>
      <c r="AF2783" s="137"/>
      <c r="AG2783" s="137"/>
      <c r="AH2783" s="137"/>
      <c r="AI2783" s="137"/>
      <c r="AJ2783" s="137"/>
      <c r="AK2783" s="206"/>
      <c r="AL2783" s="206"/>
      <c r="AM2783" s="143"/>
      <c r="AN2783" s="137"/>
      <c r="AO2783" s="137"/>
      <c r="AP2783" s="137"/>
      <c r="AQ2783" s="137"/>
      <c r="AR2783" s="137"/>
      <c r="AS2783" s="137"/>
      <c r="AT2783" s="137"/>
      <c r="AU2783" s="137"/>
      <c r="AV2783" s="137"/>
      <c r="AW2783" s="144"/>
    </row>
    <row r="2784" spans="2:49" x14ac:dyDescent="0.2">
      <c r="B2784" s="97"/>
      <c r="G2784" s="43"/>
      <c r="J2784" s="98"/>
      <c r="K2784" s="97"/>
      <c r="N2784" s="3"/>
      <c r="W2784" s="98"/>
      <c r="Z2784" s="143"/>
      <c r="AA2784" s="137"/>
      <c r="AB2784" s="137"/>
      <c r="AC2784" s="137"/>
      <c r="AD2784" s="137"/>
      <c r="AE2784" s="137"/>
      <c r="AF2784" s="137"/>
      <c r="AG2784" s="137"/>
      <c r="AH2784" s="137"/>
      <c r="AI2784" s="137"/>
      <c r="AJ2784" s="137"/>
      <c r="AK2784" s="206"/>
      <c r="AL2784" s="206"/>
      <c r="AM2784" s="143"/>
      <c r="AN2784" s="137"/>
      <c r="AO2784" s="137"/>
      <c r="AP2784" s="137"/>
      <c r="AQ2784" s="137"/>
      <c r="AR2784" s="137"/>
      <c r="AS2784" s="137"/>
      <c r="AT2784" s="137"/>
      <c r="AU2784" s="137"/>
      <c r="AV2784" s="137"/>
      <c r="AW2784" s="144"/>
    </row>
    <row r="2785" spans="2:49" x14ac:dyDescent="0.2">
      <c r="B2785" s="97"/>
      <c r="G2785" s="43"/>
      <c r="J2785" s="98"/>
      <c r="K2785" s="97"/>
      <c r="N2785" s="3"/>
      <c r="W2785" s="98"/>
      <c r="Z2785" s="143"/>
      <c r="AA2785" s="137"/>
      <c r="AB2785" s="137"/>
      <c r="AC2785" s="137"/>
      <c r="AD2785" s="137"/>
      <c r="AE2785" s="137"/>
      <c r="AF2785" s="137"/>
      <c r="AG2785" s="137"/>
      <c r="AH2785" s="137"/>
      <c r="AI2785" s="137"/>
      <c r="AJ2785" s="137"/>
      <c r="AK2785" s="206"/>
      <c r="AL2785" s="206"/>
      <c r="AM2785" s="143"/>
      <c r="AN2785" s="137"/>
      <c r="AO2785" s="137"/>
      <c r="AP2785" s="137"/>
      <c r="AQ2785" s="137"/>
      <c r="AR2785" s="137"/>
      <c r="AS2785" s="137"/>
      <c r="AT2785" s="137"/>
      <c r="AU2785" s="137"/>
      <c r="AV2785" s="137"/>
      <c r="AW2785" s="144"/>
    </row>
    <row r="2786" spans="2:49" x14ac:dyDescent="0.2">
      <c r="B2786" s="97"/>
      <c r="G2786" s="43"/>
      <c r="J2786" s="98"/>
      <c r="K2786" s="97"/>
      <c r="N2786" s="3"/>
      <c r="W2786" s="98"/>
      <c r="Z2786" s="143"/>
      <c r="AA2786" s="137"/>
      <c r="AB2786" s="137"/>
      <c r="AC2786" s="137"/>
      <c r="AD2786" s="137"/>
      <c r="AE2786" s="137"/>
      <c r="AF2786" s="137"/>
      <c r="AG2786" s="137"/>
      <c r="AH2786" s="137"/>
      <c r="AI2786" s="137"/>
      <c r="AJ2786" s="137"/>
      <c r="AK2786" s="206"/>
      <c r="AL2786" s="206"/>
      <c r="AM2786" s="143"/>
      <c r="AN2786" s="137"/>
      <c r="AO2786" s="137"/>
      <c r="AP2786" s="137"/>
      <c r="AQ2786" s="137"/>
      <c r="AR2786" s="137"/>
      <c r="AS2786" s="137"/>
      <c r="AT2786" s="137"/>
      <c r="AU2786" s="137"/>
      <c r="AV2786" s="137"/>
      <c r="AW2786" s="144"/>
    </row>
    <row r="2787" spans="2:49" x14ac:dyDescent="0.2">
      <c r="B2787" s="97"/>
      <c r="G2787" s="43"/>
      <c r="J2787" s="98"/>
      <c r="K2787" s="97"/>
      <c r="N2787" s="3"/>
      <c r="W2787" s="98"/>
      <c r="Z2787" s="143"/>
      <c r="AA2787" s="137"/>
      <c r="AB2787" s="137"/>
      <c r="AC2787" s="137"/>
      <c r="AD2787" s="137"/>
      <c r="AE2787" s="137"/>
      <c r="AF2787" s="137"/>
      <c r="AG2787" s="137"/>
      <c r="AH2787" s="137"/>
      <c r="AI2787" s="137"/>
      <c r="AJ2787" s="137"/>
      <c r="AK2787" s="206"/>
      <c r="AL2787" s="206"/>
      <c r="AM2787" s="143"/>
      <c r="AN2787" s="137"/>
      <c r="AO2787" s="137"/>
      <c r="AP2787" s="137"/>
      <c r="AQ2787" s="137"/>
      <c r="AR2787" s="137"/>
      <c r="AS2787" s="137"/>
      <c r="AT2787" s="137"/>
      <c r="AU2787" s="137"/>
      <c r="AV2787" s="137"/>
      <c r="AW2787" s="144"/>
    </row>
    <row r="2788" spans="2:49" x14ac:dyDescent="0.2">
      <c r="B2788" s="97"/>
      <c r="G2788" s="43"/>
      <c r="J2788" s="98"/>
      <c r="K2788" s="97"/>
      <c r="N2788" s="3"/>
      <c r="W2788" s="98"/>
      <c r="Z2788" s="143"/>
      <c r="AA2788" s="137"/>
      <c r="AB2788" s="137"/>
      <c r="AC2788" s="137"/>
      <c r="AD2788" s="137"/>
      <c r="AE2788" s="137"/>
      <c r="AF2788" s="137"/>
      <c r="AG2788" s="137"/>
      <c r="AH2788" s="137"/>
      <c r="AI2788" s="137"/>
      <c r="AJ2788" s="137"/>
      <c r="AK2788" s="206"/>
      <c r="AL2788" s="206"/>
      <c r="AM2788" s="143"/>
      <c r="AN2788" s="137"/>
      <c r="AO2788" s="137"/>
      <c r="AP2788" s="137"/>
      <c r="AQ2788" s="137"/>
      <c r="AR2788" s="137"/>
      <c r="AS2788" s="137"/>
      <c r="AT2788" s="137"/>
      <c r="AU2788" s="137"/>
      <c r="AV2788" s="137"/>
      <c r="AW2788" s="144"/>
    </row>
    <row r="2789" spans="2:49" x14ac:dyDescent="0.2">
      <c r="B2789" s="97"/>
      <c r="G2789" s="43"/>
      <c r="J2789" s="98"/>
      <c r="K2789" s="97"/>
      <c r="N2789" s="3"/>
      <c r="W2789" s="98"/>
      <c r="Z2789" s="143"/>
      <c r="AA2789" s="137"/>
      <c r="AB2789" s="137"/>
      <c r="AC2789" s="137"/>
      <c r="AD2789" s="137"/>
      <c r="AE2789" s="137"/>
      <c r="AF2789" s="137"/>
      <c r="AG2789" s="137"/>
      <c r="AH2789" s="137"/>
      <c r="AI2789" s="137"/>
      <c r="AJ2789" s="137"/>
      <c r="AK2789" s="206"/>
      <c r="AL2789" s="206"/>
      <c r="AM2789" s="143"/>
      <c r="AN2789" s="137"/>
      <c r="AO2789" s="137"/>
      <c r="AP2789" s="137"/>
      <c r="AQ2789" s="137"/>
      <c r="AR2789" s="137"/>
      <c r="AS2789" s="137"/>
      <c r="AT2789" s="137"/>
      <c r="AU2789" s="137"/>
      <c r="AV2789" s="137"/>
      <c r="AW2789" s="144"/>
    </row>
    <row r="2790" spans="2:49" x14ac:dyDescent="0.2">
      <c r="B2790" s="97"/>
      <c r="G2790" s="43"/>
      <c r="J2790" s="98"/>
      <c r="K2790" s="97"/>
      <c r="N2790" s="3"/>
      <c r="W2790" s="98"/>
      <c r="Z2790" s="143"/>
      <c r="AA2790" s="137"/>
      <c r="AB2790" s="137"/>
      <c r="AC2790" s="137"/>
      <c r="AD2790" s="137"/>
      <c r="AE2790" s="137"/>
      <c r="AF2790" s="137"/>
      <c r="AG2790" s="137"/>
      <c r="AH2790" s="137"/>
      <c r="AI2790" s="137"/>
      <c r="AJ2790" s="137"/>
      <c r="AK2790" s="206"/>
      <c r="AL2790" s="206"/>
      <c r="AM2790" s="143"/>
      <c r="AN2790" s="137"/>
      <c r="AO2790" s="137"/>
      <c r="AP2790" s="137"/>
      <c r="AQ2790" s="137"/>
      <c r="AR2790" s="137"/>
      <c r="AS2790" s="137"/>
      <c r="AT2790" s="137"/>
      <c r="AU2790" s="137"/>
      <c r="AV2790" s="137"/>
      <c r="AW2790" s="144"/>
    </row>
    <row r="2791" spans="2:49" x14ac:dyDescent="0.2">
      <c r="B2791" s="97"/>
      <c r="G2791" s="43"/>
      <c r="J2791" s="98"/>
      <c r="K2791" s="97"/>
      <c r="N2791" s="3"/>
      <c r="W2791" s="98"/>
      <c r="Z2791" s="143"/>
      <c r="AA2791" s="137"/>
      <c r="AB2791" s="137"/>
      <c r="AC2791" s="137"/>
      <c r="AD2791" s="137"/>
      <c r="AE2791" s="137"/>
      <c r="AF2791" s="137"/>
      <c r="AG2791" s="137"/>
      <c r="AH2791" s="137"/>
      <c r="AI2791" s="137"/>
      <c r="AJ2791" s="137"/>
      <c r="AK2791" s="206"/>
      <c r="AL2791" s="206"/>
      <c r="AM2791" s="143"/>
      <c r="AN2791" s="137"/>
      <c r="AO2791" s="137"/>
      <c r="AP2791" s="137"/>
      <c r="AQ2791" s="137"/>
      <c r="AR2791" s="137"/>
      <c r="AS2791" s="137"/>
      <c r="AT2791" s="137"/>
      <c r="AU2791" s="137"/>
      <c r="AV2791" s="137"/>
      <c r="AW2791" s="144"/>
    </row>
    <row r="2792" spans="2:49" x14ac:dyDescent="0.2">
      <c r="B2792" s="97"/>
      <c r="G2792" s="43"/>
      <c r="J2792" s="98"/>
      <c r="K2792" s="97"/>
      <c r="N2792" s="3"/>
      <c r="W2792" s="98"/>
      <c r="Z2792" s="143"/>
      <c r="AA2792" s="137"/>
      <c r="AB2792" s="137"/>
      <c r="AC2792" s="137"/>
      <c r="AD2792" s="137"/>
      <c r="AE2792" s="137"/>
      <c r="AF2792" s="137"/>
      <c r="AG2792" s="137"/>
      <c r="AH2792" s="137"/>
      <c r="AI2792" s="137"/>
      <c r="AJ2792" s="137"/>
      <c r="AK2792" s="206"/>
      <c r="AL2792" s="206"/>
      <c r="AM2792" s="143"/>
      <c r="AN2792" s="137"/>
      <c r="AO2792" s="137"/>
      <c r="AP2792" s="137"/>
      <c r="AQ2792" s="137"/>
      <c r="AR2792" s="137"/>
      <c r="AS2792" s="137"/>
      <c r="AT2792" s="137"/>
      <c r="AU2792" s="137"/>
      <c r="AV2792" s="137"/>
      <c r="AW2792" s="144"/>
    </row>
    <row r="2793" spans="2:49" x14ac:dyDescent="0.2">
      <c r="B2793" s="97"/>
      <c r="G2793" s="43"/>
      <c r="J2793" s="98"/>
      <c r="K2793" s="97"/>
      <c r="N2793" s="3"/>
      <c r="W2793" s="98"/>
      <c r="Z2793" s="143"/>
      <c r="AA2793" s="137"/>
      <c r="AB2793" s="137"/>
      <c r="AC2793" s="137"/>
      <c r="AD2793" s="137"/>
      <c r="AE2793" s="137"/>
      <c r="AF2793" s="137"/>
      <c r="AG2793" s="137"/>
      <c r="AH2793" s="137"/>
      <c r="AI2793" s="137"/>
      <c r="AJ2793" s="137"/>
      <c r="AK2793" s="206"/>
      <c r="AL2793" s="206"/>
      <c r="AM2793" s="143"/>
      <c r="AN2793" s="137"/>
      <c r="AO2793" s="137"/>
      <c r="AP2793" s="137"/>
      <c r="AQ2793" s="137"/>
      <c r="AR2793" s="137"/>
      <c r="AS2793" s="137"/>
      <c r="AT2793" s="137"/>
      <c r="AU2793" s="137"/>
      <c r="AV2793" s="137"/>
      <c r="AW2793" s="144"/>
    </row>
    <row r="2794" spans="2:49" x14ac:dyDescent="0.2">
      <c r="B2794" s="97"/>
      <c r="G2794" s="43"/>
      <c r="J2794" s="98"/>
      <c r="K2794" s="97"/>
      <c r="N2794" s="3"/>
      <c r="W2794" s="98"/>
      <c r="Z2794" s="143"/>
      <c r="AA2794" s="137"/>
      <c r="AB2794" s="137"/>
      <c r="AC2794" s="137"/>
      <c r="AD2794" s="137"/>
      <c r="AE2794" s="137"/>
      <c r="AF2794" s="137"/>
      <c r="AG2794" s="137"/>
      <c r="AH2794" s="137"/>
      <c r="AI2794" s="137"/>
      <c r="AJ2794" s="137"/>
      <c r="AK2794" s="206"/>
      <c r="AL2794" s="206"/>
      <c r="AM2794" s="143"/>
      <c r="AN2794" s="137"/>
      <c r="AO2794" s="137"/>
      <c r="AP2794" s="137"/>
      <c r="AQ2794" s="137"/>
      <c r="AR2794" s="137"/>
      <c r="AS2794" s="137"/>
      <c r="AT2794" s="137"/>
      <c r="AU2794" s="137"/>
      <c r="AV2794" s="137"/>
      <c r="AW2794" s="144"/>
    </row>
    <row r="2795" spans="2:49" x14ac:dyDescent="0.2">
      <c r="B2795" s="97"/>
      <c r="G2795" s="43"/>
      <c r="J2795" s="98"/>
      <c r="K2795" s="97"/>
      <c r="N2795" s="3"/>
      <c r="W2795" s="98"/>
      <c r="Z2795" s="143"/>
      <c r="AA2795" s="137"/>
      <c r="AB2795" s="137"/>
      <c r="AC2795" s="137"/>
      <c r="AD2795" s="137"/>
      <c r="AE2795" s="137"/>
      <c r="AF2795" s="137"/>
      <c r="AG2795" s="137"/>
      <c r="AH2795" s="137"/>
      <c r="AI2795" s="137"/>
      <c r="AJ2795" s="137"/>
      <c r="AK2795" s="206"/>
      <c r="AL2795" s="206"/>
      <c r="AM2795" s="143"/>
      <c r="AN2795" s="137"/>
      <c r="AO2795" s="137"/>
      <c r="AP2795" s="137"/>
      <c r="AQ2795" s="137"/>
      <c r="AR2795" s="137"/>
      <c r="AS2795" s="137"/>
      <c r="AT2795" s="137"/>
      <c r="AU2795" s="137"/>
      <c r="AV2795" s="137"/>
      <c r="AW2795" s="144"/>
    </row>
    <row r="2796" spans="2:49" x14ac:dyDescent="0.2">
      <c r="B2796" s="97"/>
      <c r="G2796" s="43"/>
      <c r="J2796" s="98"/>
      <c r="K2796" s="97"/>
      <c r="N2796" s="3"/>
      <c r="W2796" s="98"/>
      <c r="Z2796" s="143"/>
      <c r="AA2796" s="137"/>
      <c r="AB2796" s="137"/>
      <c r="AC2796" s="137"/>
      <c r="AD2796" s="137"/>
      <c r="AE2796" s="137"/>
      <c r="AF2796" s="137"/>
      <c r="AG2796" s="137"/>
      <c r="AH2796" s="137"/>
      <c r="AI2796" s="137"/>
      <c r="AJ2796" s="137"/>
      <c r="AK2796" s="206"/>
      <c r="AL2796" s="206"/>
      <c r="AM2796" s="143"/>
      <c r="AN2796" s="137"/>
      <c r="AO2796" s="137"/>
      <c r="AP2796" s="137"/>
      <c r="AQ2796" s="137"/>
      <c r="AR2796" s="137"/>
      <c r="AS2796" s="137"/>
      <c r="AT2796" s="137"/>
      <c r="AU2796" s="137"/>
      <c r="AV2796" s="137"/>
      <c r="AW2796" s="144"/>
    </row>
    <row r="2797" spans="2:49" x14ac:dyDescent="0.2">
      <c r="B2797" s="97"/>
      <c r="G2797" s="43"/>
      <c r="J2797" s="98"/>
      <c r="K2797" s="97"/>
      <c r="N2797" s="3"/>
      <c r="W2797" s="98"/>
      <c r="Z2797" s="143"/>
      <c r="AA2797" s="137"/>
      <c r="AB2797" s="137"/>
      <c r="AC2797" s="137"/>
      <c r="AD2797" s="137"/>
      <c r="AE2797" s="137"/>
      <c r="AF2797" s="137"/>
      <c r="AG2797" s="137"/>
      <c r="AH2797" s="137"/>
      <c r="AI2797" s="137"/>
      <c r="AJ2797" s="137"/>
      <c r="AK2797" s="206"/>
      <c r="AL2797" s="206"/>
      <c r="AM2797" s="143"/>
      <c r="AN2797" s="137"/>
      <c r="AO2797" s="137"/>
      <c r="AP2797" s="137"/>
      <c r="AQ2797" s="137"/>
      <c r="AR2797" s="137"/>
      <c r="AS2797" s="137"/>
      <c r="AT2797" s="137"/>
      <c r="AU2797" s="137"/>
      <c r="AV2797" s="137"/>
      <c r="AW2797" s="144"/>
    </row>
    <row r="2798" spans="2:49" x14ac:dyDescent="0.2">
      <c r="B2798" s="97"/>
      <c r="G2798" s="43"/>
      <c r="J2798" s="98"/>
      <c r="K2798" s="97"/>
      <c r="N2798" s="3"/>
      <c r="W2798" s="98"/>
      <c r="Z2798" s="143"/>
      <c r="AA2798" s="137"/>
      <c r="AB2798" s="137"/>
      <c r="AC2798" s="137"/>
      <c r="AD2798" s="137"/>
      <c r="AE2798" s="137"/>
      <c r="AF2798" s="137"/>
      <c r="AG2798" s="137"/>
      <c r="AH2798" s="137"/>
      <c r="AI2798" s="137"/>
      <c r="AJ2798" s="137"/>
      <c r="AK2798" s="206"/>
      <c r="AL2798" s="206"/>
      <c r="AM2798" s="143"/>
      <c r="AN2798" s="137"/>
      <c r="AO2798" s="137"/>
      <c r="AP2798" s="137"/>
      <c r="AQ2798" s="137"/>
      <c r="AR2798" s="137"/>
      <c r="AS2798" s="137"/>
      <c r="AT2798" s="137"/>
      <c r="AU2798" s="137"/>
      <c r="AV2798" s="137"/>
      <c r="AW2798" s="144"/>
    </row>
    <row r="2799" spans="2:49" x14ac:dyDescent="0.2">
      <c r="B2799" s="97"/>
      <c r="G2799" s="43"/>
      <c r="J2799" s="98"/>
      <c r="K2799" s="97"/>
      <c r="N2799" s="3"/>
      <c r="W2799" s="98"/>
      <c r="Z2799" s="143"/>
      <c r="AA2799" s="137"/>
      <c r="AB2799" s="137"/>
      <c r="AC2799" s="137"/>
      <c r="AD2799" s="137"/>
      <c r="AE2799" s="137"/>
      <c r="AF2799" s="137"/>
      <c r="AG2799" s="137"/>
      <c r="AH2799" s="137"/>
      <c r="AI2799" s="137"/>
      <c r="AJ2799" s="137"/>
      <c r="AK2799" s="206"/>
      <c r="AL2799" s="206"/>
      <c r="AM2799" s="143"/>
      <c r="AN2799" s="137"/>
      <c r="AO2799" s="137"/>
      <c r="AP2799" s="137"/>
      <c r="AQ2799" s="137"/>
      <c r="AR2799" s="137"/>
      <c r="AS2799" s="137"/>
      <c r="AT2799" s="137"/>
      <c r="AU2799" s="137"/>
      <c r="AV2799" s="137"/>
      <c r="AW2799" s="144"/>
    </row>
    <row r="2800" spans="2:49" x14ac:dyDescent="0.2">
      <c r="B2800" s="97"/>
      <c r="G2800" s="43"/>
      <c r="J2800" s="98"/>
      <c r="K2800" s="97"/>
      <c r="N2800" s="3"/>
      <c r="W2800" s="98"/>
      <c r="Z2800" s="143"/>
      <c r="AA2800" s="137"/>
      <c r="AB2800" s="137"/>
      <c r="AC2800" s="137"/>
      <c r="AD2800" s="137"/>
      <c r="AE2800" s="137"/>
      <c r="AF2800" s="137"/>
      <c r="AG2800" s="137"/>
      <c r="AH2800" s="137"/>
      <c r="AI2800" s="137"/>
      <c r="AJ2800" s="137"/>
      <c r="AK2800" s="206"/>
      <c r="AL2800" s="206"/>
      <c r="AM2800" s="143"/>
      <c r="AN2800" s="137"/>
      <c r="AO2800" s="137"/>
      <c r="AP2800" s="137"/>
      <c r="AQ2800" s="137"/>
      <c r="AR2800" s="137"/>
      <c r="AS2800" s="137"/>
      <c r="AT2800" s="137"/>
      <c r="AU2800" s="137"/>
      <c r="AV2800" s="137"/>
      <c r="AW2800" s="144"/>
    </row>
    <row r="2801" spans="2:49" x14ac:dyDescent="0.2">
      <c r="B2801" s="97"/>
      <c r="G2801" s="43"/>
      <c r="J2801" s="98"/>
      <c r="K2801" s="97"/>
      <c r="N2801" s="3"/>
      <c r="W2801" s="98"/>
      <c r="Z2801" s="143"/>
      <c r="AA2801" s="137"/>
      <c r="AB2801" s="137"/>
      <c r="AC2801" s="137"/>
      <c r="AD2801" s="137"/>
      <c r="AE2801" s="137"/>
      <c r="AF2801" s="137"/>
      <c r="AG2801" s="137"/>
      <c r="AH2801" s="137"/>
      <c r="AI2801" s="137"/>
      <c r="AJ2801" s="137"/>
      <c r="AK2801" s="206"/>
      <c r="AL2801" s="206"/>
      <c r="AM2801" s="143"/>
      <c r="AN2801" s="137"/>
      <c r="AO2801" s="137"/>
      <c r="AP2801" s="137"/>
      <c r="AQ2801" s="137"/>
      <c r="AR2801" s="137"/>
      <c r="AS2801" s="137"/>
      <c r="AT2801" s="137"/>
      <c r="AU2801" s="137"/>
      <c r="AV2801" s="137"/>
      <c r="AW2801" s="144"/>
    </row>
    <row r="2802" spans="2:49" x14ac:dyDescent="0.2">
      <c r="B2802" s="97"/>
      <c r="G2802" s="43"/>
      <c r="J2802" s="98"/>
      <c r="K2802" s="97"/>
      <c r="N2802" s="3"/>
      <c r="W2802" s="98"/>
      <c r="Z2802" s="143"/>
      <c r="AA2802" s="137"/>
      <c r="AB2802" s="137"/>
      <c r="AC2802" s="137"/>
      <c r="AD2802" s="137"/>
      <c r="AE2802" s="137"/>
      <c r="AF2802" s="137"/>
      <c r="AG2802" s="137"/>
      <c r="AH2802" s="137"/>
      <c r="AI2802" s="137"/>
      <c r="AJ2802" s="137"/>
      <c r="AK2802" s="206"/>
      <c r="AL2802" s="206"/>
      <c r="AM2802" s="143"/>
      <c r="AN2802" s="137"/>
      <c r="AO2802" s="137"/>
      <c r="AP2802" s="137"/>
      <c r="AQ2802" s="137"/>
      <c r="AR2802" s="137"/>
      <c r="AS2802" s="137"/>
      <c r="AT2802" s="137"/>
      <c r="AU2802" s="137"/>
      <c r="AV2802" s="137"/>
      <c r="AW2802" s="144"/>
    </row>
    <row r="2803" spans="2:49" x14ac:dyDescent="0.2">
      <c r="B2803" s="97"/>
      <c r="G2803" s="43"/>
      <c r="J2803" s="98"/>
      <c r="K2803" s="97"/>
      <c r="N2803" s="3"/>
      <c r="W2803" s="98"/>
      <c r="Z2803" s="143"/>
      <c r="AA2803" s="137"/>
      <c r="AB2803" s="137"/>
      <c r="AC2803" s="137"/>
      <c r="AD2803" s="137"/>
      <c r="AE2803" s="137"/>
      <c r="AF2803" s="137"/>
      <c r="AG2803" s="137"/>
      <c r="AH2803" s="137"/>
      <c r="AI2803" s="137"/>
      <c r="AJ2803" s="137"/>
      <c r="AK2803" s="206"/>
      <c r="AL2803" s="206"/>
      <c r="AM2803" s="143"/>
      <c r="AN2803" s="137"/>
      <c r="AO2803" s="137"/>
      <c r="AP2803" s="137"/>
      <c r="AQ2803" s="137"/>
      <c r="AR2803" s="137"/>
      <c r="AS2803" s="137"/>
      <c r="AT2803" s="137"/>
      <c r="AU2803" s="137"/>
      <c r="AV2803" s="137"/>
      <c r="AW2803" s="144"/>
    </row>
    <row r="2804" spans="2:49" x14ac:dyDescent="0.2">
      <c r="B2804" s="97"/>
      <c r="G2804" s="43"/>
      <c r="J2804" s="98"/>
      <c r="K2804" s="97"/>
      <c r="N2804" s="3"/>
      <c r="W2804" s="98"/>
      <c r="Z2804" s="143"/>
      <c r="AA2804" s="137"/>
      <c r="AB2804" s="137"/>
      <c r="AC2804" s="137"/>
      <c r="AD2804" s="137"/>
      <c r="AE2804" s="137"/>
      <c r="AF2804" s="137"/>
      <c r="AG2804" s="137"/>
      <c r="AH2804" s="137"/>
      <c r="AI2804" s="137"/>
      <c r="AJ2804" s="137"/>
      <c r="AK2804" s="206"/>
      <c r="AL2804" s="206"/>
      <c r="AM2804" s="143"/>
      <c r="AN2804" s="137"/>
      <c r="AO2804" s="137"/>
      <c r="AP2804" s="137"/>
      <c r="AQ2804" s="137"/>
      <c r="AR2804" s="137"/>
      <c r="AS2804" s="137"/>
      <c r="AT2804" s="137"/>
      <c r="AU2804" s="137"/>
      <c r="AV2804" s="137"/>
      <c r="AW2804" s="144"/>
    </row>
    <row r="2805" spans="2:49" x14ac:dyDescent="0.2">
      <c r="B2805" s="97"/>
      <c r="G2805" s="43"/>
      <c r="J2805" s="98"/>
      <c r="K2805" s="97"/>
      <c r="N2805" s="3"/>
      <c r="W2805" s="98"/>
      <c r="Z2805" s="143"/>
      <c r="AA2805" s="137"/>
      <c r="AB2805" s="137"/>
      <c r="AC2805" s="137"/>
      <c r="AD2805" s="137"/>
      <c r="AE2805" s="137"/>
      <c r="AF2805" s="137"/>
      <c r="AG2805" s="137"/>
      <c r="AH2805" s="137"/>
      <c r="AI2805" s="137"/>
      <c r="AJ2805" s="137"/>
      <c r="AK2805" s="206"/>
      <c r="AL2805" s="206"/>
      <c r="AM2805" s="143"/>
      <c r="AN2805" s="137"/>
      <c r="AO2805" s="137"/>
      <c r="AP2805" s="137"/>
      <c r="AQ2805" s="137"/>
      <c r="AR2805" s="137"/>
      <c r="AS2805" s="137"/>
      <c r="AT2805" s="137"/>
      <c r="AU2805" s="137"/>
      <c r="AV2805" s="137"/>
      <c r="AW2805" s="144"/>
    </row>
    <row r="2806" spans="2:49" x14ac:dyDescent="0.2">
      <c r="B2806" s="97"/>
      <c r="G2806" s="43"/>
      <c r="J2806" s="98"/>
      <c r="K2806" s="97"/>
      <c r="N2806" s="3"/>
      <c r="W2806" s="98"/>
      <c r="Z2806" s="143"/>
      <c r="AA2806" s="137"/>
      <c r="AB2806" s="137"/>
      <c r="AC2806" s="137"/>
      <c r="AD2806" s="137"/>
      <c r="AE2806" s="137"/>
      <c r="AF2806" s="137"/>
      <c r="AG2806" s="137"/>
      <c r="AH2806" s="137"/>
      <c r="AI2806" s="137"/>
      <c r="AJ2806" s="137"/>
      <c r="AK2806" s="206"/>
      <c r="AL2806" s="206"/>
      <c r="AM2806" s="143"/>
      <c r="AN2806" s="137"/>
      <c r="AO2806" s="137"/>
      <c r="AP2806" s="137"/>
      <c r="AQ2806" s="137"/>
      <c r="AR2806" s="137"/>
      <c r="AS2806" s="137"/>
      <c r="AT2806" s="137"/>
      <c r="AU2806" s="137"/>
      <c r="AV2806" s="137"/>
      <c r="AW2806" s="144"/>
    </row>
    <row r="2807" spans="2:49" x14ac:dyDescent="0.2">
      <c r="B2807" s="97"/>
      <c r="G2807" s="43"/>
      <c r="J2807" s="98"/>
      <c r="K2807" s="97"/>
      <c r="N2807" s="3"/>
      <c r="W2807" s="98"/>
      <c r="Z2807" s="143"/>
      <c r="AA2807" s="137"/>
      <c r="AB2807" s="137"/>
      <c r="AC2807" s="137"/>
      <c r="AD2807" s="137"/>
      <c r="AE2807" s="137"/>
      <c r="AF2807" s="137"/>
      <c r="AG2807" s="137"/>
      <c r="AH2807" s="137"/>
      <c r="AI2807" s="137"/>
      <c r="AJ2807" s="137"/>
      <c r="AK2807" s="206"/>
      <c r="AL2807" s="206"/>
      <c r="AM2807" s="143"/>
      <c r="AN2807" s="137"/>
      <c r="AO2807" s="137"/>
      <c r="AP2807" s="137"/>
      <c r="AQ2807" s="137"/>
      <c r="AR2807" s="137"/>
      <c r="AS2807" s="137"/>
      <c r="AT2807" s="137"/>
      <c r="AU2807" s="137"/>
      <c r="AV2807" s="137"/>
      <c r="AW2807" s="144"/>
    </row>
    <row r="2808" spans="2:49" x14ac:dyDescent="0.2">
      <c r="B2808" s="97"/>
      <c r="G2808" s="43"/>
      <c r="J2808" s="98"/>
      <c r="K2808" s="97"/>
      <c r="N2808" s="3"/>
      <c r="W2808" s="98"/>
      <c r="Z2808" s="143"/>
      <c r="AA2808" s="137"/>
      <c r="AB2808" s="137"/>
      <c r="AC2808" s="137"/>
      <c r="AD2808" s="137"/>
      <c r="AE2808" s="137"/>
      <c r="AF2808" s="137"/>
      <c r="AG2808" s="137"/>
      <c r="AH2808" s="137"/>
      <c r="AI2808" s="137"/>
      <c r="AJ2808" s="137"/>
      <c r="AK2808" s="206"/>
      <c r="AL2808" s="206"/>
      <c r="AM2808" s="143"/>
      <c r="AN2808" s="137"/>
      <c r="AO2808" s="137"/>
      <c r="AP2808" s="137"/>
      <c r="AQ2808" s="137"/>
      <c r="AR2808" s="137"/>
      <c r="AS2808" s="137"/>
      <c r="AT2808" s="137"/>
      <c r="AU2808" s="137"/>
      <c r="AV2808" s="137"/>
      <c r="AW2808" s="144"/>
    </row>
    <row r="2809" spans="2:49" x14ac:dyDescent="0.2">
      <c r="B2809" s="97"/>
      <c r="G2809" s="43"/>
      <c r="J2809" s="98"/>
      <c r="K2809" s="97"/>
      <c r="N2809" s="3"/>
      <c r="W2809" s="98"/>
      <c r="Z2809" s="143"/>
      <c r="AA2809" s="137"/>
      <c r="AB2809" s="137"/>
      <c r="AC2809" s="137"/>
      <c r="AD2809" s="137"/>
      <c r="AE2809" s="137"/>
      <c r="AF2809" s="137"/>
      <c r="AG2809" s="137"/>
      <c r="AH2809" s="137"/>
      <c r="AI2809" s="137"/>
      <c r="AJ2809" s="137"/>
      <c r="AK2809" s="206"/>
      <c r="AL2809" s="206"/>
      <c r="AM2809" s="143"/>
      <c r="AN2809" s="137"/>
      <c r="AO2809" s="137"/>
      <c r="AP2809" s="137"/>
      <c r="AQ2809" s="137"/>
      <c r="AR2809" s="137"/>
      <c r="AS2809" s="137"/>
      <c r="AT2809" s="137"/>
      <c r="AU2809" s="137"/>
      <c r="AV2809" s="137"/>
      <c r="AW2809" s="144"/>
    </row>
    <row r="2810" spans="2:49" x14ac:dyDescent="0.2">
      <c r="B2810" s="97"/>
      <c r="G2810" s="43"/>
      <c r="J2810" s="98"/>
      <c r="K2810" s="97"/>
      <c r="N2810" s="3"/>
      <c r="W2810" s="98"/>
      <c r="Z2810" s="143"/>
      <c r="AA2810" s="137"/>
      <c r="AB2810" s="137"/>
      <c r="AC2810" s="137"/>
      <c r="AD2810" s="137"/>
      <c r="AE2810" s="137"/>
      <c r="AF2810" s="137"/>
      <c r="AG2810" s="137"/>
      <c r="AH2810" s="137"/>
      <c r="AI2810" s="137"/>
      <c r="AJ2810" s="137"/>
      <c r="AK2810" s="206"/>
      <c r="AL2810" s="206"/>
      <c r="AM2810" s="143"/>
      <c r="AN2810" s="137"/>
      <c r="AO2810" s="137"/>
      <c r="AP2810" s="137"/>
      <c r="AQ2810" s="137"/>
      <c r="AR2810" s="137"/>
      <c r="AS2810" s="137"/>
      <c r="AT2810" s="137"/>
      <c r="AU2810" s="137"/>
      <c r="AV2810" s="137"/>
      <c r="AW2810" s="144"/>
    </row>
    <row r="2811" spans="2:49" x14ac:dyDescent="0.2">
      <c r="B2811" s="97"/>
      <c r="G2811" s="43"/>
      <c r="J2811" s="98"/>
      <c r="K2811" s="97"/>
      <c r="N2811" s="3"/>
      <c r="W2811" s="98"/>
      <c r="Z2811" s="143"/>
      <c r="AA2811" s="137"/>
      <c r="AB2811" s="137"/>
      <c r="AC2811" s="137"/>
      <c r="AD2811" s="137"/>
      <c r="AE2811" s="137"/>
      <c r="AF2811" s="137"/>
      <c r="AG2811" s="137"/>
      <c r="AH2811" s="137"/>
      <c r="AI2811" s="137"/>
      <c r="AJ2811" s="137"/>
      <c r="AK2811" s="206"/>
      <c r="AL2811" s="206"/>
      <c r="AM2811" s="143"/>
      <c r="AN2811" s="137"/>
      <c r="AO2811" s="137"/>
      <c r="AP2811" s="137"/>
      <c r="AQ2811" s="137"/>
      <c r="AR2811" s="137"/>
      <c r="AS2811" s="137"/>
      <c r="AT2811" s="137"/>
      <c r="AU2811" s="137"/>
      <c r="AV2811" s="137"/>
      <c r="AW2811" s="144"/>
    </row>
    <row r="2812" spans="2:49" x14ac:dyDescent="0.2">
      <c r="B2812" s="97"/>
      <c r="G2812" s="43"/>
      <c r="J2812" s="98"/>
      <c r="K2812" s="97"/>
      <c r="N2812" s="3"/>
      <c r="W2812" s="98"/>
      <c r="Z2812" s="143"/>
      <c r="AA2812" s="137"/>
      <c r="AB2812" s="137"/>
      <c r="AC2812" s="137"/>
      <c r="AD2812" s="137"/>
      <c r="AE2812" s="137"/>
      <c r="AF2812" s="137"/>
      <c r="AG2812" s="137"/>
      <c r="AH2812" s="137"/>
      <c r="AI2812" s="137"/>
      <c r="AJ2812" s="137"/>
      <c r="AK2812" s="206"/>
      <c r="AL2812" s="206"/>
      <c r="AM2812" s="143"/>
      <c r="AN2812" s="137"/>
      <c r="AO2812" s="137"/>
      <c r="AP2812" s="137"/>
      <c r="AQ2812" s="137"/>
      <c r="AR2812" s="137"/>
      <c r="AS2812" s="137"/>
      <c r="AT2812" s="137"/>
      <c r="AU2812" s="137"/>
      <c r="AV2812" s="137"/>
      <c r="AW2812" s="144"/>
    </row>
    <row r="2813" spans="2:49" x14ac:dyDescent="0.2">
      <c r="B2813" s="97"/>
      <c r="G2813" s="43"/>
      <c r="J2813" s="98"/>
      <c r="K2813" s="97"/>
      <c r="N2813" s="3"/>
      <c r="W2813" s="98"/>
      <c r="Z2813" s="143"/>
      <c r="AA2813" s="137"/>
      <c r="AB2813" s="137"/>
      <c r="AC2813" s="137"/>
      <c r="AD2813" s="137"/>
      <c r="AE2813" s="137"/>
      <c r="AF2813" s="137"/>
      <c r="AG2813" s="137"/>
      <c r="AH2813" s="137"/>
      <c r="AI2813" s="137"/>
      <c r="AJ2813" s="137"/>
      <c r="AK2813" s="206"/>
      <c r="AL2813" s="206"/>
      <c r="AM2813" s="143"/>
      <c r="AN2813" s="137"/>
      <c r="AO2813" s="137"/>
      <c r="AP2813" s="137"/>
      <c r="AQ2813" s="137"/>
      <c r="AR2813" s="137"/>
      <c r="AS2813" s="137"/>
      <c r="AT2813" s="137"/>
      <c r="AU2813" s="137"/>
      <c r="AV2813" s="137"/>
      <c r="AW2813" s="144"/>
    </row>
    <row r="2814" spans="2:49" x14ac:dyDescent="0.2">
      <c r="B2814" s="97"/>
      <c r="G2814" s="43"/>
      <c r="J2814" s="98"/>
      <c r="K2814" s="97"/>
      <c r="N2814" s="3"/>
      <c r="W2814" s="98"/>
      <c r="Z2814" s="143"/>
      <c r="AA2814" s="137"/>
      <c r="AB2814" s="137"/>
      <c r="AC2814" s="137"/>
      <c r="AD2814" s="137"/>
      <c r="AE2814" s="137"/>
      <c r="AF2814" s="137"/>
      <c r="AG2814" s="137"/>
      <c r="AH2814" s="137"/>
      <c r="AI2814" s="137"/>
      <c r="AJ2814" s="137"/>
      <c r="AK2814" s="206"/>
      <c r="AL2814" s="206"/>
      <c r="AM2814" s="143"/>
      <c r="AN2814" s="137"/>
      <c r="AO2814" s="137"/>
      <c r="AP2814" s="137"/>
      <c r="AQ2814" s="137"/>
      <c r="AR2814" s="137"/>
      <c r="AS2814" s="137"/>
      <c r="AT2814" s="137"/>
      <c r="AU2814" s="137"/>
      <c r="AV2814" s="137"/>
      <c r="AW2814" s="144"/>
    </row>
    <row r="2815" spans="2:49" x14ac:dyDescent="0.2">
      <c r="B2815" s="97"/>
      <c r="G2815" s="43"/>
      <c r="J2815" s="98"/>
      <c r="K2815" s="97"/>
      <c r="N2815" s="3"/>
      <c r="W2815" s="98"/>
      <c r="Z2815" s="143"/>
      <c r="AA2815" s="137"/>
      <c r="AB2815" s="137"/>
      <c r="AC2815" s="137"/>
      <c r="AD2815" s="137"/>
      <c r="AE2815" s="137"/>
      <c r="AF2815" s="137"/>
      <c r="AG2815" s="137"/>
      <c r="AH2815" s="137"/>
      <c r="AI2815" s="137"/>
      <c r="AJ2815" s="137"/>
      <c r="AK2815" s="206"/>
      <c r="AL2815" s="206"/>
      <c r="AM2815" s="143"/>
      <c r="AN2815" s="137"/>
      <c r="AO2815" s="137"/>
      <c r="AP2815" s="137"/>
      <c r="AQ2815" s="137"/>
      <c r="AR2815" s="137"/>
      <c r="AS2815" s="137"/>
      <c r="AT2815" s="137"/>
      <c r="AU2815" s="137"/>
      <c r="AV2815" s="137"/>
      <c r="AW2815" s="144"/>
    </row>
    <row r="2816" spans="2:49" x14ac:dyDescent="0.2">
      <c r="B2816" s="97"/>
      <c r="G2816" s="43"/>
      <c r="J2816" s="98"/>
      <c r="K2816" s="97"/>
      <c r="N2816" s="3"/>
      <c r="W2816" s="98"/>
      <c r="Z2816" s="143"/>
      <c r="AA2816" s="137"/>
      <c r="AB2816" s="137"/>
      <c r="AC2816" s="137"/>
      <c r="AD2816" s="137"/>
      <c r="AE2816" s="137"/>
      <c r="AF2816" s="137"/>
      <c r="AG2816" s="137"/>
      <c r="AH2816" s="137"/>
      <c r="AI2816" s="137"/>
      <c r="AJ2816" s="137"/>
      <c r="AK2816" s="206"/>
      <c r="AL2816" s="206"/>
      <c r="AM2816" s="143"/>
      <c r="AN2816" s="137"/>
      <c r="AO2816" s="137"/>
      <c r="AP2816" s="137"/>
      <c r="AQ2816" s="137"/>
      <c r="AR2816" s="137"/>
      <c r="AS2816" s="137"/>
      <c r="AT2816" s="137"/>
      <c r="AU2816" s="137"/>
      <c r="AV2816" s="137"/>
      <c r="AW2816" s="144"/>
    </row>
    <row r="2817" spans="2:49" x14ac:dyDescent="0.2">
      <c r="B2817" s="97"/>
      <c r="G2817" s="43"/>
      <c r="J2817" s="98"/>
      <c r="K2817" s="97"/>
      <c r="N2817" s="3"/>
      <c r="W2817" s="98"/>
      <c r="Z2817" s="143"/>
      <c r="AA2817" s="137"/>
      <c r="AB2817" s="137"/>
      <c r="AC2817" s="137"/>
      <c r="AD2817" s="137"/>
      <c r="AE2817" s="137"/>
      <c r="AF2817" s="137"/>
      <c r="AG2817" s="137"/>
      <c r="AH2817" s="137"/>
      <c r="AI2817" s="137"/>
      <c r="AJ2817" s="137"/>
      <c r="AK2817" s="206"/>
      <c r="AL2817" s="206"/>
      <c r="AM2817" s="143"/>
      <c r="AN2817" s="137"/>
      <c r="AO2817" s="137"/>
      <c r="AP2817" s="137"/>
      <c r="AQ2817" s="137"/>
      <c r="AR2817" s="137"/>
      <c r="AS2817" s="137"/>
      <c r="AT2817" s="137"/>
      <c r="AU2817" s="137"/>
      <c r="AV2817" s="137"/>
      <c r="AW2817" s="144"/>
    </row>
    <row r="2818" spans="2:49" x14ac:dyDescent="0.2">
      <c r="B2818" s="97"/>
      <c r="G2818" s="43"/>
      <c r="J2818" s="98"/>
      <c r="K2818" s="97"/>
      <c r="N2818" s="3"/>
      <c r="W2818" s="98"/>
      <c r="Z2818" s="143"/>
      <c r="AA2818" s="137"/>
      <c r="AB2818" s="137"/>
      <c r="AC2818" s="137"/>
      <c r="AD2818" s="137"/>
      <c r="AE2818" s="137"/>
      <c r="AF2818" s="137"/>
      <c r="AG2818" s="137"/>
      <c r="AH2818" s="137"/>
      <c r="AI2818" s="137"/>
      <c r="AJ2818" s="137"/>
      <c r="AK2818" s="206"/>
      <c r="AL2818" s="206"/>
      <c r="AM2818" s="143"/>
      <c r="AN2818" s="137"/>
      <c r="AO2818" s="137"/>
      <c r="AP2818" s="137"/>
      <c r="AQ2818" s="137"/>
      <c r="AR2818" s="137"/>
      <c r="AS2818" s="137"/>
      <c r="AT2818" s="137"/>
      <c r="AU2818" s="137"/>
      <c r="AV2818" s="137"/>
      <c r="AW2818" s="144"/>
    </row>
    <row r="2819" spans="2:49" x14ac:dyDescent="0.2">
      <c r="B2819" s="97"/>
      <c r="G2819" s="43"/>
      <c r="J2819" s="98"/>
      <c r="K2819" s="97"/>
      <c r="N2819" s="3"/>
      <c r="W2819" s="98"/>
      <c r="Z2819" s="143"/>
      <c r="AA2819" s="137"/>
      <c r="AB2819" s="137"/>
      <c r="AC2819" s="137"/>
      <c r="AD2819" s="137"/>
      <c r="AE2819" s="137"/>
      <c r="AF2819" s="137"/>
      <c r="AG2819" s="137"/>
      <c r="AH2819" s="137"/>
      <c r="AI2819" s="137"/>
      <c r="AJ2819" s="137"/>
      <c r="AK2819" s="206"/>
      <c r="AL2819" s="206"/>
      <c r="AM2819" s="143"/>
      <c r="AN2819" s="137"/>
      <c r="AO2819" s="137"/>
      <c r="AP2819" s="137"/>
      <c r="AQ2819" s="137"/>
      <c r="AR2819" s="137"/>
      <c r="AS2819" s="137"/>
      <c r="AT2819" s="137"/>
      <c r="AU2819" s="137"/>
      <c r="AV2819" s="137"/>
      <c r="AW2819" s="144"/>
    </row>
    <row r="2820" spans="2:49" x14ac:dyDescent="0.2">
      <c r="B2820" s="97"/>
      <c r="G2820" s="43"/>
      <c r="J2820" s="98"/>
      <c r="K2820" s="97"/>
      <c r="N2820" s="3"/>
      <c r="W2820" s="98"/>
      <c r="Z2820" s="143"/>
      <c r="AA2820" s="137"/>
      <c r="AB2820" s="137"/>
      <c r="AC2820" s="137"/>
      <c r="AD2820" s="137"/>
      <c r="AE2820" s="137"/>
      <c r="AF2820" s="137"/>
      <c r="AG2820" s="137"/>
      <c r="AH2820" s="137"/>
      <c r="AI2820" s="137"/>
      <c r="AJ2820" s="137"/>
      <c r="AK2820" s="206"/>
      <c r="AL2820" s="206"/>
      <c r="AM2820" s="143"/>
      <c r="AN2820" s="137"/>
      <c r="AO2820" s="137"/>
      <c r="AP2820" s="137"/>
      <c r="AQ2820" s="137"/>
      <c r="AR2820" s="137"/>
      <c r="AS2820" s="137"/>
      <c r="AT2820" s="137"/>
      <c r="AU2820" s="137"/>
      <c r="AV2820" s="137"/>
      <c r="AW2820" s="144"/>
    </row>
    <row r="2821" spans="2:49" x14ac:dyDescent="0.2">
      <c r="B2821" s="97"/>
      <c r="G2821" s="43"/>
      <c r="J2821" s="98"/>
      <c r="K2821" s="97"/>
      <c r="N2821" s="3"/>
      <c r="W2821" s="98"/>
      <c r="Z2821" s="143"/>
      <c r="AA2821" s="137"/>
      <c r="AB2821" s="137"/>
      <c r="AC2821" s="137"/>
      <c r="AD2821" s="137"/>
      <c r="AE2821" s="137"/>
      <c r="AF2821" s="137"/>
      <c r="AG2821" s="137"/>
      <c r="AH2821" s="137"/>
      <c r="AI2821" s="137"/>
      <c r="AJ2821" s="137"/>
      <c r="AK2821" s="206"/>
      <c r="AL2821" s="206"/>
      <c r="AM2821" s="143"/>
      <c r="AN2821" s="137"/>
      <c r="AO2821" s="137"/>
      <c r="AP2821" s="137"/>
      <c r="AQ2821" s="137"/>
      <c r="AR2821" s="137"/>
      <c r="AS2821" s="137"/>
      <c r="AT2821" s="137"/>
      <c r="AU2821" s="137"/>
      <c r="AV2821" s="137"/>
      <c r="AW2821" s="144"/>
    </row>
    <row r="2822" spans="2:49" x14ac:dyDescent="0.2">
      <c r="B2822" s="97"/>
      <c r="G2822" s="43"/>
      <c r="J2822" s="98"/>
      <c r="K2822" s="97"/>
      <c r="N2822" s="3"/>
      <c r="W2822" s="98"/>
      <c r="Z2822" s="143"/>
      <c r="AA2822" s="137"/>
      <c r="AB2822" s="137"/>
      <c r="AC2822" s="137"/>
      <c r="AD2822" s="137"/>
      <c r="AE2822" s="137"/>
      <c r="AF2822" s="137"/>
      <c r="AG2822" s="137"/>
      <c r="AH2822" s="137"/>
      <c r="AI2822" s="137"/>
      <c r="AJ2822" s="137"/>
      <c r="AK2822" s="206"/>
      <c r="AL2822" s="206"/>
      <c r="AM2822" s="143"/>
      <c r="AN2822" s="137"/>
      <c r="AO2822" s="137"/>
      <c r="AP2822" s="137"/>
      <c r="AQ2822" s="137"/>
      <c r="AR2822" s="137"/>
      <c r="AS2822" s="137"/>
      <c r="AT2822" s="137"/>
      <c r="AU2822" s="137"/>
      <c r="AV2822" s="137"/>
      <c r="AW2822" s="144"/>
    </row>
    <row r="2823" spans="2:49" x14ac:dyDescent="0.2">
      <c r="B2823" s="97"/>
      <c r="G2823" s="43"/>
      <c r="J2823" s="98"/>
      <c r="K2823" s="97"/>
      <c r="N2823" s="3"/>
      <c r="W2823" s="98"/>
      <c r="Z2823" s="143"/>
      <c r="AA2823" s="137"/>
      <c r="AB2823" s="137"/>
      <c r="AC2823" s="137"/>
      <c r="AD2823" s="137"/>
      <c r="AE2823" s="137"/>
      <c r="AF2823" s="137"/>
      <c r="AG2823" s="137"/>
      <c r="AH2823" s="137"/>
      <c r="AI2823" s="137"/>
      <c r="AJ2823" s="137"/>
      <c r="AK2823" s="206"/>
      <c r="AL2823" s="206"/>
      <c r="AM2823" s="143"/>
      <c r="AN2823" s="137"/>
      <c r="AO2823" s="137"/>
      <c r="AP2823" s="137"/>
      <c r="AQ2823" s="137"/>
      <c r="AR2823" s="137"/>
      <c r="AS2823" s="137"/>
      <c r="AT2823" s="137"/>
      <c r="AU2823" s="137"/>
      <c r="AV2823" s="137"/>
      <c r="AW2823" s="144"/>
    </row>
    <row r="2824" spans="2:49" x14ac:dyDescent="0.2">
      <c r="B2824" s="97"/>
      <c r="G2824" s="43"/>
      <c r="J2824" s="98"/>
      <c r="K2824" s="97"/>
      <c r="N2824" s="3"/>
      <c r="W2824" s="98"/>
      <c r="Z2824" s="143"/>
      <c r="AA2824" s="137"/>
      <c r="AB2824" s="137"/>
      <c r="AC2824" s="137"/>
      <c r="AD2824" s="137"/>
      <c r="AE2824" s="137"/>
      <c r="AF2824" s="137"/>
      <c r="AG2824" s="137"/>
      <c r="AH2824" s="137"/>
      <c r="AI2824" s="137"/>
      <c r="AJ2824" s="137"/>
      <c r="AK2824" s="206"/>
      <c r="AL2824" s="206"/>
      <c r="AM2824" s="143"/>
      <c r="AN2824" s="137"/>
      <c r="AO2824" s="137"/>
      <c r="AP2824" s="137"/>
      <c r="AQ2824" s="137"/>
      <c r="AR2824" s="137"/>
      <c r="AS2824" s="137"/>
      <c r="AT2824" s="137"/>
      <c r="AU2824" s="137"/>
      <c r="AV2824" s="137"/>
      <c r="AW2824" s="144"/>
    </row>
    <row r="2825" spans="2:49" x14ac:dyDescent="0.2">
      <c r="B2825" s="97"/>
      <c r="G2825" s="43"/>
      <c r="J2825" s="98"/>
      <c r="K2825" s="97"/>
      <c r="N2825" s="3"/>
      <c r="W2825" s="98"/>
      <c r="Z2825" s="143"/>
      <c r="AA2825" s="137"/>
      <c r="AB2825" s="137"/>
      <c r="AC2825" s="137"/>
      <c r="AD2825" s="137"/>
      <c r="AE2825" s="137"/>
      <c r="AF2825" s="137"/>
      <c r="AG2825" s="137"/>
      <c r="AH2825" s="137"/>
      <c r="AI2825" s="137"/>
      <c r="AJ2825" s="137"/>
      <c r="AK2825" s="206"/>
      <c r="AL2825" s="206"/>
      <c r="AM2825" s="143"/>
      <c r="AN2825" s="137"/>
      <c r="AO2825" s="137"/>
      <c r="AP2825" s="137"/>
      <c r="AQ2825" s="137"/>
      <c r="AR2825" s="137"/>
      <c r="AS2825" s="137"/>
      <c r="AT2825" s="137"/>
      <c r="AU2825" s="137"/>
      <c r="AV2825" s="137"/>
      <c r="AW2825" s="144"/>
    </row>
    <row r="2826" spans="2:49" x14ac:dyDescent="0.2">
      <c r="B2826" s="97"/>
      <c r="G2826" s="43"/>
      <c r="J2826" s="98"/>
      <c r="K2826" s="97"/>
      <c r="N2826" s="3"/>
      <c r="W2826" s="98"/>
      <c r="Z2826" s="143"/>
      <c r="AA2826" s="137"/>
      <c r="AB2826" s="137"/>
      <c r="AC2826" s="137"/>
      <c r="AD2826" s="137"/>
      <c r="AE2826" s="137"/>
      <c r="AF2826" s="137"/>
      <c r="AG2826" s="137"/>
      <c r="AH2826" s="137"/>
      <c r="AI2826" s="137"/>
      <c r="AJ2826" s="137"/>
      <c r="AK2826" s="206"/>
      <c r="AL2826" s="206"/>
      <c r="AM2826" s="143"/>
      <c r="AN2826" s="137"/>
      <c r="AO2826" s="137"/>
      <c r="AP2826" s="137"/>
      <c r="AQ2826" s="137"/>
      <c r="AR2826" s="137"/>
      <c r="AS2826" s="137"/>
      <c r="AT2826" s="137"/>
      <c r="AU2826" s="137"/>
      <c r="AV2826" s="137"/>
      <c r="AW2826" s="144"/>
    </row>
    <row r="2827" spans="2:49" x14ac:dyDescent="0.2">
      <c r="B2827" s="97"/>
      <c r="G2827" s="43"/>
      <c r="J2827" s="98"/>
      <c r="K2827" s="97"/>
      <c r="N2827" s="3"/>
      <c r="W2827" s="98"/>
      <c r="Z2827" s="143"/>
      <c r="AA2827" s="137"/>
      <c r="AB2827" s="137"/>
      <c r="AC2827" s="137"/>
      <c r="AD2827" s="137"/>
      <c r="AE2827" s="137"/>
      <c r="AF2827" s="137"/>
      <c r="AG2827" s="137"/>
      <c r="AH2827" s="137"/>
      <c r="AI2827" s="137"/>
      <c r="AJ2827" s="137"/>
      <c r="AK2827" s="206"/>
      <c r="AL2827" s="206"/>
      <c r="AM2827" s="143"/>
      <c r="AN2827" s="137"/>
      <c r="AO2827" s="137"/>
      <c r="AP2827" s="137"/>
      <c r="AQ2827" s="137"/>
      <c r="AR2827" s="137"/>
      <c r="AS2827" s="137"/>
      <c r="AT2827" s="137"/>
      <c r="AU2827" s="137"/>
      <c r="AV2827" s="137"/>
      <c r="AW2827" s="144"/>
    </row>
    <row r="2828" spans="2:49" x14ac:dyDescent="0.2">
      <c r="B2828" s="97"/>
      <c r="G2828" s="43"/>
      <c r="J2828" s="98"/>
      <c r="K2828" s="97"/>
      <c r="N2828" s="3"/>
      <c r="W2828" s="98"/>
      <c r="Z2828" s="143"/>
      <c r="AA2828" s="137"/>
      <c r="AB2828" s="137"/>
      <c r="AC2828" s="137"/>
      <c r="AD2828" s="137"/>
      <c r="AE2828" s="137"/>
      <c r="AF2828" s="137"/>
      <c r="AG2828" s="137"/>
      <c r="AH2828" s="137"/>
      <c r="AI2828" s="137"/>
      <c r="AJ2828" s="137"/>
      <c r="AK2828" s="206"/>
      <c r="AL2828" s="206"/>
      <c r="AM2828" s="143"/>
      <c r="AN2828" s="137"/>
      <c r="AO2828" s="137"/>
      <c r="AP2828" s="137"/>
      <c r="AQ2828" s="137"/>
      <c r="AR2828" s="137"/>
      <c r="AS2828" s="137"/>
      <c r="AT2828" s="137"/>
      <c r="AU2828" s="137"/>
      <c r="AV2828" s="137"/>
      <c r="AW2828" s="144"/>
    </row>
    <row r="2829" spans="2:49" x14ac:dyDescent="0.2">
      <c r="B2829" s="97"/>
      <c r="G2829" s="43"/>
      <c r="J2829" s="98"/>
      <c r="K2829" s="97"/>
      <c r="N2829" s="3"/>
      <c r="W2829" s="98"/>
      <c r="Z2829" s="143"/>
      <c r="AA2829" s="137"/>
      <c r="AB2829" s="137"/>
      <c r="AC2829" s="137"/>
      <c r="AD2829" s="137"/>
      <c r="AE2829" s="137"/>
      <c r="AF2829" s="137"/>
      <c r="AG2829" s="137"/>
      <c r="AH2829" s="137"/>
      <c r="AI2829" s="137"/>
      <c r="AJ2829" s="137"/>
      <c r="AK2829" s="206"/>
      <c r="AL2829" s="206"/>
      <c r="AM2829" s="143"/>
      <c r="AN2829" s="137"/>
      <c r="AO2829" s="137"/>
      <c r="AP2829" s="137"/>
      <c r="AQ2829" s="137"/>
      <c r="AR2829" s="137"/>
      <c r="AS2829" s="137"/>
      <c r="AT2829" s="137"/>
      <c r="AU2829" s="137"/>
      <c r="AV2829" s="137"/>
      <c r="AW2829" s="144"/>
    </row>
    <row r="2830" spans="2:49" x14ac:dyDescent="0.2">
      <c r="B2830" s="97"/>
      <c r="G2830" s="43"/>
      <c r="J2830" s="98"/>
      <c r="K2830" s="97"/>
      <c r="N2830" s="3"/>
      <c r="W2830" s="98"/>
      <c r="Z2830" s="143"/>
      <c r="AA2830" s="137"/>
      <c r="AB2830" s="137"/>
      <c r="AC2830" s="137"/>
      <c r="AD2830" s="137"/>
      <c r="AE2830" s="137"/>
      <c r="AF2830" s="137"/>
      <c r="AG2830" s="137"/>
      <c r="AH2830" s="137"/>
      <c r="AI2830" s="137"/>
      <c r="AJ2830" s="137"/>
      <c r="AK2830" s="206"/>
      <c r="AL2830" s="206"/>
      <c r="AM2830" s="143"/>
      <c r="AN2830" s="137"/>
      <c r="AO2830" s="137"/>
      <c r="AP2830" s="137"/>
      <c r="AQ2830" s="137"/>
      <c r="AR2830" s="137"/>
      <c r="AS2830" s="137"/>
      <c r="AT2830" s="137"/>
      <c r="AU2830" s="137"/>
      <c r="AV2830" s="137"/>
      <c r="AW2830" s="144"/>
    </row>
    <row r="2831" spans="2:49" x14ac:dyDescent="0.2">
      <c r="B2831" s="97"/>
      <c r="G2831" s="43"/>
      <c r="J2831" s="98"/>
      <c r="K2831" s="97"/>
      <c r="N2831" s="3"/>
      <c r="W2831" s="98"/>
      <c r="Z2831" s="143"/>
      <c r="AA2831" s="137"/>
      <c r="AB2831" s="137"/>
      <c r="AC2831" s="137"/>
      <c r="AD2831" s="137"/>
      <c r="AE2831" s="137"/>
      <c r="AF2831" s="137"/>
      <c r="AG2831" s="137"/>
      <c r="AH2831" s="137"/>
      <c r="AI2831" s="137"/>
      <c r="AJ2831" s="137"/>
      <c r="AK2831" s="206"/>
      <c r="AL2831" s="206"/>
      <c r="AM2831" s="143"/>
      <c r="AN2831" s="137"/>
      <c r="AO2831" s="137"/>
      <c r="AP2831" s="137"/>
      <c r="AQ2831" s="137"/>
      <c r="AR2831" s="137"/>
      <c r="AS2831" s="137"/>
      <c r="AT2831" s="137"/>
      <c r="AU2831" s="137"/>
      <c r="AV2831" s="137"/>
      <c r="AW2831" s="144"/>
    </row>
    <row r="2832" spans="2:49" x14ac:dyDescent="0.2">
      <c r="B2832" s="97"/>
      <c r="G2832" s="43"/>
      <c r="J2832" s="98"/>
      <c r="K2832" s="97"/>
      <c r="N2832" s="3"/>
      <c r="W2832" s="98"/>
      <c r="Z2832" s="143"/>
      <c r="AA2832" s="137"/>
      <c r="AB2832" s="137"/>
      <c r="AC2832" s="137"/>
      <c r="AD2832" s="137"/>
      <c r="AE2832" s="137"/>
      <c r="AF2832" s="137"/>
      <c r="AG2832" s="137"/>
      <c r="AH2832" s="137"/>
      <c r="AI2832" s="137"/>
      <c r="AJ2832" s="137"/>
      <c r="AK2832" s="206"/>
      <c r="AL2832" s="206"/>
      <c r="AM2832" s="143"/>
      <c r="AN2832" s="137"/>
      <c r="AO2832" s="137"/>
      <c r="AP2832" s="137"/>
      <c r="AQ2832" s="137"/>
      <c r="AR2832" s="137"/>
      <c r="AS2832" s="137"/>
      <c r="AT2832" s="137"/>
      <c r="AU2832" s="137"/>
      <c r="AV2832" s="137"/>
      <c r="AW2832" s="144"/>
    </row>
    <row r="2833" spans="2:49" x14ac:dyDescent="0.2">
      <c r="B2833" s="97"/>
      <c r="G2833" s="43"/>
      <c r="J2833" s="98"/>
      <c r="K2833" s="97"/>
      <c r="N2833" s="3"/>
      <c r="W2833" s="98"/>
      <c r="Z2833" s="143"/>
      <c r="AA2833" s="137"/>
      <c r="AB2833" s="137"/>
      <c r="AC2833" s="137"/>
      <c r="AD2833" s="137"/>
      <c r="AE2833" s="137"/>
      <c r="AF2833" s="137"/>
      <c r="AG2833" s="137"/>
      <c r="AH2833" s="137"/>
      <c r="AI2833" s="137"/>
      <c r="AJ2833" s="137"/>
      <c r="AK2833" s="206"/>
      <c r="AL2833" s="206"/>
      <c r="AM2833" s="143"/>
      <c r="AN2833" s="137"/>
      <c r="AO2833" s="137"/>
      <c r="AP2833" s="137"/>
      <c r="AQ2833" s="137"/>
      <c r="AR2833" s="137"/>
      <c r="AS2833" s="137"/>
      <c r="AT2833" s="137"/>
      <c r="AU2833" s="137"/>
      <c r="AV2833" s="137"/>
      <c r="AW2833" s="144"/>
    </row>
    <row r="2834" spans="2:49" x14ac:dyDescent="0.2">
      <c r="B2834" s="97"/>
      <c r="G2834" s="43"/>
      <c r="J2834" s="98"/>
      <c r="K2834" s="97"/>
      <c r="N2834" s="3"/>
      <c r="W2834" s="98"/>
      <c r="Z2834" s="143"/>
      <c r="AA2834" s="137"/>
      <c r="AB2834" s="137"/>
      <c r="AC2834" s="137"/>
      <c r="AD2834" s="137"/>
      <c r="AE2834" s="137"/>
      <c r="AF2834" s="137"/>
      <c r="AG2834" s="137"/>
      <c r="AH2834" s="137"/>
      <c r="AI2834" s="137"/>
      <c r="AJ2834" s="137"/>
      <c r="AK2834" s="206"/>
      <c r="AL2834" s="206"/>
      <c r="AM2834" s="143"/>
      <c r="AN2834" s="137"/>
      <c r="AO2834" s="137"/>
      <c r="AP2834" s="137"/>
      <c r="AQ2834" s="137"/>
      <c r="AR2834" s="137"/>
      <c r="AS2834" s="137"/>
      <c r="AT2834" s="137"/>
      <c r="AU2834" s="137"/>
      <c r="AV2834" s="137"/>
      <c r="AW2834" s="144"/>
    </row>
    <row r="2835" spans="2:49" x14ac:dyDescent="0.2">
      <c r="B2835" s="97"/>
      <c r="G2835" s="43"/>
      <c r="J2835" s="98"/>
      <c r="K2835" s="97"/>
      <c r="N2835" s="3"/>
      <c r="W2835" s="98"/>
      <c r="Z2835" s="143"/>
      <c r="AA2835" s="137"/>
      <c r="AB2835" s="137"/>
      <c r="AC2835" s="137"/>
      <c r="AD2835" s="137"/>
      <c r="AE2835" s="137"/>
      <c r="AF2835" s="137"/>
      <c r="AG2835" s="137"/>
      <c r="AH2835" s="137"/>
      <c r="AI2835" s="137"/>
      <c r="AJ2835" s="137"/>
      <c r="AK2835" s="206"/>
      <c r="AL2835" s="206"/>
      <c r="AM2835" s="143"/>
      <c r="AN2835" s="137"/>
      <c r="AO2835" s="137"/>
      <c r="AP2835" s="137"/>
      <c r="AQ2835" s="137"/>
      <c r="AR2835" s="137"/>
      <c r="AS2835" s="137"/>
      <c r="AT2835" s="137"/>
      <c r="AU2835" s="137"/>
      <c r="AV2835" s="137"/>
      <c r="AW2835" s="144"/>
    </row>
    <row r="2836" spans="2:49" x14ac:dyDescent="0.2">
      <c r="B2836" s="97"/>
      <c r="G2836" s="43"/>
      <c r="J2836" s="98"/>
      <c r="K2836" s="97"/>
      <c r="N2836" s="3"/>
      <c r="W2836" s="98"/>
      <c r="Z2836" s="143"/>
      <c r="AA2836" s="137"/>
      <c r="AB2836" s="137"/>
      <c r="AC2836" s="137"/>
      <c r="AD2836" s="137"/>
      <c r="AE2836" s="137"/>
      <c r="AF2836" s="137"/>
      <c r="AG2836" s="137"/>
      <c r="AH2836" s="137"/>
      <c r="AI2836" s="137"/>
      <c r="AJ2836" s="137"/>
      <c r="AK2836" s="206"/>
      <c r="AL2836" s="206"/>
      <c r="AM2836" s="143"/>
      <c r="AN2836" s="137"/>
      <c r="AO2836" s="137"/>
      <c r="AP2836" s="137"/>
      <c r="AQ2836" s="137"/>
      <c r="AR2836" s="137"/>
      <c r="AS2836" s="137"/>
      <c r="AT2836" s="137"/>
      <c r="AU2836" s="137"/>
      <c r="AV2836" s="137"/>
      <c r="AW2836" s="144"/>
    </row>
    <row r="2837" spans="2:49" x14ac:dyDescent="0.2">
      <c r="B2837" s="97"/>
      <c r="G2837" s="43"/>
      <c r="J2837" s="98"/>
      <c r="K2837" s="97"/>
      <c r="N2837" s="3"/>
      <c r="W2837" s="98"/>
      <c r="Z2837" s="143"/>
      <c r="AA2837" s="137"/>
      <c r="AB2837" s="137"/>
      <c r="AC2837" s="137"/>
      <c r="AD2837" s="137"/>
      <c r="AE2837" s="137"/>
      <c r="AF2837" s="137"/>
      <c r="AG2837" s="137"/>
      <c r="AH2837" s="137"/>
      <c r="AI2837" s="137"/>
      <c r="AJ2837" s="137"/>
      <c r="AK2837" s="206"/>
      <c r="AL2837" s="206"/>
      <c r="AM2837" s="143"/>
      <c r="AN2837" s="137"/>
      <c r="AO2837" s="137"/>
      <c r="AP2837" s="137"/>
      <c r="AQ2837" s="137"/>
      <c r="AR2837" s="137"/>
      <c r="AS2837" s="137"/>
      <c r="AT2837" s="137"/>
      <c r="AU2837" s="137"/>
      <c r="AV2837" s="137"/>
      <c r="AW2837" s="144"/>
    </row>
    <row r="2838" spans="2:49" x14ac:dyDescent="0.2">
      <c r="B2838" s="97"/>
      <c r="G2838" s="43"/>
      <c r="J2838" s="98"/>
      <c r="K2838" s="97"/>
      <c r="N2838" s="3"/>
      <c r="W2838" s="98"/>
      <c r="Z2838" s="143"/>
      <c r="AA2838" s="137"/>
      <c r="AB2838" s="137"/>
      <c r="AC2838" s="137"/>
      <c r="AD2838" s="137"/>
      <c r="AE2838" s="137"/>
      <c r="AF2838" s="137"/>
      <c r="AG2838" s="137"/>
      <c r="AH2838" s="137"/>
      <c r="AI2838" s="137"/>
      <c r="AJ2838" s="137"/>
      <c r="AK2838" s="206"/>
      <c r="AL2838" s="206"/>
      <c r="AM2838" s="143"/>
      <c r="AN2838" s="137"/>
      <c r="AO2838" s="137"/>
      <c r="AP2838" s="137"/>
      <c r="AQ2838" s="137"/>
      <c r="AR2838" s="137"/>
      <c r="AS2838" s="137"/>
      <c r="AT2838" s="137"/>
      <c r="AU2838" s="137"/>
      <c r="AV2838" s="137"/>
      <c r="AW2838" s="144"/>
    </row>
    <row r="2839" spans="2:49" x14ac:dyDescent="0.2">
      <c r="B2839" s="97"/>
      <c r="G2839" s="43"/>
      <c r="J2839" s="98"/>
      <c r="K2839" s="97"/>
      <c r="N2839" s="3"/>
      <c r="W2839" s="98"/>
      <c r="Z2839" s="143"/>
      <c r="AA2839" s="137"/>
      <c r="AB2839" s="137"/>
      <c r="AC2839" s="137"/>
      <c r="AD2839" s="137"/>
      <c r="AE2839" s="137"/>
      <c r="AF2839" s="137"/>
      <c r="AG2839" s="137"/>
      <c r="AH2839" s="137"/>
      <c r="AI2839" s="137"/>
      <c r="AJ2839" s="137"/>
      <c r="AK2839" s="206"/>
      <c r="AL2839" s="206"/>
      <c r="AM2839" s="143"/>
      <c r="AN2839" s="137"/>
      <c r="AO2839" s="137"/>
      <c r="AP2839" s="137"/>
      <c r="AQ2839" s="137"/>
      <c r="AR2839" s="137"/>
      <c r="AS2839" s="137"/>
      <c r="AT2839" s="137"/>
      <c r="AU2839" s="137"/>
      <c r="AV2839" s="137"/>
      <c r="AW2839" s="144"/>
    </row>
    <row r="2840" spans="2:49" x14ac:dyDescent="0.2">
      <c r="B2840" s="97"/>
      <c r="G2840" s="43"/>
      <c r="J2840" s="98"/>
      <c r="K2840" s="97"/>
      <c r="N2840" s="3"/>
      <c r="W2840" s="98"/>
      <c r="Z2840" s="143"/>
      <c r="AA2840" s="137"/>
      <c r="AB2840" s="137"/>
      <c r="AC2840" s="137"/>
      <c r="AD2840" s="137"/>
      <c r="AE2840" s="137"/>
      <c r="AF2840" s="137"/>
      <c r="AG2840" s="137"/>
      <c r="AH2840" s="137"/>
      <c r="AI2840" s="137"/>
      <c r="AJ2840" s="137"/>
      <c r="AK2840" s="206"/>
      <c r="AL2840" s="206"/>
      <c r="AM2840" s="143"/>
      <c r="AN2840" s="137"/>
      <c r="AO2840" s="137"/>
      <c r="AP2840" s="137"/>
      <c r="AQ2840" s="137"/>
      <c r="AR2840" s="137"/>
      <c r="AS2840" s="137"/>
      <c r="AT2840" s="137"/>
      <c r="AU2840" s="137"/>
      <c r="AV2840" s="137"/>
      <c r="AW2840" s="144"/>
    </row>
    <row r="2841" spans="2:49" x14ac:dyDescent="0.2">
      <c r="B2841" s="97"/>
      <c r="G2841" s="43"/>
      <c r="J2841" s="98"/>
      <c r="K2841" s="97"/>
      <c r="N2841" s="3"/>
      <c r="W2841" s="98"/>
      <c r="Z2841" s="143"/>
      <c r="AA2841" s="137"/>
      <c r="AB2841" s="137"/>
      <c r="AC2841" s="137"/>
      <c r="AD2841" s="137"/>
      <c r="AE2841" s="137"/>
      <c r="AF2841" s="137"/>
      <c r="AG2841" s="137"/>
      <c r="AH2841" s="137"/>
      <c r="AI2841" s="137"/>
      <c r="AJ2841" s="137"/>
      <c r="AK2841" s="206"/>
      <c r="AL2841" s="206"/>
      <c r="AM2841" s="143"/>
      <c r="AN2841" s="137"/>
      <c r="AO2841" s="137"/>
      <c r="AP2841" s="137"/>
      <c r="AQ2841" s="137"/>
      <c r="AR2841" s="137"/>
      <c r="AS2841" s="137"/>
      <c r="AT2841" s="137"/>
      <c r="AU2841" s="137"/>
      <c r="AV2841" s="137"/>
      <c r="AW2841" s="144"/>
    </row>
    <row r="2842" spans="2:49" x14ac:dyDescent="0.2">
      <c r="B2842" s="97"/>
      <c r="G2842" s="43"/>
      <c r="J2842" s="98"/>
      <c r="K2842" s="97"/>
      <c r="N2842" s="3"/>
      <c r="W2842" s="98"/>
      <c r="Z2842" s="143"/>
      <c r="AA2842" s="137"/>
      <c r="AB2842" s="137"/>
      <c r="AC2842" s="137"/>
      <c r="AD2842" s="137"/>
      <c r="AE2842" s="137"/>
      <c r="AF2842" s="137"/>
      <c r="AG2842" s="137"/>
      <c r="AH2842" s="137"/>
      <c r="AI2842" s="137"/>
      <c r="AJ2842" s="137"/>
      <c r="AK2842" s="206"/>
      <c r="AL2842" s="206"/>
      <c r="AM2842" s="143"/>
      <c r="AN2842" s="137"/>
      <c r="AO2842" s="137"/>
      <c r="AP2842" s="137"/>
      <c r="AQ2842" s="137"/>
      <c r="AR2842" s="137"/>
      <c r="AS2842" s="137"/>
      <c r="AT2842" s="137"/>
      <c r="AU2842" s="137"/>
      <c r="AV2842" s="137"/>
      <c r="AW2842" s="144"/>
    </row>
    <row r="2843" spans="2:49" x14ac:dyDescent="0.2">
      <c r="B2843" s="97"/>
      <c r="G2843" s="43"/>
      <c r="J2843" s="98"/>
      <c r="K2843" s="97"/>
      <c r="N2843" s="3"/>
      <c r="W2843" s="98"/>
      <c r="Z2843" s="143"/>
      <c r="AA2843" s="137"/>
      <c r="AB2843" s="137"/>
      <c r="AC2843" s="137"/>
      <c r="AD2843" s="137"/>
      <c r="AE2843" s="137"/>
      <c r="AF2843" s="137"/>
      <c r="AG2843" s="137"/>
      <c r="AH2843" s="137"/>
      <c r="AI2843" s="137"/>
      <c r="AJ2843" s="137"/>
      <c r="AK2843" s="206"/>
      <c r="AL2843" s="206"/>
      <c r="AM2843" s="143"/>
      <c r="AN2843" s="137"/>
      <c r="AO2843" s="137"/>
      <c r="AP2843" s="137"/>
      <c r="AQ2843" s="137"/>
      <c r="AR2843" s="137"/>
      <c r="AS2843" s="137"/>
      <c r="AT2843" s="137"/>
      <c r="AU2843" s="137"/>
      <c r="AV2843" s="137"/>
      <c r="AW2843" s="144"/>
    </row>
    <row r="2844" spans="2:49" x14ac:dyDescent="0.2">
      <c r="B2844" s="97"/>
      <c r="G2844" s="43"/>
      <c r="J2844" s="98"/>
      <c r="K2844" s="97"/>
      <c r="N2844" s="3"/>
      <c r="W2844" s="98"/>
      <c r="Z2844" s="143"/>
      <c r="AA2844" s="137"/>
      <c r="AB2844" s="137"/>
      <c r="AC2844" s="137"/>
      <c r="AD2844" s="137"/>
      <c r="AE2844" s="137"/>
      <c r="AF2844" s="137"/>
      <c r="AG2844" s="137"/>
      <c r="AH2844" s="137"/>
      <c r="AI2844" s="137"/>
      <c r="AJ2844" s="137"/>
      <c r="AK2844" s="206"/>
      <c r="AL2844" s="206"/>
      <c r="AM2844" s="143"/>
      <c r="AN2844" s="137"/>
      <c r="AO2844" s="137"/>
      <c r="AP2844" s="137"/>
      <c r="AQ2844" s="137"/>
      <c r="AR2844" s="137"/>
      <c r="AS2844" s="137"/>
      <c r="AT2844" s="137"/>
      <c r="AU2844" s="137"/>
      <c r="AV2844" s="137"/>
      <c r="AW2844" s="144"/>
    </row>
    <row r="2845" spans="2:49" x14ac:dyDescent="0.2">
      <c r="B2845" s="97"/>
      <c r="G2845" s="43"/>
      <c r="J2845" s="98"/>
      <c r="K2845" s="97"/>
      <c r="N2845" s="3"/>
      <c r="W2845" s="98"/>
      <c r="Z2845" s="143"/>
      <c r="AA2845" s="137"/>
      <c r="AB2845" s="137"/>
      <c r="AC2845" s="137"/>
      <c r="AD2845" s="137"/>
      <c r="AE2845" s="137"/>
      <c r="AF2845" s="137"/>
      <c r="AG2845" s="137"/>
      <c r="AH2845" s="137"/>
      <c r="AI2845" s="137"/>
      <c r="AJ2845" s="137"/>
      <c r="AK2845" s="206"/>
      <c r="AL2845" s="206"/>
      <c r="AM2845" s="143"/>
      <c r="AN2845" s="137"/>
      <c r="AO2845" s="137"/>
      <c r="AP2845" s="137"/>
      <c r="AQ2845" s="137"/>
      <c r="AR2845" s="137"/>
      <c r="AS2845" s="137"/>
      <c r="AT2845" s="137"/>
      <c r="AU2845" s="137"/>
      <c r="AV2845" s="137"/>
      <c r="AW2845" s="144"/>
    </row>
    <row r="2846" spans="2:49" x14ac:dyDescent="0.2">
      <c r="B2846" s="97"/>
      <c r="G2846" s="43"/>
      <c r="J2846" s="98"/>
      <c r="K2846" s="97"/>
      <c r="N2846" s="3"/>
      <c r="W2846" s="98"/>
      <c r="Z2846" s="143"/>
      <c r="AA2846" s="137"/>
      <c r="AB2846" s="137"/>
      <c r="AC2846" s="137"/>
      <c r="AD2846" s="137"/>
      <c r="AE2846" s="137"/>
      <c r="AF2846" s="137"/>
      <c r="AG2846" s="137"/>
      <c r="AH2846" s="137"/>
      <c r="AI2846" s="137"/>
      <c r="AJ2846" s="137"/>
      <c r="AK2846" s="206"/>
      <c r="AL2846" s="206"/>
      <c r="AM2846" s="143"/>
      <c r="AN2846" s="137"/>
      <c r="AO2846" s="137"/>
      <c r="AP2846" s="137"/>
      <c r="AQ2846" s="137"/>
      <c r="AR2846" s="137"/>
      <c r="AS2846" s="137"/>
      <c r="AT2846" s="137"/>
      <c r="AU2846" s="137"/>
      <c r="AV2846" s="137"/>
      <c r="AW2846" s="144"/>
    </row>
    <row r="2847" spans="2:49" x14ac:dyDescent="0.2">
      <c r="B2847" s="97"/>
      <c r="G2847" s="43"/>
      <c r="J2847" s="98"/>
      <c r="K2847" s="97"/>
      <c r="N2847" s="3"/>
      <c r="W2847" s="98"/>
      <c r="Z2847" s="143"/>
      <c r="AA2847" s="137"/>
      <c r="AB2847" s="137"/>
      <c r="AC2847" s="137"/>
      <c r="AD2847" s="137"/>
      <c r="AE2847" s="137"/>
      <c r="AF2847" s="137"/>
      <c r="AG2847" s="137"/>
      <c r="AH2847" s="137"/>
      <c r="AI2847" s="137"/>
      <c r="AJ2847" s="137"/>
      <c r="AK2847" s="206"/>
      <c r="AL2847" s="206"/>
      <c r="AM2847" s="143"/>
      <c r="AN2847" s="137"/>
      <c r="AO2847" s="137"/>
      <c r="AP2847" s="137"/>
      <c r="AQ2847" s="137"/>
      <c r="AR2847" s="137"/>
      <c r="AS2847" s="137"/>
      <c r="AT2847" s="137"/>
      <c r="AU2847" s="137"/>
      <c r="AV2847" s="137"/>
      <c r="AW2847" s="144"/>
    </row>
    <row r="2848" spans="2:49" x14ac:dyDescent="0.2">
      <c r="B2848" s="97"/>
      <c r="G2848" s="43"/>
      <c r="J2848" s="98"/>
      <c r="K2848" s="97"/>
      <c r="N2848" s="3"/>
      <c r="W2848" s="98"/>
      <c r="Z2848" s="143"/>
      <c r="AA2848" s="137"/>
      <c r="AB2848" s="137"/>
      <c r="AC2848" s="137"/>
      <c r="AD2848" s="137"/>
      <c r="AE2848" s="137"/>
      <c r="AF2848" s="137"/>
      <c r="AG2848" s="137"/>
      <c r="AH2848" s="137"/>
      <c r="AI2848" s="137"/>
      <c r="AJ2848" s="137"/>
      <c r="AK2848" s="206"/>
      <c r="AL2848" s="206"/>
      <c r="AM2848" s="143"/>
      <c r="AN2848" s="137"/>
      <c r="AO2848" s="137"/>
      <c r="AP2848" s="137"/>
      <c r="AQ2848" s="137"/>
      <c r="AR2848" s="137"/>
      <c r="AS2848" s="137"/>
      <c r="AT2848" s="137"/>
      <c r="AU2848" s="137"/>
      <c r="AV2848" s="137"/>
      <c r="AW2848" s="144"/>
    </row>
    <row r="2849" spans="2:49" x14ac:dyDescent="0.2">
      <c r="B2849" s="97"/>
      <c r="G2849" s="43"/>
      <c r="J2849" s="98"/>
      <c r="K2849" s="97"/>
      <c r="N2849" s="3"/>
      <c r="W2849" s="98"/>
      <c r="Z2849" s="143"/>
      <c r="AA2849" s="137"/>
      <c r="AB2849" s="137"/>
      <c r="AC2849" s="137"/>
      <c r="AD2849" s="137"/>
      <c r="AE2849" s="137"/>
      <c r="AF2849" s="137"/>
      <c r="AG2849" s="137"/>
      <c r="AH2849" s="137"/>
      <c r="AI2849" s="137"/>
      <c r="AJ2849" s="137"/>
      <c r="AK2849" s="206"/>
      <c r="AL2849" s="206"/>
      <c r="AM2849" s="143"/>
      <c r="AN2849" s="137"/>
      <c r="AO2849" s="137"/>
      <c r="AP2849" s="137"/>
      <c r="AQ2849" s="137"/>
      <c r="AR2849" s="137"/>
      <c r="AS2849" s="137"/>
      <c r="AT2849" s="137"/>
      <c r="AU2849" s="137"/>
      <c r="AV2849" s="137"/>
      <c r="AW2849" s="144"/>
    </row>
    <row r="2850" spans="2:49" x14ac:dyDescent="0.2">
      <c r="B2850" s="97"/>
      <c r="G2850" s="43"/>
      <c r="J2850" s="98"/>
      <c r="K2850" s="97"/>
      <c r="N2850" s="3"/>
      <c r="W2850" s="98"/>
      <c r="Z2850" s="143"/>
      <c r="AA2850" s="137"/>
      <c r="AB2850" s="137"/>
      <c r="AC2850" s="137"/>
      <c r="AD2850" s="137"/>
      <c r="AE2850" s="137"/>
      <c r="AF2850" s="137"/>
      <c r="AG2850" s="137"/>
      <c r="AH2850" s="137"/>
      <c r="AI2850" s="137"/>
      <c r="AJ2850" s="137"/>
      <c r="AK2850" s="206"/>
      <c r="AL2850" s="206"/>
      <c r="AM2850" s="143"/>
      <c r="AN2850" s="137"/>
      <c r="AO2850" s="137"/>
      <c r="AP2850" s="137"/>
      <c r="AQ2850" s="137"/>
      <c r="AR2850" s="137"/>
      <c r="AS2850" s="137"/>
      <c r="AT2850" s="137"/>
      <c r="AU2850" s="137"/>
      <c r="AV2850" s="137"/>
      <c r="AW2850" s="144"/>
    </row>
    <row r="2851" spans="2:49" x14ac:dyDescent="0.2">
      <c r="B2851" s="97"/>
      <c r="G2851" s="43"/>
      <c r="J2851" s="98"/>
      <c r="K2851" s="97"/>
      <c r="N2851" s="3"/>
      <c r="W2851" s="98"/>
      <c r="Z2851" s="143"/>
      <c r="AA2851" s="137"/>
      <c r="AB2851" s="137"/>
      <c r="AC2851" s="137"/>
      <c r="AD2851" s="137"/>
      <c r="AE2851" s="137"/>
      <c r="AF2851" s="137"/>
      <c r="AG2851" s="137"/>
      <c r="AH2851" s="137"/>
      <c r="AI2851" s="137"/>
      <c r="AJ2851" s="137"/>
      <c r="AK2851" s="206"/>
      <c r="AL2851" s="206"/>
      <c r="AM2851" s="143"/>
      <c r="AN2851" s="137"/>
      <c r="AO2851" s="137"/>
      <c r="AP2851" s="137"/>
      <c r="AQ2851" s="137"/>
      <c r="AR2851" s="137"/>
      <c r="AS2851" s="137"/>
      <c r="AT2851" s="137"/>
      <c r="AU2851" s="137"/>
      <c r="AV2851" s="137"/>
      <c r="AW2851" s="144"/>
    </row>
    <row r="2852" spans="2:49" x14ac:dyDescent="0.2">
      <c r="B2852" s="97"/>
      <c r="G2852" s="43"/>
      <c r="J2852" s="98"/>
      <c r="K2852" s="97"/>
      <c r="N2852" s="3"/>
      <c r="W2852" s="98"/>
      <c r="Z2852" s="143"/>
      <c r="AA2852" s="137"/>
      <c r="AB2852" s="137"/>
      <c r="AC2852" s="137"/>
      <c r="AD2852" s="137"/>
      <c r="AE2852" s="137"/>
      <c r="AF2852" s="137"/>
      <c r="AG2852" s="137"/>
      <c r="AH2852" s="137"/>
      <c r="AI2852" s="137"/>
      <c r="AJ2852" s="137"/>
      <c r="AK2852" s="206"/>
      <c r="AL2852" s="206"/>
      <c r="AM2852" s="143"/>
      <c r="AN2852" s="137"/>
      <c r="AO2852" s="137"/>
      <c r="AP2852" s="137"/>
      <c r="AQ2852" s="137"/>
      <c r="AR2852" s="137"/>
      <c r="AS2852" s="137"/>
      <c r="AT2852" s="137"/>
      <c r="AU2852" s="137"/>
      <c r="AV2852" s="137"/>
      <c r="AW2852" s="144"/>
    </row>
    <row r="2853" spans="2:49" x14ac:dyDescent="0.2">
      <c r="B2853" s="97"/>
      <c r="G2853" s="43"/>
      <c r="J2853" s="98"/>
      <c r="K2853" s="97"/>
      <c r="N2853" s="3"/>
      <c r="W2853" s="98"/>
      <c r="Z2853" s="143"/>
      <c r="AA2853" s="137"/>
      <c r="AB2853" s="137"/>
      <c r="AC2853" s="137"/>
      <c r="AD2853" s="137"/>
      <c r="AE2853" s="137"/>
      <c r="AF2853" s="137"/>
      <c r="AG2853" s="137"/>
      <c r="AH2853" s="137"/>
      <c r="AI2853" s="137"/>
      <c r="AJ2853" s="137"/>
      <c r="AK2853" s="206"/>
      <c r="AL2853" s="206"/>
      <c r="AM2853" s="143"/>
      <c r="AN2853" s="137"/>
      <c r="AO2853" s="137"/>
      <c r="AP2853" s="137"/>
      <c r="AQ2853" s="137"/>
      <c r="AR2853" s="137"/>
      <c r="AS2853" s="137"/>
      <c r="AT2853" s="137"/>
      <c r="AU2853" s="137"/>
      <c r="AV2853" s="137"/>
      <c r="AW2853" s="144"/>
    </row>
    <row r="2854" spans="2:49" x14ac:dyDescent="0.2">
      <c r="B2854" s="97"/>
      <c r="G2854" s="43"/>
      <c r="J2854" s="98"/>
      <c r="K2854" s="97"/>
      <c r="N2854" s="3"/>
      <c r="W2854" s="98"/>
      <c r="Z2854" s="143"/>
      <c r="AA2854" s="137"/>
      <c r="AB2854" s="137"/>
      <c r="AC2854" s="137"/>
      <c r="AD2854" s="137"/>
      <c r="AE2854" s="137"/>
      <c r="AF2854" s="137"/>
      <c r="AG2854" s="137"/>
      <c r="AH2854" s="137"/>
      <c r="AI2854" s="137"/>
      <c r="AJ2854" s="137"/>
      <c r="AK2854" s="206"/>
      <c r="AL2854" s="206"/>
      <c r="AM2854" s="143"/>
      <c r="AN2854" s="137"/>
      <c r="AO2854" s="137"/>
      <c r="AP2854" s="137"/>
      <c r="AQ2854" s="137"/>
      <c r="AR2854" s="137"/>
      <c r="AS2854" s="137"/>
      <c r="AT2854" s="137"/>
      <c r="AU2854" s="137"/>
      <c r="AV2854" s="137"/>
      <c r="AW2854" s="144"/>
    </row>
    <row r="2855" spans="2:49" x14ac:dyDescent="0.2">
      <c r="B2855" s="97"/>
      <c r="G2855" s="43"/>
      <c r="J2855" s="98"/>
      <c r="K2855" s="97"/>
      <c r="N2855" s="3"/>
      <c r="W2855" s="98"/>
      <c r="Z2855" s="143"/>
      <c r="AA2855" s="137"/>
      <c r="AB2855" s="137"/>
      <c r="AC2855" s="137"/>
      <c r="AD2855" s="137"/>
      <c r="AE2855" s="137"/>
      <c r="AF2855" s="137"/>
      <c r="AG2855" s="137"/>
      <c r="AH2855" s="137"/>
      <c r="AI2855" s="137"/>
      <c r="AJ2855" s="137"/>
      <c r="AK2855" s="206"/>
      <c r="AL2855" s="206"/>
      <c r="AM2855" s="143"/>
      <c r="AN2855" s="137"/>
      <c r="AO2855" s="137"/>
      <c r="AP2855" s="137"/>
      <c r="AQ2855" s="137"/>
      <c r="AR2855" s="137"/>
      <c r="AS2855" s="137"/>
      <c r="AT2855" s="137"/>
      <c r="AU2855" s="137"/>
      <c r="AV2855" s="137"/>
      <c r="AW2855" s="144"/>
    </row>
    <row r="2856" spans="2:49" x14ac:dyDescent="0.2">
      <c r="B2856" s="97"/>
      <c r="G2856" s="43"/>
      <c r="J2856" s="98"/>
      <c r="K2856" s="97"/>
      <c r="N2856" s="3"/>
      <c r="W2856" s="98"/>
      <c r="Z2856" s="143"/>
      <c r="AA2856" s="137"/>
      <c r="AB2856" s="137"/>
      <c r="AC2856" s="137"/>
      <c r="AD2856" s="137"/>
      <c r="AE2856" s="137"/>
      <c r="AF2856" s="137"/>
      <c r="AG2856" s="137"/>
      <c r="AH2856" s="137"/>
      <c r="AI2856" s="137"/>
      <c r="AJ2856" s="137"/>
      <c r="AK2856" s="206"/>
      <c r="AL2856" s="206"/>
      <c r="AM2856" s="143"/>
      <c r="AN2856" s="137"/>
      <c r="AO2856" s="137"/>
      <c r="AP2856" s="137"/>
      <c r="AQ2856" s="137"/>
      <c r="AR2856" s="137"/>
      <c r="AS2856" s="137"/>
      <c r="AT2856" s="137"/>
      <c r="AU2856" s="137"/>
      <c r="AV2856" s="137"/>
      <c r="AW2856" s="144"/>
    </row>
    <row r="2857" spans="2:49" x14ac:dyDescent="0.2">
      <c r="B2857" s="97"/>
      <c r="G2857" s="43"/>
      <c r="J2857" s="98"/>
      <c r="K2857" s="97"/>
      <c r="N2857" s="3"/>
      <c r="W2857" s="98"/>
      <c r="Z2857" s="143"/>
      <c r="AA2857" s="137"/>
      <c r="AB2857" s="137"/>
      <c r="AC2857" s="137"/>
      <c r="AD2857" s="137"/>
      <c r="AE2857" s="137"/>
      <c r="AF2857" s="137"/>
      <c r="AG2857" s="137"/>
      <c r="AH2857" s="137"/>
      <c r="AI2857" s="137"/>
      <c r="AJ2857" s="137"/>
      <c r="AK2857" s="206"/>
      <c r="AL2857" s="206"/>
      <c r="AM2857" s="143"/>
      <c r="AN2857" s="137"/>
      <c r="AO2857" s="137"/>
      <c r="AP2857" s="137"/>
      <c r="AQ2857" s="137"/>
      <c r="AR2857" s="137"/>
      <c r="AS2857" s="137"/>
      <c r="AT2857" s="137"/>
      <c r="AU2857" s="137"/>
      <c r="AV2857" s="137"/>
      <c r="AW2857" s="144"/>
    </row>
    <row r="2858" spans="2:49" x14ac:dyDescent="0.2">
      <c r="B2858" s="97"/>
      <c r="G2858" s="43"/>
      <c r="J2858" s="98"/>
      <c r="K2858" s="97"/>
      <c r="N2858" s="3"/>
      <c r="W2858" s="98"/>
      <c r="Z2858" s="143"/>
      <c r="AA2858" s="137"/>
      <c r="AB2858" s="137"/>
      <c r="AC2858" s="137"/>
      <c r="AD2858" s="137"/>
      <c r="AE2858" s="137"/>
      <c r="AF2858" s="137"/>
      <c r="AG2858" s="137"/>
      <c r="AH2858" s="137"/>
      <c r="AI2858" s="137"/>
      <c r="AJ2858" s="137"/>
      <c r="AK2858" s="206"/>
      <c r="AL2858" s="206"/>
      <c r="AM2858" s="143"/>
      <c r="AN2858" s="137"/>
      <c r="AO2858" s="137"/>
      <c r="AP2858" s="137"/>
      <c r="AQ2858" s="137"/>
      <c r="AR2858" s="137"/>
      <c r="AS2858" s="137"/>
      <c r="AT2858" s="137"/>
      <c r="AU2858" s="137"/>
      <c r="AV2858" s="137"/>
      <c r="AW2858" s="144"/>
    </row>
    <row r="2859" spans="2:49" x14ac:dyDescent="0.2">
      <c r="B2859" s="97"/>
      <c r="G2859" s="43"/>
      <c r="J2859" s="98"/>
      <c r="K2859" s="97"/>
      <c r="N2859" s="3"/>
      <c r="W2859" s="98"/>
      <c r="Z2859" s="143"/>
      <c r="AA2859" s="137"/>
      <c r="AB2859" s="137"/>
      <c r="AC2859" s="137"/>
      <c r="AD2859" s="137"/>
      <c r="AE2859" s="137"/>
      <c r="AF2859" s="137"/>
      <c r="AG2859" s="137"/>
      <c r="AH2859" s="137"/>
      <c r="AI2859" s="137"/>
      <c r="AJ2859" s="137"/>
      <c r="AK2859" s="206"/>
      <c r="AL2859" s="206"/>
      <c r="AM2859" s="143"/>
      <c r="AN2859" s="137"/>
      <c r="AO2859" s="137"/>
      <c r="AP2859" s="137"/>
      <c r="AQ2859" s="137"/>
      <c r="AR2859" s="137"/>
      <c r="AS2859" s="137"/>
      <c r="AT2859" s="137"/>
      <c r="AU2859" s="137"/>
      <c r="AV2859" s="137"/>
      <c r="AW2859" s="144"/>
    </row>
    <row r="2860" spans="2:49" x14ac:dyDescent="0.2">
      <c r="B2860" s="97"/>
      <c r="G2860" s="43"/>
      <c r="J2860" s="98"/>
      <c r="K2860" s="97"/>
      <c r="N2860" s="3"/>
      <c r="W2860" s="98"/>
      <c r="Z2860" s="143"/>
      <c r="AA2860" s="137"/>
      <c r="AB2860" s="137"/>
      <c r="AC2860" s="137"/>
      <c r="AD2860" s="137"/>
      <c r="AE2860" s="137"/>
      <c r="AF2860" s="137"/>
      <c r="AG2860" s="137"/>
      <c r="AH2860" s="137"/>
      <c r="AI2860" s="137"/>
      <c r="AJ2860" s="137"/>
      <c r="AK2860" s="206"/>
      <c r="AL2860" s="206"/>
      <c r="AM2860" s="143"/>
      <c r="AN2860" s="137"/>
      <c r="AO2860" s="137"/>
      <c r="AP2860" s="137"/>
      <c r="AQ2860" s="137"/>
      <c r="AR2860" s="137"/>
      <c r="AS2860" s="137"/>
      <c r="AT2860" s="137"/>
      <c r="AU2860" s="137"/>
      <c r="AV2860" s="137"/>
      <c r="AW2860" s="144"/>
    </row>
    <row r="2861" spans="2:49" x14ac:dyDescent="0.2">
      <c r="B2861" s="97"/>
      <c r="J2861" s="98"/>
      <c r="K2861" s="97"/>
      <c r="N2861" s="3"/>
      <c r="W2861" s="98"/>
      <c r="Z2861" s="143"/>
      <c r="AA2861" s="137"/>
      <c r="AB2861" s="137"/>
      <c r="AC2861" s="137"/>
      <c r="AD2861" s="137"/>
      <c r="AE2861" s="137"/>
      <c r="AF2861" s="137"/>
      <c r="AG2861" s="137"/>
      <c r="AH2861" s="137"/>
      <c r="AI2861" s="137"/>
      <c r="AJ2861" s="137"/>
      <c r="AK2861" s="206"/>
      <c r="AL2861" s="206"/>
      <c r="AM2861" s="143"/>
      <c r="AN2861" s="137"/>
      <c r="AO2861" s="137"/>
      <c r="AP2861" s="137"/>
      <c r="AQ2861" s="137"/>
      <c r="AR2861" s="137"/>
      <c r="AS2861" s="137"/>
      <c r="AT2861" s="137"/>
      <c r="AU2861" s="137"/>
      <c r="AV2861" s="137"/>
      <c r="AW2861" s="144"/>
    </row>
    <row r="2862" spans="2:49" x14ac:dyDescent="0.2">
      <c r="B2862" s="97"/>
      <c r="J2862" s="98"/>
      <c r="K2862" s="97"/>
      <c r="N2862" s="3"/>
      <c r="W2862" s="98"/>
      <c r="Z2862" s="143"/>
      <c r="AA2862" s="137"/>
      <c r="AB2862" s="137"/>
      <c r="AC2862" s="137"/>
      <c r="AD2862" s="137"/>
      <c r="AE2862" s="137"/>
      <c r="AF2862" s="137"/>
      <c r="AG2862" s="137"/>
      <c r="AH2862" s="137"/>
      <c r="AI2862" s="137"/>
      <c r="AJ2862" s="137"/>
      <c r="AK2862" s="206"/>
      <c r="AL2862" s="206"/>
      <c r="AM2862" s="143"/>
      <c r="AN2862" s="137"/>
      <c r="AO2862" s="137"/>
      <c r="AP2862" s="137"/>
      <c r="AQ2862" s="137"/>
      <c r="AR2862" s="137"/>
      <c r="AS2862" s="137"/>
      <c r="AT2862" s="137"/>
      <c r="AU2862" s="137"/>
      <c r="AV2862" s="137"/>
      <c r="AW2862" s="144"/>
    </row>
    <row r="2863" spans="2:49" x14ac:dyDescent="0.2">
      <c r="B2863" s="97"/>
      <c r="J2863" s="98"/>
      <c r="K2863" s="97"/>
      <c r="N2863" s="3"/>
      <c r="W2863" s="98"/>
      <c r="Z2863" s="143"/>
      <c r="AA2863" s="137"/>
      <c r="AB2863" s="137"/>
      <c r="AC2863" s="137"/>
      <c r="AD2863" s="137"/>
      <c r="AE2863" s="137"/>
      <c r="AF2863" s="137"/>
      <c r="AG2863" s="137"/>
      <c r="AH2863" s="137"/>
      <c r="AI2863" s="137"/>
      <c r="AJ2863" s="137"/>
      <c r="AK2863" s="206"/>
      <c r="AL2863" s="206"/>
      <c r="AM2863" s="143"/>
      <c r="AN2863" s="137"/>
      <c r="AO2863" s="137"/>
      <c r="AP2863" s="137"/>
      <c r="AQ2863" s="137"/>
      <c r="AR2863" s="137"/>
      <c r="AS2863" s="137"/>
      <c r="AT2863" s="137"/>
      <c r="AU2863" s="137"/>
      <c r="AV2863" s="137"/>
      <c r="AW2863" s="144"/>
    </row>
    <row r="2864" spans="2:49" x14ac:dyDescent="0.2">
      <c r="B2864" s="97"/>
      <c r="J2864" s="98"/>
      <c r="K2864" s="97"/>
      <c r="N2864" s="3"/>
      <c r="W2864" s="98"/>
      <c r="Z2864" s="143"/>
      <c r="AA2864" s="137"/>
      <c r="AB2864" s="137"/>
      <c r="AC2864" s="137"/>
      <c r="AD2864" s="137"/>
      <c r="AE2864" s="137"/>
      <c r="AF2864" s="137"/>
      <c r="AG2864" s="137"/>
      <c r="AH2864" s="137"/>
      <c r="AI2864" s="137"/>
      <c r="AJ2864" s="137"/>
      <c r="AK2864" s="206"/>
      <c r="AL2864" s="206"/>
      <c r="AM2864" s="143"/>
      <c r="AN2864" s="137"/>
      <c r="AO2864" s="137"/>
      <c r="AP2864" s="137"/>
      <c r="AQ2864" s="137"/>
      <c r="AR2864" s="137"/>
      <c r="AS2864" s="137"/>
      <c r="AT2864" s="137"/>
      <c r="AU2864" s="137"/>
      <c r="AV2864" s="137"/>
      <c r="AW2864" s="144"/>
    </row>
    <row r="2865" spans="2:49" x14ac:dyDescent="0.2">
      <c r="B2865" s="97"/>
      <c r="J2865" s="98"/>
      <c r="K2865" s="97"/>
      <c r="N2865" s="3"/>
      <c r="W2865" s="98"/>
      <c r="Z2865" s="143"/>
      <c r="AA2865" s="137"/>
      <c r="AB2865" s="137"/>
      <c r="AC2865" s="137"/>
      <c r="AD2865" s="137"/>
      <c r="AE2865" s="137"/>
      <c r="AF2865" s="137"/>
      <c r="AG2865" s="137"/>
      <c r="AH2865" s="137"/>
      <c r="AI2865" s="137"/>
      <c r="AJ2865" s="137"/>
      <c r="AK2865" s="206"/>
      <c r="AL2865" s="206"/>
      <c r="AM2865" s="143"/>
      <c r="AN2865" s="137"/>
      <c r="AO2865" s="137"/>
      <c r="AP2865" s="137"/>
      <c r="AQ2865" s="137"/>
      <c r="AR2865" s="137"/>
      <c r="AS2865" s="137"/>
      <c r="AT2865" s="137"/>
      <c r="AU2865" s="137"/>
      <c r="AV2865" s="137"/>
      <c r="AW2865" s="144"/>
    </row>
    <row r="2866" spans="2:49" x14ac:dyDescent="0.2">
      <c r="B2866" s="97"/>
      <c r="J2866" s="98"/>
      <c r="K2866" s="97"/>
      <c r="N2866" s="3"/>
      <c r="W2866" s="98"/>
      <c r="Z2866" s="143"/>
      <c r="AA2866" s="137"/>
      <c r="AB2866" s="137"/>
      <c r="AC2866" s="137"/>
      <c r="AD2866" s="137"/>
      <c r="AE2866" s="137"/>
      <c r="AF2866" s="137"/>
      <c r="AG2866" s="137"/>
      <c r="AH2866" s="137"/>
      <c r="AI2866" s="137"/>
      <c r="AJ2866" s="137"/>
      <c r="AK2866" s="206"/>
      <c r="AL2866" s="206"/>
      <c r="AM2866" s="143"/>
      <c r="AN2866" s="137"/>
      <c r="AO2866" s="137"/>
      <c r="AP2866" s="137"/>
      <c r="AQ2866" s="137"/>
      <c r="AR2866" s="137"/>
      <c r="AS2866" s="137"/>
      <c r="AT2866" s="137"/>
      <c r="AU2866" s="137"/>
      <c r="AV2866" s="137"/>
      <c r="AW2866" s="144"/>
    </row>
    <row r="2867" spans="2:49" x14ac:dyDescent="0.2">
      <c r="B2867" s="97"/>
      <c r="J2867" s="98"/>
      <c r="K2867" s="97"/>
      <c r="N2867" s="3"/>
      <c r="W2867" s="98"/>
      <c r="Z2867" s="143"/>
      <c r="AA2867" s="137"/>
      <c r="AB2867" s="137"/>
      <c r="AC2867" s="137"/>
      <c r="AD2867" s="137"/>
      <c r="AE2867" s="137"/>
      <c r="AF2867" s="137"/>
      <c r="AG2867" s="137"/>
      <c r="AH2867" s="137"/>
      <c r="AI2867" s="137"/>
      <c r="AJ2867" s="137"/>
      <c r="AK2867" s="206"/>
      <c r="AL2867" s="206"/>
      <c r="AM2867" s="143"/>
      <c r="AN2867" s="137"/>
      <c r="AO2867" s="137"/>
      <c r="AP2867" s="137"/>
      <c r="AQ2867" s="137"/>
      <c r="AR2867" s="137"/>
      <c r="AS2867" s="137"/>
      <c r="AT2867" s="137"/>
      <c r="AU2867" s="137"/>
      <c r="AV2867" s="137"/>
      <c r="AW2867" s="144"/>
    </row>
    <row r="2868" spans="2:49" x14ac:dyDescent="0.2">
      <c r="B2868" s="97"/>
      <c r="J2868" s="98"/>
      <c r="K2868" s="97"/>
      <c r="N2868" s="3"/>
      <c r="W2868" s="98"/>
      <c r="Z2868" s="143"/>
      <c r="AA2868" s="137"/>
      <c r="AB2868" s="137"/>
      <c r="AC2868" s="137"/>
      <c r="AD2868" s="137"/>
      <c r="AE2868" s="137"/>
      <c r="AF2868" s="137"/>
      <c r="AG2868" s="137"/>
      <c r="AH2868" s="137"/>
      <c r="AI2868" s="137"/>
      <c r="AJ2868" s="137"/>
      <c r="AK2868" s="206"/>
      <c r="AL2868" s="206"/>
      <c r="AM2868" s="143"/>
      <c r="AN2868" s="137"/>
      <c r="AO2868" s="137"/>
      <c r="AP2868" s="137"/>
      <c r="AQ2868" s="137"/>
      <c r="AR2868" s="137"/>
      <c r="AS2868" s="137"/>
      <c r="AT2868" s="137"/>
      <c r="AU2868" s="137"/>
      <c r="AV2868" s="137"/>
      <c r="AW2868" s="144"/>
    </row>
    <row r="2869" spans="2:49" x14ac:dyDescent="0.2">
      <c r="B2869" s="97"/>
      <c r="J2869" s="98"/>
      <c r="K2869" s="97"/>
      <c r="N2869" s="3"/>
      <c r="W2869" s="98"/>
      <c r="Z2869" s="143"/>
      <c r="AA2869" s="137"/>
      <c r="AB2869" s="137"/>
      <c r="AC2869" s="137"/>
      <c r="AD2869" s="137"/>
      <c r="AE2869" s="137"/>
      <c r="AF2869" s="137"/>
      <c r="AG2869" s="137"/>
      <c r="AH2869" s="137"/>
      <c r="AI2869" s="137"/>
      <c r="AJ2869" s="137"/>
      <c r="AK2869" s="206"/>
      <c r="AL2869" s="206"/>
      <c r="AM2869" s="143"/>
      <c r="AN2869" s="137"/>
      <c r="AO2869" s="137"/>
      <c r="AP2869" s="137"/>
      <c r="AQ2869" s="137"/>
      <c r="AR2869" s="137"/>
      <c r="AS2869" s="137"/>
      <c r="AT2869" s="137"/>
      <c r="AU2869" s="137"/>
      <c r="AV2869" s="137"/>
      <c r="AW2869" s="144"/>
    </row>
    <row r="2870" spans="2:49" x14ac:dyDescent="0.2">
      <c r="B2870" s="97"/>
      <c r="J2870" s="98"/>
      <c r="K2870" s="97"/>
      <c r="N2870" s="3"/>
      <c r="W2870" s="98"/>
      <c r="Z2870" s="143"/>
      <c r="AA2870" s="137"/>
      <c r="AB2870" s="137"/>
      <c r="AC2870" s="137"/>
      <c r="AD2870" s="137"/>
      <c r="AE2870" s="137"/>
      <c r="AF2870" s="137"/>
      <c r="AG2870" s="137"/>
      <c r="AH2870" s="137"/>
      <c r="AI2870" s="137"/>
      <c r="AJ2870" s="137"/>
      <c r="AK2870" s="206"/>
      <c r="AL2870" s="206"/>
      <c r="AM2870" s="143"/>
      <c r="AN2870" s="137"/>
      <c r="AO2870" s="137"/>
      <c r="AP2870" s="137"/>
      <c r="AQ2870" s="137"/>
      <c r="AR2870" s="137"/>
      <c r="AS2870" s="137"/>
      <c r="AT2870" s="137"/>
      <c r="AU2870" s="137"/>
      <c r="AV2870" s="137"/>
      <c r="AW2870" s="144"/>
    </row>
    <row r="2871" spans="2:49" x14ac:dyDescent="0.2">
      <c r="B2871" s="97"/>
      <c r="J2871" s="98"/>
      <c r="K2871" s="97"/>
      <c r="N2871" s="3"/>
      <c r="W2871" s="98"/>
      <c r="Z2871" s="143"/>
      <c r="AA2871" s="137"/>
      <c r="AB2871" s="137"/>
      <c r="AC2871" s="137"/>
      <c r="AD2871" s="137"/>
      <c r="AE2871" s="137"/>
      <c r="AF2871" s="137"/>
      <c r="AG2871" s="137"/>
      <c r="AH2871" s="137"/>
      <c r="AI2871" s="137"/>
      <c r="AJ2871" s="137"/>
      <c r="AK2871" s="206"/>
      <c r="AL2871" s="206"/>
      <c r="AM2871" s="143"/>
      <c r="AN2871" s="137"/>
      <c r="AO2871" s="137"/>
      <c r="AP2871" s="137"/>
      <c r="AQ2871" s="137"/>
      <c r="AR2871" s="137"/>
      <c r="AS2871" s="137"/>
      <c r="AT2871" s="137"/>
      <c r="AU2871" s="137"/>
      <c r="AV2871" s="137"/>
      <c r="AW2871" s="144"/>
    </row>
    <row r="2872" spans="2:49" x14ac:dyDescent="0.2">
      <c r="B2872" s="97"/>
      <c r="J2872" s="98"/>
      <c r="K2872" s="97"/>
      <c r="N2872" s="3"/>
      <c r="W2872" s="98"/>
      <c r="Z2872" s="143"/>
      <c r="AA2872" s="137"/>
      <c r="AB2872" s="137"/>
      <c r="AC2872" s="137"/>
      <c r="AD2872" s="137"/>
      <c r="AE2872" s="137"/>
      <c r="AF2872" s="137"/>
      <c r="AG2872" s="137"/>
      <c r="AH2872" s="137"/>
      <c r="AI2872" s="137"/>
      <c r="AJ2872" s="137"/>
      <c r="AK2872" s="206"/>
      <c r="AL2872" s="206"/>
      <c r="AM2872" s="143"/>
      <c r="AN2872" s="137"/>
      <c r="AO2872" s="137"/>
      <c r="AP2872" s="137"/>
      <c r="AQ2872" s="137"/>
      <c r="AR2872" s="137"/>
      <c r="AS2872" s="137"/>
      <c r="AT2872" s="137"/>
      <c r="AU2872" s="137"/>
      <c r="AV2872" s="137"/>
      <c r="AW2872" s="144"/>
    </row>
    <row r="2873" spans="2:49" x14ac:dyDescent="0.2">
      <c r="B2873" s="97"/>
      <c r="J2873" s="98"/>
      <c r="K2873" s="97"/>
      <c r="N2873" s="3"/>
      <c r="W2873" s="98"/>
      <c r="Z2873" s="143"/>
      <c r="AA2873" s="137"/>
      <c r="AB2873" s="137"/>
      <c r="AC2873" s="137"/>
      <c r="AD2873" s="137"/>
      <c r="AE2873" s="137"/>
      <c r="AF2873" s="137"/>
      <c r="AG2873" s="137"/>
      <c r="AH2873" s="137"/>
      <c r="AI2873" s="137"/>
      <c r="AJ2873" s="137"/>
      <c r="AK2873" s="206"/>
      <c r="AL2873" s="206"/>
      <c r="AM2873" s="143"/>
      <c r="AN2873" s="137"/>
      <c r="AO2873" s="137"/>
      <c r="AP2873" s="137"/>
      <c r="AQ2873" s="137"/>
      <c r="AR2873" s="137"/>
      <c r="AS2873" s="137"/>
      <c r="AT2873" s="137"/>
      <c r="AU2873" s="137"/>
      <c r="AV2873" s="137"/>
      <c r="AW2873" s="144"/>
    </row>
    <row r="2874" spans="2:49" x14ac:dyDescent="0.2">
      <c r="B2874" s="97"/>
      <c r="J2874" s="98"/>
      <c r="K2874" s="97"/>
      <c r="N2874" s="3"/>
      <c r="W2874" s="98"/>
      <c r="Z2874" s="143"/>
      <c r="AA2874" s="137"/>
      <c r="AB2874" s="137"/>
      <c r="AC2874" s="137"/>
      <c r="AD2874" s="137"/>
      <c r="AE2874" s="137"/>
      <c r="AF2874" s="137"/>
      <c r="AG2874" s="137"/>
      <c r="AH2874" s="137"/>
      <c r="AI2874" s="137"/>
      <c r="AJ2874" s="137"/>
      <c r="AK2874" s="206"/>
      <c r="AL2874" s="206"/>
      <c r="AM2874" s="143"/>
      <c r="AN2874" s="137"/>
      <c r="AO2874" s="137"/>
      <c r="AP2874" s="137"/>
      <c r="AQ2874" s="137"/>
      <c r="AR2874" s="137"/>
      <c r="AS2874" s="137"/>
      <c r="AT2874" s="137"/>
      <c r="AU2874" s="137"/>
      <c r="AV2874" s="137"/>
      <c r="AW2874" s="144"/>
    </row>
    <row r="2875" spans="2:49" x14ac:dyDescent="0.2">
      <c r="B2875" s="97"/>
      <c r="J2875" s="98"/>
      <c r="K2875" s="97"/>
      <c r="N2875" s="3"/>
      <c r="W2875" s="98"/>
      <c r="Z2875" s="143"/>
      <c r="AA2875" s="137"/>
      <c r="AB2875" s="137"/>
      <c r="AC2875" s="137"/>
      <c r="AD2875" s="137"/>
      <c r="AE2875" s="137"/>
      <c r="AF2875" s="137"/>
      <c r="AG2875" s="137"/>
      <c r="AH2875" s="137"/>
      <c r="AI2875" s="137"/>
      <c r="AJ2875" s="137"/>
      <c r="AK2875" s="206"/>
      <c r="AL2875" s="206"/>
      <c r="AM2875" s="143"/>
      <c r="AN2875" s="137"/>
      <c r="AO2875" s="137"/>
      <c r="AP2875" s="137"/>
      <c r="AQ2875" s="137"/>
      <c r="AR2875" s="137"/>
      <c r="AS2875" s="137"/>
      <c r="AT2875" s="137"/>
      <c r="AU2875" s="137"/>
      <c r="AV2875" s="137"/>
      <c r="AW2875" s="144"/>
    </row>
    <row r="2876" spans="2:49" x14ac:dyDescent="0.2">
      <c r="B2876" s="97"/>
      <c r="J2876" s="98"/>
      <c r="K2876" s="97"/>
      <c r="N2876" s="3"/>
      <c r="W2876" s="98"/>
      <c r="Z2876" s="143"/>
      <c r="AA2876" s="137"/>
      <c r="AB2876" s="137"/>
      <c r="AC2876" s="137"/>
      <c r="AD2876" s="137"/>
      <c r="AE2876" s="137"/>
      <c r="AF2876" s="137"/>
      <c r="AG2876" s="137"/>
      <c r="AH2876" s="137"/>
      <c r="AI2876" s="137"/>
      <c r="AJ2876" s="137"/>
      <c r="AK2876" s="206"/>
      <c r="AL2876" s="206"/>
      <c r="AM2876" s="143"/>
      <c r="AN2876" s="137"/>
      <c r="AO2876" s="137"/>
      <c r="AP2876" s="137"/>
      <c r="AQ2876" s="137"/>
      <c r="AR2876" s="137"/>
      <c r="AS2876" s="137"/>
      <c r="AT2876" s="137"/>
      <c r="AU2876" s="137"/>
      <c r="AV2876" s="137"/>
      <c r="AW2876" s="144"/>
    </row>
    <row r="2877" spans="2:49" x14ac:dyDescent="0.2">
      <c r="B2877" s="97"/>
      <c r="J2877" s="98"/>
      <c r="K2877" s="97"/>
      <c r="N2877" s="3"/>
      <c r="W2877" s="98"/>
      <c r="Z2877" s="143"/>
      <c r="AA2877" s="137"/>
      <c r="AB2877" s="137"/>
      <c r="AC2877" s="137"/>
      <c r="AD2877" s="137"/>
      <c r="AE2877" s="137"/>
      <c r="AF2877" s="137"/>
      <c r="AG2877" s="137"/>
      <c r="AH2877" s="137"/>
      <c r="AI2877" s="137"/>
      <c r="AJ2877" s="137"/>
      <c r="AK2877" s="206"/>
      <c r="AL2877" s="206"/>
      <c r="AM2877" s="143"/>
      <c r="AN2877" s="137"/>
      <c r="AO2877" s="137"/>
      <c r="AP2877" s="137"/>
      <c r="AQ2877" s="137"/>
      <c r="AR2877" s="137"/>
      <c r="AS2877" s="137"/>
      <c r="AT2877" s="137"/>
      <c r="AU2877" s="137"/>
      <c r="AV2877" s="137"/>
      <c r="AW2877" s="144"/>
    </row>
    <row r="2878" spans="2:49" x14ac:dyDescent="0.2">
      <c r="B2878" s="97"/>
      <c r="J2878" s="98"/>
      <c r="K2878" s="97"/>
      <c r="N2878" s="3"/>
      <c r="W2878" s="98"/>
      <c r="Z2878" s="143"/>
      <c r="AA2878" s="137"/>
      <c r="AB2878" s="137"/>
      <c r="AC2878" s="137"/>
      <c r="AD2878" s="137"/>
      <c r="AE2878" s="137"/>
      <c r="AF2878" s="137"/>
      <c r="AG2878" s="137"/>
      <c r="AH2878" s="137"/>
      <c r="AI2878" s="137"/>
      <c r="AJ2878" s="137"/>
      <c r="AK2878" s="206"/>
      <c r="AL2878" s="206"/>
      <c r="AM2878" s="143"/>
      <c r="AN2878" s="137"/>
      <c r="AO2878" s="137"/>
      <c r="AP2878" s="137"/>
      <c r="AQ2878" s="137"/>
      <c r="AR2878" s="137"/>
      <c r="AS2878" s="137"/>
      <c r="AT2878" s="137"/>
      <c r="AU2878" s="137"/>
      <c r="AV2878" s="137"/>
      <c r="AW2878" s="144"/>
    </row>
    <row r="2879" spans="2:49" x14ac:dyDescent="0.2">
      <c r="B2879" s="97"/>
      <c r="J2879" s="98"/>
      <c r="K2879" s="97"/>
      <c r="N2879" s="3"/>
      <c r="W2879" s="98"/>
      <c r="Z2879" s="143"/>
      <c r="AA2879" s="137"/>
      <c r="AB2879" s="137"/>
      <c r="AC2879" s="137"/>
      <c r="AD2879" s="137"/>
      <c r="AE2879" s="137"/>
      <c r="AF2879" s="137"/>
      <c r="AG2879" s="137"/>
      <c r="AH2879" s="137"/>
      <c r="AI2879" s="137"/>
      <c r="AJ2879" s="137"/>
      <c r="AK2879" s="206"/>
      <c r="AL2879" s="206"/>
      <c r="AM2879" s="143"/>
      <c r="AN2879" s="137"/>
      <c r="AO2879" s="137"/>
      <c r="AP2879" s="137"/>
      <c r="AQ2879" s="137"/>
      <c r="AR2879" s="137"/>
      <c r="AS2879" s="137"/>
      <c r="AT2879" s="137"/>
      <c r="AU2879" s="137"/>
      <c r="AV2879" s="137"/>
      <c r="AW2879" s="144"/>
    </row>
    <row r="2880" spans="2:49" x14ac:dyDescent="0.2">
      <c r="B2880" s="97"/>
      <c r="J2880" s="98"/>
      <c r="K2880" s="97"/>
      <c r="N2880" s="3"/>
      <c r="W2880" s="98"/>
      <c r="Z2880" s="143"/>
      <c r="AA2880" s="137"/>
      <c r="AB2880" s="137"/>
      <c r="AC2880" s="137"/>
      <c r="AD2880" s="137"/>
      <c r="AE2880" s="137"/>
      <c r="AF2880" s="137"/>
      <c r="AG2880" s="137"/>
      <c r="AH2880" s="137"/>
      <c r="AI2880" s="137"/>
      <c r="AJ2880" s="137"/>
      <c r="AK2880" s="206"/>
      <c r="AL2880" s="206"/>
      <c r="AM2880" s="143"/>
      <c r="AN2880" s="137"/>
      <c r="AO2880" s="137"/>
      <c r="AP2880" s="137"/>
      <c r="AQ2880" s="137"/>
      <c r="AR2880" s="137"/>
      <c r="AS2880" s="137"/>
      <c r="AT2880" s="137"/>
      <c r="AU2880" s="137"/>
      <c r="AV2880" s="137"/>
      <c r="AW2880" s="144"/>
    </row>
    <row r="2881" spans="2:49" x14ac:dyDescent="0.2">
      <c r="B2881" s="97"/>
      <c r="J2881" s="98"/>
      <c r="K2881" s="97"/>
      <c r="N2881" s="3"/>
      <c r="W2881" s="98"/>
      <c r="Z2881" s="143"/>
      <c r="AA2881" s="137"/>
      <c r="AB2881" s="137"/>
      <c r="AC2881" s="137"/>
      <c r="AD2881" s="137"/>
      <c r="AE2881" s="137"/>
      <c r="AF2881" s="137"/>
      <c r="AG2881" s="137"/>
      <c r="AH2881" s="137"/>
      <c r="AI2881" s="137"/>
      <c r="AJ2881" s="137"/>
      <c r="AK2881" s="206"/>
      <c r="AL2881" s="206"/>
      <c r="AM2881" s="143"/>
      <c r="AN2881" s="137"/>
      <c r="AO2881" s="137"/>
      <c r="AP2881" s="137"/>
      <c r="AQ2881" s="137"/>
      <c r="AR2881" s="137"/>
      <c r="AS2881" s="137"/>
      <c r="AT2881" s="137"/>
      <c r="AU2881" s="137"/>
      <c r="AV2881" s="137"/>
      <c r="AW2881" s="144"/>
    </row>
    <row r="2882" spans="2:49" x14ac:dyDescent="0.2">
      <c r="B2882" s="97"/>
      <c r="J2882" s="98"/>
      <c r="K2882" s="97"/>
      <c r="N2882" s="3"/>
      <c r="W2882" s="98"/>
      <c r="Z2882" s="143"/>
      <c r="AA2882" s="137"/>
      <c r="AB2882" s="137"/>
      <c r="AC2882" s="137"/>
      <c r="AD2882" s="137"/>
      <c r="AE2882" s="137"/>
      <c r="AF2882" s="137"/>
      <c r="AG2882" s="137"/>
      <c r="AH2882" s="137"/>
      <c r="AI2882" s="137"/>
      <c r="AJ2882" s="137"/>
      <c r="AK2882" s="206"/>
      <c r="AL2882" s="206"/>
      <c r="AM2882" s="143"/>
      <c r="AN2882" s="137"/>
      <c r="AO2882" s="137"/>
      <c r="AP2882" s="137"/>
      <c r="AQ2882" s="137"/>
      <c r="AR2882" s="137"/>
      <c r="AS2882" s="137"/>
      <c r="AT2882" s="137"/>
      <c r="AU2882" s="137"/>
      <c r="AV2882" s="137"/>
      <c r="AW2882" s="144"/>
    </row>
    <row r="2883" spans="2:49" x14ac:dyDescent="0.2">
      <c r="B2883" s="97"/>
      <c r="J2883" s="98"/>
      <c r="K2883" s="97"/>
      <c r="N2883" s="3"/>
      <c r="W2883" s="98"/>
      <c r="Z2883" s="143"/>
      <c r="AA2883" s="137"/>
      <c r="AB2883" s="137"/>
      <c r="AC2883" s="137"/>
      <c r="AD2883" s="137"/>
      <c r="AE2883" s="137"/>
      <c r="AF2883" s="137"/>
      <c r="AG2883" s="137"/>
      <c r="AH2883" s="137"/>
      <c r="AI2883" s="137"/>
      <c r="AJ2883" s="137"/>
      <c r="AK2883" s="206"/>
      <c r="AL2883" s="206"/>
      <c r="AM2883" s="143"/>
      <c r="AN2883" s="137"/>
      <c r="AO2883" s="137"/>
      <c r="AP2883" s="137"/>
      <c r="AQ2883" s="137"/>
      <c r="AR2883" s="137"/>
      <c r="AS2883" s="137"/>
      <c r="AT2883" s="137"/>
      <c r="AU2883" s="137"/>
      <c r="AV2883" s="137"/>
      <c r="AW2883" s="144"/>
    </row>
    <row r="2884" spans="2:49" x14ac:dyDescent="0.2">
      <c r="B2884" s="97"/>
      <c r="J2884" s="98"/>
      <c r="K2884" s="97"/>
      <c r="N2884" s="3"/>
      <c r="W2884" s="98"/>
      <c r="Z2884" s="143"/>
      <c r="AA2884" s="137"/>
      <c r="AB2884" s="137"/>
      <c r="AC2884" s="137"/>
      <c r="AD2884" s="137"/>
      <c r="AE2884" s="137"/>
      <c r="AF2884" s="137"/>
      <c r="AG2884" s="137"/>
      <c r="AH2884" s="137"/>
      <c r="AI2884" s="137"/>
      <c r="AJ2884" s="137"/>
      <c r="AK2884" s="206"/>
      <c r="AL2884" s="206"/>
      <c r="AM2884" s="143"/>
      <c r="AN2884" s="137"/>
      <c r="AO2884" s="137"/>
      <c r="AP2884" s="137"/>
      <c r="AQ2884" s="137"/>
      <c r="AR2884" s="137"/>
      <c r="AS2884" s="137"/>
      <c r="AT2884" s="137"/>
      <c r="AU2884" s="137"/>
      <c r="AV2884" s="137"/>
      <c r="AW2884" s="144"/>
    </row>
    <row r="2885" spans="2:49" x14ac:dyDescent="0.2">
      <c r="B2885" s="97"/>
      <c r="J2885" s="98"/>
      <c r="K2885" s="97"/>
      <c r="N2885" s="3"/>
      <c r="W2885" s="98"/>
      <c r="Z2885" s="143"/>
      <c r="AA2885" s="137"/>
      <c r="AB2885" s="137"/>
      <c r="AC2885" s="137"/>
      <c r="AD2885" s="137"/>
      <c r="AE2885" s="137"/>
      <c r="AF2885" s="137"/>
      <c r="AG2885" s="137"/>
      <c r="AH2885" s="137"/>
      <c r="AI2885" s="137"/>
      <c r="AJ2885" s="137"/>
      <c r="AK2885" s="206"/>
      <c r="AL2885" s="206"/>
      <c r="AM2885" s="143"/>
      <c r="AN2885" s="137"/>
      <c r="AO2885" s="137"/>
      <c r="AP2885" s="137"/>
      <c r="AQ2885" s="137"/>
      <c r="AR2885" s="137"/>
      <c r="AS2885" s="137"/>
      <c r="AT2885" s="137"/>
      <c r="AU2885" s="137"/>
      <c r="AV2885" s="137"/>
      <c r="AW2885" s="144"/>
    </row>
    <row r="2886" spans="2:49" x14ac:dyDescent="0.2">
      <c r="B2886" s="97"/>
      <c r="J2886" s="98"/>
      <c r="K2886" s="97"/>
      <c r="N2886" s="3"/>
      <c r="W2886" s="98"/>
      <c r="Z2886" s="143"/>
      <c r="AA2886" s="137"/>
      <c r="AB2886" s="137"/>
      <c r="AC2886" s="137"/>
      <c r="AD2886" s="137"/>
      <c r="AE2886" s="137"/>
      <c r="AF2886" s="137"/>
      <c r="AG2886" s="137"/>
      <c r="AH2886" s="137"/>
      <c r="AI2886" s="137"/>
      <c r="AJ2886" s="137"/>
      <c r="AK2886" s="206"/>
      <c r="AL2886" s="206"/>
      <c r="AM2886" s="143"/>
      <c r="AN2886" s="137"/>
      <c r="AO2886" s="137"/>
      <c r="AP2886" s="137"/>
      <c r="AQ2886" s="137"/>
      <c r="AR2886" s="137"/>
      <c r="AS2886" s="137"/>
      <c r="AT2886" s="137"/>
      <c r="AU2886" s="137"/>
      <c r="AV2886" s="137"/>
      <c r="AW2886" s="144"/>
    </row>
    <row r="2887" spans="2:49" x14ac:dyDescent="0.2">
      <c r="B2887" s="97"/>
      <c r="J2887" s="98"/>
      <c r="K2887" s="97"/>
      <c r="N2887" s="3"/>
      <c r="W2887" s="98"/>
      <c r="Z2887" s="143"/>
      <c r="AA2887" s="137"/>
      <c r="AB2887" s="137"/>
      <c r="AC2887" s="137"/>
      <c r="AD2887" s="137"/>
      <c r="AE2887" s="137"/>
      <c r="AF2887" s="137"/>
      <c r="AG2887" s="137"/>
      <c r="AH2887" s="137"/>
      <c r="AI2887" s="137"/>
      <c r="AJ2887" s="137"/>
      <c r="AK2887" s="206"/>
      <c r="AL2887" s="206"/>
      <c r="AM2887" s="143"/>
      <c r="AN2887" s="137"/>
      <c r="AO2887" s="137"/>
      <c r="AP2887" s="137"/>
      <c r="AQ2887" s="137"/>
      <c r="AR2887" s="137"/>
      <c r="AS2887" s="137"/>
      <c r="AT2887" s="137"/>
      <c r="AU2887" s="137"/>
      <c r="AV2887" s="137"/>
      <c r="AW2887" s="144"/>
    </row>
    <row r="2888" spans="2:49" x14ac:dyDescent="0.2">
      <c r="B2888" s="97"/>
      <c r="J2888" s="98"/>
      <c r="K2888" s="97"/>
      <c r="N2888" s="3"/>
      <c r="W2888" s="98"/>
      <c r="Z2888" s="143"/>
      <c r="AA2888" s="137"/>
      <c r="AB2888" s="137"/>
      <c r="AC2888" s="137"/>
      <c r="AD2888" s="137"/>
      <c r="AE2888" s="137"/>
      <c r="AF2888" s="137"/>
      <c r="AG2888" s="137"/>
      <c r="AH2888" s="137"/>
      <c r="AI2888" s="137"/>
      <c r="AJ2888" s="137"/>
      <c r="AK2888" s="206"/>
      <c r="AL2888" s="206"/>
      <c r="AM2888" s="143"/>
      <c r="AN2888" s="137"/>
      <c r="AO2888" s="137"/>
      <c r="AP2888" s="137"/>
      <c r="AQ2888" s="137"/>
      <c r="AR2888" s="137"/>
      <c r="AS2888" s="137"/>
      <c r="AT2888" s="137"/>
      <c r="AU2888" s="137"/>
      <c r="AV2888" s="137"/>
      <c r="AW2888" s="144"/>
    </row>
    <row r="2889" spans="2:49" x14ac:dyDescent="0.2">
      <c r="B2889" s="97"/>
      <c r="J2889" s="98"/>
      <c r="K2889" s="97"/>
      <c r="N2889" s="3"/>
      <c r="W2889" s="98"/>
      <c r="Z2889" s="143"/>
      <c r="AA2889" s="137"/>
      <c r="AB2889" s="137"/>
      <c r="AC2889" s="137"/>
      <c r="AD2889" s="137"/>
      <c r="AE2889" s="137"/>
      <c r="AF2889" s="137"/>
      <c r="AG2889" s="137"/>
      <c r="AH2889" s="137"/>
      <c r="AI2889" s="137"/>
      <c r="AJ2889" s="137"/>
      <c r="AK2889" s="206"/>
      <c r="AL2889" s="206"/>
      <c r="AM2889" s="143"/>
      <c r="AN2889" s="137"/>
      <c r="AO2889" s="137"/>
      <c r="AP2889" s="137"/>
      <c r="AQ2889" s="137"/>
      <c r="AR2889" s="137"/>
      <c r="AS2889" s="137"/>
      <c r="AT2889" s="137"/>
      <c r="AU2889" s="137"/>
      <c r="AV2889" s="137"/>
      <c r="AW2889" s="144"/>
    </row>
    <row r="2890" spans="2:49" x14ac:dyDescent="0.2">
      <c r="B2890" s="97"/>
      <c r="J2890" s="98"/>
      <c r="K2890" s="97"/>
      <c r="N2890" s="3"/>
      <c r="W2890" s="98"/>
      <c r="Z2890" s="143"/>
      <c r="AA2890" s="137"/>
      <c r="AB2890" s="137"/>
      <c r="AC2890" s="137"/>
      <c r="AD2890" s="137"/>
      <c r="AE2890" s="137"/>
      <c r="AF2890" s="137"/>
      <c r="AG2890" s="137"/>
      <c r="AH2890" s="137"/>
      <c r="AI2890" s="137"/>
      <c r="AJ2890" s="137"/>
      <c r="AK2890" s="206"/>
      <c r="AL2890" s="206"/>
      <c r="AM2890" s="143"/>
      <c r="AN2890" s="137"/>
      <c r="AO2890" s="137"/>
      <c r="AP2890" s="137"/>
      <c r="AQ2890" s="137"/>
      <c r="AR2890" s="137"/>
      <c r="AS2890" s="137"/>
      <c r="AT2890" s="137"/>
      <c r="AU2890" s="137"/>
      <c r="AV2890" s="137"/>
      <c r="AW2890" s="144"/>
    </row>
    <row r="2891" spans="2:49" x14ac:dyDescent="0.2">
      <c r="B2891" s="97"/>
      <c r="J2891" s="98"/>
      <c r="K2891" s="97"/>
      <c r="N2891" s="3"/>
      <c r="W2891" s="98"/>
      <c r="Z2891" s="143"/>
      <c r="AA2891" s="137"/>
      <c r="AB2891" s="137"/>
      <c r="AC2891" s="137"/>
      <c r="AD2891" s="137"/>
      <c r="AE2891" s="137"/>
      <c r="AF2891" s="137"/>
      <c r="AG2891" s="137"/>
      <c r="AH2891" s="137"/>
      <c r="AI2891" s="137"/>
      <c r="AJ2891" s="137"/>
      <c r="AK2891" s="206"/>
      <c r="AL2891" s="206"/>
      <c r="AM2891" s="143"/>
      <c r="AN2891" s="137"/>
      <c r="AO2891" s="137"/>
      <c r="AP2891" s="137"/>
      <c r="AQ2891" s="137"/>
      <c r="AR2891" s="137"/>
      <c r="AS2891" s="137"/>
      <c r="AT2891" s="137"/>
      <c r="AU2891" s="137"/>
      <c r="AV2891" s="137"/>
      <c r="AW2891" s="144"/>
    </row>
    <row r="2892" spans="2:49" x14ac:dyDescent="0.2">
      <c r="B2892" s="97"/>
      <c r="J2892" s="98"/>
      <c r="K2892" s="97"/>
      <c r="N2892" s="3"/>
      <c r="W2892" s="98"/>
      <c r="Z2892" s="143"/>
      <c r="AA2892" s="137"/>
      <c r="AB2892" s="137"/>
      <c r="AC2892" s="137"/>
      <c r="AD2892" s="137"/>
      <c r="AE2892" s="137"/>
      <c r="AF2892" s="137"/>
      <c r="AG2892" s="137"/>
      <c r="AH2892" s="137"/>
      <c r="AI2892" s="137"/>
      <c r="AJ2892" s="137"/>
      <c r="AK2892" s="206"/>
      <c r="AL2892" s="206"/>
      <c r="AM2892" s="143"/>
      <c r="AN2892" s="137"/>
      <c r="AO2892" s="137"/>
      <c r="AP2892" s="137"/>
      <c r="AQ2892" s="137"/>
      <c r="AR2892" s="137"/>
      <c r="AS2892" s="137"/>
      <c r="AT2892" s="137"/>
      <c r="AU2892" s="137"/>
      <c r="AV2892" s="137"/>
      <c r="AW2892" s="144"/>
    </row>
    <row r="2893" spans="2:49" x14ac:dyDescent="0.2">
      <c r="B2893" s="97"/>
      <c r="J2893" s="98"/>
      <c r="K2893" s="97"/>
      <c r="N2893" s="3"/>
      <c r="W2893" s="98"/>
      <c r="Z2893" s="143"/>
      <c r="AA2893" s="137"/>
      <c r="AB2893" s="137"/>
      <c r="AC2893" s="137"/>
      <c r="AD2893" s="137"/>
      <c r="AE2893" s="137"/>
      <c r="AF2893" s="137"/>
      <c r="AG2893" s="137"/>
      <c r="AH2893" s="137"/>
      <c r="AI2893" s="137"/>
      <c r="AJ2893" s="137"/>
      <c r="AK2893" s="206"/>
      <c r="AL2893" s="206"/>
      <c r="AM2893" s="143"/>
      <c r="AN2893" s="137"/>
      <c r="AO2893" s="137"/>
      <c r="AP2893" s="137"/>
      <c r="AQ2893" s="137"/>
      <c r="AR2893" s="137"/>
      <c r="AS2893" s="137"/>
      <c r="AT2893" s="137"/>
      <c r="AU2893" s="137"/>
      <c r="AV2893" s="137"/>
      <c r="AW2893" s="144"/>
    </row>
    <row r="2894" spans="2:49" x14ac:dyDescent="0.2">
      <c r="B2894" s="97"/>
      <c r="J2894" s="98"/>
      <c r="K2894" s="97"/>
      <c r="N2894" s="3"/>
      <c r="W2894" s="98"/>
      <c r="Z2894" s="143"/>
      <c r="AA2894" s="137"/>
      <c r="AB2894" s="137"/>
      <c r="AC2894" s="137"/>
      <c r="AD2894" s="137"/>
      <c r="AE2894" s="137"/>
      <c r="AF2894" s="137"/>
      <c r="AG2894" s="137"/>
      <c r="AH2894" s="137"/>
      <c r="AI2894" s="137"/>
      <c r="AJ2894" s="137"/>
      <c r="AK2894" s="206"/>
      <c r="AL2894" s="206"/>
      <c r="AM2894" s="143"/>
      <c r="AN2894" s="137"/>
      <c r="AO2894" s="137"/>
      <c r="AP2894" s="137"/>
      <c r="AQ2894" s="137"/>
      <c r="AR2894" s="137"/>
      <c r="AS2894" s="137"/>
      <c r="AT2894" s="137"/>
      <c r="AU2894" s="137"/>
      <c r="AV2894" s="137"/>
      <c r="AW2894" s="144"/>
    </row>
    <row r="2895" spans="2:49" x14ac:dyDescent="0.2">
      <c r="B2895" s="97"/>
      <c r="J2895" s="98"/>
      <c r="K2895" s="97"/>
      <c r="N2895" s="3"/>
      <c r="W2895" s="98"/>
      <c r="Z2895" s="143"/>
      <c r="AA2895" s="137"/>
      <c r="AB2895" s="137"/>
      <c r="AC2895" s="137"/>
      <c r="AD2895" s="137"/>
      <c r="AE2895" s="137"/>
      <c r="AF2895" s="137"/>
      <c r="AG2895" s="137"/>
      <c r="AH2895" s="137"/>
      <c r="AI2895" s="137"/>
      <c r="AJ2895" s="137"/>
      <c r="AK2895" s="206"/>
      <c r="AL2895" s="206"/>
      <c r="AM2895" s="143"/>
      <c r="AN2895" s="137"/>
      <c r="AO2895" s="137"/>
      <c r="AP2895" s="137"/>
      <c r="AQ2895" s="137"/>
      <c r="AR2895" s="137"/>
      <c r="AS2895" s="137"/>
      <c r="AT2895" s="137"/>
      <c r="AU2895" s="137"/>
      <c r="AV2895" s="137"/>
      <c r="AW2895" s="144"/>
    </row>
    <row r="2896" spans="2:49" x14ac:dyDescent="0.2">
      <c r="B2896" s="97"/>
      <c r="J2896" s="98"/>
      <c r="K2896" s="97"/>
      <c r="N2896" s="3"/>
      <c r="W2896" s="98"/>
      <c r="Z2896" s="143"/>
      <c r="AA2896" s="137"/>
      <c r="AB2896" s="137"/>
      <c r="AC2896" s="137"/>
      <c r="AD2896" s="137"/>
      <c r="AE2896" s="137"/>
      <c r="AF2896" s="137"/>
      <c r="AG2896" s="137"/>
      <c r="AH2896" s="137"/>
      <c r="AI2896" s="137"/>
      <c r="AJ2896" s="137"/>
      <c r="AK2896" s="206"/>
      <c r="AL2896" s="206"/>
      <c r="AM2896" s="143"/>
      <c r="AN2896" s="137"/>
      <c r="AO2896" s="137"/>
      <c r="AP2896" s="137"/>
      <c r="AQ2896" s="137"/>
      <c r="AR2896" s="137"/>
      <c r="AS2896" s="137"/>
      <c r="AT2896" s="137"/>
      <c r="AU2896" s="137"/>
      <c r="AV2896" s="137"/>
      <c r="AW2896" s="144"/>
    </row>
    <row r="2897" spans="2:49" x14ac:dyDescent="0.2">
      <c r="B2897" s="97"/>
      <c r="J2897" s="98"/>
      <c r="K2897" s="97"/>
      <c r="N2897" s="3"/>
      <c r="W2897" s="98"/>
      <c r="Z2897" s="143"/>
      <c r="AA2897" s="137"/>
      <c r="AB2897" s="137"/>
      <c r="AC2897" s="137"/>
      <c r="AD2897" s="137"/>
      <c r="AE2897" s="137"/>
      <c r="AF2897" s="137"/>
      <c r="AG2897" s="137"/>
      <c r="AH2897" s="137"/>
      <c r="AI2897" s="137"/>
      <c r="AJ2897" s="137"/>
      <c r="AK2897" s="206"/>
      <c r="AL2897" s="206"/>
      <c r="AM2897" s="143"/>
      <c r="AN2897" s="137"/>
      <c r="AO2897" s="137"/>
      <c r="AP2897" s="137"/>
      <c r="AQ2897" s="137"/>
      <c r="AR2897" s="137"/>
      <c r="AS2897" s="137"/>
      <c r="AT2897" s="137"/>
      <c r="AU2897" s="137"/>
      <c r="AV2897" s="137"/>
      <c r="AW2897" s="144"/>
    </row>
    <row r="2898" spans="2:49" x14ac:dyDescent="0.2">
      <c r="B2898" s="97"/>
      <c r="J2898" s="98"/>
      <c r="K2898" s="97"/>
      <c r="N2898" s="3"/>
      <c r="W2898" s="98"/>
      <c r="Z2898" s="143"/>
      <c r="AA2898" s="137"/>
      <c r="AB2898" s="137"/>
      <c r="AC2898" s="137"/>
      <c r="AD2898" s="137"/>
      <c r="AE2898" s="137"/>
      <c r="AF2898" s="137"/>
      <c r="AG2898" s="137"/>
      <c r="AH2898" s="137"/>
      <c r="AI2898" s="137"/>
      <c r="AJ2898" s="137"/>
      <c r="AK2898" s="206"/>
      <c r="AL2898" s="206"/>
      <c r="AM2898" s="143"/>
      <c r="AN2898" s="137"/>
      <c r="AO2898" s="137"/>
      <c r="AP2898" s="137"/>
      <c r="AQ2898" s="137"/>
      <c r="AR2898" s="137"/>
      <c r="AS2898" s="137"/>
      <c r="AT2898" s="137"/>
      <c r="AU2898" s="137"/>
      <c r="AV2898" s="137"/>
      <c r="AW2898" s="144"/>
    </row>
    <row r="2899" spans="2:49" x14ac:dyDescent="0.2">
      <c r="B2899" s="97"/>
      <c r="J2899" s="98"/>
      <c r="K2899" s="97"/>
      <c r="N2899" s="3"/>
      <c r="W2899" s="98"/>
      <c r="Z2899" s="143"/>
      <c r="AA2899" s="137"/>
      <c r="AB2899" s="137"/>
      <c r="AC2899" s="137"/>
      <c r="AD2899" s="137"/>
      <c r="AE2899" s="137"/>
      <c r="AF2899" s="137"/>
      <c r="AG2899" s="137"/>
      <c r="AH2899" s="137"/>
      <c r="AI2899" s="137"/>
      <c r="AJ2899" s="137"/>
      <c r="AK2899" s="206"/>
      <c r="AL2899" s="206"/>
      <c r="AM2899" s="143"/>
      <c r="AN2899" s="137"/>
      <c r="AO2899" s="137"/>
      <c r="AP2899" s="137"/>
      <c r="AQ2899" s="137"/>
      <c r="AR2899" s="137"/>
      <c r="AS2899" s="137"/>
      <c r="AT2899" s="137"/>
      <c r="AU2899" s="137"/>
      <c r="AV2899" s="137"/>
      <c r="AW2899" s="144"/>
    </row>
    <row r="2900" spans="2:49" x14ac:dyDescent="0.2">
      <c r="B2900" s="97"/>
      <c r="J2900" s="98"/>
      <c r="K2900" s="97"/>
      <c r="N2900" s="3"/>
      <c r="W2900" s="98"/>
      <c r="Z2900" s="143"/>
      <c r="AA2900" s="137"/>
      <c r="AB2900" s="137"/>
      <c r="AC2900" s="137"/>
      <c r="AD2900" s="137"/>
      <c r="AE2900" s="137"/>
      <c r="AF2900" s="137"/>
      <c r="AG2900" s="137"/>
      <c r="AH2900" s="137"/>
      <c r="AI2900" s="137"/>
      <c r="AJ2900" s="137"/>
      <c r="AK2900" s="206"/>
      <c r="AL2900" s="206"/>
      <c r="AM2900" s="143"/>
      <c r="AN2900" s="137"/>
      <c r="AO2900" s="137"/>
      <c r="AP2900" s="137"/>
      <c r="AQ2900" s="137"/>
      <c r="AR2900" s="137"/>
      <c r="AS2900" s="137"/>
      <c r="AT2900" s="137"/>
      <c r="AU2900" s="137"/>
      <c r="AV2900" s="137"/>
      <c r="AW2900" s="144"/>
    </row>
    <row r="2901" spans="2:49" x14ac:dyDescent="0.2">
      <c r="B2901" s="97"/>
      <c r="J2901" s="98"/>
      <c r="K2901" s="97"/>
      <c r="N2901" s="3"/>
      <c r="W2901" s="98"/>
      <c r="Z2901" s="143"/>
      <c r="AA2901" s="137"/>
      <c r="AB2901" s="137"/>
      <c r="AC2901" s="137"/>
      <c r="AD2901" s="137"/>
      <c r="AE2901" s="137"/>
      <c r="AF2901" s="137"/>
      <c r="AG2901" s="137"/>
      <c r="AH2901" s="137"/>
      <c r="AI2901" s="137"/>
      <c r="AJ2901" s="137"/>
      <c r="AK2901" s="206"/>
      <c r="AL2901" s="206"/>
      <c r="AM2901" s="143"/>
      <c r="AN2901" s="137"/>
      <c r="AO2901" s="137"/>
      <c r="AP2901" s="137"/>
      <c r="AQ2901" s="137"/>
      <c r="AR2901" s="137"/>
      <c r="AS2901" s="137"/>
      <c r="AT2901" s="137"/>
      <c r="AU2901" s="137"/>
      <c r="AV2901" s="137"/>
      <c r="AW2901" s="144"/>
    </row>
    <row r="2902" spans="2:49" x14ac:dyDescent="0.2">
      <c r="B2902" s="97"/>
      <c r="J2902" s="98"/>
      <c r="K2902" s="97"/>
      <c r="N2902" s="3"/>
      <c r="W2902" s="98"/>
      <c r="Z2902" s="143"/>
      <c r="AA2902" s="137"/>
      <c r="AB2902" s="137"/>
      <c r="AC2902" s="137"/>
      <c r="AD2902" s="137"/>
      <c r="AE2902" s="137"/>
      <c r="AF2902" s="137"/>
      <c r="AG2902" s="137"/>
      <c r="AH2902" s="137"/>
      <c r="AI2902" s="137"/>
      <c r="AJ2902" s="137"/>
      <c r="AK2902" s="206"/>
      <c r="AL2902" s="206"/>
      <c r="AM2902" s="143"/>
      <c r="AN2902" s="137"/>
      <c r="AO2902" s="137"/>
      <c r="AP2902" s="137"/>
      <c r="AQ2902" s="137"/>
      <c r="AR2902" s="137"/>
      <c r="AS2902" s="137"/>
      <c r="AT2902" s="137"/>
      <c r="AU2902" s="137"/>
      <c r="AV2902" s="137"/>
      <c r="AW2902" s="144"/>
    </row>
    <row r="2903" spans="2:49" x14ac:dyDescent="0.2">
      <c r="B2903" s="97"/>
      <c r="J2903" s="98"/>
      <c r="K2903" s="97"/>
      <c r="N2903" s="3"/>
      <c r="W2903" s="98"/>
      <c r="Z2903" s="143"/>
      <c r="AA2903" s="137"/>
      <c r="AB2903" s="137"/>
      <c r="AC2903" s="137"/>
      <c r="AD2903" s="137"/>
      <c r="AE2903" s="137"/>
      <c r="AF2903" s="137"/>
      <c r="AG2903" s="137"/>
      <c r="AH2903" s="137"/>
      <c r="AI2903" s="137"/>
      <c r="AJ2903" s="137"/>
      <c r="AK2903" s="206"/>
      <c r="AL2903" s="206"/>
      <c r="AM2903" s="143"/>
      <c r="AN2903" s="137"/>
      <c r="AO2903" s="137"/>
      <c r="AP2903" s="137"/>
      <c r="AQ2903" s="137"/>
      <c r="AR2903" s="137"/>
      <c r="AS2903" s="137"/>
      <c r="AT2903" s="137"/>
      <c r="AU2903" s="137"/>
      <c r="AV2903" s="137"/>
      <c r="AW2903" s="144"/>
    </row>
    <row r="2904" spans="2:49" x14ac:dyDescent="0.2">
      <c r="B2904" s="97"/>
      <c r="J2904" s="98"/>
      <c r="K2904" s="97"/>
      <c r="N2904" s="3"/>
      <c r="W2904" s="98"/>
      <c r="Z2904" s="143"/>
      <c r="AA2904" s="137"/>
      <c r="AB2904" s="137"/>
      <c r="AC2904" s="137"/>
      <c r="AD2904" s="137"/>
      <c r="AE2904" s="137"/>
      <c r="AF2904" s="137"/>
      <c r="AG2904" s="137"/>
      <c r="AH2904" s="137"/>
      <c r="AI2904" s="137"/>
      <c r="AJ2904" s="137"/>
      <c r="AK2904" s="206"/>
      <c r="AL2904" s="206"/>
      <c r="AM2904" s="143"/>
      <c r="AN2904" s="137"/>
      <c r="AO2904" s="137"/>
      <c r="AP2904" s="137"/>
      <c r="AQ2904" s="137"/>
      <c r="AR2904" s="137"/>
      <c r="AS2904" s="137"/>
      <c r="AT2904" s="137"/>
      <c r="AU2904" s="137"/>
      <c r="AV2904" s="137"/>
      <c r="AW2904" s="144"/>
    </row>
    <row r="2905" spans="2:49" x14ac:dyDescent="0.2">
      <c r="B2905" s="97"/>
      <c r="J2905" s="98"/>
      <c r="K2905" s="97"/>
      <c r="N2905" s="3"/>
      <c r="W2905" s="98"/>
      <c r="Z2905" s="143"/>
      <c r="AA2905" s="137"/>
      <c r="AB2905" s="137"/>
      <c r="AC2905" s="137"/>
      <c r="AD2905" s="137"/>
      <c r="AE2905" s="137"/>
      <c r="AF2905" s="137"/>
      <c r="AG2905" s="137"/>
      <c r="AH2905" s="137"/>
      <c r="AI2905" s="137"/>
      <c r="AJ2905" s="137"/>
      <c r="AK2905" s="206"/>
      <c r="AL2905" s="206"/>
      <c r="AM2905" s="143"/>
      <c r="AN2905" s="137"/>
      <c r="AO2905" s="137"/>
      <c r="AP2905" s="137"/>
      <c r="AQ2905" s="137"/>
      <c r="AR2905" s="137"/>
      <c r="AS2905" s="137"/>
      <c r="AT2905" s="137"/>
      <c r="AU2905" s="137"/>
      <c r="AV2905" s="137"/>
      <c r="AW2905" s="144"/>
    </row>
    <row r="2906" spans="2:49" x14ac:dyDescent="0.2">
      <c r="B2906" s="97"/>
      <c r="J2906" s="98"/>
      <c r="K2906" s="97"/>
      <c r="N2906" s="3"/>
      <c r="W2906" s="98"/>
      <c r="Z2906" s="143"/>
      <c r="AA2906" s="137"/>
      <c r="AB2906" s="137"/>
      <c r="AC2906" s="137"/>
      <c r="AD2906" s="137"/>
      <c r="AE2906" s="137"/>
      <c r="AF2906" s="137"/>
      <c r="AG2906" s="137"/>
      <c r="AH2906" s="137"/>
      <c r="AI2906" s="137"/>
      <c r="AJ2906" s="137"/>
      <c r="AK2906" s="206"/>
      <c r="AL2906" s="206"/>
      <c r="AM2906" s="143"/>
      <c r="AN2906" s="137"/>
      <c r="AO2906" s="137"/>
      <c r="AP2906" s="137"/>
      <c r="AQ2906" s="137"/>
      <c r="AR2906" s="137"/>
      <c r="AS2906" s="137"/>
      <c r="AT2906" s="137"/>
      <c r="AU2906" s="137"/>
      <c r="AV2906" s="137"/>
      <c r="AW2906" s="144"/>
    </row>
    <row r="2907" spans="2:49" x14ac:dyDescent="0.2">
      <c r="B2907" s="97"/>
      <c r="J2907" s="98"/>
      <c r="K2907" s="97"/>
      <c r="N2907" s="3"/>
      <c r="W2907" s="98"/>
      <c r="Z2907" s="143"/>
      <c r="AA2907" s="137"/>
      <c r="AB2907" s="137"/>
      <c r="AC2907" s="137"/>
      <c r="AD2907" s="137"/>
      <c r="AE2907" s="137"/>
      <c r="AF2907" s="137"/>
      <c r="AG2907" s="137"/>
      <c r="AH2907" s="137"/>
      <c r="AI2907" s="137"/>
      <c r="AJ2907" s="137"/>
      <c r="AK2907" s="206"/>
      <c r="AL2907" s="206"/>
      <c r="AM2907" s="143"/>
      <c r="AN2907" s="137"/>
      <c r="AO2907" s="137"/>
      <c r="AP2907" s="137"/>
      <c r="AQ2907" s="137"/>
      <c r="AR2907" s="137"/>
      <c r="AS2907" s="137"/>
      <c r="AT2907" s="137"/>
      <c r="AU2907" s="137"/>
      <c r="AV2907" s="137"/>
      <c r="AW2907" s="144"/>
    </row>
    <row r="2908" spans="2:49" x14ac:dyDescent="0.2">
      <c r="B2908" s="97"/>
      <c r="J2908" s="98"/>
      <c r="K2908" s="97"/>
      <c r="N2908" s="3"/>
      <c r="W2908" s="98"/>
      <c r="Z2908" s="143"/>
      <c r="AA2908" s="137"/>
      <c r="AB2908" s="137"/>
      <c r="AC2908" s="137"/>
      <c r="AD2908" s="137"/>
      <c r="AE2908" s="137"/>
      <c r="AF2908" s="137"/>
      <c r="AG2908" s="137"/>
      <c r="AH2908" s="137"/>
      <c r="AI2908" s="137"/>
      <c r="AJ2908" s="137"/>
      <c r="AK2908" s="206"/>
      <c r="AL2908" s="206"/>
      <c r="AM2908" s="143"/>
      <c r="AN2908" s="137"/>
      <c r="AO2908" s="137"/>
      <c r="AP2908" s="137"/>
      <c r="AQ2908" s="137"/>
      <c r="AR2908" s="137"/>
      <c r="AS2908" s="137"/>
      <c r="AT2908" s="137"/>
      <c r="AU2908" s="137"/>
      <c r="AV2908" s="137"/>
      <c r="AW2908" s="144"/>
    </row>
    <row r="2909" spans="2:49" x14ac:dyDescent="0.2">
      <c r="B2909" s="97"/>
      <c r="J2909" s="98"/>
      <c r="K2909" s="97"/>
      <c r="N2909" s="3"/>
      <c r="W2909" s="98"/>
      <c r="Z2909" s="143"/>
      <c r="AA2909" s="137"/>
      <c r="AB2909" s="137"/>
      <c r="AC2909" s="137"/>
      <c r="AD2909" s="137"/>
      <c r="AE2909" s="137"/>
      <c r="AF2909" s="137"/>
      <c r="AG2909" s="137"/>
      <c r="AH2909" s="137"/>
      <c r="AI2909" s="137"/>
      <c r="AJ2909" s="137"/>
      <c r="AK2909" s="206"/>
      <c r="AL2909" s="206"/>
      <c r="AM2909" s="143"/>
      <c r="AN2909" s="137"/>
      <c r="AO2909" s="137"/>
      <c r="AP2909" s="137"/>
      <c r="AQ2909" s="137"/>
      <c r="AR2909" s="137"/>
      <c r="AS2909" s="137"/>
      <c r="AT2909" s="137"/>
      <c r="AU2909" s="137"/>
      <c r="AV2909" s="137"/>
      <c r="AW2909" s="144"/>
    </row>
    <row r="2910" spans="2:49" x14ac:dyDescent="0.2">
      <c r="B2910" s="97"/>
      <c r="J2910" s="98"/>
      <c r="K2910" s="97"/>
      <c r="N2910" s="3"/>
      <c r="W2910" s="98"/>
      <c r="Z2910" s="143"/>
      <c r="AA2910" s="137"/>
      <c r="AB2910" s="137"/>
      <c r="AC2910" s="137"/>
      <c r="AD2910" s="137"/>
      <c r="AE2910" s="137"/>
      <c r="AF2910" s="137"/>
      <c r="AG2910" s="137"/>
      <c r="AH2910" s="137"/>
      <c r="AI2910" s="137"/>
      <c r="AJ2910" s="137"/>
      <c r="AK2910" s="206"/>
      <c r="AL2910" s="206"/>
      <c r="AM2910" s="143"/>
      <c r="AN2910" s="137"/>
      <c r="AO2910" s="137"/>
      <c r="AP2910" s="137"/>
      <c r="AQ2910" s="137"/>
      <c r="AR2910" s="137"/>
      <c r="AS2910" s="137"/>
      <c r="AT2910" s="137"/>
      <c r="AU2910" s="137"/>
      <c r="AV2910" s="137"/>
      <c r="AW2910" s="144"/>
    </row>
    <row r="2911" spans="2:49" x14ac:dyDescent="0.2">
      <c r="B2911" s="97"/>
      <c r="J2911" s="98"/>
      <c r="K2911" s="97"/>
      <c r="N2911" s="3"/>
      <c r="W2911" s="98"/>
      <c r="Z2911" s="143"/>
      <c r="AA2911" s="137"/>
      <c r="AB2911" s="137"/>
      <c r="AC2911" s="137"/>
      <c r="AD2911" s="137"/>
      <c r="AE2911" s="137"/>
      <c r="AF2911" s="137"/>
      <c r="AG2911" s="137"/>
      <c r="AH2911" s="137"/>
      <c r="AI2911" s="137"/>
      <c r="AJ2911" s="137"/>
      <c r="AK2911" s="206"/>
      <c r="AL2911" s="206"/>
      <c r="AM2911" s="143"/>
      <c r="AN2911" s="137"/>
      <c r="AO2911" s="137"/>
      <c r="AP2911" s="137"/>
      <c r="AQ2911" s="137"/>
      <c r="AR2911" s="137"/>
      <c r="AS2911" s="137"/>
      <c r="AT2911" s="137"/>
      <c r="AU2911" s="137"/>
      <c r="AV2911" s="137"/>
      <c r="AW2911" s="144"/>
    </row>
    <row r="2912" spans="2:49" x14ac:dyDescent="0.2">
      <c r="B2912" s="97"/>
      <c r="J2912" s="98"/>
      <c r="K2912" s="97"/>
      <c r="N2912" s="3"/>
      <c r="W2912" s="98"/>
      <c r="Z2912" s="143"/>
      <c r="AA2912" s="137"/>
      <c r="AB2912" s="137"/>
      <c r="AC2912" s="137"/>
      <c r="AD2912" s="137"/>
      <c r="AE2912" s="137"/>
      <c r="AF2912" s="137"/>
      <c r="AG2912" s="137"/>
      <c r="AH2912" s="137"/>
      <c r="AI2912" s="137"/>
      <c r="AJ2912" s="137"/>
      <c r="AK2912" s="206"/>
      <c r="AL2912" s="206"/>
      <c r="AM2912" s="143"/>
      <c r="AN2912" s="137"/>
      <c r="AO2912" s="137"/>
      <c r="AP2912" s="137"/>
      <c r="AQ2912" s="137"/>
      <c r="AR2912" s="137"/>
      <c r="AS2912" s="137"/>
      <c r="AT2912" s="137"/>
      <c r="AU2912" s="137"/>
      <c r="AV2912" s="137"/>
      <c r="AW2912" s="144"/>
    </row>
    <row r="2913" spans="2:49" x14ac:dyDescent="0.2">
      <c r="B2913" s="97"/>
      <c r="J2913" s="98"/>
      <c r="K2913" s="97"/>
      <c r="N2913" s="3"/>
      <c r="W2913" s="98"/>
      <c r="Z2913" s="143"/>
      <c r="AA2913" s="137"/>
      <c r="AB2913" s="137"/>
      <c r="AC2913" s="137"/>
      <c r="AD2913" s="137"/>
      <c r="AE2913" s="137"/>
      <c r="AF2913" s="137"/>
      <c r="AG2913" s="137"/>
      <c r="AH2913" s="137"/>
      <c r="AI2913" s="137"/>
      <c r="AJ2913" s="137"/>
      <c r="AK2913" s="206"/>
      <c r="AL2913" s="206"/>
      <c r="AM2913" s="143"/>
      <c r="AN2913" s="137"/>
      <c r="AO2913" s="137"/>
      <c r="AP2913" s="137"/>
      <c r="AQ2913" s="137"/>
      <c r="AR2913" s="137"/>
      <c r="AS2913" s="137"/>
      <c r="AT2913" s="137"/>
      <c r="AU2913" s="137"/>
      <c r="AV2913" s="137"/>
      <c r="AW2913" s="144"/>
    </row>
    <row r="2914" spans="2:49" x14ac:dyDescent="0.2">
      <c r="B2914" s="97"/>
      <c r="J2914" s="98"/>
      <c r="K2914" s="97"/>
      <c r="N2914" s="3"/>
      <c r="W2914" s="98"/>
      <c r="Z2914" s="143"/>
      <c r="AA2914" s="137"/>
      <c r="AB2914" s="137"/>
      <c r="AC2914" s="137"/>
      <c r="AD2914" s="137"/>
      <c r="AE2914" s="137"/>
      <c r="AF2914" s="137"/>
      <c r="AG2914" s="137"/>
      <c r="AH2914" s="137"/>
      <c r="AI2914" s="137"/>
      <c r="AJ2914" s="137"/>
      <c r="AK2914" s="206"/>
      <c r="AL2914" s="206"/>
      <c r="AM2914" s="143"/>
      <c r="AN2914" s="137"/>
      <c r="AO2914" s="137"/>
      <c r="AP2914" s="137"/>
      <c r="AQ2914" s="137"/>
      <c r="AR2914" s="137"/>
      <c r="AS2914" s="137"/>
      <c r="AT2914" s="137"/>
      <c r="AU2914" s="137"/>
      <c r="AV2914" s="137"/>
      <c r="AW2914" s="144"/>
    </row>
    <row r="2915" spans="2:49" x14ac:dyDescent="0.2">
      <c r="B2915" s="97"/>
      <c r="J2915" s="98"/>
      <c r="K2915" s="97"/>
      <c r="N2915" s="3"/>
      <c r="W2915" s="98"/>
      <c r="Z2915" s="143"/>
      <c r="AA2915" s="137"/>
      <c r="AB2915" s="137"/>
      <c r="AC2915" s="137"/>
      <c r="AD2915" s="137"/>
      <c r="AE2915" s="137"/>
      <c r="AF2915" s="137"/>
      <c r="AG2915" s="137"/>
      <c r="AH2915" s="137"/>
      <c r="AI2915" s="137"/>
      <c r="AJ2915" s="137"/>
      <c r="AK2915" s="206"/>
      <c r="AL2915" s="206"/>
      <c r="AM2915" s="143"/>
      <c r="AN2915" s="137"/>
      <c r="AO2915" s="137"/>
      <c r="AP2915" s="137"/>
      <c r="AQ2915" s="137"/>
      <c r="AR2915" s="137"/>
      <c r="AS2915" s="137"/>
      <c r="AT2915" s="137"/>
      <c r="AU2915" s="137"/>
      <c r="AV2915" s="137"/>
      <c r="AW2915" s="144"/>
    </row>
    <row r="2916" spans="2:49" x14ac:dyDescent="0.2">
      <c r="B2916" s="97"/>
      <c r="J2916" s="98"/>
      <c r="K2916" s="97"/>
      <c r="N2916" s="3"/>
      <c r="W2916" s="98"/>
      <c r="Z2916" s="143"/>
      <c r="AA2916" s="137"/>
      <c r="AB2916" s="137"/>
      <c r="AC2916" s="137"/>
      <c r="AD2916" s="137"/>
      <c r="AE2916" s="137"/>
      <c r="AF2916" s="137"/>
      <c r="AG2916" s="137"/>
      <c r="AH2916" s="137"/>
      <c r="AI2916" s="137"/>
      <c r="AJ2916" s="137"/>
      <c r="AK2916" s="206"/>
      <c r="AL2916" s="206"/>
      <c r="AM2916" s="143"/>
      <c r="AN2916" s="137"/>
      <c r="AO2916" s="137"/>
      <c r="AP2916" s="137"/>
      <c r="AQ2916" s="137"/>
      <c r="AR2916" s="137"/>
      <c r="AS2916" s="137"/>
      <c r="AT2916" s="137"/>
      <c r="AU2916" s="137"/>
      <c r="AV2916" s="137"/>
      <c r="AW2916" s="144"/>
    </row>
    <row r="2917" spans="2:49" x14ac:dyDescent="0.2">
      <c r="B2917" s="97"/>
      <c r="J2917" s="98"/>
      <c r="K2917" s="97"/>
      <c r="N2917" s="3"/>
      <c r="W2917" s="98"/>
      <c r="Z2917" s="143"/>
      <c r="AA2917" s="137"/>
      <c r="AB2917" s="137"/>
      <c r="AC2917" s="137"/>
      <c r="AD2917" s="137"/>
      <c r="AE2917" s="137"/>
      <c r="AF2917" s="137"/>
      <c r="AG2917" s="137"/>
      <c r="AH2917" s="137"/>
      <c r="AI2917" s="137"/>
      <c r="AJ2917" s="137"/>
      <c r="AK2917" s="206"/>
      <c r="AL2917" s="206"/>
      <c r="AM2917" s="143"/>
      <c r="AN2917" s="137"/>
      <c r="AO2917" s="137"/>
      <c r="AP2917" s="137"/>
      <c r="AQ2917" s="137"/>
      <c r="AR2917" s="137"/>
      <c r="AS2917" s="137"/>
      <c r="AT2917" s="137"/>
      <c r="AU2917" s="137"/>
      <c r="AV2917" s="137"/>
      <c r="AW2917" s="144"/>
    </row>
    <row r="2918" spans="2:49" x14ac:dyDescent="0.2">
      <c r="B2918" s="97"/>
      <c r="J2918" s="98"/>
      <c r="K2918" s="97"/>
      <c r="N2918" s="3"/>
      <c r="W2918" s="98"/>
      <c r="Z2918" s="143"/>
      <c r="AA2918" s="137"/>
      <c r="AB2918" s="137"/>
      <c r="AC2918" s="137"/>
      <c r="AD2918" s="137"/>
      <c r="AE2918" s="137"/>
      <c r="AF2918" s="137"/>
      <c r="AG2918" s="137"/>
      <c r="AH2918" s="137"/>
      <c r="AI2918" s="137"/>
      <c r="AJ2918" s="137"/>
      <c r="AK2918" s="206"/>
      <c r="AL2918" s="206"/>
      <c r="AM2918" s="143"/>
      <c r="AN2918" s="137"/>
      <c r="AO2918" s="137"/>
      <c r="AP2918" s="137"/>
      <c r="AQ2918" s="137"/>
      <c r="AR2918" s="137"/>
      <c r="AS2918" s="137"/>
      <c r="AT2918" s="137"/>
      <c r="AU2918" s="137"/>
      <c r="AV2918" s="137"/>
      <c r="AW2918" s="144"/>
    </row>
    <row r="2919" spans="2:49" x14ac:dyDescent="0.2">
      <c r="B2919" s="97"/>
      <c r="J2919" s="98"/>
      <c r="K2919" s="97"/>
      <c r="N2919" s="3"/>
      <c r="W2919" s="98"/>
      <c r="Z2919" s="143"/>
      <c r="AA2919" s="137"/>
      <c r="AB2919" s="137"/>
      <c r="AC2919" s="137"/>
      <c r="AD2919" s="137"/>
      <c r="AE2919" s="137"/>
      <c r="AF2919" s="137"/>
      <c r="AG2919" s="137"/>
      <c r="AH2919" s="137"/>
      <c r="AI2919" s="137"/>
      <c r="AJ2919" s="137"/>
      <c r="AK2919" s="206"/>
      <c r="AL2919" s="206"/>
      <c r="AM2919" s="143"/>
      <c r="AN2919" s="137"/>
      <c r="AO2919" s="137"/>
      <c r="AP2919" s="137"/>
      <c r="AQ2919" s="137"/>
      <c r="AR2919" s="137"/>
      <c r="AS2919" s="137"/>
      <c r="AT2919" s="137"/>
      <c r="AU2919" s="137"/>
      <c r="AV2919" s="137"/>
      <c r="AW2919" s="144"/>
    </row>
    <row r="2920" spans="2:49" x14ac:dyDescent="0.2">
      <c r="B2920" s="97"/>
      <c r="J2920" s="98"/>
      <c r="K2920" s="97"/>
      <c r="N2920" s="3"/>
      <c r="W2920" s="98"/>
      <c r="Z2920" s="143"/>
      <c r="AA2920" s="137"/>
      <c r="AB2920" s="137"/>
      <c r="AC2920" s="137"/>
      <c r="AD2920" s="137"/>
      <c r="AE2920" s="137"/>
      <c r="AF2920" s="137"/>
      <c r="AG2920" s="137"/>
      <c r="AH2920" s="137"/>
      <c r="AI2920" s="137"/>
      <c r="AJ2920" s="137"/>
      <c r="AK2920" s="206"/>
      <c r="AL2920" s="206"/>
      <c r="AM2920" s="143"/>
      <c r="AN2920" s="137"/>
      <c r="AO2920" s="137"/>
      <c r="AP2920" s="137"/>
      <c r="AQ2920" s="137"/>
      <c r="AR2920" s="137"/>
      <c r="AS2920" s="137"/>
      <c r="AT2920" s="137"/>
      <c r="AU2920" s="137"/>
      <c r="AV2920" s="137"/>
      <c r="AW2920" s="144"/>
    </row>
    <row r="2921" spans="2:49" x14ac:dyDescent="0.2">
      <c r="B2921" s="97"/>
      <c r="J2921" s="98"/>
      <c r="K2921" s="97"/>
      <c r="N2921" s="3"/>
      <c r="W2921" s="98"/>
      <c r="Z2921" s="143"/>
      <c r="AA2921" s="137"/>
      <c r="AB2921" s="137"/>
      <c r="AC2921" s="137"/>
      <c r="AD2921" s="137"/>
      <c r="AE2921" s="137"/>
      <c r="AF2921" s="137"/>
      <c r="AG2921" s="137"/>
      <c r="AH2921" s="137"/>
      <c r="AI2921" s="137"/>
      <c r="AJ2921" s="137"/>
      <c r="AK2921" s="206"/>
      <c r="AL2921" s="206"/>
      <c r="AM2921" s="143"/>
      <c r="AN2921" s="137"/>
      <c r="AO2921" s="137"/>
      <c r="AP2921" s="137"/>
      <c r="AQ2921" s="137"/>
      <c r="AR2921" s="137"/>
      <c r="AS2921" s="137"/>
      <c r="AT2921" s="137"/>
      <c r="AU2921" s="137"/>
      <c r="AV2921" s="137"/>
      <c r="AW2921" s="144"/>
    </row>
    <row r="2922" spans="2:49" x14ac:dyDescent="0.2">
      <c r="B2922" s="97"/>
      <c r="J2922" s="98"/>
      <c r="K2922" s="97"/>
      <c r="N2922" s="3"/>
      <c r="W2922" s="98"/>
      <c r="Z2922" s="143"/>
      <c r="AA2922" s="137"/>
      <c r="AB2922" s="137"/>
      <c r="AC2922" s="137"/>
      <c r="AD2922" s="137"/>
      <c r="AE2922" s="137"/>
      <c r="AF2922" s="137"/>
      <c r="AG2922" s="137"/>
      <c r="AH2922" s="137"/>
      <c r="AI2922" s="137"/>
      <c r="AJ2922" s="137"/>
      <c r="AK2922" s="206"/>
      <c r="AL2922" s="206"/>
      <c r="AM2922" s="143"/>
      <c r="AN2922" s="137"/>
      <c r="AO2922" s="137"/>
      <c r="AP2922" s="137"/>
      <c r="AQ2922" s="137"/>
      <c r="AR2922" s="137"/>
      <c r="AS2922" s="137"/>
      <c r="AT2922" s="137"/>
      <c r="AU2922" s="137"/>
      <c r="AV2922" s="137"/>
      <c r="AW2922" s="144"/>
    </row>
    <row r="2923" spans="2:49" x14ac:dyDescent="0.2">
      <c r="B2923" s="97"/>
      <c r="J2923" s="98"/>
      <c r="K2923" s="97"/>
      <c r="N2923" s="3"/>
      <c r="W2923" s="98"/>
      <c r="Z2923" s="143"/>
      <c r="AA2923" s="137"/>
      <c r="AB2923" s="137"/>
      <c r="AC2923" s="137"/>
      <c r="AD2923" s="137"/>
      <c r="AE2923" s="137"/>
      <c r="AF2923" s="137"/>
      <c r="AG2923" s="137"/>
      <c r="AH2923" s="137"/>
      <c r="AI2923" s="137"/>
      <c r="AJ2923" s="137"/>
      <c r="AK2923" s="206"/>
      <c r="AL2923" s="206"/>
      <c r="AM2923" s="143"/>
      <c r="AN2923" s="137"/>
      <c r="AO2923" s="137"/>
      <c r="AP2923" s="137"/>
      <c r="AQ2923" s="137"/>
      <c r="AR2923" s="137"/>
      <c r="AS2923" s="137"/>
      <c r="AT2923" s="137"/>
      <c r="AU2923" s="137"/>
      <c r="AV2923" s="137"/>
      <c r="AW2923" s="144"/>
    </row>
    <row r="2924" spans="2:49" x14ac:dyDescent="0.2">
      <c r="B2924" s="97"/>
      <c r="J2924" s="98"/>
      <c r="K2924" s="97"/>
      <c r="N2924" s="3"/>
      <c r="W2924" s="98"/>
      <c r="Z2924" s="143"/>
      <c r="AA2924" s="137"/>
      <c r="AB2924" s="137"/>
      <c r="AC2924" s="137"/>
      <c r="AD2924" s="137"/>
      <c r="AE2924" s="137"/>
      <c r="AF2924" s="137"/>
      <c r="AG2924" s="137"/>
      <c r="AH2924" s="137"/>
      <c r="AI2924" s="137"/>
      <c r="AJ2924" s="137"/>
      <c r="AK2924" s="206"/>
      <c r="AL2924" s="206"/>
      <c r="AM2924" s="143"/>
      <c r="AN2924" s="137"/>
      <c r="AO2924" s="137"/>
      <c r="AP2924" s="137"/>
      <c r="AQ2924" s="137"/>
      <c r="AR2924" s="137"/>
      <c r="AS2924" s="137"/>
      <c r="AT2924" s="137"/>
      <c r="AU2924" s="137"/>
      <c r="AV2924" s="137"/>
      <c r="AW2924" s="144"/>
    </row>
    <row r="2925" spans="2:49" x14ac:dyDescent="0.2">
      <c r="B2925" s="97"/>
      <c r="J2925" s="98"/>
      <c r="K2925" s="97"/>
      <c r="N2925" s="3"/>
      <c r="W2925" s="98"/>
      <c r="Z2925" s="143"/>
      <c r="AA2925" s="137"/>
      <c r="AB2925" s="137"/>
      <c r="AC2925" s="137"/>
      <c r="AD2925" s="137"/>
      <c r="AE2925" s="137"/>
      <c r="AF2925" s="137"/>
      <c r="AG2925" s="137"/>
      <c r="AH2925" s="137"/>
      <c r="AI2925" s="137"/>
      <c r="AJ2925" s="137"/>
      <c r="AK2925" s="206"/>
      <c r="AL2925" s="206"/>
      <c r="AM2925" s="143"/>
      <c r="AN2925" s="137"/>
      <c r="AO2925" s="137"/>
      <c r="AP2925" s="137"/>
      <c r="AQ2925" s="137"/>
      <c r="AR2925" s="137"/>
      <c r="AS2925" s="137"/>
      <c r="AT2925" s="137"/>
      <c r="AU2925" s="137"/>
      <c r="AV2925" s="137"/>
      <c r="AW2925" s="144"/>
    </row>
    <row r="2926" spans="2:49" x14ac:dyDescent="0.2">
      <c r="B2926" s="97"/>
      <c r="J2926" s="98"/>
      <c r="K2926" s="97"/>
      <c r="N2926" s="3"/>
      <c r="W2926" s="98"/>
      <c r="Z2926" s="143"/>
      <c r="AA2926" s="137"/>
      <c r="AB2926" s="137"/>
      <c r="AC2926" s="137"/>
      <c r="AD2926" s="137"/>
      <c r="AE2926" s="137"/>
      <c r="AF2926" s="137"/>
      <c r="AG2926" s="137"/>
      <c r="AH2926" s="137"/>
      <c r="AI2926" s="137"/>
      <c r="AJ2926" s="137"/>
      <c r="AK2926" s="206"/>
      <c r="AL2926" s="206"/>
      <c r="AM2926" s="143"/>
      <c r="AN2926" s="137"/>
      <c r="AO2926" s="137"/>
      <c r="AP2926" s="137"/>
      <c r="AQ2926" s="137"/>
      <c r="AR2926" s="137"/>
      <c r="AS2926" s="137"/>
      <c r="AT2926" s="137"/>
      <c r="AU2926" s="137"/>
      <c r="AV2926" s="137"/>
      <c r="AW2926" s="144"/>
    </row>
    <row r="2927" spans="2:49" x14ac:dyDescent="0.2">
      <c r="B2927" s="97"/>
      <c r="J2927" s="98"/>
      <c r="K2927" s="97"/>
      <c r="N2927" s="3"/>
      <c r="W2927" s="98"/>
      <c r="Z2927" s="143"/>
      <c r="AA2927" s="137"/>
      <c r="AB2927" s="137"/>
      <c r="AC2927" s="137"/>
      <c r="AD2927" s="137"/>
      <c r="AE2927" s="137"/>
      <c r="AF2927" s="137"/>
      <c r="AG2927" s="137"/>
      <c r="AH2927" s="137"/>
      <c r="AI2927" s="137"/>
      <c r="AJ2927" s="137"/>
      <c r="AK2927" s="206"/>
      <c r="AL2927" s="206"/>
      <c r="AM2927" s="143"/>
      <c r="AN2927" s="137"/>
      <c r="AO2927" s="137"/>
      <c r="AP2927" s="137"/>
      <c r="AQ2927" s="137"/>
      <c r="AR2927" s="137"/>
      <c r="AS2927" s="137"/>
      <c r="AT2927" s="137"/>
      <c r="AU2927" s="137"/>
      <c r="AV2927" s="137"/>
      <c r="AW2927" s="144"/>
    </row>
    <row r="2928" spans="2:49" x14ac:dyDescent="0.2">
      <c r="B2928" s="97"/>
      <c r="J2928" s="98"/>
      <c r="K2928" s="97"/>
      <c r="N2928" s="3"/>
      <c r="W2928" s="98"/>
      <c r="Z2928" s="143"/>
      <c r="AA2928" s="137"/>
      <c r="AB2928" s="137"/>
      <c r="AC2928" s="137"/>
      <c r="AD2928" s="137"/>
      <c r="AE2928" s="137"/>
      <c r="AF2928" s="137"/>
      <c r="AG2928" s="137"/>
      <c r="AH2928" s="137"/>
      <c r="AI2928" s="137"/>
      <c r="AJ2928" s="137"/>
      <c r="AK2928" s="206"/>
      <c r="AL2928" s="206"/>
      <c r="AM2928" s="143"/>
      <c r="AN2928" s="137"/>
      <c r="AO2928" s="137"/>
      <c r="AP2928" s="137"/>
      <c r="AQ2928" s="137"/>
      <c r="AR2928" s="137"/>
      <c r="AS2928" s="137"/>
      <c r="AT2928" s="137"/>
      <c r="AU2928" s="137"/>
      <c r="AV2928" s="137"/>
      <c r="AW2928" s="144"/>
    </row>
    <row r="2929" spans="2:49" x14ac:dyDescent="0.2">
      <c r="B2929" s="97"/>
      <c r="J2929" s="98"/>
      <c r="K2929" s="97"/>
      <c r="N2929" s="3"/>
      <c r="W2929" s="98"/>
      <c r="Z2929" s="143"/>
      <c r="AA2929" s="137"/>
      <c r="AB2929" s="137"/>
      <c r="AC2929" s="137"/>
      <c r="AD2929" s="137"/>
      <c r="AE2929" s="137"/>
      <c r="AF2929" s="137"/>
      <c r="AG2929" s="137"/>
      <c r="AH2929" s="137"/>
      <c r="AI2929" s="137"/>
      <c r="AJ2929" s="137"/>
      <c r="AK2929" s="206"/>
      <c r="AL2929" s="206"/>
      <c r="AM2929" s="143"/>
      <c r="AN2929" s="137"/>
      <c r="AO2929" s="137"/>
      <c r="AP2929" s="137"/>
      <c r="AQ2929" s="137"/>
      <c r="AR2929" s="137"/>
      <c r="AS2929" s="137"/>
      <c r="AT2929" s="137"/>
      <c r="AU2929" s="137"/>
      <c r="AV2929" s="137"/>
      <c r="AW2929" s="144"/>
    </row>
    <row r="2930" spans="2:49" x14ac:dyDescent="0.2">
      <c r="B2930" s="97"/>
      <c r="J2930" s="98"/>
      <c r="K2930" s="97"/>
      <c r="N2930" s="3"/>
      <c r="W2930" s="98"/>
      <c r="Z2930" s="143"/>
      <c r="AA2930" s="137"/>
      <c r="AB2930" s="137"/>
      <c r="AC2930" s="137"/>
      <c r="AD2930" s="137"/>
      <c r="AE2930" s="137"/>
      <c r="AF2930" s="137"/>
      <c r="AG2930" s="137"/>
      <c r="AH2930" s="137"/>
      <c r="AI2930" s="137"/>
      <c r="AJ2930" s="137"/>
      <c r="AK2930" s="206"/>
      <c r="AL2930" s="206"/>
      <c r="AM2930" s="143"/>
      <c r="AN2930" s="137"/>
      <c r="AO2930" s="137"/>
      <c r="AP2930" s="137"/>
      <c r="AQ2930" s="137"/>
      <c r="AR2930" s="137"/>
      <c r="AS2930" s="137"/>
      <c r="AT2930" s="137"/>
      <c r="AU2930" s="137"/>
      <c r="AV2930" s="137"/>
      <c r="AW2930" s="144"/>
    </row>
    <row r="2931" spans="2:49" x14ac:dyDescent="0.2">
      <c r="B2931" s="97"/>
      <c r="J2931" s="98"/>
      <c r="K2931" s="97"/>
      <c r="N2931" s="3"/>
      <c r="W2931" s="98"/>
      <c r="Z2931" s="143"/>
      <c r="AA2931" s="137"/>
      <c r="AB2931" s="137"/>
      <c r="AC2931" s="137"/>
      <c r="AD2931" s="137"/>
      <c r="AE2931" s="137"/>
      <c r="AF2931" s="137"/>
      <c r="AG2931" s="137"/>
      <c r="AH2931" s="137"/>
      <c r="AI2931" s="137"/>
      <c r="AJ2931" s="137"/>
      <c r="AK2931" s="206"/>
      <c r="AL2931" s="206"/>
      <c r="AM2931" s="143"/>
      <c r="AN2931" s="137"/>
      <c r="AO2931" s="137"/>
      <c r="AP2931" s="137"/>
      <c r="AQ2931" s="137"/>
      <c r="AR2931" s="137"/>
      <c r="AS2931" s="137"/>
      <c r="AT2931" s="137"/>
      <c r="AU2931" s="137"/>
      <c r="AV2931" s="137"/>
      <c r="AW2931" s="144"/>
    </row>
    <row r="2932" spans="2:49" x14ac:dyDescent="0.2">
      <c r="B2932" s="97"/>
      <c r="J2932" s="98"/>
      <c r="K2932" s="97"/>
      <c r="N2932" s="3"/>
      <c r="W2932" s="98"/>
      <c r="Z2932" s="143"/>
      <c r="AA2932" s="137"/>
      <c r="AB2932" s="137"/>
      <c r="AC2932" s="137"/>
      <c r="AD2932" s="137"/>
      <c r="AE2932" s="137"/>
      <c r="AF2932" s="137"/>
      <c r="AG2932" s="137"/>
      <c r="AH2932" s="137"/>
      <c r="AI2932" s="137"/>
      <c r="AJ2932" s="137"/>
      <c r="AK2932" s="206"/>
      <c r="AL2932" s="206"/>
      <c r="AM2932" s="143"/>
      <c r="AN2932" s="137"/>
      <c r="AO2932" s="137"/>
      <c r="AP2932" s="137"/>
      <c r="AQ2932" s="137"/>
      <c r="AR2932" s="137"/>
      <c r="AS2932" s="137"/>
      <c r="AT2932" s="137"/>
      <c r="AU2932" s="137"/>
      <c r="AV2932" s="137"/>
      <c r="AW2932" s="144"/>
    </row>
    <row r="2933" spans="2:49" x14ac:dyDescent="0.2">
      <c r="B2933" s="97"/>
      <c r="J2933" s="98"/>
      <c r="K2933" s="97"/>
      <c r="N2933" s="3"/>
      <c r="W2933" s="98"/>
      <c r="Z2933" s="143"/>
      <c r="AA2933" s="137"/>
      <c r="AB2933" s="137"/>
      <c r="AC2933" s="137"/>
      <c r="AD2933" s="137"/>
      <c r="AE2933" s="137"/>
      <c r="AF2933" s="137"/>
      <c r="AG2933" s="137"/>
      <c r="AH2933" s="137"/>
      <c r="AI2933" s="137"/>
      <c r="AJ2933" s="137"/>
      <c r="AK2933" s="206"/>
      <c r="AL2933" s="206"/>
      <c r="AM2933" s="143"/>
      <c r="AN2933" s="137"/>
      <c r="AO2933" s="137"/>
      <c r="AP2933" s="137"/>
      <c r="AQ2933" s="137"/>
      <c r="AR2933" s="137"/>
      <c r="AS2933" s="137"/>
      <c r="AT2933" s="137"/>
      <c r="AU2933" s="137"/>
      <c r="AV2933" s="137"/>
      <c r="AW2933" s="144"/>
    </row>
    <row r="2934" spans="2:49" x14ac:dyDescent="0.2">
      <c r="B2934" s="97"/>
      <c r="J2934" s="98"/>
      <c r="K2934" s="97"/>
      <c r="N2934" s="3"/>
      <c r="W2934" s="98"/>
      <c r="Z2934" s="143"/>
      <c r="AA2934" s="137"/>
      <c r="AB2934" s="137"/>
      <c r="AC2934" s="137"/>
      <c r="AD2934" s="137"/>
      <c r="AE2934" s="137"/>
      <c r="AF2934" s="137"/>
      <c r="AG2934" s="137"/>
      <c r="AH2934" s="137"/>
      <c r="AI2934" s="137"/>
      <c r="AJ2934" s="137"/>
      <c r="AK2934" s="206"/>
      <c r="AL2934" s="206"/>
      <c r="AM2934" s="143"/>
      <c r="AN2934" s="137"/>
      <c r="AO2934" s="137"/>
      <c r="AP2934" s="137"/>
      <c r="AQ2934" s="137"/>
      <c r="AR2934" s="137"/>
      <c r="AS2934" s="137"/>
      <c r="AT2934" s="137"/>
      <c r="AU2934" s="137"/>
      <c r="AV2934" s="137"/>
      <c r="AW2934" s="144"/>
    </row>
    <row r="2935" spans="2:49" x14ac:dyDescent="0.2">
      <c r="B2935" s="97"/>
      <c r="J2935" s="98"/>
      <c r="K2935" s="97"/>
      <c r="N2935" s="3"/>
      <c r="W2935" s="98"/>
      <c r="Z2935" s="143"/>
      <c r="AA2935" s="137"/>
      <c r="AB2935" s="137"/>
      <c r="AC2935" s="137"/>
      <c r="AD2935" s="137"/>
      <c r="AE2935" s="137"/>
      <c r="AF2935" s="137"/>
      <c r="AG2935" s="137"/>
      <c r="AH2935" s="137"/>
      <c r="AI2935" s="137"/>
      <c r="AJ2935" s="137"/>
      <c r="AK2935" s="206"/>
      <c r="AL2935" s="206"/>
      <c r="AM2935" s="143"/>
      <c r="AN2935" s="137"/>
      <c r="AO2935" s="137"/>
      <c r="AP2935" s="137"/>
      <c r="AQ2935" s="137"/>
      <c r="AR2935" s="137"/>
      <c r="AS2935" s="137"/>
      <c r="AT2935" s="137"/>
      <c r="AU2935" s="137"/>
      <c r="AV2935" s="137"/>
      <c r="AW2935" s="144"/>
    </row>
    <row r="2936" spans="2:49" x14ac:dyDescent="0.2">
      <c r="B2936" s="97"/>
      <c r="J2936" s="98"/>
      <c r="K2936" s="97"/>
      <c r="N2936" s="3"/>
      <c r="W2936" s="98"/>
      <c r="Z2936" s="143"/>
      <c r="AA2936" s="137"/>
      <c r="AB2936" s="137"/>
      <c r="AC2936" s="137"/>
      <c r="AD2936" s="137"/>
      <c r="AE2936" s="137"/>
      <c r="AF2936" s="137"/>
      <c r="AG2936" s="137"/>
      <c r="AH2936" s="137"/>
      <c r="AI2936" s="137"/>
      <c r="AJ2936" s="137"/>
      <c r="AK2936" s="206"/>
      <c r="AL2936" s="206"/>
      <c r="AM2936" s="143"/>
      <c r="AN2936" s="137"/>
      <c r="AO2936" s="137"/>
      <c r="AP2936" s="137"/>
      <c r="AQ2936" s="137"/>
      <c r="AR2936" s="137"/>
      <c r="AS2936" s="137"/>
      <c r="AT2936" s="137"/>
      <c r="AU2936" s="137"/>
      <c r="AV2936" s="137"/>
      <c r="AW2936" s="144"/>
    </row>
    <row r="2937" spans="2:49" x14ac:dyDescent="0.2">
      <c r="B2937" s="97"/>
      <c r="J2937" s="98"/>
      <c r="K2937" s="97"/>
      <c r="N2937" s="3"/>
      <c r="W2937" s="98"/>
      <c r="Z2937" s="143"/>
      <c r="AA2937" s="137"/>
      <c r="AB2937" s="137"/>
      <c r="AC2937" s="137"/>
      <c r="AD2937" s="137"/>
      <c r="AE2937" s="137"/>
      <c r="AF2937" s="137"/>
      <c r="AG2937" s="137"/>
      <c r="AH2937" s="137"/>
      <c r="AI2937" s="137"/>
      <c r="AJ2937" s="137"/>
      <c r="AK2937" s="206"/>
      <c r="AL2937" s="206"/>
      <c r="AM2937" s="143"/>
      <c r="AN2937" s="137"/>
      <c r="AO2937" s="137"/>
      <c r="AP2937" s="137"/>
      <c r="AQ2937" s="137"/>
      <c r="AR2937" s="137"/>
      <c r="AS2937" s="137"/>
      <c r="AT2937" s="137"/>
      <c r="AU2937" s="137"/>
      <c r="AV2937" s="137"/>
      <c r="AW2937" s="144"/>
    </row>
    <row r="2938" spans="2:49" x14ac:dyDescent="0.2">
      <c r="B2938" s="97"/>
      <c r="J2938" s="98"/>
      <c r="K2938" s="97"/>
      <c r="N2938" s="3"/>
      <c r="W2938" s="98"/>
      <c r="Z2938" s="143"/>
      <c r="AA2938" s="137"/>
      <c r="AB2938" s="137"/>
      <c r="AC2938" s="137"/>
      <c r="AD2938" s="137"/>
      <c r="AE2938" s="137"/>
      <c r="AF2938" s="137"/>
      <c r="AG2938" s="137"/>
      <c r="AH2938" s="137"/>
      <c r="AI2938" s="137"/>
      <c r="AJ2938" s="137"/>
      <c r="AK2938" s="206"/>
      <c r="AL2938" s="206"/>
      <c r="AM2938" s="143"/>
      <c r="AN2938" s="137"/>
      <c r="AO2938" s="137"/>
      <c r="AP2938" s="137"/>
      <c r="AQ2938" s="137"/>
      <c r="AR2938" s="137"/>
      <c r="AS2938" s="137"/>
      <c r="AT2938" s="137"/>
      <c r="AU2938" s="137"/>
      <c r="AV2938" s="137"/>
      <c r="AW2938" s="144"/>
    </row>
    <row r="2939" spans="2:49" x14ac:dyDescent="0.2">
      <c r="B2939" s="97"/>
      <c r="J2939" s="98"/>
      <c r="K2939" s="97"/>
      <c r="N2939" s="3"/>
      <c r="W2939" s="98"/>
      <c r="Z2939" s="143"/>
      <c r="AA2939" s="137"/>
      <c r="AB2939" s="137"/>
      <c r="AC2939" s="137"/>
      <c r="AD2939" s="137"/>
      <c r="AE2939" s="137"/>
      <c r="AF2939" s="137"/>
      <c r="AG2939" s="137"/>
      <c r="AH2939" s="137"/>
      <c r="AI2939" s="137"/>
      <c r="AJ2939" s="137"/>
      <c r="AK2939" s="206"/>
      <c r="AL2939" s="206"/>
      <c r="AM2939" s="143"/>
      <c r="AN2939" s="137"/>
      <c r="AO2939" s="137"/>
      <c r="AP2939" s="137"/>
      <c r="AQ2939" s="137"/>
      <c r="AR2939" s="137"/>
      <c r="AS2939" s="137"/>
      <c r="AT2939" s="137"/>
      <c r="AU2939" s="137"/>
      <c r="AV2939" s="137"/>
      <c r="AW2939" s="144"/>
    </row>
    <row r="2940" spans="2:49" x14ac:dyDescent="0.2">
      <c r="B2940" s="97"/>
      <c r="J2940" s="98"/>
      <c r="K2940" s="97"/>
      <c r="N2940" s="3"/>
      <c r="W2940" s="98"/>
      <c r="Z2940" s="143"/>
      <c r="AA2940" s="137"/>
      <c r="AB2940" s="137"/>
      <c r="AC2940" s="137"/>
      <c r="AD2940" s="137"/>
      <c r="AE2940" s="137"/>
      <c r="AF2940" s="137"/>
      <c r="AG2940" s="137"/>
      <c r="AH2940" s="137"/>
      <c r="AI2940" s="137"/>
      <c r="AJ2940" s="137"/>
      <c r="AK2940" s="206"/>
      <c r="AL2940" s="206"/>
      <c r="AM2940" s="143"/>
      <c r="AN2940" s="137"/>
      <c r="AO2940" s="137"/>
      <c r="AP2940" s="137"/>
      <c r="AQ2940" s="137"/>
      <c r="AR2940" s="137"/>
      <c r="AS2940" s="137"/>
      <c r="AT2940" s="137"/>
      <c r="AU2940" s="137"/>
      <c r="AV2940" s="137"/>
      <c r="AW2940" s="144"/>
    </row>
    <row r="2941" spans="2:49" x14ac:dyDescent="0.2">
      <c r="B2941" s="97"/>
      <c r="J2941" s="98"/>
      <c r="K2941" s="97"/>
      <c r="N2941" s="3"/>
      <c r="W2941" s="98"/>
      <c r="Z2941" s="143"/>
      <c r="AA2941" s="137"/>
      <c r="AB2941" s="137"/>
      <c r="AC2941" s="137"/>
      <c r="AD2941" s="137"/>
      <c r="AE2941" s="137"/>
      <c r="AF2941" s="137"/>
      <c r="AG2941" s="137"/>
      <c r="AH2941" s="137"/>
      <c r="AI2941" s="137"/>
      <c r="AJ2941" s="137"/>
      <c r="AK2941" s="206"/>
      <c r="AL2941" s="206"/>
      <c r="AM2941" s="143"/>
      <c r="AN2941" s="137"/>
      <c r="AO2941" s="137"/>
      <c r="AP2941" s="137"/>
      <c r="AQ2941" s="137"/>
      <c r="AR2941" s="137"/>
      <c r="AS2941" s="137"/>
      <c r="AT2941" s="137"/>
      <c r="AU2941" s="137"/>
      <c r="AV2941" s="137"/>
      <c r="AW2941" s="144"/>
    </row>
    <row r="2942" spans="2:49" x14ac:dyDescent="0.2">
      <c r="B2942" s="97"/>
      <c r="J2942" s="98"/>
      <c r="K2942" s="97"/>
      <c r="N2942" s="3"/>
      <c r="W2942" s="98"/>
      <c r="Z2942" s="143"/>
      <c r="AA2942" s="137"/>
      <c r="AB2942" s="137"/>
      <c r="AC2942" s="137"/>
      <c r="AD2942" s="137"/>
      <c r="AE2942" s="137"/>
      <c r="AF2942" s="137"/>
      <c r="AG2942" s="137"/>
      <c r="AH2942" s="137"/>
      <c r="AI2942" s="137"/>
      <c r="AJ2942" s="137"/>
      <c r="AK2942" s="206"/>
      <c r="AL2942" s="206"/>
      <c r="AM2942" s="143"/>
      <c r="AN2942" s="137"/>
      <c r="AO2942" s="137"/>
      <c r="AP2942" s="137"/>
      <c r="AQ2942" s="137"/>
      <c r="AR2942" s="137"/>
      <c r="AS2942" s="137"/>
      <c r="AT2942" s="137"/>
      <c r="AU2942" s="137"/>
      <c r="AV2942" s="137"/>
      <c r="AW2942" s="144"/>
    </row>
    <row r="2943" spans="2:49" x14ac:dyDescent="0.2">
      <c r="B2943" s="97"/>
      <c r="J2943" s="98"/>
      <c r="K2943" s="97"/>
      <c r="N2943" s="3"/>
      <c r="W2943" s="98"/>
      <c r="Z2943" s="143"/>
      <c r="AA2943" s="137"/>
      <c r="AB2943" s="137"/>
      <c r="AC2943" s="137"/>
      <c r="AD2943" s="137"/>
      <c r="AE2943" s="137"/>
      <c r="AF2943" s="137"/>
      <c r="AG2943" s="137"/>
      <c r="AH2943" s="137"/>
      <c r="AI2943" s="137"/>
      <c r="AJ2943" s="137"/>
      <c r="AK2943" s="206"/>
      <c r="AL2943" s="206"/>
      <c r="AM2943" s="143"/>
      <c r="AN2943" s="137"/>
      <c r="AO2943" s="137"/>
      <c r="AP2943" s="137"/>
      <c r="AQ2943" s="137"/>
      <c r="AR2943" s="137"/>
      <c r="AS2943" s="137"/>
      <c r="AT2943" s="137"/>
      <c r="AU2943" s="137"/>
      <c r="AV2943" s="137"/>
      <c r="AW2943" s="144"/>
    </row>
    <row r="2944" spans="2:49" x14ac:dyDescent="0.2">
      <c r="B2944" s="97"/>
      <c r="J2944" s="98"/>
      <c r="K2944" s="97"/>
      <c r="N2944" s="3"/>
      <c r="W2944" s="98"/>
      <c r="Z2944" s="143"/>
      <c r="AA2944" s="137"/>
      <c r="AB2944" s="137"/>
      <c r="AC2944" s="137"/>
      <c r="AD2944" s="137"/>
      <c r="AE2944" s="137"/>
      <c r="AF2944" s="137"/>
      <c r="AG2944" s="137"/>
      <c r="AH2944" s="137"/>
      <c r="AI2944" s="137"/>
      <c r="AJ2944" s="137"/>
      <c r="AK2944" s="206"/>
      <c r="AL2944" s="206"/>
      <c r="AM2944" s="143"/>
      <c r="AN2944" s="137"/>
      <c r="AO2944" s="137"/>
      <c r="AP2944" s="137"/>
      <c r="AQ2944" s="137"/>
      <c r="AR2944" s="137"/>
      <c r="AS2944" s="137"/>
      <c r="AT2944" s="137"/>
      <c r="AU2944" s="137"/>
      <c r="AV2944" s="137"/>
      <c r="AW2944" s="144"/>
    </row>
    <row r="2945" spans="2:49" x14ac:dyDescent="0.2">
      <c r="B2945" s="97"/>
      <c r="J2945" s="98"/>
      <c r="K2945" s="97"/>
      <c r="N2945" s="3"/>
      <c r="W2945" s="98"/>
      <c r="Z2945" s="143"/>
      <c r="AA2945" s="137"/>
      <c r="AB2945" s="137"/>
      <c r="AC2945" s="137"/>
      <c r="AD2945" s="137"/>
      <c r="AE2945" s="137"/>
      <c r="AF2945" s="137"/>
      <c r="AG2945" s="137"/>
      <c r="AH2945" s="137"/>
      <c r="AI2945" s="137"/>
      <c r="AJ2945" s="137"/>
      <c r="AK2945" s="206"/>
      <c r="AL2945" s="206"/>
      <c r="AM2945" s="143"/>
      <c r="AN2945" s="137"/>
      <c r="AO2945" s="137"/>
      <c r="AP2945" s="137"/>
      <c r="AQ2945" s="137"/>
      <c r="AR2945" s="137"/>
      <c r="AS2945" s="137"/>
      <c r="AT2945" s="137"/>
      <c r="AU2945" s="137"/>
      <c r="AV2945" s="137"/>
      <c r="AW2945" s="144"/>
    </row>
    <row r="2946" spans="2:49" x14ac:dyDescent="0.2">
      <c r="B2946" s="97"/>
      <c r="J2946" s="98"/>
      <c r="K2946" s="97"/>
      <c r="N2946" s="3"/>
      <c r="W2946" s="98"/>
      <c r="Z2946" s="143"/>
      <c r="AA2946" s="137"/>
      <c r="AB2946" s="137"/>
      <c r="AC2946" s="137"/>
      <c r="AD2946" s="137"/>
      <c r="AE2946" s="137"/>
      <c r="AF2946" s="137"/>
      <c r="AG2946" s="137"/>
      <c r="AH2946" s="137"/>
      <c r="AI2946" s="137"/>
      <c r="AJ2946" s="137"/>
      <c r="AK2946" s="206"/>
      <c r="AL2946" s="206"/>
      <c r="AM2946" s="143"/>
      <c r="AN2946" s="137"/>
      <c r="AO2946" s="137"/>
      <c r="AP2946" s="137"/>
      <c r="AQ2946" s="137"/>
      <c r="AR2946" s="137"/>
      <c r="AS2946" s="137"/>
      <c r="AT2946" s="137"/>
      <c r="AU2946" s="137"/>
      <c r="AV2946" s="137"/>
      <c r="AW2946" s="144"/>
    </row>
    <row r="2947" spans="2:49" x14ac:dyDescent="0.2">
      <c r="B2947" s="97"/>
      <c r="J2947" s="98"/>
      <c r="K2947" s="97"/>
      <c r="N2947" s="3"/>
      <c r="W2947" s="98"/>
      <c r="Z2947" s="143"/>
      <c r="AA2947" s="137"/>
      <c r="AB2947" s="137"/>
      <c r="AC2947" s="137"/>
      <c r="AD2947" s="137"/>
      <c r="AE2947" s="137"/>
      <c r="AF2947" s="137"/>
      <c r="AG2947" s="137"/>
      <c r="AH2947" s="137"/>
      <c r="AI2947" s="137"/>
      <c r="AJ2947" s="137"/>
      <c r="AK2947" s="206"/>
      <c r="AL2947" s="206"/>
      <c r="AM2947" s="143"/>
      <c r="AN2947" s="137"/>
      <c r="AO2947" s="137"/>
      <c r="AP2947" s="137"/>
      <c r="AQ2947" s="137"/>
      <c r="AR2947" s="137"/>
      <c r="AS2947" s="137"/>
      <c r="AT2947" s="137"/>
      <c r="AU2947" s="137"/>
      <c r="AV2947" s="137"/>
      <c r="AW2947" s="144"/>
    </row>
    <row r="2948" spans="2:49" x14ac:dyDescent="0.2">
      <c r="B2948" s="97"/>
      <c r="J2948" s="98"/>
      <c r="K2948" s="97"/>
      <c r="N2948" s="3"/>
      <c r="W2948" s="98"/>
      <c r="Z2948" s="143"/>
      <c r="AA2948" s="137"/>
      <c r="AB2948" s="137"/>
      <c r="AC2948" s="137"/>
      <c r="AD2948" s="137"/>
      <c r="AE2948" s="137"/>
      <c r="AF2948" s="137"/>
      <c r="AG2948" s="137"/>
      <c r="AH2948" s="137"/>
      <c r="AI2948" s="137"/>
      <c r="AJ2948" s="137"/>
      <c r="AK2948" s="206"/>
      <c r="AL2948" s="206"/>
      <c r="AM2948" s="143"/>
      <c r="AN2948" s="137"/>
      <c r="AO2948" s="137"/>
      <c r="AP2948" s="137"/>
      <c r="AQ2948" s="137"/>
      <c r="AR2948" s="137"/>
      <c r="AS2948" s="137"/>
      <c r="AT2948" s="137"/>
      <c r="AU2948" s="137"/>
      <c r="AV2948" s="137"/>
      <c r="AW2948" s="144"/>
    </row>
    <row r="2949" spans="2:49" x14ac:dyDescent="0.2">
      <c r="B2949" s="97"/>
      <c r="J2949" s="98"/>
      <c r="K2949" s="97"/>
      <c r="N2949" s="3"/>
      <c r="W2949" s="98"/>
      <c r="Z2949" s="143"/>
      <c r="AA2949" s="137"/>
      <c r="AB2949" s="137"/>
      <c r="AC2949" s="137"/>
      <c r="AD2949" s="137"/>
      <c r="AE2949" s="137"/>
      <c r="AF2949" s="137"/>
      <c r="AG2949" s="137"/>
      <c r="AH2949" s="137"/>
      <c r="AI2949" s="137"/>
      <c r="AJ2949" s="137"/>
      <c r="AK2949" s="206"/>
      <c r="AL2949" s="206"/>
      <c r="AM2949" s="143"/>
      <c r="AN2949" s="137"/>
      <c r="AO2949" s="137"/>
      <c r="AP2949" s="137"/>
      <c r="AQ2949" s="137"/>
      <c r="AR2949" s="137"/>
      <c r="AS2949" s="137"/>
      <c r="AT2949" s="137"/>
      <c r="AU2949" s="137"/>
      <c r="AV2949" s="137"/>
      <c r="AW2949" s="144"/>
    </row>
    <row r="2950" spans="2:49" x14ac:dyDescent="0.2">
      <c r="B2950" s="97"/>
      <c r="J2950" s="98"/>
      <c r="K2950" s="97"/>
      <c r="N2950" s="3"/>
      <c r="W2950" s="98"/>
      <c r="Z2950" s="143"/>
      <c r="AA2950" s="137"/>
      <c r="AB2950" s="137"/>
      <c r="AC2950" s="137"/>
      <c r="AD2950" s="137"/>
      <c r="AE2950" s="137"/>
      <c r="AF2950" s="137"/>
      <c r="AG2950" s="137"/>
      <c r="AH2950" s="137"/>
      <c r="AI2950" s="137"/>
      <c r="AJ2950" s="137"/>
      <c r="AK2950" s="206"/>
      <c r="AL2950" s="206"/>
      <c r="AM2950" s="143"/>
      <c r="AN2950" s="137"/>
      <c r="AO2950" s="137"/>
      <c r="AP2950" s="137"/>
      <c r="AQ2950" s="137"/>
      <c r="AR2950" s="137"/>
      <c r="AS2950" s="137"/>
      <c r="AT2950" s="137"/>
      <c r="AU2950" s="137"/>
      <c r="AV2950" s="137"/>
      <c r="AW2950" s="144"/>
    </row>
    <row r="2951" spans="2:49" x14ac:dyDescent="0.2">
      <c r="B2951" s="97"/>
      <c r="J2951" s="98"/>
      <c r="K2951" s="97"/>
      <c r="N2951" s="3"/>
      <c r="W2951" s="98"/>
      <c r="Z2951" s="143"/>
      <c r="AA2951" s="137"/>
      <c r="AB2951" s="137"/>
      <c r="AC2951" s="137"/>
      <c r="AD2951" s="137"/>
      <c r="AE2951" s="137"/>
      <c r="AF2951" s="137"/>
      <c r="AG2951" s="137"/>
      <c r="AH2951" s="137"/>
      <c r="AI2951" s="137"/>
      <c r="AJ2951" s="137"/>
      <c r="AK2951" s="206"/>
      <c r="AL2951" s="206"/>
      <c r="AM2951" s="143"/>
      <c r="AN2951" s="137"/>
      <c r="AO2951" s="137"/>
      <c r="AP2951" s="137"/>
      <c r="AQ2951" s="137"/>
      <c r="AR2951" s="137"/>
      <c r="AS2951" s="137"/>
      <c r="AT2951" s="137"/>
      <c r="AU2951" s="137"/>
      <c r="AV2951" s="137"/>
      <c r="AW2951" s="144"/>
    </row>
    <row r="2952" spans="2:49" x14ac:dyDescent="0.2">
      <c r="B2952" s="97"/>
      <c r="J2952" s="98"/>
      <c r="K2952" s="97"/>
      <c r="N2952" s="3"/>
      <c r="W2952" s="98"/>
      <c r="Z2952" s="143"/>
      <c r="AA2952" s="137"/>
      <c r="AB2952" s="137"/>
      <c r="AC2952" s="137"/>
      <c r="AD2952" s="137"/>
      <c r="AE2952" s="137"/>
      <c r="AF2952" s="137"/>
      <c r="AG2952" s="137"/>
      <c r="AH2952" s="137"/>
      <c r="AI2952" s="137"/>
      <c r="AJ2952" s="137"/>
      <c r="AK2952" s="206"/>
      <c r="AL2952" s="206"/>
      <c r="AM2952" s="143"/>
      <c r="AN2952" s="137"/>
      <c r="AO2952" s="137"/>
      <c r="AP2952" s="137"/>
      <c r="AQ2952" s="137"/>
      <c r="AR2952" s="137"/>
      <c r="AS2952" s="137"/>
      <c r="AT2952" s="137"/>
      <c r="AU2952" s="137"/>
      <c r="AV2952" s="137"/>
      <c r="AW2952" s="144"/>
    </row>
    <row r="2953" spans="2:49" x14ac:dyDescent="0.2">
      <c r="B2953" s="97"/>
      <c r="J2953" s="98"/>
      <c r="K2953" s="97"/>
      <c r="N2953" s="3"/>
      <c r="W2953" s="98"/>
      <c r="Z2953" s="143"/>
      <c r="AA2953" s="137"/>
      <c r="AB2953" s="137"/>
      <c r="AC2953" s="137"/>
      <c r="AD2953" s="137"/>
      <c r="AE2953" s="137"/>
      <c r="AF2953" s="137"/>
      <c r="AG2953" s="137"/>
      <c r="AH2953" s="137"/>
      <c r="AI2953" s="137"/>
      <c r="AJ2953" s="137"/>
      <c r="AK2953" s="206"/>
      <c r="AL2953" s="206"/>
      <c r="AM2953" s="143"/>
      <c r="AN2953" s="137"/>
      <c r="AO2953" s="137"/>
      <c r="AP2953" s="137"/>
      <c r="AQ2953" s="137"/>
      <c r="AR2953" s="137"/>
      <c r="AS2953" s="137"/>
      <c r="AT2953" s="137"/>
      <c r="AU2953" s="137"/>
      <c r="AV2953" s="137"/>
      <c r="AW2953" s="144"/>
    </row>
    <row r="2954" spans="2:49" x14ac:dyDescent="0.2">
      <c r="B2954" s="97"/>
      <c r="J2954" s="98"/>
      <c r="K2954" s="97"/>
      <c r="N2954" s="3"/>
      <c r="W2954" s="98"/>
      <c r="Z2954" s="143"/>
      <c r="AA2954" s="137"/>
      <c r="AB2954" s="137"/>
      <c r="AC2954" s="137"/>
      <c r="AD2954" s="137"/>
      <c r="AE2954" s="137"/>
      <c r="AF2954" s="137"/>
      <c r="AG2954" s="137"/>
      <c r="AH2954" s="137"/>
      <c r="AI2954" s="137"/>
      <c r="AJ2954" s="137"/>
      <c r="AK2954" s="206"/>
      <c r="AL2954" s="206"/>
      <c r="AM2954" s="143"/>
      <c r="AN2954" s="137"/>
      <c r="AO2954" s="137"/>
      <c r="AP2954" s="137"/>
      <c r="AQ2954" s="137"/>
      <c r="AR2954" s="137"/>
      <c r="AS2954" s="137"/>
      <c r="AT2954" s="137"/>
      <c r="AU2954" s="137"/>
      <c r="AV2954" s="137"/>
      <c r="AW2954" s="144"/>
    </row>
    <row r="2955" spans="2:49" x14ac:dyDescent="0.2">
      <c r="B2955" s="97"/>
      <c r="J2955" s="98"/>
      <c r="K2955" s="97"/>
      <c r="N2955" s="3"/>
      <c r="W2955" s="98"/>
      <c r="Z2955" s="143"/>
      <c r="AA2955" s="137"/>
      <c r="AB2955" s="137"/>
      <c r="AC2955" s="137"/>
      <c r="AD2955" s="137"/>
      <c r="AE2955" s="137"/>
      <c r="AF2955" s="137"/>
      <c r="AG2955" s="137"/>
      <c r="AH2955" s="137"/>
      <c r="AI2955" s="137"/>
      <c r="AJ2955" s="137"/>
      <c r="AK2955" s="206"/>
      <c r="AL2955" s="206"/>
      <c r="AM2955" s="143"/>
      <c r="AN2955" s="137"/>
      <c r="AO2955" s="137"/>
      <c r="AP2955" s="137"/>
      <c r="AQ2955" s="137"/>
      <c r="AR2955" s="137"/>
      <c r="AS2955" s="137"/>
      <c r="AT2955" s="137"/>
      <c r="AU2955" s="137"/>
      <c r="AV2955" s="137"/>
      <c r="AW2955" s="144"/>
    </row>
    <row r="2956" spans="2:49" x14ac:dyDescent="0.2">
      <c r="B2956" s="97"/>
      <c r="J2956" s="98"/>
      <c r="K2956" s="97"/>
      <c r="N2956" s="3"/>
      <c r="W2956" s="98"/>
      <c r="Z2956" s="143"/>
      <c r="AA2956" s="137"/>
      <c r="AB2956" s="137"/>
      <c r="AC2956" s="137"/>
      <c r="AD2956" s="137"/>
      <c r="AE2956" s="137"/>
      <c r="AF2956" s="137"/>
      <c r="AG2956" s="137"/>
      <c r="AH2956" s="137"/>
      <c r="AI2956" s="137"/>
      <c r="AJ2956" s="137"/>
      <c r="AK2956" s="206"/>
      <c r="AL2956" s="206"/>
      <c r="AM2956" s="143"/>
      <c r="AN2956" s="137"/>
      <c r="AO2956" s="137"/>
      <c r="AP2956" s="137"/>
      <c r="AQ2956" s="137"/>
      <c r="AR2956" s="137"/>
      <c r="AS2956" s="137"/>
      <c r="AT2956" s="137"/>
      <c r="AU2956" s="137"/>
      <c r="AV2956" s="137"/>
      <c r="AW2956" s="144"/>
    </row>
    <row r="2957" spans="2:49" x14ac:dyDescent="0.2">
      <c r="B2957" s="97"/>
      <c r="J2957" s="98"/>
      <c r="K2957" s="97"/>
      <c r="N2957" s="3"/>
      <c r="W2957" s="98"/>
      <c r="Z2957" s="143"/>
      <c r="AA2957" s="137"/>
      <c r="AB2957" s="137"/>
      <c r="AC2957" s="137"/>
      <c r="AD2957" s="137"/>
      <c r="AE2957" s="137"/>
      <c r="AF2957" s="137"/>
      <c r="AG2957" s="137"/>
      <c r="AH2957" s="137"/>
      <c r="AI2957" s="137"/>
      <c r="AJ2957" s="137"/>
      <c r="AK2957" s="206"/>
      <c r="AL2957" s="206"/>
      <c r="AM2957" s="143"/>
      <c r="AN2957" s="137"/>
      <c r="AO2957" s="137"/>
      <c r="AP2957" s="137"/>
      <c r="AQ2957" s="137"/>
      <c r="AR2957" s="137"/>
      <c r="AS2957" s="137"/>
      <c r="AT2957" s="137"/>
      <c r="AU2957" s="137"/>
      <c r="AV2957" s="137"/>
      <c r="AW2957" s="144"/>
    </row>
    <row r="2958" spans="2:49" x14ac:dyDescent="0.2">
      <c r="B2958" s="97"/>
      <c r="J2958" s="98"/>
      <c r="K2958" s="97"/>
      <c r="N2958" s="3"/>
      <c r="W2958" s="98"/>
      <c r="Z2958" s="143"/>
      <c r="AA2958" s="137"/>
      <c r="AB2958" s="137"/>
      <c r="AC2958" s="137"/>
      <c r="AD2958" s="137"/>
      <c r="AE2958" s="137"/>
      <c r="AF2958" s="137"/>
      <c r="AG2958" s="137"/>
      <c r="AH2958" s="137"/>
      <c r="AI2958" s="137"/>
      <c r="AJ2958" s="137"/>
      <c r="AK2958" s="206"/>
      <c r="AL2958" s="206"/>
      <c r="AM2958" s="143"/>
      <c r="AN2958" s="137"/>
      <c r="AO2958" s="137"/>
      <c r="AP2958" s="137"/>
      <c r="AQ2958" s="137"/>
      <c r="AR2958" s="137"/>
      <c r="AS2958" s="137"/>
      <c r="AT2958" s="137"/>
      <c r="AU2958" s="137"/>
      <c r="AV2958" s="137"/>
      <c r="AW2958" s="144"/>
    </row>
    <row r="2959" spans="2:49" x14ac:dyDescent="0.2">
      <c r="B2959" s="97"/>
      <c r="J2959" s="98"/>
      <c r="K2959" s="97"/>
      <c r="N2959" s="3"/>
      <c r="W2959" s="98"/>
      <c r="Z2959" s="143"/>
      <c r="AA2959" s="137"/>
      <c r="AB2959" s="137"/>
      <c r="AC2959" s="137"/>
      <c r="AD2959" s="137"/>
      <c r="AE2959" s="137"/>
      <c r="AF2959" s="137"/>
      <c r="AG2959" s="137"/>
      <c r="AH2959" s="137"/>
      <c r="AI2959" s="137"/>
      <c r="AJ2959" s="137"/>
      <c r="AK2959" s="206"/>
      <c r="AL2959" s="206"/>
      <c r="AM2959" s="143"/>
      <c r="AN2959" s="137"/>
      <c r="AO2959" s="137"/>
      <c r="AP2959" s="137"/>
      <c r="AQ2959" s="137"/>
      <c r="AR2959" s="137"/>
      <c r="AS2959" s="137"/>
      <c r="AT2959" s="137"/>
      <c r="AU2959" s="137"/>
      <c r="AV2959" s="137"/>
      <c r="AW2959" s="144"/>
    </row>
    <row r="2960" spans="2:49" x14ac:dyDescent="0.2">
      <c r="B2960" s="97"/>
      <c r="J2960" s="98"/>
      <c r="K2960" s="97"/>
      <c r="N2960" s="3"/>
      <c r="W2960" s="98"/>
      <c r="Z2960" s="143"/>
      <c r="AA2960" s="137"/>
      <c r="AB2960" s="137"/>
      <c r="AC2960" s="137"/>
      <c r="AD2960" s="137"/>
      <c r="AE2960" s="137"/>
      <c r="AF2960" s="137"/>
      <c r="AG2960" s="137"/>
      <c r="AH2960" s="137"/>
      <c r="AI2960" s="137"/>
      <c r="AJ2960" s="137"/>
      <c r="AK2960" s="206"/>
      <c r="AL2960" s="206"/>
      <c r="AM2960" s="143"/>
      <c r="AN2960" s="137"/>
      <c r="AO2960" s="137"/>
      <c r="AP2960" s="137"/>
      <c r="AQ2960" s="137"/>
      <c r="AR2960" s="137"/>
      <c r="AS2960" s="137"/>
      <c r="AT2960" s="137"/>
      <c r="AU2960" s="137"/>
      <c r="AV2960" s="137"/>
      <c r="AW2960" s="144"/>
    </row>
    <row r="2961" spans="2:49" x14ac:dyDescent="0.2">
      <c r="B2961" s="97"/>
      <c r="J2961" s="98"/>
      <c r="K2961" s="97"/>
      <c r="N2961" s="3"/>
      <c r="W2961" s="98"/>
      <c r="Z2961" s="143"/>
      <c r="AA2961" s="137"/>
      <c r="AB2961" s="137"/>
      <c r="AC2961" s="137"/>
      <c r="AD2961" s="137"/>
      <c r="AE2961" s="137"/>
      <c r="AF2961" s="137"/>
      <c r="AG2961" s="137"/>
      <c r="AH2961" s="137"/>
      <c r="AI2961" s="137"/>
      <c r="AJ2961" s="137"/>
      <c r="AK2961" s="206"/>
      <c r="AL2961" s="206"/>
      <c r="AM2961" s="143"/>
      <c r="AN2961" s="137"/>
      <c r="AO2961" s="137"/>
      <c r="AP2961" s="137"/>
      <c r="AQ2961" s="137"/>
      <c r="AR2961" s="137"/>
      <c r="AS2961" s="137"/>
      <c r="AT2961" s="137"/>
      <c r="AU2961" s="137"/>
      <c r="AV2961" s="137"/>
      <c r="AW2961" s="144"/>
    </row>
    <row r="2962" spans="2:49" x14ac:dyDescent="0.2">
      <c r="B2962" s="97"/>
      <c r="J2962" s="98"/>
      <c r="K2962" s="97"/>
      <c r="N2962" s="3"/>
      <c r="W2962" s="98"/>
      <c r="Z2962" s="143"/>
      <c r="AA2962" s="137"/>
      <c r="AB2962" s="137"/>
      <c r="AC2962" s="137"/>
      <c r="AD2962" s="137"/>
      <c r="AE2962" s="137"/>
      <c r="AF2962" s="137"/>
      <c r="AG2962" s="137"/>
      <c r="AH2962" s="137"/>
      <c r="AI2962" s="137"/>
      <c r="AJ2962" s="137"/>
      <c r="AK2962" s="206"/>
      <c r="AL2962" s="206"/>
      <c r="AM2962" s="143"/>
      <c r="AN2962" s="137"/>
      <c r="AO2962" s="137"/>
      <c r="AP2962" s="137"/>
      <c r="AQ2962" s="137"/>
      <c r="AR2962" s="137"/>
      <c r="AS2962" s="137"/>
      <c r="AT2962" s="137"/>
      <c r="AU2962" s="137"/>
      <c r="AV2962" s="137"/>
      <c r="AW2962" s="144"/>
    </row>
    <row r="2963" spans="2:49" x14ac:dyDescent="0.2">
      <c r="B2963" s="97"/>
      <c r="J2963" s="98"/>
      <c r="K2963" s="97"/>
      <c r="N2963" s="3"/>
      <c r="W2963" s="98"/>
      <c r="Z2963" s="143"/>
      <c r="AA2963" s="137"/>
      <c r="AB2963" s="137"/>
      <c r="AC2963" s="137"/>
      <c r="AD2963" s="137"/>
      <c r="AE2963" s="137"/>
      <c r="AF2963" s="137"/>
      <c r="AG2963" s="137"/>
      <c r="AH2963" s="137"/>
      <c r="AI2963" s="137"/>
      <c r="AJ2963" s="137"/>
      <c r="AK2963" s="206"/>
      <c r="AL2963" s="206"/>
      <c r="AM2963" s="143"/>
      <c r="AN2963" s="137"/>
      <c r="AO2963" s="137"/>
      <c r="AP2963" s="137"/>
      <c r="AQ2963" s="137"/>
      <c r="AR2963" s="137"/>
      <c r="AS2963" s="137"/>
      <c r="AT2963" s="137"/>
      <c r="AU2963" s="137"/>
      <c r="AV2963" s="137"/>
      <c r="AW2963" s="144"/>
    </row>
    <row r="2964" spans="2:49" x14ac:dyDescent="0.2">
      <c r="B2964" s="97"/>
      <c r="J2964" s="98"/>
      <c r="K2964" s="97"/>
      <c r="N2964" s="3"/>
      <c r="W2964" s="98"/>
      <c r="Z2964" s="143"/>
      <c r="AA2964" s="137"/>
      <c r="AB2964" s="137"/>
      <c r="AC2964" s="137"/>
      <c r="AD2964" s="137"/>
      <c r="AE2964" s="137"/>
      <c r="AF2964" s="137"/>
      <c r="AG2964" s="137"/>
      <c r="AH2964" s="137"/>
      <c r="AI2964" s="137"/>
      <c r="AJ2964" s="137"/>
      <c r="AK2964" s="206"/>
      <c r="AL2964" s="206"/>
      <c r="AM2964" s="143"/>
      <c r="AN2964" s="137"/>
      <c r="AO2964" s="137"/>
      <c r="AP2964" s="137"/>
      <c r="AQ2964" s="137"/>
      <c r="AR2964" s="137"/>
      <c r="AS2964" s="137"/>
      <c r="AT2964" s="137"/>
      <c r="AU2964" s="137"/>
      <c r="AV2964" s="137"/>
      <c r="AW2964" s="144"/>
    </row>
    <row r="2965" spans="2:49" x14ac:dyDescent="0.2">
      <c r="B2965" s="97"/>
      <c r="J2965" s="98"/>
      <c r="K2965" s="97"/>
      <c r="N2965" s="3"/>
      <c r="W2965" s="98"/>
      <c r="Z2965" s="143"/>
      <c r="AA2965" s="137"/>
      <c r="AB2965" s="137"/>
      <c r="AC2965" s="137"/>
      <c r="AD2965" s="137"/>
      <c r="AE2965" s="137"/>
      <c r="AF2965" s="137"/>
      <c r="AG2965" s="137"/>
      <c r="AH2965" s="137"/>
      <c r="AI2965" s="137"/>
      <c r="AJ2965" s="137"/>
      <c r="AK2965" s="206"/>
      <c r="AL2965" s="206"/>
      <c r="AM2965" s="143"/>
      <c r="AN2965" s="137"/>
      <c r="AO2965" s="137"/>
      <c r="AP2965" s="137"/>
      <c r="AQ2965" s="137"/>
      <c r="AR2965" s="137"/>
      <c r="AS2965" s="137"/>
      <c r="AT2965" s="137"/>
      <c r="AU2965" s="137"/>
      <c r="AV2965" s="137"/>
      <c r="AW2965" s="144"/>
    </row>
    <row r="2966" spans="2:49" x14ac:dyDescent="0.2">
      <c r="B2966" s="97"/>
      <c r="J2966" s="98"/>
      <c r="K2966" s="97"/>
      <c r="N2966" s="3"/>
      <c r="W2966" s="98"/>
      <c r="Z2966" s="143"/>
      <c r="AA2966" s="137"/>
      <c r="AB2966" s="137"/>
      <c r="AC2966" s="137"/>
      <c r="AD2966" s="137"/>
      <c r="AE2966" s="137"/>
      <c r="AF2966" s="137"/>
      <c r="AG2966" s="137"/>
      <c r="AH2966" s="137"/>
      <c r="AI2966" s="137"/>
      <c r="AJ2966" s="137"/>
      <c r="AK2966" s="206"/>
      <c r="AL2966" s="206"/>
      <c r="AM2966" s="143"/>
      <c r="AN2966" s="137"/>
      <c r="AO2966" s="137"/>
      <c r="AP2966" s="137"/>
      <c r="AQ2966" s="137"/>
      <c r="AR2966" s="137"/>
      <c r="AS2966" s="137"/>
      <c r="AT2966" s="137"/>
      <c r="AU2966" s="137"/>
      <c r="AV2966" s="137"/>
      <c r="AW2966" s="144"/>
    </row>
    <row r="2967" spans="2:49" x14ac:dyDescent="0.2">
      <c r="B2967" s="97"/>
      <c r="J2967" s="98"/>
      <c r="K2967" s="97"/>
      <c r="N2967" s="3"/>
      <c r="W2967" s="98"/>
      <c r="Z2967" s="143"/>
      <c r="AA2967" s="137"/>
      <c r="AB2967" s="137"/>
      <c r="AC2967" s="137"/>
      <c r="AD2967" s="137"/>
      <c r="AE2967" s="137"/>
      <c r="AF2967" s="137"/>
      <c r="AG2967" s="137"/>
      <c r="AH2967" s="137"/>
      <c r="AI2967" s="137"/>
      <c r="AJ2967" s="137"/>
      <c r="AK2967" s="206"/>
      <c r="AL2967" s="206"/>
      <c r="AM2967" s="143"/>
      <c r="AN2967" s="137"/>
      <c r="AO2967" s="137"/>
      <c r="AP2967" s="137"/>
      <c r="AQ2967" s="137"/>
      <c r="AR2967" s="137"/>
      <c r="AS2967" s="137"/>
      <c r="AT2967" s="137"/>
      <c r="AU2967" s="137"/>
      <c r="AV2967" s="137"/>
      <c r="AW2967" s="144"/>
    </row>
    <row r="2968" spans="2:49" x14ac:dyDescent="0.2">
      <c r="B2968" s="97"/>
      <c r="J2968" s="98"/>
      <c r="K2968" s="97"/>
      <c r="N2968" s="3"/>
      <c r="W2968" s="98"/>
      <c r="Z2968" s="143"/>
      <c r="AA2968" s="137"/>
      <c r="AB2968" s="137"/>
      <c r="AC2968" s="137"/>
      <c r="AD2968" s="137"/>
      <c r="AE2968" s="137"/>
      <c r="AF2968" s="137"/>
      <c r="AG2968" s="137"/>
      <c r="AH2968" s="137"/>
      <c r="AI2968" s="137"/>
      <c r="AJ2968" s="137"/>
      <c r="AK2968" s="206"/>
      <c r="AL2968" s="206"/>
      <c r="AM2968" s="143"/>
      <c r="AN2968" s="137"/>
      <c r="AO2968" s="137"/>
      <c r="AP2968" s="137"/>
      <c r="AQ2968" s="137"/>
      <c r="AR2968" s="137"/>
      <c r="AS2968" s="137"/>
      <c r="AT2968" s="137"/>
      <c r="AU2968" s="137"/>
      <c r="AV2968" s="137"/>
      <c r="AW2968" s="144"/>
    </row>
    <row r="2969" spans="2:49" x14ac:dyDescent="0.2">
      <c r="B2969" s="97"/>
      <c r="J2969" s="98"/>
      <c r="K2969" s="97"/>
      <c r="N2969" s="3"/>
      <c r="W2969" s="98"/>
      <c r="Z2969" s="143"/>
      <c r="AA2969" s="137"/>
      <c r="AB2969" s="137"/>
      <c r="AC2969" s="137"/>
      <c r="AD2969" s="137"/>
      <c r="AE2969" s="137"/>
      <c r="AF2969" s="137"/>
      <c r="AG2969" s="137"/>
      <c r="AH2969" s="137"/>
      <c r="AI2969" s="137"/>
      <c r="AJ2969" s="137"/>
      <c r="AK2969" s="206"/>
      <c r="AL2969" s="206"/>
      <c r="AM2969" s="143"/>
      <c r="AN2969" s="137"/>
      <c r="AO2969" s="137"/>
      <c r="AP2969" s="137"/>
      <c r="AQ2969" s="137"/>
      <c r="AR2969" s="137"/>
      <c r="AS2969" s="137"/>
      <c r="AT2969" s="137"/>
      <c r="AU2969" s="137"/>
      <c r="AV2969" s="137"/>
      <c r="AW2969" s="144"/>
    </row>
    <row r="2970" spans="2:49" x14ac:dyDescent="0.2">
      <c r="B2970" s="97"/>
      <c r="J2970" s="98"/>
      <c r="K2970" s="97"/>
      <c r="N2970" s="3"/>
      <c r="W2970" s="98"/>
      <c r="Z2970" s="143"/>
      <c r="AA2970" s="137"/>
      <c r="AB2970" s="137"/>
      <c r="AC2970" s="137"/>
      <c r="AD2970" s="137"/>
      <c r="AE2970" s="137"/>
      <c r="AF2970" s="137"/>
      <c r="AG2970" s="137"/>
      <c r="AH2970" s="137"/>
      <c r="AI2970" s="137"/>
      <c r="AJ2970" s="137"/>
      <c r="AK2970" s="206"/>
      <c r="AL2970" s="206"/>
      <c r="AM2970" s="143"/>
      <c r="AN2970" s="137"/>
      <c r="AO2970" s="137"/>
      <c r="AP2970" s="137"/>
      <c r="AQ2970" s="137"/>
      <c r="AR2970" s="137"/>
      <c r="AS2970" s="137"/>
      <c r="AT2970" s="137"/>
      <c r="AU2970" s="137"/>
      <c r="AV2970" s="137"/>
      <c r="AW2970" s="144"/>
    </row>
    <row r="2971" spans="2:49" x14ac:dyDescent="0.2">
      <c r="B2971" s="97"/>
      <c r="J2971" s="98"/>
      <c r="K2971" s="97"/>
      <c r="N2971" s="3"/>
      <c r="W2971" s="98"/>
      <c r="Z2971" s="143"/>
      <c r="AA2971" s="137"/>
      <c r="AB2971" s="137"/>
      <c r="AC2971" s="137"/>
      <c r="AD2971" s="137"/>
      <c r="AE2971" s="137"/>
      <c r="AF2971" s="137"/>
      <c r="AG2971" s="137"/>
      <c r="AH2971" s="137"/>
      <c r="AI2971" s="137"/>
      <c r="AJ2971" s="137"/>
      <c r="AK2971" s="206"/>
      <c r="AL2971" s="206"/>
      <c r="AM2971" s="143"/>
      <c r="AN2971" s="137"/>
      <c r="AO2971" s="137"/>
      <c r="AP2971" s="137"/>
      <c r="AQ2971" s="137"/>
      <c r="AR2971" s="137"/>
      <c r="AS2971" s="137"/>
      <c r="AT2971" s="137"/>
      <c r="AU2971" s="137"/>
      <c r="AV2971" s="137"/>
      <c r="AW2971" s="144"/>
    </row>
    <row r="2972" spans="2:49" x14ac:dyDescent="0.2">
      <c r="B2972" s="97"/>
      <c r="J2972" s="98"/>
      <c r="K2972" s="97"/>
      <c r="N2972" s="3"/>
      <c r="W2972" s="98"/>
      <c r="Z2972" s="143"/>
      <c r="AA2972" s="137"/>
      <c r="AB2972" s="137"/>
      <c r="AC2972" s="137"/>
      <c r="AD2972" s="137"/>
      <c r="AE2972" s="137"/>
      <c r="AF2972" s="137"/>
      <c r="AG2972" s="137"/>
      <c r="AH2972" s="137"/>
      <c r="AI2972" s="137"/>
      <c r="AJ2972" s="137"/>
      <c r="AK2972" s="206"/>
      <c r="AL2972" s="206"/>
      <c r="AM2972" s="143"/>
      <c r="AN2972" s="137"/>
      <c r="AO2972" s="137"/>
      <c r="AP2972" s="137"/>
      <c r="AQ2972" s="137"/>
      <c r="AR2972" s="137"/>
      <c r="AS2972" s="137"/>
      <c r="AT2972" s="137"/>
      <c r="AU2972" s="137"/>
      <c r="AV2972" s="137"/>
      <c r="AW2972" s="144"/>
    </row>
    <row r="2973" spans="2:49" x14ac:dyDescent="0.2">
      <c r="B2973" s="97"/>
      <c r="J2973" s="98"/>
      <c r="K2973" s="97"/>
      <c r="N2973" s="3"/>
      <c r="W2973" s="98"/>
      <c r="Z2973" s="143"/>
      <c r="AA2973" s="137"/>
      <c r="AB2973" s="137"/>
      <c r="AC2973" s="137"/>
      <c r="AD2973" s="137"/>
      <c r="AE2973" s="137"/>
      <c r="AF2973" s="137"/>
      <c r="AG2973" s="137"/>
      <c r="AH2973" s="137"/>
      <c r="AI2973" s="137"/>
      <c r="AJ2973" s="137"/>
      <c r="AK2973" s="206"/>
      <c r="AL2973" s="206"/>
      <c r="AM2973" s="143"/>
      <c r="AN2973" s="137"/>
      <c r="AO2973" s="137"/>
      <c r="AP2973" s="137"/>
      <c r="AQ2973" s="137"/>
      <c r="AR2973" s="137"/>
      <c r="AS2973" s="137"/>
      <c r="AT2973" s="137"/>
      <c r="AU2973" s="137"/>
      <c r="AV2973" s="137"/>
      <c r="AW2973" s="144"/>
    </row>
    <row r="2974" spans="2:49" x14ac:dyDescent="0.2">
      <c r="B2974" s="97"/>
      <c r="J2974" s="98"/>
      <c r="K2974" s="97"/>
      <c r="N2974" s="3"/>
      <c r="W2974" s="98"/>
      <c r="Z2974" s="143"/>
      <c r="AA2974" s="137"/>
      <c r="AB2974" s="137"/>
      <c r="AC2974" s="137"/>
      <c r="AD2974" s="137"/>
      <c r="AE2974" s="137"/>
      <c r="AF2974" s="137"/>
      <c r="AG2974" s="137"/>
      <c r="AH2974" s="137"/>
      <c r="AI2974" s="137"/>
      <c r="AJ2974" s="137"/>
      <c r="AK2974" s="206"/>
      <c r="AL2974" s="206"/>
      <c r="AM2974" s="143"/>
      <c r="AN2974" s="137"/>
      <c r="AO2974" s="137"/>
      <c r="AP2974" s="137"/>
      <c r="AQ2974" s="137"/>
      <c r="AR2974" s="137"/>
      <c r="AS2974" s="137"/>
      <c r="AT2974" s="137"/>
      <c r="AU2974" s="137"/>
      <c r="AV2974" s="137"/>
      <c r="AW2974" s="144"/>
    </row>
    <row r="2975" spans="2:49" x14ac:dyDescent="0.2">
      <c r="B2975" s="97"/>
      <c r="J2975" s="98"/>
      <c r="K2975" s="97"/>
      <c r="N2975" s="3"/>
      <c r="W2975" s="98"/>
      <c r="Z2975" s="143"/>
      <c r="AA2975" s="137"/>
      <c r="AB2975" s="137"/>
      <c r="AC2975" s="137"/>
      <c r="AD2975" s="137"/>
      <c r="AE2975" s="137"/>
      <c r="AF2975" s="137"/>
      <c r="AG2975" s="137"/>
      <c r="AH2975" s="137"/>
      <c r="AI2975" s="137"/>
      <c r="AJ2975" s="137"/>
      <c r="AK2975" s="206"/>
      <c r="AL2975" s="206"/>
      <c r="AM2975" s="143"/>
      <c r="AN2975" s="137"/>
      <c r="AO2975" s="137"/>
      <c r="AP2975" s="137"/>
      <c r="AQ2975" s="137"/>
      <c r="AR2975" s="137"/>
      <c r="AS2975" s="137"/>
      <c r="AT2975" s="137"/>
      <c r="AU2975" s="137"/>
      <c r="AV2975" s="137"/>
      <c r="AW2975" s="144"/>
    </row>
    <row r="2976" spans="2:49" x14ac:dyDescent="0.2">
      <c r="B2976" s="97"/>
      <c r="J2976" s="98"/>
      <c r="K2976" s="97"/>
      <c r="N2976" s="3"/>
      <c r="W2976" s="98"/>
      <c r="Z2976" s="143"/>
      <c r="AA2976" s="137"/>
      <c r="AB2976" s="137"/>
      <c r="AC2976" s="137"/>
      <c r="AD2976" s="137"/>
      <c r="AE2976" s="137"/>
      <c r="AF2976" s="137"/>
      <c r="AG2976" s="137"/>
      <c r="AH2976" s="137"/>
      <c r="AI2976" s="137"/>
      <c r="AJ2976" s="137"/>
      <c r="AK2976" s="206"/>
      <c r="AL2976" s="206"/>
      <c r="AM2976" s="143"/>
      <c r="AN2976" s="137"/>
      <c r="AO2976" s="137"/>
      <c r="AP2976" s="137"/>
      <c r="AQ2976" s="137"/>
      <c r="AR2976" s="137"/>
      <c r="AS2976" s="137"/>
      <c r="AT2976" s="137"/>
      <c r="AU2976" s="137"/>
      <c r="AV2976" s="137"/>
      <c r="AW2976" s="144"/>
    </row>
    <row r="2977" spans="2:49" x14ac:dyDescent="0.2">
      <c r="B2977" s="97"/>
      <c r="J2977" s="98"/>
      <c r="K2977" s="97"/>
      <c r="N2977" s="3"/>
      <c r="W2977" s="98"/>
      <c r="Z2977" s="143"/>
      <c r="AA2977" s="137"/>
      <c r="AB2977" s="137"/>
      <c r="AC2977" s="137"/>
      <c r="AD2977" s="137"/>
      <c r="AE2977" s="137"/>
      <c r="AF2977" s="137"/>
      <c r="AG2977" s="137"/>
      <c r="AH2977" s="137"/>
      <c r="AI2977" s="137"/>
      <c r="AJ2977" s="137"/>
      <c r="AK2977" s="206"/>
      <c r="AL2977" s="206"/>
      <c r="AM2977" s="143"/>
      <c r="AN2977" s="137"/>
      <c r="AO2977" s="137"/>
      <c r="AP2977" s="137"/>
      <c r="AQ2977" s="137"/>
      <c r="AR2977" s="137"/>
      <c r="AS2977" s="137"/>
      <c r="AT2977" s="137"/>
      <c r="AU2977" s="137"/>
      <c r="AV2977" s="137"/>
      <c r="AW2977" s="144"/>
    </row>
    <row r="2978" spans="2:49" x14ac:dyDescent="0.2">
      <c r="B2978" s="97"/>
      <c r="J2978" s="98"/>
      <c r="K2978" s="97"/>
      <c r="N2978" s="3"/>
      <c r="W2978" s="98"/>
      <c r="Z2978" s="143"/>
      <c r="AA2978" s="137"/>
      <c r="AB2978" s="137"/>
      <c r="AC2978" s="137"/>
      <c r="AD2978" s="137"/>
      <c r="AE2978" s="137"/>
      <c r="AF2978" s="137"/>
      <c r="AG2978" s="137"/>
      <c r="AH2978" s="137"/>
      <c r="AI2978" s="137"/>
      <c r="AJ2978" s="137"/>
      <c r="AK2978" s="206"/>
      <c r="AL2978" s="206"/>
      <c r="AM2978" s="143"/>
      <c r="AN2978" s="137"/>
      <c r="AO2978" s="137"/>
      <c r="AP2978" s="137"/>
      <c r="AQ2978" s="137"/>
      <c r="AR2978" s="137"/>
      <c r="AS2978" s="137"/>
      <c r="AT2978" s="137"/>
      <c r="AU2978" s="137"/>
      <c r="AV2978" s="137"/>
      <c r="AW2978" s="144"/>
    </row>
    <row r="2979" spans="2:49" x14ac:dyDescent="0.2">
      <c r="B2979" s="97"/>
      <c r="J2979" s="98"/>
      <c r="K2979" s="97"/>
      <c r="N2979" s="3"/>
      <c r="W2979" s="98"/>
      <c r="Z2979" s="143"/>
      <c r="AA2979" s="137"/>
      <c r="AB2979" s="137"/>
      <c r="AC2979" s="137"/>
      <c r="AD2979" s="137"/>
      <c r="AE2979" s="137"/>
      <c r="AF2979" s="137"/>
      <c r="AG2979" s="137"/>
      <c r="AH2979" s="137"/>
      <c r="AI2979" s="137"/>
      <c r="AJ2979" s="137"/>
      <c r="AK2979" s="206"/>
      <c r="AL2979" s="206"/>
      <c r="AM2979" s="143"/>
      <c r="AN2979" s="137"/>
      <c r="AO2979" s="137"/>
      <c r="AP2979" s="137"/>
      <c r="AQ2979" s="137"/>
      <c r="AR2979" s="137"/>
      <c r="AS2979" s="137"/>
      <c r="AT2979" s="137"/>
      <c r="AU2979" s="137"/>
      <c r="AV2979" s="137"/>
      <c r="AW2979" s="144"/>
    </row>
    <row r="2980" spans="2:49" x14ac:dyDescent="0.2">
      <c r="B2980" s="97"/>
      <c r="J2980" s="98"/>
      <c r="K2980" s="97"/>
      <c r="N2980" s="3"/>
      <c r="W2980" s="98"/>
      <c r="Z2980" s="143"/>
      <c r="AA2980" s="137"/>
      <c r="AB2980" s="137"/>
      <c r="AC2980" s="137"/>
      <c r="AD2980" s="137"/>
      <c r="AE2980" s="137"/>
      <c r="AF2980" s="137"/>
      <c r="AG2980" s="137"/>
      <c r="AH2980" s="137"/>
      <c r="AI2980" s="137"/>
      <c r="AJ2980" s="137"/>
      <c r="AK2980" s="206"/>
      <c r="AL2980" s="206"/>
      <c r="AM2980" s="143"/>
      <c r="AN2980" s="137"/>
      <c r="AO2980" s="137"/>
      <c r="AP2980" s="137"/>
      <c r="AQ2980" s="137"/>
      <c r="AR2980" s="137"/>
      <c r="AS2980" s="137"/>
      <c r="AT2980" s="137"/>
      <c r="AU2980" s="137"/>
      <c r="AV2980" s="137"/>
      <c r="AW2980" s="144"/>
    </row>
    <row r="2981" spans="2:49" x14ac:dyDescent="0.2">
      <c r="B2981" s="97"/>
      <c r="J2981" s="98"/>
      <c r="K2981" s="97"/>
      <c r="N2981" s="3"/>
      <c r="W2981" s="98"/>
      <c r="Z2981" s="143"/>
      <c r="AA2981" s="137"/>
      <c r="AB2981" s="137"/>
      <c r="AC2981" s="137"/>
      <c r="AD2981" s="137"/>
      <c r="AE2981" s="137"/>
      <c r="AF2981" s="137"/>
      <c r="AG2981" s="137"/>
      <c r="AH2981" s="137"/>
      <c r="AI2981" s="137"/>
      <c r="AJ2981" s="137"/>
      <c r="AK2981" s="206"/>
      <c r="AL2981" s="206"/>
      <c r="AM2981" s="143"/>
      <c r="AN2981" s="137"/>
      <c r="AO2981" s="137"/>
      <c r="AP2981" s="137"/>
      <c r="AQ2981" s="137"/>
      <c r="AR2981" s="137"/>
      <c r="AS2981" s="137"/>
      <c r="AT2981" s="137"/>
      <c r="AU2981" s="137"/>
      <c r="AV2981" s="137"/>
      <c r="AW2981" s="144"/>
    </row>
    <row r="2982" spans="2:49" x14ac:dyDescent="0.2">
      <c r="B2982" s="97"/>
      <c r="J2982" s="98"/>
      <c r="K2982" s="97"/>
      <c r="N2982" s="3"/>
      <c r="W2982" s="98"/>
      <c r="Z2982" s="143"/>
      <c r="AA2982" s="137"/>
      <c r="AB2982" s="137"/>
      <c r="AC2982" s="137"/>
      <c r="AD2982" s="137"/>
      <c r="AE2982" s="137"/>
      <c r="AF2982" s="137"/>
      <c r="AG2982" s="137"/>
      <c r="AH2982" s="137"/>
      <c r="AI2982" s="137"/>
      <c r="AJ2982" s="137"/>
      <c r="AK2982" s="206"/>
      <c r="AL2982" s="206"/>
      <c r="AM2982" s="143"/>
      <c r="AN2982" s="137"/>
      <c r="AO2982" s="137"/>
      <c r="AP2982" s="137"/>
      <c r="AQ2982" s="137"/>
      <c r="AR2982" s="137"/>
      <c r="AS2982" s="137"/>
      <c r="AT2982" s="137"/>
      <c r="AU2982" s="137"/>
      <c r="AV2982" s="137"/>
      <c r="AW2982" s="144"/>
    </row>
    <row r="2983" spans="2:49" x14ac:dyDescent="0.2">
      <c r="B2983" s="97"/>
      <c r="J2983" s="98"/>
      <c r="K2983" s="97"/>
      <c r="N2983" s="3"/>
      <c r="W2983" s="98"/>
      <c r="Z2983" s="143"/>
      <c r="AA2983" s="137"/>
      <c r="AB2983" s="137"/>
      <c r="AC2983" s="137"/>
      <c r="AD2983" s="137"/>
      <c r="AE2983" s="137"/>
      <c r="AF2983" s="137"/>
      <c r="AG2983" s="137"/>
      <c r="AH2983" s="137"/>
      <c r="AI2983" s="137"/>
      <c r="AJ2983" s="137"/>
      <c r="AK2983" s="206"/>
      <c r="AL2983" s="206"/>
      <c r="AM2983" s="143"/>
      <c r="AN2983" s="137"/>
      <c r="AO2983" s="137"/>
      <c r="AP2983" s="137"/>
      <c r="AQ2983" s="137"/>
      <c r="AR2983" s="137"/>
      <c r="AS2983" s="137"/>
      <c r="AT2983" s="137"/>
      <c r="AU2983" s="137"/>
      <c r="AV2983" s="137"/>
      <c r="AW2983" s="144"/>
    </row>
    <row r="2984" spans="2:49" x14ac:dyDescent="0.2">
      <c r="B2984" s="97"/>
      <c r="J2984" s="98"/>
      <c r="K2984" s="97"/>
      <c r="N2984" s="3"/>
      <c r="W2984" s="98"/>
      <c r="Z2984" s="143"/>
      <c r="AA2984" s="137"/>
      <c r="AB2984" s="137"/>
      <c r="AC2984" s="137"/>
      <c r="AD2984" s="137"/>
      <c r="AE2984" s="137"/>
      <c r="AF2984" s="137"/>
      <c r="AG2984" s="137"/>
      <c r="AH2984" s="137"/>
      <c r="AI2984" s="137"/>
      <c r="AJ2984" s="137"/>
      <c r="AK2984" s="206"/>
      <c r="AL2984" s="206"/>
      <c r="AM2984" s="143"/>
      <c r="AN2984" s="137"/>
      <c r="AO2984" s="137"/>
      <c r="AP2984" s="137"/>
      <c r="AQ2984" s="137"/>
      <c r="AR2984" s="137"/>
      <c r="AS2984" s="137"/>
      <c r="AT2984" s="137"/>
      <c r="AU2984" s="137"/>
      <c r="AV2984" s="137"/>
      <c r="AW2984" s="144"/>
    </row>
    <row r="2985" spans="2:49" x14ac:dyDescent="0.2">
      <c r="B2985" s="97"/>
      <c r="J2985" s="98"/>
      <c r="K2985" s="97"/>
      <c r="N2985" s="3"/>
      <c r="W2985" s="98"/>
      <c r="Z2985" s="143"/>
      <c r="AA2985" s="137"/>
      <c r="AB2985" s="137"/>
      <c r="AC2985" s="137"/>
      <c r="AD2985" s="137"/>
      <c r="AE2985" s="137"/>
      <c r="AF2985" s="137"/>
      <c r="AG2985" s="137"/>
      <c r="AH2985" s="137"/>
      <c r="AI2985" s="137"/>
      <c r="AJ2985" s="137"/>
      <c r="AK2985" s="206"/>
      <c r="AL2985" s="206"/>
      <c r="AM2985" s="143"/>
      <c r="AN2985" s="137"/>
      <c r="AO2985" s="137"/>
      <c r="AP2985" s="137"/>
      <c r="AQ2985" s="137"/>
      <c r="AR2985" s="137"/>
      <c r="AS2985" s="137"/>
      <c r="AT2985" s="137"/>
      <c r="AU2985" s="137"/>
      <c r="AV2985" s="137"/>
      <c r="AW2985" s="144"/>
    </row>
    <row r="2986" spans="2:49" x14ac:dyDescent="0.2">
      <c r="B2986" s="97"/>
      <c r="J2986" s="98"/>
      <c r="K2986" s="97"/>
      <c r="N2986" s="3"/>
      <c r="W2986" s="98"/>
      <c r="Z2986" s="143"/>
      <c r="AA2986" s="137"/>
      <c r="AB2986" s="137"/>
      <c r="AC2986" s="137"/>
      <c r="AD2986" s="137"/>
      <c r="AE2986" s="137"/>
      <c r="AF2986" s="137"/>
      <c r="AG2986" s="137"/>
      <c r="AH2986" s="137"/>
      <c r="AI2986" s="137"/>
      <c r="AJ2986" s="137"/>
      <c r="AK2986" s="206"/>
      <c r="AL2986" s="206"/>
      <c r="AM2986" s="143"/>
      <c r="AN2986" s="137"/>
      <c r="AO2986" s="137"/>
      <c r="AP2986" s="137"/>
      <c r="AQ2986" s="137"/>
      <c r="AR2986" s="137"/>
      <c r="AS2986" s="137"/>
      <c r="AT2986" s="137"/>
      <c r="AU2986" s="137"/>
      <c r="AV2986" s="137"/>
      <c r="AW2986" s="144"/>
    </row>
    <row r="2987" spans="2:49" x14ac:dyDescent="0.2">
      <c r="B2987" s="97"/>
      <c r="J2987" s="98"/>
      <c r="K2987" s="97"/>
      <c r="N2987" s="3"/>
      <c r="W2987" s="98"/>
      <c r="Z2987" s="143"/>
      <c r="AA2987" s="137"/>
      <c r="AB2987" s="137"/>
      <c r="AC2987" s="137"/>
      <c r="AD2987" s="137"/>
      <c r="AE2987" s="137"/>
      <c r="AF2987" s="137"/>
      <c r="AG2987" s="137"/>
      <c r="AH2987" s="137"/>
      <c r="AI2987" s="137"/>
      <c r="AJ2987" s="137"/>
      <c r="AK2987" s="206"/>
      <c r="AL2987" s="206"/>
      <c r="AM2987" s="143"/>
      <c r="AN2987" s="137"/>
      <c r="AO2987" s="137"/>
      <c r="AP2987" s="137"/>
      <c r="AQ2987" s="137"/>
      <c r="AR2987" s="137"/>
      <c r="AS2987" s="137"/>
      <c r="AT2987" s="137"/>
      <c r="AU2987" s="137"/>
      <c r="AV2987" s="137"/>
      <c r="AW2987" s="144"/>
    </row>
    <row r="2988" spans="2:49" x14ac:dyDescent="0.2">
      <c r="B2988" s="97"/>
      <c r="J2988" s="98"/>
      <c r="K2988" s="97"/>
      <c r="N2988" s="3"/>
      <c r="W2988" s="98"/>
      <c r="Z2988" s="143"/>
      <c r="AA2988" s="137"/>
      <c r="AB2988" s="137"/>
      <c r="AC2988" s="137"/>
      <c r="AD2988" s="137"/>
      <c r="AE2988" s="137"/>
      <c r="AF2988" s="137"/>
      <c r="AG2988" s="137"/>
      <c r="AH2988" s="137"/>
      <c r="AI2988" s="137"/>
      <c r="AJ2988" s="137"/>
      <c r="AK2988" s="206"/>
      <c r="AL2988" s="206"/>
      <c r="AM2988" s="143"/>
      <c r="AN2988" s="137"/>
      <c r="AO2988" s="137"/>
      <c r="AP2988" s="137"/>
      <c r="AQ2988" s="137"/>
      <c r="AR2988" s="137"/>
      <c r="AS2988" s="137"/>
      <c r="AT2988" s="137"/>
      <c r="AU2988" s="137"/>
      <c r="AV2988" s="137"/>
      <c r="AW2988" s="144"/>
    </row>
    <row r="2989" spans="2:49" x14ac:dyDescent="0.2">
      <c r="B2989" s="97"/>
      <c r="J2989" s="98"/>
      <c r="K2989" s="97"/>
      <c r="N2989" s="3"/>
      <c r="W2989" s="98"/>
      <c r="Z2989" s="143"/>
      <c r="AA2989" s="137"/>
      <c r="AB2989" s="137"/>
      <c r="AC2989" s="137"/>
      <c r="AD2989" s="137"/>
      <c r="AE2989" s="137"/>
      <c r="AF2989" s="137"/>
      <c r="AG2989" s="137"/>
      <c r="AH2989" s="137"/>
      <c r="AI2989" s="137"/>
      <c r="AJ2989" s="137"/>
      <c r="AK2989" s="206"/>
      <c r="AL2989" s="206"/>
      <c r="AM2989" s="143"/>
      <c r="AN2989" s="137"/>
      <c r="AO2989" s="137"/>
      <c r="AP2989" s="137"/>
      <c r="AQ2989" s="137"/>
      <c r="AR2989" s="137"/>
      <c r="AS2989" s="137"/>
      <c r="AT2989" s="137"/>
      <c r="AU2989" s="137"/>
      <c r="AV2989" s="137"/>
      <c r="AW2989" s="144"/>
    </row>
    <row r="2990" spans="2:49" x14ac:dyDescent="0.2">
      <c r="B2990" s="97"/>
      <c r="J2990" s="98"/>
      <c r="K2990" s="97"/>
      <c r="N2990" s="3"/>
      <c r="W2990" s="98"/>
      <c r="Z2990" s="143"/>
      <c r="AA2990" s="137"/>
      <c r="AB2990" s="137"/>
      <c r="AC2990" s="137"/>
      <c r="AD2990" s="137"/>
      <c r="AE2990" s="137"/>
      <c r="AF2990" s="137"/>
      <c r="AG2990" s="137"/>
      <c r="AH2990" s="137"/>
      <c r="AI2990" s="137"/>
      <c r="AJ2990" s="137"/>
      <c r="AK2990" s="206"/>
      <c r="AL2990" s="206"/>
      <c r="AM2990" s="143"/>
      <c r="AN2990" s="137"/>
      <c r="AO2990" s="137"/>
      <c r="AP2990" s="137"/>
      <c r="AQ2990" s="137"/>
      <c r="AR2990" s="137"/>
      <c r="AS2990" s="137"/>
      <c r="AT2990" s="137"/>
      <c r="AU2990" s="137"/>
      <c r="AV2990" s="137"/>
      <c r="AW2990" s="144"/>
    </row>
    <row r="2991" spans="2:49" x14ac:dyDescent="0.2">
      <c r="B2991" s="97"/>
      <c r="J2991" s="98"/>
      <c r="K2991" s="97"/>
      <c r="N2991" s="3"/>
      <c r="W2991" s="98"/>
      <c r="Z2991" s="143"/>
      <c r="AA2991" s="137"/>
      <c r="AB2991" s="137"/>
      <c r="AC2991" s="137"/>
      <c r="AD2991" s="137"/>
      <c r="AE2991" s="137"/>
      <c r="AF2991" s="137"/>
      <c r="AG2991" s="137"/>
      <c r="AH2991" s="137"/>
      <c r="AI2991" s="137"/>
      <c r="AJ2991" s="137"/>
      <c r="AK2991" s="206"/>
      <c r="AL2991" s="206"/>
      <c r="AM2991" s="143"/>
      <c r="AN2991" s="137"/>
      <c r="AO2991" s="137"/>
      <c r="AP2991" s="137"/>
      <c r="AQ2991" s="137"/>
      <c r="AR2991" s="137"/>
      <c r="AS2991" s="137"/>
      <c r="AT2991" s="137"/>
      <c r="AU2991" s="137"/>
      <c r="AV2991" s="137"/>
      <c r="AW2991" s="144"/>
    </row>
    <row r="2992" spans="2:49" x14ac:dyDescent="0.2">
      <c r="B2992" s="97"/>
      <c r="J2992" s="98"/>
      <c r="K2992" s="97"/>
      <c r="N2992" s="3"/>
      <c r="W2992" s="98"/>
      <c r="Z2992" s="143"/>
      <c r="AA2992" s="137"/>
      <c r="AB2992" s="137"/>
      <c r="AC2992" s="137"/>
      <c r="AD2992" s="137"/>
      <c r="AE2992" s="137"/>
      <c r="AF2992" s="137"/>
      <c r="AG2992" s="137"/>
      <c r="AH2992" s="137"/>
      <c r="AI2992" s="137"/>
      <c r="AJ2992" s="137"/>
      <c r="AK2992" s="206"/>
      <c r="AL2992" s="206"/>
      <c r="AM2992" s="143"/>
      <c r="AN2992" s="137"/>
      <c r="AO2992" s="137"/>
      <c r="AP2992" s="137"/>
      <c r="AQ2992" s="137"/>
      <c r="AR2992" s="137"/>
      <c r="AS2992" s="137"/>
      <c r="AT2992" s="137"/>
      <c r="AU2992" s="137"/>
      <c r="AV2992" s="137"/>
      <c r="AW2992" s="144"/>
    </row>
    <row r="2993" spans="2:49" x14ac:dyDescent="0.2">
      <c r="B2993" s="97"/>
      <c r="J2993" s="98"/>
      <c r="K2993" s="97"/>
      <c r="N2993" s="3"/>
      <c r="W2993" s="98"/>
      <c r="Z2993" s="143"/>
      <c r="AA2993" s="137"/>
      <c r="AB2993" s="137"/>
      <c r="AC2993" s="137"/>
      <c r="AD2993" s="137"/>
      <c r="AE2993" s="137"/>
      <c r="AF2993" s="137"/>
      <c r="AG2993" s="137"/>
      <c r="AH2993" s="137"/>
      <c r="AI2993" s="137"/>
      <c r="AJ2993" s="137"/>
      <c r="AK2993" s="206"/>
      <c r="AL2993" s="206"/>
      <c r="AM2993" s="143"/>
      <c r="AN2993" s="137"/>
      <c r="AO2993" s="137"/>
      <c r="AP2993" s="137"/>
      <c r="AQ2993" s="137"/>
      <c r="AR2993" s="137"/>
      <c r="AS2993" s="137"/>
      <c r="AT2993" s="137"/>
      <c r="AU2993" s="137"/>
      <c r="AV2993" s="137"/>
      <c r="AW2993" s="144"/>
    </row>
    <row r="2994" spans="2:49" x14ac:dyDescent="0.2">
      <c r="B2994" s="97"/>
      <c r="J2994" s="98"/>
      <c r="K2994" s="97"/>
      <c r="N2994" s="3"/>
      <c r="W2994" s="98"/>
      <c r="Z2994" s="143"/>
      <c r="AA2994" s="137"/>
      <c r="AB2994" s="137"/>
      <c r="AC2994" s="137"/>
      <c r="AD2994" s="137"/>
      <c r="AE2994" s="137"/>
      <c r="AF2994" s="137"/>
      <c r="AG2994" s="137"/>
      <c r="AH2994" s="137"/>
      <c r="AI2994" s="137"/>
      <c r="AJ2994" s="137"/>
      <c r="AK2994" s="206"/>
      <c r="AL2994" s="206"/>
      <c r="AM2994" s="143"/>
      <c r="AN2994" s="137"/>
      <c r="AO2994" s="137"/>
      <c r="AP2994" s="137"/>
      <c r="AQ2994" s="137"/>
      <c r="AR2994" s="137"/>
      <c r="AS2994" s="137"/>
      <c r="AT2994" s="137"/>
      <c r="AU2994" s="137"/>
      <c r="AV2994" s="137"/>
      <c r="AW2994" s="144"/>
    </row>
    <row r="2995" spans="2:49" x14ac:dyDescent="0.2">
      <c r="B2995" s="97"/>
      <c r="J2995" s="98"/>
      <c r="K2995" s="97"/>
      <c r="N2995" s="3"/>
      <c r="W2995" s="98"/>
      <c r="Z2995" s="143"/>
      <c r="AA2995" s="137"/>
      <c r="AB2995" s="137"/>
      <c r="AC2995" s="137"/>
      <c r="AD2995" s="137"/>
      <c r="AE2995" s="137"/>
      <c r="AF2995" s="137"/>
      <c r="AG2995" s="137"/>
      <c r="AH2995" s="137"/>
      <c r="AI2995" s="137"/>
      <c r="AJ2995" s="137"/>
      <c r="AK2995" s="206"/>
      <c r="AL2995" s="206"/>
      <c r="AM2995" s="143"/>
      <c r="AN2995" s="137"/>
      <c r="AO2995" s="137"/>
      <c r="AP2995" s="137"/>
      <c r="AQ2995" s="137"/>
      <c r="AR2995" s="137"/>
      <c r="AS2995" s="137"/>
      <c r="AT2995" s="137"/>
      <c r="AU2995" s="137"/>
      <c r="AV2995" s="137"/>
      <c r="AW2995" s="144"/>
    </row>
    <row r="2996" spans="2:49" x14ac:dyDescent="0.2">
      <c r="B2996" s="97"/>
      <c r="J2996" s="98"/>
      <c r="K2996" s="97"/>
      <c r="N2996" s="3"/>
      <c r="W2996" s="98"/>
      <c r="Z2996" s="143"/>
      <c r="AA2996" s="137"/>
      <c r="AB2996" s="137"/>
      <c r="AC2996" s="137"/>
      <c r="AD2996" s="137"/>
      <c r="AE2996" s="137"/>
      <c r="AF2996" s="137"/>
      <c r="AG2996" s="137"/>
      <c r="AH2996" s="137"/>
      <c r="AI2996" s="137"/>
      <c r="AJ2996" s="137"/>
      <c r="AK2996" s="206"/>
      <c r="AL2996" s="206"/>
      <c r="AM2996" s="143"/>
      <c r="AN2996" s="137"/>
      <c r="AO2996" s="137"/>
      <c r="AP2996" s="137"/>
      <c r="AQ2996" s="137"/>
      <c r="AR2996" s="137"/>
      <c r="AS2996" s="137"/>
      <c r="AT2996" s="137"/>
      <c r="AU2996" s="137"/>
      <c r="AV2996" s="137"/>
      <c r="AW2996" s="144"/>
    </row>
    <row r="2997" spans="2:49" x14ac:dyDescent="0.2">
      <c r="B2997" s="97"/>
      <c r="J2997" s="98"/>
      <c r="K2997" s="97"/>
      <c r="N2997" s="3"/>
      <c r="W2997" s="98"/>
      <c r="Z2997" s="143"/>
      <c r="AA2997" s="137"/>
      <c r="AB2997" s="137"/>
      <c r="AC2997" s="137"/>
      <c r="AD2997" s="137"/>
      <c r="AE2997" s="137"/>
      <c r="AF2997" s="137"/>
      <c r="AG2997" s="137"/>
      <c r="AH2997" s="137"/>
      <c r="AI2997" s="137"/>
      <c r="AJ2997" s="137"/>
      <c r="AK2997" s="206"/>
      <c r="AL2997" s="206"/>
      <c r="AM2997" s="143"/>
      <c r="AN2997" s="137"/>
      <c r="AO2997" s="137"/>
      <c r="AP2997" s="137"/>
      <c r="AQ2997" s="137"/>
      <c r="AR2997" s="137"/>
      <c r="AS2997" s="137"/>
      <c r="AT2997" s="137"/>
      <c r="AU2997" s="137"/>
      <c r="AV2997" s="137"/>
      <c r="AW2997" s="144"/>
    </row>
    <row r="2998" spans="2:49" x14ac:dyDescent="0.2">
      <c r="B2998" s="97"/>
      <c r="J2998" s="98"/>
      <c r="K2998" s="97"/>
      <c r="N2998" s="3"/>
      <c r="W2998" s="98"/>
      <c r="Z2998" s="143"/>
      <c r="AA2998" s="137"/>
      <c r="AB2998" s="137"/>
      <c r="AC2998" s="137"/>
      <c r="AD2998" s="137"/>
      <c r="AE2998" s="137"/>
      <c r="AF2998" s="137"/>
      <c r="AG2998" s="137"/>
      <c r="AH2998" s="137"/>
      <c r="AI2998" s="137"/>
      <c r="AJ2998" s="137"/>
      <c r="AK2998" s="206"/>
      <c r="AL2998" s="206"/>
      <c r="AM2998" s="143"/>
      <c r="AN2998" s="137"/>
      <c r="AO2998" s="137"/>
      <c r="AP2998" s="137"/>
      <c r="AQ2998" s="137"/>
      <c r="AR2998" s="137"/>
      <c r="AS2998" s="137"/>
      <c r="AT2998" s="137"/>
      <c r="AU2998" s="137"/>
      <c r="AV2998" s="137"/>
      <c r="AW2998" s="144"/>
    </row>
    <row r="2999" spans="2:49" x14ac:dyDescent="0.2">
      <c r="B2999" s="97"/>
      <c r="J2999" s="98"/>
      <c r="K2999" s="97"/>
      <c r="N2999" s="3"/>
      <c r="W2999" s="98"/>
      <c r="Z2999" s="143"/>
      <c r="AA2999" s="137"/>
      <c r="AB2999" s="137"/>
      <c r="AC2999" s="137"/>
      <c r="AD2999" s="137"/>
      <c r="AE2999" s="137"/>
      <c r="AF2999" s="137"/>
      <c r="AG2999" s="137"/>
      <c r="AH2999" s="137"/>
      <c r="AI2999" s="137"/>
      <c r="AJ2999" s="137"/>
      <c r="AK2999" s="206"/>
      <c r="AL2999" s="206"/>
      <c r="AM2999" s="143"/>
      <c r="AN2999" s="137"/>
      <c r="AO2999" s="137"/>
      <c r="AP2999" s="137"/>
      <c r="AQ2999" s="137"/>
      <c r="AR2999" s="137"/>
      <c r="AS2999" s="137"/>
      <c r="AT2999" s="137"/>
      <c r="AU2999" s="137"/>
      <c r="AV2999" s="137"/>
      <c r="AW2999" s="144"/>
    </row>
    <row r="3000" spans="2:49" x14ac:dyDescent="0.2">
      <c r="B3000" s="97"/>
      <c r="J3000" s="98"/>
      <c r="K3000" s="97"/>
      <c r="N3000" s="3"/>
      <c r="W3000" s="98"/>
      <c r="Z3000" s="143"/>
      <c r="AA3000" s="137"/>
      <c r="AB3000" s="137"/>
      <c r="AC3000" s="137"/>
      <c r="AD3000" s="137"/>
      <c r="AE3000" s="137"/>
      <c r="AF3000" s="137"/>
      <c r="AG3000" s="137"/>
      <c r="AH3000" s="137"/>
      <c r="AI3000" s="137"/>
      <c r="AJ3000" s="137"/>
      <c r="AK3000" s="206"/>
      <c r="AL3000" s="206"/>
      <c r="AM3000" s="143"/>
      <c r="AN3000" s="137"/>
      <c r="AO3000" s="137"/>
      <c r="AP3000" s="137"/>
      <c r="AQ3000" s="137"/>
      <c r="AR3000" s="137"/>
      <c r="AS3000" s="137"/>
      <c r="AT3000" s="137"/>
      <c r="AU3000" s="137"/>
      <c r="AV3000" s="137"/>
      <c r="AW3000" s="144"/>
    </row>
    <row r="3001" spans="2:49" x14ac:dyDescent="0.2">
      <c r="B3001" s="97"/>
      <c r="J3001" s="98"/>
      <c r="K3001" s="97"/>
      <c r="N3001" s="3"/>
      <c r="W3001" s="98"/>
      <c r="Z3001" s="143"/>
      <c r="AA3001" s="137"/>
      <c r="AB3001" s="137"/>
      <c r="AC3001" s="137"/>
      <c r="AD3001" s="137"/>
      <c r="AE3001" s="137"/>
      <c r="AF3001" s="137"/>
      <c r="AG3001" s="137"/>
      <c r="AH3001" s="137"/>
      <c r="AI3001" s="137"/>
      <c r="AJ3001" s="137"/>
      <c r="AK3001" s="206"/>
      <c r="AL3001" s="206"/>
      <c r="AM3001" s="143"/>
      <c r="AN3001" s="137"/>
      <c r="AO3001" s="137"/>
      <c r="AP3001" s="137"/>
      <c r="AQ3001" s="137"/>
      <c r="AR3001" s="137"/>
      <c r="AS3001" s="137"/>
      <c r="AT3001" s="137"/>
      <c r="AU3001" s="137"/>
      <c r="AV3001" s="137"/>
      <c r="AW3001" s="144"/>
    </row>
    <row r="3002" spans="2:49" x14ac:dyDescent="0.2">
      <c r="B3002" s="97"/>
      <c r="J3002" s="98"/>
      <c r="K3002" s="97"/>
      <c r="N3002" s="3"/>
      <c r="W3002" s="98"/>
      <c r="Z3002" s="143"/>
      <c r="AA3002" s="137"/>
      <c r="AB3002" s="137"/>
      <c r="AC3002" s="137"/>
      <c r="AD3002" s="137"/>
      <c r="AE3002" s="137"/>
      <c r="AF3002" s="137"/>
      <c r="AG3002" s="137"/>
      <c r="AH3002" s="137"/>
      <c r="AI3002" s="137"/>
      <c r="AJ3002" s="137"/>
      <c r="AK3002" s="206"/>
      <c r="AL3002" s="206"/>
      <c r="AM3002" s="143"/>
      <c r="AN3002" s="137"/>
      <c r="AO3002" s="137"/>
      <c r="AP3002" s="137"/>
      <c r="AQ3002" s="137"/>
      <c r="AR3002" s="137"/>
      <c r="AS3002" s="137"/>
      <c r="AT3002" s="137"/>
      <c r="AU3002" s="137"/>
      <c r="AV3002" s="137"/>
      <c r="AW3002" s="144"/>
    </row>
    <row r="3003" spans="2:49" x14ac:dyDescent="0.2">
      <c r="B3003" s="97"/>
      <c r="J3003" s="98"/>
      <c r="K3003" s="97"/>
      <c r="N3003" s="3"/>
      <c r="W3003" s="98"/>
      <c r="Z3003" s="143"/>
      <c r="AA3003" s="137"/>
      <c r="AB3003" s="137"/>
      <c r="AC3003" s="137"/>
      <c r="AD3003" s="137"/>
      <c r="AE3003" s="137"/>
      <c r="AF3003" s="137"/>
      <c r="AG3003" s="137"/>
      <c r="AH3003" s="137"/>
      <c r="AI3003" s="137"/>
      <c r="AJ3003" s="137"/>
      <c r="AK3003" s="206"/>
      <c r="AL3003" s="206"/>
      <c r="AM3003" s="143"/>
      <c r="AN3003" s="137"/>
      <c r="AO3003" s="137"/>
      <c r="AP3003" s="137"/>
      <c r="AQ3003" s="137"/>
      <c r="AR3003" s="137"/>
      <c r="AS3003" s="137"/>
      <c r="AT3003" s="137"/>
      <c r="AU3003" s="137"/>
      <c r="AV3003" s="137"/>
      <c r="AW3003" s="144"/>
    </row>
    <row r="3004" spans="2:49" x14ac:dyDescent="0.2">
      <c r="B3004" s="97"/>
      <c r="J3004" s="98"/>
      <c r="K3004" s="97"/>
      <c r="N3004" s="3"/>
      <c r="W3004" s="98"/>
      <c r="Z3004" s="143"/>
      <c r="AA3004" s="137"/>
      <c r="AB3004" s="137"/>
      <c r="AC3004" s="137"/>
      <c r="AD3004" s="137"/>
      <c r="AE3004" s="137"/>
      <c r="AF3004" s="137"/>
      <c r="AG3004" s="137"/>
      <c r="AH3004" s="137"/>
      <c r="AI3004" s="137"/>
      <c r="AJ3004" s="137"/>
      <c r="AK3004" s="206"/>
      <c r="AL3004" s="206"/>
      <c r="AM3004" s="143"/>
      <c r="AN3004" s="137"/>
      <c r="AO3004" s="137"/>
      <c r="AP3004" s="137"/>
      <c r="AQ3004" s="137"/>
      <c r="AR3004" s="137"/>
      <c r="AS3004" s="137"/>
      <c r="AT3004" s="137"/>
      <c r="AU3004" s="137"/>
      <c r="AV3004" s="137"/>
      <c r="AW3004" s="144"/>
    </row>
    <row r="3005" spans="2:49" x14ac:dyDescent="0.2">
      <c r="B3005" s="97"/>
      <c r="J3005" s="98"/>
      <c r="K3005" s="97"/>
      <c r="N3005" s="3"/>
      <c r="W3005" s="98"/>
      <c r="Z3005" s="143"/>
      <c r="AA3005" s="137"/>
      <c r="AB3005" s="137"/>
      <c r="AC3005" s="137"/>
      <c r="AD3005" s="137"/>
      <c r="AE3005" s="137"/>
      <c r="AF3005" s="137"/>
      <c r="AG3005" s="137"/>
      <c r="AH3005" s="137"/>
      <c r="AI3005" s="137"/>
      <c r="AJ3005" s="137"/>
      <c r="AK3005" s="206"/>
      <c r="AL3005" s="206"/>
      <c r="AM3005" s="143"/>
      <c r="AN3005" s="137"/>
      <c r="AO3005" s="137"/>
      <c r="AP3005" s="137"/>
      <c r="AQ3005" s="137"/>
      <c r="AR3005" s="137"/>
      <c r="AS3005" s="137"/>
      <c r="AT3005" s="137"/>
      <c r="AU3005" s="137"/>
      <c r="AV3005" s="137"/>
      <c r="AW3005" s="144"/>
    </row>
    <row r="3006" spans="2:49" x14ac:dyDescent="0.2">
      <c r="B3006" s="97"/>
      <c r="J3006" s="98"/>
      <c r="K3006" s="97"/>
      <c r="N3006" s="3"/>
      <c r="W3006" s="98"/>
      <c r="Z3006" s="143"/>
      <c r="AA3006" s="137"/>
      <c r="AB3006" s="137"/>
      <c r="AC3006" s="137"/>
      <c r="AD3006" s="137"/>
      <c r="AE3006" s="137"/>
      <c r="AF3006" s="137"/>
      <c r="AG3006" s="137"/>
      <c r="AH3006" s="137"/>
      <c r="AI3006" s="137"/>
      <c r="AJ3006" s="137"/>
      <c r="AK3006" s="206"/>
      <c r="AL3006" s="206"/>
      <c r="AM3006" s="143"/>
      <c r="AN3006" s="137"/>
      <c r="AO3006" s="137"/>
      <c r="AP3006" s="137"/>
      <c r="AQ3006" s="137"/>
      <c r="AR3006" s="137"/>
      <c r="AS3006" s="137"/>
      <c r="AT3006" s="137"/>
      <c r="AU3006" s="137"/>
      <c r="AV3006" s="137"/>
      <c r="AW3006" s="144"/>
    </row>
    <row r="3007" spans="2:49" x14ac:dyDescent="0.2">
      <c r="B3007" s="97"/>
      <c r="J3007" s="98"/>
      <c r="K3007" s="97"/>
      <c r="N3007" s="3"/>
      <c r="W3007" s="98"/>
      <c r="Z3007" s="143"/>
      <c r="AA3007" s="137"/>
      <c r="AB3007" s="137"/>
      <c r="AC3007" s="137"/>
      <c r="AD3007" s="137"/>
      <c r="AE3007" s="137"/>
      <c r="AF3007" s="137"/>
      <c r="AG3007" s="137"/>
      <c r="AH3007" s="137"/>
      <c r="AI3007" s="137"/>
      <c r="AJ3007" s="137"/>
      <c r="AK3007" s="206"/>
      <c r="AL3007" s="206"/>
      <c r="AM3007" s="143"/>
      <c r="AN3007" s="137"/>
      <c r="AO3007" s="137"/>
      <c r="AP3007" s="137"/>
      <c r="AQ3007" s="137"/>
      <c r="AR3007" s="137"/>
      <c r="AS3007" s="137"/>
      <c r="AT3007" s="137"/>
      <c r="AU3007" s="137"/>
      <c r="AV3007" s="137"/>
      <c r="AW3007" s="144"/>
    </row>
    <row r="3008" spans="2:49" x14ac:dyDescent="0.2">
      <c r="B3008" s="97"/>
      <c r="J3008" s="98"/>
      <c r="K3008" s="97"/>
      <c r="N3008" s="3"/>
      <c r="W3008" s="98"/>
      <c r="Z3008" s="143"/>
      <c r="AA3008" s="137"/>
      <c r="AB3008" s="137"/>
      <c r="AC3008" s="137"/>
      <c r="AD3008" s="137"/>
      <c r="AE3008" s="137"/>
      <c r="AF3008" s="137"/>
      <c r="AG3008" s="137"/>
      <c r="AH3008" s="137"/>
      <c r="AI3008" s="137"/>
      <c r="AJ3008" s="137"/>
      <c r="AK3008" s="206"/>
      <c r="AL3008" s="206"/>
      <c r="AM3008" s="143"/>
      <c r="AN3008" s="137"/>
      <c r="AO3008" s="137"/>
      <c r="AP3008" s="137"/>
      <c r="AQ3008" s="137"/>
      <c r="AR3008" s="137"/>
      <c r="AS3008" s="137"/>
      <c r="AT3008" s="137"/>
      <c r="AU3008" s="137"/>
      <c r="AV3008" s="137"/>
      <c r="AW3008" s="144"/>
    </row>
    <row r="3009" spans="2:49" x14ac:dyDescent="0.2">
      <c r="B3009" s="97"/>
      <c r="J3009" s="98"/>
      <c r="K3009" s="97"/>
      <c r="N3009" s="3"/>
      <c r="W3009" s="98"/>
      <c r="Z3009" s="143"/>
      <c r="AA3009" s="137"/>
      <c r="AB3009" s="137"/>
      <c r="AC3009" s="137"/>
      <c r="AD3009" s="137"/>
      <c r="AE3009" s="137"/>
      <c r="AF3009" s="137"/>
      <c r="AG3009" s="137"/>
      <c r="AH3009" s="137"/>
      <c r="AI3009" s="137"/>
      <c r="AJ3009" s="137"/>
      <c r="AK3009" s="206"/>
      <c r="AL3009" s="206"/>
      <c r="AM3009" s="143"/>
      <c r="AN3009" s="137"/>
      <c r="AO3009" s="137"/>
      <c r="AP3009" s="137"/>
      <c r="AQ3009" s="137"/>
      <c r="AR3009" s="137"/>
      <c r="AS3009" s="137"/>
      <c r="AT3009" s="137"/>
      <c r="AU3009" s="137"/>
      <c r="AV3009" s="137"/>
      <c r="AW3009" s="144"/>
    </row>
    <row r="3010" spans="2:49" x14ac:dyDescent="0.2">
      <c r="B3010" s="97"/>
      <c r="J3010" s="98"/>
      <c r="K3010" s="97"/>
      <c r="N3010" s="3"/>
      <c r="W3010" s="98"/>
      <c r="Z3010" s="143"/>
      <c r="AA3010" s="137"/>
      <c r="AB3010" s="137"/>
      <c r="AC3010" s="137"/>
      <c r="AD3010" s="137"/>
      <c r="AE3010" s="137"/>
      <c r="AF3010" s="137"/>
      <c r="AG3010" s="137"/>
      <c r="AH3010" s="137"/>
      <c r="AI3010" s="137"/>
      <c r="AJ3010" s="137"/>
      <c r="AK3010" s="206"/>
      <c r="AL3010" s="206"/>
      <c r="AM3010" s="143"/>
      <c r="AN3010" s="137"/>
      <c r="AO3010" s="137"/>
      <c r="AP3010" s="137"/>
      <c r="AQ3010" s="137"/>
      <c r="AR3010" s="137"/>
      <c r="AS3010" s="137"/>
      <c r="AT3010" s="137"/>
      <c r="AU3010" s="137"/>
      <c r="AV3010" s="137"/>
      <c r="AW3010" s="144"/>
    </row>
    <row r="3011" spans="2:49" x14ac:dyDescent="0.2">
      <c r="B3011" s="97"/>
      <c r="J3011" s="98"/>
      <c r="K3011" s="97"/>
      <c r="N3011" s="3"/>
      <c r="W3011" s="98"/>
      <c r="Z3011" s="143"/>
      <c r="AA3011" s="137"/>
      <c r="AB3011" s="137"/>
      <c r="AC3011" s="137"/>
      <c r="AD3011" s="137"/>
      <c r="AE3011" s="137"/>
      <c r="AF3011" s="137"/>
      <c r="AG3011" s="137"/>
      <c r="AH3011" s="137"/>
      <c r="AI3011" s="137"/>
      <c r="AJ3011" s="137"/>
      <c r="AK3011" s="206"/>
      <c r="AL3011" s="206"/>
      <c r="AM3011" s="143"/>
      <c r="AN3011" s="137"/>
      <c r="AO3011" s="137"/>
      <c r="AP3011" s="137"/>
      <c r="AQ3011" s="137"/>
      <c r="AR3011" s="137"/>
      <c r="AS3011" s="137"/>
      <c r="AT3011" s="137"/>
      <c r="AU3011" s="137"/>
      <c r="AV3011" s="137"/>
      <c r="AW3011" s="144"/>
    </row>
    <row r="3012" spans="2:49" x14ac:dyDescent="0.2">
      <c r="B3012" s="97"/>
      <c r="J3012" s="98"/>
      <c r="K3012" s="97"/>
      <c r="N3012" s="3"/>
      <c r="W3012" s="98"/>
      <c r="Z3012" s="143"/>
      <c r="AA3012" s="137"/>
      <c r="AB3012" s="137"/>
      <c r="AC3012" s="137"/>
      <c r="AD3012" s="137"/>
      <c r="AE3012" s="137"/>
      <c r="AF3012" s="137"/>
      <c r="AG3012" s="137"/>
      <c r="AH3012" s="137"/>
      <c r="AI3012" s="137"/>
      <c r="AJ3012" s="137"/>
      <c r="AK3012" s="206"/>
      <c r="AL3012" s="206"/>
      <c r="AM3012" s="143"/>
      <c r="AN3012" s="137"/>
      <c r="AO3012" s="137"/>
      <c r="AP3012" s="137"/>
      <c r="AQ3012" s="137"/>
      <c r="AR3012" s="137"/>
      <c r="AS3012" s="137"/>
      <c r="AT3012" s="137"/>
      <c r="AU3012" s="137"/>
      <c r="AV3012" s="137"/>
      <c r="AW3012" s="144"/>
    </row>
    <row r="3013" spans="2:49" x14ac:dyDescent="0.2">
      <c r="B3013" s="97"/>
      <c r="J3013" s="98"/>
      <c r="K3013" s="97"/>
      <c r="N3013" s="3"/>
      <c r="W3013" s="98"/>
      <c r="Z3013" s="143"/>
      <c r="AA3013" s="137"/>
      <c r="AB3013" s="137"/>
      <c r="AC3013" s="137"/>
      <c r="AD3013" s="137"/>
      <c r="AE3013" s="137"/>
      <c r="AF3013" s="137"/>
      <c r="AG3013" s="137"/>
      <c r="AH3013" s="137"/>
      <c r="AI3013" s="137"/>
      <c r="AJ3013" s="137"/>
      <c r="AK3013" s="206"/>
      <c r="AL3013" s="206"/>
      <c r="AM3013" s="143"/>
      <c r="AN3013" s="137"/>
      <c r="AO3013" s="137"/>
      <c r="AP3013" s="137"/>
      <c r="AQ3013" s="137"/>
      <c r="AR3013" s="137"/>
      <c r="AS3013" s="137"/>
      <c r="AT3013" s="137"/>
      <c r="AU3013" s="137"/>
      <c r="AV3013" s="137"/>
      <c r="AW3013" s="144"/>
    </row>
    <row r="3014" spans="2:49" x14ac:dyDescent="0.2">
      <c r="B3014" s="97"/>
      <c r="J3014" s="98"/>
      <c r="K3014" s="97"/>
      <c r="N3014" s="3"/>
      <c r="W3014" s="98"/>
      <c r="Z3014" s="143"/>
      <c r="AA3014" s="137"/>
      <c r="AB3014" s="137"/>
      <c r="AC3014" s="137"/>
      <c r="AD3014" s="137"/>
      <c r="AE3014" s="137"/>
      <c r="AF3014" s="137"/>
      <c r="AG3014" s="137"/>
      <c r="AH3014" s="137"/>
      <c r="AI3014" s="137"/>
      <c r="AJ3014" s="137"/>
      <c r="AK3014" s="206"/>
      <c r="AL3014" s="206"/>
      <c r="AM3014" s="143"/>
      <c r="AN3014" s="137"/>
      <c r="AO3014" s="137"/>
      <c r="AP3014" s="137"/>
      <c r="AQ3014" s="137"/>
      <c r="AR3014" s="137"/>
      <c r="AS3014" s="137"/>
      <c r="AT3014" s="137"/>
      <c r="AU3014" s="137"/>
      <c r="AV3014" s="137"/>
      <c r="AW3014" s="144"/>
    </row>
    <row r="3015" spans="2:49" x14ac:dyDescent="0.2">
      <c r="B3015" s="97"/>
      <c r="J3015" s="98"/>
      <c r="K3015" s="97"/>
      <c r="N3015" s="3"/>
      <c r="W3015" s="98"/>
      <c r="Z3015" s="143"/>
      <c r="AA3015" s="137"/>
      <c r="AB3015" s="137"/>
      <c r="AC3015" s="137"/>
      <c r="AD3015" s="137"/>
      <c r="AE3015" s="137"/>
      <c r="AF3015" s="137"/>
      <c r="AG3015" s="137"/>
      <c r="AH3015" s="137"/>
      <c r="AI3015" s="137"/>
      <c r="AJ3015" s="137"/>
      <c r="AK3015" s="206"/>
      <c r="AL3015" s="206"/>
      <c r="AM3015" s="143"/>
      <c r="AN3015" s="137"/>
      <c r="AO3015" s="137"/>
      <c r="AP3015" s="137"/>
      <c r="AQ3015" s="137"/>
      <c r="AR3015" s="137"/>
      <c r="AS3015" s="137"/>
      <c r="AT3015" s="137"/>
      <c r="AU3015" s="137"/>
      <c r="AV3015" s="137"/>
      <c r="AW3015" s="144"/>
    </row>
    <row r="3016" spans="2:49" x14ac:dyDescent="0.2">
      <c r="B3016" s="97"/>
      <c r="J3016" s="98"/>
      <c r="K3016" s="97"/>
      <c r="N3016" s="3"/>
      <c r="W3016" s="98"/>
      <c r="Z3016" s="143"/>
      <c r="AA3016" s="137"/>
      <c r="AB3016" s="137"/>
      <c r="AC3016" s="137"/>
      <c r="AD3016" s="137"/>
      <c r="AE3016" s="137"/>
      <c r="AF3016" s="137"/>
      <c r="AG3016" s="137"/>
      <c r="AH3016" s="137"/>
      <c r="AI3016" s="137"/>
      <c r="AJ3016" s="137"/>
      <c r="AK3016" s="206"/>
      <c r="AL3016" s="206"/>
      <c r="AM3016" s="143"/>
      <c r="AN3016" s="137"/>
      <c r="AO3016" s="137"/>
      <c r="AP3016" s="137"/>
      <c r="AQ3016" s="137"/>
      <c r="AR3016" s="137"/>
      <c r="AS3016" s="137"/>
      <c r="AT3016" s="137"/>
      <c r="AU3016" s="137"/>
      <c r="AV3016" s="137"/>
      <c r="AW3016" s="144"/>
    </row>
    <row r="3017" spans="2:49" x14ac:dyDescent="0.2">
      <c r="B3017" s="97"/>
      <c r="J3017" s="98"/>
      <c r="K3017" s="97"/>
      <c r="N3017" s="3"/>
      <c r="W3017" s="98"/>
      <c r="Z3017" s="143"/>
      <c r="AA3017" s="137"/>
      <c r="AB3017" s="137"/>
      <c r="AC3017" s="137"/>
      <c r="AD3017" s="137"/>
      <c r="AE3017" s="137"/>
      <c r="AF3017" s="137"/>
      <c r="AG3017" s="137"/>
      <c r="AH3017" s="137"/>
      <c r="AI3017" s="137"/>
      <c r="AJ3017" s="137"/>
      <c r="AK3017" s="206"/>
      <c r="AL3017" s="206"/>
      <c r="AM3017" s="143"/>
      <c r="AN3017" s="137"/>
      <c r="AO3017" s="137"/>
      <c r="AP3017" s="137"/>
      <c r="AQ3017" s="137"/>
      <c r="AR3017" s="137"/>
      <c r="AS3017" s="137"/>
      <c r="AT3017" s="137"/>
      <c r="AU3017" s="137"/>
      <c r="AV3017" s="137"/>
      <c r="AW3017" s="144"/>
    </row>
    <row r="3018" spans="2:49" x14ac:dyDescent="0.2">
      <c r="B3018" s="97"/>
      <c r="J3018" s="98"/>
      <c r="K3018" s="97"/>
      <c r="N3018" s="3"/>
      <c r="W3018" s="98"/>
      <c r="Z3018" s="143"/>
      <c r="AA3018" s="137"/>
      <c r="AB3018" s="137"/>
      <c r="AC3018" s="137"/>
      <c r="AD3018" s="137"/>
      <c r="AE3018" s="137"/>
      <c r="AF3018" s="137"/>
      <c r="AG3018" s="137"/>
      <c r="AH3018" s="137"/>
      <c r="AI3018" s="137"/>
      <c r="AJ3018" s="137"/>
      <c r="AK3018" s="206"/>
      <c r="AL3018" s="206"/>
      <c r="AM3018" s="143"/>
      <c r="AN3018" s="137"/>
      <c r="AO3018" s="137"/>
      <c r="AP3018" s="137"/>
      <c r="AQ3018" s="137"/>
      <c r="AR3018" s="137"/>
      <c r="AS3018" s="137"/>
      <c r="AT3018" s="137"/>
      <c r="AU3018" s="137"/>
      <c r="AV3018" s="137"/>
      <c r="AW3018" s="144"/>
    </row>
    <row r="3019" spans="2:49" x14ac:dyDescent="0.2">
      <c r="B3019" s="97"/>
      <c r="J3019" s="98"/>
      <c r="K3019" s="97"/>
      <c r="N3019" s="3"/>
      <c r="W3019" s="98"/>
      <c r="Z3019" s="143"/>
      <c r="AA3019" s="137"/>
      <c r="AB3019" s="137"/>
      <c r="AC3019" s="137"/>
      <c r="AD3019" s="137"/>
      <c r="AE3019" s="137"/>
      <c r="AF3019" s="137"/>
      <c r="AG3019" s="137"/>
      <c r="AH3019" s="137"/>
      <c r="AI3019" s="137"/>
      <c r="AJ3019" s="137"/>
      <c r="AK3019" s="206"/>
      <c r="AL3019" s="206"/>
      <c r="AM3019" s="143"/>
      <c r="AN3019" s="137"/>
      <c r="AO3019" s="137"/>
      <c r="AP3019" s="137"/>
      <c r="AQ3019" s="137"/>
      <c r="AR3019" s="137"/>
      <c r="AS3019" s="137"/>
      <c r="AT3019" s="137"/>
      <c r="AU3019" s="137"/>
      <c r="AV3019" s="137"/>
      <c r="AW3019" s="144"/>
    </row>
    <row r="3020" spans="2:49" x14ac:dyDescent="0.2">
      <c r="B3020" s="97"/>
      <c r="J3020" s="98"/>
      <c r="K3020" s="97"/>
      <c r="N3020" s="3"/>
      <c r="W3020" s="98"/>
      <c r="Z3020" s="143"/>
      <c r="AA3020" s="137"/>
      <c r="AB3020" s="137"/>
      <c r="AC3020" s="137"/>
      <c r="AD3020" s="137"/>
      <c r="AE3020" s="137"/>
      <c r="AF3020" s="137"/>
      <c r="AG3020" s="137"/>
      <c r="AH3020" s="137"/>
      <c r="AI3020" s="137"/>
      <c r="AJ3020" s="137"/>
      <c r="AK3020" s="206"/>
      <c r="AL3020" s="206"/>
      <c r="AM3020" s="143"/>
      <c r="AN3020" s="137"/>
      <c r="AO3020" s="137"/>
      <c r="AP3020" s="137"/>
      <c r="AQ3020" s="137"/>
      <c r="AR3020" s="137"/>
      <c r="AS3020" s="137"/>
      <c r="AT3020" s="137"/>
      <c r="AU3020" s="137"/>
      <c r="AV3020" s="137"/>
      <c r="AW3020" s="144"/>
    </row>
    <row r="3021" spans="2:49" x14ac:dyDescent="0.2">
      <c r="B3021" s="97"/>
      <c r="J3021" s="98"/>
      <c r="K3021" s="97"/>
      <c r="N3021" s="3"/>
      <c r="W3021" s="98"/>
      <c r="Z3021" s="143"/>
      <c r="AA3021" s="137"/>
      <c r="AB3021" s="137"/>
      <c r="AC3021" s="137"/>
      <c r="AD3021" s="137"/>
      <c r="AE3021" s="137"/>
      <c r="AF3021" s="137"/>
      <c r="AG3021" s="137"/>
      <c r="AH3021" s="137"/>
      <c r="AI3021" s="137"/>
      <c r="AJ3021" s="137"/>
      <c r="AK3021" s="206"/>
      <c r="AL3021" s="206"/>
      <c r="AM3021" s="143"/>
      <c r="AN3021" s="137"/>
      <c r="AO3021" s="137"/>
      <c r="AP3021" s="137"/>
      <c r="AQ3021" s="137"/>
      <c r="AR3021" s="137"/>
      <c r="AS3021" s="137"/>
      <c r="AT3021" s="137"/>
      <c r="AU3021" s="137"/>
      <c r="AV3021" s="137"/>
      <c r="AW3021" s="144"/>
    </row>
    <row r="3022" spans="2:49" x14ac:dyDescent="0.2">
      <c r="B3022" s="97"/>
      <c r="J3022" s="98"/>
      <c r="K3022" s="97"/>
      <c r="N3022" s="3"/>
      <c r="W3022" s="98"/>
      <c r="Z3022" s="143"/>
      <c r="AA3022" s="137"/>
      <c r="AB3022" s="137"/>
      <c r="AC3022" s="137"/>
      <c r="AD3022" s="137"/>
      <c r="AE3022" s="137"/>
      <c r="AF3022" s="137"/>
      <c r="AG3022" s="137"/>
      <c r="AH3022" s="137"/>
      <c r="AI3022" s="137"/>
      <c r="AJ3022" s="137"/>
      <c r="AK3022" s="206"/>
      <c r="AL3022" s="206"/>
      <c r="AM3022" s="143"/>
      <c r="AN3022" s="137"/>
      <c r="AO3022" s="137"/>
      <c r="AP3022" s="137"/>
      <c r="AQ3022" s="137"/>
      <c r="AR3022" s="137"/>
      <c r="AS3022" s="137"/>
      <c r="AT3022" s="137"/>
      <c r="AU3022" s="137"/>
      <c r="AV3022" s="137"/>
      <c r="AW3022" s="144"/>
    </row>
    <row r="3023" spans="2:49" x14ac:dyDescent="0.2">
      <c r="B3023" s="97"/>
      <c r="J3023" s="98"/>
      <c r="K3023" s="97"/>
      <c r="N3023" s="3"/>
      <c r="W3023" s="98"/>
      <c r="Z3023" s="143"/>
      <c r="AA3023" s="137"/>
      <c r="AB3023" s="137"/>
      <c r="AC3023" s="137"/>
      <c r="AD3023" s="137"/>
      <c r="AE3023" s="137"/>
      <c r="AF3023" s="137"/>
      <c r="AG3023" s="137"/>
      <c r="AH3023" s="137"/>
      <c r="AI3023" s="137"/>
      <c r="AJ3023" s="137"/>
      <c r="AK3023" s="206"/>
      <c r="AL3023" s="206"/>
      <c r="AM3023" s="143"/>
      <c r="AN3023" s="137"/>
      <c r="AO3023" s="137"/>
      <c r="AP3023" s="137"/>
      <c r="AQ3023" s="137"/>
      <c r="AR3023" s="137"/>
      <c r="AS3023" s="137"/>
      <c r="AT3023" s="137"/>
      <c r="AU3023" s="137"/>
      <c r="AV3023" s="137"/>
      <c r="AW3023" s="144"/>
    </row>
    <row r="3024" spans="2:49" x14ac:dyDescent="0.2">
      <c r="B3024" s="97"/>
      <c r="J3024" s="98"/>
      <c r="K3024" s="97"/>
      <c r="N3024" s="3"/>
      <c r="W3024" s="98"/>
      <c r="Z3024" s="143"/>
      <c r="AA3024" s="137"/>
      <c r="AB3024" s="137"/>
      <c r="AC3024" s="137"/>
      <c r="AD3024" s="137"/>
      <c r="AE3024" s="137"/>
      <c r="AF3024" s="137"/>
      <c r="AG3024" s="137"/>
      <c r="AH3024" s="137"/>
      <c r="AI3024" s="137"/>
      <c r="AJ3024" s="137"/>
      <c r="AK3024" s="206"/>
      <c r="AL3024" s="206"/>
      <c r="AM3024" s="143"/>
      <c r="AN3024" s="137"/>
      <c r="AO3024" s="137"/>
      <c r="AP3024" s="137"/>
      <c r="AQ3024" s="137"/>
      <c r="AR3024" s="137"/>
      <c r="AS3024" s="137"/>
      <c r="AT3024" s="137"/>
      <c r="AU3024" s="137"/>
      <c r="AV3024" s="137"/>
      <c r="AW3024" s="144"/>
    </row>
    <row r="3025" spans="2:49" x14ac:dyDescent="0.2">
      <c r="B3025" s="97"/>
      <c r="J3025" s="98"/>
      <c r="K3025" s="97"/>
      <c r="N3025" s="3"/>
      <c r="W3025" s="98"/>
      <c r="Z3025" s="143"/>
      <c r="AA3025" s="137"/>
      <c r="AB3025" s="137"/>
      <c r="AC3025" s="137"/>
      <c r="AD3025" s="137"/>
      <c r="AE3025" s="137"/>
      <c r="AF3025" s="137"/>
      <c r="AG3025" s="137"/>
      <c r="AH3025" s="137"/>
      <c r="AI3025" s="137"/>
      <c r="AJ3025" s="137"/>
      <c r="AK3025" s="206"/>
      <c r="AL3025" s="206"/>
      <c r="AM3025" s="143"/>
      <c r="AN3025" s="137"/>
      <c r="AO3025" s="137"/>
      <c r="AP3025" s="137"/>
      <c r="AQ3025" s="137"/>
      <c r="AR3025" s="137"/>
      <c r="AS3025" s="137"/>
      <c r="AT3025" s="137"/>
      <c r="AU3025" s="137"/>
      <c r="AV3025" s="137"/>
      <c r="AW3025" s="144"/>
    </row>
    <row r="3026" spans="2:49" x14ac:dyDescent="0.2">
      <c r="B3026" s="97"/>
      <c r="J3026" s="98"/>
      <c r="K3026" s="97"/>
      <c r="N3026" s="3"/>
      <c r="W3026" s="98"/>
      <c r="Z3026" s="143"/>
      <c r="AA3026" s="137"/>
      <c r="AB3026" s="137"/>
      <c r="AC3026" s="137"/>
      <c r="AD3026" s="137"/>
      <c r="AE3026" s="137"/>
      <c r="AF3026" s="137"/>
      <c r="AG3026" s="137"/>
      <c r="AH3026" s="137"/>
      <c r="AI3026" s="137"/>
      <c r="AJ3026" s="137"/>
      <c r="AK3026" s="206"/>
      <c r="AL3026" s="206"/>
      <c r="AM3026" s="143"/>
      <c r="AN3026" s="137"/>
      <c r="AO3026" s="137"/>
      <c r="AP3026" s="137"/>
      <c r="AQ3026" s="137"/>
      <c r="AR3026" s="137"/>
      <c r="AS3026" s="137"/>
      <c r="AT3026" s="137"/>
      <c r="AU3026" s="137"/>
      <c r="AV3026" s="137"/>
      <c r="AW3026" s="144"/>
    </row>
    <row r="3027" spans="2:49" x14ac:dyDescent="0.2">
      <c r="B3027" s="97"/>
      <c r="J3027" s="98"/>
      <c r="K3027" s="97"/>
      <c r="N3027" s="3"/>
      <c r="W3027" s="98"/>
      <c r="Z3027" s="143"/>
      <c r="AA3027" s="137"/>
      <c r="AB3027" s="137"/>
      <c r="AC3027" s="137"/>
      <c r="AD3027" s="137"/>
      <c r="AE3027" s="137"/>
      <c r="AF3027" s="137"/>
      <c r="AG3027" s="137"/>
      <c r="AH3027" s="137"/>
      <c r="AI3027" s="137"/>
      <c r="AJ3027" s="137"/>
      <c r="AK3027" s="206"/>
      <c r="AL3027" s="206"/>
      <c r="AM3027" s="143"/>
      <c r="AN3027" s="137"/>
      <c r="AO3027" s="137"/>
      <c r="AP3027" s="137"/>
      <c r="AQ3027" s="137"/>
      <c r="AR3027" s="137"/>
      <c r="AS3027" s="137"/>
      <c r="AT3027" s="137"/>
      <c r="AU3027" s="137"/>
      <c r="AV3027" s="137"/>
      <c r="AW3027" s="144"/>
    </row>
    <row r="3028" spans="2:49" x14ac:dyDescent="0.2">
      <c r="B3028" s="97"/>
      <c r="J3028" s="98"/>
      <c r="K3028" s="97"/>
      <c r="N3028" s="3"/>
      <c r="W3028" s="98"/>
      <c r="Z3028" s="143"/>
      <c r="AA3028" s="137"/>
      <c r="AB3028" s="137"/>
      <c r="AC3028" s="137"/>
      <c r="AD3028" s="137"/>
      <c r="AE3028" s="137"/>
      <c r="AF3028" s="137"/>
      <c r="AG3028" s="137"/>
      <c r="AH3028" s="137"/>
      <c r="AI3028" s="137"/>
      <c r="AJ3028" s="137"/>
      <c r="AK3028" s="206"/>
      <c r="AL3028" s="206"/>
      <c r="AM3028" s="143"/>
      <c r="AN3028" s="137"/>
      <c r="AO3028" s="137"/>
      <c r="AP3028" s="137"/>
      <c r="AQ3028" s="137"/>
      <c r="AR3028" s="137"/>
      <c r="AS3028" s="137"/>
      <c r="AT3028" s="137"/>
      <c r="AU3028" s="137"/>
      <c r="AV3028" s="137"/>
      <c r="AW3028" s="144"/>
    </row>
    <row r="3029" spans="2:49" x14ac:dyDescent="0.2">
      <c r="B3029" s="97"/>
      <c r="J3029" s="98"/>
      <c r="K3029" s="97"/>
      <c r="N3029" s="3"/>
      <c r="W3029" s="98"/>
      <c r="Z3029" s="143"/>
      <c r="AA3029" s="137"/>
      <c r="AB3029" s="137"/>
      <c r="AC3029" s="137"/>
      <c r="AD3029" s="137"/>
      <c r="AE3029" s="137"/>
      <c r="AF3029" s="137"/>
      <c r="AG3029" s="137"/>
      <c r="AH3029" s="137"/>
      <c r="AI3029" s="137"/>
      <c r="AJ3029" s="137"/>
      <c r="AK3029" s="206"/>
      <c r="AL3029" s="206"/>
      <c r="AM3029" s="143"/>
      <c r="AN3029" s="137"/>
      <c r="AO3029" s="137"/>
      <c r="AP3029" s="137"/>
      <c r="AQ3029" s="137"/>
      <c r="AR3029" s="137"/>
      <c r="AS3029" s="137"/>
      <c r="AT3029" s="137"/>
      <c r="AU3029" s="137"/>
      <c r="AV3029" s="137"/>
      <c r="AW3029" s="144"/>
    </row>
    <row r="3030" spans="2:49" x14ac:dyDescent="0.2">
      <c r="B3030" s="97"/>
      <c r="J3030" s="98"/>
      <c r="K3030" s="97"/>
      <c r="N3030" s="3"/>
      <c r="W3030" s="98"/>
      <c r="Z3030" s="143"/>
      <c r="AA3030" s="137"/>
      <c r="AB3030" s="137"/>
      <c r="AC3030" s="137"/>
      <c r="AD3030" s="137"/>
      <c r="AE3030" s="137"/>
      <c r="AF3030" s="137"/>
      <c r="AG3030" s="137"/>
      <c r="AH3030" s="137"/>
      <c r="AI3030" s="137"/>
      <c r="AJ3030" s="137"/>
      <c r="AK3030" s="206"/>
      <c r="AL3030" s="206"/>
      <c r="AM3030" s="143"/>
      <c r="AN3030" s="137"/>
      <c r="AO3030" s="137"/>
      <c r="AP3030" s="137"/>
      <c r="AQ3030" s="137"/>
      <c r="AR3030" s="137"/>
      <c r="AS3030" s="137"/>
      <c r="AT3030" s="137"/>
      <c r="AU3030" s="137"/>
      <c r="AV3030" s="137"/>
      <c r="AW3030" s="144"/>
    </row>
    <row r="3031" spans="2:49" x14ac:dyDescent="0.2">
      <c r="B3031" s="97"/>
      <c r="J3031" s="98"/>
      <c r="K3031" s="97"/>
      <c r="N3031" s="3"/>
      <c r="W3031" s="98"/>
      <c r="Z3031" s="143"/>
      <c r="AA3031" s="137"/>
      <c r="AB3031" s="137"/>
      <c r="AC3031" s="137"/>
      <c r="AD3031" s="137"/>
      <c r="AE3031" s="137"/>
      <c r="AF3031" s="137"/>
      <c r="AG3031" s="137"/>
      <c r="AH3031" s="137"/>
      <c r="AI3031" s="137"/>
      <c r="AJ3031" s="137"/>
      <c r="AK3031" s="206"/>
      <c r="AL3031" s="206"/>
      <c r="AM3031" s="143"/>
      <c r="AN3031" s="137"/>
      <c r="AO3031" s="137"/>
      <c r="AP3031" s="137"/>
      <c r="AQ3031" s="137"/>
      <c r="AR3031" s="137"/>
      <c r="AS3031" s="137"/>
      <c r="AT3031" s="137"/>
      <c r="AU3031" s="137"/>
      <c r="AV3031" s="137"/>
      <c r="AW3031" s="144"/>
    </row>
    <row r="3032" spans="2:49" x14ac:dyDescent="0.2">
      <c r="B3032" s="97"/>
      <c r="J3032" s="98"/>
      <c r="K3032" s="97"/>
      <c r="N3032" s="3"/>
      <c r="W3032" s="98"/>
      <c r="Z3032" s="143"/>
      <c r="AA3032" s="137"/>
      <c r="AB3032" s="137"/>
      <c r="AC3032" s="137"/>
      <c r="AD3032" s="137"/>
      <c r="AE3032" s="137"/>
      <c r="AF3032" s="137"/>
      <c r="AG3032" s="137"/>
      <c r="AH3032" s="137"/>
      <c r="AI3032" s="137"/>
      <c r="AJ3032" s="137"/>
      <c r="AK3032" s="206"/>
      <c r="AL3032" s="206"/>
      <c r="AM3032" s="143"/>
      <c r="AN3032" s="137"/>
      <c r="AO3032" s="137"/>
      <c r="AP3032" s="137"/>
      <c r="AQ3032" s="137"/>
      <c r="AR3032" s="137"/>
      <c r="AS3032" s="137"/>
      <c r="AT3032" s="137"/>
      <c r="AU3032" s="137"/>
      <c r="AV3032" s="137"/>
      <c r="AW3032" s="144"/>
    </row>
    <row r="3033" spans="2:49" x14ac:dyDescent="0.2">
      <c r="B3033" s="97"/>
      <c r="J3033" s="98"/>
      <c r="K3033" s="97"/>
      <c r="N3033" s="3"/>
      <c r="W3033" s="98"/>
      <c r="Z3033" s="143"/>
      <c r="AA3033" s="137"/>
      <c r="AB3033" s="137"/>
      <c r="AC3033" s="137"/>
      <c r="AD3033" s="137"/>
      <c r="AE3033" s="137"/>
      <c r="AF3033" s="137"/>
      <c r="AG3033" s="137"/>
      <c r="AH3033" s="137"/>
      <c r="AI3033" s="137"/>
      <c r="AJ3033" s="137"/>
      <c r="AK3033" s="206"/>
      <c r="AL3033" s="206"/>
      <c r="AM3033" s="143"/>
      <c r="AN3033" s="137"/>
      <c r="AO3033" s="137"/>
      <c r="AP3033" s="137"/>
      <c r="AQ3033" s="137"/>
      <c r="AR3033" s="137"/>
      <c r="AS3033" s="137"/>
      <c r="AT3033" s="137"/>
      <c r="AU3033" s="137"/>
      <c r="AV3033" s="137"/>
      <c r="AW3033" s="144"/>
    </row>
    <row r="3034" spans="2:49" x14ac:dyDescent="0.2">
      <c r="B3034" s="97"/>
      <c r="J3034" s="98"/>
      <c r="K3034" s="97"/>
      <c r="N3034" s="3"/>
      <c r="W3034" s="98"/>
      <c r="Z3034" s="143"/>
      <c r="AA3034" s="137"/>
      <c r="AB3034" s="137"/>
      <c r="AC3034" s="137"/>
      <c r="AD3034" s="137"/>
      <c r="AE3034" s="137"/>
      <c r="AF3034" s="137"/>
      <c r="AG3034" s="137"/>
      <c r="AH3034" s="137"/>
      <c r="AI3034" s="137"/>
      <c r="AJ3034" s="137"/>
      <c r="AK3034" s="206"/>
      <c r="AL3034" s="206"/>
      <c r="AM3034" s="143"/>
      <c r="AN3034" s="137"/>
      <c r="AO3034" s="137"/>
      <c r="AP3034" s="137"/>
      <c r="AQ3034" s="137"/>
      <c r="AR3034" s="137"/>
      <c r="AS3034" s="137"/>
      <c r="AT3034" s="137"/>
      <c r="AU3034" s="137"/>
      <c r="AV3034" s="137"/>
      <c r="AW3034" s="144"/>
    </row>
    <row r="3035" spans="2:49" x14ac:dyDescent="0.2">
      <c r="B3035" s="97"/>
      <c r="J3035" s="98"/>
      <c r="K3035" s="97"/>
      <c r="N3035" s="3"/>
      <c r="W3035" s="98"/>
      <c r="Z3035" s="143"/>
      <c r="AA3035" s="137"/>
      <c r="AB3035" s="137"/>
      <c r="AC3035" s="137"/>
      <c r="AD3035" s="137"/>
      <c r="AE3035" s="137"/>
      <c r="AF3035" s="137"/>
      <c r="AG3035" s="137"/>
      <c r="AH3035" s="137"/>
      <c r="AI3035" s="137"/>
      <c r="AJ3035" s="137"/>
      <c r="AK3035" s="206"/>
      <c r="AL3035" s="206"/>
      <c r="AM3035" s="143"/>
      <c r="AN3035" s="137"/>
      <c r="AO3035" s="137"/>
      <c r="AP3035" s="137"/>
      <c r="AQ3035" s="137"/>
      <c r="AR3035" s="137"/>
      <c r="AS3035" s="137"/>
      <c r="AT3035" s="137"/>
      <c r="AU3035" s="137"/>
      <c r="AV3035" s="137"/>
      <c r="AW3035" s="144"/>
    </row>
    <row r="3036" spans="2:49" x14ac:dyDescent="0.2">
      <c r="B3036" s="97"/>
      <c r="J3036" s="98"/>
      <c r="K3036" s="97"/>
      <c r="N3036" s="3"/>
      <c r="W3036" s="98"/>
      <c r="Z3036" s="143"/>
      <c r="AA3036" s="137"/>
      <c r="AB3036" s="137"/>
      <c r="AC3036" s="137"/>
      <c r="AD3036" s="137"/>
      <c r="AE3036" s="137"/>
      <c r="AF3036" s="137"/>
      <c r="AG3036" s="137"/>
      <c r="AH3036" s="137"/>
      <c r="AI3036" s="137"/>
      <c r="AJ3036" s="137"/>
      <c r="AK3036" s="206"/>
      <c r="AL3036" s="206"/>
      <c r="AM3036" s="143"/>
      <c r="AN3036" s="137"/>
      <c r="AO3036" s="137"/>
      <c r="AP3036" s="137"/>
      <c r="AQ3036" s="137"/>
      <c r="AR3036" s="137"/>
      <c r="AS3036" s="137"/>
      <c r="AT3036" s="137"/>
      <c r="AU3036" s="137"/>
      <c r="AV3036" s="137"/>
      <c r="AW3036" s="144"/>
    </row>
    <row r="3037" spans="2:49" x14ac:dyDescent="0.2">
      <c r="B3037" s="97"/>
      <c r="J3037" s="98"/>
      <c r="K3037" s="97"/>
      <c r="N3037" s="3"/>
      <c r="W3037" s="98"/>
      <c r="Z3037" s="143"/>
      <c r="AA3037" s="137"/>
      <c r="AB3037" s="137"/>
      <c r="AC3037" s="137"/>
      <c r="AD3037" s="137"/>
      <c r="AE3037" s="137"/>
      <c r="AF3037" s="137"/>
      <c r="AG3037" s="137"/>
      <c r="AH3037" s="137"/>
      <c r="AI3037" s="137"/>
      <c r="AJ3037" s="137"/>
      <c r="AK3037" s="206"/>
      <c r="AL3037" s="206"/>
      <c r="AM3037" s="143"/>
      <c r="AN3037" s="137"/>
      <c r="AO3037" s="137"/>
      <c r="AP3037" s="137"/>
      <c r="AQ3037" s="137"/>
      <c r="AR3037" s="137"/>
      <c r="AS3037" s="137"/>
      <c r="AT3037" s="137"/>
      <c r="AU3037" s="137"/>
      <c r="AV3037" s="137"/>
      <c r="AW3037" s="144"/>
    </row>
    <row r="3038" spans="2:49" x14ac:dyDescent="0.2">
      <c r="B3038" s="97"/>
      <c r="J3038" s="98"/>
      <c r="K3038" s="97"/>
      <c r="N3038" s="3"/>
      <c r="W3038" s="98"/>
      <c r="Z3038" s="143"/>
      <c r="AA3038" s="137"/>
      <c r="AB3038" s="137"/>
      <c r="AC3038" s="137"/>
      <c r="AD3038" s="137"/>
      <c r="AE3038" s="137"/>
      <c r="AF3038" s="137"/>
      <c r="AG3038" s="137"/>
      <c r="AH3038" s="137"/>
      <c r="AI3038" s="137"/>
      <c r="AJ3038" s="137"/>
      <c r="AK3038" s="206"/>
      <c r="AL3038" s="206"/>
      <c r="AM3038" s="143"/>
      <c r="AN3038" s="137"/>
      <c r="AO3038" s="137"/>
      <c r="AP3038" s="137"/>
      <c r="AQ3038" s="137"/>
      <c r="AR3038" s="137"/>
      <c r="AS3038" s="137"/>
      <c r="AT3038" s="137"/>
      <c r="AU3038" s="137"/>
      <c r="AV3038" s="137"/>
      <c r="AW3038" s="144"/>
    </row>
    <row r="3039" spans="2:49" x14ac:dyDescent="0.2">
      <c r="B3039" s="97"/>
      <c r="J3039" s="98"/>
      <c r="K3039" s="97"/>
      <c r="N3039" s="3"/>
      <c r="W3039" s="98"/>
      <c r="Z3039" s="143"/>
      <c r="AA3039" s="137"/>
      <c r="AB3039" s="137"/>
      <c r="AC3039" s="137"/>
      <c r="AD3039" s="137"/>
      <c r="AE3039" s="137"/>
      <c r="AF3039" s="137"/>
      <c r="AG3039" s="137"/>
      <c r="AH3039" s="137"/>
      <c r="AI3039" s="137"/>
      <c r="AJ3039" s="137"/>
      <c r="AK3039" s="206"/>
      <c r="AL3039" s="206"/>
      <c r="AM3039" s="143"/>
      <c r="AN3039" s="137"/>
      <c r="AO3039" s="137"/>
      <c r="AP3039" s="137"/>
      <c r="AQ3039" s="137"/>
      <c r="AR3039" s="137"/>
      <c r="AS3039" s="137"/>
      <c r="AT3039" s="137"/>
      <c r="AU3039" s="137"/>
      <c r="AV3039" s="137"/>
      <c r="AW3039" s="144"/>
    </row>
    <row r="3040" spans="2:49" x14ac:dyDescent="0.2">
      <c r="B3040" s="97"/>
      <c r="J3040" s="98"/>
      <c r="K3040" s="97"/>
      <c r="N3040" s="3"/>
      <c r="W3040" s="98"/>
      <c r="Z3040" s="143"/>
      <c r="AA3040" s="137"/>
      <c r="AB3040" s="137"/>
      <c r="AC3040" s="137"/>
      <c r="AD3040" s="137"/>
      <c r="AE3040" s="137"/>
      <c r="AF3040" s="137"/>
      <c r="AG3040" s="137"/>
      <c r="AH3040" s="137"/>
      <c r="AI3040" s="137"/>
      <c r="AJ3040" s="137"/>
      <c r="AK3040" s="206"/>
      <c r="AL3040" s="206"/>
      <c r="AM3040" s="143"/>
      <c r="AN3040" s="137"/>
      <c r="AO3040" s="137"/>
      <c r="AP3040" s="137"/>
      <c r="AQ3040" s="137"/>
      <c r="AR3040" s="137"/>
      <c r="AS3040" s="137"/>
      <c r="AT3040" s="137"/>
      <c r="AU3040" s="137"/>
      <c r="AV3040" s="137"/>
      <c r="AW3040" s="144"/>
    </row>
    <row r="3041" spans="2:49" x14ac:dyDescent="0.2">
      <c r="B3041" s="97"/>
      <c r="J3041" s="98"/>
      <c r="K3041" s="97"/>
      <c r="N3041" s="3"/>
      <c r="W3041" s="98"/>
      <c r="Z3041" s="143"/>
      <c r="AA3041" s="137"/>
      <c r="AB3041" s="137"/>
      <c r="AC3041" s="137"/>
      <c r="AD3041" s="137"/>
      <c r="AE3041" s="137"/>
      <c r="AF3041" s="137"/>
      <c r="AG3041" s="137"/>
      <c r="AH3041" s="137"/>
      <c r="AI3041" s="137"/>
      <c r="AJ3041" s="137"/>
      <c r="AK3041" s="206"/>
      <c r="AL3041" s="206"/>
      <c r="AM3041" s="143"/>
      <c r="AN3041" s="137"/>
      <c r="AO3041" s="137"/>
      <c r="AP3041" s="137"/>
      <c r="AQ3041" s="137"/>
      <c r="AR3041" s="137"/>
      <c r="AS3041" s="137"/>
      <c r="AT3041" s="137"/>
      <c r="AU3041" s="137"/>
      <c r="AV3041" s="137"/>
      <c r="AW3041" s="144"/>
    </row>
    <row r="3042" spans="2:49" x14ac:dyDescent="0.2">
      <c r="B3042" s="97"/>
      <c r="J3042" s="98"/>
      <c r="K3042" s="97"/>
      <c r="N3042" s="3"/>
      <c r="W3042" s="98"/>
      <c r="Z3042" s="143"/>
      <c r="AA3042" s="137"/>
      <c r="AB3042" s="137"/>
      <c r="AC3042" s="137"/>
      <c r="AD3042" s="137"/>
      <c r="AE3042" s="137"/>
      <c r="AF3042" s="137"/>
      <c r="AG3042" s="137"/>
      <c r="AH3042" s="137"/>
      <c r="AI3042" s="137"/>
      <c r="AJ3042" s="137"/>
      <c r="AK3042" s="206"/>
      <c r="AL3042" s="206"/>
      <c r="AM3042" s="143"/>
      <c r="AN3042" s="137"/>
      <c r="AO3042" s="137"/>
      <c r="AP3042" s="137"/>
      <c r="AQ3042" s="137"/>
      <c r="AR3042" s="137"/>
      <c r="AS3042" s="137"/>
      <c r="AT3042" s="137"/>
      <c r="AU3042" s="137"/>
      <c r="AV3042" s="137"/>
      <c r="AW3042" s="144"/>
    </row>
    <row r="3043" spans="2:49" x14ac:dyDescent="0.2">
      <c r="B3043" s="97"/>
      <c r="J3043" s="98"/>
      <c r="K3043" s="97"/>
      <c r="N3043" s="3"/>
      <c r="W3043" s="98"/>
      <c r="Z3043" s="143"/>
      <c r="AA3043" s="137"/>
      <c r="AB3043" s="137"/>
      <c r="AC3043" s="137"/>
      <c r="AD3043" s="137"/>
      <c r="AE3043" s="137"/>
      <c r="AF3043" s="137"/>
      <c r="AG3043" s="137"/>
      <c r="AH3043" s="137"/>
      <c r="AI3043" s="137"/>
      <c r="AJ3043" s="137"/>
      <c r="AK3043" s="206"/>
      <c r="AL3043" s="206"/>
      <c r="AM3043" s="143"/>
      <c r="AN3043" s="137"/>
      <c r="AO3043" s="137"/>
      <c r="AP3043" s="137"/>
      <c r="AQ3043" s="137"/>
      <c r="AR3043" s="137"/>
      <c r="AS3043" s="137"/>
      <c r="AT3043" s="137"/>
      <c r="AU3043" s="137"/>
      <c r="AV3043" s="137"/>
      <c r="AW3043" s="144"/>
    </row>
    <row r="3044" spans="2:49" x14ac:dyDescent="0.2">
      <c r="B3044" s="97"/>
      <c r="J3044" s="98"/>
      <c r="K3044" s="97"/>
      <c r="N3044" s="3"/>
      <c r="W3044" s="98"/>
      <c r="Z3044" s="143"/>
      <c r="AA3044" s="137"/>
      <c r="AB3044" s="137"/>
      <c r="AC3044" s="137"/>
      <c r="AD3044" s="137"/>
      <c r="AE3044" s="137"/>
      <c r="AF3044" s="137"/>
      <c r="AG3044" s="137"/>
      <c r="AH3044" s="137"/>
      <c r="AI3044" s="137"/>
      <c r="AJ3044" s="137"/>
      <c r="AK3044" s="206"/>
      <c r="AL3044" s="206"/>
      <c r="AM3044" s="143"/>
      <c r="AN3044" s="137"/>
      <c r="AO3044" s="137"/>
      <c r="AP3044" s="137"/>
      <c r="AQ3044" s="137"/>
      <c r="AR3044" s="137"/>
      <c r="AS3044" s="137"/>
      <c r="AT3044" s="137"/>
      <c r="AU3044" s="137"/>
      <c r="AV3044" s="137"/>
      <c r="AW3044" s="144"/>
    </row>
    <row r="3045" spans="2:49" x14ac:dyDescent="0.2">
      <c r="B3045" s="97"/>
      <c r="J3045" s="98"/>
      <c r="K3045" s="97"/>
      <c r="N3045" s="3"/>
      <c r="W3045" s="98"/>
      <c r="Z3045" s="143"/>
      <c r="AA3045" s="137"/>
      <c r="AB3045" s="137"/>
      <c r="AC3045" s="137"/>
      <c r="AD3045" s="137"/>
      <c r="AE3045" s="137"/>
      <c r="AF3045" s="137"/>
      <c r="AG3045" s="137"/>
      <c r="AH3045" s="137"/>
      <c r="AI3045" s="137"/>
      <c r="AJ3045" s="137"/>
      <c r="AK3045" s="206"/>
      <c r="AL3045" s="206"/>
      <c r="AM3045" s="143"/>
      <c r="AN3045" s="137"/>
      <c r="AO3045" s="137"/>
      <c r="AP3045" s="137"/>
      <c r="AQ3045" s="137"/>
      <c r="AR3045" s="137"/>
      <c r="AS3045" s="137"/>
      <c r="AT3045" s="137"/>
      <c r="AU3045" s="137"/>
      <c r="AV3045" s="137"/>
      <c r="AW3045" s="144"/>
    </row>
    <row r="3046" spans="2:49" x14ac:dyDescent="0.2">
      <c r="B3046" s="97"/>
      <c r="J3046" s="98"/>
      <c r="K3046" s="97"/>
      <c r="N3046" s="3"/>
      <c r="W3046" s="98"/>
      <c r="Z3046" s="143"/>
      <c r="AA3046" s="137"/>
      <c r="AB3046" s="137"/>
      <c r="AC3046" s="137"/>
      <c r="AD3046" s="137"/>
      <c r="AE3046" s="137"/>
      <c r="AF3046" s="137"/>
      <c r="AG3046" s="137"/>
      <c r="AH3046" s="137"/>
      <c r="AI3046" s="137"/>
      <c r="AJ3046" s="137"/>
      <c r="AK3046" s="206"/>
      <c r="AL3046" s="206"/>
      <c r="AM3046" s="143"/>
      <c r="AN3046" s="137"/>
      <c r="AO3046" s="137"/>
      <c r="AP3046" s="137"/>
      <c r="AQ3046" s="137"/>
      <c r="AR3046" s="137"/>
      <c r="AS3046" s="137"/>
      <c r="AT3046" s="137"/>
      <c r="AU3046" s="137"/>
      <c r="AV3046" s="137"/>
      <c r="AW3046" s="144"/>
    </row>
    <row r="3047" spans="2:49" x14ac:dyDescent="0.2">
      <c r="B3047" s="97"/>
      <c r="J3047" s="98"/>
      <c r="K3047" s="97"/>
      <c r="N3047" s="3"/>
      <c r="W3047" s="98"/>
      <c r="Z3047" s="143"/>
      <c r="AA3047" s="137"/>
      <c r="AB3047" s="137"/>
      <c r="AC3047" s="137"/>
      <c r="AD3047" s="137"/>
      <c r="AE3047" s="137"/>
      <c r="AF3047" s="137"/>
      <c r="AG3047" s="137"/>
      <c r="AH3047" s="137"/>
      <c r="AI3047" s="137"/>
      <c r="AJ3047" s="137"/>
      <c r="AK3047" s="206"/>
      <c r="AL3047" s="206"/>
      <c r="AM3047" s="143"/>
      <c r="AN3047" s="137"/>
      <c r="AO3047" s="137"/>
      <c r="AP3047" s="137"/>
      <c r="AQ3047" s="137"/>
      <c r="AR3047" s="137"/>
      <c r="AS3047" s="137"/>
      <c r="AT3047" s="137"/>
      <c r="AU3047" s="137"/>
      <c r="AV3047" s="137"/>
      <c r="AW3047" s="144"/>
    </row>
    <row r="3048" spans="2:49" x14ac:dyDescent="0.2">
      <c r="B3048" s="97"/>
      <c r="J3048" s="98"/>
      <c r="K3048" s="97"/>
      <c r="N3048" s="3"/>
      <c r="W3048" s="98"/>
      <c r="Z3048" s="143"/>
      <c r="AA3048" s="137"/>
      <c r="AB3048" s="137"/>
      <c r="AC3048" s="137"/>
      <c r="AD3048" s="137"/>
      <c r="AE3048" s="137"/>
      <c r="AF3048" s="137"/>
      <c r="AG3048" s="137"/>
      <c r="AH3048" s="137"/>
      <c r="AI3048" s="137"/>
      <c r="AJ3048" s="137"/>
      <c r="AK3048" s="206"/>
      <c r="AL3048" s="206"/>
      <c r="AM3048" s="143"/>
      <c r="AN3048" s="137"/>
      <c r="AO3048" s="137"/>
      <c r="AP3048" s="137"/>
      <c r="AQ3048" s="137"/>
      <c r="AR3048" s="137"/>
      <c r="AS3048" s="137"/>
      <c r="AT3048" s="137"/>
      <c r="AU3048" s="137"/>
      <c r="AV3048" s="137"/>
      <c r="AW3048" s="144"/>
    </row>
    <row r="3049" spans="2:49" x14ac:dyDescent="0.2">
      <c r="B3049" s="97"/>
      <c r="J3049" s="98"/>
      <c r="K3049" s="97"/>
      <c r="N3049" s="3"/>
      <c r="W3049" s="98"/>
      <c r="Z3049" s="143"/>
      <c r="AA3049" s="137"/>
      <c r="AB3049" s="137"/>
      <c r="AC3049" s="137"/>
      <c r="AD3049" s="137"/>
      <c r="AE3049" s="137"/>
      <c r="AF3049" s="137"/>
      <c r="AG3049" s="137"/>
      <c r="AH3049" s="137"/>
      <c r="AI3049" s="137"/>
      <c r="AJ3049" s="137"/>
      <c r="AK3049" s="206"/>
      <c r="AL3049" s="206"/>
      <c r="AM3049" s="143"/>
      <c r="AN3049" s="137"/>
      <c r="AO3049" s="137"/>
      <c r="AP3049" s="137"/>
      <c r="AQ3049" s="137"/>
      <c r="AR3049" s="137"/>
      <c r="AS3049" s="137"/>
      <c r="AT3049" s="137"/>
      <c r="AU3049" s="137"/>
      <c r="AV3049" s="137"/>
      <c r="AW3049" s="144"/>
    </row>
    <row r="3050" spans="2:49" x14ac:dyDescent="0.2">
      <c r="B3050" s="97"/>
      <c r="J3050" s="98"/>
      <c r="K3050" s="97"/>
      <c r="N3050" s="3"/>
      <c r="W3050" s="98"/>
      <c r="Z3050" s="143"/>
      <c r="AA3050" s="137"/>
      <c r="AB3050" s="137"/>
      <c r="AC3050" s="137"/>
      <c r="AD3050" s="137"/>
      <c r="AE3050" s="137"/>
      <c r="AF3050" s="137"/>
      <c r="AG3050" s="137"/>
      <c r="AH3050" s="137"/>
      <c r="AI3050" s="137"/>
      <c r="AJ3050" s="137"/>
      <c r="AK3050" s="206"/>
      <c r="AL3050" s="206"/>
      <c r="AM3050" s="143"/>
      <c r="AN3050" s="137"/>
      <c r="AO3050" s="137"/>
      <c r="AP3050" s="137"/>
      <c r="AQ3050" s="137"/>
      <c r="AR3050" s="137"/>
      <c r="AS3050" s="137"/>
      <c r="AT3050" s="137"/>
      <c r="AU3050" s="137"/>
      <c r="AV3050" s="137"/>
      <c r="AW3050" s="144"/>
    </row>
    <row r="3051" spans="2:49" x14ac:dyDescent="0.2">
      <c r="B3051" s="97"/>
      <c r="J3051" s="98"/>
      <c r="K3051" s="97"/>
      <c r="N3051" s="3"/>
      <c r="W3051" s="98"/>
      <c r="Z3051" s="143"/>
      <c r="AA3051" s="137"/>
      <c r="AB3051" s="137"/>
      <c r="AC3051" s="137"/>
      <c r="AD3051" s="137"/>
      <c r="AE3051" s="137"/>
      <c r="AF3051" s="137"/>
      <c r="AG3051" s="137"/>
      <c r="AH3051" s="137"/>
      <c r="AI3051" s="137"/>
      <c r="AJ3051" s="137"/>
      <c r="AK3051" s="206"/>
      <c r="AL3051" s="206"/>
      <c r="AM3051" s="143"/>
      <c r="AN3051" s="137"/>
      <c r="AO3051" s="137"/>
      <c r="AP3051" s="137"/>
      <c r="AQ3051" s="137"/>
      <c r="AR3051" s="137"/>
      <c r="AS3051" s="137"/>
      <c r="AT3051" s="137"/>
      <c r="AU3051" s="137"/>
      <c r="AV3051" s="137"/>
      <c r="AW3051" s="144"/>
    </row>
    <row r="3052" spans="2:49" x14ac:dyDescent="0.2">
      <c r="B3052" s="97"/>
      <c r="J3052" s="98"/>
      <c r="K3052" s="97"/>
      <c r="N3052" s="3"/>
      <c r="W3052" s="98"/>
      <c r="Z3052" s="143"/>
      <c r="AA3052" s="137"/>
      <c r="AB3052" s="137"/>
      <c r="AC3052" s="137"/>
      <c r="AD3052" s="137"/>
      <c r="AE3052" s="137"/>
      <c r="AF3052" s="137"/>
      <c r="AG3052" s="137"/>
      <c r="AH3052" s="137"/>
      <c r="AI3052" s="137"/>
      <c r="AJ3052" s="137"/>
      <c r="AK3052" s="206"/>
      <c r="AL3052" s="206"/>
      <c r="AM3052" s="143"/>
      <c r="AN3052" s="137"/>
      <c r="AO3052" s="137"/>
      <c r="AP3052" s="137"/>
      <c r="AQ3052" s="137"/>
      <c r="AR3052" s="137"/>
      <c r="AS3052" s="137"/>
      <c r="AT3052" s="137"/>
      <c r="AU3052" s="137"/>
      <c r="AV3052" s="137"/>
      <c r="AW3052" s="144"/>
    </row>
    <row r="3053" spans="2:49" x14ac:dyDescent="0.2">
      <c r="B3053" s="97"/>
      <c r="J3053" s="98"/>
      <c r="K3053" s="97"/>
      <c r="N3053" s="3"/>
      <c r="W3053" s="98"/>
      <c r="Z3053" s="143"/>
      <c r="AA3053" s="137"/>
      <c r="AB3053" s="137"/>
      <c r="AC3053" s="137"/>
      <c r="AD3053" s="137"/>
      <c r="AE3053" s="137"/>
      <c r="AF3053" s="137"/>
      <c r="AG3053" s="137"/>
      <c r="AH3053" s="137"/>
      <c r="AI3053" s="137"/>
      <c r="AJ3053" s="137"/>
      <c r="AK3053" s="206"/>
      <c r="AL3053" s="206"/>
      <c r="AM3053" s="143"/>
      <c r="AN3053" s="137"/>
      <c r="AO3053" s="137"/>
      <c r="AP3053" s="137"/>
      <c r="AQ3053" s="137"/>
      <c r="AR3053" s="137"/>
      <c r="AS3053" s="137"/>
      <c r="AT3053" s="137"/>
      <c r="AU3053" s="137"/>
      <c r="AV3053" s="137"/>
      <c r="AW3053" s="144"/>
    </row>
    <row r="3054" spans="2:49" x14ac:dyDescent="0.2">
      <c r="B3054" s="97"/>
      <c r="J3054" s="98"/>
      <c r="K3054" s="97"/>
      <c r="N3054" s="3"/>
      <c r="W3054" s="98"/>
      <c r="Z3054" s="143"/>
      <c r="AA3054" s="137"/>
      <c r="AB3054" s="137"/>
      <c r="AC3054" s="137"/>
      <c r="AD3054" s="137"/>
      <c r="AE3054" s="137"/>
      <c r="AF3054" s="137"/>
      <c r="AG3054" s="137"/>
      <c r="AH3054" s="137"/>
      <c r="AI3054" s="137"/>
      <c r="AJ3054" s="137"/>
      <c r="AK3054" s="206"/>
      <c r="AL3054" s="206"/>
      <c r="AM3054" s="143"/>
      <c r="AN3054" s="137"/>
      <c r="AO3054" s="137"/>
      <c r="AP3054" s="137"/>
      <c r="AQ3054" s="137"/>
      <c r="AR3054" s="137"/>
      <c r="AS3054" s="137"/>
      <c r="AT3054" s="137"/>
      <c r="AU3054" s="137"/>
      <c r="AV3054" s="137"/>
      <c r="AW3054" s="144"/>
    </row>
    <row r="3055" spans="2:49" x14ac:dyDescent="0.2">
      <c r="B3055" s="97"/>
      <c r="J3055" s="98"/>
      <c r="K3055" s="97"/>
      <c r="N3055" s="3"/>
      <c r="W3055" s="98"/>
      <c r="Z3055" s="143"/>
      <c r="AA3055" s="137"/>
      <c r="AB3055" s="137"/>
      <c r="AC3055" s="137"/>
      <c r="AD3055" s="137"/>
      <c r="AE3055" s="137"/>
      <c r="AF3055" s="137"/>
      <c r="AG3055" s="137"/>
      <c r="AH3055" s="137"/>
      <c r="AI3055" s="137"/>
      <c r="AJ3055" s="137"/>
      <c r="AK3055" s="206"/>
      <c r="AL3055" s="206"/>
      <c r="AM3055" s="143"/>
      <c r="AN3055" s="137"/>
      <c r="AO3055" s="137"/>
      <c r="AP3055" s="137"/>
      <c r="AQ3055" s="137"/>
      <c r="AR3055" s="137"/>
      <c r="AS3055" s="137"/>
      <c r="AT3055" s="137"/>
      <c r="AU3055" s="137"/>
      <c r="AV3055" s="137"/>
      <c r="AW3055" s="144"/>
    </row>
    <row r="3056" spans="2:49" x14ac:dyDescent="0.2">
      <c r="B3056" s="97"/>
      <c r="J3056" s="98"/>
      <c r="K3056" s="97"/>
      <c r="N3056" s="3"/>
      <c r="W3056" s="98"/>
      <c r="Z3056" s="143"/>
      <c r="AA3056" s="137"/>
      <c r="AB3056" s="137"/>
      <c r="AC3056" s="137"/>
      <c r="AD3056" s="137"/>
      <c r="AE3056" s="137"/>
      <c r="AF3056" s="137"/>
      <c r="AG3056" s="137"/>
      <c r="AH3056" s="137"/>
      <c r="AI3056" s="137"/>
      <c r="AJ3056" s="137"/>
      <c r="AK3056" s="206"/>
      <c r="AL3056" s="206"/>
      <c r="AM3056" s="143"/>
      <c r="AN3056" s="137"/>
      <c r="AO3056" s="137"/>
      <c r="AP3056" s="137"/>
      <c r="AQ3056" s="137"/>
      <c r="AR3056" s="137"/>
      <c r="AS3056" s="137"/>
      <c r="AT3056" s="137"/>
      <c r="AU3056" s="137"/>
      <c r="AV3056" s="137"/>
      <c r="AW3056" s="144"/>
    </row>
    <row r="3057" spans="2:49" x14ac:dyDescent="0.2">
      <c r="B3057" s="97"/>
      <c r="J3057" s="98"/>
      <c r="K3057" s="97"/>
      <c r="N3057" s="3"/>
      <c r="W3057" s="98"/>
      <c r="Z3057" s="143"/>
      <c r="AA3057" s="137"/>
      <c r="AB3057" s="137"/>
      <c r="AC3057" s="137"/>
      <c r="AD3057" s="137"/>
      <c r="AE3057" s="137"/>
      <c r="AF3057" s="137"/>
      <c r="AG3057" s="137"/>
      <c r="AH3057" s="137"/>
      <c r="AI3057" s="137"/>
      <c r="AJ3057" s="137"/>
      <c r="AK3057" s="206"/>
      <c r="AL3057" s="206"/>
      <c r="AM3057" s="143"/>
      <c r="AN3057" s="137"/>
      <c r="AO3057" s="137"/>
      <c r="AP3057" s="137"/>
      <c r="AQ3057" s="137"/>
      <c r="AR3057" s="137"/>
      <c r="AS3057" s="137"/>
      <c r="AT3057" s="137"/>
      <c r="AU3057" s="137"/>
      <c r="AV3057" s="137"/>
      <c r="AW3057" s="144"/>
    </row>
    <row r="3058" spans="2:49" x14ac:dyDescent="0.2">
      <c r="B3058" s="97"/>
      <c r="J3058" s="98"/>
      <c r="K3058" s="97"/>
      <c r="N3058" s="3"/>
      <c r="W3058" s="98"/>
      <c r="Z3058" s="143"/>
      <c r="AA3058" s="137"/>
      <c r="AB3058" s="137"/>
      <c r="AC3058" s="137"/>
      <c r="AD3058" s="137"/>
      <c r="AE3058" s="137"/>
      <c r="AF3058" s="137"/>
      <c r="AG3058" s="137"/>
      <c r="AH3058" s="137"/>
      <c r="AI3058" s="137"/>
      <c r="AJ3058" s="137"/>
      <c r="AK3058" s="206"/>
      <c r="AL3058" s="206"/>
      <c r="AM3058" s="143"/>
      <c r="AN3058" s="137"/>
      <c r="AO3058" s="137"/>
      <c r="AP3058" s="137"/>
      <c r="AQ3058" s="137"/>
      <c r="AR3058" s="137"/>
      <c r="AS3058" s="137"/>
      <c r="AT3058" s="137"/>
      <c r="AU3058" s="137"/>
      <c r="AV3058" s="137"/>
      <c r="AW3058" s="144"/>
    </row>
    <row r="3059" spans="2:49" x14ac:dyDescent="0.2">
      <c r="B3059" s="97"/>
      <c r="J3059" s="98"/>
      <c r="K3059" s="97"/>
      <c r="N3059" s="3"/>
      <c r="W3059" s="98"/>
      <c r="Z3059" s="143"/>
      <c r="AA3059" s="137"/>
      <c r="AB3059" s="137"/>
      <c r="AC3059" s="137"/>
      <c r="AD3059" s="137"/>
      <c r="AE3059" s="137"/>
      <c r="AF3059" s="137"/>
      <c r="AG3059" s="137"/>
      <c r="AH3059" s="137"/>
      <c r="AI3059" s="137"/>
      <c r="AJ3059" s="137"/>
      <c r="AK3059" s="206"/>
      <c r="AL3059" s="206"/>
      <c r="AM3059" s="143"/>
      <c r="AN3059" s="137"/>
      <c r="AO3059" s="137"/>
      <c r="AP3059" s="137"/>
      <c r="AQ3059" s="137"/>
      <c r="AR3059" s="137"/>
      <c r="AS3059" s="137"/>
      <c r="AT3059" s="137"/>
      <c r="AU3059" s="137"/>
      <c r="AV3059" s="137"/>
      <c r="AW3059" s="144"/>
    </row>
    <row r="3060" spans="2:49" x14ac:dyDescent="0.2">
      <c r="B3060" s="97"/>
      <c r="J3060" s="98"/>
      <c r="K3060" s="97"/>
      <c r="N3060" s="3"/>
      <c r="W3060" s="98"/>
      <c r="Z3060" s="143"/>
      <c r="AA3060" s="137"/>
      <c r="AB3060" s="137"/>
      <c r="AC3060" s="137"/>
      <c r="AD3060" s="137"/>
      <c r="AE3060" s="137"/>
      <c r="AF3060" s="137"/>
      <c r="AG3060" s="137"/>
      <c r="AH3060" s="137"/>
      <c r="AI3060" s="137"/>
      <c r="AJ3060" s="137"/>
      <c r="AK3060" s="206"/>
      <c r="AL3060" s="206"/>
      <c r="AM3060" s="143"/>
      <c r="AN3060" s="137"/>
      <c r="AO3060" s="137"/>
      <c r="AP3060" s="137"/>
      <c r="AQ3060" s="137"/>
      <c r="AR3060" s="137"/>
      <c r="AS3060" s="137"/>
      <c r="AT3060" s="137"/>
      <c r="AU3060" s="137"/>
      <c r="AV3060" s="137"/>
      <c r="AW3060" s="144"/>
    </row>
    <row r="3061" spans="2:49" x14ac:dyDescent="0.2">
      <c r="B3061" s="97"/>
      <c r="J3061" s="98"/>
      <c r="K3061" s="97"/>
      <c r="N3061" s="3"/>
      <c r="W3061" s="98"/>
      <c r="Z3061" s="143"/>
      <c r="AA3061" s="137"/>
      <c r="AB3061" s="137"/>
      <c r="AC3061" s="137"/>
      <c r="AD3061" s="137"/>
      <c r="AE3061" s="137"/>
      <c r="AF3061" s="137"/>
      <c r="AG3061" s="137"/>
      <c r="AH3061" s="137"/>
      <c r="AI3061" s="137"/>
      <c r="AJ3061" s="137"/>
      <c r="AK3061" s="206"/>
      <c r="AL3061" s="206"/>
      <c r="AM3061" s="143"/>
      <c r="AN3061" s="137"/>
      <c r="AO3061" s="137"/>
      <c r="AP3061" s="137"/>
      <c r="AQ3061" s="137"/>
      <c r="AR3061" s="137"/>
      <c r="AS3061" s="137"/>
      <c r="AT3061" s="137"/>
      <c r="AU3061" s="137"/>
      <c r="AV3061" s="137"/>
      <c r="AW3061" s="144"/>
    </row>
    <row r="3062" spans="2:49" x14ac:dyDescent="0.2">
      <c r="B3062" s="97"/>
      <c r="J3062" s="98"/>
      <c r="K3062" s="97"/>
      <c r="N3062" s="3"/>
      <c r="W3062" s="98"/>
      <c r="Z3062" s="143"/>
      <c r="AA3062" s="137"/>
      <c r="AB3062" s="137"/>
      <c r="AC3062" s="137"/>
      <c r="AD3062" s="137"/>
      <c r="AE3062" s="137"/>
      <c r="AF3062" s="137"/>
      <c r="AG3062" s="137"/>
      <c r="AH3062" s="137"/>
      <c r="AI3062" s="137"/>
      <c r="AJ3062" s="137"/>
      <c r="AK3062" s="206"/>
      <c r="AL3062" s="206"/>
      <c r="AM3062" s="143"/>
      <c r="AN3062" s="137"/>
      <c r="AO3062" s="137"/>
      <c r="AP3062" s="137"/>
      <c r="AQ3062" s="137"/>
      <c r="AR3062" s="137"/>
      <c r="AS3062" s="137"/>
      <c r="AT3062" s="137"/>
      <c r="AU3062" s="137"/>
      <c r="AV3062" s="137"/>
      <c r="AW3062" s="144"/>
    </row>
    <row r="3063" spans="2:49" x14ac:dyDescent="0.2">
      <c r="B3063" s="97"/>
      <c r="J3063" s="98"/>
      <c r="K3063" s="97"/>
      <c r="N3063" s="3"/>
      <c r="W3063" s="98"/>
      <c r="Z3063" s="143"/>
      <c r="AA3063" s="137"/>
      <c r="AB3063" s="137"/>
      <c r="AC3063" s="137"/>
      <c r="AD3063" s="137"/>
      <c r="AE3063" s="137"/>
      <c r="AF3063" s="137"/>
      <c r="AG3063" s="137"/>
      <c r="AH3063" s="137"/>
      <c r="AI3063" s="137"/>
      <c r="AJ3063" s="137"/>
      <c r="AK3063" s="206"/>
      <c r="AL3063" s="206"/>
      <c r="AM3063" s="143"/>
      <c r="AN3063" s="137"/>
      <c r="AO3063" s="137"/>
      <c r="AP3063" s="137"/>
      <c r="AQ3063" s="137"/>
      <c r="AR3063" s="137"/>
      <c r="AS3063" s="137"/>
      <c r="AT3063" s="137"/>
      <c r="AU3063" s="137"/>
      <c r="AV3063" s="137"/>
      <c r="AW3063" s="144"/>
    </row>
    <row r="3064" spans="2:49" x14ac:dyDescent="0.2">
      <c r="B3064" s="97"/>
      <c r="J3064" s="98"/>
      <c r="K3064" s="97"/>
      <c r="N3064" s="3"/>
      <c r="W3064" s="98"/>
      <c r="Z3064" s="143"/>
      <c r="AA3064" s="137"/>
      <c r="AB3064" s="137"/>
      <c r="AC3064" s="137"/>
      <c r="AD3064" s="137"/>
      <c r="AE3064" s="137"/>
      <c r="AF3064" s="137"/>
      <c r="AG3064" s="137"/>
      <c r="AH3064" s="137"/>
      <c r="AI3064" s="137"/>
      <c r="AJ3064" s="137"/>
      <c r="AK3064" s="206"/>
      <c r="AL3064" s="206"/>
      <c r="AM3064" s="143"/>
      <c r="AN3064" s="137"/>
      <c r="AO3064" s="137"/>
      <c r="AP3064" s="137"/>
      <c r="AQ3064" s="137"/>
      <c r="AR3064" s="137"/>
      <c r="AS3064" s="137"/>
      <c r="AT3064" s="137"/>
      <c r="AU3064" s="137"/>
      <c r="AV3064" s="137"/>
      <c r="AW3064" s="144"/>
    </row>
    <row r="3065" spans="2:49" x14ac:dyDescent="0.2">
      <c r="B3065" s="97"/>
      <c r="J3065" s="98"/>
      <c r="K3065" s="97"/>
      <c r="N3065" s="3"/>
      <c r="W3065" s="98"/>
      <c r="Z3065" s="143"/>
      <c r="AA3065" s="137"/>
      <c r="AB3065" s="137"/>
      <c r="AC3065" s="137"/>
      <c r="AD3065" s="137"/>
      <c r="AE3065" s="137"/>
      <c r="AF3065" s="137"/>
      <c r="AG3065" s="137"/>
      <c r="AH3065" s="137"/>
      <c r="AI3065" s="137"/>
      <c r="AJ3065" s="137"/>
      <c r="AK3065" s="206"/>
      <c r="AL3065" s="206"/>
      <c r="AM3065" s="143"/>
      <c r="AN3065" s="137"/>
      <c r="AO3065" s="137"/>
      <c r="AP3065" s="137"/>
      <c r="AQ3065" s="137"/>
      <c r="AR3065" s="137"/>
      <c r="AS3065" s="137"/>
      <c r="AT3065" s="137"/>
      <c r="AU3065" s="137"/>
      <c r="AV3065" s="137"/>
      <c r="AW3065" s="144"/>
    </row>
    <row r="3066" spans="2:49" x14ac:dyDescent="0.2">
      <c r="B3066" s="97"/>
      <c r="J3066" s="98"/>
      <c r="K3066" s="97"/>
      <c r="N3066" s="3"/>
      <c r="W3066" s="98"/>
      <c r="Z3066" s="143"/>
      <c r="AA3066" s="137"/>
      <c r="AB3066" s="137"/>
      <c r="AC3066" s="137"/>
      <c r="AD3066" s="137"/>
      <c r="AE3066" s="137"/>
      <c r="AF3066" s="137"/>
      <c r="AG3066" s="137"/>
      <c r="AH3066" s="137"/>
      <c r="AI3066" s="137"/>
      <c r="AJ3066" s="137"/>
      <c r="AK3066" s="206"/>
      <c r="AL3066" s="206"/>
      <c r="AM3066" s="143"/>
      <c r="AN3066" s="137"/>
      <c r="AO3066" s="137"/>
      <c r="AP3066" s="137"/>
      <c r="AQ3066" s="137"/>
      <c r="AR3066" s="137"/>
      <c r="AS3066" s="137"/>
      <c r="AT3066" s="137"/>
      <c r="AU3066" s="137"/>
      <c r="AV3066" s="137"/>
      <c r="AW3066" s="144"/>
    </row>
    <row r="3067" spans="2:49" x14ac:dyDescent="0.2">
      <c r="B3067" s="97"/>
      <c r="J3067" s="98"/>
      <c r="K3067" s="97"/>
      <c r="N3067" s="3"/>
      <c r="W3067" s="98"/>
      <c r="Z3067" s="143"/>
      <c r="AA3067" s="137"/>
      <c r="AB3067" s="137"/>
      <c r="AC3067" s="137"/>
      <c r="AD3067" s="137"/>
      <c r="AE3067" s="137"/>
      <c r="AF3067" s="137"/>
      <c r="AG3067" s="137"/>
      <c r="AH3067" s="137"/>
      <c r="AI3067" s="137"/>
      <c r="AJ3067" s="137"/>
      <c r="AK3067" s="206"/>
      <c r="AL3067" s="206"/>
      <c r="AM3067" s="143"/>
      <c r="AN3067" s="137"/>
      <c r="AO3067" s="137"/>
      <c r="AP3067" s="137"/>
      <c r="AQ3067" s="137"/>
      <c r="AR3067" s="137"/>
      <c r="AS3067" s="137"/>
      <c r="AT3067" s="137"/>
      <c r="AU3067" s="137"/>
      <c r="AV3067" s="137"/>
      <c r="AW3067" s="144"/>
    </row>
    <row r="3068" spans="2:49" x14ac:dyDescent="0.2">
      <c r="B3068" s="97"/>
      <c r="J3068" s="98"/>
      <c r="K3068" s="97"/>
      <c r="N3068" s="3"/>
      <c r="W3068" s="98"/>
      <c r="Z3068" s="143"/>
      <c r="AA3068" s="137"/>
      <c r="AB3068" s="137"/>
      <c r="AC3068" s="137"/>
      <c r="AD3068" s="137"/>
      <c r="AE3068" s="137"/>
      <c r="AF3068" s="137"/>
      <c r="AG3068" s="137"/>
      <c r="AH3068" s="137"/>
      <c r="AI3068" s="137"/>
      <c r="AJ3068" s="137"/>
      <c r="AK3068" s="206"/>
      <c r="AL3068" s="206"/>
      <c r="AM3068" s="143"/>
      <c r="AN3068" s="137"/>
      <c r="AO3068" s="137"/>
      <c r="AP3068" s="137"/>
      <c r="AQ3068" s="137"/>
      <c r="AR3068" s="137"/>
      <c r="AS3068" s="137"/>
      <c r="AT3068" s="137"/>
      <c r="AU3068" s="137"/>
      <c r="AV3068" s="137"/>
      <c r="AW3068" s="144"/>
    </row>
    <row r="3069" spans="2:49" x14ac:dyDescent="0.2">
      <c r="B3069" s="97"/>
      <c r="J3069" s="98"/>
      <c r="K3069" s="97"/>
      <c r="N3069" s="3"/>
      <c r="W3069" s="98"/>
      <c r="Z3069" s="143"/>
      <c r="AA3069" s="137"/>
      <c r="AB3069" s="137"/>
      <c r="AC3069" s="137"/>
      <c r="AD3069" s="137"/>
      <c r="AE3069" s="137"/>
      <c r="AF3069" s="137"/>
      <c r="AG3069" s="137"/>
      <c r="AH3069" s="137"/>
      <c r="AI3069" s="137"/>
      <c r="AJ3069" s="137"/>
      <c r="AK3069" s="206"/>
      <c r="AL3069" s="206"/>
      <c r="AM3069" s="143"/>
      <c r="AN3069" s="137"/>
      <c r="AO3069" s="137"/>
      <c r="AP3069" s="137"/>
      <c r="AQ3069" s="137"/>
      <c r="AR3069" s="137"/>
      <c r="AS3069" s="137"/>
      <c r="AT3069" s="137"/>
      <c r="AU3069" s="137"/>
      <c r="AV3069" s="137"/>
      <c r="AW3069" s="144"/>
    </row>
    <row r="3070" spans="2:49" x14ac:dyDescent="0.2">
      <c r="B3070" s="97"/>
      <c r="J3070" s="98"/>
      <c r="K3070" s="97"/>
      <c r="N3070" s="3"/>
      <c r="W3070" s="98"/>
      <c r="Z3070" s="143"/>
      <c r="AA3070" s="137"/>
      <c r="AB3070" s="137"/>
      <c r="AC3070" s="137"/>
      <c r="AD3070" s="137"/>
      <c r="AE3070" s="137"/>
      <c r="AF3070" s="137"/>
      <c r="AG3070" s="137"/>
      <c r="AH3070" s="137"/>
      <c r="AI3070" s="137"/>
      <c r="AJ3070" s="137"/>
      <c r="AK3070" s="206"/>
      <c r="AL3070" s="206"/>
      <c r="AM3070" s="143"/>
      <c r="AN3070" s="137"/>
      <c r="AO3070" s="137"/>
      <c r="AP3070" s="137"/>
      <c r="AQ3070" s="137"/>
      <c r="AR3070" s="137"/>
      <c r="AS3070" s="137"/>
      <c r="AT3070" s="137"/>
      <c r="AU3070" s="137"/>
      <c r="AV3070" s="137"/>
      <c r="AW3070" s="144"/>
    </row>
    <row r="3071" spans="2:49" x14ac:dyDescent="0.2">
      <c r="B3071" s="97"/>
      <c r="J3071" s="98"/>
      <c r="K3071" s="97"/>
      <c r="N3071" s="3"/>
      <c r="W3071" s="98"/>
      <c r="Z3071" s="143"/>
      <c r="AA3071" s="137"/>
      <c r="AB3071" s="137"/>
      <c r="AC3071" s="137"/>
      <c r="AD3071" s="137"/>
      <c r="AE3071" s="137"/>
      <c r="AF3071" s="137"/>
      <c r="AG3071" s="137"/>
      <c r="AH3071" s="137"/>
      <c r="AI3071" s="137"/>
      <c r="AJ3071" s="137"/>
      <c r="AK3071" s="206"/>
      <c r="AL3071" s="206"/>
      <c r="AM3071" s="143"/>
      <c r="AN3071" s="137"/>
      <c r="AO3071" s="137"/>
      <c r="AP3071" s="137"/>
      <c r="AQ3071" s="137"/>
      <c r="AR3071" s="137"/>
      <c r="AS3071" s="137"/>
      <c r="AT3071" s="137"/>
      <c r="AU3071" s="137"/>
      <c r="AV3071" s="137"/>
      <c r="AW3071" s="144"/>
    </row>
    <row r="3072" spans="2:49" x14ac:dyDescent="0.2">
      <c r="B3072" s="97"/>
      <c r="J3072" s="98"/>
      <c r="K3072" s="97"/>
      <c r="N3072" s="3"/>
      <c r="W3072" s="98"/>
      <c r="Z3072" s="143"/>
      <c r="AA3072" s="137"/>
      <c r="AB3072" s="137"/>
      <c r="AC3072" s="137"/>
      <c r="AD3072" s="137"/>
      <c r="AE3072" s="137"/>
      <c r="AF3072" s="137"/>
      <c r="AG3072" s="137"/>
      <c r="AH3072" s="137"/>
      <c r="AI3072" s="137"/>
      <c r="AJ3072" s="137"/>
      <c r="AK3072" s="206"/>
      <c r="AL3072" s="206"/>
      <c r="AM3072" s="143"/>
      <c r="AN3072" s="137"/>
      <c r="AO3072" s="137"/>
      <c r="AP3072" s="137"/>
      <c r="AQ3072" s="137"/>
      <c r="AR3072" s="137"/>
      <c r="AS3072" s="137"/>
      <c r="AT3072" s="137"/>
      <c r="AU3072" s="137"/>
      <c r="AV3072" s="137"/>
      <c r="AW3072" s="144"/>
    </row>
    <row r="3073" spans="2:49" x14ac:dyDescent="0.2">
      <c r="B3073" s="97"/>
      <c r="J3073" s="98"/>
      <c r="K3073" s="97"/>
      <c r="N3073" s="3"/>
      <c r="W3073" s="98"/>
      <c r="Z3073" s="143"/>
      <c r="AA3073" s="137"/>
      <c r="AB3073" s="137"/>
      <c r="AC3073" s="137"/>
      <c r="AD3073" s="137"/>
      <c r="AE3073" s="137"/>
      <c r="AF3073" s="137"/>
      <c r="AG3073" s="137"/>
      <c r="AH3073" s="137"/>
      <c r="AI3073" s="137"/>
      <c r="AJ3073" s="137"/>
      <c r="AK3073" s="206"/>
      <c r="AL3073" s="206"/>
      <c r="AM3073" s="143"/>
      <c r="AN3073" s="137"/>
      <c r="AO3073" s="137"/>
      <c r="AP3073" s="137"/>
      <c r="AQ3073" s="137"/>
      <c r="AR3073" s="137"/>
      <c r="AS3073" s="137"/>
      <c r="AT3073" s="137"/>
      <c r="AU3073" s="137"/>
      <c r="AV3073" s="137"/>
      <c r="AW3073" s="144"/>
    </row>
    <row r="3074" spans="2:49" x14ac:dyDescent="0.2">
      <c r="B3074" s="97"/>
      <c r="J3074" s="98"/>
      <c r="K3074" s="97"/>
      <c r="N3074" s="3"/>
      <c r="W3074" s="98"/>
      <c r="Z3074" s="143"/>
      <c r="AA3074" s="137"/>
      <c r="AB3074" s="137"/>
      <c r="AC3074" s="137"/>
      <c r="AD3074" s="137"/>
      <c r="AE3074" s="137"/>
      <c r="AF3074" s="137"/>
      <c r="AG3074" s="137"/>
      <c r="AH3074" s="137"/>
      <c r="AI3074" s="137"/>
      <c r="AJ3074" s="137"/>
      <c r="AK3074" s="206"/>
      <c r="AL3074" s="206"/>
      <c r="AM3074" s="143"/>
      <c r="AN3074" s="137"/>
      <c r="AO3074" s="137"/>
      <c r="AP3074" s="137"/>
      <c r="AQ3074" s="137"/>
      <c r="AR3074" s="137"/>
      <c r="AS3074" s="137"/>
      <c r="AT3074" s="137"/>
      <c r="AU3074" s="137"/>
      <c r="AV3074" s="137"/>
      <c r="AW3074" s="144"/>
    </row>
    <row r="3075" spans="2:49" x14ac:dyDescent="0.2">
      <c r="B3075" s="97"/>
      <c r="J3075" s="98"/>
      <c r="K3075" s="97"/>
      <c r="N3075" s="3"/>
      <c r="W3075" s="98"/>
      <c r="Z3075" s="143"/>
      <c r="AA3075" s="137"/>
      <c r="AB3075" s="137"/>
      <c r="AC3075" s="137"/>
      <c r="AD3075" s="137"/>
      <c r="AE3075" s="137"/>
      <c r="AF3075" s="137"/>
      <c r="AG3075" s="137"/>
      <c r="AH3075" s="137"/>
      <c r="AI3075" s="137"/>
      <c r="AJ3075" s="137"/>
      <c r="AK3075" s="206"/>
      <c r="AL3075" s="206"/>
      <c r="AM3075" s="143"/>
      <c r="AN3075" s="137"/>
      <c r="AO3075" s="137"/>
      <c r="AP3075" s="137"/>
      <c r="AQ3075" s="137"/>
      <c r="AR3075" s="137"/>
      <c r="AS3075" s="137"/>
      <c r="AT3075" s="137"/>
      <c r="AU3075" s="137"/>
      <c r="AV3075" s="137"/>
      <c r="AW3075" s="144"/>
    </row>
    <row r="3076" spans="2:49" x14ac:dyDescent="0.2">
      <c r="B3076" s="97"/>
      <c r="J3076" s="98"/>
      <c r="K3076" s="97"/>
      <c r="N3076" s="3"/>
      <c r="W3076" s="98"/>
      <c r="Z3076" s="143"/>
      <c r="AA3076" s="137"/>
      <c r="AB3076" s="137"/>
      <c r="AC3076" s="137"/>
      <c r="AD3076" s="137"/>
      <c r="AE3076" s="137"/>
      <c r="AF3076" s="137"/>
      <c r="AG3076" s="137"/>
      <c r="AH3076" s="137"/>
      <c r="AI3076" s="137"/>
      <c r="AJ3076" s="137"/>
      <c r="AK3076" s="206"/>
      <c r="AL3076" s="206"/>
      <c r="AM3076" s="143"/>
      <c r="AN3076" s="137"/>
      <c r="AO3076" s="137"/>
      <c r="AP3076" s="137"/>
      <c r="AQ3076" s="137"/>
      <c r="AR3076" s="137"/>
      <c r="AS3076" s="137"/>
      <c r="AT3076" s="137"/>
      <c r="AU3076" s="137"/>
      <c r="AV3076" s="137"/>
      <c r="AW3076" s="144"/>
    </row>
    <row r="3077" spans="2:49" x14ac:dyDescent="0.2">
      <c r="B3077" s="97"/>
      <c r="J3077" s="98"/>
      <c r="K3077" s="97"/>
      <c r="N3077" s="3"/>
      <c r="W3077" s="98"/>
      <c r="Z3077" s="143"/>
      <c r="AA3077" s="137"/>
      <c r="AB3077" s="137"/>
      <c r="AC3077" s="137"/>
      <c r="AD3077" s="137"/>
      <c r="AE3077" s="137"/>
      <c r="AF3077" s="137"/>
      <c r="AG3077" s="137"/>
      <c r="AH3077" s="137"/>
      <c r="AI3077" s="137"/>
      <c r="AJ3077" s="137"/>
      <c r="AK3077" s="206"/>
      <c r="AL3077" s="206"/>
      <c r="AM3077" s="143"/>
      <c r="AN3077" s="137"/>
      <c r="AO3077" s="137"/>
      <c r="AP3077" s="137"/>
      <c r="AQ3077" s="137"/>
      <c r="AR3077" s="137"/>
      <c r="AS3077" s="137"/>
      <c r="AT3077" s="137"/>
      <c r="AU3077" s="137"/>
      <c r="AV3077" s="137"/>
      <c r="AW3077" s="144"/>
    </row>
    <row r="3078" spans="2:49" x14ac:dyDescent="0.2">
      <c r="B3078" s="97"/>
      <c r="J3078" s="98"/>
      <c r="K3078" s="97"/>
      <c r="N3078" s="3"/>
      <c r="W3078" s="98"/>
      <c r="Z3078" s="143"/>
      <c r="AA3078" s="137"/>
      <c r="AB3078" s="137"/>
      <c r="AC3078" s="137"/>
      <c r="AD3078" s="137"/>
      <c r="AE3078" s="137"/>
      <c r="AF3078" s="137"/>
      <c r="AG3078" s="137"/>
      <c r="AH3078" s="137"/>
      <c r="AI3078" s="137"/>
      <c r="AJ3078" s="137"/>
      <c r="AK3078" s="206"/>
      <c r="AL3078" s="206"/>
      <c r="AM3078" s="143"/>
      <c r="AN3078" s="137"/>
      <c r="AO3078" s="137"/>
      <c r="AP3078" s="137"/>
      <c r="AQ3078" s="137"/>
      <c r="AR3078" s="137"/>
      <c r="AS3078" s="137"/>
      <c r="AT3078" s="137"/>
      <c r="AU3078" s="137"/>
      <c r="AV3078" s="137"/>
      <c r="AW3078" s="144"/>
    </row>
    <row r="3079" spans="2:49" x14ac:dyDescent="0.2">
      <c r="B3079" s="97"/>
      <c r="J3079" s="98"/>
      <c r="K3079" s="97"/>
      <c r="N3079" s="3"/>
      <c r="W3079" s="98"/>
      <c r="Z3079" s="143"/>
      <c r="AA3079" s="137"/>
      <c r="AB3079" s="137"/>
      <c r="AC3079" s="137"/>
      <c r="AD3079" s="137"/>
      <c r="AE3079" s="137"/>
      <c r="AF3079" s="137"/>
      <c r="AG3079" s="137"/>
      <c r="AH3079" s="137"/>
      <c r="AI3079" s="137"/>
      <c r="AJ3079" s="137"/>
      <c r="AK3079" s="206"/>
      <c r="AL3079" s="206"/>
      <c r="AM3079" s="143"/>
      <c r="AN3079" s="137"/>
      <c r="AO3079" s="137"/>
      <c r="AP3079" s="137"/>
      <c r="AQ3079" s="137"/>
      <c r="AR3079" s="137"/>
      <c r="AS3079" s="137"/>
      <c r="AT3079" s="137"/>
      <c r="AU3079" s="137"/>
      <c r="AV3079" s="137"/>
      <c r="AW3079" s="144"/>
    </row>
    <row r="3080" spans="2:49" x14ac:dyDescent="0.2">
      <c r="B3080" s="97"/>
      <c r="J3080" s="98"/>
      <c r="K3080" s="97"/>
      <c r="N3080" s="3"/>
      <c r="W3080" s="98"/>
      <c r="Z3080" s="143"/>
      <c r="AA3080" s="137"/>
      <c r="AB3080" s="137"/>
      <c r="AC3080" s="137"/>
      <c r="AD3080" s="137"/>
      <c r="AE3080" s="137"/>
      <c r="AF3080" s="137"/>
      <c r="AG3080" s="137"/>
      <c r="AH3080" s="137"/>
      <c r="AI3080" s="137"/>
      <c r="AJ3080" s="137"/>
      <c r="AK3080" s="206"/>
      <c r="AL3080" s="206"/>
      <c r="AM3080" s="143"/>
      <c r="AN3080" s="137"/>
      <c r="AO3080" s="137"/>
      <c r="AP3080" s="137"/>
      <c r="AQ3080" s="137"/>
      <c r="AR3080" s="137"/>
      <c r="AS3080" s="137"/>
      <c r="AT3080" s="137"/>
      <c r="AU3080" s="137"/>
      <c r="AV3080" s="137"/>
      <c r="AW3080" s="144"/>
    </row>
    <row r="3081" spans="2:49" x14ac:dyDescent="0.2">
      <c r="B3081" s="97"/>
      <c r="J3081" s="98"/>
      <c r="K3081" s="97"/>
      <c r="N3081" s="3"/>
      <c r="W3081" s="98"/>
      <c r="Z3081" s="143"/>
      <c r="AA3081" s="137"/>
      <c r="AB3081" s="137"/>
      <c r="AC3081" s="137"/>
      <c r="AD3081" s="137"/>
      <c r="AE3081" s="137"/>
      <c r="AF3081" s="137"/>
      <c r="AG3081" s="137"/>
      <c r="AH3081" s="137"/>
      <c r="AI3081" s="137"/>
      <c r="AJ3081" s="137"/>
      <c r="AK3081" s="206"/>
      <c r="AL3081" s="206"/>
      <c r="AM3081" s="143"/>
      <c r="AN3081" s="137"/>
      <c r="AO3081" s="137"/>
      <c r="AP3081" s="137"/>
      <c r="AQ3081" s="137"/>
      <c r="AR3081" s="137"/>
      <c r="AS3081" s="137"/>
      <c r="AT3081" s="137"/>
      <c r="AU3081" s="137"/>
      <c r="AV3081" s="137"/>
      <c r="AW3081" s="144"/>
    </row>
    <row r="3082" spans="2:49" x14ac:dyDescent="0.2">
      <c r="B3082" s="97"/>
      <c r="J3082" s="98"/>
      <c r="K3082" s="97"/>
      <c r="N3082" s="3"/>
      <c r="W3082" s="98"/>
      <c r="Z3082" s="143"/>
      <c r="AA3082" s="137"/>
      <c r="AB3082" s="137"/>
      <c r="AC3082" s="137"/>
      <c r="AD3082" s="137"/>
      <c r="AE3082" s="137"/>
      <c r="AF3082" s="137"/>
      <c r="AG3082" s="137"/>
      <c r="AH3082" s="137"/>
      <c r="AI3082" s="137"/>
      <c r="AJ3082" s="137"/>
      <c r="AK3082" s="206"/>
      <c r="AL3082" s="206"/>
      <c r="AM3082" s="143"/>
      <c r="AN3082" s="137"/>
      <c r="AO3082" s="137"/>
      <c r="AP3082" s="137"/>
      <c r="AQ3082" s="137"/>
      <c r="AR3082" s="137"/>
      <c r="AS3082" s="137"/>
      <c r="AT3082" s="137"/>
      <c r="AU3082" s="137"/>
      <c r="AV3082" s="137"/>
      <c r="AW3082" s="144"/>
    </row>
    <row r="3083" spans="2:49" x14ac:dyDescent="0.2">
      <c r="B3083" s="97"/>
      <c r="J3083" s="98"/>
      <c r="K3083" s="97"/>
      <c r="N3083" s="3"/>
      <c r="W3083" s="98"/>
      <c r="Z3083" s="143"/>
      <c r="AA3083" s="137"/>
      <c r="AB3083" s="137"/>
      <c r="AC3083" s="137"/>
      <c r="AD3083" s="137"/>
      <c r="AE3083" s="137"/>
      <c r="AF3083" s="137"/>
      <c r="AG3083" s="137"/>
      <c r="AH3083" s="137"/>
      <c r="AI3083" s="137"/>
      <c r="AJ3083" s="137"/>
      <c r="AK3083" s="206"/>
      <c r="AL3083" s="206"/>
      <c r="AM3083" s="143"/>
      <c r="AN3083" s="137"/>
      <c r="AO3083" s="137"/>
      <c r="AP3083" s="137"/>
      <c r="AQ3083" s="137"/>
      <c r="AR3083" s="137"/>
      <c r="AS3083" s="137"/>
      <c r="AT3083" s="137"/>
      <c r="AU3083" s="137"/>
      <c r="AV3083" s="137"/>
      <c r="AW3083" s="144"/>
    </row>
    <row r="3084" spans="2:49" x14ac:dyDescent="0.2">
      <c r="B3084" s="97"/>
      <c r="J3084" s="98"/>
      <c r="K3084" s="97"/>
      <c r="N3084" s="3"/>
      <c r="W3084" s="98"/>
      <c r="Z3084" s="143"/>
      <c r="AA3084" s="137"/>
      <c r="AB3084" s="137"/>
      <c r="AC3084" s="137"/>
      <c r="AD3084" s="137"/>
      <c r="AE3084" s="137"/>
      <c r="AF3084" s="137"/>
      <c r="AG3084" s="137"/>
      <c r="AH3084" s="137"/>
      <c r="AI3084" s="137"/>
      <c r="AJ3084" s="137"/>
      <c r="AK3084" s="206"/>
      <c r="AL3084" s="206"/>
      <c r="AM3084" s="143"/>
      <c r="AN3084" s="137"/>
      <c r="AO3084" s="137"/>
      <c r="AP3084" s="137"/>
      <c r="AQ3084" s="137"/>
      <c r="AR3084" s="137"/>
      <c r="AS3084" s="137"/>
      <c r="AT3084" s="137"/>
      <c r="AU3084" s="137"/>
      <c r="AV3084" s="137"/>
      <c r="AW3084" s="144"/>
    </row>
    <row r="3085" spans="2:49" x14ac:dyDescent="0.2">
      <c r="B3085" s="97"/>
      <c r="J3085" s="98"/>
      <c r="K3085" s="97"/>
      <c r="N3085" s="3"/>
      <c r="W3085" s="98"/>
      <c r="Z3085" s="143"/>
      <c r="AA3085" s="137"/>
      <c r="AB3085" s="137"/>
      <c r="AC3085" s="137"/>
      <c r="AD3085" s="137"/>
      <c r="AE3085" s="137"/>
      <c r="AF3085" s="137"/>
      <c r="AG3085" s="137"/>
      <c r="AH3085" s="137"/>
      <c r="AI3085" s="137"/>
      <c r="AJ3085" s="137"/>
      <c r="AK3085" s="206"/>
      <c r="AL3085" s="206"/>
      <c r="AM3085" s="143"/>
      <c r="AN3085" s="137"/>
      <c r="AO3085" s="137"/>
      <c r="AP3085" s="137"/>
      <c r="AQ3085" s="137"/>
      <c r="AR3085" s="137"/>
      <c r="AS3085" s="137"/>
      <c r="AT3085" s="137"/>
      <c r="AU3085" s="137"/>
      <c r="AV3085" s="137"/>
      <c r="AW3085" s="144"/>
    </row>
    <row r="3086" spans="2:49" x14ac:dyDescent="0.2">
      <c r="B3086" s="97"/>
      <c r="J3086" s="98"/>
      <c r="K3086" s="97"/>
      <c r="N3086" s="3"/>
      <c r="W3086" s="98"/>
      <c r="Z3086" s="143"/>
      <c r="AA3086" s="137"/>
      <c r="AB3086" s="137"/>
      <c r="AC3086" s="137"/>
      <c r="AD3086" s="137"/>
      <c r="AE3086" s="137"/>
      <c r="AF3086" s="137"/>
      <c r="AG3086" s="137"/>
      <c r="AH3086" s="137"/>
      <c r="AI3086" s="137"/>
      <c r="AJ3086" s="137"/>
      <c r="AK3086" s="206"/>
      <c r="AL3086" s="206"/>
      <c r="AM3086" s="143"/>
      <c r="AN3086" s="137"/>
      <c r="AO3086" s="137"/>
      <c r="AP3086" s="137"/>
      <c r="AQ3086" s="137"/>
      <c r="AR3086" s="137"/>
      <c r="AS3086" s="137"/>
      <c r="AT3086" s="137"/>
      <c r="AU3086" s="137"/>
      <c r="AV3086" s="137"/>
      <c r="AW3086" s="144"/>
    </row>
    <row r="3087" spans="2:49" x14ac:dyDescent="0.2">
      <c r="B3087" s="97"/>
      <c r="J3087" s="98"/>
      <c r="K3087" s="97"/>
      <c r="N3087" s="3"/>
      <c r="W3087" s="98"/>
      <c r="Z3087" s="143"/>
      <c r="AA3087" s="137"/>
      <c r="AB3087" s="137"/>
      <c r="AC3087" s="137"/>
      <c r="AD3087" s="137"/>
      <c r="AE3087" s="137"/>
      <c r="AF3087" s="137"/>
      <c r="AG3087" s="137"/>
      <c r="AH3087" s="137"/>
      <c r="AI3087" s="137"/>
      <c r="AJ3087" s="137"/>
      <c r="AK3087" s="206"/>
      <c r="AL3087" s="206"/>
      <c r="AM3087" s="143"/>
      <c r="AN3087" s="137"/>
      <c r="AO3087" s="137"/>
      <c r="AP3087" s="137"/>
      <c r="AQ3087" s="137"/>
      <c r="AR3087" s="137"/>
      <c r="AS3087" s="137"/>
      <c r="AT3087" s="137"/>
      <c r="AU3087" s="137"/>
      <c r="AV3087" s="137"/>
      <c r="AW3087" s="144"/>
    </row>
    <row r="3088" spans="2:49" x14ac:dyDescent="0.2">
      <c r="B3088" s="97"/>
      <c r="J3088" s="98"/>
      <c r="K3088" s="97"/>
      <c r="N3088" s="3"/>
      <c r="W3088" s="98"/>
      <c r="Z3088" s="143"/>
      <c r="AA3088" s="137"/>
      <c r="AB3088" s="137"/>
      <c r="AC3088" s="137"/>
      <c r="AD3088" s="137"/>
      <c r="AE3088" s="137"/>
      <c r="AF3088" s="137"/>
      <c r="AG3088" s="137"/>
      <c r="AH3088" s="137"/>
      <c r="AI3088" s="137"/>
      <c r="AJ3088" s="137"/>
      <c r="AK3088" s="206"/>
      <c r="AL3088" s="206"/>
      <c r="AM3088" s="143"/>
      <c r="AN3088" s="137"/>
      <c r="AO3088" s="137"/>
      <c r="AP3088" s="137"/>
      <c r="AQ3088" s="137"/>
      <c r="AR3088" s="137"/>
      <c r="AS3088" s="137"/>
      <c r="AT3088" s="137"/>
      <c r="AU3088" s="137"/>
      <c r="AV3088" s="137"/>
      <c r="AW3088" s="144"/>
    </row>
    <row r="3089" spans="2:49" x14ac:dyDescent="0.2">
      <c r="B3089" s="97"/>
      <c r="J3089" s="98"/>
      <c r="K3089" s="97"/>
      <c r="N3089" s="3"/>
      <c r="W3089" s="98"/>
      <c r="Z3089" s="143"/>
      <c r="AA3089" s="137"/>
      <c r="AB3089" s="137"/>
      <c r="AC3089" s="137"/>
      <c r="AD3089" s="137"/>
      <c r="AE3089" s="137"/>
      <c r="AF3089" s="137"/>
      <c r="AG3089" s="137"/>
      <c r="AH3089" s="137"/>
      <c r="AI3089" s="137"/>
      <c r="AJ3089" s="137"/>
      <c r="AK3089" s="206"/>
      <c r="AL3089" s="206"/>
      <c r="AM3089" s="143"/>
      <c r="AN3089" s="137"/>
      <c r="AO3089" s="137"/>
      <c r="AP3089" s="137"/>
      <c r="AQ3089" s="137"/>
      <c r="AR3089" s="137"/>
      <c r="AS3089" s="137"/>
      <c r="AT3089" s="137"/>
      <c r="AU3089" s="137"/>
      <c r="AV3089" s="137"/>
      <c r="AW3089" s="144"/>
    </row>
    <row r="3090" spans="2:49" x14ac:dyDescent="0.2">
      <c r="B3090" s="97"/>
      <c r="J3090" s="98"/>
      <c r="K3090" s="97"/>
      <c r="N3090" s="3"/>
      <c r="W3090" s="98"/>
      <c r="Z3090" s="143"/>
      <c r="AA3090" s="137"/>
      <c r="AB3090" s="137"/>
      <c r="AC3090" s="137"/>
      <c r="AD3090" s="137"/>
      <c r="AE3090" s="137"/>
      <c r="AF3090" s="137"/>
      <c r="AG3090" s="137"/>
      <c r="AH3090" s="137"/>
      <c r="AI3090" s="137"/>
      <c r="AJ3090" s="137"/>
      <c r="AK3090" s="206"/>
      <c r="AL3090" s="206"/>
      <c r="AM3090" s="143"/>
      <c r="AN3090" s="137"/>
      <c r="AO3090" s="137"/>
      <c r="AP3090" s="137"/>
      <c r="AQ3090" s="137"/>
      <c r="AR3090" s="137"/>
      <c r="AS3090" s="137"/>
      <c r="AT3090" s="137"/>
      <c r="AU3090" s="137"/>
      <c r="AV3090" s="137"/>
      <c r="AW3090" s="144"/>
    </row>
    <row r="3091" spans="2:49" x14ac:dyDescent="0.2">
      <c r="B3091" s="97"/>
      <c r="J3091" s="98"/>
      <c r="K3091" s="97"/>
      <c r="N3091" s="3"/>
      <c r="W3091" s="98"/>
      <c r="Z3091" s="143"/>
      <c r="AA3091" s="137"/>
      <c r="AB3091" s="137"/>
      <c r="AC3091" s="137"/>
      <c r="AD3091" s="137"/>
      <c r="AE3091" s="137"/>
      <c r="AF3091" s="137"/>
      <c r="AG3091" s="137"/>
      <c r="AH3091" s="137"/>
      <c r="AI3091" s="137"/>
      <c r="AJ3091" s="137"/>
      <c r="AK3091" s="206"/>
      <c r="AL3091" s="206"/>
      <c r="AM3091" s="143"/>
      <c r="AN3091" s="137"/>
      <c r="AO3091" s="137"/>
      <c r="AP3091" s="137"/>
      <c r="AQ3091" s="137"/>
      <c r="AR3091" s="137"/>
      <c r="AS3091" s="137"/>
      <c r="AT3091" s="137"/>
      <c r="AU3091" s="137"/>
      <c r="AV3091" s="137"/>
      <c r="AW3091" s="144"/>
    </row>
    <row r="3092" spans="2:49" x14ac:dyDescent="0.2">
      <c r="B3092" s="97"/>
      <c r="J3092" s="98"/>
      <c r="K3092" s="97"/>
      <c r="N3092" s="3"/>
      <c r="W3092" s="98"/>
      <c r="Z3092" s="143"/>
      <c r="AA3092" s="137"/>
      <c r="AB3092" s="137"/>
      <c r="AC3092" s="137"/>
      <c r="AD3092" s="137"/>
      <c r="AE3092" s="137"/>
      <c r="AF3092" s="137"/>
      <c r="AG3092" s="137"/>
      <c r="AH3092" s="137"/>
      <c r="AI3092" s="137"/>
      <c r="AJ3092" s="137"/>
      <c r="AK3092" s="206"/>
      <c r="AL3092" s="206"/>
      <c r="AM3092" s="143"/>
      <c r="AN3092" s="137"/>
      <c r="AO3092" s="137"/>
      <c r="AP3092" s="137"/>
      <c r="AQ3092" s="137"/>
      <c r="AR3092" s="137"/>
      <c r="AS3092" s="137"/>
      <c r="AT3092" s="137"/>
      <c r="AU3092" s="137"/>
      <c r="AV3092" s="137"/>
      <c r="AW3092" s="144"/>
    </row>
    <row r="3093" spans="2:49" x14ac:dyDescent="0.2">
      <c r="B3093" s="97"/>
      <c r="J3093" s="98"/>
      <c r="K3093" s="97"/>
      <c r="N3093" s="3"/>
      <c r="W3093" s="98"/>
      <c r="Z3093" s="143"/>
      <c r="AA3093" s="137"/>
      <c r="AB3093" s="137"/>
      <c r="AC3093" s="137"/>
      <c r="AD3093" s="137"/>
      <c r="AE3093" s="137"/>
      <c r="AF3093" s="137"/>
      <c r="AG3093" s="137"/>
      <c r="AH3093" s="137"/>
      <c r="AI3093" s="137"/>
      <c r="AJ3093" s="137"/>
      <c r="AK3093" s="206"/>
      <c r="AL3093" s="206"/>
      <c r="AM3093" s="143"/>
      <c r="AN3093" s="137"/>
      <c r="AO3093" s="137"/>
      <c r="AP3093" s="137"/>
      <c r="AQ3093" s="137"/>
      <c r="AR3093" s="137"/>
      <c r="AS3093" s="137"/>
      <c r="AT3093" s="137"/>
      <c r="AU3093" s="137"/>
      <c r="AV3093" s="137"/>
      <c r="AW3093" s="144"/>
    </row>
    <row r="3094" spans="2:49" x14ac:dyDescent="0.2">
      <c r="B3094" s="97"/>
      <c r="J3094" s="98"/>
      <c r="K3094" s="97"/>
      <c r="N3094" s="3"/>
      <c r="W3094" s="98"/>
      <c r="Z3094" s="143"/>
      <c r="AA3094" s="137"/>
      <c r="AB3094" s="137"/>
      <c r="AC3094" s="137"/>
      <c r="AD3094" s="137"/>
      <c r="AE3094" s="137"/>
      <c r="AF3094" s="137"/>
      <c r="AG3094" s="137"/>
      <c r="AH3094" s="137"/>
      <c r="AI3094" s="137"/>
      <c r="AJ3094" s="137"/>
      <c r="AK3094" s="206"/>
      <c r="AL3094" s="206"/>
      <c r="AM3094" s="143"/>
      <c r="AN3094" s="137"/>
      <c r="AO3094" s="137"/>
      <c r="AP3094" s="137"/>
      <c r="AQ3094" s="137"/>
      <c r="AR3094" s="137"/>
      <c r="AS3094" s="137"/>
      <c r="AT3094" s="137"/>
      <c r="AU3094" s="137"/>
      <c r="AV3094" s="137"/>
      <c r="AW3094" s="144"/>
    </row>
    <row r="3095" spans="2:49" x14ac:dyDescent="0.2">
      <c r="B3095" s="97"/>
      <c r="J3095" s="98"/>
      <c r="K3095" s="97"/>
      <c r="N3095" s="3"/>
      <c r="W3095" s="98"/>
      <c r="Z3095" s="143"/>
      <c r="AA3095" s="137"/>
      <c r="AB3095" s="137"/>
      <c r="AC3095" s="137"/>
      <c r="AD3095" s="137"/>
      <c r="AE3095" s="137"/>
      <c r="AF3095" s="137"/>
      <c r="AG3095" s="137"/>
      <c r="AH3095" s="137"/>
      <c r="AI3095" s="137"/>
      <c r="AJ3095" s="137"/>
      <c r="AK3095" s="206"/>
      <c r="AL3095" s="206"/>
      <c r="AM3095" s="143"/>
      <c r="AN3095" s="137"/>
      <c r="AO3095" s="137"/>
      <c r="AP3095" s="137"/>
      <c r="AQ3095" s="137"/>
      <c r="AR3095" s="137"/>
      <c r="AS3095" s="137"/>
      <c r="AT3095" s="137"/>
      <c r="AU3095" s="137"/>
      <c r="AV3095" s="137"/>
      <c r="AW3095" s="144"/>
    </row>
    <row r="3096" spans="2:49" x14ac:dyDescent="0.2">
      <c r="B3096" s="97"/>
      <c r="J3096" s="98"/>
      <c r="K3096" s="97"/>
      <c r="N3096" s="3"/>
      <c r="W3096" s="98"/>
      <c r="Z3096" s="143"/>
      <c r="AA3096" s="137"/>
      <c r="AB3096" s="137"/>
      <c r="AC3096" s="137"/>
      <c r="AD3096" s="137"/>
      <c r="AE3096" s="137"/>
      <c r="AF3096" s="137"/>
      <c r="AG3096" s="137"/>
      <c r="AH3096" s="137"/>
      <c r="AI3096" s="137"/>
      <c r="AJ3096" s="137"/>
      <c r="AK3096" s="206"/>
      <c r="AL3096" s="206"/>
      <c r="AM3096" s="143"/>
      <c r="AN3096" s="137"/>
      <c r="AO3096" s="137"/>
      <c r="AP3096" s="137"/>
      <c r="AQ3096" s="137"/>
      <c r="AR3096" s="137"/>
      <c r="AS3096" s="137"/>
      <c r="AT3096" s="137"/>
      <c r="AU3096" s="137"/>
      <c r="AV3096" s="137"/>
      <c r="AW3096" s="144"/>
    </row>
    <row r="3097" spans="2:49" x14ac:dyDescent="0.2">
      <c r="B3097" s="97"/>
      <c r="J3097" s="98"/>
      <c r="K3097" s="97"/>
      <c r="N3097" s="3"/>
      <c r="W3097" s="98"/>
      <c r="Z3097" s="143"/>
      <c r="AA3097" s="137"/>
      <c r="AB3097" s="137"/>
      <c r="AC3097" s="137"/>
      <c r="AD3097" s="137"/>
      <c r="AE3097" s="137"/>
      <c r="AF3097" s="137"/>
      <c r="AG3097" s="137"/>
      <c r="AH3097" s="137"/>
      <c r="AI3097" s="137"/>
      <c r="AJ3097" s="137"/>
      <c r="AK3097" s="206"/>
      <c r="AL3097" s="206"/>
      <c r="AM3097" s="143"/>
      <c r="AN3097" s="137"/>
      <c r="AO3097" s="137"/>
      <c r="AP3097" s="137"/>
      <c r="AQ3097" s="137"/>
      <c r="AR3097" s="137"/>
      <c r="AS3097" s="137"/>
      <c r="AT3097" s="137"/>
      <c r="AU3097" s="137"/>
      <c r="AV3097" s="137"/>
      <c r="AW3097" s="144"/>
    </row>
    <row r="3098" spans="2:49" x14ac:dyDescent="0.2">
      <c r="B3098" s="97"/>
      <c r="J3098" s="98"/>
      <c r="K3098" s="97"/>
      <c r="N3098" s="3"/>
      <c r="W3098" s="98"/>
      <c r="Z3098" s="143"/>
      <c r="AA3098" s="137"/>
      <c r="AB3098" s="137"/>
      <c r="AC3098" s="137"/>
      <c r="AD3098" s="137"/>
      <c r="AE3098" s="137"/>
      <c r="AF3098" s="137"/>
      <c r="AG3098" s="137"/>
      <c r="AH3098" s="137"/>
      <c r="AI3098" s="137"/>
      <c r="AJ3098" s="137"/>
      <c r="AK3098" s="206"/>
      <c r="AL3098" s="206"/>
      <c r="AM3098" s="143"/>
      <c r="AN3098" s="137"/>
      <c r="AO3098" s="137"/>
      <c r="AP3098" s="137"/>
      <c r="AQ3098" s="137"/>
      <c r="AR3098" s="137"/>
      <c r="AS3098" s="137"/>
      <c r="AT3098" s="137"/>
      <c r="AU3098" s="137"/>
      <c r="AV3098" s="137"/>
      <c r="AW3098" s="144"/>
    </row>
    <row r="3099" spans="2:49" x14ac:dyDescent="0.2">
      <c r="B3099" s="97"/>
      <c r="J3099" s="98"/>
      <c r="K3099" s="97"/>
      <c r="N3099" s="3"/>
      <c r="W3099" s="98"/>
      <c r="Z3099" s="143"/>
      <c r="AA3099" s="137"/>
      <c r="AB3099" s="137"/>
      <c r="AC3099" s="137"/>
      <c r="AD3099" s="137"/>
      <c r="AE3099" s="137"/>
      <c r="AF3099" s="137"/>
      <c r="AG3099" s="137"/>
      <c r="AH3099" s="137"/>
      <c r="AI3099" s="137"/>
      <c r="AJ3099" s="137"/>
      <c r="AK3099" s="206"/>
      <c r="AL3099" s="206"/>
      <c r="AM3099" s="143"/>
      <c r="AN3099" s="137"/>
      <c r="AO3099" s="137"/>
      <c r="AP3099" s="137"/>
      <c r="AQ3099" s="137"/>
      <c r="AR3099" s="137"/>
      <c r="AS3099" s="137"/>
      <c r="AT3099" s="137"/>
      <c r="AU3099" s="137"/>
      <c r="AV3099" s="137"/>
      <c r="AW3099" s="144"/>
    </row>
    <row r="3100" spans="2:49" x14ac:dyDescent="0.2">
      <c r="B3100" s="97"/>
      <c r="J3100" s="98"/>
      <c r="K3100" s="97"/>
      <c r="N3100" s="3"/>
      <c r="W3100" s="98"/>
      <c r="Z3100" s="143"/>
      <c r="AA3100" s="137"/>
      <c r="AB3100" s="137"/>
      <c r="AC3100" s="137"/>
      <c r="AD3100" s="137"/>
      <c r="AE3100" s="137"/>
      <c r="AF3100" s="137"/>
      <c r="AG3100" s="137"/>
      <c r="AH3100" s="137"/>
      <c r="AI3100" s="137"/>
      <c r="AJ3100" s="137"/>
      <c r="AK3100" s="206"/>
      <c r="AL3100" s="206"/>
      <c r="AM3100" s="143"/>
      <c r="AN3100" s="137"/>
      <c r="AO3100" s="137"/>
      <c r="AP3100" s="137"/>
      <c r="AQ3100" s="137"/>
      <c r="AR3100" s="137"/>
      <c r="AS3100" s="137"/>
      <c r="AT3100" s="137"/>
      <c r="AU3100" s="137"/>
      <c r="AV3100" s="137"/>
      <c r="AW3100" s="144"/>
    </row>
    <row r="3101" spans="2:49" x14ac:dyDescent="0.2">
      <c r="B3101" s="97"/>
      <c r="J3101" s="98"/>
      <c r="K3101" s="97"/>
      <c r="N3101" s="3"/>
      <c r="W3101" s="98"/>
      <c r="Z3101" s="143"/>
      <c r="AA3101" s="137"/>
      <c r="AB3101" s="137"/>
      <c r="AC3101" s="137"/>
      <c r="AD3101" s="137"/>
      <c r="AE3101" s="137"/>
      <c r="AF3101" s="137"/>
      <c r="AG3101" s="137"/>
      <c r="AH3101" s="137"/>
      <c r="AI3101" s="137"/>
      <c r="AJ3101" s="137"/>
      <c r="AK3101" s="206"/>
      <c r="AL3101" s="206"/>
      <c r="AM3101" s="143"/>
      <c r="AN3101" s="137"/>
      <c r="AO3101" s="137"/>
      <c r="AP3101" s="137"/>
      <c r="AQ3101" s="137"/>
      <c r="AR3101" s="137"/>
      <c r="AS3101" s="137"/>
      <c r="AT3101" s="137"/>
      <c r="AU3101" s="137"/>
      <c r="AV3101" s="137"/>
      <c r="AW3101" s="144"/>
    </row>
    <row r="3102" spans="2:49" x14ac:dyDescent="0.2">
      <c r="B3102" s="97"/>
      <c r="J3102" s="98"/>
      <c r="K3102" s="97"/>
      <c r="N3102" s="3"/>
      <c r="W3102" s="98"/>
      <c r="Z3102" s="143"/>
      <c r="AA3102" s="137"/>
      <c r="AB3102" s="137"/>
      <c r="AC3102" s="137"/>
      <c r="AD3102" s="137"/>
      <c r="AE3102" s="137"/>
      <c r="AF3102" s="137"/>
      <c r="AG3102" s="137"/>
      <c r="AH3102" s="137"/>
      <c r="AI3102" s="137"/>
      <c r="AJ3102" s="137"/>
      <c r="AK3102" s="206"/>
      <c r="AL3102" s="206"/>
      <c r="AM3102" s="143"/>
      <c r="AN3102" s="137"/>
      <c r="AO3102" s="137"/>
      <c r="AP3102" s="137"/>
      <c r="AQ3102" s="137"/>
      <c r="AR3102" s="137"/>
      <c r="AS3102" s="137"/>
      <c r="AT3102" s="137"/>
      <c r="AU3102" s="137"/>
      <c r="AV3102" s="137"/>
      <c r="AW3102" s="144"/>
    </row>
    <row r="3103" spans="2:49" x14ac:dyDescent="0.2">
      <c r="B3103" s="97"/>
      <c r="J3103" s="98"/>
      <c r="K3103" s="97"/>
      <c r="N3103" s="3"/>
      <c r="W3103" s="98"/>
      <c r="Z3103" s="143"/>
      <c r="AA3103" s="137"/>
      <c r="AB3103" s="137"/>
      <c r="AC3103" s="137"/>
      <c r="AD3103" s="137"/>
      <c r="AE3103" s="137"/>
      <c r="AF3103" s="137"/>
      <c r="AG3103" s="137"/>
      <c r="AH3103" s="137"/>
      <c r="AI3103" s="137"/>
      <c r="AJ3103" s="137"/>
      <c r="AK3103" s="206"/>
      <c r="AL3103" s="206"/>
      <c r="AM3103" s="143"/>
      <c r="AN3103" s="137"/>
      <c r="AO3103" s="137"/>
      <c r="AP3103" s="137"/>
      <c r="AQ3103" s="137"/>
      <c r="AR3103" s="137"/>
      <c r="AS3103" s="137"/>
      <c r="AT3103" s="137"/>
      <c r="AU3103" s="137"/>
      <c r="AV3103" s="137"/>
      <c r="AW3103" s="144"/>
    </row>
    <row r="3104" spans="2:49" x14ac:dyDescent="0.2">
      <c r="B3104" s="97"/>
      <c r="J3104" s="98"/>
      <c r="K3104" s="97"/>
      <c r="N3104" s="3"/>
      <c r="W3104" s="98"/>
      <c r="Z3104" s="143"/>
      <c r="AA3104" s="137"/>
      <c r="AB3104" s="137"/>
      <c r="AC3104" s="137"/>
      <c r="AD3104" s="137"/>
      <c r="AE3104" s="137"/>
      <c r="AF3104" s="137"/>
      <c r="AG3104" s="137"/>
      <c r="AH3104" s="137"/>
      <c r="AI3104" s="137"/>
      <c r="AJ3104" s="137"/>
      <c r="AK3104" s="206"/>
      <c r="AL3104" s="206"/>
      <c r="AM3104" s="143"/>
      <c r="AN3104" s="137"/>
      <c r="AO3104" s="137"/>
      <c r="AP3104" s="137"/>
      <c r="AQ3104" s="137"/>
      <c r="AR3104" s="137"/>
      <c r="AS3104" s="137"/>
      <c r="AT3104" s="137"/>
      <c r="AU3104" s="137"/>
      <c r="AV3104" s="137"/>
      <c r="AW3104" s="144"/>
    </row>
    <row r="3105" spans="2:49" x14ac:dyDescent="0.2">
      <c r="B3105" s="97"/>
      <c r="J3105" s="98"/>
      <c r="K3105" s="97"/>
      <c r="N3105" s="3"/>
      <c r="W3105" s="98"/>
      <c r="Z3105" s="143"/>
      <c r="AA3105" s="137"/>
      <c r="AB3105" s="137"/>
      <c r="AC3105" s="137"/>
      <c r="AD3105" s="137"/>
      <c r="AE3105" s="137"/>
      <c r="AF3105" s="137"/>
      <c r="AG3105" s="137"/>
      <c r="AH3105" s="137"/>
      <c r="AI3105" s="137"/>
      <c r="AJ3105" s="137"/>
      <c r="AK3105" s="206"/>
      <c r="AL3105" s="206"/>
      <c r="AM3105" s="143"/>
      <c r="AN3105" s="137"/>
      <c r="AO3105" s="137"/>
      <c r="AP3105" s="137"/>
      <c r="AQ3105" s="137"/>
      <c r="AR3105" s="137"/>
      <c r="AS3105" s="137"/>
      <c r="AT3105" s="137"/>
      <c r="AU3105" s="137"/>
      <c r="AV3105" s="137"/>
      <c r="AW3105" s="144"/>
    </row>
    <row r="3106" spans="2:49" x14ac:dyDescent="0.2">
      <c r="B3106" s="97"/>
      <c r="J3106" s="98"/>
      <c r="K3106" s="97"/>
      <c r="N3106" s="3"/>
      <c r="W3106" s="98"/>
      <c r="Z3106" s="143"/>
      <c r="AA3106" s="137"/>
      <c r="AB3106" s="137"/>
      <c r="AC3106" s="137"/>
      <c r="AD3106" s="137"/>
      <c r="AE3106" s="137"/>
      <c r="AF3106" s="137"/>
      <c r="AG3106" s="137"/>
      <c r="AH3106" s="137"/>
      <c r="AI3106" s="137"/>
      <c r="AJ3106" s="137"/>
      <c r="AK3106" s="206"/>
      <c r="AL3106" s="206"/>
      <c r="AM3106" s="143"/>
      <c r="AN3106" s="137"/>
      <c r="AO3106" s="137"/>
      <c r="AP3106" s="137"/>
      <c r="AQ3106" s="137"/>
      <c r="AR3106" s="137"/>
      <c r="AS3106" s="137"/>
      <c r="AT3106" s="137"/>
      <c r="AU3106" s="137"/>
      <c r="AV3106" s="137"/>
      <c r="AW3106" s="144"/>
    </row>
    <row r="3107" spans="2:49" x14ac:dyDescent="0.2">
      <c r="B3107" s="97"/>
      <c r="J3107" s="98"/>
      <c r="K3107" s="97"/>
      <c r="N3107" s="3"/>
      <c r="W3107" s="98"/>
      <c r="Z3107" s="143"/>
      <c r="AA3107" s="137"/>
      <c r="AB3107" s="137"/>
      <c r="AC3107" s="137"/>
      <c r="AD3107" s="137"/>
      <c r="AE3107" s="137"/>
      <c r="AF3107" s="137"/>
      <c r="AG3107" s="137"/>
      <c r="AH3107" s="137"/>
      <c r="AI3107" s="137"/>
      <c r="AJ3107" s="137"/>
      <c r="AK3107" s="206"/>
      <c r="AL3107" s="206"/>
      <c r="AM3107" s="143"/>
      <c r="AN3107" s="137"/>
      <c r="AO3107" s="137"/>
      <c r="AP3107" s="137"/>
      <c r="AQ3107" s="137"/>
      <c r="AR3107" s="137"/>
      <c r="AS3107" s="137"/>
      <c r="AT3107" s="137"/>
      <c r="AU3107" s="137"/>
      <c r="AV3107" s="137"/>
      <c r="AW3107" s="144"/>
    </row>
    <row r="3108" spans="2:49" x14ac:dyDescent="0.2">
      <c r="B3108" s="97"/>
      <c r="J3108" s="98"/>
      <c r="K3108" s="97"/>
      <c r="N3108" s="3"/>
      <c r="W3108" s="98"/>
      <c r="Z3108" s="143"/>
      <c r="AA3108" s="137"/>
      <c r="AB3108" s="137"/>
      <c r="AC3108" s="137"/>
      <c r="AD3108" s="137"/>
      <c r="AE3108" s="137"/>
      <c r="AF3108" s="137"/>
      <c r="AG3108" s="137"/>
      <c r="AH3108" s="137"/>
      <c r="AI3108" s="137"/>
      <c r="AJ3108" s="137"/>
      <c r="AK3108" s="206"/>
      <c r="AL3108" s="206"/>
      <c r="AM3108" s="143"/>
      <c r="AN3108" s="137"/>
      <c r="AO3108" s="137"/>
      <c r="AP3108" s="137"/>
      <c r="AQ3108" s="137"/>
      <c r="AR3108" s="137"/>
      <c r="AS3108" s="137"/>
      <c r="AT3108" s="137"/>
      <c r="AU3108" s="137"/>
      <c r="AV3108" s="137"/>
      <c r="AW3108" s="144"/>
    </row>
    <row r="3109" spans="2:49" x14ac:dyDescent="0.2">
      <c r="B3109" s="97"/>
      <c r="J3109" s="98"/>
      <c r="K3109" s="97"/>
      <c r="N3109" s="3"/>
      <c r="W3109" s="98"/>
      <c r="Z3109" s="143"/>
      <c r="AA3109" s="137"/>
      <c r="AB3109" s="137"/>
      <c r="AC3109" s="137"/>
      <c r="AD3109" s="137"/>
      <c r="AE3109" s="137"/>
      <c r="AF3109" s="137"/>
      <c r="AG3109" s="137"/>
      <c r="AH3109" s="137"/>
      <c r="AI3109" s="137"/>
      <c r="AJ3109" s="137"/>
      <c r="AK3109" s="206"/>
      <c r="AL3109" s="206"/>
      <c r="AM3109" s="143"/>
      <c r="AN3109" s="137"/>
      <c r="AO3109" s="137"/>
      <c r="AP3109" s="137"/>
      <c r="AQ3109" s="137"/>
      <c r="AR3109" s="137"/>
      <c r="AS3109" s="137"/>
      <c r="AT3109" s="137"/>
      <c r="AU3109" s="137"/>
      <c r="AV3109" s="137"/>
      <c r="AW3109" s="144"/>
    </row>
    <row r="3110" spans="2:49" x14ac:dyDescent="0.2">
      <c r="B3110" s="97"/>
      <c r="J3110" s="98"/>
      <c r="K3110" s="97"/>
      <c r="N3110" s="3"/>
      <c r="W3110" s="98"/>
      <c r="Z3110" s="143"/>
      <c r="AA3110" s="137"/>
      <c r="AB3110" s="137"/>
      <c r="AC3110" s="137"/>
      <c r="AD3110" s="137"/>
      <c r="AE3110" s="137"/>
      <c r="AF3110" s="137"/>
      <c r="AG3110" s="137"/>
      <c r="AH3110" s="137"/>
      <c r="AI3110" s="137"/>
      <c r="AJ3110" s="137"/>
      <c r="AK3110" s="206"/>
      <c r="AL3110" s="206"/>
      <c r="AM3110" s="143"/>
      <c r="AN3110" s="137"/>
      <c r="AO3110" s="137"/>
      <c r="AP3110" s="137"/>
      <c r="AQ3110" s="137"/>
      <c r="AR3110" s="137"/>
      <c r="AS3110" s="137"/>
      <c r="AT3110" s="137"/>
      <c r="AU3110" s="137"/>
      <c r="AV3110" s="137"/>
      <c r="AW3110" s="144"/>
    </row>
    <row r="3111" spans="2:49" x14ac:dyDescent="0.2">
      <c r="B3111" s="97"/>
      <c r="J3111" s="98"/>
      <c r="K3111" s="97"/>
      <c r="N3111" s="3"/>
      <c r="W3111" s="98"/>
      <c r="Z3111" s="143"/>
      <c r="AA3111" s="137"/>
      <c r="AB3111" s="137"/>
      <c r="AC3111" s="137"/>
      <c r="AD3111" s="137"/>
      <c r="AE3111" s="137"/>
      <c r="AF3111" s="137"/>
      <c r="AG3111" s="137"/>
      <c r="AH3111" s="137"/>
      <c r="AI3111" s="137"/>
      <c r="AJ3111" s="137"/>
      <c r="AK3111" s="206"/>
      <c r="AL3111" s="206"/>
      <c r="AM3111" s="143"/>
      <c r="AN3111" s="137"/>
      <c r="AO3111" s="137"/>
      <c r="AP3111" s="137"/>
      <c r="AQ3111" s="137"/>
      <c r="AR3111" s="137"/>
      <c r="AS3111" s="137"/>
      <c r="AT3111" s="137"/>
      <c r="AU3111" s="137"/>
      <c r="AV3111" s="137"/>
      <c r="AW3111" s="144"/>
    </row>
    <row r="3112" spans="2:49" x14ac:dyDescent="0.2">
      <c r="B3112" s="97"/>
      <c r="J3112" s="98"/>
      <c r="K3112" s="97"/>
      <c r="N3112" s="3"/>
      <c r="W3112" s="98"/>
      <c r="Z3112" s="143"/>
      <c r="AA3112" s="137"/>
      <c r="AB3112" s="137"/>
      <c r="AC3112" s="137"/>
      <c r="AD3112" s="137"/>
      <c r="AE3112" s="137"/>
      <c r="AF3112" s="137"/>
      <c r="AG3112" s="137"/>
      <c r="AH3112" s="137"/>
      <c r="AI3112" s="137"/>
      <c r="AJ3112" s="137"/>
      <c r="AK3112" s="206"/>
      <c r="AL3112" s="206"/>
      <c r="AM3112" s="143"/>
      <c r="AN3112" s="137"/>
      <c r="AO3112" s="137"/>
      <c r="AP3112" s="137"/>
      <c r="AQ3112" s="137"/>
      <c r="AR3112" s="137"/>
      <c r="AS3112" s="137"/>
      <c r="AT3112" s="137"/>
      <c r="AU3112" s="137"/>
      <c r="AV3112" s="137"/>
      <c r="AW3112" s="144"/>
    </row>
    <row r="3113" spans="2:49" x14ac:dyDescent="0.2">
      <c r="B3113" s="97"/>
      <c r="J3113" s="98"/>
      <c r="K3113" s="97"/>
      <c r="N3113" s="3"/>
      <c r="W3113" s="98"/>
      <c r="Z3113" s="143"/>
      <c r="AA3113" s="137"/>
      <c r="AB3113" s="137"/>
      <c r="AC3113" s="137"/>
      <c r="AD3113" s="137"/>
      <c r="AE3113" s="137"/>
      <c r="AF3113" s="137"/>
      <c r="AG3113" s="137"/>
      <c r="AH3113" s="137"/>
      <c r="AI3113" s="137"/>
      <c r="AJ3113" s="137"/>
      <c r="AK3113" s="206"/>
      <c r="AL3113" s="206"/>
      <c r="AM3113" s="143"/>
      <c r="AN3113" s="137"/>
      <c r="AO3113" s="137"/>
      <c r="AP3113" s="137"/>
      <c r="AQ3113" s="137"/>
      <c r="AR3113" s="137"/>
      <c r="AS3113" s="137"/>
      <c r="AT3113" s="137"/>
      <c r="AU3113" s="137"/>
      <c r="AV3113" s="137"/>
      <c r="AW3113" s="144"/>
    </row>
    <row r="3114" spans="2:49" x14ac:dyDescent="0.2">
      <c r="B3114" s="97"/>
      <c r="J3114" s="98"/>
      <c r="K3114" s="97"/>
      <c r="N3114" s="3"/>
      <c r="W3114" s="98"/>
      <c r="Z3114" s="143"/>
      <c r="AA3114" s="137"/>
      <c r="AB3114" s="137"/>
      <c r="AC3114" s="137"/>
      <c r="AD3114" s="137"/>
      <c r="AE3114" s="137"/>
      <c r="AF3114" s="137"/>
      <c r="AG3114" s="137"/>
      <c r="AH3114" s="137"/>
      <c r="AI3114" s="137"/>
      <c r="AJ3114" s="137"/>
      <c r="AK3114" s="206"/>
      <c r="AL3114" s="206"/>
      <c r="AM3114" s="143"/>
      <c r="AN3114" s="137"/>
      <c r="AO3114" s="137"/>
      <c r="AP3114" s="137"/>
      <c r="AQ3114" s="137"/>
      <c r="AR3114" s="137"/>
      <c r="AS3114" s="137"/>
      <c r="AT3114" s="137"/>
      <c r="AU3114" s="137"/>
      <c r="AV3114" s="137"/>
      <c r="AW3114" s="144"/>
    </row>
    <row r="3115" spans="2:49" x14ac:dyDescent="0.2">
      <c r="B3115" s="97"/>
      <c r="J3115" s="98"/>
      <c r="K3115" s="97"/>
      <c r="N3115" s="3"/>
      <c r="W3115" s="98"/>
      <c r="Z3115" s="143"/>
      <c r="AA3115" s="137"/>
      <c r="AB3115" s="137"/>
      <c r="AC3115" s="137"/>
      <c r="AD3115" s="137"/>
      <c r="AE3115" s="137"/>
      <c r="AF3115" s="137"/>
      <c r="AG3115" s="137"/>
      <c r="AH3115" s="137"/>
      <c r="AI3115" s="137"/>
      <c r="AJ3115" s="137"/>
      <c r="AK3115" s="206"/>
      <c r="AL3115" s="206"/>
      <c r="AM3115" s="143"/>
      <c r="AN3115" s="137"/>
      <c r="AO3115" s="137"/>
      <c r="AP3115" s="137"/>
      <c r="AQ3115" s="137"/>
      <c r="AR3115" s="137"/>
      <c r="AS3115" s="137"/>
      <c r="AT3115" s="137"/>
      <c r="AU3115" s="137"/>
      <c r="AV3115" s="137"/>
      <c r="AW3115" s="144"/>
    </row>
    <row r="3116" spans="2:49" x14ac:dyDescent="0.2">
      <c r="B3116" s="97"/>
      <c r="J3116" s="98"/>
      <c r="K3116" s="97"/>
      <c r="N3116" s="3"/>
      <c r="W3116" s="98"/>
      <c r="Z3116" s="143"/>
      <c r="AA3116" s="137"/>
      <c r="AB3116" s="137"/>
      <c r="AC3116" s="137"/>
      <c r="AD3116" s="137"/>
      <c r="AE3116" s="137"/>
      <c r="AF3116" s="137"/>
      <c r="AG3116" s="137"/>
      <c r="AH3116" s="137"/>
      <c r="AI3116" s="137"/>
      <c r="AJ3116" s="137"/>
      <c r="AK3116" s="206"/>
      <c r="AL3116" s="206"/>
      <c r="AM3116" s="143"/>
      <c r="AN3116" s="137"/>
      <c r="AO3116" s="137"/>
      <c r="AP3116" s="137"/>
      <c r="AQ3116" s="137"/>
      <c r="AR3116" s="137"/>
      <c r="AS3116" s="137"/>
      <c r="AT3116" s="137"/>
      <c r="AU3116" s="137"/>
      <c r="AV3116" s="137"/>
      <c r="AW3116" s="144"/>
    </row>
    <row r="3117" spans="2:49" x14ac:dyDescent="0.2">
      <c r="B3117" s="97"/>
      <c r="J3117" s="98"/>
      <c r="K3117" s="97"/>
      <c r="N3117" s="3"/>
      <c r="W3117" s="98"/>
      <c r="Z3117" s="143"/>
      <c r="AA3117" s="137"/>
      <c r="AB3117" s="137"/>
      <c r="AC3117" s="137"/>
      <c r="AD3117" s="137"/>
      <c r="AE3117" s="137"/>
      <c r="AF3117" s="137"/>
      <c r="AG3117" s="137"/>
      <c r="AH3117" s="137"/>
      <c r="AI3117" s="137"/>
      <c r="AJ3117" s="137"/>
      <c r="AK3117" s="206"/>
      <c r="AL3117" s="206"/>
      <c r="AM3117" s="143"/>
      <c r="AN3117" s="137"/>
      <c r="AO3117" s="137"/>
      <c r="AP3117" s="137"/>
      <c r="AQ3117" s="137"/>
      <c r="AR3117" s="137"/>
      <c r="AS3117" s="137"/>
      <c r="AT3117" s="137"/>
      <c r="AU3117" s="137"/>
      <c r="AV3117" s="137"/>
      <c r="AW3117" s="144"/>
    </row>
    <row r="3118" spans="2:49" x14ac:dyDescent="0.2">
      <c r="B3118" s="97"/>
      <c r="J3118" s="98"/>
      <c r="K3118" s="97"/>
      <c r="N3118" s="3"/>
      <c r="W3118" s="98"/>
      <c r="Z3118" s="143"/>
      <c r="AA3118" s="137"/>
      <c r="AB3118" s="137"/>
      <c r="AC3118" s="137"/>
      <c r="AD3118" s="137"/>
      <c r="AE3118" s="137"/>
      <c r="AF3118" s="137"/>
      <c r="AG3118" s="137"/>
      <c r="AH3118" s="137"/>
      <c r="AI3118" s="137"/>
      <c r="AJ3118" s="137"/>
      <c r="AK3118" s="206"/>
      <c r="AL3118" s="206"/>
      <c r="AM3118" s="143"/>
      <c r="AN3118" s="137"/>
      <c r="AO3118" s="137"/>
      <c r="AP3118" s="137"/>
      <c r="AQ3118" s="137"/>
      <c r="AR3118" s="137"/>
      <c r="AS3118" s="137"/>
      <c r="AT3118" s="137"/>
      <c r="AU3118" s="137"/>
      <c r="AV3118" s="137"/>
      <c r="AW3118" s="144"/>
    </row>
    <row r="3119" spans="2:49" x14ac:dyDescent="0.2">
      <c r="B3119" s="97"/>
      <c r="J3119" s="98"/>
      <c r="K3119" s="97"/>
      <c r="N3119" s="3"/>
      <c r="W3119" s="98"/>
      <c r="Z3119" s="143"/>
      <c r="AA3119" s="137"/>
      <c r="AB3119" s="137"/>
      <c r="AC3119" s="137"/>
      <c r="AD3119" s="137"/>
      <c r="AE3119" s="137"/>
      <c r="AF3119" s="137"/>
      <c r="AG3119" s="137"/>
      <c r="AH3119" s="137"/>
      <c r="AI3119" s="137"/>
      <c r="AJ3119" s="137"/>
      <c r="AK3119" s="206"/>
      <c r="AL3119" s="206"/>
      <c r="AM3119" s="143"/>
      <c r="AN3119" s="137"/>
      <c r="AO3119" s="137"/>
      <c r="AP3119" s="137"/>
      <c r="AQ3119" s="137"/>
      <c r="AR3119" s="137"/>
      <c r="AS3119" s="137"/>
      <c r="AT3119" s="137"/>
      <c r="AU3119" s="137"/>
      <c r="AV3119" s="137"/>
      <c r="AW3119" s="144"/>
    </row>
    <row r="3120" spans="2:49" x14ac:dyDescent="0.2">
      <c r="B3120" s="97"/>
      <c r="J3120" s="98"/>
      <c r="K3120" s="97"/>
      <c r="N3120" s="3"/>
      <c r="W3120" s="98"/>
      <c r="Z3120" s="143"/>
      <c r="AA3120" s="137"/>
      <c r="AB3120" s="137"/>
      <c r="AC3120" s="137"/>
      <c r="AD3120" s="137"/>
      <c r="AE3120" s="137"/>
      <c r="AF3120" s="137"/>
      <c r="AG3120" s="137"/>
      <c r="AH3120" s="137"/>
      <c r="AI3120" s="137"/>
      <c r="AJ3120" s="137"/>
      <c r="AK3120" s="206"/>
      <c r="AL3120" s="206"/>
      <c r="AM3120" s="143"/>
      <c r="AN3120" s="137"/>
      <c r="AO3120" s="137"/>
      <c r="AP3120" s="137"/>
      <c r="AQ3120" s="137"/>
      <c r="AR3120" s="137"/>
      <c r="AS3120" s="137"/>
      <c r="AT3120" s="137"/>
      <c r="AU3120" s="137"/>
      <c r="AV3120" s="137"/>
      <c r="AW3120" s="144"/>
    </row>
    <row r="3121" spans="2:49" x14ac:dyDescent="0.2">
      <c r="B3121" s="97"/>
      <c r="J3121" s="98"/>
      <c r="K3121" s="97"/>
      <c r="N3121" s="3"/>
      <c r="W3121" s="98"/>
      <c r="Z3121" s="143"/>
      <c r="AA3121" s="137"/>
      <c r="AB3121" s="137"/>
      <c r="AC3121" s="137"/>
      <c r="AD3121" s="137"/>
      <c r="AE3121" s="137"/>
      <c r="AF3121" s="137"/>
      <c r="AG3121" s="137"/>
      <c r="AH3121" s="137"/>
      <c r="AI3121" s="137"/>
      <c r="AJ3121" s="137"/>
      <c r="AK3121" s="206"/>
      <c r="AL3121" s="206"/>
      <c r="AM3121" s="143"/>
      <c r="AN3121" s="137"/>
      <c r="AO3121" s="137"/>
      <c r="AP3121" s="137"/>
      <c r="AQ3121" s="137"/>
      <c r="AR3121" s="137"/>
      <c r="AS3121" s="137"/>
      <c r="AT3121" s="137"/>
      <c r="AU3121" s="137"/>
      <c r="AV3121" s="137"/>
      <c r="AW3121" s="144"/>
    </row>
    <row r="3122" spans="2:49" x14ac:dyDescent="0.2">
      <c r="B3122" s="97"/>
      <c r="J3122" s="98"/>
      <c r="K3122" s="97"/>
      <c r="N3122" s="3"/>
      <c r="W3122" s="98"/>
      <c r="Z3122" s="143"/>
      <c r="AA3122" s="137"/>
      <c r="AB3122" s="137"/>
      <c r="AC3122" s="137"/>
      <c r="AD3122" s="137"/>
      <c r="AE3122" s="137"/>
      <c r="AF3122" s="137"/>
      <c r="AG3122" s="137"/>
      <c r="AH3122" s="137"/>
      <c r="AI3122" s="137"/>
      <c r="AJ3122" s="137"/>
      <c r="AK3122" s="206"/>
      <c r="AL3122" s="206"/>
      <c r="AM3122" s="143"/>
      <c r="AN3122" s="137"/>
      <c r="AO3122" s="137"/>
      <c r="AP3122" s="137"/>
      <c r="AQ3122" s="137"/>
      <c r="AR3122" s="137"/>
      <c r="AS3122" s="137"/>
      <c r="AT3122" s="137"/>
      <c r="AU3122" s="137"/>
      <c r="AV3122" s="137"/>
      <c r="AW3122" s="144"/>
    </row>
    <row r="3123" spans="2:49" x14ac:dyDescent="0.2">
      <c r="B3123" s="97"/>
      <c r="J3123" s="98"/>
      <c r="K3123" s="97"/>
      <c r="N3123" s="3"/>
      <c r="W3123" s="98"/>
      <c r="Z3123" s="143"/>
      <c r="AA3123" s="137"/>
      <c r="AB3123" s="137"/>
      <c r="AC3123" s="137"/>
      <c r="AD3123" s="137"/>
      <c r="AE3123" s="137"/>
      <c r="AF3123" s="137"/>
      <c r="AG3123" s="137"/>
      <c r="AH3123" s="137"/>
      <c r="AI3123" s="137"/>
      <c r="AJ3123" s="137"/>
      <c r="AK3123" s="206"/>
      <c r="AL3123" s="206"/>
      <c r="AM3123" s="143"/>
      <c r="AN3123" s="137"/>
      <c r="AO3123" s="137"/>
      <c r="AP3123" s="137"/>
      <c r="AQ3123" s="137"/>
      <c r="AR3123" s="137"/>
      <c r="AS3123" s="137"/>
      <c r="AT3123" s="137"/>
      <c r="AU3123" s="137"/>
      <c r="AV3123" s="137"/>
      <c r="AW3123" s="144"/>
    </row>
    <row r="3124" spans="2:49" x14ac:dyDescent="0.2">
      <c r="B3124" s="97"/>
      <c r="J3124" s="98"/>
      <c r="K3124" s="97"/>
      <c r="N3124" s="3"/>
      <c r="W3124" s="98"/>
      <c r="Z3124" s="143"/>
      <c r="AA3124" s="137"/>
      <c r="AB3124" s="137"/>
      <c r="AC3124" s="137"/>
      <c r="AD3124" s="137"/>
      <c r="AE3124" s="137"/>
      <c r="AF3124" s="137"/>
      <c r="AG3124" s="137"/>
      <c r="AH3124" s="137"/>
      <c r="AI3124" s="137"/>
      <c r="AJ3124" s="137"/>
      <c r="AK3124" s="206"/>
      <c r="AL3124" s="206"/>
      <c r="AM3124" s="143"/>
      <c r="AN3124" s="137"/>
      <c r="AO3124" s="137"/>
      <c r="AP3124" s="137"/>
      <c r="AQ3124" s="137"/>
      <c r="AR3124" s="137"/>
      <c r="AS3124" s="137"/>
      <c r="AT3124" s="137"/>
      <c r="AU3124" s="137"/>
      <c r="AV3124" s="137"/>
      <c r="AW3124" s="144"/>
    </row>
    <row r="3125" spans="2:49" x14ac:dyDescent="0.2">
      <c r="B3125" s="97"/>
      <c r="J3125" s="98"/>
      <c r="K3125" s="97"/>
      <c r="N3125" s="3"/>
      <c r="W3125" s="98"/>
      <c r="Z3125" s="143"/>
      <c r="AA3125" s="137"/>
      <c r="AB3125" s="137"/>
      <c r="AC3125" s="137"/>
      <c r="AD3125" s="137"/>
      <c r="AE3125" s="137"/>
      <c r="AF3125" s="137"/>
      <c r="AG3125" s="137"/>
      <c r="AH3125" s="137"/>
      <c r="AI3125" s="137"/>
      <c r="AJ3125" s="137"/>
      <c r="AK3125" s="206"/>
      <c r="AL3125" s="206"/>
      <c r="AM3125" s="143"/>
      <c r="AN3125" s="137"/>
      <c r="AO3125" s="137"/>
      <c r="AP3125" s="137"/>
      <c r="AQ3125" s="137"/>
      <c r="AR3125" s="137"/>
      <c r="AS3125" s="137"/>
      <c r="AT3125" s="137"/>
      <c r="AU3125" s="137"/>
      <c r="AV3125" s="137"/>
      <c r="AW3125" s="144"/>
    </row>
    <row r="3126" spans="2:49" x14ac:dyDescent="0.2">
      <c r="B3126" s="97"/>
      <c r="J3126" s="98"/>
      <c r="K3126" s="97"/>
      <c r="N3126" s="3"/>
      <c r="W3126" s="98"/>
      <c r="Z3126" s="143"/>
      <c r="AA3126" s="137"/>
      <c r="AB3126" s="137"/>
      <c r="AC3126" s="137"/>
      <c r="AD3126" s="137"/>
      <c r="AE3126" s="137"/>
      <c r="AF3126" s="137"/>
      <c r="AG3126" s="137"/>
      <c r="AH3126" s="137"/>
      <c r="AI3126" s="137"/>
      <c r="AJ3126" s="137"/>
      <c r="AK3126" s="206"/>
      <c r="AL3126" s="206"/>
      <c r="AM3126" s="143"/>
      <c r="AN3126" s="137"/>
      <c r="AO3126" s="137"/>
      <c r="AP3126" s="137"/>
      <c r="AQ3126" s="137"/>
      <c r="AR3126" s="137"/>
      <c r="AS3126" s="137"/>
      <c r="AT3126" s="137"/>
      <c r="AU3126" s="137"/>
      <c r="AV3126" s="137"/>
      <c r="AW3126" s="144"/>
    </row>
    <row r="3127" spans="2:49" x14ac:dyDescent="0.2">
      <c r="B3127" s="97"/>
      <c r="J3127" s="98"/>
      <c r="K3127" s="97"/>
      <c r="N3127" s="3"/>
      <c r="W3127" s="98"/>
      <c r="Z3127" s="143"/>
      <c r="AA3127" s="137"/>
      <c r="AB3127" s="137"/>
      <c r="AC3127" s="137"/>
      <c r="AD3127" s="137"/>
      <c r="AE3127" s="137"/>
      <c r="AF3127" s="137"/>
      <c r="AG3127" s="137"/>
      <c r="AH3127" s="137"/>
      <c r="AI3127" s="137"/>
      <c r="AJ3127" s="137"/>
      <c r="AK3127" s="206"/>
      <c r="AL3127" s="206"/>
      <c r="AM3127" s="143"/>
      <c r="AN3127" s="137"/>
      <c r="AO3127" s="137"/>
      <c r="AP3127" s="137"/>
      <c r="AQ3127" s="137"/>
      <c r="AR3127" s="137"/>
      <c r="AS3127" s="137"/>
      <c r="AT3127" s="137"/>
      <c r="AU3127" s="137"/>
      <c r="AV3127" s="137"/>
      <c r="AW3127" s="144"/>
    </row>
    <row r="3128" spans="2:49" x14ac:dyDescent="0.2">
      <c r="B3128" s="97"/>
      <c r="J3128" s="98"/>
      <c r="K3128" s="97"/>
      <c r="N3128" s="3"/>
      <c r="W3128" s="98"/>
      <c r="Z3128" s="143"/>
      <c r="AA3128" s="137"/>
      <c r="AB3128" s="137"/>
      <c r="AC3128" s="137"/>
      <c r="AD3128" s="137"/>
      <c r="AE3128" s="137"/>
      <c r="AF3128" s="137"/>
      <c r="AG3128" s="137"/>
      <c r="AH3128" s="137"/>
      <c r="AI3128" s="137"/>
      <c r="AJ3128" s="137"/>
      <c r="AK3128" s="206"/>
      <c r="AL3128" s="206"/>
      <c r="AM3128" s="143"/>
      <c r="AN3128" s="137"/>
      <c r="AO3128" s="137"/>
      <c r="AP3128" s="137"/>
      <c r="AQ3128" s="137"/>
      <c r="AR3128" s="137"/>
      <c r="AS3128" s="137"/>
      <c r="AT3128" s="137"/>
      <c r="AU3128" s="137"/>
      <c r="AV3128" s="137"/>
      <c r="AW3128" s="144"/>
    </row>
    <row r="3129" spans="2:49" x14ac:dyDescent="0.2">
      <c r="B3129" s="97"/>
      <c r="J3129" s="98"/>
      <c r="K3129" s="97"/>
      <c r="N3129" s="3"/>
      <c r="W3129" s="98"/>
      <c r="Z3129" s="143"/>
      <c r="AA3129" s="137"/>
      <c r="AB3129" s="137"/>
      <c r="AC3129" s="137"/>
      <c r="AD3129" s="137"/>
      <c r="AE3129" s="137"/>
      <c r="AF3129" s="137"/>
      <c r="AG3129" s="137"/>
      <c r="AH3129" s="137"/>
      <c r="AI3129" s="137"/>
      <c r="AJ3129" s="137"/>
      <c r="AK3129" s="206"/>
      <c r="AL3129" s="206"/>
      <c r="AM3129" s="143"/>
      <c r="AN3129" s="137"/>
      <c r="AO3129" s="137"/>
      <c r="AP3129" s="137"/>
      <c r="AQ3129" s="137"/>
      <c r="AR3129" s="137"/>
      <c r="AS3129" s="137"/>
      <c r="AT3129" s="137"/>
      <c r="AU3129" s="137"/>
      <c r="AV3129" s="137"/>
      <c r="AW3129" s="144"/>
    </row>
    <row r="3130" spans="2:49" x14ac:dyDescent="0.2">
      <c r="B3130" s="97"/>
      <c r="J3130" s="98"/>
      <c r="K3130" s="97"/>
      <c r="N3130" s="3"/>
      <c r="W3130" s="98"/>
      <c r="Z3130" s="143"/>
      <c r="AA3130" s="137"/>
      <c r="AB3130" s="137"/>
      <c r="AC3130" s="137"/>
      <c r="AD3130" s="137"/>
      <c r="AE3130" s="137"/>
      <c r="AF3130" s="137"/>
      <c r="AG3130" s="137"/>
      <c r="AH3130" s="137"/>
      <c r="AI3130" s="137"/>
      <c r="AJ3130" s="137"/>
      <c r="AK3130" s="206"/>
      <c r="AL3130" s="206"/>
      <c r="AM3130" s="143"/>
      <c r="AN3130" s="137"/>
      <c r="AO3130" s="137"/>
      <c r="AP3130" s="137"/>
      <c r="AQ3130" s="137"/>
      <c r="AR3130" s="137"/>
      <c r="AS3130" s="137"/>
      <c r="AT3130" s="137"/>
      <c r="AU3130" s="137"/>
      <c r="AV3130" s="137"/>
      <c r="AW3130" s="144"/>
    </row>
    <row r="3131" spans="2:49" x14ac:dyDescent="0.2">
      <c r="B3131" s="97"/>
      <c r="J3131" s="98"/>
      <c r="K3131" s="97"/>
      <c r="N3131" s="3"/>
      <c r="W3131" s="98"/>
      <c r="Z3131" s="143"/>
      <c r="AA3131" s="137"/>
      <c r="AB3131" s="137"/>
      <c r="AC3131" s="137"/>
      <c r="AD3131" s="137"/>
      <c r="AE3131" s="137"/>
      <c r="AF3131" s="137"/>
      <c r="AG3131" s="137"/>
      <c r="AH3131" s="137"/>
      <c r="AI3131" s="137"/>
      <c r="AJ3131" s="137"/>
      <c r="AK3131" s="206"/>
      <c r="AL3131" s="206"/>
      <c r="AM3131" s="143"/>
      <c r="AN3131" s="137"/>
      <c r="AO3131" s="137"/>
      <c r="AP3131" s="137"/>
      <c r="AQ3131" s="137"/>
      <c r="AR3131" s="137"/>
      <c r="AS3131" s="137"/>
      <c r="AT3131" s="137"/>
      <c r="AU3131" s="137"/>
      <c r="AV3131" s="137"/>
      <c r="AW3131" s="144"/>
    </row>
    <row r="3132" spans="2:49" x14ac:dyDescent="0.2">
      <c r="B3132" s="97"/>
      <c r="J3132" s="98"/>
      <c r="K3132" s="97"/>
      <c r="N3132" s="3"/>
      <c r="W3132" s="98"/>
      <c r="Z3132" s="143"/>
      <c r="AA3132" s="137"/>
      <c r="AB3132" s="137"/>
      <c r="AC3132" s="137"/>
      <c r="AD3132" s="137"/>
      <c r="AE3132" s="137"/>
      <c r="AF3132" s="137"/>
      <c r="AG3132" s="137"/>
      <c r="AH3132" s="137"/>
      <c r="AI3132" s="137"/>
      <c r="AJ3132" s="137"/>
      <c r="AK3132" s="206"/>
      <c r="AL3132" s="206"/>
      <c r="AM3132" s="143"/>
      <c r="AN3132" s="137"/>
      <c r="AO3132" s="137"/>
      <c r="AP3132" s="137"/>
      <c r="AQ3132" s="137"/>
      <c r="AR3132" s="137"/>
      <c r="AS3132" s="137"/>
      <c r="AT3132" s="137"/>
      <c r="AU3132" s="137"/>
      <c r="AV3132" s="137"/>
      <c r="AW3132" s="144"/>
    </row>
    <row r="3133" spans="2:49" x14ac:dyDescent="0.2">
      <c r="B3133" s="97"/>
      <c r="J3133" s="98"/>
      <c r="K3133" s="97"/>
      <c r="N3133" s="3"/>
      <c r="W3133" s="98"/>
      <c r="Z3133" s="143"/>
      <c r="AA3133" s="137"/>
      <c r="AB3133" s="137"/>
      <c r="AC3133" s="137"/>
      <c r="AD3133" s="137"/>
      <c r="AE3133" s="137"/>
      <c r="AF3133" s="137"/>
      <c r="AG3133" s="137"/>
      <c r="AH3133" s="137"/>
      <c r="AI3133" s="137"/>
      <c r="AJ3133" s="137"/>
      <c r="AK3133" s="206"/>
      <c r="AL3133" s="206"/>
      <c r="AM3133" s="143"/>
      <c r="AN3133" s="137"/>
      <c r="AO3133" s="137"/>
      <c r="AP3133" s="137"/>
      <c r="AQ3133" s="137"/>
      <c r="AR3133" s="137"/>
      <c r="AS3133" s="137"/>
      <c r="AT3133" s="137"/>
      <c r="AU3133" s="137"/>
      <c r="AV3133" s="137"/>
      <c r="AW3133" s="144"/>
    </row>
    <row r="3134" spans="2:49" x14ac:dyDescent="0.2">
      <c r="B3134" s="97"/>
      <c r="J3134" s="98"/>
      <c r="K3134" s="97"/>
      <c r="N3134" s="3"/>
      <c r="W3134" s="98"/>
      <c r="Z3134" s="143"/>
      <c r="AA3134" s="137"/>
      <c r="AB3134" s="137"/>
      <c r="AC3134" s="137"/>
      <c r="AD3134" s="137"/>
      <c r="AE3134" s="137"/>
      <c r="AF3134" s="137"/>
      <c r="AG3134" s="137"/>
      <c r="AH3134" s="137"/>
      <c r="AI3134" s="137"/>
      <c r="AJ3134" s="137"/>
      <c r="AK3134" s="206"/>
      <c r="AL3134" s="206"/>
      <c r="AM3134" s="143"/>
      <c r="AN3134" s="137"/>
      <c r="AO3134" s="137"/>
      <c r="AP3134" s="137"/>
      <c r="AQ3134" s="137"/>
      <c r="AR3134" s="137"/>
      <c r="AS3134" s="137"/>
      <c r="AT3134" s="137"/>
      <c r="AU3134" s="137"/>
      <c r="AV3134" s="137"/>
      <c r="AW3134" s="144"/>
    </row>
    <row r="3135" spans="2:49" x14ac:dyDescent="0.2">
      <c r="B3135" s="97"/>
      <c r="J3135" s="98"/>
      <c r="K3135" s="97"/>
      <c r="N3135" s="3"/>
      <c r="W3135" s="98"/>
      <c r="Z3135" s="143"/>
      <c r="AA3135" s="137"/>
      <c r="AB3135" s="137"/>
      <c r="AC3135" s="137"/>
      <c r="AD3135" s="137"/>
      <c r="AE3135" s="137"/>
      <c r="AF3135" s="137"/>
      <c r="AG3135" s="137"/>
      <c r="AH3135" s="137"/>
      <c r="AI3135" s="137"/>
      <c r="AJ3135" s="137"/>
      <c r="AK3135" s="206"/>
      <c r="AL3135" s="206"/>
      <c r="AM3135" s="143"/>
      <c r="AN3135" s="137"/>
      <c r="AO3135" s="137"/>
      <c r="AP3135" s="137"/>
      <c r="AQ3135" s="137"/>
      <c r="AR3135" s="137"/>
      <c r="AS3135" s="137"/>
      <c r="AT3135" s="137"/>
      <c r="AU3135" s="137"/>
      <c r="AV3135" s="137"/>
      <c r="AW3135" s="144"/>
    </row>
    <row r="3136" spans="2:49" x14ac:dyDescent="0.2">
      <c r="B3136" s="97"/>
      <c r="J3136" s="98"/>
      <c r="K3136" s="97"/>
      <c r="N3136" s="3"/>
      <c r="W3136" s="98"/>
      <c r="Z3136" s="143"/>
      <c r="AA3136" s="137"/>
      <c r="AB3136" s="137"/>
      <c r="AC3136" s="137"/>
      <c r="AD3136" s="137"/>
      <c r="AE3136" s="137"/>
      <c r="AF3136" s="137"/>
      <c r="AG3136" s="137"/>
      <c r="AH3136" s="137"/>
      <c r="AI3136" s="137"/>
      <c r="AJ3136" s="137"/>
      <c r="AK3136" s="206"/>
      <c r="AL3136" s="206"/>
      <c r="AM3136" s="143"/>
      <c r="AN3136" s="137"/>
      <c r="AO3136" s="137"/>
      <c r="AP3136" s="137"/>
      <c r="AQ3136" s="137"/>
      <c r="AR3136" s="137"/>
      <c r="AS3136" s="137"/>
      <c r="AT3136" s="137"/>
      <c r="AU3136" s="137"/>
      <c r="AV3136" s="137"/>
      <c r="AW3136" s="144"/>
    </row>
    <row r="3137" spans="2:49" x14ac:dyDescent="0.2">
      <c r="B3137" s="97"/>
      <c r="J3137" s="98"/>
      <c r="K3137" s="97"/>
      <c r="N3137" s="3"/>
      <c r="W3137" s="98"/>
      <c r="Z3137" s="143"/>
      <c r="AA3137" s="137"/>
      <c r="AB3137" s="137"/>
      <c r="AC3137" s="137"/>
      <c r="AD3137" s="137"/>
      <c r="AE3137" s="137"/>
      <c r="AF3137" s="137"/>
      <c r="AG3137" s="137"/>
      <c r="AH3137" s="137"/>
      <c r="AI3137" s="137"/>
      <c r="AJ3137" s="137"/>
      <c r="AK3137" s="206"/>
      <c r="AL3137" s="206"/>
      <c r="AM3137" s="143"/>
      <c r="AN3137" s="137"/>
      <c r="AO3137" s="137"/>
      <c r="AP3137" s="137"/>
      <c r="AQ3137" s="137"/>
      <c r="AR3137" s="137"/>
      <c r="AS3137" s="137"/>
      <c r="AT3137" s="137"/>
      <c r="AU3137" s="137"/>
      <c r="AV3137" s="137"/>
      <c r="AW3137" s="144"/>
    </row>
    <row r="3138" spans="2:49" x14ac:dyDescent="0.2">
      <c r="B3138" s="97"/>
      <c r="J3138" s="98"/>
      <c r="K3138" s="97"/>
      <c r="N3138" s="3"/>
      <c r="W3138" s="98"/>
      <c r="Z3138" s="143"/>
      <c r="AA3138" s="137"/>
      <c r="AB3138" s="137"/>
      <c r="AC3138" s="137"/>
      <c r="AD3138" s="137"/>
      <c r="AE3138" s="137"/>
      <c r="AF3138" s="137"/>
      <c r="AG3138" s="137"/>
      <c r="AH3138" s="137"/>
      <c r="AI3138" s="137"/>
      <c r="AJ3138" s="137"/>
      <c r="AK3138" s="206"/>
      <c r="AL3138" s="206"/>
      <c r="AM3138" s="143"/>
      <c r="AN3138" s="137"/>
      <c r="AO3138" s="137"/>
      <c r="AP3138" s="137"/>
      <c r="AQ3138" s="137"/>
      <c r="AR3138" s="137"/>
      <c r="AS3138" s="137"/>
      <c r="AT3138" s="137"/>
      <c r="AU3138" s="137"/>
      <c r="AV3138" s="137"/>
      <c r="AW3138" s="144"/>
    </row>
    <row r="3139" spans="2:49" x14ac:dyDescent="0.2">
      <c r="B3139" s="97"/>
      <c r="J3139" s="98"/>
      <c r="K3139" s="97"/>
      <c r="N3139" s="3"/>
      <c r="W3139" s="98"/>
      <c r="Z3139" s="143"/>
      <c r="AA3139" s="137"/>
      <c r="AB3139" s="137"/>
      <c r="AC3139" s="137"/>
      <c r="AD3139" s="137"/>
      <c r="AE3139" s="137"/>
      <c r="AF3139" s="137"/>
      <c r="AG3139" s="137"/>
      <c r="AH3139" s="137"/>
      <c r="AI3139" s="137"/>
      <c r="AJ3139" s="137"/>
      <c r="AK3139" s="206"/>
      <c r="AL3139" s="206"/>
      <c r="AM3139" s="143"/>
      <c r="AN3139" s="137"/>
      <c r="AO3139" s="137"/>
      <c r="AP3139" s="137"/>
      <c r="AQ3139" s="137"/>
      <c r="AR3139" s="137"/>
      <c r="AS3139" s="137"/>
      <c r="AT3139" s="137"/>
      <c r="AU3139" s="137"/>
      <c r="AV3139" s="137"/>
      <c r="AW3139" s="144"/>
    </row>
    <row r="3140" spans="2:49" x14ac:dyDescent="0.2">
      <c r="B3140" s="97"/>
      <c r="J3140" s="98"/>
      <c r="K3140" s="97"/>
      <c r="N3140" s="3"/>
      <c r="W3140" s="98"/>
      <c r="Z3140" s="143"/>
      <c r="AA3140" s="137"/>
      <c r="AB3140" s="137"/>
      <c r="AC3140" s="137"/>
      <c r="AD3140" s="137"/>
      <c r="AE3140" s="137"/>
      <c r="AF3140" s="137"/>
      <c r="AG3140" s="137"/>
      <c r="AH3140" s="137"/>
      <c r="AI3140" s="137"/>
      <c r="AJ3140" s="137"/>
      <c r="AK3140" s="206"/>
      <c r="AL3140" s="206"/>
      <c r="AM3140" s="143"/>
      <c r="AN3140" s="137"/>
      <c r="AO3140" s="137"/>
      <c r="AP3140" s="137"/>
      <c r="AQ3140" s="137"/>
      <c r="AR3140" s="137"/>
      <c r="AS3140" s="137"/>
      <c r="AT3140" s="137"/>
      <c r="AU3140" s="137"/>
      <c r="AV3140" s="137"/>
      <c r="AW3140" s="144"/>
    </row>
    <row r="3141" spans="2:49" x14ac:dyDescent="0.2">
      <c r="B3141" s="97"/>
      <c r="J3141" s="98"/>
      <c r="K3141" s="97"/>
      <c r="N3141" s="3"/>
      <c r="W3141" s="98"/>
      <c r="Z3141" s="143"/>
      <c r="AA3141" s="137"/>
      <c r="AB3141" s="137"/>
      <c r="AC3141" s="137"/>
      <c r="AD3141" s="137"/>
      <c r="AE3141" s="137"/>
      <c r="AF3141" s="137"/>
      <c r="AG3141" s="137"/>
      <c r="AH3141" s="137"/>
      <c r="AI3141" s="137"/>
      <c r="AJ3141" s="137"/>
      <c r="AK3141" s="206"/>
      <c r="AL3141" s="206"/>
      <c r="AM3141" s="143"/>
      <c r="AN3141" s="137"/>
      <c r="AO3141" s="137"/>
      <c r="AP3141" s="137"/>
      <c r="AQ3141" s="137"/>
      <c r="AR3141" s="137"/>
      <c r="AS3141" s="137"/>
      <c r="AT3141" s="137"/>
      <c r="AU3141" s="137"/>
      <c r="AV3141" s="137"/>
      <c r="AW3141" s="144"/>
    </row>
    <row r="3142" spans="2:49" x14ac:dyDescent="0.2">
      <c r="B3142" s="97"/>
      <c r="J3142" s="98"/>
      <c r="K3142" s="97"/>
      <c r="N3142" s="3"/>
      <c r="W3142" s="98"/>
      <c r="Z3142" s="143"/>
      <c r="AA3142" s="137"/>
      <c r="AB3142" s="137"/>
      <c r="AC3142" s="137"/>
      <c r="AD3142" s="137"/>
      <c r="AE3142" s="137"/>
      <c r="AF3142" s="137"/>
      <c r="AG3142" s="137"/>
      <c r="AH3142" s="137"/>
      <c r="AI3142" s="137"/>
      <c r="AJ3142" s="137"/>
      <c r="AK3142" s="206"/>
      <c r="AL3142" s="206"/>
      <c r="AM3142" s="143"/>
      <c r="AN3142" s="137"/>
      <c r="AO3142" s="137"/>
      <c r="AP3142" s="137"/>
      <c r="AQ3142" s="137"/>
      <c r="AR3142" s="137"/>
      <c r="AS3142" s="137"/>
      <c r="AT3142" s="137"/>
      <c r="AU3142" s="137"/>
      <c r="AV3142" s="137"/>
      <c r="AW3142" s="144"/>
    </row>
    <row r="3143" spans="2:49" x14ac:dyDescent="0.2">
      <c r="B3143" s="97"/>
      <c r="J3143" s="98"/>
      <c r="K3143" s="97"/>
      <c r="N3143" s="3"/>
      <c r="W3143" s="98"/>
      <c r="Z3143" s="143"/>
      <c r="AA3143" s="137"/>
      <c r="AB3143" s="137"/>
      <c r="AC3143" s="137"/>
      <c r="AD3143" s="137"/>
      <c r="AE3143" s="137"/>
      <c r="AF3143" s="137"/>
      <c r="AG3143" s="137"/>
      <c r="AH3143" s="137"/>
      <c r="AI3143" s="137"/>
      <c r="AJ3143" s="137"/>
      <c r="AK3143" s="206"/>
      <c r="AL3143" s="206"/>
      <c r="AM3143" s="143"/>
      <c r="AN3143" s="137"/>
      <c r="AO3143" s="137"/>
      <c r="AP3143" s="137"/>
      <c r="AQ3143" s="137"/>
      <c r="AR3143" s="137"/>
      <c r="AS3143" s="137"/>
      <c r="AT3143" s="137"/>
      <c r="AU3143" s="137"/>
      <c r="AV3143" s="137"/>
      <c r="AW3143" s="144"/>
    </row>
    <row r="3144" spans="2:49" x14ac:dyDescent="0.2">
      <c r="B3144" s="97"/>
      <c r="J3144" s="98"/>
      <c r="K3144" s="97"/>
      <c r="N3144" s="3"/>
      <c r="W3144" s="98"/>
      <c r="Z3144" s="143"/>
      <c r="AA3144" s="137"/>
      <c r="AB3144" s="137"/>
      <c r="AC3144" s="137"/>
      <c r="AD3144" s="137"/>
      <c r="AE3144" s="137"/>
      <c r="AF3144" s="137"/>
      <c r="AG3144" s="137"/>
      <c r="AH3144" s="137"/>
      <c r="AI3144" s="137"/>
      <c r="AJ3144" s="137"/>
      <c r="AK3144" s="206"/>
      <c r="AL3144" s="206"/>
      <c r="AM3144" s="143"/>
      <c r="AN3144" s="137"/>
      <c r="AO3144" s="137"/>
      <c r="AP3144" s="137"/>
      <c r="AQ3144" s="137"/>
      <c r="AR3144" s="137"/>
      <c r="AS3144" s="137"/>
      <c r="AT3144" s="137"/>
      <c r="AU3144" s="137"/>
      <c r="AV3144" s="137"/>
      <c r="AW3144" s="144"/>
    </row>
    <row r="3145" spans="2:49" x14ac:dyDescent="0.2">
      <c r="B3145" s="97"/>
      <c r="J3145" s="98"/>
      <c r="K3145" s="97"/>
      <c r="N3145" s="3"/>
      <c r="W3145" s="98"/>
      <c r="Z3145" s="143"/>
      <c r="AA3145" s="137"/>
      <c r="AB3145" s="137"/>
      <c r="AC3145" s="137"/>
      <c r="AD3145" s="137"/>
      <c r="AE3145" s="137"/>
      <c r="AF3145" s="137"/>
      <c r="AG3145" s="137"/>
      <c r="AH3145" s="137"/>
      <c r="AI3145" s="137"/>
      <c r="AJ3145" s="137"/>
      <c r="AK3145" s="206"/>
      <c r="AL3145" s="206"/>
      <c r="AM3145" s="143"/>
      <c r="AN3145" s="137"/>
      <c r="AO3145" s="137"/>
      <c r="AP3145" s="137"/>
      <c r="AQ3145" s="137"/>
      <c r="AR3145" s="137"/>
      <c r="AS3145" s="137"/>
      <c r="AT3145" s="137"/>
      <c r="AU3145" s="137"/>
      <c r="AV3145" s="137"/>
      <c r="AW3145" s="144"/>
    </row>
    <row r="3146" spans="2:49" x14ac:dyDescent="0.2">
      <c r="B3146" s="97"/>
      <c r="J3146" s="98"/>
      <c r="K3146" s="97"/>
      <c r="N3146" s="3"/>
      <c r="W3146" s="98"/>
      <c r="Z3146" s="143"/>
      <c r="AA3146" s="137"/>
      <c r="AB3146" s="137"/>
      <c r="AC3146" s="137"/>
      <c r="AD3146" s="137"/>
      <c r="AE3146" s="137"/>
      <c r="AF3146" s="137"/>
      <c r="AG3146" s="137"/>
      <c r="AH3146" s="137"/>
      <c r="AI3146" s="137"/>
      <c r="AJ3146" s="137"/>
      <c r="AK3146" s="206"/>
      <c r="AL3146" s="206"/>
      <c r="AM3146" s="143"/>
      <c r="AN3146" s="137"/>
      <c r="AO3146" s="137"/>
      <c r="AP3146" s="137"/>
      <c r="AQ3146" s="137"/>
      <c r="AR3146" s="137"/>
      <c r="AS3146" s="137"/>
      <c r="AT3146" s="137"/>
      <c r="AU3146" s="137"/>
      <c r="AV3146" s="137"/>
      <c r="AW3146" s="144"/>
    </row>
    <row r="3147" spans="2:49" x14ac:dyDescent="0.2">
      <c r="B3147" s="97"/>
      <c r="J3147" s="98"/>
      <c r="K3147" s="97"/>
      <c r="N3147" s="3"/>
      <c r="W3147" s="98"/>
      <c r="Z3147" s="143"/>
      <c r="AA3147" s="137"/>
      <c r="AB3147" s="137"/>
      <c r="AC3147" s="137"/>
      <c r="AD3147" s="137"/>
      <c r="AE3147" s="137"/>
      <c r="AF3147" s="137"/>
      <c r="AG3147" s="137"/>
      <c r="AH3147" s="137"/>
      <c r="AI3147" s="137"/>
      <c r="AJ3147" s="137"/>
      <c r="AK3147" s="206"/>
      <c r="AL3147" s="206"/>
      <c r="AM3147" s="143"/>
      <c r="AN3147" s="137"/>
      <c r="AO3147" s="137"/>
      <c r="AP3147" s="137"/>
      <c r="AQ3147" s="137"/>
      <c r="AR3147" s="137"/>
      <c r="AS3147" s="137"/>
      <c r="AT3147" s="137"/>
      <c r="AU3147" s="137"/>
      <c r="AV3147" s="137"/>
      <c r="AW3147" s="144"/>
    </row>
    <row r="3148" spans="2:49" x14ac:dyDescent="0.2">
      <c r="B3148" s="97"/>
      <c r="J3148" s="98"/>
      <c r="K3148" s="97"/>
      <c r="N3148" s="3"/>
      <c r="W3148" s="98"/>
      <c r="Z3148" s="143"/>
      <c r="AA3148" s="137"/>
      <c r="AB3148" s="137"/>
      <c r="AC3148" s="137"/>
      <c r="AD3148" s="137"/>
      <c r="AE3148" s="137"/>
      <c r="AF3148" s="137"/>
      <c r="AG3148" s="137"/>
      <c r="AH3148" s="137"/>
      <c r="AI3148" s="137"/>
      <c r="AJ3148" s="137"/>
      <c r="AK3148" s="206"/>
      <c r="AL3148" s="206"/>
      <c r="AM3148" s="143"/>
      <c r="AN3148" s="137"/>
      <c r="AO3148" s="137"/>
      <c r="AP3148" s="137"/>
      <c r="AQ3148" s="137"/>
      <c r="AR3148" s="137"/>
      <c r="AS3148" s="137"/>
      <c r="AT3148" s="137"/>
      <c r="AU3148" s="137"/>
      <c r="AV3148" s="137"/>
      <c r="AW3148" s="144"/>
    </row>
    <row r="3149" spans="2:49" x14ac:dyDescent="0.2">
      <c r="B3149" s="97"/>
      <c r="J3149" s="98"/>
      <c r="K3149" s="97"/>
      <c r="N3149" s="3"/>
      <c r="W3149" s="98"/>
      <c r="Z3149" s="143"/>
      <c r="AA3149" s="137"/>
      <c r="AB3149" s="137"/>
      <c r="AC3149" s="137"/>
      <c r="AD3149" s="137"/>
      <c r="AE3149" s="137"/>
      <c r="AF3149" s="137"/>
      <c r="AG3149" s="137"/>
      <c r="AH3149" s="137"/>
      <c r="AI3149" s="137"/>
      <c r="AJ3149" s="137"/>
      <c r="AK3149" s="206"/>
      <c r="AL3149" s="206"/>
      <c r="AM3149" s="143"/>
      <c r="AN3149" s="137"/>
      <c r="AO3149" s="137"/>
      <c r="AP3149" s="137"/>
      <c r="AQ3149" s="137"/>
      <c r="AR3149" s="137"/>
      <c r="AS3149" s="137"/>
      <c r="AT3149" s="137"/>
      <c r="AU3149" s="137"/>
      <c r="AV3149" s="137"/>
      <c r="AW3149" s="144"/>
    </row>
    <row r="3150" spans="2:49" x14ac:dyDescent="0.2">
      <c r="B3150" s="97"/>
      <c r="J3150" s="98"/>
      <c r="K3150" s="97"/>
      <c r="N3150" s="3"/>
      <c r="W3150" s="98"/>
      <c r="Z3150" s="143"/>
      <c r="AA3150" s="137"/>
      <c r="AB3150" s="137"/>
      <c r="AC3150" s="137"/>
      <c r="AD3150" s="137"/>
      <c r="AE3150" s="137"/>
      <c r="AF3150" s="137"/>
      <c r="AG3150" s="137"/>
      <c r="AH3150" s="137"/>
      <c r="AI3150" s="137"/>
      <c r="AJ3150" s="137"/>
      <c r="AK3150" s="206"/>
      <c r="AL3150" s="206"/>
      <c r="AM3150" s="143"/>
      <c r="AN3150" s="137"/>
      <c r="AO3150" s="137"/>
      <c r="AP3150" s="137"/>
      <c r="AQ3150" s="137"/>
      <c r="AR3150" s="137"/>
      <c r="AS3150" s="137"/>
      <c r="AT3150" s="137"/>
      <c r="AU3150" s="137"/>
      <c r="AV3150" s="137"/>
      <c r="AW3150" s="144"/>
    </row>
    <row r="3151" spans="2:49" x14ac:dyDescent="0.2">
      <c r="B3151" s="97"/>
      <c r="J3151" s="98"/>
      <c r="K3151" s="97"/>
      <c r="N3151" s="3"/>
      <c r="W3151" s="98"/>
      <c r="Z3151" s="143"/>
      <c r="AA3151" s="137"/>
      <c r="AB3151" s="137"/>
      <c r="AC3151" s="137"/>
      <c r="AD3151" s="137"/>
      <c r="AE3151" s="137"/>
      <c r="AF3151" s="137"/>
      <c r="AG3151" s="137"/>
      <c r="AH3151" s="137"/>
      <c r="AI3151" s="137"/>
      <c r="AJ3151" s="137"/>
      <c r="AK3151" s="206"/>
      <c r="AL3151" s="206"/>
      <c r="AM3151" s="143"/>
      <c r="AN3151" s="137"/>
      <c r="AO3151" s="137"/>
      <c r="AP3151" s="137"/>
      <c r="AQ3151" s="137"/>
      <c r="AR3151" s="137"/>
      <c r="AS3151" s="137"/>
      <c r="AT3151" s="137"/>
      <c r="AU3151" s="137"/>
      <c r="AV3151" s="137"/>
      <c r="AW3151" s="144"/>
    </row>
    <row r="3152" spans="2:49" x14ac:dyDescent="0.2">
      <c r="B3152" s="97"/>
      <c r="J3152" s="98"/>
      <c r="K3152" s="97"/>
      <c r="N3152" s="3"/>
      <c r="W3152" s="98"/>
      <c r="Z3152" s="143"/>
      <c r="AA3152" s="137"/>
      <c r="AB3152" s="137"/>
      <c r="AC3152" s="137"/>
      <c r="AD3152" s="137"/>
      <c r="AE3152" s="137"/>
      <c r="AF3152" s="137"/>
      <c r="AG3152" s="137"/>
      <c r="AH3152" s="137"/>
      <c r="AI3152" s="137"/>
      <c r="AJ3152" s="137"/>
      <c r="AK3152" s="206"/>
      <c r="AL3152" s="206"/>
      <c r="AM3152" s="143"/>
      <c r="AN3152" s="137"/>
      <c r="AO3152" s="137"/>
      <c r="AP3152" s="137"/>
      <c r="AQ3152" s="137"/>
      <c r="AR3152" s="137"/>
      <c r="AS3152" s="137"/>
      <c r="AT3152" s="137"/>
      <c r="AU3152" s="137"/>
      <c r="AV3152" s="137"/>
      <c r="AW3152" s="144"/>
    </row>
    <row r="3153" spans="2:49" x14ac:dyDescent="0.2">
      <c r="B3153" s="97"/>
      <c r="J3153" s="98"/>
      <c r="K3153" s="97"/>
      <c r="N3153" s="3"/>
      <c r="W3153" s="98"/>
      <c r="Z3153" s="143"/>
      <c r="AA3153" s="137"/>
      <c r="AB3153" s="137"/>
      <c r="AC3153" s="137"/>
      <c r="AD3153" s="137"/>
      <c r="AE3153" s="137"/>
      <c r="AF3153" s="137"/>
      <c r="AG3153" s="137"/>
      <c r="AH3153" s="137"/>
      <c r="AI3153" s="137"/>
      <c r="AJ3153" s="137"/>
      <c r="AK3153" s="206"/>
      <c r="AL3153" s="206"/>
      <c r="AM3153" s="143"/>
      <c r="AN3153" s="137"/>
      <c r="AO3153" s="137"/>
      <c r="AP3153" s="137"/>
      <c r="AQ3153" s="137"/>
      <c r="AR3153" s="137"/>
      <c r="AS3153" s="137"/>
      <c r="AT3153" s="137"/>
      <c r="AU3153" s="137"/>
      <c r="AV3153" s="137"/>
      <c r="AW3153" s="144"/>
    </row>
    <row r="3154" spans="2:49" x14ac:dyDescent="0.2">
      <c r="B3154" s="97"/>
      <c r="J3154" s="98"/>
      <c r="K3154" s="97"/>
      <c r="N3154" s="3"/>
      <c r="W3154" s="98"/>
      <c r="Z3154" s="143"/>
      <c r="AA3154" s="137"/>
      <c r="AB3154" s="137"/>
      <c r="AC3154" s="137"/>
      <c r="AD3154" s="137"/>
      <c r="AE3154" s="137"/>
      <c r="AF3154" s="137"/>
      <c r="AG3154" s="137"/>
      <c r="AH3154" s="137"/>
      <c r="AI3154" s="137"/>
      <c r="AJ3154" s="137"/>
      <c r="AK3154" s="206"/>
      <c r="AL3154" s="206"/>
      <c r="AM3154" s="143"/>
      <c r="AN3154" s="137"/>
      <c r="AO3154" s="137"/>
      <c r="AP3154" s="137"/>
      <c r="AQ3154" s="137"/>
      <c r="AR3154" s="137"/>
      <c r="AS3154" s="137"/>
      <c r="AT3154" s="137"/>
      <c r="AU3154" s="137"/>
      <c r="AV3154" s="137"/>
      <c r="AW3154" s="144"/>
    </row>
    <row r="3155" spans="2:49" x14ac:dyDescent="0.2">
      <c r="B3155" s="97"/>
      <c r="J3155" s="98"/>
      <c r="K3155" s="97"/>
      <c r="N3155" s="3"/>
      <c r="W3155" s="98"/>
      <c r="Z3155" s="143"/>
      <c r="AA3155" s="137"/>
      <c r="AB3155" s="137"/>
      <c r="AC3155" s="137"/>
      <c r="AD3155" s="137"/>
      <c r="AE3155" s="137"/>
      <c r="AF3155" s="137"/>
      <c r="AG3155" s="137"/>
      <c r="AH3155" s="137"/>
      <c r="AI3155" s="137"/>
      <c r="AJ3155" s="137"/>
      <c r="AK3155" s="206"/>
      <c r="AL3155" s="206"/>
      <c r="AM3155" s="143"/>
      <c r="AN3155" s="137"/>
      <c r="AO3155" s="137"/>
      <c r="AP3155" s="137"/>
      <c r="AQ3155" s="137"/>
      <c r="AR3155" s="137"/>
      <c r="AS3155" s="137"/>
      <c r="AT3155" s="137"/>
      <c r="AU3155" s="137"/>
      <c r="AV3155" s="137"/>
      <c r="AW3155" s="144"/>
    </row>
    <row r="3156" spans="2:49" x14ac:dyDescent="0.2">
      <c r="B3156" s="97"/>
      <c r="J3156" s="98"/>
      <c r="K3156" s="97"/>
      <c r="N3156" s="3"/>
      <c r="W3156" s="98"/>
      <c r="Z3156" s="143"/>
      <c r="AA3156" s="137"/>
      <c r="AB3156" s="137"/>
      <c r="AC3156" s="137"/>
      <c r="AD3156" s="137"/>
      <c r="AE3156" s="137"/>
      <c r="AF3156" s="137"/>
      <c r="AG3156" s="137"/>
      <c r="AH3156" s="137"/>
      <c r="AI3156" s="137"/>
      <c r="AJ3156" s="137"/>
      <c r="AK3156" s="206"/>
      <c r="AL3156" s="206"/>
      <c r="AM3156" s="143"/>
      <c r="AN3156" s="137"/>
      <c r="AO3156" s="137"/>
      <c r="AP3156" s="137"/>
      <c r="AQ3156" s="137"/>
      <c r="AR3156" s="137"/>
      <c r="AS3156" s="137"/>
      <c r="AT3156" s="137"/>
      <c r="AU3156" s="137"/>
      <c r="AV3156" s="137"/>
      <c r="AW3156" s="144"/>
    </row>
    <row r="3157" spans="2:49" x14ac:dyDescent="0.2">
      <c r="B3157" s="97"/>
      <c r="J3157" s="98"/>
      <c r="K3157" s="97"/>
      <c r="N3157" s="3"/>
      <c r="W3157" s="98"/>
      <c r="Z3157" s="143"/>
      <c r="AA3157" s="137"/>
      <c r="AB3157" s="137"/>
      <c r="AC3157" s="137"/>
      <c r="AD3157" s="137"/>
      <c r="AE3157" s="137"/>
      <c r="AF3157" s="137"/>
      <c r="AG3157" s="137"/>
      <c r="AH3157" s="137"/>
      <c r="AI3157" s="137"/>
      <c r="AJ3157" s="137"/>
      <c r="AK3157" s="206"/>
      <c r="AL3157" s="206"/>
      <c r="AM3157" s="143"/>
      <c r="AN3157" s="137"/>
      <c r="AO3157" s="137"/>
      <c r="AP3157" s="137"/>
      <c r="AQ3157" s="137"/>
      <c r="AR3157" s="137"/>
      <c r="AS3157" s="137"/>
      <c r="AT3157" s="137"/>
      <c r="AU3157" s="137"/>
      <c r="AV3157" s="137"/>
      <c r="AW3157" s="144"/>
    </row>
    <row r="3158" spans="2:49" x14ac:dyDescent="0.2">
      <c r="B3158" s="97"/>
      <c r="J3158" s="98"/>
      <c r="K3158" s="97"/>
      <c r="N3158" s="3"/>
      <c r="W3158" s="98"/>
      <c r="Z3158" s="143"/>
      <c r="AA3158" s="137"/>
      <c r="AB3158" s="137"/>
      <c r="AC3158" s="137"/>
      <c r="AD3158" s="137"/>
      <c r="AE3158" s="137"/>
      <c r="AF3158" s="137"/>
      <c r="AG3158" s="137"/>
      <c r="AH3158" s="137"/>
      <c r="AI3158" s="137"/>
      <c r="AJ3158" s="137"/>
      <c r="AK3158" s="206"/>
      <c r="AL3158" s="206"/>
      <c r="AM3158" s="143"/>
      <c r="AN3158" s="137"/>
      <c r="AO3158" s="137"/>
      <c r="AP3158" s="137"/>
      <c r="AQ3158" s="137"/>
      <c r="AR3158" s="137"/>
      <c r="AS3158" s="137"/>
      <c r="AT3158" s="137"/>
      <c r="AU3158" s="137"/>
      <c r="AV3158" s="137"/>
      <c r="AW3158" s="144"/>
    </row>
    <row r="3159" spans="2:49" x14ac:dyDescent="0.2">
      <c r="B3159" s="97"/>
      <c r="J3159" s="98"/>
      <c r="K3159" s="97"/>
      <c r="N3159" s="3"/>
      <c r="W3159" s="98"/>
      <c r="Z3159" s="143"/>
      <c r="AA3159" s="137"/>
      <c r="AB3159" s="137"/>
      <c r="AC3159" s="137"/>
      <c r="AD3159" s="137"/>
      <c r="AE3159" s="137"/>
      <c r="AF3159" s="137"/>
      <c r="AG3159" s="137"/>
      <c r="AH3159" s="137"/>
      <c r="AI3159" s="137"/>
      <c r="AJ3159" s="137"/>
      <c r="AK3159" s="206"/>
      <c r="AL3159" s="206"/>
      <c r="AM3159" s="143"/>
      <c r="AN3159" s="137"/>
      <c r="AO3159" s="137"/>
      <c r="AP3159" s="137"/>
      <c r="AQ3159" s="137"/>
      <c r="AR3159" s="137"/>
      <c r="AS3159" s="137"/>
      <c r="AT3159" s="137"/>
      <c r="AU3159" s="137"/>
      <c r="AV3159" s="137"/>
      <c r="AW3159" s="144"/>
    </row>
    <row r="3160" spans="2:49" x14ac:dyDescent="0.2">
      <c r="B3160" s="97"/>
      <c r="J3160" s="98"/>
      <c r="K3160" s="97"/>
      <c r="N3160" s="3"/>
      <c r="W3160" s="98"/>
      <c r="Z3160" s="143"/>
      <c r="AA3160" s="137"/>
      <c r="AB3160" s="137"/>
      <c r="AC3160" s="137"/>
      <c r="AD3160" s="137"/>
      <c r="AE3160" s="137"/>
      <c r="AF3160" s="137"/>
      <c r="AG3160" s="137"/>
      <c r="AH3160" s="137"/>
      <c r="AI3160" s="137"/>
      <c r="AJ3160" s="137"/>
      <c r="AK3160" s="206"/>
      <c r="AL3160" s="206"/>
      <c r="AM3160" s="143"/>
      <c r="AN3160" s="137"/>
      <c r="AO3160" s="137"/>
      <c r="AP3160" s="137"/>
      <c r="AQ3160" s="137"/>
      <c r="AR3160" s="137"/>
      <c r="AS3160" s="137"/>
      <c r="AT3160" s="137"/>
      <c r="AU3160" s="137"/>
      <c r="AV3160" s="137"/>
      <c r="AW3160" s="144"/>
    </row>
    <row r="3161" spans="2:49" x14ac:dyDescent="0.2">
      <c r="B3161" s="97"/>
      <c r="J3161" s="98"/>
      <c r="K3161" s="97"/>
      <c r="N3161" s="3"/>
      <c r="W3161" s="98"/>
      <c r="Z3161" s="143"/>
      <c r="AA3161" s="137"/>
      <c r="AB3161" s="137"/>
      <c r="AC3161" s="137"/>
      <c r="AD3161" s="137"/>
      <c r="AE3161" s="137"/>
      <c r="AF3161" s="137"/>
      <c r="AG3161" s="137"/>
      <c r="AH3161" s="137"/>
      <c r="AI3161" s="137"/>
      <c r="AJ3161" s="137"/>
      <c r="AK3161" s="206"/>
      <c r="AL3161" s="206"/>
      <c r="AM3161" s="143"/>
      <c r="AN3161" s="137"/>
      <c r="AO3161" s="137"/>
      <c r="AP3161" s="137"/>
      <c r="AQ3161" s="137"/>
      <c r="AR3161" s="137"/>
      <c r="AS3161" s="137"/>
      <c r="AT3161" s="137"/>
      <c r="AU3161" s="137"/>
      <c r="AV3161" s="137"/>
      <c r="AW3161" s="144"/>
    </row>
    <row r="3162" spans="2:49" x14ac:dyDescent="0.2">
      <c r="B3162" s="97"/>
      <c r="J3162" s="98"/>
      <c r="K3162" s="97"/>
      <c r="N3162" s="3"/>
      <c r="W3162" s="98"/>
      <c r="Z3162" s="143"/>
      <c r="AA3162" s="137"/>
      <c r="AB3162" s="137"/>
      <c r="AC3162" s="137"/>
      <c r="AD3162" s="137"/>
      <c r="AE3162" s="137"/>
      <c r="AF3162" s="137"/>
      <c r="AG3162" s="137"/>
      <c r="AH3162" s="137"/>
      <c r="AI3162" s="137"/>
      <c r="AJ3162" s="137"/>
      <c r="AK3162" s="206"/>
      <c r="AL3162" s="206"/>
      <c r="AM3162" s="143"/>
      <c r="AN3162" s="137"/>
      <c r="AO3162" s="137"/>
      <c r="AP3162" s="137"/>
      <c r="AQ3162" s="137"/>
      <c r="AR3162" s="137"/>
      <c r="AS3162" s="137"/>
      <c r="AT3162" s="137"/>
      <c r="AU3162" s="137"/>
      <c r="AV3162" s="137"/>
      <c r="AW3162" s="144"/>
    </row>
    <row r="3163" spans="2:49" x14ac:dyDescent="0.2">
      <c r="B3163" s="97"/>
      <c r="J3163" s="98"/>
      <c r="K3163" s="97"/>
      <c r="N3163" s="3"/>
      <c r="W3163" s="98"/>
      <c r="Z3163" s="143"/>
      <c r="AA3163" s="137"/>
      <c r="AB3163" s="137"/>
      <c r="AC3163" s="137"/>
      <c r="AD3163" s="137"/>
      <c r="AE3163" s="137"/>
      <c r="AF3163" s="137"/>
      <c r="AG3163" s="137"/>
      <c r="AH3163" s="137"/>
      <c r="AI3163" s="137"/>
      <c r="AJ3163" s="137"/>
      <c r="AK3163" s="206"/>
      <c r="AL3163" s="206"/>
      <c r="AM3163" s="143"/>
      <c r="AN3163" s="137"/>
      <c r="AO3163" s="137"/>
      <c r="AP3163" s="137"/>
      <c r="AQ3163" s="137"/>
      <c r="AR3163" s="137"/>
      <c r="AS3163" s="137"/>
      <c r="AT3163" s="137"/>
      <c r="AU3163" s="137"/>
      <c r="AV3163" s="137"/>
      <c r="AW3163" s="144"/>
    </row>
    <row r="3164" spans="2:49" x14ac:dyDescent="0.2">
      <c r="B3164" s="97"/>
      <c r="J3164" s="98"/>
      <c r="K3164" s="97"/>
      <c r="N3164" s="3"/>
      <c r="W3164" s="98"/>
      <c r="Z3164" s="143"/>
      <c r="AA3164" s="137"/>
      <c r="AB3164" s="137"/>
      <c r="AC3164" s="137"/>
      <c r="AD3164" s="137"/>
      <c r="AE3164" s="137"/>
      <c r="AF3164" s="137"/>
      <c r="AG3164" s="137"/>
      <c r="AH3164" s="137"/>
      <c r="AI3164" s="137"/>
      <c r="AJ3164" s="137"/>
      <c r="AK3164" s="206"/>
      <c r="AL3164" s="206"/>
      <c r="AM3164" s="143"/>
      <c r="AN3164" s="137"/>
      <c r="AO3164" s="137"/>
      <c r="AP3164" s="137"/>
      <c r="AQ3164" s="137"/>
      <c r="AR3164" s="137"/>
      <c r="AS3164" s="137"/>
      <c r="AT3164" s="137"/>
      <c r="AU3164" s="137"/>
      <c r="AV3164" s="137"/>
      <c r="AW3164" s="144"/>
    </row>
    <row r="3165" spans="2:49" x14ac:dyDescent="0.2">
      <c r="B3165" s="97"/>
      <c r="J3165" s="98"/>
      <c r="K3165" s="97"/>
      <c r="N3165" s="3"/>
      <c r="W3165" s="98"/>
      <c r="Z3165" s="143"/>
      <c r="AA3165" s="137"/>
      <c r="AB3165" s="137"/>
      <c r="AC3165" s="137"/>
      <c r="AD3165" s="137"/>
      <c r="AE3165" s="137"/>
      <c r="AF3165" s="137"/>
      <c r="AG3165" s="137"/>
      <c r="AH3165" s="137"/>
      <c r="AI3165" s="137"/>
      <c r="AJ3165" s="137"/>
      <c r="AK3165" s="206"/>
      <c r="AL3165" s="206"/>
      <c r="AM3165" s="143"/>
      <c r="AN3165" s="137"/>
      <c r="AO3165" s="137"/>
      <c r="AP3165" s="137"/>
      <c r="AQ3165" s="137"/>
      <c r="AR3165" s="137"/>
      <c r="AS3165" s="137"/>
      <c r="AT3165" s="137"/>
      <c r="AU3165" s="137"/>
      <c r="AV3165" s="137"/>
      <c r="AW3165" s="144"/>
    </row>
    <row r="3166" spans="2:49" x14ac:dyDescent="0.2">
      <c r="B3166" s="97"/>
      <c r="J3166" s="98"/>
      <c r="K3166" s="97"/>
      <c r="N3166" s="3"/>
      <c r="W3166" s="98"/>
      <c r="Z3166" s="143"/>
      <c r="AA3166" s="137"/>
      <c r="AB3166" s="137"/>
      <c r="AC3166" s="137"/>
      <c r="AD3166" s="137"/>
      <c r="AE3166" s="137"/>
      <c r="AF3166" s="137"/>
      <c r="AG3166" s="137"/>
      <c r="AH3166" s="137"/>
      <c r="AI3166" s="137"/>
      <c r="AJ3166" s="137"/>
      <c r="AK3166" s="206"/>
      <c r="AL3166" s="206"/>
      <c r="AM3166" s="143"/>
      <c r="AN3166" s="137"/>
      <c r="AO3166" s="137"/>
      <c r="AP3166" s="137"/>
      <c r="AQ3166" s="137"/>
      <c r="AR3166" s="137"/>
      <c r="AS3166" s="137"/>
      <c r="AT3166" s="137"/>
      <c r="AU3166" s="137"/>
      <c r="AV3166" s="137"/>
      <c r="AW3166" s="144"/>
    </row>
    <row r="3167" spans="2:49" x14ac:dyDescent="0.2">
      <c r="B3167" s="97"/>
      <c r="J3167" s="98"/>
      <c r="K3167" s="97"/>
      <c r="N3167" s="3"/>
      <c r="W3167" s="98"/>
      <c r="Z3167" s="143"/>
      <c r="AA3167" s="137"/>
      <c r="AB3167" s="137"/>
      <c r="AC3167" s="137"/>
      <c r="AD3167" s="137"/>
      <c r="AE3167" s="137"/>
      <c r="AF3167" s="137"/>
      <c r="AG3167" s="137"/>
      <c r="AH3167" s="137"/>
      <c r="AI3167" s="137"/>
      <c r="AJ3167" s="137"/>
      <c r="AK3167" s="206"/>
      <c r="AL3167" s="206"/>
      <c r="AM3167" s="143"/>
      <c r="AN3167" s="137"/>
      <c r="AO3167" s="137"/>
      <c r="AP3167" s="137"/>
      <c r="AQ3167" s="137"/>
      <c r="AR3167" s="137"/>
      <c r="AS3167" s="137"/>
      <c r="AT3167" s="137"/>
      <c r="AU3167" s="137"/>
      <c r="AV3167" s="137"/>
      <c r="AW3167" s="144"/>
    </row>
    <row r="3168" spans="2:49" x14ac:dyDescent="0.2">
      <c r="B3168" s="97"/>
      <c r="J3168" s="98"/>
      <c r="K3168" s="97"/>
      <c r="N3168" s="3"/>
      <c r="W3168" s="98"/>
      <c r="Z3168" s="143"/>
      <c r="AA3168" s="137"/>
      <c r="AB3168" s="137"/>
      <c r="AC3168" s="137"/>
      <c r="AD3168" s="137"/>
      <c r="AE3168" s="137"/>
      <c r="AF3168" s="137"/>
      <c r="AG3168" s="137"/>
      <c r="AH3168" s="137"/>
      <c r="AI3168" s="137"/>
      <c r="AJ3168" s="137"/>
      <c r="AK3168" s="206"/>
      <c r="AL3168" s="206"/>
      <c r="AM3168" s="143"/>
      <c r="AN3168" s="137"/>
      <c r="AO3168" s="137"/>
      <c r="AP3168" s="137"/>
      <c r="AQ3168" s="137"/>
      <c r="AR3168" s="137"/>
      <c r="AS3168" s="137"/>
      <c r="AT3168" s="137"/>
      <c r="AU3168" s="137"/>
      <c r="AV3168" s="137"/>
      <c r="AW3168" s="144"/>
    </row>
    <row r="3169" spans="2:49" x14ac:dyDescent="0.2">
      <c r="B3169" s="97"/>
      <c r="J3169" s="98"/>
      <c r="K3169" s="97"/>
      <c r="N3169" s="3"/>
      <c r="W3169" s="98"/>
      <c r="Z3169" s="143"/>
      <c r="AA3169" s="137"/>
      <c r="AB3169" s="137"/>
      <c r="AC3169" s="137"/>
      <c r="AD3169" s="137"/>
      <c r="AE3169" s="137"/>
      <c r="AF3169" s="137"/>
      <c r="AG3169" s="137"/>
      <c r="AH3169" s="137"/>
      <c r="AI3169" s="137"/>
      <c r="AJ3169" s="137"/>
      <c r="AK3169" s="206"/>
      <c r="AL3169" s="206"/>
      <c r="AM3169" s="143"/>
      <c r="AN3169" s="137"/>
      <c r="AO3169" s="137"/>
      <c r="AP3169" s="137"/>
      <c r="AQ3169" s="137"/>
      <c r="AR3169" s="137"/>
      <c r="AS3169" s="137"/>
      <c r="AT3169" s="137"/>
      <c r="AU3169" s="137"/>
      <c r="AV3169" s="137"/>
      <c r="AW3169" s="144"/>
    </row>
    <row r="3170" spans="2:49" x14ac:dyDescent="0.2">
      <c r="B3170" s="97"/>
      <c r="J3170" s="98"/>
      <c r="K3170" s="97"/>
      <c r="N3170" s="3"/>
      <c r="W3170" s="98"/>
      <c r="Z3170" s="143"/>
      <c r="AA3170" s="137"/>
      <c r="AB3170" s="137"/>
      <c r="AC3170" s="137"/>
      <c r="AD3170" s="137"/>
      <c r="AE3170" s="137"/>
      <c r="AF3170" s="137"/>
      <c r="AG3170" s="137"/>
      <c r="AH3170" s="137"/>
      <c r="AI3170" s="137"/>
      <c r="AJ3170" s="137"/>
      <c r="AK3170" s="206"/>
      <c r="AL3170" s="206"/>
      <c r="AM3170" s="143"/>
      <c r="AN3170" s="137"/>
      <c r="AO3170" s="137"/>
      <c r="AP3170" s="137"/>
      <c r="AQ3170" s="137"/>
      <c r="AR3170" s="137"/>
      <c r="AS3170" s="137"/>
      <c r="AT3170" s="137"/>
      <c r="AU3170" s="137"/>
      <c r="AV3170" s="137"/>
      <c r="AW3170" s="144"/>
    </row>
    <row r="3171" spans="2:49" x14ac:dyDescent="0.2">
      <c r="B3171" s="97"/>
      <c r="J3171" s="98"/>
      <c r="K3171" s="97"/>
      <c r="N3171" s="3"/>
      <c r="W3171" s="98"/>
      <c r="Z3171" s="143"/>
      <c r="AA3171" s="137"/>
      <c r="AB3171" s="137"/>
      <c r="AC3171" s="137"/>
      <c r="AD3171" s="137"/>
      <c r="AE3171" s="137"/>
      <c r="AF3171" s="137"/>
      <c r="AG3171" s="137"/>
      <c r="AH3171" s="137"/>
      <c r="AI3171" s="137"/>
      <c r="AJ3171" s="137"/>
      <c r="AK3171" s="206"/>
      <c r="AL3171" s="206"/>
      <c r="AM3171" s="143"/>
      <c r="AN3171" s="137"/>
      <c r="AO3171" s="137"/>
      <c r="AP3171" s="137"/>
      <c r="AQ3171" s="137"/>
      <c r="AR3171" s="137"/>
      <c r="AS3171" s="137"/>
      <c r="AT3171" s="137"/>
      <c r="AU3171" s="137"/>
      <c r="AV3171" s="137"/>
      <c r="AW3171" s="144"/>
    </row>
    <row r="3172" spans="2:49" x14ac:dyDescent="0.2">
      <c r="B3172" s="97"/>
      <c r="J3172" s="98"/>
      <c r="K3172" s="97"/>
      <c r="N3172" s="3"/>
      <c r="W3172" s="98"/>
      <c r="Z3172" s="143"/>
      <c r="AA3172" s="137"/>
      <c r="AB3172" s="137"/>
      <c r="AC3172" s="137"/>
      <c r="AD3172" s="137"/>
      <c r="AE3172" s="137"/>
      <c r="AF3172" s="137"/>
      <c r="AG3172" s="137"/>
      <c r="AH3172" s="137"/>
      <c r="AI3172" s="137"/>
      <c r="AJ3172" s="137"/>
      <c r="AK3172" s="206"/>
      <c r="AL3172" s="206"/>
      <c r="AM3172" s="143"/>
      <c r="AN3172" s="137"/>
      <c r="AO3172" s="137"/>
      <c r="AP3172" s="137"/>
      <c r="AQ3172" s="137"/>
      <c r="AR3172" s="137"/>
      <c r="AS3172" s="137"/>
      <c r="AT3172" s="137"/>
      <c r="AU3172" s="137"/>
      <c r="AV3172" s="137"/>
      <c r="AW3172" s="144"/>
    </row>
    <row r="3173" spans="2:49" x14ac:dyDescent="0.2">
      <c r="B3173" s="97"/>
      <c r="J3173" s="98"/>
      <c r="K3173" s="97"/>
      <c r="N3173" s="3"/>
      <c r="W3173" s="98"/>
      <c r="Z3173" s="143"/>
      <c r="AA3173" s="137"/>
      <c r="AB3173" s="137"/>
      <c r="AC3173" s="137"/>
      <c r="AD3173" s="137"/>
      <c r="AE3173" s="137"/>
      <c r="AF3173" s="137"/>
      <c r="AG3173" s="137"/>
      <c r="AH3173" s="137"/>
      <c r="AI3173" s="137"/>
      <c r="AJ3173" s="137"/>
      <c r="AK3173" s="206"/>
      <c r="AL3173" s="206"/>
      <c r="AM3173" s="143"/>
      <c r="AN3173" s="137"/>
      <c r="AO3173" s="137"/>
      <c r="AP3173" s="137"/>
      <c r="AQ3173" s="137"/>
      <c r="AR3173" s="137"/>
      <c r="AS3173" s="137"/>
      <c r="AT3173" s="137"/>
      <c r="AU3173" s="137"/>
      <c r="AV3173" s="137"/>
      <c r="AW3173" s="144"/>
    </row>
    <row r="3174" spans="2:49" x14ac:dyDescent="0.2">
      <c r="B3174" s="97"/>
      <c r="J3174" s="98"/>
      <c r="K3174" s="97"/>
      <c r="N3174" s="3"/>
      <c r="W3174" s="98"/>
      <c r="Z3174" s="143"/>
      <c r="AA3174" s="137"/>
      <c r="AB3174" s="137"/>
      <c r="AC3174" s="137"/>
      <c r="AD3174" s="137"/>
      <c r="AE3174" s="137"/>
      <c r="AF3174" s="137"/>
      <c r="AG3174" s="137"/>
      <c r="AH3174" s="137"/>
      <c r="AI3174" s="137"/>
      <c r="AJ3174" s="137"/>
      <c r="AK3174" s="206"/>
      <c r="AL3174" s="206"/>
      <c r="AM3174" s="143"/>
      <c r="AN3174" s="137"/>
      <c r="AO3174" s="137"/>
      <c r="AP3174" s="137"/>
      <c r="AQ3174" s="137"/>
      <c r="AR3174" s="137"/>
      <c r="AS3174" s="137"/>
      <c r="AT3174" s="137"/>
      <c r="AU3174" s="137"/>
      <c r="AV3174" s="137"/>
      <c r="AW3174" s="144"/>
    </row>
    <row r="3175" spans="2:49" x14ac:dyDescent="0.2">
      <c r="B3175" s="97"/>
      <c r="J3175" s="98"/>
      <c r="K3175" s="97"/>
      <c r="N3175" s="3"/>
      <c r="W3175" s="98"/>
      <c r="Z3175" s="143"/>
      <c r="AA3175" s="137"/>
      <c r="AB3175" s="137"/>
      <c r="AC3175" s="137"/>
      <c r="AD3175" s="137"/>
      <c r="AE3175" s="137"/>
      <c r="AF3175" s="137"/>
      <c r="AG3175" s="137"/>
      <c r="AH3175" s="137"/>
      <c r="AI3175" s="137"/>
      <c r="AJ3175" s="137"/>
      <c r="AK3175" s="206"/>
      <c r="AL3175" s="206"/>
      <c r="AM3175" s="143"/>
      <c r="AN3175" s="137"/>
      <c r="AO3175" s="137"/>
      <c r="AP3175" s="137"/>
      <c r="AQ3175" s="137"/>
      <c r="AR3175" s="137"/>
      <c r="AS3175" s="137"/>
      <c r="AT3175" s="137"/>
      <c r="AU3175" s="137"/>
      <c r="AV3175" s="137"/>
      <c r="AW3175" s="144"/>
    </row>
    <row r="3176" spans="2:49" x14ac:dyDescent="0.2">
      <c r="B3176" s="97"/>
      <c r="J3176" s="98"/>
      <c r="K3176" s="97"/>
      <c r="N3176" s="3"/>
      <c r="W3176" s="98"/>
      <c r="Z3176" s="143"/>
      <c r="AA3176" s="137"/>
      <c r="AB3176" s="137"/>
      <c r="AC3176" s="137"/>
      <c r="AD3176" s="137"/>
      <c r="AE3176" s="137"/>
      <c r="AF3176" s="137"/>
      <c r="AG3176" s="137"/>
      <c r="AH3176" s="137"/>
      <c r="AI3176" s="137"/>
      <c r="AJ3176" s="137"/>
      <c r="AK3176" s="206"/>
      <c r="AL3176" s="206"/>
      <c r="AM3176" s="143"/>
      <c r="AN3176" s="137"/>
      <c r="AO3176" s="137"/>
      <c r="AP3176" s="137"/>
      <c r="AQ3176" s="137"/>
      <c r="AR3176" s="137"/>
      <c r="AS3176" s="137"/>
      <c r="AT3176" s="137"/>
      <c r="AU3176" s="137"/>
      <c r="AV3176" s="137"/>
      <c r="AW3176" s="144"/>
    </row>
    <row r="3177" spans="2:49" x14ac:dyDescent="0.2">
      <c r="B3177" s="97"/>
      <c r="J3177" s="98"/>
      <c r="K3177" s="97"/>
      <c r="N3177" s="3"/>
      <c r="W3177" s="98"/>
      <c r="Z3177" s="143"/>
      <c r="AA3177" s="137"/>
      <c r="AB3177" s="137"/>
      <c r="AC3177" s="137"/>
      <c r="AD3177" s="137"/>
      <c r="AE3177" s="137"/>
      <c r="AF3177" s="137"/>
      <c r="AG3177" s="137"/>
      <c r="AH3177" s="137"/>
      <c r="AI3177" s="137"/>
      <c r="AJ3177" s="137"/>
      <c r="AK3177" s="206"/>
      <c r="AL3177" s="206"/>
      <c r="AM3177" s="143"/>
      <c r="AN3177" s="137"/>
      <c r="AO3177" s="137"/>
      <c r="AP3177" s="137"/>
      <c r="AQ3177" s="137"/>
      <c r="AR3177" s="137"/>
      <c r="AS3177" s="137"/>
      <c r="AT3177" s="137"/>
      <c r="AU3177" s="137"/>
      <c r="AV3177" s="137"/>
      <c r="AW3177" s="144"/>
    </row>
    <row r="3178" spans="2:49" x14ac:dyDescent="0.2">
      <c r="B3178" s="97"/>
      <c r="J3178" s="98"/>
      <c r="K3178" s="97"/>
      <c r="N3178" s="3"/>
      <c r="W3178" s="98"/>
      <c r="Z3178" s="143"/>
      <c r="AA3178" s="137"/>
      <c r="AB3178" s="137"/>
      <c r="AC3178" s="137"/>
      <c r="AD3178" s="137"/>
      <c r="AE3178" s="137"/>
      <c r="AF3178" s="137"/>
      <c r="AG3178" s="137"/>
      <c r="AH3178" s="137"/>
      <c r="AI3178" s="137"/>
      <c r="AJ3178" s="137"/>
      <c r="AK3178" s="206"/>
      <c r="AL3178" s="206"/>
      <c r="AM3178" s="143"/>
      <c r="AN3178" s="137"/>
      <c r="AO3178" s="137"/>
      <c r="AP3178" s="137"/>
      <c r="AQ3178" s="137"/>
      <c r="AR3178" s="137"/>
      <c r="AS3178" s="137"/>
      <c r="AT3178" s="137"/>
      <c r="AU3178" s="137"/>
      <c r="AV3178" s="137"/>
      <c r="AW3178" s="144"/>
    </row>
    <row r="3179" spans="2:49" x14ac:dyDescent="0.2">
      <c r="B3179" s="97"/>
      <c r="J3179" s="98"/>
      <c r="K3179" s="97"/>
      <c r="N3179" s="3"/>
      <c r="W3179" s="98"/>
      <c r="Z3179" s="143"/>
      <c r="AA3179" s="137"/>
      <c r="AB3179" s="137"/>
      <c r="AC3179" s="137"/>
      <c r="AD3179" s="137"/>
      <c r="AE3179" s="137"/>
      <c r="AF3179" s="137"/>
      <c r="AG3179" s="137"/>
      <c r="AH3179" s="137"/>
      <c r="AI3179" s="137"/>
      <c r="AJ3179" s="137"/>
      <c r="AK3179" s="206"/>
      <c r="AL3179" s="206"/>
      <c r="AM3179" s="143"/>
      <c r="AN3179" s="137"/>
      <c r="AO3179" s="137"/>
      <c r="AP3179" s="137"/>
      <c r="AQ3179" s="137"/>
      <c r="AR3179" s="137"/>
      <c r="AS3179" s="137"/>
      <c r="AT3179" s="137"/>
      <c r="AU3179" s="137"/>
      <c r="AV3179" s="137"/>
      <c r="AW3179" s="144"/>
    </row>
    <row r="3180" spans="2:49" x14ac:dyDescent="0.2">
      <c r="B3180" s="97"/>
      <c r="J3180" s="98"/>
      <c r="K3180" s="97"/>
      <c r="N3180" s="3"/>
      <c r="W3180" s="98"/>
      <c r="Z3180" s="143"/>
      <c r="AA3180" s="137"/>
      <c r="AB3180" s="137"/>
      <c r="AC3180" s="137"/>
      <c r="AD3180" s="137"/>
      <c r="AE3180" s="137"/>
      <c r="AF3180" s="137"/>
      <c r="AG3180" s="137"/>
      <c r="AH3180" s="137"/>
      <c r="AI3180" s="137"/>
      <c r="AJ3180" s="137"/>
      <c r="AK3180" s="206"/>
      <c r="AL3180" s="206"/>
      <c r="AM3180" s="143"/>
      <c r="AN3180" s="137"/>
      <c r="AO3180" s="137"/>
      <c r="AP3180" s="137"/>
      <c r="AQ3180" s="137"/>
      <c r="AR3180" s="137"/>
      <c r="AS3180" s="137"/>
      <c r="AT3180" s="137"/>
      <c r="AU3180" s="137"/>
      <c r="AV3180" s="137"/>
      <c r="AW3180" s="144"/>
    </row>
    <row r="3181" spans="2:49" x14ac:dyDescent="0.2">
      <c r="B3181" s="97"/>
      <c r="J3181" s="98"/>
      <c r="K3181" s="97"/>
      <c r="N3181" s="3"/>
      <c r="W3181" s="98"/>
      <c r="Z3181" s="143"/>
      <c r="AA3181" s="137"/>
      <c r="AB3181" s="137"/>
      <c r="AC3181" s="137"/>
      <c r="AD3181" s="137"/>
      <c r="AE3181" s="137"/>
      <c r="AF3181" s="137"/>
      <c r="AG3181" s="137"/>
      <c r="AH3181" s="137"/>
      <c r="AI3181" s="137"/>
      <c r="AJ3181" s="137"/>
      <c r="AK3181" s="206"/>
      <c r="AL3181" s="206"/>
      <c r="AM3181" s="143"/>
      <c r="AN3181" s="137"/>
      <c r="AO3181" s="137"/>
      <c r="AP3181" s="137"/>
      <c r="AQ3181" s="137"/>
      <c r="AR3181" s="137"/>
      <c r="AS3181" s="137"/>
      <c r="AT3181" s="137"/>
      <c r="AU3181" s="137"/>
      <c r="AV3181" s="137"/>
      <c r="AW3181" s="144"/>
    </row>
    <row r="3182" spans="2:49" x14ac:dyDescent="0.2">
      <c r="B3182" s="97"/>
      <c r="J3182" s="98"/>
      <c r="K3182" s="97"/>
      <c r="N3182" s="3"/>
      <c r="W3182" s="98"/>
      <c r="Z3182" s="143"/>
      <c r="AA3182" s="137"/>
      <c r="AB3182" s="137"/>
      <c r="AC3182" s="137"/>
      <c r="AD3182" s="137"/>
      <c r="AE3182" s="137"/>
      <c r="AF3182" s="137"/>
      <c r="AG3182" s="137"/>
      <c r="AH3182" s="137"/>
      <c r="AI3182" s="137"/>
      <c r="AJ3182" s="137"/>
      <c r="AK3182" s="206"/>
      <c r="AL3182" s="206"/>
      <c r="AM3182" s="143"/>
      <c r="AN3182" s="137"/>
      <c r="AO3182" s="137"/>
      <c r="AP3182" s="137"/>
      <c r="AQ3182" s="137"/>
      <c r="AR3182" s="137"/>
      <c r="AS3182" s="137"/>
      <c r="AT3182" s="137"/>
      <c r="AU3182" s="137"/>
      <c r="AV3182" s="137"/>
      <c r="AW3182" s="144"/>
    </row>
    <row r="3183" spans="2:49" x14ac:dyDescent="0.2">
      <c r="B3183" s="97"/>
      <c r="J3183" s="98"/>
      <c r="K3183" s="97"/>
      <c r="N3183" s="3"/>
      <c r="W3183" s="98"/>
      <c r="Z3183" s="143"/>
      <c r="AA3183" s="137"/>
      <c r="AB3183" s="137"/>
      <c r="AC3183" s="137"/>
      <c r="AD3183" s="137"/>
      <c r="AE3183" s="137"/>
      <c r="AF3183" s="137"/>
      <c r="AG3183" s="137"/>
      <c r="AH3183" s="137"/>
      <c r="AI3183" s="137"/>
      <c r="AJ3183" s="137"/>
      <c r="AK3183" s="206"/>
      <c r="AL3183" s="206"/>
      <c r="AM3183" s="143"/>
      <c r="AN3183" s="137"/>
      <c r="AO3183" s="137"/>
      <c r="AP3183" s="137"/>
      <c r="AQ3183" s="137"/>
      <c r="AR3183" s="137"/>
      <c r="AS3183" s="137"/>
      <c r="AT3183" s="137"/>
      <c r="AU3183" s="137"/>
      <c r="AV3183" s="137"/>
      <c r="AW3183" s="144"/>
    </row>
    <row r="3184" spans="2:49" x14ac:dyDescent="0.2">
      <c r="B3184" s="97"/>
      <c r="J3184" s="98"/>
      <c r="K3184" s="97"/>
      <c r="N3184" s="3"/>
      <c r="W3184" s="98"/>
      <c r="Z3184" s="143"/>
      <c r="AA3184" s="137"/>
      <c r="AB3184" s="137"/>
      <c r="AC3184" s="137"/>
      <c r="AD3184" s="137"/>
      <c r="AE3184" s="137"/>
      <c r="AF3184" s="137"/>
      <c r="AG3184" s="137"/>
      <c r="AH3184" s="137"/>
      <c r="AI3184" s="137"/>
      <c r="AJ3184" s="137"/>
      <c r="AK3184" s="206"/>
      <c r="AL3184" s="206"/>
      <c r="AM3184" s="143"/>
      <c r="AN3184" s="137"/>
      <c r="AO3184" s="137"/>
      <c r="AP3184" s="137"/>
      <c r="AQ3184" s="137"/>
      <c r="AR3184" s="137"/>
      <c r="AS3184" s="137"/>
      <c r="AT3184" s="137"/>
      <c r="AU3184" s="137"/>
      <c r="AV3184" s="137"/>
      <c r="AW3184" s="144"/>
    </row>
    <row r="3185" spans="2:49" x14ac:dyDescent="0.2">
      <c r="B3185" s="97"/>
      <c r="J3185" s="98"/>
      <c r="K3185" s="97"/>
      <c r="N3185" s="3"/>
      <c r="W3185" s="98"/>
      <c r="Z3185" s="143"/>
      <c r="AA3185" s="137"/>
      <c r="AB3185" s="137"/>
      <c r="AC3185" s="137"/>
      <c r="AD3185" s="137"/>
      <c r="AE3185" s="137"/>
      <c r="AF3185" s="137"/>
      <c r="AG3185" s="137"/>
      <c r="AH3185" s="137"/>
      <c r="AI3185" s="137"/>
      <c r="AJ3185" s="137"/>
      <c r="AK3185" s="206"/>
      <c r="AL3185" s="206"/>
      <c r="AM3185" s="143"/>
      <c r="AN3185" s="137"/>
      <c r="AO3185" s="137"/>
      <c r="AP3185" s="137"/>
      <c r="AQ3185" s="137"/>
      <c r="AR3185" s="137"/>
      <c r="AS3185" s="137"/>
      <c r="AT3185" s="137"/>
      <c r="AU3185" s="137"/>
      <c r="AV3185" s="137"/>
      <c r="AW3185" s="144"/>
    </row>
    <row r="3186" spans="2:49" x14ac:dyDescent="0.2">
      <c r="B3186" s="97"/>
      <c r="J3186" s="98"/>
      <c r="K3186" s="97"/>
      <c r="N3186" s="3"/>
      <c r="W3186" s="98"/>
      <c r="Z3186" s="143"/>
      <c r="AA3186" s="137"/>
      <c r="AB3186" s="137"/>
      <c r="AC3186" s="137"/>
      <c r="AD3186" s="137"/>
      <c r="AE3186" s="137"/>
      <c r="AF3186" s="137"/>
      <c r="AG3186" s="137"/>
      <c r="AH3186" s="137"/>
      <c r="AI3186" s="137"/>
      <c r="AJ3186" s="137"/>
      <c r="AK3186" s="206"/>
      <c r="AL3186" s="206"/>
      <c r="AM3186" s="143"/>
      <c r="AN3186" s="137"/>
      <c r="AO3186" s="137"/>
      <c r="AP3186" s="137"/>
      <c r="AQ3186" s="137"/>
      <c r="AR3186" s="137"/>
      <c r="AS3186" s="137"/>
      <c r="AT3186" s="137"/>
      <c r="AU3186" s="137"/>
      <c r="AV3186" s="137"/>
      <c r="AW3186" s="144"/>
    </row>
    <row r="3187" spans="2:49" x14ac:dyDescent="0.2">
      <c r="B3187" s="97"/>
      <c r="J3187" s="98"/>
      <c r="K3187" s="97"/>
      <c r="N3187" s="3"/>
      <c r="W3187" s="98"/>
      <c r="Z3187" s="143"/>
      <c r="AA3187" s="137"/>
      <c r="AB3187" s="137"/>
      <c r="AC3187" s="137"/>
      <c r="AD3187" s="137"/>
      <c r="AE3187" s="137"/>
      <c r="AF3187" s="137"/>
      <c r="AG3187" s="137"/>
      <c r="AH3187" s="137"/>
      <c r="AI3187" s="137"/>
      <c r="AJ3187" s="137"/>
      <c r="AK3187" s="206"/>
      <c r="AL3187" s="206"/>
      <c r="AM3187" s="143"/>
      <c r="AN3187" s="137"/>
      <c r="AO3187" s="137"/>
      <c r="AP3187" s="137"/>
      <c r="AQ3187" s="137"/>
      <c r="AR3187" s="137"/>
      <c r="AS3187" s="137"/>
      <c r="AT3187" s="137"/>
      <c r="AU3187" s="137"/>
      <c r="AV3187" s="137"/>
      <c r="AW3187" s="144"/>
    </row>
    <row r="3188" spans="2:49" x14ac:dyDescent="0.2">
      <c r="B3188" s="97"/>
      <c r="J3188" s="98"/>
      <c r="K3188" s="97"/>
      <c r="N3188" s="3"/>
      <c r="W3188" s="98"/>
      <c r="Z3188" s="143"/>
      <c r="AA3188" s="137"/>
      <c r="AB3188" s="137"/>
      <c r="AC3188" s="137"/>
      <c r="AD3188" s="137"/>
      <c r="AE3188" s="137"/>
      <c r="AF3188" s="137"/>
      <c r="AG3188" s="137"/>
      <c r="AH3188" s="137"/>
      <c r="AI3188" s="137"/>
      <c r="AJ3188" s="137"/>
      <c r="AK3188" s="206"/>
      <c r="AL3188" s="206"/>
      <c r="AM3188" s="143"/>
      <c r="AN3188" s="137"/>
      <c r="AO3188" s="137"/>
      <c r="AP3188" s="137"/>
      <c r="AQ3188" s="137"/>
      <c r="AR3188" s="137"/>
      <c r="AS3188" s="137"/>
      <c r="AT3188" s="137"/>
      <c r="AU3188" s="137"/>
      <c r="AV3188" s="137"/>
      <c r="AW3188" s="144"/>
    </row>
    <row r="3189" spans="2:49" x14ac:dyDescent="0.2">
      <c r="B3189" s="97"/>
      <c r="J3189" s="98"/>
      <c r="K3189" s="97"/>
      <c r="N3189" s="3"/>
      <c r="W3189" s="98"/>
      <c r="Z3189" s="143"/>
      <c r="AA3189" s="137"/>
      <c r="AB3189" s="137"/>
      <c r="AC3189" s="137"/>
      <c r="AD3189" s="137"/>
      <c r="AE3189" s="137"/>
      <c r="AF3189" s="137"/>
      <c r="AG3189" s="137"/>
      <c r="AH3189" s="137"/>
      <c r="AI3189" s="137"/>
      <c r="AJ3189" s="137"/>
      <c r="AK3189" s="206"/>
      <c r="AL3189" s="206"/>
      <c r="AM3189" s="143"/>
      <c r="AN3189" s="137"/>
      <c r="AO3189" s="137"/>
      <c r="AP3189" s="137"/>
      <c r="AQ3189" s="137"/>
      <c r="AR3189" s="137"/>
      <c r="AS3189" s="137"/>
      <c r="AT3189" s="137"/>
      <c r="AU3189" s="137"/>
      <c r="AV3189" s="137"/>
      <c r="AW3189" s="144"/>
    </row>
    <row r="3190" spans="2:49" x14ac:dyDescent="0.2">
      <c r="B3190" s="97"/>
      <c r="J3190" s="98"/>
      <c r="K3190" s="97"/>
      <c r="N3190" s="3"/>
      <c r="W3190" s="98"/>
      <c r="Z3190" s="143"/>
      <c r="AA3190" s="137"/>
      <c r="AB3190" s="137"/>
      <c r="AC3190" s="137"/>
      <c r="AD3190" s="137"/>
      <c r="AE3190" s="137"/>
      <c r="AF3190" s="137"/>
      <c r="AG3190" s="137"/>
      <c r="AH3190" s="137"/>
      <c r="AI3190" s="137"/>
      <c r="AJ3190" s="137"/>
      <c r="AK3190" s="206"/>
      <c r="AL3190" s="206"/>
      <c r="AM3190" s="143"/>
      <c r="AN3190" s="137"/>
      <c r="AO3190" s="137"/>
      <c r="AP3190" s="137"/>
      <c r="AQ3190" s="137"/>
      <c r="AR3190" s="137"/>
      <c r="AS3190" s="137"/>
      <c r="AT3190" s="137"/>
      <c r="AU3190" s="137"/>
      <c r="AV3190" s="137"/>
      <c r="AW3190" s="144"/>
    </row>
    <row r="3191" spans="2:49" x14ac:dyDescent="0.2">
      <c r="B3191" s="97"/>
      <c r="J3191" s="98"/>
      <c r="K3191" s="97"/>
      <c r="N3191" s="3"/>
      <c r="W3191" s="98"/>
      <c r="Z3191" s="143"/>
      <c r="AA3191" s="137"/>
      <c r="AB3191" s="137"/>
      <c r="AC3191" s="137"/>
      <c r="AD3191" s="137"/>
      <c r="AE3191" s="137"/>
      <c r="AF3191" s="137"/>
      <c r="AG3191" s="137"/>
      <c r="AH3191" s="137"/>
      <c r="AI3191" s="137"/>
      <c r="AJ3191" s="137"/>
      <c r="AK3191" s="206"/>
      <c r="AL3191" s="206"/>
      <c r="AM3191" s="143"/>
      <c r="AN3191" s="137"/>
      <c r="AO3191" s="137"/>
      <c r="AP3191" s="137"/>
      <c r="AQ3191" s="137"/>
      <c r="AR3191" s="137"/>
      <c r="AS3191" s="137"/>
      <c r="AT3191" s="137"/>
      <c r="AU3191" s="137"/>
      <c r="AV3191" s="137"/>
      <c r="AW3191" s="144"/>
    </row>
    <row r="3192" spans="2:49" x14ac:dyDescent="0.2">
      <c r="B3192" s="97"/>
      <c r="J3192" s="98"/>
      <c r="K3192" s="97"/>
      <c r="N3192" s="3"/>
      <c r="W3192" s="98"/>
      <c r="Z3192" s="143"/>
      <c r="AA3192" s="137"/>
      <c r="AB3192" s="137"/>
      <c r="AC3192" s="137"/>
      <c r="AD3192" s="137"/>
      <c r="AE3192" s="137"/>
      <c r="AF3192" s="137"/>
      <c r="AG3192" s="137"/>
      <c r="AH3192" s="137"/>
      <c r="AI3192" s="137"/>
      <c r="AJ3192" s="137"/>
      <c r="AK3192" s="206"/>
      <c r="AL3192" s="206"/>
      <c r="AM3192" s="143"/>
      <c r="AN3192" s="137"/>
      <c r="AO3192" s="137"/>
      <c r="AP3192" s="137"/>
      <c r="AQ3192" s="137"/>
      <c r="AR3192" s="137"/>
      <c r="AS3192" s="137"/>
      <c r="AT3192" s="137"/>
      <c r="AU3192" s="137"/>
      <c r="AV3192" s="137"/>
      <c r="AW3192" s="144"/>
    </row>
    <row r="3193" spans="2:49" x14ac:dyDescent="0.2">
      <c r="B3193" s="97"/>
      <c r="J3193" s="98"/>
      <c r="K3193" s="97"/>
      <c r="N3193" s="3"/>
      <c r="W3193" s="98"/>
      <c r="Z3193" s="143"/>
      <c r="AA3193" s="137"/>
      <c r="AB3193" s="137"/>
      <c r="AC3193" s="137"/>
      <c r="AD3193" s="137"/>
      <c r="AE3193" s="137"/>
      <c r="AF3193" s="137"/>
      <c r="AG3193" s="137"/>
      <c r="AH3193" s="137"/>
      <c r="AI3193" s="137"/>
      <c r="AJ3193" s="137"/>
      <c r="AK3193" s="206"/>
      <c r="AL3193" s="206"/>
      <c r="AM3193" s="143"/>
      <c r="AN3193" s="137"/>
      <c r="AO3193" s="137"/>
      <c r="AP3193" s="137"/>
      <c r="AQ3193" s="137"/>
      <c r="AR3193" s="137"/>
      <c r="AS3193" s="137"/>
      <c r="AT3193" s="137"/>
      <c r="AU3193" s="137"/>
      <c r="AV3193" s="137"/>
      <c r="AW3193" s="144"/>
    </row>
    <row r="3194" spans="2:49" x14ac:dyDescent="0.2">
      <c r="B3194" s="97"/>
      <c r="J3194" s="98"/>
      <c r="K3194" s="97"/>
      <c r="N3194" s="3"/>
      <c r="W3194" s="98"/>
      <c r="Z3194" s="143"/>
      <c r="AA3194" s="137"/>
      <c r="AB3194" s="137"/>
      <c r="AC3194" s="137"/>
      <c r="AD3194" s="137"/>
      <c r="AE3194" s="137"/>
      <c r="AF3194" s="137"/>
      <c r="AG3194" s="137"/>
      <c r="AH3194" s="137"/>
      <c r="AI3194" s="137"/>
      <c r="AJ3194" s="137"/>
      <c r="AK3194" s="206"/>
      <c r="AL3194" s="206"/>
      <c r="AM3194" s="143"/>
      <c r="AN3194" s="137"/>
      <c r="AO3194" s="137"/>
      <c r="AP3194" s="137"/>
      <c r="AQ3194" s="137"/>
      <c r="AR3194" s="137"/>
      <c r="AS3194" s="137"/>
      <c r="AT3194" s="137"/>
      <c r="AU3194" s="137"/>
      <c r="AV3194" s="137"/>
      <c r="AW3194" s="144"/>
    </row>
    <row r="3195" spans="2:49" x14ac:dyDescent="0.2">
      <c r="B3195" s="97"/>
      <c r="J3195" s="98"/>
      <c r="K3195" s="97"/>
      <c r="N3195" s="3"/>
      <c r="W3195" s="98"/>
      <c r="Z3195" s="143"/>
      <c r="AA3195" s="137"/>
      <c r="AB3195" s="137"/>
      <c r="AC3195" s="137"/>
      <c r="AD3195" s="137"/>
      <c r="AE3195" s="137"/>
      <c r="AF3195" s="137"/>
      <c r="AG3195" s="137"/>
      <c r="AH3195" s="137"/>
      <c r="AI3195" s="137"/>
      <c r="AJ3195" s="137"/>
      <c r="AK3195" s="206"/>
      <c r="AL3195" s="206"/>
      <c r="AM3195" s="143"/>
      <c r="AN3195" s="137"/>
      <c r="AO3195" s="137"/>
      <c r="AP3195" s="137"/>
      <c r="AQ3195" s="137"/>
      <c r="AR3195" s="137"/>
      <c r="AS3195" s="137"/>
      <c r="AT3195" s="137"/>
      <c r="AU3195" s="137"/>
      <c r="AV3195" s="137"/>
      <c r="AW3195" s="144"/>
    </row>
    <row r="3196" spans="2:49" x14ac:dyDescent="0.2">
      <c r="B3196" s="97"/>
      <c r="J3196" s="98"/>
      <c r="K3196" s="97"/>
      <c r="N3196" s="3"/>
      <c r="W3196" s="98"/>
      <c r="Z3196" s="143"/>
      <c r="AA3196" s="137"/>
      <c r="AB3196" s="137"/>
      <c r="AC3196" s="137"/>
      <c r="AD3196" s="137"/>
      <c r="AE3196" s="137"/>
      <c r="AF3196" s="137"/>
      <c r="AG3196" s="137"/>
      <c r="AH3196" s="137"/>
      <c r="AI3196" s="137"/>
      <c r="AJ3196" s="137"/>
      <c r="AK3196" s="206"/>
      <c r="AL3196" s="206"/>
      <c r="AM3196" s="143"/>
      <c r="AN3196" s="137"/>
      <c r="AO3196" s="137"/>
      <c r="AP3196" s="137"/>
      <c r="AQ3196" s="137"/>
      <c r="AR3196" s="137"/>
      <c r="AS3196" s="137"/>
      <c r="AT3196" s="137"/>
      <c r="AU3196" s="137"/>
      <c r="AV3196" s="137"/>
      <c r="AW3196" s="144"/>
    </row>
    <row r="3197" spans="2:49" x14ac:dyDescent="0.2">
      <c r="B3197" s="97"/>
      <c r="J3197" s="98"/>
      <c r="K3197" s="97"/>
      <c r="N3197" s="3"/>
      <c r="W3197" s="98"/>
      <c r="Z3197" s="143"/>
      <c r="AA3197" s="137"/>
      <c r="AB3197" s="137"/>
      <c r="AC3197" s="137"/>
      <c r="AD3197" s="137"/>
      <c r="AE3197" s="137"/>
      <c r="AF3197" s="137"/>
      <c r="AG3197" s="137"/>
      <c r="AH3197" s="137"/>
      <c r="AI3197" s="137"/>
      <c r="AJ3197" s="137"/>
      <c r="AK3197" s="206"/>
      <c r="AL3197" s="206"/>
      <c r="AM3197" s="143"/>
      <c r="AN3197" s="137"/>
      <c r="AO3197" s="137"/>
      <c r="AP3197" s="137"/>
      <c r="AQ3197" s="137"/>
      <c r="AR3197" s="137"/>
      <c r="AS3197" s="137"/>
      <c r="AT3197" s="137"/>
      <c r="AU3197" s="137"/>
      <c r="AV3197" s="137"/>
      <c r="AW3197" s="144"/>
    </row>
    <row r="3198" spans="2:49" x14ac:dyDescent="0.2">
      <c r="B3198" s="97"/>
      <c r="J3198" s="98"/>
      <c r="K3198" s="97"/>
      <c r="N3198" s="3"/>
      <c r="W3198" s="98"/>
      <c r="Z3198" s="143"/>
      <c r="AA3198" s="137"/>
      <c r="AB3198" s="137"/>
      <c r="AC3198" s="137"/>
      <c r="AD3198" s="137"/>
      <c r="AE3198" s="137"/>
      <c r="AF3198" s="137"/>
      <c r="AG3198" s="137"/>
      <c r="AH3198" s="137"/>
      <c r="AI3198" s="137"/>
      <c r="AJ3198" s="137"/>
      <c r="AK3198" s="206"/>
      <c r="AL3198" s="206"/>
      <c r="AM3198" s="143"/>
      <c r="AN3198" s="137"/>
      <c r="AO3198" s="137"/>
      <c r="AP3198" s="137"/>
      <c r="AQ3198" s="137"/>
      <c r="AR3198" s="137"/>
      <c r="AS3198" s="137"/>
      <c r="AT3198" s="137"/>
      <c r="AU3198" s="137"/>
      <c r="AV3198" s="137"/>
      <c r="AW3198" s="144"/>
    </row>
    <row r="3199" spans="2:49" x14ac:dyDescent="0.2">
      <c r="B3199" s="97"/>
      <c r="J3199" s="98"/>
      <c r="K3199" s="97"/>
      <c r="N3199" s="3"/>
      <c r="W3199" s="98"/>
      <c r="Z3199" s="143"/>
      <c r="AA3199" s="137"/>
      <c r="AB3199" s="137"/>
      <c r="AC3199" s="137"/>
      <c r="AD3199" s="137"/>
      <c r="AE3199" s="137"/>
      <c r="AF3199" s="137"/>
      <c r="AG3199" s="137"/>
      <c r="AH3199" s="137"/>
      <c r="AI3199" s="137"/>
      <c r="AJ3199" s="137"/>
      <c r="AK3199" s="206"/>
      <c r="AL3199" s="206"/>
      <c r="AM3199" s="143"/>
      <c r="AN3199" s="137"/>
      <c r="AO3199" s="137"/>
      <c r="AP3199" s="137"/>
      <c r="AQ3199" s="137"/>
      <c r="AR3199" s="137"/>
      <c r="AS3199" s="137"/>
      <c r="AT3199" s="137"/>
      <c r="AU3199" s="137"/>
      <c r="AV3199" s="137"/>
      <c r="AW3199" s="144"/>
    </row>
    <row r="3200" spans="2:49" x14ac:dyDescent="0.2">
      <c r="B3200" s="97"/>
      <c r="J3200" s="98"/>
      <c r="K3200" s="97"/>
      <c r="N3200" s="3"/>
      <c r="W3200" s="98"/>
      <c r="Z3200" s="143"/>
      <c r="AA3200" s="137"/>
      <c r="AB3200" s="137"/>
      <c r="AC3200" s="137"/>
      <c r="AD3200" s="137"/>
      <c r="AE3200" s="137"/>
      <c r="AF3200" s="137"/>
      <c r="AG3200" s="137"/>
      <c r="AH3200" s="137"/>
      <c r="AI3200" s="137"/>
      <c r="AJ3200" s="137"/>
      <c r="AK3200" s="206"/>
      <c r="AL3200" s="206"/>
      <c r="AM3200" s="143"/>
      <c r="AN3200" s="137"/>
      <c r="AO3200" s="137"/>
      <c r="AP3200" s="137"/>
      <c r="AQ3200" s="137"/>
      <c r="AR3200" s="137"/>
      <c r="AS3200" s="137"/>
      <c r="AT3200" s="137"/>
      <c r="AU3200" s="137"/>
      <c r="AV3200" s="137"/>
      <c r="AW3200" s="144"/>
    </row>
    <row r="3201" spans="2:49" x14ac:dyDescent="0.2">
      <c r="B3201" s="97"/>
      <c r="J3201" s="98"/>
      <c r="K3201" s="97"/>
      <c r="N3201" s="3"/>
      <c r="W3201" s="98"/>
      <c r="Z3201" s="143"/>
      <c r="AA3201" s="137"/>
      <c r="AB3201" s="137"/>
      <c r="AC3201" s="137"/>
      <c r="AD3201" s="137"/>
      <c r="AE3201" s="137"/>
      <c r="AF3201" s="137"/>
      <c r="AG3201" s="137"/>
      <c r="AH3201" s="137"/>
      <c r="AI3201" s="137"/>
      <c r="AJ3201" s="137"/>
      <c r="AK3201" s="206"/>
      <c r="AL3201" s="206"/>
      <c r="AM3201" s="143"/>
      <c r="AN3201" s="137"/>
      <c r="AO3201" s="137"/>
      <c r="AP3201" s="137"/>
      <c r="AQ3201" s="137"/>
      <c r="AR3201" s="137"/>
      <c r="AS3201" s="137"/>
      <c r="AT3201" s="137"/>
      <c r="AU3201" s="137"/>
      <c r="AV3201" s="137"/>
      <c r="AW3201" s="144"/>
    </row>
    <row r="3202" spans="2:49" x14ac:dyDescent="0.2">
      <c r="B3202" s="97"/>
      <c r="J3202" s="98"/>
      <c r="K3202" s="97"/>
      <c r="N3202" s="3"/>
      <c r="W3202" s="98"/>
      <c r="Z3202" s="143"/>
      <c r="AA3202" s="137"/>
      <c r="AB3202" s="137"/>
      <c r="AC3202" s="137"/>
      <c r="AD3202" s="137"/>
      <c r="AE3202" s="137"/>
      <c r="AF3202" s="137"/>
      <c r="AG3202" s="137"/>
      <c r="AH3202" s="137"/>
      <c r="AI3202" s="137"/>
      <c r="AJ3202" s="137"/>
      <c r="AK3202" s="206"/>
      <c r="AL3202" s="206"/>
      <c r="AM3202" s="143"/>
      <c r="AN3202" s="137"/>
      <c r="AO3202" s="137"/>
      <c r="AP3202" s="137"/>
      <c r="AQ3202" s="137"/>
      <c r="AR3202" s="137"/>
      <c r="AS3202" s="137"/>
      <c r="AT3202" s="137"/>
      <c r="AU3202" s="137"/>
      <c r="AV3202" s="137"/>
      <c r="AW3202" s="144"/>
    </row>
    <row r="3203" spans="2:49" x14ac:dyDescent="0.2">
      <c r="B3203" s="97"/>
      <c r="J3203" s="98"/>
      <c r="K3203" s="97"/>
      <c r="N3203" s="3"/>
      <c r="W3203" s="98"/>
      <c r="Z3203" s="143"/>
      <c r="AA3203" s="137"/>
      <c r="AB3203" s="137"/>
      <c r="AC3203" s="137"/>
      <c r="AD3203" s="137"/>
      <c r="AE3203" s="137"/>
      <c r="AF3203" s="137"/>
      <c r="AG3203" s="137"/>
      <c r="AH3203" s="137"/>
      <c r="AI3203" s="137"/>
      <c r="AJ3203" s="137"/>
      <c r="AK3203" s="206"/>
      <c r="AL3203" s="206"/>
      <c r="AM3203" s="143"/>
      <c r="AN3203" s="137"/>
      <c r="AO3203" s="137"/>
      <c r="AP3203" s="137"/>
      <c r="AQ3203" s="137"/>
      <c r="AR3203" s="137"/>
      <c r="AS3203" s="137"/>
      <c r="AT3203" s="137"/>
      <c r="AU3203" s="137"/>
      <c r="AV3203" s="137"/>
      <c r="AW3203" s="144"/>
    </row>
    <row r="3204" spans="2:49" x14ac:dyDescent="0.2">
      <c r="B3204" s="97"/>
      <c r="J3204" s="98"/>
      <c r="K3204" s="97"/>
      <c r="N3204" s="3"/>
      <c r="W3204" s="98"/>
      <c r="Z3204" s="143"/>
      <c r="AA3204" s="137"/>
      <c r="AB3204" s="137"/>
      <c r="AC3204" s="137"/>
      <c r="AD3204" s="137"/>
      <c r="AE3204" s="137"/>
      <c r="AF3204" s="137"/>
      <c r="AG3204" s="137"/>
      <c r="AH3204" s="137"/>
      <c r="AI3204" s="137"/>
      <c r="AJ3204" s="137"/>
      <c r="AK3204" s="206"/>
      <c r="AL3204" s="206"/>
      <c r="AM3204" s="143"/>
      <c r="AN3204" s="137"/>
      <c r="AO3204" s="137"/>
      <c r="AP3204" s="137"/>
      <c r="AQ3204" s="137"/>
      <c r="AR3204" s="137"/>
      <c r="AS3204" s="137"/>
      <c r="AT3204" s="137"/>
      <c r="AU3204" s="137"/>
      <c r="AV3204" s="137"/>
      <c r="AW3204" s="144"/>
    </row>
    <row r="3205" spans="2:49" x14ac:dyDescent="0.2">
      <c r="B3205" s="97"/>
      <c r="J3205" s="98"/>
      <c r="K3205" s="97"/>
      <c r="N3205" s="3"/>
      <c r="W3205" s="98"/>
      <c r="Z3205" s="143"/>
      <c r="AA3205" s="137"/>
      <c r="AB3205" s="137"/>
      <c r="AC3205" s="137"/>
      <c r="AD3205" s="137"/>
      <c r="AE3205" s="137"/>
      <c r="AF3205" s="137"/>
      <c r="AG3205" s="137"/>
      <c r="AH3205" s="137"/>
      <c r="AI3205" s="137"/>
      <c r="AJ3205" s="137"/>
      <c r="AK3205" s="206"/>
      <c r="AL3205" s="206"/>
      <c r="AM3205" s="143"/>
      <c r="AN3205" s="137"/>
      <c r="AO3205" s="137"/>
      <c r="AP3205" s="137"/>
      <c r="AQ3205" s="137"/>
      <c r="AR3205" s="137"/>
      <c r="AS3205" s="137"/>
      <c r="AT3205" s="137"/>
      <c r="AU3205" s="137"/>
      <c r="AV3205" s="137"/>
      <c r="AW3205" s="144"/>
    </row>
    <row r="3206" spans="2:49" x14ac:dyDescent="0.2">
      <c r="B3206" s="97"/>
      <c r="J3206" s="98"/>
      <c r="K3206" s="97"/>
      <c r="N3206" s="3"/>
      <c r="W3206" s="98"/>
      <c r="Z3206" s="143"/>
      <c r="AA3206" s="137"/>
      <c r="AB3206" s="137"/>
      <c r="AC3206" s="137"/>
      <c r="AD3206" s="137"/>
      <c r="AE3206" s="137"/>
      <c r="AF3206" s="137"/>
      <c r="AG3206" s="137"/>
      <c r="AH3206" s="137"/>
      <c r="AI3206" s="137"/>
      <c r="AJ3206" s="137"/>
      <c r="AK3206" s="206"/>
      <c r="AL3206" s="206"/>
      <c r="AM3206" s="143"/>
      <c r="AN3206" s="137"/>
      <c r="AO3206" s="137"/>
      <c r="AP3206" s="137"/>
      <c r="AQ3206" s="137"/>
      <c r="AR3206" s="137"/>
      <c r="AS3206" s="137"/>
      <c r="AT3206" s="137"/>
      <c r="AU3206" s="137"/>
      <c r="AV3206" s="137"/>
      <c r="AW3206" s="144"/>
    </row>
    <row r="3207" spans="2:49" x14ac:dyDescent="0.2">
      <c r="B3207" s="97"/>
      <c r="J3207" s="98"/>
      <c r="K3207" s="97"/>
      <c r="N3207" s="3"/>
      <c r="W3207" s="98"/>
      <c r="Z3207" s="143"/>
      <c r="AA3207" s="137"/>
      <c r="AB3207" s="137"/>
      <c r="AC3207" s="137"/>
      <c r="AD3207" s="137"/>
      <c r="AE3207" s="137"/>
      <c r="AF3207" s="137"/>
      <c r="AG3207" s="137"/>
      <c r="AH3207" s="137"/>
      <c r="AI3207" s="137"/>
      <c r="AJ3207" s="137"/>
      <c r="AK3207" s="206"/>
      <c r="AL3207" s="206"/>
      <c r="AM3207" s="143"/>
      <c r="AN3207" s="137"/>
      <c r="AO3207" s="137"/>
      <c r="AP3207" s="137"/>
      <c r="AQ3207" s="137"/>
      <c r="AR3207" s="137"/>
      <c r="AS3207" s="137"/>
      <c r="AT3207" s="137"/>
      <c r="AU3207" s="137"/>
      <c r="AV3207" s="137"/>
      <c r="AW3207" s="144"/>
    </row>
    <row r="3208" spans="2:49" x14ac:dyDescent="0.2">
      <c r="B3208" s="97"/>
      <c r="J3208" s="98"/>
      <c r="K3208" s="97"/>
      <c r="N3208" s="3"/>
      <c r="W3208" s="98"/>
      <c r="Z3208" s="143"/>
      <c r="AA3208" s="137"/>
      <c r="AB3208" s="137"/>
      <c r="AC3208" s="137"/>
      <c r="AD3208" s="137"/>
      <c r="AE3208" s="137"/>
      <c r="AF3208" s="137"/>
      <c r="AG3208" s="137"/>
      <c r="AH3208" s="137"/>
      <c r="AI3208" s="137"/>
      <c r="AJ3208" s="137"/>
      <c r="AK3208" s="206"/>
      <c r="AL3208" s="206"/>
      <c r="AM3208" s="143"/>
      <c r="AN3208" s="137"/>
      <c r="AO3208" s="137"/>
      <c r="AP3208" s="137"/>
      <c r="AQ3208" s="137"/>
      <c r="AR3208" s="137"/>
      <c r="AS3208" s="137"/>
      <c r="AT3208" s="137"/>
      <c r="AU3208" s="137"/>
      <c r="AV3208" s="137"/>
      <c r="AW3208" s="144"/>
    </row>
    <row r="3209" spans="2:49" x14ac:dyDescent="0.2">
      <c r="B3209" s="97"/>
      <c r="J3209" s="98"/>
      <c r="K3209" s="97"/>
      <c r="N3209" s="3"/>
      <c r="W3209" s="98"/>
      <c r="Z3209" s="143"/>
      <c r="AA3209" s="137"/>
      <c r="AB3209" s="137"/>
      <c r="AC3209" s="137"/>
      <c r="AD3209" s="137"/>
      <c r="AE3209" s="137"/>
      <c r="AF3209" s="137"/>
      <c r="AG3209" s="137"/>
      <c r="AH3209" s="137"/>
      <c r="AI3209" s="137"/>
      <c r="AJ3209" s="137"/>
      <c r="AK3209" s="206"/>
      <c r="AL3209" s="206"/>
      <c r="AM3209" s="143"/>
      <c r="AN3209" s="137"/>
      <c r="AO3209" s="137"/>
      <c r="AP3209" s="137"/>
      <c r="AQ3209" s="137"/>
      <c r="AR3209" s="137"/>
      <c r="AS3209" s="137"/>
      <c r="AT3209" s="137"/>
      <c r="AU3209" s="137"/>
      <c r="AV3209" s="137"/>
      <c r="AW3209" s="144"/>
    </row>
    <row r="3210" spans="2:49" x14ac:dyDescent="0.2">
      <c r="B3210" s="97"/>
      <c r="J3210" s="98"/>
      <c r="K3210" s="97"/>
      <c r="N3210" s="3"/>
      <c r="W3210" s="98"/>
      <c r="Z3210" s="143"/>
      <c r="AA3210" s="137"/>
      <c r="AB3210" s="137"/>
      <c r="AC3210" s="137"/>
      <c r="AD3210" s="137"/>
      <c r="AE3210" s="137"/>
      <c r="AF3210" s="137"/>
      <c r="AG3210" s="137"/>
      <c r="AH3210" s="137"/>
      <c r="AI3210" s="137"/>
      <c r="AJ3210" s="137"/>
      <c r="AK3210" s="206"/>
      <c r="AL3210" s="206"/>
      <c r="AM3210" s="143"/>
      <c r="AN3210" s="137"/>
      <c r="AO3210" s="137"/>
      <c r="AP3210" s="137"/>
      <c r="AQ3210" s="137"/>
      <c r="AR3210" s="137"/>
      <c r="AS3210" s="137"/>
      <c r="AT3210" s="137"/>
      <c r="AU3210" s="137"/>
      <c r="AV3210" s="137"/>
      <c r="AW3210" s="144"/>
    </row>
    <row r="3211" spans="2:49" x14ac:dyDescent="0.2">
      <c r="B3211" s="97"/>
      <c r="J3211" s="98"/>
      <c r="K3211" s="97"/>
      <c r="N3211" s="3"/>
      <c r="W3211" s="98"/>
      <c r="Z3211" s="143"/>
      <c r="AA3211" s="137"/>
      <c r="AB3211" s="137"/>
      <c r="AC3211" s="137"/>
      <c r="AD3211" s="137"/>
      <c r="AE3211" s="137"/>
      <c r="AF3211" s="137"/>
      <c r="AG3211" s="137"/>
      <c r="AH3211" s="137"/>
      <c r="AI3211" s="137"/>
      <c r="AJ3211" s="137"/>
      <c r="AK3211" s="206"/>
      <c r="AL3211" s="206"/>
      <c r="AM3211" s="143"/>
      <c r="AN3211" s="137"/>
      <c r="AO3211" s="137"/>
      <c r="AP3211" s="137"/>
      <c r="AQ3211" s="137"/>
      <c r="AR3211" s="137"/>
      <c r="AS3211" s="137"/>
      <c r="AT3211" s="137"/>
      <c r="AU3211" s="137"/>
      <c r="AV3211" s="137"/>
      <c r="AW3211" s="144"/>
    </row>
    <row r="3212" spans="2:49" x14ac:dyDescent="0.2">
      <c r="B3212" s="97"/>
      <c r="J3212" s="98"/>
      <c r="K3212" s="97"/>
      <c r="N3212" s="3"/>
      <c r="W3212" s="98"/>
      <c r="Z3212" s="143"/>
      <c r="AA3212" s="137"/>
      <c r="AB3212" s="137"/>
      <c r="AC3212" s="137"/>
      <c r="AD3212" s="137"/>
      <c r="AE3212" s="137"/>
      <c r="AF3212" s="137"/>
      <c r="AG3212" s="137"/>
      <c r="AH3212" s="137"/>
      <c r="AI3212" s="137"/>
      <c r="AJ3212" s="137"/>
      <c r="AK3212" s="206"/>
      <c r="AL3212" s="206"/>
      <c r="AM3212" s="143"/>
      <c r="AN3212" s="137"/>
      <c r="AO3212" s="137"/>
      <c r="AP3212" s="137"/>
      <c r="AQ3212" s="137"/>
      <c r="AR3212" s="137"/>
      <c r="AS3212" s="137"/>
      <c r="AT3212" s="137"/>
      <c r="AU3212" s="137"/>
      <c r="AV3212" s="137"/>
      <c r="AW3212" s="144"/>
    </row>
    <row r="3213" spans="2:49" x14ac:dyDescent="0.2">
      <c r="B3213" s="97"/>
      <c r="J3213" s="98"/>
      <c r="K3213" s="97"/>
      <c r="N3213" s="3"/>
      <c r="W3213" s="98"/>
      <c r="Z3213" s="143"/>
      <c r="AA3213" s="137"/>
      <c r="AB3213" s="137"/>
      <c r="AC3213" s="137"/>
      <c r="AD3213" s="137"/>
      <c r="AE3213" s="137"/>
      <c r="AF3213" s="137"/>
      <c r="AG3213" s="137"/>
      <c r="AH3213" s="137"/>
      <c r="AI3213" s="137"/>
      <c r="AJ3213" s="137"/>
      <c r="AK3213" s="206"/>
      <c r="AL3213" s="206"/>
      <c r="AM3213" s="143"/>
      <c r="AN3213" s="137"/>
      <c r="AO3213" s="137"/>
      <c r="AP3213" s="137"/>
      <c r="AQ3213" s="137"/>
      <c r="AR3213" s="137"/>
      <c r="AS3213" s="137"/>
      <c r="AT3213" s="137"/>
      <c r="AU3213" s="137"/>
      <c r="AV3213" s="137"/>
      <c r="AW3213" s="144"/>
    </row>
    <row r="3214" spans="2:49" x14ac:dyDescent="0.2">
      <c r="B3214" s="97"/>
      <c r="J3214" s="98"/>
      <c r="K3214" s="97"/>
      <c r="N3214" s="3"/>
      <c r="W3214" s="98"/>
      <c r="Z3214" s="143"/>
      <c r="AA3214" s="137"/>
      <c r="AB3214" s="137"/>
      <c r="AC3214" s="137"/>
      <c r="AD3214" s="137"/>
      <c r="AE3214" s="137"/>
      <c r="AF3214" s="137"/>
      <c r="AG3214" s="137"/>
      <c r="AH3214" s="137"/>
      <c r="AI3214" s="137"/>
      <c r="AJ3214" s="137"/>
      <c r="AK3214" s="206"/>
      <c r="AL3214" s="206"/>
      <c r="AM3214" s="143"/>
      <c r="AN3214" s="137"/>
      <c r="AO3214" s="137"/>
      <c r="AP3214" s="137"/>
      <c r="AQ3214" s="137"/>
      <c r="AR3214" s="137"/>
      <c r="AS3214" s="137"/>
      <c r="AT3214" s="137"/>
      <c r="AU3214" s="137"/>
      <c r="AV3214" s="137"/>
      <c r="AW3214" s="144"/>
    </row>
    <row r="3215" spans="2:49" x14ac:dyDescent="0.2">
      <c r="B3215" s="97"/>
      <c r="J3215" s="98"/>
      <c r="K3215" s="97"/>
      <c r="N3215" s="3"/>
      <c r="W3215" s="98"/>
      <c r="Z3215" s="143"/>
      <c r="AA3215" s="137"/>
      <c r="AB3215" s="137"/>
      <c r="AC3215" s="137"/>
      <c r="AD3215" s="137"/>
      <c r="AE3215" s="137"/>
      <c r="AF3215" s="137"/>
      <c r="AG3215" s="137"/>
      <c r="AH3215" s="137"/>
      <c r="AI3215" s="137"/>
      <c r="AJ3215" s="137"/>
      <c r="AK3215" s="206"/>
      <c r="AL3215" s="206"/>
      <c r="AM3215" s="143"/>
      <c r="AN3215" s="137"/>
      <c r="AO3215" s="137"/>
      <c r="AP3215" s="137"/>
      <c r="AQ3215" s="137"/>
      <c r="AR3215" s="137"/>
      <c r="AS3215" s="137"/>
      <c r="AT3215" s="137"/>
      <c r="AU3215" s="137"/>
      <c r="AV3215" s="137"/>
      <c r="AW3215" s="144"/>
    </row>
    <row r="3216" spans="2:49" x14ac:dyDescent="0.2">
      <c r="B3216" s="97"/>
      <c r="J3216" s="98"/>
      <c r="K3216" s="97"/>
      <c r="N3216" s="3"/>
      <c r="W3216" s="98"/>
      <c r="Z3216" s="143"/>
      <c r="AA3216" s="137"/>
      <c r="AB3216" s="137"/>
      <c r="AC3216" s="137"/>
      <c r="AD3216" s="137"/>
      <c r="AE3216" s="137"/>
      <c r="AF3216" s="137"/>
      <c r="AG3216" s="137"/>
      <c r="AH3216" s="137"/>
      <c r="AI3216" s="137"/>
      <c r="AJ3216" s="137"/>
      <c r="AK3216" s="206"/>
      <c r="AL3216" s="206"/>
      <c r="AM3216" s="143"/>
      <c r="AN3216" s="137"/>
      <c r="AO3216" s="137"/>
      <c r="AP3216" s="137"/>
      <c r="AQ3216" s="137"/>
      <c r="AR3216" s="137"/>
      <c r="AS3216" s="137"/>
      <c r="AT3216" s="137"/>
      <c r="AU3216" s="137"/>
      <c r="AV3216" s="137"/>
      <c r="AW3216" s="144"/>
    </row>
    <row r="3217" spans="2:49" x14ac:dyDescent="0.2">
      <c r="B3217" s="97"/>
      <c r="J3217" s="98"/>
      <c r="K3217" s="97"/>
      <c r="N3217" s="3"/>
      <c r="W3217" s="98"/>
      <c r="Z3217" s="143"/>
      <c r="AA3217" s="137"/>
      <c r="AB3217" s="137"/>
      <c r="AC3217" s="137"/>
      <c r="AD3217" s="137"/>
      <c r="AE3217" s="137"/>
      <c r="AF3217" s="137"/>
      <c r="AG3217" s="137"/>
      <c r="AH3217" s="137"/>
      <c r="AI3217" s="137"/>
      <c r="AJ3217" s="137"/>
      <c r="AK3217" s="206"/>
      <c r="AL3217" s="206"/>
      <c r="AM3217" s="143"/>
      <c r="AN3217" s="137"/>
      <c r="AO3217" s="137"/>
      <c r="AP3217" s="137"/>
      <c r="AQ3217" s="137"/>
      <c r="AR3217" s="137"/>
      <c r="AS3217" s="137"/>
      <c r="AT3217" s="137"/>
      <c r="AU3217" s="137"/>
      <c r="AV3217" s="137"/>
      <c r="AW3217" s="144"/>
    </row>
    <row r="3218" spans="2:49" x14ac:dyDescent="0.2">
      <c r="B3218" s="97"/>
      <c r="J3218" s="98"/>
      <c r="K3218" s="97"/>
      <c r="N3218" s="3"/>
      <c r="W3218" s="98"/>
      <c r="Z3218" s="143"/>
      <c r="AA3218" s="137"/>
      <c r="AB3218" s="137"/>
      <c r="AC3218" s="137"/>
      <c r="AD3218" s="137"/>
      <c r="AE3218" s="137"/>
      <c r="AF3218" s="137"/>
      <c r="AG3218" s="137"/>
      <c r="AH3218" s="137"/>
      <c r="AI3218" s="137"/>
      <c r="AJ3218" s="137"/>
      <c r="AK3218" s="206"/>
      <c r="AL3218" s="206"/>
      <c r="AM3218" s="143"/>
      <c r="AN3218" s="137"/>
      <c r="AO3218" s="137"/>
      <c r="AP3218" s="137"/>
      <c r="AQ3218" s="137"/>
      <c r="AR3218" s="137"/>
      <c r="AS3218" s="137"/>
      <c r="AT3218" s="137"/>
      <c r="AU3218" s="137"/>
      <c r="AV3218" s="137"/>
      <c r="AW3218" s="144"/>
    </row>
    <row r="3219" spans="2:49" x14ac:dyDescent="0.2">
      <c r="B3219" s="97"/>
      <c r="J3219" s="98"/>
      <c r="K3219" s="97"/>
      <c r="N3219" s="3"/>
      <c r="W3219" s="98"/>
      <c r="Z3219" s="143"/>
      <c r="AA3219" s="137"/>
      <c r="AB3219" s="137"/>
      <c r="AC3219" s="137"/>
      <c r="AD3219" s="137"/>
      <c r="AE3219" s="137"/>
      <c r="AF3219" s="137"/>
      <c r="AG3219" s="137"/>
      <c r="AH3219" s="137"/>
      <c r="AI3219" s="137"/>
      <c r="AJ3219" s="137"/>
      <c r="AK3219" s="206"/>
      <c r="AL3219" s="206"/>
      <c r="AM3219" s="143"/>
      <c r="AN3219" s="137"/>
      <c r="AO3219" s="137"/>
      <c r="AP3219" s="137"/>
      <c r="AQ3219" s="137"/>
      <c r="AR3219" s="137"/>
      <c r="AS3219" s="137"/>
      <c r="AT3219" s="137"/>
      <c r="AU3219" s="137"/>
      <c r="AV3219" s="137"/>
      <c r="AW3219" s="144"/>
    </row>
    <row r="3220" spans="2:49" x14ac:dyDescent="0.2">
      <c r="B3220" s="97"/>
      <c r="J3220" s="98"/>
      <c r="K3220" s="97"/>
      <c r="N3220" s="3"/>
      <c r="W3220" s="98"/>
      <c r="Z3220" s="143"/>
      <c r="AA3220" s="137"/>
      <c r="AB3220" s="137"/>
      <c r="AC3220" s="137"/>
      <c r="AD3220" s="137"/>
      <c r="AE3220" s="137"/>
      <c r="AF3220" s="137"/>
      <c r="AG3220" s="137"/>
      <c r="AH3220" s="137"/>
      <c r="AI3220" s="137"/>
      <c r="AJ3220" s="137"/>
      <c r="AK3220" s="206"/>
      <c r="AL3220" s="206"/>
      <c r="AM3220" s="143"/>
      <c r="AN3220" s="137"/>
      <c r="AO3220" s="137"/>
      <c r="AP3220" s="137"/>
      <c r="AQ3220" s="137"/>
      <c r="AR3220" s="137"/>
      <c r="AS3220" s="137"/>
      <c r="AT3220" s="137"/>
      <c r="AU3220" s="137"/>
      <c r="AV3220" s="137"/>
      <c r="AW3220" s="144"/>
    </row>
    <row r="3221" spans="2:49" x14ac:dyDescent="0.2">
      <c r="B3221" s="97"/>
      <c r="J3221" s="98"/>
      <c r="K3221" s="97"/>
      <c r="N3221" s="3"/>
      <c r="W3221" s="98"/>
      <c r="Z3221" s="143"/>
      <c r="AA3221" s="137"/>
      <c r="AB3221" s="137"/>
      <c r="AC3221" s="137"/>
      <c r="AD3221" s="137"/>
      <c r="AE3221" s="137"/>
      <c r="AF3221" s="137"/>
      <c r="AG3221" s="137"/>
      <c r="AH3221" s="137"/>
      <c r="AI3221" s="137"/>
      <c r="AJ3221" s="137"/>
      <c r="AK3221" s="206"/>
      <c r="AL3221" s="206"/>
      <c r="AM3221" s="143"/>
      <c r="AN3221" s="137"/>
      <c r="AO3221" s="137"/>
      <c r="AP3221" s="137"/>
      <c r="AQ3221" s="137"/>
      <c r="AR3221" s="137"/>
      <c r="AS3221" s="137"/>
      <c r="AT3221" s="137"/>
      <c r="AU3221" s="137"/>
      <c r="AV3221" s="137"/>
      <c r="AW3221" s="144"/>
    </row>
    <row r="3222" spans="2:49" x14ac:dyDescent="0.2">
      <c r="B3222" s="97"/>
      <c r="J3222" s="98"/>
      <c r="K3222" s="97"/>
      <c r="N3222" s="3"/>
      <c r="W3222" s="98"/>
      <c r="Z3222" s="143"/>
      <c r="AA3222" s="137"/>
      <c r="AB3222" s="137"/>
      <c r="AC3222" s="137"/>
      <c r="AD3222" s="137"/>
      <c r="AE3222" s="137"/>
      <c r="AF3222" s="137"/>
      <c r="AG3222" s="137"/>
      <c r="AH3222" s="137"/>
      <c r="AI3222" s="137"/>
      <c r="AJ3222" s="137"/>
      <c r="AK3222" s="206"/>
      <c r="AL3222" s="206"/>
      <c r="AM3222" s="143"/>
      <c r="AN3222" s="137"/>
      <c r="AO3222" s="137"/>
      <c r="AP3222" s="137"/>
      <c r="AQ3222" s="137"/>
      <c r="AR3222" s="137"/>
      <c r="AS3222" s="137"/>
      <c r="AT3222" s="137"/>
      <c r="AU3222" s="137"/>
      <c r="AV3222" s="137"/>
      <c r="AW3222" s="144"/>
    </row>
    <row r="3223" spans="2:49" x14ac:dyDescent="0.2">
      <c r="B3223" s="97"/>
      <c r="J3223" s="98"/>
      <c r="K3223" s="97"/>
      <c r="N3223" s="3"/>
      <c r="W3223" s="98"/>
      <c r="Z3223" s="143"/>
      <c r="AA3223" s="137"/>
      <c r="AB3223" s="137"/>
      <c r="AC3223" s="137"/>
      <c r="AD3223" s="137"/>
      <c r="AE3223" s="137"/>
      <c r="AF3223" s="137"/>
      <c r="AG3223" s="137"/>
      <c r="AH3223" s="137"/>
      <c r="AI3223" s="137"/>
      <c r="AJ3223" s="137"/>
      <c r="AK3223" s="206"/>
      <c r="AL3223" s="206"/>
      <c r="AM3223" s="143"/>
      <c r="AN3223" s="137"/>
      <c r="AO3223" s="137"/>
      <c r="AP3223" s="137"/>
      <c r="AQ3223" s="137"/>
      <c r="AR3223" s="137"/>
      <c r="AS3223" s="137"/>
      <c r="AT3223" s="137"/>
      <c r="AU3223" s="137"/>
      <c r="AV3223" s="137"/>
      <c r="AW3223" s="144"/>
    </row>
    <row r="3224" spans="2:49" x14ac:dyDescent="0.2">
      <c r="B3224" s="97"/>
      <c r="J3224" s="98"/>
      <c r="K3224" s="97"/>
      <c r="N3224" s="3"/>
      <c r="W3224" s="98"/>
      <c r="Z3224" s="143"/>
      <c r="AA3224" s="137"/>
      <c r="AB3224" s="137"/>
      <c r="AC3224" s="137"/>
      <c r="AD3224" s="137"/>
      <c r="AE3224" s="137"/>
      <c r="AF3224" s="137"/>
      <c r="AG3224" s="137"/>
      <c r="AH3224" s="137"/>
      <c r="AI3224" s="137"/>
      <c r="AJ3224" s="137"/>
      <c r="AK3224" s="206"/>
      <c r="AL3224" s="206"/>
      <c r="AM3224" s="143"/>
      <c r="AN3224" s="137"/>
      <c r="AO3224" s="137"/>
      <c r="AP3224" s="137"/>
      <c r="AQ3224" s="137"/>
      <c r="AR3224" s="137"/>
      <c r="AS3224" s="137"/>
      <c r="AT3224" s="137"/>
      <c r="AU3224" s="137"/>
      <c r="AV3224" s="137"/>
      <c r="AW3224" s="144"/>
    </row>
    <row r="3225" spans="2:49" x14ac:dyDescent="0.2">
      <c r="B3225" s="97"/>
      <c r="J3225" s="98"/>
      <c r="K3225" s="97"/>
      <c r="N3225" s="3"/>
      <c r="W3225" s="98"/>
      <c r="Z3225" s="143"/>
      <c r="AA3225" s="137"/>
      <c r="AB3225" s="137"/>
      <c r="AC3225" s="137"/>
      <c r="AD3225" s="137"/>
      <c r="AE3225" s="137"/>
      <c r="AF3225" s="137"/>
      <c r="AG3225" s="137"/>
      <c r="AH3225" s="137"/>
      <c r="AI3225" s="137"/>
      <c r="AJ3225" s="137"/>
      <c r="AK3225" s="206"/>
      <c r="AL3225" s="206"/>
      <c r="AM3225" s="143"/>
      <c r="AN3225" s="137"/>
      <c r="AO3225" s="137"/>
      <c r="AP3225" s="137"/>
      <c r="AQ3225" s="137"/>
      <c r="AR3225" s="137"/>
      <c r="AS3225" s="137"/>
      <c r="AT3225" s="137"/>
      <c r="AU3225" s="137"/>
      <c r="AV3225" s="137"/>
      <c r="AW3225" s="144"/>
    </row>
    <row r="3226" spans="2:49" x14ac:dyDescent="0.2">
      <c r="B3226" s="97"/>
      <c r="J3226" s="98"/>
      <c r="K3226" s="97"/>
      <c r="N3226" s="3"/>
      <c r="W3226" s="98"/>
      <c r="Z3226" s="143"/>
      <c r="AA3226" s="137"/>
      <c r="AB3226" s="137"/>
      <c r="AC3226" s="137"/>
      <c r="AD3226" s="137"/>
      <c r="AE3226" s="137"/>
      <c r="AF3226" s="137"/>
      <c r="AG3226" s="137"/>
      <c r="AH3226" s="137"/>
      <c r="AI3226" s="137"/>
      <c r="AJ3226" s="137"/>
      <c r="AK3226" s="206"/>
      <c r="AL3226" s="206"/>
      <c r="AM3226" s="143"/>
      <c r="AN3226" s="137"/>
      <c r="AO3226" s="137"/>
      <c r="AP3226" s="137"/>
      <c r="AQ3226" s="137"/>
      <c r="AR3226" s="137"/>
      <c r="AS3226" s="137"/>
      <c r="AT3226" s="137"/>
      <c r="AU3226" s="137"/>
      <c r="AV3226" s="137"/>
      <c r="AW3226" s="144"/>
    </row>
    <row r="3227" spans="2:49" x14ac:dyDescent="0.2">
      <c r="B3227" s="97"/>
      <c r="J3227" s="98"/>
      <c r="K3227" s="97"/>
      <c r="N3227" s="3"/>
      <c r="W3227" s="98"/>
      <c r="Z3227" s="143"/>
      <c r="AA3227" s="137"/>
      <c r="AB3227" s="137"/>
      <c r="AC3227" s="137"/>
      <c r="AD3227" s="137"/>
      <c r="AE3227" s="137"/>
      <c r="AF3227" s="137"/>
      <c r="AG3227" s="137"/>
      <c r="AH3227" s="137"/>
      <c r="AI3227" s="137"/>
      <c r="AJ3227" s="137"/>
      <c r="AK3227" s="206"/>
      <c r="AL3227" s="206"/>
      <c r="AM3227" s="143"/>
      <c r="AN3227" s="137"/>
      <c r="AO3227" s="137"/>
      <c r="AP3227" s="137"/>
      <c r="AQ3227" s="137"/>
      <c r="AR3227" s="137"/>
      <c r="AS3227" s="137"/>
      <c r="AT3227" s="137"/>
      <c r="AU3227" s="137"/>
      <c r="AV3227" s="137"/>
      <c r="AW3227" s="144"/>
    </row>
    <row r="3228" spans="2:49" x14ac:dyDescent="0.2">
      <c r="B3228" s="97"/>
      <c r="J3228" s="98"/>
      <c r="K3228" s="97"/>
      <c r="N3228" s="3"/>
      <c r="W3228" s="98"/>
      <c r="Z3228" s="143"/>
      <c r="AA3228" s="137"/>
      <c r="AB3228" s="137"/>
      <c r="AC3228" s="137"/>
      <c r="AD3228" s="137"/>
      <c r="AE3228" s="137"/>
      <c r="AF3228" s="137"/>
      <c r="AG3228" s="137"/>
      <c r="AH3228" s="137"/>
      <c r="AI3228" s="137"/>
      <c r="AJ3228" s="137"/>
      <c r="AK3228" s="206"/>
      <c r="AL3228" s="206"/>
      <c r="AM3228" s="143"/>
      <c r="AN3228" s="137"/>
      <c r="AO3228" s="137"/>
      <c r="AP3228" s="137"/>
      <c r="AQ3228" s="137"/>
      <c r="AR3228" s="137"/>
      <c r="AS3228" s="137"/>
      <c r="AT3228" s="137"/>
      <c r="AU3228" s="137"/>
      <c r="AV3228" s="137"/>
      <c r="AW3228" s="144"/>
    </row>
    <row r="3229" spans="2:49" x14ac:dyDescent="0.2">
      <c r="B3229" s="97"/>
      <c r="J3229" s="98"/>
      <c r="K3229" s="97"/>
      <c r="N3229" s="3"/>
      <c r="W3229" s="98"/>
      <c r="Z3229" s="143"/>
      <c r="AA3229" s="137"/>
      <c r="AB3229" s="137"/>
      <c r="AC3229" s="137"/>
      <c r="AD3229" s="137"/>
      <c r="AE3229" s="137"/>
      <c r="AF3229" s="137"/>
      <c r="AG3229" s="137"/>
      <c r="AH3229" s="137"/>
      <c r="AI3229" s="137"/>
      <c r="AJ3229" s="137"/>
      <c r="AK3229" s="206"/>
      <c r="AL3229" s="206"/>
      <c r="AM3229" s="143"/>
      <c r="AN3229" s="137"/>
      <c r="AO3229" s="137"/>
      <c r="AP3229" s="137"/>
      <c r="AQ3229" s="137"/>
      <c r="AR3229" s="137"/>
      <c r="AS3229" s="137"/>
      <c r="AT3229" s="137"/>
      <c r="AU3229" s="137"/>
      <c r="AV3229" s="137"/>
      <c r="AW3229" s="144"/>
    </row>
    <row r="3230" spans="2:49" x14ac:dyDescent="0.2">
      <c r="B3230" s="97"/>
      <c r="J3230" s="98"/>
      <c r="K3230" s="97"/>
      <c r="N3230" s="3"/>
      <c r="W3230" s="98"/>
      <c r="Z3230" s="143"/>
      <c r="AA3230" s="137"/>
      <c r="AB3230" s="137"/>
      <c r="AC3230" s="137"/>
      <c r="AD3230" s="137"/>
      <c r="AE3230" s="137"/>
      <c r="AF3230" s="137"/>
      <c r="AG3230" s="137"/>
      <c r="AH3230" s="137"/>
      <c r="AI3230" s="137"/>
      <c r="AJ3230" s="137"/>
      <c r="AK3230" s="206"/>
      <c r="AL3230" s="206"/>
      <c r="AM3230" s="143"/>
      <c r="AN3230" s="137"/>
      <c r="AO3230" s="137"/>
      <c r="AP3230" s="137"/>
      <c r="AQ3230" s="137"/>
      <c r="AR3230" s="137"/>
      <c r="AS3230" s="137"/>
      <c r="AT3230" s="137"/>
      <c r="AU3230" s="137"/>
      <c r="AV3230" s="137"/>
      <c r="AW3230" s="144"/>
    </row>
    <row r="3231" spans="2:49" x14ac:dyDescent="0.2">
      <c r="B3231" s="97"/>
      <c r="J3231" s="98"/>
      <c r="K3231" s="97"/>
      <c r="N3231" s="3"/>
      <c r="W3231" s="98"/>
      <c r="Z3231" s="143"/>
      <c r="AA3231" s="137"/>
      <c r="AB3231" s="137"/>
      <c r="AC3231" s="137"/>
      <c r="AD3231" s="137"/>
      <c r="AE3231" s="137"/>
      <c r="AF3231" s="137"/>
      <c r="AG3231" s="137"/>
      <c r="AH3231" s="137"/>
      <c r="AI3231" s="137"/>
      <c r="AJ3231" s="137"/>
      <c r="AK3231" s="206"/>
      <c r="AL3231" s="206"/>
      <c r="AM3231" s="143"/>
      <c r="AN3231" s="137"/>
      <c r="AO3231" s="137"/>
      <c r="AP3231" s="137"/>
      <c r="AQ3231" s="137"/>
      <c r="AR3231" s="137"/>
      <c r="AS3231" s="137"/>
      <c r="AT3231" s="137"/>
      <c r="AU3231" s="137"/>
      <c r="AV3231" s="137"/>
      <c r="AW3231" s="144"/>
    </row>
    <row r="3232" spans="2:49" x14ac:dyDescent="0.2">
      <c r="B3232" s="97"/>
      <c r="J3232" s="98"/>
      <c r="K3232" s="97"/>
      <c r="N3232" s="3"/>
      <c r="W3232" s="98"/>
      <c r="Z3232" s="143"/>
      <c r="AA3232" s="137"/>
      <c r="AB3232" s="137"/>
      <c r="AC3232" s="137"/>
      <c r="AD3232" s="137"/>
      <c r="AE3232" s="137"/>
      <c r="AF3232" s="137"/>
      <c r="AG3232" s="137"/>
      <c r="AH3232" s="137"/>
      <c r="AI3232" s="137"/>
      <c r="AJ3232" s="137"/>
      <c r="AK3232" s="206"/>
      <c r="AL3232" s="206"/>
      <c r="AM3232" s="143"/>
      <c r="AN3232" s="137"/>
      <c r="AO3232" s="137"/>
      <c r="AP3232" s="137"/>
      <c r="AQ3232" s="137"/>
      <c r="AR3232" s="137"/>
      <c r="AS3232" s="137"/>
      <c r="AT3232" s="137"/>
      <c r="AU3232" s="137"/>
      <c r="AV3232" s="137"/>
      <c r="AW3232" s="144"/>
    </row>
    <row r="3233" spans="2:49" x14ac:dyDescent="0.2">
      <c r="B3233" s="97"/>
      <c r="J3233" s="98"/>
      <c r="K3233" s="97"/>
      <c r="N3233" s="3"/>
      <c r="W3233" s="98"/>
      <c r="Z3233" s="143"/>
      <c r="AA3233" s="137"/>
      <c r="AB3233" s="137"/>
      <c r="AC3233" s="137"/>
      <c r="AD3233" s="137"/>
      <c r="AE3233" s="137"/>
      <c r="AF3233" s="137"/>
      <c r="AG3233" s="137"/>
      <c r="AH3233" s="137"/>
      <c r="AI3233" s="137"/>
      <c r="AJ3233" s="137"/>
      <c r="AK3233" s="206"/>
      <c r="AL3233" s="206"/>
      <c r="AM3233" s="143"/>
      <c r="AN3233" s="137"/>
      <c r="AO3233" s="137"/>
      <c r="AP3233" s="137"/>
      <c r="AQ3233" s="137"/>
      <c r="AR3233" s="137"/>
      <c r="AS3233" s="137"/>
      <c r="AT3233" s="137"/>
      <c r="AU3233" s="137"/>
      <c r="AV3233" s="137"/>
      <c r="AW3233" s="144"/>
    </row>
    <row r="3234" spans="2:49" x14ac:dyDescent="0.2">
      <c r="B3234" s="97"/>
      <c r="J3234" s="98"/>
      <c r="K3234" s="97"/>
      <c r="N3234" s="3"/>
      <c r="W3234" s="98"/>
      <c r="Z3234" s="143"/>
      <c r="AA3234" s="137"/>
      <c r="AB3234" s="137"/>
      <c r="AC3234" s="137"/>
      <c r="AD3234" s="137"/>
      <c r="AE3234" s="137"/>
      <c r="AF3234" s="137"/>
      <c r="AG3234" s="137"/>
      <c r="AH3234" s="137"/>
      <c r="AI3234" s="137"/>
      <c r="AJ3234" s="137"/>
      <c r="AK3234" s="206"/>
      <c r="AL3234" s="206"/>
      <c r="AM3234" s="143"/>
      <c r="AN3234" s="137"/>
      <c r="AO3234" s="137"/>
      <c r="AP3234" s="137"/>
      <c r="AQ3234" s="137"/>
      <c r="AR3234" s="137"/>
      <c r="AS3234" s="137"/>
      <c r="AT3234" s="137"/>
      <c r="AU3234" s="137"/>
      <c r="AV3234" s="137"/>
      <c r="AW3234" s="144"/>
    </row>
    <row r="3235" spans="2:49" x14ac:dyDescent="0.2">
      <c r="B3235" s="97"/>
      <c r="J3235" s="98"/>
      <c r="K3235" s="97"/>
      <c r="N3235" s="3"/>
      <c r="W3235" s="98"/>
      <c r="Z3235" s="143"/>
      <c r="AA3235" s="137"/>
      <c r="AB3235" s="137"/>
      <c r="AC3235" s="137"/>
      <c r="AD3235" s="137"/>
      <c r="AE3235" s="137"/>
      <c r="AF3235" s="137"/>
      <c r="AG3235" s="137"/>
      <c r="AH3235" s="137"/>
      <c r="AI3235" s="137"/>
      <c r="AJ3235" s="137"/>
      <c r="AK3235" s="206"/>
      <c r="AL3235" s="206"/>
      <c r="AM3235" s="143"/>
      <c r="AN3235" s="137"/>
      <c r="AO3235" s="137"/>
      <c r="AP3235" s="137"/>
      <c r="AQ3235" s="137"/>
      <c r="AR3235" s="137"/>
      <c r="AS3235" s="137"/>
      <c r="AT3235" s="137"/>
      <c r="AU3235" s="137"/>
      <c r="AV3235" s="137"/>
      <c r="AW3235" s="144"/>
    </row>
    <row r="3236" spans="2:49" x14ac:dyDescent="0.2">
      <c r="B3236" s="97"/>
      <c r="J3236" s="98"/>
      <c r="K3236" s="97"/>
      <c r="N3236" s="3"/>
      <c r="W3236" s="98"/>
      <c r="Z3236" s="143"/>
      <c r="AA3236" s="137"/>
      <c r="AB3236" s="137"/>
      <c r="AC3236" s="137"/>
      <c r="AD3236" s="137"/>
      <c r="AE3236" s="137"/>
      <c r="AF3236" s="137"/>
      <c r="AG3236" s="137"/>
      <c r="AH3236" s="137"/>
      <c r="AI3236" s="137"/>
      <c r="AJ3236" s="137"/>
      <c r="AK3236" s="206"/>
      <c r="AL3236" s="206"/>
      <c r="AM3236" s="143"/>
      <c r="AN3236" s="137"/>
      <c r="AO3236" s="137"/>
      <c r="AP3236" s="137"/>
      <c r="AQ3236" s="137"/>
      <c r="AR3236" s="137"/>
      <c r="AS3236" s="137"/>
      <c r="AT3236" s="137"/>
      <c r="AU3236" s="137"/>
      <c r="AV3236" s="137"/>
      <c r="AW3236" s="144"/>
    </row>
    <row r="3237" spans="2:49" x14ac:dyDescent="0.2">
      <c r="B3237" s="97"/>
      <c r="J3237" s="98"/>
      <c r="K3237" s="97"/>
      <c r="N3237" s="3"/>
      <c r="W3237" s="98"/>
      <c r="Z3237" s="143"/>
      <c r="AA3237" s="137"/>
      <c r="AB3237" s="137"/>
      <c r="AC3237" s="137"/>
      <c r="AD3237" s="137"/>
      <c r="AE3237" s="137"/>
      <c r="AF3237" s="137"/>
      <c r="AG3237" s="137"/>
      <c r="AH3237" s="137"/>
      <c r="AI3237" s="137"/>
      <c r="AJ3237" s="137"/>
      <c r="AK3237" s="206"/>
      <c r="AL3237" s="206"/>
      <c r="AM3237" s="143"/>
      <c r="AN3237" s="137"/>
      <c r="AO3237" s="137"/>
      <c r="AP3237" s="137"/>
      <c r="AQ3237" s="137"/>
      <c r="AR3237" s="137"/>
      <c r="AS3237" s="137"/>
      <c r="AT3237" s="137"/>
      <c r="AU3237" s="137"/>
      <c r="AV3237" s="137"/>
      <c r="AW3237" s="144"/>
    </row>
    <row r="3238" spans="2:49" x14ac:dyDescent="0.2">
      <c r="B3238" s="97"/>
      <c r="J3238" s="98"/>
      <c r="K3238" s="97"/>
      <c r="N3238" s="3"/>
      <c r="W3238" s="98"/>
      <c r="Z3238" s="143"/>
      <c r="AA3238" s="137"/>
      <c r="AB3238" s="137"/>
      <c r="AC3238" s="137"/>
      <c r="AD3238" s="137"/>
      <c r="AE3238" s="137"/>
      <c r="AF3238" s="137"/>
      <c r="AG3238" s="137"/>
      <c r="AH3238" s="137"/>
      <c r="AI3238" s="137"/>
      <c r="AJ3238" s="137"/>
      <c r="AK3238" s="206"/>
      <c r="AL3238" s="206"/>
      <c r="AM3238" s="143"/>
      <c r="AN3238" s="137"/>
      <c r="AO3238" s="137"/>
      <c r="AP3238" s="137"/>
      <c r="AQ3238" s="137"/>
      <c r="AR3238" s="137"/>
      <c r="AS3238" s="137"/>
      <c r="AT3238" s="137"/>
      <c r="AU3238" s="137"/>
      <c r="AV3238" s="137"/>
      <c r="AW3238" s="144"/>
    </row>
    <row r="3239" spans="2:49" x14ac:dyDescent="0.2">
      <c r="B3239" s="97"/>
      <c r="J3239" s="98"/>
      <c r="K3239" s="97"/>
      <c r="N3239" s="3"/>
      <c r="W3239" s="98"/>
      <c r="Z3239" s="143"/>
      <c r="AA3239" s="137"/>
      <c r="AB3239" s="137"/>
      <c r="AC3239" s="137"/>
      <c r="AD3239" s="137"/>
      <c r="AE3239" s="137"/>
      <c r="AF3239" s="137"/>
      <c r="AG3239" s="137"/>
      <c r="AH3239" s="137"/>
      <c r="AI3239" s="137"/>
      <c r="AJ3239" s="137"/>
      <c r="AK3239" s="206"/>
      <c r="AL3239" s="206"/>
      <c r="AM3239" s="143"/>
      <c r="AN3239" s="137"/>
      <c r="AO3239" s="137"/>
      <c r="AP3239" s="137"/>
      <c r="AQ3239" s="137"/>
      <c r="AR3239" s="137"/>
      <c r="AS3239" s="137"/>
      <c r="AT3239" s="137"/>
      <c r="AU3239" s="137"/>
      <c r="AV3239" s="137"/>
      <c r="AW3239" s="144"/>
    </row>
    <row r="3240" spans="2:49" x14ac:dyDescent="0.2">
      <c r="B3240" s="97"/>
      <c r="J3240" s="98"/>
      <c r="K3240" s="97"/>
      <c r="N3240" s="3"/>
      <c r="W3240" s="98"/>
      <c r="Z3240" s="143"/>
      <c r="AA3240" s="137"/>
      <c r="AB3240" s="137"/>
      <c r="AC3240" s="137"/>
      <c r="AD3240" s="137"/>
      <c r="AE3240" s="137"/>
      <c r="AF3240" s="137"/>
      <c r="AG3240" s="137"/>
      <c r="AH3240" s="137"/>
      <c r="AI3240" s="137"/>
      <c r="AJ3240" s="137"/>
      <c r="AK3240" s="206"/>
      <c r="AL3240" s="206"/>
      <c r="AM3240" s="143"/>
      <c r="AN3240" s="137"/>
      <c r="AO3240" s="137"/>
      <c r="AP3240" s="137"/>
      <c r="AQ3240" s="137"/>
      <c r="AR3240" s="137"/>
      <c r="AS3240" s="137"/>
      <c r="AT3240" s="137"/>
      <c r="AU3240" s="137"/>
      <c r="AV3240" s="137"/>
      <c r="AW3240" s="144"/>
    </row>
    <row r="3241" spans="2:49" x14ac:dyDescent="0.2">
      <c r="B3241" s="97"/>
      <c r="J3241" s="98"/>
      <c r="K3241" s="97"/>
      <c r="N3241" s="3"/>
      <c r="W3241" s="98"/>
      <c r="Z3241" s="143"/>
      <c r="AA3241" s="137"/>
      <c r="AB3241" s="137"/>
      <c r="AC3241" s="137"/>
      <c r="AD3241" s="137"/>
      <c r="AE3241" s="137"/>
      <c r="AF3241" s="137"/>
      <c r="AG3241" s="137"/>
      <c r="AH3241" s="137"/>
      <c r="AI3241" s="137"/>
      <c r="AJ3241" s="137"/>
      <c r="AK3241" s="206"/>
      <c r="AL3241" s="206"/>
      <c r="AM3241" s="143"/>
      <c r="AN3241" s="137"/>
      <c r="AO3241" s="137"/>
      <c r="AP3241" s="137"/>
      <c r="AQ3241" s="137"/>
      <c r="AR3241" s="137"/>
      <c r="AS3241" s="137"/>
      <c r="AT3241" s="137"/>
      <c r="AU3241" s="137"/>
      <c r="AV3241" s="137"/>
      <c r="AW3241" s="144"/>
    </row>
    <row r="3242" spans="2:49" x14ac:dyDescent="0.2">
      <c r="B3242" s="97"/>
      <c r="J3242" s="98"/>
      <c r="K3242" s="97"/>
      <c r="N3242" s="3"/>
      <c r="W3242" s="98"/>
      <c r="Z3242" s="143"/>
      <c r="AA3242" s="137"/>
      <c r="AB3242" s="137"/>
      <c r="AC3242" s="137"/>
      <c r="AD3242" s="137"/>
      <c r="AE3242" s="137"/>
      <c r="AF3242" s="137"/>
      <c r="AG3242" s="137"/>
      <c r="AH3242" s="137"/>
      <c r="AI3242" s="137"/>
      <c r="AJ3242" s="137"/>
      <c r="AK3242" s="206"/>
      <c r="AL3242" s="206"/>
      <c r="AM3242" s="143"/>
      <c r="AN3242" s="137"/>
      <c r="AO3242" s="137"/>
      <c r="AP3242" s="137"/>
      <c r="AQ3242" s="137"/>
      <c r="AR3242" s="137"/>
      <c r="AS3242" s="137"/>
      <c r="AT3242" s="137"/>
      <c r="AU3242" s="137"/>
      <c r="AV3242" s="137"/>
      <c r="AW3242" s="144"/>
    </row>
    <row r="3243" spans="2:49" x14ac:dyDescent="0.2">
      <c r="B3243" s="97"/>
      <c r="J3243" s="98"/>
      <c r="K3243" s="97"/>
      <c r="N3243" s="3"/>
      <c r="W3243" s="98"/>
      <c r="Z3243" s="143"/>
      <c r="AA3243" s="137"/>
      <c r="AB3243" s="137"/>
      <c r="AC3243" s="137"/>
      <c r="AD3243" s="137"/>
      <c r="AE3243" s="137"/>
      <c r="AF3243" s="137"/>
      <c r="AG3243" s="137"/>
      <c r="AH3243" s="137"/>
      <c r="AI3243" s="137"/>
      <c r="AJ3243" s="137"/>
      <c r="AK3243" s="206"/>
      <c r="AL3243" s="206"/>
      <c r="AM3243" s="143"/>
      <c r="AN3243" s="137"/>
      <c r="AO3243" s="137"/>
      <c r="AP3243" s="137"/>
      <c r="AQ3243" s="137"/>
      <c r="AR3243" s="137"/>
      <c r="AS3243" s="137"/>
      <c r="AT3243" s="137"/>
      <c r="AU3243" s="137"/>
      <c r="AV3243" s="137"/>
      <c r="AW3243" s="144"/>
    </row>
    <row r="3244" spans="2:49" x14ac:dyDescent="0.2">
      <c r="B3244" s="97"/>
      <c r="J3244" s="98"/>
      <c r="K3244" s="97"/>
      <c r="N3244" s="3"/>
      <c r="W3244" s="98"/>
      <c r="Z3244" s="143"/>
      <c r="AA3244" s="137"/>
      <c r="AB3244" s="137"/>
      <c r="AC3244" s="137"/>
      <c r="AD3244" s="137"/>
      <c r="AE3244" s="137"/>
      <c r="AF3244" s="137"/>
      <c r="AG3244" s="137"/>
      <c r="AH3244" s="137"/>
      <c r="AI3244" s="137"/>
      <c r="AJ3244" s="137"/>
      <c r="AK3244" s="206"/>
      <c r="AL3244" s="206"/>
      <c r="AM3244" s="143"/>
      <c r="AN3244" s="137"/>
      <c r="AO3244" s="137"/>
      <c r="AP3244" s="137"/>
      <c r="AQ3244" s="137"/>
      <c r="AR3244" s="137"/>
      <c r="AS3244" s="137"/>
      <c r="AT3244" s="137"/>
      <c r="AU3244" s="137"/>
      <c r="AV3244" s="137"/>
      <c r="AW3244" s="144"/>
    </row>
    <row r="3245" spans="2:49" x14ac:dyDescent="0.2">
      <c r="B3245" s="97"/>
      <c r="J3245" s="98"/>
      <c r="K3245" s="97"/>
      <c r="N3245" s="3"/>
      <c r="W3245" s="98"/>
      <c r="Z3245" s="143"/>
      <c r="AA3245" s="137"/>
      <c r="AB3245" s="137"/>
      <c r="AC3245" s="137"/>
      <c r="AD3245" s="137"/>
      <c r="AE3245" s="137"/>
      <c r="AF3245" s="137"/>
      <c r="AG3245" s="137"/>
      <c r="AH3245" s="137"/>
      <c r="AI3245" s="137"/>
      <c r="AJ3245" s="137"/>
      <c r="AK3245" s="206"/>
      <c r="AL3245" s="206"/>
      <c r="AM3245" s="143"/>
      <c r="AN3245" s="137"/>
      <c r="AO3245" s="137"/>
      <c r="AP3245" s="137"/>
      <c r="AQ3245" s="137"/>
      <c r="AR3245" s="137"/>
      <c r="AS3245" s="137"/>
      <c r="AT3245" s="137"/>
      <c r="AU3245" s="137"/>
      <c r="AV3245" s="137"/>
      <c r="AW3245" s="144"/>
    </row>
    <row r="3246" spans="2:49" x14ac:dyDescent="0.2">
      <c r="B3246" s="97"/>
      <c r="J3246" s="98"/>
      <c r="K3246" s="97"/>
      <c r="N3246" s="3"/>
      <c r="W3246" s="98"/>
      <c r="Z3246" s="143"/>
      <c r="AA3246" s="137"/>
      <c r="AB3246" s="137"/>
      <c r="AC3246" s="137"/>
      <c r="AD3246" s="137"/>
      <c r="AE3246" s="137"/>
      <c r="AF3246" s="137"/>
      <c r="AG3246" s="137"/>
      <c r="AH3246" s="137"/>
      <c r="AI3246" s="137"/>
      <c r="AJ3246" s="137"/>
      <c r="AK3246" s="206"/>
      <c r="AL3246" s="206"/>
      <c r="AM3246" s="143"/>
      <c r="AN3246" s="137"/>
      <c r="AO3246" s="137"/>
      <c r="AP3246" s="137"/>
      <c r="AQ3246" s="137"/>
      <c r="AR3246" s="137"/>
      <c r="AS3246" s="137"/>
      <c r="AT3246" s="137"/>
      <c r="AU3246" s="137"/>
      <c r="AV3246" s="137"/>
      <c r="AW3246" s="144"/>
    </row>
    <row r="3247" spans="2:49" x14ac:dyDescent="0.2">
      <c r="B3247" s="97"/>
      <c r="J3247" s="98"/>
      <c r="K3247" s="97"/>
      <c r="N3247" s="3"/>
      <c r="W3247" s="98"/>
      <c r="Z3247" s="143"/>
      <c r="AA3247" s="137"/>
      <c r="AB3247" s="137"/>
      <c r="AC3247" s="137"/>
      <c r="AD3247" s="137"/>
      <c r="AE3247" s="137"/>
      <c r="AF3247" s="137"/>
      <c r="AG3247" s="137"/>
      <c r="AH3247" s="137"/>
      <c r="AI3247" s="137"/>
      <c r="AJ3247" s="137"/>
      <c r="AK3247" s="206"/>
      <c r="AL3247" s="206"/>
      <c r="AM3247" s="143"/>
      <c r="AN3247" s="137"/>
      <c r="AO3247" s="137"/>
      <c r="AP3247" s="137"/>
      <c r="AQ3247" s="137"/>
      <c r="AR3247" s="137"/>
      <c r="AS3247" s="137"/>
      <c r="AT3247" s="137"/>
      <c r="AU3247" s="137"/>
      <c r="AV3247" s="137"/>
      <c r="AW3247" s="144"/>
    </row>
    <row r="3248" spans="2:49" x14ac:dyDescent="0.2">
      <c r="B3248" s="97"/>
      <c r="J3248" s="98"/>
      <c r="K3248" s="97"/>
      <c r="N3248" s="3"/>
      <c r="W3248" s="98"/>
      <c r="Z3248" s="143"/>
      <c r="AA3248" s="137"/>
      <c r="AB3248" s="137"/>
      <c r="AC3248" s="137"/>
      <c r="AD3248" s="137"/>
      <c r="AE3248" s="137"/>
      <c r="AF3248" s="137"/>
      <c r="AG3248" s="137"/>
      <c r="AH3248" s="137"/>
      <c r="AI3248" s="137"/>
      <c r="AJ3248" s="137"/>
      <c r="AK3248" s="206"/>
      <c r="AL3248" s="206"/>
      <c r="AM3248" s="143"/>
      <c r="AN3248" s="137"/>
      <c r="AO3248" s="137"/>
      <c r="AP3248" s="137"/>
      <c r="AQ3248" s="137"/>
      <c r="AR3248" s="137"/>
      <c r="AS3248" s="137"/>
      <c r="AT3248" s="137"/>
      <c r="AU3248" s="137"/>
      <c r="AV3248" s="137"/>
      <c r="AW3248" s="144"/>
    </row>
    <row r="3249" spans="2:49" x14ac:dyDescent="0.2">
      <c r="B3249" s="97"/>
      <c r="J3249" s="98"/>
      <c r="K3249" s="97"/>
      <c r="N3249" s="3"/>
      <c r="W3249" s="98"/>
      <c r="Z3249" s="143"/>
      <c r="AA3249" s="137"/>
      <c r="AB3249" s="137"/>
      <c r="AC3249" s="137"/>
      <c r="AD3249" s="137"/>
      <c r="AE3249" s="137"/>
      <c r="AF3249" s="137"/>
      <c r="AG3249" s="137"/>
      <c r="AH3249" s="137"/>
      <c r="AI3249" s="137"/>
      <c r="AJ3249" s="137"/>
      <c r="AK3249" s="206"/>
      <c r="AL3249" s="206"/>
      <c r="AM3249" s="143"/>
      <c r="AN3249" s="137"/>
      <c r="AO3249" s="137"/>
      <c r="AP3249" s="137"/>
      <c r="AQ3249" s="137"/>
      <c r="AR3249" s="137"/>
      <c r="AS3249" s="137"/>
      <c r="AT3249" s="137"/>
      <c r="AU3249" s="137"/>
      <c r="AV3249" s="137"/>
      <c r="AW3249" s="144"/>
    </row>
    <row r="3250" spans="2:49" x14ac:dyDescent="0.2">
      <c r="B3250" s="97"/>
      <c r="J3250" s="98"/>
      <c r="K3250" s="97"/>
      <c r="N3250" s="3"/>
      <c r="W3250" s="98"/>
      <c r="Z3250" s="143"/>
      <c r="AA3250" s="137"/>
      <c r="AB3250" s="137"/>
      <c r="AC3250" s="137"/>
      <c r="AD3250" s="137"/>
      <c r="AE3250" s="137"/>
      <c r="AF3250" s="137"/>
      <c r="AG3250" s="137"/>
      <c r="AH3250" s="137"/>
      <c r="AI3250" s="137"/>
      <c r="AJ3250" s="137"/>
      <c r="AK3250" s="206"/>
      <c r="AL3250" s="206"/>
      <c r="AM3250" s="143"/>
      <c r="AN3250" s="137"/>
      <c r="AO3250" s="137"/>
      <c r="AP3250" s="137"/>
      <c r="AQ3250" s="137"/>
      <c r="AR3250" s="137"/>
      <c r="AS3250" s="137"/>
      <c r="AT3250" s="137"/>
      <c r="AU3250" s="137"/>
      <c r="AV3250" s="137"/>
      <c r="AW3250" s="144"/>
    </row>
    <row r="3251" spans="2:49" x14ac:dyDescent="0.2">
      <c r="B3251" s="97"/>
      <c r="J3251" s="98"/>
      <c r="K3251" s="97"/>
      <c r="N3251" s="3"/>
      <c r="W3251" s="98"/>
      <c r="Z3251" s="143"/>
      <c r="AA3251" s="137"/>
      <c r="AB3251" s="137"/>
      <c r="AC3251" s="137"/>
      <c r="AD3251" s="137"/>
      <c r="AE3251" s="137"/>
      <c r="AF3251" s="137"/>
      <c r="AG3251" s="137"/>
      <c r="AH3251" s="137"/>
      <c r="AI3251" s="137"/>
      <c r="AJ3251" s="137"/>
      <c r="AK3251" s="206"/>
      <c r="AL3251" s="206"/>
      <c r="AM3251" s="143"/>
      <c r="AN3251" s="137"/>
      <c r="AO3251" s="137"/>
      <c r="AP3251" s="137"/>
      <c r="AQ3251" s="137"/>
      <c r="AR3251" s="137"/>
      <c r="AS3251" s="137"/>
      <c r="AT3251" s="137"/>
      <c r="AU3251" s="137"/>
      <c r="AV3251" s="137"/>
      <c r="AW3251" s="144"/>
    </row>
    <row r="3252" spans="2:49" x14ac:dyDescent="0.2">
      <c r="B3252" s="97"/>
      <c r="J3252" s="98"/>
      <c r="K3252" s="97"/>
      <c r="N3252" s="3"/>
      <c r="W3252" s="98"/>
      <c r="Z3252" s="143"/>
      <c r="AA3252" s="137"/>
      <c r="AB3252" s="137"/>
      <c r="AC3252" s="137"/>
      <c r="AD3252" s="137"/>
      <c r="AE3252" s="137"/>
      <c r="AF3252" s="137"/>
      <c r="AG3252" s="137"/>
      <c r="AH3252" s="137"/>
      <c r="AI3252" s="137"/>
      <c r="AJ3252" s="137"/>
      <c r="AK3252" s="206"/>
      <c r="AL3252" s="206"/>
      <c r="AM3252" s="143"/>
      <c r="AN3252" s="137"/>
      <c r="AO3252" s="137"/>
      <c r="AP3252" s="137"/>
      <c r="AQ3252" s="137"/>
      <c r="AR3252" s="137"/>
      <c r="AS3252" s="137"/>
      <c r="AT3252" s="137"/>
      <c r="AU3252" s="137"/>
      <c r="AV3252" s="137"/>
      <c r="AW3252" s="144"/>
    </row>
    <row r="3253" spans="2:49" x14ac:dyDescent="0.2">
      <c r="B3253" s="97"/>
      <c r="J3253" s="98"/>
      <c r="K3253" s="97"/>
      <c r="N3253" s="3"/>
      <c r="W3253" s="98"/>
      <c r="Z3253" s="143"/>
      <c r="AA3253" s="137"/>
      <c r="AB3253" s="137"/>
      <c r="AC3253" s="137"/>
      <c r="AD3253" s="137"/>
      <c r="AE3253" s="137"/>
      <c r="AF3253" s="137"/>
      <c r="AG3253" s="137"/>
      <c r="AH3253" s="137"/>
      <c r="AI3253" s="137"/>
      <c r="AJ3253" s="137"/>
      <c r="AK3253" s="206"/>
      <c r="AL3253" s="206"/>
      <c r="AM3253" s="143"/>
      <c r="AN3253" s="137"/>
      <c r="AO3253" s="137"/>
      <c r="AP3253" s="137"/>
      <c r="AQ3253" s="137"/>
      <c r="AR3253" s="137"/>
      <c r="AS3253" s="137"/>
      <c r="AT3253" s="137"/>
      <c r="AU3253" s="137"/>
      <c r="AV3253" s="137"/>
      <c r="AW3253" s="144"/>
    </row>
    <row r="3254" spans="2:49" x14ac:dyDescent="0.2">
      <c r="B3254" s="97"/>
      <c r="J3254" s="98"/>
      <c r="K3254" s="97"/>
      <c r="N3254" s="3"/>
      <c r="W3254" s="98"/>
      <c r="Z3254" s="143"/>
      <c r="AA3254" s="137"/>
      <c r="AB3254" s="137"/>
      <c r="AC3254" s="137"/>
      <c r="AD3254" s="137"/>
      <c r="AE3254" s="137"/>
      <c r="AF3254" s="137"/>
      <c r="AG3254" s="137"/>
      <c r="AH3254" s="137"/>
      <c r="AI3254" s="137"/>
      <c r="AJ3254" s="137"/>
      <c r="AK3254" s="206"/>
      <c r="AL3254" s="206"/>
      <c r="AM3254" s="143"/>
      <c r="AN3254" s="137"/>
      <c r="AO3254" s="137"/>
      <c r="AP3254" s="137"/>
      <c r="AQ3254" s="137"/>
      <c r="AR3254" s="137"/>
      <c r="AS3254" s="137"/>
      <c r="AT3254" s="137"/>
      <c r="AU3254" s="137"/>
      <c r="AV3254" s="137"/>
      <c r="AW3254" s="144"/>
    </row>
    <row r="3255" spans="2:49" x14ac:dyDescent="0.2">
      <c r="B3255" s="97"/>
      <c r="J3255" s="98"/>
      <c r="K3255" s="97"/>
      <c r="N3255" s="3"/>
      <c r="W3255" s="98"/>
      <c r="Z3255" s="143"/>
      <c r="AA3255" s="137"/>
      <c r="AB3255" s="137"/>
      <c r="AC3255" s="137"/>
      <c r="AD3255" s="137"/>
      <c r="AE3255" s="137"/>
      <c r="AF3255" s="137"/>
      <c r="AG3255" s="137"/>
      <c r="AH3255" s="137"/>
      <c r="AI3255" s="137"/>
      <c r="AJ3255" s="137"/>
      <c r="AK3255" s="206"/>
      <c r="AL3255" s="206"/>
      <c r="AM3255" s="143"/>
      <c r="AN3255" s="137"/>
      <c r="AO3255" s="137"/>
      <c r="AP3255" s="137"/>
      <c r="AQ3255" s="137"/>
      <c r="AR3255" s="137"/>
      <c r="AS3255" s="137"/>
      <c r="AT3255" s="137"/>
      <c r="AU3255" s="137"/>
      <c r="AV3255" s="137"/>
      <c r="AW3255" s="144"/>
    </row>
    <row r="3256" spans="2:49" x14ac:dyDescent="0.2">
      <c r="B3256" s="97"/>
      <c r="J3256" s="98"/>
      <c r="K3256" s="97"/>
      <c r="N3256" s="3"/>
      <c r="W3256" s="98"/>
      <c r="Z3256" s="143"/>
      <c r="AA3256" s="137"/>
      <c r="AB3256" s="137"/>
      <c r="AC3256" s="137"/>
      <c r="AD3256" s="137"/>
      <c r="AE3256" s="137"/>
      <c r="AF3256" s="137"/>
      <c r="AG3256" s="137"/>
      <c r="AH3256" s="137"/>
      <c r="AI3256" s="137"/>
      <c r="AJ3256" s="137"/>
      <c r="AK3256" s="206"/>
      <c r="AL3256" s="206"/>
      <c r="AM3256" s="143"/>
      <c r="AN3256" s="137"/>
      <c r="AO3256" s="137"/>
      <c r="AP3256" s="137"/>
      <c r="AQ3256" s="137"/>
      <c r="AR3256" s="137"/>
      <c r="AS3256" s="137"/>
      <c r="AT3256" s="137"/>
      <c r="AU3256" s="137"/>
      <c r="AV3256" s="137"/>
      <c r="AW3256" s="144"/>
    </row>
    <row r="3257" spans="2:49" x14ac:dyDescent="0.2">
      <c r="B3257" s="97"/>
      <c r="J3257" s="98"/>
      <c r="K3257" s="97"/>
      <c r="N3257" s="3"/>
      <c r="W3257" s="98"/>
      <c r="Z3257" s="143"/>
      <c r="AA3257" s="137"/>
      <c r="AB3257" s="137"/>
      <c r="AC3257" s="137"/>
      <c r="AD3257" s="137"/>
      <c r="AE3257" s="137"/>
      <c r="AF3257" s="137"/>
      <c r="AG3257" s="137"/>
      <c r="AH3257" s="137"/>
      <c r="AI3257" s="137"/>
      <c r="AJ3257" s="137"/>
      <c r="AK3257" s="206"/>
      <c r="AL3257" s="206"/>
      <c r="AM3257" s="143"/>
      <c r="AN3257" s="137"/>
      <c r="AO3257" s="137"/>
      <c r="AP3257" s="137"/>
      <c r="AQ3257" s="137"/>
      <c r="AR3257" s="137"/>
      <c r="AS3257" s="137"/>
      <c r="AT3257" s="137"/>
      <c r="AU3257" s="137"/>
      <c r="AV3257" s="137"/>
      <c r="AW3257" s="144"/>
    </row>
    <row r="3258" spans="2:49" x14ac:dyDescent="0.2">
      <c r="B3258" s="97"/>
      <c r="J3258" s="98"/>
      <c r="K3258" s="97"/>
      <c r="N3258" s="3"/>
      <c r="W3258" s="98"/>
      <c r="Z3258" s="143"/>
      <c r="AA3258" s="137"/>
      <c r="AB3258" s="137"/>
      <c r="AC3258" s="137"/>
      <c r="AD3258" s="137"/>
      <c r="AE3258" s="137"/>
      <c r="AF3258" s="137"/>
      <c r="AG3258" s="137"/>
      <c r="AH3258" s="137"/>
      <c r="AI3258" s="137"/>
      <c r="AJ3258" s="137"/>
      <c r="AK3258" s="206"/>
      <c r="AL3258" s="206"/>
      <c r="AM3258" s="143"/>
      <c r="AN3258" s="137"/>
      <c r="AO3258" s="137"/>
      <c r="AP3258" s="137"/>
      <c r="AQ3258" s="137"/>
      <c r="AR3258" s="137"/>
      <c r="AS3258" s="137"/>
      <c r="AT3258" s="137"/>
      <c r="AU3258" s="137"/>
      <c r="AV3258" s="137"/>
      <c r="AW3258" s="144"/>
    </row>
    <row r="3259" spans="2:49" x14ac:dyDescent="0.2">
      <c r="B3259" s="97"/>
      <c r="J3259" s="98"/>
      <c r="K3259" s="97"/>
      <c r="N3259" s="3"/>
      <c r="W3259" s="98"/>
      <c r="Z3259" s="143"/>
      <c r="AA3259" s="137"/>
      <c r="AB3259" s="137"/>
      <c r="AC3259" s="137"/>
      <c r="AD3259" s="137"/>
      <c r="AE3259" s="137"/>
      <c r="AF3259" s="137"/>
      <c r="AG3259" s="137"/>
      <c r="AH3259" s="137"/>
      <c r="AI3259" s="137"/>
      <c r="AJ3259" s="137"/>
      <c r="AK3259" s="206"/>
      <c r="AL3259" s="206"/>
      <c r="AM3259" s="143"/>
      <c r="AN3259" s="137"/>
      <c r="AO3259" s="137"/>
      <c r="AP3259" s="137"/>
      <c r="AQ3259" s="137"/>
      <c r="AR3259" s="137"/>
      <c r="AS3259" s="137"/>
      <c r="AT3259" s="137"/>
      <c r="AU3259" s="137"/>
      <c r="AV3259" s="137"/>
      <c r="AW3259" s="144"/>
    </row>
    <row r="3260" spans="2:49" x14ac:dyDescent="0.2">
      <c r="B3260" s="97"/>
      <c r="J3260" s="98"/>
      <c r="K3260" s="97"/>
      <c r="N3260" s="3"/>
      <c r="W3260" s="98"/>
      <c r="Z3260" s="143"/>
      <c r="AA3260" s="137"/>
      <c r="AB3260" s="137"/>
      <c r="AC3260" s="137"/>
      <c r="AD3260" s="137"/>
      <c r="AE3260" s="137"/>
      <c r="AF3260" s="137"/>
      <c r="AG3260" s="137"/>
      <c r="AH3260" s="137"/>
      <c r="AI3260" s="137"/>
      <c r="AJ3260" s="137"/>
      <c r="AK3260" s="206"/>
      <c r="AL3260" s="206"/>
      <c r="AM3260" s="143"/>
      <c r="AN3260" s="137"/>
      <c r="AO3260" s="137"/>
      <c r="AP3260" s="137"/>
      <c r="AQ3260" s="137"/>
      <c r="AR3260" s="137"/>
      <c r="AS3260" s="137"/>
      <c r="AT3260" s="137"/>
      <c r="AU3260" s="137"/>
      <c r="AV3260" s="137"/>
      <c r="AW3260" s="144"/>
    </row>
    <row r="3261" spans="2:49" x14ac:dyDescent="0.2">
      <c r="B3261" s="97"/>
      <c r="J3261" s="98"/>
      <c r="K3261" s="97"/>
      <c r="N3261" s="3"/>
      <c r="W3261" s="98"/>
      <c r="Z3261" s="143"/>
      <c r="AA3261" s="137"/>
      <c r="AB3261" s="137"/>
      <c r="AC3261" s="137"/>
      <c r="AD3261" s="137"/>
      <c r="AE3261" s="137"/>
      <c r="AF3261" s="137"/>
      <c r="AG3261" s="137"/>
      <c r="AH3261" s="137"/>
      <c r="AI3261" s="137"/>
      <c r="AJ3261" s="137"/>
      <c r="AK3261" s="206"/>
      <c r="AL3261" s="206"/>
      <c r="AM3261" s="143"/>
      <c r="AN3261" s="137"/>
      <c r="AO3261" s="137"/>
      <c r="AP3261" s="137"/>
      <c r="AQ3261" s="137"/>
      <c r="AR3261" s="137"/>
      <c r="AS3261" s="137"/>
      <c r="AT3261" s="137"/>
      <c r="AU3261" s="137"/>
      <c r="AV3261" s="137"/>
      <c r="AW3261" s="144"/>
    </row>
    <row r="3262" spans="2:49" x14ac:dyDescent="0.2">
      <c r="B3262" s="97"/>
      <c r="J3262" s="98"/>
      <c r="K3262" s="97"/>
      <c r="N3262" s="3"/>
      <c r="W3262" s="98"/>
      <c r="Z3262" s="143"/>
      <c r="AA3262" s="137"/>
      <c r="AB3262" s="137"/>
      <c r="AC3262" s="137"/>
      <c r="AD3262" s="137"/>
      <c r="AE3262" s="137"/>
      <c r="AF3262" s="137"/>
      <c r="AG3262" s="137"/>
      <c r="AH3262" s="137"/>
      <c r="AI3262" s="137"/>
      <c r="AJ3262" s="137"/>
      <c r="AK3262" s="206"/>
      <c r="AL3262" s="206"/>
      <c r="AM3262" s="143"/>
      <c r="AN3262" s="137"/>
      <c r="AO3262" s="137"/>
      <c r="AP3262" s="137"/>
      <c r="AQ3262" s="137"/>
      <c r="AR3262" s="137"/>
      <c r="AS3262" s="137"/>
      <c r="AT3262" s="137"/>
      <c r="AU3262" s="137"/>
      <c r="AV3262" s="137"/>
      <c r="AW3262" s="144"/>
    </row>
    <row r="3263" spans="2:49" x14ac:dyDescent="0.2">
      <c r="B3263" s="97"/>
      <c r="J3263" s="98"/>
      <c r="K3263" s="97"/>
      <c r="N3263" s="3"/>
      <c r="W3263" s="98"/>
      <c r="Z3263" s="143"/>
      <c r="AA3263" s="137"/>
      <c r="AB3263" s="137"/>
      <c r="AC3263" s="137"/>
      <c r="AD3263" s="137"/>
      <c r="AE3263" s="137"/>
      <c r="AF3263" s="137"/>
      <c r="AG3263" s="137"/>
      <c r="AH3263" s="137"/>
      <c r="AI3263" s="137"/>
      <c r="AJ3263" s="137"/>
      <c r="AK3263" s="206"/>
      <c r="AL3263" s="206"/>
      <c r="AM3263" s="143"/>
      <c r="AN3263" s="137"/>
      <c r="AO3263" s="137"/>
      <c r="AP3263" s="137"/>
      <c r="AQ3263" s="137"/>
      <c r="AR3263" s="137"/>
      <c r="AS3263" s="137"/>
      <c r="AT3263" s="137"/>
      <c r="AU3263" s="137"/>
      <c r="AV3263" s="137"/>
      <c r="AW3263" s="144"/>
    </row>
    <row r="3264" spans="2:49" x14ac:dyDescent="0.2">
      <c r="B3264" s="97"/>
      <c r="J3264" s="98"/>
      <c r="K3264" s="97"/>
      <c r="N3264" s="3"/>
      <c r="W3264" s="98"/>
      <c r="Z3264" s="143"/>
      <c r="AA3264" s="137"/>
      <c r="AB3264" s="137"/>
      <c r="AC3264" s="137"/>
      <c r="AD3264" s="137"/>
      <c r="AE3264" s="137"/>
      <c r="AF3264" s="137"/>
      <c r="AG3264" s="137"/>
      <c r="AH3264" s="137"/>
      <c r="AI3264" s="137"/>
      <c r="AJ3264" s="137"/>
      <c r="AK3264" s="206"/>
      <c r="AL3264" s="206"/>
      <c r="AM3264" s="143"/>
      <c r="AN3264" s="137"/>
      <c r="AO3264" s="137"/>
      <c r="AP3264" s="137"/>
      <c r="AQ3264" s="137"/>
      <c r="AR3264" s="137"/>
      <c r="AS3264" s="137"/>
      <c r="AT3264" s="137"/>
      <c r="AU3264" s="137"/>
      <c r="AV3264" s="137"/>
      <c r="AW3264" s="144"/>
    </row>
    <row r="3265" spans="2:49" x14ac:dyDescent="0.2">
      <c r="B3265" s="97"/>
      <c r="J3265" s="98"/>
      <c r="K3265" s="97"/>
      <c r="N3265" s="3"/>
      <c r="W3265" s="98"/>
      <c r="Z3265" s="143"/>
      <c r="AA3265" s="137"/>
      <c r="AB3265" s="137"/>
      <c r="AC3265" s="137"/>
      <c r="AD3265" s="137"/>
      <c r="AE3265" s="137"/>
      <c r="AF3265" s="137"/>
      <c r="AG3265" s="137"/>
      <c r="AH3265" s="137"/>
      <c r="AI3265" s="137"/>
      <c r="AJ3265" s="137"/>
      <c r="AK3265" s="206"/>
      <c r="AL3265" s="206"/>
      <c r="AM3265" s="143"/>
      <c r="AN3265" s="137"/>
      <c r="AO3265" s="137"/>
      <c r="AP3265" s="137"/>
      <c r="AQ3265" s="137"/>
      <c r="AR3265" s="137"/>
      <c r="AS3265" s="137"/>
      <c r="AT3265" s="137"/>
      <c r="AU3265" s="137"/>
      <c r="AV3265" s="137"/>
      <c r="AW3265" s="144"/>
    </row>
    <row r="3266" spans="2:49" x14ac:dyDescent="0.2">
      <c r="B3266" s="97"/>
      <c r="J3266" s="98"/>
      <c r="K3266" s="97"/>
      <c r="N3266" s="3"/>
      <c r="W3266" s="98"/>
      <c r="Z3266" s="143"/>
      <c r="AA3266" s="137"/>
      <c r="AB3266" s="137"/>
      <c r="AC3266" s="137"/>
      <c r="AD3266" s="137"/>
      <c r="AE3266" s="137"/>
      <c r="AF3266" s="137"/>
      <c r="AG3266" s="137"/>
      <c r="AH3266" s="137"/>
      <c r="AI3266" s="137"/>
      <c r="AJ3266" s="137"/>
      <c r="AK3266" s="206"/>
      <c r="AL3266" s="206"/>
      <c r="AM3266" s="143"/>
      <c r="AN3266" s="137"/>
      <c r="AO3266" s="137"/>
      <c r="AP3266" s="137"/>
      <c r="AQ3266" s="137"/>
      <c r="AR3266" s="137"/>
      <c r="AS3266" s="137"/>
      <c r="AT3266" s="137"/>
      <c r="AU3266" s="137"/>
      <c r="AV3266" s="137"/>
      <c r="AW3266" s="144"/>
    </row>
    <row r="3267" spans="2:49" x14ac:dyDescent="0.2">
      <c r="B3267" s="97"/>
      <c r="J3267" s="98"/>
      <c r="K3267" s="97"/>
      <c r="N3267" s="3"/>
      <c r="W3267" s="98"/>
      <c r="Z3267" s="143"/>
      <c r="AA3267" s="137"/>
      <c r="AB3267" s="137"/>
      <c r="AC3267" s="137"/>
      <c r="AD3267" s="137"/>
      <c r="AE3267" s="137"/>
      <c r="AF3267" s="137"/>
      <c r="AG3267" s="137"/>
      <c r="AH3267" s="137"/>
      <c r="AI3267" s="137"/>
      <c r="AJ3267" s="137"/>
      <c r="AK3267" s="206"/>
      <c r="AL3267" s="206"/>
      <c r="AM3267" s="143"/>
      <c r="AN3267" s="137"/>
      <c r="AO3267" s="137"/>
      <c r="AP3267" s="137"/>
      <c r="AQ3267" s="137"/>
      <c r="AR3267" s="137"/>
      <c r="AS3267" s="137"/>
      <c r="AT3267" s="137"/>
      <c r="AU3267" s="137"/>
      <c r="AV3267" s="137"/>
      <c r="AW3267" s="144"/>
    </row>
    <row r="3268" spans="2:49" x14ac:dyDescent="0.2">
      <c r="B3268" s="97"/>
      <c r="J3268" s="98"/>
      <c r="K3268" s="97"/>
      <c r="N3268" s="3"/>
      <c r="W3268" s="98"/>
      <c r="Z3268" s="143"/>
      <c r="AA3268" s="137"/>
      <c r="AB3268" s="137"/>
      <c r="AC3268" s="137"/>
      <c r="AD3268" s="137"/>
      <c r="AE3268" s="137"/>
      <c r="AF3268" s="137"/>
      <c r="AG3268" s="137"/>
      <c r="AH3268" s="137"/>
      <c r="AI3268" s="137"/>
      <c r="AJ3268" s="137"/>
      <c r="AK3268" s="206"/>
      <c r="AL3268" s="206"/>
      <c r="AM3268" s="143"/>
      <c r="AN3268" s="137"/>
      <c r="AO3268" s="137"/>
      <c r="AP3268" s="137"/>
      <c r="AQ3268" s="137"/>
      <c r="AR3268" s="137"/>
      <c r="AS3268" s="137"/>
      <c r="AT3268" s="137"/>
      <c r="AU3268" s="137"/>
      <c r="AV3268" s="137"/>
      <c r="AW3268" s="144"/>
    </row>
    <row r="3269" spans="2:49" x14ac:dyDescent="0.2">
      <c r="B3269" s="97"/>
      <c r="J3269" s="98"/>
      <c r="K3269" s="97"/>
      <c r="N3269" s="3"/>
      <c r="W3269" s="98"/>
      <c r="Z3269" s="143"/>
      <c r="AA3269" s="137"/>
      <c r="AB3269" s="137"/>
      <c r="AC3269" s="137"/>
      <c r="AD3269" s="137"/>
      <c r="AE3269" s="137"/>
      <c r="AF3269" s="137"/>
      <c r="AG3269" s="137"/>
      <c r="AH3269" s="137"/>
      <c r="AI3269" s="137"/>
      <c r="AJ3269" s="137"/>
      <c r="AK3269" s="206"/>
      <c r="AL3269" s="206"/>
      <c r="AM3269" s="143"/>
      <c r="AN3269" s="137"/>
      <c r="AO3269" s="137"/>
      <c r="AP3269" s="137"/>
      <c r="AQ3269" s="137"/>
      <c r="AR3269" s="137"/>
      <c r="AS3269" s="137"/>
      <c r="AT3269" s="137"/>
      <c r="AU3269" s="137"/>
      <c r="AV3269" s="137"/>
      <c r="AW3269" s="144"/>
    </row>
    <row r="3270" spans="2:49" x14ac:dyDescent="0.2">
      <c r="B3270" s="97"/>
      <c r="J3270" s="98"/>
      <c r="K3270" s="97"/>
      <c r="N3270" s="3"/>
      <c r="W3270" s="98"/>
      <c r="Z3270" s="143"/>
      <c r="AA3270" s="137"/>
      <c r="AB3270" s="137"/>
      <c r="AC3270" s="137"/>
      <c r="AD3270" s="137"/>
      <c r="AE3270" s="137"/>
      <c r="AF3270" s="137"/>
      <c r="AG3270" s="137"/>
      <c r="AH3270" s="137"/>
      <c r="AI3270" s="137"/>
      <c r="AJ3270" s="137"/>
      <c r="AK3270" s="206"/>
      <c r="AL3270" s="206"/>
      <c r="AM3270" s="143"/>
      <c r="AN3270" s="137"/>
      <c r="AO3270" s="137"/>
      <c r="AP3270" s="137"/>
      <c r="AQ3270" s="137"/>
      <c r="AR3270" s="137"/>
      <c r="AS3270" s="137"/>
      <c r="AT3270" s="137"/>
      <c r="AU3270" s="137"/>
      <c r="AV3270" s="137"/>
      <c r="AW3270" s="144"/>
    </row>
    <row r="3271" spans="2:49" x14ac:dyDescent="0.2">
      <c r="B3271" s="97"/>
      <c r="J3271" s="98"/>
      <c r="K3271" s="97"/>
      <c r="N3271" s="3"/>
      <c r="W3271" s="98"/>
      <c r="Z3271" s="143"/>
      <c r="AA3271" s="137"/>
      <c r="AB3271" s="137"/>
      <c r="AC3271" s="137"/>
      <c r="AD3271" s="137"/>
      <c r="AE3271" s="137"/>
      <c r="AF3271" s="137"/>
      <c r="AG3271" s="137"/>
      <c r="AH3271" s="137"/>
      <c r="AI3271" s="137"/>
      <c r="AJ3271" s="137"/>
      <c r="AK3271" s="206"/>
      <c r="AL3271" s="206"/>
      <c r="AM3271" s="143"/>
      <c r="AN3271" s="137"/>
      <c r="AO3271" s="137"/>
      <c r="AP3271" s="137"/>
      <c r="AQ3271" s="137"/>
      <c r="AR3271" s="137"/>
      <c r="AS3271" s="137"/>
      <c r="AT3271" s="137"/>
      <c r="AU3271" s="137"/>
      <c r="AV3271" s="137"/>
      <c r="AW3271" s="144"/>
    </row>
    <row r="3272" spans="2:49" x14ac:dyDescent="0.2">
      <c r="B3272" s="97"/>
      <c r="J3272" s="98"/>
      <c r="K3272" s="97"/>
      <c r="N3272" s="3"/>
      <c r="W3272" s="98"/>
      <c r="Z3272" s="143"/>
      <c r="AA3272" s="137"/>
      <c r="AB3272" s="137"/>
      <c r="AC3272" s="137"/>
      <c r="AD3272" s="137"/>
      <c r="AE3272" s="137"/>
      <c r="AF3272" s="137"/>
      <c r="AG3272" s="137"/>
      <c r="AH3272" s="137"/>
      <c r="AI3272" s="137"/>
      <c r="AJ3272" s="137"/>
      <c r="AK3272" s="206"/>
      <c r="AL3272" s="206"/>
      <c r="AM3272" s="143"/>
      <c r="AN3272" s="137"/>
      <c r="AO3272" s="137"/>
      <c r="AP3272" s="137"/>
      <c r="AQ3272" s="137"/>
      <c r="AR3272" s="137"/>
      <c r="AS3272" s="137"/>
      <c r="AT3272" s="137"/>
      <c r="AU3272" s="137"/>
      <c r="AV3272" s="137"/>
      <c r="AW3272" s="144"/>
    </row>
    <row r="3273" spans="2:49" x14ac:dyDescent="0.2">
      <c r="B3273" s="97"/>
      <c r="J3273" s="98"/>
      <c r="K3273" s="97"/>
      <c r="N3273" s="3"/>
      <c r="W3273" s="98"/>
      <c r="Z3273" s="143"/>
      <c r="AA3273" s="137"/>
      <c r="AB3273" s="137"/>
      <c r="AC3273" s="137"/>
      <c r="AD3273" s="137"/>
      <c r="AE3273" s="137"/>
      <c r="AF3273" s="137"/>
      <c r="AG3273" s="137"/>
      <c r="AH3273" s="137"/>
      <c r="AI3273" s="137"/>
      <c r="AJ3273" s="137"/>
      <c r="AK3273" s="206"/>
      <c r="AL3273" s="206"/>
      <c r="AM3273" s="143"/>
      <c r="AN3273" s="137"/>
      <c r="AO3273" s="137"/>
      <c r="AP3273" s="137"/>
      <c r="AQ3273" s="137"/>
      <c r="AR3273" s="137"/>
      <c r="AS3273" s="137"/>
      <c r="AT3273" s="137"/>
      <c r="AU3273" s="137"/>
      <c r="AV3273" s="137"/>
      <c r="AW3273" s="144"/>
    </row>
    <row r="3274" spans="2:49" x14ac:dyDescent="0.2">
      <c r="B3274" s="97"/>
      <c r="J3274" s="98"/>
      <c r="K3274" s="97"/>
      <c r="N3274" s="3"/>
      <c r="W3274" s="98"/>
      <c r="Z3274" s="143"/>
      <c r="AA3274" s="137"/>
      <c r="AB3274" s="137"/>
      <c r="AC3274" s="137"/>
      <c r="AD3274" s="137"/>
      <c r="AE3274" s="137"/>
      <c r="AF3274" s="137"/>
      <c r="AG3274" s="137"/>
      <c r="AH3274" s="137"/>
      <c r="AI3274" s="137"/>
      <c r="AJ3274" s="137"/>
      <c r="AK3274" s="206"/>
      <c r="AL3274" s="206"/>
      <c r="AM3274" s="143"/>
      <c r="AN3274" s="137"/>
      <c r="AO3274" s="137"/>
      <c r="AP3274" s="137"/>
      <c r="AQ3274" s="137"/>
      <c r="AR3274" s="137"/>
      <c r="AS3274" s="137"/>
      <c r="AT3274" s="137"/>
      <c r="AU3274" s="137"/>
      <c r="AV3274" s="137"/>
      <c r="AW3274" s="144"/>
    </row>
    <row r="3275" spans="2:49" x14ac:dyDescent="0.2">
      <c r="B3275" s="97"/>
      <c r="J3275" s="98"/>
      <c r="K3275" s="97"/>
      <c r="N3275" s="3"/>
      <c r="W3275" s="98"/>
      <c r="Z3275" s="143"/>
      <c r="AA3275" s="137"/>
      <c r="AB3275" s="137"/>
      <c r="AC3275" s="137"/>
      <c r="AD3275" s="137"/>
      <c r="AE3275" s="137"/>
      <c r="AF3275" s="137"/>
      <c r="AG3275" s="137"/>
      <c r="AH3275" s="137"/>
      <c r="AI3275" s="137"/>
      <c r="AJ3275" s="137"/>
      <c r="AK3275" s="206"/>
      <c r="AL3275" s="206"/>
      <c r="AM3275" s="143"/>
      <c r="AN3275" s="137"/>
      <c r="AO3275" s="137"/>
      <c r="AP3275" s="137"/>
      <c r="AQ3275" s="137"/>
      <c r="AR3275" s="137"/>
      <c r="AS3275" s="137"/>
      <c r="AT3275" s="137"/>
      <c r="AU3275" s="137"/>
      <c r="AV3275" s="137"/>
      <c r="AW3275" s="144"/>
    </row>
    <row r="3276" spans="2:49" x14ac:dyDescent="0.2">
      <c r="B3276" s="97"/>
      <c r="J3276" s="98"/>
      <c r="K3276" s="97"/>
      <c r="N3276" s="3"/>
      <c r="W3276" s="98"/>
      <c r="Z3276" s="143"/>
      <c r="AA3276" s="137"/>
      <c r="AB3276" s="137"/>
      <c r="AC3276" s="137"/>
      <c r="AD3276" s="137"/>
      <c r="AE3276" s="137"/>
      <c r="AF3276" s="137"/>
      <c r="AG3276" s="137"/>
      <c r="AH3276" s="137"/>
      <c r="AI3276" s="137"/>
      <c r="AJ3276" s="137"/>
      <c r="AK3276" s="206"/>
      <c r="AL3276" s="206"/>
      <c r="AM3276" s="143"/>
      <c r="AN3276" s="137"/>
      <c r="AO3276" s="137"/>
      <c r="AP3276" s="137"/>
      <c r="AQ3276" s="137"/>
      <c r="AR3276" s="137"/>
      <c r="AS3276" s="137"/>
      <c r="AT3276" s="137"/>
      <c r="AU3276" s="137"/>
      <c r="AV3276" s="137"/>
      <c r="AW3276" s="144"/>
    </row>
    <row r="3277" spans="2:49" x14ac:dyDescent="0.2">
      <c r="B3277" s="97"/>
      <c r="J3277" s="98"/>
      <c r="K3277" s="97"/>
      <c r="N3277" s="3"/>
      <c r="W3277" s="98"/>
      <c r="Z3277" s="143"/>
      <c r="AA3277" s="137"/>
      <c r="AB3277" s="137"/>
      <c r="AC3277" s="137"/>
      <c r="AD3277" s="137"/>
      <c r="AE3277" s="137"/>
      <c r="AF3277" s="137"/>
      <c r="AG3277" s="137"/>
      <c r="AH3277" s="137"/>
      <c r="AI3277" s="137"/>
      <c r="AJ3277" s="137"/>
      <c r="AK3277" s="206"/>
      <c r="AL3277" s="206"/>
      <c r="AM3277" s="143"/>
      <c r="AN3277" s="137"/>
      <c r="AO3277" s="137"/>
      <c r="AP3277" s="137"/>
      <c r="AQ3277" s="137"/>
      <c r="AR3277" s="137"/>
      <c r="AS3277" s="137"/>
      <c r="AT3277" s="137"/>
      <c r="AU3277" s="137"/>
      <c r="AV3277" s="137"/>
      <c r="AW3277" s="144"/>
    </row>
    <row r="3278" spans="2:49" x14ac:dyDescent="0.2">
      <c r="B3278" s="97"/>
      <c r="J3278" s="98"/>
      <c r="K3278" s="97"/>
      <c r="N3278" s="3"/>
      <c r="W3278" s="98"/>
      <c r="Z3278" s="143"/>
      <c r="AA3278" s="137"/>
      <c r="AB3278" s="137"/>
      <c r="AC3278" s="137"/>
      <c r="AD3278" s="137"/>
      <c r="AE3278" s="137"/>
      <c r="AF3278" s="137"/>
      <c r="AG3278" s="137"/>
      <c r="AH3278" s="137"/>
      <c r="AI3278" s="137"/>
      <c r="AJ3278" s="137"/>
      <c r="AK3278" s="206"/>
      <c r="AL3278" s="206"/>
      <c r="AM3278" s="143"/>
      <c r="AN3278" s="137"/>
      <c r="AO3278" s="137"/>
      <c r="AP3278" s="137"/>
      <c r="AQ3278" s="137"/>
      <c r="AR3278" s="137"/>
      <c r="AS3278" s="137"/>
      <c r="AT3278" s="137"/>
      <c r="AU3278" s="137"/>
      <c r="AV3278" s="137"/>
      <c r="AW3278" s="144"/>
    </row>
    <row r="3279" spans="2:49" x14ac:dyDescent="0.2">
      <c r="B3279" s="97"/>
      <c r="J3279" s="98"/>
      <c r="K3279" s="97"/>
      <c r="N3279" s="3"/>
      <c r="W3279" s="98"/>
      <c r="Z3279" s="143"/>
      <c r="AA3279" s="137"/>
      <c r="AB3279" s="137"/>
      <c r="AC3279" s="137"/>
      <c r="AD3279" s="137"/>
      <c r="AE3279" s="137"/>
      <c r="AF3279" s="137"/>
      <c r="AG3279" s="137"/>
      <c r="AH3279" s="137"/>
      <c r="AI3279" s="137"/>
      <c r="AJ3279" s="137"/>
      <c r="AK3279" s="206"/>
      <c r="AL3279" s="206"/>
      <c r="AM3279" s="143"/>
      <c r="AN3279" s="137"/>
      <c r="AO3279" s="137"/>
      <c r="AP3279" s="137"/>
      <c r="AQ3279" s="137"/>
      <c r="AR3279" s="137"/>
      <c r="AS3279" s="137"/>
      <c r="AT3279" s="137"/>
      <c r="AU3279" s="137"/>
      <c r="AV3279" s="137"/>
      <c r="AW3279" s="144"/>
    </row>
    <row r="3280" spans="2:49" x14ac:dyDescent="0.2">
      <c r="B3280" s="97"/>
      <c r="J3280" s="98"/>
      <c r="K3280" s="97"/>
      <c r="N3280" s="3"/>
      <c r="W3280" s="98"/>
      <c r="Z3280" s="143"/>
      <c r="AA3280" s="137"/>
      <c r="AB3280" s="137"/>
      <c r="AC3280" s="137"/>
      <c r="AD3280" s="137"/>
      <c r="AE3280" s="137"/>
      <c r="AF3280" s="137"/>
      <c r="AG3280" s="137"/>
      <c r="AH3280" s="137"/>
      <c r="AI3280" s="137"/>
      <c r="AJ3280" s="137"/>
      <c r="AK3280" s="206"/>
      <c r="AL3280" s="206"/>
      <c r="AM3280" s="143"/>
      <c r="AN3280" s="137"/>
      <c r="AO3280" s="137"/>
      <c r="AP3280" s="137"/>
      <c r="AQ3280" s="137"/>
      <c r="AR3280" s="137"/>
      <c r="AS3280" s="137"/>
      <c r="AT3280" s="137"/>
      <c r="AU3280" s="137"/>
      <c r="AV3280" s="137"/>
      <c r="AW3280" s="144"/>
    </row>
    <row r="3281" spans="2:49" x14ac:dyDescent="0.2">
      <c r="B3281" s="97"/>
      <c r="J3281" s="98"/>
      <c r="K3281" s="97"/>
      <c r="N3281" s="3"/>
      <c r="W3281" s="98"/>
      <c r="Z3281" s="143"/>
      <c r="AA3281" s="137"/>
      <c r="AB3281" s="137"/>
      <c r="AC3281" s="137"/>
      <c r="AD3281" s="137"/>
      <c r="AE3281" s="137"/>
      <c r="AF3281" s="137"/>
      <c r="AG3281" s="137"/>
      <c r="AH3281" s="137"/>
      <c r="AI3281" s="137"/>
      <c r="AJ3281" s="137"/>
      <c r="AK3281" s="206"/>
      <c r="AL3281" s="206"/>
      <c r="AM3281" s="143"/>
      <c r="AN3281" s="137"/>
      <c r="AO3281" s="137"/>
      <c r="AP3281" s="137"/>
      <c r="AQ3281" s="137"/>
      <c r="AR3281" s="137"/>
      <c r="AS3281" s="137"/>
      <c r="AT3281" s="137"/>
      <c r="AU3281" s="137"/>
      <c r="AV3281" s="137"/>
      <c r="AW3281" s="144"/>
    </row>
    <row r="3282" spans="2:49" x14ac:dyDescent="0.2">
      <c r="B3282" s="97"/>
      <c r="J3282" s="98"/>
      <c r="K3282" s="97"/>
      <c r="N3282" s="3"/>
      <c r="W3282" s="98"/>
      <c r="Z3282" s="143"/>
      <c r="AA3282" s="137"/>
      <c r="AB3282" s="137"/>
      <c r="AC3282" s="137"/>
      <c r="AD3282" s="137"/>
      <c r="AE3282" s="137"/>
      <c r="AF3282" s="137"/>
      <c r="AG3282" s="137"/>
      <c r="AH3282" s="137"/>
      <c r="AI3282" s="137"/>
      <c r="AJ3282" s="137"/>
      <c r="AK3282" s="206"/>
      <c r="AL3282" s="206"/>
      <c r="AM3282" s="143"/>
      <c r="AN3282" s="137"/>
      <c r="AO3282" s="137"/>
      <c r="AP3282" s="137"/>
      <c r="AQ3282" s="137"/>
      <c r="AR3282" s="137"/>
      <c r="AS3282" s="137"/>
      <c r="AT3282" s="137"/>
      <c r="AU3282" s="137"/>
      <c r="AV3282" s="137"/>
      <c r="AW3282" s="144"/>
    </row>
    <row r="3283" spans="2:49" x14ac:dyDescent="0.2">
      <c r="B3283" s="97"/>
      <c r="J3283" s="98"/>
      <c r="K3283" s="97"/>
      <c r="N3283" s="3"/>
      <c r="W3283" s="98"/>
      <c r="Z3283" s="143"/>
      <c r="AA3283" s="137"/>
      <c r="AB3283" s="137"/>
      <c r="AC3283" s="137"/>
      <c r="AD3283" s="137"/>
      <c r="AE3283" s="137"/>
      <c r="AF3283" s="137"/>
      <c r="AG3283" s="137"/>
      <c r="AH3283" s="137"/>
      <c r="AI3283" s="137"/>
      <c r="AJ3283" s="137"/>
      <c r="AK3283" s="206"/>
      <c r="AL3283" s="206"/>
      <c r="AM3283" s="143"/>
      <c r="AN3283" s="137"/>
      <c r="AO3283" s="137"/>
      <c r="AP3283" s="137"/>
      <c r="AQ3283" s="137"/>
      <c r="AR3283" s="137"/>
      <c r="AS3283" s="137"/>
      <c r="AT3283" s="137"/>
      <c r="AU3283" s="137"/>
      <c r="AV3283" s="137"/>
      <c r="AW3283" s="144"/>
    </row>
    <row r="3284" spans="2:49" x14ac:dyDescent="0.2">
      <c r="B3284" s="97"/>
      <c r="J3284" s="98"/>
      <c r="K3284" s="97"/>
      <c r="N3284" s="3"/>
      <c r="W3284" s="98"/>
      <c r="Z3284" s="143"/>
      <c r="AA3284" s="137"/>
      <c r="AB3284" s="137"/>
      <c r="AC3284" s="137"/>
      <c r="AD3284" s="137"/>
      <c r="AE3284" s="137"/>
      <c r="AF3284" s="137"/>
      <c r="AG3284" s="137"/>
      <c r="AH3284" s="137"/>
      <c r="AI3284" s="137"/>
      <c r="AJ3284" s="137"/>
      <c r="AK3284" s="206"/>
      <c r="AL3284" s="206"/>
      <c r="AM3284" s="143"/>
      <c r="AN3284" s="137"/>
      <c r="AO3284" s="137"/>
      <c r="AP3284" s="137"/>
      <c r="AQ3284" s="137"/>
      <c r="AR3284" s="137"/>
      <c r="AS3284" s="137"/>
      <c r="AT3284" s="137"/>
      <c r="AU3284" s="137"/>
      <c r="AV3284" s="137"/>
      <c r="AW3284" s="144"/>
    </row>
    <row r="3285" spans="2:49" x14ac:dyDescent="0.2">
      <c r="B3285" s="97"/>
      <c r="J3285" s="98"/>
      <c r="K3285" s="97"/>
      <c r="N3285" s="3"/>
      <c r="W3285" s="98"/>
      <c r="Z3285" s="143"/>
      <c r="AA3285" s="137"/>
      <c r="AB3285" s="137"/>
      <c r="AC3285" s="137"/>
      <c r="AD3285" s="137"/>
      <c r="AE3285" s="137"/>
      <c r="AF3285" s="137"/>
      <c r="AG3285" s="137"/>
      <c r="AH3285" s="137"/>
      <c r="AI3285" s="137"/>
      <c r="AJ3285" s="137"/>
      <c r="AK3285" s="206"/>
      <c r="AL3285" s="206"/>
      <c r="AM3285" s="143"/>
      <c r="AN3285" s="137"/>
      <c r="AO3285" s="137"/>
      <c r="AP3285" s="137"/>
      <c r="AQ3285" s="137"/>
      <c r="AR3285" s="137"/>
      <c r="AS3285" s="137"/>
      <c r="AT3285" s="137"/>
      <c r="AU3285" s="137"/>
      <c r="AV3285" s="137"/>
      <c r="AW3285" s="144"/>
    </row>
    <row r="3286" spans="2:49" x14ac:dyDescent="0.2">
      <c r="B3286" s="97"/>
      <c r="J3286" s="98"/>
      <c r="K3286" s="97"/>
      <c r="N3286" s="3"/>
      <c r="W3286" s="98"/>
      <c r="Z3286" s="143"/>
      <c r="AA3286" s="137"/>
      <c r="AB3286" s="137"/>
      <c r="AC3286" s="137"/>
      <c r="AD3286" s="137"/>
      <c r="AE3286" s="137"/>
      <c r="AF3286" s="137"/>
      <c r="AG3286" s="137"/>
      <c r="AH3286" s="137"/>
      <c r="AI3286" s="137"/>
      <c r="AJ3286" s="137"/>
      <c r="AK3286" s="206"/>
      <c r="AL3286" s="206"/>
      <c r="AM3286" s="143"/>
      <c r="AN3286" s="137"/>
      <c r="AO3286" s="137"/>
      <c r="AP3286" s="137"/>
      <c r="AQ3286" s="137"/>
      <c r="AR3286" s="137"/>
      <c r="AS3286" s="137"/>
      <c r="AT3286" s="137"/>
      <c r="AU3286" s="137"/>
      <c r="AV3286" s="137"/>
      <c r="AW3286" s="144"/>
    </row>
    <row r="3287" spans="2:49" x14ac:dyDescent="0.2">
      <c r="B3287" s="97"/>
      <c r="J3287" s="98"/>
      <c r="K3287" s="97"/>
      <c r="N3287" s="3"/>
      <c r="W3287" s="98"/>
      <c r="Z3287" s="143"/>
      <c r="AA3287" s="137"/>
      <c r="AB3287" s="137"/>
      <c r="AC3287" s="137"/>
      <c r="AD3287" s="137"/>
      <c r="AE3287" s="137"/>
      <c r="AF3287" s="137"/>
      <c r="AG3287" s="137"/>
      <c r="AH3287" s="137"/>
      <c r="AI3287" s="137"/>
      <c r="AJ3287" s="137"/>
      <c r="AK3287" s="206"/>
      <c r="AL3287" s="206"/>
      <c r="AM3287" s="143"/>
      <c r="AN3287" s="137"/>
      <c r="AO3287" s="137"/>
      <c r="AP3287" s="137"/>
      <c r="AQ3287" s="137"/>
      <c r="AR3287" s="137"/>
      <c r="AS3287" s="137"/>
      <c r="AT3287" s="137"/>
      <c r="AU3287" s="137"/>
      <c r="AV3287" s="137"/>
      <c r="AW3287" s="144"/>
    </row>
    <row r="3288" spans="2:49" x14ac:dyDescent="0.2">
      <c r="B3288" s="97"/>
      <c r="J3288" s="98"/>
      <c r="K3288" s="97"/>
      <c r="N3288" s="3"/>
      <c r="W3288" s="98"/>
      <c r="Z3288" s="143"/>
      <c r="AA3288" s="137"/>
      <c r="AB3288" s="137"/>
      <c r="AC3288" s="137"/>
      <c r="AD3288" s="137"/>
      <c r="AE3288" s="137"/>
      <c r="AF3288" s="137"/>
      <c r="AG3288" s="137"/>
      <c r="AH3288" s="137"/>
      <c r="AI3288" s="137"/>
      <c r="AJ3288" s="137"/>
      <c r="AK3288" s="206"/>
      <c r="AL3288" s="206"/>
      <c r="AM3288" s="143"/>
      <c r="AN3288" s="137"/>
      <c r="AO3288" s="137"/>
      <c r="AP3288" s="137"/>
      <c r="AQ3288" s="137"/>
      <c r="AR3288" s="137"/>
      <c r="AS3288" s="137"/>
      <c r="AT3288" s="137"/>
      <c r="AU3288" s="137"/>
      <c r="AV3288" s="137"/>
      <c r="AW3288" s="144"/>
    </row>
    <row r="3289" spans="2:49" x14ac:dyDescent="0.2">
      <c r="B3289" s="97"/>
      <c r="J3289" s="98"/>
      <c r="K3289" s="97"/>
      <c r="N3289" s="3"/>
      <c r="W3289" s="98"/>
      <c r="Z3289" s="143"/>
      <c r="AA3289" s="137"/>
      <c r="AB3289" s="137"/>
      <c r="AC3289" s="137"/>
      <c r="AD3289" s="137"/>
      <c r="AE3289" s="137"/>
      <c r="AF3289" s="137"/>
      <c r="AG3289" s="137"/>
      <c r="AH3289" s="137"/>
      <c r="AI3289" s="137"/>
      <c r="AJ3289" s="137"/>
      <c r="AK3289" s="206"/>
      <c r="AL3289" s="206"/>
      <c r="AM3289" s="143"/>
      <c r="AN3289" s="137"/>
      <c r="AO3289" s="137"/>
      <c r="AP3289" s="137"/>
      <c r="AQ3289" s="137"/>
      <c r="AR3289" s="137"/>
      <c r="AS3289" s="137"/>
      <c r="AT3289" s="137"/>
      <c r="AU3289" s="137"/>
      <c r="AV3289" s="137"/>
      <c r="AW3289" s="144"/>
    </row>
    <row r="3290" spans="2:49" x14ac:dyDescent="0.2">
      <c r="B3290" s="97"/>
      <c r="J3290" s="98"/>
      <c r="K3290" s="97"/>
      <c r="N3290" s="3"/>
      <c r="W3290" s="98"/>
      <c r="Z3290" s="143"/>
      <c r="AA3290" s="137"/>
      <c r="AB3290" s="137"/>
      <c r="AC3290" s="137"/>
      <c r="AD3290" s="137"/>
      <c r="AE3290" s="137"/>
      <c r="AF3290" s="137"/>
      <c r="AG3290" s="137"/>
      <c r="AH3290" s="137"/>
      <c r="AI3290" s="137"/>
      <c r="AJ3290" s="137"/>
      <c r="AK3290" s="206"/>
      <c r="AL3290" s="206"/>
      <c r="AM3290" s="143"/>
      <c r="AN3290" s="137"/>
      <c r="AO3290" s="137"/>
      <c r="AP3290" s="137"/>
      <c r="AQ3290" s="137"/>
      <c r="AR3290" s="137"/>
      <c r="AS3290" s="137"/>
      <c r="AT3290" s="137"/>
      <c r="AU3290" s="137"/>
      <c r="AV3290" s="137"/>
      <c r="AW3290" s="144"/>
    </row>
    <row r="3291" spans="2:49" x14ac:dyDescent="0.2">
      <c r="B3291" s="97"/>
      <c r="J3291" s="98"/>
      <c r="K3291" s="97"/>
      <c r="N3291" s="3"/>
      <c r="W3291" s="98"/>
      <c r="Z3291" s="143"/>
      <c r="AA3291" s="137"/>
      <c r="AB3291" s="137"/>
      <c r="AC3291" s="137"/>
      <c r="AD3291" s="137"/>
      <c r="AE3291" s="137"/>
      <c r="AF3291" s="137"/>
      <c r="AG3291" s="137"/>
      <c r="AH3291" s="137"/>
      <c r="AI3291" s="137"/>
      <c r="AJ3291" s="137"/>
      <c r="AK3291" s="206"/>
      <c r="AL3291" s="206"/>
      <c r="AM3291" s="143"/>
      <c r="AN3291" s="137"/>
      <c r="AO3291" s="137"/>
      <c r="AP3291" s="137"/>
      <c r="AQ3291" s="137"/>
      <c r="AR3291" s="137"/>
      <c r="AS3291" s="137"/>
      <c r="AT3291" s="137"/>
      <c r="AU3291" s="137"/>
      <c r="AV3291" s="137"/>
      <c r="AW3291" s="144"/>
    </row>
    <row r="3292" spans="2:49" x14ac:dyDescent="0.2">
      <c r="B3292" s="97"/>
      <c r="J3292" s="98"/>
      <c r="K3292" s="97"/>
      <c r="N3292" s="3"/>
      <c r="W3292" s="98"/>
      <c r="Z3292" s="143"/>
      <c r="AA3292" s="137"/>
      <c r="AB3292" s="137"/>
      <c r="AC3292" s="137"/>
      <c r="AD3292" s="137"/>
      <c r="AE3292" s="137"/>
      <c r="AF3292" s="137"/>
      <c r="AG3292" s="137"/>
      <c r="AH3292" s="137"/>
      <c r="AI3292" s="137"/>
      <c r="AJ3292" s="137"/>
      <c r="AK3292" s="206"/>
      <c r="AL3292" s="206"/>
      <c r="AM3292" s="143"/>
      <c r="AN3292" s="137"/>
      <c r="AO3292" s="137"/>
      <c r="AP3292" s="137"/>
      <c r="AQ3292" s="137"/>
      <c r="AR3292" s="137"/>
      <c r="AS3292" s="137"/>
      <c r="AT3292" s="137"/>
      <c r="AU3292" s="137"/>
      <c r="AV3292" s="137"/>
      <c r="AW3292" s="144"/>
    </row>
    <row r="3293" spans="2:49" x14ac:dyDescent="0.2">
      <c r="B3293" s="97"/>
      <c r="J3293" s="98"/>
      <c r="K3293" s="97"/>
      <c r="N3293" s="3"/>
      <c r="W3293" s="98"/>
      <c r="Z3293" s="143"/>
      <c r="AA3293" s="137"/>
      <c r="AB3293" s="137"/>
      <c r="AC3293" s="137"/>
      <c r="AD3293" s="137"/>
      <c r="AE3293" s="137"/>
      <c r="AF3293" s="137"/>
      <c r="AG3293" s="137"/>
      <c r="AH3293" s="137"/>
      <c r="AI3293" s="137"/>
      <c r="AJ3293" s="137"/>
      <c r="AK3293" s="206"/>
      <c r="AL3293" s="206"/>
      <c r="AM3293" s="143"/>
      <c r="AN3293" s="137"/>
      <c r="AO3293" s="137"/>
      <c r="AP3293" s="137"/>
      <c r="AQ3293" s="137"/>
      <c r="AR3293" s="137"/>
      <c r="AS3293" s="137"/>
      <c r="AT3293" s="137"/>
      <c r="AU3293" s="137"/>
      <c r="AV3293" s="137"/>
      <c r="AW3293" s="144"/>
    </row>
    <row r="3294" spans="2:49" x14ac:dyDescent="0.2">
      <c r="B3294" s="97"/>
      <c r="J3294" s="98"/>
      <c r="K3294" s="97"/>
      <c r="N3294" s="3"/>
      <c r="W3294" s="98"/>
      <c r="Z3294" s="143"/>
      <c r="AA3294" s="137"/>
      <c r="AB3294" s="137"/>
      <c r="AC3294" s="137"/>
      <c r="AD3294" s="137"/>
      <c r="AE3294" s="137"/>
      <c r="AF3294" s="137"/>
      <c r="AG3294" s="137"/>
      <c r="AH3294" s="137"/>
      <c r="AI3294" s="137"/>
      <c r="AJ3294" s="137"/>
      <c r="AK3294" s="206"/>
      <c r="AL3294" s="206"/>
      <c r="AM3294" s="143"/>
      <c r="AN3294" s="137"/>
      <c r="AO3294" s="137"/>
      <c r="AP3294" s="137"/>
      <c r="AQ3294" s="137"/>
      <c r="AR3294" s="137"/>
      <c r="AS3294" s="137"/>
      <c r="AT3294" s="137"/>
      <c r="AU3294" s="137"/>
      <c r="AV3294" s="137"/>
      <c r="AW3294" s="144"/>
    </row>
    <row r="3295" spans="2:49" x14ac:dyDescent="0.2">
      <c r="B3295" s="97"/>
      <c r="J3295" s="98"/>
      <c r="K3295" s="97"/>
      <c r="N3295" s="3"/>
      <c r="W3295" s="98"/>
      <c r="Z3295" s="143"/>
      <c r="AA3295" s="137"/>
      <c r="AB3295" s="137"/>
      <c r="AC3295" s="137"/>
      <c r="AD3295" s="137"/>
      <c r="AE3295" s="137"/>
      <c r="AF3295" s="137"/>
      <c r="AG3295" s="137"/>
      <c r="AH3295" s="137"/>
      <c r="AI3295" s="137"/>
      <c r="AJ3295" s="137"/>
      <c r="AK3295" s="206"/>
      <c r="AL3295" s="206"/>
      <c r="AM3295" s="143"/>
      <c r="AN3295" s="137"/>
      <c r="AO3295" s="137"/>
      <c r="AP3295" s="137"/>
      <c r="AQ3295" s="137"/>
      <c r="AR3295" s="137"/>
      <c r="AS3295" s="137"/>
      <c r="AT3295" s="137"/>
      <c r="AU3295" s="137"/>
      <c r="AV3295" s="137"/>
      <c r="AW3295" s="144"/>
    </row>
    <row r="3296" spans="2:49" x14ac:dyDescent="0.2">
      <c r="B3296" s="97"/>
      <c r="J3296" s="98"/>
      <c r="K3296" s="97"/>
      <c r="N3296" s="3"/>
      <c r="W3296" s="98"/>
      <c r="Z3296" s="143"/>
      <c r="AA3296" s="137"/>
      <c r="AB3296" s="137"/>
      <c r="AC3296" s="137"/>
      <c r="AD3296" s="137"/>
      <c r="AE3296" s="137"/>
      <c r="AF3296" s="137"/>
      <c r="AG3296" s="137"/>
      <c r="AH3296" s="137"/>
      <c r="AI3296" s="137"/>
      <c r="AJ3296" s="137"/>
      <c r="AK3296" s="206"/>
      <c r="AL3296" s="206"/>
      <c r="AM3296" s="143"/>
      <c r="AN3296" s="137"/>
      <c r="AO3296" s="137"/>
      <c r="AP3296" s="137"/>
      <c r="AQ3296" s="137"/>
      <c r="AR3296" s="137"/>
      <c r="AS3296" s="137"/>
      <c r="AT3296" s="137"/>
      <c r="AU3296" s="137"/>
      <c r="AV3296" s="137"/>
      <c r="AW3296" s="144"/>
    </row>
    <row r="3297" spans="2:49" x14ac:dyDescent="0.2">
      <c r="B3297" s="97"/>
      <c r="J3297" s="98"/>
      <c r="K3297" s="97"/>
      <c r="N3297" s="3"/>
      <c r="W3297" s="98"/>
      <c r="Z3297" s="143"/>
      <c r="AA3297" s="137"/>
      <c r="AB3297" s="137"/>
      <c r="AC3297" s="137"/>
      <c r="AD3297" s="137"/>
      <c r="AE3297" s="137"/>
      <c r="AF3297" s="137"/>
      <c r="AG3297" s="137"/>
      <c r="AH3297" s="137"/>
      <c r="AI3297" s="137"/>
      <c r="AJ3297" s="137"/>
      <c r="AK3297" s="206"/>
      <c r="AL3297" s="206"/>
      <c r="AM3297" s="143"/>
      <c r="AN3297" s="137"/>
      <c r="AO3297" s="137"/>
      <c r="AP3297" s="137"/>
      <c r="AQ3297" s="137"/>
      <c r="AR3297" s="137"/>
      <c r="AS3297" s="137"/>
      <c r="AT3297" s="137"/>
      <c r="AU3297" s="137"/>
      <c r="AV3297" s="137"/>
      <c r="AW3297" s="144"/>
    </row>
    <row r="3298" spans="2:49" x14ac:dyDescent="0.2">
      <c r="B3298" s="97"/>
      <c r="J3298" s="98"/>
      <c r="K3298" s="97"/>
      <c r="N3298" s="3"/>
      <c r="W3298" s="98"/>
      <c r="Z3298" s="143"/>
      <c r="AA3298" s="137"/>
      <c r="AB3298" s="137"/>
      <c r="AC3298" s="137"/>
      <c r="AD3298" s="137"/>
      <c r="AE3298" s="137"/>
      <c r="AF3298" s="137"/>
      <c r="AG3298" s="137"/>
      <c r="AH3298" s="137"/>
      <c r="AI3298" s="137"/>
      <c r="AJ3298" s="137"/>
      <c r="AK3298" s="206"/>
      <c r="AL3298" s="206"/>
      <c r="AM3298" s="143"/>
      <c r="AN3298" s="137"/>
      <c r="AO3298" s="137"/>
      <c r="AP3298" s="137"/>
      <c r="AQ3298" s="137"/>
      <c r="AR3298" s="137"/>
      <c r="AS3298" s="137"/>
      <c r="AT3298" s="137"/>
      <c r="AU3298" s="137"/>
      <c r="AV3298" s="137"/>
      <c r="AW3298" s="144"/>
    </row>
    <row r="3299" spans="2:49" x14ac:dyDescent="0.2">
      <c r="B3299" s="97"/>
      <c r="J3299" s="98"/>
      <c r="K3299" s="97"/>
      <c r="N3299" s="3"/>
      <c r="W3299" s="98"/>
      <c r="Z3299" s="143"/>
      <c r="AA3299" s="137"/>
      <c r="AB3299" s="137"/>
      <c r="AC3299" s="137"/>
      <c r="AD3299" s="137"/>
      <c r="AE3299" s="137"/>
      <c r="AF3299" s="137"/>
      <c r="AG3299" s="137"/>
      <c r="AH3299" s="137"/>
      <c r="AI3299" s="137"/>
      <c r="AJ3299" s="137"/>
      <c r="AK3299" s="206"/>
      <c r="AL3299" s="206"/>
      <c r="AM3299" s="143"/>
      <c r="AN3299" s="137"/>
      <c r="AO3299" s="137"/>
      <c r="AP3299" s="137"/>
      <c r="AQ3299" s="137"/>
      <c r="AR3299" s="137"/>
      <c r="AS3299" s="137"/>
      <c r="AT3299" s="137"/>
      <c r="AU3299" s="137"/>
      <c r="AV3299" s="137"/>
      <c r="AW3299" s="144"/>
    </row>
    <row r="3300" spans="2:49" x14ac:dyDescent="0.2">
      <c r="B3300" s="97"/>
      <c r="J3300" s="98"/>
      <c r="K3300" s="97"/>
      <c r="N3300" s="3"/>
      <c r="W3300" s="98"/>
      <c r="Z3300" s="143"/>
      <c r="AA3300" s="137"/>
      <c r="AB3300" s="137"/>
      <c r="AC3300" s="137"/>
      <c r="AD3300" s="137"/>
      <c r="AE3300" s="137"/>
      <c r="AF3300" s="137"/>
      <c r="AG3300" s="137"/>
      <c r="AH3300" s="137"/>
      <c r="AI3300" s="137"/>
      <c r="AJ3300" s="137"/>
      <c r="AK3300" s="206"/>
      <c r="AL3300" s="206"/>
      <c r="AM3300" s="143"/>
      <c r="AN3300" s="137"/>
      <c r="AO3300" s="137"/>
      <c r="AP3300" s="137"/>
      <c r="AQ3300" s="137"/>
      <c r="AR3300" s="137"/>
      <c r="AS3300" s="137"/>
      <c r="AT3300" s="137"/>
      <c r="AU3300" s="137"/>
      <c r="AV3300" s="137"/>
      <c r="AW3300" s="144"/>
    </row>
    <row r="3301" spans="2:49" x14ac:dyDescent="0.2">
      <c r="B3301" s="97"/>
      <c r="J3301" s="98"/>
      <c r="K3301" s="97"/>
      <c r="N3301" s="3"/>
      <c r="W3301" s="98"/>
      <c r="Z3301" s="143"/>
      <c r="AA3301" s="137"/>
      <c r="AB3301" s="137"/>
      <c r="AC3301" s="137"/>
      <c r="AD3301" s="137"/>
      <c r="AE3301" s="137"/>
      <c r="AF3301" s="137"/>
      <c r="AG3301" s="137"/>
      <c r="AH3301" s="137"/>
      <c r="AI3301" s="137"/>
      <c r="AJ3301" s="137"/>
      <c r="AK3301" s="206"/>
      <c r="AL3301" s="206"/>
      <c r="AM3301" s="143"/>
      <c r="AN3301" s="137"/>
      <c r="AO3301" s="137"/>
      <c r="AP3301" s="137"/>
      <c r="AQ3301" s="137"/>
      <c r="AR3301" s="137"/>
      <c r="AS3301" s="137"/>
      <c r="AT3301" s="137"/>
      <c r="AU3301" s="137"/>
      <c r="AV3301" s="137"/>
      <c r="AW3301" s="144"/>
    </row>
    <row r="3302" spans="2:49" x14ac:dyDescent="0.2">
      <c r="B3302" s="97"/>
      <c r="J3302" s="98"/>
      <c r="K3302" s="97"/>
      <c r="N3302" s="3"/>
      <c r="W3302" s="98"/>
      <c r="Z3302" s="143"/>
      <c r="AA3302" s="137"/>
      <c r="AB3302" s="137"/>
      <c r="AC3302" s="137"/>
      <c r="AD3302" s="137"/>
      <c r="AE3302" s="137"/>
      <c r="AF3302" s="137"/>
      <c r="AG3302" s="137"/>
      <c r="AH3302" s="137"/>
      <c r="AI3302" s="137"/>
      <c r="AJ3302" s="137"/>
      <c r="AK3302" s="206"/>
      <c r="AL3302" s="206"/>
      <c r="AM3302" s="143"/>
      <c r="AN3302" s="137"/>
      <c r="AO3302" s="137"/>
      <c r="AP3302" s="137"/>
      <c r="AQ3302" s="137"/>
      <c r="AR3302" s="137"/>
      <c r="AS3302" s="137"/>
      <c r="AT3302" s="137"/>
      <c r="AU3302" s="137"/>
      <c r="AV3302" s="137"/>
      <c r="AW3302" s="144"/>
    </row>
    <row r="3303" spans="2:49" x14ac:dyDescent="0.2">
      <c r="B3303" s="97"/>
      <c r="J3303" s="98"/>
      <c r="K3303" s="97"/>
      <c r="N3303" s="3"/>
      <c r="W3303" s="98"/>
      <c r="Z3303" s="143"/>
      <c r="AA3303" s="137"/>
      <c r="AB3303" s="137"/>
      <c r="AC3303" s="137"/>
      <c r="AD3303" s="137"/>
      <c r="AE3303" s="137"/>
      <c r="AF3303" s="137"/>
      <c r="AG3303" s="137"/>
      <c r="AH3303" s="137"/>
      <c r="AI3303" s="137"/>
      <c r="AJ3303" s="137"/>
      <c r="AK3303" s="206"/>
      <c r="AL3303" s="206"/>
      <c r="AM3303" s="143"/>
      <c r="AN3303" s="137"/>
      <c r="AO3303" s="137"/>
      <c r="AP3303" s="137"/>
      <c r="AQ3303" s="137"/>
      <c r="AR3303" s="137"/>
      <c r="AS3303" s="137"/>
      <c r="AT3303" s="137"/>
      <c r="AU3303" s="137"/>
      <c r="AV3303" s="137"/>
      <c r="AW3303" s="144"/>
    </row>
    <row r="3304" spans="2:49" x14ac:dyDescent="0.2">
      <c r="B3304" s="97"/>
      <c r="J3304" s="98"/>
      <c r="K3304" s="97"/>
      <c r="N3304" s="3"/>
      <c r="W3304" s="98"/>
      <c r="Z3304" s="143"/>
      <c r="AA3304" s="137"/>
      <c r="AB3304" s="137"/>
      <c r="AC3304" s="137"/>
      <c r="AD3304" s="137"/>
      <c r="AE3304" s="137"/>
      <c r="AF3304" s="137"/>
      <c r="AG3304" s="137"/>
      <c r="AH3304" s="137"/>
      <c r="AI3304" s="137"/>
      <c r="AJ3304" s="137"/>
      <c r="AK3304" s="206"/>
      <c r="AL3304" s="206"/>
      <c r="AM3304" s="143"/>
      <c r="AN3304" s="137"/>
      <c r="AO3304" s="137"/>
      <c r="AP3304" s="137"/>
      <c r="AQ3304" s="137"/>
      <c r="AR3304" s="137"/>
      <c r="AS3304" s="137"/>
      <c r="AT3304" s="137"/>
      <c r="AU3304" s="137"/>
      <c r="AV3304" s="137"/>
      <c r="AW3304" s="144"/>
    </row>
    <row r="3305" spans="2:49" x14ac:dyDescent="0.2">
      <c r="B3305" s="97"/>
      <c r="J3305" s="98"/>
      <c r="K3305" s="97"/>
      <c r="N3305" s="3"/>
      <c r="W3305" s="98"/>
      <c r="Z3305" s="143"/>
      <c r="AA3305" s="137"/>
      <c r="AB3305" s="137"/>
      <c r="AC3305" s="137"/>
      <c r="AD3305" s="137"/>
      <c r="AE3305" s="137"/>
      <c r="AF3305" s="137"/>
      <c r="AG3305" s="137"/>
      <c r="AH3305" s="137"/>
      <c r="AI3305" s="137"/>
      <c r="AJ3305" s="137"/>
      <c r="AK3305" s="206"/>
      <c r="AL3305" s="206"/>
      <c r="AM3305" s="143"/>
      <c r="AN3305" s="137"/>
      <c r="AO3305" s="137"/>
      <c r="AP3305" s="137"/>
      <c r="AQ3305" s="137"/>
      <c r="AR3305" s="137"/>
      <c r="AS3305" s="137"/>
      <c r="AT3305" s="137"/>
      <c r="AU3305" s="137"/>
      <c r="AV3305" s="137"/>
      <c r="AW3305" s="144"/>
    </row>
    <row r="3306" spans="2:49" x14ac:dyDescent="0.2">
      <c r="B3306" s="97"/>
      <c r="J3306" s="98"/>
      <c r="K3306" s="97"/>
      <c r="N3306" s="3"/>
      <c r="W3306" s="98"/>
      <c r="Z3306" s="143"/>
      <c r="AA3306" s="137"/>
      <c r="AB3306" s="137"/>
      <c r="AC3306" s="137"/>
      <c r="AD3306" s="137"/>
      <c r="AE3306" s="137"/>
      <c r="AF3306" s="137"/>
      <c r="AG3306" s="137"/>
      <c r="AH3306" s="137"/>
      <c r="AI3306" s="137"/>
      <c r="AJ3306" s="137"/>
      <c r="AK3306" s="206"/>
      <c r="AL3306" s="206"/>
      <c r="AM3306" s="143"/>
      <c r="AN3306" s="137"/>
      <c r="AO3306" s="137"/>
      <c r="AP3306" s="137"/>
      <c r="AQ3306" s="137"/>
      <c r="AR3306" s="137"/>
      <c r="AS3306" s="137"/>
      <c r="AT3306" s="137"/>
      <c r="AU3306" s="137"/>
      <c r="AV3306" s="137"/>
      <c r="AW3306" s="144"/>
    </row>
    <row r="3307" spans="2:49" x14ac:dyDescent="0.2">
      <c r="B3307" s="97"/>
      <c r="J3307" s="98"/>
      <c r="K3307" s="97"/>
      <c r="N3307" s="3"/>
      <c r="W3307" s="98"/>
      <c r="Z3307" s="143"/>
      <c r="AA3307" s="137"/>
      <c r="AB3307" s="137"/>
      <c r="AC3307" s="137"/>
      <c r="AD3307" s="137"/>
      <c r="AE3307" s="137"/>
      <c r="AF3307" s="137"/>
      <c r="AG3307" s="137"/>
      <c r="AH3307" s="137"/>
      <c r="AI3307" s="137"/>
      <c r="AJ3307" s="137"/>
      <c r="AK3307" s="206"/>
      <c r="AL3307" s="206"/>
      <c r="AM3307" s="143"/>
      <c r="AN3307" s="137"/>
      <c r="AO3307" s="137"/>
      <c r="AP3307" s="137"/>
      <c r="AQ3307" s="137"/>
      <c r="AR3307" s="137"/>
      <c r="AS3307" s="137"/>
      <c r="AT3307" s="137"/>
      <c r="AU3307" s="137"/>
      <c r="AV3307" s="137"/>
      <c r="AW3307" s="144"/>
    </row>
    <row r="3308" spans="2:49" x14ac:dyDescent="0.2">
      <c r="B3308" s="97"/>
      <c r="J3308" s="98"/>
      <c r="K3308" s="97"/>
      <c r="N3308" s="3"/>
      <c r="W3308" s="98"/>
      <c r="Z3308" s="143"/>
      <c r="AA3308" s="137"/>
      <c r="AB3308" s="137"/>
      <c r="AC3308" s="137"/>
      <c r="AD3308" s="137"/>
      <c r="AE3308" s="137"/>
      <c r="AF3308" s="137"/>
      <c r="AG3308" s="137"/>
      <c r="AH3308" s="137"/>
      <c r="AI3308" s="137"/>
      <c r="AJ3308" s="137"/>
      <c r="AK3308" s="206"/>
      <c r="AL3308" s="206"/>
      <c r="AM3308" s="143"/>
      <c r="AN3308" s="137"/>
      <c r="AO3308" s="137"/>
      <c r="AP3308" s="137"/>
      <c r="AQ3308" s="137"/>
      <c r="AR3308" s="137"/>
      <c r="AS3308" s="137"/>
      <c r="AT3308" s="137"/>
      <c r="AU3308" s="137"/>
      <c r="AV3308" s="137"/>
      <c r="AW3308" s="144"/>
    </row>
    <row r="3309" spans="2:49" x14ac:dyDescent="0.2">
      <c r="B3309" s="97"/>
      <c r="J3309" s="98"/>
      <c r="K3309" s="97"/>
      <c r="N3309" s="3"/>
      <c r="W3309" s="98"/>
      <c r="Z3309" s="143"/>
      <c r="AA3309" s="137"/>
      <c r="AB3309" s="137"/>
      <c r="AC3309" s="137"/>
      <c r="AD3309" s="137"/>
      <c r="AE3309" s="137"/>
      <c r="AF3309" s="137"/>
      <c r="AG3309" s="137"/>
      <c r="AH3309" s="137"/>
      <c r="AI3309" s="137"/>
      <c r="AJ3309" s="137"/>
      <c r="AK3309" s="206"/>
      <c r="AL3309" s="206"/>
      <c r="AM3309" s="143"/>
      <c r="AN3309" s="137"/>
      <c r="AO3309" s="137"/>
      <c r="AP3309" s="137"/>
      <c r="AQ3309" s="137"/>
      <c r="AR3309" s="137"/>
      <c r="AS3309" s="137"/>
      <c r="AT3309" s="137"/>
      <c r="AU3309" s="137"/>
      <c r="AV3309" s="137"/>
      <c r="AW3309" s="144"/>
    </row>
    <row r="3310" spans="2:49" x14ac:dyDescent="0.2">
      <c r="B3310" s="97"/>
      <c r="J3310" s="98"/>
      <c r="K3310" s="97"/>
      <c r="N3310" s="3"/>
      <c r="W3310" s="98"/>
      <c r="Z3310" s="143"/>
      <c r="AA3310" s="137"/>
      <c r="AB3310" s="137"/>
      <c r="AC3310" s="137"/>
      <c r="AD3310" s="137"/>
      <c r="AE3310" s="137"/>
      <c r="AF3310" s="137"/>
      <c r="AG3310" s="137"/>
      <c r="AH3310" s="137"/>
      <c r="AI3310" s="137"/>
      <c r="AJ3310" s="137"/>
      <c r="AK3310" s="206"/>
      <c r="AL3310" s="206"/>
      <c r="AM3310" s="143"/>
      <c r="AN3310" s="137"/>
      <c r="AO3310" s="137"/>
      <c r="AP3310" s="137"/>
      <c r="AQ3310" s="137"/>
      <c r="AR3310" s="137"/>
      <c r="AS3310" s="137"/>
      <c r="AT3310" s="137"/>
      <c r="AU3310" s="137"/>
      <c r="AV3310" s="137"/>
      <c r="AW3310" s="144"/>
    </row>
    <row r="3311" spans="2:49" x14ac:dyDescent="0.2">
      <c r="B3311" s="97"/>
      <c r="J3311" s="98"/>
      <c r="K3311" s="97"/>
      <c r="N3311" s="3"/>
      <c r="W3311" s="98"/>
      <c r="Z3311" s="143"/>
      <c r="AA3311" s="137"/>
      <c r="AB3311" s="137"/>
      <c r="AC3311" s="137"/>
      <c r="AD3311" s="137"/>
      <c r="AE3311" s="137"/>
      <c r="AF3311" s="137"/>
      <c r="AG3311" s="137"/>
      <c r="AH3311" s="137"/>
      <c r="AI3311" s="137"/>
      <c r="AJ3311" s="137"/>
      <c r="AK3311" s="206"/>
      <c r="AL3311" s="206"/>
      <c r="AM3311" s="143"/>
      <c r="AN3311" s="137"/>
      <c r="AO3311" s="137"/>
      <c r="AP3311" s="137"/>
      <c r="AQ3311" s="137"/>
      <c r="AR3311" s="137"/>
      <c r="AS3311" s="137"/>
      <c r="AT3311" s="137"/>
      <c r="AU3311" s="137"/>
      <c r="AV3311" s="137"/>
      <c r="AW3311" s="144"/>
    </row>
    <row r="3312" spans="2:49" x14ac:dyDescent="0.2">
      <c r="B3312" s="97"/>
      <c r="J3312" s="98"/>
      <c r="K3312" s="97"/>
      <c r="N3312" s="3"/>
      <c r="W3312" s="98"/>
      <c r="Z3312" s="143"/>
      <c r="AA3312" s="137"/>
      <c r="AB3312" s="137"/>
      <c r="AC3312" s="137"/>
      <c r="AD3312" s="137"/>
      <c r="AE3312" s="137"/>
      <c r="AF3312" s="137"/>
      <c r="AG3312" s="137"/>
      <c r="AH3312" s="137"/>
      <c r="AI3312" s="137"/>
      <c r="AJ3312" s="137"/>
      <c r="AK3312" s="206"/>
      <c r="AL3312" s="206"/>
      <c r="AM3312" s="143"/>
      <c r="AN3312" s="137"/>
      <c r="AO3312" s="137"/>
      <c r="AP3312" s="137"/>
      <c r="AQ3312" s="137"/>
      <c r="AR3312" s="137"/>
      <c r="AS3312" s="137"/>
      <c r="AT3312" s="137"/>
      <c r="AU3312" s="137"/>
      <c r="AV3312" s="137"/>
      <c r="AW3312" s="144"/>
    </row>
    <row r="3313" spans="2:49" x14ac:dyDescent="0.2">
      <c r="B3313" s="97"/>
      <c r="J3313" s="98"/>
      <c r="K3313" s="97"/>
      <c r="N3313" s="3"/>
      <c r="W3313" s="98"/>
      <c r="Z3313" s="143"/>
      <c r="AA3313" s="137"/>
      <c r="AB3313" s="137"/>
      <c r="AC3313" s="137"/>
      <c r="AD3313" s="137"/>
      <c r="AE3313" s="137"/>
      <c r="AF3313" s="137"/>
      <c r="AG3313" s="137"/>
      <c r="AH3313" s="137"/>
      <c r="AI3313" s="137"/>
      <c r="AJ3313" s="137"/>
      <c r="AK3313" s="206"/>
      <c r="AL3313" s="206"/>
      <c r="AM3313" s="143"/>
      <c r="AN3313" s="137"/>
      <c r="AO3313" s="137"/>
      <c r="AP3313" s="137"/>
      <c r="AQ3313" s="137"/>
      <c r="AR3313" s="137"/>
      <c r="AS3313" s="137"/>
      <c r="AT3313" s="137"/>
      <c r="AU3313" s="137"/>
      <c r="AV3313" s="137"/>
      <c r="AW3313" s="144"/>
    </row>
    <row r="3314" spans="2:49" x14ac:dyDescent="0.2">
      <c r="B3314" s="97"/>
      <c r="J3314" s="98"/>
      <c r="K3314" s="97"/>
      <c r="N3314" s="3"/>
      <c r="W3314" s="98"/>
      <c r="Z3314" s="143"/>
      <c r="AA3314" s="137"/>
      <c r="AB3314" s="137"/>
      <c r="AC3314" s="137"/>
      <c r="AD3314" s="137"/>
      <c r="AE3314" s="137"/>
      <c r="AF3314" s="137"/>
      <c r="AG3314" s="137"/>
      <c r="AH3314" s="137"/>
      <c r="AI3314" s="137"/>
      <c r="AJ3314" s="137"/>
      <c r="AK3314" s="206"/>
      <c r="AL3314" s="206"/>
      <c r="AM3314" s="143"/>
      <c r="AN3314" s="137"/>
      <c r="AO3314" s="137"/>
      <c r="AP3314" s="137"/>
      <c r="AQ3314" s="137"/>
      <c r="AR3314" s="137"/>
      <c r="AS3314" s="137"/>
      <c r="AT3314" s="137"/>
      <c r="AU3314" s="137"/>
      <c r="AV3314" s="137"/>
      <c r="AW3314" s="144"/>
    </row>
    <row r="3315" spans="2:49" x14ac:dyDescent="0.2">
      <c r="B3315" s="97"/>
      <c r="J3315" s="98"/>
      <c r="K3315" s="97"/>
      <c r="N3315" s="3"/>
      <c r="W3315" s="98"/>
      <c r="Z3315" s="143"/>
      <c r="AA3315" s="137"/>
      <c r="AB3315" s="137"/>
      <c r="AC3315" s="137"/>
      <c r="AD3315" s="137"/>
      <c r="AE3315" s="137"/>
      <c r="AF3315" s="137"/>
      <c r="AG3315" s="137"/>
      <c r="AH3315" s="137"/>
      <c r="AI3315" s="137"/>
      <c r="AJ3315" s="137"/>
      <c r="AK3315" s="206"/>
      <c r="AL3315" s="206"/>
      <c r="AM3315" s="143"/>
      <c r="AN3315" s="137"/>
      <c r="AO3315" s="137"/>
      <c r="AP3315" s="137"/>
      <c r="AQ3315" s="137"/>
      <c r="AR3315" s="137"/>
      <c r="AS3315" s="137"/>
      <c r="AT3315" s="137"/>
      <c r="AU3315" s="137"/>
      <c r="AV3315" s="137"/>
      <c r="AW3315" s="144"/>
    </row>
    <row r="3316" spans="2:49" x14ac:dyDescent="0.2">
      <c r="B3316" s="97"/>
      <c r="J3316" s="98"/>
      <c r="K3316" s="97"/>
      <c r="N3316" s="3"/>
      <c r="W3316" s="98"/>
      <c r="Z3316" s="143"/>
      <c r="AA3316" s="137"/>
      <c r="AB3316" s="137"/>
      <c r="AC3316" s="137"/>
      <c r="AD3316" s="137"/>
      <c r="AE3316" s="137"/>
      <c r="AF3316" s="137"/>
      <c r="AG3316" s="137"/>
      <c r="AH3316" s="137"/>
      <c r="AI3316" s="137"/>
      <c r="AJ3316" s="137"/>
      <c r="AK3316" s="206"/>
      <c r="AL3316" s="206"/>
      <c r="AM3316" s="143"/>
      <c r="AN3316" s="137"/>
      <c r="AO3316" s="137"/>
      <c r="AP3316" s="137"/>
      <c r="AQ3316" s="137"/>
      <c r="AR3316" s="137"/>
      <c r="AS3316" s="137"/>
      <c r="AT3316" s="137"/>
      <c r="AU3316" s="137"/>
      <c r="AV3316" s="137"/>
      <c r="AW3316" s="144"/>
    </row>
    <row r="3317" spans="2:49" x14ac:dyDescent="0.2">
      <c r="B3317" s="97"/>
      <c r="J3317" s="98"/>
      <c r="K3317" s="97"/>
      <c r="N3317" s="3"/>
      <c r="W3317" s="98"/>
      <c r="Z3317" s="143"/>
      <c r="AA3317" s="137"/>
      <c r="AB3317" s="137"/>
      <c r="AC3317" s="137"/>
      <c r="AD3317" s="137"/>
      <c r="AE3317" s="137"/>
      <c r="AF3317" s="137"/>
      <c r="AG3317" s="137"/>
      <c r="AH3317" s="137"/>
      <c r="AI3317" s="137"/>
      <c r="AJ3317" s="137"/>
      <c r="AK3317" s="206"/>
      <c r="AL3317" s="206"/>
      <c r="AM3317" s="143"/>
      <c r="AN3317" s="137"/>
      <c r="AO3317" s="137"/>
      <c r="AP3317" s="137"/>
      <c r="AQ3317" s="137"/>
      <c r="AR3317" s="137"/>
      <c r="AS3317" s="137"/>
      <c r="AT3317" s="137"/>
      <c r="AU3317" s="137"/>
      <c r="AV3317" s="137"/>
      <c r="AW3317" s="144"/>
    </row>
    <row r="3318" spans="2:49" x14ac:dyDescent="0.2">
      <c r="B3318" s="97"/>
      <c r="J3318" s="98"/>
      <c r="K3318" s="97"/>
      <c r="N3318" s="3"/>
      <c r="W3318" s="98"/>
      <c r="Z3318" s="143"/>
      <c r="AA3318" s="137"/>
      <c r="AB3318" s="137"/>
      <c r="AC3318" s="137"/>
      <c r="AD3318" s="137"/>
      <c r="AE3318" s="137"/>
      <c r="AF3318" s="137"/>
      <c r="AG3318" s="137"/>
      <c r="AH3318" s="137"/>
      <c r="AI3318" s="137"/>
      <c r="AJ3318" s="137"/>
      <c r="AK3318" s="206"/>
      <c r="AL3318" s="206"/>
      <c r="AM3318" s="143"/>
      <c r="AN3318" s="137"/>
      <c r="AO3318" s="137"/>
      <c r="AP3318" s="137"/>
      <c r="AQ3318" s="137"/>
      <c r="AR3318" s="137"/>
      <c r="AS3318" s="137"/>
      <c r="AT3318" s="137"/>
      <c r="AU3318" s="137"/>
      <c r="AV3318" s="137"/>
      <c r="AW3318" s="144"/>
    </row>
    <row r="3319" spans="2:49" x14ac:dyDescent="0.2">
      <c r="B3319" s="97"/>
      <c r="J3319" s="98"/>
      <c r="K3319" s="97"/>
      <c r="N3319" s="3"/>
      <c r="W3319" s="98"/>
      <c r="Z3319" s="143"/>
      <c r="AA3319" s="137"/>
      <c r="AB3319" s="137"/>
      <c r="AC3319" s="137"/>
      <c r="AD3319" s="137"/>
      <c r="AE3319" s="137"/>
      <c r="AF3319" s="137"/>
      <c r="AG3319" s="137"/>
      <c r="AH3319" s="137"/>
      <c r="AI3319" s="137"/>
      <c r="AJ3319" s="137"/>
      <c r="AK3319" s="206"/>
      <c r="AL3319" s="206"/>
      <c r="AM3319" s="143"/>
      <c r="AN3319" s="137"/>
      <c r="AO3319" s="137"/>
      <c r="AP3319" s="137"/>
      <c r="AQ3319" s="137"/>
      <c r="AR3319" s="137"/>
      <c r="AS3319" s="137"/>
      <c r="AT3319" s="137"/>
      <c r="AU3319" s="137"/>
      <c r="AV3319" s="137"/>
      <c r="AW3319" s="144"/>
    </row>
    <row r="3320" spans="2:49" x14ac:dyDescent="0.2">
      <c r="B3320" s="97"/>
      <c r="J3320" s="98"/>
      <c r="K3320" s="97"/>
      <c r="N3320" s="3"/>
      <c r="W3320" s="98"/>
      <c r="Z3320" s="143"/>
      <c r="AA3320" s="137"/>
      <c r="AB3320" s="137"/>
      <c r="AC3320" s="137"/>
      <c r="AD3320" s="137"/>
      <c r="AE3320" s="137"/>
      <c r="AF3320" s="137"/>
      <c r="AG3320" s="137"/>
      <c r="AH3320" s="137"/>
      <c r="AI3320" s="137"/>
      <c r="AJ3320" s="137"/>
      <c r="AK3320" s="206"/>
      <c r="AL3320" s="206"/>
      <c r="AM3320" s="143"/>
      <c r="AN3320" s="137"/>
      <c r="AO3320" s="137"/>
      <c r="AP3320" s="137"/>
      <c r="AQ3320" s="137"/>
      <c r="AR3320" s="137"/>
      <c r="AS3320" s="137"/>
      <c r="AT3320" s="137"/>
      <c r="AU3320" s="137"/>
      <c r="AV3320" s="137"/>
      <c r="AW3320" s="144"/>
    </row>
    <row r="3321" spans="2:49" x14ac:dyDescent="0.2">
      <c r="B3321" s="97"/>
      <c r="J3321" s="98"/>
      <c r="K3321" s="97"/>
      <c r="N3321" s="3"/>
      <c r="W3321" s="98"/>
      <c r="Z3321" s="143"/>
      <c r="AA3321" s="137"/>
      <c r="AB3321" s="137"/>
      <c r="AC3321" s="137"/>
      <c r="AD3321" s="137"/>
      <c r="AE3321" s="137"/>
      <c r="AF3321" s="137"/>
      <c r="AG3321" s="137"/>
      <c r="AH3321" s="137"/>
      <c r="AI3321" s="137"/>
      <c r="AJ3321" s="137"/>
      <c r="AK3321" s="206"/>
      <c r="AL3321" s="206"/>
      <c r="AM3321" s="143"/>
      <c r="AN3321" s="137"/>
      <c r="AO3321" s="137"/>
      <c r="AP3321" s="137"/>
      <c r="AQ3321" s="137"/>
      <c r="AR3321" s="137"/>
      <c r="AS3321" s="137"/>
      <c r="AT3321" s="137"/>
      <c r="AU3321" s="137"/>
      <c r="AV3321" s="137"/>
      <c r="AW3321" s="144"/>
    </row>
    <row r="3322" spans="2:49" x14ac:dyDescent="0.2">
      <c r="B3322" s="97"/>
      <c r="J3322" s="98"/>
      <c r="K3322" s="97"/>
      <c r="N3322" s="3"/>
      <c r="W3322" s="98"/>
      <c r="Z3322" s="143"/>
      <c r="AA3322" s="137"/>
      <c r="AB3322" s="137"/>
      <c r="AC3322" s="137"/>
      <c r="AD3322" s="137"/>
      <c r="AE3322" s="137"/>
      <c r="AF3322" s="137"/>
      <c r="AG3322" s="137"/>
      <c r="AH3322" s="137"/>
      <c r="AI3322" s="137"/>
      <c r="AJ3322" s="137"/>
      <c r="AK3322" s="206"/>
      <c r="AL3322" s="206"/>
      <c r="AM3322" s="143"/>
      <c r="AN3322" s="137"/>
      <c r="AO3322" s="137"/>
      <c r="AP3322" s="137"/>
      <c r="AQ3322" s="137"/>
      <c r="AR3322" s="137"/>
      <c r="AS3322" s="137"/>
      <c r="AT3322" s="137"/>
      <c r="AU3322" s="137"/>
      <c r="AV3322" s="137"/>
      <c r="AW3322" s="144"/>
    </row>
    <row r="3323" spans="2:49" x14ac:dyDescent="0.2">
      <c r="B3323" s="97"/>
      <c r="J3323" s="98"/>
      <c r="K3323" s="97"/>
      <c r="N3323" s="3"/>
      <c r="W3323" s="98"/>
      <c r="Z3323" s="143"/>
      <c r="AA3323" s="137"/>
      <c r="AB3323" s="137"/>
      <c r="AC3323" s="137"/>
      <c r="AD3323" s="137"/>
      <c r="AE3323" s="137"/>
      <c r="AF3323" s="137"/>
      <c r="AG3323" s="137"/>
      <c r="AH3323" s="137"/>
      <c r="AI3323" s="137"/>
      <c r="AJ3323" s="137"/>
      <c r="AK3323" s="206"/>
      <c r="AL3323" s="206"/>
      <c r="AM3323" s="143"/>
      <c r="AN3323" s="137"/>
      <c r="AO3323" s="137"/>
      <c r="AP3323" s="137"/>
      <c r="AQ3323" s="137"/>
      <c r="AR3323" s="137"/>
      <c r="AS3323" s="137"/>
      <c r="AT3323" s="137"/>
      <c r="AU3323" s="137"/>
      <c r="AV3323" s="137"/>
      <c r="AW3323" s="144"/>
    </row>
    <row r="3324" spans="2:49" x14ac:dyDescent="0.2">
      <c r="B3324" s="97"/>
      <c r="J3324" s="98"/>
      <c r="K3324" s="97"/>
      <c r="N3324" s="3"/>
      <c r="W3324" s="98"/>
      <c r="Z3324" s="143"/>
      <c r="AA3324" s="137"/>
      <c r="AB3324" s="137"/>
      <c r="AC3324" s="137"/>
      <c r="AD3324" s="137"/>
      <c r="AE3324" s="137"/>
      <c r="AF3324" s="137"/>
      <c r="AG3324" s="137"/>
      <c r="AH3324" s="137"/>
      <c r="AI3324" s="137"/>
      <c r="AJ3324" s="137"/>
      <c r="AK3324" s="206"/>
      <c r="AL3324" s="206"/>
      <c r="AM3324" s="143"/>
      <c r="AN3324" s="137"/>
      <c r="AO3324" s="137"/>
      <c r="AP3324" s="137"/>
      <c r="AQ3324" s="137"/>
      <c r="AR3324" s="137"/>
      <c r="AS3324" s="137"/>
      <c r="AT3324" s="137"/>
      <c r="AU3324" s="137"/>
      <c r="AV3324" s="137"/>
      <c r="AW3324" s="144"/>
    </row>
    <row r="3325" spans="2:49" x14ac:dyDescent="0.2">
      <c r="B3325" s="97"/>
      <c r="J3325" s="98"/>
      <c r="K3325" s="97"/>
      <c r="N3325" s="3"/>
      <c r="W3325" s="98"/>
      <c r="Z3325" s="143"/>
      <c r="AA3325" s="137"/>
      <c r="AB3325" s="137"/>
      <c r="AC3325" s="137"/>
      <c r="AD3325" s="137"/>
      <c r="AE3325" s="137"/>
      <c r="AF3325" s="137"/>
      <c r="AG3325" s="137"/>
      <c r="AH3325" s="137"/>
      <c r="AI3325" s="137"/>
      <c r="AJ3325" s="137"/>
      <c r="AK3325" s="206"/>
      <c r="AL3325" s="206"/>
      <c r="AM3325" s="143"/>
      <c r="AN3325" s="137"/>
      <c r="AO3325" s="137"/>
      <c r="AP3325" s="137"/>
      <c r="AQ3325" s="137"/>
      <c r="AR3325" s="137"/>
      <c r="AS3325" s="137"/>
      <c r="AT3325" s="137"/>
      <c r="AU3325" s="137"/>
      <c r="AV3325" s="137"/>
      <c r="AW3325" s="144"/>
    </row>
    <row r="3326" spans="2:49" x14ac:dyDescent="0.2">
      <c r="B3326" s="97"/>
      <c r="J3326" s="98"/>
      <c r="K3326" s="97"/>
      <c r="N3326" s="3"/>
      <c r="W3326" s="98"/>
      <c r="Z3326" s="143"/>
      <c r="AA3326" s="137"/>
      <c r="AB3326" s="137"/>
      <c r="AC3326" s="137"/>
      <c r="AD3326" s="137"/>
      <c r="AE3326" s="137"/>
      <c r="AF3326" s="137"/>
      <c r="AG3326" s="137"/>
      <c r="AH3326" s="137"/>
      <c r="AI3326" s="137"/>
      <c r="AJ3326" s="137"/>
      <c r="AK3326" s="206"/>
      <c r="AL3326" s="206"/>
      <c r="AM3326" s="143"/>
      <c r="AN3326" s="137"/>
      <c r="AO3326" s="137"/>
      <c r="AP3326" s="137"/>
      <c r="AQ3326" s="137"/>
      <c r="AR3326" s="137"/>
      <c r="AS3326" s="137"/>
      <c r="AT3326" s="137"/>
      <c r="AU3326" s="137"/>
      <c r="AV3326" s="137"/>
      <c r="AW3326" s="144"/>
    </row>
    <row r="3327" spans="2:49" x14ac:dyDescent="0.2">
      <c r="B3327" s="97"/>
      <c r="J3327" s="98"/>
      <c r="K3327" s="97"/>
      <c r="N3327" s="3"/>
      <c r="W3327" s="98"/>
      <c r="Z3327" s="143"/>
      <c r="AA3327" s="137"/>
      <c r="AB3327" s="137"/>
      <c r="AC3327" s="137"/>
      <c r="AD3327" s="137"/>
      <c r="AE3327" s="137"/>
      <c r="AF3327" s="137"/>
      <c r="AG3327" s="137"/>
      <c r="AH3327" s="137"/>
      <c r="AI3327" s="137"/>
      <c r="AJ3327" s="137"/>
      <c r="AK3327" s="206"/>
      <c r="AL3327" s="206"/>
      <c r="AM3327" s="143"/>
      <c r="AN3327" s="137"/>
      <c r="AO3327" s="137"/>
      <c r="AP3327" s="137"/>
      <c r="AQ3327" s="137"/>
      <c r="AR3327" s="137"/>
      <c r="AS3327" s="137"/>
      <c r="AT3327" s="137"/>
      <c r="AU3327" s="137"/>
      <c r="AV3327" s="137"/>
      <c r="AW3327" s="144"/>
    </row>
    <row r="3328" spans="2:49" x14ac:dyDescent="0.2">
      <c r="B3328" s="97"/>
      <c r="J3328" s="98"/>
      <c r="K3328" s="97"/>
      <c r="N3328" s="3"/>
      <c r="W3328" s="98"/>
      <c r="Z3328" s="143"/>
      <c r="AA3328" s="137"/>
      <c r="AB3328" s="137"/>
      <c r="AC3328" s="137"/>
      <c r="AD3328" s="137"/>
      <c r="AE3328" s="137"/>
      <c r="AF3328" s="137"/>
      <c r="AG3328" s="137"/>
      <c r="AH3328" s="137"/>
      <c r="AI3328" s="137"/>
      <c r="AJ3328" s="137"/>
      <c r="AK3328" s="206"/>
      <c r="AL3328" s="206"/>
      <c r="AM3328" s="143"/>
      <c r="AN3328" s="137"/>
      <c r="AO3328" s="137"/>
      <c r="AP3328" s="137"/>
      <c r="AQ3328" s="137"/>
      <c r="AR3328" s="137"/>
      <c r="AS3328" s="137"/>
      <c r="AT3328" s="137"/>
      <c r="AU3328" s="137"/>
      <c r="AV3328" s="137"/>
      <c r="AW3328" s="144"/>
    </row>
    <row r="3329" spans="2:49" x14ac:dyDescent="0.2">
      <c r="B3329" s="97"/>
      <c r="J3329" s="98"/>
      <c r="K3329" s="97"/>
      <c r="N3329" s="3"/>
      <c r="W3329" s="98"/>
      <c r="Z3329" s="143"/>
      <c r="AA3329" s="137"/>
      <c r="AB3329" s="137"/>
      <c r="AC3329" s="137"/>
      <c r="AD3329" s="137"/>
      <c r="AE3329" s="137"/>
      <c r="AF3329" s="137"/>
      <c r="AG3329" s="137"/>
      <c r="AH3329" s="137"/>
      <c r="AI3329" s="137"/>
      <c r="AJ3329" s="137"/>
      <c r="AK3329" s="206"/>
      <c r="AL3329" s="206"/>
      <c r="AM3329" s="143"/>
      <c r="AN3329" s="137"/>
      <c r="AO3329" s="137"/>
      <c r="AP3329" s="137"/>
      <c r="AQ3329" s="137"/>
      <c r="AR3329" s="137"/>
      <c r="AS3329" s="137"/>
      <c r="AT3329" s="137"/>
      <c r="AU3329" s="137"/>
      <c r="AV3329" s="137"/>
      <c r="AW3329" s="144"/>
    </row>
    <row r="3330" spans="2:49" x14ac:dyDescent="0.2">
      <c r="B3330" s="97"/>
      <c r="J3330" s="98"/>
      <c r="K3330" s="97"/>
      <c r="N3330" s="3"/>
      <c r="W3330" s="98"/>
      <c r="Z3330" s="143"/>
      <c r="AA3330" s="137"/>
      <c r="AB3330" s="137"/>
      <c r="AC3330" s="137"/>
      <c r="AD3330" s="137"/>
      <c r="AE3330" s="137"/>
      <c r="AF3330" s="137"/>
      <c r="AG3330" s="137"/>
      <c r="AH3330" s="137"/>
      <c r="AI3330" s="137"/>
      <c r="AJ3330" s="137"/>
      <c r="AK3330" s="206"/>
      <c r="AL3330" s="206"/>
      <c r="AM3330" s="143"/>
      <c r="AN3330" s="137"/>
      <c r="AO3330" s="137"/>
      <c r="AP3330" s="137"/>
      <c r="AQ3330" s="137"/>
      <c r="AR3330" s="137"/>
      <c r="AS3330" s="137"/>
      <c r="AT3330" s="137"/>
      <c r="AU3330" s="137"/>
      <c r="AV3330" s="137"/>
      <c r="AW3330" s="144"/>
    </row>
    <row r="3331" spans="2:49" x14ac:dyDescent="0.2">
      <c r="B3331" s="97"/>
      <c r="J3331" s="98"/>
      <c r="K3331" s="97"/>
      <c r="N3331" s="3"/>
      <c r="W3331" s="98"/>
      <c r="Z3331" s="143"/>
      <c r="AA3331" s="137"/>
      <c r="AB3331" s="137"/>
      <c r="AC3331" s="137"/>
      <c r="AD3331" s="137"/>
      <c r="AE3331" s="137"/>
      <c r="AF3331" s="137"/>
      <c r="AG3331" s="137"/>
      <c r="AH3331" s="137"/>
      <c r="AI3331" s="137"/>
      <c r="AJ3331" s="137"/>
      <c r="AK3331" s="206"/>
      <c r="AL3331" s="206"/>
      <c r="AM3331" s="143"/>
      <c r="AN3331" s="137"/>
      <c r="AO3331" s="137"/>
      <c r="AP3331" s="137"/>
      <c r="AQ3331" s="137"/>
      <c r="AR3331" s="137"/>
      <c r="AS3331" s="137"/>
      <c r="AT3331" s="137"/>
      <c r="AU3331" s="137"/>
      <c r="AV3331" s="137"/>
      <c r="AW3331" s="144"/>
    </row>
    <row r="3332" spans="2:49" x14ac:dyDescent="0.2">
      <c r="B3332" s="97"/>
      <c r="J3332" s="98"/>
      <c r="K3332" s="97"/>
      <c r="N3332" s="3"/>
      <c r="W3332" s="98"/>
      <c r="Z3332" s="143"/>
      <c r="AA3332" s="137"/>
      <c r="AB3332" s="137"/>
      <c r="AC3332" s="137"/>
      <c r="AD3332" s="137"/>
      <c r="AE3332" s="137"/>
      <c r="AF3332" s="137"/>
      <c r="AG3332" s="137"/>
      <c r="AH3332" s="137"/>
      <c r="AI3332" s="137"/>
      <c r="AJ3332" s="137"/>
      <c r="AK3332" s="206"/>
      <c r="AL3332" s="206"/>
      <c r="AM3332" s="143"/>
      <c r="AN3332" s="137"/>
      <c r="AO3332" s="137"/>
      <c r="AP3332" s="137"/>
      <c r="AQ3332" s="137"/>
      <c r="AR3332" s="137"/>
      <c r="AS3332" s="137"/>
      <c r="AT3332" s="137"/>
      <c r="AU3332" s="137"/>
      <c r="AV3332" s="137"/>
      <c r="AW3332" s="144"/>
    </row>
    <row r="3333" spans="2:49" x14ac:dyDescent="0.2">
      <c r="B3333" s="97"/>
      <c r="J3333" s="98"/>
      <c r="K3333" s="97"/>
      <c r="N3333" s="3"/>
      <c r="W3333" s="98"/>
      <c r="Z3333" s="143"/>
      <c r="AA3333" s="137"/>
      <c r="AB3333" s="137"/>
      <c r="AC3333" s="137"/>
      <c r="AD3333" s="137"/>
      <c r="AE3333" s="137"/>
      <c r="AF3333" s="137"/>
      <c r="AG3333" s="137"/>
      <c r="AH3333" s="137"/>
      <c r="AI3333" s="137"/>
      <c r="AJ3333" s="137"/>
      <c r="AK3333" s="206"/>
      <c r="AL3333" s="206"/>
      <c r="AM3333" s="143"/>
      <c r="AN3333" s="137"/>
      <c r="AO3333" s="137"/>
      <c r="AP3333" s="137"/>
      <c r="AQ3333" s="137"/>
      <c r="AR3333" s="137"/>
      <c r="AS3333" s="137"/>
      <c r="AT3333" s="137"/>
      <c r="AU3333" s="137"/>
      <c r="AV3333" s="137"/>
      <c r="AW3333" s="144"/>
    </row>
    <row r="3334" spans="2:49" x14ac:dyDescent="0.2">
      <c r="B3334" s="97"/>
      <c r="J3334" s="98"/>
      <c r="K3334" s="97"/>
      <c r="N3334" s="3"/>
      <c r="W3334" s="98"/>
      <c r="Z3334" s="143"/>
      <c r="AA3334" s="137"/>
      <c r="AB3334" s="137"/>
      <c r="AC3334" s="137"/>
      <c r="AD3334" s="137"/>
      <c r="AE3334" s="137"/>
      <c r="AF3334" s="137"/>
      <c r="AG3334" s="137"/>
      <c r="AH3334" s="137"/>
      <c r="AI3334" s="137"/>
      <c r="AJ3334" s="137"/>
      <c r="AK3334" s="206"/>
      <c r="AL3334" s="206"/>
      <c r="AM3334" s="143"/>
      <c r="AN3334" s="137"/>
      <c r="AO3334" s="137"/>
      <c r="AP3334" s="137"/>
      <c r="AQ3334" s="137"/>
      <c r="AR3334" s="137"/>
      <c r="AS3334" s="137"/>
      <c r="AT3334" s="137"/>
      <c r="AU3334" s="137"/>
      <c r="AV3334" s="137"/>
      <c r="AW3334" s="144"/>
    </row>
    <row r="3335" spans="2:49" x14ac:dyDescent="0.2">
      <c r="B3335" s="97"/>
      <c r="J3335" s="98"/>
      <c r="K3335" s="97"/>
      <c r="N3335" s="3"/>
      <c r="W3335" s="98"/>
      <c r="Z3335" s="143"/>
      <c r="AA3335" s="137"/>
      <c r="AB3335" s="137"/>
      <c r="AC3335" s="137"/>
      <c r="AD3335" s="137"/>
      <c r="AE3335" s="137"/>
      <c r="AF3335" s="137"/>
      <c r="AG3335" s="137"/>
      <c r="AH3335" s="137"/>
      <c r="AI3335" s="137"/>
      <c r="AJ3335" s="137"/>
      <c r="AK3335" s="206"/>
      <c r="AL3335" s="206"/>
      <c r="AM3335" s="143"/>
      <c r="AN3335" s="137"/>
      <c r="AO3335" s="137"/>
      <c r="AP3335" s="137"/>
      <c r="AQ3335" s="137"/>
      <c r="AR3335" s="137"/>
      <c r="AS3335" s="137"/>
      <c r="AT3335" s="137"/>
      <c r="AU3335" s="137"/>
      <c r="AV3335" s="137"/>
      <c r="AW3335" s="144"/>
    </row>
    <row r="3336" spans="2:49" x14ac:dyDescent="0.2">
      <c r="B3336" s="97"/>
      <c r="J3336" s="98"/>
      <c r="K3336" s="97"/>
      <c r="N3336" s="3"/>
      <c r="W3336" s="98"/>
      <c r="Z3336" s="143"/>
      <c r="AA3336" s="137"/>
      <c r="AB3336" s="137"/>
      <c r="AC3336" s="137"/>
      <c r="AD3336" s="137"/>
      <c r="AE3336" s="137"/>
      <c r="AF3336" s="137"/>
      <c r="AG3336" s="137"/>
      <c r="AH3336" s="137"/>
      <c r="AI3336" s="137"/>
      <c r="AJ3336" s="137"/>
      <c r="AK3336" s="206"/>
      <c r="AL3336" s="206"/>
      <c r="AM3336" s="143"/>
      <c r="AN3336" s="137"/>
      <c r="AO3336" s="137"/>
      <c r="AP3336" s="137"/>
      <c r="AQ3336" s="137"/>
      <c r="AR3336" s="137"/>
      <c r="AS3336" s="137"/>
      <c r="AT3336" s="137"/>
      <c r="AU3336" s="137"/>
      <c r="AV3336" s="137"/>
      <c r="AW3336" s="144"/>
    </row>
    <row r="3337" spans="2:49" x14ac:dyDescent="0.2">
      <c r="B3337" s="97"/>
      <c r="J3337" s="98"/>
      <c r="K3337" s="97"/>
      <c r="N3337" s="3"/>
      <c r="W3337" s="98"/>
      <c r="Z3337" s="143"/>
      <c r="AA3337" s="137"/>
      <c r="AB3337" s="137"/>
      <c r="AC3337" s="137"/>
      <c r="AD3337" s="137"/>
      <c r="AE3337" s="137"/>
      <c r="AF3337" s="137"/>
      <c r="AG3337" s="137"/>
      <c r="AH3337" s="137"/>
      <c r="AI3337" s="137"/>
      <c r="AJ3337" s="137"/>
      <c r="AK3337" s="206"/>
      <c r="AL3337" s="206"/>
      <c r="AM3337" s="143"/>
      <c r="AN3337" s="137"/>
      <c r="AO3337" s="137"/>
      <c r="AP3337" s="137"/>
      <c r="AQ3337" s="137"/>
      <c r="AR3337" s="137"/>
      <c r="AS3337" s="137"/>
      <c r="AT3337" s="137"/>
      <c r="AU3337" s="137"/>
      <c r="AV3337" s="137"/>
      <c r="AW3337" s="144"/>
    </row>
    <row r="3338" spans="2:49" x14ac:dyDescent="0.2">
      <c r="B3338" s="97"/>
      <c r="J3338" s="98"/>
      <c r="K3338" s="97"/>
      <c r="N3338" s="3"/>
      <c r="W3338" s="98"/>
      <c r="Z3338" s="143"/>
      <c r="AA3338" s="137"/>
      <c r="AB3338" s="137"/>
      <c r="AC3338" s="137"/>
      <c r="AD3338" s="137"/>
      <c r="AE3338" s="137"/>
      <c r="AF3338" s="137"/>
      <c r="AG3338" s="137"/>
      <c r="AH3338" s="137"/>
      <c r="AI3338" s="137"/>
      <c r="AJ3338" s="137"/>
      <c r="AK3338" s="206"/>
      <c r="AL3338" s="206"/>
      <c r="AM3338" s="143"/>
      <c r="AN3338" s="137"/>
      <c r="AO3338" s="137"/>
      <c r="AP3338" s="137"/>
      <c r="AQ3338" s="137"/>
      <c r="AR3338" s="137"/>
      <c r="AS3338" s="137"/>
      <c r="AT3338" s="137"/>
      <c r="AU3338" s="137"/>
      <c r="AV3338" s="137"/>
      <c r="AW3338" s="144"/>
    </row>
    <row r="3339" spans="2:49" x14ac:dyDescent="0.2">
      <c r="B3339" s="97"/>
      <c r="J3339" s="98"/>
      <c r="K3339" s="97"/>
      <c r="N3339" s="3"/>
      <c r="W3339" s="98"/>
      <c r="Z3339" s="143"/>
      <c r="AA3339" s="137"/>
      <c r="AB3339" s="137"/>
      <c r="AC3339" s="137"/>
      <c r="AD3339" s="137"/>
      <c r="AE3339" s="137"/>
      <c r="AF3339" s="137"/>
      <c r="AG3339" s="137"/>
      <c r="AH3339" s="137"/>
      <c r="AI3339" s="137"/>
      <c r="AJ3339" s="137"/>
      <c r="AK3339" s="206"/>
      <c r="AL3339" s="206"/>
      <c r="AM3339" s="143"/>
      <c r="AN3339" s="137"/>
      <c r="AO3339" s="137"/>
      <c r="AP3339" s="137"/>
      <c r="AQ3339" s="137"/>
      <c r="AR3339" s="137"/>
      <c r="AS3339" s="137"/>
      <c r="AT3339" s="137"/>
      <c r="AU3339" s="137"/>
      <c r="AV3339" s="137"/>
      <c r="AW3339" s="144"/>
    </row>
    <row r="3340" spans="2:49" x14ac:dyDescent="0.2">
      <c r="B3340" s="97"/>
      <c r="J3340" s="98"/>
      <c r="K3340" s="97"/>
      <c r="N3340" s="3"/>
      <c r="W3340" s="98"/>
      <c r="Z3340" s="143"/>
      <c r="AA3340" s="137"/>
      <c r="AB3340" s="137"/>
      <c r="AC3340" s="137"/>
      <c r="AD3340" s="137"/>
      <c r="AE3340" s="137"/>
      <c r="AF3340" s="137"/>
      <c r="AG3340" s="137"/>
      <c r="AH3340" s="137"/>
      <c r="AI3340" s="137"/>
      <c r="AJ3340" s="137"/>
      <c r="AK3340" s="206"/>
      <c r="AL3340" s="206"/>
      <c r="AM3340" s="143"/>
      <c r="AN3340" s="137"/>
      <c r="AO3340" s="137"/>
      <c r="AP3340" s="137"/>
      <c r="AQ3340" s="137"/>
      <c r="AR3340" s="137"/>
      <c r="AS3340" s="137"/>
      <c r="AT3340" s="137"/>
      <c r="AU3340" s="137"/>
      <c r="AV3340" s="137"/>
      <c r="AW3340" s="144"/>
    </row>
    <row r="3341" spans="2:49" x14ac:dyDescent="0.2">
      <c r="B3341" s="97"/>
      <c r="J3341" s="98"/>
      <c r="K3341" s="97"/>
      <c r="N3341" s="3"/>
      <c r="W3341" s="98"/>
      <c r="Z3341" s="143"/>
      <c r="AA3341" s="137"/>
      <c r="AB3341" s="137"/>
      <c r="AC3341" s="137"/>
      <c r="AD3341" s="137"/>
      <c r="AE3341" s="137"/>
      <c r="AF3341" s="137"/>
      <c r="AG3341" s="137"/>
      <c r="AH3341" s="137"/>
      <c r="AI3341" s="137"/>
      <c r="AJ3341" s="137"/>
      <c r="AK3341" s="206"/>
      <c r="AL3341" s="206"/>
      <c r="AM3341" s="143"/>
      <c r="AN3341" s="137"/>
      <c r="AO3341" s="137"/>
      <c r="AP3341" s="137"/>
      <c r="AQ3341" s="137"/>
      <c r="AR3341" s="137"/>
      <c r="AS3341" s="137"/>
      <c r="AT3341" s="137"/>
      <c r="AU3341" s="137"/>
      <c r="AV3341" s="137"/>
      <c r="AW3341" s="144"/>
    </row>
    <row r="3342" spans="2:49" x14ac:dyDescent="0.2">
      <c r="B3342" s="97"/>
      <c r="J3342" s="98"/>
      <c r="K3342" s="97"/>
      <c r="N3342" s="3"/>
      <c r="W3342" s="98"/>
      <c r="Z3342" s="143"/>
      <c r="AA3342" s="137"/>
      <c r="AB3342" s="137"/>
      <c r="AC3342" s="137"/>
      <c r="AD3342" s="137"/>
      <c r="AE3342" s="137"/>
      <c r="AF3342" s="137"/>
      <c r="AG3342" s="137"/>
      <c r="AH3342" s="137"/>
      <c r="AI3342" s="137"/>
      <c r="AJ3342" s="137"/>
      <c r="AK3342" s="206"/>
      <c r="AL3342" s="206"/>
      <c r="AM3342" s="143"/>
      <c r="AN3342" s="137"/>
      <c r="AO3342" s="137"/>
      <c r="AP3342" s="137"/>
      <c r="AQ3342" s="137"/>
      <c r="AR3342" s="137"/>
      <c r="AS3342" s="137"/>
      <c r="AT3342" s="137"/>
      <c r="AU3342" s="137"/>
      <c r="AV3342" s="137"/>
      <c r="AW3342" s="144"/>
    </row>
    <row r="3343" spans="2:49" x14ac:dyDescent="0.2">
      <c r="B3343" s="97"/>
      <c r="J3343" s="98"/>
      <c r="K3343" s="97"/>
      <c r="N3343" s="3"/>
      <c r="W3343" s="98"/>
      <c r="Z3343" s="143"/>
      <c r="AA3343" s="137"/>
      <c r="AB3343" s="137"/>
      <c r="AC3343" s="137"/>
      <c r="AD3343" s="137"/>
      <c r="AE3343" s="137"/>
      <c r="AF3343" s="137"/>
      <c r="AG3343" s="137"/>
      <c r="AH3343" s="137"/>
      <c r="AI3343" s="137"/>
      <c r="AJ3343" s="137"/>
      <c r="AK3343" s="206"/>
      <c r="AL3343" s="206"/>
      <c r="AM3343" s="143"/>
      <c r="AN3343" s="137"/>
      <c r="AO3343" s="137"/>
      <c r="AP3343" s="137"/>
      <c r="AQ3343" s="137"/>
      <c r="AR3343" s="137"/>
      <c r="AS3343" s="137"/>
      <c r="AT3343" s="137"/>
      <c r="AU3343" s="137"/>
      <c r="AV3343" s="137"/>
      <c r="AW3343" s="144"/>
    </row>
    <row r="3344" spans="2:49" x14ac:dyDescent="0.2">
      <c r="B3344" s="97"/>
      <c r="J3344" s="98"/>
      <c r="K3344" s="97"/>
      <c r="N3344" s="3"/>
      <c r="W3344" s="98"/>
      <c r="Z3344" s="143"/>
      <c r="AA3344" s="137"/>
      <c r="AB3344" s="137"/>
      <c r="AC3344" s="137"/>
      <c r="AD3344" s="137"/>
      <c r="AE3344" s="137"/>
      <c r="AF3344" s="137"/>
      <c r="AG3344" s="137"/>
      <c r="AH3344" s="137"/>
      <c r="AI3344" s="137"/>
      <c r="AJ3344" s="137"/>
      <c r="AK3344" s="206"/>
      <c r="AL3344" s="206"/>
      <c r="AM3344" s="143"/>
      <c r="AN3344" s="137"/>
      <c r="AO3344" s="137"/>
      <c r="AP3344" s="137"/>
      <c r="AQ3344" s="137"/>
      <c r="AR3344" s="137"/>
      <c r="AS3344" s="137"/>
      <c r="AT3344" s="137"/>
      <c r="AU3344" s="137"/>
      <c r="AV3344" s="137"/>
      <c r="AW3344" s="144"/>
    </row>
    <row r="3345" spans="2:49" x14ac:dyDescent="0.2">
      <c r="B3345" s="97"/>
      <c r="J3345" s="98"/>
      <c r="K3345" s="97"/>
      <c r="N3345" s="3"/>
      <c r="W3345" s="98"/>
      <c r="Z3345" s="143"/>
      <c r="AA3345" s="137"/>
      <c r="AB3345" s="137"/>
      <c r="AC3345" s="137"/>
      <c r="AD3345" s="137"/>
      <c r="AE3345" s="137"/>
      <c r="AF3345" s="137"/>
      <c r="AG3345" s="137"/>
      <c r="AH3345" s="137"/>
      <c r="AI3345" s="137"/>
      <c r="AJ3345" s="137"/>
      <c r="AK3345" s="206"/>
      <c r="AL3345" s="206"/>
      <c r="AM3345" s="143"/>
      <c r="AN3345" s="137"/>
      <c r="AO3345" s="137"/>
      <c r="AP3345" s="137"/>
      <c r="AQ3345" s="137"/>
      <c r="AR3345" s="137"/>
      <c r="AS3345" s="137"/>
      <c r="AT3345" s="137"/>
      <c r="AU3345" s="137"/>
      <c r="AV3345" s="137"/>
      <c r="AW3345" s="144"/>
    </row>
    <row r="3346" spans="2:49" x14ac:dyDescent="0.2">
      <c r="B3346" s="97"/>
      <c r="J3346" s="98"/>
      <c r="K3346" s="97"/>
      <c r="N3346" s="3"/>
      <c r="W3346" s="98"/>
      <c r="Z3346" s="143"/>
      <c r="AA3346" s="137"/>
      <c r="AB3346" s="137"/>
      <c r="AC3346" s="137"/>
      <c r="AD3346" s="137"/>
      <c r="AE3346" s="137"/>
      <c r="AF3346" s="137"/>
      <c r="AG3346" s="137"/>
      <c r="AH3346" s="137"/>
      <c r="AI3346" s="137"/>
      <c r="AJ3346" s="137"/>
      <c r="AK3346" s="206"/>
      <c r="AL3346" s="206"/>
      <c r="AM3346" s="143"/>
      <c r="AN3346" s="137"/>
      <c r="AO3346" s="137"/>
      <c r="AP3346" s="137"/>
      <c r="AQ3346" s="137"/>
      <c r="AR3346" s="137"/>
      <c r="AS3346" s="137"/>
      <c r="AT3346" s="137"/>
      <c r="AU3346" s="137"/>
      <c r="AV3346" s="137"/>
      <c r="AW3346" s="144"/>
    </row>
    <row r="3347" spans="2:49" x14ac:dyDescent="0.2">
      <c r="B3347" s="97"/>
      <c r="J3347" s="98"/>
      <c r="K3347" s="97"/>
      <c r="N3347" s="3"/>
      <c r="W3347" s="98"/>
      <c r="Z3347" s="143"/>
      <c r="AA3347" s="137"/>
      <c r="AB3347" s="137"/>
      <c r="AC3347" s="137"/>
      <c r="AD3347" s="137"/>
      <c r="AE3347" s="137"/>
      <c r="AF3347" s="137"/>
      <c r="AG3347" s="137"/>
      <c r="AH3347" s="137"/>
      <c r="AI3347" s="137"/>
      <c r="AJ3347" s="137"/>
      <c r="AK3347" s="206"/>
      <c r="AL3347" s="206"/>
      <c r="AM3347" s="143"/>
      <c r="AN3347" s="137"/>
      <c r="AO3347" s="137"/>
      <c r="AP3347" s="137"/>
      <c r="AQ3347" s="137"/>
      <c r="AR3347" s="137"/>
      <c r="AS3347" s="137"/>
      <c r="AT3347" s="137"/>
      <c r="AU3347" s="137"/>
      <c r="AV3347" s="137"/>
      <c r="AW3347" s="144"/>
    </row>
    <row r="3348" spans="2:49" x14ac:dyDescent="0.2">
      <c r="B3348" s="97"/>
      <c r="J3348" s="98"/>
      <c r="K3348" s="97"/>
      <c r="N3348" s="3"/>
      <c r="W3348" s="98"/>
      <c r="Z3348" s="143"/>
      <c r="AA3348" s="137"/>
      <c r="AB3348" s="137"/>
      <c r="AC3348" s="137"/>
      <c r="AD3348" s="137"/>
      <c r="AE3348" s="137"/>
      <c r="AF3348" s="137"/>
      <c r="AG3348" s="137"/>
      <c r="AH3348" s="137"/>
      <c r="AI3348" s="137"/>
      <c r="AJ3348" s="137"/>
      <c r="AK3348" s="206"/>
      <c r="AL3348" s="206"/>
      <c r="AM3348" s="143"/>
      <c r="AN3348" s="137"/>
      <c r="AO3348" s="137"/>
      <c r="AP3348" s="137"/>
      <c r="AQ3348" s="137"/>
      <c r="AR3348" s="137"/>
      <c r="AS3348" s="137"/>
      <c r="AT3348" s="137"/>
      <c r="AU3348" s="137"/>
      <c r="AV3348" s="137"/>
      <c r="AW3348" s="144"/>
    </row>
    <row r="3349" spans="2:49" x14ac:dyDescent="0.2">
      <c r="B3349" s="97"/>
      <c r="J3349" s="98"/>
      <c r="K3349" s="97"/>
      <c r="N3349" s="3"/>
      <c r="W3349" s="98"/>
      <c r="Z3349" s="143"/>
      <c r="AA3349" s="137"/>
      <c r="AB3349" s="137"/>
      <c r="AC3349" s="137"/>
      <c r="AD3349" s="137"/>
      <c r="AE3349" s="137"/>
      <c r="AF3349" s="137"/>
      <c r="AG3349" s="137"/>
      <c r="AH3349" s="137"/>
      <c r="AI3349" s="137"/>
      <c r="AJ3349" s="137"/>
      <c r="AK3349" s="206"/>
      <c r="AL3349" s="206"/>
      <c r="AM3349" s="143"/>
      <c r="AN3349" s="137"/>
      <c r="AO3349" s="137"/>
      <c r="AP3349" s="137"/>
      <c r="AQ3349" s="137"/>
      <c r="AR3349" s="137"/>
      <c r="AS3349" s="137"/>
      <c r="AT3349" s="137"/>
      <c r="AU3349" s="137"/>
      <c r="AV3349" s="137"/>
      <c r="AW3349" s="144"/>
    </row>
    <row r="3350" spans="2:49" x14ac:dyDescent="0.2">
      <c r="B3350" s="97"/>
      <c r="J3350" s="98"/>
      <c r="K3350" s="97"/>
      <c r="N3350" s="3"/>
      <c r="W3350" s="98"/>
      <c r="Z3350" s="143"/>
      <c r="AA3350" s="137"/>
      <c r="AB3350" s="137"/>
      <c r="AC3350" s="137"/>
      <c r="AD3350" s="137"/>
      <c r="AE3350" s="137"/>
      <c r="AF3350" s="137"/>
      <c r="AG3350" s="137"/>
      <c r="AH3350" s="137"/>
      <c r="AI3350" s="137"/>
      <c r="AJ3350" s="137"/>
      <c r="AK3350" s="206"/>
      <c r="AL3350" s="206"/>
      <c r="AM3350" s="143"/>
      <c r="AN3350" s="137"/>
      <c r="AO3350" s="137"/>
      <c r="AP3350" s="137"/>
      <c r="AQ3350" s="137"/>
      <c r="AR3350" s="137"/>
      <c r="AS3350" s="137"/>
      <c r="AT3350" s="137"/>
      <c r="AU3350" s="137"/>
      <c r="AV3350" s="137"/>
      <c r="AW3350" s="144"/>
    </row>
    <row r="3351" spans="2:49" x14ac:dyDescent="0.2">
      <c r="B3351" s="97"/>
      <c r="J3351" s="98"/>
      <c r="K3351" s="97"/>
      <c r="N3351" s="3"/>
      <c r="W3351" s="98"/>
      <c r="Z3351" s="143"/>
      <c r="AA3351" s="137"/>
      <c r="AB3351" s="137"/>
      <c r="AC3351" s="137"/>
      <c r="AD3351" s="137"/>
      <c r="AE3351" s="137"/>
      <c r="AF3351" s="137"/>
      <c r="AG3351" s="137"/>
      <c r="AH3351" s="137"/>
      <c r="AI3351" s="137"/>
      <c r="AJ3351" s="137"/>
      <c r="AK3351" s="206"/>
      <c r="AL3351" s="206"/>
      <c r="AM3351" s="143"/>
      <c r="AN3351" s="137"/>
      <c r="AO3351" s="137"/>
      <c r="AP3351" s="137"/>
      <c r="AQ3351" s="137"/>
      <c r="AR3351" s="137"/>
      <c r="AS3351" s="137"/>
      <c r="AT3351" s="137"/>
      <c r="AU3351" s="137"/>
      <c r="AV3351" s="137"/>
      <c r="AW3351" s="144"/>
    </row>
    <row r="3352" spans="2:49" x14ac:dyDescent="0.2">
      <c r="B3352" s="97"/>
      <c r="J3352" s="98"/>
      <c r="K3352" s="97"/>
      <c r="N3352" s="3"/>
      <c r="W3352" s="98"/>
      <c r="Z3352" s="143"/>
      <c r="AA3352" s="137"/>
      <c r="AB3352" s="137"/>
      <c r="AC3352" s="137"/>
      <c r="AD3352" s="137"/>
      <c r="AE3352" s="137"/>
      <c r="AF3352" s="137"/>
      <c r="AG3352" s="137"/>
      <c r="AH3352" s="137"/>
      <c r="AI3352" s="137"/>
      <c r="AJ3352" s="137"/>
      <c r="AK3352" s="206"/>
      <c r="AL3352" s="206"/>
      <c r="AM3352" s="143"/>
      <c r="AN3352" s="137"/>
      <c r="AO3352" s="137"/>
      <c r="AP3352" s="137"/>
      <c r="AQ3352" s="137"/>
      <c r="AR3352" s="137"/>
      <c r="AS3352" s="137"/>
      <c r="AT3352" s="137"/>
      <c r="AU3352" s="137"/>
      <c r="AV3352" s="137"/>
      <c r="AW3352" s="144"/>
    </row>
    <row r="3353" spans="2:49" x14ac:dyDescent="0.2">
      <c r="B3353" s="97"/>
      <c r="J3353" s="98"/>
      <c r="K3353" s="97"/>
      <c r="N3353" s="3"/>
      <c r="W3353" s="98"/>
      <c r="Z3353" s="143"/>
      <c r="AA3353" s="137"/>
      <c r="AB3353" s="137"/>
      <c r="AC3353" s="137"/>
      <c r="AD3353" s="137"/>
      <c r="AE3353" s="137"/>
      <c r="AF3353" s="137"/>
      <c r="AG3353" s="137"/>
      <c r="AH3353" s="137"/>
      <c r="AI3353" s="137"/>
      <c r="AJ3353" s="137"/>
      <c r="AK3353" s="206"/>
      <c r="AL3353" s="206"/>
      <c r="AM3353" s="143"/>
      <c r="AN3353" s="137"/>
      <c r="AO3353" s="137"/>
      <c r="AP3353" s="137"/>
      <c r="AQ3353" s="137"/>
      <c r="AR3353" s="137"/>
      <c r="AS3353" s="137"/>
      <c r="AT3353" s="137"/>
      <c r="AU3353" s="137"/>
      <c r="AV3353" s="137"/>
      <c r="AW3353" s="144"/>
    </row>
    <row r="3354" spans="2:49" x14ac:dyDescent="0.2">
      <c r="B3354" s="97"/>
      <c r="J3354" s="98"/>
      <c r="K3354" s="97"/>
      <c r="N3354" s="3"/>
      <c r="W3354" s="98"/>
      <c r="Z3354" s="143"/>
      <c r="AA3354" s="137"/>
      <c r="AB3354" s="137"/>
      <c r="AC3354" s="137"/>
      <c r="AD3354" s="137"/>
      <c r="AE3354" s="137"/>
      <c r="AF3354" s="137"/>
      <c r="AG3354" s="137"/>
      <c r="AH3354" s="137"/>
      <c r="AI3354" s="137"/>
      <c r="AJ3354" s="137"/>
      <c r="AK3354" s="206"/>
      <c r="AL3354" s="206"/>
      <c r="AM3354" s="143"/>
      <c r="AN3354" s="137"/>
      <c r="AO3354" s="137"/>
      <c r="AP3354" s="137"/>
      <c r="AQ3354" s="137"/>
      <c r="AR3354" s="137"/>
      <c r="AS3354" s="137"/>
      <c r="AT3354" s="137"/>
      <c r="AU3354" s="137"/>
      <c r="AV3354" s="137"/>
      <c r="AW3354" s="144"/>
    </row>
    <row r="3355" spans="2:49" x14ac:dyDescent="0.2">
      <c r="B3355" s="97"/>
      <c r="J3355" s="98"/>
      <c r="K3355" s="97"/>
      <c r="N3355" s="3"/>
      <c r="W3355" s="98"/>
      <c r="Z3355" s="143"/>
      <c r="AA3355" s="137"/>
      <c r="AB3355" s="137"/>
      <c r="AC3355" s="137"/>
      <c r="AD3355" s="137"/>
      <c r="AE3355" s="137"/>
      <c r="AF3355" s="137"/>
      <c r="AG3355" s="137"/>
      <c r="AH3355" s="137"/>
      <c r="AI3355" s="137"/>
      <c r="AJ3355" s="137"/>
      <c r="AK3355" s="206"/>
      <c r="AL3355" s="206"/>
      <c r="AM3355" s="143"/>
      <c r="AN3355" s="137"/>
      <c r="AO3355" s="137"/>
      <c r="AP3355" s="137"/>
      <c r="AQ3355" s="137"/>
      <c r="AR3355" s="137"/>
      <c r="AS3355" s="137"/>
      <c r="AT3355" s="137"/>
      <c r="AU3355" s="137"/>
      <c r="AV3355" s="137"/>
      <c r="AW3355" s="144"/>
    </row>
    <row r="3356" spans="2:49" x14ac:dyDescent="0.2">
      <c r="B3356" s="97"/>
      <c r="J3356" s="98"/>
      <c r="K3356" s="97"/>
      <c r="N3356" s="3"/>
      <c r="W3356" s="98"/>
      <c r="Z3356" s="143"/>
      <c r="AA3356" s="137"/>
      <c r="AB3356" s="137"/>
      <c r="AC3356" s="137"/>
      <c r="AD3356" s="137"/>
      <c r="AE3356" s="137"/>
      <c r="AF3356" s="137"/>
      <c r="AG3356" s="137"/>
      <c r="AH3356" s="137"/>
      <c r="AI3356" s="137"/>
      <c r="AJ3356" s="137"/>
      <c r="AK3356" s="206"/>
      <c r="AL3356" s="206"/>
      <c r="AM3356" s="143"/>
      <c r="AN3356" s="137"/>
      <c r="AO3356" s="137"/>
      <c r="AP3356" s="137"/>
      <c r="AQ3356" s="137"/>
      <c r="AR3356" s="137"/>
      <c r="AS3356" s="137"/>
      <c r="AT3356" s="137"/>
      <c r="AU3356" s="137"/>
      <c r="AV3356" s="137"/>
      <c r="AW3356" s="144"/>
    </row>
    <row r="3357" spans="2:49" x14ac:dyDescent="0.2">
      <c r="B3357" s="97"/>
      <c r="J3357" s="98"/>
      <c r="K3357" s="97"/>
      <c r="N3357" s="3"/>
      <c r="W3357" s="98"/>
      <c r="Z3357" s="143"/>
      <c r="AA3357" s="137"/>
      <c r="AB3357" s="137"/>
      <c r="AC3357" s="137"/>
      <c r="AD3357" s="137"/>
      <c r="AE3357" s="137"/>
      <c r="AF3357" s="137"/>
      <c r="AG3357" s="137"/>
      <c r="AH3357" s="137"/>
      <c r="AI3357" s="137"/>
      <c r="AJ3357" s="137"/>
      <c r="AK3357" s="206"/>
      <c r="AL3357" s="206"/>
      <c r="AM3357" s="143"/>
      <c r="AN3357" s="137"/>
      <c r="AO3357" s="137"/>
      <c r="AP3357" s="137"/>
      <c r="AQ3357" s="137"/>
      <c r="AR3357" s="137"/>
      <c r="AS3357" s="137"/>
      <c r="AT3357" s="137"/>
      <c r="AU3357" s="137"/>
      <c r="AV3357" s="137"/>
      <c r="AW3357" s="144"/>
    </row>
    <row r="3358" spans="2:49" x14ac:dyDescent="0.2">
      <c r="B3358" s="97"/>
      <c r="J3358" s="98"/>
      <c r="K3358" s="97"/>
      <c r="N3358" s="3"/>
      <c r="W3358" s="98"/>
      <c r="Z3358" s="143"/>
      <c r="AA3358" s="137"/>
      <c r="AB3358" s="137"/>
      <c r="AC3358" s="137"/>
      <c r="AD3358" s="137"/>
      <c r="AE3358" s="137"/>
      <c r="AF3358" s="137"/>
      <c r="AG3358" s="137"/>
      <c r="AH3358" s="137"/>
      <c r="AI3358" s="137"/>
      <c r="AJ3358" s="137"/>
      <c r="AK3358" s="206"/>
      <c r="AL3358" s="206"/>
      <c r="AM3358" s="143"/>
      <c r="AN3358" s="137"/>
      <c r="AO3358" s="137"/>
      <c r="AP3358" s="137"/>
      <c r="AQ3358" s="137"/>
      <c r="AR3358" s="137"/>
      <c r="AS3358" s="137"/>
      <c r="AT3358" s="137"/>
      <c r="AU3358" s="137"/>
      <c r="AV3358" s="137"/>
      <c r="AW3358" s="144"/>
    </row>
    <row r="3359" spans="2:49" x14ac:dyDescent="0.2">
      <c r="B3359" s="97"/>
      <c r="J3359" s="98"/>
      <c r="K3359" s="97"/>
      <c r="N3359" s="3"/>
      <c r="W3359" s="98"/>
      <c r="Z3359" s="143"/>
      <c r="AA3359" s="137"/>
      <c r="AB3359" s="137"/>
      <c r="AC3359" s="137"/>
      <c r="AD3359" s="137"/>
      <c r="AE3359" s="137"/>
      <c r="AF3359" s="137"/>
      <c r="AG3359" s="137"/>
      <c r="AH3359" s="137"/>
      <c r="AI3359" s="137"/>
      <c r="AJ3359" s="137"/>
      <c r="AK3359" s="206"/>
      <c r="AL3359" s="206"/>
      <c r="AM3359" s="143"/>
      <c r="AN3359" s="137"/>
      <c r="AO3359" s="137"/>
      <c r="AP3359" s="137"/>
      <c r="AQ3359" s="137"/>
      <c r="AR3359" s="137"/>
      <c r="AS3359" s="137"/>
      <c r="AT3359" s="137"/>
      <c r="AU3359" s="137"/>
      <c r="AV3359" s="137"/>
      <c r="AW3359" s="144"/>
    </row>
    <row r="3360" spans="2:49" x14ac:dyDescent="0.2">
      <c r="B3360" s="97"/>
      <c r="J3360" s="98"/>
      <c r="K3360" s="97"/>
      <c r="N3360" s="3"/>
      <c r="W3360" s="98"/>
      <c r="Z3360" s="143"/>
      <c r="AA3360" s="137"/>
      <c r="AB3360" s="137"/>
      <c r="AC3360" s="137"/>
      <c r="AD3360" s="137"/>
      <c r="AE3360" s="137"/>
      <c r="AF3360" s="137"/>
      <c r="AG3360" s="137"/>
      <c r="AH3360" s="137"/>
      <c r="AI3360" s="137"/>
      <c r="AJ3360" s="137"/>
      <c r="AK3360" s="206"/>
      <c r="AL3360" s="206"/>
      <c r="AM3360" s="143"/>
      <c r="AN3360" s="137"/>
      <c r="AO3360" s="137"/>
      <c r="AP3360" s="137"/>
      <c r="AQ3360" s="137"/>
      <c r="AR3360" s="137"/>
      <c r="AS3360" s="137"/>
      <c r="AT3360" s="137"/>
      <c r="AU3360" s="137"/>
      <c r="AV3360" s="137"/>
      <c r="AW3360" s="144"/>
    </row>
    <row r="3361" spans="2:49" x14ac:dyDescent="0.2">
      <c r="B3361" s="97"/>
      <c r="J3361" s="98"/>
      <c r="K3361" s="97"/>
      <c r="N3361" s="3"/>
      <c r="W3361" s="98"/>
      <c r="Z3361" s="143"/>
      <c r="AA3361" s="137"/>
      <c r="AB3361" s="137"/>
      <c r="AC3361" s="137"/>
      <c r="AD3361" s="137"/>
      <c r="AE3361" s="137"/>
      <c r="AF3361" s="137"/>
      <c r="AG3361" s="137"/>
      <c r="AH3361" s="137"/>
      <c r="AI3361" s="137"/>
      <c r="AJ3361" s="137"/>
      <c r="AK3361" s="206"/>
      <c r="AL3361" s="206"/>
      <c r="AM3361" s="143"/>
      <c r="AN3361" s="137"/>
      <c r="AO3361" s="137"/>
      <c r="AP3361" s="137"/>
      <c r="AQ3361" s="137"/>
      <c r="AR3361" s="137"/>
      <c r="AS3361" s="137"/>
      <c r="AT3361" s="137"/>
      <c r="AU3361" s="137"/>
      <c r="AV3361" s="137"/>
      <c r="AW3361" s="144"/>
    </row>
    <row r="3362" spans="2:49" x14ac:dyDescent="0.2">
      <c r="B3362" s="97"/>
      <c r="J3362" s="98"/>
      <c r="K3362" s="97"/>
      <c r="N3362" s="3"/>
      <c r="W3362" s="98"/>
      <c r="Z3362" s="143"/>
      <c r="AA3362" s="137"/>
      <c r="AB3362" s="137"/>
      <c r="AC3362" s="137"/>
      <c r="AD3362" s="137"/>
      <c r="AE3362" s="137"/>
      <c r="AF3362" s="137"/>
      <c r="AG3362" s="137"/>
      <c r="AH3362" s="137"/>
      <c r="AI3362" s="137"/>
      <c r="AJ3362" s="137"/>
      <c r="AK3362" s="206"/>
      <c r="AL3362" s="206"/>
      <c r="AM3362" s="143"/>
      <c r="AN3362" s="137"/>
      <c r="AO3362" s="137"/>
      <c r="AP3362" s="137"/>
      <c r="AQ3362" s="137"/>
      <c r="AR3362" s="137"/>
      <c r="AS3362" s="137"/>
      <c r="AT3362" s="137"/>
      <c r="AU3362" s="137"/>
      <c r="AV3362" s="137"/>
      <c r="AW3362" s="144"/>
    </row>
    <row r="3363" spans="2:49" x14ac:dyDescent="0.2">
      <c r="B3363" s="97"/>
      <c r="J3363" s="98"/>
      <c r="K3363" s="97"/>
      <c r="N3363" s="3"/>
      <c r="W3363" s="98"/>
      <c r="Z3363" s="143"/>
      <c r="AA3363" s="137"/>
      <c r="AB3363" s="137"/>
      <c r="AC3363" s="137"/>
      <c r="AD3363" s="137"/>
      <c r="AE3363" s="137"/>
      <c r="AF3363" s="137"/>
      <c r="AG3363" s="137"/>
      <c r="AH3363" s="137"/>
      <c r="AI3363" s="137"/>
      <c r="AJ3363" s="137"/>
      <c r="AK3363" s="206"/>
      <c r="AL3363" s="206"/>
      <c r="AM3363" s="143"/>
      <c r="AN3363" s="137"/>
      <c r="AO3363" s="137"/>
      <c r="AP3363" s="137"/>
      <c r="AQ3363" s="137"/>
      <c r="AR3363" s="137"/>
      <c r="AS3363" s="137"/>
      <c r="AT3363" s="137"/>
      <c r="AU3363" s="137"/>
      <c r="AV3363" s="137"/>
      <c r="AW3363" s="144"/>
    </row>
    <row r="3364" spans="2:49" x14ac:dyDescent="0.2">
      <c r="B3364" s="97"/>
      <c r="J3364" s="98"/>
      <c r="K3364" s="97"/>
      <c r="N3364" s="3"/>
      <c r="W3364" s="98"/>
      <c r="Z3364" s="143"/>
      <c r="AA3364" s="137"/>
      <c r="AB3364" s="137"/>
      <c r="AC3364" s="137"/>
      <c r="AD3364" s="137"/>
      <c r="AE3364" s="137"/>
      <c r="AF3364" s="137"/>
      <c r="AG3364" s="137"/>
      <c r="AH3364" s="137"/>
      <c r="AI3364" s="137"/>
      <c r="AJ3364" s="137"/>
      <c r="AK3364" s="206"/>
      <c r="AL3364" s="206"/>
      <c r="AM3364" s="143"/>
      <c r="AN3364" s="137"/>
      <c r="AO3364" s="137"/>
      <c r="AP3364" s="137"/>
      <c r="AQ3364" s="137"/>
      <c r="AR3364" s="137"/>
      <c r="AS3364" s="137"/>
      <c r="AT3364" s="137"/>
      <c r="AU3364" s="137"/>
      <c r="AV3364" s="137"/>
      <c r="AW3364" s="144"/>
    </row>
    <row r="3365" spans="2:49" x14ac:dyDescent="0.2">
      <c r="B3365" s="97"/>
      <c r="J3365" s="98"/>
      <c r="K3365" s="97"/>
      <c r="N3365" s="3"/>
      <c r="W3365" s="98"/>
      <c r="Z3365" s="143"/>
      <c r="AA3365" s="137"/>
      <c r="AB3365" s="137"/>
      <c r="AC3365" s="137"/>
      <c r="AD3365" s="137"/>
      <c r="AE3365" s="137"/>
      <c r="AF3365" s="137"/>
      <c r="AG3365" s="137"/>
      <c r="AH3365" s="137"/>
      <c r="AI3365" s="137"/>
      <c r="AJ3365" s="137"/>
      <c r="AK3365" s="206"/>
      <c r="AL3365" s="206"/>
      <c r="AM3365" s="143"/>
      <c r="AN3365" s="137"/>
      <c r="AO3365" s="137"/>
      <c r="AP3365" s="137"/>
      <c r="AQ3365" s="137"/>
      <c r="AR3365" s="137"/>
      <c r="AS3365" s="137"/>
      <c r="AT3365" s="137"/>
      <c r="AU3365" s="137"/>
      <c r="AV3365" s="137"/>
      <c r="AW3365" s="144"/>
    </row>
    <row r="3366" spans="2:49" x14ac:dyDescent="0.2">
      <c r="B3366" s="97"/>
      <c r="J3366" s="98"/>
      <c r="K3366" s="97"/>
      <c r="N3366" s="3"/>
      <c r="W3366" s="98"/>
      <c r="Z3366" s="143"/>
      <c r="AA3366" s="137"/>
      <c r="AB3366" s="137"/>
      <c r="AC3366" s="137"/>
      <c r="AD3366" s="137"/>
      <c r="AE3366" s="137"/>
      <c r="AF3366" s="137"/>
      <c r="AG3366" s="137"/>
      <c r="AH3366" s="137"/>
      <c r="AI3366" s="137"/>
      <c r="AJ3366" s="137"/>
      <c r="AK3366" s="206"/>
      <c r="AL3366" s="206"/>
      <c r="AM3366" s="143"/>
      <c r="AN3366" s="137"/>
      <c r="AO3366" s="137"/>
      <c r="AP3366" s="137"/>
      <c r="AQ3366" s="137"/>
      <c r="AR3366" s="137"/>
      <c r="AS3366" s="137"/>
      <c r="AT3366" s="137"/>
      <c r="AU3366" s="137"/>
      <c r="AV3366" s="137"/>
      <c r="AW3366" s="144"/>
    </row>
    <row r="3367" spans="2:49" x14ac:dyDescent="0.2">
      <c r="B3367" s="97"/>
      <c r="J3367" s="98"/>
      <c r="K3367" s="97"/>
      <c r="N3367" s="3"/>
      <c r="W3367" s="98"/>
      <c r="Z3367" s="143"/>
      <c r="AA3367" s="137"/>
      <c r="AB3367" s="137"/>
      <c r="AC3367" s="137"/>
      <c r="AD3367" s="137"/>
      <c r="AE3367" s="137"/>
      <c r="AF3367" s="137"/>
      <c r="AG3367" s="137"/>
      <c r="AH3367" s="137"/>
      <c r="AI3367" s="137"/>
      <c r="AJ3367" s="137"/>
      <c r="AK3367" s="206"/>
      <c r="AL3367" s="206"/>
      <c r="AM3367" s="143"/>
      <c r="AN3367" s="137"/>
      <c r="AO3367" s="137"/>
      <c r="AP3367" s="137"/>
      <c r="AQ3367" s="137"/>
      <c r="AR3367" s="137"/>
      <c r="AS3367" s="137"/>
      <c r="AT3367" s="137"/>
      <c r="AU3367" s="137"/>
      <c r="AV3367" s="137"/>
      <c r="AW3367" s="144"/>
    </row>
    <row r="3368" spans="2:49" x14ac:dyDescent="0.2">
      <c r="B3368" s="97"/>
      <c r="J3368" s="98"/>
      <c r="K3368" s="97"/>
      <c r="N3368" s="3"/>
      <c r="W3368" s="98"/>
      <c r="Z3368" s="143"/>
      <c r="AA3368" s="137"/>
      <c r="AB3368" s="137"/>
      <c r="AC3368" s="137"/>
      <c r="AD3368" s="137"/>
      <c r="AE3368" s="137"/>
      <c r="AF3368" s="137"/>
      <c r="AG3368" s="137"/>
      <c r="AH3368" s="137"/>
      <c r="AI3368" s="137"/>
      <c r="AJ3368" s="137"/>
      <c r="AK3368" s="206"/>
      <c r="AL3368" s="206"/>
      <c r="AM3368" s="143"/>
      <c r="AN3368" s="137"/>
      <c r="AO3368" s="137"/>
      <c r="AP3368" s="137"/>
      <c r="AQ3368" s="137"/>
      <c r="AR3368" s="137"/>
      <c r="AS3368" s="137"/>
      <c r="AT3368" s="137"/>
      <c r="AU3368" s="137"/>
      <c r="AV3368" s="137"/>
      <c r="AW3368" s="144"/>
    </row>
    <row r="3369" spans="2:49" x14ac:dyDescent="0.2">
      <c r="B3369" s="97"/>
      <c r="J3369" s="98"/>
      <c r="K3369" s="97"/>
      <c r="N3369" s="3"/>
      <c r="W3369" s="98"/>
      <c r="Z3369" s="143"/>
      <c r="AA3369" s="137"/>
      <c r="AB3369" s="137"/>
      <c r="AC3369" s="137"/>
      <c r="AD3369" s="137"/>
      <c r="AE3369" s="137"/>
      <c r="AF3369" s="137"/>
      <c r="AG3369" s="137"/>
      <c r="AH3369" s="137"/>
      <c r="AI3369" s="137"/>
      <c r="AJ3369" s="137"/>
      <c r="AK3369" s="206"/>
      <c r="AL3369" s="206"/>
      <c r="AM3369" s="143"/>
      <c r="AN3369" s="137"/>
      <c r="AO3369" s="137"/>
      <c r="AP3369" s="137"/>
      <c r="AQ3369" s="137"/>
      <c r="AR3369" s="137"/>
      <c r="AS3369" s="137"/>
      <c r="AT3369" s="137"/>
      <c r="AU3369" s="137"/>
      <c r="AV3369" s="137"/>
      <c r="AW3369" s="144"/>
    </row>
    <row r="3370" spans="2:49" x14ac:dyDescent="0.2">
      <c r="B3370" s="97"/>
      <c r="J3370" s="98"/>
      <c r="K3370" s="97"/>
      <c r="N3370" s="3"/>
      <c r="W3370" s="98"/>
      <c r="Z3370" s="143"/>
      <c r="AA3370" s="137"/>
      <c r="AB3370" s="137"/>
      <c r="AC3370" s="137"/>
      <c r="AD3370" s="137"/>
      <c r="AE3370" s="137"/>
      <c r="AF3370" s="137"/>
      <c r="AG3370" s="137"/>
      <c r="AH3370" s="137"/>
      <c r="AI3370" s="137"/>
      <c r="AJ3370" s="137"/>
      <c r="AK3370" s="206"/>
      <c r="AL3370" s="206"/>
      <c r="AM3370" s="143"/>
      <c r="AN3370" s="137"/>
      <c r="AO3370" s="137"/>
      <c r="AP3370" s="137"/>
      <c r="AQ3370" s="137"/>
      <c r="AR3370" s="137"/>
      <c r="AS3370" s="137"/>
      <c r="AT3370" s="137"/>
      <c r="AU3370" s="137"/>
      <c r="AV3370" s="137"/>
      <c r="AW3370" s="144"/>
    </row>
    <row r="3371" spans="2:49" x14ac:dyDescent="0.2">
      <c r="B3371" s="97"/>
      <c r="J3371" s="98"/>
      <c r="K3371" s="97"/>
      <c r="N3371" s="3"/>
      <c r="W3371" s="98"/>
      <c r="Z3371" s="143"/>
      <c r="AA3371" s="137"/>
      <c r="AB3371" s="137"/>
      <c r="AC3371" s="137"/>
      <c r="AD3371" s="137"/>
      <c r="AE3371" s="137"/>
      <c r="AF3371" s="137"/>
      <c r="AG3371" s="137"/>
      <c r="AH3371" s="137"/>
      <c r="AI3371" s="137"/>
      <c r="AJ3371" s="137"/>
      <c r="AK3371" s="206"/>
      <c r="AL3371" s="206"/>
      <c r="AM3371" s="143"/>
      <c r="AN3371" s="137"/>
      <c r="AO3371" s="137"/>
      <c r="AP3371" s="137"/>
      <c r="AQ3371" s="137"/>
      <c r="AR3371" s="137"/>
      <c r="AS3371" s="137"/>
      <c r="AT3371" s="137"/>
      <c r="AU3371" s="137"/>
      <c r="AV3371" s="137"/>
      <c r="AW3371" s="144"/>
    </row>
    <row r="3372" spans="2:49" x14ac:dyDescent="0.2">
      <c r="B3372" s="97"/>
      <c r="J3372" s="98"/>
      <c r="K3372" s="97"/>
      <c r="N3372" s="3"/>
      <c r="W3372" s="98"/>
      <c r="Z3372" s="143"/>
      <c r="AA3372" s="137"/>
      <c r="AB3372" s="137"/>
      <c r="AC3372" s="137"/>
      <c r="AD3372" s="137"/>
      <c r="AE3372" s="137"/>
      <c r="AF3372" s="137"/>
      <c r="AG3372" s="137"/>
      <c r="AH3372" s="137"/>
      <c r="AI3372" s="137"/>
      <c r="AJ3372" s="137"/>
      <c r="AK3372" s="206"/>
      <c r="AL3372" s="206"/>
      <c r="AM3372" s="143"/>
      <c r="AN3372" s="137"/>
      <c r="AO3372" s="137"/>
      <c r="AP3372" s="137"/>
      <c r="AQ3372" s="137"/>
      <c r="AR3372" s="137"/>
      <c r="AS3372" s="137"/>
      <c r="AT3372" s="137"/>
      <c r="AU3372" s="137"/>
      <c r="AV3372" s="137"/>
      <c r="AW3372" s="144"/>
    </row>
    <row r="3373" spans="2:49" x14ac:dyDescent="0.2">
      <c r="B3373" s="97"/>
      <c r="J3373" s="98"/>
      <c r="K3373" s="97"/>
      <c r="N3373" s="3"/>
      <c r="W3373" s="98"/>
      <c r="Z3373" s="143"/>
      <c r="AA3373" s="137"/>
      <c r="AB3373" s="137"/>
      <c r="AC3373" s="137"/>
      <c r="AD3373" s="137"/>
      <c r="AE3373" s="137"/>
      <c r="AF3373" s="137"/>
      <c r="AG3373" s="137"/>
      <c r="AH3373" s="137"/>
      <c r="AI3373" s="137"/>
      <c r="AJ3373" s="137"/>
      <c r="AK3373" s="206"/>
      <c r="AL3373" s="206"/>
      <c r="AM3373" s="143"/>
      <c r="AN3373" s="137"/>
      <c r="AO3373" s="137"/>
      <c r="AP3373" s="137"/>
      <c r="AQ3373" s="137"/>
      <c r="AR3373" s="137"/>
      <c r="AS3373" s="137"/>
      <c r="AT3373" s="137"/>
      <c r="AU3373" s="137"/>
      <c r="AV3373" s="137"/>
      <c r="AW3373" s="144"/>
    </row>
    <row r="3374" spans="2:49" x14ac:dyDescent="0.2">
      <c r="B3374" s="97"/>
      <c r="J3374" s="98"/>
      <c r="K3374" s="97"/>
      <c r="N3374" s="3"/>
      <c r="W3374" s="98"/>
      <c r="Z3374" s="143"/>
      <c r="AA3374" s="137"/>
      <c r="AB3374" s="137"/>
      <c r="AC3374" s="137"/>
      <c r="AD3374" s="137"/>
      <c r="AE3374" s="137"/>
      <c r="AF3374" s="137"/>
      <c r="AG3374" s="137"/>
      <c r="AH3374" s="137"/>
      <c r="AI3374" s="137"/>
      <c r="AJ3374" s="137"/>
      <c r="AK3374" s="206"/>
      <c r="AL3374" s="206"/>
      <c r="AM3374" s="143"/>
      <c r="AN3374" s="137"/>
      <c r="AO3374" s="137"/>
      <c r="AP3374" s="137"/>
      <c r="AQ3374" s="137"/>
      <c r="AR3374" s="137"/>
      <c r="AS3374" s="137"/>
      <c r="AT3374" s="137"/>
      <c r="AU3374" s="137"/>
      <c r="AV3374" s="137"/>
      <c r="AW3374" s="144"/>
    </row>
    <row r="3375" spans="2:49" x14ac:dyDescent="0.2">
      <c r="B3375" s="97"/>
      <c r="J3375" s="98"/>
      <c r="K3375" s="97"/>
      <c r="N3375" s="3"/>
      <c r="W3375" s="98"/>
      <c r="Z3375" s="143"/>
      <c r="AA3375" s="137"/>
      <c r="AB3375" s="137"/>
      <c r="AC3375" s="137"/>
      <c r="AD3375" s="137"/>
      <c r="AE3375" s="137"/>
      <c r="AF3375" s="137"/>
      <c r="AG3375" s="137"/>
      <c r="AH3375" s="137"/>
      <c r="AI3375" s="137"/>
      <c r="AJ3375" s="137"/>
      <c r="AK3375" s="206"/>
      <c r="AL3375" s="206"/>
      <c r="AM3375" s="143"/>
      <c r="AN3375" s="137"/>
      <c r="AO3375" s="137"/>
      <c r="AP3375" s="137"/>
      <c r="AQ3375" s="137"/>
      <c r="AR3375" s="137"/>
      <c r="AS3375" s="137"/>
      <c r="AT3375" s="137"/>
      <c r="AU3375" s="137"/>
      <c r="AV3375" s="137"/>
      <c r="AW3375" s="144"/>
    </row>
    <row r="3376" spans="2:49" x14ac:dyDescent="0.2">
      <c r="B3376" s="97"/>
      <c r="J3376" s="98"/>
      <c r="K3376" s="97"/>
      <c r="N3376" s="3"/>
      <c r="W3376" s="98"/>
      <c r="Z3376" s="143"/>
      <c r="AA3376" s="137"/>
      <c r="AB3376" s="137"/>
      <c r="AC3376" s="137"/>
      <c r="AD3376" s="137"/>
      <c r="AE3376" s="137"/>
      <c r="AF3376" s="137"/>
      <c r="AG3376" s="137"/>
      <c r="AH3376" s="137"/>
      <c r="AI3376" s="137"/>
      <c r="AJ3376" s="137"/>
      <c r="AK3376" s="206"/>
      <c r="AL3376" s="206"/>
      <c r="AM3376" s="143"/>
      <c r="AN3376" s="137"/>
      <c r="AO3376" s="137"/>
      <c r="AP3376" s="137"/>
      <c r="AQ3376" s="137"/>
      <c r="AR3376" s="137"/>
      <c r="AS3376" s="137"/>
      <c r="AT3376" s="137"/>
      <c r="AU3376" s="137"/>
      <c r="AV3376" s="137"/>
      <c r="AW3376" s="144"/>
    </row>
    <row r="3377" spans="2:49" x14ac:dyDescent="0.2">
      <c r="B3377" s="97"/>
      <c r="J3377" s="98"/>
      <c r="K3377" s="97"/>
      <c r="N3377" s="3"/>
      <c r="W3377" s="98"/>
      <c r="Z3377" s="143"/>
      <c r="AA3377" s="137"/>
      <c r="AB3377" s="137"/>
      <c r="AC3377" s="137"/>
      <c r="AD3377" s="137"/>
      <c r="AE3377" s="137"/>
      <c r="AF3377" s="137"/>
      <c r="AG3377" s="137"/>
      <c r="AH3377" s="137"/>
      <c r="AI3377" s="137"/>
      <c r="AJ3377" s="137"/>
      <c r="AK3377" s="206"/>
      <c r="AL3377" s="206"/>
      <c r="AM3377" s="143"/>
      <c r="AN3377" s="137"/>
      <c r="AO3377" s="137"/>
      <c r="AP3377" s="137"/>
      <c r="AQ3377" s="137"/>
      <c r="AR3377" s="137"/>
      <c r="AS3377" s="137"/>
      <c r="AT3377" s="137"/>
      <c r="AU3377" s="137"/>
      <c r="AV3377" s="137"/>
      <c r="AW3377" s="144"/>
    </row>
    <row r="3378" spans="2:49" x14ac:dyDescent="0.2">
      <c r="B3378" s="97"/>
      <c r="J3378" s="98"/>
      <c r="K3378" s="97"/>
      <c r="N3378" s="3"/>
      <c r="W3378" s="98"/>
      <c r="Z3378" s="143"/>
      <c r="AA3378" s="137"/>
      <c r="AB3378" s="137"/>
      <c r="AC3378" s="137"/>
      <c r="AD3378" s="137"/>
      <c r="AE3378" s="137"/>
      <c r="AF3378" s="137"/>
      <c r="AG3378" s="137"/>
      <c r="AH3378" s="137"/>
      <c r="AI3378" s="137"/>
      <c r="AJ3378" s="137"/>
      <c r="AK3378" s="206"/>
      <c r="AL3378" s="206"/>
      <c r="AM3378" s="143"/>
      <c r="AN3378" s="137"/>
      <c r="AO3378" s="137"/>
      <c r="AP3378" s="137"/>
      <c r="AQ3378" s="137"/>
      <c r="AR3378" s="137"/>
      <c r="AS3378" s="137"/>
      <c r="AT3378" s="137"/>
      <c r="AU3378" s="137"/>
      <c r="AV3378" s="137"/>
      <c r="AW3378" s="144"/>
    </row>
    <row r="3379" spans="2:49" x14ac:dyDescent="0.2">
      <c r="B3379" s="97"/>
      <c r="J3379" s="98"/>
      <c r="K3379" s="97"/>
      <c r="N3379" s="3"/>
      <c r="W3379" s="98"/>
      <c r="Z3379" s="143"/>
      <c r="AA3379" s="137"/>
      <c r="AB3379" s="137"/>
      <c r="AC3379" s="137"/>
      <c r="AD3379" s="137"/>
      <c r="AE3379" s="137"/>
      <c r="AF3379" s="137"/>
      <c r="AG3379" s="137"/>
      <c r="AH3379" s="137"/>
      <c r="AI3379" s="137"/>
      <c r="AJ3379" s="137"/>
      <c r="AK3379" s="206"/>
      <c r="AL3379" s="206"/>
      <c r="AM3379" s="143"/>
      <c r="AN3379" s="137"/>
      <c r="AO3379" s="137"/>
      <c r="AP3379" s="137"/>
      <c r="AQ3379" s="137"/>
      <c r="AR3379" s="137"/>
      <c r="AS3379" s="137"/>
      <c r="AT3379" s="137"/>
      <c r="AU3379" s="137"/>
      <c r="AV3379" s="137"/>
      <c r="AW3379" s="144"/>
    </row>
    <row r="3380" spans="2:49" x14ac:dyDescent="0.2">
      <c r="B3380" s="97"/>
      <c r="J3380" s="98"/>
      <c r="K3380" s="97"/>
      <c r="N3380" s="3"/>
      <c r="W3380" s="98"/>
      <c r="Z3380" s="143"/>
      <c r="AA3380" s="137"/>
      <c r="AB3380" s="137"/>
      <c r="AC3380" s="137"/>
      <c r="AD3380" s="137"/>
      <c r="AE3380" s="137"/>
      <c r="AF3380" s="137"/>
      <c r="AG3380" s="137"/>
      <c r="AH3380" s="137"/>
      <c r="AI3380" s="137"/>
      <c r="AJ3380" s="137"/>
      <c r="AK3380" s="206"/>
      <c r="AL3380" s="206"/>
      <c r="AM3380" s="143"/>
      <c r="AN3380" s="137"/>
      <c r="AO3380" s="137"/>
      <c r="AP3380" s="137"/>
      <c r="AQ3380" s="137"/>
      <c r="AR3380" s="137"/>
      <c r="AS3380" s="137"/>
      <c r="AT3380" s="137"/>
      <c r="AU3380" s="137"/>
      <c r="AV3380" s="137"/>
      <c r="AW3380" s="144"/>
    </row>
    <row r="3381" spans="2:49" x14ac:dyDescent="0.2">
      <c r="B3381" s="97"/>
      <c r="J3381" s="98"/>
      <c r="K3381" s="97"/>
      <c r="N3381" s="3"/>
      <c r="W3381" s="98"/>
      <c r="Z3381" s="143"/>
      <c r="AA3381" s="137"/>
      <c r="AB3381" s="137"/>
      <c r="AC3381" s="137"/>
      <c r="AD3381" s="137"/>
      <c r="AE3381" s="137"/>
      <c r="AF3381" s="137"/>
      <c r="AG3381" s="137"/>
      <c r="AH3381" s="137"/>
      <c r="AI3381" s="137"/>
      <c r="AJ3381" s="137"/>
      <c r="AK3381" s="206"/>
      <c r="AL3381" s="206"/>
      <c r="AM3381" s="143"/>
      <c r="AN3381" s="137"/>
      <c r="AO3381" s="137"/>
      <c r="AP3381" s="137"/>
      <c r="AQ3381" s="137"/>
      <c r="AR3381" s="137"/>
      <c r="AS3381" s="137"/>
      <c r="AT3381" s="137"/>
      <c r="AU3381" s="137"/>
      <c r="AV3381" s="137"/>
      <c r="AW3381" s="144"/>
    </row>
    <row r="3382" spans="2:49" x14ac:dyDescent="0.2">
      <c r="B3382" s="97"/>
      <c r="J3382" s="98"/>
      <c r="K3382" s="97"/>
      <c r="N3382" s="3"/>
      <c r="W3382" s="98"/>
      <c r="Z3382" s="143"/>
      <c r="AA3382" s="137"/>
      <c r="AB3382" s="137"/>
      <c r="AC3382" s="137"/>
      <c r="AD3382" s="137"/>
      <c r="AE3382" s="137"/>
      <c r="AF3382" s="137"/>
      <c r="AG3382" s="137"/>
      <c r="AH3382" s="137"/>
      <c r="AI3382" s="137"/>
      <c r="AJ3382" s="137"/>
      <c r="AK3382" s="206"/>
      <c r="AL3382" s="206"/>
      <c r="AM3382" s="143"/>
      <c r="AN3382" s="137"/>
      <c r="AO3382" s="137"/>
      <c r="AP3382" s="137"/>
      <c r="AQ3382" s="137"/>
      <c r="AR3382" s="137"/>
      <c r="AS3382" s="137"/>
      <c r="AT3382" s="137"/>
      <c r="AU3382" s="137"/>
      <c r="AV3382" s="137"/>
      <c r="AW3382" s="144"/>
    </row>
    <row r="3383" spans="2:49" x14ac:dyDescent="0.2">
      <c r="B3383" s="97"/>
      <c r="J3383" s="98"/>
      <c r="K3383" s="97"/>
      <c r="N3383" s="3"/>
      <c r="W3383" s="98"/>
      <c r="Z3383" s="143"/>
      <c r="AA3383" s="137"/>
      <c r="AB3383" s="137"/>
      <c r="AC3383" s="137"/>
      <c r="AD3383" s="137"/>
      <c r="AE3383" s="137"/>
      <c r="AF3383" s="137"/>
      <c r="AG3383" s="137"/>
      <c r="AH3383" s="137"/>
      <c r="AI3383" s="137"/>
      <c r="AJ3383" s="137"/>
      <c r="AK3383" s="206"/>
      <c r="AL3383" s="206"/>
      <c r="AM3383" s="143"/>
      <c r="AN3383" s="137"/>
      <c r="AO3383" s="137"/>
      <c r="AP3383" s="137"/>
      <c r="AQ3383" s="137"/>
      <c r="AR3383" s="137"/>
      <c r="AS3383" s="137"/>
      <c r="AT3383" s="137"/>
      <c r="AU3383" s="137"/>
      <c r="AV3383" s="137"/>
      <c r="AW3383" s="144"/>
    </row>
    <row r="3384" spans="2:49" x14ac:dyDescent="0.2">
      <c r="B3384" s="97"/>
      <c r="J3384" s="98"/>
      <c r="K3384" s="97"/>
      <c r="N3384" s="3"/>
      <c r="W3384" s="98"/>
      <c r="Z3384" s="143"/>
      <c r="AA3384" s="137"/>
      <c r="AB3384" s="137"/>
      <c r="AC3384" s="137"/>
      <c r="AD3384" s="137"/>
      <c r="AE3384" s="137"/>
      <c r="AF3384" s="137"/>
      <c r="AG3384" s="137"/>
      <c r="AH3384" s="137"/>
      <c r="AI3384" s="137"/>
      <c r="AJ3384" s="137"/>
      <c r="AK3384" s="206"/>
      <c r="AL3384" s="206"/>
      <c r="AM3384" s="143"/>
      <c r="AN3384" s="137"/>
      <c r="AO3384" s="137"/>
      <c r="AP3384" s="137"/>
      <c r="AQ3384" s="137"/>
      <c r="AR3384" s="137"/>
      <c r="AS3384" s="137"/>
      <c r="AT3384" s="137"/>
      <c r="AU3384" s="137"/>
      <c r="AV3384" s="137"/>
      <c r="AW3384" s="144"/>
    </row>
    <row r="3385" spans="2:49" x14ac:dyDescent="0.2">
      <c r="B3385" s="97"/>
      <c r="J3385" s="98"/>
      <c r="K3385" s="97"/>
      <c r="N3385" s="3"/>
      <c r="W3385" s="98"/>
      <c r="Z3385" s="143"/>
      <c r="AA3385" s="137"/>
      <c r="AB3385" s="137"/>
      <c r="AC3385" s="137"/>
      <c r="AD3385" s="137"/>
      <c r="AE3385" s="137"/>
      <c r="AF3385" s="137"/>
      <c r="AG3385" s="137"/>
      <c r="AH3385" s="137"/>
      <c r="AI3385" s="137"/>
      <c r="AJ3385" s="137"/>
      <c r="AK3385" s="206"/>
      <c r="AL3385" s="206"/>
      <c r="AM3385" s="143"/>
      <c r="AN3385" s="137"/>
      <c r="AO3385" s="137"/>
      <c r="AP3385" s="137"/>
      <c r="AQ3385" s="137"/>
      <c r="AR3385" s="137"/>
      <c r="AS3385" s="137"/>
      <c r="AT3385" s="137"/>
      <c r="AU3385" s="137"/>
      <c r="AV3385" s="137"/>
      <c r="AW3385" s="144"/>
    </row>
    <row r="3386" spans="2:49" x14ac:dyDescent="0.2">
      <c r="B3386" s="97"/>
      <c r="J3386" s="98"/>
      <c r="K3386" s="97"/>
      <c r="N3386" s="3"/>
      <c r="W3386" s="98"/>
      <c r="Z3386" s="143"/>
      <c r="AA3386" s="137"/>
      <c r="AB3386" s="137"/>
      <c r="AC3386" s="137"/>
      <c r="AD3386" s="137"/>
      <c r="AE3386" s="137"/>
      <c r="AF3386" s="137"/>
      <c r="AG3386" s="137"/>
      <c r="AH3386" s="137"/>
      <c r="AI3386" s="137"/>
      <c r="AJ3386" s="137"/>
      <c r="AK3386" s="206"/>
      <c r="AL3386" s="206"/>
      <c r="AM3386" s="143"/>
      <c r="AN3386" s="137"/>
      <c r="AO3386" s="137"/>
      <c r="AP3386" s="137"/>
      <c r="AQ3386" s="137"/>
      <c r="AR3386" s="137"/>
      <c r="AS3386" s="137"/>
      <c r="AT3386" s="137"/>
      <c r="AU3386" s="137"/>
      <c r="AV3386" s="137"/>
      <c r="AW3386" s="144"/>
    </row>
    <row r="3387" spans="2:49" x14ac:dyDescent="0.2">
      <c r="B3387" s="97"/>
      <c r="J3387" s="98"/>
      <c r="K3387" s="97"/>
      <c r="N3387" s="3"/>
      <c r="W3387" s="98"/>
      <c r="Z3387" s="143"/>
      <c r="AA3387" s="137"/>
      <c r="AB3387" s="137"/>
      <c r="AC3387" s="137"/>
      <c r="AD3387" s="137"/>
      <c r="AE3387" s="137"/>
      <c r="AF3387" s="137"/>
      <c r="AG3387" s="137"/>
      <c r="AH3387" s="137"/>
      <c r="AI3387" s="137"/>
      <c r="AJ3387" s="137"/>
      <c r="AK3387" s="206"/>
      <c r="AL3387" s="206"/>
      <c r="AM3387" s="143"/>
      <c r="AN3387" s="137"/>
      <c r="AO3387" s="137"/>
      <c r="AP3387" s="137"/>
      <c r="AQ3387" s="137"/>
      <c r="AR3387" s="137"/>
      <c r="AS3387" s="137"/>
      <c r="AT3387" s="137"/>
      <c r="AU3387" s="137"/>
      <c r="AV3387" s="137"/>
      <c r="AW3387" s="144"/>
    </row>
    <row r="3388" spans="2:49" x14ac:dyDescent="0.2">
      <c r="B3388" s="97"/>
      <c r="J3388" s="98"/>
      <c r="K3388" s="97"/>
      <c r="N3388" s="3"/>
      <c r="W3388" s="98"/>
      <c r="Z3388" s="143"/>
      <c r="AA3388" s="137"/>
      <c r="AB3388" s="137"/>
      <c r="AC3388" s="137"/>
      <c r="AD3388" s="137"/>
      <c r="AE3388" s="137"/>
      <c r="AF3388" s="137"/>
      <c r="AG3388" s="137"/>
      <c r="AH3388" s="137"/>
      <c r="AI3388" s="137"/>
      <c r="AJ3388" s="137"/>
      <c r="AK3388" s="206"/>
      <c r="AL3388" s="206"/>
      <c r="AM3388" s="143"/>
      <c r="AN3388" s="137"/>
      <c r="AO3388" s="137"/>
      <c r="AP3388" s="137"/>
      <c r="AQ3388" s="137"/>
      <c r="AR3388" s="137"/>
      <c r="AS3388" s="137"/>
      <c r="AT3388" s="137"/>
      <c r="AU3388" s="137"/>
      <c r="AV3388" s="137"/>
      <c r="AW3388" s="144"/>
    </row>
    <row r="3389" spans="2:49" x14ac:dyDescent="0.2">
      <c r="B3389" s="97"/>
      <c r="J3389" s="98"/>
      <c r="K3389" s="97"/>
      <c r="N3389" s="3"/>
      <c r="W3389" s="98"/>
      <c r="Z3389" s="143"/>
      <c r="AA3389" s="137"/>
      <c r="AB3389" s="137"/>
      <c r="AC3389" s="137"/>
      <c r="AD3389" s="137"/>
      <c r="AE3389" s="137"/>
      <c r="AF3389" s="137"/>
      <c r="AG3389" s="137"/>
      <c r="AH3389" s="137"/>
      <c r="AI3389" s="137"/>
      <c r="AJ3389" s="137"/>
      <c r="AK3389" s="206"/>
      <c r="AL3389" s="206"/>
      <c r="AM3389" s="143"/>
      <c r="AN3389" s="137"/>
      <c r="AO3389" s="137"/>
      <c r="AP3389" s="137"/>
      <c r="AQ3389" s="137"/>
      <c r="AR3389" s="137"/>
      <c r="AS3389" s="137"/>
      <c r="AT3389" s="137"/>
      <c r="AU3389" s="137"/>
      <c r="AV3389" s="137"/>
      <c r="AW3389" s="144"/>
    </row>
    <row r="3390" spans="2:49" x14ac:dyDescent="0.2">
      <c r="B3390" s="97"/>
      <c r="J3390" s="98"/>
      <c r="K3390" s="97"/>
      <c r="N3390" s="3"/>
      <c r="W3390" s="98"/>
      <c r="Z3390" s="143"/>
      <c r="AA3390" s="137"/>
      <c r="AB3390" s="137"/>
      <c r="AC3390" s="137"/>
      <c r="AD3390" s="137"/>
      <c r="AE3390" s="137"/>
      <c r="AF3390" s="137"/>
      <c r="AG3390" s="137"/>
      <c r="AH3390" s="137"/>
      <c r="AI3390" s="137"/>
      <c r="AJ3390" s="137"/>
      <c r="AK3390" s="206"/>
      <c r="AL3390" s="206"/>
      <c r="AM3390" s="143"/>
      <c r="AN3390" s="137"/>
      <c r="AO3390" s="137"/>
      <c r="AP3390" s="137"/>
      <c r="AQ3390" s="137"/>
      <c r="AR3390" s="137"/>
      <c r="AS3390" s="137"/>
      <c r="AT3390" s="137"/>
      <c r="AU3390" s="137"/>
      <c r="AV3390" s="137"/>
      <c r="AW3390" s="144"/>
    </row>
    <row r="3391" spans="2:49" x14ac:dyDescent="0.2">
      <c r="B3391" s="97"/>
      <c r="J3391" s="98"/>
      <c r="K3391" s="97"/>
      <c r="N3391" s="3"/>
      <c r="W3391" s="98"/>
      <c r="Z3391" s="143"/>
      <c r="AA3391" s="137"/>
      <c r="AB3391" s="137"/>
      <c r="AC3391" s="137"/>
      <c r="AD3391" s="137"/>
      <c r="AE3391" s="137"/>
      <c r="AF3391" s="137"/>
      <c r="AG3391" s="137"/>
      <c r="AH3391" s="137"/>
      <c r="AI3391" s="137"/>
      <c r="AJ3391" s="137"/>
      <c r="AK3391" s="206"/>
      <c r="AL3391" s="206"/>
      <c r="AM3391" s="143"/>
      <c r="AN3391" s="137"/>
      <c r="AO3391" s="137"/>
      <c r="AP3391" s="137"/>
      <c r="AQ3391" s="137"/>
      <c r="AR3391" s="137"/>
      <c r="AS3391" s="137"/>
      <c r="AT3391" s="137"/>
      <c r="AU3391" s="137"/>
      <c r="AV3391" s="137"/>
      <c r="AW3391" s="144"/>
    </row>
    <row r="3392" spans="2:49" x14ac:dyDescent="0.2">
      <c r="B3392" s="97"/>
      <c r="J3392" s="98"/>
      <c r="K3392" s="97"/>
      <c r="N3392" s="3"/>
      <c r="W3392" s="98"/>
      <c r="Z3392" s="143"/>
      <c r="AA3392" s="137"/>
      <c r="AB3392" s="137"/>
      <c r="AC3392" s="137"/>
      <c r="AD3392" s="137"/>
      <c r="AE3392" s="137"/>
      <c r="AF3392" s="137"/>
      <c r="AG3392" s="137"/>
      <c r="AH3392" s="137"/>
      <c r="AI3392" s="137"/>
      <c r="AJ3392" s="137"/>
      <c r="AK3392" s="206"/>
      <c r="AL3392" s="206"/>
      <c r="AM3392" s="143"/>
      <c r="AN3392" s="137"/>
      <c r="AO3392" s="137"/>
      <c r="AP3392" s="137"/>
      <c r="AQ3392" s="137"/>
      <c r="AR3392" s="137"/>
      <c r="AS3392" s="137"/>
      <c r="AT3392" s="137"/>
      <c r="AU3392" s="137"/>
      <c r="AV3392" s="137"/>
      <c r="AW3392" s="144"/>
    </row>
    <row r="3393" spans="2:49" x14ac:dyDescent="0.2">
      <c r="B3393" s="97"/>
      <c r="J3393" s="98"/>
      <c r="K3393" s="97"/>
      <c r="N3393" s="3"/>
      <c r="W3393" s="98"/>
      <c r="Z3393" s="143"/>
      <c r="AA3393" s="137"/>
      <c r="AB3393" s="137"/>
      <c r="AC3393" s="137"/>
      <c r="AD3393" s="137"/>
      <c r="AE3393" s="137"/>
      <c r="AF3393" s="137"/>
      <c r="AG3393" s="137"/>
      <c r="AH3393" s="137"/>
      <c r="AI3393" s="137"/>
      <c r="AJ3393" s="137"/>
      <c r="AK3393" s="206"/>
      <c r="AL3393" s="206"/>
      <c r="AM3393" s="143"/>
      <c r="AN3393" s="137"/>
      <c r="AO3393" s="137"/>
      <c r="AP3393" s="137"/>
      <c r="AQ3393" s="137"/>
      <c r="AR3393" s="137"/>
      <c r="AS3393" s="137"/>
      <c r="AT3393" s="137"/>
      <c r="AU3393" s="137"/>
      <c r="AV3393" s="137"/>
      <c r="AW3393" s="144"/>
    </row>
    <row r="3394" spans="2:49" x14ac:dyDescent="0.2">
      <c r="B3394" s="97"/>
      <c r="J3394" s="98"/>
      <c r="K3394" s="97"/>
      <c r="N3394" s="3"/>
      <c r="W3394" s="98"/>
      <c r="Z3394" s="143"/>
      <c r="AA3394" s="137"/>
      <c r="AB3394" s="137"/>
      <c r="AC3394" s="137"/>
      <c r="AD3394" s="137"/>
      <c r="AE3394" s="137"/>
      <c r="AF3394" s="137"/>
      <c r="AG3394" s="137"/>
      <c r="AH3394" s="137"/>
      <c r="AI3394" s="137"/>
      <c r="AJ3394" s="137"/>
      <c r="AK3394" s="206"/>
      <c r="AL3394" s="206"/>
      <c r="AM3394" s="143"/>
      <c r="AN3394" s="137"/>
      <c r="AO3394" s="137"/>
      <c r="AP3394" s="137"/>
      <c r="AQ3394" s="137"/>
      <c r="AR3394" s="137"/>
      <c r="AS3394" s="137"/>
      <c r="AT3394" s="137"/>
      <c r="AU3394" s="137"/>
      <c r="AV3394" s="137"/>
      <c r="AW3394" s="144"/>
    </row>
    <row r="3395" spans="2:49" x14ac:dyDescent="0.2">
      <c r="B3395" s="97"/>
      <c r="J3395" s="98"/>
      <c r="K3395" s="97"/>
      <c r="N3395" s="3"/>
      <c r="W3395" s="98"/>
      <c r="Z3395" s="143"/>
      <c r="AA3395" s="137"/>
      <c r="AB3395" s="137"/>
      <c r="AC3395" s="137"/>
      <c r="AD3395" s="137"/>
      <c r="AE3395" s="137"/>
      <c r="AF3395" s="137"/>
      <c r="AG3395" s="137"/>
      <c r="AH3395" s="137"/>
      <c r="AI3395" s="137"/>
      <c r="AJ3395" s="137"/>
      <c r="AK3395" s="206"/>
      <c r="AL3395" s="206"/>
      <c r="AM3395" s="143"/>
      <c r="AN3395" s="137"/>
      <c r="AO3395" s="137"/>
      <c r="AP3395" s="137"/>
      <c r="AQ3395" s="137"/>
      <c r="AR3395" s="137"/>
      <c r="AS3395" s="137"/>
      <c r="AT3395" s="137"/>
      <c r="AU3395" s="137"/>
      <c r="AV3395" s="137"/>
      <c r="AW3395" s="144"/>
    </row>
    <row r="3396" spans="2:49" x14ac:dyDescent="0.2">
      <c r="B3396" s="97"/>
      <c r="J3396" s="98"/>
      <c r="K3396" s="97"/>
      <c r="N3396" s="3"/>
      <c r="W3396" s="98"/>
      <c r="Z3396" s="143"/>
      <c r="AA3396" s="137"/>
      <c r="AB3396" s="137"/>
      <c r="AC3396" s="137"/>
      <c r="AD3396" s="137"/>
      <c r="AE3396" s="137"/>
      <c r="AF3396" s="137"/>
      <c r="AG3396" s="137"/>
      <c r="AH3396" s="137"/>
      <c r="AI3396" s="137"/>
      <c r="AJ3396" s="137"/>
      <c r="AK3396" s="206"/>
      <c r="AL3396" s="206"/>
      <c r="AM3396" s="143"/>
      <c r="AN3396" s="137"/>
      <c r="AO3396" s="137"/>
      <c r="AP3396" s="137"/>
      <c r="AQ3396" s="137"/>
      <c r="AR3396" s="137"/>
      <c r="AS3396" s="137"/>
      <c r="AT3396" s="137"/>
      <c r="AU3396" s="137"/>
      <c r="AV3396" s="137"/>
      <c r="AW3396" s="144"/>
    </row>
    <row r="3397" spans="2:49" x14ac:dyDescent="0.2">
      <c r="B3397" s="97"/>
      <c r="J3397" s="98"/>
      <c r="K3397" s="97"/>
      <c r="N3397" s="3"/>
      <c r="W3397" s="98"/>
      <c r="Z3397" s="143"/>
      <c r="AA3397" s="137"/>
      <c r="AB3397" s="137"/>
      <c r="AC3397" s="137"/>
      <c r="AD3397" s="137"/>
      <c r="AE3397" s="137"/>
      <c r="AF3397" s="137"/>
      <c r="AG3397" s="137"/>
      <c r="AH3397" s="137"/>
      <c r="AI3397" s="137"/>
      <c r="AJ3397" s="137"/>
      <c r="AK3397" s="206"/>
      <c r="AL3397" s="206"/>
      <c r="AM3397" s="143"/>
      <c r="AN3397" s="137"/>
      <c r="AO3397" s="137"/>
      <c r="AP3397" s="137"/>
      <c r="AQ3397" s="137"/>
      <c r="AR3397" s="137"/>
      <c r="AS3397" s="137"/>
      <c r="AT3397" s="137"/>
      <c r="AU3397" s="137"/>
      <c r="AV3397" s="137"/>
      <c r="AW3397" s="144"/>
    </row>
    <row r="3398" spans="2:49" x14ac:dyDescent="0.2">
      <c r="B3398" s="97"/>
      <c r="J3398" s="98"/>
      <c r="K3398" s="97"/>
      <c r="N3398" s="3"/>
      <c r="W3398" s="98"/>
      <c r="Z3398" s="143"/>
      <c r="AA3398" s="137"/>
      <c r="AB3398" s="137"/>
      <c r="AC3398" s="137"/>
      <c r="AD3398" s="137"/>
      <c r="AE3398" s="137"/>
      <c r="AF3398" s="137"/>
      <c r="AG3398" s="137"/>
      <c r="AH3398" s="137"/>
      <c r="AI3398" s="137"/>
      <c r="AJ3398" s="137"/>
      <c r="AK3398" s="206"/>
      <c r="AL3398" s="206"/>
      <c r="AM3398" s="143"/>
      <c r="AN3398" s="137"/>
      <c r="AO3398" s="137"/>
      <c r="AP3398" s="137"/>
      <c r="AQ3398" s="137"/>
      <c r="AR3398" s="137"/>
      <c r="AS3398" s="137"/>
      <c r="AT3398" s="137"/>
      <c r="AU3398" s="137"/>
      <c r="AV3398" s="137"/>
      <c r="AW3398" s="144"/>
    </row>
    <row r="3399" spans="2:49" x14ac:dyDescent="0.2">
      <c r="B3399" s="97"/>
      <c r="J3399" s="98"/>
      <c r="K3399" s="97"/>
      <c r="N3399" s="3"/>
      <c r="W3399" s="98"/>
      <c r="Z3399" s="143"/>
      <c r="AA3399" s="137"/>
      <c r="AB3399" s="137"/>
      <c r="AC3399" s="137"/>
      <c r="AD3399" s="137"/>
      <c r="AE3399" s="137"/>
      <c r="AF3399" s="137"/>
      <c r="AG3399" s="137"/>
      <c r="AH3399" s="137"/>
      <c r="AI3399" s="137"/>
      <c r="AJ3399" s="137"/>
      <c r="AK3399" s="206"/>
      <c r="AL3399" s="206"/>
      <c r="AM3399" s="143"/>
      <c r="AN3399" s="137"/>
      <c r="AO3399" s="137"/>
      <c r="AP3399" s="137"/>
      <c r="AQ3399" s="137"/>
      <c r="AR3399" s="137"/>
      <c r="AS3399" s="137"/>
      <c r="AT3399" s="137"/>
      <c r="AU3399" s="137"/>
      <c r="AV3399" s="137"/>
      <c r="AW3399" s="144"/>
    </row>
    <row r="3400" spans="2:49" x14ac:dyDescent="0.2">
      <c r="B3400" s="97"/>
      <c r="J3400" s="98"/>
      <c r="K3400" s="97"/>
      <c r="N3400" s="3"/>
      <c r="W3400" s="98"/>
      <c r="Z3400" s="143"/>
      <c r="AA3400" s="137"/>
      <c r="AB3400" s="137"/>
      <c r="AC3400" s="137"/>
      <c r="AD3400" s="137"/>
      <c r="AE3400" s="137"/>
      <c r="AF3400" s="137"/>
      <c r="AG3400" s="137"/>
      <c r="AH3400" s="137"/>
      <c r="AI3400" s="137"/>
      <c r="AJ3400" s="137"/>
      <c r="AK3400" s="206"/>
      <c r="AL3400" s="206"/>
      <c r="AM3400" s="143"/>
      <c r="AN3400" s="137"/>
      <c r="AO3400" s="137"/>
      <c r="AP3400" s="137"/>
      <c r="AQ3400" s="137"/>
      <c r="AR3400" s="137"/>
      <c r="AS3400" s="137"/>
      <c r="AT3400" s="137"/>
      <c r="AU3400" s="137"/>
      <c r="AV3400" s="137"/>
      <c r="AW3400" s="144"/>
    </row>
    <row r="3401" spans="2:49" x14ac:dyDescent="0.2">
      <c r="B3401" s="97"/>
      <c r="J3401" s="98"/>
      <c r="K3401" s="97"/>
      <c r="N3401" s="3"/>
      <c r="W3401" s="98"/>
      <c r="Z3401" s="143"/>
      <c r="AA3401" s="137"/>
      <c r="AB3401" s="137"/>
      <c r="AC3401" s="137"/>
      <c r="AD3401" s="137"/>
      <c r="AE3401" s="137"/>
      <c r="AF3401" s="137"/>
      <c r="AG3401" s="137"/>
      <c r="AH3401" s="137"/>
      <c r="AI3401" s="137"/>
      <c r="AJ3401" s="137"/>
      <c r="AK3401" s="206"/>
      <c r="AL3401" s="206"/>
      <c r="AM3401" s="143"/>
      <c r="AN3401" s="137"/>
      <c r="AO3401" s="137"/>
      <c r="AP3401" s="137"/>
      <c r="AQ3401" s="137"/>
      <c r="AR3401" s="137"/>
      <c r="AS3401" s="137"/>
      <c r="AT3401" s="137"/>
      <c r="AU3401" s="137"/>
      <c r="AV3401" s="137"/>
      <c r="AW3401" s="144"/>
    </row>
    <row r="3402" spans="2:49" x14ac:dyDescent="0.2">
      <c r="B3402" s="97"/>
      <c r="J3402" s="98"/>
      <c r="K3402" s="97"/>
      <c r="N3402" s="3"/>
      <c r="W3402" s="98"/>
      <c r="Z3402" s="143"/>
      <c r="AA3402" s="137"/>
      <c r="AB3402" s="137"/>
      <c r="AC3402" s="137"/>
      <c r="AD3402" s="137"/>
      <c r="AE3402" s="137"/>
      <c r="AF3402" s="137"/>
      <c r="AG3402" s="137"/>
      <c r="AH3402" s="137"/>
      <c r="AI3402" s="137"/>
      <c r="AJ3402" s="137"/>
      <c r="AK3402" s="206"/>
      <c r="AL3402" s="206"/>
      <c r="AM3402" s="143"/>
      <c r="AN3402" s="137"/>
      <c r="AO3402" s="137"/>
      <c r="AP3402" s="137"/>
      <c r="AQ3402" s="137"/>
      <c r="AR3402" s="137"/>
      <c r="AS3402" s="137"/>
      <c r="AT3402" s="137"/>
      <c r="AU3402" s="137"/>
      <c r="AV3402" s="137"/>
      <c r="AW3402" s="144"/>
    </row>
    <row r="3403" spans="2:49" x14ac:dyDescent="0.2">
      <c r="B3403" s="97"/>
      <c r="J3403" s="98"/>
      <c r="K3403" s="97"/>
      <c r="N3403" s="3"/>
      <c r="W3403" s="98"/>
      <c r="Z3403" s="143"/>
      <c r="AA3403" s="137"/>
      <c r="AB3403" s="137"/>
      <c r="AC3403" s="137"/>
      <c r="AD3403" s="137"/>
      <c r="AE3403" s="137"/>
      <c r="AF3403" s="137"/>
      <c r="AG3403" s="137"/>
      <c r="AH3403" s="137"/>
      <c r="AI3403" s="137"/>
      <c r="AJ3403" s="137"/>
      <c r="AK3403" s="206"/>
      <c r="AL3403" s="206"/>
      <c r="AM3403" s="143"/>
      <c r="AN3403" s="137"/>
      <c r="AO3403" s="137"/>
      <c r="AP3403" s="137"/>
      <c r="AQ3403" s="137"/>
      <c r="AR3403" s="137"/>
      <c r="AS3403" s="137"/>
      <c r="AT3403" s="137"/>
      <c r="AU3403" s="137"/>
      <c r="AV3403" s="137"/>
      <c r="AW3403" s="144"/>
    </row>
    <row r="3404" spans="2:49" x14ac:dyDescent="0.2">
      <c r="B3404" s="97"/>
      <c r="J3404" s="98"/>
      <c r="K3404" s="97"/>
      <c r="N3404" s="3"/>
      <c r="W3404" s="98"/>
      <c r="Z3404" s="143"/>
      <c r="AA3404" s="137"/>
      <c r="AB3404" s="137"/>
      <c r="AC3404" s="137"/>
      <c r="AD3404" s="137"/>
      <c r="AE3404" s="137"/>
      <c r="AF3404" s="137"/>
      <c r="AG3404" s="137"/>
      <c r="AH3404" s="137"/>
      <c r="AI3404" s="137"/>
      <c r="AJ3404" s="137"/>
      <c r="AK3404" s="206"/>
      <c r="AL3404" s="206"/>
      <c r="AM3404" s="143"/>
      <c r="AN3404" s="137"/>
      <c r="AO3404" s="137"/>
      <c r="AP3404" s="137"/>
      <c r="AQ3404" s="137"/>
      <c r="AR3404" s="137"/>
      <c r="AS3404" s="137"/>
      <c r="AT3404" s="137"/>
      <c r="AU3404" s="137"/>
      <c r="AV3404" s="137"/>
      <c r="AW3404" s="144"/>
    </row>
    <row r="3405" spans="2:49" x14ac:dyDescent="0.2">
      <c r="B3405" s="97"/>
      <c r="J3405" s="98"/>
      <c r="K3405" s="97"/>
      <c r="N3405" s="3"/>
      <c r="W3405" s="98"/>
      <c r="Z3405" s="143"/>
      <c r="AA3405" s="137"/>
      <c r="AB3405" s="137"/>
      <c r="AC3405" s="137"/>
      <c r="AD3405" s="137"/>
      <c r="AE3405" s="137"/>
      <c r="AF3405" s="137"/>
      <c r="AG3405" s="137"/>
      <c r="AH3405" s="137"/>
      <c r="AI3405" s="137"/>
      <c r="AJ3405" s="137"/>
      <c r="AK3405" s="206"/>
      <c r="AL3405" s="206"/>
      <c r="AM3405" s="143"/>
      <c r="AN3405" s="137"/>
      <c r="AO3405" s="137"/>
      <c r="AP3405" s="137"/>
      <c r="AQ3405" s="137"/>
      <c r="AR3405" s="137"/>
      <c r="AS3405" s="137"/>
      <c r="AT3405" s="137"/>
      <c r="AU3405" s="137"/>
      <c r="AV3405" s="137"/>
      <c r="AW3405" s="144"/>
    </row>
    <row r="3406" spans="2:49" x14ac:dyDescent="0.2">
      <c r="B3406" s="97"/>
      <c r="J3406" s="98"/>
      <c r="K3406" s="97"/>
      <c r="N3406" s="3"/>
      <c r="W3406" s="98"/>
      <c r="Z3406" s="143"/>
      <c r="AA3406" s="137"/>
      <c r="AB3406" s="137"/>
      <c r="AC3406" s="137"/>
      <c r="AD3406" s="137"/>
      <c r="AE3406" s="137"/>
      <c r="AF3406" s="137"/>
      <c r="AG3406" s="137"/>
      <c r="AH3406" s="137"/>
      <c r="AI3406" s="137"/>
      <c r="AJ3406" s="137"/>
      <c r="AK3406" s="206"/>
      <c r="AL3406" s="206"/>
      <c r="AM3406" s="143"/>
      <c r="AN3406" s="137"/>
      <c r="AO3406" s="137"/>
      <c r="AP3406" s="137"/>
      <c r="AQ3406" s="137"/>
      <c r="AR3406" s="137"/>
      <c r="AS3406" s="137"/>
      <c r="AT3406" s="137"/>
      <c r="AU3406" s="137"/>
      <c r="AV3406" s="137"/>
      <c r="AW3406" s="144"/>
    </row>
    <row r="3407" spans="2:49" x14ac:dyDescent="0.2">
      <c r="B3407" s="97"/>
      <c r="J3407" s="98"/>
      <c r="K3407" s="97"/>
      <c r="N3407" s="3"/>
      <c r="W3407" s="98"/>
      <c r="Z3407" s="143"/>
      <c r="AA3407" s="137"/>
      <c r="AB3407" s="137"/>
      <c r="AC3407" s="137"/>
      <c r="AD3407" s="137"/>
      <c r="AE3407" s="137"/>
      <c r="AF3407" s="137"/>
      <c r="AG3407" s="137"/>
      <c r="AH3407" s="137"/>
      <c r="AI3407" s="137"/>
      <c r="AJ3407" s="137"/>
      <c r="AK3407" s="206"/>
      <c r="AL3407" s="206"/>
      <c r="AM3407" s="143"/>
      <c r="AN3407" s="137"/>
      <c r="AO3407" s="137"/>
      <c r="AP3407" s="137"/>
      <c r="AQ3407" s="137"/>
      <c r="AR3407" s="137"/>
      <c r="AS3407" s="137"/>
      <c r="AT3407" s="137"/>
      <c r="AU3407" s="137"/>
      <c r="AV3407" s="137"/>
      <c r="AW3407" s="144"/>
    </row>
    <row r="3408" spans="2:49" x14ac:dyDescent="0.2">
      <c r="B3408" s="97"/>
      <c r="J3408" s="98"/>
      <c r="K3408" s="97"/>
      <c r="N3408" s="3"/>
      <c r="W3408" s="98"/>
      <c r="Z3408" s="143"/>
      <c r="AA3408" s="137"/>
      <c r="AB3408" s="137"/>
      <c r="AC3408" s="137"/>
      <c r="AD3408" s="137"/>
      <c r="AE3408" s="137"/>
      <c r="AF3408" s="137"/>
      <c r="AG3408" s="137"/>
      <c r="AH3408" s="137"/>
      <c r="AI3408" s="137"/>
      <c r="AJ3408" s="137"/>
      <c r="AK3408" s="206"/>
      <c r="AL3408" s="206"/>
      <c r="AM3408" s="143"/>
      <c r="AN3408" s="137"/>
      <c r="AO3408" s="137"/>
      <c r="AP3408" s="137"/>
      <c r="AQ3408" s="137"/>
      <c r="AR3408" s="137"/>
      <c r="AS3408" s="137"/>
      <c r="AT3408" s="137"/>
      <c r="AU3408" s="137"/>
      <c r="AV3408" s="137"/>
      <c r="AW3408" s="144"/>
    </row>
    <row r="3409" spans="2:49" x14ac:dyDescent="0.2">
      <c r="B3409" s="97"/>
      <c r="J3409" s="98"/>
      <c r="K3409" s="97"/>
      <c r="N3409" s="3"/>
      <c r="W3409" s="98"/>
      <c r="Z3409" s="143"/>
      <c r="AA3409" s="137"/>
      <c r="AB3409" s="137"/>
      <c r="AC3409" s="137"/>
      <c r="AD3409" s="137"/>
      <c r="AE3409" s="137"/>
      <c r="AF3409" s="137"/>
      <c r="AG3409" s="137"/>
      <c r="AH3409" s="137"/>
      <c r="AI3409" s="137"/>
      <c r="AJ3409" s="137"/>
      <c r="AK3409" s="206"/>
      <c r="AL3409" s="206"/>
      <c r="AM3409" s="143"/>
      <c r="AN3409" s="137"/>
      <c r="AO3409" s="137"/>
      <c r="AP3409" s="137"/>
      <c r="AQ3409" s="137"/>
      <c r="AR3409" s="137"/>
      <c r="AS3409" s="137"/>
      <c r="AT3409" s="137"/>
      <c r="AU3409" s="137"/>
      <c r="AV3409" s="137"/>
      <c r="AW3409" s="144"/>
    </row>
    <row r="3410" spans="2:49" x14ac:dyDescent="0.2">
      <c r="B3410" s="97"/>
      <c r="J3410" s="98"/>
      <c r="K3410" s="97"/>
      <c r="N3410" s="3"/>
      <c r="W3410" s="98"/>
      <c r="Z3410" s="143"/>
      <c r="AA3410" s="137"/>
      <c r="AB3410" s="137"/>
      <c r="AC3410" s="137"/>
      <c r="AD3410" s="137"/>
      <c r="AE3410" s="137"/>
      <c r="AF3410" s="137"/>
      <c r="AG3410" s="137"/>
      <c r="AH3410" s="137"/>
      <c r="AI3410" s="137"/>
      <c r="AJ3410" s="137"/>
      <c r="AK3410" s="206"/>
      <c r="AL3410" s="206"/>
      <c r="AM3410" s="143"/>
      <c r="AN3410" s="137"/>
      <c r="AO3410" s="137"/>
      <c r="AP3410" s="137"/>
      <c r="AQ3410" s="137"/>
      <c r="AR3410" s="137"/>
      <c r="AS3410" s="137"/>
      <c r="AT3410" s="137"/>
      <c r="AU3410" s="137"/>
      <c r="AV3410" s="137"/>
      <c r="AW3410" s="144"/>
    </row>
    <row r="3411" spans="2:49" x14ac:dyDescent="0.2">
      <c r="B3411" s="97"/>
      <c r="J3411" s="98"/>
      <c r="K3411" s="97"/>
      <c r="N3411" s="3"/>
      <c r="W3411" s="98"/>
      <c r="Z3411" s="143"/>
      <c r="AA3411" s="137"/>
      <c r="AB3411" s="137"/>
      <c r="AC3411" s="137"/>
      <c r="AD3411" s="137"/>
      <c r="AE3411" s="137"/>
      <c r="AF3411" s="137"/>
      <c r="AG3411" s="137"/>
      <c r="AH3411" s="137"/>
      <c r="AI3411" s="137"/>
      <c r="AJ3411" s="137"/>
      <c r="AK3411" s="206"/>
      <c r="AL3411" s="206"/>
      <c r="AM3411" s="143"/>
      <c r="AN3411" s="137"/>
      <c r="AO3411" s="137"/>
      <c r="AP3411" s="137"/>
      <c r="AQ3411" s="137"/>
      <c r="AR3411" s="137"/>
      <c r="AS3411" s="137"/>
      <c r="AT3411" s="137"/>
      <c r="AU3411" s="137"/>
      <c r="AV3411" s="137"/>
      <c r="AW3411" s="144"/>
    </row>
    <row r="3412" spans="2:49" x14ac:dyDescent="0.2">
      <c r="B3412" s="97"/>
      <c r="J3412" s="98"/>
      <c r="K3412" s="97"/>
      <c r="N3412" s="3"/>
      <c r="W3412" s="98"/>
      <c r="Z3412" s="143"/>
      <c r="AA3412" s="137"/>
      <c r="AB3412" s="137"/>
      <c r="AC3412" s="137"/>
      <c r="AD3412" s="137"/>
      <c r="AE3412" s="137"/>
      <c r="AF3412" s="137"/>
      <c r="AG3412" s="137"/>
      <c r="AH3412" s="137"/>
      <c r="AI3412" s="137"/>
      <c r="AJ3412" s="137"/>
      <c r="AK3412" s="206"/>
      <c r="AL3412" s="206"/>
      <c r="AM3412" s="143"/>
      <c r="AN3412" s="137"/>
      <c r="AO3412" s="137"/>
      <c r="AP3412" s="137"/>
      <c r="AQ3412" s="137"/>
      <c r="AR3412" s="137"/>
      <c r="AS3412" s="137"/>
      <c r="AT3412" s="137"/>
      <c r="AU3412" s="137"/>
      <c r="AV3412" s="137"/>
      <c r="AW3412" s="144"/>
    </row>
    <row r="3413" spans="2:49" x14ac:dyDescent="0.2">
      <c r="B3413" s="97"/>
      <c r="J3413" s="98"/>
      <c r="K3413" s="97"/>
      <c r="N3413" s="3"/>
      <c r="W3413" s="98"/>
      <c r="Z3413" s="143"/>
      <c r="AA3413" s="137"/>
      <c r="AB3413" s="137"/>
      <c r="AC3413" s="137"/>
      <c r="AD3413" s="137"/>
      <c r="AE3413" s="137"/>
      <c r="AF3413" s="137"/>
      <c r="AG3413" s="137"/>
      <c r="AH3413" s="137"/>
      <c r="AI3413" s="137"/>
      <c r="AJ3413" s="137"/>
      <c r="AK3413" s="206"/>
      <c r="AL3413" s="206"/>
      <c r="AM3413" s="143"/>
      <c r="AN3413" s="137"/>
      <c r="AO3413" s="137"/>
      <c r="AP3413" s="137"/>
      <c r="AQ3413" s="137"/>
      <c r="AR3413" s="137"/>
      <c r="AS3413" s="137"/>
      <c r="AT3413" s="137"/>
      <c r="AU3413" s="137"/>
      <c r="AV3413" s="137"/>
      <c r="AW3413" s="144"/>
    </row>
    <row r="3414" spans="2:49" x14ac:dyDescent="0.2">
      <c r="B3414" s="97"/>
      <c r="J3414" s="98"/>
      <c r="K3414" s="97"/>
      <c r="N3414" s="3"/>
      <c r="W3414" s="98"/>
      <c r="Z3414" s="143"/>
      <c r="AA3414" s="137"/>
      <c r="AB3414" s="137"/>
      <c r="AC3414" s="137"/>
      <c r="AD3414" s="137"/>
      <c r="AE3414" s="137"/>
      <c r="AF3414" s="137"/>
      <c r="AG3414" s="137"/>
      <c r="AH3414" s="137"/>
      <c r="AI3414" s="137"/>
      <c r="AJ3414" s="137"/>
      <c r="AK3414" s="206"/>
      <c r="AL3414" s="206"/>
      <c r="AM3414" s="143"/>
      <c r="AN3414" s="137"/>
      <c r="AO3414" s="137"/>
      <c r="AP3414" s="137"/>
      <c r="AQ3414" s="137"/>
      <c r="AR3414" s="137"/>
      <c r="AS3414" s="137"/>
      <c r="AT3414" s="137"/>
      <c r="AU3414" s="137"/>
      <c r="AV3414" s="137"/>
      <c r="AW3414" s="144"/>
    </row>
    <row r="3415" spans="2:49" x14ac:dyDescent="0.2">
      <c r="B3415" s="97"/>
      <c r="J3415" s="98"/>
      <c r="K3415" s="97"/>
      <c r="N3415" s="3"/>
      <c r="W3415" s="98"/>
      <c r="Z3415" s="143"/>
      <c r="AA3415" s="137"/>
      <c r="AB3415" s="137"/>
      <c r="AC3415" s="137"/>
      <c r="AD3415" s="137"/>
      <c r="AE3415" s="137"/>
      <c r="AF3415" s="137"/>
      <c r="AG3415" s="137"/>
      <c r="AH3415" s="137"/>
      <c r="AI3415" s="137"/>
      <c r="AJ3415" s="137"/>
      <c r="AK3415" s="206"/>
      <c r="AL3415" s="206"/>
      <c r="AM3415" s="143"/>
      <c r="AN3415" s="137"/>
      <c r="AO3415" s="137"/>
      <c r="AP3415" s="137"/>
      <c r="AQ3415" s="137"/>
      <c r="AR3415" s="137"/>
      <c r="AS3415" s="137"/>
      <c r="AT3415" s="137"/>
      <c r="AU3415" s="137"/>
      <c r="AV3415" s="137"/>
      <c r="AW3415" s="144"/>
    </row>
    <row r="3416" spans="2:49" x14ac:dyDescent="0.2">
      <c r="B3416" s="97"/>
      <c r="J3416" s="98"/>
      <c r="K3416" s="97"/>
      <c r="N3416" s="3"/>
      <c r="W3416" s="98"/>
      <c r="Z3416" s="143"/>
      <c r="AA3416" s="137"/>
      <c r="AB3416" s="137"/>
      <c r="AC3416" s="137"/>
      <c r="AD3416" s="137"/>
      <c r="AE3416" s="137"/>
      <c r="AF3416" s="137"/>
      <c r="AG3416" s="137"/>
      <c r="AH3416" s="137"/>
      <c r="AI3416" s="137"/>
      <c r="AJ3416" s="137"/>
      <c r="AK3416" s="206"/>
      <c r="AL3416" s="206"/>
      <c r="AM3416" s="143"/>
      <c r="AN3416" s="137"/>
      <c r="AO3416" s="137"/>
      <c r="AP3416" s="137"/>
      <c r="AQ3416" s="137"/>
      <c r="AR3416" s="137"/>
      <c r="AS3416" s="137"/>
      <c r="AT3416" s="137"/>
      <c r="AU3416" s="137"/>
      <c r="AV3416" s="137"/>
      <c r="AW3416" s="144"/>
    </row>
    <row r="3417" spans="2:49" x14ac:dyDescent="0.2">
      <c r="B3417" s="97"/>
      <c r="J3417" s="98"/>
      <c r="K3417" s="97"/>
      <c r="N3417" s="3"/>
      <c r="W3417" s="98"/>
      <c r="Z3417" s="143"/>
      <c r="AA3417" s="137"/>
      <c r="AB3417" s="137"/>
      <c r="AC3417" s="137"/>
      <c r="AD3417" s="137"/>
      <c r="AE3417" s="137"/>
      <c r="AF3417" s="137"/>
      <c r="AG3417" s="137"/>
      <c r="AH3417" s="137"/>
      <c r="AI3417" s="137"/>
      <c r="AJ3417" s="137"/>
      <c r="AK3417" s="206"/>
      <c r="AL3417" s="206"/>
      <c r="AM3417" s="143"/>
      <c r="AN3417" s="137"/>
      <c r="AO3417" s="137"/>
      <c r="AP3417" s="137"/>
      <c r="AQ3417" s="137"/>
      <c r="AR3417" s="137"/>
      <c r="AS3417" s="137"/>
      <c r="AT3417" s="137"/>
      <c r="AU3417" s="137"/>
      <c r="AV3417" s="137"/>
      <c r="AW3417" s="144"/>
    </row>
    <row r="3418" spans="2:49" x14ac:dyDescent="0.2">
      <c r="B3418" s="97"/>
      <c r="J3418" s="98"/>
      <c r="K3418" s="97"/>
      <c r="N3418" s="3"/>
      <c r="W3418" s="98"/>
      <c r="Z3418" s="143"/>
      <c r="AA3418" s="137"/>
      <c r="AB3418" s="137"/>
      <c r="AC3418" s="137"/>
      <c r="AD3418" s="137"/>
      <c r="AE3418" s="137"/>
      <c r="AF3418" s="137"/>
      <c r="AG3418" s="137"/>
      <c r="AH3418" s="137"/>
      <c r="AI3418" s="137"/>
      <c r="AJ3418" s="137"/>
      <c r="AK3418" s="206"/>
      <c r="AL3418" s="206"/>
      <c r="AM3418" s="143"/>
      <c r="AN3418" s="137"/>
      <c r="AO3418" s="137"/>
      <c r="AP3418" s="137"/>
      <c r="AQ3418" s="137"/>
      <c r="AR3418" s="137"/>
      <c r="AS3418" s="137"/>
      <c r="AT3418" s="137"/>
      <c r="AU3418" s="137"/>
      <c r="AV3418" s="137"/>
      <c r="AW3418" s="144"/>
    </row>
    <row r="3419" spans="2:49" x14ac:dyDescent="0.2">
      <c r="B3419" s="97"/>
      <c r="J3419" s="98"/>
      <c r="K3419" s="97"/>
      <c r="N3419" s="3"/>
      <c r="W3419" s="98"/>
      <c r="Z3419" s="143"/>
      <c r="AA3419" s="137"/>
      <c r="AB3419" s="137"/>
      <c r="AC3419" s="137"/>
      <c r="AD3419" s="137"/>
      <c r="AE3419" s="137"/>
      <c r="AF3419" s="137"/>
      <c r="AG3419" s="137"/>
      <c r="AH3419" s="137"/>
      <c r="AI3419" s="137"/>
      <c r="AJ3419" s="137"/>
      <c r="AK3419" s="206"/>
      <c r="AL3419" s="206"/>
      <c r="AM3419" s="143"/>
      <c r="AN3419" s="137"/>
      <c r="AO3419" s="137"/>
      <c r="AP3419" s="137"/>
      <c r="AQ3419" s="137"/>
      <c r="AR3419" s="137"/>
      <c r="AS3419" s="137"/>
      <c r="AT3419" s="137"/>
      <c r="AU3419" s="137"/>
      <c r="AV3419" s="137"/>
      <c r="AW3419" s="144"/>
    </row>
    <row r="3420" spans="2:49" x14ac:dyDescent="0.2">
      <c r="B3420" s="97"/>
      <c r="J3420" s="98"/>
      <c r="K3420" s="97"/>
      <c r="N3420" s="3"/>
      <c r="W3420" s="98"/>
      <c r="Z3420" s="143"/>
      <c r="AA3420" s="137"/>
      <c r="AB3420" s="137"/>
      <c r="AC3420" s="137"/>
      <c r="AD3420" s="137"/>
      <c r="AE3420" s="137"/>
      <c r="AF3420" s="137"/>
      <c r="AG3420" s="137"/>
      <c r="AH3420" s="137"/>
      <c r="AI3420" s="137"/>
      <c r="AJ3420" s="137"/>
      <c r="AK3420" s="206"/>
      <c r="AL3420" s="206"/>
      <c r="AM3420" s="143"/>
      <c r="AN3420" s="137"/>
      <c r="AO3420" s="137"/>
      <c r="AP3420" s="137"/>
      <c r="AQ3420" s="137"/>
      <c r="AR3420" s="137"/>
      <c r="AS3420" s="137"/>
      <c r="AT3420" s="137"/>
      <c r="AU3420" s="137"/>
      <c r="AV3420" s="137"/>
      <c r="AW3420" s="144"/>
    </row>
    <row r="3421" spans="2:49" x14ac:dyDescent="0.2">
      <c r="B3421" s="97"/>
      <c r="J3421" s="98"/>
      <c r="K3421" s="97"/>
      <c r="N3421" s="3"/>
      <c r="W3421" s="98"/>
      <c r="Z3421" s="143"/>
      <c r="AA3421" s="137"/>
      <c r="AB3421" s="137"/>
      <c r="AC3421" s="137"/>
      <c r="AD3421" s="137"/>
      <c r="AE3421" s="137"/>
      <c r="AF3421" s="137"/>
      <c r="AG3421" s="137"/>
      <c r="AH3421" s="137"/>
      <c r="AI3421" s="137"/>
      <c r="AJ3421" s="137"/>
      <c r="AK3421" s="206"/>
      <c r="AL3421" s="206"/>
      <c r="AM3421" s="143"/>
      <c r="AN3421" s="137"/>
      <c r="AO3421" s="137"/>
      <c r="AP3421" s="137"/>
      <c r="AQ3421" s="137"/>
      <c r="AR3421" s="137"/>
      <c r="AS3421" s="137"/>
      <c r="AT3421" s="137"/>
      <c r="AU3421" s="137"/>
      <c r="AV3421" s="137"/>
      <c r="AW3421" s="144"/>
    </row>
    <row r="3422" spans="2:49" x14ac:dyDescent="0.2">
      <c r="B3422" s="97"/>
      <c r="J3422" s="98"/>
      <c r="K3422" s="97"/>
      <c r="N3422" s="3"/>
      <c r="W3422" s="98"/>
      <c r="Z3422" s="143"/>
      <c r="AA3422" s="137"/>
      <c r="AB3422" s="137"/>
      <c r="AC3422" s="137"/>
      <c r="AD3422" s="137"/>
      <c r="AE3422" s="137"/>
      <c r="AF3422" s="137"/>
      <c r="AG3422" s="137"/>
      <c r="AH3422" s="137"/>
      <c r="AI3422" s="137"/>
      <c r="AJ3422" s="137"/>
      <c r="AK3422" s="206"/>
      <c r="AL3422" s="206"/>
      <c r="AM3422" s="143"/>
      <c r="AN3422" s="137"/>
      <c r="AO3422" s="137"/>
      <c r="AP3422" s="137"/>
      <c r="AQ3422" s="137"/>
      <c r="AR3422" s="137"/>
      <c r="AS3422" s="137"/>
      <c r="AT3422" s="137"/>
      <c r="AU3422" s="137"/>
      <c r="AV3422" s="137"/>
      <c r="AW3422" s="144"/>
    </row>
    <row r="3423" spans="2:49" x14ac:dyDescent="0.2">
      <c r="B3423" s="97"/>
      <c r="J3423" s="98"/>
      <c r="K3423" s="97"/>
      <c r="N3423" s="3"/>
      <c r="W3423" s="98"/>
      <c r="Z3423" s="143"/>
      <c r="AA3423" s="137"/>
      <c r="AB3423" s="137"/>
      <c r="AC3423" s="137"/>
      <c r="AD3423" s="137"/>
      <c r="AE3423" s="137"/>
      <c r="AF3423" s="137"/>
      <c r="AG3423" s="137"/>
      <c r="AH3423" s="137"/>
      <c r="AI3423" s="137"/>
      <c r="AJ3423" s="137"/>
      <c r="AK3423" s="206"/>
      <c r="AL3423" s="206"/>
      <c r="AM3423" s="143"/>
      <c r="AN3423" s="137"/>
      <c r="AO3423" s="137"/>
      <c r="AP3423" s="137"/>
      <c r="AQ3423" s="137"/>
      <c r="AR3423" s="137"/>
      <c r="AS3423" s="137"/>
      <c r="AT3423" s="137"/>
      <c r="AU3423" s="137"/>
      <c r="AV3423" s="137"/>
      <c r="AW3423" s="144"/>
    </row>
    <row r="3424" spans="2:49" x14ac:dyDescent="0.2">
      <c r="B3424" s="97"/>
      <c r="J3424" s="98"/>
      <c r="K3424" s="97"/>
      <c r="N3424" s="3"/>
      <c r="W3424" s="98"/>
      <c r="Z3424" s="143"/>
      <c r="AA3424" s="137"/>
      <c r="AB3424" s="137"/>
      <c r="AC3424" s="137"/>
      <c r="AD3424" s="137"/>
      <c r="AE3424" s="137"/>
      <c r="AF3424" s="137"/>
      <c r="AG3424" s="137"/>
      <c r="AH3424" s="137"/>
      <c r="AI3424" s="137"/>
      <c r="AJ3424" s="137"/>
      <c r="AK3424" s="206"/>
      <c r="AL3424" s="206"/>
      <c r="AM3424" s="143"/>
      <c r="AN3424" s="137"/>
      <c r="AO3424" s="137"/>
      <c r="AP3424" s="137"/>
      <c r="AQ3424" s="137"/>
      <c r="AR3424" s="137"/>
      <c r="AS3424" s="137"/>
      <c r="AT3424" s="137"/>
      <c r="AU3424" s="137"/>
      <c r="AV3424" s="137"/>
      <c r="AW3424" s="144"/>
    </row>
    <row r="3425" spans="2:49" x14ac:dyDescent="0.2">
      <c r="B3425" s="97"/>
      <c r="J3425" s="98"/>
      <c r="K3425" s="97"/>
      <c r="N3425" s="3"/>
      <c r="W3425" s="98"/>
      <c r="Z3425" s="143"/>
      <c r="AA3425" s="137"/>
      <c r="AB3425" s="137"/>
      <c r="AC3425" s="137"/>
      <c r="AD3425" s="137"/>
      <c r="AE3425" s="137"/>
      <c r="AF3425" s="137"/>
      <c r="AG3425" s="137"/>
      <c r="AH3425" s="137"/>
      <c r="AI3425" s="137"/>
      <c r="AJ3425" s="137"/>
      <c r="AK3425" s="206"/>
      <c r="AL3425" s="206"/>
      <c r="AM3425" s="143"/>
      <c r="AN3425" s="137"/>
      <c r="AO3425" s="137"/>
      <c r="AP3425" s="137"/>
      <c r="AQ3425" s="137"/>
      <c r="AR3425" s="137"/>
      <c r="AS3425" s="137"/>
      <c r="AT3425" s="137"/>
      <c r="AU3425" s="137"/>
      <c r="AV3425" s="137"/>
      <c r="AW3425" s="144"/>
    </row>
    <row r="3426" spans="2:49" x14ac:dyDescent="0.2">
      <c r="B3426" s="97"/>
      <c r="J3426" s="98"/>
      <c r="K3426" s="97"/>
      <c r="N3426" s="3"/>
      <c r="W3426" s="98"/>
      <c r="Z3426" s="143"/>
      <c r="AA3426" s="137"/>
      <c r="AB3426" s="137"/>
      <c r="AC3426" s="137"/>
      <c r="AD3426" s="137"/>
      <c r="AE3426" s="137"/>
      <c r="AF3426" s="137"/>
      <c r="AG3426" s="137"/>
      <c r="AH3426" s="137"/>
      <c r="AI3426" s="137"/>
      <c r="AJ3426" s="137"/>
      <c r="AK3426" s="206"/>
      <c r="AL3426" s="206"/>
      <c r="AM3426" s="143"/>
      <c r="AN3426" s="137"/>
      <c r="AO3426" s="137"/>
      <c r="AP3426" s="137"/>
      <c r="AQ3426" s="137"/>
      <c r="AR3426" s="137"/>
      <c r="AS3426" s="137"/>
      <c r="AT3426" s="137"/>
      <c r="AU3426" s="137"/>
      <c r="AV3426" s="137"/>
      <c r="AW3426" s="144"/>
    </row>
    <row r="3427" spans="2:49" x14ac:dyDescent="0.2">
      <c r="B3427" s="97"/>
      <c r="J3427" s="98"/>
      <c r="K3427" s="97"/>
      <c r="N3427" s="3"/>
      <c r="W3427" s="98"/>
      <c r="Z3427" s="143"/>
      <c r="AA3427" s="137"/>
      <c r="AB3427" s="137"/>
      <c r="AC3427" s="137"/>
      <c r="AD3427" s="137"/>
      <c r="AE3427" s="137"/>
      <c r="AF3427" s="137"/>
      <c r="AG3427" s="137"/>
      <c r="AH3427" s="137"/>
      <c r="AI3427" s="137"/>
      <c r="AJ3427" s="137"/>
      <c r="AK3427" s="206"/>
      <c r="AL3427" s="206"/>
      <c r="AM3427" s="143"/>
      <c r="AN3427" s="137"/>
      <c r="AO3427" s="137"/>
      <c r="AP3427" s="137"/>
      <c r="AQ3427" s="137"/>
      <c r="AR3427" s="137"/>
      <c r="AS3427" s="137"/>
      <c r="AT3427" s="137"/>
      <c r="AU3427" s="137"/>
      <c r="AV3427" s="137"/>
      <c r="AW3427" s="144"/>
    </row>
    <row r="3428" spans="2:49" x14ac:dyDescent="0.2">
      <c r="B3428" s="97"/>
      <c r="J3428" s="98"/>
      <c r="K3428" s="97"/>
      <c r="N3428" s="3"/>
      <c r="W3428" s="98"/>
      <c r="Z3428" s="143"/>
      <c r="AA3428" s="137"/>
      <c r="AB3428" s="137"/>
      <c r="AC3428" s="137"/>
      <c r="AD3428" s="137"/>
      <c r="AE3428" s="137"/>
      <c r="AF3428" s="137"/>
      <c r="AG3428" s="137"/>
      <c r="AH3428" s="137"/>
      <c r="AI3428" s="137"/>
      <c r="AJ3428" s="137"/>
      <c r="AK3428" s="206"/>
      <c r="AL3428" s="206"/>
      <c r="AM3428" s="143"/>
      <c r="AN3428" s="137"/>
      <c r="AO3428" s="137"/>
      <c r="AP3428" s="137"/>
      <c r="AQ3428" s="137"/>
      <c r="AR3428" s="137"/>
      <c r="AS3428" s="137"/>
      <c r="AT3428" s="137"/>
      <c r="AU3428" s="137"/>
      <c r="AV3428" s="137"/>
      <c r="AW3428" s="144"/>
    </row>
    <row r="3429" spans="2:49" x14ac:dyDescent="0.2">
      <c r="B3429" s="97"/>
      <c r="J3429" s="98"/>
      <c r="K3429" s="97"/>
      <c r="N3429" s="3"/>
      <c r="W3429" s="98"/>
      <c r="Z3429" s="143"/>
      <c r="AA3429" s="137"/>
      <c r="AB3429" s="137"/>
      <c r="AC3429" s="137"/>
      <c r="AD3429" s="137"/>
      <c r="AE3429" s="137"/>
      <c r="AF3429" s="137"/>
      <c r="AG3429" s="137"/>
      <c r="AH3429" s="137"/>
      <c r="AI3429" s="137"/>
      <c r="AJ3429" s="137"/>
      <c r="AK3429" s="206"/>
      <c r="AL3429" s="206"/>
      <c r="AM3429" s="143"/>
      <c r="AN3429" s="137"/>
      <c r="AO3429" s="137"/>
      <c r="AP3429" s="137"/>
      <c r="AQ3429" s="137"/>
      <c r="AR3429" s="137"/>
      <c r="AS3429" s="137"/>
      <c r="AT3429" s="137"/>
      <c r="AU3429" s="137"/>
      <c r="AV3429" s="137"/>
      <c r="AW3429" s="144"/>
    </row>
    <row r="3430" spans="2:49" x14ac:dyDescent="0.2">
      <c r="B3430" s="97"/>
      <c r="J3430" s="98"/>
      <c r="K3430" s="97"/>
      <c r="N3430" s="3"/>
      <c r="W3430" s="98"/>
      <c r="Z3430" s="143"/>
      <c r="AA3430" s="137"/>
      <c r="AB3430" s="137"/>
      <c r="AC3430" s="137"/>
      <c r="AD3430" s="137"/>
      <c r="AE3430" s="137"/>
      <c r="AF3430" s="137"/>
      <c r="AG3430" s="137"/>
      <c r="AH3430" s="137"/>
      <c r="AI3430" s="137"/>
      <c r="AJ3430" s="137"/>
      <c r="AK3430" s="206"/>
      <c r="AL3430" s="206"/>
      <c r="AM3430" s="143"/>
      <c r="AN3430" s="137"/>
      <c r="AO3430" s="137"/>
      <c r="AP3430" s="137"/>
      <c r="AQ3430" s="137"/>
      <c r="AR3430" s="137"/>
      <c r="AS3430" s="137"/>
      <c r="AT3430" s="137"/>
      <c r="AU3430" s="137"/>
      <c r="AV3430" s="137"/>
      <c r="AW3430" s="144"/>
    </row>
    <row r="3431" spans="2:49" x14ac:dyDescent="0.2">
      <c r="B3431" s="97"/>
      <c r="J3431" s="98"/>
      <c r="K3431" s="97"/>
      <c r="N3431" s="3"/>
      <c r="W3431" s="98"/>
      <c r="Z3431" s="143"/>
      <c r="AA3431" s="137"/>
      <c r="AB3431" s="137"/>
      <c r="AC3431" s="137"/>
      <c r="AD3431" s="137"/>
      <c r="AE3431" s="137"/>
      <c r="AF3431" s="137"/>
      <c r="AG3431" s="137"/>
      <c r="AH3431" s="137"/>
      <c r="AI3431" s="137"/>
      <c r="AJ3431" s="137"/>
      <c r="AK3431" s="206"/>
      <c r="AL3431" s="206"/>
      <c r="AM3431" s="143"/>
      <c r="AN3431" s="137"/>
      <c r="AO3431" s="137"/>
      <c r="AP3431" s="137"/>
      <c r="AQ3431" s="137"/>
      <c r="AR3431" s="137"/>
      <c r="AS3431" s="137"/>
      <c r="AT3431" s="137"/>
      <c r="AU3431" s="137"/>
      <c r="AV3431" s="137"/>
      <c r="AW3431" s="144"/>
    </row>
    <row r="3432" spans="2:49" x14ac:dyDescent="0.2">
      <c r="B3432" s="97"/>
      <c r="J3432" s="98"/>
      <c r="K3432" s="97"/>
      <c r="N3432" s="3"/>
      <c r="W3432" s="98"/>
      <c r="Z3432" s="143"/>
      <c r="AA3432" s="137"/>
      <c r="AB3432" s="137"/>
      <c r="AC3432" s="137"/>
      <c r="AD3432" s="137"/>
      <c r="AE3432" s="137"/>
      <c r="AF3432" s="137"/>
      <c r="AG3432" s="137"/>
      <c r="AH3432" s="137"/>
      <c r="AI3432" s="137"/>
      <c r="AJ3432" s="137"/>
      <c r="AK3432" s="206"/>
      <c r="AL3432" s="206"/>
      <c r="AM3432" s="143"/>
      <c r="AN3432" s="137"/>
      <c r="AO3432" s="137"/>
      <c r="AP3432" s="137"/>
      <c r="AQ3432" s="137"/>
      <c r="AR3432" s="137"/>
      <c r="AS3432" s="137"/>
      <c r="AT3432" s="137"/>
      <c r="AU3432" s="137"/>
      <c r="AV3432" s="137"/>
      <c r="AW3432" s="144"/>
    </row>
    <row r="3433" spans="2:49" x14ac:dyDescent="0.2">
      <c r="B3433" s="97"/>
      <c r="J3433" s="98"/>
      <c r="K3433" s="97"/>
      <c r="N3433" s="3"/>
      <c r="W3433" s="98"/>
      <c r="Z3433" s="143"/>
      <c r="AA3433" s="137"/>
      <c r="AB3433" s="137"/>
      <c r="AC3433" s="137"/>
      <c r="AD3433" s="137"/>
      <c r="AE3433" s="137"/>
      <c r="AF3433" s="137"/>
      <c r="AG3433" s="137"/>
      <c r="AH3433" s="137"/>
      <c r="AI3433" s="137"/>
      <c r="AJ3433" s="137"/>
      <c r="AK3433" s="206"/>
      <c r="AL3433" s="206"/>
      <c r="AM3433" s="143"/>
      <c r="AN3433" s="137"/>
      <c r="AO3433" s="137"/>
      <c r="AP3433" s="137"/>
      <c r="AQ3433" s="137"/>
      <c r="AR3433" s="137"/>
      <c r="AS3433" s="137"/>
      <c r="AT3433" s="137"/>
      <c r="AU3433" s="137"/>
      <c r="AV3433" s="137"/>
      <c r="AW3433" s="144"/>
    </row>
    <row r="3434" spans="2:49" x14ac:dyDescent="0.2">
      <c r="B3434" s="97"/>
      <c r="J3434" s="98"/>
      <c r="K3434" s="97"/>
      <c r="N3434" s="3"/>
      <c r="W3434" s="98"/>
      <c r="Z3434" s="143"/>
      <c r="AA3434" s="137"/>
      <c r="AB3434" s="137"/>
      <c r="AC3434" s="137"/>
      <c r="AD3434" s="137"/>
      <c r="AE3434" s="137"/>
      <c r="AF3434" s="137"/>
      <c r="AG3434" s="137"/>
      <c r="AH3434" s="137"/>
      <c r="AI3434" s="137"/>
      <c r="AJ3434" s="137"/>
      <c r="AK3434" s="206"/>
      <c r="AL3434" s="206"/>
      <c r="AM3434" s="143"/>
      <c r="AN3434" s="137"/>
      <c r="AO3434" s="137"/>
      <c r="AP3434" s="137"/>
      <c r="AQ3434" s="137"/>
      <c r="AR3434" s="137"/>
      <c r="AS3434" s="137"/>
      <c r="AT3434" s="137"/>
      <c r="AU3434" s="137"/>
      <c r="AV3434" s="137"/>
      <c r="AW3434" s="144"/>
    </row>
    <row r="3435" spans="2:49" x14ac:dyDescent="0.2">
      <c r="B3435" s="97"/>
      <c r="J3435" s="98"/>
      <c r="K3435" s="97"/>
      <c r="N3435" s="3"/>
      <c r="W3435" s="98"/>
      <c r="Z3435" s="143"/>
      <c r="AA3435" s="137"/>
      <c r="AB3435" s="137"/>
      <c r="AC3435" s="137"/>
      <c r="AD3435" s="137"/>
      <c r="AE3435" s="137"/>
      <c r="AF3435" s="137"/>
      <c r="AG3435" s="137"/>
      <c r="AH3435" s="137"/>
      <c r="AI3435" s="137"/>
      <c r="AJ3435" s="137"/>
      <c r="AK3435" s="206"/>
      <c r="AL3435" s="206"/>
      <c r="AM3435" s="143"/>
      <c r="AN3435" s="137"/>
      <c r="AO3435" s="137"/>
      <c r="AP3435" s="137"/>
      <c r="AQ3435" s="137"/>
      <c r="AR3435" s="137"/>
      <c r="AS3435" s="137"/>
      <c r="AT3435" s="137"/>
      <c r="AU3435" s="137"/>
      <c r="AV3435" s="137"/>
      <c r="AW3435" s="144"/>
    </row>
    <row r="3436" spans="2:49" x14ac:dyDescent="0.2">
      <c r="B3436" s="97"/>
      <c r="J3436" s="98"/>
      <c r="K3436" s="97"/>
      <c r="N3436" s="3"/>
      <c r="W3436" s="98"/>
      <c r="Z3436" s="143"/>
      <c r="AA3436" s="137"/>
      <c r="AB3436" s="137"/>
      <c r="AC3436" s="137"/>
      <c r="AD3436" s="137"/>
      <c r="AE3436" s="137"/>
      <c r="AF3436" s="137"/>
      <c r="AG3436" s="137"/>
      <c r="AH3436" s="137"/>
      <c r="AI3436" s="137"/>
      <c r="AJ3436" s="137"/>
      <c r="AK3436" s="206"/>
      <c r="AL3436" s="206"/>
      <c r="AM3436" s="143"/>
      <c r="AN3436" s="137"/>
      <c r="AO3436" s="137"/>
      <c r="AP3436" s="137"/>
      <c r="AQ3436" s="137"/>
      <c r="AR3436" s="137"/>
      <c r="AS3436" s="137"/>
      <c r="AT3436" s="137"/>
      <c r="AU3436" s="137"/>
      <c r="AV3436" s="137"/>
      <c r="AW3436" s="144"/>
    </row>
    <row r="3437" spans="2:49" x14ac:dyDescent="0.2">
      <c r="B3437" s="97"/>
      <c r="J3437" s="98"/>
      <c r="K3437" s="97"/>
      <c r="N3437" s="3"/>
      <c r="W3437" s="98"/>
      <c r="Z3437" s="143"/>
      <c r="AA3437" s="137"/>
      <c r="AB3437" s="137"/>
      <c r="AC3437" s="137"/>
      <c r="AD3437" s="137"/>
      <c r="AE3437" s="137"/>
      <c r="AF3437" s="137"/>
      <c r="AG3437" s="137"/>
      <c r="AH3437" s="137"/>
      <c r="AI3437" s="137"/>
      <c r="AJ3437" s="137"/>
      <c r="AK3437" s="206"/>
      <c r="AL3437" s="206"/>
      <c r="AM3437" s="143"/>
      <c r="AN3437" s="137"/>
      <c r="AO3437" s="137"/>
      <c r="AP3437" s="137"/>
      <c r="AQ3437" s="137"/>
      <c r="AR3437" s="137"/>
      <c r="AS3437" s="137"/>
      <c r="AT3437" s="137"/>
      <c r="AU3437" s="137"/>
      <c r="AV3437" s="137"/>
      <c r="AW3437" s="144"/>
    </row>
    <row r="3438" spans="2:49" x14ac:dyDescent="0.2">
      <c r="B3438" s="97"/>
      <c r="J3438" s="98"/>
      <c r="K3438" s="97"/>
      <c r="N3438" s="3"/>
      <c r="W3438" s="98"/>
      <c r="Z3438" s="143"/>
      <c r="AA3438" s="137"/>
      <c r="AB3438" s="137"/>
      <c r="AC3438" s="137"/>
      <c r="AD3438" s="137"/>
      <c r="AE3438" s="137"/>
      <c r="AF3438" s="137"/>
      <c r="AG3438" s="137"/>
      <c r="AH3438" s="137"/>
      <c r="AI3438" s="137"/>
      <c r="AJ3438" s="137"/>
      <c r="AK3438" s="206"/>
      <c r="AL3438" s="206"/>
      <c r="AM3438" s="143"/>
      <c r="AN3438" s="137"/>
      <c r="AO3438" s="137"/>
      <c r="AP3438" s="137"/>
      <c r="AQ3438" s="137"/>
      <c r="AR3438" s="137"/>
      <c r="AS3438" s="137"/>
      <c r="AT3438" s="137"/>
      <c r="AU3438" s="137"/>
      <c r="AV3438" s="137"/>
      <c r="AW3438" s="144"/>
    </row>
    <row r="3439" spans="2:49" x14ac:dyDescent="0.2">
      <c r="B3439" s="97"/>
      <c r="J3439" s="98"/>
      <c r="K3439" s="97"/>
      <c r="N3439" s="3"/>
      <c r="W3439" s="98"/>
      <c r="Z3439" s="143"/>
      <c r="AA3439" s="137"/>
      <c r="AB3439" s="137"/>
      <c r="AC3439" s="137"/>
      <c r="AD3439" s="137"/>
      <c r="AE3439" s="137"/>
      <c r="AF3439" s="137"/>
      <c r="AG3439" s="137"/>
      <c r="AH3439" s="137"/>
      <c r="AI3439" s="137"/>
      <c r="AJ3439" s="137"/>
      <c r="AK3439" s="206"/>
      <c r="AL3439" s="206"/>
      <c r="AM3439" s="143"/>
      <c r="AN3439" s="137"/>
      <c r="AO3439" s="137"/>
      <c r="AP3439" s="137"/>
      <c r="AQ3439" s="137"/>
      <c r="AR3439" s="137"/>
      <c r="AS3439" s="137"/>
      <c r="AT3439" s="137"/>
      <c r="AU3439" s="137"/>
      <c r="AV3439" s="137"/>
      <c r="AW3439" s="144"/>
    </row>
    <row r="3440" spans="2:49" x14ac:dyDescent="0.2">
      <c r="B3440" s="97"/>
      <c r="J3440" s="98"/>
      <c r="K3440" s="97"/>
      <c r="N3440" s="3"/>
      <c r="W3440" s="98"/>
      <c r="Z3440" s="143"/>
      <c r="AA3440" s="137"/>
      <c r="AB3440" s="137"/>
      <c r="AC3440" s="137"/>
      <c r="AD3440" s="137"/>
      <c r="AE3440" s="137"/>
      <c r="AF3440" s="137"/>
      <c r="AG3440" s="137"/>
      <c r="AH3440" s="137"/>
      <c r="AI3440" s="137"/>
      <c r="AJ3440" s="137"/>
      <c r="AK3440" s="206"/>
      <c r="AL3440" s="206"/>
      <c r="AM3440" s="143"/>
      <c r="AN3440" s="137"/>
      <c r="AO3440" s="137"/>
      <c r="AP3440" s="137"/>
      <c r="AQ3440" s="137"/>
      <c r="AR3440" s="137"/>
      <c r="AS3440" s="137"/>
      <c r="AT3440" s="137"/>
      <c r="AU3440" s="137"/>
      <c r="AV3440" s="137"/>
      <c r="AW3440" s="144"/>
    </row>
    <row r="3441" spans="2:49" x14ac:dyDescent="0.2">
      <c r="B3441" s="97"/>
      <c r="J3441" s="98"/>
      <c r="K3441" s="97"/>
      <c r="N3441" s="3"/>
      <c r="W3441" s="98"/>
      <c r="Z3441" s="143"/>
      <c r="AA3441" s="137"/>
      <c r="AB3441" s="137"/>
      <c r="AC3441" s="137"/>
      <c r="AD3441" s="137"/>
      <c r="AE3441" s="137"/>
      <c r="AF3441" s="137"/>
      <c r="AG3441" s="137"/>
      <c r="AH3441" s="137"/>
      <c r="AI3441" s="137"/>
      <c r="AJ3441" s="137"/>
      <c r="AK3441" s="206"/>
      <c r="AL3441" s="206"/>
      <c r="AM3441" s="143"/>
      <c r="AN3441" s="137"/>
      <c r="AO3441" s="137"/>
      <c r="AP3441" s="137"/>
      <c r="AQ3441" s="137"/>
      <c r="AR3441" s="137"/>
      <c r="AS3441" s="137"/>
      <c r="AT3441" s="137"/>
      <c r="AU3441" s="137"/>
      <c r="AV3441" s="137"/>
      <c r="AW3441" s="144"/>
    </row>
    <row r="3442" spans="2:49" x14ac:dyDescent="0.2">
      <c r="B3442" s="97"/>
      <c r="J3442" s="98"/>
      <c r="K3442" s="97"/>
      <c r="N3442" s="3"/>
      <c r="W3442" s="98"/>
      <c r="Z3442" s="143"/>
      <c r="AA3442" s="137"/>
      <c r="AB3442" s="137"/>
      <c r="AC3442" s="137"/>
      <c r="AD3442" s="137"/>
      <c r="AE3442" s="137"/>
      <c r="AF3442" s="137"/>
      <c r="AG3442" s="137"/>
      <c r="AH3442" s="137"/>
      <c r="AI3442" s="137"/>
      <c r="AJ3442" s="137"/>
      <c r="AK3442" s="206"/>
      <c r="AL3442" s="206"/>
      <c r="AM3442" s="143"/>
      <c r="AN3442" s="137"/>
      <c r="AO3442" s="137"/>
      <c r="AP3442" s="137"/>
      <c r="AQ3442" s="137"/>
      <c r="AR3442" s="137"/>
      <c r="AS3442" s="137"/>
      <c r="AT3442" s="137"/>
      <c r="AU3442" s="137"/>
      <c r="AV3442" s="137"/>
      <c r="AW3442" s="144"/>
    </row>
    <row r="3443" spans="2:49" x14ac:dyDescent="0.2">
      <c r="B3443" s="97"/>
      <c r="J3443" s="98"/>
      <c r="K3443" s="97"/>
      <c r="N3443" s="3"/>
      <c r="W3443" s="98"/>
      <c r="Z3443" s="143"/>
      <c r="AA3443" s="137"/>
      <c r="AB3443" s="137"/>
      <c r="AC3443" s="137"/>
      <c r="AD3443" s="137"/>
      <c r="AE3443" s="137"/>
      <c r="AF3443" s="137"/>
      <c r="AG3443" s="137"/>
      <c r="AH3443" s="137"/>
      <c r="AI3443" s="137"/>
      <c r="AJ3443" s="137"/>
      <c r="AK3443" s="206"/>
      <c r="AL3443" s="206"/>
      <c r="AM3443" s="143"/>
      <c r="AN3443" s="137"/>
      <c r="AO3443" s="137"/>
      <c r="AP3443" s="137"/>
      <c r="AQ3443" s="137"/>
      <c r="AR3443" s="137"/>
      <c r="AS3443" s="137"/>
      <c r="AT3443" s="137"/>
      <c r="AU3443" s="137"/>
      <c r="AV3443" s="137"/>
      <c r="AW3443" s="144"/>
    </row>
    <row r="3444" spans="2:49" x14ac:dyDescent="0.2">
      <c r="B3444" s="97"/>
      <c r="J3444" s="98"/>
      <c r="K3444" s="97"/>
      <c r="N3444" s="3"/>
      <c r="W3444" s="98"/>
      <c r="Z3444" s="143"/>
      <c r="AA3444" s="137"/>
      <c r="AB3444" s="137"/>
      <c r="AC3444" s="137"/>
      <c r="AD3444" s="137"/>
      <c r="AE3444" s="137"/>
      <c r="AF3444" s="137"/>
      <c r="AG3444" s="137"/>
      <c r="AH3444" s="137"/>
      <c r="AI3444" s="137"/>
      <c r="AJ3444" s="137"/>
      <c r="AK3444" s="206"/>
      <c r="AL3444" s="206"/>
      <c r="AM3444" s="143"/>
      <c r="AN3444" s="137"/>
      <c r="AO3444" s="137"/>
      <c r="AP3444" s="137"/>
      <c r="AQ3444" s="137"/>
      <c r="AR3444" s="137"/>
      <c r="AS3444" s="137"/>
      <c r="AT3444" s="137"/>
      <c r="AU3444" s="137"/>
      <c r="AV3444" s="137"/>
      <c r="AW3444" s="144"/>
    </row>
    <row r="3445" spans="2:49" x14ac:dyDescent="0.2">
      <c r="B3445" s="97"/>
      <c r="J3445" s="98"/>
      <c r="K3445" s="97"/>
      <c r="N3445" s="3"/>
      <c r="W3445" s="98"/>
      <c r="Z3445" s="143"/>
      <c r="AA3445" s="137"/>
      <c r="AB3445" s="137"/>
      <c r="AC3445" s="137"/>
      <c r="AD3445" s="137"/>
      <c r="AE3445" s="137"/>
      <c r="AF3445" s="137"/>
      <c r="AG3445" s="137"/>
      <c r="AH3445" s="137"/>
      <c r="AI3445" s="137"/>
      <c r="AJ3445" s="137"/>
      <c r="AK3445" s="206"/>
      <c r="AL3445" s="206"/>
      <c r="AM3445" s="143"/>
      <c r="AN3445" s="137"/>
      <c r="AO3445" s="137"/>
      <c r="AP3445" s="137"/>
      <c r="AQ3445" s="137"/>
      <c r="AR3445" s="137"/>
      <c r="AS3445" s="137"/>
      <c r="AT3445" s="137"/>
      <c r="AU3445" s="137"/>
      <c r="AV3445" s="137"/>
      <c r="AW3445" s="144"/>
    </row>
    <row r="3446" spans="2:49" x14ac:dyDescent="0.2">
      <c r="B3446" s="97"/>
      <c r="J3446" s="98"/>
      <c r="K3446" s="97"/>
      <c r="N3446" s="3"/>
      <c r="W3446" s="98"/>
      <c r="Z3446" s="143"/>
      <c r="AA3446" s="137"/>
      <c r="AB3446" s="137"/>
      <c r="AC3446" s="137"/>
      <c r="AD3446" s="137"/>
      <c r="AE3446" s="137"/>
      <c r="AF3446" s="137"/>
      <c r="AG3446" s="137"/>
      <c r="AH3446" s="137"/>
      <c r="AI3446" s="137"/>
      <c r="AJ3446" s="137"/>
      <c r="AK3446" s="206"/>
      <c r="AL3446" s="206"/>
      <c r="AM3446" s="143"/>
      <c r="AN3446" s="137"/>
      <c r="AO3446" s="137"/>
      <c r="AP3446" s="137"/>
      <c r="AQ3446" s="137"/>
      <c r="AR3446" s="137"/>
      <c r="AS3446" s="137"/>
      <c r="AT3446" s="137"/>
      <c r="AU3446" s="137"/>
      <c r="AV3446" s="137"/>
      <c r="AW3446" s="144"/>
    </row>
    <row r="3447" spans="2:49" x14ac:dyDescent="0.2">
      <c r="B3447" s="97"/>
      <c r="J3447" s="98"/>
      <c r="K3447" s="97"/>
      <c r="N3447" s="3"/>
      <c r="W3447" s="98"/>
      <c r="Z3447" s="143"/>
      <c r="AA3447" s="137"/>
      <c r="AB3447" s="137"/>
      <c r="AC3447" s="137"/>
      <c r="AD3447" s="137"/>
      <c r="AE3447" s="137"/>
      <c r="AF3447" s="137"/>
      <c r="AG3447" s="137"/>
      <c r="AH3447" s="137"/>
      <c r="AI3447" s="137"/>
      <c r="AJ3447" s="137"/>
      <c r="AK3447" s="206"/>
      <c r="AL3447" s="206"/>
      <c r="AM3447" s="143"/>
      <c r="AN3447" s="137"/>
      <c r="AO3447" s="137"/>
      <c r="AP3447" s="137"/>
      <c r="AQ3447" s="137"/>
      <c r="AR3447" s="137"/>
      <c r="AS3447" s="137"/>
      <c r="AT3447" s="137"/>
      <c r="AU3447" s="137"/>
      <c r="AV3447" s="137"/>
      <c r="AW3447" s="144"/>
    </row>
    <row r="3448" spans="2:49" x14ac:dyDescent="0.2">
      <c r="B3448" s="97"/>
      <c r="J3448" s="98"/>
      <c r="K3448" s="97"/>
      <c r="N3448" s="3"/>
      <c r="W3448" s="98"/>
      <c r="Z3448" s="143"/>
      <c r="AA3448" s="137"/>
      <c r="AB3448" s="137"/>
      <c r="AC3448" s="137"/>
      <c r="AD3448" s="137"/>
      <c r="AE3448" s="137"/>
      <c r="AF3448" s="137"/>
      <c r="AG3448" s="137"/>
      <c r="AH3448" s="137"/>
      <c r="AI3448" s="137"/>
      <c r="AJ3448" s="137"/>
      <c r="AK3448" s="206"/>
      <c r="AL3448" s="206"/>
      <c r="AM3448" s="143"/>
      <c r="AN3448" s="137"/>
      <c r="AO3448" s="137"/>
      <c r="AP3448" s="137"/>
      <c r="AQ3448" s="137"/>
      <c r="AR3448" s="137"/>
      <c r="AS3448" s="137"/>
      <c r="AT3448" s="137"/>
      <c r="AU3448" s="137"/>
      <c r="AV3448" s="137"/>
      <c r="AW3448" s="144"/>
    </row>
    <row r="3449" spans="2:49" x14ac:dyDescent="0.2">
      <c r="B3449" s="97"/>
      <c r="J3449" s="98"/>
      <c r="K3449" s="97"/>
      <c r="N3449" s="3"/>
      <c r="W3449" s="98"/>
      <c r="Z3449" s="143"/>
      <c r="AA3449" s="137"/>
      <c r="AB3449" s="137"/>
      <c r="AC3449" s="137"/>
      <c r="AD3449" s="137"/>
      <c r="AE3449" s="137"/>
      <c r="AF3449" s="137"/>
      <c r="AG3449" s="137"/>
      <c r="AH3449" s="137"/>
      <c r="AI3449" s="137"/>
      <c r="AJ3449" s="137"/>
      <c r="AK3449" s="206"/>
      <c r="AL3449" s="206"/>
      <c r="AM3449" s="143"/>
      <c r="AN3449" s="137"/>
      <c r="AO3449" s="137"/>
      <c r="AP3449" s="137"/>
      <c r="AQ3449" s="137"/>
      <c r="AR3449" s="137"/>
      <c r="AS3449" s="137"/>
      <c r="AT3449" s="137"/>
      <c r="AU3449" s="137"/>
      <c r="AV3449" s="137"/>
      <c r="AW3449" s="144"/>
    </row>
    <row r="3450" spans="2:49" x14ac:dyDescent="0.2">
      <c r="B3450" s="97"/>
      <c r="J3450" s="98"/>
      <c r="K3450" s="97"/>
      <c r="N3450" s="3"/>
      <c r="W3450" s="98"/>
      <c r="Z3450" s="143"/>
      <c r="AA3450" s="137"/>
      <c r="AB3450" s="137"/>
      <c r="AC3450" s="137"/>
      <c r="AD3450" s="137"/>
      <c r="AE3450" s="137"/>
      <c r="AF3450" s="137"/>
      <c r="AG3450" s="137"/>
      <c r="AH3450" s="137"/>
      <c r="AI3450" s="137"/>
      <c r="AJ3450" s="137"/>
      <c r="AK3450" s="206"/>
      <c r="AL3450" s="206"/>
      <c r="AM3450" s="143"/>
      <c r="AN3450" s="137"/>
      <c r="AO3450" s="137"/>
      <c r="AP3450" s="137"/>
      <c r="AQ3450" s="137"/>
      <c r="AR3450" s="137"/>
      <c r="AS3450" s="137"/>
      <c r="AT3450" s="137"/>
      <c r="AU3450" s="137"/>
      <c r="AV3450" s="137"/>
      <c r="AW3450" s="144"/>
    </row>
    <row r="3451" spans="2:49" x14ac:dyDescent="0.2">
      <c r="B3451" s="97"/>
      <c r="J3451" s="98"/>
      <c r="K3451" s="97"/>
      <c r="N3451" s="3"/>
      <c r="W3451" s="98"/>
      <c r="Z3451" s="143"/>
      <c r="AA3451" s="137"/>
      <c r="AB3451" s="137"/>
      <c r="AC3451" s="137"/>
      <c r="AD3451" s="137"/>
      <c r="AE3451" s="137"/>
      <c r="AF3451" s="137"/>
      <c r="AG3451" s="137"/>
      <c r="AH3451" s="137"/>
      <c r="AI3451" s="137"/>
      <c r="AJ3451" s="137"/>
      <c r="AK3451" s="206"/>
      <c r="AL3451" s="206"/>
      <c r="AM3451" s="143"/>
      <c r="AN3451" s="137"/>
      <c r="AO3451" s="137"/>
      <c r="AP3451" s="137"/>
      <c r="AQ3451" s="137"/>
      <c r="AR3451" s="137"/>
      <c r="AS3451" s="137"/>
      <c r="AT3451" s="137"/>
      <c r="AU3451" s="137"/>
      <c r="AV3451" s="137"/>
      <c r="AW3451" s="144"/>
    </row>
    <row r="3452" spans="2:49" x14ac:dyDescent="0.2">
      <c r="B3452" s="97"/>
      <c r="J3452" s="98"/>
      <c r="K3452" s="97"/>
      <c r="N3452" s="3"/>
      <c r="W3452" s="98"/>
      <c r="Z3452" s="143"/>
      <c r="AA3452" s="137"/>
      <c r="AB3452" s="137"/>
      <c r="AC3452" s="137"/>
      <c r="AD3452" s="137"/>
      <c r="AE3452" s="137"/>
      <c r="AF3452" s="137"/>
      <c r="AG3452" s="137"/>
      <c r="AH3452" s="137"/>
      <c r="AI3452" s="137"/>
      <c r="AJ3452" s="137"/>
      <c r="AK3452" s="206"/>
      <c r="AL3452" s="206"/>
      <c r="AM3452" s="143"/>
      <c r="AN3452" s="137"/>
      <c r="AO3452" s="137"/>
      <c r="AP3452" s="137"/>
      <c r="AQ3452" s="137"/>
      <c r="AR3452" s="137"/>
      <c r="AS3452" s="137"/>
      <c r="AT3452" s="137"/>
      <c r="AU3452" s="137"/>
      <c r="AV3452" s="137"/>
      <c r="AW3452" s="144"/>
    </row>
    <row r="3453" spans="2:49" x14ac:dyDescent="0.2">
      <c r="B3453" s="97"/>
      <c r="J3453" s="98"/>
      <c r="K3453" s="97"/>
      <c r="N3453" s="3"/>
      <c r="W3453" s="98"/>
      <c r="Z3453" s="143"/>
      <c r="AA3453" s="137"/>
      <c r="AB3453" s="137"/>
      <c r="AC3453" s="137"/>
      <c r="AD3453" s="137"/>
      <c r="AE3453" s="137"/>
      <c r="AF3453" s="137"/>
      <c r="AG3453" s="137"/>
      <c r="AH3453" s="137"/>
      <c r="AI3453" s="137"/>
      <c r="AJ3453" s="137"/>
      <c r="AK3453" s="206"/>
      <c r="AL3453" s="206"/>
      <c r="AM3453" s="143"/>
      <c r="AN3453" s="137"/>
      <c r="AO3453" s="137"/>
      <c r="AP3453" s="137"/>
      <c r="AQ3453" s="137"/>
      <c r="AR3453" s="137"/>
      <c r="AS3453" s="137"/>
      <c r="AT3453" s="137"/>
      <c r="AU3453" s="137"/>
      <c r="AV3453" s="137"/>
      <c r="AW3453" s="144"/>
    </row>
    <row r="3454" spans="2:49" x14ac:dyDescent="0.2">
      <c r="B3454" s="97"/>
      <c r="J3454" s="98"/>
      <c r="K3454" s="97"/>
      <c r="N3454" s="3"/>
      <c r="W3454" s="98"/>
      <c r="Z3454" s="143"/>
      <c r="AA3454" s="137"/>
      <c r="AB3454" s="137"/>
      <c r="AC3454" s="137"/>
      <c r="AD3454" s="137"/>
      <c r="AE3454" s="137"/>
      <c r="AF3454" s="137"/>
      <c r="AG3454" s="137"/>
      <c r="AH3454" s="137"/>
      <c r="AI3454" s="137"/>
      <c r="AJ3454" s="137"/>
      <c r="AK3454" s="206"/>
      <c r="AL3454" s="206"/>
      <c r="AM3454" s="143"/>
      <c r="AN3454" s="137"/>
      <c r="AO3454" s="137"/>
      <c r="AP3454" s="137"/>
      <c r="AQ3454" s="137"/>
      <c r="AR3454" s="137"/>
      <c r="AS3454" s="137"/>
      <c r="AT3454" s="137"/>
      <c r="AU3454" s="137"/>
      <c r="AV3454" s="137"/>
      <c r="AW3454" s="144"/>
    </row>
    <row r="3455" spans="2:49" x14ac:dyDescent="0.2">
      <c r="B3455" s="97"/>
      <c r="J3455" s="98"/>
      <c r="K3455" s="97"/>
      <c r="N3455" s="3"/>
      <c r="W3455" s="98"/>
      <c r="Z3455" s="143"/>
      <c r="AA3455" s="137"/>
      <c r="AB3455" s="137"/>
      <c r="AC3455" s="137"/>
      <c r="AD3455" s="137"/>
      <c r="AE3455" s="137"/>
      <c r="AF3455" s="137"/>
      <c r="AG3455" s="137"/>
      <c r="AH3455" s="137"/>
      <c r="AI3455" s="137"/>
      <c r="AJ3455" s="137"/>
      <c r="AK3455" s="206"/>
      <c r="AL3455" s="206"/>
      <c r="AM3455" s="143"/>
      <c r="AN3455" s="137"/>
      <c r="AO3455" s="137"/>
      <c r="AP3455" s="137"/>
      <c r="AQ3455" s="137"/>
      <c r="AR3455" s="137"/>
      <c r="AS3455" s="137"/>
      <c r="AT3455" s="137"/>
      <c r="AU3455" s="137"/>
      <c r="AV3455" s="137"/>
      <c r="AW3455" s="144"/>
    </row>
    <row r="3456" spans="2:49" x14ac:dyDescent="0.2">
      <c r="B3456" s="97"/>
      <c r="J3456" s="98"/>
      <c r="K3456" s="97"/>
      <c r="N3456" s="3"/>
      <c r="W3456" s="98"/>
      <c r="Z3456" s="143"/>
      <c r="AA3456" s="137"/>
      <c r="AB3456" s="137"/>
      <c r="AC3456" s="137"/>
      <c r="AD3456" s="137"/>
      <c r="AE3456" s="137"/>
      <c r="AF3456" s="137"/>
      <c r="AG3456" s="137"/>
      <c r="AH3456" s="137"/>
      <c r="AI3456" s="137"/>
      <c r="AJ3456" s="137"/>
      <c r="AK3456" s="206"/>
      <c r="AL3456" s="206"/>
      <c r="AM3456" s="143"/>
      <c r="AN3456" s="137"/>
      <c r="AO3456" s="137"/>
      <c r="AP3456" s="137"/>
      <c r="AQ3456" s="137"/>
      <c r="AR3456" s="137"/>
      <c r="AS3456" s="137"/>
      <c r="AT3456" s="137"/>
      <c r="AU3456" s="137"/>
      <c r="AV3456" s="137"/>
      <c r="AW3456" s="144"/>
    </row>
    <row r="3457" spans="2:49" x14ac:dyDescent="0.2">
      <c r="B3457" s="97"/>
      <c r="J3457" s="98"/>
      <c r="K3457" s="97"/>
      <c r="N3457" s="3"/>
      <c r="W3457" s="98"/>
      <c r="Z3457" s="143"/>
      <c r="AA3457" s="137"/>
      <c r="AB3457" s="137"/>
      <c r="AC3457" s="137"/>
      <c r="AD3457" s="137"/>
      <c r="AE3457" s="137"/>
      <c r="AF3457" s="137"/>
      <c r="AG3457" s="137"/>
      <c r="AH3457" s="137"/>
      <c r="AI3457" s="137"/>
      <c r="AJ3457" s="137"/>
      <c r="AK3457" s="206"/>
      <c r="AL3457" s="206"/>
      <c r="AM3457" s="143"/>
      <c r="AN3457" s="137"/>
      <c r="AO3457" s="137"/>
      <c r="AP3457" s="137"/>
      <c r="AQ3457" s="137"/>
      <c r="AR3457" s="137"/>
      <c r="AS3457" s="137"/>
      <c r="AT3457" s="137"/>
      <c r="AU3457" s="137"/>
      <c r="AV3457" s="137"/>
      <c r="AW3457" s="144"/>
    </row>
    <row r="3458" spans="2:49" x14ac:dyDescent="0.2">
      <c r="B3458" s="97"/>
      <c r="J3458" s="98"/>
      <c r="K3458" s="97"/>
      <c r="N3458" s="3"/>
      <c r="W3458" s="98"/>
      <c r="Z3458" s="143"/>
      <c r="AA3458" s="137"/>
      <c r="AB3458" s="137"/>
      <c r="AC3458" s="137"/>
      <c r="AD3458" s="137"/>
      <c r="AE3458" s="137"/>
      <c r="AF3458" s="137"/>
      <c r="AG3458" s="137"/>
      <c r="AH3458" s="137"/>
      <c r="AI3458" s="137"/>
      <c r="AJ3458" s="137"/>
      <c r="AK3458" s="206"/>
      <c r="AL3458" s="206"/>
      <c r="AM3458" s="143"/>
      <c r="AN3458" s="137"/>
      <c r="AO3458" s="137"/>
      <c r="AP3458" s="137"/>
      <c r="AQ3458" s="137"/>
      <c r="AR3458" s="137"/>
      <c r="AS3458" s="137"/>
      <c r="AT3458" s="137"/>
      <c r="AU3458" s="137"/>
      <c r="AV3458" s="137"/>
      <c r="AW3458" s="144"/>
    </row>
    <row r="3459" spans="2:49" x14ac:dyDescent="0.2">
      <c r="B3459" s="97"/>
      <c r="J3459" s="98"/>
      <c r="K3459" s="97"/>
      <c r="N3459" s="3"/>
      <c r="W3459" s="98"/>
      <c r="Z3459" s="143"/>
      <c r="AA3459" s="137"/>
      <c r="AB3459" s="137"/>
      <c r="AC3459" s="137"/>
      <c r="AD3459" s="137"/>
      <c r="AE3459" s="137"/>
      <c r="AF3459" s="137"/>
      <c r="AG3459" s="137"/>
      <c r="AH3459" s="137"/>
      <c r="AI3459" s="137"/>
      <c r="AJ3459" s="137"/>
      <c r="AK3459" s="206"/>
      <c r="AL3459" s="206"/>
      <c r="AM3459" s="143"/>
      <c r="AN3459" s="137"/>
      <c r="AO3459" s="137"/>
      <c r="AP3459" s="137"/>
      <c r="AQ3459" s="137"/>
      <c r="AR3459" s="137"/>
      <c r="AS3459" s="137"/>
      <c r="AT3459" s="137"/>
      <c r="AU3459" s="137"/>
      <c r="AV3459" s="137"/>
      <c r="AW3459" s="144"/>
    </row>
    <row r="3460" spans="2:49" x14ac:dyDescent="0.2">
      <c r="B3460" s="97"/>
      <c r="J3460" s="98"/>
      <c r="K3460" s="97"/>
      <c r="N3460" s="3"/>
      <c r="W3460" s="98"/>
      <c r="Z3460" s="143"/>
      <c r="AA3460" s="137"/>
      <c r="AB3460" s="137"/>
      <c r="AC3460" s="137"/>
      <c r="AD3460" s="137"/>
      <c r="AE3460" s="137"/>
      <c r="AF3460" s="137"/>
      <c r="AG3460" s="137"/>
      <c r="AH3460" s="137"/>
      <c r="AI3460" s="137"/>
      <c r="AJ3460" s="137"/>
      <c r="AK3460" s="206"/>
      <c r="AL3460" s="206"/>
      <c r="AM3460" s="143"/>
      <c r="AN3460" s="137"/>
      <c r="AO3460" s="137"/>
      <c r="AP3460" s="137"/>
      <c r="AQ3460" s="137"/>
      <c r="AR3460" s="137"/>
      <c r="AS3460" s="137"/>
      <c r="AT3460" s="137"/>
      <c r="AU3460" s="137"/>
      <c r="AV3460" s="137"/>
      <c r="AW3460" s="144"/>
    </row>
    <row r="3461" spans="2:49" x14ac:dyDescent="0.2">
      <c r="B3461" s="97"/>
      <c r="J3461" s="98"/>
      <c r="K3461" s="97"/>
      <c r="N3461" s="3"/>
      <c r="W3461" s="98"/>
      <c r="Z3461" s="143"/>
      <c r="AA3461" s="137"/>
      <c r="AB3461" s="137"/>
      <c r="AC3461" s="137"/>
      <c r="AD3461" s="137"/>
      <c r="AE3461" s="137"/>
      <c r="AF3461" s="137"/>
      <c r="AG3461" s="137"/>
      <c r="AH3461" s="137"/>
      <c r="AI3461" s="137"/>
      <c r="AJ3461" s="137"/>
      <c r="AK3461" s="206"/>
      <c r="AL3461" s="206"/>
      <c r="AM3461" s="143"/>
      <c r="AN3461" s="137"/>
      <c r="AO3461" s="137"/>
      <c r="AP3461" s="137"/>
      <c r="AQ3461" s="137"/>
      <c r="AR3461" s="137"/>
      <c r="AS3461" s="137"/>
      <c r="AT3461" s="137"/>
      <c r="AU3461" s="137"/>
      <c r="AV3461" s="137"/>
      <c r="AW3461" s="144"/>
    </row>
    <row r="3462" spans="2:49" x14ac:dyDescent="0.2">
      <c r="B3462" s="97"/>
      <c r="J3462" s="98"/>
      <c r="K3462" s="97"/>
      <c r="N3462" s="3"/>
      <c r="W3462" s="98"/>
      <c r="Z3462" s="143"/>
      <c r="AA3462" s="137"/>
      <c r="AB3462" s="137"/>
      <c r="AC3462" s="137"/>
      <c r="AD3462" s="137"/>
      <c r="AE3462" s="137"/>
      <c r="AF3462" s="137"/>
      <c r="AG3462" s="137"/>
      <c r="AH3462" s="137"/>
      <c r="AI3462" s="137"/>
      <c r="AJ3462" s="137"/>
      <c r="AK3462" s="206"/>
      <c r="AL3462" s="206"/>
      <c r="AM3462" s="143"/>
      <c r="AN3462" s="137"/>
      <c r="AO3462" s="137"/>
      <c r="AP3462" s="137"/>
      <c r="AQ3462" s="137"/>
      <c r="AR3462" s="137"/>
      <c r="AS3462" s="137"/>
      <c r="AT3462" s="137"/>
      <c r="AU3462" s="137"/>
      <c r="AV3462" s="137"/>
      <c r="AW3462" s="144"/>
    </row>
    <row r="3463" spans="2:49" x14ac:dyDescent="0.2">
      <c r="B3463" s="97"/>
      <c r="J3463" s="98"/>
      <c r="K3463" s="97"/>
      <c r="N3463" s="3"/>
      <c r="W3463" s="98"/>
      <c r="Z3463" s="143"/>
      <c r="AA3463" s="137"/>
      <c r="AB3463" s="137"/>
      <c r="AC3463" s="137"/>
      <c r="AD3463" s="137"/>
      <c r="AE3463" s="137"/>
      <c r="AF3463" s="137"/>
      <c r="AG3463" s="137"/>
      <c r="AH3463" s="137"/>
      <c r="AI3463" s="137"/>
      <c r="AJ3463" s="137"/>
      <c r="AK3463" s="206"/>
      <c r="AL3463" s="206"/>
      <c r="AM3463" s="143"/>
      <c r="AN3463" s="137"/>
      <c r="AO3463" s="137"/>
      <c r="AP3463" s="137"/>
      <c r="AQ3463" s="137"/>
      <c r="AR3463" s="137"/>
      <c r="AS3463" s="137"/>
      <c r="AT3463" s="137"/>
      <c r="AU3463" s="137"/>
      <c r="AV3463" s="137"/>
      <c r="AW3463" s="144"/>
    </row>
    <row r="3464" spans="2:49" x14ac:dyDescent="0.2">
      <c r="B3464" s="97"/>
      <c r="J3464" s="98"/>
      <c r="K3464" s="97"/>
      <c r="N3464" s="3"/>
      <c r="W3464" s="98"/>
      <c r="Z3464" s="143"/>
      <c r="AA3464" s="137"/>
      <c r="AB3464" s="137"/>
      <c r="AC3464" s="137"/>
      <c r="AD3464" s="137"/>
      <c r="AE3464" s="137"/>
      <c r="AF3464" s="137"/>
      <c r="AG3464" s="137"/>
      <c r="AH3464" s="137"/>
      <c r="AI3464" s="137"/>
      <c r="AJ3464" s="137"/>
      <c r="AK3464" s="206"/>
      <c r="AL3464" s="206"/>
      <c r="AM3464" s="143"/>
      <c r="AN3464" s="137"/>
      <c r="AO3464" s="137"/>
      <c r="AP3464" s="137"/>
      <c r="AQ3464" s="137"/>
      <c r="AR3464" s="137"/>
      <c r="AS3464" s="137"/>
      <c r="AT3464" s="137"/>
      <c r="AU3464" s="137"/>
      <c r="AV3464" s="137"/>
      <c r="AW3464" s="144"/>
    </row>
    <row r="3465" spans="2:49" x14ac:dyDescent="0.2">
      <c r="B3465" s="97"/>
      <c r="J3465" s="98"/>
      <c r="K3465" s="97"/>
      <c r="N3465" s="3"/>
      <c r="W3465" s="98"/>
      <c r="Z3465" s="143"/>
      <c r="AA3465" s="137"/>
      <c r="AB3465" s="137"/>
      <c r="AC3465" s="137"/>
      <c r="AD3465" s="137"/>
      <c r="AE3465" s="137"/>
      <c r="AF3465" s="137"/>
      <c r="AG3465" s="137"/>
      <c r="AH3465" s="137"/>
      <c r="AI3465" s="137"/>
      <c r="AJ3465" s="137"/>
      <c r="AK3465" s="206"/>
      <c r="AL3465" s="206"/>
      <c r="AM3465" s="143"/>
      <c r="AN3465" s="137"/>
      <c r="AO3465" s="137"/>
      <c r="AP3465" s="137"/>
      <c r="AQ3465" s="137"/>
      <c r="AR3465" s="137"/>
      <c r="AS3465" s="137"/>
      <c r="AT3465" s="137"/>
      <c r="AU3465" s="137"/>
      <c r="AV3465" s="137"/>
      <c r="AW3465" s="144"/>
    </row>
    <row r="3466" spans="2:49" x14ac:dyDescent="0.2">
      <c r="B3466" s="97"/>
      <c r="J3466" s="98"/>
      <c r="K3466" s="97"/>
      <c r="N3466" s="3"/>
      <c r="W3466" s="98"/>
      <c r="Z3466" s="143"/>
      <c r="AA3466" s="137"/>
      <c r="AB3466" s="137"/>
      <c r="AC3466" s="137"/>
      <c r="AD3466" s="137"/>
      <c r="AE3466" s="137"/>
      <c r="AF3466" s="137"/>
      <c r="AG3466" s="137"/>
      <c r="AH3466" s="137"/>
      <c r="AI3466" s="137"/>
      <c r="AJ3466" s="137"/>
      <c r="AK3466" s="206"/>
      <c r="AL3466" s="206"/>
      <c r="AM3466" s="143"/>
      <c r="AN3466" s="137"/>
      <c r="AO3466" s="137"/>
      <c r="AP3466" s="137"/>
      <c r="AQ3466" s="137"/>
      <c r="AR3466" s="137"/>
      <c r="AS3466" s="137"/>
      <c r="AT3466" s="137"/>
      <c r="AU3466" s="137"/>
      <c r="AV3466" s="137"/>
      <c r="AW3466" s="144"/>
    </row>
    <row r="3467" spans="2:49" x14ac:dyDescent="0.2">
      <c r="B3467" s="97"/>
      <c r="J3467" s="98"/>
      <c r="K3467" s="97"/>
      <c r="N3467" s="3"/>
      <c r="W3467" s="98"/>
      <c r="Z3467" s="143"/>
      <c r="AA3467" s="137"/>
      <c r="AB3467" s="137"/>
      <c r="AC3467" s="137"/>
      <c r="AD3467" s="137"/>
      <c r="AE3467" s="137"/>
      <c r="AF3467" s="137"/>
      <c r="AG3467" s="137"/>
      <c r="AH3467" s="137"/>
      <c r="AI3467" s="137"/>
      <c r="AJ3467" s="137"/>
      <c r="AK3467" s="206"/>
      <c r="AL3467" s="206"/>
      <c r="AM3467" s="143"/>
      <c r="AN3467" s="137"/>
      <c r="AO3467" s="137"/>
      <c r="AP3467" s="137"/>
      <c r="AQ3467" s="137"/>
      <c r="AR3467" s="137"/>
      <c r="AS3467" s="137"/>
      <c r="AT3467" s="137"/>
      <c r="AU3467" s="137"/>
      <c r="AV3467" s="137"/>
      <c r="AW3467" s="144"/>
    </row>
    <row r="3468" spans="2:49" x14ac:dyDescent="0.2">
      <c r="B3468" s="97"/>
      <c r="J3468" s="98"/>
      <c r="K3468" s="97"/>
      <c r="N3468" s="3"/>
      <c r="W3468" s="98"/>
      <c r="Z3468" s="143"/>
      <c r="AA3468" s="137"/>
      <c r="AB3468" s="137"/>
      <c r="AC3468" s="137"/>
      <c r="AD3468" s="137"/>
      <c r="AE3468" s="137"/>
      <c r="AF3468" s="137"/>
      <c r="AG3468" s="137"/>
      <c r="AH3468" s="137"/>
      <c r="AI3468" s="137"/>
      <c r="AJ3468" s="137"/>
      <c r="AK3468" s="206"/>
      <c r="AL3468" s="206"/>
      <c r="AM3468" s="143"/>
      <c r="AN3468" s="137"/>
      <c r="AO3468" s="137"/>
      <c r="AP3468" s="137"/>
      <c r="AQ3468" s="137"/>
      <c r="AR3468" s="137"/>
      <c r="AS3468" s="137"/>
      <c r="AT3468" s="137"/>
      <c r="AU3468" s="137"/>
      <c r="AV3468" s="137"/>
      <c r="AW3468" s="144"/>
    </row>
    <row r="3469" spans="2:49" x14ac:dyDescent="0.2">
      <c r="B3469" s="97"/>
      <c r="J3469" s="98"/>
      <c r="K3469" s="97"/>
      <c r="N3469" s="3"/>
      <c r="W3469" s="98"/>
      <c r="Z3469" s="143"/>
      <c r="AA3469" s="137"/>
      <c r="AB3469" s="137"/>
      <c r="AC3469" s="137"/>
      <c r="AD3469" s="137"/>
      <c r="AE3469" s="137"/>
      <c r="AF3469" s="137"/>
      <c r="AG3469" s="137"/>
      <c r="AH3469" s="137"/>
      <c r="AI3469" s="137"/>
      <c r="AJ3469" s="137"/>
      <c r="AK3469" s="206"/>
      <c r="AL3469" s="206"/>
      <c r="AM3469" s="143"/>
      <c r="AN3469" s="137"/>
      <c r="AO3469" s="137"/>
      <c r="AP3469" s="137"/>
      <c r="AQ3469" s="137"/>
      <c r="AR3469" s="137"/>
      <c r="AS3469" s="137"/>
      <c r="AT3469" s="137"/>
      <c r="AU3469" s="137"/>
      <c r="AV3469" s="137"/>
      <c r="AW3469" s="144"/>
    </row>
    <row r="3470" spans="2:49" x14ac:dyDescent="0.2">
      <c r="B3470" s="97"/>
      <c r="J3470" s="98"/>
      <c r="K3470" s="97"/>
      <c r="N3470" s="3"/>
      <c r="W3470" s="98"/>
      <c r="Z3470" s="143"/>
      <c r="AA3470" s="137"/>
      <c r="AB3470" s="137"/>
      <c r="AC3470" s="137"/>
      <c r="AD3470" s="137"/>
      <c r="AE3470" s="137"/>
      <c r="AF3470" s="137"/>
      <c r="AG3470" s="137"/>
      <c r="AH3470" s="137"/>
      <c r="AI3470" s="137"/>
      <c r="AJ3470" s="137"/>
      <c r="AK3470" s="206"/>
      <c r="AL3470" s="206"/>
      <c r="AM3470" s="143"/>
      <c r="AN3470" s="137"/>
      <c r="AO3470" s="137"/>
      <c r="AP3470" s="137"/>
      <c r="AQ3470" s="137"/>
      <c r="AR3470" s="137"/>
      <c r="AS3470" s="137"/>
      <c r="AT3470" s="137"/>
      <c r="AU3470" s="137"/>
      <c r="AV3470" s="137"/>
      <c r="AW3470" s="144"/>
    </row>
    <row r="3471" spans="2:49" x14ac:dyDescent="0.2">
      <c r="B3471" s="97"/>
      <c r="J3471" s="98"/>
      <c r="K3471" s="97"/>
      <c r="N3471" s="3"/>
      <c r="W3471" s="98"/>
      <c r="Z3471" s="143"/>
      <c r="AA3471" s="137"/>
      <c r="AB3471" s="137"/>
      <c r="AC3471" s="137"/>
      <c r="AD3471" s="137"/>
      <c r="AE3471" s="137"/>
      <c r="AF3471" s="137"/>
      <c r="AG3471" s="137"/>
      <c r="AH3471" s="137"/>
      <c r="AI3471" s="137"/>
      <c r="AJ3471" s="137"/>
      <c r="AK3471" s="206"/>
      <c r="AL3471" s="206"/>
      <c r="AM3471" s="143"/>
      <c r="AN3471" s="137"/>
      <c r="AO3471" s="137"/>
      <c r="AP3471" s="137"/>
      <c r="AQ3471" s="137"/>
      <c r="AR3471" s="137"/>
      <c r="AS3471" s="137"/>
      <c r="AT3471" s="137"/>
      <c r="AU3471" s="137"/>
      <c r="AV3471" s="137"/>
      <c r="AW3471" s="144"/>
    </row>
    <row r="3472" spans="2:49" x14ac:dyDescent="0.2">
      <c r="B3472" s="97"/>
      <c r="J3472" s="98"/>
      <c r="K3472" s="97"/>
      <c r="N3472" s="3"/>
      <c r="W3472" s="98"/>
      <c r="Z3472" s="143"/>
      <c r="AA3472" s="137"/>
      <c r="AB3472" s="137"/>
      <c r="AC3472" s="137"/>
      <c r="AD3472" s="137"/>
      <c r="AE3472" s="137"/>
      <c r="AF3472" s="137"/>
      <c r="AG3472" s="137"/>
      <c r="AH3472" s="137"/>
      <c r="AI3472" s="137"/>
      <c r="AJ3472" s="137"/>
      <c r="AK3472" s="206"/>
      <c r="AL3472" s="206"/>
      <c r="AM3472" s="143"/>
      <c r="AN3472" s="137"/>
      <c r="AO3472" s="137"/>
      <c r="AP3472" s="137"/>
      <c r="AQ3472" s="137"/>
      <c r="AR3472" s="137"/>
      <c r="AS3472" s="137"/>
      <c r="AT3472" s="137"/>
      <c r="AU3472" s="137"/>
      <c r="AV3472" s="137"/>
      <c r="AW3472" s="144"/>
    </row>
    <row r="3473" spans="2:49" x14ac:dyDescent="0.2">
      <c r="B3473" s="97"/>
      <c r="J3473" s="98"/>
      <c r="K3473" s="97"/>
      <c r="N3473" s="3"/>
      <c r="W3473" s="98"/>
      <c r="Z3473" s="143"/>
      <c r="AA3473" s="137"/>
      <c r="AB3473" s="137"/>
      <c r="AC3473" s="137"/>
      <c r="AD3473" s="137"/>
      <c r="AE3473" s="137"/>
      <c r="AF3473" s="137"/>
      <c r="AG3473" s="137"/>
      <c r="AH3473" s="137"/>
      <c r="AI3473" s="137"/>
      <c r="AJ3473" s="137"/>
      <c r="AK3473" s="206"/>
      <c r="AL3473" s="206"/>
      <c r="AM3473" s="143"/>
      <c r="AN3473" s="137"/>
      <c r="AO3473" s="137"/>
      <c r="AP3473" s="137"/>
      <c r="AQ3473" s="137"/>
      <c r="AR3473" s="137"/>
      <c r="AS3473" s="137"/>
      <c r="AT3473" s="137"/>
      <c r="AU3473" s="137"/>
      <c r="AV3473" s="137"/>
      <c r="AW3473" s="144"/>
    </row>
    <row r="3474" spans="2:49" x14ac:dyDescent="0.2">
      <c r="B3474" s="97"/>
      <c r="J3474" s="98"/>
      <c r="K3474" s="97"/>
      <c r="N3474" s="3"/>
      <c r="W3474" s="98"/>
      <c r="Z3474" s="143"/>
      <c r="AA3474" s="137"/>
      <c r="AB3474" s="137"/>
      <c r="AC3474" s="137"/>
      <c r="AD3474" s="137"/>
      <c r="AE3474" s="137"/>
      <c r="AF3474" s="137"/>
      <c r="AG3474" s="137"/>
      <c r="AH3474" s="137"/>
      <c r="AI3474" s="137"/>
      <c r="AJ3474" s="137"/>
      <c r="AK3474" s="206"/>
      <c r="AL3474" s="206"/>
      <c r="AM3474" s="143"/>
      <c r="AN3474" s="137"/>
      <c r="AO3474" s="137"/>
      <c r="AP3474" s="137"/>
      <c r="AQ3474" s="137"/>
      <c r="AR3474" s="137"/>
      <c r="AS3474" s="137"/>
      <c r="AT3474" s="137"/>
      <c r="AU3474" s="137"/>
      <c r="AV3474" s="137"/>
      <c r="AW3474" s="144"/>
    </row>
    <row r="3475" spans="2:49" x14ac:dyDescent="0.2">
      <c r="B3475" s="97"/>
      <c r="J3475" s="98"/>
      <c r="K3475" s="97"/>
      <c r="N3475" s="3"/>
      <c r="W3475" s="98"/>
      <c r="Z3475" s="143"/>
      <c r="AA3475" s="137"/>
      <c r="AB3475" s="137"/>
      <c r="AC3475" s="137"/>
      <c r="AD3475" s="137"/>
      <c r="AE3475" s="137"/>
      <c r="AF3475" s="137"/>
      <c r="AG3475" s="137"/>
      <c r="AH3475" s="137"/>
      <c r="AI3475" s="137"/>
      <c r="AJ3475" s="137"/>
      <c r="AK3475" s="206"/>
      <c r="AL3475" s="206"/>
      <c r="AM3475" s="143"/>
      <c r="AN3475" s="137"/>
      <c r="AO3475" s="137"/>
      <c r="AP3475" s="137"/>
      <c r="AQ3475" s="137"/>
      <c r="AR3475" s="137"/>
      <c r="AS3475" s="137"/>
      <c r="AT3475" s="137"/>
      <c r="AU3475" s="137"/>
      <c r="AV3475" s="137"/>
      <c r="AW3475" s="144"/>
    </row>
    <row r="3476" spans="2:49" x14ac:dyDescent="0.2">
      <c r="B3476" s="97"/>
      <c r="J3476" s="98"/>
      <c r="K3476" s="97"/>
      <c r="N3476" s="3"/>
      <c r="W3476" s="98"/>
      <c r="Z3476" s="143"/>
      <c r="AA3476" s="137"/>
      <c r="AB3476" s="137"/>
      <c r="AC3476" s="137"/>
      <c r="AD3476" s="137"/>
      <c r="AE3476" s="137"/>
      <c r="AF3476" s="137"/>
      <c r="AG3476" s="137"/>
      <c r="AH3476" s="137"/>
      <c r="AI3476" s="137"/>
      <c r="AJ3476" s="137"/>
      <c r="AK3476" s="206"/>
      <c r="AL3476" s="206"/>
      <c r="AM3476" s="143"/>
      <c r="AN3476" s="137"/>
      <c r="AO3476" s="137"/>
      <c r="AP3476" s="137"/>
      <c r="AQ3476" s="137"/>
      <c r="AR3476" s="137"/>
      <c r="AS3476" s="137"/>
      <c r="AT3476" s="137"/>
      <c r="AU3476" s="137"/>
      <c r="AV3476" s="137"/>
      <c r="AW3476" s="144"/>
    </row>
    <row r="3477" spans="2:49" x14ac:dyDescent="0.2">
      <c r="B3477" s="97"/>
      <c r="J3477" s="98"/>
      <c r="K3477" s="97"/>
      <c r="N3477" s="3"/>
      <c r="W3477" s="98"/>
      <c r="Z3477" s="143"/>
      <c r="AA3477" s="137"/>
      <c r="AB3477" s="137"/>
      <c r="AC3477" s="137"/>
      <c r="AD3477" s="137"/>
      <c r="AE3477" s="137"/>
      <c r="AF3477" s="137"/>
      <c r="AG3477" s="137"/>
      <c r="AH3477" s="137"/>
      <c r="AI3477" s="137"/>
      <c r="AJ3477" s="137"/>
      <c r="AK3477" s="206"/>
      <c r="AL3477" s="206"/>
      <c r="AM3477" s="143"/>
      <c r="AN3477" s="137"/>
      <c r="AO3477" s="137"/>
      <c r="AP3477" s="137"/>
      <c r="AQ3477" s="137"/>
      <c r="AR3477" s="137"/>
      <c r="AS3477" s="137"/>
      <c r="AT3477" s="137"/>
      <c r="AU3477" s="137"/>
      <c r="AV3477" s="137"/>
      <c r="AW3477" s="144"/>
    </row>
    <row r="3478" spans="2:49" x14ac:dyDescent="0.2">
      <c r="B3478" s="97"/>
      <c r="J3478" s="98"/>
      <c r="K3478" s="97"/>
      <c r="N3478" s="3"/>
      <c r="W3478" s="98"/>
      <c r="Z3478" s="143"/>
      <c r="AA3478" s="137"/>
      <c r="AB3478" s="137"/>
      <c r="AC3478" s="137"/>
      <c r="AD3478" s="137"/>
      <c r="AE3478" s="137"/>
      <c r="AF3478" s="137"/>
      <c r="AG3478" s="137"/>
      <c r="AH3478" s="137"/>
      <c r="AI3478" s="137"/>
      <c r="AJ3478" s="137"/>
      <c r="AK3478" s="206"/>
      <c r="AL3478" s="206"/>
      <c r="AM3478" s="143"/>
      <c r="AN3478" s="137"/>
      <c r="AO3478" s="137"/>
      <c r="AP3478" s="137"/>
      <c r="AQ3478" s="137"/>
      <c r="AR3478" s="137"/>
      <c r="AS3478" s="137"/>
      <c r="AT3478" s="137"/>
      <c r="AU3478" s="137"/>
      <c r="AV3478" s="137"/>
      <c r="AW3478" s="144"/>
    </row>
    <row r="3479" spans="2:49" x14ac:dyDescent="0.2">
      <c r="B3479" s="97"/>
      <c r="J3479" s="98"/>
      <c r="K3479" s="97"/>
      <c r="N3479" s="3"/>
      <c r="W3479" s="98"/>
      <c r="Z3479" s="143"/>
      <c r="AA3479" s="137"/>
      <c r="AB3479" s="137"/>
      <c r="AC3479" s="137"/>
      <c r="AD3479" s="137"/>
      <c r="AE3479" s="137"/>
      <c r="AF3479" s="137"/>
      <c r="AG3479" s="137"/>
      <c r="AH3479" s="137"/>
      <c r="AI3479" s="137"/>
      <c r="AJ3479" s="137"/>
      <c r="AK3479" s="206"/>
      <c r="AL3479" s="206"/>
      <c r="AM3479" s="143"/>
      <c r="AN3479" s="137"/>
      <c r="AO3479" s="137"/>
      <c r="AP3479" s="137"/>
      <c r="AQ3479" s="137"/>
      <c r="AR3479" s="137"/>
      <c r="AS3479" s="137"/>
      <c r="AT3479" s="137"/>
      <c r="AU3479" s="137"/>
      <c r="AV3479" s="137"/>
      <c r="AW3479" s="144"/>
    </row>
    <row r="3480" spans="2:49" x14ac:dyDescent="0.2">
      <c r="B3480" s="97"/>
      <c r="J3480" s="98"/>
      <c r="K3480" s="97"/>
      <c r="N3480" s="3"/>
      <c r="W3480" s="98"/>
      <c r="Z3480" s="143"/>
      <c r="AA3480" s="137"/>
      <c r="AB3480" s="137"/>
      <c r="AC3480" s="137"/>
      <c r="AD3480" s="137"/>
      <c r="AE3480" s="137"/>
      <c r="AF3480" s="137"/>
      <c r="AG3480" s="137"/>
      <c r="AH3480" s="137"/>
      <c r="AI3480" s="137"/>
      <c r="AJ3480" s="137"/>
      <c r="AK3480" s="206"/>
      <c r="AL3480" s="206"/>
      <c r="AM3480" s="143"/>
      <c r="AN3480" s="137"/>
      <c r="AO3480" s="137"/>
      <c r="AP3480" s="137"/>
      <c r="AQ3480" s="137"/>
      <c r="AR3480" s="137"/>
      <c r="AS3480" s="137"/>
      <c r="AT3480" s="137"/>
      <c r="AU3480" s="137"/>
      <c r="AV3480" s="137"/>
      <c r="AW3480" s="144"/>
    </row>
    <row r="3481" spans="2:49" x14ac:dyDescent="0.2">
      <c r="B3481" s="97"/>
      <c r="J3481" s="98"/>
      <c r="K3481" s="97"/>
      <c r="N3481" s="3"/>
      <c r="W3481" s="98"/>
      <c r="Z3481" s="143"/>
      <c r="AA3481" s="137"/>
      <c r="AB3481" s="137"/>
      <c r="AC3481" s="137"/>
      <c r="AD3481" s="137"/>
      <c r="AE3481" s="137"/>
      <c r="AF3481" s="137"/>
      <c r="AG3481" s="137"/>
      <c r="AH3481" s="137"/>
      <c r="AI3481" s="137"/>
      <c r="AJ3481" s="137"/>
      <c r="AK3481" s="206"/>
      <c r="AL3481" s="206"/>
      <c r="AM3481" s="143"/>
      <c r="AN3481" s="137"/>
      <c r="AO3481" s="137"/>
      <c r="AP3481" s="137"/>
      <c r="AQ3481" s="137"/>
      <c r="AR3481" s="137"/>
      <c r="AS3481" s="137"/>
      <c r="AT3481" s="137"/>
      <c r="AU3481" s="137"/>
      <c r="AV3481" s="137"/>
      <c r="AW3481" s="144"/>
    </row>
    <row r="3482" spans="2:49" x14ac:dyDescent="0.2">
      <c r="B3482" s="97"/>
      <c r="J3482" s="98"/>
      <c r="K3482" s="97"/>
      <c r="N3482" s="3"/>
      <c r="W3482" s="98"/>
      <c r="Z3482" s="143"/>
      <c r="AA3482" s="137"/>
      <c r="AB3482" s="137"/>
      <c r="AC3482" s="137"/>
      <c r="AD3482" s="137"/>
      <c r="AE3482" s="137"/>
      <c r="AF3482" s="137"/>
      <c r="AG3482" s="137"/>
      <c r="AH3482" s="137"/>
      <c r="AI3482" s="137"/>
      <c r="AJ3482" s="137"/>
      <c r="AK3482" s="206"/>
      <c r="AL3482" s="206"/>
      <c r="AM3482" s="143"/>
      <c r="AN3482" s="137"/>
      <c r="AO3482" s="137"/>
      <c r="AP3482" s="137"/>
      <c r="AQ3482" s="137"/>
      <c r="AR3482" s="137"/>
      <c r="AS3482" s="137"/>
      <c r="AT3482" s="137"/>
      <c r="AU3482" s="137"/>
      <c r="AV3482" s="137"/>
      <c r="AW3482" s="144"/>
    </row>
    <row r="3483" spans="2:49" x14ac:dyDescent="0.2">
      <c r="B3483" s="97"/>
      <c r="J3483" s="98"/>
      <c r="K3483" s="97"/>
      <c r="N3483" s="3"/>
      <c r="W3483" s="98"/>
      <c r="Z3483" s="143"/>
      <c r="AA3483" s="137"/>
      <c r="AB3483" s="137"/>
      <c r="AC3483" s="137"/>
      <c r="AD3483" s="137"/>
      <c r="AE3483" s="137"/>
      <c r="AF3483" s="137"/>
      <c r="AG3483" s="137"/>
      <c r="AH3483" s="137"/>
      <c r="AI3483" s="137"/>
      <c r="AJ3483" s="137"/>
      <c r="AK3483" s="206"/>
      <c r="AL3483" s="206"/>
      <c r="AM3483" s="143"/>
      <c r="AN3483" s="137"/>
      <c r="AO3483" s="137"/>
      <c r="AP3483" s="137"/>
      <c r="AQ3483" s="137"/>
      <c r="AR3483" s="137"/>
      <c r="AS3483" s="137"/>
      <c r="AT3483" s="137"/>
      <c r="AU3483" s="137"/>
      <c r="AV3483" s="137"/>
      <c r="AW3483" s="144"/>
    </row>
    <row r="3484" spans="2:49" x14ac:dyDescent="0.2">
      <c r="B3484" s="97"/>
      <c r="J3484" s="98"/>
      <c r="K3484" s="97"/>
      <c r="N3484" s="3"/>
      <c r="W3484" s="98"/>
      <c r="Z3484" s="143"/>
      <c r="AA3484" s="137"/>
      <c r="AB3484" s="137"/>
      <c r="AC3484" s="137"/>
      <c r="AD3484" s="137"/>
      <c r="AE3484" s="137"/>
      <c r="AF3484" s="137"/>
      <c r="AG3484" s="137"/>
      <c r="AH3484" s="137"/>
      <c r="AI3484" s="137"/>
      <c r="AJ3484" s="137"/>
      <c r="AK3484" s="206"/>
      <c r="AL3484" s="206"/>
      <c r="AM3484" s="143"/>
      <c r="AN3484" s="137"/>
      <c r="AO3484" s="137"/>
      <c r="AP3484" s="137"/>
      <c r="AQ3484" s="137"/>
      <c r="AR3484" s="137"/>
      <c r="AS3484" s="137"/>
      <c r="AT3484" s="137"/>
      <c r="AU3484" s="137"/>
      <c r="AV3484" s="137"/>
      <c r="AW3484" s="144"/>
    </row>
    <row r="3485" spans="2:49" x14ac:dyDescent="0.2">
      <c r="B3485" s="97"/>
      <c r="J3485" s="98"/>
      <c r="K3485" s="97"/>
      <c r="N3485" s="3"/>
      <c r="W3485" s="98"/>
      <c r="Z3485" s="143"/>
      <c r="AA3485" s="137"/>
      <c r="AB3485" s="137"/>
      <c r="AC3485" s="137"/>
      <c r="AD3485" s="137"/>
      <c r="AE3485" s="137"/>
      <c r="AF3485" s="137"/>
      <c r="AG3485" s="137"/>
      <c r="AH3485" s="137"/>
      <c r="AI3485" s="137"/>
      <c r="AJ3485" s="137"/>
      <c r="AK3485" s="206"/>
      <c r="AL3485" s="206"/>
      <c r="AM3485" s="143"/>
      <c r="AN3485" s="137"/>
      <c r="AO3485" s="137"/>
      <c r="AP3485" s="137"/>
      <c r="AQ3485" s="137"/>
      <c r="AR3485" s="137"/>
      <c r="AS3485" s="137"/>
      <c r="AT3485" s="137"/>
      <c r="AU3485" s="137"/>
      <c r="AV3485" s="137"/>
      <c r="AW3485" s="144"/>
    </row>
    <row r="3486" spans="2:49" x14ac:dyDescent="0.2">
      <c r="B3486" s="97"/>
      <c r="J3486" s="98"/>
      <c r="K3486" s="97"/>
      <c r="N3486" s="3"/>
      <c r="W3486" s="98"/>
      <c r="Z3486" s="143"/>
      <c r="AA3486" s="137"/>
      <c r="AB3486" s="137"/>
      <c r="AC3486" s="137"/>
      <c r="AD3486" s="137"/>
      <c r="AE3486" s="137"/>
      <c r="AF3486" s="137"/>
      <c r="AG3486" s="137"/>
      <c r="AH3486" s="137"/>
      <c r="AI3486" s="137"/>
      <c r="AJ3486" s="137"/>
      <c r="AK3486" s="206"/>
      <c r="AL3486" s="206"/>
      <c r="AM3486" s="143"/>
      <c r="AN3486" s="137"/>
      <c r="AO3486" s="137"/>
      <c r="AP3486" s="137"/>
      <c r="AQ3486" s="137"/>
      <c r="AR3486" s="137"/>
      <c r="AS3486" s="137"/>
      <c r="AT3486" s="137"/>
      <c r="AU3486" s="137"/>
      <c r="AV3486" s="137"/>
      <c r="AW3486" s="144"/>
    </row>
    <row r="3487" spans="2:49" x14ac:dyDescent="0.2">
      <c r="B3487" s="97"/>
      <c r="J3487" s="98"/>
      <c r="K3487" s="97"/>
      <c r="N3487" s="3"/>
      <c r="W3487" s="98"/>
      <c r="Z3487" s="143"/>
      <c r="AA3487" s="137"/>
      <c r="AB3487" s="137"/>
      <c r="AC3487" s="137"/>
      <c r="AD3487" s="137"/>
      <c r="AE3487" s="137"/>
      <c r="AF3487" s="137"/>
      <c r="AG3487" s="137"/>
      <c r="AH3487" s="137"/>
      <c r="AI3487" s="137"/>
      <c r="AJ3487" s="137"/>
      <c r="AK3487" s="206"/>
      <c r="AL3487" s="206"/>
      <c r="AM3487" s="143"/>
      <c r="AN3487" s="137"/>
      <c r="AO3487" s="137"/>
      <c r="AP3487" s="137"/>
      <c r="AQ3487" s="137"/>
      <c r="AR3487" s="137"/>
      <c r="AS3487" s="137"/>
      <c r="AT3487" s="137"/>
      <c r="AU3487" s="137"/>
      <c r="AV3487" s="137"/>
      <c r="AW3487" s="144"/>
    </row>
    <row r="3488" spans="2:49" x14ac:dyDescent="0.2">
      <c r="B3488" s="97"/>
      <c r="J3488" s="98"/>
      <c r="K3488" s="97"/>
      <c r="N3488" s="3"/>
      <c r="W3488" s="98"/>
      <c r="Z3488" s="143"/>
      <c r="AA3488" s="137"/>
      <c r="AB3488" s="137"/>
      <c r="AC3488" s="137"/>
      <c r="AD3488" s="137"/>
      <c r="AE3488" s="137"/>
      <c r="AF3488" s="137"/>
      <c r="AG3488" s="137"/>
      <c r="AH3488" s="137"/>
      <c r="AI3488" s="137"/>
      <c r="AJ3488" s="137"/>
      <c r="AK3488" s="206"/>
      <c r="AL3488" s="206"/>
      <c r="AM3488" s="143"/>
      <c r="AN3488" s="137"/>
      <c r="AO3488" s="137"/>
      <c r="AP3488" s="137"/>
      <c r="AQ3488" s="137"/>
      <c r="AR3488" s="137"/>
      <c r="AS3488" s="137"/>
      <c r="AT3488" s="137"/>
      <c r="AU3488" s="137"/>
      <c r="AV3488" s="137"/>
      <c r="AW3488" s="144"/>
    </row>
    <row r="3489" spans="2:49" x14ac:dyDescent="0.2">
      <c r="B3489" s="97"/>
      <c r="J3489" s="98"/>
      <c r="K3489" s="97"/>
      <c r="N3489" s="3"/>
      <c r="W3489" s="98"/>
      <c r="Z3489" s="143"/>
      <c r="AA3489" s="137"/>
      <c r="AB3489" s="137"/>
      <c r="AC3489" s="137"/>
      <c r="AD3489" s="137"/>
      <c r="AE3489" s="137"/>
      <c r="AF3489" s="137"/>
      <c r="AG3489" s="137"/>
      <c r="AH3489" s="137"/>
      <c r="AI3489" s="137"/>
      <c r="AJ3489" s="137"/>
      <c r="AK3489" s="206"/>
      <c r="AL3489" s="206"/>
      <c r="AM3489" s="143"/>
      <c r="AN3489" s="137"/>
      <c r="AO3489" s="137"/>
      <c r="AP3489" s="137"/>
      <c r="AQ3489" s="137"/>
      <c r="AR3489" s="137"/>
      <c r="AS3489" s="137"/>
      <c r="AT3489" s="137"/>
      <c r="AU3489" s="137"/>
      <c r="AV3489" s="137"/>
      <c r="AW3489" s="144"/>
    </row>
    <row r="3490" spans="2:49" x14ac:dyDescent="0.2">
      <c r="B3490" s="97"/>
      <c r="J3490" s="98"/>
      <c r="K3490" s="97"/>
      <c r="N3490" s="3"/>
      <c r="W3490" s="98"/>
      <c r="Z3490" s="143"/>
      <c r="AA3490" s="137"/>
      <c r="AB3490" s="137"/>
      <c r="AC3490" s="137"/>
      <c r="AD3490" s="137"/>
      <c r="AE3490" s="137"/>
      <c r="AF3490" s="137"/>
      <c r="AG3490" s="137"/>
      <c r="AH3490" s="137"/>
      <c r="AI3490" s="137"/>
      <c r="AJ3490" s="137"/>
      <c r="AK3490" s="206"/>
      <c r="AL3490" s="206"/>
      <c r="AM3490" s="143"/>
      <c r="AN3490" s="137"/>
      <c r="AO3490" s="137"/>
      <c r="AP3490" s="137"/>
      <c r="AQ3490" s="137"/>
      <c r="AR3490" s="137"/>
      <c r="AS3490" s="137"/>
      <c r="AT3490" s="137"/>
      <c r="AU3490" s="137"/>
      <c r="AV3490" s="137"/>
      <c r="AW3490" s="144"/>
    </row>
    <row r="3491" spans="2:49" x14ac:dyDescent="0.2">
      <c r="B3491" s="97"/>
      <c r="J3491" s="98"/>
      <c r="K3491" s="97"/>
      <c r="N3491" s="3"/>
      <c r="W3491" s="98"/>
      <c r="Z3491" s="143"/>
      <c r="AA3491" s="137"/>
      <c r="AB3491" s="137"/>
      <c r="AC3491" s="137"/>
      <c r="AD3491" s="137"/>
      <c r="AE3491" s="137"/>
      <c r="AF3491" s="137"/>
      <c r="AG3491" s="137"/>
      <c r="AH3491" s="137"/>
      <c r="AI3491" s="137"/>
      <c r="AJ3491" s="137"/>
      <c r="AK3491" s="206"/>
      <c r="AL3491" s="206"/>
      <c r="AM3491" s="143"/>
      <c r="AN3491" s="137"/>
      <c r="AO3491" s="137"/>
      <c r="AP3491" s="137"/>
      <c r="AQ3491" s="137"/>
      <c r="AR3491" s="137"/>
      <c r="AS3491" s="137"/>
      <c r="AT3491" s="137"/>
      <c r="AU3491" s="137"/>
      <c r="AV3491" s="137"/>
      <c r="AW3491" s="144"/>
    </row>
    <row r="3492" spans="2:49" x14ac:dyDescent="0.2">
      <c r="B3492" s="97"/>
      <c r="J3492" s="98"/>
      <c r="K3492" s="97"/>
      <c r="N3492" s="3"/>
      <c r="W3492" s="98"/>
      <c r="Z3492" s="143"/>
      <c r="AA3492" s="137"/>
      <c r="AB3492" s="137"/>
      <c r="AC3492" s="137"/>
      <c r="AD3492" s="137"/>
      <c r="AE3492" s="137"/>
      <c r="AF3492" s="137"/>
      <c r="AG3492" s="137"/>
      <c r="AH3492" s="137"/>
      <c r="AI3492" s="137"/>
      <c r="AJ3492" s="137"/>
      <c r="AK3492" s="206"/>
      <c r="AL3492" s="206"/>
      <c r="AM3492" s="143"/>
      <c r="AN3492" s="137"/>
      <c r="AO3492" s="137"/>
      <c r="AP3492" s="137"/>
      <c r="AQ3492" s="137"/>
      <c r="AR3492" s="137"/>
      <c r="AS3492" s="137"/>
      <c r="AT3492" s="137"/>
      <c r="AU3492" s="137"/>
      <c r="AV3492" s="137"/>
      <c r="AW3492" s="144"/>
    </row>
    <row r="3493" spans="2:49" x14ac:dyDescent="0.2">
      <c r="B3493" s="97"/>
      <c r="J3493" s="98"/>
      <c r="K3493" s="97"/>
      <c r="N3493" s="3"/>
      <c r="W3493" s="98"/>
      <c r="Z3493" s="143"/>
      <c r="AA3493" s="137"/>
      <c r="AB3493" s="137"/>
      <c r="AC3493" s="137"/>
      <c r="AD3493" s="137"/>
      <c r="AE3493" s="137"/>
      <c r="AF3493" s="137"/>
      <c r="AG3493" s="137"/>
      <c r="AH3493" s="137"/>
      <c r="AI3493" s="137"/>
      <c r="AJ3493" s="137"/>
      <c r="AK3493" s="206"/>
      <c r="AL3493" s="206"/>
      <c r="AM3493" s="143"/>
      <c r="AN3493" s="137"/>
      <c r="AO3493" s="137"/>
      <c r="AP3493" s="137"/>
      <c r="AQ3493" s="137"/>
      <c r="AR3493" s="137"/>
      <c r="AS3493" s="137"/>
      <c r="AT3493" s="137"/>
      <c r="AU3493" s="137"/>
      <c r="AV3493" s="137"/>
      <c r="AW3493" s="144"/>
    </row>
    <row r="3494" spans="2:49" x14ac:dyDescent="0.2">
      <c r="B3494" s="97"/>
      <c r="J3494" s="98"/>
      <c r="K3494" s="97"/>
      <c r="N3494" s="3"/>
      <c r="W3494" s="98"/>
      <c r="Z3494" s="143"/>
      <c r="AA3494" s="137"/>
      <c r="AB3494" s="137"/>
      <c r="AC3494" s="137"/>
      <c r="AD3494" s="137"/>
      <c r="AE3494" s="137"/>
      <c r="AF3494" s="137"/>
      <c r="AG3494" s="137"/>
      <c r="AH3494" s="137"/>
      <c r="AI3494" s="137"/>
      <c r="AJ3494" s="137"/>
      <c r="AK3494" s="206"/>
      <c r="AL3494" s="206"/>
      <c r="AM3494" s="143"/>
      <c r="AN3494" s="137"/>
      <c r="AO3494" s="137"/>
      <c r="AP3494" s="137"/>
      <c r="AQ3494" s="137"/>
      <c r="AR3494" s="137"/>
      <c r="AS3494" s="137"/>
      <c r="AT3494" s="137"/>
      <c r="AU3494" s="137"/>
      <c r="AV3494" s="137"/>
      <c r="AW3494" s="144"/>
    </row>
    <row r="3495" spans="2:49" x14ac:dyDescent="0.2">
      <c r="B3495" s="97"/>
      <c r="J3495" s="98"/>
      <c r="K3495" s="97"/>
      <c r="N3495" s="3"/>
      <c r="W3495" s="98"/>
      <c r="Z3495" s="143"/>
      <c r="AA3495" s="137"/>
      <c r="AB3495" s="137"/>
      <c r="AC3495" s="137"/>
      <c r="AD3495" s="137"/>
      <c r="AE3495" s="137"/>
      <c r="AF3495" s="137"/>
      <c r="AG3495" s="137"/>
      <c r="AH3495" s="137"/>
      <c r="AI3495" s="137"/>
      <c r="AJ3495" s="137"/>
      <c r="AK3495" s="206"/>
      <c r="AL3495" s="206"/>
      <c r="AM3495" s="143"/>
      <c r="AN3495" s="137"/>
      <c r="AO3495" s="137"/>
      <c r="AP3495" s="137"/>
      <c r="AQ3495" s="137"/>
      <c r="AR3495" s="137"/>
      <c r="AS3495" s="137"/>
      <c r="AT3495" s="137"/>
      <c r="AU3495" s="137"/>
      <c r="AV3495" s="137"/>
      <c r="AW3495" s="144"/>
    </row>
    <row r="3496" spans="2:49" x14ac:dyDescent="0.2">
      <c r="B3496" s="97"/>
      <c r="J3496" s="98"/>
      <c r="K3496" s="97"/>
      <c r="N3496" s="3"/>
      <c r="W3496" s="98"/>
      <c r="Z3496" s="143"/>
      <c r="AA3496" s="137"/>
      <c r="AB3496" s="137"/>
      <c r="AC3496" s="137"/>
      <c r="AD3496" s="137"/>
      <c r="AE3496" s="137"/>
      <c r="AF3496" s="137"/>
      <c r="AG3496" s="137"/>
      <c r="AH3496" s="137"/>
      <c r="AI3496" s="137"/>
      <c r="AJ3496" s="137"/>
      <c r="AK3496" s="206"/>
      <c r="AL3496" s="206"/>
      <c r="AM3496" s="143"/>
      <c r="AN3496" s="137"/>
      <c r="AO3496" s="137"/>
      <c r="AP3496" s="137"/>
      <c r="AQ3496" s="137"/>
      <c r="AR3496" s="137"/>
      <c r="AS3496" s="137"/>
      <c r="AT3496" s="137"/>
      <c r="AU3496" s="137"/>
      <c r="AV3496" s="137"/>
      <c r="AW3496" s="144"/>
    </row>
    <row r="3497" spans="2:49" x14ac:dyDescent="0.2">
      <c r="B3497" s="97"/>
      <c r="J3497" s="98"/>
      <c r="K3497" s="97"/>
      <c r="N3497" s="3"/>
      <c r="W3497" s="98"/>
      <c r="Z3497" s="143"/>
      <c r="AA3497" s="137"/>
      <c r="AB3497" s="137"/>
      <c r="AC3497" s="137"/>
      <c r="AD3497" s="137"/>
      <c r="AE3497" s="137"/>
      <c r="AF3497" s="137"/>
      <c r="AG3497" s="137"/>
      <c r="AH3497" s="137"/>
      <c r="AI3497" s="137"/>
      <c r="AJ3497" s="137"/>
      <c r="AK3497" s="206"/>
      <c r="AL3497" s="206"/>
      <c r="AM3497" s="143"/>
      <c r="AN3497" s="137"/>
      <c r="AO3497" s="137"/>
      <c r="AP3497" s="137"/>
      <c r="AQ3497" s="137"/>
      <c r="AR3497" s="137"/>
      <c r="AS3497" s="137"/>
      <c r="AT3497" s="137"/>
      <c r="AU3497" s="137"/>
      <c r="AV3497" s="137"/>
      <c r="AW3497" s="144"/>
    </row>
    <row r="3498" spans="2:49" x14ac:dyDescent="0.2">
      <c r="B3498" s="97"/>
      <c r="J3498" s="98"/>
      <c r="K3498" s="97"/>
      <c r="N3498" s="3"/>
      <c r="W3498" s="98"/>
      <c r="Z3498" s="143"/>
      <c r="AA3498" s="137"/>
      <c r="AB3498" s="137"/>
      <c r="AC3498" s="137"/>
      <c r="AD3498" s="137"/>
      <c r="AE3498" s="137"/>
      <c r="AF3498" s="137"/>
      <c r="AG3498" s="137"/>
      <c r="AH3498" s="137"/>
      <c r="AI3498" s="137"/>
      <c r="AJ3498" s="137"/>
      <c r="AK3498" s="206"/>
      <c r="AL3498" s="206"/>
      <c r="AM3498" s="143"/>
      <c r="AN3498" s="137"/>
      <c r="AO3498" s="137"/>
      <c r="AP3498" s="137"/>
      <c r="AQ3498" s="137"/>
      <c r="AR3498" s="137"/>
      <c r="AS3498" s="137"/>
      <c r="AT3498" s="137"/>
      <c r="AU3498" s="137"/>
      <c r="AV3498" s="137"/>
      <c r="AW3498" s="144"/>
    </row>
    <row r="3499" spans="2:49" x14ac:dyDescent="0.2">
      <c r="B3499" s="97"/>
      <c r="J3499" s="98"/>
      <c r="K3499" s="97"/>
      <c r="N3499" s="3"/>
      <c r="W3499" s="98"/>
      <c r="Z3499" s="143"/>
      <c r="AA3499" s="137"/>
      <c r="AB3499" s="137"/>
      <c r="AC3499" s="137"/>
      <c r="AD3499" s="137"/>
      <c r="AE3499" s="137"/>
      <c r="AF3499" s="137"/>
      <c r="AG3499" s="137"/>
      <c r="AH3499" s="137"/>
      <c r="AI3499" s="137"/>
      <c r="AJ3499" s="137"/>
      <c r="AK3499" s="206"/>
      <c r="AL3499" s="206"/>
      <c r="AM3499" s="143"/>
      <c r="AN3499" s="137"/>
      <c r="AO3499" s="137"/>
      <c r="AP3499" s="137"/>
      <c r="AQ3499" s="137"/>
      <c r="AR3499" s="137"/>
      <c r="AS3499" s="137"/>
      <c r="AT3499" s="137"/>
      <c r="AU3499" s="137"/>
      <c r="AV3499" s="137"/>
      <c r="AW3499" s="144"/>
    </row>
    <row r="3500" spans="2:49" x14ac:dyDescent="0.2">
      <c r="B3500" s="97"/>
      <c r="J3500" s="98"/>
      <c r="K3500" s="97"/>
      <c r="N3500" s="3"/>
      <c r="W3500" s="98"/>
      <c r="Z3500" s="143"/>
      <c r="AA3500" s="137"/>
      <c r="AB3500" s="137"/>
      <c r="AC3500" s="137"/>
      <c r="AD3500" s="137"/>
      <c r="AE3500" s="137"/>
      <c r="AF3500" s="137"/>
      <c r="AG3500" s="137"/>
      <c r="AH3500" s="137"/>
      <c r="AI3500" s="137"/>
      <c r="AJ3500" s="137"/>
      <c r="AK3500" s="206"/>
      <c r="AL3500" s="206"/>
      <c r="AM3500" s="143"/>
      <c r="AN3500" s="137"/>
      <c r="AO3500" s="137"/>
      <c r="AP3500" s="137"/>
      <c r="AQ3500" s="137"/>
      <c r="AR3500" s="137"/>
      <c r="AS3500" s="137"/>
      <c r="AT3500" s="137"/>
      <c r="AU3500" s="137"/>
      <c r="AV3500" s="137"/>
      <c r="AW3500" s="144"/>
    </row>
    <row r="3501" spans="2:49" x14ac:dyDescent="0.2">
      <c r="B3501" s="97"/>
      <c r="J3501" s="98"/>
      <c r="K3501" s="97"/>
      <c r="N3501" s="3"/>
      <c r="W3501" s="98"/>
      <c r="Z3501" s="143"/>
      <c r="AA3501" s="137"/>
      <c r="AB3501" s="137"/>
      <c r="AC3501" s="137"/>
      <c r="AD3501" s="137"/>
      <c r="AE3501" s="137"/>
      <c r="AF3501" s="137"/>
      <c r="AG3501" s="137"/>
      <c r="AH3501" s="137"/>
      <c r="AI3501" s="137"/>
      <c r="AJ3501" s="137"/>
      <c r="AK3501" s="206"/>
      <c r="AL3501" s="206"/>
      <c r="AM3501" s="143"/>
      <c r="AN3501" s="137"/>
      <c r="AO3501" s="137"/>
      <c r="AP3501" s="137"/>
      <c r="AQ3501" s="137"/>
      <c r="AR3501" s="137"/>
      <c r="AS3501" s="137"/>
      <c r="AT3501" s="137"/>
      <c r="AU3501" s="137"/>
      <c r="AV3501" s="137"/>
      <c r="AW3501" s="144"/>
    </row>
    <row r="3502" spans="2:49" x14ac:dyDescent="0.2">
      <c r="B3502" s="97"/>
      <c r="J3502" s="98"/>
      <c r="K3502" s="97"/>
      <c r="N3502" s="3"/>
      <c r="W3502" s="98"/>
      <c r="Z3502" s="143"/>
      <c r="AA3502" s="137"/>
      <c r="AB3502" s="137"/>
      <c r="AC3502" s="137"/>
      <c r="AD3502" s="137"/>
      <c r="AE3502" s="137"/>
      <c r="AF3502" s="137"/>
      <c r="AG3502" s="137"/>
      <c r="AH3502" s="137"/>
      <c r="AI3502" s="137"/>
      <c r="AJ3502" s="137"/>
      <c r="AK3502" s="206"/>
      <c r="AL3502" s="206"/>
      <c r="AM3502" s="143"/>
      <c r="AN3502" s="137"/>
      <c r="AO3502" s="137"/>
      <c r="AP3502" s="137"/>
      <c r="AQ3502" s="137"/>
      <c r="AR3502" s="137"/>
      <c r="AS3502" s="137"/>
      <c r="AT3502" s="137"/>
      <c r="AU3502" s="137"/>
      <c r="AV3502" s="137"/>
      <c r="AW3502" s="144"/>
    </row>
    <row r="3503" spans="2:49" x14ac:dyDescent="0.2">
      <c r="B3503" s="97"/>
      <c r="J3503" s="98"/>
      <c r="K3503" s="97"/>
      <c r="N3503" s="3"/>
      <c r="W3503" s="98"/>
      <c r="Z3503" s="143"/>
      <c r="AA3503" s="137"/>
      <c r="AB3503" s="137"/>
      <c r="AC3503" s="137"/>
      <c r="AD3503" s="137"/>
      <c r="AE3503" s="137"/>
      <c r="AF3503" s="137"/>
      <c r="AG3503" s="137"/>
      <c r="AH3503" s="137"/>
      <c r="AI3503" s="137"/>
      <c r="AJ3503" s="137"/>
      <c r="AK3503" s="206"/>
      <c r="AL3503" s="206"/>
      <c r="AM3503" s="143"/>
      <c r="AN3503" s="137"/>
      <c r="AO3503" s="137"/>
      <c r="AP3503" s="137"/>
      <c r="AQ3503" s="137"/>
      <c r="AR3503" s="137"/>
      <c r="AS3503" s="137"/>
      <c r="AT3503" s="137"/>
      <c r="AU3503" s="137"/>
      <c r="AV3503" s="137"/>
      <c r="AW3503" s="144"/>
    </row>
    <row r="3504" spans="2:49" x14ac:dyDescent="0.2">
      <c r="B3504" s="97"/>
      <c r="J3504" s="98"/>
      <c r="K3504" s="97"/>
      <c r="N3504" s="3"/>
      <c r="W3504" s="98"/>
      <c r="Z3504" s="143"/>
      <c r="AA3504" s="137"/>
      <c r="AB3504" s="137"/>
      <c r="AC3504" s="137"/>
      <c r="AD3504" s="137"/>
      <c r="AE3504" s="137"/>
      <c r="AF3504" s="137"/>
      <c r="AG3504" s="137"/>
      <c r="AH3504" s="137"/>
      <c r="AI3504" s="137"/>
      <c r="AJ3504" s="137"/>
      <c r="AK3504" s="206"/>
      <c r="AL3504" s="206"/>
      <c r="AM3504" s="143"/>
      <c r="AN3504" s="137"/>
      <c r="AO3504" s="137"/>
      <c r="AP3504" s="137"/>
      <c r="AQ3504" s="137"/>
      <c r="AR3504" s="137"/>
      <c r="AS3504" s="137"/>
      <c r="AT3504" s="137"/>
      <c r="AU3504" s="137"/>
      <c r="AV3504" s="137"/>
      <c r="AW3504" s="144"/>
    </row>
    <row r="3505" spans="2:49" x14ac:dyDescent="0.2">
      <c r="B3505" s="97"/>
      <c r="J3505" s="98"/>
      <c r="K3505" s="97"/>
      <c r="N3505" s="3"/>
      <c r="W3505" s="98"/>
      <c r="Z3505" s="143"/>
      <c r="AA3505" s="137"/>
      <c r="AB3505" s="137"/>
      <c r="AC3505" s="137"/>
      <c r="AD3505" s="137"/>
      <c r="AE3505" s="137"/>
      <c r="AF3505" s="137"/>
      <c r="AG3505" s="137"/>
      <c r="AH3505" s="137"/>
      <c r="AI3505" s="137"/>
      <c r="AJ3505" s="137"/>
      <c r="AK3505" s="206"/>
      <c r="AL3505" s="206"/>
      <c r="AM3505" s="143"/>
      <c r="AN3505" s="137"/>
      <c r="AO3505" s="137"/>
      <c r="AP3505" s="137"/>
      <c r="AQ3505" s="137"/>
      <c r="AR3505" s="137"/>
      <c r="AS3505" s="137"/>
      <c r="AT3505" s="137"/>
      <c r="AU3505" s="137"/>
      <c r="AV3505" s="137"/>
      <c r="AW3505" s="144"/>
    </row>
    <row r="3506" spans="2:49" x14ac:dyDescent="0.2">
      <c r="B3506" s="97"/>
      <c r="J3506" s="98"/>
      <c r="K3506" s="97"/>
      <c r="N3506" s="3"/>
      <c r="W3506" s="98"/>
      <c r="Z3506" s="143"/>
      <c r="AA3506" s="137"/>
      <c r="AB3506" s="137"/>
      <c r="AC3506" s="137"/>
      <c r="AD3506" s="137"/>
      <c r="AE3506" s="137"/>
      <c r="AF3506" s="137"/>
      <c r="AG3506" s="137"/>
      <c r="AH3506" s="137"/>
      <c r="AI3506" s="137"/>
      <c r="AJ3506" s="137"/>
      <c r="AK3506" s="206"/>
      <c r="AL3506" s="206"/>
      <c r="AM3506" s="143"/>
      <c r="AN3506" s="137"/>
      <c r="AO3506" s="137"/>
      <c r="AP3506" s="137"/>
      <c r="AQ3506" s="137"/>
      <c r="AR3506" s="137"/>
      <c r="AS3506" s="137"/>
      <c r="AT3506" s="137"/>
      <c r="AU3506" s="137"/>
      <c r="AV3506" s="137"/>
      <c r="AW3506" s="144"/>
    </row>
    <row r="3507" spans="2:49" x14ac:dyDescent="0.2">
      <c r="B3507" s="97"/>
      <c r="J3507" s="98"/>
      <c r="K3507" s="97"/>
      <c r="N3507" s="3"/>
      <c r="W3507" s="98"/>
      <c r="Z3507" s="143"/>
      <c r="AA3507" s="137"/>
      <c r="AB3507" s="137"/>
      <c r="AC3507" s="137"/>
      <c r="AD3507" s="137"/>
      <c r="AE3507" s="137"/>
      <c r="AF3507" s="137"/>
      <c r="AG3507" s="137"/>
      <c r="AH3507" s="137"/>
      <c r="AI3507" s="137"/>
      <c r="AJ3507" s="137"/>
      <c r="AK3507" s="206"/>
      <c r="AL3507" s="206"/>
      <c r="AM3507" s="143"/>
      <c r="AN3507" s="137"/>
      <c r="AO3507" s="137"/>
      <c r="AP3507" s="137"/>
      <c r="AQ3507" s="137"/>
      <c r="AR3507" s="137"/>
      <c r="AS3507" s="137"/>
      <c r="AT3507" s="137"/>
      <c r="AU3507" s="137"/>
      <c r="AV3507" s="137"/>
      <c r="AW3507" s="144"/>
    </row>
    <row r="3508" spans="2:49" x14ac:dyDescent="0.2">
      <c r="B3508" s="97"/>
      <c r="J3508" s="98"/>
      <c r="K3508" s="97"/>
      <c r="N3508" s="3"/>
      <c r="W3508" s="98"/>
      <c r="Z3508" s="143"/>
      <c r="AA3508" s="137"/>
      <c r="AB3508" s="137"/>
      <c r="AC3508" s="137"/>
      <c r="AD3508" s="137"/>
      <c r="AE3508" s="137"/>
      <c r="AF3508" s="137"/>
      <c r="AG3508" s="137"/>
      <c r="AH3508" s="137"/>
      <c r="AI3508" s="137"/>
      <c r="AJ3508" s="137"/>
      <c r="AK3508" s="206"/>
      <c r="AL3508" s="206"/>
      <c r="AM3508" s="143"/>
      <c r="AN3508" s="137"/>
      <c r="AO3508" s="137"/>
      <c r="AP3508" s="137"/>
      <c r="AQ3508" s="137"/>
      <c r="AR3508" s="137"/>
      <c r="AS3508" s="137"/>
      <c r="AT3508" s="137"/>
      <c r="AU3508" s="137"/>
      <c r="AV3508" s="137"/>
      <c r="AW3508" s="144"/>
    </row>
    <row r="3509" spans="2:49" x14ac:dyDescent="0.2">
      <c r="B3509" s="97"/>
      <c r="J3509" s="98"/>
      <c r="K3509" s="97"/>
      <c r="N3509" s="3"/>
      <c r="W3509" s="98"/>
      <c r="Z3509" s="143"/>
      <c r="AA3509" s="137"/>
      <c r="AB3509" s="137"/>
      <c r="AC3509" s="137"/>
      <c r="AD3509" s="137"/>
      <c r="AE3509" s="137"/>
      <c r="AF3509" s="137"/>
      <c r="AG3509" s="137"/>
      <c r="AH3509" s="137"/>
      <c r="AI3509" s="137"/>
      <c r="AJ3509" s="137"/>
      <c r="AK3509" s="206"/>
      <c r="AL3509" s="206"/>
      <c r="AM3509" s="143"/>
      <c r="AN3509" s="137"/>
      <c r="AO3509" s="137"/>
      <c r="AP3509" s="137"/>
      <c r="AQ3509" s="137"/>
      <c r="AR3509" s="137"/>
      <c r="AS3509" s="137"/>
      <c r="AT3509" s="137"/>
      <c r="AU3509" s="137"/>
      <c r="AV3509" s="137"/>
      <c r="AW3509" s="144"/>
    </row>
    <row r="3510" spans="2:49" x14ac:dyDescent="0.2">
      <c r="B3510" s="97"/>
      <c r="J3510" s="98"/>
      <c r="K3510" s="97"/>
      <c r="N3510" s="3"/>
      <c r="W3510" s="98"/>
      <c r="Z3510" s="143"/>
      <c r="AA3510" s="137"/>
      <c r="AB3510" s="137"/>
      <c r="AC3510" s="137"/>
      <c r="AD3510" s="137"/>
      <c r="AE3510" s="137"/>
      <c r="AF3510" s="137"/>
      <c r="AG3510" s="137"/>
      <c r="AH3510" s="137"/>
      <c r="AI3510" s="137"/>
      <c r="AJ3510" s="137"/>
      <c r="AK3510" s="206"/>
      <c r="AL3510" s="206"/>
      <c r="AM3510" s="143"/>
      <c r="AN3510" s="137"/>
      <c r="AO3510" s="137"/>
      <c r="AP3510" s="137"/>
      <c r="AQ3510" s="137"/>
      <c r="AR3510" s="137"/>
      <c r="AS3510" s="137"/>
      <c r="AT3510" s="137"/>
      <c r="AU3510" s="137"/>
      <c r="AV3510" s="137"/>
      <c r="AW3510" s="144"/>
    </row>
    <row r="3511" spans="2:49" x14ac:dyDescent="0.2">
      <c r="B3511" s="97"/>
      <c r="J3511" s="98"/>
      <c r="K3511" s="97"/>
      <c r="N3511" s="3"/>
      <c r="W3511" s="98"/>
      <c r="Z3511" s="143"/>
      <c r="AA3511" s="137"/>
      <c r="AB3511" s="137"/>
      <c r="AC3511" s="137"/>
      <c r="AD3511" s="137"/>
      <c r="AE3511" s="137"/>
      <c r="AF3511" s="137"/>
      <c r="AG3511" s="137"/>
      <c r="AH3511" s="137"/>
      <c r="AI3511" s="137"/>
      <c r="AJ3511" s="137"/>
      <c r="AK3511" s="206"/>
      <c r="AL3511" s="206"/>
      <c r="AM3511" s="143"/>
      <c r="AN3511" s="137"/>
      <c r="AO3511" s="137"/>
      <c r="AP3511" s="137"/>
      <c r="AQ3511" s="137"/>
      <c r="AR3511" s="137"/>
      <c r="AS3511" s="137"/>
      <c r="AT3511" s="137"/>
      <c r="AU3511" s="137"/>
      <c r="AV3511" s="137"/>
      <c r="AW3511" s="144"/>
    </row>
    <row r="3512" spans="2:49" x14ac:dyDescent="0.2">
      <c r="B3512" s="97"/>
      <c r="J3512" s="98"/>
      <c r="K3512" s="97"/>
      <c r="N3512" s="3"/>
      <c r="W3512" s="98"/>
      <c r="Z3512" s="143"/>
      <c r="AA3512" s="137"/>
      <c r="AB3512" s="137"/>
      <c r="AC3512" s="137"/>
      <c r="AD3512" s="137"/>
      <c r="AE3512" s="137"/>
      <c r="AF3512" s="137"/>
      <c r="AG3512" s="137"/>
      <c r="AH3512" s="137"/>
      <c r="AI3512" s="137"/>
      <c r="AJ3512" s="137"/>
      <c r="AK3512" s="206"/>
      <c r="AL3512" s="206"/>
      <c r="AM3512" s="143"/>
      <c r="AN3512" s="137"/>
      <c r="AO3512" s="137"/>
      <c r="AP3512" s="137"/>
      <c r="AQ3512" s="137"/>
      <c r="AR3512" s="137"/>
      <c r="AS3512" s="137"/>
      <c r="AT3512" s="137"/>
      <c r="AU3512" s="137"/>
      <c r="AV3512" s="137"/>
      <c r="AW3512" s="144"/>
    </row>
    <row r="3513" spans="2:49" x14ac:dyDescent="0.2">
      <c r="B3513" s="97"/>
      <c r="J3513" s="98"/>
      <c r="K3513" s="97"/>
      <c r="N3513" s="3"/>
      <c r="W3513" s="98"/>
      <c r="Z3513" s="143"/>
      <c r="AA3513" s="137"/>
      <c r="AB3513" s="137"/>
      <c r="AC3513" s="137"/>
      <c r="AD3513" s="137"/>
      <c r="AE3513" s="137"/>
      <c r="AF3513" s="137"/>
      <c r="AG3513" s="137"/>
      <c r="AH3513" s="137"/>
      <c r="AI3513" s="137"/>
      <c r="AJ3513" s="137"/>
      <c r="AK3513" s="206"/>
      <c r="AL3513" s="206"/>
      <c r="AM3513" s="143"/>
      <c r="AN3513" s="137"/>
      <c r="AO3513" s="137"/>
      <c r="AP3513" s="137"/>
      <c r="AQ3513" s="137"/>
      <c r="AR3513" s="137"/>
      <c r="AS3513" s="137"/>
      <c r="AT3513" s="137"/>
      <c r="AU3513" s="137"/>
      <c r="AV3513" s="137"/>
      <c r="AW3513" s="144"/>
    </row>
    <row r="3514" spans="2:49" x14ac:dyDescent="0.2">
      <c r="B3514" s="97"/>
      <c r="J3514" s="98"/>
      <c r="K3514" s="97"/>
      <c r="N3514" s="3"/>
      <c r="W3514" s="98"/>
      <c r="Z3514" s="143"/>
      <c r="AA3514" s="137"/>
      <c r="AB3514" s="137"/>
      <c r="AC3514" s="137"/>
      <c r="AD3514" s="137"/>
      <c r="AE3514" s="137"/>
      <c r="AF3514" s="137"/>
      <c r="AG3514" s="137"/>
      <c r="AH3514" s="137"/>
      <c r="AI3514" s="137"/>
      <c r="AJ3514" s="137"/>
      <c r="AK3514" s="206"/>
      <c r="AL3514" s="206"/>
      <c r="AM3514" s="143"/>
      <c r="AN3514" s="137"/>
      <c r="AO3514" s="137"/>
      <c r="AP3514" s="137"/>
      <c r="AQ3514" s="137"/>
      <c r="AR3514" s="137"/>
      <c r="AS3514" s="137"/>
      <c r="AT3514" s="137"/>
      <c r="AU3514" s="137"/>
      <c r="AV3514" s="137"/>
      <c r="AW3514" s="144"/>
    </row>
    <row r="3515" spans="2:49" x14ac:dyDescent="0.2">
      <c r="B3515" s="97"/>
      <c r="J3515" s="98"/>
      <c r="K3515" s="97"/>
      <c r="N3515" s="3"/>
      <c r="W3515" s="98"/>
      <c r="Z3515" s="143"/>
      <c r="AA3515" s="137"/>
      <c r="AB3515" s="137"/>
      <c r="AC3515" s="137"/>
      <c r="AD3515" s="137"/>
      <c r="AE3515" s="137"/>
      <c r="AF3515" s="137"/>
      <c r="AG3515" s="137"/>
      <c r="AH3515" s="137"/>
      <c r="AI3515" s="137"/>
      <c r="AJ3515" s="137"/>
      <c r="AK3515" s="206"/>
      <c r="AL3515" s="206"/>
      <c r="AM3515" s="143"/>
      <c r="AN3515" s="137"/>
      <c r="AO3515" s="137"/>
      <c r="AP3515" s="137"/>
      <c r="AQ3515" s="137"/>
      <c r="AR3515" s="137"/>
      <c r="AS3515" s="137"/>
      <c r="AT3515" s="137"/>
      <c r="AU3515" s="137"/>
      <c r="AV3515" s="137"/>
      <c r="AW3515" s="144"/>
    </row>
    <row r="3516" spans="2:49" x14ac:dyDescent="0.2">
      <c r="B3516" s="97"/>
      <c r="J3516" s="98"/>
      <c r="K3516" s="97"/>
      <c r="N3516" s="3"/>
      <c r="W3516" s="98"/>
      <c r="Z3516" s="143"/>
      <c r="AA3516" s="137"/>
      <c r="AB3516" s="137"/>
      <c r="AC3516" s="137"/>
      <c r="AD3516" s="137"/>
      <c r="AE3516" s="137"/>
      <c r="AF3516" s="137"/>
      <c r="AG3516" s="137"/>
      <c r="AH3516" s="137"/>
      <c r="AI3516" s="137"/>
      <c r="AJ3516" s="137"/>
      <c r="AK3516" s="206"/>
      <c r="AL3516" s="206"/>
      <c r="AM3516" s="143"/>
      <c r="AN3516" s="137"/>
      <c r="AO3516" s="137"/>
      <c r="AP3516" s="137"/>
      <c r="AQ3516" s="137"/>
      <c r="AR3516" s="137"/>
      <c r="AS3516" s="137"/>
      <c r="AT3516" s="137"/>
      <c r="AU3516" s="137"/>
      <c r="AV3516" s="137"/>
      <c r="AW3516" s="144"/>
    </row>
    <row r="3517" spans="2:49" x14ac:dyDescent="0.2">
      <c r="B3517" s="97"/>
      <c r="J3517" s="98"/>
      <c r="K3517" s="97"/>
      <c r="N3517" s="3"/>
      <c r="W3517" s="98"/>
      <c r="Z3517" s="143"/>
      <c r="AA3517" s="137"/>
      <c r="AB3517" s="137"/>
      <c r="AC3517" s="137"/>
      <c r="AD3517" s="137"/>
      <c r="AE3517" s="137"/>
      <c r="AF3517" s="137"/>
      <c r="AG3517" s="137"/>
      <c r="AH3517" s="137"/>
      <c r="AI3517" s="137"/>
      <c r="AJ3517" s="137"/>
      <c r="AK3517" s="206"/>
      <c r="AL3517" s="206"/>
      <c r="AM3517" s="143"/>
      <c r="AN3517" s="137"/>
      <c r="AO3517" s="137"/>
      <c r="AP3517" s="137"/>
      <c r="AQ3517" s="137"/>
      <c r="AR3517" s="137"/>
      <c r="AS3517" s="137"/>
      <c r="AT3517" s="137"/>
      <c r="AU3517" s="137"/>
      <c r="AV3517" s="137"/>
      <c r="AW3517" s="144"/>
    </row>
    <row r="3518" spans="2:49" x14ac:dyDescent="0.2">
      <c r="B3518" s="97"/>
      <c r="J3518" s="98"/>
      <c r="K3518" s="97"/>
      <c r="N3518" s="3"/>
      <c r="W3518" s="98"/>
      <c r="Z3518" s="143"/>
      <c r="AA3518" s="137"/>
      <c r="AB3518" s="137"/>
      <c r="AC3518" s="137"/>
      <c r="AD3518" s="137"/>
      <c r="AE3518" s="137"/>
      <c r="AF3518" s="137"/>
      <c r="AG3518" s="137"/>
      <c r="AH3518" s="137"/>
      <c r="AI3518" s="137"/>
      <c r="AJ3518" s="137"/>
      <c r="AK3518" s="206"/>
      <c r="AL3518" s="206"/>
      <c r="AM3518" s="143"/>
      <c r="AN3518" s="137"/>
      <c r="AO3518" s="137"/>
      <c r="AP3518" s="137"/>
      <c r="AQ3518" s="137"/>
      <c r="AR3518" s="137"/>
      <c r="AS3518" s="137"/>
      <c r="AT3518" s="137"/>
      <c r="AU3518" s="137"/>
      <c r="AV3518" s="137"/>
      <c r="AW3518" s="144"/>
    </row>
    <row r="3519" spans="2:49" x14ac:dyDescent="0.2">
      <c r="B3519" s="97"/>
      <c r="J3519" s="98"/>
      <c r="K3519" s="97"/>
      <c r="N3519" s="3"/>
      <c r="W3519" s="98"/>
      <c r="Z3519" s="143"/>
      <c r="AA3519" s="137"/>
      <c r="AB3519" s="137"/>
      <c r="AC3519" s="137"/>
      <c r="AD3519" s="137"/>
      <c r="AE3519" s="137"/>
      <c r="AF3519" s="137"/>
      <c r="AG3519" s="137"/>
      <c r="AH3519" s="137"/>
      <c r="AI3519" s="137"/>
      <c r="AJ3519" s="137"/>
      <c r="AK3519" s="206"/>
      <c r="AL3519" s="206"/>
      <c r="AM3519" s="143"/>
      <c r="AN3519" s="137"/>
      <c r="AO3519" s="137"/>
      <c r="AP3519" s="137"/>
      <c r="AQ3519" s="137"/>
      <c r="AR3519" s="137"/>
      <c r="AS3519" s="137"/>
      <c r="AT3519" s="137"/>
      <c r="AU3519" s="137"/>
      <c r="AV3519" s="137"/>
      <c r="AW3519" s="144"/>
    </row>
    <row r="3520" spans="2:49" x14ac:dyDescent="0.2">
      <c r="B3520" s="97"/>
      <c r="J3520" s="98"/>
      <c r="K3520" s="97"/>
      <c r="N3520" s="3"/>
      <c r="W3520" s="98"/>
      <c r="Z3520" s="143"/>
      <c r="AA3520" s="137"/>
      <c r="AB3520" s="137"/>
      <c r="AC3520" s="137"/>
      <c r="AD3520" s="137"/>
      <c r="AE3520" s="137"/>
      <c r="AF3520" s="137"/>
      <c r="AG3520" s="137"/>
      <c r="AH3520" s="137"/>
      <c r="AI3520" s="137"/>
      <c r="AJ3520" s="137"/>
      <c r="AK3520" s="206"/>
      <c r="AL3520" s="206"/>
      <c r="AM3520" s="143"/>
      <c r="AN3520" s="137"/>
      <c r="AO3520" s="137"/>
      <c r="AP3520" s="137"/>
      <c r="AQ3520" s="137"/>
      <c r="AR3520" s="137"/>
      <c r="AS3520" s="137"/>
      <c r="AT3520" s="137"/>
      <c r="AU3520" s="137"/>
      <c r="AV3520" s="137"/>
      <c r="AW3520" s="144"/>
    </row>
    <row r="3521" spans="2:49" x14ac:dyDescent="0.2">
      <c r="B3521" s="97"/>
      <c r="J3521" s="98"/>
      <c r="K3521" s="97"/>
      <c r="N3521" s="3"/>
      <c r="W3521" s="98"/>
      <c r="Z3521" s="143"/>
      <c r="AA3521" s="137"/>
      <c r="AB3521" s="137"/>
      <c r="AC3521" s="137"/>
      <c r="AD3521" s="137"/>
      <c r="AE3521" s="137"/>
      <c r="AF3521" s="137"/>
      <c r="AG3521" s="137"/>
      <c r="AH3521" s="137"/>
      <c r="AI3521" s="137"/>
      <c r="AJ3521" s="137"/>
      <c r="AK3521" s="206"/>
      <c r="AL3521" s="206"/>
      <c r="AM3521" s="143"/>
      <c r="AN3521" s="137"/>
      <c r="AO3521" s="137"/>
      <c r="AP3521" s="137"/>
      <c r="AQ3521" s="137"/>
      <c r="AR3521" s="137"/>
      <c r="AS3521" s="137"/>
      <c r="AT3521" s="137"/>
      <c r="AU3521" s="137"/>
      <c r="AV3521" s="137"/>
      <c r="AW3521" s="144"/>
    </row>
    <row r="3522" spans="2:49" x14ac:dyDescent="0.2">
      <c r="B3522" s="97"/>
      <c r="J3522" s="98"/>
      <c r="K3522" s="97"/>
      <c r="N3522" s="3"/>
      <c r="W3522" s="98"/>
      <c r="Z3522" s="143"/>
      <c r="AA3522" s="137"/>
      <c r="AB3522" s="137"/>
      <c r="AC3522" s="137"/>
      <c r="AD3522" s="137"/>
      <c r="AE3522" s="137"/>
      <c r="AF3522" s="137"/>
      <c r="AG3522" s="137"/>
      <c r="AH3522" s="137"/>
      <c r="AI3522" s="137"/>
      <c r="AJ3522" s="137"/>
      <c r="AK3522" s="206"/>
      <c r="AL3522" s="206"/>
      <c r="AM3522" s="143"/>
      <c r="AN3522" s="137"/>
      <c r="AO3522" s="137"/>
      <c r="AP3522" s="137"/>
      <c r="AQ3522" s="137"/>
      <c r="AR3522" s="137"/>
      <c r="AS3522" s="137"/>
      <c r="AT3522" s="137"/>
      <c r="AU3522" s="137"/>
      <c r="AV3522" s="137"/>
      <c r="AW3522" s="144"/>
    </row>
    <row r="3523" spans="2:49" x14ac:dyDescent="0.2">
      <c r="B3523" s="97"/>
      <c r="J3523" s="98"/>
      <c r="K3523" s="97"/>
      <c r="N3523" s="3"/>
      <c r="W3523" s="98"/>
      <c r="Z3523" s="143"/>
      <c r="AA3523" s="137"/>
      <c r="AB3523" s="137"/>
      <c r="AC3523" s="137"/>
      <c r="AD3523" s="137"/>
      <c r="AE3523" s="137"/>
      <c r="AF3523" s="137"/>
      <c r="AG3523" s="137"/>
      <c r="AH3523" s="137"/>
      <c r="AI3523" s="137"/>
      <c r="AJ3523" s="137"/>
      <c r="AK3523" s="206"/>
      <c r="AL3523" s="206"/>
      <c r="AM3523" s="143"/>
      <c r="AN3523" s="137"/>
      <c r="AO3523" s="137"/>
      <c r="AP3523" s="137"/>
      <c r="AQ3523" s="137"/>
      <c r="AR3523" s="137"/>
      <c r="AS3523" s="137"/>
      <c r="AT3523" s="137"/>
      <c r="AU3523" s="137"/>
      <c r="AV3523" s="137"/>
      <c r="AW3523" s="144"/>
    </row>
    <row r="3524" spans="2:49" x14ac:dyDescent="0.2">
      <c r="B3524" s="97"/>
      <c r="J3524" s="98"/>
      <c r="K3524" s="97"/>
      <c r="N3524" s="3"/>
      <c r="W3524" s="98"/>
      <c r="Z3524" s="143"/>
      <c r="AA3524" s="137"/>
      <c r="AB3524" s="137"/>
      <c r="AC3524" s="137"/>
      <c r="AD3524" s="137"/>
      <c r="AE3524" s="137"/>
      <c r="AF3524" s="137"/>
      <c r="AG3524" s="137"/>
      <c r="AH3524" s="137"/>
      <c r="AI3524" s="137"/>
      <c r="AJ3524" s="137"/>
      <c r="AK3524" s="206"/>
      <c r="AL3524" s="206"/>
      <c r="AM3524" s="143"/>
      <c r="AN3524" s="137"/>
      <c r="AO3524" s="137"/>
      <c r="AP3524" s="137"/>
      <c r="AQ3524" s="137"/>
      <c r="AR3524" s="137"/>
      <c r="AS3524" s="137"/>
      <c r="AT3524" s="137"/>
      <c r="AU3524" s="137"/>
      <c r="AV3524" s="137"/>
      <c r="AW3524" s="144"/>
    </row>
    <row r="3525" spans="2:49" x14ac:dyDescent="0.2">
      <c r="B3525" s="97"/>
      <c r="J3525" s="98"/>
      <c r="K3525" s="97"/>
      <c r="N3525" s="3"/>
      <c r="W3525" s="98"/>
      <c r="Z3525" s="143"/>
      <c r="AA3525" s="137"/>
      <c r="AB3525" s="137"/>
      <c r="AC3525" s="137"/>
      <c r="AD3525" s="137"/>
      <c r="AE3525" s="137"/>
      <c r="AF3525" s="137"/>
      <c r="AG3525" s="137"/>
      <c r="AH3525" s="137"/>
      <c r="AI3525" s="137"/>
      <c r="AJ3525" s="137"/>
      <c r="AK3525" s="206"/>
      <c r="AL3525" s="206"/>
      <c r="AM3525" s="143"/>
      <c r="AN3525" s="137"/>
      <c r="AO3525" s="137"/>
      <c r="AP3525" s="137"/>
      <c r="AQ3525" s="137"/>
      <c r="AR3525" s="137"/>
      <c r="AS3525" s="137"/>
      <c r="AT3525" s="137"/>
      <c r="AU3525" s="137"/>
      <c r="AV3525" s="137"/>
      <c r="AW3525" s="144"/>
    </row>
    <row r="3526" spans="2:49" x14ac:dyDescent="0.2">
      <c r="B3526" s="97"/>
      <c r="J3526" s="98"/>
      <c r="K3526" s="97"/>
      <c r="N3526" s="3"/>
      <c r="W3526" s="98"/>
      <c r="Z3526" s="143"/>
      <c r="AA3526" s="137"/>
      <c r="AB3526" s="137"/>
      <c r="AC3526" s="137"/>
      <c r="AD3526" s="137"/>
      <c r="AE3526" s="137"/>
      <c r="AF3526" s="137"/>
      <c r="AG3526" s="137"/>
      <c r="AH3526" s="137"/>
      <c r="AI3526" s="137"/>
      <c r="AJ3526" s="137"/>
      <c r="AK3526" s="206"/>
      <c r="AL3526" s="206"/>
      <c r="AM3526" s="143"/>
      <c r="AN3526" s="137"/>
      <c r="AO3526" s="137"/>
      <c r="AP3526" s="137"/>
      <c r="AQ3526" s="137"/>
      <c r="AR3526" s="137"/>
      <c r="AS3526" s="137"/>
      <c r="AT3526" s="137"/>
      <c r="AU3526" s="137"/>
      <c r="AV3526" s="137"/>
      <c r="AW3526" s="144"/>
    </row>
    <row r="3527" spans="2:49" x14ac:dyDescent="0.2">
      <c r="B3527" s="97"/>
      <c r="J3527" s="98"/>
      <c r="K3527" s="97"/>
      <c r="N3527" s="3"/>
      <c r="W3527" s="98"/>
      <c r="Z3527" s="143"/>
      <c r="AA3527" s="137"/>
      <c r="AB3527" s="137"/>
      <c r="AC3527" s="137"/>
      <c r="AD3527" s="137"/>
      <c r="AE3527" s="137"/>
      <c r="AF3527" s="137"/>
      <c r="AG3527" s="137"/>
      <c r="AH3527" s="137"/>
      <c r="AI3527" s="137"/>
      <c r="AJ3527" s="137"/>
      <c r="AK3527" s="206"/>
      <c r="AL3527" s="206"/>
      <c r="AM3527" s="143"/>
      <c r="AN3527" s="137"/>
      <c r="AO3527" s="137"/>
      <c r="AP3527" s="137"/>
      <c r="AQ3527" s="137"/>
      <c r="AR3527" s="137"/>
      <c r="AS3527" s="137"/>
      <c r="AT3527" s="137"/>
      <c r="AU3527" s="137"/>
      <c r="AV3527" s="137"/>
      <c r="AW3527" s="144"/>
    </row>
    <row r="3528" spans="2:49" x14ac:dyDescent="0.2">
      <c r="B3528" s="97"/>
      <c r="J3528" s="98"/>
      <c r="K3528" s="97"/>
      <c r="N3528" s="3"/>
      <c r="W3528" s="98"/>
      <c r="Z3528" s="143"/>
      <c r="AA3528" s="137"/>
      <c r="AB3528" s="137"/>
      <c r="AC3528" s="137"/>
      <c r="AD3528" s="137"/>
      <c r="AE3528" s="137"/>
      <c r="AF3528" s="137"/>
      <c r="AG3528" s="137"/>
      <c r="AH3528" s="137"/>
      <c r="AI3528" s="137"/>
      <c r="AJ3528" s="137"/>
      <c r="AK3528" s="206"/>
      <c r="AL3528" s="206"/>
      <c r="AM3528" s="143"/>
      <c r="AN3528" s="137"/>
      <c r="AO3528" s="137"/>
      <c r="AP3528" s="137"/>
      <c r="AQ3528" s="137"/>
      <c r="AR3528" s="137"/>
      <c r="AS3528" s="137"/>
      <c r="AT3528" s="137"/>
      <c r="AU3528" s="137"/>
      <c r="AV3528" s="137"/>
      <c r="AW3528" s="144"/>
    </row>
    <row r="3529" spans="2:49" x14ac:dyDescent="0.2">
      <c r="B3529" s="97"/>
      <c r="J3529" s="98"/>
      <c r="K3529" s="97"/>
      <c r="N3529" s="3"/>
      <c r="W3529" s="98"/>
      <c r="Z3529" s="143"/>
      <c r="AA3529" s="137"/>
      <c r="AB3529" s="137"/>
      <c r="AC3529" s="137"/>
      <c r="AD3529" s="137"/>
      <c r="AE3529" s="137"/>
      <c r="AF3529" s="137"/>
      <c r="AG3529" s="137"/>
      <c r="AH3529" s="137"/>
      <c r="AI3529" s="137"/>
      <c r="AJ3529" s="137"/>
      <c r="AK3529" s="206"/>
      <c r="AL3529" s="206"/>
      <c r="AM3529" s="143"/>
      <c r="AN3529" s="137"/>
      <c r="AO3529" s="137"/>
      <c r="AP3529" s="137"/>
      <c r="AQ3529" s="137"/>
      <c r="AR3529" s="137"/>
      <c r="AS3529" s="137"/>
      <c r="AT3529" s="137"/>
      <c r="AU3529" s="137"/>
      <c r="AV3529" s="137"/>
      <c r="AW3529" s="144"/>
    </row>
    <row r="3530" spans="2:49" x14ac:dyDescent="0.2">
      <c r="B3530" s="97"/>
      <c r="J3530" s="98"/>
      <c r="K3530" s="97"/>
      <c r="N3530" s="3"/>
      <c r="W3530" s="98"/>
      <c r="Z3530" s="143"/>
      <c r="AA3530" s="137"/>
      <c r="AB3530" s="137"/>
      <c r="AC3530" s="137"/>
      <c r="AD3530" s="137"/>
      <c r="AE3530" s="137"/>
      <c r="AF3530" s="137"/>
      <c r="AG3530" s="137"/>
      <c r="AH3530" s="137"/>
      <c r="AI3530" s="137"/>
      <c r="AJ3530" s="137"/>
      <c r="AK3530" s="206"/>
      <c r="AL3530" s="206"/>
      <c r="AM3530" s="143"/>
      <c r="AN3530" s="137"/>
      <c r="AO3530" s="137"/>
      <c r="AP3530" s="137"/>
      <c r="AQ3530" s="137"/>
      <c r="AR3530" s="137"/>
      <c r="AS3530" s="137"/>
      <c r="AT3530" s="137"/>
      <c r="AU3530" s="137"/>
      <c r="AV3530" s="137"/>
      <c r="AW3530" s="144"/>
    </row>
    <row r="3531" spans="2:49" x14ac:dyDescent="0.2">
      <c r="B3531" s="97"/>
      <c r="J3531" s="98"/>
      <c r="K3531" s="97"/>
      <c r="N3531" s="3"/>
      <c r="W3531" s="98"/>
      <c r="Z3531" s="143"/>
      <c r="AA3531" s="137"/>
      <c r="AB3531" s="137"/>
      <c r="AC3531" s="137"/>
      <c r="AD3531" s="137"/>
      <c r="AE3531" s="137"/>
      <c r="AF3531" s="137"/>
      <c r="AG3531" s="137"/>
      <c r="AH3531" s="137"/>
      <c r="AI3531" s="137"/>
      <c r="AJ3531" s="137"/>
      <c r="AK3531" s="206"/>
      <c r="AL3531" s="206"/>
      <c r="AM3531" s="143"/>
      <c r="AN3531" s="137"/>
      <c r="AO3531" s="137"/>
      <c r="AP3531" s="137"/>
      <c r="AQ3531" s="137"/>
      <c r="AR3531" s="137"/>
      <c r="AS3531" s="137"/>
      <c r="AT3531" s="137"/>
      <c r="AU3531" s="137"/>
      <c r="AV3531" s="137"/>
      <c r="AW3531" s="144"/>
    </row>
    <row r="3532" spans="2:49" x14ac:dyDescent="0.2">
      <c r="B3532" s="97"/>
      <c r="J3532" s="98"/>
      <c r="K3532" s="97"/>
      <c r="N3532" s="3"/>
      <c r="W3532" s="98"/>
      <c r="Z3532" s="143"/>
      <c r="AA3532" s="137"/>
      <c r="AB3532" s="137"/>
      <c r="AC3532" s="137"/>
      <c r="AD3532" s="137"/>
      <c r="AE3532" s="137"/>
      <c r="AF3532" s="137"/>
      <c r="AG3532" s="137"/>
      <c r="AH3532" s="137"/>
      <c r="AI3532" s="137"/>
      <c r="AJ3532" s="137"/>
      <c r="AK3532" s="206"/>
      <c r="AL3532" s="206"/>
      <c r="AM3532" s="143"/>
      <c r="AN3532" s="137"/>
      <c r="AO3532" s="137"/>
      <c r="AP3532" s="137"/>
      <c r="AQ3532" s="137"/>
      <c r="AR3532" s="137"/>
      <c r="AS3532" s="137"/>
      <c r="AT3532" s="137"/>
      <c r="AU3532" s="137"/>
      <c r="AV3532" s="137"/>
      <c r="AW3532" s="144"/>
    </row>
    <row r="3533" spans="2:49" x14ac:dyDescent="0.2">
      <c r="B3533" s="97"/>
      <c r="J3533" s="98"/>
      <c r="K3533" s="97"/>
      <c r="N3533" s="3"/>
      <c r="W3533" s="98"/>
      <c r="Z3533" s="143"/>
      <c r="AA3533" s="137"/>
      <c r="AB3533" s="137"/>
      <c r="AC3533" s="137"/>
      <c r="AD3533" s="137"/>
      <c r="AE3533" s="137"/>
      <c r="AF3533" s="137"/>
      <c r="AG3533" s="137"/>
      <c r="AH3533" s="137"/>
      <c r="AI3533" s="137"/>
      <c r="AJ3533" s="137"/>
      <c r="AK3533" s="206"/>
      <c r="AL3533" s="206"/>
      <c r="AM3533" s="143"/>
      <c r="AN3533" s="137"/>
      <c r="AO3533" s="137"/>
      <c r="AP3533" s="137"/>
      <c r="AQ3533" s="137"/>
      <c r="AR3533" s="137"/>
      <c r="AS3533" s="137"/>
      <c r="AT3533" s="137"/>
      <c r="AU3533" s="137"/>
      <c r="AV3533" s="137"/>
      <c r="AW3533" s="144"/>
    </row>
    <row r="3534" spans="2:49" x14ac:dyDescent="0.2">
      <c r="B3534" s="97"/>
      <c r="J3534" s="98"/>
      <c r="K3534" s="97"/>
      <c r="N3534" s="3"/>
      <c r="W3534" s="98"/>
      <c r="Z3534" s="143"/>
      <c r="AA3534" s="137"/>
      <c r="AB3534" s="137"/>
      <c r="AC3534" s="137"/>
      <c r="AD3534" s="137"/>
      <c r="AE3534" s="137"/>
      <c r="AF3534" s="137"/>
      <c r="AG3534" s="137"/>
      <c r="AH3534" s="137"/>
      <c r="AI3534" s="137"/>
      <c r="AJ3534" s="137"/>
      <c r="AK3534" s="206"/>
      <c r="AL3534" s="206"/>
      <c r="AM3534" s="143"/>
      <c r="AN3534" s="137"/>
      <c r="AO3534" s="137"/>
      <c r="AP3534" s="137"/>
      <c r="AQ3534" s="137"/>
      <c r="AR3534" s="137"/>
      <c r="AS3534" s="137"/>
      <c r="AT3534" s="137"/>
      <c r="AU3534" s="137"/>
      <c r="AV3534" s="137"/>
      <c r="AW3534" s="144"/>
    </row>
    <row r="3535" spans="2:49" x14ac:dyDescent="0.2">
      <c r="B3535" s="97"/>
      <c r="J3535" s="98"/>
      <c r="K3535" s="97"/>
      <c r="N3535" s="3"/>
      <c r="W3535" s="98"/>
      <c r="Z3535" s="143"/>
      <c r="AA3535" s="137"/>
      <c r="AB3535" s="137"/>
      <c r="AC3535" s="137"/>
      <c r="AD3535" s="137"/>
      <c r="AE3535" s="137"/>
      <c r="AF3535" s="137"/>
      <c r="AG3535" s="137"/>
      <c r="AH3535" s="137"/>
      <c r="AI3535" s="137"/>
      <c r="AJ3535" s="137"/>
      <c r="AK3535" s="206"/>
      <c r="AL3535" s="206"/>
      <c r="AM3535" s="143"/>
      <c r="AN3535" s="137"/>
      <c r="AO3535" s="137"/>
      <c r="AP3535" s="137"/>
      <c r="AQ3535" s="137"/>
      <c r="AR3535" s="137"/>
      <c r="AS3535" s="137"/>
      <c r="AT3535" s="137"/>
      <c r="AU3535" s="137"/>
      <c r="AV3535" s="137"/>
      <c r="AW3535" s="144"/>
    </row>
    <row r="3536" spans="2:49" x14ac:dyDescent="0.2">
      <c r="B3536" s="97"/>
      <c r="J3536" s="98"/>
      <c r="K3536" s="97"/>
      <c r="N3536" s="3"/>
      <c r="W3536" s="98"/>
      <c r="Z3536" s="143"/>
      <c r="AA3536" s="137"/>
      <c r="AB3536" s="137"/>
      <c r="AC3536" s="137"/>
      <c r="AD3536" s="137"/>
      <c r="AE3536" s="137"/>
      <c r="AF3536" s="137"/>
      <c r="AG3536" s="137"/>
      <c r="AH3536" s="137"/>
      <c r="AI3536" s="137"/>
      <c r="AJ3536" s="137"/>
      <c r="AK3536" s="206"/>
      <c r="AL3536" s="206"/>
      <c r="AM3536" s="143"/>
      <c r="AN3536" s="137"/>
      <c r="AO3536" s="137"/>
      <c r="AP3536" s="137"/>
      <c r="AQ3536" s="137"/>
      <c r="AR3536" s="137"/>
      <c r="AS3536" s="137"/>
      <c r="AT3536" s="137"/>
      <c r="AU3536" s="137"/>
      <c r="AV3536" s="137"/>
      <c r="AW3536" s="144"/>
    </row>
    <row r="3537" spans="2:49" x14ac:dyDescent="0.2">
      <c r="B3537" s="97"/>
      <c r="J3537" s="98"/>
      <c r="K3537" s="97"/>
      <c r="N3537" s="3"/>
      <c r="W3537" s="98"/>
      <c r="Z3537" s="143"/>
      <c r="AA3537" s="137"/>
      <c r="AB3537" s="137"/>
      <c r="AC3537" s="137"/>
      <c r="AD3537" s="137"/>
      <c r="AE3537" s="137"/>
      <c r="AF3537" s="137"/>
      <c r="AG3537" s="137"/>
      <c r="AH3537" s="137"/>
      <c r="AI3537" s="137"/>
      <c r="AJ3537" s="137"/>
      <c r="AK3537" s="206"/>
      <c r="AL3537" s="206"/>
      <c r="AM3537" s="143"/>
      <c r="AN3537" s="137"/>
      <c r="AO3537" s="137"/>
      <c r="AP3537" s="137"/>
      <c r="AQ3537" s="137"/>
      <c r="AR3537" s="137"/>
      <c r="AS3537" s="137"/>
      <c r="AT3537" s="137"/>
      <c r="AU3537" s="137"/>
      <c r="AV3537" s="137"/>
      <c r="AW3537" s="144"/>
    </row>
    <row r="3538" spans="2:49" x14ac:dyDescent="0.2">
      <c r="B3538" s="97"/>
      <c r="J3538" s="98"/>
      <c r="K3538" s="97"/>
      <c r="N3538" s="3"/>
      <c r="W3538" s="98"/>
      <c r="Z3538" s="143"/>
      <c r="AA3538" s="137"/>
      <c r="AB3538" s="137"/>
      <c r="AC3538" s="137"/>
      <c r="AD3538" s="137"/>
      <c r="AE3538" s="137"/>
      <c r="AF3538" s="137"/>
      <c r="AG3538" s="137"/>
      <c r="AH3538" s="137"/>
      <c r="AI3538" s="137"/>
      <c r="AJ3538" s="137"/>
      <c r="AK3538" s="206"/>
      <c r="AL3538" s="206"/>
      <c r="AM3538" s="143"/>
      <c r="AN3538" s="137"/>
      <c r="AO3538" s="137"/>
      <c r="AP3538" s="137"/>
      <c r="AQ3538" s="137"/>
      <c r="AR3538" s="137"/>
      <c r="AS3538" s="137"/>
      <c r="AT3538" s="137"/>
      <c r="AU3538" s="137"/>
      <c r="AV3538" s="137"/>
      <c r="AW3538" s="144"/>
    </row>
    <row r="3539" spans="2:49" x14ac:dyDescent="0.2">
      <c r="B3539" s="97"/>
      <c r="J3539" s="98"/>
      <c r="K3539" s="97"/>
      <c r="N3539" s="3"/>
      <c r="W3539" s="98"/>
      <c r="Z3539" s="143"/>
      <c r="AA3539" s="137"/>
      <c r="AB3539" s="137"/>
      <c r="AC3539" s="137"/>
      <c r="AD3539" s="137"/>
      <c r="AE3539" s="137"/>
      <c r="AF3539" s="137"/>
      <c r="AG3539" s="137"/>
      <c r="AH3539" s="137"/>
      <c r="AI3539" s="137"/>
      <c r="AJ3539" s="137"/>
      <c r="AK3539" s="206"/>
      <c r="AL3539" s="206"/>
      <c r="AM3539" s="143"/>
      <c r="AN3539" s="137"/>
      <c r="AO3539" s="137"/>
      <c r="AP3539" s="137"/>
      <c r="AQ3539" s="137"/>
      <c r="AR3539" s="137"/>
      <c r="AS3539" s="137"/>
      <c r="AT3539" s="137"/>
      <c r="AU3539" s="137"/>
      <c r="AV3539" s="137"/>
      <c r="AW3539" s="144"/>
    </row>
    <row r="3540" spans="2:49" x14ac:dyDescent="0.2">
      <c r="B3540" s="97"/>
      <c r="J3540" s="98"/>
      <c r="K3540" s="97"/>
      <c r="N3540" s="3"/>
      <c r="W3540" s="98"/>
      <c r="Z3540" s="143"/>
      <c r="AA3540" s="137"/>
      <c r="AB3540" s="137"/>
      <c r="AC3540" s="137"/>
      <c r="AD3540" s="137"/>
      <c r="AE3540" s="137"/>
      <c r="AF3540" s="137"/>
      <c r="AG3540" s="137"/>
      <c r="AH3540" s="137"/>
      <c r="AI3540" s="137"/>
      <c r="AJ3540" s="137"/>
      <c r="AK3540" s="206"/>
      <c r="AL3540" s="206"/>
      <c r="AM3540" s="143"/>
      <c r="AN3540" s="137"/>
      <c r="AO3540" s="137"/>
      <c r="AP3540" s="137"/>
      <c r="AQ3540" s="137"/>
      <c r="AR3540" s="137"/>
      <c r="AS3540" s="137"/>
      <c r="AT3540" s="137"/>
      <c r="AU3540" s="137"/>
      <c r="AV3540" s="137"/>
      <c r="AW3540" s="144"/>
    </row>
    <row r="3541" spans="2:49" x14ac:dyDescent="0.2">
      <c r="B3541" s="97"/>
      <c r="J3541" s="98"/>
      <c r="K3541" s="97"/>
      <c r="N3541" s="3"/>
      <c r="W3541" s="98"/>
      <c r="Z3541" s="143"/>
      <c r="AA3541" s="137"/>
      <c r="AB3541" s="137"/>
      <c r="AC3541" s="137"/>
      <c r="AD3541" s="137"/>
      <c r="AE3541" s="137"/>
      <c r="AF3541" s="137"/>
      <c r="AG3541" s="137"/>
      <c r="AH3541" s="137"/>
      <c r="AI3541" s="137"/>
      <c r="AJ3541" s="137"/>
      <c r="AK3541" s="206"/>
      <c r="AL3541" s="206"/>
      <c r="AM3541" s="143"/>
      <c r="AN3541" s="137"/>
      <c r="AO3541" s="137"/>
      <c r="AP3541" s="137"/>
      <c r="AQ3541" s="137"/>
      <c r="AR3541" s="137"/>
      <c r="AS3541" s="137"/>
      <c r="AT3541" s="137"/>
      <c r="AU3541" s="137"/>
      <c r="AV3541" s="137"/>
      <c r="AW3541" s="144"/>
    </row>
    <row r="3542" spans="2:49" x14ac:dyDescent="0.2">
      <c r="B3542" s="97"/>
      <c r="J3542" s="98"/>
      <c r="K3542" s="97"/>
      <c r="N3542" s="3"/>
      <c r="W3542" s="98"/>
      <c r="Z3542" s="143"/>
      <c r="AA3542" s="137"/>
      <c r="AB3542" s="137"/>
      <c r="AC3542" s="137"/>
      <c r="AD3542" s="137"/>
      <c r="AE3542" s="137"/>
      <c r="AF3542" s="137"/>
      <c r="AG3542" s="137"/>
      <c r="AH3542" s="137"/>
      <c r="AI3542" s="137"/>
      <c r="AJ3542" s="137"/>
      <c r="AK3542" s="206"/>
      <c r="AL3542" s="206"/>
      <c r="AM3542" s="143"/>
      <c r="AN3542" s="137"/>
      <c r="AO3542" s="137"/>
      <c r="AP3542" s="137"/>
      <c r="AQ3542" s="137"/>
      <c r="AR3542" s="137"/>
      <c r="AS3542" s="137"/>
      <c r="AT3542" s="137"/>
      <c r="AU3542" s="137"/>
      <c r="AV3542" s="137"/>
      <c r="AW3542" s="144"/>
    </row>
    <row r="3543" spans="2:49" x14ac:dyDescent="0.2">
      <c r="B3543" s="97"/>
      <c r="J3543" s="98"/>
      <c r="K3543" s="97"/>
      <c r="N3543" s="3"/>
      <c r="W3543" s="98"/>
      <c r="Z3543" s="143"/>
      <c r="AA3543" s="137"/>
      <c r="AB3543" s="137"/>
      <c r="AC3543" s="137"/>
      <c r="AD3543" s="137"/>
      <c r="AE3543" s="137"/>
      <c r="AF3543" s="137"/>
      <c r="AG3543" s="137"/>
      <c r="AH3543" s="137"/>
      <c r="AI3543" s="137"/>
      <c r="AJ3543" s="137"/>
      <c r="AK3543" s="206"/>
      <c r="AL3543" s="206"/>
      <c r="AM3543" s="143"/>
      <c r="AN3543" s="137"/>
      <c r="AO3543" s="137"/>
      <c r="AP3543" s="137"/>
      <c r="AQ3543" s="137"/>
      <c r="AR3543" s="137"/>
      <c r="AS3543" s="137"/>
      <c r="AT3543" s="137"/>
      <c r="AU3543" s="137"/>
      <c r="AV3543" s="137"/>
      <c r="AW3543" s="144"/>
    </row>
    <row r="3544" spans="2:49" x14ac:dyDescent="0.2">
      <c r="B3544" s="97"/>
      <c r="J3544" s="98"/>
      <c r="K3544" s="97"/>
      <c r="N3544" s="3"/>
      <c r="W3544" s="98"/>
      <c r="Z3544" s="143"/>
      <c r="AA3544" s="137"/>
      <c r="AB3544" s="137"/>
      <c r="AC3544" s="137"/>
      <c r="AD3544" s="137"/>
      <c r="AE3544" s="137"/>
      <c r="AF3544" s="137"/>
      <c r="AG3544" s="137"/>
      <c r="AH3544" s="137"/>
      <c r="AI3544" s="137"/>
      <c r="AJ3544" s="137"/>
      <c r="AK3544" s="206"/>
      <c r="AL3544" s="206"/>
      <c r="AM3544" s="143"/>
      <c r="AN3544" s="137"/>
      <c r="AO3544" s="137"/>
      <c r="AP3544" s="137"/>
      <c r="AQ3544" s="137"/>
      <c r="AR3544" s="137"/>
      <c r="AS3544" s="137"/>
      <c r="AT3544" s="137"/>
      <c r="AU3544" s="137"/>
      <c r="AV3544" s="137"/>
      <c r="AW3544" s="144"/>
    </row>
    <row r="3545" spans="2:49" x14ac:dyDescent="0.2">
      <c r="B3545" s="97"/>
      <c r="J3545" s="98"/>
      <c r="K3545" s="97"/>
      <c r="N3545" s="3"/>
      <c r="W3545" s="98"/>
      <c r="Z3545" s="143"/>
      <c r="AA3545" s="137"/>
      <c r="AB3545" s="137"/>
      <c r="AC3545" s="137"/>
      <c r="AD3545" s="137"/>
      <c r="AE3545" s="137"/>
      <c r="AF3545" s="137"/>
      <c r="AG3545" s="137"/>
      <c r="AH3545" s="137"/>
      <c r="AI3545" s="137"/>
      <c r="AJ3545" s="137"/>
      <c r="AK3545" s="206"/>
      <c r="AL3545" s="206"/>
      <c r="AM3545" s="143"/>
      <c r="AN3545" s="137"/>
      <c r="AO3545" s="137"/>
      <c r="AP3545" s="137"/>
      <c r="AQ3545" s="137"/>
      <c r="AR3545" s="137"/>
      <c r="AS3545" s="137"/>
      <c r="AT3545" s="137"/>
      <c r="AU3545" s="137"/>
      <c r="AV3545" s="137"/>
      <c r="AW3545" s="144"/>
    </row>
    <row r="3546" spans="2:49" x14ac:dyDescent="0.2">
      <c r="B3546" s="97"/>
      <c r="J3546" s="98"/>
      <c r="K3546" s="97"/>
      <c r="N3546" s="3"/>
      <c r="W3546" s="98"/>
      <c r="Z3546" s="143"/>
      <c r="AA3546" s="137"/>
      <c r="AB3546" s="137"/>
      <c r="AC3546" s="137"/>
      <c r="AD3546" s="137"/>
      <c r="AE3546" s="137"/>
      <c r="AF3546" s="137"/>
      <c r="AG3546" s="137"/>
      <c r="AH3546" s="137"/>
      <c r="AI3546" s="137"/>
      <c r="AJ3546" s="137"/>
      <c r="AK3546" s="206"/>
      <c r="AL3546" s="206"/>
      <c r="AM3546" s="143"/>
      <c r="AN3546" s="137"/>
      <c r="AO3546" s="137"/>
      <c r="AP3546" s="137"/>
      <c r="AQ3546" s="137"/>
      <c r="AR3546" s="137"/>
      <c r="AS3546" s="137"/>
      <c r="AT3546" s="137"/>
      <c r="AU3546" s="137"/>
      <c r="AV3546" s="137"/>
      <c r="AW3546" s="144"/>
    </row>
    <row r="3547" spans="2:49" x14ac:dyDescent="0.2">
      <c r="B3547" s="97"/>
      <c r="J3547" s="98"/>
      <c r="K3547" s="97"/>
      <c r="N3547" s="3"/>
      <c r="W3547" s="98"/>
      <c r="Z3547" s="143"/>
      <c r="AA3547" s="137"/>
      <c r="AB3547" s="137"/>
      <c r="AC3547" s="137"/>
      <c r="AD3547" s="137"/>
      <c r="AE3547" s="137"/>
      <c r="AF3547" s="137"/>
      <c r="AG3547" s="137"/>
      <c r="AH3547" s="137"/>
      <c r="AI3547" s="137"/>
      <c r="AJ3547" s="137"/>
      <c r="AK3547" s="206"/>
      <c r="AL3547" s="206"/>
      <c r="AM3547" s="143"/>
      <c r="AN3547" s="137"/>
      <c r="AO3547" s="137"/>
      <c r="AP3547" s="137"/>
      <c r="AQ3547" s="137"/>
      <c r="AR3547" s="137"/>
      <c r="AS3547" s="137"/>
      <c r="AT3547" s="137"/>
      <c r="AU3547" s="137"/>
      <c r="AV3547" s="137"/>
      <c r="AW3547" s="144"/>
    </row>
    <row r="3548" spans="2:49" x14ac:dyDescent="0.2">
      <c r="B3548" s="97"/>
      <c r="J3548" s="98"/>
      <c r="K3548" s="97"/>
      <c r="N3548" s="3"/>
      <c r="W3548" s="98"/>
      <c r="Z3548" s="143"/>
      <c r="AA3548" s="137"/>
      <c r="AB3548" s="137"/>
      <c r="AC3548" s="137"/>
      <c r="AD3548" s="137"/>
      <c r="AE3548" s="137"/>
      <c r="AF3548" s="137"/>
      <c r="AG3548" s="137"/>
      <c r="AH3548" s="137"/>
      <c r="AI3548" s="137"/>
      <c r="AJ3548" s="137"/>
      <c r="AK3548" s="206"/>
      <c r="AL3548" s="206"/>
      <c r="AM3548" s="143"/>
      <c r="AN3548" s="137"/>
      <c r="AO3548" s="137"/>
      <c r="AP3548" s="137"/>
      <c r="AQ3548" s="137"/>
      <c r="AR3548" s="137"/>
      <c r="AS3548" s="137"/>
      <c r="AT3548" s="137"/>
      <c r="AU3548" s="137"/>
      <c r="AV3548" s="137"/>
      <c r="AW3548" s="144"/>
    </row>
    <row r="3549" spans="2:49" x14ac:dyDescent="0.2">
      <c r="B3549" s="97"/>
      <c r="J3549" s="98"/>
      <c r="K3549" s="97"/>
      <c r="N3549" s="3"/>
      <c r="W3549" s="98"/>
      <c r="Z3549" s="143"/>
      <c r="AA3549" s="137"/>
      <c r="AB3549" s="137"/>
      <c r="AC3549" s="137"/>
      <c r="AD3549" s="137"/>
      <c r="AE3549" s="137"/>
      <c r="AF3549" s="137"/>
      <c r="AG3549" s="137"/>
      <c r="AH3549" s="137"/>
      <c r="AI3549" s="137"/>
      <c r="AJ3549" s="137"/>
      <c r="AK3549" s="206"/>
      <c r="AL3549" s="206"/>
      <c r="AM3549" s="143"/>
      <c r="AN3549" s="137"/>
      <c r="AO3549" s="137"/>
      <c r="AP3549" s="137"/>
      <c r="AQ3549" s="137"/>
      <c r="AR3549" s="137"/>
      <c r="AS3549" s="137"/>
      <c r="AT3549" s="137"/>
      <c r="AU3549" s="137"/>
      <c r="AV3549" s="137"/>
      <c r="AW3549" s="144"/>
    </row>
    <row r="3550" spans="2:49" x14ac:dyDescent="0.2">
      <c r="B3550" s="97"/>
      <c r="J3550" s="98"/>
      <c r="K3550" s="97"/>
      <c r="N3550" s="3"/>
      <c r="W3550" s="98"/>
      <c r="Z3550" s="143"/>
      <c r="AA3550" s="137"/>
      <c r="AB3550" s="137"/>
      <c r="AC3550" s="137"/>
      <c r="AD3550" s="137"/>
      <c r="AE3550" s="137"/>
      <c r="AF3550" s="137"/>
      <c r="AG3550" s="137"/>
      <c r="AH3550" s="137"/>
      <c r="AI3550" s="137"/>
      <c r="AJ3550" s="137"/>
      <c r="AK3550" s="206"/>
      <c r="AL3550" s="206"/>
      <c r="AM3550" s="143"/>
      <c r="AN3550" s="137"/>
      <c r="AO3550" s="137"/>
      <c r="AP3550" s="137"/>
      <c r="AQ3550" s="137"/>
      <c r="AR3550" s="137"/>
      <c r="AS3550" s="137"/>
      <c r="AT3550" s="137"/>
      <c r="AU3550" s="137"/>
      <c r="AV3550" s="137"/>
      <c r="AW3550" s="144"/>
    </row>
    <row r="3551" spans="2:49" x14ac:dyDescent="0.2">
      <c r="B3551" s="97"/>
      <c r="J3551" s="98"/>
      <c r="K3551" s="97"/>
      <c r="N3551" s="3"/>
      <c r="W3551" s="98"/>
      <c r="Z3551" s="143"/>
      <c r="AA3551" s="137"/>
      <c r="AB3551" s="137"/>
      <c r="AC3551" s="137"/>
      <c r="AD3551" s="137"/>
      <c r="AE3551" s="137"/>
      <c r="AF3551" s="137"/>
      <c r="AG3551" s="137"/>
      <c r="AH3551" s="137"/>
      <c r="AI3551" s="137"/>
      <c r="AJ3551" s="137"/>
      <c r="AK3551" s="206"/>
      <c r="AL3551" s="206"/>
      <c r="AM3551" s="143"/>
      <c r="AN3551" s="137"/>
      <c r="AO3551" s="137"/>
      <c r="AP3551" s="137"/>
      <c r="AQ3551" s="137"/>
      <c r="AR3551" s="137"/>
      <c r="AS3551" s="137"/>
      <c r="AT3551" s="137"/>
      <c r="AU3551" s="137"/>
      <c r="AV3551" s="137"/>
      <c r="AW3551" s="144"/>
    </row>
    <row r="3552" spans="2:49" x14ac:dyDescent="0.2">
      <c r="B3552" s="97"/>
      <c r="J3552" s="98"/>
      <c r="K3552" s="97"/>
      <c r="N3552" s="3"/>
      <c r="W3552" s="98"/>
      <c r="Z3552" s="143"/>
      <c r="AA3552" s="137"/>
      <c r="AB3552" s="137"/>
      <c r="AC3552" s="137"/>
      <c r="AD3552" s="137"/>
      <c r="AE3552" s="137"/>
      <c r="AF3552" s="137"/>
      <c r="AG3552" s="137"/>
      <c r="AH3552" s="137"/>
      <c r="AI3552" s="137"/>
      <c r="AJ3552" s="137"/>
      <c r="AK3552" s="206"/>
      <c r="AL3552" s="206"/>
      <c r="AM3552" s="143"/>
      <c r="AN3552" s="137"/>
      <c r="AO3552" s="137"/>
      <c r="AP3552" s="137"/>
      <c r="AQ3552" s="137"/>
      <c r="AR3552" s="137"/>
      <c r="AS3552" s="137"/>
      <c r="AT3552" s="137"/>
      <c r="AU3552" s="137"/>
      <c r="AV3552" s="137"/>
      <c r="AW3552" s="144"/>
    </row>
    <row r="3553" spans="2:49" x14ac:dyDescent="0.2">
      <c r="B3553" s="97"/>
      <c r="J3553" s="98"/>
      <c r="K3553" s="97"/>
      <c r="N3553" s="3"/>
      <c r="W3553" s="98"/>
      <c r="Z3553" s="143"/>
      <c r="AA3553" s="137"/>
      <c r="AB3553" s="137"/>
      <c r="AC3553" s="137"/>
      <c r="AD3553" s="137"/>
      <c r="AE3553" s="137"/>
      <c r="AF3553" s="137"/>
      <c r="AG3553" s="137"/>
      <c r="AH3553" s="137"/>
      <c r="AI3553" s="137"/>
      <c r="AJ3553" s="137"/>
      <c r="AK3553" s="206"/>
      <c r="AL3553" s="206"/>
      <c r="AM3553" s="143"/>
      <c r="AN3553" s="137"/>
      <c r="AO3553" s="137"/>
      <c r="AP3553" s="137"/>
      <c r="AQ3553" s="137"/>
      <c r="AR3553" s="137"/>
      <c r="AS3553" s="137"/>
      <c r="AT3553" s="137"/>
      <c r="AU3553" s="137"/>
      <c r="AV3553" s="137"/>
      <c r="AW3553" s="144"/>
    </row>
    <row r="3554" spans="2:49" x14ac:dyDescent="0.2">
      <c r="B3554" s="97"/>
      <c r="J3554" s="98"/>
      <c r="K3554" s="97"/>
      <c r="N3554" s="3"/>
      <c r="W3554" s="98"/>
      <c r="Z3554" s="143"/>
      <c r="AA3554" s="137"/>
      <c r="AB3554" s="137"/>
      <c r="AC3554" s="137"/>
      <c r="AD3554" s="137"/>
      <c r="AE3554" s="137"/>
      <c r="AF3554" s="137"/>
      <c r="AG3554" s="137"/>
      <c r="AH3554" s="137"/>
      <c r="AI3554" s="137"/>
      <c r="AJ3554" s="137"/>
      <c r="AK3554" s="206"/>
      <c r="AL3554" s="206"/>
      <c r="AM3554" s="143"/>
      <c r="AN3554" s="137"/>
      <c r="AO3554" s="137"/>
      <c r="AP3554" s="137"/>
      <c r="AQ3554" s="137"/>
      <c r="AR3554" s="137"/>
      <c r="AS3554" s="137"/>
      <c r="AT3554" s="137"/>
      <c r="AU3554" s="137"/>
      <c r="AV3554" s="137"/>
      <c r="AW3554" s="144"/>
    </row>
    <row r="3555" spans="2:49" x14ac:dyDescent="0.2">
      <c r="B3555" s="97"/>
      <c r="J3555" s="98"/>
      <c r="K3555" s="97"/>
      <c r="N3555" s="3"/>
      <c r="W3555" s="98"/>
      <c r="Z3555" s="143"/>
      <c r="AA3555" s="137"/>
      <c r="AB3555" s="137"/>
      <c r="AC3555" s="137"/>
      <c r="AD3555" s="137"/>
      <c r="AE3555" s="137"/>
      <c r="AF3555" s="137"/>
      <c r="AG3555" s="137"/>
      <c r="AH3555" s="137"/>
      <c r="AI3555" s="137"/>
      <c r="AJ3555" s="137"/>
      <c r="AK3555" s="206"/>
      <c r="AL3555" s="206"/>
      <c r="AM3555" s="143"/>
      <c r="AN3555" s="137"/>
      <c r="AO3555" s="137"/>
      <c r="AP3555" s="137"/>
      <c r="AQ3555" s="137"/>
      <c r="AR3555" s="137"/>
      <c r="AS3555" s="137"/>
      <c r="AT3555" s="137"/>
      <c r="AU3555" s="137"/>
      <c r="AV3555" s="137"/>
      <c r="AW3555" s="144"/>
    </row>
    <row r="3556" spans="2:49" x14ac:dyDescent="0.2">
      <c r="B3556" s="97"/>
      <c r="J3556" s="98"/>
      <c r="K3556" s="97"/>
      <c r="N3556" s="3"/>
      <c r="W3556" s="98"/>
      <c r="Z3556" s="143"/>
      <c r="AA3556" s="137"/>
      <c r="AB3556" s="137"/>
      <c r="AC3556" s="137"/>
      <c r="AD3556" s="137"/>
      <c r="AE3556" s="137"/>
      <c r="AF3556" s="137"/>
      <c r="AG3556" s="137"/>
      <c r="AH3556" s="137"/>
      <c r="AI3556" s="137"/>
      <c r="AJ3556" s="137"/>
      <c r="AK3556" s="206"/>
      <c r="AL3556" s="206"/>
      <c r="AM3556" s="143"/>
      <c r="AN3556" s="137"/>
      <c r="AO3556" s="137"/>
      <c r="AP3556" s="137"/>
      <c r="AQ3556" s="137"/>
      <c r="AR3556" s="137"/>
      <c r="AS3556" s="137"/>
      <c r="AT3556" s="137"/>
      <c r="AU3556" s="137"/>
      <c r="AV3556" s="137"/>
      <c r="AW3556" s="144"/>
    </row>
    <row r="3557" spans="2:49" x14ac:dyDescent="0.2">
      <c r="B3557" s="97"/>
      <c r="J3557" s="98"/>
      <c r="K3557" s="97"/>
      <c r="N3557" s="3"/>
      <c r="W3557" s="98"/>
      <c r="Z3557" s="143"/>
      <c r="AA3557" s="137"/>
      <c r="AB3557" s="137"/>
      <c r="AC3557" s="137"/>
      <c r="AD3557" s="137"/>
      <c r="AE3557" s="137"/>
      <c r="AF3557" s="137"/>
      <c r="AG3557" s="137"/>
      <c r="AH3557" s="137"/>
      <c r="AI3557" s="137"/>
      <c r="AJ3557" s="137"/>
      <c r="AK3557" s="206"/>
      <c r="AL3557" s="206"/>
      <c r="AM3557" s="143"/>
      <c r="AN3557" s="137"/>
      <c r="AO3557" s="137"/>
      <c r="AP3557" s="137"/>
      <c r="AQ3557" s="137"/>
      <c r="AR3557" s="137"/>
      <c r="AS3557" s="137"/>
      <c r="AT3557" s="137"/>
      <c r="AU3557" s="137"/>
      <c r="AV3557" s="137"/>
      <c r="AW3557" s="144"/>
    </row>
    <row r="3558" spans="2:49" x14ac:dyDescent="0.2">
      <c r="B3558" s="97"/>
      <c r="J3558" s="98"/>
      <c r="K3558" s="97"/>
      <c r="N3558" s="3"/>
      <c r="W3558" s="98"/>
      <c r="Z3558" s="143"/>
      <c r="AA3558" s="137"/>
      <c r="AB3558" s="137"/>
      <c r="AC3558" s="137"/>
      <c r="AD3558" s="137"/>
      <c r="AE3558" s="137"/>
      <c r="AF3558" s="137"/>
      <c r="AG3558" s="137"/>
      <c r="AH3558" s="137"/>
      <c r="AI3558" s="137"/>
      <c r="AJ3558" s="137"/>
      <c r="AK3558" s="206"/>
      <c r="AL3558" s="206"/>
      <c r="AM3558" s="143"/>
      <c r="AN3558" s="137"/>
      <c r="AO3558" s="137"/>
      <c r="AP3558" s="137"/>
      <c r="AQ3558" s="137"/>
      <c r="AR3558" s="137"/>
      <c r="AS3558" s="137"/>
      <c r="AT3558" s="137"/>
      <c r="AU3558" s="137"/>
      <c r="AV3558" s="137"/>
      <c r="AW3558" s="144"/>
    </row>
    <row r="3559" spans="2:49" x14ac:dyDescent="0.2">
      <c r="B3559" s="97"/>
      <c r="J3559" s="98"/>
      <c r="K3559" s="97"/>
      <c r="N3559" s="3"/>
      <c r="W3559" s="98"/>
      <c r="Z3559" s="143"/>
      <c r="AA3559" s="137"/>
      <c r="AB3559" s="137"/>
      <c r="AC3559" s="137"/>
      <c r="AD3559" s="137"/>
      <c r="AE3559" s="137"/>
      <c r="AF3559" s="137"/>
      <c r="AG3559" s="137"/>
      <c r="AH3559" s="137"/>
      <c r="AI3559" s="137"/>
      <c r="AJ3559" s="137"/>
      <c r="AK3559" s="206"/>
      <c r="AL3559" s="206"/>
      <c r="AM3559" s="143"/>
      <c r="AN3559" s="137"/>
      <c r="AO3559" s="137"/>
      <c r="AP3559" s="137"/>
      <c r="AQ3559" s="137"/>
      <c r="AR3559" s="137"/>
      <c r="AS3559" s="137"/>
      <c r="AT3559" s="137"/>
      <c r="AU3559" s="137"/>
      <c r="AV3559" s="137"/>
      <c r="AW3559" s="144"/>
    </row>
    <row r="3560" spans="2:49" x14ac:dyDescent="0.2">
      <c r="B3560" s="97"/>
      <c r="J3560" s="98"/>
      <c r="K3560" s="97"/>
      <c r="N3560" s="3"/>
      <c r="W3560" s="98"/>
      <c r="Z3560" s="143"/>
      <c r="AA3560" s="137"/>
      <c r="AB3560" s="137"/>
      <c r="AC3560" s="137"/>
      <c r="AD3560" s="137"/>
      <c r="AE3560" s="137"/>
      <c r="AF3560" s="137"/>
      <c r="AG3560" s="137"/>
      <c r="AH3560" s="137"/>
      <c r="AI3560" s="137"/>
      <c r="AJ3560" s="137"/>
      <c r="AK3560" s="206"/>
      <c r="AL3560" s="206"/>
      <c r="AM3560" s="143"/>
      <c r="AN3560" s="137"/>
      <c r="AO3560" s="137"/>
      <c r="AP3560" s="137"/>
      <c r="AQ3560" s="137"/>
      <c r="AR3560" s="137"/>
      <c r="AS3560" s="137"/>
      <c r="AT3560" s="137"/>
      <c r="AU3560" s="137"/>
      <c r="AV3560" s="137"/>
      <c r="AW3560" s="144"/>
    </row>
    <row r="3561" spans="2:49" x14ac:dyDescent="0.2">
      <c r="B3561" s="97"/>
      <c r="J3561" s="98"/>
      <c r="K3561" s="97"/>
      <c r="N3561" s="3"/>
      <c r="W3561" s="98"/>
      <c r="Z3561" s="143"/>
      <c r="AA3561" s="137"/>
      <c r="AB3561" s="137"/>
      <c r="AC3561" s="137"/>
      <c r="AD3561" s="137"/>
      <c r="AE3561" s="137"/>
      <c r="AF3561" s="137"/>
      <c r="AG3561" s="137"/>
      <c r="AH3561" s="137"/>
      <c r="AI3561" s="137"/>
      <c r="AJ3561" s="137"/>
      <c r="AK3561" s="206"/>
      <c r="AL3561" s="206"/>
      <c r="AM3561" s="143"/>
      <c r="AN3561" s="137"/>
      <c r="AO3561" s="137"/>
      <c r="AP3561" s="137"/>
      <c r="AQ3561" s="137"/>
      <c r="AR3561" s="137"/>
      <c r="AS3561" s="137"/>
      <c r="AT3561" s="137"/>
      <c r="AU3561" s="137"/>
      <c r="AV3561" s="137"/>
      <c r="AW3561" s="144"/>
    </row>
    <row r="3562" spans="2:49" x14ac:dyDescent="0.2">
      <c r="B3562" s="97"/>
      <c r="J3562" s="98"/>
      <c r="K3562" s="97"/>
      <c r="N3562" s="3"/>
      <c r="W3562" s="98"/>
      <c r="Z3562" s="143"/>
      <c r="AA3562" s="137"/>
      <c r="AB3562" s="137"/>
      <c r="AC3562" s="137"/>
      <c r="AD3562" s="137"/>
      <c r="AE3562" s="137"/>
      <c r="AF3562" s="137"/>
      <c r="AG3562" s="137"/>
      <c r="AH3562" s="137"/>
      <c r="AI3562" s="137"/>
      <c r="AJ3562" s="137"/>
      <c r="AK3562" s="206"/>
      <c r="AL3562" s="206"/>
      <c r="AM3562" s="143"/>
      <c r="AN3562" s="137"/>
      <c r="AO3562" s="137"/>
      <c r="AP3562" s="137"/>
      <c r="AQ3562" s="137"/>
      <c r="AR3562" s="137"/>
      <c r="AS3562" s="137"/>
      <c r="AT3562" s="137"/>
      <c r="AU3562" s="137"/>
      <c r="AV3562" s="137"/>
      <c r="AW3562" s="144"/>
    </row>
    <row r="3563" spans="2:49" x14ac:dyDescent="0.2">
      <c r="B3563" s="97"/>
      <c r="J3563" s="98"/>
      <c r="K3563" s="97"/>
      <c r="N3563" s="3"/>
      <c r="W3563" s="98"/>
      <c r="Z3563" s="143"/>
      <c r="AA3563" s="137"/>
      <c r="AB3563" s="137"/>
      <c r="AC3563" s="137"/>
      <c r="AD3563" s="137"/>
      <c r="AE3563" s="137"/>
      <c r="AF3563" s="137"/>
      <c r="AG3563" s="137"/>
      <c r="AH3563" s="137"/>
      <c r="AI3563" s="137"/>
      <c r="AJ3563" s="137"/>
      <c r="AK3563" s="206"/>
      <c r="AL3563" s="206"/>
      <c r="AM3563" s="143"/>
      <c r="AN3563" s="137"/>
      <c r="AO3563" s="137"/>
      <c r="AP3563" s="137"/>
      <c r="AQ3563" s="137"/>
      <c r="AR3563" s="137"/>
      <c r="AS3563" s="137"/>
      <c r="AT3563" s="137"/>
      <c r="AU3563" s="137"/>
      <c r="AV3563" s="137"/>
      <c r="AW3563" s="144"/>
    </row>
    <row r="3564" spans="2:49" x14ac:dyDescent="0.2">
      <c r="B3564" s="97"/>
      <c r="J3564" s="98"/>
      <c r="K3564" s="97"/>
      <c r="N3564" s="3"/>
      <c r="W3564" s="98"/>
      <c r="Z3564" s="143"/>
      <c r="AA3564" s="137"/>
      <c r="AB3564" s="137"/>
      <c r="AC3564" s="137"/>
      <c r="AD3564" s="137"/>
      <c r="AE3564" s="137"/>
      <c r="AF3564" s="137"/>
      <c r="AG3564" s="137"/>
      <c r="AH3564" s="137"/>
      <c r="AI3564" s="137"/>
      <c r="AJ3564" s="137"/>
      <c r="AK3564" s="206"/>
      <c r="AL3564" s="206"/>
      <c r="AM3564" s="143"/>
      <c r="AN3564" s="137"/>
      <c r="AO3564" s="137"/>
      <c r="AP3564" s="137"/>
      <c r="AQ3564" s="137"/>
      <c r="AR3564" s="137"/>
      <c r="AS3564" s="137"/>
      <c r="AT3564" s="137"/>
      <c r="AU3564" s="137"/>
      <c r="AV3564" s="137"/>
      <c r="AW3564" s="144"/>
    </row>
    <row r="3565" spans="2:49" x14ac:dyDescent="0.2">
      <c r="B3565" s="97"/>
      <c r="J3565" s="98"/>
      <c r="K3565" s="97"/>
      <c r="N3565" s="3"/>
      <c r="W3565" s="98"/>
      <c r="Z3565" s="143"/>
      <c r="AA3565" s="137"/>
      <c r="AB3565" s="137"/>
      <c r="AC3565" s="137"/>
      <c r="AD3565" s="137"/>
      <c r="AE3565" s="137"/>
      <c r="AF3565" s="137"/>
      <c r="AG3565" s="137"/>
      <c r="AH3565" s="137"/>
      <c r="AI3565" s="137"/>
      <c r="AJ3565" s="137"/>
      <c r="AK3565" s="206"/>
      <c r="AL3565" s="206"/>
      <c r="AM3565" s="143"/>
      <c r="AN3565" s="137"/>
      <c r="AO3565" s="137"/>
      <c r="AP3565" s="137"/>
      <c r="AQ3565" s="137"/>
      <c r="AR3565" s="137"/>
      <c r="AS3565" s="137"/>
      <c r="AT3565" s="137"/>
      <c r="AU3565" s="137"/>
      <c r="AV3565" s="137"/>
      <c r="AW3565" s="144"/>
    </row>
    <row r="3566" spans="2:49" x14ac:dyDescent="0.2">
      <c r="B3566" s="97"/>
      <c r="J3566" s="98"/>
      <c r="K3566" s="97"/>
      <c r="N3566" s="3"/>
      <c r="W3566" s="98"/>
      <c r="Z3566" s="143"/>
      <c r="AA3566" s="137"/>
      <c r="AB3566" s="137"/>
      <c r="AC3566" s="137"/>
      <c r="AD3566" s="137"/>
      <c r="AE3566" s="137"/>
      <c r="AF3566" s="137"/>
      <c r="AG3566" s="137"/>
      <c r="AH3566" s="137"/>
      <c r="AI3566" s="137"/>
      <c r="AJ3566" s="137"/>
      <c r="AK3566" s="206"/>
      <c r="AL3566" s="206"/>
      <c r="AM3566" s="143"/>
      <c r="AN3566" s="137"/>
      <c r="AO3566" s="137"/>
      <c r="AP3566" s="137"/>
      <c r="AQ3566" s="137"/>
      <c r="AR3566" s="137"/>
      <c r="AS3566" s="137"/>
      <c r="AT3566" s="137"/>
      <c r="AU3566" s="137"/>
      <c r="AV3566" s="137"/>
      <c r="AW3566" s="144"/>
    </row>
    <row r="3567" spans="2:49" x14ac:dyDescent="0.2">
      <c r="B3567" s="97"/>
      <c r="J3567" s="98"/>
      <c r="K3567" s="97"/>
      <c r="N3567" s="3"/>
      <c r="W3567" s="98"/>
      <c r="Z3567" s="143"/>
      <c r="AA3567" s="137"/>
      <c r="AB3567" s="137"/>
      <c r="AC3567" s="137"/>
      <c r="AD3567" s="137"/>
      <c r="AE3567" s="137"/>
      <c r="AF3567" s="137"/>
      <c r="AG3567" s="137"/>
      <c r="AH3567" s="137"/>
      <c r="AI3567" s="137"/>
      <c r="AJ3567" s="137"/>
      <c r="AK3567" s="206"/>
      <c r="AL3567" s="206"/>
      <c r="AM3567" s="143"/>
      <c r="AN3567" s="137"/>
      <c r="AO3567" s="137"/>
      <c r="AP3567" s="137"/>
      <c r="AQ3567" s="137"/>
      <c r="AR3567" s="137"/>
      <c r="AS3567" s="137"/>
      <c r="AT3567" s="137"/>
      <c r="AU3567" s="137"/>
      <c r="AV3567" s="137"/>
      <c r="AW3567" s="144"/>
    </row>
    <row r="3568" spans="2:49" x14ac:dyDescent="0.2">
      <c r="B3568" s="97"/>
      <c r="J3568" s="98"/>
      <c r="K3568" s="97"/>
      <c r="N3568" s="3"/>
      <c r="W3568" s="98"/>
      <c r="Z3568" s="143"/>
      <c r="AA3568" s="137"/>
      <c r="AB3568" s="137"/>
      <c r="AC3568" s="137"/>
      <c r="AD3568" s="137"/>
      <c r="AE3568" s="137"/>
      <c r="AF3568" s="137"/>
      <c r="AG3568" s="137"/>
      <c r="AH3568" s="137"/>
      <c r="AI3568" s="137"/>
      <c r="AJ3568" s="137"/>
      <c r="AK3568" s="206"/>
      <c r="AL3568" s="206"/>
      <c r="AM3568" s="143"/>
      <c r="AN3568" s="137"/>
      <c r="AO3568" s="137"/>
      <c r="AP3568" s="137"/>
      <c r="AQ3568" s="137"/>
      <c r="AR3568" s="137"/>
      <c r="AS3568" s="137"/>
      <c r="AT3568" s="137"/>
      <c r="AU3568" s="137"/>
      <c r="AV3568" s="137"/>
      <c r="AW3568" s="144"/>
    </row>
    <row r="3569" spans="2:49" x14ac:dyDescent="0.2">
      <c r="B3569" s="97"/>
      <c r="J3569" s="98"/>
      <c r="K3569" s="97"/>
      <c r="N3569" s="3"/>
      <c r="W3569" s="98"/>
      <c r="Z3569" s="143"/>
      <c r="AA3569" s="137"/>
      <c r="AB3569" s="137"/>
      <c r="AC3569" s="137"/>
      <c r="AD3569" s="137"/>
      <c r="AE3569" s="137"/>
      <c r="AF3569" s="137"/>
      <c r="AG3569" s="137"/>
      <c r="AH3569" s="137"/>
      <c r="AI3569" s="137"/>
      <c r="AJ3569" s="137"/>
      <c r="AK3569" s="206"/>
      <c r="AL3569" s="206"/>
      <c r="AM3569" s="143"/>
      <c r="AN3569" s="137"/>
      <c r="AO3569" s="137"/>
      <c r="AP3569" s="137"/>
      <c r="AQ3569" s="137"/>
      <c r="AR3569" s="137"/>
      <c r="AS3569" s="137"/>
      <c r="AT3569" s="137"/>
      <c r="AU3569" s="137"/>
      <c r="AV3569" s="137"/>
      <c r="AW3569" s="144"/>
    </row>
    <row r="3570" spans="2:49" x14ac:dyDescent="0.2">
      <c r="B3570" s="97"/>
      <c r="J3570" s="98"/>
      <c r="K3570" s="97"/>
      <c r="N3570" s="3"/>
      <c r="W3570" s="98"/>
      <c r="Z3570" s="143"/>
      <c r="AA3570" s="137"/>
      <c r="AB3570" s="137"/>
      <c r="AC3570" s="137"/>
      <c r="AD3570" s="137"/>
      <c r="AE3570" s="137"/>
      <c r="AF3570" s="137"/>
      <c r="AG3570" s="137"/>
      <c r="AH3570" s="137"/>
      <c r="AI3570" s="137"/>
      <c r="AJ3570" s="137"/>
      <c r="AK3570" s="206"/>
      <c r="AL3570" s="206"/>
      <c r="AM3570" s="143"/>
      <c r="AN3570" s="137"/>
      <c r="AO3570" s="137"/>
      <c r="AP3570" s="137"/>
      <c r="AQ3570" s="137"/>
      <c r="AR3570" s="137"/>
      <c r="AS3570" s="137"/>
      <c r="AT3570" s="137"/>
      <c r="AU3570" s="137"/>
      <c r="AV3570" s="137"/>
      <c r="AW3570" s="144"/>
    </row>
    <row r="3571" spans="2:49" x14ac:dyDescent="0.2">
      <c r="B3571" s="97"/>
      <c r="J3571" s="98"/>
      <c r="K3571" s="97"/>
      <c r="N3571" s="3"/>
      <c r="W3571" s="98"/>
      <c r="Z3571" s="143"/>
      <c r="AA3571" s="137"/>
      <c r="AB3571" s="137"/>
      <c r="AC3571" s="137"/>
      <c r="AD3571" s="137"/>
      <c r="AE3571" s="137"/>
      <c r="AF3571" s="137"/>
      <c r="AG3571" s="137"/>
      <c r="AH3571" s="137"/>
      <c r="AI3571" s="137"/>
      <c r="AJ3571" s="137"/>
      <c r="AK3571" s="206"/>
      <c r="AL3571" s="206"/>
      <c r="AM3571" s="143"/>
      <c r="AN3571" s="137"/>
      <c r="AO3571" s="137"/>
      <c r="AP3571" s="137"/>
      <c r="AQ3571" s="137"/>
      <c r="AR3571" s="137"/>
      <c r="AS3571" s="137"/>
      <c r="AT3571" s="137"/>
      <c r="AU3571" s="137"/>
      <c r="AV3571" s="137"/>
      <c r="AW3571" s="144"/>
    </row>
    <row r="3572" spans="2:49" x14ac:dyDescent="0.2">
      <c r="B3572" s="97"/>
      <c r="J3572" s="98"/>
      <c r="K3572" s="97"/>
      <c r="N3572" s="3"/>
      <c r="W3572" s="98"/>
      <c r="Z3572" s="143"/>
      <c r="AA3572" s="137"/>
      <c r="AB3572" s="137"/>
      <c r="AC3572" s="137"/>
      <c r="AD3572" s="137"/>
      <c r="AE3572" s="137"/>
      <c r="AF3572" s="137"/>
      <c r="AG3572" s="137"/>
      <c r="AH3572" s="137"/>
      <c r="AI3572" s="137"/>
      <c r="AJ3572" s="137"/>
      <c r="AK3572" s="206"/>
      <c r="AL3572" s="206"/>
      <c r="AM3572" s="143"/>
      <c r="AN3572" s="137"/>
      <c r="AO3572" s="137"/>
      <c r="AP3572" s="137"/>
      <c r="AQ3572" s="137"/>
      <c r="AR3572" s="137"/>
      <c r="AS3572" s="137"/>
      <c r="AT3572" s="137"/>
      <c r="AU3572" s="137"/>
      <c r="AV3572" s="137"/>
      <c r="AW3572" s="144"/>
    </row>
    <row r="3573" spans="2:49" x14ac:dyDescent="0.2">
      <c r="B3573" s="97"/>
      <c r="J3573" s="98"/>
      <c r="K3573" s="97"/>
      <c r="N3573" s="3"/>
      <c r="W3573" s="98"/>
      <c r="Z3573" s="143"/>
      <c r="AA3573" s="137"/>
      <c r="AB3573" s="137"/>
      <c r="AC3573" s="137"/>
      <c r="AD3573" s="137"/>
      <c r="AE3573" s="137"/>
      <c r="AF3573" s="137"/>
      <c r="AG3573" s="137"/>
      <c r="AH3573" s="137"/>
      <c r="AI3573" s="137"/>
      <c r="AJ3573" s="137"/>
      <c r="AK3573" s="206"/>
      <c r="AL3573" s="206"/>
      <c r="AM3573" s="143"/>
      <c r="AN3573" s="137"/>
      <c r="AO3573" s="137"/>
      <c r="AP3573" s="137"/>
      <c r="AQ3573" s="137"/>
      <c r="AR3573" s="137"/>
      <c r="AS3573" s="137"/>
      <c r="AT3573" s="137"/>
      <c r="AU3573" s="137"/>
      <c r="AV3573" s="137"/>
      <c r="AW3573" s="144"/>
    </row>
    <row r="3574" spans="2:49" x14ac:dyDescent="0.2">
      <c r="B3574" s="97"/>
      <c r="J3574" s="98"/>
      <c r="K3574" s="97"/>
      <c r="N3574" s="3"/>
      <c r="W3574" s="98"/>
      <c r="Z3574" s="143"/>
      <c r="AA3574" s="137"/>
      <c r="AB3574" s="137"/>
      <c r="AC3574" s="137"/>
      <c r="AD3574" s="137"/>
      <c r="AE3574" s="137"/>
      <c r="AF3574" s="137"/>
      <c r="AG3574" s="137"/>
      <c r="AH3574" s="137"/>
      <c r="AI3574" s="137"/>
      <c r="AJ3574" s="137"/>
      <c r="AK3574" s="206"/>
      <c r="AL3574" s="206"/>
      <c r="AM3574" s="143"/>
      <c r="AN3574" s="137"/>
      <c r="AO3574" s="137"/>
      <c r="AP3574" s="137"/>
      <c r="AQ3574" s="137"/>
      <c r="AR3574" s="137"/>
      <c r="AS3574" s="137"/>
      <c r="AT3574" s="137"/>
      <c r="AU3574" s="137"/>
      <c r="AV3574" s="137"/>
      <c r="AW3574" s="144"/>
    </row>
    <row r="3575" spans="2:49" x14ac:dyDescent="0.2">
      <c r="B3575" s="97"/>
      <c r="J3575" s="98"/>
      <c r="K3575" s="97"/>
      <c r="N3575" s="3"/>
      <c r="W3575" s="98"/>
      <c r="Z3575" s="143"/>
      <c r="AA3575" s="137"/>
      <c r="AB3575" s="137"/>
      <c r="AC3575" s="137"/>
      <c r="AD3575" s="137"/>
      <c r="AE3575" s="137"/>
      <c r="AF3575" s="137"/>
      <c r="AG3575" s="137"/>
      <c r="AH3575" s="137"/>
      <c r="AI3575" s="137"/>
      <c r="AJ3575" s="137"/>
      <c r="AK3575" s="206"/>
      <c r="AL3575" s="206"/>
      <c r="AM3575" s="143"/>
      <c r="AN3575" s="137"/>
      <c r="AO3575" s="137"/>
      <c r="AP3575" s="137"/>
      <c r="AQ3575" s="137"/>
      <c r="AR3575" s="137"/>
      <c r="AS3575" s="137"/>
      <c r="AT3575" s="137"/>
      <c r="AU3575" s="137"/>
      <c r="AV3575" s="137"/>
      <c r="AW3575" s="144"/>
    </row>
    <row r="3576" spans="2:49" x14ac:dyDescent="0.2">
      <c r="B3576" s="97"/>
      <c r="J3576" s="98"/>
      <c r="K3576" s="97"/>
      <c r="N3576" s="3"/>
      <c r="W3576" s="98"/>
      <c r="Z3576" s="143"/>
      <c r="AA3576" s="137"/>
      <c r="AB3576" s="137"/>
      <c r="AC3576" s="137"/>
      <c r="AD3576" s="137"/>
      <c r="AE3576" s="137"/>
      <c r="AF3576" s="137"/>
      <c r="AG3576" s="137"/>
      <c r="AH3576" s="137"/>
      <c r="AI3576" s="137"/>
      <c r="AJ3576" s="137"/>
      <c r="AK3576" s="206"/>
      <c r="AL3576" s="206"/>
      <c r="AM3576" s="143"/>
      <c r="AN3576" s="137"/>
      <c r="AO3576" s="137"/>
      <c r="AP3576" s="137"/>
      <c r="AQ3576" s="137"/>
      <c r="AR3576" s="137"/>
      <c r="AS3576" s="137"/>
      <c r="AT3576" s="137"/>
      <c r="AU3576" s="137"/>
      <c r="AV3576" s="137"/>
      <c r="AW3576" s="144"/>
    </row>
    <row r="3577" spans="2:49" x14ac:dyDescent="0.2">
      <c r="B3577" s="97"/>
      <c r="J3577" s="98"/>
      <c r="K3577" s="97"/>
      <c r="N3577" s="3"/>
      <c r="W3577" s="98"/>
      <c r="Z3577" s="143"/>
      <c r="AA3577" s="137"/>
      <c r="AB3577" s="137"/>
      <c r="AC3577" s="137"/>
      <c r="AD3577" s="137"/>
      <c r="AE3577" s="137"/>
      <c r="AF3577" s="137"/>
      <c r="AG3577" s="137"/>
      <c r="AH3577" s="137"/>
      <c r="AI3577" s="137"/>
      <c r="AJ3577" s="137"/>
      <c r="AK3577" s="206"/>
      <c r="AL3577" s="206"/>
      <c r="AM3577" s="143"/>
      <c r="AN3577" s="137"/>
      <c r="AO3577" s="137"/>
      <c r="AP3577" s="137"/>
      <c r="AQ3577" s="137"/>
      <c r="AR3577" s="137"/>
      <c r="AS3577" s="137"/>
      <c r="AT3577" s="137"/>
      <c r="AU3577" s="137"/>
      <c r="AV3577" s="137"/>
      <c r="AW3577" s="144"/>
    </row>
    <row r="3578" spans="2:49" x14ac:dyDescent="0.2">
      <c r="B3578" s="97"/>
      <c r="J3578" s="98"/>
      <c r="K3578" s="97"/>
      <c r="N3578" s="3"/>
      <c r="W3578" s="98"/>
      <c r="Z3578" s="143"/>
      <c r="AA3578" s="137"/>
      <c r="AB3578" s="137"/>
      <c r="AC3578" s="137"/>
      <c r="AD3578" s="137"/>
      <c r="AE3578" s="137"/>
      <c r="AF3578" s="137"/>
      <c r="AG3578" s="137"/>
      <c r="AH3578" s="137"/>
      <c r="AI3578" s="137"/>
      <c r="AJ3578" s="137"/>
      <c r="AK3578" s="206"/>
      <c r="AL3578" s="206"/>
      <c r="AM3578" s="143"/>
      <c r="AN3578" s="137"/>
      <c r="AO3578" s="137"/>
      <c r="AP3578" s="137"/>
      <c r="AQ3578" s="137"/>
      <c r="AR3578" s="137"/>
      <c r="AS3578" s="137"/>
      <c r="AT3578" s="137"/>
      <c r="AU3578" s="137"/>
      <c r="AV3578" s="137"/>
      <c r="AW3578" s="144"/>
    </row>
    <row r="3579" spans="2:49" x14ac:dyDescent="0.2">
      <c r="B3579" s="97"/>
      <c r="J3579" s="98"/>
      <c r="K3579" s="97"/>
      <c r="N3579" s="3"/>
      <c r="W3579" s="98"/>
      <c r="Z3579" s="143"/>
      <c r="AA3579" s="137"/>
      <c r="AB3579" s="137"/>
      <c r="AC3579" s="137"/>
      <c r="AD3579" s="137"/>
      <c r="AE3579" s="137"/>
      <c r="AF3579" s="137"/>
      <c r="AG3579" s="137"/>
      <c r="AH3579" s="137"/>
      <c r="AI3579" s="137"/>
      <c r="AJ3579" s="137"/>
      <c r="AK3579" s="206"/>
      <c r="AL3579" s="206"/>
      <c r="AM3579" s="143"/>
      <c r="AN3579" s="137"/>
      <c r="AO3579" s="137"/>
      <c r="AP3579" s="137"/>
      <c r="AQ3579" s="137"/>
      <c r="AR3579" s="137"/>
      <c r="AS3579" s="137"/>
      <c r="AT3579" s="137"/>
      <c r="AU3579" s="137"/>
      <c r="AV3579" s="137"/>
      <c r="AW3579" s="144"/>
    </row>
    <row r="3580" spans="2:49" x14ac:dyDescent="0.2">
      <c r="B3580" s="97"/>
      <c r="J3580" s="98"/>
      <c r="K3580" s="97"/>
      <c r="N3580" s="3"/>
      <c r="W3580" s="98"/>
      <c r="Z3580" s="143"/>
      <c r="AA3580" s="137"/>
      <c r="AB3580" s="137"/>
      <c r="AC3580" s="137"/>
      <c r="AD3580" s="137"/>
      <c r="AE3580" s="137"/>
      <c r="AF3580" s="137"/>
      <c r="AG3580" s="137"/>
      <c r="AH3580" s="137"/>
      <c r="AI3580" s="137"/>
      <c r="AJ3580" s="137"/>
      <c r="AK3580" s="206"/>
      <c r="AL3580" s="206"/>
      <c r="AM3580" s="143"/>
      <c r="AN3580" s="137"/>
      <c r="AO3580" s="137"/>
      <c r="AP3580" s="137"/>
      <c r="AQ3580" s="137"/>
      <c r="AR3580" s="137"/>
      <c r="AS3580" s="137"/>
      <c r="AT3580" s="137"/>
      <c r="AU3580" s="137"/>
      <c r="AV3580" s="137"/>
      <c r="AW3580" s="144"/>
    </row>
    <row r="3581" spans="2:49" x14ac:dyDescent="0.2">
      <c r="B3581" s="97"/>
      <c r="J3581" s="98"/>
      <c r="K3581" s="97"/>
      <c r="N3581" s="3"/>
      <c r="W3581" s="98"/>
      <c r="Z3581" s="143"/>
      <c r="AA3581" s="137"/>
      <c r="AB3581" s="137"/>
      <c r="AC3581" s="137"/>
      <c r="AD3581" s="137"/>
      <c r="AE3581" s="137"/>
      <c r="AF3581" s="137"/>
      <c r="AG3581" s="137"/>
      <c r="AH3581" s="137"/>
      <c r="AI3581" s="137"/>
      <c r="AJ3581" s="137"/>
      <c r="AK3581" s="206"/>
      <c r="AL3581" s="206"/>
      <c r="AM3581" s="143"/>
      <c r="AN3581" s="137"/>
      <c r="AO3581" s="137"/>
      <c r="AP3581" s="137"/>
      <c r="AQ3581" s="137"/>
      <c r="AR3581" s="137"/>
      <c r="AS3581" s="137"/>
      <c r="AT3581" s="137"/>
      <c r="AU3581" s="137"/>
      <c r="AV3581" s="137"/>
      <c r="AW3581" s="144"/>
    </row>
    <row r="3582" spans="2:49" x14ac:dyDescent="0.2">
      <c r="B3582" s="97"/>
      <c r="J3582" s="98"/>
      <c r="K3582" s="97"/>
      <c r="N3582" s="3"/>
      <c r="W3582" s="98"/>
      <c r="Z3582" s="143"/>
      <c r="AA3582" s="137"/>
      <c r="AB3582" s="137"/>
      <c r="AC3582" s="137"/>
      <c r="AD3582" s="137"/>
      <c r="AE3582" s="137"/>
      <c r="AF3582" s="137"/>
      <c r="AG3582" s="137"/>
      <c r="AH3582" s="137"/>
      <c r="AI3582" s="137"/>
      <c r="AJ3582" s="137"/>
      <c r="AK3582" s="206"/>
      <c r="AL3582" s="206"/>
      <c r="AM3582" s="143"/>
      <c r="AN3582" s="137"/>
      <c r="AO3582" s="137"/>
      <c r="AP3582" s="137"/>
      <c r="AQ3582" s="137"/>
      <c r="AR3582" s="137"/>
      <c r="AS3582" s="137"/>
      <c r="AT3582" s="137"/>
      <c r="AU3582" s="137"/>
      <c r="AV3582" s="137"/>
      <c r="AW3582" s="144"/>
    </row>
    <row r="3583" spans="2:49" x14ac:dyDescent="0.2">
      <c r="B3583" s="97"/>
      <c r="J3583" s="98"/>
      <c r="K3583" s="97"/>
      <c r="N3583" s="3"/>
      <c r="W3583" s="98"/>
      <c r="Z3583" s="143"/>
      <c r="AA3583" s="137"/>
      <c r="AB3583" s="137"/>
      <c r="AC3583" s="137"/>
      <c r="AD3583" s="137"/>
      <c r="AE3583" s="137"/>
      <c r="AF3583" s="137"/>
      <c r="AG3583" s="137"/>
      <c r="AH3583" s="137"/>
      <c r="AI3583" s="137"/>
      <c r="AJ3583" s="137"/>
      <c r="AK3583" s="206"/>
      <c r="AL3583" s="206"/>
      <c r="AM3583" s="143"/>
      <c r="AN3583" s="137"/>
      <c r="AO3583" s="137"/>
      <c r="AP3583" s="137"/>
      <c r="AQ3583" s="137"/>
      <c r="AR3583" s="137"/>
      <c r="AS3583" s="137"/>
      <c r="AT3583" s="137"/>
      <c r="AU3583" s="137"/>
      <c r="AV3583" s="137"/>
      <c r="AW3583" s="144"/>
    </row>
    <row r="3584" spans="2:49" x14ac:dyDescent="0.2">
      <c r="B3584" s="97"/>
      <c r="J3584" s="98"/>
      <c r="K3584" s="97"/>
      <c r="N3584" s="3"/>
      <c r="W3584" s="98"/>
      <c r="Z3584" s="143"/>
      <c r="AA3584" s="137"/>
      <c r="AB3584" s="137"/>
      <c r="AC3584" s="137"/>
      <c r="AD3584" s="137"/>
      <c r="AE3584" s="137"/>
      <c r="AF3584" s="137"/>
      <c r="AG3584" s="137"/>
      <c r="AH3584" s="137"/>
      <c r="AI3584" s="137"/>
      <c r="AJ3584" s="137"/>
      <c r="AK3584" s="206"/>
      <c r="AL3584" s="206"/>
      <c r="AM3584" s="143"/>
      <c r="AN3584" s="137"/>
      <c r="AO3584" s="137"/>
      <c r="AP3584" s="137"/>
      <c r="AQ3584" s="137"/>
      <c r="AR3584" s="137"/>
      <c r="AS3584" s="137"/>
      <c r="AT3584" s="137"/>
      <c r="AU3584" s="137"/>
      <c r="AV3584" s="137"/>
      <c r="AW3584" s="144"/>
    </row>
    <row r="3585" spans="2:49" x14ac:dyDescent="0.2">
      <c r="B3585" s="97"/>
      <c r="J3585" s="98"/>
      <c r="K3585" s="97"/>
      <c r="N3585" s="3"/>
      <c r="W3585" s="98"/>
      <c r="Z3585" s="143"/>
      <c r="AA3585" s="137"/>
      <c r="AB3585" s="137"/>
      <c r="AC3585" s="137"/>
      <c r="AD3585" s="137"/>
      <c r="AE3585" s="137"/>
      <c r="AF3585" s="137"/>
      <c r="AG3585" s="137"/>
      <c r="AH3585" s="137"/>
      <c r="AI3585" s="137"/>
      <c r="AJ3585" s="137"/>
      <c r="AK3585" s="206"/>
      <c r="AL3585" s="206"/>
      <c r="AM3585" s="143"/>
      <c r="AN3585" s="137"/>
      <c r="AO3585" s="137"/>
      <c r="AP3585" s="137"/>
      <c r="AQ3585" s="137"/>
      <c r="AR3585" s="137"/>
      <c r="AS3585" s="137"/>
      <c r="AT3585" s="137"/>
      <c r="AU3585" s="137"/>
      <c r="AV3585" s="137"/>
      <c r="AW3585" s="144"/>
    </row>
    <row r="3586" spans="2:49" x14ac:dyDescent="0.2">
      <c r="B3586" s="97"/>
      <c r="J3586" s="98"/>
      <c r="K3586" s="97"/>
      <c r="N3586" s="3"/>
      <c r="W3586" s="98"/>
      <c r="Z3586" s="143"/>
      <c r="AA3586" s="137"/>
      <c r="AB3586" s="137"/>
      <c r="AC3586" s="137"/>
      <c r="AD3586" s="137"/>
      <c r="AE3586" s="137"/>
      <c r="AF3586" s="137"/>
      <c r="AG3586" s="137"/>
      <c r="AH3586" s="137"/>
      <c r="AI3586" s="137"/>
      <c r="AJ3586" s="137"/>
      <c r="AK3586" s="206"/>
      <c r="AL3586" s="206"/>
      <c r="AM3586" s="143"/>
      <c r="AN3586" s="137"/>
      <c r="AO3586" s="137"/>
      <c r="AP3586" s="137"/>
      <c r="AQ3586" s="137"/>
      <c r="AR3586" s="137"/>
      <c r="AS3586" s="137"/>
      <c r="AT3586" s="137"/>
      <c r="AU3586" s="137"/>
      <c r="AV3586" s="137"/>
      <c r="AW3586" s="144"/>
    </row>
    <row r="3587" spans="2:49" x14ac:dyDescent="0.2">
      <c r="B3587" s="97"/>
      <c r="J3587" s="98"/>
      <c r="K3587" s="97"/>
      <c r="N3587" s="3"/>
      <c r="W3587" s="98"/>
      <c r="Z3587" s="143"/>
      <c r="AA3587" s="137"/>
      <c r="AB3587" s="137"/>
      <c r="AC3587" s="137"/>
      <c r="AD3587" s="137"/>
      <c r="AE3587" s="137"/>
      <c r="AF3587" s="137"/>
      <c r="AG3587" s="137"/>
      <c r="AH3587" s="137"/>
      <c r="AI3587" s="137"/>
      <c r="AJ3587" s="137"/>
      <c r="AK3587" s="206"/>
      <c r="AL3587" s="206"/>
      <c r="AM3587" s="143"/>
      <c r="AN3587" s="137"/>
      <c r="AO3587" s="137"/>
      <c r="AP3587" s="137"/>
      <c r="AQ3587" s="137"/>
      <c r="AR3587" s="137"/>
      <c r="AS3587" s="137"/>
      <c r="AT3587" s="137"/>
      <c r="AU3587" s="137"/>
      <c r="AV3587" s="137"/>
      <c r="AW3587" s="144"/>
    </row>
    <row r="3588" spans="2:49" x14ac:dyDescent="0.2">
      <c r="B3588" s="97"/>
      <c r="J3588" s="98"/>
      <c r="K3588" s="97"/>
      <c r="N3588" s="3"/>
      <c r="W3588" s="98"/>
      <c r="Z3588" s="143"/>
      <c r="AA3588" s="137"/>
      <c r="AB3588" s="137"/>
      <c r="AC3588" s="137"/>
      <c r="AD3588" s="137"/>
      <c r="AE3588" s="137"/>
      <c r="AF3588" s="137"/>
      <c r="AG3588" s="137"/>
      <c r="AH3588" s="137"/>
      <c r="AI3588" s="137"/>
      <c r="AJ3588" s="137"/>
      <c r="AK3588" s="206"/>
      <c r="AL3588" s="206"/>
      <c r="AM3588" s="143"/>
      <c r="AN3588" s="137"/>
      <c r="AO3588" s="137"/>
      <c r="AP3588" s="137"/>
      <c r="AQ3588" s="137"/>
      <c r="AR3588" s="137"/>
      <c r="AS3588" s="137"/>
      <c r="AT3588" s="137"/>
      <c r="AU3588" s="137"/>
      <c r="AV3588" s="137"/>
      <c r="AW3588" s="144"/>
    </row>
    <row r="3589" spans="2:49" x14ac:dyDescent="0.2">
      <c r="B3589" s="97"/>
      <c r="J3589" s="98"/>
      <c r="K3589" s="97"/>
      <c r="N3589" s="3"/>
      <c r="W3589" s="98"/>
      <c r="Z3589" s="143"/>
      <c r="AA3589" s="137"/>
      <c r="AB3589" s="137"/>
      <c r="AC3589" s="137"/>
      <c r="AD3589" s="137"/>
      <c r="AE3589" s="137"/>
      <c r="AF3589" s="137"/>
      <c r="AG3589" s="137"/>
      <c r="AH3589" s="137"/>
      <c r="AI3589" s="137"/>
      <c r="AJ3589" s="137"/>
      <c r="AK3589" s="206"/>
      <c r="AL3589" s="206"/>
      <c r="AM3589" s="143"/>
      <c r="AN3589" s="137"/>
      <c r="AO3589" s="137"/>
      <c r="AP3589" s="137"/>
      <c r="AQ3589" s="137"/>
      <c r="AR3589" s="137"/>
      <c r="AS3589" s="137"/>
      <c r="AT3589" s="137"/>
      <c r="AU3589" s="137"/>
      <c r="AV3589" s="137"/>
      <c r="AW3589" s="144"/>
    </row>
    <row r="3590" spans="2:49" x14ac:dyDescent="0.2">
      <c r="B3590" s="97"/>
      <c r="J3590" s="98"/>
      <c r="K3590" s="97"/>
      <c r="N3590" s="3"/>
      <c r="W3590" s="98"/>
      <c r="Z3590" s="143"/>
      <c r="AA3590" s="137"/>
      <c r="AB3590" s="137"/>
      <c r="AC3590" s="137"/>
      <c r="AD3590" s="137"/>
      <c r="AE3590" s="137"/>
      <c r="AF3590" s="137"/>
      <c r="AG3590" s="137"/>
      <c r="AH3590" s="137"/>
      <c r="AI3590" s="137"/>
      <c r="AJ3590" s="137"/>
      <c r="AK3590" s="206"/>
      <c r="AL3590" s="206"/>
      <c r="AM3590" s="143"/>
      <c r="AN3590" s="137"/>
      <c r="AO3590" s="137"/>
      <c r="AP3590" s="137"/>
      <c r="AQ3590" s="137"/>
      <c r="AR3590" s="137"/>
      <c r="AS3590" s="137"/>
      <c r="AT3590" s="137"/>
      <c r="AU3590" s="137"/>
      <c r="AV3590" s="137"/>
      <c r="AW3590" s="144"/>
    </row>
    <row r="3591" spans="2:49" x14ac:dyDescent="0.2">
      <c r="B3591" s="97"/>
      <c r="J3591" s="98"/>
      <c r="K3591" s="97"/>
      <c r="N3591" s="3"/>
      <c r="W3591" s="98"/>
      <c r="Z3591" s="143"/>
      <c r="AA3591" s="137"/>
      <c r="AB3591" s="137"/>
      <c r="AC3591" s="137"/>
      <c r="AD3591" s="137"/>
      <c r="AE3591" s="137"/>
      <c r="AF3591" s="137"/>
      <c r="AG3591" s="137"/>
      <c r="AH3591" s="137"/>
      <c r="AI3591" s="137"/>
      <c r="AJ3591" s="137"/>
      <c r="AK3591" s="206"/>
      <c r="AL3591" s="206"/>
      <c r="AM3591" s="143"/>
      <c r="AN3591" s="137"/>
      <c r="AO3591" s="137"/>
      <c r="AP3591" s="137"/>
      <c r="AQ3591" s="137"/>
      <c r="AR3591" s="137"/>
      <c r="AS3591" s="137"/>
      <c r="AT3591" s="137"/>
      <c r="AU3591" s="137"/>
      <c r="AV3591" s="137"/>
      <c r="AW3591" s="144"/>
    </row>
    <row r="3592" spans="2:49" x14ac:dyDescent="0.2">
      <c r="B3592" s="97"/>
      <c r="J3592" s="98"/>
      <c r="K3592" s="97"/>
      <c r="N3592" s="3"/>
      <c r="W3592" s="98"/>
      <c r="Z3592" s="143"/>
      <c r="AA3592" s="137"/>
      <c r="AB3592" s="137"/>
      <c r="AC3592" s="137"/>
      <c r="AD3592" s="137"/>
      <c r="AE3592" s="137"/>
      <c r="AF3592" s="137"/>
      <c r="AG3592" s="137"/>
      <c r="AH3592" s="137"/>
      <c r="AI3592" s="137"/>
      <c r="AJ3592" s="137"/>
      <c r="AK3592" s="206"/>
      <c r="AL3592" s="206"/>
      <c r="AM3592" s="143"/>
      <c r="AN3592" s="137"/>
      <c r="AO3592" s="137"/>
      <c r="AP3592" s="137"/>
      <c r="AQ3592" s="137"/>
      <c r="AR3592" s="137"/>
      <c r="AS3592" s="137"/>
      <c r="AT3592" s="137"/>
      <c r="AU3592" s="137"/>
      <c r="AV3592" s="137"/>
      <c r="AW3592" s="144"/>
    </row>
    <row r="3593" spans="2:49" x14ac:dyDescent="0.2">
      <c r="B3593" s="97"/>
      <c r="J3593" s="98"/>
      <c r="K3593" s="97"/>
      <c r="N3593" s="3"/>
      <c r="W3593" s="98"/>
      <c r="Z3593" s="143"/>
      <c r="AA3593" s="137"/>
      <c r="AB3593" s="137"/>
      <c r="AC3593" s="137"/>
      <c r="AD3593" s="137"/>
      <c r="AE3593" s="137"/>
      <c r="AF3593" s="137"/>
      <c r="AG3593" s="137"/>
      <c r="AH3593" s="137"/>
      <c r="AI3593" s="137"/>
      <c r="AJ3593" s="137"/>
      <c r="AK3593" s="206"/>
      <c r="AL3593" s="206"/>
      <c r="AM3593" s="143"/>
      <c r="AN3593" s="137"/>
      <c r="AO3593" s="137"/>
      <c r="AP3593" s="137"/>
      <c r="AQ3593" s="137"/>
      <c r="AR3593" s="137"/>
      <c r="AS3593" s="137"/>
      <c r="AT3593" s="137"/>
      <c r="AU3593" s="137"/>
      <c r="AV3593" s="137"/>
      <c r="AW3593" s="144"/>
    </row>
    <row r="3594" spans="2:49" x14ac:dyDescent="0.2">
      <c r="B3594" s="97"/>
      <c r="J3594" s="98"/>
      <c r="K3594" s="97"/>
      <c r="N3594" s="3"/>
      <c r="W3594" s="98"/>
      <c r="Z3594" s="143"/>
      <c r="AA3594" s="137"/>
      <c r="AB3594" s="137"/>
      <c r="AC3594" s="137"/>
      <c r="AD3594" s="137"/>
      <c r="AE3594" s="137"/>
      <c r="AF3594" s="137"/>
      <c r="AG3594" s="137"/>
      <c r="AH3594" s="137"/>
      <c r="AI3594" s="137"/>
      <c r="AJ3594" s="137"/>
      <c r="AK3594" s="206"/>
      <c r="AL3594" s="206"/>
      <c r="AM3594" s="143"/>
      <c r="AN3594" s="137"/>
      <c r="AO3594" s="137"/>
      <c r="AP3594" s="137"/>
      <c r="AQ3594" s="137"/>
      <c r="AR3594" s="137"/>
      <c r="AS3594" s="137"/>
      <c r="AT3594" s="137"/>
      <c r="AU3594" s="137"/>
      <c r="AV3594" s="137"/>
      <c r="AW3594" s="144"/>
    </row>
    <row r="3595" spans="2:49" x14ac:dyDescent="0.2">
      <c r="B3595" s="97"/>
      <c r="J3595" s="98"/>
      <c r="K3595" s="97"/>
      <c r="N3595" s="3"/>
      <c r="W3595" s="98"/>
      <c r="Z3595" s="143"/>
      <c r="AA3595" s="137"/>
      <c r="AB3595" s="137"/>
      <c r="AC3595" s="137"/>
      <c r="AD3595" s="137"/>
      <c r="AE3595" s="137"/>
      <c r="AF3595" s="137"/>
      <c r="AG3595" s="137"/>
      <c r="AH3595" s="137"/>
      <c r="AI3595" s="137"/>
      <c r="AJ3595" s="137"/>
      <c r="AK3595" s="206"/>
      <c r="AL3595" s="206"/>
      <c r="AM3595" s="143"/>
      <c r="AN3595" s="137"/>
      <c r="AO3595" s="137"/>
      <c r="AP3595" s="137"/>
      <c r="AQ3595" s="137"/>
      <c r="AR3595" s="137"/>
      <c r="AS3595" s="137"/>
      <c r="AT3595" s="137"/>
      <c r="AU3595" s="137"/>
      <c r="AV3595" s="137"/>
      <c r="AW3595" s="144"/>
    </row>
    <row r="3596" spans="2:49" x14ac:dyDescent="0.2">
      <c r="B3596" s="97"/>
      <c r="J3596" s="98"/>
      <c r="K3596" s="97"/>
      <c r="N3596" s="3"/>
      <c r="W3596" s="98"/>
      <c r="Z3596" s="143"/>
      <c r="AA3596" s="137"/>
      <c r="AB3596" s="137"/>
      <c r="AC3596" s="137"/>
      <c r="AD3596" s="137"/>
      <c r="AE3596" s="137"/>
      <c r="AF3596" s="137"/>
      <c r="AG3596" s="137"/>
      <c r="AH3596" s="137"/>
      <c r="AI3596" s="137"/>
      <c r="AJ3596" s="137"/>
      <c r="AK3596" s="206"/>
      <c r="AL3596" s="206"/>
      <c r="AM3596" s="143"/>
      <c r="AN3596" s="137"/>
      <c r="AO3596" s="137"/>
      <c r="AP3596" s="137"/>
      <c r="AQ3596" s="137"/>
      <c r="AR3596" s="137"/>
      <c r="AS3596" s="137"/>
      <c r="AT3596" s="137"/>
      <c r="AU3596" s="137"/>
      <c r="AV3596" s="137"/>
      <c r="AW3596" s="144"/>
    </row>
    <row r="3597" spans="2:49" x14ac:dyDescent="0.2">
      <c r="B3597" s="97"/>
      <c r="J3597" s="98"/>
      <c r="K3597" s="97"/>
      <c r="N3597" s="3"/>
      <c r="W3597" s="98"/>
      <c r="Z3597" s="143"/>
      <c r="AA3597" s="137"/>
      <c r="AB3597" s="137"/>
      <c r="AC3597" s="137"/>
      <c r="AD3597" s="137"/>
      <c r="AE3597" s="137"/>
      <c r="AF3597" s="137"/>
      <c r="AG3597" s="137"/>
      <c r="AH3597" s="137"/>
      <c r="AI3597" s="137"/>
      <c r="AJ3597" s="137"/>
      <c r="AK3597" s="206"/>
      <c r="AL3597" s="206"/>
      <c r="AM3597" s="143"/>
      <c r="AN3597" s="137"/>
      <c r="AO3597" s="137"/>
      <c r="AP3597" s="137"/>
      <c r="AQ3597" s="137"/>
      <c r="AR3597" s="137"/>
      <c r="AS3597" s="137"/>
      <c r="AT3597" s="137"/>
      <c r="AU3597" s="137"/>
      <c r="AV3597" s="137"/>
      <c r="AW3597" s="144"/>
    </row>
    <row r="3598" spans="2:49" x14ac:dyDescent="0.2">
      <c r="B3598" s="97"/>
      <c r="J3598" s="98"/>
      <c r="K3598" s="97"/>
      <c r="N3598" s="3"/>
      <c r="W3598" s="98"/>
      <c r="Z3598" s="143"/>
      <c r="AA3598" s="137"/>
      <c r="AB3598" s="137"/>
      <c r="AC3598" s="137"/>
      <c r="AD3598" s="137"/>
      <c r="AE3598" s="137"/>
      <c r="AF3598" s="137"/>
      <c r="AG3598" s="137"/>
      <c r="AH3598" s="137"/>
      <c r="AI3598" s="137"/>
      <c r="AJ3598" s="137"/>
      <c r="AK3598" s="206"/>
      <c r="AL3598" s="206"/>
      <c r="AM3598" s="143"/>
      <c r="AN3598" s="137"/>
      <c r="AO3598" s="137"/>
      <c r="AP3598" s="137"/>
      <c r="AQ3598" s="137"/>
      <c r="AR3598" s="137"/>
      <c r="AS3598" s="137"/>
      <c r="AT3598" s="137"/>
      <c r="AU3598" s="137"/>
      <c r="AV3598" s="137"/>
      <c r="AW3598" s="144"/>
    </row>
    <row r="3599" spans="2:49" x14ac:dyDescent="0.2">
      <c r="B3599" s="97"/>
      <c r="J3599" s="98"/>
      <c r="K3599" s="97"/>
      <c r="N3599" s="3"/>
      <c r="W3599" s="98"/>
      <c r="Z3599" s="143"/>
      <c r="AA3599" s="137"/>
      <c r="AB3599" s="137"/>
      <c r="AC3599" s="137"/>
      <c r="AD3599" s="137"/>
      <c r="AE3599" s="137"/>
      <c r="AF3599" s="137"/>
      <c r="AG3599" s="137"/>
      <c r="AH3599" s="137"/>
      <c r="AI3599" s="137"/>
      <c r="AJ3599" s="137"/>
      <c r="AK3599" s="206"/>
      <c r="AL3599" s="206"/>
      <c r="AM3599" s="143"/>
      <c r="AN3599" s="137"/>
      <c r="AO3599" s="137"/>
      <c r="AP3599" s="137"/>
      <c r="AQ3599" s="137"/>
      <c r="AR3599" s="137"/>
      <c r="AS3599" s="137"/>
      <c r="AT3599" s="137"/>
      <c r="AU3599" s="137"/>
      <c r="AV3599" s="137"/>
      <c r="AW3599" s="144"/>
    </row>
    <row r="3600" spans="2:49" x14ac:dyDescent="0.2">
      <c r="B3600" s="97"/>
      <c r="J3600" s="98"/>
      <c r="K3600" s="97"/>
      <c r="N3600" s="3"/>
      <c r="W3600" s="98"/>
      <c r="Z3600" s="143"/>
      <c r="AA3600" s="137"/>
      <c r="AB3600" s="137"/>
      <c r="AC3600" s="137"/>
      <c r="AD3600" s="137"/>
      <c r="AE3600" s="137"/>
      <c r="AF3600" s="137"/>
      <c r="AG3600" s="137"/>
      <c r="AH3600" s="137"/>
      <c r="AI3600" s="137"/>
      <c r="AJ3600" s="137"/>
      <c r="AK3600" s="206"/>
      <c r="AL3600" s="206"/>
      <c r="AM3600" s="143"/>
      <c r="AN3600" s="137"/>
      <c r="AO3600" s="137"/>
      <c r="AP3600" s="137"/>
      <c r="AQ3600" s="137"/>
      <c r="AR3600" s="137"/>
      <c r="AS3600" s="137"/>
      <c r="AT3600" s="137"/>
      <c r="AU3600" s="137"/>
      <c r="AV3600" s="137"/>
      <c r="AW3600" s="144"/>
    </row>
    <row r="3601" spans="2:49" x14ac:dyDescent="0.2">
      <c r="B3601" s="97"/>
      <c r="J3601" s="98"/>
      <c r="K3601" s="97"/>
      <c r="N3601" s="3"/>
      <c r="W3601" s="98"/>
      <c r="Z3601" s="143"/>
      <c r="AA3601" s="137"/>
      <c r="AB3601" s="137"/>
      <c r="AC3601" s="137"/>
      <c r="AD3601" s="137"/>
      <c r="AE3601" s="137"/>
      <c r="AF3601" s="137"/>
      <c r="AG3601" s="137"/>
      <c r="AH3601" s="137"/>
      <c r="AI3601" s="137"/>
      <c r="AJ3601" s="137"/>
      <c r="AK3601" s="206"/>
      <c r="AL3601" s="206"/>
      <c r="AM3601" s="143"/>
      <c r="AN3601" s="137"/>
      <c r="AO3601" s="137"/>
      <c r="AP3601" s="137"/>
      <c r="AQ3601" s="137"/>
      <c r="AR3601" s="137"/>
      <c r="AS3601" s="137"/>
      <c r="AT3601" s="137"/>
      <c r="AU3601" s="137"/>
      <c r="AV3601" s="137"/>
      <c r="AW3601" s="144"/>
    </row>
    <row r="3602" spans="2:49" x14ac:dyDescent="0.2">
      <c r="B3602" s="97"/>
      <c r="J3602" s="98"/>
      <c r="K3602" s="97"/>
      <c r="N3602" s="3"/>
      <c r="W3602" s="98"/>
      <c r="Z3602" s="143"/>
      <c r="AA3602" s="137"/>
      <c r="AB3602" s="137"/>
      <c r="AC3602" s="137"/>
      <c r="AD3602" s="137"/>
      <c r="AE3602" s="137"/>
      <c r="AF3602" s="137"/>
      <c r="AG3602" s="137"/>
      <c r="AH3602" s="137"/>
      <c r="AI3602" s="137"/>
      <c r="AJ3602" s="137"/>
      <c r="AK3602" s="206"/>
      <c r="AL3602" s="206"/>
      <c r="AM3602" s="143"/>
      <c r="AN3602" s="137"/>
      <c r="AO3602" s="137"/>
      <c r="AP3602" s="137"/>
      <c r="AQ3602" s="137"/>
      <c r="AR3602" s="137"/>
      <c r="AS3602" s="137"/>
      <c r="AT3602" s="137"/>
      <c r="AU3602" s="137"/>
      <c r="AV3602" s="137"/>
      <c r="AW3602" s="144"/>
    </row>
    <row r="3603" spans="2:49" x14ac:dyDescent="0.2">
      <c r="B3603" s="97"/>
      <c r="J3603" s="98"/>
      <c r="K3603" s="97"/>
      <c r="N3603" s="3"/>
      <c r="W3603" s="98"/>
      <c r="Z3603" s="143"/>
      <c r="AA3603" s="137"/>
      <c r="AB3603" s="137"/>
      <c r="AC3603" s="137"/>
      <c r="AD3603" s="137"/>
      <c r="AE3603" s="137"/>
      <c r="AF3603" s="137"/>
      <c r="AG3603" s="137"/>
      <c r="AH3603" s="137"/>
      <c r="AI3603" s="137"/>
      <c r="AJ3603" s="137"/>
      <c r="AK3603" s="206"/>
      <c r="AL3603" s="206"/>
      <c r="AM3603" s="143"/>
      <c r="AN3603" s="137"/>
      <c r="AO3603" s="137"/>
      <c r="AP3603" s="137"/>
      <c r="AQ3603" s="137"/>
      <c r="AR3603" s="137"/>
      <c r="AS3603" s="137"/>
      <c r="AT3603" s="137"/>
      <c r="AU3603" s="137"/>
      <c r="AV3603" s="137"/>
      <c r="AW3603" s="144"/>
    </row>
    <row r="3604" spans="2:49" x14ac:dyDescent="0.2">
      <c r="B3604" s="97"/>
      <c r="J3604" s="98"/>
      <c r="K3604" s="97"/>
      <c r="N3604" s="3"/>
      <c r="W3604" s="98"/>
      <c r="Z3604" s="143"/>
      <c r="AA3604" s="137"/>
      <c r="AB3604" s="137"/>
      <c r="AC3604" s="137"/>
      <c r="AD3604" s="137"/>
      <c r="AE3604" s="137"/>
      <c r="AF3604" s="137"/>
      <c r="AG3604" s="137"/>
      <c r="AH3604" s="137"/>
      <c r="AI3604" s="137"/>
      <c r="AJ3604" s="137"/>
      <c r="AK3604" s="206"/>
      <c r="AL3604" s="206"/>
      <c r="AM3604" s="143"/>
      <c r="AN3604" s="137"/>
      <c r="AO3604" s="137"/>
      <c r="AP3604" s="137"/>
      <c r="AQ3604" s="137"/>
      <c r="AR3604" s="137"/>
      <c r="AS3604" s="137"/>
      <c r="AT3604" s="137"/>
      <c r="AU3604" s="137"/>
      <c r="AV3604" s="137"/>
      <c r="AW3604" s="144"/>
    </row>
    <row r="3605" spans="2:49" x14ac:dyDescent="0.2">
      <c r="B3605" s="97"/>
      <c r="J3605" s="98"/>
      <c r="K3605" s="97"/>
      <c r="N3605" s="3"/>
      <c r="W3605" s="98"/>
      <c r="Z3605" s="143"/>
      <c r="AA3605" s="137"/>
      <c r="AB3605" s="137"/>
      <c r="AC3605" s="137"/>
      <c r="AD3605" s="137"/>
      <c r="AE3605" s="137"/>
      <c r="AF3605" s="137"/>
      <c r="AG3605" s="137"/>
      <c r="AH3605" s="137"/>
      <c r="AI3605" s="137"/>
      <c r="AJ3605" s="137"/>
      <c r="AK3605" s="206"/>
      <c r="AL3605" s="206"/>
      <c r="AM3605" s="143"/>
      <c r="AN3605" s="137"/>
      <c r="AO3605" s="137"/>
      <c r="AP3605" s="137"/>
      <c r="AQ3605" s="137"/>
      <c r="AR3605" s="137"/>
      <c r="AS3605" s="137"/>
      <c r="AT3605" s="137"/>
      <c r="AU3605" s="137"/>
      <c r="AV3605" s="137"/>
      <c r="AW3605" s="144"/>
    </row>
    <row r="3606" spans="2:49" x14ac:dyDescent="0.2">
      <c r="B3606" s="97"/>
      <c r="J3606" s="98"/>
      <c r="K3606" s="97"/>
      <c r="N3606" s="3"/>
      <c r="W3606" s="98"/>
      <c r="Z3606" s="143"/>
      <c r="AA3606" s="137"/>
      <c r="AB3606" s="137"/>
      <c r="AC3606" s="137"/>
      <c r="AD3606" s="137"/>
      <c r="AE3606" s="137"/>
      <c r="AF3606" s="137"/>
      <c r="AG3606" s="137"/>
      <c r="AH3606" s="137"/>
      <c r="AI3606" s="137"/>
      <c r="AJ3606" s="137"/>
      <c r="AK3606" s="206"/>
      <c r="AL3606" s="206"/>
      <c r="AM3606" s="143"/>
      <c r="AN3606" s="137"/>
      <c r="AO3606" s="137"/>
      <c r="AP3606" s="137"/>
      <c r="AQ3606" s="137"/>
      <c r="AR3606" s="137"/>
      <c r="AS3606" s="137"/>
      <c r="AT3606" s="137"/>
      <c r="AU3606" s="137"/>
      <c r="AV3606" s="137"/>
      <c r="AW3606" s="144"/>
    </row>
    <row r="3607" spans="2:49" x14ac:dyDescent="0.2">
      <c r="B3607" s="97"/>
      <c r="J3607" s="98"/>
      <c r="K3607" s="97"/>
      <c r="N3607" s="3"/>
      <c r="W3607" s="98"/>
      <c r="Z3607" s="143"/>
      <c r="AA3607" s="137"/>
      <c r="AB3607" s="137"/>
      <c r="AC3607" s="137"/>
      <c r="AD3607" s="137"/>
      <c r="AE3607" s="137"/>
      <c r="AF3607" s="137"/>
      <c r="AG3607" s="137"/>
      <c r="AH3607" s="137"/>
      <c r="AI3607" s="137"/>
      <c r="AJ3607" s="137"/>
      <c r="AK3607" s="206"/>
      <c r="AL3607" s="206"/>
      <c r="AM3607" s="143"/>
      <c r="AN3607" s="137"/>
      <c r="AO3607" s="137"/>
      <c r="AP3607" s="137"/>
      <c r="AQ3607" s="137"/>
      <c r="AR3607" s="137"/>
      <c r="AS3607" s="137"/>
      <c r="AT3607" s="137"/>
      <c r="AU3607" s="137"/>
      <c r="AV3607" s="137"/>
      <c r="AW3607" s="144"/>
    </row>
    <row r="3608" spans="2:49" x14ac:dyDescent="0.2">
      <c r="B3608" s="97"/>
      <c r="J3608" s="98"/>
      <c r="K3608" s="97"/>
      <c r="N3608" s="3"/>
      <c r="W3608" s="98"/>
      <c r="Z3608" s="143"/>
      <c r="AA3608" s="137"/>
      <c r="AB3608" s="137"/>
      <c r="AC3608" s="137"/>
      <c r="AD3608" s="137"/>
      <c r="AE3608" s="137"/>
      <c r="AF3608" s="137"/>
      <c r="AG3608" s="137"/>
      <c r="AH3608" s="137"/>
      <c r="AI3608" s="137"/>
      <c r="AJ3608" s="137"/>
      <c r="AK3608" s="206"/>
      <c r="AL3608" s="206"/>
      <c r="AM3608" s="143"/>
      <c r="AN3608" s="137"/>
      <c r="AO3608" s="137"/>
      <c r="AP3608" s="137"/>
      <c r="AQ3608" s="137"/>
      <c r="AR3608" s="137"/>
      <c r="AS3608" s="137"/>
      <c r="AT3608" s="137"/>
      <c r="AU3608" s="137"/>
      <c r="AV3608" s="137"/>
      <c r="AW3608" s="144"/>
    </row>
    <row r="3609" spans="2:49" x14ac:dyDescent="0.2">
      <c r="B3609" s="97"/>
      <c r="J3609" s="98"/>
      <c r="K3609" s="97"/>
      <c r="N3609" s="3"/>
      <c r="W3609" s="98"/>
      <c r="Z3609" s="143"/>
      <c r="AA3609" s="137"/>
      <c r="AB3609" s="137"/>
      <c r="AC3609" s="137"/>
      <c r="AD3609" s="137"/>
      <c r="AE3609" s="137"/>
      <c r="AF3609" s="137"/>
      <c r="AG3609" s="137"/>
      <c r="AH3609" s="137"/>
      <c r="AI3609" s="137"/>
      <c r="AJ3609" s="137"/>
      <c r="AK3609" s="206"/>
      <c r="AL3609" s="206"/>
      <c r="AM3609" s="143"/>
      <c r="AN3609" s="137"/>
      <c r="AO3609" s="137"/>
      <c r="AP3609" s="137"/>
      <c r="AQ3609" s="137"/>
      <c r="AR3609" s="137"/>
      <c r="AS3609" s="137"/>
      <c r="AT3609" s="137"/>
      <c r="AU3609" s="137"/>
      <c r="AV3609" s="137"/>
      <c r="AW3609" s="144"/>
    </row>
    <row r="3610" spans="2:49" x14ac:dyDescent="0.2">
      <c r="B3610" s="97"/>
      <c r="J3610" s="98"/>
      <c r="K3610" s="97"/>
      <c r="N3610" s="3"/>
      <c r="W3610" s="98"/>
      <c r="Z3610" s="143"/>
      <c r="AA3610" s="137"/>
      <c r="AB3610" s="137"/>
      <c r="AC3610" s="137"/>
      <c r="AD3610" s="137"/>
      <c r="AE3610" s="137"/>
      <c r="AF3610" s="137"/>
      <c r="AG3610" s="137"/>
      <c r="AH3610" s="137"/>
      <c r="AI3610" s="137"/>
      <c r="AJ3610" s="137"/>
      <c r="AK3610" s="206"/>
      <c r="AL3610" s="206"/>
      <c r="AM3610" s="143"/>
      <c r="AN3610" s="137"/>
      <c r="AO3610" s="137"/>
      <c r="AP3610" s="137"/>
      <c r="AQ3610" s="137"/>
      <c r="AR3610" s="137"/>
      <c r="AS3610" s="137"/>
      <c r="AT3610" s="137"/>
      <c r="AU3610" s="137"/>
      <c r="AV3610" s="137"/>
      <c r="AW3610" s="144"/>
    </row>
    <row r="3611" spans="2:49" x14ac:dyDescent="0.2">
      <c r="B3611" s="97"/>
      <c r="J3611" s="98"/>
      <c r="K3611" s="97"/>
      <c r="N3611" s="3"/>
      <c r="W3611" s="98"/>
      <c r="Z3611" s="143"/>
      <c r="AA3611" s="137"/>
      <c r="AB3611" s="137"/>
      <c r="AC3611" s="137"/>
      <c r="AD3611" s="137"/>
      <c r="AE3611" s="137"/>
      <c r="AF3611" s="137"/>
      <c r="AG3611" s="137"/>
      <c r="AH3611" s="137"/>
      <c r="AI3611" s="137"/>
      <c r="AJ3611" s="137"/>
      <c r="AK3611" s="206"/>
      <c r="AL3611" s="206"/>
      <c r="AM3611" s="143"/>
      <c r="AN3611" s="137"/>
      <c r="AO3611" s="137"/>
      <c r="AP3611" s="137"/>
      <c r="AQ3611" s="137"/>
      <c r="AR3611" s="137"/>
      <c r="AS3611" s="137"/>
      <c r="AT3611" s="137"/>
      <c r="AU3611" s="137"/>
      <c r="AV3611" s="137"/>
      <c r="AW3611" s="144"/>
    </row>
    <row r="3612" spans="2:49" x14ac:dyDescent="0.2">
      <c r="B3612" s="97"/>
      <c r="J3612" s="98"/>
      <c r="K3612" s="97"/>
      <c r="N3612" s="3"/>
      <c r="W3612" s="98"/>
      <c r="Z3612" s="143"/>
      <c r="AA3612" s="137"/>
      <c r="AB3612" s="137"/>
      <c r="AC3612" s="137"/>
      <c r="AD3612" s="137"/>
      <c r="AE3612" s="137"/>
      <c r="AF3612" s="137"/>
      <c r="AG3612" s="137"/>
      <c r="AH3612" s="137"/>
      <c r="AI3612" s="137"/>
      <c r="AJ3612" s="137"/>
      <c r="AK3612" s="206"/>
      <c r="AL3612" s="206"/>
      <c r="AM3612" s="143"/>
      <c r="AN3612" s="137"/>
      <c r="AO3612" s="137"/>
      <c r="AP3612" s="137"/>
      <c r="AQ3612" s="137"/>
      <c r="AR3612" s="137"/>
      <c r="AS3612" s="137"/>
      <c r="AT3612" s="137"/>
      <c r="AU3612" s="137"/>
      <c r="AV3612" s="137"/>
      <c r="AW3612" s="144"/>
    </row>
    <row r="3613" spans="2:49" x14ac:dyDescent="0.2">
      <c r="B3613" s="97"/>
      <c r="J3613" s="98"/>
      <c r="K3613" s="97"/>
      <c r="N3613" s="3"/>
      <c r="W3613" s="98"/>
      <c r="Z3613" s="143"/>
      <c r="AA3613" s="137"/>
      <c r="AB3613" s="137"/>
      <c r="AC3613" s="137"/>
      <c r="AD3613" s="137"/>
      <c r="AE3613" s="137"/>
      <c r="AF3613" s="137"/>
      <c r="AG3613" s="137"/>
      <c r="AH3613" s="137"/>
      <c r="AI3613" s="137"/>
      <c r="AJ3613" s="137"/>
      <c r="AK3613" s="206"/>
      <c r="AL3613" s="206"/>
      <c r="AM3613" s="143"/>
      <c r="AN3613" s="137"/>
      <c r="AO3613" s="137"/>
      <c r="AP3613" s="137"/>
      <c r="AQ3613" s="137"/>
      <c r="AR3613" s="137"/>
      <c r="AS3613" s="137"/>
      <c r="AT3613" s="137"/>
      <c r="AU3613" s="137"/>
      <c r="AV3613" s="137"/>
      <c r="AW3613" s="144"/>
    </row>
    <row r="3614" spans="2:49" x14ac:dyDescent="0.2">
      <c r="B3614" s="97"/>
      <c r="J3614" s="98"/>
      <c r="K3614" s="97"/>
      <c r="N3614" s="3"/>
      <c r="W3614" s="98"/>
      <c r="Z3614" s="143"/>
      <c r="AA3614" s="137"/>
      <c r="AB3614" s="137"/>
      <c r="AC3614" s="137"/>
      <c r="AD3614" s="137"/>
      <c r="AE3614" s="137"/>
      <c r="AF3614" s="137"/>
      <c r="AG3614" s="137"/>
      <c r="AH3614" s="137"/>
      <c r="AI3614" s="137"/>
      <c r="AJ3614" s="137"/>
      <c r="AK3614" s="206"/>
      <c r="AL3614" s="206"/>
      <c r="AM3614" s="143"/>
      <c r="AN3614" s="137"/>
      <c r="AO3614" s="137"/>
      <c r="AP3614" s="137"/>
      <c r="AQ3614" s="137"/>
      <c r="AR3614" s="137"/>
      <c r="AS3614" s="137"/>
      <c r="AT3614" s="137"/>
      <c r="AU3614" s="137"/>
      <c r="AV3614" s="137"/>
      <c r="AW3614" s="144"/>
    </row>
    <row r="3615" spans="2:49" x14ac:dyDescent="0.2">
      <c r="B3615" s="97"/>
      <c r="J3615" s="98"/>
      <c r="K3615" s="97"/>
      <c r="N3615" s="3"/>
      <c r="W3615" s="98"/>
      <c r="Z3615" s="143"/>
      <c r="AA3615" s="137"/>
      <c r="AB3615" s="137"/>
      <c r="AC3615" s="137"/>
      <c r="AD3615" s="137"/>
      <c r="AE3615" s="137"/>
      <c r="AF3615" s="137"/>
      <c r="AG3615" s="137"/>
      <c r="AH3615" s="137"/>
      <c r="AI3615" s="137"/>
      <c r="AJ3615" s="137"/>
      <c r="AK3615" s="206"/>
      <c r="AL3615" s="206"/>
      <c r="AM3615" s="143"/>
      <c r="AN3615" s="137"/>
      <c r="AO3615" s="137"/>
      <c r="AP3615" s="137"/>
      <c r="AQ3615" s="137"/>
      <c r="AR3615" s="137"/>
      <c r="AS3615" s="137"/>
      <c r="AT3615" s="137"/>
      <c r="AU3615" s="137"/>
      <c r="AV3615" s="137"/>
      <c r="AW3615" s="144"/>
    </row>
    <row r="3616" spans="2:49" x14ac:dyDescent="0.2">
      <c r="B3616" s="97"/>
      <c r="J3616" s="98"/>
      <c r="K3616" s="97"/>
      <c r="N3616" s="3"/>
      <c r="W3616" s="98"/>
      <c r="Z3616" s="143"/>
      <c r="AA3616" s="137"/>
      <c r="AB3616" s="137"/>
      <c r="AC3616" s="137"/>
      <c r="AD3616" s="137"/>
      <c r="AE3616" s="137"/>
      <c r="AF3616" s="137"/>
      <c r="AG3616" s="137"/>
      <c r="AH3616" s="137"/>
      <c r="AI3616" s="137"/>
      <c r="AJ3616" s="137"/>
      <c r="AK3616" s="206"/>
      <c r="AL3616" s="206"/>
      <c r="AM3616" s="143"/>
      <c r="AN3616" s="137"/>
      <c r="AO3616" s="137"/>
      <c r="AP3616" s="137"/>
      <c r="AQ3616" s="137"/>
      <c r="AR3616" s="137"/>
      <c r="AS3616" s="137"/>
      <c r="AT3616" s="137"/>
      <c r="AU3616" s="137"/>
      <c r="AV3616" s="137"/>
      <c r="AW3616" s="144"/>
    </row>
    <row r="3617" spans="2:49" x14ac:dyDescent="0.2">
      <c r="B3617" s="97"/>
      <c r="J3617" s="98"/>
      <c r="K3617" s="97"/>
      <c r="N3617" s="3"/>
      <c r="W3617" s="98"/>
      <c r="Z3617" s="143"/>
      <c r="AA3617" s="137"/>
      <c r="AB3617" s="137"/>
      <c r="AC3617" s="137"/>
      <c r="AD3617" s="137"/>
      <c r="AE3617" s="137"/>
      <c r="AF3617" s="137"/>
      <c r="AG3617" s="137"/>
      <c r="AH3617" s="137"/>
      <c r="AI3617" s="137"/>
      <c r="AJ3617" s="137"/>
      <c r="AK3617" s="206"/>
      <c r="AL3617" s="206"/>
      <c r="AM3617" s="143"/>
      <c r="AN3617" s="137"/>
      <c r="AO3617" s="137"/>
      <c r="AP3617" s="137"/>
      <c r="AQ3617" s="137"/>
      <c r="AR3617" s="137"/>
      <c r="AS3617" s="137"/>
      <c r="AT3617" s="137"/>
      <c r="AU3617" s="137"/>
      <c r="AV3617" s="137"/>
      <c r="AW3617" s="144"/>
    </row>
    <row r="3618" spans="2:49" x14ac:dyDescent="0.2">
      <c r="B3618" s="97"/>
      <c r="J3618" s="98"/>
      <c r="K3618" s="97"/>
      <c r="N3618" s="3"/>
      <c r="W3618" s="98"/>
      <c r="Z3618" s="143"/>
      <c r="AA3618" s="137"/>
      <c r="AB3618" s="137"/>
      <c r="AC3618" s="137"/>
      <c r="AD3618" s="137"/>
      <c r="AE3618" s="137"/>
      <c r="AF3618" s="137"/>
      <c r="AG3618" s="137"/>
      <c r="AH3618" s="137"/>
      <c r="AI3618" s="137"/>
      <c r="AJ3618" s="137"/>
      <c r="AK3618" s="206"/>
      <c r="AL3618" s="206"/>
      <c r="AM3618" s="143"/>
      <c r="AN3618" s="137"/>
      <c r="AO3618" s="137"/>
      <c r="AP3618" s="137"/>
      <c r="AQ3618" s="137"/>
      <c r="AR3618" s="137"/>
      <c r="AS3618" s="137"/>
      <c r="AT3618" s="137"/>
      <c r="AU3618" s="137"/>
      <c r="AV3618" s="137"/>
      <c r="AW3618" s="144"/>
    </row>
    <row r="3619" spans="2:49" x14ac:dyDescent="0.2">
      <c r="B3619" s="97"/>
      <c r="J3619" s="98"/>
      <c r="K3619" s="97"/>
      <c r="N3619" s="3"/>
      <c r="W3619" s="98"/>
      <c r="Z3619" s="143"/>
      <c r="AA3619" s="137"/>
      <c r="AB3619" s="137"/>
      <c r="AC3619" s="137"/>
      <c r="AD3619" s="137"/>
      <c r="AE3619" s="137"/>
      <c r="AF3619" s="137"/>
      <c r="AG3619" s="137"/>
      <c r="AH3619" s="137"/>
      <c r="AI3619" s="137"/>
      <c r="AJ3619" s="137"/>
      <c r="AK3619" s="206"/>
      <c r="AL3619" s="206"/>
      <c r="AM3619" s="143"/>
      <c r="AN3619" s="137"/>
      <c r="AO3619" s="137"/>
      <c r="AP3619" s="137"/>
      <c r="AQ3619" s="137"/>
      <c r="AR3619" s="137"/>
      <c r="AS3619" s="137"/>
      <c r="AT3619" s="137"/>
      <c r="AU3619" s="137"/>
      <c r="AV3619" s="137"/>
      <c r="AW3619" s="144"/>
    </row>
    <row r="3620" spans="2:49" x14ac:dyDescent="0.2">
      <c r="B3620" s="97"/>
      <c r="J3620" s="98"/>
      <c r="K3620" s="97"/>
      <c r="N3620" s="3"/>
      <c r="W3620" s="98"/>
      <c r="Z3620" s="143"/>
      <c r="AA3620" s="137"/>
      <c r="AB3620" s="137"/>
      <c r="AC3620" s="137"/>
      <c r="AD3620" s="137"/>
      <c r="AE3620" s="137"/>
      <c r="AF3620" s="137"/>
      <c r="AG3620" s="137"/>
      <c r="AH3620" s="137"/>
      <c r="AI3620" s="137"/>
      <c r="AJ3620" s="137"/>
      <c r="AK3620" s="206"/>
      <c r="AL3620" s="206"/>
      <c r="AM3620" s="143"/>
      <c r="AN3620" s="137"/>
      <c r="AO3620" s="137"/>
      <c r="AP3620" s="137"/>
      <c r="AQ3620" s="137"/>
      <c r="AR3620" s="137"/>
      <c r="AS3620" s="137"/>
      <c r="AT3620" s="137"/>
      <c r="AU3620" s="137"/>
      <c r="AV3620" s="137"/>
      <c r="AW3620" s="144"/>
    </row>
    <row r="3621" spans="2:49" x14ac:dyDescent="0.2">
      <c r="B3621" s="97"/>
      <c r="J3621" s="98"/>
      <c r="K3621" s="97"/>
      <c r="N3621" s="3"/>
      <c r="W3621" s="98"/>
      <c r="Z3621" s="143"/>
      <c r="AA3621" s="137"/>
      <c r="AB3621" s="137"/>
      <c r="AC3621" s="137"/>
      <c r="AD3621" s="137"/>
      <c r="AE3621" s="137"/>
      <c r="AF3621" s="137"/>
      <c r="AG3621" s="137"/>
      <c r="AH3621" s="137"/>
      <c r="AI3621" s="137"/>
      <c r="AJ3621" s="137"/>
      <c r="AK3621" s="206"/>
      <c r="AL3621" s="206"/>
      <c r="AM3621" s="143"/>
      <c r="AN3621" s="137"/>
      <c r="AO3621" s="137"/>
      <c r="AP3621" s="137"/>
      <c r="AQ3621" s="137"/>
      <c r="AR3621" s="137"/>
      <c r="AS3621" s="137"/>
      <c r="AT3621" s="137"/>
      <c r="AU3621" s="137"/>
      <c r="AV3621" s="137"/>
      <c r="AW3621" s="144"/>
    </row>
    <row r="3622" spans="2:49" x14ac:dyDescent="0.2">
      <c r="B3622" s="97"/>
      <c r="J3622" s="98"/>
      <c r="K3622" s="97"/>
      <c r="N3622" s="3"/>
      <c r="W3622" s="98"/>
      <c r="Z3622" s="143"/>
      <c r="AA3622" s="137"/>
      <c r="AB3622" s="137"/>
      <c r="AC3622" s="137"/>
      <c r="AD3622" s="137"/>
      <c r="AE3622" s="137"/>
      <c r="AF3622" s="137"/>
      <c r="AG3622" s="137"/>
      <c r="AH3622" s="137"/>
      <c r="AI3622" s="137"/>
      <c r="AJ3622" s="137"/>
      <c r="AK3622" s="206"/>
      <c r="AL3622" s="206"/>
      <c r="AM3622" s="143"/>
      <c r="AN3622" s="137"/>
      <c r="AO3622" s="137"/>
      <c r="AP3622" s="137"/>
      <c r="AQ3622" s="137"/>
      <c r="AR3622" s="137"/>
      <c r="AS3622" s="137"/>
      <c r="AT3622" s="137"/>
      <c r="AU3622" s="137"/>
      <c r="AV3622" s="137"/>
      <c r="AW3622" s="144"/>
    </row>
    <row r="3623" spans="2:49" x14ac:dyDescent="0.2">
      <c r="B3623" s="97"/>
      <c r="J3623" s="98"/>
      <c r="K3623" s="97"/>
      <c r="N3623" s="3"/>
      <c r="W3623" s="98"/>
      <c r="Z3623" s="143"/>
      <c r="AA3623" s="137"/>
      <c r="AB3623" s="137"/>
      <c r="AC3623" s="137"/>
      <c r="AD3623" s="137"/>
      <c r="AE3623" s="137"/>
      <c r="AF3623" s="137"/>
      <c r="AG3623" s="137"/>
      <c r="AH3623" s="137"/>
      <c r="AI3623" s="137"/>
      <c r="AJ3623" s="137"/>
      <c r="AK3623" s="206"/>
      <c r="AL3623" s="206"/>
      <c r="AM3623" s="143"/>
      <c r="AN3623" s="137"/>
      <c r="AO3623" s="137"/>
      <c r="AP3623" s="137"/>
      <c r="AQ3623" s="137"/>
      <c r="AR3623" s="137"/>
      <c r="AS3623" s="137"/>
      <c r="AT3623" s="137"/>
      <c r="AU3623" s="137"/>
      <c r="AV3623" s="137"/>
      <c r="AW3623" s="144"/>
    </row>
    <row r="3624" spans="2:49" x14ac:dyDescent="0.2">
      <c r="B3624" s="97"/>
      <c r="J3624" s="98"/>
      <c r="K3624" s="97"/>
      <c r="N3624" s="3"/>
      <c r="W3624" s="98"/>
      <c r="Z3624" s="143"/>
      <c r="AA3624" s="137"/>
      <c r="AB3624" s="137"/>
      <c r="AC3624" s="137"/>
      <c r="AD3624" s="137"/>
      <c r="AE3624" s="137"/>
      <c r="AF3624" s="137"/>
      <c r="AG3624" s="137"/>
      <c r="AH3624" s="137"/>
      <c r="AI3624" s="137"/>
      <c r="AJ3624" s="137"/>
      <c r="AK3624" s="206"/>
      <c r="AL3624" s="206"/>
      <c r="AM3624" s="143"/>
      <c r="AN3624" s="137"/>
      <c r="AO3624" s="137"/>
      <c r="AP3624" s="137"/>
      <c r="AQ3624" s="137"/>
      <c r="AR3624" s="137"/>
      <c r="AS3624" s="137"/>
      <c r="AT3624" s="137"/>
      <c r="AU3624" s="137"/>
      <c r="AV3624" s="137"/>
      <c r="AW3624" s="144"/>
    </row>
    <row r="3625" spans="2:49" x14ac:dyDescent="0.2">
      <c r="B3625" s="97"/>
      <c r="J3625" s="98"/>
      <c r="K3625" s="97"/>
      <c r="N3625" s="3"/>
      <c r="W3625" s="98"/>
      <c r="Z3625" s="143"/>
      <c r="AA3625" s="137"/>
      <c r="AB3625" s="137"/>
      <c r="AC3625" s="137"/>
      <c r="AD3625" s="137"/>
      <c r="AE3625" s="137"/>
      <c r="AF3625" s="137"/>
      <c r="AG3625" s="137"/>
      <c r="AH3625" s="137"/>
      <c r="AI3625" s="137"/>
      <c r="AJ3625" s="137"/>
      <c r="AK3625" s="206"/>
      <c r="AL3625" s="206"/>
      <c r="AM3625" s="143"/>
      <c r="AN3625" s="137"/>
      <c r="AO3625" s="137"/>
      <c r="AP3625" s="137"/>
      <c r="AQ3625" s="137"/>
      <c r="AR3625" s="137"/>
      <c r="AS3625" s="137"/>
      <c r="AT3625" s="137"/>
      <c r="AU3625" s="137"/>
      <c r="AV3625" s="137"/>
      <c r="AW3625" s="144"/>
    </row>
    <row r="3626" spans="2:49" x14ac:dyDescent="0.2">
      <c r="B3626" s="97"/>
      <c r="J3626" s="98"/>
      <c r="K3626" s="97"/>
      <c r="N3626" s="3"/>
      <c r="W3626" s="98"/>
      <c r="Z3626" s="143"/>
      <c r="AA3626" s="137"/>
      <c r="AB3626" s="137"/>
      <c r="AC3626" s="137"/>
      <c r="AD3626" s="137"/>
      <c r="AE3626" s="137"/>
      <c r="AF3626" s="137"/>
      <c r="AG3626" s="137"/>
      <c r="AH3626" s="137"/>
      <c r="AI3626" s="137"/>
      <c r="AJ3626" s="137"/>
      <c r="AK3626" s="206"/>
      <c r="AL3626" s="206"/>
      <c r="AM3626" s="143"/>
      <c r="AN3626" s="137"/>
      <c r="AO3626" s="137"/>
      <c r="AP3626" s="137"/>
      <c r="AQ3626" s="137"/>
      <c r="AR3626" s="137"/>
      <c r="AS3626" s="137"/>
      <c r="AT3626" s="137"/>
      <c r="AU3626" s="137"/>
      <c r="AV3626" s="137"/>
      <c r="AW3626" s="144"/>
    </row>
    <row r="3627" spans="2:49" x14ac:dyDescent="0.2">
      <c r="B3627" s="97"/>
      <c r="J3627" s="98"/>
      <c r="K3627" s="97"/>
      <c r="N3627" s="3"/>
      <c r="W3627" s="98"/>
      <c r="Z3627" s="143"/>
      <c r="AA3627" s="137"/>
      <c r="AB3627" s="137"/>
      <c r="AC3627" s="137"/>
      <c r="AD3627" s="137"/>
      <c r="AE3627" s="137"/>
      <c r="AF3627" s="137"/>
      <c r="AG3627" s="137"/>
      <c r="AH3627" s="137"/>
      <c r="AI3627" s="137"/>
      <c r="AJ3627" s="137"/>
      <c r="AK3627" s="206"/>
      <c r="AL3627" s="206"/>
      <c r="AM3627" s="143"/>
      <c r="AN3627" s="137"/>
      <c r="AO3627" s="137"/>
      <c r="AP3627" s="137"/>
      <c r="AQ3627" s="137"/>
      <c r="AR3627" s="137"/>
      <c r="AS3627" s="137"/>
      <c r="AT3627" s="137"/>
      <c r="AU3627" s="137"/>
      <c r="AV3627" s="137"/>
      <c r="AW3627" s="144"/>
    </row>
    <row r="3628" spans="2:49" x14ac:dyDescent="0.2">
      <c r="B3628" s="97"/>
      <c r="J3628" s="98"/>
      <c r="K3628" s="97"/>
      <c r="N3628" s="3"/>
      <c r="W3628" s="98"/>
      <c r="Z3628" s="143"/>
      <c r="AA3628" s="137"/>
      <c r="AB3628" s="137"/>
      <c r="AC3628" s="137"/>
      <c r="AD3628" s="137"/>
      <c r="AE3628" s="137"/>
      <c r="AF3628" s="137"/>
      <c r="AG3628" s="137"/>
      <c r="AH3628" s="137"/>
      <c r="AI3628" s="137"/>
      <c r="AJ3628" s="137"/>
      <c r="AK3628" s="206"/>
      <c r="AL3628" s="206"/>
      <c r="AM3628" s="143"/>
      <c r="AN3628" s="137"/>
      <c r="AO3628" s="137"/>
      <c r="AP3628" s="137"/>
      <c r="AQ3628" s="137"/>
      <c r="AR3628" s="137"/>
      <c r="AS3628" s="137"/>
      <c r="AT3628" s="137"/>
      <c r="AU3628" s="137"/>
      <c r="AV3628" s="137"/>
      <c r="AW3628" s="144"/>
    </row>
    <row r="3629" spans="2:49" x14ac:dyDescent="0.2">
      <c r="B3629" s="97"/>
      <c r="J3629" s="98"/>
      <c r="K3629" s="97"/>
      <c r="N3629" s="3"/>
      <c r="W3629" s="98"/>
      <c r="Z3629" s="143"/>
      <c r="AA3629" s="137"/>
      <c r="AB3629" s="137"/>
      <c r="AC3629" s="137"/>
      <c r="AD3629" s="137"/>
      <c r="AE3629" s="137"/>
      <c r="AF3629" s="137"/>
      <c r="AG3629" s="137"/>
      <c r="AH3629" s="137"/>
      <c r="AI3629" s="137"/>
      <c r="AJ3629" s="137"/>
      <c r="AK3629" s="206"/>
      <c r="AL3629" s="206"/>
      <c r="AM3629" s="143"/>
      <c r="AN3629" s="137"/>
      <c r="AO3629" s="137"/>
      <c r="AP3629" s="137"/>
      <c r="AQ3629" s="137"/>
      <c r="AR3629" s="137"/>
      <c r="AS3629" s="137"/>
      <c r="AT3629" s="137"/>
      <c r="AU3629" s="137"/>
      <c r="AV3629" s="137"/>
      <c r="AW3629" s="144"/>
    </row>
    <row r="3630" spans="2:49" x14ac:dyDescent="0.2">
      <c r="B3630" s="97"/>
      <c r="J3630" s="98"/>
      <c r="K3630" s="97"/>
      <c r="N3630" s="3"/>
      <c r="W3630" s="98"/>
      <c r="Z3630" s="143"/>
      <c r="AA3630" s="137"/>
      <c r="AB3630" s="137"/>
      <c r="AC3630" s="137"/>
      <c r="AD3630" s="137"/>
      <c r="AE3630" s="137"/>
      <c r="AF3630" s="137"/>
      <c r="AG3630" s="137"/>
      <c r="AH3630" s="137"/>
      <c r="AI3630" s="137"/>
      <c r="AJ3630" s="137"/>
      <c r="AK3630" s="206"/>
      <c r="AL3630" s="206"/>
      <c r="AM3630" s="143"/>
      <c r="AN3630" s="137"/>
      <c r="AO3630" s="137"/>
      <c r="AP3630" s="137"/>
      <c r="AQ3630" s="137"/>
      <c r="AR3630" s="137"/>
      <c r="AS3630" s="137"/>
      <c r="AT3630" s="137"/>
      <c r="AU3630" s="137"/>
      <c r="AV3630" s="137"/>
      <c r="AW3630" s="144"/>
    </row>
    <row r="3631" spans="2:49" x14ac:dyDescent="0.2">
      <c r="B3631" s="97"/>
      <c r="J3631" s="98"/>
      <c r="K3631" s="97"/>
      <c r="N3631" s="3"/>
      <c r="W3631" s="98"/>
      <c r="Z3631" s="143"/>
      <c r="AA3631" s="137"/>
      <c r="AB3631" s="137"/>
      <c r="AC3631" s="137"/>
      <c r="AD3631" s="137"/>
      <c r="AE3631" s="137"/>
      <c r="AF3631" s="137"/>
      <c r="AG3631" s="137"/>
      <c r="AH3631" s="137"/>
      <c r="AI3631" s="137"/>
      <c r="AJ3631" s="137"/>
      <c r="AK3631" s="206"/>
      <c r="AL3631" s="206"/>
      <c r="AM3631" s="143"/>
      <c r="AN3631" s="137"/>
      <c r="AO3631" s="137"/>
      <c r="AP3631" s="137"/>
      <c r="AQ3631" s="137"/>
      <c r="AR3631" s="137"/>
      <c r="AS3631" s="137"/>
      <c r="AT3631" s="137"/>
      <c r="AU3631" s="137"/>
      <c r="AV3631" s="137"/>
      <c r="AW3631" s="144"/>
    </row>
    <row r="3632" spans="2:49" x14ac:dyDescent="0.2">
      <c r="B3632" s="97"/>
      <c r="J3632" s="98"/>
      <c r="K3632" s="97"/>
      <c r="N3632" s="3"/>
      <c r="W3632" s="98"/>
      <c r="Z3632" s="143"/>
      <c r="AA3632" s="137"/>
      <c r="AB3632" s="137"/>
      <c r="AC3632" s="137"/>
      <c r="AD3632" s="137"/>
      <c r="AE3632" s="137"/>
      <c r="AF3632" s="137"/>
      <c r="AG3632" s="137"/>
      <c r="AH3632" s="137"/>
      <c r="AI3632" s="137"/>
      <c r="AJ3632" s="137"/>
      <c r="AK3632" s="206"/>
      <c r="AL3632" s="206"/>
      <c r="AM3632" s="143"/>
      <c r="AN3632" s="137"/>
      <c r="AO3632" s="137"/>
      <c r="AP3632" s="137"/>
      <c r="AQ3632" s="137"/>
      <c r="AR3632" s="137"/>
      <c r="AS3632" s="137"/>
      <c r="AT3632" s="137"/>
      <c r="AU3632" s="137"/>
      <c r="AV3632" s="137"/>
      <c r="AW3632" s="144"/>
    </row>
    <row r="3633" spans="2:49" x14ac:dyDescent="0.2">
      <c r="B3633" s="97"/>
      <c r="J3633" s="98"/>
      <c r="K3633" s="97"/>
      <c r="N3633" s="3"/>
      <c r="W3633" s="98"/>
      <c r="Z3633" s="143"/>
      <c r="AA3633" s="137"/>
      <c r="AB3633" s="137"/>
      <c r="AC3633" s="137"/>
      <c r="AD3633" s="137"/>
      <c r="AE3633" s="137"/>
      <c r="AF3633" s="137"/>
      <c r="AG3633" s="137"/>
      <c r="AH3633" s="137"/>
      <c r="AI3633" s="137"/>
      <c r="AJ3633" s="137"/>
      <c r="AK3633" s="206"/>
      <c r="AL3633" s="206"/>
      <c r="AM3633" s="143"/>
      <c r="AN3633" s="137"/>
      <c r="AO3633" s="137"/>
      <c r="AP3633" s="137"/>
      <c r="AQ3633" s="137"/>
      <c r="AR3633" s="137"/>
      <c r="AS3633" s="137"/>
      <c r="AT3633" s="137"/>
      <c r="AU3633" s="137"/>
      <c r="AV3633" s="137"/>
      <c r="AW3633" s="144"/>
    </row>
    <row r="3634" spans="2:49" x14ac:dyDescent="0.2">
      <c r="B3634" s="97"/>
      <c r="J3634" s="98"/>
      <c r="K3634" s="97"/>
      <c r="N3634" s="3"/>
      <c r="W3634" s="98"/>
      <c r="Z3634" s="143"/>
      <c r="AA3634" s="137"/>
      <c r="AB3634" s="137"/>
      <c r="AC3634" s="137"/>
      <c r="AD3634" s="137"/>
      <c r="AE3634" s="137"/>
      <c r="AF3634" s="137"/>
      <c r="AG3634" s="137"/>
      <c r="AH3634" s="137"/>
      <c r="AI3634" s="137"/>
      <c r="AJ3634" s="137"/>
      <c r="AK3634" s="206"/>
      <c r="AL3634" s="206"/>
      <c r="AM3634" s="143"/>
      <c r="AN3634" s="137"/>
      <c r="AO3634" s="137"/>
      <c r="AP3634" s="137"/>
      <c r="AQ3634" s="137"/>
      <c r="AR3634" s="137"/>
      <c r="AS3634" s="137"/>
      <c r="AT3634" s="137"/>
      <c r="AU3634" s="137"/>
      <c r="AV3634" s="137"/>
      <c r="AW3634" s="144"/>
    </row>
    <row r="3635" spans="2:49" x14ac:dyDescent="0.2">
      <c r="B3635" s="97"/>
      <c r="J3635" s="98"/>
      <c r="K3635" s="97"/>
      <c r="N3635" s="3"/>
      <c r="W3635" s="98"/>
      <c r="Z3635" s="143"/>
      <c r="AA3635" s="137"/>
      <c r="AB3635" s="137"/>
      <c r="AC3635" s="137"/>
      <c r="AD3635" s="137"/>
      <c r="AE3635" s="137"/>
      <c r="AF3635" s="137"/>
      <c r="AG3635" s="137"/>
      <c r="AH3635" s="137"/>
      <c r="AI3635" s="137"/>
      <c r="AJ3635" s="137"/>
      <c r="AK3635" s="206"/>
      <c r="AL3635" s="206"/>
      <c r="AM3635" s="143"/>
      <c r="AN3635" s="137"/>
      <c r="AO3635" s="137"/>
      <c r="AP3635" s="137"/>
      <c r="AQ3635" s="137"/>
      <c r="AR3635" s="137"/>
      <c r="AS3635" s="137"/>
      <c r="AT3635" s="137"/>
      <c r="AU3635" s="137"/>
      <c r="AV3635" s="137"/>
      <c r="AW3635" s="144"/>
    </row>
    <row r="3636" spans="2:49" x14ac:dyDescent="0.2">
      <c r="B3636" s="97"/>
      <c r="J3636" s="98"/>
      <c r="K3636" s="97"/>
      <c r="N3636" s="3"/>
      <c r="W3636" s="98"/>
      <c r="Z3636" s="143"/>
      <c r="AA3636" s="137"/>
      <c r="AB3636" s="137"/>
      <c r="AC3636" s="137"/>
      <c r="AD3636" s="137"/>
      <c r="AE3636" s="137"/>
      <c r="AF3636" s="137"/>
      <c r="AG3636" s="137"/>
      <c r="AH3636" s="137"/>
      <c r="AI3636" s="137"/>
      <c r="AJ3636" s="137"/>
      <c r="AK3636" s="206"/>
      <c r="AL3636" s="206"/>
      <c r="AM3636" s="143"/>
      <c r="AN3636" s="137"/>
      <c r="AO3636" s="137"/>
      <c r="AP3636" s="137"/>
      <c r="AQ3636" s="137"/>
      <c r="AR3636" s="137"/>
      <c r="AS3636" s="137"/>
      <c r="AT3636" s="137"/>
      <c r="AU3636" s="137"/>
      <c r="AV3636" s="137"/>
      <c r="AW3636" s="144"/>
    </row>
    <row r="3637" spans="2:49" x14ac:dyDescent="0.2">
      <c r="B3637" s="97"/>
      <c r="J3637" s="98"/>
      <c r="K3637" s="97"/>
      <c r="N3637" s="3"/>
      <c r="W3637" s="98"/>
      <c r="Z3637" s="143"/>
      <c r="AA3637" s="137"/>
      <c r="AB3637" s="137"/>
      <c r="AC3637" s="137"/>
      <c r="AD3637" s="137"/>
      <c r="AE3637" s="137"/>
      <c r="AF3637" s="137"/>
      <c r="AG3637" s="137"/>
      <c r="AH3637" s="137"/>
      <c r="AI3637" s="137"/>
      <c r="AJ3637" s="137"/>
      <c r="AK3637" s="206"/>
      <c r="AL3637" s="206"/>
      <c r="AM3637" s="143"/>
      <c r="AN3637" s="137"/>
      <c r="AO3637" s="137"/>
      <c r="AP3637" s="137"/>
      <c r="AQ3637" s="137"/>
      <c r="AR3637" s="137"/>
      <c r="AS3637" s="137"/>
      <c r="AT3637" s="137"/>
      <c r="AU3637" s="137"/>
      <c r="AV3637" s="137"/>
      <c r="AW3637" s="144"/>
    </row>
    <row r="3638" spans="2:49" x14ac:dyDescent="0.2">
      <c r="B3638" s="97"/>
      <c r="J3638" s="98"/>
      <c r="K3638" s="97"/>
      <c r="N3638" s="3"/>
      <c r="W3638" s="98"/>
      <c r="Z3638" s="143"/>
      <c r="AA3638" s="137"/>
      <c r="AB3638" s="137"/>
      <c r="AC3638" s="137"/>
      <c r="AD3638" s="137"/>
      <c r="AE3638" s="137"/>
      <c r="AF3638" s="137"/>
      <c r="AG3638" s="137"/>
      <c r="AH3638" s="137"/>
      <c r="AI3638" s="137"/>
      <c r="AJ3638" s="137"/>
      <c r="AK3638" s="206"/>
      <c r="AL3638" s="206"/>
      <c r="AM3638" s="143"/>
      <c r="AN3638" s="137"/>
      <c r="AO3638" s="137"/>
      <c r="AP3638" s="137"/>
      <c r="AQ3638" s="137"/>
      <c r="AR3638" s="137"/>
      <c r="AS3638" s="137"/>
      <c r="AT3638" s="137"/>
      <c r="AU3638" s="137"/>
      <c r="AV3638" s="137"/>
      <c r="AW3638" s="144"/>
    </row>
    <row r="3639" spans="2:49" x14ac:dyDescent="0.2">
      <c r="B3639" s="97"/>
      <c r="J3639" s="98"/>
      <c r="K3639" s="97"/>
      <c r="N3639" s="3"/>
      <c r="W3639" s="98"/>
      <c r="Z3639" s="143"/>
      <c r="AA3639" s="137"/>
      <c r="AB3639" s="137"/>
      <c r="AC3639" s="137"/>
      <c r="AD3639" s="137"/>
      <c r="AE3639" s="137"/>
      <c r="AF3639" s="137"/>
      <c r="AG3639" s="137"/>
      <c r="AH3639" s="137"/>
      <c r="AI3639" s="137"/>
      <c r="AJ3639" s="137"/>
      <c r="AK3639" s="206"/>
      <c r="AL3639" s="206"/>
      <c r="AM3639" s="143"/>
      <c r="AN3639" s="137"/>
      <c r="AO3639" s="137"/>
      <c r="AP3639" s="137"/>
      <c r="AQ3639" s="137"/>
      <c r="AR3639" s="137"/>
      <c r="AS3639" s="137"/>
      <c r="AT3639" s="137"/>
      <c r="AU3639" s="137"/>
      <c r="AV3639" s="137"/>
      <c r="AW3639" s="144"/>
    </row>
    <row r="3640" spans="2:49" x14ac:dyDescent="0.2">
      <c r="B3640" s="97"/>
      <c r="J3640" s="98"/>
      <c r="K3640" s="97"/>
      <c r="N3640" s="3"/>
      <c r="W3640" s="98"/>
      <c r="Z3640" s="143"/>
      <c r="AA3640" s="137"/>
      <c r="AB3640" s="137"/>
      <c r="AC3640" s="137"/>
      <c r="AD3640" s="137"/>
      <c r="AE3640" s="137"/>
      <c r="AF3640" s="137"/>
      <c r="AG3640" s="137"/>
      <c r="AH3640" s="137"/>
      <c r="AI3640" s="137"/>
      <c r="AJ3640" s="137"/>
      <c r="AK3640" s="206"/>
      <c r="AL3640" s="206"/>
      <c r="AM3640" s="143"/>
      <c r="AN3640" s="137"/>
      <c r="AO3640" s="137"/>
      <c r="AP3640" s="137"/>
      <c r="AQ3640" s="137"/>
      <c r="AR3640" s="137"/>
      <c r="AS3640" s="137"/>
      <c r="AT3640" s="137"/>
      <c r="AU3640" s="137"/>
      <c r="AV3640" s="137"/>
      <c r="AW3640" s="144"/>
    </row>
    <row r="3641" spans="2:49" x14ac:dyDescent="0.2">
      <c r="B3641" s="97"/>
      <c r="J3641" s="98"/>
      <c r="K3641" s="97"/>
      <c r="N3641" s="3"/>
      <c r="W3641" s="98"/>
      <c r="Z3641" s="143"/>
      <c r="AA3641" s="137"/>
      <c r="AB3641" s="137"/>
      <c r="AC3641" s="137"/>
      <c r="AD3641" s="137"/>
      <c r="AE3641" s="137"/>
      <c r="AF3641" s="137"/>
      <c r="AG3641" s="137"/>
      <c r="AH3641" s="137"/>
      <c r="AI3641" s="137"/>
      <c r="AJ3641" s="137"/>
      <c r="AK3641" s="206"/>
      <c r="AL3641" s="206"/>
      <c r="AM3641" s="143"/>
      <c r="AN3641" s="137"/>
      <c r="AO3641" s="137"/>
      <c r="AP3641" s="137"/>
      <c r="AQ3641" s="137"/>
      <c r="AR3641" s="137"/>
      <c r="AS3641" s="137"/>
      <c r="AT3641" s="137"/>
      <c r="AU3641" s="137"/>
      <c r="AV3641" s="137"/>
      <c r="AW3641" s="144"/>
    </row>
    <row r="3642" spans="2:49" x14ac:dyDescent="0.2">
      <c r="B3642" s="97"/>
      <c r="J3642" s="98"/>
      <c r="K3642" s="97"/>
      <c r="N3642" s="3"/>
      <c r="W3642" s="98"/>
      <c r="Z3642" s="143"/>
      <c r="AA3642" s="137"/>
      <c r="AB3642" s="137"/>
      <c r="AC3642" s="137"/>
      <c r="AD3642" s="137"/>
      <c r="AE3642" s="137"/>
      <c r="AF3642" s="137"/>
      <c r="AG3642" s="137"/>
      <c r="AH3642" s="137"/>
      <c r="AI3642" s="137"/>
      <c r="AJ3642" s="137"/>
      <c r="AK3642" s="206"/>
      <c r="AL3642" s="206"/>
      <c r="AM3642" s="143"/>
      <c r="AN3642" s="137"/>
      <c r="AO3642" s="137"/>
      <c r="AP3642" s="137"/>
      <c r="AQ3642" s="137"/>
      <c r="AR3642" s="137"/>
      <c r="AS3642" s="137"/>
      <c r="AT3642" s="137"/>
      <c r="AU3642" s="137"/>
      <c r="AV3642" s="137"/>
      <c r="AW3642" s="144"/>
    </row>
    <row r="3643" spans="2:49" x14ac:dyDescent="0.2">
      <c r="B3643" s="97"/>
      <c r="J3643" s="98"/>
      <c r="K3643" s="97"/>
      <c r="N3643" s="3"/>
      <c r="W3643" s="98"/>
      <c r="Z3643" s="143"/>
      <c r="AA3643" s="137"/>
      <c r="AB3643" s="137"/>
      <c r="AC3643" s="137"/>
      <c r="AD3643" s="137"/>
      <c r="AE3643" s="137"/>
      <c r="AF3643" s="137"/>
      <c r="AG3643" s="137"/>
      <c r="AH3643" s="137"/>
      <c r="AI3643" s="137"/>
      <c r="AJ3643" s="137"/>
      <c r="AK3643" s="206"/>
      <c r="AL3643" s="206"/>
      <c r="AM3643" s="143"/>
      <c r="AN3643" s="137"/>
      <c r="AO3643" s="137"/>
      <c r="AP3643" s="137"/>
      <c r="AQ3643" s="137"/>
      <c r="AR3643" s="137"/>
      <c r="AS3643" s="137"/>
      <c r="AT3643" s="137"/>
      <c r="AU3643" s="137"/>
      <c r="AV3643" s="137"/>
      <c r="AW3643" s="144"/>
    </row>
    <row r="3644" spans="2:49" x14ac:dyDescent="0.2">
      <c r="B3644" s="97"/>
      <c r="J3644" s="98"/>
      <c r="K3644" s="97"/>
      <c r="N3644" s="3"/>
      <c r="W3644" s="98"/>
      <c r="Z3644" s="143"/>
      <c r="AA3644" s="137"/>
      <c r="AB3644" s="137"/>
      <c r="AC3644" s="137"/>
      <c r="AD3644" s="137"/>
      <c r="AE3644" s="137"/>
      <c r="AF3644" s="137"/>
      <c r="AG3644" s="137"/>
      <c r="AH3644" s="137"/>
      <c r="AI3644" s="137"/>
      <c r="AJ3644" s="137"/>
      <c r="AK3644" s="206"/>
      <c r="AL3644" s="206"/>
      <c r="AM3644" s="143"/>
      <c r="AN3644" s="137"/>
      <c r="AO3644" s="137"/>
      <c r="AP3644" s="137"/>
      <c r="AQ3644" s="137"/>
      <c r="AR3644" s="137"/>
      <c r="AS3644" s="137"/>
      <c r="AT3644" s="137"/>
      <c r="AU3644" s="137"/>
      <c r="AV3644" s="137"/>
      <c r="AW3644" s="144"/>
    </row>
    <row r="3645" spans="2:49" x14ac:dyDescent="0.2">
      <c r="B3645" s="97"/>
      <c r="J3645" s="98"/>
      <c r="K3645" s="97"/>
      <c r="N3645" s="3"/>
      <c r="W3645" s="98"/>
      <c r="Z3645" s="143"/>
      <c r="AA3645" s="137"/>
      <c r="AB3645" s="137"/>
      <c r="AC3645" s="137"/>
      <c r="AD3645" s="137"/>
      <c r="AE3645" s="137"/>
      <c r="AF3645" s="137"/>
      <c r="AG3645" s="137"/>
      <c r="AH3645" s="137"/>
      <c r="AI3645" s="137"/>
      <c r="AJ3645" s="137"/>
      <c r="AK3645" s="206"/>
      <c r="AL3645" s="206"/>
      <c r="AM3645" s="143"/>
      <c r="AN3645" s="137"/>
      <c r="AO3645" s="137"/>
      <c r="AP3645" s="137"/>
      <c r="AQ3645" s="137"/>
      <c r="AR3645" s="137"/>
      <c r="AS3645" s="137"/>
      <c r="AT3645" s="137"/>
      <c r="AU3645" s="137"/>
      <c r="AV3645" s="137"/>
      <c r="AW3645" s="144"/>
    </row>
    <row r="3646" spans="2:49" x14ac:dyDescent="0.2">
      <c r="B3646" s="97"/>
      <c r="J3646" s="98"/>
      <c r="K3646" s="97"/>
      <c r="N3646" s="3"/>
      <c r="W3646" s="98"/>
      <c r="Z3646" s="143"/>
      <c r="AA3646" s="137"/>
      <c r="AB3646" s="137"/>
      <c r="AC3646" s="137"/>
      <c r="AD3646" s="137"/>
      <c r="AE3646" s="137"/>
      <c r="AF3646" s="137"/>
      <c r="AG3646" s="137"/>
      <c r="AH3646" s="137"/>
      <c r="AI3646" s="137"/>
      <c r="AJ3646" s="137"/>
      <c r="AK3646" s="206"/>
      <c r="AL3646" s="206"/>
      <c r="AM3646" s="143"/>
      <c r="AN3646" s="137"/>
      <c r="AO3646" s="137"/>
      <c r="AP3646" s="137"/>
      <c r="AQ3646" s="137"/>
      <c r="AR3646" s="137"/>
      <c r="AS3646" s="137"/>
      <c r="AT3646" s="137"/>
      <c r="AU3646" s="137"/>
      <c r="AV3646" s="137"/>
      <c r="AW3646" s="144"/>
    </row>
    <row r="3647" spans="2:49" x14ac:dyDescent="0.2">
      <c r="B3647" s="97"/>
      <c r="J3647" s="98"/>
      <c r="K3647" s="97"/>
      <c r="N3647" s="3"/>
      <c r="W3647" s="98"/>
      <c r="Z3647" s="143"/>
      <c r="AA3647" s="137"/>
      <c r="AB3647" s="137"/>
      <c r="AC3647" s="137"/>
      <c r="AD3647" s="137"/>
      <c r="AE3647" s="137"/>
      <c r="AF3647" s="137"/>
      <c r="AG3647" s="137"/>
      <c r="AH3647" s="137"/>
      <c r="AI3647" s="137"/>
      <c r="AJ3647" s="137"/>
      <c r="AK3647" s="206"/>
      <c r="AL3647" s="206"/>
      <c r="AM3647" s="143"/>
      <c r="AN3647" s="137"/>
      <c r="AO3647" s="137"/>
      <c r="AP3647" s="137"/>
      <c r="AQ3647" s="137"/>
      <c r="AR3647" s="137"/>
      <c r="AS3647" s="137"/>
      <c r="AT3647" s="137"/>
      <c r="AU3647" s="137"/>
      <c r="AV3647" s="137"/>
      <c r="AW3647" s="144"/>
    </row>
    <row r="3648" spans="2:49" x14ac:dyDescent="0.2">
      <c r="B3648" s="97"/>
      <c r="J3648" s="98"/>
      <c r="K3648" s="97"/>
      <c r="N3648" s="3"/>
      <c r="W3648" s="98"/>
      <c r="Z3648" s="143"/>
      <c r="AA3648" s="137"/>
      <c r="AB3648" s="137"/>
      <c r="AC3648" s="137"/>
      <c r="AD3648" s="137"/>
      <c r="AE3648" s="137"/>
      <c r="AF3648" s="137"/>
      <c r="AG3648" s="137"/>
      <c r="AH3648" s="137"/>
      <c r="AI3648" s="137"/>
      <c r="AJ3648" s="137"/>
      <c r="AK3648" s="206"/>
      <c r="AL3648" s="206"/>
      <c r="AM3648" s="143"/>
      <c r="AN3648" s="137"/>
      <c r="AO3648" s="137"/>
      <c r="AP3648" s="137"/>
      <c r="AQ3648" s="137"/>
      <c r="AR3648" s="137"/>
      <c r="AS3648" s="137"/>
      <c r="AT3648" s="137"/>
      <c r="AU3648" s="137"/>
      <c r="AV3648" s="137"/>
      <c r="AW3648" s="144"/>
    </row>
    <row r="3649" spans="2:49" x14ac:dyDescent="0.2">
      <c r="B3649" s="97"/>
      <c r="J3649" s="98"/>
      <c r="K3649" s="97"/>
      <c r="N3649" s="3"/>
      <c r="W3649" s="98"/>
      <c r="Z3649" s="143"/>
      <c r="AA3649" s="137"/>
      <c r="AB3649" s="137"/>
      <c r="AC3649" s="137"/>
      <c r="AD3649" s="137"/>
      <c r="AE3649" s="137"/>
      <c r="AF3649" s="137"/>
      <c r="AG3649" s="137"/>
      <c r="AH3649" s="137"/>
      <c r="AI3649" s="137"/>
      <c r="AJ3649" s="137"/>
      <c r="AK3649" s="206"/>
      <c r="AL3649" s="206"/>
      <c r="AM3649" s="143"/>
      <c r="AN3649" s="137"/>
      <c r="AO3649" s="137"/>
      <c r="AP3649" s="137"/>
      <c r="AQ3649" s="137"/>
      <c r="AR3649" s="137"/>
      <c r="AS3649" s="137"/>
      <c r="AT3649" s="137"/>
      <c r="AU3649" s="137"/>
      <c r="AV3649" s="137"/>
      <c r="AW3649" s="144"/>
    </row>
    <row r="3650" spans="2:49" x14ac:dyDescent="0.2">
      <c r="B3650" s="97"/>
      <c r="J3650" s="98"/>
      <c r="K3650" s="97"/>
      <c r="N3650" s="3"/>
      <c r="W3650" s="98"/>
      <c r="Z3650" s="143"/>
      <c r="AA3650" s="137"/>
      <c r="AB3650" s="137"/>
      <c r="AC3650" s="137"/>
      <c r="AD3650" s="137"/>
      <c r="AE3650" s="137"/>
      <c r="AF3650" s="137"/>
      <c r="AG3650" s="137"/>
      <c r="AH3650" s="137"/>
      <c r="AI3650" s="137"/>
      <c r="AJ3650" s="137"/>
      <c r="AK3650" s="206"/>
      <c r="AL3650" s="206"/>
      <c r="AM3650" s="143"/>
      <c r="AN3650" s="137"/>
      <c r="AO3650" s="137"/>
      <c r="AP3650" s="137"/>
      <c r="AQ3650" s="137"/>
      <c r="AR3650" s="137"/>
      <c r="AS3650" s="137"/>
      <c r="AT3650" s="137"/>
      <c r="AU3650" s="137"/>
      <c r="AV3650" s="137"/>
      <c r="AW3650" s="144"/>
    </row>
    <row r="3651" spans="2:49" x14ac:dyDescent="0.2">
      <c r="B3651" s="97"/>
      <c r="J3651" s="98"/>
      <c r="K3651" s="97"/>
      <c r="N3651" s="3"/>
      <c r="W3651" s="98"/>
      <c r="Z3651" s="143"/>
      <c r="AA3651" s="137"/>
      <c r="AB3651" s="137"/>
      <c r="AC3651" s="137"/>
      <c r="AD3651" s="137"/>
      <c r="AE3651" s="137"/>
      <c r="AF3651" s="137"/>
      <c r="AG3651" s="137"/>
      <c r="AH3651" s="137"/>
      <c r="AI3651" s="137"/>
      <c r="AJ3651" s="137"/>
      <c r="AK3651" s="206"/>
      <c r="AL3651" s="206"/>
      <c r="AM3651" s="143"/>
      <c r="AN3651" s="137"/>
      <c r="AO3651" s="137"/>
      <c r="AP3651" s="137"/>
      <c r="AQ3651" s="137"/>
      <c r="AR3651" s="137"/>
      <c r="AS3651" s="137"/>
      <c r="AT3651" s="137"/>
      <c r="AU3651" s="137"/>
      <c r="AV3651" s="137"/>
      <c r="AW3651" s="144"/>
    </row>
    <row r="3652" spans="2:49" x14ac:dyDescent="0.2">
      <c r="B3652" s="97"/>
      <c r="J3652" s="98"/>
      <c r="K3652" s="97"/>
      <c r="N3652" s="3"/>
      <c r="W3652" s="98"/>
      <c r="Z3652" s="143"/>
      <c r="AA3652" s="137"/>
      <c r="AB3652" s="137"/>
      <c r="AC3652" s="137"/>
      <c r="AD3652" s="137"/>
      <c r="AE3652" s="137"/>
      <c r="AF3652" s="137"/>
      <c r="AG3652" s="137"/>
      <c r="AH3652" s="137"/>
      <c r="AI3652" s="137"/>
      <c r="AJ3652" s="137"/>
      <c r="AK3652" s="206"/>
      <c r="AL3652" s="206"/>
      <c r="AM3652" s="143"/>
      <c r="AN3652" s="137"/>
      <c r="AO3652" s="137"/>
      <c r="AP3652" s="137"/>
      <c r="AQ3652" s="137"/>
      <c r="AR3652" s="137"/>
      <c r="AS3652" s="137"/>
      <c r="AT3652" s="137"/>
      <c r="AU3652" s="137"/>
      <c r="AV3652" s="137"/>
      <c r="AW3652" s="144"/>
    </row>
    <row r="3653" spans="2:49" x14ac:dyDescent="0.2">
      <c r="B3653" s="97"/>
      <c r="J3653" s="98"/>
      <c r="K3653" s="97"/>
      <c r="N3653" s="3"/>
      <c r="W3653" s="98"/>
      <c r="Z3653" s="143"/>
      <c r="AA3653" s="137"/>
      <c r="AB3653" s="137"/>
      <c r="AC3653" s="137"/>
      <c r="AD3653" s="137"/>
      <c r="AE3653" s="137"/>
      <c r="AF3653" s="137"/>
      <c r="AG3653" s="137"/>
      <c r="AH3653" s="137"/>
      <c r="AI3653" s="137"/>
      <c r="AJ3653" s="137"/>
      <c r="AK3653" s="206"/>
      <c r="AL3653" s="206"/>
      <c r="AM3653" s="143"/>
      <c r="AN3653" s="137"/>
      <c r="AO3653" s="137"/>
      <c r="AP3653" s="137"/>
      <c r="AQ3653" s="137"/>
      <c r="AR3653" s="137"/>
      <c r="AS3653" s="137"/>
      <c r="AT3653" s="137"/>
      <c r="AU3653" s="137"/>
      <c r="AV3653" s="137"/>
      <c r="AW3653" s="144"/>
    </row>
    <row r="3654" spans="2:49" x14ac:dyDescent="0.2">
      <c r="B3654" s="97"/>
      <c r="J3654" s="98"/>
      <c r="K3654" s="97"/>
      <c r="N3654" s="3"/>
      <c r="W3654" s="98"/>
      <c r="Z3654" s="143"/>
      <c r="AA3654" s="137"/>
      <c r="AB3654" s="137"/>
      <c r="AC3654" s="137"/>
      <c r="AD3654" s="137"/>
      <c r="AE3654" s="137"/>
      <c r="AF3654" s="137"/>
      <c r="AG3654" s="137"/>
      <c r="AH3654" s="137"/>
      <c r="AI3654" s="137"/>
      <c r="AJ3654" s="137"/>
      <c r="AK3654" s="206"/>
      <c r="AL3654" s="206"/>
      <c r="AM3654" s="143"/>
      <c r="AN3654" s="137"/>
      <c r="AO3654" s="137"/>
      <c r="AP3654" s="137"/>
      <c r="AQ3654" s="137"/>
      <c r="AR3654" s="137"/>
      <c r="AS3654" s="137"/>
      <c r="AT3654" s="137"/>
      <c r="AU3654" s="137"/>
      <c r="AV3654" s="137"/>
      <c r="AW3654" s="144"/>
    </row>
    <row r="3655" spans="2:49" x14ac:dyDescent="0.2">
      <c r="B3655" s="97"/>
      <c r="J3655" s="98"/>
      <c r="K3655" s="97"/>
      <c r="N3655" s="3"/>
      <c r="W3655" s="98"/>
      <c r="Z3655" s="143"/>
      <c r="AA3655" s="137"/>
      <c r="AB3655" s="137"/>
      <c r="AC3655" s="137"/>
      <c r="AD3655" s="137"/>
      <c r="AE3655" s="137"/>
      <c r="AF3655" s="137"/>
      <c r="AG3655" s="137"/>
      <c r="AH3655" s="137"/>
      <c r="AI3655" s="137"/>
      <c r="AJ3655" s="137"/>
      <c r="AK3655" s="206"/>
      <c r="AL3655" s="206"/>
      <c r="AM3655" s="143"/>
      <c r="AN3655" s="137"/>
      <c r="AO3655" s="137"/>
      <c r="AP3655" s="137"/>
      <c r="AQ3655" s="137"/>
      <c r="AR3655" s="137"/>
      <c r="AS3655" s="137"/>
      <c r="AT3655" s="137"/>
      <c r="AU3655" s="137"/>
      <c r="AV3655" s="137"/>
      <c r="AW3655" s="144"/>
    </row>
    <row r="3656" spans="2:49" x14ac:dyDescent="0.2">
      <c r="B3656" s="97"/>
      <c r="J3656" s="98"/>
      <c r="K3656" s="97"/>
      <c r="N3656" s="3"/>
      <c r="W3656" s="98"/>
      <c r="Z3656" s="143"/>
      <c r="AA3656" s="137"/>
      <c r="AB3656" s="137"/>
      <c r="AC3656" s="137"/>
      <c r="AD3656" s="137"/>
      <c r="AE3656" s="137"/>
      <c r="AF3656" s="137"/>
      <c r="AG3656" s="137"/>
      <c r="AH3656" s="137"/>
      <c r="AI3656" s="137"/>
      <c r="AJ3656" s="137"/>
      <c r="AK3656" s="206"/>
      <c r="AL3656" s="206"/>
      <c r="AM3656" s="143"/>
      <c r="AN3656" s="137"/>
      <c r="AO3656" s="137"/>
      <c r="AP3656" s="137"/>
      <c r="AQ3656" s="137"/>
      <c r="AR3656" s="137"/>
      <c r="AS3656" s="137"/>
      <c r="AT3656" s="137"/>
      <c r="AU3656" s="137"/>
      <c r="AV3656" s="137"/>
      <c r="AW3656" s="144"/>
    </row>
    <row r="3657" spans="2:49" x14ac:dyDescent="0.2">
      <c r="B3657" s="97"/>
      <c r="J3657" s="98"/>
      <c r="K3657" s="97"/>
      <c r="N3657" s="3"/>
      <c r="W3657" s="98"/>
      <c r="Z3657" s="143"/>
      <c r="AA3657" s="137"/>
      <c r="AB3657" s="137"/>
      <c r="AC3657" s="137"/>
      <c r="AD3657" s="137"/>
      <c r="AE3657" s="137"/>
      <c r="AF3657" s="137"/>
      <c r="AG3657" s="137"/>
      <c r="AH3657" s="137"/>
      <c r="AI3657" s="137"/>
      <c r="AJ3657" s="137"/>
      <c r="AK3657" s="206"/>
      <c r="AL3657" s="206"/>
      <c r="AM3657" s="143"/>
      <c r="AN3657" s="137"/>
      <c r="AO3657" s="137"/>
      <c r="AP3657" s="137"/>
      <c r="AQ3657" s="137"/>
      <c r="AR3657" s="137"/>
      <c r="AS3657" s="137"/>
      <c r="AT3657" s="137"/>
      <c r="AU3657" s="137"/>
      <c r="AV3657" s="137"/>
      <c r="AW3657" s="144"/>
    </row>
    <row r="3658" spans="2:49" x14ac:dyDescent="0.2">
      <c r="B3658" s="97"/>
      <c r="J3658" s="98"/>
      <c r="K3658" s="97"/>
      <c r="N3658" s="3"/>
      <c r="W3658" s="98"/>
      <c r="Z3658" s="143"/>
      <c r="AA3658" s="137"/>
      <c r="AB3658" s="137"/>
      <c r="AC3658" s="137"/>
      <c r="AD3658" s="137"/>
      <c r="AE3658" s="137"/>
      <c r="AF3658" s="137"/>
      <c r="AG3658" s="137"/>
      <c r="AH3658" s="137"/>
      <c r="AI3658" s="137"/>
      <c r="AJ3658" s="137"/>
      <c r="AK3658" s="206"/>
      <c r="AL3658" s="206"/>
      <c r="AM3658" s="143"/>
      <c r="AN3658" s="137"/>
      <c r="AO3658" s="137"/>
      <c r="AP3658" s="137"/>
      <c r="AQ3658" s="137"/>
      <c r="AR3658" s="137"/>
      <c r="AS3658" s="137"/>
      <c r="AT3658" s="137"/>
      <c r="AU3658" s="137"/>
      <c r="AV3658" s="137"/>
      <c r="AW3658" s="144"/>
    </row>
    <row r="3659" spans="2:49" x14ac:dyDescent="0.2">
      <c r="B3659" s="97"/>
      <c r="J3659" s="98"/>
      <c r="K3659" s="97"/>
      <c r="N3659" s="3"/>
      <c r="W3659" s="98"/>
      <c r="Z3659" s="143"/>
      <c r="AA3659" s="137"/>
      <c r="AB3659" s="137"/>
      <c r="AC3659" s="137"/>
      <c r="AD3659" s="137"/>
      <c r="AE3659" s="137"/>
      <c r="AF3659" s="137"/>
      <c r="AG3659" s="137"/>
      <c r="AH3659" s="137"/>
      <c r="AI3659" s="137"/>
      <c r="AJ3659" s="137"/>
      <c r="AK3659" s="206"/>
      <c r="AL3659" s="206"/>
      <c r="AM3659" s="143"/>
      <c r="AN3659" s="137"/>
      <c r="AO3659" s="137"/>
      <c r="AP3659" s="137"/>
      <c r="AQ3659" s="137"/>
      <c r="AR3659" s="137"/>
      <c r="AS3659" s="137"/>
      <c r="AT3659" s="137"/>
      <c r="AU3659" s="137"/>
      <c r="AV3659" s="137"/>
      <c r="AW3659" s="144"/>
    </row>
    <row r="3660" spans="2:49" x14ac:dyDescent="0.2">
      <c r="B3660" s="97"/>
      <c r="J3660" s="98"/>
      <c r="K3660" s="97"/>
      <c r="N3660" s="3"/>
      <c r="W3660" s="98"/>
      <c r="Z3660" s="143"/>
      <c r="AA3660" s="137"/>
      <c r="AB3660" s="137"/>
      <c r="AC3660" s="137"/>
      <c r="AD3660" s="137"/>
      <c r="AE3660" s="137"/>
      <c r="AF3660" s="137"/>
      <c r="AG3660" s="137"/>
      <c r="AH3660" s="137"/>
      <c r="AI3660" s="137"/>
      <c r="AJ3660" s="137"/>
      <c r="AK3660" s="206"/>
      <c r="AL3660" s="206"/>
      <c r="AM3660" s="143"/>
      <c r="AN3660" s="137"/>
      <c r="AO3660" s="137"/>
      <c r="AP3660" s="137"/>
      <c r="AQ3660" s="137"/>
      <c r="AR3660" s="137"/>
      <c r="AS3660" s="137"/>
      <c r="AT3660" s="137"/>
      <c r="AU3660" s="137"/>
      <c r="AV3660" s="137"/>
      <c r="AW3660" s="144"/>
    </row>
    <row r="3661" spans="2:49" x14ac:dyDescent="0.2">
      <c r="B3661" s="97"/>
      <c r="J3661" s="98"/>
      <c r="K3661" s="97"/>
      <c r="N3661" s="3"/>
      <c r="W3661" s="98"/>
      <c r="Z3661" s="143"/>
      <c r="AA3661" s="137"/>
      <c r="AB3661" s="137"/>
      <c r="AC3661" s="137"/>
      <c r="AD3661" s="137"/>
      <c r="AE3661" s="137"/>
      <c r="AF3661" s="137"/>
      <c r="AG3661" s="137"/>
      <c r="AH3661" s="137"/>
      <c r="AI3661" s="137"/>
      <c r="AJ3661" s="137"/>
      <c r="AK3661" s="206"/>
      <c r="AL3661" s="206"/>
      <c r="AM3661" s="143"/>
      <c r="AN3661" s="137"/>
      <c r="AO3661" s="137"/>
      <c r="AP3661" s="137"/>
      <c r="AQ3661" s="137"/>
      <c r="AR3661" s="137"/>
      <c r="AS3661" s="137"/>
      <c r="AT3661" s="137"/>
      <c r="AU3661" s="137"/>
      <c r="AV3661" s="137"/>
      <c r="AW3661" s="144"/>
    </row>
    <row r="3662" spans="2:49" x14ac:dyDescent="0.2">
      <c r="B3662" s="97"/>
      <c r="J3662" s="98"/>
      <c r="K3662" s="97"/>
      <c r="N3662" s="3"/>
      <c r="W3662" s="98"/>
      <c r="Z3662" s="143"/>
      <c r="AA3662" s="137"/>
      <c r="AB3662" s="137"/>
      <c r="AC3662" s="137"/>
      <c r="AD3662" s="137"/>
      <c r="AE3662" s="137"/>
      <c r="AF3662" s="137"/>
      <c r="AG3662" s="137"/>
      <c r="AH3662" s="137"/>
      <c r="AI3662" s="137"/>
      <c r="AJ3662" s="137"/>
      <c r="AK3662" s="206"/>
      <c r="AL3662" s="206"/>
      <c r="AM3662" s="143"/>
      <c r="AN3662" s="137"/>
      <c r="AO3662" s="137"/>
      <c r="AP3662" s="137"/>
      <c r="AQ3662" s="137"/>
      <c r="AR3662" s="137"/>
      <c r="AS3662" s="137"/>
      <c r="AT3662" s="137"/>
      <c r="AU3662" s="137"/>
      <c r="AV3662" s="137"/>
      <c r="AW3662" s="144"/>
    </row>
    <row r="3663" spans="2:49" x14ac:dyDescent="0.2">
      <c r="B3663" s="97"/>
      <c r="J3663" s="98"/>
      <c r="K3663" s="97"/>
      <c r="N3663" s="3"/>
      <c r="W3663" s="98"/>
      <c r="Z3663" s="143"/>
      <c r="AA3663" s="137"/>
      <c r="AB3663" s="137"/>
      <c r="AC3663" s="137"/>
      <c r="AD3663" s="137"/>
      <c r="AE3663" s="137"/>
      <c r="AF3663" s="137"/>
      <c r="AG3663" s="137"/>
      <c r="AH3663" s="137"/>
      <c r="AI3663" s="137"/>
      <c r="AJ3663" s="137"/>
      <c r="AK3663" s="206"/>
      <c r="AL3663" s="206"/>
      <c r="AM3663" s="143"/>
      <c r="AN3663" s="137"/>
      <c r="AO3663" s="137"/>
      <c r="AP3663" s="137"/>
      <c r="AQ3663" s="137"/>
      <c r="AR3663" s="137"/>
      <c r="AS3663" s="137"/>
      <c r="AT3663" s="137"/>
      <c r="AU3663" s="137"/>
      <c r="AV3663" s="137"/>
      <c r="AW3663" s="144"/>
    </row>
    <row r="3664" spans="2:49" x14ac:dyDescent="0.2">
      <c r="B3664" s="97"/>
      <c r="J3664" s="98"/>
      <c r="K3664" s="97"/>
      <c r="N3664" s="3"/>
      <c r="W3664" s="98"/>
      <c r="Z3664" s="143"/>
      <c r="AA3664" s="137"/>
      <c r="AB3664" s="137"/>
      <c r="AC3664" s="137"/>
      <c r="AD3664" s="137"/>
      <c r="AE3664" s="137"/>
      <c r="AF3664" s="137"/>
      <c r="AG3664" s="137"/>
      <c r="AH3664" s="137"/>
      <c r="AI3664" s="137"/>
      <c r="AJ3664" s="137"/>
      <c r="AK3664" s="206"/>
      <c r="AL3664" s="206"/>
      <c r="AM3664" s="143"/>
      <c r="AN3664" s="137"/>
      <c r="AO3664" s="137"/>
      <c r="AP3664" s="137"/>
      <c r="AQ3664" s="137"/>
      <c r="AR3664" s="137"/>
      <c r="AS3664" s="137"/>
      <c r="AT3664" s="137"/>
      <c r="AU3664" s="137"/>
      <c r="AV3664" s="137"/>
      <c r="AW3664" s="144"/>
    </row>
    <row r="3665" spans="2:49" x14ac:dyDescent="0.2">
      <c r="B3665" s="97"/>
      <c r="J3665" s="98"/>
      <c r="K3665" s="97"/>
      <c r="N3665" s="3"/>
      <c r="W3665" s="98"/>
      <c r="Z3665" s="143"/>
      <c r="AA3665" s="137"/>
      <c r="AB3665" s="137"/>
      <c r="AC3665" s="137"/>
      <c r="AD3665" s="137"/>
      <c r="AE3665" s="137"/>
      <c r="AF3665" s="137"/>
      <c r="AG3665" s="137"/>
      <c r="AH3665" s="137"/>
      <c r="AI3665" s="137"/>
      <c r="AJ3665" s="137"/>
      <c r="AK3665" s="206"/>
      <c r="AL3665" s="206"/>
      <c r="AM3665" s="143"/>
      <c r="AN3665" s="137"/>
      <c r="AO3665" s="137"/>
      <c r="AP3665" s="137"/>
      <c r="AQ3665" s="137"/>
      <c r="AR3665" s="137"/>
      <c r="AS3665" s="137"/>
      <c r="AT3665" s="137"/>
      <c r="AU3665" s="137"/>
      <c r="AV3665" s="137"/>
      <c r="AW3665" s="144"/>
    </row>
    <row r="3666" spans="2:49" x14ac:dyDescent="0.2">
      <c r="B3666" s="97"/>
      <c r="J3666" s="98"/>
      <c r="K3666" s="97"/>
      <c r="N3666" s="3"/>
      <c r="W3666" s="98"/>
      <c r="Z3666" s="143"/>
      <c r="AA3666" s="137"/>
      <c r="AB3666" s="137"/>
      <c r="AC3666" s="137"/>
      <c r="AD3666" s="137"/>
      <c r="AE3666" s="137"/>
      <c r="AF3666" s="137"/>
      <c r="AG3666" s="137"/>
      <c r="AH3666" s="137"/>
      <c r="AI3666" s="137"/>
      <c r="AJ3666" s="137"/>
      <c r="AK3666" s="206"/>
      <c r="AL3666" s="206"/>
      <c r="AM3666" s="143"/>
      <c r="AN3666" s="137"/>
      <c r="AO3666" s="137"/>
      <c r="AP3666" s="137"/>
      <c r="AQ3666" s="137"/>
      <c r="AR3666" s="137"/>
      <c r="AS3666" s="137"/>
      <c r="AT3666" s="137"/>
      <c r="AU3666" s="137"/>
      <c r="AV3666" s="137"/>
      <c r="AW3666" s="144"/>
    </row>
    <row r="3667" spans="2:49" x14ac:dyDescent="0.2">
      <c r="B3667" s="97"/>
      <c r="J3667" s="98"/>
      <c r="K3667" s="97"/>
      <c r="N3667" s="3"/>
      <c r="W3667" s="98"/>
      <c r="Z3667" s="143"/>
      <c r="AA3667" s="137"/>
      <c r="AB3667" s="137"/>
      <c r="AC3667" s="137"/>
      <c r="AD3667" s="137"/>
      <c r="AE3667" s="137"/>
      <c r="AF3667" s="137"/>
      <c r="AG3667" s="137"/>
      <c r="AH3667" s="137"/>
      <c r="AI3667" s="137"/>
      <c r="AJ3667" s="137"/>
      <c r="AK3667" s="206"/>
      <c r="AL3667" s="206"/>
      <c r="AM3667" s="143"/>
      <c r="AN3667" s="137"/>
      <c r="AO3667" s="137"/>
      <c r="AP3667" s="137"/>
      <c r="AQ3667" s="137"/>
      <c r="AR3667" s="137"/>
      <c r="AS3667" s="137"/>
      <c r="AT3667" s="137"/>
      <c r="AU3667" s="137"/>
      <c r="AV3667" s="137"/>
      <c r="AW3667" s="144"/>
    </row>
    <row r="3668" spans="2:49" x14ac:dyDescent="0.2">
      <c r="B3668" s="97"/>
      <c r="J3668" s="98"/>
      <c r="K3668" s="97"/>
      <c r="N3668" s="3"/>
      <c r="W3668" s="98"/>
      <c r="Z3668" s="143"/>
      <c r="AA3668" s="137"/>
      <c r="AB3668" s="137"/>
      <c r="AC3668" s="137"/>
      <c r="AD3668" s="137"/>
      <c r="AE3668" s="137"/>
      <c r="AF3668" s="137"/>
      <c r="AG3668" s="137"/>
      <c r="AH3668" s="137"/>
      <c r="AI3668" s="137"/>
      <c r="AJ3668" s="137"/>
      <c r="AK3668" s="206"/>
      <c r="AL3668" s="206"/>
      <c r="AM3668" s="143"/>
      <c r="AN3668" s="137"/>
      <c r="AO3668" s="137"/>
      <c r="AP3668" s="137"/>
      <c r="AQ3668" s="137"/>
      <c r="AR3668" s="137"/>
      <c r="AS3668" s="137"/>
      <c r="AT3668" s="137"/>
      <c r="AU3668" s="137"/>
      <c r="AV3668" s="137"/>
      <c r="AW3668" s="144"/>
    </row>
    <row r="3669" spans="2:49" x14ac:dyDescent="0.2">
      <c r="B3669" s="97"/>
      <c r="J3669" s="98"/>
      <c r="K3669" s="97"/>
      <c r="N3669" s="3"/>
      <c r="W3669" s="98"/>
      <c r="Z3669" s="143"/>
      <c r="AA3669" s="137"/>
      <c r="AB3669" s="137"/>
      <c r="AC3669" s="137"/>
      <c r="AD3669" s="137"/>
      <c r="AE3669" s="137"/>
      <c r="AF3669" s="137"/>
      <c r="AG3669" s="137"/>
      <c r="AH3669" s="137"/>
      <c r="AI3669" s="137"/>
      <c r="AJ3669" s="137"/>
      <c r="AK3669" s="206"/>
      <c r="AL3669" s="206"/>
      <c r="AM3669" s="143"/>
      <c r="AN3669" s="137"/>
      <c r="AO3669" s="137"/>
      <c r="AP3669" s="137"/>
      <c r="AQ3669" s="137"/>
      <c r="AR3669" s="137"/>
      <c r="AS3669" s="137"/>
      <c r="AT3669" s="137"/>
      <c r="AU3669" s="137"/>
      <c r="AV3669" s="137"/>
      <c r="AW3669" s="144"/>
    </row>
    <row r="3670" spans="2:49" x14ac:dyDescent="0.2">
      <c r="B3670" s="97"/>
      <c r="J3670" s="98"/>
      <c r="K3670" s="97"/>
      <c r="N3670" s="3"/>
      <c r="W3670" s="98"/>
      <c r="Z3670" s="143"/>
      <c r="AA3670" s="137"/>
      <c r="AB3670" s="137"/>
      <c r="AC3670" s="137"/>
      <c r="AD3670" s="137"/>
      <c r="AE3670" s="137"/>
      <c r="AF3670" s="137"/>
      <c r="AG3670" s="137"/>
      <c r="AH3670" s="137"/>
      <c r="AI3670" s="137"/>
      <c r="AJ3670" s="137"/>
      <c r="AK3670" s="206"/>
      <c r="AL3670" s="206"/>
      <c r="AM3670" s="143"/>
      <c r="AN3670" s="137"/>
      <c r="AO3670" s="137"/>
      <c r="AP3670" s="137"/>
      <c r="AQ3670" s="137"/>
      <c r="AR3670" s="137"/>
      <c r="AS3670" s="137"/>
      <c r="AT3670" s="137"/>
      <c r="AU3670" s="137"/>
      <c r="AV3670" s="137"/>
      <c r="AW3670" s="144"/>
    </row>
    <row r="3671" spans="2:49" x14ac:dyDescent="0.2">
      <c r="B3671" s="97"/>
      <c r="J3671" s="98"/>
      <c r="K3671" s="97"/>
      <c r="N3671" s="3"/>
      <c r="W3671" s="98"/>
      <c r="Z3671" s="143"/>
      <c r="AA3671" s="137"/>
      <c r="AB3671" s="137"/>
      <c r="AC3671" s="137"/>
      <c r="AD3671" s="137"/>
      <c r="AE3671" s="137"/>
      <c r="AF3671" s="137"/>
      <c r="AG3671" s="137"/>
      <c r="AH3671" s="137"/>
      <c r="AI3671" s="137"/>
      <c r="AJ3671" s="137"/>
      <c r="AK3671" s="206"/>
      <c r="AL3671" s="206"/>
      <c r="AM3671" s="143"/>
      <c r="AN3671" s="137"/>
      <c r="AO3671" s="137"/>
      <c r="AP3671" s="137"/>
      <c r="AQ3671" s="137"/>
      <c r="AR3671" s="137"/>
      <c r="AS3671" s="137"/>
      <c r="AT3671" s="137"/>
      <c r="AU3671" s="137"/>
      <c r="AV3671" s="137"/>
      <c r="AW3671" s="144"/>
    </row>
    <row r="3672" spans="2:49" x14ac:dyDescent="0.2">
      <c r="B3672" s="97"/>
      <c r="J3672" s="98"/>
      <c r="K3672" s="97"/>
      <c r="N3672" s="3"/>
      <c r="W3672" s="98"/>
      <c r="Z3672" s="143"/>
      <c r="AA3672" s="137"/>
      <c r="AB3672" s="137"/>
      <c r="AC3672" s="137"/>
      <c r="AD3672" s="137"/>
      <c r="AE3672" s="137"/>
      <c r="AF3672" s="137"/>
      <c r="AG3672" s="137"/>
      <c r="AH3672" s="137"/>
      <c r="AI3672" s="137"/>
      <c r="AJ3672" s="137"/>
      <c r="AK3672" s="206"/>
      <c r="AL3672" s="206"/>
      <c r="AM3672" s="143"/>
      <c r="AN3672" s="137"/>
      <c r="AO3672" s="137"/>
      <c r="AP3672" s="137"/>
      <c r="AQ3672" s="137"/>
      <c r="AR3672" s="137"/>
      <c r="AS3672" s="137"/>
      <c r="AT3672" s="137"/>
      <c r="AU3672" s="137"/>
      <c r="AV3672" s="137"/>
      <c r="AW3672" s="144"/>
    </row>
    <row r="3673" spans="2:49" x14ac:dyDescent="0.2">
      <c r="B3673" s="97"/>
      <c r="J3673" s="98"/>
      <c r="K3673" s="97"/>
      <c r="N3673" s="3"/>
      <c r="W3673" s="98"/>
      <c r="Z3673" s="143"/>
      <c r="AA3673" s="137"/>
      <c r="AB3673" s="137"/>
      <c r="AC3673" s="137"/>
      <c r="AD3673" s="137"/>
      <c r="AE3673" s="137"/>
      <c r="AF3673" s="137"/>
      <c r="AG3673" s="137"/>
      <c r="AH3673" s="137"/>
      <c r="AI3673" s="137"/>
      <c r="AJ3673" s="137"/>
      <c r="AK3673" s="206"/>
      <c r="AL3673" s="206"/>
      <c r="AM3673" s="143"/>
      <c r="AN3673" s="137"/>
      <c r="AO3673" s="137"/>
      <c r="AP3673" s="137"/>
      <c r="AQ3673" s="137"/>
      <c r="AR3673" s="137"/>
      <c r="AS3673" s="137"/>
      <c r="AT3673" s="137"/>
      <c r="AU3673" s="137"/>
      <c r="AV3673" s="137"/>
      <c r="AW3673" s="144"/>
    </row>
    <row r="3674" spans="2:49" x14ac:dyDescent="0.2">
      <c r="B3674" s="97"/>
      <c r="J3674" s="98"/>
      <c r="K3674" s="97"/>
      <c r="N3674" s="3"/>
      <c r="W3674" s="98"/>
      <c r="Z3674" s="143"/>
      <c r="AA3674" s="137"/>
      <c r="AB3674" s="137"/>
      <c r="AC3674" s="137"/>
      <c r="AD3674" s="137"/>
      <c r="AE3674" s="137"/>
      <c r="AF3674" s="137"/>
      <c r="AG3674" s="137"/>
      <c r="AH3674" s="137"/>
      <c r="AI3674" s="137"/>
      <c r="AJ3674" s="137"/>
      <c r="AK3674" s="206"/>
      <c r="AL3674" s="206"/>
      <c r="AM3674" s="143"/>
      <c r="AN3674" s="137"/>
      <c r="AO3674" s="137"/>
      <c r="AP3674" s="137"/>
      <c r="AQ3674" s="137"/>
      <c r="AR3674" s="137"/>
      <c r="AS3674" s="137"/>
      <c r="AT3674" s="137"/>
      <c r="AU3674" s="137"/>
      <c r="AV3674" s="137"/>
      <c r="AW3674" s="144"/>
    </row>
    <row r="3675" spans="2:49" x14ac:dyDescent="0.2">
      <c r="B3675" s="97"/>
      <c r="J3675" s="98"/>
      <c r="K3675" s="97"/>
      <c r="N3675" s="3"/>
      <c r="W3675" s="98"/>
      <c r="Z3675" s="143"/>
      <c r="AA3675" s="137"/>
      <c r="AB3675" s="137"/>
      <c r="AC3675" s="137"/>
      <c r="AD3675" s="137"/>
      <c r="AE3675" s="137"/>
      <c r="AF3675" s="137"/>
      <c r="AG3675" s="137"/>
      <c r="AH3675" s="137"/>
      <c r="AI3675" s="137"/>
      <c r="AJ3675" s="137"/>
      <c r="AK3675" s="206"/>
      <c r="AL3675" s="206"/>
      <c r="AM3675" s="143"/>
      <c r="AN3675" s="137"/>
      <c r="AO3675" s="137"/>
      <c r="AP3675" s="137"/>
      <c r="AQ3675" s="137"/>
      <c r="AR3675" s="137"/>
      <c r="AS3675" s="137"/>
      <c r="AT3675" s="137"/>
      <c r="AU3675" s="137"/>
      <c r="AV3675" s="137"/>
      <c r="AW3675" s="144"/>
    </row>
    <row r="3676" spans="2:49" x14ac:dyDescent="0.2">
      <c r="B3676" s="97"/>
      <c r="J3676" s="98"/>
      <c r="K3676" s="97"/>
      <c r="N3676" s="3"/>
      <c r="W3676" s="98"/>
      <c r="Z3676" s="143"/>
      <c r="AA3676" s="137"/>
      <c r="AB3676" s="137"/>
      <c r="AC3676" s="137"/>
      <c r="AD3676" s="137"/>
      <c r="AE3676" s="137"/>
      <c r="AF3676" s="137"/>
      <c r="AG3676" s="137"/>
      <c r="AH3676" s="137"/>
      <c r="AI3676" s="137"/>
      <c r="AJ3676" s="137"/>
      <c r="AK3676" s="206"/>
      <c r="AL3676" s="206"/>
      <c r="AM3676" s="143"/>
      <c r="AN3676" s="137"/>
      <c r="AO3676" s="137"/>
      <c r="AP3676" s="137"/>
      <c r="AQ3676" s="137"/>
      <c r="AR3676" s="137"/>
      <c r="AS3676" s="137"/>
      <c r="AT3676" s="137"/>
      <c r="AU3676" s="137"/>
      <c r="AV3676" s="137"/>
      <c r="AW3676" s="144"/>
    </row>
    <row r="3677" spans="2:49" x14ac:dyDescent="0.2">
      <c r="B3677" s="97"/>
      <c r="J3677" s="98"/>
      <c r="K3677" s="97"/>
      <c r="N3677" s="3"/>
      <c r="W3677" s="98"/>
      <c r="Z3677" s="143"/>
      <c r="AA3677" s="137"/>
      <c r="AB3677" s="137"/>
      <c r="AC3677" s="137"/>
      <c r="AD3677" s="137"/>
      <c r="AE3677" s="137"/>
      <c r="AF3677" s="137"/>
      <c r="AG3677" s="137"/>
      <c r="AH3677" s="137"/>
      <c r="AI3677" s="137"/>
      <c r="AJ3677" s="137"/>
      <c r="AK3677" s="206"/>
      <c r="AL3677" s="206"/>
      <c r="AM3677" s="143"/>
      <c r="AN3677" s="137"/>
      <c r="AO3677" s="137"/>
      <c r="AP3677" s="137"/>
      <c r="AQ3677" s="137"/>
      <c r="AR3677" s="137"/>
      <c r="AS3677" s="137"/>
      <c r="AT3677" s="137"/>
      <c r="AU3677" s="137"/>
      <c r="AV3677" s="137"/>
      <c r="AW3677" s="144"/>
    </row>
    <row r="3678" spans="2:49" x14ac:dyDescent="0.2">
      <c r="B3678" s="97"/>
      <c r="J3678" s="98"/>
      <c r="K3678" s="97"/>
      <c r="N3678" s="3"/>
      <c r="W3678" s="98"/>
      <c r="Z3678" s="143"/>
      <c r="AA3678" s="137"/>
      <c r="AB3678" s="137"/>
      <c r="AC3678" s="137"/>
      <c r="AD3678" s="137"/>
      <c r="AE3678" s="137"/>
      <c r="AF3678" s="137"/>
      <c r="AG3678" s="137"/>
      <c r="AH3678" s="137"/>
      <c r="AI3678" s="137"/>
      <c r="AJ3678" s="137"/>
      <c r="AK3678" s="206"/>
      <c r="AL3678" s="206"/>
      <c r="AM3678" s="143"/>
      <c r="AN3678" s="137"/>
      <c r="AO3678" s="137"/>
      <c r="AP3678" s="137"/>
      <c r="AQ3678" s="137"/>
      <c r="AR3678" s="137"/>
      <c r="AS3678" s="137"/>
      <c r="AT3678" s="137"/>
      <c r="AU3678" s="137"/>
      <c r="AV3678" s="137"/>
      <c r="AW3678" s="144"/>
    </row>
    <row r="3679" spans="2:49" x14ac:dyDescent="0.2">
      <c r="B3679" s="97"/>
      <c r="J3679" s="98"/>
      <c r="K3679" s="97"/>
      <c r="N3679" s="3"/>
      <c r="W3679" s="98"/>
      <c r="Z3679" s="143"/>
      <c r="AA3679" s="137"/>
      <c r="AB3679" s="137"/>
      <c r="AC3679" s="137"/>
      <c r="AD3679" s="137"/>
      <c r="AE3679" s="137"/>
      <c r="AF3679" s="137"/>
      <c r="AG3679" s="137"/>
      <c r="AH3679" s="137"/>
      <c r="AI3679" s="137"/>
      <c r="AJ3679" s="137"/>
      <c r="AK3679" s="206"/>
      <c r="AL3679" s="206"/>
      <c r="AM3679" s="143"/>
      <c r="AN3679" s="137"/>
      <c r="AO3679" s="137"/>
      <c r="AP3679" s="137"/>
      <c r="AQ3679" s="137"/>
      <c r="AR3679" s="137"/>
      <c r="AS3679" s="137"/>
      <c r="AT3679" s="137"/>
      <c r="AU3679" s="137"/>
      <c r="AV3679" s="137"/>
      <c r="AW3679" s="144"/>
    </row>
    <row r="3680" spans="2:49" x14ac:dyDescent="0.2">
      <c r="B3680" s="97"/>
      <c r="J3680" s="98"/>
      <c r="K3680" s="97"/>
      <c r="N3680" s="3"/>
      <c r="W3680" s="98"/>
      <c r="Z3680" s="143"/>
      <c r="AA3680" s="137"/>
      <c r="AB3680" s="137"/>
      <c r="AC3680" s="137"/>
      <c r="AD3680" s="137"/>
      <c r="AE3680" s="137"/>
      <c r="AF3680" s="137"/>
      <c r="AG3680" s="137"/>
      <c r="AH3680" s="137"/>
      <c r="AI3680" s="137"/>
      <c r="AJ3680" s="137"/>
      <c r="AK3680" s="206"/>
      <c r="AL3680" s="206"/>
      <c r="AM3680" s="143"/>
      <c r="AN3680" s="137"/>
      <c r="AO3680" s="137"/>
      <c r="AP3680" s="137"/>
      <c r="AQ3680" s="137"/>
      <c r="AR3680" s="137"/>
      <c r="AS3680" s="137"/>
      <c r="AT3680" s="137"/>
      <c r="AU3680" s="137"/>
      <c r="AV3680" s="137"/>
      <c r="AW3680" s="144"/>
    </row>
    <row r="3681" spans="2:49" x14ac:dyDescent="0.2">
      <c r="B3681" s="97"/>
      <c r="J3681" s="98"/>
      <c r="K3681" s="97"/>
      <c r="N3681" s="3"/>
      <c r="W3681" s="98"/>
      <c r="Z3681" s="143"/>
      <c r="AA3681" s="137"/>
      <c r="AB3681" s="137"/>
      <c r="AC3681" s="137"/>
      <c r="AD3681" s="137"/>
      <c r="AE3681" s="137"/>
      <c r="AF3681" s="137"/>
      <c r="AG3681" s="137"/>
      <c r="AH3681" s="137"/>
      <c r="AI3681" s="137"/>
      <c r="AJ3681" s="137"/>
      <c r="AK3681" s="206"/>
      <c r="AL3681" s="206"/>
      <c r="AM3681" s="143"/>
      <c r="AN3681" s="137"/>
      <c r="AO3681" s="137"/>
      <c r="AP3681" s="137"/>
      <c r="AQ3681" s="137"/>
      <c r="AR3681" s="137"/>
      <c r="AS3681" s="137"/>
      <c r="AT3681" s="137"/>
      <c r="AU3681" s="137"/>
      <c r="AV3681" s="137"/>
      <c r="AW3681" s="144"/>
    </row>
    <row r="3682" spans="2:49" x14ac:dyDescent="0.2">
      <c r="B3682" s="97"/>
      <c r="J3682" s="98"/>
      <c r="K3682" s="97"/>
      <c r="N3682" s="3"/>
      <c r="W3682" s="98"/>
      <c r="Z3682" s="143"/>
      <c r="AA3682" s="137"/>
      <c r="AB3682" s="137"/>
      <c r="AC3682" s="137"/>
      <c r="AD3682" s="137"/>
      <c r="AE3682" s="137"/>
      <c r="AF3682" s="137"/>
      <c r="AG3682" s="137"/>
      <c r="AH3682" s="137"/>
      <c r="AI3682" s="137"/>
      <c r="AJ3682" s="137"/>
      <c r="AK3682" s="206"/>
      <c r="AL3682" s="206"/>
      <c r="AM3682" s="143"/>
      <c r="AN3682" s="137"/>
      <c r="AO3682" s="137"/>
      <c r="AP3682" s="137"/>
      <c r="AQ3682" s="137"/>
      <c r="AR3682" s="137"/>
      <c r="AS3682" s="137"/>
      <c r="AT3682" s="137"/>
      <c r="AU3682" s="137"/>
      <c r="AV3682" s="137"/>
      <c r="AW3682" s="144"/>
    </row>
    <row r="3683" spans="2:49" x14ac:dyDescent="0.2">
      <c r="B3683" s="97"/>
      <c r="J3683" s="98"/>
      <c r="K3683" s="97"/>
      <c r="N3683" s="3"/>
      <c r="W3683" s="98"/>
      <c r="Z3683" s="143"/>
      <c r="AA3683" s="137"/>
      <c r="AB3683" s="137"/>
      <c r="AC3683" s="137"/>
      <c r="AD3683" s="137"/>
      <c r="AE3683" s="137"/>
      <c r="AF3683" s="137"/>
      <c r="AG3683" s="137"/>
      <c r="AH3683" s="137"/>
      <c r="AI3683" s="137"/>
      <c r="AJ3683" s="137"/>
      <c r="AK3683" s="206"/>
      <c r="AL3683" s="206"/>
      <c r="AM3683" s="143"/>
      <c r="AN3683" s="137"/>
      <c r="AO3683" s="137"/>
      <c r="AP3683" s="137"/>
      <c r="AQ3683" s="137"/>
      <c r="AR3683" s="137"/>
      <c r="AS3683" s="137"/>
      <c r="AT3683" s="137"/>
      <c r="AU3683" s="137"/>
      <c r="AV3683" s="137"/>
      <c r="AW3683" s="144"/>
    </row>
    <row r="3684" spans="2:49" x14ac:dyDescent="0.2">
      <c r="B3684" s="97"/>
      <c r="J3684" s="98"/>
      <c r="K3684" s="97"/>
      <c r="N3684" s="3"/>
      <c r="W3684" s="98"/>
      <c r="Z3684" s="143"/>
      <c r="AA3684" s="137"/>
      <c r="AB3684" s="137"/>
      <c r="AC3684" s="137"/>
      <c r="AD3684" s="137"/>
      <c r="AE3684" s="137"/>
      <c r="AF3684" s="137"/>
      <c r="AG3684" s="137"/>
      <c r="AH3684" s="137"/>
      <c r="AI3684" s="137"/>
      <c r="AJ3684" s="137"/>
      <c r="AK3684" s="206"/>
      <c r="AL3684" s="206"/>
      <c r="AM3684" s="143"/>
      <c r="AN3684" s="137"/>
      <c r="AO3684" s="137"/>
      <c r="AP3684" s="137"/>
      <c r="AQ3684" s="137"/>
      <c r="AR3684" s="137"/>
      <c r="AS3684" s="137"/>
      <c r="AT3684" s="137"/>
      <c r="AU3684" s="137"/>
      <c r="AV3684" s="137"/>
      <c r="AW3684" s="144"/>
    </row>
    <row r="3685" spans="2:49" x14ac:dyDescent="0.2">
      <c r="B3685" s="97"/>
      <c r="J3685" s="98"/>
      <c r="K3685" s="97"/>
      <c r="N3685" s="3"/>
      <c r="W3685" s="98"/>
      <c r="Z3685" s="143"/>
      <c r="AA3685" s="137"/>
      <c r="AB3685" s="137"/>
      <c r="AC3685" s="137"/>
      <c r="AD3685" s="137"/>
      <c r="AE3685" s="137"/>
      <c r="AF3685" s="137"/>
      <c r="AG3685" s="137"/>
      <c r="AH3685" s="137"/>
      <c r="AI3685" s="137"/>
      <c r="AJ3685" s="137"/>
      <c r="AK3685" s="206"/>
      <c r="AL3685" s="206"/>
      <c r="AM3685" s="143"/>
      <c r="AN3685" s="137"/>
      <c r="AO3685" s="137"/>
      <c r="AP3685" s="137"/>
      <c r="AQ3685" s="137"/>
      <c r="AR3685" s="137"/>
      <c r="AS3685" s="137"/>
      <c r="AT3685" s="137"/>
      <c r="AU3685" s="137"/>
      <c r="AV3685" s="137"/>
      <c r="AW3685" s="144"/>
    </row>
    <row r="3686" spans="2:49" x14ac:dyDescent="0.2">
      <c r="B3686" s="97"/>
      <c r="J3686" s="98"/>
      <c r="K3686" s="97"/>
      <c r="N3686" s="3"/>
      <c r="W3686" s="98"/>
      <c r="Z3686" s="143"/>
      <c r="AA3686" s="137"/>
      <c r="AB3686" s="137"/>
      <c r="AC3686" s="137"/>
      <c r="AD3686" s="137"/>
      <c r="AE3686" s="137"/>
      <c r="AF3686" s="137"/>
      <c r="AG3686" s="137"/>
      <c r="AH3686" s="137"/>
      <c r="AI3686" s="137"/>
      <c r="AJ3686" s="137"/>
      <c r="AK3686" s="206"/>
      <c r="AL3686" s="206"/>
      <c r="AM3686" s="143"/>
      <c r="AN3686" s="137"/>
      <c r="AO3686" s="137"/>
      <c r="AP3686" s="137"/>
      <c r="AQ3686" s="137"/>
      <c r="AR3686" s="137"/>
      <c r="AS3686" s="137"/>
      <c r="AT3686" s="137"/>
      <c r="AU3686" s="137"/>
      <c r="AV3686" s="137"/>
      <c r="AW3686" s="144"/>
    </row>
    <row r="3687" spans="2:49" x14ac:dyDescent="0.2">
      <c r="B3687" s="97"/>
      <c r="J3687" s="98"/>
      <c r="K3687" s="97"/>
      <c r="N3687" s="3"/>
      <c r="W3687" s="98"/>
      <c r="Z3687" s="143"/>
      <c r="AA3687" s="137"/>
      <c r="AB3687" s="137"/>
      <c r="AC3687" s="137"/>
      <c r="AD3687" s="137"/>
      <c r="AE3687" s="137"/>
      <c r="AF3687" s="137"/>
      <c r="AG3687" s="137"/>
      <c r="AH3687" s="137"/>
      <c r="AI3687" s="137"/>
      <c r="AJ3687" s="137"/>
      <c r="AK3687" s="206"/>
      <c r="AL3687" s="206"/>
      <c r="AM3687" s="143"/>
      <c r="AN3687" s="137"/>
      <c r="AO3687" s="137"/>
      <c r="AP3687" s="137"/>
      <c r="AQ3687" s="137"/>
      <c r="AR3687" s="137"/>
      <c r="AS3687" s="137"/>
      <c r="AT3687" s="137"/>
      <c r="AU3687" s="137"/>
      <c r="AV3687" s="137"/>
      <c r="AW3687" s="144"/>
    </row>
    <row r="3688" spans="2:49" x14ac:dyDescent="0.2">
      <c r="B3688" s="97"/>
      <c r="J3688" s="98"/>
      <c r="K3688" s="97"/>
      <c r="N3688" s="3"/>
      <c r="W3688" s="98"/>
      <c r="Z3688" s="143"/>
      <c r="AA3688" s="137"/>
      <c r="AB3688" s="137"/>
      <c r="AC3688" s="137"/>
      <c r="AD3688" s="137"/>
      <c r="AE3688" s="137"/>
      <c r="AF3688" s="137"/>
      <c r="AG3688" s="137"/>
      <c r="AH3688" s="137"/>
      <c r="AI3688" s="137"/>
      <c r="AJ3688" s="137"/>
      <c r="AK3688" s="206"/>
      <c r="AL3688" s="206"/>
      <c r="AM3688" s="143"/>
      <c r="AN3688" s="137"/>
      <c r="AO3688" s="137"/>
      <c r="AP3688" s="137"/>
      <c r="AQ3688" s="137"/>
      <c r="AR3688" s="137"/>
      <c r="AS3688" s="137"/>
      <c r="AT3688" s="137"/>
      <c r="AU3688" s="137"/>
      <c r="AV3688" s="137"/>
      <c r="AW3688" s="144"/>
    </row>
    <row r="3689" spans="2:49" x14ac:dyDescent="0.2">
      <c r="B3689" s="97"/>
      <c r="J3689" s="98"/>
      <c r="K3689" s="97"/>
      <c r="N3689" s="3"/>
      <c r="W3689" s="98"/>
      <c r="Z3689" s="143"/>
      <c r="AA3689" s="137"/>
      <c r="AB3689" s="137"/>
      <c r="AC3689" s="137"/>
      <c r="AD3689" s="137"/>
      <c r="AE3689" s="137"/>
      <c r="AF3689" s="137"/>
      <c r="AG3689" s="137"/>
      <c r="AH3689" s="137"/>
      <c r="AI3689" s="137"/>
      <c r="AJ3689" s="137"/>
      <c r="AK3689" s="206"/>
      <c r="AL3689" s="206"/>
      <c r="AM3689" s="143"/>
      <c r="AN3689" s="137"/>
      <c r="AO3689" s="137"/>
      <c r="AP3689" s="137"/>
      <c r="AQ3689" s="137"/>
      <c r="AR3689" s="137"/>
      <c r="AS3689" s="137"/>
      <c r="AT3689" s="137"/>
      <c r="AU3689" s="137"/>
      <c r="AV3689" s="137"/>
      <c r="AW3689" s="144"/>
    </row>
    <row r="3690" spans="2:49" x14ac:dyDescent="0.2">
      <c r="B3690" s="97"/>
      <c r="J3690" s="98"/>
      <c r="K3690" s="97"/>
      <c r="N3690" s="3"/>
      <c r="W3690" s="98"/>
      <c r="Z3690" s="143"/>
      <c r="AA3690" s="137"/>
      <c r="AB3690" s="137"/>
      <c r="AC3690" s="137"/>
      <c r="AD3690" s="137"/>
      <c r="AE3690" s="137"/>
      <c r="AF3690" s="137"/>
      <c r="AG3690" s="137"/>
      <c r="AH3690" s="137"/>
      <c r="AI3690" s="137"/>
      <c r="AJ3690" s="137"/>
      <c r="AK3690" s="206"/>
      <c r="AL3690" s="206"/>
      <c r="AM3690" s="143"/>
      <c r="AN3690" s="137"/>
      <c r="AO3690" s="137"/>
      <c r="AP3690" s="137"/>
      <c r="AQ3690" s="137"/>
      <c r="AR3690" s="137"/>
      <c r="AS3690" s="137"/>
      <c r="AT3690" s="137"/>
      <c r="AU3690" s="137"/>
      <c r="AV3690" s="137"/>
      <c r="AW3690" s="144"/>
    </row>
    <row r="3691" spans="2:49" x14ac:dyDescent="0.2">
      <c r="B3691" s="97"/>
      <c r="J3691" s="98"/>
      <c r="K3691" s="97"/>
      <c r="N3691" s="3"/>
      <c r="W3691" s="98"/>
      <c r="Z3691" s="143"/>
      <c r="AA3691" s="137"/>
      <c r="AB3691" s="137"/>
      <c r="AC3691" s="137"/>
      <c r="AD3691" s="137"/>
      <c r="AE3691" s="137"/>
      <c r="AF3691" s="137"/>
      <c r="AG3691" s="137"/>
      <c r="AH3691" s="137"/>
      <c r="AI3691" s="137"/>
      <c r="AJ3691" s="137"/>
      <c r="AK3691" s="206"/>
      <c r="AL3691" s="206"/>
      <c r="AM3691" s="143"/>
      <c r="AN3691" s="137"/>
      <c r="AO3691" s="137"/>
      <c r="AP3691" s="137"/>
      <c r="AQ3691" s="137"/>
      <c r="AR3691" s="137"/>
      <c r="AS3691" s="137"/>
      <c r="AT3691" s="137"/>
      <c r="AU3691" s="137"/>
      <c r="AV3691" s="137"/>
      <c r="AW3691" s="144"/>
    </row>
    <row r="3692" spans="2:49" x14ac:dyDescent="0.2">
      <c r="B3692" s="97"/>
      <c r="J3692" s="98"/>
      <c r="K3692" s="97"/>
      <c r="N3692" s="3"/>
      <c r="W3692" s="98"/>
      <c r="Z3692" s="143"/>
      <c r="AA3692" s="137"/>
      <c r="AB3692" s="137"/>
      <c r="AC3692" s="137"/>
      <c r="AD3692" s="137"/>
      <c r="AE3692" s="137"/>
      <c r="AF3692" s="137"/>
      <c r="AG3692" s="137"/>
      <c r="AH3692" s="137"/>
      <c r="AI3692" s="137"/>
      <c r="AJ3692" s="137"/>
      <c r="AK3692" s="206"/>
      <c r="AL3692" s="206"/>
      <c r="AM3692" s="143"/>
      <c r="AN3692" s="137"/>
      <c r="AO3692" s="137"/>
      <c r="AP3692" s="137"/>
      <c r="AQ3692" s="137"/>
      <c r="AR3692" s="137"/>
      <c r="AS3692" s="137"/>
      <c r="AT3692" s="137"/>
      <c r="AU3692" s="137"/>
      <c r="AV3692" s="137"/>
      <c r="AW3692" s="144"/>
    </row>
    <row r="3693" spans="2:49" x14ac:dyDescent="0.2">
      <c r="B3693" s="97"/>
      <c r="J3693" s="98"/>
      <c r="K3693" s="97"/>
      <c r="N3693" s="3"/>
      <c r="W3693" s="98"/>
      <c r="Z3693" s="143"/>
      <c r="AA3693" s="137"/>
      <c r="AB3693" s="137"/>
      <c r="AC3693" s="137"/>
      <c r="AD3693" s="137"/>
      <c r="AE3693" s="137"/>
      <c r="AF3693" s="137"/>
      <c r="AG3693" s="137"/>
      <c r="AH3693" s="137"/>
      <c r="AI3693" s="137"/>
      <c r="AJ3693" s="137"/>
      <c r="AK3693" s="206"/>
      <c r="AL3693" s="206"/>
      <c r="AM3693" s="143"/>
      <c r="AN3693" s="137"/>
      <c r="AO3693" s="137"/>
      <c r="AP3693" s="137"/>
      <c r="AQ3693" s="137"/>
      <c r="AR3693" s="137"/>
      <c r="AS3693" s="137"/>
      <c r="AT3693" s="137"/>
      <c r="AU3693" s="137"/>
      <c r="AV3693" s="137"/>
      <c r="AW3693" s="144"/>
    </row>
    <row r="3694" spans="2:49" x14ac:dyDescent="0.2">
      <c r="B3694" s="97"/>
      <c r="J3694" s="98"/>
      <c r="K3694" s="97"/>
      <c r="N3694" s="3"/>
      <c r="W3694" s="98"/>
      <c r="Z3694" s="143"/>
      <c r="AA3694" s="137"/>
      <c r="AB3694" s="137"/>
      <c r="AC3694" s="137"/>
      <c r="AD3694" s="137"/>
      <c r="AE3694" s="137"/>
      <c r="AF3694" s="137"/>
      <c r="AG3694" s="137"/>
      <c r="AH3694" s="137"/>
      <c r="AI3694" s="137"/>
      <c r="AJ3694" s="137"/>
      <c r="AK3694" s="206"/>
      <c r="AL3694" s="206"/>
      <c r="AM3694" s="143"/>
      <c r="AN3694" s="137"/>
      <c r="AO3694" s="137"/>
      <c r="AP3694" s="137"/>
      <c r="AQ3694" s="137"/>
      <c r="AR3694" s="137"/>
      <c r="AS3694" s="137"/>
      <c r="AT3694" s="137"/>
      <c r="AU3694" s="137"/>
      <c r="AV3694" s="137"/>
      <c r="AW3694" s="144"/>
    </row>
    <row r="3695" spans="2:49" x14ac:dyDescent="0.2">
      <c r="B3695" s="97"/>
      <c r="J3695" s="98"/>
      <c r="K3695" s="97"/>
      <c r="N3695" s="3"/>
      <c r="W3695" s="98"/>
      <c r="Z3695" s="143"/>
      <c r="AA3695" s="137"/>
      <c r="AB3695" s="137"/>
      <c r="AC3695" s="137"/>
      <c r="AD3695" s="137"/>
      <c r="AE3695" s="137"/>
      <c r="AF3695" s="137"/>
      <c r="AG3695" s="137"/>
      <c r="AH3695" s="137"/>
      <c r="AI3695" s="137"/>
      <c r="AJ3695" s="137"/>
      <c r="AK3695" s="206"/>
      <c r="AL3695" s="206"/>
      <c r="AM3695" s="143"/>
      <c r="AN3695" s="137"/>
      <c r="AO3695" s="137"/>
      <c r="AP3695" s="137"/>
      <c r="AQ3695" s="137"/>
      <c r="AR3695" s="137"/>
      <c r="AS3695" s="137"/>
      <c r="AT3695" s="137"/>
      <c r="AU3695" s="137"/>
      <c r="AV3695" s="137"/>
      <c r="AW3695" s="144"/>
    </row>
    <row r="3696" spans="2:49" x14ac:dyDescent="0.2">
      <c r="B3696" s="97"/>
      <c r="J3696" s="98"/>
      <c r="K3696" s="97"/>
      <c r="N3696" s="3"/>
      <c r="W3696" s="98"/>
      <c r="Z3696" s="143"/>
      <c r="AA3696" s="137"/>
      <c r="AB3696" s="137"/>
      <c r="AC3696" s="137"/>
      <c r="AD3696" s="137"/>
      <c r="AE3696" s="137"/>
      <c r="AF3696" s="137"/>
      <c r="AG3696" s="137"/>
      <c r="AH3696" s="137"/>
      <c r="AI3696" s="137"/>
      <c r="AJ3696" s="137"/>
      <c r="AK3696" s="206"/>
      <c r="AL3696" s="206"/>
      <c r="AM3696" s="143"/>
      <c r="AN3696" s="137"/>
      <c r="AO3696" s="137"/>
      <c r="AP3696" s="137"/>
      <c r="AQ3696" s="137"/>
      <c r="AR3696" s="137"/>
      <c r="AS3696" s="137"/>
      <c r="AT3696" s="137"/>
      <c r="AU3696" s="137"/>
      <c r="AV3696" s="137"/>
      <c r="AW3696" s="144"/>
    </row>
    <row r="3697" spans="2:49" x14ac:dyDescent="0.2">
      <c r="B3697" s="97"/>
      <c r="J3697" s="98"/>
      <c r="K3697" s="97"/>
      <c r="N3697" s="3"/>
      <c r="W3697" s="98"/>
      <c r="Z3697" s="143"/>
      <c r="AA3697" s="137"/>
      <c r="AB3697" s="137"/>
      <c r="AC3697" s="137"/>
      <c r="AD3697" s="137"/>
      <c r="AE3697" s="137"/>
      <c r="AF3697" s="137"/>
      <c r="AG3697" s="137"/>
      <c r="AH3697" s="137"/>
      <c r="AI3697" s="137"/>
      <c r="AJ3697" s="137"/>
      <c r="AK3697" s="206"/>
      <c r="AL3697" s="206"/>
      <c r="AM3697" s="143"/>
      <c r="AN3697" s="137"/>
      <c r="AO3697" s="137"/>
      <c r="AP3697" s="137"/>
      <c r="AQ3697" s="137"/>
      <c r="AR3697" s="137"/>
      <c r="AS3697" s="137"/>
      <c r="AT3697" s="137"/>
      <c r="AU3697" s="137"/>
      <c r="AV3697" s="137"/>
      <c r="AW3697" s="144"/>
    </row>
    <row r="3698" spans="2:49" x14ac:dyDescent="0.2">
      <c r="B3698" s="97"/>
      <c r="J3698" s="98"/>
      <c r="K3698" s="97"/>
      <c r="N3698" s="3"/>
      <c r="W3698" s="98"/>
      <c r="Z3698" s="143"/>
      <c r="AA3698" s="137"/>
      <c r="AB3698" s="137"/>
      <c r="AC3698" s="137"/>
      <c r="AD3698" s="137"/>
      <c r="AE3698" s="137"/>
      <c r="AF3698" s="137"/>
      <c r="AG3698" s="137"/>
      <c r="AH3698" s="137"/>
      <c r="AI3698" s="137"/>
      <c r="AJ3698" s="137"/>
      <c r="AK3698" s="206"/>
      <c r="AL3698" s="206"/>
      <c r="AM3698" s="143"/>
      <c r="AN3698" s="137"/>
      <c r="AO3698" s="137"/>
      <c r="AP3698" s="137"/>
      <c r="AQ3698" s="137"/>
      <c r="AR3698" s="137"/>
      <c r="AS3698" s="137"/>
      <c r="AT3698" s="137"/>
      <c r="AU3698" s="137"/>
      <c r="AV3698" s="137"/>
      <c r="AW3698" s="144"/>
    </row>
    <row r="3699" spans="2:49" x14ac:dyDescent="0.2">
      <c r="B3699" s="97"/>
      <c r="J3699" s="98"/>
      <c r="K3699" s="97"/>
      <c r="N3699" s="3"/>
      <c r="W3699" s="98"/>
      <c r="Z3699" s="143"/>
      <c r="AA3699" s="137"/>
      <c r="AB3699" s="137"/>
      <c r="AC3699" s="137"/>
      <c r="AD3699" s="137"/>
      <c r="AE3699" s="137"/>
      <c r="AF3699" s="137"/>
      <c r="AG3699" s="137"/>
      <c r="AH3699" s="137"/>
      <c r="AI3699" s="137"/>
      <c r="AJ3699" s="137"/>
      <c r="AK3699" s="206"/>
      <c r="AL3699" s="206"/>
      <c r="AM3699" s="143"/>
      <c r="AN3699" s="137"/>
      <c r="AO3699" s="137"/>
      <c r="AP3699" s="137"/>
      <c r="AQ3699" s="137"/>
      <c r="AR3699" s="137"/>
      <c r="AS3699" s="137"/>
      <c r="AT3699" s="137"/>
      <c r="AU3699" s="137"/>
      <c r="AV3699" s="137"/>
      <c r="AW3699" s="144"/>
    </row>
    <row r="3700" spans="2:49" x14ac:dyDescent="0.2">
      <c r="B3700" s="97"/>
      <c r="J3700" s="98"/>
      <c r="K3700" s="97"/>
      <c r="N3700" s="3"/>
      <c r="W3700" s="98"/>
      <c r="Z3700" s="143"/>
      <c r="AA3700" s="137"/>
      <c r="AB3700" s="137"/>
      <c r="AC3700" s="137"/>
      <c r="AD3700" s="137"/>
      <c r="AE3700" s="137"/>
      <c r="AF3700" s="137"/>
      <c r="AG3700" s="137"/>
      <c r="AH3700" s="137"/>
      <c r="AI3700" s="137"/>
      <c r="AJ3700" s="137"/>
      <c r="AK3700" s="206"/>
      <c r="AL3700" s="206"/>
      <c r="AM3700" s="143"/>
      <c r="AN3700" s="137"/>
      <c r="AO3700" s="137"/>
      <c r="AP3700" s="137"/>
      <c r="AQ3700" s="137"/>
      <c r="AR3700" s="137"/>
      <c r="AS3700" s="137"/>
      <c r="AT3700" s="137"/>
      <c r="AU3700" s="137"/>
      <c r="AV3700" s="137"/>
      <c r="AW3700" s="144"/>
    </row>
    <row r="3701" spans="2:49" x14ac:dyDescent="0.2">
      <c r="B3701" s="97"/>
      <c r="J3701" s="98"/>
      <c r="K3701" s="97"/>
      <c r="N3701" s="3"/>
      <c r="W3701" s="98"/>
      <c r="Z3701" s="143"/>
      <c r="AA3701" s="137"/>
      <c r="AB3701" s="137"/>
      <c r="AC3701" s="137"/>
      <c r="AD3701" s="137"/>
      <c r="AE3701" s="137"/>
      <c r="AF3701" s="137"/>
      <c r="AG3701" s="137"/>
      <c r="AH3701" s="137"/>
      <c r="AI3701" s="137"/>
      <c r="AJ3701" s="137"/>
      <c r="AK3701" s="206"/>
      <c r="AL3701" s="206"/>
      <c r="AM3701" s="143"/>
      <c r="AN3701" s="137"/>
      <c r="AO3701" s="137"/>
      <c r="AP3701" s="137"/>
      <c r="AQ3701" s="137"/>
      <c r="AR3701" s="137"/>
      <c r="AS3701" s="137"/>
      <c r="AT3701" s="137"/>
      <c r="AU3701" s="137"/>
      <c r="AV3701" s="137"/>
      <c r="AW3701" s="144"/>
    </row>
    <row r="3702" spans="2:49" x14ac:dyDescent="0.2">
      <c r="B3702" s="97"/>
      <c r="J3702" s="98"/>
      <c r="K3702" s="97"/>
      <c r="N3702" s="3"/>
      <c r="W3702" s="98"/>
      <c r="Z3702" s="143"/>
      <c r="AA3702" s="137"/>
      <c r="AB3702" s="137"/>
      <c r="AC3702" s="137"/>
      <c r="AD3702" s="137"/>
      <c r="AE3702" s="137"/>
      <c r="AF3702" s="137"/>
      <c r="AG3702" s="137"/>
      <c r="AH3702" s="137"/>
      <c r="AI3702" s="137"/>
      <c r="AJ3702" s="137"/>
      <c r="AK3702" s="206"/>
      <c r="AL3702" s="206"/>
      <c r="AM3702" s="143"/>
      <c r="AN3702" s="137"/>
      <c r="AO3702" s="137"/>
      <c r="AP3702" s="137"/>
      <c r="AQ3702" s="137"/>
      <c r="AR3702" s="137"/>
      <c r="AS3702" s="137"/>
      <c r="AT3702" s="137"/>
      <c r="AU3702" s="137"/>
      <c r="AV3702" s="137"/>
      <c r="AW3702" s="144"/>
    </row>
    <row r="3703" spans="2:49" x14ac:dyDescent="0.2">
      <c r="B3703" s="97"/>
      <c r="J3703" s="98"/>
      <c r="K3703" s="97"/>
      <c r="N3703" s="3"/>
      <c r="W3703" s="98"/>
      <c r="Z3703" s="143"/>
      <c r="AA3703" s="137"/>
      <c r="AB3703" s="137"/>
      <c r="AC3703" s="137"/>
      <c r="AD3703" s="137"/>
      <c r="AE3703" s="137"/>
      <c r="AF3703" s="137"/>
      <c r="AG3703" s="137"/>
      <c r="AH3703" s="137"/>
      <c r="AI3703" s="137"/>
      <c r="AJ3703" s="137"/>
      <c r="AK3703" s="206"/>
      <c r="AL3703" s="206"/>
      <c r="AM3703" s="143"/>
      <c r="AN3703" s="137"/>
      <c r="AO3703" s="137"/>
      <c r="AP3703" s="137"/>
      <c r="AQ3703" s="137"/>
      <c r="AR3703" s="137"/>
      <c r="AS3703" s="137"/>
      <c r="AT3703" s="137"/>
      <c r="AU3703" s="137"/>
      <c r="AV3703" s="137"/>
      <c r="AW3703" s="144"/>
    </row>
    <row r="3704" spans="2:49" x14ac:dyDescent="0.2">
      <c r="B3704" s="97"/>
      <c r="J3704" s="98"/>
      <c r="K3704" s="97"/>
      <c r="N3704" s="3"/>
      <c r="W3704" s="98"/>
      <c r="Z3704" s="143"/>
      <c r="AA3704" s="137"/>
      <c r="AB3704" s="137"/>
      <c r="AC3704" s="137"/>
      <c r="AD3704" s="137"/>
      <c r="AE3704" s="137"/>
      <c r="AF3704" s="137"/>
      <c r="AG3704" s="137"/>
      <c r="AH3704" s="137"/>
      <c r="AI3704" s="137"/>
      <c r="AJ3704" s="137"/>
      <c r="AK3704" s="206"/>
      <c r="AL3704" s="206"/>
      <c r="AM3704" s="143"/>
      <c r="AN3704" s="137"/>
      <c r="AO3704" s="137"/>
      <c r="AP3704" s="137"/>
      <c r="AQ3704" s="137"/>
      <c r="AR3704" s="137"/>
      <c r="AS3704" s="137"/>
      <c r="AT3704" s="137"/>
      <c r="AU3704" s="137"/>
      <c r="AV3704" s="137"/>
      <c r="AW3704" s="144"/>
    </row>
    <row r="3705" spans="2:49" x14ac:dyDescent="0.2">
      <c r="B3705" s="97"/>
      <c r="J3705" s="98"/>
      <c r="K3705" s="97"/>
      <c r="N3705" s="3"/>
      <c r="W3705" s="98"/>
      <c r="Z3705" s="143"/>
      <c r="AA3705" s="137"/>
      <c r="AB3705" s="137"/>
      <c r="AC3705" s="137"/>
      <c r="AD3705" s="137"/>
      <c r="AE3705" s="137"/>
      <c r="AF3705" s="137"/>
      <c r="AG3705" s="137"/>
      <c r="AH3705" s="137"/>
      <c r="AI3705" s="137"/>
      <c r="AJ3705" s="137"/>
      <c r="AK3705" s="206"/>
      <c r="AL3705" s="206"/>
      <c r="AM3705" s="143"/>
      <c r="AN3705" s="137"/>
      <c r="AO3705" s="137"/>
      <c r="AP3705" s="137"/>
      <c r="AQ3705" s="137"/>
      <c r="AR3705" s="137"/>
      <c r="AS3705" s="137"/>
      <c r="AT3705" s="137"/>
      <c r="AU3705" s="137"/>
      <c r="AV3705" s="137"/>
      <c r="AW3705" s="144"/>
    </row>
    <row r="3706" spans="2:49" x14ac:dyDescent="0.2">
      <c r="B3706" s="97"/>
      <c r="J3706" s="98"/>
      <c r="K3706" s="97"/>
      <c r="N3706" s="3"/>
      <c r="W3706" s="98"/>
      <c r="Z3706" s="143"/>
      <c r="AA3706" s="137"/>
      <c r="AB3706" s="137"/>
      <c r="AC3706" s="137"/>
      <c r="AD3706" s="137"/>
      <c r="AE3706" s="137"/>
      <c r="AF3706" s="137"/>
      <c r="AG3706" s="137"/>
      <c r="AH3706" s="137"/>
      <c r="AI3706" s="137"/>
      <c r="AJ3706" s="137"/>
      <c r="AK3706" s="206"/>
      <c r="AL3706" s="206"/>
      <c r="AM3706" s="143"/>
      <c r="AN3706" s="137"/>
      <c r="AO3706" s="137"/>
      <c r="AP3706" s="137"/>
      <c r="AQ3706" s="137"/>
      <c r="AR3706" s="137"/>
      <c r="AS3706" s="137"/>
      <c r="AT3706" s="137"/>
      <c r="AU3706" s="137"/>
      <c r="AV3706" s="137"/>
      <c r="AW3706" s="144"/>
    </row>
    <row r="3707" spans="2:49" x14ac:dyDescent="0.2">
      <c r="B3707" s="97"/>
      <c r="J3707" s="98"/>
      <c r="K3707" s="97"/>
      <c r="N3707" s="3"/>
      <c r="W3707" s="98"/>
      <c r="Z3707" s="143"/>
      <c r="AA3707" s="137"/>
      <c r="AB3707" s="137"/>
      <c r="AC3707" s="137"/>
      <c r="AD3707" s="137"/>
      <c r="AE3707" s="137"/>
      <c r="AF3707" s="137"/>
      <c r="AG3707" s="137"/>
      <c r="AH3707" s="137"/>
      <c r="AI3707" s="137"/>
      <c r="AJ3707" s="137"/>
      <c r="AK3707" s="206"/>
      <c r="AL3707" s="206"/>
      <c r="AM3707" s="143"/>
      <c r="AN3707" s="137"/>
      <c r="AO3707" s="137"/>
      <c r="AP3707" s="137"/>
      <c r="AQ3707" s="137"/>
      <c r="AR3707" s="137"/>
      <c r="AS3707" s="137"/>
      <c r="AT3707" s="137"/>
      <c r="AU3707" s="137"/>
      <c r="AV3707" s="137"/>
      <c r="AW3707" s="144"/>
    </row>
    <row r="3708" spans="2:49" x14ac:dyDescent="0.2">
      <c r="B3708" s="97"/>
      <c r="J3708" s="98"/>
      <c r="K3708" s="97"/>
      <c r="N3708" s="3"/>
      <c r="W3708" s="98"/>
      <c r="Z3708" s="143"/>
      <c r="AA3708" s="137"/>
      <c r="AB3708" s="137"/>
      <c r="AC3708" s="137"/>
      <c r="AD3708" s="137"/>
      <c r="AE3708" s="137"/>
      <c r="AF3708" s="137"/>
      <c r="AG3708" s="137"/>
      <c r="AH3708" s="137"/>
      <c r="AI3708" s="137"/>
      <c r="AJ3708" s="137"/>
      <c r="AK3708" s="206"/>
      <c r="AL3708" s="206"/>
      <c r="AM3708" s="143"/>
      <c r="AN3708" s="137"/>
      <c r="AO3708" s="137"/>
      <c r="AP3708" s="137"/>
      <c r="AQ3708" s="137"/>
      <c r="AR3708" s="137"/>
      <c r="AS3708" s="137"/>
      <c r="AT3708" s="137"/>
      <c r="AU3708" s="137"/>
      <c r="AV3708" s="137"/>
      <c r="AW3708" s="144"/>
    </row>
    <row r="3709" spans="2:49" x14ac:dyDescent="0.2">
      <c r="B3709" s="97"/>
      <c r="J3709" s="98"/>
      <c r="K3709" s="97"/>
      <c r="N3709" s="3"/>
      <c r="W3709" s="98"/>
      <c r="Z3709" s="143"/>
      <c r="AA3709" s="137"/>
      <c r="AB3709" s="137"/>
      <c r="AC3709" s="137"/>
      <c r="AD3709" s="137"/>
      <c r="AE3709" s="137"/>
      <c r="AF3709" s="137"/>
      <c r="AG3709" s="137"/>
      <c r="AH3709" s="137"/>
      <c r="AI3709" s="137"/>
      <c r="AJ3709" s="137"/>
      <c r="AK3709" s="206"/>
      <c r="AL3709" s="206"/>
      <c r="AM3709" s="143"/>
      <c r="AN3709" s="137"/>
      <c r="AO3709" s="137"/>
      <c r="AP3709" s="137"/>
      <c r="AQ3709" s="137"/>
      <c r="AR3709" s="137"/>
      <c r="AS3709" s="137"/>
      <c r="AT3709" s="137"/>
      <c r="AU3709" s="137"/>
      <c r="AV3709" s="137"/>
      <c r="AW3709" s="144"/>
    </row>
    <row r="3710" spans="2:49" x14ac:dyDescent="0.2">
      <c r="B3710" s="97"/>
      <c r="J3710" s="98"/>
      <c r="K3710" s="97"/>
      <c r="N3710" s="3"/>
      <c r="W3710" s="98"/>
      <c r="Z3710" s="143"/>
      <c r="AA3710" s="137"/>
      <c r="AB3710" s="137"/>
      <c r="AC3710" s="137"/>
      <c r="AD3710" s="137"/>
      <c r="AE3710" s="137"/>
      <c r="AF3710" s="137"/>
      <c r="AG3710" s="137"/>
      <c r="AH3710" s="137"/>
      <c r="AI3710" s="137"/>
      <c r="AJ3710" s="137"/>
      <c r="AK3710" s="206"/>
      <c r="AL3710" s="206"/>
      <c r="AM3710" s="143"/>
      <c r="AN3710" s="137"/>
      <c r="AO3710" s="137"/>
      <c r="AP3710" s="137"/>
      <c r="AQ3710" s="137"/>
      <c r="AR3710" s="137"/>
      <c r="AS3710" s="137"/>
      <c r="AT3710" s="137"/>
      <c r="AU3710" s="137"/>
      <c r="AV3710" s="137"/>
      <c r="AW3710" s="144"/>
    </row>
    <row r="3711" spans="2:49" x14ac:dyDescent="0.2">
      <c r="B3711" s="97"/>
      <c r="J3711" s="98"/>
      <c r="K3711" s="97"/>
      <c r="N3711" s="3"/>
      <c r="W3711" s="98"/>
      <c r="Z3711" s="143"/>
      <c r="AA3711" s="137"/>
      <c r="AB3711" s="137"/>
      <c r="AC3711" s="137"/>
      <c r="AD3711" s="137"/>
      <c r="AE3711" s="137"/>
      <c r="AF3711" s="137"/>
      <c r="AG3711" s="137"/>
      <c r="AH3711" s="137"/>
      <c r="AI3711" s="137"/>
      <c r="AJ3711" s="137"/>
      <c r="AK3711" s="206"/>
      <c r="AL3711" s="206"/>
      <c r="AM3711" s="143"/>
      <c r="AN3711" s="137"/>
      <c r="AO3711" s="137"/>
      <c r="AP3711" s="137"/>
      <c r="AQ3711" s="137"/>
      <c r="AR3711" s="137"/>
      <c r="AS3711" s="137"/>
      <c r="AT3711" s="137"/>
      <c r="AU3711" s="137"/>
      <c r="AV3711" s="137"/>
      <c r="AW3711" s="144"/>
    </row>
    <row r="3712" spans="2:49" x14ac:dyDescent="0.2">
      <c r="B3712" s="97"/>
      <c r="J3712" s="98"/>
      <c r="K3712" s="97"/>
      <c r="N3712" s="3"/>
      <c r="W3712" s="98"/>
      <c r="Z3712" s="143"/>
      <c r="AA3712" s="137"/>
      <c r="AB3712" s="137"/>
      <c r="AC3712" s="137"/>
      <c r="AD3712" s="137"/>
      <c r="AE3712" s="137"/>
      <c r="AF3712" s="137"/>
      <c r="AG3712" s="137"/>
      <c r="AH3712" s="137"/>
      <c r="AI3712" s="137"/>
      <c r="AJ3712" s="137"/>
      <c r="AK3712" s="206"/>
      <c r="AL3712" s="206"/>
      <c r="AM3712" s="143"/>
      <c r="AN3712" s="137"/>
      <c r="AO3712" s="137"/>
      <c r="AP3712" s="137"/>
      <c r="AQ3712" s="137"/>
      <c r="AR3712" s="137"/>
      <c r="AS3712" s="137"/>
      <c r="AT3712" s="137"/>
      <c r="AU3712" s="137"/>
      <c r="AV3712" s="137"/>
      <c r="AW3712" s="144"/>
    </row>
    <row r="3713" spans="2:49" x14ac:dyDescent="0.2">
      <c r="B3713" s="97"/>
      <c r="J3713" s="98"/>
      <c r="K3713" s="97"/>
      <c r="N3713" s="3"/>
      <c r="W3713" s="98"/>
      <c r="Z3713" s="143"/>
      <c r="AA3713" s="137"/>
      <c r="AB3713" s="137"/>
      <c r="AC3713" s="137"/>
      <c r="AD3713" s="137"/>
      <c r="AE3713" s="137"/>
      <c r="AF3713" s="137"/>
      <c r="AG3713" s="137"/>
      <c r="AH3713" s="137"/>
      <c r="AI3713" s="137"/>
      <c r="AJ3713" s="137"/>
      <c r="AK3713" s="206"/>
      <c r="AL3713" s="206"/>
      <c r="AM3713" s="143"/>
      <c r="AN3713" s="137"/>
      <c r="AO3713" s="137"/>
      <c r="AP3713" s="137"/>
      <c r="AQ3713" s="137"/>
      <c r="AR3713" s="137"/>
      <c r="AS3713" s="137"/>
      <c r="AT3713" s="137"/>
      <c r="AU3713" s="137"/>
      <c r="AV3713" s="137"/>
      <c r="AW3713" s="144"/>
    </row>
    <row r="3714" spans="2:49" x14ac:dyDescent="0.2">
      <c r="B3714" s="97"/>
      <c r="J3714" s="98"/>
      <c r="K3714" s="97"/>
      <c r="N3714" s="3"/>
      <c r="W3714" s="98"/>
      <c r="Z3714" s="143"/>
      <c r="AA3714" s="137"/>
      <c r="AB3714" s="137"/>
      <c r="AC3714" s="137"/>
      <c r="AD3714" s="137"/>
      <c r="AE3714" s="137"/>
      <c r="AF3714" s="137"/>
      <c r="AG3714" s="137"/>
      <c r="AH3714" s="137"/>
      <c r="AI3714" s="137"/>
      <c r="AJ3714" s="137"/>
      <c r="AK3714" s="206"/>
      <c r="AL3714" s="206"/>
      <c r="AM3714" s="143"/>
      <c r="AN3714" s="137"/>
      <c r="AO3714" s="137"/>
      <c r="AP3714" s="137"/>
      <c r="AQ3714" s="137"/>
      <c r="AR3714" s="137"/>
      <c r="AS3714" s="137"/>
      <c r="AT3714" s="137"/>
      <c r="AU3714" s="137"/>
      <c r="AV3714" s="137"/>
      <c r="AW3714" s="144"/>
    </row>
    <row r="3715" spans="2:49" x14ac:dyDescent="0.2">
      <c r="B3715" s="97"/>
      <c r="J3715" s="98"/>
      <c r="K3715" s="97"/>
      <c r="N3715" s="3"/>
      <c r="W3715" s="98"/>
      <c r="Z3715" s="143"/>
      <c r="AA3715" s="137"/>
      <c r="AB3715" s="137"/>
      <c r="AC3715" s="137"/>
      <c r="AD3715" s="137"/>
      <c r="AE3715" s="137"/>
      <c r="AF3715" s="137"/>
      <c r="AG3715" s="137"/>
      <c r="AH3715" s="137"/>
      <c r="AI3715" s="137"/>
      <c r="AJ3715" s="137"/>
      <c r="AK3715" s="206"/>
      <c r="AL3715" s="206"/>
      <c r="AM3715" s="143"/>
      <c r="AN3715" s="137"/>
      <c r="AO3715" s="137"/>
      <c r="AP3715" s="137"/>
      <c r="AQ3715" s="137"/>
      <c r="AR3715" s="137"/>
      <c r="AS3715" s="137"/>
      <c r="AT3715" s="137"/>
      <c r="AU3715" s="137"/>
      <c r="AV3715" s="137"/>
      <c r="AW3715" s="144"/>
    </row>
    <row r="3716" spans="2:49" x14ac:dyDescent="0.2">
      <c r="B3716" s="97"/>
      <c r="J3716" s="98"/>
      <c r="K3716" s="97"/>
      <c r="N3716" s="3"/>
      <c r="W3716" s="98"/>
      <c r="Z3716" s="143"/>
      <c r="AA3716" s="137"/>
      <c r="AB3716" s="137"/>
      <c r="AC3716" s="137"/>
      <c r="AD3716" s="137"/>
      <c r="AE3716" s="137"/>
      <c r="AF3716" s="137"/>
      <c r="AG3716" s="137"/>
      <c r="AH3716" s="137"/>
      <c r="AI3716" s="137"/>
      <c r="AJ3716" s="137"/>
      <c r="AK3716" s="206"/>
      <c r="AL3716" s="206"/>
      <c r="AM3716" s="143"/>
      <c r="AN3716" s="137"/>
      <c r="AO3716" s="137"/>
      <c r="AP3716" s="137"/>
      <c r="AQ3716" s="137"/>
      <c r="AR3716" s="137"/>
      <c r="AS3716" s="137"/>
      <c r="AT3716" s="137"/>
      <c r="AU3716" s="137"/>
      <c r="AV3716" s="137"/>
      <c r="AW3716" s="144"/>
    </row>
    <row r="3717" spans="2:49" x14ac:dyDescent="0.2">
      <c r="B3717" s="97"/>
      <c r="J3717" s="98"/>
      <c r="K3717" s="97"/>
      <c r="N3717" s="3"/>
      <c r="W3717" s="98"/>
      <c r="Z3717" s="143"/>
      <c r="AA3717" s="137"/>
      <c r="AB3717" s="137"/>
      <c r="AC3717" s="137"/>
      <c r="AD3717" s="137"/>
      <c r="AE3717" s="137"/>
      <c r="AF3717" s="137"/>
      <c r="AG3717" s="137"/>
      <c r="AH3717" s="137"/>
      <c r="AI3717" s="137"/>
      <c r="AJ3717" s="137"/>
      <c r="AK3717" s="206"/>
      <c r="AL3717" s="206"/>
      <c r="AM3717" s="143"/>
      <c r="AN3717" s="137"/>
      <c r="AO3717" s="137"/>
      <c r="AP3717" s="137"/>
      <c r="AQ3717" s="137"/>
      <c r="AR3717" s="137"/>
      <c r="AS3717" s="137"/>
      <c r="AT3717" s="137"/>
      <c r="AU3717" s="137"/>
      <c r="AV3717" s="137"/>
      <c r="AW3717" s="144"/>
    </row>
    <row r="3718" spans="2:49" x14ac:dyDescent="0.2">
      <c r="B3718" s="97"/>
      <c r="J3718" s="98"/>
      <c r="K3718" s="97"/>
      <c r="N3718" s="3"/>
      <c r="W3718" s="98"/>
      <c r="Z3718" s="143"/>
      <c r="AA3718" s="137"/>
      <c r="AB3718" s="137"/>
      <c r="AC3718" s="137"/>
      <c r="AD3718" s="137"/>
      <c r="AE3718" s="137"/>
      <c r="AF3718" s="137"/>
      <c r="AG3718" s="137"/>
      <c r="AH3718" s="137"/>
      <c r="AI3718" s="137"/>
      <c r="AJ3718" s="137"/>
      <c r="AK3718" s="206"/>
      <c r="AL3718" s="206"/>
      <c r="AM3718" s="143"/>
      <c r="AN3718" s="137"/>
      <c r="AO3718" s="137"/>
      <c r="AP3718" s="137"/>
      <c r="AQ3718" s="137"/>
      <c r="AR3718" s="137"/>
      <c r="AS3718" s="137"/>
      <c r="AT3718" s="137"/>
      <c r="AU3718" s="137"/>
      <c r="AV3718" s="137"/>
      <c r="AW3718" s="144"/>
    </row>
    <row r="3719" spans="2:49" x14ac:dyDescent="0.2">
      <c r="B3719" s="97"/>
      <c r="J3719" s="98"/>
      <c r="K3719" s="97"/>
      <c r="N3719" s="3"/>
      <c r="W3719" s="98"/>
      <c r="Z3719" s="143"/>
      <c r="AA3719" s="137"/>
      <c r="AB3719" s="137"/>
      <c r="AC3719" s="137"/>
      <c r="AD3719" s="137"/>
      <c r="AE3719" s="137"/>
      <c r="AF3719" s="137"/>
      <c r="AG3719" s="137"/>
      <c r="AH3719" s="137"/>
      <c r="AI3719" s="137"/>
      <c r="AJ3719" s="137"/>
      <c r="AK3719" s="206"/>
      <c r="AL3719" s="206"/>
      <c r="AM3719" s="143"/>
      <c r="AN3719" s="137"/>
      <c r="AO3719" s="137"/>
      <c r="AP3719" s="137"/>
      <c r="AQ3719" s="137"/>
      <c r="AR3719" s="137"/>
      <c r="AS3719" s="137"/>
      <c r="AT3719" s="137"/>
      <c r="AU3719" s="137"/>
      <c r="AV3719" s="137"/>
      <c r="AW3719" s="144"/>
    </row>
    <row r="3720" spans="2:49" x14ac:dyDescent="0.2">
      <c r="B3720" s="97"/>
      <c r="J3720" s="98"/>
      <c r="K3720" s="97"/>
      <c r="N3720" s="3"/>
      <c r="W3720" s="98"/>
      <c r="Z3720" s="143"/>
      <c r="AA3720" s="137"/>
      <c r="AB3720" s="137"/>
      <c r="AC3720" s="137"/>
      <c r="AD3720" s="137"/>
      <c r="AE3720" s="137"/>
      <c r="AF3720" s="137"/>
      <c r="AG3720" s="137"/>
      <c r="AH3720" s="137"/>
      <c r="AI3720" s="137"/>
      <c r="AJ3720" s="137"/>
      <c r="AK3720" s="206"/>
      <c r="AL3720" s="206"/>
      <c r="AM3720" s="143"/>
      <c r="AN3720" s="137"/>
      <c r="AO3720" s="137"/>
      <c r="AP3720" s="137"/>
      <c r="AQ3720" s="137"/>
      <c r="AR3720" s="137"/>
      <c r="AS3720" s="137"/>
      <c r="AT3720" s="137"/>
      <c r="AU3720" s="137"/>
      <c r="AV3720" s="137"/>
      <c r="AW3720" s="144"/>
    </row>
    <row r="3721" spans="2:49" x14ac:dyDescent="0.2">
      <c r="B3721" s="97"/>
      <c r="J3721" s="98"/>
      <c r="K3721" s="97"/>
      <c r="N3721" s="3"/>
      <c r="W3721" s="98"/>
      <c r="Z3721" s="143"/>
      <c r="AA3721" s="137"/>
      <c r="AB3721" s="137"/>
      <c r="AC3721" s="137"/>
      <c r="AD3721" s="137"/>
      <c r="AE3721" s="137"/>
      <c r="AF3721" s="137"/>
      <c r="AG3721" s="137"/>
      <c r="AH3721" s="137"/>
      <c r="AI3721" s="137"/>
      <c r="AJ3721" s="137"/>
      <c r="AK3721" s="206"/>
      <c r="AL3721" s="206"/>
      <c r="AM3721" s="143"/>
      <c r="AN3721" s="137"/>
      <c r="AO3721" s="137"/>
      <c r="AP3721" s="137"/>
      <c r="AQ3721" s="137"/>
      <c r="AR3721" s="137"/>
      <c r="AS3721" s="137"/>
      <c r="AT3721" s="137"/>
      <c r="AU3721" s="137"/>
      <c r="AV3721" s="137"/>
      <c r="AW3721" s="144"/>
    </row>
    <row r="3722" spans="2:49" x14ac:dyDescent="0.2">
      <c r="B3722" s="97"/>
      <c r="J3722" s="98"/>
      <c r="K3722" s="97"/>
      <c r="N3722" s="3"/>
      <c r="W3722" s="98"/>
      <c r="Z3722" s="143"/>
      <c r="AA3722" s="137"/>
      <c r="AB3722" s="137"/>
      <c r="AC3722" s="137"/>
      <c r="AD3722" s="137"/>
      <c r="AE3722" s="137"/>
      <c r="AF3722" s="137"/>
      <c r="AG3722" s="137"/>
      <c r="AH3722" s="137"/>
      <c r="AI3722" s="137"/>
      <c r="AJ3722" s="137"/>
      <c r="AK3722" s="206"/>
      <c r="AL3722" s="206"/>
      <c r="AM3722" s="143"/>
      <c r="AN3722" s="137"/>
      <c r="AO3722" s="137"/>
      <c r="AP3722" s="137"/>
      <c r="AQ3722" s="137"/>
      <c r="AR3722" s="137"/>
      <c r="AS3722" s="137"/>
      <c r="AT3722" s="137"/>
      <c r="AU3722" s="137"/>
      <c r="AV3722" s="137"/>
      <c r="AW3722" s="144"/>
    </row>
    <row r="3723" spans="2:49" x14ac:dyDescent="0.2">
      <c r="B3723" s="97"/>
      <c r="J3723" s="98"/>
      <c r="K3723" s="97"/>
      <c r="N3723" s="3"/>
      <c r="W3723" s="98"/>
      <c r="Z3723" s="143"/>
      <c r="AA3723" s="137"/>
      <c r="AB3723" s="137"/>
      <c r="AC3723" s="137"/>
      <c r="AD3723" s="137"/>
      <c r="AE3723" s="137"/>
      <c r="AF3723" s="137"/>
      <c r="AG3723" s="137"/>
      <c r="AH3723" s="137"/>
      <c r="AI3723" s="137"/>
      <c r="AJ3723" s="137"/>
      <c r="AK3723" s="206"/>
      <c r="AL3723" s="206"/>
      <c r="AM3723" s="143"/>
      <c r="AN3723" s="137"/>
      <c r="AO3723" s="137"/>
      <c r="AP3723" s="137"/>
      <c r="AQ3723" s="137"/>
      <c r="AR3723" s="137"/>
      <c r="AS3723" s="137"/>
      <c r="AT3723" s="137"/>
      <c r="AU3723" s="137"/>
      <c r="AV3723" s="137"/>
      <c r="AW3723" s="144"/>
    </row>
    <row r="3724" spans="2:49" x14ac:dyDescent="0.2">
      <c r="B3724" s="97"/>
      <c r="J3724" s="98"/>
      <c r="K3724" s="97"/>
      <c r="N3724" s="3"/>
      <c r="W3724" s="98"/>
      <c r="Z3724" s="143"/>
      <c r="AA3724" s="137"/>
      <c r="AB3724" s="137"/>
      <c r="AC3724" s="137"/>
      <c r="AD3724" s="137"/>
      <c r="AE3724" s="137"/>
      <c r="AF3724" s="137"/>
      <c r="AG3724" s="137"/>
      <c r="AH3724" s="137"/>
      <c r="AI3724" s="137"/>
      <c r="AJ3724" s="137"/>
      <c r="AK3724" s="206"/>
      <c r="AL3724" s="206"/>
      <c r="AM3724" s="143"/>
      <c r="AN3724" s="137"/>
      <c r="AO3724" s="137"/>
      <c r="AP3724" s="137"/>
      <c r="AQ3724" s="137"/>
      <c r="AR3724" s="137"/>
      <c r="AS3724" s="137"/>
      <c r="AT3724" s="137"/>
      <c r="AU3724" s="137"/>
      <c r="AV3724" s="137"/>
      <c r="AW3724" s="144"/>
    </row>
    <row r="3725" spans="2:49" x14ac:dyDescent="0.2">
      <c r="B3725" s="97"/>
      <c r="J3725" s="98"/>
      <c r="K3725" s="97"/>
      <c r="N3725" s="3"/>
      <c r="W3725" s="98"/>
      <c r="Z3725" s="143"/>
      <c r="AA3725" s="137"/>
      <c r="AB3725" s="137"/>
      <c r="AC3725" s="137"/>
      <c r="AD3725" s="137"/>
      <c r="AE3725" s="137"/>
      <c r="AF3725" s="137"/>
      <c r="AG3725" s="137"/>
      <c r="AH3725" s="137"/>
      <c r="AI3725" s="137"/>
      <c r="AJ3725" s="137"/>
      <c r="AK3725" s="206"/>
      <c r="AL3725" s="206"/>
      <c r="AM3725" s="143"/>
      <c r="AN3725" s="137"/>
      <c r="AO3725" s="137"/>
      <c r="AP3725" s="137"/>
      <c r="AQ3725" s="137"/>
      <c r="AR3725" s="137"/>
      <c r="AS3725" s="137"/>
      <c r="AT3725" s="137"/>
      <c r="AU3725" s="137"/>
      <c r="AV3725" s="137"/>
      <c r="AW3725" s="144"/>
    </row>
    <row r="3726" spans="2:49" x14ac:dyDescent="0.2">
      <c r="B3726" s="97"/>
      <c r="J3726" s="98"/>
      <c r="K3726" s="97"/>
      <c r="N3726" s="3"/>
      <c r="W3726" s="98"/>
      <c r="Z3726" s="143"/>
      <c r="AA3726" s="137"/>
      <c r="AB3726" s="137"/>
      <c r="AC3726" s="137"/>
      <c r="AD3726" s="137"/>
      <c r="AE3726" s="137"/>
      <c r="AF3726" s="137"/>
      <c r="AG3726" s="137"/>
      <c r="AH3726" s="137"/>
      <c r="AI3726" s="137"/>
      <c r="AJ3726" s="137"/>
      <c r="AK3726" s="206"/>
      <c r="AL3726" s="206"/>
      <c r="AM3726" s="143"/>
      <c r="AN3726" s="137"/>
      <c r="AO3726" s="137"/>
      <c r="AP3726" s="137"/>
      <c r="AQ3726" s="137"/>
      <c r="AR3726" s="137"/>
      <c r="AS3726" s="137"/>
      <c r="AT3726" s="137"/>
      <c r="AU3726" s="137"/>
      <c r="AV3726" s="137"/>
      <c r="AW3726" s="144"/>
    </row>
    <row r="3727" spans="2:49" x14ac:dyDescent="0.2">
      <c r="B3727" s="97"/>
      <c r="J3727" s="98"/>
      <c r="K3727" s="97"/>
      <c r="N3727" s="3"/>
      <c r="W3727" s="98"/>
      <c r="Z3727" s="143"/>
      <c r="AA3727" s="137"/>
      <c r="AB3727" s="137"/>
      <c r="AC3727" s="137"/>
      <c r="AD3727" s="137"/>
      <c r="AE3727" s="137"/>
      <c r="AF3727" s="137"/>
      <c r="AG3727" s="137"/>
      <c r="AH3727" s="137"/>
      <c r="AI3727" s="137"/>
      <c r="AJ3727" s="137"/>
      <c r="AK3727" s="206"/>
      <c r="AL3727" s="206"/>
      <c r="AM3727" s="143"/>
      <c r="AN3727" s="137"/>
      <c r="AO3727" s="137"/>
      <c r="AP3727" s="137"/>
      <c r="AQ3727" s="137"/>
      <c r="AR3727" s="137"/>
      <c r="AS3727" s="137"/>
      <c r="AT3727" s="137"/>
      <c r="AU3727" s="137"/>
      <c r="AV3727" s="137"/>
      <c r="AW3727" s="144"/>
    </row>
    <row r="3728" spans="2:49" x14ac:dyDescent="0.2">
      <c r="B3728" s="97"/>
      <c r="J3728" s="98"/>
      <c r="K3728" s="97"/>
      <c r="N3728" s="3"/>
      <c r="W3728" s="98"/>
      <c r="Z3728" s="143"/>
      <c r="AA3728" s="137"/>
      <c r="AB3728" s="137"/>
      <c r="AC3728" s="137"/>
      <c r="AD3728" s="137"/>
      <c r="AE3728" s="137"/>
      <c r="AF3728" s="137"/>
      <c r="AG3728" s="137"/>
      <c r="AH3728" s="137"/>
      <c r="AI3728" s="137"/>
      <c r="AJ3728" s="137"/>
      <c r="AK3728" s="206"/>
      <c r="AL3728" s="206"/>
      <c r="AM3728" s="143"/>
      <c r="AN3728" s="137"/>
      <c r="AO3728" s="137"/>
      <c r="AP3728" s="137"/>
      <c r="AQ3728" s="137"/>
      <c r="AR3728" s="137"/>
      <c r="AS3728" s="137"/>
      <c r="AT3728" s="137"/>
      <c r="AU3728" s="137"/>
      <c r="AV3728" s="137"/>
      <c r="AW3728" s="144"/>
    </row>
    <row r="3729" spans="2:49" x14ac:dyDescent="0.2">
      <c r="B3729" s="97"/>
      <c r="J3729" s="98"/>
      <c r="K3729" s="97"/>
      <c r="N3729" s="3"/>
      <c r="W3729" s="98"/>
      <c r="Z3729" s="143"/>
      <c r="AA3729" s="137"/>
      <c r="AB3729" s="137"/>
      <c r="AC3729" s="137"/>
      <c r="AD3729" s="137"/>
      <c r="AE3729" s="137"/>
      <c r="AF3729" s="137"/>
      <c r="AG3729" s="137"/>
      <c r="AH3729" s="137"/>
      <c r="AI3729" s="137"/>
      <c r="AJ3729" s="137"/>
      <c r="AK3729" s="206"/>
      <c r="AL3729" s="206"/>
      <c r="AM3729" s="143"/>
      <c r="AN3729" s="137"/>
      <c r="AO3729" s="137"/>
      <c r="AP3729" s="137"/>
      <c r="AQ3729" s="137"/>
      <c r="AR3729" s="137"/>
      <c r="AS3729" s="137"/>
      <c r="AT3729" s="137"/>
      <c r="AU3729" s="137"/>
      <c r="AV3729" s="137"/>
      <c r="AW3729" s="144"/>
    </row>
    <row r="3730" spans="2:49" x14ac:dyDescent="0.2">
      <c r="B3730" s="97"/>
      <c r="J3730" s="98"/>
      <c r="K3730" s="97"/>
      <c r="N3730" s="3"/>
      <c r="W3730" s="98"/>
      <c r="Z3730" s="143"/>
      <c r="AA3730" s="137"/>
      <c r="AB3730" s="137"/>
      <c r="AC3730" s="137"/>
      <c r="AD3730" s="137"/>
      <c r="AE3730" s="137"/>
      <c r="AF3730" s="137"/>
      <c r="AG3730" s="137"/>
      <c r="AH3730" s="137"/>
      <c r="AI3730" s="137"/>
      <c r="AJ3730" s="137"/>
      <c r="AK3730" s="206"/>
      <c r="AL3730" s="206"/>
      <c r="AM3730" s="143"/>
      <c r="AN3730" s="137"/>
      <c r="AO3730" s="137"/>
      <c r="AP3730" s="137"/>
      <c r="AQ3730" s="137"/>
      <c r="AR3730" s="137"/>
      <c r="AS3730" s="137"/>
      <c r="AT3730" s="137"/>
      <c r="AU3730" s="137"/>
      <c r="AV3730" s="137"/>
      <c r="AW3730" s="144"/>
    </row>
    <row r="3731" spans="2:49" x14ac:dyDescent="0.2">
      <c r="B3731" s="97"/>
      <c r="J3731" s="98"/>
      <c r="K3731" s="97"/>
      <c r="N3731" s="3"/>
      <c r="W3731" s="98"/>
      <c r="Z3731" s="143"/>
      <c r="AA3731" s="137"/>
      <c r="AB3731" s="137"/>
      <c r="AC3731" s="137"/>
      <c r="AD3731" s="137"/>
      <c r="AE3731" s="137"/>
      <c r="AF3731" s="137"/>
      <c r="AG3731" s="137"/>
      <c r="AH3731" s="137"/>
      <c r="AI3731" s="137"/>
      <c r="AJ3731" s="137"/>
      <c r="AK3731" s="206"/>
      <c r="AL3731" s="206"/>
      <c r="AM3731" s="143"/>
      <c r="AN3731" s="137"/>
      <c r="AO3731" s="137"/>
      <c r="AP3731" s="137"/>
      <c r="AQ3731" s="137"/>
      <c r="AR3731" s="137"/>
      <c r="AS3731" s="137"/>
      <c r="AT3731" s="137"/>
      <c r="AU3731" s="137"/>
      <c r="AV3731" s="137"/>
      <c r="AW3731" s="144"/>
    </row>
    <row r="3732" spans="2:49" x14ac:dyDescent="0.2">
      <c r="B3732" s="97"/>
      <c r="J3732" s="98"/>
      <c r="K3732" s="97"/>
      <c r="N3732" s="3"/>
      <c r="W3732" s="98"/>
      <c r="Z3732" s="143"/>
      <c r="AA3732" s="137"/>
      <c r="AB3732" s="137"/>
      <c r="AC3732" s="137"/>
      <c r="AD3732" s="137"/>
      <c r="AE3732" s="137"/>
      <c r="AF3732" s="137"/>
      <c r="AG3732" s="137"/>
      <c r="AH3732" s="137"/>
      <c r="AI3732" s="137"/>
      <c r="AJ3732" s="137"/>
      <c r="AK3732" s="206"/>
      <c r="AL3732" s="206"/>
      <c r="AM3732" s="143"/>
      <c r="AN3732" s="137"/>
      <c r="AO3732" s="137"/>
      <c r="AP3732" s="137"/>
      <c r="AQ3732" s="137"/>
      <c r="AR3732" s="137"/>
      <c r="AS3732" s="137"/>
      <c r="AT3732" s="137"/>
      <c r="AU3732" s="137"/>
      <c r="AV3732" s="137"/>
      <c r="AW3732" s="144"/>
    </row>
    <row r="3733" spans="2:49" x14ac:dyDescent="0.2">
      <c r="B3733" s="97"/>
      <c r="J3733" s="98"/>
      <c r="K3733" s="97"/>
      <c r="N3733" s="3"/>
      <c r="W3733" s="98"/>
      <c r="Z3733" s="143"/>
      <c r="AA3733" s="137"/>
      <c r="AB3733" s="137"/>
      <c r="AC3733" s="137"/>
      <c r="AD3733" s="137"/>
      <c r="AE3733" s="137"/>
      <c r="AF3733" s="137"/>
      <c r="AG3733" s="137"/>
      <c r="AH3733" s="137"/>
      <c r="AI3733" s="137"/>
      <c r="AJ3733" s="137"/>
      <c r="AK3733" s="206"/>
      <c r="AL3733" s="206"/>
      <c r="AM3733" s="143"/>
      <c r="AN3733" s="137"/>
      <c r="AO3733" s="137"/>
      <c r="AP3733" s="137"/>
      <c r="AQ3733" s="137"/>
      <c r="AR3733" s="137"/>
      <c r="AS3733" s="137"/>
      <c r="AT3733" s="137"/>
      <c r="AU3733" s="137"/>
      <c r="AV3733" s="137"/>
      <c r="AW3733" s="144"/>
    </row>
    <row r="3734" spans="2:49" x14ac:dyDescent="0.2">
      <c r="B3734" s="97"/>
      <c r="J3734" s="98"/>
      <c r="K3734" s="97"/>
      <c r="N3734" s="3"/>
      <c r="W3734" s="98"/>
      <c r="Z3734" s="143"/>
      <c r="AA3734" s="137"/>
      <c r="AB3734" s="137"/>
      <c r="AC3734" s="137"/>
      <c r="AD3734" s="137"/>
      <c r="AE3734" s="137"/>
      <c r="AF3734" s="137"/>
      <c r="AG3734" s="137"/>
      <c r="AH3734" s="137"/>
      <c r="AI3734" s="137"/>
      <c r="AJ3734" s="137"/>
      <c r="AK3734" s="206"/>
      <c r="AL3734" s="206"/>
      <c r="AM3734" s="143"/>
      <c r="AN3734" s="137"/>
      <c r="AO3734" s="137"/>
      <c r="AP3734" s="137"/>
      <c r="AQ3734" s="137"/>
      <c r="AR3734" s="137"/>
      <c r="AS3734" s="137"/>
      <c r="AT3734" s="137"/>
      <c r="AU3734" s="137"/>
      <c r="AV3734" s="137"/>
      <c r="AW3734" s="144"/>
    </row>
    <row r="3735" spans="2:49" x14ac:dyDescent="0.2">
      <c r="B3735" s="97"/>
      <c r="J3735" s="98"/>
      <c r="K3735" s="97"/>
      <c r="N3735" s="3"/>
      <c r="W3735" s="98"/>
      <c r="Z3735" s="143"/>
      <c r="AA3735" s="137"/>
      <c r="AB3735" s="137"/>
      <c r="AC3735" s="137"/>
      <c r="AD3735" s="137"/>
      <c r="AE3735" s="137"/>
      <c r="AF3735" s="137"/>
      <c r="AG3735" s="137"/>
      <c r="AH3735" s="137"/>
      <c r="AI3735" s="137"/>
      <c r="AJ3735" s="137"/>
      <c r="AK3735" s="206"/>
      <c r="AL3735" s="206"/>
      <c r="AM3735" s="143"/>
      <c r="AN3735" s="137"/>
      <c r="AO3735" s="137"/>
      <c r="AP3735" s="137"/>
      <c r="AQ3735" s="137"/>
      <c r="AR3735" s="137"/>
      <c r="AS3735" s="137"/>
      <c r="AT3735" s="137"/>
      <c r="AU3735" s="137"/>
      <c r="AV3735" s="137"/>
      <c r="AW3735" s="144"/>
    </row>
    <row r="3736" spans="2:49" x14ac:dyDescent="0.2">
      <c r="B3736" s="97"/>
      <c r="J3736" s="98"/>
      <c r="K3736" s="97"/>
      <c r="N3736" s="3"/>
      <c r="W3736" s="98"/>
      <c r="Z3736" s="143"/>
      <c r="AA3736" s="137"/>
      <c r="AB3736" s="137"/>
      <c r="AC3736" s="137"/>
      <c r="AD3736" s="137"/>
      <c r="AE3736" s="137"/>
      <c r="AF3736" s="137"/>
      <c r="AG3736" s="137"/>
      <c r="AH3736" s="137"/>
      <c r="AI3736" s="137"/>
      <c r="AJ3736" s="137"/>
      <c r="AK3736" s="206"/>
      <c r="AL3736" s="206"/>
      <c r="AM3736" s="143"/>
      <c r="AN3736" s="137"/>
      <c r="AO3736" s="137"/>
      <c r="AP3736" s="137"/>
      <c r="AQ3736" s="137"/>
      <c r="AR3736" s="137"/>
      <c r="AS3736" s="137"/>
      <c r="AT3736" s="137"/>
      <c r="AU3736" s="137"/>
      <c r="AV3736" s="137"/>
      <c r="AW3736" s="144"/>
    </row>
    <row r="3737" spans="2:49" x14ac:dyDescent="0.2">
      <c r="B3737" s="97"/>
      <c r="J3737" s="98"/>
      <c r="K3737" s="97"/>
      <c r="N3737" s="3"/>
      <c r="W3737" s="98"/>
      <c r="Z3737" s="143"/>
      <c r="AA3737" s="137"/>
      <c r="AB3737" s="137"/>
      <c r="AC3737" s="137"/>
      <c r="AD3737" s="137"/>
      <c r="AE3737" s="137"/>
      <c r="AF3737" s="137"/>
      <c r="AG3737" s="137"/>
      <c r="AH3737" s="137"/>
      <c r="AI3737" s="137"/>
      <c r="AJ3737" s="137"/>
      <c r="AK3737" s="206"/>
      <c r="AL3737" s="206"/>
      <c r="AM3737" s="143"/>
      <c r="AN3737" s="137"/>
      <c r="AO3737" s="137"/>
      <c r="AP3737" s="137"/>
      <c r="AQ3737" s="137"/>
      <c r="AR3737" s="137"/>
      <c r="AS3737" s="137"/>
      <c r="AT3737" s="137"/>
      <c r="AU3737" s="137"/>
      <c r="AV3737" s="137"/>
      <c r="AW3737" s="144"/>
    </row>
    <row r="3738" spans="2:49" x14ac:dyDescent="0.2">
      <c r="B3738" s="97"/>
      <c r="J3738" s="98"/>
      <c r="K3738" s="97"/>
      <c r="N3738" s="3"/>
      <c r="W3738" s="98"/>
      <c r="Z3738" s="143"/>
      <c r="AA3738" s="137"/>
      <c r="AB3738" s="137"/>
      <c r="AC3738" s="137"/>
      <c r="AD3738" s="137"/>
      <c r="AE3738" s="137"/>
      <c r="AF3738" s="137"/>
      <c r="AG3738" s="137"/>
      <c r="AH3738" s="137"/>
      <c r="AI3738" s="137"/>
      <c r="AJ3738" s="137"/>
      <c r="AK3738" s="206"/>
      <c r="AL3738" s="206"/>
      <c r="AM3738" s="143"/>
      <c r="AN3738" s="137"/>
      <c r="AO3738" s="137"/>
      <c r="AP3738" s="137"/>
      <c r="AQ3738" s="137"/>
      <c r="AR3738" s="137"/>
      <c r="AS3738" s="137"/>
      <c r="AT3738" s="137"/>
      <c r="AU3738" s="137"/>
      <c r="AV3738" s="137"/>
      <c r="AW3738" s="144"/>
    </row>
    <row r="3739" spans="2:49" x14ac:dyDescent="0.2">
      <c r="B3739" s="97"/>
      <c r="J3739" s="98"/>
      <c r="K3739" s="97"/>
      <c r="N3739" s="3"/>
      <c r="W3739" s="98"/>
      <c r="Z3739" s="143"/>
      <c r="AA3739" s="137"/>
      <c r="AB3739" s="137"/>
      <c r="AC3739" s="137"/>
      <c r="AD3739" s="137"/>
      <c r="AE3739" s="137"/>
      <c r="AF3739" s="137"/>
      <c r="AG3739" s="137"/>
      <c r="AH3739" s="137"/>
      <c r="AI3739" s="137"/>
      <c r="AJ3739" s="137"/>
      <c r="AK3739" s="206"/>
      <c r="AL3739" s="206"/>
      <c r="AM3739" s="143"/>
      <c r="AN3739" s="137"/>
      <c r="AO3739" s="137"/>
      <c r="AP3739" s="137"/>
      <c r="AQ3739" s="137"/>
      <c r="AR3739" s="137"/>
      <c r="AS3739" s="137"/>
      <c r="AT3739" s="137"/>
      <c r="AU3739" s="137"/>
      <c r="AV3739" s="137"/>
      <c r="AW3739" s="144"/>
    </row>
    <row r="3740" spans="2:49" x14ac:dyDescent="0.2">
      <c r="B3740" s="97"/>
      <c r="J3740" s="98"/>
      <c r="K3740" s="97"/>
      <c r="N3740" s="3"/>
      <c r="W3740" s="98"/>
      <c r="Z3740" s="143"/>
      <c r="AA3740" s="137"/>
      <c r="AB3740" s="137"/>
      <c r="AC3740" s="137"/>
      <c r="AD3740" s="137"/>
      <c r="AE3740" s="137"/>
      <c r="AF3740" s="137"/>
      <c r="AG3740" s="137"/>
      <c r="AH3740" s="137"/>
      <c r="AI3740" s="137"/>
      <c r="AJ3740" s="137"/>
      <c r="AK3740" s="206"/>
      <c r="AL3740" s="206"/>
      <c r="AM3740" s="143"/>
      <c r="AN3740" s="137"/>
      <c r="AO3740" s="137"/>
      <c r="AP3740" s="137"/>
      <c r="AQ3740" s="137"/>
      <c r="AR3740" s="137"/>
      <c r="AS3740" s="137"/>
      <c r="AT3740" s="137"/>
      <c r="AU3740" s="137"/>
      <c r="AV3740" s="137"/>
      <c r="AW3740" s="144"/>
    </row>
    <row r="3741" spans="2:49" x14ac:dyDescent="0.2">
      <c r="B3741" s="97"/>
      <c r="J3741" s="98"/>
      <c r="K3741" s="97"/>
      <c r="N3741" s="3"/>
      <c r="W3741" s="98"/>
      <c r="Z3741" s="143"/>
      <c r="AA3741" s="137"/>
      <c r="AB3741" s="137"/>
      <c r="AC3741" s="137"/>
      <c r="AD3741" s="137"/>
      <c r="AE3741" s="137"/>
      <c r="AF3741" s="137"/>
      <c r="AG3741" s="137"/>
      <c r="AH3741" s="137"/>
      <c r="AI3741" s="137"/>
      <c r="AJ3741" s="137"/>
      <c r="AK3741" s="206"/>
      <c r="AL3741" s="206"/>
      <c r="AM3741" s="143"/>
      <c r="AN3741" s="137"/>
      <c r="AO3741" s="137"/>
      <c r="AP3741" s="137"/>
      <c r="AQ3741" s="137"/>
      <c r="AR3741" s="137"/>
      <c r="AS3741" s="137"/>
      <c r="AT3741" s="137"/>
      <c r="AU3741" s="137"/>
      <c r="AV3741" s="137"/>
      <c r="AW3741" s="144"/>
    </row>
    <row r="3742" spans="2:49" x14ac:dyDescent="0.2">
      <c r="B3742" s="97"/>
      <c r="J3742" s="98"/>
      <c r="K3742" s="97"/>
      <c r="N3742" s="3"/>
      <c r="W3742" s="98"/>
      <c r="Z3742" s="143"/>
      <c r="AA3742" s="137"/>
      <c r="AB3742" s="137"/>
      <c r="AC3742" s="137"/>
      <c r="AD3742" s="137"/>
      <c r="AE3742" s="137"/>
      <c r="AF3742" s="137"/>
      <c r="AG3742" s="137"/>
      <c r="AH3742" s="137"/>
      <c r="AI3742" s="137"/>
      <c r="AJ3742" s="137"/>
      <c r="AK3742" s="206"/>
      <c r="AL3742" s="206"/>
      <c r="AM3742" s="143"/>
      <c r="AN3742" s="137"/>
      <c r="AO3742" s="137"/>
      <c r="AP3742" s="137"/>
      <c r="AQ3742" s="137"/>
      <c r="AR3742" s="137"/>
      <c r="AS3742" s="137"/>
      <c r="AT3742" s="137"/>
      <c r="AU3742" s="137"/>
      <c r="AV3742" s="137"/>
      <c r="AW3742" s="144"/>
    </row>
    <row r="3743" spans="2:49" x14ac:dyDescent="0.2">
      <c r="B3743" s="97"/>
      <c r="J3743" s="98"/>
      <c r="K3743" s="97"/>
      <c r="N3743" s="3"/>
      <c r="W3743" s="98"/>
      <c r="Z3743" s="143"/>
      <c r="AA3743" s="137"/>
      <c r="AB3743" s="137"/>
      <c r="AC3743" s="137"/>
      <c r="AD3743" s="137"/>
      <c r="AE3743" s="137"/>
      <c r="AF3743" s="137"/>
      <c r="AG3743" s="137"/>
      <c r="AH3743" s="137"/>
      <c r="AI3743" s="137"/>
      <c r="AJ3743" s="137"/>
      <c r="AK3743" s="206"/>
      <c r="AL3743" s="206"/>
      <c r="AM3743" s="143"/>
      <c r="AN3743" s="137"/>
      <c r="AO3743" s="137"/>
      <c r="AP3743" s="137"/>
      <c r="AQ3743" s="137"/>
      <c r="AR3743" s="137"/>
      <c r="AS3743" s="137"/>
      <c r="AT3743" s="137"/>
      <c r="AU3743" s="137"/>
      <c r="AV3743" s="137"/>
      <c r="AW3743" s="144"/>
    </row>
    <row r="3744" spans="2:49" x14ac:dyDescent="0.2">
      <c r="B3744" s="97"/>
      <c r="J3744" s="98"/>
      <c r="K3744" s="97"/>
      <c r="N3744" s="3"/>
      <c r="W3744" s="98"/>
      <c r="Z3744" s="143"/>
      <c r="AA3744" s="137"/>
      <c r="AB3744" s="137"/>
      <c r="AC3744" s="137"/>
      <c r="AD3744" s="137"/>
      <c r="AE3744" s="137"/>
      <c r="AF3744" s="137"/>
      <c r="AG3744" s="137"/>
      <c r="AH3744" s="137"/>
      <c r="AI3744" s="137"/>
      <c r="AJ3744" s="137"/>
      <c r="AK3744" s="206"/>
      <c r="AL3744" s="206"/>
      <c r="AM3744" s="143"/>
      <c r="AN3744" s="137"/>
      <c r="AO3744" s="137"/>
      <c r="AP3744" s="137"/>
      <c r="AQ3744" s="137"/>
      <c r="AR3744" s="137"/>
      <c r="AS3744" s="137"/>
      <c r="AT3744" s="137"/>
      <c r="AU3744" s="137"/>
      <c r="AV3744" s="137"/>
      <c r="AW3744" s="144"/>
    </row>
    <row r="3745" spans="2:49" x14ac:dyDescent="0.2">
      <c r="B3745" s="97"/>
      <c r="J3745" s="98"/>
      <c r="K3745" s="97"/>
      <c r="N3745" s="3"/>
      <c r="W3745" s="98"/>
      <c r="Z3745" s="143"/>
      <c r="AA3745" s="137"/>
      <c r="AB3745" s="137"/>
      <c r="AC3745" s="137"/>
      <c r="AD3745" s="137"/>
      <c r="AE3745" s="137"/>
      <c r="AF3745" s="137"/>
      <c r="AG3745" s="137"/>
      <c r="AH3745" s="137"/>
      <c r="AI3745" s="137"/>
      <c r="AJ3745" s="137"/>
      <c r="AK3745" s="206"/>
      <c r="AL3745" s="206"/>
      <c r="AM3745" s="143"/>
      <c r="AN3745" s="137"/>
      <c r="AO3745" s="137"/>
      <c r="AP3745" s="137"/>
      <c r="AQ3745" s="137"/>
      <c r="AR3745" s="137"/>
      <c r="AS3745" s="137"/>
      <c r="AT3745" s="137"/>
      <c r="AU3745" s="137"/>
      <c r="AV3745" s="137"/>
      <c r="AW3745" s="144"/>
    </row>
    <row r="3746" spans="2:49" x14ac:dyDescent="0.2">
      <c r="B3746" s="97"/>
      <c r="J3746" s="98"/>
      <c r="K3746" s="97"/>
      <c r="N3746" s="3"/>
      <c r="W3746" s="98"/>
      <c r="Z3746" s="143"/>
      <c r="AA3746" s="137"/>
      <c r="AB3746" s="137"/>
      <c r="AC3746" s="137"/>
      <c r="AD3746" s="137"/>
      <c r="AE3746" s="137"/>
      <c r="AF3746" s="137"/>
      <c r="AG3746" s="137"/>
      <c r="AH3746" s="137"/>
      <c r="AI3746" s="137"/>
      <c r="AJ3746" s="137"/>
      <c r="AK3746" s="206"/>
      <c r="AL3746" s="206"/>
      <c r="AM3746" s="143"/>
      <c r="AN3746" s="137"/>
      <c r="AO3746" s="137"/>
      <c r="AP3746" s="137"/>
      <c r="AQ3746" s="137"/>
      <c r="AR3746" s="137"/>
      <c r="AS3746" s="137"/>
      <c r="AT3746" s="137"/>
      <c r="AU3746" s="137"/>
      <c r="AV3746" s="137"/>
      <c r="AW3746" s="144"/>
    </row>
    <row r="3747" spans="2:49" x14ac:dyDescent="0.2">
      <c r="B3747" s="97"/>
      <c r="J3747" s="98"/>
      <c r="K3747" s="97"/>
      <c r="N3747" s="3"/>
      <c r="W3747" s="98"/>
      <c r="Z3747" s="143"/>
      <c r="AA3747" s="137"/>
      <c r="AB3747" s="137"/>
      <c r="AC3747" s="137"/>
      <c r="AD3747" s="137"/>
      <c r="AE3747" s="137"/>
      <c r="AF3747" s="137"/>
      <c r="AG3747" s="137"/>
      <c r="AH3747" s="137"/>
      <c r="AI3747" s="137"/>
      <c r="AJ3747" s="137"/>
      <c r="AK3747" s="206"/>
      <c r="AL3747" s="206"/>
      <c r="AM3747" s="143"/>
      <c r="AN3747" s="137"/>
      <c r="AO3747" s="137"/>
      <c r="AP3747" s="137"/>
      <c r="AQ3747" s="137"/>
      <c r="AR3747" s="137"/>
      <c r="AS3747" s="137"/>
      <c r="AT3747" s="137"/>
      <c r="AU3747" s="137"/>
      <c r="AV3747" s="137"/>
      <c r="AW3747" s="144"/>
    </row>
    <row r="3748" spans="2:49" x14ac:dyDescent="0.2">
      <c r="B3748" s="97"/>
      <c r="J3748" s="98"/>
      <c r="K3748" s="97"/>
      <c r="N3748" s="3"/>
      <c r="W3748" s="98"/>
      <c r="Z3748" s="143"/>
      <c r="AA3748" s="137"/>
      <c r="AB3748" s="137"/>
      <c r="AC3748" s="137"/>
      <c r="AD3748" s="137"/>
      <c r="AE3748" s="137"/>
      <c r="AF3748" s="137"/>
      <c r="AG3748" s="137"/>
      <c r="AH3748" s="137"/>
      <c r="AI3748" s="137"/>
      <c r="AJ3748" s="137"/>
      <c r="AK3748" s="206"/>
      <c r="AL3748" s="206"/>
      <c r="AM3748" s="143"/>
      <c r="AN3748" s="137"/>
      <c r="AO3748" s="137"/>
      <c r="AP3748" s="137"/>
      <c r="AQ3748" s="137"/>
      <c r="AR3748" s="137"/>
      <c r="AS3748" s="137"/>
      <c r="AT3748" s="137"/>
      <c r="AU3748" s="137"/>
      <c r="AV3748" s="137"/>
      <c r="AW3748" s="144"/>
    </row>
    <row r="3749" spans="2:49" x14ac:dyDescent="0.2">
      <c r="B3749" s="97"/>
      <c r="J3749" s="98"/>
      <c r="K3749" s="97"/>
      <c r="N3749" s="3"/>
      <c r="W3749" s="98"/>
      <c r="Z3749" s="143"/>
      <c r="AA3749" s="137"/>
      <c r="AB3749" s="137"/>
      <c r="AC3749" s="137"/>
      <c r="AD3749" s="137"/>
      <c r="AE3749" s="137"/>
      <c r="AF3749" s="137"/>
      <c r="AG3749" s="137"/>
      <c r="AH3749" s="137"/>
      <c r="AI3749" s="137"/>
      <c r="AJ3749" s="137"/>
      <c r="AK3749" s="206"/>
      <c r="AL3749" s="206"/>
      <c r="AM3749" s="143"/>
      <c r="AN3749" s="137"/>
      <c r="AO3749" s="137"/>
      <c r="AP3749" s="137"/>
      <c r="AQ3749" s="137"/>
      <c r="AR3749" s="137"/>
      <c r="AS3749" s="137"/>
      <c r="AT3749" s="137"/>
      <c r="AU3749" s="137"/>
      <c r="AV3749" s="137"/>
      <c r="AW3749" s="144"/>
    </row>
    <row r="3750" spans="2:49" x14ac:dyDescent="0.2">
      <c r="B3750" s="97"/>
      <c r="J3750" s="98"/>
      <c r="K3750" s="97"/>
      <c r="N3750" s="3"/>
      <c r="W3750" s="98"/>
      <c r="Z3750" s="143"/>
      <c r="AA3750" s="137"/>
      <c r="AB3750" s="137"/>
      <c r="AC3750" s="137"/>
      <c r="AD3750" s="137"/>
      <c r="AE3750" s="137"/>
      <c r="AF3750" s="137"/>
      <c r="AG3750" s="137"/>
      <c r="AH3750" s="137"/>
      <c r="AI3750" s="137"/>
      <c r="AJ3750" s="137"/>
      <c r="AK3750" s="206"/>
      <c r="AL3750" s="206"/>
      <c r="AM3750" s="143"/>
      <c r="AN3750" s="137"/>
      <c r="AO3750" s="137"/>
      <c r="AP3750" s="137"/>
      <c r="AQ3750" s="137"/>
      <c r="AR3750" s="137"/>
      <c r="AS3750" s="137"/>
      <c r="AT3750" s="137"/>
      <c r="AU3750" s="137"/>
      <c r="AV3750" s="137"/>
      <c r="AW3750" s="144"/>
    </row>
    <row r="3751" spans="2:49" x14ac:dyDescent="0.2">
      <c r="B3751" s="97"/>
      <c r="J3751" s="98"/>
      <c r="K3751" s="97"/>
      <c r="N3751" s="3"/>
      <c r="W3751" s="98"/>
      <c r="Z3751" s="143"/>
      <c r="AA3751" s="137"/>
      <c r="AB3751" s="137"/>
      <c r="AC3751" s="137"/>
      <c r="AD3751" s="137"/>
      <c r="AE3751" s="137"/>
      <c r="AF3751" s="137"/>
      <c r="AG3751" s="137"/>
      <c r="AH3751" s="137"/>
      <c r="AI3751" s="137"/>
      <c r="AJ3751" s="137"/>
      <c r="AK3751" s="206"/>
      <c r="AL3751" s="206"/>
      <c r="AM3751" s="143"/>
      <c r="AN3751" s="137"/>
      <c r="AO3751" s="137"/>
      <c r="AP3751" s="137"/>
      <c r="AQ3751" s="137"/>
      <c r="AR3751" s="137"/>
      <c r="AS3751" s="137"/>
      <c r="AT3751" s="137"/>
      <c r="AU3751" s="137"/>
      <c r="AV3751" s="137"/>
      <c r="AW3751" s="144"/>
    </row>
    <row r="3752" spans="2:49" x14ac:dyDescent="0.2">
      <c r="B3752" s="97"/>
      <c r="J3752" s="98"/>
      <c r="K3752" s="97"/>
      <c r="N3752" s="3"/>
      <c r="W3752" s="98"/>
      <c r="Z3752" s="143"/>
      <c r="AA3752" s="137"/>
      <c r="AB3752" s="137"/>
      <c r="AC3752" s="137"/>
      <c r="AD3752" s="137"/>
      <c r="AE3752" s="137"/>
      <c r="AF3752" s="137"/>
      <c r="AG3752" s="137"/>
      <c r="AH3752" s="137"/>
      <c r="AI3752" s="137"/>
      <c r="AJ3752" s="137"/>
      <c r="AK3752" s="206"/>
      <c r="AL3752" s="206"/>
      <c r="AM3752" s="143"/>
      <c r="AN3752" s="137"/>
      <c r="AO3752" s="137"/>
      <c r="AP3752" s="137"/>
      <c r="AQ3752" s="137"/>
      <c r="AR3752" s="137"/>
      <c r="AS3752" s="137"/>
      <c r="AT3752" s="137"/>
      <c r="AU3752" s="137"/>
      <c r="AV3752" s="137"/>
      <c r="AW3752" s="144"/>
    </row>
    <row r="3753" spans="2:49" x14ac:dyDescent="0.2">
      <c r="B3753" s="97"/>
      <c r="J3753" s="98"/>
      <c r="K3753" s="97"/>
      <c r="N3753" s="3"/>
      <c r="W3753" s="98"/>
      <c r="Z3753" s="143"/>
      <c r="AA3753" s="137"/>
      <c r="AB3753" s="137"/>
      <c r="AC3753" s="137"/>
      <c r="AD3753" s="137"/>
      <c r="AE3753" s="137"/>
      <c r="AF3753" s="137"/>
      <c r="AG3753" s="137"/>
      <c r="AH3753" s="137"/>
      <c r="AI3753" s="137"/>
      <c r="AJ3753" s="137"/>
      <c r="AK3753" s="206"/>
      <c r="AL3753" s="206"/>
      <c r="AM3753" s="143"/>
      <c r="AN3753" s="137"/>
      <c r="AO3753" s="137"/>
      <c r="AP3753" s="137"/>
      <c r="AQ3753" s="137"/>
      <c r="AR3753" s="137"/>
      <c r="AS3753" s="137"/>
      <c r="AT3753" s="137"/>
      <c r="AU3753" s="137"/>
      <c r="AV3753" s="137"/>
      <c r="AW3753" s="144"/>
    </row>
    <row r="3754" spans="2:49" x14ac:dyDescent="0.2">
      <c r="B3754" s="97"/>
      <c r="J3754" s="98"/>
      <c r="K3754" s="97"/>
      <c r="N3754" s="3"/>
      <c r="W3754" s="98"/>
      <c r="Z3754" s="143"/>
      <c r="AA3754" s="137"/>
      <c r="AB3754" s="137"/>
      <c r="AC3754" s="137"/>
      <c r="AD3754" s="137"/>
      <c r="AE3754" s="137"/>
      <c r="AF3754" s="137"/>
      <c r="AG3754" s="137"/>
      <c r="AH3754" s="137"/>
      <c r="AI3754" s="137"/>
      <c r="AJ3754" s="137"/>
      <c r="AK3754" s="206"/>
      <c r="AL3754" s="206"/>
      <c r="AM3754" s="143"/>
      <c r="AN3754" s="137"/>
      <c r="AO3754" s="137"/>
      <c r="AP3754" s="137"/>
      <c r="AQ3754" s="137"/>
      <c r="AR3754" s="137"/>
      <c r="AS3754" s="137"/>
      <c r="AT3754" s="137"/>
      <c r="AU3754" s="137"/>
      <c r="AV3754" s="137"/>
      <c r="AW3754" s="144"/>
    </row>
    <row r="3755" spans="2:49" x14ac:dyDescent="0.2">
      <c r="B3755" s="97"/>
      <c r="J3755" s="98"/>
      <c r="K3755" s="97"/>
      <c r="N3755" s="3"/>
      <c r="W3755" s="98"/>
      <c r="Z3755" s="143"/>
      <c r="AA3755" s="137"/>
      <c r="AB3755" s="137"/>
      <c r="AC3755" s="137"/>
      <c r="AD3755" s="137"/>
      <c r="AE3755" s="137"/>
      <c r="AF3755" s="137"/>
      <c r="AG3755" s="137"/>
      <c r="AH3755" s="137"/>
      <c r="AI3755" s="137"/>
      <c r="AJ3755" s="137"/>
      <c r="AK3755" s="206"/>
      <c r="AL3755" s="206"/>
      <c r="AM3755" s="143"/>
      <c r="AN3755" s="137"/>
      <c r="AO3755" s="137"/>
      <c r="AP3755" s="137"/>
      <c r="AQ3755" s="137"/>
      <c r="AR3755" s="137"/>
      <c r="AS3755" s="137"/>
      <c r="AT3755" s="137"/>
      <c r="AU3755" s="137"/>
      <c r="AV3755" s="137"/>
      <c r="AW3755" s="144"/>
    </row>
    <row r="3756" spans="2:49" x14ac:dyDescent="0.2">
      <c r="B3756" s="97"/>
      <c r="J3756" s="98"/>
      <c r="K3756" s="97"/>
      <c r="N3756" s="3"/>
      <c r="W3756" s="98"/>
      <c r="Z3756" s="143"/>
      <c r="AA3756" s="137"/>
      <c r="AB3756" s="137"/>
      <c r="AC3756" s="137"/>
      <c r="AD3756" s="137"/>
      <c r="AE3756" s="137"/>
      <c r="AF3756" s="137"/>
      <c r="AG3756" s="137"/>
      <c r="AH3756" s="137"/>
      <c r="AI3756" s="137"/>
      <c r="AJ3756" s="137"/>
      <c r="AK3756" s="206"/>
      <c r="AL3756" s="206"/>
      <c r="AM3756" s="143"/>
      <c r="AN3756" s="137"/>
      <c r="AO3756" s="137"/>
      <c r="AP3756" s="137"/>
      <c r="AQ3756" s="137"/>
      <c r="AR3756" s="137"/>
      <c r="AS3756" s="137"/>
      <c r="AT3756" s="137"/>
      <c r="AU3756" s="137"/>
      <c r="AV3756" s="137"/>
      <c r="AW3756" s="144"/>
    </row>
    <row r="3757" spans="2:49" x14ac:dyDescent="0.2">
      <c r="B3757" s="97"/>
      <c r="J3757" s="98"/>
      <c r="K3757" s="97"/>
      <c r="N3757" s="3"/>
      <c r="W3757" s="98"/>
      <c r="Z3757" s="143"/>
      <c r="AA3757" s="137"/>
      <c r="AB3757" s="137"/>
      <c r="AC3757" s="137"/>
      <c r="AD3757" s="137"/>
      <c r="AE3757" s="137"/>
      <c r="AF3757" s="137"/>
      <c r="AG3757" s="137"/>
      <c r="AH3757" s="137"/>
      <c r="AI3757" s="137"/>
      <c r="AJ3757" s="137"/>
      <c r="AK3757" s="206"/>
      <c r="AL3757" s="206"/>
      <c r="AM3757" s="143"/>
      <c r="AN3757" s="137"/>
      <c r="AO3757" s="137"/>
      <c r="AP3757" s="137"/>
      <c r="AQ3757" s="137"/>
      <c r="AR3757" s="137"/>
      <c r="AS3757" s="137"/>
      <c r="AT3757" s="137"/>
      <c r="AU3757" s="137"/>
      <c r="AV3757" s="137"/>
      <c r="AW3757" s="144"/>
    </row>
    <row r="3758" spans="2:49" x14ac:dyDescent="0.2">
      <c r="B3758" s="97"/>
      <c r="J3758" s="98"/>
      <c r="K3758" s="97"/>
      <c r="N3758" s="3"/>
      <c r="W3758" s="98"/>
      <c r="Z3758" s="143"/>
      <c r="AA3758" s="137"/>
      <c r="AB3758" s="137"/>
      <c r="AC3758" s="137"/>
      <c r="AD3758" s="137"/>
      <c r="AE3758" s="137"/>
      <c r="AF3758" s="137"/>
      <c r="AG3758" s="137"/>
      <c r="AH3758" s="137"/>
      <c r="AI3758" s="137"/>
      <c r="AJ3758" s="137"/>
      <c r="AK3758" s="206"/>
      <c r="AL3758" s="206"/>
      <c r="AM3758" s="143"/>
      <c r="AN3758" s="137"/>
      <c r="AO3758" s="137"/>
      <c r="AP3758" s="137"/>
      <c r="AQ3758" s="137"/>
      <c r="AR3758" s="137"/>
      <c r="AS3758" s="137"/>
      <c r="AT3758" s="137"/>
      <c r="AU3758" s="137"/>
      <c r="AV3758" s="137"/>
      <c r="AW3758" s="144"/>
    </row>
    <row r="3759" spans="2:49" x14ac:dyDescent="0.2">
      <c r="B3759" s="97"/>
      <c r="J3759" s="98"/>
      <c r="K3759" s="97"/>
      <c r="N3759" s="3"/>
      <c r="W3759" s="98"/>
      <c r="Z3759" s="143"/>
      <c r="AA3759" s="137"/>
      <c r="AB3759" s="137"/>
      <c r="AC3759" s="137"/>
      <c r="AD3759" s="137"/>
      <c r="AE3759" s="137"/>
      <c r="AF3759" s="137"/>
      <c r="AG3759" s="137"/>
      <c r="AH3759" s="137"/>
      <c r="AI3759" s="137"/>
      <c r="AJ3759" s="137"/>
      <c r="AK3759" s="206"/>
      <c r="AL3759" s="206"/>
      <c r="AM3759" s="143"/>
      <c r="AN3759" s="137"/>
      <c r="AO3759" s="137"/>
      <c r="AP3759" s="137"/>
      <c r="AQ3759" s="137"/>
      <c r="AR3759" s="137"/>
      <c r="AS3759" s="137"/>
      <c r="AT3759" s="137"/>
      <c r="AU3759" s="137"/>
      <c r="AV3759" s="137"/>
      <c r="AW3759" s="144"/>
    </row>
    <row r="3760" spans="2:49" x14ac:dyDescent="0.2">
      <c r="B3760" s="97"/>
      <c r="J3760" s="98"/>
      <c r="K3760" s="97"/>
      <c r="N3760" s="3"/>
      <c r="W3760" s="98"/>
      <c r="Z3760" s="143"/>
      <c r="AA3760" s="137"/>
      <c r="AB3760" s="137"/>
      <c r="AC3760" s="137"/>
      <c r="AD3760" s="137"/>
      <c r="AE3760" s="137"/>
      <c r="AF3760" s="137"/>
      <c r="AG3760" s="137"/>
      <c r="AH3760" s="137"/>
      <c r="AI3760" s="137"/>
      <c r="AJ3760" s="137"/>
      <c r="AK3760" s="206"/>
      <c r="AL3760" s="206"/>
      <c r="AM3760" s="143"/>
      <c r="AN3760" s="137"/>
      <c r="AO3760" s="137"/>
      <c r="AP3760" s="137"/>
      <c r="AQ3760" s="137"/>
      <c r="AR3760" s="137"/>
      <c r="AS3760" s="137"/>
      <c r="AT3760" s="137"/>
      <c r="AU3760" s="137"/>
      <c r="AV3760" s="137"/>
      <c r="AW3760" s="144"/>
    </row>
    <row r="3761" spans="2:49" x14ac:dyDescent="0.2">
      <c r="B3761" s="97"/>
      <c r="J3761" s="98"/>
      <c r="K3761" s="97"/>
      <c r="N3761" s="3"/>
      <c r="W3761" s="98"/>
      <c r="Z3761" s="143"/>
      <c r="AA3761" s="137"/>
      <c r="AB3761" s="137"/>
      <c r="AC3761" s="137"/>
      <c r="AD3761" s="137"/>
      <c r="AE3761" s="137"/>
      <c r="AF3761" s="137"/>
      <c r="AG3761" s="137"/>
      <c r="AH3761" s="137"/>
      <c r="AI3761" s="137"/>
      <c r="AJ3761" s="137"/>
      <c r="AK3761" s="206"/>
      <c r="AL3761" s="206"/>
      <c r="AM3761" s="143"/>
      <c r="AN3761" s="137"/>
      <c r="AO3761" s="137"/>
      <c r="AP3761" s="137"/>
      <c r="AQ3761" s="137"/>
      <c r="AR3761" s="137"/>
      <c r="AS3761" s="137"/>
      <c r="AT3761" s="137"/>
      <c r="AU3761" s="137"/>
      <c r="AV3761" s="137"/>
      <c r="AW3761" s="144"/>
    </row>
    <row r="3762" spans="2:49" x14ac:dyDescent="0.2">
      <c r="B3762" s="97"/>
      <c r="J3762" s="98"/>
      <c r="K3762" s="97"/>
      <c r="N3762" s="3"/>
      <c r="W3762" s="98"/>
      <c r="Z3762" s="143"/>
      <c r="AA3762" s="137"/>
      <c r="AB3762" s="137"/>
      <c r="AC3762" s="137"/>
      <c r="AD3762" s="137"/>
      <c r="AE3762" s="137"/>
      <c r="AF3762" s="137"/>
      <c r="AG3762" s="137"/>
      <c r="AH3762" s="137"/>
      <c r="AI3762" s="137"/>
      <c r="AJ3762" s="137"/>
      <c r="AK3762" s="206"/>
      <c r="AL3762" s="206"/>
      <c r="AM3762" s="143"/>
      <c r="AN3762" s="137"/>
      <c r="AO3762" s="137"/>
      <c r="AP3762" s="137"/>
      <c r="AQ3762" s="137"/>
      <c r="AR3762" s="137"/>
      <c r="AS3762" s="137"/>
      <c r="AT3762" s="137"/>
      <c r="AU3762" s="137"/>
      <c r="AV3762" s="137"/>
      <c r="AW3762" s="144"/>
    </row>
    <row r="3763" spans="2:49" x14ac:dyDescent="0.2">
      <c r="B3763" s="97"/>
      <c r="J3763" s="98"/>
      <c r="K3763" s="97"/>
      <c r="N3763" s="3"/>
      <c r="W3763" s="98"/>
      <c r="Z3763" s="143"/>
      <c r="AA3763" s="137"/>
      <c r="AB3763" s="137"/>
      <c r="AC3763" s="137"/>
      <c r="AD3763" s="137"/>
      <c r="AE3763" s="137"/>
      <c r="AF3763" s="137"/>
      <c r="AG3763" s="137"/>
      <c r="AH3763" s="137"/>
      <c r="AI3763" s="137"/>
      <c r="AJ3763" s="137"/>
      <c r="AK3763" s="206"/>
      <c r="AL3763" s="206"/>
      <c r="AM3763" s="143"/>
      <c r="AN3763" s="137"/>
      <c r="AO3763" s="137"/>
      <c r="AP3763" s="137"/>
      <c r="AQ3763" s="137"/>
      <c r="AR3763" s="137"/>
      <c r="AS3763" s="137"/>
      <c r="AT3763" s="137"/>
      <c r="AU3763" s="137"/>
      <c r="AV3763" s="137"/>
      <c r="AW3763" s="144"/>
    </row>
    <row r="3764" spans="2:49" x14ac:dyDescent="0.2">
      <c r="B3764" s="97"/>
      <c r="J3764" s="98"/>
      <c r="K3764" s="97"/>
      <c r="N3764" s="3"/>
      <c r="W3764" s="98"/>
      <c r="Z3764" s="143"/>
      <c r="AA3764" s="137"/>
      <c r="AB3764" s="137"/>
      <c r="AC3764" s="137"/>
      <c r="AD3764" s="137"/>
      <c r="AE3764" s="137"/>
      <c r="AF3764" s="137"/>
      <c r="AG3764" s="137"/>
      <c r="AH3764" s="137"/>
      <c r="AI3764" s="137"/>
      <c r="AJ3764" s="137"/>
      <c r="AK3764" s="206"/>
      <c r="AL3764" s="206"/>
      <c r="AM3764" s="143"/>
      <c r="AN3764" s="137"/>
      <c r="AO3764" s="137"/>
      <c r="AP3764" s="137"/>
      <c r="AQ3764" s="137"/>
      <c r="AR3764" s="137"/>
      <c r="AS3764" s="137"/>
      <c r="AT3764" s="137"/>
      <c r="AU3764" s="137"/>
      <c r="AV3764" s="137"/>
      <c r="AW3764" s="144"/>
    </row>
    <row r="3765" spans="2:49" x14ac:dyDescent="0.2">
      <c r="B3765" s="97"/>
      <c r="J3765" s="98"/>
      <c r="K3765" s="97"/>
      <c r="N3765" s="3"/>
      <c r="W3765" s="98"/>
      <c r="Z3765" s="143"/>
      <c r="AA3765" s="137"/>
      <c r="AB3765" s="137"/>
      <c r="AC3765" s="137"/>
      <c r="AD3765" s="137"/>
      <c r="AE3765" s="137"/>
      <c r="AF3765" s="137"/>
      <c r="AG3765" s="137"/>
      <c r="AH3765" s="137"/>
      <c r="AI3765" s="137"/>
      <c r="AJ3765" s="137"/>
      <c r="AK3765" s="206"/>
      <c r="AL3765" s="206"/>
      <c r="AM3765" s="143"/>
      <c r="AN3765" s="137"/>
      <c r="AO3765" s="137"/>
      <c r="AP3765" s="137"/>
      <c r="AQ3765" s="137"/>
      <c r="AR3765" s="137"/>
      <c r="AS3765" s="137"/>
      <c r="AT3765" s="137"/>
      <c r="AU3765" s="137"/>
      <c r="AV3765" s="137"/>
      <c r="AW3765" s="144"/>
    </row>
    <row r="3766" spans="2:49" x14ac:dyDescent="0.2">
      <c r="B3766" s="97"/>
      <c r="J3766" s="98"/>
      <c r="K3766" s="97"/>
      <c r="N3766" s="3"/>
      <c r="W3766" s="98"/>
      <c r="Z3766" s="143"/>
      <c r="AA3766" s="137"/>
      <c r="AB3766" s="137"/>
      <c r="AC3766" s="137"/>
      <c r="AD3766" s="137"/>
      <c r="AE3766" s="137"/>
      <c r="AF3766" s="137"/>
      <c r="AG3766" s="137"/>
      <c r="AH3766" s="137"/>
      <c r="AI3766" s="137"/>
      <c r="AJ3766" s="137"/>
      <c r="AK3766" s="206"/>
      <c r="AL3766" s="206"/>
      <c r="AM3766" s="143"/>
      <c r="AN3766" s="137"/>
      <c r="AO3766" s="137"/>
      <c r="AP3766" s="137"/>
      <c r="AQ3766" s="137"/>
      <c r="AR3766" s="137"/>
      <c r="AS3766" s="137"/>
      <c r="AT3766" s="137"/>
      <c r="AU3766" s="137"/>
      <c r="AV3766" s="137"/>
      <c r="AW3766" s="144"/>
    </row>
    <row r="3767" spans="2:49" x14ac:dyDescent="0.2">
      <c r="B3767" s="97"/>
      <c r="J3767" s="98"/>
      <c r="K3767" s="97"/>
      <c r="N3767" s="3"/>
      <c r="W3767" s="98"/>
      <c r="Z3767" s="143"/>
      <c r="AA3767" s="137"/>
      <c r="AB3767" s="137"/>
      <c r="AC3767" s="137"/>
      <c r="AD3767" s="137"/>
      <c r="AE3767" s="137"/>
      <c r="AF3767" s="137"/>
      <c r="AG3767" s="137"/>
      <c r="AH3767" s="137"/>
      <c r="AI3767" s="137"/>
      <c r="AJ3767" s="137"/>
      <c r="AK3767" s="206"/>
      <c r="AL3767" s="206"/>
      <c r="AM3767" s="143"/>
      <c r="AN3767" s="137"/>
      <c r="AO3767" s="137"/>
      <c r="AP3767" s="137"/>
      <c r="AQ3767" s="137"/>
      <c r="AR3767" s="137"/>
      <c r="AS3767" s="137"/>
      <c r="AT3767" s="137"/>
      <c r="AU3767" s="137"/>
      <c r="AV3767" s="137"/>
      <c r="AW3767" s="144"/>
    </row>
    <row r="3768" spans="2:49" x14ac:dyDescent="0.2">
      <c r="B3768" s="97"/>
      <c r="J3768" s="98"/>
      <c r="K3768" s="97"/>
      <c r="N3768" s="3"/>
      <c r="W3768" s="98"/>
      <c r="Z3768" s="143"/>
      <c r="AA3768" s="137"/>
      <c r="AB3768" s="137"/>
      <c r="AC3768" s="137"/>
      <c r="AD3768" s="137"/>
      <c r="AE3768" s="137"/>
      <c r="AF3768" s="137"/>
      <c r="AG3768" s="137"/>
      <c r="AH3768" s="137"/>
      <c r="AI3768" s="137"/>
      <c r="AJ3768" s="137"/>
      <c r="AK3768" s="206"/>
      <c r="AL3768" s="206"/>
      <c r="AM3768" s="143"/>
      <c r="AN3768" s="137"/>
      <c r="AO3768" s="137"/>
      <c r="AP3768" s="137"/>
      <c r="AQ3768" s="137"/>
      <c r="AR3768" s="137"/>
      <c r="AS3768" s="137"/>
      <c r="AT3768" s="137"/>
      <c r="AU3768" s="137"/>
      <c r="AV3768" s="137"/>
      <c r="AW3768" s="144"/>
    </row>
    <row r="3769" spans="2:49" x14ac:dyDescent="0.2">
      <c r="B3769" s="97"/>
      <c r="J3769" s="98"/>
      <c r="K3769" s="97"/>
      <c r="N3769" s="3"/>
      <c r="W3769" s="98"/>
      <c r="Z3769" s="143"/>
      <c r="AA3769" s="137"/>
      <c r="AB3769" s="137"/>
      <c r="AC3769" s="137"/>
      <c r="AD3769" s="137"/>
      <c r="AE3769" s="137"/>
      <c r="AF3769" s="137"/>
      <c r="AG3769" s="137"/>
      <c r="AH3769" s="137"/>
      <c r="AI3769" s="137"/>
      <c r="AJ3769" s="137"/>
      <c r="AK3769" s="206"/>
      <c r="AL3769" s="206"/>
      <c r="AM3769" s="143"/>
      <c r="AN3769" s="137"/>
      <c r="AO3769" s="137"/>
      <c r="AP3769" s="137"/>
      <c r="AQ3769" s="137"/>
      <c r="AR3769" s="137"/>
      <c r="AS3769" s="137"/>
      <c r="AT3769" s="137"/>
      <c r="AU3769" s="137"/>
      <c r="AV3769" s="137"/>
      <c r="AW3769" s="144"/>
    </row>
    <row r="3770" spans="2:49" x14ac:dyDescent="0.2">
      <c r="B3770" s="97"/>
      <c r="J3770" s="98"/>
      <c r="K3770" s="97"/>
      <c r="N3770" s="3"/>
      <c r="W3770" s="98"/>
      <c r="Z3770" s="143"/>
      <c r="AA3770" s="137"/>
      <c r="AB3770" s="137"/>
      <c r="AC3770" s="137"/>
      <c r="AD3770" s="137"/>
      <c r="AE3770" s="137"/>
      <c r="AF3770" s="137"/>
      <c r="AG3770" s="137"/>
      <c r="AH3770" s="137"/>
      <c r="AI3770" s="137"/>
      <c r="AJ3770" s="137"/>
      <c r="AK3770" s="206"/>
      <c r="AL3770" s="206"/>
      <c r="AM3770" s="143"/>
      <c r="AN3770" s="137"/>
      <c r="AO3770" s="137"/>
      <c r="AP3770" s="137"/>
      <c r="AQ3770" s="137"/>
      <c r="AR3770" s="137"/>
      <c r="AS3770" s="137"/>
      <c r="AT3770" s="137"/>
      <c r="AU3770" s="137"/>
      <c r="AV3770" s="137"/>
      <c r="AW3770" s="144"/>
    </row>
    <row r="3771" spans="2:49" x14ac:dyDescent="0.2">
      <c r="B3771" s="97"/>
      <c r="J3771" s="98"/>
      <c r="K3771" s="97"/>
      <c r="N3771" s="3"/>
      <c r="W3771" s="98"/>
      <c r="Z3771" s="143"/>
      <c r="AA3771" s="137"/>
      <c r="AB3771" s="137"/>
      <c r="AC3771" s="137"/>
      <c r="AD3771" s="137"/>
      <c r="AE3771" s="137"/>
      <c r="AF3771" s="137"/>
      <c r="AG3771" s="137"/>
      <c r="AH3771" s="137"/>
      <c r="AI3771" s="137"/>
      <c r="AJ3771" s="137"/>
      <c r="AK3771" s="206"/>
      <c r="AL3771" s="206"/>
      <c r="AM3771" s="143"/>
      <c r="AN3771" s="137"/>
      <c r="AO3771" s="137"/>
      <c r="AP3771" s="137"/>
      <c r="AQ3771" s="137"/>
      <c r="AR3771" s="137"/>
      <c r="AS3771" s="137"/>
      <c r="AT3771" s="137"/>
      <c r="AU3771" s="137"/>
      <c r="AV3771" s="137"/>
      <c r="AW3771" s="144"/>
    </row>
    <row r="3772" spans="2:49" x14ac:dyDescent="0.2">
      <c r="B3772" s="97"/>
      <c r="J3772" s="98"/>
      <c r="K3772" s="97"/>
      <c r="N3772" s="3"/>
      <c r="W3772" s="98"/>
      <c r="Z3772" s="143"/>
      <c r="AA3772" s="137"/>
      <c r="AB3772" s="137"/>
      <c r="AC3772" s="137"/>
      <c r="AD3772" s="137"/>
      <c r="AE3772" s="137"/>
      <c r="AF3772" s="137"/>
      <c r="AG3772" s="137"/>
      <c r="AH3772" s="137"/>
      <c r="AI3772" s="137"/>
      <c r="AJ3772" s="137"/>
      <c r="AK3772" s="206"/>
      <c r="AL3772" s="206"/>
      <c r="AM3772" s="143"/>
      <c r="AN3772" s="137"/>
      <c r="AO3772" s="137"/>
      <c r="AP3772" s="137"/>
      <c r="AQ3772" s="137"/>
      <c r="AR3772" s="137"/>
      <c r="AS3772" s="137"/>
      <c r="AT3772" s="137"/>
      <c r="AU3772" s="137"/>
      <c r="AV3772" s="137"/>
      <c r="AW3772" s="144"/>
    </row>
    <row r="3773" spans="2:49" x14ac:dyDescent="0.2">
      <c r="B3773" s="97"/>
      <c r="J3773" s="98"/>
      <c r="K3773" s="97"/>
      <c r="N3773" s="3"/>
      <c r="W3773" s="98"/>
      <c r="Z3773" s="143"/>
      <c r="AA3773" s="137"/>
      <c r="AB3773" s="137"/>
      <c r="AC3773" s="137"/>
      <c r="AD3773" s="137"/>
      <c r="AE3773" s="137"/>
      <c r="AF3773" s="137"/>
      <c r="AG3773" s="137"/>
      <c r="AH3773" s="137"/>
      <c r="AI3773" s="137"/>
      <c r="AJ3773" s="137"/>
      <c r="AK3773" s="206"/>
      <c r="AL3773" s="206"/>
      <c r="AM3773" s="143"/>
      <c r="AN3773" s="137"/>
      <c r="AO3773" s="137"/>
      <c r="AP3773" s="137"/>
      <c r="AQ3773" s="137"/>
      <c r="AR3773" s="137"/>
      <c r="AS3773" s="137"/>
      <c r="AT3773" s="137"/>
      <c r="AU3773" s="137"/>
      <c r="AV3773" s="137"/>
      <c r="AW3773" s="144"/>
    </row>
    <row r="3774" spans="2:49" x14ac:dyDescent="0.2">
      <c r="B3774" s="97"/>
      <c r="J3774" s="98"/>
      <c r="K3774" s="97"/>
      <c r="N3774" s="3"/>
      <c r="W3774" s="98"/>
      <c r="Z3774" s="143"/>
      <c r="AA3774" s="137"/>
      <c r="AB3774" s="137"/>
      <c r="AC3774" s="137"/>
      <c r="AD3774" s="137"/>
      <c r="AE3774" s="137"/>
      <c r="AF3774" s="137"/>
      <c r="AG3774" s="137"/>
      <c r="AH3774" s="137"/>
      <c r="AI3774" s="137"/>
      <c r="AJ3774" s="137"/>
      <c r="AK3774" s="206"/>
      <c r="AL3774" s="206"/>
      <c r="AM3774" s="143"/>
      <c r="AN3774" s="137"/>
      <c r="AO3774" s="137"/>
      <c r="AP3774" s="137"/>
      <c r="AQ3774" s="137"/>
      <c r="AR3774" s="137"/>
      <c r="AS3774" s="137"/>
      <c r="AT3774" s="137"/>
      <c r="AU3774" s="137"/>
      <c r="AV3774" s="137"/>
      <c r="AW3774" s="144"/>
    </row>
    <row r="3775" spans="2:49" x14ac:dyDescent="0.2">
      <c r="B3775" s="97"/>
      <c r="J3775" s="98"/>
      <c r="K3775" s="97"/>
      <c r="N3775" s="3"/>
      <c r="W3775" s="98"/>
      <c r="Z3775" s="143"/>
      <c r="AA3775" s="137"/>
      <c r="AB3775" s="137"/>
      <c r="AC3775" s="137"/>
      <c r="AD3775" s="137"/>
      <c r="AE3775" s="137"/>
      <c r="AF3775" s="137"/>
      <c r="AG3775" s="137"/>
      <c r="AH3775" s="137"/>
      <c r="AI3775" s="137"/>
      <c r="AJ3775" s="137"/>
      <c r="AK3775" s="206"/>
      <c r="AL3775" s="206"/>
      <c r="AM3775" s="143"/>
      <c r="AN3775" s="137"/>
      <c r="AO3775" s="137"/>
      <c r="AP3775" s="137"/>
      <c r="AQ3775" s="137"/>
      <c r="AR3775" s="137"/>
      <c r="AS3775" s="137"/>
      <c r="AT3775" s="137"/>
      <c r="AU3775" s="137"/>
      <c r="AV3775" s="137"/>
      <c r="AW3775" s="144"/>
    </row>
    <row r="3776" spans="2:49" x14ac:dyDescent="0.2">
      <c r="B3776" s="97"/>
      <c r="J3776" s="98"/>
      <c r="K3776" s="97"/>
      <c r="N3776" s="3"/>
      <c r="W3776" s="98"/>
      <c r="Z3776" s="143"/>
      <c r="AA3776" s="137"/>
      <c r="AB3776" s="137"/>
      <c r="AC3776" s="137"/>
      <c r="AD3776" s="137"/>
      <c r="AE3776" s="137"/>
      <c r="AF3776" s="137"/>
      <c r="AG3776" s="137"/>
      <c r="AH3776" s="137"/>
      <c r="AI3776" s="137"/>
      <c r="AJ3776" s="137"/>
      <c r="AK3776" s="206"/>
      <c r="AL3776" s="206"/>
      <c r="AM3776" s="143"/>
      <c r="AN3776" s="137"/>
      <c r="AO3776" s="137"/>
      <c r="AP3776" s="137"/>
      <c r="AQ3776" s="137"/>
      <c r="AR3776" s="137"/>
      <c r="AS3776" s="137"/>
      <c r="AT3776" s="137"/>
      <c r="AU3776" s="137"/>
      <c r="AV3776" s="137"/>
      <c r="AW3776" s="144"/>
    </row>
    <row r="3777" spans="2:49" x14ac:dyDescent="0.2">
      <c r="B3777" s="97"/>
      <c r="J3777" s="98"/>
      <c r="K3777" s="97"/>
      <c r="N3777" s="3"/>
      <c r="W3777" s="98"/>
      <c r="Z3777" s="143"/>
      <c r="AA3777" s="137"/>
      <c r="AB3777" s="137"/>
      <c r="AC3777" s="137"/>
      <c r="AD3777" s="137"/>
      <c r="AE3777" s="137"/>
      <c r="AF3777" s="137"/>
      <c r="AG3777" s="137"/>
      <c r="AH3777" s="137"/>
      <c r="AI3777" s="137"/>
      <c r="AJ3777" s="137"/>
      <c r="AK3777" s="206"/>
      <c r="AL3777" s="206"/>
      <c r="AM3777" s="143"/>
      <c r="AN3777" s="137"/>
      <c r="AO3777" s="137"/>
      <c r="AP3777" s="137"/>
      <c r="AQ3777" s="137"/>
      <c r="AR3777" s="137"/>
      <c r="AS3777" s="137"/>
      <c r="AT3777" s="137"/>
      <c r="AU3777" s="137"/>
      <c r="AV3777" s="137"/>
      <c r="AW3777" s="144"/>
    </row>
    <row r="3778" spans="2:49" x14ac:dyDescent="0.2">
      <c r="B3778" s="97"/>
      <c r="J3778" s="98"/>
      <c r="K3778" s="97"/>
      <c r="N3778" s="3"/>
      <c r="W3778" s="98"/>
      <c r="Z3778" s="143"/>
      <c r="AA3778" s="137"/>
      <c r="AB3778" s="137"/>
      <c r="AC3778" s="137"/>
      <c r="AD3778" s="137"/>
      <c r="AE3778" s="137"/>
      <c r="AF3778" s="137"/>
      <c r="AG3778" s="137"/>
      <c r="AH3778" s="137"/>
      <c r="AI3778" s="137"/>
      <c r="AJ3778" s="137"/>
      <c r="AK3778" s="206"/>
      <c r="AL3778" s="206"/>
      <c r="AM3778" s="143"/>
      <c r="AN3778" s="137"/>
      <c r="AO3778" s="137"/>
      <c r="AP3778" s="137"/>
      <c r="AQ3778" s="137"/>
      <c r="AR3778" s="137"/>
      <c r="AS3778" s="137"/>
      <c r="AT3778" s="137"/>
      <c r="AU3778" s="137"/>
      <c r="AV3778" s="137"/>
      <c r="AW3778" s="144"/>
    </row>
    <row r="3779" spans="2:49" x14ac:dyDescent="0.2">
      <c r="B3779" s="97"/>
      <c r="J3779" s="98"/>
      <c r="K3779" s="97"/>
      <c r="N3779" s="3"/>
      <c r="W3779" s="98"/>
      <c r="Z3779" s="143"/>
      <c r="AA3779" s="137"/>
      <c r="AB3779" s="137"/>
      <c r="AC3779" s="137"/>
      <c r="AD3779" s="137"/>
      <c r="AE3779" s="137"/>
      <c r="AF3779" s="137"/>
      <c r="AG3779" s="137"/>
      <c r="AH3779" s="137"/>
      <c r="AI3779" s="137"/>
      <c r="AJ3779" s="137"/>
      <c r="AK3779" s="206"/>
      <c r="AL3779" s="206"/>
      <c r="AM3779" s="143"/>
      <c r="AN3779" s="137"/>
      <c r="AO3779" s="137"/>
      <c r="AP3779" s="137"/>
      <c r="AQ3779" s="137"/>
      <c r="AR3779" s="137"/>
      <c r="AS3779" s="137"/>
      <c r="AT3779" s="137"/>
      <c r="AU3779" s="137"/>
      <c r="AV3779" s="137"/>
      <c r="AW3779" s="144"/>
    </row>
    <row r="3780" spans="2:49" x14ac:dyDescent="0.2">
      <c r="B3780" s="97"/>
      <c r="J3780" s="98"/>
      <c r="K3780" s="97"/>
      <c r="N3780" s="3"/>
      <c r="W3780" s="98"/>
      <c r="Z3780" s="143"/>
      <c r="AA3780" s="137"/>
      <c r="AB3780" s="137"/>
      <c r="AC3780" s="137"/>
      <c r="AD3780" s="137"/>
      <c r="AE3780" s="137"/>
      <c r="AF3780" s="137"/>
      <c r="AG3780" s="137"/>
      <c r="AH3780" s="137"/>
      <c r="AI3780" s="137"/>
      <c r="AJ3780" s="137"/>
      <c r="AK3780" s="206"/>
      <c r="AL3780" s="206"/>
      <c r="AM3780" s="143"/>
      <c r="AN3780" s="137"/>
      <c r="AO3780" s="137"/>
      <c r="AP3780" s="137"/>
      <c r="AQ3780" s="137"/>
      <c r="AR3780" s="137"/>
      <c r="AS3780" s="137"/>
      <c r="AT3780" s="137"/>
      <c r="AU3780" s="137"/>
      <c r="AV3780" s="137"/>
      <c r="AW3780" s="144"/>
    </row>
    <row r="3781" spans="2:49" x14ac:dyDescent="0.2">
      <c r="B3781" s="97"/>
      <c r="J3781" s="98"/>
      <c r="K3781" s="97"/>
      <c r="N3781" s="3"/>
      <c r="W3781" s="98"/>
      <c r="Z3781" s="143"/>
      <c r="AA3781" s="137"/>
      <c r="AB3781" s="137"/>
      <c r="AC3781" s="137"/>
      <c r="AD3781" s="137"/>
      <c r="AE3781" s="137"/>
      <c r="AF3781" s="137"/>
      <c r="AG3781" s="137"/>
      <c r="AH3781" s="137"/>
      <c r="AI3781" s="137"/>
      <c r="AJ3781" s="137"/>
      <c r="AK3781" s="206"/>
      <c r="AL3781" s="206"/>
      <c r="AM3781" s="143"/>
      <c r="AN3781" s="137"/>
      <c r="AO3781" s="137"/>
      <c r="AP3781" s="137"/>
      <c r="AQ3781" s="137"/>
      <c r="AR3781" s="137"/>
      <c r="AS3781" s="137"/>
      <c r="AT3781" s="137"/>
      <c r="AU3781" s="137"/>
      <c r="AV3781" s="137"/>
      <c r="AW3781" s="144"/>
    </row>
    <row r="3782" spans="2:49" x14ac:dyDescent="0.2">
      <c r="B3782" s="97"/>
      <c r="J3782" s="98"/>
      <c r="K3782" s="97"/>
      <c r="N3782" s="3"/>
      <c r="W3782" s="98"/>
      <c r="Z3782" s="143"/>
      <c r="AA3782" s="137"/>
      <c r="AB3782" s="137"/>
      <c r="AC3782" s="137"/>
      <c r="AD3782" s="137"/>
      <c r="AE3782" s="137"/>
      <c r="AF3782" s="137"/>
      <c r="AG3782" s="137"/>
      <c r="AH3782" s="137"/>
      <c r="AI3782" s="137"/>
      <c r="AJ3782" s="137"/>
      <c r="AK3782" s="206"/>
      <c r="AL3782" s="206"/>
      <c r="AM3782" s="143"/>
      <c r="AN3782" s="137"/>
      <c r="AO3782" s="137"/>
      <c r="AP3782" s="137"/>
      <c r="AQ3782" s="137"/>
      <c r="AR3782" s="137"/>
      <c r="AS3782" s="137"/>
      <c r="AT3782" s="137"/>
      <c r="AU3782" s="137"/>
      <c r="AV3782" s="137"/>
      <c r="AW3782" s="144"/>
    </row>
    <row r="3783" spans="2:49" x14ac:dyDescent="0.2">
      <c r="B3783" s="97"/>
      <c r="J3783" s="98"/>
      <c r="K3783" s="97"/>
      <c r="N3783" s="3"/>
      <c r="W3783" s="98"/>
      <c r="Z3783" s="143"/>
      <c r="AA3783" s="137"/>
      <c r="AB3783" s="137"/>
      <c r="AC3783" s="137"/>
      <c r="AD3783" s="137"/>
      <c r="AE3783" s="137"/>
      <c r="AF3783" s="137"/>
      <c r="AG3783" s="137"/>
      <c r="AH3783" s="137"/>
      <c r="AI3783" s="137"/>
      <c r="AJ3783" s="137"/>
      <c r="AK3783" s="206"/>
      <c r="AL3783" s="206"/>
      <c r="AM3783" s="143"/>
      <c r="AN3783" s="137"/>
      <c r="AO3783" s="137"/>
      <c r="AP3783" s="137"/>
      <c r="AQ3783" s="137"/>
      <c r="AR3783" s="137"/>
      <c r="AS3783" s="137"/>
      <c r="AT3783" s="137"/>
      <c r="AU3783" s="137"/>
      <c r="AV3783" s="137"/>
      <c r="AW3783" s="144"/>
    </row>
    <row r="3784" spans="2:49" x14ac:dyDescent="0.2">
      <c r="B3784" s="97"/>
      <c r="J3784" s="98"/>
      <c r="K3784" s="97"/>
      <c r="N3784" s="3"/>
      <c r="W3784" s="98"/>
      <c r="Z3784" s="143"/>
      <c r="AA3784" s="137"/>
      <c r="AB3784" s="137"/>
      <c r="AC3784" s="137"/>
      <c r="AD3784" s="137"/>
      <c r="AE3784" s="137"/>
      <c r="AF3784" s="137"/>
      <c r="AG3784" s="137"/>
      <c r="AH3784" s="137"/>
      <c r="AI3784" s="137"/>
      <c r="AJ3784" s="137"/>
      <c r="AK3784" s="206"/>
      <c r="AL3784" s="206"/>
      <c r="AM3784" s="143"/>
      <c r="AN3784" s="137"/>
      <c r="AO3784" s="137"/>
      <c r="AP3784" s="137"/>
      <c r="AQ3784" s="137"/>
      <c r="AR3784" s="137"/>
      <c r="AS3784" s="137"/>
      <c r="AT3784" s="137"/>
      <c r="AU3784" s="137"/>
      <c r="AV3784" s="137"/>
      <c r="AW3784" s="144"/>
    </row>
    <row r="3785" spans="2:49" x14ac:dyDescent="0.2">
      <c r="B3785" s="97"/>
      <c r="J3785" s="98"/>
      <c r="K3785" s="97"/>
      <c r="N3785" s="3"/>
      <c r="W3785" s="98"/>
      <c r="Z3785" s="143"/>
      <c r="AA3785" s="137"/>
      <c r="AB3785" s="137"/>
      <c r="AC3785" s="137"/>
      <c r="AD3785" s="137"/>
      <c r="AE3785" s="137"/>
      <c r="AF3785" s="137"/>
      <c r="AG3785" s="137"/>
      <c r="AH3785" s="137"/>
      <c r="AI3785" s="137"/>
      <c r="AJ3785" s="137"/>
      <c r="AK3785" s="206"/>
      <c r="AL3785" s="206"/>
      <c r="AM3785" s="143"/>
      <c r="AN3785" s="137"/>
      <c r="AO3785" s="137"/>
      <c r="AP3785" s="137"/>
      <c r="AQ3785" s="137"/>
      <c r="AR3785" s="137"/>
      <c r="AS3785" s="137"/>
      <c r="AT3785" s="137"/>
      <c r="AU3785" s="137"/>
      <c r="AV3785" s="137"/>
      <c r="AW3785" s="144"/>
    </row>
    <row r="3786" spans="2:49" x14ac:dyDescent="0.2">
      <c r="B3786" s="97"/>
      <c r="J3786" s="98"/>
      <c r="K3786" s="97"/>
      <c r="N3786" s="3"/>
      <c r="W3786" s="98"/>
      <c r="Z3786" s="143"/>
      <c r="AA3786" s="137"/>
      <c r="AB3786" s="137"/>
      <c r="AC3786" s="137"/>
      <c r="AD3786" s="137"/>
      <c r="AE3786" s="137"/>
      <c r="AF3786" s="137"/>
      <c r="AG3786" s="137"/>
      <c r="AH3786" s="137"/>
      <c r="AI3786" s="137"/>
      <c r="AJ3786" s="137"/>
      <c r="AK3786" s="206"/>
      <c r="AL3786" s="206"/>
      <c r="AM3786" s="143"/>
      <c r="AN3786" s="137"/>
      <c r="AO3786" s="137"/>
      <c r="AP3786" s="137"/>
      <c r="AQ3786" s="137"/>
      <c r="AR3786" s="137"/>
      <c r="AS3786" s="137"/>
      <c r="AT3786" s="137"/>
      <c r="AU3786" s="137"/>
      <c r="AV3786" s="137"/>
      <c r="AW3786" s="144"/>
    </row>
    <row r="3787" spans="2:49" x14ac:dyDescent="0.2">
      <c r="B3787" s="97"/>
      <c r="J3787" s="98"/>
      <c r="K3787" s="97"/>
      <c r="N3787" s="3"/>
      <c r="W3787" s="98"/>
      <c r="Z3787" s="143"/>
      <c r="AA3787" s="137"/>
      <c r="AB3787" s="137"/>
      <c r="AC3787" s="137"/>
      <c r="AD3787" s="137"/>
      <c r="AE3787" s="137"/>
      <c r="AF3787" s="137"/>
      <c r="AG3787" s="137"/>
      <c r="AH3787" s="137"/>
      <c r="AI3787" s="137"/>
      <c r="AJ3787" s="137"/>
      <c r="AK3787" s="206"/>
      <c r="AL3787" s="206"/>
      <c r="AM3787" s="143"/>
      <c r="AN3787" s="137"/>
      <c r="AO3787" s="137"/>
      <c r="AP3787" s="137"/>
      <c r="AQ3787" s="137"/>
      <c r="AR3787" s="137"/>
      <c r="AS3787" s="137"/>
      <c r="AT3787" s="137"/>
      <c r="AU3787" s="137"/>
      <c r="AV3787" s="137"/>
      <c r="AW3787" s="144"/>
    </row>
    <row r="3788" spans="2:49" x14ac:dyDescent="0.2">
      <c r="B3788" s="97"/>
      <c r="J3788" s="98"/>
      <c r="K3788" s="97"/>
      <c r="N3788" s="3"/>
      <c r="W3788" s="98"/>
      <c r="Z3788" s="143"/>
      <c r="AA3788" s="137"/>
      <c r="AB3788" s="137"/>
      <c r="AC3788" s="137"/>
      <c r="AD3788" s="137"/>
      <c r="AE3788" s="137"/>
      <c r="AF3788" s="137"/>
      <c r="AG3788" s="137"/>
      <c r="AH3788" s="137"/>
      <c r="AI3788" s="137"/>
      <c r="AJ3788" s="137"/>
      <c r="AK3788" s="206"/>
      <c r="AL3788" s="206"/>
      <c r="AM3788" s="143"/>
      <c r="AN3788" s="137"/>
      <c r="AO3788" s="137"/>
      <c r="AP3788" s="137"/>
      <c r="AQ3788" s="137"/>
      <c r="AR3788" s="137"/>
      <c r="AS3788" s="137"/>
      <c r="AT3788" s="137"/>
      <c r="AU3788" s="137"/>
      <c r="AV3788" s="137"/>
      <c r="AW3788" s="144"/>
    </row>
    <row r="3789" spans="2:49" x14ac:dyDescent="0.2">
      <c r="B3789" s="97"/>
      <c r="J3789" s="98"/>
      <c r="K3789" s="97"/>
      <c r="N3789" s="3"/>
      <c r="W3789" s="98"/>
      <c r="Z3789" s="143"/>
      <c r="AA3789" s="137"/>
      <c r="AB3789" s="137"/>
      <c r="AC3789" s="137"/>
      <c r="AD3789" s="137"/>
      <c r="AE3789" s="137"/>
      <c r="AF3789" s="137"/>
      <c r="AG3789" s="137"/>
      <c r="AH3789" s="137"/>
      <c r="AI3789" s="137"/>
      <c r="AJ3789" s="137"/>
      <c r="AK3789" s="206"/>
      <c r="AL3789" s="206"/>
      <c r="AM3789" s="143"/>
      <c r="AN3789" s="137"/>
      <c r="AO3789" s="137"/>
      <c r="AP3789" s="137"/>
      <c r="AQ3789" s="137"/>
      <c r="AR3789" s="137"/>
      <c r="AS3789" s="137"/>
      <c r="AT3789" s="137"/>
      <c r="AU3789" s="137"/>
      <c r="AV3789" s="137"/>
      <c r="AW3789" s="144"/>
    </row>
    <row r="3790" spans="2:49" x14ac:dyDescent="0.2">
      <c r="B3790" s="97"/>
      <c r="J3790" s="98"/>
      <c r="K3790" s="97"/>
      <c r="N3790" s="3"/>
      <c r="W3790" s="98"/>
      <c r="Z3790" s="143"/>
      <c r="AA3790" s="137"/>
      <c r="AB3790" s="137"/>
      <c r="AC3790" s="137"/>
      <c r="AD3790" s="137"/>
      <c r="AE3790" s="137"/>
      <c r="AF3790" s="137"/>
      <c r="AG3790" s="137"/>
      <c r="AH3790" s="137"/>
      <c r="AI3790" s="137"/>
      <c r="AJ3790" s="137"/>
      <c r="AK3790" s="206"/>
      <c r="AL3790" s="206"/>
      <c r="AM3790" s="143"/>
      <c r="AN3790" s="137"/>
      <c r="AO3790" s="137"/>
      <c r="AP3790" s="137"/>
      <c r="AQ3790" s="137"/>
      <c r="AR3790" s="137"/>
      <c r="AS3790" s="137"/>
      <c r="AT3790" s="137"/>
      <c r="AU3790" s="137"/>
      <c r="AV3790" s="137"/>
      <c r="AW3790" s="144"/>
    </row>
    <row r="3791" spans="2:49" x14ac:dyDescent="0.2">
      <c r="B3791" s="97"/>
      <c r="J3791" s="98"/>
      <c r="K3791" s="97"/>
      <c r="N3791" s="3"/>
      <c r="W3791" s="98"/>
      <c r="Z3791" s="143"/>
      <c r="AA3791" s="137"/>
      <c r="AB3791" s="137"/>
      <c r="AC3791" s="137"/>
      <c r="AD3791" s="137"/>
      <c r="AE3791" s="137"/>
      <c r="AF3791" s="137"/>
      <c r="AG3791" s="137"/>
      <c r="AH3791" s="137"/>
      <c r="AI3791" s="137"/>
      <c r="AJ3791" s="137"/>
      <c r="AK3791" s="206"/>
      <c r="AL3791" s="206"/>
      <c r="AM3791" s="143"/>
      <c r="AN3791" s="137"/>
      <c r="AO3791" s="137"/>
      <c r="AP3791" s="137"/>
      <c r="AQ3791" s="137"/>
      <c r="AR3791" s="137"/>
      <c r="AS3791" s="137"/>
      <c r="AT3791" s="137"/>
      <c r="AU3791" s="137"/>
      <c r="AV3791" s="137"/>
      <c r="AW3791" s="144"/>
    </row>
    <row r="3792" spans="2:49" x14ac:dyDescent="0.2">
      <c r="B3792" s="97"/>
      <c r="J3792" s="98"/>
      <c r="K3792" s="97"/>
      <c r="N3792" s="3"/>
      <c r="W3792" s="98"/>
      <c r="Z3792" s="143"/>
      <c r="AA3792" s="137"/>
      <c r="AB3792" s="137"/>
      <c r="AC3792" s="137"/>
      <c r="AD3792" s="137"/>
      <c r="AE3792" s="137"/>
      <c r="AF3792" s="137"/>
      <c r="AG3792" s="137"/>
      <c r="AH3792" s="137"/>
      <c r="AI3792" s="137"/>
      <c r="AJ3792" s="137"/>
      <c r="AK3792" s="206"/>
      <c r="AL3792" s="206"/>
      <c r="AM3792" s="143"/>
      <c r="AN3792" s="137"/>
      <c r="AO3792" s="137"/>
      <c r="AP3792" s="137"/>
      <c r="AQ3792" s="137"/>
      <c r="AR3792" s="137"/>
      <c r="AS3792" s="137"/>
      <c r="AT3792" s="137"/>
      <c r="AU3792" s="137"/>
      <c r="AV3792" s="137"/>
      <c r="AW3792" s="144"/>
    </row>
    <row r="3793" spans="2:49" x14ac:dyDescent="0.2">
      <c r="B3793" s="97"/>
      <c r="J3793" s="98"/>
      <c r="K3793" s="97"/>
      <c r="N3793" s="3"/>
      <c r="W3793" s="98"/>
      <c r="Z3793" s="143"/>
      <c r="AA3793" s="137"/>
      <c r="AB3793" s="137"/>
      <c r="AC3793" s="137"/>
      <c r="AD3793" s="137"/>
      <c r="AE3793" s="137"/>
      <c r="AF3793" s="137"/>
      <c r="AG3793" s="137"/>
      <c r="AH3793" s="137"/>
      <c r="AI3793" s="137"/>
      <c r="AJ3793" s="137"/>
      <c r="AK3793" s="206"/>
      <c r="AL3793" s="206"/>
      <c r="AM3793" s="143"/>
      <c r="AN3793" s="137"/>
      <c r="AO3793" s="137"/>
      <c r="AP3793" s="137"/>
      <c r="AQ3793" s="137"/>
      <c r="AR3793" s="137"/>
      <c r="AS3793" s="137"/>
      <c r="AT3793" s="137"/>
      <c r="AU3793" s="137"/>
      <c r="AV3793" s="137"/>
      <c r="AW3793" s="144"/>
    </row>
    <row r="3794" spans="2:49" x14ac:dyDescent="0.2">
      <c r="B3794" s="97"/>
      <c r="J3794" s="98"/>
      <c r="K3794" s="97"/>
      <c r="N3794" s="3"/>
      <c r="W3794" s="98"/>
      <c r="Z3794" s="143"/>
      <c r="AA3794" s="137"/>
      <c r="AB3794" s="137"/>
      <c r="AC3794" s="137"/>
      <c r="AD3794" s="137"/>
      <c r="AE3794" s="137"/>
      <c r="AF3794" s="137"/>
      <c r="AG3794" s="137"/>
      <c r="AH3794" s="137"/>
      <c r="AI3794" s="137"/>
      <c r="AJ3794" s="137"/>
      <c r="AK3794" s="206"/>
      <c r="AL3794" s="206"/>
      <c r="AM3794" s="143"/>
      <c r="AN3794" s="137"/>
      <c r="AO3794" s="137"/>
      <c r="AP3794" s="137"/>
      <c r="AQ3794" s="137"/>
      <c r="AR3794" s="137"/>
      <c r="AS3794" s="137"/>
      <c r="AT3794" s="137"/>
      <c r="AU3794" s="137"/>
      <c r="AV3794" s="137"/>
      <c r="AW3794" s="144"/>
    </row>
    <row r="3795" spans="2:49" x14ac:dyDescent="0.2">
      <c r="B3795" s="97"/>
      <c r="J3795" s="98"/>
      <c r="K3795" s="97"/>
      <c r="N3795" s="3"/>
      <c r="W3795" s="98"/>
      <c r="Z3795" s="143"/>
      <c r="AA3795" s="137"/>
      <c r="AB3795" s="137"/>
      <c r="AC3795" s="137"/>
      <c r="AD3795" s="137"/>
      <c r="AE3795" s="137"/>
      <c r="AF3795" s="137"/>
      <c r="AG3795" s="137"/>
      <c r="AH3795" s="137"/>
      <c r="AI3795" s="137"/>
      <c r="AJ3795" s="137"/>
      <c r="AK3795" s="206"/>
      <c r="AL3795" s="206"/>
      <c r="AM3795" s="143"/>
      <c r="AN3795" s="137"/>
      <c r="AO3795" s="137"/>
      <c r="AP3795" s="137"/>
      <c r="AQ3795" s="137"/>
      <c r="AR3795" s="137"/>
      <c r="AS3795" s="137"/>
      <c r="AT3795" s="137"/>
      <c r="AU3795" s="137"/>
      <c r="AV3795" s="137"/>
      <c r="AW3795" s="144"/>
    </row>
    <row r="3796" spans="2:49" x14ac:dyDescent="0.2">
      <c r="B3796" s="97"/>
      <c r="J3796" s="98"/>
      <c r="K3796" s="97"/>
      <c r="N3796" s="3"/>
      <c r="W3796" s="98"/>
      <c r="Z3796" s="143"/>
      <c r="AA3796" s="137"/>
      <c r="AB3796" s="137"/>
      <c r="AC3796" s="137"/>
      <c r="AD3796" s="137"/>
      <c r="AE3796" s="137"/>
      <c r="AF3796" s="137"/>
      <c r="AG3796" s="137"/>
      <c r="AH3796" s="137"/>
      <c r="AI3796" s="137"/>
      <c r="AJ3796" s="137"/>
      <c r="AK3796" s="206"/>
      <c r="AL3796" s="206"/>
      <c r="AM3796" s="143"/>
      <c r="AN3796" s="137"/>
      <c r="AO3796" s="137"/>
      <c r="AP3796" s="137"/>
      <c r="AQ3796" s="137"/>
      <c r="AR3796" s="137"/>
      <c r="AS3796" s="137"/>
      <c r="AT3796" s="137"/>
      <c r="AU3796" s="137"/>
      <c r="AV3796" s="137"/>
      <c r="AW3796" s="144"/>
    </row>
    <row r="3797" spans="2:49" x14ac:dyDescent="0.2">
      <c r="B3797" s="97"/>
      <c r="J3797" s="98"/>
      <c r="K3797" s="97"/>
      <c r="N3797" s="3"/>
      <c r="W3797" s="98"/>
      <c r="Z3797" s="143"/>
      <c r="AA3797" s="137"/>
      <c r="AB3797" s="137"/>
      <c r="AC3797" s="137"/>
      <c r="AD3797" s="137"/>
      <c r="AE3797" s="137"/>
      <c r="AF3797" s="137"/>
      <c r="AG3797" s="137"/>
      <c r="AH3797" s="137"/>
      <c r="AI3797" s="137"/>
      <c r="AJ3797" s="137"/>
      <c r="AK3797" s="206"/>
      <c r="AL3797" s="206"/>
      <c r="AM3797" s="143"/>
      <c r="AN3797" s="137"/>
      <c r="AO3797" s="137"/>
      <c r="AP3797" s="137"/>
      <c r="AQ3797" s="137"/>
      <c r="AR3797" s="137"/>
      <c r="AS3797" s="137"/>
      <c r="AT3797" s="137"/>
      <c r="AU3797" s="137"/>
      <c r="AV3797" s="137"/>
      <c r="AW3797" s="144"/>
    </row>
    <row r="3798" spans="2:49" x14ac:dyDescent="0.2">
      <c r="B3798" s="97"/>
      <c r="J3798" s="98"/>
      <c r="K3798" s="97"/>
      <c r="N3798" s="3"/>
      <c r="W3798" s="98"/>
      <c r="Z3798" s="143"/>
      <c r="AA3798" s="137"/>
      <c r="AB3798" s="137"/>
      <c r="AC3798" s="137"/>
      <c r="AD3798" s="137"/>
      <c r="AE3798" s="137"/>
      <c r="AF3798" s="137"/>
      <c r="AG3798" s="137"/>
      <c r="AH3798" s="137"/>
      <c r="AI3798" s="137"/>
      <c r="AJ3798" s="137"/>
      <c r="AK3798" s="206"/>
      <c r="AL3798" s="206"/>
      <c r="AM3798" s="143"/>
      <c r="AN3798" s="137"/>
      <c r="AO3798" s="137"/>
      <c r="AP3798" s="137"/>
      <c r="AQ3798" s="137"/>
      <c r="AR3798" s="137"/>
      <c r="AS3798" s="137"/>
      <c r="AT3798" s="137"/>
      <c r="AU3798" s="137"/>
      <c r="AV3798" s="137"/>
      <c r="AW3798" s="144"/>
    </row>
    <row r="3799" spans="2:49" x14ac:dyDescent="0.2">
      <c r="B3799" s="97"/>
      <c r="J3799" s="98"/>
      <c r="K3799" s="97"/>
      <c r="N3799" s="3"/>
      <c r="W3799" s="98"/>
      <c r="Z3799" s="143"/>
      <c r="AA3799" s="137"/>
      <c r="AB3799" s="137"/>
      <c r="AC3799" s="137"/>
      <c r="AD3799" s="137"/>
      <c r="AE3799" s="137"/>
      <c r="AF3799" s="137"/>
      <c r="AG3799" s="137"/>
      <c r="AH3799" s="137"/>
      <c r="AI3799" s="137"/>
      <c r="AJ3799" s="137"/>
      <c r="AK3799" s="206"/>
      <c r="AL3799" s="206"/>
      <c r="AM3799" s="143"/>
      <c r="AN3799" s="137"/>
      <c r="AO3799" s="137"/>
      <c r="AP3799" s="137"/>
      <c r="AQ3799" s="137"/>
      <c r="AR3799" s="137"/>
      <c r="AS3799" s="137"/>
      <c r="AT3799" s="137"/>
      <c r="AU3799" s="137"/>
      <c r="AV3799" s="137"/>
      <c r="AW3799" s="144"/>
    </row>
    <row r="3800" spans="2:49" x14ac:dyDescent="0.2">
      <c r="B3800" s="97"/>
      <c r="J3800" s="98"/>
      <c r="K3800" s="97"/>
      <c r="N3800" s="3"/>
      <c r="W3800" s="98"/>
      <c r="Z3800" s="143"/>
      <c r="AA3800" s="137"/>
      <c r="AB3800" s="137"/>
      <c r="AC3800" s="137"/>
      <c r="AD3800" s="137"/>
      <c r="AE3800" s="137"/>
      <c r="AF3800" s="137"/>
      <c r="AG3800" s="137"/>
      <c r="AH3800" s="137"/>
      <c r="AI3800" s="137"/>
      <c r="AJ3800" s="137"/>
      <c r="AK3800" s="206"/>
      <c r="AL3800" s="206"/>
      <c r="AM3800" s="143"/>
      <c r="AN3800" s="137"/>
      <c r="AO3800" s="137"/>
      <c r="AP3800" s="137"/>
      <c r="AQ3800" s="137"/>
      <c r="AR3800" s="137"/>
      <c r="AS3800" s="137"/>
      <c r="AT3800" s="137"/>
      <c r="AU3800" s="137"/>
      <c r="AV3800" s="137"/>
      <c r="AW3800" s="144"/>
    </row>
    <row r="3801" spans="2:49" x14ac:dyDescent="0.2">
      <c r="B3801" s="97"/>
      <c r="J3801" s="98"/>
      <c r="K3801" s="97"/>
      <c r="N3801" s="3"/>
      <c r="W3801" s="98"/>
      <c r="Z3801" s="143"/>
      <c r="AA3801" s="137"/>
      <c r="AB3801" s="137"/>
      <c r="AC3801" s="137"/>
      <c r="AD3801" s="137"/>
      <c r="AE3801" s="137"/>
      <c r="AF3801" s="137"/>
      <c r="AG3801" s="137"/>
      <c r="AH3801" s="137"/>
      <c r="AI3801" s="137"/>
      <c r="AJ3801" s="137"/>
      <c r="AK3801" s="206"/>
      <c r="AL3801" s="206"/>
      <c r="AM3801" s="143"/>
      <c r="AN3801" s="137"/>
      <c r="AO3801" s="137"/>
      <c r="AP3801" s="137"/>
      <c r="AQ3801" s="137"/>
      <c r="AR3801" s="137"/>
      <c r="AS3801" s="137"/>
      <c r="AT3801" s="137"/>
      <c r="AU3801" s="137"/>
      <c r="AV3801" s="137"/>
      <c r="AW3801" s="144"/>
    </row>
    <row r="3802" spans="2:49" x14ac:dyDescent="0.2">
      <c r="B3802" s="97"/>
      <c r="J3802" s="98"/>
      <c r="K3802" s="97"/>
      <c r="N3802" s="3"/>
      <c r="W3802" s="98"/>
      <c r="Z3802" s="143"/>
      <c r="AA3802" s="137"/>
      <c r="AB3802" s="137"/>
      <c r="AC3802" s="137"/>
      <c r="AD3802" s="137"/>
      <c r="AE3802" s="137"/>
      <c r="AF3802" s="137"/>
      <c r="AG3802" s="137"/>
      <c r="AH3802" s="137"/>
      <c r="AI3802" s="137"/>
      <c r="AJ3802" s="137"/>
      <c r="AK3802" s="206"/>
      <c r="AL3802" s="206"/>
      <c r="AM3802" s="143"/>
      <c r="AN3802" s="137"/>
      <c r="AO3802" s="137"/>
      <c r="AP3802" s="137"/>
      <c r="AQ3802" s="137"/>
      <c r="AR3802" s="137"/>
      <c r="AS3802" s="137"/>
      <c r="AT3802" s="137"/>
      <c r="AU3802" s="137"/>
      <c r="AV3802" s="137"/>
      <c r="AW3802" s="144"/>
    </row>
    <row r="3803" spans="2:49" x14ac:dyDescent="0.2">
      <c r="B3803" s="97"/>
      <c r="J3803" s="98"/>
      <c r="K3803" s="97"/>
      <c r="N3803" s="3"/>
      <c r="W3803" s="98"/>
      <c r="Z3803" s="143"/>
      <c r="AA3803" s="137"/>
      <c r="AB3803" s="137"/>
      <c r="AC3803" s="137"/>
      <c r="AD3803" s="137"/>
      <c r="AE3803" s="137"/>
      <c r="AF3803" s="137"/>
      <c r="AG3803" s="137"/>
      <c r="AH3803" s="137"/>
      <c r="AI3803" s="137"/>
      <c r="AJ3803" s="137"/>
      <c r="AK3803" s="206"/>
      <c r="AL3803" s="206"/>
      <c r="AM3803" s="143"/>
      <c r="AN3803" s="137"/>
      <c r="AO3803" s="137"/>
      <c r="AP3803" s="137"/>
      <c r="AQ3803" s="137"/>
      <c r="AR3803" s="137"/>
      <c r="AS3803" s="137"/>
      <c r="AT3803" s="137"/>
      <c r="AU3803" s="137"/>
      <c r="AV3803" s="137"/>
      <c r="AW3803" s="144"/>
    </row>
    <row r="3804" spans="2:49" x14ac:dyDescent="0.2">
      <c r="B3804" s="97"/>
      <c r="J3804" s="98"/>
      <c r="K3804" s="97"/>
      <c r="N3804" s="3"/>
      <c r="W3804" s="98"/>
      <c r="Z3804" s="143"/>
      <c r="AA3804" s="137"/>
      <c r="AB3804" s="137"/>
      <c r="AC3804" s="137"/>
      <c r="AD3804" s="137"/>
      <c r="AE3804" s="137"/>
      <c r="AF3804" s="137"/>
      <c r="AG3804" s="137"/>
      <c r="AH3804" s="137"/>
      <c r="AI3804" s="137"/>
      <c r="AJ3804" s="137"/>
      <c r="AK3804" s="206"/>
      <c r="AL3804" s="206"/>
      <c r="AM3804" s="143"/>
      <c r="AN3804" s="137"/>
      <c r="AO3804" s="137"/>
      <c r="AP3804" s="137"/>
      <c r="AQ3804" s="137"/>
      <c r="AR3804" s="137"/>
      <c r="AS3804" s="137"/>
      <c r="AT3804" s="137"/>
      <c r="AU3804" s="137"/>
      <c r="AV3804" s="137"/>
      <c r="AW3804" s="144"/>
    </row>
    <row r="3805" spans="2:49" x14ac:dyDescent="0.2">
      <c r="B3805" s="97"/>
      <c r="J3805" s="98"/>
      <c r="K3805" s="97"/>
      <c r="N3805" s="3"/>
      <c r="W3805" s="98"/>
      <c r="Z3805" s="143"/>
      <c r="AA3805" s="137"/>
      <c r="AB3805" s="137"/>
      <c r="AC3805" s="137"/>
      <c r="AD3805" s="137"/>
      <c r="AE3805" s="137"/>
      <c r="AF3805" s="137"/>
      <c r="AG3805" s="137"/>
      <c r="AH3805" s="137"/>
      <c r="AI3805" s="137"/>
      <c r="AJ3805" s="137"/>
      <c r="AK3805" s="206"/>
      <c r="AL3805" s="206"/>
      <c r="AM3805" s="143"/>
      <c r="AN3805" s="137"/>
      <c r="AO3805" s="137"/>
      <c r="AP3805" s="137"/>
      <c r="AQ3805" s="137"/>
      <c r="AR3805" s="137"/>
      <c r="AS3805" s="137"/>
      <c r="AT3805" s="137"/>
      <c r="AU3805" s="137"/>
      <c r="AV3805" s="137"/>
      <c r="AW3805" s="144"/>
    </row>
    <row r="3806" spans="2:49" x14ac:dyDescent="0.2">
      <c r="B3806" s="97"/>
      <c r="J3806" s="98"/>
      <c r="K3806" s="97"/>
      <c r="N3806" s="3"/>
      <c r="W3806" s="98"/>
      <c r="Z3806" s="143"/>
      <c r="AA3806" s="137"/>
      <c r="AB3806" s="137"/>
      <c r="AC3806" s="137"/>
      <c r="AD3806" s="137"/>
      <c r="AE3806" s="137"/>
      <c r="AF3806" s="137"/>
      <c r="AG3806" s="137"/>
      <c r="AH3806" s="137"/>
      <c r="AI3806" s="137"/>
      <c r="AJ3806" s="137"/>
      <c r="AK3806" s="206"/>
      <c r="AL3806" s="206"/>
      <c r="AM3806" s="143"/>
      <c r="AN3806" s="137"/>
      <c r="AO3806" s="137"/>
      <c r="AP3806" s="137"/>
      <c r="AQ3806" s="137"/>
      <c r="AR3806" s="137"/>
      <c r="AS3806" s="137"/>
      <c r="AT3806" s="137"/>
      <c r="AU3806" s="137"/>
      <c r="AV3806" s="137"/>
      <c r="AW3806" s="144"/>
    </row>
    <row r="3807" spans="2:49" x14ac:dyDescent="0.2">
      <c r="B3807" s="97"/>
      <c r="J3807" s="98"/>
      <c r="K3807" s="97"/>
      <c r="N3807" s="3"/>
      <c r="W3807" s="98"/>
      <c r="Z3807" s="143"/>
      <c r="AA3807" s="137"/>
      <c r="AB3807" s="137"/>
      <c r="AC3807" s="137"/>
      <c r="AD3807" s="137"/>
      <c r="AE3807" s="137"/>
      <c r="AF3807" s="137"/>
      <c r="AG3807" s="137"/>
      <c r="AH3807" s="137"/>
      <c r="AI3807" s="137"/>
      <c r="AJ3807" s="137"/>
      <c r="AK3807" s="206"/>
      <c r="AL3807" s="206"/>
      <c r="AM3807" s="143"/>
      <c r="AN3807" s="137"/>
      <c r="AO3807" s="137"/>
      <c r="AP3807" s="137"/>
      <c r="AQ3807" s="137"/>
      <c r="AR3807" s="137"/>
      <c r="AS3807" s="137"/>
      <c r="AT3807" s="137"/>
      <c r="AU3807" s="137"/>
      <c r="AV3807" s="137"/>
      <c r="AW3807" s="144"/>
    </row>
    <row r="3808" spans="2:49" x14ac:dyDescent="0.2">
      <c r="B3808" s="97"/>
      <c r="J3808" s="98"/>
      <c r="K3808" s="97"/>
      <c r="N3808" s="3"/>
      <c r="W3808" s="98"/>
      <c r="Z3808" s="143"/>
      <c r="AA3808" s="137"/>
      <c r="AB3808" s="137"/>
      <c r="AC3808" s="137"/>
      <c r="AD3808" s="137"/>
      <c r="AE3808" s="137"/>
      <c r="AF3808" s="137"/>
      <c r="AG3808" s="137"/>
      <c r="AH3808" s="137"/>
      <c r="AI3808" s="137"/>
      <c r="AJ3808" s="137"/>
      <c r="AK3808" s="206"/>
      <c r="AL3808" s="206"/>
      <c r="AM3808" s="143"/>
      <c r="AN3808" s="137"/>
      <c r="AO3808" s="137"/>
      <c r="AP3808" s="137"/>
      <c r="AQ3808" s="137"/>
      <c r="AR3808" s="137"/>
      <c r="AS3808" s="137"/>
      <c r="AT3808" s="137"/>
      <c r="AU3808" s="137"/>
      <c r="AV3808" s="137"/>
      <c r="AW3808" s="144"/>
    </row>
    <row r="3809" spans="2:49" x14ac:dyDescent="0.2">
      <c r="B3809" s="97"/>
      <c r="J3809" s="98"/>
      <c r="K3809" s="97"/>
      <c r="N3809" s="3"/>
      <c r="W3809" s="98"/>
      <c r="Z3809" s="143"/>
      <c r="AA3809" s="137"/>
      <c r="AB3809" s="137"/>
      <c r="AC3809" s="137"/>
      <c r="AD3809" s="137"/>
      <c r="AE3809" s="137"/>
      <c r="AF3809" s="137"/>
      <c r="AG3809" s="137"/>
      <c r="AH3809" s="137"/>
      <c r="AI3809" s="137"/>
      <c r="AJ3809" s="137"/>
      <c r="AK3809" s="206"/>
      <c r="AL3809" s="206"/>
      <c r="AM3809" s="143"/>
      <c r="AN3809" s="137"/>
      <c r="AO3809" s="137"/>
      <c r="AP3809" s="137"/>
      <c r="AQ3809" s="137"/>
      <c r="AR3809" s="137"/>
      <c r="AS3809" s="137"/>
      <c r="AT3809" s="137"/>
      <c r="AU3809" s="137"/>
      <c r="AV3809" s="137"/>
      <c r="AW3809" s="144"/>
    </row>
    <row r="3810" spans="2:49" x14ac:dyDescent="0.2">
      <c r="B3810" s="97"/>
      <c r="J3810" s="98"/>
      <c r="K3810" s="97"/>
      <c r="N3810" s="3"/>
      <c r="W3810" s="98"/>
      <c r="Z3810" s="143"/>
      <c r="AA3810" s="137"/>
      <c r="AB3810" s="137"/>
      <c r="AC3810" s="137"/>
      <c r="AD3810" s="137"/>
      <c r="AE3810" s="137"/>
      <c r="AF3810" s="137"/>
      <c r="AG3810" s="137"/>
      <c r="AH3810" s="137"/>
      <c r="AI3810" s="137"/>
      <c r="AJ3810" s="137"/>
      <c r="AK3810" s="206"/>
      <c r="AL3810" s="206"/>
      <c r="AM3810" s="143"/>
      <c r="AN3810" s="137"/>
      <c r="AO3810" s="137"/>
      <c r="AP3810" s="137"/>
      <c r="AQ3810" s="137"/>
      <c r="AR3810" s="137"/>
      <c r="AS3810" s="137"/>
      <c r="AT3810" s="137"/>
      <c r="AU3810" s="137"/>
      <c r="AV3810" s="137"/>
      <c r="AW3810" s="144"/>
    </row>
    <row r="3811" spans="2:49" x14ac:dyDescent="0.2">
      <c r="B3811" s="97"/>
      <c r="J3811" s="98"/>
      <c r="K3811" s="97"/>
      <c r="N3811" s="3"/>
      <c r="W3811" s="98"/>
      <c r="Z3811" s="143"/>
      <c r="AA3811" s="137"/>
      <c r="AB3811" s="137"/>
      <c r="AC3811" s="137"/>
      <c r="AD3811" s="137"/>
      <c r="AE3811" s="137"/>
      <c r="AF3811" s="137"/>
      <c r="AG3811" s="137"/>
      <c r="AH3811" s="137"/>
      <c r="AI3811" s="137"/>
      <c r="AJ3811" s="137"/>
      <c r="AK3811" s="206"/>
      <c r="AL3811" s="206"/>
      <c r="AM3811" s="143"/>
      <c r="AN3811" s="137"/>
      <c r="AO3811" s="137"/>
      <c r="AP3811" s="137"/>
      <c r="AQ3811" s="137"/>
      <c r="AR3811" s="137"/>
      <c r="AS3811" s="137"/>
      <c r="AT3811" s="137"/>
      <c r="AU3811" s="137"/>
      <c r="AV3811" s="137"/>
      <c r="AW3811" s="144"/>
    </row>
    <row r="3812" spans="2:49" x14ac:dyDescent="0.2">
      <c r="B3812" s="97"/>
      <c r="J3812" s="98"/>
      <c r="K3812" s="97"/>
      <c r="N3812" s="3"/>
      <c r="W3812" s="98"/>
      <c r="Z3812" s="143"/>
      <c r="AA3812" s="137"/>
      <c r="AB3812" s="137"/>
      <c r="AC3812" s="137"/>
      <c r="AD3812" s="137"/>
      <c r="AE3812" s="137"/>
      <c r="AF3812" s="137"/>
      <c r="AG3812" s="137"/>
      <c r="AH3812" s="137"/>
      <c r="AI3812" s="137"/>
      <c r="AJ3812" s="137"/>
      <c r="AK3812" s="206"/>
      <c r="AL3812" s="206"/>
      <c r="AM3812" s="143"/>
      <c r="AN3812" s="137"/>
      <c r="AO3812" s="137"/>
      <c r="AP3812" s="137"/>
      <c r="AQ3812" s="137"/>
      <c r="AR3812" s="137"/>
      <c r="AS3812" s="137"/>
      <c r="AT3812" s="137"/>
      <c r="AU3812" s="137"/>
      <c r="AV3812" s="137"/>
      <c r="AW3812" s="144"/>
    </row>
    <row r="3813" spans="2:49" x14ac:dyDescent="0.2">
      <c r="B3813" s="97"/>
      <c r="J3813" s="98"/>
      <c r="K3813" s="97"/>
      <c r="N3813" s="3"/>
      <c r="W3813" s="98"/>
      <c r="Z3813" s="143"/>
      <c r="AA3813" s="137"/>
      <c r="AB3813" s="137"/>
      <c r="AC3813" s="137"/>
      <c r="AD3813" s="137"/>
      <c r="AE3813" s="137"/>
      <c r="AF3813" s="137"/>
      <c r="AG3813" s="137"/>
      <c r="AH3813" s="137"/>
      <c r="AI3813" s="137"/>
      <c r="AJ3813" s="137"/>
      <c r="AK3813" s="206"/>
      <c r="AL3813" s="206"/>
      <c r="AM3813" s="143"/>
      <c r="AN3813" s="137"/>
      <c r="AO3813" s="137"/>
      <c r="AP3813" s="137"/>
      <c r="AQ3813" s="137"/>
      <c r="AR3813" s="137"/>
      <c r="AS3813" s="137"/>
      <c r="AT3813" s="137"/>
      <c r="AU3813" s="137"/>
      <c r="AV3813" s="137"/>
      <c r="AW3813" s="144"/>
    </row>
    <row r="3814" spans="2:49" x14ac:dyDescent="0.2">
      <c r="B3814" s="97"/>
      <c r="J3814" s="98"/>
      <c r="K3814" s="97"/>
      <c r="N3814" s="3"/>
      <c r="W3814" s="98"/>
      <c r="Z3814" s="143"/>
      <c r="AA3814" s="137"/>
      <c r="AB3814" s="137"/>
      <c r="AC3814" s="137"/>
      <c r="AD3814" s="137"/>
      <c r="AE3814" s="137"/>
      <c r="AF3814" s="137"/>
      <c r="AG3814" s="137"/>
      <c r="AH3814" s="137"/>
      <c r="AI3814" s="137"/>
      <c r="AJ3814" s="137"/>
      <c r="AK3814" s="206"/>
      <c r="AL3814" s="206"/>
      <c r="AM3814" s="143"/>
      <c r="AN3814" s="137"/>
      <c r="AO3814" s="137"/>
      <c r="AP3814" s="137"/>
      <c r="AQ3814" s="137"/>
      <c r="AR3814" s="137"/>
      <c r="AS3814" s="137"/>
      <c r="AT3814" s="137"/>
      <c r="AU3814" s="137"/>
      <c r="AV3814" s="137"/>
      <c r="AW3814" s="144"/>
    </row>
    <row r="3815" spans="2:49" x14ac:dyDescent="0.2">
      <c r="B3815" s="97"/>
      <c r="J3815" s="98"/>
      <c r="K3815" s="97"/>
      <c r="N3815" s="3"/>
      <c r="W3815" s="98"/>
      <c r="Z3815" s="143"/>
      <c r="AA3815" s="137"/>
      <c r="AB3815" s="137"/>
      <c r="AC3815" s="137"/>
      <c r="AD3815" s="137"/>
      <c r="AE3815" s="137"/>
      <c r="AF3815" s="137"/>
      <c r="AG3815" s="137"/>
      <c r="AH3815" s="137"/>
      <c r="AI3815" s="137"/>
      <c r="AJ3815" s="137"/>
      <c r="AK3815" s="206"/>
      <c r="AL3815" s="206"/>
      <c r="AM3815" s="143"/>
      <c r="AN3815" s="137"/>
      <c r="AO3815" s="137"/>
      <c r="AP3815" s="137"/>
      <c r="AQ3815" s="137"/>
      <c r="AR3815" s="137"/>
      <c r="AS3815" s="137"/>
      <c r="AT3815" s="137"/>
      <c r="AU3815" s="137"/>
      <c r="AV3815" s="137"/>
      <c r="AW3815" s="144"/>
    </row>
    <row r="3816" spans="2:49" x14ac:dyDescent="0.2">
      <c r="B3816" s="97"/>
      <c r="J3816" s="98"/>
      <c r="K3816" s="97"/>
      <c r="N3816" s="3"/>
      <c r="W3816" s="98"/>
      <c r="Z3816" s="143"/>
      <c r="AA3816" s="137"/>
      <c r="AB3816" s="137"/>
      <c r="AC3816" s="137"/>
      <c r="AD3816" s="137"/>
      <c r="AE3816" s="137"/>
      <c r="AF3816" s="137"/>
      <c r="AG3816" s="137"/>
      <c r="AH3816" s="137"/>
      <c r="AI3816" s="137"/>
      <c r="AJ3816" s="137"/>
      <c r="AK3816" s="206"/>
      <c r="AL3816" s="206"/>
      <c r="AM3816" s="143"/>
      <c r="AN3816" s="137"/>
      <c r="AO3816" s="137"/>
      <c r="AP3816" s="137"/>
      <c r="AQ3816" s="137"/>
      <c r="AR3816" s="137"/>
      <c r="AS3816" s="137"/>
      <c r="AT3816" s="137"/>
      <c r="AU3816" s="137"/>
      <c r="AV3816" s="137"/>
      <c r="AW3816" s="144"/>
    </row>
    <row r="3817" spans="2:49" x14ac:dyDescent="0.2">
      <c r="B3817" s="97"/>
      <c r="J3817" s="98"/>
      <c r="K3817" s="97"/>
      <c r="N3817" s="3"/>
      <c r="W3817" s="98"/>
      <c r="Z3817" s="143"/>
      <c r="AA3817" s="137"/>
      <c r="AB3817" s="137"/>
      <c r="AC3817" s="137"/>
      <c r="AD3817" s="137"/>
      <c r="AE3817" s="137"/>
      <c r="AF3817" s="137"/>
      <c r="AG3817" s="137"/>
      <c r="AH3817" s="137"/>
      <c r="AI3817" s="137"/>
      <c r="AJ3817" s="137"/>
      <c r="AK3817" s="206"/>
      <c r="AL3817" s="206"/>
      <c r="AM3817" s="143"/>
      <c r="AN3817" s="137"/>
      <c r="AO3817" s="137"/>
      <c r="AP3817" s="137"/>
      <c r="AQ3817" s="137"/>
      <c r="AR3817" s="137"/>
      <c r="AS3817" s="137"/>
      <c r="AT3817" s="137"/>
      <c r="AU3817" s="137"/>
      <c r="AV3817" s="137"/>
      <c r="AW3817" s="144"/>
    </row>
    <row r="3818" spans="2:49" x14ac:dyDescent="0.2">
      <c r="B3818" s="97"/>
      <c r="J3818" s="98"/>
      <c r="K3818" s="97"/>
      <c r="N3818" s="3"/>
      <c r="W3818" s="98"/>
      <c r="Z3818" s="143"/>
      <c r="AA3818" s="137"/>
      <c r="AB3818" s="137"/>
      <c r="AC3818" s="137"/>
      <c r="AD3818" s="137"/>
      <c r="AE3818" s="137"/>
      <c r="AF3818" s="137"/>
      <c r="AG3818" s="137"/>
      <c r="AH3818" s="137"/>
      <c r="AI3818" s="137"/>
      <c r="AJ3818" s="137"/>
      <c r="AK3818" s="206"/>
      <c r="AL3818" s="206"/>
      <c r="AM3818" s="143"/>
      <c r="AN3818" s="137"/>
      <c r="AO3818" s="137"/>
      <c r="AP3818" s="137"/>
      <c r="AQ3818" s="137"/>
      <c r="AR3818" s="137"/>
      <c r="AS3818" s="137"/>
      <c r="AT3818" s="137"/>
      <c r="AU3818" s="137"/>
      <c r="AV3818" s="137"/>
      <c r="AW3818" s="144"/>
    </row>
    <row r="3819" spans="2:49" x14ac:dyDescent="0.2">
      <c r="B3819" s="97"/>
      <c r="J3819" s="98"/>
      <c r="K3819" s="97"/>
      <c r="N3819" s="3"/>
      <c r="W3819" s="98"/>
      <c r="Z3819" s="143"/>
      <c r="AA3819" s="137"/>
      <c r="AB3819" s="137"/>
      <c r="AC3819" s="137"/>
      <c r="AD3819" s="137"/>
      <c r="AE3819" s="137"/>
      <c r="AF3819" s="137"/>
      <c r="AG3819" s="137"/>
      <c r="AH3819" s="137"/>
      <c r="AI3819" s="137"/>
      <c r="AJ3819" s="137"/>
      <c r="AK3819" s="206"/>
      <c r="AL3819" s="206"/>
      <c r="AM3819" s="143"/>
      <c r="AN3819" s="137"/>
      <c r="AO3819" s="137"/>
      <c r="AP3819" s="137"/>
      <c r="AQ3819" s="137"/>
      <c r="AR3819" s="137"/>
      <c r="AS3819" s="137"/>
      <c r="AT3819" s="137"/>
      <c r="AU3819" s="137"/>
      <c r="AV3819" s="137"/>
      <c r="AW3819" s="144"/>
    </row>
    <row r="3820" spans="2:49" x14ac:dyDescent="0.2">
      <c r="B3820" s="97"/>
      <c r="J3820" s="98"/>
      <c r="K3820" s="97"/>
      <c r="N3820" s="3"/>
      <c r="W3820" s="98"/>
      <c r="Z3820" s="143"/>
      <c r="AA3820" s="137"/>
      <c r="AB3820" s="137"/>
      <c r="AC3820" s="137"/>
      <c r="AD3820" s="137"/>
      <c r="AE3820" s="137"/>
      <c r="AF3820" s="137"/>
      <c r="AG3820" s="137"/>
      <c r="AH3820" s="137"/>
      <c r="AI3820" s="137"/>
      <c r="AJ3820" s="137"/>
      <c r="AK3820" s="206"/>
      <c r="AL3820" s="206"/>
      <c r="AM3820" s="143"/>
      <c r="AN3820" s="137"/>
      <c r="AO3820" s="137"/>
      <c r="AP3820" s="137"/>
      <c r="AQ3820" s="137"/>
      <c r="AR3820" s="137"/>
      <c r="AS3820" s="137"/>
      <c r="AT3820" s="137"/>
      <c r="AU3820" s="137"/>
      <c r="AV3820" s="137"/>
      <c r="AW3820" s="144"/>
    </row>
    <row r="3821" spans="2:49" x14ac:dyDescent="0.2">
      <c r="B3821" s="97"/>
      <c r="J3821" s="98"/>
      <c r="K3821" s="97"/>
      <c r="N3821" s="3"/>
      <c r="W3821" s="98"/>
      <c r="Z3821" s="143"/>
      <c r="AA3821" s="137"/>
      <c r="AB3821" s="137"/>
      <c r="AC3821" s="137"/>
      <c r="AD3821" s="137"/>
      <c r="AE3821" s="137"/>
      <c r="AF3821" s="137"/>
      <c r="AG3821" s="137"/>
      <c r="AH3821" s="137"/>
      <c r="AI3821" s="137"/>
      <c r="AJ3821" s="137"/>
      <c r="AK3821" s="206"/>
      <c r="AL3821" s="206"/>
      <c r="AM3821" s="143"/>
      <c r="AN3821" s="137"/>
      <c r="AO3821" s="137"/>
      <c r="AP3821" s="137"/>
      <c r="AQ3821" s="137"/>
      <c r="AR3821" s="137"/>
      <c r="AS3821" s="137"/>
      <c r="AT3821" s="137"/>
      <c r="AU3821" s="137"/>
      <c r="AV3821" s="137"/>
      <c r="AW3821" s="144"/>
    </row>
    <row r="3822" spans="2:49" x14ac:dyDescent="0.2">
      <c r="B3822" s="97"/>
      <c r="J3822" s="98"/>
      <c r="K3822" s="97"/>
      <c r="N3822" s="3"/>
      <c r="W3822" s="98"/>
      <c r="Z3822" s="143"/>
      <c r="AA3822" s="137"/>
      <c r="AB3822" s="137"/>
      <c r="AC3822" s="137"/>
      <c r="AD3822" s="137"/>
      <c r="AE3822" s="137"/>
      <c r="AF3822" s="137"/>
      <c r="AG3822" s="137"/>
      <c r="AH3822" s="137"/>
      <c r="AI3822" s="137"/>
      <c r="AJ3822" s="137"/>
      <c r="AK3822" s="206"/>
      <c r="AL3822" s="206"/>
      <c r="AM3822" s="143"/>
      <c r="AN3822" s="137"/>
      <c r="AO3822" s="137"/>
      <c r="AP3822" s="137"/>
      <c r="AQ3822" s="137"/>
      <c r="AR3822" s="137"/>
      <c r="AS3822" s="137"/>
      <c r="AT3822" s="137"/>
      <c r="AU3822" s="137"/>
      <c r="AV3822" s="137"/>
      <c r="AW3822" s="144"/>
    </row>
    <row r="3823" spans="2:49" x14ac:dyDescent="0.2">
      <c r="B3823" s="97"/>
      <c r="J3823" s="98"/>
      <c r="K3823" s="97"/>
      <c r="N3823" s="3"/>
      <c r="W3823" s="98"/>
      <c r="Z3823" s="143"/>
      <c r="AA3823" s="137"/>
      <c r="AB3823" s="137"/>
      <c r="AC3823" s="137"/>
      <c r="AD3823" s="137"/>
      <c r="AE3823" s="137"/>
      <c r="AF3823" s="137"/>
      <c r="AG3823" s="137"/>
      <c r="AH3823" s="137"/>
      <c r="AI3823" s="137"/>
      <c r="AJ3823" s="137"/>
      <c r="AK3823" s="206"/>
      <c r="AL3823" s="206"/>
      <c r="AM3823" s="143"/>
      <c r="AN3823" s="137"/>
      <c r="AO3823" s="137"/>
      <c r="AP3823" s="137"/>
      <c r="AQ3823" s="137"/>
      <c r="AR3823" s="137"/>
      <c r="AS3823" s="137"/>
      <c r="AT3823" s="137"/>
      <c r="AU3823" s="137"/>
      <c r="AV3823" s="137"/>
      <c r="AW3823" s="144"/>
    </row>
    <row r="3824" spans="2:49" x14ac:dyDescent="0.2">
      <c r="B3824" s="97"/>
      <c r="J3824" s="98"/>
      <c r="K3824" s="97"/>
      <c r="N3824" s="3"/>
      <c r="W3824" s="98"/>
      <c r="Z3824" s="143"/>
      <c r="AA3824" s="137"/>
      <c r="AB3824" s="137"/>
      <c r="AC3824" s="137"/>
      <c r="AD3824" s="137"/>
      <c r="AE3824" s="137"/>
      <c r="AF3824" s="137"/>
      <c r="AG3824" s="137"/>
      <c r="AH3824" s="137"/>
      <c r="AI3824" s="137"/>
      <c r="AJ3824" s="137"/>
      <c r="AK3824" s="206"/>
      <c r="AL3824" s="206"/>
      <c r="AM3824" s="143"/>
      <c r="AN3824" s="137"/>
      <c r="AO3824" s="137"/>
      <c r="AP3824" s="137"/>
      <c r="AQ3824" s="137"/>
      <c r="AR3824" s="137"/>
      <c r="AS3824" s="137"/>
      <c r="AT3824" s="137"/>
      <c r="AU3824" s="137"/>
      <c r="AV3824" s="137"/>
      <c r="AW3824" s="144"/>
    </row>
    <row r="3825" spans="2:49" x14ac:dyDescent="0.2">
      <c r="B3825" s="97"/>
      <c r="J3825" s="98"/>
      <c r="K3825" s="97"/>
      <c r="N3825" s="3"/>
      <c r="W3825" s="98"/>
      <c r="Z3825" s="143"/>
      <c r="AA3825" s="137"/>
      <c r="AB3825" s="137"/>
      <c r="AC3825" s="137"/>
      <c r="AD3825" s="137"/>
      <c r="AE3825" s="137"/>
      <c r="AF3825" s="137"/>
      <c r="AG3825" s="137"/>
      <c r="AH3825" s="137"/>
      <c r="AI3825" s="137"/>
      <c r="AJ3825" s="137"/>
      <c r="AK3825" s="206"/>
      <c r="AL3825" s="206"/>
      <c r="AM3825" s="143"/>
      <c r="AN3825" s="137"/>
      <c r="AO3825" s="137"/>
      <c r="AP3825" s="137"/>
      <c r="AQ3825" s="137"/>
      <c r="AR3825" s="137"/>
      <c r="AS3825" s="137"/>
      <c r="AT3825" s="137"/>
      <c r="AU3825" s="137"/>
      <c r="AV3825" s="137"/>
      <c r="AW3825" s="144"/>
    </row>
    <row r="3826" spans="2:49" x14ac:dyDescent="0.2">
      <c r="B3826" s="97"/>
      <c r="J3826" s="98"/>
      <c r="K3826" s="97"/>
      <c r="N3826" s="3"/>
      <c r="W3826" s="98"/>
      <c r="Z3826" s="143"/>
      <c r="AA3826" s="137"/>
      <c r="AB3826" s="137"/>
      <c r="AC3826" s="137"/>
      <c r="AD3826" s="137"/>
      <c r="AE3826" s="137"/>
      <c r="AF3826" s="137"/>
      <c r="AG3826" s="137"/>
      <c r="AH3826" s="137"/>
      <c r="AI3826" s="137"/>
      <c r="AJ3826" s="137"/>
      <c r="AK3826" s="206"/>
      <c r="AL3826" s="206"/>
      <c r="AM3826" s="143"/>
      <c r="AN3826" s="137"/>
      <c r="AO3826" s="137"/>
      <c r="AP3826" s="137"/>
      <c r="AQ3826" s="137"/>
      <c r="AR3826" s="137"/>
      <c r="AS3826" s="137"/>
      <c r="AT3826" s="137"/>
      <c r="AU3826" s="137"/>
      <c r="AV3826" s="137"/>
      <c r="AW3826" s="144"/>
    </row>
    <row r="3827" spans="2:49" x14ac:dyDescent="0.2">
      <c r="B3827" s="97"/>
      <c r="J3827" s="98"/>
      <c r="K3827" s="97"/>
      <c r="N3827" s="3"/>
      <c r="W3827" s="98"/>
      <c r="Z3827" s="143"/>
      <c r="AA3827" s="137"/>
      <c r="AB3827" s="137"/>
      <c r="AC3827" s="137"/>
      <c r="AD3827" s="137"/>
      <c r="AE3827" s="137"/>
      <c r="AF3827" s="137"/>
      <c r="AG3827" s="137"/>
      <c r="AH3827" s="137"/>
      <c r="AI3827" s="137"/>
      <c r="AJ3827" s="137"/>
      <c r="AK3827" s="206"/>
      <c r="AL3827" s="206"/>
      <c r="AM3827" s="143"/>
      <c r="AN3827" s="137"/>
      <c r="AO3827" s="137"/>
      <c r="AP3827" s="137"/>
      <c r="AQ3827" s="137"/>
      <c r="AR3827" s="137"/>
      <c r="AS3827" s="137"/>
      <c r="AT3827" s="137"/>
      <c r="AU3827" s="137"/>
      <c r="AV3827" s="137"/>
      <c r="AW3827" s="144"/>
    </row>
    <row r="3828" spans="2:49" x14ac:dyDescent="0.2">
      <c r="B3828" s="97"/>
      <c r="J3828" s="98"/>
      <c r="K3828" s="97"/>
      <c r="N3828" s="3"/>
      <c r="W3828" s="98"/>
      <c r="Z3828" s="143"/>
      <c r="AA3828" s="137"/>
      <c r="AB3828" s="137"/>
      <c r="AC3828" s="137"/>
      <c r="AD3828" s="137"/>
      <c r="AE3828" s="137"/>
      <c r="AF3828" s="137"/>
      <c r="AG3828" s="137"/>
      <c r="AH3828" s="137"/>
      <c r="AI3828" s="137"/>
      <c r="AJ3828" s="137"/>
      <c r="AK3828" s="206"/>
      <c r="AL3828" s="206"/>
      <c r="AM3828" s="143"/>
      <c r="AN3828" s="137"/>
      <c r="AO3828" s="137"/>
      <c r="AP3828" s="137"/>
      <c r="AQ3828" s="137"/>
      <c r="AR3828" s="137"/>
      <c r="AS3828" s="137"/>
      <c r="AT3828" s="137"/>
      <c r="AU3828" s="137"/>
      <c r="AV3828" s="137"/>
      <c r="AW3828" s="144"/>
    </row>
    <row r="3829" spans="2:49" x14ac:dyDescent="0.2">
      <c r="B3829" s="97"/>
      <c r="J3829" s="98"/>
      <c r="K3829" s="97"/>
      <c r="N3829" s="3"/>
      <c r="W3829" s="98"/>
      <c r="Z3829" s="143"/>
      <c r="AA3829" s="137"/>
      <c r="AB3829" s="137"/>
      <c r="AC3829" s="137"/>
      <c r="AD3829" s="137"/>
      <c r="AE3829" s="137"/>
      <c r="AF3829" s="137"/>
      <c r="AG3829" s="137"/>
      <c r="AH3829" s="137"/>
      <c r="AI3829" s="137"/>
      <c r="AJ3829" s="137"/>
      <c r="AK3829" s="206"/>
      <c r="AL3829" s="206"/>
      <c r="AM3829" s="143"/>
      <c r="AN3829" s="137"/>
      <c r="AO3829" s="137"/>
      <c r="AP3829" s="137"/>
      <c r="AQ3829" s="137"/>
      <c r="AR3829" s="137"/>
      <c r="AS3829" s="137"/>
      <c r="AT3829" s="137"/>
      <c r="AU3829" s="137"/>
      <c r="AV3829" s="137"/>
      <c r="AW3829" s="144"/>
    </row>
    <row r="3830" spans="2:49" x14ac:dyDescent="0.2">
      <c r="B3830" s="97"/>
      <c r="J3830" s="98"/>
      <c r="K3830" s="97"/>
      <c r="N3830" s="3"/>
      <c r="W3830" s="98"/>
      <c r="Z3830" s="143"/>
      <c r="AA3830" s="137"/>
      <c r="AB3830" s="137"/>
      <c r="AC3830" s="137"/>
      <c r="AD3830" s="137"/>
      <c r="AE3830" s="137"/>
      <c r="AF3830" s="137"/>
      <c r="AG3830" s="137"/>
      <c r="AH3830" s="137"/>
      <c r="AI3830" s="137"/>
      <c r="AJ3830" s="137"/>
      <c r="AK3830" s="206"/>
      <c r="AL3830" s="206"/>
      <c r="AM3830" s="143"/>
      <c r="AN3830" s="137"/>
      <c r="AO3830" s="137"/>
      <c r="AP3830" s="137"/>
      <c r="AQ3830" s="137"/>
      <c r="AR3830" s="137"/>
      <c r="AS3830" s="137"/>
      <c r="AT3830" s="137"/>
      <c r="AU3830" s="137"/>
      <c r="AV3830" s="137"/>
      <c r="AW3830" s="144"/>
    </row>
    <row r="3831" spans="2:49" x14ac:dyDescent="0.2">
      <c r="B3831" s="97"/>
      <c r="J3831" s="98"/>
      <c r="K3831" s="97"/>
      <c r="N3831" s="3"/>
      <c r="W3831" s="98"/>
      <c r="Z3831" s="143"/>
      <c r="AA3831" s="137"/>
      <c r="AB3831" s="137"/>
      <c r="AC3831" s="137"/>
      <c r="AD3831" s="137"/>
      <c r="AE3831" s="137"/>
      <c r="AF3831" s="137"/>
      <c r="AG3831" s="137"/>
      <c r="AH3831" s="137"/>
      <c r="AI3831" s="137"/>
      <c r="AJ3831" s="137"/>
      <c r="AK3831" s="206"/>
      <c r="AL3831" s="206"/>
      <c r="AM3831" s="143"/>
      <c r="AN3831" s="137"/>
      <c r="AO3831" s="137"/>
      <c r="AP3831" s="137"/>
      <c r="AQ3831" s="137"/>
      <c r="AR3831" s="137"/>
      <c r="AS3831" s="137"/>
      <c r="AT3831" s="137"/>
      <c r="AU3831" s="137"/>
      <c r="AV3831" s="137"/>
      <c r="AW3831" s="144"/>
    </row>
    <row r="3832" spans="2:49" x14ac:dyDescent="0.2">
      <c r="B3832" s="97"/>
      <c r="J3832" s="98"/>
      <c r="K3832" s="97"/>
      <c r="N3832" s="3"/>
      <c r="W3832" s="98"/>
      <c r="Z3832" s="143"/>
      <c r="AA3832" s="137"/>
      <c r="AB3832" s="137"/>
      <c r="AC3832" s="137"/>
      <c r="AD3832" s="137"/>
      <c r="AE3832" s="137"/>
      <c r="AF3832" s="137"/>
      <c r="AG3832" s="137"/>
      <c r="AH3832" s="137"/>
      <c r="AI3832" s="137"/>
      <c r="AJ3832" s="137"/>
      <c r="AK3832" s="206"/>
      <c r="AL3832" s="206"/>
      <c r="AM3832" s="143"/>
      <c r="AN3832" s="137"/>
      <c r="AO3832" s="137"/>
      <c r="AP3832" s="137"/>
      <c r="AQ3832" s="137"/>
      <c r="AR3832" s="137"/>
      <c r="AS3832" s="137"/>
      <c r="AT3832" s="137"/>
      <c r="AU3832" s="137"/>
      <c r="AV3832" s="137"/>
      <c r="AW3832" s="144"/>
    </row>
    <row r="3833" spans="2:49" x14ac:dyDescent="0.2">
      <c r="B3833" s="97"/>
      <c r="J3833" s="98"/>
      <c r="K3833" s="97"/>
      <c r="N3833" s="3"/>
      <c r="W3833" s="98"/>
      <c r="Z3833" s="143"/>
      <c r="AA3833" s="137"/>
      <c r="AB3833" s="137"/>
      <c r="AC3833" s="137"/>
      <c r="AD3833" s="137"/>
      <c r="AE3833" s="137"/>
      <c r="AF3833" s="137"/>
      <c r="AG3833" s="137"/>
      <c r="AH3833" s="137"/>
      <c r="AI3833" s="137"/>
      <c r="AJ3833" s="137"/>
      <c r="AK3833" s="206"/>
      <c r="AL3833" s="206"/>
      <c r="AM3833" s="143"/>
      <c r="AN3833" s="137"/>
      <c r="AO3833" s="137"/>
      <c r="AP3833" s="137"/>
      <c r="AQ3833" s="137"/>
      <c r="AR3833" s="137"/>
      <c r="AS3833" s="137"/>
      <c r="AT3833" s="137"/>
      <c r="AU3833" s="137"/>
      <c r="AV3833" s="137"/>
      <c r="AW3833" s="144"/>
    </row>
    <row r="3834" spans="2:49" x14ac:dyDescent="0.2">
      <c r="B3834" s="97"/>
      <c r="J3834" s="98"/>
      <c r="K3834" s="97"/>
      <c r="N3834" s="3"/>
      <c r="W3834" s="98"/>
      <c r="Z3834" s="143"/>
      <c r="AA3834" s="137"/>
      <c r="AB3834" s="137"/>
      <c r="AC3834" s="137"/>
      <c r="AD3834" s="137"/>
      <c r="AE3834" s="137"/>
      <c r="AF3834" s="137"/>
      <c r="AG3834" s="137"/>
      <c r="AH3834" s="137"/>
      <c r="AI3834" s="137"/>
      <c r="AJ3834" s="137"/>
      <c r="AK3834" s="206"/>
      <c r="AL3834" s="206"/>
      <c r="AM3834" s="143"/>
      <c r="AN3834" s="137"/>
      <c r="AO3834" s="137"/>
      <c r="AP3834" s="137"/>
      <c r="AQ3834" s="137"/>
      <c r="AR3834" s="137"/>
      <c r="AS3834" s="137"/>
      <c r="AT3834" s="137"/>
      <c r="AU3834" s="137"/>
      <c r="AV3834" s="137"/>
      <c r="AW3834" s="144"/>
    </row>
    <row r="3835" spans="2:49" x14ac:dyDescent="0.2">
      <c r="B3835" s="97"/>
      <c r="J3835" s="98"/>
      <c r="K3835" s="97"/>
      <c r="N3835" s="3"/>
      <c r="W3835" s="98"/>
      <c r="Z3835" s="143"/>
      <c r="AA3835" s="137"/>
      <c r="AB3835" s="137"/>
      <c r="AC3835" s="137"/>
      <c r="AD3835" s="137"/>
      <c r="AE3835" s="137"/>
      <c r="AF3835" s="137"/>
      <c r="AG3835" s="137"/>
      <c r="AH3835" s="137"/>
      <c r="AI3835" s="137"/>
      <c r="AJ3835" s="137"/>
      <c r="AK3835" s="206"/>
      <c r="AL3835" s="206"/>
      <c r="AM3835" s="143"/>
      <c r="AN3835" s="137"/>
      <c r="AO3835" s="137"/>
      <c r="AP3835" s="137"/>
      <c r="AQ3835" s="137"/>
      <c r="AR3835" s="137"/>
      <c r="AS3835" s="137"/>
      <c r="AT3835" s="137"/>
      <c r="AU3835" s="137"/>
      <c r="AV3835" s="137"/>
      <c r="AW3835" s="144"/>
    </row>
    <row r="3836" spans="2:49" x14ac:dyDescent="0.2">
      <c r="B3836" s="97"/>
      <c r="J3836" s="98"/>
      <c r="K3836" s="97"/>
      <c r="N3836" s="3"/>
      <c r="W3836" s="98"/>
      <c r="Z3836" s="143"/>
      <c r="AA3836" s="137"/>
      <c r="AB3836" s="137"/>
      <c r="AC3836" s="137"/>
      <c r="AD3836" s="137"/>
      <c r="AE3836" s="137"/>
      <c r="AF3836" s="137"/>
      <c r="AG3836" s="137"/>
      <c r="AH3836" s="137"/>
      <c r="AI3836" s="137"/>
      <c r="AJ3836" s="137"/>
      <c r="AK3836" s="206"/>
      <c r="AL3836" s="206"/>
      <c r="AM3836" s="143"/>
      <c r="AN3836" s="137"/>
      <c r="AO3836" s="137"/>
      <c r="AP3836" s="137"/>
      <c r="AQ3836" s="137"/>
      <c r="AR3836" s="137"/>
      <c r="AS3836" s="137"/>
      <c r="AT3836" s="137"/>
      <c r="AU3836" s="137"/>
      <c r="AV3836" s="137"/>
      <c r="AW3836" s="144"/>
    </row>
    <row r="3837" spans="2:49" x14ac:dyDescent="0.2">
      <c r="B3837" s="97"/>
      <c r="J3837" s="98"/>
      <c r="K3837" s="97"/>
      <c r="N3837" s="3"/>
      <c r="W3837" s="98"/>
      <c r="Z3837" s="143"/>
      <c r="AA3837" s="137"/>
      <c r="AB3837" s="137"/>
      <c r="AC3837" s="137"/>
      <c r="AD3837" s="137"/>
      <c r="AE3837" s="137"/>
      <c r="AF3837" s="137"/>
      <c r="AG3837" s="137"/>
      <c r="AH3837" s="137"/>
      <c r="AI3837" s="137"/>
      <c r="AJ3837" s="137"/>
      <c r="AK3837" s="206"/>
      <c r="AL3837" s="206"/>
      <c r="AM3837" s="143"/>
      <c r="AN3837" s="137"/>
      <c r="AO3837" s="137"/>
      <c r="AP3837" s="137"/>
      <c r="AQ3837" s="137"/>
      <c r="AR3837" s="137"/>
      <c r="AS3837" s="137"/>
      <c r="AT3837" s="137"/>
      <c r="AU3837" s="137"/>
      <c r="AV3837" s="137"/>
      <c r="AW3837" s="144"/>
    </row>
    <row r="3838" spans="2:49" x14ac:dyDescent="0.2">
      <c r="B3838" s="97"/>
      <c r="J3838" s="98"/>
      <c r="K3838" s="97"/>
      <c r="N3838" s="3"/>
      <c r="W3838" s="98"/>
      <c r="Z3838" s="143"/>
      <c r="AA3838" s="137"/>
      <c r="AB3838" s="137"/>
      <c r="AC3838" s="137"/>
      <c r="AD3838" s="137"/>
      <c r="AE3838" s="137"/>
      <c r="AF3838" s="137"/>
      <c r="AG3838" s="137"/>
      <c r="AH3838" s="137"/>
      <c r="AI3838" s="137"/>
      <c r="AJ3838" s="137"/>
      <c r="AK3838" s="206"/>
      <c r="AL3838" s="206"/>
      <c r="AM3838" s="143"/>
      <c r="AN3838" s="137"/>
      <c r="AO3838" s="137"/>
      <c r="AP3838" s="137"/>
      <c r="AQ3838" s="137"/>
      <c r="AR3838" s="137"/>
      <c r="AS3838" s="137"/>
      <c r="AT3838" s="137"/>
      <c r="AU3838" s="137"/>
      <c r="AV3838" s="137"/>
      <c r="AW3838" s="144"/>
    </row>
    <row r="3839" spans="2:49" x14ac:dyDescent="0.2">
      <c r="B3839" s="97"/>
      <c r="J3839" s="98"/>
      <c r="K3839" s="97"/>
      <c r="N3839" s="3"/>
      <c r="W3839" s="98"/>
      <c r="Z3839" s="143"/>
      <c r="AA3839" s="137"/>
      <c r="AB3839" s="137"/>
      <c r="AC3839" s="137"/>
      <c r="AD3839" s="137"/>
      <c r="AE3839" s="137"/>
      <c r="AF3839" s="137"/>
      <c r="AG3839" s="137"/>
      <c r="AH3839" s="137"/>
      <c r="AI3839" s="137"/>
      <c r="AJ3839" s="137"/>
      <c r="AK3839" s="206"/>
      <c r="AL3839" s="206"/>
      <c r="AM3839" s="143"/>
      <c r="AN3839" s="137"/>
      <c r="AO3839" s="137"/>
      <c r="AP3839" s="137"/>
      <c r="AQ3839" s="137"/>
      <c r="AR3839" s="137"/>
      <c r="AS3839" s="137"/>
      <c r="AT3839" s="137"/>
      <c r="AU3839" s="137"/>
      <c r="AV3839" s="137"/>
      <c r="AW3839" s="144"/>
    </row>
    <row r="3840" spans="2:49" x14ac:dyDescent="0.2">
      <c r="B3840" s="97"/>
      <c r="J3840" s="98"/>
      <c r="K3840" s="97"/>
      <c r="N3840" s="3"/>
      <c r="W3840" s="98"/>
      <c r="Z3840" s="143"/>
      <c r="AA3840" s="137"/>
      <c r="AB3840" s="137"/>
      <c r="AC3840" s="137"/>
      <c r="AD3840" s="137"/>
      <c r="AE3840" s="137"/>
      <c r="AF3840" s="137"/>
      <c r="AG3840" s="137"/>
      <c r="AH3840" s="137"/>
      <c r="AI3840" s="137"/>
      <c r="AJ3840" s="137"/>
      <c r="AK3840" s="206"/>
      <c r="AL3840" s="206"/>
      <c r="AM3840" s="143"/>
      <c r="AN3840" s="137"/>
      <c r="AO3840" s="137"/>
      <c r="AP3840" s="137"/>
      <c r="AQ3840" s="137"/>
      <c r="AR3840" s="137"/>
      <c r="AS3840" s="137"/>
      <c r="AT3840" s="137"/>
      <c r="AU3840" s="137"/>
      <c r="AV3840" s="137"/>
      <c r="AW3840" s="144"/>
    </row>
    <row r="3841" spans="2:49" x14ac:dyDescent="0.2">
      <c r="B3841" s="97"/>
      <c r="J3841" s="98"/>
      <c r="K3841" s="97"/>
      <c r="N3841" s="3"/>
      <c r="W3841" s="98"/>
      <c r="Z3841" s="143"/>
      <c r="AA3841" s="137"/>
      <c r="AB3841" s="137"/>
      <c r="AC3841" s="137"/>
      <c r="AD3841" s="137"/>
      <c r="AE3841" s="137"/>
      <c r="AF3841" s="137"/>
      <c r="AG3841" s="137"/>
      <c r="AH3841" s="137"/>
      <c r="AI3841" s="137"/>
      <c r="AJ3841" s="137"/>
      <c r="AK3841" s="206"/>
      <c r="AL3841" s="206"/>
      <c r="AM3841" s="143"/>
      <c r="AN3841" s="137"/>
      <c r="AO3841" s="137"/>
      <c r="AP3841" s="137"/>
      <c r="AQ3841" s="137"/>
      <c r="AR3841" s="137"/>
      <c r="AS3841" s="137"/>
      <c r="AT3841" s="137"/>
      <c r="AU3841" s="137"/>
      <c r="AV3841" s="137"/>
      <c r="AW3841" s="144"/>
    </row>
    <row r="3842" spans="2:49" x14ac:dyDescent="0.2">
      <c r="B3842" s="97"/>
      <c r="J3842" s="98"/>
      <c r="K3842" s="97"/>
      <c r="N3842" s="3"/>
      <c r="W3842" s="98"/>
      <c r="Z3842" s="143"/>
      <c r="AA3842" s="137"/>
      <c r="AB3842" s="137"/>
      <c r="AC3842" s="137"/>
      <c r="AD3842" s="137"/>
      <c r="AE3842" s="137"/>
      <c r="AF3842" s="137"/>
      <c r="AG3842" s="137"/>
      <c r="AH3842" s="137"/>
      <c r="AI3842" s="137"/>
      <c r="AJ3842" s="137"/>
      <c r="AK3842" s="206"/>
      <c r="AL3842" s="206"/>
      <c r="AM3842" s="143"/>
      <c r="AN3842" s="137"/>
      <c r="AO3842" s="137"/>
      <c r="AP3842" s="137"/>
      <c r="AQ3842" s="137"/>
      <c r="AR3842" s="137"/>
      <c r="AS3842" s="137"/>
      <c r="AT3842" s="137"/>
      <c r="AU3842" s="137"/>
      <c r="AV3842" s="137"/>
      <c r="AW3842" s="144"/>
    </row>
    <row r="3843" spans="2:49" x14ac:dyDescent="0.2">
      <c r="B3843" s="97"/>
      <c r="J3843" s="98"/>
      <c r="K3843" s="97"/>
      <c r="N3843" s="3"/>
      <c r="W3843" s="98"/>
      <c r="Z3843" s="143"/>
      <c r="AA3843" s="137"/>
      <c r="AB3843" s="137"/>
      <c r="AC3843" s="137"/>
      <c r="AD3843" s="137"/>
      <c r="AE3843" s="137"/>
      <c r="AF3843" s="137"/>
      <c r="AG3843" s="137"/>
      <c r="AH3843" s="137"/>
      <c r="AI3843" s="137"/>
      <c r="AJ3843" s="137"/>
      <c r="AK3843" s="206"/>
      <c r="AL3843" s="206"/>
      <c r="AM3843" s="143"/>
      <c r="AN3843" s="137"/>
      <c r="AO3843" s="137"/>
      <c r="AP3843" s="137"/>
      <c r="AQ3843" s="137"/>
      <c r="AR3843" s="137"/>
      <c r="AS3843" s="137"/>
      <c r="AT3843" s="137"/>
      <c r="AU3843" s="137"/>
      <c r="AV3843" s="137"/>
      <c r="AW3843" s="144"/>
    </row>
    <row r="3844" spans="2:49" x14ac:dyDescent="0.2">
      <c r="B3844" s="97"/>
      <c r="J3844" s="98"/>
      <c r="K3844" s="97"/>
      <c r="N3844" s="3"/>
      <c r="W3844" s="98"/>
      <c r="Z3844" s="143"/>
      <c r="AA3844" s="137"/>
      <c r="AB3844" s="137"/>
      <c r="AC3844" s="137"/>
      <c r="AD3844" s="137"/>
      <c r="AE3844" s="137"/>
      <c r="AF3844" s="137"/>
      <c r="AG3844" s="137"/>
      <c r="AH3844" s="137"/>
      <c r="AI3844" s="137"/>
      <c r="AJ3844" s="137"/>
      <c r="AK3844" s="206"/>
      <c r="AL3844" s="206"/>
      <c r="AM3844" s="143"/>
      <c r="AN3844" s="137"/>
      <c r="AO3844" s="137"/>
      <c r="AP3844" s="137"/>
      <c r="AQ3844" s="137"/>
      <c r="AR3844" s="137"/>
      <c r="AS3844" s="137"/>
      <c r="AT3844" s="137"/>
      <c r="AU3844" s="137"/>
      <c r="AV3844" s="137"/>
      <c r="AW3844" s="144"/>
    </row>
    <row r="3845" spans="2:49" x14ac:dyDescent="0.2">
      <c r="B3845" s="97"/>
      <c r="J3845" s="98"/>
      <c r="K3845" s="97"/>
      <c r="N3845" s="3"/>
      <c r="W3845" s="98"/>
      <c r="Z3845" s="143"/>
      <c r="AA3845" s="137"/>
      <c r="AB3845" s="137"/>
      <c r="AC3845" s="137"/>
      <c r="AD3845" s="137"/>
      <c r="AE3845" s="137"/>
      <c r="AF3845" s="137"/>
      <c r="AG3845" s="137"/>
      <c r="AH3845" s="137"/>
      <c r="AI3845" s="137"/>
      <c r="AJ3845" s="137"/>
      <c r="AK3845" s="206"/>
      <c r="AL3845" s="206"/>
      <c r="AM3845" s="143"/>
      <c r="AN3845" s="137"/>
      <c r="AO3845" s="137"/>
      <c r="AP3845" s="137"/>
      <c r="AQ3845" s="137"/>
      <c r="AR3845" s="137"/>
      <c r="AS3845" s="137"/>
      <c r="AT3845" s="137"/>
      <c r="AU3845" s="137"/>
      <c r="AV3845" s="137"/>
      <c r="AW3845" s="144"/>
    </row>
    <row r="3846" spans="2:49" x14ac:dyDescent="0.2">
      <c r="B3846" s="97"/>
      <c r="J3846" s="98"/>
      <c r="K3846" s="97"/>
      <c r="N3846" s="3"/>
      <c r="W3846" s="98"/>
      <c r="Z3846" s="143"/>
      <c r="AA3846" s="137"/>
      <c r="AB3846" s="137"/>
      <c r="AC3846" s="137"/>
      <c r="AD3846" s="137"/>
      <c r="AE3846" s="137"/>
      <c r="AF3846" s="137"/>
      <c r="AG3846" s="137"/>
      <c r="AH3846" s="137"/>
      <c r="AI3846" s="137"/>
      <c r="AJ3846" s="137"/>
      <c r="AK3846" s="206"/>
      <c r="AL3846" s="206"/>
      <c r="AM3846" s="143"/>
      <c r="AN3846" s="137"/>
      <c r="AO3846" s="137"/>
      <c r="AP3846" s="137"/>
      <c r="AQ3846" s="137"/>
      <c r="AR3846" s="137"/>
      <c r="AS3846" s="137"/>
      <c r="AT3846" s="137"/>
      <c r="AU3846" s="137"/>
      <c r="AV3846" s="137"/>
      <c r="AW3846" s="144"/>
    </row>
    <row r="3847" spans="2:49" x14ac:dyDescent="0.2">
      <c r="B3847" s="97"/>
      <c r="J3847" s="98"/>
      <c r="K3847" s="97"/>
      <c r="N3847" s="3"/>
      <c r="W3847" s="98"/>
      <c r="Z3847" s="143"/>
      <c r="AA3847" s="137"/>
      <c r="AB3847" s="137"/>
      <c r="AC3847" s="137"/>
      <c r="AD3847" s="137"/>
      <c r="AE3847" s="137"/>
      <c r="AF3847" s="137"/>
      <c r="AG3847" s="137"/>
      <c r="AH3847" s="137"/>
      <c r="AI3847" s="137"/>
      <c r="AJ3847" s="137"/>
      <c r="AK3847" s="206"/>
      <c r="AL3847" s="206"/>
      <c r="AM3847" s="143"/>
      <c r="AN3847" s="137"/>
      <c r="AO3847" s="137"/>
      <c r="AP3847" s="137"/>
      <c r="AQ3847" s="137"/>
      <c r="AR3847" s="137"/>
      <c r="AS3847" s="137"/>
      <c r="AT3847" s="137"/>
      <c r="AU3847" s="137"/>
      <c r="AV3847" s="137"/>
      <c r="AW3847" s="144"/>
    </row>
    <row r="3848" spans="2:49" x14ac:dyDescent="0.2">
      <c r="B3848" s="97"/>
      <c r="J3848" s="98"/>
      <c r="K3848" s="97"/>
      <c r="N3848" s="3"/>
      <c r="W3848" s="98"/>
      <c r="Z3848" s="143"/>
      <c r="AA3848" s="137"/>
      <c r="AB3848" s="137"/>
      <c r="AC3848" s="137"/>
      <c r="AD3848" s="137"/>
      <c r="AE3848" s="137"/>
      <c r="AF3848" s="137"/>
      <c r="AG3848" s="137"/>
      <c r="AH3848" s="137"/>
      <c r="AI3848" s="137"/>
      <c r="AJ3848" s="137"/>
      <c r="AK3848" s="206"/>
      <c r="AL3848" s="206"/>
      <c r="AM3848" s="143"/>
      <c r="AN3848" s="137"/>
      <c r="AO3848" s="137"/>
      <c r="AP3848" s="137"/>
      <c r="AQ3848" s="137"/>
      <c r="AR3848" s="137"/>
      <c r="AS3848" s="137"/>
      <c r="AT3848" s="137"/>
      <c r="AU3848" s="137"/>
      <c r="AV3848" s="137"/>
      <c r="AW3848" s="144"/>
    </row>
    <row r="3849" spans="2:49" x14ac:dyDescent="0.2">
      <c r="B3849" s="97"/>
      <c r="J3849" s="98"/>
      <c r="K3849" s="97"/>
      <c r="N3849" s="3"/>
      <c r="W3849" s="98"/>
      <c r="Z3849" s="143"/>
      <c r="AA3849" s="137"/>
      <c r="AB3849" s="137"/>
      <c r="AC3849" s="137"/>
      <c r="AD3849" s="137"/>
      <c r="AE3849" s="137"/>
      <c r="AF3849" s="137"/>
      <c r="AG3849" s="137"/>
      <c r="AH3849" s="137"/>
      <c r="AI3849" s="137"/>
      <c r="AJ3849" s="137"/>
      <c r="AK3849" s="206"/>
      <c r="AL3849" s="206"/>
      <c r="AM3849" s="143"/>
      <c r="AN3849" s="137"/>
      <c r="AO3849" s="137"/>
      <c r="AP3849" s="137"/>
      <c r="AQ3849" s="137"/>
      <c r="AR3849" s="137"/>
      <c r="AS3849" s="137"/>
      <c r="AT3849" s="137"/>
      <c r="AU3849" s="137"/>
      <c r="AV3849" s="137"/>
      <c r="AW3849" s="144"/>
    </row>
    <row r="3850" spans="2:49" x14ac:dyDescent="0.2">
      <c r="B3850" s="97"/>
      <c r="J3850" s="98"/>
      <c r="K3850" s="97"/>
      <c r="N3850" s="3"/>
      <c r="W3850" s="98"/>
      <c r="Z3850" s="143"/>
      <c r="AA3850" s="137"/>
      <c r="AB3850" s="137"/>
      <c r="AC3850" s="137"/>
      <c r="AD3850" s="137"/>
      <c r="AE3850" s="137"/>
      <c r="AF3850" s="137"/>
      <c r="AG3850" s="137"/>
      <c r="AH3850" s="137"/>
      <c r="AI3850" s="137"/>
      <c r="AJ3850" s="137"/>
      <c r="AK3850" s="206"/>
      <c r="AL3850" s="206"/>
      <c r="AM3850" s="143"/>
      <c r="AN3850" s="137"/>
      <c r="AO3850" s="137"/>
      <c r="AP3850" s="137"/>
      <c r="AQ3850" s="137"/>
      <c r="AR3850" s="137"/>
      <c r="AS3850" s="137"/>
      <c r="AT3850" s="137"/>
      <c r="AU3850" s="137"/>
      <c r="AV3850" s="137"/>
      <c r="AW3850" s="144"/>
    </row>
    <row r="3851" spans="2:49" x14ac:dyDescent="0.2">
      <c r="B3851" s="97"/>
      <c r="J3851" s="98"/>
      <c r="K3851" s="97"/>
      <c r="N3851" s="3"/>
      <c r="W3851" s="98"/>
      <c r="Z3851" s="143"/>
      <c r="AA3851" s="137"/>
      <c r="AB3851" s="137"/>
      <c r="AC3851" s="137"/>
      <c r="AD3851" s="137"/>
      <c r="AE3851" s="137"/>
      <c r="AF3851" s="137"/>
      <c r="AG3851" s="137"/>
      <c r="AH3851" s="137"/>
      <c r="AI3851" s="137"/>
      <c r="AJ3851" s="137"/>
      <c r="AK3851" s="206"/>
      <c r="AL3851" s="206"/>
      <c r="AM3851" s="143"/>
      <c r="AN3851" s="137"/>
      <c r="AO3851" s="137"/>
      <c r="AP3851" s="137"/>
      <c r="AQ3851" s="137"/>
      <c r="AR3851" s="137"/>
      <c r="AS3851" s="137"/>
      <c r="AT3851" s="137"/>
      <c r="AU3851" s="137"/>
      <c r="AV3851" s="137"/>
      <c r="AW3851" s="144"/>
    </row>
    <row r="3852" spans="2:49" x14ac:dyDescent="0.2">
      <c r="B3852" s="97"/>
      <c r="J3852" s="98"/>
      <c r="K3852" s="97"/>
      <c r="N3852" s="3"/>
      <c r="W3852" s="98"/>
      <c r="Z3852" s="143"/>
      <c r="AA3852" s="137"/>
      <c r="AB3852" s="137"/>
      <c r="AC3852" s="137"/>
      <c r="AD3852" s="137"/>
      <c r="AE3852" s="137"/>
      <c r="AF3852" s="137"/>
      <c r="AG3852" s="137"/>
      <c r="AH3852" s="137"/>
      <c r="AI3852" s="137"/>
      <c r="AJ3852" s="137"/>
      <c r="AK3852" s="206"/>
      <c r="AL3852" s="206"/>
      <c r="AM3852" s="143"/>
      <c r="AN3852" s="137"/>
      <c r="AO3852" s="137"/>
      <c r="AP3852" s="137"/>
      <c r="AQ3852" s="137"/>
      <c r="AR3852" s="137"/>
      <c r="AS3852" s="137"/>
      <c r="AT3852" s="137"/>
      <c r="AU3852" s="137"/>
      <c r="AV3852" s="137"/>
      <c r="AW3852" s="144"/>
    </row>
    <row r="3853" spans="2:49" x14ac:dyDescent="0.2">
      <c r="B3853" s="97"/>
      <c r="J3853" s="98"/>
      <c r="K3853" s="97"/>
      <c r="N3853" s="3"/>
      <c r="W3853" s="98"/>
      <c r="Z3853" s="143"/>
      <c r="AA3853" s="137"/>
      <c r="AB3853" s="137"/>
      <c r="AC3853" s="137"/>
      <c r="AD3853" s="137"/>
      <c r="AE3853" s="137"/>
      <c r="AF3853" s="137"/>
      <c r="AG3853" s="137"/>
      <c r="AH3853" s="137"/>
      <c r="AI3853" s="137"/>
      <c r="AJ3853" s="137"/>
      <c r="AK3853" s="206"/>
      <c r="AL3853" s="206"/>
      <c r="AM3853" s="143"/>
      <c r="AN3853" s="137"/>
      <c r="AO3853" s="137"/>
      <c r="AP3853" s="137"/>
      <c r="AQ3853" s="137"/>
      <c r="AR3853" s="137"/>
      <c r="AS3853" s="137"/>
      <c r="AT3853" s="137"/>
      <c r="AU3853" s="137"/>
      <c r="AV3853" s="137"/>
      <c r="AW3853" s="144"/>
    </row>
    <row r="3854" spans="2:49" x14ac:dyDescent="0.2">
      <c r="B3854" s="97"/>
      <c r="J3854" s="98"/>
      <c r="K3854" s="97"/>
      <c r="N3854" s="3"/>
      <c r="W3854" s="98"/>
      <c r="Z3854" s="143"/>
      <c r="AA3854" s="137"/>
      <c r="AB3854" s="137"/>
      <c r="AC3854" s="137"/>
      <c r="AD3854" s="137"/>
      <c r="AE3854" s="137"/>
      <c r="AF3854" s="137"/>
      <c r="AG3854" s="137"/>
      <c r="AH3854" s="137"/>
      <c r="AI3854" s="137"/>
      <c r="AJ3854" s="137"/>
      <c r="AK3854" s="206"/>
      <c r="AL3854" s="206"/>
      <c r="AM3854" s="143"/>
      <c r="AN3854" s="137"/>
      <c r="AO3854" s="137"/>
      <c r="AP3854" s="137"/>
      <c r="AQ3854" s="137"/>
      <c r="AR3854" s="137"/>
      <c r="AS3854" s="137"/>
      <c r="AT3854" s="137"/>
      <c r="AU3854" s="137"/>
      <c r="AV3854" s="137"/>
      <c r="AW3854" s="144"/>
    </row>
    <row r="3855" spans="2:49" x14ac:dyDescent="0.2">
      <c r="B3855" s="97"/>
      <c r="J3855" s="98"/>
      <c r="K3855" s="97"/>
      <c r="N3855" s="3"/>
      <c r="W3855" s="98"/>
      <c r="Z3855" s="143"/>
      <c r="AA3855" s="137"/>
      <c r="AB3855" s="137"/>
      <c r="AC3855" s="137"/>
      <c r="AD3855" s="137"/>
      <c r="AE3855" s="137"/>
      <c r="AF3855" s="137"/>
      <c r="AG3855" s="137"/>
      <c r="AH3855" s="137"/>
      <c r="AI3855" s="137"/>
      <c r="AJ3855" s="137"/>
      <c r="AK3855" s="206"/>
      <c r="AL3855" s="206"/>
      <c r="AM3855" s="143"/>
      <c r="AN3855" s="137"/>
      <c r="AO3855" s="137"/>
      <c r="AP3855" s="137"/>
      <c r="AQ3855" s="137"/>
      <c r="AR3855" s="137"/>
      <c r="AS3855" s="137"/>
      <c r="AT3855" s="137"/>
      <c r="AU3855" s="137"/>
      <c r="AV3855" s="137"/>
      <c r="AW3855" s="144"/>
    </row>
    <row r="3856" spans="2:49" x14ac:dyDescent="0.2">
      <c r="B3856" s="97"/>
      <c r="J3856" s="98"/>
      <c r="K3856" s="97"/>
      <c r="N3856" s="3"/>
      <c r="W3856" s="98"/>
      <c r="Z3856" s="143"/>
      <c r="AA3856" s="137"/>
      <c r="AB3856" s="137"/>
      <c r="AC3856" s="137"/>
      <c r="AD3856" s="137"/>
      <c r="AE3856" s="137"/>
      <c r="AF3856" s="137"/>
      <c r="AG3856" s="137"/>
      <c r="AH3856" s="137"/>
      <c r="AI3856" s="137"/>
      <c r="AJ3856" s="137"/>
      <c r="AK3856" s="206"/>
      <c r="AL3856" s="206"/>
      <c r="AM3856" s="143"/>
      <c r="AN3856" s="137"/>
      <c r="AO3856" s="137"/>
      <c r="AP3856" s="137"/>
      <c r="AQ3856" s="137"/>
      <c r="AR3856" s="137"/>
      <c r="AS3856" s="137"/>
      <c r="AT3856" s="137"/>
      <c r="AU3856" s="137"/>
      <c r="AV3856" s="137"/>
      <c r="AW3856" s="144"/>
    </row>
    <row r="3857" spans="2:49" x14ac:dyDescent="0.2">
      <c r="B3857" s="97"/>
      <c r="J3857" s="98"/>
      <c r="K3857" s="97"/>
      <c r="N3857" s="3"/>
      <c r="W3857" s="98"/>
      <c r="Z3857" s="143"/>
      <c r="AA3857" s="137"/>
      <c r="AB3857" s="137"/>
      <c r="AC3857" s="137"/>
      <c r="AD3857" s="137"/>
      <c r="AE3857" s="137"/>
      <c r="AF3857" s="137"/>
      <c r="AG3857" s="137"/>
      <c r="AH3857" s="137"/>
      <c r="AI3857" s="137"/>
      <c r="AJ3857" s="137"/>
      <c r="AK3857" s="206"/>
      <c r="AL3857" s="206"/>
      <c r="AM3857" s="143"/>
      <c r="AN3857" s="137"/>
      <c r="AO3857" s="137"/>
      <c r="AP3857" s="137"/>
      <c r="AQ3857" s="137"/>
      <c r="AR3857" s="137"/>
      <c r="AS3857" s="137"/>
      <c r="AT3857" s="137"/>
      <c r="AU3857" s="137"/>
      <c r="AV3857" s="137"/>
      <c r="AW3857" s="144"/>
    </row>
    <row r="3858" spans="2:49" x14ac:dyDescent="0.2">
      <c r="B3858" s="97"/>
      <c r="J3858" s="98"/>
      <c r="K3858" s="97"/>
      <c r="N3858" s="3"/>
      <c r="W3858" s="98"/>
      <c r="Z3858" s="143"/>
      <c r="AA3858" s="137"/>
      <c r="AB3858" s="137"/>
      <c r="AC3858" s="137"/>
      <c r="AD3858" s="137"/>
      <c r="AE3858" s="137"/>
      <c r="AF3858" s="137"/>
      <c r="AG3858" s="137"/>
      <c r="AH3858" s="137"/>
      <c r="AI3858" s="137"/>
      <c r="AJ3858" s="137"/>
      <c r="AK3858" s="206"/>
      <c r="AL3858" s="206"/>
      <c r="AM3858" s="143"/>
      <c r="AN3858" s="137"/>
      <c r="AO3858" s="137"/>
      <c r="AP3858" s="137"/>
      <c r="AQ3858" s="137"/>
      <c r="AR3858" s="137"/>
      <c r="AS3858" s="137"/>
      <c r="AT3858" s="137"/>
      <c r="AU3858" s="137"/>
      <c r="AV3858" s="137"/>
      <c r="AW3858" s="144"/>
    </row>
    <row r="3859" spans="2:49" x14ac:dyDescent="0.2">
      <c r="B3859" s="97"/>
      <c r="J3859" s="98"/>
      <c r="K3859" s="97"/>
      <c r="N3859" s="3"/>
      <c r="W3859" s="98"/>
      <c r="Z3859" s="143"/>
      <c r="AA3859" s="137"/>
      <c r="AB3859" s="137"/>
      <c r="AC3859" s="137"/>
      <c r="AD3859" s="137"/>
      <c r="AE3859" s="137"/>
      <c r="AF3859" s="137"/>
      <c r="AG3859" s="137"/>
      <c r="AH3859" s="137"/>
      <c r="AI3859" s="137"/>
      <c r="AJ3859" s="137"/>
      <c r="AK3859" s="206"/>
      <c r="AL3859" s="206"/>
      <c r="AM3859" s="143"/>
      <c r="AN3859" s="137"/>
      <c r="AO3859" s="137"/>
      <c r="AP3859" s="137"/>
      <c r="AQ3859" s="137"/>
      <c r="AR3859" s="137"/>
      <c r="AS3859" s="137"/>
      <c r="AT3859" s="137"/>
      <c r="AU3859" s="137"/>
      <c r="AV3859" s="137"/>
      <c r="AW3859" s="144"/>
    </row>
    <row r="3860" spans="2:49" x14ac:dyDescent="0.2">
      <c r="B3860" s="97"/>
      <c r="J3860" s="98"/>
      <c r="K3860" s="97"/>
      <c r="N3860" s="3"/>
      <c r="W3860" s="98"/>
      <c r="Z3860" s="143"/>
      <c r="AA3860" s="137"/>
      <c r="AB3860" s="137"/>
      <c r="AC3860" s="137"/>
      <c r="AD3860" s="137"/>
      <c r="AE3860" s="137"/>
      <c r="AF3860" s="137"/>
      <c r="AG3860" s="137"/>
      <c r="AH3860" s="137"/>
      <c r="AI3860" s="137"/>
      <c r="AJ3860" s="137"/>
      <c r="AK3860" s="206"/>
      <c r="AL3860" s="206"/>
      <c r="AM3860" s="143"/>
      <c r="AN3860" s="137"/>
      <c r="AO3860" s="137"/>
      <c r="AP3860" s="137"/>
      <c r="AQ3860" s="137"/>
      <c r="AR3860" s="137"/>
      <c r="AS3860" s="137"/>
      <c r="AT3860" s="137"/>
      <c r="AU3860" s="137"/>
      <c r="AV3860" s="137"/>
      <c r="AW3860" s="144"/>
    </row>
    <row r="3861" spans="2:49" x14ac:dyDescent="0.2">
      <c r="B3861" s="97"/>
      <c r="J3861" s="98"/>
      <c r="K3861" s="97"/>
      <c r="N3861" s="3"/>
      <c r="W3861" s="98"/>
      <c r="Z3861" s="143"/>
      <c r="AA3861" s="137"/>
      <c r="AB3861" s="137"/>
      <c r="AC3861" s="137"/>
      <c r="AD3861" s="137"/>
      <c r="AE3861" s="137"/>
      <c r="AF3861" s="137"/>
      <c r="AG3861" s="137"/>
      <c r="AH3861" s="137"/>
      <c r="AI3861" s="137"/>
      <c r="AJ3861" s="137"/>
      <c r="AK3861" s="206"/>
      <c r="AL3861" s="206"/>
      <c r="AM3861" s="143"/>
      <c r="AN3861" s="137"/>
      <c r="AO3861" s="137"/>
      <c r="AP3861" s="137"/>
      <c r="AQ3861" s="137"/>
      <c r="AR3861" s="137"/>
      <c r="AS3861" s="137"/>
      <c r="AT3861" s="137"/>
      <c r="AU3861" s="137"/>
      <c r="AV3861" s="137"/>
      <c r="AW3861" s="144"/>
    </row>
    <row r="3862" spans="2:49" x14ac:dyDescent="0.2">
      <c r="B3862" s="97"/>
      <c r="J3862" s="98"/>
      <c r="K3862" s="97"/>
      <c r="N3862" s="3"/>
      <c r="W3862" s="98"/>
      <c r="Z3862" s="143"/>
      <c r="AA3862" s="137"/>
      <c r="AB3862" s="137"/>
      <c r="AC3862" s="137"/>
      <c r="AD3862" s="137"/>
      <c r="AE3862" s="137"/>
      <c r="AF3862" s="137"/>
      <c r="AG3862" s="137"/>
      <c r="AH3862" s="137"/>
      <c r="AI3862" s="137"/>
      <c r="AJ3862" s="137"/>
      <c r="AK3862" s="206"/>
      <c r="AL3862" s="206"/>
      <c r="AM3862" s="143"/>
      <c r="AN3862" s="137"/>
      <c r="AO3862" s="137"/>
      <c r="AP3862" s="137"/>
      <c r="AQ3862" s="137"/>
      <c r="AR3862" s="137"/>
      <c r="AS3862" s="137"/>
      <c r="AT3862" s="137"/>
      <c r="AU3862" s="137"/>
      <c r="AV3862" s="137"/>
      <c r="AW3862" s="144"/>
    </row>
    <row r="3863" spans="2:49" x14ac:dyDescent="0.2">
      <c r="B3863" s="97"/>
      <c r="J3863" s="98"/>
      <c r="K3863" s="97"/>
      <c r="N3863" s="3"/>
      <c r="W3863" s="98"/>
      <c r="Z3863" s="143"/>
      <c r="AA3863" s="137"/>
      <c r="AB3863" s="137"/>
      <c r="AC3863" s="137"/>
      <c r="AD3863" s="137"/>
      <c r="AE3863" s="137"/>
      <c r="AF3863" s="137"/>
      <c r="AG3863" s="137"/>
      <c r="AH3863" s="137"/>
      <c r="AI3863" s="137"/>
      <c r="AJ3863" s="137"/>
      <c r="AK3863" s="206"/>
      <c r="AL3863" s="206"/>
      <c r="AM3863" s="143"/>
      <c r="AN3863" s="137"/>
      <c r="AO3863" s="137"/>
      <c r="AP3863" s="137"/>
      <c r="AQ3863" s="137"/>
      <c r="AR3863" s="137"/>
      <c r="AS3863" s="137"/>
      <c r="AT3863" s="137"/>
      <c r="AU3863" s="137"/>
      <c r="AV3863" s="137"/>
      <c r="AW3863" s="144"/>
    </row>
    <row r="3864" spans="2:49" x14ac:dyDescent="0.2">
      <c r="B3864" s="97"/>
      <c r="J3864" s="98"/>
      <c r="K3864" s="97"/>
      <c r="N3864" s="3"/>
      <c r="W3864" s="98"/>
      <c r="Z3864" s="143"/>
      <c r="AA3864" s="137"/>
      <c r="AB3864" s="137"/>
      <c r="AC3864" s="137"/>
      <c r="AD3864" s="137"/>
      <c r="AE3864" s="137"/>
      <c r="AF3864" s="137"/>
      <c r="AG3864" s="137"/>
      <c r="AH3864" s="137"/>
      <c r="AI3864" s="137"/>
      <c r="AJ3864" s="137"/>
      <c r="AK3864" s="206"/>
      <c r="AL3864" s="206"/>
      <c r="AM3864" s="143"/>
      <c r="AN3864" s="137"/>
      <c r="AO3864" s="137"/>
      <c r="AP3864" s="137"/>
      <c r="AQ3864" s="137"/>
      <c r="AR3864" s="137"/>
      <c r="AS3864" s="137"/>
      <c r="AT3864" s="137"/>
      <c r="AU3864" s="137"/>
      <c r="AV3864" s="137"/>
      <c r="AW3864" s="144"/>
    </row>
    <row r="3865" spans="2:49" x14ac:dyDescent="0.2">
      <c r="B3865" s="97"/>
      <c r="J3865" s="98"/>
      <c r="K3865" s="97"/>
      <c r="N3865" s="3"/>
      <c r="W3865" s="98"/>
      <c r="Z3865" s="143"/>
      <c r="AA3865" s="137"/>
      <c r="AB3865" s="137"/>
      <c r="AC3865" s="137"/>
      <c r="AD3865" s="137"/>
      <c r="AE3865" s="137"/>
      <c r="AF3865" s="137"/>
      <c r="AG3865" s="137"/>
      <c r="AH3865" s="137"/>
      <c r="AI3865" s="137"/>
      <c r="AJ3865" s="137"/>
      <c r="AK3865" s="206"/>
      <c r="AL3865" s="206"/>
      <c r="AM3865" s="143"/>
      <c r="AN3865" s="137"/>
      <c r="AO3865" s="137"/>
      <c r="AP3865" s="137"/>
      <c r="AQ3865" s="137"/>
      <c r="AR3865" s="137"/>
      <c r="AS3865" s="137"/>
      <c r="AT3865" s="137"/>
      <c r="AU3865" s="137"/>
      <c r="AV3865" s="137"/>
      <c r="AW3865" s="144"/>
    </row>
    <row r="3866" spans="2:49" x14ac:dyDescent="0.2">
      <c r="B3866" s="97"/>
      <c r="J3866" s="98"/>
      <c r="K3866" s="97"/>
      <c r="N3866" s="3"/>
      <c r="W3866" s="98"/>
      <c r="Z3866" s="143"/>
      <c r="AA3866" s="137"/>
      <c r="AB3866" s="137"/>
      <c r="AC3866" s="137"/>
      <c r="AD3866" s="137"/>
      <c r="AE3866" s="137"/>
      <c r="AF3866" s="137"/>
      <c r="AG3866" s="137"/>
      <c r="AH3866" s="137"/>
      <c r="AI3866" s="137"/>
      <c r="AJ3866" s="137"/>
      <c r="AK3866" s="206"/>
      <c r="AL3866" s="206"/>
      <c r="AM3866" s="143"/>
      <c r="AN3866" s="137"/>
      <c r="AO3866" s="137"/>
      <c r="AP3866" s="137"/>
      <c r="AQ3866" s="137"/>
      <c r="AR3866" s="137"/>
      <c r="AS3866" s="137"/>
      <c r="AT3866" s="137"/>
      <c r="AU3866" s="137"/>
      <c r="AV3866" s="137"/>
      <c r="AW3866" s="144"/>
    </row>
    <row r="3867" spans="2:49" x14ac:dyDescent="0.2">
      <c r="B3867" s="97"/>
      <c r="J3867" s="98"/>
      <c r="K3867" s="97"/>
      <c r="N3867" s="3"/>
      <c r="W3867" s="98"/>
      <c r="Z3867" s="143"/>
      <c r="AA3867" s="137"/>
      <c r="AB3867" s="137"/>
      <c r="AC3867" s="137"/>
      <c r="AD3867" s="137"/>
      <c r="AE3867" s="137"/>
      <c r="AF3867" s="137"/>
      <c r="AG3867" s="137"/>
      <c r="AH3867" s="137"/>
      <c r="AI3867" s="137"/>
      <c r="AJ3867" s="137"/>
      <c r="AK3867" s="206"/>
      <c r="AL3867" s="206"/>
      <c r="AM3867" s="143"/>
      <c r="AN3867" s="137"/>
      <c r="AO3867" s="137"/>
      <c r="AP3867" s="137"/>
      <c r="AQ3867" s="137"/>
      <c r="AR3867" s="137"/>
      <c r="AS3867" s="137"/>
      <c r="AT3867" s="137"/>
      <c r="AU3867" s="137"/>
      <c r="AV3867" s="137"/>
      <c r="AW3867" s="144"/>
    </row>
    <row r="3868" spans="2:49" x14ac:dyDescent="0.2">
      <c r="B3868" s="97"/>
      <c r="J3868" s="98"/>
      <c r="K3868" s="97"/>
      <c r="N3868" s="3"/>
      <c r="W3868" s="98"/>
      <c r="Z3868" s="143"/>
      <c r="AA3868" s="137"/>
      <c r="AB3868" s="137"/>
      <c r="AC3868" s="137"/>
      <c r="AD3868" s="137"/>
      <c r="AE3868" s="137"/>
      <c r="AF3868" s="137"/>
      <c r="AG3868" s="137"/>
      <c r="AH3868" s="137"/>
      <c r="AI3868" s="137"/>
      <c r="AJ3868" s="137"/>
      <c r="AK3868" s="206"/>
      <c r="AL3868" s="206"/>
      <c r="AM3868" s="143"/>
      <c r="AN3868" s="137"/>
      <c r="AO3868" s="137"/>
      <c r="AP3868" s="137"/>
      <c r="AQ3868" s="137"/>
      <c r="AR3868" s="137"/>
      <c r="AS3868" s="137"/>
      <c r="AT3868" s="137"/>
      <c r="AU3868" s="137"/>
      <c r="AV3868" s="137"/>
      <c r="AW3868" s="144"/>
    </row>
    <row r="3869" spans="2:49" x14ac:dyDescent="0.2">
      <c r="B3869" s="97"/>
      <c r="J3869" s="98"/>
      <c r="K3869" s="97"/>
      <c r="N3869" s="3"/>
      <c r="W3869" s="98"/>
      <c r="Z3869" s="143"/>
      <c r="AA3869" s="137"/>
      <c r="AB3869" s="137"/>
      <c r="AC3869" s="137"/>
      <c r="AD3869" s="137"/>
      <c r="AE3869" s="137"/>
      <c r="AF3869" s="137"/>
      <c r="AG3869" s="137"/>
      <c r="AH3869" s="137"/>
      <c r="AI3869" s="137"/>
      <c r="AJ3869" s="137"/>
      <c r="AK3869" s="206"/>
      <c r="AL3869" s="206"/>
      <c r="AM3869" s="143"/>
      <c r="AN3869" s="137"/>
      <c r="AO3869" s="137"/>
      <c r="AP3869" s="137"/>
      <c r="AQ3869" s="137"/>
      <c r="AR3869" s="137"/>
      <c r="AS3869" s="137"/>
      <c r="AT3869" s="137"/>
      <c r="AU3869" s="137"/>
      <c r="AV3869" s="137"/>
      <c r="AW3869" s="144"/>
    </row>
    <row r="3870" spans="2:49" x14ac:dyDescent="0.2">
      <c r="B3870" s="97"/>
      <c r="J3870" s="98"/>
      <c r="K3870" s="97"/>
      <c r="N3870" s="3"/>
      <c r="W3870" s="98"/>
      <c r="Z3870" s="143"/>
      <c r="AA3870" s="137"/>
      <c r="AB3870" s="137"/>
      <c r="AC3870" s="137"/>
      <c r="AD3870" s="137"/>
      <c r="AE3870" s="137"/>
      <c r="AF3870" s="137"/>
      <c r="AG3870" s="137"/>
      <c r="AH3870" s="137"/>
      <c r="AI3870" s="137"/>
      <c r="AJ3870" s="137"/>
      <c r="AK3870" s="206"/>
      <c r="AL3870" s="206"/>
      <c r="AM3870" s="143"/>
      <c r="AN3870" s="137"/>
      <c r="AO3870" s="137"/>
      <c r="AP3870" s="137"/>
      <c r="AQ3870" s="137"/>
      <c r="AR3870" s="137"/>
      <c r="AS3870" s="137"/>
      <c r="AT3870" s="137"/>
      <c r="AU3870" s="137"/>
      <c r="AV3870" s="137"/>
      <c r="AW3870" s="144"/>
    </row>
    <row r="3871" spans="2:49" x14ac:dyDescent="0.2">
      <c r="B3871" s="97"/>
      <c r="J3871" s="98"/>
      <c r="K3871" s="97"/>
      <c r="N3871" s="3"/>
      <c r="W3871" s="98"/>
      <c r="Z3871" s="143"/>
      <c r="AA3871" s="137"/>
      <c r="AB3871" s="137"/>
      <c r="AC3871" s="137"/>
      <c r="AD3871" s="137"/>
      <c r="AE3871" s="137"/>
      <c r="AF3871" s="137"/>
      <c r="AG3871" s="137"/>
      <c r="AH3871" s="137"/>
      <c r="AI3871" s="137"/>
      <c r="AJ3871" s="137"/>
      <c r="AK3871" s="206"/>
      <c r="AL3871" s="206"/>
      <c r="AM3871" s="143"/>
      <c r="AN3871" s="137"/>
      <c r="AO3871" s="137"/>
      <c r="AP3871" s="137"/>
      <c r="AQ3871" s="137"/>
      <c r="AR3871" s="137"/>
      <c r="AS3871" s="137"/>
      <c r="AT3871" s="137"/>
      <c r="AU3871" s="137"/>
      <c r="AV3871" s="137"/>
      <c r="AW3871" s="144"/>
    </row>
    <row r="3872" spans="2:49" x14ac:dyDescent="0.2">
      <c r="B3872" s="97"/>
      <c r="J3872" s="98"/>
      <c r="K3872" s="97"/>
      <c r="N3872" s="3"/>
      <c r="W3872" s="98"/>
      <c r="Z3872" s="143"/>
      <c r="AA3872" s="137"/>
      <c r="AB3872" s="137"/>
      <c r="AC3872" s="137"/>
      <c r="AD3872" s="137"/>
      <c r="AE3872" s="137"/>
      <c r="AF3872" s="137"/>
      <c r="AG3872" s="137"/>
      <c r="AH3872" s="137"/>
      <c r="AI3872" s="137"/>
      <c r="AJ3872" s="137"/>
      <c r="AK3872" s="206"/>
      <c r="AL3872" s="206"/>
      <c r="AM3872" s="143"/>
      <c r="AN3872" s="137"/>
      <c r="AO3872" s="137"/>
      <c r="AP3872" s="137"/>
      <c r="AQ3872" s="137"/>
      <c r="AR3872" s="137"/>
      <c r="AS3872" s="137"/>
      <c r="AT3872" s="137"/>
      <c r="AU3872" s="137"/>
      <c r="AV3872" s="137"/>
      <c r="AW3872" s="144"/>
    </row>
    <row r="3873" spans="2:49" x14ac:dyDescent="0.2">
      <c r="B3873" s="97"/>
      <c r="J3873" s="98"/>
      <c r="K3873" s="97"/>
      <c r="N3873" s="3"/>
      <c r="W3873" s="98"/>
      <c r="Z3873" s="143"/>
      <c r="AA3873" s="137"/>
      <c r="AB3873" s="137"/>
      <c r="AC3873" s="137"/>
      <c r="AD3873" s="137"/>
      <c r="AE3873" s="137"/>
      <c r="AF3873" s="137"/>
      <c r="AG3873" s="137"/>
      <c r="AH3873" s="137"/>
      <c r="AI3873" s="137"/>
      <c r="AJ3873" s="137"/>
      <c r="AK3873" s="206"/>
      <c r="AL3873" s="206"/>
      <c r="AM3873" s="143"/>
      <c r="AN3873" s="137"/>
      <c r="AO3873" s="137"/>
      <c r="AP3873" s="137"/>
      <c r="AQ3873" s="137"/>
      <c r="AR3873" s="137"/>
      <c r="AS3873" s="137"/>
      <c r="AT3873" s="137"/>
      <c r="AU3873" s="137"/>
      <c r="AV3873" s="137"/>
      <c r="AW3873" s="144"/>
    </row>
    <row r="3874" spans="2:49" x14ac:dyDescent="0.2">
      <c r="B3874" s="97"/>
      <c r="J3874" s="98"/>
      <c r="K3874" s="97"/>
      <c r="N3874" s="3"/>
      <c r="W3874" s="98"/>
      <c r="Z3874" s="143"/>
      <c r="AA3874" s="137"/>
      <c r="AB3874" s="137"/>
      <c r="AC3874" s="137"/>
      <c r="AD3874" s="137"/>
      <c r="AE3874" s="137"/>
      <c r="AF3874" s="137"/>
      <c r="AG3874" s="137"/>
      <c r="AH3874" s="137"/>
      <c r="AI3874" s="137"/>
      <c r="AJ3874" s="137"/>
      <c r="AK3874" s="206"/>
      <c r="AL3874" s="206"/>
      <c r="AM3874" s="143"/>
      <c r="AN3874" s="137"/>
      <c r="AO3874" s="137"/>
      <c r="AP3874" s="137"/>
      <c r="AQ3874" s="137"/>
      <c r="AR3874" s="137"/>
      <c r="AS3874" s="137"/>
      <c r="AT3874" s="137"/>
      <c r="AU3874" s="137"/>
      <c r="AV3874" s="137"/>
      <c r="AW3874" s="144"/>
    </row>
    <row r="3875" spans="2:49" x14ac:dyDescent="0.2">
      <c r="B3875" s="97"/>
      <c r="J3875" s="98"/>
      <c r="K3875" s="97"/>
      <c r="N3875" s="3"/>
      <c r="W3875" s="98"/>
      <c r="Z3875" s="143"/>
      <c r="AA3875" s="137"/>
      <c r="AB3875" s="137"/>
      <c r="AC3875" s="137"/>
      <c r="AD3875" s="137"/>
      <c r="AE3875" s="137"/>
      <c r="AF3875" s="137"/>
      <c r="AG3875" s="137"/>
      <c r="AH3875" s="137"/>
      <c r="AI3875" s="137"/>
      <c r="AJ3875" s="137"/>
      <c r="AK3875" s="206"/>
      <c r="AL3875" s="206"/>
      <c r="AM3875" s="143"/>
      <c r="AN3875" s="137"/>
      <c r="AO3875" s="137"/>
      <c r="AP3875" s="137"/>
      <c r="AQ3875" s="137"/>
      <c r="AR3875" s="137"/>
      <c r="AS3875" s="137"/>
      <c r="AT3875" s="137"/>
      <c r="AU3875" s="137"/>
      <c r="AV3875" s="137"/>
      <c r="AW3875" s="144"/>
    </row>
    <row r="3876" spans="2:49" x14ac:dyDescent="0.2">
      <c r="B3876" s="97"/>
      <c r="J3876" s="98"/>
      <c r="K3876" s="97"/>
      <c r="N3876" s="3"/>
      <c r="W3876" s="98"/>
      <c r="Z3876" s="143"/>
      <c r="AA3876" s="137"/>
      <c r="AB3876" s="137"/>
      <c r="AC3876" s="137"/>
      <c r="AD3876" s="137"/>
      <c r="AE3876" s="137"/>
      <c r="AF3876" s="137"/>
      <c r="AG3876" s="137"/>
      <c r="AH3876" s="137"/>
      <c r="AI3876" s="137"/>
      <c r="AJ3876" s="137"/>
      <c r="AK3876" s="206"/>
      <c r="AL3876" s="206"/>
      <c r="AM3876" s="143"/>
      <c r="AN3876" s="137"/>
      <c r="AO3876" s="137"/>
      <c r="AP3876" s="137"/>
      <c r="AQ3876" s="137"/>
      <c r="AR3876" s="137"/>
      <c r="AS3876" s="137"/>
      <c r="AT3876" s="137"/>
      <c r="AU3876" s="137"/>
      <c r="AV3876" s="137"/>
      <c r="AW3876" s="144"/>
    </row>
    <row r="3877" spans="2:49" x14ac:dyDescent="0.2">
      <c r="B3877" s="97"/>
      <c r="J3877" s="98"/>
      <c r="K3877" s="97"/>
      <c r="N3877" s="3"/>
      <c r="W3877" s="98"/>
      <c r="Z3877" s="143"/>
      <c r="AA3877" s="137"/>
      <c r="AB3877" s="137"/>
      <c r="AC3877" s="137"/>
      <c r="AD3877" s="137"/>
      <c r="AE3877" s="137"/>
      <c r="AF3877" s="137"/>
      <c r="AG3877" s="137"/>
      <c r="AH3877" s="137"/>
      <c r="AI3877" s="137"/>
      <c r="AJ3877" s="137"/>
      <c r="AK3877" s="206"/>
      <c r="AL3877" s="206"/>
      <c r="AM3877" s="143"/>
      <c r="AN3877" s="137"/>
      <c r="AO3877" s="137"/>
      <c r="AP3877" s="137"/>
      <c r="AQ3877" s="137"/>
      <c r="AR3877" s="137"/>
      <c r="AS3877" s="137"/>
      <c r="AT3877" s="137"/>
      <c r="AU3877" s="137"/>
      <c r="AV3877" s="137"/>
      <c r="AW3877" s="144"/>
    </row>
    <row r="3878" spans="2:49" x14ac:dyDescent="0.2">
      <c r="B3878" s="97"/>
      <c r="J3878" s="98"/>
      <c r="K3878" s="97"/>
      <c r="N3878" s="3"/>
      <c r="W3878" s="98"/>
      <c r="Z3878" s="143"/>
      <c r="AA3878" s="137"/>
      <c r="AB3878" s="137"/>
      <c r="AC3878" s="137"/>
      <c r="AD3878" s="137"/>
      <c r="AE3878" s="137"/>
      <c r="AF3878" s="137"/>
      <c r="AG3878" s="137"/>
      <c r="AH3878" s="137"/>
      <c r="AI3878" s="137"/>
      <c r="AJ3878" s="137"/>
      <c r="AK3878" s="206"/>
      <c r="AL3878" s="206"/>
      <c r="AM3878" s="143"/>
      <c r="AN3878" s="137"/>
      <c r="AO3878" s="137"/>
      <c r="AP3878" s="137"/>
      <c r="AQ3878" s="137"/>
      <c r="AR3878" s="137"/>
      <c r="AS3878" s="137"/>
      <c r="AT3878" s="137"/>
      <c r="AU3878" s="137"/>
      <c r="AV3878" s="137"/>
      <c r="AW3878" s="144"/>
    </row>
    <row r="3879" spans="2:49" x14ac:dyDescent="0.2">
      <c r="B3879" s="97"/>
      <c r="J3879" s="98"/>
      <c r="K3879" s="97"/>
      <c r="N3879" s="3"/>
      <c r="W3879" s="98"/>
      <c r="Z3879" s="143"/>
      <c r="AA3879" s="137"/>
      <c r="AB3879" s="137"/>
      <c r="AC3879" s="137"/>
      <c r="AD3879" s="137"/>
      <c r="AE3879" s="137"/>
      <c r="AF3879" s="137"/>
      <c r="AG3879" s="137"/>
      <c r="AH3879" s="137"/>
      <c r="AI3879" s="137"/>
      <c r="AJ3879" s="137"/>
      <c r="AK3879" s="206"/>
      <c r="AL3879" s="206"/>
      <c r="AM3879" s="143"/>
      <c r="AN3879" s="137"/>
      <c r="AO3879" s="137"/>
      <c r="AP3879" s="137"/>
      <c r="AQ3879" s="137"/>
      <c r="AR3879" s="137"/>
      <c r="AS3879" s="137"/>
      <c r="AT3879" s="137"/>
      <c r="AU3879" s="137"/>
      <c r="AV3879" s="137"/>
      <c r="AW3879" s="144"/>
    </row>
    <row r="3880" spans="2:49" x14ac:dyDescent="0.2">
      <c r="B3880" s="97"/>
      <c r="J3880" s="98"/>
      <c r="K3880" s="97"/>
      <c r="N3880" s="3"/>
      <c r="W3880" s="98"/>
      <c r="Z3880" s="143"/>
      <c r="AA3880" s="137"/>
      <c r="AB3880" s="137"/>
      <c r="AC3880" s="137"/>
      <c r="AD3880" s="137"/>
      <c r="AE3880" s="137"/>
      <c r="AF3880" s="137"/>
      <c r="AG3880" s="137"/>
      <c r="AH3880" s="137"/>
      <c r="AI3880" s="137"/>
      <c r="AJ3880" s="137"/>
      <c r="AK3880" s="206"/>
      <c r="AL3880" s="206"/>
      <c r="AM3880" s="143"/>
      <c r="AN3880" s="137"/>
      <c r="AO3880" s="137"/>
      <c r="AP3880" s="137"/>
      <c r="AQ3880" s="137"/>
      <c r="AR3880" s="137"/>
      <c r="AS3880" s="137"/>
      <c r="AT3880" s="137"/>
      <c r="AU3880" s="137"/>
      <c r="AV3880" s="137"/>
      <c r="AW3880" s="144"/>
    </row>
    <row r="3881" spans="2:49" x14ac:dyDescent="0.2">
      <c r="B3881" s="97"/>
      <c r="J3881" s="98"/>
      <c r="K3881" s="97"/>
      <c r="N3881" s="3"/>
      <c r="W3881" s="98"/>
      <c r="Z3881" s="143"/>
      <c r="AA3881" s="137"/>
      <c r="AB3881" s="137"/>
      <c r="AC3881" s="137"/>
      <c r="AD3881" s="137"/>
      <c r="AE3881" s="137"/>
      <c r="AF3881" s="137"/>
      <c r="AG3881" s="137"/>
      <c r="AH3881" s="137"/>
      <c r="AI3881" s="137"/>
      <c r="AJ3881" s="137"/>
      <c r="AK3881" s="206"/>
      <c r="AL3881" s="206"/>
      <c r="AM3881" s="143"/>
      <c r="AN3881" s="137"/>
      <c r="AO3881" s="137"/>
      <c r="AP3881" s="137"/>
      <c r="AQ3881" s="137"/>
      <c r="AR3881" s="137"/>
      <c r="AS3881" s="137"/>
      <c r="AT3881" s="137"/>
      <c r="AU3881" s="137"/>
      <c r="AV3881" s="137"/>
      <c r="AW3881" s="144"/>
    </row>
    <row r="3882" spans="2:49" x14ac:dyDescent="0.2">
      <c r="B3882" s="97"/>
      <c r="J3882" s="98"/>
      <c r="K3882" s="97"/>
      <c r="N3882" s="3"/>
      <c r="W3882" s="98"/>
      <c r="Z3882" s="143"/>
      <c r="AA3882" s="137"/>
      <c r="AB3882" s="137"/>
      <c r="AC3882" s="137"/>
      <c r="AD3882" s="137"/>
      <c r="AE3882" s="137"/>
      <c r="AF3882" s="137"/>
      <c r="AG3882" s="137"/>
      <c r="AH3882" s="137"/>
      <c r="AI3882" s="137"/>
      <c r="AJ3882" s="137"/>
      <c r="AK3882" s="206"/>
      <c r="AL3882" s="206"/>
      <c r="AM3882" s="143"/>
      <c r="AN3882" s="137"/>
      <c r="AO3882" s="137"/>
      <c r="AP3882" s="137"/>
      <c r="AQ3882" s="137"/>
      <c r="AR3882" s="137"/>
      <c r="AS3882" s="137"/>
      <c r="AT3882" s="137"/>
      <c r="AU3882" s="137"/>
      <c r="AV3882" s="137"/>
      <c r="AW3882" s="144"/>
    </row>
    <row r="3883" spans="2:49" x14ac:dyDescent="0.2">
      <c r="B3883" s="97"/>
      <c r="J3883" s="98"/>
      <c r="K3883" s="97"/>
      <c r="N3883" s="3"/>
      <c r="W3883" s="98"/>
      <c r="Z3883" s="143"/>
      <c r="AA3883" s="137"/>
      <c r="AB3883" s="137"/>
      <c r="AC3883" s="137"/>
      <c r="AD3883" s="137"/>
      <c r="AE3883" s="137"/>
      <c r="AF3883" s="137"/>
      <c r="AG3883" s="137"/>
      <c r="AH3883" s="137"/>
      <c r="AI3883" s="137"/>
      <c r="AJ3883" s="137"/>
      <c r="AK3883" s="206"/>
      <c r="AL3883" s="206"/>
      <c r="AM3883" s="143"/>
      <c r="AN3883" s="137"/>
      <c r="AO3883" s="137"/>
      <c r="AP3883" s="137"/>
      <c r="AQ3883" s="137"/>
      <c r="AR3883" s="137"/>
      <c r="AS3883" s="137"/>
      <c r="AT3883" s="137"/>
      <c r="AU3883" s="137"/>
      <c r="AV3883" s="137"/>
      <c r="AW3883" s="144"/>
    </row>
    <row r="3884" spans="2:49" x14ac:dyDescent="0.2">
      <c r="B3884" s="97"/>
      <c r="J3884" s="98"/>
      <c r="K3884" s="97"/>
      <c r="N3884" s="3"/>
      <c r="W3884" s="98"/>
      <c r="Z3884" s="143"/>
      <c r="AA3884" s="137"/>
      <c r="AB3884" s="137"/>
      <c r="AC3884" s="137"/>
      <c r="AD3884" s="137"/>
      <c r="AE3884" s="137"/>
      <c r="AF3884" s="137"/>
      <c r="AG3884" s="137"/>
      <c r="AH3884" s="137"/>
      <c r="AI3884" s="137"/>
      <c r="AJ3884" s="137"/>
      <c r="AK3884" s="206"/>
      <c r="AL3884" s="206"/>
      <c r="AM3884" s="143"/>
      <c r="AN3884" s="137"/>
      <c r="AO3884" s="137"/>
      <c r="AP3884" s="137"/>
      <c r="AQ3884" s="137"/>
      <c r="AR3884" s="137"/>
      <c r="AS3884" s="137"/>
      <c r="AT3884" s="137"/>
      <c r="AU3884" s="137"/>
      <c r="AV3884" s="137"/>
      <c r="AW3884" s="144"/>
    </row>
    <row r="3885" spans="2:49" x14ac:dyDescent="0.2">
      <c r="B3885" s="97"/>
      <c r="J3885" s="98"/>
      <c r="K3885" s="97"/>
      <c r="N3885" s="3"/>
      <c r="W3885" s="98"/>
      <c r="Z3885" s="143"/>
      <c r="AA3885" s="137"/>
      <c r="AB3885" s="137"/>
      <c r="AC3885" s="137"/>
      <c r="AD3885" s="137"/>
      <c r="AE3885" s="137"/>
      <c r="AF3885" s="137"/>
      <c r="AG3885" s="137"/>
      <c r="AH3885" s="137"/>
      <c r="AI3885" s="137"/>
      <c r="AJ3885" s="137"/>
      <c r="AK3885" s="206"/>
      <c r="AL3885" s="206"/>
      <c r="AM3885" s="143"/>
      <c r="AN3885" s="137"/>
      <c r="AO3885" s="137"/>
      <c r="AP3885" s="137"/>
      <c r="AQ3885" s="137"/>
      <c r="AR3885" s="137"/>
      <c r="AS3885" s="137"/>
      <c r="AT3885" s="137"/>
      <c r="AU3885" s="137"/>
      <c r="AV3885" s="137"/>
      <c r="AW3885" s="144"/>
    </row>
    <row r="3886" spans="2:49" x14ac:dyDescent="0.2">
      <c r="B3886" s="97"/>
      <c r="J3886" s="98"/>
      <c r="K3886" s="97"/>
      <c r="N3886" s="3"/>
      <c r="W3886" s="98"/>
      <c r="Z3886" s="143"/>
      <c r="AA3886" s="137"/>
      <c r="AB3886" s="137"/>
      <c r="AC3886" s="137"/>
      <c r="AD3886" s="137"/>
      <c r="AE3886" s="137"/>
      <c r="AF3886" s="137"/>
      <c r="AG3886" s="137"/>
      <c r="AH3886" s="137"/>
      <c r="AI3886" s="137"/>
      <c r="AJ3886" s="137"/>
      <c r="AK3886" s="206"/>
      <c r="AL3886" s="206"/>
      <c r="AM3886" s="143"/>
      <c r="AN3886" s="137"/>
      <c r="AO3886" s="137"/>
      <c r="AP3886" s="137"/>
      <c r="AQ3886" s="137"/>
      <c r="AR3886" s="137"/>
      <c r="AS3886" s="137"/>
      <c r="AT3886" s="137"/>
      <c r="AU3886" s="137"/>
      <c r="AV3886" s="137"/>
      <c r="AW3886" s="144"/>
    </row>
    <row r="3887" spans="2:49" x14ac:dyDescent="0.2">
      <c r="B3887" s="97"/>
      <c r="J3887" s="98"/>
      <c r="K3887" s="97"/>
      <c r="N3887" s="3"/>
      <c r="W3887" s="98"/>
      <c r="Z3887" s="143"/>
      <c r="AA3887" s="137"/>
      <c r="AB3887" s="137"/>
      <c r="AC3887" s="137"/>
      <c r="AD3887" s="137"/>
      <c r="AE3887" s="137"/>
      <c r="AF3887" s="137"/>
      <c r="AG3887" s="137"/>
      <c r="AH3887" s="137"/>
      <c r="AI3887" s="137"/>
      <c r="AJ3887" s="137"/>
      <c r="AK3887" s="206"/>
      <c r="AL3887" s="206"/>
      <c r="AM3887" s="143"/>
      <c r="AN3887" s="137"/>
      <c r="AO3887" s="137"/>
      <c r="AP3887" s="137"/>
      <c r="AQ3887" s="137"/>
      <c r="AR3887" s="137"/>
      <c r="AS3887" s="137"/>
      <c r="AT3887" s="137"/>
      <c r="AU3887" s="137"/>
      <c r="AV3887" s="137"/>
      <c r="AW3887" s="144"/>
    </row>
    <row r="3888" spans="2:49" x14ac:dyDescent="0.2">
      <c r="B3888" s="97"/>
      <c r="J3888" s="98"/>
      <c r="K3888" s="97"/>
      <c r="N3888" s="3"/>
      <c r="W3888" s="98"/>
      <c r="Z3888" s="143"/>
      <c r="AA3888" s="137"/>
      <c r="AB3888" s="137"/>
      <c r="AC3888" s="137"/>
      <c r="AD3888" s="137"/>
      <c r="AE3888" s="137"/>
      <c r="AF3888" s="137"/>
      <c r="AG3888" s="137"/>
      <c r="AH3888" s="137"/>
      <c r="AI3888" s="137"/>
      <c r="AJ3888" s="137"/>
      <c r="AK3888" s="206"/>
      <c r="AL3888" s="206"/>
      <c r="AM3888" s="143"/>
      <c r="AN3888" s="137"/>
      <c r="AO3888" s="137"/>
      <c r="AP3888" s="137"/>
      <c r="AQ3888" s="137"/>
      <c r="AR3888" s="137"/>
      <c r="AS3888" s="137"/>
      <c r="AT3888" s="137"/>
      <c r="AU3888" s="137"/>
      <c r="AV3888" s="137"/>
      <c r="AW3888" s="144"/>
    </row>
    <row r="3889" spans="2:49" x14ac:dyDescent="0.2">
      <c r="B3889" s="97"/>
      <c r="J3889" s="98"/>
      <c r="K3889" s="97"/>
      <c r="N3889" s="3"/>
      <c r="W3889" s="98"/>
      <c r="Z3889" s="143"/>
      <c r="AA3889" s="137"/>
      <c r="AB3889" s="137"/>
      <c r="AC3889" s="137"/>
      <c r="AD3889" s="137"/>
      <c r="AE3889" s="137"/>
      <c r="AF3889" s="137"/>
      <c r="AG3889" s="137"/>
      <c r="AH3889" s="137"/>
      <c r="AI3889" s="137"/>
      <c r="AJ3889" s="137"/>
      <c r="AK3889" s="206"/>
      <c r="AL3889" s="206"/>
      <c r="AM3889" s="143"/>
      <c r="AN3889" s="137"/>
      <c r="AO3889" s="137"/>
      <c r="AP3889" s="137"/>
      <c r="AQ3889" s="137"/>
      <c r="AR3889" s="137"/>
      <c r="AS3889" s="137"/>
      <c r="AT3889" s="137"/>
      <c r="AU3889" s="137"/>
      <c r="AV3889" s="137"/>
      <c r="AW3889" s="144"/>
    </row>
    <row r="3890" spans="2:49" x14ac:dyDescent="0.2">
      <c r="B3890" s="97"/>
      <c r="J3890" s="98"/>
      <c r="K3890" s="97"/>
      <c r="N3890" s="3"/>
      <c r="W3890" s="98"/>
      <c r="Z3890" s="143"/>
      <c r="AA3890" s="137"/>
      <c r="AB3890" s="137"/>
      <c r="AC3890" s="137"/>
      <c r="AD3890" s="137"/>
      <c r="AE3890" s="137"/>
      <c r="AF3890" s="137"/>
      <c r="AG3890" s="137"/>
      <c r="AH3890" s="137"/>
      <c r="AI3890" s="137"/>
      <c r="AJ3890" s="137"/>
      <c r="AK3890" s="206"/>
      <c r="AL3890" s="206"/>
      <c r="AM3890" s="143"/>
      <c r="AN3890" s="137"/>
      <c r="AO3890" s="137"/>
      <c r="AP3890" s="137"/>
      <c r="AQ3890" s="137"/>
      <c r="AR3890" s="137"/>
      <c r="AS3890" s="137"/>
      <c r="AT3890" s="137"/>
      <c r="AU3890" s="137"/>
      <c r="AV3890" s="137"/>
      <c r="AW3890" s="144"/>
    </row>
    <row r="3891" spans="2:49" x14ac:dyDescent="0.2">
      <c r="B3891" s="97"/>
      <c r="J3891" s="98"/>
      <c r="K3891" s="97"/>
      <c r="N3891" s="3"/>
      <c r="W3891" s="98"/>
      <c r="Z3891" s="143"/>
      <c r="AA3891" s="137"/>
      <c r="AB3891" s="137"/>
      <c r="AC3891" s="137"/>
      <c r="AD3891" s="137"/>
      <c r="AE3891" s="137"/>
      <c r="AF3891" s="137"/>
      <c r="AG3891" s="137"/>
      <c r="AH3891" s="137"/>
      <c r="AI3891" s="137"/>
      <c r="AJ3891" s="137"/>
      <c r="AK3891" s="206"/>
      <c r="AL3891" s="206"/>
      <c r="AM3891" s="143"/>
      <c r="AN3891" s="137"/>
      <c r="AO3891" s="137"/>
      <c r="AP3891" s="137"/>
      <c r="AQ3891" s="137"/>
      <c r="AR3891" s="137"/>
      <c r="AS3891" s="137"/>
      <c r="AT3891" s="137"/>
      <c r="AU3891" s="137"/>
      <c r="AV3891" s="137"/>
      <c r="AW3891" s="144"/>
    </row>
    <row r="3892" spans="2:49" x14ac:dyDescent="0.2">
      <c r="B3892" s="97"/>
      <c r="J3892" s="98"/>
      <c r="K3892" s="97"/>
      <c r="N3892" s="3"/>
      <c r="W3892" s="98"/>
      <c r="Z3892" s="143"/>
      <c r="AA3892" s="137"/>
      <c r="AB3892" s="137"/>
      <c r="AC3892" s="137"/>
      <c r="AD3892" s="137"/>
      <c r="AE3892" s="137"/>
      <c r="AF3892" s="137"/>
      <c r="AG3892" s="137"/>
      <c r="AH3892" s="137"/>
      <c r="AI3892" s="137"/>
      <c r="AJ3892" s="137"/>
      <c r="AK3892" s="206"/>
      <c r="AL3892" s="206"/>
      <c r="AM3892" s="143"/>
      <c r="AN3892" s="137"/>
      <c r="AO3892" s="137"/>
      <c r="AP3892" s="137"/>
      <c r="AQ3892" s="137"/>
      <c r="AR3892" s="137"/>
      <c r="AS3892" s="137"/>
      <c r="AT3892" s="137"/>
      <c r="AU3892" s="137"/>
      <c r="AV3892" s="137"/>
      <c r="AW3892" s="144"/>
    </row>
    <row r="3893" spans="2:49" x14ac:dyDescent="0.2">
      <c r="B3893" s="97"/>
      <c r="J3893" s="98"/>
      <c r="K3893" s="97"/>
      <c r="N3893" s="3"/>
      <c r="W3893" s="98"/>
      <c r="Z3893" s="143"/>
      <c r="AA3893" s="137"/>
      <c r="AB3893" s="137"/>
      <c r="AC3893" s="137"/>
      <c r="AD3893" s="137"/>
      <c r="AE3893" s="137"/>
      <c r="AF3893" s="137"/>
      <c r="AG3893" s="137"/>
      <c r="AH3893" s="137"/>
      <c r="AI3893" s="137"/>
      <c r="AJ3893" s="137"/>
      <c r="AK3893" s="206"/>
      <c r="AL3893" s="206"/>
      <c r="AM3893" s="143"/>
      <c r="AN3893" s="137"/>
      <c r="AO3893" s="137"/>
      <c r="AP3893" s="137"/>
      <c r="AQ3893" s="137"/>
      <c r="AR3893" s="137"/>
      <c r="AS3893" s="137"/>
      <c r="AT3893" s="137"/>
      <c r="AU3893" s="137"/>
      <c r="AV3893" s="137"/>
      <c r="AW3893" s="144"/>
    </row>
    <row r="3894" spans="2:49" x14ac:dyDescent="0.2">
      <c r="B3894" s="97"/>
      <c r="J3894" s="98"/>
      <c r="K3894" s="97"/>
      <c r="N3894" s="3"/>
      <c r="W3894" s="98"/>
      <c r="Z3894" s="143"/>
      <c r="AA3894" s="137"/>
      <c r="AB3894" s="137"/>
      <c r="AC3894" s="137"/>
      <c r="AD3894" s="137"/>
      <c r="AE3894" s="137"/>
      <c r="AF3894" s="137"/>
      <c r="AG3894" s="137"/>
      <c r="AH3894" s="137"/>
      <c r="AI3894" s="137"/>
      <c r="AJ3894" s="137"/>
      <c r="AK3894" s="206"/>
      <c r="AL3894" s="206"/>
      <c r="AM3894" s="143"/>
      <c r="AN3894" s="137"/>
      <c r="AO3894" s="137"/>
      <c r="AP3894" s="137"/>
      <c r="AQ3894" s="137"/>
      <c r="AR3894" s="137"/>
      <c r="AS3894" s="137"/>
      <c r="AT3894" s="137"/>
      <c r="AU3894" s="137"/>
      <c r="AV3894" s="137"/>
      <c r="AW3894" s="144"/>
    </row>
    <row r="3895" spans="2:49" x14ac:dyDescent="0.2">
      <c r="B3895" s="97"/>
      <c r="J3895" s="98"/>
      <c r="K3895" s="97"/>
      <c r="N3895" s="3"/>
      <c r="W3895" s="98"/>
      <c r="Z3895" s="143"/>
      <c r="AA3895" s="137"/>
      <c r="AB3895" s="137"/>
      <c r="AC3895" s="137"/>
      <c r="AD3895" s="137"/>
      <c r="AE3895" s="137"/>
      <c r="AF3895" s="137"/>
      <c r="AG3895" s="137"/>
      <c r="AH3895" s="137"/>
      <c r="AI3895" s="137"/>
      <c r="AJ3895" s="137"/>
      <c r="AK3895" s="206"/>
      <c r="AL3895" s="206"/>
      <c r="AM3895" s="143"/>
      <c r="AN3895" s="137"/>
      <c r="AO3895" s="137"/>
      <c r="AP3895" s="137"/>
      <c r="AQ3895" s="137"/>
      <c r="AR3895" s="137"/>
      <c r="AS3895" s="137"/>
      <c r="AT3895" s="137"/>
      <c r="AU3895" s="137"/>
      <c r="AV3895" s="137"/>
      <c r="AW3895" s="144"/>
    </row>
    <row r="3896" spans="2:49" x14ac:dyDescent="0.2">
      <c r="B3896" s="97"/>
      <c r="J3896" s="98"/>
      <c r="K3896" s="97"/>
      <c r="N3896" s="3"/>
      <c r="W3896" s="98"/>
      <c r="Z3896" s="143"/>
      <c r="AA3896" s="137"/>
      <c r="AB3896" s="137"/>
      <c r="AC3896" s="137"/>
      <c r="AD3896" s="137"/>
      <c r="AE3896" s="137"/>
      <c r="AF3896" s="137"/>
      <c r="AG3896" s="137"/>
      <c r="AH3896" s="137"/>
      <c r="AI3896" s="137"/>
      <c r="AJ3896" s="137"/>
      <c r="AK3896" s="206"/>
      <c r="AL3896" s="206"/>
      <c r="AM3896" s="143"/>
      <c r="AN3896" s="137"/>
      <c r="AO3896" s="137"/>
      <c r="AP3896" s="137"/>
      <c r="AQ3896" s="137"/>
      <c r="AR3896" s="137"/>
      <c r="AS3896" s="137"/>
      <c r="AT3896" s="137"/>
      <c r="AU3896" s="137"/>
      <c r="AV3896" s="137"/>
      <c r="AW3896" s="144"/>
    </row>
    <row r="3897" spans="2:49" x14ac:dyDescent="0.2">
      <c r="B3897" s="97"/>
      <c r="J3897" s="98"/>
      <c r="K3897" s="97"/>
      <c r="N3897" s="3"/>
      <c r="W3897" s="98"/>
      <c r="Z3897" s="143"/>
      <c r="AA3897" s="137"/>
      <c r="AB3897" s="137"/>
      <c r="AC3897" s="137"/>
      <c r="AD3897" s="137"/>
      <c r="AE3897" s="137"/>
      <c r="AF3897" s="137"/>
      <c r="AG3897" s="137"/>
      <c r="AH3897" s="137"/>
      <c r="AI3897" s="137"/>
      <c r="AJ3897" s="137"/>
      <c r="AK3897" s="206"/>
      <c r="AL3897" s="206"/>
      <c r="AM3897" s="143"/>
      <c r="AN3897" s="137"/>
      <c r="AO3897" s="137"/>
      <c r="AP3897" s="137"/>
      <c r="AQ3897" s="137"/>
      <c r="AR3897" s="137"/>
      <c r="AS3897" s="137"/>
      <c r="AT3897" s="137"/>
      <c r="AU3897" s="137"/>
      <c r="AV3897" s="137"/>
      <c r="AW3897" s="144"/>
    </row>
    <row r="3898" spans="2:49" x14ac:dyDescent="0.2">
      <c r="B3898" s="97"/>
      <c r="J3898" s="98"/>
      <c r="K3898" s="97"/>
      <c r="N3898" s="3"/>
      <c r="W3898" s="98"/>
      <c r="Z3898" s="143"/>
      <c r="AA3898" s="137"/>
      <c r="AB3898" s="137"/>
      <c r="AC3898" s="137"/>
      <c r="AD3898" s="137"/>
      <c r="AE3898" s="137"/>
      <c r="AF3898" s="137"/>
      <c r="AG3898" s="137"/>
      <c r="AH3898" s="137"/>
      <c r="AI3898" s="137"/>
      <c r="AJ3898" s="137"/>
      <c r="AK3898" s="206"/>
      <c r="AL3898" s="206"/>
      <c r="AM3898" s="143"/>
      <c r="AN3898" s="137"/>
      <c r="AO3898" s="137"/>
      <c r="AP3898" s="137"/>
      <c r="AQ3898" s="137"/>
      <c r="AR3898" s="137"/>
      <c r="AS3898" s="137"/>
      <c r="AT3898" s="137"/>
      <c r="AU3898" s="137"/>
      <c r="AV3898" s="137"/>
      <c r="AW3898" s="144"/>
    </row>
    <row r="3899" spans="2:49" x14ac:dyDescent="0.2">
      <c r="B3899" s="97"/>
      <c r="J3899" s="98"/>
      <c r="K3899" s="97"/>
      <c r="N3899" s="3"/>
      <c r="W3899" s="98"/>
      <c r="Z3899" s="143"/>
      <c r="AA3899" s="137"/>
      <c r="AB3899" s="137"/>
      <c r="AC3899" s="137"/>
      <c r="AD3899" s="137"/>
      <c r="AE3899" s="137"/>
      <c r="AF3899" s="137"/>
      <c r="AG3899" s="137"/>
      <c r="AH3899" s="137"/>
      <c r="AI3899" s="137"/>
      <c r="AJ3899" s="137"/>
      <c r="AK3899" s="206"/>
      <c r="AL3899" s="206"/>
      <c r="AM3899" s="143"/>
      <c r="AN3899" s="137"/>
      <c r="AO3899" s="137"/>
      <c r="AP3899" s="137"/>
      <c r="AQ3899" s="137"/>
      <c r="AR3899" s="137"/>
      <c r="AS3899" s="137"/>
      <c r="AT3899" s="137"/>
      <c r="AU3899" s="137"/>
      <c r="AV3899" s="137"/>
      <c r="AW3899" s="144"/>
    </row>
    <row r="3900" spans="2:49" x14ac:dyDescent="0.2">
      <c r="B3900" s="97"/>
      <c r="J3900" s="98"/>
      <c r="K3900" s="97"/>
      <c r="N3900" s="3"/>
      <c r="W3900" s="98"/>
      <c r="Z3900" s="143"/>
      <c r="AA3900" s="137"/>
      <c r="AB3900" s="137"/>
      <c r="AC3900" s="137"/>
      <c r="AD3900" s="137"/>
      <c r="AE3900" s="137"/>
      <c r="AF3900" s="137"/>
      <c r="AG3900" s="137"/>
      <c r="AH3900" s="137"/>
      <c r="AI3900" s="137"/>
      <c r="AJ3900" s="137"/>
      <c r="AK3900" s="206"/>
      <c r="AL3900" s="206"/>
      <c r="AM3900" s="143"/>
      <c r="AN3900" s="137"/>
      <c r="AO3900" s="137"/>
      <c r="AP3900" s="137"/>
      <c r="AQ3900" s="137"/>
      <c r="AR3900" s="137"/>
      <c r="AS3900" s="137"/>
      <c r="AT3900" s="137"/>
      <c r="AU3900" s="137"/>
      <c r="AV3900" s="137"/>
      <c r="AW3900" s="144"/>
    </row>
    <row r="3901" spans="2:49" x14ac:dyDescent="0.2">
      <c r="B3901" s="97"/>
      <c r="J3901" s="98"/>
      <c r="K3901" s="97"/>
      <c r="N3901" s="3"/>
      <c r="W3901" s="98"/>
      <c r="Z3901" s="143"/>
      <c r="AA3901" s="137"/>
      <c r="AB3901" s="137"/>
      <c r="AC3901" s="137"/>
      <c r="AD3901" s="137"/>
      <c r="AE3901" s="137"/>
      <c r="AF3901" s="137"/>
      <c r="AG3901" s="137"/>
      <c r="AH3901" s="137"/>
      <c r="AI3901" s="137"/>
      <c r="AJ3901" s="137"/>
      <c r="AK3901" s="206"/>
      <c r="AL3901" s="206"/>
      <c r="AM3901" s="143"/>
      <c r="AN3901" s="137"/>
      <c r="AO3901" s="137"/>
      <c r="AP3901" s="137"/>
      <c r="AQ3901" s="137"/>
      <c r="AR3901" s="137"/>
      <c r="AS3901" s="137"/>
      <c r="AT3901" s="137"/>
      <c r="AU3901" s="137"/>
      <c r="AV3901" s="137"/>
      <c r="AW3901" s="144"/>
    </row>
    <row r="3902" spans="2:49" x14ac:dyDescent="0.2">
      <c r="B3902" s="97"/>
      <c r="J3902" s="98"/>
      <c r="K3902" s="97"/>
      <c r="N3902" s="3"/>
      <c r="W3902" s="98"/>
      <c r="Z3902" s="143"/>
      <c r="AA3902" s="137"/>
      <c r="AB3902" s="137"/>
      <c r="AC3902" s="137"/>
      <c r="AD3902" s="137"/>
      <c r="AE3902" s="137"/>
      <c r="AF3902" s="137"/>
      <c r="AG3902" s="137"/>
      <c r="AH3902" s="137"/>
      <c r="AI3902" s="137"/>
      <c r="AJ3902" s="137"/>
      <c r="AK3902" s="206"/>
      <c r="AL3902" s="206"/>
      <c r="AM3902" s="143"/>
      <c r="AN3902" s="137"/>
      <c r="AO3902" s="137"/>
      <c r="AP3902" s="137"/>
      <c r="AQ3902" s="137"/>
      <c r="AR3902" s="137"/>
      <c r="AS3902" s="137"/>
      <c r="AT3902" s="137"/>
      <c r="AU3902" s="137"/>
      <c r="AV3902" s="137"/>
      <c r="AW3902" s="144"/>
    </row>
    <row r="3903" spans="2:49" x14ac:dyDescent="0.2">
      <c r="B3903" s="97"/>
      <c r="J3903" s="98"/>
      <c r="K3903" s="97"/>
      <c r="N3903" s="3"/>
      <c r="W3903" s="98"/>
      <c r="Z3903" s="143"/>
      <c r="AA3903" s="137"/>
      <c r="AB3903" s="137"/>
      <c r="AC3903" s="137"/>
      <c r="AD3903" s="137"/>
      <c r="AE3903" s="137"/>
      <c r="AF3903" s="137"/>
      <c r="AG3903" s="137"/>
      <c r="AH3903" s="137"/>
      <c r="AI3903" s="137"/>
      <c r="AJ3903" s="137"/>
      <c r="AK3903" s="206"/>
      <c r="AL3903" s="206"/>
      <c r="AM3903" s="143"/>
      <c r="AN3903" s="137"/>
      <c r="AO3903" s="137"/>
      <c r="AP3903" s="137"/>
      <c r="AQ3903" s="137"/>
      <c r="AR3903" s="137"/>
      <c r="AS3903" s="137"/>
      <c r="AT3903" s="137"/>
      <c r="AU3903" s="137"/>
      <c r="AV3903" s="137"/>
      <c r="AW3903" s="144"/>
    </row>
    <row r="3904" spans="2:49" x14ac:dyDescent="0.2">
      <c r="B3904" s="97"/>
      <c r="J3904" s="98"/>
      <c r="K3904" s="97"/>
      <c r="N3904" s="3"/>
      <c r="W3904" s="98"/>
      <c r="Z3904" s="143"/>
      <c r="AA3904" s="137"/>
      <c r="AB3904" s="137"/>
      <c r="AC3904" s="137"/>
      <c r="AD3904" s="137"/>
      <c r="AE3904" s="137"/>
      <c r="AF3904" s="137"/>
      <c r="AG3904" s="137"/>
      <c r="AH3904" s="137"/>
      <c r="AI3904" s="137"/>
      <c r="AJ3904" s="137"/>
      <c r="AK3904" s="206"/>
      <c r="AL3904" s="206"/>
      <c r="AM3904" s="143"/>
      <c r="AN3904" s="137"/>
      <c r="AO3904" s="137"/>
      <c r="AP3904" s="137"/>
      <c r="AQ3904" s="137"/>
      <c r="AR3904" s="137"/>
      <c r="AS3904" s="137"/>
      <c r="AT3904" s="137"/>
      <c r="AU3904" s="137"/>
      <c r="AV3904" s="137"/>
      <c r="AW3904" s="144"/>
    </row>
    <row r="3905" spans="2:49" x14ac:dyDescent="0.2">
      <c r="B3905" s="97"/>
      <c r="J3905" s="98"/>
      <c r="K3905" s="97"/>
      <c r="N3905" s="3"/>
      <c r="W3905" s="98"/>
      <c r="Z3905" s="143"/>
      <c r="AA3905" s="137"/>
      <c r="AB3905" s="137"/>
      <c r="AC3905" s="137"/>
      <c r="AD3905" s="137"/>
      <c r="AE3905" s="137"/>
      <c r="AF3905" s="137"/>
      <c r="AG3905" s="137"/>
      <c r="AH3905" s="137"/>
      <c r="AI3905" s="137"/>
      <c r="AJ3905" s="137"/>
      <c r="AK3905" s="206"/>
      <c r="AL3905" s="206"/>
      <c r="AM3905" s="143"/>
      <c r="AN3905" s="137"/>
      <c r="AO3905" s="137"/>
      <c r="AP3905" s="137"/>
      <c r="AQ3905" s="137"/>
      <c r="AR3905" s="137"/>
      <c r="AS3905" s="137"/>
      <c r="AT3905" s="137"/>
      <c r="AU3905" s="137"/>
      <c r="AV3905" s="137"/>
      <c r="AW3905" s="144"/>
    </row>
    <row r="3906" spans="2:49" x14ac:dyDescent="0.2">
      <c r="B3906" s="97"/>
      <c r="J3906" s="98"/>
      <c r="K3906" s="97"/>
      <c r="N3906" s="3"/>
      <c r="W3906" s="98"/>
      <c r="Z3906" s="143"/>
      <c r="AA3906" s="137"/>
      <c r="AB3906" s="137"/>
      <c r="AC3906" s="137"/>
      <c r="AD3906" s="137"/>
      <c r="AE3906" s="137"/>
      <c r="AF3906" s="137"/>
      <c r="AG3906" s="137"/>
      <c r="AH3906" s="137"/>
      <c r="AI3906" s="137"/>
      <c r="AJ3906" s="137"/>
      <c r="AK3906" s="206"/>
      <c r="AL3906" s="206"/>
      <c r="AM3906" s="143"/>
      <c r="AN3906" s="137"/>
      <c r="AO3906" s="137"/>
      <c r="AP3906" s="137"/>
      <c r="AQ3906" s="137"/>
      <c r="AR3906" s="137"/>
      <c r="AS3906" s="137"/>
      <c r="AT3906" s="137"/>
      <c r="AU3906" s="137"/>
      <c r="AV3906" s="137"/>
      <c r="AW3906" s="144"/>
    </row>
    <row r="3907" spans="2:49" x14ac:dyDescent="0.2">
      <c r="B3907" s="97"/>
      <c r="J3907" s="98"/>
      <c r="K3907" s="97"/>
      <c r="N3907" s="3"/>
      <c r="W3907" s="98"/>
      <c r="Z3907" s="143"/>
      <c r="AA3907" s="137"/>
      <c r="AB3907" s="137"/>
      <c r="AC3907" s="137"/>
      <c r="AD3907" s="137"/>
      <c r="AE3907" s="137"/>
      <c r="AF3907" s="137"/>
      <c r="AG3907" s="137"/>
      <c r="AH3907" s="137"/>
      <c r="AI3907" s="137"/>
      <c r="AJ3907" s="137"/>
      <c r="AK3907" s="206"/>
      <c r="AL3907" s="206"/>
      <c r="AM3907" s="143"/>
      <c r="AN3907" s="137"/>
      <c r="AO3907" s="137"/>
      <c r="AP3907" s="137"/>
      <c r="AQ3907" s="137"/>
      <c r="AR3907" s="137"/>
      <c r="AS3907" s="137"/>
      <c r="AT3907" s="137"/>
      <c r="AU3907" s="137"/>
      <c r="AV3907" s="137"/>
      <c r="AW3907" s="144"/>
    </row>
    <row r="3908" spans="2:49" x14ac:dyDescent="0.2">
      <c r="B3908" s="97"/>
      <c r="J3908" s="98"/>
      <c r="K3908" s="97"/>
      <c r="N3908" s="3"/>
      <c r="W3908" s="98"/>
      <c r="Z3908" s="143"/>
      <c r="AA3908" s="137"/>
      <c r="AB3908" s="137"/>
      <c r="AC3908" s="137"/>
      <c r="AD3908" s="137"/>
      <c r="AE3908" s="137"/>
      <c r="AF3908" s="137"/>
      <c r="AG3908" s="137"/>
      <c r="AH3908" s="137"/>
      <c r="AI3908" s="137"/>
      <c r="AJ3908" s="137"/>
      <c r="AK3908" s="206"/>
      <c r="AL3908" s="206"/>
      <c r="AM3908" s="143"/>
      <c r="AN3908" s="137"/>
      <c r="AO3908" s="137"/>
      <c r="AP3908" s="137"/>
      <c r="AQ3908" s="137"/>
      <c r="AR3908" s="137"/>
      <c r="AS3908" s="137"/>
      <c r="AT3908" s="137"/>
      <c r="AU3908" s="137"/>
      <c r="AV3908" s="137"/>
      <c r="AW3908" s="144"/>
    </row>
    <row r="3909" spans="2:49" x14ac:dyDescent="0.2">
      <c r="B3909" s="97"/>
      <c r="J3909" s="98"/>
      <c r="K3909" s="97"/>
      <c r="N3909" s="3"/>
      <c r="W3909" s="98"/>
      <c r="Z3909" s="143"/>
      <c r="AA3909" s="137"/>
      <c r="AB3909" s="137"/>
      <c r="AC3909" s="137"/>
      <c r="AD3909" s="137"/>
      <c r="AE3909" s="137"/>
      <c r="AF3909" s="137"/>
      <c r="AG3909" s="137"/>
      <c r="AH3909" s="137"/>
      <c r="AI3909" s="137"/>
      <c r="AJ3909" s="137"/>
      <c r="AK3909" s="206"/>
      <c r="AL3909" s="206"/>
      <c r="AM3909" s="143"/>
      <c r="AN3909" s="137"/>
      <c r="AO3909" s="137"/>
      <c r="AP3909" s="137"/>
      <c r="AQ3909" s="137"/>
      <c r="AR3909" s="137"/>
      <c r="AS3909" s="137"/>
      <c r="AT3909" s="137"/>
      <c r="AU3909" s="137"/>
      <c r="AV3909" s="137"/>
      <c r="AW3909" s="144"/>
    </row>
    <row r="3910" spans="2:49" x14ac:dyDescent="0.2">
      <c r="B3910" s="97"/>
      <c r="J3910" s="98"/>
      <c r="K3910" s="97"/>
      <c r="N3910" s="3"/>
      <c r="W3910" s="98"/>
      <c r="Z3910" s="143"/>
      <c r="AA3910" s="137"/>
      <c r="AB3910" s="137"/>
      <c r="AC3910" s="137"/>
      <c r="AD3910" s="137"/>
      <c r="AE3910" s="137"/>
      <c r="AF3910" s="137"/>
      <c r="AG3910" s="137"/>
      <c r="AH3910" s="137"/>
      <c r="AI3910" s="137"/>
      <c r="AJ3910" s="137"/>
      <c r="AK3910" s="206"/>
      <c r="AL3910" s="206"/>
      <c r="AM3910" s="143"/>
      <c r="AN3910" s="137"/>
      <c r="AO3910" s="137"/>
      <c r="AP3910" s="137"/>
      <c r="AQ3910" s="137"/>
      <c r="AR3910" s="137"/>
      <c r="AS3910" s="137"/>
      <c r="AT3910" s="137"/>
      <c r="AU3910" s="137"/>
      <c r="AV3910" s="137"/>
      <c r="AW3910" s="144"/>
    </row>
    <row r="3911" spans="2:49" x14ac:dyDescent="0.2">
      <c r="B3911" s="97"/>
      <c r="J3911" s="98"/>
      <c r="K3911" s="97"/>
      <c r="N3911" s="3"/>
      <c r="W3911" s="98"/>
      <c r="Z3911" s="143"/>
      <c r="AA3911" s="137"/>
      <c r="AB3911" s="137"/>
      <c r="AC3911" s="137"/>
      <c r="AD3911" s="137"/>
      <c r="AE3911" s="137"/>
      <c r="AF3911" s="137"/>
      <c r="AG3911" s="137"/>
      <c r="AH3911" s="137"/>
      <c r="AI3911" s="137"/>
      <c r="AJ3911" s="137"/>
      <c r="AK3911" s="206"/>
      <c r="AL3911" s="206"/>
      <c r="AM3911" s="143"/>
      <c r="AN3911" s="137"/>
      <c r="AO3911" s="137"/>
      <c r="AP3911" s="137"/>
      <c r="AQ3911" s="137"/>
      <c r="AR3911" s="137"/>
      <c r="AS3911" s="137"/>
      <c r="AT3911" s="137"/>
      <c r="AU3911" s="137"/>
      <c r="AV3911" s="137"/>
      <c r="AW3911" s="144"/>
    </row>
    <row r="3912" spans="2:49" x14ac:dyDescent="0.2">
      <c r="B3912" s="97"/>
      <c r="J3912" s="98"/>
      <c r="K3912" s="97"/>
      <c r="N3912" s="3"/>
      <c r="W3912" s="98"/>
      <c r="Z3912" s="143"/>
      <c r="AA3912" s="137"/>
      <c r="AB3912" s="137"/>
      <c r="AC3912" s="137"/>
      <c r="AD3912" s="137"/>
      <c r="AE3912" s="137"/>
      <c r="AF3912" s="137"/>
      <c r="AG3912" s="137"/>
      <c r="AH3912" s="137"/>
      <c r="AI3912" s="137"/>
      <c r="AJ3912" s="137"/>
      <c r="AK3912" s="206"/>
      <c r="AL3912" s="206"/>
      <c r="AM3912" s="143"/>
      <c r="AN3912" s="137"/>
      <c r="AO3912" s="137"/>
      <c r="AP3912" s="137"/>
      <c r="AQ3912" s="137"/>
      <c r="AR3912" s="137"/>
      <c r="AS3912" s="137"/>
      <c r="AT3912" s="137"/>
      <c r="AU3912" s="137"/>
      <c r="AV3912" s="137"/>
      <c r="AW3912" s="144"/>
    </row>
    <row r="3913" spans="2:49" x14ac:dyDescent="0.2">
      <c r="B3913" s="97"/>
      <c r="J3913" s="98"/>
      <c r="K3913" s="97"/>
      <c r="N3913" s="3"/>
      <c r="W3913" s="98"/>
      <c r="Z3913" s="143"/>
      <c r="AA3913" s="137"/>
      <c r="AB3913" s="137"/>
      <c r="AC3913" s="137"/>
      <c r="AD3913" s="137"/>
      <c r="AE3913" s="137"/>
      <c r="AF3913" s="137"/>
      <c r="AG3913" s="137"/>
      <c r="AH3913" s="137"/>
      <c r="AI3913" s="137"/>
      <c r="AJ3913" s="137"/>
      <c r="AK3913" s="206"/>
      <c r="AL3913" s="206"/>
      <c r="AM3913" s="143"/>
      <c r="AN3913" s="137"/>
      <c r="AO3913" s="137"/>
      <c r="AP3913" s="137"/>
      <c r="AQ3913" s="137"/>
      <c r="AR3913" s="137"/>
      <c r="AS3913" s="137"/>
      <c r="AT3913" s="137"/>
      <c r="AU3913" s="137"/>
      <c r="AV3913" s="137"/>
      <c r="AW3913" s="144"/>
    </row>
    <row r="3914" spans="2:49" x14ac:dyDescent="0.2">
      <c r="B3914" s="97"/>
      <c r="J3914" s="98"/>
      <c r="K3914" s="97"/>
      <c r="N3914" s="3"/>
      <c r="W3914" s="98"/>
      <c r="Z3914" s="143"/>
      <c r="AA3914" s="137"/>
      <c r="AB3914" s="137"/>
      <c r="AC3914" s="137"/>
      <c r="AD3914" s="137"/>
      <c r="AE3914" s="137"/>
      <c r="AF3914" s="137"/>
      <c r="AG3914" s="137"/>
      <c r="AH3914" s="137"/>
      <c r="AI3914" s="137"/>
      <c r="AJ3914" s="137"/>
      <c r="AK3914" s="206"/>
      <c r="AL3914" s="206"/>
      <c r="AM3914" s="143"/>
      <c r="AN3914" s="137"/>
      <c r="AO3914" s="137"/>
      <c r="AP3914" s="137"/>
      <c r="AQ3914" s="137"/>
      <c r="AR3914" s="137"/>
      <c r="AS3914" s="137"/>
      <c r="AT3914" s="137"/>
      <c r="AU3914" s="137"/>
      <c r="AV3914" s="137"/>
      <c r="AW3914" s="144"/>
    </row>
    <row r="3915" spans="2:49" x14ac:dyDescent="0.2">
      <c r="B3915" s="97"/>
      <c r="J3915" s="98"/>
      <c r="K3915" s="97"/>
      <c r="N3915" s="3"/>
      <c r="W3915" s="98"/>
      <c r="Z3915" s="143"/>
      <c r="AA3915" s="137"/>
      <c r="AB3915" s="137"/>
      <c r="AC3915" s="137"/>
      <c r="AD3915" s="137"/>
      <c r="AE3915" s="137"/>
      <c r="AF3915" s="137"/>
      <c r="AG3915" s="137"/>
      <c r="AH3915" s="137"/>
      <c r="AI3915" s="137"/>
      <c r="AJ3915" s="137"/>
      <c r="AK3915" s="206"/>
      <c r="AL3915" s="206"/>
      <c r="AM3915" s="143"/>
      <c r="AN3915" s="137"/>
      <c r="AO3915" s="137"/>
      <c r="AP3915" s="137"/>
      <c r="AQ3915" s="137"/>
      <c r="AR3915" s="137"/>
      <c r="AS3915" s="137"/>
      <c r="AT3915" s="137"/>
      <c r="AU3915" s="137"/>
      <c r="AV3915" s="137"/>
      <c r="AW3915" s="144"/>
    </row>
    <row r="3916" spans="2:49" x14ac:dyDescent="0.2">
      <c r="B3916" s="97"/>
      <c r="J3916" s="98"/>
      <c r="K3916" s="97"/>
      <c r="N3916" s="3"/>
      <c r="W3916" s="98"/>
      <c r="Z3916" s="143"/>
      <c r="AA3916" s="137"/>
      <c r="AB3916" s="137"/>
      <c r="AC3916" s="137"/>
      <c r="AD3916" s="137"/>
      <c r="AE3916" s="137"/>
      <c r="AF3916" s="137"/>
      <c r="AG3916" s="137"/>
      <c r="AH3916" s="137"/>
      <c r="AI3916" s="137"/>
      <c r="AJ3916" s="137"/>
      <c r="AK3916" s="206"/>
      <c r="AL3916" s="206"/>
      <c r="AM3916" s="143"/>
      <c r="AN3916" s="137"/>
      <c r="AO3916" s="137"/>
      <c r="AP3916" s="137"/>
      <c r="AQ3916" s="137"/>
      <c r="AR3916" s="137"/>
      <c r="AS3916" s="137"/>
      <c r="AT3916" s="137"/>
      <c r="AU3916" s="137"/>
      <c r="AV3916" s="137"/>
      <c r="AW3916" s="144"/>
    </row>
    <row r="3917" spans="2:49" x14ac:dyDescent="0.2">
      <c r="B3917" s="97"/>
      <c r="J3917" s="98"/>
      <c r="K3917" s="97"/>
      <c r="N3917" s="3"/>
      <c r="W3917" s="98"/>
      <c r="Z3917" s="143"/>
      <c r="AA3917" s="137"/>
      <c r="AB3917" s="137"/>
      <c r="AC3917" s="137"/>
      <c r="AD3917" s="137"/>
      <c r="AE3917" s="137"/>
      <c r="AF3917" s="137"/>
      <c r="AG3917" s="137"/>
      <c r="AH3917" s="137"/>
      <c r="AI3917" s="137"/>
      <c r="AJ3917" s="137"/>
      <c r="AK3917" s="206"/>
      <c r="AL3917" s="206"/>
      <c r="AM3917" s="143"/>
      <c r="AN3917" s="137"/>
      <c r="AO3917" s="137"/>
      <c r="AP3917" s="137"/>
      <c r="AQ3917" s="137"/>
      <c r="AR3917" s="137"/>
      <c r="AS3917" s="137"/>
      <c r="AT3917" s="137"/>
      <c r="AU3917" s="137"/>
      <c r="AV3917" s="137"/>
      <c r="AW3917" s="144"/>
    </row>
    <row r="3918" spans="2:49" x14ac:dyDescent="0.2">
      <c r="B3918" s="97"/>
      <c r="J3918" s="98"/>
      <c r="K3918" s="97"/>
      <c r="N3918" s="3"/>
      <c r="W3918" s="98"/>
      <c r="Z3918" s="143"/>
      <c r="AA3918" s="137"/>
      <c r="AB3918" s="137"/>
      <c r="AC3918" s="137"/>
      <c r="AD3918" s="137"/>
      <c r="AE3918" s="137"/>
      <c r="AF3918" s="137"/>
      <c r="AG3918" s="137"/>
      <c r="AH3918" s="137"/>
      <c r="AI3918" s="137"/>
      <c r="AJ3918" s="137"/>
      <c r="AK3918" s="206"/>
      <c r="AL3918" s="206"/>
      <c r="AM3918" s="143"/>
      <c r="AN3918" s="137"/>
      <c r="AO3918" s="137"/>
      <c r="AP3918" s="137"/>
      <c r="AQ3918" s="137"/>
      <c r="AR3918" s="137"/>
      <c r="AS3918" s="137"/>
      <c r="AT3918" s="137"/>
      <c r="AU3918" s="137"/>
      <c r="AV3918" s="137"/>
      <c r="AW3918" s="144"/>
    </row>
    <row r="3919" spans="2:49" x14ac:dyDescent="0.2">
      <c r="B3919" s="97"/>
      <c r="J3919" s="98"/>
      <c r="K3919" s="97"/>
      <c r="N3919" s="3"/>
      <c r="W3919" s="98"/>
      <c r="Z3919" s="143"/>
      <c r="AA3919" s="137"/>
      <c r="AB3919" s="137"/>
      <c r="AC3919" s="137"/>
      <c r="AD3919" s="137"/>
      <c r="AE3919" s="137"/>
      <c r="AF3919" s="137"/>
      <c r="AG3919" s="137"/>
      <c r="AH3919" s="137"/>
      <c r="AI3919" s="137"/>
      <c r="AJ3919" s="137"/>
      <c r="AK3919" s="206"/>
      <c r="AL3919" s="206"/>
      <c r="AM3919" s="143"/>
      <c r="AN3919" s="137"/>
      <c r="AO3919" s="137"/>
      <c r="AP3919" s="137"/>
      <c r="AQ3919" s="137"/>
      <c r="AR3919" s="137"/>
      <c r="AS3919" s="137"/>
      <c r="AT3919" s="137"/>
      <c r="AU3919" s="137"/>
      <c r="AV3919" s="137"/>
      <c r="AW3919" s="144"/>
    </row>
    <row r="3920" spans="2:49" x14ac:dyDescent="0.2">
      <c r="B3920" s="97"/>
      <c r="J3920" s="98"/>
      <c r="K3920" s="97"/>
      <c r="N3920" s="3"/>
      <c r="W3920" s="98"/>
      <c r="Z3920" s="143"/>
      <c r="AA3920" s="137"/>
      <c r="AB3920" s="137"/>
      <c r="AC3920" s="137"/>
      <c r="AD3920" s="137"/>
      <c r="AE3920" s="137"/>
      <c r="AF3920" s="137"/>
      <c r="AG3920" s="137"/>
      <c r="AH3920" s="137"/>
      <c r="AI3920" s="137"/>
      <c r="AJ3920" s="137"/>
      <c r="AK3920" s="206"/>
      <c r="AL3920" s="206"/>
      <c r="AM3920" s="143"/>
      <c r="AN3920" s="137"/>
      <c r="AO3920" s="137"/>
      <c r="AP3920" s="137"/>
      <c r="AQ3920" s="137"/>
      <c r="AR3920" s="137"/>
      <c r="AS3920" s="137"/>
      <c r="AT3920" s="137"/>
      <c r="AU3920" s="137"/>
      <c r="AV3920" s="137"/>
      <c r="AW3920" s="144"/>
    </row>
    <row r="3921" spans="2:49" x14ac:dyDescent="0.2">
      <c r="B3921" s="97"/>
      <c r="J3921" s="98"/>
      <c r="K3921" s="97"/>
      <c r="N3921" s="3"/>
      <c r="W3921" s="98"/>
      <c r="Z3921" s="143"/>
      <c r="AA3921" s="137"/>
      <c r="AB3921" s="137"/>
      <c r="AC3921" s="137"/>
      <c r="AD3921" s="137"/>
      <c r="AE3921" s="137"/>
      <c r="AF3921" s="137"/>
      <c r="AG3921" s="137"/>
      <c r="AH3921" s="137"/>
      <c r="AI3921" s="137"/>
      <c r="AJ3921" s="137"/>
      <c r="AK3921" s="206"/>
      <c r="AL3921" s="206"/>
      <c r="AM3921" s="143"/>
      <c r="AN3921" s="137"/>
      <c r="AO3921" s="137"/>
      <c r="AP3921" s="137"/>
      <c r="AQ3921" s="137"/>
      <c r="AR3921" s="137"/>
      <c r="AS3921" s="137"/>
      <c r="AT3921" s="137"/>
      <c r="AU3921" s="137"/>
      <c r="AV3921" s="137"/>
      <c r="AW3921" s="144"/>
    </row>
    <row r="3922" spans="2:49" x14ac:dyDescent="0.2">
      <c r="B3922" s="97"/>
      <c r="J3922" s="98"/>
      <c r="K3922" s="97"/>
      <c r="N3922" s="3"/>
      <c r="W3922" s="98"/>
      <c r="Z3922" s="143"/>
      <c r="AA3922" s="137"/>
      <c r="AB3922" s="137"/>
      <c r="AC3922" s="137"/>
      <c r="AD3922" s="137"/>
      <c r="AE3922" s="137"/>
      <c r="AF3922" s="137"/>
      <c r="AG3922" s="137"/>
      <c r="AH3922" s="137"/>
      <c r="AI3922" s="137"/>
      <c r="AJ3922" s="137"/>
      <c r="AK3922" s="206"/>
      <c r="AL3922" s="206"/>
      <c r="AM3922" s="143"/>
      <c r="AN3922" s="137"/>
      <c r="AO3922" s="137"/>
      <c r="AP3922" s="137"/>
      <c r="AQ3922" s="137"/>
      <c r="AR3922" s="137"/>
      <c r="AS3922" s="137"/>
      <c r="AT3922" s="137"/>
      <c r="AU3922" s="137"/>
      <c r="AV3922" s="137"/>
      <c r="AW3922" s="144"/>
    </row>
    <row r="3923" spans="2:49" x14ac:dyDescent="0.2">
      <c r="B3923" s="97"/>
      <c r="J3923" s="98"/>
      <c r="K3923" s="97"/>
      <c r="N3923" s="3"/>
      <c r="W3923" s="98"/>
      <c r="Z3923" s="143"/>
      <c r="AA3923" s="137"/>
      <c r="AB3923" s="137"/>
      <c r="AC3923" s="137"/>
      <c r="AD3923" s="137"/>
      <c r="AE3923" s="137"/>
      <c r="AF3923" s="137"/>
      <c r="AG3923" s="137"/>
      <c r="AH3923" s="137"/>
      <c r="AI3923" s="137"/>
      <c r="AJ3923" s="137"/>
      <c r="AK3923" s="206"/>
      <c r="AL3923" s="206"/>
      <c r="AM3923" s="143"/>
      <c r="AN3923" s="137"/>
      <c r="AO3923" s="137"/>
      <c r="AP3923" s="137"/>
      <c r="AQ3923" s="137"/>
      <c r="AR3923" s="137"/>
      <c r="AS3923" s="137"/>
      <c r="AT3923" s="137"/>
      <c r="AU3923" s="137"/>
      <c r="AV3923" s="137"/>
      <c r="AW3923" s="144"/>
    </row>
    <row r="3924" spans="2:49" x14ac:dyDescent="0.2">
      <c r="B3924" s="97"/>
      <c r="J3924" s="98"/>
      <c r="K3924" s="97"/>
      <c r="N3924" s="3"/>
      <c r="W3924" s="98"/>
      <c r="Z3924" s="143"/>
      <c r="AA3924" s="137"/>
      <c r="AB3924" s="137"/>
      <c r="AC3924" s="137"/>
      <c r="AD3924" s="137"/>
      <c r="AE3924" s="137"/>
      <c r="AF3924" s="137"/>
      <c r="AG3924" s="137"/>
      <c r="AH3924" s="137"/>
      <c r="AI3924" s="137"/>
      <c r="AJ3924" s="137"/>
      <c r="AK3924" s="206"/>
      <c r="AL3924" s="206"/>
      <c r="AM3924" s="143"/>
      <c r="AN3924" s="137"/>
      <c r="AO3924" s="137"/>
      <c r="AP3924" s="137"/>
      <c r="AQ3924" s="137"/>
      <c r="AR3924" s="137"/>
      <c r="AS3924" s="137"/>
      <c r="AT3924" s="137"/>
      <c r="AU3924" s="137"/>
      <c r="AV3924" s="137"/>
      <c r="AW3924" s="144"/>
    </row>
    <row r="3925" spans="2:49" x14ac:dyDescent="0.2">
      <c r="B3925" s="97"/>
      <c r="J3925" s="98"/>
      <c r="K3925" s="97"/>
      <c r="N3925" s="3"/>
      <c r="W3925" s="98"/>
      <c r="Z3925" s="143"/>
      <c r="AA3925" s="137"/>
      <c r="AB3925" s="137"/>
      <c r="AC3925" s="137"/>
      <c r="AD3925" s="137"/>
      <c r="AE3925" s="137"/>
      <c r="AF3925" s="137"/>
      <c r="AG3925" s="137"/>
      <c r="AH3925" s="137"/>
      <c r="AI3925" s="137"/>
      <c r="AJ3925" s="137"/>
      <c r="AK3925" s="206"/>
      <c r="AL3925" s="206"/>
      <c r="AM3925" s="143"/>
      <c r="AN3925" s="137"/>
      <c r="AO3925" s="137"/>
      <c r="AP3925" s="137"/>
      <c r="AQ3925" s="137"/>
      <c r="AR3925" s="137"/>
      <c r="AS3925" s="137"/>
      <c r="AT3925" s="137"/>
      <c r="AU3925" s="137"/>
      <c r="AV3925" s="137"/>
      <c r="AW3925" s="144"/>
    </row>
    <row r="3926" spans="2:49" x14ac:dyDescent="0.2">
      <c r="B3926" s="97"/>
      <c r="J3926" s="98"/>
      <c r="K3926" s="97"/>
      <c r="N3926" s="3"/>
      <c r="W3926" s="98"/>
      <c r="Z3926" s="143"/>
      <c r="AA3926" s="137"/>
      <c r="AB3926" s="137"/>
      <c r="AC3926" s="137"/>
      <c r="AD3926" s="137"/>
      <c r="AE3926" s="137"/>
      <c r="AF3926" s="137"/>
      <c r="AG3926" s="137"/>
      <c r="AH3926" s="137"/>
      <c r="AI3926" s="137"/>
      <c r="AJ3926" s="137"/>
      <c r="AK3926" s="206"/>
      <c r="AL3926" s="206"/>
      <c r="AM3926" s="143"/>
      <c r="AN3926" s="137"/>
      <c r="AO3926" s="137"/>
      <c r="AP3926" s="137"/>
      <c r="AQ3926" s="137"/>
      <c r="AR3926" s="137"/>
      <c r="AS3926" s="137"/>
      <c r="AT3926" s="137"/>
      <c r="AU3926" s="137"/>
      <c r="AV3926" s="137"/>
      <c r="AW3926" s="144"/>
    </row>
    <row r="3927" spans="2:49" x14ac:dyDescent="0.2">
      <c r="B3927" s="97"/>
      <c r="J3927" s="98"/>
      <c r="K3927" s="97"/>
      <c r="N3927" s="3"/>
      <c r="W3927" s="98"/>
      <c r="Z3927" s="143"/>
      <c r="AA3927" s="137"/>
      <c r="AB3927" s="137"/>
      <c r="AC3927" s="137"/>
      <c r="AD3927" s="137"/>
      <c r="AE3927" s="137"/>
      <c r="AF3927" s="137"/>
      <c r="AG3927" s="137"/>
      <c r="AH3927" s="137"/>
      <c r="AI3927" s="137"/>
      <c r="AJ3927" s="137"/>
      <c r="AK3927" s="206"/>
      <c r="AL3927" s="206"/>
      <c r="AM3927" s="143"/>
      <c r="AN3927" s="137"/>
      <c r="AO3927" s="137"/>
      <c r="AP3927" s="137"/>
      <c r="AQ3927" s="137"/>
      <c r="AR3927" s="137"/>
      <c r="AS3927" s="137"/>
      <c r="AT3927" s="137"/>
      <c r="AU3927" s="137"/>
      <c r="AV3927" s="137"/>
      <c r="AW3927" s="144"/>
    </row>
    <row r="3928" spans="2:49" x14ac:dyDescent="0.2">
      <c r="B3928" s="97"/>
      <c r="J3928" s="98"/>
      <c r="K3928" s="97"/>
      <c r="N3928" s="3"/>
      <c r="W3928" s="98"/>
      <c r="Z3928" s="143"/>
      <c r="AA3928" s="137"/>
      <c r="AB3928" s="137"/>
      <c r="AC3928" s="137"/>
      <c r="AD3928" s="137"/>
      <c r="AE3928" s="137"/>
      <c r="AF3928" s="137"/>
      <c r="AG3928" s="137"/>
      <c r="AH3928" s="137"/>
      <c r="AI3928" s="137"/>
      <c r="AJ3928" s="137"/>
      <c r="AK3928" s="206"/>
      <c r="AL3928" s="206"/>
      <c r="AM3928" s="143"/>
      <c r="AN3928" s="137"/>
      <c r="AO3928" s="137"/>
      <c r="AP3928" s="137"/>
      <c r="AQ3928" s="137"/>
      <c r="AR3928" s="137"/>
      <c r="AS3928" s="137"/>
      <c r="AT3928" s="137"/>
      <c r="AU3928" s="137"/>
      <c r="AV3928" s="137"/>
      <c r="AW3928" s="144"/>
    </row>
    <row r="3929" spans="2:49" x14ac:dyDescent="0.2">
      <c r="B3929" s="97"/>
      <c r="J3929" s="98"/>
      <c r="K3929" s="97"/>
      <c r="N3929" s="3"/>
      <c r="W3929" s="98"/>
      <c r="Z3929" s="143"/>
      <c r="AA3929" s="137"/>
      <c r="AB3929" s="137"/>
      <c r="AC3929" s="137"/>
      <c r="AD3929" s="137"/>
      <c r="AE3929" s="137"/>
      <c r="AF3929" s="137"/>
      <c r="AG3929" s="137"/>
      <c r="AH3929" s="137"/>
      <c r="AI3929" s="137"/>
      <c r="AJ3929" s="137"/>
      <c r="AK3929" s="206"/>
      <c r="AL3929" s="206"/>
      <c r="AM3929" s="143"/>
      <c r="AN3929" s="137"/>
      <c r="AO3929" s="137"/>
      <c r="AP3929" s="137"/>
      <c r="AQ3929" s="137"/>
      <c r="AR3929" s="137"/>
      <c r="AS3929" s="137"/>
      <c r="AT3929" s="137"/>
      <c r="AU3929" s="137"/>
      <c r="AV3929" s="137"/>
      <c r="AW3929" s="144"/>
    </row>
    <row r="3930" spans="2:49" x14ac:dyDescent="0.2">
      <c r="B3930" s="97"/>
      <c r="J3930" s="98"/>
      <c r="K3930" s="97"/>
      <c r="N3930" s="3"/>
      <c r="W3930" s="98"/>
      <c r="Z3930" s="143"/>
      <c r="AA3930" s="137"/>
      <c r="AB3930" s="137"/>
      <c r="AC3930" s="137"/>
      <c r="AD3930" s="137"/>
      <c r="AE3930" s="137"/>
      <c r="AF3930" s="137"/>
      <c r="AG3930" s="137"/>
      <c r="AH3930" s="137"/>
      <c r="AI3930" s="137"/>
      <c r="AJ3930" s="137"/>
      <c r="AK3930" s="206"/>
      <c r="AL3930" s="206"/>
      <c r="AM3930" s="143"/>
      <c r="AN3930" s="137"/>
      <c r="AO3930" s="137"/>
      <c r="AP3930" s="137"/>
      <c r="AQ3930" s="137"/>
      <c r="AR3930" s="137"/>
      <c r="AS3930" s="137"/>
      <c r="AT3930" s="137"/>
      <c r="AU3930" s="137"/>
      <c r="AV3930" s="137"/>
      <c r="AW3930" s="144"/>
    </row>
    <row r="3931" spans="2:49" x14ac:dyDescent="0.2">
      <c r="B3931" s="97"/>
      <c r="J3931" s="98"/>
      <c r="K3931" s="97"/>
      <c r="N3931" s="3"/>
      <c r="W3931" s="98"/>
      <c r="Z3931" s="143"/>
      <c r="AA3931" s="137"/>
      <c r="AB3931" s="137"/>
      <c r="AC3931" s="137"/>
      <c r="AD3931" s="137"/>
      <c r="AE3931" s="137"/>
      <c r="AF3931" s="137"/>
      <c r="AG3931" s="137"/>
      <c r="AH3931" s="137"/>
      <c r="AI3931" s="137"/>
      <c r="AJ3931" s="137"/>
      <c r="AK3931" s="206"/>
      <c r="AL3931" s="206"/>
      <c r="AM3931" s="143"/>
      <c r="AN3931" s="137"/>
      <c r="AO3931" s="137"/>
      <c r="AP3931" s="137"/>
      <c r="AQ3931" s="137"/>
      <c r="AR3931" s="137"/>
      <c r="AS3931" s="137"/>
      <c r="AT3931" s="137"/>
      <c r="AU3931" s="137"/>
      <c r="AV3931" s="137"/>
      <c r="AW3931" s="144"/>
    </row>
    <row r="3932" spans="2:49" x14ac:dyDescent="0.2">
      <c r="B3932" s="97"/>
      <c r="J3932" s="98"/>
      <c r="K3932" s="97"/>
      <c r="N3932" s="3"/>
      <c r="W3932" s="98"/>
      <c r="Z3932" s="143"/>
      <c r="AA3932" s="137"/>
      <c r="AB3932" s="137"/>
      <c r="AC3932" s="137"/>
      <c r="AD3932" s="137"/>
      <c r="AE3932" s="137"/>
      <c r="AF3932" s="137"/>
      <c r="AG3932" s="137"/>
      <c r="AH3932" s="137"/>
      <c r="AI3932" s="137"/>
      <c r="AJ3932" s="137"/>
      <c r="AK3932" s="206"/>
      <c r="AL3932" s="206"/>
      <c r="AM3932" s="143"/>
      <c r="AN3932" s="137"/>
      <c r="AO3932" s="137"/>
      <c r="AP3932" s="137"/>
      <c r="AQ3932" s="137"/>
      <c r="AR3932" s="137"/>
      <c r="AS3932" s="137"/>
      <c r="AT3932" s="137"/>
      <c r="AU3932" s="137"/>
      <c r="AV3932" s="137"/>
      <c r="AW3932" s="144"/>
    </row>
    <row r="3933" spans="2:49" x14ac:dyDescent="0.2">
      <c r="B3933" s="97"/>
      <c r="J3933" s="98"/>
      <c r="K3933" s="97"/>
      <c r="N3933" s="3"/>
      <c r="W3933" s="98"/>
      <c r="Z3933" s="143"/>
      <c r="AA3933" s="137"/>
      <c r="AB3933" s="137"/>
      <c r="AC3933" s="137"/>
      <c r="AD3933" s="137"/>
      <c r="AE3933" s="137"/>
      <c r="AF3933" s="137"/>
      <c r="AG3933" s="137"/>
      <c r="AH3933" s="137"/>
      <c r="AI3933" s="137"/>
      <c r="AJ3933" s="137"/>
      <c r="AK3933" s="206"/>
      <c r="AL3933" s="206"/>
      <c r="AM3933" s="143"/>
      <c r="AN3933" s="137"/>
      <c r="AO3933" s="137"/>
      <c r="AP3933" s="137"/>
      <c r="AQ3933" s="137"/>
      <c r="AR3933" s="137"/>
      <c r="AS3933" s="137"/>
      <c r="AT3933" s="137"/>
      <c r="AU3933" s="137"/>
      <c r="AV3933" s="137"/>
      <c r="AW3933" s="144"/>
    </row>
    <row r="3934" spans="2:49" x14ac:dyDescent="0.2">
      <c r="B3934" s="97"/>
      <c r="J3934" s="98"/>
      <c r="K3934" s="97"/>
      <c r="N3934" s="3"/>
      <c r="W3934" s="98"/>
      <c r="Z3934" s="143"/>
      <c r="AA3934" s="137"/>
      <c r="AB3934" s="137"/>
      <c r="AC3934" s="137"/>
      <c r="AD3934" s="137"/>
      <c r="AE3934" s="137"/>
      <c r="AF3934" s="137"/>
      <c r="AG3934" s="137"/>
      <c r="AH3934" s="137"/>
      <c r="AI3934" s="137"/>
      <c r="AJ3934" s="137"/>
      <c r="AK3934" s="206"/>
      <c r="AL3934" s="206"/>
      <c r="AM3934" s="143"/>
      <c r="AN3934" s="137"/>
      <c r="AO3934" s="137"/>
      <c r="AP3934" s="137"/>
      <c r="AQ3934" s="137"/>
      <c r="AR3934" s="137"/>
      <c r="AS3934" s="137"/>
      <c r="AT3934" s="137"/>
      <c r="AU3934" s="137"/>
      <c r="AV3934" s="137"/>
      <c r="AW3934" s="144"/>
    </row>
    <row r="3935" spans="2:49" x14ac:dyDescent="0.2">
      <c r="B3935" s="97"/>
      <c r="J3935" s="98"/>
      <c r="K3935" s="97"/>
      <c r="N3935" s="3"/>
      <c r="W3935" s="98"/>
      <c r="Z3935" s="143"/>
      <c r="AA3935" s="137"/>
      <c r="AB3935" s="137"/>
      <c r="AC3935" s="137"/>
      <c r="AD3935" s="137"/>
      <c r="AE3935" s="137"/>
      <c r="AF3935" s="137"/>
      <c r="AG3935" s="137"/>
      <c r="AH3935" s="137"/>
      <c r="AI3935" s="137"/>
      <c r="AJ3935" s="137"/>
      <c r="AK3935" s="206"/>
      <c r="AL3935" s="206"/>
      <c r="AM3935" s="143"/>
      <c r="AN3935" s="137"/>
      <c r="AO3935" s="137"/>
      <c r="AP3935" s="137"/>
      <c r="AQ3935" s="137"/>
      <c r="AR3935" s="137"/>
      <c r="AS3935" s="137"/>
      <c r="AT3935" s="137"/>
      <c r="AU3935" s="137"/>
      <c r="AV3935" s="137"/>
      <c r="AW3935" s="144"/>
    </row>
    <row r="3936" spans="2:49" x14ac:dyDescent="0.2">
      <c r="B3936" s="97"/>
      <c r="J3936" s="98"/>
      <c r="K3936" s="97"/>
      <c r="N3936" s="3"/>
      <c r="W3936" s="98"/>
      <c r="Z3936" s="143"/>
      <c r="AA3936" s="137"/>
      <c r="AB3936" s="137"/>
      <c r="AC3936" s="137"/>
      <c r="AD3936" s="137"/>
      <c r="AE3936" s="137"/>
      <c r="AF3936" s="137"/>
      <c r="AG3936" s="137"/>
      <c r="AH3936" s="137"/>
      <c r="AI3936" s="137"/>
      <c r="AJ3936" s="137"/>
      <c r="AK3936" s="206"/>
      <c r="AL3936" s="206"/>
      <c r="AM3936" s="143"/>
      <c r="AN3936" s="137"/>
      <c r="AO3936" s="137"/>
      <c r="AP3936" s="137"/>
      <c r="AQ3936" s="137"/>
      <c r="AR3936" s="137"/>
      <c r="AS3936" s="137"/>
      <c r="AT3936" s="137"/>
      <c r="AU3936" s="137"/>
      <c r="AV3936" s="137"/>
      <c r="AW3936" s="144"/>
    </row>
    <row r="3937" spans="2:49" x14ac:dyDescent="0.2">
      <c r="B3937" s="97"/>
      <c r="J3937" s="98"/>
      <c r="K3937" s="97"/>
      <c r="N3937" s="3"/>
      <c r="W3937" s="98"/>
      <c r="Z3937" s="143"/>
      <c r="AA3937" s="137"/>
      <c r="AB3937" s="137"/>
      <c r="AC3937" s="137"/>
      <c r="AD3937" s="137"/>
      <c r="AE3937" s="137"/>
      <c r="AF3937" s="137"/>
      <c r="AG3937" s="137"/>
      <c r="AH3937" s="137"/>
      <c r="AI3937" s="137"/>
      <c r="AJ3937" s="137"/>
      <c r="AK3937" s="206"/>
      <c r="AL3937" s="206"/>
      <c r="AM3937" s="143"/>
      <c r="AN3937" s="137"/>
      <c r="AO3937" s="137"/>
      <c r="AP3937" s="137"/>
      <c r="AQ3937" s="137"/>
      <c r="AR3937" s="137"/>
      <c r="AS3937" s="137"/>
      <c r="AT3937" s="137"/>
      <c r="AU3937" s="137"/>
      <c r="AV3937" s="137"/>
      <c r="AW3937" s="144"/>
    </row>
    <row r="3938" spans="2:49" x14ac:dyDescent="0.2">
      <c r="B3938" s="97"/>
      <c r="J3938" s="98"/>
      <c r="K3938" s="97"/>
      <c r="N3938" s="3"/>
      <c r="W3938" s="98"/>
      <c r="Z3938" s="143"/>
      <c r="AA3938" s="137"/>
      <c r="AB3938" s="137"/>
      <c r="AC3938" s="137"/>
      <c r="AD3938" s="137"/>
      <c r="AE3938" s="137"/>
      <c r="AF3938" s="137"/>
      <c r="AG3938" s="137"/>
      <c r="AH3938" s="137"/>
      <c r="AI3938" s="137"/>
      <c r="AJ3938" s="137"/>
      <c r="AK3938" s="206"/>
      <c r="AL3938" s="206"/>
      <c r="AM3938" s="143"/>
      <c r="AN3938" s="137"/>
      <c r="AO3938" s="137"/>
      <c r="AP3938" s="137"/>
      <c r="AQ3938" s="137"/>
      <c r="AR3938" s="137"/>
      <c r="AS3938" s="137"/>
      <c r="AT3938" s="137"/>
      <c r="AU3938" s="137"/>
      <c r="AV3938" s="137"/>
      <c r="AW3938" s="144"/>
    </row>
    <row r="3939" spans="2:49" x14ac:dyDescent="0.2">
      <c r="B3939" s="97"/>
      <c r="J3939" s="98"/>
      <c r="K3939" s="97"/>
      <c r="N3939" s="3"/>
      <c r="W3939" s="98"/>
      <c r="Z3939" s="143"/>
      <c r="AA3939" s="137"/>
      <c r="AB3939" s="137"/>
      <c r="AC3939" s="137"/>
      <c r="AD3939" s="137"/>
      <c r="AE3939" s="137"/>
      <c r="AF3939" s="137"/>
      <c r="AG3939" s="137"/>
      <c r="AH3939" s="137"/>
      <c r="AI3939" s="137"/>
      <c r="AJ3939" s="137"/>
      <c r="AK3939" s="206"/>
      <c r="AL3939" s="206"/>
      <c r="AM3939" s="143"/>
      <c r="AN3939" s="137"/>
      <c r="AO3939" s="137"/>
      <c r="AP3939" s="137"/>
      <c r="AQ3939" s="137"/>
      <c r="AR3939" s="137"/>
      <c r="AS3939" s="137"/>
      <c r="AT3939" s="137"/>
      <c r="AU3939" s="137"/>
      <c r="AV3939" s="137"/>
      <c r="AW3939" s="144"/>
    </row>
    <row r="3940" spans="2:49" x14ac:dyDescent="0.2">
      <c r="B3940" s="97"/>
      <c r="J3940" s="98"/>
      <c r="K3940" s="97"/>
      <c r="N3940" s="3"/>
      <c r="W3940" s="98"/>
      <c r="Z3940" s="143"/>
      <c r="AA3940" s="137"/>
      <c r="AB3940" s="137"/>
      <c r="AC3940" s="137"/>
      <c r="AD3940" s="137"/>
      <c r="AE3940" s="137"/>
      <c r="AF3940" s="137"/>
      <c r="AG3940" s="137"/>
      <c r="AH3940" s="137"/>
      <c r="AI3940" s="137"/>
      <c r="AJ3940" s="137"/>
      <c r="AK3940" s="206"/>
      <c r="AL3940" s="206"/>
      <c r="AM3940" s="143"/>
      <c r="AN3940" s="137"/>
      <c r="AO3940" s="137"/>
      <c r="AP3940" s="137"/>
      <c r="AQ3940" s="137"/>
      <c r="AR3940" s="137"/>
      <c r="AS3940" s="137"/>
      <c r="AT3940" s="137"/>
      <c r="AU3940" s="137"/>
      <c r="AV3940" s="137"/>
      <c r="AW3940" s="144"/>
    </row>
    <row r="3941" spans="2:49" x14ac:dyDescent="0.2">
      <c r="B3941" s="97"/>
      <c r="J3941" s="98"/>
      <c r="K3941" s="97"/>
      <c r="N3941" s="3"/>
      <c r="W3941" s="98"/>
      <c r="Z3941" s="143"/>
      <c r="AA3941" s="137"/>
      <c r="AB3941" s="137"/>
      <c r="AC3941" s="137"/>
      <c r="AD3941" s="137"/>
      <c r="AE3941" s="137"/>
      <c r="AF3941" s="137"/>
      <c r="AG3941" s="137"/>
      <c r="AH3941" s="137"/>
      <c r="AI3941" s="137"/>
      <c r="AJ3941" s="137"/>
      <c r="AK3941" s="206"/>
      <c r="AL3941" s="206"/>
      <c r="AM3941" s="143"/>
      <c r="AN3941" s="137"/>
      <c r="AO3941" s="137"/>
      <c r="AP3941" s="137"/>
      <c r="AQ3941" s="137"/>
      <c r="AR3941" s="137"/>
      <c r="AS3941" s="137"/>
      <c r="AT3941" s="137"/>
      <c r="AU3941" s="137"/>
      <c r="AV3941" s="137"/>
      <c r="AW3941" s="144"/>
    </row>
    <row r="3942" spans="2:49" x14ac:dyDescent="0.2">
      <c r="B3942" s="97"/>
      <c r="J3942" s="98"/>
      <c r="K3942" s="97"/>
      <c r="N3942" s="3"/>
      <c r="W3942" s="98"/>
      <c r="Z3942" s="143"/>
      <c r="AA3942" s="137"/>
      <c r="AB3942" s="137"/>
      <c r="AC3942" s="137"/>
      <c r="AD3942" s="137"/>
      <c r="AE3942" s="137"/>
      <c r="AF3942" s="137"/>
      <c r="AG3942" s="137"/>
      <c r="AH3942" s="137"/>
      <c r="AI3942" s="137"/>
      <c r="AJ3942" s="137"/>
      <c r="AK3942" s="206"/>
      <c r="AL3942" s="206"/>
      <c r="AM3942" s="143"/>
      <c r="AN3942" s="137"/>
      <c r="AO3942" s="137"/>
      <c r="AP3942" s="137"/>
      <c r="AQ3942" s="137"/>
      <c r="AR3942" s="137"/>
      <c r="AS3942" s="137"/>
      <c r="AT3942" s="137"/>
      <c r="AU3942" s="137"/>
      <c r="AV3942" s="137"/>
      <c r="AW3942" s="144"/>
    </row>
    <row r="3943" spans="2:49" x14ac:dyDescent="0.2">
      <c r="B3943" s="97"/>
      <c r="J3943" s="98"/>
      <c r="K3943" s="97"/>
      <c r="N3943" s="3"/>
      <c r="W3943" s="98"/>
      <c r="Z3943" s="143"/>
      <c r="AA3943" s="137"/>
      <c r="AB3943" s="137"/>
      <c r="AC3943" s="137"/>
      <c r="AD3943" s="137"/>
      <c r="AE3943" s="137"/>
      <c r="AF3943" s="137"/>
      <c r="AG3943" s="137"/>
      <c r="AH3943" s="137"/>
      <c r="AI3943" s="137"/>
      <c r="AJ3943" s="137"/>
      <c r="AK3943" s="206"/>
      <c r="AL3943" s="206"/>
      <c r="AM3943" s="143"/>
      <c r="AN3943" s="137"/>
      <c r="AO3943" s="137"/>
      <c r="AP3943" s="137"/>
      <c r="AQ3943" s="137"/>
      <c r="AR3943" s="137"/>
      <c r="AS3943" s="137"/>
      <c r="AT3943" s="137"/>
      <c r="AU3943" s="137"/>
      <c r="AV3943" s="137"/>
      <c r="AW3943" s="144"/>
    </row>
    <row r="3944" spans="2:49" x14ac:dyDescent="0.2">
      <c r="B3944" s="97"/>
      <c r="J3944" s="98"/>
      <c r="K3944" s="97"/>
      <c r="N3944" s="3"/>
      <c r="W3944" s="98"/>
      <c r="Z3944" s="143"/>
      <c r="AA3944" s="137"/>
      <c r="AB3944" s="137"/>
      <c r="AC3944" s="137"/>
      <c r="AD3944" s="137"/>
      <c r="AE3944" s="137"/>
      <c r="AF3944" s="137"/>
      <c r="AG3944" s="137"/>
      <c r="AH3944" s="137"/>
      <c r="AI3944" s="137"/>
      <c r="AJ3944" s="137"/>
      <c r="AK3944" s="206"/>
      <c r="AL3944" s="206"/>
      <c r="AM3944" s="143"/>
      <c r="AN3944" s="137"/>
      <c r="AO3944" s="137"/>
      <c r="AP3944" s="137"/>
      <c r="AQ3944" s="137"/>
      <c r="AR3944" s="137"/>
      <c r="AS3944" s="137"/>
      <c r="AT3944" s="137"/>
      <c r="AU3944" s="137"/>
      <c r="AV3944" s="137"/>
      <c r="AW3944" s="144"/>
    </row>
    <row r="3945" spans="2:49" x14ac:dyDescent="0.2">
      <c r="B3945" s="97"/>
      <c r="J3945" s="98"/>
      <c r="K3945" s="97"/>
      <c r="N3945" s="3"/>
      <c r="W3945" s="98"/>
      <c r="Z3945" s="143"/>
      <c r="AA3945" s="137"/>
      <c r="AB3945" s="137"/>
      <c r="AC3945" s="137"/>
      <c r="AD3945" s="137"/>
      <c r="AE3945" s="137"/>
      <c r="AF3945" s="137"/>
      <c r="AG3945" s="137"/>
      <c r="AH3945" s="137"/>
      <c r="AI3945" s="137"/>
      <c r="AJ3945" s="137"/>
      <c r="AK3945" s="206"/>
      <c r="AL3945" s="206"/>
      <c r="AM3945" s="143"/>
      <c r="AN3945" s="137"/>
      <c r="AO3945" s="137"/>
      <c r="AP3945" s="137"/>
      <c r="AQ3945" s="137"/>
      <c r="AR3945" s="137"/>
      <c r="AS3945" s="137"/>
      <c r="AT3945" s="137"/>
      <c r="AU3945" s="137"/>
      <c r="AV3945" s="137"/>
      <c r="AW3945" s="144"/>
    </row>
    <row r="3946" spans="2:49" x14ac:dyDescent="0.2">
      <c r="B3946" s="97"/>
      <c r="J3946" s="98"/>
      <c r="K3946" s="97"/>
      <c r="N3946" s="3"/>
      <c r="W3946" s="98"/>
      <c r="Z3946" s="143"/>
      <c r="AA3946" s="137"/>
      <c r="AB3946" s="137"/>
      <c r="AC3946" s="137"/>
      <c r="AD3946" s="137"/>
      <c r="AE3946" s="137"/>
      <c r="AF3946" s="137"/>
      <c r="AG3946" s="137"/>
      <c r="AH3946" s="137"/>
      <c r="AI3946" s="137"/>
      <c r="AJ3946" s="137"/>
      <c r="AK3946" s="206"/>
      <c r="AL3946" s="206"/>
      <c r="AM3946" s="143"/>
      <c r="AN3946" s="137"/>
      <c r="AO3946" s="137"/>
      <c r="AP3946" s="137"/>
      <c r="AQ3946" s="137"/>
      <c r="AR3946" s="137"/>
      <c r="AS3946" s="137"/>
      <c r="AT3946" s="137"/>
      <c r="AU3946" s="137"/>
      <c r="AV3946" s="137"/>
      <c r="AW3946" s="144"/>
    </row>
    <row r="3947" spans="2:49" x14ac:dyDescent="0.2">
      <c r="B3947" s="97"/>
      <c r="J3947" s="98"/>
      <c r="K3947" s="97"/>
      <c r="N3947" s="3"/>
      <c r="W3947" s="98"/>
      <c r="Z3947" s="143"/>
      <c r="AA3947" s="137"/>
      <c r="AB3947" s="137"/>
      <c r="AC3947" s="137"/>
      <c r="AD3947" s="137"/>
      <c r="AE3947" s="137"/>
      <c r="AF3947" s="137"/>
      <c r="AG3947" s="137"/>
      <c r="AH3947" s="137"/>
      <c r="AI3947" s="137"/>
      <c r="AJ3947" s="137"/>
      <c r="AK3947" s="206"/>
      <c r="AL3947" s="206"/>
      <c r="AM3947" s="143"/>
      <c r="AN3947" s="137"/>
      <c r="AO3947" s="137"/>
      <c r="AP3947" s="137"/>
      <c r="AQ3947" s="137"/>
      <c r="AR3947" s="137"/>
      <c r="AS3947" s="137"/>
      <c r="AT3947" s="137"/>
      <c r="AU3947" s="137"/>
      <c r="AV3947" s="137"/>
      <c r="AW3947" s="144"/>
    </row>
    <row r="3948" spans="2:49" x14ac:dyDescent="0.2">
      <c r="B3948" s="97"/>
      <c r="J3948" s="98"/>
      <c r="K3948" s="97"/>
      <c r="N3948" s="3"/>
      <c r="W3948" s="98"/>
      <c r="Z3948" s="143"/>
      <c r="AA3948" s="137"/>
      <c r="AB3948" s="137"/>
      <c r="AC3948" s="137"/>
      <c r="AD3948" s="137"/>
      <c r="AE3948" s="137"/>
      <c r="AF3948" s="137"/>
      <c r="AG3948" s="137"/>
      <c r="AH3948" s="137"/>
      <c r="AI3948" s="137"/>
      <c r="AJ3948" s="137"/>
      <c r="AK3948" s="206"/>
      <c r="AL3948" s="206"/>
      <c r="AM3948" s="143"/>
      <c r="AN3948" s="137"/>
      <c r="AO3948" s="137"/>
      <c r="AP3948" s="137"/>
      <c r="AQ3948" s="137"/>
      <c r="AR3948" s="137"/>
      <c r="AS3948" s="137"/>
      <c r="AT3948" s="137"/>
      <c r="AU3948" s="137"/>
      <c r="AV3948" s="137"/>
      <c r="AW3948" s="144"/>
    </row>
    <row r="3949" spans="2:49" x14ac:dyDescent="0.2">
      <c r="B3949" s="97"/>
      <c r="J3949" s="98"/>
      <c r="K3949" s="97"/>
      <c r="N3949" s="3"/>
      <c r="W3949" s="98"/>
      <c r="Z3949" s="143"/>
      <c r="AA3949" s="137"/>
      <c r="AB3949" s="137"/>
      <c r="AC3949" s="137"/>
      <c r="AD3949" s="137"/>
      <c r="AE3949" s="137"/>
      <c r="AF3949" s="137"/>
      <c r="AG3949" s="137"/>
      <c r="AH3949" s="137"/>
      <c r="AI3949" s="137"/>
      <c r="AJ3949" s="137"/>
      <c r="AK3949" s="206"/>
      <c r="AL3949" s="206"/>
      <c r="AM3949" s="143"/>
      <c r="AN3949" s="137"/>
      <c r="AO3949" s="137"/>
      <c r="AP3949" s="137"/>
      <c r="AQ3949" s="137"/>
      <c r="AR3949" s="137"/>
      <c r="AS3949" s="137"/>
      <c r="AT3949" s="137"/>
      <c r="AU3949" s="137"/>
      <c r="AV3949" s="137"/>
      <c r="AW3949" s="144"/>
    </row>
    <row r="3950" spans="2:49" x14ac:dyDescent="0.2">
      <c r="B3950" s="97"/>
      <c r="J3950" s="98"/>
      <c r="K3950" s="97"/>
      <c r="N3950" s="3"/>
      <c r="W3950" s="98"/>
      <c r="Z3950" s="143"/>
      <c r="AA3950" s="137"/>
      <c r="AB3950" s="137"/>
      <c r="AC3950" s="137"/>
      <c r="AD3950" s="137"/>
      <c r="AE3950" s="137"/>
      <c r="AF3950" s="137"/>
      <c r="AG3950" s="137"/>
      <c r="AH3950" s="137"/>
      <c r="AI3950" s="137"/>
      <c r="AJ3950" s="137"/>
      <c r="AK3950" s="206"/>
      <c r="AL3950" s="206"/>
      <c r="AM3950" s="143"/>
      <c r="AN3950" s="137"/>
      <c r="AO3950" s="137"/>
      <c r="AP3950" s="137"/>
      <c r="AQ3950" s="137"/>
      <c r="AR3950" s="137"/>
      <c r="AS3950" s="137"/>
      <c r="AT3950" s="137"/>
      <c r="AU3950" s="137"/>
      <c r="AV3950" s="137"/>
      <c r="AW3950" s="144"/>
    </row>
    <row r="3951" spans="2:49" x14ac:dyDescent="0.2">
      <c r="B3951" s="97"/>
      <c r="J3951" s="98"/>
      <c r="K3951" s="97"/>
      <c r="N3951" s="3"/>
      <c r="W3951" s="98"/>
      <c r="Z3951" s="143"/>
      <c r="AA3951" s="137"/>
      <c r="AB3951" s="137"/>
      <c r="AC3951" s="137"/>
      <c r="AD3951" s="137"/>
      <c r="AE3951" s="137"/>
      <c r="AF3951" s="137"/>
      <c r="AG3951" s="137"/>
      <c r="AH3951" s="137"/>
      <c r="AI3951" s="137"/>
      <c r="AJ3951" s="137"/>
      <c r="AK3951" s="206"/>
      <c r="AL3951" s="206"/>
      <c r="AM3951" s="143"/>
      <c r="AN3951" s="137"/>
      <c r="AO3951" s="137"/>
      <c r="AP3951" s="137"/>
      <c r="AQ3951" s="137"/>
      <c r="AR3951" s="137"/>
      <c r="AS3951" s="137"/>
      <c r="AT3951" s="137"/>
      <c r="AU3951" s="137"/>
      <c r="AV3951" s="137"/>
      <c r="AW3951" s="144"/>
    </row>
    <row r="3952" spans="2:49" x14ac:dyDescent="0.2">
      <c r="B3952" s="97"/>
      <c r="J3952" s="98"/>
      <c r="K3952" s="97"/>
      <c r="N3952" s="3"/>
      <c r="W3952" s="98"/>
      <c r="Z3952" s="143"/>
      <c r="AA3952" s="137"/>
      <c r="AB3952" s="137"/>
      <c r="AC3952" s="137"/>
      <c r="AD3952" s="137"/>
      <c r="AE3952" s="137"/>
      <c r="AF3952" s="137"/>
      <c r="AG3952" s="137"/>
      <c r="AH3952" s="137"/>
      <c r="AI3952" s="137"/>
      <c r="AJ3952" s="137"/>
      <c r="AK3952" s="206"/>
      <c r="AL3952" s="206"/>
      <c r="AM3952" s="143"/>
      <c r="AN3952" s="137"/>
      <c r="AO3952" s="137"/>
      <c r="AP3952" s="137"/>
      <c r="AQ3952" s="137"/>
      <c r="AR3952" s="137"/>
      <c r="AS3952" s="137"/>
      <c r="AT3952" s="137"/>
      <c r="AU3952" s="137"/>
      <c r="AV3952" s="137"/>
      <c r="AW3952" s="144"/>
    </row>
    <row r="3953" spans="2:49" x14ac:dyDescent="0.2">
      <c r="B3953" s="97"/>
      <c r="J3953" s="98"/>
      <c r="K3953" s="97"/>
      <c r="N3953" s="3"/>
      <c r="W3953" s="98"/>
      <c r="Z3953" s="143"/>
      <c r="AA3953" s="137"/>
      <c r="AB3953" s="137"/>
      <c r="AC3953" s="137"/>
      <c r="AD3953" s="137"/>
      <c r="AE3953" s="137"/>
      <c r="AF3953" s="137"/>
      <c r="AG3953" s="137"/>
      <c r="AH3953" s="137"/>
      <c r="AI3953" s="137"/>
      <c r="AJ3953" s="137"/>
      <c r="AK3953" s="206"/>
      <c r="AL3953" s="206"/>
      <c r="AM3953" s="143"/>
      <c r="AN3953" s="137"/>
      <c r="AO3953" s="137"/>
      <c r="AP3953" s="137"/>
      <c r="AQ3953" s="137"/>
      <c r="AR3953" s="137"/>
      <c r="AS3953" s="137"/>
      <c r="AT3953" s="137"/>
      <c r="AU3953" s="137"/>
      <c r="AV3953" s="137"/>
      <c r="AW3953" s="144"/>
    </row>
    <row r="3954" spans="2:49" x14ac:dyDescent="0.2">
      <c r="B3954" s="97"/>
      <c r="J3954" s="98"/>
      <c r="K3954" s="97"/>
      <c r="N3954" s="3"/>
      <c r="W3954" s="98"/>
      <c r="Z3954" s="143"/>
      <c r="AA3954" s="137"/>
      <c r="AB3954" s="137"/>
      <c r="AC3954" s="137"/>
      <c r="AD3954" s="137"/>
      <c r="AE3954" s="137"/>
      <c r="AF3954" s="137"/>
      <c r="AG3954" s="137"/>
      <c r="AH3954" s="137"/>
      <c r="AI3954" s="137"/>
      <c r="AJ3954" s="137"/>
      <c r="AK3954" s="206"/>
      <c r="AL3954" s="206"/>
      <c r="AM3954" s="143"/>
      <c r="AN3954" s="137"/>
      <c r="AO3954" s="137"/>
      <c r="AP3954" s="137"/>
      <c r="AQ3954" s="137"/>
      <c r="AR3954" s="137"/>
      <c r="AS3954" s="137"/>
      <c r="AT3954" s="137"/>
      <c r="AU3954" s="137"/>
      <c r="AV3954" s="137"/>
      <c r="AW3954" s="144"/>
    </row>
    <row r="3955" spans="2:49" x14ac:dyDescent="0.2">
      <c r="B3955" s="97"/>
      <c r="J3955" s="98"/>
      <c r="K3955" s="97"/>
      <c r="N3955" s="3"/>
      <c r="W3955" s="98"/>
      <c r="Z3955" s="143"/>
      <c r="AA3955" s="137"/>
      <c r="AB3955" s="137"/>
      <c r="AC3955" s="137"/>
      <c r="AD3955" s="137"/>
      <c r="AE3955" s="137"/>
      <c r="AF3955" s="137"/>
      <c r="AG3955" s="137"/>
      <c r="AH3955" s="137"/>
      <c r="AI3955" s="137"/>
      <c r="AJ3955" s="137"/>
      <c r="AK3955" s="206"/>
      <c r="AL3955" s="206"/>
      <c r="AM3955" s="143"/>
      <c r="AN3955" s="137"/>
      <c r="AO3955" s="137"/>
      <c r="AP3955" s="137"/>
      <c r="AQ3955" s="137"/>
      <c r="AR3955" s="137"/>
      <c r="AS3955" s="137"/>
      <c r="AT3955" s="137"/>
      <c r="AU3955" s="137"/>
      <c r="AV3955" s="137"/>
      <c r="AW3955" s="144"/>
    </row>
    <row r="3956" spans="2:49" x14ac:dyDescent="0.2">
      <c r="B3956" s="97"/>
      <c r="J3956" s="98"/>
      <c r="K3956" s="97"/>
      <c r="N3956" s="3"/>
      <c r="W3956" s="98"/>
      <c r="Z3956" s="143"/>
      <c r="AA3956" s="137"/>
      <c r="AB3956" s="137"/>
      <c r="AC3956" s="137"/>
      <c r="AD3956" s="137"/>
      <c r="AE3956" s="137"/>
      <c r="AF3956" s="137"/>
      <c r="AG3956" s="137"/>
      <c r="AH3956" s="137"/>
      <c r="AI3956" s="137"/>
      <c r="AJ3956" s="137"/>
      <c r="AK3956" s="206"/>
      <c r="AL3956" s="206"/>
      <c r="AM3956" s="143"/>
      <c r="AN3956" s="137"/>
      <c r="AO3956" s="137"/>
      <c r="AP3956" s="137"/>
      <c r="AQ3956" s="137"/>
      <c r="AR3956" s="137"/>
      <c r="AS3956" s="137"/>
      <c r="AT3956" s="137"/>
      <c r="AU3956" s="137"/>
      <c r="AV3956" s="137"/>
      <c r="AW3956" s="144"/>
    </row>
    <row r="3957" spans="2:49" x14ac:dyDescent="0.2">
      <c r="B3957" s="97"/>
      <c r="J3957" s="98"/>
      <c r="K3957" s="97"/>
      <c r="N3957" s="3"/>
      <c r="W3957" s="98"/>
      <c r="Z3957" s="143"/>
      <c r="AA3957" s="137"/>
      <c r="AB3957" s="137"/>
      <c r="AC3957" s="137"/>
      <c r="AD3957" s="137"/>
      <c r="AE3957" s="137"/>
      <c r="AF3957" s="137"/>
      <c r="AG3957" s="137"/>
      <c r="AH3957" s="137"/>
      <c r="AI3957" s="137"/>
      <c r="AJ3957" s="137"/>
      <c r="AK3957" s="206"/>
      <c r="AL3957" s="206"/>
      <c r="AM3957" s="143"/>
      <c r="AN3957" s="137"/>
      <c r="AO3957" s="137"/>
      <c r="AP3957" s="137"/>
      <c r="AQ3957" s="137"/>
      <c r="AR3957" s="137"/>
      <c r="AS3957" s="137"/>
      <c r="AT3957" s="137"/>
      <c r="AU3957" s="137"/>
      <c r="AV3957" s="137"/>
      <c r="AW3957" s="144"/>
    </row>
    <row r="3958" spans="2:49" x14ac:dyDescent="0.2">
      <c r="B3958" s="97"/>
      <c r="J3958" s="98"/>
      <c r="K3958" s="97"/>
      <c r="N3958" s="3"/>
      <c r="W3958" s="98"/>
      <c r="Z3958" s="143"/>
      <c r="AA3958" s="137"/>
      <c r="AB3958" s="137"/>
      <c r="AC3958" s="137"/>
      <c r="AD3958" s="137"/>
      <c r="AE3958" s="137"/>
      <c r="AF3958" s="137"/>
      <c r="AG3958" s="137"/>
      <c r="AH3958" s="137"/>
      <c r="AI3958" s="137"/>
      <c r="AJ3958" s="137"/>
      <c r="AK3958" s="206"/>
      <c r="AL3958" s="206"/>
      <c r="AM3958" s="143"/>
      <c r="AN3958" s="137"/>
      <c r="AO3958" s="137"/>
      <c r="AP3958" s="137"/>
      <c r="AQ3958" s="137"/>
      <c r="AR3958" s="137"/>
      <c r="AS3958" s="137"/>
      <c r="AT3958" s="137"/>
      <c r="AU3958" s="137"/>
      <c r="AV3958" s="137"/>
      <c r="AW3958" s="144"/>
    </row>
    <row r="3959" spans="2:49" x14ac:dyDescent="0.2">
      <c r="B3959" s="97"/>
      <c r="J3959" s="98"/>
      <c r="K3959" s="97"/>
      <c r="N3959" s="3"/>
      <c r="W3959" s="98"/>
      <c r="Z3959" s="143"/>
      <c r="AA3959" s="137"/>
      <c r="AB3959" s="137"/>
      <c r="AC3959" s="137"/>
      <c r="AD3959" s="137"/>
      <c r="AE3959" s="137"/>
      <c r="AF3959" s="137"/>
      <c r="AG3959" s="137"/>
      <c r="AH3959" s="137"/>
      <c r="AI3959" s="137"/>
      <c r="AJ3959" s="137"/>
      <c r="AK3959" s="206"/>
      <c r="AL3959" s="206"/>
      <c r="AM3959" s="143"/>
      <c r="AN3959" s="137"/>
      <c r="AO3959" s="137"/>
      <c r="AP3959" s="137"/>
      <c r="AQ3959" s="137"/>
      <c r="AR3959" s="137"/>
      <c r="AS3959" s="137"/>
      <c r="AT3959" s="137"/>
      <c r="AU3959" s="137"/>
      <c r="AV3959" s="137"/>
      <c r="AW3959" s="144"/>
    </row>
    <row r="3960" spans="2:49" x14ac:dyDescent="0.2">
      <c r="B3960" s="97"/>
      <c r="J3960" s="98"/>
      <c r="K3960" s="97"/>
      <c r="N3960" s="3"/>
      <c r="W3960" s="98"/>
      <c r="Z3960" s="143"/>
      <c r="AA3960" s="137"/>
      <c r="AB3960" s="137"/>
      <c r="AC3960" s="137"/>
      <c r="AD3960" s="137"/>
      <c r="AE3960" s="137"/>
      <c r="AF3960" s="137"/>
      <c r="AG3960" s="137"/>
      <c r="AH3960" s="137"/>
      <c r="AI3960" s="137"/>
      <c r="AJ3960" s="137"/>
      <c r="AK3960" s="206"/>
      <c r="AL3960" s="206"/>
      <c r="AM3960" s="143"/>
      <c r="AN3960" s="137"/>
      <c r="AO3960" s="137"/>
      <c r="AP3960" s="137"/>
      <c r="AQ3960" s="137"/>
      <c r="AR3960" s="137"/>
      <c r="AS3960" s="137"/>
      <c r="AT3960" s="137"/>
      <c r="AU3960" s="137"/>
      <c r="AV3960" s="137"/>
      <c r="AW3960" s="144"/>
    </row>
    <row r="3961" spans="2:49" x14ac:dyDescent="0.2">
      <c r="B3961" s="97"/>
      <c r="J3961" s="98"/>
      <c r="K3961" s="97"/>
      <c r="N3961" s="3"/>
      <c r="W3961" s="98"/>
      <c r="Z3961" s="143"/>
      <c r="AA3961" s="137"/>
      <c r="AB3961" s="137"/>
      <c r="AC3961" s="137"/>
      <c r="AD3961" s="137"/>
      <c r="AE3961" s="137"/>
      <c r="AF3961" s="137"/>
      <c r="AG3961" s="137"/>
      <c r="AH3961" s="137"/>
      <c r="AI3961" s="137"/>
      <c r="AJ3961" s="137"/>
      <c r="AK3961" s="206"/>
      <c r="AL3961" s="206"/>
      <c r="AM3961" s="143"/>
      <c r="AN3961" s="137"/>
      <c r="AO3961" s="137"/>
      <c r="AP3961" s="137"/>
      <c r="AQ3961" s="137"/>
      <c r="AR3961" s="137"/>
      <c r="AS3961" s="137"/>
      <c r="AT3961" s="137"/>
      <c r="AU3961" s="137"/>
      <c r="AV3961" s="137"/>
      <c r="AW3961" s="144"/>
    </row>
    <row r="3962" spans="2:49" x14ac:dyDescent="0.2">
      <c r="B3962" s="97"/>
      <c r="J3962" s="98"/>
      <c r="K3962" s="97"/>
      <c r="N3962" s="3"/>
      <c r="W3962" s="98"/>
      <c r="Z3962" s="143"/>
      <c r="AA3962" s="137"/>
      <c r="AB3962" s="137"/>
      <c r="AC3962" s="137"/>
      <c r="AD3962" s="137"/>
      <c r="AE3962" s="137"/>
      <c r="AF3962" s="137"/>
      <c r="AG3962" s="137"/>
      <c r="AH3962" s="137"/>
      <c r="AI3962" s="137"/>
      <c r="AJ3962" s="137"/>
      <c r="AK3962" s="206"/>
      <c r="AL3962" s="206"/>
      <c r="AM3962" s="143"/>
      <c r="AN3962" s="137"/>
      <c r="AO3962" s="137"/>
      <c r="AP3962" s="137"/>
      <c r="AQ3962" s="137"/>
      <c r="AR3962" s="137"/>
      <c r="AS3962" s="137"/>
      <c r="AT3962" s="137"/>
      <c r="AU3962" s="137"/>
      <c r="AV3962" s="137"/>
      <c r="AW3962" s="144"/>
    </row>
    <row r="3963" spans="2:49" x14ac:dyDescent="0.2">
      <c r="B3963" s="97"/>
      <c r="J3963" s="98"/>
      <c r="K3963" s="97"/>
      <c r="N3963" s="3"/>
      <c r="W3963" s="98"/>
      <c r="Z3963" s="143"/>
      <c r="AA3963" s="137"/>
      <c r="AB3963" s="137"/>
      <c r="AC3963" s="137"/>
      <c r="AD3963" s="137"/>
      <c r="AE3963" s="137"/>
      <c r="AF3963" s="137"/>
      <c r="AG3963" s="137"/>
      <c r="AH3963" s="137"/>
      <c r="AI3963" s="137"/>
      <c r="AJ3963" s="137"/>
      <c r="AK3963" s="206"/>
      <c r="AL3963" s="206"/>
      <c r="AM3963" s="143"/>
      <c r="AN3963" s="137"/>
      <c r="AO3963" s="137"/>
      <c r="AP3963" s="137"/>
      <c r="AQ3963" s="137"/>
      <c r="AR3963" s="137"/>
      <c r="AS3963" s="137"/>
      <c r="AT3963" s="137"/>
      <c r="AU3963" s="137"/>
      <c r="AV3963" s="137"/>
      <c r="AW3963" s="144"/>
    </row>
    <row r="3964" spans="2:49" x14ac:dyDescent="0.2">
      <c r="B3964" s="97"/>
      <c r="J3964" s="98"/>
      <c r="K3964" s="97"/>
      <c r="N3964" s="3"/>
      <c r="W3964" s="98"/>
      <c r="Z3964" s="143"/>
      <c r="AA3964" s="137"/>
      <c r="AB3964" s="137"/>
      <c r="AC3964" s="137"/>
      <c r="AD3964" s="137"/>
      <c r="AE3964" s="137"/>
      <c r="AF3964" s="137"/>
      <c r="AG3964" s="137"/>
      <c r="AH3964" s="137"/>
      <c r="AI3964" s="137"/>
      <c r="AJ3964" s="137"/>
      <c r="AK3964" s="206"/>
      <c r="AL3964" s="206"/>
      <c r="AM3964" s="143"/>
      <c r="AN3964" s="137"/>
      <c r="AO3964" s="137"/>
      <c r="AP3964" s="137"/>
      <c r="AQ3964" s="137"/>
      <c r="AR3964" s="137"/>
      <c r="AS3964" s="137"/>
      <c r="AT3964" s="137"/>
      <c r="AU3964" s="137"/>
      <c r="AV3964" s="137"/>
      <c r="AW3964" s="144"/>
    </row>
    <row r="3965" spans="2:49" x14ac:dyDescent="0.2">
      <c r="B3965" s="97"/>
      <c r="J3965" s="98"/>
      <c r="K3965" s="97"/>
      <c r="N3965" s="3"/>
      <c r="W3965" s="98"/>
      <c r="Z3965" s="143"/>
      <c r="AA3965" s="137"/>
      <c r="AB3965" s="137"/>
      <c r="AC3965" s="137"/>
      <c r="AD3965" s="137"/>
      <c r="AE3965" s="137"/>
      <c r="AF3965" s="137"/>
      <c r="AG3965" s="137"/>
      <c r="AH3965" s="137"/>
      <c r="AI3965" s="137"/>
      <c r="AJ3965" s="137"/>
      <c r="AK3965" s="206"/>
      <c r="AL3965" s="206"/>
      <c r="AM3965" s="143"/>
      <c r="AN3965" s="137"/>
      <c r="AO3965" s="137"/>
      <c r="AP3965" s="137"/>
      <c r="AQ3965" s="137"/>
      <c r="AR3965" s="137"/>
      <c r="AS3965" s="137"/>
      <c r="AT3965" s="137"/>
      <c r="AU3965" s="137"/>
      <c r="AV3965" s="137"/>
      <c r="AW3965" s="144"/>
    </row>
    <row r="3966" spans="2:49" x14ac:dyDescent="0.2">
      <c r="B3966" s="97"/>
      <c r="J3966" s="98"/>
      <c r="K3966" s="97"/>
      <c r="N3966" s="3"/>
      <c r="W3966" s="98"/>
      <c r="Z3966" s="143"/>
      <c r="AA3966" s="137"/>
      <c r="AB3966" s="137"/>
      <c r="AC3966" s="137"/>
      <c r="AD3966" s="137"/>
      <c r="AE3966" s="137"/>
      <c r="AF3966" s="137"/>
      <c r="AG3966" s="137"/>
      <c r="AH3966" s="137"/>
      <c r="AI3966" s="137"/>
      <c r="AJ3966" s="137"/>
      <c r="AK3966" s="206"/>
      <c r="AL3966" s="206"/>
      <c r="AM3966" s="143"/>
      <c r="AN3966" s="137"/>
      <c r="AO3966" s="137"/>
      <c r="AP3966" s="137"/>
      <c r="AQ3966" s="137"/>
      <c r="AR3966" s="137"/>
      <c r="AS3966" s="137"/>
      <c r="AT3966" s="137"/>
      <c r="AU3966" s="137"/>
      <c r="AV3966" s="137"/>
      <c r="AW3966" s="144"/>
    </row>
    <row r="3967" spans="2:49" x14ac:dyDescent="0.2">
      <c r="B3967" s="97"/>
      <c r="J3967" s="98"/>
      <c r="K3967" s="97"/>
      <c r="N3967" s="3"/>
      <c r="W3967" s="98"/>
      <c r="Z3967" s="143"/>
      <c r="AA3967" s="137"/>
      <c r="AB3967" s="137"/>
      <c r="AC3967" s="137"/>
      <c r="AD3967" s="137"/>
      <c r="AE3967" s="137"/>
      <c r="AF3967" s="137"/>
      <c r="AG3967" s="137"/>
      <c r="AH3967" s="137"/>
      <c r="AI3967" s="137"/>
      <c r="AJ3967" s="137"/>
      <c r="AK3967" s="206"/>
      <c r="AL3967" s="206"/>
      <c r="AM3967" s="143"/>
      <c r="AN3967" s="137"/>
      <c r="AO3967" s="137"/>
      <c r="AP3967" s="137"/>
      <c r="AQ3967" s="137"/>
      <c r="AR3967" s="137"/>
      <c r="AS3967" s="137"/>
      <c r="AT3967" s="137"/>
      <c r="AU3967" s="137"/>
      <c r="AV3967" s="137"/>
      <c r="AW3967" s="144"/>
    </row>
    <row r="3968" spans="2:49" x14ac:dyDescent="0.2">
      <c r="B3968" s="97"/>
      <c r="J3968" s="98"/>
      <c r="K3968" s="97"/>
      <c r="N3968" s="3"/>
      <c r="W3968" s="98"/>
      <c r="Z3968" s="143"/>
      <c r="AA3968" s="137"/>
      <c r="AB3968" s="137"/>
      <c r="AC3968" s="137"/>
      <c r="AD3968" s="137"/>
      <c r="AE3968" s="137"/>
      <c r="AF3968" s="137"/>
      <c r="AG3968" s="137"/>
      <c r="AH3968" s="137"/>
      <c r="AI3968" s="137"/>
      <c r="AJ3968" s="137"/>
      <c r="AK3968" s="206"/>
      <c r="AL3968" s="206"/>
      <c r="AM3968" s="143"/>
      <c r="AN3968" s="137"/>
      <c r="AO3968" s="137"/>
      <c r="AP3968" s="137"/>
      <c r="AQ3968" s="137"/>
      <c r="AR3968" s="137"/>
      <c r="AS3968" s="137"/>
      <c r="AT3968" s="137"/>
      <c r="AU3968" s="137"/>
      <c r="AV3968" s="137"/>
      <c r="AW3968" s="144"/>
    </row>
    <row r="3969" spans="2:49" x14ac:dyDescent="0.2">
      <c r="B3969" s="97"/>
      <c r="J3969" s="98"/>
      <c r="K3969" s="97"/>
      <c r="N3969" s="3"/>
      <c r="W3969" s="98"/>
      <c r="Z3969" s="143"/>
      <c r="AA3969" s="137"/>
      <c r="AB3969" s="137"/>
      <c r="AC3969" s="137"/>
      <c r="AD3969" s="137"/>
      <c r="AE3969" s="137"/>
      <c r="AF3969" s="137"/>
      <c r="AG3969" s="137"/>
      <c r="AH3969" s="137"/>
      <c r="AI3969" s="137"/>
      <c r="AJ3969" s="137"/>
      <c r="AK3969" s="206"/>
      <c r="AL3969" s="206"/>
      <c r="AM3969" s="143"/>
      <c r="AN3969" s="137"/>
      <c r="AO3969" s="137"/>
      <c r="AP3969" s="137"/>
      <c r="AQ3969" s="137"/>
      <c r="AR3969" s="137"/>
      <c r="AS3969" s="137"/>
      <c r="AT3969" s="137"/>
      <c r="AU3969" s="137"/>
      <c r="AV3969" s="137"/>
      <c r="AW3969" s="144"/>
    </row>
    <row r="3970" spans="2:49" x14ac:dyDescent="0.2">
      <c r="B3970" s="97"/>
      <c r="J3970" s="98"/>
      <c r="K3970" s="97"/>
      <c r="N3970" s="3"/>
      <c r="W3970" s="98"/>
      <c r="Z3970" s="143"/>
      <c r="AA3970" s="137"/>
      <c r="AB3970" s="137"/>
      <c r="AC3970" s="137"/>
      <c r="AD3970" s="137"/>
      <c r="AE3970" s="137"/>
      <c r="AF3970" s="137"/>
      <c r="AG3970" s="137"/>
      <c r="AH3970" s="137"/>
      <c r="AI3970" s="137"/>
      <c r="AJ3970" s="137"/>
      <c r="AK3970" s="206"/>
      <c r="AL3970" s="206"/>
      <c r="AM3970" s="143"/>
      <c r="AN3970" s="137"/>
      <c r="AO3970" s="137"/>
      <c r="AP3970" s="137"/>
      <c r="AQ3970" s="137"/>
      <c r="AR3970" s="137"/>
      <c r="AS3970" s="137"/>
      <c r="AT3970" s="137"/>
      <c r="AU3970" s="137"/>
      <c r="AV3970" s="137"/>
      <c r="AW3970" s="144"/>
    </row>
    <row r="3971" spans="2:49" x14ac:dyDescent="0.2">
      <c r="B3971" s="97"/>
      <c r="J3971" s="98"/>
      <c r="K3971" s="97"/>
      <c r="N3971" s="3"/>
      <c r="W3971" s="98"/>
      <c r="Z3971" s="143"/>
      <c r="AA3971" s="137"/>
      <c r="AB3971" s="137"/>
      <c r="AC3971" s="137"/>
      <c r="AD3971" s="137"/>
      <c r="AE3971" s="137"/>
      <c r="AF3971" s="137"/>
      <c r="AG3971" s="137"/>
      <c r="AH3971" s="137"/>
      <c r="AI3971" s="137"/>
      <c r="AJ3971" s="137"/>
      <c r="AK3971" s="206"/>
      <c r="AL3971" s="206"/>
      <c r="AM3971" s="143"/>
      <c r="AN3971" s="137"/>
      <c r="AO3971" s="137"/>
      <c r="AP3971" s="137"/>
      <c r="AQ3971" s="137"/>
      <c r="AR3971" s="137"/>
      <c r="AS3971" s="137"/>
      <c r="AT3971" s="137"/>
      <c r="AU3971" s="137"/>
      <c r="AV3971" s="137"/>
      <c r="AW3971" s="144"/>
    </row>
    <row r="3972" spans="2:49" x14ac:dyDescent="0.2">
      <c r="B3972" s="97"/>
      <c r="J3972" s="98"/>
      <c r="K3972" s="97"/>
      <c r="N3972" s="3"/>
      <c r="W3972" s="98"/>
      <c r="Z3972" s="143"/>
      <c r="AA3972" s="137"/>
      <c r="AB3972" s="137"/>
      <c r="AC3972" s="137"/>
      <c r="AD3972" s="137"/>
      <c r="AE3972" s="137"/>
      <c r="AF3972" s="137"/>
      <c r="AG3972" s="137"/>
      <c r="AH3972" s="137"/>
      <c r="AI3972" s="137"/>
      <c r="AJ3972" s="137"/>
      <c r="AK3972" s="206"/>
      <c r="AL3972" s="206"/>
      <c r="AM3972" s="143"/>
      <c r="AN3972" s="137"/>
      <c r="AO3972" s="137"/>
      <c r="AP3972" s="137"/>
      <c r="AQ3972" s="137"/>
      <c r="AR3972" s="137"/>
      <c r="AS3972" s="137"/>
      <c r="AT3972" s="137"/>
      <c r="AU3972" s="137"/>
      <c r="AV3972" s="137"/>
      <c r="AW3972" s="144"/>
    </row>
    <row r="3973" spans="2:49" x14ac:dyDescent="0.2">
      <c r="B3973" s="97"/>
      <c r="J3973" s="98"/>
      <c r="K3973" s="97"/>
      <c r="N3973" s="3"/>
      <c r="W3973" s="98"/>
      <c r="Z3973" s="143"/>
      <c r="AA3973" s="137"/>
      <c r="AB3973" s="137"/>
      <c r="AC3973" s="137"/>
      <c r="AD3973" s="137"/>
      <c r="AE3973" s="137"/>
      <c r="AF3973" s="137"/>
      <c r="AG3973" s="137"/>
      <c r="AH3973" s="137"/>
      <c r="AI3973" s="137"/>
      <c r="AJ3973" s="137"/>
      <c r="AK3973" s="206"/>
      <c r="AL3973" s="206"/>
      <c r="AM3973" s="143"/>
      <c r="AN3973" s="137"/>
      <c r="AO3973" s="137"/>
      <c r="AP3973" s="137"/>
      <c r="AQ3973" s="137"/>
      <c r="AR3973" s="137"/>
      <c r="AS3973" s="137"/>
      <c r="AT3973" s="137"/>
      <c r="AU3973" s="137"/>
      <c r="AV3973" s="137"/>
      <c r="AW3973" s="144"/>
    </row>
    <row r="3974" spans="2:49" x14ac:dyDescent="0.2">
      <c r="B3974" s="97"/>
      <c r="J3974" s="98"/>
      <c r="K3974" s="97"/>
      <c r="N3974" s="3"/>
      <c r="W3974" s="98"/>
      <c r="Z3974" s="143"/>
      <c r="AA3974" s="137"/>
      <c r="AB3974" s="137"/>
      <c r="AC3974" s="137"/>
      <c r="AD3974" s="137"/>
      <c r="AE3974" s="137"/>
      <c r="AF3974" s="137"/>
      <c r="AG3974" s="137"/>
      <c r="AH3974" s="137"/>
      <c r="AI3974" s="137"/>
      <c r="AJ3974" s="137"/>
      <c r="AK3974" s="206"/>
      <c r="AL3974" s="206"/>
      <c r="AM3974" s="143"/>
      <c r="AN3974" s="137"/>
      <c r="AO3974" s="137"/>
      <c r="AP3974" s="137"/>
      <c r="AQ3974" s="137"/>
      <c r="AR3974" s="137"/>
      <c r="AS3974" s="137"/>
      <c r="AT3974" s="137"/>
      <c r="AU3974" s="137"/>
      <c r="AV3974" s="137"/>
      <c r="AW3974" s="144"/>
    </row>
    <row r="3975" spans="2:49" x14ac:dyDescent="0.2">
      <c r="B3975" s="97"/>
      <c r="J3975" s="98"/>
      <c r="K3975" s="97"/>
      <c r="N3975" s="3"/>
      <c r="W3975" s="98"/>
      <c r="Z3975" s="143"/>
      <c r="AA3975" s="137"/>
      <c r="AB3975" s="137"/>
      <c r="AC3975" s="137"/>
      <c r="AD3975" s="137"/>
      <c r="AE3975" s="137"/>
      <c r="AF3975" s="137"/>
      <c r="AG3975" s="137"/>
      <c r="AH3975" s="137"/>
      <c r="AI3975" s="137"/>
      <c r="AJ3975" s="137"/>
      <c r="AK3975" s="206"/>
      <c r="AL3975" s="206"/>
      <c r="AM3975" s="143"/>
      <c r="AN3975" s="137"/>
      <c r="AO3975" s="137"/>
      <c r="AP3975" s="137"/>
      <c r="AQ3975" s="137"/>
      <c r="AR3975" s="137"/>
      <c r="AS3975" s="137"/>
      <c r="AT3975" s="137"/>
      <c r="AU3975" s="137"/>
      <c r="AV3975" s="137"/>
      <c r="AW3975" s="144"/>
    </row>
    <row r="3976" spans="2:49" x14ac:dyDescent="0.2">
      <c r="B3976" s="97"/>
      <c r="J3976" s="98"/>
      <c r="K3976" s="97"/>
      <c r="N3976" s="3"/>
      <c r="W3976" s="98"/>
      <c r="Z3976" s="143"/>
      <c r="AA3976" s="137"/>
      <c r="AB3976" s="137"/>
      <c r="AC3976" s="137"/>
      <c r="AD3976" s="137"/>
      <c r="AE3976" s="137"/>
      <c r="AF3976" s="137"/>
      <c r="AG3976" s="137"/>
      <c r="AH3976" s="137"/>
      <c r="AI3976" s="137"/>
      <c r="AJ3976" s="137"/>
      <c r="AK3976" s="206"/>
      <c r="AL3976" s="206"/>
      <c r="AM3976" s="143"/>
      <c r="AN3976" s="137"/>
      <c r="AO3976" s="137"/>
      <c r="AP3976" s="137"/>
      <c r="AQ3976" s="137"/>
      <c r="AR3976" s="137"/>
      <c r="AS3976" s="137"/>
      <c r="AT3976" s="137"/>
      <c r="AU3976" s="137"/>
      <c r="AV3976" s="137"/>
      <c r="AW3976" s="144"/>
    </row>
    <row r="3977" spans="2:49" x14ac:dyDescent="0.2">
      <c r="B3977" s="97"/>
      <c r="J3977" s="98"/>
      <c r="K3977" s="97"/>
      <c r="N3977" s="3"/>
      <c r="W3977" s="98"/>
      <c r="Z3977" s="143"/>
      <c r="AA3977" s="137"/>
      <c r="AB3977" s="137"/>
      <c r="AC3977" s="137"/>
      <c r="AD3977" s="137"/>
      <c r="AE3977" s="137"/>
      <c r="AF3977" s="137"/>
      <c r="AG3977" s="137"/>
      <c r="AH3977" s="137"/>
      <c r="AI3977" s="137"/>
      <c r="AJ3977" s="137"/>
      <c r="AK3977" s="206"/>
      <c r="AL3977" s="206"/>
      <c r="AM3977" s="143"/>
      <c r="AN3977" s="137"/>
      <c r="AO3977" s="137"/>
      <c r="AP3977" s="137"/>
      <c r="AQ3977" s="137"/>
      <c r="AR3977" s="137"/>
      <c r="AS3977" s="137"/>
      <c r="AT3977" s="137"/>
      <c r="AU3977" s="137"/>
      <c r="AV3977" s="137"/>
      <c r="AW3977" s="144"/>
    </row>
    <row r="3978" spans="2:49" x14ac:dyDescent="0.2">
      <c r="B3978" s="97"/>
      <c r="J3978" s="98"/>
      <c r="K3978" s="97"/>
      <c r="N3978" s="3"/>
      <c r="W3978" s="98"/>
      <c r="Z3978" s="143"/>
      <c r="AA3978" s="137"/>
      <c r="AB3978" s="137"/>
      <c r="AC3978" s="137"/>
      <c r="AD3978" s="137"/>
      <c r="AE3978" s="137"/>
      <c r="AF3978" s="137"/>
      <c r="AG3978" s="137"/>
      <c r="AH3978" s="137"/>
      <c r="AI3978" s="137"/>
      <c r="AJ3978" s="137"/>
      <c r="AK3978" s="206"/>
      <c r="AL3978" s="206"/>
      <c r="AM3978" s="143"/>
      <c r="AN3978" s="137"/>
      <c r="AO3978" s="137"/>
      <c r="AP3978" s="137"/>
      <c r="AQ3978" s="137"/>
      <c r="AR3978" s="137"/>
      <c r="AS3978" s="137"/>
      <c r="AT3978" s="137"/>
      <c r="AU3978" s="137"/>
      <c r="AV3978" s="137"/>
      <c r="AW3978" s="144"/>
    </row>
    <row r="3979" spans="2:49" x14ac:dyDescent="0.2">
      <c r="B3979" s="97"/>
      <c r="J3979" s="98"/>
      <c r="K3979" s="97"/>
      <c r="N3979" s="3"/>
      <c r="W3979" s="98"/>
      <c r="Z3979" s="143"/>
      <c r="AA3979" s="137"/>
      <c r="AB3979" s="137"/>
      <c r="AC3979" s="137"/>
      <c r="AD3979" s="137"/>
      <c r="AE3979" s="137"/>
      <c r="AF3979" s="137"/>
      <c r="AG3979" s="137"/>
      <c r="AH3979" s="137"/>
      <c r="AI3979" s="137"/>
      <c r="AJ3979" s="137"/>
      <c r="AK3979" s="206"/>
      <c r="AL3979" s="206"/>
      <c r="AM3979" s="143"/>
      <c r="AN3979" s="137"/>
      <c r="AO3979" s="137"/>
      <c r="AP3979" s="137"/>
      <c r="AQ3979" s="137"/>
      <c r="AR3979" s="137"/>
      <c r="AS3979" s="137"/>
      <c r="AT3979" s="137"/>
      <c r="AU3979" s="137"/>
      <c r="AV3979" s="137"/>
      <c r="AW3979" s="144"/>
    </row>
    <row r="3980" spans="2:49" x14ac:dyDescent="0.2">
      <c r="B3980" s="97"/>
      <c r="J3980" s="98"/>
      <c r="K3980" s="97"/>
      <c r="N3980" s="3"/>
      <c r="W3980" s="98"/>
      <c r="Z3980" s="143"/>
      <c r="AA3980" s="137"/>
      <c r="AB3980" s="137"/>
      <c r="AC3980" s="137"/>
      <c r="AD3980" s="137"/>
      <c r="AE3980" s="137"/>
      <c r="AF3980" s="137"/>
      <c r="AG3980" s="137"/>
      <c r="AH3980" s="137"/>
      <c r="AI3980" s="137"/>
      <c r="AJ3980" s="137"/>
      <c r="AK3980" s="206"/>
      <c r="AL3980" s="206"/>
      <c r="AM3980" s="143"/>
      <c r="AN3980" s="137"/>
      <c r="AO3980" s="137"/>
      <c r="AP3980" s="137"/>
      <c r="AQ3980" s="137"/>
      <c r="AR3980" s="137"/>
      <c r="AS3980" s="137"/>
      <c r="AT3980" s="137"/>
      <c r="AU3980" s="137"/>
      <c r="AV3980" s="137"/>
      <c r="AW3980" s="144"/>
    </row>
    <row r="3981" spans="2:49" x14ac:dyDescent="0.2">
      <c r="B3981" s="97"/>
      <c r="J3981" s="98"/>
      <c r="K3981" s="97"/>
      <c r="N3981" s="3"/>
      <c r="W3981" s="98"/>
      <c r="Z3981" s="143"/>
      <c r="AA3981" s="137"/>
      <c r="AB3981" s="137"/>
      <c r="AC3981" s="137"/>
      <c r="AD3981" s="137"/>
      <c r="AE3981" s="137"/>
      <c r="AF3981" s="137"/>
      <c r="AG3981" s="137"/>
      <c r="AH3981" s="137"/>
      <c r="AI3981" s="137"/>
      <c r="AJ3981" s="137"/>
      <c r="AK3981" s="206"/>
      <c r="AL3981" s="206"/>
      <c r="AM3981" s="143"/>
      <c r="AN3981" s="137"/>
      <c r="AO3981" s="137"/>
      <c r="AP3981" s="137"/>
      <c r="AQ3981" s="137"/>
      <c r="AR3981" s="137"/>
      <c r="AS3981" s="137"/>
      <c r="AT3981" s="137"/>
      <c r="AU3981" s="137"/>
      <c r="AV3981" s="137"/>
      <c r="AW3981" s="144"/>
    </row>
    <row r="3982" spans="2:49" x14ac:dyDescent="0.2">
      <c r="B3982" s="97"/>
      <c r="J3982" s="98"/>
      <c r="K3982" s="97"/>
      <c r="N3982" s="3"/>
      <c r="W3982" s="98"/>
      <c r="Z3982" s="143"/>
      <c r="AA3982" s="137"/>
      <c r="AB3982" s="137"/>
      <c r="AC3982" s="137"/>
      <c r="AD3982" s="137"/>
      <c r="AE3982" s="137"/>
      <c r="AF3982" s="137"/>
      <c r="AG3982" s="137"/>
      <c r="AH3982" s="137"/>
      <c r="AI3982" s="137"/>
      <c r="AJ3982" s="137"/>
      <c r="AK3982" s="206"/>
      <c r="AL3982" s="206"/>
      <c r="AM3982" s="143"/>
      <c r="AN3982" s="137"/>
      <c r="AO3982" s="137"/>
      <c r="AP3982" s="137"/>
      <c r="AQ3982" s="137"/>
      <c r="AR3982" s="137"/>
      <c r="AS3982" s="137"/>
      <c r="AT3982" s="137"/>
      <c r="AU3982" s="137"/>
      <c r="AV3982" s="137"/>
      <c r="AW3982" s="144"/>
    </row>
    <row r="3983" spans="2:49" x14ac:dyDescent="0.2">
      <c r="B3983" s="97"/>
      <c r="J3983" s="98"/>
      <c r="K3983" s="97"/>
      <c r="N3983" s="3"/>
      <c r="W3983" s="98"/>
      <c r="Z3983" s="143"/>
      <c r="AA3983" s="137"/>
      <c r="AB3983" s="137"/>
      <c r="AC3983" s="137"/>
      <c r="AD3983" s="137"/>
      <c r="AE3983" s="137"/>
      <c r="AF3983" s="137"/>
      <c r="AG3983" s="137"/>
      <c r="AH3983" s="137"/>
      <c r="AI3983" s="137"/>
      <c r="AJ3983" s="137"/>
      <c r="AK3983" s="206"/>
      <c r="AL3983" s="206"/>
      <c r="AM3983" s="143"/>
      <c r="AN3983" s="137"/>
      <c r="AO3983" s="137"/>
      <c r="AP3983" s="137"/>
      <c r="AQ3983" s="137"/>
      <c r="AR3983" s="137"/>
      <c r="AS3983" s="137"/>
      <c r="AT3983" s="137"/>
      <c r="AU3983" s="137"/>
      <c r="AV3983" s="137"/>
      <c r="AW3983" s="144"/>
    </row>
    <row r="3984" spans="2:49" x14ac:dyDescent="0.2">
      <c r="B3984" s="97"/>
      <c r="J3984" s="98"/>
      <c r="K3984" s="97"/>
      <c r="N3984" s="3"/>
      <c r="W3984" s="98"/>
      <c r="Z3984" s="143"/>
      <c r="AA3984" s="137"/>
      <c r="AB3984" s="137"/>
      <c r="AC3984" s="137"/>
      <c r="AD3984" s="137"/>
      <c r="AE3984" s="137"/>
      <c r="AF3984" s="137"/>
      <c r="AG3984" s="137"/>
      <c r="AH3984" s="137"/>
      <c r="AI3984" s="137"/>
      <c r="AJ3984" s="137"/>
      <c r="AK3984" s="206"/>
      <c r="AL3984" s="206"/>
      <c r="AM3984" s="143"/>
      <c r="AN3984" s="137"/>
      <c r="AO3984" s="137"/>
      <c r="AP3984" s="137"/>
      <c r="AQ3984" s="137"/>
      <c r="AR3984" s="137"/>
      <c r="AS3984" s="137"/>
      <c r="AT3984" s="137"/>
      <c r="AU3984" s="137"/>
      <c r="AV3984" s="137"/>
      <c r="AW3984" s="144"/>
    </row>
    <row r="3985" spans="2:49" x14ac:dyDescent="0.2">
      <c r="B3985" s="97"/>
      <c r="J3985" s="98"/>
      <c r="K3985" s="97"/>
      <c r="N3985" s="3"/>
      <c r="W3985" s="98"/>
      <c r="Z3985" s="143"/>
      <c r="AA3985" s="137"/>
      <c r="AB3985" s="137"/>
      <c r="AC3985" s="137"/>
      <c r="AD3985" s="137"/>
      <c r="AE3985" s="137"/>
      <c r="AF3985" s="137"/>
      <c r="AG3985" s="137"/>
      <c r="AH3985" s="137"/>
      <c r="AI3985" s="137"/>
      <c r="AJ3985" s="137"/>
      <c r="AK3985" s="206"/>
      <c r="AL3985" s="206"/>
      <c r="AM3985" s="143"/>
      <c r="AN3985" s="137"/>
      <c r="AO3985" s="137"/>
      <c r="AP3985" s="137"/>
      <c r="AQ3985" s="137"/>
      <c r="AR3985" s="137"/>
      <c r="AS3985" s="137"/>
      <c r="AT3985" s="137"/>
      <c r="AU3985" s="137"/>
      <c r="AV3985" s="137"/>
      <c r="AW3985" s="144"/>
    </row>
    <row r="3986" spans="2:49" x14ac:dyDescent="0.2">
      <c r="B3986" s="97"/>
      <c r="J3986" s="98"/>
      <c r="K3986" s="97"/>
      <c r="N3986" s="3"/>
      <c r="W3986" s="98"/>
      <c r="Z3986" s="143"/>
      <c r="AA3986" s="137"/>
      <c r="AB3986" s="137"/>
      <c r="AC3986" s="137"/>
      <c r="AD3986" s="137"/>
      <c r="AE3986" s="137"/>
      <c r="AF3986" s="137"/>
      <c r="AG3986" s="137"/>
      <c r="AH3986" s="137"/>
      <c r="AI3986" s="137"/>
      <c r="AJ3986" s="137"/>
      <c r="AK3986" s="206"/>
      <c r="AL3986" s="206"/>
      <c r="AM3986" s="143"/>
      <c r="AN3986" s="137"/>
      <c r="AO3986" s="137"/>
      <c r="AP3986" s="137"/>
      <c r="AQ3986" s="137"/>
      <c r="AR3986" s="137"/>
      <c r="AS3986" s="137"/>
      <c r="AT3986" s="137"/>
      <c r="AU3986" s="137"/>
      <c r="AV3986" s="137"/>
      <c r="AW3986" s="144"/>
    </row>
    <row r="3987" spans="2:49" x14ac:dyDescent="0.2">
      <c r="B3987" s="97"/>
      <c r="J3987" s="98"/>
      <c r="K3987" s="97"/>
      <c r="N3987" s="3"/>
      <c r="W3987" s="98"/>
      <c r="Z3987" s="143"/>
      <c r="AA3987" s="137"/>
      <c r="AB3987" s="137"/>
      <c r="AC3987" s="137"/>
      <c r="AD3987" s="137"/>
      <c r="AE3987" s="137"/>
      <c r="AF3987" s="137"/>
      <c r="AG3987" s="137"/>
      <c r="AH3987" s="137"/>
      <c r="AI3987" s="137"/>
      <c r="AJ3987" s="137"/>
      <c r="AK3987" s="206"/>
      <c r="AL3987" s="206"/>
      <c r="AM3987" s="143"/>
      <c r="AN3987" s="137"/>
      <c r="AO3987" s="137"/>
      <c r="AP3987" s="137"/>
      <c r="AQ3987" s="137"/>
      <c r="AR3987" s="137"/>
      <c r="AS3987" s="137"/>
      <c r="AT3987" s="137"/>
      <c r="AU3987" s="137"/>
      <c r="AV3987" s="137"/>
      <c r="AW3987" s="144"/>
    </row>
    <row r="3988" spans="2:49" x14ac:dyDescent="0.2">
      <c r="B3988" s="97"/>
      <c r="J3988" s="98"/>
      <c r="K3988" s="97"/>
      <c r="N3988" s="3"/>
      <c r="W3988" s="98"/>
      <c r="Z3988" s="143"/>
      <c r="AA3988" s="137"/>
      <c r="AB3988" s="137"/>
      <c r="AC3988" s="137"/>
      <c r="AD3988" s="137"/>
      <c r="AE3988" s="137"/>
      <c r="AF3988" s="137"/>
      <c r="AG3988" s="137"/>
      <c r="AH3988" s="137"/>
      <c r="AI3988" s="137"/>
      <c r="AJ3988" s="137"/>
      <c r="AK3988" s="206"/>
      <c r="AL3988" s="206"/>
      <c r="AM3988" s="143"/>
      <c r="AN3988" s="137"/>
      <c r="AO3988" s="137"/>
      <c r="AP3988" s="137"/>
      <c r="AQ3988" s="137"/>
      <c r="AR3988" s="137"/>
      <c r="AS3988" s="137"/>
      <c r="AT3988" s="137"/>
      <c r="AU3988" s="137"/>
      <c r="AV3988" s="137"/>
      <c r="AW3988" s="144"/>
    </row>
    <row r="3989" spans="2:49" x14ac:dyDescent="0.2">
      <c r="B3989" s="97"/>
      <c r="J3989" s="98"/>
      <c r="K3989" s="97"/>
      <c r="N3989" s="3"/>
      <c r="W3989" s="98"/>
      <c r="Z3989" s="143"/>
      <c r="AA3989" s="137"/>
      <c r="AB3989" s="137"/>
      <c r="AC3989" s="137"/>
      <c r="AD3989" s="137"/>
      <c r="AE3989" s="137"/>
      <c r="AF3989" s="137"/>
      <c r="AG3989" s="137"/>
      <c r="AH3989" s="137"/>
      <c r="AI3989" s="137"/>
      <c r="AJ3989" s="137"/>
      <c r="AK3989" s="206"/>
      <c r="AL3989" s="206"/>
      <c r="AM3989" s="143"/>
      <c r="AN3989" s="137"/>
      <c r="AO3989" s="137"/>
      <c r="AP3989" s="137"/>
      <c r="AQ3989" s="137"/>
      <c r="AR3989" s="137"/>
      <c r="AS3989" s="137"/>
      <c r="AT3989" s="137"/>
      <c r="AU3989" s="137"/>
      <c r="AV3989" s="137"/>
      <c r="AW3989" s="144"/>
    </row>
    <row r="3990" spans="2:49" x14ac:dyDescent="0.2">
      <c r="B3990" s="97"/>
      <c r="J3990" s="98"/>
      <c r="K3990" s="97"/>
      <c r="N3990" s="3"/>
      <c r="W3990" s="98"/>
      <c r="Z3990" s="143"/>
      <c r="AA3990" s="137"/>
      <c r="AB3990" s="137"/>
      <c r="AC3990" s="137"/>
      <c r="AD3990" s="137"/>
      <c r="AE3990" s="137"/>
      <c r="AF3990" s="137"/>
      <c r="AG3990" s="137"/>
      <c r="AH3990" s="137"/>
      <c r="AI3990" s="137"/>
      <c r="AJ3990" s="137"/>
      <c r="AK3990" s="206"/>
      <c r="AL3990" s="206"/>
      <c r="AM3990" s="143"/>
      <c r="AN3990" s="137"/>
      <c r="AO3990" s="137"/>
      <c r="AP3990" s="137"/>
      <c r="AQ3990" s="137"/>
      <c r="AR3990" s="137"/>
      <c r="AS3990" s="137"/>
      <c r="AT3990" s="137"/>
      <c r="AU3990" s="137"/>
      <c r="AV3990" s="137"/>
      <c r="AW3990" s="144"/>
    </row>
    <row r="3991" spans="2:49" x14ac:dyDescent="0.2">
      <c r="B3991" s="97"/>
      <c r="J3991" s="98"/>
      <c r="K3991" s="97"/>
      <c r="N3991" s="3"/>
      <c r="W3991" s="98"/>
      <c r="Z3991" s="143"/>
      <c r="AA3991" s="137"/>
      <c r="AB3991" s="137"/>
      <c r="AC3991" s="137"/>
      <c r="AD3991" s="137"/>
      <c r="AE3991" s="137"/>
      <c r="AF3991" s="137"/>
      <c r="AG3991" s="137"/>
      <c r="AH3991" s="137"/>
      <c r="AI3991" s="137"/>
      <c r="AJ3991" s="137"/>
      <c r="AK3991" s="206"/>
      <c r="AL3991" s="206"/>
      <c r="AM3991" s="143"/>
      <c r="AN3991" s="137"/>
      <c r="AO3991" s="137"/>
      <c r="AP3991" s="137"/>
      <c r="AQ3991" s="137"/>
      <c r="AR3991" s="137"/>
      <c r="AS3991" s="137"/>
      <c r="AT3991" s="137"/>
      <c r="AU3991" s="137"/>
      <c r="AV3991" s="137"/>
      <c r="AW3991" s="144"/>
    </row>
    <row r="3992" spans="2:49" x14ac:dyDescent="0.2">
      <c r="B3992" s="97"/>
      <c r="J3992" s="98"/>
      <c r="K3992" s="97"/>
      <c r="N3992" s="3"/>
      <c r="W3992" s="98"/>
      <c r="Z3992" s="143"/>
      <c r="AA3992" s="137"/>
      <c r="AB3992" s="137"/>
      <c r="AC3992" s="137"/>
      <c r="AD3992" s="137"/>
      <c r="AE3992" s="137"/>
      <c r="AF3992" s="137"/>
      <c r="AG3992" s="137"/>
      <c r="AH3992" s="137"/>
      <c r="AI3992" s="137"/>
      <c r="AJ3992" s="137"/>
      <c r="AK3992" s="206"/>
      <c r="AL3992" s="206"/>
      <c r="AM3992" s="143"/>
      <c r="AN3992" s="137"/>
      <c r="AO3992" s="137"/>
      <c r="AP3992" s="137"/>
      <c r="AQ3992" s="137"/>
      <c r="AR3992" s="137"/>
      <c r="AS3992" s="137"/>
      <c r="AT3992" s="137"/>
      <c r="AU3992" s="137"/>
      <c r="AV3992" s="137"/>
      <c r="AW3992" s="144"/>
    </row>
    <row r="3993" spans="2:49" x14ac:dyDescent="0.2">
      <c r="B3993" s="97"/>
      <c r="J3993" s="98"/>
      <c r="K3993" s="97"/>
      <c r="N3993" s="3"/>
      <c r="W3993" s="98"/>
      <c r="Z3993" s="143"/>
      <c r="AA3993" s="137"/>
      <c r="AB3993" s="137"/>
      <c r="AC3993" s="137"/>
      <c r="AD3993" s="137"/>
      <c r="AE3993" s="137"/>
      <c r="AF3993" s="137"/>
      <c r="AG3993" s="137"/>
      <c r="AH3993" s="137"/>
      <c r="AI3993" s="137"/>
      <c r="AJ3993" s="137"/>
      <c r="AK3993" s="206"/>
      <c r="AL3993" s="206"/>
      <c r="AM3993" s="143"/>
      <c r="AN3993" s="137"/>
      <c r="AO3993" s="137"/>
      <c r="AP3993" s="137"/>
      <c r="AQ3993" s="137"/>
      <c r="AR3993" s="137"/>
      <c r="AS3993" s="137"/>
      <c r="AT3993" s="137"/>
      <c r="AU3993" s="137"/>
      <c r="AV3993" s="137"/>
      <c r="AW3993" s="144"/>
    </row>
    <row r="3994" spans="2:49" x14ac:dyDescent="0.2">
      <c r="B3994" s="97"/>
      <c r="J3994" s="98"/>
      <c r="K3994" s="97"/>
      <c r="N3994" s="3"/>
      <c r="W3994" s="98"/>
      <c r="Z3994" s="143"/>
      <c r="AA3994" s="137"/>
      <c r="AB3994" s="137"/>
      <c r="AC3994" s="137"/>
      <c r="AD3994" s="137"/>
      <c r="AE3994" s="137"/>
      <c r="AF3994" s="137"/>
      <c r="AG3994" s="137"/>
      <c r="AH3994" s="137"/>
      <c r="AI3994" s="137"/>
      <c r="AJ3994" s="137"/>
      <c r="AK3994" s="206"/>
      <c r="AL3994" s="206"/>
      <c r="AM3994" s="143"/>
      <c r="AN3994" s="137"/>
      <c r="AO3994" s="137"/>
      <c r="AP3994" s="137"/>
      <c r="AQ3994" s="137"/>
      <c r="AR3994" s="137"/>
      <c r="AS3994" s="137"/>
      <c r="AT3994" s="137"/>
      <c r="AU3994" s="137"/>
      <c r="AV3994" s="137"/>
      <c r="AW3994" s="144"/>
    </row>
    <row r="3995" spans="2:49" x14ac:dyDescent="0.2">
      <c r="B3995" s="97"/>
      <c r="J3995" s="98"/>
      <c r="K3995" s="97"/>
      <c r="N3995" s="3"/>
      <c r="W3995" s="98"/>
      <c r="Z3995" s="143"/>
      <c r="AA3995" s="137"/>
      <c r="AB3995" s="137"/>
      <c r="AC3995" s="137"/>
      <c r="AD3995" s="137"/>
      <c r="AE3995" s="137"/>
      <c r="AF3995" s="137"/>
      <c r="AG3995" s="137"/>
      <c r="AH3995" s="137"/>
      <c r="AI3995" s="137"/>
      <c r="AJ3995" s="137"/>
      <c r="AK3995" s="206"/>
      <c r="AL3995" s="206"/>
      <c r="AM3995" s="143"/>
      <c r="AN3995" s="137"/>
      <c r="AO3995" s="137"/>
      <c r="AP3995" s="137"/>
      <c r="AQ3995" s="137"/>
      <c r="AR3995" s="137"/>
      <c r="AS3995" s="137"/>
      <c r="AT3995" s="137"/>
      <c r="AU3995" s="137"/>
      <c r="AV3995" s="137"/>
      <c r="AW3995" s="144"/>
    </row>
    <row r="3996" spans="2:49" x14ac:dyDescent="0.2">
      <c r="B3996" s="97"/>
      <c r="J3996" s="98"/>
      <c r="K3996" s="97"/>
      <c r="N3996" s="3"/>
      <c r="W3996" s="98"/>
      <c r="Z3996" s="143"/>
      <c r="AA3996" s="137"/>
      <c r="AB3996" s="137"/>
      <c r="AC3996" s="137"/>
      <c r="AD3996" s="137"/>
      <c r="AE3996" s="137"/>
      <c r="AF3996" s="137"/>
      <c r="AG3996" s="137"/>
      <c r="AH3996" s="137"/>
      <c r="AI3996" s="137"/>
      <c r="AJ3996" s="137"/>
      <c r="AK3996" s="206"/>
      <c r="AL3996" s="206"/>
      <c r="AM3996" s="143"/>
      <c r="AN3996" s="137"/>
      <c r="AO3996" s="137"/>
      <c r="AP3996" s="137"/>
      <c r="AQ3996" s="137"/>
      <c r="AR3996" s="137"/>
      <c r="AS3996" s="137"/>
      <c r="AT3996" s="137"/>
      <c r="AU3996" s="137"/>
      <c r="AV3996" s="137"/>
      <c r="AW3996" s="144"/>
    </row>
    <row r="3997" spans="2:49" x14ac:dyDescent="0.2">
      <c r="B3997" s="97"/>
      <c r="J3997" s="98"/>
      <c r="K3997" s="97"/>
      <c r="N3997" s="3"/>
      <c r="W3997" s="98"/>
      <c r="Z3997" s="143"/>
      <c r="AA3997" s="137"/>
      <c r="AB3997" s="137"/>
      <c r="AC3997" s="137"/>
      <c r="AD3997" s="137"/>
      <c r="AE3997" s="137"/>
      <c r="AF3997" s="137"/>
      <c r="AG3997" s="137"/>
      <c r="AH3997" s="137"/>
      <c r="AI3997" s="137"/>
      <c r="AJ3997" s="137"/>
      <c r="AK3997" s="206"/>
      <c r="AL3997" s="206"/>
      <c r="AM3997" s="143"/>
      <c r="AN3997" s="137"/>
      <c r="AO3997" s="137"/>
      <c r="AP3997" s="137"/>
      <c r="AQ3997" s="137"/>
      <c r="AR3997" s="137"/>
      <c r="AS3997" s="137"/>
      <c r="AT3997" s="137"/>
      <c r="AU3997" s="137"/>
      <c r="AV3997" s="137"/>
      <c r="AW3997" s="144"/>
    </row>
    <row r="3998" spans="2:49" x14ac:dyDescent="0.2">
      <c r="B3998" s="97"/>
      <c r="J3998" s="98"/>
      <c r="K3998" s="97"/>
      <c r="N3998" s="3"/>
      <c r="W3998" s="98"/>
      <c r="Z3998" s="143"/>
      <c r="AA3998" s="137"/>
      <c r="AB3998" s="137"/>
      <c r="AC3998" s="137"/>
      <c r="AD3998" s="137"/>
      <c r="AE3998" s="137"/>
      <c r="AF3998" s="137"/>
      <c r="AG3998" s="137"/>
      <c r="AH3998" s="137"/>
      <c r="AI3998" s="137"/>
      <c r="AJ3998" s="137"/>
      <c r="AK3998" s="206"/>
      <c r="AL3998" s="206"/>
      <c r="AM3998" s="143"/>
      <c r="AN3998" s="137"/>
      <c r="AO3998" s="137"/>
      <c r="AP3998" s="137"/>
      <c r="AQ3998" s="137"/>
      <c r="AR3998" s="137"/>
      <c r="AS3998" s="137"/>
      <c r="AT3998" s="137"/>
      <c r="AU3998" s="137"/>
      <c r="AV3998" s="137"/>
      <c r="AW3998" s="144"/>
    </row>
    <row r="3999" spans="2:49" x14ac:dyDescent="0.2">
      <c r="B3999" s="97"/>
      <c r="J3999" s="98"/>
      <c r="K3999" s="97"/>
      <c r="N3999" s="3"/>
      <c r="W3999" s="98"/>
      <c r="Z3999" s="143"/>
      <c r="AA3999" s="137"/>
      <c r="AB3999" s="137"/>
      <c r="AC3999" s="137"/>
      <c r="AD3999" s="137"/>
      <c r="AE3999" s="137"/>
      <c r="AF3999" s="137"/>
      <c r="AG3999" s="137"/>
      <c r="AH3999" s="137"/>
      <c r="AI3999" s="137"/>
      <c r="AJ3999" s="137"/>
      <c r="AK3999" s="206"/>
      <c r="AL3999" s="206"/>
      <c r="AM3999" s="143"/>
      <c r="AN3999" s="137"/>
      <c r="AO3999" s="137"/>
      <c r="AP3999" s="137"/>
      <c r="AQ3999" s="137"/>
      <c r="AR3999" s="137"/>
      <c r="AS3999" s="137"/>
      <c r="AT3999" s="137"/>
      <c r="AU3999" s="137"/>
      <c r="AV3999" s="137"/>
      <c r="AW3999" s="144"/>
    </row>
    <row r="4000" spans="2:49" x14ac:dyDescent="0.2">
      <c r="B4000" s="97"/>
      <c r="J4000" s="98"/>
      <c r="K4000" s="97"/>
      <c r="N4000" s="3"/>
      <c r="W4000" s="98"/>
      <c r="Z4000" s="143"/>
      <c r="AA4000" s="137"/>
      <c r="AB4000" s="137"/>
      <c r="AC4000" s="137"/>
      <c r="AD4000" s="137"/>
      <c r="AE4000" s="137"/>
      <c r="AF4000" s="137"/>
      <c r="AG4000" s="137"/>
      <c r="AH4000" s="137"/>
      <c r="AI4000" s="137"/>
      <c r="AJ4000" s="137"/>
      <c r="AK4000" s="206"/>
      <c r="AL4000" s="206"/>
      <c r="AM4000" s="143"/>
      <c r="AN4000" s="137"/>
      <c r="AO4000" s="137"/>
      <c r="AP4000" s="137"/>
      <c r="AQ4000" s="137"/>
      <c r="AR4000" s="137"/>
      <c r="AS4000" s="137"/>
      <c r="AT4000" s="137"/>
      <c r="AU4000" s="137"/>
      <c r="AV4000" s="137"/>
      <c r="AW4000" s="144"/>
    </row>
    <row r="4001" spans="2:49" x14ac:dyDescent="0.2">
      <c r="B4001" s="97"/>
      <c r="J4001" s="98"/>
      <c r="K4001" s="97"/>
      <c r="N4001" s="3"/>
      <c r="W4001" s="98"/>
      <c r="Z4001" s="143"/>
      <c r="AA4001" s="137"/>
      <c r="AB4001" s="137"/>
      <c r="AC4001" s="137"/>
      <c r="AD4001" s="137"/>
      <c r="AE4001" s="137"/>
      <c r="AF4001" s="137"/>
      <c r="AG4001" s="137"/>
      <c r="AH4001" s="137"/>
      <c r="AI4001" s="137"/>
      <c r="AJ4001" s="137"/>
      <c r="AK4001" s="206"/>
      <c r="AL4001" s="206"/>
      <c r="AM4001" s="143"/>
      <c r="AN4001" s="137"/>
      <c r="AO4001" s="137"/>
      <c r="AP4001" s="137"/>
      <c r="AQ4001" s="137"/>
      <c r="AR4001" s="137"/>
      <c r="AS4001" s="137"/>
      <c r="AT4001" s="137"/>
      <c r="AU4001" s="137"/>
      <c r="AV4001" s="137"/>
      <c r="AW4001" s="144"/>
    </row>
    <row r="4002" spans="2:49" x14ac:dyDescent="0.2">
      <c r="B4002" s="97"/>
      <c r="J4002" s="98"/>
      <c r="K4002" s="97"/>
      <c r="N4002" s="3"/>
      <c r="W4002" s="98"/>
      <c r="Z4002" s="143"/>
      <c r="AA4002" s="137"/>
      <c r="AB4002" s="137"/>
      <c r="AC4002" s="137"/>
      <c r="AD4002" s="137"/>
      <c r="AE4002" s="137"/>
      <c r="AF4002" s="137"/>
      <c r="AG4002" s="137"/>
      <c r="AH4002" s="137"/>
      <c r="AI4002" s="137"/>
      <c r="AJ4002" s="137"/>
      <c r="AK4002" s="206"/>
      <c r="AL4002" s="206"/>
      <c r="AM4002" s="143"/>
      <c r="AN4002" s="137"/>
      <c r="AO4002" s="137"/>
      <c r="AP4002" s="137"/>
      <c r="AQ4002" s="137"/>
      <c r="AR4002" s="137"/>
      <c r="AS4002" s="137"/>
      <c r="AT4002" s="137"/>
      <c r="AU4002" s="137"/>
      <c r="AV4002" s="137"/>
      <c r="AW4002" s="144"/>
    </row>
    <row r="4003" spans="2:49" x14ac:dyDescent="0.2">
      <c r="B4003" s="97"/>
      <c r="J4003" s="98"/>
      <c r="K4003" s="97"/>
      <c r="N4003" s="3"/>
      <c r="W4003" s="98"/>
      <c r="Z4003" s="143"/>
      <c r="AA4003" s="137"/>
      <c r="AB4003" s="137"/>
      <c r="AC4003" s="137"/>
      <c r="AD4003" s="137"/>
      <c r="AE4003" s="137"/>
      <c r="AF4003" s="137"/>
      <c r="AG4003" s="137"/>
      <c r="AH4003" s="137"/>
      <c r="AI4003" s="137"/>
      <c r="AJ4003" s="137"/>
      <c r="AK4003" s="206"/>
      <c r="AL4003" s="206"/>
      <c r="AM4003" s="143"/>
      <c r="AN4003" s="137"/>
      <c r="AO4003" s="137"/>
      <c r="AP4003" s="137"/>
      <c r="AQ4003" s="137"/>
      <c r="AR4003" s="137"/>
      <c r="AS4003" s="137"/>
      <c r="AT4003" s="137"/>
      <c r="AU4003" s="137"/>
      <c r="AV4003" s="137"/>
      <c r="AW4003" s="144"/>
    </row>
    <row r="4004" spans="2:49" x14ac:dyDescent="0.2">
      <c r="B4004" s="97"/>
      <c r="J4004" s="98"/>
      <c r="K4004" s="97"/>
      <c r="N4004" s="3"/>
      <c r="W4004" s="98"/>
      <c r="Z4004" s="143"/>
      <c r="AA4004" s="137"/>
      <c r="AB4004" s="137"/>
      <c r="AC4004" s="137"/>
      <c r="AD4004" s="137"/>
      <c r="AE4004" s="137"/>
      <c r="AF4004" s="137"/>
      <c r="AG4004" s="137"/>
      <c r="AH4004" s="137"/>
      <c r="AI4004" s="137"/>
      <c r="AJ4004" s="137"/>
      <c r="AK4004" s="206"/>
      <c r="AL4004" s="206"/>
      <c r="AM4004" s="143"/>
      <c r="AN4004" s="137"/>
      <c r="AO4004" s="137"/>
      <c r="AP4004" s="137"/>
      <c r="AQ4004" s="137"/>
      <c r="AR4004" s="137"/>
      <c r="AS4004" s="137"/>
      <c r="AT4004" s="137"/>
      <c r="AU4004" s="137"/>
      <c r="AV4004" s="137"/>
      <c r="AW4004" s="144"/>
    </row>
    <row r="4005" spans="2:49" x14ac:dyDescent="0.2">
      <c r="B4005" s="97"/>
      <c r="J4005" s="98"/>
      <c r="K4005" s="97"/>
      <c r="N4005" s="3"/>
      <c r="W4005" s="98"/>
      <c r="Z4005" s="143"/>
      <c r="AA4005" s="137"/>
      <c r="AB4005" s="137"/>
      <c r="AC4005" s="137"/>
      <c r="AD4005" s="137"/>
      <c r="AE4005" s="137"/>
      <c r="AF4005" s="137"/>
      <c r="AG4005" s="137"/>
      <c r="AH4005" s="137"/>
      <c r="AI4005" s="137"/>
      <c r="AJ4005" s="137"/>
      <c r="AK4005" s="206"/>
      <c r="AL4005" s="206"/>
      <c r="AM4005" s="143"/>
      <c r="AN4005" s="137"/>
      <c r="AO4005" s="137"/>
      <c r="AP4005" s="137"/>
      <c r="AQ4005" s="137"/>
      <c r="AR4005" s="137"/>
      <c r="AS4005" s="137"/>
      <c r="AT4005" s="137"/>
      <c r="AU4005" s="137"/>
      <c r="AV4005" s="137"/>
      <c r="AW4005" s="144"/>
    </row>
    <row r="4006" spans="2:49" x14ac:dyDescent="0.2">
      <c r="B4006" s="97"/>
      <c r="J4006" s="98"/>
      <c r="K4006" s="97"/>
      <c r="N4006" s="3"/>
      <c r="W4006" s="98"/>
      <c r="Z4006" s="143"/>
      <c r="AA4006" s="137"/>
      <c r="AB4006" s="137"/>
      <c r="AC4006" s="137"/>
      <c r="AD4006" s="137"/>
      <c r="AE4006" s="137"/>
      <c r="AF4006" s="137"/>
      <c r="AG4006" s="137"/>
      <c r="AH4006" s="137"/>
      <c r="AI4006" s="137"/>
      <c r="AJ4006" s="137"/>
      <c r="AK4006" s="206"/>
      <c r="AL4006" s="206"/>
      <c r="AM4006" s="143"/>
      <c r="AN4006" s="137"/>
      <c r="AO4006" s="137"/>
      <c r="AP4006" s="137"/>
      <c r="AQ4006" s="137"/>
      <c r="AR4006" s="137"/>
      <c r="AS4006" s="137"/>
      <c r="AT4006" s="137"/>
      <c r="AU4006" s="137"/>
      <c r="AV4006" s="137"/>
      <c r="AW4006" s="144"/>
    </row>
    <row r="4007" spans="2:49" x14ac:dyDescent="0.2">
      <c r="B4007" s="97"/>
      <c r="J4007" s="98"/>
      <c r="K4007" s="97"/>
      <c r="N4007" s="3"/>
      <c r="W4007" s="98"/>
      <c r="Z4007" s="143"/>
      <c r="AA4007" s="137"/>
      <c r="AB4007" s="137"/>
      <c r="AC4007" s="137"/>
      <c r="AD4007" s="137"/>
      <c r="AE4007" s="137"/>
      <c r="AF4007" s="137"/>
      <c r="AG4007" s="137"/>
      <c r="AH4007" s="137"/>
      <c r="AI4007" s="137"/>
      <c r="AJ4007" s="137"/>
      <c r="AK4007" s="206"/>
      <c r="AL4007" s="206"/>
      <c r="AM4007" s="143"/>
      <c r="AN4007" s="137"/>
      <c r="AO4007" s="137"/>
      <c r="AP4007" s="137"/>
      <c r="AQ4007" s="137"/>
      <c r="AR4007" s="137"/>
      <c r="AS4007" s="137"/>
      <c r="AT4007" s="137"/>
      <c r="AU4007" s="137"/>
      <c r="AV4007" s="137"/>
      <c r="AW4007" s="144"/>
    </row>
    <row r="4008" spans="2:49" x14ac:dyDescent="0.2">
      <c r="B4008" s="97"/>
      <c r="J4008" s="98"/>
      <c r="K4008" s="97"/>
      <c r="N4008" s="3"/>
      <c r="W4008" s="98"/>
      <c r="Z4008" s="143"/>
      <c r="AA4008" s="137"/>
      <c r="AB4008" s="137"/>
      <c r="AC4008" s="137"/>
      <c r="AD4008" s="137"/>
      <c r="AE4008" s="137"/>
      <c r="AF4008" s="137"/>
      <c r="AG4008" s="137"/>
      <c r="AH4008" s="137"/>
      <c r="AI4008" s="137"/>
      <c r="AJ4008" s="137"/>
      <c r="AK4008" s="206"/>
      <c r="AL4008" s="206"/>
      <c r="AM4008" s="143"/>
      <c r="AN4008" s="137"/>
      <c r="AO4008" s="137"/>
      <c r="AP4008" s="137"/>
      <c r="AQ4008" s="137"/>
      <c r="AR4008" s="137"/>
      <c r="AS4008" s="137"/>
      <c r="AT4008" s="137"/>
      <c r="AU4008" s="137"/>
      <c r="AV4008" s="137"/>
      <c r="AW4008" s="144"/>
    </row>
    <row r="4009" spans="2:49" x14ac:dyDescent="0.2">
      <c r="B4009" s="97"/>
      <c r="J4009" s="98"/>
      <c r="K4009" s="97"/>
      <c r="N4009" s="3"/>
      <c r="W4009" s="98"/>
      <c r="Z4009" s="143"/>
      <c r="AA4009" s="137"/>
      <c r="AB4009" s="137"/>
      <c r="AC4009" s="137"/>
      <c r="AD4009" s="137"/>
      <c r="AE4009" s="137"/>
      <c r="AF4009" s="137"/>
      <c r="AG4009" s="137"/>
      <c r="AH4009" s="137"/>
      <c r="AI4009" s="137"/>
      <c r="AJ4009" s="137"/>
      <c r="AK4009" s="206"/>
      <c r="AL4009" s="206"/>
      <c r="AM4009" s="143"/>
      <c r="AN4009" s="137"/>
      <c r="AO4009" s="137"/>
      <c r="AP4009" s="137"/>
      <c r="AQ4009" s="137"/>
      <c r="AR4009" s="137"/>
      <c r="AS4009" s="137"/>
      <c r="AT4009" s="137"/>
      <c r="AU4009" s="137"/>
      <c r="AV4009" s="137"/>
      <c r="AW4009" s="144"/>
    </row>
    <row r="4010" spans="2:49" x14ac:dyDescent="0.2">
      <c r="B4010" s="97"/>
      <c r="J4010" s="98"/>
      <c r="K4010" s="97"/>
      <c r="N4010" s="3"/>
      <c r="W4010" s="98"/>
      <c r="Z4010" s="143"/>
      <c r="AA4010" s="137"/>
      <c r="AB4010" s="137"/>
      <c r="AC4010" s="137"/>
      <c r="AD4010" s="137"/>
      <c r="AE4010" s="137"/>
      <c r="AF4010" s="137"/>
      <c r="AG4010" s="137"/>
      <c r="AH4010" s="137"/>
      <c r="AI4010" s="137"/>
      <c r="AJ4010" s="137"/>
      <c r="AK4010" s="206"/>
      <c r="AL4010" s="206"/>
      <c r="AM4010" s="143"/>
      <c r="AN4010" s="137"/>
      <c r="AO4010" s="137"/>
      <c r="AP4010" s="137"/>
      <c r="AQ4010" s="137"/>
      <c r="AR4010" s="137"/>
      <c r="AS4010" s="137"/>
      <c r="AT4010" s="137"/>
      <c r="AU4010" s="137"/>
      <c r="AV4010" s="137"/>
      <c r="AW4010" s="144"/>
    </row>
    <row r="4011" spans="2:49" x14ac:dyDescent="0.2">
      <c r="B4011" s="97"/>
      <c r="J4011" s="98"/>
      <c r="K4011" s="97"/>
      <c r="N4011" s="3"/>
      <c r="W4011" s="98"/>
      <c r="Z4011" s="143"/>
      <c r="AA4011" s="137"/>
      <c r="AB4011" s="137"/>
      <c r="AC4011" s="137"/>
      <c r="AD4011" s="137"/>
      <c r="AE4011" s="137"/>
      <c r="AF4011" s="137"/>
      <c r="AG4011" s="137"/>
      <c r="AH4011" s="137"/>
      <c r="AI4011" s="137"/>
      <c r="AJ4011" s="137"/>
      <c r="AK4011" s="206"/>
      <c r="AL4011" s="206"/>
      <c r="AM4011" s="143"/>
      <c r="AN4011" s="137"/>
      <c r="AO4011" s="137"/>
      <c r="AP4011" s="137"/>
      <c r="AQ4011" s="137"/>
      <c r="AR4011" s="137"/>
      <c r="AS4011" s="137"/>
      <c r="AT4011" s="137"/>
      <c r="AU4011" s="137"/>
      <c r="AV4011" s="137"/>
      <c r="AW4011" s="144"/>
    </row>
    <row r="4012" spans="2:49" x14ac:dyDescent="0.2">
      <c r="B4012" s="97"/>
      <c r="J4012" s="98"/>
      <c r="K4012" s="97"/>
      <c r="N4012" s="3"/>
      <c r="W4012" s="98"/>
      <c r="Z4012" s="143"/>
      <c r="AA4012" s="137"/>
      <c r="AB4012" s="137"/>
      <c r="AC4012" s="137"/>
      <c r="AD4012" s="137"/>
      <c r="AE4012" s="137"/>
      <c r="AF4012" s="137"/>
      <c r="AG4012" s="137"/>
      <c r="AH4012" s="137"/>
      <c r="AI4012" s="137"/>
      <c r="AJ4012" s="137"/>
      <c r="AK4012" s="206"/>
      <c r="AL4012" s="206"/>
      <c r="AM4012" s="143"/>
      <c r="AN4012" s="137"/>
      <c r="AO4012" s="137"/>
      <c r="AP4012" s="137"/>
      <c r="AQ4012" s="137"/>
      <c r="AR4012" s="137"/>
      <c r="AS4012" s="137"/>
      <c r="AT4012" s="137"/>
      <c r="AU4012" s="137"/>
      <c r="AV4012" s="137"/>
      <c r="AW4012" s="144"/>
    </row>
    <row r="4013" spans="2:49" x14ac:dyDescent="0.2">
      <c r="B4013" s="97"/>
      <c r="J4013" s="98"/>
      <c r="K4013" s="97"/>
      <c r="N4013" s="3"/>
      <c r="W4013" s="98"/>
      <c r="Z4013" s="143"/>
      <c r="AA4013" s="137"/>
      <c r="AB4013" s="137"/>
      <c r="AC4013" s="137"/>
      <c r="AD4013" s="137"/>
      <c r="AE4013" s="137"/>
      <c r="AF4013" s="137"/>
      <c r="AG4013" s="137"/>
      <c r="AH4013" s="137"/>
      <c r="AI4013" s="137"/>
      <c r="AJ4013" s="137"/>
      <c r="AK4013" s="206"/>
      <c r="AL4013" s="206"/>
      <c r="AM4013" s="143"/>
      <c r="AN4013" s="137"/>
      <c r="AO4013" s="137"/>
      <c r="AP4013" s="137"/>
      <c r="AQ4013" s="137"/>
      <c r="AR4013" s="137"/>
      <c r="AS4013" s="137"/>
      <c r="AT4013" s="137"/>
      <c r="AU4013" s="137"/>
      <c r="AV4013" s="137"/>
      <c r="AW4013" s="144"/>
    </row>
    <row r="4014" spans="2:49" x14ac:dyDescent="0.2">
      <c r="B4014" s="97"/>
      <c r="J4014" s="98"/>
      <c r="K4014" s="97"/>
      <c r="N4014" s="3"/>
      <c r="W4014" s="98"/>
      <c r="Z4014" s="143"/>
      <c r="AA4014" s="137"/>
      <c r="AB4014" s="137"/>
      <c r="AC4014" s="137"/>
      <c r="AD4014" s="137"/>
      <c r="AE4014" s="137"/>
      <c r="AF4014" s="137"/>
      <c r="AG4014" s="137"/>
      <c r="AH4014" s="137"/>
      <c r="AI4014" s="137"/>
      <c r="AJ4014" s="137"/>
      <c r="AK4014" s="206"/>
      <c r="AL4014" s="206"/>
      <c r="AM4014" s="143"/>
      <c r="AN4014" s="137"/>
      <c r="AO4014" s="137"/>
      <c r="AP4014" s="137"/>
      <c r="AQ4014" s="137"/>
      <c r="AR4014" s="137"/>
      <c r="AS4014" s="137"/>
      <c r="AT4014" s="137"/>
      <c r="AU4014" s="137"/>
      <c r="AV4014" s="137"/>
      <c r="AW4014" s="144"/>
    </row>
    <row r="4015" spans="2:49" x14ac:dyDescent="0.2">
      <c r="B4015" s="97"/>
      <c r="J4015" s="98"/>
      <c r="K4015" s="97"/>
      <c r="N4015" s="3"/>
      <c r="W4015" s="98"/>
      <c r="Z4015" s="143"/>
      <c r="AA4015" s="137"/>
      <c r="AB4015" s="137"/>
      <c r="AC4015" s="137"/>
      <c r="AD4015" s="137"/>
      <c r="AE4015" s="137"/>
      <c r="AF4015" s="137"/>
      <c r="AG4015" s="137"/>
      <c r="AH4015" s="137"/>
      <c r="AI4015" s="137"/>
      <c r="AJ4015" s="137"/>
      <c r="AK4015" s="206"/>
      <c r="AL4015" s="206"/>
      <c r="AM4015" s="143"/>
      <c r="AN4015" s="137"/>
      <c r="AO4015" s="137"/>
      <c r="AP4015" s="137"/>
      <c r="AQ4015" s="137"/>
      <c r="AR4015" s="137"/>
      <c r="AS4015" s="137"/>
      <c r="AT4015" s="137"/>
      <c r="AU4015" s="137"/>
      <c r="AV4015" s="137"/>
      <c r="AW4015" s="144"/>
    </row>
    <row r="4016" spans="2:49" x14ac:dyDescent="0.2">
      <c r="B4016" s="97"/>
      <c r="J4016" s="98"/>
      <c r="K4016" s="97"/>
      <c r="N4016" s="3"/>
      <c r="W4016" s="98"/>
      <c r="Z4016" s="143"/>
      <c r="AA4016" s="137"/>
      <c r="AB4016" s="137"/>
      <c r="AC4016" s="137"/>
      <c r="AD4016" s="137"/>
      <c r="AE4016" s="137"/>
      <c r="AF4016" s="137"/>
      <c r="AG4016" s="137"/>
      <c r="AH4016" s="137"/>
      <c r="AI4016" s="137"/>
      <c r="AJ4016" s="137"/>
      <c r="AK4016" s="206"/>
      <c r="AL4016" s="206"/>
      <c r="AM4016" s="143"/>
      <c r="AN4016" s="137"/>
      <c r="AO4016" s="137"/>
      <c r="AP4016" s="137"/>
      <c r="AQ4016" s="137"/>
      <c r="AR4016" s="137"/>
      <c r="AS4016" s="137"/>
      <c r="AT4016" s="137"/>
      <c r="AU4016" s="137"/>
      <c r="AV4016" s="137"/>
      <c r="AW4016" s="144"/>
    </row>
    <row r="4017" spans="2:49" x14ac:dyDescent="0.2">
      <c r="B4017" s="97"/>
      <c r="J4017" s="98"/>
      <c r="K4017" s="97"/>
      <c r="N4017" s="3"/>
      <c r="W4017" s="98"/>
      <c r="Z4017" s="143"/>
      <c r="AA4017" s="137"/>
      <c r="AB4017" s="137"/>
      <c r="AC4017" s="137"/>
      <c r="AD4017" s="137"/>
      <c r="AE4017" s="137"/>
      <c r="AF4017" s="137"/>
      <c r="AG4017" s="137"/>
      <c r="AH4017" s="137"/>
      <c r="AI4017" s="137"/>
      <c r="AJ4017" s="137"/>
      <c r="AK4017" s="206"/>
      <c r="AL4017" s="206"/>
      <c r="AM4017" s="143"/>
      <c r="AN4017" s="137"/>
      <c r="AO4017" s="137"/>
      <c r="AP4017" s="137"/>
      <c r="AQ4017" s="137"/>
      <c r="AR4017" s="137"/>
      <c r="AS4017" s="137"/>
      <c r="AT4017" s="137"/>
      <c r="AU4017" s="137"/>
      <c r="AV4017" s="137"/>
      <c r="AW4017" s="144"/>
    </row>
    <row r="4018" spans="2:49" x14ac:dyDescent="0.2">
      <c r="B4018" s="97"/>
      <c r="J4018" s="98"/>
      <c r="K4018" s="97"/>
      <c r="N4018" s="3"/>
      <c r="W4018" s="98"/>
      <c r="Z4018" s="143"/>
      <c r="AA4018" s="137"/>
      <c r="AB4018" s="137"/>
      <c r="AC4018" s="137"/>
      <c r="AD4018" s="137"/>
      <c r="AE4018" s="137"/>
      <c r="AF4018" s="137"/>
      <c r="AG4018" s="137"/>
      <c r="AH4018" s="137"/>
      <c r="AI4018" s="137"/>
      <c r="AJ4018" s="137"/>
      <c r="AK4018" s="206"/>
      <c r="AL4018" s="206"/>
      <c r="AM4018" s="143"/>
      <c r="AN4018" s="137"/>
      <c r="AO4018" s="137"/>
      <c r="AP4018" s="137"/>
      <c r="AQ4018" s="137"/>
      <c r="AR4018" s="137"/>
      <c r="AS4018" s="137"/>
      <c r="AT4018" s="137"/>
      <c r="AU4018" s="137"/>
      <c r="AV4018" s="137"/>
      <c r="AW4018" s="144"/>
    </row>
    <row r="4019" spans="2:49" x14ac:dyDescent="0.2">
      <c r="B4019" s="97"/>
      <c r="J4019" s="98"/>
      <c r="K4019" s="97"/>
      <c r="N4019" s="3"/>
      <c r="W4019" s="98"/>
      <c r="Z4019" s="143"/>
      <c r="AA4019" s="137"/>
      <c r="AB4019" s="137"/>
      <c r="AC4019" s="137"/>
      <c r="AD4019" s="137"/>
      <c r="AE4019" s="137"/>
      <c r="AF4019" s="137"/>
      <c r="AG4019" s="137"/>
      <c r="AH4019" s="137"/>
      <c r="AI4019" s="137"/>
      <c r="AJ4019" s="137"/>
      <c r="AK4019" s="206"/>
      <c r="AL4019" s="206"/>
      <c r="AM4019" s="143"/>
      <c r="AN4019" s="137"/>
      <c r="AO4019" s="137"/>
      <c r="AP4019" s="137"/>
      <c r="AQ4019" s="137"/>
      <c r="AR4019" s="137"/>
      <c r="AS4019" s="137"/>
      <c r="AT4019" s="137"/>
      <c r="AU4019" s="137"/>
      <c r="AV4019" s="137"/>
      <c r="AW4019" s="144"/>
    </row>
    <row r="4020" spans="2:49" x14ac:dyDescent="0.2">
      <c r="B4020" s="97"/>
      <c r="J4020" s="98"/>
      <c r="K4020" s="97"/>
      <c r="N4020" s="3"/>
      <c r="W4020" s="98"/>
      <c r="Z4020" s="143"/>
      <c r="AA4020" s="137"/>
      <c r="AB4020" s="137"/>
      <c r="AC4020" s="137"/>
      <c r="AD4020" s="137"/>
      <c r="AE4020" s="137"/>
      <c r="AF4020" s="137"/>
      <c r="AG4020" s="137"/>
      <c r="AH4020" s="137"/>
      <c r="AI4020" s="137"/>
      <c r="AJ4020" s="137"/>
      <c r="AK4020" s="206"/>
      <c r="AL4020" s="206"/>
      <c r="AM4020" s="143"/>
      <c r="AN4020" s="137"/>
      <c r="AO4020" s="137"/>
      <c r="AP4020" s="137"/>
      <c r="AQ4020" s="137"/>
      <c r="AR4020" s="137"/>
      <c r="AS4020" s="137"/>
      <c r="AT4020" s="137"/>
      <c r="AU4020" s="137"/>
      <c r="AV4020" s="137"/>
      <c r="AW4020" s="144"/>
    </row>
    <row r="4021" spans="2:49" x14ac:dyDescent="0.2">
      <c r="B4021" s="97"/>
      <c r="J4021" s="98"/>
      <c r="K4021" s="97"/>
      <c r="N4021" s="3"/>
      <c r="W4021" s="98"/>
      <c r="Z4021" s="143"/>
      <c r="AA4021" s="137"/>
      <c r="AB4021" s="137"/>
      <c r="AC4021" s="137"/>
      <c r="AD4021" s="137"/>
      <c r="AE4021" s="137"/>
      <c r="AF4021" s="137"/>
      <c r="AG4021" s="137"/>
      <c r="AH4021" s="137"/>
      <c r="AI4021" s="137"/>
      <c r="AJ4021" s="137"/>
      <c r="AK4021" s="206"/>
      <c r="AL4021" s="206"/>
      <c r="AM4021" s="143"/>
      <c r="AN4021" s="137"/>
      <c r="AO4021" s="137"/>
      <c r="AP4021" s="137"/>
      <c r="AQ4021" s="137"/>
      <c r="AR4021" s="137"/>
      <c r="AS4021" s="137"/>
      <c r="AT4021" s="137"/>
      <c r="AU4021" s="137"/>
      <c r="AV4021" s="137"/>
      <c r="AW4021" s="144"/>
    </row>
    <row r="4022" spans="2:49" x14ac:dyDescent="0.2">
      <c r="B4022" s="97"/>
      <c r="J4022" s="98"/>
      <c r="K4022" s="97"/>
      <c r="N4022" s="3"/>
      <c r="W4022" s="98"/>
      <c r="Z4022" s="143"/>
      <c r="AA4022" s="137"/>
      <c r="AB4022" s="137"/>
      <c r="AC4022" s="137"/>
      <c r="AD4022" s="137"/>
      <c r="AE4022" s="137"/>
      <c r="AF4022" s="137"/>
      <c r="AG4022" s="137"/>
      <c r="AH4022" s="137"/>
      <c r="AI4022" s="137"/>
      <c r="AJ4022" s="137"/>
      <c r="AK4022" s="206"/>
      <c r="AL4022" s="206"/>
      <c r="AM4022" s="143"/>
      <c r="AN4022" s="137"/>
      <c r="AO4022" s="137"/>
      <c r="AP4022" s="137"/>
      <c r="AQ4022" s="137"/>
      <c r="AR4022" s="137"/>
      <c r="AS4022" s="137"/>
      <c r="AT4022" s="137"/>
      <c r="AU4022" s="137"/>
      <c r="AV4022" s="137"/>
      <c r="AW4022" s="144"/>
    </row>
    <row r="4023" spans="2:49" x14ac:dyDescent="0.2">
      <c r="B4023" s="97"/>
      <c r="J4023" s="98"/>
      <c r="K4023" s="97"/>
      <c r="N4023" s="3"/>
      <c r="W4023" s="98"/>
      <c r="Z4023" s="143"/>
      <c r="AA4023" s="137"/>
      <c r="AB4023" s="137"/>
      <c r="AC4023" s="137"/>
      <c r="AD4023" s="137"/>
      <c r="AE4023" s="137"/>
      <c r="AF4023" s="137"/>
      <c r="AG4023" s="137"/>
      <c r="AH4023" s="137"/>
      <c r="AI4023" s="137"/>
      <c r="AJ4023" s="137"/>
      <c r="AK4023" s="206"/>
      <c r="AL4023" s="206"/>
      <c r="AM4023" s="143"/>
      <c r="AN4023" s="137"/>
      <c r="AO4023" s="137"/>
      <c r="AP4023" s="137"/>
      <c r="AQ4023" s="137"/>
      <c r="AR4023" s="137"/>
      <c r="AS4023" s="137"/>
      <c r="AT4023" s="137"/>
      <c r="AU4023" s="137"/>
      <c r="AV4023" s="137"/>
      <c r="AW4023" s="144"/>
    </row>
    <row r="4024" spans="2:49" x14ac:dyDescent="0.2">
      <c r="B4024" s="97"/>
      <c r="J4024" s="98"/>
      <c r="K4024" s="97"/>
      <c r="N4024" s="3"/>
      <c r="W4024" s="98"/>
      <c r="Z4024" s="143"/>
      <c r="AA4024" s="137"/>
      <c r="AB4024" s="137"/>
      <c r="AC4024" s="137"/>
      <c r="AD4024" s="137"/>
      <c r="AE4024" s="137"/>
      <c r="AF4024" s="137"/>
      <c r="AG4024" s="137"/>
      <c r="AH4024" s="137"/>
      <c r="AI4024" s="137"/>
      <c r="AJ4024" s="137"/>
      <c r="AK4024" s="206"/>
      <c r="AL4024" s="206"/>
      <c r="AM4024" s="143"/>
      <c r="AN4024" s="137"/>
      <c r="AO4024" s="137"/>
      <c r="AP4024" s="137"/>
      <c r="AQ4024" s="137"/>
      <c r="AR4024" s="137"/>
      <c r="AS4024" s="137"/>
      <c r="AT4024" s="137"/>
      <c r="AU4024" s="137"/>
      <c r="AV4024" s="137"/>
      <c r="AW4024" s="144"/>
    </row>
    <row r="4025" spans="2:49" x14ac:dyDescent="0.2">
      <c r="B4025" s="97"/>
      <c r="J4025" s="98"/>
      <c r="K4025" s="97"/>
      <c r="N4025" s="3"/>
      <c r="W4025" s="98"/>
      <c r="Z4025" s="143"/>
      <c r="AA4025" s="137"/>
      <c r="AB4025" s="137"/>
      <c r="AC4025" s="137"/>
      <c r="AD4025" s="137"/>
      <c r="AE4025" s="137"/>
      <c r="AF4025" s="137"/>
      <c r="AG4025" s="137"/>
      <c r="AH4025" s="137"/>
      <c r="AI4025" s="137"/>
      <c r="AJ4025" s="137"/>
      <c r="AK4025" s="206"/>
      <c r="AL4025" s="206"/>
      <c r="AM4025" s="143"/>
      <c r="AN4025" s="137"/>
      <c r="AO4025" s="137"/>
      <c r="AP4025" s="137"/>
      <c r="AQ4025" s="137"/>
      <c r="AR4025" s="137"/>
      <c r="AS4025" s="137"/>
      <c r="AT4025" s="137"/>
      <c r="AU4025" s="137"/>
      <c r="AV4025" s="137"/>
      <c r="AW4025" s="144"/>
    </row>
    <row r="4026" spans="2:49" x14ac:dyDescent="0.2">
      <c r="B4026" s="97"/>
      <c r="J4026" s="98"/>
      <c r="K4026" s="97"/>
      <c r="N4026" s="3"/>
      <c r="W4026" s="98"/>
      <c r="Z4026" s="143"/>
      <c r="AA4026" s="137"/>
      <c r="AB4026" s="137"/>
      <c r="AC4026" s="137"/>
      <c r="AD4026" s="137"/>
      <c r="AE4026" s="137"/>
      <c r="AF4026" s="137"/>
      <c r="AG4026" s="137"/>
      <c r="AH4026" s="137"/>
      <c r="AI4026" s="137"/>
      <c r="AJ4026" s="137"/>
      <c r="AK4026" s="206"/>
      <c r="AL4026" s="206"/>
      <c r="AM4026" s="143"/>
      <c r="AN4026" s="137"/>
      <c r="AO4026" s="137"/>
      <c r="AP4026" s="137"/>
      <c r="AQ4026" s="137"/>
      <c r="AR4026" s="137"/>
      <c r="AS4026" s="137"/>
      <c r="AT4026" s="137"/>
      <c r="AU4026" s="137"/>
      <c r="AV4026" s="137"/>
      <c r="AW4026" s="144"/>
    </row>
    <row r="4027" spans="2:49" x14ac:dyDescent="0.2">
      <c r="B4027" s="97"/>
      <c r="J4027" s="98"/>
      <c r="K4027" s="97"/>
      <c r="N4027" s="3"/>
      <c r="W4027" s="98"/>
      <c r="Z4027" s="143"/>
      <c r="AA4027" s="137"/>
      <c r="AB4027" s="137"/>
      <c r="AC4027" s="137"/>
      <c r="AD4027" s="137"/>
      <c r="AE4027" s="137"/>
      <c r="AF4027" s="137"/>
      <c r="AG4027" s="137"/>
      <c r="AH4027" s="137"/>
      <c r="AI4027" s="137"/>
      <c r="AJ4027" s="137"/>
      <c r="AK4027" s="206"/>
      <c r="AL4027" s="206"/>
      <c r="AM4027" s="143"/>
      <c r="AN4027" s="137"/>
      <c r="AO4027" s="137"/>
      <c r="AP4027" s="137"/>
      <c r="AQ4027" s="137"/>
      <c r="AR4027" s="137"/>
      <c r="AS4027" s="137"/>
      <c r="AT4027" s="137"/>
      <c r="AU4027" s="137"/>
      <c r="AV4027" s="137"/>
      <c r="AW4027" s="144"/>
    </row>
    <row r="4028" spans="2:49" x14ac:dyDescent="0.2">
      <c r="B4028" s="97"/>
      <c r="J4028" s="98"/>
      <c r="K4028" s="97"/>
      <c r="N4028" s="3"/>
      <c r="W4028" s="98"/>
      <c r="Z4028" s="143"/>
      <c r="AA4028" s="137"/>
      <c r="AB4028" s="137"/>
      <c r="AC4028" s="137"/>
      <c r="AD4028" s="137"/>
      <c r="AE4028" s="137"/>
      <c r="AF4028" s="137"/>
      <c r="AG4028" s="137"/>
      <c r="AH4028" s="137"/>
      <c r="AI4028" s="137"/>
      <c r="AJ4028" s="137"/>
      <c r="AK4028" s="206"/>
      <c r="AL4028" s="206"/>
      <c r="AM4028" s="143"/>
      <c r="AN4028" s="137"/>
      <c r="AO4028" s="137"/>
      <c r="AP4028" s="137"/>
      <c r="AQ4028" s="137"/>
      <c r="AR4028" s="137"/>
      <c r="AS4028" s="137"/>
      <c r="AT4028" s="137"/>
      <c r="AU4028" s="137"/>
      <c r="AV4028" s="137"/>
      <c r="AW4028" s="144"/>
    </row>
    <row r="4029" spans="2:49" x14ac:dyDescent="0.2">
      <c r="B4029" s="97"/>
      <c r="J4029" s="98"/>
      <c r="K4029" s="97"/>
      <c r="N4029" s="3"/>
      <c r="W4029" s="98"/>
      <c r="Z4029" s="143"/>
      <c r="AA4029" s="137"/>
      <c r="AB4029" s="137"/>
      <c r="AC4029" s="137"/>
      <c r="AD4029" s="137"/>
      <c r="AE4029" s="137"/>
      <c r="AF4029" s="137"/>
      <c r="AG4029" s="137"/>
      <c r="AH4029" s="137"/>
      <c r="AI4029" s="137"/>
      <c r="AJ4029" s="137"/>
      <c r="AK4029" s="206"/>
      <c r="AL4029" s="206"/>
      <c r="AM4029" s="143"/>
      <c r="AN4029" s="137"/>
      <c r="AO4029" s="137"/>
      <c r="AP4029" s="137"/>
      <c r="AQ4029" s="137"/>
      <c r="AR4029" s="137"/>
      <c r="AS4029" s="137"/>
      <c r="AT4029" s="137"/>
      <c r="AU4029" s="137"/>
      <c r="AV4029" s="137"/>
      <c r="AW4029" s="144"/>
    </row>
    <row r="4030" spans="2:49" x14ac:dyDescent="0.2">
      <c r="B4030" s="97"/>
      <c r="J4030" s="98"/>
      <c r="K4030" s="97"/>
      <c r="N4030" s="3"/>
      <c r="W4030" s="98"/>
      <c r="Z4030" s="143"/>
      <c r="AA4030" s="137"/>
      <c r="AB4030" s="137"/>
      <c r="AC4030" s="137"/>
      <c r="AD4030" s="137"/>
      <c r="AE4030" s="137"/>
      <c r="AF4030" s="137"/>
      <c r="AG4030" s="137"/>
      <c r="AH4030" s="137"/>
      <c r="AI4030" s="137"/>
      <c r="AJ4030" s="137"/>
      <c r="AK4030" s="206"/>
      <c r="AL4030" s="206"/>
      <c r="AM4030" s="143"/>
      <c r="AN4030" s="137"/>
      <c r="AO4030" s="137"/>
      <c r="AP4030" s="137"/>
      <c r="AQ4030" s="137"/>
      <c r="AR4030" s="137"/>
      <c r="AS4030" s="137"/>
      <c r="AT4030" s="137"/>
      <c r="AU4030" s="137"/>
      <c r="AV4030" s="137"/>
      <c r="AW4030" s="144"/>
    </row>
    <row r="4031" spans="2:49" x14ac:dyDescent="0.2">
      <c r="B4031" s="97"/>
      <c r="J4031" s="98"/>
      <c r="K4031" s="97"/>
      <c r="N4031" s="3"/>
      <c r="W4031" s="98"/>
      <c r="Z4031" s="143"/>
      <c r="AA4031" s="137"/>
      <c r="AB4031" s="137"/>
      <c r="AC4031" s="137"/>
      <c r="AD4031" s="137"/>
      <c r="AE4031" s="137"/>
      <c r="AF4031" s="137"/>
      <c r="AG4031" s="137"/>
      <c r="AH4031" s="137"/>
      <c r="AI4031" s="137"/>
      <c r="AJ4031" s="137"/>
      <c r="AK4031" s="206"/>
      <c r="AL4031" s="206"/>
      <c r="AM4031" s="143"/>
      <c r="AN4031" s="137"/>
      <c r="AO4031" s="137"/>
      <c r="AP4031" s="137"/>
      <c r="AQ4031" s="137"/>
      <c r="AR4031" s="137"/>
      <c r="AS4031" s="137"/>
      <c r="AT4031" s="137"/>
      <c r="AU4031" s="137"/>
      <c r="AV4031" s="137"/>
      <c r="AW4031" s="144"/>
    </row>
    <row r="4032" spans="2:49" x14ac:dyDescent="0.2">
      <c r="B4032" s="97"/>
      <c r="J4032" s="98"/>
      <c r="K4032" s="97"/>
      <c r="N4032" s="3"/>
      <c r="W4032" s="98"/>
      <c r="Z4032" s="143"/>
      <c r="AA4032" s="137"/>
      <c r="AB4032" s="137"/>
      <c r="AC4032" s="137"/>
      <c r="AD4032" s="137"/>
      <c r="AE4032" s="137"/>
      <c r="AF4032" s="137"/>
      <c r="AG4032" s="137"/>
      <c r="AH4032" s="137"/>
      <c r="AI4032" s="137"/>
      <c r="AJ4032" s="137"/>
      <c r="AK4032" s="206"/>
      <c r="AL4032" s="206"/>
      <c r="AM4032" s="143"/>
      <c r="AN4032" s="137"/>
      <c r="AO4032" s="137"/>
      <c r="AP4032" s="137"/>
      <c r="AQ4032" s="137"/>
      <c r="AR4032" s="137"/>
      <c r="AS4032" s="137"/>
      <c r="AT4032" s="137"/>
      <c r="AU4032" s="137"/>
      <c r="AV4032" s="137"/>
      <c r="AW4032" s="144"/>
    </row>
    <row r="4033" spans="2:49" x14ac:dyDescent="0.2">
      <c r="B4033" s="97"/>
      <c r="J4033" s="98"/>
      <c r="K4033" s="97"/>
      <c r="N4033" s="3"/>
      <c r="W4033" s="98"/>
      <c r="Z4033" s="143"/>
      <c r="AA4033" s="137"/>
      <c r="AB4033" s="137"/>
      <c r="AC4033" s="137"/>
      <c r="AD4033" s="137"/>
      <c r="AE4033" s="137"/>
      <c r="AF4033" s="137"/>
      <c r="AG4033" s="137"/>
      <c r="AH4033" s="137"/>
      <c r="AI4033" s="137"/>
      <c r="AJ4033" s="137"/>
      <c r="AK4033" s="206"/>
      <c r="AL4033" s="206"/>
      <c r="AM4033" s="143"/>
      <c r="AN4033" s="137"/>
      <c r="AO4033" s="137"/>
      <c r="AP4033" s="137"/>
      <c r="AQ4033" s="137"/>
      <c r="AR4033" s="137"/>
      <c r="AS4033" s="137"/>
      <c r="AT4033" s="137"/>
      <c r="AU4033" s="137"/>
      <c r="AV4033" s="137"/>
      <c r="AW4033" s="144"/>
    </row>
    <row r="4034" spans="2:49" x14ac:dyDescent="0.2">
      <c r="B4034" s="97"/>
      <c r="J4034" s="98"/>
      <c r="K4034" s="97"/>
      <c r="N4034" s="3"/>
      <c r="W4034" s="98"/>
      <c r="Z4034" s="143"/>
      <c r="AA4034" s="137"/>
      <c r="AB4034" s="137"/>
      <c r="AC4034" s="137"/>
      <c r="AD4034" s="137"/>
      <c r="AE4034" s="137"/>
      <c r="AF4034" s="137"/>
      <c r="AG4034" s="137"/>
      <c r="AH4034" s="137"/>
      <c r="AI4034" s="137"/>
      <c r="AJ4034" s="137"/>
      <c r="AK4034" s="206"/>
      <c r="AL4034" s="206"/>
      <c r="AM4034" s="143"/>
      <c r="AN4034" s="137"/>
      <c r="AO4034" s="137"/>
      <c r="AP4034" s="137"/>
      <c r="AQ4034" s="137"/>
      <c r="AR4034" s="137"/>
      <c r="AS4034" s="137"/>
      <c r="AT4034" s="137"/>
      <c r="AU4034" s="137"/>
      <c r="AV4034" s="137"/>
      <c r="AW4034" s="144"/>
    </row>
    <row r="4035" spans="2:49" x14ac:dyDescent="0.2">
      <c r="B4035" s="97"/>
      <c r="J4035" s="98"/>
      <c r="K4035" s="97"/>
      <c r="N4035" s="3"/>
      <c r="W4035" s="98"/>
      <c r="Z4035" s="143"/>
      <c r="AA4035" s="137"/>
      <c r="AB4035" s="137"/>
      <c r="AC4035" s="137"/>
      <c r="AD4035" s="137"/>
      <c r="AE4035" s="137"/>
      <c r="AF4035" s="137"/>
      <c r="AG4035" s="137"/>
      <c r="AH4035" s="137"/>
      <c r="AI4035" s="137"/>
      <c r="AJ4035" s="137"/>
      <c r="AK4035" s="206"/>
      <c r="AL4035" s="206"/>
      <c r="AM4035" s="143"/>
      <c r="AN4035" s="137"/>
      <c r="AO4035" s="137"/>
      <c r="AP4035" s="137"/>
      <c r="AQ4035" s="137"/>
      <c r="AR4035" s="137"/>
      <c r="AS4035" s="137"/>
      <c r="AT4035" s="137"/>
      <c r="AU4035" s="137"/>
      <c r="AV4035" s="137"/>
      <c r="AW4035" s="144"/>
    </row>
    <row r="4036" spans="2:49" x14ac:dyDescent="0.2">
      <c r="B4036" s="97"/>
      <c r="J4036" s="98"/>
      <c r="K4036" s="97"/>
      <c r="N4036" s="3"/>
      <c r="W4036" s="98"/>
      <c r="Z4036" s="143"/>
      <c r="AA4036" s="137"/>
      <c r="AB4036" s="137"/>
      <c r="AC4036" s="137"/>
      <c r="AD4036" s="137"/>
      <c r="AE4036" s="137"/>
      <c r="AF4036" s="137"/>
      <c r="AG4036" s="137"/>
      <c r="AH4036" s="137"/>
      <c r="AI4036" s="137"/>
      <c r="AJ4036" s="137"/>
      <c r="AK4036" s="206"/>
      <c r="AL4036" s="206"/>
      <c r="AM4036" s="143"/>
      <c r="AN4036" s="137"/>
      <c r="AO4036" s="137"/>
      <c r="AP4036" s="137"/>
      <c r="AQ4036" s="137"/>
      <c r="AR4036" s="137"/>
      <c r="AS4036" s="137"/>
      <c r="AT4036" s="137"/>
      <c r="AU4036" s="137"/>
      <c r="AV4036" s="137"/>
      <c r="AW4036" s="144"/>
    </row>
    <row r="4037" spans="2:49" x14ac:dyDescent="0.2">
      <c r="B4037" s="97"/>
      <c r="J4037" s="98"/>
      <c r="K4037" s="97"/>
      <c r="N4037" s="3"/>
      <c r="W4037" s="98"/>
      <c r="Z4037" s="143"/>
      <c r="AA4037" s="137"/>
      <c r="AB4037" s="137"/>
      <c r="AC4037" s="137"/>
      <c r="AD4037" s="137"/>
      <c r="AE4037" s="137"/>
      <c r="AF4037" s="137"/>
      <c r="AG4037" s="137"/>
      <c r="AH4037" s="137"/>
      <c r="AI4037" s="137"/>
      <c r="AJ4037" s="137"/>
      <c r="AK4037" s="206"/>
      <c r="AL4037" s="206"/>
      <c r="AM4037" s="143"/>
      <c r="AN4037" s="137"/>
      <c r="AO4037" s="137"/>
      <c r="AP4037" s="137"/>
      <c r="AQ4037" s="137"/>
      <c r="AR4037" s="137"/>
      <c r="AS4037" s="137"/>
      <c r="AT4037" s="137"/>
      <c r="AU4037" s="137"/>
      <c r="AV4037" s="137"/>
      <c r="AW4037" s="144"/>
    </row>
    <row r="4038" spans="2:49" x14ac:dyDescent="0.2">
      <c r="B4038" s="97"/>
      <c r="J4038" s="98"/>
      <c r="K4038" s="97"/>
      <c r="N4038" s="3"/>
      <c r="W4038" s="98"/>
      <c r="Z4038" s="143"/>
      <c r="AA4038" s="137"/>
      <c r="AB4038" s="137"/>
      <c r="AC4038" s="137"/>
      <c r="AD4038" s="137"/>
      <c r="AE4038" s="137"/>
      <c r="AF4038" s="137"/>
      <c r="AG4038" s="137"/>
      <c r="AH4038" s="137"/>
      <c r="AI4038" s="137"/>
      <c r="AJ4038" s="137"/>
      <c r="AK4038" s="206"/>
      <c r="AL4038" s="206"/>
      <c r="AM4038" s="143"/>
      <c r="AN4038" s="137"/>
      <c r="AO4038" s="137"/>
      <c r="AP4038" s="137"/>
      <c r="AQ4038" s="137"/>
      <c r="AR4038" s="137"/>
      <c r="AS4038" s="137"/>
      <c r="AT4038" s="137"/>
      <c r="AU4038" s="137"/>
      <c r="AV4038" s="137"/>
      <c r="AW4038" s="144"/>
    </row>
    <row r="4039" spans="2:49" x14ac:dyDescent="0.2">
      <c r="B4039" s="97"/>
      <c r="J4039" s="98"/>
      <c r="K4039" s="97"/>
      <c r="N4039" s="3"/>
      <c r="W4039" s="98"/>
      <c r="Z4039" s="143"/>
      <c r="AA4039" s="137"/>
      <c r="AB4039" s="137"/>
      <c r="AC4039" s="137"/>
      <c r="AD4039" s="137"/>
      <c r="AE4039" s="137"/>
      <c r="AF4039" s="137"/>
      <c r="AG4039" s="137"/>
      <c r="AH4039" s="137"/>
      <c r="AI4039" s="137"/>
      <c r="AJ4039" s="137"/>
      <c r="AK4039" s="206"/>
      <c r="AL4039" s="206"/>
      <c r="AM4039" s="143"/>
      <c r="AN4039" s="137"/>
      <c r="AO4039" s="137"/>
      <c r="AP4039" s="137"/>
      <c r="AQ4039" s="137"/>
      <c r="AR4039" s="137"/>
      <c r="AS4039" s="137"/>
      <c r="AT4039" s="137"/>
      <c r="AU4039" s="137"/>
      <c r="AV4039" s="137"/>
      <c r="AW4039" s="144"/>
    </row>
    <row r="4040" spans="2:49" x14ac:dyDescent="0.2">
      <c r="B4040" s="97"/>
      <c r="J4040" s="98"/>
      <c r="K4040" s="97"/>
      <c r="N4040" s="3"/>
      <c r="W4040" s="98"/>
      <c r="Z4040" s="143"/>
      <c r="AA4040" s="137"/>
      <c r="AB4040" s="137"/>
      <c r="AC4040" s="137"/>
      <c r="AD4040" s="137"/>
      <c r="AE4040" s="137"/>
      <c r="AF4040" s="137"/>
      <c r="AG4040" s="137"/>
      <c r="AH4040" s="137"/>
      <c r="AI4040" s="137"/>
      <c r="AJ4040" s="137"/>
      <c r="AK4040" s="206"/>
      <c r="AL4040" s="206"/>
      <c r="AM4040" s="143"/>
      <c r="AN4040" s="137"/>
      <c r="AO4040" s="137"/>
      <c r="AP4040" s="137"/>
      <c r="AQ4040" s="137"/>
      <c r="AR4040" s="137"/>
      <c r="AS4040" s="137"/>
      <c r="AT4040" s="137"/>
      <c r="AU4040" s="137"/>
      <c r="AV4040" s="137"/>
      <c r="AW4040" s="144"/>
    </row>
    <row r="4041" spans="2:49" x14ac:dyDescent="0.2">
      <c r="B4041" s="97"/>
      <c r="J4041" s="98"/>
      <c r="K4041" s="97"/>
      <c r="N4041" s="3"/>
      <c r="W4041" s="98"/>
      <c r="Z4041" s="143"/>
      <c r="AA4041" s="137"/>
      <c r="AB4041" s="137"/>
      <c r="AC4041" s="137"/>
      <c r="AD4041" s="137"/>
      <c r="AE4041" s="137"/>
      <c r="AF4041" s="137"/>
      <c r="AG4041" s="137"/>
      <c r="AH4041" s="137"/>
      <c r="AI4041" s="137"/>
      <c r="AJ4041" s="137"/>
      <c r="AK4041" s="206"/>
      <c r="AL4041" s="206"/>
      <c r="AM4041" s="143"/>
      <c r="AN4041" s="137"/>
      <c r="AO4041" s="137"/>
      <c r="AP4041" s="137"/>
      <c r="AQ4041" s="137"/>
      <c r="AR4041" s="137"/>
      <c r="AS4041" s="137"/>
      <c r="AT4041" s="137"/>
      <c r="AU4041" s="137"/>
      <c r="AV4041" s="137"/>
      <c r="AW4041" s="144"/>
    </row>
    <row r="4042" spans="2:49" x14ac:dyDescent="0.2">
      <c r="B4042" s="97"/>
      <c r="J4042" s="98"/>
      <c r="K4042" s="97"/>
      <c r="N4042" s="3"/>
      <c r="W4042" s="98"/>
      <c r="Z4042" s="143"/>
      <c r="AA4042" s="137"/>
      <c r="AB4042" s="137"/>
      <c r="AC4042" s="137"/>
      <c r="AD4042" s="137"/>
      <c r="AE4042" s="137"/>
      <c r="AF4042" s="137"/>
      <c r="AG4042" s="137"/>
      <c r="AH4042" s="137"/>
      <c r="AI4042" s="137"/>
      <c r="AJ4042" s="137"/>
      <c r="AK4042" s="206"/>
      <c r="AL4042" s="206"/>
      <c r="AM4042" s="143"/>
      <c r="AN4042" s="137"/>
      <c r="AO4042" s="137"/>
      <c r="AP4042" s="137"/>
      <c r="AQ4042" s="137"/>
      <c r="AR4042" s="137"/>
      <c r="AS4042" s="137"/>
      <c r="AT4042" s="137"/>
      <c r="AU4042" s="137"/>
      <c r="AV4042" s="137"/>
      <c r="AW4042" s="144"/>
    </row>
    <row r="4043" spans="2:49" x14ac:dyDescent="0.2">
      <c r="B4043" s="97"/>
      <c r="J4043" s="98"/>
      <c r="K4043" s="97"/>
      <c r="N4043" s="3"/>
      <c r="W4043" s="98"/>
      <c r="Z4043" s="143"/>
      <c r="AA4043" s="137"/>
      <c r="AB4043" s="137"/>
      <c r="AC4043" s="137"/>
      <c r="AD4043" s="137"/>
      <c r="AE4043" s="137"/>
      <c r="AF4043" s="137"/>
      <c r="AG4043" s="137"/>
      <c r="AH4043" s="137"/>
      <c r="AI4043" s="137"/>
      <c r="AJ4043" s="137"/>
      <c r="AK4043" s="206"/>
      <c r="AL4043" s="206"/>
      <c r="AM4043" s="143"/>
      <c r="AN4043" s="137"/>
      <c r="AO4043" s="137"/>
      <c r="AP4043" s="137"/>
      <c r="AQ4043" s="137"/>
      <c r="AR4043" s="137"/>
      <c r="AS4043" s="137"/>
      <c r="AT4043" s="137"/>
      <c r="AU4043" s="137"/>
      <c r="AV4043" s="137"/>
      <c r="AW4043" s="144"/>
    </row>
    <row r="4044" spans="2:49" x14ac:dyDescent="0.2">
      <c r="B4044" s="97"/>
      <c r="J4044" s="98"/>
      <c r="K4044" s="97"/>
      <c r="N4044" s="3"/>
      <c r="W4044" s="98"/>
      <c r="Z4044" s="143"/>
      <c r="AA4044" s="137"/>
      <c r="AB4044" s="137"/>
      <c r="AC4044" s="137"/>
      <c r="AD4044" s="137"/>
      <c r="AE4044" s="137"/>
      <c r="AF4044" s="137"/>
      <c r="AG4044" s="137"/>
      <c r="AH4044" s="137"/>
      <c r="AI4044" s="137"/>
      <c r="AJ4044" s="137"/>
      <c r="AK4044" s="206"/>
      <c r="AL4044" s="206"/>
      <c r="AM4044" s="143"/>
      <c r="AN4044" s="137"/>
      <c r="AO4044" s="137"/>
      <c r="AP4044" s="137"/>
      <c r="AQ4044" s="137"/>
      <c r="AR4044" s="137"/>
      <c r="AS4044" s="137"/>
      <c r="AT4044" s="137"/>
      <c r="AU4044" s="137"/>
      <c r="AV4044" s="137"/>
      <c r="AW4044" s="144"/>
    </row>
    <row r="4045" spans="2:49" x14ac:dyDescent="0.2">
      <c r="B4045" s="97"/>
      <c r="J4045" s="98"/>
      <c r="K4045" s="97"/>
      <c r="N4045" s="3"/>
      <c r="W4045" s="98"/>
      <c r="Z4045" s="143"/>
      <c r="AA4045" s="137"/>
      <c r="AB4045" s="137"/>
      <c r="AC4045" s="137"/>
      <c r="AD4045" s="137"/>
      <c r="AE4045" s="137"/>
      <c r="AF4045" s="137"/>
      <c r="AG4045" s="137"/>
      <c r="AH4045" s="137"/>
      <c r="AI4045" s="137"/>
      <c r="AJ4045" s="137"/>
      <c r="AK4045" s="206"/>
      <c r="AL4045" s="206"/>
      <c r="AM4045" s="143"/>
      <c r="AN4045" s="137"/>
      <c r="AO4045" s="137"/>
      <c r="AP4045" s="137"/>
      <c r="AQ4045" s="137"/>
      <c r="AR4045" s="137"/>
      <c r="AS4045" s="137"/>
      <c r="AT4045" s="137"/>
      <c r="AU4045" s="137"/>
      <c r="AV4045" s="137"/>
      <c r="AW4045" s="144"/>
    </row>
    <row r="4046" spans="2:49" x14ac:dyDescent="0.2">
      <c r="B4046" s="97"/>
      <c r="J4046" s="98"/>
      <c r="K4046" s="97"/>
      <c r="N4046" s="3"/>
      <c r="W4046" s="98"/>
      <c r="Z4046" s="143"/>
      <c r="AA4046" s="137"/>
      <c r="AB4046" s="137"/>
      <c r="AC4046" s="137"/>
      <c r="AD4046" s="137"/>
      <c r="AE4046" s="137"/>
      <c r="AF4046" s="137"/>
      <c r="AG4046" s="137"/>
      <c r="AH4046" s="137"/>
      <c r="AI4046" s="137"/>
      <c r="AJ4046" s="137"/>
      <c r="AK4046" s="206"/>
      <c r="AL4046" s="206"/>
      <c r="AM4046" s="143"/>
      <c r="AN4046" s="137"/>
      <c r="AO4046" s="137"/>
      <c r="AP4046" s="137"/>
      <c r="AQ4046" s="137"/>
      <c r="AR4046" s="137"/>
      <c r="AS4046" s="137"/>
      <c r="AT4046" s="137"/>
      <c r="AU4046" s="137"/>
      <c r="AV4046" s="137"/>
      <c r="AW4046" s="144"/>
    </row>
    <row r="4047" spans="2:49" x14ac:dyDescent="0.2">
      <c r="B4047" s="97"/>
      <c r="J4047" s="98"/>
      <c r="K4047" s="97"/>
      <c r="N4047" s="3"/>
      <c r="W4047" s="98"/>
      <c r="Z4047" s="143"/>
      <c r="AA4047" s="137"/>
      <c r="AB4047" s="137"/>
      <c r="AC4047" s="137"/>
      <c r="AD4047" s="137"/>
      <c r="AE4047" s="137"/>
      <c r="AF4047" s="137"/>
      <c r="AG4047" s="137"/>
      <c r="AH4047" s="137"/>
      <c r="AI4047" s="137"/>
      <c r="AJ4047" s="137"/>
      <c r="AK4047" s="206"/>
      <c r="AL4047" s="206"/>
      <c r="AM4047" s="143"/>
      <c r="AN4047" s="137"/>
      <c r="AO4047" s="137"/>
      <c r="AP4047" s="137"/>
      <c r="AQ4047" s="137"/>
      <c r="AR4047" s="137"/>
      <c r="AS4047" s="137"/>
      <c r="AT4047" s="137"/>
      <c r="AU4047" s="137"/>
      <c r="AV4047" s="137"/>
      <c r="AW4047" s="144"/>
    </row>
    <row r="4048" spans="2:49" x14ac:dyDescent="0.2">
      <c r="B4048" s="97"/>
      <c r="J4048" s="98"/>
      <c r="K4048" s="97"/>
      <c r="N4048" s="3"/>
      <c r="W4048" s="98"/>
      <c r="Z4048" s="143"/>
      <c r="AA4048" s="137"/>
      <c r="AB4048" s="137"/>
      <c r="AC4048" s="137"/>
      <c r="AD4048" s="137"/>
      <c r="AE4048" s="137"/>
      <c r="AF4048" s="137"/>
      <c r="AG4048" s="137"/>
      <c r="AH4048" s="137"/>
      <c r="AI4048" s="137"/>
      <c r="AJ4048" s="137"/>
      <c r="AK4048" s="206"/>
      <c r="AL4048" s="206"/>
      <c r="AM4048" s="143"/>
      <c r="AN4048" s="137"/>
      <c r="AO4048" s="137"/>
      <c r="AP4048" s="137"/>
      <c r="AQ4048" s="137"/>
      <c r="AR4048" s="137"/>
      <c r="AS4048" s="137"/>
      <c r="AT4048" s="137"/>
      <c r="AU4048" s="137"/>
      <c r="AV4048" s="137"/>
      <c r="AW4048" s="144"/>
    </row>
    <row r="4049" spans="2:49" x14ac:dyDescent="0.2">
      <c r="B4049" s="97"/>
      <c r="J4049" s="98"/>
      <c r="K4049" s="97"/>
      <c r="N4049" s="3"/>
      <c r="W4049" s="98"/>
      <c r="Z4049" s="143"/>
      <c r="AA4049" s="137"/>
      <c r="AB4049" s="137"/>
      <c r="AC4049" s="137"/>
      <c r="AD4049" s="137"/>
      <c r="AE4049" s="137"/>
      <c r="AF4049" s="137"/>
      <c r="AG4049" s="137"/>
      <c r="AH4049" s="137"/>
      <c r="AI4049" s="137"/>
      <c r="AJ4049" s="137"/>
      <c r="AK4049" s="206"/>
      <c r="AL4049" s="206"/>
      <c r="AM4049" s="143"/>
      <c r="AN4049" s="137"/>
      <c r="AO4049" s="137"/>
      <c r="AP4049" s="137"/>
      <c r="AQ4049" s="137"/>
      <c r="AR4049" s="137"/>
      <c r="AS4049" s="137"/>
      <c r="AT4049" s="137"/>
      <c r="AU4049" s="137"/>
      <c r="AV4049" s="137"/>
      <c r="AW4049" s="144"/>
    </row>
    <row r="4050" spans="2:49" x14ac:dyDescent="0.2">
      <c r="B4050" s="97"/>
      <c r="J4050" s="98"/>
      <c r="K4050" s="97"/>
      <c r="N4050" s="3"/>
      <c r="W4050" s="98"/>
      <c r="Z4050" s="143"/>
      <c r="AA4050" s="137"/>
      <c r="AB4050" s="137"/>
      <c r="AC4050" s="137"/>
      <c r="AD4050" s="137"/>
      <c r="AE4050" s="137"/>
      <c r="AF4050" s="137"/>
      <c r="AG4050" s="137"/>
      <c r="AH4050" s="137"/>
      <c r="AI4050" s="137"/>
      <c r="AJ4050" s="137"/>
      <c r="AK4050" s="206"/>
      <c r="AL4050" s="206"/>
      <c r="AM4050" s="143"/>
      <c r="AN4050" s="137"/>
      <c r="AO4050" s="137"/>
      <c r="AP4050" s="137"/>
      <c r="AQ4050" s="137"/>
      <c r="AR4050" s="137"/>
      <c r="AS4050" s="137"/>
      <c r="AT4050" s="137"/>
      <c r="AU4050" s="137"/>
      <c r="AV4050" s="137"/>
      <c r="AW4050" s="144"/>
    </row>
    <row r="4051" spans="2:49" x14ac:dyDescent="0.2">
      <c r="B4051" s="97"/>
      <c r="J4051" s="98"/>
      <c r="K4051" s="97"/>
      <c r="N4051" s="3"/>
      <c r="W4051" s="98"/>
      <c r="Z4051" s="143"/>
      <c r="AA4051" s="137"/>
      <c r="AB4051" s="137"/>
      <c r="AC4051" s="137"/>
      <c r="AD4051" s="137"/>
      <c r="AE4051" s="137"/>
      <c r="AF4051" s="137"/>
      <c r="AG4051" s="137"/>
      <c r="AH4051" s="137"/>
      <c r="AI4051" s="137"/>
      <c r="AJ4051" s="137"/>
      <c r="AK4051" s="206"/>
      <c r="AL4051" s="206"/>
      <c r="AM4051" s="143"/>
      <c r="AN4051" s="137"/>
      <c r="AO4051" s="137"/>
      <c r="AP4051" s="137"/>
      <c r="AQ4051" s="137"/>
      <c r="AR4051" s="137"/>
      <c r="AS4051" s="137"/>
      <c r="AT4051" s="137"/>
      <c r="AU4051" s="137"/>
      <c r="AV4051" s="137"/>
      <c r="AW4051" s="144"/>
    </row>
    <row r="4052" spans="2:49" x14ac:dyDescent="0.2">
      <c r="B4052" s="97"/>
      <c r="J4052" s="98"/>
      <c r="K4052" s="97"/>
      <c r="N4052" s="3"/>
      <c r="W4052" s="98"/>
      <c r="Z4052" s="143"/>
      <c r="AA4052" s="137"/>
      <c r="AB4052" s="137"/>
      <c r="AC4052" s="137"/>
      <c r="AD4052" s="137"/>
      <c r="AE4052" s="137"/>
      <c r="AF4052" s="137"/>
      <c r="AG4052" s="137"/>
      <c r="AH4052" s="137"/>
      <c r="AI4052" s="137"/>
      <c r="AJ4052" s="137"/>
      <c r="AK4052" s="206"/>
      <c r="AL4052" s="206"/>
      <c r="AM4052" s="143"/>
      <c r="AN4052" s="137"/>
      <c r="AO4052" s="137"/>
      <c r="AP4052" s="137"/>
      <c r="AQ4052" s="137"/>
      <c r="AR4052" s="137"/>
      <c r="AS4052" s="137"/>
      <c r="AT4052" s="137"/>
      <c r="AU4052" s="137"/>
      <c r="AV4052" s="137"/>
      <c r="AW4052" s="144"/>
    </row>
    <row r="4053" spans="2:49" x14ac:dyDescent="0.2">
      <c r="B4053" s="97"/>
      <c r="J4053" s="98"/>
      <c r="K4053" s="97"/>
      <c r="N4053" s="3"/>
      <c r="W4053" s="98"/>
      <c r="Z4053" s="143"/>
      <c r="AA4053" s="137"/>
      <c r="AB4053" s="137"/>
      <c r="AC4053" s="137"/>
      <c r="AD4053" s="137"/>
      <c r="AE4053" s="137"/>
      <c r="AF4053" s="137"/>
      <c r="AG4053" s="137"/>
      <c r="AH4053" s="137"/>
      <c r="AI4053" s="137"/>
      <c r="AJ4053" s="137"/>
      <c r="AK4053" s="206"/>
      <c r="AL4053" s="206"/>
      <c r="AM4053" s="143"/>
      <c r="AN4053" s="137"/>
      <c r="AO4053" s="137"/>
      <c r="AP4053" s="137"/>
      <c r="AQ4053" s="137"/>
      <c r="AR4053" s="137"/>
      <c r="AS4053" s="137"/>
      <c r="AT4053" s="137"/>
      <c r="AU4053" s="137"/>
      <c r="AV4053" s="137"/>
      <c r="AW4053" s="144"/>
    </row>
    <row r="4054" spans="2:49" x14ac:dyDescent="0.2">
      <c r="B4054" s="97"/>
      <c r="J4054" s="98"/>
      <c r="K4054" s="97"/>
      <c r="N4054" s="3"/>
      <c r="W4054" s="98"/>
      <c r="Z4054" s="143"/>
      <c r="AA4054" s="137"/>
      <c r="AB4054" s="137"/>
      <c r="AC4054" s="137"/>
      <c r="AD4054" s="137"/>
      <c r="AE4054" s="137"/>
      <c r="AF4054" s="137"/>
      <c r="AG4054" s="137"/>
      <c r="AH4054" s="137"/>
      <c r="AI4054" s="137"/>
      <c r="AJ4054" s="137"/>
      <c r="AK4054" s="206"/>
      <c r="AL4054" s="206"/>
      <c r="AM4054" s="143"/>
      <c r="AN4054" s="137"/>
      <c r="AO4054" s="137"/>
      <c r="AP4054" s="137"/>
      <c r="AQ4054" s="137"/>
      <c r="AR4054" s="137"/>
      <c r="AS4054" s="137"/>
      <c r="AT4054" s="137"/>
      <c r="AU4054" s="137"/>
      <c r="AV4054" s="137"/>
      <c r="AW4054" s="144"/>
    </row>
    <row r="4055" spans="2:49" x14ac:dyDescent="0.2">
      <c r="B4055" s="97"/>
      <c r="J4055" s="98"/>
      <c r="K4055" s="97"/>
      <c r="N4055" s="3"/>
      <c r="W4055" s="98"/>
      <c r="Z4055" s="143"/>
      <c r="AA4055" s="137"/>
      <c r="AB4055" s="137"/>
      <c r="AC4055" s="137"/>
      <c r="AD4055" s="137"/>
      <c r="AE4055" s="137"/>
      <c r="AF4055" s="137"/>
      <c r="AG4055" s="137"/>
      <c r="AH4055" s="137"/>
      <c r="AI4055" s="137"/>
      <c r="AJ4055" s="137"/>
      <c r="AK4055" s="206"/>
      <c r="AL4055" s="206"/>
      <c r="AM4055" s="143"/>
      <c r="AN4055" s="137"/>
      <c r="AO4055" s="137"/>
      <c r="AP4055" s="137"/>
      <c r="AQ4055" s="137"/>
      <c r="AR4055" s="137"/>
      <c r="AS4055" s="137"/>
      <c r="AT4055" s="137"/>
      <c r="AU4055" s="137"/>
      <c r="AV4055" s="137"/>
      <c r="AW4055" s="144"/>
    </row>
    <row r="4056" spans="2:49" x14ac:dyDescent="0.2">
      <c r="B4056" s="97"/>
      <c r="J4056" s="98"/>
      <c r="K4056" s="97"/>
      <c r="N4056" s="3"/>
      <c r="W4056" s="98"/>
      <c r="Z4056" s="143"/>
      <c r="AA4056" s="137"/>
      <c r="AB4056" s="137"/>
      <c r="AC4056" s="137"/>
      <c r="AD4056" s="137"/>
      <c r="AE4056" s="137"/>
      <c r="AF4056" s="137"/>
      <c r="AG4056" s="137"/>
      <c r="AH4056" s="137"/>
      <c r="AI4056" s="137"/>
      <c r="AJ4056" s="137"/>
      <c r="AK4056" s="206"/>
      <c r="AL4056" s="206"/>
      <c r="AM4056" s="143"/>
      <c r="AN4056" s="137"/>
      <c r="AO4056" s="137"/>
      <c r="AP4056" s="137"/>
      <c r="AQ4056" s="137"/>
      <c r="AR4056" s="137"/>
      <c r="AS4056" s="137"/>
      <c r="AT4056" s="137"/>
      <c r="AU4056" s="137"/>
      <c r="AV4056" s="137"/>
      <c r="AW4056" s="144"/>
    </row>
    <row r="4057" spans="2:49" x14ac:dyDescent="0.2">
      <c r="B4057" s="97"/>
      <c r="J4057" s="98"/>
      <c r="K4057" s="97"/>
      <c r="N4057" s="3"/>
      <c r="W4057" s="98"/>
      <c r="Z4057" s="143"/>
      <c r="AA4057" s="137"/>
      <c r="AB4057" s="137"/>
      <c r="AC4057" s="137"/>
      <c r="AD4057" s="137"/>
      <c r="AE4057" s="137"/>
      <c r="AF4057" s="137"/>
      <c r="AG4057" s="137"/>
      <c r="AH4057" s="137"/>
      <c r="AI4057" s="137"/>
      <c r="AJ4057" s="137"/>
      <c r="AK4057" s="206"/>
      <c r="AL4057" s="206"/>
      <c r="AM4057" s="143"/>
      <c r="AN4057" s="137"/>
      <c r="AO4057" s="137"/>
      <c r="AP4057" s="137"/>
      <c r="AQ4057" s="137"/>
      <c r="AR4057" s="137"/>
      <c r="AS4057" s="137"/>
      <c r="AT4057" s="137"/>
      <c r="AU4057" s="137"/>
      <c r="AV4057" s="137"/>
      <c r="AW4057" s="144"/>
    </row>
    <row r="4058" spans="2:49" x14ac:dyDescent="0.2">
      <c r="B4058" s="97"/>
      <c r="J4058" s="98"/>
      <c r="K4058" s="97"/>
      <c r="N4058" s="3"/>
      <c r="W4058" s="98"/>
      <c r="Z4058" s="143"/>
      <c r="AA4058" s="137"/>
      <c r="AB4058" s="137"/>
      <c r="AC4058" s="137"/>
      <c r="AD4058" s="137"/>
      <c r="AE4058" s="137"/>
      <c r="AF4058" s="137"/>
      <c r="AG4058" s="137"/>
      <c r="AH4058" s="137"/>
      <c r="AI4058" s="137"/>
      <c r="AJ4058" s="137"/>
      <c r="AK4058" s="206"/>
      <c r="AL4058" s="206"/>
      <c r="AM4058" s="143"/>
      <c r="AN4058" s="137"/>
      <c r="AO4058" s="137"/>
      <c r="AP4058" s="137"/>
      <c r="AQ4058" s="137"/>
      <c r="AR4058" s="137"/>
      <c r="AS4058" s="137"/>
      <c r="AT4058" s="137"/>
      <c r="AU4058" s="137"/>
      <c r="AV4058" s="137"/>
      <c r="AW4058" s="144"/>
    </row>
    <row r="4059" spans="2:49" x14ac:dyDescent="0.2">
      <c r="B4059" s="97"/>
      <c r="J4059" s="98"/>
      <c r="K4059" s="97"/>
      <c r="N4059" s="3"/>
      <c r="W4059" s="98"/>
      <c r="Z4059" s="143"/>
      <c r="AA4059" s="137"/>
      <c r="AB4059" s="137"/>
      <c r="AC4059" s="137"/>
      <c r="AD4059" s="137"/>
      <c r="AE4059" s="137"/>
      <c r="AF4059" s="137"/>
      <c r="AG4059" s="137"/>
      <c r="AH4059" s="137"/>
      <c r="AI4059" s="137"/>
      <c r="AJ4059" s="137"/>
      <c r="AK4059" s="206"/>
      <c r="AL4059" s="206"/>
      <c r="AM4059" s="143"/>
      <c r="AN4059" s="137"/>
      <c r="AO4059" s="137"/>
      <c r="AP4059" s="137"/>
      <c r="AQ4059" s="137"/>
      <c r="AR4059" s="137"/>
      <c r="AS4059" s="137"/>
      <c r="AT4059" s="137"/>
      <c r="AU4059" s="137"/>
      <c r="AV4059" s="137"/>
      <c r="AW4059" s="144"/>
    </row>
    <row r="4060" spans="2:49" x14ac:dyDescent="0.2">
      <c r="B4060" s="97"/>
      <c r="J4060" s="98"/>
      <c r="K4060" s="97"/>
      <c r="N4060" s="3"/>
      <c r="W4060" s="98"/>
      <c r="Z4060" s="143"/>
      <c r="AA4060" s="137"/>
      <c r="AB4060" s="137"/>
      <c r="AC4060" s="137"/>
      <c r="AD4060" s="137"/>
      <c r="AE4060" s="137"/>
      <c r="AF4060" s="137"/>
      <c r="AG4060" s="137"/>
      <c r="AH4060" s="137"/>
      <c r="AI4060" s="137"/>
      <c r="AJ4060" s="137"/>
      <c r="AK4060" s="206"/>
      <c r="AL4060" s="206"/>
      <c r="AM4060" s="143"/>
      <c r="AN4060" s="137"/>
      <c r="AO4060" s="137"/>
      <c r="AP4060" s="137"/>
      <c r="AQ4060" s="137"/>
      <c r="AR4060" s="137"/>
      <c r="AS4060" s="137"/>
      <c r="AT4060" s="137"/>
      <c r="AU4060" s="137"/>
      <c r="AV4060" s="137"/>
      <c r="AW4060" s="144"/>
    </row>
    <row r="4061" spans="2:49" x14ac:dyDescent="0.2">
      <c r="B4061" s="97"/>
      <c r="J4061" s="98"/>
      <c r="K4061" s="97"/>
      <c r="N4061" s="3"/>
      <c r="W4061" s="98"/>
      <c r="Z4061" s="143"/>
      <c r="AA4061" s="137"/>
      <c r="AB4061" s="137"/>
      <c r="AC4061" s="137"/>
      <c r="AD4061" s="137"/>
      <c r="AE4061" s="137"/>
      <c r="AF4061" s="137"/>
      <c r="AG4061" s="137"/>
      <c r="AH4061" s="137"/>
      <c r="AI4061" s="137"/>
      <c r="AJ4061" s="137"/>
      <c r="AK4061" s="206"/>
      <c r="AL4061" s="206"/>
      <c r="AM4061" s="143"/>
      <c r="AN4061" s="137"/>
      <c r="AO4061" s="137"/>
      <c r="AP4061" s="137"/>
      <c r="AQ4061" s="137"/>
      <c r="AR4061" s="137"/>
      <c r="AS4061" s="137"/>
      <c r="AT4061" s="137"/>
      <c r="AU4061" s="137"/>
      <c r="AV4061" s="137"/>
      <c r="AW4061" s="144"/>
    </row>
    <row r="4062" spans="2:49" x14ac:dyDescent="0.2">
      <c r="B4062" s="97"/>
      <c r="J4062" s="98"/>
      <c r="K4062" s="97"/>
      <c r="N4062" s="3"/>
      <c r="W4062" s="98"/>
      <c r="Z4062" s="143"/>
      <c r="AA4062" s="137"/>
      <c r="AB4062" s="137"/>
      <c r="AC4062" s="137"/>
      <c r="AD4062" s="137"/>
      <c r="AE4062" s="137"/>
      <c r="AF4062" s="137"/>
      <c r="AG4062" s="137"/>
      <c r="AH4062" s="137"/>
      <c r="AI4062" s="137"/>
      <c r="AJ4062" s="137"/>
      <c r="AK4062" s="206"/>
      <c r="AL4062" s="206"/>
      <c r="AM4062" s="143"/>
      <c r="AN4062" s="137"/>
      <c r="AO4062" s="137"/>
      <c r="AP4062" s="137"/>
      <c r="AQ4062" s="137"/>
      <c r="AR4062" s="137"/>
      <c r="AS4062" s="137"/>
      <c r="AT4062" s="137"/>
      <c r="AU4062" s="137"/>
      <c r="AV4062" s="137"/>
      <c r="AW4062" s="144"/>
    </row>
    <row r="4063" spans="2:49" x14ac:dyDescent="0.2">
      <c r="B4063" s="97"/>
      <c r="J4063" s="98"/>
      <c r="K4063" s="97"/>
      <c r="N4063" s="3"/>
      <c r="W4063" s="98"/>
      <c r="Z4063" s="143"/>
      <c r="AA4063" s="137"/>
      <c r="AB4063" s="137"/>
      <c r="AC4063" s="137"/>
      <c r="AD4063" s="137"/>
      <c r="AE4063" s="137"/>
      <c r="AF4063" s="137"/>
      <c r="AG4063" s="137"/>
      <c r="AH4063" s="137"/>
      <c r="AI4063" s="137"/>
      <c r="AJ4063" s="137"/>
      <c r="AK4063" s="206"/>
      <c r="AL4063" s="206"/>
      <c r="AM4063" s="143"/>
      <c r="AN4063" s="137"/>
      <c r="AO4063" s="137"/>
      <c r="AP4063" s="137"/>
      <c r="AQ4063" s="137"/>
      <c r="AR4063" s="137"/>
      <c r="AS4063" s="137"/>
      <c r="AT4063" s="137"/>
      <c r="AU4063" s="137"/>
      <c r="AV4063" s="137"/>
      <c r="AW4063" s="144"/>
    </row>
    <row r="4064" spans="2:49" x14ac:dyDescent="0.2">
      <c r="B4064" s="97"/>
      <c r="J4064" s="98"/>
      <c r="K4064" s="97"/>
      <c r="N4064" s="3"/>
      <c r="W4064" s="98"/>
      <c r="Z4064" s="143"/>
      <c r="AA4064" s="137"/>
      <c r="AB4064" s="137"/>
      <c r="AC4064" s="137"/>
      <c r="AD4064" s="137"/>
      <c r="AE4064" s="137"/>
      <c r="AF4064" s="137"/>
      <c r="AG4064" s="137"/>
      <c r="AH4064" s="137"/>
      <c r="AI4064" s="137"/>
      <c r="AJ4064" s="137"/>
      <c r="AK4064" s="206"/>
      <c r="AL4064" s="206"/>
      <c r="AM4064" s="143"/>
      <c r="AN4064" s="137"/>
      <c r="AO4064" s="137"/>
      <c r="AP4064" s="137"/>
      <c r="AQ4064" s="137"/>
      <c r="AR4064" s="137"/>
      <c r="AS4064" s="137"/>
      <c r="AT4064" s="137"/>
      <c r="AU4064" s="137"/>
      <c r="AV4064" s="137"/>
      <c r="AW4064" s="144"/>
    </row>
    <row r="4065" spans="2:49" x14ac:dyDescent="0.2">
      <c r="B4065" s="97"/>
      <c r="J4065" s="98"/>
      <c r="K4065" s="97"/>
      <c r="N4065" s="3"/>
      <c r="W4065" s="98"/>
      <c r="Z4065" s="143"/>
      <c r="AA4065" s="137"/>
      <c r="AB4065" s="137"/>
      <c r="AC4065" s="137"/>
      <c r="AD4065" s="137"/>
      <c r="AE4065" s="137"/>
      <c r="AF4065" s="137"/>
      <c r="AG4065" s="137"/>
      <c r="AH4065" s="137"/>
      <c r="AI4065" s="137"/>
      <c r="AJ4065" s="137"/>
      <c r="AK4065" s="206"/>
      <c r="AL4065" s="206"/>
      <c r="AM4065" s="143"/>
      <c r="AN4065" s="137"/>
      <c r="AO4065" s="137"/>
      <c r="AP4065" s="137"/>
      <c r="AQ4065" s="137"/>
      <c r="AR4065" s="137"/>
      <c r="AS4065" s="137"/>
      <c r="AT4065" s="137"/>
      <c r="AU4065" s="137"/>
      <c r="AV4065" s="137"/>
      <c r="AW4065" s="144"/>
    </row>
    <row r="4066" spans="2:49" x14ac:dyDescent="0.2">
      <c r="B4066" s="97"/>
      <c r="J4066" s="98"/>
      <c r="K4066" s="97"/>
      <c r="N4066" s="3"/>
      <c r="W4066" s="98"/>
      <c r="Z4066" s="143"/>
      <c r="AA4066" s="137"/>
      <c r="AB4066" s="137"/>
      <c r="AC4066" s="137"/>
      <c r="AD4066" s="137"/>
      <c r="AE4066" s="137"/>
      <c r="AF4066" s="137"/>
      <c r="AG4066" s="137"/>
      <c r="AH4066" s="137"/>
      <c r="AI4066" s="137"/>
      <c r="AJ4066" s="137"/>
      <c r="AK4066" s="206"/>
      <c r="AL4066" s="206"/>
      <c r="AM4066" s="143"/>
      <c r="AN4066" s="137"/>
      <c r="AO4066" s="137"/>
      <c r="AP4066" s="137"/>
      <c r="AQ4066" s="137"/>
      <c r="AR4066" s="137"/>
      <c r="AS4066" s="137"/>
      <c r="AT4066" s="137"/>
      <c r="AU4066" s="137"/>
      <c r="AV4066" s="137"/>
      <c r="AW4066" s="144"/>
    </row>
    <row r="4067" spans="2:49" x14ac:dyDescent="0.2">
      <c r="B4067" s="97"/>
      <c r="J4067" s="98"/>
      <c r="K4067" s="97"/>
      <c r="N4067" s="3"/>
      <c r="W4067" s="98"/>
      <c r="Z4067" s="143"/>
      <c r="AA4067" s="137"/>
      <c r="AB4067" s="137"/>
      <c r="AC4067" s="137"/>
      <c r="AD4067" s="137"/>
      <c r="AE4067" s="137"/>
      <c r="AF4067" s="137"/>
      <c r="AG4067" s="137"/>
      <c r="AH4067" s="137"/>
      <c r="AI4067" s="137"/>
      <c r="AJ4067" s="137"/>
      <c r="AK4067" s="206"/>
      <c r="AL4067" s="206"/>
      <c r="AM4067" s="143"/>
      <c r="AN4067" s="137"/>
      <c r="AO4067" s="137"/>
      <c r="AP4067" s="137"/>
      <c r="AQ4067" s="137"/>
      <c r="AR4067" s="137"/>
      <c r="AS4067" s="137"/>
      <c r="AT4067" s="137"/>
      <c r="AU4067" s="137"/>
      <c r="AV4067" s="137"/>
      <c r="AW4067" s="144"/>
    </row>
    <row r="4068" spans="2:49" x14ac:dyDescent="0.2">
      <c r="B4068" s="97"/>
      <c r="J4068" s="98"/>
      <c r="K4068" s="97"/>
      <c r="N4068" s="3"/>
      <c r="W4068" s="98"/>
      <c r="Z4068" s="143"/>
      <c r="AA4068" s="137"/>
      <c r="AB4068" s="137"/>
      <c r="AC4068" s="137"/>
      <c r="AD4068" s="137"/>
      <c r="AE4068" s="137"/>
      <c r="AF4068" s="137"/>
      <c r="AG4068" s="137"/>
      <c r="AH4068" s="137"/>
      <c r="AI4068" s="137"/>
      <c r="AJ4068" s="137"/>
      <c r="AK4068" s="206"/>
      <c r="AL4068" s="206"/>
      <c r="AM4068" s="143"/>
      <c r="AN4068" s="137"/>
      <c r="AO4068" s="137"/>
      <c r="AP4068" s="137"/>
      <c r="AQ4068" s="137"/>
      <c r="AR4068" s="137"/>
      <c r="AS4068" s="137"/>
      <c r="AT4068" s="137"/>
      <c r="AU4068" s="137"/>
      <c r="AV4068" s="137"/>
      <c r="AW4068" s="144"/>
    </row>
    <row r="4069" spans="2:49" x14ac:dyDescent="0.2">
      <c r="B4069" s="97"/>
      <c r="J4069" s="98"/>
      <c r="K4069" s="97"/>
      <c r="N4069" s="3"/>
      <c r="W4069" s="98"/>
      <c r="Z4069" s="143"/>
      <c r="AA4069" s="137"/>
      <c r="AB4069" s="137"/>
      <c r="AC4069" s="137"/>
      <c r="AD4069" s="137"/>
      <c r="AE4069" s="137"/>
      <c r="AF4069" s="137"/>
      <c r="AG4069" s="137"/>
      <c r="AH4069" s="137"/>
      <c r="AI4069" s="137"/>
      <c r="AJ4069" s="137"/>
      <c r="AK4069" s="206"/>
      <c r="AL4069" s="206"/>
      <c r="AM4069" s="143"/>
      <c r="AN4069" s="137"/>
      <c r="AO4069" s="137"/>
      <c r="AP4069" s="137"/>
      <c r="AQ4069" s="137"/>
      <c r="AR4069" s="137"/>
      <c r="AS4069" s="137"/>
      <c r="AT4069" s="137"/>
      <c r="AU4069" s="137"/>
      <c r="AV4069" s="137"/>
      <c r="AW4069" s="144"/>
    </row>
    <row r="4070" spans="2:49" x14ac:dyDescent="0.2">
      <c r="B4070" s="97"/>
      <c r="J4070" s="98"/>
      <c r="K4070" s="97"/>
      <c r="N4070" s="3"/>
      <c r="W4070" s="98"/>
      <c r="Z4070" s="143"/>
      <c r="AA4070" s="137"/>
      <c r="AB4070" s="137"/>
      <c r="AC4070" s="137"/>
      <c r="AD4070" s="137"/>
      <c r="AE4070" s="137"/>
      <c r="AF4070" s="137"/>
      <c r="AG4070" s="137"/>
      <c r="AH4070" s="137"/>
      <c r="AI4070" s="137"/>
      <c r="AJ4070" s="137"/>
      <c r="AK4070" s="206"/>
      <c r="AL4070" s="206"/>
      <c r="AM4070" s="143"/>
      <c r="AN4070" s="137"/>
      <c r="AO4070" s="137"/>
      <c r="AP4070" s="137"/>
      <c r="AQ4070" s="137"/>
      <c r="AR4070" s="137"/>
      <c r="AS4070" s="137"/>
      <c r="AT4070" s="137"/>
      <c r="AU4070" s="137"/>
      <c r="AV4070" s="137"/>
      <c r="AW4070" s="144"/>
    </row>
    <row r="4071" spans="2:49" x14ac:dyDescent="0.2">
      <c r="B4071" s="97"/>
      <c r="J4071" s="98"/>
      <c r="K4071" s="97"/>
      <c r="N4071" s="3"/>
      <c r="W4071" s="98"/>
      <c r="Z4071" s="143"/>
      <c r="AA4071" s="137"/>
      <c r="AB4071" s="137"/>
      <c r="AC4071" s="137"/>
      <c r="AD4071" s="137"/>
      <c r="AE4071" s="137"/>
      <c r="AF4071" s="137"/>
      <c r="AG4071" s="137"/>
      <c r="AH4071" s="137"/>
      <c r="AI4071" s="137"/>
      <c r="AJ4071" s="137"/>
      <c r="AK4071" s="206"/>
      <c r="AL4071" s="206"/>
      <c r="AM4071" s="143"/>
      <c r="AN4071" s="137"/>
      <c r="AO4071" s="137"/>
      <c r="AP4071" s="137"/>
      <c r="AQ4071" s="137"/>
      <c r="AR4071" s="137"/>
      <c r="AS4071" s="137"/>
      <c r="AT4071" s="137"/>
      <c r="AU4071" s="137"/>
      <c r="AV4071" s="137"/>
      <c r="AW4071" s="144"/>
    </row>
    <row r="4072" spans="2:49" x14ac:dyDescent="0.2">
      <c r="B4072" s="97"/>
      <c r="J4072" s="98"/>
      <c r="K4072" s="97"/>
      <c r="N4072" s="3"/>
      <c r="W4072" s="98"/>
      <c r="Z4072" s="143"/>
      <c r="AA4072" s="137"/>
      <c r="AB4072" s="137"/>
      <c r="AC4072" s="137"/>
      <c r="AD4072" s="137"/>
      <c r="AE4072" s="137"/>
      <c r="AF4072" s="137"/>
      <c r="AG4072" s="137"/>
      <c r="AH4072" s="137"/>
      <c r="AI4072" s="137"/>
      <c r="AJ4072" s="137"/>
      <c r="AK4072" s="206"/>
      <c r="AL4072" s="206"/>
      <c r="AM4072" s="143"/>
      <c r="AN4072" s="137"/>
      <c r="AO4072" s="137"/>
      <c r="AP4072" s="137"/>
      <c r="AQ4072" s="137"/>
      <c r="AR4072" s="137"/>
      <c r="AS4072" s="137"/>
      <c r="AT4072" s="137"/>
      <c r="AU4072" s="137"/>
      <c r="AV4072" s="137"/>
      <c r="AW4072" s="144"/>
    </row>
    <row r="4073" spans="2:49" x14ac:dyDescent="0.2">
      <c r="B4073" s="97"/>
      <c r="J4073" s="98"/>
      <c r="K4073" s="97"/>
      <c r="N4073" s="3"/>
      <c r="W4073" s="98"/>
      <c r="Z4073" s="143"/>
      <c r="AA4073" s="137"/>
      <c r="AB4073" s="137"/>
      <c r="AC4073" s="137"/>
      <c r="AD4073" s="137"/>
      <c r="AE4073" s="137"/>
      <c r="AF4073" s="137"/>
      <c r="AG4073" s="137"/>
      <c r="AH4073" s="137"/>
      <c r="AI4073" s="137"/>
      <c r="AJ4073" s="137"/>
      <c r="AK4073" s="206"/>
      <c r="AL4073" s="206"/>
      <c r="AM4073" s="143"/>
      <c r="AN4073" s="137"/>
      <c r="AO4073" s="137"/>
      <c r="AP4073" s="137"/>
      <c r="AQ4073" s="137"/>
      <c r="AR4073" s="137"/>
      <c r="AS4073" s="137"/>
      <c r="AT4073" s="137"/>
      <c r="AU4073" s="137"/>
      <c r="AV4073" s="137"/>
      <c r="AW4073" s="144"/>
    </row>
    <row r="4074" spans="2:49" x14ac:dyDescent="0.2">
      <c r="B4074" s="97"/>
      <c r="J4074" s="98"/>
      <c r="K4074" s="97"/>
      <c r="N4074" s="3"/>
      <c r="W4074" s="98"/>
      <c r="Z4074" s="143"/>
      <c r="AA4074" s="137"/>
      <c r="AB4074" s="137"/>
      <c r="AC4074" s="137"/>
      <c r="AD4074" s="137"/>
      <c r="AE4074" s="137"/>
      <c r="AF4074" s="137"/>
      <c r="AG4074" s="137"/>
      <c r="AH4074" s="137"/>
      <c r="AI4074" s="137"/>
      <c r="AJ4074" s="137"/>
      <c r="AK4074" s="206"/>
      <c r="AL4074" s="206"/>
      <c r="AM4074" s="143"/>
      <c r="AN4074" s="137"/>
      <c r="AO4074" s="137"/>
      <c r="AP4074" s="137"/>
      <c r="AQ4074" s="137"/>
      <c r="AR4074" s="137"/>
      <c r="AS4074" s="137"/>
      <c r="AT4074" s="137"/>
      <c r="AU4074" s="137"/>
      <c r="AV4074" s="137"/>
      <c r="AW4074" s="144"/>
    </row>
    <row r="4075" spans="2:49" x14ac:dyDescent="0.2">
      <c r="B4075" s="97"/>
      <c r="J4075" s="98"/>
      <c r="K4075" s="97"/>
      <c r="N4075" s="3"/>
      <c r="W4075" s="98"/>
      <c r="Z4075" s="143"/>
      <c r="AA4075" s="137"/>
      <c r="AB4075" s="137"/>
      <c r="AC4075" s="137"/>
      <c r="AD4075" s="137"/>
      <c r="AE4075" s="137"/>
      <c r="AF4075" s="137"/>
      <c r="AG4075" s="137"/>
      <c r="AH4075" s="137"/>
      <c r="AI4075" s="137"/>
      <c r="AJ4075" s="137"/>
      <c r="AK4075" s="206"/>
      <c r="AL4075" s="206"/>
      <c r="AM4075" s="143"/>
      <c r="AN4075" s="137"/>
      <c r="AO4075" s="137"/>
      <c r="AP4075" s="137"/>
      <c r="AQ4075" s="137"/>
      <c r="AR4075" s="137"/>
      <c r="AS4075" s="137"/>
      <c r="AT4075" s="137"/>
      <c r="AU4075" s="137"/>
      <c r="AV4075" s="137"/>
      <c r="AW4075" s="144"/>
    </row>
    <row r="4076" spans="2:49" x14ac:dyDescent="0.2">
      <c r="B4076" s="97"/>
      <c r="J4076" s="98"/>
      <c r="K4076" s="97"/>
      <c r="N4076" s="3"/>
      <c r="W4076" s="98"/>
      <c r="Z4076" s="143"/>
      <c r="AA4076" s="137"/>
      <c r="AB4076" s="137"/>
      <c r="AC4076" s="137"/>
      <c r="AD4076" s="137"/>
      <c r="AE4076" s="137"/>
      <c r="AF4076" s="137"/>
      <c r="AG4076" s="137"/>
      <c r="AH4076" s="137"/>
      <c r="AI4076" s="137"/>
      <c r="AJ4076" s="137"/>
      <c r="AK4076" s="206"/>
      <c r="AL4076" s="206"/>
      <c r="AM4076" s="143"/>
      <c r="AN4076" s="137"/>
      <c r="AO4076" s="137"/>
      <c r="AP4076" s="137"/>
      <c r="AQ4076" s="137"/>
      <c r="AR4076" s="137"/>
      <c r="AS4076" s="137"/>
      <c r="AT4076" s="137"/>
      <c r="AU4076" s="137"/>
      <c r="AV4076" s="137"/>
      <c r="AW4076" s="144"/>
    </row>
    <row r="4077" spans="2:49" x14ac:dyDescent="0.2">
      <c r="B4077" s="97"/>
      <c r="J4077" s="98"/>
      <c r="K4077" s="97"/>
      <c r="N4077" s="3"/>
      <c r="W4077" s="98"/>
      <c r="Z4077" s="143"/>
      <c r="AA4077" s="137"/>
      <c r="AB4077" s="137"/>
      <c r="AC4077" s="137"/>
      <c r="AD4077" s="137"/>
      <c r="AE4077" s="137"/>
      <c r="AF4077" s="137"/>
      <c r="AG4077" s="137"/>
      <c r="AH4077" s="137"/>
      <c r="AI4077" s="137"/>
      <c r="AJ4077" s="137"/>
      <c r="AK4077" s="206"/>
      <c r="AL4077" s="206"/>
      <c r="AM4077" s="143"/>
      <c r="AN4077" s="137"/>
      <c r="AO4077" s="137"/>
      <c r="AP4077" s="137"/>
      <c r="AQ4077" s="137"/>
      <c r="AR4077" s="137"/>
      <c r="AS4077" s="137"/>
      <c r="AT4077" s="137"/>
      <c r="AU4077" s="137"/>
      <c r="AV4077" s="137"/>
      <c r="AW4077" s="144"/>
    </row>
    <row r="4078" spans="2:49" x14ac:dyDescent="0.2">
      <c r="B4078" s="97"/>
      <c r="J4078" s="98"/>
      <c r="K4078" s="97"/>
      <c r="N4078" s="3"/>
      <c r="W4078" s="98"/>
      <c r="Z4078" s="143"/>
      <c r="AA4078" s="137"/>
      <c r="AB4078" s="137"/>
      <c r="AC4078" s="137"/>
      <c r="AD4078" s="137"/>
      <c r="AE4078" s="137"/>
      <c r="AF4078" s="137"/>
      <c r="AG4078" s="137"/>
      <c r="AH4078" s="137"/>
      <c r="AI4078" s="137"/>
      <c r="AJ4078" s="137"/>
      <c r="AK4078" s="206"/>
      <c r="AL4078" s="206"/>
      <c r="AM4078" s="143"/>
      <c r="AN4078" s="137"/>
      <c r="AO4078" s="137"/>
      <c r="AP4078" s="137"/>
      <c r="AQ4078" s="137"/>
      <c r="AR4078" s="137"/>
      <c r="AS4078" s="137"/>
      <c r="AT4078" s="137"/>
      <c r="AU4078" s="137"/>
      <c r="AV4078" s="137"/>
      <c r="AW4078" s="144"/>
    </row>
    <row r="4079" spans="2:49" x14ac:dyDescent="0.2">
      <c r="B4079" s="97"/>
      <c r="J4079" s="98"/>
      <c r="K4079" s="97"/>
      <c r="N4079" s="3"/>
      <c r="W4079" s="98"/>
      <c r="Z4079" s="143"/>
      <c r="AA4079" s="137"/>
      <c r="AB4079" s="137"/>
      <c r="AC4079" s="137"/>
      <c r="AD4079" s="137"/>
      <c r="AE4079" s="137"/>
      <c r="AF4079" s="137"/>
      <c r="AG4079" s="137"/>
      <c r="AH4079" s="137"/>
      <c r="AI4079" s="137"/>
      <c r="AJ4079" s="137"/>
      <c r="AK4079" s="206"/>
      <c r="AL4079" s="206"/>
      <c r="AM4079" s="143"/>
      <c r="AN4079" s="137"/>
      <c r="AO4079" s="137"/>
      <c r="AP4079" s="137"/>
      <c r="AQ4079" s="137"/>
      <c r="AR4079" s="137"/>
      <c r="AS4079" s="137"/>
      <c r="AT4079" s="137"/>
      <c r="AU4079" s="137"/>
      <c r="AV4079" s="137"/>
      <c r="AW4079" s="144"/>
    </row>
    <row r="4080" spans="2:49" x14ac:dyDescent="0.2">
      <c r="B4080" s="97"/>
      <c r="J4080" s="98"/>
      <c r="K4080" s="97"/>
      <c r="N4080" s="3"/>
      <c r="W4080" s="98"/>
      <c r="Z4080" s="143"/>
      <c r="AA4080" s="137"/>
      <c r="AB4080" s="137"/>
      <c r="AC4080" s="137"/>
      <c r="AD4080" s="137"/>
      <c r="AE4080" s="137"/>
      <c r="AF4080" s="137"/>
      <c r="AG4080" s="137"/>
      <c r="AH4080" s="137"/>
      <c r="AI4080" s="137"/>
      <c r="AJ4080" s="137"/>
      <c r="AK4080" s="206"/>
      <c r="AL4080" s="206"/>
      <c r="AM4080" s="143"/>
      <c r="AN4080" s="137"/>
      <c r="AO4080" s="137"/>
      <c r="AP4080" s="137"/>
      <c r="AQ4080" s="137"/>
      <c r="AR4080" s="137"/>
      <c r="AS4080" s="137"/>
      <c r="AT4080" s="137"/>
      <c r="AU4080" s="137"/>
      <c r="AV4080" s="137"/>
      <c r="AW4080" s="144"/>
    </row>
    <row r="4081" spans="2:49" x14ac:dyDescent="0.2">
      <c r="B4081" s="97"/>
      <c r="J4081" s="98"/>
      <c r="K4081" s="97"/>
      <c r="N4081" s="3"/>
      <c r="W4081" s="98"/>
      <c r="Z4081" s="143"/>
      <c r="AA4081" s="137"/>
      <c r="AB4081" s="137"/>
      <c r="AC4081" s="137"/>
      <c r="AD4081" s="137"/>
      <c r="AE4081" s="137"/>
      <c r="AF4081" s="137"/>
      <c r="AG4081" s="137"/>
      <c r="AH4081" s="137"/>
      <c r="AI4081" s="137"/>
      <c r="AJ4081" s="137"/>
      <c r="AK4081" s="206"/>
      <c r="AL4081" s="206"/>
      <c r="AM4081" s="143"/>
      <c r="AN4081" s="137"/>
      <c r="AO4081" s="137"/>
      <c r="AP4081" s="137"/>
      <c r="AQ4081" s="137"/>
      <c r="AR4081" s="137"/>
      <c r="AS4081" s="137"/>
      <c r="AT4081" s="137"/>
      <c r="AU4081" s="137"/>
      <c r="AV4081" s="137"/>
      <c r="AW4081" s="144"/>
    </row>
    <row r="4082" spans="2:49" x14ac:dyDescent="0.2">
      <c r="B4082" s="97"/>
      <c r="J4082" s="98"/>
      <c r="K4082" s="97"/>
      <c r="N4082" s="3"/>
      <c r="W4082" s="98"/>
      <c r="Z4082" s="143"/>
      <c r="AA4082" s="137"/>
      <c r="AB4082" s="137"/>
      <c r="AC4082" s="137"/>
      <c r="AD4082" s="137"/>
      <c r="AE4082" s="137"/>
      <c r="AF4082" s="137"/>
      <c r="AG4082" s="137"/>
      <c r="AH4082" s="137"/>
      <c r="AI4082" s="137"/>
      <c r="AJ4082" s="137"/>
      <c r="AK4082" s="206"/>
      <c r="AL4082" s="206"/>
      <c r="AM4082" s="143"/>
      <c r="AN4082" s="137"/>
      <c r="AO4082" s="137"/>
      <c r="AP4082" s="137"/>
      <c r="AQ4082" s="137"/>
      <c r="AR4082" s="137"/>
      <c r="AS4082" s="137"/>
      <c r="AT4082" s="137"/>
      <c r="AU4082" s="137"/>
      <c r="AV4082" s="137"/>
      <c r="AW4082" s="144"/>
    </row>
    <row r="4083" spans="2:49" x14ac:dyDescent="0.2">
      <c r="B4083" s="97"/>
      <c r="J4083" s="98"/>
      <c r="K4083" s="97"/>
      <c r="N4083" s="3"/>
      <c r="W4083" s="98"/>
      <c r="Z4083" s="143"/>
      <c r="AA4083" s="137"/>
      <c r="AB4083" s="137"/>
      <c r="AC4083" s="137"/>
      <c r="AD4083" s="137"/>
      <c r="AE4083" s="137"/>
      <c r="AF4083" s="137"/>
      <c r="AG4083" s="137"/>
      <c r="AH4083" s="137"/>
      <c r="AI4083" s="137"/>
      <c r="AJ4083" s="137"/>
      <c r="AK4083" s="206"/>
      <c r="AL4083" s="206"/>
      <c r="AM4083" s="143"/>
      <c r="AN4083" s="137"/>
      <c r="AO4083" s="137"/>
      <c r="AP4083" s="137"/>
      <c r="AQ4083" s="137"/>
      <c r="AR4083" s="137"/>
      <c r="AS4083" s="137"/>
      <c r="AT4083" s="137"/>
      <c r="AU4083" s="137"/>
      <c r="AV4083" s="137"/>
      <c r="AW4083" s="144"/>
    </row>
    <row r="4084" spans="2:49" x14ac:dyDescent="0.2">
      <c r="B4084" s="97"/>
      <c r="J4084" s="98"/>
      <c r="K4084" s="97"/>
      <c r="N4084" s="3"/>
      <c r="W4084" s="98"/>
      <c r="Z4084" s="143"/>
      <c r="AA4084" s="137"/>
      <c r="AB4084" s="137"/>
      <c r="AC4084" s="137"/>
      <c r="AD4084" s="137"/>
      <c r="AE4084" s="137"/>
      <c r="AF4084" s="137"/>
      <c r="AG4084" s="137"/>
      <c r="AH4084" s="137"/>
      <c r="AI4084" s="137"/>
      <c r="AJ4084" s="137"/>
      <c r="AK4084" s="206"/>
      <c r="AL4084" s="206"/>
      <c r="AM4084" s="143"/>
      <c r="AN4084" s="137"/>
      <c r="AO4084" s="137"/>
      <c r="AP4084" s="137"/>
      <c r="AQ4084" s="137"/>
      <c r="AR4084" s="137"/>
      <c r="AS4084" s="137"/>
      <c r="AT4084" s="137"/>
      <c r="AU4084" s="137"/>
      <c r="AV4084" s="137"/>
      <c r="AW4084" s="144"/>
    </row>
    <row r="4085" spans="2:49" x14ac:dyDescent="0.2">
      <c r="B4085" s="97"/>
      <c r="J4085" s="98"/>
      <c r="K4085" s="97"/>
      <c r="N4085" s="3"/>
      <c r="W4085" s="98"/>
      <c r="Z4085" s="143"/>
      <c r="AA4085" s="137"/>
      <c r="AB4085" s="137"/>
      <c r="AC4085" s="137"/>
      <c r="AD4085" s="137"/>
      <c r="AE4085" s="137"/>
      <c r="AF4085" s="137"/>
      <c r="AG4085" s="137"/>
      <c r="AH4085" s="137"/>
      <c r="AI4085" s="137"/>
      <c r="AJ4085" s="137"/>
      <c r="AK4085" s="206"/>
      <c r="AL4085" s="206"/>
      <c r="AM4085" s="143"/>
      <c r="AN4085" s="137"/>
      <c r="AO4085" s="137"/>
      <c r="AP4085" s="137"/>
      <c r="AQ4085" s="137"/>
      <c r="AR4085" s="137"/>
      <c r="AS4085" s="137"/>
      <c r="AT4085" s="137"/>
      <c r="AU4085" s="137"/>
      <c r="AV4085" s="137"/>
      <c r="AW4085" s="144"/>
    </row>
    <row r="4086" spans="2:49" x14ac:dyDescent="0.2">
      <c r="B4086" s="97"/>
      <c r="J4086" s="98"/>
      <c r="K4086" s="97"/>
      <c r="N4086" s="3"/>
      <c r="W4086" s="98"/>
      <c r="Z4086" s="143"/>
      <c r="AA4086" s="137"/>
      <c r="AB4086" s="137"/>
      <c r="AC4086" s="137"/>
      <c r="AD4086" s="137"/>
      <c r="AE4086" s="137"/>
      <c r="AF4086" s="137"/>
      <c r="AG4086" s="137"/>
      <c r="AH4086" s="137"/>
      <c r="AI4086" s="137"/>
      <c r="AJ4086" s="137"/>
      <c r="AK4086" s="206"/>
      <c r="AL4086" s="206"/>
      <c r="AM4086" s="143"/>
      <c r="AN4086" s="137"/>
      <c r="AO4086" s="137"/>
      <c r="AP4086" s="137"/>
      <c r="AQ4086" s="137"/>
      <c r="AR4086" s="137"/>
      <c r="AS4086" s="137"/>
      <c r="AT4086" s="137"/>
      <c r="AU4086" s="137"/>
      <c r="AV4086" s="137"/>
      <c r="AW4086" s="144"/>
    </row>
    <row r="4087" spans="2:49" x14ac:dyDescent="0.2">
      <c r="B4087" s="97"/>
      <c r="J4087" s="98"/>
      <c r="K4087" s="97"/>
      <c r="N4087" s="3"/>
      <c r="W4087" s="98"/>
      <c r="Z4087" s="143"/>
      <c r="AA4087" s="137"/>
      <c r="AB4087" s="137"/>
      <c r="AC4087" s="137"/>
      <c r="AD4087" s="137"/>
      <c r="AE4087" s="137"/>
      <c r="AF4087" s="137"/>
      <c r="AG4087" s="137"/>
      <c r="AH4087" s="137"/>
      <c r="AI4087" s="137"/>
      <c r="AJ4087" s="137"/>
      <c r="AK4087" s="206"/>
      <c r="AL4087" s="206"/>
      <c r="AM4087" s="143"/>
      <c r="AN4087" s="137"/>
      <c r="AO4087" s="137"/>
      <c r="AP4087" s="137"/>
      <c r="AQ4087" s="137"/>
      <c r="AR4087" s="137"/>
      <c r="AS4087" s="137"/>
      <c r="AT4087" s="137"/>
      <c r="AU4087" s="137"/>
      <c r="AV4087" s="137"/>
      <c r="AW4087" s="144"/>
    </row>
    <row r="4088" spans="2:49" x14ac:dyDescent="0.2">
      <c r="B4088" s="97"/>
      <c r="J4088" s="98"/>
      <c r="K4088" s="97"/>
      <c r="N4088" s="3"/>
      <c r="W4088" s="98"/>
      <c r="Z4088" s="143"/>
      <c r="AA4088" s="137"/>
      <c r="AB4088" s="137"/>
      <c r="AC4088" s="137"/>
      <c r="AD4088" s="137"/>
      <c r="AE4088" s="137"/>
      <c r="AF4088" s="137"/>
      <c r="AG4088" s="137"/>
      <c r="AH4088" s="137"/>
      <c r="AI4088" s="137"/>
      <c r="AJ4088" s="137"/>
      <c r="AK4088" s="206"/>
      <c r="AL4088" s="206"/>
      <c r="AM4088" s="143"/>
      <c r="AN4088" s="137"/>
      <c r="AO4088" s="137"/>
      <c r="AP4088" s="137"/>
      <c r="AQ4088" s="137"/>
      <c r="AR4088" s="137"/>
      <c r="AS4088" s="137"/>
      <c r="AT4088" s="137"/>
      <c r="AU4088" s="137"/>
      <c r="AV4088" s="137"/>
      <c r="AW4088" s="144"/>
    </row>
    <row r="4089" spans="2:49" x14ac:dyDescent="0.2">
      <c r="B4089" s="97"/>
      <c r="J4089" s="98"/>
      <c r="K4089" s="97"/>
      <c r="N4089" s="3"/>
      <c r="W4089" s="98"/>
      <c r="Z4089" s="143"/>
      <c r="AA4089" s="137"/>
      <c r="AB4089" s="137"/>
      <c r="AC4089" s="137"/>
      <c r="AD4089" s="137"/>
      <c r="AE4089" s="137"/>
      <c r="AF4089" s="137"/>
      <c r="AG4089" s="137"/>
      <c r="AH4089" s="137"/>
      <c r="AI4089" s="137"/>
      <c r="AJ4089" s="137"/>
      <c r="AK4089" s="206"/>
      <c r="AL4089" s="206"/>
      <c r="AM4089" s="143"/>
      <c r="AN4089" s="137"/>
      <c r="AO4089" s="137"/>
      <c r="AP4089" s="137"/>
      <c r="AQ4089" s="137"/>
      <c r="AR4089" s="137"/>
      <c r="AS4089" s="137"/>
      <c r="AT4089" s="137"/>
      <c r="AU4089" s="137"/>
      <c r="AV4089" s="137"/>
      <c r="AW4089" s="144"/>
    </row>
    <row r="4090" spans="2:49" x14ac:dyDescent="0.2">
      <c r="B4090" s="97"/>
      <c r="J4090" s="98"/>
      <c r="K4090" s="97"/>
      <c r="N4090" s="3"/>
      <c r="W4090" s="98"/>
      <c r="Z4090" s="143"/>
      <c r="AA4090" s="137"/>
      <c r="AB4090" s="137"/>
      <c r="AC4090" s="137"/>
      <c r="AD4090" s="137"/>
      <c r="AE4090" s="137"/>
      <c r="AF4090" s="137"/>
      <c r="AG4090" s="137"/>
      <c r="AH4090" s="137"/>
      <c r="AI4090" s="137"/>
      <c r="AJ4090" s="137"/>
      <c r="AK4090" s="206"/>
      <c r="AL4090" s="206"/>
      <c r="AM4090" s="143"/>
      <c r="AN4090" s="137"/>
      <c r="AO4090" s="137"/>
      <c r="AP4090" s="137"/>
      <c r="AQ4090" s="137"/>
      <c r="AR4090" s="137"/>
      <c r="AS4090" s="137"/>
      <c r="AT4090" s="137"/>
      <c r="AU4090" s="137"/>
      <c r="AV4090" s="137"/>
      <c r="AW4090" s="144"/>
    </row>
    <row r="4091" spans="2:49" x14ac:dyDescent="0.2">
      <c r="B4091" s="97"/>
      <c r="J4091" s="98"/>
      <c r="K4091" s="97"/>
      <c r="N4091" s="3"/>
      <c r="W4091" s="98"/>
      <c r="Z4091" s="143"/>
      <c r="AA4091" s="137"/>
      <c r="AB4091" s="137"/>
      <c r="AC4091" s="137"/>
      <c r="AD4091" s="137"/>
      <c r="AE4091" s="137"/>
      <c r="AF4091" s="137"/>
      <c r="AG4091" s="137"/>
      <c r="AH4091" s="137"/>
      <c r="AI4091" s="137"/>
      <c r="AJ4091" s="137"/>
      <c r="AK4091" s="206"/>
      <c r="AL4091" s="206"/>
      <c r="AM4091" s="143"/>
      <c r="AN4091" s="137"/>
      <c r="AO4091" s="137"/>
      <c r="AP4091" s="137"/>
      <c r="AQ4091" s="137"/>
      <c r="AR4091" s="137"/>
      <c r="AS4091" s="137"/>
      <c r="AT4091" s="137"/>
      <c r="AU4091" s="137"/>
      <c r="AV4091" s="137"/>
      <c r="AW4091" s="144"/>
    </row>
    <row r="4092" spans="2:49" x14ac:dyDescent="0.2">
      <c r="B4092" s="97"/>
      <c r="J4092" s="98"/>
      <c r="K4092" s="97"/>
      <c r="N4092" s="3"/>
      <c r="W4092" s="98"/>
      <c r="Z4092" s="143"/>
      <c r="AA4092" s="137"/>
      <c r="AB4092" s="137"/>
      <c r="AC4092" s="137"/>
      <c r="AD4092" s="137"/>
      <c r="AE4092" s="137"/>
      <c r="AF4092" s="137"/>
      <c r="AG4092" s="137"/>
      <c r="AH4092" s="137"/>
      <c r="AI4092" s="137"/>
      <c r="AJ4092" s="137"/>
      <c r="AK4092" s="206"/>
      <c r="AL4092" s="206"/>
      <c r="AM4092" s="143"/>
      <c r="AN4092" s="137"/>
      <c r="AO4092" s="137"/>
      <c r="AP4092" s="137"/>
      <c r="AQ4092" s="137"/>
      <c r="AR4092" s="137"/>
      <c r="AS4092" s="137"/>
      <c r="AT4092" s="137"/>
      <c r="AU4092" s="137"/>
      <c r="AV4092" s="137"/>
      <c r="AW4092" s="144"/>
    </row>
    <row r="4093" spans="2:49" x14ac:dyDescent="0.2">
      <c r="B4093" s="97"/>
      <c r="J4093" s="98"/>
      <c r="K4093" s="97"/>
      <c r="N4093" s="3"/>
      <c r="W4093" s="98"/>
      <c r="Z4093" s="143"/>
      <c r="AA4093" s="137"/>
      <c r="AB4093" s="137"/>
      <c r="AC4093" s="137"/>
      <c r="AD4093" s="137"/>
      <c r="AE4093" s="137"/>
      <c r="AF4093" s="137"/>
      <c r="AG4093" s="137"/>
      <c r="AH4093" s="137"/>
      <c r="AI4093" s="137"/>
      <c r="AJ4093" s="137"/>
      <c r="AK4093" s="206"/>
      <c r="AL4093" s="206"/>
      <c r="AM4093" s="143"/>
      <c r="AN4093" s="137"/>
      <c r="AO4093" s="137"/>
      <c r="AP4093" s="137"/>
      <c r="AQ4093" s="137"/>
      <c r="AR4093" s="137"/>
      <c r="AS4093" s="137"/>
      <c r="AT4093" s="137"/>
      <c r="AU4093" s="137"/>
      <c r="AV4093" s="137"/>
      <c r="AW4093" s="144"/>
    </row>
    <row r="4094" spans="2:49" x14ac:dyDescent="0.2">
      <c r="B4094" s="97"/>
      <c r="J4094" s="98"/>
      <c r="K4094" s="97"/>
      <c r="N4094" s="3"/>
      <c r="W4094" s="98"/>
      <c r="Z4094" s="143"/>
      <c r="AA4094" s="137"/>
      <c r="AB4094" s="137"/>
      <c r="AC4094" s="137"/>
      <c r="AD4094" s="137"/>
      <c r="AE4094" s="137"/>
      <c r="AF4094" s="137"/>
      <c r="AG4094" s="137"/>
      <c r="AH4094" s="137"/>
      <c r="AI4094" s="137"/>
      <c r="AJ4094" s="137"/>
      <c r="AK4094" s="206"/>
      <c r="AL4094" s="206"/>
      <c r="AM4094" s="143"/>
      <c r="AN4094" s="137"/>
      <c r="AO4094" s="137"/>
      <c r="AP4094" s="137"/>
      <c r="AQ4094" s="137"/>
      <c r="AR4094" s="137"/>
      <c r="AS4094" s="137"/>
      <c r="AT4094" s="137"/>
      <c r="AU4094" s="137"/>
      <c r="AV4094" s="137"/>
      <c r="AW4094" s="144"/>
    </row>
    <row r="4095" spans="2:49" x14ac:dyDescent="0.2">
      <c r="B4095" s="97"/>
      <c r="J4095" s="98"/>
      <c r="K4095" s="97"/>
      <c r="N4095" s="3"/>
      <c r="W4095" s="98"/>
      <c r="Z4095" s="143"/>
      <c r="AA4095" s="137"/>
      <c r="AB4095" s="137"/>
      <c r="AC4095" s="137"/>
      <c r="AD4095" s="137"/>
      <c r="AE4095" s="137"/>
      <c r="AF4095" s="137"/>
      <c r="AG4095" s="137"/>
      <c r="AH4095" s="137"/>
      <c r="AI4095" s="137"/>
      <c r="AJ4095" s="137"/>
      <c r="AK4095" s="206"/>
      <c r="AL4095" s="206"/>
      <c r="AM4095" s="143"/>
      <c r="AN4095" s="137"/>
      <c r="AO4095" s="137"/>
      <c r="AP4095" s="137"/>
      <c r="AQ4095" s="137"/>
      <c r="AR4095" s="137"/>
      <c r="AS4095" s="137"/>
      <c r="AT4095" s="137"/>
      <c r="AU4095" s="137"/>
      <c r="AV4095" s="137"/>
      <c r="AW4095" s="144"/>
    </row>
    <row r="4096" spans="2:49" x14ac:dyDescent="0.2">
      <c r="B4096" s="97"/>
      <c r="J4096" s="98"/>
      <c r="K4096" s="97"/>
      <c r="N4096" s="3"/>
      <c r="W4096" s="98"/>
      <c r="Z4096" s="143"/>
      <c r="AA4096" s="137"/>
      <c r="AB4096" s="137"/>
      <c r="AC4096" s="137"/>
      <c r="AD4096" s="137"/>
      <c r="AE4096" s="137"/>
      <c r="AF4096" s="137"/>
      <c r="AG4096" s="137"/>
      <c r="AH4096" s="137"/>
      <c r="AI4096" s="137"/>
      <c r="AJ4096" s="137"/>
      <c r="AK4096" s="206"/>
      <c r="AL4096" s="206"/>
      <c r="AM4096" s="143"/>
      <c r="AN4096" s="137"/>
      <c r="AO4096" s="137"/>
      <c r="AP4096" s="137"/>
      <c r="AQ4096" s="137"/>
      <c r="AR4096" s="137"/>
      <c r="AS4096" s="137"/>
      <c r="AT4096" s="137"/>
      <c r="AU4096" s="137"/>
      <c r="AV4096" s="137"/>
      <c r="AW4096" s="144"/>
    </row>
    <row r="4097" spans="2:49" x14ac:dyDescent="0.2">
      <c r="B4097" s="97"/>
      <c r="J4097" s="98"/>
      <c r="K4097" s="97"/>
      <c r="N4097" s="3"/>
      <c r="W4097" s="98"/>
      <c r="Z4097" s="143"/>
      <c r="AA4097" s="137"/>
      <c r="AB4097" s="137"/>
      <c r="AC4097" s="137"/>
      <c r="AD4097" s="137"/>
      <c r="AE4097" s="137"/>
      <c r="AF4097" s="137"/>
      <c r="AG4097" s="137"/>
      <c r="AH4097" s="137"/>
      <c r="AI4097" s="137"/>
      <c r="AJ4097" s="137"/>
      <c r="AK4097" s="206"/>
      <c r="AL4097" s="206"/>
      <c r="AM4097" s="143"/>
      <c r="AN4097" s="137"/>
      <c r="AO4097" s="137"/>
      <c r="AP4097" s="137"/>
      <c r="AQ4097" s="137"/>
      <c r="AR4097" s="137"/>
      <c r="AS4097" s="137"/>
      <c r="AT4097" s="137"/>
      <c r="AU4097" s="137"/>
      <c r="AV4097" s="137"/>
      <c r="AW4097" s="144"/>
    </row>
    <row r="4098" spans="2:49" x14ac:dyDescent="0.2">
      <c r="B4098" s="97"/>
      <c r="J4098" s="98"/>
      <c r="K4098" s="97"/>
      <c r="N4098" s="3"/>
      <c r="W4098" s="98"/>
      <c r="Z4098" s="143"/>
      <c r="AA4098" s="137"/>
      <c r="AB4098" s="137"/>
      <c r="AC4098" s="137"/>
      <c r="AD4098" s="137"/>
      <c r="AE4098" s="137"/>
      <c r="AF4098" s="137"/>
      <c r="AG4098" s="137"/>
      <c r="AH4098" s="137"/>
      <c r="AI4098" s="137"/>
      <c r="AJ4098" s="137"/>
      <c r="AK4098" s="206"/>
      <c r="AL4098" s="206"/>
      <c r="AM4098" s="143"/>
      <c r="AN4098" s="137"/>
      <c r="AO4098" s="137"/>
      <c r="AP4098" s="137"/>
      <c r="AQ4098" s="137"/>
      <c r="AR4098" s="137"/>
      <c r="AS4098" s="137"/>
      <c r="AT4098" s="137"/>
      <c r="AU4098" s="137"/>
      <c r="AV4098" s="137"/>
      <c r="AW4098" s="144"/>
    </row>
    <row r="4099" spans="2:49" x14ac:dyDescent="0.2">
      <c r="B4099" s="97"/>
      <c r="J4099" s="98"/>
      <c r="K4099" s="97"/>
      <c r="N4099" s="3"/>
      <c r="W4099" s="98"/>
      <c r="Z4099" s="143"/>
      <c r="AA4099" s="137"/>
      <c r="AB4099" s="137"/>
      <c r="AC4099" s="137"/>
      <c r="AD4099" s="137"/>
      <c r="AE4099" s="137"/>
      <c r="AF4099" s="137"/>
      <c r="AG4099" s="137"/>
      <c r="AH4099" s="137"/>
      <c r="AI4099" s="137"/>
      <c r="AJ4099" s="137"/>
      <c r="AK4099" s="206"/>
      <c r="AL4099" s="206"/>
      <c r="AM4099" s="143"/>
      <c r="AN4099" s="137"/>
      <c r="AO4099" s="137"/>
      <c r="AP4099" s="137"/>
      <c r="AQ4099" s="137"/>
      <c r="AR4099" s="137"/>
      <c r="AS4099" s="137"/>
      <c r="AT4099" s="137"/>
      <c r="AU4099" s="137"/>
      <c r="AV4099" s="137"/>
      <c r="AW4099" s="144"/>
    </row>
    <row r="4100" spans="2:49" x14ac:dyDescent="0.2">
      <c r="B4100" s="97"/>
      <c r="J4100" s="98"/>
      <c r="K4100" s="97"/>
      <c r="N4100" s="3"/>
      <c r="W4100" s="98"/>
      <c r="Z4100" s="143"/>
      <c r="AA4100" s="137"/>
      <c r="AB4100" s="137"/>
      <c r="AC4100" s="137"/>
      <c r="AD4100" s="137"/>
      <c r="AE4100" s="137"/>
      <c r="AF4100" s="137"/>
      <c r="AG4100" s="137"/>
      <c r="AH4100" s="137"/>
      <c r="AI4100" s="137"/>
      <c r="AJ4100" s="137"/>
      <c r="AK4100" s="206"/>
      <c r="AL4100" s="206"/>
      <c r="AM4100" s="143"/>
      <c r="AN4100" s="137"/>
      <c r="AO4100" s="137"/>
      <c r="AP4100" s="137"/>
      <c r="AQ4100" s="137"/>
      <c r="AR4100" s="137"/>
      <c r="AS4100" s="137"/>
      <c r="AT4100" s="137"/>
      <c r="AU4100" s="137"/>
      <c r="AV4100" s="137"/>
      <c r="AW4100" s="144"/>
    </row>
    <row r="4101" spans="2:49" x14ac:dyDescent="0.2">
      <c r="B4101" s="97"/>
      <c r="J4101" s="98"/>
      <c r="K4101" s="97"/>
      <c r="N4101" s="3"/>
      <c r="W4101" s="98"/>
      <c r="Z4101" s="143"/>
      <c r="AA4101" s="137"/>
      <c r="AB4101" s="137"/>
      <c r="AC4101" s="137"/>
      <c r="AD4101" s="137"/>
      <c r="AE4101" s="137"/>
      <c r="AF4101" s="137"/>
      <c r="AG4101" s="137"/>
      <c r="AH4101" s="137"/>
      <c r="AI4101" s="137"/>
      <c r="AJ4101" s="137"/>
      <c r="AK4101" s="206"/>
      <c r="AL4101" s="206"/>
      <c r="AM4101" s="143"/>
      <c r="AN4101" s="137"/>
      <c r="AO4101" s="137"/>
      <c r="AP4101" s="137"/>
      <c r="AQ4101" s="137"/>
      <c r="AR4101" s="137"/>
      <c r="AS4101" s="137"/>
      <c r="AT4101" s="137"/>
      <c r="AU4101" s="137"/>
      <c r="AV4101" s="137"/>
      <c r="AW4101" s="144"/>
    </row>
    <row r="4102" spans="2:49" x14ac:dyDescent="0.2">
      <c r="B4102" s="97"/>
      <c r="J4102" s="98"/>
      <c r="K4102" s="97"/>
      <c r="N4102" s="3"/>
      <c r="W4102" s="98"/>
      <c r="Z4102" s="143"/>
      <c r="AA4102" s="137"/>
      <c r="AB4102" s="137"/>
      <c r="AC4102" s="137"/>
      <c r="AD4102" s="137"/>
      <c r="AE4102" s="137"/>
      <c r="AF4102" s="137"/>
      <c r="AG4102" s="137"/>
      <c r="AH4102" s="137"/>
      <c r="AI4102" s="137"/>
      <c r="AJ4102" s="137"/>
      <c r="AK4102" s="206"/>
      <c r="AL4102" s="206"/>
      <c r="AM4102" s="143"/>
      <c r="AN4102" s="137"/>
      <c r="AO4102" s="137"/>
      <c r="AP4102" s="137"/>
      <c r="AQ4102" s="137"/>
      <c r="AR4102" s="137"/>
      <c r="AS4102" s="137"/>
      <c r="AT4102" s="137"/>
      <c r="AU4102" s="137"/>
      <c r="AV4102" s="137"/>
      <c r="AW4102" s="144"/>
    </row>
    <row r="4103" spans="2:49" x14ac:dyDescent="0.2">
      <c r="B4103" s="97"/>
      <c r="J4103" s="98"/>
      <c r="K4103" s="97"/>
      <c r="N4103" s="3"/>
      <c r="W4103" s="98"/>
      <c r="Z4103" s="143"/>
      <c r="AA4103" s="137"/>
      <c r="AB4103" s="137"/>
      <c r="AC4103" s="137"/>
      <c r="AD4103" s="137"/>
      <c r="AE4103" s="137"/>
      <c r="AF4103" s="137"/>
      <c r="AG4103" s="137"/>
      <c r="AH4103" s="137"/>
      <c r="AI4103" s="137"/>
      <c r="AJ4103" s="137"/>
      <c r="AK4103" s="206"/>
      <c r="AL4103" s="206"/>
      <c r="AM4103" s="143"/>
      <c r="AN4103" s="137"/>
      <c r="AO4103" s="137"/>
      <c r="AP4103" s="137"/>
      <c r="AQ4103" s="137"/>
      <c r="AR4103" s="137"/>
      <c r="AS4103" s="137"/>
      <c r="AT4103" s="137"/>
      <c r="AU4103" s="137"/>
      <c r="AV4103" s="137"/>
      <c r="AW4103" s="144"/>
    </row>
    <row r="4104" spans="2:49" x14ac:dyDescent="0.2">
      <c r="B4104" s="97"/>
      <c r="J4104" s="98"/>
      <c r="K4104" s="97"/>
      <c r="N4104" s="3"/>
      <c r="W4104" s="98"/>
      <c r="Z4104" s="143"/>
      <c r="AA4104" s="137"/>
      <c r="AB4104" s="137"/>
      <c r="AC4104" s="137"/>
      <c r="AD4104" s="137"/>
      <c r="AE4104" s="137"/>
      <c r="AF4104" s="137"/>
      <c r="AG4104" s="137"/>
      <c r="AH4104" s="137"/>
      <c r="AI4104" s="137"/>
      <c r="AJ4104" s="137"/>
      <c r="AK4104" s="206"/>
      <c r="AL4104" s="206"/>
      <c r="AM4104" s="143"/>
      <c r="AN4104" s="137"/>
      <c r="AO4104" s="137"/>
      <c r="AP4104" s="137"/>
      <c r="AQ4104" s="137"/>
      <c r="AR4104" s="137"/>
      <c r="AS4104" s="137"/>
      <c r="AT4104" s="137"/>
      <c r="AU4104" s="137"/>
      <c r="AV4104" s="137"/>
      <c r="AW4104" s="144"/>
    </row>
    <row r="4105" spans="2:49" x14ac:dyDescent="0.2">
      <c r="B4105" s="97"/>
      <c r="J4105" s="98"/>
      <c r="K4105" s="97"/>
      <c r="N4105" s="3"/>
      <c r="W4105" s="98"/>
      <c r="Z4105" s="143"/>
      <c r="AA4105" s="137"/>
      <c r="AB4105" s="137"/>
      <c r="AC4105" s="137"/>
      <c r="AD4105" s="137"/>
      <c r="AE4105" s="137"/>
      <c r="AF4105" s="137"/>
      <c r="AG4105" s="137"/>
      <c r="AH4105" s="137"/>
      <c r="AI4105" s="137"/>
      <c r="AJ4105" s="137"/>
      <c r="AK4105" s="206"/>
      <c r="AL4105" s="206"/>
      <c r="AM4105" s="143"/>
      <c r="AN4105" s="137"/>
      <c r="AO4105" s="137"/>
      <c r="AP4105" s="137"/>
      <c r="AQ4105" s="137"/>
      <c r="AR4105" s="137"/>
      <c r="AS4105" s="137"/>
      <c r="AT4105" s="137"/>
      <c r="AU4105" s="137"/>
      <c r="AV4105" s="137"/>
      <c r="AW4105" s="144"/>
    </row>
    <row r="4106" spans="2:49" x14ac:dyDescent="0.2">
      <c r="B4106" s="97"/>
      <c r="J4106" s="98"/>
      <c r="K4106" s="97"/>
      <c r="N4106" s="3"/>
      <c r="W4106" s="98"/>
      <c r="Z4106" s="143"/>
      <c r="AA4106" s="137"/>
      <c r="AB4106" s="137"/>
      <c r="AC4106" s="137"/>
      <c r="AD4106" s="137"/>
      <c r="AE4106" s="137"/>
      <c r="AF4106" s="137"/>
      <c r="AG4106" s="137"/>
      <c r="AH4106" s="137"/>
      <c r="AI4106" s="137"/>
      <c r="AJ4106" s="137"/>
      <c r="AK4106" s="206"/>
      <c r="AL4106" s="206"/>
      <c r="AM4106" s="143"/>
      <c r="AN4106" s="137"/>
      <c r="AO4106" s="137"/>
      <c r="AP4106" s="137"/>
      <c r="AQ4106" s="137"/>
      <c r="AR4106" s="137"/>
      <c r="AS4106" s="137"/>
      <c r="AT4106" s="137"/>
      <c r="AU4106" s="137"/>
      <c r="AV4106" s="137"/>
      <c r="AW4106" s="144"/>
    </row>
    <row r="4107" spans="2:49" x14ac:dyDescent="0.2">
      <c r="B4107" s="97"/>
      <c r="J4107" s="98"/>
      <c r="K4107" s="97"/>
      <c r="N4107" s="3"/>
      <c r="W4107" s="98"/>
      <c r="Z4107" s="143"/>
      <c r="AA4107" s="137"/>
      <c r="AB4107" s="137"/>
      <c r="AC4107" s="137"/>
      <c r="AD4107" s="137"/>
      <c r="AE4107" s="137"/>
      <c r="AF4107" s="137"/>
      <c r="AG4107" s="137"/>
      <c r="AH4107" s="137"/>
      <c r="AI4107" s="137"/>
      <c r="AJ4107" s="137"/>
      <c r="AK4107" s="206"/>
      <c r="AL4107" s="206"/>
      <c r="AM4107" s="143"/>
      <c r="AN4107" s="137"/>
      <c r="AO4107" s="137"/>
      <c r="AP4107" s="137"/>
      <c r="AQ4107" s="137"/>
      <c r="AR4107" s="137"/>
      <c r="AS4107" s="137"/>
      <c r="AT4107" s="137"/>
      <c r="AU4107" s="137"/>
      <c r="AV4107" s="137"/>
      <c r="AW4107" s="144"/>
    </row>
    <row r="4108" spans="2:49" x14ac:dyDescent="0.2">
      <c r="B4108" s="97"/>
      <c r="J4108" s="98"/>
      <c r="K4108" s="97"/>
      <c r="N4108" s="3"/>
      <c r="W4108" s="98"/>
      <c r="Z4108" s="143"/>
      <c r="AA4108" s="137"/>
      <c r="AB4108" s="137"/>
      <c r="AC4108" s="137"/>
      <c r="AD4108" s="137"/>
      <c r="AE4108" s="137"/>
      <c r="AF4108" s="137"/>
      <c r="AG4108" s="137"/>
      <c r="AH4108" s="137"/>
      <c r="AI4108" s="137"/>
      <c r="AJ4108" s="137"/>
      <c r="AK4108" s="206"/>
      <c r="AL4108" s="206"/>
      <c r="AM4108" s="143"/>
      <c r="AN4108" s="137"/>
      <c r="AO4108" s="137"/>
      <c r="AP4108" s="137"/>
      <c r="AQ4108" s="137"/>
      <c r="AR4108" s="137"/>
      <c r="AS4108" s="137"/>
      <c r="AT4108" s="137"/>
      <c r="AU4108" s="137"/>
      <c r="AV4108" s="137"/>
      <c r="AW4108" s="144"/>
    </row>
    <row r="4109" spans="2:49" x14ac:dyDescent="0.2">
      <c r="B4109" s="97"/>
      <c r="J4109" s="98"/>
      <c r="K4109" s="97"/>
      <c r="N4109" s="3"/>
      <c r="W4109" s="98"/>
      <c r="Z4109" s="143"/>
      <c r="AA4109" s="137"/>
      <c r="AB4109" s="137"/>
      <c r="AC4109" s="137"/>
      <c r="AD4109" s="137"/>
      <c r="AE4109" s="137"/>
      <c r="AF4109" s="137"/>
      <c r="AG4109" s="137"/>
      <c r="AH4109" s="137"/>
      <c r="AI4109" s="137"/>
      <c r="AJ4109" s="137"/>
      <c r="AK4109" s="206"/>
      <c r="AL4109" s="206"/>
      <c r="AM4109" s="143"/>
      <c r="AN4109" s="137"/>
      <c r="AO4109" s="137"/>
      <c r="AP4109" s="137"/>
      <c r="AQ4109" s="137"/>
      <c r="AR4109" s="137"/>
      <c r="AS4109" s="137"/>
      <c r="AT4109" s="137"/>
      <c r="AU4109" s="137"/>
      <c r="AV4109" s="137"/>
      <c r="AW4109" s="144"/>
    </row>
    <row r="4110" spans="2:49" x14ac:dyDescent="0.2">
      <c r="B4110" s="97"/>
      <c r="J4110" s="98"/>
      <c r="K4110" s="97"/>
      <c r="N4110" s="3"/>
      <c r="W4110" s="98"/>
      <c r="Z4110" s="143"/>
      <c r="AA4110" s="137"/>
      <c r="AB4110" s="137"/>
      <c r="AC4110" s="137"/>
      <c r="AD4110" s="137"/>
      <c r="AE4110" s="137"/>
      <c r="AF4110" s="137"/>
      <c r="AG4110" s="137"/>
      <c r="AH4110" s="137"/>
      <c r="AI4110" s="137"/>
      <c r="AJ4110" s="137"/>
      <c r="AK4110" s="206"/>
      <c r="AL4110" s="206"/>
      <c r="AM4110" s="143"/>
      <c r="AN4110" s="137"/>
      <c r="AO4110" s="137"/>
      <c r="AP4110" s="137"/>
      <c r="AQ4110" s="137"/>
      <c r="AR4110" s="137"/>
      <c r="AS4110" s="137"/>
      <c r="AT4110" s="137"/>
      <c r="AU4110" s="137"/>
      <c r="AV4110" s="137"/>
      <c r="AW4110" s="144"/>
    </row>
    <row r="4111" spans="2:49" x14ac:dyDescent="0.2">
      <c r="B4111" s="97"/>
      <c r="J4111" s="98"/>
      <c r="K4111" s="97"/>
      <c r="N4111" s="3"/>
      <c r="W4111" s="98"/>
      <c r="Z4111" s="143"/>
      <c r="AA4111" s="137"/>
      <c r="AB4111" s="137"/>
      <c r="AC4111" s="137"/>
      <c r="AD4111" s="137"/>
      <c r="AE4111" s="137"/>
      <c r="AF4111" s="137"/>
      <c r="AG4111" s="137"/>
      <c r="AH4111" s="137"/>
      <c r="AI4111" s="137"/>
      <c r="AJ4111" s="137"/>
      <c r="AK4111" s="206"/>
      <c r="AL4111" s="206"/>
      <c r="AM4111" s="143"/>
      <c r="AN4111" s="137"/>
      <c r="AO4111" s="137"/>
      <c r="AP4111" s="137"/>
      <c r="AQ4111" s="137"/>
      <c r="AR4111" s="137"/>
      <c r="AS4111" s="137"/>
      <c r="AT4111" s="137"/>
      <c r="AU4111" s="137"/>
      <c r="AV4111" s="137"/>
      <c r="AW4111" s="144"/>
    </row>
    <row r="4112" spans="2:49" x14ac:dyDescent="0.2">
      <c r="B4112" s="97"/>
      <c r="J4112" s="98"/>
      <c r="K4112" s="97"/>
      <c r="N4112" s="3"/>
      <c r="W4112" s="98"/>
      <c r="Z4112" s="143"/>
      <c r="AA4112" s="137"/>
      <c r="AB4112" s="137"/>
      <c r="AC4112" s="137"/>
      <c r="AD4112" s="137"/>
      <c r="AE4112" s="137"/>
      <c r="AF4112" s="137"/>
      <c r="AG4112" s="137"/>
      <c r="AH4112" s="137"/>
      <c r="AI4112" s="137"/>
      <c r="AJ4112" s="137"/>
      <c r="AK4112" s="206"/>
      <c r="AL4112" s="206"/>
      <c r="AM4112" s="143"/>
      <c r="AN4112" s="137"/>
      <c r="AO4112" s="137"/>
      <c r="AP4112" s="137"/>
      <c r="AQ4112" s="137"/>
      <c r="AR4112" s="137"/>
      <c r="AS4112" s="137"/>
      <c r="AT4112" s="137"/>
      <c r="AU4112" s="137"/>
      <c r="AV4112" s="137"/>
      <c r="AW4112" s="144"/>
    </row>
    <row r="4113" spans="2:49" x14ac:dyDescent="0.2">
      <c r="B4113" s="97"/>
      <c r="J4113" s="98"/>
      <c r="K4113" s="97"/>
      <c r="N4113" s="3"/>
      <c r="W4113" s="98"/>
      <c r="Z4113" s="143"/>
      <c r="AA4113" s="137"/>
      <c r="AB4113" s="137"/>
      <c r="AC4113" s="137"/>
      <c r="AD4113" s="137"/>
      <c r="AE4113" s="137"/>
      <c r="AF4113" s="137"/>
      <c r="AG4113" s="137"/>
      <c r="AH4113" s="137"/>
      <c r="AI4113" s="137"/>
      <c r="AJ4113" s="137"/>
      <c r="AK4113" s="206"/>
      <c r="AL4113" s="206"/>
      <c r="AM4113" s="143"/>
      <c r="AN4113" s="137"/>
      <c r="AO4113" s="137"/>
      <c r="AP4113" s="137"/>
      <c r="AQ4113" s="137"/>
      <c r="AR4113" s="137"/>
      <c r="AS4113" s="137"/>
      <c r="AT4113" s="137"/>
      <c r="AU4113" s="137"/>
      <c r="AV4113" s="137"/>
      <c r="AW4113" s="144"/>
    </row>
    <row r="4114" spans="2:49" x14ac:dyDescent="0.2">
      <c r="B4114" s="97"/>
      <c r="J4114" s="98"/>
      <c r="K4114" s="97"/>
      <c r="N4114" s="3"/>
      <c r="W4114" s="98"/>
      <c r="Z4114" s="143"/>
      <c r="AA4114" s="137"/>
      <c r="AB4114" s="137"/>
      <c r="AC4114" s="137"/>
      <c r="AD4114" s="137"/>
      <c r="AE4114" s="137"/>
      <c r="AF4114" s="137"/>
      <c r="AG4114" s="137"/>
      <c r="AH4114" s="137"/>
      <c r="AI4114" s="137"/>
      <c r="AJ4114" s="137"/>
      <c r="AK4114" s="206"/>
      <c r="AL4114" s="206"/>
      <c r="AM4114" s="143"/>
      <c r="AN4114" s="137"/>
      <c r="AO4114" s="137"/>
      <c r="AP4114" s="137"/>
      <c r="AQ4114" s="137"/>
      <c r="AR4114" s="137"/>
      <c r="AS4114" s="137"/>
      <c r="AT4114" s="137"/>
      <c r="AU4114" s="137"/>
      <c r="AV4114" s="137"/>
      <c r="AW4114" s="144"/>
    </row>
    <row r="4115" spans="2:49" x14ac:dyDescent="0.2">
      <c r="B4115" s="97"/>
      <c r="J4115" s="98"/>
      <c r="K4115" s="97"/>
      <c r="N4115" s="3"/>
      <c r="W4115" s="98"/>
      <c r="Z4115" s="143"/>
      <c r="AA4115" s="137"/>
      <c r="AB4115" s="137"/>
      <c r="AC4115" s="137"/>
      <c r="AD4115" s="137"/>
      <c r="AE4115" s="137"/>
      <c r="AF4115" s="137"/>
      <c r="AG4115" s="137"/>
      <c r="AH4115" s="137"/>
      <c r="AI4115" s="137"/>
      <c r="AJ4115" s="137"/>
      <c r="AK4115" s="206"/>
      <c r="AL4115" s="206"/>
      <c r="AM4115" s="143"/>
      <c r="AN4115" s="137"/>
      <c r="AO4115" s="137"/>
      <c r="AP4115" s="137"/>
      <c r="AQ4115" s="137"/>
      <c r="AR4115" s="137"/>
      <c r="AS4115" s="137"/>
      <c r="AT4115" s="137"/>
      <c r="AU4115" s="137"/>
      <c r="AV4115" s="137"/>
      <c r="AW4115" s="144"/>
    </row>
    <row r="4116" spans="2:49" x14ac:dyDescent="0.2">
      <c r="B4116" s="97"/>
      <c r="J4116" s="98"/>
      <c r="K4116" s="97"/>
      <c r="N4116" s="3"/>
      <c r="W4116" s="98"/>
      <c r="Z4116" s="143"/>
      <c r="AA4116" s="137"/>
      <c r="AB4116" s="137"/>
      <c r="AC4116" s="137"/>
      <c r="AD4116" s="137"/>
      <c r="AE4116" s="137"/>
      <c r="AF4116" s="137"/>
      <c r="AG4116" s="137"/>
      <c r="AH4116" s="137"/>
      <c r="AI4116" s="137"/>
      <c r="AJ4116" s="137"/>
      <c r="AK4116" s="206"/>
      <c r="AL4116" s="206"/>
      <c r="AM4116" s="143"/>
      <c r="AN4116" s="137"/>
      <c r="AO4116" s="137"/>
      <c r="AP4116" s="137"/>
      <c r="AQ4116" s="137"/>
      <c r="AR4116" s="137"/>
      <c r="AS4116" s="137"/>
      <c r="AT4116" s="137"/>
      <c r="AU4116" s="137"/>
      <c r="AV4116" s="137"/>
      <c r="AW4116" s="144"/>
    </row>
    <row r="4117" spans="2:49" x14ac:dyDescent="0.2">
      <c r="B4117" s="97"/>
      <c r="J4117" s="98"/>
      <c r="K4117" s="97"/>
      <c r="N4117" s="3"/>
      <c r="W4117" s="98"/>
      <c r="Z4117" s="143"/>
      <c r="AA4117" s="137"/>
      <c r="AB4117" s="137"/>
      <c r="AC4117" s="137"/>
      <c r="AD4117" s="137"/>
      <c r="AE4117" s="137"/>
      <c r="AF4117" s="137"/>
      <c r="AG4117" s="137"/>
      <c r="AH4117" s="137"/>
      <c r="AI4117" s="137"/>
      <c r="AJ4117" s="137"/>
      <c r="AK4117" s="206"/>
      <c r="AL4117" s="206"/>
      <c r="AM4117" s="143"/>
      <c r="AN4117" s="137"/>
      <c r="AO4117" s="137"/>
      <c r="AP4117" s="137"/>
      <c r="AQ4117" s="137"/>
      <c r="AR4117" s="137"/>
      <c r="AS4117" s="137"/>
      <c r="AT4117" s="137"/>
      <c r="AU4117" s="137"/>
      <c r="AV4117" s="137"/>
      <c r="AW4117" s="144"/>
    </row>
    <row r="4118" spans="2:49" x14ac:dyDescent="0.2">
      <c r="B4118" s="97"/>
      <c r="J4118" s="98"/>
      <c r="K4118" s="97"/>
      <c r="N4118" s="3"/>
      <c r="W4118" s="98"/>
      <c r="Z4118" s="143"/>
      <c r="AA4118" s="137"/>
      <c r="AB4118" s="137"/>
      <c r="AC4118" s="137"/>
      <c r="AD4118" s="137"/>
      <c r="AE4118" s="137"/>
      <c r="AF4118" s="137"/>
      <c r="AG4118" s="137"/>
      <c r="AH4118" s="137"/>
      <c r="AI4118" s="137"/>
      <c r="AJ4118" s="137"/>
      <c r="AK4118" s="206"/>
      <c r="AL4118" s="206"/>
      <c r="AM4118" s="143"/>
      <c r="AN4118" s="137"/>
      <c r="AO4118" s="137"/>
      <c r="AP4118" s="137"/>
      <c r="AQ4118" s="137"/>
      <c r="AR4118" s="137"/>
      <c r="AS4118" s="137"/>
      <c r="AT4118" s="137"/>
      <c r="AU4118" s="137"/>
      <c r="AV4118" s="137"/>
      <c r="AW4118" s="144"/>
    </row>
    <row r="4119" spans="2:49" x14ac:dyDescent="0.2">
      <c r="B4119" s="97"/>
      <c r="J4119" s="98"/>
      <c r="K4119" s="97"/>
      <c r="N4119" s="3"/>
      <c r="W4119" s="98"/>
      <c r="Z4119" s="143"/>
      <c r="AA4119" s="137"/>
      <c r="AB4119" s="137"/>
      <c r="AC4119" s="137"/>
      <c r="AD4119" s="137"/>
      <c r="AE4119" s="137"/>
      <c r="AF4119" s="137"/>
      <c r="AG4119" s="137"/>
      <c r="AH4119" s="137"/>
      <c r="AI4119" s="137"/>
      <c r="AJ4119" s="137"/>
      <c r="AK4119" s="206"/>
      <c r="AL4119" s="206"/>
      <c r="AM4119" s="143"/>
      <c r="AN4119" s="137"/>
      <c r="AO4119" s="137"/>
      <c r="AP4119" s="137"/>
      <c r="AQ4119" s="137"/>
      <c r="AR4119" s="137"/>
      <c r="AS4119" s="137"/>
      <c r="AT4119" s="137"/>
      <c r="AU4119" s="137"/>
      <c r="AV4119" s="137"/>
      <c r="AW4119" s="144"/>
    </row>
    <row r="4120" spans="2:49" x14ac:dyDescent="0.2">
      <c r="B4120" s="97"/>
      <c r="J4120" s="98"/>
      <c r="K4120" s="97"/>
      <c r="N4120" s="3"/>
      <c r="W4120" s="98"/>
      <c r="Z4120" s="143"/>
      <c r="AA4120" s="137"/>
      <c r="AB4120" s="137"/>
      <c r="AC4120" s="137"/>
      <c r="AD4120" s="137"/>
      <c r="AE4120" s="137"/>
      <c r="AF4120" s="137"/>
      <c r="AG4120" s="137"/>
      <c r="AH4120" s="137"/>
      <c r="AI4120" s="137"/>
      <c r="AJ4120" s="137"/>
      <c r="AK4120" s="206"/>
      <c r="AL4120" s="206"/>
      <c r="AM4120" s="143"/>
      <c r="AN4120" s="137"/>
      <c r="AO4120" s="137"/>
      <c r="AP4120" s="137"/>
      <c r="AQ4120" s="137"/>
      <c r="AR4120" s="137"/>
      <c r="AS4120" s="137"/>
      <c r="AT4120" s="137"/>
      <c r="AU4120" s="137"/>
      <c r="AV4120" s="137"/>
      <c r="AW4120" s="144"/>
    </row>
    <row r="4121" spans="2:49" x14ac:dyDescent="0.2">
      <c r="B4121" s="97"/>
      <c r="J4121" s="98"/>
      <c r="K4121" s="97"/>
      <c r="N4121" s="3"/>
      <c r="W4121" s="98"/>
      <c r="Z4121" s="143"/>
      <c r="AA4121" s="137"/>
      <c r="AB4121" s="137"/>
      <c r="AC4121" s="137"/>
      <c r="AD4121" s="137"/>
      <c r="AE4121" s="137"/>
      <c r="AF4121" s="137"/>
      <c r="AG4121" s="137"/>
      <c r="AH4121" s="137"/>
      <c r="AI4121" s="137"/>
      <c r="AJ4121" s="137"/>
      <c r="AK4121" s="206"/>
      <c r="AL4121" s="206"/>
      <c r="AM4121" s="143"/>
      <c r="AN4121" s="137"/>
      <c r="AO4121" s="137"/>
      <c r="AP4121" s="137"/>
      <c r="AQ4121" s="137"/>
      <c r="AR4121" s="137"/>
      <c r="AS4121" s="137"/>
      <c r="AT4121" s="137"/>
      <c r="AU4121" s="137"/>
      <c r="AV4121" s="137"/>
      <c r="AW4121" s="144"/>
    </row>
    <row r="4122" spans="2:49" x14ac:dyDescent="0.2">
      <c r="B4122" s="97"/>
      <c r="J4122" s="98"/>
      <c r="K4122" s="97"/>
      <c r="N4122" s="3"/>
      <c r="W4122" s="98"/>
      <c r="Z4122" s="143"/>
      <c r="AA4122" s="137"/>
      <c r="AB4122" s="137"/>
      <c r="AC4122" s="137"/>
      <c r="AD4122" s="137"/>
      <c r="AE4122" s="137"/>
      <c r="AF4122" s="137"/>
      <c r="AG4122" s="137"/>
      <c r="AH4122" s="137"/>
      <c r="AI4122" s="137"/>
      <c r="AJ4122" s="137"/>
      <c r="AK4122" s="206"/>
      <c r="AL4122" s="206"/>
      <c r="AM4122" s="143"/>
      <c r="AN4122" s="137"/>
      <c r="AO4122" s="137"/>
      <c r="AP4122" s="137"/>
      <c r="AQ4122" s="137"/>
      <c r="AR4122" s="137"/>
      <c r="AS4122" s="137"/>
      <c r="AT4122" s="137"/>
      <c r="AU4122" s="137"/>
      <c r="AV4122" s="137"/>
      <c r="AW4122" s="144"/>
    </row>
    <row r="4123" spans="2:49" x14ac:dyDescent="0.2">
      <c r="B4123" s="97"/>
      <c r="J4123" s="98"/>
      <c r="K4123" s="97"/>
      <c r="N4123" s="3"/>
      <c r="W4123" s="98"/>
      <c r="Z4123" s="143"/>
      <c r="AA4123" s="137"/>
      <c r="AB4123" s="137"/>
      <c r="AC4123" s="137"/>
      <c r="AD4123" s="137"/>
      <c r="AE4123" s="137"/>
      <c r="AF4123" s="137"/>
      <c r="AG4123" s="137"/>
      <c r="AH4123" s="137"/>
      <c r="AI4123" s="137"/>
      <c r="AJ4123" s="137"/>
      <c r="AK4123" s="206"/>
      <c r="AL4123" s="206"/>
      <c r="AM4123" s="143"/>
      <c r="AN4123" s="137"/>
      <c r="AO4123" s="137"/>
      <c r="AP4123" s="137"/>
      <c r="AQ4123" s="137"/>
      <c r="AR4123" s="137"/>
      <c r="AS4123" s="137"/>
      <c r="AT4123" s="137"/>
      <c r="AU4123" s="137"/>
      <c r="AV4123" s="137"/>
      <c r="AW4123" s="144"/>
    </row>
    <row r="4124" spans="2:49" x14ac:dyDescent="0.2">
      <c r="B4124" s="97"/>
      <c r="J4124" s="98"/>
      <c r="K4124" s="97"/>
      <c r="N4124" s="3"/>
      <c r="W4124" s="98"/>
      <c r="Z4124" s="143"/>
      <c r="AA4124" s="137"/>
      <c r="AB4124" s="137"/>
      <c r="AC4124" s="137"/>
      <c r="AD4124" s="137"/>
      <c r="AE4124" s="137"/>
      <c r="AF4124" s="137"/>
      <c r="AG4124" s="137"/>
      <c r="AH4124" s="137"/>
      <c r="AI4124" s="137"/>
      <c r="AJ4124" s="137"/>
      <c r="AK4124" s="206"/>
      <c r="AL4124" s="206"/>
      <c r="AM4124" s="143"/>
      <c r="AN4124" s="137"/>
      <c r="AO4124" s="137"/>
      <c r="AP4124" s="137"/>
      <c r="AQ4124" s="137"/>
      <c r="AR4124" s="137"/>
      <c r="AS4124" s="137"/>
      <c r="AT4124" s="137"/>
      <c r="AU4124" s="137"/>
      <c r="AV4124" s="137"/>
      <c r="AW4124" s="144"/>
    </row>
    <row r="4125" spans="2:49" x14ac:dyDescent="0.2">
      <c r="B4125" s="97"/>
      <c r="J4125" s="98"/>
      <c r="K4125" s="97"/>
      <c r="N4125" s="3"/>
      <c r="W4125" s="98"/>
      <c r="Z4125" s="143"/>
      <c r="AA4125" s="137"/>
      <c r="AB4125" s="137"/>
      <c r="AC4125" s="137"/>
      <c r="AD4125" s="137"/>
      <c r="AE4125" s="137"/>
      <c r="AF4125" s="137"/>
      <c r="AG4125" s="137"/>
      <c r="AH4125" s="137"/>
      <c r="AI4125" s="137"/>
      <c r="AJ4125" s="137"/>
      <c r="AK4125" s="206"/>
      <c r="AL4125" s="206"/>
      <c r="AM4125" s="143"/>
      <c r="AN4125" s="137"/>
      <c r="AO4125" s="137"/>
      <c r="AP4125" s="137"/>
      <c r="AQ4125" s="137"/>
      <c r="AR4125" s="137"/>
      <c r="AS4125" s="137"/>
      <c r="AT4125" s="137"/>
      <c r="AU4125" s="137"/>
      <c r="AV4125" s="137"/>
      <c r="AW4125" s="144"/>
    </row>
    <row r="4126" spans="2:49" x14ac:dyDescent="0.2">
      <c r="B4126" s="97"/>
      <c r="J4126" s="98"/>
      <c r="K4126" s="97"/>
      <c r="N4126" s="3"/>
      <c r="W4126" s="98"/>
      <c r="Z4126" s="143"/>
      <c r="AA4126" s="137"/>
      <c r="AB4126" s="137"/>
      <c r="AC4126" s="137"/>
      <c r="AD4126" s="137"/>
      <c r="AE4126" s="137"/>
      <c r="AF4126" s="137"/>
      <c r="AG4126" s="137"/>
      <c r="AH4126" s="137"/>
      <c r="AI4126" s="137"/>
      <c r="AJ4126" s="137"/>
      <c r="AK4126" s="206"/>
      <c r="AL4126" s="206"/>
      <c r="AM4126" s="143"/>
      <c r="AN4126" s="137"/>
      <c r="AO4126" s="137"/>
      <c r="AP4126" s="137"/>
      <c r="AQ4126" s="137"/>
      <c r="AR4126" s="137"/>
      <c r="AS4126" s="137"/>
      <c r="AT4126" s="137"/>
      <c r="AU4126" s="137"/>
      <c r="AV4126" s="137"/>
      <c r="AW4126" s="144"/>
    </row>
    <row r="4127" spans="2:49" x14ac:dyDescent="0.2">
      <c r="B4127" s="97"/>
      <c r="J4127" s="98"/>
      <c r="K4127" s="97"/>
      <c r="N4127" s="3"/>
      <c r="W4127" s="98"/>
      <c r="Z4127" s="143"/>
      <c r="AA4127" s="137"/>
      <c r="AB4127" s="137"/>
      <c r="AC4127" s="137"/>
      <c r="AD4127" s="137"/>
      <c r="AE4127" s="137"/>
      <c r="AF4127" s="137"/>
      <c r="AG4127" s="137"/>
      <c r="AH4127" s="137"/>
      <c r="AI4127" s="137"/>
      <c r="AJ4127" s="137"/>
      <c r="AK4127" s="206"/>
      <c r="AL4127" s="206"/>
      <c r="AM4127" s="143"/>
      <c r="AN4127" s="137"/>
      <c r="AO4127" s="137"/>
      <c r="AP4127" s="137"/>
      <c r="AQ4127" s="137"/>
      <c r="AR4127" s="137"/>
      <c r="AS4127" s="137"/>
      <c r="AT4127" s="137"/>
      <c r="AU4127" s="137"/>
      <c r="AV4127" s="137"/>
      <c r="AW4127" s="144"/>
    </row>
    <row r="4128" spans="2:49" x14ac:dyDescent="0.2">
      <c r="B4128" s="97"/>
      <c r="J4128" s="98"/>
      <c r="K4128" s="97"/>
      <c r="N4128" s="3"/>
      <c r="W4128" s="98"/>
      <c r="Z4128" s="143"/>
      <c r="AA4128" s="137"/>
      <c r="AB4128" s="137"/>
      <c r="AC4128" s="137"/>
      <c r="AD4128" s="137"/>
      <c r="AE4128" s="137"/>
      <c r="AF4128" s="137"/>
      <c r="AG4128" s="137"/>
      <c r="AH4128" s="137"/>
      <c r="AI4128" s="137"/>
      <c r="AJ4128" s="137"/>
      <c r="AK4128" s="206"/>
      <c r="AL4128" s="206"/>
      <c r="AM4128" s="143"/>
      <c r="AN4128" s="137"/>
      <c r="AO4128" s="137"/>
      <c r="AP4128" s="137"/>
      <c r="AQ4128" s="137"/>
      <c r="AR4128" s="137"/>
      <c r="AS4128" s="137"/>
      <c r="AT4128" s="137"/>
      <c r="AU4128" s="137"/>
      <c r="AV4128" s="137"/>
      <c r="AW4128" s="144"/>
    </row>
    <row r="4129" spans="2:49" x14ac:dyDescent="0.2">
      <c r="B4129" s="97"/>
      <c r="J4129" s="98"/>
      <c r="K4129" s="97"/>
      <c r="N4129" s="3"/>
      <c r="W4129" s="98"/>
      <c r="Z4129" s="143"/>
      <c r="AA4129" s="137"/>
      <c r="AB4129" s="137"/>
      <c r="AC4129" s="137"/>
      <c r="AD4129" s="137"/>
      <c r="AE4129" s="137"/>
      <c r="AF4129" s="137"/>
      <c r="AG4129" s="137"/>
      <c r="AH4129" s="137"/>
      <c r="AI4129" s="137"/>
      <c r="AJ4129" s="137"/>
      <c r="AK4129" s="206"/>
      <c r="AL4129" s="206"/>
      <c r="AM4129" s="143"/>
      <c r="AN4129" s="137"/>
      <c r="AO4129" s="137"/>
      <c r="AP4129" s="137"/>
      <c r="AQ4129" s="137"/>
      <c r="AR4129" s="137"/>
      <c r="AS4129" s="137"/>
      <c r="AT4129" s="137"/>
      <c r="AU4129" s="137"/>
      <c r="AV4129" s="137"/>
      <c r="AW4129" s="144"/>
    </row>
    <row r="4130" spans="2:49" x14ac:dyDescent="0.2">
      <c r="B4130" s="97"/>
      <c r="J4130" s="98"/>
      <c r="K4130" s="97"/>
      <c r="N4130" s="3"/>
      <c r="W4130" s="98"/>
      <c r="Z4130" s="143"/>
      <c r="AA4130" s="137"/>
      <c r="AB4130" s="137"/>
      <c r="AC4130" s="137"/>
      <c r="AD4130" s="137"/>
      <c r="AE4130" s="137"/>
      <c r="AF4130" s="137"/>
      <c r="AG4130" s="137"/>
      <c r="AH4130" s="137"/>
      <c r="AI4130" s="137"/>
      <c r="AJ4130" s="137"/>
      <c r="AK4130" s="206"/>
      <c r="AL4130" s="206"/>
      <c r="AM4130" s="143"/>
      <c r="AN4130" s="137"/>
      <c r="AO4130" s="137"/>
      <c r="AP4130" s="137"/>
      <c r="AQ4130" s="137"/>
      <c r="AR4130" s="137"/>
      <c r="AS4130" s="137"/>
      <c r="AT4130" s="137"/>
      <c r="AU4130" s="137"/>
      <c r="AV4130" s="137"/>
      <c r="AW4130" s="144"/>
    </row>
    <row r="4131" spans="2:49" x14ac:dyDescent="0.2">
      <c r="B4131" s="97"/>
      <c r="J4131" s="98"/>
      <c r="K4131" s="97"/>
      <c r="N4131" s="3"/>
      <c r="W4131" s="98"/>
      <c r="Z4131" s="143"/>
      <c r="AA4131" s="137"/>
      <c r="AB4131" s="137"/>
      <c r="AC4131" s="137"/>
      <c r="AD4131" s="137"/>
      <c r="AE4131" s="137"/>
      <c r="AF4131" s="137"/>
      <c r="AG4131" s="137"/>
      <c r="AH4131" s="137"/>
      <c r="AI4131" s="137"/>
      <c r="AJ4131" s="137"/>
      <c r="AK4131" s="206"/>
      <c r="AL4131" s="206"/>
      <c r="AM4131" s="143"/>
      <c r="AN4131" s="137"/>
      <c r="AO4131" s="137"/>
      <c r="AP4131" s="137"/>
      <c r="AQ4131" s="137"/>
      <c r="AR4131" s="137"/>
      <c r="AS4131" s="137"/>
      <c r="AT4131" s="137"/>
      <c r="AU4131" s="137"/>
      <c r="AV4131" s="137"/>
      <c r="AW4131" s="144"/>
    </row>
    <row r="4132" spans="2:49" x14ac:dyDescent="0.2">
      <c r="B4132" s="97"/>
      <c r="J4132" s="98"/>
      <c r="K4132" s="97"/>
      <c r="N4132" s="3"/>
      <c r="W4132" s="98"/>
      <c r="Z4132" s="143"/>
      <c r="AA4132" s="137"/>
      <c r="AB4132" s="137"/>
      <c r="AC4132" s="137"/>
      <c r="AD4132" s="137"/>
      <c r="AE4132" s="137"/>
      <c r="AF4132" s="137"/>
      <c r="AG4132" s="137"/>
      <c r="AH4132" s="137"/>
      <c r="AI4132" s="137"/>
      <c r="AJ4132" s="137"/>
      <c r="AK4132" s="206"/>
      <c r="AL4132" s="206"/>
      <c r="AM4132" s="143"/>
      <c r="AN4132" s="137"/>
      <c r="AO4132" s="137"/>
      <c r="AP4132" s="137"/>
      <c r="AQ4132" s="137"/>
      <c r="AR4132" s="137"/>
      <c r="AS4132" s="137"/>
      <c r="AT4132" s="137"/>
      <c r="AU4132" s="137"/>
      <c r="AV4132" s="137"/>
      <c r="AW4132" s="144"/>
    </row>
    <row r="4133" spans="2:49" x14ac:dyDescent="0.2">
      <c r="B4133" s="97"/>
      <c r="J4133" s="98"/>
      <c r="K4133" s="97"/>
      <c r="N4133" s="3"/>
      <c r="W4133" s="98"/>
      <c r="Z4133" s="143"/>
      <c r="AA4133" s="137"/>
      <c r="AB4133" s="137"/>
      <c r="AC4133" s="137"/>
      <c r="AD4133" s="137"/>
      <c r="AE4133" s="137"/>
      <c r="AF4133" s="137"/>
      <c r="AG4133" s="137"/>
      <c r="AH4133" s="137"/>
      <c r="AI4133" s="137"/>
      <c r="AJ4133" s="137"/>
      <c r="AK4133" s="206"/>
      <c r="AL4133" s="206"/>
      <c r="AM4133" s="143"/>
      <c r="AN4133" s="137"/>
      <c r="AO4133" s="137"/>
      <c r="AP4133" s="137"/>
      <c r="AQ4133" s="137"/>
      <c r="AR4133" s="137"/>
      <c r="AS4133" s="137"/>
      <c r="AT4133" s="137"/>
      <c r="AU4133" s="137"/>
      <c r="AV4133" s="137"/>
      <c r="AW4133" s="144"/>
    </row>
    <row r="4134" spans="2:49" x14ac:dyDescent="0.2">
      <c r="B4134" s="97"/>
      <c r="J4134" s="98"/>
      <c r="K4134" s="97"/>
      <c r="N4134" s="3"/>
      <c r="W4134" s="98"/>
      <c r="Z4134" s="143"/>
      <c r="AA4134" s="137"/>
      <c r="AB4134" s="137"/>
      <c r="AC4134" s="137"/>
      <c r="AD4134" s="137"/>
      <c r="AE4134" s="137"/>
      <c r="AF4134" s="137"/>
      <c r="AG4134" s="137"/>
      <c r="AH4134" s="137"/>
      <c r="AI4134" s="137"/>
      <c r="AJ4134" s="137"/>
      <c r="AK4134" s="206"/>
      <c r="AL4134" s="206"/>
      <c r="AM4134" s="143"/>
      <c r="AN4134" s="137"/>
      <c r="AO4134" s="137"/>
      <c r="AP4134" s="137"/>
      <c r="AQ4134" s="137"/>
      <c r="AR4134" s="137"/>
      <c r="AS4134" s="137"/>
      <c r="AT4134" s="137"/>
      <c r="AU4134" s="137"/>
      <c r="AV4134" s="137"/>
      <c r="AW4134" s="144"/>
    </row>
    <row r="4135" spans="2:49" x14ac:dyDescent="0.2">
      <c r="B4135" s="97"/>
      <c r="J4135" s="98"/>
      <c r="K4135" s="97"/>
      <c r="N4135" s="3"/>
      <c r="W4135" s="98"/>
      <c r="Z4135" s="143"/>
      <c r="AA4135" s="137"/>
      <c r="AB4135" s="137"/>
      <c r="AC4135" s="137"/>
      <c r="AD4135" s="137"/>
      <c r="AE4135" s="137"/>
      <c r="AF4135" s="137"/>
      <c r="AG4135" s="137"/>
      <c r="AH4135" s="137"/>
      <c r="AI4135" s="137"/>
      <c r="AJ4135" s="137"/>
      <c r="AK4135" s="206"/>
      <c r="AL4135" s="206"/>
      <c r="AM4135" s="143"/>
      <c r="AN4135" s="137"/>
      <c r="AO4135" s="137"/>
      <c r="AP4135" s="137"/>
      <c r="AQ4135" s="137"/>
      <c r="AR4135" s="137"/>
      <c r="AS4135" s="137"/>
      <c r="AT4135" s="137"/>
      <c r="AU4135" s="137"/>
      <c r="AV4135" s="137"/>
      <c r="AW4135" s="144"/>
    </row>
    <row r="4136" spans="2:49" x14ac:dyDescent="0.2">
      <c r="B4136" s="97"/>
      <c r="J4136" s="98"/>
      <c r="K4136" s="97"/>
      <c r="N4136" s="3"/>
      <c r="W4136" s="98"/>
      <c r="Z4136" s="143"/>
      <c r="AA4136" s="137"/>
      <c r="AB4136" s="137"/>
      <c r="AC4136" s="137"/>
      <c r="AD4136" s="137"/>
      <c r="AE4136" s="137"/>
      <c r="AF4136" s="137"/>
      <c r="AG4136" s="137"/>
      <c r="AH4136" s="137"/>
      <c r="AI4136" s="137"/>
      <c r="AJ4136" s="137"/>
      <c r="AK4136" s="206"/>
      <c r="AL4136" s="206"/>
      <c r="AM4136" s="143"/>
      <c r="AN4136" s="137"/>
      <c r="AO4136" s="137"/>
      <c r="AP4136" s="137"/>
      <c r="AQ4136" s="137"/>
      <c r="AR4136" s="137"/>
      <c r="AS4136" s="137"/>
      <c r="AT4136" s="137"/>
      <c r="AU4136" s="137"/>
      <c r="AV4136" s="137"/>
      <c r="AW4136" s="144"/>
    </row>
    <row r="4137" spans="2:49" x14ac:dyDescent="0.2">
      <c r="B4137" s="97"/>
      <c r="J4137" s="98"/>
      <c r="K4137" s="97"/>
      <c r="N4137" s="3"/>
      <c r="W4137" s="98"/>
      <c r="Z4137" s="143"/>
      <c r="AA4137" s="137"/>
      <c r="AB4137" s="137"/>
      <c r="AC4137" s="137"/>
      <c r="AD4137" s="137"/>
      <c r="AE4137" s="137"/>
      <c r="AF4137" s="137"/>
      <c r="AG4137" s="137"/>
      <c r="AH4137" s="137"/>
      <c r="AI4137" s="137"/>
      <c r="AJ4137" s="137"/>
      <c r="AK4137" s="206"/>
      <c r="AL4137" s="206"/>
      <c r="AM4137" s="143"/>
      <c r="AN4137" s="137"/>
      <c r="AO4137" s="137"/>
      <c r="AP4137" s="137"/>
      <c r="AQ4137" s="137"/>
      <c r="AR4137" s="137"/>
      <c r="AS4137" s="137"/>
      <c r="AT4137" s="137"/>
      <c r="AU4137" s="137"/>
      <c r="AV4137" s="137"/>
      <c r="AW4137" s="144"/>
    </row>
    <row r="4138" spans="2:49" x14ac:dyDescent="0.2">
      <c r="B4138" s="97"/>
      <c r="J4138" s="98"/>
      <c r="K4138" s="97"/>
      <c r="N4138" s="3"/>
      <c r="W4138" s="98"/>
      <c r="Z4138" s="143"/>
      <c r="AA4138" s="137"/>
      <c r="AB4138" s="137"/>
      <c r="AC4138" s="137"/>
      <c r="AD4138" s="137"/>
      <c r="AE4138" s="137"/>
      <c r="AF4138" s="137"/>
      <c r="AG4138" s="137"/>
      <c r="AH4138" s="137"/>
      <c r="AI4138" s="137"/>
      <c r="AJ4138" s="137"/>
      <c r="AK4138" s="206"/>
      <c r="AL4138" s="206"/>
      <c r="AM4138" s="143"/>
      <c r="AN4138" s="137"/>
      <c r="AO4138" s="137"/>
      <c r="AP4138" s="137"/>
      <c r="AQ4138" s="137"/>
      <c r="AR4138" s="137"/>
      <c r="AS4138" s="137"/>
      <c r="AT4138" s="137"/>
      <c r="AU4138" s="137"/>
      <c r="AV4138" s="137"/>
      <c r="AW4138" s="144"/>
    </row>
    <row r="4139" spans="2:49" x14ac:dyDescent="0.2">
      <c r="B4139" s="97"/>
      <c r="J4139" s="98"/>
      <c r="K4139" s="97"/>
      <c r="N4139" s="3"/>
      <c r="W4139" s="98"/>
      <c r="Z4139" s="143"/>
      <c r="AA4139" s="137"/>
      <c r="AB4139" s="137"/>
      <c r="AC4139" s="137"/>
      <c r="AD4139" s="137"/>
      <c r="AE4139" s="137"/>
      <c r="AF4139" s="137"/>
      <c r="AG4139" s="137"/>
      <c r="AH4139" s="137"/>
      <c r="AI4139" s="137"/>
      <c r="AJ4139" s="137"/>
      <c r="AK4139" s="206"/>
      <c r="AL4139" s="206"/>
      <c r="AM4139" s="143"/>
      <c r="AN4139" s="137"/>
      <c r="AO4139" s="137"/>
      <c r="AP4139" s="137"/>
      <c r="AQ4139" s="137"/>
      <c r="AR4139" s="137"/>
      <c r="AS4139" s="137"/>
      <c r="AT4139" s="137"/>
      <c r="AU4139" s="137"/>
      <c r="AV4139" s="137"/>
      <c r="AW4139" s="144"/>
    </row>
    <row r="4140" spans="2:49" x14ac:dyDescent="0.2">
      <c r="B4140" s="97"/>
      <c r="J4140" s="98"/>
      <c r="K4140" s="97"/>
      <c r="N4140" s="3"/>
      <c r="W4140" s="98"/>
      <c r="Z4140" s="143"/>
      <c r="AA4140" s="137"/>
      <c r="AB4140" s="137"/>
      <c r="AC4140" s="137"/>
      <c r="AD4140" s="137"/>
      <c r="AE4140" s="137"/>
      <c r="AF4140" s="137"/>
      <c r="AG4140" s="137"/>
      <c r="AH4140" s="137"/>
      <c r="AI4140" s="137"/>
      <c r="AJ4140" s="137"/>
      <c r="AK4140" s="206"/>
      <c r="AL4140" s="206"/>
      <c r="AM4140" s="143"/>
      <c r="AN4140" s="137"/>
      <c r="AO4140" s="137"/>
      <c r="AP4140" s="137"/>
      <c r="AQ4140" s="137"/>
      <c r="AR4140" s="137"/>
      <c r="AS4140" s="137"/>
      <c r="AT4140" s="137"/>
      <c r="AU4140" s="137"/>
      <c r="AV4140" s="137"/>
      <c r="AW4140" s="144"/>
    </row>
    <row r="4141" spans="2:49" x14ac:dyDescent="0.2">
      <c r="B4141" s="97"/>
      <c r="J4141" s="98"/>
      <c r="K4141" s="97"/>
      <c r="N4141" s="3"/>
      <c r="W4141" s="98"/>
      <c r="Z4141" s="143"/>
      <c r="AA4141" s="137"/>
      <c r="AB4141" s="137"/>
      <c r="AC4141" s="137"/>
      <c r="AD4141" s="137"/>
      <c r="AE4141" s="137"/>
      <c r="AF4141" s="137"/>
      <c r="AG4141" s="137"/>
      <c r="AH4141" s="137"/>
      <c r="AI4141" s="137"/>
      <c r="AJ4141" s="137"/>
      <c r="AK4141" s="206"/>
      <c r="AL4141" s="206"/>
      <c r="AM4141" s="143"/>
      <c r="AN4141" s="137"/>
      <c r="AO4141" s="137"/>
      <c r="AP4141" s="137"/>
      <c r="AQ4141" s="137"/>
      <c r="AR4141" s="137"/>
      <c r="AS4141" s="137"/>
      <c r="AT4141" s="137"/>
      <c r="AU4141" s="137"/>
      <c r="AV4141" s="137"/>
      <c r="AW4141" s="144"/>
    </row>
    <row r="4142" spans="2:49" x14ac:dyDescent="0.2">
      <c r="B4142" s="97"/>
      <c r="J4142" s="98"/>
      <c r="K4142" s="97"/>
      <c r="N4142" s="3"/>
      <c r="W4142" s="98"/>
      <c r="Z4142" s="143"/>
      <c r="AA4142" s="137"/>
      <c r="AB4142" s="137"/>
      <c r="AC4142" s="137"/>
      <c r="AD4142" s="137"/>
      <c r="AE4142" s="137"/>
      <c r="AF4142" s="137"/>
      <c r="AG4142" s="137"/>
      <c r="AH4142" s="137"/>
      <c r="AI4142" s="137"/>
      <c r="AJ4142" s="137"/>
      <c r="AK4142" s="206"/>
      <c r="AL4142" s="206"/>
      <c r="AM4142" s="143"/>
      <c r="AN4142" s="137"/>
      <c r="AO4142" s="137"/>
      <c r="AP4142" s="137"/>
      <c r="AQ4142" s="137"/>
      <c r="AR4142" s="137"/>
      <c r="AS4142" s="137"/>
      <c r="AT4142" s="137"/>
      <c r="AU4142" s="137"/>
      <c r="AV4142" s="137"/>
      <c r="AW4142" s="144"/>
    </row>
    <row r="4143" spans="2:49" x14ac:dyDescent="0.2">
      <c r="B4143" s="97"/>
      <c r="J4143" s="98"/>
      <c r="K4143" s="97"/>
      <c r="N4143" s="3"/>
      <c r="W4143" s="98"/>
      <c r="Z4143" s="143"/>
      <c r="AA4143" s="137"/>
      <c r="AB4143" s="137"/>
      <c r="AC4143" s="137"/>
      <c r="AD4143" s="137"/>
      <c r="AE4143" s="137"/>
      <c r="AF4143" s="137"/>
      <c r="AG4143" s="137"/>
      <c r="AH4143" s="137"/>
      <c r="AI4143" s="137"/>
      <c r="AJ4143" s="137"/>
      <c r="AK4143" s="206"/>
      <c r="AL4143" s="206"/>
      <c r="AM4143" s="143"/>
      <c r="AN4143" s="137"/>
      <c r="AO4143" s="137"/>
      <c r="AP4143" s="137"/>
      <c r="AQ4143" s="137"/>
      <c r="AR4143" s="137"/>
      <c r="AS4143" s="137"/>
      <c r="AT4143" s="137"/>
      <c r="AU4143" s="137"/>
      <c r="AV4143" s="137"/>
      <c r="AW4143" s="144"/>
    </row>
    <row r="4144" spans="2:49" x14ac:dyDescent="0.2">
      <c r="B4144" s="97"/>
      <c r="J4144" s="98"/>
      <c r="K4144" s="97"/>
      <c r="N4144" s="3"/>
      <c r="W4144" s="98"/>
      <c r="Z4144" s="143"/>
      <c r="AA4144" s="137"/>
      <c r="AB4144" s="137"/>
      <c r="AC4144" s="137"/>
      <c r="AD4144" s="137"/>
      <c r="AE4144" s="137"/>
      <c r="AF4144" s="137"/>
      <c r="AG4144" s="137"/>
      <c r="AH4144" s="137"/>
      <c r="AI4144" s="137"/>
      <c r="AJ4144" s="137"/>
      <c r="AK4144" s="206"/>
      <c r="AL4144" s="206"/>
      <c r="AM4144" s="143"/>
      <c r="AN4144" s="137"/>
      <c r="AO4144" s="137"/>
      <c r="AP4144" s="137"/>
      <c r="AQ4144" s="137"/>
      <c r="AR4144" s="137"/>
      <c r="AS4144" s="137"/>
      <c r="AT4144" s="137"/>
      <c r="AU4144" s="137"/>
      <c r="AV4144" s="137"/>
      <c r="AW4144" s="144"/>
    </row>
    <row r="4145" spans="2:49" x14ac:dyDescent="0.2">
      <c r="B4145" s="97"/>
      <c r="J4145" s="98"/>
      <c r="K4145" s="97"/>
      <c r="N4145" s="3"/>
      <c r="W4145" s="98"/>
      <c r="Z4145" s="143"/>
      <c r="AA4145" s="137"/>
      <c r="AB4145" s="137"/>
      <c r="AC4145" s="137"/>
      <c r="AD4145" s="137"/>
      <c r="AE4145" s="137"/>
      <c r="AF4145" s="137"/>
      <c r="AG4145" s="137"/>
      <c r="AH4145" s="137"/>
      <c r="AI4145" s="137"/>
      <c r="AJ4145" s="137"/>
      <c r="AK4145" s="206"/>
      <c r="AL4145" s="206"/>
      <c r="AM4145" s="143"/>
      <c r="AN4145" s="137"/>
      <c r="AO4145" s="137"/>
      <c r="AP4145" s="137"/>
      <c r="AQ4145" s="137"/>
      <c r="AR4145" s="137"/>
      <c r="AS4145" s="137"/>
      <c r="AT4145" s="137"/>
      <c r="AU4145" s="137"/>
      <c r="AV4145" s="137"/>
      <c r="AW4145" s="144"/>
    </row>
    <row r="4146" spans="2:49" x14ac:dyDescent="0.2">
      <c r="B4146" s="97"/>
      <c r="J4146" s="98"/>
      <c r="K4146" s="97"/>
      <c r="N4146" s="3"/>
      <c r="W4146" s="98"/>
      <c r="Z4146" s="143"/>
      <c r="AA4146" s="137"/>
      <c r="AB4146" s="137"/>
      <c r="AC4146" s="137"/>
      <c r="AD4146" s="137"/>
      <c r="AE4146" s="137"/>
      <c r="AF4146" s="137"/>
      <c r="AG4146" s="137"/>
      <c r="AH4146" s="137"/>
      <c r="AI4146" s="137"/>
      <c r="AJ4146" s="137"/>
      <c r="AK4146" s="206"/>
      <c r="AL4146" s="206"/>
      <c r="AM4146" s="143"/>
      <c r="AN4146" s="137"/>
      <c r="AO4146" s="137"/>
      <c r="AP4146" s="137"/>
      <c r="AQ4146" s="137"/>
      <c r="AR4146" s="137"/>
      <c r="AS4146" s="137"/>
      <c r="AT4146" s="137"/>
      <c r="AU4146" s="137"/>
      <c r="AV4146" s="137"/>
      <c r="AW4146" s="144"/>
    </row>
    <row r="4147" spans="2:49" x14ac:dyDescent="0.2">
      <c r="B4147" s="97"/>
      <c r="J4147" s="98"/>
      <c r="K4147" s="97"/>
      <c r="N4147" s="3"/>
      <c r="W4147" s="98"/>
      <c r="Z4147" s="143"/>
      <c r="AA4147" s="137"/>
      <c r="AB4147" s="137"/>
      <c r="AC4147" s="137"/>
      <c r="AD4147" s="137"/>
      <c r="AE4147" s="137"/>
      <c r="AF4147" s="137"/>
      <c r="AG4147" s="137"/>
      <c r="AH4147" s="137"/>
      <c r="AI4147" s="137"/>
      <c r="AJ4147" s="137"/>
      <c r="AK4147" s="206"/>
      <c r="AL4147" s="206"/>
      <c r="AM4147" s="143"/>
      <c r="AN4147" s="137"/>
      <c r="AO4147" s="137"/>
      <c r="AP4147" s="137"/>
      <c r="AQ4147" s="137"/>
      <c r="AR4147" s="137"/>
      <c r="AS4147" s="137"/>
      <c r="AT4147" s="137"/>
      <c r="AU4147" s="137"/>
      <c r="AV4147" s="137"/>
      <c r="AW4147" s="144"/>
    </row>
    <row r="4148" spans="2:49" x14ac:dyDescent="0.2">
      <c r="B4148" s="97"/>
      <c r="J4148" s="98"/>
      <c r="K4148" s="97"/>
      <c r="N4148" s="3"/>
      <c r="W4148" s="98"/>
      <c r="Z4148" s="143"/>
      <c r="AA4148" s="137"/>
      <c r="AB4148" s="137"/>
      <c r="AC4148" s="137"/>
      <c r="AD4148" s="137"/>
      <c r="AE4148" s="137"/>
      <c r="AF4148" s="137"/>
      <c r="AG4148" s="137"/>
      <c r="AH4148" s="137"/>
      <c r="AI4148" s="137"/>
      <c r="AJ4148" s="137"/>
      <c r="AK4148" s="206"/>
      <c r="AL4148" s="206"/>
      <c r="AM4148" s="143"/>
      <c r="AN4148" s="137"/>
      <c r="AO4148" s="137"/>
      <c r="AP4148" s="137"/>
      <c r="AQ4148" s="137"/>
      <c r="AR4148" s="137"/>
      <c r="AS4148" s="137"/>
      <c r="AT4148" s="137"/>
      <c r="AU4148" s="137"/>
      <c r="AV4148" s="137"/>
      <c r="AW4148" s="144"/>
    </row>
    <row r="4149" spans="2:49" x14ac:dyDescent="0.2">
      <c r="B4149" s="97"/>
      <c r="J4149" s="98"/>
      <c r="K4149" s="97"/>
      <c r="N4149" s="3"/>
      <c r="W4149" s="98"/>
      <c r="Z4149" s="143"/>
      <c r="AA4149" s="137"/>
      <c r="AB4149" s="137"/>
      <c r="AC4149" s="137"/>
      <c r="AD4149" s="137"/>
      <c r="AE4149" s="137"/>
      <c r="AF4149" s="137"/>
      <c r="AG4149" s="137"/>
      <c r="AH4149" s="137"/>
      <c r="AI4149" s="137"/>
      <c r="AJ4149" s="137"/>
      <c r="AK4149" s="206"/>
      <c r="AL4149" s="206"/>
      <c r="AM4149" s="143"/>
      <c r="AN4149" s="137"/>
      <c r="AO4149" s="137"/>
      <c r="AP4149" s="137"/>
      <c r="AQ4149" s="137"/>
      <c r="AR4149" s="137"/>
      <c r="AS4149" s="137"/>
      <c r="AT4149" s="137"/>
      <c r="AU4149" s="137"/>
      <c r="AV4149" s="137"/>
      <c r="AW4149" s="144"/>
    </row>
    <row r="4150" spans="2:49" x14ac:dyDescent="0.2">
      <c r="B4150" s="97"/>
      <c r="J4150" s="98"/>
      <c r="K4150" s="97"/>
      <c r="N4150" s="3"/>
      <c r="W4150" s="98"/>
      <c r="Z4150" s="143"/>
      <c r="AA4150" s="137"/>
      <c r="AB4150" s="137"/>
      <c r="AC4150" s="137"/>
      <c r="AD4150" s="137"/>
      <c r="AE4150" s="137"/>
      <c r="AF4150" s="137"/>
      <c r="AG4150" s="137"/>
      <c r="AH4150" s="137"/>
      <c r="AI4150" s="137"/>
      <c r="AJ4150" s="137"/>
      <c r="AK4150" s="206"/>
      <c r="AL4150" s="206"/>
      <c r="AM4150" s="143"/>
      <c r="AN4150" s="137"/>
      <c r="AO4150" s="137"/>
      <c r="AP4150" s="137"/>
      <c r="AQ4150" s="137"/>
      <c r="AR4150" s="137"/>
      <c r="AS4150" s="137"/>
      <c r="AT4150" s="137"/>
      <c r="AU4150" s="137"/>
      <c r="AV4150" s="137"/>
      <c r="AW4150" s="144"/>
    </row>
    <row r="4151" spans="2:49" x14ac:dyDescent="0.2">
      <c r="B4151" s="97"/>
      <c r="J4151" s="98"/>
      <c r="K4151" s="97"/>
      <c r="N4151" s="3"/>
      <c r="W4151" s="98"/>
      <c r="Z4151" s="143"/>
      <c r="AA4151" s="137"/>
      <c r="AB4151" s="137"/>
      <c r="AC4151" s="137"/>
      <c r="AD4151" s="137"/>
      <c r="AE4151" s="137"/>
      <c r="AF4151" s="137"/>
      <c r="AG4151" s="137"/>
      <c r="AH4151" s="137"/>
      <c r="AI4151" s="137"/>
      <c r="AJ4151" s="137"/>
      <c r="AK4151" s="206"/>
      <c r="AL4151" s="206"/>
      <c r="AM4151" s="143"/>
      <c r="AN4151" s="137"/>
      <c r="AO4151" s="137"/>
      <c r="AP4151" s="137"/>
      <c r="AQ4151" s="137"/>
      <c r="AR4151" s="137"/>
      <c r="AS4151" s="137"/>
      <c r="AT4151" s="137"/>
      <c r="AU4151" s="137"/>
      <c r="AV4151" s="137"/>
      <c r="AW4151" s="144"/>
    </row>
    <row r="4152" spans="2:49" x14ac:dyDescent="0.2">
      <c r="B4152" s="97"/>
      <c r="J4152" s="98"/>
      <c r="K4152" s="97"/>
      <c r="N4152" s="3"/>
      <c r="W4152" s="98"/>
      <c r="Z4152" s="143"/>
      <c r="AA4152" s="137"/>
      <c r="AB4152" s="137"/>
      <c r="AC4152" s="137"/>
      <c r="AD4152" s="137"/>
      <c r="AE4152" s="137"/>
      <c r="AF4152" s="137"/>
      <c r="AG4152" s="137"/>
      <c r="AH4152" s="137"/>
      <c r="AI4152" s="137"/>
      <c r="AJ4152" s="137"/>
      <c r="AK4152" s="206"/>
      <c r="AL4152" s="206"/>
      <c r="AM4152" s="143"/>
      <c r="AN4152" s="137"/>
      <c r="AO4152" s="137"/>
      <c r="AP4152" s="137"/>
      <c r="AQ4152" s="137"/>
      <c r="AR4152" s="137"/>
      <c r="AS4152" s="137"/>
      <c r="AT4152" s="137"/>
      <c r="AU4152" s="137"/>
      <c r="AV4152" s="137"/>
      <c r="AW4152" s="144"/>
    </row>
    <row r="4153" spans="2:49" x14ac:dyDescent="0.2">
      <c r="B4153" s="97"/>
      <c r="J4153" s="98"/>
      <c r="K4153" s="97"/>
      <c r="N4153" s="3"/>
      <c r="W4153" s="98"/>
      <c r="Z4153" s="143"/>
      <c r="AA4153" s="137"/>
      <c r="AB4153" s="137"/>
      <c r="AC4153" s="137"/>
      <c r="AD4153" s="137"/>
      <c r="AE4153" s="137"/>
      <c r="AF4153" s="137"/>
      <c r="AG4153" s="137"/>
      <c r="AH4153" s="137"/>
      <c r="AI4153" s="137"/>
      <c r="AJ4153" s="137"/>
      <c r="AK4153" s="206"/>
      <c r="AL4153" s="206"/>
      <c r="AM4153" s="143"/>
      <c r="AN4153" s="137"/>
      <c r="AO4153" s="137"/>
      <c r="AP4153" s="137"/>
      <c r="AQ4153" s="137"/>
      <c r="AR4153" s="137"/>
      <c r="AS4153" s="137"/>
      <c r="AT4153" s="137"/>
      <c r="AU4153" s="137"/>
      <c r="AV4153" s="137"/>
      <c r="AW4153" s="144"/>
    </row>
    <row r="4154" spans="2:49" x14ac:dyDescent="0.2">
      <c r="B4154" s="97"/>
      <c r="J4154" s="98"/>
      <c r="K4154" s="97"/>
      <c r="N4154" s="3"/>
      <c r="W4154" s="98"/>
      <c r="Z4154" s="143"/>
      <c r="AA4154" s="137"/>
      <c r="AB4154" s="137"/>
      <c r="AC4154" s="137"/>
      <c r="AD4154" s="137"/>
      <c r="AE4154" s="137"/>
      <c r="AF4154" s="137"/>
      <c r="AG4154" s="137"/>
      <c r="AH4154" s="137"/>
      <c r="AI4154" s="137"/>
      <c r="AJ4154" s="137"/>
      <c r="AK4154" s="206"/>
      <c r="AL4154" s="206"/>
      <c r="AM4154" s="143"/>
      <c r="AN4154" s="137"/>
      <c r="AO4154" s="137"/>
      <c r="AP4154" s="137"/>
      <c r="AQ4154" s="137"/>
      <c r="AR4154" s="137"/>
      <c r="AS4154" s="137"/>
      <c r="AT4154" s="137"/>
      <c r="AU4154" s="137"/>
      <c r="AV4154" s="137"/>
      <c r="AW4154" s="144"/>
    </row>
    <row r="4155" spans="2:49" x14ac:dyDescent="0.2">
      <c r="B4155" s="97"/>
      <c r="J4155" s="98"/>
      <c r="K4155" s="97"/>
      <c r="N4155" s="3"/>
      <c r="W4155" s="98"/>
      <c r="Z4155" s="143"/>
      <c r="AA4155" s="137"/>
      <c r="AB4155" s="137"/>
      <c r="AC4155" s="137"/>
      <c r="AD4155" s="137"/>
      <c r="AE4155" s="137"/>
      <c r="AF4155" s="137"/>
      <c r="AG4155" s="137"/>
      <c r="AH4155" s="137"/>
      <c r="AI4155" s="137"/>
      <c r="AJ4155" s="137"/>
      <c r="AK4155" s="206"/>
      <c r="AL4155" s="206"/>
      <c r="AM4155" s="143"/>
      <c r="AN4155" s="137"/>
      <c r="AO4155" s="137"/>
      <c r="AP4155" s="137"/>
      <c r="AQ4155" s="137"/>
      <c r="AR4155" s="137"/>
      <c r="AS4155" s="137"/>
      <c r="AT4155" s="137"/>
      <c r="AU4155" s="137"/>
      <c r="AV4155" s="137"/>
      <c r="AW4155" s="144"/>
    </row>
    <row r="4156" spans="2:49" x14ac:dyDescent="0.2">
      <c r="B4156" s="97"/>
      <c r="J4156" s="98"/>
      <c r="K4156" s="97"/>
      <c r="N4156" s="3"/>
      <c r="W4156" s="98"/>
      <c r="Z4156" s="143"/>
      <c r="AA4156" s="137"/>
      <c r="AB4156" s="137"/>
      <c r="AC4156" s="137"/>
      <c r="AD4156" s="137"/>
      <c r="AE4156" s="137"/>
      <c r="AF4156" s="137"/>
      <c r="AG4156" s="137"/>
      <c r="AH4156" s="137"/>
      <c r="AI4156" s="137"/>
      <c r="AJ4156" s="137"/>
      <c r="AK4156" s="206"/>
      <c r="AL4156" s="206"/>
      <c r="AM4156" s="143"/>
      <c r="AN4156" s="137"/>
      <c r="AO4156" s="137"/>
      <c r="AP4156" s="137"/>
      <c r="AQ4156" s="137"/>
      <c r="AR4156" s="137"/>
      <c r="AS4156" s="137"/>
      <c r="AT4156" s="137"/>
      <c r="AU4156" s="137"/>
      <c r="AV4156" s="137"/>
      <c r="AW4156" s="144"/>
    </row>
    <row r="4157" spans="2:49" x14ac:dyDescent="0.2">
      <c r="B4157" s="97"/>
      <c r="J4157" s="98"/>
      <c r="K4157" s="97"/>
      <c r="N4157" s="3"/>
      <c r="W4157" s="98"/>
      <c r="Z4157" s="143"/>
      <c r="AA4157" s="137"/>
      <c r="AB4157" s="137"/>
      <c r="AC4157" s="137"/>
      <c r="AD4157" s="137"/>
      <c r="AE4157" s="137"/>
      <c r="AF4157" s="137"/>
      <c r="AG4157" s="137"/>
      <c r="AH4157" s="137"/>
      <c r="AI4157" s="137"/>
      <c r="AJ4157" s="137"/>
      <c r="AK4157" s="206"/>
      <c r="AL4157" s="206"/>
      <c r="AM4157" s="143"/>
      <c r="AN4157" s="137"/>
      <c r="AO4157" s="137"/>
      <c r="AP4157" s="137"/>
      <c r="AQ4157" s="137"/>
      <c r="AR4157" s="137"/>
      <c r="AS4157" s="137"/>
      <c r="AT4157" s="137"/>
      <c r="AU4157" s="137"/>
      <c r="AV4157" s="137"/>
      <c r="AW4157" s="144"/>
    </row>
    <row r="4158" spans="2:49" x14ac:dyDescent="0.2">
      <c r="B4158" s="97"/>
      <c r="J4158" s="98"/>
      <c r="K4158" s="97"/>
      <c r="N4158" s="3"/>
      <c r="W4158" s="98"/>
      <c r="Z4158" s="143"/>
      <c r="AA4158" s="137"/>
      <c r="AB4158" s="137"/>
      <c r="AC4158" s="137"/>
      <c r="AD4158" s="137"/>
      <c r="AE4158" s="137"/>
      <c r="AF4158" s="137"/>
      <c r="AG4158" s="137"/>
      <c r="AH4158" s="137"/>
      <c r="AI4158" s="137"/>
      <c r="AJ4158" s="137"/>
      <c r="AK4158" s="206"/>
      <c r="AL4158" s="206"/>
      <c r="AM4158" s="143"/>
      <c r="AN4158" s="137"/>
      <c r="AO4158" s="137"/>
      <c r="AP4158" s="137"/>
      <c r="AQ4158" s="137"/>
      <c r="AR4158" s="137"/>
      <c r="AS4158" s="137"/>
      <c r="AT4158" s="137"/>
      <c r="AU4158" s="137"/>
      <c r="AV4158" s="137"/>
      <c r="AW4158" s="144"/>
    </row>
    <row r="4159" spans="2:49" x14ac:dyDescent="0.2">
      <c r="B4159" s="97"/>
      <c r="J4159" s="98"/>
      <c r="K4159" s="97"/>
      <c r="N4159" s="3"/>
      <c r="W4159" s="98"/>
      <c r="Z4159" s="143"/>
      <c r="AA4159" s="137"/>
      <c r="AB4159" s="137"/>
      <c r="AC4159" s="137"/>
      <c r="AD4159" s="137"/>
      <c r="AE4159" s="137"/>
      <c r="AF4159" s="137"/>
      <c r="AG4159" s="137"/>
      <c r="AH4159" s="137"/>
      <c r="AI4159" s="137"/>
      <c r="AJ4159" s="137"/>
      <c r="AK4159" s="206"/>
      <c r="AL4159" s="206"/>
      <c r="AM4159" s="143"/>
      <c r="AN4159" s="137"/>
      <c r="AO4159" s="137"/>
      <c r="AP4159" s="137"/>
      <c r="AQ4159" s="137"/>
      <c r="AR4159" s="137"/>
      <c r="AS4159" s="137"/>
      <c r="AT4159" s="137"/>
      <c r="AU4159" s="137"/>
      <c r="AV4159" s="137"/>
      <c r="AW4159" s="144"/>
    </row>
    <row r="4160" spans="2:49" x14ac:dyDescent="0.2">
      <c r="B4160" s="97"/>
      <c r="J4160" s="98"/>
      <c r="K4160" s="97"/>
      <c r="N4160" s="3"/>
      <c r="W4160" s="98"/>
      <c r="Z4160" s="143"/>
      <c r="AA4160" s="137"/>
      <c r="AB4160" s="137"/>
      <c r="AC4160" s="137"/>
      <c r="AD4160" s="137"/>
      <c r="AE4160" s="137"/>
      <c r="AF4160" s="137"/>
      <c r="AG4160" s="137"/>
      <c r="AH4160" s="137"/>
      <c r="AI4160" s="137"/>
      <c r="AJ4160" s="137"/>
      <c r="AK4160" s="206"/>
      <c r="AL4160" s="206"/>
      <c r="AM4160" s="143"/>
      <c r="AN4160" s="137"/>
      <c r="AO4160" s="137"/>
      <c r="AP4160" s="137"/>
      <c r="AQ4160" s="137"/>
      <c r="AR4160" s="137"/>
      <c r="AS4160" s="137"/>
      <c r="AT4160" s="137"/>
      <c r="AU4160" s="137"/>
      <c r="AV4160" s="137"/>
      <c r="AW4160" s="144"/>
    </row>
    <row r="4161" spans="2:49" x14ac:dyDescent="0.2">
      <c r="B4161" s="97"/>
      <c r="J4161" s="98"/>
      <c r="K4161" s="97"/>
      <c r="N4161" s="3"/>
      <c r="W4161" s="98"/>
      <c r="Z4161" s="143"/>
      <c r="AA4161" s="137"/>
      <c r="AB4161" s="137"/>
      <c r="AC4161" s="137"/>
      <c r="AD4161" s="137"/>
      <c r="AE4161" s="137"/>
      <c r="AF4161" s="137"/>
      <c r="AG4161" s="137"/>
      <c r="AH4161" s="137"/>
      <c r="AI4161" s="137"/>
      <c r="AJ4161" s="137"/>
      <c r="AK4161" s="206"/>
      <c r="AL4161" s="206"/>
      <c r="AM4161" s="143"/>
      <c r="AN4161" s="137"/>
      <c r="AO4161" s="137"/>
      <c r="AP4161" s="137"/>
      <c r="AQ4161" s="137"/>
      <c r="AR4161" s="137"/>
      <c r="AS4161" s="137"/>
      <c r="AT4161" s="137"/>
      <c r="AU4161" s="137"/>
      <c r="AV4161" s="137"/>
      <c r="AW4161" s="144"/>
    </row>
    <row r="4162" spans="2:49" x14ac:dyDescent="0.2">
      <c r="B4162" s="97"/>
      <c r="J4162" s="98"/>
      <c r="K4162" s="97"/>
      <c r="N4162" s="3"/>
      <c r="W4162" s="98"/>
      <c r="Z4162" s="143"/>
      <c r="AA4162" s="137"/>
      <c r="AB4162" s="137"/>
      <c r="AC4162" s="137"/>
      <c r="AD4162" s="137"/>
      <c r="AE4162" s="137"/>
      <c r="AF4162" s="137"/>
      <c r="AG4162" s="137"/>
      <c r="AH4162" s="137"/>
      <c r="AI4162" s="137"/>
      <c r="AJ4162" s="137"/>
      <c r="AK4162" s="206"/>
      <c r="AL4162" s="206"/>
      <c r="AM4162" s="143"/>
      <c r="AN4162" s="137"/>
      <c r="AO4162" s="137"/>
      <c r="AP4162" s="137"/>
      <c r="AQ4162" s="137"/>
      <c r="AR4162" s="137"/>
      <c r="AS4162" s="137"/>
      <c r="AT4162" s="137"/>
      <c r="AU4162" s="137"/>
      <c r="AV4162" s="137"/>
      <c r="AW4162" s="144"/>
    </row>
    <row r="4163" spans="2:49" x14ac:dyDescent="0.2">
      <c r="B4163" s="97"/>
      <c r="J4163" s="98"/>
      <c r="K4163" s="97"/>
      <c r="N4163" s="3"/>
      <c r="W4163" s="98"/>
      <c r="Z4163" s="143"/>
      <c r="AA4163" s="137"/>
      <c r="AB4163" s="137"/>
      <c r="AC4163" s="137"/>
      <c r="AD4163" s="137"/>
      <c r="AE4163" s="137"/>
      <c r="AF4163" s="137"/>
      <c r="AG4163" s="137"/>
      <c r="AH4163" s="137"/>
      <c r="AI4163" s="137"/>
      <c r="AJ4163" s="137"/>
      <c r="AK4163" s="206"/>
      <c r="AL4163" s="206"/>
      <c r="AM4163" s="143"/>
      <c r="AN4163" s="137"/>
      <c r="AO4163" s="137"/>
      <c r="AP4163" s="137"/>
      <c r="AQ4163" s="137"/>
      <c r="AR4163" s="137"/>
      <c r="AS4163" s="137"/>
      <c r="AT4163" s="137"/>
      <c r="AU4163" s="137"/>
      <c r="AV4163" s="137"/>
      <c r="AW4163" s="144"/>
    </row>
    <row r="4164" spans="2:49" x14ac:dyDescent="0.2">
      <c r="B4164" s="97"/>
      <c r="J4164" s="98"/>
      <c r="K4164" s="97"/>
      <c r="N4164" s="3"/>
      <c r="W4164" s="98"/>
      <c r="Z4164" s="143"/>
      <c r="AA4164" s="137"/>
      <c r="AB4164" s="137"/>
      <c r="AC4164" s="137"/>
      <c r="AD4164" s="137"/>
      <c r="AE4164" s="137"/>
      <c r="AF4164" s="137"/>
      <c r="AG4164" s="137"/>
      <c r="AH4164" s="137"/>
      <c r="AI4164" s="137"/>
      <c r="AJ4164" s="137"/>
      <c r="AK4164" s="206"/>
      <c r="AL4164" s="206"/>
      <c r="AM4164" s="143"/>
      <c r="AN4164" s="137"/>
      <c r="AO4164" s="137"/>
      <c r="AP4164" s="137"/>
      <c r="AQ4164" s="137"/>
      <c r="AR4164" s="137"/>
      <c r="AS4164" s="137"/>
      <c r="AT4164" s="137"/>
      <c r="AU4164" s="137"/>
      <c r="AV4164" s="137"/>
      <c r="AW4164" s="144"/>
    </row>
    <row r="4165" spans="2:49" x14ac:dyDescent="0.2">
      <c r="B4165" s="97"/>
      <c r="J4165" s="98"/>
      <c r="K4165" s="97"/>
      <c r="N4165" s="3"/>
      <c r="W4165" s="98"/>
      <c r="Z4165" s="143"/>
      <c r="AA4165" s="137"/>
      <c r="AB4165" s="137"/>
      <c r="AC4165" s="137"/>
      <c r="AD4165" s="137"/>
      <c r="AE4165" s="137"/>
      <c r="AF4165" s="137"/>
      <c r="AG4165" s="137"/>
      <c r="AH4165" s="137"/>
      <c r="AI4165" s="137"/>
      <c r="AJ4165" s="137"/>
      <c r="AK4165" s="206"/>
      <c r="AL4165" s="206"/>
      <c r="AM4165" s="143"/>
      <c r="AN4165" s="137"/>
      <c r="AO4165" s="137"/>
      <c r="AP4165" s="137"/>
      <c r="AQ4165" s="137"/>
      <c r="AR4165" s="137"/>
      <c r="AS4165" s="137"/>
      <c r="AT4165" s="137"/>
      <c r="AU4165" s="137"/>
      <c r="AV4165" s="137"/>
      <c r="AW4165" s="144"/>
    </row>
    <row r="4166" spans="2:49" x14ac:dyDescent="0.2">
      <c r="B4166" s="97"/>
      <c r="J4166" s="98"/>
      <c r="K4166" s="97"/>
      <c r="N4166" s="3"/>
      <c r="W4166" s="98"/>
      <c r="Z4166" s="143"/>
      <c r="AA4166" s="137"/>
      <c r="AB4166" s="137"/>
      <c r="AC4166" s="137"/>
      <c r="AD4166" s="137"/>
      <c r="AE4166" s="137"/>
      <c r="AF4166" s="137"/>
      <c r="AG4166" s="137"/>
      <c r="AH4166" s="137"/>
      <c r="AI4166" s="137"/>
      <c r="AJ4166" s="137"/>
      <c r="AK4166" s="206"/>
      <c r="AL4166" s="206"/>
      <c r="AM4166" s="143"/>
      <c r="AN4166" s="137"/>
      <c r="AO4166" s="137"/>
      <c r="AP4166" s="137"/>
      <c r="AQ4166" s="137"/>
      <c r="AR4166" s="137"/>
      <c r="AS4166" s="137"/>
      <c r="AT4166" s="137"/>
      <c r="AU4166" s="137"/>
      <c r="AV4166" s="137"/>
      <c r="AW4166" s="144"/>
    </row>
    <row r="4167" spans="2:49" x14ac:dyDescent="0.2">
      <c r="B4167" s="97"/>
      <c r="J4167" s="98"/>
      <c r="K4167" s="97"/>
      <c r="N4167" s="3"/>
      <c r="W4167" s="98"/>
      <c r="Z4167" s="143"/>
      <c r="AA4167" s="137"/>
      <c r="AB4167" s="137"/>
      <c r="AC4167" s="137"/>
      <c r="AD4167" s="137"/>
      <c r="AE4167" s="137"/>
      <c r="AF4167" s="137"/>
      <c r="AG4167" s="137"/>
      <c r="AH4167" s="137"/>
      <c r="AI4167" s="137"/>
      <c r="AJ4167" s="137"/>
      <c r="AK4167" s="206"/>
      <c r="AL4167" s="206"/>
      <c r="AM4167" s="143"/>
      <c r="AN4167" s="137"/>
      <c r="AO4167" s="137"/>
      <c r="AP4167" s="137"/>
      <c r="AQ4167" s="137"/>
      <c r="AR4167" s="137"/>
      <c r="AS4167" s="137"/>
      <c r="AT4167" s="137"/>
      <c r="AU4167" s="137"/>
      <c r="AV4167" s="137"/>
      <c r="AW4167" s="144"/>
    </row>
    <row r="4168" spans="2:49" x14ac:dyDescent="0.2">
      <c r="B4168" s="97"/>
      <c r="J4168" s="98"/>
      <c r="K4168" s="97"/>
      <c r="N4168" s="3"/>
      <c r="W4168" s="98"/>
      <c r="Z4168" s="143"/>
      <c r="AA4168" s="137"/>
      <c r="AB4168" s="137"/>
      <c r="AC4168" s="137"/>
      <c r="AD4168" s="137"/>
      <c r="AE4168" s="137"/>
      <c r="AF4168" s="137"/>
      <c r="AG4168" s="137"/>
      <c r="AH4168" s="137"/>
      <c r="AI4168" s="137"/>
      <c r="AJ4168" s="137"/>
      <c r="AK4168" s="206"/>
      <c r="AL4168" s="206"/>
      <c r="AM4168" s="143"/>
      <c r="AN4168" s="137"/>
      <c r="AO4168" s="137"/>
      <c r="AP4168" s="137"/>
      <c r="AQ4168" s="137"/>
      <c r="AR4168" s="137"/>
      <c r="AS4168" s="137"/>
      <c r="AT4168" s="137"/>
      <c r="AU4168" s="137"/>
      <c r="AV4168" s="137"/>
      <c r="AW4168" s="144"/>
    </row>
    <row r="4169" spans="2:49" x14ac:dyDescent="0.2">
      <c r="B4169" s="97"/>
      <c r="J4169" s="98"/>
      <c r="K4169" s="97"/>
      <c r="N4169" s="3"/>
      <c r="W4169" s="98"/>
      <c r="Z4169" s="143"/>
      <c r="AA4169" s="137"/>
      <c r="AB4169" s="137"/>
      <c r="AC4169" s="137"/>
      <c r="AD4169" s="137"/>
      <c r="AE4169" s="137"/>
      <c r="AF4169" s="137"/>
      <c r="AG4169" s="137"/>
      <c r="AH4169" s="137"/>
      <c r="AI4169" s="137"/>
      <c r="AJ4169" s="137"/>
      <c r="AK4169" s="206"/>
      <c r="AL4169" s="206"/>
      <c r="AM4169" s="143"/>
      <c r="AN4169" s="137"/>
      <c r="AO4169" s="137"/>
      <c r="AP4169" s="137"/>
      <c r="AQ4169" s="137"/>
      <c r="AR4169" s="137"/>
      <c r="AS4169" s="137"/>
      <c r="AT4169" s="137"/>
      <c r="AU4169" s="137"/>
      <c r="AV4169" s="137"/>
      <c r="AW4169" s="144"/>
    </row>
    <row r="4170" spans="2:49" x14ac:dyDescent="0.2">
      <c r="B4170" s="97"/>
      <c r="J4170" s="98"/>
      <c r="K4170" s="97"/>
      <c r="N4170" s="3"/>
      <c r="W4170" s="98"/>
      <c r="Z4170" s="143"/>
      <c r="AA4170" s="137"/>
      <c r="AB4170" s="137"/>
      <c r="AC4170" s="137"/>
      <c r="AD4170" s="137"/>
      <c r="AE4170" s="137"/>
      <c r="AF4170" s="137"/>
      <c r="AG4170" s="137"/>
      <c r="AH4170" s="137"/>
      <c r="AI4170" s="137"/>
      <c r="AJ4170" s="137"/>
      <c r="AK4170" s="206"/>
      <c r="AL4170" s="206"/>
      <c r="AM4170" s="143"/>
      <c r="AN4170" s="137"/>
      <c r="AO4170" s="137"/>
      <c r="AP4170" s="137"/>
      <c r="AQ4170" s="137"/>
      <c r="AR4170" s="137"/>
      <c r="AS4170" s="137"/>
      <c r="AT4170" s="137"/>
      <c r="AU4170" s="137"/>
      <c r="AV4170" s="137"/>
      <c r="AW4170" s="144"/>
    </row>
    <row r="4171" spans="2:49" x14ac:dyDescent="0.2">
      <c r="B4171" s="97"/>
      <c r="J4171" s="98"/>
      <c r="K4171" s="97"/>
      <c r="N4171" s="3"/>
      <c r="W4171" s="98"/>
      <c r="Z4171" s="143"/>
      <c r="AA4171" s="137"/>
      <c r="AB4171" s="137"/>
      <c r="AC4171" s="137"/>
      <c r="AD4171" s="137"/>
      <c r="AE4171" s="137"/>
      <c r="AF4171" s="137"/>
      <c r="AG4171" s="137"/>
      <c r="AH4171" s="137"/>
      <c r="AI4171" s="137"/>
      <c r="AJ4171" s="137"/>
      <c r="AK4171" s="206"/>
      <c r="AL4171" s="206"/>
      <c r="AM4171" s="143"/>
      <c r="AN4171" s="137"/>
      <c r="AO4171" s="137"/>
      <c r="AP4171" s="137"/>
      <c r="AQ4171" s="137"/>
      <c r="AR4171" s="137"/>
      <c r="AS4171" s="137"/>
      <c r="AT4171" s="137"/>
      <c r="AU4171" s="137"/>
      <c r="AV4171" s="137"/>
      <c r="AW4171" s="144"/>
    </row>
    <row r="4172" spans="2:49" x14ac:dyDescent="0.2">
      <c r="B4172" s="97"/>
      <c r="J4172" s="98"/>
      <c r="K4172" s="97"/>
      <c r="N4172" s="3"/>
      <c r="W4172" s="98"/>
      <c r="Z4172" s="143"/>
      <c r="AA4172" s="137"/>
      <c r="AB4172" s="137"/>
      <c r="AC4172" s="137"/>
      <c r="AD4172" s="137"/>
      <c r="AE4172" s="137"/>
      <c r="AF4172" s="137"/>
      <c r="AG4172" s="137"/>
      <c r="AH4172" s="137"/>
      <c r="AI4172" s="137"/>
      <c r="AJ4172" s="137"/>
      <c r="AK4172" s="206"/>
      <c r="AL4172" s="206"/>
      <c r="AM4172" s="143"/>
      <c r="AN4172" s="137"/>
      <c r="AO4172" s="137"/>
      <c r="AP4172" s="137"/>
      <c r="AQ4172" s="137"/>
      <c r="AR4172" s="137"/>
      <c r="AS4172" s="137"/>
      <c r="AT4172" s="137"/>
      <c r="AU4172" s="137"/>
      <c r="AV4172" s="137"/>
      <c r="AW4172" s="144"/>
    </row>
    <row r="4173" spans="2:49" x14ac:dyDescent="0.2">
      <c r="B4173" s="97"/>
      <c r="J4173" s="98"/>
      <c r="K4173" s="97"/>
      <c r="N4173" s="3"/>
      <c r="W4173" s="98"/>
      <c r="Z4173" s="143"/>
      <c r="AA4173" s="137"/>
      <c r="AB4173" s="137"/>
      <c r="AC4173" s="137"/>
      <c r="AD4173" s="137"/>
      <c r="AE4173" s="137"/>
      <c r="AF4173" s="137"/>
      <c r="AG4173" s="137"/>
      <c r="AH4173" s="137"/>
      <c r="AI4173" s="137"/>
      <c r="AJ4173" s="137"/>
      <c r="AK4173" s="206"/>
      <c r="AL4173" s="206"/>
      <c r="AM4173" s="143"/>
      <c r="AN4173" s="137"/>
      <c r="AO4173" s="137"/>
      <c r="AP4173" s="137"/>
      <c r="AQ4173" s="137"/>
      <c r="AR4173" s="137"/>
      <c r="AS4173" s="137"/>
      <c r="AT4173" s="137"/>
      <c r="AU4173" s="137"/>
      <c r="AV4173" s="137"/>
      <c r="AW4173" s="144"/>
    </row>
    <row r="4174" spans="2:49" x14ac:dyDescent="0.2">
      <c r="B4174" s="97"/>
      <c r="J4174" s="98"/>
      <c r="K4174" s="97"/>
      <c r="N4174" s="3"/>
      <c r="W4174" s="98"/>
      <c r="Z4174" s="143"/>
      <c r="AA4174" s="137"/>
      <c r="AB4174" s="137"/>
      <c r="AC4174" s="137"/>
      <c r="AD4174" s="137"/>
      <c r="AE4174" s="137"/>
      <c r="AF4174" s="137"/>
      <c r="AG4174" s="137"/>
      <c r="AH4174" s="137"/>
      <c r="AI4174" s="137"/>
      <c r="AJ4174" s="137"/>
      <c r="AK4174" s="206"/>
      <c r="AL4174" s="206"/>
      <c r="AM4174" s="143"/>
      <c r="AN4174" s="137"/>
      <c r="AO4174" s="137"/>
      <c r="AP4174" s="137"/>
      <c r="AQ4174" s="137"/>
      <c r="AR4174" s="137"/>
      <c r="AS4174" s="137"/>
      <c r="AT4174" s="137"/>
      <c r="AU4174" s="137"/>
      <c r="AV4174" s="137"/>
      <c r="AW4174" s="144"/>
    </row>
    <row r="4175" spans="2:49" x14ac:dyDescent="0.2">
      <c r="B4175" s="97"/>
      <c r="J4175" s="98"/>
      <c r="K4175" s="97"/>
      <c r="N4175" s="3"/>
      <c r="W4175" s="98"/>
      <c r="Z4175" s="143"/>
      <c r="AA4175" s="137"/>
      <c r="AB4175" s="137"/>
      <c r="AC4175" s="137"/>
      <c r="AD4175" s="137"/>
      <c r="AE4175" s="137"/>
      <c r="AF4175" s="137"/>
      <c r="AG4175" s="137"/>
      <c r="AH4175" s="137"/>
      <c r="AI4175" s="137"/>
      <c r="AJ4175" s="137"/>
      <c r="AK4175" s="206"/>
      <c r="AL4175" s="206"/>
      <c r="AM4175" s="143"/>
      <c r="AN4175" s="137"/>
      <c r="AO4175" s="137"/>
      <c r="AP4175" s="137"/>
      <c r="AQ4175" s="137"/>
      <c r="AR4175" s="137"/>
      <c r="AS4175" s="137"/>
      <c r="AT4175" s="137"/>
      <c r="AU4175" s="137"/>
      <c r="AV4175" s="137"/>
      <c r="AW4175" s="144"/>
    </row>
    <row r="4176" spans="2:49" x14ac:dyDescent="0.2">
      <c r="B4176" s="97"/>
      <c r="J4176" s="98"/>
      <c r="K4176" s="97"/>
      <c r="N4176" s="3"/>
      <c r="W4176" s="98"/>
      <c r="Z4176" s="143"/>
      <c r="AA4176" s="137"/>
      <c r="AB4176" s="137"/>
      <c r="AC4176" s="137"/>
      <c r="AD4176" s="137"/>
      <c r="AE4176" s="137"/>
      <c r="AF4176" s="137"/>
      <c r="AG4176" s="137"/>
      <c r="AH4176" s="137"/>
      <c r="AI4176" s="137"/>
      <c r="AJ4176" s="137"/>
      <c r="AK4176" s="206"/>
      <c r="AL4176" s="206"/>
      <c r="AM4176" s="143"/>
      <c r="AN4176" s="137"/>
      <c r="AO4176" s="137"/>
      <c r="AP4176" s="137"/>
      <c r="AQ4176" s="137"/>
      <c r="AR4176" s="137"/>
      <c r="AS4176" s="137"/>
      <c r="AT4176" s="137"/>
      <c r="AU4176" s="137"/>
      <c r="AV4176" s="137"/>
      <c r="AW4176" s="144"/>
    </row>
    <row r="4177" spans="2:49" x14ac:dyDescent="0.2">
      <c r="B4177" s="97"/>
      <c r="J4177" s="98"/>
      <c r="K4177" s="97"/>
      <c r="N4177" s="3"/>
      <c r="W4177" s="98"/>
      <c r="Z4177" s="143"/>
      <c r="AA4177" s="137"/>
      <c r="AB4177" s="137"/>
      <c r="AC4177" s="137"/>
      <c r="AD4177" s="137"/>
      <c r="AE4177" s="137"/>
      <c r="AF4177" s="137"/>
      <c r="AG4177" s="137"/>
      <c r="AH4177" s="137"/>
      <c r="AI4177" s="137"/>
      <c r="AJ4177" s="137"/>
      <c r="AK4177" s="206"/>
      <c r="AL4177" s="206"/>
      <c r="AM4177" s="143"/>
      <c r="AN4177" s="137"/>
      <c r="AO4177" s="137"/>
      <c r="AP4177" s="137"/>
      <c r="AQ4177" s="137"/>
      <c r="AR4177" s="137"/>
      <c r="AS4177" s="137"/>
      <c r="AT4177" s="137"/>
      <c r="AU4177" s="137"/>
      <c r="AV4177" s="137"/>
      <c r="AW4177" s="144"/>
    </row>
    <row r="4178" spans="2:49" x14ac:dyDescent="0.2">
      <c r="B4178" s="97"/>
      <c r="J4178" s="98"/>
      <c r="K4178" s="97"/>
      <c r="N4178" s="3"/>
      <c r="W4178" s="98"/>
      <c r="Z4178" s="143"/>
      <c r="AA4178" s="137"/>
      <c r="AB4178" s="137"/>
      <c r="AC4178" s="137"/>
      <c r="AD4178" s="137"/>
      <c r="AE4178" s="137"/>
      <c r="AF4178" s="137"/>
      <c r="AG4178" s="137"/>
      <c r="AH4178" s="137"/>
      <c r="AI4178" s="137"/>
      <c r="AJ4178" s="137"/>
      <c r="AK4178" s="206"/>
      <c r="AL4178" s="206"/>
      <c r="AM4178" s="143"/>
      <c r="AN4178" s="137"/>
      <c r="AO4178" s="137"/>
      <c r="AP4178" s="137"/>
      <c r="AQ4178" s="137"/>
      <c r="AR4178" s="137"/>
      <c r="AS4178" s="137"/>
      <c r="AT4178" s="137"/>
      <c r="AU4178" s="137"/>
      <c r="AV4178" s="137"/>
      <c r="AW4178" s="144"/>
    </row>
    <row r="4179" spans="2:49" x14ac:dyDescent="0.2">
      <c r="B4179" s="97"/>
      <c r="J4179" s="98"/>
      <c r="K4179" s="97"/>
      <c r="N4179" s="3"/>
      <c r="W4179" s="98"/>
      <c r="Z4179" s="143"/>
      <c r="AA4179" s="137"/>
      <c r="AB4179" s="137"/>
      <c r="AC4179" s="137"/>
      <c r="AD4179" s="137"/>
      <c r="AE4179" s="137"/>
      <c r="AF4179" s="137"/>
      <c r="AG4179" s="137"/>
      <c r="AH4179" s="137"/>
      <c r="AI4179" s="137"/>
      <c r="AJ4179" s="137"/>
      <c r="AK4179" s="206"/>
      <c r="AL4179" s="206"/>
      <c r="AM4179" s="143"/>
      <c r="AN4179" s="137"/>
      <c r="AO4179" s="137"/>
      <c r="AP4179" s="137"/>
      <c r="AQ4179" s="137"/>
      <c r="AR4179" s="137"/>
      <c r="AS4179" s="137"/>
      <c r="AT4179" s="137"/>
      <c r="AU4179" s="137"/>
      <c r="AV4179" s="137"/>
      <c r="AW4179" s="144"/>
    </row>
    <row r="4180" spans="2:49" x14ac:dyDescent="0.2">
      <c r="B4180" s="97"/>
      <c r="J4180" s="98"/>
      <c r="K4180" s="97"/>
      <c r="N4180" s="3"/>
      <c r="W4180" s="98"/>
      <c r="Z4180" s="143"/>
      <c r="AA4180" s="137"/>
      <c r="AB4180" s="137"/>
      <c r="AC4180" s="137"/>
      <c r="AD4180" s="137"/>
      <c r="AE4180" s="137"/>
      <c r="AF4180" s="137"/>
      <c r="AG4180" s="137"/>
      <c r="AH4180" s="137"/>
      <c r="AI4180" s="137"/>
      <c r="AJ4180" s="137"/>
      <c r="AK4180" s="206"/>
      <c r="AL4180" s="206"/>
      <c r="AM4180" s="143"/>
      <c r="AN4180" s="137"/>
      <c r="AO4180" s="137"/>
      <c r="AP4180" s="137"/>
      <c r="AQ4180" s="137"/>
      <c r="AR4180" s="137"/>
      <c r="AS4180" s="137"/>
      <c r="AT4180" s="137"/>
      <c r="AU4180" s="137"/>
      <c r="AV4180" s="137"/>
      <c r="AW4180" s="144"/>
    </row>
    <row r="4181" spans="2:49" x14ac:dyDescent="0.2">
      <c r="B4181" s="97"/>
      <c r="J4181" s="98"/>
      <c r="K4181" s="97"/>
      <c r="N4181" s="3"/>
      <c r="W4181" s="98"/>
      <c r="Z4181" s="143"/>
      <c r="AA4181" s="137"/>
      <c r="AB4181" s="137"/>
      <c r="AC4181" s="137"/>
      <c r="AD4181" s="137"/>
      <c r="AE4181" s="137"/>
      <c r="AF4181" s="137"/>
      <c r="AG4181" s="137"/>
      <c r="AH4181" s="137"/>
      <c r="AI4181" s="137"/>
      <c r="AJ4181" s="137"/>
      <c r="AK4181" s="206"/>
      <c r="AL4181" s="206"/>
      <c r="AM4181" s="143"/>
      <c r="AN4181" s="137"/>
      <c r="AO4181" s="137"/>
      <c r="AP4181" s="137"/>
      <c r="AQ4181" s="137"/>
      <c r="AR4181" s="137"/>
      <c r="AS4181" s="137"/>
      <c r="AT4181" s="137"/>
      <c r="AU4181" s="137"/>
      <c r="AV4181" s="137"/>
      <c r="AW4181" s="144"/>
    </row>
    <row r="4182" spans="2:49" x14ac:dyDescent="0.2">
      <c r="B4182" s="97"/>
      <c r="J4182" s="98"/>
      <c r="K4182" s="97"/>
      <c r="N4182" s="3"/>
      <c r="W4182" s="98"/>
      <c r="Z4182" s="143"/>
      <c r="AA4182" s="137"/>
      <c r="AB4182" s="137"/>
      <c r="AC4182" s="137"/>
      <c r="AD4182" s="137"/>
      <c r="AE4182" s="137"/>
      <c r="AF4182" s="137"/>
      <c r="AG4182" s="137"/>
      <c r="AH4182" s="137"/>
      <c r="AI4182" s="137"/>
      <c r="AJ4182" s="137"/>
      <c r="AK4182" s="206"/>
      <c r="AL4182" s="206"/>
      <c r="AM4182" s="143"/>
      <c r="AN4182" s="137"/>
      <c r="AO4182" s="137"/>
      <c r="AP4182" s="137"/>
      <c r="AQ4182" s="137"/>
      <c r="AR4182" s="137"/>
      <c r="AS4182" s="137"/>
      <c r="AT4182" s="137"/>
      <c r="AU4182" s="137"/>
      <c r="AV4182" s="137"/>
      <c r="AW4182" s="144"/>
    </row>
    <row r="4183" spans="2:49" x14ac:dyDescent="0.2">
      <c r="B4183" s="97"/>
      <c r="J4183" s="98"/>
      <c r="K4183" s="97"/>
      <c r="N4183" s="3"/>
      <c r="W4183" s="98"/>
      <c r="Z4183" s="143"/>
      <c r="AA4183" s="137"/>
      <c r="AB4183" s="137"/>
      <c r="AC4183" s="137"/>
      <c r="AD4183" s="137"/>
      <c r="AE4183" s="137"/>
      <c r="AF4183" s="137"/>
      <c r="AG4183" s="137"/>
      <c r="AH4183" s="137"/>
      <c r="AI4183" s="137"/>
      <c r="AJ4183" s="137"/>
      <c r="AK4183" s="206"/>
      <c r="AL4183" s="206"/>
      <c r="AM4183" s="143"/>
      <c r="AN4183" s="137"/>
      <c r="AO4183" s="137"/>
      <c r="AP4183" s="137"/>
      <c r="AQ4183" s="137"/>
      <c r="AR4183" s="137"/>
      <c r="AS4183" s="137"/>
      <c r="AT4183" s="137"/>
      <c r="AU4183" s="137"/>
      <c r="AV4183" s="137"/>
      <c r="AW4183" s="144"/>
    </row>
    <row r="4184" spans="2:49" x14ac:dyDescent="0.2">
      <c r="B4184" s="97"/>
      <c r="J4184" s="98"/>
      <c r="K4184" s="97"/>
      <c r="N4184" s="3"/>
      <c r="W4184" s="98"/>
      <c r="Z4184" s="143"/>
      <c r="AA4184" s="137"/>
      <c r="AB4184" s="137"/>
      <c r="AC4184" s="137"/>
      <c r="AD4184" s="137"/>
      <c r="AE4184" s="137"/>
      <c r="AF4184" s="137"/>
      <c r="AG4184" s="137"/>
      <c r="AH4184" s="137"/>
      <c r="AI4184" s="137"/>
      <c r="AJ4184" s="137"/>
      <c r="AK4184" s="206"/>
      <c r="AL4184" s="206"/>
      <c r="AM4184" s="143"/>
      <c r="AN4184" s="137"/>
      <c r="AO4184" s="137"/>
      <c r="AP4184" s="137"/>
      <c r="AQ4184" s="137"/>
      <c r="AR4184" s="137"/>
      <c r="AS4184" s="137"/>
      <c r="AT4184" s="137"/>
      <c r="AU4184" s="137"/>
      <c r="AV4184" s="137"/>
      <c r="AW4184" s="144"/>
    </row>
    <row r="4185" spans="2:49" x14ac:dyDescent="0.2">
      <c r="B4185" s="97"/>
      <c r="J4185" s="98"/>
      <c r="K4185" s="97"/>
      <c r="N4185" s="3"/>
      <c r="W4185" s="98"/>
      <c r="Z4185" s="143"/>
      <c r="AA4185" s="137"/>
      <c r="AB4185" s="137"/>
      <c r="AC4185" s="137"/>
      <c r="AD4185" s="137"/>
      <c r="AE4185" s="137"/>
      <c r="AF4185" s="137"/>
      <c r="AG4185" s="137"/>
      <c r="AH4185" s="137"/>
      <c r="AI4185" s="137"/>
      <c r="AJ4185" s="137"/>
      <c r="AK4185" s="206"/>
      <c r="AL4185" s="206"/>
      <c r="AM4185" s="143"/>
      <c r="AN4185" s="137"/>
      <c r="AO4185" s="137"/>
      <c r="AP4185" s="137"/>
      <c r="AQ4185" s="137"/>
      <c r="AR4185" s="137"/>
      <c r="AS4185" s="137"/>
      <c r="AT4185" s="137"/>
      <c r="AU4185" s="137"/>
      <c r="AV4185" s="137"/>
      <c r="AW4185" s="144"/>
    </row>
    <row r="4186" spans="2:49" x14ac:dyDescent="0.2">
      <c r="B4186" s="97"/>
      <c r="J4186" s="98"/>
      <c r="K4186" s="97"/>
      <c r="N4186" s="3"/>
      <c r="W4186" s="98"/>
      <c r="Z4186" s="143"/>
      <c r="AA4186" s="137"/>
      <c r="AB4186" s="137"/>
      <c r="AC4186" s="137"/>
      <c r="AD4186" s="137"/>
      <c r="AE4186" s="137"/>
      <c r="AF4186" s="137"/>
      <c r="AG4186" s="137"/>
      <c r="AH4186" s="137"/>
      <c r="AI4186" s="137"/>
      <c r="AJ4186" s="137"/>
      <c r="AK4186" s="206"/>
      <c r="AL4186" s="206"/>
      <c r="AM4186" s="143"/>
      <c r="AN4186" s="137"/>
      <c r="AO4186" s="137"/>
      <c r="AP4186" s="137"/>
      <c r="AQ4186" s="137"/>
      <c r="AR4186" s="137"/>
      <c r="AS4186" s="137"/>
      <c r="AT4186" s="137"/>
      <c r="AU4186" s="137"/>
      <c r="AV4186" s="137"/>
      <c r="AW4186" s="144"/>
    </row>
    <row r="4187" spans="2:49" x14ac:dyDescent="0.2">
      <c r="B4187" s="97"/>
      <c r="J4187" s="98"/>
      <c r="K4187" s="97"/>
      <c r="N4187" s="3"/>
      <c r="W4187" s="98"/>
      <c r="Z4187" s="143"/>
      <c r="AA4187" s="137"/>
      <c r="AB4187" s="137"/>
      <c r="AC4187" s="137"/>
      <c r="AD4187" s="137"/>
      <c r="AE4187" s="137"/>
      <c r="AF4187" s="137"/>
      <c r="AG4187" s="137"/>
      <c r="AH4187" s="137"/>
      <c r="AI4187" s="137"/>
      <c r="AJ4187" s="137"/>
      <c r="AK4187" s="206"/>
      <c r="AL4187" s="206"/>
      <c r="AM4187" s="143"/>
      <c r="AN4187" s="137"/>
      <c r="AO4187" s="137"/>
      <c r="AP4187" s="137"/>
      <c r="AQ4187" s="137"/>
      <c r="AR4187" s="137"/>
      <c r="AS4187" s="137"/>
      <c r="AT4187" s="137"/>
      <c r="AU4187" s="137"/>
      <c r="AV4187" s="137"/>
      <c r="AW4187" s="144"/>
    </row>
    <row r="4188" spans="2:49" x14ac:dyDescent="0.2">
      <c r="B4188" s="97"/>
      <c r="J4188" s="98"/>
      <c r="K4188" s="97"/>
      <c r="N4188" s="3"/>
      <c r="W4188" s="98"/>
      <c r="Z4188" s="143"/>
      <c r="AA4188" s="137"/>
      <c r="AB4188" s="137"/>
      <c r="AC4188" s="137"/>
      <c r="AD4188" s="137"/>
      <c r="AE4188" s="137"/>
      <c r="AF4188" s="137"/>
      <c r="AG4188" s="137"/>
      <c r="AH4188" s="137"/>
      <c r="AI4188" s="137"/>
      <c r="AJ4188" s="137"/>
      <c r="AK4188" s="206"/>
      <c r="AL4188" s="206"/>
      <c r="AM4188" s="143"/>
      <c r="AN4188" s="137"/>
      <c r="AO4188" s="137"/>
      <c r="AP4188" s="137"/>
      <c r="AQ4188" s="137"/>
      <c r="AR4188" s="137"/>
      <c r="AS4188" s="137"/>
      <c r="AT4188" s="137"/>
      <c r="AU4188" s="137"/>
      <c r="AV4188" s="137"/>
      <c r="AW4188" s="144"/>
    </row>
    <row r="4189" spans="2:49" x14ac:dyDescent="0.2">
      <c r="B4189" s="97"/>
      <c r="J4189" s="98"/>
      <c r="K4189" s="97"/>
      <c r="N4189" s="3"/>
      <c r="W4189" s="98"/>
      <c r="Z4189" s="143"/>
      <c r="AA4189" s="137"/>
      <c r="AB4189" s="137"/>
      <c r="AC4189" s="137"/>
      <c r="AD4189" s="137"/>
      <c r="AE4189" s="137"/>
      <c r="AF4189" s="137"/>
      <c r="AG4189" s="137"/>
      <c r="AH4189" s="137"/>
      <c r="AI4189" s="137"/>
      <c r="AJ4189" s="137"/>
      <c r="AK4189" s="206"/>
      <c r="AL4189" s="206"/>
      <c r="AM4189" s="143"/>
      <c r="AN4189" s="137"/>
      <c r="AO4189" s="137"/>
      <c r="AP4189" s="137"/>
      <c r="AQ4189" s="137"/>
      <c r="AR4189" s="137"/>
      <c r="AS4189" s="137"/>
      <c r="AT4189" s="137"/>
      <c r="AU4189" s="137"/>
      <c r="AV4189" s="137"/>
      <c r="AW4189" s="144"/>
    </row>
    <row r="4190" spans="2:49" x14ac:dyDescent="0.2">
      <c r="B4190" s="97"/>
      <c r="J4190" s="98"/>
      <c r="K4190" s="97"/>
      <c r="N4190" s="3"/>
      <c r="W4190" s="98"/>
      <c r="Z4190" s="143"/>
      <c r="AA4190" s="137"/>
      <c r="AB4190" s="137"/>
      <c r="AC4190" s="137"/>
      <c r="AD4190" s="137"/>
      <c r="AE4190" s="137"/>
      <c r="AF4190" s="137"/>
      <c r="AG4190" s="137"/>
      <c r="AH4190" s="137"/>
      <c r="AI4190" s="137"/>
      <c r="AJ4190" s="137"/>
      <c r="AK4190" s="206"/>
      <c r="AL4190" s="206"/>
      <c r="AM4190" s="143"/>
      <c r="AN4190" s="137"/>
      <c r="AO4190" s="137"/>
      <c r="AP4190" s="137"/>
      <c r="AQ4190" s="137"/>
      <c r="AR4190" s="137"/>
      <c r="AS4190" s="137"/>
      <c r="AT4190" s="137"/>
      <c r="AU4190" s="137"/>
      <c r="AV4190" s="137"/>
      <c r="AW4190" s="144"/>
    </row>
    <row r="4191" spans="2:49" x14ac:dyDescent="0.2">
      <c r="B4191" s="97"/>
      <c r="J4191" s="98"/>
      <c r="K4191" s="97"/>
      <c r="N4191" s="3"/>
      <c r="W4191" s="98"/>
      <c r="Z4191" s="143"/>
      <c r="AA4191" s="137"/>
      <c r="AB4191" s="137"/>
      <c r="AC4191" s="137"/>
      <c r="AD4191" s="137"/>
      <c r="AE4191" s="137"/>
      <c r="AF4191" s="137"/>
      <c r="AG4191" s="137"/>
      <c r="AH4191" s="137"/>
      <c r="AI4191" s="137"/>
      <c r="AJ4191" s="137"/>
      <c r="AK4191" s="206"/>
      <c r="AL4191" s="206"/>
      <c r="AM4191" s="143"/>
      <c r="AN4191" s="137"/>
      <c r="AO4191" s="137"/>
      <c r="AP4191" s="137"/>
      <c r="AQ4191" s="137"/>
      <c r="AR4191" s="137"/>
      <c r="AS4191" s="137"/>
      <c r="AT4191" s="137"/>
      <c r="AU4191" s="137"/>
      <c r="AV4191" s="137"/>
      <c r="AW4191" s="144"/>
    </row>
    <row r="4192" spans="2:49" x14ac:dyDescent="0.2">
      <c r="B4192" s="97"/>
      <c r="J4192" s="98"/>
      <c r="K4192" s="97"/>
      <c r="N4192" s="3"/>
      <c r="W4192" s="98"/>
      <c r="Z4192" s="143"/>
      <c r="AA4192" s="137"/>
      <c r="AB4192" s="137"/>
      <c r="AC4192" s="137"/>
      <c r="AD4192" s="137"/>
      <c r="AE4192" s="137"/>
      <c r="AF4192" s="137"/>
      <c r="AG4192" s="137"/>
      <c r="AH4192" s="137"/>
      <c r="AI4192" s="137"/>
      <c r="AJ4192" s="137"/>
      <c r="AK4192" s="206"/>
      <c r="AL4192" s="206"/>
      <c r="AM4192" s="143"/>
      <c r="AN4192" s="137"/>
      <c r="AO4192" s="137"/>
      <c r="AP4192" s="137"/>
      <c r="AQ4192" s="137"/>
      <c r="AR4192" s="137"/>
      <c r="AS4192" s="137"/>
      <c r="AT4192" s="137"/>
      <c r="AU4192" s="137"/>
      <c r="AV4192" s="137"/>
      <c r="AW4192" s="144"/>
    </row>
    <row r="4193" spans="2:49" x14ac:dyDescent="0.2">
      <c r="B4193" s="97"/>
      <c r="J4193" s="98"/>
      <c r="K4193" s="97"/>
      <c r="N4193" s="3"/>
      <c r="W4193" s="98"/>
      <c r="Z4193" s="143"/>
      <c r="AA4193" s="137"/>
      <c r="AB4193" s="137"/>
      <c r="AC4193" s="137"/>
      <c r="AD4193" s="137"/>
      <c r="AE4193" s="137"/>
      <c r="AF4193" s="137"/>
      <c r="AG4193" s="137"/>
      <c r="AH4193" s="137"/>
      <c r="AI4193" s="137"/>
      <c r="AJ4193" s="137"/>
      <c r="AK4193" s="206"/>
      <c r="AL4193" s="206"/>
      <c r="AM4193" s="143"/>
      <c r="AN4193" s="137"/>
      <c r="AO4193" s="137"/>
      <c r="AP4193" s="137"/>
      <c r="AQ4193" s="137"/>
      <c r="AR4193" s="137"/>
      <c r="AS4193" s="137"/>
      <c r="AT4193" s="137"/>
      <c r="AU4193" s="137"/>
      <c r="AV4193" s="137"/>
      <c r="AW4193" s="144"/>
    </row>
    <row r="4194" spans="2:49" x14ac:dyDescent="0.2">
      <c r="B4194" s="97"/>
      <c r="J4194" s="98"/>
      <c r="K4194" s="97"/>
      <c r="N4194" s="3"/>
      <c r="W4194" s="98"/>
      <c r="Z4194" s="143"/>
      <c r="AA4194" s="137"/>
      <c r="AB4194" s="137"/>
      <c r="AC4194" s="137"/>
      <c r="AD4194" s="137"/>
      <c r="AE4194" s="137"/>
      <c r="AF4194" s="137"/>
      <c r="AG4194" s="137"/>
      <c r="AH4194" s="137"/>
      <c r="AI4194" s="137"/>
      <c r="AJ4194" s="137"/>
      <c r="AK4194" s="206"/>
      <c r="AL4194" s="206"/>
      <c r="AM4194" s="143"/>
      <c r="AN4194" s="137"/>
      <c r="AO4194" s="137"/>
      <c r="AP4194" s="137"/>
      <c r="AQ4194" s="137"/>
      <c r="AR4194" s="137"/>
      <c r="AS4194" s="137"/>
      <c r="AT4194" s="137"/>
      <c r="AU4194" s="137"/>
      <c r="AV4194" s="137"/>
      <c r="AW4194" s="144"/>
    </row>
    <row r="4195" spans="2:49" x14ac:dyDescent="0.2">
      <c r="B4195" s="97"/>
      <c r="J4195" s="98"/>
      <c r="K4195" s="97"/>
      <c r="N4195" s="3"/>
      <c r="W4195" s="98"/>
      <c r="Z4195" s="143"/>
      <c r="AA4195" s="137"/>
      <c r="AB4195" s="137"/>
      <c r="AC4195" s="137"/>
      <c r="AD4195" s="137"/>
      <c r="AE4195" s="137"/>
      <c r="AF4195" s="137"/>
      <c r="AG4195" s="137"/>
      <c r="AH4195" s="137"/>
      <c r="AI4195" s="137"/>
      <c r="AJ4195" s="137"/>
      <c r="AK4195" s="206"/>
      <c r="AL4195" s="206"/>
      <c r="AM4195" s="143"/>
      <c r="AN4195" s="137"/>
      <c r="AO4195" s="137"/>
      <c r="AP4195" s="137"/>
      <c r="AQ4195" s="137"/>
      <c r="AR4195" s="137"/>
      <c r="AS4195" s="137"/>
      <c r="AT4195" s="137"/>
      <c r="AU4195" s="137"/>
      <c r="AV4195" s="137"/>
      <c r="AW4195" s="144"/>
    </row>
    <row r="4196" spans="2:49" x14ac:dyDescent="0.2">
      <c r="B4196" s="97"/>
      <c r="J4196" s="98"/>
      <c r="K4196" s="97"/>
      <c r="N4196" s="3"/>
      <c r="W4196" s="98"/>
      <c r="Z4196" s="143"/>
      <c r="AA4196" s="137"/>
      <c r="AB4196" s="137"/>
      <c r="AC4196" s="137"/>
      <c r="AD4196" s="137"/>
      <c r="AE4196" s="137"/>
      <c r="AF4196" s="137"/>
      <c r="AG4196" s="137"/>
      <c r="AH4196" s="137"/>
      <c r="AI4196" s="137"/>
      <c r="AJ4196" s="137"/>
      <c r="AK4196" s="206"/>
      <c r="AL4196" s="206"/>
      <c r="AM4196" s="143"/>
      <c r="AN4196" s="137"/>
      <c r="AO4196" s="137"/>
      <c r="AP4196" s="137"/>
      <c r="AQ4196" s="137"/>
      <c r="AR4196" s="137"/>
      <c r="AS4196" s="137"/>
      <c r="AT4196" s="137"/>
      <c r="AU4196" s="137"/>
      <c r="AV4196" s="137"/>
      <c r="AW4196" s="144"/>
    </row>
    <row r="4197" spans="2:49" x14ac:dyDescent="0.2">
      <c r="B4197" s="97"/>
      <c r="J4197" s="98"/>
      <c r="K4197" s="97"/>
      <c r="N4197" s="3"/>
      <c r="W4197" s="98"/>
      <c r="Z4197" s="143"/>
      <c r="AA4197" s="137"/>
      <c r="AB4197" s="137"/>
      <c r="AC4197" s="137"/>
      <c r="AD4197" s="137"/>
      <c r="AE4197" s="137"/>
      <c r="AF4197" s="137"/>
      <c r="AG4197" s="137"/>
      <c r="AH4197" s="137"/>
      <c r="AI4197" s="137"/>
      <c r="AJ4197" s="137"/>
      <c r="AK4197" s="206"/>
      <c r="AL4197" s="206"/>
      <c r="AM4197" s="143"/>
      <c r="AN4197" s="137"/>
      <c r="AO4197" s="137"/>
      <c r="AP4197" s="137"/>
      <c r="AQ4197" s="137"/>
      <c r="AR4197" s="137"/>
      <c r="AS4197" s="137"/>
      <c r="AT4197" s="137"/>
      <c r="AU4197" s="137"/>
      <c r="AV4197" s="137"/>
      <c r="AW4197" s="144"/>
    </row>
    <row r="4198" spans="2:49" x14ac:dyDescent="0.2">
      <c r="B4198" s="97"/>
      <c r="J4198" s="98"/>
      <c r="K4198" s="97"/>
      <c r="N4198" s="3"/>
      <c r="W4198" s="98"/>
      <c r="Z4198" s="143"/>
      <c r="AA4198" s="137"/>
      <c r="AB4198" s="137"/>
      <c r="AC4198" s="137"/>
      <c r="AD4198" s="137"/>
      <c r="AE4198" s="137"/>
      <c r="AF4198" s="137"/>
      <c r="AG4198" s="137"/>
      <c r="AH4198" s="137"/>
      <c r="AI4198" s="137"/>
      <c r="AJ4198" s="137"/>
      <c r="AK4198" s="206"/>
      <c r="AL4198" s="206"/>
      <c r="AM4198" s="143"/>
      <c r="AN4198" s="137"/>
      <c r="AO4198" s="137"/>
      <c r="AP4198" s="137"/>
      <c r="AQ4198" s="137"/>
      <c r="AR4198" s="137"/>
      <c r="AS4198" s="137"/>
      <c r="AT4198" s="137"/>
      <c r="AU4198" s="137"/>
      <c r="AV4198" s="137"/>
      <c r="AW4198" s="144"/>
    </row>
    <row r="4199" spans="2:49" x14ac:dyDescent="0.2">
      <c r="B4199" s="97"/>
      <c r="J4199" s="98"/>
      <c r="K4199" s="97"/>
      <c r="N4199" s="3"/>
      <c r="W4199" s="98"/>
      <c r="Z4199" s="143"/>
      <c r="AA4199" s="137"/>
      <c r="AB4199" s="137"/>
      <c r="AC4199" s="137"/>
      <c r="AD4199" s="137"/>
      <c r="AE4199" s="137"/>
      <c r="AF4199" s="137"/>
      <c r="AG4199" s="137"/>
      <c r="AH4199" s="137"/>
      <c r="AI4199" s="137"/>
      <c r="AJ4199" s="137"/>
      <c r="AK4199" s="206"/>
      <c r="AL4199" s="206"/>
      <c r="AM4199" s="143"/>
      <c r="AN4199" s="137"/>
      <c r="AO4199" s="137"/>
      <c r="AP4199" s="137"/>
      <c r="AQ4199" s="137"/>
      <c r="AR4199" s="137"/>
      <c r="AS4199" s="137"/>
      <c r="AT4199" s="137"/>
      <c r="AU4199" s="137"/>
      <c r="AV4199" s="137"/>
      <c r="AW4199" s="144"/>
    </row>
    <row r="4200" spans="2:49" x14ac:dyDescent="0.2">
      <c r="B4200" s="97"/>
      <c r="J4200" s="98"/>
      <c r="K4200" s="97"/>
      <c r="N4200" s="3"/>
      <c r="W4200" s="98"/>
      <c r="Z4200" s="143"/>
      <c r="AA4200" s="137"/>
      <c r="AB4200" s="137"/>
      <c r="AC4200" s="137"/>
      <c r="AD4200" s="137"/>
      <c r="AE4200" s="137"/>
      <c r="AF4200" s="137"/>
      <c r="AG4200" s="137"/>
      <c r="AH4200" s="137"/>
      <c r="AI4200" s="137"/>
      <c r="AJ4200" s="137"/>
      <c r="AK4200" s="206"/>
      <c r="AL4200" s="206"/>
      <c r="AM4200" s="143"/>
      <c r="AN4200" s="137"/>
      <c r="AO4200" s="137"/>
      <c r="AP4200" s="137"/>
      <c r="AQ4200" s="137"/>
      <c r="AR4200" s="137"/>
      <c r="AS4200" s="137"/>
      <c r="AT4200" s="137"/>
      <c r="AU4200" s="137"/>
      <c r="AV4200" s="137"/>
      <c r="AW4200" s="144"/>
    </row>
    <row r="4201" spans="2:49" x14ac:dyDescent="0.2">
      <c r="B4201" s="97"/>
      <c r="J4201" s="98"/>
      <c r="K4201" s="97"/>
      <c r="N4201" s="3"/>
      <c r="W4201" s="98"/>
      <c r="Z4201" s="143"/>
      <c r="AA4201" s="137"/>
      <c r="AB4201" s="137"/>
      <c r="AC4201" s="137"/>
      <c r="AD4201" s="137"/>
      <c r="AE4201" s="137"/>
      <c r="AF4201" s="137"/>
      <c r="AG4201" s="137"/>
      <c r="AH4201" s="137"/>
      <c r="AI4201" s="137"/>
      <c r="AJ4201" s="137"/>
      <c r="AK4201" s="206"/>
      <c r="AL4201" s="206"/>
      <c r="AM4201" s="143"/>
      <c r="AN4201" s="137"/>
      <c r="AO4201" s="137"/>
      <c r="AP4201" s="137"/>
      <c r="AQ4201" s="137"/>
      <c r="AR4201" s="137"/>
      <c r="AS4201" s="137"/>
      <c r="AT4201" s="137"/>
      <c r="AU4201" s="137"/>
      <c r="AV4201" s="137"/>
      <c r="AW4201" s="144"/>
    </row>
    <row r="4202" spans="2:49" x14ac:dyDescent="0.2">
      <c r="B4202" s="97"/>
      <c r="J4202" s="98"/>
      <c r="K4202" s="97"/>
      <c r="N4202" s="3"/>
      <c r="W4202" s="98"/>
      <c r="Z4202" s="143"/>
      <c r="AA4202" s="137"/>
      <c r="AB4202" s="137"/>
      <c r="AC4202" s="137"/>
      <c r="AD4202" s="137"/>
      <c r="AE4202" s="137"/>
      <c r="AF4202" s="137"/>
      <c r="AG4202" s="137"/>
      <c r="AH4202" s="137"/>
      <c r="AI4202" s="137"/>
      <c r="AJ4202" s="137"/>
      <c r="AK4202" s="206"/>
      <c r="AL4202" s="206"/>
      <c r="AM4202" s="143"/>
      <c r="AN4202" s="137"/>
      <c r="AO4202" s="137"/>
      <c r="AP4202" s="137"/>
      <c r="AQ4202" s="137"/>
      <c r="AR4202" s="137"/>
      <c r="AS4202" s="137"/>
      <c r="AT4202" s="137"/>
      <c r="AU4202" s="137"/>
      <c r="AV4202" s="137"/>
      <c r="AW4202" s="144"/>
    </row>
    <row r="4203" spans="2:49" x14ac:dyDescent="0.2">
      <c r="B4203" s="97"/>
      <c r="J4203" s="98"/>
      <c r="K4203" s="97"/>
      <c r="N4203" s="3"/>
      <c r="W4203" s="98"/>
      <c r="Z4203" s="143"/>
      <c r="AA4203" s="137"/>
      <c r="AB4203" s="137"/>
      <c r="AC4203" s="137"/>
      <c r="AD4203" s="137"/>
      <c r="AE4203" s="137"/>
      <c r="AF4203" s="137"/>
      <c r="AG4203" s="137"/>
      <c r="AH4203" s="137"/>
      <c r="AI4203" s="137"/>
      <c r="AJ4203" s="137"/>
      <c r="AK4203" s="206"/>
      <c r="AL4203" s="206"/>
      <c r="AM4203" s="143"/>
      <c r="AN4203" s="137"/>
      <c r="AO4203" s="137"/>
      <c r="AP4203" s="137"/>
      <c r="AQ4203" s="137"/>
      <c r="AR4203" s="137"/>
      <c r="AS4203" s="137"/>
      <c r="AT4203" s="137"/>
      <c r="AU4203" s="137"/>
      <c r="AV4203" s="137"/>
      <c r="AW4203" s="144"/>
    </row>
    <row r="4204" spans="2:49" x14ac:dyDescent="0.2">
      <c r="B4204" s="97"/>
      <c r="J4204" s="98"/>
      <c r="K4204" s="97"/>
      <c r="N4204" s="3"/>
      <c r="W4204" s="98"/>
      <c r="Z4204" s="143"/>
      <c r="AA4204" s="137"/>
      <c r="AB4204" s="137"/>
      <c r="AC4204" s="137"/>
      <c r="AD4204" s="137"/>
      <c r="AE4204" s="137"/>
      <c r="AF4204" s="137"/>
      <c r="AG4204" s="137"/>
      <c r="AH4204" s="137"/>
      <c r="AI4204" s="137"/>
      <c r="AJ4204" s="137"/>
      <c r="AK4204" s="206"/>
      <c r="AL4204" s="206"/>
      <c r="AM4204" s="143"/>
      <c r="AN4204" s="137"/>
      <c r="AO4204" s="137"/>
      <c r="AP4204" s="137"/>
      <c r="AQ4204" s="137"/>
      <c r="AR4204" s="137"/>
      <c r="AS4204" s="137"/>
      <c r="AT4204" s="137"/>
      <c r="AU4204" s="137"/>
      <c r="AV4204" s="137"/>
      <c r="AW4204" s="144"/>
    </row>
    <row r="4205" spans="2:49" x14ac:dyDescent="0.2">
      <c r="B4205" s="97"/>
      <c r="J4205" s="98"/>
      <c r="K4205" s="97"/>
      <c r="N4205" s="3"/>
      <c r="W4205" s="98"/>
      <c r="Z4205" s="143"/>
      <c r="AA4205" s="137"/>
      <c r="AB4205" s="137"/>
      <c r="AC4205" s="137"/>
      <c r="AD4205" s="137"/>
      <c r="AE4205" s="137"/>
      <c r="AF4205" s="137"/>
      <c r="AG4205" s="137"/>
      <c r="AH4205" s="137"/>
      <c r="AI4205" s="137"/>
      <c r="AJ4205" s="137"/>
      <c r="AK4205" s="206"/>
      <c r="AL4205" s="206"/>
      <c r="AM4205" s="143"/>
      <c r="AN4205" s="137"/>
      <c r="AO4205" s="137"/>
      <c r="AP4205" s="137"/>
      <c r="AQ4205" s="137"/>
      <c r="AR4205" s="137"/>
      <c r="AS4205" s="137"/>
      <c r="AT4205" s="137"/>
      <c r="AU4205" s="137"/>
      <c r="AV4205" s="137"/>
      <c r="AW4205" s="144"/>
    </row>
    <row r="4206" spans="2:49" x14ac:dyDescent="0.2">
      <c r="B4206" s="97"/>
      <c r="J4206" s="98"/>
      <c r="K4206" s="97"/>
      <c r="N4206" s="3"/>
      <c r="W4206" s="98"/>
      <c r="Z4206" s="143"/>
      <c r="AA4206" s="137"/>
      <c r="AB4206" s="137"/>
      <c r="AC4206" s="137"/>
      <c r="AD4206" s="137"/>
      <c r="AE4206" s="137"/>
      <c r="AF4206" s="137"/>
      <c r="AG4206" s="137"/>
      <c r="AH4206" s="137"/>
      <c r="AI4206" s="137"/>
      <c r="AJ4206" s="137"/>
      <c r="AK4206" s="206"/>
      <c r="AL4206" s="206"/>
      <c r="AM4206" s="143"/>
      <c r="AN4206" s="137"/>
      <c r="AO4206" s="137"/>
      <c r="AP4206" s="137"/>
      <c r="AQ4206" s="137"/>
      <c r="AR4206" s="137"/>
      <c r="AS4206" s="137"/>
      <c r="AT4206" s="137"/>
      <c r="AU4206" s="137"/>
      <c r="AV4206" s="137"/>
      <c r="AW4206" s="144"/>
    </row>
    <row r="4207" spans="2:49" x14ac:dyDescent="0.2">
      <c r="B4207" s="97"/>
      <c r="J4207" s="98"/>
      <c r="K4207" s="97"/>
      <c r="N4207" s="3"/>
      <c r="W4207" s="98"/>
      <c r="Z4207" s="143"/>
      <c r="AA4207" s="137"/>
      <c r="AB4207" s="137"/>
      <c r="AC4207" s="137"/>
      <c r="AD4207" s="137"/>
      <c r="AE4207" s="137"/>
      <c r="AF4207" s="137"/>
      <c r="AG4207" s="137"/>
      <c r="AH4207" s="137"/>
      <c r="AI4207" s="137"/>
      <c r="AJ4207" s="137"/>
      <c r="AK4207" s="206"/>
      <c r="AL4207" s="206"/>
      <c r="AM4207" s="143"/>
      <c r="AN4207" s="137"/>
      <c r="AO4207" s="137"/>
      <c r="AP4207" s="137"/>
      <c r="AQ4207" s="137"/>
      <c r="AR4207" s="137"/>
      <c r="AS4207" s="137"/>
      <c r="AT4207" s="137"/>
      <c r="AU4207" s="137"/>
      <c r="AV4207" s="137"/>
      <c r="AW4207" s="144"/>
    </row>
    <row r="4208" spans="2:49" x14ac:dyDescent="0.2">
      <c r="B4208" s="97"/>
      <c r="J4208" s="98"/>
      <c r="K4208" s="97"/>
      <c r="N4208" s="3"/>
      <c r="W4208" s="98"/>
      <c r="Z4208" s="143"/>
      <c r="AA4208" s="137"/>
      <c r="AB4208" s="137"/>
      <c r="AC4208" s="137"/>
      <c r="AD4208" s="137"/>
      <c r="AE4208" s="137"/>
      <c r="AF4208" s="137"/>
      <c r="AG4208" s="137"/>
      <c r="AH4208" s="137"/>
      <c r="AI4208" s="137"/>
      <c r="AJ4208" s="137"/>
      <c r="AK4208" s="206"/>
      <c r="AL4208" s="206"/>
      <c r="AM4208" s="143"/>
      <c r="AN4208" s="137"/>
      <c r="AO4208" s="137"/>
      <c r="AP4208" s="137"/>
      <c r="AQ4208" s="137"/>
      <c r="AR4208" s="137"/>
      <c r="AS4208" s="137"/>
      <c r="AT4208" s="137"/>
      <c r="AU4208" s="137"/>
      <c r="AV4208" s="137"/>
      <c r="AW4208" s="144"/>
    </row>
    <row r="4209" spans="2:49" x14ac:dyDescent="0.2">
      <c r="B4209" s="97"/>
      <c r="J4209" s="98"/>
      <c r="K4209" s="97"/>
      <c r="N4209" s="3"/>
      <c r="W4209" s="98"/>
      <c r="Z4209" s="143"/>
      <c r="AA4209" s="137"/>
      <c r="AB4209" s="137"/>
      <c r="AC4209" s="137"/>
      <c r="AD4209" s="137"/>
      <c r="AE4209" s="137"/>
      <c r="AF4209" s="137"/>
      <c r="AG4209" s="137"/>
      <c r="AH4209" s="137"/>
      <c r="AI4209" s="137"/>
      <c r="AJ4209" s="137"/>
      <c r="AK4209" s="206"/>
      <c r="AL4209" s="206"/>
      <c r="AM4209" s="143"/>
      <c r="AN4209" s="137"/>
      <c r="AO4209" s="137"/>
      <c r="AP4209" s="137"/>
      <c r="AQ4209" s="137"/>
      <c r="AR4209" s="137"/>
      <c r="AS4209" s="137"/>
      <c r="AT4209" s="137"/>
      <c r="AU4209" s="137"/>
      <c r="AV4209" s="137"/>
      <c r="AW4209" s="144"/>
    </row>
    <row r="4210" spans="2:49" x14ac:dyDescent="0.2">
      <c r="B4210" s="97"/>
      <c r="J4210" s="98"/>
      <c r="K4210" s="97"/>
      <c r="N4210" s="3"/>
      <c r="W4210" s="98"/>
      <c r="Z4210" s="143"/>
      <c r="AA4210" s="137"/>
      <c r="AB4210" s="137"/>
      <c r="AC4210" s="137"/>
      <c r="AD4210" s="137"/>
      <c r="AE4210" s="137"/>
      <c r="AF4210" s="137"/>
      <c r="AG4210" s="137"/>
      <c r="AH4210" s="137"/>
      <c r="AI4210" s="137"/>
      <c r="AJ4210" s="137"/>
      <c r="AK4210" s="206"/>
      <c r="AL4210" s="206"/>
      <c r="AM4210" s="143"/>
      <c r="AN4210" s="137"/>
      <c r="AO4210" s="137"/>
      <c r="AP4210" s="137"/>
      <c r="AQ4210" s="137"/>
      <c r="AR4210" s="137"/>
      <c r="AS4210" s="137"/>
      <c r="AT4210" s="137"/>
      <c r="AU4210" s="137"/>
      <c r="AV4210" s="137"/>
      <c r="AW4210" s="144"/>
    </row>
    <row r="4211" spans="2:49" x14ac:dyDescent="0.2">
      <c r="B4211" s="97"/>
      <c r="J4211" s="98"/>
      <c r="K4211" s="97"/>
      <c r="N4211" s="3"/>
      <c r="W4211" s="98"/>
      <c r="Z4211" s="143"/>
      <c r="AA4211" s="137"/>
      <c r="AB4211" s="137"/>
      <c r="AC4211" s="137"/>
      <c r="AD4211" s="137"/>
      <c r="AE4211" s="137"/>
      <c r="AF4211" s="137"/>
      <c r="AG4211" s="137"/>
      <c r="AH4211" s="137"/>
      <c r="AI4211" s="137"/>
      <c r="AJ4211" s="137"/>
      <c r="AK4211" s="206"/>
      <c r="AL4211" s="206"/>
      <c r="AM4211" s="143"/>
      <c r="AN4211" s="137"/>
      <c r="AO4211" s="137"/>
      <c r="AP4211" s="137"/>
      <c r="AQ4211" s="137"/>
      <c r="AR4211" s="137"/>
      <c r="AS4211" s="137"/>
      <c r="AT4211" s="137"/>
      <c r="AU4211" s="137"/>
      <c r="AV4211" s="137"/>
      <c r="AW4211" s="144"/>
    </row>
    <row r="4212" spans="2:49" x14ac:dyDescent="0.2">
      <c r="B4212" s="97"/>
      <c r="J4212" s="98"/>
      <c r="K4212" s="97"/>
      <c r="N4212" s="3"/>
      <c r="W4212" s="98"/>
      <c r="Z4212" s="143"/>
      <c r="AA4212" s="137"/>
      <c r="AB4212" s="137"/>
      <c r="AC4212" s="137"/>
      <c r="AD4212" s="137"/>
      <c r="AE4212" s="137"/>
      <c r="AF4212" s="137"/>
      <c r="AG4212" s="137"/>
      <c r="AH4212" s="137"/>
      <c r="AI4212" s="137"/>
      <c r="AJ4212" s="137"/>
      <c r="AK4212" s="206"/>
      <c r="AL4212" s="206"/>
      <c r="AM4212" s="143"/>
      <c r="AN4212" s="137"/>
      <c r="AO4212" s="137"/>
      <c r="AP4212" s="137"/>
      <c r="AQ4212" s="137"/>
      <c r="AR4212" s="137"/>
      <c r="AS4212" s="137"/>
      <c r="AT4212" s="137"/>
      <c r="AU4212" s="137"/>
      <c r="AV4212" s="137"/>
      <c r="AW4212" s="144"/>
    </row>
    <row r="4213" spans="2:49" x14ac:dyDescent="0.2">
      <c r="B4213" s="97"/>
      <c r="J4213" s="98"/>
      <c r="K4213" s="97"/>
      <c r="N4213" s="3"/>
      <c r="W4213" s="98"/>
      <c r="Z4213" s="143"/>
      <c r="AA4213" s="137"/>
      <c r="AB4213" s="137"/>
      <c r="AC4213" s="137"/>
      <c r="AD4213" s="137"/>
      <c r="AE4213" s="137"/>
      <c r="AF4213" s="137"/>
      <c r="AG4213" s="137"/>
      <c r="AH4213" s="137"/>
      <c r="AI4213" s="137"/>
      <c r="AJ4213" s="137"/>
      <c r="AK4213" s="206"/>
      <c r="AL4213" s="206"/>
      <c r="AM4213" s="143"/>
      <c r="AN4213" s="137"/>
      <c r="AO4213" s="137"/>
      <c r="AP4213" s="137"/>
      <c r="AQ4213" s="137"/>
      <c r="AR4213" s="137"/>
      <c r="AS4213" s="137"/>
      <c r="AT4213" s="137"/>
      <c r="AU4213" s="137"/>
      <c r="AV4213" s="137"/>
      <c r="AW4213" s="144"/>
    </row>
    <row r="4214" spans="2:49" x14ac:dyDescent="0.2">
      <c r="B4214" s="97"/>
      <c r="J4214" s="98"/>
      <c r="K4214" s="97"/>
      <c r="N4214" s="3"/>
      <c r="W4214" s="98"/>
      <c r="Z4214" s="143"/>
      <c r="AA4214" s="137"/>
      <c r="AB4214" s="137"/>
      <c r="AC4214" s="137"/>
      <c r="AD4214" s="137"/>
      <c r="AE4214" s="137"/>
      <c r="AF4214" s="137"/>
      <c r="AG4214" s="137"/>
      <c r="AH4214" s="137"/>
      <c r="AI4214" s="137"/>
      <c r="AJ4214" s="137"/>
      <c r="AK4214" s="206"/>
      <c r="AL4214" s="206"/>
      <c r="AM4214" s="143"/>
      <c r="AN4214" s="137"/>
      <c r="AO4214" s="137"/>
      <c r="AP4214" s="137"/>
      <c r="AQ4214" s="137"/>
      <c r="AR4214" s="137"/>
      <c r="AS4214" s="137"/>
      <c r="AT4214" s="137"/>
      <c r="AU4214" s="137"/>
      <c r="AV4214" s="137"/>
      <c r="AW4214" s="144"/>
    </row>
    <row r="4215" spans="2:49" x14ac:dyDescent="0.2">
      <c r="B4215" s="97"/>
      <c r="J4215" s="98"/>
      <c r="K4215" s="97"/>
      <c r="N4215" s="3"/>
      <c r="W4215" s="98"/>
      <c r="Z4215" s="143"/>
      <c r="AA4215" s="137"/>
      <c r="AB4215" s="137"/>
      <c r="AC4215" s="137"/>
      <c r="AD4215" s="137"/>
      <c r="AE4215" s="137"/>
      <c r="AF4215" s="137"/>
      <c r="AG4215" s="137"/>
      <c r="AH4215" s="137"/>
      <c r="AI4215" s="137"/>
      <c r="AJ4215" s="137"/>
      <c r="AK4215" s="206"/>
      <c r="AL4215" s="206"/>
      <c r="AM4215" s="143"/>
      <c r="AN4215" s="137"/>
      <c r="AO4215" s="137"/>
      <c r="AP4215" s="137"/>
      <c r="AQ4215" s="137"/>
      <c r="AR4215" s="137"/>
      <c r="AS4215" s="137"/>
      <c r="AT4215" s="137"/>
      <c r="AU4215" s="137"/>
      <c r="AV4215" s="137"/>
      <c r="AW4215" s="144"/>
    </row>
    <row r="4216" spans="2:49" x14ac:dyDescent="0.2">
      <c r="B4216" s="97"/>
      <c r="J4216" s="98"/>
      <c r="K4216" s="97"/>
      <c r="N4216" s="3"/>
      <c r="W4216" s="98"/>
      <c r="Z4216" s="143"/>
      <c r="AA4216" s="137"/>
      <c r="AB4216" s="137"/>
      <c r="AC4216" s="137"/>
      <c r="AD4216" s="137"/>
      <c r="AE4216" s="137"/>
      <c r="AF4216" s="137"/>
      <c r="AG4216" s="137"/>
      <c r="AH4216" s="137"/>
      <c r="AI4216" s="137"/>
      <c r="AJ4216" s="137"/>
      <c r="AK4216" s="206"/>
      <c r="AL4216" s="206"/>
      <c r="AM4216" s="143"/>
      <c r="AN4216" s="137"/>
      <c r="AO4216" s="137"/>
      <c r="AP4216" s="137"/>
      <c r="AQ4216" s="137"/>
      <c r="AR4216" s="137"/>
      <c r="AS4216" s="137"/>
      <c r="AT4216" s="137"/>
      <c r="AU4216" s="137"/>
      <c r="AV4216" s="137"/>
      <c r="AW4216" s="144"/>
    </row>
    <row r="4217" spans="2:49" x14ac:dyDescent="0.2">
      <c r="B4217" s="97"/>
      <c r="J4217" s="98"/>
      <c r="K4217" s="97"/>
      <c r="N4217" s="3"/>
      <c r="W4217" s="98"/>
      <c r="Z4217" s="143"/>
      <c r="AA4217" s="137"/>
      <c r="AB4217" s="137"/>
      <c r="AC4217" s="137"/>
      <c r="AD4217" s="137"/>
      <c r="AE4217" s="137"/>
      <c r="AF4217" s="137"/>
      <c r="AG4217" s="137"/>
      <c r="AH4217" s="137"/>
      <c r="AI4217" s="137"/>
      <c r="AJ4217" s="137"/>
      <c r="AK4217" s="206"/>
      <c r="AL4217" s="206"/>
      <c r="AM4217" s="143"/>
      <c r="AN4217" s="137"/>
      <c r="AO4217" s="137"/>
      <c r="AP4217" s="137"/>
      <c r="AQ4217" s="137"/>
      <c r="AR4217" s="137"/>
      <c r="AS4217" s="137"/>
      <c r="AT4217" s="137"/>
      <c r="AU4217" s="137"/>
      <c r="AV4217" s="137"/>
      <c r="AW4217" s="144"/>
    </row>
    <row r="4218" spans="2:49" x14ac:dyDescent="0.2">
      <c r="B4218" s="97"/>
      <c r="J4218" s="98"/>
      <c r="K4218" s="97"/>
      <c r="N4218" s="3"/>
      <c r="W4218" s="98"/>
      <c r="Z4218" s="143"/>
      <c r="AA4218" s="137"/>
      <c r="AB4218" s="137"/>
      <c r="AC4218" s="137"/>
      <c r="AD4218" s="137"/>
      <c r="AE4218" s="137"/>
      <c r="AF4218" s="137"/>
      <c r="AG4218" s="137"/>
      <c r="AH4218" s="137"/>
      <c r="AI4218" s="137"/>
      <c r="AJ4218" s="137"/>
      <c r="AK4218" s="206"/>
      <c r="AL4218" s="206"/>
      <c r="AM4218" s="143"/>
      <c r="AN4218" s="137"/>
      <c r="AO4218" s="137"/>
      <c r="AP4218" s="137"/>
      <c r="AQ4218" s="137"/>
      <c r="AR4218" s="137"/>
      <c r="AS4218" s="137"/>
      <c r="AT4218" s="137"/>
      <c r="AU4218" s="137"/>
      <c r="AV4218" s="137"/>
      <c r="AW4218" s="144"/>
    </row>
    <row r="4219" spans="2:49" x14ac:dyDescent="0.2">
      <c r="B4219" s="97"/>
      <c r="J4219" s="98"/>
      <c r="K4219" s="97"/>
      <c r="N4219" s="3"/>
      <c r="W4219" s="98"/>
      <c r="Z4219" s="143"/>
      <c r="AA4219" s="137"/>
      <c r="AB4219" s="137"/>
      <c r="AC4219" s="137"/>
      <c r="AD4219" s="137"/>
      <c r="AE4219" s="137"/>
      <c r="AF4219" s="137"/>
      <c r="AG4219" s="137"/>
      <c r="AH4219" s="137"/>
      <c r="AI4219" s="137"/>
      <c r="AJ4219" s="137"/>
      <c r="AK4219" s="206"/>
      <c r="AL4219" s="206"/>
      <c r="AM4219" s="143"/>
      <c r="AN4219" s="137"/>
      <c r="AO4219" s="137"/>
      <c r="AP4219" s="137"/>
      <c r="AQ4219" s="137"/>
      <c r="AR4219" s="137"/>
      <c r="AS4219" s="137"/>
      <c r="AT4219" s="137"/>
      <c r="AU4219" s="137"/>
      <c r="AV4219" s="137"/>
      <c r="AW4219" s="144"/>
    </row>
    <row r="4220" spans="2:49" x14ac:dyDescent="0.2">
      <c r="B4220" s="97"/>
      <c r="J4220" s="98"/>
      <c r="K4220" s="97"/>
      <c r="N4220" s="3"/>
      <c r="W4220" s="98"/>
      <c r="Z4220" s="143"/>
      <c r="AA4220" s="137"/>
      <c r="AB4220" s="137"/>
      <c r="AC4220" s="137"/>
      <c r="AD4220" s="137"/>
      <c r="AE4220" s="137"/>
      <c r="AF4220" s="137"/>
      <c r="AG4220" s="137"/>
      <c r="AH4220" s="137"/>
      <c r="AI4220" s="137"/>
      <c r="AJ4220" s="137"/>
      <c r="AK4220" s="206"/>
      <c r="AL4220" s="206"/>
      <c r="AM4220" s="143"/>
      <c r="AN4220" s="137"/>
      <c r="AO4220" s="137"/>
      <c r="AP4220" s="137"/>
      <c r="AQ4220" s="137"/>
      <c r="AR4220" s="137"/>
      <c r="AS4220" s="137"/>
      <c r="AT4220" s="137"/>
      <c r="AU4220" s="137"/>
      <c r="AV4220" s="137"/>
      <c r="AW4220" s="144"/>
    </row>
    <row r="4221" spans="2:49" x14ac:dyDescent="0.2">
      <c r="B4221" s="97"/>
      <c r="J4221" s="98"/>
      <c r="K4221" s="97"/>
      <c r="N4221" s="3"/>
      <c r="W4221" s="98"/>
      <c r="Z4221" s="143"/>
      <c r="AA4221" s="137"/>
      <c r="AB4221" s="137"/>
      <c r="AC4221" s="137"/>
      <c r="AD4221" s="137"/>
      <c r="AE4221" s="137"/>
      <c r="AF4221" s="137"/>
      <c r="AG4221" s="137"/>
      <c r="AH4221" s="137"/>
      <c r="AI4221" s="137"/>
      <c r="AJ4221" s="137"/>
      <c r="AK4221" s="206"/>
      <c r="AL4221" s="206"/>
      <c r="AM4221" s="143"/>
      <c r="AN4221" s="137"/>
      <c r="AO4221" s="137"/>
      <c r="AP4221" s="137"/>
      <c r="AQ4221" s="137"/>
      <c r="AR4221" s="137"/>
      <c r="AS4221" s="137"/>
      <c r="AT4221" s="137"/>
      <c r="AU4221" s="137"/>
      <c r="AV4221" s="137"/>
      <c r="AW4221" s="144"/>
    </row>
    <row r="4222" spans="2:49" x14ac:dyDescent="0.2">
      <c r="B4222" s="97"/>
      <c r="J4222" s="98"/>
      <c r="K4222" s="97"/>
      <c r="N4222" s="3"/>
      <c r="W4222" s="98"/>
      <c r="Z4222" s="143"/>
      <c r="AA4222" s="137"/>
      <c r="AB4222" s="137"/>
      <c r="AC4222" s="137"/>
      <c r="AD4222" s="137"/>
      <c r="AE4222" s="137"/>
      <c r="AF4222" s="137"/>
      <c r="AG4222" s="137"/>
      <c r="AH4222" s="137"/>
      <c r="AI4222" s="137"/>
      <c r="AJ4222" s="137"/>
      <c r="AK4222" s="206"/>
      <c r="AL4222" s="206"/>
      <c r="AM4222" s="143"/>
      <c r="AN4222" s="137"/>
      <c r="AO4222" s="137"/>
      <c r="AP4222" s="137"/>
      <c r="AQ4222" s="137"/>
      <c r="AR4222" s="137"/>
      <c r="AS4222" s="137"/>
      <c r="AT4222" s="137"/>
      <c r="AU4222" s="137"/>
      <c r="AV4222" s="137"/>
      <c r="AW4222" s="144"/>
    </row>
    <row r="4223" spans="2:49" x14ac:dyDescent="0.2">
      <c r="B4223" s="97"/>
      <c r="J4223" s="98"/>
      <c r="K4223" s="97"/>
      <c r="N4223" s="3"/>
      <c r="W4223" s="98"/>
      <c r="Z4223" s="143"/>
      <c r="AA4223" s="137"/>
      <c r="AB4223" s="137"/>
      <c r="AC4223" s="137"/>
      <c r="AD4223" s="137"/>
      <c r="AE4223" s="137"/>
      <c r="AF4223" s="137"/>
      <c r="AG4223" s="137"/>
      <c r="AH4223" s="137"/>
      <c r="AI4223" s="137"/>
      <c r="AJ4223" s="137"/>
      <c r="AK4223" s="206"/>
      <c r="AL4223" s="206"/>
      <c r="AM4223" s="143"/>
      <c r="AN4223" s="137"/>
      <c r="AO4223" s="137"/>
      <c r="AP4223" s="137"/>
      <c r="AQ4223" s="137"/>
      <c r="AR4223" s="137"/>
      <c r="AS4223" s="137"/>
      <c r="AT4223" s="137"/>
      <c r="AU4223" s="137"/>
      <c r="AV4223" s="137"/>
      <c r="AW4223" s="144"/>
    </row>
    <row r="4224" spans="2:49" x14ac:dyDescent="0.2">
      <c r="B4224" s="97"/>
      <c r="J4224" s="98"/>
      <c r="K4224" s="97"/>
      <c r="N4224" s="3"/>
      <c r="W4224" s="98"/>
      <c r="Z4224" s="143"/>
      <c r="AA4224" s="137"/>
      <c r="AB4224" s="137"/>
      <c r="AC4224" s="137"/>
      <c r="AD4224" s="137"/>
      <c r="AE4224" s="137"/>
      <c r="AF4224" s="137"/>
      <c r="AG4224" s="137"/>
      <c r="AH4224" s="137"/>
      <c r="AI4224" s="137"/>
      <c r="AJ4224" s="137"/>
      <c r="AK4224" s="206"/>
      <c r="AL4224" s="206"/>
      <c r="AM4224" s="143"/>
      <c r="AN4224" s="137"/>
      <c r="AO4224" s="137"/>
      <c r="AP4224" s="137"/>
      <c r="AQ4224" s="137"/>
      <c r="AR4224" s="137"/>
      <c r="AS4224" s="137"/>
      <c r="AT4224" s="137"/>
      <c r="AU4224" s="137"/>
      <c r="AV4224" s="137"/>
      <c r="AW4224" s="144"/>
    </row>
    <row r="4225" spans="2:49" x14ac:dyDescent="0.2">
      <c r="B4225" s="97"/>
      <c r="J4225" s="98"/>
      <c r="K4225" s="97"/>
      <c r="N4225" s="3"/>
      <c r="W4225" s="98"/>
      <c r="Z4225" s="143"/>
      <c r="AA4225" s="137"/>
      <c r="AB4225" s="137"/>
      <c r="AC4225" s="137"/>
      <c r="AD4225" s="137"/>
      <c r="AE4225" s="137"/>
      <c r="AF4225" s="137"/>
      <c r="AG4225" s="137"/>
      <c r="AH4225" s="137"/>
      <c r="AI4225" s="137"/>
      <c r="AJ4225" s="137"/>
      <c r="AK4225" s="206"/>
      <c r="AL4225" s="206"/>
      <c r="AM4225" s="143"/>
      <c r="AN4225" s="137"/>
      <c r="AO4225" s="137"/>
      <c r="AP4225" s="137"/>
      <c r="AQ4225" s="137"/>
      <c r="AR4225" s="137"/>
      <c r="AS4225" s="137"/>
      <c r="AT4225" s="137"/>
      <c r="AU4225" s="137"/>
      <c r="AV4225" s="137"/>
      <c r="AW4225" s="144"/>
    </row>
    <row r="4226" spans="2:49" x14ac:dyDescent="0.2">
      <c r="B4226" s="97"/>
      <c r="J4226" s="98"/>
      <c r="K4226" s="97"/>
      <c r="N4226" s="3"/>
      <c r="W4226" s="98"/>
      <c r="Z4226" s="143"/>
      <c r="AA4226" s="137"/>
      <c r="AB4226" s="137"/>
      <c r="AC4226" s="137"/>
      <c r="AD4226" s="137"/>
      <c r="AE4226" s="137"/>
      <c r="AF4226" s="137"/>
      <c r="AG4226" s="137"/>
      <c r="AH4226" s="137"/>
      <c r="AI4226" s="137"/>
      <c r="AJ4226" s="137"/>
      <c r="AK4226" s="206"/>
      <c r="AL4226" s="206"/>
      <c r="AM4226" s="143"/>
      <c r="AN4226" s="137"/>
      <c r="AO4226" s="137"/>
      <c r="AP4226" s="137"/>
      <c r="AQ4226" s="137"/>
      <c r="AR4226" s="137"/>
      <c r="AS4226" s="137"/>
      <c r="AT4226" s="137"/>
      <c r="AU4226" s="137"/>
      <c r="AV4226" s="137"/>
      <c r="AW4226" s="144"/>
    </row>
    <row r="4227" spans="2:49" x14ac:dyDescent="0.2">
      <c r="B4227" s="97"/>
      <c r="J4227" s="98"/>
      <c r="K4227" s="97"/>
      <c r="N4227" s="3"/>
      <c r="W4227" s="98"/>
      <c r="Z4227" s="143"/>
      <c r="AA4227" s="137"/>
      <c r="AB4227" s="137"/>
      <c r="AC4227" s="137"/>
      <c r="AD4227" s="137"/>
      <c r="AE4227" s="137"/>
      <c r="AF4227" s="137"/>
      <c r="AG4227" s="137"/>
      <c r="AH4227" s="137"/>
      <c r="AI4227" s="137"/>
      <c r="AJ4227" s="137"/>
      <c r="AK4227" s="206"/>
      <c r="AL4227" s="206"/>
      <c r="AM4227" s="143"/>
      <c r="AN4227" s="137"/>
      <c r="AO4227" s="137"/>
      <c r="AP4227" s="137"/>
      <c r="AQ4227" s="137"/>
      <c r="AR4227" s="137"/>
      <c r="AS4227" s="137"/>
      <c r="AT4227" s="137"/>
      <c r="AU4227" s="137"/>
      <c r="AV4227" s="137"/>
      <c r="AW4227" s="144"/>
    </row>
    <row r="4228" spans="2:49" x14ac:dyDescent="0.2">
      <c r="B4228" s="97"/>
      <c r="J4228" s="98"/>
      <c r="K4228" s="97"/>
      <c r="N4228" s="3"/>
      <c r="W4228" s="98"/>
      <c r="Z4228" s="143"/>
      <c r="AA4228" s="137"/>
      <c r="AB4228" s="137"/>
      <c r="AC4228" s="137"/>
      <c r="AD4228" s="137"/>
      <c r="AE4228" s="137"/>
      <c r="AF4228" s="137"/>
      <c r="AG4228" s="137"/>
      <c r="AH4228" s="137"/>
      <c r="AI4228" s="137"/>
      <c r="AJ4228" s="137"/>
      <c r="AK4228" s="206"/>
      <c r="AL4228" s="206"/>
      <c r="AM4228" s="143"/>
      <c r="AN4228" s="137"/>
      <c r="AO4228" s="137"/>
      <c r="AP4228" s="137"/>
      <c r="AQ4228" s="137"/>
      <c r="AR4228" s="137"/>
      <c r="AS4228" s="137"/>
      <c r="AT4228" s="137"/>
      <c r="AU4228" s="137"/>
      <c r="AV4228" s="137"/>
      <c r="AW4228" s="144"/>
    </row>
    <row r="4229" spans="2:49" x14ac:dyDescent="0.2">
      <c r="B4229" s="97"/>
      <c r="J4229" s="98"/>
      <c r="K4229" s="97"/>
      <c r="N4229" s="3"/>
      <c r="W4229" s="98"/>
      <c r="Z4229" s="143"/>
      <c r="AA4229" s="137"/>
      <c r="AB4229" s="137"/>
      <c r="AC4229" s="137"/>
      <c r="AD4229" s="137"/>
      <c r="AE4229" s="137"/>
      <c r="AF4229" s="137"/>
      <c r="AG4229" s="137"/>
      <c r="AH4229" s="137"/>
      <c r="AI4229" s="137"/>
      <c r="AJ4229" s="137"/>
      <c r="AK4229" s="206"/>
      <c r="AL4229" s="206"/>
      <c r="AM4229" s="143"/>
      <c r="AN4229" s="137"/>
      <c r="AO4229" s="137"/>
      <c r="AP4229" s="137"/>
      <c r="AQ4229" s="137"/>
      <c r="AR4229" s="137"/>
      <c r="AS4229" s="137"/>
      <c r="AT4229" s="137"/>
      <c r="AU4229" s="137"/>
      <c r="AV4229" s="137"/>
      <c r="AW4229" s="144"/>
    </row>
    <row r="4230" spans="2:49" x14ac:dyDescent="0.2">
      <c r="B4230" s="97"/>
      <c r="J4230" s="98"/>
      <c r="K4230" s="97"/>
      <c r="N4230" s="3"/>
      <c r="W4230" s="98"/>
      <c r="Z4230" s="143"/>
      <c r="AA4230" s="137"/>
      <c r="AB4230" s="137"/>
      <c r="AC4230" s="137"/>
      <c r="AD4230" s="137"/>
      <c r="AE4230" s="137"/>
      <c r="AF4230" s="137"/>
      <c r="AG4230" s="137"/>
      <c r="AH4230" s="137"/>
      <c r="AI4230" s="137"/>
      <c r="AJ4230" s="137"/>
      <c r="AK4230" s="206"/>
      <c r="AL4230" s="206"/>
      <c r="AM4230" s="143"/>
      <c r="AN4230" s="137"/>
      <c r="AO4230" s="137"/>
      <c r="AP4230" s="137"/>
      <c r="AQ4230" s="137"/>
      <c r="AR4230" s="137"/>
      <c r="AS4230" s="137"/>
      <c r="AT4230" s="137"/>
      <c r="AU4230" s="137"/>
      <c r="AV4230" s="137"/>
      <c r="AW4230" s="144"/>
    </row>
    <row r="4231" spans="2:49" x14ac:dyDescent="0.2">
      <c r="B4231" s="97"/>
      <c r="J4231" s="98"/>
      <c r="K4231" s="97"/>
      <c r="N4231" s="3"/>
      <c r="W4231" s="98"/>
      <c r="Z4231" s="143"/>
      <c r="AA4231" s="137"/>
      <c r="AB4231" s="137"/>
      <c r="AC4231" s="137"/>
      <c r="AD4231" s="137"/>
      <c r="AE4231" s="137"/>
      <c r="AF4231" s="137"/>
      <c r="AG4231" s="137"/>
      <c r="AH4231" s="137"/>
      <c r="AI4231" s="137"/>
      <c r="AJ4231" s="137"/>
      <c r="AK4231" s="206"/>
      <c r="AL4231" s="206"/>
      <c r="AM4231" s="143"/>
      <c r="AN4231" s="137"/>
      <c r="AO4231" s="137"/>
      <c r="AP4231" s="137"/>
      <c r="AQ4231" s="137"/>
      <c r="AR4231" s="137"/>
      <c r="AS4231" s="137"/>
      <c r="AT4231" s="137"/>
      <c r="AU4231" s="137"/>
      <c r="AV4231" s="137"/>
      <c r="AW4231" s="144"/>
    </row>
    <row r="4232" spans="2:49" x14ac:dyDescent="0.2">
      <c r="B4232" s="97"/>
      <c r="J4232" s="98"/>
      <c r="K4232" s="97"/>
      <c r="N4232" s="3"/>
      <c r="W4232" s="98"/>
      <c r="Z4232" s="143"/>
      <c r="AA4232" s="137"/>
      <c r="AB4232" s="137"/>
      <c r="AC4232" s="137"/>
      <c r="AD4232" s="137"/>
      <c r="AE4232" s="137"/>
      <c r="AF4232" s="137"/>
      <c r="AG4232" s="137"/>
      <c r="AH4232" s="137"/>
      <c r="AI4232" s="137"/>
      <c r="AJ4232" s="137"/>
      <c r="AK4232" s="206"/>
      <c r="AL4232" s="206"/>
      <c r="AM4232" s="143"/>
      <c r="AN4232" s="137"/>
      <c r="AO4232" s="137"/>
      <c r="AP4232" s="137"/>
      <c r="AQ4232" s="137"/>
      <c r="AR4232" s="137"/>
      <c r="AS4232" s="137"/>
      <c r="AT4232" s="137"/>
      <c r="AU4232" s="137"/>
      <c r="AV4232" s="137"/>
      <c r="AW4232" s="144"/>
    </row>
    <row r="4233" spans="2:49" x14ac:dyDescent="0.2">
      <c r="B4233" s="97"/>
      <c r="J4233" s="98"/>
      <c r="K4233" s="97"/>
      <c r="N4233" s="3"/>
      <c r="W4233" s="98"/>
      <c r="Z4233" s="143"/>
      <c r="AA4233" s="137"/>
      <c r="AB4233" s="137"/>
      <c r="AC4233" s="137"/>
      <c r="AD4233" s="137"/>
      <c r="AE4233" s="137"/>
      <c r="AF4233" s="137"/>
      <c r="AG4233" s="137"/>
      <c r="AH4233" s="137"/>
      <c r="AI4233" s="137"/>
      <c r="AJ4233" s="137"/>
      <c r="AK4233" s="206"/>
      <c r="AL4233" s="206"/>
      <c r="AM4233" s="143"/>
      <c r="AN4233" s="137"/>
      <c r="AO4233" s="137"/>
      <c r="AP4233" s="137"/>
      <c r="AQ4233" s="137"/>
      <c r="AR4233" s="137"/>
      <c r="AS4233" s="137"/>
      <c r="AT4233" s="137"/>
      <c r="AU4233" s="137"/>
      <c r="AV4233" s="137"/>
      <c r="AW4233" s="144"/>
    </row>
    <row r="4234" spans="2:49" x14ac:dyDescent="0.2">
      <c r="B4234" s="97"/>
      <c r="J4234" s="98"/>
      <c r="K4234" s="97"/>
      <c r="N4234" s="3"/>
      <c r="W4234" s="98"/>
      <c r="Z4234" s="143"/>
      <c r="AA4234" s="137"/>
      <c r="AB4234" s="137"/>
      <c r="AC4234" s="137"/>
      <c r="AD4234" s="137"/>
      <c r="AE4234" s="137"/>
      <c r="AF4234" s="137"/>
      <c r="AG4234" s="137"/>
      <c r="AH4234" s="137"/>
      <c r="AI4234" s="137"/>
      <c r="AJ4234" s="137"/>
      <c r="AK4234" s="206"/>
      <c r="AL4234" s="206"/>
      <c r="AM4234" s="143"/>
      <c r="AN4234" s="137"/>
      <c r="AO4234" s="137"/>
      <c r="AP4234" s="137"/>
      <c r="AQ4234" s="137"/>
      <c r="AR4234" s="137"/>
      <c r="AS4234" s="137"/>
      <c r="AT4234" s="137"/>
      <c r="AU4234" s="137"/>
      <c r="AV4234" s="137"/>
      <c r="AW4234" s="144"/>
    </row>
    <row r="4235" spans="2:49" x14ac:dyDescent="0.2">
      <c r="B4235" s="97"/>
      <c r="J4235" s="98"/>
      <c r="K4235" s="97"/>
      <c r="N4235" s="3"/>
      <c r="W4235" s="98"/>
      <c r="Z4235" s="143"/>
      <c r="AA4235" s="137"/>
      <c r="AB4235" s="137"/>
      <c r="AC4235" s="137"/>
      <c r="AD4235" s="137"/>
      <c r="AE4235" s="137"/>
      <c r="AF4235" s="137"/>
      <c r="AG4235" s="137"/>
      <c r="AH4235" s="137"/>
      <c r="AI4235" s="137"/>
      <c r="AJ4235" s="137"/>
      <c r="AK4235" s="206"/>
      <c r="AL4235" s="206"/>
      <c r="AM4235" s="143"/>
      <c r="AN4235" s="137"/>
      <c r="AO4235" s="137"/>
      <c r="AP4235" s="137"/>
      <c r="AQ4235" s="137"/>
      <c r="AR4235" s="137"/>
      <c r="AS4235" s="137"/>
      <c r="AT4235" s="137"/>
      <c r="AU4235" s="137"/>
      <c r="AV4235" s="137"/>
      <c r="AW4235" s="144"/>
    </row>
    <row r="4236" spans="2:49" x14ac:dyDescent="0.2">
      <c r="B4236" s="97"/>
      <c r="J4236" s="98"/>
      <c r="K4236" s="97"/>
      <c r="N4236" s="3"/>
      <c r="W4236" s="98"/>
      <c r="Z4236" s="143"/>
      <c r="AA4236" s="137"/>
      <c r="AB4236" s="137"/>
      <c r="AC4236" s="137"/>
      <c r="AD4236" s="137"/>
      <c r="AE4236" s="137"/>
      <c r="AF4236" s="137"/>
      <c r="AG4236" s="137"/>
      <c r="AH4236" s="137"/>
      <c r="AI4236" s="137"/>
      <c r="AJ4236" s="137"/>
      <c r="AK4236" s="206"/>
      <c r="AL4236" s="206"/>
      <c r="AM4236" s="143"/>
      <c r="AN4236" s="137"/>
      <c r="AO4236" s="137"/>
      <c r="AP4236" s="137"/>
      <c r="AQ4236" s="137"/>
      <c r="AR4236" s="137"/>
      <c r="AS4236" s="137"/>
      <c r="AT4236" s="137"/>
      <c r="AU4236" s="137"/>
      <c r="AV4236" s="137"/>
      <c r="AW4236" s="144"/>
    </row>
    <row r="4237" spans="2:49" x14ac:dyDescent="0.2">
      <c r="B4237" s="97"/>
      <c r="J4237" s="98"/>
      <c r="K4237" s="97"/>
      <c r="N4237" s="3"/>
      <c r="W4237" s="98"/>
      <c r="Z4237" s="143"/>
      <c r="AA4237" s="137"/>
      <c r="AB4237" s="137"/>
      <c r="AC4237" s="137"/>
      <c r="AD4237" s="137"/>
      <c r="AE4237" s="137"/>
      <c r="AF4237" s="137"/>
      <c r="AG4237" s="137"/>
      <c r="AH4237" s="137"/>
      <c r="AI4237" s="137"/>
      <c r="AJ4237" s="137"/>
      <c r="AK4237" s="206"/>
      <c r="AL4237" s="206"/>
      <c r="AM4237" s="143"/>
      <c r="AN4237" s="137"/>
      <c r="AO4237" s="137"/>
      <c r="AP4237" s="137"/>
      <c r="AQ4237" s="137"/>
      <c r="AR4237" s="137"/>
      <c r="AS4237" s="137"/>
      <c r="AT4237" s="137"/>
      <c r="AU4237" s="137"/>
      <c r="AV4237" s="137"/>
      <c r="AW4237" s="144"/>
    </row>
    <row r="4238" spans="2:49" x14ac:dyDescent="0.2">
      <c r="B4238" s="97"/>
      <c r="J4238" s="98"/>
      <c r="K4238" s="97"/>
      <c r="N4238" s="3"/>
      <c r="W4238" s="98"/>
      <c r="Z4238" s="143"/>
      <c r="AA4238" s="137"/>
      <c r="AB4238" s="137"/>
      <c r="AC4238" s="137"/>
      <c r="AD4238" s="137"/>
      <c r="AE4238" s="137"/>
      <c r="AF4238" s="137"/>
      <c r="AG4238" s="137"/>
      <c r="AH4238" s="137"/>
      <c r="AI4238" s="137"/>
      <c r="AJ4238" s="137"/>
      <c r="AK4238" s="206"/>
      <c r="AL4238" s="206"/>
      <c r="AM4238" s="143"/>
      <c r="AN4238" s="137"/>
      <c r="AO4238" s="137"/>
      <c r="AP4238" s="137"/>
      <c r="AQ4238" s="137"/>
      <c r="AR4238" s="137"/>
      <c r="AS4238" s="137"/>
      <c r="AT4238" s="137"/>
      <c r="AU4238" s="137"/>
      <c r="AV4238" s="137"/>
      <c r="AW4238" s="144"/>
    </row>
    <row r="4239" spans="2:49" x14ac:dyDescent="0.2">
      <c r="B4239" s="97"/>
      <c r="J4239" s="98"/>
      <c r="K4239" s="97"/>
      <c r="N4239" s="3"/>
      <c r="W4239" s="98"/>
      <c r="Z4239" s="143"/>
      <c r="AA4239" s="137"/>
      <c r="AB4239" s="137"/>
      <c r="AC4239" s="137"/>
      <c r="AD4239" s="137"/>
      <c r="AE4239" s="137"/>
      <c r="AF4239" s="137"/>
      <c r="AG4239" s="137"/>
      <c r="AH4239" s="137"/>
      <c r="AI4239" s="137"/>
      <c r="AJ4239" s="137"/>
      <c r="AK4239" s="206"/>
      <c r="AL4239" s="206"/>
      <c r="AM4239" s="143"/>
      <c r="AN4239" s="137"/>
      <c r="AO4239" s="137"/>
      <c r="AP4239" s="137"/>
      <c r="AQ4239" s="137"/>
      <c r="AR4239" s="137"/>
      <c r="AS4239" s="137"/>
      <c r="AT4239" s="137"/>
      <c r="AU4239" s="137"/>
      <c r="AV4239" s="137"/>
      <c r="AW4239" s="144"/>
    </row>
    <row r="4240" spans="2:49" x14ac:dyDescent="0.2">
      <c r="B4240" s="97"/>
      <c r="J4240" s="98"/>
      <c r="K4240" s="97"/>
      <c r="N4240" s="3"/>
      <c r="W4240" s="98"/>
      <c r="Z4240" s="143"/>
      <c r="AA4240" s="137"/>
      <c r="AB4240" s="137"/>
      <c r="AC4240" s="137"/>
      <c r="AD4240" s="137"/>
      <c r="AE4240" s="137"/>
      <c r="AF4240" s="137"/>
      <c r="AG4240" s="137"/>
      <c r="AH4240" s="137"/>
      <c r="AI4240" s="137"/>
      <c r="AJ4240" s="137"/>
      <c r="AK4240" s="206"/>
      <c r="AL4240" s="206"/>
      <c r="AM4240" s="143"/>
      <c r="AN4240" s="137"/>
      <c r="AO4240" s="137"/>
      <c r="AP4240" s="137"/>
      <c r="AQ4240" s="137"/>
      <c r="AR4240" s="137"/>
      <c r="AS4240" s="137"/>
      <c r="AT4240" s="137"/>
      <c r="AU4240" s="137"/>
      <c r="AV4240" s="137"/>
      <c r="AW4240" s="144"/>
    </row>
    <row r="4241" spans="2:49" x14ac:dyDescent="0.2">
      <c r="B4241" s="97"/>
      <c r="J4241" s="98"/>
      <c r="K4241" s="97"/>
      <c r="N4241" s="3"/>
      <c r="W4241" s="98"/>
      <c r="Z4241" s="143"/>
      <c r="AA4241" s="137"/>
      <c r="AB4241" s="137"/>
      <c r="AC4241" s="137"/>
      <c r="AD4241" s="137"/>
      <c r="AE4241" s="137"/>
      <c r="AF4241" s="137"/>
      <c r="AG4241" s="137"/>
      <c r="AH4241" s="137"/>
      <c r="AI4241" s="137"/>
      <c r="AJ4241" s="137"/>
      <c r="AK4241" s="206"/>
      <c r="AL4241" s="206"/>
      <c r="AM4241" s="143"/>
      <c r="AN4241" s="137"/>
      <c r="AO4241" s="137"/>
      <c r="AP4241" s="137"/>
      <c r="AQ4241" s="137"/>
      <c r="AR4241" s="137"/>
      <c r="AS4241" s="137"/>
      <c r="AT4241" s="137"/>
      <c r="AU4241" s="137"/>
      <c r="AV4241" s="137"/>
      <c r="AW4241" s="144"/>
    </row>
    <row r="4242" spans="2:49" x14ac:dyDescent="0.2">
      <c r="B4242" s="97"/>
      <c r="J4242" s="98"/>
      <c r="K4242" s="97"/>
      <c r="N4242" s="3"/>
      <c r="W4242" s="98"/>
      <c r="Z4242" s="143"/>
      <c r="AA4242" s="137"/>
      <c r="AB4242" s="137"/>
      <c r="AC4242" s="137"/>
      <c r="AD4242" s="137"/>
      <c r="AE4242" s="137"/>
      <c r="AF4242" s="137"/>
      <c r="AG4242" s="137"/>
      <c r="AH4242" s="137"/>
      <c r="AI4242" s="137"/>
      <c r="AJ4242" s="137"/>
      <c r="AK4242" s="206"/>
      <c r="AL4242" s="206"/>
      <c r="AM4242" s="143"/>
      <c r="AN4242" s="137"/>
      <c r="AO4242" s="137"/>
      <c r="AP4242" s="137"/>
      <c r="AQ4242" s="137"/>
      <c r="AR4242" s="137"/>
      <c r="AS4242" s="137"/>
      <c r="AT4242" s="137"/>
      <c r="AU4242" s="137"/>
      <c r="AV4242" s="137"/>
      <c r="AW4242" s="144"/>
    </row>
    <row r="4243" spans="2:49" x14ac:dyDescent="0.2">
      <c r="B4243" s="97"/>
      <c r="J4243" s="98"/>
      <c r="K4243" s="97"/>
      <c r="N4243" s="3"/>
      <c r="W4243" s="98"/>
      <c r="Z4243" s="143"/>
      <c r="AA4243" s="137"/>
      <c r="AB4243" s="137"/>
      <c r="AC4243" s="137"/>
      <c r="AD4243" s="137"/>
      <c r="AE4243" s="137"/>
      <c r="AF4243" s="137"/>
      <c r="AG4243" s="137"/>
      <c r="AH4243" s="137"/>
      <c r="AI4243" s="137"/>
      <c r="AJ4243" s="137"/>
      <c r="AK4243" s="206"/>
      <c r="AL4243" s="206"/>
      <c r="AM4243" s="143"/>
      <c r="AN4243" s="137"/>
      <c r="AO4243" s="137"/>
      <c r="AP4243" s="137"/>
      <c r="AQ4243" s="137"/>
      <c r="AR4243" s="137"/>
      <c r="AS4243" s="137"/>
      <c r="AT4243" s="137"/>
      <c r="AU4243" s="137"/>
      <c r="AV4243" s="137"/>
      <c r="AW4243" s="144"/>
    </row>
    <row r="4244" spans="2:49" x14ac:dyDescent="0.2">
      <c r="B4244" s="97"/>
      <c r="J4244" s="98"/>
      <c r="K4244" s="97"/>
      <c r="N4244" s="3"/>
      <c r="W4244" s="98"/>
      <c r="Z4244" s="143"/>
      <c r="AA4244" s="137"/>
      <c r="AB4244" s="137"/>
      <c r="AC4244" s="137"/>
      <c r="AD4244" s="137"/>
      <c r="AE4244" s="137"/>
      <c r="AF4244" s="137"/>
      <c r="AG4244" s="137"/>
      <c r="AH4244" s="137"/>
      <c r="AI4244" s="137"/>
      <c r="AJ4244" s="137"/>
      <c r="AK4244" s="206"/>
      <c r="AL4244" s="206"/>
      <c r="AM4244" s="143"/>
      <c r="AN4244" s="137"/>
      <c r="AO4244" s="137"/>
      <c r="AP4244" s="137"/>
      <c r="AQ4244" s="137"/>
      <c r="AR4244" s="137"/>
      <c r="AS4244" s="137"/>
      <c r="AT4244" s="137"/>
      <c r="AU4244" s="137"/>
      <c r="AV4244" s="137"/>
      <c r="AW4244" s="144"/>
    </row>
    <row r="4245" spans="2:49" x14ac:dyDescent="0.2">
      <c r="B4245" s="97"/>
      <c r="J4245" s="98"/>
      <c r="K4245" s="97"/>
      <c r="N4245" s="3"/>
      <c r="W4245" s="98"/>
      <c r="Z4245" s="143"/>
      <c r="AA4245" s="137"/>
      <c r="AB4245" s="137"/>
      <c r="AC4245" s="137"/>
      <c r="AD4245" s="137"/>
      <c r="AE4245" s="137"/>
      <c r="AF4245" s="137"/>
      <c r="AG4245" s="137"/>
      <c r="AH4245" s="137"/>
      <c r="AI4245" s="137"/>
      <c r="AJ4245" s="137"/>
      <c r="AK4245" s="206"/>
      <c r="AL4245" s="206"/>
      <c r="AM4245" s="143"/>
      <c r="AN4245" s="137"/>
      <c r="AO4245" s="137"/>
      <c r="AP4245" s="137"/>
      <c r="AQ4245" s="137"/>
      <c r="AR4245" s="137"/>
      <c r="AS4245" s="137"/>
      <c r="AT4245" s="137"/>
      <c r="AU4245" s="137"/>
      <c r="AV4245" s="137"/>
      <c r="AW4245" s="144"/>
    </row>
    <row r="4246" spans="2:49" x14ac:dyDescent="0.2">
      <c r="B4246" s="97"/>
      <c r="J4246" s="98"/>
      <c r="K4246" s="97"/>
      <c r="N4246" s="3"/>
      <c r="W4246" s="98"/>
      <c r="Z4246" s="143"/>
      <c r="AA4246" s="137"/>
      <c r="AB4246" s="137"/>
      <c r="AC4246" s="137"/>
      <c r="AD4246" s="137"/>
      <c r="AE4246" s="137"/>
      <c r="AF4246" s="137"/>
      <c r="AG4246" s="137"/>
      <c r="AH4246" s="137"/>
      <c r="AI4246" s="137"/>
      <c r="AJ4246" s="137"/>
      <c r="AK4246" s="206"/>
      <c r="AL4246" s="206"/>
      <c r="AM4246" s="143"/>
      <c r="AN4246" s="137"/>
      <c r="AO4246" s="137"/>
      <c r="AP4246" s="137"/>
      <c r="AQ4246" s="137"/>
      <c r="AR4246" s="137"/>
      <c r="AS4246" s="137"/>
      <c r="AT4246" s="137"/>
      <c r="AU4246" s="137"/>
      <c r="AV4246" s="137"/>
      <c r="AW4246" s="144"/>
    </row>
    <row r="4247" spans="2:49" x14ac:dyDescent="0.2">
      <c r="B4247" s="97"/>
      <c r="J4247" s="98"/>
      <c r="K4247" s="97"/>
      <c r="N4247" s="3"/>
      <c r="W4247" s="98"/>
      <c r="Z4247" s="143"/>
      <c r="AA4247" s="137"/>
      <c r="AB4247" s="137"/>
      <c r="AC4247" s="137"/>
      <c r="AD4247" s="137"/>
      <c r="AE4247" s="137"/>
      <c r="AF4247" s="137"/>
      <c r="AG4247" s="137"/>
      <c r="AH4247" s="137"/>
      <c r="AI4247" s="137"/>
      <c r="AJ4247" s="137"/>
      <c r="AK4247" s="206"/>
      <c r="AL4247" s="206"/>
      <c r="AM4247" s="143"/>
      <c r="AN4247" s="137"/>
      <c r="AO4247" s="137"/>
      <c r="AP4247" s="137"/>
      <c r="AQ4247" s="137"/>
      <c r="AR4247" s="137"/>
      <c r="AS4247" s="137"/>
      <c r="AT4247" s="137"/>
      <c r="AU4247" s="137"/>
      <c r="AV4247" s="137"/>
      <c r="AW4247" s="144"/>
    </row>
    <row r="4248" spans="2:49" x14ac:dyDescent="0.2">
      <c r="B4248" s="97"/>
      <c r="J4248" s="98"/>
      <c r="K4248" s="97"/>
      <c r="N4248" s="3"/>
      <c r="W4248" s="98"/>
      <c r="Z4248" s="143"/>
      <c r="AA4248" s="137"/>
      <c r="AB4248" s="137"/>
      <c r="AC4248" s="137"/>
      <c r="AD4248" s="137"/>
      <c r="AE4248" s="137"/>
      <c r="AF4248" s="137"/>
      <c r="AG4248" s="137"/>
      <c r="AH4248" s="137"/>
      <c r="AI4248" s="137"/>
      <c r="AJ4248" s="137"/>
      <c r="AK4248" s="206"/>
      <c r="AL4248" s="206"/>
      <c r="AM4248" s="143"/>
      <c r="AN4248" s="137"/>
      <c r="AO4248" s="137"/>
      <c r="AP4248" s="137"/>
      <c r="AQ4248" s="137"/>
      <c r="AR4248" s="137"/>
      <c r="AS4248" s="137"/>
      <c r="AT4248" s="137"/>
      <c r="AU4248" s="137"/>
      <c r="AV4248" s="137"/>
      <c r="AW4248" s="144"/>
    </row>
    <row r="4249" spans="2:49" x14ac:dyDescent="0.2">
      <c r="B4249" s="97"/>
      <c r="J4249" s="98"/>
      <c r="K4249" s="97"/>
      <c r="N4249" s="3"/>
      <c r="W4249" s="98"/>
      <c r="Z4249" s="143"/>
      <c r="AA4249" s="137"/>
      <c r="AB4249" s="137"/>
      <c r="AC4249" s="137"/>
      <c r="AD4249" s="137"/>
      <c r="AE4249" s="137"/>
      <c r="AF4249" s="137"/>
      <c r="AG4249" s="137"/>
      <c r="AH4249" s="137"/>
      <c r="AI4249" s="137"/>
      <c r="AJ4249" s="137"/>
      <c r="AK4249" s="206"/>
      <c r="AL4249" s="206"/>
      <c r="AM4249" s="143"/>
      <c r="AN4249" s="137"/>
      <c r="AO4249" s="137"/>
      <c r="AP4249" s="137"/>
      <c r="AQ4249" s="137"/>
      <c r="AR4249" s="137"/>
      <c r="AS4249" s="137"/>
      <c r="AT4249" s="137"/>
      <c r="AU4249" s="137"/>
      <c r="AV4249" s="137"/>
      <c r="AW4249" s="144"/>
    </row>
    <row r="4250" spans="2:49" x14ac:dyDescent="0.2">
      <c r="B4250" s="97"/>
      <c r="J4250" s="98"/>
      <c r="K4250" s="97"/>
      <c r="N4250" s="3"/>
      <c r="W4250" s="98"/>
      <c r="Z4250" s="143"/>
      <c r="AA4250" s="137"/>
      <c r="AB4250" s="137"/>
      <c r="AC4250" s="137"/>
      <c r="AD4250" s="137"/>
      <c r="AE4250" s="137"/>
      <c r="AF4250" s="137"/>
      <c r="AG4250" s="137"/>
      <c r="AH4250" s="137"/>
      <c r="AI4250" s="137"/>
      <c r="AJ4250" s="137"/>
      <c r="AK4250" s="206"/>
      <c r="AL4250" s="206"/>
      <c r="AM4250" s="143"/>
      <c r="AN4250" s="137"/>
      <c r="AO4250" s="137"/>
      <c r="AP4250" s="137"/>
      <c r="AQ4250" s="137"/>
      <c r="AR4250" s="137"/>
      <c r="AS4250" s="137"/>
      <c r="AT4250" s="137"/>
      <c r="AU4250" s="137"/>
      <c r="AV4250" s="137"/>
      <c r="AW4250" s="144"/>
    </row>
    <row r="4251" spans="2:49" x14ac:dyDescent="0.2">
      <c r="B4251" s="97"/>
      <c r="J4251" s="98"/>
      <c r="K4251" s="97"/>
      <c r="N4251" s="3"/>
      <c r="W4251" s="98"/>
      <c r="Z4251" s="143"/>
      <c r="AA4251" s="137"/>
      <c r="AB4251" s="137"/>
      <c r="AC4251" s="137"/>
      <c r="AD4251" s="137"/>
      <c r="AE4251" s="137"/>
      <c r="AF4251" s="137"/>
      <c r="AG4251" s="137"/>
      <c r="AH4251" s="137"/>
      <c r="AI4251" s="137"/>
      <c r="AJ4251" s="137"/>
      <c r="AK4251" s="206"/>
      <c r="AL4251" s="206"/>
      <c r="AM4251" s="143"/>
      <c r="AN4251" s="137"/>
      <c r="AO4251" s="137"/>
      <c r="AP4251" s="137"/>
      <c r="AQ4251" s="137"/>
      <c r="AR4251" s="137"/>
      <c r="AS4251" s="137"/>
      <c r="AT4251" s="137"/>
      <c r="AU4251" s="137"/>
      <c r="AV4251" s="137"/>
      <c r="AW4251" s="144"/>
    </row>
    <row r="4252" spans="2:49" x14ac:dyDescent="0.2">
      <c r="B4252" s="97"/>
      <c r="J4252" s="98"/>
      <c r="K4252" s="97"/>
      <c r="N4252" s="3"/>
      <c r="W4252" s="98"/>
      <c r="Z4252" s="143"/>
      <c r="AA4252" s="137"/>
      <c r="AB4252" s="137"/>
      <c r="AC4252" s="137"/>
      <c r="AD4252" s="137"/>
      <c r="AE4252" s="137"/>
      <c r="AF4252" s="137"/>
      <c r="AG4252" s="137"/>
      <c r="AH4252" s="137"/>
      <c r="AI4252" s="137"/>
      <c r="AJ4252" s="137"/>
      <c r="AK4252" s="206"/>
      <c r="AL4252" s="206"/>
      <c r="AM4252" s="143"/>
      <c r="AN4252" s="137"/>
      <c r="AO4252" s="137"/>
      <c r="AP4252" s="137"/>
      <c r="AQ4252" s="137"/>
      <c r="AR4252" s="137"/>
      <c r="AS4252" s="137"/>
      <c r="AT4252" s="137"/>
      <c r="AU4252" s="137"/>
      <c r="AV4252" s="137"/>
      <c r="AW4252" s="144"/>
    </row>
    <row r="4253" spans="2:49" x14ac:dyDescent="0.2">
      <c r="B4253" s="97"/>
      <c r="J4253" s="98"/>
      <c r="K4253" s="97"/>
      <c r="N4253" s="3"/>
      <c r="W4253" s="98"/>
      <c r="Z4253" s="143"/>
      <c r="AA4253" s="137"/>
      <c r="AB4253" s="137"/>
      <c r="AC4253" s="137"/>
      <c r="AD4253" s="137"/>
      <c r="AE4253" s="137"/>
      <c r="AF4253" s="137"/>
      <c r="AG4253" s="137"/>
      <c r="AH4253" s="137"/>
      <c r="AI4253" s="137"/>
      <c r="AJ4253" s="137"/>
      <c r="AK4253" s="206"/>
      <c r="AL4253" s="206"/>
      <c r="AM4253" s="143"/>
      <c r="AN4253" s="137"/>
      <c r="AO4253" s="137"/>
      <c r="AP4253" s="137"/>
      <c r="AQ4253" s="137"/>
      <c r="AR4253" s="137"/>
      <c r="AS4253" s="137"/>
      <c r="AT4253" s="137"/>
      <c r="AU4253" s="137"/>
      <c r="AV4253" s="137"/>
      <c r="AW4253" s="144"/>
    </row>
    <row r="4254" spans="2:49" x14ac:dyDescent="0.2">
      <c r="B4254" s="97"/>
      <c r="J4254" s="98"/>
      <c r="K4254" s="97"/>
      <c r="N4254" s="3"/>
      <c r="W4254" s="98"/>
      <c r="Z4254" s="143"/>
      <c r="AA4254" s="137"/>
      <c r="AB4254" s="137"/>
      <c r="AC4254" s="137"/>
      <c r="AD4254" s="137"/>
      <c r="AE4254" s="137"/>
      <c r="AF4254" s="137"/>
      <c r="AG4254" s="137"/>
      <c r="AH4254" s="137"/>
      <c r="AI4254" s="137"/>
      <c r="AJ4254" s="137"/>
      <c r="AK4254" s="206"/>
      <c r="AL4254" s="206"/>
      <c r="AM4254" s="143"/>
      <c r="AN4254" s="137"/>
      <c r="AO4254" s="137"/>
      <c r="AP4254" s="137"/>
      <c r="AQ4254" s="137"/>
      <c r="AR4254" s="137"/>
      <c r="AS4254" s="137"/>
      <c r="AT4254" s="137"/>
      <c r="AU4254" s="137"/>
      <c r="AV4254" s="137"/>
      <c r="AW4254" s="144"/>
    </row>
    <row r="4255" spans="2:49" x14ac:dyDescent="0.2">
      <c r="B4255" s="97"/>
      <c r="J4255" s="98"/>
      <c r="K4255" s="97"/>
      <c r="N4255" s="3"/>
      <c r="W4255" s="98"/>
      <c r="Z4255" s="143"/>
      <c r="AA4255" s="137"/>
      <c r="AB4255" s="137"/>
      <c r="AC4255" s="137"/>
      <c r="AD4255" s="137"/>
      <c r="AE4255" s="137"/>
      <c r="AF4255" s="137"/>
      <c r="AG4255" s="137"/>
      <c r="AH4255" s="137"/>
      <c r="AI4255" s="137"/>
      <c r="AJ4255" s="137"/>
      <c r="AK4255" s="206"/>
      <c r="AL4255" s="206"/>
      <c r="AM4255" s="143"/>
      <c r="AN4255" s="137"/>
      <c r="AO4255" s="137"/>
      <c r="AP4255" s="137"/>
      <c r="AQ4255" s="137"/>
      <c r="AR4255" s="137"/>
      <c r="AS4255" s="137"/>
      <c r="AT4255" s="137"/>
      <c r="AU4255" s="137"/>
      <c r="AV4255" s="137"/>
      <c r="AW4255" s="144"/>
    </row>
    <row r="4256" spans="2:49" x14ac:dyDescent="0.2">
      <c r="B4256" s="97"/>
      <c r="J4256" s="98"/>
      <c r="K4256" s="97"/>
      <c r="N4256" s="3"/>
      <c r="W4256" s="98"/>
      <c r="Z4256" s="143"/>
      <c r="AA4256" s="137"/>
      <c r="AB4256" s="137"/>
      <c r="AC4256" s="137"/>
      <c r="AD4256" s="137"/>
      <c r="AE4256" s="137"/>
      <c r="AF4256" s="137"/>
      <c r="AG4256" s="137"/>
      <c r="AH4256" s="137"/>
      <c r="AI4256" s="137"/>
      <c r="AJ4256" s="137"/>
      <c r="AK4256" s="206"/>
      <c r="AL4256" s="206"/>
      <c r="AM4256" s="143"/>
      <c r="AN4256" s="137"/>
      <c r="AO4256" s="137"/>
      <c r="AP4256" s="137"/>
      <c r="AQ4256" s="137"/>
      <c r="AR4256" s="137"/>
      <c r="AS4256" s="137"/>
      <c r="AT4256" s="137"/>
      <c r="AU4256" s="137"/>
      <c r="AV4256" s="137"/>
      <c r="AW4256" s="144"/>
    </row>
    <row r="4257" spans="2:49" x14ac:dyDescent="0.2">
      <c r="B4257" s="97"/>
      <c r="J4257" s="98"/>
      <c r="K4257" s="97"/>
      <c r="N4257" s="3"/>
      <c r="W4257" s="98"/>
      <c r="Z4257" s="143"/>
      <c r="AA4257" s="137"/>
      <c r="AB4257" s="137"/>
      <c r="AC4257" s="137"/>
      <c r="AD4257" s="137"/>
      <c r="AE4257" s="137"/>
      <c r="AF4257" s="137"/>
      <c r="AG4257" s="137"/>
      <c r="AH4257" s="137"/>
      <c r="AI4257" s="137"/>
      <c r="AJ4257" s="137"/>
      <c r="AK4257" s="206"/>
      <c r="AL4257" s="206"/>
      <c r="AM4257" s="143"/>
      <c r="AN4257" s="137"/>
      <c r="AO4257" s="137"/>
      <c r="AP4257" s="137"/>
      <c r="AQ4257" s="137"/>
      <c r="AR4257" s="137"/>
      <c r="AS4257" s="137"/>
      <c r="AT4257" s="137"/>
      <c r="AU4257" s="137"/>
      <c r="AV4257" s="137"/>
      <c r="AW4257" s="144"/>
    </row>
    <row r="4258" spans="2:49" x14ac:dyDescent="0.2">
      <c r="B4258" s="97"/>
      <c r="J4258" s="98"/>
      <c r="K4258" s="97"/>
      <c r="N4258" s="3"/>
      <c r="W4258" s="98"/>
      <c r="Z4258" s="143"/>
      <c r="AA4258" s="137"/>
      <c r="AB4258" s="137"/>
      <c r="AC4258" s="137"/>
      <c r="AD4258" s="137"/>
      <c r="AE4258" s="137"/>
      <c r="AF4258" s="137"/>
      <c r="AG4258" s="137"/>
      <c r="AH4258" s="137"/>
      <c r="AI4258" s="137"/>
      <c r="AJ4258" s="137"/>
      <c r="AK4258" s="206"/>
      <c r="AL4258" s="206"/>
      <c r="AM4258" s="143"/>
      <c r="AN4258" s="137"/>
      <c r="AO4258" s="137"/>
      <c r="AP4258" s="137"/>
      <c r="AQ4258" s="137"/>
      <c r="AR4258" s="137"/>
      <c r="AS4258" s="137"/>
      <c r="AT4258" s="137"/>
      <c r="AU4258" s="137"/>
      <c r="AV4258" s="137"/>
      <c r="AW4258" s="144"/>
    </row>
    <row r="4259" spans="2:49" x14ac:dyDescent="0.2">
      <c r="B4259" s="97"/>
      <c r="J4259" s="98"/>
      <c r="K4259" s="97"/>
      <c r="N4259" s="3"/>
      <c r="W4259" s="98"/>
      <c r="Z4259" s="143"/>
      <c r="AA4259" s="137"/>
      <c r="AB4259" s="137"/>
      <c r="AC4259" s="137"/>
      <c r="AD4259" s="137"/>
      <c r="AE4259" s="137"/>
      <c r="AF4259" s="137"/>
      <c r="AG4259" s="137"/>
      <c r="AH4259" s="137"/>
      <c r="AI4259" s="137"/>
      <c r="AJ4259" s="137"/>
      <c r="AK4259" s="206"/>
      <c r="AL4259" s="206"/>
      <c r="AM4259" s="143"/>
      <c r="AN4259" s="137"/>
      <c r="AO4259" s="137"/>
      <c r="AP4259" s="137"/>
      <c r="AQ4259" s="137"/>
      <c r="AR4259" s="137"/>
      <c r="AS4259" s="137"/>
      <c r="AT4259" s="137"/>
      <c r="AU4259" s="137"/>
      <c r="AV4259" s="137"/>
      <c r="AW4259" s="144"/>
    </row>
    <row r="4260" spans="2:49" x14ac:dyDescent="0.2">
      <c r="B4260" s="97"/>
      <c r="J4260" s="98"/>
      <c r="K4260" s="97"/>
      <c r="N4260" s="3"/>
      <c r="W4260" s="98"/>
      <c r="Z4260" s="143"/>
      <c r="AA4260" s="137"/>
      <c r="AB4260" s="137"/>
      <c r="AC4260" s="137"/>
      <c r="AD4260" s="137"/>
      <c r="AE4260" s="137"/>
      <c r="AF4260" s="137"/>
      <c r="AG4260" s="137"/>
      <c r="AH4260" s="137"/>
      <c r="AI4260" s="137"/>
      <c r="AJ4260" s="137"/>
      <c r="AK4260" s="206"/>
      <c r="AL4260" s="206"/>
      <c r="AM4260" s="143"/>
      <c r="AN4260" s="137"/>
      <c r="AO4260" s="137"/>
      <c r="AP4260" s="137"/>
      <c r="AQ4260" s="137"/>
      <c r="AR4260" s="137"/>
      <c r="AS4260" s="137"/>
      <c r="AT4260" s="137"/>
      <c r="AU4260" s="137"/>
      <c r="AV4260" s="137"/>
      <c r="AW4260" s="144"/>
    </row>
    <row r="4261" spans="2:49" x14ac:dyDescent="0.2">
      <c r="B4261" s="97"/>
      <c r="J4261" s="98"/>
      <c r="K4261" s="97"/>
      <c r="N4261" s="3"/>
      <c r="W4261" s="98"/>
      <c r="Z4261" s="143"/>
      <c r="AA4261" s="137"/>
      <c r="AB4261" s="137"/>
      <c r="AC4261" s="137"/>
      <c r="AD4261" s="137"/>
      <c r="AE4261" s="137"/>
      <c r="AF4261" s="137"/>
      <c r="AG4261" s="137"/>
      <c r="AH4261" s="137"/>
      <c r="AI4261" s="137"/>
      <c r="AJ4261" s="137"/>
      <c r="AK4261" s="206"/>
      <c r="AL4261" s="206"/>
      <c r="AM4261" s="143"/>
      <c r="AN4261" s="137"/>
      <c r="AO4261" s="137"/>
      <c r="AP4261" s="137"/>
      <c r="AQ4261" s="137"/>
      <c r="AR4261" s="137"/>
      <c r="AS4261" s="137"/>
      <c r="AT4261" s="137"/>
      <c r="AU4261" s="137"/>
      <c r="AV4261" s="137"/>
      <c r="AW4261" s="144"/>
    </row>
    <row r="4262" spans="2:49" x14ac:dyDescent="0.2">
      <c r="B4262" s="97"/>
      <c r="J4262" s="98"/>
      <c r="K4262" s="97"/>
      <c r="N4262" s="3"/>
      <c r="W4262" s="98"/>
      <c r="Z4262" s="143"/>
      <c r="AA4262" s="137"/>
      <c r="AB4262" s="137"/>
      <c r="AC4262" s="137"/>
      <c r="AD4262" s="137"/>
      <c r="AE4262" s="137"/>
      <c r="AF4262" s="137"/>
      <c r="AG4262" s="137"/>
      <c r="AH4262" s="137"/>
      <c r="AI4262" s="137"/>
      <c r="AJ4262" s="137"/>
      <c r="AK4262" s="206"/>
      <c r="AL4262" s="206"/>
      <c r="AM4262" s="143"/>
      <c r="AN4262" s="137"/>
      <c r="AO4262" s="137"/>
      <c r="AP4262" s="137"/>
      <c r="AQ4262" s="137"/>
      <c r="AR4262" s="137"/>
      <c r="AS4262" s="137"/>
      <c r="AT4262" s="137"/>
      <c r="AU4262" s="137"/>
      <c r="AV4262" s="137"/>
      <c r="AW4262" s="144"/>
    </row>
    <row r="4263" spans="2:49" x14ac:dyDescent="0.2">
      <c r="B4263" s="97"/>
      <c r="J4263" s="98"/>
      <c r="K4263" s="97"/>
      <c r="N4263" s="3"/>
      <c r="W4263" s="98"/>
      <c r="Z4263" s="143"/>
      <c r="AA4263" s="137"/>
      <c r="AB4263" s="137"/>
      <c r="AC4263" s="137"/>
      <c r="AD4263" s="137"/>
      <c r="AE4263" s="137"/>
      <c r="AF4263" s="137"/>
      <c r="AG4263" s="137"/>
      <c r="AH4263" s="137"/>
      <c r="AI4263" s="137"/>
      <c r="AJ4263" s="137"/>
      <c r="AK4263" s="206"/>
      <c r="AL4263" s="206"/>
      <c r="AM4263" s="143"/>
      <c r="AN4263" s="137"/>
      <c r="AO4263" s="137"/>
      <c r="AP4263" s="137"/>
      <c r="AQ4263" s="137"/>
      <c r="AR4263" s="137"/>
      <c r="AS4263" s="137"/>
      <c r="AT4263" s="137"/>
      <c r="AU4263" s="137"/>
      <c r="AV4263" s="137"/>
      <c r="AW4263" s="144"/>
    </row>
    <row r="4264" spans="2:49" x14ac:dyDescent="0.2">
      <c r="B4264" s="97"/>
      <c r="J4264" s="98"/>
      <c r="K4264" s="97"/>
      <c r="N4264" s="3"/>
      <c r="W4264" s="98"/>
      <c r="Z4264" s="143"/>
      <c r="AA4264" s="137"/>
      <c r="AB4264" s="137"/>
      <c r="AC4264" s="137"/>
      <c r="AD4264" s="137"/>
      <c r="AE4264" s="137"/>
      <c r="AF4264" s="137"/>
      <c r="AG4264" s="137"/>
      <c r="AH4264" s="137"/>
      <c r="AI4264" s="137"/>
      <c r="AJ4264" s="137"/>
      <c r="AK4264" s="206"/>
      <c r="AL4264" s="206"/>
      <c r="AM4264" s="143"/>
      <c r="AN4264" s="137"/>
      <c r="AO4264" s="137"/>
      <c r="AP4264" s="137"/>
      <c r="AQ4264" s="137"/>
      <c r="AR4264" s="137"/>
      <c r="AS4264" s="137"/>
      <c r="AT4264" s="137"/>
      <c r="AU4264" s="137"/>
      <c r="AV4264" s="137"/>
      <c r="AW4264" s="144"/>
    </row>
    <row r="4265" spans="2:49" x14ac:dyDescent="0.2">
      <c r="B4265" s="97"/>
      <c r="J4265" s="98"/>
      <c r="K4265" s="97"/>
      <c r="N4265" s="3"/>
      <c r="W4265" s="98"/>
      <c r="Z4265" s="143"/>
      <c r="AA4265" s="137"/>
      <c r="AB4265" s="137"/>
      <c r="AC4265" s="137"/>
      <c r="AD4265" s="137"/>
      <c r="AE4265" s="137"/>
      <c r="AF4265" s="137"/>
      <c r="AG4265" s="137"/>
      <c r="AH4265" s="137"/>
      <c r="AI4265" s="137"/>
      <c r="AJ4265" s="137"/>
      <c r="AK4265" s="206"/>
      <c r="AL4265" s="206"/>
      <c r="AM4265" s="143"/>
      <c r="AN4265" s="137"/>
      <c r="AO4265" s="137"/>
      <c r="AP4265" s="137"/>
      <c r="AQ4265" s="137"/>
      <c r="AR4265" s="137"/>
      <c r="AS4265" s="137"/>
      <c r="AT4265" s="137"/>
      <c r="AU4265" s="137"/>
      <c r="AV4265" s="137"/>
      <c r="AW4265" s="144"/>
    </row>
    <row r="4266" spans="2:49" x14ac:dyDescent="0.2">
      <c r="B4266" s="97"/>
      <c r="J4266" s="98"/>
      <c r="K4266" s="97"/>
      <c r="N4266" s="3"/>
      <c r="W4266" s="98"/>
      <c r="Z4266" s="143"/>
      <c r="AA4266" s="137"/>
      <c r="AB4266" s="137"/>
      <c r="AC4266" s="137"/>
      <c r="AD4266" s="137"/>
      <c r="AE4266" s="137"/>
      <c r="AF4266" s="137"/>
      <c r="AG4266" s="137"/>
      <c r="AH4266" s="137"/>
      <c r="AI4266" s="137"/>
      <c r="AJ4266" s="137"/>
      <c r="AK4266" s="206"/>
      <c r="AL4266" s="206"/>
      <c r="AM4266" s="143"/>
      <c r="AN4266" s="137"/>
      <c r="AO4266" s="137"/>
      <c r="AP4266" s="137"/>
      <c r="AQ4266" s="137"/>
      <c r="AR4266" s="137"/>
      <c r="AS4266" s="137"/>
      <c r="AT4266" s="137"/>
      <c r="AU4266" s="137"/>
      <c r="AV4266" s="137"/>
      <c r="AW4266" s="144"/>
    </row>
    <row r="4267" spans="2:49" x14ac:dyDescent="0.2">
      <c r="B4267" s="97"/>
      <c r="J4267" s="98"/>
      <c r="K4267" s="97"/>
      <c r="N4267" s="3"/>
      <c r="W4267" s="98"/>
      <c r="Z4267" s="143"/>
      <c r="AA4267" s="137"/>
      <c r="AB4267" s="137"/>
      <c r="AC4267" s="137"/>
      <c r="AD4267" s="137"/>
      <c r="AE4267" s="137"/>
      <c r="AF4267" s="137"/>
      <c r="AG4267" s="137"/>
      <c r="AH4267" s="137"/>
      <c r="AI4267" s="137"/>
      <c r="AJ4267" s="137"/>
      <c r="AK4267" s="206"/>
      <c r="AL4267" s="206"/>
      <c r="AM4267" s="143"/>
      <c r="AN4267" s="137"/>
      <c r="AO4267" s="137"/>
      <c r="AP4267" s="137"/>
      <c r="AQ4267" s="137"/>
      <c r="AR4267" s="137"/>
      <c r="AS4267" s="137"/>
      <c r="AT4267" s="137"/>
      <c r="AU4267" s="137"/>
      <c r="AV4267" s="137"/>
      <c r="AW4267" s="144"/>
    </row>
    <row r="4268" spans="2:49" x14ac:dyDescent="0.2">
      <c r="B4268" s="97"/>
      <c r="J4268" s="98"/>
      <c r="K4268" s="97"/>
      <c r="N4268" s="3"/>
      <c r="W4268" s="98"/>
      <c r="Z4268" s="143"/>
      <c r="AA4268" s="137"/>
      <c r="AB4268" s="137"/>
      <c r="AC4268" s="137"/>
      <c r="AD4268" s="137"/>
      <c r="AE4268" s="137"/>
      <c r="AF4268" s="137"/>
      <c r="AG4268" s="137"/>
      <c r="AH4268" s="137"/>
      <c r="AI4268" s="137"/>
      <c r="AJ4268" s="137"/>
      <c r="AK4268" s="206"/>
      <c r="AL4268" s="206"/>
      <c r="AM4268" s="143"/>
      <c r="AN4268" s="137"/>
      <c r="AO4268" s="137"/>
      <c r="AP4268" s="137"/>
      <c r="AQ4268" s="137"/>
      <c r="AR4268" s="137"/>
      <c r="AS4268" s="137"/>
      <c r="AT4268" s="137"/>
      <c r="AU4268" s="137"/>
      <c r="AV4268" s="137"/>
      <c r="AW4268" s="144"/>
    </row>
    <row r="4269" spans="2:49" x14ac:dyDescent="0.2">
      <c r="B4269" s="97"/>
      <c r="J4269" s="98"/>
      <c r="K4269" s="97"/>
      <c r="N4269" s="3"/>
      <c r="W4269" s="98"/>
      <c r="Z4269" s="143"/>
      <c r="AA4269" s="137"/>
      <c r="AB4269" s="137"/>
      <c r="AC4269" s="137"/>
      <c r="AD4269" s="137"/>
      <c r="AE4269" s="137"/>
      <c r="AF4269" s="137"/>
      <c r="AG4269" s="137"/>
      <c r="AH4269" s="137"/>
      <c r="AI4269" s="137"/>
      <c r="AJ4269" s="137"/>
      <c r="AK4269" s="206"/>
      <c r="AL4269" s="206"/>
      <c r="AM4269" s="143"/>
      <c r="AN4269" s="137"/>
      <c r="AO4269" s="137"/>
      <c r="AP4269" s="137"/>
      <c r="AQ4269" s="137"/>
      <c r="AR4269" s="137"/>
      <c r="AS4269" s="137"/>
      <c r="AT4269" s="137"/>
      <c r="AU4269" s="137"/>
      <c r="AV4269" s="137"/>
      <c r="AW4269" s="144"/>
    </row>
    <row r="4270" spans="2:49" x14ac:dyDescent="0.2">
      <c r="B4270" s="97"/>
      <c r="J4270" s="98"/>
      <c r="K4270" s="97"/>
      <c r="N4270" s="3"/>
      <c r="W4270" s="98"/>
      <c r="Z4270" s="143"/>
      <c r="AA4270" s="137"/>
      <c r="AB4270" s="137"/>
      <c r="AC4270" s="137"/>
      <c r="AD4270" s="137"/>
      <c r="AE4270" s="137"/>
      <c r="AF4270" s="137"/>
      <c r="AG4270" s="137"/>
      <c r="AH4270" s="137"/>
      <c r="AI4270" s="137"/>
      <c r="AJ4270" s="137"/>
      <c r="AK4270" s="206"/>
      <c r="AL4270" s="206"/>
      <c r="AM4270" s="143"/>
      <c r="AN4270" s="137"/>
      <c r="AO4270" s="137"/>
      <c r="AP4270" s="137"/>
      <c r="AQ4270" s="137"/>
      <c r="AR4270" s="137"/>
      <c r="AS4270" s="137"/>
      <c r="AT4270" s="137"/>
      <c r="AU4270" s="137"/>
      <c r="AV4270" s="137"/>
      <c r="AW4270" s="144"/>
    </row>
    <row r="4271" spans="2:49" x14ac:dyDescent="0.2">
      <c r="B4271" s="97"/>
      <c r="J4271" s="98"/>
      <c r="K4271" s="97"/>
      <c r="N4271" s="3"/>
      <c r="W4271" s="98"/>
      <c r="Z4271" s="143"/>
      <c r="AA4271" s="137"/>
      <c r="AB4271" s="137"/>
      <c r="AC4271" s="137"/>
      <c r="AD4271" s="137"/>
      <c r="AE4271" s="137"/>
      <c r="AF4271" s="137"/>
      <c r="AG4271" s="137"/>
      <c r="AH4271" s="137"/>
      <c r="AI4271" s="137"/>
      <c r="AJ4271" s="137"/>
      <c r="AK4271" s="206"/>
      <c r="AL4271" s="206"/>
      <c r="AM4271" s="143"/>
      <c r="AN4271" s="137"/>
      <c r="AO4271" s="137"/>
      <c r="AP4271" s="137"/>
      <c r="AQ4271" s="137"/>
      <c r="AR4271" s="137"/>
      <c r="AS4271" s="137"/>
      <c r="AT4271" s="137"/>
      <c r="AU4271" s="137"/>
      <c r="AV4271" s="137"/>
      <c r="AW4271" s="144"/>
    </row>
    <row r="4272" spans="2:49" x14ac:dyDescent="0.2">
      <c r="B4272" s="97"/>
      <c r="J4272" s="98"/>
      <c r="K4272" s="97"/>
      <c r="N4272" s="3"/>
      <c r="W4272" s="98"/>
      <c r="Z4272" s="143"/>
      <c r="AA4272" s="137"/>
      <c r="AB4272" s="137"/>
      <c r="AC4272" s="137"/>
      <c r="AD4272" s="137"/>
      <c r="AE4272" s="137"/>
      <c r="AF4272" s="137"/>
      <c r="AG4272" s="137"/>
      <c r="AH4272" s="137"/>
      <c r="AI4272" s="137"/>
      <c r="AJ4272" s="137"/>
      <c r="AK4272" s="206"/>
      <c r="AL4272" s="206"/>
      <c r="AM4272" s="143"/>
      <c r="AN4272" s="137"/>
      <c r="AO4272" s="137"/>
      <c r="AP4272" s="137"/>
      <c r="AQ4272" s="137"/>
      <c r="AR4272" s="137"/>
      <c r="AS4272" s="137"/>
      <c r="AT4272" s="137"/>
      <c r="AU4272" s="137"/>
      <c r="AV4272" s="137"/>
      <c r="AW4272" s="144"/>
    </row>
    <row r="4273" spans="2:49" x14ac:dyDescent="0.2">
      <c r="B4273" s="97"/>
      <c r="J4273" s="98"/>
      <c r="K4273" s="97"/>
      <c r="N4273" s="3"/>
      <c r="W4273" s="98"/>
      <c r="Z4273" s="143"/>
      <c r="AA4273" s="137"/>
      <c r="AB4273" s="137"/>
      <c r="AC4273" s="137"/>
      <c r="AD4273" s="137"/>
      <c r="AE4273" s="137"/>
      <c r="AF4273" s="137"/>
      <c r="AG4273" s="137"/>
      <c r="AH4273" s="137"/>
      <c r="AI4273" s="137"/>
      <c r="AJ4273" s="137"/>
      <c r="AK4273" s="206"/>
      <c r="AL4273" s="206"/>
      <c r="AM4273" s="143"/>
      <c r="AN4273" s="137"/>
      <c r="AO4273" s="137"/>
      <c r="AP4273" s="137"/>
      <c r="AQ4273" s="137"/>
      <c r="AR4273" s="137"/>
      <c r="AS4273" s="137"/>
      <c r="AT4273" s="137"/>
      <c r="AU4273" s="137"/>
      <c r="AV4273" s="137"/>
      <c r="AW4273" s="144"/>
    </row>
    <row r="4274" spans="2:49" x14ac:dyDescent="0.2">
      <c r="B4274" s="97"/>
      <c r="J4274" s="98"/>
      <c r="K4274" s="97"/>
      <c r="N4274" s="3"/>
      <c r="W4274" s="98"/>
      <c r="Z4274" s="143"/>
      <c r="AA4274" s="137"/>
      <c r="AB4274" s="137"/>
      <c r="AC4274" s="137"/>
      <c r="AD4274" s="137"/>
      <c r="AE4274" s="137"/>
      <c r="AF4274" s="137"/>
      <c r="AG4274" s="137"/>
      <c r="AH4274" s="137"/>
      <c r="AI4274" s="137"/>
      <c r="AJ4274" s="137"/>
      <c r="AK4274" s="206"/>
      <c r="AL4274" s="206"/>
      <c r="AM4274" s="143"/>
      <c r="AN4274" s="137"/>
      <c r="AO4274" s="137"/>
      <c r="AP4274" s="137"/>
      <c r="AQ4274" s="137"/>
      <c r="AR4274" s="137"/>
      <c r="AS4274" s="137"/>
      <c r="AT4274" s="137"/>
      <c r="AU4274" s="137"/>
      <c r="AV4274" s="137"/>
      <c r="AW4274" s="144"/>
    </row>
    <row r="4275" spans="2:49" x14ac:dyDescent="0.2">
      <c r="B4275" s="97"/>
      <c r="J4275" s="98"/>
      <c r="K4275" s="97"/>
      <c r="N4275" s="3"/>
      <c r="W4275" s="98"/>
      <c r="Z4275" s="143"/>
      <c r="AA4275" s="137"/>
      <c r="AB4275" s="137"/>
      <c r="AC4275" s="137"/>
      <c r="AD4275" s="137"/>
      <c r="AE4275" s="137"/>
      <c r="AF4275" s="137"/>
      <c r="AG4275" s="137"/>
      <c r="AH4275" s="137"/>
      <c r="AI4275" s="137"/>
      <c r="AJ4275" s="137"/>
      <c r="AK4275" s="206"/>
      <c r="AL4275" s="206"/>
      <c r="AM4275" s="143"/>
      <c r="AN4275" s="137"/>
      <c r="AO4275" s="137"/>
      <c r="AP4275" s="137"/>
      <c r="AQ4275" s="137"/>
      <c r="AR4275" s="137"/>
      <c r="AS4275" s="137"/>
      <c r="AT4275" s="137"/>
      <c r="AU4275" s="137"/>
      <c r="AV4275" s="137"/>
      <c r="AW4275" s="144"/>
    </row>
    <row r="4276" spans="2:49" x14ac:dyDescent="0.2">
      <c r="B4276" s="97"/>
      <c r="J4276" s="98"/>
      <c r="K4276" s="97"/>
      <c r="N4276" s="3"/>
      <c r="W4276" s="98"/>
      <c r="Z4276" s="143"/>
      <c r="AA4276" s="137"/>
      <c r="AB4276" s="137"/>
      <c r="AC4276" s="137"/>
      <c r="AD4276" s="137"/>
      <c r="AE4276" s="137"/>
      <c r="AF4276" s="137"/>
      <c r="AG4276" s="137"/>
      <c r="AH4276" s="137"/>
      <c r="AI4276" s="137"/>
      <c r="AJ4276" s="137"/>
      <c r="AK4276" s="206"/>
      <c r="AL4276" s="206"/>
      <c r="AM4276" s="143"/>
      <c r="AN4276" s="137"/>
      <c r="AO4276" s="137"/>
      <c r="AP4276" s="137"/>
      <c r="AQ4276" s="137"/>
      <c r="AR4276" s="137"/>
      <c r="AS4276" s="137"/>
      <c r="AT4276" s="137"/>
      <c r="AU4276" s="137"/>
      <c r="AV4276" s="137"/>
      <c r="AW4276" s="144"/>
    </row>
    <row r="4277" spans="2:49" x14ac:dyDescent="0.2">
      <c r="B4277" s="97"/>
      <c r="J4277" s="98"/>
      <c r="K4277" s="97"/>
      <c r="N4277" s="3"/>
      <c r="W4277" s="98"/>
      <c r="Z4277" s="143"/>
      <c r="AA4277" s="137"/>
      <c r="AB4277" s="137"/>
      <c r="AC4277" s="137"/>
      <c r="AD4277" s="137"/>
      <c r="AE4277" s="137"/>
      <c r="AF4277" s="137"/>
      <c r="AG4277" s="137"/>
      <c r="AH4277" s="137"/>
      <c r="AI4277" s="137"/>
      <c r="AJ4277" s="137"/>
      <c r="AK4277" s="206"/>
      <c r="AL4277" s="206"/>
      <c r="AM4277" s="143"/>
      <c r="AN4277" s="137"/>
      <c r="AO4277" s="137"/>
      <c r="AP4277" s="137"/>
      <c r="AQ4277" s="137"/>
      <c r="AR4277" s="137"/>
      <c r="AS4277" s="137"/>
      <c r="AT4277" s="137"/>
      <c r="AU4277" s="137"/>
      <c r="AV4277" s="137"/>
      <c r="AW4277" s="144"/>
    </row>
    <row r="4278" spans="2:49" x14ac:dyDescent="0.2">
      <c r="B4278" s="97"/>
      <c r="J4278" s="98"/>
      <c r="K4278" s="97"/>
      <c r="N4278" s="3"/>
      <c r="W4278" s="98"/>
      <c r="Z4278" s="143"/>
      <c r="AA4278" s="137"/>
      <c r="AB4278" s="137"/>
      <c r="AC4278" s="137"/>
      <c r="AD4278" s="137"/>
      <c r="AE4278" s="137"/>
      <c r="AF4278" s="137"/>
      <c r="AG4278" s="137"/>
      <c r="AH4278" s="137"/>
      <c r="AI4278" s="137"/>
      <c r="AJ4278" s="137"/>
      <c r="AK4278" s="206"/>
      <c r="AL4278" s="206"/>
      <c r="AM4278" s="143"/>
      <c r="AN4278" s="137"/>
      <c r="AO4278" s="137"/>
      <c r="AP4278" s="137"/>
      <c r="AQ4278" s="137"/>
      <c r="AR4278" s="137"/>
      <c r="AS4278" s="137"/>
      <c r="AT4278" s="137"/>
      <c r="AU4278" s="137"/>
      <c r="AV4278" s="137"/>
      <c r="AW4278" s="144"/>
    </row>
    <row r="4279" spans="2:49" x14ac:dyDescent="0.2">
      <c r="B4279" s="97"/>
      <c r="J4279" s="98"/>
      <c r="K4279" s="97"/>
      <c r="N4279" s="3"/>
      <c r="W4279" s="98"/>
      <c r="Z4279" s="143"/>
      <c r="AA4279" s="137"/>
      <c r="AB4279" s="137"/>
      <c r="AC4279" s="137"/>
      <c r="AD4279" s="137"/>
      <c r="AE4279" s="137"/>
      <c r="AF4279" s="137"/>
      <c r="AG4279" s="137"/>
      <c r="AH4279" s="137"/>
      <c r="AI4279" s="137"/>
      <c r="AJ4279" s="137"/>
      <c r="AK4279" s="206"/>
      <c r="AL4279" s="206"/>
      <c r="AM4279" s="143"/>
      <c r="AN4279" s="137"/>
      <c r="AO4279" s="137"/>
      <c r="AP4279" s="137"/>
      <c r="AQ4279" s="137"/>
      <c r="AR4279" s="137"/>
      <c r="AS4279" s="137"/>
      <c r="AT4279" s="137"/>
      <c r="AU4279" s="137"/>
      <c r="AV4279" s="137"/>
      <c r="AW4279" s="144"/>
    </row>
    <row r="4280" spans="2:49" x14ac:dyDescent="0.2">
      <c r="B4280" s="97"/>
      <c r="J4280" s="98"/>
      <c r="K4280" s="97"/>
      <c r="N4280" s="3"/>
      <c r="W4280" s="98"/>
      <c r="Z4280" s="143"/>
      <c r="AA4280" s="137"/>
      <c r="AB4280" s="137"/>
      <c r="AC4280" s="137"/>
      <c r="AD4280" s="137"/>
      <c r="AE4280" s="137"/>
      <c r="AF4280" s="137"/>
      <c r="AG4280" s="137"/>
      <c r="AH4280" s="137"/>
      <c r="AI4280" s="137"/>
      <c r="AJ4280" s="137"/>
      <c r="AK4280" s="206"/>
      <c r="AL4280" s="206"/>
      <c r="AM4280" s="143"/>
      <c r="AN4280" s="137"/>
      <c r="AO4280" s="137"/>
      <c r="AP4280" s="137"/>
      <c r="AQ4280" s="137"/>
      <c r="AR4280" s="137"/>
      <c r="AS4280" s="137"/>
      <c r="AT4280" s="137"/>
      <c r="AU4280" s="137"/>
      <c r="AV4280" s="137"/>
      <c r="AW4280" s="144"/>
    </row>
    <row r="4281" spans="2:49" x14ac:dyDescent="0.2">
      <c r="B4281" s="97"/>
      <c r="J4281" s="98"/>
      <c r="K4281" s="97"/>
      <c r="N4281" s="3"/>
      <c r="W4281" s="98"/>
      <c r="Z4281" s="143"/>
      <c r="AA4281" s="137"/>
      <c r="AB4281" s="137"/>
      <c r="AC4281" s="137"/>
      <c r="AD4281" s="137"/>
      <c r="AE4281" s="137"/>
      <c r="AF4281" s="137"/>
      <c r="AG4281" s="137"/>
      <c r="AH4281" s="137"/>
      <c r="AI4281" s="137"/>
      <c r="AJ4281" s="137"/>
      <c r="AK4281" s="206"/>
      <c r="AL4281" s="206"/>
      <c r="AM4281" s="143"/>
      <c r="AN4281" s="137"/>
      <c r="AO4281" s="137"/>
      <c r="AP4281" s="137"/>
      <c r="AQ4281" s="137"/>
      <c r="AR4281" s="137"/>
      <c r="AS4281" s="137"/>
      <c r="AT4281" s="137"/>
      <c r="AU4281" s="137"/>
      <c r="AV4281" s="137"/>
      <c r="AW4281" s="144"/>
    </row>
    <row r="4282" spans="2:49" x14ac:dyDescent="0.2">
      <c r="B4282" s="97"/>
      <c r="J4282" s="98"/>
      <c r="K4282" s="97"/>
      <c r="N4282" s="3"/>
      <c r="W4282" s="98"/>
      <c r="Z4282" s="143"/>
      <c r="AA4282" s="137"/>
      <c r="AB4282" s="137"/>
      <c r="AC4282" s="137"/>
      <c r="AD4282" s="137"/>
      <c r="AE4282" s="137"/>
      <c r="AF4282" s="137"/>
      <c r="AG4282" s="137"/>
      <c r="AH4282" s="137"/>
      <c r="AI4282" s="137"/>
      <c r="AJ4282" s="137"/>
      <c r="AK4282" s="206"/>
      <c r="AL4282" s="206"/>
      <c r="AM4282" s="143"/>
      <c r="AN4282" s="137"/>
      <c r="AO4282" s="137"/>
      <c r="AP4282" s="137"/>
      <c r="AQ4282" s="137"/>
      <c r="AR4282" s="137"/>
      <c r="AS4282" s="137"/>
      <c r="AT4282" s="137"/>
      <c r="AU4282" s="137"/>
      <c r="AV4282" s="137"/>
      <c r="AW4282" s="144"/>
    </row>
    <row r="4283" spans="2:49" x14ac:dyDescent="0.2">
      <c r="B4283" s="97"/>
      <c r="J4283" s="98"/>
      <c r="K4283" s="97"/>
      <c r="N4283" s="3"/>
      <c r="W4283" s="98"/>
      <c r="Z4283" s="143"/>
      <c r="AA4283" s="137"/>
      <c r="AB4283" s="137"/>
      <c r="AC4283" s="137"/>
      <c r="AD4283" s="137"/>
      <c r="AE4283" s="137"/>
      <c r="AF4283" s="137"/>
      <c r="AG4283" s="137"/>
      <c r="AH4283" s="137"/>
      <c r="AI4283" s="137"/>
      <c r="AJ4283" s="137"/>
      <c r="AK4283" s="206"/>
      <c r="AL4283" s="206"/>
      <c r="AM4283" s="143"/>
      <c r="AN4283" s="137"/>
      <c r="AO4283" s="137"/>
      <c r="AP4283" s="137"/>
      <c r="AQ4283" s="137"/>
      <c r="AR4283" s="137"/>
      <c r="AS4283" s="137"/>
      <c r="AT4283" s="137"/>
      <c r="AU4283" s="137"/>
      <c r="AV4283" s="137"/>
      <c r="AW4283" s="144"/>
    </row>
    <row r="4284" spans="2:49" x14ac:dyDescent="0.2">
      <c r="B4284" s="97"/>
      <c r="J4284" s="98"/>
      <c r="K4284" s="97"/>
      <c r="N4284" s="3"/>
      <c r="W4284" s="98"/>
      <c r="Z4284" s="143"/>
      <c r="AA4284" s="137"/>
      <c r="AB4284" s="137"/>
      <c r="AC4284" s="137"/>
      <c r="AD4284" s="137"/>
      <c r="AE4284" s="137"/>
      <c r="AF4284" s="137"/>
      <c r="AG4284" s="137"/>
      <c r="AH4284" s="137"/>
      <c r="AI4284" s="137"/>
      <c r="AJ4284" s="137"/>
      <c r="AK4284" s="206"/>
      <c r="AL4284" s="206"/>
      <c r="AM4284" s="143"/>
      <c r="AN4284" s="137"/>
      <c r="AO4284" s="137"/>
      <c r="AP4284" s="137"/>
      <c r="AQ4284" s="137"/>
      <c r="AR4284" s="137"/>
      <c r="AS4284" s="137"/>
      <c r="AT4284" s="137"/>
      <c r="AU4284" s="137"/>
      <c r="AV4284" s="137"/>
      <c r="AW4284" s="144"/>
    </row>
    <row r="4285" spans="2:49" x14ac:dyDescent="0.2">
      <c r="B4285" s="97"/>
      <c r="J4285" s="98"/>
      <c r="K4285" s="97"/>
      <c r="N4285" s="3"/>
      <c r="W4285" s="98"/>
      <c r="Z4285" s="143"/>
      <c r="AA4285" s="137"/>
      <c r="AB4285" s="137"/>
      <c r="AC4285" s="137"/>
      <c r="AD4285" s="137"/>
      <c r="AE4285" s="137"/>
      <c r="AF4285" s="137"/>
      <c r="AG4285" s="137"/>
      <c r="AH4285" s="137"/>
      <c r="AI4285" s="137"/>
      <c r="AJ4285" s="137"/>
      <c r="AK4285" s="206"/>
      <c r="AL4285" s="206"/>
      <c r="AM4285" s="143"/>
      <c r="AN4285" s="137"/>
      <c r="AO4285" s="137"/>
      <c r="AP4285" s="137"/>
      <c r="AQ4285" s="137"/>
      <c r="AR4285" s="137"/>
      <c r="AS4285" s="137"/>
      <c r="AT4285" s="137"/>
      <c r="AU4285" s="137"/>
      <c r="AV4285" s="137"/>
      <c r="AW4285" s="144"/>
    </row>
    <row r="4286" spans="2:49" x14ac:dyDescent="0.2">
      <c r="B4286" s="97"/>
      <c r="J4286" s="98"/>
      <c r="K4286" s="97"/>
      <c r="N4286" s="3"/>
      <c r="W4286" s="98"/>
      <c r="Z4286" s="143"/>
      <c r="AA4286" s="137"/>
      <c r="AB4286" s="137"/>
      <c r="AC4286" s="137"/>
      <c r="AD4286" s="137"/>
      <c r="AE4286" s="137"/>
      <c r="AF4286" s="137"/>
      <c r="AG4286" s="137"/>
      <c r="AH4286" s="137"/>
      <c r="AI4286" s="137"/>
      <c r="AJ4286" s="137"/>
      <c r="AK4286" s="206"/>
      <c r="AL4286" s="206"/>
      <c r="AM4286" s="143"/>
      <c r="AN4286" s="137"/>
      <c r="AO4286" s="137"/>
      <c r="AP4286" s="137"/>
      <c r="AQ4286" s="137"/>
      <c r="AR4286" s="137"/>
      <c r="AS4286" s="137"/>
      <c r="AT4286" s="137"/>
      <c r="AU4286" s="137"/>
      <c r="AV4286" s="137"/>
      <c r="AW4286" s="144"/>
    </row>
    <row r="4287" spans="2:49" x14ac:dyDescent="0.2">
      <c r="B4287" s="97"/>
      <c r="J4287" s="98"/>
      <c r="K4287" s="97"/>
      <c r="N4287" s="3"/>
      <c r="W4287" s="98"/>
      <c r="Z4287" s="143"/>
      <c r="AA4287" s="137"/>
      <c r="AB4287" s="137"/>
      <c r="AC4287" s="137"/>
      <c r="AD4287" s="137"/>
      <c r="AE4287" s="137"/>
      <c r="AF4287" s="137"/>
      <c r="AG4287" s="137"/>
      <c r="AH4287" s="137"/>
      <c r="AI4287" s="137"/>
      <c r="AJ4287" s="137"/>
      <c r="AK4287" s="206"/>
      <c r="AL4287" s="206"/>
      <c r="AM4287" s="143"/>
      <c r="AN4287" s="137"/>
      <c r="AO4287" s="137"/>
      <c r="AP4287" s="137"/>
      <c r="AQ4287" s="137"/>
      <c r="AR4287" s="137"/>
      <c r="AS4287" s="137"/>
      <c r="AT4287" s="137"/>
      <c r="AU4287" s="137"/>
      <c r="AV4287" s="137"/>
      <c r="AW4287" s="144"/>
    </row>
    <row r="4288" spans="2:49" x14ac:dyDescent="0.2">
      <c r="B4288" s="97"/>
      <c r="J4288" s="98"/>
      <c r="K4288" s="97"/>
      <c r="N4288" s="3"/>
      <c r="W4288" s="98"/>
      <c r="Z4288" s="143"/>
      <c r="AA4288" s="137"/>
      <c r="AB4288" s="137"/>
      <c r="AC4288" s="137"/>
      <c r="AD4288" s="137"/>
      <c r="AE4288" s="137"/>
      <c r="AF4288" s="137"/>
      <c r="AG4288" s="137"/>
      <c r="AH4288" s="137"/>
      <c r="AI4288" s="137"/>
      <c r="AJ4288" s="137"/>
      <c r="AK4288" s="206"/>
      <c r="AL4288" s="206"/>
      <c r="AM4288" s="143"/>
      <c r="AN4288" s="137"/>
      <c r="AO4288" s="137"/>
      <c r="AP4288" s="137"/>
      <c r="AQ4288" s="137"/>
      <c r="AR4288" s="137"/>
      <c r="AS4288" s="137"/>
      <c r="AT4288" s="137"/>
      <c r="AU4288" s="137"/>
      <c r="AV4288" s="137"/>
      <c r="AW4288" s="144"/>
    </row>
    <row r="4289" spans="2:49" x14ac:dyDescent="0.2">
      <c r="B4289" s="97"/>
      <c r="J4289" s="98"/>
      <c r="K4289" s="97"/>
      <c r="N4289" s="3"/>
      <c r="W4289" s="98"/>
      <c r="Z4289" s="143"/>
      <c r="AA4289" s="137"/>
      <c r="AB4289" s="137"/>
      <c r="AC4289" s="137"/>
      <c r="AD4289" s="137"/>
      <c r="AE4289" s="137"/>
      <c r="AF4289" s="137"/>
      <c r="AG4289" s="137"/>
      <c r="AH4289" s="137"/>
      <c r="AI4289" s="137"/>
      <c r="AJ4289" s="137"/>
      <c r="AK4289" s="206"/>
      <c r="AL4289" s="206"/>
      <c r="AM4289" s="143"/>
      <c r="AN4289" s="137"/>
      <c r="AO4289" s="137"/>
      <c r="AP4289" s="137"/>
      <c r="AQ4289" s="137"/>
      <c r="AR4289" s="137"/>
      <c r="AS4289" s="137"/>
      <c r="AT4289" s="137"/>
      <c r="AU4289" s="137"/>
      <c r="AV4289" s="137"/>
      <c r="AW4289" s="144"/>
    </row>
    <row r="4290" spans="2:49" x14ac:dyDescent="0.2">
      <c r="B4290" s="97"/>
      <c r="J4290" s="98"/>
      <c r="K4290" s="97"/>
      <c r="N4290" s="3"/>
      <c r="W4290" s="98"/>
      <c r="Z4290" s="143"/>
      <c r="AA4290" s="137"/>
      <c r="AB4290" s="137"/>
      <c r="AC4290" s="137"/>
      <c r="AD4290" s="137"/>
      <c r="AE4290" s="137"/>
      <c r="AF4290" s="137"/>
      <c r="AG4290" s="137"/>
      <c r="AH4290" s="137"/>
      <c r="AI4290" s="137"/>
      <c r="AJ4290" s="137"/>
      <c r="AK4290" s="206"/>
      <c r="AL4290" s="206"/>
      <c r="AM4290" s="143"/>
      <c r="AN4290" s="137"/>
      <c r="AO4290" s="137"/>
      <c r="AP4290" s="137"/>
      <c r="AQ4290" s="137"/>
      <c r="AR4290" s="137"/>
      <c r="AS4290" s="137"/>
      <c r="AT4290" s="137"/>
      <c r="AU4290" s="137"/>
      <c r="AV4290" s="137"/>
      <c r="AW4290" s="144"/>
    </row>
    <row r="4291" spans="2:49" x14ac:dyDescent="0.2">
      <c r="B4291" s="97"/>
      <c r="J4291" s="98"/>
      <c r="K4291" s="97"/>
      <c r="N4291" s="3"/>
      <c r="W4291" s="98"/>
      <c r="Z4291" s="143"/>
      <c r="AA4291" s="137"/>
      <c r="AB4291" s="137"/>
      <c r="AC4291" s="137"/>
      <c r="AD4291" s="137"/>
      <c r="AE4291" s="137"/>
      <c r="AF4291" s="137"/>
      <c r="AG4291" s="137"/>
      <c r="AH4291" s="137"/>
      <c r="AI4291" s="137"/>
      <c r="AJ4291" s="137"/>
      <c r="AK4291" s="206"/>
      <c r="AL4291" s="206"/>
      <c r="AM4291" s="143"/>
      <c r="AN4291" s="137"/>
      <c r="AO4291" s="137"/>
      <c r="AP4291" s="137"/>
      <c r="AQ4291" s="137"/>
      <c r="AR4291" s="137"/>
      <c r="AS4291" s="137"/>
      <c r="AT4291" s="137"/>
      <c r="AU4291" s="137"/>
      <c r="AV4291" s="137"/>
      <c r="AW4291" s="144"/>
    </row>
    <row r="4292" spans="2:49" x14ac:dyDescent="0.2">
      <c r="B4292" s="97"/>
      <c r="J4292" s="98"/>
      <c r="K4292" s="97"/>
      <c r="N4292" s="3"/>
      <c r="W4292" s="98"/>
      <c r="Z4292" s="143"/>
      <c r="AA4292" s="137"/>
      <c r="AB4292" s="137"/>
      <c r="AC4292" s="137"/>
      <c r="AD4292" s="137"/>
      <c r="AE4292" s="137"/>
      <c r="AF4292" s="137"/>
      <c r="AG4292" s="137"/>
      <c r="AH4292" s="137"/>
      <c r="AI4292" s="137"/>
      <c r="AJ4292" s="137"/>
      <c r="AK4292" s="206"/>
      <c r="AL4292" s="206"/>
      <c r="AM4292" s="143"/>
      <c r="AN4292" s="137"/>
      <c r="AO4292" s="137"/>
      <c r="AP4292" s="137"/>
      <c r="AQ4292" s="137"/>
      <c r="AR4292" s="137"/>
      <c r="AS4292" s="137"/>
      <c r="AT4292" s="137"/>
      <c r="AU4292" s="137"/>
      <c r="AV4292" s="137"/>
      <c r="AW4292" s="144"/>
    </row>
    <row r="4293" spans="2:49" x14ac:dyDescent="0.2">
      <c r="B4293" s="97"/>
      <c r="J4293" s="98"/>
      <c r="K4293" s="97"/>
      <c r="N4293" s="3"/>
      <c r="W4293" s="98"/>
      <c r="Z4293" s="143"/>
      <c r="AA4293" s="137"/>
      <c r="AB4293" s="137"/>
      <c r="AC4293" s="137"/>
      <c r="AD4293" s="137"/>
      <c r="AE4293" s="137"/>
      <c r="AF4293" s="137"/>
      <c r="AG4293" s="137"/>
      <c r="AH4293" s="137"/>
      <c r="AI4293" s="137"/>
      <c r="AJ4293" s="137"/>
      <c r="AK4293" s="206"/>
      <c r="AL4293" s="206"/>
      <c r="AM4293" s="143"/>
      <c r="AN4293" s="137"/>
      <c r="AO4293" s="137"/>
      <c r="AP4293" s="137"/>
      <c r="AQ4293" s="137"/>
      <c r="AR4293" s="137"/>
      <c r="AS4293" s="137"/>
      <c r="AT4293" s="137"/>
      <c r="AU4293" s="137"/>
      <c r="AV4293" s="137"/>
      <c r="AW4293" s="144"/>
    </row>
    <row r="4294" spans="2:49" x14ac:dyDescent="0.2">
      <c r="B4294" s="97"/>
      <c r="J4294" s="98"/>
      <c r="K4294" s="97"/>
      <c r="N4294" s="3"/>
      <c r="W4294" s="98"/>
      <c r="Z4294" s="143"/>
      <c r="AA4294" s="137"/>
      <c r="AB4294" s="137"/>
      <c r="AC4294" s="137"/>
      <c r="AD4294" s="137"/>
      <c r="AE4294" s="137"/>
      <c r="AF4294" s="137"/>
      <c r="AG4294" s="137"/>
      <c r="AH4294" s="137"/>
      <c r="AI4294" s="137"/>
      <c r="AJ4294" s="137"/>
      <c r="AK4294" s="206"/>
      <c r="AL4294" s="206"/>
      <c r="AM4294" s="143"/>
      <c r="AN4294" s="137"/>
      <c r="AO4294" s="137"/>
      <c r="AP4294" s="137"/>
      <c r="AQ4294" s="137"/>
      <c r="AR4294" s="137"/>
      <c r="AS4294" s="137"/>
      <c r="AT4294" s="137"/>
      <c r="AU4294" s="137"/>
      <c r="AV4294" s="137"/>
      <c r="AW4294" s="144"/>
    </row>
    <row r="4295" spans="2:49" x14ac:dyDescent="0.2">
      <c r="B4295" s="97"/>
      <c r="J4295" s="98"/>
      <c r="K4295" s="97"/>
      <c r="N4295" s="3"/>
      <c r="W4295" s="98"/>
      <c r="Z4295" s="143"/>
      <c r="AA4295" s="137"/>
      <c r="AB4295" s="137"/>
      <c r="AC4295" s="137"/>
      <c r="AD4295" s="137"/>
      <c r="AE4295" s="137"/>
      <c r="AF4295" s="137"/>
      <c r="AG4295" s="137"/>
      <c r="AH4295" s="137"/>
      <c r="AI4295" s="137"/>
      <c r="AJ4295" s="137"/>
      <c r="AK4295" s="206"/>
      <c r="AL4295" s="206"/>
      <c r="AM4295" s="143"/>
      <c r="AN4295" s="137"/>
      <c r="AO4295" s="137"/>
      <c r="AP4295" s="137"/>
      <c r="AQ4295" s="137"/>
      <c r="AR4295" s="137"/>
      <c r="AS4295" s="137"/>
      <c r="AT4295" s="137"/>
      <c r="AU4295" s="137"/>
      <c r="AV4295" s="137"/>
      <c r="AW4295" s="144"/>
    </row>
    <row r="4296" spans="2:49" x14ac:dyDescent="0.2">
      <c r="B4296" s="97"/>
      <c r="J4296" s="98"/>
      <c r="K4296" s="97"/>
      <c r="N4296" s="3"/>
      <c r="W4296" s="98"/>
      <c r="Z4296" s="143"/>
      <c r="AA4296" s="137"/>
      <c r="AB4296" s="137"/>
      <c r="AC4296" s="137"/>
      <c r="AD4296" s="137"/>
      <c r="AE4296" s="137"/>
      <c r="AF4296" s="137"/>
      <c r="AG4296" s="137"/>
      <c r="AH4296" s="137"/>
      <c r="AI4296" s="137"/>
      <c r="AJ4296" s="137"/>
      <c r="AK4296" s="206"/>
      <c r="AL4296" s="206"/>
      <c r="AM4296" s="143"/>
      <c r="AN4296" s="137"/>
      <c r="AO4296" s="137"/>
      <c r="AP4296" s="137"/>
      <c r="AQ4296" s="137"/>
      <c r="AR4296" s="137"/>
      <c r="AS4296" s="137"/>
      <c r="AT4296" s="137"/>
      <c r="AU4296" s="137"/>
      <c r="AV4296" s="137"/>
      <c r="AW4296" s="144"/>
    </row>
    <row r="4297" spans="2:49" x14ac:dyDescent="0.2">
      <c r="B4297" s="97"/>
      <c r="J4297" s="98"/>
      <c r="K4297" s="97"/>
      <c r="N4297" s="3"/>
      <c r="W4297" s="98"/>
      <c r="Z4297" s="143"/>
      <c r="AA4297" s="137"/>
      <c r="AB4297" s="137"/>
      <c r="AC4297" s="137"/>
      <c r="AD4297" s="137"/>
      <c r="AE4297" s="137"/>
      <c r="AF4297" s="137"/>
      <c r="AG4297" s="137"/>
      <c r="AH4297" s="137"/>
      <c r="AI4297" s="137"/>
      <c r="AJ4297" s="137"/>
      <c r="AK4297" s="206"/>
      <c r="AL4297" s="206"/>
      <c r="AM4297" s="143"/>
      <c r="AN4297" s="137"/>
      <c r="AO4297" s="137"/>
      <c r="AP4297" s="137"/>
      <c r="AQ4297" s="137"/>
      <c r="AR4297" s="137"/>
      <c r="AS4297" s="137"/>
      <c r="AT4297" s="137"/>
      <c r="AU4297" s="137"/>
      <c r="AV4297" s="137"/>
      <c r="AW4297" s="144"/>
    </row>
    <row r="4298" spans="2:49" x14ac:dyDescent="0.2">
      <c r="B4298" s="97"/>
      <c r="J4298" s="98"/>
      <c r="K4298" s="97"/>
      <c r="N4298" s="3"/>
      <c r="W4298" s="98"/>
      <c r="Z4298" s="143"/>
      <c r="AA4298" s="137"/>
      <c r="AB4298" s="137"/>
      <c r="AC4298" s="137"/>
      <c r="AD4298" s="137"/>
      <c r="AE4298" s="137"/>
      <c r="AF4298" s="137"/>
      <c r="AG4298" s="137"/>
      <c r="AH4298" s="137"/>
      <c r="AI4298" s="137"/>
      <c r="AJ4298" s="137"/>
      <c r="AK4298" s="206"/>
      <c r="AL4298" s="206"/>
      <c r="AM4298" s="143"/>
      <c r="AN4298" s="137"/>
      <c r="AO4298" s="137"/>
      <c r="AP4298" s="137"/>
      <c r="AQ4298" s="137"/>
      <c r="AR4298" s="137"/>
      <c r="AS4298" s="137"/>
      <c r="AT4298" s="137"/>
      <c r="AU4298" s="137"/>
      <c r="AV4298" s="137"/>
      <c r="AW4298" s="144"/>
    </row>
    <row r="4299" spans="2:49" x14ac:dyDescent="0.2">
      <c r="B4299" s="97"/>
      <c r="J4299" s="98"/>
      <c r="K4299" s="97"/>
      <c r="N4299" s="3"/>
      <c r="W4299" s="98"/>
      <c r="Z4299" s="143"/>
      <c r="AA4299" s="137"/>
      <c r="AB4299" s="137"/>
      <c r="AC4299" s="137"/>
      <c r="AD4299" s="137"/>
      <c r="AE4299" s="137"/>
      <c r="AF4299" s="137"/>
      <c r="AG4299" s="137"/>
      <c r="AH4299" s="137"/>
      <c r="AI4299" s="137"/>
      <c r="AJ4299" s="137"/>
      <c r="AK4299" s="206"/>
      <c r="AL4299" s="206"/>
      <c r="AM4299" s="143"/>
      <c r="AN4299" s="137"/>
      <c r="AO4299" s="137"/>
      <c r="AP4299" s="137"/>
      <c r="AQ4299" s="137"/>
      <c r="AR4299" s="137"/>
      <c r="AS4299" s="137"/>
      <c r="AT4299" s="137"/>
      <c r="AU4299" s="137"/>
      <c r="AV4299" s="137"/>
      <c r="AW4299" s="144"/>
    </row>
    <row r="4300" spans="2:49" x14ac:dyDescent="0.2">
      <c r="B4300" s="97"/>
      <c r="J4300" s="98"/>
      <c r="K4300" s="97"/>
      <c r="N4300" s="3"/>
      <c r="W4300" s="98"/>
      <c r="Z4300" s="143"/>
      <c r="AA4300" s="137"/>
      <c r="AB4300" s="137"/>
      <c r="AC4300" s="137"/>
      <c r="AD4300" s="137"/>
      <c r="AE4300" s="137"/>
      <c r="AF4300" s="137"/>
      <c r="AG4300" s="137"/>
      <c r="AH4300" s="137"/>
      <c r="AI4300" s="137"/>
      <c r="AJ4300" s="137"/>
      <c r="AK4300" s="206"/>
      <c r="AL4300" s="206"/>
      <c r="AM4300" s="143"/>
      <c r="AN4300" s="137"/>
      <c r="AO4300" s="137"/>
      <c r="AP4300" s="137"/>
      <c r="AQ4300" s="137"/>
      <c r="AR4300" s="137"/>
      <c r="AS4300" s="137"/>
      <c r="AT4300" s="137"/>
      <c r="AU4300" s="137"/>
      <c r="AV4300" s="137"/>
      <c r="AW4300" s="144"/>
    </row>
    <row r="4301" spans="2:49" x14ac:dyDescent="0.2">
      <c r="B4301" s="97"/>
      <c r="J4301" s="98"/>
      <c r="K4301" s="97"/>
      <c r="N4301" s="3"/>
      <c r="W4301" s="98"/>
      <c r="Z4301" s="143"/>
      <c r="AA4301" s="137"/>
      <c r="AB4301" s="137"/>
      <c r="AC4301" s="137"/>
      <c r="AD4301" s="137"/>
      <c r="AE4301" s="137"/>
      <c r="AF4301" s="137"/>
      <c r="AG4301" s="137"/>
      <c r="AH4301" s="137"/>
      <c r="AI4301" s="137"/>
      <c r="AJ4301" s="137"/>
      <c r="AK4301" s="206"/>
      <c r="AL4301" s="206"/>
      <c r="AM4301" s="143"/>
      <c r="AN4301" s="137"/>
      <c r="AO4301" s="137"/>
      <c r="AP4301" s="137"/>
      <c r="AQ4301" s="137"/>
      <c r="AR4301" s="137"/>
      <c r="AS4301" s="137"/>
      <c r="AT4301" s="137"/>
      <c r="AU4301" s="137"/>
      <c r="AV4301" s="137"/>
      <c r="AW4301" s="144"/>
    </row>
    <row r="4302" spans="2:49" x14ac:dyDescent="0.2">
      <c r="B4302" s="97"/>
      <c r="J4302" s="98"/>
      <c r="K4302" s="97"/>
      <c r="N4302" s="3"/>
      <c r="W4302" s="98"/>
      <c r="Z4302" s="143"/>
      <c r="AA4302" s="137"/>
      <c r="AB4302" s="137"/>
      <c r="AC4302" s="137"/>
      <c r="AD4302" s="137"/>
      <c r="AE4302" s="137"/>
      <c r="AF4302" s="137"/>
      <c r="AG4302" s="137"/>
      <c r="AH4302" s="137"/>
      <c r="AI4302" s="137"/>
      <c r="AJ4302" s="137"/>
      <c r="AK4302" s="206"/>
      <c r="AL4302" s="206"/>
      <c r="AM4302" s="143"/>
      <c r="AN4302" s="137"/>
      <c r="AO4302" s="137"/>
      <c r="AP4302" s="137"/>
      <c r="AQ4302" s="137"/>
      <c r="AR4302" s="137"/>
      <c r="AS4302" s="137"/>
      <c r="AT4302" s="137"/>
      <c r="AU4302" s="137"/>
      <c r="AV4302" s="137"/>
      <c r="AW4302" s="144"/>
    </row>
    <row r="4303" spans="2:49" x14ac:dyDescent="0.2">
      <c r="B4303" s="97"/>
      <c r="J4303" s="98"/>
      <c r="K4303" s="97"/>
      <c r="N4303" s="3"/>
      <c r="W4303" s="98"/>
      <c r="Z4303" s="143"/>
      <c r="AA4303" s="137"/>
      <c r="AB4303" s="137"/>
      <c r="AC4303" s="137"/>
      <c r="AD4303" s="137"/>
      <c r="AE4303" s="137"/>
      <c r="AF4303" s="137"/>
      <c r="AG4303" s="137"/>
      <c r="AH4303" s="137"/>
      <c r="AI4303" s="137"/>
      <c r="AJ4303" s="137"/>
      <c r="AK4303" s="206"/>
      <c r="AL4303" s="206"/>
      <c r="AM4303" s="143"/>
      <c r="AN4303" s="137"/>
      <c r="AO4303" s="137"/>
      <c r="AP4303" s="137"/>
      <c r="AQ4303" s="137"/>
      <c r="AR4303" s="137"/>
      <c r="AS4303" s="137"/>
      <c r="AT4303" s="137"/>
      <c r="AU4303" s="137"/>
      <c r="AV4303" s="137"/>
      <c r="AW4303" s="144"/>
    </row>
    <row r="4304" spans="2:49" x14ac:dyDescent="0.2">
      <c r="B4304" s="97"/>
      <c r="J4304" s="98"/>
      <c r="K4304" s="97"/>
      <c r="N4304" s="3"/>
      <c r="W4304" s="98"/>
      <c r="Z4304" s="143"/>
      <c r="AA4304" s="137"/>
      <c r="AB4304" s="137"/>
      <c r="AC4304" s="137"/>
      <c r="AD4304" s="137"/>
      <c r="AE4304" s="137"/>
      <c r="AF4304" s="137"/>
      <c r="AG4304" s="137"/>
      <c r="AH4304" s="137"/>
      <c r="AI4304" s="137"/>
      <c r="AJ4304" s="137"/>
      <c r="AK4304" s="206"/>
      <c r="AL4304" s="206"/>
      <c r="AM4304" s="143"/>
      <c r="AN4304" s="137"/>
      <c r="AO4304" s="137"/>
      <c r="AP4304" s="137"/>
      <c r="AQ4304" s="137"/>
      <c r="AR4304" s="137"/>
      <c r="AS4304" s="137"/>
      <c r="AT4304" s="137"/>
      <c r="AU4304" s="137"/>
      <c r="AV4304" s="137"/>
      <c r="AW4304" s="144"/>
    </row>
    <row r="4305" spans="2:49" x14ac:dyDescent="0.2">
      <c r="B4305" s="97"/>
      <c r="J4305" s="98"/>
      <c r="K4305" s="97"/>
      <c r="N4305" s="3"/>
      <c r="W4305" s="98"/>
      <c r="Z4305" s="143"/>
      <c r="AA4305" s="137"/>
      <c r="AB4305" s="137"/>
      <c r="AC4305" s="137"/>
      <c r="AD4305" s="137"/>
      <c r="AE4305" s="137"/>
      <c r="AF4305" s="137"/>
      <c r="AG4305" s="137"/>
      <c r="AH4305" s="137"/>
      <c r="AI4305" s="137"/>
      <c r="AJ4305" s="137"/>
      <c r="AK4305" s="206"/>
      <c r="AL4305" s="206"/>
      <c r="AM4305" s="143"/>
      <c r="AN4305" s="137"/>
      <c r="AO4305" s="137"/>
      <c r="AP4305" s="137"/>
      <c r="AQ4305" s="137"/>
      <c r="AR4305" s="137"/>
      <c r="AS4305" s="137"/>
      <c r="AT4305" s="137"/>
      <c r="AU4305" s="137"/>
      <c r="AV4305" s="137"/>
      <c r="AW4305" s="144"/>
    </row>
    <row r="4306" spans="2:49" x14ac:dyDescent="0.2">
      <c r="B4306" s="97"/>
      <c r="J4306" s="98"/>
      <c r="K4306" s="97"/>
      <c r="N4306" s="3"/>
      <c r="W4306" s="98"/>
      <c r="Z4306" s="143"/>
      <c r="AA4306" s="137"/>
      <c r="AB4306" s="137"/>
      <c r="AC4306" s="137"/>
      <c r="AD4306" s="137"/>
      <c r="AE4306" s="137"/>
      <c r="AF4306" s="137"/>
      <c r="AG4306" s="137"/>
      <c r="AH4306" s="137"/>
      <c r="AI4306" s="137"/>
      <c r="AJ4306" s="137"/>
      <c r="AK4306" s="206"/>
      <c r="AL4306" s="206"/>
      <c r="AM4306" s="143"/>
      <c r="AN4306" s="137"/>
      <c r="AO4306" s="137"/>
      <c r="AP4306" s="137"/>
      <c r="AQ4306" s="137"/>
      <c r="AR4306" s="137"/>
      <c r="AS4306" s="137"/>
      <c r="AT4306" s="137"/>
      <c r="AU4306" s="137"/>
      <c r="AV4306" s="137"/>
      <c r="AW4306" s="144"/>
    </row>
    <row r="4307" spans="2:49" x14ac:dyDescent="0.2">
      <c r="B4307" s="97"/>
      <c r="J4307" s="98"/>
      <c r="K4307" s="97"/>
      <c r="N4307" s="3"/>
      <c r="W4307" s="98"/>
      <c r="Z4307" s="143"/>
      <c r="AA4307" s="137"/>
      <c r="AB4307" s="137"/>
      <c r="AC4307" s="137"/>
      <c r="AD4307" s="137"/>
      <c r="AE4307" s="137"/>
      <c r="AF4307" s="137"/>
      <c r="AG4307" s="137"/>
      <c r="AH4307" s="137"/>
      <c r="AI4307" s="137"/>
      <c r="AJ4307" s="137"/>
      <c r="AK4307" s="206"/>
      <c r="AL4307" s="206"/>
      <c r="AM4307" s="143"/>
      <c r="AN4307" s="137"/>
      <c r="AO4307" s="137"/>
      <c r="AP4307" s="137"/>
      <c r="AQ4307" s="137"/>
      <c r="AR4307" s="137"/>
      <c r="AS4307" s="137"/>
      <c r="AT4307" s="137"/>
      <c r="AU4307" s="137"/>
      <c r="AV4307" s="137"/>
      <c r="AW4307" s="144"/>
    </row>
    <row r="4308" spans="2:49" x14ac:dyDescent="0.2">
      <c r="B4308" s="97"/>
      <c r="J4308" s="98"/>
      <c r="K4308" s="97"/>
      <c r="N4308" s="3"/>
      <c r="W4308" s="98"/>
      <c r="Z4308" s="143"/>
      <c r="AA4308" s="137"/>
      <c r="AB4308" s="137"/>
      <c r="AC4308" s="137"/>
      <c r="AD4308" s="137"/>
      <c r="AE4308" s="137"/>
      <c r="AF4308" s="137"/>
      <c r="AG4308" s="137"/>
      <c r="AH4308" s="137"/>
      <c r="AI4308" s="137"/>
      <c r="AJ4308" s="137"/>
      <c r="AK4308" s="206"/>
      <c r="AL4308" s="206"/>
      <c r="AM4308" s="143"/>
      <c r="AN4308" s="137"/>
      <c r="AO4308" s="137"/>
      <c r="AP4308" s="137"/>
      <c r="AQ4308" s="137"/>
      <c r="AR4308" s="137"/>
      <c r="AS4308" s="137"/>
      <c r="AT4308" s="137"/>
      <c r="AU4308" s="137"/>
      <c r="AV4308" s="137"/>
      <c r="AW4308" s="144"/>
    </row>
    <row r="4309" spans="2:49" x14ac:dyDescent="0.2">
      <c r="B4309" s="97"/>
      <c r="J4309" s="98"/>
      <c r="K4309" s="97"/>
      <c r="N4309" s="3"/>
      <c r="W4309" s="98"/>
      <c r="Z4309" s="143"/>
      <c r="AA4309" s="137"/>
      <c r="AB4309" s="137"/>
      <c r="AC4309" s="137"/>
      <c r="AD4309" s="137"/>
      <c r="AE4309" s="137"/>
      <c r="AF4309" s="137"/>
      <c r="AG4309" s="137"/>
      <c r="AH4309" s="137"/>
      <c r="AI4309" s="137"/>
      <c r="AJ4309" s="137"/>
      <c r="AK4309" s="206"/>
      <c r="AL4309" s="206"/>
      <c r="AM4309" s="143"/>
      <c r="AN4309" s="137"/>
      <c r="AO4309" s="137"/>
      <c r="AP4309" s="137"/>
      <c r="AQ4309" s="137"/>
      <c r="AR4309" s="137"/>
      <c r="AS4309" s="137"/>
      <c r="AT4309" s="137"/>
      <c r="AU4309" s="137"/>
      <c r="AV4309" s="137"/>
      <c r="AW4309" s="144"/>
    </row>
    <row r="4310" spans="2:49" x14ac:dyDescent="0.2">
      <c r="B4310" s="97"/>
      <c r="J4310" s="98"/>
      <c r="K4310" s="97"/>
      <c r="N4310" s="3"/>
      <c r="W4310" s="98"/>
      <c r="Z4310" s="143"/>
      <c r="AA4310" s="137"/>
      <c r="AB4310" s="137"/>
      <c r="AC4310" s="137"/>
      <c r="AD4310" s="137"/>
      <c r="AE4310" s="137"/>
      <c r="AF4310" s="137"/>
      <c r="AG4310" s="137"/>
      <c r="AH4310" s="137"/>
      <c r="AI4310" s="137"/>
      <c r="AJ4310" s="137"/>
      <c r="AK4310" s="206"/>
      <c r="AL4310" s="206"/>
      <c r="AM4310" s="143"/>
      <c r="AN4310" s="137"/>
      <c r="AO4310" s="137"/>
      <c r="AP4310" s="137"/>
      <c r="AQ4310" s="137"/>
      <c r="AR4310" s="137"/>
      <c r="AS4310" s="137"/>
      <c r="AT4310" s="137"/>
      <c r="AU4310" s="137"/>
      <c r="AV4310" s="137"/>
      <c r="AW4310" s="144"/>
    </row>
    <row r="4311" spans="2:49" x14ac:dyDescent="0.2">
      <c r="B4311" s="97"/>
      <c r="J4311" s="98"/>
      <c r="K4311" s="97"/>
      <c r="N4311" s="3"/>
      <c r="W4311" s="98"/>
      <c r="Z4311" s="143"/>
      <c r="AA4311" s="137"/>
      <c r="AB4311" s="137"/>
      <c r="AC4311" s="137"/>
      <c r="AD4311" s="137"/>
      <c r="AE4311" s="137"/>
      <c r="AF4311" s="137"/>
      <c r="AG4311" s="137"/>
      <c r="AH4311" s="137"/>
      <c r="AI4311" s="137"/>
      <c r="AJ4311" s="137"/>
      <c r="AK4311" s="206"/>
      <c r="AL4311" s="206"/>
      <c r="AM4311" s="143"/>
      <c r="AN4311" s="137"/>
      <c r="AO4311" s="137"/>
      <c r="AP4311" s="137"/>
      <c r="AQ4311" s="137"/>
      <c r="AR4311" s="137"/>
      <c r="AS4311" s="137"/>
      <c r="AT4311" s="137"/>
      <c r="AU4311" s="137"/>
      <c r="AV4311" s="137"/>
      <c r="AW4311" s="144"/>
    </row>
    <row r="4312" spans="2:49" x14ac:dyDescent="0.2">
      <c r="B4312" s="97"/>
      <c r="J4312" s="98"/>
      <c r="K4312" s="97"/>
      <c r="N4312" s="3"/>
      <c r="W4312" s="98"/>
      <c r="Z4312" s="143"/>
      <c r="AA4312" s="137"/>
      <c r="AB4312" s="137"/>
      <c r="AC4312" s="137"/>
      <c r="AD4312" s="137"/>
      <c r="AE4312" s="137"/>
      <c r="AF4312" s="137"/>
      <c r="AG4312" s="137"/>
      <c r="AH4312" s="137"/>
      <c r="AI4312" s="137"/>
      <c r="AJ4312" s="137"/>
      <c r="AK4312" s="206"/>
      <c r="AL4312" s="206"/>
      <c r="AM4312" s="143"/>
      <c r="AN4312" s="137"/>
      <c r="AO4312" s="137"/>
      <c r="AP4312" s="137"/>
      <c r="AQ4312" s="137"/>
      <c r="AR4312" s="137"/>
      <c r="AS4312" s="137"/>
      <c r="AT4312" s="137"/>
      <c r="AU4312" s="137"/>
      <c r="AV4312" s="137"/>
      <c r="AW4312" s="144"/>
    </row>
    <row r="4313" spans="2:49" x14ac:dyDescent="0.2">
      <c r="B4313" s="97"/>
      <c r="J4313" s="98"/>
      <c r="K4313" s="97"/>
      <c r="N4313" s="3"/>
      <c r="W4313" s="98"/>
      <c r="Z4313" s="143"/>
      <c r="AA4313" s="137"/>
      <c r="AB4313" s="137"/>
      <c r="AC4313" s="137"/>
      <c r="AD4313" s="137"/>
      <c r="AE4313" s="137"/>
      <c r="AF4313" s="137"/>
      <c r="AG4313" s="137"/>
      <c r="AH4313" s="137"/>
      <c r="AI4313" s="137"/>
      <c r="AJ4313" s="137"/>
      <c r="AK4313" s="206"/>
      <c r="AL4313" s="206"/>
      <c r="AM4313" s="143"/>
      <c r="AN4313" s="137"/>
      <c r="AO4313" s="137"/>
      <c r="AP4313" s="137"/>
      <c r="AQ4313" s="137"/>
      <c r="AR4313" s="137"/>
      <c r="AS4313" s="137"/>
      <c r="AT4313" s="137"/>
      <c r="AU4313" s="137"/>
      <c r="AV4313" s="137"/>
      <c r="AW4313" s="144"/>
    </row>
    <row r="4314" spans="2:49" x14ac:dyDescent="0.2">
      <c r="B4314" s="97"/>
      <c r="J4314" s="98"/>
      <c r="K4314" s="97"/>
      <c r="N4314" s="3"/>
      <c r="W4314" s="98"/>
      <c r="Z4314" s="143"/>
      <c r="AA4314" s="137"/>
      <c r="AB4314" s="137"/>
      <c r="AC4314" s="137"/>
      <c r="AD4314" s="137"/>
      <c r="AE4314" s="137"/>
      <c r="AF4314" s="137"/>
      <c r="AG4314" s="137"/>
      <c r="AH4314" s="137"/>
      <c r="AI4314" s="137"/>
      <c r="AJ4314" s="137"/>
      <c r="AK4314" s="206"/>
      <c r="AL4314" s="206"/>
      <c r="AM4314" s="143"/>
      <c r="AN4314" s="137"/>
      <c r="AO4314" s="137"/>
      <c r="AP4314" s="137"/>
      <c r="AQ4314" s="137"/>
      <c r="AR4314" s="137"/>
      <c r="AS4314" s="137"/>
      <c r="AT4314" s="137"/>
      <c r="AU4314" s="137"/>
      <c r="AV4314" s="137"/>
      <c r="AW4314" s="144"/>
    </row>
    <row r="4315" spans="2:49" x14ac:dyDescent="0.2">
      <c r="B4315" s="97"/>
      <c r="J4315" s="98"/>
      <c r="K4315" s="97"/>
      <c r="N4315" s="3"/>
      <c r="W4315" s="98"/>
      <c r="Z4315" s="143"/>
      <c r="AA4315" s="137"/>
      <c r="AB4315" s="137"/>
      <c r="AC4315" s="137"/>
      <c r="AD4315" s="137"/>
      <c r="AE4315" s="137"/>
      <c r="AF4315" s="137"/>
      <c r="AG4315" s="137"/>
      <c r="AH4315" s="137"/>
      <c r="AI4315" s="137"/>
      <c r="AJ4315" s="137"/>
      <c r="AK4315" s="206"/>
      <c r="AL4315" s="206"/>
      <c r="AM4315" s="143"/>
      <c r="AN4315" s="137"/>
      <c r="AO4315" s="137"/>
      <c r="AP4315" s="137"/>
      <c r="AQ4315" s="137"/>
      <c r="AR4315" s="137"/>
      <c r="AS4315" s="137"/>
      <c r="AT4315" s="137"/>
      <c r="AU4315" s="137"/>
      <c r="AV4315" s="137"/>
      <c r="AW4315" s="144"/>
    </row>
    <row r="4316" spans="2:49" x14ac:dyDescent="0.2">
      <c r="B4316" s="97"/>
      <c r="J4316" s="98"/>
      <c r="K4316" s="97"/>
      <c r="N4316" s="3"/>
      <c r="W4316" s="98"/>
      <c r="Z4316" s="143"/>
      <c r="AA4316" s="137"/>
      <c r="AB4316" s="137"/>
      <c r="AC4316" s="137"/>
      <c r="AD4316" s="137"/>
      <c r="AE4316" s="137"/>
      <c r="AF4316" s="137"/>
      <c r="AG4316" s="137"/>
      <c r="AH4316" s="137"/>
      <c r="AI4316" s="137"/>
      <c r="AJ4316" s="137"/>
      <c r="AK4316" s="206"/>
      <c r="AL4316" s="206"/>
      <c r="AM4316" s="143"/>
      <c r="AN4316" s="137"/>
      <c r="AO4316" s="137"/>
      <c r="AP4316" s="137"/>
      <c r="AQ4316" s="137"/>
      <c r="AR4316" s="137"/>
      <c r="AS4316" s="137"/>
      <c r="AT4316" s="137"/>
      <c r="AU4316" s="137"/>
      <c r="AV4316" s="137"/>
      <c r="AW4316" s="144"/>
    </row>
    <row r="4317" spans="2:49" x14ac:dyDescent="0.2">
      <c r="B4317" s="97"/>
      <c r="J4317" s="98"/>
      <c r="K4317" s="97"/>
      <c r="N4317" s="3"/>
      <c r="W4317" s="98"/>
      <c r="Z4317" s="143"/>
      <c r="AA4317" s="137"/>
      <c r="AB4317" s="137"/>
      <c r="AC4317" s="137"/>
      <c r="AD4317" s="137"/>
      <c r="AE4317" s="137"/>
      <c r="AF4317" s="137"/>
      <c r="AG4317" s="137"/>
      <c r="AH4317" s="137"/>
      <c r="AI4317" s="137"/>
      <c r="AJ4317" s="137"/>
      <c r="AK4317" s="206"/>
      <c r="AL4317" s="206"/>
      <c r="AM4317" s="143"/>
      <c r="AN4317" s="137"/>
      <c r="AO4317" s="137"/>
      <c r="AP4317" s="137"/>
      <c r="AQ4317" s="137"/>
      <c r="AR4317" s="137"/>
      <c r="AS4317" s="137"/>
      <c r="AT4317" s="137"/>
      <c r="AU4317" s="137"/>
      <c r="AV4317" s="137"/>
      <c r="AW4317" s="144"/>
    </row>
    <row r="4318" spans="2:49" x14ac:dyDescent="0.2">
      <c r="B4318" s="97"/>
      <c r="J4318" s="98"/>
      <c r="K4318" s="97"/>
      <c r="N4318" s="3"/>
      <c r="W4318" s="98"/>
      <c r="Z4318" s="143"/>
      <c r="AA4318" s="137"/>
      <c r="AB4318" s="137"/>
      <c r="AC4318" s="137"/>
      <c r="AD4318" s="137"/>
      <c r="AE4318" s="137"/>
      <c r="AF4318" s="137"/>
      <c r="AG4318" s="137"/>
      <c r="AH4318" s="137"/>
      <c r="AI4318" s="137"/>
      <c r="AJ4318" s="137"/>
      <c r="AK4318" s="206"/>
      <c r="AL4318" s="206"/>
      <c r="AM4318" s="143"/>
      <c r="AN4318" s="137"/>
      <c r="AO4318" s="137"/>
      <c r="AP4318" s="137"/>
      <c r="AQ4318" s="137"/>
      <c r="AR4318" s="137"/>
      <c r="AS4318" s="137"/>
      <c r="AT4318" s="137"/>
      <c r="AU4318" s="137"/>
      <c r="AV4318" s="137"/>
      <c r="AW4318" s="144"/>
    </row>
    <row r="4319" spans="2:49" x14ac:dyDescent="0.2">
      <c r="B4319" s="97"/>
      <c r="J4319" s="98"/>
      <c r="K4319" s="97"/>
      <c r="N4319" s="3"/>
      <c r="W4319" s="98"/>
      <c r="Z4319" s="143"/>
      <c r="AA4319" s="137"/>
      <c r="AB4319" s="137"/>
      <c r="AC4319" s="137"/>
      <c r="AD4319" s="137"/>
      <c r="AE4319" s="137"/>
      <c r="AF4319" s="137"/>
      <c r="AG4319" s="137"/>
      <c r="AH4319" s="137"/>
      <c r="AI4319" s="137"/>
      <c r="AJ4319" s="137"/>
      <c r="AK4319" s="206"/>
      <c r="AL4319" s="206"/>
      <c r="AM4319" s="143"/>
      <c r="AN4319" s="137"/>
      <c r="AO4319" s="137"/>
      <c r="AP4319" s="137"/>
      <c r="AQ4319" s="137"/>
      <c r="AR4319" s="137"/>
      <c r="AS4319" s="137"/>
      <c r="AT4319" s="137"/>
      <c r="AU4319" s="137"/>
      <c r="AV4319" s="137"/>
      <c r="AW4319" s="144"/>
    </row>
    <row r="4320" spans="2:49" x14ac:dyDescent="0.2">
      <c r="B4320" s="97"/>
      <c r="J4320" s="98"/>
      <c r="K4320" s="97"/>
      <c r="N4320" s="3"/>
      <c r="W4320" s="98"/>
      <c r="Z4320" s="143"/>
      <c r="AA4320" s="137"/>
      <c r="AB4320" s="137"/>
      <c r="AC4320" s="137"/>
      <c r="AD4320" s="137"/>
      <c r="AE4320" s="137"/>
      <c r="AF4320" s="137"/>
      <c r="AG4320" s="137"/>
      <c r="AH4320" s="137"/>
      <c r="AI4320" s="137"/>
      <c r="AJ4320" s="137"/>
      <c r="AK4320" s="206"/>
      <c r="AL4320" s="206"/>
      <c r="AM4320" s="143"/>
      <c r="AN4320" s="137"/>
      <c r="AO4320" s="137"/>
      <c r="AP4320" s="137"/>
      <c r="AQ4320" s="137"/>
      <c r="AR4320" s="137"/>
      <c r="AS4320" s="137"/>
      <c r="AT4320" s="137"/>
      <c r="AU4320" s="137"/>
      <c r="AV4320" s="137"/>
      <c r="AW4320" s="144"/>
    </row>
    <row r="4321" spans="2:49" x14ac:dyDescent="0.2">
      <c r="B4321" s="97"/>
      <c r="J4321" s="98"/>
      <c r="K4321" s="97"/>
      <c r="N4321" s="3"/>
      <c r="W4321" s="98"/>
      <c r="Z4321" s="143"/>
      <c r="AA4321" s="137"/>
      <c r="AB4321" s="137"/>
      <c r="AC4321" s="137"/>
      <c r="AD4321" s="137"/>
      <c r="AE4321" s="137"/>
      <c r="AF4321" s="137"/>
      <c r="AG4321" s="137"/>
      <c r="AH4321" s="137"/>
      <c r="AI4321" s="137"/>
      <c r="AJ4321" s="137"/>
      <c r="AK4321" s="206"/>
      <c r="AL4321" s="206"/>
      <c r="AM4321" s="143"/>
      <c r="AN4321" s="137"/>
      <c r="AO4321" s="137"/>
      <c r="AP4321" s="137"/>
      <c r="AQ4321" s="137"/>
      <c r="AR4321" s="137"/>
      <c r="AS4321" s="137"/>
      <c r="AT4321" s="137"/>
      <c r="AU4321" s="137"/>
      <c r="AV4321" s="137"/>
      <c r="AW4321" s="144"/>
    </row>
    <row r="4322" spans="2:49" x14ac:dyDescent="0.2">
      <c r="B4322" s="97"/>
      <c r="J4322" s="98"/>
      <c r="K4322" s="97"/>
      <c r="N4322" s="3"/>
      <c r="W4322" s="98"/>
      <c r="Z4322" s="143"/>
      <c r="AA4322" s="137"/>
      <c r="AB4322" s="137"/>
      <c r="AC4322" s="137"/>
      <c r="AD4322" s="137"/>
      <c r="AE4322" s="137"/>
      <c r="AF4322" s="137"/>
      <c r="AG4322" s="137"/>
      <c r="AH4322" s="137"/>
      <c r="AI4322" s="137"/>
      <c r="AJ4322" s="137"/>
      <c r="AK4322" s="206"/>
      <c r="AL4322" s="206"/>
      <c r="AM4322" s="143"/>
      <c r="AN4322" s="137"/>
      <c r="AO4322" s="137"/>
      <c r="AP4322" s="137"/>
      <c r="AQ4322" s="137"/>
      <c r="AR4322" s="137"/>
      <c r="AS4322" s="137"/>
      <c r="AT4322" s="137"/>
      <c r="AU4322" s="137"/>
      <c r="AV4322" s="137"/>
      <c r="AW4322" s="144"/>
    </row>
    <row r="4323" spans="2:49" x14ac:dyDescent="0.2">
      <c r="B4323" s="97"/>
      <c r="J4323" s="98"/>
      <c r="K4323" s="97"/>
      <c r="N4323" s="3"/>
      <c r="W4323" s="98"/>
      <c r="Z4323" s="143"/>
      <c r="AA4323" s="137"/>
      <c r="AB4323" s="137"/>
      <c r="AC4323" s="137"/>
      <c r="AD4323" s="137"/>
      <c r="AE4323" s="137"/>
      <c r="AF4323" s="137"/>
      <c r="AG4323" s="137"/>
      <c r="AH4323" s="137"/>
      <c r="AI4323" s="137"/>
      <c r="AJ4323" s="137"/>
      <c r="AK4323" s="206"/>
      <c r="AL4323" s="206"/>
      <c r="AM4323" s="143"/>
      <c r="AN4323" s="137"/>
      <c r="AO4323" s="137"/>
      <c r="AP4323" s="137"/>
      <c r="AQ4323" s="137"/>
      <c r="AR4323" s="137"/>
      <c r="AS4323" s="137"/>
      <c r="AT4323" s="137"/>
      <c r="AU4323" s="137"/>
      <c r="AV4323" s="137"/>
      <c r="AW4323" s="144"/>
    </row>
    <row r="4324" spans="2:49" x14ac:dyDescent="0.2">
      <c r="B4324" s="97"/>
      <c r="J4324" s="98"/>
      <c r="K4324" s="97"/>
      <c r="N4324" s="3"/>
      <c r="W4324" s="98"/>
      <c r="Z4324" s="143"/>
      <c r="AA4324" s="137"/>
      <c r="AB4324" s="137"/>
      <c r="AC4324" s="137"/>
      <c r="AD4324" s="137"/>
      <c r="AE4324" s="137"/>
      <c r="AF4324" s="137"/>
      <c r="AG4324" s="137"/>
      <c r="AH4324" s="137"/>
      <c r="AI4324" s="137"/>
      <c r="AJ4324" s="137"/>
      <c r="AK4324" s="206"/>
      <c r="AL4324" s="206"/>
      <c r="AM4324" s="143"/>
      <c r="AN4324" s="137"/>
      <c r="AO4324" s="137"/>
      <c r="AP4324" s="137"/>
      <c r="AQ4324" s="137"/>
      <c r="AR4324" s="137"/>
      <c r="AS4324" s="137"/>
      <c r="AT4324" s="137"/>
      <c r="AU4324" s="137"/>
      <c r="AV4324" s="137"/>
      <c r="AW4324" s="144"/>
    </row>
    <row r="4325" spans="2:49" x14ac:dyDescent="0.2">
      <c r="B4325" s="97"/>
      <c r="J4325" s="98"/>
      <c r="K4325" s="97"/>
      <c r="N4325" s="3"/>
      <c r="W4325" s="98"/>
      <c r="Z4325" s="143"/>
      <c r="AA4325" s="137"/>
      <c r="AB4325" s="137"/>
      <c r="AC4325" s="137"/>
      <c r="AD4325" s="137"/>
      <c r="AE4325" s="137"/>
      <c r="AF4325" s="137"/>
      <c r="AG4325" s="137"/>
      <c r="AH4325" s="137"/>
      <c r="AI4325" s="137"/>
      <c r="AJ4325" s="137"/>
      <c r="AK4325" s="206"/>
      <c r="AL4325" s="206"/>
      <c r="AM4325" s="143"/>
      <c r="AN4325" s="137"/>
      <c r="AO4325" s="137"/>
      <c r="AP4325" s="137"/>
      <c r="AQ4325" s="137"/>
      <c r="AR4325" s="137"/>
      <c r="AS4325" s="137"/>
      <c r="AT4325" s="137"/>
      <c r="AU4325" s="137"/>
      <c r="AV4325" s="137"/>
      <c r="AW4325" s="144"/>
    </row>
    <row r="4326" spans="2:49" x14ac:dyDescent="0.2">
      <c r="B4326" s="97"/>
      <c r="J4326" s="98"/>
      <c r="K4326" s="97"/>
      <c r="N4326" s="3"/>
      <c r="W4326" s="98"/>
      <c r="Z4326" s="143"/>
      <c r="AA4326" s="137"/>
      <c r="AB4326" s="137"/>
      <c r="AC4326" s="137"/>
      <c r="AD4326" s="137"/>
      <c r="AE4326" s="137"/>
      <c r="AF4326" s="137"/>
      <c r="AG4326" s="137"/>
      <c r="AH4326" s="137"/>
      <c r="AI4326" s="137"/>
      <c r="AJ4326" s="137"/>
      <c r="AK4326" s="206"/>
      <c r="AL4326" s="206"/>
      <c r="AM4326" s="143"/>
      <c r="AN4326" s="137"/>
      <c r="AO4326" s="137"/>
      <c r="AP4326" s="137"/>
      <c r="AQ4326" s="137"/>
      <c r="AR4326" s="137"/>
      <c r="AS4326" s="137"/>
      <c r="AT4326" s="137"/>
      <c r="AU4326" s="137"/>
      <c r="AV4326" s="137"/>
      <c r="AW4326" s="144"/>
    </row>
    <row r="4327" spans="2:49" x14ac:dyDescent="0.2">
      <c r="B4327" s="97"/>
      <c r="J4327" s="98"/>
      <c r="K4327" s="97"/>
      <c r="N4327" s="3"/>
      <c r="W4327" s="98"/>
      <c r="Z4327" s="143"/>
      <c r="AA4327" s="137"/>
      <c r="AB4327" s="137"/>
      <c r="AC4327" s="137"/>
      <c r="AD4327" s="137"/>
      <c r="AE4327" s="137"/>
      <c r="AF4327" s="137"/>
      <c r="AG4327" s="137"/>
      <c r="AH4327" s="137"/>
      <c r="AI4327" s="137"/>
      <c r="AJ4327" s="137"/>
      <c r="AK4327" s="206"/>
      <c r="AL4327" s="206"/>
      <c r="AM4327" s="143"/>
      <c r="AN4327" s="137"/>
      <c r="AO4327" s="137"/>
      <c r="AP4327" s="137"/>
      <c r="AQ4327" s="137"/>
      <c r="AR4327" s="137"/>
      <c r="AS4327" s="137"/>
      <c r="AT4327" s="137"/>
      <c r="AU4327" s="137"/>
      <c r="AV4327" s="137"/>
      <c r="AW4327" s="144"/>
    </row>
    <row r="4328" spans="2:49" x14ac:dyDescent="0.2">
      <c r="B4328" s="97"/>
      <c r="J4328" s="98"/>
      <c r="K4328" s="97"/>
      <c r="N4328" s="3"/>
      <c r="W4328" s="98"/>
      <c r="Z4328" s="143"/>
      <c r="AA4328" s="137"/>
      <c r="AB4328" s="137"/>
      <c r="AC4328" s="137"/>
      <c r="AD4328" s="137"/>
      <c r="AE4328" s="137"/>
      <c r="AF4328" s="137"/>
      <c r="AG4328" s="137"/>
      <c r="AH4328" s="137"/>
      <c r="AI4328" s="137"/>
      <c r="AJ4328" s="137"/>
      <c r="AK4328" s="206"/>
      <c r="AL4328" s="206"/>
      <c r="AM4328" s="143"/>
      <c r="AN4328" s="137"/>
      <c r="AO4328" s="137"/>
      <c r="AP4328" s="137"/>
      <c r="AQ4328" s="137"/>
      <c r="AR4328" s="137"/>
      <c r="AS4328" s="137"/>
      <c r="AT4328" s="137"/>
      <c r="AU4328" s="137"/>
      <c r="AV4328" s="137"/>
      <c r="AW4328" s="144"/>
    </row>
    <row r="4329" spans="2:49" x14ac:dyDescent="0.2">
      <c r="B4329" s="97"/>
      <c r="J4329" s="98"/>
      <c r="K4329" s="97"/>
      <c r="N4329" s="3"/>
      <c r="W4329" s="98"/>
      <c r="Z4329" s="143"/>
      <c r="AA4329" s="137"/>
      <c r="AB4329" s="137"/>
      <c r="AC4329" s="137"/>
      <c r="AD4329" s="137"/>
      <c r="AE4329" s="137"/>
      <c r="AF4329" s="137"/>
      <c r="AG4329" s="137"/>
      <c r="AH4329" s="137"/>
      <c r="AI4329" s="137"/>
      <c r="AJ4329" s="137"/>
      <c r="AK4329" s="206"/>
      <c r="AL4329" s="206"/>
      <c r="AM4329" s="143"/>
      <c r="AN4329" s="137"/>
      <c r="AO4329" s="137"/>
      <c r="AP4329" s="137"/>
      <c r="AQ4329" s="137"/>
      <c r="AR4329" s="137"/>
      <c r="AS4329" s="137"/>
      <c r="AT4329" s="137"/>
      <c r="AU4329" s="137"/>
      <c r="AV4329" s="137"/>
      <c r="AW4329" s="144"/>
    </row>
    <row r="4330" spans="2:49" x14ac:dyDescent="0.2">
      <c r="B4330" s="97"/>
      <c r="J4330" s="98"/>
      <c r="K4330" s="97"/>
      <c r="N4330" s="3"/>
      <c r="W4330" s="98"/>
      <c r="Z4330" s="143"/>
      <c r="AA4330" s="137"/>
      <c r="AB4330" s="137"/>
      <c r="AC4330" s="137"/>
      <c r="AD4330" s="137"/>
      <c r="AE4330" s="137"/>
      <c r="AF4330" s="137"/>
      <c r="AG4330" s="137"/>
      <c r="AH4330" s="137"/>
      <c r="AI4330" s="137"/>
      <c r="AJ4330" s="137"/>
      <c r="AK4330" s="206"/>
      <c r="AL4330" s="206"/>
      <c r="AM4330" s="143"/>
      <c r="AN4330" s="137"/>
      <c r="AO4330" s="137"/>
      <c r="AP4330" s="137"/>
      <c r="AQ4330" s="137"/>
      <c r="AR4330" s="137"/>
      <c r="AS4330" s="137"/>
      <c r="AT4330" s="137"/>
      <c r="AU4330" s="137"/>
      <c r="AV4330" s="137"/>
      <c r="AW4330" s="144"/>
    </row>
    <row r="4331" spans="2:49" x14ac:dyDescent="0.2">
      <c r="B4331" s="97"/>
      <c r="J4331" s="98"/>
      <c r="K4331" s="97"/>
      <c r="N4331" s="3"/>
      <c r="W4331" s="98"/>
      <c r="Z4331" s="143"/>
      <c r="AA4331" s="137"/>
      <c r="AB4331" s="137"/>
      <c r="AC4331" s="137"/>
      <c r="AD4331" s="137"/>
      <c r="AE4331" s="137"/>
      <c r="AF4331" s="137"/>
      <c r="AG4331" s="137"/>
      <c r="AH4331" s="137"/>
      <c r="AI4331" s="137"/>
      <c r="AJ4331" s="137"/>
      <c r="AK4331" s="206"/>
      <c r="AL4331" s="206"/>
      <c r="AM4331" s="143"/>
      <c r="AN4331" s="137"/>
      <c r="AO4331" s="137"/>
      <c r="AP4331" s="137"/>
      <c r="AQ4331" s="137"/>
      <c r="AR4331" s="137"/>
      <c r="AS4331" s="137"/>
      <c r="AT4331" s="137"/>
      <c r="AU4331" s="137"/>
      <c r="AV4331" s="137"/>
      <c r="AW4331" s="144"/>
    </row>
    <row r="4332" spans="2:49" x14ac:dyDescent="0.2">
      <c r="B4332" s="97"/>
      <c r="J4332" s="98"/>
      <c r="K4332" s="97"/>
      <c r="N4332" s="3"/>
      <c r="W4332" s="98"/>
      <c r="Z4332" s="143"/>
      <c r="AA4332" s="137"/>
      <c r="AB4332" s="137"/>
      <c r="AC4332" s="137"/>
      <c r="AD4332" s="137"/>
      <c r="AE4332" s="137"/>
      <c r="AF4332" s="137"/>
      <c r="AG4332" s="137"/>
      <c r="AH4332" s="137"/>
      <c r="AI4332" s="137"/>
      <c r="AJ4332" s="137"/>
      <c r="AK4332" s="206"/>
      <c r="AL4332" s="206"/>
      <c r="AM4332" s="143"/>
      <c r="AN4332" s="137"/>
      <c r="AO4332" s="137"/>
      <c r="AP4332" s="137"/>
      <c r="AQ4332" s="137"/>
      <c r="AR4332" s="137"/>
      <c r="AS4332" s="137"/>
      <c r="AT4332" s="137"/>
      <c r="AU4332" s="137"/>
      <c r="AV4332" s="137"/>
      <c r="AW4332" s="144"/>
    </row>
    <row r="4333" spans="2:49" x14ac:dyDescent="0.2">
      <c r="B4333" s="97"/>
      <c r="J4333" s="98"/>
      <c r="K4333" s="97"/>
      <c r="N4333" s="3"/>
      <c r="W4333" s="98"/>
      <c r="Z4333" s="143"/>
      <c r="AA4333" s="137"/>
      <c r="AB4333" s="137"/>
      <c r="AC4333" s="137"/>
      <c r="AD4333" s="137"/>
      <c r="AE4333" s="137"/>
      <c r="AF4333" s="137"/>
      <c r="AG4333" s="137"/>
      <c r="AH4333" s="137"/>
      <c r="AI4333" s="137"/>
      <c r="AJ4333" s="137"/>
      <c r="AK4333" s="206"/>
      <c r="AL4333" s="206"/>
      <c r="AM4333" s="143"/>
      <c r="AN4333" s="137"/>
      <c r="AO4333" s="137"/>
      <c r="AP4333" s="137"/>
      <c r="AQ4333" s="137"/>
      <c r="AR4333" s="137"/>
      <c r="AS4333" s="137"/>
      <c r="AT4333" s="137"/>
      <c r="AU4333" s="137"/>
      <c r="AV4333" s="137"/>
      <c r="AW4333" s="144"/>
    </row>
    <row r="4334" spans="2:49" x14ac:dyDescent="0.2">
      <c r="B4334" s="97"/>
      <c r="J4334" s="98"/>
      <c r="K4334" s="97"/>
      <c r="N4334" s="3"/>
      <c r="W4334" s="98"/>
      <c r="Z4334" s="143"/>
      <c r="AA4334" s="137"/>
      <c r="AB4334" s="137"/>
      <c r="AC4334" s="137"/>
      <c r="AD4334" s="137"/>
      <c r="AE4334" s="137"/>
      <c r="AF4334" s="137"/>
      <c r="AG4334" s="137"/>
      <c r="AH4334" s="137"/>
      <c r="AI4334" s="137"/>
      <c r="AJ4334" s="137"/>
      <c r="AK4334" s="206"/>
      <c r="AL4334" s="206"/>
      <c r="AM4334" s="143"/>
      <c r="AN4334" s="137"/>
      <c r="AO4334" s="137"/>
      <c r="AP4334" s="137"/>
      <c r="AQ4334" s="137"/>
      <c r="AR4334" s="137"/>
      <c r="AS4334" s="137"/>
      <c r="AT4334" s="137"/>
      <c r="AU4334" s="137"/>
      <c r="AV4334" s="137"/>
      <c r="AW4334" s="144"/>
    </row>
    <row r="4335" spans="2:49" x14ac:dyDescent="0.2">
      <c r="B4335" s="97"/>
      <c r="J4335" s="98"/>
      <c r="K4335" s="97"/>
      <c r="N4335" s="3"/>
      <c r="W4335" s="98"/>
      <c r="Z4335" s="143"/>
      <c r="AA4335" s="137"/>
      <c r="AB4335" s="137"/>
      <c r="AC4335" s="137"/>
      <c r="AD4335" s="137"/>
      <c r="AE4335" s="137"/>
      <c r="AF4335" s="137"/>
      <c r="AG4335" s="137"/>
      <c r="AH4335" s="137"/>
      <c r="AI4335" s="137"/>
      <c r="AJ4335" s="137"/>
      <c r="AK4335" s="206"/>
      <c r="AL4335" s="206"/>
      <c r="AM4335" s="143"/>
      <c r="AN4335" s="137"/>
      <c r="AO4335" s="137"/>
      <c r="AP4335" s="137"/>
      <c r="AQ4335" s="137"/>
      <c r="AR4335" s="137"/>
      <c r="AS4335" s="137"/>
      <c r="AT4335" s="137"/>
      <c r="AU4335" s="137"/>
      <c r="AV4335" s="137"/>
      <c r="AW4335" s="144"/>
    </row>
    <row r="4336" spans="2:49" x14ac:dyDescent="0.2">
      <c r="B4336" s="97"/>
      <c r="J4336" s="98"/>
      <c r="K4336" s="97"/>
      <c r="N4336" s="3"/>
      <c r="W4336" s="98"/>
      <c r="Z4336" s="143"/>
      <c r="AA4336" s="137"/>
      <c r="AB4336" s="137"/>
      <c r="AC4336" s="137"/>
      <c r="AD4336" s="137"/>
      <c r="AE4336" s="137"/>
      <c r="AF4336" s="137"/>
      <c r="AG4336" s="137"/>
      <c r="AH4336" s="137"/>
      <c r="AI4336" s="137"/>
      <c r="AJ4336" s="137"/>
      <c r="AK4336" s="206"/>
      <c r="AL4336" s="206"/>
      <c r="AM4336" s="143"/>
      <c r="AN4336" s="137"/>
      <c r="AO4336" s="137"/>
      <c r="AP4336" s="137"/>
      <c r="AQ4336" s="137"/>
      <c r="AR4336" s="137"/>
      <c r="AS4336" s="137"/>
      <c r="AT4336" s="137"/>
      <c r="AU4336" s="137"/>
      <c r="AV4336" s="137"/>
      <c r="AW4336" s="144"/>
    </row>
    <row r="4337" spans="2:49" x14ac:dyDescent="0.2">
      <c r="B4337" s="97"/>
      <c r="J4337" s="98"/>
      <c r="K4337" s="97"/>
      <c r="N4337" s="3"/>
      <c r="W4337" s="98"/>
      <c r="Z4337" s="143"/>
      <c r="AA4337" s="137"/>
      <c r="AB4337" s="137"/>
      <c r="AC4337" s="137"/>
      <c r="AD4337" s="137"/>
      <c r="AE4337" s="137"/>
      <c r="AF4337" s="137"/>
      <c r="AG4337" s="137"/>
      <c r="AH4337" s="137"/>
      <c r="AI4337" s="137"/>
      <c r="AJ4337" s="137"/>
      <c r="AK4337" s="206"/>
      <c r="AL4337" s="206"/>
      <c r="AM4337" s="143"/>
      <c r="AN4337" s="137"/>
      <c r="AO4337" s="137"/>
      <c r="AP4337" s="137"/>
      <c r="AQ4337" s="137"/>
      <c r="AR4337" s="137"/>
      <c r="AS4337" s="137"/>
      <c r="AT4337" s="137"/>
      <c r="AU4337" s="137"/>
      <c r="AV4337" s="137"/>
      <c r="AW4337" s="144"/>
    </row>
    <row r="4338" spans="2:49" x14ac:dyDescent="0.2">
      <c r="B4338" s="97"/>
      <c r="J4338" s="98"/>
      <c r="K4338" s="97"/>
      <c r="N4338" s="3"/>
      <c r="W4338" s="98"/>
      <c r="Z4338" s="143"/>
      <c r="AA4338" s="137"/>
      <c r="AB4338" s="137"/>
      <c r="AC4338" s="137"/>
      <c r="AD4338" s="137"/>
      <c r="AE4338" s="137"/>
      <c r="AF4338" s="137"/>
      <c r="AG4338" s="137"/>
      <c r="AH4338" s="137"/>
      <c r="AI4338" s="137"/>
      <c r="AJ4338" s="137"/>
      <c r="AK4338" s="206"/>
      <c r="AL4338" s="206"/>
      <c r="AM4338" s="143"/>
      <c r="AN4338" s="137"/>
      <c r="AO4338" s="137"/>
      <c r="AP4338" s="137"/>
      <c r="AQ4338" s="137"/>
      <c r="AR4338" s="137"/>
      <c r="AS4338" s="137"/>
      <c r="AT4338" s="137"/>
      <c r="AU4338" s="137"/>
      <c r="AV4338" s="137"/>
      <c r="AW4338" s="144"/>
    </row>
    <row r="4339" spans="2:49" x14ac:dyDescent="0.2">
      <c r="B4339" s="97"/>
      <c r="J4339" s="98"/>
      <c r="K4339" s="97"/>
      <c r="N4339" s="3"/>
      <c r="W4339" s="98"/>
      <c r="Z4339" s="143"/>
      <c r="AA4339" s="137"/>
      <c r="AB4339" s="137"/>
      <c r="AC4339" s="137"/>
      <c r="AD4339" s="137"/>
      <c r="AE4339" s="137"/>
      <c r="AF4339" s="137"/>
      <c r="AG4339" s="137"/>
      <c r="AH4339" s="137"/>
      <c r="AI4339" s="137"/>
      <c r="AJ4339" s="137"/>
      <c r="AK4339" s="206"/>
      <c r="AL4339" s="206"/>
      <c r="AM4339" s="143"/>
      <c r="AN4339" s="137"/>
      <c r="AO4339" s="137"/>
      <c r="AP4339" s="137"/>
      <c r="AQ4339" s="137"/>
      <c r="AR4339" s="137"/>
      <c r="AS4339" s="137"/>
      <c r="AT4339" s="137"/>
      <c r="AU4339" s="137"/>
      <c r="AV4339" s="137"/>
      <c r="AW4339" s="144"/>
    </row>
    <row r="4340" spans="2:49" x14ac:dyDescent="0.2">
      <c r="B4340" s="97"/>
      <c r="J4340" s="98"/>
      <c r="K4340" s="97"/>
      <c r="N4340" s="3"/>
      <c r="W4340" s="98"/>
      <c r="Z4340" s="143"/>
      <c r="AA4340" s="137"/>
      <c r="AB4340" s="137"/>
      <c r="AC4340" s="137"/>
      <c r="AD4340" s="137"/>
      <c r="AE4340" s="137"/>
      <c r="AF4340" s="137"/>
      <c r="AG4340" s="137"/>
      <c r="AH4340" s="137"/>
      <c r="AI4340" s="137"/>
      <c r="AJ4340" s="137"/>
      <c r="AK4340" s="206"/>
      <c r="AL4340" s="206"/>
      <c r="AM4340" s="143"/>
      <c r="AN4340" s="137"/>
      <c r="AO4340" s="137"/>
      <c r="AP4340" s="137"/>
      <c r="AQ4340" s="137"/>
      <c r="AR4340" s="137"/>
      <c r="AS4340" s="137"/>
      <c r="AT4340" s="137"/>
      <c r="AU4340" s="137"/>
      <c r="AV4340" s="137"/>
      <c r="AW4340" s="144"/>
    </row>
    <row r="4341" spans="2:49" x14ac:dyDescent="0.2">
      <c r="B4341" s="97"/>
      <c r="J4341" s="98"/>
      <c r="K4341" s="97"/>
      <c r="N4341" s="3"/>
      <c r="W4341" s="98"/>
      <c r="Z4341" s="143"/>
      <c r="AA4341" s="137"/>
      <c r="AB4341" s="137"/>
      <c r="AC4341" s="137"/>
      <c r="AD4341" s="137"/>
      <c r="AE4341" s="137"/>
      <c r="AF4341" s="137"/>
      <c r="AG4341" s="137"/>
      <c r="AH4341" s="137"/>
      <c r="AI4341" s="137"/>
      <c r="AJ4341" s="137"/>
      <c r="AK4341" s="206"/>
      <c r="AL4341" s="206"/>
      <c r="AM4341" s="143"/>
      <c r="AN4341" s="137"/>
      <c r="AO4341" s="137"/>
      <c r="AP4341" s="137"/>
      <c r="AQ4341" s="137"/>
      <c r="AR4341" s="137"/>
      <c r="AS4341" s="137"/>
      <c r="AT4341" s="137"/>
      <c r="AU4341" s="137"/>
      <c r="AV4341" s="137"/>
      <c r="AW4341" s="144"/>
    </row>
    <row r="4342" spans="2:49" x14ac:dyDescent="0.2">
      <c r="B4342" s="97"/>
      <c r="J4342" s="98"/>
      <c r="K4342" s="97"/>
      <c r="N4342" s="3"/>
      <c r="W4342" s="98"/>
      <c r="Z4342" s="143"/>
      <c r="AA4342" s="137"/>
      <c r="AB4342" s="137"/>
      <c r="AC4342" s="137"/>
      <c r="AD4342" s="137"/>
      <c r="AE4342" s="137"/>
      <c r="AF4342" s="137"/>
      <c r="AG4342" s="137"/>
      <c r="AH4342" s="137"/>
      <c r="AI4342" s="137"/>
      <c r="AJ4342" s="137"/>
      <c r="AK4342" s="206"/>
      <c r="AL4342" s="206"/>
      <c r="AM4342" s="143"/>
      <c r="AN4342" s="137"/>
      <c r="AO4342" s="137"/>
      <c r="AP4342" s="137"/>
      <c r="AQ4342" s="137"/>
      <c r="AR4342" s="137"/>
      <c r="AS4342" s="137"/>
      <c r="AT4342" s="137"/>
      <c r="AU4342" s="137"/>
      <c r="AV4342" s="137"/>
      <c r="AW4342" s="144"/>
    </row>
    <row r="4343" spans="2:49" x14ac:dyDescent="0.2">
      <c r="B4343" s="97"/>
      <c r="J4343" s="98"/>
      <c r="K4343" s="97"/>
      <c r="N4343" s="3"/>
      <c r="W4343" s="98"/>
      <c r="Z4343" s="143"/>
      <c r="AA4343" s="137"/>
      <c r="AB4343" s="137"/>
      <c r="AC4343" s="137"/>
      <c r="AD4343" s="137"/>
      <c r="AE4343" s="137"/>
      <c r="AF4343" s="137"/>
      <c r="AG4343" s="137"/>
      <c r="AH4343" s="137"/>
      <c r="AI4343" s="137"/>
      <c r="AJ4343" s="137"/>
      <c r="AK4343" s="206"/>
      <c r="AL4343" s="206"/>
      <c r="AM4343" s="143"/>
      <c r="AN4343" s="137"/>
      <c r="AO4343" s="137"/>
      <c r="AP4343" s="137"/>
      <c r="AQ4343" s="137"/>
      <c r="AR4343" s="137"/>
      <c r="AS4343" s="137"/>
      <c r="AT4343" s="137"/>
      <c r="AU4343" s="137"/>
      <c r="AV4343" s="137"/>
      <c r="AW4343" s="144"/>
    </row>
    <row r="4344" spans="2:49" x14ac:dyDescent="0.2">
      <c r="B4344" s="97"/>
      <c r="J4344" s="98"/>
      <c r="K4344" s="97"/>
      <c r="N4344" s="3"/>
      <c r="W4344" s="98"/>
      <c r="Z4344" s="143"/>
      <c r="AA4344" s="137"/>
      <c r="AB4344" s="137"/>
      <c r="AC4344" s="137"/>
      <c r="AD4344" s="137"/>
      <c r="AE4344" s="137"/>
      <c r="AF4344" s="137"/>
      <c r="AG4344" s="137"/>
      <c r="AH4344" s="137"/>
      <c r="AI4344" s="137"/>
      <c r="AJ4344" s="137"/>
      <c r="AK4344" s="206"/>
      <c r="AL4344" s="206"/>
      <c r="AM4344" s="143"/>
      <c r="AN4344" s="137"/>
      <c r="AO4344" s="137"/>
      <c r="AP4344" s="137"/>
      <c r="AQ4344" s="137"/>
      <c r="AR4344" s="137"/>
      <c r="AS4344" s="137"/>
      <c r="AT4344" s="137"/>
      <c r="AU4344" s="137"/>
      <c r="AV4344" s="137"/>
      <c r="AW4344" s="144"/>
    </row>
    <row r="4345" spans="2:49" x14ac:dyDescent="0.2">
      <c r="B4345" s="97"/>
      <c r="J4345" s="98"/>
      <c r="K4345" s="97"/>
      <c r="N4345" s="3"/>
      <c r="W4345" s="98"/>
      <c r="Z4345" s="143"/>
      <c r="AA4345" s="137"/>
      <c r="AB4345" s="137"/>
      <c r="AC4345" s="137"/>
      <c r="AD4345" s="137"/>
      <c r="AE4345" s="137"/>
      <c r="AF4345" s="137"/>
      <c r="AG4345" s="137"/>
      <c r="AH4345" s="137"/>
      <c r="AI4345" s="137"/>
      <c r="AJ4345" s="137"/>
      <c r="AK4345" s="206"/>
      <c r="AL4345" s="206"/>
      <c r="AM4345" s="143"/>
      <c r="AN4345" s="137"/>
      <c r="AO4345" s="137"/>
      <c r="AP4345" s="137"/>
      <c r="AQ4345" s="137"/>
      <c r="AR4345" s="137"/>
      <c r="AS4345" s="137"/>
      <c r="AT4345" s="137"/>
      <c r="AU4345" s="137"/>
      <c r="AV4345" s="137"/>
      <c r="AW4345" s="144"/>
    </row>
    <row r="4346" spans="2:49" x14ac:dyDescent="0.2">
      <c r="B4346" s="97"/>
      <c r="J4346" s="98"/>
      <c r="K4346" s="97"/>
      <c r="N4346" s="3"/>
      <c r="W4346" s="98"/>
      <c r="Z4346" s="143"/>
      <c r="AA4346" s="137"/>
      <c r="AB4346" s="137"/>
      <c r="AC4346" s="137"/>
      <c r="AD4346" s="137"/>
      <c r="AE4346" s="137"/>
      <c r="AF4346" s="137"/>
      <c r="AG4346" s="137"/>
      <c r="AH4346" s="137"/>
      <c r="AI4346" s="137"/>
      <c r="AJ4346" s="137"/>
      <c r="AK4346" s="206"/>
      <c r="AL4346" s="206"/>
      <c r="AM4346" s="143"/>
      <c r="AN4346" s="137"/>
      <c r="AO4346" s="137"/>
      <c r="AP4346" s="137"/>
      <c r="AQ4346" s="137"/>
      <c r="AR4346" s="137"/>
      <c r="AS4346" s="137"/>
      <c r="AT4346" s="137"/>
      <c r="AU4346" s="137"/>
      <c r="AV4346" s="137"/>
      <c r="AW4346" s="144"/>
    </row>
    <row r="4347" spans="2:49" x14ac:dyDescent="0.2">
      <c r="B4347" s="97"/>
      <c r="J4347" s="98"/>
      <c r="K4347" s="97"/>
      <c r="N4347" s="3"/>
      <c r="W4347" s="98"/>
      <c r="Z4347" s="143"/>
      <c r="AA4347" s="137"/>
      <c r="AB4347" s="137"/>
      <c r="AC4347" s="137"/>
      <c r="AD4347" s="137"/>
      <c r="AE4347" s="137"/>
      <c r="AF4347" s="137"/>
      <c r="AG4347" s="137"/>
      <c r="AH4347" s="137"/>
      <c r="AI4347" s="137"/>
      <c r="AJ4347" s="137"/>
      <c r="AK4347" s="206"/>
      <c r="AL4347" s="206"/>
      <c r="AM4347" s="143"/>
      <c r="AN4347" s="137"/>
      <c r="AO4347" s="137"/>
      <c r="AP4347" s="137"/>
      <c r="AQ4347" s="137"/>
      <c r="AR4347" s="137"/>
      <c r="AS4347" s="137"/>
      <c r="AT4347" s="137"/>
      <c r="AU4347" s="137"/>
      <c r="AV4347" s="137"/>
      <c r="AW4347" s="144"/>
    </row>
    <row r="4348" spans="2:49" x14ac:dyDescent="0.2">
      <c r="B4348" s="97"/>
      <c r="J4348" s="98"/>
      <c r="K4348" s="97"/>
      <c r="N4348" s="3"/>
      <c r="W4348" s="98"/>
      <c r="Z4348" s="143"/>
      <c r="AA4348" s="137"/>
      <c r="AB4348" s="137"/>
      <c r="AC4348" s="137"/>
      <c r="AD4348" s="137"/>
      <c r="AE4348" s="137"/>
      <c r="AF4348" s="137"/>
      <c r="AG4348" s="137"/>
      <c r="AH4348" s="137"/>
      <c r="AI4348" s="137"/>
      <c r="AJ4348" s="137"/>
      <c r="AK4348" s="206"/>
      <c r="AL4348" s="206"/>
      <c r="AM4348" s="143"/>
      <c r="AN4348" s="137"/>
      <c r="AO4348" s="137"/>
      <c r="AP4348" s="137"/>
      <c r="AQ4348" s="137"/>
      <c r="AR4348" s="137"/>
      <c r="AS4348" s="137"/>
      <c r="AT4348" s="137"/>
      <c r="AU4348" s="137"/>
      <c r="AV4348" s="137"/>
      <c r="AW4348" s="144"/>
    </row>
    <row r="4349" spans="2:49" x14ac:dyDescent="0.2">
      <c r="B4349" s="97"/>
      <c r="J4349" s="98"/>
      <c r="K4349" s="97"/>
      <c r="N4349" s="3"/>
      <c r="W4349" s="98"/>
      <c r="Z4349" s="143"/>
      <c r="AA4349" s="137"/>
      <c r="AB4349" s="137"/>
      <c r="AC4349" s="137"/>
      <c r="AD4349" s="137"/>
      <c r="AE4349" s="137"/>
      <c r="AF4349" s="137"/>
      <c r="AG4349" s="137"/>
      <c r="AH4349" s="137"/>
      <c r="AI4349" s="137"/>
      <c r="AJ4349" s="137"/>
      <c r="AK4349" s="206"/>
      <c r="AL4349" s="206"/>
      <c r="AM4349" s="143"/>
      <c r="AN4349" s="137"/>
      <c r="AO4349" s="137"/>
      <c r="AP4349" s="137"/>
      <c r="AQ4349" s="137"/>
      <c r="AR4349" s="137"/>
      <c r="AS4349" s="137"/>
      <c r="AT4349" s="137"/>
      <c r="AU4349" s="137"/>
      <c r="AV4349" s="137"/>
      <c r="AW4349" s="144"/>
    </row>
    <row r="4350" spans="2:49" x14ac:dyDescent="0.2">
      <c r="B4350" s="97"/>
      <c r="J4350" s="98"/>
      <c r="K4350" s="97"/>
      <c r="N4350" s="3"/>
      <c r="W4350" s="98"/>
      <c r="Z4350" s="143"/>
      <c r="AA4350" s="137"/>
      <c r="AB4350" s="137"/>
      <c r="AC4350" s="137"/>
      <c r="AD4350" s="137"/>
      <c r="AE4350" s="137"/>
      <c r="AF4350" s="137"/>
      <c r="AG4350" s="137"/>
      <c r="AH4350" s="137"/>
      <c r="AI4350" s="137"/>
      <c r="AJ4350" s="137"/>
      <c r="AK4350" s="206"/>
      <c r="AL4350" s="206"/>
      <c r="AM4350" s="143"/>
      <c r="AN4350" s="137"/>
      <c r="AO4350" s="137"/>
      <c r="AP4350" s="137"/>
      <c r="AQ4350" s="137"/>
      <c r="AR4350" s="137"/>
      <c r="AS4350" s="137"/>
      <c r="AT4350" s="137"/>
      <c r="AU4350" s="137"/>
      <c r="AV4350" s="137"/>
      <c r="AW4350" s="144"/>
    </row>
    <row r="4351" spans="2:49" x14ac:dyDescent="0.2">
      <c r="B4351" s="97"/>
      <c r="J4351" s="98"/>
      <c r="K4351" s="97"/>
      <c r="N4351" s="3"/>
      <c r="W4351" s="98"/>
      <c r="Z4351" s="143"/>
      <c r="AA4351" s="137"/>
      <c r="AB4351" s="137"/>
      <c r="AC4351" s="137"/>
      <c r="AD4351" s="137"/>
      <c r="AE4351" s="137"/>
      <c r="AF4351" s="137"/>
      <c r="AG4351" s="137"/>
      <c r="AH4351" s="137"/>
      <c r="AI4351" s="137"/>
      <c r="AJ4351" s="137"/>
      <c r="AK4351" s="206"/>
      <c r="AL4351" s="206"/>
      <c r="AM4351" s="143"/>
      <c r="AN4351" s="137"/>
      <c r="AO4351" s="137"/>
      <c r="AP4351" s="137"/>
      <c r="AQ4351" s="137"/>
      <c r="AR4351" s="137"/>
      <c r="AS4351" s="137"/>
      <c r="AT4351" s="137"/>
      <c r="AU4351" s="137"/>
      <c r="AV4351" s="137"/>
      <c r="AW4351" s="144"/>
    </row>
    <row r="4352" spans="2:49" x14ac:dyDescent="0.2">
      <c r="B4352" s="97"/>
      <c r="J4352" s="98"/>
      <c r="K4352" s="97"/>
      <c r="N4352" s="3"/>
      <c r="W4352" s="98"/>
      <c r="Z4352" s="143"/>
      <c r="AA4352" s="137"/>
      <c r="AB4352" s="137"/>
      <c r="AC4352" s="137"/>
      <c r="AD4352" s="137"/>
      <c r="AE4352" s="137"/>
      <c r="AF4352" s="137"/>
      <c r="AG4352" s="137"/>
      <c r="AH4352" s="137"/>
      <c r="AI4352" s="137"/>
      <c r="AJ4352" s="137"/>
      <c r="AK4352" s="206"/>
      <c r="AL4352" s="206"/>
      <c r="AM4352" s="143"/>
      <c r="AN4352" s="137"/>
      <c r="AO4352" s="137"/>
      <c r="AP4352" s="137"/>
      <c r="AQ4352" s="137"/>
      <c r="AR4352" s="137"/>
      <c r="AS4352" s="137"/>
      <c r="AT4352" s="137"/>
      <c r="AU4352" s="137"/>
      <c r="AV4352" s="137"/>
      <c r="AW4352" s="144"/>
    </row>
    <row r="4353" spans="2:49" x14ac:dyDescent="0.2">
      <c r="B4353" s="97"/>
      <c r="J4353" s="98"/>
      <c r="K4353" s="97"/>
      <c r="N4353" s="3"/>
      <c r="W4353" s="98"/>
      <c r="Z4353" s="143"/>
      <c r="AA4353" s="137"/>
      <c r="AB4353" s="137"/>
      <c r="AC4353" s="137"/>
      <c r="AD4353" s="137"/>
      <c r="AE4353" s="137"/>
      <c r="AF4353" s="137"/>
      <c r="AG4353" s="137"/>
      <c r="AH4353" s="137"/>
      <c r="AI4353" s="137"/>
      <c r="AJ4353" s="137"/>
      <c r="AK4353" s="206"/>
      <c r="AL4353" s="206"/>
      <c r="AM4353" s="143"/>
      <c r="AN4353" s="137"/>
      <c r="AO4353" s="137"/>
      <c r="AP4353" s="137"/>
      <c r="AQ4353" s="137"/>
      <c r="AR4353" s="137"/>
      <c r="AS4353" s="137"/>
      <c r="AT4353" s="137"/>
      <c r="AU4353" s="137"/>
      <c r="AV4353" s="137"/>
      <c r="AW4353" s="144"/>
    </row>
    <row r="4354" spans="2:49" x14ac:dyDescent="0.2">
      <c r="B4354" s="97"/>
      <c r="J4354" s="98"/>
      <c r="K4354" s="97"/>
      <c r="N4354" s="3"/>
      <c r="W4354" s="98"/>
      <c r="Z4354" s="143"/>
      <c r="AA4354" s="137"/>
      <c r="AB4354" s="137"/>
      <c r="AC4354" s="137"/>
      <c r="AD4354" s="137"/>
      <c r="AE4354" s="137"/>
      <c r="AF4354" s="137"/>
      <c r="AG4354" s="137"/>
      <c r="AH4354" s="137"/>
      <c r="AI4354" s="137"/>
      <c r="AJ4354" s="137"/>
      <c r="AK4354" s="206"/>
      <c r="AL4354" s="206"/>
      <c r="AM4354" s="143"/>
      <c r="AN4354" s="137"/>
      <c r="AO4354" s="137"/>
      <c r="AP4354" s="137"/>
      <c r="AQ4354" s="137"/>
      <c r="AR4354" s="137"/>
      <c r="AS4354" s="137"/>
      <c r="AT4354" s="137"/>
      <c r="AU4354" s="137"/>
      <c r="AV4354" s="137"/>
      <c r="AW4354" s="144"/>
    </row>
    <row r="4355" spans="2:49" x14ac:dyDescent="0.2">
      <c r="B4355" s="97"/>
      <c r="J4355" s="98"/>
      <c r="K4355" s="97"/>
      <c r="N4355" s="3"/>
      <c r="W4355" s="98"/>
      <c r="Z4355" s="143"/>
      <c r="AA4355" s="137"/>
      <c r="AB4355" s="137"/>
      <c r="AC4355" s="137"/>
      <c r="AD4355" s="137"/>
      <c r="AE4355" s="137"/>
      <c r="AF4355" s="137"/>
      <c r="AG4355" s="137"/>
      <c r="AH4355" s="137"/>
      <c r="AI4355" s="137"/>
      <c r="AJ4355" s="137"/>
      <c r="AK4355" s="206"/>
      <c r="AL4355" s="206"/>
      <c r="AM4355" s="143"/>
      <c r="AN4355" s="137"/>
      <c r="AO4355" s="137"/>
      <c r="AP4355" s="137"/>
      <c r="AQ4355" s="137"/>
      <c r="AR4355" s="137"/>
      <c r="AS4355" s="137"/>
      <c r="AT4355" s="137"/>
      <c r="AU4355" s="137"/>
      <c r="AV4355" s="137"/>
      <c r="AW4355" s="144"/>
    </row>
    <row r="4356" spans="2:49" x14ac:dyDescent="0.2">
      <c r="B4356" s="97"/>
      <c r="J4356" s="98"/>
      <c r="K4356" s="97"/>
      <c r="N4356" s="3"/>
      <c r="W4356" s="98"/>
      <c r="Z4356" s="143"/>
      <c r="AA4356" s="137"/>
      <c r="AB4356" s="137"/>
      <c r="AC4356" s="137"/>
      <c r="AD4356" s="137"/>
      <c r="AE4356" s="137"/>
      <c r="AF4356" s="137"/>
      <c r="AG4356" s="137"/>
      <c r="AH4356" s="137"/>
      <c r="AI4356" s="137"/>
      <c r="AJ4356" s="137"/>
      <c r="AK4356" s="206"/>
      <c r="AL4356" s="206"/>
      <c r="AM4356" s="143"/>
      <c r="AN4356" s="137"/>
      <c r="AO4356" s="137"/>
      <c r="AP4356" s="137"/>
      <c r="AQ4356" s="137"/>
      <c r="AR4356" s="137"/>
      <c r="AS4356" s="137"/>
      <c r="AT4356" s="137"/>
      <c r="AU4356" s="137"/>
      <c r="AV4356" s="137"/>
      <c r="AW4356" s="144"/>
    </row>
    <row r="4357" spans="2:49" x14ac:dyDescent="0.2">
      <c r="B4357" s="97"/>
      <c r="J4357" s="98"/>
      <c r="K4357" s="97"/>
      <c r="N4357" s="3"/>
      <c r="W4357" s="98"/>
      <c r="Z4357" s="143"/>
      <c r="AA4357" s="137"/>
      <c r="AB4357" s="137"/>
      <c r="AC4357" s="137"/>
      <c r="AD4357" s="137"/>
      <c r="AE4357" s="137"/>
      <c r="AF4357" s="137"/>
      <c r="AG4357" s="137"/>
      <c r="AH4357" s="137"/>
      <c r="AI4357" s="137"/>
      <c r="AJ4357" s="137"/>
      <c r="AK4357" s="206"/>
      <c r="AL4357" s="206"/>
      <c r="AM4357" s="143"/>
      <c r="AN4357" s="137"/>
      <c r="AO4357" s="137"/>
      <c r="AP4357" s="137"/>
      <c r="AQ4357" s="137"/>
      <c r="AR4357" s="137"/>
      <c r="AS4357" s="137"/>
      <c r="AT4357" s="137"/>
      <c r="AU4357" s="137"/>
      <c r="AV4357" s="137"/>
      <c r="AW4357" s="144"/>
    </row>
    <row r="4358" spans="2:49" x14ac:dyDescent="0.2">
      <c r="B4358" s="97"/>
      <c r="J4358" s="98"/>
      <c r="K4358" s="97"/>
      <c r="N4358" s="3"/>
      <c r="W4358" s="98"/>
      <c r="Z4358" s="143"/>
      <c r="AA4358" s="137"/>
      <c r="AB4358" s="137"/>
      <c r="AC4358" s="137"/>
      <c r="AD4358" s="137"/>
      <c r="AE4358" s="137"/>
      <c r="AF4358" s="137"/>
      <c r="AG4358" s="137"/>
      <c r="AH4358" s="137"/>
      <c r="AI4358" s="137"/>
      <c r="AJ4358" s="137"/>
      <c r="AK4358" s="206"/>
      <c r="AL4358" s="206"/>
      <c r="AM4358" s="143"/>
      <c r="AN4358" s="137"/>
      <c r="AO4358" s="137"/>
      <c r="AP4358" s="137"/>
      <c r="AQ4358" s="137"/>
      <c r="AR4358" s="137"/>
      <c r="AS4358" s="137"/>
      <c r="AT4358" s="137"/>
      <c r="AU4358" s="137"/>
      <c r="AV4358" s="137"/>
      <c r="AW4358" s="144"/>
    </row>
    <row r="4359" spans="2:49" x14ac:dyDescent="0.2">
      <c r="B4359" s="97"/>
      <c r="J4359" s="98"/>
      <c r="K4359" s="97"/>
      <c r="N4359" s="3"/>
      <c r="W4359" s="98"/>
      <c r="Z4359" s="143"/>
      <c r="AA4359" s="137"/>
      <c r="AB4359" s="137"/>
      <c r="AC4359" s="137"/>
      <c r="AD4359" s="137"/>
      <c r="AE4359" s="137"/>
      <c r="AF4359" s="137"/>
      <c r="AG4359" s="137"/>
      <c r="AH4359" s="137"/>
      <c r="AI4359" s="137"/>
      <c r="AJ4359" s="137"/>
      <c r="AK4359" s="206"/>
      <c r="AL4359" s="206"/>
      <c r="AM4359" s="143"/>
      <c r="AN4359" s="137"/>
      <c r="AO4359" s="137"/>
      <c r="AP4359" s="137"/>
      <c r="AQ4359" s="137"/>
      <c r="AR4359" s="137"/>
      <c r="AS4359" s="137"/>
      <c r="AT4359" s="137"/>
      <c r="AU4359" s="137"/>
      <c r="AV4359" s="137"/>
      <c r="AW4359" s="144"/>
    </row>
    <row r="4360" spans="2:49" x14ac:dyDescent="0.2">
      <c r="B4360" s="97"/>
      <c r="J4360" s="98"/>
      <c r="K4360" s="97"/>
      <c r="N4360" s="3"/>
      <c r="W4360" s="98"/>
      <c r="Z4360" s="143"/>
      <c r="AA4360" s="137"/>
      <c r="AB4360" s="137"/>
      <c r="AC4360" s="137"/>
      <c r="AD4360" s="137"/>
      <c r="AE4360" s="137"/>
      <c r="AF4360" s="137"/>
      <c r="AG4360" s="137"/>
      <c r="AH4360" s="137"/>
      <c r="AI4360" s="137"/>
      <c r="AJ4360" s="137"/>
      <c r="AK4360" s="206"/>
      <c r="AL4360" s="206"/>
      <c r="AM4360" s="143"/>
      <c r="AN4360" s="137"/>
      <c r="AO4360" s="137"/>
      <c r="AP4360" s="137"/>
      <c r="AQ4360" s="137"/>
      <c r="AR4360" s="137"/>
      <c r="AS4360" s="137"/>
      <c r="AT4360" s="137"/>
      <c r="AU4360" s="137"/>
      <c r="AV4360" s="137"/>
      <c r="AW4360" s="144"/>
    </row>
    <row r="4361" spans="2:49" x14ac:dyDescent="0.2">
      <c r="B4361" s="97"/>
      <c r="J4361" s="98"/>
      <c r="K4361" s="97"/>
      <c r="N4361" s="3"/>
      <c r="W4361" s="98"/>
      <c r="Z4361" s="143"/>
      <c r="AA4361" s="137"/>
      <c r="AB4361" s="137"/>
      <c r="AC4361" s="137"/>
      <c r="AD4361" s="137"/>
      <c r="AE4361" s="137"/>
      <c r="AF4361" s="137"/>
      <c r="AG4361" s="137"/>
      <c r="AH4361" s="137"/>
      <c r="AI4361" s="137"/>
      <c r="AJ4361" s="137"/>
      <c r="AK4361" s="206"/>
      <c r="AL4361" s="206"/>
      <c r="AM4361" s="143"/>
      <c r="AN4361" s="137"/>
      <c r="AO4361" s="137"/>
      <c r="AP4361" s="137"/>
      <c r="AQ4361" s="137"/>
      <c r="AR4361" s="137"/>
      <c r="AS4361" s="137"/>
      <c r="AT4361" s="137"/>
      <c r="AU4361" s="137"/>
      <c r="AV4361" s="137"/>
      <c r="AW4361" s="144"/>
    </row>
    <row r="4362" spans="2:49" x14ac:dyDescent="0.2">
      <c r="B4362" s="97"/>
      <c r="J4362" s="98"/>
      <c r="K4362" s="97"/>
      <c r="N4362" s="3"/>
      <c r="W4362" s="98"/>
      <c r="Z4362" s="143"/>
      <c r="AA4362" s="137"/>
      <c r="AB4362" s="137"/>
      <c r="AC4362" s="137"/>
      <c r="AD4362" s="137"/>
      <c r="AE4362" s="137"/>
      <c r="AF4362" s="137"/>
      <c r="AG4362" s="137"/>
      <c r="AH4362" s="137"/>
      <c r="AI4362" s="137"/>
      <c r="AJ4362" s="137"/>
      <c r="AK4362" s="206"/>
      <c r="AL4362" s="206"/>
      <c r="AM4362" s="143"/>
      <c r="AN4362" s="137"/>
      <c r="AO4362" s="137"/>
      <c r="AP4362" s="137"/>
      <c r="AQ4362" s="137"/>
      <c r="AR4362" s="137"/>
      <c r="AS4362" s="137"/>
      <c r="AT4362" s="137"/>
      <c r="AU4362" s="137"/>
      <c r="AV4362" s="137"/>
      <c r="AW4362" s="144"/>
    </row>
    <row r="4363" spans="2:49" x14ac:dyDescent="0.2">
      <c r="B4363" s="97"/>
      <c r="J4363" s="98"/>
      <c r="K4363" s="97"/>
      <c r="N4363" s="3"/>
      <c r="W4363" s="98"/>
      <c r="Z4363" s="143"/>
      <c r="AA4363" s="137"/>
      <c r="AB4363" s="137"/>
      <c r="AC4363" s="137"/>
      <c r="AD4363" s="137"/>
      <c r="AE4363" s="137"/>
      <c r="AF4363" s="137"/>
      <c r="AG4363" s="137"/>
      <c r="AH4363" s="137"/>
      <c r="AI4363" s="137"/>
      <c r="AJ4363" s="137"/>
      <c r="AK4363" s="206"/>
      <c r="AL4363" s="206"/>
      <c r="AM4363" s="143"/>
      <c r="AN4363" s="137"/>
      <c r="AO4363" s="137"/>
      <c r="AP4363" s="137"/>
      <c r="AQ4363" s="137"/>
      <c r="AR4363" s="137"/>
      <c r="AS4363" s="137"/>
      <c r="AT4363" s="137"/>
      <c r="AU4363" s="137"/>
      <c r="AV4363" s="137"/>
      <c r="AW4363" s="144"/>
    </row>
    <row r="4364" spans="2:49" x14ac:dyDescent="0.2">
      <c r="B4364" s="97"/>
      <c r="J4364" s="98"/>
      <c r="K4364" s="97"/>
      <c r="N4364" s="3"/>
      <c r="W4364" s="98"/>
      <c r="Z4364" s="143"/>
      <c r="AA4364" s="137"/>
      <c r="AB4364" s="137"/>
      <c r="AC4364" s="137"/>
      <c r="AD4364" s="137"/>
      <c r="AE4364" s="137"/>
      <c r="AF4364" s="137"/>
      <c r="AG4364" s="137"/>
      <c r="AH4364" s="137"/>
      <c r="AI4364" s="137"/>
      <c r="AJ4364" s="137"/>
      <c r="AK4364" s="206"/>
      <c r="AL4364" s="206"/>
      <c r="AM4364" s="143"/>
      <c r="AN4364" s="137"/>
      <c r="AO4364" s="137"/>
      <c r="AP4364" s="137"/>
      <c r="AQ4364" s="137"/>
      <c r="AR4364" s="137"/>
      <c r="AS4364" s="137"/>
      <c r="AT4364" s="137"/>
      <c r="AU4364" s="137"/>
      <c r="AV4364" s="137"/>
      <c r="AW4364" s="144"/>
    </row>
    <row r="4365" spans="2:49" x14ac:dyDescent="0.2">
      <c r="B4365" s="97"/>
      <c r="J4365" s="98"/>
      <c r="K4365" s="97"/>
      <c r="N4365" s="3"/>
      <c r="W4365" s="98"/>
      <c r="Z4365" s="143"/>
      <c r="AA4365" s="137"/>
      <c r="AB4365" s="137"/>
      <c r="AC4365" s="137"/>
      <c r="AD4365" s="137"/>
      <c r="AE4365" s="137"/>
      <c r="AF4365" s="137"/>
      <c r="AG4365" s="137"/>
      <c r="AH4365" s="137"/>
      <c r="AI4365" s="137"/>
      <c r="AJ4365" s="137"/>
      <c r="AK4365" s="206"/>
      <c r="AL4365" s="206"/>
      <c r="AM4365" s="143"/>
      <c r="AN4365" s="137"/>
      <c r="AO4365" s="137"/>
      <c r="AP4365" s="137"/>
      <c r="AQ4365" s="137"/>
      <c r="AR4365" s="137"/>
      <c r="AS4365" s="137"/>
      <c r="AT4365" s="137"/>
      <c r="AU4365" s="137"/>
      <c r="AV4365" s="137"/>
      <c r="AW4365" s="144"/>
    </row>
    <row r="4366" spans="2:49" x14ac:dyDescent="0.2">
      <c r="B4366" s="97"/>
      <c r="J4366" s="98"/>
      <c r="K4366" s="97"/>
      <c r="N4366" s="3"/>
      <c r="W4366" s="98"/>
      <c r="Z4366" s="143"/>
      <c r="AA4366" s="137"/>
      <c r="AB4366" s="137"/>
      <c r="AC4366" s="137"/>
      <c r="AD4366" s="137"/>
      <c r="AE4366" s="137"/>
      <c r="AF4366" s="137"/>
      <c r="AG4366" s="137"/>
      <c r="AH4366" s="137"/>
      <c r="AI4366" s="137"/>
      <c r="AJ4366" s="137"/>
      <c r="AK4366" s="206"/>
      <c r="AL4366" s="206"/>
      <c r="AM4366" s="143"/>
      <c r="AN4366" s="137"/>
      <c r="AO4366" s="137"/>
      <c r="AP4366" s="137"/>
      <c r="AQ4366" s="137"/>
      <c r="AR4366" s="137"/>
      <c r="AS4366" s="137"/>
      <c r="AT4366" s="137"/>
      <c r="AU4366" s="137"/>
      <c r="AV4366" s="137"/>
      <c r="AW4366" s="144"/>
    </row>
    <row r="4367" spans="2:49" x14ac:dyDescent="0.2">
      <c r="B4367" s="97"/>
      <c r="J4367" s="98"/>
      <c r="K4367" s="97"/>
      <c r="N4367" s="3"/>
      <c r="W4367" s="98"/>
      <c r="Z4367" s="143"/>
      <c r="AA4367" s="137"/>
      <c r="AB4367" s="137"/>
      <c r="AC4367" s="137"/>
      <c r="AD4367" s="137"/>
      <c r="AE4367" s="137"/>
      <c r="AF4367" s="137"/>
      <c r="AG4367" s="137"/>
      <c r="AH4367" s="137"/>
      <c r="AI4367" s="137"/>
      <c r="AJ4367" s="137"/>
      <c r="AK4367" s="206"/>
      <c r="AL4367" s="206"/>
      <c r="AM4367" s="143"/>
      <c r="AN4367" s="137"/>
      <c r="AO4367" s="137"/>
      <c r="AP4367" s="137"/>
      <c r="AQ4367" s="137"/>
      <c r="AR4367" s="137"/>
      <c r="AS4367" s="137"/>
      <c r="AT4367" s="137"/>
      <c r="AU4367" s="137"/>
      <c r="AV4367" s="137"/>
      <c r="AW4367" s="144"/>
    </row>
    <row r="4368" spans="2:49" x14ac:dyDescent="0.2">
      <c r="B4368" s="97"/>
      <c r="J4368" s="98"/>
      <c r="K4368" s="97"/>
      <c r="N4368" s="3"/>
      <c r="W4368" s="98"/>
      <c r="Z4368" s="143"/>
      <c r="AA4368" s="137"/>
      <c r="AB4368" s="137"/>
      <c r="AC4368" s="137"/>
      <c r="AD4368" s="137"/>
      <c r="AE4368" s="137"/>
      <c r="AF4368" s="137"/>
      <c r="AG4368" s="137"/>
      <c r="AH4368" s="137"/>
      <c r="AI4368" s="137"/>
      <c r="AJ4368" s="137"/>
      <c r="AK4368" s="206"/>
      <c r="AL4368" s="206"/>
      <c r="AM4368" s="143"/>
      <c r="AN4368" s="137"/>
      <c r="AO4368" s="137"/>
      <c r="AP4368" s="137"/>
      <c r="AQ4368" s="137"/>
      <c r="AR4368" s="137"/>
      <c r="AS4368" s="137"/>
      <c r="AT4368" s="137"/>
      <c r="AU4368" s="137"/>
      <c r="AV4368" s="137"/>
      <c r="AW4368" s="144"/>
    </row>
    <row r="4369" spans="2:49" x14ac:dyDescent="0.2">
      <c r="B4369" s="97"/>
      <c r="J4369" s="98"/>
      <c r="K4369" s="97"/>
      <c r="N4369" s="3"/>
      <c r="W4369" s="98"/>
      <c r="Z4369" s="143"/>
      <c r="AA4369" s="137"/>
      <c r="AB4369" s="137"/>
      <c r="AC4369" s="137"/>
      <c r="AD4369" s="137"/>
      <c r="AE4369" s="137"/>
      <c r="AF4369" s="137"/>
      <c r="AG4369" s="137"/>
      <c r="AH4369" s="137"/>
      <c r="AI4369" s="137"/>
      <c r="AJ4369" s="137"/>
      <c r="AK4369" s="206"/>
      <c r="AL4369" s="206"/>
      <c r="AM4369" s="143"/>
      <c r="AN4369" s="137"/>
      <c r="AO4369" s="137"/>
      <c r="AP4369" s="137"/>
      <c r="AQ4369" s="137"/>
      <c r="AR4369" s="137"/>
      <c r="AS4369" s="137"/>
      <c r="AT4369" s="137"/>
      <c r="AU4369" s="137"/>
      <c r="AV4369" s="137"/>
      <c r="AW4369" s="144"/>
    </row>
    <row r="4370" spans="2:49" x14ac:dyDescent="0.2">
      <c r="B4370" s="97"/>
      <c r="J4370" s="98"/>
      <c r="K4370" s="97"/>
      <c r="N4370" s="3"/>
      <c r="W4370" s="98"/>
      <c r="Z4370" s="143"/>
      <c r="AA4370" s="137"/>
      <c r="AB4370" s="137"/>
      <c r="AC4370" s="137"/>
      <c r="AD4370" s="137"/>
      <c r="AE4370" s="137"/>
      <c r="AF4370" s="137"/>
      <c r="AG4370" s="137"/>
      <c r="AH4370" s="137"/>
      <c r="AI4370" s="137"/>
      <c r="AJ4370" s="137"/>
      <c r="AK4370" s="206"/>
      <c r="AL4370" s="206"/>
      <c r="AM4370" s="143"/>
      <c r="AN4370" s="137"/>
      <c r="AO4370" s="137"/>
      <c r="AP4370" s="137"/>
      <c r="AQ4370" s="137"/>
      <c r="AR4370" s="137"/>
      <c r="AS4370" s="137"/>
      <c r="AT4370" s="137"/>
      <c r="AU4370" s="137"/>
      <c r="AV4370" s="137"/>
      <c r="AW4370" s="144"/>
    </row>
    <row r="4371" spans="2:49" x14ac:dyDescent="0.2">
      <c r="B4371" s="97"/>
      <c r="J4371" s="98"/>
      <c r="K4371" s="97"/>
      <c r="N4371" s="3"/>
      <c r="W4371" s="98"/>
      <c r="Z4371" s="143"/>
      <c r="AA4371" s="137"/>
      <c r="AB4371" s="137"/>
      <c r="AC4371" s="137"/>
      <c r="AD4371" s="137"/>
      <c r="AE4371" s="137"/>
      <c r="AF4371" s="137"/>
      <c r="AG4371" s="137"/>
      <c r="AH4371" s="137"/>
      <c r="AI4371" s="137"/>
      <c r="AJ4371" s="137"/>
      <c r="AK4371" s="206"/>
      <c r="AL4371" s="206"/>
      <c r="AM4371" s="143"/>
      <c r="AN4371" s="137"/>
      <c r="AO4371" s="137"/>
      <c r="AP4371" s="137"/>
      <c r="AQ4371" s="137"/>
      <c r="AR4371" s="137"/>
      <c r="AS4371" s="137"/>
      <c r="AT4371" s="137"/>
      <c r="AU4371" s="137"/>
      <c r="AV4371" s="137"/>
      <c r="AW4371" s="144"/>
    </row>
    <row r="4372" spans="2:49" x14ac:dyDescent="0.2">
      <c r="B4372" s="97"/>
      <c r="J4372" s="98"/>
      <c r="K4372" s="97"/>
      <c r="N4372" s="3"/>
      <c r="W4372" s="98"/>
      <c r="Z4372" s="143"/>
      <c r="AA4372" s="137"/>
      <c r="AB4372" s="137"/>
      <c r="AC4372" s="137"/>
      <c r="AD4372" s="137"/>
      <c r="AE4372" s="137"/>
      <c r="AF4372" s="137"/>
      <c r="AG4372" s="137"/>
      <c r="AH4372" s="137"/>
      <c r="AI4372" s="137"/>
      <c r="AJ4372" s="137"/>
      <c r="AK4372" s="206"/>
      <c r="AL4372" s="206"/>
      <c r="AM4372" s="143"/>
      <c r="AN4372" s="137"/>
      <c r="AO4372" s="137"/>
      <c r="AP4372" s="137"/>
      <c r="AQ4372" s="137"/>
      <c r="AR4372" s="137"/>
      <c r="AS4372" s="137"/>
      <c r="AT4372" s="137"/>
      <c r="AU4372" s="137"/>
      <c r="AV4372" s="137"/>
      <c r="AW4372" s="144"/>
    </row>
    <row r="4373" spans="2:49" x14ac:dyDescent="0.2">
      <c r="B4373" s="97"/>
      <c r="J4373" s="98"/>
      <c r="K4373" s="97"/>
      <c r="N4373" s="3"/>
      <c r="W4373" s="98"/>
      <c r="Z4373" s="143"/>
      <c r="AA4373" s="137"/>
      <c r="AB4373" s="137"/>
      <c r="AC4373" s="137"/>
      <c r="AD4373" s="137"/>
      <c r="AE4373" s="137"/>
      <c r="AF4373" s="137"/>
      <c r="AG4373" s="137"/>
      <c r="AH4373" s="137"/>
      <c r="AI4373" s="137"/>
      <c r="AJ4373" s="137"/>
      <c r="AK4373" s="206"/>
      <c r="AL4373" s="206"/>
      <c r="AM4373" s="143"/>
      <c r="AN4373" s="137"/>
      <c r="AO4373" s="137"/>
      <c r="AP4373" s="137"/>
      <c r="AQ4373" s="137"/>
      <c r="AR4373" s="137"/>
      <c r="AS4373" s="137"/>
      <c r="AT4373" s="137"/>
      <c r="AU4373" s="137"/>
      <c r="AV4373" s="137"/>
      <c r="AW4373" s="144"/>
    </row>
    <row r="4374" spans="2:49" x14ac:dyDescent="0.2">
      <c r="B4374" s="97"/>
      <c r="J4374" s="98"/>
      <c r="K4374" s="97"/>
      <c r="N4374" s="3"/>
      <c r="W4374" s="98"/>
      <c r="Z4374" s="143"/>
      <c r="AA4374" s="137"/>
      <c r="AB4374" s="137"/>
      <c r="AC4374" s="137"/>
      <c r="AD4374" s="137"/>
      <c r="AE4374" s="137"/>
      <c r="AF4374" s="137"/>
      <c r="AG4374" s="137"/>
      <c r="AH4374" s="137"/>
      <c r="AI4374" s="137"/>
      <c r="AJ4374" s="137"/>
      <c r="AK4374" s="206"/>
      <c r="AL4374" s="206"/>
      <c r="AM4374" s="143"/>
      <c r="AN4374" s="137"/>
      <c r="AO4374" s="137"/>
      <c r="AP4374" s="137"/>
      <c r="AQ4374" s="137"/>
      <c r="AR4374" s="137"/>
      <c r="AS4374" s="137"/>
      <c r="AT4374" s="137"/>
      <c r="AU4374" s="137"/>
      <c r="AV4374" s="137"/>
      <c r="AW4374" s="144"/>
    </row>
    <row r="4375" spans="2:49" x14ac:dyDescent="0.2">
      <c r="B4375" s="97"/>
      <c r="J4375" s="98"/>
      <c r="K4375" s="97"/>
      <c r="N4375" s="3"/>
      <c r="W4375" s="98"/>
      <c r="Z4375" s="143"/>
      <c r="AA4375" s="137"/>
      <c r="AB4375" s="137"/>
      <c r="AC4375" s="137"/>
      <c r="AD4375" s="137"/>
      <c r="AE4375" s="137"/>
      <c r="AF4375" s="137"/>
      <c r="AG4375" s="137"/>
      <c r="AH4375" s="137"/>
      <c r="AI4375" s="137"/>
      <c r="AJ4375" s="137"/>
      <c r="AK4375" s="206"/>
      <c r="AL4375" s="206"/>
      <c r="AM4375" s="143"/>
      <c r="AN4375" s="137"/>
      <c r="AO4375" s="137"/>
      <c r="AP4375" s="137"/>
      <c r="AQ4375" s="137"/>
      <c r="AR4375" s="137"/>
      <c r="AS4375" s="137"/>
      <c r="AT4375" s="137"/>
      <c r="AU4375" s="137"/>
      <c r="AV4375" s="137"/>
      <c r="AW4375" s="144"/>
    </row>
    <row r="4376" spans="2:49" x14ac:dyDescent="0.2">
      <c r="B4376" s="97"/>
      <c r="J4376" s="98"/>
      <c r="K4376" s="97"/>
      <c r="N4376" s="3"/>
      <c r="W4376" s="98"/>
      <c r="Z4376" s="143"/>
      <c r="AA4376" s="137"/>
      <c r="AB4376" s="137"/>
      <c r="AC4376" s="137"/>
      <c r="AD4376" s="137"/>
      <c r="AE4376" s="137"/>
      <c r="AF4376" s="137"/>
      <c r="AG4376" s="137"/>
      <c r="AH4376" s="137"/>
      <c r="AI4376" s="137"/>
      <c r="AJ4376" s="137"/>
      <c r="AK4376" s="206"/>
      <c r="AL4376" s="206"/>
      <c r="AM4376" s="143"/>
      <c r="AN4376" s="137"/>
      <c r="AO4376" s="137"/>
      <c r="AP4376" s="137"/>
      <c r="AQ4376" s="137"/>
      <c r="AR4376" s="137"/>
      <c r="AS4376" s="137"/>
      <c r="AT4376" s="137"/>
      <c r="AU4376" s="137"/>
      <c r="AV4376" s="137"/>
      <c r="AW4376" s="144"/>
    </row>
    <row r="4377" spans="2:49" x14ac:dyDescent="0.2">
      <c r="B4377" s="97"/>
      <c r="J4377" s="98"/>
      <c r="K4377" s="97"/>
      <c r="N4377" s="3"/>
      <c r="W4377" s="98"/>
      <c r="Z4377" s="143"/>
      <c r="AA4377" s="137"/>
      <c r="AB4377" s="137"/>
      <c r="AC4377" s="137"/>
      <c r="AD4377" s="137"/>
      <c r="AE4377" s="137"/>
      <c r="AF4377" s="137"/>
      <c r="AG4377" s="137"/>
      <c r="AH4377" s="137"/>
      <c r="AI4377" s="137"/>
      <c r="AJ4377" s="137"/>
      <c r="AK4377" s="206"/>
      <c r="AL4377" s="206"/>
      <c r="AM4377" s="143"/>
      <c r="AN4377" s="137"/>
      <c r="AO4377" s="137"/>
      <c r="AP4377" s="137"/>
      <c r="AQ4377" s="137"/>
      <c r="AR4377" s="137"/>
      <c r="AS4377" s="137"/>
      <c r="AT4377" s="137"/>
      <c r="AU4377" s="137"/>
      <c r="AV4377" s="137"/>
      <c r="AW4377" s="144"/>
    </row>
    <row r="4378" spans="2:49" x14ac:dyDescent="0.2">
      <c r="B4378" s="97"/>
      <c r="J4378" s="98"/>
      <c r="K4378" s="97"/>
      <c r="N4378" s="3"/>
      <c r="W4378" s="98"/>
      <c r="Z4378" s="143"/>
      <c r="AA4378" s="137"/>
      <c r="AB4378" s="137"/>
      <c r="AC4378" s="137"/>
      <c r="AD4378" s="137"/>
      <c r="AE4378" s="137"/>
      <c r="AF4378" s="137"/>
      <c r="AG4378" s="137"/>
      <c r="AH4378" s="137"/>
      <c r="AI4378" s="137"/>
      <c r="AJ4378" s="137"/>
      <c r="AK4378" s="206"/>
      <c r="AL4378" s="206"/>
      <c r="AM4378" s="143"/>
      <c r="AN4378" s="137"/>
      <c r="AO4378" s="137"/>
      <c r="AP4378" s="137"/>
      <c r="AQ4378" s="137"/>
      <c r="AR4378" s="137"/>
      <c r="AS4378" s="137"/>
      <c r="AT4378" s="137"/>
      <c r="AU4378" s="137"/>
      <c r="AV4378" s="137"/>
      <c r="AW4378" s="144"/>
    </row>
    <row r="4379" spans="2:49" x14ac:dyDescent="0.2">
      <c r="B4379" s="97"/>
      <c r="J4379" s="98"/>
      <c r="K4379" s="97"/>
      <c r="N4379" s="3"/>
      <c r="W4379" s="98"/>
      <c r="Z4379" s="143"/>
      <c r="AA4379" s="137"/>
      <c r="AB4379" s="137"/>
      <c r="AC4379" s="137"/>
      <c r="AD4379" s="137"/>
      <c r="AE4379" s="137"/>
      <c r="AF4379" s="137"/>
      <c r="AG4379" s="137"/>
      <c r="AH4379" s="137"/>
      <c r="AI4379" s="137"/>
      <c r="AJ4379" s="137"/>
      <c r="AK4379" s="206"/>
      <c r="AL4379" s="206"/>
      <c r="AM4379" s="143"/>
      <c r="AN4379" s="137"/>
      <c r="AO4379" s="137"/>
      <c r="AP4379" s="137"/>
      <c r="AQ4379" s="137"/>
      <c r="AR4379" s="137"/>
      <c r="AS4379" s="137"/>
      <c r="AT4379" s="137"/>
      <c r="AU4379" s="137"/>
      <c r="AV4379" s="137"/>
      <c r="AW4379" s="144"/>
    </row>
    <row r="4380" spans="2:49" x14ac:dyDescent="0.2">
      <c r="B4380" s="97"/>
      <c r="J4380" s="98"/>
      <c r="K4380" s="97"/>
      <c r="N4380" s="3"/>
      <c r="W4380" s="98"/>
      <c r="Z4380" s="143"/>
      <c r="AA4380" s="137"/>
      <c r="AB4380" s="137"/>
      <c r="AC4380" s="137"/>
      <c r="AD4380" s="137"/>
      <c r="AE4380" s="137"/>
      <c r="AF4380" s="137"/>
      <c r="AG4380" s="137"/>
      <c r="AH4380" s="137"/>
      <c r="AI4380" s="137"/>
      <c r="AJ4380" s="137"/>
      <c r="AK4380" s="206"/>
      <c r="AL4380" s="206"/>
      <c r="AM4380" s="143"/>
      <c r="AN4380" s="137"/>
      <c r="AO4380" s="137"/>
      <c r="AP4380" s="137"/>
      <c r="AQ4380" s="137"/>
      <c r="AR4380" s="137"/>
      <c r="AS4380" s="137"/>
      <c r="AT4380" s="137"/>
      <c r="AU4380" s="137"/>
      <c r="AV4380" s="137"/>
      <c r="AW4380" s="144"/>
    </row>
    <row r="4381" spans="2:49" x14ac:dyDescent="0.2">
      <c r="B4381" s="97"/>
      <c r="J4381" s="98"/>
      <c r="K4381" s="97"/>
      <c r="N4381" s="3"/>
      <c r="W4381" s="98"/>
      <c r="Z4381" s="143"/>
      <c r="AA4381" s="137"/>
      <c r="AB4381" s="137"/>
      <c r="AC4381" s="137"/>
      <c r="AD4381" s="137"/>
      <c r="AE4381" s="137"/>
      <c r="AF4381" s="137"/>
      <c r="AG4381" s="137"/>
      <c r="AH4381" s="137"/>
      <c r="AI4381" s="137"/>
      <c r="AJ4381" s="137"/>
      <c r="AK4381" s="206"/>
      <c r="AL4381" s="206"/>
      <c r="AM4381" s="143"/>
      <c r="AN4381" s="137"/>
      <c r="AO4381" s="137"/>
      <c r="AP4381" s="137"/>
      <c r="AQ4381" s="137"/>
      <c r="AR4381" s="137"/>
      <c r="AS4381" s="137"/>
      <c r="AT4381" s="137"/>
      <c r="AU4381" s="137"/>
      <c r="AV4381" s="137"/>
      <c r="AW4381" s="144"/>
    </row>
    <row r="4382" spans="2:49" x14ac:dyDescent="0.2">
      <c r="B4382" s="97"/>
      <c r="J4382" s="98"/>
      <c r="K4382" s="97"/>
      <c r="N4382" s="3"/>
      <c r="W4382" s="98"/>
      <c r="Z4382" s="143"/>
      <c r="AA4382" s="137"/>
      <c r="AB4382" s="137"/>
      <c r="AC4382" s="137"/>
      <c r="AD4382" s="137"/>
      <c r="AE4382" s="137"/>
      <c r="AF4382" s="137"/>
      <c r="AG4382" s="137"/>
      <c r="AH4382" s="137"/>
      <c r="AI4382" s="137"/>
      <c r="AJ4382" s="137"/>
      <c r="AK4382" s="206"/>
      <c r="AL4382" s="206"/>
      <c r="AM4382" s="143"/>
      <c r="AN4382" s="137"/>
      <c r="AO4382" s="137"/>
      <c r="AP4382" s="137"/>
      <c r="AQ4382" s="137"/>
      <c r="AR4382" s="137"/>
      <c r="AS4382" s="137"/>
      <c r="AT4382" s="137"/>
      <c r="AU4382" s="137"/>
      <c r="AV4382" s="137"/>
      <c r="AW4382" s="144"/>
    </row>
    <row r="4383" spans="2:49" x14ac:dyDescent="0.2">
      <c r="B4383" s="97"/>
      <c r="J4383" s="98"/>
      <c r="K4383" s="97"/>
      <c r="N4383" s="3"/>
      <c r="W4383" s="98"/>
      <c r="Z4383" s="143"/>
      <c r="AA4383" s="137"/>
      <c r="AB4383" s="137"/>
      <c r="AC4383" s="137"/>
      <c r="AD4383" s="137"/>
      <c r="AE4383" s="137"/>
      <c r="AF4383" s="137"/>
      <c r="AG4383" s="137"/>
      <c r="AH4383" s="137"/>
      <c r="AI4383" s="137"/>
      <c r="AJ4383" s="137"/>
      <c r="AK4383" s="206"/>
      <c r="AL4383" s="206"/>
      <c r="AM4383" s="143"/>
      <c r="AN4383" s="137"/>
      <c r="AO4383" s="137"/>
      <c r="AP4383" s="137"/>
      <c r="AQ4383" s="137"/>
      <c r="AR4383" s="137"/>
      <c r="AS4383" s="137"/>
      <c r="AT4383" s="137"/>
      <c r="AU4383" s="137"/>
      <c r="AV4383" s="137"/>
      <c r="AW4383" s="144"/>
    </row>
    <row r="4384" spans="2:49" x14ac:dyDescent="0.2">
      <c r="B4384" s="97"/>
      <c r="J4384" s="98"/>
      <c r="K4384" s="97"/>
      <c r="N4384" s="3"/>
      <c r="W4384" s="98"/>
      <c r="Z4384" s="143"/>
      <c r="AA4384" s="137"/>
      <c r="AB4384" s="137"/>
      <c r="AC4384" s="137"/>
      <c r="AD4384" s="137"/>
      <c r="AE4384" s="137"/>
      <c r="AF4384" s="137"/>
      <c r="AG4384" s="137"/>
      <c r="AH4384" s="137"/>
      <c r="AI4384" s="137"/>
      <c r="AJ4384" s="137"/>
      <c r="AK4384" s="206"/>
      <c r="AL4384" s="206"/>
      <c r="AM4384" s="143"/>
      <c r="AN4384" s="137"/>
      <c r="AO4384" s="137"/>
      <c r="AP4384" s="137"/>
      <c r="AQ4384" s="137"/>
      <c r="AR4384" s="137"/>
      <c r="AS4384" s="137"/>
      <c r="AT4384" s="137"/>
      <c r="AU4384" s="137"/>
      <c r="AV4384" s="137"/>
      <c r="AW4384" s="144"/>
    </row>
    <row r="4385" spans="2:49" x14ac:dyDescent="0.2">
      <c r="B4385" s="97"/>
      <c r="J4385" s="98"/>
      <c r="K4385" s="97"/>
      <c r="N4385" s="3"/>
      <c r="W4385" s="98"/>
      <c r="Z4385" s="143"/>
      <c r="AA4385" s="137"/>
      <c r="AB4385" s="137"/>
      <c r="AC4385" s="137"/>
      <c r="AD4385" s="137"/>
      <c r="AE4385" s="137"/>
      <c r="AF4385" s="137"/>
      <c r="AG4385" s="137"/>
      <c r="AH4385" s="137"/>
      <c r="AI4385" s="137"/>
      <c r="AJ4385" s="137"/>
      <c r="AK4385" s="206"/>
      <c r="AL4385" s="206"/>
      <c r="AM4385" s="143"/>
      <c r="AN4385" s="137"/>
      <c r="AO4385" s="137"/>
      <c r="AP4385" s="137"/>
      <c r="AQ4385" s="137"/>
      <c r="AR4385" s="137"/>
      <c r="AS4385" s="137"/>
      <c r="AT4385" s="137"/>
      <c r="AU4385" s="137"/>
      <c r="AV4385" s="137"/>
      <c r="AW4385" s="144"/>
    </row>
    <row r="4386" spans="2:49" x14ac:dyDescent="0.2">
      <c r="B4386" s="97"/>
      <c r="J4386" s="98"/>
      <c r="K4386" s="97"/>
      <c r="N4386" s="3"/>
      <c r="W4386" s="98"/>
      <c r="Z4386" s="143"/>
      <c r="AA4386" s="137"/>
      <c r="AB4386" s="137"/>
      <c r="AC4386" s="137"/>
      <c r="AD4386" s="137"/>
      <c r="AE4386" s="137"/>
      <c r="AF4386" s="137"/>
      <c r="AG4386" s="137"/>
      <c r="AH4386" s="137"/>
      <c r="AI4386" s="137"/>
      <c r="AJ4386" s="137"/>
      <c r="AK4386" s="206"/>
      <c r="AL4386" s="206"/>
      <c r="AM4386" s="143"/>
      <c r="AN4386" s="137"/>
      <c r="AO4386" s="137"/>
      <c r="AP4386" s="137"/>
      <c r="AQ4386" s="137"/>
      <c r="AR4386" s="137"/>
      <c r="AS4386" s="137"/>
      <c r="AT4386" s="137"/>
      <c r="AU4386" s="137"/>
      <c r="AV4386" s="137"/>
      <c r="AW4386" s="144"/>
    </row>
    <row r="4387" spans="2:49" x14ac:dyDescent="0.2">
      <c r="B4387" s="97"/>
      <c r="J4387" s="98"/>
      <c r="K4387" s="97"/>
      <c r="N4387" s="3"/>
      <c r="W4387" s="98"/>
      <c r="Z4387" s="143"/>
      <c r="AA4387" s="137"/>
      <c r="AB4387" s="137"/>
      <c r="AC4387" s="137"/>
      <c r="AD4387" s="137"/>
      <c r="AE4387" s="137"/>
      <c r="AF4387" s="137"/>
      <c r="AG4387" s="137"/>
      <c r="AH4387" s="137"/>
      <c r="AI4387" s="137"/>
      <c r="AJ4387" s="137"/>
      <c r="AK4387" s="206"/>
      <c r="AL4387" s="206"/>
      <c r="AM4387" s="143"/>
      <c r="AN4387" s="137"/>
      <c r="AO4387" s="137"/>
      <c r="AP4387" s="137"/>
      <c r="AQ4387" s="137"/>
      <c r="AR4387" s="137"/>
      <c r="AS4387" s="137"/>
      <c r="AT4387" s="137"/>
      <c r="AU4387" s="137"/>
      <c r="AV4387" s="137"/>
      <c r="AW4387" s="144"/>
    </row>
    <row r="4388" spans="2:49" x14ac:dyDescent="0.2">
      <c r="B4388" s="97"/>
      <c r="J4388" s="98"/>
      <c r="K4388" s="97"/>
      <c r="N4388" s="3"/>
      <c r="W4388" s="98"/>
      <c r="Z4388" s="143"/>
      <c r="AA4388" s="137"/>
      <c r="AB4388" s="137"/>
      <c r="AC4388" s="137"/>
      <c r="AD4388" s="137"/>
      <c r="AE4388" s="137"/>
      <c r="AF4388" s="137"/>
      <c r="AG4388" s="137"/>
      <c r="AH4388" s="137"/>
      <c r="AI4388" s="137"/>
      <c r="AJ4388" s="137"/>
      <c r="AK4388" s="206"/>
      <c r="AL4388" s="206"/>
      <c r="AM4388" s="143"/>
      <c r="AN4388" s="137"/>
      <c r="AO4388" s="137"/>
      <c r="AP4388" s="137"/>
      <c r="AQ4388" s="137"/>
      <c r="AR4388" s="137"/>
      <c r="AS4388" s="137"/>
      <c r="AT4388" s="137"/>
      <c r="AU4388" s="137"/>
      <c r="AV4388" s="137"/>
      <c r="AW4388" s="144"/>
    </row>
    <row r="4389" spans="2:49" x14ac:dyDescent="0.2">
      <c r="B4389" s="97"/>
      <c r="J4389" s="98"/>
      <c r="K4389" s="97"/>
      <c r="N4389" s="3"/>
      <c r="W4389" s="98"/>
      <c r="Z4389" s="143"/>
      <c r="AA4389" s="137"/>
      <c r="AB4389" s="137"/>
      <c r="AC4389" s="137"/>
      <c r="AD4389" s="137"/>
      <c r="AE4389" s="137"/>
      <c r="AF4389" s="137"/>
      <c r="AG4389" s="137"/>
      <c r="AH4389" s="137"/>
      <c r="AI4389" s="137"/>
      <c r="AJ4389" s="137"/>
      <c r="AK4389" s="206"/>
      <c r="AL4389" s="206"/>
      <c r="AM4389" s="143"/>
      <c r="AN4389" s="137"/>
      <c r="AO4389" s="137"/>
      <c r="AP4389" s="137"/>
      <c r="AQ4389" s="137"/>
      <c r="AR4389" s="137"/>
      <c r="AS4389" s="137"/>
      <c r="AT4389" s="137"/>
      <c r="AU4389" s="137"/>
      <c r="AV4389" s="137"/>
      <c r="AW4389" s="144"/>
    </row>
    <row r="4390" spans="2:49" x14ac:dyDescent="0.2">
      <c r="B4390" s="97"/>
      <c r="J4390" s="98"/>
      <c r="K4390" s="97"/>
      <c r="N4390" s="3"/>
      <c r="W4390" s="98"/>
      <c r="Z4390" s="143"/>
      <c r="AA4390" s="137"/>
      <c r="AB4390" s="137"/>
      <c r="AC4390" s="137"/>
      <c r="AD4390" s="137"/>
      <c r="AE4390" s="137"/>
      <c r="AF4390" s="137"/>
      <c r="AG4390" s="137"/>
      <c r="AH4390" s="137"/>
      <c r="AI4390" s="137"/>
      <c r="AJ4390" s="137"/>
      <c r="AK4390" s="206"/>
      <c r="AL4390" s="206"/>
      <c r="AM4390" s="143"/>
      <c r="AN4390" s="137"/>
      <c r="AO4390" s="137"/>
      <c r="AP4390" s="137"/>
      <c r="AQ4390" s="137"/>
      <c r="AR4390" s="137"/>
      <c r="AS4390" s="137"/>
      <c r="AT4390" s="137"/>
      <c r="AU4390" s="137"/>
      <c r="AV4390" s="137"/>
      <c r="AW4390" s="144"/>
    </row>
    <row r="4391" spans="2:49" x14ac:dyDescent="0.2">
      <c r="B4391" s="97"/>
      <c r="J4391" s="98"/>
      <c r="K4391" s="97"/>
      <c r="N4391" s="3"/>
      <c r="W4391" s="98"/>
      <c r="Z4391" s="143"/>
      <c r="AA4391" s="137"/>
      <c r="AB4391" s="137"/>
      <c r="AC4391" s="137"/>
      <c r="AD4391" s="137"/>
      <c r="AE4391" s="137"/>
      <c r="AF4391" s="137"/>
      <c r="AG4391" s="137"/>
      <c r="AH4391" s="137"/>
      <c r="AI4391" s="137"/>
      <c r="AJ4391" s="137"/>
      <c r="AK4391" s="206"/>
      <c r="AL4391" s="206"/>
      <c r="AM4391" s="143"/>
      <c r="AN4391" s="137"/>
      <c r="AO4391" s="137"/>
      <c r="AP4391" s="137"/>
      <c r="AQ4391" s="137"/>
      <c r="AR4391" s="137"/>
      <c r="AS4391" s="137"/>
      <c r="AT4391" s="137"/>
      <c r="AU4391" s="137"/>
      <c r="AV4391" s="137"/>
      <c r="AW4391" s="144"/>
    </row>
    <row r="4392" spans="2:49" x14ac:dyDescent="0.2">
      <c r="B4392" s="97"/>
      <c r="J4392" s="98"/>
      <c r="K4392" s="97"/>
      <c r="N4392" s="3"/>
      <c r="W4392" s="98"/>
      <c r="Z4392" s="143"/>
      <c r="AA4392" s="137"/>
      <c r="AB4392" s="137"/>
      <c r="AC4392" s="137"/>
      <c r="AD4392" s="137"/>
      <c r="AE4392" s="137"/>
      <c r="AF4392" s="137"/>
      <c r="AG4392" s="137"/>
      <c r="AH4392" s="137"/>
      <c r="AI4392" s="137"/>
      <c r="AJ4392" s="137"/>
      <c r="AK4392" s="206"/>
      <c r="AL4392" s="206"/>
      <c r="AM4392" s="143"/>
      <c r="AN4392" s="137"/>
      <c r="AO4392" s="137"/>
      <c r="AP4392" s="137"/>
      <c r="AQ4392" s="137"/>
      <c r="AR4392" s="137"/>
      <c r="AS4392" s="137"/>
      <c r="AT4392" s="137"/>
      <c r="AU4392" s="137"/>
      <c r="AV4392" s="137"/>
      <c r="AW4392" s="144"/>
    </row>
    <row r="4393" spans="2:49" x14ac:dyDescent="0.2">
      <c r="B4393" s="97"/>
      <c r="J4393" s="98"/>
      <c r="K4393" s="97"/>
      <c r="N4393" s="3"/>
      <c r="W4393" s="98"/>
      <c r="Z4393" s="143"/>
      <c r="AA4393" s="137"/>
      <c r="AB4393" s="137"/>
      <c r="AC4393" s="137"/>
      <c r="AD4393" s="137"/>
      <c r="AE4393" s="137"/>
      <c r="AF4393" s="137"/>
      <c r="AG4393" s="137"/>
      <c r="AH4393" s="137"/>
      <c r="AI4393" s="137"/>
      <c r="AJ4393" s="137"/>
      <c r="AK4393" s="206"/>
      <c r="AL4393" s="206"/>
      <c r="AM4393" s="143"/>
      <c r="AN4393" s="137"/>
      <c r="AO4393" s="137"/>
      <c r="AP4393" s="137"/>
      <c r="AQ4393" s="137"/>
      <c r="AR4393" s="137"/>
      <c r="AS4393" s="137"/>
      <c r="AT4393" s="137"/>
      <c r="AU4393" s="137"/>
      <c r="AV4393" s="137"/>
      <c r="AW4393" s="144"/>
    </row>
    <row r="4394" spans="2:49" x14ac:dyDescent="0.2">
      <c r="B4394" s="97"/>
      <c r="J4394" s="98"/>
      <c r="K4394" s="97"/>
      <c r="N4394" s="3"/>
      <c r="W4394" s="98"/>
      <c r="Z4394" s="143"/>
      <c r="AA4394" s="137"/>
      <c r="AB4394" s="137"/>
      <c r="AC4394" s="137"/>
      <c r="AD4394" s="137"/>
      <c r="AE4394" s="137"/>
      <c r="AF4394" s="137"/>
      <c r="AG4394" s="137"/>
      <c r="AH4394" s="137"/>
      <c r="AI4394" s="137"/>
      <c r="AJ4394" s="137"/>
      <c r="AK4394" s="206"/>
      <c r="AL4394" s="206"/>
      <c r="AM4394" s="143"/>
      <c r="AN4394" s="137"/>
      <c r="AO4394" s="137"/>
      <c r="AP4394" s="137"/>
      <c r="AQ4394" s="137"/>
      <c r="AR4394" s="137"/>
      <c r="AS4394" s="137"/>
      <c r="AT4394" s="137"/>
      <c r="AU4394" s="137"/>
      <c r="AV4394" s="137"/>
      <c r="AW4394" s="144"/>
    </row>
    <row r="4395" spans="2:49" x14ac:dyDescent="0.2">
      <c r="B4395" s="97"/>
      <c r="J4395" s="98"/>
      <c r="K4395" s="97"/>
      <c r="N4395" s="3"/>
      <c r="W4395" s="98"/>
      <c r="Z4395" s="143"/>
      <c r="AA4395" s="137"/>
      <c r="AB4395" s="137"/>
      <c r="AC4395" s="137"/>
      <c r="AD4395" s="137"/>
      <c r="AE4395" s="137"/>
      <c r="AF4395" s="137"/>
      <c r="AG4395" s="137"/>
      <c r="AH4395" s="137"/>
      <c r="AI4395" s="137"/>
      <c r="AJ4395" s="137"/>
      <c r="AK4395" s="206"/>
      <c r="AL4395" s="206"/>
      <c r="AM4395" s="143"/>
      <c r="AN4395" s="137"/>
      <c r="AO4395" s="137"/>
      <c r="AP4395" s="137"/>
      <c r="AQ4395" s="137"/>
      <c r="AR4395" s="137"/>
      <c r="AS4395" s="137"/>
      <c r="AT4395" s="137"/>
      <c r="AU4395" s="137"/>
      <c r="AV4395" s="137"/>
      <c r="AW4395" s="144"/>
    </row>
    <row r="4396" spans="2:49" x14ac:dyDescent="0.2">
      <c r="B4396" s="97"/>
      <c r="J4396" s="98"/>
      <c r="K4396" s="97"/>
      <c r="N4396" s="3"/>
      <c r="W4396" s="98"/>
      <c r="Z4396" s="143"/>
      <c r="AA4396" s="137"/>
      <c r="AB4396" s="137"/>
      <c r="AC4396" s="137"/>
      <c r="AD4396" s="137"/>
      <c r="AE4396" s="137"/>
      <c r="AF4396" s="137"/>
      <c r="AG4396" s="137"/>
      <c r="AH4396" s="137"/>
      <c r="AI4396" s="137"/>
      <c r="AJ4396" s="137"/>
      <c r="AK4396" s="206"/>
      <c r="AL4396" s="206"/>
      <c r="AM4396" s="143"/>
      <c r="AN4396" s="137"/>
      <c r="AO4396" s="137"/>
      <c r="AP4396" s="137"/>
      <c r="AQ4396" s="137"/>
      <c r="AR4396" s="137"/>
      <c r="AS4396" s="137"/>
      <c r="AT4396" s="137"/>
      <c r="AU4396" s="137"/>
      <c r="AV4396" s="137"/>
      <c r="AW4396" s="144"/>
    </row>
    <row r="4397" spans="2:49" x14ac:dyDescent="0.2">
      <c r="B4397" s="97"/>
      <c r="J4397" s="98"/>
      <c r="K4397" s="97"/>
      <c r="N4397" s="3"/>
      <c r="W4397" s="98"/>
      <c r="Z4397" s="143"/>
      <c r="AA4397" s="137"/>
      <c r="AB4397" s="137"/>
      <c r="AC4397" s="137"/>
      <c r="AD4397" s="137"/>
      <c r="AE4397" s="137"/>
      <c r="AF4397" s="137"/>
      <c r="AG4397" s="137"/>
      <c r="AH4397" s="137"/>
      <c r="AI4397" s="137"/>
      <c r="AJ4397" s="137"/>
      <c r="AK4397" s="206"/>
      <c r="AL4397" s="206"/>
      <c r="AM4397" s="143"/>
      <c r="AN4397" s="137"/>
      <c r="AO4397" s="137"/>
      <c r="AP4397" s="137"/>
      <c r="AQ4397" s="137"/>
      <c r="AR4397" s="137"/>
      <c r="AS4397" s="137"/>
      <c r="AT4397" s="137"/>
      <c r="AU4397" s="137"/>
      <c r="AV4397" s="137"/>
      <c r="AW4397" s="144"/>
    </row>
    <row r="4398" spans="2:49" x14ac:dyDescent="0.2">
      <c r="B4398" s="97"/>
      <c r="J4398" s="98"/>
      <c r="K4398" s="97"/>
      <c r="N4398" s="3"/>
      <c r="W4398" s="98"/>
      <c r="Z4398" s="143"/>
      <c r="AA4398" s="137"/>
      <c r="AB4398" s="137"/>
      <c r="AC4398" s="137"/>
      <c r="AD4398" s="137"/>
      <c r="AE4398" s="137"/>
      <c r="AF4398" s="137"/>
      <c r="AG4398" s="137"/>
      <c r="AH4398" s="137"/>
      <c r="AI4398" s="137"/>
      <c r="AJ4398" s="137"/>
      <c r="AK4398" s="206"/>
      <c r="AL4398" s="206"/>
      <c r="AM4398" s="143"/>
      <c r="AN4398" s="137"/>
      <c r="AO4398" s="137"/>
      <c r="AP4398" s="137"/>
      <c r="AQ4398" s="137"/>
      <c r="AR4398" s="137"/>
      <c r="AS4398" s="137"/>
      <c r="AT4398" s="137"/>
      <c r="AU4398" s="137"/>
      <c r="AV4398" s="137"/>
      <c r="AW4398" s="144"/>
    </row>
    <row r="4399" spans="2:49" x14ac:dyDescent="0.2">
      <c r="B4399" s="97"/>
      <c r="J4399" s="98"/>
      <c r="K4399" s="97"/>
      <c r="N4399" s="3"/>
      <c r="W4399" s="98"/>
      <c r="Z4399" s="143"/>
      <c r="AA4399" s="137"/>
      <c r="AB4399" s="137"/>
      <c r="AC4399" s="137"/>
      <c r="AD4399" s="137"/>
      <c r="AE4399" s="137"/>
      <c r="AF4399" s="137"/>
      <c r="AG4399" s="137"/>
      <c r="AH4399" s="137"/>
      <c r="AI4399" s="137"/>
      <c r="AJ4399" s="137"/>
      <c r="AK4399" s="206"/>
      <c r="AL4399" s="206"/>
      <c r="AM4399" s="143"/>
      <c r="AN4399" s="137"/>
      <c r="AO4399" s="137"/>
      <c r="AP4399" s="137"/>
      <c r="AQ4399" s="137"/>
      <c r="AR4399" s="137"/>
      <c r="AS4399" s="137"/>
      <c r="AT4399" s="137"/>
      <c r="AU4399" s="137"/>
      <c r="AV4399" s="137"/>
      <c r="AW4399" s="144"/>
    </row>
    <row r="4400" spans="2:49" x14ac:dyDescent="0.2">
      <c r="B4400" s="97"/>
      <c r="J4400" s="98"/>
      <c r="K4400" s="97"/>
      <c r="N4400" s="3"/>
      <c r="W4400" s="98"/>
      <c r="Z4400" s="143"/>
      <c r="AA4400" s="137"/>
      <c r="AB4400" s="137"/>
      <c r="AC4400" s="137"/>
      <c r="AD4400" s="137"/>
      <c r="AE4400" s="137"/>
      <c r="AF4400" s="137"/>
      <c r="AG4400" s="137"/>
      <c r="AH4400" s="137"/>
      <c r="AI4400" s="137"/>
      <c r="AJ4400" s="137"/>
      <c r="AK4400" s="206"/>
      <c r="AL4400" s="206"/>
      <c r="AM4400" s="143"/>
      <c r="AN4400" s="137"/>
      <c r="AO4400" s="137"/>
      <c r="AP4400" s="137"/>
      <c r="AQ4400" s="137"/>
      <c r="AR4400" s="137"/>
      <c r="AS4400" s="137"/>
      <c r="AT4400" s="137"/>
      <c r="AU4400" s="137"/>
      <c r="AV4400" s="137"/>
      <c r="AW4400" s="144"/>
    </row>
    <row r="4401" spans="2:49" x14ac:dyDescent="0.2">
      <c r="B4401" s="97"/>
      <c r="J4401" s="98"/>
      <c r="K4401" s="97"/>
      <c r="N4401" s="3"/>
      <c r="W4401" s="98"/>
      <c r="Z4401" s="143"/>
      <c r="AA4401" s="137"/>
      <c r="AB4401" s="137"/>
      <c r="AC4401" s="137"/>
      <c r="AD4401" s="137"/>
      <c r="AE4401" s="137"/>
      <c r="AF4401" s="137"/>
      <c r="AG4401" s="137"/>
      <c r="AH4401" s="137"/>
      <c r="AI4401" s="137"/>
      <c r="AJ4401" s="137"/>
      <c r="AK4401" s="206"/>
      <c r="AL4401" s="206"/>
      <c r="AM4401" s="143"/>
      <c r="AN4401" s="137"/>
      <c r="AO4401" s="137"/>
      <c r="AP4401" s="137"/>
      <c r="AQ4401" s="137"/>
      <c r="AR4401" s="137"/>
      <c r="AS4401" s="137"/>
      <c r="AT4401" s="137"/>
      <c r="AU4401" s="137"/>
      <c r="AV4401" s="137"/>
      <c r="AW4401" s="144"/>
    </row>
    <row r="4402" spans="2:49" x14ac:dyDescent="0.2">
      <c r="B4402" s="97"/>
      <c r="J4402" s="98"/>
      <c r="K4402" s="97"/>
      <c r="N4402" s="3"/>
      <c r="W4402" s="98"/>
      <c r="Z4402" s="143"/>
      <c r="AA4402" s="137"/>
      <c r="AB4402" s="137"/>
      <c r="AC4402" s="137"/>
      <c r="AD4402" s="137"/>
      <c r="AE4402" s="137"/>
      <c r="AF4402" s="137"/>
      <c r="AG4402" s="137"/>
      <c r="AH4402" s="137"/>
      <c r="AI4402" s="137"/>
      <c r="AJ4402" s="137"/>
      <c r="AK4402" s="206"/>
      <c r="AL4402" s="206"/>
      <c r="AM4402" s="143"/>
      <c r="AN4402" s="137"/>
      <c r="AO4402" s="137"/>
      <c r="AP4402" s="137"/>
      <c r="AQ4402" s="137"/>
      <c r="AR4402" s="137"/>
      <c r="AS4402" s="137"/>
      <c r="AT4402" s="137"/>
      <c r="AU4402" s="137"/>
      <c r="AV4402" s="137"/>
      <c r="AW4402" s="144"/>
    </row>
    <row r="4403" spans="2:49" x14ac:dyDescent="0.2">
      <c r="B4403" s="97"/>
      <c r="J4403" s="98"/>
      <c r="K4403" s="97"/>
      <c r="N4403" s="3"/>
      <c r="W4403" s="98"/>
      <c r="Z4403" s="143"/>
      <c r="AA4403" s="137"/>
      <c r="AB4403" s="137"/>
      <c r="AC4403" s="137"/>
      <c r="AD4403" s="137"/>
      <c r="AE4403" s="137"/>
      <c r="AF4403" s="137"/>
      <c r="AG4403" s="137"/>
      <c r="AH4403" s="137"/>
      <c r="AI4403" s="137"/>
      <c r="AJ4403" s="137"/>
      <c r="AK4403" s="206"/>
      <c r="AL4403" s="206"/>
      <c r="AM4403" s="143"/>
      <c r="AN4403" s="137"/>
      <c r="AO4403" s="137"/>
      <c r="AP4403" s="137"/>
      <c r="AQ4403" s="137"/>
      <c r="AR4403" s="137"/>
      <c r="AS4403" s="137"/>
      <c r="AT4403" s="137"/>
      <c r="AU4403" s="137"/>
      <c r="AV4403" s="137"/>
      <c r="AW4403" s="144"/>
    </row>
    <row r="4404" spans="2:49" x14ac:dyDescent="0.2">
      <c r="B4404" s="97"/>
      <c r="J4404" s="98"/>
      <c r="K4404" s="97"/>
      <c r="N4404" s="3"/>
      <c r="W4404" s="98"/>
      <c r="Z4404" s="143"/>
      <c r="AA4404" s="137"/>
      <c r="AB4404" s="137"/>
      <c r="AC4404" s="137"/>
      <c r="AD4404" s="137"/>
      <c r="AE4404" s="137"/>
      <c r="AF4404" s="137"/>
      <c r="AG4404" s="137"/>
      <c r="AH4404" s="137"/>
      <c r="AI4404" s="137"/>
      <c r="AJ4404" s="137"/>
      <c r="AK4404" s="206"/>
      <c r="AL4404" s="206"/>
      <c r="AM4404" s="143"/>
      <c r="AN4404" s="137"/>
      <c r="AO4404" s="137"/>
      <c r="AP4404" s="137"/>
      <c r="AQ4404" s="137"/>
      <c r="AR4404" s="137"/>
      <c r="AS4404" s="137"/>
      <c r="AT4404" s="137"/>
      <c r="AU4404" s="137"/>
      <c r="AV4404" s="137"/>
      <c r="AW4404" s="144"/>
    </row>
    <row r="4405" spans="2:49" x14ac:dyDescent="0.2">
      <c r="B4405" s="97"/>
      <c r="J4405" s="98"/>
      <c r="K4405" s="97"/>
      <c r="N4405" s="3"/>
      <c r="W4405" s="98"/>
      <c r="Z4405" s="143"/>
      <c r="AA4405" s="137"/>
      <c r="AB4405" s="137"/>
      <c r="AC4405" s="137"/>
      <c r="AD4405" s="137"/>
      <c r="AE4405" s="137"/>
      <c r="AF4405" s="137"/>
      <c r="AG4405" s="137"/>
      <c r="AH4405" s="137"/>
      <c r="AI4405" s="137"/>
      <c r="AJ4405" s="137"/>
      <c r="AK4405" s="206"/>
      <c r="AL4405" s="206"/>
      <c r="AM4405" s="143"/>
      <c r="AN4405" s="137"/>
      <c r="AO4405" s="137"/>
      <c r="AP4405" s="137"/>
      <c r="AQ4405" s="137"/>
      <c r="AR4405" s="137"/>
      <c r="AS4405" s="137"/>
      <c r="AT4405" s="137"/>
      <c r="AU4405" s="137"/>
      <c r="AV4405" s="137"/>
      <c r="AW4405" s="144"/>
    </row>
    <row r="4406" spans="2:49" x14ac:dyDescent="0.2">
      <c r="B4406" s="97"/>
      <c r="J4406" s="98"/>
      <c r="K4406" s="97"/>
      <c r="N4406" s="3"/>
      <c r="W4406" s="98"/>
      <c r="Z4406" s="143"/>
      <c r="AA4406" s="137"/>
      <c r="AB4406" s="137"/>
      <c r="AC4406" s="137"/>
      <c r="AD4406" s="137"/>
      <c r="AE4406" s="137"/>
      <c r="AF4406" s="137"/>
      <c r="AG4406" s="137"/>
      <c r="AH4406" s="137"/>
      <c r="AI4406" s="137"/>
      <c r="AJ4406" s="137"/>
      <c r="AK4406" s="206"/>
      <c r="AL4406" s="206"/>
      <c r="AM4406" s="143"/>
      <c r="AN4406" s="137"/>
      <c r="AO4406" s="137"/>
      <c r="AP4406" s="137"/>
      <c r="AQ4406" s="137"/>
      <c r="AR4406" s="137"/>
      <c r="AS4406" s="137"/>
      <c r="AT4406" s="137"/>
      <c r="AU4406" s="137"/>
      <c r="AV4406" s="137"/>
      <c r="AW4406" s="144"/>
    </row>
    <row r="4407" spans="2:49" x14ac:dyDescent="0.2">
      <c r="B4407" s="97"/>
      <c r="J4407" s="98"/>
      <c r="K4407" s="97"/>
      <c r="N4407" s="3"/>
      <c r="W4407" s="98"/>
      <c r="Z4407" s="143"/>
      <c r="AA4407" s="137"/>
      <c r="AB4407" s="137"/>
      <c r="AC4407" s="137"/>
      <c r="AD4407" s="137"/>
      <c r="AE4407" s="137"/>
      <c r="AF4407" s="137"/>
      <c r="AG4407" s="137"/>
      <c r="AH4407" s="137"/>
      <c r="AI4407" s="137"/>
      <c r="AJ4407" s="137"/>
      <c r="AK4407" s="206"/>
      <c r="AL4407" s="206"/>
      <c r="AM4407" s="143"/>
      <c r="AN4407" s="137"/>
      <c r="AO4407" s="137"/>
      <c r="AP4407" s="137"/>
      <c r="AQ4407" s="137"/>
      <c r="AR4407" s="137"/>
      <c r="AS4407" s="137"/>
      <c r="AT4407" s="137"/>
      <c r="AU4407" s="137"/>
      <c r="AV4407" s="137"/>
      <c r="AW4407" s="144"/>
    </row>
    <row r="4408" spans="2:49" x14ac:dyDescent="0.2">
      <c r="B4408" s="97"/>
      <c r="J4408" s="98"/>
      <c r="K4408" s="97"/>
      <c r="N4408" s="3"/>
      <c r="W4408" s="98"/>
      <c r="Z4408" s="143"/>
      <c r="AA4408" s="137"/>
      <c r="AB4408" s="137"/>
      <c r="AC4408" s="137"/>
      <c r="AD4408" s="137"/>
      <c r="AE4408" s="137"/>
      <c r="AF4408" s="137"/>
      <c r="AG4408" s="137"/>
      <c r="AH4408" s="137"/>
      <c r="AI4408" s="137"/>
      <c r="AJ4408" s="137"/>
      <c r="AK4408" s="206"/>
      <c r="AL4408" s="206"/>
      <c r="AM4408" s="143"/>
      <c r="AN4408" s="137"/>
      <c r="AO4408" s="137"/>
      <c r="AP4408" s="137"/>
      <c r="AQ4408" s="137"/>
      <c r="AR4408" s="137"/>
      <c r="AS4408" s="137"/>
      <c r="AT4408" s="137"/>
      <c r="AU4408" s="137"/>
      <c r="AV4408" s="137"/>
      <c r="AW4408" s="144"/>
    </row>
    <row r="4409" spans="2:49" x14ac:dyDescent="0.2">
      <c r="B4409" s="97"/>
      <c r="J4409" s="98"/>
      <c r="K4409" s="97"/>
      <c r="N4409" s="3"/>
      <c r="W4409" s="98"/>
      <c r="Z4409" s="143"/>
      <c r="AA4409" s="137"/>
      <c r="AB4409" s="137"/>
      <c r="AC4409" s="137"/>
      <c r="AD4409" s="137"/>
      <c r="AE4409" s="137"/>
      <c r="AF4409" s="137"/>
      <c r="AG4409" s="137"/>
      <c r="AH4409" s="137"/>
      <c r="AI4409" s="137"/>
      <c r="AJ4409" s="137"/>
      <c r="AK4409" s="206"/>
      <c r="AL4409" s="206"/>
      <c r="AM4409" s="143"/>
      <c r="AN4409" s="137"/>
      <c r="AO4409" s="137"/>
      <c r="AP4409" s="137"/>
      <c r="AQ4409" s="137"/>
      <c r="AR4409" s="137"/>
      <c r="AS4409" s="137"/>
      <c r="AT4409" s="137"/>
      <c r="AU4409" s="137"/>
      <c r="AV4409" s="137"/>
      <c r="AW4409" s="144"/>
    </row>
    <row r="4410" spans="2:49" x14ac:dyDescent="0.2">
      <c r="B4410" s="97"/>
      <c r="J4410" s="98"/>
      <c r="K4410" s="97"/>
      <c r="N4410" s="3"/>
      <c r="W4410" s="98"/>
      <c r="Z4410" s="143"/>
      <c r="AA4410" s="137"/>
      <c r="AB4410" s="137"/>
      <c r="AC4410" s="137"/>
      <c r="AD4410" s="137"/>
      <c r="AE4410" s="137"/>
      <c r="AF4410" s="137"/>
      <c r="AG4410" s="137"/>
      <c r="AH4410" s="137"/>
      <c r="AI4410" s="137"/>
      <c r="AJ4410" s="137"/>
      <c r="AK4410" s="206"/>
      <c r="AL4410" s="206"/>
      <c r="AM4410" s="143"/>
      <c r="AN4410" s="137"/>
      <c r="AO4410" s="137"/>
      <c r="AP4410" s="137"/>
      <c r="AQ4410" s="137"/>
      <c r="AR4410" s="137"/>
      <c r="AS4410" s="137"/>
      <c r="AT4410" s="137"/>
      <c r="AU4410" s="137"/>
      <c r="AV4410" s="137"/>
      <c r="AW4410" s="144"/>
    </row>
    <row r="4411" spans="2:49" x14ac:dyDescent="0.2">
      <c r="B4411" s="97"/>
      <c r="J4411" s="98"/>
      <c r="K4411" s="97"/>
      <c r="N4411" s="3"/>
      <c r="W4411" s="98"/>
      <c r="Z4411" s="143"/>
      <c r="AA4411" s="137"/>
      <c r="AB4411" s="137"/>
      <c r="AC4411" s="137"/>
      <c r="AD4411" s="137"/>
      <c r="AE4411" s="137"/>
      <c r="AF4411" s="137"/>
      <c r="AG4411" s="137"/>
      <c r="AH4411" s="137"/>
      <c r="AI4411" s="137"/>
      <c r="AJ4411" s="137"/>
      <c r="AK4411" s="206"/>
      <c r="AL4411" s="206"/>
      <c r="AM4411" s="143"/>
      <c r="AN4411" s="137"/>
      <c r="AO4411" s="137"/>
      <c r="AP4411" s="137"/>
      <c r="AQ4411" s="137"/>
      <c r="AR4411" s="137"/>
      <c r="AS4411" s="137"/>
      <c r="AT4411" s="137"/>
      <c r="AU4411" s="137"/>
      <c r="AV4411" s="137"/>
      <c r="AW4411" s="144"/>
    </row>
    <row r="4412" spans="2:49" x14ac:dyDescent="0.2">
      <c r="B4412" s="97"/>
      <c r="J4412" s="98"/>
      <c r="K4412" s="97"/>
      <c r="N4412" s="3"/>
      <c r="W4412" s="98"/>
      <c r="Z4412" s="143"/>
      <c r="AA4412" s="137"/>
      <c r="AB4412" s="137"/>
      <c r="AC4412" s="137"/>
      <c r="AD4412" s="137"/>
      <c r="AE4412" s="137"/>
      <c r="AF4412" s="137"/>
      <c r="AG4412" s="137"/>
      <c r="AH4412" s="137"/>
      <c r="AI4412" s="137"/>
      <c r="AJ4412" s="137"/>
      <c r="AK4412" s="206"/>
      <c r="AL4412" s="206"/>
      <c r="AM4412" s="143"/>
      <c r="AN4412" s="137"/>
      <c r="AO4412" s="137"/>
      <c r="AP4412" s="137"/>
      <c r="AQ4412" s="137"/>
      <c r="AR4412" s="137"/>
      <c r="AS4412" s="137"/>
      <c r="AT4412" s="137"/>
      <c r="AU4412" s="137"/>
      <c r="AV4412" s="137"/>
      <c r="AW4412" s="144"/>
    </row>
    <row r="4413" spans="2:49" x14ac:dyDescent="0.2">
      <c r="B4413" s="97"/>
      <c r="J4413" s="98"/>
      <c r="K4413" s="97"/>
      <c r="N4413" s="3"/>
      <c r="W4413" s="98"/>
      <c r="Z4413" s="143"/>
      <c r="AA4413" s="137"/>
      <c r="AB4413" s="137"/>
      <c r="AC4413" s="137"/>
      <c r="AD4413" s="137"/>
      <c r="AE4413" s="137"/>
      <c r="AF4413" s="137"/>
      <c r="AG4413" s="137"/>
      <c r="AH4413" s="137"/>
      <c r="AI4413" s="137"/>
      <c r="AJ4413" s="137"/>
      <c r="AK4413" s="206"/>
      <c r="AL4413" s="206"/>
      <c r="AM4413" s="143"/>
      <c r="AN4413" s="137"/>
      <c r="AO4413" s="137"/>
      <c r="AP4413" s="137"/>
      <c r="AQ4413" s="137"/>
      <c r="AR4413" s="137"/>
      <c r="AS4413" s="137"/>
      <c r="AT4413" s="137"/>
      <c r="AU4413" s="137"/>
      <c r="AV4413" s="137"/>
      <c r="AW4413" s="144"/>
    </row>
    <row r="4414" spans="2:49" x14ac:dyDescent="0.2">
      <c r="B4414" s="97"/>
      <c r="J4414" s="98"/>
      <c r="K4414" s="97"/>
      <c r="N4414" s="3"/>
      <c r="W4414" s="98"/>
      <c r="Z4414" s="143"/>
      <c r="AA4414" s="137"/>
      <c r="AB4414" s="137"/>
      <c r="AC4414" s="137"/>
      <c r="AD4414" s="137"/>
      <c r="AE4414" s="137"/>
      <c r="AF4414" s="137"/>
      <c r="AG4414" s="137"/>
      <c r="AH4414" s="137"/>
      <c r="AI4414" s="137"/>
      <c r="AJ4414" s="137"/>
      <c r="AK4414" s="206"/>
      <c r="AL4414" s="206"/>
      <c r="AM4414" s="143"/>
      <c r="AN4414" s="137"/>
      <c r="AO4414" s="137"/>
      <c r="AP4414" s="137"/>
      <c r="AQ4414" s="137"/>
      <c r="AR4414" s="137"/>
      <c r="AS4414" s="137"/>
      <c r="AT4414" s="137"/>
      <c r="AU4414" s="137"/>
      <c r="AV4414" s="137"/>
      <c r="AW4414" s="144"/>
    </row>
    <row r="4415" spans="2:49" x14ac:dyDescent="0.2">
      <c r="B4415" s="97"/>
      <c r="J4415" s="98"/>
      <c r="K4415" s="97"/>
      <c r="N4415" s="3"/>
      <c r="W4415" s="98"/>
      <c r="Z4415" s="143"/>
      <c r="AA4415" s="137"/>
      <c r="AB4415" s="137"/>
      <c r="AC4415" s="137"/>
      <c r="AD4415" s="137"/>
      <c r="AE4415" s="137"/>
      <c r="AF4415" s="137"/>
      <c r="AG4415" s="137"/>
      <c r="AH4415" s="137"/>
      <c r="AI4415" s="137"/>
      <c r="AJ4415" s="137"/>
      <c r="AK4415" s="206"/>
      <c r="AL4415" s="206"/>
      <c r="AM4415" s="143"/>
      <c r="AN4415" s="137"/>
      <c r="AO4415" s="137"/>
      <c r="AP4415" s="137"/>
      <c r="AQ4415" s="137"/>
      <c r="AR4415" s="137"/>
      <c r="AS4415" s="137"/>
      <c r="AT4415" s="137"/>
      <c r="AU4415" s="137"/>
      <c r="AV4415" s="137"/>
      <c r="AW4415" s="144"/>
    </row>
    <row r="4416" spans="2:49" x14ac:dyDescent="0.2">
      <c r="B4416" s="97"/>
      <c r="J4416" s="98"/>
      <c r="K4416" s="97"/>
      <c r="N4416" s="3"/>
      <c r="W4416" s="98"/>
      <c r="Z4416" s="143"/>
      <c r="AA4416" s="137"/>
      <c r="AB4416" s="137"/>
      <c r="AC4416" s="137"/>
      <c r="AD4416" s="137"/>
      <c r="AE4416" s="137"/>
      <c r="AF4416" s="137"/>
      <c r="AG4416" s="137"/>
      <c r="AH4416" s="137"/>
      <c r="AI4416" s="137"/>
      <c r="AJ4416" s="137"/>
      <c r="AK4416" s="206"/>
      <c r="AL4416" s="206"/>
      <c r="AM4416" s="143"/>
      <c r="AN4416" s="137"/>
      <c r="AO4416" s="137"/>
      <c r="AP4416" s="137"/>
      <c r="AQ4416" s="137"/>
      <c r="AR4416" s="137"/>
      <c r="AS4416" s="137"/>
      <c r="AT4416" s="137"/>
      <c r="AU4416" s="137"/>
      <c r="AV4416" s="137"/>
      <c r="AW4416" s="144"/>
    </row>
    <row r="4417" spans="2:49" x14ac:dyDescent="0.2">
      <c r="B4417" s="97"/>
      <c r="J4417" s="98"/>
      <c r="K4417" s="97"/>
      <c r="N4417" s="3"/>
      <c r="W4417" s="98"/>
      <c r="Z4417" s="143"/>
      <c r="AA4417" s="137"/>
      <c r="AB4417" s="137"/>
      <c r="AC4417" s="137"/>
      <c r="AD4417" s="137"/>
      <c r="AE4417" s="137"/>
      <c r="AF4417" s="137"/>
      <c r="AG4417" s="137"/>
      <c r="AH4417" s="137"/>
      <c r="AI4417" s="137"/>
      <c r="AJ4417" s="137"/>
      <c r="AK4417" s="206"/>
      <c r="AL4417" s="206"/>
      <c r="AM4417" s="143"/>
      <c r="AN4417" s="137"/>
      <c r="AO4417" s="137"/>
      <c r="AP4417" s="137"/>
      <c r="AQ4417" s="137"/>
      <c r="AR4417" s="137"/>
      <c r="AS4417" s="137"/>
      <c r="AT4417" s="137"/>
      <c r="AU4417" s="137"/>
      <c r="AV4417" s="137"/>
      <c r="AW4417" s="144"/>
    </row>
    <row r="4418" spans="2:49" x14ac:dyDescent="0.2">
      <c r="B4418" s="97"/>
      <c r="J4418" s="98"/>
      <c r="K4418" s="97"/>
      <c r="N4418" s="3"/>
      <c r="W4418" s="98"/>
      <c r="Z4418" s="143"/>
      <c r="AA4418" s="137"/>
      <c r="AB4418" s="137"/>
      <c r="AC4418" s="137"/>
      <c r="AD4418" s="137"/>
      <c r="AE4418" s="137"/>
      <c r="AF4418" s="137"/>
      <c r="AG4418" s="137"/>
      <c r="AH4418" s="137"/>
      <c r="AI4418" s="137"/>
      <c r="AJ4418" s="137"/>
      <c r="AK4418" s="206"/>
      <c r="AL4418" s="206"/>
      <c r="AM4418" s="143"/>
      <c r="AN4418" s="137"/>
      <c r="AO4418" s="137"/>
      <c r="AP4418" s="137"/>
      <c r="AQ4418" s="137"/>
      <c r="AR4418" s="137"/>
      <c r="AS4418" s="137"/>
      <c r="AT4418" s="137"/>
      <c r="AU4418" s="137"/>
      <c r="AV4418" s="137"/>
      <c r="AW4418" s="144"/>
    </row>
    <row r="4419" spans="2:49" x14ac:dyDescent="0.2">
      <c r="B4419" s="97"/>
      <c r="J4419" s="98"/>
      <c r="K4419" s="97"/>
      <c r="N4419" s="3"/>
      <c r="W4419" s="98"/>
      <c r="Z4419" s="143"/>
      <c r="AA4419" s="137"/>
      <c r="AB4419" s="137"/>
      <c r="AC4419" s="137"/>
      <c r="AD4419" s="137"/>
      <c r="AE4419" s="137"/>
      <c r="AF4419" s="137"/>
      <c r="AG4419" s="137"/>
      <c r="AH4419" s="137"/>
      <c r="AI4419" s="137"/>
      <c r="AJ4419" s="137"/>
      <c r="AK4419" s="206"/>
      <c r="AL4419" s="206"/>
      <c r="AM4419" s="143"/>
      <c r="AN4419" s="137"/>
      <c r="AO4419" s="137"/>
      <c r="AP4419" s="137"/>
      <c r="AQ4419" s="137"/>
      <c r="AR4419" s="137"/>
      <c r="AS4419" s="137"/>
      <c r="AT4419" s="137"/>
      <c r="AU4419" s="137"/>
      <c r="AV4419" s="137"/>
      <c r="AW4419" s="144"/>
    </row>
    <row r="4420" spans="2:49" x14ac:dyDescent="0.2">
      <c r="B4420" s="97"/>
      <c r="J4420" s="98"/>
      <c r="K4420" s="97"/>
      <c r="N4420" s="3"/>
      <c r="W4420" s="98"/>
      <c r="Z4420" s="143"/>
      <c r="AA4420" s="137"/>
      <c r="AB4420" s="137"/>
      <c r="AC4420" s="137"/>
      <c r="AD4420" s="137"/>
      <c r="AE4420" s="137"/>
      <c r="AF4420" s="137"/>
      <c r="AG4420" s="137"/>
      <c r="AH4420" s="137"/>
      <c r="AI4420" s="137"/>
      <c r="AJ4420" s="137"/>
      <c r="AK4420" s="206"/>
      <c r="AL4420" s="206"/>
      <c r="AM4420" s="143"/>
      <c r="AN4420" s="137"/>
      <c r="AO4420" s="137"/>
      <c r="AP4420" s="137"/>
      <c r="AQ4420" s="137"/>
      <c r="AR4420" s="137"/>
      <c r="AS4420" s="137"/>
      <c r="AT4420" s="137"/>
      <c r="AU4420" s="137"/>
      <c r="AV4420" s="137"/>
      <c r="AW4420" s="144"/>
    </row>
    <row r="4421" spans="2:49" x14ac:dyDescent="0.2">
      <c r="B4421" s="97"/>
      <c r="J4421" s="98"/>
      <c r="K4421" s="97"/>
      <c r="N4421" s="3"/>
      <c r="W4421" s="98"/>
      <c r="Z4421" s="143"/>
      <c r="AA4421" s="137"/>
      <c r="AB4421" s="137"/>
      <c r="AC4421" s="137"/>
      <c r="AD4421" s="137"/>
      <c r="AE4421" s="137"/>
      <c r="AF4421" s="137"/>
      <c r="AG4421" s="137"/>
      <c r="AH4421" s="137"/>
      <c r="AI4421" s="137"/>
      <c r="AJ4421" s="137"/>
      <c r="AK4421" s="206"/>
      <c r="AL4421" s="206"/>
      <c r="AM4421" s="143"/>
      <c r="AN4421" s="137"/>
      <c r="AO4421" s="137"/>
      <c r="AP4421" s="137"/>
      <c r="AQ4421" s="137"/>
      <c r="AR4421" s="137"/>
      <c r="AS4421" s="137"/>
      <c r="AT4421" s="137"/>
      <c r="AU4421" s="137"/>
      <c r="AV4421" s="137"/>
      <c r="AW4421" s="144"/>
    </row>
    <row r="4422" spans="2:49" x14ac:dyDescent="0.2">
      <c r="B4422" s="97"/>
      <c r="J4422" s="98"/>
      <c r="K4422" s="97"/>
      <c r="N4422" s="3"/>
      <c r="W4422" s="98"/>
      <c r="Z4422" s="143"/>
      <c r="AA4422" s="137"/>
      <c r="AB4422" s="137"/>
      <c r="AC4422" s="137"/>
      <c r="AD4422" s="137"/>
      <c r="AE4422" s="137"/>
      <c r="AF4422" s="137"/>
      <c r="AG4422" s="137"/>
      <c r="AH4422" s="137"/>
      <c r="AI4422" s="137"/>
      <c r="AJ4422" s="137"/>
      <c r="AK4422" s="206"/>
      <c r="AL4422" s="206"/>
      <c r="AM4422" s="143"/>
      <c r="AN4422" s="137"/>
      <c r="AO4422" s="137"/>
      <c r="AP4422" s="137"/>
      <c r="AQ4422" s="137"/>
      <c r="AR4422" s="137"/>
      <c r="AS4422" s="137"/>
      <c r="AT4422" s="137"/>
      <c r="AU4422" s="137"/>
      <c r="AV4422" s="137"/>
      <c r="AW4422" s="144"/>
    </row>
    <row r="4423" spans="2:49" x14ac:dyDescent="0.2">
      <c r="B4423" s="97"/>
      <c r="J4423" s="98"/>
      <c r="K4423" s="97"/>
      <c r="N4423" s="3"/>
      <c r="W4423" s="98"/>
      <c r="Z4423" s="143"/>
      <c r="AA4423" s="137"/>
      <c r="AB4423" s="137"/>
      <c r="AC4423" s="137"/>
      <c r="AD4423" s="137"/>
      <c r="AE4423" s="137"/>
      <c r="AF4423" s="137"/>
      <c r="AG4423" s="137"/>
      <c r="AH4423" s="137"/>
      <c r="AI4423" s="137"/>
      <c r="AJ4423" s="137"/>
      <c r="AK4423" s="206"/>
      <c r="AL4423" s="206"/>
      <c r="AM4423" s="143"/>
      <c r="AN4423" s="137"/>
      <c r="AO4423" s="137"/>
      <c r="AP4423" s="137"/>
      <c r="AQ4423" s="137"/>
      <c r="AR4423" s="137"/>
      <c r="AS4423" s="137"/>
      <c r="AT4423" s="137"/>
      <c r="AU4423" s="137"/>
      <c r="AV4423" s="137"/>
      <c r="AW4423" s="144"/>
    </row>
    <row r="4424" spans="2:49" x14ac:dyDescent="0.2">
      <c r="B4424" s="97"/>
      <c r="J4424" s="98"/>
      <c r="K4424" s="97"/>
      <c r="N4424" s="3"/>
      <c r="W4424" s="98"/>
      <c r="Z4424" s="143"/>
      <c r="AA4424" s="137"/>
      <c r="AB4424" s="137"/>
      <c r="AC4424" s="137"/>
      <c r="AD4424" s="137"/>
      <c r="AE4424" s="137"/>
      <c r="AF4424" s="137"/>
      <c r="AG4424" s="137"/>
      <c r="AH4424" s="137"/>
      <c r="AI4424" s="137"/>
      <c r="AJ4424" s="137"/>
      <c r="AK4424" s="206"/>
      <c r="AL4424" s="206"/>
      <c r="AM4424" s="143"/>
      <c r="AN4424" s="137"/>
      <c r="AO4424" s="137"/>
      <c r="AP4424" s="137"/>
      <c r="AQ4424" s="137"/>
      <c r="AR4424" s="137"/>
      <c r="AS4424" s="137"/>
      <c r="AT4424" s="137"/>
      <c r="AU4424" s="137"/>
      <c r="AV4424" s="137"/>
      <c r="AW4424" s="144"/>
    </row>
    <row r="4425" spans="2:49" x14ac:dyDescent="0.2">
      <c r="B4425" s="97"/>
      <c r="J4425" s="98"/>
      <c r="K4425" s="97"/>
      <c r="N4425" s="3"/>
      <c r="W4425" s="98"/>
      <c r="Z4425" s="143"/>
      <c r="AA4425" s="137"/>
      <c r="AB4425" s="137"/>
      <c r="AC4425" s="137"/>
      <c r="AD4425" s="137"/>
      <c r="AE4425" s="137"/>
      <c r="AF4425" s="137"/>
      <c r="AG4425" s="137"/>
      <c r="AH4425" s="137"/>
      <c r="AI4425" s="137"/>
      <c r="AJ4425" s="137"/>
      <c r="AK4425" s="206"/>
      <c r="AL4425" s="206"/>
      <c r="AM4425" s="143"/>
      <c r="AN4425" s="137"/>
      <c r="AO4425" s="137"/>
      <c r="AP4425" s="137"/>
      <c r="AQ4425" s="137"/>
      <c r="AR4425" s="137"/>
      <c r="AS4425" s="137"/>
      <c r="AT4425" s="137"/>
      <c r="AU4425" s="137"/>
      <c r="AV4425" s="137"/>
      <c r="AW4425" s="144"/>
    </row>
    <row r="4426" spans="2:49" x14ac:dyDescent="0.2">
      <c r="B4426" s="97"/>
      <c r="J4426" s="98"/>
      <c r="K4426" s="97"/>
      <c r="N4426" s="3"/>
      <c r="W4426" s="98"/>
      <c r="Z4426" s="143"/>
      <c r="AA4426" s="137"/>
      <c r="AB4426" s="137"/>
      <c r="AC4426" s="137"/>
      <c r="AD4426" s="137"/>
      <c r="AE4426" s="137"/>
      <c r="AF4426" s="137"/>
      <c r="AG4426" s="137"/>
      <c r="AH4426" s="137"/>
      <c r="AI4426" s="137"/>
      <c r="AJ4426" s="137"/>
      <c r="AK4426" s="206"/>
      <c r="AL4426" s="206"/>
      <c r="AM4426" s="143"/>
      <c r="AN4426" s="137"/>
      <c r="AO4426" s="137"/>
      <c r="AP4426" s="137"/>
      <c r="AQ4426" s="137"/>
      <c r="AR4426" s="137"/>
      <c r="AS4426" s="137"/>
      <c r="AT4426" s="137"/>
      <c r="AU4426" s="137"/>
      <c r="AV4426" s="137"/>
      <c r="AW4426" s="144"/>
    </row>
    <row r="4427" spans="2:49" x14ac:dyDescent="0.2">
      <c r="B4427" s="97"/>
      <c r="J4427" s="98"/>
      <c r="K4427" s="97"/>
      <c r="N4427" s="3"/>
      <c r="W4427" s="98"/>
      <c r="Z4427" s="143"/>
      <c r="AA4427" s="137"/>
      <c r="AB4427" s="137"/>
      <c r="AC4427" s="137"/>
      <c r="AD4427" s="137"/>
      <c r="AE4427" s="137"/>
      <c r="AF4427" s="137"/>
      <c r="AG4427" s="137"/>
      <c r="AH4427" s="137"/>
      <c r="AI4427" s="137"/>
      <c r="AJ4427" s="137"/>
      <c r="AK4427" s="206"/>
      <c r="AL4427" s="206"/>
      <c r="AM4427" s="143"/>
      <c r="AN4427" s="137"/>
      <c r="AO4427" s="137"/>
      <c r="AP4427" s="137"/>
      <c r="AQ4427" s="137"/>
      <c r="AR4427" s="137"/>
      <c r="AS4427" s="137"/>
      <c r="AT4427" s="137"/>
      <c r="AU4427" s="137"/>
      <c r="AV4427" s="137"/>
      <c r="AW4427" s="144"/>
    </row>
    <row r="4428" spans="2:49" x14ac:dyDescent="0.2">
      <c r="B4428" s="97"/>
      <c r="J4428" s="98"/>
      <c r="K4428" s="97"/>
      <c r="N4428" s="3"/>
      <c r="W4428" s="98"/>
      <c r="Z4428" s="143"/>
      <c r="AA4428" s="137"/>
      <c r="AB4428" s="137"/>
      <c r="AC4428" s="137"/>
      <c r="AD4428" s="137"/>
      <c r="AE4428" s="137"/>
      <c r="AF4428" s="137"/>
      <c r="AG4428" s="137"/>
      <c r="AH4428" s="137"/>
      <c r="AI4428" s="137"/>
      <c r="AJ4428" s="137"/>
      <c r="AK4428" s="206"/>
      <c r="AL4428" s="206"/>
      <c r="AM4428" s="143"/>
      <c r="AN4428" s="137"/>
      <c r="AO4428" s="137"/>
      <c r="AP4428" s="137"/>
      <c r="AQ4428" s="137"/>
      <c r="AR4428" s="137"/>
      <c r="AS4428" s="137"/>
      <c r="AT4428" s="137"/>
      <c r="AU4428" s="137"/>
      <c r="AV4428" s="137"/>
      <c r="AW4428" s="144"/>
    </row>
    <row r="4429" spans="2:49" x14ac:dyDescent="0.2">
      <c r="B4429" s="97"/>
      <c r="J4429" s="98"/>
      <c r="K4429" s="97"/>
      <c r="N4429" s="3"/>
      <c r="W4429" s="98"/>
      <c r="Z4429" s="143"/>
      <c r="AA4429" s="137"/>
      <c r="AB4429" s="137"/>
      <c r="AC4429" s="137"/>
      <c r="AD4429" s="137"/>
      <c r="AE4429" s="137"/>
      <c r="AF4429" s="137"/>
      <c r="AG4429" s="137"/>
      <c r="AH4429" s="137"/>
      <c r="AI4429" s="137"/>
      <c r="AJ4429" s="137"/>
      <c r="AK4429" s="206"/>
      <c r="AL4429" s="206"/>
      <c r="AM4429" s="143"/>
      <c r="AN4429" s="137"/>
      <c r="AO4429" s="137"/>
      <c r="AP4429" s="137"/>
      <c r="AQ4429" s="137"/>
      <c r="AR4429" s="137"/>
      <c r="AS4429" s="137"/>
      <c r="AT4429" s="137"/>
      <c r="AU4429" s="137"/>
      <c r="AV4429" s="137"/>
      <c r="AW4429" s="144"/>
    </row>
    <row r="4430" spans="2:49" x14ac:dyDescent="0.2">
      <c r="B4430" s="97"/>
      <c r="J4430" s="98"/>
      <c r="K4430" s="97"/>
      <c r="N4430" s="3"/>
      <c r="W4430" s="98"/>
      <c r="Z4430" s="143"/>
      <c r="AA4430" s="137"/>
      <c r="AB4430" s="137"/>
      <c r="AC4430" s="137"/>
      <c r="AD4430" s="137"/>
      <c r="AE4430" s="137"/>
      <c r="AF4430" s="137"/>
      <c r="AG4430" s="137"/>
      <c r="AH4430" s="137"/>
      <c r="AI4430" s="137"/>
      <c r="AJ4430" s="137"/>
      <c r="AK4430" s="206"/>
      <c r="AL4430" s="206"/>
      <c r="AM4430" s="143"/>
      <c r="AN4430" s="137"/>
      <c r="AO4430" s="137"/>
      <c r="AP4430" s="137"/>
      <c r="AQ4430" s="137"/>
      <c r="AR4430" s="137"/>
      <c r="AS4430" s="137"/>
      <c r="AT4430" s="137"/>
      <c r="AU4430" s="137"/>
      <c r="AV4430" s="137"/>
      <c r="AW4430" s="144"/>
    </row>
    <row r="4431" spans="2:49" x14ac:dyDescent="0.2">
      <c r="B4431" s="97"/>
      <c r="J4431" s="98"/>
      <c r="K4431" s="97"/>
      <c r="N4431" s="3"/>
      <c r="W4431" s="98"/>
      <c r="Z4431" s="143"/>
      <c r="AA4431" s="137"/>
      <c r="AB4431" s="137"/>
      <c r="AC4431" s="137"/>
      <c r="AD4431" s="137"/>
      <c r="AE4431" s="137"/>
      <c r="AF4431" s="137"/>
      <c r="AG4431" s="137"/>
      <c r="AH4431" s="137"/>
      <c r="AI4431" s="137"/>
      <c r="AJ4431" s="137"/>
      <c r="AK4431" s="206"/>
      <c r="AL4431" s="206"/>
      <c r="AM4431" s="143"/>
      <c r="AN4431" s="137"/>
      <c r="AO4431" s="137"/>
      <c r="AP4431" s="137"/>
      <c r="AQ4431" s="137"/>
      <c r="AR4431" s="137"/>
      <c r="AS4431" s="137"/>
      <c r="AT4431" s="137"/>
      <c r="AU4431" s="137"/>
      <c r="AV4431" s="137"/>
      <c r="AW4431" s="144"/>
    </row>
    <row r="4432" spans="2:49" x14ac:dyDescent="0.2">
      <c r="B4432" s="97"/>
      <c r="J4432" s="98"/>
      <c r="K4432" s="97"/>
      <c r="N4432" s="3"/>
      <c r="W4432" s="98"/>
      <c r="Z4432" s="143"/>
      <c r="AA4432" s="137"/>
      <c r="AB4432" s="137"/>
      <c r="AC4432" s="137"/>
      <c r="AD4432" s="137"/>
      <c r="AE4432" s="137"/>
      <c r="AF4432" s="137"/>
      <c r="AG4432" s="137"/>
      <c r="AH4432" s="137"/>
      <c r="AI4432" s="137"/>
      <c r="AJ4432" s="137"/>
      <c r="AK4432" s="206"/>
      <c r="AL4432" s="206"/>
      <c r="AM4432" s="143"/>
      <c r="AN4432" s="137"/>
      <c r="AO4432" s="137"/>
      <c r="AP4432" s="137"/>
      <c r="AQ4432" s="137"/>
      <c r="AR4432" s="137"/>
      <c r="AS4432" s="137"/>
      <c r="AT4432" s="137"/>
      <c r="AU4432" s="137"/>
      <c r="AV4432" s="137"/>
      <c r="AW4432" s="144"/>
    </row>
    <row r="4433" spans="2:49" x14ac:dyDescent="0.2">
      <c r="B4433" s="97"/>
      <c r="J4433" s="98"/>
      <c r="K4433" s="97"/>
      <c r="N4433" s="3"/>
      <c r="W4433" s="98"/>
      <c r="Z4433" s="143"/>
      <c r="AA4433" s="137"/>
      <c r="AB4433" s="137"/>
      <c r="AC4433" s="137"/>
      <c r="AD4433" s="137"/>
      <c r="AE4433" s="137"/>
      <c r="AF4433" s="137"/>
      <c r="AG4433" s="137"/>
      <c r="AH4433" s="137"/>
      <c r="AI4433" s="137"/>
      <c r="AJ4433" s="137"/>
      <c r="AK4433" s="206"/>
      <c r="AL4433" s="206"/>
      <c r="AM4433" s="143"/>
      <c r="AN4433" s="137"/>
      <c r="AO4433" s="137"/>
      <c r="AP4433" s="137"/>
      <c r="AQ4433" s="137"/>
      <c r="AR4433" s="137"/>
      <c r="AS4433" s="137"/>
      <c r="AT4433" s="137"/>
      <c r="AU4433" s="137"/>
      <c r="AV4433" s="137"/>
      <c r="AW4433" s="144"/>
    </row>
    <row r="4434" spans="2:49" x14ac:dyDescent="0.2">
      <c r="B4434" s="97"/>
      <c r="J4434" s="98"/>
      <c r="K4434" s="97"/>
      <c r="N4434" s="3"/>
      <c r="W4434" s="98"/>
      <c r="Z4434" s="143"/>
      <c r="AA4434" s="137"/>
      <c r="AB4434" s="137"/>
      <c r="AC4434" s="137"/>
      <c r="AD4434" s="137"/>
      <c r="AE4434" s="137"/>
      <c r="AF4434" s="137"/>
      <c r="AG4434" s="137"/>
      <c r="AH4434" s="137"/>
      <c r="AI4434" s="137"/>
      <c r="AJ4434" s="137"/>
      <c r="AK4434" s="206"/>
      <c r="AL4434" s="206"/>
      <c r="AM4434" s="143"/>
      <c r="AN4434" s="137"/>
      <c r="AO4434" s="137"/>
      <c r="AP4434" s="137"/>
      <c r="AQ4434" s="137"/>
      <c r="AR4434" s="137"/>
      <c r="AS4434" s="137"/>
      <c r="AT4434" s="137"/>
      <c r="AU4434" s="137"/>
      <c r="AV4434" s="137"/>
      <c r="AW4434" s="144"/>
    </row>
    <row r="4435" spans="2:49" x14ac:dyDescent="0.2">
      <c r="B4435" s="97"/>
      <c r="J4435" s="98"/>
      <c r="K4435" s="97"/>
      <c r="N4435" s="3"/>
      <c r="W4435" s="98"/>
      <c r="Z4435" s="143"/>
      <c r="AA4435" s="137"/>
      <c r="AB4435" s="137"/>
      <c r="AC4435" s="137"/>
      <c r="AD4435" s="137"/>
      <c r="AE4435" s="137"/>
      <c r="AF4435" s="137"/>
      <c r="AG4435" s="137"/>
      <c r="AH4435" s="137"/>
      <c r="AI4435" s="137"/>
      <c r="AJ4435" s="137"/>
      <c r="AK4435" s="206"/>
      <c r="AL4435" s="206"/>
      <c r="AM4435" s="143"/>
      <c r="AN4435" s="137"/>
      <c r="AO4435" s="137"/>
      <c r="AP4435" s="137"/>
      <c r="AQ4435" s="137"/>
      <c r="AR4435" s="137"/>
      <c r="AS4435" s="137"/>
      <c r="AT4435" s="137"/>
      <c r="AU4435" s="137"/>
      <c r="AV4435" s="137"/>
      <c r="AW4435" s="144"/>
    </row>
    <row r="4436" spans="2:49" x14ac:dyDescent="0.2">
      <c r="B4436" s="97"/>
      <c r="J4436" s="98"/>
      <c r="K4436" s="97"/>
      <c r="N4436" s="3"/>
      <c r="W4436" s="98"/>
      <c r="Z4436" s="143"/>
      <c r="AA4436" s="137"/>
      <c r="AB4436" s="137"/>
      <c r="AC4436" s="137"/>
      <c r="AD4436" s="137"/>
      <c r="AE4436" s="137"/>
      <c r="AF4436" s="137"/>
      <c r="AG4436" s="137"/>
      <c r="AH4436" s="137"/>
      <c r="AI4436" s="137"/>
      <c r="AJ4436" s="137"/>
      <c r="AK4436" s="206"/>
      <c r="AL4436" s="206"/>
      <c r="AM4436" s="143"/>
      <c r="AN4436" s="137"/>
      <c r="AO4436" s="137"/>
      <c r="AP4436" s="137"/>
      <c r="AQ4436" s="137"/>
      <c r="AR4436" s="137"/>
      <c r="AS4436" s="137"/>
      <c r="AT4436" s="137"/>
      <c r="AU4436" s="137"/>
      <c r="AV4436" s="137"/>
      <c r="AW4436" s="144"/>
    </row>
    <row r="4437" spans="2:49" x14ac:dyDescent="0.2">
      <c r="B4437" s="97"/>
      <c r="J4437" s="98"/>
      <c r="K4437" s="97"/>
      <c r="N4437" s="3"/>
      <c r="W4437" s="98"/>
      <c r="Z4437" s="143"/>
      <c r="AA4437" s="137"/>
      <c r="AB4437" s="137"/>
      <c r="AC4437" s="137"/>
      <c r="AD4437" s="137"/>
      <c r="AE4437" s="137"/>
      <c r="AF4437" s="137"/>
      <c r="AG4437" s="137"/>
      <c r="AH4437" s="137"/>
      <c r="AI4437" s="137"/>
      <c r="AJ4437" s="137"/>
      <c r="AK4437" s="206"/>
      <c r="AL4437" s="206"/>
      <c r="AM4437" s="143"/>
      <c r="AN4437" s="137"/>
      <c r="AO4437" s="137"/>
      <c r="AP4437" s="137"/>
      <c r="AQ4437" s="137"/>
      <c r="AR4437" s="137"/>
      <c r="AS4437" s="137"/>
      <c r="AT4437" s="137"/>
      <c r="AU4437" s="137"/>
      <c r="AV4437" s="137"/>
      <c r="AW4437" s="144"/>
    </row>
    <row r="4438" spans="2:49" x14ac:dyDescent="0.2">
      <c r="B4438" s="97"/>
      <c r="J4438" s="98"/>
      <c r="K4438" s="97"/>
      <c r="N4438" s="3"/>
      <c r="W4438" s="98"/>
      <c r="Z4438" s="143"/>
      <c r="AA4438" s="137"/>
      <c r="AB4438" s="137"/>
      <c r="AC4438" s="137"/>
      <c r="AD4438" s="137"/>
      <c r="AE4438" s="137"/>
      <c r="AF4438" s="137"/>
      <c r="AG4438" s="137"/>
      <c r="AH4438" s="137"/>
      <c r="AI4438" s="137"/>
      <c r="AJ4438" s="137"/>
      <c r="AK4438" s="206"/>
      <c r="AL4438" s="206"/>
      <c r="AM4438" s="143"/>
      <c r="AN4438" s="137"/>
      <c r="AO4438" s="137"/>
      <c r="AP4438" s="137"/>
      <c r="AQ4438" s="137"/>
      <c r="AR4438" s="137"/>
      <c r="AS4438" s="137"/>
      <c r="AT4438" s="137"/>
      <c r="AU4438" s="137"/>
      <c r="AV4438" s="137"/>
      <c r="AW4438" s="144"/>
    </row>
    <row r="4439" spans="2:49" x14ac:dyDescent="0.2">
      <c r="B4439" s="97"/>
      <c r="J4439" s="98"/>
      <c r="K4439" s="97"/>
      <c r="N4439" s="3"/>
      <c r="W4439" s="98"/>
      <c r="Z4439" s="143"/>
      <c r="AA4439" s="137"/>
      <c r="AB4439" s="137"/>
      <c r="AC4439" s="137"/>
      <c r="AD4439" s="137"/>
      <c r="AE4439" s="137"/>
      <c r="AF4439" s="137"/>
      <c r="AG4439" s="137"/>
      <c r="AH4439" s="137"/>
      <c r="AI4439" s="137"/>
      <c r="AJ4439" s="137"/>
      <c r="AK4439" s="206"/>
      <c r="AL4439" s="206"/>
      <c r="AM4439" s="143"/>
      <c r="AN4439" s="137"/>
      <c r="AO4439" s="137"/>
      <c r="AP4439" s="137"/>
      <c r="AQ4439" s="137"/>
      <c r="AR4439" s="137"/>
      <c r="AS4439" s="137"/>
      <c r="AT4439" s="137"/>
      <c r="AU4439" s="137"/>
      <c r="AV4439" s="137"/>
      <c r="AW4439" s="144"/>
    </row>
    <row r="4440" spans="2:49" x14ac:dyDescent="0.2">
      <c r="B4440" s="97"/>
      <c r="J4440" s="98"/>
      <c r="K4440" s="97"/>
      <c r="N4440" s="3"/>
      <c r="W4440" s="98"/>
      <c r="Z4440" s="143"/>
      <c r="AA4440" s="137"/>
      <c r="AB4440" s="137"/>
      <c r="AC4440" s="137"/>
      <c r="AD4440" s="137"/>
      <c r="AE4440" s="137"/>
      <c r="AF4440" s="137"/>
      <c r="AG4440" s="137"/>
      <c r="AH4440" s="137"/>
      <c r="AI4440" s="137"/>
      <c r="AJ4440" s="137"/>
      <c r="AK4440" s="206"/>
      <c r="AL4440" s="206"/>
      <c r="AM4440" s="143"/>
      <c r="AN4440" s="137"/>
      <c r="AO4440" s="137"/>
      <c r="AP4440" s="137"/>
      <c r="AQ4440" s="137"/>
      <c r="AR4440" s="137"/>
      <c r="AS4440" s="137"/>
      <c r="AT4440" s="137"/>
      <c r="AU4440" s="137"/>
      <c r="AV4440" s="137"/>
      <c r="AW4440" s="144"/>
    </row>
    <row r="4441" spans="2:49" x14ac:dyDescent="0.2">
      <c r="B4441" s="97"/>
      <c r="J4441" s="98"/>
      <c r="K4441" s="97"/>
      <c r="N4441" s="3"/>
      <c r="W4441" s="98"/>
      <c r="Z4441" s="143"/>
      <c r="AA4441" s="137"/>
      <c r="AB4441" s="137"/>
      <c r="AC4441" s="137"/>
      <c r="AD4441" s="137"/>
      <c r="AE4441" s="137"/>
      <c r="AF4441" s="137"/>
      <c r="AG4441" s="137"/>
      <c r="AH4441" s="137"/>
      <c r="AI4441" s="137"/>
      <c r="AJ4441" s="137"/>
      <c r="AK4441" s="206"/>
      <c r="AL4441" s="206"/>
      <c r="AM4441" s="143"/>
      <c r="AN4441" s="137"/>
      <c r="AO4441" s="137"/>
      <c r="AP4441" s="137"/>
      <c r="AQ4441" s="137"/>
      <c r="AR4441" s="137"/>
      <c r="AS4441" s="137"/>
      <c r="AT4441" s="137"/>
      <c r="AU4441" s="137"/>
      <c r="AV4441" s="137"/>
      <c r="AW4441" s="144"/>
    </row>
    <row r="4442" spans="2:49" x14ac:dyDescent="0.2">
      <c r="B4442" s="97"/>
      <c r="J4442" s="98"/>
      <c r="K4442" s="97"/>
      <c r="N4442" s="3"/>
      <c r="W4442" s="98"/>
      <c r="Z4442" s="143"/>
      <c r="AA4442" s="137"/>
      <c r="AB4442" s="137"/>
      <c r="AC4442" s="137"/>
      <c r="AD4442" s="137"/>
      <c r="AE4442" s="137"/>
      <c r="AF4442" s="137"/>
      <c r="AG4442" s="137"/>
      <c r="AH4442" s="137"/>
      <c r="AI4442" s="137"/>
      <c r="AJ4442" s="137"/>
      <c r="AK4442" s="206"/>
      <c r="AL4442" s="206"/>
      <c r="AM4442" s="143"/>
      <c r="AN4442" s="137"/>
      <c r="AO4442" s="137"/>
      <c r="AP4442" s="137"/>
      <c r="AQ4442" s="137"/>
      <c r="AR4442" s="137"/>
      <c r="AS4442" s="137"/>
      <c r="AT4442" s="137"/>
      <c r="AU4442" s="137"/>
      <c r="AV4442" s="137"/>
      <c r="AW4442" s="144"/>
    </row>
    <row r="4443" spans="2:49" x14ac:dyDescent="0.2">
      <c r="B4443" s="97"/>
      <c r="J4443" s="98"/>
      <c r="K4443" s="97"/>
      <c r="N4443" s="3"/>
      <c r="W4443" s="98"/>
      <c r="Z4443" s="143"/>
      <c r="AA4443" s="137"/>
      <c r="AB4443" s="137"/>
      <c r="AC4443" s="137"/>
      <c r="AD4443" s="137"/>
      <c r="AE4443" s="137"/>
      <c r="AF4443" s="137"/>
      <c r="AG4443" s="137"/>
      <c r="AH4443" s="137"/>
      <c r="AI4443" s="137"/>
      <c r="AJ4443" s="137"/>
      <c r="AK4443" s="206"/>
      <c r="AL4443" s="206"/>
      <c r="AM4443" s="143"/>
      <c r="AN4443" s="137"/>
      <c r="AO4443" s="137"/>
      <c r="AP4443" s="137"/>
      <c r="AQ4443" s="137"/>
      <c r="AR4443" s="137"/>
      <c r="AS4443" s="137"/>
      <c r="AT4443" s="137"/>
      <c r="AU4443" s="137"/>
      <c r="AV4443" s="137"/>
      <c r="AW4443" s="144"/>
    </row>
    <row r="4444" spans="2:49" x14ac:dyDescent="0.2">
      <c r="B4444" s="97"/>
      <c r="J4444" s="98"/>
      <c r="K4444" s="97"/>
      <c r="N4444" s="3"/>
      <c r="W4444" s="98"/>
      <c r="Z4444" s="143"/>
      <c r="AA4444" s="137"/>
      <c r="AB4444" s="137"/>
      <c r="AC4444" s="137"/>
      <c r="AD4444" s="137"/>
      <c r="AE4444" s="137"/>
      <c r="AF4444" s="137"/>
      <c r="AG4444" s="137"/>
      <c r="AH4444" s="137"/>
      <c r="AI4444" s="137"/>
      <c r="AJ4444" s="137"/>
      <c r="AK4444" s="206"/>
      <c r="AL4444" s="206"/>
      <c r="AM4444" s="143"/>
      <c r="AN4444" s="137"/>
      <c r="AO4444" s="137"/>
      <c r="AP4444" s="137"/>
      <c r="AQ4444" s="137"/>
      <c r="AR4444" s="137"/>
      <c r="AS4444" s="137"/>
      <c r="AT4444" s="137"/>
      <c r="AU4444" s="137"/>
      <c r="AV4444" s="137"/>
      <c r="AW4444" s="144"/>
    </row>
    <row r="4445" spans="2:49" x14ac:dyDescent="0.2">
      <c r="B4445" s="97"/>
      <c r="J4445" s="98"/>
      <c r="K4445" s="97"/>
      <c r="N4445" s="3"/>
      <c r="W4445" s="98"/>
      <c r="Z4445" s="143"/>
      <c r="AA4445" s="137"/>
      <c r="AB4445" s="137"/>
      <c r="AC4445" s="137"/>
      <c r="AD4445" s="137"/>
      <c r="AE4445" s="137"/>
      <c r="AF4445" s="137"/>
      <c r="AG4445" s="137"/>
      <c r="AH4445" s="137"/>
      <c r="AI4445" s="137"/>
      <c r="AJ4445" s="137"/>
      <c r="AK4445" s="206"/>
      <c r="AL4445" s="206"/>
      <c r="AM4445" s="143"/>
      <c r="AN4445" s="137"/>
      <c r="AO4445" s="137"/>
      <c r="AP4445" s="137"/>
      <c r="AQ4445" s="137"/>
      <c r="AR4445" s="137"/>
      <c r="AS4445" s="137"/>
      <c r="AT4445" s="137"/>
      <c r="AU4445" s="137"/>
      <c r="AV4445" s="137"/>
      <c r="AW4445" s="144"/>
    </row>
    <row r="4446" spans="2:49" x14ac:dyDescent="0.2">
      <c r="B4446" s="97"/>
      <c r="J4446" s="98"/>
      <c r="K4446" s="97"/>
      <c r="N4446" s="3"/>
      <c r="W4446" s="98"/>
      <c r="Z4446" s="143"/>
      <c r="AA4446" s="137"/>
      <c r="AB4446" s="137"/>
      <c r="AC4446" s="137"/>
      <c r="AD4446" s="137"/>
      <c r="AE4446" s="137"/>
      <c r="AF4446" s="137"/>
      <c r="AG4446" s="137"/>
      <c r="AH4446" s="137"/>
      <c r="AI4446" s="137"/>
      <c r="AJ4446" s="137"/>
      <c r="AK4446" s="206"/>
      <c r="AL4446" s="206"/>
      <c r="AM4446" s="143"/>
      <c r="AN4446" s="137"/>
      <c r="AO4446" s="137"/>
      <c r="AP4446" s="137"/>
      <c r="AQ4446" s="137"/>
      <c r="AR4446" s="137"/>
      <c r="AS4446" s="137"/>
      <c r="AT4446" s="137"/>
      <c r="AU4446" s="137"/>
      <c r="AV4446" s="137"/>
      <c r="AW4446" s="144"/>
    </row>
    <row r="4447" spans="2:49" x14ac:dyDescent="0.2">
      <c r="B4447" s="97"/>
      <c r="J4447" s="98"/>
      <c r="K4447" s="97"/>
      <c r="N4447" s="3"/>
      <c r="W4447" s="98"/>
      <c r="Z4447" s="143"/>
      <c r="AA4447" s="137"/>
      <c r="AB4447" s="137"/>
      <c r="AC4447" s="137"/>
      <c r="AD4447" s="137"/>
      <c r="AE4447" s="137"/>
      <c r="AF4447" s="137"/>
      <c r="AG4447" s="137"/>
      <c r="AH4447" s="137"/>
      <c r="AI4447" s="137"/>
      <c r="AJ4447" s="137"/>
      <c r="AK4447" s="206"/>
      <c r="AL4447" s="206"/>
      <c r="AM4447" s="143"/>
      <c r="AN4447" s="137"/>
      <c r="AO4447" s="137"/>
      <c r="AP4447" s="137"/>
      <c r="AQ4447" s="137"/>
      <c r="AR4447" s="137"/>
      <c r="AS4447" s="137"/>
      <c r="AT4447" s="137"/>
      <c r="AU4447" s="137"/>
      <c r="AV4447" s="137"/>
      <c r="AW4447" s="144"/>
    </row>
    <row r="4448" spans="2:49" x14ac:dyDescent="0.2">
      <c r="B4448" s="97"/>
      <c r="J4448" s="98"/>
      <c r="K4448" s="97"/>
      <c r="N4448" s="3"/>
      <c r="W4448" s="98"/>
      <c r="Z4448" s="143"/>
      <c r="AA4448" s="137"/>
      <c r="AB4448" s="137"/>
      <c r="AC4448" s="137"/>
      <c r="AD4448" s="137"/>
      <c r="AE4448" s="137"/>
      <c r="AF4448" s="137"/>
      <c r="AG4448" s="137"/>
      <c r="AH4448" s="137"/>
      <c r="AI4448" s="137"/>
      <c r="AJ4448" s="137"/>
      <c r="AK4448" s="206"/>
      <c r="AL4448" s="206"/>
      <c r="AM4448" s="143"/>
      <c r="AN4448" s="137"/>
      <c r="AO4448" s="137"/>
      <c r="AP4448" s="137"/>
      <c r="AQ4448" s="137"/>
      <c r="AR4448" s="137"/>
      <c r="AS4448" s="137"/>
      <c r="AT4448" s="137"/>
      <c r="AU4448" s="137"/>
      <c r="AV4448" s="137"/>
      <c r="AW4448" s="144"/>
    </row>
    <row r="4449" spans="2:49" x14ac:dyDescent="0.2">
      <c r="B4449" s="97"/>
      <c r="J4449" s="98"/>
      <c r="K4449" s="97"/>
      <c r="N4449" s="3"/>
      <c r="W4449" s="98"/>
      <c r="Z4449" s="143"/>
      <c r="AA4449" s="137"/>
      <c r="AB4449" s="137"/>
      <c r="AC4449" s="137"/>
      <c r="AD4449" s="137"/>
      <c r="AE4449" s="137"/>
      <c r="AF4449" s="137"/>
      <c r="AG4449" s="137"/>
      <c r="AH4449" s="137"/>
      <c r="AI4449" s="137"/>
      <c r="AJ4449" s="137"/>
      <c r="AK4449" s="206"/>
      <c r="AL4449" s="206"/>
      <c r="AM4449" s="143"/>
      <c r="AN4449" s="137"/>
      <c r="AO4449" s="137"/>
      <c r="AP4449" s="137"/>
      <c r="AQ4449" s="137"/>
      <c r="AR4449" s="137"/>
      <c r="AS4449" s="137"/>
      <c r="AT4449" s="137"/>
      <c r="AU4449" s="137"/>
      <c r="AV4449" s="137"/>
      <c r="AW4449" s="144"/>
    </row>
    <row r="4450" spans="2:49" x14ac:dyDescent="0.2">
      <c r="B4450" s="97"/>
      <c r="J4450" s="98"/>
      <c r="K4450" s="97"/>
      <c r="N4450" s="3"/>
      <c r="W4450" s="98"/>
      <c r="Z4450" s="143"/>
      <c r="AA4450" s="137"/>
      <c r="AB4450" s="137"/>
      <c r="AC4450" s="137"/>
      <c r="AD4450" s="137"/>
      <c r="AE4450" s="137"/>
      <c r="AF4450" s="137"/>
      <c r="AG4450" s="137"/>
      <c r="AH4450" s="137"/>
      <c r="AI4450" s="137"/>
      <c r="AJ4450" s="137"/>
      <c r="AK4450" s="206"/>
      <c r="AL4450" s="206"/>
      <c r="AM4450" s="143"/>
      <c r="AN4450" s="137"/>
      <c r="AO4450" s="137"/>
      <c r="AP4450" s="137"/>
      <c r="AQ4450" s="137"/>
      <c r="AR4450" s="137"/>
      <c r="AS4450" s="137"/>
      <c r="AT4450" s="137"/>
      <c r="AU4450" s="137"/>
      <c r="AV4450" s="137"/>
      <c r="AW4450" s="144"/>
    </row>
    <row r="4451" spans="2:49" x14ac:dyDescent="0.2">
      <c r="B4451" s="97"/>
      <c r="J4451" s="98"/>
      <c r="K4451" s="97"/>
      <c r="N4451" s="3"/>
      <c r="W4451" s="98"/>
      <c r="Z4451" s="143"/>
      <c r="AA4451" s="137"/>
      <c r="AB4451" s="137"/>
      <c r="AC4451" s="137"/>
      <c r="AD4451" s="137"/>
      <c r="AE4451" s="137"/>
      <c r="AF4451" s="137"/>
      <c r="AG4451" s="137"/>
      <c r="AH4451" s="137"/>
      <c r="AI4451" s="137"/>
      <c r="AJ4451" s="137"/>
      <c r="AK4451" s="206"/>
      <c r="AL4451" s="206"/>
      <c r="AM4451" s="143"/>
      <c r="AN4451" s="137"/>
      <c r="AO4451" s="137"/>
      <c r="AP4451" s="137"/>
      <c r="AQ4451" s="137"/>
      <c r="AR4451" s="137"/>
      <c r="AS4451" s="137"/>
      <c r="AT4451" s="137"/>
      <c r="AU4451" s="137"/>
      <c r="AV4451" s="137"/>
      <c r="AW4451" s="144"/>
    </row>
    <row r="4452" spans="2:49" x14ac:dyDescent="0.2">
      <c r="B4452" s="97"/>
      <c r="J4452" s="98"/>
      <c r="K4452" s="97"/>
      <c r="N4452" s="3"/>
      <c r="W4452" s="98"/>
      <c r="Z4452" s="143"/>
      <c r="AA4452" s="137"/>
      <c r="AB4452" s="137"/>
      <c r="AC4452" s="137"/>
      <c r="AD4452" s="137"/>
      <c r="AE4452" s="137"/>
      <c r="AF4452" s="137"/>
      <c r="AG4452" s="137"/>
      <c r="AH4452" s="137"/>
      <c r="AI4452" s="137"/>
      <c r="AJ4452" s="137"/>
      <c r="AK4452" s="206"/>
      <c r="AL4452" s="206"/>
      <c r="AM4452" s="143"/>
      <c r="AN4452" s="137"/>
      <c r="AO4452" s="137"/>
      <c r="AP4452" s="137"/>
      <c r="AQ4452" s="137"/>
      <c r="AR4452" s="137"/>
      <c r="AS4452" s="137"/>
      <c r="AT4452" s="137"/>
      <c r="AU4452" s="137"/>
      <c r="AV4452" s="137"/>
      <c r="AW4452" s="144"/>
    </row>
    <row r="4453" spans="2:49" x14ac:dyDescent="0.2">
      <c r="B4453" s="97"/>
      <c r="J4453" s="98"/>
      <c r="K4453" s="97"/>
      <c r="N4453" s="3"/>
      <c r="W4453" s="98"/>
      <c r="Z4453" s="143"/>
      <c r="AA4453" s="137"/>
      <c r="AB4453" s="137"/>
      <c r="AC4453" s="137"/>
      <c r="AD4453" s="137"/>
      <c r="AE4453" s="137"/>
      <c r="AF4453" s="137"/>
      <c r="AG4453" s="137"/>
      <c r="AH4453" s="137"/>
      <c r="AI4453" s="137"/>
      <c r="AJ4453" s="137"/>
      <c r="AK4453" s="206"/>
      <c r="AL4453" s="206"/>
      <c r="AM4453" s="143"/>
      <c r="AN4453" s="137"/>
      <c r="AO4453" s="137"/>
      <c r="AP4453" s="137"/>
      <c r="AQ4453" s="137"/>
      <c r="AR4453" s="137"/>
      <c r="AS4453" s="137"/>
      <c r="AT4453" s="137"/>
      <c r="AU4453" s="137"/>
      <c r="AV4453" s="137"/>
      <c r="AW4453" s="144"/>
    </row>
    <row r="4454" spans="2:49" x14ac:dyDescent="0.2">
      <c r="B4454" s="97"/>
      <c r="J4454" s="98"/>
      <c r="K4454" s="97"/>
      <c r="N4454" s="3"/>
      <c r="W4454" s="98"/>
      <c r="Z4454" s="143"/>
      <c r="AA4454" s="137"/>
      <c r="AB4454" s="137"/>
      <c r="AC4454" s="137"/>
      <c r="AD4454" s="137"/>
      <c r="AE4454" s="137"/>
      <c r="AF4454" s="137"/>
      <c r="AG4454" s="137"/>
      <c r="AH4454" s="137"/>
      <c r="AI4454" s="137"/>
      <c r="AJ4454" s="137"/>
      <c r="AK4454" s="206"/>
      <c r="AL4454" s="206"/>
      <c r="AM4454" s="143"/>
      <c r="AN4454" s="137"/>
      <c r="AO4454" s="137"/>
      <c r="AP4454" s="137"/>
      <c r="AQ4454" s="137"/>
      <c r="AR4454" s="137"/>
      <c r="AS4454" s="137"/>
      <c r="AT4454" s="137"/>
      <c r="AU4454" s="137"/>
      <c r="AV4454" s="137"/>
      <c r="AW4454" s="144"/>
    </row>
    <row r="4455" spans="2:49" x14ac:dyDescent="0.2">
      <c r="B4455" s="97"/>
      <c r="J4455" s="98"/>
      <c r="K4455" s="97"/>
      <c r="N4455" s="3"/>
      <c r="W4455" s="98"/>
      <c r="Z4455" s="143"/>
      <c r="AA4455" s="137"/>
      <c r="AB4455" s="137"/>
      <c r="AC4455" s="137"/>
      <c r="AD4455" s="137"/>
      <c r="AE4455" s="137"/>
      <c r="AF4455" s="137"/>
      <c r="AG4455" s="137"/>
      <c r="AH4455" s="137"/>
      <c r="AI4455" s="137"/>
      <c r="AJ4455" s="137"/>
      <c r="AK4455" s="206"/>
      <c r="AL4455" s="206"/>
      <c r="AM4455" s="143"/>
      <c r="AN4455" s="137"/>
      <c r="AO4455" s="137"/>
      <c r="AP4455" s="137"/>
      <c r="AQ4455" s="137"/>
      <c r="AR4455" s="137"/>
      <c r="AS4455" s="137"/>
      <c r="AT4455" s="137"/>
      <c r="AU4455" s="137"/>
      <c r="AV4455" s="137"/>
      <c r="AW4455" s="144"/>
    </row>
    <row r="4456" spans="2:49" x14ac:dyDescent="0.2">
      <c r="B4456" s="97"/>
      <c r="J4456" s="98"/>
      <c r="K4456" s="97"/>
      <c r="N4456" s="3"/>
      <c r="W4456" s="98"/>
      <c r="Z4456" s="143"/>
      <c r="AA4456" s="137"/>
      <c r="AB4456" s="137"/>
      <c r="AC4456" s="137"/>
      <c r="AD4456" s="137"/>
      <c r="AE4456" s="137"/>
      <c r="AF4456" s="137"/>
      <c r="AG4456" s="137"/>
      <c r="AH4456" s="137"/>
      <c r="AI4456" s="137"/>
      <c r="AJ4456" s="137"/>
      <c r="AK4456" s="206"/>
      <c r="AL4456" s="206"/>
      <c r="AM4456" s="143"/>
      <c r="AN4456" s="137"/>
      <c r="AO4456" s="137"/>
      <c r="AP4456" s="137"/>
      <c r="AQ4456" s="137"/>
      <c r="AR4456" s="137"/>
      <c r="AS4456" s="137"/>
      <c r="AT4456" s="137"/>
      <c r="AU4456" s="137"/>
      <c r="AV4456" s="137"/>
      <c r="AW4456" s="144"/>
    </row>
    <row r="4457" spans="2:49" x14ac:dyDescent="0.2">
      <c r="B4457" s="97"/>
      <c r="J4457" s="98"/>
      <c r="K4457" s="97"/>
      <c r="N4457" s="3"/>
      <c r="W4457" s="98"/>
      <c r="Z4457" s="143"/>
      <c r="AA4457" s="137"/>
      <c r="AB4457" s="137"/>
      <c r="AC4457" s="137"/>
      <c r="AD4457" s="137"/>
      <c r="AE4457" s="137"/>
      <c r="AF4457" s="137"/>
      <c r="AG4457" s="137"/>
      <c r="AH4457" s="137"/>
      <c r="AI4457" s="137"/>
      <c r="AJ4457" s="137"/>
      <c r="AK4457" s="206"/>
      <c r="AL4457" s="206"/>
      <c r="AM4457" s="143"/>
      <c r="AN4457" s="137"/>
      <c r="AO4457" s="137"/>
      <c r="AP4457" s="137"/>
      <c r="AQ4457" s="137"/>
      <c r="AR4457" s="137"/>
      <c r="AS4457" s="137"/>
      <c r="AT4457" s="137"/>
      <c r="AU4457" s="137"/>
      <c r="AV4457" s="137"/>
      <c r="AW4457" s="144"/>
    </row>
    <row r="4458" spans="2:49" x14ac:dyDescent="0.2">
      <c r="B4458" s="97"/>
      <c r="J4458" s="98"/>
      <c r="K4458" s="97"/>
      <c r="N4458" s="3"/>
      <c r="W4458" s="98"/>
      <c r="Z4458" s="143"/>
      <c r="AA4458" s="137"/>
      <c r="AB4458" s="137"/>
      <c r="AC4458" s="137"/>
      <c r="AD4458" s="137"/>
      <c r="AE4458" s="137"/>
      <c r="AF4458" s="137"/>
      <c r="AG4458" s="137"/>
      <c r="AH4458" s="137"/>
      <c r="AI4458" s="137"/>
      <c r="AJ4458" s="137"/>
      <c r="AK4458" s="206"/>
      <c r="AL4458" s="206"/>
      <c r="AM4458" s="143"/>
      <c r="AN4458" s="137"/>
      <c r="AO4458" s="137"/>
      <c r="AP4458" s="137"/>
      <c r="AQ4458" s="137"/>
      <c r="AR4458" s="137"/>
      <c r="AS4458" s="137"/>
      <c r="AT4458" s="137"/>
      <c r="AU4458" s="137"/>
      <c r="AV4458" s="137"/>
      <c r="AW4458" s="144"/>
    </row>
    <row r="4459" spans="2:49" x14ac:dyDescent="0.2">
      <c r="B4459" s="97"/>
      <c r="J4459" s="98"/>
      <c r="K4459" s="97"/>
      <c r="N4459" s="3"/>
      <c r="W4459" s="98"/>
      <c r="Z4459" s="143"/>
      <c r="AA4459" s="137"/>
      <c r="AB4459" s="137"/>
      <c r="AC4459" s="137"/>
      <c r="AD4459" s="137"/>
      <c r="AE4459" s="137"/>
      <c r="AF4459" s="137"/>
      <c r="AG4459" s="137"/>
      <c r="AH4459" s="137"/>
      <c r="AI4459" s="137"/>
      <c r="AJ4459" s="137"/>
      <c r="AK4459" s="206"/>
      <c r="AL4459" s="206"/>
      <c r="AM4459" s="143"/>
      <c r="AN4459" s="137"/>
      <c r="AO4459" s="137"/>
      <c r="AP4459" s="137"/>
      <c r="AQ4459" s="137"/>
      <c r="AR4459" s="137"/>
      <c r="AS4459" s="137"/>
      <c r="AT4459" s="137"/>
      <c r="AU4459" s="137"/>
      <c r="AV4459" s="137"/>
      <c r="AW4459" s="144"/>
    </row>
    <row r="4460" spans="2:49" x14ac:dyDescent="0.2">
      <c r="B4460" s="97"/>
      <c r="J4460" s="98"/>
      <c r="K4460" s="97"/>
      <c r="N4460" s="3"/>
      <c r="W4460" s="98"/>
      <c r="Z4460" s="143"/>
      <c r="AA4460" s="137"/>
      <c r="AB4460" s="137"/>
      <c r="AC4460" s="137"/>
      <c r="AD4460" s="137"/>
      <c r="AE4460" s="137"/>
      <c r="AF4460" s="137"/>
      <c r="AG4460" s="137"/>
      <c r="AH4460" s="137"/>
      <c r="AI4460" s="137"/>
      <c r="AJ4460" s="137"/>
      <c r="AK4460" s="206"/>
      <c r="AL4460" s="206"/>
      <c r="AM4460" s="143"/>
      <c r="AN4460" s="137"/>
      <c r="AO4460" s="137"/>
      <c r="AP4460" s="137"/>
      <c r="AQ4460" s="137"/>
      <c r="AR4460" s="137"/>
      <c r="AS4460" s="137"/>
      <c r="AT4460" s="137"/>
      <c r="AU4460" s="137"/>
      <c r="AV4460" s="137"/>
      <c r="AW4460" s="144"/>
    </row>
    <row r="4461" spans="2:49" x14ac:dyDescent="0.2">
      <c r="B4461" s="97"/>
      <c r="J4461" s="98"/>
      <c r="K4461" s="97"/>
      <c r="N4461" s="3"/>
      <c r="W4461" s="98"/>
      <c r="Z4461" s="143"/>
      <c r="AA4461" s="137"/>
      <c r="AB4461" s="137"/>
      <c r="AC4461" s="137"/>
      <c r="AD4461" s="137"/>
      <c r="AE4461" s="137"/>
      <c r="AF4461" s="137"/>
      <c r="AG4461" s="137"/>
      <c r="AH4461" s="137"/>
      <c r="AI4461" s="137"/>
      <c r="AJ4461" s="137"/>
      <c r="AK4461" s="206"/>
      <c r="AL4461" s="206"/>
      <c r="AM4461" s="143"/>
      <c r="AN4461" s="137"/>
      <c r="AO4461" s="137"/>
      <c r="AP4461" s="137"/>
      <c r="AQ4461" s="137"/>
      <c r="AR4461" s="137"/>
      <c r="AS4461" s="137"/>
      <c r="AT4461" s="137"/>
      <c r="AU4461" s="137"/>
      <c r="AV4461" s="137"/>
      <c r="AW4461" s="144"/>
    </row>
    <row r="4462" spans="2:49" x14ac:dyDescent="0.2">
      <c r="B4462" s="97"/>
      <c r="J4462" s="98"/>
      <c r="K4462" s="97"/>
      <c r="N4462" s="3"/>
      <c r="W4462" s="98"/>
      <c r="Z4462" s="143"/>
      <c r="AA4462" s="137"/>
      <c r="AB4462" s="137"/>
      <c r="AC4462" s="137"/>
      <c r="AD4462" s="137"/>
      <c r="AE4462" s="137"/>
      <c r="AF4462" s="137"/>
      <c r="AG4462" s="137"/>
      <c r="AH4462" s="137"/>
      <c r="AI4462" s="137"/>
      <c r="AJ4462" s="137"/>
      <c r="AK4462" s="206"/>
      <c r="AL4462" s="206"/>
      <c r="AM4462" s="143"/>
      <c r="AN4462" s="137"/>
      <c r="AO4462" s="137"/>
      <c r="AP4462" s="137"/>
      <c r="AQ4462" s="137"/>
      <c r="AR4462" s="137"/>
      <c r="AS4462" s="137"/>
      <c r="AT4462" s="137"/>
      <c r="AU4462" s="137"/>
      <c r="AV4462" s="137"/>
      <c r="AW4462" s="144"/>
    </row>
    <row r="4463" spans="2:49" x14ac:dyDescent="0.2">
      <c r="B4463" s="97"/>
      <c r="J4463" s="98"/>
      <c r="K4463" s="97"/>
      <c r="N4463" s="3"/>
      <c r="W4463" s="98"/>
      <c r="Z4463" s="143"/>
      <c r="AA4463" s="137"/>
      <c r="AB4463" s="137"/>
      <c r="AC4463" s="137"/>
      <c r="AD4463" s="137"/>
      <c r="AE4463" s="137"/>
      <c r="AF4463" s="137"/>
      <c r="AG4463" s="137"/>
      <c r="AH4463" s="137"/>
      <c r="AI4463" s="137"/>
      <c r="AJ4463" s="137"/>
      <c r="AK4463" s="206"/>
      <c r="AL4463" s="206"/>
      <c r="AM4463" s="143"/>
      <c r="AN4463" s="137"/>
      <c r="AO4463" s="137"/>
      <c r="AP4463" s="137"/>
      <c r="AQ4463" s="137"/>
      <c r="AR4463" s="137"/>
      <c r="AS4463" s="137"/>
      <c r="AT4463" s="137"/>
      <c r="AU4463" s="137"/>
      <c r="AV4463" s="137"/>
      <c r="AW4463" s="144"/>
    </row>
    <row r="4464" spans="2:49" x14ac:dyDescent="0.2">
      <c r="B4464" s="97"/>
      <c r="J4464" s="98"/>
      <c r="K4464" s="97"/>
      <c r="N4464" s="3"/>
      <c r="W4464" s="98"/>
      <c r="Z4464" s="143"/>
      <c r="AA4464" s="137"/>
      <c r="AB4464" s="137"/>
      <c r="AC4464" s="137"/>
      <c r="AD4464" s="137"/>
      <c r="AE4464" s="137"/>
      <c r="AF4464" s="137"/>
      <c r="AG4464" s="137"/>
      <c r="AH4464" s="137"/>
      <c r="AI4464" s="137"/>
      <c r="AJ4464" s="137"/>
      <c r="AK4464" s="206"/>
      <c r="AL4464" s="206"/>
      <c r="AM4464" s="143"/>
      <c r="AN4464" s="137"/>
      <c r="AO4464" s="137"/>
      <c r="AP4464" s="137"/>
      <c r="AQ4464" s="137"/>
      <c r="AR4464" s="137"/>
      <c r="AS4464" s="137"/>
      <c r="AT4464" s="137"/>
      <c r="AU4464" s="137"/>
      <c r="AV4464" s="137"/>
      <c r="AW4464" s="144"/>
    </row>
    <row r="4465" spans="2:49" x14ac:dyDescent="0.2">
      <c r="B4465" s="97"/>
      <c r="J4465" s="98"/>
      <c r="K4465" s="97"/>
      <c r="N4465" s="3"/>
      <c r="W4465" s="98"/>
      <c r="Z4465" s="143"/>
      <c r="AA4465" s="137"/>
      <c r="AB4465" s="137"/>
      <c r="AC4465" s="137"/>
      <c r="AD4465" s="137"/>
      <c r="AE4465" s="137"/>
      <c r="AF4465" s="137"/>
      <c r="AG4465" s="137"/>
      <c r="AH4465" s="137"/>
      <c r="AI4465" s="137"/>
      <c r="AJ4465" s="137"/>
      <c r="AK4465" s="206"/>
      <c r="AL4465" s="206"/>
      <c r="AM4465" s="143"/>
      <c r="AN4465" s="137"/>
      <c r="AO4465" s="137"/>
      <c r="AP4465" s="137"/>
      <c r="AQ4465" s="137"/>
      <c r="AR4465" s="137"/>
      <c r="AS4465" s="137"/>
      <c r="AT4465" s="137"/>
      <c r="AU4465" s="137"/>
      <c r="AV4465" s="137"/>
      <c r="AW4465" s="144"/>
    </row>
    <row r="4466" spans="2:49" x14ac:dyDescent="0.2">
      <c r="B4466" s="97"/>
      <c r="J4466" s="98"/>
      <c r="K4466" s="97"/>
      <c r="N4466" s="3"/>
      <c r="W4466" s="98"/>
      <c r="Z4466" s="143"/>
      <c r="AA4466" s="137"/>
      <c r="AB4466" s="137"/>
      <c r="AC4466" s="137"/>
      <c r="AD4466" s="137"/>
      <c r="AE4466" s="137"/>
      <c r="AF4466" s="137"/>
      <c r="AG4466" s="137"/>
      <c r="AH4466" s="137"/>
      <c r="AI4466" s="137"/>
      <c r="AJ4466" s="137"/>
      <c r="AK4466" s="206"/>
      <c r="AL4466" s="206"/>
      <c r="AM4466" s="143"/>
      <c r="AN4466" s="137"/>
      <c r="AO4466" s="137"/>
      <c r="AP4466" s="137"/>
      <c r="AQ4466" s="137"/>
      <c r="AR4466" s="137"/>
      <c r="AS4466" s="137"/>
      <c r="AT4466" s="137"/>
      <c r="AU4466" s="137"/>
      <c r="AV4466" s="137"/>
      <c r="AW4466" s="144"/>
    </row>
    <row r="4467" spans="2:49" x14ac:dyDescent="0.2">
      <c r="B4467" s="97"/>
      <c r="J4467" s="98"/>
      <c r="K4467" s="97"/>
      <c r="N4467" s="3"/>
      <c r="W4467" s="98"/>
      <c r="Z4467" s="143"/>
      <c r="AA4467" s="137"/>
      <c r="AB4467" s="137"/>
      <c r="AC4467" s="137"/>
      <c r="AD4467" s="137"/>
      <c r="AE4467" s="137"/>
      <c r="AF4467" s="137"/>
      <c r="AG4467" s="137"/>
      <c r="AH4467" s="137"/>
      <c r="AI4467" s="137"/>
      <c r="AJ4467" s="137"/>
      <c r="AK4467" s="206"/>
      <c r="AL4467" s="206"/>
      <c r="AM4467" s="143"/>
      <c r="AN4467" s="137"/>
      <c r="AO4467" s="137"/>
      <c r="AP4467" s="137"/>
      <c r="AQ4467" s="137"/>
      <c r="AR4467" s="137"/>
      <c r="AS4467" s="137"/>
      <c r="AT4467" s="137"/>
      <c r="AU4467" s="137"/>
      <c r="AV4467" s="137"/>
      <c r="AW4467" s="144"/>
    </row>
    <row r="4468" spans="2:49" x14ac:dyDescent="0.2">
      <c r="B4468" s="97"/>
      <c r="J4468" s="98"/>
      <c r="K4468" s="97"/>
      <c r="N4468" s="3"/>
      <c r="W4468" s="98"/>
      <c r="Z4468" s="143"/>
      <c r="AA4468" s="137"/>
      <c r="AB4468" s="137"/>
      <c r="AC4468" s="137"/>
      <c r="AD4468" s="137"/>
      <c r="AE4468" s="137"/>
      <c r="AF4468" s="137"/>
      <c r="AG4468" s="137"/>
      <c r="AH4468" s="137"/>
      <c r="AI4468" s="137"/>
      <c r="AJ4468" s="137"/>
      <c r="AK4468" s="206"/>
      <c r="AL4468" s="206"/>
      <c r="AM4468" s="143"/>
      <c r="AN4468" s="137"/>
      <c r="AO4468" s="137"/>
      <c r="AP4468" s="137"/>
      <c r="AQ4468" s="137"/>
      <c r="AR4468" s="137"/>
      <c r="AS4468" s="137"/>
      <c r="AT4468" s="137"/>
      <c r="AU4468" s="137"/>
      <c r="AV4468" s="137"/>
      <c r="AW4468" s="144"/>
    </row>
    <row r="4469" spans="2:49" x14ac:dyDescent="0.2">
      <c r="B4469" s="97"/>
      <c r="J4469" s="98"/>
      <c r="K4469" s="97"/>
      <c r="N4469" s="3"/>
      <c r="W4469" s="98"/>
      <c r="Z4469" s="143"/>
      <c r="AA4469" s="137"/>
      <c r="AB4469" s="137"/>
      <c r="AC4469" s="137"/>
      <c r="AD4469" s="137"/>
      <c r="AE4469" s="137"/>
      <c r="AF4469" s="137"/>
      <c r="AG4469" s="137"/>
      <c r="AH4469" s="137"/>
      <c r="AI4469" s="137"/>
      <c r="AJ4469" s="137"/>
      <c r="AK4469" s="206"/>
      <c r="AL4469" s="206"/>
      <c r="AM4469" s="143"/>
      <c r="AN4469" s="137"/>
      <c r="AO4469" s="137"/>
      <c r="AP4469" s="137"/>
      <c r="AQ4469" s="137"/>
      <c r="AR4469" s="137"/>
      <c r="AS4469" s="137"/>
      <c r="AT4469" s="137"/>
      <c r="AU4469" s="137"/>
      <c r="AV4469" s="137"/>
      <c r="AW4469" s="144"/>
    </row>
    <row r="4470" spans="2:49" x14ac:dyDescent="0.2">
      <c r="B4470" s="97"/>
      <c r="J4470" s="98"/>
      <c r="K4470" s="97"/>
      <c r="N4470" s="3"/>
      <c r="W4470" s="98"/>
      <c r="Z4470" s="143"/>
      <c r="AA4470" s="137"/>
      <c r="AB4470" s="137"/>
      <c r="AC4470" s="137"/>
      <c r="AD4470" s="137"/>
      <c r="AE4470" s="137"/>
      <c r="AF4470" s="137"/>
      <c r="AG4470" s="137"/>
      <c r="AH4470" s="137"/>
      <c r="AI4470" s="137"/>
      <c r="AJ4470" s="137"/>
      <c r="AK4470" s="206"/>
      <c r="AL4470" s="206"/>
      <c r="AM4470" s="143"/>
      <c r="AN4470" s="137"/>
      <c r="AO4470" s="137"/>
      <c r="AP4470" s="137"/>
      <c r="AQ4470" s="137"/>
      <c r="AR4470" s="137"/>
      <c r="AS4470" s="137"/>
      <c r="AT4470" s="137"/>
      <c r="AU4470" s="137"/>
      <c r="AV4470" s="137"/>
      <c r="AW4470" s="144"/>
    </row>
    <row r="4471" spans="2:49" x14ac:dyDescent="0.2">
      <c r="B4471" s="97"/>
      <c r="J4471" s="98"/>
      <c r="K4471" s="97"/>
      <c r="N4471" s="3"/>
      <c r="W4471" s="98"/>
      <c r="Z4471" s="143"/>
      <c r="AA4471" s="137"/>
      <c r="AB4471" s="137"/>
      <c r="AC4471" s="137"/>
      <c r="AD4471" s="137"/>
      <c r="AE4471" s="137"/>
      <c r="AF4471" s="137"/>
      <c r="AG4471" s="137"/>
      <c r="AH4471" s="137"/>
      <c r="AI4471" s="137"/>
      <c r="AJ4471" s="137"/>
      <c r="AK4471" s="206"/>
      <c r="AL4471" s="206"/>
      <c r="AM4471" s="143"/>
      <c r="AN4471" s="137"/>
      <c r="AO4471" s="137"/>
      <c r="AP4471" s="137"/>
      <c r="AQ4471" s="137"/>
      <c r="AR4471" s="137"/>
      <c r="AS4471" s="137"/>
      <c r="AT4471" s="137"/>
      <c r="AU4471" s="137"/>
      <c r="AV4471" s="137"/>
      <c r="AW4471" s="144"/>
    </row>
    <row r="4472" spans="2:49" x14ac:dyDescent="0.2">
      <c r="B4472" s="97"/>
      <c r="J4472" s="98"/>
      <c r="K4472" s="97"/>
      <c r="N4472" s="3"/>
      <c r="W4472" s="98"/>
      <c r="Z4472" s="143"/>
      <c r="AA4472" s="137"/>
      <c r="AB4472" s="137"/>
      <c r="AC4472" s="137"/>
      <c r="AD4472" s="137"/>
      <c r="AE4472" s="137"/>
      <c r="AF4472" s="137"/>
      <c r="AG4472" s="137"/>
      <c r="AH4472" s="137"/>
      <c r="AI4472" s="137"/>
      <c r="AJ4472" s="137"/>
      <c r="AK4472" s="206"/>
      <c r="AL4472" s="206"/>
      <c r="AM4472" s="143"/>
      <c r="AN4472" s="137"/>
      <c r="AO4472" s="137"/>
      <c r="AP4472" s="137"/>
      <c r="AQ4472" s="137"/>
      <c r="AR4472" s="137"/>
      <c r="AS4472" s="137"/>
      <c r="AT4472" s="137"/>
      <c r="AU4472" s="137"/>
      <c r="AV4472" s="137"/>
      <c r="AW4472" s="144"/>
    </row>
    <row r="4473" spans="2:49" x14ac:dyDescent="0.2">
      <c r="B4473" s="97"/>
      <c r="J4473" s="98"/>
      <c r="K4473" s="97"/>
      <c r="N4473" s="3"/>
      <c r="W4473" s="98"/>
      <c r="Z4473" s="143"/>
      <c r="AA4473" s="137"/>
      <c r="AB4473" s="137"/>
      <c r="AC4473" s="137"/>
      <c r="AD4473" s="137"/>
      <c r="AE4473" s="137"/>
      <c r="AF4473" s="137"/>
      <c r="AG4473" s="137"/>
      <c r="AH4473" s="137"/>
      <c r="AI4473" s="137"/>
      <c r="AJ4473" s="137"/>
      <c r="AK4473" s="206"/>
      <c r="AL4473" s="206"/>
      <c r="AM4473" s="143"/>
      <c r="AN4473" s="137"/>
      <c r="AO4473" s="137"/>
      <c r="AP4473" s="137"/>
      <c r="AQ4473" s="137"/>
      <c r="AR4473" s="137"/>
      <c r="AS4473" s="137"/>
      <c r="AT4473" s="137"/>
      <c r="AU4473" s="137"/>
      <c r="AV4473" s="137"/>
      <c r="AW4473" s="144"/>
    </row>
    <row r="4474" spans="2:49" x14ac:dyDescent="0.2">
      <c r="B4474" s="97"/>
      <c r="J4474" s="98"/>
      <c r="K4474" s="97"/>
      <c r="N4474" s="3"/>
      <c r="W4474" s="98"/>
      <c r="Z4474" s="143"/>
      <c r="AA4474" s="137"/>
      <c r="AB4474" s="137"/>
      <c r="AC4474" s="137"/>
      <c r="AD4474" s="137"/>
      <c r="AE4474" s="137"/>
      <c r="AF4474" s="137"/>
      <c r="AG4474" s="137"/>
      <c r="AH4474" s="137"/>
      <c r="AI4474" s="137"/>
      <c r="AJ4474" s="137"/>
      <c r="AK4474" s="206"/>
      <c r="AL4474" s="206"/>
      <c r="AM4474" s="143"/>
      <c r="AN4474" s="137"/>
      <c r="AO4474" s="137"/>
      <c r="AP4474" s="137"/>
      <c r="AQ4474" s="137"/>
      <c r="AR4474" s="137"/>
      <c r="AS4474" s="137"/>
      <c r="AT4474" s="137"/>
      <c r="AU4474" s="137"/>
      <c r="AV4474" s="137"/>
      <c r="AW4474" s="144"/>
    </row>
    <row r="4475" spans="2:49" x14ac:dyDescent="0.2">
      <c r="B4475" s="97"/>
      <c r="J4475" s="98"/>
      <c r="K4475" s="97"/>
      <c r="N4475" s="3"/>
      <c r="W4475" s="98"/>
      <c r="Z4475" s="143"/>
      <c r="AA4475" s="137"/>
      <c r="AB4475" s="137"/>
      <c r="AC4475" s="137"/>
      <c r="AD4475" s="137"/>
      <c r="AE4475" s="137"/>
      <c r="AF4475" s="137"/>
      <c r="AG4475" s="137"/>
      <c r="AH4475" s="137"/>
      <c r="AI4475" s="137"/>
      <c r="AJ4475" s="137"/>
      <c r="AK4475" s="206"/>
      <c r="AL4475" s="206"/>
      <c r="AM4475" s="143"/>
      <c r="AN4475" s="137"/>
      <c r="AO4475" s="137"/>
      <c r="AP4475" s="137"/>
      <c r="AQ4475" s="137"/>
      <c r="AR4475" s="137"/>
      <c r="AS4475" s="137"/>
      <c r="AT4475" s="137"/>
      <c r="AU4475" s="137"/>
      <c r="AV4475" s="137"/>
      <c r="AW4475" s="144"/>
    </row>
    <row r="4476" spans="2:49" x14ac:dyDescent="0.2">
      <c r="B4476" s="97"/>
      <c r="J4476" s="98"/>
      <c r="K4476" s="97"/>
      <c r="N4476" s="3"/>
      <c r="W4476" s="98"/>
      <c r="Z4476" s="143"/>
      <c r="AA4476" s="137"/>
      <c r="AB4476" s="137"/>
      <c r="AC4476" s="137"/>
      <c r="AD4476" s="137"/>
      <c r="AE4476" s="137"/>
      <c r="AF4476" s="137"/>
      <c r="AG4476" s="137"/>
      <c r="AH4476" s="137"/>
      <c r="AI4476" s="137"/>
      <c r="AJ4476" s="137"/>
      <c r="AK4476" s="206"/>
      <c r="AL4476" s="206"/>
      <c r="AM4476" s="143"/>
      <c r="AN4476" s="137"/>
      <c r="AO4476" s="137"/>
      <c r="AP4476" s="137"/>
      <c r="AQ4476" s="137"/>
      <c r="AR4476" s="137"/>
      <c r="AS4476" s="137"/>
      <c r="AT4476" s="137"/>
      <c r="AU4476" s="137"/>
      <c r="AV4476" s="137"/>
      <c r="AW4476" s="144"/>
    </row>
    <row r="4477" spans="2:49" x14ac:dyDescent="0.2">
      <c r="B4477" s="97"/>
      <c r="J4477" s="98"/>
      <c r="K4477" s="97"/>
      <c r="N4477" s="3"/>
      <c r="W4477" s="98"/>
      <c r="Z4477" s="143"/>
      <c r="AA4477" s="137"/>
      <c r="AB4477" s="137"/>
      <c r="AC4477" s="137"/>
      <c r="AD4477" s="137"/>
      <c r="AE4477" s="137"/>
      <c r="AF4477" s="137"/>
      <c r="AG4477" s="137"/>
      <c r="AH4477" s="137"/>
      <c r="AI4477" s="137"/>
      <c r="AJ4477" s="137"/>
      <c r="AK4477" s="206"/>
      <c r="AL4477" s="206"/>
      <c r="AM4477" s="143"/>
      <c r="AN4477" s="137"/>
      <c r="AO4477" s="137"/>
      <c r="AP4477" s="137"/>
      <c r="AQ4477" s="137"/>
      <c r="AR4477" s="137"/>
      <c r="AS4477" s="137"/>
      <c r="AT4477" s="137"/>
      <c r="AU4477" s="137"/>
      <c r="AV4477" s="137"/>
      <c r="AW4477" s="144"/>
    </row>
    <row r="4478" spans="2:49" x14ac:dyDescent="0.2">
      <c r="B4478" s="97"/>
      <c r="J4478" s="98"/>
      <c r="K4478" s="97"/>
      <c r="N4478" s="3"/>
      <c r="W4478" s="98"/>
      <c r="Z4478" s="143"/>
      <c r="AA4478" s="137"/>
      <c r="AB4478" s="137"/>
      <c r="AC4478" s="137"/>
      <c r="AD4478" s="137"/>
      <c r="AE4478" s="137"/>
      <c r="AF4478" s="137"/>
      <c r="AG4478" s="137"/>
      <c r="AH4478" s="137"/>
      <c r="AI4478" s="137"/>
      <c r="AJ4478" s="137"/>
      <c r="AK4478" s="206"/>
      <c r="AL4478" s="206"/>
      <c r="AM4478" s="143"/>
      <c r="AN4478" s="137"/>
      <c r="AO4478" s="137"/>
      <c r="AP4478" s="137"/>
      <c r="AQ4478" s="137"/>
      <c r="AR4478" s="137"/>
      <c r="AS4478" s="137"/>
      <c r="AT4478" s="137"/>
      <c r="AU4478" s="137"/>
      <c r="AV4478" s="137"/>
      <c r="AW4478" s="144"/>
    </row>
    <row r="4479" spans="2:49" x14ac:dyDescent="0.2">
      <c r="B4479" s="97"/>
      <c r="J4479" s="98"/>
      <c r="K4479" s="97"/>
      <c r="N4479" s="3"/>
      <c r="W4479" s="98"/>
      <c r="Z4479" s="143"/>
      <c r="AA4479" s="137"/>
      <c r="AB4479" s="137"/>
      <c r="AC4479" s="137"/>
      <c r="AD4479" s="137"/>
      <c r="AE4479" s="137"/>
      <c r="AF4479" s="137"/>
      <c r="AG4479" s="137"/>
      <c r="AH4479" s="137"/>
      <c r="AI4479" s="137"/>
      <c r="AJ4479" s="137"/>
      <c r="AK4479" s="206"/>
      <c r="AL4479" s="206"/>
      <c r="AM4479" s="143"/>
      <c r="AN4479" s="137"/>
      <c r="AO4479" s="137"/>
      <c r="AP4479" s="137"/>
      <c r="AQ4479" s="137"/>
      <c r="AR4479" s="137"/>
      <c r="AS4479" s="137"/>
      <c r="AT4479" s="137"/>
      <c r="AU4479" s="137"/>
      <c r="AV4479" s="137"/>
      <c r="AW4479" s="144"/>
    </row>
    <row r="4480" spans="2:49" x14ac:dyDescent="0.2">
      <c r="B4480" s="97"/>
      <c r="J4480" s="98"/>
      <c r="K4480" s="97"/>
      <c r="N4480" s="3"/>
      <c r="W4480" s="98"/>
      <c r="Z4480" s="143"/>
      <c r="AA4480" s="137"/>
      <c r="AB4480" s="137"/>
      <c r="AC4480" s="137"/>
      <c r="AD4480" s="137"/>
      <c r="AE4480" s="137"/>
      <c r="AF4480" s="137"/>
      <c r="AG4480" s="137"/>
      <c r="AH4480" s="137"/>
      <c r="AI4480" s="137"/>
      <c r="AJ4480" s="137"/>
      <c r="AK4480" s="206"/>
      <c r="AL4480" s="206"/>
      <c r="AM4480" s="143"/>
      <c r="AN4480" s="137"/>
      <c r="AO4480" s="137"/>
      <c r="AP4480" s="137"/>
      <c r="AQ4480" s="137"/>
      <c r="AR4480" s="137"/>
      <c r="AS4480" s="137"/>
      <c r="AT4480" s="137"/>
      <c r="AU4480" s="137"/>
      <c r="AV4480" s="137"/>
      <c r="AW4480" s="144"/>
    </row>
    <row r="4481" spans="2:49" x14ac:dyDescent="0.2">
      <c r="B4481" s="97"/>
      <c r="J4481" s="98"/>
      <c r="K4481" s="97"/>
      <c r="N4481" s="3"/>
      <c r="W4481" s="98"/>
      <c r="Z4481" s="143"/>
      <c r="AA4481" s="137"/>
      <c r="AB4481" s="137"/>
      <c r="AC4481" s="137"/>
      <c r="AD4481" s="137"/>
      <c r="AE4481" s="137"/>
      <c r="AF4481" s="137"/>
      <c r="AG4481" s="137"/>
      <c r="AH4481" s="137"/>
      <c r="AI4481" s="137"/>
      <c r="AJ4481" s="137"/>
      <c r="AK4481" s="206"/>
      <c r="AL4481" s="206"/>
      <c r="AM4481" s="143"/>
      <c r="AN4481" s="137"/>
      <c r="AO4481" s="137"/>
      <c r="AP4481" s="137"/>
      <c r="AQ4481" s="137"/>
      <c r="AR4481" s="137"/>
      <c r="AS4481" s="137"/>
      <c r="AT4481" s="137"/>
      <c r="AU4481" s="137"/>
      <c r="AV4481" s="137"/>
      <c r="AW4481" s="144"/>
    </row>
    <row r="4482" spans="2:49" x14ac:dyDescent="0.2">
      <c r="B4482" s="97"/>
      <c r="J4482" s="98"/>
      <c r="K4482" s="97"/>
      <c r="N4482" s="3"/>
      <c r="W4482" s="98"/>
      <c r="Z4482" s="143"/>
      <c r="AA4482" s="137"/>
      <c r="AB4482" s="137"/>
      <c r="AC4482" s="137"/>
      <c r="AD4482" s="137"/>
      <c r="AE4482" s="137"/>
      <c r="AF4482" s="137"/>
      <c r="AG4482" s="137"/>
      <c r="AH4482" s="137"/>
      <c r="AI4482" s="137"/>
      <c r="AJ4482" s="137"/>
      <c r="AK4482" s="206"/>
      <c r="AL4482" s="206"/>
      <c r="AM4482" s="143"/>
      <c r="AN4482" s="137"/>
      <c r="AO4482" s="137"/>
      <c r="AP4482" s="137"/>
      <c r="AQ4482" s="137"/>
      <c r="AR4482" s="137"/>
      <c r="AS4482" s="137"/>
      <c r="AT4482" s="137"/>
      <c r="AU4482" s="137"/>
      <c r="AV4482" s="137"/>
      <c r="AW4482" s="144"/>
    </row>
    <row r="4483" spans="2:49" x14ac:dyDescent="0.2">
      <c r="B4483" s="97"/>
      <c r="J4483" s="98"/>
      <c r="K4483" s="97"/>
      <c r="N4483" s="3"/>
      <c r="W4483" s="98"/>
      <c r="Z4483" s="143"/>
      <c r="AA4483" s="137"/>
      <c r="AB4483" s="137"/>
      <c r="AC4483" s="137"/>
      <c r="AD4483" s="137"/>
      <c r="AE4483" s="137"/>
      <c r="AF4483" s="137"/>
      <c r="AG4483" s="137"/>
      <c r="AH4483" s="137"/>
      <c r="AI4483" s="137"/>
      <c r="AJ4483" s="137"/>
      <c r="AK4483" s="206"/>
      <c r="AL4483" s="206"/>
      <c r="AM4483" s="143"/>
      <c r="AN4483" s="137"/>
      <c r="AO4483" s="137"/>
      <c r="AP4483" s="137"/>
      <c r="AQ4483" s="137"/>
      <c r="AR4483" s="137"/>
      <c r="AS4483" s="137"/>
      <c r="AT4483" s="137"/>
      <c r="AU4483" s="137"/>
      <c r="AV4483" s="137"/>
      <c r="AW4483" s="144"/>
    </row>
    <row r="4484" spans="2:49" x14ac:dyDescent="0.2">
      <c r="B4484" s="97"/>
      <c r="J4484" s="98"/>
      <c r="K4484" s="97"/>
      <c r="N4484" s="3"/>
      <c r="W4484" s="98"/>
      <c r="Z4484" s="143"/>
      <c r="AA4484" s="137"/>
      <c r="AB4484" s="137"/>
      <c r="AC4484" s="137"/>
      <c r="AD4484" s="137"/>
      <c r="AE4484" s="137"/>
      <c r="AF4484" s="137"/>
      <c r="AG4484" s="137"/>
      <c r="AH4484" s="137"/>
      <c r="AI4484" s="137"/>
      <c r="AJ4484" s="137"/>
      <c r="AK4484" s="206"/>
      <c r="AL4484" s="206"/>
      <c r="AM4484" s="143"/>
      <c r="AN4484" s="137"/>
      <c r="AO4484" s="137"/>
      <c r="AP4484" s="137"/>
      <c r="AQ4484" s="137"/>
      <c r="AR4484" s="137"/>
      <c r="AS4484" s="137"/>
      <c r="AT4484" s="137"/>
      <c r="AU4484" s="137"/>
      <c r="AV4484" s="137"/>
      <c r="AW4484" s="144"/>
    </row>
    <row r="4485" spans="2:49" x14ac:dyDescent="0.2">
      <c r="B4485" s="97"/>
      <c r="J4485" s="98"/>
      <c r="K4485" s="97"/>
      <c r="N4485" s="3"/>
      <c r="W4485" s="98"/>
      <c r="Z4485" s="143"/>
      <c r="AA4485" s="137"/>
      <c r="AB4485" s="137"/>
      <c r="AC4485" s="137"/>
      <c r="AD4485" s="137"/>
      <c r="AE4485" s="137"/>
      <c r="AF4485" s="137"/>
      <c r="AG4485" s="137"/>
      <c r="AH4485" s="137"/>
      <c r="AI4485" s="137"/>
      <c r="AJ4485" s="137"/>
      <c r="AK4485" s="206"/>
      <c r="AL4485" s="206"/>
      <c r="AM4485" s="143"/>
      <c r="AN4485" s="137"/>
      <c r="AO4485" s="137"/>
      <c r="AP4485" s="137"/>
      <c r="AQ4485" s="137"/>
      <c r="AR4485" s="137"/>
      <c r="AS4485" s="137"/>
      <c r="AT4485" s="137"/>
      <c r="AU4485" s="137"/>
      <c r="AV4485" s="137"/>
      <c r="AW4485" s="144"/>
    </row>
    <row r="4486" spans="2:49" x14ac:dyDescent="0.2">
      <c r="B4486" s="97"/>
      <c r="J4486" s="98"/>
      <c r="K4486" s="97"/>
      <c r="N4486" s="3"/>
      <c r="W4486" s="98"/>
      <c r="Z4486" s="143"/>
      <c r="AA4486" s="137"/>
      <c r="AB4486" s="137"/>
      <c r="AC4486" s="137"/>
      <c r="AD4486" s="137"/>
      <c r="AE4486" s="137"/>
      <c r="AF4486" s="137"/>
      <c r="AG4486" s="137"/>
      <c r="AH4486" s="137"/>
      <c r="AI4486" s="137"/>
      <c r="AJ4486" s="137"/>
      <c r="AK4486" s="206"/>
      <c r="AL4486" s="206"/>
      <c r="AM4486" s="143"/>
      <c r="AN4486" s="137"/>
      <c r="AO4486" s="137"/>
      <c r="AP4486" s="137"/>
      <c r="AQ4486" s="137"/>
      <c r="AR4486" s="137"/>
      <c r="AS4486" s="137"/>
      <c r="AT4486" s="137"/>
      <c r="AU4486" s="137"/>
      <c r="AV4486" s="137"/>
      <c r="AW4486" s="144"/>
    </row>
    <row r="4487" spans="2:49" x14ac:dyDescent="0.2">
      <c r="B4487" s="97"/>
      <c r="J4487" s="98"/>
      <c r="K4487" s="97"/>
      <c r="N4487" s="3"/>
      <c r="W4487" s="98"/>
      <c r="Z4487" s="143"/>
      <c r="AA4487" s="137"/>
      <c r="AB4487" s="137"/>
      <c r="AC4487" s="137"/>
      <c r="AD4487" s="137"/>
      <c r="AE4487" s="137"/>
      <c r="AF4487" s="137"/>
      <c r="AG4487" s="137"/>
      <c r="AH4487" s="137"/>
      <c r="AI4487" s="137"/>
      <c r="AJ4487" s="137"/>
      <c r="AK4487" s="206"/>
      <c r="AL4487" s="206"/>
      <c r="AM4487" s="143"/>
      <c r="AN4487" s="137"/>
      <c r="AO4487" s="137"/>
      <c r="AP4487" s="137"/>
      <c r="AQ4487" s="137"/>
      <c r="AR4487" s="137"/>
      <c r="AS4487" s="137"/>
      <c r="AT4487" s="137"/>
      <c r="AU4487" s="137"/>
      <c r="AV4487" s="137"/>
      <c r="AW4487" s="144"/>
    </row>
    <row r="4488" spans="2:49" x14ac:dyDescent="0.2">
      <c r="B4488" s="97"/>
      <c r="J4488" s="98"/>
      <c r="K4488" s="97"/>
      <c r="N4488" s="3"/>
      <c r="W4488" s="98"/>
      <c r="Z4488" s="143"/>
      <c r="AA4488" s="137"/>
      <c r="AB4488" s="137"/>
      <c r="AC4488" s="137"/>
      <c r="AD4488" s="137"/>
      <c r="AE4488" s="137"/>
      <c r="AF4488" s="137"/>
      <c r="AG4488" s="137"/>
      <c r="AH4488" s="137"/>
      <c r="AI4488" s="137"/>
      <c r="AJ4488" s="137"/>
      <c r="AK4488" s="206"/>
      <c r="AL4488" s="206"/>
      <c r="AM4488" s="143"/>
      <c r="AN4488" s="137"/>
      <c r="AO4488" s="137"/>
      <c r="AP4488" s="137"/>
      <c r="AQ4488" s="137"/>
      <c r="AR4488" s="137"/>
      <c r="AS4488" s="137"/>
      <c r="AT4488" s="137"/>
      <c r="AU4488" s="137"/>
      <c r="AV4488" s="137"/>
      <c r="AW4488" s="144"/>
    </row>
    <row r="4489" spans="2:49" x14ac:dyDescent="0.2">
      <c r="B4489" s="97"/>
      <c r="J4489" s="98"/>
      <c r="K4489" s="97"/>
      <c r="N4489" s="3"/>
      <c r="W4489" s="98"/>
      <c r="Z4489" s="143"/>
      <c r="AA4489" s="137"/>
      <c r="AB4489" s="137"/>
      <c r="AC4489" s="137"/>
      <c r="AD4489" s="137"/>
      <c r="AE4489" s="137"/>
      <c r="AF4489" s="137"/>
      <c r="AG4489" s="137"/>
      <c r="AH4489" s="137"/>
      <c r="AI4489" s="137"/>
      <c r="AJ4489" s="137"/>
      <c r="AK4489" s="206"/>
      <c r="AL4489" s="206"/>
      <c r="AM4489" s="143"/>
      <c r="AN4489" s="137"/>
      <c r="AO4489" s="137"/>
      <c r="AP4489" s="137"/>
      <c r="AQ4489" s="137"/>
      <c r="AR4489" s="137"/>
      <c r="AS4489" s="137"/>
      <c r="AT4489" s="137"/>
      <c r="AU4489" s="137"/>
      <c r="AV4489" s="137"/>
      <c r="AW4489" s="144"/>
    </row>
    <row r="4490" spans="2:49" x14ac:dyDescent="0.2">
      <c r="B4490" s="97"/>
      <c r="J4490" s="98"/>
      <c r="K4490" s="97"/>
      <c r="N4490" s="3"/>
      <c r="W4490" s="98"/>
      <c r="Z4490" s="143"/>
      <c r="AA4490" s="137"/>
      <c r="AB4490" s="137"/>
      <c r="AC4490" s="137"/>
      <c r="AD4490" s="137"/>
      <c r="AE4490" s="137"/>
      <c r="AF4490" s="137"/>
      <c r="AG4490" s="137"/>
      <c r="AH4490" s="137"/>
      <c r="AI4490" s="137"/>
      <c r="AJ4490" s="137"/>
      <c r="AK4490" s="206"/>
      <c r="AL4490" s="206"/>
      <c r="AM4490" s="143"/>
      <c r="AN4490" s="137"/>
      <c r="AO4490" s="137"/>
      <c r="AP4490" s="137"/>
      <c r="AQ4490" s="137"/>
      <c r="AR4490" s="137"/>
      <c r="AS4490" s="137"/>
      <c r="AT4490" s="137"/>
      <c r="AU4490" s="137"/>
      <c r="AV4490" s="137"/>
      <c r="AW4490" s="144"/>
    </row>
    <row r="4491" spans="2:49" x14ac:dyDescent="0.2">
      <c r="B4491" s="97"/>
      <c r="J4491" s="98"/>
      <c r="K4491" s="97"/>
      <c r="N4491" s="3"/>
      <c r="W4491" s="98"/>
      <c r="Z4491" s="143"/>
      <c r="AA4491" s="137"/>
      <c r="AB4491" s="137"/>
      <c r="AC4491" s="137"/>
      <c r="AD4491" s="137"/>
      <c r="AE4491" s="137"/>
      <c r="AF4491" s="137"/>
      <c r="AG4491" s="137"/>
      <c r="AH4491" s="137"/>
      <c r="AI4491" s="137"/>
      <c r="AJ4491" s="137"/>
      <c r="AK4491" s="206"/>
      <c r="AL4491" s="206"/>
      <c r="AM4491" s="143"/>
      <c r="AN4491" s="137"/>
      <c r="AO4491" s="137"/>
      <c r="AP4491" s="137"/>
      <c r="AQ4491" s="137"/>
      <c r="AR4491" s="137"/>
      <c r="AS4491" s="137"/>
      <c r="AT4491" s="137"/>
      <c r="AU4491" s="137"/>
      <c r="AV4491" s="137"/>
      <c r="AW4491" s="144"/>
    </row>
    <row r="4492" spans="2:49" x14ac:dyDescent="0.2">
      <c r="B4492" s="97"/>
      <c r="J4492" s="98"/>
      <c r="K4492" s="97"/>
      <c r="N4492" s="3"/>
      <c r="W4492" s="98"/>
      <c r="Z4492" s="143"/>
      <c r="AA4492" s="137"/>
      <c r="AB4492" s="137"/>
      <c r="AC4492" s="137"/>
      <c r="AD4492" s="137"/>
      <c r="AE4492" s="137"/>
      <c r="AF4492" s="137"/>
      <c r="AG4492" s="137"/>
      <c r="AH4492" s="137"/>
      <c r="AI4492" s="137"/>
      <c r="AJ4492" s="137"/>
      <c r="AK4492" s="206"/>
      <c r="AL4492" s="206"/>
      <c r="AM4492" s="143"/>
      <c r="AN4492" s="137"/>
      <c r="AO4492" s="137"/>
      <c r="AP4492" s="137"/>
      <c r="AQ4492" s="137"/>
      <c r="AR4492" s="137"/>
      <c r="AS4492" s="137"/>
      <c r="AT4492" s="137"/>
      <c r="AU4492" s="137"/>
      <c r="AV4492" s="137"/>
      <c r="AW4492" s="144"/>
    </row>
    <row r="4493" spans="2:49" x14ac:dyDescent="0.2">
      <c r="B4493" s="97"/>
      <c r="J4493" s="98"/>
      <c r="K4493" s="97"/>
      <c r="N4493" s="3"/>
      <c r="W4493" s="98"/>
      <c r="Z4493" s="143"/>
      <c r="AA4493" s="137"/>
      <c r="AB4493" s="137"/>
      <c r="AC4493" s="137"/>
      <c r="AD4493" s="137"/>
      <c r="AE4493" s="137"/>
      <c r="AF4493" s="137"/>
      <c r="AG4493" s="137"/>
      <c r="AH4493" s="137"/>
      <c r="AI4493" s="137"/>
      <c r="AJ4493" s="137"/>
      <c r="AK4493" s="206"/>
      <c r="AL4493" s="206"/>
      <c r="AM4493" s="143"/>
      <c r="AN4493" s="137"/>
      <c r="AO4493" s="137"/>
      <c r="AP4493" s="137"/>
      <c r="AQ4493" s="137"/>
      <c r="AR4493" s="137"/>
      <c r="AS4493" s="137"/>
      <c r="AT4493" s="137"/>
      <c r="AU4493" s="137"/>
      <c r="AV4493" s="137"/>
      <c r="AW4493" s="144"/>
    </row>
    <row r="4494" spans="2:49" x14ac:dyDescent="0.2">
      <c r="B4494" s="97"/>
      <c r="J4494" s="98"/>
      <c r="K4494" s="97"/>
      <c r="N4494" s="3"/>
      <c r="W4494" s="98"/>
      <c r="Z4494" s="143"/>
      <c r="AA4494" s="137"/>
      <c r="AB4494" s="137"/>
      <c r="AC4494" s="137"/>
      <c r="AD4494" s="137"/>
      <c r="AE4494" s="137"/>
      <c r="AF4494" s="137"/>
      <c r="AG4494" s="137"/>
      <c r="AH4494" s="137"/>
      <c r="AI4494" s="137"/>
      <c r="AJ4494" s="137"/>
      <c r="AK4494" s="206"/>
      <c r="AL4494" s="206"/>
      <c r="AM4494" s="143"/>
      <c r="AN4494" s="137"/>
      <c r="AO4494" s="137"/>
      <c r="AP4494" s="137"/>
      <c r="AQ4494" s="137"/>
      <c r="AR4494" s="137"/>
      <c r="AS4494" s="137"/>
      <c r="AT4494" s="137"/>
      <c r="AU4494" s="137"/>
      <c r="AV4494" s="137"/>
      <c r="AW4494" s="144"/>
    </row>
    <row r="4495" spans="2:49" x14ac:dyDescent="0.2">
      <c r="B4495" s="97"/>
      <c r="J4495" s="98"/>
      <c r="K4495" s="97"/>
      <c r="N4495" s="3"/>
      <c r="W4495" s="98"/>
      <c r="Z4495" s="143"/>
      <c r="AA4495" s="137"/>
      <c r="AB4495" s="137"/>
      <c r="AC4495" s="137"/>
      <c r="AD4495" s="137"/>
      <c r="AE4495" s="137"/>
      <c r="AF4495" s="137"/>
      <c r="AG4495" s="137"/>
      <c r="AH4495" s="137"/>
      <c r="AI4495" s="137"/>
      <c r="AJ4495" s="137"/>
      <c r="AK4495" s="206"/>
      <c r="AL4495" s="206"/>
      <c r="AM4495" s="143"/>
      <c r="AN4495" s="137"/>
      <c r="AO4495" s="137"/>
      <c r="AP4495" s="137"/>
      <c r="AQ4495" s="137"/>
      <c r="AR4495" s="137"/>
      <c r="AS4495" s="137"/>
      <c r="AT4495" s="137"/>
      <c r="AU4495" s="137"/>
      <c r="AV4495" s="137"/>
      <c r="AW4495" s="144"/>
    </row>
    <row r="4496" spans="2:49" x14ac:dyDescent="0.2">
      <c r="B4496" s="97"/>
      <c r="J4496" s="98"/>
      <c r="K4496" s="97"/>
      <c r="N4496" s="3"/>
      <c r="W4496" s="98"/>
      <c r="Z4496" s="143"/>
      <c r="AA4496" s="137"/>
      <c r="AB4496" s="137"/>
      <c r="AC4496" s="137"/>
      <c r="AD4496" s="137"/>
      <c r="AE4496" s="137"/>
      <c r="AF4496" s="137"/>
      <c r="AG4496" s="137"/>
      <c r="AH4496" s="137"/>
      <c r="AI4496" s="137"/>
      <c r="AJ4496" s="137"/>
      <c r="AK4496" s="206"/>
      <c r="AL4496" s="206"/>
      <c r="AM4496" s="143"/>
      <c r="AN4496" s="137"/>
      <c r="AO4496" s="137"/>
      <c r="AP4496" s="137"/>
      <c r="AQ4496" s="137"/>
      <c r="AR4496" s="137"/>
      <c r="AS4496" s="137"/>
      <c r="AT4496" s="137"/>
      <c r="AU4496" s="137"/>
      <c r="AV4496" s="137"/>
      <c r="AW4496" s="144"/>
    </row>
    <row r="4497" spans="2:49" x14ac:dyDescent="0.2">
      <c r="B4497" s="97"/>
      <c r="J4497" s="98"/>
      <c r="K4497" s="97"/>
      <c r="N4497" s="3"/>
      <c r="W4497" s="98"/>
      <c r="Z4497" s="143"/>
      <c r="AA4497" s="137"/>
      <c r="AB4497" s="137"/>
      <c r="AC4497" s="137"/>
      <c r="AD4497" s="137"/>
      <c r="AE4497" s="137"/>
      <c r="AF4497" s="137"/>
      <c r="AG4497" s="137"/>
      <c r="AH4497" s="137"/>
      <c r="AI4497" s="137"/>
      <c r="AJ4497" s="137"/>
      <c r="AK4497" s="206"/>
      <c r="AL4497" s="206"/>
      <c r="AM4497" s="143"/>
      <c r="AN4497" s="137"/>
      <c r="AO4497" s="137"/>
      <c r="AP4497" s="137"/>
      <c r="AQ4497" s="137"/>
      <c r="AR4497" s="137"/>
      <c r="AS4497" s="137"/>
      <c r="AT4497" s="137"/>
      <c r="AU4497" s="137"/>
      <c r="AV4497" s="137"/>
      <c r="AW4497" s="144"/>
    </row>
    <row r="4498" spans="2:49" x14ac:dyDescent="0.2">
      <c r="B4498" s="97"/>
      <c r="J4498" s="98"/>
      <c r="K4498" s="97"/>
      <c r="N4498" s="3"/>
      <c r="W4498" s="98"/>
      <c r="Z4498" s="143"/>
      <c r="AA4498" s="137"/>
      <c r="AB4498" s="137"/>
      <c r="AC4498" s="137"/>
      <c r="AD4498" s="137"/>
      <c r="AE4498" s="137"/>
      <c r="AF4498" s="137"/>
      <c r="AG4498" s="137"/>
      <c r="AH4498" s="137"/>
      <c r="AI4498" s="137"/>
      <c r="AJ4498" s="137"/>
      <c r="AK4498" s="206"/>
      <c r="AL4498" s="206"/>
      <c r="AM4498" s="143"/>
      <c r="AN4498" s="137"/>
      <c r="AO4498" s="137"/>
      <c r="AP4498" s="137"/>
      <c r="AQ4498" s="137"/>
      <c r="AR4498" s="137"/>
      <c r="AS4498" s="137"/>
      <c r="AT4498" s="137"/>
      <c r="AU4498" s="137"/>
      <c r="AV4498" s="137"/>
      <c r="AW4498" s="144"/>
    </row>
    <row r="4499" spans="2:49" x14ac:dyDescent="0.2">
      <c r="B4499" s="97"/>
      <c r="J4499" s="98"/>
      <c r="K4499" s="97"/>
      <c r="N4499" s="3"/>
      <c r="W4499" s="98"/>
      <c r="Z4499" s="143"/>
      <c r="AA4499" s="137"/>
      <c r="AB4499" s="137"/>
      <c r="AC4499" s="137"/>
      <c r="AD4499" s="137"/>
      <c r="AE4499" s="137"/>
      <c r="AF4499" s="137"/>
      <c r="AG4499" s="137"/>
      <c r="AH4499" s="137"/>
      <c r="AI4499" s="137"/>
      <c r="AJ4499" s="137"/>
      <c r="AK4499" s="206"/>
      <c r="AL4499" s="206"/>
      <c r="AM4499" s="143"/>
      <c r="AN4499" s="137"/>
      <c r="AO4499" s="137"/>
      <c r="AP4499" s="137"/>
      <c r="AQ4499" s="137"/>
      <c r="AR4499" s="137"/>
      <c r="AS4499" s="137"/>
      <c r="AT4499" s="137"/>
      <c r="AU4499" s="137"/>
      <c r="AV4499" s="137"/>
      <c r="AW4499" s="144"/>
    </row>
    <row r="4500" spans="2:49" x14ac:dyDescent="0.2">
      <c r="B4500" s="97"/>
      <c r="J4500" s="98"/>
      <c r="K4500" s="97"/>
      <c r="N4500" s="3"/>
      <c r="W4500" s="98"/>
      <c r="Z4500" s="143"/>
      <c r="AA4500" s="137"/>
      <c r="AB4500" s="137"/>
      <c r="AC4500" s="137"/>
      <c r="AD4500" s="137"/>
      <c r="AE4500" s="137"/>
      <c r="AF4500" s="137"/>
      <c r="AG4500" s="137"/>
      <c r="AH4500" s="137"/>
      <c r="AI4500" s="137"/>
      <c r="AJ4500" s="137"/>
      <c r="AK4500" s="206"/>
      <c r="AL4500" s="206"/>
      <c r="AM4500" s="143"/>
      <c r="AN4500" s="137"/>
      <c r="AO4500" s="137"/>
      <c r="AP4500" s="137"/>
      <c r="AQ4500" s="137"/>
      <c r="AR4500" s="137"/>
      <c r="AS4500" s="137"/>
      <c r="AT4500" s="137"/>
      <c r="AU4500" s="137"/>
      <c r="AV4500" s="137"/>
      <c r="AW4500" s="144"/>
    </row>
    <row r="4501" spans="2:49" x14ac:dyDescent="0.2">
      <c r="B4501" s="97"/>
      <c r="J4501" s="98"/>
      <c r="K4501" s="97"/>
      <c r="N4501" s="3"/>
      <c r="W4501" s="98"/>
      <c r="Z4501" s="143"/>
      <c r="AA4501" s="137"/>
      <c r="AB4501" s="137"/>
      <c r="AC4501" s="137"/>
      <c r="AD4501" s="137"/>
      <c r="AE4501" s="137"/>
      <c r="AF4501" s="137"/>
      <c r="AG4501" s="137"/>
      <c r="AH4501" s="137"/>
      <c r="AI4501" s="137"/>
      <c r="AJ4501" s="137"/>
      <c r="AK4501" s="206"/>
      <c r="AL4501" s="206"/>
      <c r="AM4501" s="143"/>
      <c r="AN4501" s="137"/>
      <c r="AO4501" s="137"/>
      <c r="AP4501" s="137"/>
      <c r="AQ4501" s="137"/>
      <c r="AR4501" s="137"/>
      <c r="AS4501" s="137"/>
      <c r="AT4501" s="137"/>
      <c r="AU4501" s="137"/>
      <c r="AV4501" s="137"/>
      <c r="AW4501" s="144"/>
    </row>
    <row r="4502" spans="2:49" x14ac:dyDescent="0.2">
      <c r="B4502" s="97"/>
      <c r="J4502" s="98"/>
      <c r="K4502" s="97"/>
      <c r="N4502" s="3"/>
      <c r="W4502" s="98"/>
      <c r="Z4502" s="143"/>
      <c r="AA4502" s="137"/>
      <c r="AB4502" s="137"/>
      <c r="AC4502" s="137"/>
      <c r="AD4502" s="137"/>
      <c r="AE4502" s="137"/>
      <c r="AF4502" s="137"/>
      <c r="AG4502" s="137"/>
      <c r="AH4502" s="137"/>
      <c r="AI4502" s="137"/>
      <c r="AJ4502" s="137"/>
      <c r="AK4502" s="206"/>
      <c r="AL4502" s="206"/>
      <c r="AM4502" s="143"/>
      <c r="AN4502" s="137"/>
      <c r="AO4502" s="137"/>
      <c r="AP4502" s="137"/>
      <c r="AQ4502" s="137"/>
      <c r="AR4502" s="137"/>
      <c r="AS4502" s="137"/>
      <c r="AT4502" s="137"/>
      <c r="AU4502" s="137"/>
      <c r="AV4502" s="137"/>
      <c r="AW4502" s="144"/>
    </row>
    <row r="4503" spans="2:49" x14ac:dyDescent="0.2">
      <c r="B4503" s="97"/>
      <c r="J4503" s="98"/>
      <c r="K4503" s="97"/>
      <c r="N4503" s="3"/>
      <c r="W4503" s="98"/>
      <c r="Z4503" s="143"/>
      <c r="AA4503" s="137"/>
      <c r="AB4503" s="137"/>
      <c r="AC4503" s="137"/>
      <c r="AD4503" s="137"/>
      <c r="AE4503" s="137"/>
      <c r="AF4503" s="137"/>
      <c r="AG4503" s="137"/>
      <c r="AH4503" s="137"/>
      <c r="AI4503" s="137"/>
      <c r="AJ4503" s="137"/>
      <c r="AK4503" s="206"/>
      <c r="AL4503" s="206"/>
      <c r="AM4503" s="143"/>
      <c r="AN4503" s="137"/>
      <c r="AO4503" s="137"/>
      <c r="AP4503" s="137"/>
      <c r="AQ4503" s="137"/>
      <c r="AR4503" s="137"/>
      <c r="AS4503" s="137"/>
      <c r="AT4503" s="137"/>
      <c r="AU4503" s="137"/>
      <c r="AV4503" s="137"/>
      <c r="AW4503" s="144"/>
    </row>
    <row r="4504" spans="2:49" x14ac:dyDescent="0.2">
      <c r="B4504" s="97"/>
      <c r="J4504" s="98"/>
      <c r="K4504" s="97"/>
      <c r="N4504" s="3"/>
      <c r="W4504" s="98"/>
      <c r="Z4504" s="143"/>
      <c r="AA4504" s="137"/>
      <c r="AB4504" s="137"/>
      <c r="AC4504" s="137"/>
      <c r="AD4504" s="137"/>
      <c r="AE4504" s="137"/>
      <c r="AF4504" s="137"/>
      <c r="AG4504" s="137"/>
      <c r="AH4504" s="137"/>
      <c r="AI4504" s="137"/>
      <c r="AJ4504" s="137"/>
      <c r="AK4504" s="206"/>
      <c r="AL4504" s="206"/>
      <c r="AM4504" s="143"/>
      <c r="AN4504" s="137"/>
      <c r="AO4504" s="137"/>
      <c r="AP4504" s="137"/>
      <c r="AQ4504" s="137"/>
      <c r="AR4504" s="137"/>
      <c r="AS4504" s="137"/>
      <c r="AT4504" s="137"/>
      <c r="AU4504" s="137"/>
      <c r="AV4504" s="137"/>
      <c r="AW4504" s="144"/>
    </row>
    <row r="4505" spans="2:49" x14ac:dyDescent="0.2">
      <c r="B4505" s="97"/>
      <c r="J4505" s="98"/>
      <c r="K4505" s="97"/>
      <c r="N4505" s="3"/>
      <c r="W4505" s="98"/>
      <c r="Z4505" s="143"/>
      <c r="AA4505" s="137"/>
      <c r="AB4505" s="137"/>
      <c r="AC4505" s="137"/>
      <c r="AD4505" s="137"/>
      <c r="AE4505" s="137"/>
      <c r="AF4505" s="137"/>
      <c r="AG4505" s="137"/>
      <c r="AH4505" s="137"/>
      <c r="AI4505" s="137"/>
      <c r="AJ4505" s="137"/>
      <c r="AK4505" s="206"/>
      <c r="AL4505" s="206"/>
      <c r="AM4505" s="143"/>
      <c r="AN4505" s="137"/>
      <c r="AO4505" s="137"/>
      <c r="AP4505" s="137"/>
      <c r="AQ4505" s="137"/>
      <c r="AR4505" s="137"/>
      <c r="AS4505" s="137"/>
      <c r="AT4505" s="137"/>
      <c r="AU4505" s="137"/>
      <c r="AV4505" s="137"/>
      <c r="AW4505" s="144"/>
    </row>
    <row r="4506" spans="2:49" x14ac:dyDescent="0.2">
      <c r="B4506" s="97"/>
      <c r="J4506" s="98"/>
      <c r="K4506" s="97"/>
      <c r="N4506" s="3"/>
      <c r="W4506" s="98"/>
      <c r="Z4506" s="143"/>
      <c r="AA4506" s="137"/>
      <c r="AB4506" s="137"/>
      <c r="AC4506" s="137"/>
      <c r="AD4506" s="137"/>
      <c r="AE4506" s="137"/>
      <c r="AF4506" s="137"/>
      <c r="AG4506" s="137"/>
      <c r="AH4506" s="137"/>
      <c r="AI4506" s="137"/>
      <c r="AJ4506" s="137"/>
      <c r="AK4506" s="206"/>
      <c r="AL4506" s="206"/>
      <c r="AM4506" s="143"/>
      <c r="AN4506" s="137"/>
      <c r="AO4506" s="137"/>
      <c r="AP4506" s="137"/>
      <c r="AQ4506" s="137"/>
      <c r="AR4506" s="137"/>
      <c r="AS4506" s="137"/>
      <c r="AT4506" s="137"/>
      <c r="AU4506" s="137"/>
      <c r="AV4506" s="137"/>
      <c r="AW4506" s="144"/>
    </row>
    <row r="4507" spans="2:49" x14ac:dyDescent="0.2">
      <c r="B4507" s="97"/>
      <c r="J4507" s="98"/>
      <c r="K4507" s="97"/>
      <c r="N4507" s="3"/>
      <c r="W4507" s="98"/>
      <c r="Z4507" s="143"/>
      <c r="AA4507" s="137"/>
      <c r="AB4507" s="137"/>
      <c r="AC4507" s="137"/>
      <c r="AD4507" s="137"/>
      <c r="AE4507" s="137"/>
      <c r="AF4507" s="137"/>
      <c r="AG4507" s="137"/>
      <c r="AH4507" s="137"/>
      <c r="AI4507" s="137"/>
      <c r="AJ4507" s="137"/>
      <c r="AK4507" s="206"/>
      <c r="AL4507" s="206"/>
      <c r="AM4507" s="143"/>
      <c r="AN4507" s="137"/>
      <c r="AO4507" s="137"/>
      <c r="AP4507" s="137"/>
      <c r="AQ4507" s="137"/>
      <c r="AR4507" s="137"/>
      <c r="AS4507" s="137"/>
      <c r="AT4507" s="137"/>
      <c r="AU4507" s="137"/>
      <c r="AV4507" s="137"/>
      <c r="AW4507" s="144"/>
    </row>
    <row r="4508" spans="2:49" x14ac:dyDescent="0.2">
      <c r="B4508" s="97"/>
      <c r="J4508" s="98"/>
      <c r="K4508" s="97"/>
      <c r="N4508" s="3"/>
      <c r="W4508" s="98"/>
      <c r="Z4508" s="143"/>
      <c r="AA4508" s="137"/>
      <c r="AB4508" s="137"/>
      <c r="AC4508" s="137"/>
      <c r="AD4508" s="137"/>
      <c r="AE4508" s="137"/>
      <c r="AF4508" s="137"/>
      <c r="AG4508" s="137"/>
      <c r="AH4508" s="137"/>
      <c r="AI4508" s="137"/>
      <c r="AJ4508" s="137"/>
      <c r="AK4508" s="206"/>
      <c r="AL4508" s="206"/>
      <c r="AM4508" s="143"/>
      <c r="AN4508" s="137"/>
      <c r="AO4508" s="137"/>
      <c r="AP4508" s="137"/>
      <c r="AQ4508" s="137"/>
      <c r="AR4508" s="137"/>
      <c r="AS4508" s="137"/>
      <c r="AT4508" s="137"/>
      <c r="AU4508" s="137"/>
      <c r="AV4508" s="137"/>
      <c r="AW4508" s="144"/>
    </row>
    <row r="4509" spans="2:49" x14ac:dyDescent="0.2">
      <c r="B4509" s="97"/>
      <c r="J4509" s="98"/>
      <c r="K4509" s="97"/>
      <c r="N4509" s="3"/>
      <c r="W4509" s="98"/>
      <c r="Z4509" s="143"/>
      <c r="AA4509" s="137"/>
      <c r="AB4509" s="137"/>
      <c r="AC4509" s="137"/>
      <c r="AD4509" s="137"/>
      <c r="AE4509" s="137"/>
      <c r="AF4509" s="137"/>
      <c r="AG4509" s="137"/>
      <c r="AH4509" s="137"/>
      <c r="AI4509" s="137"/>
      <c r="AJ4509" s="137"/>
      <c r="AK4509" s="206"/>
      <c r="AL4509" s="206"/>
      <c r="AM4509" s="143"/>
      <c r="AN4509" s="137"/>
      <c r="AO4509" s="137"/>
      <c r="AP4509" s="137"/>
      <c r="AQ4509" s="137"/>
      <c r="AR4509" s="137"/>
      <c r="AS4509" s="137"/>
      <c r="AT4509" s="137"/>
      <c r="AU4509" s="137"/>
      <c r="AV4509" s="137"/>
      <c r="AW4509" s="144"/>
    </row>
    <row r="4510" spans="2:49" x14ac:dyDescent="0.2">
      <c r="B4510" s="97"/>
      <c r="J4510" s="98"/>
      <c r="K4510" s="97"/>
      <c r="N4510" s="3"/>
      <c r="W4510" s="98"/>
      <c r="Z4510" s="143"/>
      <c r="AA4510" s="137"/>
      <c r="AB4510" s="137"/>
      <c r="AC4510" s="137"/>
      <c r="AD4510" s="137"/>
      <c r="AE4510" s="137"/>
      <c r="AF4510" s="137"/>
      <c r="AG4510" s="137"/>
      <c r="AH4510" s="137"/>
      <c r="AI4510" s="137"/>
      <c r="AJ4510" s="137"/>
      <c r="AK4510" s="206"/>
      <c r="AL4510" s="206"/>
      <c r="AM4510" s="143"/>
      <c r="AN4510" s="137"/>
      <c r="AO4510" s="137"/>
      <c r="AP4510" s="137"/>
      <c r="AQ4510" s="137"/>
      <c r="AR4510" s="137"/>
      <c r="AS4510" s="137"/>
      <c r="AT4510" s="137"/>
      <c r="AU4510" s="137"/>
      <c r="AV4510" s="137"/>
      <c r="AW4510" s="144"/>
    </row>
    <row r="4511" spans="2:49" x14ac:dyDescent="0.2">
      <c r="B4511" s="97"/>
      <c r="J4511" s="98"/>
      <c r="K4511" s="97"/>
      <c r="N4511" s="3"/>
      <c r="W4511" s="98"/>
      <c r="Z4511" s="143"/>
      <c r="AA4511" s="137"/>
      <c r="AB4511" s="137"/>
      <c r="AC4511" s="137"/>
      <c r="AD4511" s="137"/>
      <c r="AE4511" s="137"/>
      <c r="AF4511" s="137"/>
      <c r="AG4511" s="137"/>
      <c r="AH4511" s="137"/>
      <c r="AI4511" s="137"/>
      <c r="AJ4511" s="137"/>
      <c r="AK4511" s="206"/>
      <c r="AL4511" s="206"/>
      <c r="AM4511" s="143"/>
      <c r="AN4511" s="137"/>
      <c r="AO4511" s="137"/>
      <c r="AP4511" s="137"/>
      <c r="AQ4511" s="137"/>
      <c r="AR4511" s="137"/>
      <c r="AS4511" s="137"/>
      <c r="AT4511" s="137"/>
      <c r="AU4511" s="137"/>
      <c r="AV4511" s="137"/>
      <c r="AW4511" s="144"/>
    </row>
    <row r="4512" spans="2:49" x14ac:dyDescent="0.2">
      <c r="B4512" s="97"/>
      <c r="J4512" s="98"/>
      <c r="K4512" s="97"/>
      <c r="N4512" s="3"/>
      <c r="W4512" s="98"/>
      <c r="Z4512" s="143"/>
      <c r="AA4512" s="137"/>
      <c r="AB4512" s="137"/>
      <c r="AC4512" s="137"/>
      <c r="AD4512" s="137"/>
      <c r="AE4512" s="137"/>
      <c r="AF4512" s="137"/>
      <c r="AG4512" s="137"/>
      <c r="AH4512" s="137"/>
      <c r="AI4512" s="137"/>
      <c r="AJ4512" s="137"/>
      <c r="AK4512" s="206"/>
      <c r="AL4512" s="206"/>
      <c r="AM4512" s="143"/>
      <c r="AN4512" s="137"/>
      <c r="AO4512" s="137"/>
      <c r="AP4512" s="137"/>
      <c r="AQ4512" s="137"/>
      <c r="AR4512" s="137"/>
      <c r="AS4512" s="137"/>
      <c r="AT4512" s="137"/>
      <c r="AU4512" s="137"/>
      <c r="AV4512" s="137"/>
      <c r="AW4512" s="144"/>
    </row>
    <row r="4513" spans="2:49" x14ac:dyDescent="0.2">
      <c r="B4513" s="97"/>
      <c r="J4513" s="98"/>
      <c r="K4513" s="97"/>
      <c r="N4513" s="3"/>
      <c r="W4513" s="98"/>
      <c r="Z4513" s="143"/>
      <c r="AA4513" s="137"/>
      <c r="AB4513" s="137"/>
      <c r="AC4513" s="137"/>
      <c r="AD4513" s="137"/>
      <c r="AE4513" s="137"/>
      <c r="AF4513" s="137"/>
      <c r="AG4513" s="137"/>
      <c r="AH4513" s="137"/>
      <c r="AI4513" s="137"/>
      <c r="AJ4513" s="137"/>
      <c r="AK4513" s="206"/>
      <c r="AL4513" s="206"/>
      <c r="AM4513" s="143"/>
      <c r="AN4513" s="137"/>
      <c r="AO4513" s="137"/>
      <c r="AP4513" s="137"/>
      <c r="AQ4513" s="137"/>
      <c r="AR4513" s="137"/>
      <c r="AS4513" s="137"/>
      <c r="AT4513" s="137"/>
      <c r="AU4513" s="137"/>
      <c r="AV4513" s="137"/>
      <c r="AW4513" s="144"/>
    </row>
    <row r="4514" spans="2:49" x14ac:dyDescent="0.2">
      <c r="B4514" s="97"/>
      <c r="J4514" s="98"/>
      <c r="K4514" s="97"/>
      <c r="N4514" s="3"/>
      <c r="W4514" s="98"/>
      <c r="Z4514" s="143"/>
      <c r="AA4514" s="137"/>
      <c r="AB4514" s="137"/>
      <c r="AC4514" s="137"/>
      <c r="AD4514" s="137"/>
      <c r="AE4514" s="137"/>
      <c r="AF4514" s="137"/>
      <c r="AG4514" s="137"/>
      <c r="AH4514" s="137"/>
      <c r="AI4514" s="137"/>
      <c r="AJ4514" s="137"/>
      <c r="AK4514" s="206"/>
      <c r="AL4514" s="206"/>
      <c r="AM4514" s="143"/>
      <c r="AN4514" s="137"/>
      <c r="AO4514" s="137"/>
      <c r="AP4514" s="137"/>
      <c r="AQ4514" s="137"/>
      <c r="AR4514" s="137"/>
      <c r="AS4514" s="137"/>
      <c r="AT4514" s="137"/>
      <c r="AU4514" s="137"/>
      <c r="AV4514" s="137"/>
      <c r="AW4514" s="144"/>
    </row>
    <row r="4515" spans="2:49" x14ac:dyDescent="0.2">
      <c r="B4515" s="97"/>
      <c r="J4515" s="98"/>
      <c r="K4515" s="97"/>
      <c r="N4515" s="3"/>
      <c r="W4515" s="98"/>
      <c r="Z4515" s="143"/>
      <c r="AA4515" s="137"/>
      <c r="AB4515" s="137"/>
      <c r="AC4515" s="137"/>
      <c r="AD4515" s="137"/>
      <c r="AE4515" s="137"/>
      <c r="AF4515" s="137"/>
      <c r="AG4515" s="137"/>
      <c r="AH4515" s="137"/>
      <c r="AI4515" s="137"/>
      <c r="AJ4515" s="137"/>
      <c r="AK4515" s="206"/>
      <c r="AL4515" s="206"/>
      <c r="AM4515" s="143"/>
      <c r="AN4515" s="137"/>
      <c r="AO4515" s="137"/>
      <c r="AP4515" s="137"/>
      <c r="AQ4515" s="137"/>
      <c r="AR4515" s="137"/>
      <c r="AS4515" s="137"/>
      <c r="AT4515" s="137"/>
      <c r="AU4515" s="137"/>
      <c r="AV4515" s="137"/>
      <c r="AW4515" s="144"/>
    </row>
    <row r="4516" spans="2:49" x14ac:dyDescent="0.2">
      <c r="B4516" s="97"/>
      <c r="J4516" s="98"/>
      <c r="K4516" s="97"/>
      <c r="N4516" s="3"/>
      <c r="W4516" s="98"/>
      <c r="Z4516" s="143"/>
      <c r="AA4516" s="137"/>
      <c r="AB4516" s="137"/>
      <c r="AC4516" s="137"/>
      <c r="AD4516" s="137"/>
      <c r="AE4516" s="137"/>
      <c r="AF4516" s="137"/>
      <c r="AG4516" s="137"/>
      <c r="AH4516" s="137"/>
      <c r="AI4516" s="137"/>
      <c r="AJ4516" s="137"/>
      <c r="AK4516" s="206"/>
      <c r="AL4516" s="206"/>
      <c r="AM4516" s="143"/>
      <c r="AN4516" s="137"/>
      <c r="AO4516" s="137"/>
      <c r="AP4516" s="137"/>
      <c r="AQ4516" s="137"/>
      <c r="AR4516" s="137"/>
      <c r="AS4516" s="137"/>
      <c r="AT4516" s="137"/>
      <c r="AU4516" s="137"/>
      <c r="AV4516" s="137"/>
      <c r="AW4516" s="144"/>
    </row>
    <row r="4517" spans="2:49" x14ac:dyDescent="0.2">
      <c r="B4517" s="97"/>
      <c r="J4517" s="98"/>
      <c r="K4517" s="97"/>
      <c r="N4517" s="3"/>
      <c r="W4517" s="98"/>
      <c r="Z4517" s="143"/>
      <c r="AA4517" s="137"/>
      <c r="AB4517" s="137"/>
      <c r="AC4517" s="137"/>
      <c r="AD4517" s="137"/>
      <c r="AE4517" s="137"/>
      <c r="AF4517" s="137"/>
      <c r="AG4517" s="137"/>
      <c r="AH4517" s="137"/>
      <c r="AI4517" s="137"/>
      <c r="AJ4517" s="137"/>
      <c r="AK4517" s="206"/>
      <c r="AL4517" s="206"/>
      <c r="AM4517" s="143"/>
      <c r="AN4517" s="137"/>
      <c r="AO4517" s="137"/>
      <c r="AP4517" s="137"/>
      <c r="AQ4517" s="137"/>
      <c r="AR4517" s="137"/>
      <c r="AS4517" s="137"/>
      <c r="AT4517" s="137"/>
      <c r="AU4517" s="137"/>
      <c r="AV4517" s="137"/>
      <c r="AW4517" s="144"/>
    </row>
    <row r="4518" spans="2:49" x14ac:dyDescent="0.2">
      <c r="B4518" s="97"/>
      <c r="J4518" s="98"/>
      <c r="K4518" s="97"/>
      <c r="N4518" s="3"/>
      <c r="W4518" s="98"/>
      <c r="Z4518" s="143"/>
      <c r="AA4518" s="137"/>
      <c r="AB4518" s="137"/>
      <c r="AC4518" s="137"/>
      <c r="AD4518" s="137"/>
      <c r="AE4518" s="137"/>
      <c r="AF4518" s="137"/>
      <c r="AG4518" s="137"/>
      <c r="AH4518" s="137"/>
      <c r="AI4518" s="137"/>
      <c r="AJ4518" s="137"/>
      <c r="AK4518" s="206"/>
      <c r="AL4518" s="206"/>
      <c r="AM4518" s="143"/>
      <c r="AN4518" s="137"/>
      <c r="AO4518" s="137"/>
      <c r="AP4518" s="137"/>
      <c r="AQ4518" s="137"/>
      <c r="AR4518" s="137"/>
      <c r="AS4518" s="137"/>
      <c r="AT4518" s="137"/>
      <c r="AU4518" s="137"/>
      <c r="AV4518" s="137"/>
      <c r="AW4518" s="144"/>
    </row>
    <row r="4519" spans="2:49" x14ac:dyDescent="0.2">
      <c r="B4519" s="97"/>
      <c r="J4519" s="98"/>
      <c r="K4519" s="97"/>
      <c r="N4519" s="3"/>
      <c r="W4519" s="98"/>
      <c r="Z4519" s="143"/>
      <c r="AA4519" s="137"/>
      <c r="AB4519" s="137"/>
      <c r="AC4519" s="137"/>
      <c r="AD4519" s="137"/>
      <c r="AE4519" s="137"/>
      <c r="AF4519" s="137"/>
      <c r="AG4519" s="137"/>
      <c r="AH4519" s="137"/>
      <c r="AI4519" s="137"/>
      <c r="AJ4519" s="137"/>
      <c r="AK4519" s="206"/>
      <c r="AL4519" s="206"/>
      <c r="AM4519" s="143"/>
      <c r="AN4519" s="137"/>
      <c r="AO4519" s="137"/>
      <c r="AP4519" s="137"/>
      <c r="AQ4519" s="137"/>
      <c r="AR4519" s="137"/>
      <c r="AS4519" s="137"/>
      <c r="AT4519" s="137"/>
      <c r="AU4519" s="137"/>
      <c r="AV4519" s="137"/>
      <c r="AW4519" s="144"/>
    </row>
    <row r="4520" spans="2:49" x14ac:dyDescent="0.2">
      <c r="B4520" s="97"/>
      <c r="J4520" s="98"/>
      <c r="K4520" s="97"/>
      <c r="N4520" s="3"/>
      <c r="W4520" s="98"/>
      <c r="Z4520" s="143"/>
      <c r="AA4520" s="137"/>
      <c r="AB4520" s="137"/>
      <c r="AC4520" s="137"/>
      <c r="AD4520" s="137"/>
      <c r="AE4520" s="137"/>
      <c r="AF4520" s="137"/>
      <c r="AG4520" s="137"/>
      <c r="AH4520" s="137"/>
      <c r="AI4520" s="137"/>
      <c r="AJ4520" s="137"/>
      <c r="AK4520" s="206"/>
      <c r="AL4520" s="206"/>
      <c r="AM4520" s="143"/>
      <c r="AN4520" s="137"/>
      <c r="AO4520" s="137"/>
      <c r="AP4520" s="137"/>
      <c r="AQ4520" s="137"/>
      <c r="AR4520" s="137"/>
      <c r="AS4520" s="137"/>
      <c r="AT4520" s="137"/>
      <c r="AU4520" s="137"/>
      <c r="AV4520" s="137"/>
      <c r="AW4520" s="144"/>
    </row>
    <row r="4521" spans="2:49" x14ac:dyDescent="0.2">
      <c r="B4521" s="97"/>
      <c r="J4521" s="98"/>
      <c r="K4521" s="97"/>
      <c r="N4521" s="3"/>
      <c r="W4521" s="98"/>
      <c r="Z4521" s="143"/>
      <c r="AA4521" s="137"/>
      <c r="AB4521" s="137"/>
      <c r="AC4521" s="137"/>
      <c r="AD4521" s="137"/>
      <c r="AE4521" s="137"/>
      <c r="AF4521" s="137"/>
      <c r="AG4521" s="137"/>
      <c r="AH4521" s="137"/>
      <c r="AI4521" s="137"/>
      <c r="AJ4521" s="137"/>
      <c r="AK4521" s="206"/>
      <c r="AL4521" s="206"/>
      <c r="AM4521" s="143"/>
      <c r="AN4521" s="137"/>
      <c r="AO4521" s="137"/>
      <c r="AP4521" s="137"/>
      <c r="AQ4521" s="137"/>
      <c r="AR4521" s="137"/>
      <c r="AS4521" s="137"/>
      <c r="AT4521" s="137"/>
      <c r="AU4521" s="137"/>
      <c r="AV4521" s="137"/>
      <c r="AW4521" s="144"/>
    </row>
    <row r="4522" spans="2:49" x14ac:dyDescent="0.2">
      <c r="B4522" s="97"/>
      <c r="J4522" s="98"/>
      <c r="K4522" s="97"/>
      <c r="N4522" s="3"/>
      <c r="W4522" s="98"/>
      <c r="Z4522" s="143"/>
      <c r="AA4522" s="137"/>
      <c r="AB4522" s="137"/>
      <c r="AC4522" s="137"/>
      <c r="AD4522" s="137"/>
      <c r="AE4522" s="137"/>
      <c r="AF4522" s="137"/>
      <c r="AG4522" s="137"/>
      <c r="AH4522" s="137"/>
      <c r="AI4522" s="137"/>
      <c r="AJ4522" s="137"/>
      <c r="AK4522" s="206"/>
      <c r="AL4522" s="206"/>
      <c r="AM4522" s="143"/>
      <c r="AN4522" s="137"/>
      <c r="AO4522" s="137"/>
      <c r="AP4522" s="137"/>
      <c r="AQ4522" s="137"/>
      <c r="AR4522" s="137"/>
      <c r="AS4522" s="137"/>
      <c r="AT4522" s="137"/>
      <c r="AU4522" s="137"/>
      <c r="AV4522" s="137"/>
      <c r="AW4522" s="144"/>
    </row>
    <row r="4523" spans="2:49" x14ac:dyDescent="0.2">
      <c r="B4523" s="97"/>
      <c r="J4523" s="98"/>
      <c r="K4523" s="97"/>
      <c r="N4523" s="3"/>
      <c r="W4523" s="98"/>
      <c r="Z4523" s="143"/>
      <c r="AA4523" s="137"/>
      <c r="AB4523" s="137"/>
      <c r="AC4523" s="137"/>
      <c r="AD4523" s="137"/>
      <c r="AE4523" s="137"/>
      <c r="AF4523" s="137"/>
      <c r="AG4523" s="137"/>
      <c r="AH4523" s="137"/>
      <c r="AI4523" s="137"/>
      <c r="AJ4523" s="137"/>
      <c r="AK4523" s="206"/>
      <c r="AL4523" s="206"/>
      <c r="AM4523" s="143"/>
      <c r="AN4523" s="137"/>
      <c r="AO4523" s="137"/>
      <c r="AP4523" s="137"/>
      <c r="AQ4523" s="137"/>
      <c r="AR4523" s="137"/>
      <c r="AS4523" s="137"/>
      <c r="AT4523" s="137"/>
      <c r="AU4523" s="137"/>
      <c r="AV4523" s="137"/>
      <c r="AW4523" s="144"/>
    </row>
    <row r="4524" spans="2:49" x14ac:dyDescent="0.2">
      <c r="B4524" s="97"/>
      <c r="J4524" s="98"/>
      <c r="K4524" s="97"/>
      <c r="N4524" s="3"/>
      <c r="W4524" s="98"/>
      <c r="Z4524" s="143"/>
      <c r="AA4524" s="137"/>
      <c r="AB4524" s="137"/>
      <c r="AC4524" s="137"/>
      <c r="AD4524" s="137"/>
      <c r="AE4524" s="137"/>
      <c r="AF4524" s="137"/>
      <c r="AG4524" s="137"/>
      <c r="AH4524" s="137"/>
      <c r="AI4524" s="137"/>
      <c r="AJ4524" s="137"/>
      <c r="AK4524" s="206"/>
      <c r="AL4524" s="206"/>
      <c r="AM4524" s="143"/>
      <c r="AN4524" s="137"/>
      <c r="AO4524" s="137"/>
      <c r="AP4524" s="137"/>
      <c r="AQ4524" s="137"/>
      <c r="AR4524" s="137"/>
      <c r="AS4524" s="137"/>
      <c r="AT4524" s="137"/>
      <c r="AU4524" s="137"/>
      <c r="AV4524" s="137"/>
      <c r="AW4524" s="144"/>
    </row>
    <row r="4525" spans="2:49" x14ac:dyDescent="0.2">
      <c r="B4525" s="97"/>
      <c r="J4525" s="98"/>
      <c r="K4525" s="97"/>
      <c r="N4525" s="3"/>
      <c r="W4525" s="98"/>
      <c r="Z4525" s="143"/>
      <c r="AA4525" s="137"/>
      <c r="AB4525" s="137"/>
      <c r="AC4525" s="137"/>
      <c r="AD4525" s="137"/>
      <c r="AE4525" s="137"/>
      <c r="AF4525" s="137"/>
      <c r="AG4525" s="137"/>
      <c r="AH4525" s="137"/>
      <c r="AI4525" s="137"/>
      <c r="AJ4525" s="137"/>
      <c r="AK4525" s="206"/>
      <c r="AL4525" s="206"/>
      <c r="AM4525" s="143"/>
      <c r="AN4525" s="137"/>
      <c r="AO4525" s="137"/>
      <c r="AP4525" s="137"/>
      <c r="AQ4525" s="137"/>
      <c r="AR4525" s="137"/>
      <c r="AS4525" s="137"/>
      <c r="AT4525" s="137"/>
      <c r="AU4525" s="137"/>
      <c r="AV4525" s="137"/>
      <c r="AW4525" s="144"/>
    </row>
    <row r="4526" spans="2:49" x14ac:dyDescent="0.2">
      <c r="B4526" s="97"/>
      <c r="J4526" s="98"/>
      <c r="K4526" s="97"/>
      <c r="N4526" s="3"/>
      <c r="W4526" s="98"/>
      <c r="Z4526" s="143"/>
      <c r="AA4526" s="137"/>
      <c r="AB4526" s="137"/>
      <c r="AC4526" s="137"/>
      <c r="AD4526" s="137"/>
      <c r="AE4526" s="137"/>
      <c r="AF4526" s="137"/>
      <c r="AG4526" s="137"/>
      <c r="AH4526" s="137"/>
      <c r="AI4526" s="137"/>
      <c r="AJ4526" s="137"/>
      <c r="AK4526" s="206"/>
      <c r="AL4526" s="206"/>
      <c r="AM4526" s="143"/>
      <c r="AN4526" s="137"/>
      <c r="AO4526" s="137"/>
      <c r="AP4526" s="137"/>
      <c r="AQ4526" s="137"/>
      <c r="AR4526" s="137"/>
      <c r="AS4526" s="137"/>
      <c r="AT4526" s="137"/>
      <c r="AU4526" s="137"/>
      <c r="AV4526" s="137"/>
      <c r="AW4526" s="144"/>
    </row>
    <row r="4527" spans="2:49" x14ac:dyDescent="0.2">
      <c r="B4527" s="97"/>
      <c r="J4527" s="98"/>
      <c r="K4527" s="97"/>
      <c r="N4527" s="3"/>
      <c r="W4527" s="98"/>
      <c r="Z4527" s="143"/>
      <c r="AA4527" s="137"/>
      <c r="AB4527" s="137"/>
      <c r="AC4527" s="137"/>
      <c r="AD4527" s="137"/>
      <c r="AE4527" s="137"/>
      <c r="AF4527" s="137"/>
      <c r="AG4527" s="137"/>
      <c r="AH4527" s="137"/>
      <c r="AI4527" s="137"/>
      <c r="AJ4527" s="137"/>
      <c r="AK4527" s="206"/>
      <c r="AL4527" s="206"/>
      <c r="AM4527" s="143"/>
      <c r="AN4527" s="137"/>
      <c r="AO4527" s="137"/>
      <c r="AP4527" s="137"/>
      <c r="AQ4527" s="137"/>
      <c r="AR4527" s="137"/>
      <c r="AS4527" s="137"/>
      <c r="AT4527" s="137"/>
      <c r="AU4527" s="137"/>
      <c r="AV4527" s="137"/>
      <c r="AW4527" s="144"/>
    </row>
    <row r="4528" spans="2:49" x14ac:dyDescent="0.2">
      <c r="B4528" s="97"/>
      <c r="J4528" s="98"/>
      <c r="K4528" s="97"/>
      <c r="N4528" s="3"/>
      <c r="W4528" s="98"/>
      <c r="Z4528" s="143"/>
      <c r="AA4528" s="137"/>
      <c r="AB4528" s="137"/>
      <c r="AC4528" s="137"/>
      <c r="AD4528" s="137"/>
      <c r="AE4528" s="137"/>
      <c r="AF4528" s="137"/>
      <c r="AG4528" s="137"/>
      <c r="AH4528" s="137"/>
      <c r="AI4528" s="137"/>
      <c r="AJ4528" s="137"/>
      <c r="AK4528" s="206"/>
      <c r="AL4528" s="206"/>
      <c r="AM4528" s="143"/>
      <c r="AN4528" s="137"/>
      <c r="AO4528" s="137"/>
      <c r="AP4528" s="137"/>
      <c r="AQ4528" s="137"/>
      <c r="AR4528" s="137"/>
      <c r="AS4528" s="137"/>
      <c r="AT4528" s="137"/>
      <c r="AU4528" s="137"/>
      <c r="AV4528" s="137"/>
      <c r="AW4528" s="144"/>
    </row>
    <row r="4529" spans="2:49" x14ac:dyDescent="0.2">
      <c r="B4529" s="97"/>
      <c r="J4529" s="98"/>
      <c r="K4529" s="97"/>
      <c r="N4529" s="3"/>
      <c r="W4529" s="98"/>
      <c r="Z4529" s="143"/>
      <c r="AA4529" s="137"/>
      <c r="AB4529" s="137"/>
      <c r="AC4529" s="137"/>
      <c r="AD4529" s="137"/>
      <c r="AE4529" s="137"/>
      <c r="AF4529" s="137"/>
      <c r="AG4529" s="137"/>
      <c r="AH4529" s="137"/>
      <c r="AI4529" s="137"/>
      <c r="AJ4529" s="137"/>
      <c r="AK4529" s="206"/>
      <c r="AL4529" s="206"/>
      <c r="AM4529" s="143"/>
      <c r="AN4529" s="137"/>
      <c r="AO4529" s="137"/>
      <c r="AP4529" s="137"/>
      <c r="AQ4529" s="137"/>
      <c r="AR4529" s="137"/>
      <c r="AS4529" s="137"/>
      <c r="AT4529" s="137"/>
      <c r="AU4529" s="137"/>
      <c r="AV4529" s="137"/>
      <c r="AW4529" s="144"/>
    </row>
    <row r="4530" spans="2:49" x14ac:dyDescent="0.2">
      <c r="B4530" s="97"/>
      <c r="J4530" s="98"/>
      <c r="K4530" s="97"/>
      <c r="N4530" s="3"/>
      <c r="W4530" s="98"/>
      <c r="Z4530" s="143"/>
      <c r="AA4530" s="137"/>
      <c r="AB4530" s="137"/>
      <c r="AC4530" s="137"/>
      <c r="AD4530" s="137"/>
      <c r="AE4530" s="137"/>
      <c r="AF4530" s="137"/>
      <c r="AG4530" s="137"/>
      <c r="AH4530" s="137"/>
      <c r="AI4530" s="137"/>
      <c r="AJ4530" s="137"/>
      <c r="AK4530" s="206"/>
      <c r="AL4530" s="206"/>
      <c r="AM4530" s="143"/>
      <c r="AN4530" s="137"/>
      <c r="AO4530" s="137"/>
      <c r="AP4530" s="137"/>
      <c r="AQ4530" s="137"/>
      <c r="AR4530" s="137"/>
      <c r="AS4530" s="137"/>
      <c r="AT4530" s="137"/>
      <c r="AU4530" s="137"/>
      <c r="AV4530" s="137"/>
      <c r="AW4530" s="144"/>
    </row>
    <row r="4531" spans="2:49" x14ac:dyDescent="0.2">
      <c r="B4531" s="97"/>
      <c r="J4531" s="98"/>
      <c r="K4531" s="97"/>
      <c r="N4531" s="3"/>
      <c r="W4531" s="98"/>
      <c r="Z4531" s="143"/>
      <c r="AA4531" s="137"/>
      <c r="AB4531" s="137"/>
      <c r="AC4531" s="137"/>
      <c r="AD4531" s="137"/>
      <c r="AE4531" s="137"/>
      <c r="AF4531" s="137"/>
      <c r="AG4531" s="137"/>
      <c r="AH4531" s="137"/>
      <c r="AI4531" s="137"/>
      <c r="AJ4531" s="137"/>
      <c r="AK4531" s="206"/>
      <c r="AL4531" s="206"/>
      <c r="AM4531" s="143"/>
      <c r="AN4531" s="137"/>
      <c r="AO4531" s="137"/>
      <c r="AP4531" s="137"/>
      <c r="AQ4531" s="137"/>
      <c r="AR4531" s="137"/>
      <c r="AS4531" s="137"/>
      <c r="AT4531" s="137"/>
      <c r="AU4531" s="137"/>
      <c r="AV4531" s="137"/>
      <c r="AW4531" s="144"/>
    </row>
    <row r="4532" spans="2:49" x14ac:dyDescent="0.2">
      <c r="B4532" s="97"/>
      <c r="J4532" s="98"/>
      <c r="K4532" s="97"/>
      <c r="N4532" s="3"/>
      <c r="W4532" s="98"/>
      <c r="Z4532" s="143"/>
      <c r="AA4532" s="137"/>
      <c r="AB4532" s="137"/>
      <c r="AC4532" s="137"/>
      <c r="AD4532" s="137"/>
      <c r="AE4532" s="137"/>
      <c r="AF4532" s="137"/>
      <c r="AG4532" s="137"/>
      <c r="AH4532" s="137"/>
      <c r="AI4532" s="137"/>
      <c r="AJ4532" s="137"/>
      <c r="AK4532" s="206"/>
      <c r="AL4532" s="206"/>
      <c r="AM4532" s="143"/>
      <c r="AN4532" s="137"/>
      <c r="AO4532" s="137"/>
      <c r="AP4532" s="137"/>
      <c r="AQ4532" s="137"/>
      <c r="AR4532" s="137"/>
      <c r="AS4532" s="137"/>
      <c r="AT4532" s="137"/>
      <c r="AU4532" s="137"/>
      <c r="AV4532" s="137"/>
      <c r="AW4532" s="144"/>
    </row>
    <row r="4533" spans="2:49" x14ac:dyDescent="0.2">
      <c r="B4533" s="97"/>
      <c r="J4533" s="98"/>
      <c r="K4533" s="97"/>
      <c r="N4533" s="3"/>
      <c r="W4533" s="98"/>
      <c r="Z4533" s="143"/>
      <c r="AA4533" s="137"/>
      <c r="AB4533" s="137"/>
      <c r="AC4533" s="137"/>
      <c r="AD4533" s="137"/>
      <c r="AE4533" s="137"/>
      <c r="AF4533" s="137"/>
      <c r="AG4533" s="137"/>
      <c r="AH4533" s="137"/>
      <c r="AI4533" s="137"/>
      <c r="AJ4533" s="137"/>
      <c r="AK4533" s="206"/>
      <c r="AL4533" s="206"/>
      <c r="AM4533" s="143"/>
      <c r="AN4533" s="137"/>
      <c r="AO4533" s="137"/>
      <c r="AP4533" s="137"/>
      <c r="AQ4533" s="137"/>
      <c r="AR4533" s="137"/>
      <c r="AS4533" s="137"/>
      <c r="AT4533" s="137"/>
      <c r="AU4533" s="137"/>
      <c r="AV4533" s="137"/>
      <c r="AW4533" s="144"/>
    </row>
    <row r="4534" spans="2:49" x14ac:dyDescent="0.2">
      <c r="B4534" s="97"/>
      <c r="J4534" s="98"/>
      <c r="K4534" s="97"/>
      <c r="N4534" s="3"/>
      <c r="W4534" s="98"/>
      <c r="Z4534" s="143"/>
      <c r="AA4534" s="137"/>
      <c r="AB4534" s="137"/>
      <c r="AC4534" s="137"/>
      <c r="AD4534" s="137"/>
      <c r="AE4534" s="137"/>
      <c r="AF4534" s="137"/>
      <c r="AG4534" s="137"/>
      <c r="AH4534" s="137"/>
      <c r="AI4534" s="137"/>
      <c r="AJ4534" s="137"/>
      <c r="AK4534" s="206"/>
      <c r="AL4534" s="206"/>
      <c r="AM4534" s="143"/>
      <c r="AN4534" s="137"/>
      <c r="AO4534" s="137"/>
      <c r="AP4534" s="137"/>
      <c r="AQ4534" s="137"/>
      <c r="AR4534" s="137"/>
      <c r="AS4534" s="137"/>
      <c r="AT4534" s="137"/>
      <c r="AU4534" s="137"/>
      <c r="AV4534" s="137"/>
      <c r="AW4534" s="144"/>
    </row>
    <row r="4535" spans="2:49" x14ac:dyDescent="0.2">
      <c r="B4535" s="97"/>
      <c r="J4535" s="98"/>
      <c r="K4535" s="97"/>
      <c r="N4535" s="3"/>
      <c r="W4535" s="98"/>
      <c r="Z4535" s="143"/>
      <c r="AA4535" s="137"/>
      <c r="AB4535" s="137"/>
      <c r="AC4535" s="137"/>
      <c r="AD4535" s="137"/>
      <c r="AE4535" s="137"/>
      <c r="AF4535" s="137"/>
      <c r="AG4535" s="137"/>
      <c r="AH4535" s="137"/>
      <c r="AI4535" s="137"/>
      <c r="AJ4535" s="137"/>
      <c r="AK4535" s="206"/>
      <c r="AL4535" s="206"/>
      <c r="AM4535" s="143"/>
      <c r="AN4535" s="137"/>
      <c r="AO4535" s="137"/>
      <c r="AP4535" s="137"/>
      <c r="AQ4535" s="137"/>
      <c r="AR4535" s="137"/>
      <c r="AS4535" s="137"/>
      <c r="AT4535" s="137"/>
      <c r="AU4535" s="137"/>
      <c r="AV4535" s="137"/>
      <c r="AW4535" s="144"/>
    </row>
    <row r="4536" spans="2:49" x14ac:dyDescent="0.2">
      <c r="B4536" s="97"/>
      <c r="J4536" s="98"/>
      <c r="K4536" s="97"/>
      <c r="N4536" s="3"/>
      <c r="W4536" s="98"/>
      <c r="Z4536" s="143"/>
      <c r="AA4536" s="137"/>
      <c r="AB4536" s="137"/>
      <c r="AC4536" s="137"/>
      <c r="AD4536" s="137"/>
      <c r="AE4536" s="137"/>
      <c r="AF4536" s="137"/>
      <c r="AG4536" s="137"/>
      <c r="AH4536" s="137"/>
      <c r="AI4536" s="137"/>
      <c r="AJ4536" s="137"/>
      <c r="AK4536" s="206"/>
      <c r="AL4536" s="206"/>
      <c r="AM4536" s="143"/>
      <c r="AN4536" s="137"/>
      <c r="AO4536" s="137"/>
      <c r="AP4536" s="137"/>
      <c r="AQ4536" s="137"/>
      <c r="AR4536" s="137"/>
      <c r="AS4536" s="137"/>
      <c r="AT4536" s="137"/>
      <c r="AU4536" s="137"/>
      <c r="AV4536" s="137"/>
      <c r="AW4536" s="144"/>
    </row>
    <row r="4537" spans="2:49" x14ac:dyDescent="0.2">
      <c r="B4537" s="97"/>
      <c r="J4537" s="98"/>
      <c r="K4537" s="97"/>
      <c r="N4537" s="3"/>
      <c r="W4537" s="98"/>
      <c r="Z4537" s="143"/>
      <c r="AA4537" s="137"/>
      <c r="AB4537" s="137"/>
      <c r="AC4537" s="137"/>
      <c r="AD4537" s="137"/>
      <c r="AE4537" s="137"/>
      <c r="AF4537" s="137"/>
      <c r="AG4537" s="137"/>
      <c r="AH4537" s="137"/>
      <c r="AI4537" s="137"/>
      <c r="AJ4537" s="137"/>
      <c r="AK4537" s="206"/>
      <c r="AL4537" s="206"/>
      <c r="AM4537" s="143"/>
      <c r="AN4537" s="137"/>
      <c r="AO4537" s="137"/>
      <c r="AP4537" s="137"/>
      <c r="AQ4537" s="137"/>
      <c r="AR4537" s="137"/>
      <c r="AS4537" s="137"/>
      <c r="AT4537" s="137"/>
      <c r="AU4537" s="137"/>
      <c r="AV4537" s="137"/>
      <c r="AW4537" s="144"/>
    </row>
    <row r="4538" spans="2:49" x14ac:dyDescent="0.2">
      <c r="B4538" s="97"/>
      <c r="J4538" s="98"/>
      <c r="K4538" s="97"/>
      <c r="N4538" s="3"/>
      <c r="W4538" s="98"/>
      <c r="Z4538" s="143"/>
      <c r="AA4538" s="137"/>
      <c r="AB4538" s="137"/>
      <c r="AC4538" s="137"/>
      <c r="AD4538" s="137"/>
      <c r="AE4538" s="137"/>
      <c r="AF4538" s="137"/>
      <c r="AG4538" s="137"/>
      <c r="AH4538" s="137"/>
      <c r="AI4538" s="137"/>
      <c r="AJ4538" s="137"/>
      <c r="AK4538" s="206"/>
      <c r="AL4538" s="206"/>
      <c r="AM4538" s="143"/>
      <c r="AN4538" s="137"/>
      <c r="AO4538" s="137"/>
      <c r="AP4538" s="137"/>
      <c r="AQ4538" s="137"/>
      <c r="AR4538" s="137"/>
      <c r="AS4538" s="137"/>
      <c r="AT4538" s="137"/>
      <c r="AU4538" s="137"/>
      <c r="AV4538" s="137"/>
      <c r="AW4538" s="144"/>
    </row>
    <row r="4539" spans="2:49" x14ac:dyDescent="0.2">
      <c r="B4539" s="97"/>
      <c r="J4539" s="98"/>
      <c r="K4539" s="97"/>
      <c r="N4539" s="3"/>
      <c r="W4539" s="98"/>
      <c r="Z4539" s="143"/>
      <c r="AA4539" s="137"/>
      <c r="AB4539" s="137"/>
      <c r="AC4539" s="137"/>
      <c r="AD4539" s="137"/>
      <c r="AE4539" s="137"/>
      <c r="AF4539" s="137"/>
      <c r="AG4539" s="137"/>
      <c r="AH4539" s="137"/>
      <c r="AI4539" s="137"/>
      <c r="AJ4539" s="137"/>
      <c r="AK4539" s="206"/>
      <c r="AL4539" s="206"/>
      <c r="AM4539" s="143"/>
      <c r="AN4539" s="137"/>
      <c r="AO4539" s="137"/>
      <c r="AP4539" s="137"/>
      <c r="AQ4539" s="137"/>
      <c r="AR4539" s="137"/>
      <c r="AS4539" s="137"/>
      <c r="AT4539" s="137"/>
      <c r="AU4539" s="137"/>
      <c r="AV4539" s="137"/>
      <c r="AW4539" s="144"/>
    </row>
    <row r="4540" spans="2:49" x14ac:dyDescent="0.2">
      <c r="B4540" s="97"/>
      <c r="J4540" s="98"/>
      <c r="K4540" s="97"/>
      <c r="N4540" s="3"/>
      <c r="W4540" s="98"/>
      <c r="Z4540" s="143"/>
      <c r="AA4540" s="137"/>
      <c r="AB4540" s="137"/>
      <c r="AC4540" s="137"/>
      <c r="AD4540" s="137"/>
      <c r="AE4540" s="137"/>
      <c r="AF4540" s="137"/>
      <c r="AG4540" s="137"/>
      <c r="AH4540" s="137"/>
      <c r="AI4540" s="137"/>
      <c r="AJ4540" s="137"/>
      <c r="AK4540" s="206"/>
      <c r="AL4540" s="206"/>
      <c r="AM4540" s="143"/>
      <c r="AN4540" s="137"/>
      <c r="AO4540" s="137"/>
      <c r="AP4540" s="137"/>
      <c r="AQ4540" s="137"/>
      <c r="AR4540" s="137"/>
      <c r="AS4540" s="137"/>
      <c r="AT4540" s="137"/>
      <c r="AU4540" s="137"/>
      <c r="AV4540" s="137"/>
      <c r="AW4540" s="144"/>
    </row>
    <row r="4541" spans="2:49" x14ac:dyDescent="0.2">
      <c r="B4541" s="97"/>
      <c r="J4541" s="98"/>
      <c r="K4541" s="97"/>
      <c r="N4541" s="3"/>
      <c r="W4541" s="98"/>
      <c r="Z4541" s="143"/>
      <c r="AA4541" s="137"/>
      <c r="AB4541" s="137"/>
      <c r="AC4541" s="137"/>
      <c r="AD4541" s="137"/>
      <c r="AE4541" s="137"/>
      <c r="AF4541" s="137"/>
      <c r="AG4541" s="137"/>
      <c r="AH4541" s="137"/>
      <c r="AI4541" s="137"/>
      <c r="AJ4541" s="137"/>
      <c r="AK4541" s="206"/>
      <c r="AL4541" s="206"/>
      <c r="AM4541" s="143"/>
      <c r="AN4541" s="137"/>
      <c r="AO4541" s="137"/>
      <c r="AP4541" s="137"/>
      <c r="AQ4541" s="137"/>
      <c r="AR4541" s="137"/>
      <c r="AS4541" s="137"/>
      <c r="AT4541" s="137"/>
      <c r="AU4541" s="137"/>
      <c r="AV4541" s="137"/>
      <c r="AW4541" s="144"/>
    </row>
    <row r="4542" spans="2:49" x14ac:dyDescent="0.2">
      <c r="B4542" s="97"/>
      <c r="J4542" s="98"/>
      <c r="K4542" s="97"/>
      <c r="N4542" s="3"/>
      <c r="W4542" s="98"/>
      <c r="Z4542" s="143"/>
      <c r="AA4542" s="137"/>
      <c r="AB4542" s="137"/>
      <c r="AC4542" s="137"/>
      <c r="AD4542" s="137"/>
      <c r="AE4542" s="137"/>
      <c r="AF4542" s="137"/>
      <c r="AG4542" s="137"/>
      <c r="AH4542" s="137"/>
      <c r="AI4542" s="137"/>
      <c r="AJ4542" s="137"/>
      <c r="AK4542" s="206"/>
      <c r="AL4542" s="206"/>
      <c r="AM4542" s="143"/>
      <c r="AN4542" s="137"/>
      <c r="AO4542" s="137"/>
      <c r="AP4542" s="137"/>
      <c r="AQ4542" s="137"/>
      <c r="AR4542" s="137"/>
      <c r="AS4542" s="137"/>
      <c r="AT4542" s="137"/>
      <c r="AU4542" s="137"/>
      <c r="AV4542" s="137"/>
      <c r="AW4542" s="144"/>
    </row>
    <row r="4543" spans="2:49" x14ac:dyDescent="0.2">
      <c r="B4543" s="97"/>
      <c r="J4543" s="98"/>
      <c r="K4543" s="97"/>
      <c r="N4543" s="3"/>
      <c r="W4543" s="98"/>
      <c r="Z4543" s="143"/>
      <c r="AA4543" s="137"/>
      <c r="AB4543" s="137"/>
      <c r="AC4543" s="137"/>
      <c r="AD4543" s="137"/>
      <c r="AE4543" s="137"/>
      <c r="AF4543" s="137"/>
      <c r="AG4543" s="137"/>
      <c r="AH4543" s="137"/>
      <c r="AI4543" s="137"/>
      <c r="AJ4543" s="137"/>
      <c r="AK4543" s="206"/>
      <c r="AL4543" s="206"/>
      <c r="AM4543" s="143"/>
      <c r="AN4543" s="137"/>
      <c r="AO4543" s="137"/>
      <c r="AP4543" s="137"/>
      <c r="AQ4543" s="137"/>
      <c r="AR4543" s="137"/>
      <c r="AS4543" s="137"/>
      <c r="AT4543" s="137"/>
      <c r="AU4543" s="137"/>
      <c r="AV4543" s="137"/>
      <c r="AW4543" s="144"/>
    </row>
    <row r="4544" spans="2:49" x14ac:dyDescent="0.2">
      <c r="B4544" s="97"/>
      <c r="J4544" s="98"/>
      <c r="K4544" s="97"/>
      <c r="N4544" s="3"/>
      <c r="W4544" s="98"/>
      <c r="Z4544" s="143"/>
      <c r="AA4544" s="137"/>
      <c r="AB4544" s="137"/>
      <c r="AC4544" s="137"/>
      <c r="AD4544" s="137"/>
      <c r="AE4544" s="137"/>
      <c r="AF4544" s="137"/>
      <c r="AG4544" s="137"/>
      <c r="AH4544" s="137"/>
      <c r="AI4544" s="137"/>
      <c r="AJ4544" s="137"/>
      <c r="AK4544" s="206"/>
      <c r="AL4544" s="206"/>
      <c r="AM4544" s="143"/>
      <c r="AN4544" s="137"/>
      <c r="AO4544" s="137"/>
      <c r="AP4544" s="137"/>
      <c r="AQ4544" s="137"/>
      <c r="AR4544" s="137"/>
      <c r="AS4544" s="137"/>
      <c r="AT4544" s="137"/>
      <c r="AU4544" s="137"/>
      <c r="AV4544" s="137"/>
      <c r="AW4544" s="144"/>
    </row>
    <row r="4545" spans="2:49" x14ac:dyDescent="0.2">
      <c r="B4545" s="97"/>
      <c r="J4545" s="98"/>
      <c r="K4545" s="97"/>
      <c r="N4545" s="3"/>
      <c r="W4545" s="98"/>
      <c r="Z4545" s="143"/>
      <c r="AA4545" s="137"/>
      <c r="AB4545" s="137"/>
      <c r="AC4545" s="137"/>
      <c r="AD4545" s="137"/>
      <c r="AE4545" s="137"/>
      <c r="AF4545" s="137"/>
      <c r="AG4545" s="137"/>
      <c r="AH4545" s="137"/>
      <c r="AI4545" s="137"/>
      <c r="AJ4545" s="137"/>
      <c r="AK4545" s="206"/>
      <c r="AL4545" s="206"/>
      <c r="AM4545" s="143"/>
      <c r="AN4545" s="137"/>
      <c r="AO4545" s="137"/>
      <c r="AP4545" s="137"/>
      <c r="AQ4545" s="137"/>
      <c r="AR4545" s="137"/>
      <c r="AS4545" s="137"/>
      <c r="AT4545" s="137"/>
      <c r="AU4545" s="137"/>
      <c r="AV4545" s="137"/>
      <c r="AW4545" s="144"/>
    </row>
    <row r="4546" spans="2:49" x14ac:dyDescent="0.2">
      <c r="B4546" s="97"/>
      <c r="J4546" s="98"/>
      <c r="K4546" s="97"/>
      <c r="N4546" s="3"/>
      <c r="W4546" s="98"/>
      <c r="Z4546" s="143"/>
      <c r="AA4546" s="137"/>
      <c r="AB4546" s="137"/>
      <c r="AC4546" s="137"/>
      <c r="AD4546" s="137"/>
      <c r="AE4546" s="137"/>
      <c r="AF4546" s="137"/>
      <c r="AG4546" s="137"/>
      <c r="AH4546" s="137"/>
      <c r="AI4546" s="137"/>
      <c r="AJ4546" s="137"/>
      <c r="AK4546" s="206"/>
      <c r="AL4546" s="206"/>
      <c r="AM4546" s="143"/>
      <c r="AN4546" s="137"/>
      <c r="AO4546" s="137"/>
      <c r="AP4546" s="137"/>
      <c r="AQ4546" s="137"/>
      <c r="AR4546" s="137"/>
      <c r="AS4546" s="137"/>
      <c r="AT4546" s="137"/>
      <c r="AU4546" s="137"/>
      <c r="AV4546" s="137"/>
      <c r="AW4546" s="144"/>
    </row>
    <row r="4547" spans="2:49" x14ac:dyDescent="0.2">
      <c r="B4547" s="97"/>
      <c r="J4547" s="98"/>
      <c r="K4547" s="97"/>
      <c r="N4547" s="3"/>
      <c r="W4547" s="98"/>
      <c r="Z4547" s="143"/>
      <c r="AA4547" s="137"/>
      <c r="AB4547" s="137"/>
      <c r="AC4547" s="137"/>
      <c r="AD4547" s="137"/>
      <c r="AE4547" s="137"/>
      <c r="AF4547" s="137"/>
      <c r="AG4547" s="137"/>
      <c r="AH4547" s="137"/>
      <c r="AI4547" s="137"/>
      <c r="AJ4547" s="137"/>
      <c r="AK4547" s="206"/>
      <c r="AL4547" s="206"/>
      <c r="AM4547" s="143"/>
      <c r="AN4547" s="137"/>
      <c r="AO4547" s="137"/>
      <c r="AP4547" s="137"/>
      <c r="AQ4547" s="137"/>
      <c r="AR4547" s="137"/>
      <c r="AS4547" s="137"/>
      <c r="AT4547" s="137"/>
      <c r="AU4547" s="137"/>
      <c r="AV4547" s="137"/>
      <c r="AW4547" s="144"/>
    </row>
    <row r="4548" spans="2:49" x14ac:dyDescent="0.2">
      <c r="B4548" s="97"/>
      <c r="J4548" s="98"/>
      <c r="K4548" s="97"/>
      <c r="N4548" s="3"/>
      <c r="W4548" s="98"/>
      <c r="Z4548" s="143"/>
      <c r="AA4548" s="137"/>
      <c r="AB4548" s="137"/>
      <c r="AC4548" s="137"/>
      <c r="AD4548" s="137"/>
      <c r="AE4548" s="137"/>
      <c r="AF4548" s="137"/>
      <c r="AG4548" s="137"/>
      <c r="AH4548" s="137"/>
      <c r="AI4548" s="137"/>
      <c r="AJ4548" s="137"/>
      <c r="AK4548" s="206"/>
      <c r="AL4548" s="206"/>
      <c r="AM4548" s="143"/>
      <c r="AN4548" s="137"/>
      <c r="AO4548" s="137"/>
      <c r="AP4548" s="137"/>
      <c r="AQ4548" s="137"/>
      <c r="AR4548" s="137"/>
      <c r="AS4548" s="137"/>
      <c r="AT4548" s="137"/>
      <c r="AU4548" s="137"/>
      <c r="AV4548" s="137"/>
      <c r="AW4548" s="144"/>
    </row>
    <row r="4549" spans="2:49" x14ac:dyDescent="0.2">
      <c r="B4549" s="97"/>
      <c r="J4549" s="98"/>
      <c r="K4549" s="97"/>
      <c r="N4549" s="3"/>
      <c r="W4549" s="98"/>
      <c r="Z4549" s="143"/>
      <c r="AA4549" s="137"/>
      <c r="AB4549" s="137"/>
      <c r="AC4549" s="137"/>
      <c r="AD4549" s="137"/>
      <c r="AE4549" s="137"/>
      <c r="AF4549" s="137"/>
      <c r="AG4549" s="137"/>
      <c r="AH4549" s="137"/>
      <c r="AI4549" s="137"/>
      <c r="AJ4549" s="137"/>
      <c r="AK4549" s="206"/>
      <c r="AL4549" s="206"/>
      <c r="AM4549" s="143"/>
      <c r="AN4549" s="137"/>
      <c r="AO4549" s="137"/>
      <c r="AP4549" s="137"/>
      <c r="AQ4549" s="137"/>
      <c r="AR4549" s="137"/>
      <c r="AS4549" s="137"/>
      <c r="AT4549" s="137"/>
      <c r="AU4549" s="137"/>
      <c r="AV4549" s="137"/>
      <c r="AW4549" s="144"/>
    </row>
    <row r="4550" spans="2:49" x14ac:dyDescent="0.2">
      <c r="B4550" s="97"/>
      <c r="J4550" s="98"/>
      <c r="K4550" s="97"/>
      <c r="N4550" s="3"/>
      <c r="W4550" s="98"/>
      <c r="Z4550" s="143"/>
      <c r="AA4550" s="137"/>
      <c r="AB4550" s="137"/>
      <c r="AC4550" s="137"/>
      <c r="AD4550" s="137"/>
      <c r="AE4550" s="137"/>
      <c r="AF4550" s="137"/>
      <c r="AG4550" s="137"/>
      <c r="AH4550" s="137"/>
      <c r="AI4550" s="137"/>
      <c r="AJ4550" s="137"/>
      <c r="AK4550" s="206"/>
      <c r="AL4550" s="206"/>
      <c r="AM4550" s="143"/>
      <c r="AN4550" s="137"/>
      <c r="AO4550" s="137"/>
      <c r="AP4550" s="137"/>
      <c r="AQ4550" s="137"/>
      <c r="AR4550" s="137"/>
      <c r="AS4550" s="137"/>
      <c r="AT4550" s="137"/>
      <c r="AU4550" s="137"/>
      <c r="AV4550" s="137"/>
      <c r="AW4550" s="144"/>
    </row>
    <row r="4551" spans="2:49" x14ac:dyDescent="0.2">
      <c r="B4551" s="97"/>
      <c r="J4551" s="98"/>
      <c r="K4551" s="97"/>
      <c r="N4551" s="3"/>
      <c r="W4551" s="98"/>
      <c r="Z4551" s="143"/>
      <c r="AA4551" s="137"/>
      <c r="AB4551" s="137"/>
      <c r="AC4551" s="137"/>
      <c r="AD4551" s="137"/>
      <c r="AE4551" s="137"/>
      <c r="AF4551" s="137"/>
      <c r="AG4551" s="137"/>
      <c r="AH4551" s="137"/>
      <c r="AI4551" s="137"/>
      <c r="AJ4551" s="137"/>
      <c r="AK4551" s="206"/>
      <c r="AL4551" s="206"/>
      <c r="AM4551" s="143"/>
      <c r="AN4551" s="137"/>
      <c r="AO4551" s="137"/>
      <c r="AP4551" s="137"/>
      <c r="AQ4551" s="137"/>
      <c r="AR4551" s="137"/>
      <c r="AS4551" s="137"/>
      <c r="AT4551" s="137"/>
      <c r="AU4551" s="137"/>
      <c r="AV4551" s="137"/>
      <c r="AW4551" s="144"/>
    </row>
    <row r="4552" spans="2:49" x14ac:dyDescent="0.2">
      <c r="B4552" s="97"/>
      <c r="J4552" s="98"/>
      <c r="K4552" s="97"/>
      <c r="N4552" s="3"/>
      <c r="W4552" s="98"/>
      <c r="Z4552" s="143"/>
      <c r="AA4552" s="137"/>
      <c r="AB4552" s="137"/>
      <c r="AC4552" s="137"/>
      <c r="AD4552" s="137"/>
      <c r="AE4552" s="137"/>
      <c r="AF4552" s="137"/>
      <c r="AG4552" s="137"/>
      <c r="AH4552" s="137"/>
      <c r="AI4552" s="137"/>
      <c r="AJ4552" s="137"/>
      <c r="AK4552" s="206"/>
      <c r="AL4552" s="206"/>
      <c r="AM4552" s="143"/>
      <c r="AN4552" s="137"/>
      <c r="AO4552" s="137"/>
      <c r="AP4552" s="137"/>
      <c r="AQ4552" s="137"/>
      <c r="AR4552" s="137"/>
      <c r="AS4552" s="137"/>
      <c r="AT4552" s="137"/>
      <c r="AU4552" s="137"/>
      <c r="AV4552" s="137"/>
      <c r="AW4552" s="144"/>
    </row>
    <row r="4553" spans="2:49" x14ac:dyDescent="0.2">
      <c r="B4553" s="97"/>
      <c r="J4553" s="98"/>
      <c r="K4553" s="97"/>
      <c r="N4553" s="3"/>
      <c r="W4553" s="98"/>
      <c r="Z4553" s="143"/>
      <c r="AA4553" s="137"/>
      <c r="AB4553" s="137"/>
      <c r="AC4553" s="137"/>
      <c r="AD4553" s="137"/>
      <c r="AE4553" s="137"/>
      <c r="AF4553" s="137"/>
      <c r="AG4553" s="137"/>
      <c r="AH4553" s="137"/>
      <c r="AI4553" s="137"/>
      <c r="AJ4553" s="137"/>
      <c r="AK4553" s="206"/>
      <c r="AL4553" s="206"/>
      <c r="AM4553" s="143"/>
      <c r="AN4553" s="137"/>
      <c r="AO4553" s="137"/>
      <c r="AP4553" s="137"/>
      <c r="AQ4553" s="137"/>
      <c r="AR4553" s="137"/>
      <c r="AS4553" s="137"/>
      <c r="AT4553" s="137"/>
      <c r="AU4553" s="137"/>
      <c r="AV4553" s="137"/>
      <c r="AW4553" s="144"/>
    </row>
    <row r="4554" spans="2:49" x14ac:dyDescent="0.2">
      <c r="B4554" s="97"/>
      <c r="J4554" s="98"/>
      <c r="K4554" s="97"/>
      <c r="N4554" s="3"/>
      <c r="W4554" s="98"/>
      <c r="Z4554" s="143"/>
      <c r="AA4554" s="137"/>
      <c r="AB4554" s="137"/>
      <c r="AC4554" s="137"/>
      <c r="AD4554" s="137"/>
      <c r="AE4554" s="137"/>
      <c r="AF4554" s="137"/>
      <c r="AG4554" s="137"/>
      <c r="AH4554" s="137"/>
      <c r="AI4554" s="137"/>
      <c r="AJ4554" s="137"/>
      <c r="AK4554" s="206"/>
      <c r="AL4554" s="206"/>
      <c r="AM4554" s="143"/>
      <c r="AN4554" s="137"/>
      <c r="AO4554" s="137"/>
      <c r="AP4554" s="137"/>
      <c r="AQ4554" s="137"/>
      <c r="AR4554" s="137"/>
      <c r="AS4554" s="137"/>
      <c r="AT4554" s="137"/>
      <c r="AU4554" s="137"/>
      <c r="AV4554" s="137"/>
      <c r="AW4554" s="144"/>
    </row>
    <row r="4555" spans="2:49" x14ac:dyDescent="0.2">
      <c r="B4555" s="97"/>
      <c r="J4555" s="98"/>
      <c r="K4555" s="97"/>
      <c r="N4555" s="3"/>
      <c r="W4555" s="98"/>
      <c r="Z4555" s="143"/>
      <c r="AA4555" s="137"/>
      <c r="AB4555" s="137"/>
      <c r="AC4555" s="137"/>
      <c r="AD4555" s="137"/>
      <c r="AE4555" s="137"/>
      <c r="AF4555" s="137"/>
      <c r="AG4555" s="137"/>
      <c r="AH4555" s="137"/>
      <c r="AI4555" s="137"/>
      <c r="AJ4555" s="137"/>
      <c r="AK4555" s="206"/>
      <c r="AL4555" s="206"/>
      <c r="AM4555" s="143"/>
      <c r="AN4555" s="137"/>
      <c r="AO4555" s="137"/>
      <c r="AP4555" s="137"/>
      <c r="AQ4555" s="137"/>
      <c r="AR4555" s="137"/>
      <c r="AS4555" s="137"/>
      <c r="AT4555" s="137"/>
      <c r="AU4555" s="137"/>
      <c r="AV4555" s="137"/>
      <c r="AW4555" s="144"/>
    </row>
    <row r="4556" spans="2:49" x14ac:dyDescent="0.2">
      <c r="B4556" s="97"/>
      <c r="J4556" s="98"/>
      <c r="K4556" s="97"/>
      <c r="N4556" s="3"/>
      <c r="W4556" s="98"/>
      <c r="Z4556" s="143"/>
      <c r="AA4556" s="137"/>
      <c r="AB4556" s="137"/>
      <c r="AC4556" s="137"/>
      <c r="AD4556" s="137"/>
      <c r="AE4556" s="137"/>
      <c r="AF4556" s="137"/>
      <c r="AG4556" s="137"/>
      <c r="AH4556" s="137"/>
      <c r="AI4556" s="137"/>
      <c r="AJ4556" s="137"/>
      <c r="AK4556" s="206"/>
      <c r="AL4556" s="206"/>
      <c r="AM4556" s="143"/>
      <c r="AN4556" s="137"/>
      <c r="AO4556" s="137"/>
      <c r="AP4556" s="137"/>
      <c r="AQ4556" s="137"/>
      <c r="AR4556" s="137"/>
      <c r="AS4556" s="137"/>
      <c r="AT4556" s="137"/>
      <c r="AU4556" s="137"/>
      <c r="AV4556" s="137"/>
      <c r="AW4556" s="144"/>
    </row>
    <row r="4557" spans="2:49" x14ac:dyDescent="0.2">
      <c r="B4557" s="97"/>
      <c r="J4557" s="98"/>
      <c r="K4557" s="97"/>
      <c r="N4557" s="3"/>
      <c r="W4557" s="98"/>
      <c r="Z4557" s="143"/>
      <c r="AA4557" s="137"/>
      <c r="AB4557" s="137"/>
      <c r="AC4557" s="137"/>
      <c r="AD4557" s="137"/>
      <c r="AE4557" s="137"/>
      <c r="AF4557" s="137"/>
      <c r="AG4557" s="137"/>
      <c r="AH4557" s="137"/>
      <c r="AI4557" s="137"/>
      <c r="AJ4557" s="137"/>
      <c r="AK4557" s="206"/>
      <c r="AL4557" s="206"/>
      <c r="AM4557" s="143"/>
      <c r="AN4557" s="137"/>
      <c r="AO4557" s="137"/>
      <c r="AP4557" s="137"/>
      <c r="AQ4557" s="137"/>
      <c r="AR4557" s="137"/>
      <c r="AS4557" s="137"/>
      <c r="AT4557" s="137"/>
      <c r="AU4557" s="137"/>
      <c r="AV4557" s="137"/>
      <c r="AW4557" s="144"/>
    </row>
    <row r="4558" spans="2:49" x14ac:dyDescent="0.2">
      <c r="B4558" s="97"/>
      <c r="J4558" s="98"/>
      <c r="K4558" s="97"/>
      <c r="N4558" s="3"/>
      <c r="W4558" s="98"/>
      <c r="Z4558" s="143"/>
      <c r="AA4558" s="137"/>
      <c r="AB4558" s="137"/>
      <c r="AC4558" s="137"/>
      <c r="AD4558" s="137"/>
      <c r="AE4558" s="137"/>
      <c r="AF4558" s="137"/>
      <c r="AG4558" s="137"/>
      <c r="AH4558" s="137"/>
      <c r="AI4558" s="137"/>
      <c r="AJ4558" s="137"/>
      <c r="AK4558" s="206"/>
      <c r="AL4558" s="206"/>
      <c r="AM4558" s="143"/>
      <c r="AN4558" s="137"/>
      <c r="AO4558" s="137"/>
      <c r="AP4558" s="137"/>
      <c r="AQ4558" s="137"/>
      <c r="AR4558" s="137"/>
      <c r="AS4558" s="137"/>
      <c r="AT4558" s="137"/>
      <c r="AU4558" s="137"/>
      <c r="AV4558" s="137"/>
      <c r="AW4558" s="144"/>
    </row>
    <row r="4559" spans="2:49" x14ac:dyDescent="0.2">
      <c r="B4559" s="97"/>
      <c r="J4559" s="98"/>
      <c r="K4559" s="97"/>
      <c r="N4559" s="3"/>
      <c r="W4559" s="98"/>
      <c r="Z4559" s="143"/>
      <c r="AA4559" s="137"/>
      <c r="AB4559" s="137"/>
      <c r="AC4559" s="137"/>
      <c r="AD4559" s="137"/>
      <c r="AE4559" s="137"/>
      <c r="AF4559" s="137"/>
      <c r="AG4559" s="137"/>
      <c r="AH4559" s="137"/>
      <c r="AI4559" s="137"/>
      <c r="AJ4559" s="137"/>
      <c r="AK4559" s="206"/>
      <c r="AL4559" s="206"/>
      <c r="AM4559" s="143"/>
      <c r="AN4559" s="137"/>
      <c r="AO4559" s="137"/>
      <c r="AP4559" s="137"/>
      <c r="AQ4559" s="137"/>
      <c r="AR4559" s="137"/>
      <c r="AS4559" s="137"/>
      <c r="AT4559" s="137"/>
      <c r="AU4559" s="137"/>
      <c r="AV4559" s="137"/>
      <c r="AW4559" s="144"/>
    </row>
    <row r="4560" spans="2:49" x14ac:dyDescent="0.2">
      <c r="B4560" s="97"/>
      <c r="J4560" s="98"/>
      <c r="K4560" s="97"/>
      <c r="N4560" s="3"/>
      <c r="W4560" s="98"/>
      <c r="Z4560" s="143"/>
      <c r="AA4560" s="137"/>
      <c r="AB4560" s="137"/>
      <c r="AC4560" s="137"/>
      <c r="AD4560" s="137"/>
      <c r="AE4560" s="137"/>
      <c r="AF4560" s="137"/>
      <c r="AG4560" s="137"/>
      <c r="AH4560" s="137"/>
      <c r="AI4560" s="137"/>
      <c r="AJ4560" s="137"/>
      <c r="AK4560" s="206"/>
      <c r="AL4560" s="206"/>
      <c r="AM4560" s="143"/>
      <c r="AN4560" s="137"/>
      <c r="AO4560" s="137"/>
      <c r="AP4560" s="137"/>
      <c r="AQ4560" s="137"/>
      <c r="AR4560" s="137"/>
      <c r="AS4560" s="137"/>
      <c r="AT4560" s="137"/>
      <c r="AU4560" s="137"/>
      <c r="AV4560" s="137"/>
      <c r="AW4560" s="144"/>
    </row>
    <row r="4561" spans="2:49" x14ac:dyDescent="0.2">
      <c r="B4561" s="97"/>
      <c r="J4561" s="98"/>
      <c r="K4561" s="97"/>
      <c r="N4561" s="3"/>
      <c r="W4561" s="98"/>
      <c r="Z4561" s="143"/>
      <c r="AA4561" s="137"/>
      <c r="AB4561" s="137"/>
      <c r="AC4561" s="137"/>
      <c r="AD4561" s="137"/>
      <c r="AE4561" s="137"/>
      <c r="AF4561" s="137"/>
      <c r="AG4561" s="137"/>
      <c r="AH4561" s="137"/>
      <c r="AI4561" s="137"/>
      <c r="AJ4561" s="137"/>
      <c r="AK4561" s="206"/>
      <c r="AL4561" s="206"/>
      <c r="AM4561" s="143"/>
      <c r="AN4561" s="137"/>
      <c r="AO4561" s="137"/>
      <c r="AP4561" s="137"/>
      <c r="AQ4561" s="137"/>
      <c r="AR4561" s="137"/>
      <c r="AS4561" s="137"/>
      <c r="AT4561" s="137"/>
      <c r="AU4561" s="137"/>
      <c r="AV4561" s="137"/>
      <c r="AW4561" s="144"/>
    </row>
    <row r="4562" spans="2:49" x14ac:dyDescent="0.2">
      <c r="B4562" s="97"/>
      <c r="J4562" s="98"/>
      <c r="K4562" s="97"/>
      <c r="N4562" s="3"/>
      <c r="W4562" s="98"/>
      <c r="Z4562" s="143"/>
      <c r="AA4562" s="137"/>
      <c r="AB4562" s="137"/>
      <c r="AC4562" s="137"/>
      <c r="AD4562" s="137"/>
      <c r="AE4562" s="137"/>
      <c r="AF4562" s="137"/>
      <c r="AG4562" s="137"/>
      <c r="AH4562" s="137"/>
      <c r="AI4562" s="137"/>
      <c r="AJ4562" s="137"/>
      <c r="AK4562" s="206"/>
      <c r="AL4562" s="206"/>
      <c r="AM4562" s="143"/>
      <c r="AN4562" s="137"/>
      <c r="AO4562" s="137"/>
      <c r="AP4562" s="137"/>
      <c r="AQ4562" s="137"/>
      <c r="AR4562" s="137"/>
      <c r="AS4562" s="137"/>
      <c r="AT4562" s="137"/>
      <c r="AU4562" s="137"/>
      <c r="AV4562" s="137"/>
      <c r="AW4562" s="144"/>
    </row>
    <row r="4563" spans="2:49" x14ac:dyDescent="0.2">
      <c r="B4563" s="97"/>
      <c r="J4563" s="98"/>
      <c r="K4563" s="97"/>
      <c r="N4563" s="3"/>
      <c r="W4563" s="98"/>
      <c r="Z4563" s="143"/>
      <c r="AA4563" s="137"/>
      <c r="AB4563" s="137"/>
      <c r="AC4563" s="137"/>
      <c r="AD4563" s="137"/>
      <c r="AE4563" s="137"/>
      <c r="AF4563" s="137"/>
      <c r="AG4563" s="137"/>
      <c r="AH4563" s="137"/>
      <c r="AI4563" s="137"/>
      <c r="AJ4563" s="137"/>
      <c r="AK4563" s="206"/>
      <c r="AL4563" s="206"/>
      <c r="AM4563" s="143"/>
      <c r="AN4563" s="137"/>
      <c r="AO4563" s="137"/>
      <c r="AP4563" s="137"/>
      <c r="AQ4563" s="137"/>
      <c r="AR4563" s="137"/>
      <c r="AS4563" s="137"/>
      <c r="AT4563" s="137"/>
      <c r="AU4563" s="137"/>
      <c r="AV4563" s="137"/>
      <c r="AW4563" s="144"/>
    </row>
    <row r="4564" spans="2:49" x14ac:dyDescent="0.2">
      <c r="B4564" s="97"/>
      <c r="J4564" s="98"/>
      <c r="K4564" s="97"/>
      <c r="N4564" s="3"/>
      <c r="W4564" s="98"/>
      <c r="Z4564" s="143"/>
      <c r="AA4564" s="137"/>
      <c r="AB4564" s="137"/>
      <c r="AC4564" s="137"/>
      <c r="AD4564" s="137"/>
      <c r="AE4564" s="137"/>
      <c r="AF4564" s="137"/>
      <c r="AG4564" s="137"/>
      <c r="AH4564" s="137"/>
      <c r="AI4564" s="137"/>
      <c r="AJ4564" s="137"/>
      <c r="AK4564" s="206"/>
      <c r="AL4564" s="206"/>
      <c r="AM4564" s="143"/>
      <c r="AN4564" s="137"/>
      <c r="AO4564" s="137"/>
      <c r="AP4564" s="137"/>
      <c r="AQ4564" s="137"/>
      <c r="AR4564" s="137"/>
      <c r="AS4564" s="137"/>
      <c r="AT4564" s="137"/>
      <c r="AU4564" s="137"/>
      <c r="AV4564" s="137"/>
      <c r="AW4564" s="144"/>
    </row>
    <row r="4565" spans="2:49" x14ac:dyDescent="0.2">
      <c r="B4565" s="97"/>
      <c r="J4565" s="98"/>
      <c r="K4565" s="97"/>
      <c r="N4565" s="3"/>
      <c r="W4565" s="98"/>
      <c r="Z4565" s="143"/>
      <c r="AA4565" s="137"/>
      <c r="AB4565" s="137"/>
      <c r="AC4565" s="137"/>
      <c r="AD4565" s="137"/>
      <c r="AE4565" s="137"/>
      <c r="AF4565" s="137"/>
      <c r="AG4565" s="137"/>
      <c r="AH4565" s="137"/>
      <c r="AI4565" s="137"/>
      <c r="AJ4565" s="137"/>
      <c r="AK4565" s="206"/>
      <c r="AL4565" s="206"/>
      <c r="AM4565" s="143"/>
      <c r="AN4565" s="137"/>
      <c r="AO4565" s="137"/>
      <c r="AP4565" s="137"/>
      <c r="AQ4565" s="137"/>
      <c r="AR4565" s="137"/>
      <c r="AS4565" s="137"/>
      <c r="AT4565" s="137"/>
      <c r="AU4565" s="137"/>
      <c r="AV4565" s="137"/>
      <c r="AW4565" s="144"/>
    </row>
    <row r="4566" spans="2:49" x14ac:dyDescent="0.2">
      <c r="B4566" s="97"/>
      <c r="J4566" s="98"/>
      <c r="K4566" s="97"/>
      <c r="N4566" s="3"/>
      <c r="W4566" s="98"/>
      <c r="Z4566" s="143"/>
      <c r="AA4566" s="137"/>
      <c r="AB4566" s="137"/>
      <c r="AC4566" s="137"/>
      <c r="AD4566" s="137"/>
      <c r="AE4566" s="137"/>
      <c r="AF4566" s="137"/>
      <c r="AG4566" s="137"/>
      <c r="AH4566" s="137"/>
      <c r="AI4566" s="137"/>
      <c r="AJ4566" s="137"/>
      <c r="AK4566" s="206"/>
      <c r="AL4566" s="206"/>
      <c r="AM4566" s="143"/>
      <c r="AN4566" s="137"/>
      <c r="AO4566" s="137"/>
      <c r="AP4566" s="137"/>
      <c r="AQ4566" s="137"/>
      <c r="AR4566" s="137"/>
      <c r="AS4566" s="137"/>
      <c r="AT4566" s="137"/>
      <c r="AU4566" s="137"/>
      <c r="AV4566" s="137"/>
      <c r="AW4566" s="144"/>
    </row>
    <row r="4567" spans="2:49" x14ac:dyDescent="0.2">
      <c r="B4567" s="97"/>
      <c r="J4567" s="98"/>
      <c r="K4567" s="97"/>
      <c r="N4567" s="3"/>
      <c r="W4567" s="98"/>
      <c r="Z4567" s="143"/>
      <c r="AA4567" s="137"/>
      <c r="AB4567" s="137"/>
      <c r="AC4567" s="137"/>
      <c r="AD4567" s="137"/>
      <c r="AE4567" s="137"/>
      <c r="AF4567" s="137"/>
      <c r="AG4567" s="137"/>
      <c r="AH4567" s="137"/>
      <c r="AI4567" s="137"/>
      <c r="AJ4567" s="137"/>
      <c r="AK4567" s="206"/>
      <c r="AL4567" s="206"/>
      <c r="AM4567" s="143"/>
      <c r="AN4567" s="137"/>
      <c r="AO4567" s="137"/>
      <c r="AP4567" s="137"/>
      <c r="AQ4567" s="137"/>
      <c r="AR4567" s="137"/>
      <c r="AS4567" s="137"/>
      <c r="AT4567" s="137"/>
      <c r="AU4567" s="137"/>
      <c r="AV4567" s="137"/>
      <c r="AW4567" s="144"/>
    </row>
    <row r="4568" spans="2:49" x14ac:dyDescent="0.2">
      <c r="B4568" s="97"/>
      <c r="J4568" s="98"/>
      <c r="K4568" s="97"/>
      <c r="N4568" s="3"/>
      <c r="W4568" s="98"/>
      <c r="Z4568" s="143"/>
      <c r="AA4568" s="137"/>
      <c r="AB4568" s="137"/>
      <c r="AC4568" s="137"/>
      <c r="AD4568" s="137"/>
      <c r="AE4568" s="137"/>
      <c r="AF4568" s="137"/>
      <c r="AG4568" s="137"/>
      <c r="AH4568" s="137"/>
      <c r="AI4568" s="137"/>
      <c r="AJ4568" s="137"/>
      <c r="AK4568" s="206"/>
      <c r="AL4568" s="206"/>
      <c r="AM4568" s="143"/>
      <c r="AN4568" s="137"/>
      <c r="AO4568" s="137"/>
      <c r="AP4568" s="137"/>
      <c r="AQ4568" s="137"/>
      <c r="AR4568" s="137"/>
      <c r="AS4568" s="137"/>
      <c r="AT4568" s="137"/>
      <c r="AU4568" s="137"/>
      <c r="AV4568" s="137"/>
      <c r="AW4568" s="144"/>
    </row>
    <row r="4569" spans="2:49" x14ac:dyDescent="0.2">
      <c r="B4569" s="97"/>
      <c r="J4569" s="98"/>
      <c r="K4569" s="97"/>
      <c r="N4569" s="3"/>
      <c r="W4569" s="98"/>
      <c r="Z4569" s="143"/>
      <c r="AA4569" s="137"/>
      <c r="AB4569" s="137"/>
      <c r="AC4569" s="137"/>
      <c r="AD4569" s="137"/>
      <c r="AE4569" s="137"/>
      <c r="AF4569" s="137"/>
      <c r="AG4569" s="137"/>
      <c r="AH4569" s="137"/>
      <c r="AI4569" s="137"/>
      <c r="AJ4569" s="137"/>
      <c r="AK4569" s="206"/>
      <c r="AL4569" s="206"/>
      <c r="AM4569" s="143"/>
      <c r="AN4569" s="137"/>
      <c r="AO4569" s="137"/>
      <c r="AP4569" s="137"/>
      <c r="AQ4569" s="137"/>
      <c r="AR4569" s="137"/>
      <c r="AS4569" s="137"/>
      <c r="AT4569" s="137"/>
      <c r="AU4569" s="137"/>
      <c r="AV4569" s="137"/>
      <c r="AW4569" s="144"/>
    </row>
    <row r="4570" spans="2:49" x14ac:dyDescent="0.2">
      <c r="B4570" s="97"/>
      <c r="J4570" s="98"/>
      <c r="K4570" s="97"/>
      <c r="N4570" s="3"/>
      <c r="W4570" s="98"/>
      <c r="Z4570" s="143"/>
      <c r="AA4570" s="137"/>
      <c r="AB4570" s="137"/>
      <c r="AC4570" s="137"/>
      <c r="AD4570" s="137"/>
      <c r="AE4570" s="137"/>
      <c r="AF4570" s="137"/>
      <c r="AG4570" s="137"/>
      <c r="AH4570" s="137"/>
      <c r="AI4570" s="137"/>
      <c r="AJ4570" s="137"/>
      <c r="AK4570" s="206"/>
      <c r="AL4570" s="206"/>
      <c r="AM4570" s="143"/>
      <c r="AN4570" s="137"/>
      <c r="AO4570" s="137"/>
      <c r="AP4570" s="137"/>
      <c r="AQ4570" s="137"/>
      <c r="AR4570" s="137"/>
      <c r="AS4570" s="137"/>
      <c r="AT4570" s="137"/>
      <c r="AU4570" s="137"/>
      <c r="AV4570" s="137"/>
      <c r="AW4570" s="144"/>
    </row>
    <row r="4571" spans="2:49" x14ac:dyDescent="0.2">
      <c r="B4571" s="97"/>
      <c r="J4571" s="98"/>
      <c r="K4571" s="97"/>
      <c r="N4571" s="3"/>
      <c r="W4571" s="98"/>
      <c r="Z4571" s="143"/>
      <c r="AA4571" s="137"/>
      <c r="AB4571" s="137"/>
      <c r="AC4571" s="137"/>
      <c r="AD4571" s="137"/>
      <c r="AE4571" s="137"/>
      <c r="AF4571" s="137"/>
      <c r="AG4571" s="137"/>
      <c r="AH4571" s="137"/>
      <c r="AI4571" s="137"/>
      <c r="AJ4571" s="137"/>
      <c r="AK4571" s="206"/>
      <c r="AL4571" s="206"/>
      <c r="AM4571" s="143"/>
      <c r="AN4571" s="137"/>
      <c r="AO4571" s="137"/>
      <c r="AP4571" s="137"/>
      <c r="AQ4571" s="137"/>
      <c r="AR4571" s="137"/>
      <c r="AS4571" s="137"/>
      <c r="AT4571" s="137"/>
      <c r="AU4571" s="137"/>
      <c r="AV4571" s="137"/>
      <c r="AW4571" s="144"/>
    </row>
    <row r="4572" spans="2:49" x14ac:dyDescent="0.2">
      <c r="B4572" s="97"/>
      <c r="J4572" s="98"/>
      <c r="K4572" s="97"/>
      <c r="N4572" s="3"/>
      <c r="W4572" s="98"/>
      <c r="Z4572" s="143"/>
      <c r="AA4572" s="137"/>
      <c r="AB4572" s="137"/>
      <c r="AC4572" s="137"/>
      <c r="AD4572" s="137"/>
      <c r="AE4572" s="137"/>
      <c r="AF4572" s="137"/>
      <c r="AG4572" s="137"/>
      <c r="AH4572" s="137"/>
      <c r="AI4572" s="137"/>
      <c r="AJ4572" s="137"/>
      <c r="AK4572" s="206"/>
      <c r="AL4572" s="206"/>
      <c r="AM4572" s="143"/>
      <c r="AN4572" s="137"/>
      <c r="AO4572" s="137"/>
      <c r="AP4572" s="137"/>
      <c r="AQ4572" s="137"/>
      <c r="AR4572" s="137"/>
      <c r="AS4572" s="137"/>
      <c r="AT4572" s="137"/>
      <c r="AU4572" s="137"/>
      <c r="AV4572" s="137"/>
      <c r="AW4572" s="144"/>
    </row>
    <row r="4573" spans="2:49" x14ac:dyDescent="0.2">
      <c r="B4573" s="97"/>
      <c r="J4573" s="98"/>
      <c r="K4573" s="97"/>
      <c r="N4573" s="3"/>
      <c r="W4573" s="98"/>
      <c r="Z4573" s="143"/>
      <c r="AA4573" s="137"/>
      <c r="AB4573" s="137"/>
      <c r="AC4573" s="137"/>
      <c r="AD4573" s="137"/>
      <c r="AE4573" s="137"/>
      <c r="AF4573" s="137"/>
      <c r="AG4573" s="137"/>
      <c r="AH4573" s="137"/>
      <c r="AI4573" s="137"/>
      <c r="AJ4573" s="137"/>
      <c r="AK4573" s="206"/>
      <c r="AL4573" s="206"/>
      <c r="AM4573" s="143"/>
      <c r="AN4573" s="137"/>
      <c r="AO4573" s="137"/>
      <c r="AP4573" s="137"/>
      <c r="AQ4573" s="137"/>
      <c r="AR4573" s="137"/>
      <c r="AS4573" s="137"/>
      <c r="AT4573" s="137"/>
      <c r="AU4573" s="137"/>
      <c r="AV4573" s="137"/>
      <c r="AW4573" s="144"/>
    </row>
    <row r="4574" spans="2:49" x14ac:dyDescent="0.2">
      <c r="B4574" s="97"/>
      <c r="J4574" s="98"/>
      <c r="K4574" s="97"/>
      <c r="N4574" s="3"/>
      <c r="W4574" s="98"/>
      <c r="Z4574" s="143"/>
      <c r="AA4574" s="137"/>
      <c r="AB4574" s="137"/>
      <c r="AC4574" s="137"/>
      <c r="AD4574" s="137"/>
      <c r="AE4574" s="137"/>
      <c r="AF4574" s="137"/>
      <c r="AG4574" s="137"/>
      <c r="AH4574" s="137"/>
      <c r="AI4574" s="137"/>
      <c r="AJ4574" s="137"/>
      <c r="AK4574" s="206"/>
      <c r="AL4574" s="206"/>
      <c r="AM4574" s="143"/>
      <c r="AN4574" s="137"/>
      <c r="AO4574" s="137"/>
      <c r="AP4574" s="137"/>
      <c r="AQ4574" s="137"/>
      <c r="AR4574" s="137"/>
      <c r="AS4574" s="137"/>
      <c r="AT4574" s="137"/>
      <c r="AU4574" s="137"/>
      <c r="AV4574" s="137"/>
      <c r="AW4574" s="144"/>
    </row>
    <row r="4575" spans="2:49" x14ac:dyDescent="0.2">
      <c r="B4575" s="97"/>
      <c r="J4575" s="98"/>
      <c r="K4575" s="97"/>
      <c r="N4575" s="3"/>
      <c r="W4575" s="98"/>
      <c r="Z4575" s="143"/>
      <c r="AA4575" s="137"/>
      <c r="AB4575" s="137"/>
      <c r="AC4575" s="137"/>
      <c r="AD4575" s="137"/>
      <c r="AE4575" s="137"/>
      <c r="AF4575" s="137"/>
      <c r="AG4575" s="137"/>
      <c r="AH4575" s="137"/>
      <c r="AI4575" s="137"/>
      <c r="AJ4575" s="137"/>
      <c r="AK4575" s="206"/>
      <c r="AL4575" s="206"/>
      <c r="AM4575" s="143"/>
      <c r="AN4575" s="137"/>
      <c r="AO4575" s="137"/>
      <c r="AP4575" s="137"/>
      <c r="AQ4575" s="137"/>
      <c r="AR4575" s="137"/>
      <c r="AS4575" s="137"/>
      <c r="AT4575" s="137"/>
      <c r="AU4575" s="137"/>
      <c r="AV4575" s="137"/>
      <c r="AW4575" s="144"/>
    </row>
    <row r="4576" spans="2:49" x14ac:dyDescent="0.2">
      <c r="B4576" s="97"/>
      <c r="J4576" s="98"/>
      <c r="K4576" s="97"/>
      <c r="N4576" s="3"/>
      <c r="W4576" s="98"/>
      <c r="Z4576" s="143"/>
      <c r="AA4576" s="137"/>
      <c r="AB4576" s="137"/>
      <c r="AC4576" s="137"/>
      <c r="AD4576" s="137"/>
      <c r="AE4576" s="137"/>
      <c r="AF4576" s="137"/>
      <c r="AG4576" s="137"/>
      <c r="AH4576" s="137"/>
      <c r="AI4576" s="137"/>
      <c r="AJ4576" s="137"/>
      <c r="AK4576" s="206"/>
      <c r="AL4576" s="206"/>
      <c r="AM4576" s="143"/>
      <c r="AN4576" s="137"/>
      <c r="AO4576" s="137"/>
      <c r="AP4576" s="137"/>
      <c r="AQ4576" s="137"/>
      <c r="AR4576" s="137"/>
      <c r="AS4576" s="137"/>
      <c r="AT4576" s="137"/>
      <c r="AU4576" s="137"/>
      <c r="AV4576" s="137"/>
      <c r="AW4576" s="144"/>
    </row>
    <row r="4577" spans="2:49" x14ac:dyDescent="0.2">
      <c r="B4577" s="97"/>
      <c r="J4577" s="98"/>
      <c r="K4577" s="97"/>
      <c r="N4577" s="3"/>
      <c r="W4577" s="98"/>
      <c r="Z4577" s="143"/>
      <c r="AA4577" s="137"/>
      <c r="AB4577" s="137"/>
      <c r="AC4577" s="137"/>
      <c r="AD4577" s="137"/>
      <c r="AE4577" s="137"/>
      <c r="AF4577" s="137"/>
      <c r="AG4577" s="137"/>
      <c r="AH4577" s="137"/>
      <c r="AI4577" s="137"/>
      <c r="AJ4577" s="137"/>
      <c r="AK4577" s="206"/>
      <c r="AL4577" s="206"/>
      <c r="AM4577" s="143"/>
      <c r="AN4577" s="137"/>
      <c r="AO4577" s="137"/>
      <c r="AP4577" s="137"/>
      <c r="AQ4577" s="137"/>
      <c r="AR4577" s="137"/>
      <c r="AS4577" s="137"/>
      <c r="AT4577" s="137"/>
      <c r="AU4577" s="137"/>
      <c r="AV4577" s="137"/>
      <c r="AW4577" s="144"/>
    </row>
    <row r="4578" spans="2:49" x14ac:dyDescent="0.2">
      <c r="B4578" s="97"/>
      <c r="J4578" s="98"/>
      <c r="K4578" s="97"/>
      <c r="N4578" s="3"/>
      <c r="W4578" s="98"/>
      <c r="Z4578" s="143"/>
      <c r="AA4578" s="137"/>
      <c r="AB4578" s="137"/>
      <c r="AC4578" s="137"/>
      <c r="AD4578" s="137"/>
      <c r="AE4578" s="137"/>
      <c r="AF4578" s="137"/>
      <c r="AG4578" s="137"/>
      <c r="AH4578" s="137"/>
      <c r="AI4578" s="137"/>
      <c r="AJ4578" s="137"/>
      <c r="AK4578" s="206"/>
      <c r="AL4578" s="206"/>
      <c r="AM4578" s="143"/>
      <c r="AN4578" s="137"/>
      <c r="AO4578" s="137"/>
      <c r="AP4578" s="137"/>
      <c r="AQ4578" s="137"/>
      <c r="AR4578" s="137"/>
      <c r="AS4578" s="137"/>
      <c r="AT4578" s="137"/>
      <c r="AU4578" s="137"/>
      <c r="AV4578" s="137"/>
      <c r="AW4578" s="144"/>
    </row>
    <row r="4579" spans="2:49" x14ac:dyDescent="0.2">
      <c r="B4579" s="97"/>
      <c r="J4579" s="98"/>
      <c r="K4579" s="97"/>
      <c r="N4579" s="3"/>
      <c r="W4579" s="98"/>
      <c r="Z4579" s="143"/>
      <c r="AA4579" s="137"/>
      <c r="AB4579" s="137"/>
      <c r="AC4579" s="137"/>
      <c r="AD4579" s="137"/>
      <c r="AE4579" s="137"/>
      <c r="AF4579" s="137"/>
      <c r="AG4579" s="137"/>
      <c r="AH4579" s="137"/>
      <c r="AI4579" s="137"/>
      <c r="AJ4579" s="137"/>
      <c r="AK4579" s="206"/>
      <c r="AL4579" s="206"/>
      <c r="AM4579" s="143"/>
      <c r="AN4579" s="137"/>
      <c r="AO4579" s="137"/>
      <c r="AP4579" s="137"/>
      <c r="AQ4579" s="137"/>
      <c r="AR4579" s="137"/>
      <c r="AS4579" s="137"/>
      <c r="AT4579" s="137"/>
      <c r="AU4579" s="137"/>
      <c r="AV4579" s="137"/>
      <c r="AW4579" s="144"/>
    </row>
    <row r="4580" spans="2:49" x14ac:dyDescent="0.2">
      <c r="B4580" s="97"/>
      <c r="J4580" s="98"/>
      <c r="K4580" s="97"/>
      <c r="N4580" s="3"/>
      <c r="W4580" s="98"/>
      <c r="Z4580" s="143"/>
      <c r="AA4580" s="137"/>
      <c r="AB4580" s="137"/>
      <c r="AC4580" s="137"/>
      <c r="AD4580" s="137"/>
      <c r="AE4580" s="137"/>
      <c r="AF4580" s="137"/>
      <c r="AG4580" s="137"/>
      <c r="AH4580" s="137"/>
      <c r="AI4580" s="137"/>
      <c r="AJ4580" s="137"/>
      <c r="AK4580" s="206"/>
      <c r="AL4580" s="206"/>
      <c r="AM4580" s="143"/>
      <c r="AN4580" s="137"/>
      <c r="AO4580" s="137"/>
      <c r="AP4580" s="137"/>
      <c r="AQ4580" s="137"/>
      <c r="AR4580" s="137"/>
      <c r="AS4580" s="137"/>
      <c r="AT4580" s="137"/>
      <c r="AU4580" s="137"/>
      <c r="AV4580" s="137"/>
      <c r="AW4580" s="144"/>
    </row>
    <row r="4581" spans="2:49" x14ac:dyDescent="0.2">
      <c r="B4581" s="97"/>
      <c r="J4581" s="98"/>
      <c r="K4581" s="97"/>
      <c r="N4581" s="3"/>
      <c r="W4581" s="98"/>
      <c r="Z4581" s="143"/>
      <c r="AA4581" s="137"/>
      <c r="AB4581" s="137"/>
      <c r="AC4581" s="137"/>
      <c r="AD4581" s="137"/>
      <c r="AE4581" s="137"/>
      <c r="AF4581" s="137"/>
      <c r="AG4581" s="137"/>
      <c r="AH4581" s="137"/>
      <c r="AI4581" s="137"/>
      <c r="AJ4581" s="137"/>
      <c r="AK4581" s="206"/>
      <c r="AL4581" s="206"/>
      <c r="AM4581" s="143"/>
      <c r="AN4581" s="137"/>
      <c r="AO4581" s="137"/>
      <c r="AP4581" s="137"/>
      <c r="AQ4581" s="137"/>
      <c r="AR4581" s="137"/>
      <c r="AS4581" s="137"/>
      <c r="AT4581" s="137"/>
      <c r="AU4581" s="137"/>
      <c r="AV4581" s="137"/>
      <c r="AW4581" s="144"/>
    </row>
    <row r="4582" spans="2:49" x14ac:dyDescent="0.2">
      <c r="B4582" s="97"/>
      <c r="J4582" s="98"/>
      <c r="K4582" s="97"/>
      <c r="N4582" s="3"/>
      <c r="W4582" s="98"/>
      <c r="Z4582" s="143"/>
      <c r="AA4582" s="137"/>
      <c r="AB4582" s="137"/>
      <c r="AC4582" s="137"/>
      <c r="AD4582" s="137"/>
      <c r="AE4582" s="137"/>
      <c r="AF4582" s="137"/>
      <c r="AG4582" s="137"/>
      <c r="AH4582" s="137"/>
      <c r="AI4582" s="137"/>
      <c r="AJ4582" s="137"/>
      <c r="AK4582" s="206"/>
      <c r="AL4582" s="206"/>
      <c r="AM4582" s="143"/>
      <c r="AN4582" s="137"/>
      <c r="AO4582" s="137"/>
      <c r="AP4582" s="137"/>
      <c r="AQ4582" s="137"/>
      <c r="AR4582" s="137"/>
      <c r="AS4582" s="137"/>
      <c r="AT4582" s="137"/>
      <c r="AU4582" s="137"/>
      <c r="AV4582" s="137"/>
      <c r="AW4582" s="144"/>
    </row>
    <row r="4583" spans="2:49" x14ac:dyDescent="0.2">
      <c r="B4583" s="97"/>
      <c r="J4583" s="98"/>
      <c r="K4583" s="97"/>
      <c r="N4583" s="3"/>
      <c r="W4583" s="98"/>
      <c r="Z4583" s="143"/>
      <c r="AA4583" s="137"/>
      <c r="AB4583" s="137"/>
      <c r="AC4583" s="137"/>
      <c r="AD4583" s="137"/>
      <c r="AE4583" s="137"/>
      <c r="AF4583" s="137"/>
      <c r="AG4583" s="137"/>
      <c r="AH4583" s="137"/>
      <c r="AI4583" s="137"/>
      <c r="AJ4583" s="137"/>
      <c r="AK4583" s="206"/>
      <c r="AL4583" s="206"/>
      <c r="AM4583" s="143"/>
      <c r="AN4583" s="137"/>
      <c r="AO4583" s="137"/>
      <c r="AP4583" s="137"/>
      <c r="AQ4583" s="137"/>
      <c r="AR4583" s="137"/>
      <c r="AS4583" s="137"/>
      <c r="AT4583" s="137"/>
      <c r="AU4583" s="137"/>
      <c r="AV4583" s="137"/>
      <c r="AW4583" s="144"/>
    </row>
    <row r="4584" spans="2:49" x14ac:dyDescent="0.2">
      <c r="B4584" s="97"/>
      <c r="J4584" s="98"/>
      <c r="K4584" s="97"/>
      <c r="N4584" s="3"/>
      <c r="W4584" s="98"/>
      <c r="Z4584" s="143"/>
      <c r="AA4584" s="137"/>
      <c r="AB4584" s="137"/>
      <c r="AC4584" s="137"/>
      <c r="AD4584" s="137"/>
      <c r="AE4584" s="137"/>
      <c r="AF4584" s="137"/>
      <c r="AG4584" s="137"/>
      <c r="AH4584" s="137"/>
      <c r="AI4584" s="137"/>
      <c r="AJ4584" s="137"/>
      <c r="AK4584" s="206"/>
      <c r="AL4584" s="206"/>
      <c r="AM4584" s="143"/>
      <c r="AN4584" s="137"/>
      <c r="AO4584" s="137"/>
      <c r="AP4584" s="137"/>
      <c r="AQ4584" s="137"/>
      <c r="AR4584" s="137"/>
      <c r="AS4584" s="137"/>
      <c r="AT4584" s="137"/>
      <c r="AU4584" s="137"/>
      <c r="AV4584" s="137"/>
      <c r="AW4584" s="144"/>
    </row>
    <row r="4585" spans="2:49" x14ac:dyDescent="0.2">
      <c r="B4585" s="97"/>
      <c r="J4585" s="98"/>
      <c r="K4585" s="97"/>
      <c r="N4585" s="3"/>
      <c r="W4585" s="98"/>
      <c r="Z4585" s="143"/>
      <c r="AA4585" s="137"/>
      <c r="AB4585" s="137"/>
      <c r="AC4585" s="137"/>
      <c r="AD4585" s="137"/>
      <c r="AE4585" s="137"/>
      <c r="AF4585" s="137"/>
      <c r="AG4585" s="137"/>
      <c r="AH4585" s="137"/>
      <c r="AI4585" s="137"/>
      <c r="AJ4585" s="137"/>
      <c r="AK4585" s="206"/>
      <c r="AL4585" s="206"/>
      <c r="AM4585" s="143"/>
      <c r="AN4585" s="137"/>
      <c r="AO4585" s="137"/>
      <c r="AP4585" s="137"/>
      <c r="AQ4585" s="137"/>
      <c r="AR4585" s="137"/>
      <c r="AS4585" s="137"/>
      <c r="AT4585" s="137"/>
      <c r="AU4585" s="137"/>
      <c r="AV4585" s="137"/>
      <c r="AW4585" s="144"/>
    </row>
    <row r="4586" spans="2:49" x14ac:dyDescent="0.2">
      <c r="B4586" s="97"/>
      <c r="J4586" s="98"/>
      <c r="K4586" s="97"/>
      <c r="N4586" s="3"/>
      <c r="W4586" s="98"/>
      <c r="Z4586" s="143"/>
      <c r="AA4586" s="137"/>
      <c r="AB4586" s="137"/>
      <c r="AC4586" s="137"/>
      <c r="AD4586" s="137"/>
      <c r="AE4586" s="137"/>
      <c r="AF4586" s="137"/>
      <c r="AG4586" s="137"/>
      <c r="AH4586" s="137"/>
      <c r="AI4586" s="137"/>
      <c r="AJ4586" s="137"/>
      <c r="AK4586" s="206"/>
      <c r="AL4586" s="206"/>
      <c r="AM4586" s="143"/>
      <c r="AN4586" s="137"/>
      <c r="AO4586" s="137"/>
      <c r="AP4586" s="137"/>
      <c r="AQ4586" s="137"/>
      <c r="AR4586" s="137"/>
      <c r="AS4586" s="137"/>
      <c r="AT4586" s="137"/>
      <c r="AU4586" s="137"/>
      <c r="AV4586" s="137"/>
      <c r="AW4586" s="144"/>
    </row>
    <row r="4587" spans="2:49" x14ac:dyDescent="0.2">
      <c r="B4587" s="97"/>
      <c r="J4587" s="98"/>
      <c r="K4587" s="97"/>
      <c r="N4587" s="3"/>
      <c r="W4587" s="98"/>
      <c r="Z4587" s="143"/>
      <c r="AA4587" s="137"/>
      <c r="AB4587" s="137"/>
      <c r="AC4587" s="137"/>
      <c r="AD4587" s="137"/>
      <c r="AE4587" s="137"/>
      <c r="AF4587" s="137"/>
      <c r="AG4587" s="137"/>
      <c r="AH4587" s="137"/>
      <c r="AI4587" s="137"/>
      <c r="AJ4587" s="137"/>
      <c r="AK4587" s="206"/>
      <c r="AL4587" s="206"/>
      <c r="AM4587" s="143"/>
      <c r="AN4587" s="137"/>
      <c r="AO4587" s="137"/>
      <c r="AP4587" s="137"/>
      <c r="AQ4587" s="137"/>
      <c r="AR4587" s="137"/>
      <c r="AS4587" s="137"/>
      <c r="AT4587" s="137"/>
      <c r="AU4587" s="137"/>
      <c r="AV4587" s="137"/>
      <c r="AW4587" s="144"/>
    </row>
    <row r="4588" spans="2:49" x14ac:dyDescent="0.2">
      <c r="B4588" s="97"/>
      <c r="J4588" s="98"/>
      <c r="K4588" s="97"/>
      <c r="N4588" s="3"/>
      <c r="W4588" s="98"/>
      <c r="Z4588" s="143"/>
      <c r="AA4588" s="137"/>
      <c r="AB4588" s="137"/>
      <c r="AC4588" s="137"/>
      <c r="AD4588" s="137"/>
      <c r="AE4588" s="137"/>
      <c r="AF4588" s="137"/>
      <c r="AG4588" s="137"/>
      <c r="AH4588" s="137"/>
      <c r="AI4588" s="137"/>
      <c r="AJ4588" s="137"/>
      <c r="AK4588" s="206"/>
      <c r="AL4588" s="206"/>
      <c r="AM4588" s="143"/>
      <c r="AN4588" s="137"/>
      <c r="AO4588" s="137"/>
      <c r="AP4588" s="137"/>
      <c r="AQ4588" s="137"/>
      <c r="AR4588" s="137"/>
      <c r="AS4588" s="137"/>
      <c r="AT4588" s="137"/>
      <c r="AU4588" s="137"/>
      <c r="AV4588" s="137"/>
      <c r="AW4588" s="144"/>
    </row>
    <row r="4589" spans="2:49" x14ac:dyDescent="0.2">
      <c r="B4589" s="97"/>
      <c r="J4589" s="98"/>
      <c r="K4589" s="97"/>
      <c r="N4589" s="3"/>
      <c r="W4589" s="98"/>
      <c r="Z4589" s="143"/>
      <c r="AA4589" s="137"/>
      <c r="AB4589" s="137"/>
      <c r="AC4589" s="137"/>
      <c r="AD4589" s="137"/>
      <c r="AE4589" s="137"/>
      <c r="AF4589" s="137"/>
      <c r="AG4589" s="137"/>
      <c r="AH4589" s="137"/>
      <c r="AI4589" s="137"/>
      <c r="AJ4589" s="137"/>
      <c r="AK4589" s="206"/>
      <c r="AL4589" s="206"/>
      <c r="AM4589" s="143"/>
      <c r="AN4589" s="137"/>
      <c r="AO4589" s="137"/>
      <c r="AP4589" s="137"/>
      <c r="AQ4589" s="137"/>
      <c r="AR4589" s="137"/>
      <c r="AS4589" s="137"/>
      <c r="AT4589" s="137"/>
      <c r="AU4589" s="137"/>
      <c r="AV4589" s="137"/>
      <c r="AW4589" s="144"/>
    </row>
    <row r="4590" spans="2:49" x14ac:dyDescent="0.2">
      <c r="B4590" s="97"/>
      <c r="J4590" s="98"/>
      <c r="K4590" s="97"/>
      <c r="N4590" s="3"/>
      <c r="W4590" s="98"/>
      <c r="Z4590" s="143"/>
      <c r="AA4590" s="137"/>
      <c r="AB4590" s="137"/>
      <c r="AC4590" s="137"/>
      <c r="AD4590" s="137"/>
      <c r="AE4590" s="137"/>
      <c r="AF4590" s="137"/>
      <c r="AG4590" s="137"/>
      <c r="AH4590" s="137"/>
      <c r="AI4590" s="137"/>
      <c r="AJ4590" s="137"/>
      <c r="AK4590" s="206"/>
      <c r="AL4590" s="206"/>
      <c r="AM4590" s="143"/>
      <c r="AN4590" s="137"/>
      <c r="AO4590" s="137"/>
      <c r="AP4590" s="137"/>
      <c r="AQ4590" s="137"/>
      <c r="AR4590" s="137"/>
      <c r="AS4590" s="137"/>
      <c r="AT4590" s="137"/>
      <c r="AU4590" s="137"/>
      <c r="AV4590" s="137"/>
      <c r="AW4590" s="144"/>
    </row>
    <row r="4591" spans="2:49" x14ac:dyDescent="0.2">
      <c r="B4591" s="97"/>
      <c r="J4591" s="98"/>
      <c r="K4591" s="97"/>
      <c r="N4591" s="3"/>
      <c r="W4591" s="98"/>
      <c r="Z4591" s="143"/>
      <c r="AA4591" s="137"/>
      <c r="AB4591" s="137"/>
      <c r="AC4591" s="137"/>
      <c r="AD4591" s="137"/>
      <c r="AE4591" s="137"/>
      <c r="AF4591" s="137"/>
      <c r="AG4591" s="137"/>
      <c r="AH4591" s="137"/>
      <c r="AI4591" s="137"/>
      <c r="AJ4591" s="137"/>
      <c r="AK4591" s="206"/>
      <c r="AL4591" s="206"/>
      <c r="AM4591" s="143"/>
      <c r="AN4591" s="137"/>
      <c r="AO4591" s="137"/>
      <c r="AP4591" s="137"/>
      <c r="AQ4591" s="137"/>
      <c r="AR4591" s="137"/>
      <c r="AS4591" s="137"/>
      <c r="AT4591" s="137"/>
      <c r="AU4591" s="137"/>
      <c r="AV4591" s="137"/>
      <c r="AW4591" s="144"/>
    </row>
    <row r="4592" spans="2:49" x14ac:dyDescent="0.2">
      <c r="B4592" s="97"/>
      <c r="J4592" s="98"/>
      <c r="K4592" s="97"/>
      <c r="N4592" s="3"/>
      <c r="W4592" s="98"/>
      <c r="Z4592" s="143"/>
      <c r="AA4592" s="137"/>
      <c r="AB4592" s="137"/>
      <c r="AC4592" s="137"/>
      <c r="AD4592" s="137"/>
      <c r="AE4592" s="137"/>
      <c r="AF4592" s="137"/>
      <c r="AG4592" s="137"/>
      <c r="AH4592" s="137"/>
      <c r="AI4592" s="137"/>
      <c r="AJ4592" s="137"/>
      <c r="AK4592" s="206"/>
      <c r="AL4592" s="206"/>
      <c r="AM4592" s="143"/>
      <c r="AN4592" s="137"/>
      <c r="AO4592" s="137"/>
      <c r="AP4592" s="137"/>
      <c r="AQ4592" s="137"/>
      <c r="AR4592" s="137"/>
      <c r="AS4592" s="137"/>
      <c r="AT4592" s="137"/>
      <c r="AU4592" s="137"/>
      <c r="AV4592" s="137"/>
      <c r="AW4592" s="144"/>
    </row>
    <row r="4593" spans="2:49" x14ac:dyDescent="0.2">
      <c r="B4593" s="97"/>
      <c r="J4593" s="98"/>
      <c r="K4593" s="97"/>
      <c r="N4593" s="3"/>
      <c r="W4593" s="98"/>
      <c r="Z4593" s="143"/>
      <c r="AA4593" s="137"/>
      <c r="AB4593" s="137"/>
      <c r="AC4593" s="137"/>
      <c r="AD4593" s="137"/>
      <c r="AE4593" s="137"/>
      <c r="AF4593" s="137"/>
      <c r="AG4593" s="137"/>
      <c r="AH4593" s="137"/>
      <c r="AI4593" s="137"/>
      <c r="AJ4593" s="137"/>
      <c r="AK4593" s="206"/>
      <c r="AL4593" s="206"/>
      <c r="AM4593" s="143"/>
      <c r="AN4593" s="137"/>
      <c r="AO4593" s="137"/>
      <c r="AP4593" s="137"/>
      <c r="AQ4593" s="137"/>
      <c r="AR4593" s="137"/>
      <c r="AS4593" s="137"/>
      <c r="AT4593" s="137"/>
      <c r="AU4593" s="137"/>
      <c r="AV4593" s="137"/>
      <c r="AW4593" s="144"/>
    </row>
    <row r="4594" spans="2:49" x14ac:dyDescent="0.2">
      <c r="B4594" s="97"/>
      <c r="J4594" s="98"/>
      <c r="K4594" s="97"/>
      <c r="N4594" s="3"/>
      <c r="W4594" s="98"/>
      <c r="Z4594" s="143"/>
      <c r="AA4594" s="137"/>
      <c r="AB4594" s="137"/>
      <c r="AC4594" s="137"/>
      <c r="AD4594" s="137"/>
      <c r="AE4594" s="137"/>
      <c r="AF4594" s="137"/>
      <c r="AG4594" s="137"/>
      <c r="AH4594" s="137"/>
      <c r="AI4594" s="137"/>
      <c r="AJ4594" s="137"/>
      <c r="AK4594" s="206"/>
      <c r="AL4594" s="206"/>
      <c r="AM4594" s="143"/>
      <c r="AN4594" s="137"/>
      <c r="AO4594" s="137"/>
      <c r="AP4594" s="137"/>
      <c r="AQ4594" s="137"/>
      <c r="AR4594" s="137"/>
      <c r="AS4594" s="137"/>
      <c r="AT4594" s="137"/>
      <c r="AU4594" s="137"/>
      <c r="AV4594" s="137"/>
      <c r="AW4594" s="144"/>
    </row>
    <row r="4595" spans="2:49" x14ac:dyDescent="0.2">
      <c r="B4595" s="97"/>
      <c r="J4595" s="98"/>
      <c r="K4595" s="97"/>
      <c r="N4595" s="3"/>
      <c r="W4595" s="98"/>
      <c r="Z4595" s="143"/>
      <c r="AA4595" s="137"/>
      <c r="AB4595" s="137"/>
      <c r="AC4595" s="137"/>
      <c r="AD4595" s="137"/>
      <c r="AE4595" s="137"/>
      <c r="AF4595" s="137"/>
      <c r="AG4595" s="137"/>
      <c r="AH4595" s="137"/>
      <c r="AI4595" s="137"/>
      <c r="AJ4595" s="137"/>
      <c r="AK4595" s="206"/>
      <c r="AL4595" s="206"/>
      <c r="AM4595" s="143"/>
      <c r="AN4595" s="137"/>
      <c r="AO4595" s="137"/>
      <c r="AP4595" s="137"/>
      <c r="AQ4595" s="137"/>
      <c r="AR4595" s="137"/>
      <c r="AS4595" s="137"/>
      <c r="AT4595" s="137"/>
      <c r="AU4595" s="137"/>
      <c r="AV4595" s="137"/>
      <c r="AW4595" s="144"/>
    </row>
    <row r="4596" spans="2:49" x14ac:dyDescent="0.2">
      <c r="B4596" s="97"/>
      <c r="J4596" s="98"/>
      <c r="K4596" s="97"/>
      <c r="N4596" s="3"/>
      <c r="W4596" s="98"/>
      <c r="Z4596" s="143"/>
      <c r="AA4596" s="137"/>
      <c r="AB4596" s="137"/>
      <c r="AC4596" s="137"/>
      <c r="AD4596" s="137"/>
      <c r="AE4596" s="137"/>
      <c r="AF4596" s="137"/>
      <c r="AG4596" s="137"/>
      <c r="AH4596" s="137"/>
      <c r="AI4596" s="137"/>
      <c r="AJ4596" s="137"/>
      <c r="AK4596" s="206"/>
      <c r="AL4596" s="206"/>
      <c r="AM4596" s="143"/>
      <c r="AN4596" s="137"/>
      <c r="AO4596" s="137"/>
      <c r="AP4596" s="137"/>
      <c r="AQ4596" s="137"/>
      <c r="AR4596" s="137"/>
      <c r="AS4596" s="137"/>
      <c r="AT4596" s="137"/>
      <c r="AU4596" s="137"/>
      <c r="AV4596" s="137"/>
      <c r="AW4596" s="144"/>
    </row>
    <row r="4597" spans="2:49" x14ac:dyDescent="0.2">
      <c r="B4597" s="97"/>
      <c r="J4597" s="98"/>
      <c r="K4597" s="97"/>
      <c r="N4597" s="3"/>
      <c r="W4597" s="98"/>
      <c r="Z4597" s="143"/>
      <c r="AA4597" s="137"/>
      <c r="AB4597" s="137"/>
      <c r="AC4597" s="137"/>
      <c r="AD4597" s="137"/>
      <c r="AE4597" s="137"/>
      <c r="AF4597" s="137"/>
      <c r="AG4597" s="137"/>
      <c r="AH4597" s="137"/>
      <c r="AI4597" s="137"/>
      <c r="AJ4597" s="137"/>
      <c r="AK4597" s="206"/>
      <c r="AL4597" s="206"/>
      <c r="AM4597" s="143"/>
      <c r="AN4597" s="137"/>
      <c r="AO4597" s="137"/>
      <c r="AP4597" s="137"/>
      <c r="AQ4597" s="137"/>
      <c r="AR4597" s="137"/>
      <c r="AS4597" s="137"/>
      <c r="AT4597" s="137"/>
      <c r="AU4597" s="137"/>
      <c r="AV4597" s="137"/>
      <c r="AW4597" s="144"/>
    </row>
    <row r="4598" spans="2:49" x14ac:dyDescent="0.2">
      <c r="B4598" s="97"/>
      <c r="J4598" s="98"/>
      <c r="K4598" s="97"/>
      <c r="N4598" s="3"/>
      <c r="W4598" s="98"/>
      <c r="Z4598" s="143"/>
      <c r="AA4598" s="137"/>
      <c r="AB4598" s="137"/>
      <c r="AC4598" s="137"/>
      <c r="AD4598" s="137"/>
      <c r="AE4598" s="137"/>
      <c r="AF4598" s="137"/>
      <c r="AG4598" s="137"/>
      <c r="AH4598" s="137"/>
      <c r="AI4598" s="137"/>
      <c r="AJ4598" s="137"/>
      <c r="AK4598" s="206"/>
      <c r="AL4598" s="206"/>
      <c r="AM4598" s="143"/>
      <c r="AN4598" s="137"/>
      <c r="AO4598" s="137"/>
      <c r="AP4598" s="137"/>
      <c r="AQ4598" s="137"/>
      <c r="AR4598" s="137"/>
      <c r="AS4598" s="137"/>
      <c r="AT4598" s="137"/>
      <c r="AU4598" s="137"/>
      <c r="AV4598" s="137"/>
      <c r="AW4598" s="144"/>
    </row>
    <row r="4599" spans="2:49" x14ac:dyDescent="0.2">
      <c r="B4599" s="97"/>
      <c r="J4599" s="98"/>
      <c r="K4599" s="97"/>
      <c r="N4599" s="3"/>
      <c r="W4599" s="98"/>
      <c r="Z4599" s="143"/>
      <c r="AA4599" s="137"/>
      <c r="AB4599" s="137"/>
      <c r="AC4599" s="137"/>
      <c r="AD4599" s="137"/>
      <c r="AE4599" s="137"/>
      <c r="AF4599" s="137"/>
      <c r="AG4599" s="137"/>
      <c r="AH4599" s="137"/>
      <c r="AI4599" s="137"/>
      <c r="AJ4599" s="137"/>
      <c r="AK4599" s="206"/>
      <c r="AL4599" s="206"/>
      <c r="AM4599" s="143"/>
      <c r="AN4599" s="137"/>
      <c r="AO4599" s="137"/>
      <c r="AP4599" s="137"/>
      <c r="AQ4599" s="137"/>
      <c r="AR4599" s="137"/>
      <c r="AS4599" s="137"/>
      <c r="AT4599" s="137"/>
      <c r="AU4599" s="137"/>
      <c r="AV4599" s="137"/>
      <c r="AW4599" s="144"/>
    </row>
    <row r="4600" spans="2:49" x14ac:dyDescent="0.2">
      <c r="B4600" s="97"/>
      <c r="J4600" s="98"/>
      <c r="K4600" s="97"/>
      <c r="N4600" s="3"/>
      <c r="W4600" s="98"/>
      <c r="Z4600" s="143"/>
      <c r="AA4600" s="137"/>
      <c r="AB4600" s="137"/>
      <c r="AC4600" s="137"/>
      <c r="AD4600" s="137"/>
      <c r="AE4600" s="137"/>
      <c r="AF4600" s="137"/>
      <c r="AG4600" s="137"/>
      <c r="AH4600" s="137"/>
      <c r="AI4600" s="137"/>
      <c r="AJ4600" s="137"/>
      <c r="AK4600" s="206"/>
      <c r="AL4600" s="206"/>
      <c r="AM4600" s="143"/>
      <c r="AN4600" s="137"/>
      <c r="AO4600" s="137"/>
      <c r="AP4600" s="137"/>
      <c r="AQ4600" s="137"/>
      <c r="AR4600" s="137"/>
      <c r="AS4600" s="137"/>
      <c r="AT4600" s="137"/>
      <c r="AU4600" s="137"/>
      <c r="AV4600" s="137"/>
      <c r="AW4600" s="144"/>
    </row>
    <row r="4601" spans="2:49" x14ac:dyDescent="0.2">
      <c r="B4601" s="97"/>
      <c r="J4601" s="98"/>
      <c r="K4601" s="97"/>
      <c r="N4601" s="3"/>
      <c r="W4601" s="98"/>
      <c r="Z4601" s="143"/>
      <c r="AA4601" s="137"/>
      <c r="AB4601" s="137"/>
      <c r="AC4601" s="137"/>
      <c r="AD4601" s="137"/>
      <c r="AE4601" s="137"/>
      <c r="AF4601" s="137"/>
      <c r="AG4601" s="137"/>
      <c r="AH4601" s="137"/>
      <c r="AI4601" s="137"/>
      <c r="AJ4601" s="137"/>
      <c r="AK4601" s="206"/>
      <c r="AL4601" s="206"/>
      <c r="AM4601" s="143"/>
      <c r="AN4601" s="137"/>
      <c r="AO4601" s="137"/>
      <c r="AP4601" s="137"/>
      <c r="AQ4601" s="137"/>
      <c r="AR4601" s="137"/>
      <c r="AS4601" s="137"/>
      <c r="AT4601" s="137"/>
      <c r="AU4601" s="137"/>
      <c r="AV4601" s="137"/>
      <c r="AW4601" s="144"/>
    </row>
    <row r="4602" spans="2:49" x14ac:dyDescent="0.2">
      <c r="B4602" s="97"/>
      <c r="J4602" s="98"/>
      <c r="K4602" s="97"/>
      <c r="N4602" s="3"/>
      <c r="W4602" s="98"/>
      <c r="Z4602" s="143"/>
      <c r="AA4602" s="137"/>
      <c r="AB4602" s="137"/>
      <c r="AC4602" s="137"/>
      <c r="AD4602" s="137"/>
      <c r="AE4602" s="137"/>
      <c r="AF4602" s="137"/>
      <c r="AG4602" s="137"/>
      <c r="AH4602" s="137"/>
      <c r="AI4602" s="137"/>
      <c r="AJ4602" s="137"/>
      <c r="AK4602" s="206"/>
      <c r="AL4602" s="206"/>
      <c r="AM4602" s="143"/>
      <c r="AN4602" s="137"/>
      <c r="AO4602" s="137"/>
      <c r="AP4602" s="137"/>
      <c r="AQ4602" s="137"/>
      <c r="AR4602" s="137"/>
      <c r="AS4602" s="137"/>
      <c r="AT4602" s="137"/>
      <c r="AU4602" s="137"/>
      <c r="AV4602" s="137"/>
      <c r="AW4602" s="144"/>
    </row>
    <row r="4603" spans="2:49" x14ac:dyDescent="0.2">
      <c r="B4603" s="97"/>
      <c r="J4603" s="98"/>
      <c r="K4603" s="97"/>
      <c r="N4603" s="3"/>
      <c r="W4603" s="98"/>
      <c r="Z4603" s="143"/>
      <c r="AA4603" s="137"/>
      <c r="AB4603" s="137"/>
      <c r="AC4603" s="137"/>
      <c r="AD4603" s="137"/>
      <c r="AE4603" s="137"/>
      <c r="AF4603" s="137"/>
      <c r="AG4603" s="137"/>
      <c r="AH4603" s="137"/>
      <c r="AI4603" s="137"/>
      <c r="AJ4603" s="137"/>
      <c r="AK4603" s="206"/>
      <c r="AL4603" s="206"/>
      <c r="AM4603" s="143"/>
      <c r="AN4603" s="137"/>
      <c r="AO4603" s="137"/>
      <c r="AP4603" s="137"/>
      <c r="AQ4603" s="137"/>
      <c r="AR4603" s="137"/>
      <c r="AS4603" s="137"/>
      <c r="AT4603" s="137"/>
      <c r="AU4603" s="137"/>
      <c r="AV4603" s="137"/>
      <c r="AW4603" s="144"/>
    </row>
    <row r="4604" spans="2:49" x14ac:dyDescent="0.2">
      <c r="B4604" s="97"/>
      <c r="J4604" s="98"/>
      <c r="K4604" s="97"/>
      <c r="N4604" s="3"/>
      <c r="W4604" s="98"/>
      <c r="Z4604" s="143"/>
      <c r="AA4604" s="137"/>
      <c r="AB4604" s="137"/>
      <c r="AC4604" s="137"/>
      <c r="AD4604" s="137"/>
      <c r="AE4604" s="137"/>
      <c r="AF4604" s="137"/>
      <c r="AG4604" s="137"/>
      <c r="AH4604" s="137"/>
      <c r="AI4604" s="137"/>
      <c r="AJ4604" s="137"/>
      <c r="AK4604" s="206"/>
      <c r="AL4604" s="206"/>
      <c r="AM4604" s="143"/>
      <c r="AN4604" s="137"/>
      <c r="AO4604" s="137"/>
      <c r="AP4604" s="137"/>
      <c r="AQ4604" s="137"/>
      <c r="AR4604" s="137"/>
      <c r="AS4604" s="137"/>
      <c r="AT4604" s="137"/>
      <c r="AU4604" s="137"/>
      <c r="AV4604" s="137"/>
      <c r="AW4604" s="144"/>
    </row>
    <row r="4605" spans="2:49" x14ac:dyDescent="0.2">
      <c r="B4605" s="97"/>
      <c r="J4605" s="98"/>
      <c r="K4605" s="97"/>
      <c r="N4605" s="3"/>
      <c r="W4605" s="98"/>
      <c r="Z4605" s="143"/>
      <c r="AA4605" s="137"/>
      <c r="AB4605" s="137"/>
      <c r="AC4605" s="137"/>
      <c r="AD4605" s="137"/>
      <c r="AE4605" s="137"/>
      <c r="AF4605" s="137"/>
      <c r="AG4605" s="137"/>
      <c r="AH4605" s="137"/>
      <c r="AI4605" s="137"/>
      <c r="AJ4605" s="137"/>
      <c r="AK4605" s="206"/>
      <c r="AL4605" s="206"/>
      <c r="AM4605" s="143"/>
      <c r="AN4605" s="137"/>
      <c r="AO4605" s="137"/>
      <c r="AP4605" s="137"/>
      <c r="AQ4605" s="137"/>
      <c r="AR4605" s="137"/>
      <c r="AS4605" s="137"/>
      <c r="AT4605" s="137"/>
      <c r="AU4605" s="137"/>
      <c r="AV4605" s="137"/>
      <c r="AW4605" s="144"/>
    </row>
    <row r="4606" spans="2:49" x14ac:dyDescent="0.2">
      <c r="B4606" s="97"/>
      <c r="J4606" s="98"/>
      <c r="K4606" s="97"/>
      <c r="N4606" s="3"/>
      <c r="W4606" s="98"/>
      <c r="Z4606" s="143"/>
      <c r="AA4606" s="137"/>
      <c r="AB4606" s="137"/>
      <c r="AC4606" s="137"/>
      <c r="AD4606" s="137"/>
      <c r="AE4606" s="137"/>
      <c r="AF4606" s="137"/>
      <c r="AG4606" s="137"/>
      <c r="AH4606" s="137"/>
      <c r="AI4606" s="137"/>
      <c r="AJ4606" s="137"/>
      <c r="AK4606" s="206"/>
      <c r="AL4606" s="206"/>
      <c r="AM4606" s="143"/>
      <c r="AN4606" s="137"/>
      <c r="AO4606" s="137"/>
      <c r="AP4606" s="137"/>
      <c r="AQ4606" s="137"/>
      <c r="AR4606" s="137"/>
      <c r="AS4606" s="137"/>
      <c r="AT4606" s="137"/>
      <c r="AU4606" s="137"/>
      <c r="AV4606" s="137"/>
      <c r="AW4606" s="144"/>
    </row>
    <row r="4607" spans="2:49" x14ac:dyDescent="0.2">
      <c r="B4607" s="97"/>
      <c r="J4607" s="98"/>
      <c r="K4607" s="97"/>
      <c r="N4607" s="3"/>
      <c r="W4607" s="98"/>
      <c r="Z4607" s="143"/>
      <c r="AA4607" s="137"/>
      <c r="AB4607" s="137"/>
      <c r="AC4607" s="137"/>
      <c r="AD4607" s="137"/>
      <c r="AE4607" s="137"/>
      <c r="AF4607" s="137"/>
      <c r="AG4607" s="137"/>
      <c r="AH4607" s="137"/>
      <c r="AI4607" s="137"/>
      <c r="AJ4607" s="137"/>
      <c r="AK4607" s="206"/>
      <c r="AL4607" s="206"/>
      <c r="AM4607" s="143"/>
      <c r="AN4607" s="137"/>
      <c r="AO4607" s="137"/>
      <c r="AP4607" s="137"/>
      <c r="AQ4607" s="137"/>
      <c r="AR4607" s="137"/>
      <c r="AS4607" s="137"/>
      <c r="AT4607" s="137"/>
      <c r="AU4607" s="137"/>
      <c r="AV4607" s="137"/>
      <c r="AW4607" s="144"/>
    </row>
    <row r="4608" spans="2:49" x14ac:dyDescent="0.2">
      <c r="B4608" s="97"/>
      <c r="J4608" s="98"/>
      <c r="K4608" s="97"/>
      <c r="N4608" s="3"/>
      <c r="W4608" s="98"/>
      <c r="Z4608" s="143"/>
      <c r="AA4608" s="137"/>
      <c r="AB4608" s="137"/>
      <c r="AC4608" s="137"/>
      <c r="AD4608" s="137"/>
      <c r="AE4608" s="137"/>
      <c r="AF4608" s="137"/>
      <c r="AG4608" s="137"/>
      <c r="AH4608" s="137"/>
      <c r="AI4608" s="137"/>
      <c r="AJ4608" s="137"/>
      <c r="AK4608" s="206"/>
      <c r="AL4608" s="206"/>
      <c r="AM4608" s="143"/>
      <c r="AN4608" s="137"/>
      <c r="AO4608" s="137"/>
      <c r="AP4608" s="137"/>
      <c r="AQ4608" s="137"/>
      <c r="AR4608" s="137"/>
      <c r="AS4608" s="137"/>
      <c r="AT4608" s="137"/>
      <c r="AU4608" s="137"/>
      <c r="AV4608" s="137"/>
      <c r="AW4608" s="144"/>
    </row>
    <row r="4609" spans="2:49" x14ac:dyDescent="0.2">
      <c r="B4609" s="97"/>
      <c r="J4609" s="98"/>
      <c r="K4609" s="97"/>
      <c r="N4609" s="3"/>
      <c r="W4609" s="98"/>
      <c r="Z4609" s="143"/>
      <c r="AA4609" s="137"/>
      <c r="AB4609" s="137"/>
      <c r="AC4609" s="137"/>
      <c r="AD4609" s="137"/>
      <c r="AE4609" s="137"/>
      <c r="AF4609" s="137"/>
      <c r="AG4609" s="137"/>
      <c r="AH4609" s="137"/>
      <c r="AI4609" s="137"/>
      <c r="AJ4609" s="137"/>
      <c r="AK4609" s="206"/>
      <c r="AL4609" s="206"/>
      <c r="AM4609" s="143"/>
      <c r="AN4609" s="137"/>
      <c r="AO4609" s="137"/>
      <c r="AP4609" s="137"/>
      <c r="AQ4609" s="137"/>
      <c r="AR4609" s="137"/>
      <c r="AS4609" s="137"/>
      <c r="AT4609" s="137"/>
      <c r="AU4609" s="137"/>
      <c r="AV4609" s="137"/>
      <c r="AW4609" s="144"/>
    </row>
    <row r="4610" spans="2:49" x14ac:dyDescent="0.2">
      <c r="B4610" s="97"/>
      <c r="J4610" s="98"/>
      <c r="K4610" s="97"/>
      <c r="N4610" s="3"/>
      <c r="W4610" s="98"/>
      <c r="Z4610" s="143"/>
      <c r="AA4610" s="137"/>
      <c r="AB4610" s="137"/>
      <c r="AC4610" s="137"/>
      <c r="AD4610" s="137"/>
      <c r="AE4610" s="137"/>
      <c r="AF4610" s="137"/>
      <c r="AG4610" s="137"/>
      <c r="AH4610" s="137"/>
      <c r="AI4610" s="137"/>
      <c r="AJ4610" s="137"/>
      <c r="AK4610" s="206"/>
      <c r="AL4610" s="206"/>
      <c r="AM4610" s="143"/>
      <c r="AN4610" s="137"/>
      <c r="AO4610" s="137"/>
      <c r="AP4610" s="137"/>
      <c r="AQ4610" s="137"/>
      <c r="AR4610" s="137"/>
      <c r="AS4610" s="137"/>
      <c r="AT4610" s="137"/>
      <c r="AU4610" s="137"/>
      <c r="AV4610" s="137"/>
      <c r="AW4610" s="144"/>
    </row>
    <row r="4611" spans="2:49" x14ac:dyDescent="0.2">
      <c r="B4611" s="97"/>
      <c r="J4611" s="98"/>
      <c r="K4611" s="97"/>
      <c r="N4611" s="3"/>
      <c r="W4611" s="98"/>
      <c r="Z4611" s="143"/>
      <c r="AA4611" s="137"/>
      <c r="AB4611" s="137"/>
      <c r="AC4611" s="137"/>
      <c r="AD4611" s="137"/>
      <c r="AE4611" s="137"/>
      <c r="AF4611" s="137"/>
      <c r="AG4611" s="137"/>
      <c r="AH4611" s="137"/>
      <c r="AI4611" s="137"/>
      <c r="AJ4611" s="137"/>
      <c r="AK4611" s="206"/>
      <c r="AL4611" s="206"/>
      <c r="AM4611" s="143"/>
      <c r="AN4611" s="137"/>
      <c r="AO4611" s="137"/>
      <c r="AP4611" s="137"/>
      <c r="AQ4611" s="137"/>
      <c r="AR4611" s="137"/>
      <c r="AS4611" s="137"/>
      <c r="AT4611" s="137"/>
      <c r="AU4611" s="137"/>
      <c r="AV4611" s="137"/>
      <c r="AW4611" s="144"/>
    </row>
    <row r="4612" spans="2:49" x14ac:dyDescent="0.2">
      <c r="B4612" s="97"/>
      <c r="J4612" s="98"/>
      <c r="K4612" s="97"/>
      <c r="N4612" s="3"/>
      <c r="W4612" s="98"/>
      <c r="Z4612" s="143"/>
      <c r="AA4612" s="137"/>
      <c r="AB4612" s="137"/>
      <c r="AC4612" s="137"/>
      <c r="AD4612" s="137"/>
      <c r="AE4612" s="137"/>
      <c r="AF4612" s="137"/>
      <c r="AG4612" s="137"/>
      <c r="AH4612" s="137"/>
      <c r="AI4612" s="137"/>
      <c r="AJ4612" s="137"/>
      <c r="AK4612" s="206"/>
      <c r="AL4612" s="206"/>
      <c r="AM4612" s="143"/>
      <c r="AN4612" s="137"/>
      <c r="AO4612" s="137"/>
      <c r="AP4612" s="137"/>
      <c r="AQ4612" s="137"/>
      <c r="AR4612" s="137"/>
      <c r="AS4612" s="137"/>
      <c r="AT4612" s="137"/>
      <c r="AU4612" s="137"/>
      <c r="AV4612" s="137"/>
      <c r="AW4612" s="144"/>
    </row>
    <row r="4613" spans="2:49" x14ac:dyDescent="0.2">
      <c r="B4613" s="97"/>
      <c r="J4613" s="98"/>
      <c r="K4613" s="97"/>
      <c r="N4613" s="3"/>
      <c r="W4613" s="98"/>
      <c r="Z4613" s="143"/>
      <c r="AA4613" s="137"/>
      <c r="AB4613" s="137"/>
      <c r="AC4613" s="137"/>
      <c r="AD4613" s="137"/>
      <c r="AE4613" s="137"/>
      <c r="AF4613" s="137"/>
      <c r="AG4613" s="137"/>
      <c r="AH4613" s="137"/>
      <c r="AI4613" s="137"/>
      <c r="AJ4613" s="137"/>
      <c r="AK4613" s="206"/>
      <c r="AL4613" s="206"/>
      <c r="AM4613" s="143"/>
      <c r="AN4613" s="137"/>
      <c r="AO4613" s="137"/>
      <c r="AP4613" s="137"/>
      <c r="AQ4613" s="137"/>
      <c r="AR4613" s="137"/>
      <c r="AS4613" s="137"/>
      <c r="AT4613" s="137"/>
      <c r="AU4613" s="137"/>
      <c r="AV4613" s="137"/>
      <c r="AW4613" s="144"/>
    </row>
    <row r="4614" spans="2:49" x14ac:dyDescent="0.2">
      <c r="B4614" s="97"/>
      <c r="J4614" s="98"/>
      <c r="K4614" s="97"/>
      <c r="N4614" s="3"/>
      <c r="W4614" s="98"/>
      <c r="Z4614" s="143"/>
      <c r="AA4614" s="137"/>
      <c r="AB4614" s="137"/>
      <c r="AC4614" s="137"/>
      <c r="AD4614" s="137"/>
      <c r="AE4614" s="137"/>
      <c r="AF4614" s="137"/>
      <c r="AG4614" s="137"/>
      <c r="AH4614" s="137"/>
      <c r="AI4614" s="137"/>
      <c r="AJ4614" s="137"/>
      <c r="AK4614" s="206"/>
      <c r="AL4614" s="206"/>
      <c r="AM4614" s="143"/>
      <c r="AN4614" s="137"/>
      <c r="AO4614" s="137"/>
      <c r="AP4614" s="137"/>
      <c r="AQ4614" s="137"/>
      <c r="AR4614" s="137"/>
      <c r="AS4614" s="137"/>
      <c r="AT4614" s="137"/>
      <c r="AU4614" s="137"/>
      <c r="AV4614" s="137"/>
      <c r="AW4614" s="144"/>
    </row>
    <row r="4615" spans="2:49" x14ac:dyDescent="0.2">
      <c r="B4615" s="97"/>
      <c r="J4615" s="98"/>
      <c r="K4615" s="97"/>
      <c r="N4615" s="3"/>
      <c r="W4615" s="98"/>
      <c r="Z4615" s="143"/>
      <c r="AA4615" s="137"/>
      <c r="AB4615" s="137"/>
      <c r="AC4615" s="137"/>
      <c r="AD4615" s="137"/>
      <c r="AE4615" s="137"/>
      <c r="AF4615" s="137"/>
      <c r="AG4615" s="137"/>
      <c r="AH4615" s="137"/>
      <c r="AI4615" s="137"/>
      <c r="AJ4615" s="137"/>
      <c r="AK4615" s="206"/>
      <c r="AL4615" s="206"/>
      <c r="AM4615" s="143"/>
      <c r="AN4615" s="137"/>
      <c r="AO4615" s="137"/>
      <c r="AP4615" s="137"/>
      <c r="AQ4615" s="137"/>
      <c r="AR4615" s="137"/>
      <c r="AS4615" s="137"/>
      <c r="AT4615" s="137"/>
      <c r="AU4615" s="137"/>
      <c r="AV4615" s="137"/>
      <c r="AW4615" s="144"/>
    </row>
    <row r="4616" spans="2:49" x14ac:dyDescent="0.2">
      <c r="B4616" s="97"/>
      <c r="J4616" s="98"/>
      <c r="K4616" s="97"/>
      <c r="N4616" s="3"/>
      <c r="W4616" s="98"/>
      <c r="Z4616" s="143"/>
      <c r="AA4616" s="137"/>
      <c r="AB4616" s="137"/>
      <c r="AC4616" s="137"/>
      <c r="AD4616" s="137"/>
      <c r="AE4616" s="137"/>
      <c r="AF4616" s="137"/>
      <c r="AG4616" s="137"/>
      <c r="AH4616" s="137"/>
      <c r="AI4616" s="137"/>
      <c r="AJ4616" s="137"/>
      <c r="AK4616" s="206"/>
      <c r="AL4616" s="206"/>
      <c r="AM4616" s="143"/>
      <c r="AN4616" s="137"/>
      <c r="AO4616" s="137"/>
      <c r="AP4616" s="137"/>
      <c r="AQ4616" s="137"/>
      <c r="AR4616" s="137"/>
      <c r="AS4616" s="137"/>
      <c r="AT4616" s="137"/>
      <c r="AU4616" s="137"/>
      <c r="AV4616" s="137"/>
      <c r="AW4616" s="144"/>
    </row>
    <row r="4617" spans="2:49" x14ac:dyDescent="0.2">
      <c r="B4617" s="97"/>
      <c r="J4617" s="98"/>
      <c r="K4617" s="97"/>
      <c r="N4617" s="3"/>
      <c r="W4617" s="98"/>
      <c r="Z4617" s="143"/>
      <c r="AA4617" s="137"/>
      <c r="AB4617" s="137"/>
      <c r="AC4617" s="137"/>
      <c r="AD4617" s="137"/>
      <c r="AE4617" s="137"/>
      <c r="AF4617" s="137"/>
      <c r="AG4617" s="137"/>
      <c r="AH4617" s="137"/>
      <c r="AI4617" s="137"/>
      <c r="AJ4617" s="137"/>
      <c r="AK4617" s="206"/>
      <c r="AL4617" s="206"/>
      <c r="AM4617" s="143"/>
      <c r="AN4617" s="137"/>
      <c r="AO4617" s="137"/>
      <c r="AP4617" s="137"/>
      <c r="AQ4617" s="137"/>
      <c r="AR4617" s="137"/>
      <c r="AS4617" s="137"/>
      <c r="AT4617" s="137"/>
      <c r="AU4617" s="137"/>
      <c r="AV4617" s="137"/>
      <c r="AW4617" s="144"/>
    </row>
    <row r="4618" spans="2:49" x14ac:dyDescent="0.2">
      <c r="B4618" s="97"/>
      <c r="J4618" s="98"/>
      <c r="K4618" s="97"/>
      <c r="N4618" s="3"/>
      <c r="W4618" s="98"/>
      <c r="Z4618" s="143"/>
      <c r="AA4618" s="137"/>
      <c r="AB4618" s="137"/>
      <c r="AC4618" s="137"/>
      <c r="AD4618" s="137"/>
      <c r="AE4618" s="137"/>
      <c r="AF4618" s="137"/>
      <c r="AG4618" s="137"/>
      <c r="AH4618" s="137"/>
      <c r="AI4618" s="137"/>
      <c r="AJ4618" s="137"/>
      <c r="AK4618" s="206"/>
      <c r="AL4618" s="206"/>
      <c r="AM4618" s="143"/>
      <c r="AN4618" s="137"/>
      <c r="AO4618" s="137"/>
      <c r="AP4618" s="137"/>
      <c r="AQ4618" s="137"/>
      <c r="AR4618" s="137"/>
      <c r="AS4618" s="137"/>
      <c r="AT4618" s="137"/>
      <c r="AU4618" s="137"/>
      <c r="AV4618" s="137"/>
      <c r="AW4618" s="144"/>
    </row>
    <row r="4619" spans="2:49" x14ac:dyDescent="0.2">
      <c r="B4619" s="97"/>
      <c r="J4619" s="98"/>
      <c r="K4619" s="97"/>
      <c r="N4619" s="3"/>
      <c r="W4619" s="98"/>
      <c r="Z4619" s="143"/>
      <c r="AA4619" s="137"/>
      <c r="AB4619" s="137"/>
      <c r="AC4619" s="137"/>
      <c r="AD4619" s="137"/>
      <c r="AE4619" s="137"/>
      <c r="AF4619" s="137"/>
      <c r="AG4619" s="137"/>
      <c r="AH4619" s="137"/>
      <c r="AI4619" s="137"/>
      <c r="AJ4619" s="137"/>
      <c r="AK4619" s="206"/>
      <c r="AL4619" s="206"/>
      <c r="AM4619" s="143"/>
      <c r="AN4619" s="137"/>
      <c r="AO4619" s="137"/>
      <c r="AP4619" s="137"/>
      <c r="AQ4619" s="137"/>
      <c r="AR4619" s="137"/>
      <c r="AS4619" s="137"/>
      <c r="AT4619" s="137"/>
      <c r="AU4619" s="137"/>
      <c r="AV4619" s="137"/>
      <c r="AW4619" s="144"/>
    </row>
    <row r="4620" spans="2:49" x14ac:dyDescent="0.2">
      <c r="B4620" s="97"/>
      <c r="J4620" s="98"/>
      <c r="K4620" s="97"/>
      <c r="N4620" s="3"/>
      <c r="W4620" s="98"/>
      <c r="Z4620" s="143"/>
      <c r="AA4620" s="137"/>
      <c r="AB4620" s="137"/>
      <c r="AC4620" s="137"/>
      <c r="AD4620" s="137"/>
      <c r="AE4620" s="137"/>
      <c r="AF4620" s="137"/>
      <c r="AG4620" s="137"/>
      <c r="AH4620" s="137"/>
      <c r="AI4620" s="137"/>
      <c r="AJ4620" s="137"/>
      <c r="AK4620" s="206"/>
      <c r="AL4620" s="206"/>
      <c r="AM4620" s="143"/>
      <c r="AN4620" s="137"/>
      <c r="AO4620" s="137"/>
      <c r="AP4620" s="137"/>
      <c r="AQ4620" s="137"/>
      <c r="AR4620" s="137"/>
      <c r="AS4620" s="137"/>
      <c r="AT4620" s="137"/>
      <c r="AU4620" s="137"/>
      <c r="AV4620" s="137"/>
      <c r="AW4620" s="144"/>
    </row>
    <row r="4621" spans="2:49" x14ac:dyDescent="0.2">
      <c r="B4621" s="97"/>
      <c r="J4621" s="98"/>
      <c r="K4621" s="97"/>
      <c r="N4621" s="3"/>
      <c r="W4621" s="98"/>
      <c r="Z4621" s="143"/>
      <c r="AA4621" s="137"/>
      <c r="AB4621" s="137"/>
      <c r="AC4621" s="137"/>
      <c r="AD4621" s="137"/>
      <c r="AE4621" s="137"/>
      <c r="AF4621" s="137"/>
      <c r="AG4621" s="137"/>
      <c r="AH4621" s="137"/>
      <c r="AI4621" s="137"/>
      <c r="AJ4621" s="137"/>
      <c r="AK4621" s="206"/>
      <c r="AL4621" s="206"/>
      <c r="AM4621" s="143"/>
      <c r="AN4621" s="137"/>
      <c r="AO4621" s="137"/>
      <c r="AP4621" s="137"/>
      <c r="AQ4621" s="137"/>
      <c r="AR4621" s="137"/>
      <c r="AS4621" s="137"/>
      <c r="AT4621" s="137"/>
      <c r="AU4621" s="137"/>
      <c r="AV4621" s="137"/>
      <c r="AW4621" s="144"/>
    </row>
    <row r="4622" spans="2:49" x14ac:dyDescent="0.2">
      <c r="B4622" s="97"/>
      <c r="J4622" s="98"/>
      <c r="K4622" s="97"/>
      <c r="N4622" s="3"/>
      <c r="W4622" s="98"/>
      <c r="Z4622" s="143"/>
      <c r="AA4622" s="137"/>
      <c r="AB4622" s="137"/>
      <c r="AC4622" s="137"/>
      <c r="AD4622" s="137"/>
      <c r="AE4622" s="137"/>
      <c r="AF4622" s="137"/>
      <c r="AG4622" s="137"/>
      <c r="AH4622" s="137"/>
      <c r="AI4622" s="137"/>
      <c r="AJ4622" s="137"/>
      <c r="AK4622" s="206"/>
      <c r="AL4622" s="206"/>
      <c r="AM4622" s="143"/>
      <c r="AN4622" s="137"/>
      <c r="AO4622" s="137"/>
      <c r="AP4622" s="137"/>
      <c r="AQ4622" s="137"/>
      <c r="AR4622" s="137"/>
      <c r="AS4622" s="137"/>
      <c r="AT4622" s="137"/>
      <c r="AU4622" s="137"/>
      <c r="AV4622" s="137"/>
      <c r="AW4622" s="144"/>
    </row>
    <row r="4623" spans="2:49" x14ac:dyDescent="0.2">
      <c r="B4623" s="97"/>
      <c r="J4623" s="98"/>
      <c r="K4623" s="97"/>
      <c r="N4623" s="3"/>
      <c r="W4623" s="98"/>
      <c r="Z4623" s="143"/>
      <c r="AA4623" s="137"/>
      <c r="AB4623" s="137"/>
      <c r="AC4623" s="137"/>
      <c r="AD4623" s="137"/>
      <c r="AE4623" s="137"/>
      <c r="AF4623" s="137"/>
      <c r="AG4623" s="137"/>
      <c r="AH4623" s="137"/>
      <c r="AI4623" s="137"/>
      <c r="AJ4623" s="137"/>
      <c r="AK4623" s="206"/>
      <c r="AL4623" s="206"/>
      <c r="AM4623" s="143"/>
      <c r="AN4623" s="137"/>
      <c r="AO4623" s="137"/>
      <c r="AP4623" s="137"/>
      <c r="AQ4623" s="137"/>
      <c r="AR4623" s="137"/>
      <c r="AS4623" s="137"/>
      <c r="AT4623" s="137"/>
      <c r="AU4623" s="137"/>
      <c r="AV4623" s="137"/>
      <c r="AW4623" s="144"/>
    </row>
    <row r="4624" spans="2:49" x14ac:dyDescent="0.2">
      <c r="B4624" s="97"/>
      <c r="J4624" s="98"/>
      <c r="K4624" s="97"/>
      <c r="N4624" s="3"/>
      <c r="W4624" s="98"/>
      <c r="Z4624" s="143"/>
      <c r="AA4624" s="137"/>
      <c r="AB4624" s="137"/>
      <c r="AC4624" s="137"/>
      <c r="AD4624" s="137"/>
      <c r="AE4624" s="137"/>
      <c r="AF4624" s="137"/>
      <c r="AG4624" s="137"/>
      <c r="AH4624" s="137"/>
      <c r="AI4624" s="137"/>
      <c r="AJ4624" s="137"/>
      <c r="AK4624" s="206"/>
      <c r="AL4624" s="206"/>
      <c r="AM4624" s="143"/>
      <c r="AN4624" s="137"/>
      <c r="AO4624" s="137"/>
      <c r="AP4624" s="137"/>
      <c r="AQ4624" s="137"/>
      <c r="AR4624" s="137"/>
      <c r="AS4624" s="137"/>
      <c r="AT4624" s="137"/>
      <c r="AU4624" s="137"/>
      <c r="AV4624" s="137"/>
      <c r="AW4624" s="144"/>
    </row>
    <row r="4625" spans="2:49" x14ac:dyDescent="0.2">
      <c r="B4625" s="97"/>
      <c r="J4625" s="98"/>
      <c r="K4625" s="97"/>
      <c r="N4625" s="3"/>
      <c r="W4625" s="98"/>
      <c r="Z4625" s="143"/>
      <c r="AA4625" s="137"/>
      <c r="AB4625" s="137"/>
      <c r="AC4625" s="137"/>
      <c r="AD4625" s="137"/>
      <c r="AE4625" s="137"/>
      <c r="AF4625" s="137"/>
      <c r="AG4625" s="137"/>
      <c r="AH4625" s="137"/>
      <c r="AI4625" s="137"/>
      <c r="AJ4625" s="137"/>
      <c r="AK4625" s="206"/>
      <c r="AL4625" s="206"/>
      <c r="AM4625" s="143"/>
      <c r="AN4625" s="137"/>
      <c r="AO4625" s="137"/>
      <c r="AP4625" s="137"/>
      <c r="AQ4625" s="137"/>
      <c r="AR4625" s="137"/>
      <c r="AS4625" s="137"/>
      <c r="AT4625" s="137"/>
      <c r="AU4625" s="137"/>
      <c r="AV4625" s="137"/>
      <c r="AW4625" s="144"/>
    </row>
    <row r="4626" spans="2:49" x14ac:dyDescent="0.2">
      <c r="B4626" s="97"/>
      <c r="J4626" s="98"/>
      <c r="K4626" s="97"/>
      <c r="N4626" s="3"/>
      <c r="W4626" s="98"/>
      <c r="Z4626" s="143"/>
      <c r="AA4626" s="137"/>
      <c r="AB4626" s="137"/>
      <c r="AC4626" s="137"/>
      <c r="AD4626" s="137"/>
      <c r="AE4626" s="137"/>
      <c r="AF4626" s="137"/>
      <c r="AG4626" s="137"/>
      <c r="AH4626" s="137"/>
      <c r="AI4626" s="137"/>
      <c r="AJ4626" s="137"/>
      <c r="AK4626" s="206"/>
      <c r="AL4626" s="206"/>
      <c r="AM4626" s="143"/>
      <c r="AN4626" s="137"/>
      <c r="AO4626" s="137"/>
      <c r="AP4626" s="137"/>
      <c r="AQ4626" s="137"/>
      <c r="AR4626" s="137"/>
      <c r="AS4626" s="137"/>
      <c r="AT4626" s="137"/>
      <c r="AU4626" s="137"/>
      <c r="AV4626" s="137"/>
      <c r="AW4626" s="144"/>
    </row>
    <row r="4627" spans="2:49" x14ac:dyDescent="0.2">
      <c r="B4627" s="97"/>
      <c r="J4627" s="98"/>
      <c r="K4627" s="97"/>
      <c r="N4627" s="3"/>
      <c r="W4627" s="98"/>
      <c r="Z4627" s="143"/>
      <c r="AA4627" s="137"/>
      <c r="AB4627" s="137"/>
      <c r="AC4627" s="137"/>
      <c r="AD4627" s="137"/>
      <c r="AE4627" s="137"/>
      <c r="AF4627" s="137"/>
      <c r="AG4627" s="137"/>
      <c r="AH4627" s="137"/>
      <c r="AI4627" s="137"/>
      <c r="AJ4627" s="137"/>
      <c r="AK4627" s="206"/>
      <c r="AL4627" s="206"/>
      <c r="AM4627" s="143"/>
      <c r="AN4627" s="137"/>
      <c r="AO4627" s="137"/>
      <c r="AP4627" s="137"/>
      <c r="AQ4627" s="137"/>
      <c r="AR4627" s="137"/>
      <c r="AS4627" s="137"/>
      <c r="AT4627" s="137"/>
      <c r="AU4627" s="137"/>
      <c r="AV4627" s="137"/>
      <c r="AW4627" s="144"/>
    </row>
    <row r="4628" spans="2:49" x14ac:dyDescent="0.2">
      <c r="B4628" s="97"/>
      <c r="J4628" s="98"/>
      <c r="K4628" s="97"/>
      <c r="N4628" s="3"/>
      <c r="W4628" s="98"/>
      <c r="Z4628" s="143"/>
      <c r="AA4628" s="137"/>
      <c r="AB4628" s="137"/>
      <c r="AC4628" s="137"/>
      <c r="AD4628" s="137"/>
      <c r="AE4628" s="137"/>
      <c r="AF4628" s="137"/>
      <c r="AG4628" s="137"/>
      <c r="AH4628" s="137"/>
      <c r="AI4628" s="137"/>
      <c r="AJ4628" s="137"/>
      <c r="AK4628" s="206"/>
      <c r="AL4628" s="206"/>
      <c r="AM4628" s="143"/>
      <c r="AN4628" s="137"/>
      <c r="AO4628" s="137"/>
      <c r="AP4628" s="137"/>
      <c r="AQ4628" s="137"/>
      <c r="AR4628" s="137"/>
      <c r="AS4628" s="137"/>
      <c r="AT4628" s="137"/>
      <c r="AU4628" s="137"/>
      <c r="AV4628" s="137"/>
      <c r="AW4628" s="144"/>
    </row>
    <row r="4629" spans="2:49" x14ac:dyDescent="0.2">
      <c r="B4629" s="97"/>
      <c r="J4629" s="98"/>
      <c r="K4629" s="97"/>
      <c r="N4629" s="3"/>
      <c r="W4629" s="98"/>
      <c r="Z4629" s="143"/>
      <c r="AA4629" s="137"/>
      <c r="AB4629" s="137"/>
      <c r="AC4629" s="137"/>
      <c r="AD4629" s="137"/>
      <c r="AE4629" s="137"/>
      <c r="AF4629" s="137"/>
      <c r="AG4629" s="137"/>
      <c r="AH4629" s="137"/>
      <c r="AI4629" s="137"/>
      <c r="AJ4629" s="137"/>
      <c r="AK4629" s="206"/>
      <c r="AL4629" s="206"/>
      <c r="AM4629" s="143"/>
      <c r="AN4629" s="137"/>
      <c r="AO4629" s="137"/>
      <c r="AP4629" s="137"/>
      <c r="AQ4629" s="137"/>
      <c r="AR4629" s="137"/>
      <c r="AS4629" s="137"/>
      <c r="AT4629" s="137"/>
      <c r="AU4629" s="137"/>
      <c r="AV4629" s="137"/>
      <c r="AW4629" s="144"/>
    </row>
    <row r="4630" spans="2:49" x14ac:dyDescent="0.2">
      <c r="B4630" s="97"/>
      <c r="J4630" s="98"/>
      <c r="K4630" s="97"/>
      <c r="N4630" s="3"/>
      <c r="W4630" s="98"/>
      <c r="Z4630" s="143"/>
      <c r="AA4630" s="137"/>
      <c r="AB4630" s="137"/>
      <c r="AC4630" s="137"/>
      <c r="AD4630" s="137"/>
      <c r="AE4630" s="137"/>
      <c r="AF4630" s="137"/>
      <c r="AG4630" s="137"/>
      <c r="AH4630" s="137"/>
      <c r="AI4630" s="137"/>
      <c r="AJ4630" s="137"/>
      <c r="AK4630" s="206"/>
      <c r="AL4630" s="206"/>
      <c r="AM4630" s="143"/>
      <c r="AN4630" s="137"/>
      <c r="AO4630" s="137"/>
      <c r="AP4630" s="137"/>
      <c r="AQ4630" s="137"/>
      <c r="AR4630" s="137"/>
      <c r="AS4630" s="137"/>
      <c r="AT4630" s="137"/>
      <c r="AU4630" s="137"/>
      <c r="AV4630" s="137"/>
      <c r="AW4630" s="144"/>
    </row>
    <row r="4631" spans="2:49" x14ac:dyDescent="0.2">
      <c r="B4631" s="97"/>
      <c r="J4631" s="98"/>
      <c r="K4631" s="97"/>
      <c r="N4631" s="3"/>
      <c r="W4631" s="98"/>
      <c r="Z4631" s="143"/>
      <c r="AA4631" s="137"/>
      <c r="AB4631" s="137"/>
      <c r="AC4631" s="137"/>
      <c r="AD4631" s="137"/>
      <c r="AE4631" s="137"/>
      <c r="AF4631" s="137"/>
      <c r="AG4631" s="137"/>
      <c r="AH4631" s="137"/>
      <c r="AI4631" s="137"/>
      <c r="AJ4631" s="137"/>
      <c r="AK4631" s="206"/>
      <c r="AL4631" s="206"/>
      <c r="AM4631" s="143"/>
      <c r="AN4631" s="137"/>
      <c r="AO4631" s="137"/>
      <c r="AP4631" s="137"/>
      <c r="AQ4631" s="137"/>
      <c r="AR4631" s="137"/>
      <c r="AS4631" s="137"/>
      <c r="AT4631" s="137"/>
      <c r="AU4631" s="137"/>
      <c r="AV4631" s="137"/>
      <c r="AW4631" s="144"/>
    </row>
    <row r="4632" spans="2:49" x14ac:dyDescent="0.2">
      <c r="B4632" s="97"/>
      <c r="J4632" s="98"/>
      <c r="K4632" s="97"/>
      <c r="N4632" s="3"/>
      <c r="W4632" s="98"/>
      <c r="Z4632" s="143"/>
      <c r="AA4632" s="137"/>
      <c r="AB4632" s="137"/>
      <c r="AC4632" s="137"/>
      <c r="AD4632" s="137"/>
      <c r="AE4632" s="137"/>
      <c r="AF4632" s="137"/>
      <c r="AG4632" s="137"/>
      <c r="AH4632" s="137"/>
      <c r="AI4632" s="137"/>
      <c r="AJ4632" s="137"/>
      <c r="AK4632" s="206"/>
      <c r="AL4632" s="206"/>
      <c r="AM4632" s="143"/>
      <c r="AN4632" s="137"/>
      <c r="AO4632" s="137"/>
      <c r="AP4632" s="137"/>
      <c r="AQ4632" s="137"/>
      <c r="AR4632" s="137"/>
      <c r="AS4632" s="137"/>
      <c r="AT4632" s="137"/>
      <c r="AU4632" s="137"/>
      <c r="AV4632" s="137"/>
      <c r="AW4632" s="144"/>
    </row>
    <row r="4633" spans="2:49" x14ac:dyDescent="0.2">
      <c r="B4633" s="97"/>
      <c r="J4633" s="98"/>
      <c r="K4633" s="97"/>
      <c r="N4633" s="3"/>
      <c r="W4633" s="98"/>
      <c r="Z4633" s="143"/>
      <c r="AA4633" s="137"/>
      <c r="AB4633" s="137"/>
      <c r="AC4633" s="137"/>
      <c r="AD4633" s="137"/>
      <c r="AE4633" s="137"/>
      <c r="AF4633" s="137"/>
      <c r="AG4633" s="137"/>
      <c r="AH4633" s="137"/>
      <c r="AI4633" s="137"/>
      <c r="AJ4633" s="137"/>
      <c r="AK4633" s="206"/>
      <c r="AL4633" s="206"/>
      <c r="AM4633" s="143"/>
      <c r="AN4633" s="137"/>
      <c r="AO4633" s="137"/>
      <c r="AP4633" s="137"/>
      <c r="AQ4633" s="137"/>
      <c r="AR4633" s="137"/>
      <c r="AS4633" s="137"/>
      <c r="AT4633" s="137"/>
      <c r="AU4633" s="137"/>
      <c r="AV4633" s="137"/>
      <c r="AW4633" s="144"/>
    </row>
    <row r="4634" spans="2:49" x14ac:dyDescent="0.2">
      <c r="B4634" s="97"/>
      <c r="J4634" s="98"/>
      <c r="K4634" s="97"/>
      <c r="N4634" s="3"/>
      <c r="W4634" s="98"/>
      <c r="Z4634" s="143"/>
      <c r="AA4634" s="137"/>
      <c r="AB4634" s="137"/>
      <c r="AC4634" s="137"/>
      <c r="AD4634" s="137"/>
      <c r="AE4634" s="137"/>
      <c r="AF4634" s="137"/>
      <c r="AG4634" s="137"/>
      <c r="AH4634" s="137"/>
      <c r="AI4634" s="137"/>
      <c r="AJ4634" s="137"/>
      <c r="AK4634" s="206"/>
      <c r="AL4634" s="206"/>
      <c r="AM4634" s="143"/>
      <c r="AN4634" s="137"/>
      <c r="AO4634" s="137"/>
      <c r="AP4634" s="137"/>
      <c r="AQ4634" s="137"/>
      <c r="AR4634" s="137"/>
      <c r="AS4634" s="137"/>
      <c r="AT4634" s="137"/>
      <c r="AU4634" s="137"/>
      <c r="AV4634" s="137"/>
      <c r="AW4634" s="144"/>
    </row>
    <row r="4635" spans="2:49" x14ac:dyDescent="0.2">
      <c r="B4635" s="97"/>
      <c r="J4635" s="98"/>
      <c r="K4635" s="97"/>
      <c r="N4635" s="3"/>
      <c r="W4635" s="98"/>
      <c r="Z4635" s="143"/>
      <c r="AA4635" s="137"/>
      <c r="AB4635" s="137"/>
      <c r="AC4635" s="137"/>
      <c r="AD4635" s="137"/>
      <c r="AE4635" s="137"/>
      <c r="AF4635" s="137"/>
      <c r="AG4635" s="137"/>
      <c r="AH4635" s="137"/>
      <c r="AI4635" s="137"/>
      <c r="AJ4635" s="137"/>
      <c r="AK4635" s="206"/>
      <c r="AL4635" s="206"/>
      <c r="AM4635" s="143"/>
      <c r="AN4635" s="137"/>
      <c r="AO4635" s="137"/>
      <c r="AP4635" s="137"/>
      <c r="AQ4635" s="137"/>
      <c r="AR4635" s="137"/>
      <c r="AS4635" s="137"/>
      <c r="AT4635" s="137"/>
      <c r="AU4635" s="137"/>
      <c r="AV4635" s="137"/>
      <c r="AW4635" s="144"/>
    </row>
    <row r="4636" spans="2:49" x14ac:dyDescent="0.2">
      <c r="B4636" s="97"/>
      <c r="J4636" s="98"/>
      <c r="K4636" s="97"/>
      <c r="N4636" s="3"/>
      <c r="W4636" s="98"/>
      <c r="Z4636" s="143"/>
      <c r="AA4636" s="137"/>
      <c r="AB4636" s="137"/>
      <c r="AC4636" s="137"/>
      <c r="AD4636" s="137"/>
      <c r="AE4636" s="137"/>
      <c r="AF4636" s="137"/>
      <c r="AG4636" s="137"/>
      <c r="AH4636" s="137"/>
      <c r="AI4636" s="137"/>
      <c r="AJ4636" s="137"/>
      <c r="AK4636" s="206"/>
      <c r="AL4636" s="206"/>
      <c r="AM4636" s="143"/>
      <c r="AN4636" s="137"/>
      <c r="AO4636" s="137"/>
      <c r="AP4636" s="137"/>
      <c r="AQ4636" s="137"/>
      <c r="AR4636" s="137"/>
      <c r="AS4636" s="137"/>
      <c r="AT4636" s="137"/>
      <c r="AU4636" s="137"/>
      <c r="AV4636" s="137"/>
      <c r="AW4636" s="144"/>
    </row>
    <row r="4637" spans="2:49" x14ac:dyDescent="0.2">
      <c r="B4637" s="97"/>
      <c r="J4637" s="98"/>
      <c r="K4637" s="97"/>
      <c r="N4637" s="3"/>
      <c r="W4637" s="98"/>
      <c r="Z4637" s="143"/>
      <c r="AA4637" s="137"/>
      <c r="AB4637" s="137"/>
      <c r="AC4637" s="137"/>
      <c r="AD4637" s="137"/>
      <c r="AE4637" s="137"/>
      <c r="AF4637" s="137"/>
      <c r="AG4637" s="137"/>
      <c r="AH4637" s="137"/>
      <c r="AI4637" s="137"/>
      <c r="AJ4637" s="137"/>
      <c r="AK4637" s="206"/>
      <c r="AL4637" s="206"/>
      <c r="AM4637" s="143"/>
      <c r="AN4637" s="137"/>
      <c r="AO4637" s="137"/>
      <c r="AP4637" s="137"/>
      <c r="AQ4637" s="137"/>
      <c r="AR4637" s="137"/>
      <c r="AS4637" s="137"/>
      <c r="AT4637" s="137"/>
      <c r="AU4637" s="137"/>
      <c r="AV4637" s="137"/>
      <c r="AW4637" s="144"/>
    </row>
    <row r="4638" spans="2:49" x14ac:dyDescent="0.2">
      <c r="B4638" s="97"/>
      <c r="J4638" s="98"/>
      <c r="K4638" s="97"/>
      <c r="N4638" s="3"/>
      <c r="W4638" s="98"/>
      <c r="Z4638" s="143"/>
      <c r="AA4638" s="137"/>
      <c r="AB4638" s="137"/>
      <c r="AC4638" s="137"/>
      <c r="AD4638" s="137"/>
      <c r="AE4638" s="137"/>
      <c r="AF4638" s="137"/>
      <c r="AG4638" s="137"/>
      <c r="AH4638" s="137"/>
      <c r="AI4638" s="137"/>
      <c r="AJ4638" s="137"/>
      <c r="AK4638" s="206"/>
      <c r="AL4638" s="206"/>
      <c r="AM4638" s="143"/>
      <c r="AN4638" s="137"/>
      <c r="AO4638" s="137"/>
      <c r="AP4638" s="137"/>
      <c r="AQ4638" s="137"/>
      <c r="AR4638" s="137"/>
      <c r="AS4638" s="137"/>
      <c r="AT4638" s="137"/>
      <c r="AU4638" s="137"/>
      <c r="AV4638" s="137"/>
      <c r="AW4638" s="144"/>
    </row>
    <row r="4639" spans="2:49" x14ac:dyDescent="0.2">
      <c r="B4639" s="97"/>
      <c r="J4639" s="98"/>
      <c r="K4639" s="97"/>
      <c r="N4639" s="3"/>
      <c r="W4639" s="98"/>
      <c r="Z4639" s="143"/>
      <c r="AA4639" s="137"/>
      <c r="AB4639" s="137"/>
      <c r="AC4639" s="137"/>
      <c r="AD4639" s="137"/>
      <c r="AE4639" s="137"/>
      <c r="AF4639" s="137"/>
      <c r="AG4639" s="137"/>
      <c r="AH4639" s="137"/>
      <c r="AI4639" s="137"/>
      <c r="AJ4639" s="137"/>
      <c r="AK4639" s="206"/>
      <c r="AL4639" s="206"/>
      <c r="AM4639" s="143"/>
      <c r="AN4639" s="137"/>
      <c r="AO4639" s="137"/>
      <c r="AP4639" s="137"/>
      <c r="AQ4639" s="137"/>
      <c r="AR4639" s="137"/>
      <c r="AS4639" s="137"/>
      <c r="AT4639" s="137"/>
      <c r="AU4639" s="137"/>
      <c r="AV4639" s="137"/>
      <c r="AW4639" s="144"/>
    </row>
    <row r="4640" spans="2:49" x14ac:dyDescent="0.2">
      <c r="B4640" s="97"/>
      <c r="J4640" s="98"/>
      <c r="K4640" s="97"/>
      <c r="N4640" s="3"/>
      <c r="W4640" s="98"/>
      <c r="Z4640" s="143"/>
      <c r="AA4640" s="137"/>
      <c r="AB4640" s="137"/>
      <c r="AC4640" s="137"/>
      <c r="AD4640" s="137"/>
      <c r="AE4640" s="137"/>
      <c r="AF4640" s="137"/>
      <c r="AG4640" s="137"/>
      <c r="AH4640" s="137"/>
      <c r="AI4640" s="137"/>
      <c r="AJ4640" s="137"/>
      <c r="AK4640" s="206"/>
      <c r="AL4640" s="206"/>
      <c r="AM4640" s="143"/>
      <c r="AN4640" s="137"/>
      <c r="AO4640" s="137"/>
      <c r="AP4640" s="137"/>
      <c r="AQ4640" s="137"/>
      <c r="AR4640" s="137"/>
      <c r="AS4640" s="137"/>
      <c r="AT4640" s="137"/>
      <c r="AU4640" s="137"/>
      <c r="AV4640" s="137"/>
      <c r="AW4640" s="144"/>
    </row>
    <row r="4641" spans="2:49" x14ac:dyDescent="0.2">
      <c r="B4641" s="97"/>
      <c r="J4641" s="98"/>
      <c r="K4641" s="97"/>
      <c r="N4641" s="3"/>
      <c r="W4641" s="98"/>
      <c r="Z4641" s="143"/>
      <c r="AA4641" s="137"/>
      <c r="AB4641" s="137"/>
      <c r="AC4641" s="137"/>
      <c r="AD4641" s="137"/>
      <c r="AE4641" s="137"/>
      <c r="AF4641" s="137"/>
      <c r="AG4641" s="137"/>
      <c r="AH4641" s="137"/>
      <c r="AI4641" s="137"/>
      <c r="AJ4641" s="137"/>
      <c r="AK4641" s="206"/>
      <c r="AL4641" s="206"/>
      <c r="AM4641" s="143"/>
      <c r="AN4641" s="137"/>
      <c r="AO4641" s="137"/>
      <c r="AP4641" s="137"/>
      <c r="AQ4641" s="137"/>
      <c r="AR4641" s="137"/>
      <c r="AS4641" s="137"/>
      <c r="AT4641" s="137"/>
      <c r="AU4641" s="137"/>
      <c r="AV4641" s="137"/>
      <c r="AW4641" s="144"/>
    </row>
    <row r="4642" spans="2:49" x14ac:dyDescent="0.2">
      <c r="B4642" s="97"/>
      <c r="J4642" s="98"/>
      <c r="K4642" s="97"/>
      <c r="N4642" s="3"/>
      <c r="W4642" s="98"/>
      <c r="Z4642" s="143"/>
      <c r="AA4642" s="137"/>
      <c r="AB4642" s="137"/>
      <c r="AC4642" s="137"/>
      <c r="AD4642" s="137"/>
      <c r="AE4642" s="137"/>
      <c r="AF4642" s="137"/>
      <c r="AG4642" s="137"/>
      <c r="AH4642" s="137"/>
      <c r="AI4642" s="137"/>
      <c r="AJ4642" s="137"/>
      <c r="AK4642" s="206"/>
      <c r="AL4642" s="206"/>
      <c r="AM4642" s="143"/>
      <c r="AN4642" s="137"/>
      <c r="AO4642" s="137"/>
      <c r="AP4642" s="137"/>
      <c r="AQ4642" s="137"/>
      <c r="AR4642" s="137"/>
      <c r="AS4642" s="137"/>
      <c r="AT4642" s="137"/>
      <c r="AU4642" s="137"/>
      <c r="AV4642" s="137"/>
      <c r="AW4642" s="144"/>
    </row>
    <row r="4643" spans="2:49" x14ac:dyDescent="0.2">
      <c r="B4643" s="97"/>
      <c r="J4643" s="98"/>
      <c r="K4643" s="97"/>
      <c r="N4643" s="3"/>
      <c r="W4643" s="98"/>
      <c r="Z4643" s="143"/>
      <c r="AA4643" s="137"/>
      <c r="AB4643" s="137"/>
      <c r="AC4643" s="137"/>
      <c r="AD4643" s="137"/>
      <c r="AE4643" s="137"/>
      <c r="AF4643" s="137"/>
      <c r="AG4643" s="137"/>
      <c r="AH4643" s="137"/>
      <c r="AI4643" s="137"/>
      <c r="AJ4643" s="137"/>
      <c r="AK4643" s="206"/>
      <c r="AL4643" s="206"/>
      <c r="AM4643" s="143"/>
      <c r="AN4643" s="137"/>
      <c r="AO4643" s="137"/>
      <c r="AP4643" s="137"/>
      <c r="AQ4643" s="137"/>
      <c r="AR4643" s="137"/>
      <c r="AS4643" s="137"/>
      <c r="AT4643" s="137"/>
      <c r="AU4643" s="137"/>
      <c r="AV4643" s="137"/>
      <c r="AW4643" s="144"/>
    </row>
    <row r="4644" spans="2:49" x14ac:dyDescent="0.2">
      <c r="B4644" s="97"/>
      <c r="J4644" s="98"/>
      <c r="K4644" s="97"/>
      <c r="N4644" s="3"/>
      <c r="W4644" s="98"/>
      <c r="Z4644" s="143"/>
      <c r="AA4644" s="137"/>
      <c r="AB4644" s="137"/>
      <c r="AC4644" s="137"/>
      <c r="AD4644" s="137"/>
      <c r="AE4644" s="137"/>
      <c r="AF4644" s="137"/>
      <c r="AG4644" s="137"/>
      <c r="AH4644" s="137"/>
      <c r="AI4644" s="137"/>
      <c r="AJ4644" s="137"/>
      <c r="AK4644" s="206"/>
      <c r="AL4644" s="206"/>
      <c r="AM4644" s="143"/>
      <c r="AN4644" s="137"/>
      <c r="AO4644" s="137"/>
      <c r="AP4644" s="137"/>
      <c r="AQ4644" s="137"/>
      <c r="AR4644" s="137"/>
      <c r="AS4644" s="137"/>
      <c r="AT4644" s="137"/>
      <c r="AU4644" s="137"/>
      <c r="AV4644" s="137"/>
      <c r="AW4644" s="144"/>
    </row>
    <row r="4645" spans="2:49" x14ac:dyDescent="0.2">
      <c r="B4645" s="97"/>
      <c r="J4645" s="98"/>
      <c r="K4645" s="97"/>
      <c r="N4645" s="3"/>
      <c r="W4645" s="98"/>
      <c r="Z4645" s="143"/>
      <c r="AA4645" s="137"/>
      <c r="AB4645" s="137"/>
      <c r="AC4645" s="137"/>
      <c r="AD4645" s="137"/>
      <c r="AE4645" s="137"/>
      <c r="AF4645" s="137"/>
      <c r="AG4645" s="137"/>
      <c r="AH4645" s="137"/>
      <c r="AI4645" s="137"/>
      <c r="AJ4645" s="137"/>
      <c r="AK4645" s="206"/>
      <c r="AL4645" s="206"/>
      <c r="AM4645" s="143"/>
      <c r="AN4645" s="137"/>
      <c r="AO4645" s="137"/>
      <c r="AP4645" s="137"/>
      <c r="AQ4645" s="137"/>
      <c r="AR4645" s="137"/>
      <c r="AS4645" s="137"/>
      <c r="AT4645" s="137"/>
      <c r="AU4645" s="137"/>
      <c r="AV4645" s="137"/>
      <c r="AW4645" s="144"/>
    </row>
    <row r="4646" spans="2:49" x14ac:dyDescent="0.2">
      <c r="B4646" s="97"/>
      <c r="J4646" s="98"/>
      <c r="K4646" s="97"/>
      <c r="N4646" s="3"/>
      <c r="W4646" s="98"/>
      <c r="Z4646" s="143"/>
      <c r="AA4646" s="137"/>
      <c r="AB4646" s="137"/>
      <c r="AC4646" s="137"/>
      <c r="AD4646" s="137"/>
      <c r="AE4646" s="137"/>
      <c r="AF4646" s="137"/>
      <c r="AG4646" s="137"/>
      <c r="AH4646" s="137"/>
      <c r="AI4646" s="137"/>
      <c r="AJ4646" s="137"/>
      <c r="AK4646" s="206"/>
      <c r="AL4646" s="206"/>
      <c r="AM4646" s="143"/>
      <c r="AN4646" s="137"/>
      <c r="AO4646" s="137"/>
      <c r="AP4646" s="137"/>
      <c r="AQ4646" s="137"/>
      <c r="AR4646" s="137"/>
      <c r="AS4646" s="137"/>
      <c r="AT4646" s="137"/>
      <c r="AU4646" s="137"/>
      <c r="AV4646" s="137"/>
      <c r="AW4646" s="144"/>
    </row>
    <row r="4647" spans="2:49" x14ac:dyDescent="0.2">
      <c r="B4647" s="97"/>
      <c r="J4647" s="98"/>
      <c r="K4647" s="97"/>
      <c r="N4647" s="3"/>
      <c r="W4647" s="98"/>
      <c r="Z4647" s="143"/>
      <c r="AA4647" s="137"/>
      <c r="AB4647" s="137"/>
      <c r="AC4647" s="137"/>
      <c r="AD4647" s="137"/>
      <c r="AE4647" s="137"/>
      <c r="AF4647" s="137"/>
      <c r="AG4647" s="137"/>
      <c r="AH4647" s="137"/>
      <c r="AI4647" s="137"/>
      <c r="AJ4647" s="137"/>
      <c r="AK4647" s="206"/>
      <c r="AL4647" s="206"/>
      <c r="AM4647" s="143"/>
      <c r="AN4647" s="137"/>
      <c r="AO4647" s="137"/>
      <c r="AP4647" s="137"/>
      <c r="AQ4647" s="137"/>
      <c r="AR4647" s="137"/>
      <c r="AS4647" s="137"/>
      <c r="AT4647" s="137"/>
      <c r="AU4647" s="137"/>
      <c r="AV4647" s="137"/>
      <c r="AW4647" s="144"/>
    </row>
    <row r="4648" spans="2:49" x14ac:dyDescent="0.2">
      <c r="B4648" s="97"/>
      <c r="J4648" s="98"/>
      <c r="K4648" s="97"/>
      <c r="N4648" s="3"/>
      <c r="W4648" s="98"/>
      <c r="Z4648" s="143"/>
      <c r="AA4648" s="137"/>
      <c r="AB4648" s="137"/>
      <c r="AC4648" s="137"/>
      <c r="AD4648" s="137"/>
      <c r="AE4648" s="137"/>
      <c r="AF4648" s="137"/>
      <c r="AG4648" s="137"/>
      <c r="AH4648" s="137"/>
      <c r="AI4648" s="137"/>
      <c r="AJ4648" s="137"/>
      <c r="AK4648" s="206"/>
      <c r="AL4648" s="206"/>
      <c r="AM4648" s="143"/>
      <c r="AN4648" s="137"/>
      <c r="AO4648" s="137"/>
      <c r="AP4648" s="137"/>
      <c r="AQ4648" s="137"/>
      <c r="AR4648" s="137"/>
      <c r="AS4648" s="137"/>
      <c r="AT4648" s="137"/>
      <c r="AU4648" s="137"/>
      <c r="AV4648" s="137"/>
      <c r="AW4648" s="144"/>
    </row>
    <row r="4649" spans="2:49" x14ac:dyDescent="0.2">
      <c r="B4649" s="97"/>
      <c r="J4649" s="98"/>
      <c r="K4649" s="97"/>
      <c r="N4649" s="3"/>
      <c r="W4649" s="98"/>
      <c r="Z4649" s="143"/>
      <c r="AA4649" s="137"/>
      <c r="AB4649" s="137"/>
      <c r="AC4649" s="137"/>
      <c r="AD4649" s="137"/>
      <c r="AE4649" s="137"/>
      <c r="AF4649" s="137"/>
      <c r="AG4649" s="137"/>
      <c r="AH4649" s="137"/>
      <c r="AI4649" s="137"/>
      <c r="AJ4649" s="137"/>
      <c r="AK4649" s="206"/>
      <c r="AL4649" s="206"/>
      <c r="AM4649" s="143"/>
      <c r="AN4649" s="137"/>
      <c r="AO4649" s="137"/>
      <c r="AP4649" s="137"/>
      <c r="AQ4649" s="137"/>
      <c r="AR4649" s="137"/>
      <c r="AS4649" s="137"/>
      <c r="AT4649" s="137"/>
      <c r="AU4649" s="137"/>
      <c r="AV4649" s="137"/>
      <c r="AW4649" s="144"/>
    </row>
    <row r="4650" spans="2:49" x14ac:dyDescent="0.2">
      <c r="B4650" s="97"/>
      <c r="J4650" s="98"/>
      <c r="K4650" s="97"/>
      <c r="N4650" s="3"/>
      <c r="W4650" s="98"/>
      <c r="Z4650" s="143"/>
      <c r="AA4650" s="137"/>
      <c r="AB4650" s="137"/>
      <c r="AC4650" s="137"/>
      <c r="AD4650" s="137"/>
      <c r="AE4650" s="137"/>
      <c r="AF4650" s="137"/>
      <c r="AG4650" s="137"/>
      <c r="AH4650" s="137"/>
      <c r="AI4650" s="137"/>
      <c r="AJ4650" s="137"/>
      <c r="AK4650" s="206"/>
      <c r="AL4650" s="206"/>
      <c r="AM4650" s="143"/>
      <c r="AN4650" s="137"/>
      <c r="AO4650" s="137"/>
      <c r="AP4650" s="137"/>
      <c r="AQ4650" s="137"/>
      <c r="AR4650" s="137"/>
      <c r="AS4650" s="137"/>
      <c r="AT4650" s="137"/>
      <c r="AU4650" s="137"/>
      <c r="AV4650" s="137"/>
      <c r="AW4650" s="144"/>
    </row>
    <row r="4651" spans="2:49" x14ac:dyDescent="0.2">
      <c r="B4651" s="97"/>
      <c r="J4651" s="98"/>
      <c r="K4651" s="97"/>
      <c r="N4651" s="3"/>
      <c r="W4651" s="98"/>
      <c r="Z4651" s="143"/>
      <c r="AA4651" s="137"/>
      <c r="AB4651" s="137"/>
      <c r="AC4651" s="137"/>
      <c r="AD4651" s="137"/>
      <c r="AE4651" s="137"/>
      <c r="AF4651" s="137"/>
      <c r="AG4651" s="137"/>
      <c r="AH4651" s="137"/>
      <c r="AI4651" s="137"/>
      <c r="AJ4651" s="137"/>
      <c r="AK4651" s="206"/>
      <c r="AL4651" s="206"/>
      <c r="AM4651" s="143"/>
      <c r="AN4651" s="137"/>
      <c r="AO4651" s="137"/>
      <c r="AP4651" s="137"/>
      <c r="AQ4651" s="137"/>
      <c r="AR4651" s="137"/>
      <c r="AS4651" s="137"/>
      <c r="AT4651" s="137"/>
      <c r="AU4651" s="137"/>
      <c r="AV4651" s="137"/>
      <c r="AW4651" s="144"/>
    </row>
    <row r="4652" spans="2:49" x14ac:dyDescent="0.2">
      <c r="B4652" s="97"/>
      <c r="J4652" s="98"/>
      <c r="K4652" s="97"/>
      <c r="N4652" s="3"/>
      <c r="W4652" s="98"/>
      <c r="Z4652" s="143"/>
      <c r="AA4652" s="137"/>
      <c r="AB4652" s="137"/>
      <c r="AC4652" s="137"/>
      <c r="AD4652" s="137"/>
      <c r="AE4652" s="137"/>
      <c r="AF4652" s="137"/>
      <c r="AG4652" s="137"/>
      <c r="AH4652" s="137"/>
      <c r="AI4652" s="137"/>
      <c r="AJ4652" s="137"/>
      <c r="AK4652" s="206"/>
      <c r="AL4652" s="206"/>
      <c r="AM4652" s="143"/>
      <c r="AN4652" s="137"/>
      <c r="AO4652" s="137"/>
      <c r="AP4652" s="137"/>
      <c r="AQ4652" s="137"/>
      <c r="AR4652" s="137"/>
      <c r="AS4652" s="137"/>
      <c r="AT4652" s="137"/>
      <c r="AU4652" s="137"/>
      <c r="AV4652" s="137"/>
      <c r="AW4652" s="144"/>
    </row>
    <row r="4653" spans="2:49" x14ac:dyDescent="0.2">
      <c r="B4653" s="97"/>
      <c r="J4653" s="98"/>
      <c r="K4653" s="97"/>
      <c r="N4653" s="3"/>
      <c r="W4653" s="98"/>
      <c r="Z4653" s="143"/>
      <c r="AA4653" s="137"/>
      <c r="AB4653" s="137"/>
      <c r="AC4653" s="137"/>
      <c r="AD4653" s="137"/>
      <c r="AE4653" s="137"/>
      <c r="AF4653" s="137"/>
      <c r="AG4653" s="137"/>
      <c r="AH4653" s="137"/>
      <c r="AI4653" s="137"/>
      <c r="AJ4653" s="137"/>
      <c r="AK4653" s="206"/>
      <c r="AL4653" s="206"/>
      <c r="AM4653" s="143"/>
      <c r="AN4653" s="137"/>
      <c r="AO4653" s="137"/>
      <c r="AP4653" s="137"/>
      <c r="AQ4653" s="137"/>
      <c r="AR4653" s="137"/>
      <c r="AS4653" s="137"/>
      <c r="AT4653" s="137"/>
      <c r="AU4653" s="137"/>
      <c r="AV4653" s="137"/>
      <c r="AW4653" s="144"/>
    </row>
    <row r="4654" spans="2:49" x14ac:dyDescent="0.2">
      <c r="B4654" s="97"/>
      <c r="J4654" s="98"/>
      <c r="K4654" s="97"/>
      <c r="N4654" s="3"/>
      <c r="W4654" s="98"/>
      <c r="Z4654" s="143"/>
      <c r="AA4654" s="137"/>
      <c r="AB4654" s="137"/>
      <c r="AC4654" s="137"/>
      <c r="AD4654" s="137"/>
      <c r="AE4654" s="137"/>
      <c r="AF4654" s="137"/>
      <c r="AG4654" s="137"/>
      <c r="AH4654" s="137"/>
      <c r="AI4654" s="137"/>
      <c r="AJ4654" s="137"/>
      <c r="AK4654" s="206"/>
      <c r="AL4654" s="206"/>
      <c r="AM4654" s="143"/>
      <c r="AN4654" s="137"/>
      <c r="AO4654" s="137"/>
      <c r="AP4654" s="137"/>
      <c r="AQ4654" s="137"/>
      <c r="AR4654" s="137"/>
      <c r="AS4654" s="137"/>
      <c r="AT4654" s="137"/>
      <c r="AU4654" s="137"/>
      <c r="AV4654" s="137"/>
      <c r="AW4654" s="144"/>
    </row>
    <row r="4655" spans="2:49" x14ac:dyDescent="0.2">
      <c r="B4655" s="97"/>
      <c r="J4655" s="98"/>
      <c r="K4655" s="97"/>
      <c r="N4655" s="3"/>
      <c r="W4655" s="98"/>
      <c r="Z4655" s="143"/>
      <c r="AA4655" s="137"/>
      <c r="AB4655" s="137"/>
      <c r="AC4655" s="137"/>
      <c r="AD4655" s="137"/>
      <c r="AE4655" s="137"/>
      <c r="AF4655" s="137"/>
      <c r="AG4655" s="137"/>
      <c r="AH4655" s="137"/>
      <c r="AI4655" s="137"/>
      <c r="AJ4655" s="137"/>
      <c r="AK4655" s="206"/>
      <c r="AL4655" s="206"/>
      <c r="AM4655" s="143"/>
      <c r="AN4655" s="137"/>
      <c r="AO4655" s="137"/>
      <c r="AP4655" s="137"/>
      <c r="AQ4655" s="137"/>
      <c r="AR4655" s="137"/>
      <c r="AS4655" s="137"/>
      <c r="AT4655" s="137"/>
      <c r="AU4655" s="137"/>
      <c r="AV4655" s="137"/>
      <c r="AW4655" s="144"/>
    </row>
    <row r="4656" spans="2:49" x14ac:dyDescent="0.2">
      <c r="B4656" s="97"/>
      <c r="J4656" s="98"/>
      <c r="K4656" s="97"/>
      <c r="N4656" s="3"/>
      <c r="W4656" s="98"/>
      <c r="Z4656" s="143"/>
      <c r="AA4656" s="137"/>
      <c r="AB4656" s="137"/>
      <c r="AC4656" s="137"/>
      <c r="AD4656" s="137"/>
      <c r="AE4656" s="137"/>
      <c r="AF4656" s="137"/>
      <c r="AG4656" s="137"/>
      <c r="AH4656" s="137"/>
      <c r="AI4656" s="137"/>
      <c r="AJ4656" s="137"/>
      <c r="AK4656" s="206"/>
      <c r="AL4656" s="206"/>
      <c r="AM4656" s="143"/>
      <c r="AN4656" s="137"/>
      <c r="AO4656" s="137"/>
      <c r="AP4656" s="137"/>
      <c r="AQ4656" s="137"/>
      <c r="AR4656" s="137"/>
      <c r="AS4656" s="137"/>
      <c r="AT4656" s="137"/>
      <c r="AU4656" s="137"/>
      <c r="AV4656" s="137"/>
      <c r="AW4656" s="144"/>
    </row>
    <row r="4657" spans="2:49" x14ac:dyDescent="0.2">
      <c r="B4657" s="97"/>
      <c r="J4657" s="98"/>
      <c r="K4657" s="97"/>
      <c r="N4657" s="3"/>
      <c r="W4657" s="98"/>
      <c r="Z4657" s="143"/>
      <c r="AA4657" s="137"/>
      <c r="AB4657" s="137"/>
      <c r="AC4657" s="137"/>
      <c r="AD4657" s="137"/>
      <c r="AE4657" s="137"/>
      <c r="AF4657" s="137"/>
      <c r="AG4657" s="137"/>
      <c r="AH4657" s="137"/>
      <c r="AI4657" s="137"/>
      <c r="AJ4657" s="137"/>
      <c r="AK4657" s="206"/>
      <c r="AL4657" s="206"/>
      <c r="AM4657" s="143"/>
      <c r="AN4657" s="137"/>
      <c r="AO4657" s="137"/>
      <c r="AP4657" s="137"/>
      <c r="AQ4657" s="137"/>
      <c r="AR4657" s="137"/>
      <c r="AS4657" s="137"/>
      <c r="AT4657" s="137"/>
      <c r="AU4657" s="137"/>
      <c r="AV4657" s="137"/>
      <c r="AW4657" s="144"/>
    </row>
    <row r="4658" spans="2:49" x14ac:dyDescent="0.2">
      <c r="B4658" s="97"/>
      <c r="J4658" s="98"/>
      <c r="K4658" s="97"/>
      <c r="N4658" s="3"/>
      <c r="W4658" s="98"/>
      <c r="Z4658" s="143"/>
      <c r="AA4658" s="137"/>
      <c r="AB4658" s="137"/>
      <c r="AC4658" s="137"/>
      <c r="AD4658" s="137"/>
      <c r="AE4658" s="137"/>
      <c r="AF4658" s="137"/>
      <c r="AG4658" s="137"/>
      <c r="AH4658" s="137"/>
      <c r="AI4658" s="137"/>
      <c r="AJ4658" s="137"/>
      <c r="AK4658" s="206"/>
      <c r="AL4658" s="206"/>
      <c r="AM4658" s="143"/>
      <c r="AN4658" s="137"/>
      <c r="AO4658" s="137"/>
      <c r="AP4658" s="137"/>
      <c r="AQ4658" s="137"/>
      <c r="AR4658" s="137"/>
      <c r="AS4658" s="137"/>
      <c r="AT4658" s="137"/>
      <c r="AU4658" s="137"/>
      <c r="AV4658" s="137"/>
      <c r="AW4658" s="144"/>
    </row>
    <row r="4659" spans="2:49" x14ac:dyDescent="0.2">
      <c r="B4659" s="97"/>
      <c r="J4659" s="98"/>
      <c r="K4659" s="97"/>
      <c r="N4659" s="3"/>
      <c r="W4659" s="98"/>
      <c r="Z4659" s="143"/>
      <c r="AA4659" s="137"/>
      <c r="AB4659" s="137"/>
      <c r="AC4659" s="137"/>
      <c r="AD4659" s="137"/>
      <c r="AE4659" s="137"/>
      <c r="AF4659" s="137"/>
      <c r="AG4659" s="137"/>
      <c r="AH4659" s="137"/>
      <c r="AI4659" s="137"/>
      <c r="AJ4659" s="137"/>
      <c r="AK4659" s="206"/>
      <c r="AL4659" s="206"/>
      <c r="AM4659" s="143"/>
      <c r="AN4659" s="137"/>
      <c r="AO4659" s="137"/>
      <c r="AP4659" s="137"/>
      <c r="AQ4659" s="137"/>
      <c r="AR4659" s="137"/>
      <c r="AS4659" s="137"/>
      <c r="AT4659" s="137"/>
      <c r="AU4659" s="137"/>
      <c r="AV4659" s="137"/>
      <c r="AW4659" s="144"/>
    </row>
    <row r="4660" spans="2:49" x14ac:dyDescent="0.2">
      <c r="B4660" s="97"/>
      <c r="J4660" s="98"/>
      <c r="K4660" s="97"/>
      <c r="N4660" s="3"/>
      <c r="W4660" s="98"/>
      <c r="Z4660" s="143"/>
      <c r="AA4660" s="137"/>
      <c r="AB4660" s="137"/>
      <c r="AC4660" s="137"/>
      <c r="AD4660" s="137"/>
      <c r="AE4660" s="137"/>
      <c r="AF4660" s="137"/>
      <c r="AG4660" s="137"/>
      <c r="AH4660" s="137"/>
      <c r="AI4660" s="137"/>
      <c r="AJ4660" s="137"/>
      <c r="AK4660" s="206"/>
      <c r="AL4660" s="206"/>
      <c r="AM4660" s="143"/>
      <c r="AN4660" s="137"/>
      <c r="AO4660" s="137"/>
      <c r="AP4660" s="137"/>
      <c r="AQ4660" s="137"/>
      <c r="AR4660" s="137"/>
      <c r="AS4660" s="137"/>
      <c r="AT4660" s="137"/>
      <c r="AU4660" s="137"/>
      <c r="AV4660" s="137"/>
      <c r="AW4660" s="144"/>
    </row>
    <row r="4661" spans="2:49" x14ac:dyDescent="0.2">
      <c r="B4661" s="97"/>
      <c r="J4661" s="98"/>
      <c r="K4661" s="97"/>
      <c r="N4661" s="3"/>
      <c r="W4661" s="98"/>
      <c r="Z4661" s="143"/>
      <c r="AA4661" s="137"/>
      <c r="AB4661" s="137"/>
      <c r="AC4661" s="137"/>
      <c r="AD4661" s="137"/>
      <c r="AE4661" s="137"/>
      <c r="AF4661" s="137"/>
      <c r="AG4661" s="137"/>
      <c r="AH4661" s="137"/>
      <c r="AI4661" s="137"/>
      <c r="AJ4661" s="137"/>
      <c r="AK4661" s="206"/>
      <c r="AL4661" s="206"/>
      <c r="AM4661" s="143"/>
      <c r="AN4661" s="137"/>
      <c r="AO4661" s="137"/>
      <c r="AP4661" s="137"/>
      <c r="AQ4661" s="137"/>
      <c r="AR4661" s="137"/>
      <c r="AS4661" s="137"/>
      <c r="AT4661" s="137"/>
      <c r="AU4661" s="137"/>
      <c r="AV4661" s="137"/>
      <c r="AW4661" s="144"/>
    </row>
    <row r="4662" spans="2:49" x14ac:dyDescent="0.2">
      <c r="B4662" s="97"/>
      <c r="J4662" s="98"/>
      <c r="K4662" s="97"/>
      <c r="N4662" s="3"/>
      <c r="W4662" s="98"/>
      <c r="Z4662" s="143"/>
      <c r="AA4662" s="137"/>
      <c r="AB4662" s="137"/>
      <c r="AC4662" s="137"/>
      <c r="AD4662" s="137"/>
      <c r="AE4662" s="137"/>
      <c r="AF4662" s="137"/>
      <c r="AG4662" s="137"/>
      <c r="AH4662" s="137"/>
      <c r="AI4662" s="137"/>
      <c r="AJ4662" s="137"/>
      <c r="AK4662" s="206"/>
      <c r="AL4662" s="206"/>
      <c r="AM4662" s="143"/>
      <c r="AN4662" s="137"/>
      <c r="AO4662" s="137"/>
      <c r="AP4662" s="137"/>
      <c r="AQ4662" s="137"/>
      <c r="AR4662" s="137"/>
      <c r="AS4662" s="137"/>
      <c r="AT4662" s="137"/>
      <c r="AU4662" s="137"/>
      <c r="AV4662" s="137"/>
      <c r="AW4662" s="144"/>
    </row>
    <row r="4663" spans="2:49" x14ac:dyDescent="0.2">
      <c r="B4663" s="97"/>
      <c r="J4663" s="98"/>
      <c r="K4663" s="97"/>
      <c r="N4663" s="3"/>
      <c r="W4663" s="98"/>
      <c r="Z4663" s="143"/>
      <c r="AA4663" s="137"/>
      <c r="AB4663" s="137"/>
      <c r="AC4663" s="137"/>
      <c r="AD4663" s="137"/>
      <c r="AE4663" s="137"/>
      <c r="AF4663" s="137"/>
      <c r="AG4663" s="137"/>
      <c r="AH4663" s="137"/>
      <c r="AI4663" s="137"/>
      <c r="AJ4663" s="137"/>
      <c r="AK4663" s="206"/>
      <c r="AL4663" s="206"/>
      <c r="AM4663" s="143"/>
      <c r="AN4663" s="137"/>
      <c r="AO4663" s="137"/>
      <c r="AP4663" s="137"/>
      <c r="AQ4663" s="137"/>
      <c r="AR4663" s="137"/>
      <c r="AS4663" s="137"/>
      <c r="AT4663" s="137"/>
      <c r="AU4663" s="137"/>
      <c r="AV4663" s="137"/>
      <c r="AW4663" s="144"/>
    </row>
    <row r="4664" spans="2:49" x14ac:dyDescent="0.2">
      <c r="B4664" s="97"/>
      <c r="J4664" s="98"/>
      <c r="K4664" s="97"/>
      <c r="N4664" s="3"/>
      <c r="W4664" s="98"/>
      <c r="Z4664" s="143"/>
      <c r="AA4664" s="137"/>
      <c r="AB4664" s="137"/>
      <c r="AC4664" s="137"/>
      <c r="AD4664" s="137"/>
      <c r="AE4664" s="137"/>
      <c r="AF4664" s="137"/>
      <c r="AG4664" s="137"/>
      <c r="AH4664" s="137"/>
      <c r="AI4664" s="137"/>
      <c r="AJ4664" s="137"/>
      <c r="AK4664" s="206"/>
      <c r="AL4664" s="206"/>
      <c r="AM4664" s="143"/>
      <c r="AN4664" s="137"/>
      <c r="AO4664" s="137"/>
      <c r="AP4664" s="137"/>
      <c r="AQ4664" s="137"/>
      <c r="AR4664" s="137"/>
      <c r="AS4664" s="137"/>
      <c r="AT4664" s="137"/>
      <c r="AU4664" s="137"/>
      <c r="AV4664" s="137"/>
      <c r="AW4664" s="144"/>
    </row>
    <row r="4665" spans="2:49" x14ac:dyDescent="0.2">
      <c r="B4665" s="97"/>
      <c r="J4665" s="98"/>
      <c r="K4665" s="97"/>
      <c r="N4665" s="3"/>
      <c r="W4665" s="98"/>
      <c r="Z4665" s="143"/>
      <c r="AA4665" s="137"/>
      <c r="AB4665" s="137"/>
      <c r="AC4665" s="137"/>
      <c r="AD4665" s="137"/>
      <c r="AE4665" s="137"/>
      <c r="AF4665" s="137"/>
      <c r="AG4665" s="137"/>
      <c r="AH4665" s="137"/>
      <c r="AI4665" s="137"/>
      <c r="AJ4665" s="137"/>
      <c r="AK4665" s="206"/>
      <c r="AL4665" s="206"/>
      <c r="AM4665" s="143"/>
      <c r="AN4665" s="137"/>
      <c r="AO4665" s="137"/>
      <c r="AP4665" s="137"/>
      <c r="AQ4665" s="137"/>
      <c r="AR4665" s="137"/>
      <c r="AS4665" s="137"/>
      <c r="AT4665" s="137"/>
      <c r="AU4665" s="137"/>
      <c r="AV4665" s="137"/>
      <c r="AW4665" s="144"/>
    </row>
    <row r="4666" spans="2:49" x14ac:dyDescent="0.2">
      <c r="B4666" s="97"/>
      <c r="J4666" s="98"/>
      <c r="K4666" s="97"/>
      <c r="N4666" s="3"/>
      <c r="W4666" s="98"/>
      <c r="Z4666" s="143"/>
      <c r="AA4666" s="137"/>
      <c r="AB4666" s="137"/>
      <c r="AC4666" s="137"/>
      <c r="AD4666" s="137"/>
      <c r="AE4666" s="137"/>
      <c r="AF4666" s="137"/>
      <c r="AG4666" s="137"/>
      <c r="AH4666" s="137"/>
      <c r="AI4666" s="137"/>
      <c r="AJ4666" s="137"/>
      <c r="AK4666" s="206"/>
      <c r="AL4666" s="206"/>
      <c r="AM4666" s="143"/>
      <c r="AN4666" s="137"/>
      <c r="AO4666" s="137"/>
      <c r="AP4666" s="137"/>
      <c r="AQ4666" s="137"/>
      <c r="AR4666" s="137"/>
      <c r="AS4666" s="137"/>
      <c r="AT4666" s="137"/>
      <c r="AU4666" s="137"/>
      <c r="AV4666" s="137"/>
      <c r="AW4666" s="144"/>
    </row>
    <row r="4667" spans="2:49" x14ac:dyDescent="0.2">
      <c r="B4667" s="97"/>
      <c r="J4667" s="98"/>
      <c r="K4667" s="97"/>
      <c r="N4667" s="3"/>
      <c r="W4667" s="98"/>
      <c r="Z4667" s="143"/>
      <c r="AA4667" s="137"/>
      <c r="AB4667" s="137"/>
      <c r="AC4667" s="137"/>
      <c r="AD4667" s="137"/>
      <c r="AE4667" s="137"/>
      <c r="AF4667" s="137"/>
      <c r="AG4667" s="137"/>
      <c r="AH4667" s="137"/>
      <c r="AI4667" s="137"/>
      <c r="AJ4667" s="137"/>
      <c r="AK4667" s="206"/>
      <c r="AL4667" s="206"/>
      <c r="AM4667" s="143"/>
      <c r="AN4667" s="137"/>
      <c r="AO4667" s="137"/>
      <c r="AP4667" s="137"/>
      <c r="AQ4667" s="137"/>
      <c r="AR4667" s="137"/>
      <c r="AS4667" s="137"/>
      <c r="AT4667" s="137"/>
      <c r="AU4667" s="137"/>
      <c r="AV4667" s="137"/>
      <c r="AW4667" s="144"/>
    </row>
    <row r="4668" spans="2:49" x14ac:dyDescent="0.2">
      <c r="B4668" s="97"/>
      <c r="J4668" s="98"/>
      <c r="K4668" s="97"/>
      <c r="N4668" s="3"/>
      <c r="W4668" s="98"/>
      <c r="Z4668" s="143"/>
      <c r="AA4668" s="137"/>
      <c r="AB4668" s="137"/>
      <c r="AC4668" s="137"/>
      <c r="AD4668" s="137"/>
      <c r="AE4668" s="137"/>
      <c r="AF4668" s="137"/>
      <c r="AG4668" s="137"/>
      <c r="AH4668" s="137"/>
      <c r="AI4668" s="137"/>
      <c r="AJ4668" s="137"/>
      <c r="AK4668" s="206"/>
      <c r="AL4668" s="206"/>
      <c r="AM4668" s="143"/>
      <c r="AN4668" s="137"/>
      <c r="AO4668" s="137"/>
      <c r="AP4668" s="137"/>
      <c r="AQ4668" s="137"/>
      <c r="AR4668" s="137"/>
      <c r="AS4668" s="137"/>
      <c r="AT4668" s="137"/>
      <c r="AU4668" s="137"/>
      <c r="AV4668" s="137"/>
      <c r="AW4668" s="144"/>
    </row>
    <row r="4669" spans="2:49" x14ac:dyDescent="0.2">
      <c r="B4669" s="97"/>
      <c r="J4669" s="98"/>
      <c r="K4669" s="97"/>
      <c r="N4669" s="3"/>
      <c r="W4669" s="98"/>
      <c r="Z4669" s="143"/>
      <c r="AA4669" s="137"/>
      <c r="AB4669" s="137"/>
      <c r="AC4669" s="137"/>
      <c r="AD4669" s="137"/>
      <c r="AE4669" s="137"/>
      <c r="AF4669" s="137"/>
      <c r="AG4669" s="137"/>
      <c r="AH4669" s="137"/>
      <c r="AI4669" s="137"/>
      <c r="AJ4669" s="137"/>
      <c r="AK4669" s="206"/>
      <c r="AL4669" s="206"/>
      <c r="AM4669" s="143"/>
      <c r="AN4669" s="137"/>
      <c r="AO4669" s="137"/>
      <c r="AP4669" s="137"/>
      <c r="AQ4669" s="137"/>
      <c r="AR4669" s="137"/>
      <c r="AS4669" s="137"/>
      <c r="AT4669" s="137"/>
      <c r="AU4669" s="137"/>
      <c r="AV4669" s="137"/>
      <c r="AW4669" s="144"/>
    </row>
    <row r="4670" spans="2:49" x14ac:dyDescent="0.2">
      <c r="B4670" s="97"/>
      <c r="J4670" s="98"/>
      <c r="K4670" s="97"/>
      <c r="N4670" s="3"/>
      <c r="W4670" s="98"/>
      <c r="Z4670" s="143"/>
      <c r="AA4670" s="137"/>
      <c r="AB4670" s="137"/>
      <c r="AC4670" s="137"/>
      <c r="AD4670" s="137"/>
      <c r="AE4670" s="137"/>
      <c r="AF4670" s="137"/>
      <c r="AG4670" s="137"/>
      <c r="AH4670" s="137"/>
      <c r="AI4670" s="137"/>
      <c r="AJ4670" s="137"/>
      <c r="AK4670" s="206"/>
      <c r="AL4670" s="206"/>
      <c r="AM4670" s="143"/>
      <c r="AN4670" s="137"/>
      <c r="AO4670" s="137"/>
      <c r="AP4670" s="137"/>
      <c r="AQ4670" s="137"/>
      <c r="AR4670" s="137"/>
      <c r="AS4670" s="137"/>
      <c r="AT4670" s="137"/>
      <c r="AU4670" s="137"/>
      <c r="AV4670" s="137"/>
      <c r="AW4670" s="144"/>
    </row>
    <row r="4671" spans="2:49" x14ac:dyDescent="0.2">
      <c r="B4671" s="97"/>
      <c r="J4671" s="98"/>
      <c r="K4671" s="97"/>
      <c r="N4671" s="3"/>
      <c r="W4671" s="98"/>
      <c r="Z4671" s="143"/>
      <c r="AA4671" s="137"/>
      <c r="AB4671" s="137"/>
      <c r="AC4671" s="137"/>
      <c r="AD4671" s="137"/>
      <c r="AE4671" s="137"/>
      <c r="AF4671" s="137"/>
      <c r="AG4671" s="137"/>
      <c r="AH4671" s="137"/>
      <c r="AI4671" s="137"/>
      <c r="AJ4671" s="137"/>
      <c r="AK4671" s="206"/>
      <c r="AL4671" s="206"/>
      <c r="AM4671" s="143"/>
      <c r="AN4671" s="137"/>
      <c r="AO4671" s="137"/>
      <c r="AP4671" s="137"/>
      <c r="AQ4671" s="137"/>
      <c r="AR4671" s="137"/>
      <c r="AS4671" s="137"/>
      <c r="AT4671" s="137"/>
      <c r="AU4671" s="137"/>
      <c r="AV4671" s="137"/>
      <c r="AW4671" s="144"/>
    </row>
    <row r="4672" spans="2:49" x14ac:dyDescent="0.2">
      <c r="B4672" s="97"/>
      <c r="J4672" s="98"/>
      <c r="K4672" s="97"/>
      <c r="N4672" s="3"/>
      <c r="W4672" s="98"/>
      <c r="Z4672" s="143"/>
      <c r="AA4672" s="137"/>
      <c r="AB4672" s="137"/>
      <c r="AC4672" s="137"/>
      <c r="AD4672" s="137"/>
      <c r="AE4672" s="137"/>
      <c r="AF4672" s="137"/>
      <c r="AG4672" s="137"/>
      <c r="AH4672" s="137"/>
      <c r="AI4672" s="137"/>
      <c r="AJ4672" s="137"/>
      <c r="AK4672" s="206"/>
      <c r="AL4672" s="206"/>
      <c r="AM4672" s="143"/>
      <c r="AN4672" s="137"/>
      <c r="AO4672" s="137"/>
      <c r="AP4672" s="137"/>
      <c r="AQ4672" s="137"/>
      <c r="AR4672" s="137"/>
      <c r="AS4672" s="137"/>
      <c r="AT4672" s="137"/>
      <c r="AU4672" s="137"/>
      <c r="AV4672" s="137"/>
      <c r="AW4672" s="144"/>
    </row>
    <row r="4673" spans="2:49" x14ac:dyDescent="0.2">
      <c r="B4673" s="97"/>
      <c r="J4673" s="98"/>
      <c r="K4673" s="97"/>
      <c r="N4673" s="3"/>
      <c r="W4673" s="98"/>
      <c r="Z4673" s="143"/>
      <c r="AA4673" s="137"/>
      <c r="AB4673" s="137"/>
      <c r="AC4673" s="137"/>
      <c r="AD4673" s="137"/>
      <c r="AE4673" s="137"/>
      <c r="AF4673" s="137"/>
      <c r="AG4673" s="137"/>
      <c r="AH4673" s="137"/>
      <c r="AI4673" s="137"/>
      <c r="AJ4673" s="137"/>
      <c r="AK4673" s="206"/>
      <c r="AL4673" s="206"/>
      <c r="AM4673" s="143"/>
      <c r="AN4673" s="137"/>
      <c r="AO4673" s="137"/>
      <c r="AP4673" s="137"/>
      <c r="AQ4673" s="137"/>
      <c r="AR4673" s="137"/>
      <c r="AS4673" s="137"/>
      <c r="AT4673" s="137"/>
      <c r="AU4673" s="137"/>
      <c r="AV4673" s="137"/>
      <c r="AW4673" s="144"/>
    </row>
    <row r="4674" spans="2:49" x14ac:dyDescent="0.2">
      <c r="B4674" s="97"/>
      <c r="J4674" s="98"/>
      <c r="K4674" s="97"/>
      <c r="N4674" s="3"/>
      <c r="W4674" s="98"/>
      <c r="Z4674" s="143"/>
      <c r="AA4674" s="137"/>
      <c r="AB4674" s="137"/>
      <c r="AC4674" s="137"/>
      <c r="AD4674" s="137"/>
      <c r="AE4674" s="137"/>
      <c r="AF4674" s="137"/>
      <c r="AG4674" s="137"/>
      <c r="AH4674" s="137"/>
      <c r="AI4674" s="137"/>
      <c r="AJ4674" s="137"/>
      <c r="AK4674" s="206"/>
      <c r="AL4674" s="206"/>
      <c r="AM4674" s="143"/>
      <c r="AN4674" s="137"/>
      <c r="AO4674" s="137"/>
      <c r="AP4674" s="137"/>
      <c r="AQ4674" s="137"/>
      <c r="AR4674" s="137"/>
      <c r="AS4674" s="137"/>
      <c r="AT4674" s="137"/>
      <c r="AU4674" s="137"/>
      <c r="AV4674" s="137"/>
      <c r="AW4674" s="144"/>
    </row>
    <row r="4675" spans="2:49" x14ac:dyDescent="0.2">
      <c r="B4675" s="97"/>
      <c r="J4675" s="98"/>
      <c r="K4675" s="97"/>
      <c r="N4675" s="3"/>
      <c r="W4675" s="98"/>
      <c r="Z4675" s="143"/>
      <c r="AA4675" s="137"/>
      <c r="AB4675" s="137"/>
      <c r="AC4675" s="137"/>
      <c r="AD4675" s="137"/>
      <c r="AE4675" s="137"/>
      <c r="AF4675" s="137"/>
      <c r="AG4675" s="137"/>
      <c r="AH4675" s="137"/>
      <c r="AI4675" s="137"/>
      <c r="AJ4675" s="137"/>
      <c r="AK4675" s="206"/>
      <c r="AL4675" s="206"/>
      <c r="AM4675" s="143"/>
      <c r="AN4675" s="137"/>
      <c r="AO4675" s="137"/>
      <c r="AP4675" s="137"/>
      <c r="AQ4675" s="137"/>
      <c r="AR4675" s="137"/>
      <c r="AS4675" s="137"/>
      <c r="AT4675" s="137"/>
      <c r="AU4675" s="137"/>
      <c r="AV4675" s="137"/>
      <c r="AW4675" s="144"/>
    </row>
    <row r="4676" spans="2:49" x14ac:dyDescent="0.2">
      <c r="B4676" s="97"/>
      <c r="J4676" s="98"/>
      <c r="K4676" s="97"/>
      <c r="N4676" s="3"/>
      <c r="W4676" s="98"/>
      <c r="Z4676" s="143"/>
      <c r="AA4676" s="137"/>
      <c r="AB4676" s="137"/>
      <c r="AC4676" s="137"/>
      <c r="AD4676" s="137"/>
      <c r="AE4676" s="137"/>
      <c r="AF4676" s="137"/>
      <c r="AG4676" s="137"/>
      <c r="AH4676" s="137"/>
      <c r="AI4676" s="137"/>
      <c r="AJ4676" s="137"/>
      <c r="AK4676" s="206"/>
      <c r="AL4676" s="206"/>
      <c r="AM4676" s="143"/>
      <c r="AN4676" s="137"/>
      <c r="AO4676" s="137"/>
      <c r="AP4676" s="137"/>
      <c r="AQ4676" s="137"/>
      <c r="AR4676" s="137"/>
      <c r="AS4676" s="137"/>
      <c r="AT4676" s="137"/>
      <c r="AU4676" s="137"/>
      <c r="AV4676" s="137"/>
      <c r="AW4676" s="144"/>
    </row>
    <row r="4677" spans="2:49" x14ac:dyDescent="0.2">
      <c r="B4677" s="97"/>
      <c r="J4677" s="98"/>
      <c r="K4677" s="97"/>
      <c r="N4677" s="3"/>
      <c r="W4677" s="98"/>
      <c r="Z4677" s="143"/>
      <c r="AA4677" s="137"/>
      <c r="AB4677" s="137"/>
      <c r="AC4677" s="137"/>
      <c r="AD4677" s="137"/>
      <c r="AE4677" s="137"/>
      <c r="AF4677" s="137"/>
      <c r="AG4677" s="137"/>
      <c r="AH4677" s="137"/>
      <c r="AI4677" s="137"/>
      <c r="AJ4677" s="137"/>
      <c r="AK4677" s="206"/>
      <c r="AL4677" s="206"/>
      <c r="AM4677" s="143"/>
      <c r="AN4677" s="137"/>
      <c r="AO4677" s="137"/>
      <c r="AP4677" s="137"/>
      <c r="AQ4677" s="137"/>
      <c r="AR4677" s="137"/>
      <c r="AS4677" s="137"/>
      <c r="AT4677" s="137"/>
      <c r="AU4677" s="137"/>
      <c r="AV4677" s="137"/>
      <c r="AW4677" s="144"/>
    </row>
    <row r="4678" spans="2:49" x14ac:dyDescent="0.2">
      <c r="B4678" s="97"/>
      <c r="J4678" s="98"/>
      <c r="K4678" s="97"/>
      <c r="N4678" s="3"/>
      <c r="W4678" s="98"/>
      <c r="Z4678" s="143"/>
      <c r="AA4678" s="137"/>
      <c r="AB4678" s="137"/>
      <c r="AC4678" s="137"/>
      <c r="AD4678" s="137"/>
      <c r="AE4678" s="137"/>
      <c r="AF4678" s="137"/>
      <c r="AG4678" s="137"/>
      <c r="AH4678" s="137"/>
      <c r="AI4678" s="137"/>
      <c r="AJ4678" s="137"/>
      <c r="AK4678" s="206"/>
      <c r="AL4678" s="206"/>
      <c r="AM4678" s="143"/>
      <c r="AN4678" s="137"/>
      <c r="AO4678" s="137"/>
      <c r="AP4678" s="137"/>
      <c r="AQ4678" s="137"/>
      <c r="AR4678" s="137"/>
      <c r="AS4678" s="137"/>
      <c r="AT4678" s="137"/>
      <c r="AU4678" s="137"/>
      <c r="AV4678" s="137"/>
      <c r="AW4678" s="144"/>
    </row>
    <row r="4679" spans="2:49" x14ac:dyDescent="0.2">
      <c r="B4679" s="97"/>
      <c r="J4679" s="98"/>
      <c r="K4679" s="97"/>
      <c r="N4679" s="3"/>
      <c r="W4679" s="98"/>
      <c r="Z4679" s="143"/>
      <c r="AA4679" s="137"/>
      <c r="AB4679" s="137"/>
      <c r="AC4679" s="137"/>
      <c r="AD4679" s="137"/>
      <c r="AE4679" s="137"/>
      <c r="AF4679" s="137"/>
      <c r="AG4679" s="137"/>
      <c r="AH4679" s="137"/>
      <c r="AI4679" s="137"/>
      <c r="AJ4679" s="137"/>
      <c r="AK4679" s="206"/>
      <c r="AL4679" s="206"/>
      <c r="AM4679" s="143"/>
      <c r="AN4679" s="137"/>
      <c r="AO4679" s="137"/>
      <c r="AP4679" s="137"/>
      <c r="AQ4679" s="137"/>
      <c r="AR4679" s="137"/>
      <c r="AS4679" s="137"/>
      <c r="AT4679" s="137"/>
      <c r="AU4679" s="137"/>
      <c r="AV4679" s="137"/>
      <c r="AW4679" s="144"/>
    </row>
    <row r="4680" spans="2:49" x14ac:dyDescent="0.2">
      <c r="B4680" s="97"/>
      <c r="J4680" s="98"/>
      <c r="K4680" s="97"/>
      <c r="N4680" s="3"/>
      <c r="W4680" s="98"/>
      <c r="Z4680" s="143"/>
      <c r="AA4680" s="137"/>
      <c r="AB4680" s="137"/>
      <c r="AC4680" s="137"/>
      <c r="AD4680" s="137"/>
      <c r="AE4680" s="137"/>
      <c r="AF4680" s="137"/>
      <c r="AG4680" s="137"/>
      <c r="AH4680" s="137"/>
      <c r="AI4680" s="137"/>
      <c r="AJ4680" s="137"/>
      <c r="AK4680" s="206"/>
      <c r="AL4680" s="206"/>
      <c r="AM4680" s="143"/>
      <c r="AN4680" s="137"/>
      <c r="AO4680" s="137"/>
      <c r="AP4680" s="137"/>
      <c r="AQ4680" s="137"/>
      <c r="AR4680" s="137"/>
      <c r="AS4680" s="137"/>
      <c r="AT4680" s="137"/>
      <c r="AU4680" s="137"/>
      <c r="AV4680" s="137"/>
      <c r="AW4680" s="144"/>
    </row>
    <row r="4681" spans="2:49" x14ac:dyDescent="0.2">
      <c r="B4681" s="97"/>
      <c r="J4681" s="98"/>
      <c r="K4681" s="97"/>
      <c r="N4681" s="3"/>
      <c r="W4681" s="98"/>
      <c r="Z4681" s="143"/>
      <c r="AA4681" s="137"/>
      <c r="AB4681" s="137"/>
      <c r="AC4681" s="137"/>
      <c r="AD4681" s="137"/>
      <c r="AE4681" s="137"/>
      <c r="AF4681" s="137"/>
      <c r="AG4681" s="137"/>
      <c r="AH4681" s="137"/>
      <c r="AI4681" s="137"/>
      <c r="AJ4681" s="137"/>
      <c r="AK4681" s="206"/>
      <c r="AL4681" s="206"/>
      <c r="AM4681" s="143"/>
      <c r="AN4681" s="137"/>
      <c r="AO4681" s="137"/>
      <c r="AP4681" s="137"/>
      <c r="AQ4681" s="137"/>
      <c r="AR4681" s="137"/>
      <c r="AS4681" s="137"/>
      <c r="AT4681" s="137"/>
      <c r="AU4681" s="137"/>
      <c r="AV4681" s="137"/>
      <c r="AW4681" s="144"/>
    </row>
    <row r="4682" spans="2:49" x14ac:dyDescent="0.2">
      <c r="B4682" s="97"/>
      <c r="J4682" s="98"/>
      <c r="K4682" s="97"/>
      <c r="N4682" s="3"/>
      <c r="W4682" s="98"/>
      <c r="Z4682" s="143"/>
      <c r="AA4682" s="137"/>
      <c r="AB4682" s="137"/>
      <c r="AC4682" s="137"/>
      <c r="AD4682" s="137"/>
      <c r="AE4682" s="137"/>
      <c r="AF4682" s="137"/>
      <c r="AG4682" s="137"/>
      <c r="AH4682" s="137"/>
      <c r="AI4682" s="137"/>
      <c r="AJ4682" s="137"/>
      <c r="AK4682" s="206"/>
      <c r="AL4682" s="206"/>
      <c r="AM4682" s="143"/>
      <c r="AN4682" s="137"/>
      <c r="AO4682" s="137"/>
      <c r="AP4682" s="137"/>
      <c r="AQ4682" s="137"/>
      <c r="AR4682" s="137"/>
      <c r="AS4682" s="137"/>
      <c r="AT4682" s="137"/>
      <c r="AU4682" s="137"/>
      <c r="AV4682" s="137"/>
      <c r="AW4682" s="144"/>
    </row>
    <row r="4683" spans="2:49" x14ac:dyDescent="0.2">
      <c r="B4683" s="97"/>
      <c r="J4683" s="98"/>
      <c r="K4683" s="97"/>
      <c r="N4683" s="3"/>
      <c r="W4683" s="98"/>
      <c r="Z4683" s="143"/>
      <c r="AA4683" s="137"/>
      <c r="AB4683" s="137"/>
      <c r="AC4683" s="137"/>
      <c r="AD4683" s="137"/>
      <c r="AE4683" s="137"/>
      <c r="AF4683" s="137"/>
      <c r="AG4683" s="137"/>
      <c r="AH4683" s="137"/>
      <c r="AI4683" s="137"/>
      <c r="AJ4683" s="137"/>
      <c r="AK4683" s="206"/>
      <c r="AL4683" s="206"/>
      <c r="AM4683" s="143"/>
      <c r="AN4683" s="137"/>
      <c r="AO4683" s="137"/>
      <c r="AP4683" s="137"/>
      <c r="AQ4683" s="137"/>
      <c r="AR4683" s="137"/>
      <c r="AS4683" s="137"/>
      <c r="AT4683" s="137"/>
      <c r="AU4683" s="137"/>
      <c r="AV4683" s="137"/>
      <c r="AW4683" s="144"/>
    </row>
    <row r="4684" spans="2:49" x14ac:dyDescent="0.2">
      <c r="B4684" s="97"/>
      <c r="J4684" s="98"/>
      <c r="K4684" s="97"/>
      <c r="N4684" s="3"/>
      <c r="W4684" s="98"/>
      <c r="Z4684" s="143"/>
      <c r="AA4684" s="137"/>
      <c r="AB4684" s="137"/>
      <c r="AC4684" s="137"/>
      <c r="AD4684" s="137"/>
      <c r="AE4684" s="137"/>
      <c r="AF4684" s="137"/>
      <c r="AG4684" s="137"/>
      <c r="AH4684" s="137"/>
      <c r="AI4684" s="137"/>
      <c r="AJ4684" s="137"/>
      <c r="AK4684" s="206"/>
      <c r="AL4684" s="206"/>
      <c r="AM4684" s="143"/>
      <c r="AN4684" s="137"/>
      <c r="AO4684" s="137"/>
      <c r="AP4684" s="137"/>
      <c r="AQ4684" s="137"/>
      <c r="AR4684" s="137"/>
      <c r="AS4684" s="137"/>
      <c r="AT4684" s="137"/>
      <c r="AU4684" s="137"/>
      <c r="AV4684" s="137"/>
      <c r="AW4684" s="144"/>
    </row>
    <row r="4685" spans="2:49" x14ac:dyDescent="0.2">
      <c r="B4685" s="97"/>
      <c r="J4685" s="98"/>
      <c r="K4685" s="97"/>
      <c r="N4685" s="3"/>
      <c r="W4685" s="98"/>
      <c r="Z4685" s="143"/>
      <c r="AA4685" s="137"/>
      <c r="AB4685" s="137"/>
      <c r="AC4685" s="137"/>
      <c r="AD4685" s="137"/>
      <c r="AE4685" s="137"/>
      <c r="AF4685" s="137"/>
      <c r="AG4685" s="137"/>
      <c r="AH4685" s="137"/>
      <c r="AI4685" s="137"/>
      <c r="AJ4685" s="137"/>
      <c r="AK4685" s="206"/>
      <c r="AL4685" s="206"/>
      <c r="AM4685" s="143"/>
      <c r="AN4685" s="137"/>
      <c r="AO4685" s="137"/>
      <c r="AP4685" s="137"/>
      <c r="AQ4685" s="137"/>
      <c r="AR4685" s="137"/>
      <c r="AS4685" s="137"/>
      <c r="AT4685" s="137"/>
      <c r="AU4685" s="137"/>
      <c r="AV4685" s="137"/>
      <c r="AW4685" s="144"/>
    </row>
    <row r="4686" spans="2:49" x14ac:dyDescent="0.2">
      <c r="B4686" s="97"/>
      <c r="J4686" s="98"/>
      <c r="K4686" s="97"/>
      <c r="N4686" s="3"/>
      <c r="W4686" s="98"/>
      <c r="Z4686" s="143"/>
      <c r="AA4686" s="137"/>
      <c r="AB4686" s="137"/>
      <c r="AC4686" s="137"/>
      <c r="AD4686" s="137"/>
      <c r="AE4686" s="137"/>
      <c r="AF4686" s="137"/>
      <c r="AG4686" s="137"/>
      <c r="AH4686" s="137"/>
      <c r="AI4686" s="137"/>
      <c r="AJ4686" s="137"/>
      <c r="AK4686" s="206"/>
      <c r="AL4686" s="206"/>
      <c r="AM4686" s="143"/>
      <c r="AN4686" s="137"/>
      <c r="AO4686" s="137"/>
      <c r="AP4686" s="137"/>
      <c r="AQ4686" s="137"/>
      <c r="AR4686" s="137"/>
      <c r="AS4686" s="137"/>
      <c r="AT4686" s="137"/>
      <c r="AU4686" s="137"/>
      <c r="AV4686" s="137"/>
      <c r="AW4686" s="144"/>
    </row>
    <row r="4687" spans="2:49" x14ac:dyDescent="0.2">
      <c r="B4687" s="97"/>
      <c r="J4687" s="98"/>
      <c r="K4687" s="97"/>
      <c r="N4687" s="3"/>
      <c r="W4687" s="98"/>
      <c r="Z4687" s="143"/>
      <c r="AA4687" s="137"/>
      <c r="AB4687" s="137"/>
      <c r="AC4687" s="137"/>
      <c r="AD4687" s="137"/>
      <c r="AE4687" s="137"/>
      <c r="AF4687" s="137"/>
      <c r="AG4687" s="137"/>
      <c r="AH4687" s="137"/>
      <c r="AI4687" s="137"/>
      <c r="AJ4687" s="137"/>
      <c r="AK4687" s="206"/>
      <c r="AL4687" s="206"/>
      <c r="AM4687" s="143"/>
      <c r="AN4687" s="137"/>
      <c r="AO4687" s="137"/>
      <c r="AP4687" s="137"/>
      <c r="AQ4687" s="137"/>
      <c r="AR4687" s="137"/>
      <c r="AS4687" s="137"/>
      <c r="AT4687" s="137"/>
      <c r="AU4687" s="137"/>
      <c r="AV4687" s="137"/>
      <c r="AW4687" s="144"/>
    </row>
    <row r="4688" spans="2:49" x14ac:dyDescent="0.2">
      <c r="B4688" s="97"/>
      <c r="J4688" s="98"/>
      <c r="K4688" s="97"/>
      <c r="N4688" s="3"/>
      <c r="W4688" s="98"/>
      <c r="Z4688" s="143"/>
      <c r="AA4688" s="137"/>
      <c r="AB4688" s="137"/>
      <c r="AC4688" s="137"/>
      <c r="AD4688" s="137"/>
      <c r="AE4688" s="137"/>
      <c r="AF4688" s="137"/>
      <c r="AG4688" s="137"/>
      <c r="AH4688" s="137"/>
      <c r="AI4688" s="137"/>
      <c r="AJ4688" s="137"/>
      <c r="AK4688" s="206"/>
      <c r="AL4688" s="206"/>
      <c r="AM4688" s="143"/>
      <c r="AN4688" s="137"/>
      <c r="AO4688" s="137"/>
      <c r="AP4688" s="137"/>
      <c r="AQ4688" s="137"/>
      <c r="AR4688" s="137"/>
      <c r="AS4688" s="137"/>
      <c r="AT4688" s="137"/>
      <c r="AU4688" s="137"/>
      <c r="AV4688" s="137"/>
      <c r="AW4688" s="144"/>
    </row>
    <row r="4689" spans="2:49" x14ac:dyDescent="0.2">
      <c r="B4689" s="97"/>
      <c r="J4689" s="98"/>
      <c r="K4689" s="97"/>
      <c r="N4689" s="3"/>
      <c r="W4689" s="98"/>
      <c r="Z4689" s="143"/>
      <c r="AA4689" s="137"/>
      <c r="AB4689" s="137"/>
      <c r="AC4689" s="137"/>
      <c r="AD4689" s="137"/>
      <c r="AE4689" s="137"/>
      <c r="AF4689" s="137"/>
      <c r="AG4689" s="137"/>
      <c r="AH4689" s="137"/>
      <c r="AI4689" s="137"/>
      <c r="AJ4689" s="137"/>
      <c r="AK4689" s="206"/>
      <c r="AL4689" s="206"/>
      <c r="AM4689" s="143"/>
      <c r="AN4689" s="137"/>
      <c r="AO4689" s="137"/>
      <c r="AP4689" s="137"/>
      <c r="AQ4689" s="137"/>
      <c r="AR4689" s="137"/>
      <c r="AS4689" s="137"/>
      <c r="AT4689" s="137"/>
      <c r="AU4689" s="137"/>
      <c r="AV4689" s="137"/>
      <c r="AW4689" s="144"/>
    </row>
    <row r="4690" spans="2:49" x14ac:dyDescent="0.2">
      <c r="B4690" s="97"/>
      <c r="J4690" s="98"/>
      <c r="K4690" s="97"/>
      <c r="N4690" s="3"/>
      <c r="W4690" s="98"/>
      <c r="Z4690" s="143"/>
      <c r="AA4690" s="137"/>
      <c r="AB4690" s="137"/>
      <c r="AC4690" s="137"/>
      <c r="AD4690" s="137"/>
      <c r="AE4690" s="137"/>
      <c r="AF4690" s="137"/>
      <c r="AG4690" s="137"/>
      <c r="AH4690" s="137"/>
      <c r="AI4690" s="137"/>
      <c r="AJ4690" s="137"/>
      <c r="AK4690" s="206"/>
      <c r="AL4690" s="206"/>
      <c r="AM4690" s="143"/>
      <c r="AN4690" s="137"/>
      <c r="AO4690" s="137"/>
      <c r="AP4690" s="137"/>
      <c r="AQ4690" s="137"/>
      <c r="AR4690" s="137"/>
      <c r="AS4690" s="137"/>
      <c r="AT4690" s="137"/>
      <c r="AU4690" s="137"/>
      <c r="AV4690" s="137"/>
      <c r="AW4690" s="144"/>
    </row>
    <row r="4691" spans="2:49" x14ac:dyDescent="0.2">
      <c r="B4691" s="97"/>
      <c r="J4691" s="98"/>
      <c r="K4691" s="97"/>
      <c r="N4691" s="3"/>
      <c r="W4691" s="98"/>
      <c r="Z4691" s="143"/>
      <c r="AA4691" s="137"/>
      <c r="AB4691" s="137"/>
      <c r="AC4691" s="137"/>
      <c r="AD4691" s="137"/>
      <c r="AE4691" s="137"/>
      <c r="AF4691" s="137"/>
      <c r="AG4691" s="137"/>
      <c r="AH4691" s="137"/>
      <c r="AI4691" s="137"/>
      <c r="AJ4691" s="137"/>
      <c r="AK4691" s="206"/>
      <c r="AL4691" s="206"/>
      <c r="AM4691" s="143"/>
      <c r="AN4691" s="137"/>
      <c r="AO4691" s="137"/>
      <c r="AP4691" s="137"/>
      <c r="AQ4691" s="137"/>
      <c r="AR4691" s="137"/>
      <c r="AS4691" s="137"/>
      <c r="AT4691" s="137"/>
      <c r="AU4691" s="137"/>
      <c r="AV4691" s="137"/>
      <c r="AW4691" s="144"/>
    </row>
    <row r="4692" spans="2:49" x14ac:dyDescent="0.2">
      <c r="B4692" s="97"/>
      <c r="J4692" s="98"/>
      <c r="K4692" s="97"/>
      <c r="N4692" s="3"/>
      <c r="W4692" s="98"/>
      <c r="Z4692" s="143"/>
      <c r="AA4692" s="137"/>
      <c r="AB4692" s="137"/>
      <c r="AC4692" s="137"/>
      <c r="AD4692" s="137"/>
      <c r="AE4692" s="137"/>
      <c r="AF4692" s="137"/>
      <c r="AG4692" s="137"/>
      <c r="AH4692" s="137"/>
      <c r="AI4692" s="137"/>
      <c r="AJ4692" s="137"/>
      <c r="AK4692" s="206"/>
      <c r="AL4692" s="206"/>
      <c r="AM4692" s="143"/>
      <c r="AN4692" s="137"/>
      <c r="AO4692" s="137"/>
      <c r="AP4692" s="137"/>
      <c r="AQ4692" s="137"/>
      <c r="AR4692" s="137"/>
      <c r="AS4692" s="137"/>
      <c r="AT4692" s="137"/>
      <c r="AU4692" s="137"/>
      <c r="AV4692" s="137"/>
      <c r="AW4692" s="144"/>
    </row>
    <row r="4693" spans="2:49" x14ac:dyDescent="0.2">
      <c r="B4693" s="97"/>
      <c r="J4693" s="98"/>
      <c r="K4693" s="97"/>
      <c r="N4693" s="3"/>
      <c r="W4693" s="98"/>
      <c r="Z4693" s="143"/>
      <c r="AA4693" s="137"/>
      <c r="AB4693" s="137"/>
      <c r="AC4693" s="137"/>
      <c r="AD4693" s="137"/>
      <c r="AE4693" s="137"/>
      <c r="AF4693" s="137"/>
      <c r="AG4693" s="137"/>
      <c r="AH4693" s="137"/>
      <c r="AI4693" s="137"/>
      <c r="AJ4693" s="137"/>
      <c r="AK4693" s="206"/>
      <c r="AL4693" s="206"/>
      <c r="AM4693" s="143"/>
      <c r="AN4693" s="137"/>
      <c r="AO4693" s="137"/>
      <c r="AP4693" s="137"/>
      <c r="AQ4693" s="137"/>
      <c r="AR4693" s="137"/>
      <c r="AS4693" s="137"/>
      <c r="AT4693" s="137"/>
      <c r="AU4693" s="137"/>
      <c r="AV4693" s="137"/>
      <c r="AW4693" s="144"/>
    </row>
    <row r="4694" spans="2:49" x14ac:dyDescent="0.2">
      <c r="B4694" s="97"/>
      <c r="J4694" s="98"/>
      <c r="K4694" s="97"/>
      <c r="N4694" s="3"/>
      <c r="W4694" s="98"/>
      <c r="Z4694" s="143"/>
      <c r="AA4694" s="137"/>
      <c r="AB4694" s="137"/>
      <c r="AC4694" s="137"/>
      <c r="AD4694" s="137"/>
      <c r="AE4694" s="137"/>
      <c r="AF4694" s="137"/>
      <c r="AG4694" s="137"/>
      <c r="AH4694" s="137"/>
      <c r="AI4694" s="137"/>
      <c r="AJ4694" s="137"/>
      <c r="AK4694" s="206"/>
      <c r="AL4694" s="206"/>
      <c r="AM4694" s="143"/>
      <c r="AN4694" s="137"/>
      <c r="AO4694" s="137"/>
      <c r="AP4694" s="137"/>
      <c r="AQ4694" s="137"/>
      <c r="AR4694" s="137"/>
      <c r="AS4694" s="137"/>
      <c r="AT4694" s="137"/>
      <c r="AU4694" s="137"/>
      <c r="AV4694" s="137"/>
      <c r="AW4694" s="144"/>
    </row>
    <row r="4695" spans="2:49" x14ac:dyDescent="0.2">
      <c r="B4695" s="97"/>
      <c r="J4695" s="98"/>
      <c r="K4695" s="97"/>
      <c r="N4695" s="3"/>
      <c r="W4695" s="98"/>
      <c r="Z4695" s="143"/>
      <c r="AA4695" s="137"/>
      <c r="AB4695" s="137"/>
      <c r="AC4695" s="137"/>
      <c r="AD4695" s="137"/>
      <c r="AE4695" s="137"/>
      <c r="AF4695" s="137"/>
      <c r="AG4695" s="137"/>
      <c r="AH4695" s="137"/>
      <c r="AI4695" s="137"/>
      <c r="AJ4695" s="137"/>
      <c r="AK4695" s="206"/>
      <c r="AL4695" s="206"/>
      <c r="AM4695" s="143"/>
      <c r="AN4695" s="137"/>
      <c r="AO4695" s="137"/>
      <c r="AP4695" s="137"/>
      <c r="AQ4695" s="137"/>
      <c r="AR4695" s="137"/>
      <c r="AS4695" s="137"/>
      <c r="AT4695" s="137"/>
      <c r="AU4695" s="137"/>
      <c r="AV4695" s="137"/>
      <c r="AW4695" s="144"/>
    </row>
    <row r="4696" spans="2:49" x14ac:dyDescent="0.2">
      <c r="B4696" s="97"/>
      <c r="J4696" s="98"/>
      <c r="K4696" s="97"/>
      <c r="N4696" s="3"/>
      <c r="W4696" s="98"/>
      <c r="Z4696" s="143"/>
      <c r="AA4696" s="137"/>
      <c r="AB4696" s="137"/>
      <c r="AC4696" s="137"/>
      <c r="AD4696" s="137"/>
      <c r="AE4696" s="137"/>
      <c r="AF4696" s="137"/>
      <c r="AG4696" s="137"/>
      <c r="AH4696" s="137"/>
      <c r="AI4696" s="137"/>
      <c r="AJ4696" s="137"/>
      <c r="AK4696" s="206"/>
      <c r="AL4696" s="206"/>
      <c r="AM4696" s="143"/>
      <c r="AN4696" s="137"/>
      <c r="AO4696" s="137"/>
      <c r="AP4696" s="137"/>
      <c r="AQ4696" s="137"/>
      <c r="AR4696" s="137"/>
      <c r="AS4696" s="137"/>
      <c r="AT4696" s="137"/>
      <c r="AU4696" s="137"/>
      <c r="AV4696" s="137"/>
      <c r="AW4696" s="144"/>
    </row>
    <row r="4697" spans="2:49" x14ac:dyDescent="0.2">
      <c r="B4697" s="97"/>
      <c r="J4697" s="98"/>
      <c r="K4697" s="97"/>
      <c r="N4697" s="3"/>
      <c r="W4697" s="98"/>
      <c r="Z4697" s="143"/>
      <c r="AA4697" s="137"/>
      <c r="AB4697" s="137"/>
      <c r="AC4697" s="137"/>
      <c r="AD4697" s="137"/>
      <c r="AE4697" s="137"/>
      <c r="AF4697" s="137"/>
      <c r="AG4697" s="137"/>
      <c r="AH4697" s="137"/>
      <c r="AI4697" s="137"/>
      <c r="AJ4697" s="137"/>
      <c r="AK4697" s="206"/>
      <c r="AL4697" s="206"/>
      <c r="AM4697" s="143"/>
      <c r="AN4697" s="137"/>
      <c r="AO4697" s="137"/>
      <c r="AP4697" s="137"/>
      <c r="AQ4697" s="137"/>
      <c r="AR4697" s="137"/>
      <c r="AS4697" s="137"/>
      <c r="AT4697" s="137"/>
      <c r="AU4697" s="137"/>
      <c r="AV4697" s="137"/>
      <c r="AW4697" s="144"/>
    </row>
    <row r="4698" spans="2:49" x14ac:dyDescent="0.2">
      <c r="B4698" s="97"/>
      <c r="J4698" s="98"/>
      <c r="K4698" s="97"/>
      <c r="N4698" s="3"/>
      <c r="W4698" s="98"/>
      <c r="Z4698" s="143"/>
      <c r="AA4698" s="137"/>
      <c r="AB4698" s="137"/>
      <c r="AC4698" s="137"/>
      <c r="AD4698" s="137"/>
      <c r="AE4698" s="137"/>
      <c r="AF4698" s="137"/>
      <c r="AG4698" s="137"/>
      <c r="AH4698" s="137"/>
      <c r="AI4698" s="137"/>
      <c r="AJ4698" s="137"/>
      <c r="AK4698" s="206"/>
      <c r="AL4698" s="206"/>
      <c r="AM4698" s="143"/>
      <c r="AN4698" s="137"/>
      <c r="AO4698" s="137"/>
      <c r="AP4698" s="137"/>
      <c r="AQ4698" s="137"/>
      <c r="AR4698" s="137"/>
      <c r="AS4698" s="137"/>
      <c r="AT4698" s="137"/>
      <c r="AU4698" s="137"/>
      <c r="AV4698" s="137"/>
      <c r="AW4698" s="144"/>
    </row>
    <row r="4699" spans="2:49" x14ac:dyDescent="0.2">
      <c r="B4699" s="97"/>
      <c r="J4699" s="98"/>
      <c r="K4699" s="97"/>
      <c r="N4699" s="3"/>
      <c r="W4699" s="98"/>
      <c r="Z4699" s="143"/>
      <c r="AA4699" s="137"/>
      <c r="AB4699" s="137"/>
      <c r="AC4699" s="137"/>
      <c r="AD4699" s="137"/>
      <c r="AE4699" s="137"/>
      <c r="AF4699" s="137"/>
      <c r="AG4699" s="137"/>
      <c r="AH4699" s="137"/>
      <c r="AI4699" s="137"/>
      <c r="AJ4699" s="137"/>
      <c r="AK4699" s="206"/>
      <c r="AL4699" s="206"/>
      <c r="AM4699" s="143"/>
      <c r="AN4699" s="137"/>
      <c r="AO4699" s="137"/>
      <c r="AP4699" s="137"/>
      <c r="AQ4699" s="137"/>
      <c r="AR4699" s="137"/>
      <c r="AS4699" s="137"/>
      <c r="AT4699" s="137"/>
      <c r="AU4699" s="137"/>
      <c r="AV4699" s="137"/>
      <c r="AW4699" s="144"/>
    </row>
    <row r="4700" spans="2:49" x14ac:dyDescent="0.2">
      <c r="B4700" s="97"/>
      <c r="J4700" s="98"/>
      <c r="K4700" s="97"/>
      <c r="N4700" s="3"/>
      <c r="W4700" s="98"/>
      <c r="Z4700" s="143"/>
      <c r="AA4700" s="137"/>
      <c r="AB4700" s="137"/>
      <c r="AC4700" s="137"/>
      <c r="AD4700" s="137"/>
      <c r="AE4700" s="137"/>
      <c r="AF4700" s="137"/>
      <c r="AG4700" s="137"/>
      <c r="AH4700" s="137"/>
      <c r="AI4700" s="137"/>
      <c r="AJ4700" s="137"/>
      <c r="AK4700" s="206"/>
      <c r="AL4700" s="206"/>
      <c r="AM4700" s="143"/>
      <c r="AN4700" s="137"/>
      <c r="AO4700" s="137"/>
      <c r="AP4700" s="137"/>
      <c r="AQ4700" s="137"/>
      <c r="AR4700" s="137"/>
      <c r="AS4700" s="137"/>
      <c r="AT4700" s="137"/>
      <c r="AU4700" s="137"/>
      <c r="AV4700" s="137"/>
      <c r="AW4700" s="144"/>
    </row>
    <row r="4701" spans="2:49" x14ac:dyDescent="0.2">
      <c r="B4701" s="97"/>
      <c r="J4701" s="98"/>
      <c r="K4701" s="97"/>
      <c r="N4701" s="3"/>
      <c r="W4701" s="98"/>
      <c r="Z4701" s="143"/>
      <c r="AA4701" s="137"/>
      <c r="AB4701" s="137"/>
      <c r="AC4701" s="137"/>
      <c r="AD4701" s="137"/>
      <c r="AE4701" s="137"/>
      <c r="AF4701" s="137"/>
      <c r="AG4701" s="137"/>
      <c r="AH4701" s="137"/>
      <c r="AI4701" s="137"/>
      <c r="AJ4701" s="137"/>
      <c r="AK4701" s="206"/>
      <c r="AL4701" s="206"/>
      <c r="AM4701" s="143"/>
      <c r="AN4701" s="137"/>
      <c r="AO4701" s="137"/>
      <c r="AP4701" s="137"/>
      <c r="AQ4701" s="137"/>
      <c r="AR4701" s="137"/>
      <c r="AS4701" s="137"/>
      <c r="AT4701" s="137"/>
      <c r="AU4701" s="137"/>
      <c r="AV4701" s="137"/>
      <c r="AW4701" s="144"/>
    </row>
    <row r="4702" spans="2:49" x14ac:dyDescent="0.2">
      <c r="B4702" s="97"/>
      <c r="J4702" s="98"/>
      <c r="K4702" s="97"/>
      <c r="N4702" s="3"/>
      <c r="W4702" s="98"/>
      <c r="Z4702" s="143"/>
      <c r="AA4702" s="137"/>
      <c r="AB4702" s="137"/>
      <c r="AC4702" s="137"/>
      <c r="AD4702" s="137"/>
      <c r="AE4702" s="137"/>
      <c r="AF4702" s="137"/>
      <c r="AG4702" s="137"/>
      <c r="AH4702" s="137"/>
      <c r="AI4702" s="137"/>
      <c r="AJ4702" s="137"/>
      <c r="AK4702" s="206"/>
      <c r="AL4702" s="206"/>
      <c r="AM4702" s="143"/>
      <c r="AN4702" s="137"/>
      <c r="AO4702" s="137"/>
      <c r="AP4702" s="137"/>
      <c r="AQ4702" s="137"/>
      <c r="AR4702" s="137"/>
      <c r="AS4702" s="137"/>
      <c r="AT4702" s="137"/>
      <c r="AU4702" s="137"/>
      <c r="AV4702" s="137"/>
      <c r="AW4702" s="144"/>
    </row>
    <row r="4703" spans="2:49" x14ac:dyDescent="0.2">
      <c r="B4703" s="97"/>
      <c r="J4703" s="98"/>
      <c r="K4703" s="97"/>
      <c r="N4703" s="3"/>
      <c r="W4703" s="98"/>
      <c r="Z4703" s="143"/>
      <c r="AA4703" s="137"/>
      <c r="AB4703" s="137"/>
      <c r="AC4703" s="137"/>
      <c r="AD4703" s="137"/>
      <c r="AE4703" s="137"/>
      <c r="AF4703" s="137"/>
      <c r="AG4703" s="137"/>
      <c r="AH4703" s="137"/>
      <c r="AI4703" s="137"/>
      <c r="AJ4703" s="137"/>
      <c r="AK4703" s="206"/>
      <c r="AL4703" s="206"/>
      <c r="AM4703" s="143"/>
      <c r="AN4703" s="137"/>
      <c r="AO4703" s="137"/>
      <c r="AP4703" s="137"/>
      <c r="AQ4703" s="137"/>
      <c r="AR4703" s="137"/>
      <c r="AS4703" s="137"/>
      <c r="AT4703" s="137"/>
      <c r="AU4703" s="137"/>
      <c r="AV4703" s="137"/>
      <c r="AW4703" s="144"/>
    </row>
    <row r="4704" spans="2:49" x14ac:dyDescent="0.2">
      <c r="B4704" s="97"/>
      <c r="J4704" s="98"/>
      <c r="K4704" s="97"/>
      <c r="N4704" s="3"/>
      <c r="W4704" s="98"/>
      <c r="Z4704" s="143"/>
      <c r="AA4704" s="137"/>
      <c r="AB4704" s="137"/>
      <c r="AC4704" s="137"/>
      <c r="AD4704" s="137"/>
      <c r="AE4704" s="137"/>
      <c r="AF4704" s="137"/>
      <c r="AG4704" s="137"/>
      <c r="AH4704" s="137"/>
      <c r="AI4704" s="137"/>
      <c r="AJ4704" s="137"/>
      <c r="AK4704" s="206"/>
      <c r="AL4704" s="206"/>
      <c r="AM4704" s="143"/>
      <c r="AN4704" s="137"/>
      <c r="AO4704" s="137"/>
      <c r="AP4704" s="137"/>
      <c r="AQ4704" s="137"/>
      <c r="AR4704" s="137"/>
      <c r="AS4704" s="137"/>
      <c r="AT4704" s="137"/>
      <c r="AU4704" s="137"/>
      <c r="AV4704" s="137"/>
      <c r="AW4704" s="144"/>
    </row>
    <row r="4705" spans="2:49" x14ac:dyDescent="0.2">
      <c r="B4705" s="97"/>
      <c r="J4705" s="98"/>
      <c r="K4705" s="97"/>
      <c r="N4705" s="3"/>
      <c r="W4705" s="98"/>
      <c r="Z4705" s="143"/>
      <c r="AA4705" s="137"/>
      <c r="AB4705" s="137"/>
      <c r="AC4705" s="137"/>
      <c r="AD4705" s="137"/>
      <c r="AE4705" s="137"/>
      <c r="AF4705" s="137"/>
      <c r="AG4705" s="137"/>
      <c r="AH4705" s="137"/>
      <c r="AI4705" s="137"/>
      <c r="AJ4705" s="137"/>
      <c r="AK4705" s="206"/>
      <c r="AL4705" s="206"/>
      <c r="AM4705" s="143"/>
      <c r="AN4705" s="137"/>
      <c r="AO4705" s="137"/>
      <c r="AP4705" s="137"/>
      <c r="AQ4705" s="137"/>
      <c r="AR4705" s="137"/>
      <c r="AS4705" s="137"/>
      <c r="AT4705" s="137"/>
      <c r="AU4705" s="137"/>
      <c r="AV4705" s="137"/>
      <c r="AW4705" s="144"/>
    </row>
    <row r="4706" spans="2:49" x14ac:dyDescent="0.2">
      <c r="B4706" s="97"/>
      <c r="J4706" s="98"/>
      <c r="K4706" s="97"/>
      <c r="N4706" s="3"/>
      <c r="W4706" s="98"/>
      <c r="Z4706" s="143"/>
      <c r="AA4706" s="137"/>
      <c r="AB4706" s="137"/>
      <c r="AC4706" s="137"/>
      <c r="AD4706" s="137"/>
      <c r="AE4706" s="137"/>
      <c r="AF4706" s="137"/>
      <c r="AG4706" s="137"/>
      <c r="AH4706" s="137"/>
      <c r="AI4706" s="137"/>
      <c r="AJ4706" s="137"/>
      <c r="AK4706" s="206"/>
      <c r="AL4706" s="206"/>
      <c r="AM4706" s="143"/>
      <c r="AN4706" s="137"/>
      <c r="AO4706" s="137"/>
      <c r="AP4706" s="137"/>
      <c r="AQ4706" s="137"/>
      <c r="AR4706" s="137"/>
      <c r="AS4706" s="137"/>
      <c r="AT4706" s="137"/>
      <c r="AU4706" s="137"/>
      <c r="AV4706" s="137"/>
      <c r="AW4706" s="144"/>
    </row>
    <row r="4707" spans="2:49" x14ac:dyDescent="0.2">
      <c r="B4707" s="97"/>
      <c r="J4707" s="98"/>
      <c r="K4707" s="97"/>
      <c r="N4707" s="3"/>
      <c r="W4707" s="98"/>
      <c r="Z4707" s="143"/>
      <c r="AA4707" s="137"/>
      <c r="AB4707" s="137"/>
      <c r="AC4707" s="137"/>
      <c r="AD4707" s="137"/>
      <c r="AE4707" s="137"/>
      <c r="AF4707" s="137"/>
      <c r="AG4707" s="137"/>
      <c r="AH4707" s="137"/>
      <c r="AI4707" s="137"/>
      <c r="AJ4707" s="137"/>
      <c r="AK4707" s="206"/>
      <c r="AL4707" s="206"/>
      <c r="AM4707" s="143"/>
      <c r="AN4707" s="137"/>
      <c r="AO4707" s="137"/>
      <c r="AP4707" s="137"/>
      <c r="AQ4707" s="137"/>
      <c r="AR4707" s="137"/>
      <c r="AS4707" s="137"/>
      <c r="AT4707" s="137"/>
      <c r="AU4707" s="137"/>
      <c r="AV4707" s="137"/>
      <c r="AW4707" s="144"/>
    </row>
    <row r="4708" spans="2:49" x14ac:dyDescent="0.2">
      <c r="B4708" s="97"/>
      <c r="J4708" s="98"/>
      <c r="K4708" s="97"/>
      <c r="N4708" s="3"/>
      <c r="W4708" s="98"/>
      <c r="Z4708" s="143"/>
      <c r="AA4708" s="137"/>
      <c r="AB4708" s="137"/>
      <c r="AC4708" s="137"/>
      <c r="AD4708" s="137"/>
      <c r="AE4708" s="137"/>
      <c r="AF4708" s="137"/>
      <c r="AG4708" s="137"/>
      <c r="AH4708" s="137"/>
      <c r="AI4708" s="137"/>
      <c r="AJ4708" s="137"/>
      <c r="AK4708" s="206"/>
      <c r="AL4708" s="206"/>
      <c r="AM4708" s="143"/>
      <c r="AN4708" s="137"/>
      <c r="AO4708" s="137"/>
      <c r="AP4708" s="137"/>
      <c r="AQ4708" s="137"/>
      <c r="AR4708" s="137"/>
      <c r="AS4708" s="137"/>
      <c r="AT4708" s="137"/>
      <c r="AU4708" s="137"/>
      <c r="AV4708" s="137"/>
      <c r="AW4708" s="144"/>
    </row>
    <row r="4709" spans="2:49" x14ac:dyDescent="0.2">
      <c r="B4709" s="97"/>
      <c r="J4709" s="98"/>
      <c r="K4709" s="97"/>
      <c r="N4709" s="3"/>
      <c r="W4709" s="98"/>
      <c r="Z4709" s="143"/>
      <c r="AA4709" s="137"/>
      <c r="AB4709" s="137"/>
      <c r="AC4709" s="137"/>
      <c r="AD4709" s="137"/>
      <c r="AE4709" s="137"/>
      <c r="AF4709" s="137"/>
      <c r="AG4709" s="137"/>
      <c r="AH4709" s="137"/>
      <c r="AI4709" s="137"/>
      <c r="AJ4709" s="137"/>
      <c r="AK4709" s="206"/>
      <c r="AL4709" s="206"/>
      <c r="AM4709" s="143"/>
      <c r="AN4709" s="137"/>
      <c r="AO4709" s="137"/>
      <c r="AP4709" s="137"/>
      <c r="AQ4709" s="137"/>
      <c r="AR4709" s="137"/>
      <c r="AS4709" s="137"/>
      <c r="AT4709" s="137"/>
      <c r="AU4709" s="137"/>
      <c r="AV4709" s="137"/>
      <c r="AW4709" s="144"/>
    </row>
    <row r="4710" spans="2:49" x14ac:dyDescent="0.2">
      <c r="B4710" s="97"/>
      <c r="J4710" s="98"/>
      <c r="K4710" s="97"/>
      <c r="N4710" s="3"/>
      <c r="W4710" s="98"/>
      <c r="Z4710" s="143"/>
      <c r="AA4710" s="137"/>
      <c r="AB4710" s="137"/>
      <c r="AC4710" s="137"/>
      <c r="AD4710" s="137"/>
      <c r="AE4710" s="137"/>
      <c r="AF4710" s="137"/>
      <c r="AG4710" s="137"/>
      <c r="AH4710" s="137"/>
      <c r="AI4710" s="137"/>
      <c r="AJ4710" s="137"/>
      <c r="AK4710" s="206"/>
      <c r="AL4710" s="206"/>
      <c r="AM4710" s="143"/>
      <c r="AN4710" s="137"/>
      <c r="AO4710" s="137"/>
      <c r="AP4710" s="137"/>
      <c r="AQ4710" s="137"/>
      <c r="AR4710" s="137"/>
      <c r="AS4710" s="137"/>
      <c r="AT4710" s="137"/>
      <c r="AU4710" s="137"/>
      <c r="AV4710" s="137"/>
      <c r="AW4710" s="144"/>
    </row>
    <row r="4711" spans="2:49" x14ac:dyDescent="0.2">
      <c r="B4711" s="97"/>
      <c r="J4711" s="98"/>
      <c r="K4711" s="97"/>
      <c r="N4711" s="3"/>
      <c r="W4711" s="98"/>
      <c r="Z4711" s="143"/>
      <c r="AA4711" s="137"/>
      <c r="AB4711" s="137"/>
      <c r="AC4711" s="137"/>
      <c r="AD4711" s="137"/>
      <c r="AE4711" s="137"/>
      <c r="AF4711" s="137"/>
      <c r="AG4711" s="137"/>
      <c r="AH4711" s="137"/>
      <c r="AI4711" s="137"/>
      <c r="AJ4711" s="137"/>
      <c r="AK4711" s="206"/>
      <c r="AL4711" s="206"/>
      <c r="AM4711" s="143"/>
      <c r="AN4711" s="137"/>
      <c r="AO4711" s="137"/>
      <c r="AP4711" s="137"/>
      <c r="AQ4711" s="137"/>
      <c r="AR4711" s="137"/>
      <c r="AS4711" s="137"/>
      <c r="AT4711" s="137"/>
      <c r="AU4711" s="137"/>
      <c r="AV4711" s="137"/>
      <c r="AW4711" s="144"/>
    </row>
    <row r="4712" spans="2:49" x14ac:dyDescent="0.2">
      <c r="B4712" s="97"/>
      <c r="J4712" s="98"/>
      <c r="K4712" s="97"/>
      <c r="N4712" s="3"/>
      <c r="W4712" s="98"/>
      <c r="Z4712" s="143"/>
      <c r="AA4712" s="137"/>
      <c r="AB4712" s="137"/>
      <c r="AC4712" s="137"/>
      <c r="AD4712" s="137"/>
      <c r="AE4712" s="137"/>
      <c r="AF4712" s="137"/>
      <c r="AG4712" s="137"/>
      <c r="AH4712" s="137"/>
      <c r="AI4712" s="137"/>
      <c r="AJ4712" s="137"/>
      <c r="AK4712" s="206"/>
      <c r="AL4712" s="206"/>
      <c r="AM4712" s="143"/>
      <c r="AN4712" s="137"/>
      <c r="AO4712" s="137"/>
      <c r="AP4712" s="137"/>
      <c r="AQ4712" s="137"/>
      <c r="AR4712" s="137"/>
      <c r="AS4712" s="137"/>
      <c r="AT4712" s="137"/>
      <c r="AU4712" s="137"/>
      <c r="AV4712" s="137"/>
      <c r="AW4712" s="144"/>
    </row>
    <row r="4713" spans="2:49" x14ac:dyDescent="0.2">
      <c r="B4713" s="97"/>
      <c r="J4713" s="98"/>
      <c r="K4713" s="97"/>
      <c r="N4713" s="3"/>
      <c r="W4713" s="98"/>
      <c r="Z4713" s="143"/>
      <c r="AA4713" s="137"/>
      <c r="AB4713" s="137"/>
      <c r="AC4713" s="137"/>
      <c r="AD4713" s="137"/>
      <c r="AE4713" s="137"/>
      <c r="AF4713" s="137"/>
      <c r="AG4713" s="137"/>
      <c r="AH4713" s="137"/>
      <c r="AI4713" s="137"/>
      <c r="AJ4713" s="137"/>
      <c r="AK4713" s="206"/>
      <c r="AL4713" s="206"/>
      <c r="AM4713" s="143"/>
      <c r="AN4713" s="137"/>
      <c r="AO4713" s="137"/>
      <c r="AP4713" s="137"/>
      <c r="AQ4713" s="137"/>
      <c r="AR4713" s="137"/>
      <c r="AS4713" s="137"/>
      <c r="AT4713" s="137"/>
      <c r="AU4713" s="137"/>
      <c r="AV4713" s="137"/>
      <c r="AW4713" s="144"/>
    </row>
    <row r="4714" spans="2:49" x14ac:dyDescent="0.2">
      <c r="B4714" s="97"/>
      <c r="J4714" s="98"/>
      <c r="K4714" s="97"/>
      <c r="N4714" s="3"/>
      <c r="W4714" s="98"/>
      <c r="Z4714" s="143"/>
      <c r="AA4714" s="137"/>
      <c r="AB4714" s="137"/>
      <c r="AC4714" s="137"/>
      <c r="AD4714" s="137"/>
      <c r="AE4714" s="137"/>
      <c r="AF4714" s="137"/>
      <c r="AG4714" s="137"/>
      <c r="AH4714" s="137"/>
      <c r="AI4714" s="137"/>
      <c r="AJ4714" s="137"/>
      <c r="AK4714" s="206"/>
      <c r="AL4714" s="206"/>
      <c r="AM4714" s="143"/>
      <c r="AN4714" s="137"/>
      <c r="AO4714" s="137"/>
      <c r="AP4714" s="137"/>
      <c r="AQ4714" s="137"/>
      <c r="AR4714" s="137"/>
      <c r="AS4714" s="137"/>
      <c r="AT4714" s="137"/>
      <c r="AU4714" s="137"/>
      <c r="AV4714" s="137"/>
      <c r="AW4714" s="144"/>
    </row>
    <row r="4715" spans="2:49" x14ac:dyDescent="0.2">
      <c r="B4715" s="97"/>
      <c r="J4715" s="98"/>
      <c r="K4715" s="97"/>
      <c r="N4715" s="3"/>
      <c r="W4715" s="98"/>
      <c r="Z4715" s="143"/>
      <c r="AA4715" s="137"/>
      <c r="AB4715" s="137"/>
      <c r="AC4715" s="137"/>
      <c r="AD4715" s="137"/>
      <c r="AE4715" s="137"/>
      <c r="AF4715" s="137"/>
      <c r="AG4715" s="137"/>
      <c r="AH4715" s="137"/>
      <c r="AI4715" s="137"/>
      <c r="AJ4715" s="137"/>
      <c r="AK4715" s="206"/>
      <c r="AL4715" s="206"/>
      <c r="AM4715" s="143"/>
      <c r="AN4715" s="137"/>
      <c r="AO4715" s="137"/>
      <c r="AP4715" s="137"/>
      <c r="AQ4715" s="137"/>
      <c r="AR4715" s="137"/>
      <c r="AS4715" s="137"/>
      <c r="AT4715" s="137"/>
      <c r="AU4715" s="137"/>
      <c r="AV4715" s="137"/>
      <c r="AW4715" s="144"/>
    </row>
    <row r="4716" spans="2:49" x14ac:dyDescent="0.2">
      <c r="B4716" s="97"/>
      <c r="J4716" s="98"/>
      <c r="K4716" s="97"/>
      <c r="N4716" s="3"/>
      <c r="W4716" s="98"/>
      <c r="Z4716" s="143"/>
      <c r="AA4716" s="137"/>
      <c r="AB4716" s="137"/>
      <c r="AC4716" s="137"/>
      <c r="AD4716" s="137"/>
      <c r="AE4716" s="137"/>
      <c r="AF4716" s="137"/>
      <c r="AG4716" s="137"/>
      <c r="AH4716" s="137"/>
      <c r="AI4716" s="137"/>
      <c r="AJ4716" s="137"/>
      <c r="AK4716" s="206"/>
      <c r="AL4716" s="206"/>
      <c r="AM4716" s="143"/>
      <c r="AN4716" s="137"/>
      <c r="AO4716" s="137"/>
      <c r="AP4716" s="137"/>
      <c r="AQ4716" s="137"/>
      <c r="AR4716" s="137"/>
      <c r="AS4716" s="137"/>
      <c r="AT4716" s="137"/>
      <c r="AU4716" s="137"/>
      <c r="AV4716" s="137"/>
      <c r="AW4716" s="144"/>
    </row>
    <row r="4717" spans="2:49" x14ac:dyDescent="0.2">
      <c r="B4717" s="97"/>
      <c r="J4717" s="98"/>
      <c r="K4717" s="97"/>
      <c r="N4717" s="3"/>
      <c r="W4717" s="98"/>
      <c r="Z4717" s="143"/>
      <c r="AA4717" s="137"/>
      <c r="AB4717" s="137"/>
      <c r="AC4717" s="137"/>
      <c r="AD4717" s="137"/>
      <c r="AE4717" s="137"/>
      <c r="AF4717" s="137"/>
      <c r="AG4717" s="137"/>
      <c r="AH4717" s="137"/>
      <c r="AI4717" s="137"/>
      <c r="AJ4717" s="137"/>
      <c r="AK4717" s="206"/>
      <c r="AL4717" s="206"/>
      <c r="AM4717" s="143"/>
      <c r="AN4717" s="137"/>
      <c r="AO4717" s="137"/>
      <c r="AP4717" s="137"/>
      <c r="AQ4717" s="137"/>
      <c r="AR4717" s="137"/>
      <c r="AS4717" s="137"/>
      <c r="AT4717" s="137"/>
      <c r="AU4717" s="137"/>
      <c r="AV4717" s="137"/>
      <c r="AW4717" s="144"/>
    </row>
    <row r="4718" spans="2:49" x14ac:dyDescent="0.2">
      <c r="B4718" s="97"/>
      <c r="J4718" s="98"/>
      <c r="K4718" s="97"/>
      <c r="N4718" s="3"/>
      <c r="W4718" s="98"/>
      <c r="Z4718" s="143"/>
      <c r="AA4718" s="137"/>
      <c r="AB4718" s="137"/>
      <c r="AC4718" s="137"/>
      <c r="AD4718" s="137"/>
      <c r="AE4718" s="137"/>
      <c r="AF4718" s="137"/>
      <c r="AG4718" s="137"/>
      <c r="AH4718" s="137"/>
      <c r="AI4718" s="137"/>
      <c r="AJ4718" s="137"/>
      <c r="AK4718" s="206"/>
      <c r="AL4718" s="206"/>
      <c r="AM4718" s="143"/>
      <c r="AN4718" s="137"/>
      <c r="AO4718" s="137"/>
      <c r="AP4718" s="137"/>
      <c r="AQ4718" s="137"/>
      <c r="AR4718" s="137"/>
      <c r="AS4718" s="137"/>
      <c r="AT4718" s="137"/>
      <c r="AU4718" s="137"/>
      <c r="AV4718" s="137"/>
      <c r="AW4718" s="144"/>
    </row>
    <row r="4719" spans="2:49" x14ac:dyDescent="0.2">
      <c r="B4719" s="97"/>
      <c r="J4719" s="98"/>
      <c r="K4719" s="97"/>
      <c r="N4719" s="3"/>
      <c r="W4719" s="98"/>
      <c r="Z4719" s="143"/>
      <c r="AA4719" s="137"/>
      <c r="AB4719" s="137"/>
      <c r="AC4719" s="137"/>
      <c r="AD4719" s="137"/>
      <c r="AE4719" s="137"/>
      <c r="AF4719" s="137"/>
      <c r="AG4719" s="137"/>
      <c r="AH4719" s="137"/>
      <c r="AI4719" s="137"/>
      <c r="AJ4719" s="137"/>
      <c r="AK4719" s="206"/>
      <c r="AL4719" s="206"/>
      <c r="AM4719" s="143"/>
      <c r="AN4719" s="137"/>
      <c r="AO4719" s="137"/>
      <c r="AP4719" s="137"/>
      <c r="AQ4719" s="137"/>
      <c r="AR4719" s="137"/>
      <c r="AS4719" s="137"/>
      <c r="AT4719" s="137"/>
      <c r="AU4719" s="137"/>
      <c r="AV4719" s="137"/>
      <c r="AW4719" s="144"/>
    </row>
    <row r="4720" spans="2:49" x14ac:dyDescent="0.2">
      <c r="B4720" s="97"/>
      <c r="J4720" s="98"/>
      <c r="K4720" s="97"/>
      <c r="N4720" s="3"/>
      <c r="W4720" s="98"/>
      <c r="Z4720" s="143"/>
      <c r="AA4720" s="137"/>
      <c r="AB4720" s="137"/>
      <c r="AC4720" s="137"/>
      <c r="AD4720" s="137"/>
      <c r="AE4720" s="137"/>
      <c r="AF4720" s="137"/>
      <c r="AG4720" s="137"/>
      <c r="AH4720" s="137"/>
      <c r="AI4720" s="137"/>
      <c r="AJ4720" s="137"/>
      <c r="AK4720" s="206"/>
      <c r="AL4720" s="206"/>
      <c r="AM4720" s="143"/>
      <c r="AN4720" s="137"/>
      <c r="AO4720" s="137"/>
      <c r="AP4720" s="137"/>
      <c r="AQ4720" s="137"/>
      <c r="AR4720" s="137"/>
      <c r="AS4720" s="137"/>
      <c r="AT4720" s="137"/>
      <c r="AU4720" s="137"/>
      <c r="AV4720" s="137"/>
      <c r="AW4720" s="144"/>
    </row>
    <row r="4721" spans="2:49" x14ac:dyDescent="0.2">
      <c r="B4721" s="97"/>
      <c r="J4721" s="98"/>
      <c r="K4721" s="97"/>
      <c r="N4721" s="3"/>
      <c r="W4721" s="98"/>
      <c r="Z4721" s="143"/>
      <c r="AA4721" s="137"/>
      <c r="AB4721" s="137"/>
      <c r="AC4721" s="137"/>
      <c r="AD4721" s="137"/>
      <c r="AE4721" s="137"/>
      <c r="AF4721" s="137"/>
      <c r="AG4721" s="137"/>
      <c r="AH4721" s="137"/>
      <c r="AI4721" s="137"/>
      <c r="AJ4721" s="137"/>
      <c r="AK4721" s="206"/>
      <c r="AL4721" s="206"/>
      <c r="AM4721" s="143"/>
      <c r="AN4721" s="137"/>
      <c r="AO4721" s="137"/>
      <c r="AP4721" s="137"/>
      <c r="AQ4721" s="137"/>
      <c r="AR4721" s="137"/>
      <c r="AS4721" s="137"/>
      <c r="AT4721" s="137"/>
      <c r="AU4721" s="137"/>
      <c r="AV4721" s="137"/>
      <c r="AW4721" s="144"/>
    </row>
    <row r="4722" spans="2:49" x14ac:dyDescent="0.2">
      <c r="B4722" s="97"/>
      <c r="J4722" s="98"/>
      <c r="K4722" s="97"/>
      <c r="N4722" s="3"/>
      <c r="W4722" s="98"/>
      <c r="Z4722" s="143"/>
      <c r="AA4722" s="137"/>
      <c r="AB4722" s="137"/>
      <c r="AC4722" s="137"/>
      <c r="AD4722" s="137"/>
      <c r="AE4722" s="137"/>
      <c r="AF4722" s="137"/>
      <c r="AG4722" s="137"/>
      <c r="AH4722" s="137"/>
      <c r="AI4722" s="137"/>
      <c r="AJ4722" s="137"/>
      <c r="AK4722" s="206"/>
      <c r="AL4722" s="206"/>
      <c r="AM4722" s="143"/>
      <c r="AN4722" s="137"/>
      <c r="AO4722" s="137"/>
      <c r="AP4722" s="137"/>
      <c r="AQ4722" s="137"/>
      <c r="AR4722" s="137"/>
      <c r="AS4722" s="137"/>
      <c r="AT4722" s="137"/>
      <c r="AU4722" s="137"/>
      <c r="AV4722" s="137"/>
      <c r="AW4722" s="144"/>
    </row>
    <row r="4723" spans="2:49" x14ac:dyDescent="0.2">
      <c r="B4723" s="97"/>
      <c r="J4723" s="98"/>
      <c r="K4723" s="97"/>
      <c r="N4723" s="3"/>
      <c r="W4723" s="98"/>
      <c r="Z4723" s="143"/>
      <c r="AA4723" s="137"/>
      <c r="AB4723" s="137"/>
      <c r="AC4723" s="137"/>
      <c r="AD4723" s="137"/>
      <c r="AE4723" s="137"/>
      <c r="AF4723" s="137"/>
      <c r="AG4723" s="137"/>
      <c r="AH4723" s="137"/>
      <c r="AI4723" s="137"/>
      <c r="AJ4723" s="137"/>
      <c r="AK4723" s="206"/>
      <c r="AL4723" s="206"/>
      <c r="AM4723" s="143"/>
      <c r="AN4723" s="137"/>
      <c r="AO4723" s="137"/>
      <c r="AP4723" s="137"/>
      <c r="AQ4723" s="137"/>
      <c r="AR4723" s="137"/>
      <c r="AS4723" s="137"/>
      <c r="AT4723" s="137"/>
      <c r="AU4723" s="137"/>
      <c r="AV4723" s="137"/>
      <c r="AW4723" s="144"/>
    </row>
    <row r="4724" spans="2:49" x14ac:dyDescent="0.2">
      <c r="B4724" s="97"/>
      <c r="J4724" s="98"/>
      <c r="K4724" s="97"/>
      <c r="N4724" s="3"/>
      <c r="W4724" s="98"/>
      <c r="Z4724" s="143"/>
      <c r="AA4724" s="137"/>
      <c r="AB4724" s="137"/>
      <c r="AC4724" s="137"/>
      <c r="AD4724" s="137"/>
      <c r="AE4724" s="137"/>
      <c r="AF4724" s="137"/>
      <c r="AG4724" s="137"/>
      <c r="AH4724" s="137"/>
      <c r="AI4724" s="137"/>
      <c r="AJ4724" s="137"/>
      <c r="AK4724" s="206"/>
      <c r="AL4724" s="206"/>
      <c r="AM4724" s="143"/>
      <c r="AN4724" s="137"/>
      <c r="AO4724" s="137"/>
      <c r="AP4724" s="137"/>
      <c r="AQ4724" s="137"/>
      <c r="AR4724" s="137"/>
      <c r="AS4724" s="137"/>
      <c r="AT4724" s="137"/>
      <c r="AU4724" s="137"/>
      <c r="AV4724" s="137"/>
      <c r="AW4724" s="144"/>
    </row>
    <row r="4725" spans="2:49" x14ac:dyDescent="0.2">
      <c r="B4725" s="97"/>
      <c r="J4725" s="98"/>
      <c r="K4725" s="97"/>
      <c r="N4725" s="3"/>
      <c r="W4725" s="98"/>
      <c r="Z4725" s="143"/>
      <c r="AA4725" s="137"/>
      <c r="AB4725" s="137"/>
      <c r="AC4725" s="137"/>
      <c r="AD4725" s="137"/>
      <c r="AE4725" s="137"/>
      <c r="AF4725" s="137"/>
      <c r="AG4725" s="137"/>
      <c r="AH4725" s="137"/>
      <c r="AI4725" s="137"/>
      <c r="AJ4725" s="137"/>
      <c r="AK4725" s="206"/>
      <c r="AL4725" s="206"/>
      <c r="AM4725" s="143"/>
      <c r="AN4725" s="137"/>
      <c r="AO4725" s="137"/>
      <c r="AP4725" s="137"/>
      <c r="AQ4725" s="137"/>
      <c r="AR4725" s="137"/>
      <c r="AS4725" s="137"/>
      <c r="AT4725" s="137"/>
      <c r="AU4725" s="137"/>
      <c r="AV4725" s="137"/>
      <c r="AW4725" s="144"/>
    </row>
    <row r="4726" spans="2:49" x14ac:dyDescent="0.2">
      <c r="B4726" s="97"/>
      <c r="J4726" s="98"/>
      <c r="K4726" s="97"/>
      <c r="N4726" s="3"/>
      <c r="W4726" s="98"/>
      <c r="Z4726" s="143"/>
      <c r="AA4726" s="137"/>
      <c r="AB4726" s="137"/>
      <c r="AC4726" s="137"/>
      <c r="AD4726" s="137"/>
      <c r="AE4726" s="137"/>
      <c r="AF4726" s="137"/>
      <c r="AG4726" s="137"/>
      <c r="AH4726" s="137"/>
      <c r="AI4726" s="137"/>
      <c r="AJ4726" s="137"/>
      <c r="AK4726" s="206"/>
      <c r="AL4726" s="206"/>
      <c r="AM4726" s="143"/>
      <c r="AN4726" s="137"/>
      <c r="AO4726" s="137"/>
      <c r="AP4726" s="137"/>
      <c r="AQ4726" s="137"/>
      <c r="AR4726" s="137"/>
      <c r="AS4726" s="137"/>
      <c r="AT4726" s="137"/>
      <c r="AU4726" s="137"/>
      <c r="AV4726" s="137"/>
      <c r="AW4726" s="144"/>
    </row>
    <row r="4727" spans="2:49" x14ac:dyDescent="0.2">
      <c r="B4727" s="97"/>
      <c r="J4727" s="98"/>
      <c r="K4727" s="97"/>
      <c r="N4727" s="3"/>
      <c r="W4727" s="98"/>
      <c r="Z4727" s="143"/>
      <c r="AA4727" s="137"/>
      <c r="AB4727" s="137"/>
      <c r="AC4727" s="137"/>
      <c r="AD4727" s="137"/>
      <c r="AE4727" s="137"/>
      <c r="AF4727" s="137"/>
      <c r="AG4727" s="137"/>
      <c r="AH4727" s="137"/>
      <c r="AI4727" s="137"/>
      <c r="AJ4727" s="137"/>
      <c r="AK4727" s="206"/>
      <c r="AL4727" s="206"/>
      <c r="AM4727" s="143"/>
      <c r="AN4727" s="137"/>
      <c r="AO4727" s="137"/>
      <c r="AP4727" s="137"/>
      <c r="AQ4727" s="137"/>
      <c r="AR4727" s="137"/>
      <c r="AS4727" s="137"/>
      <c r="AT4727" s="137"/>
      <c r="AU4727" s="137"/>
      <c r="AV4727" s="137"/>
      <c r="AW4727" s="144"/>
    </row>
    <row r="4728" spans="2:49" x14ac:dyDescent="0.2">
      <c r="B4728" s="97"/>
      <c r="J4728" s="98"/>
      <c r="K4728" s="97"/>
      <c r="N4728" s="3"/>
      <c r="W4728" s="98"/>
      <c r="Z4728" s="143"/>
      <c r="AA4728" s="137"/>
      <c r="AB4728" s="137"/>
      <c r="AC4728" s="137"/>
      <c r="AD4728" s="137"/>
      <c r="AE4728" s="137"/>
      <c r="AF4728" s="137"/>
      <c r="AG4728" s="137"/>
      <c r="AH4728" s="137"/>
      <c r="AI4728" s="137"/>
      <c r="AJ4728" s="137"/>
      <c r="AK4728" s="206"/>
      <c r="AL4728" s="206"/>
      <c r="AM4728" s="143"/>
      <c r="AN4728" s="137"/>
      <c r="AO4728" s="137"/>
      <c r="AP4728" s="137"/>
      <c r="AQ4728" s="137"/>
      <c r="AR4728" s="137"/>
      <c r="AS4728" s="137"/>
      <c r="AT4728" s="137"/>
      <c r="AU4728" s="137"/>
      <c r="AV4728" s="137"/>
      <c r="AW4728" s="144"/>
    </row>
    <row r="4729" spans="2:49" x14ac:dyDescent="0.2">
      <c r="B4729" s="97"/>
      <c r="J4729" s="98"/>
      <c r="K4729" s="97"/>
      <c r="N4729" s="3"/>
      <c r="W4729" s="98"/>
      <c r="Z4729" s="143"/>
      <c r="AA4729" s="137"/>
      <c r="AB4729" s="137"/>
      <c r="AC4729" s="137"/>
      <c r="AD4729" s="137"/>
      <c r="AE4729" s="137"/>
      <c r="AF4729" s="137"/>
      <c r="AG4729" s="137"/>
      <c r="AH4729" s="137"/>
      <c r="AI4729" s="137"/>
      <c r="AJ4729" s="137"/>
      <c r="AK4729" s="206"/>
      <c r="AL4729" s="206"/>
      <c r="AM4729" s="143"/>
      <c r="AN4729" s="137"/>
      <c r="AO4729" s="137"/>
      <c r="AP4729" s="137"/>
      <c r="AQ4729" s="137"/>
      <c r="AR4729" s="137"/>
      <c r="AS4729" s="137"/>
      <c r="AT4729" s="137"/>
      <c r="AU4729" s="137"/>
      <c r="AV4729" s="137"/>
      <c r="AW4729" s="144"/>
    </row>
    <row r="4730" spans="2:49" x14ac:dyDescent="0.2">
      <c r="B4730" s="97"/>
      <c r="J4730" s="98"/>
      <c r="K4730" s="97"/>
      <c r="N4730" s="3"/>
      <c r="W4730" s="98"/>
      <c r="Z4730" s="143"/>
      <c r="AA4730" s="137"/>
      <c r="AB4730" s="137"/>
      <c r="AC4730" s="137"/>
      <c r="AD4730" s="137"/>
      <c r="AE4730" s="137"/>
      <c r="AF4730" s="137"/>
      <c r="AG4730" s="137"/>
      <c r="AH4730" s="137"/>
      <c r="AI4730" s="137"/>
      <c r="AJ4730" s="137"/>
      <c r="AK4730" s="206"/>
      <c r="AL4730" s="206"/>
      <c r="AM4730" s="143"/>
      <c r="AN4730" s="137"/>
      <c r="AO4730" s="137"/>
      <c r="AP4730" s="137"/>
      <c r="AQ4730" s="137"/>
      <c r="AR4730" s="137"/>
      <c r="AS4730" s="137"/>
      <c r="AT4730" s="137"/>
      <c r="AU4730" s="137"/>
      <c r="AV4730" s="137"/>
      <c r="AW4730" s="144"/>
    </row>
    <row r="4731" spans="2:49" x14ac:dyDescent="0.2">
      <c r="B4731" s="97"/>
      <c r="J4731" s="98"/>
      <c r="K4731" s="97"/>
      <c r="N4731" s="3"/>
      <c r="W4731" s="98"/>
      <c r="Z4731" s="143"/>
      <c r="AA4731" s="137"/>
      <c r="AB4731" s="137"/>
      <c r="AC4731" s="137"/>
      <c r="AD4731" s="137"/>
      <c r="AE4731" s="137"/>
      <c r="AF4731" s="137"/>
      <c r="AG4731" s="137"/>
      <c r="AH4731" s="137"/>
      <c r="AI4731" s="137"/>
      <c r="AJ4731" s="137"/>
      <c r="AK4731" s="206"/>
      <c r="AL4731" s="206"/>
      <c r="AM4731" s="143"/>
      <c r="AN4731" s="137"/>
      <c r="AO4731" s="137"/>
      <c r="AP4731" s="137"/>
      <c r="AQ4731" s="137"/>
      <c r="AR4731" s="137"/>
      <c r="AS4731" s="137"/>
      <c r="AT4731" s="137"/>
      <c r="AU4731" s="137"/>
      <c r="AV4731" s="137"/>
      <c r="AW4731" s="144"/>
    </row>
    <row r="4732" spans="2:49" x14ac:dyDescent="0.2">
      <c r="B4732" s="97"/>
      <c r="J4732" s="98"/>
      <c r="K4732" s="97"/>
      <c r="N4732" s="3"/>
      <c r="W4732" s="98"/>
      <c r="Z4732" s="143"/>
      <c r="AA4732" s="137"/>
      <c r="AB4732" s="137"/>
      <c r="AC4732" s="137"/>
      <c r="AD4732" s="137"/>
      <c r="AE4732" s="137"/>
      <c r="AF4732" s="137"/>
      <c r="AG4732" s="137"/>
      <c r="AH4732" s="137"/>
      <c r="AI4732" s="137"/>
      <c r="AJ4732" s="137"/>
      <c r="AK4732" s="206"/>
      <c r="AL4732" s="206"/>
      <c r="AM4732" s="143"/>
      <c r="AN4732" s="137"/>
      <c r="AO4732" s="137"/>
      <c r="AP4732" s="137"/>
      <c r="AQ4732" s="137"/>
      <c r="AR4732" s="137"/>
      <c r="AS4732" s="137"/>
      <c r="AT4732" s="137"/>
      <c r="AU4732" s="137"/>
      <c r="AV4732" s="137"/>
      <c r="AW4732" s="144"/>
    </row>
    <row r="4733" spans="2:49" x14ac:dyDescent="0.2">
      <c r="B4733" s="97"/>
      <c r="J4733" s="98"/>
      <c r="K4733" s="97"/>
      <c r="N4733" s="3"/>
      <c r="W4733" s="98"/>
      <c r="Z4733" s="143"/>
      <c r="AA4733" s="137"/>
      <c r="AB4733" s="137"/>
      <c r="AC4733" s="137"/>
      <c r="AD4733" s="137"/>
      <c r="AE4733" s="137"/>
      <c r="AF4733" s="137"/>
      <c r="AG4733" s="137"/>
      <c r="AH4733" s="137"/>
      <c r="AI4733" s="137"/>
      <c r="AJ4733" s="137"/>
      <c r="AK4733" s="206"/>
      <c r="AL4733" s="206"/>
      <c r="AM4733" s="143"/>
      <c r="AN4733" s="137"/>
      <c r="AO4733" s="137"/>
      <c r="AP4733" s="137"/>
      <c r="AQ4733" s="137"/>
      <c r="AR4733" s="137"/>
      <c r="AS4733" s="137"/>
      <c r="AT4733" s="137"/>
      <c r="AU4733" s="137"/>
      <c r="AV4733" s="137"/>
      <c r="AW4733" s="144"/>
    </row>
    <row r="4734" spans="2:49" x14ac:dyDescent="0.2">
      <c r="B4734" s="97"/>
      <c r="J4734" s="98"/>
      <c r="K4734" s="97"/>
      <c r="N4734" s="3"/>
      <c r="W4734" s="98"/>
      <c r="Z4734" s="143"/>
      <c r="AA4734" s="137"/>
      <c r="AB4734" s="137"/>
      <c r="AC4734" s="137"/>
      <c r="AD4734" s="137"/>
      <c r="AE4734" s="137"/>
      <c r="AF4734" s="137"/>
      <c r="AG4734" s="137"/>
      <c r="AH4734" s="137"/>
      <c r="AI4734" s="137"/>
      <c r="AJ4734" s="137"/>
      <c r="AK4734" s="206"/>
      <c r="AL4734" s="206"/>
      <c r="AM4734" s="143"/>
      <c r="AN4734" s="137"/>
      <c r="AO4734" s="137"/>
      <c r="AP4734" s="137"/>
      <c r="AQ4734" s="137"/>
      <c r="AR4734" s="137"/>
      <c r="AS4734" s="137"/>
      <c r="AT4734" s="137"/>
      <c r="AU4734" s="137"/>
      <c r="AV4734" s="137"/>
      <c r="AW4734" s="144"/>
    </row>
    <row r="4735" spans="2:49" x14ac:dyDescent="0.2">
      <c r="B4735" s="97"/>
      <c r="J4735" s="98"/>
      <c r="K4735" s="97"/>
      <c r="N4735" s="3"/>
      <c r="W4735" s="98"/>
      <c r="Z4735" s="143"/>
      <c r="AA4735" s="137"/>
      <c r="AB4735" s="137"/>
      <c r="AC4735" s="137"/>
      <c r="AD4735" s="137"/>
      <c r="AE4735" s="137"/>
      <c r="AF4735" s="137"/>
      <c r="AG4735" s="137"/>
      <c r="AH4735" s="137"/>
      <c r="AI4735" s="137"/>
      <c r="AJ4735" s="137"/>
      <c r="AK4735" s="206"/>
      <c r="AL4735" s="206"/>
      <c r="AM4735" s="143"/>
      <c r="AN4735" s="137"/>
      <c r="AO4735" s="137"/>
      <c r="AP4735" s="137"/>
      <c r="AQ4735" s="137"/>
      <c r="AR4735" s="137"/>
      <c r="AS4735" s="137"/>
      <c r="AT4735" s="137"/>
      <c r="AU4735" s="137"/>
      <c r="AV4735" s="137"/>
      <c r="AW4735" s="144"/>
    </row>
    <row r="4736" spans="2:49" x14ac:dyDescent="0.2">
      <c r="B4736" s="97"/>
      <c r="J4736" s="98"/>
      <c r="K4736" s="97"/>
      <c r="N4736" s="3"/>
      <c r="W4736" s="98"/>
      <c r="Z4736" s="143"/>
      <c r="AA4736" s="137"/>
      <c r="AB4736" s="137"/>
      <c r="AC4736" s="137"/>
      <c r="AD4736" s="137"/>
      <c r="AE4736" s="137"/>
      <c r="AF4736" s="137"/>
      <c r="AG4736" s="137"/>
      <c r="AH4736" s="137"/>
      <c r="AI4736" s="137"/>
      <c r="AJ4736" s="137"/>
      <c r="AK4736" s="206"/>
      <c r="AL4736" s="206"/>
      <c r="AM4736" s="143"/>
      <c r="AN4736" s="137"/>
      <c r="AO4736" s="137"/>
      <c r="AP4736" s="137"/>
      <c r="AQ4736" s="137"/>
      <c r="AR4736" s="137"/>
      <c r="AS4736" s="137"/>
      <c r="AT4736" s="137"/>
      <c r="AU4736" s="137"/>
      <c r="AV4736" s="137"/>
      <c r="AW4736" s="144"/>
    </row>
    <row r="4737" spans="2:49" x14ac:dyDescent="0.2">
      <c r="B4737" s="97"/>
      <c r="J4737" s="98"/>
      <c r="K4737" s="97"/>
      <c r="N4737" s="3"/>
      <c r="W4737" s="98"/>
      <c r="Z4737" s="143"/>
      <c r="AA4737" s="137"/>
      <c r="AB4737" s="137"/>
      <c r="AC4737" s="137"/>
      <c r="AD4737" s="137"/>
      <c r="AE4737" s="137"/>
      <c r="AF4737" s="137"/>
      <c r="AG4737" s="137"/>
      <c r="AH4737" s="137"/>
      <c r="AI4737" s="137"/>
      <c r="AJ4737" s="137"/>
      <c r="AK4737" s="206"/>
      <c r="AL4737" s="206"/>
      <c r="AM4737" s="143"/>
      <c r="AN4737" s="137"/>
      <c r="AO4737" s="137"/>
      <c r="AP4737" s="137"/>
      <c r="AQ4737" s="137"/>
      <c r="AR4737" s="137"/>
      <c r="AS4737" s="137"/>
      <c r="AT4737" s="137"/>
      <c r="AU4737" s="137"/>
      <c r="AV4737" s="137"/>
      <c r="AW4737" s="144"/>
    </row>
    <row r="4738" spans="2:49" x14ac:dyDescent="0.2">
      <c r="B4738" s="97"/>
      <c r="J4738" s="98"/>
      <c r="K4738" s="97"/>
      <c r="N4738" s="3"/>
      <c r="W4738" s="98"/>
      <c r="Z4738" s="143"/>
      <c r="AA4738" s="137"/>
      <c r="AB4738" s="137"/>
      <c r="AC4738" s="137"/>
      <c r="AD4738" s="137"/>
      <c r="AE4738" s="137"/>
      <c r="AF4738" s="137"/>
      <c r="AG4738" s="137"/>
      <c r="AH4738" s="137"/>
      <c r="AI4738" s="137"/>
      <c r="AJ4738" s="137"/>
      <c r="AK4738" s="206"/>
      <c r="AL4738" s="206"/>
      <c r="AM4738" s="143"/>
      <c r="AN4738" s="137"/>
      <c r="AO4738" s="137"/>
      <c r="AP4738" s="137"/>
      <c r="AQ4738" s="137"/>
      <c r="AR4738" s="137"/>
      <c r="AS4738" s="137"/>
      <c r="AT4738" s="137"/>
      <c r="AU4738" s="137"/>
      <c r="AV4738" s="137"/>
      <c r="AW4738" s="144"/>
    </row>
    <row r="4739" spans="2:49" x14ac:dyDescent="0.2">
      <c r="B4739" s="97"/>
      <c r="J4739" s="98"/>
      <c r="K4739" s="97"/>
      <c r="N4739" s="3"/>
      <c r="W4739" s="98"/>
      <c r="Z4739" s="143"/>
      <c r="AA4739" s="137"/>
      <c r="AB4739" s="137"/>
      <c r="AC4739" s="137"/>
      <c r="AD4739" s="137"/>
      <c r="AE4739" s="137"/>
      <c r="AF4739" s="137"/>
      <c r="AG4739" s="137"/>
      <c r="AH4739" s="137"/>
      <c r="AI4739" s="137"/>
      <c r="AJ4739" s="137"/>
      <c r="AK4739" s="206"/>
      <c r="AL4739" s="206"/>
      <c r="AM4739" s="143"/>
      <c r="AN4739" s="137"/>
      <c r="AO4739" s="137"/>
      <c r="AP4739" s="137"/>
      <c r="AQ4739" s="137"/>
      <c r="AR4739" s="137"/>
      <c r="AS4739" s="137"/>
      <c r="AT4739" s="137"/>
      <c r="AU4739" s="137"/>
      <c r="AV4739" s="137"/>
      <c r="AW4739" s="144"/>
    </row>
    <row r="4740" spans="2:49" x14ac:dyDescent="0.2">
      <c r="B4740" s="97"/>
      <c r="J4740" s="98"/>
      <c r="K4740" s="97"/>
      <c r="N4740" s="3"/>
      <c r="W4740" s="98"/>
      <c r="Z4740" s="143"/>
      <c r="AA4740" s="137"/>
      <c r="AB4740" s="137"/>
      <c r="AC4740" s="137"/>
      <c r="AD4740" s="137"/>
      <c r="AE4740" s="137"/>
      <c r="AF4740" s="137"/>
      <c r="AG4740" s="137"/>
      <c r="AH4740" s="137"/>
      <c r="AI4740" s="137"/>
      <c r="AJ4740" s="137"/>
      <c r="AK4740" s="206"/>
      <c r="AL4740" s="206"/>
      <c r="AM4740" s="143"/>
      <c r="AN4740" s="137"/>
      <c r="AO4740" s="137"/>
      <c r="AP4740" s="137"/>
      <c r="AQ4740" s="137"/>
      <c r="AR4740" s="137"/>
      <c r="AS4740" s="137"/>
      <c r="AT4740" s="137"/>
      <c r="AU4740" s="137"/>
      <c r="AV4740" s="137"/>
      <c r="AW4740" s="144"/>
    </row>
    <row r="4741" spans="2:49" x14ac:dyDescent="0.2">
      <c r="B4741" s="97"/>
      <c r="J4741" s="98"/>
      <c r="K4741" s="97"/>
      <c r="N4741" s="3"/>
      <c r="W4741" s="98"/>
      <c r="Z4741" s="143"/>
      <c r="AA4741" s="137"/>
      <c r="AB4741" s="137"/>
      <c r="AC4741" s="137"/>
      <c r="AD4741" s="137"/>
      <c r="AE4741" s="137"/>
      <c r="AF4741" s="137"/>
      <c r="AG4741" s="137"/>
      <c r="AH4741" s="137"/>
      <c r="AI4741" s="137"/>
      <c r="AJ4741" s="137"/>
      <c r="AK4741" s="206"/>
      <c r="AL4741" s="206"/>
      <c r="AM4741" s="143"/>
      <c r="AN4741" s="137"/>
      <c r="AO4741" s="137"/>
      <c r="AP4741" s="137"/>
      <c r="AQ4741" s="137"/>
      <c r="AR4741" s="137"/>
      <c r="AS4741" s="137"/>
      <c r="AT4741" s="137"/>
      <c r="AU4741" s="137"/>
      <c r="AV4741" s="137"/>
      <c r="AW4741" s="144"/>
    </row>
    <row r="4742" spans="2:49" x14ac:dyDescent="0.2">
      <c r="B4742" s="97"/>
      <c r="J4742" s="98"/>
      <c r="K4742" s="97"/>
      <c r="N4742" s="3"/>
      <c r="W4742" s="98"/>
      <c r="Z4742" s="143"/>
      <c r="AA4742" s="137"/>
      <c r="AB4742" s="137"/>
      <c r="AC4742" s="137"/>
      <c r="AD4742" s="137"/>
      <c r="AE4742" s="137"/>
      <c r="AF4742" s="137"/>
      <c r="AG4742" s="137"/>
      <c r="AH4742" s="137"/>
      <c r="AI4742" s="137"/>
      <c r="AJ4742" s="137"/>
      <c r="AK4742" s="206"/>
      <c r="AL4742" s="206"/>
      <c r="AM4742" s="143"/>
      <c r="AN4742" s="137"/>
      <c r="AO4742" s="137"/>
      <c r="AP4742" s="137"/>
      <c r="AQ4742" s="137"/>
      <c r="AR4742" s="137"/>
      <c r="AS4742" s="137"/>
      <c r="AT4742" s="137"/>
      <c r="AU4742" s="137"/>
      <c r="AV4742" s="137"/>
      <c r="AW4742" s="144"/>
    </row>
    <row r="4743" spans="2:49" x14ac:dyDescent="0.2">
      <c r="B4743" s="97"/>
      <c r="J4743" s="98"/>
      <c r="K4743" s="97"/>
      <c r="N4743" s="3"/>
      <c r="W4743" s="98"/>
      <c r="Z4743" s="143"/>
      <c r="AA4743" s="137"/>
      <c r="AB4743" s="137"/>
      <c r="AC4743" s="137"/>
      <c r="AD4743" s="137"/>
      <c r="AE4743" s="137"/>
      <c r="AF4743" s="137"/>
      <c r="AG4743" s="137"/>
      <c r="AH4743" s="137"/>
      <c r="AI4743" s="137"/>
      <c r="AJ4743" s="137"/>
      <c r="AK4743" s="206"/>
      <c r="AL4743" s="206"/>
      <c r="AM4743" s="143"/>
      <c r="AN4743" s="137"/>
      <c r="AO4743" s="137"/>
      <c r="AP4743" s="137"/>
      <c r="AQ4743" s="137"/>
      <c r="AR4743" s="137"/>
      <c r="AS4743" s="137"/>
      <c r="AT4743" s="137"/>
      <c r="AU4743" s="137"/>
      <c r="AV4743" s="137"/>
      <c r="AW4743" s="144"/>
    </row>
    <row r="4744" spans="2:49" x14ac:dyDescent="0.2">
      <c r="B4744" s="97"/>
      <c r="J4744" s="98"/>
      <c r="K4744" s="97"/>
      <c r="N4744" s="3"/>
      <c r="W4744" s="98"/>
      <c r="Z4744" s="143"/>
      <c r="AA4744" s="137"/>
      <c r="AB4744" s="137"/>
      <c r="AC4744" s="137"/>
      <c r="AD4744" s="137"/>
      <c r="AE4744" s="137"/>
      <c r="AF4744" s="137"/>
      <c r="AG4744" s="137"/>
      <c r="AH4744" s="137"/>
      <c r="AI4744" s="137"/>
      <c r="AJ4744" s="137"/>
      <c r="AK4744" s="206"/>
      <c r="AL4744" s="206"/>
      <c r="AM4744" s="143"/>
      <c r="AN4744" s="137"/>
      <c r="AO4744" s="137"/>
      <c r="AP4744" s="137"/>
      <c r="AQ4744" s="137"/>
      <c r="AR4744" s="137"/>
      <c r="AS4744" s="137"/>
      <c r="AT4744" s="137"/>
      <c r="AU4744" s="137"/>
      <c r="AV4744" s="137"/>
      <c r="AW4744" s="144"/>
    </row>
    <row r="4745" spans="2:49" x14ac:dyDescent="0.2">
      <c r="B4745" s="97"/>
      <c r="J4745" s="98"/>
      <c r="K4745" s="97"/>
      <c r="N4745" s="3"/>
      <c r="W4745" s="98"/>
      <c r="Z4745" s="143"/>
      <c r="AA4745" s="137"/>
      <c r="AB4745" s="137"/>
      <c r="AC4745" s="137"/>
      <c r="AD4745" s="137"/>
      <c r="AE4745" s="137"/>
      <c r="AF4745" s="137"/>
      <c r="AG4745" s="137"/>
      <c r="AH4745" s="137"/>
      <c r="AI4745" s="137"/>
      <c r="AJ4745" s="137"/>
      <c r="AK4745" s="206"/>
      <c r="AL4745" s="206"/>
      <c r="AM4745" s="143"/>
      <c r="AN4745" s="137"/>
      <c r="AO4745" s="137"/>
      <c r="AP4745" s="137"/>
      <c r="AQ4745" s="137"/>
      <c r="AR4745" s="137"/>
      <c r="AS4745" s="137"/>
      <c r="AT4745" s="137"/>
      <c r="AU4745" s="137"/>
      <c r="AV4745" s="137"/>
      <c r="AW4745" s="144"/>
    </row>
    <row r="4746" spans="2:49" x14ac:dyDescent="0.2">
      <c r="B4746" s="97"/>
      <c r="J4746" s="98"/>
      <c r="K4746" s="97"/>
      <c r="N4746" s="3"/>
      <c r="W4746" s="98"/>
      <c r="Z4746" s="143"/>
      <c r="AA4746" s="137"/>
      <c r="AB4746" s="137"/>
      <c r="AC4746" s="137"/>
      <c r="AD4746" s="137"/>
      <c r="AE4746" s="137"/>
      <c r="AF4746" s="137"/>
      <c r="AG4746" s="137"/>
      <c r="AH4746" s="137"/>
      <c r="AI4746" s="137"/>
      <c r="AJ4746" s="137"/>
      <c r="AK4746" s="206"/>
      <c r="AL4746" s="206"/>
      <c r="AM4746" s="143"/>
      <c r="AN4746" s="137"/>
      <c r="AO4746" s="137"/>
      <c r="AP4746" s="137"/>
      <c r="AQ4746" s="137"/>
      <c r="AR4746" s="137"/>
      <c r="AS4746" s="137"/>
      <c r="AT4746" s="137"/>
      <c r="AU4746" s="137"/>
      <c r="AV4746" s="137"/>
      <c r="AW4746" s="144"/>
    </row>
    <row r="4747" spans="2:49" x14ac:dyDescent="0.2">
      <c r="B4747" s="97"/>
      <c r="J4747" s="98"/>
      <c r="K4747" s="97"/>
      <c r="N4747" s="3"/>
      <c r="W4747" s="98"/>
      <c r="Z4747" s="143"/>
      <c r="AA4747" s="137"/>
      <c r="AB4747" s="137"/>
      <c r="AC4747" s="137"/>
      <c r="AD4747" s="137"/>
      <c r="AE4747" s="137"/>
      <c r="AF4747" s="137"/>
      <c r="AG4747" s="137"/>
      <c r="AH4747" s="137"/>
      <c r="AI4747" s="137"/>
      <c r="AJ4747" s="137"/>
      <c r="AK4747" s="206"/>
      <c r="AL4747" s="206"/>
      <c r="AM4747" s="143"/>
      <c r="AN4747" s="137"/>
      <c r="AO4747" s="137"/>
      <c r="AP4747" s="137"/>
      <c r="AQ4747" s="137"/>
      <c r="AR4747" s="137"/>
      <c r="AS4747" s="137"/>
      <c r="AT4747" s="137"/>
      <c r="AU4747" s="137"/>
      <c r="AV4747" s="137"/>
      <c r="AW4747" s="144"/>
    </row>
    <row r="4748" spans="2:49" x14ac:dyDescent="0.2">
      <c r="B4748" s="97"/>
      <c r="J4748" s="98"/>
      <c r="K4748" s="97"/>
      <c r="N4748" s="3"/>
      <c r="W4748" s="98"/>
      <c r="Z4748" s="143"/>
      <c r="AA4748" s="137"/>
      <c r="AB4748" s="137"/>
      <c r="AC4748" s="137"/>
      <c r="AD4748" s="137"/>
      <c r="AE4748" s="137"/>
      <c r="AF4748" s="137"/>
      <c r="AG4748" s="137"/>
      <c r="AH4748" s="137"/>
      <c r="AI4748" s="137"/>
      <c r="AJ4748" s="137"/>
      <c r="AK4748" s="206"/>
      <c r="AL4748" s="206"/>
      <c r="AM4748" s="143"/>
      <c r="AN4748" s="137"/>
      <c r="AO4748" s="137"/>
      <c r="AP4748" s="137"/>
      <c r="AQ4748" s="137"/>
      <c r="AR4748" s="137"/>
      <c r="AS4748" s="137"/>
      <c r="AT4748" s="137"/>
      <c r="AU4748" s="137"/>
      <c r="AV4748" s="137"/>
      <c r="AW4748" s="144"/>
    </row>
    <row r="4749" spans="2:49" x14ac:dyDescent="0.2">
      <c r="B4749" s="97"/>
      <c r="J4749" s="98"/>
      <c r="K4749" s="97"/>
      <c r="N4749" s="3"/>
      <c r="W4749" s="98"/>
      <c r="Z4749" s="143"/>
      <c r="AA4749" s="137"/>
      <c r="AB4749" s="137"/>
      <c r="AC4749" s="137"/>
      <c r="AD4749" s="137"/>
      <c r="AE4749" s="137"/>
      <c r="AF4749" s="137"/>
      <c r="AG4749" s="137"/>
      <c r="AH4749" s="137"/>
      <c r="AI4749" s="137"/>
      <c r="AJ4749" s="137"/>
      <c r="AK4749" s="206"/>
      <c r="AL4749" s="206"/>
      <c r="AM4749" s="143"/>
      <c r="AN4749" s="137"/>
      <c r="AO4749" s="137"/>
      <c r="AP4749" s="137"/>
      <c r="AQ4749" s="137"/>
      <c r="AR4749" s="137"/>
      <c r="AS4749" s="137"/>
      <c r="AT4749" s="137"/>
      <c r="AU4749" s="137"/>
      <c r="AV4749" s="137"/>
      <c r="AW4749" s="144"/>
    </row>
    <row r="4750" spans="2:49" x14ac:dyDescent="0.2">
      <c r="B4750" s="97"/>
      <c r="J4750" s="98"/>
      <c r="K4750" s="97"/>
      <c r="N4750" s="3"/>
      <c r="W4750" s="98"/>
      <c r="Z4750" s="143"/>
      <c r="AA4750" s="137"/>
      <c r="AB4750" s="137"/>
      <c r="AC4750" s="137"/>
      <c r="AD4750" s="137"/>
      <c r="AE4750" s="137"/>
      <c r="AF4750" s="137"/>
      <c r="AG4750" s="137"/>
      <c r="AH4750" s="137"/>
      <c r="AI4750" s="137"/>
      <c r="AJ4750" s="137"/>
      <c r="AK4750" s="206"/>
      <c r="AL4750" s="206"/>
      <c r="AM4750" s="143"/>
      <c r="AN4750" s="137"/>
      <c r="AO4750" s="137"/>
      <c r="AP4750" s="137"/>
      <c r="AQ4750" s="137"/>
      <c r="AR4750" s="137"/>
      <c r="AS4750" s="137"/>
      <c r="AT4750" s="137"/>
      <c r="AU4750" s="137"/>
      <c r="AV4750" s="137"/>
      <c r="AW4750" s="144"/>
    </row>
    <row r="4751" spans="2:49" x14ac:dyDescent="0.2">
      <c r="B4751" s="97"/>
      <c r="J4751" s="98"/>
      <c r="K4751" s="97"/>
      <c r="N4751" s="3"/>
      <c r="W4751" s="98"/>
      <c r="Z4751" s="143"/>
      <c r="AA4751" s="137"/>
      <c r="AB4751" s="137"/>
      <c r="AC4751" s="137"/>
      <c r="AD4751" s="137"/>
      <c r="AE4751" s="137"/>
      <c r="AF4751" s="137"/>
      <c r="AG4751" s="137"/>
      <c r="AH4751" s="137"/>
      <c r="AI4751" s="137"/>
      <c r="AJ4751" s="137"/>
      <c r="AK4751" s="206"/>
      <c r="AL4751" s="206"/>
      <c r="AM4751" s="143"/>
      <c r="AN4751" s="137"/>
      <c r="AO4751" s="137"/>
      <c r="AP4751" s="137"/>
      <c r="AQ4751" s="137"/>
      <c r="AR4751" s="137"/>
      <c r="AS4751" s="137"/>
      <c r="AT4751" s="137"/>
      <c r="AU4751" s="137"/>
      <c r="AV4751" s="137"/>
      <c r="AW4751" s="144"/>
    </row>
    <row r="4752" spans="2:49" x14ac:dyDescent="0.2">
      <c r="B4752" s="97"/>
      <c r="J4752" s="98"/>
      <c r="K4752" s="97"/>
      <c r="N4752" s="3"/>
      <c r="W4752" s="98"/>
      <c r="Z4752" s="143"/>
      <c r="AA4752" s="137"/>
      <c r="AB4752" s="137"/>
      <c r="AC4752" s="137"/>
      <c r="AD4752" s="137"/>
      <c r="AE4752" s="137"/>
      <c r="AF4752" s="137"/>
      <c r="AG4752" s="137"/>
      <c r="AH4752" s="137"/>
      <c r="AI4752" s="137"/>
      <c r="AJ4752" s="137"/>
      <c r="AK4752" s="206"/>
      <c r="AL4752" s="206"/>
      <c r="AM4752" s="143"/>
      <c r="AN4752" s="137"/>
      <c r="AO4752" s="137"/>
      <c r="AP4752" s="137"/>
      <c r="AQ4752" s="137"/>
      <c r="AR4752" s="137"/>
      <c r="AS4752" s="137"/>
      <c r="AT4752" s="137"/>
      <c r="AU4752" s="137"/>
      <c r="AV4752" s="137"/>
      <c r="AW4752" s="144"/>
    </row>
    <row r="4753" spans="2:49" x14ac:dyDescent="0.2">
      <c r="B4753" s="97"/>
      <c r="J4753" s="98"/>
      <c r="K4753" s="97"/>
      <c r="N4753" s="3"/>
      <c r="W4753" s="98"/>
      <c r="Z4753" s="143"/>
      <c r="AA4753" s="137"/>
      <c r="AB4753" s="137"/>
      <c r="AC4753" s="137"/>
      <c r="AD4753" s="137"/>
      <c r="AE4753" s="137"/>
      <c r="AF4753" s="137"/>
      <c r="AG4753" s="137"/>
      <c r="AH4753" s="137"/>
      <c r="AI4753" s="137"/>
      <c r="AJ4753" s="137"/>
      <c r="AK4753" s="206"/>
      <c r="AL4753" s="206"/>
      <c r="AM4753" s="143"/>
      <c r="AN4753" s="137"/>
      <c r="AO4753" s="137"/>
      <c r="AP4753" s="137"/>
      <c r="AQ4753" s="137"/>
      <c r="AR4753" s="137"/>
      <c r="AS4753" s="137"/>
      <c r="AT4753" s="137"/>
      <c r="AU4753" s="137"/>
      <c r="AV4753" s="137"/>
      <c r="AW4753" s="144"/>
    </row>
    <row r="4754" spans="2:49" x14ac:dyDescent="0.2">
      <c r="B4754" s="97"/>
      <c r="J4754" s="98"/>
      <c r="K4754" s="97"/>
      <c r="N4754" s="3"/>
      <c r="W4754" s="98"/>
      <c r="Z4754" s="143"/>
      <c r="AA4754" s="137"/>
      <c r="AB4754" s="137"/>
      <c r="AC4754" s="137"/>
      <c r="AD4754" s="137"/>
      <c r="AE4754" s="137"/>
      <c r="AF4754" s="137"/>
      <c r="AG4754" s="137"/>
      <c r="AH4754" s="137"/>
      <c r="AI4754" s="137"/>
      <c r="AJ4754" s="137"/>
      <c r="AK4754" s="206"/>
      <c r="AL4754" s="206"/>
      <c r="AM4754" s="143"/>
      <c r="AN4754" s="137"/>
      <c r="AO4754" s="137"/>
      <c r="AP4754" s="137"/>
      <c r="AQ4754" s="137"/>
      <c r="AR4754" s="137"/>
      <c r="AS4754" s="137"/>
      <c r="AT4754" s="137"/>
      <c r="AU4754" s="137"/>
      <c r="AV4754" s="137"/>
      <c r="AW4754" s="144"/>
    </row>
    <row r="4755" spans="2:49" x14ac:dyDescent="0.2">
      <c r="B4755" s="97"/>
      <c r="J4755" s="98"/>
      <c r="K4755" s="97"/>
      <c r="N4755" s="3"/>
      <c r="W4755" s="98"/>
      <c r="Z4755" s="143"/>
      <c r="AA4755" s="137"/>
      <c r="AB4755" s="137"/>
      <c r="AC4755" s="137"/>
      <c r="AD4755" s="137"/>
      <c r="AE4755" s="137"/>
      <c r="AF4755" s="137"/>
      <c r="AG4755" s="137"/>
      <c r="AH4755" s="137"/>
      <c r="AI4755" s="137"/>
      <c r="AJ4755" s="137"/>
      <c r="AK4755" s="206"/>
      <c r="AL4755" s="206"/>
      <c r="AM4755" s="143"/>
      <c r="AN4755" s="137"/>
      <c r="AO4755" s="137"/>
      <c r="AP4755" s="137"/>
      <c r="AQ4755" s="137"/>
      <c r="AR4755" s="137"/>
      <c r="AS4755" s="137"/>
      <c r="AT4755" s="137"/>
      <c r="AU4755" s="137"/>
      <c r="AV4755" s="137"/>
      <c r="AW4755" s="144"/>
    </row>
    <row r="4756" spans="2:49" x14ac:dyDescent="0.2">
      <c r="B4756" s="97"/>
      <c r="J4756" s="98"/>
      <c r="K4756" s="97"/>
      <c r="N4756" s="3"/>
      <c r="W4756" s="98"/>
      <c r="Z4756" s="143"/>
      <c r="AA4756" s="137"/>
      <c r="AB4756" s="137"/>
      <c r="AC4756" s="137"/>
      <c r="AD4756" s="137"/>
      <c r="AE4756" s="137"/>
      <c r="AF4756" s="137"/>
      <c r="AG4756" s="137"/>
      <c r="AH4756" s="137"/>
      <c r="AI4756" s="137"/>
      <c r="AJ4756" s="137"/>
      <c r="AK4756" s="206"/>
      <c r="AL4756" s="206"/>
      <c r="AM4756" s="143"/>
      <c r="AN4756" s="137"/>
      <c r="AO4756" s="137"/>
      <c r="AP4756" s="137"/>
      <c r="AQ4756" s="137"/>
      <c r="AR4756" s="137"/>
      <c r="AS4756" s="137"/>
      <c r="AT4756" s="137"/>
      <c r="AU4756" s="137"/>
      <c r="AV4756" s="137"/>
      <c r="AW4756" s="144"/>
    </row>
    <row r="4757" spans="2:49" x14ac:dyDescent="0.2">
      <c r="B4757" s="97"/>
      <c r="J4757" s="98"/>
      <c r="K4757" s="97"/>
      <c r="N4757" s="3"/>
      <c r="W4757" s="98"/>
      <c r="Z4757" s="143"/>
      <c r="AA4757" s="137"/>
      <c r="AB4757" s="137"/>
      <c r="AC4757" s="137"/>
      <c r="AD4757" s="137"/>
      <c r="AE4757" s="137"/>
      <c r="AF4757" s="137"/>
      <c r="AG4757" s="137"/>
      <c r="AH4757" s="137"/>
      <c r="AI4757" s="137"/>
      <c r="AJ4757" s="137"/>
      <c r="AK4757" s="206"/>
      <c r="AL4757" s="206"/>
      <c r="AM4757" s="143"/>
      <c r="AN4757" s="137"/>
      <c r="AO4757" s="137"/>
      <c r="AP4757" s="137"/>
      <c r="AQ4757" s="137"/>
      <c r="AR4757" s="137"/>
      <c r="AS4757" s="137"/>
      <c r="AT4757" s="137"/>
      <c r="AU4757" s="137"/>
      <c r="AV4757" s="137"/>
      <c r="AW4757" s="144"/>
    </row>
    <row r="4758" spans="2:49" x14ac:dyDescent="0.2">
      <c r="B4758" s="97"/>
      <c r="J4758" s="98"/>
      <c r="K4758" s="97"/>
      <c r="N4758" s="3"/>
      <c r="W4758" s="98"/>
      <c r="Z4758" s="143"/>
      <c r="AA4758" s="137"/>
      <c r="AB4758" s="137"/>
      <c r="AC4758" s="137"/>
      <c r="AD4758" s="137"/>
      <c r="AE4758" s="137"/>
      <c r="AF4758" s="137"/>
      <c r="AG4758" s="137"/>
      <c r="AH4758" s="137"/>
      <c r="AI4758" s="137"/>
      <c r="AJ4758" s="137"/>
      <c r="AK4758" s="206"/>
      <c r="AL4758" s="206"/>
      <c r="AM4758" s="143"/>
      <c r="AN4758" s="137"/>
      <c r="AO4758" s="137"/>
      <c r="AP4758" s="137"/>
      <c r="AQ4758" s="137"/>
      <c r="AR4758" s="137"/>
      <c r="AS4758" s="137"/>
      <c r="AT4758" s="137"/>
      <c r="AU4758" s="137"/>
      <c r="AV4758" s="137"/>
      <c r="AW4758" s="144"/>
    </row>
    <row r="4759" spans="2:49" x14ac:dyDescent="0.2">
      <c r="B4759" s="97"/>
      <c r="J4759" s="98"/>
      <c r="K4759" s="97"/>
      <c r="N4759" s="3"/>
      <c r="W4759" s="98"/>
      <c r="Z4759" s="143"/>
      <c r="AA4759" s="137"/>
      <c r="AB4759" s="137"/>
      <c r="AC4759" s="137"/>
      <c r="AD4759" s="137"/>
      <c r="AE4759" s="137"/>
      <c r="AF4759" s="137"/>
      <c r="AG4759" s="137"/>
      <c r="AH4759" s="137"/>
      <c r="AI4759" s="137"/>
      <c r="AJ4759" s="137"/>
      <c r="AK4759" s="206"/>
      <c r="AL4759" s="206"/>
      <c r="AM4759" s="143"/>
      <c r="AN4759" s="137"/>
      <c r="AO4759" s="137"/>
      <c r="AP4759" s="137"/>
      <c r="AQ4759" s="137"/>
      <c r="AR4759" s="137"/>
      <c r="AS4759" s="137"/>
      <c r="AT4759" s="137"/>
      <c r="AU4759" s="137"/>
      <c r="AV4759" s="137"/>
      <c r="AW4759" s="144"/>
    </row>
    <row r="4760" spans="2:49" x14ac:dyDescent="0.2">
      <c r="B4760" s="97"/>
      <c r="J4760" s="98"/>
      <c r="K4760" s="97"/>
      <c r="N4760" s="3"/>
      <c r="W4760" s="98"/>
      <c r="Z4760" s="143"/>
      <c r="AA4760" s="137"/>
      <c r="AB4760" s="137"/>
      <c r="AC4760" s="137"/>
      <c r="AD4760" s="137"/>
      <c r="AE4760" s="137"/>
      <c r="AF4760" s="137"/>
      <c r="AG4760" s="137"/>
      <c r="AH4760" s="137"/>
      <c r="AI4760" s="137"/>
      <c r="AJ4760" s="137"/>
      <c r="AK4760" s="206"/>
      <c r="AL4760" s="206"/>
      <c r="AM4760" s="143"/>
      <c r="AN4760" s="137"/>
      <c r="AO4760" s="137"/>
      <c r="AP4760" s="137"/>
      <c r="AQ4760" s="137"/>
      <c r="AR4760" s="137"/>
      <c r="AS4760" s="137"/>
      <c r="AT4760" s="137"/>
      <c r="AU4760" s="137"/>
      <c r="AV4760" s="137"/>
      <c r="AW4760" s="144"/>
    </row>
    <row r="4761" spans="2:49" x14ac:dyDescent="0.2">
      <c r="B4761" s="97"/>
      <c r="J4761" s="98"/>
      <c r="K4761" s="97"/>
      <c r="N4761" s="3"/>
      <c r="W4761" s="98"/>
      <c r="Z4761" s="143"/>
      <c r="AA4761" s="137"/>
      <c r="AB4761" s="137"/>
      <c r="AC4761" s="137"/>
      <c r="AD4761" s="137"/>
      <c r="AE4761" s="137"/>
      <c r="AF4761" s="137"/>
      <c r="AG4761" s="137"/>
      <c r="AH4761" s="137"/>
      <c r="AI4761" s="137"/>
      <c r="AJ4761" s="137"/>
      <c r="AK4761" s="206"/>
      <c r="AL4761" s="206"/>
      <c r="AM4761" s="143"/>
      <c r="AN4761" s="137"/>
      <c r="AO4761" s="137"/>
      <c r="AP4761" s="137"/>
      <c r="AQ4761" s="137"/>
      <c r="AR4761" s="137"/>
      <c r="AS4761" s="137"/>
      <c r="AT4761" s="137"/>
      <c r="AU4761" s="137"/>
      <c r="AV4761" s="137"/>
      <c r="AW4761" s="144"/>
    </row>
    <row r="4762" spans="2:49" x14ac:dyDescent="0.2">
      <c r="B4762" s="97"/>
      <c r="J4762" s="98"/>
      <c r="K4762" s="97"/>
      <c r="N4762" s="3"/>
      <c r="W4762" s="98"/>
      <c r="Z4762" s="143"/>
      <c r="AA4762" s="137"/>
      <c r="AB4762" s="137"/>
      <c r="AC4762" s="137"/>
      <c r="AD4762" s="137"/>
      <c r="AE4762" s="137"/>
      <c r="AF4762" s="137"/>
      <c r="AG4762" s="137"/>
      <c r="AH4762" s="137"/>
      <c r="AI4762" s="137"/>
      <c r="AJ4762" s="137"/>
      <c r="AK4762" s="206"/>
      <c r="AL4762" s="206"/>
      <c r="AM4762" s="143"/>
      <c r="AN4762" s="137"/>
      <c r="AO4762" s="137"/>
      <c r="AP4762" s="137"/>
      <c r="AQ4762" s="137"/>
      <c r="AR4762" s="137"/>
      <c r="AS4762" s="137"/>
      <c r="AT4762" s="137"/>
      <c r="AU4762" s="137"/>
      <c r="AV4762" s="137"/>
      <c r="AW4762" s="144"/>
    </row>
    <row r="4763" spans="2:49" x14ac:dyDescent="0.2">
      <c r="B4763" s="97"/>
      <c r="J4763" s="98"/>
      <c r="K4763" s="97"/>
      <c r="N4763" s="3"/>
      <c r="W4763" s="98"/>
      <c r="Z4763" s="143"/>
      <c r="AA4763" s="137"/>
      <c r="AB4763" s="137"/>
      <c r="AC4763" s="137"/>
      <c r="AD4763" s="137"/>
      <c r="AE4763" s="137"/>
      <c r="AF4763" s="137"/>
      <c r="AG4763" s="137"/>
      <c r="AH4763" s="137"/>
      <c r="AI4763" s="137"/>
      <c r="AJ4763" s="137"/>
      <c r="AK4763" s="206"/>
      <c r="AL4763" s="206"/>
      <c r="AM4763" s="143"/>
      <c r="AN4763" s="137"/>
      <c r="AO4763" s="137"/>
      <c r="AP4763" s="137"/>
      <c r="AQ4763" s="137"/>
      <c r="AR4763" s="137"/>
      <c r="AS4763" s="137"/>
      <c r="AT4763" s="137"/>
      <c r="AU4763" s="137"/>
      <c r="AV4763" s="137"/>
      <c r="AW4763" s="144"/>
    </row>
    <row r="4764" spans="2:49" x14ac:dyDescent="0.2">
      <c r="B4764" s="97"/>
      <c r="J4764" s="98"/>
      <c r="K4764" s="97"/>
      <c r="N4764" s="3"/>
      <c r="W4764" s="98"/>
      <c r="Z4764" s="143"/>
      <c r="AA4764" s="137"/>
      <c r="AB4764" s="137"/>
      <c r="AC4764" s="137"/>
      <c r="AD4764" s="137"/>
      <c r="AE4764" s="137"/>
      <c r="AF4764" s="137"/>
      <c r="AG4764" s="137"/>
      <c r="AH4764" s="137"/>
      <c r="AI4764" s="137"/>
      <c r="AJ4764" s="137"/>
      <c r="AK4764" s="206"/>
      <c r="AL4764" s="206"/>
      <c r="AM4764" s="143"/>
      <c r="AN4764" s="137"/>
      <c r="AO4764" s="137"/>
      <c r="AP4764" s="137"/>
      <c r="AQ4764" s="137"/>
      <c r="AR4764" s="137"/>
      <c r="AS4764" s="137"/>
      <c r="AT4764" s="137"/>
      <c r="AU4764" s="137"/>
      <c r="AV4764" s="137"/>
      <c r="AW4764" s="144"/>
    </row>
    <row r="4765" spans="2:49" x14ac:dyDescent="0.2">
      <c r="B4765" s="97"/>
      <c r="J4765" s="98"/>
      <c r="K4765" s="97"/>
      <c r="N4765" s="3"/>
      <c r="W4765" s="98"/>
      <c r="Z4765" s="143"/>
      <c r="AA4765" s="137"/>
      <c r="AB4765" s="137"/>
      <c r="AC4765" s="137"/>
      <c r="AD4765" s="137"/>
      <c r="AE4765" s="137"/>
      <c r="AF4765" s="137"/>
      <c r="AG4765" s="137"/>
      <c r="AH4765" s="137"/>
      <c r="AI4765" s="137"/>
      <c r="AJ4765" s="137"/>
      <c r="AK4765" s="206"/>
      <c r="AL4765" s="206"/>
      <c r="AM4765" s="143"/>
      <c r="AN4765" s="137"/>
      <c r="AO4765" s="137"/>
      <c r="AP4765" s="137"/>
      <c r="AQ4765" s="137"/>
      <c r="AR4765" s="137"/>
      <c r="AS4765" s="137"/>
      <c r="AT4765" s="137"/>
      <c r="AU4765" s="137"/>
      <c r="AV4765" s="137"/>
      <c r="AW4765" s="144"/>
    </row>
    <row r="4766" spans="2:49" x14ac:dyDescent="0.2">
      <c r="B4766" s="97"/>
      <c r="J4766" s="98"/>
      <c r="K4766" s="97"/>
      <c r="N4766" s="3"/>
      <c r="W4766" s="98"/>
      <c r="Z4766" s="143"/>
      <c r="AA4766" s="137"/>
      <c r="AB4766" s="137"/>
      <c r="AC4766" s="137"/>
      <c r="AD4766" s="137"/>
      <c r="AE4766" s="137"/>
      <c r="AF4766" s="137"/>
      <c r="AG4766" s="137"/>
      <c r="AH4766" s="137"/>
      <c r="AI4766" s="137"/>
      <c r="AJ4766" s="137"/>
      <c r="AK4766" s="206"/>
      <c r="AL4766" s="206"/>
      <c r="AM4766" s="143"/>
      <c r="AN4766" s="137"/>
      <c r="AO4766" s="137"/>
      <c r="AP4766" s="137"/>
      <c r="AQ4766" s="137"/>
      <c r="AR4766" s="137"/>
      <c r="AS4766" s="137"/>
      <c r="AT4766" s="137"/>
      <c r="AU4766" s="137"/>
      <c r="AV4766" s="137"/>
      <c r="AW4766" s="144"/>
    </row>
    <row r="4767" spans="2:49" x14ac:dyDescent="0.2">
      <c r="B4767" s="97"/>
      <c r="J4767" s="98"/>
      <c r="K4767" s="97"/>
      <c r="N4767" s="3"/>
      <c r="W4767" s="98"/>
      <c r="Z4767" s="143"/>
      <c r="AA4767" s="137"/>
      <c r="AB4767" s="137"/>
      <c r="AC4767" s="137"/>
      <c r="AD4767" s="137"/>
      <c r="AE4767" s="137"/>
      <c r="AF4767" s="137"/>
      <c r="AG4767" s="137"/>
      <c r="AH4767" s="137"/>
      <c r="AI4767" s="137"/>
      <c r="AJ4767" s="137"/>
      <c r="AK4767" s="206"/>
      <c r="AL4767" s="206"/>
      <c r="AM4767" s="143"/>
      <c r="AN4767" s="137"/>
      <c r="AO4767" s="137"/>
      <c r="AP4767" s="137"/>
      <c r="AQ4767" s="137"/>
      <c r="AR4767" s="137"/>
      <c r="AS4767" s="137"/>
      <c r="AT4767" s="137"/>
      <c r="AU4767" s="137"/>
      <c r="AV4767" s="137"/>
      <c r="AW4767" s="144"/>
    </row>
    <row r="4768" spans="2:49" x14ac:dyDescent="0.2">
      <c r="B4768" s="97"/>
      <c r="J4768" s="98"/>
      <c r="K4768" s="97"/>
      <c r="N4768" s="3"/>
      <c r="W4768" s="98"/>
      <c r="Z4768" s="143"/>
      <c r="AA4768" s="137"/>
      <c r="AB4768" s="137"/>
      <c r="AC4768" s="137"/>
      <c r="AD4768" s="137"/>
      <c r="AE4768" s="137"/>
      <c r="AF4768" s="137"/>
      <c r="AG4768" s="137"/>
      <c r="AH4768" s="137"/>
      <c r="AI4768" s="137"/>
      <c r="AJ4768" s="137"/>
      <c r="AK4768" s="206"/>
      <c r="AL4768" s="206"/>
      <c r="AM4768" s="143"/>
      <c r="AN4768" s="137"/>
      <c r="AO4768" s="137"/>
      <c r="AP4768" s="137"/>
      <c r="AQ4768" s="137"/>
      <c r="AR4768" s="137"/>
      <c r="AS4768" s="137"/>
      <c r="AT4768" s="137"/>
      <c r="AU4768" s="137"/>
      <c r="AV4768" s="137"/>
      <c r="AW4768" s="144"/>
    </row>
    <row r="4769" spans="2:49" x14ac:dyDescent="0.2">
      <c r="B4769" s="97"/>
      <c r="J4769" s="98"/>
      <c r="K4769" s="97"/>
      <c r="N4769" s="3"/>
      <c r="W4769" s="98"/>
      <c r="Z4769" s="143"/>
      <c r="AA4769" s="137"/>
      <c r="AB4769" s="137"/>
      <c r="AC4769" s="137"/>
      <c r="AD4769" s="137"/>
      <c r="AE4769" s="137"/>
      <c r="AF4769" s="137"/>
      <c r="AG4769" s="137"/>
      <c r="AH4769" s="137"/>
      <c r="AI4769" s="137"/>
      <c r="AJ4769" s="137"/>
      <c r="AK4769" s="206"/>
      <c r="AL4769" s="206"/>
      <c r="AM4769" s="143"/>
      <c r="AN4769" s="137"/>
      <c r="AO4769" s="137"/>
      <c r="AP4769" s="137"/>
      <c r="AQ4769" s="137"/>
      <c r="AR4769" s="137"/>
      <c r="AS4769" s="137"/>
      <c r="AT4769" s="137"/>
      <c r="AU4769" s="137"/>
      <c r="AV4769" s="137"/>
      <c r="AW4769" s="144"/>
    </row>
    <row r="4770" spans="2:49" x14ac:dyDescent="0.2">
      <c r="B4770" s="97"/>
      <c r="J4770" s="98"/>
      <c r="K4770" s="97"/>
      <c r="N4770" s="3"/>
      <c r="W4770" s="98"/>
      <c r="Z4770" s="143"/>
      <c r="AA4770" s="137"/>
      <c r="AB4770" s="137"/>
      <c r="AC4770" s="137"/>
      <c r="AD4770" s="137"/>
      <c r="AE4770" s="137"/>
      <c r="AF4770" s="137"/>
      <c r="AG4770" s="137"/>
      <c r="AH4770" s="137"/>
      <c r="AI4770" s="137"/>
      <c r="AJ4770" s="137"/>
      <c r="AK4770" s="206"/>
      <c r="AL4770" s="206"/>
      <c r="AM4770" s="143"/>
      <c r="AN4770" s="137"/>
      <c r="AO4770" s="137"/>
      <c r="AP4770" s="137"/>
      <c r="AQ4770" s="137"/>
      <c r="AR4770" s="137"/>
      <c r="AS4770" s="137"/>
      <c r="AT4770" s="137"/>
      <c r="AU4770" s="137"/>
      <c r="AV4770" s="137"/>
      <c r="AW4770" s="144"/>
    </row>
    <row r="4771" spans="2:49" x14ac:dyDescent="0.2">
      <c r="B4771" s="97"/>
      <c r="J4771" s="98"/>
      <c r="K4771" s="97"/>
      <c r="N4771" s="3"/>
      <c r="W4771" s="98"/>
      <c r="Z4771" s="143"/>
      <c r="AA4771" s="137"/>
      <c r="AB4771" s="137"/>
      <c r="AC4771" s="137"/>
      <c r="AD4771" s="137"/>
      <c r="AE4771" s="137"/>
      <c r="AF4771" s="137"/>
      <c r="AG4771" s="137"/>
      <c r="AH4771" s="137"/>
      <c r="AI4771" s="137"/>
      <c r="AJ4771" s="137"/>
      <c r="AK4771" s="206"/>
      <c r="AL4771" s="206"/>
      <c r="AM4771" s="143"/>
      <c r="AN4771" s="137"/>
      <c r="AO4771" s="137"/>
      <c r="AP4771" s="137"/>
      <c r="AQ4771" s="137"/>
      <c r="AR4771" s="137"/>
      <c r="AS4771" s="137"/>
      <c r="AT4771" s="137"/>
      <c r="AU4771" s="137"/>
      <c r="AV4771" s="137"/>
      <c r="AW4771" s="144"/>
    </row>
    <row r="4772" spans="2:49" x14ac:dyDescent="0.2">
      <c r="B4772" s="97"/>
      <c r="J4772" s="98"/>
      <c r="K4772" s="97"/>
      <c r="N4772" s="3"/>
      <c r="W4772" s="98"/>
      <c r="Z4772" s="143"/>
      <c r="AA4772" s="137"/>
      <c r="AB4772" s="137"/>
      <c r="AC4772" s="137"/>
      <c r="AD4772" s="137"/>
      <c r="AE4772" s="137"/>
      <c r="AF4772" s="137"/>
      <c r="AG4772" s="137"/>
      <c r="AH4772" s="137"/>
      <c r="AI4772" s="137"/>
      <c r="AJ4772" s="137"/>
      <c r="AK4772" s="206"/>
      <c r="AL4772" s="206"/>
      <c r="AM4772" s="143"/>
      <c r="AN4772" s="137"/>
      <c r="AO4772" s="137"/>
      <c r="AP4772" s="137"/>
      <c r="AQ4772" s="137"/>
      <c r="AR4772" s="137"/>
      <c r="AS4772" s="137"/>
      <c r="AT4772" s="137"/>
      <c r="AU4772" s="137"/>
      <c r="AV4772" s="137"/>
      <c r="AW4772" s="144"/>
    </row>
    <row r="4773" spans="2:49" x14ac:dyDescent="0.2">
      <c r="B4773" s="97"/>
      <c r="J4773" s="98"/>
      <c r="K4773" s="97"/>
      <c r="N4773" s="3"/>
      <c r="W4773" s="98"/>
      <c r="Z4773" s="143"/>
      <c r="AA4773" s="137"/>
      <c r="AB4773" s="137"/>
      <c r="AC4773" s="137"/>
      <c r="AD4773" s="137"/>
      <c r="AE4773" s="137"/>
      <c r="AF4773" s="137"/>
      <c r="AG4773" s="137"/>
      <c r="AH4773" s="137"/>
      <c r="AI4773" s="137"/>
      <c r="AJ4773" s="137"/>
      <c r="AK4773" s="206"/>
      <c r="AL4773" s="206"/>
      <c r="AM4773" s="143"/>
      <c r="AN4773" s="137"/>
      <c r="AO4773" s="137"/>
      <c r="AP4773" s="137"/>
      <c r="AQ4773" s="137"/>
      <c r="AR4773" s="137"/>
      <c r="AS4773" s="137"/>
      <c r="AT4773" s="137"/>
      <c r="AU4773" s="137"/>
      <c r="AV4773" s="137"/>
      <c r="AW4773" s="144"/>
    </row>
    <row r="4774" spans="2:49" x14ac:dyDescent="0.2">
      <c r="B4774" s="97"/>
      <c r="J4774" s="98"/>
      <c r="K4774" s="97"/>
      <c r="N4774" s="3"/>
      <c r="W4774" s="98"/>
      <c r="Z4774" s="143"/>
      <c r="AA4774" s="137"/>
      <c r="AB4774" s="137"/>
      <c r="AC4774" s="137"/>
      <c r="AD4774" s="137"/>
      <c r="AE4774" s="137"/>
      <c r="AF4774" s="137"/>
      <c r="AG4774" s="137"/>
      <c r="AH4774" s="137"/>
      <c r="AI4774" s="137"/>
      <c r="AJ4774" s="137"/>
      <c r="AK4774" s="206"/>
      <c r="AL4774" s="206"/>
      <c r="AM4774" s="143"/>
      <c r="AN4774" s="137"/>
      <c r="AO4774" s="137"/>
      <c r="AP4774" s="137"/>
      <c r="AQ4774" s="137"/>
      <c r="AR4774" s="137"/>
      <c r="AS4774" s="137"/>
      <c r="AT4774" s="137"/>
      <c r="AU4774" s="137"/>
      <c r="AV4774" s="137"/>
      <c r="AW4774" s="144"/>
    </row>
    <row r="4775" spans="2:49" x14ac:dyDescent="0.2">
      <c r="B4775" s="97"/>
      <c r="J4775" s="98"/>
      <c r="K4775" s="97"/>
      <c r="N4775" s="3"/>
      <c r="W4775" s="98"/>
      <c r="Z4775" s="143"/>
      <c r="AA4775" s="137"/>
      <c r="AB4775" s="137"/>
      <c r="AC4775" s="137"/>
      <c r="AD4775" s="137"/>
      <c r="AE4775" s="137"/>
      <c r="AF4775" s="137"/>
      <c r="AG4775" s="137"/>
      <c r="AH4775" s="137"/>
      <c r="AI4775" s="137"/>
      <c r="AJ4775" s="137"/>
      <c r="AK4775" s="206"/>
      <c r="AL4775" s="206"/>
      <c r="AM4775" s="143"/>
      <c r="AN4775" s="137"/>
      <c r="AO4775" s="137"/>
      <c r="AP4775" s="137"/>
      <c r="AQ4775" s="137"/>
      <c r="AR4775" s="137"/>
      <c r="AS4775" s="137"/>
      <c r="AT4775" s="137"/>
      <c r="AU4775" s="137"/>
      <c r="AV4775" s="137"/>
      <c r="AW4775" s="144"/>
    </row>
    <row r="4776" spans="2:49" x14ac:dyDescent="0.2">
      <c r="B4776" s="97"/>
      <c r="J4776" s="98"/>
      <c r="K4776" s="97"/>
      <c r="N4776" s="3"/>
      <c r="W4776" s="98"/>
      <c r="Z4776" s="143"/>
      <c r="AA4776" s="137"/>
      <c r="AB4776" s="137"/>
      <c r="AC4776" s="137"/>
      <c r="AD4776" s="137"/>
      <c r="AE4776" s="137"/>
      <c r="AF4776" s="137"/>
      <c r="AG4776" s="137"/>
      <c r="AH4776" s="137"/>
      <c r="AI4776" s="137"/>
      <c r="AJ4776" s="137"/>
      <c r="AK4776" s="206"/>
      <c r="AL4776" s="206"/>
      <c r="AM4776" s="143"/>
      <c r="AN4776" s="137"/>
      <c r="AO4776" s="137"/>
      <c r="AP4776" s="137"/>
      <c r="AQ4776" s="137"/>
      <c r="AR4776" s="137"/>
      <c r="AS4776" s="137"/>
      <c r="AT4776" s="137"/>
      <c r="AU4776" s="137"/>
      <c r="AV4776" s="137"/>
      <c r="AW4776" s="144"/>
    </row>
    <row r="4777" spans="2:49" x14ac:dyDescent="0.2">
      <c r="B4777" s="97"/>
      <c r="J4777" s="98"/>
      <c r="K4777" s="97"/>
      <c r="N4777" s="3"/>
      <c r="W4777" s="98"/>
      <c r="Z4777" s="143"/>
      <c r="AA4777" s="137"/>
      <c r="AB4777" s="137"/>
      <c r="AC4777" s="137"/>
      <c r="AD4777" s="137"/>
      <c r="AE4777" s="137"/>
      <c r="AF4777" s="137"/>
      <c r="AG4777" s="137"/>
      <c r="AH4777" s="137"/>
      <c r="AI4777" s="137"/>
      <c r="AJ4777" s="137"/>
      <c r="AK4777" s="206"/>
      <c r="AL4777" s="206"/>
      <c r="AM4777" s="143"/>
      <c r="AN4777" s="137"/>
      <c r="AO4777" s="137"/>
      <c r="AP4777" s="137"/>
      <c r="AQ4777" s="137"/>
      <c r="AR4777" s="137"/>
      <c r="AS4777" s="137"/>
      <c r="AT4777" s="137"/>
      <c r="AU4777" s="137"/>
      <c r="AV4777" s="137"/>
      <c r="AW4777" s="144"/>
    </row>
    <row r="4778" spans="2:49" x14ac:dyDescent="0.2">
      <c r="B4778" s="97"/>
      <c r="J4778" s="98"/>
      <c r="K4778" s="97"/>
      <c r="N4778" s="3"/>
      <c r="W4778" s="98"/>
      <c r="Z4778" s="143"/>
      <c r="AA4778" s="137"/>
      <c r="AB4778" s="137"/>
      <c r="AC4778" s="137"/>
      <c r="AD4778" s="137"/>
      <c r="AE4778" s="137"/>
      <c r="AF4778" s="137"/>
      <c r="AG4778" s="137"/>
      <c r="AH4778" s="137"/>
      <c r="AI4778" s="137"/>
      <c r="AJ4778" s="137"/>
      <c r="AK4778" s="206"/>
      <c r="AL4778" s="206"/>
      <c r="AM4778" s="143"/>
      <c r="AN4778" s="137"/>
      <c r="AO4778" s="137"/>
      <c r="AP4778" s="137"/>
      <c r="AQ4778" s="137"/>
      <c r="AR4778" s="137"/>
      <c r="AS4778" s="137"/>
      <c r="AT4778" s="137"/>
      <c r="AU4778" s="137"/>
      <c r="AV4778" s="137"/>
      <c r="AW4778" s="144"/>
    </row>
    <row r="4779" spans="2:49" x14ac:dyDescent="0.2">
      <c r="B4779" s="97"/>
      <c r="J4779" s="98"/>
      <c r="K4779" s="97"/>
      <c r="N4779" s="3"/>
      <c r="W4779" s="98"/>
      <c r="Z4779" s="143"/>
      <c r="AA4779" s="137"/>
      <c r="AB4779" s="137"/>
      <c r="AC4779" s="137"/>
      <c r="AD4779" s="137"/>
      <c r="AE4779" s="137"/>
      <c r="AF4779" s="137"/>
      <c r="AG4779" s="137"/>
      <c r="AH4779" s="137"/>
      <c r="AI4779" s="137"/>
      <c r="AJ4779" s="137"/>
      <c r="AK4779" s="206"/>
      <c r="AL4779" s="206"/>
      <c r="AM4779" s="143"/>
      <c r="AN4779" s="137"/>
      <c r="AO4779" s="137"/>
      <c r="AP4779" s="137"/>
      <c r="AQ4779" s="137"/>
      <c r="AR4779" s="137"/>
      <c r="AS4779" s="137"/>
      <c r="AT4779" s="137"/>
      <c r="AU4779" s="137"/>
      <c r="AV4779" s="137"/>
      <c r="AW4779" s="144"/>
    </row>
    <row r="4780" spans="2:49" x14ac:dyDescent="0.2">
      <c r="B4780" s="97"/>
      <c r="J4780" s="98"/>
      <c r="K4780" s="97"/>
      <c r="N4780" s="3"/>
      <c r="W4780" s="98"/>
      <c r="Z4780" s="143"/>
      <c r="AA4780" s="137"/>
      <c r="AB4780" s="137"/>
      <c r="AC4780" s="137"/>
      <c r="AD4780" s="137"/>
      <c r="AE4780" s="137"/>
      <c r="AF4780" s="137"/>
      <c r="AG4780" s="137"/>
      <c r="AH4780" s="137"/>
      <c r="AI4780" s="137"/>
      <c r="AJ4780" s="137"/>
      <c r="AK4780" s="206"/>
      <c r="AL4780" s="206"/>
      <c r="AM4780" s="143"/>
      <c r="AN4780" s="137"/>
      <c r="AO4780" s="137"/>
      <c r="AP4780" s="137"/>
      <c r="AQ4780" s="137"/>
      <c r="AR4780" s="137"/>
      <c r="AS4780" s="137"/>
      <c r="AT4780" s="137"/>
      <c r="AU4780" s="137"/>
      <c r="AV4780" s="137"/>
      <c r="AW4780" s="144"/>
    </row>
    <row r="4781" spans="2:49" x14ac:dyDescent="0.2">
      <c r="B4781" s="97"/>
      <c r="J4781" s="98"/>
      <c r="K4781" s="97"/>
      <c r="N4781" s="3"/>
      <c r="W4781" s="98"/>
      <c r="Z4781" s="143"/>
      <c r="AA4781" s="137"/>
      <c r="AB4781" s="137"/>
      <c r="AC4781" s="137"/>
      <c r="AD4781" s="137"/>
      <c r="AE4781" s="137"/>
      <c r="AF4781" s="137"/>
      <c r="AG4781" s="137"/>
      <c r="AH4781" s="137"/>
      <c r="AI4781" s="137"/>
      <c r="AJ4781" s="137"/>
      <c r="AK4781" s="206"/>
      <c r="AL4781" s="206"/>
      <c r="AM4781" s="143"/>
      <c r="AN4781" s="137"/>
      <c r="AO4781" s="137"/>
      <c r="AP4781" s="137"/>
      <c r="AQ4781" s="137"/>
      <c r="AR4781" s="137"/>
      <c r="AS4781" s="137"/>
      <c r="AT4781" s="137"/>
      <c r="AU4781" s="137"/>
      <c r="AV4781" s="137"/>
      <c r="AW4781" s="144"/>
    </row>
    <row r="4782" spans="2:49" x14ac:dyDescent="0.2">
      <c r="B4782" s="97"/>
      <c r="J4782" s="98"/>
      <c r="K4782" s="97"/>
      <c r="N4782" s="3"/>
      <c r="W4782" s="98"/>
      <c r="Z4782" s="143"/>
      <c r="AA4782" s="137"/>
      <c r="AB4782" s="137"/>
      <c r="AC4782" s="137"/>
      <c r="AD4782" s="137"/>
      <c r="AE4782" s="137"/>
      <c r="AF4782" s="137"/>
      <c r="AG4782" s="137"/>
      <c r="AH4782" s="137"/>
      <c r="AI4782" s="137"/>
      <c r="AJ4782" s="137"/>
      <c r="AK4782" s="206"/>
      <c r="AL4782" s="206"/>
      <c r="AM4782" s="143"/>
      <c r="AN4782" s="137"/>
      <c r="AO4782" s="137"/>
      <c r="AP4782" s="137"/>
      <c r="AQ4782" s="137"/>
      <c r="AR4782" s="137"/>
      <c r="AS4782" s="137"/>
      <c r="AT4782" s="137"/>
      <c r="AU4782" s="137"/>
      <c r="AV4782" s="137"/>
      <c r="AW4782" s="144"/>
    </row>
    <row r="4783" spans="2:49" x14ac:dyDescent="0.2">
      <c r="B4783" s="97"/>
      <c r="J4783" s="98"/>
      <c r="K4783" s="97"/>
      <c r="N4783" s="3"/>
      <c r="W4783" s="98"/>
      <c r="Z4783" s="143"/>
      <c r="AA4783" s="137"/>
      <c r="AB4783" s="137"/>
      <c r="AC4783" s="137"/>
      <c r="AD4783" s="137"/>
      <c r="AE4783" s="137"/>
      <c r="AF4783" s="137"/>
      <c r="AG4783" s="137"/>
      <c r="AH4783" s="137"/>
      <c r="AI4783" s="137"/>
      <c r="AJ4783" s="137"/>
      <c r="AK4783" s="206"/>
      <c r="AL4783" s="206"/>
      <c r="AM4783" s="143"/>
      <c r="AN4783" s="137"/>
      <c r="AO4783" s="137"/>
      <c r="AP4783" s="137"/>
      <c r="AQ4783" s="137"/>
      <c r="AR4783" s="137"/>
      <c r="AS4783" s="137"/>
      <c r="AT4783" s="137"/>
      <c r="AU4783" s="137"/>
      <c r="AV4783" s="137"/>
      <c r="AW4783" s="144"/>
    </row>
    <row r="4784" spans="2:49" x14ac:dyDescent="0.2">
      <c r="B4784" s="97"/>
      <c r="J4784" s="98"/>
      <c r="K4784" s="97"/>
      <c r="N4784" s="3"/>
      <c r="W4784" s="98"/>
      <c r="Z4784" s="143"/>
      <c r="AA4784" s="137"/>
      <c r="AB4784" s="137"/>
      <c r="AC4784" s="137"/>
      <c r="AD4784" s="137"/>
      <c r="AE4784" s="137"/>
      <c r="AF4784" s="137"/>
      <c r="AG4784" s="137"/>
      <c r="AH4784" s="137"/>
      <c r="AI4784" s="137"/>
      <c r="AJ4784" s="137"/>
      <c r="AK4784" s="206"/>
      <c r="AL4784" s="206"/>
      <c r="AM4784" s="143"/>
      <c r="AN4784" s="137"/>
      <c r="AO4784" s="137"/>
      <c r="AP4784" s="137"/>
      <c r="AQ4784" s="137"/>
      <c r="AR4784" s="137"/>
      <c r="AS4784" s="137"/>
      <c r="AT4784" s="137"/>
      <c r="AU4784" s="137"/>
      <c r="AV4784" s="137"/>
      <c r="AW4784" s="144"/>
    </row>
    <row r="4785" spans="2:49" x14ac:dyDescent="0.2">
      <c r="B4785" s="97"/>
      <c r="J4785" s="98"/>
      <c r="K4785" s="97"/>
      <c r="N4785" s="3"/>
      <c r="W4785" s="98"/>
      <c r="Z4785" s="143"/>
      <c r="AA4785" s="137"/>
      <c r="AB4785" s="137"/>
      <c r="AC4785" s="137"/>
      <c r="AD4785" s="137"/>
      <c r="AE4785" s="137"/>
      <c r="AF4785" s="137"/>
      <c r="AG4785" s="137"/>
      <c r="AH4785" s="137"/>
      <c r="AI4785" s="137"/>
      <c r="AJ4785" s="137"/>
      <c r="AK4785" s="206"/>
      <c r="AL4785" s="206"/>
      <c r="AM4785" s="143"/>
      <c r="AN4785" s="137"/>
      <c r="AO4785" s="137"/>
      <c r="AP4785" s="137"/>
      <c r="AQ4785" s="137"/>
      <c r="AR4785" s="137"/>
      <c r="AS4785" s="137"/>
      <c r="AT4785" s="137"/>
      <c r="AU4785" s="137"/>
      <c r="AV4785" s="137"/>
      <c r="AW4785" s="144"/>
    </row>
    <row r="4786" spans="2:49" x14ac:dyDescent="0.2">
      <c r="B4786" s="97"/>
      <c r="J4786" s="98"/>
      <c r="K4786" s="97"/>
      <c r="N4786" s="3"/>
      <c r="W4786" s="98"/>
      <c r="Z4786" s="143"/>
      <c r="AA4786" s="137"/>
      <c r="AB4786" s="137"/>
      <c r="AC4786" s="137"/>
      <c r="AD4786" s="137"/>
      <c r="AE4786" s="137"/>
      <c r="AF4786" s="137"/>
      <c r="AG4786" s="137"/>
      <c r="AH4786" s="137"/>
      <c r="AI4786" s="137"/>
      <c r="AJ4786" s="137"/>
      <c r="AK4786" s="206"/>
      <c r="AL4786" s="206"/>
      <c r="AM4786" s="143"/>
      <c r="AN4786" s="137"/>
      <c r="AO4786" s="137"/>
      <c r="AP4786" s="137"/>
      <c r="AQ4786" s="137"/>
      <c r="AR4786" s="137"/>
      <c r="AS4786" s="137"/>
      <c r="AT4786" s="137"/>
      <c r="AU4786" s="137"/>
      <c r="AV4786" s="137"/>
      <c r="AW4786" s="144"/>
    </row>
    <row r="4787" spans="2:49" x14ac:dyDescent="0.2">
      <c r="B4787" s="97"/>
      <c r="J4787" s="98"/>
      <c r="K4787" s="97"/>
      <c r="N4787" s="3"/>
      <c r="W4787" s="98"/>
      <c r="Z4787" s="143"/>
      <c r="AA4787" s="137"/>
      <c r="AB4787" s="137"/>
      <c r="AC4787" s="137"/>
      <c r="AD4787" s="137"/>
      <c r="AE4787" s="137"/>
      <c r="AF4787" s="137"/>
      <c r="AG4787" s="137"/>
      <c r="AH4787" s="137"/>
      <c r="AI4787" s="137"/>
      <c r="AJ4787" s="137"/>
      <c r="AK4787" s="206"/>
      <c r="AL4787" s="206"/>
      <c r="AM4787" s="143"/>
      <c r="AN4787" s="137"/>
      <c r="AO4787" s="137"/>
      <c r="AP4787" s="137"/>
      <c r="AQ4787" s="137"/>
      <c r="AR4787" s="137"/>
      <c r="AS4787" s="137"/>
      <c r="AT4787" s="137"/>
      <c r="AU4787" s="137"/>
      <c r="AV4787" s="137"/>
      <c r="AW4787" s="144"/>
    </row>
    <row r="4788" spans="2:49" x14ac:dyDescent="0.2">
      <c r="B4788" s="97"/>
      <c r="J4788" s="98"/>
      <c r="K4788" s="97"/>
      <c r="N4788" s="3"/>
      <c r="W4788" s="98"/>
      <c r="Z4788" s="143"/>
      <c r="AA4788" s="137"/>
      <c r="AB4788" s="137"/>
      <c r="AC4788" s="137"/>
      <c r="AD4788" s="137"/>
      <c r="AE4788" s="137"/>
      <c r="AF4788" s="137"/>
      <c r="AG4788" s="137"/>
      <c r="AH4788" s="137"/>
      <c r="AI4788" s="137"/>
      <c r="AJ4788" s="137"/>
      <c r="AK4788" s="206"/>
      <c r="AL4788" s="206"/>
      <c r="AM4788" s="143"/>
      <c r="AN4788" s="137"/>
      <c r="AO4788" s="137"/>
      <c r="AP4788" s="137"/>
      <c r="AQ4788" s="137"/>
      <c r="AR4788" s="137"/>
      <c r="AS4788" s="137"/>
      <c r="AT4788" s="137"/>
      <c r="AU4788" s="137"/>
      <c r="AV4788" s="137"/>
      <c r="AW4788" s="144"/>
    </row>
    <row r="4789" spans="2:49" x14ac:dyDescent="0.2">
      <c r="B4789" s="97"/>
      <c r="J4789" s="98"/>
      <c r="K4789" s="97"/>
      <c r="N4789" s="3"/>
      <c r="W4789" s="98"/>
      <c r="Z4789" s="143"/>
      <c r="AA4789" s="137"/>
      <c r="AB4789" s="137"/>
      <c r="AC4789" s="137"/>
      <c r="AD4789" s="137"/>
      <c r="AE4789" s="137"/>
      <c r="AF4789" s="137"/>
      <c r="AG4789" s="137"/>
      <c r="AH4789" s="137"/>
      <c r="AI4789" s="137"/>
      <c r="AJ4789" s="137"/>
      <c r="AK4789" s="206"/>
      <c r="AL4789" s="206"/>
      <c r="AM4789" s="143"/>
      <c r="AN4789" s="137"/>
      <c r="AO4789" s="137"/>
      <c r="AP4789" s="137"/>
      <c r="AQ4789" s="137"/>
      <c r="AR4789" s="137"/>
      <c r="AS4789" s="137"/>
      <c r="AT4789" s="137"/>
      <c r="AU4789" s="137"/>
      <c r="AV4789" s="137"/>
      <c r="AW4789" s="144"/>
    </row>
    <row r="4790" spans="2:49" x14ac:dyDescent="0.2">
      <c r="B4790" s="97"/>
      <c r="J4790" s="98"/>
      <c r="K4790" s="97"/>
      <c r="N4790" s="3"/>
      <c r="W4790" s="98"/>
      <c r="Z4790" s="143"/>
      <c r="AA4790" s="137"/>
      <c r="AB4790" s="137"/>
      <c r="AC4790" s="137"/>
      <c r="AD4790" s="137"/>
      <c r="AE4790" s="137"/>
      <c r="AF4790" s="137"/>
      <c r="AG4790" s="137"/>
      <c r="AH4790" s="137"/>
      <c r="AI4790" s="137"/>
      <c r="AJ4790" s="137"/>
      <c r="AK4790" s="206"/>
      <c r="AL4790" s="206"/>
      <c r="AM4790" s="143"/>
      <c r="AN4790" s="137"/>
      <c r="AO4790" s="137"/>
      <c r="AP4790" s="137"/>
      <c r="AQ4790" s="137"/>
      <c r="AR4790" s="137"/>
      <c r="AS4790" s="137"/>
      <c r="AT4790" s="137"/>
      <c r="AU4790" s="137"/>
      <c r="AV4790" s="137"/>
      <c r="AW4790" s="144"/>
    </row>
    <row r="4791" spans="2:49" x14ac:dyDescent="0.2">
      <c r="B4791" s="97"/>
      <c r="J4791" s="98"/>
      <c r="K4791" s="97"/>
      <c r="N4791" s="3"/>
      <c r="W4791" s="98"/>
      <c r="Z4791" s="143"/>
      <c r="AA4791" s="137"/>
      <c r="AB4791" s="137"/>
      <c r="AC4791" s="137"/>
      <c r="AD4791" s="137"/>
      <c r="AE4791" s="137"/>
      <c r="AF4791" s="137"/>
      <c r="AG4791" s="137"/>
      <c r="AH4791" s="137"/>
      <c r="AI4791" s="137"/>
      <c r="AJ4791" s="137"/>
      <c r="AK4791" s="206"/>
      <c r="AL4791" s="206"/>
      <c r="AM4791" s="143"/>
      <c r="AN4791" s="137"/>
      <c r="AO4791" s="137"/>
      <c r="AP4791" s="137"/>
      <c r="AQ4791" s="137"/>
      <c r="AR4791" s="137"/>
      <c r="AS4791" s="137"/>
      <c r="AT4791" s="137"/>
      <c r="AU4791" s="137"/>
      <c r="AV4791" s="137"/>
      <c r="AW4791" s="144"/>
    </row>
    <row r="4792" spans="2:49" x14ac:dyDescent="0.2">
      <c r="B4792" s="97"/>
      <c r="J4792" s="98"/>
      <c r="K4792" s="97"/>
      <c r="N4792" s="3"/>
      <c r="W4792" s="98"/>
      <c r="Z4792" s="143"/>
      <c r="AA4792" s="137"/>
      <c r="AB4792" s="137"/>
      <c r="AC4792" s="137"/>
      <c r="AD4792" s="137"/>
      <c r="AE4792" s="137"/>
      <c r="AF4792" s="137"/>
      <c r="AG4792" s="137"/>
      <c r="AH4792" s="137"/>
      <c r="AI4792" s="137"/>
      <c r="AJ4792" s="137"/>
      <c r="AK4792" s="206"/>
      <c r="AL4792" s="206"/>
      <c r="AM4792" s="143"/>
      <c r="AN4792" s="137"/>
      <c r="AO4792" s="137"/>
      <c r="AP4792" s="137"/>
      <c r="AQ4792" s="137"/>
      <c r="AR4792" s="137"/>
      <c r="AS4792" s="137"/>
      <c r="AT4792" s="137"/>
      <c r="AU4792" s="137"/>
      <c r="AV4792" s="137"/>
      <c r="AW4792" s="144"/>
    </row>
    <row r="4793" spans="2:49" x14ac:dyDescent="0.2">
      <c r="B4793" s="97"/>
      <c r="J4793" s="98"/>
      <c r="K4793" s="97"/>
      <c r="N4793" s="3"/>
      <c r="W4793" s="98"/>
      <c r="Z4793" s="143"/>
      <c r="AA4793" s="137"/>
      <c r="AB4793" s="137"/>
      <c r="AC4793" s="137"/>
      <c r="AD4793" s="137"/>
      <c r="AE4793" s="137"/>
      <c r="AF4793" s="137"/>
      <c r="AG4793" s="137"/>
      <c r="AH4793" s="137"/>
      <c r="AI4793" s="137"/>
      <c r="AJ4793" s="137"/>
      <c r="AK4793" s="206"/>
      <c r="AL4793" s="206"/>
      <c r="AM4793" s="143"/>
      <c r="AN4793" s="137"/>
      <c r="AO4793" s="137"/>
      <c r="AP4793" s="137"/>
      <c r="AQ4793" s="137"/>
      <c r="AR4793" s="137"/>
      <c r="AS4793" s="137"/>
      <c r="AT4793" s="137"/>
      <c r="AU4793" s="137"/>
      <c r="AV4793" s="137"/>
      <c r="AW4793" s="144"/>
    </row>
    <row r="4794" spans="2:49" x14ac:dyDescent="0.2">
      <c r="B4794" s="97"/>
      <c r="J4794" s="98"/>
      <c r="K4794" s="97"/>
      <c r="N4794" s="3"/>
      <c r="W4794" s="98"/>
      <c r="Z4794" s="143"/>
      <c r="AA4794" s="137"/>
      <c r="AB4794" s="137"/>
      <c r="AC4794" s="137"/>
      <c r="AD4794" s="137"/>
      <c r="AE4794" s="137"/>
      <c r="AF4794" s="137"/>
      <c r="AG4794" s="137"/>
      <c r="AH4794" s="137"/>
      <c r="AI4794" s="137"/>
      <c r="AJ4794" s="137"/>
      <c r="AK4794" s="206"/>
      <c r="AL4794" s="206"/>
      <c r="AM4794" s="143"/>
      <c r="AN4794" s="137"/>
      <c r="AO4794" s="137"/>
      <c r="AP4794" s="137"/>
      <c r="AQ4794" s="137"/>
      <c r="AR4794" s="137"/>
      <c r="AS4794" s="137"/>
      <c r="AT4794" s="137"/>
      <c r="AU4794" s="137"/>
      <c r="AV4794" s="137"/>
      <c r="AW4794" s="144"/>
    </row>
    <row r="4795" spans="2:49" x14ac:dyDescent="0.2">
      <c r="B4795" s="97"/>
      <c r="J4795" s="98"/>
      <c r="K4795" s="97"/>
      <c r="N4795" s="3"/>
      <c r="W4795" s="98"/>
      <c r="Z4795" s="143"/>
      <c r="AA4795" s="137"/>
      <c r="AB4795" s="137"/>
      <c r="AC4795" s="137"/>
      <c r="AD4795" s="137"/>
      <c r="AE4795" s="137"/>
      <c r="AF4795" s="137"/>
      <c r="AG4795" s="137"/>
      <c r="AH4795" s="137"/>
      <c r="AI4795" s="137"/>
      <c r="AJ4795" s="137"/>
      <c r="AK4795" s="206"/>
      <c r="AL4795" s="206"/>
      <c r="AM4795" s="143"/>
      <c r="AN4795" s="137"/>
      <c r="AO4795" s="137"/>
      <c r="AP4795" s="137"/>
      <c r="AQ4795" s="137"/>
      <c r="AR4795" s="137"/>
      <c r="AS4795" s="137"/>
      <c r="AT4795" s="137"/>
      <c r="AU4795" s="137"/>
      <c r="AV4795" s="137"/>
      <c r="AW4795" s="144"/>
    </row>
    <row r="4796" spans="2:49" x14ac:dyDescent="0.2">
      <c r="B4796" s="97"/>
      <c r="J4796" s="98"/>
      <c r="K4796" s="97"/>
      <c r="N4796" s="3"/>
      <c r="W4796" s="98"/>
      <c r="Z4796" s="143"/>
      <c r="AA4796" s="137"/>
      <c r="AB4796" s="137"/>
      <c r="AC4796" s="137"/>
      <c r="AD4796" s="137"/>
      <c r="AE4796" s="137"/>
      <c r="AF4796" s="137"/>
      <c r="AG4796" s="137"/>
      <c r="AH4796" s="137"/>
      <c r="AI4796" s="137"/>
      <c r="AJ4796" s="137"/>
      <c r="AK4796" s="206"/>
      <c r="AL4796" s="206"/>
      <c r="AM4796" s="143"/>
      <c r="AN4796" s="137"/>
      <c r="AO4796" s="137"/>
      <c r="AP4796" s="137"/>
      <c r="AQ4796" s="137"/>
      <c r="AR4796" s="137"/>
      <c r="AS4796" s="137"/>
      <c r="AT4796" s="137"/>
      <c r="AU4796" s="137"/>
      <c r="AV4796" s="137"/>
      <c r="AW4796" s="144"/>
    </row>
    <row r="4797" spans="2:49" x14ac:dyDescent="0.2">
      <c r="B4797" s="97"/>
      <c r="J4797" s="98"/>
      <c r="K4797" s="97"/>
      <c r="N4797" s="3"/>
      <c r="W4797" s="98"/>
      <c r="Z4797" s="143"/>
      <c r="AA4797" s="137"/>
      <c r="AB4797" s="137"/>
      <c r="AC4797" s="137"/>
      <c r="AD4797" s="137"/>
      <c r="AE4797" s="137"/>
      <c r="AF4797" s="137"/>
      <c r="AG4797" s="137"/>
      <c r="AH4797" s="137"/>
      <c r="AI4797" s="137"/>
      <c r="AJ4797" s="137"/>
      <c r="AK4797" s="206"/>
      <c r="AL4797" s="206"/>
      <c r="AM4797" s="143"/>
      <c r="AN4797" s="137"/>
      <c r="AO4797" s="137"/>
      <c r="AP4797" s="137"/>
      <c r="AQ4797" s="137"/>
      <c r="AR4797" s="137"/>
      <c r="AS4797" s="137"/>
      <c r="AT4797" s="137"/>
      <c r="AU4797" s="137"/>
      <c r="AV4797" s="137"/>
      <c r="AW4797" s="144"/>
    </row>
    <row r="4798" spans="2:49" x14ac:dyDescent="0.2">
      <c r="B4798" s="97"/>
      <c r="J4798" s="98"/>
      <c r="K4798" s="97"/>
      <c r="N4798" s="3"/>
      <c r="W4798" s="98"/>
      <c r="Z4798" s="143"/>
      <c r="AA4798" s="137"/>
      <c r="AB4798" s="137"/>
      <c r="AC4798" s="137"/>
      <c r="AD4798" s="137"/>
      <c r="AE4798" s="137"/>
      <c r="AF4798" s="137"/>
      <c r="AG4798" s="137"/>
      <c r="AH4798" s="137"/>
      <c r="AI4798" s="137"/>
      <c r="AJ4798" s="137"/>
      <c r="AK4798" s="206"/>
      <c r="AL4798" s="206"/>
      <c r="AM4798" s="143"/>
      <c r="AN4798" s="137"/>
      <c r="AO4798" s="137"/>
      <c r="AP4798" s="137"/>
      <c r="AQ4798" s="137"/>
      <c r="AR4798" s="137"/>
      <c r="AS4798" s="137"/>
      <c r="AT4798" s="137"/>
      <c r="AU4798" s="137"/>
      <c r="AV4798" s="137"/>
      <c r="AW4798" s="144"/>
    </row>
    <row r="4799" spans="2:49" x14ac:dyDescent="0.2">
      <c r="B4799" s="97"/>
      <c r="J4799" s="98"/>
      <c r="K4799" s="97"/>
      <c r="N4799" s="3"/>
      <c r="W4799" s="98"/>
      <c r="Z4799" s="143"/>
      <c r="AA4799" s="137"/>
      <c r="AB4799" s="137"/>
      <c r="AC4799" s="137"/>
      <c r="AD4799" s="137"/>
      <c r="AE4799" s="137"/>
      <c r="AF4799" s="137"/>
      <c r="AG4799" s="137"/>
      <c r="AH4799" s="137"/>
      <c r="AI4799" s="137"/>
      <c r="AJ4799" s="137"/>
      <c r="AK4799" s="206"/>
      <c r="AL4799" s="206"/>
      <c r="AM4799" s="143"/>
      <c r="AN4799" s="137"/>
      <c r="AO4799" s="137"/>
      <c r="AP4799" s="137"/>
      <c r="AQ4799" s="137"/>
      <c r="AR4799" s="137"/>
      <c r="AS4799" s="137"/>
      <c r="AT4799" s="137"/>
      <c r="AU4799" s="137"/>
      <c r="AV4799" s="137"/>
      <c r="AW4799" s="144"/>
    </row>
    <row r="4800" spans="2:49" x14ac:dyDescent="0.2">
      <c r="B4800" s="97"/>
      <c r="J4800" s="98"/>
      <c r="K4800" s="97"/>
      <c r="N4800" s="3"/>
      <c r="W4800" s="98"/>
      <c r="Z4800" s="143"/>
      <c r="AA4800" s="137"/>
      <c r="AB4800" s="137"/>
      <c r="AC4800" s="137"/>
      <c r="AD4800" s="137"/>
      <c r="AE4800" s="137"/>
      <c r="AF4800" s="137"/>
      <c r="AG4800" s="137"/>
      <c r="AH4800" s="137"/>
      <c r="AI4800" s="137"/>
      <c r="AJ4800" s="137"/>
      <c r="AK4800" s="206"/>
      <c r="AL4800" s="206"/>
      <c r="AM4800" s="143"/>
      <c r="AN4800" s="137"/>
      <c r="AO4800" s="137"/>
      <c r="AP4800" s="137"/>
      <c r="AQ4800" s="137"/>
      <c r="AR4800" s="137"/>
      <c r="AS4800" s="137"/>
      <c r="AT4800" s="137"/>
      <c r="AU4800" s="137"/>
      <c r="AV4800" s="137"/>
      <c r="AW4800" s="144"/>
    </row>
    <row r="4801" spans="2:49" x14ac:dyDescent="0.2">
      <c r="B4801" s="97"/>
      <c r="J4801" s="98"/>
      <c r="K4801" s="97"/>
      <c r="N4801" s="3"/>
      <c r="W4801" s="98"/>
      <c r="Z4801" s="143"/>
      <c r="AA4801" s="137"/>
      <c r="AB4801" s="137"/>
      <c r="AC4801" s="137"/>
      <c r="AD4801" s="137"/>
      <c r="AE4801" s="137"/>
      <c r="AF4801" s="137"/>
      <c r="AG4801" s="137"/>
      <c r="AH4801" s="137"/>
      <c r="AI4801" s="137"/>
      <c r="AJ4801" s="137"/>
      <c r="AK4801" s="206"/>
      <c r="AL4801" s="206"/>
      <c r="AM4801" s="143"/>
      <c r="AN4801" s="137"/>
      <c r="AO4801" s="137"/>
      <c r="AP4801" s="137"/>
      <c r="AQ4801" s="137"/>
      <c r="AR4801" s="137"/>
      <c r="AS4801" s="137"/>
      <c r="AT4801" s="137"/>
      <c r="AU4801" s="137"/>
      <c r="AV4801" s="137"/>
      <c r="AW4801" s="144"/>
    </row>
    <row r="4802" spans="2:49" x14ac:dyDescent="0.2">
      <c r="B4802" s="97"/>
      <c r="J4802" s="98"/>
      <c r="K4802" s="97"/>
      <c r="N4802" s="3"/>
      <c r="W4802" s="98"/>
      <c r="Z4802" s="143"/>
      <c r="AA4802" s="137"/>
      <c r="AB4802" s="137"/>
      <c r="AC4802" s="137"/>
      <c r="AD4802" s="137"/>
      <c r="AE4802" s="137"/>
      <c r="AF4802" s="137"/>
      <c r="AG4802" s="137"/>
      <c r="AH4802" s="137"/>
      <c r="AI4802" s="137"/>
      <c r="AJ4802" s="137"/>
      <c r="AK4802" s="206"/>
      <c r="AL4802" s="206"/>
      <c r="AM4802" s="143"/>
      <c r="AN4802" s="137"/>
      <c r="AO4802" s="137"/>
      <c r="AP4802" s="137"/>
      <c r="AQ4802" s="137"/>
      <c r="AR4802" s="137"/>
      <c r="AS4802" s="137"/>
      <c r="AT4802" s="137"/>
      <c r="AU4802" s="137"/>
      <c r="AV4802" s="137"/>
      <c r="AW4802" s="144"/>
    </row>
    <row r="4803" spans="2:49" x14ac:dyDescent="0.2">
      <c r="B4803" s="97"/>
      <c r="J4803" s="98"/>
      <c r="K4803" s="97"/>
      <c r="N4803" s="3"/>
      <c r="W4803" s="98"/>
      <c r="Z4803" s="143"/>
      <c r="AA4803" s="137"/>
      <c r="AB4803" s="137"/>
      <c r="AC4803" s="137"/>
      <c r="AD4803" s="137"/>
      <c r="AE4803" s="137"/>
      <c r="AF4803" s="137"/>
      <c r="AG4803" s="137"/>
      <c r="AH4803" s="137"/>
      <c r="AI4803" s="137"/>
      <c r="AJ4803" s="137"/>
      <c r="AK4803" s="206"/>
      <c r="AL4803" s="206"/>
      <c r="AM4803" s="143"/>
      <c r="AN4803" s="137"/>
      <c r="AO4803" s="137"/>
      <c r="AP4803" s="137"/>
      <c r="AQ4803" s="137"/>
      <c r="AR4803" s="137"/>
      <c r="AS4803" s="137"/>
      <c r="AT4803" s="137"/>
      <c r="AU4803" s="137"/>
      <c r="AV4803" s="137"/>
      <c r="AW4803" s="144"/>
    </row>
    <row r="4804" spans="2:49" x14ac:dyDescent="0.2">
      <c r="B4804" s="97"/>
      <c r="J4804" s="98"/>
      <c r="K4804" s="97"/>
      <c r="N4804" s="3"/>
      <c r="W4804" s="98"/>
      <c r="Z4804" s="143"/>
      <c r="AA4804" s="137"/>
      <c r="AB4804" s="137"/>
      <c r="AC4804" s="137"/>
      <c r="AD4804" s="137"/>
      <c r="AE4804" s="137"/>
      <c r="AF4804" s="137"/>
      <c r="AG4804" s="137"/>
      <c r="AH4804" s="137"/>
      <c r="AI4804" s="137"/>
      <c r="AJ4804" s="137"/>
      <c r="AK4804" s="206"/>
      <c r="AL4804" s="206"/>
      <c r="AM4804" s="143"/>
      <c r="AN4804" s="137"/>
      <c r="AO4804" s="137"/>
      <c r="AP4804" s="137"/>
      <c r="AQ4804" s="137"/>
      <c r="AR4804" s="137"/>
      <c r="AS4804" s="137"/>
      <c r="AT4804" s="137"/>
      <c r="AU4804" s="137"/>
      <c r="AV4804" s="137"/>
      <c r="AW4804" s="144"/>
    </row>
    <row r="4805" spans="2:49" x14ac:dyDescent="0.2">
      <c r="B4805" s="97"/>
      <c r="J4805" s="98"/>
      <c r="K4805" s="97"/>
      <c r="N4805" s="3"/>
      <c r="W4805" s="98"/>
      <c r="Z4805" s="143"/>
      <c r="AA4805" s="137"/>
      <c r="AB4805" s="137"/>
      <c r="AC4805" s="137"/>
      <c r="AD4805" s="137"/>
      <c r="AE4805" s="137"/>
      <c r="AF4805" s="137"/>
      <c r="AG4805" s="137"/>
      <c r="AH4805" s="137"/>
      <c r="AI4805" s="137"/>
      <c r="AJ4805" s="137"/>
      <c r="AK4805" s="206"/>
      <c r="AL4805" s="206"/>
      <c r="AM4805" s="143"/>
      <c r="AN4805" s="137"/>
      <c r="AO4805" s="137"/>
      <c r="AP4805" s="137"/>
      <c r="AQ4805" s="137"/>
      <c r="AR4805" s="137"/>
      <c r="AS4805" s="137"/>
      <c r="AT4805" s="137"/>
      <c r="AU4805" s="137"/>
      <c r="AV4805" s="137"/>
      <c r="AW4805" s="144"/>
    </row>
    <row r="4806" spans="2:49" x14ac:dyDescent="0.2">
      <c r="B4806" s="97"/>
      <c r="J4806" s="98"/>
      <c r="K4806" s="97"/>
      <c r="N4806" s="3"/>
      <c r="W4806" s="98"/>
      <c r="Z4806" s="143"/>
      <c r="AA4806" s="137"/>
      <c r="AB4806" s="137"/>
      <c r="AC4806" s="137"/>
      <c r="AD4806" s="137"/>
      <c r="AE4806" s="137"/>
      <c r="AF4806" s="137"/>
      <c r="AG4806" s="137"/>
      <c r="AH4806" s="137"/>
      <c r="AI4806" s="137"/>
      <c r="AJ4806" s="137"/>
      <c r="AK4806" s="206"/>
      <c r="AL4806" s="206"/>
      <c r="AM4806" s="143"/>
      <c r="AN4806" s="137"/>
      <c r="AO4806" s="137"/>
      <c r="AP4806" s="137"/>
      <c r="AQ4806" s="137"/>
      <c r="AR4806" s="137"/>
      <c r="AS4806" s="137"/>
      <c r="AT4806" s="137"/>
      <c r="AU4806" s="137"/>
      <c r="AV4806" s="137"/>
      <c r="AW4806" s="144"/>
    </row>
    <row r="4807" spans="2:49" x14ac:dyDescent="0.2">
      <c r="B4807" s="97"/>
      <c r="J4807" s="98"/>
      <c r="K4807" s="97"/>
      <c r="N4807" s="3"/>
      <c r="W4807" s="98"/>
      <c r="Z4807" s="143"/>
      <c r="AA4807" s="137"/>
      <c r="AB4807" s="137"/>
      <c r="AC4807" s="137"/>
      <c r="AD4807" s="137"/>
      <c r="AE4807" s="137"/>
      <c r="AF4807" s="137"/>
      <c r="AG4807" s="137"/>
      <c r="AH4807" s="137"/>
      <c r="AI4807" s="137"/>
      <c r="AJ4807" s="137"/>
      <c r="AK4807" s="206"/>
      <c r="AL4807" s="206"/>
      <c r="AM4807" s="143"/>
      <c r="AN4807" s="137"/>
      <c r="AO4807" s="137"/>
      <c r="AP4807" s="137"/>
      <c r="AQ4807" s="137"/>
      <c r="AR4807" s="137"/>
      <c r="AS4807" s="137"/>
      <c r="AT4807" s="137"/>
      <c r="AU4807" s="137"/>
      <c r="AV4807" s="137"/>
      <c r="AW4807" s="144"/>
    </row>
    <row r="4808" spans="2:49" x14ac:dyDescent="0.2">
      <c r="B4808" s="97"/>
      <c r="J4808" s="98"/>
      <c r="K4808" s="97"/>
      <c r="N4808" s="3"/>
      <c r="W4808" s="98"/>
      <c r="Z4808" s="143"/>
      <c r="AA4808" s="137"/>
      <c r="AB4808" s="137"/>
      <c r="AC4808" s="137"/>
      <c r="AD4808" s="137"/>
      <c r="AE4808" s="137"/>
      <c r="AF4808" s="137"/>
      <c r="AG4808" s="137"/>
      <c r="AH4808" s="137"/>
      <c r="AI4808" s="137"/>
      <c r="AJ4808" s="137"/>
      <c r="AK4808" s="206"/>
      <c r="AL4808" s="206"/>
      <c r="AM4808" s="143"/>
      <c r="AN4808" s="137"/>
      <c r="AO4808" s="137"/>
      <c r="AP4808" s="137"/>
      <c r="AQ4808" s="137"/>
      <c r="AR4808" s="137"/>
      <c r="AS4808" s="137"/>
      <c r="AT4808" s="137"/>
      <c r="AU4808" s="137"/>
      <c r="AV4808" s="137"/>
      <c r="AW4808" s="144"/>
    </row>
    <row r="4809" spans="2:49" x14ac:dyDescent="0.2">
      <c r="B4809" s="97"/>
      <c r="J4809" s="98"/>
      <c r="K4809" s="97"/>
      <c r="N4809" s="3"/>
      <c r="W4809" s="98"/>
      <c r="Z4809" s="143"/>
      <c r="AA4809" s="137"/>
      <c r="AB4809" s="137"/>
      <c r="AC4809" s="137"/>
      <c r="AD4809" s="137"/>
      <c r="AE4809" s="137"/>
      <c r="AF4809" s="137"/>
      <c r="AG4809" s="137"/>
      <c r="AH4809" s="137"/>
      <c r="AI4809" s="137"/>
      <c r="AJ4809" s="137"/>
      <c r="AK4809" s="206"/>
      <c r="AL4809" s="206"/>
      <c r="AM4809" s="143"/>
      <c r="AN4809" s="137"/>
      <c r="AO4809" s="137"/>
      <c r="AP4809" s="137"/>
      <c r="AQ4809" s="137"/>
      <c r="AR4809" s="137"/>
      <c r="AS4809" s="137"/>
      <c r="AT4809" s="137"/>
      <c r="AU4809" s="137"/>
      <c r="AV4809" s="137"/>
      <c r="AW4809" s="144"/>
    </row>
    <row r="4810" spans="2:49" x14ac:dyDescent="0.2">
      <c r="B4810" s="97"/>
      <c r="J4810" s="98"/>
      <c r="K4810" s="97"/>
      <c r="N4810" s="3"/>
      <c r="W4810" s="98"/>
      <c r="Z4810" s="143"/>
      <c r="AA4810" s="137"/>
      <c r="AB4810" s="137"/>
      <c r="AC4810" s="137"/>
      <c r="AD4810" s="137"/>
      <c r="AE4810" s="137"/>
      <c r="AF4810" s="137"/>
      <c r="AG4810" s="137"/>
      <c r="AH4810" s="137"/>
      <c r="AI4810" s="137"/>
      <c r="AJ4810" s="137"/>
      <c r="AK4810" s="206"/>
      <c r="AL4810" s="206"/>
      <c r="AM4810" s="143"/>
      <c r="AN4810" s="137"/>
      <c r="AO4810" s="137"/>
      <c r="AP4810" s="137"/>
      <c r="AQ4810" s="137"/>
      <c r="AR4810" s="137"/>
      <c r="AS4810" s="137"/>
      <c r="AT4810" s="137"/>
      <c r="AU4810" s="137"/>
      <c r="AV4810" s="137"/>
      <c r="AW4810" s="144"/>
    </row>
    <row r="4811" spans="2:49" x14ac:dyDescent="0.2">
      <c r="B4811" s="97"/>
      <c r="J4811" s="98"/>
      <c r="K4811" s="97"/>
      <c r="N4811" s="3"/>
      <c r="W4811" s="98"/>
      <c r="Z4811" s="143"/>
      <c r="AA4811" s="137"/>
      <c r="AB4811" s="137"/>
      <c r="AC4811" s="137"/>
      <c r="AD4811" s="137"/>
      <c r="AE4811" s="137"/>
      <c r="AF4811" s="137"/>
      <c r="AG4811" s="137"/>
      <c r="AH4811" s="137"/>
      <c r="AI4811" s="137"/>
      <c r="AJ4811" s="137"/>
      <c r="AK4811" s="206"/>
      <c r="AL4811" s="206"/>
      <c r="AM4811" s="143"/>
      <c r="AN4811" s="137"/>
      <c r="AO4811" s="137"/>
      <c r="AP4811" s="137"/>
      <c r="AQ4811" s="137"/>
      <c r="AR4811" s="137"/>
      <c r="AS4811" s="137"/>
      <c r="AT4811" s="137"/>
      <c r="AU4811" s="137"/>
      <c r="AV4811" s="137"/>
      <c r="AW4811" s="144"/>
    </row>
    <row r="4812" spans="2:49" x14ac:dyDescent="0.2">
      <c r="B4812" s="97"/>
      <c r="J4812" s="98"/>
      <c r="K4812" s="97"/>
      <c r="N4812" s="3"/>
      <c r="W4812" s="98"/>
      <c r="Z4812" s="143"/>
      <c r="AA4812" s="137"/>
      <c r="AB4812" s="137"/>
      <c r="AC4812" s="137"/>
      <c r="AD4812" s="137"/>
      <c r="AE4812" s="137"/>
      <c r="AF4812" s="137"/>
      <c r="AG4812" s="137"/>
      <c r="AH4812" s="137"/>
      <c r="AI4812" s="137"/>
      <c r="AJ4812" s="137"/>
      <c r="AK4812" s="206"/>
      <c r="AL4812" s="206"/>
      <c r="AM4812" s="143"/>
      <c r="AN4812" s="137"/>
      <c r="AO4812" s="137"/>
      <c r="AP4812" s="137"/>
      <c r="AQ4812" s="137"/>
      <c r="AR4812" s="137"/>
      <c r="AS4812" s="137"/>
      <c r="AT4812" s="137"/>
      <c r="AU4812" s="137"/>
      <c r="AV4812" s="137"/>
      <c r="AW4812" s="144"/>
    </row>
    <row r="4813" spans="2:49" x14ac:dyDescent="0.2">
      <c r="B4813" s="97"/>
      <c r="J4813" s="98"/>
      <c r="K4813" s="97"/>
      <c r="N4813" s="3"/>
      <c r="W4813" s="98"/>
      <c r="Z4813" s="143"/>
      <c r="AA4813" s="137"/>
      <c r="AB4813" s="137"/>
      <c r="AC4813" s="137"/>
      <c r="AD4813" s="137"/>
      <c r="AE4813" s="137"/>
      <c r="AF4813" s="137"/>
      <c r="AG4813" s="137"/>
      <c r="AH4813" s="137"/>
      <c r="AI4813" s="137"/>
      <c r="AJ4813" s="137"/>
      <c r="AK4813" s="206"/>
      <c r="AL4813" s="206"/>
      <c r="AM4813" s="143"/>
      <c r="AN4813" s="137"/>
      <c r="AO4813" s="137"/>
      <c r="AP4813" s="137"/>
      <c r="AQ4813" s="137"/>
      <c r="AR4813" s="137"/>
      <c r="AS4813" s="137"/>
      <c r="AT4813" s="137"/>
      <c r="AU4813" s="137"/>
      <c r="AV4813" s="137"/>
      <c r="AW4813" s="144"/>
    </row>
    <row r="4814" spans="2:49" x14ac:dyDescent="0.2">
      <c r="B4814" s="97"/>
      <c r="J4814" s="98"/>
      <c r="K4814" s="97"/>
      <c r="N4814" s="3"/>
      <c r="W4814" s="98"/>
      <c r="Z4814" s="143"/>
      <c r="AA4814" s="137"/>
      <c r="AB4814" s="137"/>
      <c r="AC4814" s="137"/>
      <c r="AD4814" s="137"/>
      <c r="AE4814" s="137"/>
      <c r="AF4814" s="137"/>
      <c r="AG4814" s="137"/>
      <c r="AH4814" s="137"/>
      <c r="AI4814" s="137"/>
      <c r="AJ4814" s="137"/>
      <c r="AK4814" s="206"/>
      <c r="AL4814" s="206"/>
      <c r="AM4814" s="143"/>
      <c r="AN4814" s="137"/>
      <c r="AO4814" s="137"/>
      <c r="AP4814" s="137"/>
      <c r="AQ4814" s="137"/>
      <c r="AR4814" s="137"/>
      <c r="AS4814" s="137"/>
      <c r="AT4814" s="137"/>
      <c r="AU4814" s="137"/>
      <c r="AV4814" s="137"/>
      <c r="AW4814" s="144"/>
    </row>
    <row r="4815" spans="2:49" x14ac:dyDescent="0.2">
      <c r="B4815" s="97"/>
      <c r="J4815" s="98"/>
      <c r="K4815" s="97"/>
      <c r="N4815" s="3"/>
      <c r="W4815" s="98"/>
      <c r="Z4815" s="143"/>
      <c r="AA4815" s="137"/>
      <c r="AB4815" s="137"/>
      <c r="AC4815" s="137"/>
      <c r="AD4815" s="137"/>
      <c r="AE4815" s="137"/>
      <c r="AF4815" s="137"/>
      <c r="AG4815" s="137"/>
      <c r="AH4815" s="137"/>
      <c r="AI4815" s="137"/>
      <c r="AJ4815" s="137"/>
      <c r="AK4815" s="206"/>
      <c r="AL4815" s="206"/>
      <c r="AM4815" s="143"/>
      <c r="AN4815" s="137"/>
      <c r="AO4815" s="137"/>
      <c r="AP4815" s="137"/>
      <c r="AQ4815" s="137"/>
      <c r="AR4815" s="137"/>
      <c r="AS4815" s="137"/>
      <c r="AT4815" s="137"/>
      <c r="AU4815" s="137"/>
      <c r="AV4815" s="137"/>
      <c r="AW4815" s="144"/>
    </row>
    <row r="4816" spans="2:49" x14ac:dyDescent="0.2">
      <c r="B4816" s="97"/>
      <c r="J4816" s="98"/>
      <c r="K4816" s="97"/>
      <c r="N4816" s="3"/>
      <c r="W4816" s="98"/>
      <c r="Z4816" s="143"/>
      <c r="AA4816" s="137"/>
      <c r="AB4816" s="137"/>
      <c r="AC4816" s="137"/>
      <c r="AD4816" s="137"/>
      <c r="AE4816" s="137"/>
      <c r="AF4816" s="137"/>
      <c r="AG4816" s="137"/>
      <c r="AH4816" s="137"/>
      <c r="AI4816" s="137"/>
      <c r="AJ4816" s="137"/>
      <c r="AK4816" s="206"/>
      <c r="AL4816" s="206"/>
      <c r="AM4816" s="143"/>
      <c r="AN4816" s="137"/>
      <c r="AO4816" s="137"/>
      <c r="AP4816" s="137"/>
      <c r="AQ4816" s="137"/>
      <c r="AR4816" s="137"/>
      <c r="AS4816" s="137"/>
      <c r="AT4816" s="137"/>
      <c r="AU4816" s="137"/>
      <c r="AV4816" s="137"/>
      <c r="AW4816" s="144"/>
    </row>
    <row r="4817" spans="2:49" x14ac:dyDescent="0.2">
      <c r="B4817" s="97"/>
      <c r="J4817" s="98"/>
      <c r="K4817" s="97"/>
      <c r="N4817" s="3"/>
      <c r="W4817" s="98"/>
      <c r="Z4817" s="143"/>
      <c r="AA4817" s="137"/>
      <c r="AB4817" s="137"/>
      <c r="AC4817" s="137"/>
      <c r="AD4817" s="137"/>
      <c r="AE4817" s="137"/>
      <c r="AF4817" s="137"/>
      <c r="AG4817" s="137"/>
      <c r="AH4817" s="137"/>
      <c r="AI4817" s="137"/>
      <c r="AJ4817" s="137"/>
      <c r="AK4817" s="206"/>
      <c r="AL4817" s="206"/>
      <c r="AM4817" s="143"/>
      <c r="AN4817" s="137"/>
      <c r="AO4817" s="137"/>
      <c r="AP4817" s="137"/>
      <c r="AQ4817" s="137"/>
      <c r="AR4817" s="137"/>
      <c r="AS4817" s="137"/>
      <c r="AT4817" s="137"/>
      <c r="AU4817" s="137"/>
      <c r="AV4817" s="137"/>
      <c r="AW4817" s="144"/>
    </row>
    <row r="4818" spans="2:49" x14ac:dyDescent="0.2">
      <c r="B4818" s="97"/>
      <c r="J4818" s="98"/>
      <c r="K4818" s="97"/>
      <c r="N4818" s="3"/>
      <c r="W4818" s="98"/>
      <c r="Z4818" s="143"/>
      <c r="AA4818" s="137"/>
      <c r="AB4818" s="137"/>
      <c r="AC4818" s="137"/>
      <c r="AD4818" s="137"/>
      <c r="AE4818" s="137"/>
      <c r="AF4818" s="137"/>
      <c r="AG4818" s="137"/>
      <c r="AH4818" s="137"/>
      <c r="AI4818" s="137"/>
      <c r="AJ4818" s="137"/>
      <c r="AK4818" s="206"/>
      <c r="AL4818" s="206"/>
      <c r="AM4818" s="143"/>
      <c r="AN4818" s="137"/>
      <c r="AO4818" s="137"/>
      <c r="AP4818" s="137"/>
      <c r="AQ4818" s="137"/>
      <c r="AR4818" s="137"/>
      <c r="AS4818" s="137"/>
      <c r="AT4818" s="137"/>
      <c r="AU4818" s="137"/>
      <c r="AV4818" s="137"/>
      <c r="AW4818" s="144"/>
    </row>
    <row r="4819" spans="2:49" x14ac:dyDescent="0.2">
      <c r="B4819" s="97"/>
      <c r="J4819" s="98"/>
      <c r="K4819" s="97"/>
      <c r="N4819" s="3"/>
      <c r="W4819" s="98"/>
      <c r="Z4819" s="143"/>
      <c r="AA4819" s="137"/>
      <c r="AB4819" s="137"/>
      <c r="AC4819" s="137"/>
      <c r="AD4819" s="137"/>
      <c r="AE4819" s="137"/>
      <c r="AF4819" s="137"/>
      <c r="AG4819" s="137"/>
      <c r="AH4819" s="137"/>
      <c r="AI4819" s="137"/>
      <c r="AJ4819" s="137"/>
      <c r="AK4819" s="206"/>
      <c r="AL4819" s="206"/>
      <c r="AM4819" s="143"/>
      <c r="AN4819" s="137"/>
      <c r="AO4819" s="137"/>
      <c r="AP4819" s="137"/>
      <c r="AQ4819" s="137"/>
      <c r="AR4819" s="137"/>
      <c r="AS4819" s="137"/>
      <c r="AT4819" s="137"/>
      <c r="AU4819" s="137"/>
      <c r="AV4819" s="137"/>
      <c r="AW4819" s="144"/>
    </row>
    <row r="4820" spans="2:49" x14ac:dyDescent="0.2">
      <c r="B4820" s="97"/>
      <c r="J4820" s="98"/>
      <c r="K4820" s="97"/>
      <c r="N4820" s="3"/>
      <c r="W4820" s="98"/>
      <c r="Z4820" s="143"/>
      <c r="AA4820" s="137"/>
      <c r="AB4820" s="137"/>
      <c r="AC4820" s="137"/>
      <c r="AD4820" s="137"/>
      <c r="AE4820" s="137"/>
      <c r="AF4820" s="137"/>
      <c r="AG4820" s="137"/>
      <c r="AH4820" s="137"/>
      <c r="AI4820" s="137"/>
      <c r="AJ4820" s="137"/>
      <c r="AK4820" s="206"/>
      <c r="AL4820" s="206"/>
      <c r="AM4820" s="143"/>
      <c r="AN4820" s="137"/>
      <c r="AO4820" s="137"/>
      <c r="AP4820" s="137"/>
      <c r="AQ4820" s="137"/>
      <c r="AR4820" s="137"/>
      <c r="AS4820" s="137"/>
      <c r="AT4820" s="137"/>
      <c r="AU4820" s="137"/>
      <c r="AV4820" s="137"/>
      <c r="AW4820" s="144"/>
    </row>
    <row r="4821" spans="2:49" x14ac:dyDescent="0.2">
      <c r="B4821" s="97"/>
      <c r="J4821" s="98"/>
      <c r="K4821" s="97"/>
      <c r="N4821" s="3"/>
      <c r="W4821" s="98"/>
      <c r="Z4821" s="143"/>
      <c r="AA4821" s="137"/>
      <c r="AB4821" s="137"/>
      <c r="AC4821" s="137"/>
      <c r="AD4821" s="137"/>
      <c r="AE4821" s="137"/>
      <c r="AF4821" s="137"/>
      <c r="AG4821" s="137"/>
      <c r="AH4821" s="137"/>
      <c r="AI4821" s="137"/>
      <c r="AJ4821" s="137"/>
      <c r="AK4821" s="206"/>
      <c r="AL4821" s="206"/>
      <c r="AM4821" s="143"/>
      <c r="AN4821" s="137"/>
      <c r="AO4821" s="137"/>
      <c r="AP4821" s="137"/>
      <c r="AQ4821" s="137"/>
      <c r="AR4821" s="137"/>
      <c r="AS4821" s="137"/>
      <c r="AT4821" s="137"/>
      <c r="AU4821" s="137"/>
      <c r="AV4821" s="137"/>
      <c r="AW4821" s="144"/>
    </row>
    <row r="4822" spans="2:49" x14ac:dyDescent="0.2">
      <c r="B4822" s="97"/>
      <c r="J4822" s="98"/>
      <c r="K4822" s="97"/>
      <c r="N4822" s="3"/>
      <c r="W4822" s="98"/>
      <c r="Z4822" s="143"/>
      <c r="AA4822" s="137"/>
      <c r="AB4822" s="137"/>
      <c r="AC4822" s="137"/>
      <c r="AD4822" s="137"/>
      <c r="AE4822" s="137"/>
      <c r="AF4822" s="137"/>
      <c r="AG4822" s="137"/>
      <c r="AH4822" s="137"/>
      <c r="AI4822" s="137"/>
      <c r="AJ4822" s="137"/>
      <c r="AK4822" s="206"/>
      <c r="AL4822" s="206"/>
      <c r="AM4822" s="143"/>
      <c r="AN4822" s="137"/>
      <c r="AO4822" s="137"/>
      <c r="AP4822" s="137"/>
      <c r="AQ4822" s="137"/>
      <c r="AR4822" s="137"/>
      <c r="AS4822" s="137"/>
      <c r="AT4822" s="137"/>
      <c r="AU4822" s="137"/>
      <c r="AV4822" s="137"/>
      <c r="AW4822" s="144"/>
    </row>
    <row r="4823" spans="2:49" x14ac:dyDescent="0.2">
      <c r="B4823" s="97"/>
      <c r="J4823" s="98"/>
      <c r="K4823" s="97"/>
      <c r="N4823" s="3"/>
      <c r="W4823" s="98"/>
      <c r="Z4823" s="143"/>
      <c r="AA4823" s="137"/>
      <c r="AB4823" s="137"/>
      <c r="AC4823" s="137"/>
      <c r="AD4823" s="137"/>
      <c r="AE4823" s="137"/>
      <c r="AF4823" s="137"/>
      <c r="AG4823" s="137"/>
      <c r="AH4823" s="137"/>
      <c r="AI4823" s="137"/>
      <c r="AJ4823" s="137"/>
      <c r="AK4823" s="206"/>
      <c r="AL4823" s="206"/>
      <c r="AM4823" s="143"/>
      <c r="AN4823" s="137"/>
      <c r="AO4823" s="137"/>
      <c r="AP4823" s="137"/>
      <c r="AQ4823" s="137"/>
      <c r="AR4823" s="137"/>
      <c r="AS4823" s="137"/>
      <c r="AT4823" s="137"/>
      <c r="AU4823" s="137"/>
      <c r="AV4823" s="137"/>
      <c r="AW4823" s="144"/>
    </row>
    <row r="4824" spans="2:49" x14ac:dyDescent="0.2">
      <c r="B4824" s="97"/>
      <c r="J4824" s="98"/>
      <c r="K4824" s="97"/>
      <c r="N4824" s="3"/>
      <c r="W4824" s="98"/>
      <c r="Z4824" s="143"/>
      <c r="AA4824" s="137"/>
      <c r="AB4824" s="137"/>
      <c r="AC4824" s="137"/>
      <c r="AD4824" s="137"/>
      <c r="AE4824" s="137"/>
      <c r="AF4824" s="137"/>
      <c r="AG4824" s="137"/>
      <c r="AH4824" s="137"/>
      <c r="AI4824" s="137"/>
      <c r="AJ4824" s="137"/>
      <c r="AK4824" s="206"/>
      <c r="AL4824" s="206"/>
      <c r="AM4824" s="143"/>
      <c r="AN4824" s="137"/>
      <c r="AO4824" s="137"/>
      <c r="AP4824" s="137"/>
      <c r="AQ4824" s="137"/>
      <c r="AR4824" s="137"/>
      <c r="AS4824" s="137"/>
      <c r="AT4824" s="137"/>
      <c r="AU4824" s="137"/>
      <c r="AV4824" s="137"/>
      <c r="AW4824" s="144"/>
    </row>
    <row r="4825" spans="2:49" x14ac:dyDescent="0.2">
      <c r="B4825" s="97"/>
      <c r="J4825" s="98"/>
      <c r="K4825" s="97"/>
      <c r="N4825" s="3"/>
      <c r="W4825" s="98"/>
      <c r="Z4825" s="143"/>
      <c r="AA4825" s="137"/>
      <c r="AB4825" s="137"/>
      <c r="AC4825" s="137"/>
      <c r="AD4825" s="137"/>
      <c r="AE4825" s="137"/>
      <c r="AF4825" s="137"/>
      <c r="AG4825" s="137"/>
      <c r="AH4825" s="137"/>
      <c r="AI4825" s="137"/>
      <c r="AJ4825" s="137"/>
      <c r="AK4825" s="206"/>
      <c r="AL4825" s="206"/>
      <c r="AM4825" s="143"/>
      <c r="AN4825" s="137"/>
      <c r="AO4825" s="137"/>
      <c r="AP4825" s="137"/>
      <c r="AQ4825" s="137"/>
      <c r="AR4825" s="137"/>
      <c r="AS4825" s="137"/>
      <c r="AT4825" s="137"/>
      <c r="AU4825" s="137"/>
      <c r="AV4825" s="137"/>
      <c r="AW4825" s="144"/>
    </row>
    <row r="4826" spans="2:49" x14ac:dyDescent="0.2">
      <c r="B4826" s="97"/>
      <c r="J4826" s="98"/>
      <c r="K4826" s="97"/>
      <c r="N4826" s="3"/>
      <c r="W4826" s="98"/>
      <c r="Z4826" s="143"/>
      <c r="AA4826" s="137"/>
      <c r="AB4826" s="137"/>
      <c r="AC4826" s="137"/>
      <c r="AD4826" s="137"/>
      <c r="AE4826" s="137"/>
      <c r="AF4826" s="137"/>
      <c r="AG4826" s="137"/>
      <c r="AH4826" s="137"/>
      <c r="AI4826" s="137"/>
      <c r="AJ4826" s="137"/>
      <c r="AK4826" s="206"/>
      <c r="AL4826" s="206"/>
      <c r="AM4826" s="143"/>
      <c r="AN4826" s="137"/>
      <c r="AO4826" s="137"/>
      <c r="AP4826" s="137"/>
      <c r="AQ4826" s="137"/>
      <c r="AR4826" s="137"/>
      <c r="AS4826" s="137"/>
      <c r="AT4826" s="137"/>
      <c r="AU4826" s="137"/>
      <c r="AV4826" s="137"/>
      <c r="AW4826" s="144"/>
    </row>
    <row r="4827" spans="2:49" x14ac:dyDescent="0.2">
      <c r="B4827" s="97"/>
      <c r="J4827" s="98"/>
      <c r="K4827" s="97"/>
      <c r="N4827" s="3"/>
      <c r="W4827" s="98"/>
      <c r="Z4827" s="143"/>
      <c r="AA4827" s="137"/>
      <c r="AB4827" s="137"/>
      <c r="AC4827" s="137"/>
      <c r="AD4827" s="137"/>
      <c r="AE4827" s="137"/>
      <c r="AF4827" s="137"/>
      <c r="AG4827" s="137"/>
      <c r="AH4827" s="137"/>
      <c r="AI4827" s="137"/>
      <c r="AJ4827" s="137"/>
      <c r="AK4827" s="206"/>
      <c r="AL4827" s="206"/>
      <c r="AM4827" s="143"/>
      <c r="AN4827" s="137"/>
      <c r="AO4827" s="137"/>
      <c r="AP4827" s="137"/>
      <c r="AQ4827" s="137"/>
      <c r="AR4827" s="137"/>
      <c r="AS4827" s="137"/>
      <c r="AT4827" s="137"/>
      <c r="AU4827" s="137"/>
      <c r="AV4827" s="137"/>
      <c r="AW4827" s="144"/>
    </row>
    <row r="4828" spans="2:49" x14ac:dyDescent="0.2">
      <c r="B4828" s="97"/>
      <c r="J4828" s="98"/>
      <c r="K4828" s="97"/>
      <c r="N4828" s="3"/>
      <c r="W4828" s="98"/>
      <c r="Z4828" s="143"/>
      <c r="AA4828" s="137"/>
      <c r="AB4828" s="137"/>
      <c r="AC4828" s="137"/>
      <c r="AD4828" s="137"/>
      <c r="AE4828" s="137"/>
      <c r="AF4828" s="137"/>
      <c r="AG4828" s="137"/>
      <c r="AH4828" s="137"/>
      <c r="AI4828" s="137"/>
      <c r="AJ4828" s="137"/>
      <c r="AK4828" s="206"/>
      <c r="AL4828" s="206"/>
      <c r="AM4828" s="143"/>
      <c r="AN4828" s="137"/>
      <c r="AO4828" s="137"/>
      <c r="AP4828" s="137"/>
      <c r="AQ4828" s="137"/>
      <c r="AR4828" s="137"/>
      <c r="AS4828" s="137"/>
      <c r="AT4828" s="137"/>
      <c r="AU4828" s="137"/>
      <c r="AV4828" s="137"/>
      <c r="AW4828" s="144"/>
    </row>
    <row r="4829" spans="2:49" x14ac:dyDescent="0.2">
      <c r="B4829" s="97"/>
      <c r="J4829" s="98"/>
      <c r="K4829" s="97"/>
      <c r="N4829" s="3"/>
      <c r="W4829" s="98"/>
      <c r="Z4829" s="143"/>
      <c r="AA4829" s="137"/>
      <c r="AB4829" s="137"/>
      <c r="AC4829" s="137"/>
      <c r="AD4829" s="137"/>
      <c r="AE4829" s="137"/>
      <c r="AF4829" s="137"/>
      <c r="AG4829" s="137"/>
      <c r="AH4829" s="137"/>
      <c r="AI4829" s="137"/>
      <c r="AJ4829" s="137"/>
      <c r="AK4829" s="206"/>
      <c r="AL4829" s="206"/>
      <c r="AM4829" s="143"/>
      <c r="AN4829" s="137"/>
      <c r="AO4829" s="137"/>
      <c r="AP4829" s="137"/>
      <c r="AQ4829" s="137"/>
      <c r="AR4829" s="137"/>
      <c r="AS4829" s="137"/>
      <c r="AT4829" s="137"/>
      <c r="AU4829" s="137"/>
      <c r="AV4829" s="137"/>
      <c r="AW4829" s="144"/>
    </row>
    <row r="4830" spans="2:49" x14ac:dyDescent="0.2">
      <c r="B4830" s="97"/>
      <c r="J4830" s="98"/>
      <c r="K4830" s="97"/>
      <c r="N4830" s="3"/>
      <c r="W4830" s="98"/>
      <c r="Z4830" s="143"/>
      <c r="AA4830" s="137"/>
      <c r="AB4830" s="137"/>
      <c r="AC4830" s="137"/>
      <c r="AD4830" s="137"/>
      <c r="AE4830" s="137"/>
      <c r="AF4830" s="137"/>
      <c r="AG4830" s="137"/>
      <c r="AH4830" s="137"/>
      <c r="AI4830" s="137"/>
      <c r="AJ4830" s="137"/>
      <c r="AK4830" s="206"/>
      <c r="AL4830" s="206"/>
      <c r="AM4830" s="143"/>
      <c r="AN4830" s="137"/>
      <c r="AO4830" s="137"/>
      <c r="AP4830" s="137"/>
      <c r="AQ4830" s="137"/>
      <c r="AR4830" s="137"/>
      <c r="AS4830" s="137"/>
      <c r="AT4830" s="137"/>
      <c r="AU4830" s="137"/>
      <c r="AV4830" s="137"/>
      <c r="AW4830" s="144"/>
    </row>
    <row r="4831" spans="2:49" x14ac:dyDescent="0.2">
      <c r="B4831" s="97"/>
      <c r="J4831" s="98"/>
      <c r="K4831" s="97"/>
      <c r="N4831" s="3"/>
      <c r="W4831" s="98"/>
      <c r="Z4831" s="143"/>
      <c r="AA4831" s="137"/>
      <c r="AB4831" s="137"/>
      <c r="AC4831" s="137"/>
      <c r="AD4831" s="137"/>
      <c r="AE4831" s="137"/>
      <c r="AF4831" s="137"/>
      <c r="AG4831" s="137"/>
      <c r="AH4831" s="137"/>
      <c r="AI4831" s="137"/>
      <c r="AJ4831" s="137"/>
      <c r="AK4831" s="206"/>
      <c r="AL4831" s="206"/>
      <c r="AM4831" s="143"/>
      <c r="AN4831" s="137"/>
      <c r="AO4831" s="137"/>
      <c r="AP4831" s="137"/>
      <c r="AQ4831" s="137"/>
      <c r="AR4831" s="137"/>
      <c r="AS4831" s="137"/>
      <c r="AT4831" s="137"/>
      <c r="AU4831" s="137"/>
      <c r="AV4831" s="137"/>
      <c r="AW4831" s="144"/>
    </row>
    <row r="4832" spans="2:49" x14ac:dyDescent="0.2">
      <c r="B4832" s="97"/>
      <c r="J4832" s="98"/>
      <c r="K4832" s="97"/>
      <c r="N4832" s="3"/>
      <c r="W4832" s="98"/>
      <c r="Z4832" s="143"/>
      <c r="AA4832" s="137"/>
      <c r="AB4832" s="137"/>
      <c r="AC4832" s="137"/>
      <c r="AD4832" s="137"/>
      <c r="AE4832" s="137"/>
      <c r="AF4832" s="137"/>
      <c r="AG4832" s="137"/>
      <c r="AH4832" s="137"/>
      <c r="AI4832" s="137"/>
      <c r="AJ4832" s="137"/>
      <c r="AK4832" s="206"/>
      <c r="AL4832" s="206"/>
      <c r="AM4832" s="143"/>
      <c r="AN4832" s="137"/>
      <c r="AO4832" s="137"/>
      <c r="AP4832" s="137"/>
      <c r="AQ4832" s="137"/>
      <c r="AR4832" s="137"/>
      <c r="AS4832" s="137"/>
      <c r="AT4832" s="137"/>
      <c r="AU4832" s="137"/>
      <c r="AV4832" s="137"/>
      <c r="AW4832" s="144"/>
    </row>
    <row r="4833" spans="2:49" x14ac:dyDescent="0.2">
      <c r="B4833" s="97"/>
      <c r="J4833" s="98"/>
      <c r="K4833" s="97"/>
      <c r="N4833" s="3"/>
      <c r="W4833" s="98"/>
      <c r="Z4833" s="143"/>
      <c r="AA4833" s="137"/>
      <c r="AB4833" s="137"/>
      <c r="AC4833" s="137"/>
      <c r="AD4833" s="137"/>
      <c r="AE4833" s="137"/>
      <c r="AF4833" s="137"/>
      <c r="AG4833" s="137"/>
      <c r="AH4833" s="137"/>
      <c r="AI4833" s="137"/>
      <c r="AJ4833" s="137"/>
      <c r="AK4833" s="206"/>
      <c r="AL4833" s="206"/>
      <c r="AM4833" s="143"/>
      <c r="AN4833" s="137"/>
      <c r="AO4833" s="137"/>
      <c r="AP4833" s="137"/>
      <c r="AQ4833" s="137"/>
      <c r="AR4833" s="137"/>
      <c r="AS4833" s="137"/>
      <c r="AT4833" s="137"/>
      <c r="AU4833" s="137"/>
      <c r="AV4833" s="137"/>
      <c r="AW4833" s="144"/>
    </row>
    <row r="4834" spans="2:49" x14ac:dyDescent="0.2">
      <c r="B4834" s="97"/>
      <c r="J4834" s="98"/>
      <c r="K4834" s="97"/>
      <c r="N4834" s="3"/>
      <c r="W4834" s="98"/>
      <c r="Z4834" s="143"/>
      <c r="AA4834" s="137"/>
      <c r="AB4834" s="137"/>
      <c r="AC4834" s="137"/>
      <c r="AD4834" s="137"/>
      <c r="AE4834" s="137"/>
      <c r="AF4834" s="137"/>
      <c r="AG4834" s="137"/>
      <c r="AH4834" s="137"/>
      <c r="AI4834" s="137"/>
      <c r="AJ4834" s="137"/>
      <c r="AK4834" s="206"/>
      <c r="AL4834" s="206"/>
      <c r="AM4834" s="143"/>
      <c r="AN4834" s="137"/>
      <c r="AO4834" s="137"/>
      <c r="AP4834" s="137"/>
      <c r="AQ4834" s="137"/>
      <c r="AR4834" s="137"/>
      <c r="AS4834" s="137"/>
      <c r="AT4834" s="137"/>
      <c r="AU4834" s="137"/>
      <c r="AV4834" s="137"/>
      <c r="AW4834" s="144"/>
    </row>
    <row r="4835" spans="2:49" x14ac:dyDescent="0.2">
      <c r="B4835" s="97"/>
      <c r="J4835" s="98"/>
      <c r="K4835" s="97"/>
      <c r="N4835" s="3"/>
      <c r="W4835" s="98"/>
      <c r="Z4835" s="143"/>
      <c r="AA4835" s="137"/>
      <c r="AB4835" s="137"/>
      <c r="AC4835" s="137"/>
      <c r="AD4835" s="137"/>
      <c r="AE4835" s="137"/>
      <c r="AF4835" s="137"/>
      <c r="AG4835" s="137"/>
      <c r="AH4835" s="137"/>
      <c r="AI4835" s="137"/>
      <c r="AJ4835" s="137"/>
      <c r="AK4835" s="206"/>
      <c r="AL4835" s="206"/>
      <c r="AM4835" s="143"/>
      <c r="AN4835" s="137"/>
      <c r="AO4835" s="137"/>
      <c r="AP4835" s="137"/>
      <c r="AQ4835" s="137"/>
      <c r="AR4835" s="137"/>
      <c r="AS4835" s="137"/>
      <c r="AT4835" s="137"/>
      <c r="AU4835" s="137"/>
      <c r="AV4835" s="137"/>
      <c r="AW4835" s="144"/>
    </row>
    <row r="4836" spans="2:49" x14ac:dyDescent="0.2">
      <c r="B4836" s="97"/>
      <c r="J4836" s="98"/>
      <c r="K4836" s="97"/>
      <c r="N4836" s="3"/>
      <c r="W4836" s="98"/>
      <c r="Z4836" s="143"/>
      <c r="AA4836" s="137"/>
      <c r="AB4836" s="137"/>
      <c r="AC4836" s="137"/>
      <c r="AD4836" s="137"/>
      <c r="AE4836" s="137"/>
      <c r="AF4836" s="137"/>
      <c r="AG4836" s="137"/>
      <c r="AH4836" s="137"/>
      <c r="AI4836" s="137"/>
      <c r="AJ4836" s="137"/>
      <c r="AK4836" s="206"/>
      <c r="AL4836" s="206"/>
      <c r="AM4836" s="143"/>
      <c r="AN4836" s="137"/>
      <c r="AO4836" s="137"/>
      <c r="AP4836" s="137"/>
      <c r="AQ4836" s="137"/>
      <c r="AR4836" s="137"/>
      <c r="AS4836" s="137"/>
      <c r="AT4836" s="137"/>
      <c r="AU4836" s="137"/>
      <c r="AV4836" s="137"/>
      <c r="AW4836" s="144"/>
    </row>
    <row r="4837" spans="2:49" x14ac:dyDescent="0.2">
      <c r="B4837" s="97"/>
      <c r="J4837" s="98"/>
      <c r="K4837" s="97"/>
      <c r="N4837" s="3"/>
      <c r="W4837" s="98"/>
      <c r="Z4837" s="143"/>
      <c r="AA4837" s="137"/>
      <c r="AB4837" s="137"/>
      <c r="AC4837" s="137"/>
      <c r="AD4837" s="137"/>
      <c r="AE4837" s="137"/>
      <c r="AF4837" s="137"/>
      <c r="AG4837" s="137"/>
      <c r="AH4837" s="137"/>
      <c r="AI4837" s="137"/>
      <c r="AJ4837" s="137"/>
      <c r="AK4837" s="206"/>
      <c r="AL4837" s="206"/>
      <c r="AM4837" s="143"/>
      <c r="AN4837" s="137"/>
      <c r="AO4837" s="137"/>
      <c r="AP4837" s="137"/>
      <c r="AQ4837" s="137"/>
      <c r="AR4837" s="137"/>
      <c r="AS4837" s="137"/>
      <c r="AT4837" s="137"/>
      <c r="AU4837" s="137"/>
      <c r="AV4837" s="137"/>
      <c r="AW4837" s="144"/>
    </row>
    <row r="4838" spans="2:49" x14ac:dyDescent="0.2">
      <c r="B4838" s="97"/>
      <c r="J4838" s="98"/>
      <c r="K4838" s="97"/>
      <c r="N4838" s="3"/>
      <c r="W4838" s="98"/>
      <c r="Z4838" s="143"/>
      <c r="AA4838" s="137"/>
      <c r="AB4838" s="137"/>
      <c r="AC4838" s="137"/>
      <c r="AD4838" s="137"/>
      <c r="AE4838" s="137"/>
      <c r="AF4838" s="137"/>
      <c r="AG4838" s="137"/>
      <c r="AH4838" s="137"/>
      <c r="AI4838" s="137"/>
      <c r="AJ4838" s="137"/>
      <c r="AK4838" s="206"/>
      <c r="AL4838" s="206"/>
      <c r="AM4838" s="143"/>
      <c r="AN4838" s="137"/>
      <c r="AO4838" s="137"/>
      <c r="AP4838" s="137"/>
      <c r="AQ4838" s="137"/>
      <c r="AR4838" s="137"/>
      <c r="AS4838" s="137"/>
      <c r="AT4838" s="137"/>
      <c r="AU4838" s="137"/>
      <c r="AV4838" s="137"/>
      <c r="AW4838" s="144"/>
    </row>
    <row r="4839" spans="2:49" x14ac:dyDescent="0.2">
      <c r="B4839" s="97"/>
      <c r="J4839" s="98"/>
      <c r="K4839" s="97"/>
      <c r="N4839" s="3"/>
      <c r="W4839" s="98"/>
      <c r="Z4839" s="143"/>
      <c r="AA4839" s="137"/>
      <c r="AB4839" s="137"/>
      <c r="AC4839" s="137"/>
      <c r="AD4839" s="137"/>
      <c r="AE4839" s="137"/>
      <c r="AF4839" s="137"/>
      <c r="AG4839" s="137"/>
      <c r="AH4839" s="137"/>
      <c r="AI4839" s="137"/>
      <c r="AJ4839" s="137"/>
      <c r="AK4839" s="206"/>
      <c r="AL4839" s="206"/>
      <c r="AM4839" s="143"/>
      <c r="AN4839" s="137"/>
      <c r="AO4839" s="137"/>
      <c r="AP4839" s="137"/>
      <c r="AQ4839" s="137"/>
      <c r="AR4839" s="137"/>
      <c r="AS4839" s="137"/>
      <c r="AT4839" s="137"/>
      <c r="AU4839" s="137"/>
      <c r="AV4839" s="137"/>
      <c r="AW4839" s="144"/>
    </row>
    <row r="4840" spans="2:49" x14ac:dyDescent="0.2">
      <c r="B4840" s="97"/>
      <c r="J4840" s="98"/>
      <c r="K4840" s="97"/>
      <c r="N4840" s="3"/>
      <c r="W4840" s="98"/>
      <c r="Z4840" s="143"/>
      <c r="AA4840" s="137"/>
      <c r="AB4840" s="137"/>
      <c r="AC4840" s="137"/>
      <c r="AD4840" s="137"/>
      <c r="AE4840" s="137"/>
      <c r="AF4840" s="137"/>
      <c r="AG4840" s="137"/>
      <c r="AH4840" s="137"/>
      <c r="AI4840" s="137"/>
      <c r="AJ4840" s="137"/>
      <c r="AK4840" s="206"/>
      <c r="AL4840" s="206"/>
      <c r="AM4840" s="143"/>
      <c r="AN4840" s="137"/>
      <c r="AO4840" s="137"/>
      <c r="AP4840" s="137"/>
      <c r="AQ4840" s="137"/>
      <c r="AR4840" s="137"/>
      <c r="AS4840" s="137"/>
      <c r="AT4840" s="137"/>
      <c r="AU4840" s="137"/>
      <c r="AV4840" s="137"/>
      <c r="AW4840" s="144"/>
    </row>
    <row r="4841" spans="2:49" x14ac:dyDescent="0.2">
      <c r="B4841" s="97"/>
      <c r="J4841" s="98"/>
      <c r="K4841" s="97"/>
      <c r="N4841" s="3"/>
      <c r="W4841" s="98"/>
      <c r="Z4841" s="143"/>
      <c r="AA4841" s="137"/>
      <c r="AB4841" s="137"/>
      <c r="AC4841" s="137"/>
      <c r="AD4841" s="137"/>
      <c r="AE4841" s="137"/>
      <c r="AF4841" s="137"/>
      <c r="AG4841" s="137"/>
      <c r="AH4841" s="137"/>
      <c r="AI4841" s="137"/>
      <c r="AJ4841" s="137"/>
      <c r="AK4841" s="206"/>
      <c r="AL4841" s="206"/>
      <c r="AM4841" s="143"/>
      <c r="AN4841" s="137"/>
      <c r="AO4841" s="137"/>
      <c r="AP4841" s="137"/>
      <c r="AQ4841" s="137"/>
      <c r="AR4841" s="137"/>
      <c r="AS4841" s="137"/>
      <c r="AT4841" s="137"/>
      <c r="AU4841" s="137"/>
      <c r="AV4841" s="137"/>
      <c r="AW4841" s="144"/>
    </row>
    <row r="4842" spans="2:49" x14ac:dyDescent="0.2">
      <c r="B4842" s="97"/>
      <c r="J4842" s="98"/>
      <c r="K4842" s="97"/>
      <c r="N4842" s="3"/>
      <c r="W4842" s="98"/>
      <c r="Z4842" s="143"/>
      <c r="AA4842" s="137"/>
      <c r="AB4842" s="137"/>
      <c r="AC4842" s="137"/>
      <c r="AD4842" s="137"/>
      <c r="AE4842" s="137"/>
      <c r="AF4842" s="137"/>
      <c r="AG4842" s="137"/>
      <c r="AH4842" s="137"/>
      <c r="AI4842" s="137"/>
      <c r="AJ4842" s="137"/>
      <c r="AK4842" s="206"/>
      <c r="AL4842" s="206"/>
      <c r="AM4842" s="143"/>
      <c r="AN4842" s="137"/>
      <c r="AO4842" s="137"/>
      <c r="AP4842" s="137"/>
      <c r="AQ4842" s="137"/>
      <c r="AR4842" s="137"/>
      <c r="AS4842" s="137"/>
      <c r="AT4842" s="137"/>
      <c r="AU4842" s="137"/>
      <c r="AV4842" s="137"/>
      <c r="AW4842" s="144"/>
    </row>
    <row r="4843" spans="2:49" x14ac:dyDescent="0.2">
      <c r="B4843" s="97"/>
      <c r="J4843" s="98"/>
      <c r="K4843" s="97"/>
      <c r="N4843" s="3"/>
      <c r="W4843" s="98"/>
      <c r="Z4843" s="143"/>
      <c r="AA4843" s="137"/>
      <c r="AB4843" s="137"/>
      <c r="AC4843" s="137"/>
      <c r="AD4843" s="137"/>
      <c r="AE4843" s="137"/>
      <c r="AF4843" s="137"/>
      <c r="AG4843" s="137"/>
      <c r="AH4843" s="137"/>
      <c r="AI4843" s="137"/>
      <c r="AJ4843" s="137"/>
      <c r="AK4843" s="206"/>
      <c r="AL4843" s="206"/>
      <c r="AM4843" s="143"/>
      <c r="AN4843" s="137"/>
      <c r="AO4843" s="137"/>
      <c r="AP4843" s="137"/>
      <c r="AQ4843" s="137"/>
      <c r="AR4843" s="137"/>
      <c r="AS4843" s="137"/>
      <c r="AT4843" s="137"/>
      <c r="AU4843" s="137"/>
      <c r="AV4843" s="137"/>
      <c r="AW4843" s="144"/>
    </row>
    <row r="4844" spans="2:49" x14ac:dyDescent="0.2">
      <c r="B4844" s="97"/>
      <c r="J4844" s="98"/>
      <c r="K4844" s="97"/>
      <c r="N4844" s="3"/>
      <c r="W4844" s="98"/>
      <c r="Z4844" s="143"/>
      <c r="AA4844" s="137"/>
      <c r="AB4844" s="137"/>
      <c r="AC4844" s="137"/>
      <c r="AD4844" s="137"/>
      <c r="AE4844" s="137"/>
      <c r="AF4844" s="137"/>
      <c r="AG4844" s="137"/>
      <c r="AH4844" s="137"/>
      <c r="AI4844" s="137"/>
      <c r="AJ4844" s="137"/>
      <c r="AK4844" s="206"/>
      <c r="AL4844" s="206"/>
      <c r="AM4844" s="143"/>
      <c r="AN4844" s="137"/>
      <c r="AO4844" s="137"/>
      <c r="AP4844" s="137"/>
      <c r="AQ4844" s="137"/>
      <c r="AR4844" s="137"/>
      <c r="AS4844" s="137"/>
      <c r="AT4844" s="137"/>
      <c r="AU4844" s="137"/>
      <c r="AV4844" s="137"/>
      <c r="AW4844" s="144"/>
    </row>
    <row r="4845" spans="2:49" x14ac:dyDescent="0.2">
      <c r="B4845" s="97"/>
      <c r="J4845" s="98"/>
      <c r="K4845" s="97"/>
      <c r="N4845" s="3"/>
      <c r="W4845" s="98"/>
      <c r="Z4845" s="143"/>
      <c r="AA4845" s="137"/>
      <c r="AB4845" s="137"/>
      <c r="AC4845" s="137"/>
      <c r="AD4845" s="137"/>
      <c r="AE4845" s="137"/>
      <c r="AF4845" s="137"/>
      <c r="AG4845" s="137"/>
      <c r="AH4845" s="137"/>
      <c r="AI4845" s="137"/>
      <c r="AJ4845" s="137"/>
      <c r="AK4845" s="206"/>
      <c r="AL4845" s="206"/>
      <c r="AM4845" s="143"/>
      <c r="AN4845" s="137"/>
      <c r="AO4845" s="137"/>
      <c r="AP4845" s="137"/>
      <c r="AQ4845" s="137"/>
      <c r="AR4845" s="137"/>
      <c r="AS4845" s="137"/>
      <c r="AT4845" s="137"/>
      <c r="AU4845" s="137"/>
      <c r="AV4845" s="137"/>
      <c r="AW4845" s="144"/>
    </row>
    <row r="4846" spans="2:49" x14ac:dyDescent="0.2">
      <c r="B4846" s="97"/>
      <c r="J4846" s="98"/>
      <c r="K4846" s="97"/>
      <c r="N4846" s="3"/>
      <c r="W4846" s="98"/>
      <c r="Z4846" s="143"/>
      <c r="AA4846" s="137"/>
      <c r="AB4846" s="137"/>
      <c r="AC4846" s="137"/>
      <c r="AD4846" s="137"/>
      <c r="AE4846" s="137"/>
      <c r="AF4846" s="137"/>
      <c r="AG4846" s="137"/>
      <c r="AH4846" s="137"/>
      <c r="AI4846" s="137"/>
      <c r="AJ4846" s="137"/>
      <c r="AK4846" s="206"/>
      <c r="AL4846" s="206"/>
      <c r="AM4846" s="143"/>
      <c r="AN4846" s="137"/>
      <c r="AO4846" s="137"/>
      <c r="AP4846" s="137"/>
      <c r="AQ4846" s="137"/>
      <c r="AR4846" s="137"/>
      <c r="AS4846" s="137"/>
      <c r="AT4846" s="137"/>
      <c r="AU4846" s="137"/>
      <c r="AV4846" s="137"/>
      <c r="AW4846" s="144"/>
    </row>
    <row r="4847" spans="2:49" x14ac:dyDescent="0.2">
      <c r="B4847" s="97"/>
      <c r="J4847" s="98"/>
      <c r="K4847" s="97"/>
      <c r="N4847" s="3"/>
      <c r="W4847" s="98"/>
      <c r="Z4847" s="143"/>
      <c r="AA4847" s="137"/>
      <c r="AB4847" s="137"/>
      <c r="AC4847" s="137"/>
      <c r="AD4847" s="137"/>
      <c r="AE4847" s="137"/>
      <c r="AF4847" s="137"/>
      <c r="AG4847" s="137"/>
      <c r="AH4847" s="137"/>
      <c r="AI4847" s="137"/>
      <c r="AJ4847" s="137"/>
      <c r="AK4847" s="206"/>
      <c r="AL4847" s="206"/>
      <c r="AM4847" s="143"/>
      <c r="AN4847" s="137"/>
      <c r="AO4847" s="137"/>
      <c r="AP4847" s="137"/>
      <c r="AQ4847" s="137"/>
      <c r="AR4847" s="137"/>
      <c r="AS4847" s="137"/>
      <c r="AT4847" s="137"/>
      <c r="AU4847" s="137"/>
      <c r="AV4847" s="137"/>
      <c r="AW4847" s="144"/>
    </row>
    <row r="4848" spans="2:49" x14ac:dyDescent="0.2">
      <c r="B4848" s="97"/>
      <c r="J4848" s="98"/>
      <c r="K4848" s="97"/>
      <c r="N4848" s="3"/>
      <c r="W4848" s="98"/>
      <c r="Z4848" s="143"/>
      <c r="AA4848" s="137"/>
      <c r="AB4848" s="137"/>
      <c r="AC4848" s="137"/>
      <c r="AD4848" s="137"/>
      <c r="AE4848" s="137"/>
      <c r="AF4848" s="137"/>
      <c r="AG4848" s="137"/>
      <c r="AH4848" s="137"/>
      <c r="AI4848" s="137"/>
      <c r="AJ4848" s="137"/>
      <c r="AK4848" s="206"/>
      <c r="AL4848" s="206"/>
      <c r="AM4848" s="143"/>
      <c r="AN4848" s="137"/>
      <c r="AO4848" s="137"/>
      <c r="AP4848" s="137"/>
      <c r="AQ4848" s="137"/>
      <c r="AR4848" s="137"/>
      <c r="AS4848" s="137"/>
      <c r="AT4848" s="137"/>
      <c r="AU4848" s="137"/>
      <c r="AV4848" s="137"/>
      <c r="AW4848" s="144"/>
    </row>
    <row r="4849" spans="2:49" x14ac:dyDescent="0.2">
      <c r="B4849" s="97"/>
      <c r="J4849" s="98"/>
      <c r="K4849" s="97"/>
      <c r="N4849" s="3"/>
      <c r="W4849" s="98"/>
      <c r="Z4849" s="143"/>
      <c r="AA4849" s="137"/>
      <c r="AB4849" s="137"/>
      <c r="AC4849" s="137"/>
      <c r="AD4849" s="137"/>
      <c r="AE4849" s="137"/>
      <c r="AF4849" s="137"/>
      <c r="AG4849" s="137"/>
      <c r="AH4849" s="137"/>
      <c r="AI4849" s="137"/>
      <c r="AJ4849" s="137"/>
      <c r="AK4849" s="206"/>
      <c r="AL4849" s="206"/>
      <c r="AM4849" s="143"/>
      <c r="AN4849" s="137"/>
      <c r="AO4849" s="137"/>
      <c r="AP4849" s="137"/>
      <c r="AQ4849" s="137"/>
      <c r="AR4849" s="137"/>
      <c r="AS4849" s="137"/>
      <c r="AT4849" s="137"/>
      <c r="AU4849" s="137"/>
      <c r="AV4849" s="137"/>
      <c r="AW4849" s="144"/>
    </row>
    <row r="4850" spans="2:49" x14ac:dyDescent="0.2">
      <c r="B4850" s="97"/>
      <c r="J4850" s="98"/>
      <c r="K4850" s="97"/>
      <c r="N4850" s="3"/>
      <c r="W4850" s="98"/>
      <c r="Z4850" s="143"/>
      <c r="AA4850" s="137"/>
      <c r="AB4850" s="137"/>
      <c r="AC4850" s="137"/>
      <c r="AD4850" s="137"/>
      <c r="AE4850" s="137"/>
      <c r="AF4850" s="137"/>
      <c r="AG4850" s="137"/>
      <c r="AH4850" s="137"/>
      <c r="AI4850" s="137"/>
      <c r="AJ4850" s="137"/>
      <c r="AK4850" s="206"/>
      <c r="AL4850" s="206"/>
      <c r="AM4850" s="143"/>
      <c r="AN4850" s="137"/>
      <c r="AO4850" s="137"/>
      <c r="AP4850" s="137"/>
      <c r="AQ4850" s="137"/>
      <c r="AR4850" s="137"/>
      <c r="AS4850" s="137"/>
      <c r="AT4850" s="137"/>
      <c r="AU4850" s="137"/>
      <c r="AV4850" s="137"/>
      <c r="AW4850" s="144"/>
    </row>
    <row r="4851" spans="2:49" x14ac:dyDescent="0.2">
      <c r="B4851" s="97"/>
      <c r="J4851" s="98"/>
      <c r="K4851" s="97"/>
      <c r="N4851" s="3"/>
      <c r="W4851" s="98"/>
      <c r="Z4851" s="143"/>
      <c r="AA4851" s="137"/>
      <c r="AB4851" s="137"/>
      <c r="AC4851" s="137"/>
      <c r="AD4851" s="137"/>
      <c r="AE4851" s="137"/>
      <c r="AF4851" s="137"/>
      <c r="AG4851" s="137"/>
      <c r="AH4851" s="137"/>
      <c r="AI4851" s="137"/>
      <c r="AJ4851" s="137"/>
      <c r="AK4851" s="206"/>
      <c r="AL4851" s="206"/>
      <c r="AM4851" s="143"/>
      <c r="AN4851" s="137"/>
      <c r="AO4851" s="137"/>
      <c r="AP4851" s="137"/>
      <c r="AQ4851" s="137"/>
      <c r="AR4851" s="137"/>
      <c r="AS4851" s="137"/>
      <c r="AT4851" s="137"/>
      <c r="AU4851" s="137"/>
      <c r="AV4851" s="137"/>
      <c r="AW4851" s="144"/>
    </row>
    <row r="4852" spans="2:49" x14ac:dyDescent="0.2">
      <c r="B4852" s="97"/>
      <c r="J4852" s="98"/>
      <c r="K4852" s="97"/>
      <c r="N4852" s="3"/>
      <c r="W4852" s="98"/>
      <c r="Z4852" s="143"/>
      <c r="AA4852" s="137"/>
      <c r="AB4852" s="137"/>
      <c r="AC4852" s="137"/>
      <c r="AD4852" s="137"/>
      <c r="AE4852" s="137"/>
      <c r="AF4852" s="137"/>
      <c r="AG4852" s="137"/>
      <c r="AH4852" s="137"/>
      <c r="AI4852" s="137"/>
      <c r="AJ4852" s="137"/>
      <c r="AK4852" s="206"/>
      <c r="AL4852" s="206"/>
      <c r="AM4852" s="143"/>
      <c r="AN4852" s="137"/>
      <c r="AO4852" s="137"/>
      <c r="AP4852" s="137"/>
      <c r="AQ4852" s="137"/>
      <c r="AR4852" s="137"/>
      <c r="AS4852" s="137"/>
      <c r="AT4852" s="137"/>
      <c r="AU4852" s="137"/>
      <c r="AV4852" s="137"/>
      <c r="AW4852" s="144"/>
    </row>
    <row r="4853" spans="2:49" x14ac:dyDescent="0.2">
      <c r="B4853" s="97"/>
      <c r="J4853" s="98"/>
      <c r="K4853" s="97"/>
      <c r="N4853" s="3"/>
      <c r="W4853" s="98"/>
      <c r="Z4853" s="143"/>
      <c r="AA4853" s="137"/>
      <c r="AB4853" s="137"/>
      <c r="AC4853" s="137"/>
      <c r="AD4853" s="137"/>
      <c r="AE4853" s="137"/>
      <c r="AF4853" s="137"/>
      <c r="AG4853" s="137"/>
      <c r="AH4853" s="137"/>
      <c r="AI4853" s="137"/>
      <c r="AJ4853" s="137"/>
      <c r="AK4853" s="206"/>
      <c r="AL4853" s="206"/>
      <c r="AM4853" s="143"/>
      <c r="AN4853" s="137"/>
      <c r="AO4853" s="137"/>
      <c r="AP4853" s="137"/>
      <c r="AQ4853" s="137"/>
      <c r="AR4853" s="137"/>
      <c r="AS4853" s="137"/>
      <c r="AT4853" s="137"/>
      <c r="AU4853" s="137"/>
      <c r="AV4853" s="137"/>
      <c r="AW4853" s="144"/>
    </row>
    <row r="4854" spans="2:49" x14ac:dyDescent="0.2">
      <c r="B4854" s="97"/>
      <c r="J4854" s="98"/>
      <c r="K4854" s="97"/>
      <c r="N4854" s="3"/>
      <c r="W4854" s="98"/>
      <c r="Z4854" s="143"/>
      <c r="AA4854" s="137"/>
      <c r="AB4854" s="137"/>
      <c r="AC4854" s="137"/>
      <c r="AD4854" s="137"/>
      <c r="AE4854" s="137"/>
      <c r="AF4854" s="137"/>
      <c r="AG4854" s="137"/>
      <c r="AH4854" s="137"/>
      <c r="AI4854" s="137"/>
      <c r="AJ4854" s="137"/>
      <c r="AK4854" s="206"/>
      <c r="AL4854" s="206"/>
      <c r="AM4854" s="143"/>
      <c r="AN4854" s="137"/>
      <c r="AO4854" s="137"/>
      <c r="AP4854" s="137"/>
      <c r="AQ4854" s="137"/>
      <c r="AR4854" s="137"/>
      <c r="AS4854" s="137"/>
      <c r="AT4854" s="137"/>
      <c r="AU4854" s="137"/>
      <c r="AV4854" s="137"/>
      <c r="AW4854" s="144"/>
    </row>
    <row r="4855" spans="2:49" x14ac:dyDescent="0.2">
      <c r="B4855" s="97"/>
      <c r="J4855" s="98"/>
      <c r="K4855" s="97"/>
      <c r="N4855" s="3"/>
      <c r="W4855" s="98"/>
      <c r="Z4855" s="143"/>
      <c r="AA4855" s="137"/>
      <c r="AB4855" s="137"/>
      <c r="AC4855" s="137"/>
      <c r="AD4855" s="137"/>
      <c r="AE4855" s="137"/>
      <c r="AF4855" s="137"/>
      <c r="AG4855" s="137"/>
      <c r="AH4855" s="137"/>
      <c r="AI4855" s="137"/>
      <c r="AJ4855" s="137"/>
      <c r="AK4855" s="206"/>
      <c r="AL4855" s="206"/>
      <c r="AM4855" s="143"/>
      <c r="AN4855" s="137"/>
      <c r="AO4855" s="137"/>
      <c r="AP4855" s="137"/>
      <c r="AQ4855" s="137"/>
      <c r="AR4855" s="137"/>
      <c r="AS4855" s="137"/>
      <c r="AT4855" s="137"/>
      <c r="AU4855" s="137"/>
      <c r="AV4855" s="137"/>
      <c r="AW4855" s="144"/>
    </row>
    <row r="4856" spans="2:49" x14ac:dyDescent="0.2">
      <c r="B4856" s="97"/>
      <c r="J4856" s="98"/>
      <c r="K4856" s="97"/>
      <c r="N4856" s="3"/>
      <c r="W4856" s="98"/>
      <c r="Z4856" s="143"/>
      <c r="AA4856" s="137"/>
      <c r="AB4856" s="137"/>
      <c r="AC4856" s="137"/>
      <c r="AD4856" s="137"/>
      <c r="AE4856" s="137"/>
      <c r="AF4856" s="137"/>
      <c r="AG4856" s="137"/>
      <c r="AH4856" s="137"/>
      <c r="AI4856" s="137"/>
      <c r="AJ4856" s="137"/>
      <c r="AK4856" s="206"/>
      <c r="AL4856" s="206"/>
      <c r="AM4856" s="143"/>
      <c r="AN4856" s="137"/>
      <c r="AO4856" s="137"/>
      <c r="AP4856" s="137"/>
      <c r="AQ4856" s="137"/>
      <c r="AR4856" s="137"/>
      <c r="AS4856" s="137"/>
      <c r="AT4856" s="137"/>
      <c r="AU4856" s="137"/>
      <c r="AV4856" s="137"/>
      <c r="AW4856" s="144"/>
    </row>
    <row r="4857" spans="2:49" x14ac:dyDescent="0.2">
      <c r="B4857" s="97"/>
      <c r="J4857" s="98"/>
      <c r="K4857" s="97"/>
      <c r="N4857" s="3"/>
      <c r="W4857" s="98"/>
      <c r="Z4857" s="143"/>
      <c r="AA4857" s="137"/>
      <c r="AB4857" s="137"/>
      <c r="AC4857" s="137"/>
      <c r="AD4857" s="137"/>
      <c r="AE4857" s="137"/>
      <c r="AF4857" s="137"/>
      <c r="AG4857" s="137"/>
      <c r="AH4857" s="137"/>
      <c r="AI4857" s="137"/>
      <c r="AJ4857" s="137"/>
      <c r="AK4857" s="206"/>
      <c r="AL4857" s="206"/>
      <c r="AM4857" s="143"/>
      <c r="AN4857" s="137"/>
      <c r="AO4857" s="137"/>
      <c r="AP4857" s="137"/>
      <c r="AQ4857" s="137"/>
      <c r="AR4857" s="137"/>
      <c r="AS4857" s="137"/>
      <c r="AT4857" s="137"/>
      <c r="AU4857" s="137"/>
      <c r="AV4857" s="137"/>
      <c r="AW4857" s="144"/>
    </row>
    <row r="4858" spans="2:49" x14ac:dyDescent="0.2">
      <c r="B4858" s="97"/>
      <c r="J4858" s="98"/>
      <c r="K4858" s="97"/>
      <c r="N4858" s="3"/>
      <c r="W4858" s="98"/>
      <c r="Z4858" s="143"/>
      <c r="AA4858" s="137"/>
      <c r="AB4858" s="137"/>
      <c r="AC4858" s="137"/>
      <c r="AD4858" s="137"/>
      <c r="AE4858" s="137"/>
      <c r="AF4858" s="137"/>
      <c r="AG4858" s="137"/>
      <c r="AH4858" s="137"/>
      <c r="AI4858" s="137"/>
      <c r="AJ4858" s="137"/>
      <c r="AK4858" s="206"/>
      <c r="AL4858" s="206"/>
      <c r="AM4858" s="143"/>
      <c r="AN4858" s="137"/>
      <c r="AO4858" s="137"/>
      <c r="AP4858" s="137"/>
      <c r="AQ4858" s="137"/>
      <c r="AR4858" s="137"/>
      <c r="AS4858" s="137"/>
      <c r="AT4858" s="137"/>
      <c r="AU4858" s="137"/>
      <c r="AV4858" s="137"/>
      <c r="AW4858" s="144"/>
    </row>
    <row r="4859" spans="2:49" x14ac:dyDescent="0.2">
      <c r="B4859" s="97"/>
      <c r="J4859" s="98"/>
      <c r="K4859" s="97"/>
      <c r="N4859" s="3"/>
      <c r="W4859" s="98"/>
      <c r="Z4859" s="143"/>
      <c r="AA4859" s="137"/>
      <c r="AB4859" s="137"/>
      <c r="AC4859" s="137"/>
      <c r="AD4859" s="137"/>
      <c r="AE4859" s="137"/>
      <c r="AF4859" s="137"/>
      <c r="AG4859" s="137"/>
      <c r="AH4859" s="137"/>
      <c r="AI4859" s="137"/>
      <c r="AJ4859" s="137"/>
      <c r="AK4859" s="206"/>
      <c r="AL4859" s="206"/>
      <c r="AM4859" s="143"/>
      <c r="AN4859" s="137"/>
      <c r="AO4859" s="137"/>
      <c r="AP4859" s="137"/>
      <c r="AQ4859" s="137"/>
      <c r="AR4859" s="137"/>
      <c r="AS4859" s="137"/>
      <c r="AT4859" s="137"/>
      <c r="AU4859" s="137"/>
      <c r="AV4859" s="137"/>
      <c r="AW4859" s="144"/>
    </row>
    <row r="4860" spans="2:49" x14ac:dyDescent="0.2">
      <c r="B4860" s="97"/>
      <c r="J4860" s="98"/>
      <c r="K4860" s="97"/>
      <c r="N4860" s="3"/>
      <c r="W4860" s="98"/>
      <c r="Z4860" s="143"/>
      <c r="AA4860" s="137"/>
      <c r="AB4860" s="137"/>
      <c r="AC4860" s="137"/>
      <c r="AD4860" s="137"/>
      <c r="AE4860" s="137"/>
      <c r="AF4860" s="137"/>
      <c r="AG4860" s="137"/>
      <c r="AH4860" s="137"/>
      <c r="AI4860" s="137"/>
      <c r="AJ4860" s="137"/>
      <c r="AK4860" s="206"/>
      <c r="AL4860" s="206"/>
      <c r="AM4860" s="143"/>
      <c r="AN4860" s="137"/>
      <c r="AO4860" s="137"/>
      <c r="AP4860" s="137"/>
      <c r="AQ4860" s="137"/>
      <c r="AR4860" s="137"/>
      <c r="AS4860" s="137"/>
      <c r="AT4860" s="137"/>
      <c r="AU4860" s="137"/>
      <c r="AV4860" s="137"/>
      <c r="AW4860" s="144"/>
    </row>
    <row r="4861" spans="2:49" x14ac:dyDescent="0.2">
      <c r="B4861" s="97"/>
      <c r="J4861" s="98"/>
      <c r="K4861" s="97"/>
      <c r="N4861" s="3"/>
      <c r="W4861" s="98"/>
      <c r="Z4861" s="143"/>
      <c r="AA4861" s="137"/>
      <c r="AB4861" s="137"/>
      <c r="AC4861" s="137"/>
      <c r="AD4861" s="137"/>
      <c r="AE4861" s="137"/>
      <c r="AF4861" s="137"/>
      <c r="AG4861" s="137"/>
      <c r="AH4861" s="137"/>
      <c r="AI4861" s="137"/>
      <c r="AJ4861" s="137"/>
      <c r="AK4861" s="206"/>
      <c r="AL4861" s="206"/>
      <c r="AM4861" s="143"/>
      <c r="AN4861" s="137"/>
      <c r="AO4861" s="137"/>
      <c r="AP4861" s="137"/>
      <c r="AQ4861" s="137"/>
      <c r="AR4861" s="137"/>
      <c r="AS4861" s="137"/>
      <c r="AT4861" s="137"/>
      <c r="AU4861" s="137"/>
      <c r="AV4861" s="137"/>
      <c r="AW4861" s="144"/>
    </row>
    <row r="4862" spans="2:49" x14ac:dyDescent="0.2">
      <c r="B4862" s="97"/>
      <c r="J4862" s="98"/>
      <c r="K4862" s="97"/>
      <c r="N4862" s="3"/>
      <c r="W4862" s="98"/>
      <c r="Z4862" s="143"/>
      <c r="AA4862" s="137"/>
      <c r="AB4862" s="137"/>
      <c r="AC4862" s="137"/>
      <c r="AD4862" s="137"/>
      <c r="AE4862" s="137"/>
      <c r="AF4862" s="137"/>
      <c r="AG4862" s="137"/>
      <c r="AH4862" s="137"/>
      <c r="AI4862" s="137"/>
      <c r="AJ4862" s="137"/>
      <c r="AK4862" s="206"/>
      <c r="AL4862" s="206"/>
      <c r="AM4862" s="143"/>
      <c r="AN4862" s="137"/>
      <c r="AO4862" s="137"/>
      <c r="AP4862" s="137"/>
      <c r="AQ4862" s="137"/>
      <c r="AR4862" s="137"/>
      <c r="AS4862" s="137"/>
      <c r="AT4862" s="137"/>
      <c r="AU4862" s="137"/>
      <c r="AV4862" s="137"/>
      <c r="AW4862" s="144"/>
    </row>
    <row r="4863" spans="2:49" x14ac:dyDescent="0.2">
      <c r="B4863" s="97"/>
      <c r="J4863" s="98"/>
      <c r="K4863" s="97"/>
      <c r="N4863" s="3"/>
      <c r="W4863" s="98"/>
      <c r="Z4863" s="143"/>
      <c r="AA4863" s="137"/>
      <c r="AB4863" s="137"/>
      <c r="AC4863" s="137"/>
      <c r="AD4863" s="137"/>
      <c r="AE4863" s="137"/>
      <c r="AF4863" s="137"/>
      <c r="AG4863" s="137"/>
      <c r="AH4863" s="137"/>
      <c r="AI4863" s="137"/>
      <c r="AJ4863" s="137"/>
      <c r="AK4863" s="206"/>
      <c r="AL4863" s="206"/>
      <c r="AM4863" s="143"/>
      <c r="AN4863" s="137"/>
      <c r="AO4863" s="137"/>
      <c r="AP4863" s="137"/>
      <c r="AQ4863" s="137"/>
      <c r="AR4863" s="137"/>
      <c r="AS4863" s="137"/>
      <c r="AT4863" s="137"/>
      <c r="AU4863" s="137"/>
      <c r="AV4863" s="137"/>
      <c r="AW4863" s="144"/>
    </row>
    <row r="4864" spans="2:49" x14ac:dyDescent="0.2">
      <c r="B4864" s="97"/>
      <c r="J4864" s="98"/>
      <c r="K4864" s="97"/>
      <c r="N4864" s="3"/>
      <c r="W4864" s="98"/>
      <c r="Z4864" s="143"/>
      <c r="AA4864" s="137"/>
      <c r="AB4864" s="137"/>
      <c r="AC4864" s="137"/>
      <c r="AD4864" s="137"/>
      <c r="AE4864" s="137"/>
      <c r="AF4864" s="137"/>
      <c r="AG4864" s="137"/>
      <c r="AH4864" s="137"/>
      <c r="AI4864" s="137"/>
      <c r="AJ4864" s="137"/>
      <c r="AK4864" s="206"/>
      <c r="AL4864" s="206"/>
      <c r="AM4864" s="143"/>
      <c r="AN4864" s="137"/>
      <c r="AO4864" s="137"/>
      <c r="AP4864" s="137"/>
      <c r="AQ4864" s="137"/>
      <c r="AR4864" s="137"/>
      <c r="AS4864" s="137"/>
      <c r="AT4864" s="137"/>
      <c r="AU4864" s="137"/>
      <c r="AV4864" s="137"/>
      <c r="AW4864" s="144"/>
    </row>
    <row r="4865" spans="2:49" x14ac:dyDescent="0.2">
      <c r="B4865" s="97"/>
      <c r="J4865" s="98"/>
      <c r="K4865" s="97"/>
      <c r="N4865" s="3"/>
      <c r="W4865" s="98"/>
      <c r="Z4865" s="143"/>
      <c r="AA4865" s="137"/>
      <c r="AB4865" s="137"/>
      <c r="AC4865" s="137"/>
      <c r="AD4865" s="137"/>
      <c r="AE4865" s="137"/>
      <c r="AF4865" s="137"/>
      <c r="AG4865" s="137"/>
      <c r="AH4865" s="137"/>
      <c r="AI4865" s="137"/>
      <c r="AJ4865" s="137"/>
      <c r="AK4865" s="206"/>
      <c r="AL4865" s="206"/>
      <c r="AM4865" s="143"/>
      <c r="AN4865" s="137"/>
      <c r="AO4865" s="137"/>
      <c r="AP4865" s="137"/>
      <c r="AQ4865" s="137"/>
      <c r="AR4865" s="137"/>
      <c r="AS4865" s="137"/>
      <c r="AT4865" s="137"/>
      <c r="AU4865" s="137"/>
      <c r="AV4865" s="137"/>
      <c r="AW4865" s="144"/>
    </row>
    <row r="4866" spans="2:49" x14ac:dyDescent="0.2">
      <c r="B4866" s="97"/>
      <c r="J4866" s="98"/>
      <c r="K4866" s="97"/>
      <c r="N4866" s="3"/>
      <c r="W4866" s="98"/>
      <c r="Z4866" s="143"/>
      <c r="AA4866" s="137"/>
      <c r="AB4866" s="137"/>
      <c r="AC4866" s="137"/>
      <c r="AD4866" s="137"/>
      <c r="AE4866" s="137"/>
      <c r="AF4866" s="137"/>
      <c r="AG4866" s="137"/>
      <c r="AH4866" s="137"/>
      <c r="AI4866" s="137"/>
      <c r="AJ4866" s="137"/>
      <c r="AK4866" s="206"/>
      <c r="AL4866" s="206"/>
      <c r="AM4866" s="143"/>
      <c r="AN4866" s="137"/>
      <c r="AO4866" s="137"/>
      <c r="AP4866" s="137"/>
      <c r="AQ4866" s="137"/>
      <c r="AR4866" s="137"/>
      <c r="AS4866" s="137"/>
      <c r="AT4866" s="137"/>
      <c r="AU4866" s="137"/>
      <c r="AV4866" s="137"/>
      <c r="AW4866" s="144"/>
    </row>
    <row r="4867" spans="2:49" x14ac:dyDescent="0.2">
      <c r="B4867" s="97"/>
      <c r="J4867" s="98"/>
      <c r="K4867" s="97"/>
      <c r="N4867" s="3"/>
      <c r="W4867" s="98"/>
      <c r="Z4867" s="143"/>
      <c r="AA4867" s="137"/>
      <c r="AB4867" s="137"/>
      <c r="AC4867" s="137"/>
      <c r="AD4867" s="137"/>
      <c r="AE4867" s="137"/>
      <c r="AF4867" s="137"/>
      <c r="AG4867" s="137"/>
      <c r="AH4867" s="137"/>
      <c r="AI4867" s="137"/>
      <c r="AJ4867" s="137"/>
      <c r="AK4867" s="206"/>
      <c r="AL4867" s="206"/>
      <c r="AM4867" s="143"/>
      <c r="AN4867" s="137"/>
      <c r="AO4867" s="137"/>
      <c r="AP4867" s="137"/>
      <c r="AQ4867" s="137"/>
      <c r="AR4867" s="137"/>
      <c r="AS4867" s="137"/>
      <c r="AT4867" s="137"/>
      <c r="AU4867" s="137"/>
      <c r="AV4867" s="137"/>
      <c r="AW4867" s="144"/>
    </row>
    <row r="4868" spans="2:49" x14ac:dyDescent="0.2">
      <c r="B4868" s="97"/>
      <c r="J4868" s="98"/>
      <c r="K4868" s="97"/>
      <c r="N4868" s="3"/>
      <c r="W4868" s="98"/>
      <c r="Z4868" s="143"/>
      <c r="AA4868" s="137"/>
      <c r="AB4868" s="137"/>
      <c r="AC4868" s="137"/>
      <c r="AD4868" s="137"/>
      <c r="AE4868" s="137"/>
      <c r="AF4868" s="137"/>
      <c r="AG4868" s="137"/>
      <c r="AH4868" s="137"/>
      <c r="AI4868" s="137"/>
      <c r="AJ4868" s="137"/>
      <c r="AK4868" s="206"/>
      <c r="AL4868" s="206"/>
      <c r="AM4868" s="143"/>
      <c r="AN4868" s="137"/>
      <c r="AO4868" s="137"/>
      <c r="AP4868" s="137"/>
      <c r="AQ4868" s="137"/>
      <c r="AR4868" s="137"/>
      <c r="AS4868" s="137"/>
      <c r="AT4868" s="137"/>
      <c r="AU4868" s="137"/>
      <c r="AV4868" s="137"/>
      <c r="AW4868" s="144"/>
    </row>
    <row r="4869" spans="2:49" x14ac:dyDescent="0.2">
      <c r="B4869" s="97"/>
      <c r="J4869" s="98"/>
      <c r="K4869" s="97"/>
      <c r="N4869" s="3"/>
      <c r="W4869" s="98"/>
      <c r="Z4869" s="143"/>
      <c r="AA4869" s="137"/>
      <c r="AB4869" s="137"/>
      <c r="AC4869" s="137"/>
      <c r="AD4869" s="137"/>
      <c r="AE4869" s="137"/>
      <c r="AF4869" s="137"/>
      <c r="AG4869" s="137"/>
      <c r="AH4869" s="137"/>
      <c r="AI4869" s="137"/>
      <c r="AJ4869" s="137"/>
      <c r="AK4869" s="206"/>
      <c r="AL4869" s="206"/>
      <c r="AM4869" s="143"/>
      <c r="AN4869" s="137"/>
      <c r="AO4869" s="137"/>
      <c r="AP4869" s="137"/>
      <c r="AQ4869" s="137"/>
      <c r="AR4869" s="137"/>
      <c r="AS4869" s="137"/>
      <c r="AT4869" s="137"/>
      <c r="AU4869" s="137"/>
      <c r="AV4869" s="137"/>
      <c r="AW4869" s="144"/>
    </row>
    <row r="4870" spans="2:49" x14ac:dyDescent="0.2">
      <c r="B4870" s="97"/>
      <c r="J4870" s="98"/>
      <c r="K4870" s="97"/>
      <c r="N4870" s="3"/>
      <c r="W4870" s="98"/>
      <c r="Z4870" s="143"/>
      <c r="AA4870" s="137"/>
      <c r="AB4870" s="137"/>
      <c r="AC4870" s="137"/>
      <c r="AD4870" s="137"/>
      <c r="AE4870" s="137"/>
      <c r="AF4870" s="137"/>
      <c r="AG4870" s="137"/>
      <c r="AH4870" s="137"/>
      <c r="AI4870" s="137"/>
      <c r="AJ4870" s="137"/>
      <c r="AK4870" s="206"/>
      <c r="AL4870" s="206"/>
      <c r="AM4870" s="143"/>
      <c r="AN4870" s="137"/>
      <c r="AO4870" s="137"/>
      <c r="AP4870" s="137"/>
      <c r="AQ4870" s="137"/>
      <c r="AR4870" s="137"/>
      <c r="AS4870" s="137"/>
      <c r="AT4870" s="137"/>
      <c r="AU4870" s="137"/>
      <c r="AV4870" s="137"/>
      <c r="AW4870" s="144"/>
    </row>
    <row r="4871" spans="2:49" x14ac:dyDescent="0.2">
      <c r="B4871" s="97"/>
      <c r="J4871" s="98"/>
      <c r="K4871" s="97"/>
      <c r="N4871" s="3"/>
      <c r="W4871" s="98"/>
      <c r="Z4871" s="143"/>
      <c r="AA4871" s="137"/>
      <c r="AB4871" s="137"/>
      <c r="AC4871" s="137"/>
      <c r="AD4871" s="137"/>
      <c r="AE4871" s="137"/>
      <c r="AF4871" s="137"/>
      <c r="AG4871" s="137"/>
      <c r="AH4871" s="137"/>
      <c r="AI4871" s="137"/>
      <c r="AJ4871" s="137"/>
      <c r="AK4871" s="206"/>
      <c r="AL4871" s="206"/>
      <c r="AM4871" s="143"/>
      <c r="AN4871" s="137"/>
      <c r="AO4871" s="137"/>
      <c r="AP4871" s="137"/>
      <c r="AQ4871" s="137"/>
      <c r="AR4871" s="137"/>
      <c r="AS4871" s="137"/>
      <c r="AT4871" s="137"/>
      <c r="AU4871" s="137"/>
      <c r="AV4871" s="137"/>
      <c r="AW4871" s="144"/>
    </row>
    <row r="4872" spans="2:49" x14ac:dyDescent="0.2">
      <c r="B4872" s="97"/>
      <c r="J4872" s="98"/>
      <c r="K4872" s="97"/>
      <c r="N4872" s="3"/>
      <c r="W4872" s="98"/>
      <c r="Z4872" s="143"/>
      <c r="AA4872" s="137"/>
      <c r="AB4872" s="137"/>
      <c r="AC4872" s="137"/>
      <c r="AD4872" s="137"/>
      <c r="AE4872" s="137"/>
      <c r="AF4872" s="137"/>
      <c r="AG4872" s="137"/>
      <c r="AH4872" s="137"/>
      <c r="AI4872" s="137"/>
      <c r="AJ4872" s="137"/>
      <c r="AK4872" s="206"/>
      <c r="AL4872" s="206"/>
      <c r="AM4872" s="143"/>
      <c r="AN4872" s="137"/>
      <c r="AO4872" s="137"/>
      <c r="AP4872" s="137"/>
      <c r="AQ4872" s="137"/>
      <c r="AR4872" s="137"/>
      <c r="AS4872" s="137"/>
      <c r="AT4872" s="137"/>
      <c r="AU4872" s="137"/>
      <c r="AV4872" s="137"/>
      <c r="AW4872" s="144"/>
    </row>
    <row r="4873" spans="2:49" x14ac:dyDescent="0.2">
      <c r="B4873" s="97"/>
      <c r="J4873" s="98"/>
      <c r="K4873" s="97"/>
      <c r="N4873" s="3"/>
      <c r="W4873" s="98"/>
      <c r="Z4873" s="143"/>
      <c r="AA4873" s="137"/>
      <c r="AB4873" s="137"/>
      <c r="AC4873" s="137"/>
      <c r="AD4873" s="137"/>
      <c r="AE4873" s="137"/>
      <c r="AF4873" s="137"/>
      <c r="AG4873" s="137"/>
      <c r="AH4873" s="137"/>
      <c r="AI4873" s="137"/>
      <c r="AJ4873" s="137"/>
      <c r="AK4873" s="206"/>
      <c r="AL4873" s="206"/>
      <c r="AM4873" s="143"/>
      <c r="AN4873" s="137"/>
      <c r="AO4873" s="137"/>
      <c r="AP4873" s="137"/>
      <c r="AQ4873" s="137"/>
      <c r="AR4873" s="137"/>
      <c r="AS4873" s="137"/>
      <c r="AT4873" s="137"/>
      <c r="AU4873" s="137"/>
      <c r="AV4873" s="137"/>
      <c r="AW4873" s="144"/>
    </row>
    <row r="4874" spans="2:49" x14ac:dyDescent="0.2">
      <c r="B4874" s="97"/>
      <c r="J4874" s="98"/>
      <c r="K4874" s="97"/>
      <c r="N4874" s="3"/>
      <c r="W4874" s="98"/>
      <c r="Z4874" s="143"/>
      <c r="AA4874" s="137"/>
      <c r="AB4874" s="137"/>
      <c r="AC4874" s="137"/>
      <c r="AD4874" s="137"/>
      <c r="AE4874" s="137"/>
      <c r="AF4874" s="137"/>
      <c r="AG4874" s="137"/>
      <c r="AH4874" s="137"/>
      <c r="AI4874" s="137"/>
      <c r="AJ4874" s="137"/>
      <c r="AK4874" s="206"/>
      <c r="AL4874" s="206"/>
      <c r="AM4874" s="143"/>
      <c r="AN4874" s="137"/>
      <c r="AO4874" s="137"/>
      <c r="AP4874" s="137"/>
      <c r="AQ4874" s="137"/>
      <c r="AR4874" s="137"/>
      <c r="AS4874" s="137"/>
      <c r="AT4874" s="137"/>
      <c r="AU4874" s="137"/>
      <c r="AV4874" s="137"/>
      <c r="AW4874" s="144"/>
    </row>
    <row r="4875" spans="2:49" x14ac:dyDescent="0.2">
      <c r="B4875" s="97"/>
      <c r="J4875" s="98"/>
      <c r="K4875" s="97"/>
      <c r="N4875" s="3"/>
      <c r="W4875" s="98"/>
      <c r="Z4875" s="143"/>
      <c r="AA4875" s="137"/>
      <c r="AB4875" s="137"/>
      <c r="AC4875" s="137"/>
      <c r="AD4875" s="137"/>
      <c r="AE4875" s="137"/>
      <c r="AF4875" s="137"/>
      <c r="AG4875" s="137"/>
      <c r="AH4875" s="137"/>
      <c r="AI4875" s="137"/>
      <c r="AJ4875" s="137"/>
      <c r="AK4875" s="206"/>
      <c r="AL4875" s="206"/>
      <c r="AM4875" s="143"/>
      <c r="AN4875" s="137"/>
      <c r="AO4875" s="137"/>
      <c r="AP4875" s="137"/>
      <c r="AQ4875" s="137"/>
      <c r="AR4875" s="137"/>
      <c r="AS4875" s="137"/>
      <c r="AT4875" s="137"/>
      <c r="AU4875" s="137"/>
      <c r="AV4875" s="137"/>
      <c r="AW4875" s="144"/>
    </row>
    <row r="4876" spans="2:49" x14ac:dyDescent="0.2">
      <c r="B4876" s="97"/>
      <c r="J4876" s="98"/>
      <c r="K4876" s="97"/>
      <c r="N4876" s="3"/>
      <c r="W4876" s="98"/>
      <c r="Z4876" s="143"/>
      <c r="AA4876" s="137"/>
      <c r="AB4876" s="137"/>
      <c r="AC4876" s="137"/>
      <c r="AD4876" s="137"/>
      <c r="AE4876" s="137"/>
      <c r="AF4876" s="137"/>
      <c r="AG4876" s="137"/>
      <c r="AH4876" s="137"/>
      <c r="AI4876" s="137"/>
      <c r="AJ4876" s="137"/>
      <c r="AK4876" s="206"/>
      <c r="AL4876" s="206"/>
      <c r="AM4876" s="143"/>
      <c r="AN4876" s="137"/>
      <c r="AO4876" s="137"/>
      <c r="AP4876" s="137"/>
      <c r="AQ4876" s="137"/>
      <c r="AR4876" s="137"/>
      <c r="AS4876" s="137"/>
      <c r="AT4876" s="137"/>
      <c r="AU4876" s="137"/>
      <c r="AV4876" s="137"/>
      <c r="AW4876" s="144"/>
    </row>
    <row r="4877" spans="2:49" x14ac:dyDescent="0.2">
      <c r="B4877" s="97"/>
      <c r="J4877" s="98"/>
      <c r="K4877" s="97"/>
      <c r="N4877" s="3"/>
      <c r="W4877" s="98"/>
      <c r="Z4877" s="143"/>
      <c r="AA4877" s="137"/>
      <c r="AB4877" s="137"/>
      <c r="AC4877" s="137"/>
      <c r="AD4877" s="137"/>
      <c r="AE4877" s="137"/>
      <c r="AF4877" s="137"/>
      <c r="AG4877" s="137"/>
      <c r="AH4877" s="137"/>
      <c r="AI4877" s="137"/>
      <c r="AJ4877" s="137"/>
      <c r="AK4877" s="206"/>
      <c r="AL4877" s="206"/>
      <c r="AM4877" s="143"/>
      <c r="AN4877" s="137"/>
      <c r="AO4877" s="137"/>
      <c r="AP4877" s="137"/>
      <c r="AQ4877" s="137"/>
      <c r="AR4877" s="137"/>
      <c r="AS4877" s="137"/>
      <c r="AT4877" s="137"/>
      <c r="AU4877" s="137"/>
      <c r="AV4877" s="137"/>
      <c r="AW4877" s="144"/>
    </row>
    <row r="4878" spans="2:49" x14ac:dyDescent="0.2">
      <c r="B4878" s="97"/>
      <c r="J4878" s="98"/>
      <c r="K4878" s="97"/>
      <c r="N4878" s="3"/>
      <c r="W4878" s="98"/>
      <c r="Z4878" s="143"/>
      <c r="AA4878" s="137"/>
      <c r="AB4878" s="137"/>
      <c r="AC4878" s="137"/>
      <c r="AD4878" s="137"/>
      <c r="AE4878" s="137"/>
      <c r="AF4878" s="137"/>
      <c r="AG4878" s="137"/>
      <c r="AH4878" s="137"/>
      <c r="AI4878" s="137"/>
      <c r="AJ4878" s="137"/>
      <c r="AK4878" s="206"/>
      <c r="AL4878" s="206"/>
      <c r="AM4878" s="143"/>
      <c r="AN4878" s="137"/>
      <c r="AO4878" s="137"/>
      <c r="AP4878" s="137"/>
      <c r="AQ4878" s="137"/>
      <c r="AR4878" s="137"/>
      <c r="AS4878" s="137"/>
      <c r="AT4878" s="137"/>
      <c r="AU4878" s="137"/>
      <c r="AV4878" s="137"/>
      <c r="AW4878" s="144"/>
    </row>
    <row r="4879" spans="2:49" x14ac:dyDescent="0.2">
      <c r="B4879" s="97"/>
      <c r="J4879" s="98"/>
      <c r="K4879" s="97"/>
      <c r="N4879" s="3"/>
      <c r="W4879" s="98"/>
      <c r="Z4879" s="143"/>
      <c r="AA4879" s="137"/>
      <c r="AB4879" s="137"/>
      <c r="AC4879" s="137"/>
      <c r="AD4879" s="137"/>
      <c r="AE4879" s="137"/>
      <c r="AF4879" s="137"/>
      <c r="AG4879" s="137"/>
      <c r="AH4879" s="137"/>
      <c r="AI4879" s="137"/>
      <c r="AJ4879" s="137"/>
      <c r="AK4879" s="206"/>
      <c r="AL4879" s="206"/>
      <c r="AM4879" s="143"/>
      <c r="AN4879" s="137"/>
      <c r="AO4879" s="137"/>
      <c r="AP4879" s="137"/>
      <c r="AQ4879" s="137"/>
      <c r="AR4879" s="137"/>
      <c r="AS4879" s="137"/>
      <c r="AT4879" s="137"/>
      <c r="AU4879" s="137"/>
      <c r="AV4879" s="137"/>
      <c r="AW4879" s="144"/>
    </row>
    <row r="4880" spans="2:49" x14ac:dyDescent="0.2">
      <c r="B4880" s="97"/>
      <c r="J4880" s="98"/>
      <c r="K4880" s="97"/>
      <c r="N4880" s="3"/>
      <c r="W4880" s="98"/>
      <c r="Z4880" s="143"/>
      <c r="AA4880" s="137"/>
      <c r="AB4880" s="137"/>
      <c r="AC4880" s="137"/>
      <c r="AD4880" s="137"/>
      <c r="AE4880" s="137"/>
      <c r="AF4880" s="137"/>
      <c r="AG4880" s="137"/>
      <c r="AH4880" s="137"/>
      <c r="AI4880" s="137"/>
      <c r="AJ4880" s="137"/>
      <c r="AK4880" s="206"/>
      <c r="AL4880" s="206"/>
      <c r="AM4880" s="143"/>
      <c r="AN4880" s="137"/>
      <c r="AO4880" s="137"/>
      <c r="AP4880" s="137"/>
      <c r="AQ4880" s="137"/>
      <c r="AR4880" s="137"/>
      <c r="AS4880" s="137"/>
      <c r="AT4880" s="137"/>
      <c r="AU4880" s="137"/>
      <c r="AV4880" s="137"/>
      <c r="AW4880" s="144"/>
    </row>
    <row r="4881" spans="2:49" x14ac:dyDescent="0.2">
      <c r="B4881" s="97"/>
      <c r="J4881" s="98"/>
      <c r="K4881" s="97"/>
      <c r="N4881" s="3"/>
      <c r="W4881" s="98"/>
      <c r="Z4881" s="143"/>
      <c r="AA4881" s="137"/>
      <c r="AB4881" s="137"/>
      <c r="AC4881" s="137"/>
      <c r="AD4881" s="137"/>
      <c r="AE4881" s="137"/>
      <c r="AF4881" s="137"/>
      <c r="AG4881" s="137"/>
      <c r="AH4881" s="137"/>
      <c r="AI4881" s="137"/>
      <c r="AJ4881" s="137"/>
      <c r="AK4881" s="206"/>
      <c r="AL4881" s="206"/>
      <c r="AM4881" s="143"/>
      <c r="AN4881" s="137"/>
      <c r="AO4881" s="137"/>
      <c r="AP4881" s="137"/>
      <c r="AQ4881" s="137"/>
      <c r="AR4881" s="137"/>
      <c r="AS4881" s="137"/>
      <c r="AT4881" s="137"/>
      <c r="AU4881" s="137"/>
      <c r="AV4881" s="137"/>
      <c r="AW4881" s="144"/>
    </row>
    <row r="4882" spans="2:49" x14ac:dyDescent="0.2">
      <c r="B4882" s="97"/>
      <c r="J4882" s="98"/>
      <c r="K4882" s="97"/>
      <c r="N4882" s="3"/>
      <c r="W4882" s="98"/>
      <c r="Z4882" s="143"/>
      <c r="AA4882" s="137"/>
      <c r="AB4882" s="137"/>
      <c r="AC4882" s="137"/>
      <c r="AD4882" s="137"/>
      <c r="AE4882" s="137"/>
      <c r="AF4882" s="137"/>
      <c r="AG4882" s="137"/>
      <c r="AH4882" s="137"/>
      <c r="AI4882" s="137"/>
      <c r="AJ4882" s="137"/>
      <c r="AK4882" s="206"/>
      <c r="AL4882" s="206"/>
      <c r="AM4882" s="143"/>
      <c r="AN4882" s="137"/>
      <c r="AO4882" s="137"/>
      <c r="AP4882" s="137"/>
      <c r="AQ4882" s="137"/>
      <c r="AR4882" s="137"/>
      <c r="AS4882" s="137"/>
      <c r="AT4882" s="137"/>
      <c r="AU4882" s="137"/>
      <c r="AV4882" s="137"/>
      <c r="AW4882" s="144"/>
    </row>
    <row r="4883" spans="2:49" x14ac:dyDescent="0.2">
      <c r="B4883" s="97"/>
      <c r="J4883" s="98"/>
      <c r="K4883" s="97"/>
      <c r="N4883" s="3"/>
      <c r="W4883" s="98"/>
      <c r="Z4883" s="143"/>
      <c r="AA4883" s="137"/>
      <c r="AB4883" s="137"/>
      <c r="AC4883" s="137"/>
      <c r="AD4883" s="137"/>
      <c r="AE4883" s="137"/>
      <c r="AF4883" s="137"/>
      <c r="AG4883" s="137"/>
      <c r="AH4883" s="137"/>
      <c r="AI4883" s="137"/>
      <c r="AJ4883" s="137"/>
      <c r="AK4883" s="206"/>
      <c r="AL4883" s="206"/>
      <c r="AM4883" s="143"/>
      <c r="AN4883" s="137"/>
      <c r="AO4883" s="137"/>
      <c r="AP4883" s="137"/>
      <c r="AQ4883" s="137"/>
      <c r="AR4883" s="137"/>
      <c r="AS4883" s="137"/>
      <c r="AT4883" s="137"/>
      <c r="AU4883" s="137"/>
      <c r="AV4883" s="137"/>
      <c r="AW4883" s="144"/>
    </row>
    <row r="4884" spans="2:49" x14ac:dyDescent="0.2">
      <c r="B4884" s="97"/>
      <c r="J4884" s="98"/>
      <c r="K4884" s="97"/>
      <c r="N4884" s="3"/>
      <c r="W4884" s="98"/>
      <c r="Z4884" s="143"/>
      <c r="AA4884" s="137"/>
      <c r="AB4884" s="137"/>
      <c r="AC4884" s="137"/>
      <c r="AD4884" s="137"/>
      <c r="AE4884" s="137"/>
      <c r="AF4884" s="137"/>
      <c r="AG4884" s="137"/>
      <c r="AH4884" s="137"/>
      <c r="AI4884" s="137"/>
      <c r="AJ4884" s="137"/>
      <c r="AK4884" s="206"/>
      <c r="AL4884" s="206"/>
      <c r="AM4884" s="143"/>
      <c r="AN4884" s="137"/>
      <c r="AO4884" s="137"/>
      <c r="AP4884" s="137"/>
      <c r="AQ4884" s="137"/>
      <c r="AR4884" s="137"/>
      <c r="AS4884" s="137"/>
      <c r="AT4884" s="137"/>
      <c r="AU4884" s="137"/>
      <c r="AV4884" s="137"/>
      <c r="AW4884" s="144"/>
    </row>
    <row r="4885" spans="2:49" x14ac:dyDescent="0.2">
      <c r="B4885" s="97"/>
      <c r="J4885" s="98"/>
      <c r="K4885" s="97"/>
      <c r="N4885" s="3"/>
      <c r="W4885" s="98"/>
      <c r="Z4885" s="143"/>
      <c r="AA4885" s="137"/>
      <c r="AB4885" s="137"/>
      <c r="AC4885" s="137"/>
      <c r="AD4885" s="137"/>
      <c r="AE4885" s="137"/>
      <c r="AF4885" s="137"/>
      <c r="AG4885" s="137"/>
      <c r="AH4885" s="137"/>
      <c r="AI4885" s="137"/>
      <c r="AJ4885" s="137"/>
      <c r="AK4885" s="206"/>
      <c r="AL4885" s="206"/>
      <c r="AM4885" s="143"/>
      <c r="AN4885" s="137"/>
      <c r="AO4885" s="137"/>
      <c r="AP4885" s="137"/>
      <c r="AQ4885" s="137"/>
      <c r="AR4885" s="137"/>
      <c r="AS4885" s="137"/>
      <c r="AT4885" s="137"/>
      <c r="AU4885" s="137"/>
      <c r="AV4885" s="137"/>
      <c r="AW4885" s="144"/>
    </row>
    <row r="4886" spans="2:49" x14ac:dyDescent="0.2">
      <c r="B4886" s="97"/>
      <c r="J4886" s="98"/>
      <c r="K4886" s="97"/>
      <c r="N4886" s="3"/>
      <c r="W4886" s="98"/>
      <c r="Z4886" s="143"/>
      <c r="AA4886" s="137"/>
      <c r="AB4886" s="137"/>
      <c r="AC4886" s="137"/>
      <c r="AD4886" s="137"/>
      <c r="AE4886" s="137"/>
      <c r="AF4886" s="137"/>
      <c r="AG4886" s="137"/>
      <c r="AH4886" s="137"/>
      <c r="AI4886" s="137"/>
      <c r="AJ4886" s="137"/>
      <c r="AK4886" s="206"/>
      <c r="AL4886" s="206"/>
      <c r="AM4886" s="143"/>
      <c r="AN4886" s="137"/>
      <c r="AO4886" s="137"/>
      <c r="AP4886" s="137"/>
      <c r="AQ4886" s="137"/>
      <c r="AR4886" s="137"/>
      <c r="AS4886" s="137"/>
      <c r="AT4886" s="137"/>
      <c r="AU4886" s="137"/>
      <c r="AV4886" s="137"/>
      <c r="AW4886" s="144"/>
    </row>
    <row r="4887" spans="2:49" x14ac:dyDescent="0.2">
      <c r="B4887" s="97"/>
      <c r="J4887" s="98"/>
      <c r="K4887" s="97"/>
      <c r="N4887" s="3"/>
      <c r="W4887" s="98"/>
      <c r="Z4887" s="143"/>
      <c r="AA4887" s="137"/>
      <c r="AB4887" s="137"/>
      <c r="AC4887" s="137"/>
      <c r="AD4887" s="137"/>
      <c r="AE4887" s="137"/>
      <c r="AF4887" s="137"/>
      <c r="AG4887" s="137"/>
      <c r="AH4887" s="137"/>
      <c r="AI4887" s="137"/>
      <c r="AJ4887" s="137"/>
      <c r="AK4887" s="206"/>
      <c r="AL4887" s="206"/>
      <c r="AM4887" s="143"/>
      <c r="AN4887" s="137"/>
      <c r="AO4887" s="137"/>
      <c r="AP4887" s="137"/>
      <c r="AQ4887" s="137"/>
      <c r="AR4887" s="137"/>
      <c r="AS4887" s="137"/>
      <c r="AT4887" s="137"/>
      <c r="AU4887" s="137"/>
      <c r="AV4887" s="137"/>
      <c r="AW4887" s="144"/>
    </row>
    <row r="4888" spans="2:49" x14ac:dyDescent="0.2">
      <c r="B4888" s="97"/>
      <c r="J4888" s="98"/>
      <c r="K4888" s="97"/>
      <c r="N4888" s="3"/>
      <c r="W4888" s="98"/>
      <c r="Z4888" s="143"/>
      <c r="AA4888" s="137"/>
      <c r="AB4888" s="137"/>
      <c r="AC4888" s="137"/>
      <c r="AD4888" s="137"/>
      <c r="AE4888" s="137"/>
      <c r="AF4888" s="137"/>
      <c r="AG4888" s="137"/>
      <c r="AH4888" s="137"/>
      <c r="AI4888" s="137"/>
      <c r="AJ4888" s="137"/>
      <c r="AK4888" s="206"/>
      <c r="AL4888" s="206"/>
      <c r="AM4888" s="143"/>
      <c r="AN4888" s="137"/>
      <c r="AO4888" s="137"/>
      <c r="AP4888" s="137"/>
      <c r="AQ4888" s="137"/>
      <c r="AR4888" s="137"/>
      <c r="AS4888" s="137"/>
      <c r="AT4888" s="137"/>
      <c r="AU4888" s="137"/>
      <c r="AV4888" s="137"/>
      <c r="AW4888" s="144"/>
    </row>
    <row r="4889" spans="2:49" x14ac:dyDescent="0.2">
      <c r="B4889" s="97"/>
      <c r="J4889" s="98"/>
      <c r="K4889" s="97"/>
      <c r="N4889" s="3"/>
      <c r="W4889" s="98"/>
      <c r="Z4889" s="143"/>
      <c r="AA4889" s="137"/>
      <c r="AB4889" s="137"/>
      <c r="AC4889" s="137"/>
      <c r="AD4889" s="137"/>
      <c r="AE4889" s="137"/>
      <c r="AF4889" s="137"/>
      <c r="AG4889" s="137"/>
      <c r="AH4889" s="137"/>
      <c r="AI4889" s="137"/>
      <c r="AJ4889" s="137"/>
      <c r="AK4889" s="206"/>
      <c r="AL4889" s="206"/>
      <c r="AM4889" s="143"/>
      <c r="AN4889" s="137"/>
      <c r="AO4889" s="137"/>
      <c r="AP4889" s="137"/>
      <c r="AQ4889" s="137"/>
      <c r="AR4889" s="137"/>
      <c r="AS4889" s="137"/>
      <c r="AT4889" s="137"/>
      <c r="AU4889" s="137"/>
      <c r="AV4889" s="137"/>
      <c r="AW4889" s="144"/>
    </row>
    <row r="4890" spans="2:49" x14ac:dyDescent="0.2">
      <c r="B4890" s="97"/>
      <c r="J4890" s="98"/>
      <c r="K4890" s="97"/>
      <c r="N4890" s="3"/>
      <c r="W4890" s="98"/>
      <c r="Z4890" s="143"/>
      <c r="AA4890" s="137"/>
      <c r="AB4890" s="137"/>
      <c r="AC4890" s="137"/>
      <c r="AD4890" s="137"/>
      <c r="AE4890" s="137"/>
      <c r="AF4890" s="137"/>
      <c r="AG4890" s="137"/>
      <c r="AH4890" s="137"/>
      <c r="AI4890" s="137"/>
      <c r="AJ4890" s="137"/>
      <c r="AK4890" s="206"/>
      <c r="AL4890" s="206"/>
      <c r="AM4890" s="143"/>
      <c r="AN4890" s="137"/>
      <c r="AO4890" s="137"/>
      <c r="AP4890" s="137"/>
      <c r="AQ4890" s="137"/>
      <c r="AR4890" s="137"/>
      <c r="AS4890" s="137"/>
      <c r="AT4890" s="137"/>
      <c r="AU4890" s="137"/>
      <c r="AV4890" s="137"/>
      <c r="AW4890" s="144"/>
    </row>
    <row r="4891" spans="2:49" x14ac:dyDescent="0.2">
      <c r="B4891" s="97"/>
      <c r="J4891" s="98"/>
      <c r="K4891" s="97"/>
      <c r="N4891" s="3"/>
      <c r="W4891" s="98"/>
      <c r="Z4891" s="143"/>
      <c r="AA4891" s="137"/>
      <c r="AB4891" s="137"/>
      <c r="AC4891" s="137"/>
      <c r="AD4891" s="137"/>
      <c r="AE4891" s="137"/>
      <c r="AF4891" s="137"/>
      <c r="AG4891" s="137"/>
      <c r="AH4891" s="137"/>
      <c r="AI4891" s="137"/>
      <c r="AJ4891" s="137"/>
      <c r="AK4891" s="206"/>
      <c r="AL4891" s="206"/>
      <c r="AM4891" s="143"/>
      <c r="AN4891" s="137"/>
      <c r="AO4891" s="137"/>
      <c r="AP4891" s="137"/>
      <c r="AQ4891" s="137"/>
      <c r="AR4891" s="137"/>
      <c r="AS4891" s="137"/>
      <c r="AT4891" s="137"/>
      <c r="AU4891" s="137"/>
      <c r="AV4891" s="137"/>
      <c r="AW4891" s="144"/>
    </row>
    <row r="4892" spans="2:49" x14ac:dyDescent="0.2">
      <c r="B4892" s="97"/>
      <c r="J4892" s="98"/>
      <c r="K4892" s="97"/>
      <c r="N4892" s="3"/>
      <c r="W4892" s="98"/>
      <c r="Z4892" s="143"/>
      <c r="AA4892" s="137"/>
      <c r="AB4892" s="137"/>
      <c r="AC4892" s="137"/>
      <c r="AD4892" s="137"/>
      <c r="AE4892" s="137"/>
      <c r="AF4892" s="137"/>
      <c r="AG4892" s="137"/>
      <c r="AH4892" s="137"/>
      <c r="AI4892" s="137"/>
      <c r="AJ4892" s="137"/>
      <c r="AK4892" s="206"/>
      <c r="AL4892" s="206"/>
      <c r="AM4892" s="143"/>
      <c r="AN4892" s="137"/>
      <c r="AO4892" s="137"/>
      <c r="AP4892" s="137"/>
      <c r="AQ4892" s="137"/>
      <c r="AR4892" s="137"/>
      <c r="AS4892" s="137"/>
      <c r="AT4892" s="137"/>
      <c r="AU4892" s="137"/>
      <c r="AV4892" s="137"/>
      <c r="AW4892" s="144"/>
    </row>
    <row r="4893" spans="2:49" x14ac:dyDescent="0.2">
      <c r="B4893" s="97"/>
      <c r="J4893" s="98"/>
      <c r="K4893" s="97"/>
      <c r="N4893" s="3"/>
      <c r="W4893" s="98"/>
      <c r="Z4893" s="143"/>
      <c r="AA4893" s="137"/>
      <c r="AB4893" s="137"/>
      <c r="AC4893" s="137"/>
      <c r="AD4893" s="137"/>
      <c r="AE4893" s="137"/>
      <c r="AF4893" s="137"/>
      <c r="AG4893" s="137"/>
      <c r="AH4893" s="137"/>
      <c r="AI4893" s="137"/>
      <c r="AJ4893" s="137"/>
      <c r="AK4893" s="206"/>
      <c r="AL4893" s="206"/>
      <c r="AM4893" s="143"/>
      <c r="AN4893" s="137"/>
      <c r="AO4893" s="137"/>
      <c r="AP4893" s="137"/>
      <c r="AQ4893" s="137"/>
      <c r="AR4893" s="137"/>
      <c r="AS4893" s="137"/>
      <c r="AT4893" s="137"/>
      <c r="AU4893" s="137"/>
      <c r="AV4893" s="137"/>
      <c r="AW4893" s="144"/>
    </row>
    <row r="4894" spans="2:49" x14ac:dyDescent="0.2">
      <c r="B4894" s="97"/>
      <c r="J4894" s="98"/>
      <c r="K4894" s="97"/>
      <c r="N4894" s="3"/>
      <c r="W4894" s="98"/>
      <c r="Z4894" s="143"/>
      <c r="AA4894" s="137"/>
      <c r="AB4894" s="137"/>
      <c r="AC4894" s="137"/>
      <c r="AD4894" s="137"/>
      <c r="AE4894" s="137"/>
      <c r="AF4894" s="137"/>
      <c r="AG4894" s="137"/>
      <c r="AH4894" s="137"/>
      <c r="AI4894" s="137"/>
      <c r="AJ4894" s="137"/>
      <c r="AK4894" s="206"/>
      <c r="AL4894" s="206"/>
      <c r="AM4894" s="143"/>
      <c r="AN4894" s="137"/>
      <c r="AO4894" s="137"/>
      <c r="AP4894" s="137"/>
      <c r="AQ4894" s="137"/>
      <c r="AR4894" s="137"/>
      <c r="AS4894" s="137"/>
      <c r="AT4894" s="137"/>
      <c r="AU4894" s="137"/>
      <c r="AV4894" s="137"/>
      <c r="AW4894" s="144"/>
    </row>
    <row r="4895" spans="2:49" x14ac:dyDescent="0.2">
      <c r="B4895" s="97"/>
      <c r="J4895" s="98"/>
      <c r="K4895" s="97"/>
      <c r="N4895" s="3"/>
      <c r="W4895" s="98"/>
      <c r="Z4895" s="143"/>
      <c r="AA4895" s="137"/>
      <c r="AB4895" s="137"/>
      <c r="AC4895" s="137"/>
      <c r="AD4895" s="137"/>
      <c r="AE4895" s="137"/>
      <c r="AF4895" s="137"/>
      <c r="AG4895" s="137"/>
      <c r="AH4895" s="137"/>
      <c r="AI4895" s="137"/>
      <c r="AJ4895" s="137"/>
      <c r="AK4895" s="206"/>
      <c r="AL4895" s="206"/>
      <c r="AM4895" s="143"/>
      <c r="AN4895" s="137"/>
      <c r="AO4895" s="137"/>
      <c r="AP4895" s="137"/>
      <c r="AQ4895" s="137"/>
      <c r="AR4895" s="137"/>
      <c r="AS4895" s="137"/>
      <c r="AT4895" s="137"/>
      <c r="AU4895" s="137"/>
      <c r="AV4895" s="137"/>
      <c r="AW4895" s="144"/>
    </row>
    <row r="4896" spans="2:49" x14ac:dyDescent="0.2">
      <c r="B4896" s="97"/>
      <c r="J4896" s="98"/>
      <c r="K4896" s="97"/>
      <c r="N4896" s="3"/>
      <c r="W4896" s="98"/>
      <c r="Z4896" s="143"/>
      <c r="AA4896" s="137"/>
      <c r="AB4896" s="137"/>
      <c r="AC4896" s="137"/>
      <c r="AD4896" s="137"/>
      <c r="AE4896" s="137"/>
      <c r="AF4896" s="137"/>
      <c r="AG4896" s="137"/>
      <c r="AH4896" s="137"/>
      <c r="AI4896" s="137"/>
      <c r="AJ4896" s="137"/>
      <c r="AK4896" s="206"/>
      <c r="AL4896" s="206"/>
      <c r="AM4896" s="143"/>
      <c r="AN4896" s="137"/>
      <c r="AO4896" s="137"/>
      <c r="AP4896" s="137"/>
      <c r="AQ4896" s="137"/>
      <c r="AR4896" s="137"/>
      <c r="AS4896" s="137"/>
      <c r="AT4896" s="137"/>
      <c r="AU4896" s="137"/>
      <c r="AV4896" s="137"/>
      <c r="AW4896" s="144"/>
    </row>
    <row r="4897" spans="2:49" x14ac:dyDescent="0.2">
      <c r="B4897" s="97"/>
      <c r="J4897" s="98"/>
      <c r="K4897" s="97"/>
      <c r="N4897" s="3"/>
      <c r="W4897" s="98"/>
      <c r="Z4897" s="143"/>
      <c r="AA4897" s="137"/>
      <c r="AB4897" s="137"/>
      <c r="AC4897" s="137"/>
      <c r="AD4897" s="137"/>
      <c r="AE4897" s="137"/>
      <c r="AF4897" s="137"/>
      <c r="AG4897" s="137"/>
      <c r="AH4897" s="137"/>
      <c r="AI4897" s="137"/>
      <c r="AJ4897" s="137"/>
      <c r="AK4897" s="206"/>
      <c r="AL4897" s="206"/>
      <c r="AM4897" s="143"/>
      <c r="AN4897" s="137"/>
      <c r="AO4897" s="137"/>
      <c r="AP4897" s="137"/>
      <c r="AQ4897" s="137"/>
      <c r="AR4897" s="137"/>
      <c r="AS4897" s="137"/>
      <c r="AT4897" s="137"/>
      <c r="AU4897" s="137"/>
      <c r="AV4897" s="137"/>
      <c r="AW4897" s="144"/>
    </row>
    <row r="4898" spans="2:49" x14ac:dyDescent="0.2">
      <c r="B4898" s="97"/>
      <c r="J4898" s="98"/>
      <c r="K4898" s="97"/>
      <c r="N4898" s="3"/>
      <c r="W4898" s="98"/>
      <c r="Z4898" s="143"/>
      <c r="AA4898" s="137"/>
      <c r="AB4898" s="137"/>
      <c r="AC4898" s="137"/>
      <c r="AD4898" s="137"/>
      <c r="AE4898" s="137"/>
      <c r="AF4898" s="137"/>
      <c r="AG4898" s="137"/>
      <c r="AH4898" s="137"/>
      <c r="AI4898" s="137"/>
      <c r="AJ4898" s="137"/>
      <c r="AK4898" s="206"/>
      <c r="AL4898" s="206"/>
      <c r="AM4898" s="143"/>
      <c r="AN4898" s="137"/>
      <c r="AO4898" s="137"/>
      <c r="AP4898" s="137"/>
      <c r="AQ4898" s="137"/>
      <c r="AR4898" s="137"/>
      <c r="AS4898" s="137"/>
      <c r="AT4898" s="137"/>
      <c r="AU4898" s="137"/>
      <c r="AV4898" s="137"/>
      <c r="AW4898" s="144"/>
    </row>
    <row r="4899" spans="2:49" x14ac:dyDescent="0.2">
      <c r="B4899" s="97"/>
      <c r="J4899" s="98"/>
      <c r="K4899" s="97"/>
      <c r="N4899" s="3"/>
      <c r="W4899" s="98"/>
      <c r="Z4899" s="143"/>
      <c r="AA4899" s="137"/>
      <c r="AB4899" s="137"/>
      <c r="AC4899" s="137"/>
      <c r="AD4899" s="137"/>
      <c r="AE4899" s="137"/>
      <c r="AF4899" s="137"/>
      <c r="AG4899" s="137"/>
      <c r="AH4899" s="137"/>
      <c r="AI4899" s="137"/>
      <c r="AJ4899" s="137"/>
      <c r="AK4899" s="206"/>
      <c r="AL4899" s="206"/>
      <c r="AM4899" s="143"/>
      <c r="AN4899" s="137"/>
      <c r="AO4899" s="137"/>
      <c r="AP4899" s="137"/>
      <c r="AQ4899" s="137"/>
      <c r="AR4899" s="137"/>
      <c r="AS4899" s="137"/>
      <c r="AT4899" s="137"/>
      <c r="AU4899" s="137"/>
      <c r="AV4899" s="137"/>
      <c r="AW4899" s="144"/>
    </row>
    <row r="4900" spans="2:49" x14ac:dyDescent="0.2">
      <c r="B4900" s="97"/>
      <c r="J4900" s="98"/>
      <c r="K4900" s="97"/>
      <c r="N4900" s="3"/>
      <c r="W4900" s="98"/>
      <c r="Z4900" s="143"/>
      <c r="AA4900" s="137"/>
      <c r="AB4900" s="137"/>
      <c r="AC4900" s="137"/>
      <c r="AD4900" s="137"/>
      <c r="AE4900" s="137"/>
      <c r="AF4900" s="137"/>
      <c r="AG4900" s="137"/>
      <c r="AH4900" s="137"/>
      <c r="AI4900" s="137"/>
      <c r="AJ4900" s="137"/>
      <c r="AK4900" s="206"/>
      <c r="AL4900" s="206"/>
      <c r="AM4900" s="143"/>
      <c r="AN4900" s="137"/>
      <c r="AO4900" s="137"/>
      <c r="AP4900" s="137"/>
      <c r="AQ4900" s="137"/>
      <c r="AR4900" s="137"/>
      <c r="AS4900" s="137"/>
      <c r="AT4900" s="137"/>
      <c r="AU4900" s="137"/>
      <c r="AV4900" s="137"/>
      <c r="AW4900" s="144"/>
    </row>
    <row r="4901" spans="2:49" x14ac:dyDescent="0.2">
      <c r="B4901" s="97"/>
      <c r="J4901" s="98"/>
      <c r="K4901" s="97"/>
      <c r="N4901" s="3"/>
      <c r="W4901" s="98"/>
      <c r="Z4901" s="143"/>
      <c r="AA4901" s="137"/>
      <c r="AB4901" s="137"/>
      <c r="AC4901" s="137"/>
      <c r="AD4901" s="137"/>
      <c r="AE4901" s="137"/>
      <c r="AF4901" s="137"/>
      <c r="AG4901" s="137"/>
      <c r="AH4901" s="137"/>
      <c r="AI4901" s="137"/>
      <c r="AJ4901" s="137"/>
      <c r="AK4901" s="206"/>
      <c r="AL4901" s="206"/>
      <c r="AM4901" s="143"/>
      <c r="AN4901" s="137"/>
      <c r="AO4901" s="137"/>
      <c r="AP4901" s="137"/>
      <c r="AQ4901" s="137"/>
      <c r="AR4901" s="137"/>
      <c r="AS4901" s="137"/>
      <c r="AT4901" s="137"/>
      <c r="AU4901" s="137"/>
      <c r="AV4901" s="137"/>
      <c r="AW4901" s="144"/>
    </row>
    <row r="4902" spans="2:49" x14ac:dyDescent="0.2">
      <c r="B4902" s="97"/>
      <c r="J4902" s="98"/>
      <c r="K4902" s="97"/>
      <c r="N4902" s="3"/>
      <c r="W4902" s="98"/>
      <c r="Z4902" s="143"/>
      <c r="AA4902" s="137"/>
      <c r="AB4902" s="137"/>
      <c r="AC4902" s="137"/>
      <c r="AD4902" s="137"/>
      <c r="AE4902" s="137"/>
      <c r="AF4902" s="137"/>
      <c r="AG4902" s="137"/>
      <c r="AH4902" s="137"/>
      <c r="AI4902" s="137"/>
      <c r="AJ4902" s="137"/>
      <c r="AK4902" s="206"/>
      <c r="AL4902" s="206"/>
      <c r="AM4902" s="143"/>
      <c r="AN4902" s="137"/>
      <c r="AO4902" s="137"/>
      <c r="AP4902" s="137"/>
      <c r="AQ4902" s="137"/>
      <c r="AR4902" s="137"/>
      <c r="AS4902" s="137"/>
      <c r="AT4902" s="137"/>
      <c r="AU4902" s="137"/>
      <c r="AV4902" s="137"/>
      <c r="AW4902" s="144"/>
    </row>
    <row r="4903" spans="2:49" x14ac:dyDescent="0.2">
      <c r="B4903" s="97"/>
      <c r="J4903" s="98"/>
      <c r="K4903" s="97"/>
      <c r="N4903" s="3"/>
      <c r="W4903" s="98"/>
      <c r="Z4903" s="143"/>
      <c r="AA4903" s="137"/>
      <c r="AB4903" s="137"/>
      <c r="AC4903" s="137"/>
      <c r="AD4903" s="137"/>
      <c r="AE4903" s="137"/>
      <c r="AF4903" s="137"/>
      <c r="AG4903" s="137"/>
      <c r="AH4903" s="137"/>
      <c r="AI4903" s="137"/>
      <c r="AJ4903" s="137"/>
      <c r="AK4903" s="206"/>
      <c r="AL4903" s="206"/>
      <c r="AM4903" s="143"/>
      <c r="AN4903" s="137"/>
      <c r="AO4903" s="137"/>
      <c r="AP4903" s="137"/>
      <c r="AQ4903" s="137"/>
      <c r="AR4903" s="137"/>
      <c r="AS4903" s="137"/>
      <c r="AT4903" s="137"/>
      <c r="AU4903" s="137"/>
      <c r="AV4903" s="137"/>
      <c r="AW4903" s="144"/>
    </row>
    <row r="4904" spans="2:49" x14ac:dyDescent="0.2">
      <c r="B4904" s="97"/>
      <c r="J4904" s="98"/>
      <c r="K4904" s="97"/>
      <c r="N4904" s="3"/>
      <c r="W4904" s="98"/>
      <c r="Z4904" s="143"/>
      <c r="AA4904" s="137"/>
      <c r="AB4904" s="137"/>
      <c r="AC4904" s="137"/>
      <c r="AD4904" s="137"/>
      <c r="AE4904" s="137"/>
      <c r="AF4904" s="137"/>
      <c r="AG4904" s="137"/>
      <c r="AH4904" s="137"/>
      <c r="AI4904" s="137"/>
      <c r="AJ4904" s="137"/>
      <c r="AK4904" s="206"/>
      <c r="AL4904" s="206"/>
      <c r="AM4904" s="143"/>
      <c r="AN4904" s="137"/>
      <c r="AO4904" s="137"/>
      <c r="AP4904" s="137"/>
      <c r="AQ4904" s="137"/>
      <c r="AR4904" s="137"/>
      <c r="AS4904" s="137"/>
      <c r="AT4904" s="137"/>
      <c r="AU4904" s="137"/>
      <c r="AV4904" s="137"/>
      <c r="AW4904" s="144"/>
    </row>
    <row r="4905" spans="2:49" x14ac:dyDescent="0.2">
      <c r="B4905" s="97"/>
      <c r="J4905" s="98"/>
      <c r="K4905" s="97"/>
      <c r="N4905" s="3"/>
      <c r="W4905" s="98"/>
      <c r="Z4905" s="143"/>
      <c r="AA4905" s="137"/>
      <c r="AB4905" s="137"/>
      <c r="AC4905" s="137"/>
      <c r="AD4905" s="137"/>
      <c r="AE4905" s="137"/>
      <c r="AF4905" s="137"/>
      <c r="AG4905" s="137"/>
      <c r="AH4905" s="137"/>
      <c r="AI4905" s="137"/>
      <c r="AJ4905" s="137"/>
      <c r="AK4905" s="206"/>
      <c r="AL4905" s="206"/>
      <c r="AM4905" s="143"/>
      <c r="AN4905" s="137"/>
      <c r="AO4905" s="137"/>
      <c r="AP4905" s="137"/>
      <c r="AQ4905" s="137"/>
      <c r="AR4905" s="137"/>
      <c r="AS4905" s="137"/>
      <c r="AT4905" s="137"/>
      <c r="AU4905" s="137"/>
      <c r="AV4905" s="137"/>
      <c r="AW4905" s="144"/>
    </row>
    <row r="4906" spans="2:49" x14ac:dyDescent="0.2">
      <c r="B4906" s="97"/>
      <c r="J4906" s="98"/>
      <c r="K4906" s="97"/>
      <c r="N4906" s="3"/>
      <c r="W4906" s="98"/>
      <c r="Z4906" s="143"/>
      <c r="AA4906" s="137"/>
      <c r="AB4906" s="137"/>
      <c r="AC4906" s="137"/>
      <c r="AD4906" s="137"/>
      <c r="AE4906" s="137"/>
      <c r="AF4906" s="137"/>
      <c r="AG4906" s="137"/>
      <c r="AH4906" s="137"/>
      <c r="AI4906" s="137"/>
      <c r="AJ4906" s="137"/>
      <c r="AK4906" s="206"/>
      <c r="AL4906" s="206"/>
      <c r="AM4906" s="143"/>
      <c r="AN4906" s="137"/>
      <c r="AO4906" s="137"/>
      <c r="AP4906" s="137"/>
      <c r="AQ4906" s="137"/>
      <c r="AR4906" s="137"/>
      <c r="AS4906" s="137"/>
      <c r="AT4906" s="137"/>
      <c r="AU4906" s="137"/>
      <c r="AV4906" s="137"/>
      <c r="AW4906" s="144"/>
    </row>
    <row r="4907" spans="2:49" x14ac:dyDescent="0.2">
      <c r="B4907" s="97"/>
      <c r="J4907" s="98"/>
      <c r="K4907" s="97"/>
      <c r="N4907" s="3"/>
      <c r="W4907" s="98"/>
      <c r="Z4907" s="143"/>
      <c r="AA4907" s="137"/>
      <c r="AB4907" s="137"/>
      <c r="AC4907" s="137"/>
      <c r="AD4907" s="137"/>
      <c r="AE4907" s="137"/>
      <c r="AF4907" s="137"/>
      <c r="AG4907" s="137"/>
      <c r="AH4907" s="137"/>
      <c r="AI4907" s="137"/>
      <c r="AJ4907" s="137"/>
      <c r="AK4907" s="206"/>
      <c r="AL4907" s="206"/>
      <c r="AM4907" s="143"/>
      <c r="AN4907" s="137"/>
      <c r="AO4907" s="137"/>
      <c r="AP4907" s="137"/>
      <c r="AQ4907" s="137"/>
      <c r="AR4907" s="137"/>
      <c r="AS4907" s="137"/>
      <c r="AT4907" s="137"/>
      <c r="AU4907" s="137"/>
      <c r="AV4907" s="137"/>
      <c r="AW4907" s="144"/>
    </row>
    <row r="4908" spans="2:49" x14ac:dyDescent="0.2">
      <c r="B4908" s="97"/>
      <c r="J4908" s="98"/>
      <c r="K4908" s="97"/>
      <c r="N4908" s="3"/>
      <c r="W4908" s="98"/>
      <c r="Z4908" s="143"/>
      <c r="AA4908" s="137"/>
      <c r="AB4908" s="137"/>
      <c r="AC4908" s="137"/>
      <c r="AD4908" s="137"/>
      <c r="AE4908" s="137"/>
      <c r="AF4908" s="137"/>
      <c r="AG4908" s="137"/>
      <c r="AH4908" s="137"/>
      <c r="AI4908" s="137"/>
      <c r="AJ4908" s="137"/>
      <c r="AK4908" s="206"/>
      <c r="AL4908" s="206"/>
      <c r="AM4908" s="143"/>
      <c r="AN4908" s="137"/>
      <c r="AO4908" s="137"/>
      <c r="AP4908" s="137"/>
      <c r="AQ4908" s="137"/>
      <c r="AR4908" s="137"/>
      <c r="AS4908" s="137"/>
      <c r="AT4908" s="137"/>
      <c r="AU4908" s="137"/>
      <c r="AV4908" s="137"/>
      <c r="AW4908" s="144"/>
    </row>
    <row r="4909" spans="2:49" x14ac:dyDescent="0.2">
      <c r="B4909" s="97"/>
      <c r="J4909" s="98"/>
      <c r="K4909" s="97"/>
      <c r="N4909" s="3"/>
      <c r="W4909" s="98"/>
      <c r="Z4909" s="143"/>
      <c r="AA4909" s="137"/>
      <c r="AB4909" s="137"/>
      <c r="AC4909" s="137"/>
      <c r="AD4909" s="137"/>
      <c r="AE4909" s="137"/>
      <c r="AF4909" s="137"/>
      <c r="AG4909" s="137"/>
      <c r="AH4909" s="137"/>
      <c r="AI4909" s="137"/>
      <c r="AJ4909" s="137"/>
      <c r="AK4909" s="206"/>
      <c r="AL4909" s="206"/>
      <c r="AM4909" s="143"/>
      <c r="AN4909" s="137"/>
      <c r="AO4909" s="137"/>
      <c r="AP4909" s="137"/>
      <c r="AQ4909" s="137"/>
      <c r="AR4909" s="137"/>
      <c r="AS4909" s="137"/>
      <c r="AT4909" s="137"/>
      <c r="AU4909" s="137"/>
      <c r="AV4909" s="137"/>
      <c r="AW4909" s="144"/>
    </row>
    <row r="4910" spans="2:49" x14ac:dyDescent="0.2">
      <c r="B4910" s="97"/>
      <c r="J4910" s="98"/>
      <c r="K4910" s="97"/>
      <c r="N4910" s="3"/>
      <c r="W4910" s="98"/>
      <c r="Z4910" s="143"/>
      <c r="AA4910" s="137"/>
      <c r="AB4910" s="137"/>
      <c r="AC4910" s="137"/>
      <c r="AD4910" s="137"/>
      <c r="AE4910" s="137"/>
      <c r="AF4910" s="137"/>
      <c r="AG4910" s="137"/>
      <c r="AH4910" s="137"/>
      <c r="AI4910" s="137"/>
      <c r="AJ4910" s="137"/>
      <c r="AK4910" s="206"/>
      <c r="AL4910" s="206"/>
      <c r="AM4910" s="143"/>
      <c r="AN4910" s="137"/>
      <c r="AO4910" s="137"/>
      <c r="AP4910" s="137"/>
      <c r="AQ4910" s="137"/>
      <c r="AR4910" s="137"/>
      <c r="AS4910" s="137"/>
      <c r="AT4910" s="137"/>
      <c r="AU4910" s="137"/>
      <c r="AV4910" s="137"/>
      <c r="AW4910" s="144"/>
    </row>
    <row r="4911" spans="2:49" x14ac:dyDescent="0.2">
      <c r="B4911" s="97"/>
      <c r="J4911" s="98"/>
      <c r="K4911" s="97"/>
      <c r="N4911" s="3"/>
      <c r="W4911" s="98"/>
      <c r="Z4911" s="143"/>
      <c r="AA4911" s="137"/>
      <c r="AB4911" s="137"/>
      <c r="AC4911" s="137"/>
      <c r="AD4911" s="137"/>
      <c r="AE4911" s="137"/>
      <c r="AF4911" s="137"/>
      <c r="AG4911" s="137"/>
      <c r="AH4911" s="137"/>
      <c r="AI4911" s="137"/>
      <c r="AJ4911" s="137"/>
      <c r="AK4911" s="206"/>
      <c r="AL4911" s="206"/>
      <c r="AM4911" s="143"/>
      <c r="AN4911" s="137"/>
      <c r="AO4911" s="137"/>
      <c r="AP4911" s="137"/>
      <c r="AQ4911" s="137"/>
      <c r="AR4911" s="137"/>
      <c r="AS4911" s="137"/>
      <c r="AT4911" s="137"/>
      <c r="AU4911" s="137"/>
      <c r="AV4911" s="137"/>
      <c r="AW4911" s="144"/>
    </row>
    <row r="4912" spans="2:49" x14ac:dyDescent="0.2">
      <c r="B4912" s="97"/>
      <c r="J4912" s="98"/>
      <c r="K4912" s="97"/>
      <c r="N4912" s="3"/>
      <c r="W4912" s="98"/>
      <c r="Z4912" s="143"/>
      <c r="AA4912" s="137"/>
      <c r="AB4912" s="137"/>
      <c r="AC4912" s="137"/>
      <c r="AD4912" s="137"/>
      <c r="AE4912" s="137"/>
      <c r="AF4912" s="137"/>
      <c r="AG4912" s="137"/>
      <c r="AH4912" s="137"/>
      <c r="AI4912" s="137"/>
      <c r="AJ4912" s="137"/>
      <c r="AK4912" s="206"/>
      <c r="AL4912" s="206"/>
      <c r="AM4912" s="143"/>
      <c r="AN4912" s="137"/>
      <c r="AO4912" s="137"/>
      <c r="AP4912" s="137"/>
      <c r="AQ4912" s="137"/>
      <c r="AR4912" s="137"/>
      <c r="AS4912" s="137"/>
      <c r="AT4912" s="137"/>
      <c r="AU4912" s="137"/>
      <c r="AV4912" s="137"/>
      <c r="AW4912" s="144"/>
    </row>
    <row r="4913" spans="2:49" x14ac:dyDescent="0.2">
      <c r="B4913" s="97"/>
      <c r="J4913" s="98"/>
      <c r="K4913" s="97"/>
      <c r="N4913" s="3"/>
      <c r="W4913" s="98"/>
      <c r="Z4913" s="143"/>
      <c r="AA4913" s="137"/>
      <c r="AB4913" s="137"/>
      <c r="AC4913" s="137"/>
      <c r="AD4913" s="137"/>
      <c r="AE4913" s="137"/>
      <c r="AF4913" s="137"/>
      <c r="AG4913" s="137"/>
      <c r="AH4913" s="137"/>
      <c r="AI4913" s="137"/>
      <c r="AJ4913" s="137"/>
      <c r="AK4913" s="206"/>
      <c r="AL4913" s="206"/>
      <c r="AM4913" s="143"/>
      <c r="AN4913" s="137"/>
      <c r="AO4913" s="137"/>
      <c r="AP4913" s="137"/>
      <c r="AQ4913" s="137"/>
      <c r="AR4913" s="137"/>
      <c r="AS4913" s="137"/>
      <c r="AT4913" s="137"/>
      <c r="AU4913" s="137"/>
      <c r="AV4913" s="137"/>
      <c r="AW4913" s="144"/>
    </row>
    <row r="4914" spans="2:49" x14ac:dyDescent="0.2">
      <c r="B4914" s="97"/>
      <c r="J4914" s="98"/>
      <c r="K4914" s="97"/>
      <c r="N4914" s="3"/>
      <c r="W4914" s="98"/>
      <c r="Z4914" s="143"/>
      <c r="AA4914" s="137"/>
      <c r="AB4914" s="137"/>
      <c r="AC4914" s="137"/>
      <c r="AD4914" s="137"/>
      <c r="AE4914" s="137"/>
      <c r="AF4914" s="137"/>
      <c r="AG4914" s="137"/>
      <c r="AH4914" s="137"/>
      <c r="AI4914" s="137"/>
      <c r="AJ4914" s="137"/>
      <c r="AK4914" s="206"/>
      <c r="AL4914" s="206"/>
      <c r="AM4914" s="143"/>
      <c r="AN4914" s="137"/>
      <c r="AO4914" s="137"/>
      <c r="AP4914" s="137"/>
      <c r="AQ4914" s="137"/>
      <c r="AR4914" s="137"/>
      <c r="AS4914" s="137"/>
      <c r="AT4914" s="137"/>
      <c r="AU4914" s="137"/>
      <c r="AV4914" s="137"/>
      <c r="AW4914" s="144"/>
    </row>
    <row r="4915" spans="2:49" x14ac:dyDescent="0.2">
      <c r="B4915" s="97"/>
      <c r="J4915" s="98"/>
      <c r="K4915" s="97"/>
      <c r="N4915" s="3"/>
      <c r="W4915" s="98"/>
      <c r="Z4915" s="143"/>
      <c r="AA4915" s="137"/>
      <c r="AB4915" s="137"/>
      <c r="AC4915" s="137"/>
      <c r="AD4915" s="137"/>
      <c r="AE4915" s="137"/>
      <c r="AF4915" s="137"/>
      <c r="AG4915" s="137"/>
      <c r="AH4915" s="137"/>
      <c r="AI4915" s="137"/>
      <c r="AJ4915" s="137"/>
      <c r="AK4915" s="206"/>
      <c r="AL4915" s="206"/>
      <c r="AM4915" s="143"/>
      <c r="AN4915" s="137"/>
      <c r="AO4915" s="137"/>
      <c r="AP4915" s="137"/>
      <c r="AQ4915" s="137"/>
      <c r="AR4915" s="137"/>
      <c r="AS4915" s="137"/>
      <c r="AT4915" s="137"/>
      <c r="AU4915" s="137"/>
      <c r="AV4915" s="137"/>
      <c r="AW4915" s="144"/>
    </row>
    <row r="4916" spans="2:49" x14ac:dyDescent="0.2">
      <c r="B4916" s="97"/>
      <c r="J4916" s="98"/>
      <c r="K4916" s="97"/>
      <c r="N4916" s="3"/>
      <c r="W4916" s="98"/>
      <c r="Z4916" s="143"/>
      <c r="AA4916" s="137"/>
      <c r="AB4916" s="137"/>
      <c r="AC4916" s="137"/>
      <c r="AD4916" s="137"/>
      <c r="AE4916" s="137"/>
      <c r="AF4916" s="137"/>
      <c r="AG4916" s="137"/>
      <c r="AH4916" s="137"/>
      <c r="AI4916" s="137"/>
      <c r="AJ4916" s="137"/>
      <c r="AK4916" s="206"/>
      <c r="AL4916" s="206"/>
      <c r="AM4916" s="143"/>
      <c r="AN4916" s="137"/>
      <c r="AO4916" s="137"/>
      <c r="AP4916" s="137"/>
      <c r="AQ4916" s="137"/>
      <c r="AR4916" s="137"/>
      <c r="AS4916" s="137"/>
      <c r="AT4916" s="137"/>
      <c r="AU4916" s="137"/>
      <c r="AV4916" s="137"/>
      <c r="AW4916" s="144"/>
    </row>
    <row r="4917" spans="2:49" x14ac:dyDescent="0.2">
      <c r="B4917" s="97"/>
      <c r="J4917" s="98"/>
      <c r="K4917" s="97"/>
      <c r="N4917" s="3"/>
      <c r="W4917" s="98"/>
      <c r="Z4917" s="143"/>
      <c r="AA4917" s="137"/>
      <c r="AB4917" s="137"/>
      <c r="AC4917" s="137"/>
      <c r="AD4917" s="137"/>
      <c r="AE4917" s="137"/>
      <c r="AF4917" s="137"/>
      <c r="AG4917" s="137"/>
      <c r="AH4917" s="137"/>
      <c r="AI4917" s="137"/>
      <c r="AJ4917" s="137"/>
      <c r="AK4917" s="206"/>
      <c r="AL4917" s="206"/>
      <c r="AM4917" s="143"/>
      <c r="AN4917" s="137"/>
      <c r="AO4917" s="137"/>
      <c r="AP4917" s="137"/>
      <c r="AQ4917" s="137"/>
      <c r="AR4917" s="137"/>
      <c r="AS4917" s="137"/>
      <c r="AT4917" s="137"/>
      <c r="AU4917" s="137"/>
      <c r="AV4917" s="137"/>
      <c r="AW4917" s="144"/>
    </row>
    <row r="4918" spans="2:49" x14ac:dyDescent="0.2">
      <c r="B4918" s="97"/>
      <c r="J4918" s="98"/>
      <c r="K4918" s="97"/>
      <c r="N4918" s="3"/>
      <c r="W4918" s="98"/>
      <c r="Z4918" s="143"/>
      <c r="AA4918" s="137"/>
      <c r="AB4918" s="137"/>
      <c r="AC4918" s="137"/>
      <c r="AD4918" s="137"/>
      <c r="AE4918" s="137"/>
      <c r="AF4918" s="137"/>
      <c r="AG4918" s="137"/>
      <c r="AH4918" s="137"/>
      <c r="AI4918" s="137"/>
      <c r="AJ4918" s="137"/>
      <c r="AK4918" s="206"/>
      <c r="AL4918" s="206"/>
      <c r="AM4918" s="143"/>
      <c r="AN4918" s="137"/>
      <c r="AO4918" s="137"/>
      <c r="AP4918" s="137"/>
      <c r="AQ4918" s="137"/>
      <c r="AR4918" s="137"/>
      <c r="AS4918" s="137"/>
      <c r="AT4918" s="137"/>
      <c r="AU4918" s="137"/>
      <c r="AV4918" s="137"/>
      <c r="AW4918" s="144"/>
    </row>
    <row r="4919" spans="2:49" x14ac:dyDescent="0.2">
      <c r="B4919" s="97"/>
      <c r="J4919" s="98"/>
      <c r="K4919" s="97"/>
      <c r="N4919" s="3"/>
      <c r="W4919" s="98"/>
      <c r="Z4919" s="143"/>
      <c r="AA4919" s="137"/>
      <c r="AB4919" s="137"/>
      <c r="AC4919" s="137"/>
      <c r="AD4919" s="137"/>
      <c r="AE4919" s="137"/>
      <c r="AF4919" s="137"/>
      <c r="AG4919" s="137"/>
      <c r="AH4919" s="137"/>
      <c r="AI4919" s="137"/>
      <c r="AJ4919" s="137"/>
      <c r="AK4919" s="206"/>
      <c r="AL4919" s="206"/>
      <c r="AM4919" s="143"/>
      <c r="AN4919" s="137"/>
      <c r="AO4919" s="137"/>
      <c r="AP4919" s="137"/>
      <c r="AQ4919" s="137"/>
      <c r="AR4919" s="137"/>
      <c r="AS4919" s="137"/>
      <c r="AT4919" s="137"/>
      <c r="AU4919" s="137"/>
      <c r="AV4919" s="137"/>
      <c r="AW4919" s="144"/>
    </row>
    <row r="4920" spans="2:49" x14ac:dyDescent="0.2">
      <c r="B4920" s="97"/>
      <c r="J4920" s="98"/>
      <c r="K4920" s="97"/>
      <c r="N4920" s="3"/>
      <c r="W4920" s="98"/>
      <c r="Z4920" s="143"/>
      <c r="AA4920" s="137"/>
      <c r="AB4920" s="137"/>
      <c r="AC4920" s="137"/>
      <c r="AD4920" s="137"/>
      <c r="AE4920" s="137"/>
      <c r="AF4920" s="137"/>
      <c r="AG4920" s="137"/>
      <c r="AH4920" s="137"/>
      <c r="AI4920" s="137"/>
      <c r="AJ4920" s="137"/>
      <c r="AK4920" s="206"/>
      <c r="AL4920" s="206"/>
      <c r="AM4920" s="143"/>
      <c r="AN4920" s="137"/>
      <c r="AO4920" s="137"/>
      <c r="AP4920" s="137"/>
      <c r="AQ4920" s="137"/>
      <c r="AR4920" s="137"/>
      <c r="AS4920" s="137"/>
      <c r="AT4920" s="137"/>
      <c r="AU4920" s="137"/>
      <c r="AV4920" s="137"/>
      <c r="AW4920" s="144"/>
    </row>
    <row r="4921" spans="2:49" x14ac:dyDescent="0.2">
      <c r="B4921" s="97"/>
      <c r="J4921" s="98"/>
      <c r="K4921" s="97"/>
      <c r="N4921" s="3"/>
      <c r="W4921" s="98"/>
      <c r="Z4921" s="143"/>
      <c r="AA4921" s="137"/>
      <c r="AB4921" s="137"/>
      <c r="AC4921" s="137"/>
      <c r="AD4921" s="137"/>
      <c r="AE4921" s="137"/>
      <c r="AF4921" s="137"/>
      <c r="AG4921" s="137"/>
      <c r="AH4921" s="137"/>
      <c r="AI4921" s="137"/>
      <c r="AJ4921" s="137"/>
      <c r="AK4921" s="206"/>
      <c r="AL4921" s="206"/>
      <c r="AM4921" s="143"/>
      <c r="AN4921" s="137"/>
      <c r="AO4921" s="137"/>
      <c r="AP4921" s="137"/>
      <c r="AQ4921" s="137"/>
      <c r="AR4921" s="137"/>
      <c r="AS4921" s="137"/>
      <c r="AT4921" s="137"/>
      <c r="AU4921" s="137"/>
      <c r="AV4921" s="137"/>
      <c r="AW4921" s="144"/>
    </row>
    <row r="4922" spans="2:49" x14ac:dyDescent="0.2">
      <c r="B4922" s="97"/>
      <c r="J4922" s="98"/>
      <c r="K4922" s="97"/>
      <c r="N4922" s="3"/>
      <c r="W4922" s="98"/>
      <c r="Z4922" s="143"/>
      <c r="AA4922" s="137"/>
      <c r="AB4922" s="137"/>
      <c r="AC4922" s="137"/>
      <c r="AD4922" s="137"/>
      <c r="AE4922" s="137"/>
      <c r="AF4922" s="137"/>
      <c r="AG4922" s="137"/>
      <c r="AH4922" s="137"/>
      <c r="AI4922" s="137"/>
      <c r="AJ4922" s="137"/>
      <c r="AK4922" s="206"/>
      <c r="AL4922" s="206"/>
      <c r="AM4922" s="143"/>
      <c r="AN4922" s="137"/>
      <c r="AO4922" s="137"/>
      <c r="AP4922" s="137"/>
      <c r="AQ4922" s="137"/>
      <c r="AR4922" s="137"/>
      <c r="AS4922" s="137"/>
      <c r="AT4922" s="137"/>
      <c r="AU4922" s="137"/>
      <c r="AV4922" s="137"/>
      <c r="AW4922" s="144"/>
    </row>
    <row r="4923" spans="2:49" x14ac:dyDescent="0.2">
      <c r="B4923" s="97"/>
      <c r="J4923" s="98"/>
      <c r="K4923" s="97"/>
      <c r="N4923" s="3"/>
      <c r="W4923" s="98"/>
      <c r="Z4923" s="143"/>
      <c r="AA4923" s="137"/>
      <c r="AB4923" s="137"/>
      <c r="AC4923" s="137"/>
      <c r="AD4923" s="137"/>
      <c r="AE4923" s="137"/>
      <c r="AF4923" s="137"/>
      <c r="AG4923" s="137"/>
      <c r="AH4923" s="137"/>
      <c r="AI4923" s="137"/>
      <c r="AJ4923" s="137"/>
      <c r="AK4923" s="206"/>
      <c r="AL4923" s="206"/>
      <c r="AM4923" s="143"/>
      <c r="AN4923" s="137"/>
      <c r="AO4923" s="137"/>
      <c r="AP4923" s="137"/>
      <c r="AQ4923" s="137"/>
      <c r="AR4923" s="137"/>
      <c r="AS4923" s="137"/>
      <c r="AT4923" s="137"/>
      <c r="AU4923" s="137"/>
      <c r="AV4923" s="137"/>
      <c r="AW4923" s="144"/>
    </row>
    <row r="4924" spans="2:49" x14ac:dyDescent="0.2">
      <c r="B4924" s="97"/>
      <c r="J4924" s="98"/>
      <c r="K4924" s="97"/>
      <c r="N4924" s="3"/>
      <c r="W4924" s="98"/>
      <c r="Z4924" s="143"/>
      <c r="AA4924" s="137"/>
      <c r="AB4924" s="137"/>
      <c r="AC4924" s="137"/>
      <c r="AD4924" s="137"/>
      <c r="AE4924" s="137"/>
      <c r="AF4924" s="137"/>
      <c r="AG4924" s="137"/>
      <c r="AH4924" s="137"/>
      <c r="AI4924" s="137"/>
      <c r="AJ4924" s="137"/>
      <c r="AK4924" s="206"/>
      <c r="AL4924" s="206"/>
      <c r="AM4924" s="143"/>
      <c r="AN4924" s="137"/>
      <c r="AO4924" s="137"/>
      <c r="AP4924" s="137"/>
      <c r="AQ4924" s="137"/>
      <c r="AR4924" s="137"/>
      <c r="AS4924" s="137"/>
      <c r="AT4924" s="137"/>
      <c r="AU4924" s="137"/>
      <c r="AV4924" s="137"/>
      <c r="AW4924" s="144"/>
    </row>
    <row r="4925" spans="2:49" x14ac:dyDescent="0.2">
      <c r="B4925" s="97"/>
      <c r="J4925" s="98"/>
      <c r="K4925" s="97"/>
      <c r="N4925" s="3"/>
      <c r="W4925" s="98"/>
      <c r="Z4925" s="143"/>
      <c r="AA4925" s="137"/>
      <c r="AB4925" s="137"/>
      <c r="AC4925" s="137"/>
      <c r="AD4925" s="137"/>
      <c r="AE4925" s="137"/>
      <c r="AF4925" s="137"/>
      <c r="AG4925" s="137"/>
      <c r="AH4925" s="137"/>
      <c r="AI4925" s="137"/>
      <c r="AJ4925" s="137"/>
      <c r="AK4925" s="206"/>
      <c r="AL4925" s="206"/>
      <c r="AM4925" s="143"/>
      <c r="AN4925" s="137"/>
      <c r="AO4925" s="137"/>
      <c r="AP4925" s="137"/>
      <c r="AQ4925" s="137"/>
      <c r="AR4925" s="137"/>
      <c r="AS4925" s="137"/>
      <c r="AT4925" s="137"/>
      <c r="AU4925" s="137"/>
      <c r="AV4925" s="137"/>
      <c r="AW4925" s="144"/>
    </row>
    <row r="4926" spans="2:49" x14ac:dyDescent="0.2">
      <c r="B4926" s="97"/>
      <c r="J4926" s="98"/>
      <c r="K4926" s="97"/>
      <c r="N4926" s="3"/>
      <c r="W4926" s="98"/>
      <c r="Z4926" s="143"/>
      <c r="AA4926" s="137"/>
      <c r="AB4926" s="137"/>
      <c r="AC4926" s="137"/>
      <c r="AD4926" s="137"/>
      <c r="AE4926" s="137"/>
      <c r="AF4926" s="137"/>
      <c r="AG4926" s="137"/>
      <c r="AH4926" s="137"/>
      <c r="AI4926" s="137"/>
      <c r="AJ4926" s="137"/>
      <c r="AK4926" s="206"/>
      <c r="AL4926" s="206"/>
      <c r="AM4926" s="143"/>
      <c r="AN4926" s="137"/>
      <c r="AO4926" s="137"/>
      <c r="AP4926" s="137"/>
      <c r="AQ4926" s="137"/>
      <c r="AR4926" s="137"/>
      <c r="AS4926" s="137"/>
      <c r="AT4926" s="137"/>
      <c r="AU4926" s="137"/>
      <c r="AV4926" s="137"/>
      <c r="AW4926" s="144"/>
    </row>
    <row r="4927" spans="2:49" x14ac:dyDescent="0.2">
      <c r="B4927" s="97"/>
      <c r="J4927" s="98"/>
      <c r="K4927" s="97"/>
      <c r="N4927" s="3"/>
      <c r="W4927" s="98"/>
      <c r="Z4927" s="143"/>
      <c r="AA4927" s="137"/>
      <c r="AB4927" s="137"/>
      <c r="AC4927" s="137"/>
      <c r="AD4927" s="137"/>
      <c r="AE4927" s="137"/>
      <c r="AF4927" s="137"/>
      <c r="AG4927" s="137"/>
      <c r="AH4927" s="137"/>
      <c r="AI4927" s="137"/>
      <c r="AJ4927" s="137"/>
      <c r="AK4927" s="206"/>
      <c r="AL4927" s="206"/>
      <c r="AM4927" s="143"/>
      <c r="AN4927" s="137"/>
      <c r="AO4927" s="137"/>
      <c r="AP4927" s="137"/>
      <c r="AQ4927" s="137"/>
      <c r="AR4927" s="137"/>
      <c r="AS4927" s="137"/>
      <c r="AT4927" s="137"/>
      <c r="AU4927" s="137"/>
      <c r="AV4927" s="137"/>
      <c r="AW4927" s="144"/>
    </row>
    <row r="4928" spans="2:49" x14ac:dyDescent="0.2">
      <c r="B4928" s="97"/>
      <c r="J4928" s="98"/>
      <c r="K4928" s="97"/>
      <c r="N4928" s="3"/>
      <c r="W4928" s="98"/>
      <c r="Z4928" s="143"/>
      <c r="AA4928" s="137"/>
      <c r="AB4928" s="137"/>
      <c r="AC4928" s="137"/>
      <c r="AD4928" s="137"/>
      <c r="AE4928" s="137"/>
      <c r="AF4928" s="137"/>
      <c r="AG4928" s="137"/>
      <c r="AH4928" s="137"/>
      <c r="AI4928" s="137"/>
      <c r="AJ4928" s="137"/>
      <c r="AK4928" s="206"/>
      <c r="AL4928" s="206"/>
      <c r="AM4928" s="143"/>
      <c r="AN4928" s="137"/>
      <c r="AO4928" s="137"/>
      <c r="AP4928" s="137"/>
      <c r="AQ4928" s="137"/>
      <c r="AR4928" s="137"/>
      <c r="AS4928" s="137"/>
      <c r="AT4928" s="137"/>
      <c r="AU4928" s="137"/>
      <c r="AV4928" s="137"/>
      <c r="AW4928" s="144"/>
    </row>
    <row r="4929" spans="2:49" x14ac:dyDescent="0.2">
      <c r="B4929" s="97"/>
      <c r="J4929" s="98"/>
      <c r="K4929" s="97"/>
      <c r="N4929" s="3"/>
      <c r="W4929" s="98"/>
      <c r="Z4929" s="143"/>
      <c r="AA4929" s="137"/>
      <c r="AB4929" s="137"/>
      <c r="AC4929" s="137"/>
      <c r="AD4929" s="137"/>
      <c r="AE4929" s="137"/>
      <c r="AF4929" s="137"/>
      <c r="AG4929" s="137"/>
      <c r="AH4929" s="137"/>
      <c r="AI4929" s="137"/>
      <c r="AJ4929" s="137"/>
      <c r="AK4929" s="206"/>
      <c r="AL4929" s="206"/>
      <c r="AM4929" s="143"/>
      <c r="AN4929" s="137"/>
      <c r="AO4929" s="137"/>
      <c r="AP4929" s="137"/>
      <c r="AQ4929" s="137"/>
      <c r="AR4929" s="137"/>
      <c r="AS4929" s="137"/>
      <c r="AT4929" s="137"/>
      <c r="AU4929" s="137"/>
      <c r="AV4929" s="137"/>
      <c r="AW4929" s="144"/>
    </row>
    <row r="4930" spans="2:49" x14ac:dyDescent="0.2">
      <c r="B4930" s="97"/>
      <c r="J4930" s="98"/>
      <c r="K4930" s="97"/>
      <c r="N4930" s="3"/>
      <c r="W4930" s="98"/>
      <c r="Z4930" s="143"/>
      <c r="AA4930" s="137"/>
      <c r="AB4930" s="137"/>
      <c r="AC4930" s="137"/>
      <c r="AD4930" s="137"/>
      <c r="AE4930" s="137"/>
      <c r="AF4930" s="137"/>
      <c r="AG4930" s="137"/>
      <c r="AH4930" s="137"/>
      <c r="AI4930" s="137"/>
      <c r="AJ4930" s="137"/>
      <c r="AK4930" s="206"/>
      <c r="AL4930" s="206"/>
      <c r="AM4930" s="143"/>
      <c r="AN4930" s="137"/>
      <c r="AO4930" s="137"/>
      <c r="AP4930" s="137"/>
      <c r="AQ4930" s="137"/>
      <c r="AR4930" s="137"/>
      <c r="AS4930" s="137"/>
      <c r="AT4930" s="137"/>
      <c r="AU4930" s="137"/>
      <c r="AV4930" s="137"/>
      <c r="AW4930" s="144"/>
    </row>
    <row r="4931" spans="2:49" x14ac:dyDescent="0.2">
      <c r="B4931" s="97"/>
      <c r="J4931" s="98"/>
      <c r="K4931" s="97"/>
      <c r="N4931" s="3"/>
      <c r="W4931" s="98"/>
      <c r="Z4931" s="143"/>
      <c r="AA4931" s="137"/>
      <c r="AB4931" s="137"/>
      <c r="AC4931" s="137"/>
      <c r="AD4931" s="137"/>
      <c r="AE4931" s="137"/>
      <c r="AF4931" s="137"/>
      <c r="AG4931" s="137"/>
      <c r="AH4931" s="137"/>
      <c r="AI4931" s="137"/>
      <c r="AJ4931" s="137"/>
      <c r="AK4931" s="206"/>
      <c r="AL4931" s="206"/>
      <c r="AM4931" s="143"/>
      <c r="AN4931" s="137"/>
      <c r="AO4931" s="137"/>
      <c r="AP4931" s="137"/>
      <c r="AQ4931" s="137"/>
      <c r="AR4931" s="137"/>
      <c r="AS4931" s="137"/>
      <c r="AT4931" s="137"/>
      <c r="AU4931" s="137"/>
      <c r="AV4931" s="137"/>
      <c r="AW4931" s="144"/>
    </row>
    <row r="4932" spans="2:49" x14ac:dyDescent="0.2">
      <c r="B4932" s="97"/>
      <c r="J4932" s="98"/>
      <c r="K4932" s="97"/>
      <c r="N4932" s="3"/>
      <c r="W4932" s="98"/>
      <c r="Z4932" s="143"/>
      <c r="AA4932" s="137"/>
      <c r="AB4932" s="137"/>
      <c r="AC4932" s="137"/>
      <c r="AD4932" s="137"/>
      <c r="AE4932" s="137"/>
      <c r="AF4932" s="137"/>
      <c r="AG4932" s="137"/>
      <c r="AH4932" s="137"/>
      <c r="AI4932" s="137"/>
      <c r="AJ4932" s="137"/>
      <c r="AK4932" s="206"/>
      <c r="AL4932" s="206"/>
      <c r="AM4932" s="143"/>
      <c r="AN4932" s="137"/>
      <c r="AO4932" s="137"/>
      <c r="AP4932" s="137"/>
      <c r="AQ4932" s="137"/>
      <c r="AR4932" s="137"/>
      <c r="AS4932" s="137"/>
      <c r="AT4932" s="137"/>
      <c r="AU4932" s="137"/>
      <c r="AV4932" s="137"/>
      <c r="AW4932" s="144"/>
    </row>
    <row r="4933" spans="2:49" x14ac:dyDescent="0.2">
      <c r="B4933" s="97"/>
      <c r="J4933" s="98"/>
      <c r="K4933" s="97"/>
      <c r="N4933" s="3"/>
      <c r="W4933" s="98"/>
      <c r="Z4933" s="143"/>
      <c r="AA4933" s="137"/>
      <c r="AB4933" s="137"/>
      <c r="AC4933" s="137"/>
      <c r="AD4933" s="137"/>
      <c r="AE4933" s="137"/>
      <c r="AF4933" s="137"/>
      <c r="AG4933" s="137"/>
      <c r="AH4933" s="137"/>
      <c r="AI4933" s="137"/>
      <c r="AJ4933" s="137"/>
      <c r="AK4933" s="206"/>
      <c r="AL4933" s="206"/>
      <c r="AM4933" s="143"/>
      <c r="AN4933" s="137"/>
      <c r="AO4933" s="137"/>
      <c r="AP4933" s="137"/>
      <c r="AQ4933" s="137"/>
      <c r="AR4933" s="137"/>
      <c r="AS4933" s="137"/>
      <c r="AT4933" s="137"/>
      <c r="AU4933" s="137"/>
      <c r="AV4933" s="137"/>
      <c r="AW4933" s="144"/>
    </row>
    <row r="4934" spans="2:49" x14ac:dyDescent="0.2">
      <c r="B4934" s="97"/>
      <c r="J4934" s="98"/>
      <c r="K4934" s="97"/>
      <c r="N4934" s="3"/>
      <c r="W4934" s="98"/>
      <c r="Z4934" s="143"/>
      <c r="AA4934" s="137"/>
      <c r="AB4934" s="137"/>
      <c r="AC4934" s="137"/>
      <c r="AD4934" s="137"/>
      <c r="AE4934" s="137"/>
      <c r="AF4934" s="137"/>
      <c r="AG4934" s="137"/>
      <c r="AH4934" s="137"/>
      <c r="AI4934" s="137"/>
      <c r="AJ4934" s="137"/>
      <c r="AK4934" s="206"/>
      <c r="AL4934" s="206"/>
      <c r="AM4934" s="143"/>
      <c r="AN4934" s="137"/>
      <c r="AO4934" s="137"/>
      <c r="AP4934" s="137"/>
      <c r="AQ4934" s="137"/>
      <c r="AR4934" s="137"/>
      <c r="AS4934" s="137"/>
      <c r="AT4934" s="137"/>
      <c r="AU4934" s="137"/>
      <c r="AV4934" s="137"/>
      <c r="AW4934" s="144"/>
    </row>
    <row r="4935" spans="2:49" x14ac:dyDescent="0.2">
      <c r="B4935" s="97"/>
      <c r="J4935" s="98"/>
      <c r="K4935" s="97"/>
      <c r="N4935" s="3"/>
      <c r="W4935" s="98"/>
      <c r="Z4935" s="143"/>
      <c r="AA4935" s="137"/>
      <c r="AB4935" s="137"/>
      <c r="AC4935" s="137"/>
      <c r="AD4935" s="137"/>
      <c r="AE4935" s="137"/>
      <c r="AF4935" s="137"/>
      <c r="AG4935" s="137"/>
      <c r="AH4935" s="137"/>
      <c r="AI4935" s="137"/>
      <c r="AJ4935" s="137"/>
      <c r="AK4935" s="206"/>
      <c r="AL4935" s="206"/>
      <c r="AM4935" s="143"/>
      <c r="AN4935" s="137"/>
      <c r="AO4935" s="137"/>
      <c r="AP4935" s="137"/>
      <c r="AQ4935" s="137"/>
      <c r="AR4935" s="137"/>
      <c r="AS4935" s="137"/>
      <c r="AT4935" s="137"/>
      <c r="AU4935" s="137"/>
      <c r="AV4935" s="137"/>
      <c r="AW4935" s="144"/>
    </row>
    <row r="4936" spans="2:49" x14ac:dyDescent="0.2">
      <c r="B4936" s="97"/>
      <c r="J4936" s="98"/>
      <c r="K4936" s="97"/>
      <c r="N4936" s="3"/>
      <c r="W4936" s="98"/>
      <c r="Z4936" s="143"/>
      <c r="AA4936" s="137"/>
      <c r="AB4936" s="137"/>
      <c r="AC4936" s="137"/>
      <c r="AD4936" s="137"/>
      <c r="AE4936" s="137"/>
      <c r="AF4936" s="137"/>
      <c r="AG4936" s="137"/>
      <c r="AH4936" s="137"/>
      <c r="AI4936" s="137"/>
      <c r="AJ4936" s="137"/>
      <c r="AK4936" s="206"/>
      <c r="AL4936" s="206"/>
      <c r="AM4936" s="143"/>
      <c r="AN4936" s="137"/>
      <c r="AO4936" s="137"/>
      <c r="AP4936" s="137"/>
      <c r="AQ4936" s="137"/>
      <c r="AR4936" s="137"/>
      <c r="AS4936" s="137"/>
      <c r="AT4936" s="137"/>
      <c r="AU4936" s="137"/>
      <c r="AV4936" s="137"/>
      <c r="AW4936" s="144"/>
    </row>
    <row r="4937" spans="2:49" x14ac:dyDescent="0.2">
      <c r="B4937" s="97"/>
      <c r="J4937" s="98"/>
      <c r="K4937" s="97"/>
      <c r="N4937" s="3"/>
      <c r="W4937" s="98"/>
      <c r="Z4937" s="143"/>
      <c r="AA4937" s="137"/>
      <c r="AB4937" s="137"/>
      <c r="AC4937" s="137"/>
      <c r="AD4937" s="137"/>
      <c r="AE4937" s="137"/>
      <c r="AF4937" s="137"/>
      <c r="AG4937" s="137"/>
      <c r="AH4937" s="137"/>
      <c r="AI4937" s="137"/>
      <c r="AJ4937" s="137"/>
      <c r="AK4937" s="206"/>
      <c r="AL4937" s="206"/>
      <c r="AM4937" s="143"/>
      <c r="AN4937" s="137"/>
      <c r="AO4937" s="137"/>
      <c r="AP4937" s="137"/>
      <c r="AQ4937" s="137"/>
      <c r="AR4937" s="137"/>
      <c r="AS4937" s="137"/>
      <c r="AT4937" s="137"/>
      <c r="AU4937" s="137"/>
      <c r="AV4937" s="137"/>
      <c r="AW4937" s="144"/>
    </row>
    <row r="4938" spans="2:49" x14ac:dyDescent="0.2">
      <c r="B4938" s="97"/>
      <c r="J4938" s="98"/>
      <c r="K4938" s="97"/>
      <c r="N4938" s="3"/>
      <c r="W4938" s="98"/>
      <c r="Z4938" s="143"/>
      <c r="AA4938" s="137"/>
      <c r="AB4938" s="137"/>
      <c r="AC4938" s="137"/>
      <c r="AD4938" s="137"/>
      <c r="AE4938" s="137"/>
      <c r="AF4938" s="137"/>
      <c r="AG4938" s="137"/>
      <c r="AH4938" s="137"/>
      <c r="AI4938" s="137"/>
      <c r="AJ4938" s="137"/>
      <c r="AK4938" s="206"/>
      <c r="AL4938" s="206"/>
      <c r="AM4938" s="143"/>
      <c r="AN4938" s="137"/>
      <c r="AO4938" s="137"/>
      <c r="AP4938" s="137"/>
      <c r="AQ4938" s="137"/>
      <c r="AR4938" s="137"/>
      <c r="AS4938" s="137"/>
      <c r="AT4938" s="137"/>
      <c r="AU4938" s="137"/>
      <c r="AV4938" s="137"/>
      <c r="AW4938" s="144"/>
    </row>
    <row r="4939" spans="2:49" x14ac:dyDescent="0.2">
      <c r="B4939" s="97"/>
      <c r="J4939" s="98"/>
      <c r="K4939" s="97"/>
      <c r="N4939" s="3"/>
      <c r="W4939" s="98"/>
      <c r="Z4939" s="143"/>
      <c r="AA4939" s="137"/>
      <c r="AB4939" s="137"/>
      <c r="AC4939" s="137"/>
      <c r="AD4939" s="137"/>
      <c r="AE4939" s="137"/>
      <c r="AF4939" s="137"/>
      <c r="AG4939" s="137"/>
      <c r="AH4939" s="137"/>
      <c r="AI4939" s="137"/>
      <c r="AJ4939" s="137"/>
      <c r="AK4939" s="206"/>
      <c r="AL4939" s="206"/>
      <c r="AM4939" s="143"/>
      <c r="AN4939" s="137"/>
      <c r="AO4939" s="137"/>
      <c r="AP4939" s="137"/>
      <c r="AQ4939" s="137"/>
      <c r="AR4939" s="137"/>
      <c r="AS4939" s="137"/>
      <c r="AT4939" s="137"/>
      <c r="AU4939" s="137"/>
      <c r="AV4939" s="137"/>
      <c r="AW4939" s="144"/>
    </row>
    <row r="4940" spans="2:49" x14ac:dyDescent="0.2">
      <c r="B4940" s="97"/>
      <c r="J4940" s="98"/>
      <c r="K4940" s="97"/>
      <c r="N4940" s="3"/>
      <c r="W4940" s="98"/>
      <c r="Z4940" s="143"/>
      <c r="AA4940" s="137"/>
      <c r="AB4940" s="137"/>
      <c r="AC4940" s="137"/>
      <c r="AD4940" s="137"/>
      <c r="AE4940" s="137"/>
      <c r="AF4940" s="137"/>
      <c r="AG4940" s="137"/>
      <c r="AH4940" s="137"/>
      <c r="AI4940" s="137"/>
      <c r="AJ4940" s="137"/>
      <c r="AK4940" s="206"/>
      <c r="AL4940" s="206"/>
      <c r="AM4940" s="143"/>
      <c r="AN4940" s="137"/>
      <c r="AO4940" s="137"/>
      <c r="AP4940" s="137"/>
      <c r="AQ4940" s="137"/>
      <c r="AR4940" s="137"/>
      <c r="AS4940" s="137"/>
      <c r="AT4940" s="137"/>
      <c r="AU4940" s="137"/>
      <c r="AV4940" s="137"/>
      <c r="AW4940" s="144"/>
    </row>
    <row r="4941" spans="2:49" x14ac:dyDescent="0.2">
      <c r="B4941" s="97"/>
      <c r="J4941" s="98"/>
      <c r="K4941" s="97"/>
      <c r="N4941" s="3"/>
      <c r="W4941" s="98"/>
      <c r="Z4941" s="143"/>
      <c r="AA4941" s="137"/>
      <c r="AB4941" s="137"/>
      <c r="AC4941" s="137"/>
      <c r="AD4941" s="137"/>
      <c r="AE4941" s="137"/>
      <c r="AF4941" s="137"/>
      <c r="AG4941" s="137"/>
      <c r="AH4941" s="137"/>
      <c r="AI4941" s="137"/>
      <c r="AJ4941" s="137"/>
      <c r="AK4941" s="206"/>
      <c r="AL4941" s="206"/>
      <c r="AM4941" s="143"/>
      <c r="AN4941" s="137"/>
      <c r="AO4941" s="137"/>
      <c r="AP4941" s="137"/>
      <c r="AQ4941" s="137"/>
      <c r="AR4941" s="137"/>
      <c r="AS4941" s="137"/>
      <c r="AT4941" s="137"/>
      <c r="AU4941" s="137"/>
      <c r="AV4941" s="137"/>
      <c r="AW4941" s="144"/>
    </row>
    <row r="4942" spans="2:49" x14ac:dyDescent="0.2">
      <c r="B4942" s="97"/>
      <c r="J4942" s="98"/>
      <c r="K4942" s="97"/>
      <c r="N4942" s="3"/>
      <c r="W4942" s="98"/>
      <c r="Z4942" s="143"/>
      <c r="AA4942" s="137"/>
      <c r="AB4942" s="137"/>
      <c r="AC4942" s="137"/>
      <c r="AD4942" s="137"/>
      <c r="AE4942" s="137"/>
      <c r="AF4942" s="137"/>
      <c r="AG4942" s="137"/>
      <c r="AH4942" s="137"/>
      <c r="AI4942" s="137"/>
      <c r="AJ4942" s="137"/>
      <c r="AK4942" s="206"/>
      <c r="AL4942" s="206"/>
      <c r="AM4942" s="143"/>
      <c r="AN4942" s="137"/>
      <c r="AO4942" s="137"/>
      <c r="AP4942" s="137"/>
      <c r="AQ4942" s="137"/>
      <c r="AR4942" s="137"/>
      <c r="AS4942" s="137"/>
      <c r="AT4942" s="137"/>
      <c r="AU4942" s="137"/>
      <c r="AV4942" s="137"/>
      <c r="AW4942" s="144"/>
    </row>
    <row r="4943" spans="2:49" x14ac:dyDescent="0.2">
      <c r="B4943" s="97"/>
      <c r="J4943" s="98"/>
      <c r="K4943" s="97"/>
      <c r="N4943" s="3"/>
      <c r="W4943" s="98"/>
      <c r="Z4943" s="143"/>
      <c r="AA4943" s="137"/>
      <c r="AB4943" s="137"/>
      <c r="AC4943" s="137"/>
      <c r="AD4943" s="137"/>
      <c r="AE4943" s="137"/>
      <c r="AF4943" s="137"/>
      <c r="AG4943" s="137"/>
      <c r="AH4943" s="137"/>
      <c r="AI4943" s="137"/>
      <c r="AJ4943" s="137"/>
      <c r="AK4943" s="206"/>
      <c r="AL4943" s="206"/>
      <c r="AM4943" s="143"/>
      <c r="AN4943" s="137"/>
      <c r="AO4943" s="137"/>
      <c r="AP4943" s="137"/>
      <c r="AQ4943" s="137"/>
      <c r="AR4943" s="137"/>
      <c r="AS4943" s="137"/>
      <c r="AT4943" s="137"/>
      <c r="AU4943" s="137"/>
      <c r="AV4943" s="137"/>
      <c r="AW4943" s="144"/>
    </row>
    <row r="4944" spans="2:49" x14ac:dyDescent="0.2">
      <c r="B4944" s="97"/>
      <c r="J4944" s="98"/>
      <c r="K4944" s="97"/>
      <c r="N4944" s="3"/>
      <c r="W4944" s="98"/>
      <c r="Z4944" s="143"/>
      <c r="AA4944" s="137"/>
      <c r="AB4944" s="137"/>
      <c r="AC4944" s="137"/>
      <c r="AD4944" s="137"/>
      <c r="AE4944" s="137"/>
      <c r="AF4944" s="137"/>
      <c r="AG4944" s="137"/>
      <c r="AH4944" s="137"/>
      <c r="AI4944" s="137"/>
      <c r="AJ4944" s="137"/>
      <c r="AK4944" s="206"/>
      <c r="AL4944" s="206"/>
      <c r="AM4944" s="143"/>
      <c r="AN4944" s="137"/>
      <c r="AO4944" s="137"/>
      <c r="AP4944" s="137"/>
      <c r="AQ4944" s="137"/>
      <c r="AR4944" s="137"/>
      <c r="AS4944" s="137"/>
      <c r="AT4944" s="137"/>
      <c r="AU4944" s="137"/>
      <c r="AV4944" s="137"/>
      <c r="AW4944" s="144"/>
    </row>
    <row r="4945" spans="2:49" x14ac:dyDescent="0.2">
      <c r="B4945" s="97"/>
      <c r="J4945" s="98"/>
      <c r="K4945" s="97"/>
      <c r="N4945" s="3"/>
      <c r="W4945" s="98"/>
      <c r="Z4945" s="143"/>
      <c r="AA4945" s="137"/>
      <c r="AB4945" s="137"/>
      <c r="AC4945" s="137"/>
      <c r="AD4945" s="137"/>
      <c r="AE4945" s="137"/>
      <c r="AF4945" s="137"/>
      <c r="AG4945" s="137"/>
      <c r="AH4945" s="137"/>
      <c r="AI4945" s="137"/>
      <c r="AJ4945" s="137"/>
      <c r="AK4945" s="206"/>
      <c r="AL4945" s="206"/>
      <c r="AM4945" s="143"/>
      <c r="AN4945" s="137"/>
      <c r="AO4945" s="137"/>
      <c r="AP4945" s="137"/>
      <c r="AQ4945" s="137"/>
      <c r="AR4945" s="137"/>
      <c r="AS4945" s="137"/>
      <c r="AT4945" s="137"/>
      <c r="AU4945" s="137"/>
      <c r="AV4945" s="137"/>
      <c r="AW4945" s="144"/>
    </row>
    <row r="4946" spans="2:49" x14ac:dyDescent="0.2">
      <c r="B4946" s="97"/>
      <c r="J4946" s="98"/>
      <c r="K4946" s="97"/>
      <c r="N4946" s="3"/>
      <c r="W4946" s="98"/>
      <c r="Z4946" s="143"/>
      <c r="AA4946" s="137"/>
      <c r="AB4946" s="137"/>
      <c r="AC4946" s="137"/>
      <c r="AD4946" s="137"/>
      <c r="AE4946" s="137"/>
      <c r="AF4946" s="137"/>
      <c r="AG4946" s="137"/>
      <c r="AH4946" s="137"/>
      <c r="AI4946" s="137"/>
      <c r="AJ4946" s="137"/>
      <c r="AK4946" s="206"/>
      <c r="AL4946" s="206"/>
      <c r="AM4946" s="143"/>
      <c r="AN4946" s="137"/>
      <c r="AO4946" s="137"/>
      <c r="AP4946" s="137"/>
      <c r="AQ4946" s="137"/>
      <c r="AR4946" s="137"/>
      <c r="AS4946" s="137"/>
      <c r="AT4946" s="137"/>
      <c r="AU4946" s="137"/>
      <c r="AV4946" s="137"/>
      <c r="AW4946" s="144"/>
    </row>
    <row r="4947" spans="2:49" x14ac:dyDescent="0.2">
      <c r="B4947" s="97"/>
      <c r="J4947" s="98"/>
      <c r="K4947" s="97"/>
      <c r="N4947" s="3"/>
      <c r="W4947" s="98"/>
      <c r="Z4947" s="143"/>
      <c r="AA4947" s="137"/>
      <c r="AB4947" s="137"/>
      <c r="AC4947" s="137"/>
      <c r="AD4947" s="137"/>
      <c r="AE4947" s="137"/>
      <c r="AF4947" s="137"/>
      <c r="AG4947" s="137"/>
      <c r="AH4947" s="137"/>
      <c r="AI4947" s="137"/>
      <c r="AJ4947" s="137"/>
      <c r="AK4947" s="206"/>
      <c r="AL4947" s="206"/>
      <c r="AM4947" s="143"/>
      <c r="AN4947" s="137"/>
      <c r="AO4947" s="137"/>
      <c r="AP4947" s="137"/>
      <c r="AQ4947" s="137"/>
      <c r="AR4947" s="137"/>
      <c r="AS4947" s="137"/>
      <c r="AT4947" s="137"/>
      <c r="AU4947" s="137"/>
      <c r="AV4947" s="137"/>
      <c r="AW4947" s="144"/>
    </row>
    <row r="4948" spans="2:49" x14ac:dyDescent="0.2">
      <c r="B4948" s="97"/>
      <c r="J4948" s="98"/>
      <c r="K4948" s="97"/>
      <c r="N4948" s="3"/>
      <c r="W4948" s="98"/>
      <c r="Z4948" s="143"/>
      <c r="AA4948" s="137"/>
      <c r="AB4948" s="137"/>
      <c r="AC4948" s="137"/>
      <c r="AD4948" s="137"/>
      <c r="AE4948" s="137"/>
      <c r="AF4948" s="137"/>
      <c r="AG4948" s="137"/>
      <c r="AH4948" s="137"/>
      <c r="AI4948" s="137"/>
      <c r="AJ4948" s="137"/>
      <c r="AK4948" s="206"/>
      <c r="AL4948" s="206"/>
      <c r="AM4948" s="143"/>
      <c r="AN4948" s="137"/>
      <c r="AO4948" s="137"/>
      <c r="AP4948" s="137"/>
      <c r="AQ4948" s="137"/>
      <c r="AR4948" s="137"/>
      <c r="AS4948" s="137"/>
      <c r="AT4948" s="137"/>
      <c r="AU4948" s="137"/>
      <c r="AV4948" s="137"/>
      <c r="AW4948" s="144"/>
    </row>
    <row r="4949" spans="2:49" x14ac:dyDescent="0.2">
      <c r="B4949" s="97"/>
      <c r="J4949" s="98"/>
      <c r="K4949" s="97"/>
      <c r="N4949" s="3"/>
      <c r="W4949" s="98"/>
      <c r="Z4949" s="143"/>
      <c r="AA4949" s="137"/>
      <c r="AB4949" s="137"/>
      <c r="AC4949" s="137"/>
      <c r="AD4949" s="137"/>
      <c r="AE4949" s="137"/>
      <c r="AF4949" s="137"/>
      <c r="AG4949" s="137"/>
      <c r="AH4949" s="137"/>
      <c r="AI4949" s="137"/>
      <c r="AJ4949" s="137"/>
      <c r="AK4949" s="206"/>
      <c r="AL4949" s="206"/>
      <c r="AM4949" s="143"/>
      <c r="AN4949" s="137"/>
      <c r="AO4949" s="137"/>
      <c r="AP4949" s="137"/>
      <c r="AQ4949" s="137"/>
      <c r="AR4949" s="137"/>
      <c r="AS4949" s="137"/>
      <c r="AT4949" s="137"/>
      <c r="AU4949" s="137"/>
      <c r="AV4949" s="137"/>
      <c r="AW4949" s="144"/>
    </row>
    <row r="4950" spans="2:49" x14ac:dyDescent="0.2">
      <c r="B4950" s="97"/>
      <c r="J4950" s="98"/>
      <c r="K4950" s="97"/>
      <c r="N4950" s="3"/>
      <c r="W4950" s="98"/>
      <c r="Z4950" s="143"/>
      <c r="AA4950" s="137"/>
      <c r="AB4950" s="137"/>
      <c r="AC4950" s="137"/>
      <c r="AD4950" s="137"/>
      <c r="AE4950" s="137"/>
      <c r="AF4950" s="137"/>
      <c r="AG4950" s="137"/>
      <c r="AH4950" s="137"/>
      <c r="AI4950" s="137"/>
      <c r="AJ4950" s="137"/>
      <c r="AK4950" s="206"/>
      <c r="AL4950" s="206"/>
      <c r="AM4950" s="143"/>
      <c r="AN4950" s="137"/>
      <c r="AO4950" s="137"/>
      <c r="AP4950" s="137"/>
      <c r="AQ4950" s="137"/>
      <c r="AR4950" s="137"/>
      <c r="AS4950" s="137"/>
      <c r="AT4950" s="137"/>
      <c r="AU4950" s="137"/>
      <c r="AV4950" s="137"/>
      <c r="AW4950" s="144"/>
    </row>
    <row r="4951" spans="2:49" x14ac:dyDescent="0.2">
      <c r="B4951" s="97"/>
      <c r="J4951" s="98"/>
      <c r="K4951" s="97"/>
      <c r="N4951" s="3"/>
      <c r="W4951" s="98"/>
      <c r="Z4951" s="143"/>
      <c r="AA4951" s="137"/>
      <c r="AB4951" s="137"/>
      <c r="AC4951" s="137"/>
      <c r="AD4951" s="137"/>
      <c r="AE4951" s="137"/>
      <c r="AF4951" s="137"/>
      <c r="AG4951" s="137"/>
      <c r="AH4951" s="137"/>
      <c r="AI4951" s="137"/>
      <c r="AJ4951" s="137"/>
      <c r="AK4951" s="206"/>
      <c r="AL4951" s="206"/>
      <c r="AM4951" s="143"/>
      <c r="AN4951" s="137"/>
      <c r="AO4951" s="137"/>
      <c r="AP4951" s="137"/>
      <c r="AQ4951" s="137"/>
      <c r="AR4951" s="137"/>
      <c r="AS4951" s="137"/>
      <c r="AT4951" s="137"/>
      <c r="AU4951" s="137"/>
      <c r="AV4951" s="137"/>
      <c r="AW4951" s="144"/>
    </row>
    <row r="4952" spans="2:49" x14ac:dyDescent="0.2">
      <c r="B4952" s="97"/>
      <c r="J4952" s="98"/>
      <c r="K4952" s="97"/>
      <c r="N4952" s="3"/>
      <c r="W4952" s="98"/>
      <c r="Z4952" s="143"/>
      <c r="AA4952" s="137"/>
      <c r="AB4952" s="137"/>
      <c r="AC4952" s="137"/>
      <c r="AD4952" s="137"/>
      <c r="AE4952" s="137"/>
      <c r="AF4952" s="137"/>
      <c r="AG4952" s="137"/>
      <c r="AH4952" s="137"/>
      <c r="AI4952" s="137"/>
      <c r="AJ4952" s="137"/>
      <c r="AK4952" s="206"/>
      <c r="AL4952" s="206"/>
      <c r="AM4952" s="143"/>
      <c r="AN4952" s="137"/>
      <c r="AO4952" s="137"/>
      <c r="AP4952" s="137"/>
      <c r="AQ4952" s="137"/>
      <c r="AR4952" s="137"/>
      <c r="AS4952" s="137"/>
      <c r="AT4952" s="137"/>
      <c r="AU4952" s="137"/>
      <c r="AV4952" s="137"/>
      <c r="AW4952" s="144"/>
    </row>
    <row r="4953" spans="2:49" x14ac:dyDescent="0.2">
      <c r="B4953" s="97"/>
      <c r="J4953" s="98"/>
      <c r="K4953" s="97"/>
      <c r="N4953" s="3"/>
      <c r="W4953" s="98"/>
      <c r="Z4953" s="143"/>
      <c r="AA4953" s="137"/>
      <c r="AB4953" s="137"/>
      <c r="AC4953" s="137"/>
      <c r="AD4953" s="137"/>
      <c r="AE4953" s="137"/>
      <c r="AF4953" s="137"/>
      <c r="AG4953" s="137"/>
      <c r="AH4953" s="137"/>
      <c r="AI4953" s="137"/>
      <c r="AJ4953" s="137"/>
      <c r="AK4953" s="206"/>
      <c r="AL4953" s="206"/>
      <c r="AM4953" s="143"/>
      <c r="AN4953" s="137"/>
      <c r="AO4953" s="137"/>
      <c r="AP4953" s="137"/>
      <c r="AQ4953" s="137"/>
      <c r="AR4953" s="137"/>
      <c r="AS4953" s="137"/>
      <c r="AT4953" s="137"/>
      <c r="AU4953" s="137"/>
      <c r="AV4953" s="137"/>
      <c r="AW4953" s="144"/>
    </row>
    <row r="4954" spans="2:49" x14ac:dyDescent="0.2">
      <c r="B4954" s="97"/>
      <c r="J4954" s="98"/>
      <c r="K4954" s="97"/>
      <c r="N4954" s="3"/>
      <c r="W4954" s="98"/>
      <c r="Z4954" s="143"/>
      <c r="AA4954" s="137"/>
      <c r="AB4954" s="137"/>
      <c r="AC4954" s="137"/>
      <c r="AD4954" s="137"/>
      <c r="AE4954" s="137"/>
      <c r="AF4954" s="137"/>
      <c r="AG4954" s="137"/>
      <c r="AH4954" s="137"/>
      <c r="AI4954" s="137"/>
      <c r="AJ4954" s="137"/>
      <c r="AK4954" s="206"/>
      <c r="AL4954" s="206"/>
      <c r="AM4954" s="143"/>
      <c r="AN4954" s="137"/>
      <c r="AO4954" s="137"/>
      <c r="AP4954" s="137"/>
      <c r="AQ4954" s="137"/>
      <c r="AR4954" s="137"/>
      <c r="AS4954" s="137"/>
      <c r="AT4954" s="137"/>
      <c r="AU4954" s="137"/>
      <c r="AV4954" s="137"/>
      <c r="AW4954" s="144"/>
    </row>
    <row r="4955" spans="2:49" x14ac:dyDescent="0.2">
      <c r="B4955" s="97"/>
      <c r="J4955" s="98"/>
      <c r="K4955" s="97"/>
      <c r="N4955" s="3"/>
      <c r="W4955" s="98"/>
      <c r="Z4955" s="143"/>
      <c r="AA4955" s="137"/>
      <c r="AB4955" s="137"/>
      <c r="AC4955" s="137"/>
      <c r="AD4955" s="137"/>
      <c r="AE4955" s="137"/>
      <c r="AF4955" s="137"/>
      <c r="AG4955" s="137"/>
      <c r="AH4955" s="137"/>
      <c r="AI4955" s="137"/>
      <c r="AJ4955" s="137"/>
      <c r="AK4955" s="206"/>
      <c r="AL4955" s="206"/>
      <c r="AM4955" s="143"/>
      <c r="AN4955" s="137"/>
      <c r="AO4955" s="137"/>
      <c r="AP4955" s="137"/>
      <c r="AQ4955" s="137"/>
      <c r="AR4955" s="137"/>
      <c r="AS4955" s="137"/>
      <c r="AT4955" s="137"/>
      <c r="AU4955" s="137"/>
      <c r="AV4955" s="137"/>
      <c r="AW4955" s="144"/>
    </row>
    <row r="4956" spans="2:49" x14ac:dyDescent="0.2">
      <c r="B4956" s="97"/>
      <c r="J4956" s="98"/>
      <c r="K4956" s="97"/>
      <c r="N4956" s="3"/>
      <c r="W4956" s="98"/>
      <c r="Z4956" s="143"/>
      <c r="AA4956" s="137"/>
      <c r="AB4956" s="137"/>
      <c r="AC4956" s="137"/>
      <c r="AD4956" s="137"/>
      <c r="AE4956" s="137"/>
      <c r="AF4956" s="137"/>
      <c r="AG4956" s="137"/>
      <c r="AH4956" s="137"/>
      <c r="AI4956" s="137"/>
      <c r="AJ4956" s="137"/>
      <c r="AK4956" s="206"/>
      <c r="AL4956" s="206"/>
      <c r="AM4956" s="143"/>
      <c r="AN4956" s="137"/>
      <c r="AO4956" s="137"/>
      <c r="AP4956" s="137"/>
      <c r="AQ4956" s="137"/>
      <c r="AR4956" s="137"/>
      <c r="AS4956" s="137"/>
      <c r="AT4956" s="137"/>
      <c r="AU4956" s="137"/>
      <c r="AV4956" s="137"/>
      <c r="AW4956" s="144"/>
    </row>
    <row r="4957" spans="2:49" x14ac:dyDescent="0.2">
      <c r="B4957" s="97"/>
      <c r="J4957" s="98"/>
      <c r="K4957" s="97"/>
      <c r="N4957" s="3"/>
      <c r="W4957" s="98"/>
      <c r="Z4957" s="143"/>
      <c r="AA4957" s="137"/>
      <c r="AB4957" s="137"/>
      <c r="AC4957" s="137"/>
      <c r="AD4957" s="137"/>
      <c r="AE4957" s="137"/>
      <c r="AF4957" s="137"/>
      <c r="AG4957" s="137"/>
      <c r="AH4957" s="137"/>
      <c r="AI4957" s="137"/>
      <c r="AJ4957" s="137"/>
      <c r="AK4957" s="206"/>
      <c r="AL4957" s="206"/>
      <c r="AM4957" s="143"/>
      <c r="AN4957" s="137"/>
      <c r="AO4957" s="137"/>
      <c r="AP4957" s="137"/>
      <c r="AQ4957" s="137"/>
      <c r="AR4957" s="137"/>
      <c r="AS4957" s="137"/>
      <c r="AT4957" s="137"/>
      <c r="AU4957" s="137"/>
      <c r="AV4957" s="137"/>
      <c r="AW4957" s="144"/>
    </row>
    <row r="4958" spans="2:49" x14ac:dyDescent="0.2">
      <c r="B4958" s="97"/>
      <c r="J4958" s="98"/>
      <c r="K4958" s="97"/>
      <c r="N4958" s="3"/>
      <c r="W4958" s="98"/>
      <c r="Z4958" s="143"/>
      <c r="AA4958" s="137"/>
      <c r="AB4958" s="137"/>
      <c r="AC4958" s="137"/>
      <c r="AD4958" s="137"/>
      <c r="AE4958" s="137"/>
      <c r="AF4958" s="137"/>
      <c r="AG4958" s="137"/>
      <c r="AH4958" s="137"/>
      <c r="AI4958" s="137"/>
      <c r="AJ4958" s="137"/>
      <c r="AK4958" s="206"/>
      <c r="AL4958" s="206"/>
      <c r="AM4958" s="143"/>
      <c r="AN4958" s="137"/>
      <c r="AO4958" s="137"/>
      <c r="AP4958" s="137"/>
      <c r="AQ4958" s="137"/>
      <c r="AR4958" s="137"/>
      <c r="AS4958" s="137"/>
      <c r="AT4958" s="137"/>
      <c r="AU4958" s="137"/>
      <c r="AV4958" s="137"/>
      <c r="AW4958" s="144"/>
    </row>
    <row r="4959" spans="2:49" x14ac:dyDescent="0.2">
      <c r="B4959" s="97"/>
      <c r="J4959" s="98"/>
      <c r="K4959" s="97"/>
      <c r="N4959" s="3"/>
      <c r="W4959" s="98"/>
      <c r="Z4959" s="143"/>
      <c r="AA4959" s="137"/>
      <c r="AB4959" s="137"/>
      <c r="AC4959" s="137"/>
      <c r="AD4959" s="137"/>
      <c r="AE4959" s="137"/>
      <c r="AF4959" s="137"/>
      <c r="AG4959" s="137"/>
      <c r="AH4959" s="137"/>
      <c r="AI4959" s="137"/>
      <c r="AJ4959" s="137"/>
      <c r="AK4959" s="206"/>
      <c r="AL4959" s="206"/>
      <c r="AM4959" s="143"/>
      <c r="AN4959" s="137"/>
      <c r="AO4959" s="137"/>
      <c r="AP4959" s="137"/>
      <c r="AQ4959" s="137"/>
      <c r="AR4959" s="137"/>
      <c r="AS4959" s="137"/>
      <c r="AT4959" s="137"/>
      <c r="AU4959" s="137"/>
      <c r="AV4959" s="137"/>
      <c r="AW4959" s="144"/>
    </row>
    <row r="4960" spans="2:49" x14ac:dyDescent="0.2">
      <c r="B4960" s="97"/>
      <c r="J4960" s="98"/>
      <c r="K4960" s="97"/>
      <c r="N4960" s="3"/>
      <c r="W4960" s="98"/>
      <c r="Z4960" s="143"/>
      <c r="AA4960" s="137"/>
      <c r="AB4960" s="137"/>
      <c r="AC4960" s="137"/>
      <c r="AD4960" s="137"/>
      <c r="AE4960" s="137"/>
      <c r="AF4960" s="137"/>
      <c r="AG4960" s="137"/>
      <c r="AH4960" s="137"/>
      <c r="AI4960" s="137"/>
      <c r="AJ4960" s="137"/>
      <c r="AK4960" s="206"/>
      <c r="AL4960" s="206"/>
      <c r="AM4960" s="143"/>
      <c r="AN4960" s="137"/>
      <c r="AO4960" s="137"/>
      <c r="AP4960" s="137"/>
      <c r="AQ4960" s="137"/>
      <c r="AR4960" s="137"/>
      <c r="AS4960" s="137"/>
      <c r="AT4960" s="137"/>
      <c r="AU4960" s="137"/>
      <c r="AV4960" s="137"/>
      <c r="AW4960" s="144"/>
    </row>
    <row r="4961" spans="2:49" x14ac:dyDescent="0.2">
      <c r="B4961" s="97"/>
      <c r="J4961" s="98"/>
      <c r="K4961" s="97"/>
      <c r="N4961" s="3"/>
      <c r="W4961" s="98"/>
      <c r="Z4961" s="143"/>
      <c r="AA4961" s="137"/>
      <c r="AB4961" s="137"/>
      <c r="AC4961" s="137"/>
      <c r="AD4961" s="137"/>
      <c r="AE4961" s="137"/>
      <c r="AF4961" s="137"/>
      <c r="AG4961" s="137"/>
      <c r="AH4961" s="137"/>
      <c r="AI4961" s="137"/>
      <c r="AJ4961" s="137"/>
      <c r="AK4961" s="206"/>
      <c r="AL4961" s="206"/>
      <c r="AM4961" s="143"/>
      <c r="AN4961" s="137"/>
      <c r="AO4961" s="137"/>
      <c r="AP4961" s="137"/>
      <c r="AQ4961" s="137"/>
      <c r="AR4961" s="137"/>
      <c r="AS4961" s="137"/>
      <c r="AT4961" s="137"/>
      <c r="AU4961" s="137"/>
      <c r="AV4961" s="137"/>
      <c r="AW4961" s="144"/>
    </row>
    <row r="4962" spans="2:49" x14ac:dyDescent="0.2">
      <c r="B4962" s="97"/>
      <c r="J4962" s="98"/>
      <c r="K4962" s="97"/>
      <c r="N4962" s="3"/>
      <c r="W4962" s="98"/>
      <c r="Z4962" s="143"/>
      <c r="AA4962" s="137"/>
      <c r="AB4962" s="137"/>
      <c r="AC4962" s="137"/>
      <c r="AD4962" s="137"/>
      <c r="AE4962" s="137"/>
      <c r="AF4962" s="137"/>
      <c r="AG4962" s="137"/>
      <c r="AH4962" s="137"/>
      <c r="AI4962" s="137"/>
      <c r="AJ4962" s="137"/>
      <c r="AK4962" s="206"/>
      <c r="AL4962" s="206"/>
      <c r="AM4962" s="143"/>
      <c r="AN4962" s="137"/>
      <c r="AO4962" s="137"/>
      <c r="AP4962" s="137"/>
      <c r="AQ4962" s="137"/>
      <c r="AR4962" s="137"/>
      <c r="AS4962" s="137"/>
      <c r="AT4962" s="137"/>
      <c r="AU4962" s="137"/>
      <c r="AV4962" s="137"/>
      <c r="AW4962" s="144"/>
    </row>
    <row r="4963" spans="2:49" x14ac:dyDescent="0.2">
      <c r="B4963" s="97"/>
      <c r="J4963" s="98"/>
      <c r="K4963" s="97"/>
      <c r="N4963" s="3"/>
      <c r="W4963" s="98"/>
      <c r="Z4963" s="143"/>
      <c r="AA4963" s="137"/>
      <c r="AB4963" s="137"/>
      <c r="AC4963" s="137"/>
      <c r="AD4963" s="137"/>
      <c r="AE4963" s="137"/>
      <c r="AF4963" s="137"/>
      <c r="AG4963" s="137"/>
      <c r="AH4963" s="137"/>
      <c r="AI4963" s="137"/>
      <c r="AJ4963" s="137"/>
      <c r="AK4963" s="206"/>
      <c r="AL4963" s="206"/>
      <c r="AM4963" s="143"/>
      <c r="AN4963" s="137"/>
      <c r="AO4963" s="137"/>
      <c r="AP4963" s="137"/>
      <c r="AQ4963" s="137"/>
      <c r="AR4963" s="137"/>
      <c r="AS4963" s="137"/>
      <c r="AT4963" s="137"/>
      <c r="AU4963" s="137"/>
      <c r="AV4963" s="137"/>
      <c r="AW4963" s="144"/>
    </row>
    <row r="4964" spans="2:49" x14ac:dyDescent="0.2">
      <c r="B4964" s="97"/>
      <c r="J4964" s="98"/>
      <c r="K4964" s="97"/>
      <c r="N4964" s="3"/>
      <c r="W4964" s="98"/>
      <c r="Z4964" s="143"/>
      <c r="AA4964" s="137"/>
      <c r="AB4964" s="137"/>
      <c r="AC4964" s="137"/>
      <c r="AD4964" s="137"/>
      <c r="AE4964" s="137"/>
      <c r="AF4964" s="137"/>
      <c r="AG4964" s="137"/>
      <c r="AH4964" s="137"/>
      <c r="AI4964" s="137"/>
      <c r="AJ4964" s="137"/>
      <c r="AK4964" s="206"/>
      <c r="AL4964" s="206"/>
      <c r="AM4964" s="143"/>
      <c r="AN4964" s="137"/>
      <c r="AO4964" s="137"/>
      <c r="AP4964" s="137"/>
      <c r="AQ4964" s="137"/>
      <c r="AR4964" s="137"/>
      <c r="AS4964" s="137"/>
      <c r="AT4964" s="137"/>
      <c r="AU4964" s="137"/>
      <c r="AV4964" s="137"/>
      <c r="AW4964" s="144"/>
    </row>
    <row r="4965" spans="2:49" x14ac:dyDescent="0.2">
      <c r="B4965" s="97"/>
      <c r="J4965" s="98"/>
      <c r="K4965" s="97"/>
      <c r="N4965" s="3"/>
      <c r="W4965" s="98"/>
      <c r="Z4965" s="143"/>
      <c r="AA4965" s="137"/>
      <c r="AB4965" s="137"/>
      <c r="AC4965" s="137"/>
      <c r="AD4965" s="137"/>
      <c r="AE4965" s="137"/>
      <c r="AF4965" s="137"/>
      <c r="AG4965" s="137"/>
      <c r="AH4965" s="137"/>
      <c r="AI4965" s="137"/>
      <c r="AJ4965" s="137"/>
      <c r="AK4965" s="206"/>
      <c r="AL4965" s="206"/>
      <c r="AM4965" s="143"/>
      <c r="AN4965" s="137"/>
      <c r="AO4965" s="137"/>
      <c r="AP4965" s="137"/>
      <c r="AQ4965" s="137"/>
      <c r="AR4965" s="137"/>
      <c r="AS4965" s="137"/>
      <c r="AT4965" s="137"/>
      <c r="AU4965" s="137"/>
      <c r="AV4965" s="137"/>
      <c r="AW4965" s="144"/>
    </row>
    <row r="4966" spans="2:49" x14ac:dyDescent="0.2">
      <c r="B4966" s="97"/>
      <c r="J4966" s="98"/>
      <c r="K4966" s="97"/>
      <c r="N4966" s="3"/>
      <c r="W4966" s="98"/>
      <c r="Z4966" s="143"/>
      <c r="AA4966" s="137"/>
      <c r="AB4966" s="137"/>
      <c r="AC4966" s="137"/>
      <c r="AD4966" s="137"/>
      <c r="AE4966" s="137"/>
      <c r="AF4966" s="137"/>
      <c r="AG4966" s="137"/>
      <c r="AH4966" s="137"/>
      <c r="AI4966" s="137"/>
      <c r="AJ4966" s="137"/>
      <c r="AK4966" s="206"/>
      <c r="AL4966" s="206"/>
      <c r="AM4966" s="143"/>
      <c r="AN4966" s="137"/>
      <c r="AO4966" s="137"/>
      <c r="AP4966" s="137"/>
      <c r="AQ4966" s="137"/>
      <c r="AR4966" s="137"/>
      <c r="AS4966" s="137"/>
      <c r="AT4966" s="137"/>
      <c r="AU4966" s="137"/>
      <c r="AV4966" s="137"/>
      <c r="AW4966" s="144"/>
    </row>
    <row r="4967" spans="2:49" x14ac:dyDescent="0.2">
      <c r="B4967" s="97"/>
      <c r="J4967" s="98"/>
      <c r="K4967" s="97"/>
      <c r="N4967" s="3"/>
      <c r="W4967" s="98"/>
      <c r="Z4967" s="143"/>
      <c r="AA4967" s="137"/>
      <c r="AB4967" s="137"/>
      <c r="AC4967" s="137"/>
      <c r="AD4967" s="137"/>
      <c r="AE4967" s="137"/>
      <c r="AF4967" s="137"/>
      <c r="AG4967" s="137"/>
      <c r="AH4967" s="137"/>
      <c r="AI4967" s="137"/>
      <c r="AJ4967" s="137"/>
      <c r="AK4967" s="206"/>
      <c r="AL4967" s="206"/>
      <c r="AM4967" s="143"/>
      <c r="AN4967" s="137"/>
      <c r="AO4967" s="137"/>
      <c r="AP4967" s="137"/>
      <c r="AQ4967" s="137"/>
      <c r="AR4967" s="137"/>
      <c r="AS4967" s="137"/>
      <c r="AT4967" s="137"/>
      <c r="AU4967" s="137"/>
      <c r="AV4967" s="137"/>
      <c r="AW4967" s="144"/>
    </row>
    <row r="4968" spans="2:49" x14ac:dyDescent="0.2">
      <c r="B4968" s="97"/>
      <c r="J4968" s="98"/>
      <c r="K4968" s="97"/>
      <c r="N4968" s="3"/>
      <c r="W4968" s="98"/>
      <c r="Z4968" s="143"/>
      <c r="AA4968" s="137"/>
      <c r="AB4968" s="137"/>
      <c r="AC4968" s="137"/>
      <c r="AD4968" s="137"/>
      <c r="AE4968" s="137"/>
      <c r="AF4968" s="137"/>
      <c r="AG4968" s="137"/>
      <c r="AH4968" s="137"/>
      <c r="AI4968" s="137"/>
      <c r="AJ4968" s="137"/>
      <c r="AK4968" s="206"/>
      <c r="AL4968" s="206"/>
      <c r="AM4968" s="143"/>
      <c r="AN4968" s="137"/>
      <c r="AO4968" s="137"/>
      <c r="AP4968" s="137"/>
      <c r="AQ4968" s="137"/>
      <c r="AR4968" s="137"/>
      <c r="AS4968" s="137"/>
      <c r="AT4968" s="137"/>
      <c r="AU4968" s="137"/>
      <c r="AV4968" s="137"/>
      <c r="AW4968" s="144"/>
    </row>
    <row r="4969" spans="2:49" x14ac:dyDescent="0.2">
      <c r="B4969" s="97"/>
      <c r="J4969" s="98"/>
      <c r="K4969" s="97"/>
      <c r="N4969" s="3"/>
      <c r="W4969" s="98"/>
      <c r="Z4969" s="143"/>
      <c r="AA4969" s="137"/>
      <c r="AB4969" s="137"/>
      <c r="AC4969" s="137"/>
      <c r="AD4969" s="137"/>
      <c r="AE4969" s="137"/>
      <c r="AF4969" s="137"/>
      <c r="AG4969" s="137"/>
      <c r="AH4969" s="137"/>
      <c r="AI4969" s="137"/>
      <c r="AJ4969" s="137"/>
      <c r="AK4969" s="206"/>
      <c r="AL4969" s="206"/>
      <c r="AM4969" s="143"/>
      <c r="AN4969" s="137"/>
      <c r="AO4969" s="137"/>
      <c r="AP4969" s="137"/>
      <c r="AQ4969" s="137"/>
      <c r="AR4969" s="137"/>
      <c r="AS4969" s="137"/>
      <c r="AT4969" s="137"/>
      <c r="AU4969" s="137"/>
      <c r="AV4969" s="137"/>
      <c r="AW4969" s="144"/>
    </row>
    <row r="4970" spans="2:49" x14ac:dyDescent="0.2">
      <c r="B4970" s="97"/>
      <c r="J4970" s="98"/>
      <c r="K4970" s="97"/>
      <c r="N4970" s="3"/>
      <c r="W4970" s="98"/>
      <c r="Z4970" s="143"/>
      <c r="AA4970" s="137"/>
      <c r="AB4970" s="137"/>
      <c r="AC4970" s="137"/>
      <c r="AD4970" s="137"/>
      <c r="AE4970" s="137"/>
      <c r="AF4970" s="137"/>
      <c r="AG4970" s="137"/>
      <c r="AH4970" s="137"/>
      <c r="AI4970" s="137"/>
      <c r="AJ4970" s="137"/>
      <c r="AK4970" s="206"/>
      <c r="AL4970" s="206"/>
      <c r="AM4970" s="143"/>
      <c r="AN4970" s="137"/>
      <c r="AO4970" s="137"/>
      <c r="AP4970" s="137"/>
      <c r="AQ4970" s="137"/>
      <c r="AR4970" s="137"/>
      <c r="AS4970" s="137"/>
      <c r="AT4970" s="137"/>
      <c r="AU4970" s="137"/>
      <c r="AV4970" s="137"/>
      <c r="AW4970" s="144"/>
    </row>
    <row r="4971" spans="2:49" x14ac:dyDescent="0.2">
      <c r="B4971" s="97"/>
      <c r="J4971" s="98"/>
      <c r="K4971" s="97"/>
      <c r="N4971" s="3"/>
      <c r="W4971" s="98"/>
      <c r="Z4971" s="143"/>
      <c r="AA4971" s="137"/>
      <c r="AB4971" s="137"/>
      <c r="AC4971" s="137"/>
      <c r="AD4971" s="137"/>
      <c r="AE4971" s="137"/>
      <c r="AF4971" s="137"/>
      <c r="AG4971" s="137"/>
      <c r="AH4971" s="137"/>
      <c r="AI4971" s="137"/>
      <c r="AJ4971" s="137"/>
      <c r="AK4971" s="206"/>
      <c r="AL4971" s="206"/>
      <c r="AM4971" s="143"/>
      <c r="AN4971" s="137"/>
      <c r="AO4971" s="137"/>
      <c r="AP4971" s="137"/>
      <c r="AQ4971" s="137"/>
      <c r="AR4971" s="137"/>
      <c r="AS4971" s="137"/>
      <c r="AT4971" s="137"/>
      <c r="AU4971" s="137"/>
      <c r="AV4971" s="137"/>
      <c r="AW4971" s="144"/>
    </row>
    <row r="4972" spans="2:49" x14ac:dyDescent="0.2">
      <c r="B4972" s="97"/>
      <c r="J4972" s="98"/>
      <c r="K4972" s="97"/>
      <c r="N4972" s="3"/>
      <c r="W4972" s="98"/>
      <c r="Z4972" s="143"/>
      <c r="AA4972" s="137"/>
      <c r="AB4972" s="137"/>
      <c r="AC4972" s="137"/>
      <c r="AD4972" s="137"/>
      <c r="AE4972" s="137"/>
      <c r="AF4972" s="137"/>
      <c r="AG4972" s="137"/>
      <c r="AH4972" s="137"/>
      <c r="AI4972" s="137"/>
      <c r="AJ4972" s="137"/>
      <c r="AK4972" s="206"/>
      <c r="AL4972" s="206"/>
      <c r="AM4972" s="143"/>
      <c r="AN4972" s="137"/>
      <c r="AO4972" s="137"/>
      <c r="AP4972" s="137"/>
      <c r="AQ4972" s="137"/>
      <c r="AR4972" s="137"/>
      <c r="AS4972" s="137"/>
      <c r="AT4972" s="137"/>
      <c r="AU4972" s="137"/>
      <c r="AV4972" s="137"/>
      <c r="AW4972" s="144"/>
    </row>
    <row r="4973" spans="2:49" x14ac:dyDescent="0.2">
      <c r="B4973" s="97"/>
      <c r="J4973" s="98"/>
      <c r="K4973" s="97"/>
      <c r="N4973" s="3"/>
      <c r="W4973" s="98"/>
      <c r="Z4973" s="143"/>
      <c r="AA4973" s="137"/>
      <c r="AB4973" s="137"/>
      <c r="AC4973" s="137"/>
      <c r="AD4973" s="137"/>
      <c r="AE4973" s="137"/>
      <c r="AF4973" s="137"/>
      <c r="AG4973" s="137"/>
      <c r="AH4973" s="137"/>
      <c r="AI4973" s="137"/>
      <c r="AJ4973" s="137"/>
      <c r="AK4973" s="206"/>
      <c r="AL4973" s="206"/>
      <c r="AM4973" s="143"/>
      <c r="AN4973" s="137"/>
      <c r="AO4973" s="137"/>
      <c r="AP4973" s="137"/>
      <c r="AQ4973" s="137"/>
      <c r="AR4973" s="137"/>
      <c r="AS4973" s="137"/>
      <c r="AT4973" s="137"/>
      <c r="AU4973" s="137"/>
      <c r="AV4973" s="137"/>
      <c r="AW4973" s="144"/>
    </row>
    <row r="4974" spans="2:49" x14ac:dyDescent="0.2">
      <c r="B4974" s="97"/>
      <c r="J4974" s="98"/>
      <c r="K4974" s="97"/>
      <c r="N4974" s="3"/>
      <c r="W4974" s="98"/>
      <c r="Z4974" s="143"/>
      <c r="AA4974" s="137"/>
      <c r="AB4974" s="137"/>
      <c r="AC4974" s="137"/>
      <c r="AD4974" s="137"/>
      <c r="AE4974" s="137"/>
      <c r="AF4974" s="137"/>
      <c r="AG4974" s="137"/>
      <c r="AH4974" s="137"/>
      <c r="AI4974" s="137"/>
      <c r="AJ4974" s="137"/>
      <c r="AK4974" s="206"/>
      <c r="AL4974" s="206"/>
      <c r="AM4974" s="143"/>
      <c r="AN4974" s="137"/>
      <c r="AO4974" s="137"/>
      <c r="AP4974" s="137"/>
      <c r="AQ4974" s="137"/>
      <c r="AR4974" s="137"/>
      <c r="AS4974" s="137"/>
      <c r="AT4974" s="137"/>
      <c r="AU4974" s="137"/>
      <c r="AV4974" s="137"/>
      <c r="AW4974" s="144"/>
    </row>
    <row r="4975" spans="2:49" x14ac:dyDescent="0.2">
      <c r="B4975" s="97"/>
      <c r="J4975" s="98"/>
      <c r="K4975" s="97"/>
      <c r="N4975" s="3"/>
      <c r="W4975" s="98"/>
      <c r="Z4975" s="143"/>
      <c r="AA4975" s="137"/>
      <c r="AB4975" s="137"/>
      <c r="AC4975" s="137"/>
      <c r="AD4975" s="137"/>
      <c r="AE4975" s="137"/>
      <c r="AF4975" s="137"/>
      <c r="AG4975" s="137"/>
      <c r="AH4975" s="137"/>
      <c r="AI4975" s="137"/>
      <c r="AJ4975" s="137"/>
      <c r="AK4975" s="206"/>
      <c r="AL4975" s="206"/>
      <c r="AM4975" s="143"/>
      <c r="AN4975" s="137"/>
      <c r="AO4975" s="137"/>
      <c r="AP4975" s="137"/>
      <c r="AQ4975" s="137"/>
      <c r="AR4975" s="137"/>
      <c r="AS4975" s="137"/>
      <c r="AT4975" s="137"/>
      <c r="AU4975" s="137"/>
      <c r="AV4975" s="137"/>
      <c r="AW4975" s="144"/>
    </row>
    <row r="4976" spans="2:49" x14ac:dyDescent="0.2">
      <c r="B4976" s="97"/>
      <c r="J4976" s="98"/>
      <c r="K4976" s="97"/>
      <c r="N4976" s="3"/>
      <c r="W4976" s="98"/>
      <c r="Z4976" s="143"/>
      <c r="AA4976" s="137"/>
      <c r="AB4976" s="137"/>
      <c r="AC4976" s="137"/>
      <c r="AD4976" s="137"/>
      <c r="AE4976" s="137"/>
      <c r="AF4976" s="137"/>
      <c r="AG4976" s="137"/>
      <c r="AH4976" s="137"/>
      <c r="AI4976" s="137"/>
      <c r="AJ4976" s="137"/>
      <c r="AK4976" s="206"/>
      <c r="AL4976" s="206"/>
      <c r="AM4976" s="143"/>
      <c r="AN4976" s="137"/>
      <c r="AO4976" s="137"/>
      <c r="AP4976" s="137"/>
      <c r="AQ4976" s="137"/>
      <c r="AR4976" s="137"/>
      <c r="AS4976" s="137"/>
      <c r="AT4976" s="137"/>
      <c r="AU4976" s="137"/>
      <c r="AV4976" s="137"/>
      <c r="AW4976" s="144"/>
    </row>
    <row r="4977" spans="2:49" x14ac:dyDescent="0.2">
      <c r="B4977" s="97"/>
      <c r="J4977" s="98"/>
      <c r="K4977" s="97"/>
      <c r="N4977" s="3"/>
      <c r="W4977" s="98"/>
      <c r="Z4977" s="143"/>
      <c r="AA4977" s="137"/>
      <c r="AB4977" s="137"/>
      <c r="AC4977" s="137"/>
      <c r="AD4977" s="137"/>
      <c r="AE4977" s="137"/>
      <c r="AF4977" s="137"/>
      <c r="AG4977" s="137"/>
      <c r="AH4977" s="137"/>
      <c r="AI4977" s="137"/>
      <c r="AJ4977" s="137"/>
      <c r="AK4977" s="206"/>
      <c r="AL4977" s="206"/>
      <c r="AM4977" s="143"/>
      <c r="AN4977" s="137"/>
      <c r="AO4977" s="137"/>
      <c r="AP4977" s="137"/>
      <c r="AQ4977" s="137"/>
      <c r="AR4977" s="137"/>
      <c r="AS4977" s="137"/>
      <c r="AT4977" s="137"/>
      <c r="AU4977" s="137"/>
      <c r="AV4977" s="137"/>
      <c r="AW4977" s="144"/>
    </row>
    <row r="4978" spans="2:49" x14ac:dyDescent="0.2">
      <c r="B4978" s="97"/>
      <c r="J4978" s="98"/>
      <c r="K4978" s="97"/>
      <c r="N4978" s="3"/>
      <c r="W4978" s="98"/>
      <c r="Z4978" s="143"/>
      <c r="AA4978" s="137"/>
      <c r="AB4978" s="137"/>
      <c r="AC4978" s="137"/>
      <c r="AD4978" s="137"/>
      <c r="AE4978" s="137"/>
      <c r="AF4978" s="137"/>
      <c r="AG4978" s="137"/>
      <c r="AH4978" s="137"/>
      <c r="AI4978" s="137"/>
      <c r="AJ4978" s="137"/>
      <c r="AK4978" s="206"/>
      <c r="AL4978" s="206"/>
      <c r="AM4978" s="143"/>
      <c r="AN4978" s="137"/>
      <c r="AO4978" s="137"/>
      <c r="AP4978" s="137"/>
      <c r="AQ4978" s="137"/>
      <c r="AR4978" s="137"/>
      <c r="AS4978" s="137"/>
      <c r="AT4978" s="137"/>
      <c r="AU4978" s="137"/>
      <c r="AV4978" s="137"/>
      <c r="AW4978" s="144"/>
    </row>
    <row r="4979" spans="2:49" x14ac:dyDescent="0.2">
      <c r="B4979" s="97"/>
      <c r="J4979" s="98"/>
      <c r="K4979" s="97"/>
      <c r="N4979" s="3"/>
      <c r="W4979" s="98"/>
      <c r="Z4979" s="143"/>
      <c r="AA4979" s="137"/>
      <c r="AB4979" s="137"/>
      <c r="AC4979" s="137"/>
      <c r="AD4979" s="137"/>
      <c r="AE4979" s="137"/>
      <c r="AF4979" s="137"/>
      <c r="AG4979" s="137"/>
      <c r="AH4979" s="137"/>
      <c r="AI4979" s="137"/>
      <c r="AJ4979" s="137"/>
      <c r="AK4979" s="206"/>
      <c r="AL4979" s="206"/>
      <c r="AM4979" s="143"/>
      <c r="AN4979" s="137"/>
      <c r="AO4979" s="137"/>
      <c r="AP4979" s="137"/>
      <c r="AQ4979" s="137"/>
      <c r="AR4979" s="137"/>
      <c r="AS4979" s="137"/>
      <c r="AT4979" s="137"/>
      <c r="AU4979" s="137"/>
      <c r="AV4979" s="137"/>
      <c r="AW4979" s="144"/>
    </row>
    <row r="4980" spans="2:49" x14ac:dyDescent="0.2">
      <c r="B4980" s="97"/>
      <c r="J4980" s="98"/>
      <c r="K4980" s="97"/>
      <c r="N4980" s="3"/>
      <c r="W4980" s="98"/>
      <c r="Z4980" s="143"/>
      <c r="AA4980" s="137"/>
      <c r="AB4980" s="137"/>
      <c r="AC4980" s="137"/>
      <c r="AD4980" s="137"/>
      <c r="AE4980" s="137"/>
      <c r="AF4980" s="137"/>
      <c r="AG4980" s="137"/>
      <c r="AH4980" s="137"/>
      <c r="AI4980" s="137"/>
      <c r="AJ4980" s="137"/>
      <c r="AK4980" s="206"/>
      <c r="AL4980" s="206"/>
      <c r="AM4980" s="143"/>
      <c r="AN4980" s="137"/>
      <c r="AO4980" s="137"/>
      <c r="AP4980" s="137"/>
      <c r="AQ4980" s="137"/>
      <c r="AR4980" s="137"/>
      <c r="AS4980" s="137"/>
      <c r="AT4980" s="137"/>
      <c r="AU4980" s="137"/>
      <c r="AV4980" s="137"/>
      <c r="AW4980" s="144"/>
    </row>
    <row r="4981" spans="2:49" x14ac:dyDescent="0.2">
      <c r="B4981" s="97"/>
      <c r="J4981" s="98"/>
      <c r="K4981" s="97"/>
      <c r="N4981" s="3"/>
      <c r="W4981" s="98"/>
      <c r="Z4981" s="143"/>
      <c r="AA4981" s="137"/>
      <c r="AB4981" s="137"/>
      <c r="AC4981" s="137"/>
      <c r="AD4981" s="137"/>
      <c r="AE4981" s="137"/>
      <c r="AF4981" s="137"/>
      <c r="AG4981" s="137"/>
      <c r="AH4981" s="137"/>
      <c r="AI4981" s="137"/>
      <c r="AJ4981" s="137"/>
      <c r="AK4981" s="206"/>
      <c r="AL4981" s="206"/>
      <c r="AM4981" s="143"/>
      <c r="AN4981" s="137"/>
      <c r="AO4981" s="137"/>
      <c r="AP4981" s="137"/>
      <c r="AQ4981" s="137"/>
      <c r="AR4981" s="137"/>
      <c r="AS4981" s="137"/>
      <c r="AT4981" s="137"/>
      <c r="AU4981" s="137"/>
      <c r="AV4981" s="137"/>
      <c r="AW4981" s="144"/>
    </row>
    <row r="4982" spans="2:49" x14ac:dyDescent="0.2">
      <c r="B4982" s="97"/>
      <c r="J4982" s="98"/>
      <c r="K4982" s="97"/>
      <c r="N4982" s="3"/>
      <c r="W4982" s="98"/>
      <c r="Z4982" s="143"/>
      <c r="AA4982" s="137"/>
      <c r="AB4982" s="137"/>
      <c r="AC4982" s="137"/>
      <c r="AD4982" s="137"/>
      <c r="AE4982" s="137"/>
      <c r="AF4982" s="137"/>
      <c r="AG4982" s="137"/>
      <c r="AH4982" s="137"/>
      <c r="AI4982" s="137"/>
      <c r="AJ4982" s="137"/>
      <c r="AK4982" s="206"/>
      <c r="AL4982" s="206"/>
      <c r="AM4982" s="143"/>
      <c r="AN4982" s="137"/>
      <c r="AO4982" s="137"/>
      <c r="AP4982" s="137"/>
      <c r="AQ4982" s="137"/>
      <c r="AR4982" s="137"/>
      <c r="AS4982" s="137"/>
      <c r="AT4982" s="137"/>
      <c r="AU4982" s="137"/>
      <c r="AV4982" s="137"/>
      <c r="AW4982" s="144"/>
    </row>
    <row r="4983" spans="2:49" x14ac:dyDescent="0.2">
      <c r="B4983" s="97"/>
      <c r="J4983" s="98"/>
      <c r="K4983" s="97"/>
      <c r="N4983" s="3"/>
      <c r="W4983" s="98"/>
      <c r="Z4983" s="143"/>
      <c r="AA4983" s="137"/>
      <c r="AB4983" s="137"/>
      <c r="AC4983" s="137"/>
      <c r="AD4983" s="137"/>
      <c r="AE4983" s="137"/>
      <c r="AF4983" s="137"/>
      <c r="AG4983" s="137"/>
      <c r="AH4983" s="137"/>
      <c r="AI4983" s="137"/>
      <c r="AJ4983" s="137"/>
      <c r="AK4983" s="206"/>
      <c r="AL4983" s="206"/>
      <c r="AM4983" s="143"/>
      <c r="AN4983" s="137"/>
      <c r="AO4983" s="137"/>
      <c r="AP4983" s="137"/>
      <c r="AQ4983" s="137"/>
      <c r="AR4983" s="137"/>
      <c r="AS4983" s="137"/>
      <c r="AT4983" s="137"/>
      <c r="AU4983" s="137"/>
      <c r="AV4983" s="137"/>
      <c r="AW4983" s="144"/>
    </row>
    <row r="4984" spans="2:49" x14ac:dyDescent="0.2">
      <c r="B4984" s="97"/>
      <c r="J4984" s="98"/>
      <c r="K4984" s="97"/>
      <c r="N4984" s="3"/>
      <c r="W4984" s="98"/>
      <c r="Z4984" s="143"/>
      <c r="AA4984" s="137"/>
      <c r="AB4984" s="137"/>
      <c r="AC4984" s="137"/>
      <c r="AD4984" s="137"/>
      <c r="AE4984" s="137"/>
      <c r="AF4984" s="137"/>
      <c r="AG4984" s="137"/>
      <c r="AH4984" s="137"/>
      <c r="AI4984" s="137"/>
      <c r="AJ4984" s="137"/>
      <c r="AK4984" s="206"/>
      <c r="AL4984" s="206"/>
      <c r="AM4984" s="143"/>
      <c r="AN4984" s="137"/>
      <c r="AO4984" s="137"/>
      <c r="AP4984" s="137"/>
      <c r="AQ4984" s="137"/>
      <c r="AR4984" s="137"/>
      <c r="AS4984" s="137"/>
      <c r="AT4984" s="137"/>
      <c r="AU4984" s="137"/>
      <c r="AV4984" s="137"/>
      <c r="AW4984" s="144"/>
    </row>
    <row r="4985" spans="2:49" x14ac:dyDescent="0.2">
      <c r="B4985" s="97"/>
      <c r="J4985" s="98"/>
      <c r="K4985" s="97"/>
      <c r="N4985" s="3"/>
      <c r="W4985" s="98"/>
      <c r="Z4985" s="143"/>
      <c r="AA4985" s="137"/>
      <c r="AB4985" s="137"/>
      <c r="AC4985" s="137"/>
      <c r="AD4985" s="137"/>
      <c r="AE4985" s="137"/>
      <c r="AF4985" s="137"/>
      <c r="AG4985" s="137"/>
      <c r="AH4985" s="137"/>
      <c r="AI4985" s="137"/>
      <c r="AJ4985" s="137"/>
      <c r="AK4985" s="206"/>
      <c r="AL4985" s="206"/>
      <c r="AM4985" s="143"/>
      <c r="AN4985" s="137"/>
      <c r="AO4985" s="137"/>
      <c r="AP4985" s="137"/>
      <c r="AQ4985" s="137"/>
      <c r="AR4985" s="137"/>
      <c r="AS4985" s="137"/>
      <c r="AT4985" s="137"/>
      <c r="AU4985" s="137"/>
      <c r="AV4985" s="137"/>
      <c r="AW4985" s="144"/>
    </row>
    <row r="4986" spans="2:49" x14ac:dyDescent="0.2">
      <c r="B4986" s="97"/>
      <c r="J4986" s="98"/>
      <c r="K4986" s="97"/>
      <c r="N4986" s="3"/>
      <c r="W4986" s="98"/>
      <c r="Z4986" s="143"/>
      <c r="AA4986" s="137"/>
      <c r="AB4986" s="137"/>
      <c r="AC4986" s="137"/>
      <c r="AD4986" s="137"/>
      <c r="AE4986" s="137"/>
      <c r="AF4986" s="137"/>
      <c r="AG4986" s="137"/>
      <c r="AH4986" s="137"/>
      <c r="AI4986" s="137"/>
      <c r="AJ4986" s="137"/>
      <c r="AK4986" s="206"/>
      <c r="AL4986" s="206"/>
      <c r="AM4986" s="143"/>
      <c r="AN4986" s="137"/>
      <c r="AO4986" s="137"/>
      <c r="AP4986" s="137"/>
      <c r="AQ4986" s="137"/>
      <c r="AR4986" s="137"/>
      <c r="AS4986" s="137"/>
      <c r="AT4986" s="137"/>
      <c r="AU4986" s="137"/>
      <c r="AV4986" s="137"/>
      <c r="AW4986" s="144"/>
    </row>
    <row r="4987" spans="2:49" x14ac:dyDescent="0.2">
      <c r="B4987" s="97"/>
      <c r="J4987" s="98"/>
      <c r="K4987" s="97"/>
      <c r="N4987" s="3"/>
      <c r="W4987" s="98"/>
      <c r="Z4987" s="143"/>
      <c r="AA4987" s="137"/>
      <c r="AB4987" s="137"/>
      <c r="AC4987" s="137"/>
      <c r="AD4987" s="137"/>
      <c r="AE4987" s="137"/>
      <c r="AF4987" s="137"/>
      <c r="AG4987" s="137"/>
      <c r="AH4987" s="137"/>
      <c r="AI4987" s="137"/>
      <c r="AJ4987" s="137"/>
      <c r="AK4987" s="206"/>
      <c r="AL4987" s="206"/>
      <c r="AM4987" s="143"/>
      <c r="AN4987" s="137"/>
      <c r="AO4987" s="137"/>
      <c r="AP4987" s="137"/>
      <c r="AQ4987" s="137"/>
      <c r="AR4987" s="137"/>
      <c r="AS4987" s="137"/>
      <c r="AT4987" s="137"/>
      <c r="AU4987" s="137"/>
      <c r="AV4987" s="137"/>
      <c r="AW4987" s="144"/>
    </row>
    <row r="4988" spans="2:49" x14ac:dyDescent="0.2">
      <c r="B4988" s="97"/>
      <c r="J4988" s="98"/>
      <c r="K4988" s="97"/>
      <c r="N4988" s="3"/>
      <c r="W4988" s="98"/>
      <c r="Z4988" s="143"/>
      <c r="AA4988" s="137"/>
      <c r="AB4988" s="137"/>
      <c r="AC4988" s="137"/>
      <c r="AD4988" s="137"/>
      <c r="AE4988" s="137"/>
      <c r="AF4988" s="137"/>
      <c r="AG4988" s="137"/>
      <c r="AH4988" s="137"/>
      <c r="AI4988" s="137"/>
      <c r="AJ4988" s="137"/>
      <c r="AK4988" s="206"/>
      <c r="AL4988" s="206"/>
      <c r="AM4988" s="143"/>
      <c r="AN4988" s="137"/>
      <c r="AO4988" s="137"/>
      <c r="AP4988" s="137"/>
      <c r="AQ4988" s="137"/>
      <c r="AR4988" s="137"/>
      <c r="AS4988" s="137"/>
      <c r="AT4988" s="137"/>
      <c r="AU4988" s="137"/>
      <c r="AV4988" s="137"/>
      <c r="AW4988" s="144"/>
    </row>
    <row r="4989" spans="2:49" x14ac:dyDescent="0.2">
      <c r="B4989" s="97"/>
      <c r="J4989" s="98"/>
      <c r="K4989" s="97"/>
      <c r="N4989" s="3"/>
      <c r="W4989" s="98"/>
      <c r="Z4989" s="143"/>
      <c r="AA4989" s="137"/>
      <c r="AB4989" s="137"/>
      <c r="AC4989" s="137"/>
      <c r="AD4989" s="137"/>
      <c r="AE4989" s="137"/>
      <c r="AF4989" s="137"/>
      <c r="AG4989" s="137"/>
      <c r="AH4989" s="137"/>
      <c r="AI4989" s="137"/>
      <c r="AJ4989" s="137"/>
      <c r="AK4989" s="206"/>
      <c r="AL4989" s="206"/>
      <c r="AM4989" s="143"/>
      <c r="AN4989" s="137"/>
      <c r="AO4989" s="137"/>
      <c r="AP4989" s="137"/>
      <c r="AQ4989" s="137"/>
      <c r="AR4989" s="137"/>
      <c r="AS4989" s="137"/>
      <c r="AT4989" s="137"/>
      <c r="AU4989" s="137"/>
      <c r="AV4989" s="137"/>
      <c r="AW4989" s="144"/>
    </row>
    <row r="4990" spans="2:49" x14ac:dyDescent="0.2">
      <c r="B4990" s="97"/>
      <c r="J4990" s="98"/>
      <c r="K4990" s="97"/>
      <c r="N4990" s="3"/>
      <c r="W4990" s="98"/>
      <c r="Z4990" s="143"/>
      <c r="AA4990" s="137"/>
      <c r="AB4990" s="137"/>
      <c r="AC4990" s="137"/>
      <c r="AD4990" s="137"/>
      <c r="AE4990" s="137"/>
      <c r="AF4990" s="137"/>
      <c r="AG4990" s="137"/>
      <c r="AH4990" s="137"/>
      <c r="AI4990" s="137"/>
      <c r="AJ4990" s="137"/>
      <c r="AK4990" s="206"/>
      <c r="AL4990" s="206"/>
      <c r="AM4990" s="143"/>
      <c r="AN4990" s="137"/>
      <c r="AO4990" s="137"/>
      <c r="AP4990" s="137"/>
      <c r="AQ4990" s="137"/>
      <c r="AR4990" s="137"/>
      <c r="AS4990" s="137"/>
      <c r="AT4990" s="137"/>
      <c r="AU4990" s="137"/>
      <c r="AV4990" s="137"/>
      <c r="AW4990" s="144"/>
    </row>
    <row r="4991" spans="2:49" x14ac:dyDescent="0.2">
      <c r="B4991" s="97"/>
      <c r="J4991" s="98"/>
      <c r="K4991" s="97"/>
      <c r="N4991" s="3"/>
      <c r="W4991" s="98"/>
      <c r="Z4991" s="143"/>
      <c r="AA4991" s="137"/>
      <c r="AB4991" s="137"/>
      <c r="AC4991" s="137"/>
      <c r="AD4991" s="137"/>
      <c r="AE4991" s="137"/>
      <c r="AF4991" s="137"/>
      <c r="AG4991" s="137"/>
      <c r="AH4991" s="137"/>
      <c r="AI4991" s="137"/>
      <c r="AJ4991" s="137"/>
      <c r="AK4991" s="206"/>
      <c r="AL4991" s="206"/>
      <c r="AM4991" s="143"/>
      <c r="AN4991" s="137"/>
      <c r="AO4991" s="137"/>
      <c r="AP4991" s="137"/>
      <c r="AQ4991" s="137"/>
      <c r="AR4991" s="137"/>
      <c r="AS4991" s="137"/>
      <c r="AT4991" s="137"/>
      <c r="AU4991" s="137"/>
      <c r="AV4991" s="137"/>
      <c r="AW4991" s="144"/>
    </row>
    <row r="4992" spans="2:49" x14ac:dyDescent="0.2">
      <c r="B4992" s="97"/>
      <c r="J4992" s="98"/>
      <c r="K4992" s="97"/>
      <c r="N4992" s="3"/>
      <c r="W4992" s="98"/>
      <c r="Z4992" s="143"/>
      <c r="AA4992" s="137"/>
      <c r="AB4992" s="137"/>
      <c r="AC4992" s="137"/>
      <c r="AD4992" s="137"/>
      <c r="AE4992" s="137"/>
      <c r="AF4992" s="137"/>
      <c r="AG4992" s="137"/>
      <c r="AH4992" s="137"/>
      <c r="AI4992" s="137"/>
      <c r="AJ4992" s="137"/>
      <c r="AK4992" s="206"/>
      <c r="AL4992" s="206"/>
      <c r="AM4992" s="143"/>
      <c r="AN4992" s="137"/>
      <c r="AO4992" s="137"/>
      <c r="AP4992" s="137"/>
      <c r="AQ4992" s="137"/>
      <c r="AR4992" s="137"/>
      <c r="AS4992" s="137"/>
      <c r="AT4992" s="137"/>
      <c r="AU4992" s="137"/>
      <c r="AV4992" s="137"/>
      <c r="AW4992" s="144"/>
    </row>
    <row r="4993" spans="2:49" x14ac:dyDescent="0.2">
      <c r="B4993" s="97"/>
      <c r="J4993" s="98"/>
      <c r="K4993" s="97"/>
      <c r="N4993" s="3"/>
      <c r="W4993" s="98"/>
      <c r="Z4993" s="143"/>
      <c r="AA4993" s="137"/>
      <c r="AB4993" s="137"/>
      <c r="AC4993" s="137"/>
      <c r="AD4993" s="137"/>
      <c r="AE4993" s="137"/>
      <c r="AF4993" s="137"/>
      <c r="AG4993" s="137"/>
      <c r="AH4993" s="137"/>
      <c r="AI4993" s="137"/>
      <c r="AJ4993" s="137"/>
      <c r="AK4993" s="206"/>
      <c r="AL4993" s="206"/>
      <c r="AM4993" s="143"/>
      <c r="AN4993" s="137"/>
      <c r="AO4993" s="137"/>
      <c r="AP4993" s="137"/>
      <c r="AQ4993" s="137"/>
      <c r="AR4993" s="137"/>
      <c r="AS4993" s="137"/>
      <c r="AT4993" s="137"/>
      <c r="AU4993" s="137"/>
      <c r="AV4993" s="137"/>
      <c r="AW4993" s="144"/>
    </row>
    <row r="4994" spans="2:49" x14ac:dyDescent="0.2">
      <c r="B4994" s="97"/>
      <c r="J4994" s="98"/>
      <c r="K4994" s="97"/>
      <c r="N4994" s="3"/>
      <c r="W4994" s="98"/>
      <c r="Z4994" s="143"/>
      <c r="AA4994" s="137"/>
      <c r="AB4994" s="137"/>
      <c r="AC4994" s="137"/>
      <c r="AD4994" s="137"/>
      <c r="AE4994" s="137"/>
      <c r="AF4994" s="137"/>
      <c r="AG4994" s="137"/>
      <c r="AH4994" s="137"/>
      <c r="AI4994" s="137"/>
      <c r="AJ4994" s="137"/>
      <c r="AK4994" s="206"/>
      <c r="AL4994" s="206"/>
      <c r="AM4994" s="143"/>
      <c r="AN4994" s="137"/>
      <c r="AO4994" s="137"/>
      <c r="AP4994" s="137"/>
      <c r="AQ4994" s="137"/>
      <c r="AR4994" s="137"/>
      <c r="AS4994" s="137"/>
      <c r="AT4994" s="137"/>
      <c r="AU4994" s="137"/>
      <c r="AV4994" s="137"/>
      <c r="AW4994" s="144"/>
    </row>
    <row r="4995" spans="2:49" x14ac:dyDescent="0.2">
      <c r="B4995" s="97"/>
      <c r="J4995" s="98"/>
      <c r="K4995" s="97"/>
      <c r="N4995" s="3"/>
      <c r="W4995" s="98"/>
      <c r="Z4995" s="143"/>
      <c r="AA4995" s="137"/>
      <c r="AB4995" s="137"/>
      <c r="AC4995" s="137"/>
      <c r="AD4995" s="137"/>
      <c r="AE4995" s="137"/>
      <c r="AF4995" s="137"/>
      <c r="AG4995" s="137"/>
      <c r="AH4995" s="137"/>
      <c r="AI4995" s="137"/>
      <c r="AJ4995" s="137"/>
      <c r="AK4995" s="206"/>
      <c r="AL4995" s="206"/>
      <c r="AM4995" s="143"/>
      <c r="AN4995" s="137"/>
      <c r="AO4995" s="137"/>
      <c r="AP4995" s="137"/>
      <c r="AQ4995" s="137"/>
      <c r="AR4995" s="137"/>
      <c r="AS4995" s="137"/>
      <c r="AT4995" s="137"/>
      <c r="AU4995" s="137"/>
      <c r="AV4995" s="137"/>
      <c r="AW4995" s="144"/>
    </row>
    <row r="4996" spans="2:49" x14ac:dyDescent="0.2">
      <c r="B4996" s="97"/>
      <c r="J4996" s="98"/>
      <c r="K4996" s="97"/>
      <c r="N4996" s="3"/>
      <c r="W4996" s="98"/>
      <c r="Z4996" s="143"/>
      <c r="AA4996" s="137"/>
      <c r="AB4996" s="137"/>
      <c r="AC4996" s="137"/>
      <c r="AD4996" s="137"/>
      <c r="AE4996" s="137"/>
      <c r="AF4996" s="137"/>
      <c r="AG4996" s="137"/>
      <c r="AH4996" s="137"/>
      <c r="AI4996" s="137"/>
      <c r="AJ4996" s="137"/>
      <c r="AK4996" s="206"/>
      <c r="AL4996" s="206"/>
      <c r="AM4996" s="143"/>
      <c r="AN4996" s="137"/>
      <c r="AO4996" s="137"/>
      <c r="AP4996" s="137"/>
      <c r="AQ4996" s="137"/>
      <c r="AR4996" s="137"/>
      <c r="AS4996" s="137"/>
      <c r="AT4996" s="137"/>
      <c r="AU4996" s="137"/>
      <c r="AV4996" s="137"/>
      <c r="AW4996" s="144"/>
    </row>
    <row r="4997" spans="2:49" x14ac:dyDescent="0.2">
      <c r="B4997" s="97"/>
      <c r="J4997" s="98"/>
      <c r="K4997" s="97"/>
      <c r="N4997" s="3"/>
      <c r="W4997" s="98"/>
      <c r="Z4997" s="143"/>
      <c r="AA4997" s="137"/>
      <c r="AB4997" s="137"/>
      <c r="AC4997" s="137"/>
      <c r="AD4997" s="137"/>
      <c r="AE4997" s="137"/>
      <c r="AF4997" s="137"/>
      <c r="AG4997" s="137"/>
      <c r="AH4997" s="137"/>
      <c r="AI4997" s="137"/>
      <c r="AJ4997" s="137"/>
      <c r="AK4997" s="206"/>
      <c r="AL4997" s="206"/>
      <c r="AM4997" s="143"/>
      <c r="AN4997" s="137"/>
      <c r="AO4997" s="137"/>
      <c r="AP4997" s="137"/>
      <c r="AQ4997" s="137"/>
      <c r="AR4997" s="137"/>
      <c r="AS4997" s="137"/>
      <c r="AT4997" s="137"/>
      <c r="AU4997" s="137"/>
      <c r="AV4997" s="137"/>
      <c r="AW4997" s="144"/>
    </row>
    <row r="4998" spans="2:49" x14ac:dyDescent="0.2">
      <c r="B4998" s="97"/>
      <c r="J4998" s="98"/>
      <c r="K4998" s="97"/>
      <c r="N4998" s="3"/>
      <c r="W4998" s="98"/>
      <c r="Z4998" s="143"/>
      <c r="AA4998" s="137"/>
      <c r="AB4998" s="137"/>
      <c r="AC4998" s="137"/>
      <c r="AD4998" s="137"/>
      <c r="AE4998" s="137"/>
      <c r="AF4998" s="137"/>
      <c r="AG4998" s="137"/>
      <c r="AH4998" s="137"/>
      <c r="AI4998" s="137"/>
      <c r="AJ4998" s="137"/>
      <c r="AK4998" s="206"/>
      <c r="AL4998" s="206"/>
      <c r="AM4998" s="143"/>
      <c r="AN4998" s="137"/>
      <c r="AO4998" s="137"/>
      <c r="AP4998" s="137"/>
      <c r="AQ4998" s="137"/>
      <c r="AR4998" s="137"/>
      <c r="AS4998" s="137"/>
      <c r="AT4998" s="137"/>
      <c r="AU4998" s="137"/>
      <c r="AV4998" s="137"/>
      <c r="AW4998" s="144"/>
    </row>
    <row r="4999" spans="2:49" x14ac:dyDescent="0.2">
      <c r="B4999" s="97"/>
      <c r="J4999" s="98"/>
      <c r="K4999" s="97"/>
      <c r="N4999" s="3"/>
      <c r="W4999" s="98"/>
      <c r="Z4999" s="143"/>
      <c r="AA4999" s="137"/>
      <c r="AB4999" s="137"/>
      <c r="AC4999" s="137"/>
      <c r="AD4999" s="137"/>
      <c r="AE4999" s="137"/>
      <c r="AF4999" s="137"/>
      <c r="AG4999" s="137"/>
      <c r="AH4999" s="137"/>
      <c r="AI4999" s="137"/>
      <c r="AJ4999" s="137"/>
      <c r="AK4999" s="206"/>
      <c r="AL4999" s="206"/>
      <c r="AM4999" s="143"/>
      <c r="AN4999" s="137"/>
      <c r="AO4999" s="137"/>
      <c r="AP4999" s="137"/>
      <c r="AQ4999" s="137"/>
      <c r="AR4999" s="137"/>
      <c r="AS4999" s="137"/>
      <c r="AT4999" s="137"/>
      <c r="AU4999" s="137"/>
      <c r="AV4999" s="137"/>
      <c r="AW4999" s="144"/>
    </row>
    <row r="5000" spans="2:49" x14ac:dyDescent="0.2">
      <c r="B5000" s="97"/>
      <c r="J5000" s="98"/>
      <c r="K5000" s="97"/>
      <c r="N5000" s="3"/>
      <c r="W5000" s="98"/>
      <c r="Z5000" s="143"/>
      <c r="AA5000" s="137"/>
      <c r="AB5000" s="137"/>
      <c r="AC5000" s="137"/>
      <c r="AD5000" s="137"/>
      <c r="AE5000" s="137"/>
      <c r="AF5000" s="137"/>
      <c r="AG5000" s="137"/>
      <c r="AH5000" s="137"/>
      <c r="AI5000" s="137"/>
      <c r="AJ5000" s="137"/>
      <c r="AK5000" s="206"/>
      <c r="AL5000" s="206"/>
      <c r="AM5000" s="143"/>
      <c r="AN5000" s="137"/>
      <c r="AO5000" s="137"/>
      <c r="AP5000" s="137"/>
      <c r="AQ5000" s="137"/>
      <c r="AR5000" s="137"/>
      <c r="AS5000" s="137"/>
      <c r="AT5000" s="137"/>
      <c r="AU5000" s="137"/>
      <c r="AV5000" s="137"/>
      <c r="AW5000" s="144"/>
    </row>
    <row r="5001" spans="2:49" x14ac:dyDescent="0.2">
      <c r="B5001" s="97"/>
      <c r="J5001" s="98"/>
      <c r="K5001" s="97"/>
      <c r="N5001" s="3"/>
      <c r="W5001" s="98"/>
      <c r="Z5001" s="143"/>
      <c r="AA5001" s="137"/>
      <c r="AB5001" s="137"/>
      <c r="AC5001" s="137"/>
      <c r="AD5001" s="137"/>
      <c r="AE5001" s="137"/>
      <c r="AF5001" s="137"/>
      <c r="AG5001" s="137"/>
      <c r="AH5001" s="137"/>
      <c r="AI5001" s="137"/>
      <c r="AJ5001" s="137"/>
      <c r="AK5001" s="206"/>
      <c r="AL5001" s="206"/>
      <c r="AM5001" s="143"/>
      <c r="AN5001" s="137"/>
      <c r="AO5001" s="137"/>
      <c r="AP5001" s="137"/>
      <c r="AQ5001" s="137"/>
      <c r="AR5001" s="137"/>
      <c r="AS5001" s="137"/>
      <c r="AT5001" s="137"/>
      <c r="AU5001" s="137"/>
      <c r="AV5001" s="137"/>
      <c r="AW5001" s="144"/>
    </row>
    <row r="5002" spans="2:49" x14ac:dyDescent="0.2">
      <c r="B5002" s="97"/>
      <c r="J5002" s="98"/>
      <c r="K5002" s="97"/>
      <c r="N5002" s="3"/>
      <c r="W5002" s="98"/>
      <c r="Z5002" s="143"/>
      <c r="AA5002" s="137"/>
      <c r="AB5002" s="137"/>
      <c r="AC5002" s="137"/>
      <c r="AD5002" s="137"/>
      <c r="AE5002" s="137"/>
      <c r="AF5002" s="137"/>
      <c r="AG5002" s="137"/>
      <c r="AH5002" s="137"/>
      <c r="AI5002" s="137"/>
      <c r="AJ5002" s="137"/>
      <c r="AK5002" s="206"/>
      <c r="AL5002" s="206"/>
      <c r="AM5002" s="143"/>
      <c r="AN5002" s="137"/>
      <c r="AO5002" s="137"/>
      <c r="AP5002" s="137"/>
      <c r="AQ5002" s="137"/>
      <c r="AR5002" s="137"/>
      <c r="AS5002" s="137"/>
      <c r="AT5002" s="137"/>
      <c r="AU5002" s="137"/>
      <c r="AV5002" s="137"/>
      <c r="AW5002" s="144"/>
    </row>
    <row r="5003" spans="2:49" x14ac:dyDescent="0.2">
      <c r="B5003" s="97"/>
      <c r="J5003" s="98"/>
      <c r="K5003" s="97"/>
      <c r="N5003" s="3"/>
      <c r="W5003" s="98"/>
      <c r="Z5003" s="143"/>
      <c r="AA5003" s="137"/>
      <c r="AB5003" s="137"/>
      <c r="AC5003" s="137"/>
      <c r="AD5003" s="137"/>
      <c r="AE5003" s="137"/>
      <c r="AF5003" s="137"/>
      <c r="AG5003" s="137"/>
      <c r="AH5003" s="137"/>
      <c r="AI5003" s="137"/>
      <c r="AJ5003" s="137"/>
      <c r="AK5003" s="206"/>
      <c r="AL5003" s="206"/>
      <c r="AM5003" s="143"/>
      <c r="AN5003" s="137"/>
      <c r="AO5003" s="137"/>
      <c r="AP5003" s="137"/>
      <c r="AQ5003" s="137"/>
      <c r="AR5003" s="137"/>
      <c r="AS5003" s="137"/>
      <c r="AT5003" s="137"/>
      <c r="AU5003" s="137"/>
      <c r="AV5003" s="137"/>
      <c r="AW5003" s="144"/>
    </row>
    <row r="5004" spans="2:49" x14ac:dyDescent="0.2">
      <c r="B5004" s="97"/>
      <c r="J5004" s="98"/>
      <c r="K5004" s="97"/>
      <c r="N5004" s="3"/>
      <c r="W5004" s="98"/>
      <c r="Z5004" s="143"/>
      <c r="AA5004" s="137"/>
      <c r="AB5004" s="137"/>
      <c r="AC5004" s="137"/>
      <c r="AD5004" s="137"/>
      <c r="AE5004" s="137"/>
      <c r="AF5004" s="137"/>
      <c r="AG5004" s="137"/>
      <c r="AH5004" s="137"/>
      <c r="AI5004" s="137"/>
      <c r="AJ5004" s="137"/>
      <c r="AK5004" s="206"/>
      <c r="AL5004" s="206"/>
      <c r="AM5004" s="143"/>
      <c r="AN5004" s="137"/>
      <c r="AO5004" s="137"/>
      <c r="AP5004" s="137"/>
      <c r="AQ5004" s="137"/>
      <c r="AR5004" s="137"/>
      <c r="AS5004" s="137"/>
      <c r="AT5004" s="137"/>
      <c r="AU5004" s="137"/>
      <c r="AV5004" s="137"/>
      <c r="AW5004" s="144"/>
    </row>
    <row r="5005" spans="2:49" x14ac:dyDescent="0.2">
      <c r="B5005" s="97"/>
      <c r="J5005" s="98"/>
      <c r="K5005" s="97"/>
      <c r="N5005" s="3"/>
      <c r="W5005" s="98"/>
      <c r="Z5005" s="143"/>
      <c r="AA5005" s="137"/>
      <c r="AB5005" s="137"/>
      <c r="AC5005" s="137"/>
      <c r="AD5005" s="137"/>
      <c r="AE5005" s="137"/>
      <c r="AF5005" s="137"/>
      <c r="AG5005" s="137"/>
      <c r="AH5005" s="137"/>
      <c r="AI5005" s="137"/>
      <c r="AJ5005" s="137"/>
      <c r="AK5005" s="206"/>
      <c r="AL5005" s="206"/>
      <c r="AM5005" s="143"/>
      <c r="AN5005" s="137"/>
      <c r="AO5005" s="137"/>
      <c r="AP5005" s="137"/>
      <c r="AQ5005" s="137"/>
      <c r="AR5005" s="137"/>
      <c r="AS5005" s="137"/>
      <c r="AT5005" s="137"/>
      <c r="AU5005" s="137"/>
      <c r="AV5005" s="137"/>
      <c r="AW5005" s="144"/>
    </row>
    <row r="5006" spans="2:49" x14ac:dyDescent="0.2">
      <c r="B5006" s="97"/>
      <c r="J5006" s="98"/>
      <c r="K5006" s="97"/>
      <c r="N5006" s="3"/>
      <c r="W5006" s="98"/>
      <c r="Z5006" s="143"/>
      <c r="AA5006" s="137"/>
      <c r="AB5006" s="137"/>
      <c r="AC5006" s="137"/>
      <c r="AD5006" s="137"/>
      <c r="AE5006" s="137"/>
      <c r="AF5006" s="137"/>
      <c r="AG5006" s="137"/>
      <c r="AH5006" s="137"/>
      <c r="AI5006" s="137"/>
      <c r="AJ5006" s="137"/>
      <c r="AK5006" s="206"/>
      <c r="AL5006" s="206"/>
      <c r="AM5006" s="143"/>
      <c r="AN5006" s="137"/>
      <c r="AO5006" s="137"/>
      <c r="AP5006" s="137"/>
      <c r="AQ5006" s="137"/>
      <c r="AR5006" s="137"/>
      <c r="AS5006" s="137"/>
      <c r="AT5006" s="137"/>
      <c r="AU5006" s="137"/>
      <c r="AV5006" s="137"/>
      <c r="AW5006" s="144"/>
    </row>
    <row r="5007" spans="2:49" x14ac:dyDescent="0.2">
      <c r="B5007" s="97"/>
      <c r="J5007" s="98"/>
      <c r="K5007" s="97"/>
      <c r="N5007" s="3"/>
      <c r="W5007" s="98"/>
      <c r="Z5007" s="143"/>
      <c r="AA5007" s="137"/>
      <c r="AB5007" s="137"/>
      <c r="AC5007" s="137"/>
      <c r="AD5007" s="137"/>
      <c r="AE5007" s="137"/>
      <c r="AF5007" s="137"/>
      <c r="AG5007" s="137"/>
      <c r="AH5007" s="137"/>
      <c r="AI5007" s="137"/>
      <c r="AJ5007" s="137"/>
      <c r="AK5007" s="206"/>
      <c r="AL5007" s="206"/>
      <c r="AM5007" s="143"/>
      <c r="AN5007" s="137"/>
      <c r="AO5007" s="137"/>
      <c r="AP5007" s="137"/>
      <c r="AQ5007" s="137"/>
      <c r="AR5007" s="137"/>
      <c r="AS5007" s="137"/>
      <c r="AT5007" s="137"/>
      <c r="AU5007" s="137"/>
      <c r="AV5007" s="137"/>
      <c r="AW5007" s="144"/>
    </row>
    <row r="5008" spans="2:49" x14ac:dyDescent="0.2">
      <c r="B5008" s="97"/>
      <c r="J5008" s="98"/>
      <c r="K5008" s="97"/>
      <c r="N5008" s="3"/>
      <c r="W5008" s="98"/>
      <c r="Z5008" s="143"/>
      <c r="AA5008" s="137"/>
      <c r="AB5008" s="137"/>
      <c r="AC5008" s="137"/>
      <c r="AD5008" s="137"/>
      <c r="AE5008" s="137"/>
      <c r="AF5008" s="137"/>
      <c r="AG5008" s="137"/>
      <c r="AH5008" s="137"/>
      <c r="AI5008" s="137"/>
      <c r="AJ5008" s="137"/>
      <c r="AK5008" s="206"/>
      <c r="AL5008" s="206"/>
      <c r="AM5008" s="143"/>
      <c r="AN5008" s="137"/>
      <c r="AO5008" s="137"/>
      <c r="AP5008" s="137"/>
      <c r="AQ5008" s="137"/>
      <c r="AR5008" s="137"/>
      <c r="AS5008" s="137"/>
      <c r="AT5008" s="137"/>
      <c r="AU5008" s="137"/>
      <c r="AV5008" s="137"/>
      <c r="AW5008" s="144"/>
    </row>
    <row r="5009" spans="2:49" x14ac:dyDescent="0.2">
      <c r="B5009" s="97"/>
      <c r="J5009" s="98"/>
      <c r="K5009" s="97"/>
      <c r="N5009" s="3"/>
      <c r="W5009" s="98"/>
      <c r="Z5009" s="143"/>
      <c r="AA5009" s="137"/>
      <c r="AB5009" s="137"/>
      <c r="AC5009" s="137"/>
      <c r="AD5009" s="137"/>
      <c r="AE5009" s="137"/>
      <c r="AF5009" s="137"/>
      <c r="AG5009" s="137"/>
      <c r="AH5009" s="137"/>
      <c r="AI5009" s="137"/>
      <c r="AJ5009" s="137"/>
      <c r="AK5009" s="206"/>
      <c r="AL5009" s="206"/>
      <c r="AM5009" s="143"/>
      <c r="AN5009" s="137"/>
      <c r="AO5009" s="137"/>
      <c r="AP5009" s="137"/>
      <c r="AQ5009" s="137"/>
      <c r="AR5009" s="137"/>
      <c r="AS5009" s="137"/>
      <c r="AT5009" s="137"/>
      <c r="AU5009" s="137"/>
      <c r="AV5009" s="137"/>
      <c r="AW5009" s="144"/>
    </row>
    <row r="5010" spans="2:49" x14ac:dyDescent="0.2">
      <c r="B5010" s="97"/>
      <c r="J5010" s="98"/>
      <c r="K5010" s="97"/>
      <c r="N5010" s="3"/>
      <c r="W5010" s="98"/>
      <c r="Z5010" s="143"/>
      <c r="AA5010" s="137"/>
      <c r="AB5010" s="137"/>
      <c r="AC5010" s="137"/>
      <c r="AD5010" s="137"/>
      <c r="AE5010" s="137"/>
      <c r="AF5010" s="137"/>
      <c r="AG5010" s="137"/>
      <c r="AH5010" s="137"/>
      <c r="AI5010" s="137"/>
      <c r="AJ5010" s="137"/>
      <c r="AK5010" s="206"/>
      <c r="AL5010" s="206"/>
      <c r="AM5010" s="143"/>
      <c r="AN5010" s="137"/>
      <c r="AO5010" s="137"/>
      <c r="AP5010" s="137"/>
      <c r="AQ5010" s="137"/>
      <c r="AR5010" s="137"/>
      <c r="AS5010" s="137"/>
      <c r="AT5010" s="137"/>
      <c r="AU5010" s="137"/>
      <c r="AV5010" s="137"/>
      <c r="AW5010" s="144"/>
    </row>
    <row r="5011" spans="2:49" x14ac:dyDescent="0.2">
      <c r="B5011" s="97"/>
      <c r="J5011" s="98"/>
      <c r="K5011" s="97"/>
      <c r="N5011" s="3"/>
      <c r="W5011" s="98"/>
      <c r="Z5011" s="143"/>
      <c r="AA5011" s="137"/>
      <c r="AB5011" s="137"/>
      <c r="AC5011" s="137"/>
      <c r="AD5011" s="137"/>
      <c r="AE5011" s="137"/>
      <c r="AF5011" s="137"/>
      <c r="AG5011" s="137"/>
      <c r="AH5011" s="137"/>
      <c r="AI5011" s="137"/>
      <c r="AJ5011" s="137"/>
      <c r="AK5011" s="206"/>
      <c r="AL5011" s="206"/>
      <c r="AM5011" s="143"/>
      <c r="AN5011" s="137"/>
      <c r="AO5011" s="137"/>
      <c r="AP5011" s="137"/>
      <c r="AQ5011" s="137"/>
      <c r="AR5011" s="137"/>
      <c r="AS5011" s="137"/>
      <c r="AT5011" s="137"/>
      <c r="AU5011" s="137"/>
      <c r="AV5011" s="137"/>
      <c r="AW5011" s="144"/>
    </row>
    <row r="5012" spans="2:49" x14ac:dyDescent="0.2">
      <c r="B5012" s="97"/>
      <c r="J5012" s="98"/>
      <c r="K5012" s="97"/>
      <c r="N5012" s="3"/>
      <c r="W5012" s="98"/>
      <c r="Z5012" s="143"/>
      <c r="AA5012" s="137"/>
      <c r="AB5012" s="137"/>
      <c r="AC5012" s="137"/>
      <c r="AD5012" s="137"/>
      <c r="AE5012" s="137"/>
      <c r="AF5012" s="137"/>
      <c r="AG5012" s="137"/>
      <c r="AH5012" s="137"/>
      <c r="AI5012" s="137"/>
      <c r="AJ5012" s="137"/>
      <c r="AK5012" s="206"/>
      <c r="AL5012" s="206"/>
      <c r="AM5012" s="143"/>
      <c r="AN5012" s="137"/>
      <c r="AO5012" s="137"/>
      <c r="AP5012" s="137"/>
      <c r="AQ5012" s="137"/>
      <c r="AR5012" s="137"/>
      <c r="AS5012" s="137"/>
      <c r="AT5012" s="137"/>
      <c r="AU5012" s="137"/>
      <c r="AV5012" s="137"/>
      <c r="AW5012" s="144"/>
    </row>
    <row r="5013" spans="2:49" x14ac:dyDescent="0.2">
      <c r="B5013" s="97"/>
      <c r="J5013" s="98"/>
      <c r="K5013" s="97"/>
      <c r="N5013" s="3"/>
      <c r="W5013" s="98"/>
      <c r="Z5013" s="143"/>
      <c r="AA5013" s="137"/>
      <c r="AB5013" s="137"/>
      <c r="AC5013" s="137"/>
      <c r="AD5013" s="137"/>
      <c r="AE5013" s="137"/>
      <c r="AF5013" s="137"/>
      <c r="AG5013" s="137"/>
      <c r="AH5013" s="137"/>
      <c r="AI5013" s="137"/>
      <c r="AJ5013" s="137"/>
      <c r="AK5013" s="206"/>
      <c r="AL5013" s="206"/>
      <c r="AM5013" s="143"/>
      <c r="AN5013" s="137"/>
      <c r="AO5013" s="137"/>
      <c r="AP5013" s="137"/>
      <c r="AQ5013" s="137"/>
      <c r="AR5013" s="137"/>
      <c r="AS5013" s="137"/>
      <c r="AT5013" s="137"/>
      <c r="AU5013" s="137"/>
      <c r="AV5013" s="137"/>
      <c r="AW5013" s="144"/>
    </row>
    <row r="5014" spans="2:49" x14ac:dyDescent="0.2">
      <c r="B5014" s="97"/>
      <c r="J5014" s="98"/>
      <c r="K5014" s="97"/>
      <c r="N5014" s="3"/>
      <c r="W5014" s="98"/>
      <c r="Z5014" s="143"/>
      <c r="AA5014" s="137"/>
      <c r="AB5014" s="137"/>
      <c r="AC5014" s="137"/>
      <c r="AD5014" s="137"/>
      <c r="AE5014" s="137"/>
      <c r="AF5014" s="137"/>
      <c r="AG5014" s="137"/>
      <c r="AH5014" s="137"/>
      <c r="AI5014" s="137"/>
      <c r="AJ5014" s="137"/>
      <c r="AK5014" s="206"/>
      <c r="AL5014" s="206"/>
      <c r="AM5014" s="143"/>
      <c r="AN5014" s="137"/>
      <c r="AO5014" s="137"/>
      <c r="AP5014" s="137"/>
      <c r="AQ5014" s="137"/>
      <c r="AR5014" s="137"/>
      <c r="AS5014" s="137"/>
      <c r="AT5014" s="137"/>
      <c r="AU5014" s="137"/>
      <c r="AV5014" s="137"/>
      <c r="AW5014" s="144"/>
    </row>
    <row r="5015" spans="2:49" x14ac:dyDescent="0.2">
      <c r="B5015" s="97"/>
      <c r="J5015" s="98"/>
      <c r="K5015" s="97"/>
      <c r="N5015" s="3"/>
      <c r="W5015" s="98"/>
      <c r="Z5015" s="143"/>
      <c r="AA5015" s="137"/>
      <c r="AB5015" s="137"/>
      <c r="AC5015" s="137"/>
      <c r="AD5015" s="137"/>
      <c r="AE5015" s="137"/>
      <c r="AF5015" s="137"/>
      <c r="AG5015" s="137"/>
      <c r="AH5015" s="137"/>
      <c r="AI5015" s="137"/>
      <c r="AJ5015" s="137"/>
      <c r="AK5015" s="206"/>
      <c r="AL5015" s="206"/>
      <c r="AM5015" s="143"/>
      <c r="AN5015" s="137"/>
      <c r="AO5015" s="137"/>
      <c r="AP5015" s="137"/>
      <c r="AQ5015" s="137"/>
      <c r="AR5015" s="137"/>
      <c r="AS5015" s="137"/>
      <c r="AT5015" s="137"/>
      <c r="AU5015" s="137"/>
      <c r="AV5015" s="137"/>
      <c r="AW5015" s="144"/>
    </row>
    <row r="5016" spans="2:49" x14ac:dyDescent="0.2">
      <c r="B5016" s="97"/>
      <c r="J5016" s="98"/>
      <c r="K5016" s="97"/>
      <c r="N5016" s="3"/>
      <c r="W5016" s="98"/>
      <c r="Z5016" s="143"/>
      <c r="AA5016" s="137"/>
      <c r="AB5016" s="137"/>
      <c r="AC5016" s="137"/>
      <c r="AD5016" s="137"/>
      <c r="AE5016" s="137"/>
      <c r="AF5016" s="137"/>
      <c r="AG5016" s="137"/>
      <c r="AH5016" s="137"/>
      <c r="AI5016" s="137"/>
      <c r="AJ5016" s="137"/>
      <c r="AK5016" s="206"/>
      <c r="AL5016" s="206"/>
      <c r="AM5016" s="143"/>
      <c r="AN5016" s="137"/>
      <c r="AO5016" s="137"/>
      <c r="AP5016" s="137"/>
      <c r="AQ5016" s="137"/>
      <c r="AR5016" s="137"/>
      <c r="AS5016" s="137"/>
      <c r="AT5016" s="137"/>
      <c r="AU5016" s="137"/>
      <c r="AV5016" s="137"/>
      <c r="AW5016" s="144"/>
    </row>
    <row r="5017" spans="2:49" x14ac:dyDescent="0.2">
      <c r="B5017" s="97"/>
      <c r="J5017" s="98"/>
      <c r="K5017" s="97"/>
      <c r="N5017" s="3"/>
      <c r="W5017" s="98"/>
      <c r="Z5017" s="143"/>
      <c r="AA5017" s="137"/>
      <c r="AB5017" s="137"/>
      <c r="AC5017" s="137"/>
      <c r="AD5017" s="137"/>
      <c r="AE5017" s="137"/>
      <c r="AF5017" s="137"/>
      <c r="AG5017" s="137"/>
      <c r="AH5017" s="137"/>
      <c r="AI5017" s="137"/>
      <c r="AJ5017" s="137"/>
      <c r="AK5017" s="206"/>
      <c r="AL5017" s="206"/>
      <c r="AM5017" s="143"/>
      <c r="AN5017" s="137"/>
      <c r="AO5017" s="137"/>
      <c r="AP5017" s="137"/>
      <c r="AQ5017" s="137"/>
      <c r="AR5017" s="137"/>
      <c r="AS5017" s="137"/>
      <c r="AT5017" s="137"/>
      <c r="AU5017" s="137"/>
      <c r="AV5017" s="137"/>
      <c r="AW5017" s="144"/>
    </row>
    <row r="5018" spans="2:49" x14ac:dyDescent="0.2">
      <c r="B5018" s="97"/>
      <c r="J5018" s="98"/>
      <c r="K5018" s="97"/>
      <c r="N5018" s="3"/>
      <c r="W5018" s="98"/>
      <c r="Z5018" s="143"/>
      <c r="AA5018" s="137"/>
      <c r="AB5018" s="137"/>
      <c r="AC5018" s="137"/>
      <c r="AD5018" s="137"/>
      <c r="AE5018" s="137"/>
      <c r="AF5018" s="137"/>
      <c r="AG5018" s="137"/>
      <c r="AH5018" s="137"/>
      <c r="AI5018" s="137"/>
      <c r="AJ5018" s="137"/>
      <c r="AK5018" s="206"/>
      <c r="AL5018" s="206"/>
      <c r="AM5018" s="143"/>
      <c r="AN5018" s="137"/>
      <c r="AO5018" s="137"/>
      <c r="AP5018" s="137"/>
      <c r="AQ5018" s="137"/>
      <c r="AR5018" s="137"/>
      <c r="AS5018" s="137"/>
      <c r="AT5018" s="137"/>
      <c r="AU5018" s="137"/>
      <c r="AV5018" s="137"/>
      <c r="AW5018" s="144"/>
    </row>
    <row r="5019" spans="2:49" x14ac:dyDescent="0.2">
      <c r="B5019" s="97"/>
      <c r="J5019" s="98"/>
      <c r="K5019" s="97"/>
      <c r="N5019" s="3"/>
      <c r="W5019" s="98"/>
      <c r="Z5019" s="143"/>
      <c r="AA5019" s="137"/>
      <c r="AB5019" s="137"/>
      <c r="AC5019" s="137"/>
      <c r="AD5019" s="137"/>
      <c r="AE5019" s="137"/>
      <c r="AF5019" s="137"/>
      <c r="AG5019" s="137"/>
      <c r="AH5019" s="137"/>
      <c r="AI5019" s="137"/>
      <c r="AJ5019" s="137"/>
      <c r="AK5019" s="206"/>
      <c r="AL5019" s="206"/>
      <c r="AM5019" s="143"/>
      <c r="AN5019" s="137"/>
      <c r="AO5019" s="137"/>
      <c r="AP5019" s="137"/>
      <c r="AQ5019" s="137"/>
      <c r="AR5019" s="137"/>
      <c r="AS5019" s="137"/>
      <c r="AT5019" s="137"/>
      <c r="AU5019" s="137"/>
      <c r="AV5019" s="137"/>
      <c r="AW5019" s="144"/>
    </row>
    <row r="5020" spans="2:49" x14ac:dyDescent="0.2">
      <c r="B5020" s="97"/>
      <c r="J5020" s="98"/>
      <c r="K5020" s="97"/>
      <c r="N5020" s="3"/>
      <c r="W5020" s="98"/>
      <c r="Z5020" s="143"/>
      <c r="AA5020" s="137"/>
      <c r="AB5020" s="137"/>
      <c r="AC5020" s="137"/>
      <c r="AD5020" s="137"/>
      <c r="AE5020" s="137"/>
      <c r="AF5020" s="137"/>
      <c r="AG5020" s="137"/>
      <c r="AH5020" s="137"/>
      <c r="AI5020" s="137"/>
      <c r="AJ5020" s="137"/>
      <c r="AK5020" s="206"/>
      <c r="AL5020" s="206"/>
      <c r="AM5020" s="143"/>
      <c r="AN5020" s="137"/>
      <c r="AO5020" s="137"/>
      <c r="AP5020" s="137"/>
      <c r="AQ5020" s="137"/>
      <c r="AR5020" s="137"/>
      <c r="AS5020" s="137"/>
      <c r="AT5020" s="137"/>
      <c r="AU5020" s="137"/>
      <c r="AV5020" s="137"/>
      <c r="AW5020" s="144"/>
    </row>
    <row r="5021" spans="2:49" x14ac:dyDescent="0.2">
      <c r="B5021" s="97"/>
      <c r="J5021" s="98"/>
      <c r="K5021" s="97"/>
      <c r="N5021" s="3"/>
      <c r="W5021" s="98"/>
      <c r="Z5021" s="143"/>
      <c r="AA5021" s="137"/>
      <c r="AB5021" s="137"/>
      <c r="AC5021" s="137"/>
      <c r="AD5021" s="137"/>
      <c r="AE5021" s="137"/>
      <c r="AF5021" s="137"/>
      <c r="AG5021" s="137"/>
      <c r="AH5021" s="137"/>
      <c r="AI5021" s="137"/>
      <c r="AJ5021" s="137"/>
      <c r="AK5021" s="206"/>
      <c r="AL5021" s="206"/>
      <c r="AM5021" s="143"/>
      <c r="AN5021" s="137"/>
      <c r="AO5021" s="137"/>
      <c r="AP5021" s="137"/>
      <c r="AQ5021" s="137"/>
      <c r="AR5021" s="137"/>
      <c r="AS5021" s="137"/>
      <c r="AT5021" s="137"/>
      <c r="AU5021" s="137"/>
      <c r="AV5021" s="137"/>
      <c r="AW5021" s="144"/>
    </row>
    <row r="5022" spans="2:49" x14ac:dyDescent="0.2">
      <c r="B5022" s="97"/>
      <c r="J5022" s="98"/>
      <c r="K5022" s="97"/>
      <c r="N5022" s="3"/>
      <c r="W5022" s="98"/>
      <c r="Z5022" s="143"/>
      <c r="AA5022" s="137"/>
      <c r="AB5022" s="137"/>
      <c r="AC5022" s="137"/>
      <c r="AD5022" s="137"/>
      <c r="AE5022" s="137"/>
      <c r="AF5022" s="137"/>
      <c r="AG5022" s="137"/>
      <c r="AH5022" s="137"/>
      <c r="AI5022" s="137"/>
      <c r="AJ5022" s="137"/>
      <c r="AK5022" s="206"/>
      <c r="AL5022" s="206"/>
      <c r="AM5022" s="143"/>
      <c r="AN5022" s="137"/>
      <c r="AO5022" s="137"/>
      <c r="AP5022" s="137"/>
      <c r="AQ5022" s="137"/>
      <c r="AR5022" s="137"/>
      <c r="AS5022" s="137"/>
      <c r="AT5022" s="137"/>
      <c r="AU5022" s="137"/>
      <c r="AV5022" s="137"/>
      <c r="AW5022" s="144"/>
    </row>
    <row r="5023" spans="2:49" x14ac:dyDescent="0.2">
      <c r="B5023" s="97"/>
      <c r="J5023" s="98"/>
      <c r="K5023" s="97"/>
      <c r="N5023" s="3"/>
      <c r="W5023" s="98"/>
      <c r="Z5023" s="143"/>
      <c r="AA5023" s="137"/>
      <c r="AB5023" s="137"/>
      <c r="AC5023" s="137"/>
      <c r="AD5023" s="137"/>
      <c r="AE5023" s="137"/>
      <c r="AF5023" s="137"/>
      <c r="AG5023" s="137"/>
      <c r="AH5023" s="137"/>
      <c r="AI5023" s="137"/>
      <c r="AJ5023" s="137"/>
      <c r="AK5023" s="206"/>
      <c r="AL5023" s="206"/>
      <c r="AM5023" s="143"/>
      <c r="AN5023" s="137"/>
      <c r="AO5023" s="137"/>
      <c r="AP5023" s="137"/>
      <c r="AQ5023" s="137"/>
      <c r="AR5023" s="137"/>
      <c r="AS5023" s="137"/>
      <c r="AT5023" s="137"/>
      <c r="AU5023" s="137"/>
      <c r="AV5023" s="137"/>
      <c r="AW5023" s="144"/>
    </row>
    <row r="5024" spans="2:49" x14ac:dyDescent="0.2">
      <c r="B5024" s="97"/>
      <c r="J5024" s="98"/>
      <c r="K5024" s="97"/>
      <c r="N5024" s="3"/>
      <c r="W5024" s="98"/>
      <c r="Z5024" s="143"/>
      <c r="AA5024" s="137"/>
      <c r="AB5024" s="137"/>
      <c r="AC5024" s="137"/>
      <c r="AD5024" s="137"/>
      <c r="AE5024" s="137"/>
      <c r="AF5024" s="137"/>
      <c r="AG5024" s="137"/>
      <c r="AH5024" s="137"/>
      <c r="AI5024" s="137"/>
      <c r="AJ5024" s="137"/>
      <c r="AK5024" s="206"/>
      <c r="AL5024" s="206"/>
      <c r="AM5024" s="143"/>
      <c r="AN5024" s="137"/>
      <c r="AO5024" s="137"/>
      <c r="AP5024" s="137"/>
      <c r="AQ5024" s="137"/>
      <c r="AR5024" s="137"/>
      <c r="AS5024" s="137"/>
      <c r="AT5024" s="137"/>
      <c r="AU5024" s="137"/>
      <c r="AV5024" s="137"/>
      <c r="AW5024" s="144"/>
    </row>
    <row r="5025" spans="2:49" x14ac:dyDescent="0.2">
      <c r="B5025" s="97"/>
      <c r="J5025" s="98"/>
      <c r="K5025" s="97"/>
      <c r="N5025" s="3"/>
      <c r="W5025" s="98"/>
      <c r="Z5025" s="143"/>
      <c r="AA5025" s="137"/>
      <c r="AB5025" s="137"/>
      <c r="AC5025" s="137"/>
      <c r="AD5025" s="137"/>
      <c r="AE5025" s="137"/>
      <c r="AF5025" s="137"/>
      <c r="AG5025" s="137"/>
      <c r="AH5025" s="137"/>
      <c r="AI5025" s="137"/>
      <c r="AJ5025" s="137"/>
      <c r="AK5025" s="206"/>
      <c r="AL5025" s="206"/>
      <c r="AM5025" s="143"/>
      <c r="AN5025" s="137"/>
      <c r="AO5025" s="137"/>
      <c r="AP5025" s="137"/>
      <c r="AQ5025" s="137"/>
      <c r="AR5025" s="137"/>
      <c r="AS5025" s="137"/>
      <c r="AT5025" s="137"/>
      <c r="AU5025" s="137"/>
      <c r="AV5025" s="137"/>
      <c r="AW5025" s="144"/>
    </row>
    <row r="5026" spans="2:49" x14ac:dyDescent="0.2">
      <c r="B5026" s="97"/>
      <c r="J5026" s="98"/>
      <c r="K5026" s="97"/>
      <c r="N5026" s="3"/>
      <c r="W5026" s="98"/>
      <c r="Z5026" s="143"/>
      <c r="AA5026" s="137"/>
      <c r="AB5026" s="137"/>
      <c r="AC5026" s="137"/>
      <c r="AD5026" s="137"/>
      <c r="AE5026" s="137"/>
      <c r="AF5026" s="137"/>
      <c r="AG5026" s="137"/>
      <c r="AH5026" s="137"/>
      <c r="AI5026" s="137"/>
      <c r="AJ5026" s="137"/>
      <c r="AK5026" s="206"/>
      <c r="AL5026" s="206"/>
      <c r="AM5026" s="143"/>
      <c r="AN5026" s="137"/>
      <c r="AO5026" s="137"/>
      <c r="AP5026" s="137"/>
      <c r="AQ5026" s="137"/>
      <c r="AR5026" s="137"/>
      <c r="AS5026" s="137"/>
      <c r="AT5026" s="137"/>
      <c r="AU5026" s="137"/>
      <c r="AV5026" s="137"/>
      <c r="AW5026" s="144"/>
    </row>
    <row r="5027" spans="2:49" x14ac:dyDescent="0.2">
      <c r="B5027" s="97"/>
      <c r="J5027" s="98"/>
      <c r="K5027" s="97"/>
      <c r="N5027" s="3"/>
      <c r="W5027" s="98"/>
      <c r="Z5027" s="143"/>
      <c r="AA5027" s="137"/>
      <c r="AB5027" s="137"/>
      <c r="AC5027" s="137"/>
      <c r="AD5027" s="137"/>
      <c r="AE5027" s="137"/>
      <c r="AF5027" s="137"/>
      <c r="AG5027" s="137"/>
      <c r="AH5027" s="137"/>
      <c r="AI5027" s="137"/>
      <c r="AJ5027" s="137"/>
      <c r="AK5027" s="206"/>
      <c r="AL5027" s="206"/>
      <c r="AM5027" s="143"/>
      <c r="AN5027" s="137"/>
      <c r="AO5027" s="137"/>
      <c r="AP5027" s="137"/>
      <c r="AQ5027" s="137"/>
      <c r="AR5027" s="137"/>
      <c r="AS5027" s="137"/>
      <c r="AT5027" s="137"/>
      <c r="AU5027" s="137"/>
      <c r="AV5027" s="137"/>
      <c r="AW5027" s="144"/>
    </row>
    <row r="5028" spans="2:49" x14ac:dyDescent="0.2">
      <c r="B5028" s="97"/>
      <c r="J5028" s="98"/>
      <c r="K5028" s="97"/>
      <c r="N5028" s="3"/>
      <c r="W5028" s="98"/>
      <c r="Z5028" s="143"/>
      <c r="AA5028" s="137"/>
      <c r="AB5028" s="137"/>
      <c r="AC5028" s="137"/>
      <c r="AD5028" s="137"/>
      <c r="AE5028" s="137"/>
      <c r="AF5028" s="137"/>
      <c r="AG5028" s="137"/>
      <c r="AH5028" s="137"/>
      <c r="AI5028" s="137"/>
      <c r="AJ5028" s="137"/>
      <c r="AK5028" s="206"/>
      <c r="AL5028" s="206"/>
      <c r="AM5028" s="143"/>
      <c r="AN5028" s="137"/>
      <c r="AO5028" s="137"/>
      <c r="AP5028" s="137"/>
      <c r="AQ5028" s="137"/>
      <c r="AR5028" s="137"/>
      <c r="AS5028" s="137"/>
      <c r="AT5028" s="137"/>
      <c r="AU5028" s="137"/>
      <c r="AV5028" s="137"/>
      <c r="AW5028" s="144"/>
    </row>
    <row r="5029" spans="2:49" x14ac:dyDescent="0.2">
      <c r="B5029" s="97"/>
      <c r="J5029" s="98"/>
      <c r="K5029" s="97"/>
      <c r="N5029" s="3"/>
      <c r="W5029" s="98"/>
      <c r="Z5029" s="143"/>
      <c r="AA5029" s="137"/>
      <c r="AB5029" s="137"/>
      <c r="AC5029" s="137"/>
      <c r="AD5029" s="137"/>
      <c r="AE5029" s="137"/>
      <c r="AF5029" s="137"/>
      <c r="AG5029" s="137"/>
      <c r="AH5029" s="137"/>
      <c r="AI5029" s="137"/>
      <c r="AJ5029" s="137"/>
      <c r="AK5029" s="206"/>
      <c r="AL5029" s="206"/>
      <c r="AM5029" s="143"/>
      <c r="AN5029" s="137"/>
      <c r="AO5029" s="137"/>
      <c r="AP5029" s="137"/>
      <c r="AQ5029" s="137"/>
      <c r="AR5029" s="137"/>
      <c r="AS5029" s="137"/>
      <c r="AT5029" s="137"/>
      <c r="AU5029" s="137"/>
      <c r="AV5029" s="137"/>
      <c r="AW5029" s="144"/>
    </row>
    <row r="5030" spans="2:49" x14ac:dyDescent="0.2">
      <c r="B5030" s="97"/>
      <c r="J5030" s="98"/>
      <c r="K5030" s="97"/>
      <c r="N5030" s="3"/>
      <c r="W5030" s="98"/>
      <c r="Z5030" s="143"/>
      <c r="AA5030" s="137"/>
      <c r="AB5030" s="137"/>
      <c r="AC5030" s="137"/>
      <c r="AD5030" s="137"/>
      <c r="AE5030" s="137"/>
      <c r="AF5030" s="137"/>
      <c r="AG5030" s="137"/>
      <c r="AH5030" s="137"/>
      <c r="AI5030" s="137"/>
      <c r="AJ5030" s="137"/>
      <c r="AK5030" s="206"/>
      <c r="AL5030" s="206"/>
      <c r="AM5030" s="143"/>
      <c r="AN5030" s="137"/>
      <c r="AO5030" s="137"/>
      <c r="AP5030" s="137"/>
      <c r="AQ5030" s="137"/>
      <c r="AR5030" s="137"/>
      <c r="AS5030" s="137"/>
      <c r="AT5030" s="137"/>
      <c r="AU5030" s="137"/>
      <c r="AV5030" s="137"/>
      <c r="AW5030" s="144"/>
    </row>
    <row r="5031" spans="2:49" x14ac:dyDescent="0.2">
      <c r="B5031" s="97"/>
      <c r="J5031" s="98"/>
      <c r="K5031" s="97"/>
      <c r="N5031" s="3"/>
      <c r="W5031" s="98"/>
      <c r="Z5031" s="143"/>
      <c r="AA5031" s="137"/>
      <c r="AB5031" s="137"/>
      <c r="AC5031" s="137"/>
      <c r="AD5031" s="137"/>
      <c r="AE5031" s="137"/>
      <c r="AF5031" s="137"/>
      <c r="AG5031" s="137"/>
      <c r="AH5031" s="137"/>
      <c r="AI5031" s="137"/>
      <c r="AJ5031" s="137"/>
      <c r="AK5031" s="206"/>
      <c r="AL5031" s="206"/>
      <c r="AM5031" s="143"/>
      <c r="AN5031" s="137"/>
      <c r="AO5031" s="137"/>
      <c r="AP5031" s="137"/>
      <c r="AQ5031" s="137"/>
      <c r="AR5031" s="137"/>
      <c r="AS5031" s="137"/>
      <c r="AT5031" s="137"/>
      <c r="AU5031" s="137"/>
      <c r="AV5031" s="137"/>
      <c r="AW5031" s="144"/>
    </row>
    <row r="5032" spans="2:49" x14ac:dyDescent="0.2">
      <c r="B5032" s="97"/>
      <c r="J5032" s="98"/>
      <c r="K5032" s="97"/>
      <c r="N5032" s="3"/>
      <c r="W5032" s="98"/>
      <c r="Z5032" s="143"/>
      <c r="AA5032" s="137"/>
      <c r="AB5032" s="137"/>
      <c r="AC5032" s="137"/>
      <c r="AD5032" s="137"/>
      <c r="AE5032" s="137"/>
      <c r="AF5032" s="137"/>
      <c r="AG5032" s="137"/>
      <c r="AH5032" s="137"/>
      <c r="AI5032" s="137"/>
      <c r="AJ5032" s="137"/>
      <c r="AK5032" s="206"/>
      <c r="AL5032" s="206"/>
      <c r="AM5032" s="143"/>
      <c r="AN5032" s="137"/>
      <c r="AO5032" s="137"/>
      <c r="AP5032" s="137"/>
      <c r="AQ5032" s="137"/>
      <c r="AR5032" s="137"/>
      <c r="AS5032" s="137"/>
      <c r="AT5032" s="137"/>
      <c r="AU5032" s="137"/>
      <c r="AV5032" s="137"/>
      <c r="AW5032" s="144"/>
    </row>
    <row r="5033" spans="2:49" x14ac:dyDescent="0.2">
      <c r="B5033" s="97"/>
      <c r="J5033" s="98"/>
      <c r="K5033" s="97"/>
      <c r="N5033" s="3"/>
      <c r="W5033" s="98"/>
      <c r="Z5033" s="143"/>
      <c r="AA5033" s="137"/>
      <c r="AB5033" s="137"/>
      <c r="AC5033" s="137"/>
      <c r="AD5033" s="137"/>
      <c r="AE5033" s="137"/>
      <c r="AF5033" s="137"/>
      <c r="AG5033" s="137"/>
      <c r="AH5033" s="137"/>
      <c r="AI5033" s="137"/>
      <c r="AJ5033" s="137"/>
      <c r="AK5033" s="206"/>
      <c r="AL5033" s="206"/>
      <c r="AM5033" s="143"/>
      <c r="AN5033" s="137"/>
      <c r="AO5033" s="137"/>
      <c r="AP5033" s="137"/>
      <c r="AQ5033" s="137"/>
      <c r="AR5033" s="137"/>
      <c r="AS5033" s="137"/>
      <c r="AT5033" s="137"/>
      <c r="AU5033" s="137"/>
      <c r="AV5033" s="137"/>
      <c r="AW5033" s="144"/>
    </row>
    <row r="5034" spans="2:49" x14ac:dyDescent="0.2">
      <c r="B5034" s="97"/>
      <c r="J5034" s="98"/>
      <c r="K5034" s="97"/>
      <c r="N5034" s="3"/>
      <c r="W5034" s="98"/>
      <c r="Z5034" s="143"/>
      <c r="AA5034" s="137"/>
      <c r="AB5034" s="137"/>
      <c r="AC5034" s="137"/>
      <c r="AD5034" s="137"/>
      <c r="AE5034" s="137"/>
      <c r="AF5034" s="137"/>
      <c r="AG5034" s="137"/>
      <c r="AH5034" s="137"/>
      <c r="AI5034" s="137"/>
      <c r="AJ5034" s="137"/>
      <c r="AK5034" s="206"/>
      <c r="AL5034" s="206"/>
      <c r="AM5034" s="143"/>
      <c r="AN5034" s="137"/>
      <c r="AO5034" s="137"/>
      <c r="AP5034" s="137"/>
      <c r="AQ5034" s="137"/>
      <c r="AR5034" s="137"/>
      <c r="AS5034" s="137"/>
      <c r="AT5034" s="137"/>
      <c r="AU5034" s="137"/>
      <c r="AV5034" s="137"/>
      <c r="AW5034" s="144"/>
    </row>
    <row r="5035" spans="2:49" x14ac:dyDescent="0.2">
      <c r="B5035" s="97"/>
      <c r="J5035" s="98"/>
      <c r="K5035" s="97"/>
      <c r="N5035" s="3"/>
      <c r="W5035" s="98"/>
      <c r="Z5035" s="143"/>
      <c r="AA5035" s="137"/>
      <c r="AB5035" s="137"/>
      <c r="AC5035" s="137"/>
      <c r="AD5035" s="137"/>
      <c r="AE5035" s="137"/>
      <c r="AF5035" s="137"/>
      <c r="AG5035" s="137"/>
      <c r="AH5035" s="137"/>
      <c r="AI5035" s="137"/>
      <c r="AJ5035" s="137"/>
      <c r="AK5035" s="206"/>
      <c r="AL5035" s="206"/>
      <c r="AM5035" s="143"/>
      <c r="AN5035" s="137"/>
      <c r="AO5035" s="137"/>
      <c r="AP5035" s="137"/>
      <c r="AQ5035" s="137"/>
      <c r="AR5035" s="137"/>
      <c r="AS5035" s="137"/>
      <c r="AT5035" s="137"/>
      <c r="AU5035" s="137"/>
      <c r="AV5035" s="137"/>
      <c r="AW5035" s="144"/>
    </row>
    <row r="5036" spans="2:49" x14ac:dyDescent="0.2">
      <c r="B5036" s="97"/>
      <c r="J5036" s="98"/>
      <c r="K5036" s="97"/>
      <c r="N5036" s="3"/>
      <c r="W5036" s="98"/>
      <c r="Z5036" s="143"/>
      <c r="AA5036" s="137"/>
      <c r="AB5036" s="137"/>
      <c r="AC5036" s="137"/>
      <c r="AD5036" s="137"/>
      <c r="AE5036" s="137"/>
      <c r="AF5036" s="137"/>
      <c r="AG5036" s="137"/>
      <c r="AH5036" s="137"/>
      <c r="AI5036" s="137"/>
      <c r="AJ5036" s="137"/>
      <c r="AK5036" s="206"/>
      <c r="AL5036" s="206"/>
      <c r="AM5036" s="143"/>
      <c r="AN5036" s="137"/>
      <c r="AO5036" s="137"/>
      <c r="AP5036" s="137"/>
      <c r="AQ5036" s="137"/>
      <c r="AR5036" s="137"/>
      <c r="AS5036" s="137"/>
      <c r="AT5036" s="137"/>
      <c r="AU5036" s="137"/>
      <c r="AV5036" s="137"/>
      <c r="AW5036" s="144"/>
    </row>
    <row r="5037" spans="2:49" x14ac:dyDescent="0.2">
      <c r="B5037" s="97"/>
      <c r="J5037" s="98"/>
      <c r="K5037" s="97"/>
      <c r="N5037" s="3"/>
      <c r="W5037" s="98"/>
      <c r="Z5037" s="143"/>
      <c r="AA5037" s="137"/>
      <c r="AB5037" s="137"/>
      <c r="AC5037" s="137"/>
      <c r="AD5037" s="137"/>
      <c r="AE5037" s="137"/>
      <c r="AF5037" s="137"/>
      <c r="AG5037" s="137"/>
      <c r="AH5037" s="137"/>
      <c r="AI5037" s="137"/>
      <c r="AJ5037" s="137"/>
      <c r="AK5037" s="206"/>
      <c r="AL5037" s="206"/>
      <c r="AM5037" s="143"/>
      <c r="AN5037" s="137"/>
      <c r="AO5037" s="137"/>
      <c r="AP5037" s="137"/>
      <c r="AQ5037" s="137"/>
      <c r="AR5037" s="137"/>
      <c r="AS5037" s="137"/>
      <c r="AT5037" s="137"/>
      <c r="AU5037" s="137"/>
      <c r="AV5037" s="137"/>
      <c r="AW5037" s="144"/>
    </row>
    <row r="5038" spans="2:49" x14ac:dyDescent="0.2">
      <c r="B5038" s="97"/>
      <c r="J5038" s="98"/>
      <c r="K5038" s="97"/>
      <c r="N5038" s="3"/>
      <c r="W5038" s="98"/>
      <c r="Z5038" s="143"/>
      <c r="AA5038" s="137"/>
      <c r="AB5038" s="137"/>
      <c r="AC5038" s="137"/>
      <c r="AD5038" s="137"/>
      <c r="AE5038" s="137"/>
      <c r="AF5038" s="137"/>
      <c r="AG5038" s="137"/>
      <c r="AH5038" s="137"/>
      <c r="AI5038" s="137"/>
      <c r="AJ5038" s="137"/>
      <c r="AK5038" s="206"/>
      <c r="AL5038" s="206"/>
      <c r="AM5038" s="143"/>
      <c r="AN5038" s="137"/>
      <c r="AO5038" s="137"/>
      <c r="AP5038" s="137"/>
      <c r="AQ5038" s="137"/>
      <c r="AR5038" s="137"/>
      <c r="AS5038" s="137"/>
      <c r="AT5038" s="137"/>
      <c r="AU5038" s="137"/>
      <c r="AV5038" s="137"/>
      <c r="AW5038" s="144"/>
    </row>
    <row r="5039" spans="2:49" x14ac:dyDescent="0.2">
      <c r="B5039" s="97"/>
      <c r="J5039" s="98"/>
      <c r="K5039" s="97"/>
      <c r="N5039" s="3"/>
      <c r="W5039" s="98"/>
      <c r="Z5039" s="143"/>
      <c r="AA5039" s="137"/>
      <c r="AB5039" s="137"/>
      <c r="AC5039" s="137"/>
      <c r="AD5039" s="137"/>
      <c r="AE5039" s="137"/>
      <c r="AF5039" s="137"/>
      <c r="AG5039" s="137"/>
      <c r="AH5039" s="137"/>
      <c r="AI5039" s="137"/>
      <c r="AJ5039" s="137"/>
      <c r="AK5039" s="206"/>
      <c r="AL5039" s="206"/>
      <c r="AM5039" s="143"/>
      <c r="AN5039" s="137"/>
      <c r="AO5039" s="137"/>
      <c r="AP5039" s="137"/>
      <c r="AQ5039" s="137"/>
      <c r="AR5039" s="137"/>
      <c r="AS5039" s="137"/>
      <c r="AT5039" s="137"/>
      <c r="AU5039" s="137"/>
      <c r="AV5039" s="137"/>
      <c r="AW5039" s="144"/>
    </row>
    <row r="5040" spans="2:49" x14ac:dyDescent="0.2">
      <c r="B5040" s="97"/>
      <c r="J5040" s="98"/>
      <c r="K5040" s="97"/>
      <c r="N5040" s="3"/>
      <c r="W5040" s="98"/>
      <c r="Z5040" s="143"/>
      <c r="AA5040" s="137"/>
      <c r="AB5040" s="137"/>
      <c r="AC5040" s="137"/>
      <c r="AD5040" s="137"/>
      <c r="AE5040" s="137"/>
      <c r="AF5040" s="137"/>
      <c r="AG5040" s="137"/>
      <c r="AH5040" s="137"/>
      <c r="AI5040" s="137"/>
      <c r="AJ5040" s="137"/>
      <c r="AK5040" s="206"/>
      <c r="AL5040" s="206"/>
      <c r="AM5040" s="143"/>
      <c r="AN5040" s="137"/>
      <c r="AO5040" s="137"/>
      <c r="AP5040" s="137"/>
      <c r="AQ5040" s="137"/>
      <c r="AR5040" s="137"/>
      <c r="AS5040" s="137"/>
      <c r="AT5040" s="137"/>
      <c r="AU5040" s="137"/>
      <c r="AV5040" s="137"/>
      <c r="AW5040" s="144"/>
    </row>
    <row r="5041" spans="2:49" x14ac:dyDescent="0.2">
      <c r="B5041" s="97"/>
      <c r="J5041" s="98"/>
      <c r="K5041" s="97"/>
      <c r="N5041" s="3"/>
      <c r="W5041" s="98"/>
      <c r="Z5041" s="143"/>
      <c r="AA5041" s="137"/>
      <c r="AB5041" s="137"/>
      <c r="AC5041" s="137"/>
      <c r="AD5041" s="137"/>
      <c r="AE5041" s="137"/>
      <c r="AF5041" s="137"/>
      <c r="AG5041" s="137"/>
      <c r="AH5041" s="137"/>
      <c r="AI5041" s="137"/>
      <c r="AJ5041" s="137"/>
      <c r="AK5041" s="206"/>
      <c r="AL5041" s="206"/>
      <c r="AM5041" s="143"/>
      <c r="AN5041" s="137"/>
      <c r="AO5041" s="137"/>
      <c r="AP5041" s="137"/>
      <c r="AQ5041" s="137"/>
      <c r="AR5041" s="137"/>
      <c r="AS5041" s="137"/>
      <c r="AT5041" s="137"/>
      <c r="AU5041" s="137"/>
      <c r="AV5041" s="137"/>
      <c r="AW5041" s="144"/>
    </row>
    <row r="5042" spans="2:49" x14ac:dyDescent="0.2">
      <c r="B5042" s="97"/>
      <c r="J5042" s="98"/>
      <c r="K5042" s="97"/>
      <c r="N5042" s="3"/>
      <c r="W5042" s="98"/>
      <c r="Z5042" s="143"/>
      <c r="AA5042" s="137"/>
      <c r="AB5042" s="137"/>
      <c r="AC5042" s="137"/>
      <c r="AD5042" s="137"/>
      <c r="AE5042" s="137"/>
      <c r="AF5042" s="137"/>
      <c r="AG5042" s="137"/>
      <c r="AH5042" s="137"/>
      <c r="AI5042" s="137"/>
      <c r="AJ5042" s="137"/>
      <c r="AK5042" s="206"/>
      <c r="AL5042" s="206"/>
      <c r="AM5042" s="143"/>
      <c r="AN5042" s="137"/>
      <c r="AO5042" s="137"/>
      <c r="AP5042" s="137"/>
      <c r="AQ5042" s="137"/>
      <c r="AR5042" s="137"/>
      <c r="AS5042" s="137"/>
      <c r="AT5042" s="137"/>
      <c r="AU5042" s="137"/>
      <c r="AV5042" s="137"/>
      <c r="AW5042" s="144"/>
    </row>
    <row r="5043" spans="2:49" x14ac:dyDescent="0.2">
      <c r="B5043" s="97"/>
      <c r="J5043" s="98"/>
      <c r="K5043" s="97"/>
      <c r="N5043" s="3"/>
      <c r="W5043" s="98"/>
      <c r="Z5043" s="143"/>
      <c r="AA5043" s="137"/>
      <c r="AB5043" s="137"/>
      <c r="AC5043" s="137"/>
      <c r="AD5043" s="137"/>
      <c r="AE5043" s="137"/>
      <c r="AF5043" s="137"/>
      <c r="AG5043" s="137"/>
      <c r="AH5043" s="137"/>
      <c r="AI5043" s="137"/>
      <c r="AJ5043" s="137"/>
      <c r="AK5043" s="206"/>
      <c r="AL5043" s="206"/>
      <c r="AM5043" s="143"/>
      <c r="AN5043" s="137"/>
      <c r="AO5043" s="137"/>
      <c r="AP5043" s="137"/>
      <c r="AQ5043" s="137"/>
      <c r="AR5043" s="137"/>
      <c r="AS5043" s="137"/>
      <c r="AT5043" s="137"/>
      <c r="AU5043" s="137"/>
      <c r="AV5043" s="137"/>
      <c r="AW5043" s="144"/>
    </row>
    <row r="5044" spans="2:49" x14ac:dyDescent="0.2">
      <c r="B5044" s="97"/>
      <c r="J5044" s="98"/>
      <c r="K5044" s="97"/>
      <c r="N5044" s="3"/>
      <c r="W5044" s="98"/>
      <c r="Z5044" s="143"/>
      <c r="AA5044" s="137"/>
      <c r="AB5044" s="137"/>
      <c r="AC5044" s="137"/>
      <c r="AD5044" s="137"/>
      <c r="AE5044" s="137"/>
      <c r="AF5044" s="137"/>
      <c r="AG5044" s="137"/>
      <c r="AH5044" s="137"/>
      <c r="AI5044" s="137"/>
      <c r="AJ5044" s="137"/>
      <c r="AK5044" s="206"/>
      <c r="AL5044" s="206"/>
      <c r="AM5044" s="143"/>
      <c r="AN5044" s="137"/>
      <c r="AO5044" s="137"/>
      <c r="AP5044" s="137"/>
      <c r="AQ5044" s="137"/>
      <c r="AR5044" s="137"/>
      <c r="AS5044" s="137"/>
      <c r="AT5044" s="137"/>
      <c r="AU5044" s="137"/>
      <c r="AV5044" s="137"/>
      <c r="AW5044" s="144"/>
    </row>
    <row r="5045" spans="2:49" x14ac:dyDescent="0.2">
      <c r="B5045" s="97"/>
      <c r="J5045" s="98"/>
      <c r="K5045" s="97"/>
      <c r="N5045" s="3"/>
      <c r="W5045" s="98"/>
      <c r="Z5045" s="143"/>
      <c r="AA5045" s="137"/>
      <c r="AB5045" s="137"/>
      <c r="AC5045" s="137"/>
      <c r="AD5045" s="137"/>
      <c r="AE5045" s="137"/>
      <c r="AF5045" s="137"/>
      <c r="AG5045" s="137"/>
      <c r="AH5045" s="137"/>
      <c r="AI5045" s="137"/>
      <c r="AJ5045" s="137"/>
      <c r="AK5045" s="206"/>
      <c r="AL5045" s="206"/>
      <c r="AM5045" s="143"/>
      <c r="AN5045" s="137"/>
      <c r="AO5045" s="137"/>
      <c r="AP5045" s="137"/>
      <c r="AQ5045" s="137"/>
      <c r="AR5045" s="137"/>
      <c r="AS5045" s="137"/>
      <c r="AT5045" s="137"/>
      <c r="AU5045" s="137"/>
      <c r="AV5045" s="137"/>
      <c r="AW5045" s="144"/>
    </row>
    <row r="5046" spans="2:49" x14ac:dyDescent="0.2">
      <c r="B5046" s="97"/>
      <c r="J5046" s="98"/>
      <c r="K5046" s="97"/>
      <c r="N5046" s="3"/>
      <c r="W5046" s="98"/>
      <c r="Z5046" s="143"/>
      <c r="AA5046" s="137"/>
      <c r="AB5046" s="137"/>
      <c r="AC5046" s="137"/>
      <c r="AD5046" s="137"/>
      <c r="AE5046" s="137"/>
      <c r="AF5046" s="137"/>
      <c r="AG5046" s="137"/>
      <c r="AH5046" s="137"/>
      <c r="AI5046" s="137"/>
      <c r="AJ5046" s="137"/>
      <c r="AK5046" s="206"/>
      <c r="AL5046" s="206"/>
      <c r="AM5046" s="143"/>
      <c r="AN5046" s="137"/>
      <c r="AO5046" s="137"/>
      <c r="AP5046" s="137"/>
      <c r="AQ5046" s="137"/>
      <c r="AR5046" s="137"/>
      <c r="AS5046" s="137"/>
      <c r="AT5046" s="137"/>
      <c r="AU5046" s="137"/>
      <c r="AV5046" s="137"/>
      <c r="AW5046" s="144"/>
    </row>
    <row r="5047" spans="2:49" x14ac:dyDescent="0.2">
      <c r="B5047" s="97"/>
      <c r="J5047" s="98"/>
      <c r="K5047" s="97"/>
      <c r="N5047" s="3"/>
      <c r="W5047" s="98"/>
      <c r="Z5047" s="143"/>
      <c r="AA5047" s="137"/>
      <c r="AB5047" s="137"/>
      <c r="AC5047" s="137"/>
      <c r="AD5047" s="137"/>
      <c r="AE5047" s="137"/>
      <c r="AF5047" s="137"/>
      <c r="AG5047" s="137"/>
      <c r="AH5047" s="137"/>
      <c r="AI5047" s="137"/>
      <c r="AJ5047" s="137"/>
      <c r="AK5047" s="206"/>
      <c r="AL5047" s="206"/>
      <c r="AM5047" s="143"/>
      <c r="AN5047" s="137"/>
      <c r="AO5047" s="137"/>
      <c r="AP5047" s="137"/>
      <c r="AQ5047" s="137"/>
      <c r="AR5047" s="137"/>
      <c r="AS5047" s="137"/>
      <c r="AT5047" s="137"/>
      <c r="AU5047" s="137"/>
      <c r="AV5047" s="137"/>
      <c r="AW5047" s="144"/>
    </row>
    <row r="5048" spans="2:49" x14ac:dyDescent="0.2">
      <c r="B5048" s="97"/>
      <c r="J5048" s="98"/>
      <c r="K5048" s="97"/>
      <c r="N5048" s="3"/>
      <c r="W5048" s="98"/>
      <c r="Z5048" s="143"/>
      <c r="AA5048" s="137"/>
      <c r="AB5048" s="137"/>
      <c r="AC5048" s="137"/>
      <c r="AD5048" s="137"/>
      <c r="AE5048" s="137"/>
      <c r="AF5048" s="137"/>
      <c r="AG5048" s="137"/>
      <c r="AH5048" s="137"/>
      <c r="AI5048" s="137"/>
      <c r="AJ5048" s="137"/>
      <c r="AK5048" s="206"/>
      <c r="AL5048" s="206"/>
      <c r="AM5048" s="143"/>
      <c r="AN5048" s="137"/>
      <c r="AO5048" s="137"/>
      <c r="AP5048" s="137"/>
      <c r="AQ5048" s="137"/>
      <c r="AR5048" s="137"/>
      <c r="AS5048" s="137"/>
      <c r="AT5048" s="137"/>
      <c r="AU5048" s="137"/>
      <c r="AV5048" s="137"/>
      <c r="AW5048" s="144"/>
    </row>
    <row r="5049" spans="2:49" x14ac:dyDescent="0.2">
      <c r="B5049" s="97"/>
      <c r="J5049" s="98"/>
      <c r="K5049" s="97"/>
      <c r="N5049" s="3"/>
      <c r="W5049" s="98"/>
      <c r="Z5049" s="143"/>
      <c r="AA5049" s="137"/>
      <c r="AB5049" s="137"/>
      <c r="AC5049" s="137"/>
      <c r="AD5049" s="137"/>
      <c r="AE5049" s="137"/>
      <c r="AF5049" s="137"/>
      <c r="AG5049" s="137"/>
      <c r="AH5049" s="137"/>
      <c r="AI5049" s="137"/>
      <c r="AJ5049" s="137"/>
      <c r="AK5049" s="206"/>
      <c r="AL5049" s="206"/>
      <c r="AM5049" s="143"/>
      <c r="AN5049" s="137"/>
      <c r="AO5049" s="137"/>
      <c r="AP5049" s="137"/>
      <c r="AQ5049" s="137"/>
      <c r="AR5049" s="137"/>
      <c r="AS5049" s="137"/>
      <c r="AT5049" s="137"/>
      <c r="AU5049" s="137"/>
      <c r="AV5049" s="137"/>
      <c r="AW5049" s="144"/>
    </row>
    <row r="5050" spans="2:49" x14ac:dyDescent="0.2">
      <c r="B5050" s="97"/>
      <c r="J5050" s="98"/>
      <c r="K5050" s="97"/>
      <c r="N5050" s="3"/>
      <c r="W5050" s="98"/>
      <c r="Z5050" s="143"/>
      <c r="AA5050" s="137"/>
      <c r="AB5050" s="137"/>
      <c r="AC5050" s="137"/>
      <c r="AD5050" s="137"/>
      <c r="AE5050" s="137"/>
      <c r="AF5050" s="137"/>
      <c r="AG5050" s="137"/>
      <c r="AH5050" s="137"/>
      <c r="AI5050" s="137"/>
      <c r="AJ5050" s="137"/>
      <c r="AK5050" s="206"/>
      <c r="AL5050" s="206"/>
      <c r="AM5050" s="143"/>
      <c r="AN5050" s="137"/>
      <c r="AO5050" s="137"/>
      <c r="AP5050" s="137"/>
      <c r="AQ5050" s="137"/>
      <c r="AR5050" s="137"/>
      <c r="AS5050" s="137"/>
      <c r="AT5050" s="137"/>
      <c r="AU5050" s="137"/>
      <c r="AV5050" s="137"/>
      <c r="AW5050" s="144"/>
    </row>
    <row r="5051" spans="2:49" x14ac:dyDescent="0.2">
      <c r="B5051" s="97"/>
      <c r="J5051" s="98"/>
      <c r="K5051" s="97"/>
      <c r="N5051" s="3"/>
      <c r="W5051" s="98"/>
      <c r="Z5051" s="143"/>
      <c r="AA5051" s="137"/>
      <c r="AB5051" s="137"/>
      <c r="AC5051" s="137"/>
      <c r="AD5051" s="137"/>
      <c r="AE5051" s="137"/>
      <c r="AF5051" s="137"/>
      <c r="AG5051" s="137"/>
      <c r="AH5051" s="137"/>
      <c r="AI5051" s="137"/>
      <c r="AJ5051" s="137"/>
      <c r="AK5051" s="206"/>
      <c r="AL5051" s="206"/>
      <c r="AM5051" s="143"/>
      <c r="AN5051" s="137"/>
      <c r="AO5051" s="137"/>
      <c r="AP5051" s="137"/>
      <c r="AQ5051" s="137"/>
      <c r="AR5051" s="137"/>
      <c r="AS5051" s="137"/>
      <c r="AT5051" s="137"/>
      <c r="AU5051" s="137"/>
      <c r="AV5051" s="137"/>
      <c r="AW5051" s="144"/>
    </row>
    <row r="5052" spans="2:49" x14ac:dyDescent="0.2">
      <c r="B5052" s="97"/>
      <c r="J5052" s="98"/>
      <c r="K5052" s="97"/>
      <c r="N5052" s="3"/>
      <c r="W5052" s="98"/>
      <c r="Z5052" s="143"/>
      <c r="AA5052" s="137"/>
      <c r="AB5052" s="137"/>
      <c r="AC5052" s="137"/>
      <c r="AD5052" s="137"/>
      <c r="AE5052" s="137"/>
      <c r="AF5052" s="137"/>
      <c r="AG5052" s="137"/>
      <c r="AH5052" s="137"/>
      <c r="AI5052" s="137"/>
      <c r="AJ5052" s="137"/>
      <c r="AK5052" s="206"/>
      <c r="AL5052" s="206"/>
      <c r="AM5052" s="143"/>
      <c r="AN5052" s="137"/>
      <c r="AO5052" s="137"/>
      <c r="AP5052" s="137"/>
      <c r="AQ5052" s="137"/>
      <c r="AR5052" s="137"/>
      <c r="AS5052" s="137"/>
      <c r="AT5052" s="137"/>
      <c r="AU5052" s="137"/>
      <c r="AV5052" s="137"/>
      <c r="AW5052" s="144"/>
    </row>
    <row r="5053" spans="2:49" x14ac:dyDescent="0.2">
      <c r="B5053" s="97"/>
      <c r="J5053" s="98"/>
      <c r="K5053" s="97"/>
      <c r="N5053" s="3"/>
      <c r="W5053" s="98"/>
      <c r="Z5053" s="143"/>
      <c r="AA5053" s="137"/>
      <c r="AB5053" s="137"/>
      <c r="AC5053" s="137"/>
      <c r="AD5053" s="137"/>
      <c r="AE5053" s="137"/>
      <c r="AF5053" s="137"/>
      <c r="AG5053" s="137"/>
      <c r="AH5053" s="137"/>
      <c r="AI5053" s="137"/>
      <c r="AJ5053" s="137"/>
      <c r="AK5053" s="206"/>
      <c r="AL5053" s="206"/>
      <c r="AM5053" s="143"/>
      <c r="AN5053" s="137"/>
      <c r="AO5053" s="137"/>
      <c r="AP5053" s="137"/>
      <c r="AQ5053" s="137"/>
      <c r="AR5053" s="137"/>
      <c r="AS5053" s="137"/>
      <c r="AT5053" s="137"/>
      <c r="AU5053" s="137"/>
      <c r="AV5053" s="137"/>
      <c r="AW5053" s="144"/>
    </row>
    <row r="5054" spans="2:49" x14ac:dyDescent="0.2">
      <c r="B5054" s="97"/>
      <c r="J5054" s="98"/>
      <c r="K5054" s="97"/>
      <c r="N5054" s="3"/>
      <c r="W5054" s="98"/>
      <c r="Z5054" s="143"/>
      <c r="AA5054" s="137"/>
      <c r="AB5054" s="137"/>
      <c r="AC5054" s="137"/>
      <c r="AD5054" s="137"/>
      <c r="AE5054" s="137"/>
      <c r="AF5054" s="137"/>
      <c r="AG5054" s="137"/>
      <c r="AH5054" s="137"/>
      <c r="AI5054" s="137"/>
      <c r="AJ5054" s="137"/>
      <c r="AK5054" s="206"/>
      <c r="AL5054" s="206"/>
      <c r="AM5054" s="143"/>
      <c r="AN5054" s="137"/>
      <c r="AO5054" s="137"/>
      <c r="AP5054" s="137"/>
      <c r="AQ5054" s="137"/>
      <c r="AR5054" s="137"/>
      <c r="AS5054" s="137"/>
      <c r="AT5054" s="137"/>
      <c r="AU5054" s="137"/>
      <c r="AV5054" s="137"/>
      <c r="AW5054" s="144"/>
    </row>
    <row r="5055" spans="2:49" x14ac:dyDescent="0.2">
      <c r="B5055" s="97"/>
      <c r="J5055" s="98"/>
      <c r="K5055" s="97"/>
      <c r="N5055" s="3"/>
      <c r="W5055" s="98"/>
      <c r="Z5055" s="143"/>
      <c r="AA5055" s="137"/>
      <c r="AB5055" s="137"/>
      <c r="AC5055" s="137"/>
      <c r="AD5055" s="137"/>
      <c r="AE5055" s="137"/>
      <c r="AF5055" s="137"/>
      <c r="AG5055" s="137"/>
      <c r="AH5055" s="137"/>
      <c r="AI5055" s="137"/>
      <c r="AJ5055" s="137"/>
      <c r="AK5055" s="206"/>
      <c r="AL5055" s="206"/>
      <c r="AM5055" s="143"/>
      <c r="AN5055" s="137"/>
      <c r="AO5055" s="137"/>
      <c r="AP5055" s="137"/>
      <c r="AQ5055" s="137"/>
      <c r="AR5055" s="137"/>
      <c r="AS5055" s="137"/>
      <c r="AT5055" s="137"/>
      <c r="AU5055" s="137"/>
      <c r="AV5055" s="137"/>
      <c r="AW5055" s="144"/>
    </row>
    <row r="5056" spans="2:49" x14ac:dyDescent="0.2">
      <c r="B5056" s="97"/>
      <c r="J5056" s="98"/>
      <c r="K5056" s="97"/>
      <c r="N5056" s="3"/>
      <c r="W5056" s="98"/>
      <c r="Z5056" s="143"/>
      <c r="AA5056" s="137"/>
      <c r="AB5056" s="137"/>
      <c r="AC5056" s="137"/>
      <c r="AD5056" s="137"/>
      <c r="AE5056" s="137"/>
      <c r="AF5056" s="137"/>
      <c r="AG5056" s="137"/>
      <c r="AH5056" s="137"/>
      <c r="AI5056" s="137"/>
      <c r="AJ5056" s="137"/>
      <c r="AK5056" s="206"/>
      <c r="AL5056" s="206"/>
      <c r="AM5056" s="143"/>
      <c r="AN5056" s="137"/>
      <c r="AO5056" s="137"/>
      <c r="AP5056" s="137"/>
      <c r="AQ5056" s="137"/>
      <c r="AR5056" s="137"/>
      <c r="AS5056" s="137"/>
      <c r="AT5056" s="137"/>
      <c r="AU5056" s="137"/>
      <c r="AV5056" s="137"/>
      <c r="AW5056" s="144"/>
    </row>
    <row r="5057" spans="2:49" x14ac:dyDescent="0.2">
      <c r="B5057" s="97"/>
      <c r="J5057" s="98"/>
      <c r="K5057" s="97"/>
      <c r="N5057" s="3"/>
      <c r="W5057" s="98"/>
      <c r="Z5057" s="143"/>
      <c r="AA5057" s="137"/>
      <c r="AB5057" s="137"/>
      <c r="AC5057" s="137"/>
      <c r="AD5057" s="137"/>
      <c r="AE5057" s="137"/>
      <c r="AF5057" s="137"/>
      <c r="AG5057" s="137"/>
      <c r="AH5057" s="137"/>
      <c r="AI5057" s="137"/>
      <c r="AJ5057" s="137"/>
      <c r="AK5057" s="206"/>
      <c r="AL5057" s="206"/>
      <c r="AM5057" s="143"/>
      <c r="AN5057" s="137"/>
      <c r="AO5057" s="137"/>
      <c r="AP5057" s="137"/>
      <c r="AQ5057" s="137"/>
      <c r="AR5057" s="137"/>
      <c r="AS5057" s="137"/>
      <c r="AT5057" s="137"/>
      <c r="AU5057" s="137"/>
      <c r="AV5057" s="137"/>
      <c r="AW5057" s="144"/>
    </row>
    <row r="5058" spans="2:49" x14ac:dyDescent="0.2">
      <c r="B5058" s="97"/>
      <c r="J5058" s="98"/>
      <c r="K5058" s="97"/>
      <c r="N5058" s="3"/>
      <c r="W5058" s="98"/>
      <c r="Z5058" s="143"/>
      <c r="AA5058" s="137"/>
      <c r="AB5058" s="137"/>
      <c r="AC5058" s="137"/>
      <c r="AD5058" s="137"/>
      <c r="AE5058" s="137"/>
      <c r="AF5058" s="137"/>
      <c r="AG5058" s="137"/>
      <c r="AH5058" s="137"/>
      <c r="AI5058" s="137"/>
      <c r="AJ5058" s="137"/>
      <c r="AK5058" s="206"/>
      <c r="AL5058" s="206"/>
      <c r="AM5058" s="143"/>
      <c r="AN5058" s="137"/>
      <c r="AO5058" s="137"/>
      <c r="AP5058" s="137"/>
      <c r="AQ5058" s="137"/>
      <c r="AR5058" s="137"/>
      <c r="AS5058" s="137"/>
      <c r="AT5058" s="137"/>
      <c r="AU5058" s="137"/>
      <c r="AV5058" s="137"/>
      <c r="AW5058" s="144"/>
    </row>
    <row r="5059" spans="2:49" x14ac:dyDescent="0.2">
      <c r="B5059" s="97"/>
      <c r="J5059" s="98"/>
      <c r="K5059" s="97"/>
      <c r="N5059" s="3"/>
      <c r="W5059" s="98"/>
      <c r="Z5059" s="143"/>
      <c r="AA5059" s="137"/>
      <c r="AB5059" s="137"/>
      <c r="AC5059" s="137"/>
      <c r="AD5059" s="137"/>
      <c r="AE5059" s="137"/>
      <c r="AF5059" s="137"/>
      <c r="AG5059" s="137"/>
      <c r="AH5059" s="137"/>
      <c r="AI5059" s="137"/>
      <c r="AJ5059" s="137"/>
      <c r="AK5059" s="206"/>
      <c r="AL5059" s="206"/>
      <c r="AM5059" s="143"/>
      <c r="AN5059" s="137"/>
      <c r="AO5059" s="137"/>
      <c r="AP5059" s="137"/>
      <c r="AQ5059" s="137"/>
      <c r="AR5059" s="137"/>
      <c r="AS5059" s="137"/>
      <c r="AT5059" s="137"/>
      <c r="AU5059" s="137"/>
      <c r="AV5059" s="137"/>
      <c r="AW5059" s="144"/>
    </row>
    <row r="5060" spans="2:49" x14ac:dyDescent="0.2">
      <c r="B5060" s="97"/>
      <c r="J5060" s="98"/>
      <c r="K5060" s="97"/>
      <c r="N5060" s="3"/>
      <c r="W5060" s="98"/>
      <c r="Z5060" s="143"/>
      <c r="AA5060" s="137"/>
      <c r="AB5060" s="137"/>
      <c r="AC5060" s="137"/>
      <c r="AD5060" s="137"/>
      <c r="AE5060" s="137"/>
      <c r="AF5060" s="137"/>
      <c r="AG5060" s="137"/>
      <c r="AH5060" s="137"/>
      <c r="AI5060" s="137"/>
      <c r="AJ5060" s="137"/>
      <c r="AK5060" s="206"/>
      <c r="AL5060" s="206"/>
      <c r="AM5060" s="143"/>
      <c r="AN5060" s="137"/>
      <c r="AO5060" s="137"/>
      <c r="AP5060" s="137"/>
      <c r="AQ5060" s="137"/>
      <c r="AR5060" s="137"/>
      <c r="AS5060" s="137"/>
      <c r="AT5060" s="137"/>
      <c r="AU5060" s="137"/>
      <c r="AV5060" s="137"/>
      <c r="AW5060" s="144"/>
    </row>
    <row r="5061" spans="2:49" x14ac:dyDescent="0.2">
      <c r="B5061" s="97"/>
      <c r="J5061" s="98"/>
      <c r="K5061" s="97"/>
      <c r="N5061" s="3"/>
      <c r="W5061" s="98"/>
      <c r="Z5061" s="143"/>
      <c r="AA5061" s="137"/>
      <c r="AB5061" s="137"/>
      <c r="AC5061" s="137"/>
      <c r="AD5061" s="137"/>
      <c r="AE5061" s="137"/>
      <c r="AF5061" s="137"/>
      <c r="AG5061" s="137"/>
      <c r="AH5061" s="137"/>
      <c r="AI5061" s="137"/>
      <c r="AJ5061" s="137"/>
      <c r="AK5061" s="206"/>
      <c r="AL5061" s="206"/>
      <c r="AM5061" s="143"/>
      <c r="AN5061" s="137"/>
      <c r="AO5061" s="137"/>
      <c r="AP5061" s="137"/>
      <c r="AQ5061" s="137"/>
      <c r="AR5061" s="137"/>
      <c r="AS5061" s="137"/>
      <c r="AT5061" s="137"/>
      <c r="AU5061" s="137"/>
      <c r="AV5061" s="137"/>
      <c r="AW5061" s="144"/>
    </row>
    <row r="5062" spans="2:49" x14ac:dyDescent="0.2">
      <c r="B5062" s="97"/>
      <c r="J5062" s="98"/>
      <c r="K5062" s="97"/>
      <c r="N5062" s="3"/>
      <c r="W5062" s="98"/>
      <c r="Z5062" s="143"/>
      <c r="AA5062" s="137"/>
      <c r="AB5062" s="137"/>
      <c r="AC5062" s="137"/>
      <c r="AD5062" s="137"/>
      <c r="AE5062" s="137"/>
      <c r="AF5062" s="137"/>
      <c r="AG5062" s="137"/>
      <c r="AH5062" s="137"/>
      <c r="AI5062" s="137"/>
      <c r="AJ5062" s="137"/>
      <c r="AK5062" s="206"/>
      <c r="AL5062" s="206"/>
      <c r="AM5062" s="143"/>
      <c r="AN5062" s="137"/>
      <c r="AO5062" s="137"/>
      <c r="AP5062" s="137"/>
      <c r="AQ5062" s="137"/>
      <c r="AR5062" s="137"/>
      <c r="AS5062" s="137"/>
      <c r="AT5062" s="137"/>
      <c r="AU5062" s="137"/>
      <c r="AV5062" s="137"/>
      <c r="AW5062" s="144"/>
    </row>
    <row r="5063" spans="2:49" x14ac:dyDescent="0.2">
      <c r="B5063" s="97"/>
      <c r="J5063" s="98"/>
      <c r="K5063" s="97"/>
      <c r="N5063" s="3"/>
      <c r="W5063" s="98"/>
      <c r="Z5063" s="143"/>
      <c r="AA5063" s="137"/>
      <c r="AB5063" s="137"/>
      <c r="AC5063" s="137"/>
      <c r="AD5063" s="137"/>
      <c r="AE5063" s="137"/>
      <c r="AF5063" s="137"/>
      <c r="AG5063" s="137"/>
      <c r="AH5063" s="137"/>
      <c r="AI5063" s="137"/>
      <c r="AJ5063" s="137"/>
      <c r="AK5063" s="206"/>
      <c r="AL5063" s="206"/>
      <c r="AM5063" s="143"/>
      <c r="AN5063" s="137"/>
      <c r="AO5063" s="137"/>
      <c r="AP5063" s="137"/>
      <c r="AQ5063" s="137"/>
      <c r="AR5063" s="137"/>
      <c r="AS5063" s="137"/>
      <c r="AT5063" s="137"/>
      <c r="AU5063" s="137"/>
      <c r="AV5063" s="137"/>
      <c r="AW5063" s="144"/>
    </row>
    <row r="5064" spans="2:49" x14ac:dyDescent="0.2">
      <c r="B5064" s="97"/>
      <c r="J5064" s="98"/>
      <c r="K5064" s="97"/>
      <c r="N5064" s="3"/>
      <c r="W5064" s="98"/>
      <c r="Z5064" s="143"/>
      <c r="AA5064" s="137"/>
      <c r="AB5064" s="137"/>
      <c r="AC5064" s="137"/>
      <c r="AD5064" s="137"/>
      <c r="AE5064" s="137"/>
      <c r="AF5064" s="137"/>
      <c r="AG5064" s="137"/>
      <c r="AH5064" s="137"/>
      <c r="AI5064" s="137"/>
      <c r="AJ5064" s="137"/>
      <c r="AK5064" s="206"/>
      <c r="AL5064" s="206"/>
      <c r="AM5064" s="143"/>
      <c r="AN5064" s="137"/>
      <c r="AO5064" s="137"/>
      <c r="AP5064" s="137"/>
      <c r="AQ5064" s="137"/>
      <c r="AR5064" s="137"/>
      <c r="AS5064" s="137"/>
      <c r="AT5064" s="137"/>
      <c r="AU5064" s="137"/>
      <c r="AV5064" s="137"/>
      <c r="AW5064" s="144"/>
    </row>
    <row r="5065" spans="2:49" x14ac:dyDescent="0.2">
      <c r="B5065" s="97"/>
      <c r="J5065" s="98"/>
      <c r="K5065" s="97"/>
      <c r="N5065" s="3"/>
      <c r="W5065" s="98"/>
      <c r="Z5065" s="143"/>
      <c r="AA5065" s="137"/>
      <c r="AB5065" s="137"/>
      <c r="AC5065" s="137"/>
      <c r="AD5065" s="137"/>
      <c r="AE5065" s="137"/>
      <c r="AF5065" s="137"/>
      <c r="AG5065" s="137"/>
      <c r="AH5065" s="137"/>
      <c r="AI5065" s="137"/>
      <c r="AJ5065" s="137"/>
      <c r="AK5065" s="206"/>
      <c r="AL5065" s="206"/>
      <c r="AM5065" s="143"/>
      <c r="AN5065" s="137"/>
      <c r="AO5065" s="137"/>
      <c r="AP5065" s="137"/>
      <c r="AQ5065" s="137"/>
      <c r="AR5065" s="137"/>
      <c r="AS5065" s="137"/>
      <c r="AT5065" s="137"/>
      <c r="AU5065" s="137"/>
      <c r="AV5065" s="137"/>
      <c r="AW5065" s="144"/>
    </row>
    <row r="5066" spans="2:49" x14ac:dyDescent="0.2">
      <c r="B5066" s="97"/>
      <c r="J5066" s="98"/>
      <c r="K5066" s="97"/>
      <c r="N5066" s="3"/>
      <c r="W5066" s="98"/>
      <c r="Z5066" s="143"/>
      <c r="AA5066" s="137"/>
      <c r="AB5066" s="137"/>
      <c r="AC5066" s="137"/>
      <c r="AD5066" s="137"/>
      <c r="AE5066" s="137"/>
      <c r="AF5066" s="137"/>
      <c r="AG5066" s="137"/>
      <c r="AH5066" s="137"/>
      <c r="AI5066" s="137"/>
      <c r="AJ5066" s="137"/>
      <c r="AK5066" s="206"/>
      <c r="AL5066" s="206"/>
      <c r="AM5066" s="143"/>
      <c r="AN5066" s="137"/>
      <c r="AO5066" s="137"/>
      <c r="AP5066" s="137"/>
      <c r="AQ5066" s="137"/>
      <c r="AR5066" s="137"/>
      <c r="AS5066" s="137"/>
      <c r="AT5066" s="137"/>
      <c r="AU5066" s="137"/>
      <c r="AV5066" s="137"/>
      <c r="AW5066" s="144"/>
    </row>
    <row r="5067" spans="2:49" x14ac:dyDescent="0.2">
      <c r="B5067" s="97"/>
      <c r="J5067" s="98"/>
      <c r="K5067" s="97"/>
      <c r="N5067" s="3"/>
      <c r="W5067" s="98"/>
      <c r="Z5067" s="143"/>
      <c r="AA5067" s="137"/>
      <c r="AB5067" s="137"/>
      <c r="AC5067" s="137"/>
      <c r="AD5067" s="137"/>
      <c r="AE5067" s="137"/>
      <c r="AF5067" s="137"/>
      <c r="AG5067" s="137"/>
      <c r="AH5067" s="137"/>
      <c r="AI5067" s="137"/>
      <c r="AJ5067" s="137"/>
      <c r="AK5067" s="206"/>
      <c r="AL5067" s="206"/>
      <c r="AM5067" s="143"/>
      <c r="AN5067" s="137"/>
      <c r="AO5067" s="137"/>
      <c r="AP5067" s="137"/>
      <c r="AQ5067" s="137"/>
      <c r="AR5067" s="137"/>
      <c r="AS5067" s="137"/>
      <c r="AT5067" s="137"/>
      <c r="AU5067" s="137"/>
      <c r="AV5067" s="137"/>
      <c r="AW5067" s="144"/>
    </row>
    <row r="5068" spans="2:49" x14ac:dyDescent="0.2">
      <c r="B5068" s="97"/>
      <c r="J5068" s="98"/>
      <c r="K5068" s="97"/>
      <c r="N5068" s="3"/>
      <c r="W5068" s="98"/>
      <c r="Z5068" s="143"/>
      <c r="AA5068" s="137"/>
      <c r="AB5068" s="137"/>
      <c r="AC5068" s="137"/>
      <c r="AD5068" s="137"/>
      <c r="AE5068" s="137"/>
      <c r="AF5068" s="137"/>
      <c r="AG5068" s="137"/>
      <c r="AH5068" s="137"/>
      <c r="AI5068" s="137"/>
      <c r="AJ5068" s="137"/>
      <c r="AK5068" s="206"/>
      <c r="AL5068" s="206"/>
      <c r="AM5068" s="143"/>
      <c r="AN5068" s="137"/>
      <c r="AO5068" s="137"/>
      <c r="AP5068" s="137"/>
      <c r="AQ5068" s="137"/>
      <c r="AR5068" s="137"/>
      <c r="AS5068" s="137"/>
      <c r="AT5068" s="137"/>
      <c r="AU5068" s="137"/>
      <c r="AV5068" s="137"/>
      <c r="AW5068" s="144"/>
    </row>
    <row r="5069" spans="2:49" x14ac:dyDescent="0.2">
      <c r="B5069" s="97"/>
      <c r="J5069" s="98"/>
      <c r="K5069" s="97"/>
      <c r="N5069" s="3"/>
      <c r="W5069" s="98"/>
      <c r="Z5069" s="143"/>
      <c r="AA5069" s="137"/>
      <c r="AB5069" s="137"/>
      <c r="AC5069" s="137"/>
      <c r="AD5069" s="137"/>
      <c r="AE5069" s="137"/>
      <c r="AF5069" s="137"/>
      <c r="AG5069" s="137"/>
      <c r="AH5069" s="137"/>
      <c r="AI5069" s="137"/>
      <c r="AJ5069" s="137"/>
      <c r="AK5069" s="206"/>
      <c r="AL5069" s="206"/>
      <c r="AM5069" s="143"/>
      <c r="AN5069" s="137"/>
      <c r="AO5069" s="137"/>
      <c r="AP5069" s="137"/>
      <c r="AQ5069" s="137"/>
      <c r="AR5069" s="137"/>
      <c r="AS5069" s="137"/>
      <c r="AT5069" s="137"/>
      <c r="AU5069" s="137"/>
      <c r="AV5069" s="137"/>
      <c r="AW5069" s="144"/>
    </row>
    <row r="5070" spans="2:49" x14ac:dyDescent="0.2">
      <c r="B5070" s="97"/>
      <c r="J5070" s="98"/>
      <c r="K5070" s="97"/>
      <c r="N5070" s="3"/>
      <c r="W5070" s="98"/>
      <c r="Z5070" s="143"/>
      <c r="AA5070" s="137"/>
      <c r="AB5070" s="137"/>
      <c r="AC5070" s="137"/>
      <c r="AD5070" s="137"/>
      <c r="AE5070" s="137"/>
      <c r="AF5070" s="137"/>
      <c r="AG5070" s="137"/>
      <c r="AH5070" s="137"/>
      <c r="AI5070" s="137"/>
      <c r="AJ5070" s="137"/>
      <c r="AK5070" s="206"/>
      <c r="AL5070" s="206"/>
      <c r="AM5070" s="143"/>
      <c r="AN5070" s="137"/>
      <c r="AO5070" s="137"/>
      <c r="AP5070" s="137"/>
      <c r="AQ5070" s="137"/>
      <c r="AR5070" s="137"/>
      <c r="AS5070" s="137"/>
      <c r="AT5070" s="137"/>
      <c r="AU5070" s="137"/>
      <c r="AV5070" s="137"/>
      <c r="AW5070" s="144"/>
    </row>
    <row r="5071" spans="2:49" x14ac:dyDescent="0.2">
      <c r="B5071" s="97"/>
      <c r="J5071" s="98"/>
      <c r="K5071" s="97"/>
      <c r="N5071" s="3"/>
      <c r="W5071" s="98"/>
      <c r="Z5071" s="143"/>
      <c r="AA5071" s="137"/>
      <c r="AB5071" s="137"/>
      <c r="AC5071" s="137"/>
      <c r="AD5071" s="137"/>
      <c r="AE5071" s="137"/>
      <c r="AF5071" s="137"/>
      <c r="AG5071" s="137"/>
      <c r="AH5071" s="137"/>
      <c r="AI5071" s="137"/>
      <c r="AJ5071" s="137"/>
      <c r="AK5071" s="206"/>
      <c r="AL5071" s="206"/>
      <c r="AM5071" s="143"/>
      <c r="AN5071" s="137"/>
      <c r="AO5071" s="137"/>
      <c r="AP5071" s="137"/>
      <c r="AQ5071" s="137"/>
      <c r="AR5071" s="137"/>
      <c r="AS5071" s="137"/>
      <c r="AT5071" s="137"/>
      <c r="AU5071" s="137"/>
      <c r="AV5071" s="137"/>
      <c r="AW5071" s="144"/>
    </row>
    <row r="5072" spans="2:49" x14ac:dyDescent="0.2">
      <c r="B5072" s="97"/>
      <c r="J5072" s="98"/>
      <c r="K5072" s="97"/>
      <c r="N5072" s="3"/>
      <c r="W5072" s="98"/>
      <c r="Z5072" s="143"/>
      <c r="AA5072" s="137"/>
      <c r="AB5072" s="137"/>
      <c r="AC5072" s="137"/>
      <c r="AD5072" s="137"/>
      <c r="AE5072" s="137"/>
      <c r="AF5072" s="137"/>
      <c r="AG5072" s="137"/>
      <c r="AH5072" s="137"/>
      <c r="AI5072" s="137"/>
      <c r="AJ5072" s="137"/>
      <c r="AK5072" s="206"/>
      <c r="AL5072" s="206"/>
      <c r="AM5072" s="143"/>
      <c r="AN5072" s="137"/>
      <c r="AO5072" s="137"/>
      <c r="AP5072" s="137"/>
      <c r="AQ5072" s="137"/>
      <c r="AR5072" s="137"/>
      <c r="AS5072" s="137"/>
      <c r="AT5072" s="137"/>
      <c r="AU5072" s="137"/>
      <c r="AV5072" s="137"/>
      <c r="AW5072" s="144"/>
    </row>
    <row r="5073" spans="2:49" x14ac:dyDescent="0.2">
      <c r="B5073" s="97"/>
      <c r="J5073" s="98"/>
      <c r="K5073" s="97"/>
      <c r="N5073" s="3"/>
      <c r="W5073" s="98"/>
      <c r="Z5073" s="143"/>
      <c r="AA5073" s="137"/>
      <c r="AB5073" s="137"/>
      <c r="AC5073" s="137"/>
      <c r="AD5073" s="137"/>
      <c r="AE5073" s="137"/>
      <c r="AF5073" s="137"/>
      <c r="AG5073" s="137"/>
      <c r="AH5073" s="137"/>
      <c r="AI5073" s="137"/>
      <c r="AJ5073" s="137"/>
      <c r="AK5073" s="206"/>
      <c r="AL5073" s="206"/>
      <c r="AM5073" s="143"/>
      <c r="AN5073" s="137"/>
      <c r="AO5073" s="137"/>
      <c r="AP5073" s="137"/>
      <c r="AQ5073" s="137"/>
      <c r="AR5073" s="137"/>
      <c r="AS5073" s="137"/>
      <c r="AT5073" s="137"/>
      <c r="AU5073" s="137"/>
      <c r="AV5073" s="137"/>
      <c r="AW5073" s="144"/>
    </row>
    <row r="5074" spans="2:49" x14ac:dyDescent="0.2">
      <c r="B5074" s="97"/>
      <c r="J5074" s="98"/>
      <c r="K5074" s="97"/>
      <c r="N5074" s="3"/>
      <c r="W5074" s="98"/>
      <c r="Z5074" s="143"/>
      <c r="AA5074" s="137"/>
      <c r="AB5074" s="137"/>
      <c r="AC5074" s="137"/>
      <c r="AD5074" s="137"/>
      <c r="AE5074" s="137"/>
      <c r="AF5074" s="137"/>
      <c r="AG5074" s="137"/>
      <c r="AH5074" s="137"/>
      <c r="AI5074" s="137"/>
      <c r="AJ5074" s="137"/>
      <c r="AK5074" s="206"/>
      <c r="AL5074" s="206"/>
      <c r="AM5074" s="143"/>
      <c r="AN5074" s="137"/>
      <c r="AO5074" s="137"/>
      <c r="AP5074" s="137"/>
      <c r="AQ5074" s="137"/>
      <c r="AR5074" s="137"/>
      <c r="AS5074" s="137"/>
      <c r="AT5074" s="137"/>
      <c r="AU5074" s="137"/>
      <c r="AV5074" s="137"/>
      <c r="AW5074" s="144"/>
    </row>
    <row r="5075" spans="2:49" x14ac:dyDescent="0.2">
      <c r="B5075" s="97"/>
      <c r="J5075" s="98"/>
      <c r="K5075" s="97"/>
      <c r="N5075" s="3"/>
      <c r="W5075" s="98"/>
      <c r="Z5075" s="143"/>
      <c r="AA5075" s="137"/>
      <c r="AB5075" s="137"/>
      <c r="AC5075" s="137"/>
      <c r="AD5075" s="137"/>
      <c r="AE5075" s="137"/>
      <c r="AF5075" s="137"/>
      <c r="AG5075" s="137"/>
      <c r="AH5075" s="137"/>
      <c r="AI5075" s="137"/>
      <c r="AJ5075" s="137"/>
      <c r="AK5075" s="206"/>
      <c r="AL5075" s="206"/>
      <c r="AM5075" s="143"/>
      <c r="AN5075" s="137"/>
      <c r="AO5075" s="137"/>
      <c r="AP5075" s="137"/>
      <c r="AQ5075" s="137"/>
      <c r="AR5075" s="137"/>
      <c r="AS5075" s="137"/>
      <c r="AT5075" s="137"/>
      <c r="AU5075" s="137"/>
      <c r="AV5075" s="137"/>
      <c r="AW5075" s="144"/>
    </row>
    <row r="5076" spans="2:49" x14ac:dyDescent="0.2">
      <c r="B5076" s="97"/>
      <c r="J5076" s="98"/>
      <c r="K5076" s="97"/>
      <c r="N5076" s="3"/>
      <c r="W5076" s="98"/>
      <c r="Z5076" s="143"/>
      <c r="AA5076" s="137"/>
      <c r="AB5076" s="137"/>
      <c r="AC5076" s="137"/>
      <c r="AD5076" s="137"/>
      <c r="AE5076" s="137"/>
      <c r="AF5076" s="137"/>
      <c r="AG5076" s="137"/>
      <c r="AH5076" s="137"/>
      <c r="AI5076" s="137"/>
      <c r="AJ5076" s="137"/>
      <c r="AK5076" s="206"/>
      <c r="AL5076" s="206"/>
      <c r="AM5076" s="143"/>
      <c r="AN5076" s="137"/>
      <c r="AO5076" s="137"/>
      <c r="AP5076" s="137"/>
      <c r="AQ5076" s="137"/>
      <c r="AR5076" s="137"/>
      <c r="AS5076" s="137"/>
      <c r="AT5076" s="137"/>
      <c r="AU5076" s="137"/>
      <c r="AV5076" s="137"/>
      <c r="AW5076" s="144"/>
    </row>
    <row r="5077" spans="2:49" x14ac:dyDescent="0.2">
      <c r="B5077" s="97"/>
      <c r="J5077" s="98"/>
      <c r="K5077" s="97"/>
      <c r="N5077" s="3"/>
      <c r="W5077" s="98"/>
      <c r="Z5077" s="143"/>
      <c r="AA5077" s="137"/>
      <c r="AB5077" s="137"/>
      <c r="AC5077" s="137"/>
      <c r="AD5077" s="137"/>
      <c r="AE5077" s="137"/>
      <c r="AF5077" s="137"/>
      <c r="AG5077" s="137"/>
      <c r="AH5077" s="137"/>
      <c r="AI5077" s="137"/>
      <c r="AJ5077" s="137"/>
      <c r="AK5077" s="206"/>
      <c r="AL5077" s="206"/>
      <c r="AM5077" s="143"/>
      <c r="AN5077" s="137"/>
      <c r="AO5077" s="137"/>
      <c r="AP5077" s="137"/>
      <c r="AQ5077" s="137"/>
      <c r="AR5077" s="137"/>
      <c r="AS5077" s="137"/>
      <c r="AT5077" s="137"/>
      <c r="AU5077" s="137"/>
      <c r="AV5077" s="137"/>
      <c r="AW5077" s="144"/>
    </row>
    <row r="5078" spans="2:49" x14ac:dyDescent="0.2">
      <c r="B5078" s="97"/>
      <c r="J5078" s="98"/>
      <c r="K5078" s="97"/>
      <c r="N5078" s="3"/>
      <c r="W5078" s="98"/>
      <c r="Z5078" s="143"/>
      <c r="AA5078" s="137"/>
      <c r="AB5078" s="137"/>
      <c r="AC5078" s="137"/>
      <c r="AD5078" s="137"/>
      <c r="AE5078" s="137"/>
      <c r="AF5078" s="137"/>
      <c r="AG5078" s="137"/>
      <c r="AH5078" s="137"/>
      <c r="AI5078" s="137"/>
      <c r="AJ5078" s="137"/>
      <c r="AK5078" s="206"/>
      <c r="AL5078" s="206"/>
      <c r="AM5078" s="143"/>
      <c r="AN5078" s="137"/>
      <c r="AO5078" s="137"/>
      <c r="AP5078" s="137"/>
      <c r="AQ5078" s="137"/>
      <c r="AR5078" s="137"/>
      <c r="AS5078" s="137"/>
      <c r="AT5078" s="137"/>
      <c r="AU5078" s="137"/>
      <c r="AV5078" s="137"/>
      <c r="AW5078" s="144"/>
    </row>
    <row r="5079" spans="2:49" x14ac:dyDescent="0.2">
      <c r="B5079" s="97"/>
      <c r="J5079" s="98"/>
      <c r="K5079" s="97"/>
      <c r="N5079" s="3"/>
      <c r="W5079" s="98"/>
      <c r="Z5079" s="143"/>
      <c r="AA5079" s="137"/>
      <c r="AB5079" s="137"/>
      <c r="AC5079" s="137"/>
      <c r="AD5079" s="137"/>
      <c r="AE5079" s="137"/>
      <c r="AF5079" s="137"/>
      <c r="AG5079" s="137"/>
      <c r="AH5079" s="137"/>
      <c r="AI5079" s="137"/>
      <c r="AJ5079" s="137"/>
      <c r="AK5079" s="206"/>
      <c r="AL5079" s="206"/>
      <c r="AM5079" s="143"/>
      <c r="AN5079" s="137"/>
      <c r="AO5079" s="137"/>
      <c r="AP5079" s="137"/>
      <c r="AQ5079" s="137"/>
      <c r="AR5079" s="137"/>
      <c r="AS5079" s="137"/>
      <c r="AT5079" s="137"/>
      <c r="AU5079" s="137"/>
      <c r="AV5079" s="137"/>
      <c r="AW5079" s="144"/>
    </row>
    <row r="5080" spans="2:49" x14ac:dyDescent="0.2">
      <c r="B5080" s="97"/>
      <c r="J5080" s="98"/>
      <c r="K5080" s="97"/>
      <c r="N5080" s="3"/>
      <c r="W5080" s="98"/>
      <c r="Z5080" s="143"/>
      <c r="AA5080" s="137"/>
      <c r="AB5080" s="137"/>
      <c r="AC5080" s="137"/>
      <c r="AD5080" s="137"/>
      <c r="AE5080" s="137"/>
      <c r="AF5080" s="137"/>
      <c r="AG5080" s="137"/>
      <c r="AH5080" s="137"/>
      <c r="AI5080" s="137"/>
      <c r="AJ5080" s="137"/>
      <c r="AK5080" s="206"/>
      <c r="AL5080" s="206"/>
      <c r="AM5080" s="143"/>
      <c r="AN5080" s="137"/>
      <c r="AO5080" s="137"/>
      <c r="AP5080" s="137"/>
      <c r="AQ5080" s="137"/>
      <c r="AR5080" s="137"/>
      <c r="AS5080" s="137"/>
      <c r="AT5080" s="137"/>
      <c r="AU5080" s="137"/>
      <c r="AV5080" s="137"/>
      <c r="AW5080" s="144"/>
    </row>
    <row r="5081" spans="2:49" x14ac:dyDescent="0.2">
      <c r="B5081" s="97"/>
      <c r="J5081" s="98"/>
      <c r="K5081" s="97"/>
      <c r="N5081" s="3"/>
      <c r="W5081" s="98"/>
      <c r="Z5081" s="143"/>
      <c r="AA5081" s="137"/>
      <c r="AB5081" s="137"/>
      <c r="AC5081" s="137"/>
      <c r="AD5081" s="137"/>
      <c r="AE5081" s="137"/>
      <c r="AF5081" s="137"/>
      <c r="AG5081" s="137"/>
      <c r="AH5081" s="137"/>
      <c r="AI5081" s="137"/>
      <c r="AJ5081" s="137"/>
      <c r="AK5081" s="206"/>
      <c r="AL5081" s="206"/>
      <c r="AM5081" s="143"/>
      <c r="AN5081" s="137"/>
      <c r="AO5081" s="137"/>
      <c r="AP5081" s="137"/>
      <c r="AQ5081" s="137"/>
      <c r="AR5081" s="137"/>
      <c r="AS5081" s="137"/>
      <c r="AT5081" s="137"/>
      <c r="AU5081" s="137"/>
      <c r="AV5081" s="137"/>
      <c r="AW5081" s="144"/>
    </row>
    <row r="5082" spans="2:49" x14ac:dyDescent="0.2">
      <c r="B5082" s="97"/>
      <c r="J5082" s="98"/>
      <c r="K5082" s="97"/>
      <c r="N5082" s="3"/>
      <c r="W5082" s="98"/>
      <c r="Z5082" s="143"/>
      <c r="AA5082" s="137"/>
      <c r="AB5082" s="137"/>
      <c r="AC5082" s="137"/>
      <c r="AD5082" s="137"/>
      <c r="AE5082" s="137"/>
      <c r="AF5082" s="137"/>
      <c r="AG5082" s="137"/>
      <c r="AH5082" s="137"/>
      <c r="AI5082" s="137"/>
      <c r="AJ5082" s="137"/>
      <c r="AK5082" s="206"/>
      <c r="AL5082" s="206"/>
      <c r="AM5082" s="143"/>
      <c r="AN5082" s="137"/>
      <c r="AO5082" s="137"/>
      <c r="AP5082" s="137"/>
      <c r="AQ5082" s="137"/>
      <c r="AR5082" s="137"/>
      <c r="AS5082" s="137"/>
      <c r="AT5082" s="137"/>
      <c r="AU5082" s="137"/>
      <c r="AV5082" s="137"/>
      <c r="AW5082" s="144"/>
    </row>
    <row r="5083" spans="2:49" x14ac:dyDescent="0.2">
      <c r="B5083" s="97"/>
      <c r="J5083" s="98"/>
      <c r="K5083" s="97"/>
      <c r="N5083" s="3"/>
      <c r="W5083" s="98"/>
      <c r="Z5083" s="143"/>
      <c r="AA5083" s="137"/>
      <c r="AB5083" s="137"/>
      <c r="AC5083" s="137"/>
      <c r="AD5083" s="137"/>
      <c r="AE5083" s="137"/>
      <c r="AF5083" s="137"/>
      <c r="AG5083" s="137"/>
      <c r="AH5083" s="137"/>
      <c r="AI5083" s="137"/>
      <c r="AJ5083" s="137"/>
      <c r="AK5083" s="206"/>
      <c r="AL5083" s="206"/>
      <c r="AM5083" s="143"/>
      <c r="AN5083" s="137"/>
      <c r="AO5083" s="137"/>
      <c r="AP5083" s="137"/>
      <c r="AQ5083" s="137"/>
      <c r="AR5083" s="137"/>
      <c r="AS5083" s="137"/>
      <c r="AT5083" s="137"/>
      <c r="AU5083" s="137"/>
      <c r="AV5083" s="137"/>
      <c r="AW5083" s="144"/>
    </row>
    <row r="5084" spans="2:49" x14ac:dyDescent="0.2">
      <c r="B5084" s="97"/>
      <c r="J5084" s="98"/>
      <c r="K5084" s="97"/>
      <c r="N5084" s="3"/>
      <c r="W5084" s="98"/>
      <c r="Z5084" s="143"/>
      <c r="AA5084" s="137"/>
      <c r="AB5084" s="137"/>
      <c r="AC5084" s="137"/>
      <c r="AD5084" s="137"/>
      <c r="AE5084" s="137"/>
      <c r="AF5084" s="137"/>
      <c r="AG5084" s="137"/>
      <c r="AH5084" s="137"/>
      <c r="AI5084" s="137"/>
      <c r="AJ5084" s="137"/>
      <c r="AK5084" s="206"/>
      <c r="AL5084" s="206"/>
      <c r="AM5084" s="143"/>
      <c r="AN5084" s="137"/>
      <c r="AO5084" s="137"/>
      <c r="AP5084" s="137"/>
      <c r="AQ5084" s="137"/>
      <c r="AR5084" s="137"/>
      <c r="AS5084" s="137"/>
      <c r="AT5084" s="137"/>
      <c r="AU5084" s="137"/>
      <c r="AV5084" s="137"/>
      <c r="AW5084" s="144"/>
    </row>
    <row r="5085" spans="2:49" x14ac:dyDescent="0.2">
      <c r="B5085" s="97"/>
      <c r="J5085" s="98"/>
      <c r="K5085" s="97"/>
      <c r="N5085" s="3"/>
      <c r="W5085" s="98"/>
      <c r="Z5085" s="143"/>
      <c r="AA5085" s="137"/>
      <c r="AB5085" s="137"/>
      <c r="AC5085" s="137"/>
      <c r="AD5085" s="137"/>
      <c r="AE5085" s="137"/>
      <c r="AF5085" s="137"/>
      <c r="AG5085" s="137"/>
      <c r="AH5085" s="137"/>
      <c r="AI5085" s="137"/>
      <c r="AJ5085" s="137"/>
      <c r="AK5085" s="206"/>
      <c r="AL5085" s="206"/>
      <c r="AM5085" s="143"/>
      <c r="AN5085" s="137"/>
      <c r="AO5085" s="137"/>
      <c r="AP5085" s="137"/>
      <c r="AQ5085" s="137"/>
      <c r="AR5085" s="137"/>
      <c r="AS5085" s="137"/>
      <c r="AT5085" s="137"/>
      <c r="AU5085" s="137"/>
      <c r="AV5085" s="137"/>
      <c r="AW5085" s="144"/>
    </row>
    <row r="5086" spans="2:49" x14ac:dyDescent="0.2">
      <c r="B5086" s="97"/>
      <c r="J5086" s="98"/>
      <c r="K5086" s="97"/>
      <c r="N5086" s="3"/>
      <c r="W5086" s="98"/>
      <c r="Z5086" s="143"/>
      <c r="AA5086" s="137"/>
      <c r="AB5086" s="137"/>
      <c r="AC5086" s="137"/>
      <c r="AD5086" s="137"/>
      <c r="AE5086" s="137"/>
      <c r="AF5086" s="137"/>
      <c r="AG5086" s="137"/>
      <c r="AH5086" s="137"/>
      <c r="AI5086" s="137"/>
      <c r="AJ5086" s="137"/>
      <c r="AK5086" s="206"/>
      <c r="AL5086" s="206"/>
      <c r="AM5086" s="143"/>
      <c r="AN5086" s="137"/>
      <c r="AO5086" s="137"/>
      <c r="AP5086" s="137"/>
      <c r="AQ5086" s="137"/>
      <c r="AR5086" s="137"/>
      <c r="AS5086" s="137"/>
      <c r="AT5086" s="137"/>
      <c r="AU5086" s="137"/>
      <c r="AV5086" s="137"/>
      <c r="AW5086" s="144"/>
    </row>
    <row r="5087" spans="2:49" x14ac:dyDescent="0.2">
      <c r="B5087" s="97"/>
      <c r="J5087" s="98"/>
      <c r="K5087" s="97"/>
      <c r="N5087" s="3"/>
      <c r="W5087" s="98"/>
      <c r="Z5087" s="143"/>
      <c r="AA5087" s="137"/>
      <c r="AB5087" s="137"/>
      <c r="AC5087" s="137"/>
      <c r="AD5087" s="137"/>
      <c r="AE5087" s="137"/>
      <c r="AF5087" s="137"/>
      <c r="AG5087" s="137"/>
      <c r="AH5087" s="137"/>
      <c r="AI5087" s="137"/>
      <c r="AJ5087" s="137"/>
      <c r="AK5087" s="206"/>
      <c r="AL5087" s="206"/>
      <c r="AM5087" s="143"/>
      <c r="AN5087" s="137"/>
      <c r="AO5087" s="137"/>
      <c r="AP5087" s="137"/>
      <c r="AQ5087" s="137"/>
      <c r="AR5087" s="137"/>
      <c r="AS5087" s="137"/>
      <c r="AT5087" s="137"/>
      <c r="AU5087" s="137"/>
      <c r="AV5087" s="137"/>
      <c r="AW5087" s="144"/>
    </row>
    <row r="5088" spans="2:49" x14ac:dyDescent="0.2">
      <c r="B5088" s="97"/>
      <c r="J5088" s="98"/>
      <c r="K5088" s="97"/>
      <c r="N5088" s="3"/>
      <c r="W5088" s="98"/>
      <c r="Z5088" s="143"/>
      <c r="AA5088" s="137"/>
      <c r="AB5088" s="137"/>
      <c r="AC5088" s="137"/>
      <c r="AD5088" s="137"/>
      <c r="AE5088" s="137"/>
      <c r="AF5088" s="137"/>
      <c r="AG5088" s="137"/>
      <c r="AH5088" s="137"/>
      <c r="AI5088" s="137"/>
      <c r="AJ5088" s="137"/>
      <c r="AK5088" s="206"/>
      <c r="AL5088" s="206"/>
      <c r="AM5088" s="143"/>
      <c r="AN5088" s="137"/>
      <c r="AO5088" s="137"/>
      <c r="AP5088" s="137"/>
      <c r="AQ5088" s="137"/>
      <c r="AR5088" s="137"/>
      <c r="AS5088" s="137"/>
      <c r="AT5088" s="137"/>
      <c r="AU5088" s="137"/>
      <c r="AV5088" s="137"/>
      <c r="AW5088" s="144"/>
    </row>
    <row r="5089" spans="2:49" x14ac:dyDescent="0.2">
      <c r="B5089" s="97"/>
      <c r="J5089" s="98"/>
      <c r="K5089" s="97"/>
      <c r="N5089" s="3"/>
      <c r="W5089" s="98"/>
      <c r="Z5089" s="143"/>
      <c r="AA5089" s="137"/>
      <c r="AB5089" s="137"/>
      <c r="AC5089" s="137"/>
      <c r="AD5089" s="137"/>
      <c r="AE5089" s="137"/>
      <c r="AF5089" s="137"/>
      <c r="AG5089" s="137"/>
      <c r="AH5089" s="137"/>
      <c r="AI5089" s="137"/>
      <c r="AJ5089" s="137"/>
      <c r="AK5089" s="206"/>
      <c r="AL5089" s="206"/>
      <c r="AM5089" s="143"/>
      <c r="AN5089" s="137"/>
      <c r="AO5089" s="137"/>
      <c r="AP5089" s="137"/>
      <c r="AQ5089" s="137"/>
      <c r="AR5089" s="137"/>
      <c r="AS5089" s="137"/>
      <c r="AT5089" s="137"/>
      <c r="AU5089" s="137"/>
      <c r="AV5089" s="137"/>
      <c r="AW5089" s="144"/>
    </row>
    <row r="5090" spans="2:49" x14ac:dyDescent="0.2">
      <c r="B5090" s="97"/>
      <c r="J5090" s="98"/>
      <c r="K5090" s="97"/>
      <c r="N5090" s="3"/>
      <c r="W5090" s="98"/>
      <c r="Z5090" s="143"/>
      <c r="AA5090" s="137"/>
      <c r="AB5090" s="137"/>
      <c r="AC5090" s="137"/>
      <c r="AD5090" s="137"/>
      <c r="AE5090" s="137"/>
      <c r="AF5090" s="137"/>
      <c r="AG5090" s="137"/>
      <c r="AH5090" s="137"/>
      <c r="AI5090" s="137"/>
      <c r="AJ5090" s="137"/>
      <c r="AK5090" s="206"/>
      <c r="AL5090" s="206"/>
      <c r="AM5090" s="143"/>
      <c r="AN5090" s="137"/>
      <c r="AO5090" s="137"/>
      <c r="AP5090" s="137"/>
      <c r="AQ5090" s="137"/>
      <c r="AR5090" s="137"/>
      <c r="AS5090" s="137"/>
      <c r="AT5090" s="137"/>
      <c r="AU5090" s="137"/>
      <c r="AV5090" s="137"/>
      <c r="AW5090" s="144"/>
    </row>
    <row r="5091" spans="2:49" x14ac:dyDescent="0.2">
      <c r="B5091" s="97"/>
      <c r="J5091" s="98"/>
      <c r="K5091" s="97"/>
      <c r="N5091" s="3"/>
      <c r="W5091" s="98"/>
      <c r="Z5091" s="143"/>
      <c r="AA5091" s="137"/>
      <c r="AB5091" s="137"/>
      <c r="AC5091" s="137"/>
      <c r="AD5091" s="137"/>
      <c r="AE5091" s="137"/>
      <c r="AF5091" s="137"/>
      <c r="AG5091" s="137"/>
      <c r="AH5091" s="137"/>
      <c r="AI5091" s="137"/>
      <c r="AJ5091" s="137"/>
      <c r="AK5091" s="206"/>
      <c r="AL5091" s="206"/>
      <c r="AM5091" s="143"/>
      <c r="AN5091" s="137"/>
      <c r="AO5091" s="137"/>
      <c r="AP5091" s="137"/>
      <c r="AQ5091" s="137"/>
      <c r="AR5091" s="137"/>
      <c r="AS5091" s="137"/>
      <c r="AT5091" s="137"/>
      <c r="AU5091" s="137"/>
      <c r="AV5091" s="137"/>
      <c r="AW5091" s="144"/>
    </row>
    <row r="5092" spans="2:49" x14ac:dyDescent="0.2">
      <c r="B5092" s="97"/>
      <c r="J5092" s="98"/>
      <c r="K5092" s="97"/>
      <c r="N5092" s="3"/>
      <c r="W5092" s="98"/>
      <c r="Z5092" s="143"/>
      <c r="AA5092" s="137"/>
      <c r="AB5092" s="137"/>
      <c r="AC5092" s="137"/>
      <c r="AD5092" s="137"/>
      <c r="AE5092" s="137"/>
      <c r="AF5092" s="137"/>
      <c r="AG5092" s="137"/>
      <c r="AH5092" s="137"/>
      <c r="AI5092" s="137"/>
      <c r="AJ5092" s="137"/>
      <c r="AK5092" s="206"/>
      <c r="AL5092" s="206"/>
      <c r="AM5092" s="143"/>
      <c r="AN5092" s="137"/>
      <c r="AO5092" s="137"/>
      <c r="AP5092" s="137"/>
      <c r="AQ5092" s="137"/>
      <c r="AR5092" s="137"/>
      <c r="AS5092" s="137"/>
      <c r="AT5092" s="137"/>
      <c r="AU5092" s="137"/>
      <c r="AV5092" s="137"/>
      <c r="AW5092" s="144"/>
    </row>
    <row r="5093" spans="2:49" x14ac:dyDescent="0.2">
      <c r="B5093" s="97"/>
      <c r="J5093" s="98"/>
      <c r="K5093" s="97"/>
      <c r="N5093" s="3"/>
      <c r="W5093" s="98"/>
      <c r="Z5093" s="143"/>
      <c r="AA5093" s="137"/>
      <c r="AB5093" s="137"/>
      <c r="AC5093" s="137"/>
      <c r="AD5093" s="137"/>
      <c r="AE5093" s="137"/>
      <c r="AF5093" s="137"/>
      <c r="AG5093" s="137"/>
      <c r="AH5093" s="137"/>
      <c r="AI5093" s="137"/>
      <c r="AJ5093" s="137"/>
      <c r="AK5093" s="206"/>
      <c r="AL5093" s="206"/>
      <c r="AM5093" s="143"/>
      <c r="AN5093" s="137"/>
      <c r="AO5093" s="137"/>
      <c r="AP5093" s="137"/>
      <c r="AQ5093" s="137"/>
      <c r="AR5093" s="137"/>
      <c r="AS5093" s="137"/>
      <c r="AT5093" s="137"/>
      <c r="AU5093" s="137"/>
      <c r="AV5093" s="137"/>
      <c r="AW5093" s="144"/>
    </row>
    <row r="5094" spans="2:49" x14ac:dyDescent="0.2">
      <c r="B5094" s="97"/>
      <c r="J5094" s="98"/>
      <c r="K5094" s="97"/>
      <c r="N5094" s="3"/>
      <c r="W5094" s="98"/>
      <c r="Z5094" s="143"/>
      <c r="AA5094" s="137"/>
      <c r="AB5094" s="137"/>
      <c r="AC5094" s="137"/>
      <c r="AD5094" s="137"/>
      <c r="AE5094" s="137"/>
      <c r="AF5094" s="137"/>
      <c r="AG5094" s="137"/>
      <c r="AH5094" s="137"/>
      <c r="AI5094" s="137"/>
      <c r="AJ5094" s="137"/>
      <c r="AK5094" s="206"/>
      <c r="AL5094" s="206"/>
      <c r="AM5094" s="143"/>
      <c r="AN5094" s="137"/>
      <c r="AO5094" s="137"/>
      <c r="AP5094" s="137"/>
      <c r="AQ5094" s="137"/>
      <c r="AR5094" s="137"/>
      <c r="AS5094" s="137"/>
      <c r="AT5094" s="137"/>
      <c r="AU5094" s="137"/>
      <c r="AV5094" s="137"/>
      <c r="AW5094" s="144"/>
    </row>
    <row r="5095" spans="2:49" x14ac:dyDescent="0.2">
      <c r="B5095" s="97"/>
      <c r="J5095" s="98"/>
      <c r="K5095" s="97"/>
      <c r="N5095" s="3"/>
      <c r="W5095" s="98"/>
      <c r="Z5095" s="143"/>
      <c r="AA5095" s="137"/>
      <c r="AB5095" s="137"/>
      <c r="AC5095" s="137"/>
      <c r="AD5095" s="137"/>
      <c r="AE5095" s="137"/>
      <c r="AF5095" s="137"/>
      <c r="AG5095" s="137"/>
      <c r="AH5095" s="137"/>
      <c r="AI5095" s="137"/>
      <c r="AJ5095" s="137"/>
      <c r="AK5095" s="206"/>
      <c r="AL5095" s="206"/>
      <c r="AM5095" s="143"/>
      <c r="AN5095" s="137"/>
      <c r="AO5095" s="137"/>
      <c r="AP5095" s="137"/>
      <c r="AQ5095" s="137"/>
      <c r="AR5095" s="137"/>
      <c r="AS5095" s="137"/>
      <c r="AT5095" s="137"/>
      <c r="AU5095" s="137"/>
      <c r="AV5095" s="137"/>
      <c r="AW5095" s="144"/>
    </row>
    <row r="5096" spans="2:49" x14ac:dyDescent="0.2">
      <c r="B5096" s="97"/>
      <c r="J5096" s="98"/>
      <c r="K5096" s="97"/>
      <c r="N5096" s="3"/>
      <c r="W5096" s="98"/>
      <c r="Z5096" s="143"/>
      <c r="AA5096" s="137"/>
      <c r="AB5096" s="137"/>
      <c r="AC5096" s="137"/>
      <c r="AD5096" s="137"/>
      <c r="AE5096" s="137"/>
      <c r="AF5096" s="137"/>
      <c r="AG5096" s="137"/>
      <c r="AH5096" s="137"/>
      <c r="AI5096" s="137"/>
      <c r="AJ5096" s="137"/>
      <c r="AK5096" s="206"/>
      <c r="AL5096" s="206"/>
      <c r="AM5096" s="143"/>
      <c r="AN5096" s="137"/>
      <c r="AO5096" s="137"/>
      <c r="AP5096" s="137"/>
      <c r="AQ5096" s="137"/>
      <c r="AR5096" s="137"/>
      <c r="AS5096" s="137"/>
      <c r="AT5096" s="137"/>
      <c r="AU5096" s="137"/>
      <c r="AV5096" s="137"/>
      <c r="AW5096" s="144"/>
    </row>
    <row r="5097" spans="2:49" x14ac:dyDescent="0.2">
      <c r="B5097" s="97"/>
      <c r="J5097" s="98"/>
      <c r="K5097" s="97"/>
      <c r="N5097" s="3"/>
      <c r="W5097" s="98"/>
      <c r="Z5097" s="143"/>
      <c r="AA5097" s="137"/>
      <c r="AB5097" s="137"/>
      <c r="AC5097" s="137"/>
      <c r="AD5097" s="137"/>
      <c r="AE5097" s="137"/>
      <c r="AF5097" s="137"/>
      <c r="AG5097" s="137"/>
      <c r="AH5097" s="137"/>
      <c r="AI5097" s="137"/>
      <c r="AJ5097" s="137"/>
      <c r="AK5097" s="206"/>
      <c r="AL5097" s="206"/>
      <c r="AM5097" s="143"/>
      <c r="AN5097" s="137"/>
      <c r="AO5097" s="137"/>
      <c r="AP5097" s="137"/>
      <c r="AQ5097" s="137"/>
      <c r="AR5097" s="137"/>
      <c r="AS5097" s="137"/>
      <c r="AT5097" s="137"/>
      <c r="AU5097" s="137"/>
      <c r="AV5097" s="137"/>
      <c r="AW5097" s="144"/>
    </row>
    <row r="5098" spans="2:49" x14ac:dyDescent="0.2">
      <c r="B5098" s="97"/>
      <c r="J5098" s="98"/>
      <c r="K5098" s="97"/>
      <c r="N5098" s="3"/>
      <c r="W5098" s="98"/>
      <c r="Z5098" s="143"/>
      <c r="AA5098" s="137"/>
      <c r="AB5098" s="137"/>
      <c r="AC5098" s="137"/>
      <c r="AD5098" s="137"/>
      <c r="AE5098" s="137"/>
      <c r="AF5098" s="137"/>
      <c r="AG5098" s="137"/>
      <c r="AH5098" s="137"/>
      <c r="AI5098" s="137"/>
      <c r="AJ5098" s="137"/>
      <c r="AK5098" s="206"/>
      <c r="AL5098" s="206"/>
      <c r="AM5098" s="143"/>
      <c r="AN5098" s="137"/>
      <c r="AO5098" s="137"/>
      <c r="AP5098" s="137"/>
      <c r="AQ5098" s="137"/>
      <c r="AR5098" s="137"/>
      <c r="AS5098" s="137"/>
      <c r="AT5098" s="137"/>
      <c r="AU5098" s="137"/>
      <c r="AV5098" s="137"/>
      <c r="AW5098" s="144"/>
    </row>
    <row r="5099" spans="2:49" x14ac:dyDescent="0.2">
      <c r="B5099" s="97"/>
      <c r="J5099" s="98"/>
      <c r="K5099" s="97"/>
      <c r="N5099" s="3"/>
      <c r="W5099" s="98"/>
      <c r="Z5099" s="143"/>
      <c r="AA5099" s="137"/>
      <c r="AB5099" s="137"/>
      <c r="AC5099" s="137"/>
      <c r="AD5099" s="137"/>
      <c r="AE5099" s="137"/>
      <c r="AF5099" s="137"/>
      <c r="AG5099" s="137"/>
      <c r="AH5099" s="137"/>
      <c r="AI5099" s="137"/>
      <c r="AJ5099" s="137"/>
      <c r="AK5099" s="206"/>
      <c r="AL5099" s="206"/>
      <c r="AM5099" s="143"/>
      <c r="AN5099" s="137"/>
      <c r="AO5099" s="137"/>
      <c r="AP5099" s="137"/>
      <c r="AQ5099" s="137"/>
      <c r="AR5099" s="137"/>
      <c r="AS5099" s="137"/>
      <c r="AT5099" s="137"/>
      <c r="AU5099" s="137"/>
      <c r="AV5099" s="137"/>
      <c r="AW5099" s="144"/>
    </row>
    <row r="5100" spans="2:49" x14ac:dyDescent="0.2">
      <c r="B5100" s="97"/>
      <c r="J5100" s="98"/>
      <c r="K5100" s="97"/>
      <c r="N5100" s="3"/>
      <c r="W5100" s="98"/>
      <c r="Z5100" s="143"/>
      <c r="AA5100" s="137"/>
      <c r="AB5100" s="137"/>
      <c r="AC5100" s="137"/>
      <c r="AD5100" s="137"/>
      <c r="AE5100" s="137"/>
      <c r="AF5100" s="137"/>
      <c r="AG5100" s="137"/>
      <c r="AH5100" s="137"/>
      <c r="AI5100" s="137"/>
      <c r="AJ5100" s="137"/>
      <c r="AK5100" s="206"/>
      <c r="AL5100" s="206"/>
      <c r="AM5100" s="143"/>
      <c r="AN5100" s="137"/>
      <c r="AO5100" s="137"/>
      <c r="AP5100" s="137"/>
      <c r="AQ5100" s="137"/>
      <c r="AR5100" s="137"/>
      <c r="AS5100" s="137"/>
      <c r="AT5100" s="137"/>
      <c r="AU5100" s="137"/>
      <c r="AV5100" s="137"/>
      <c r="AW5100" s="144"/>
    </row>
    <row r="5101" spans="2:49" x14ac:dyDescent="0.2">
      <c r="B5101" s="97"/>
      <c r="J5101" s="98"/>
      <c r="K5101" s="97"/>
      <c r="N5101" s="3"/>
      <c r="W5101" s="98"/>
      <c r="Z5101" s="143"/>
      <c r="AA5101" s="137"/>
      <c r="AB5101" s="137"/>
      <c r="AC5101" s="137"/>
      <c r="AD5101" s="137"/>
      <c r="AE5101" s="137"/>
      <c r="AF5101" s="137"/>
      <c r="AG5101" s="137"/>
      <c r="AH5101" s="137"/>
      <c r="AI5101" s="137"/>
      <c r="AJ5101" s="137"/>
      <c r="AK5101" s="206"/>
      <c r="AL5101" s="206"/>
      <c r="AM5101" s="143"/>
      <c r="AN5101" s="137"/>
      <c r="AO5101" s="137"/>
      <c r="AP5101" s="137"/>
      <c r="AQ5101" s="137"/>
      <c r="AR5101" s="137"/>
      <c r="AS5101" s="137"/>
      <c r="AT5101" s="137"/>
      <c r="AU5101" s="137"/>
      <c r="AV5101" s="137"/>
      <c r="AW5101" s="144"/>
    </row>
    <row r="5102" spans="2:49" x14ac:dyDescent="0.2">
      <c r="B5102" s="97"/>
      <c r="J5102" s="98"/>
      <c r="K5102" s="97"/>
      <c r="N5102" s="3"/>
      <c r="W5102" s="98"/>
      <c r="Z5102" s="143"/>
      <c r="AA5102" s="137"/>
      <c r="AB5102" s="137"/>
      <c r="AC5102" s="137"/>
      <c r="AD5102" s="137"/>
      <c r="AE5102" s="137"/>
      <c r="AF5102" s="137"/>
      <c r="AG5102" s="137"/>
      <c r="AH5102" s="137"/>
      <c r="AI5102" s="137"/>
      <c r="AJ5102" s="137"/>
      <c r="AK5102" s="206"/>
      <c r="AL5102" s="206"/>
      <c r="AM5102" s="143"/>
      <c r="AN5102" s="137"/>
      <c r="AO5102" s="137"/>
      <c r="AP5102" s="137"/>
      <c r="AQ5102" s="137"/>
      <c r="AR5102" s="137"/>
      <c r="AS5102" s="137"/>
      <c r="AT5102" s="137"/>
      <c r="AU5102" s="137"/>
      <c r="AV5102" s="137"/>
      <c r="AW5102" s="144"/>
    </row>
    <row r="5103" spans="2:49" x14ac:dyDescent="0.2">
      <c r="B5103" s="97"/>
      <c r="J5103" s="98"/>
      <c r="K5103" s="97"/>
      <c r="N5103" s="3"/>
      <c r="W5103" s="98"/>
      <c r="Z5103" s="143"/>
      <c r="AA5103" s="137"/>
      <c r="AB5103" s="137"/>
      <c r="AC5103" s="137"/>
      <c r="AD5103" s="137"/>
      <c r="AE5103" s="137"/>
      <c r="AF5103" s="137"/>
      <c r="AG5103" s="137"/>
      <c r="AH5103" s="137"/>
      <c r="AI5103" s="137"/>
      <c r="AJ5103" s="137"/>
      <c r="AK5103" s="206"/>
      <c r="AL5103" s="206"/>
      <c r="AM5103" s="143"/>
      <c r="AN5103" s="137"/>
      <c r="AO5103" s="137"/>
      <c r="AP5103" s="137"/>
      <c r="AQ5103" s="137"/>
      <c r="AR5103" s="137"/>
      <c r="AS5103" s="137"/>
      <c r="AT5103" s="137"/>
      <c r="AU5103" s="137"/>
      <c r="AV5103" s="137"/>
      <c r="AW5103" s="144"/>
    </row>
    <row r="5104" spans="2:49" x14ac:dyDescent="0.2">
      <c r="B5104" s="97"/>
      <c r="J5104" s="98"/>
      <c r="K5104" s="97"/>
      <c r="N5104" s="3"/>
      <c r="W5104" s="98"/>
      <c r="Z5104" s="143"/>
      <c r="AA5104" s="137"/>
      <c r="AB5104" s="137"/>
      <c r="AC5104" s="137"/>
      <c r="AD5104" s="137"/>
      <c r="AE5104" s="137"/>
      <c r="AF5104" s="137"/>
      <c r="AG5104" s="137"/>
      <c r="AH5104" s="137"/>
      <c r="AI5104" s="137"/>
      <c r="AJ5104" s="137"/>
      <c r="AK5104" s="206"/>
      <c r="AL5104" s="206"/>
      <c r="AM5104" s="143"/>
      <c r="AN5104" s="137"/>
      <c r="AO5104" s="137"/>
      <c r="AP5104" s="137"/>
      <c r="AQ5104" s="137"/>
      <c r="AR5104" s="137"/>
      <c r="AS5104" s="137"/>
      <c r="AT5104" s="137"/>
      <c r="AU5104" s="137"/>
      <c r="AV5104" s="137"/>
      <c r="AW5104" s="144"/>
    </row>
    <row r="5105" spans="2:49" x14ac:dyDescent="0.2">
      <c r="B5105" s="97"/>
      <c r="J5105" s="98"/>
      <c r="K5105" s="97"/>
      <c r="N5105" s="3"/>
      <c r="W5105" s="98"/>
      <c r="Z5105" s="143"/>
      <c r="AA5105" s="137"/>
      <c r="AB5105" s="137"/>
      <c r="AC5105" s="137"/>
      <c r="AD5105" s="137"/>
      <c r="AE5105" s="137"/>
      <c r="AF5105" s="137"/>
      <c r="AG5105" s="137"/>
      <c r="AH5105" s="137"/>
      <c r="AI5105" s="137"/>
      <c r="AJ5105" s="137"/>
      <c r="AK5105" s="206"/>
      <c r="AL5105" s="206"/>
      <c r="AM5105" s="143"/>
      <c r="AN5105" s="137"/>
      <c r="AO5105" s="137"/>
      <c r="AP5105" s="137"/>
      <c r="AQ5105" s="137"/>
      <c r="AR5105" s="137"/>
      <c r="AS5105" s="137"/>
      <c r="AT5105" s="137"/>
      <c r="AU5105" s="137"/>
      <c r="AV5105" s="137"/>
      <c r="AW5105" s="144"/>
    </row>
    <row r="5106" spans="2:49" x14ac:dyDescent="0.2">
      <c r="B5106" s="97"/>
      <c r="J5106" s="98"/>
      <c r="K5106" s="97"/>
      <c r="N5106" s="3"/>
      <c r="W5106" s="98"/>
      <c r="Z5106" s="143"/>
      <c r="AA5106" s="137"/>
      <c r="AB5106" s="137"/>
      <c r="AC5106" s="137"/>
      <c r="AD5106" s="137"/>
      <c r="AE5106" s="137"/>
      <c r="AF5106" s="137"/>
      <c r="AG5106" s="137"/>
      <c r="AH5106" s="137"/>
      <c r="AI5106" s="137"/>
      <c r="AJ5106" s="137"/>
      <c r="AK5106" s="206"/>
      <c r="AL5106" s="206"/>
      <c r="AM5106" s="143"/>
      <c r="AN5106" s="137"/>
      <c r="AO5106" s="137"/>
      <c r="AP5106" s="137"/>
      <c r="AQ5106" s="137"/>
      <c r="AR5106" s="137"/>
      <c r="AS5106" s="137"/>
      <c r="AT5106" s="137"/>
      <c r="AU5106" s="137"/>
      <c r="AV5106" s="137"/>
      <c r="AW5106" s="144"/>
    </row>
    <row r="5107" spans="2:49" x14ac:dyDescent="0.2">
      <c r="B5107" s="97"/>
      <c r="J5107" s="98"/>
      <c r="K5107" s="97"/>
      <c r="N5107" s="3"/>
      <c r="W5107" s="98"/>
      <c r="Z5107" s="143"/>
      <c r="AA5107" s="137"/>
      <c r="AB5107" s="137"/>
      <c r="AC5107" s="137"/>
      <c r="AD5107" s="137"/>
      <c r="AE5107" s="137"/>
      <c r="AF5107" s="137"/>
      <c r="AG5107" s="137"/>
      <c r="AH5107" s="137"/>
      <c r="AI5107" s="137"/>
      <c r="AJ5107" s="137"/>
      <c r="AK5107" s="206"/>
      <c r="AL5107" s="206"/>
      <c r="AM5107" s="143"/>
      <c r="AN5107" s="137"/>
      <c r="AO5107" s="137"/>
      <c r="AP5107" s="137"/>
      <c r="AQ5107" s="137"/>
      <c r="AR5107" s="137"/>
      <c r="AS5107" s="137"/>
      <c r="AT5107" s="137"/>
      <c r="AU5107" s="137"/>
      <c r="AV5107" s="137"/>
      <c r="AW5107" s="144"/>
    </row>
    <row r="5108" spans="2:49" x14ac:dyDescent="0.2">
      <c r="B5108" s="97"/>
      <c r="J5108" s="98"/>
      <c r="K5108" s="97"/>
      <c r="N5108" s="3"/>
      <c r="W5108" s="98"/>
      <c r="Z5108" s="143"/>
      <c r="AA5108" s="137"/>
      <c r="AB5108" s="137"/>
      <c r="AC5108" s="137"/>
      <c r="AD5108" s="137"/>
      <c r="AE5108" s="137"/>
      <c r="AF5108" s="137"/>
      <c r="AG5108" s="137"/>
      <c r="AH5108" s="137"/>
      <c r="AI5108" s="137"/>
      <c r="AJ5108" s="137"/>
      <c r="AK5108" s="206"/>
      <c r="AL5108" s="206"/>
      <c r="AM5108" s="143"/>
      <c r="AN5108" s="137"/>
      <c r="AO5108" s="137"/>
      <c r="AP5108" s="137"/>
      <c r="AQ5108" s="137"/>
      <c r="AR5108" s="137"/>
      <c r="AS5108" s="137"/>
      <c r="AT5108" s="137"/>
      <c r="AU5108" s="137"/>
      <c r="AV5108" s="137"/>
      <c r="AW5108" s="144"/>
    </row>
    <row r="5109" spans="2:49" x14ac:dyDescent="0.2">
      <c r="B5109" s="97"/>
      <c r="J5109" s="98"/>
      <c r="K5109" s="97"/>
      <c r="N5109" s="3"/>
      <c r="W5109" s="98"/>
      <c r="Z5109" s="143"/>
      <c r="AA5109" s="137"/>
      <c r="AB5109" s="137"/>
      <c r="AC5109" s="137"/>
      <c r="AD5109" s="137"/>
      <c r="AE5109" s="137"/>
      <c r="AF5109" s="137"/>
      <c r="AG5109" s="137"/>
      <c r="AH5109" s="137"/>
      <c r="AI5109" s="137"/>
      <c r="AJ5109" s="137"/>
      <c r="AK5109" s="206"/>
      <c r="AL5109" s="206"/>
      <c r="AM5109" s="143"/>
      <c r="AN5109" s="137"/>
      <c r="AO5109" s="137"/>
      <c r="AP5109" s="137"/>
      <c r="AQ5109" s="137"/>
      <c r="AR5109" s="137"/>
      <c r="AS5109" s="137"/>
      <c r="AT5109" s="137"/>
      <c r="AU5109" s="137"/>
      <c r="AV5109" s="137"/>
      <c r="AW5109" s="144"/>
    </row>
    <row r="5110" spans="2:49" x14ac:dyDescent="0.2">
      <c r="B5110" s="97"/>
      <c r="J5110" s="98"/>
      <c r="K5110" s="97"/>
      <c r="N5110" s="3"/>
      <c r="W5110" s="98"/>
      <c r="Z5110" s="143"/>
      <c r="AA5110" s="137"/>
      <c r="AB5110" s="137"/>
      <c r="AC5110" s="137"/>
      <c r="AD5110" s="137"/>
      <c r="AE5110" s="137"/>
      <c r="AF5110" s="137"/>
      <c r="AG5110" s="137"/>
      <c r="AH5110" s="137"/>
      <c r="AI5110" s="137"/>
      <c r="AJ5110" s="137"/>
      <c r="AK5110" s="206"/>
      <c r="AL5110" s="206"/>
      <c r="AM5110" s="143"/>
      <c r="AN5110" s="137"/>
      <c r="AO5110" s="137"/>
      <c r="AP5110" s="137"/>
      <c r="AQ5110" s="137"/>
      <c r="AR5110" s="137"/>
      <c r="AS5110" s="137"/>
      <c r="AT5110" s="137"/>
      <c r="AU5110" s="137"/>
      <c r="AV5110" s="137"/>
      <c r="AW5110" s="144"/>
    </row>
    <row r="5111" spans="2:49" x14ac:dyDescent="0.2">
      <c r="B5111" s="97"/>
      <c r="J5111" s="98"/>
      <c r="K5111" s="97"/>
      <c r="N5111" s="3"/>
      <c r="W5111" s="98"/>
      <c r="Z5111" s="143"/>
      <c r="AA5111" s="137"/>
      <c r="AB5111" s="137"/>
      <c r="AC5111" s="137"/>
      <c r="AD5111" s="137"/>
      <c r="AE5111" s="137"/>
      <c r="AF5111" s="137"/>
      <c r="AG5111" s="137"/>
      <c r="AH5111" s="137"/>
      <c r="AI5111" s="137"/>
      <c r="AJ5111" s="137"/>
      <c r="AK5111" s="206"/>
      <c r="AL5111" s="206"/>
      <c r="AM5111" s="143"/>
      <c r="AN5111" s="137"/>
      <c r="AO5111" s="137"/>
      <c r="AP5111" s="137"/>
      <c r="AQ5111" s="137"/>
      <c r="AR5111" s="137"/>
      <c r="AS5111" s="137"/>
      <c r="AT5111" s="137"/>
      <c r="AU5111" s="137"/>
      <c r="AV5111" s="137"/>
      <c r="AW5111" s="144"/>
    </row>
    <row r="5112" spans="2:49" x14ac:dyDescent="0.2">
      <c r="B5112" s="97"/>
      <c r="J5112" s="98"/>
      <c r="K5112" s="97"/>
      <c r="N5112" s="3"/>
      <c r="W5112" s="98"/>
      <c r="Z5112" s="143"/>
      <c r="AA5112" s="137"/>
      <c r="AB5112" s="137"/>
      <c r="AC5112" s="137"/>
      <c r="AD5112" s="137"/>
      <c r="AE5112" s="137"/>
      <c r="AF5112" s="137"/>
      <c r="AG5112" s="137"/>
      <c r="AH5112" s="137"/>
      <c r="AI5112" s="137"/>
      <c r="AJ5112" s="137"/>
      <c r="AK5112" s="206"/>
      <c r="AL5112" s="206"/>
      <c r="AM5112" s="143"/>
      <c r="AN5112" s="137"/>
      <c r="AO5112" s="137"/>
      <c r="AP5112" s="137"/>
      <c r="AQ5112" s="137"/>
      <c r="AR5112" s="137"/>
      <c r="AS5112" s="137"/>
      <c r="AT5112" s="137"/>
      <c r="AU5112" s="137"/>
      <c r="AV5112" s="137"/>
      <c r="AW5112" s="144"/>
    </row>
    <row r="5113" spans="2:49" x14ac:dyDescent="0.2">
      <c r="B5113" s="97"/>
      <c r="J5113" s="98"/>
      <c r="K5113" s="97"/>
      <c r="N5113" s="3"/>
      <c r="W5113" s="98"/>
      <c r="Z5113" s="143"/>
      <c r="AA5113" s="137"/>
      <c r="AB5113" s="137"/>
      <c r="AC5113" s="137"/>
      <c r="AD5113" s="137"/>
      <c r="AE5113" s="137"/>
      <c r="AF5113" s="137"/>
      <c r="AG5113" s="137"/>
      <c r="AH5113" s="137"/>
      <c r="AI5113" s="137"/>
      <c r="AJ5113" s="137"/>
      <c r="AK5113" s="206"/>
      <c r="AL5113" s="206"/>
      <c r="AM5113" s="143"/>
      <c r="AN5113" s="137"/>
      <c r="AO5113" s="137"/>
      <c r="AP5113" s="137"/>
      <c r="AQ5113" s="137"/>
      <c r="AR5113" s="137"/>
      <c r="AS5113" s="137"/>
      <c r="AT5113" s="137"/>
      <c r="AU5113" s="137"/>
      <c r="AV5113" s="137"/>
      <c r="AW5113" s="144"/>
    </row>
    <row r="5114" spans="2:49" x14ac:dyDescent="0.2">
      <c r="B5114" s="97"/>
      <c r="J5114" s="98"/>
      <c r="K5114" s="97"/>
      <c r="N5114" s="3"/>
      <c r="W5114" s="98"/>
      <c r="Z5114" s="143"/>
      <c r="AA5114" s="137"/>
      <c r="AB5114" s="137"/>
      <c r="AC5114" s="137"/>
      <c r="AD5114" s="137"/>
      <c r="AE5114" s="137"/>
      <c r="AF5114" s="137"/>
      <c r="AG5114" s="137"/>
      <c r="AH5114" s="137"/>
      <c r="AI5114" s="137"/>
      <c r="AJ5114" s="137"/>
      <c r="AK5114" s="206"/>
      <c r="AL5114" s="206"/>
      <c r="AM5114" s="143"/>
      <c r="AN5114" s="137"/>
      <c r="AO5114" s="137"/>
      <c r="AP5114" s="137"/>
      <c r="AQ5114" s="137"/>
      <c r="AR5114" s="137"/>
      <c r="AS5114" s="137"/>
      <c r="AT5114" s="137"/>
      <c r="AU5114" s="137"/>
      <c r="AV5114" s="137"/>
      <c r="AW5114" s="144"/>
    </row>
    <row r="5115" spans="2:49" x14ac:dyDescent="0.2">
      <c r="B5115" s="97"/>
      <c r="J5115" s="98"/>
      <c r="K5115" s="97"/>
      <c r="N5115" s="3"/>
      <c r="W5115" s="98"/>
      <c r="Z5115" s="143"/>
      <c r="AA5115" s="137"/>
      <c r="AB5115" s="137"/>
      <c r="AC5115" s="137"/>
      <c r="AD5115" s="137"/>
      <c r="AE5115" s="137"/>
      <c r="AF5115" s="137"/>
      <c r="AG5115" s="137"/>
      <c r="AH5115" s="137"/>
      <c r="AI5115" s="137"/>
      <c r="AJ5115" s="137"/>
      <c r="AK5115" s="206"/>
      <c r="AL5115" s="206"/>
      <c r="AM5115" s="143"/>
      <c r="AN5115" s="137"/>
      <c r="AO5115" s="137"/>
      <c r="AP5115" s="137"/>
      <c r="AQ5115" s="137"/>
      <c r="AR5115" s="137"/>
      <c r="AS5115" s="137"/>
      <c r="AT5115" s="137"/>
      <c r="AU5115" s="137"/>
      <c r="AV5115" s="137"/>
      <c r="AW5115" s="144"/>
    </row>
    <row r="5116" spans="2:49" x14ac:dyDescent="0.2">
      <c r="B5116" s="97"/>
      <c r="J5116" s="98"/>
      <c r="K5116" s="97"/>
      <c r="N5116" s="3"/>
      <c r="W5116" s="98"/>
      <c r="Z5116" s="143"/>
      <c r="AA5116" s="137"/>
      <c r="AB5116" s="137"/>
      <c r="AC5116" s="137"/>
      <c r="AD5116" s="137"/>
      <c r="AE5116" s="137"/>
      <c r="AF5116" s="137"/>
      <c r="AG5116" s="137"/>
      <c r="AH5116" s="137"/>
      <c r="AI5116" s="137"/>
      <c r="AJ5116" s="137"/>
      <c r="AK5116" s="206"/>
      <c r="AL5116" s="206"/>
      <c r="AM5116" s="143"/>
      <c r="AN5116" s="137"/>
      <c r="AO5116" s="137"/>
      <c r="AP5116" s="137"/>
      <c r="AQ5116" s="137"/>
      <c r="AR5116" s="137"/>
      <c r="AS5116" s="137"/>
      <c r="AT5116" s="137"/>
      <c r="AU5116" s="137"/>
      <c r="AV5116" s="137"/>
      <c r="AW5116" s="144"/>
    </row>
    <row r="5117" spans="2:49" x14ac:dyDescent="0.2">
      <c r="B5117" s="97"/>
      <c r="J5117" s="98"/>
      <c r="K5117" s="97"/>
      <c r="N5117" s="3"/>
      <c r="W5117" s="98"/>
      <c r="Z5117" s="143"/>
      <c r="AA5117" s="137"/>
      <c r="AB5117" s="137"/>
      <c r="AC5117" s="137"/>
      <c r="AD5117" s="137"/>
      <c r="AE5117" s="137"/>
      <c r="AF5117" s="137"/>
      <c r="AG5117" s="137"/>
      <c r="AH5117" s="137"/>
      <c r="AI5117" s="137"/>
      <c r="AJ5117" s="137"/>
      <c r="AK5117" s="206"/>
      <c r="AL5117" s="206"/>
      <c r="AM5117" s="143"/>
      <c r="AN5117" s="137"/>
      <c r="AO5117" s="137"/>
      <c r="AP5117" s="137"/>
      <c r="AQ5117" s="137"/>
      <c r="AR5117" s="137"/>
      <c r="AS5117" s="137"/>
      <c r="AT5117" s="137"/>
      <c r="AU5117" s="137"/>
      <c r="AV5117" s="137"/>
      <c r="AW5117" s="144"/>
    </row>
    <row r="5118" spans="2:49" x14ac:dyDescent="0.2">
      <c r="B5118" s="97"/>
      <c r="J5118" s="98"/>
      <c r="K5118" s="97"/>
      <c r="N5118" s="3"/>
      <c r="W5118" s="98"/>
      <c r="Z5118" s="143"/>
      <c r="AA5118" s="137"/>
      <c r="AB5118" s="137"/>
      <c r="AC5118" s="137"/>
      <c r="AD5118" s="137"/>
      <c r="AE5118" s="137"/>
      <c r="AF5118" s="137"/>
      <c r="AG5118" s="137"/>
      <c r="AH5118" s="137"/>
      <c r="AI5118" s="137"/>
      <c r="AJ5118" s="137"/>
      <c r="AK5118" s="206"/>
      <c r="AL5118" s="206"/>
      <c r="AM5118" s="143"/>
      <c r="AN5118" s="137"/>
      <c r="AO5118" s="137"/>
      <c r="AP5118" s="137"/>
      <c r="AQ5118" s="137"/>
      <c r="AR5118" s="137"/>
      <c r="AS5118" s="137"/>
      <c r="AT5118" s="137"/>
      <c r="AU5118" s="137"/>
      <c r="AV5118" s="137"/>
      <c r="AW5118" s="144"/>
    </row>
    <row r="5119" spans="2:49" x14ac:dyDescent="0.2">
      <c r="B5119" s="97"/>
      <c r="J5119" s="98"/>
      <c r="K5119" s="97"/>
      <c r="N5119" s="3"/>
      <c r="W5119" s="98"/>
      <c r="Z5119" s="143"/>
      <c r="AA5119" s="137"/>
      <c r="AB5119" s="137"/>
      <c r="AC5119" s="137"/>
      <c r="AD5119" s="137"/>
      <c r="AE5119" s="137"/>
      <c r="AF5119" s="137"/>
      <c r="AG5119" s="137"/>
      <c r="AH5119" s="137"/>
      <c r="AI5119" s="137"/>
      <c r="AJ5119" s="137"/>
      <c r="AK5119" s="206"/>
      <c r="AL5119" s="206"/>
      <c r="AM5119" s="143"/>
      <c r="AN5119" s="137"/>
      <c r="AO5119" s="137"/>
      <c r="AP5119" s="137"/>
      <c r="AQ5119" s="137"/>
      <c r="AR5119" s="137"/>
      <c r="AS5119" s="137"/>
      <c r="AT5119" s="137"/>
      <c r="AU5119" s="137"/>
      <c r="AV5119" s="137"/>
      <c r="AW5119" s="144"/>
    </row>
    <row r="5120" spans="2:49" x14ac:dyDescent="0.2">
      <c r="B5120" s="97"/>
      <c r="J5120" s="98"/>
      <c r="K5120" s="97"/>
      <c r="N5120" s="3"/>
      <c r="W5120" s="98"/>
      <c r="Z5120" s="143"/>
      <c r="AA5120" s="137"/>
      <c r="AB5120" s="137"/>
      <c r="AC5120" s="137"/>
      <c r="AD5120" s="137"/>
      <c r="AE5120" s="137"/>
      <c r="AF5120" s="137"/>
      <c r="AG5120" s="137"/>
      <c r="AH5120" s="137"/>
      <c r="AI5120" s="137"/>
      <c r="AJ5120" s="137"/>
      <c r="AK5120" s="206"/>
      <c r="AL5120" s="206"/>
      <c r="AM5120" s="143"/>
      <c r="AN5120" s="137"/>
      <c r="AO5120" s="137"/>
      <c r="AP5120" s="137"/>
      <c r="AQ5120" s="137"/>
      <c r="AR5120" s="137"/>
      <c r="AS5120" s="137"/>
      <c r="AT5120" s="137"/>
      <c r="AU5120" s="137"/>
      <c r="AV5120" s="137"/>
      <c r="AW5120" s="144"/>
    </row>
    <row r="5121" spans="2:49" x14ac:dyDescent="0.2">
      <c r="B5121" s="97"/>
      <c r="J5121" s="98"/>
      <c r="K5121" s="97"/>
      <c r="N5121" s="3"/>
      <c r="W5121" s="98"/>
      <c r="Z5121" s="143"/>
      <c r="AA5121" s="137"/>
      <c r="AB5121" s="137"/>
      <c r="AC5121" s="137"/>
      <c r="AD5121" s="137"/>
      <c r="AE5121" s="137"/>
      <c r="AF5121" s="137"/>
      <c r="AG5121" s="137"/>
      <c r="AH5121" s="137"/>
      <c r="AI5121" s="137"/>
      <c r="AJ5121" s="137"/>
      <c r="AK5121" s="206"/>
      <c r="AL5121" s="206"/>
      <c r="AM5121" s="143"/>
      <c r="AN5121" s="137"/>
      <c r="AO5121" s="137"/>
      <c r="AP5121" s="137"/>
      <c r="AQ5121" s="137"/>
      <c r="AR5121" s="137"/>
      <c r="AS5121" s="137"/>
      <c r="AT5121" s="137"/>
      <c r="AU5121" s="137"/>
      <c r="AV5121" s="137"/>
      <c r="AW5121" s="144"/>
    </row>
    <row r="5122" spans="2:49" x14ac:dyDescent="0.2">
      <c r="B5122" s="97"/>
      <c r="J5122" s="98"/>
      <c r="K5122" s="97"/>
      <c r="N5122" s="3"/>
      <c r="W5122" s="98"/>
      <c r="Z5122" s="143"/>
      <c r="AA5122" s="137"/>
      <c r="AB5122" s="137"/>
      <c r="AC5122" s="137"/>
      <c r="AD5122" s="137"/>
      <c r="AE5122" s="137"/>
      <c r="AF5122" s="137"/>
      <c r="AG5122" s="137"/>
      <c r="AH5122" s="137"/>
      <c r="AI5122" s="137"/>
      <c r="AJ5122" s="137"/>
      <c r="AK5122" s="206"/>
      <c r="AL5122" s="206"/>
      <c r="AM5122" s="143"/>
      <c r="AN5122" s="137"/>
      <c r="AO5122" s="137"/>
      <c r="AP5122" s="137"/>
      <c r="AQ5122" s="137"/>
      <c r="AR5122" s="137"/>
      <c r="AS5122" s="137"/>
      <c r="AT5122" s="137"/>
      <c r="AU5122" s="137"/>
      <c r="AV5122" s="137"/>
      <c r="AW5122" s="144"/>
    </row>
    <row r="5123" spans="2:49" x14ac:dyDescent="0.2">
      <c r="B5123" s="97"/>
      <c r="J5123" s="98"/>
      <c r="K5123" s="97"/>
      <c r="N5123" s="3"/>
      <c r="W5123" s="98"/>
      <c r="Z5123" s="143"/>
      <c r="AA5123" s="137"/>
      <c r="AB5123" s="137"/>
      <c r="AC5123" s="137"/>
      <c r="AD5123" s="137"/>
      <c r="AE5123" s="137"/>
      <c r="AF5123" s="137"/>
      <c r="AG5123" s="137"/>
      <c r="AH5123" s="137"/>
      <c r="AI5123" s="137"/>
      <c r="AJ5123" s="137"/>
      <c r="AK5123" s="206"/>
      <c r="AL5123" s="206"/>
      <c r="AM5123" s="143"/>
      <c r="AN5123" s="137"/>
      <c r="AO5123" s="137"/>
      <c r="AP5123" s="137"/>
      <c r="AQ5123" s="137"/>
      <c r="AR5123" s="137"/>
      <c r="AS5123" s="137"/>
      <c r="AT5123" s="137"/>
      <c r="AU5123" s="137"/>
      <c r="AV5123" s="137"/>
      <c r="AW5123" s="144"/>
    </row>
    <row r="5124" spans="2:49" x14ac:dyDescent="0.2">
      <c r="B5124" s="97"/>
      <c r="J5124" s="98"/>
      <c r="K5124" s="97"/>
      <c r="N5124" s="3"/>
      <c r="W5124" s="98"/>
      <c r="Z5124" s="143"/>
      <c r="AA5124" s="137"/>
      <c r="AB5124" s="137"/>
      <c r="AC5124" s="137"/>
      <c r="AD5124" s="137"/>
      <c r="AE5124" s="137"/>
      <c r="AF5124" s="137"/>
      <c r="AG5124" s="137"/>
      <c r="AH5124" s="137"/>
      <c r="AI5124" s="137"/>
      <c r="AJ5124" s="137"/>
      <c r="AK5124" s="206"/>
      <c r="AL5124" s="206"/>
      <c r="AM5124" s="143"/>
      <c r="AN5124" s="137"/>
      <c r="AO5124" s="137"/>
      <c r="AP5124" s="137"/>
      <c r="AQ5124" s="137"/>
      <c r="AR5124" s="137"/>
      <c r="AS5124" s="137"/>
      <c r="AT5124" s="137"/>
      <c r="AU5124" s="137"/>
      <c r="AV5124" s="137"/>
      <c r="AW5124" s="144"/>
    </row>
    <row r="5125" spans="2:49" x14ac:dyDescent="0.2">
      <c r="B5125" s="97"/>
      <c r="J5125" s="98"/>
      <c r="K5125" s="97"/>
      <c r="N5125" s="3"/>
      <c r="W5125" s="98"/>
      <c r="Z5125" s="143"/>
      <c r="AA5125" s="137"/>
      <c r="AB5125" s="137"/>
      <c r="AC5125" s="137"/>
      <c r="AD5125" s="137"/>
      <c r="AE5125" s="137"/>
      <c r="AF5125" s="137"/>
      <c r="AG5125" s="137"/>
      <c r="AH5125" s="137"/>
      <c r="AI5125" s="137"/>
      <c r="AJ5125" s="137"/>
      <c r="AK5125" s="206"/>
      <c r="AL5125" s="206"/>
      <c r="AM5125" s="143"/>
      <c r="AN5125" s="137"/>
      <c r="AO5125" s="137"/>
      <c r="AP5125" s="137"/>
      <c r="AQ5125" s="137"/>
      <c r="AR5125" s="137"/>
      <c r="AS5125" s="137"/>
      <c r="AT5125" s="137"/>
      <c r="AU5125" s="137"/>
      <c r="AV5125" s="137"/>
      <c r="AW5125" s="144"/>
    </row>
    <row r="5126" spans="2:49" x14ac:dyDescent="0.2">
      <c r="B5126" s="97"/>
      <c r="J5126" s="98"/>
      <c r="K5126" s="97"/>
      <c r="N5126" s="3"/>
      <c r="W5126" s="98"/>
      <c r="Z5126" s="143"/>
      <c r="AA5126" s="137"/>
      <c r="AB5126" s="137"/>
      <c r="AC5126" s="137"/>
      <c r="AD5126" s="137"/>
      <c r="AE5126" s="137"/>
      <c r="AF5126" s="137"/>
      <c r="AG5126" s="137"/>
      <c r="AH5126" s="137"/>
      <c r="AI5126" s="137"/>
      <c r="AJ5126" s="137"/>
      <c r="AK5126" s="206"/>
      <c r="AL5126" s="206"/>
      <c r="AM5126" s="143"/>
      <c r="AN5126" s="137"/>
      <c r="AO5126" s="137"/>
      <c r="AP5126" s="137"/>
      <c r="AQ5126" s="137"/>
      <c r="AR5126" s="137"/>
      <c r="AS5126" s="137"/>
      <c r="AT5126" s="137"/>
      <c r="AU5126" s="137"/>
      <c r="AV5126" s="137"/>
      <c r="AW5126" s="144"/>
    </row>
    <row r="5127" spans="2:49" x14ac:dyDescent="0.2">
      <c r="B5127" s="97"/>
      <c r="J5127" s="98"/>
      <c r="K5127" s="97"/>
      <c r="N5127" s="3"/>
      <c r="W5127" s="98"/>
      <c r="Z5127" s="143"/>
      <c r="AA5127" s="137"/>
      <c r="AB5127" s="137"/>
      <c r="AC5127" s="137"/>
      <c r="AD5127" s="137"/>
      <c r="AE5127" s="137"/>
      <c r="AF5127" s="137"/>
      <c r="AG5127" s="137"/>
      <c r="AH5127" s="137"/>
      <c r="AI5127" s="137"/>
      <c r="AJ5127" s="137"/>
      <c r="AK5127" s="206"/>
      <c r="AL5127" s="206"/>
      <c r="AM5127" s="143"/>
      <c r="AN5127" s="137"/>
      <c r="AO5127" s="137"/>
      <c r="AP5127" s="137"/>
      <c r="AQ5127" s="137"/>
      <c r="AR5127" s="137"/>
      <c r="AS5127" s="137"/>
      <c r="AT5127" s="137"/>
      <c r="AU5127" s="137"/>
      <c r="AV5127" s="137"/>
      <c r="AW5127" s="144"/>
    </row>
    <row r="5128" spans="2:49" x14ac:dyDescent="0.2">
      <c r="B5128" s="97"/>
      <c r="J5128" s="98"/>
      <c r="K5128" s="97"/>
      <c r="N5128" s="3"/>
      <c r="W5128" s="98"/>
      <c r="Z5128" s="143"/>
      <c r="AA5128" s="137"/>
      <c r="AB5128" s="137"/>
      <c r="AC5128" s="137"/>
      <c r="AD5128" s="137"/>
      <c r="AE5128" s="137"/>
      <c r="AF5128" s="137"/>
      <c r="AG5128" s="137"/>
      <c r="AH5128" s="137"/>
      <c r="AI5128" s="137"/>
      <c r="AJ5128" s="137"/>
      <c r="AK5128" s="206"/>
      <c r="AL5128" s="206"/>
      <c r="AM5128" s="143"/>
      <c r="AN5128" s="137"/>
      <c r="AO5128" s="137"/>
      <c r="AP5128" s="137"/>
      <c r="AQ5128" s="137"/>
      <c r="AR5128" s="137"/>
      <c r="AS5128" s="137"/>
      <c r="AT5128" s="137"/>
      <c r="AU5128" s="137"/>
      <c r="AV5128" s="137"/>
      <c r="AW5128" s="144"/>
    </row>
    <row r="5129" spans="2:49" x14ac:dyDescent="0.2">
      <c r="B5129" s="97"/>
      <c r="J5129" s="98"/>
      <c r="K5129" s="97"/>
      <c r="N5129" s="3"/>
      <c r="W5129" s="98"/>
      <c r="Z5129" s="143"/>
      <c r="AA5129" s="137"/>
      <c r="AB5129" s="137"/>
      <c r="AC5129" s="137"/>
      <c r="AD5129" s="137"/>
      <c r="AE5129" s="137"/>
      <c r="AF5129" s="137"/>
      <c r="AG5129" s="137"/>
      <c r="AH5129" s="137"/>
      <c r="AI5129" s="137"/>
      <c r="AJ5129" s="137"/>
      <c r="AK5129" s="206"/>
      <c r="AL5129" s="206"/>
      <c r="AM5129" s="143"/>
      <c r="AN5129" s="137"/>
      <c r="AO5129" s="137"/>
      <c r="AP5129" s="137"/>
      <c r="AQ5129" s="137"/>
      <c r="AR5129" s="137"/>
      <c r="AS5129" s="137"/>
      <c r="AT5129" s="137"/>
      <c r="AU5129" s="137"/>
      <c r="AV5129" s="137"/>
      <c r="AW5129" s="144"/>
    </row>
    <row r="5130" spans="2:49" x14ac:dyDescent="0.2">
      <c r="B5130" s="97"/>
      <c r="J5130" s="98"/>
      <c r="K5130" s="97"/>
      <c r="N5130" s="3"/>
      <c r="W5130" s="98"/>
      <c r="Z5130" s="143"/>
      <c r="AA5130" s="137"/>
      <c r="AB5130" s="137"/>
      <c r="AC5130" s="137"/>
      <c r="AD5130" s="137"/>
      <c r="AE5130" s="137"/>
      <c r="AF5130" s="137"/>
      <c r="AG5130" s="137"/>
      <c r="AH5130" s="137"/>
      <c r="AI5130" s="137"/>
      <c r="AJ5130" s="137"/>
      <c r="AK5130" s="206"/>
      <c r="AL5130" s="206"/>
      <c r="AM5130" s="143"/>
      <c r="AN5130" s="137"/>
      <c r="AO5130" s="137"/>
      <c r="AP5130" s="137"/>
      <c r="AQ5130" s="137"/>
      <c r="AR5130" s="137"/>
      <c r="AS5130" s="137"/>
      <c r="AT5130" s="137"/>
      <c r="AU5130" s="137"/>
      <c r="AV5130" s="137"/>
      <c r="AW5130" s="144"/>
    </row>
    <row r="5131" spans="2:49" x14ac:dyDescent="0.2">
      <c r="B5131" s="97"/>
      <c r="J5131" s="98"/>
      <c r="K5131" s="97"/>
      <c r="N5131" s="3"/>
      <c r="W5131" s="98"/>
      <c r="Z5131" s="143"/>
      <c r="AA5131" s="137"/>
      <c r="AB5131" s="137"/>
      <c r="AC5131" s="137"/>
      <c r="AD5131" s="137"/>
      <c r="AE5131" s="137"/>
      <c r="AF5131" s="137"/>
      <c r="AG5131" s="137"/>
      <c r="AH5131" s="137"/>
      <c r="AI5131" s="137"/>
      <c r="AJ5131" s="137"/>
      <c r="AK5131" s="206"/>
      <c r="AL5131" s="206"/>
      <c r="AM5131" s="143"/>
      <c r="AN5131" s="137"/>
      <c r="AO5131" s="137"/>
      <c r="AP5131" s="137"/>
      <c r="AQ5131" s="137"/>
      <c r="AR5131" s="137"/>
      <c r="AS5131" s="137"/>
      <c r="AT5131" s="137"/>
      <c r="AU5131" s="137"/>
      <c r="AV5131" s="137"/>
      <c r="AW5131" s="144"/>
    </row>
    <row r="5132" spans="2:49" x14ac:dyDescent="0.2">
      <c r="B5132" s="97"/>
      <c r="J5132" s="98"/>
      <c r="K5132" s="97"/>
      <c r="N5132" s="3"/>
      <c r="W5132" s="98"/>
      <c r="Z5132" s="143"/>
      <c r="AA5132" s="137"/>
      <c r="AB5132" s="137"/>
      <c r="AC5132" s="137"/>
      <c r="AD5132" s="137"/>
      <c r="AE5132" s="137"/>
      <c r="AF5132" s="137"/>
      <c r="AG5132" s="137"/>
      <c r="AH5132" s="137"/>
      <c r="AI5132" s="137"/>
      <c r="AJ5132" s="137"/>
      <c r="AK5132" s="206"/>
      <c r="AL5132" s="206"/>
      <c r="AM5132" s="143"/>
      <c r="AN5132" s="137"/>
      <c r="AO5132" s="137"/>
      <c r="AP5132" s="137"/>
      <c r="AQ5132" s="137"/>
      <c r="AR5132" s="137"/>
      <c r="AS5132" s="137"/>
      <c r="AT5132" s="137"/>
      <c r="AU5132" s="137"/>
      <c r="AV5132" s="137"/>
      <c r="AW5132" s="144"/>
    </row>
    <row r="5133" spans="2:49" x14ac:dyDescent="0.2">
      <c r="B5133" s="97"/>
      <c r="J5133" s="98"/>
      <c r="K5133" s="97"/>
      <c r="N5133" s="3"/>
      <c r="W5133" s="98"/>
      <c r="Z5133" s="143"/>
      <c r="AA5133" s="137"/>
      <c r="AB5133" s="137"/>
      <c r="AC5133" s="137"/>
      <c r="AD5133" s="137"/>
      <c r="AE5133" s="137"/>
      <c r="AF5133" s="137"/>
      <c r="AG5133" s="137"/>
      <c r="AH5133" s="137"/>
      <c r="AI5133" s="137"/>
      <c r="AJ5133" s="137"/>
      <c r="AK5133" s="206"/>
      <c r="AL5133" s="206"/>
      <c r="AM5133" s="143"/>
      <c r="AN5133" s="137"/>
      <c r="AO5133" s="137"/>
      <c r="AP5133" s="137"/>
      <c r="AQ5133" s="137"/>
      <c r="AR5133" s="137"/>
      <c r="AS5133" s="137"/>
      <c r="AT5133" s="137"/>
      <c r="AU5133" s="137"/>
      <c r="AV5133" s="137"/>
      <c r="AW5133" s="144"/>
    </row>
    <row r="5134" spans="2:49" x14ac:dyDescent="0.2">
      <c r="B5134" s="97"/>
      <c r="J5134" s="98"/>
      <c r="K5134" s="97"/>
      <c r="N5134" s="3"/>
      <c r="W5134" s="98"/>
      <c r="Z5134" s="143"/>
      <c r="AA5134" s="137"/>
      <c r="AB5134" s="137"/>
      <c r="AC5134" s="137"/>
      <c r="AD5134" s="137"/>
      <c r="AE5134" s="137"/>
      <c r="AF5134" s="137"/>
      <c r="AG5134" s="137"/>
      <c r="AH5134" s="137"/>
      <c r="AI5134" s="137"/>
      <c r="AJ5134" s="137"/>
      <c r="AK5134" s="206"/>
      <c r="AL5134" s="206"/>
      <c r="AM5134" s="143"/>
      <c r="AN5134" s="137"/>
      <c r="AO5134" s="137"/>
      <c r="AP5134" s="137"/>
      <c r="AQ5134" s="137"/>
      <c r="AR5134" s="137"/>
      <c r="AS5134" s="137"/>
      <c r="AT5134" s="137"/>
      <c r="AU5134" s="137"/>
      <c r="AV5134" s="137"/>
      <c r="AW5134" s="144"/>
    </row>
    <row r="5135" spans="2:49" x14ac:dyDescent="0.2">
      <c r="B5135" s="97"/>
      <c r="J5135" s="98"/>
      <c r="K5135" s="97"/>
      <c r="N5135" s="3"/>
      <c r="W5135" s="98"/>
      <c r="Z5135" s="143"/>
      <c r="AA5135" s="137"/>
      <c r="AB5135" s="137"/>
      <c r="AC5135" s="137"/>
      <c r="AD5135" s="137"/>
      <c r="AE5135" s="137"/>
      <c r="AF5135" s="137"/>
      <c r="AG5135" s="137"/>
      <c r="AH5135" s="137"/>
      <c r="AI5135" s="137"/>
      <c r="AJ5135" s="137"/>
      <c r="AK5135" s="206"/>
      <c r="AL5135" s="206"/>
      <c r="AM5135" s="143"/>
      <c r="AN5135" s="137"/>
      <c r="AO5135" s="137"/>
      <c r="AP5135" s="137"/>
      <c r="AQ5135" s="137"/>
      <c r="AR5135" s="137"/>
      <c r="AS5135" s="137"/>
      <c r="AT5135" s="137"/>
      <c r="AU5135" s="137"/>
      <c r="AV5135" s="137"/>
      <c r="AW5135" s="144"/>
    </row>
    <row r="5136" spans="2:49" x14ac:dyDescent="0.2">
      <c r="B5136" s="97"/>
      <c r="J5136" s="98"/>
      <c r="K5136" s="97"/>
      <c r="N5136" s="3"/>
      <c r="W5136" s="98"/>
      <c r="Z5136" s="143"/>
      <c r="AA5136" s="137"/>
      <c r="AB5136" s="137"/>
      <c r="AC5136" s="137"/>
      <c r="AD5136" s="137"/>
      <c r="AE5136" s="137"/>
      <c r="AF5136" s="137"/>
      <c r="AG5136" s="137"/>
      <c r="AH5136" s="137"/>
      <c r="AI5136" s="137"/>
      <c r="AJ5136" s="137"/>
      <c r="AK5136" s="206"/>
      <c r="AL5136" s="206"/>
      <c r="AM5136" s="143"/>
      <c r="AN5136" s="137"/>
      <c r="AO5136" s="137"/>
      <c r="AP5136" s="137"/>
      <c r="AQ5136" s="137"/>
      <c r="AR5136" s="137"/>
      <c r="AS5136" s="137"/>
      <c r="AT5136" s="137"/>
      <c r="AU5136" s="137"/>
      <c r="AV5136" s="137"/>
      <c r="AW5136" s="144"/>
    </row>
    <row r="5137" spans="2:49" x14ac:dyDescent="0.2">
      <c r="B5137" s="97"/>
      <c r="J5137" s="98"/>
      <c r="K5137" s="97"/>
      <c r="N5137" s="3"/>
      <c r="W5137" s="98"/>
      <c r="Z5137" s="143"/>
      <c r="AA5137" s="137"/>
      <c r="AB5137" s="137"/>
      <c r="AC5137" s="137"/>
      <c r="AD5137" s="137"/>
      <c r="AE5137" s="137"/>
      <c r="AF5137" s="137"/>
      <c r="AG5137" s="137"/>
      <c r="AH5137" s="137"/>
      <c r="AI5137" s="137"/>
      <c r="AJ5137" s="137"/>
      <c r="AK5137" s="206"/>
      <c r="AL5137" s="206"/>
      <c r="AM5137" s="143"/>
      <c r="AN5137" s="137"/>
      <c r="AO5137" s="137"/>
      <c r="AP5137" s="137"/>
      <c r="AQ5137" s="137"/>
      <c r="AR5137" s="137"/>
      <c r="AS5137" s="137"/>
      <c r="AT5137" s="137"/>
      <c r="AU5137" s="137"/>
      <c r="AV5137" s="137"/>
      <c r="AW5137" s="144"/>
    </row>
    <row r="5138" spans="2:49" x14ac:dyDescent="0.2">
      <c r="B5138" s="97"/>
      <c r="J5138" s="98"/>
      <c r="K5138" s="97"/>
      <c r="N5138" s="3"/>
      <c r="W5138" s="98"/>
      <c r="Z5138" s="143"/>
      <c r="AA5138" s="137"/>
      <c r="AB5138" s="137"/>
      <c r="AC5138" s="137"/>
      <c r="AD5138" s="137"/>
      <c r="AE5138" s="137"/>
      <c r="AF5138" s="137"/>
      <c r="AG5138" s="137"/>
      <c r="AH5138" s="137"/>
      <c r="AI5138" s="137"/>
      <c r="AJ5138" s="137"/>
      <c r="AK5138" s="206"/>
      <c r="AL5138" s="206"/>
      <c r="AM5138" s="143"/>
      <c r="AN5138" s="137"/>
      <c r="AO5138" s="137"/>
      <c r="AP5138" s="137"/>
      <c r="AQ5138" s="137"/>
      <c r="AR5138" s="137"/>
      <c r="AS5138" s="137"/>
      <c r="AT5138" s="137"/>
      <c r="AU5138" s="137"/>
      <c r="AV5138" s="137"/>
      <c r="AW5138" s="144"/>
    </row>
    <row r="5139" spans="2:49" x14ac:dyDescent="0.2">
      <c r="B5139" s="97"/>
      <c r="J5139" s="98"/>
      <c r="K5139" s="97"/>
      <c r="N5139" s="3"/>
      <c r="W5139" s="98"/>
      <c r="Z5139" s="143"/>
      <c r="AA5139" s="137"/>
      <c r="AB5139" s="137"/>
      <c r="AC5139" s="137"/>
      <c r="AD5139" s="137"/>
      <c r="AE5139" s="137"/>
      <c r="AF5139" s="137"/>
      <c r="AG5139" s="137"/>
      <c r="AH5139" s="137"/>
      <c r="AI5139" s="137"/>
      <c r="AJ5139" s="137"/>
      <c r="AK5139" s="206"/>
      <c r="AL5139" s="206"/>
      <c r="AM5139" s="143"/>
      <c r="AN5139" s="137"/>
      <c r="AO5139" s="137"/>
      <c r="AP5139" s="137"/>
      <c r="AQ5139" s="137"/>
      <c r="AR5139" s="137"/>
      <c r="AS5139" s="137"/>
      <c r="AT5139" s="137"/>
      <c r="AU5139" s="137"/>
      <c r="AV5139" s="137"/>
      <c r="AW5139" s="144"/>
    </row>
    <row r="5140" spans="2:49" x14ac:dyDescent="0.2">
      <c r="B5140" s="97"/>
      <c r="J5140" s="98"/>
      <c r="K5140" s="97"/>
      <c r="N5140" s="3"/>
      <c r="W5140" s="98"/>
      <c r="Z5140" s="143"/>
      <c r="AA5140" s="137"/>
      <c r="AB5140" s="137"/>
      <c r="AC5140" s="137"/>
      <c r="AD5140" s="137"/>
      <c r="AE5140" s="137"/>
      <c r="AF5140" s="137"/>
      <c r="AG5140" s="137"/>
      <c r="AH5140" s="137"/>
      <c r="AI5140" s="137"/>
      <c r="AJ5140" s="137"/>
      <c r="AK5140" s="206"/>
      <c r="AL5140" s="206"/>
      <c r="AM5140" s="143"/>
      <c r="AN5140" s="137"/>
      <c r="AO5140" s="137"/>
      <c r="AP5140" s="137"/>
      <c r="AQ5140" s="137"/>
      <c r="AR5140" s="137"/>
      <c r="AS5140" s="137"/>
      <c r="AT5140" s="137"/>
      <c r="AU5140" s="137"/>
      <c r="AV5140" s="137"/>
      <c r="AW5140" s="144"/>
    </row>
    <row r="5141" spans="2:49" x14ac:dyDescent="0.2">
      <c r="B5141" s="97"/>
      <c r="J5141" s="98"/>
      <c r="K5141" s="97"/>
      <c r="N5141" s="3"/>
      <c r="W5141" s="98"/>
      <c r="Z5141" s="143"/>
      <c r="AA5141" s="137"/>
      <c r="AB5141" s="137"/>
      <c r="AC5141" s="137"/>
      <c r="AD5141" s="137"/>
      <c r="AE5141" s="137"/>
      <c r="AF5141" s="137"/>
      <c r="AG5141" s="137"/>
      <c r="AH5141" s="137"/>
      <c r="AI5141" s="137"/>
      <c r="AJ5141" s="137"/>
      <c r="AK5141" s="206"/>
      <c r="AL5141" s="206"/>
      <c r="AM5141" s="143"/>
      <c r="AN5141" s="137"/>
      <c r="AO5141" s="137"/>
      <c r="AP5141" s="137"/>
      <c r="AQ5141" s="137"/>
      <c r="AR5141" s="137"/>
      <c r="AS5141" s="137"/>
      <c r="AT5141" s="137"/>
      <c r="AU5141" s="137"/>
      <c r="AV5141" s="137"/>
      <c r="AW5141" s="144"/>
    </row>
    <row r="5142" spans="2:49" x14ac:dyDescent="0.2">
      <c r="B5142" s="97"/>
      <c r="J5142" s="98"/>
      <c r="K5142" s="97"/>
      <c r="N5142" s="3"/>
      <c r="W5142" s="98"/>
      <c r="Z5142" s="143"/>
      <c r="AA5142" s="137"/>
      <c r="AB5142" s="137"/>
      <c r="AC5142" s="137"/>
      <c r="AD5142" s="137"/>
      <c r="AE5142" s="137"/>
      <c r="AF5142" s="137"/>
      <c r="AG5142" s="137"/>
      <c r="AH5142" s="137"/>
      <c r="AI5142" s="137"/>
      <c r="AJ5142" s="137"/>
      <c r="AK5142" s="206"/>
      <c r="AL5142" s="206"/>
      <c r="AM5142" s="143"/>
      <c r="AN5142" s="137"/>
      <c r="AO5142" s="137"/>
      <c r="AP5142" s="137"/>
      <c r="AQ5142" s="137"/>
      <c r="AR5142" s="137"/>
      <c r="AS5142" s="137"/>
      <c r="AT5142" s="137"/>
      <c r="AU5142" s="137"/>
      <c r="AV5142" s="137"/>
      <c r="AW5142" s="144"/>
    </row>
    <row r="5143" spans="2:49" x14ac:dyDescent="0.2">
      <c r="B5143" s="97"/>
      <c r="J5143" s="98"/>
      <c r="K5143" s="97"/>
      <c r="N5143" s="3"/>
      <c r="W5143" s="98"/>
      <c r="Z5143" s="143"/>
      <c r="AA5143" s="137"/>
      <c r="AB5143" s="137"/>
      <c r="AC5143" s="137"/>
      <c r="AD5143" s="137"/>
      <c r="AE5143" s="137"/>
      <c r="AF5143" s="137"/>
      <c r="AG5143" s="137"/>
      <c r="AH5143" s="137"/>
      <c r="AI5143" s="137"/>
      <c r="AJ5143" s="137"/>
      <c r="AK5143" s="206"/>
      <c r="AL5143" s="206"/>
      <c r="AM5143" s="143"/>
      <c r="AN5143" s="137"/>
      <c r="AO5143" s="137"/>
      <c r="AP5143" s="137"/>
      <c r="AQ5143" s="137"/>
      <c r="AR5143" s="137"/>
      <c r="AS5143" s="137"/>
      <c r="AT5143" s="137"/>
      <c r="AU5143" s="137"/>
      <c r="AV5143" s="137"/>
      <c r="AW5143" s="144"/>
    </row>
    <row r="5144" spans="2:49" x14ac:dyDescent="0.2">
      <c r="B5144" s="97"/>
      <c r="J5144" s="98"/>
      <c r="K5144" s="97"/>
      <c r="N5144" s="3"/>
      <c r="W5144" s="98"/>
      <c r="Z5144" s="143"/>
      <c r="AA5144" s="137"/>
      <c r="AB5144" s="137"/>
      <c r="AC5144" s="137"/>
      <c r="AD5144" s="137"/>
      <c r="AE5144" s="137"/>
      <c r="AF5144" s="137"/>
      <c r="AG5144" s="137"/>
      <c r="AH5144" s="137"/>
      <c r="AI5144" s="137"/>
      <c r="AJ5144" s="137"/>
      <c r="AK5144" s="206"/>
      <c r="AL5144" s="206"/>
      <c r="AM5144" s="143"/>
      <c r="AN5144" s="137"/>
      <c r="AO5144" s="137"/>
      <c r="AP5144" s="137"/>
      <c r="AQ5144" s="137"/>
      <c r="AR5144" s="137"/>
      <c r="AS5144" s="137"/>
      <c r="AT5144" s="137"/>
      <c r="AU5144" s="137"/>
      <c r="AV5144" s="137"/>
      <c r="AW5144" s="144"/>
    </row>
    <row r="5145" spans="2:49" x14ac:dyDescent="0.2">
      <c r="B5145" s="97"/>
      <c r="J5145" s="98"/>
      <c r="K5145" s="97"/>
      <c r="N5145" s="3"/>
      <c r="W5145" s="98"/>
      <c r="Z5145" s="143"/>
      <c r="AA5145" s="137"/>
      <c r="AB5145" s="137"/>
      <c r="AC5145" s="137"/>
      <c r="AD5145" s="137"/>
      <c r="AE5145" s="137"/>
      <c r="AF5145" s="137"/>
      <c r="AG5145" s="137"/>
      <c r="AH5145" s="137"/>
      <c r="AI5145" s="137"/>
      <c r="AJ5145" s="137"/>
      <c r="AK5145" s="206"/>
      <c r="AL5145" s="206"/>
      <c r="AM5145" s="143"/>
      <c r="AN5145" s="137"/>
      <c r="AO5145" s="137"/>
      <c r="AP5145" s="137"/>
      <c r="AQ5145" s="137"/>
      <c r="AR5145" s="137"/>
      <c r="AS5145" s="137"/>
      <c r="AT5145" s="137"/>
      <c r="AU5145" s="137"/>
      <c r="AV5145" s="137"/>
      <c r="AW5145" s="144"/>
    </row>
    <row r="5146" spans="2:49" x14ac:dyDescent="0.2">
      <c r="B5146" s="97"/>
      <c r="J5146" s="98"/>
      <c r="K5146" s="97"/>
      <c r="N5146" s="3"/>
      <c r="W5146" s="98"/>
      <c r="Z5146" s="143"/>
      <c r="AA5146" s="137"/>
      <c r="AB5146" s="137"/>
      <c r="AC5146" s="137"/>
      <c r="AD5146" s="137"/>
      <c r="AE5146" s="137"/>
      <c r="AF5146" s="137"/>
      <c r="AG5146" s="137"/>
      <c r="AH5146" s="137"/>
      <c r="AI5146" s="137"/>
      <c r="AJ5146" s="137"/>
      <c r="AK5146" s="206"/>
      <c r="AL5146" s="206"/>
      <c r="AM5146" s="143"/>
      <c r="AN5146" s="137"/>
      <c r="AO5146" s="137"/>
      <c r="AP5146" s="137"/>
      <c r="AQ5146" s="137"/>
      <c r="AR5146" s="137"/>
      <c r="AS5146" s="137"/>
      <c r="AT5146" s="137"/>
      <c r="AU5146" s="137"/>
      <c r="AV5146" s="137"/>
      <c r="AW5146" s="144"/>
    </row>
    <row r="5147" spans="2:49" x14ac:dyDescent="0.2">
      <c r="B5147" s="97"/>
      <c r="J5147" s="98"/>
      <c r="K5147" s="97"/>
      <c r="N5147" s="3"/>
      <c r="W5147" s="98"/>
      <c r="Z5147" s="143"/>
      <c r="AA5147" s="137"/>
      <c r="AB5147" s="137"/>
      <c r="AC5147" s="137"/>
      <c r="AD5147" s="137"/>
      <c r="AE5147" s="137"/>
      <c r="AF5147" s="137"/>
      <c r="AG5147" s="137"/>
      <c r="AH5147" s="137"/>
      <c r="AI5147" s="137"/>
      <c r="AJ5147" s="137"/>
      <c r="AK5147" s="206"/>
      <c r="AL5147" s="206"/>
      <c r="AM5147" s="143"/>
      <c r="AN5147" s="137"/>
      <c r="AO5147" s="137"/>
      <c r="AP5147" s="137"/>
      <c r="AQ5147" s="137"/>
      <c r="AR5147" s="137"/>
      <c r="AS5147" s="137"/>
      <c r="AT5147" s="137"/>
      <c r="AU5147" s="137"/>
      <c r="AV5147" s="137"/>
      <c r="AW5147" s="144"/>
    </row>
    <row r="5148" spans="2:49" x14ac:dyDescent="0.2">
      <c r="B5148" s="97"/>
      <c r="J5148" s="98"/>
      <c r="K5148" s="97"/>
      <c r="N5148" s="3"/>
      <c r="W5148" s="98"/>
      <c r="Z5148" s="143"/>
      <c r="AA5148" s="137"/>
      <c r="AB5148" s="137"/>
      <c r="AC5148" s="137"/>
      <c r="AD5148" s="137"/>
      <c r="AE5148" s="137"/>
      <c r="AF5148" s="137"/>
      <c r="AG5148" s="137"/>
      <c r="AH5148" s="137"/>
      <c r="AI5148" s="137"/>
      <c r="AJ5148" s="137"/>
      <c r="AK5148" s="206"/>
      <c r="AL5148" s="206"/>
      <c r="AM5148" s="143"/>
      <c r="AN5148" s="137"/>
      <c r="AO5148" s="137"/>
      <c r="AP5148" s="137"/>
      <c r="AQ5148" s="137"/>
      <c r="AR5148" s="137"/>
      <c r="AS5148" s="137"/>
      <c r="AT5148" s="137"/>
      <c r="AU5148" s="137"/>
      <c r="AV5148" s="137"/>
      <c r="AW5148" s="144"/>
    </row>
    <row r="5149" spans="2:49" x14ac:dyDescent="0.2">
      <c r="B5149" s="97"/>
      <c r="J5149" s="98"/>
      <c r="K5149" s="97"/>
      <c r="N5149" s="3"/>
      <c r="W5149" s="98"/>
      <c r="Z5149" s="143"/>
      <c r="AA5149" s="137"/>
      <c r="AB5149" s="137"/>
      <c r="AC5149" s="137"/>
      <c r="AD5149" s="137"/>
      <c r="AE5149" s="137"/>
      <c r="AF5149" s="137"/>
      <c r="AG5149" s="137"/>
      <c r="AH5149" s="137"/>
      <c r="AI5149" s="137"/>
      <c r="AJ5149" s="137"/>
      <c r="AK5149" s="206"/>
      <c r="AL5149" s="206"/>
      <c r="AM5149" s="143"/>
      <c r="AN5149" s="137"/>
      <c r="AO5149" s="137"/>
      <c r="AP5149" s="137"/>
      <c r="AQ5149" s="137"/>
      <c r="AR5149" s="137"/>
      <c r="AS5149" s="137"/>
      <c r="AT5149" s="137"/>
      <c r="AU5149" s="137"/>
      <c r="AV5149" s="137"/>
      <c r="AW5149" s="144"/>
    </row>
    <row r="5150" spans="2:49" x14ac:dyDescent="0.2">
      <c r="B5150" s="97"/>
      <c r="J5150" s="98"/>
      <c r="K5150" s="97"/>
      <c r="N5150" s="3"/>
      <c r="W5150" s="98"/>
      <c r="Z5150" s="143"/>
      <c r="AA5150" s="137"/>
      <c r="AB5150" s="137"/>
      <c r="AC5150" s="137"/>
      <c r="AD5150" s="137"/>
      <c r="AE5150" s="137"/>
      <c r="AF5150" s="137"/>
      <c r="AG5150" s="137"/>
      <c r="AH5150" s="137"/>
      <c r="AI5150" s="137"/>
      <c r="AJ5150" s="137"/>
      <c r="AK5150" s="206"/>
      <c r="AL5150" s="206"/>
      <c r="AM5150" s="143"/>
      <c r="AN5150" s="137"/>
      <c r="AO5150" s="137"/>
      <c r="AP5150" s="137"/>
      <c r="AQ5150" s="137"/>
      <c r="AR5150" s="137"/>
      <c r="AS5150" s="137"/>
      <c r="AT5150" s="137"/>
      <c r="AU5150" s="137"/>
      <c r="AV5150" s="137"/>
      <c r="AW5150" s="144"/>
    </row>
    <row r="5151" spans="2:49" x14ac:dyDescent="0.2">
      <c r="B5151" s="97"/>
      <c r="J5151" s="98"/>
      <c r="K5151" s="97"/>
      <c r="N5151" s="3"/>
      <c r="W5151" s="98"/>
      <c r="Z5151" s="143"/>
      <c r="AA5151" s="137"/>
      <c r="AB5151" s="137"/>
      <c r="AC5151" s="137"/>
      <c r="AD5151" s="137"/>
      <c r="AE5151" s="137"/>
      <c r="AF5151" s="137"/>
      <c r="AG5151" s="137"/>
      <c r="AH5151" s="137"/>
      <c r="AI5151" s="137"/>
      <c r="AJ5151" s="137"/>
      <c r="AK5151" s="206"/>
      <c r="AL5151" s="206"/>
      <c r="AM5151" s="143"/>
      <c r="AN5151" s="137"/>
      <c r="AO5151" s="137"/>
      <c r="AP5151" s="137"/>
      <c r="AQ5151" s="137"/>
      <c r="AR5151" s="137"/>
      <c r="AS5151" s="137"/>
      <c r="AT5151" s="137"/>
      <c r="AU5151" s="137"/>
      <c r="AV5151" s="137"/>
      <c r="AW5151" s="144"/>
    </row>
    <row r="5152" spans="2:49" x14ac:dyDescent="0.2">
      <c r="B5152" s="97"/>
      <c r="J5152" s="98"/>
      <c r="K5152" s="97"/>
      <c r="N5152" s="3"/>
      <c r="W5152" s="98"/>
      <c r="Z5152" s="143"/>
      <c r="AA5152" s="137"/>
      <c r="AB5152" s="137"/>
      <c r="AC5152" s="137"/>
      <c r="AD5152" s="137"/>
      <c r="AE5152" s="137"/>
      <c r="AF5152" s="137"/>
      <c r="AG5152" s="137"/>
      <c r="AH5152" s="137"/>
      <c r="AI5152" s="137"/>
      <c r="AJ5152" s="137"/>
      <c r="AK5152" s="206"/>
      <c r="AL5152" s="206"/>
      <c r="AM5152" s="143"/>
      <c r="AN5152" s="137"/>
      <c r="AO5152" s="137"/>
      <c r="AP5152" s="137"/>
      <c r="AQ5152" s="137"/>
      <c r="AR5152" s="137"/>
      <c r="AS5152" s="137"/>
      <c r="AT5152" s="137"/>
      <c r="AU5152" s="137"/>
      <c r="AV5152" s="137"/>
      <c r="AW5152" s="144"/>
    </row>
    <row r="5153" spans="2:49" x14ac:dyDescent="0.2">
      <c r="B5153" s="97"/>
      <c r="J5153" s="98"/>
      <c r="K5153" s="97"/>
      <c r="N5153" s="3"/>
      <c r="W5153" s="98"/>
      <c r="Z5153" s="143"/>
      <c r="AA5153" s="137"/>
      <c r="AB5153" s="137"/>
      <c r="AC5153" s="137"/>
      <c r="AD5153" s="137"/>
      <c r="AE5153" s="137"/>
      <c r="AF5153" s="137"/>
      <c r="AG5153" s="137"/>
      <c r="AH5153" s="137"/>
      <c r="AI5153" s="137"/>
      <c r="AJ5153" s="137"/>
      <c r="AK5153" s="206"/>
      <c r="AL5153" s="206"/>
      <c r="AM5153" s="143"/>
      <c r="AN5153" s="137"/>
      <c r="AO5153" s="137"/>
      <c r="AP5153" s="137"/>
      <c r="AQ5153" s="137"/>
      <c r="AR5153" s="137"/>
      <c r="AS5153" s="137"/>
      <c r="AT5153" s="137"/>
      <c r="AU5153" s="137"/>
      <c r="AV5153" s="137"/>
      <c r="AW5153" s="144"/>
    </row>
    <row r="5154" spans="2:49" x14ac:dyDescent="0.2">
      <c r="B5154" s="97"/>
      <c r="J5154" s="98"/>
      <c r="K5154" s="97"/>
      <c r="N5154" s="3"/>
      <c r="W5154" s="98"/>
      <c r="Z5154" s="143"/>
      <c r="AA5154" s="137"/>
      <c r="AB5154" s="137"/>
      <c r="AC5154" s="137"/>
      <c r="AD5154" s="137"/>
      <c r="AE5154" s="137"/>
      <c r="AF5154" s="137"/>
      <c r="AG5154" s="137"/>
      <c r="AH5154" s="137"/>
      <c r="AI5154" s="137"/>
      <c r="AJ5154" s="137"/>
      <c r="AK5154" s="206"/>
      <c r="AL5154" s="206"/>
      <c r="AM5154" s="143"/>
      <c r="AN5154" s="137"/>
      <c r="AO5154" s="137"/>
      <c r="AP5154" s="137"/>
      <c r="AQ5154" s="137"/>
      <c r="AR5154" s="137"/>
      <c r="AS5154" s="137"/>
      <c r="AT5154" s="137"/>
      <c r="AU5154" s="137"/>
      <c r="AV5154" s="137"/>
      <c r="AW5154" s="144"/>
    </row>
    <row r="5155" spans="2:49" x14ac:dyDescent="0.2">
      <c r="B5155" s="97"/>
      <c r="J5155" s="98"/>
      <c r="K5155" s="97"/>
      <c r="N5155" s="3"/>
      <c r="W5155" s="98"/>
      <c r="Z5155" s="143"/>
      <c r="AA5155" s="137"/>
      <c r="AB5155" s="137"/>
      <c r="AC5155" s="137"/>
      <c r="AD5155" s="137"/>
      <c r="AE5155" s="137"/>
      <c r="AF5155" s="137"/>
      <c r="AG5155" s="137"/>
      <c r="AH5155" s="137"/>
      <c r="AI5155" s="137"/>
      <c r="AJ5155" s="137"/>
      <c r="AK5155" s="206"/>
      <c r="AL5155" s="206"/>
      <c r="AM5155" s="143"/>
      <c r="AN5155" s="137"/>
      <c r="AO5155" s="137"/>
      <c r="AP5155" s="137"/>
      <c r="AQ5155" s="137"/>
      <c r="AR5155" s="137"/>
      <c r="AS5155" s="137"/>
      <c r="AT5155" s="137"/>
      <c r="AU5155" s="137"/>
      <c r="AV5155" s="137"/>
      <c r="AW5155" s="144"/>
    </row>
    <row r="5156" spans="2:49" x14ac:dyDescent="0.2">
      <c r="B5156" s="97"/>
      <c r="J5156" s="98"/>
      <c r="K5156" s="97"/>
      <c r="N5156" s="3"/>
      <c r="W5156" s="98"/>
      <c r="Z5156" s="143"/>
      <c r="AA5156" s="137"/>
      <c r="AB5156" s="137"/>
      <c r="AC5156" s="137"/>
      <c r="AD5156" s="137"/>
      <c r="AE5156" s="137"/>
      <c r="AF5156" s="137"/>
      <c r="AG5156" s="137"/>
      <c r="AH5156" s="137"/>
      <c r="AI5156" s="137"/>
      <c r="AJ5156" s="137"/>
      <c r="AK5156" s="206"/>
      <c r="AL5156" s="206"/>
      <c r="AM5156" s="143"/>
      <c r="AN5156" s="137"/>
      <c r="AO5156" s="137"/>
      <c r="AP5156" s="137"/>
      <c r="AQ5156" s="137"/>
      <c r="AR5156" s="137"/>
      <c r="AS5156" s="137"/>
      <c r="AT5156" s="137"/>
      <c r="AU5156" s="137"/>
      <c r="AV5156" s="137"/>
      <c r="AW5156" s="144"/>
    </row>
    <row r="5157" spans="2:49" x14ac:dyDescent="0.2">
      <c r="B5157" s="97"/>
      <c r="J5157" s="98"/>
      <c r="K5157" s="97"/>
      <c r="N5157" s="3"/>
      <c r="W5157" s="98"/>
      <c r="Z5157" s="143"/>
      <c r="AA5157" s="137"/>
      <c r="AB5157" s="137"/>
      <c r="AC5157" s="137"/>
      <c r="AD5157" s="137"/>
      <c r="AE5157" s="137"/>
      <c r="AF5157" s="137"/>
      <c r="AG5157" s="137"/>
      <c r="AH5157" s="137"/>
      <c r="AI5157" s="137"/>
      <c r="AJ5157" s="137"/>
      <c r="AK5157" s="206"/>
      <c r="AL5157" s="206"/>
      <c r="AM5157" s="143"/>
      <c r="AN5157" s="137"/>
      <c r="AO5157" s="137"/>
      <c r="AP5157" s="137"/>
      <c r="AQ5157" s="137"/>
      <c r="AR5157" s="137"/>
      <c r="AS5157" s="137"/>
      <c r="AT5157" s="137"/>
      <c r="AU5157" s="137"/>
      <c r="AV5157" s="137"/>
      <c r="AW5157" s="144"/>
    </row>
    <row r="5158" spans="2:49" x14ac:dyDescent="0.2">
      <c r="B5158" s="97"/>
      <c r="J5158" s="98"/>
      <c r="K5158" s="97"/>
      <c r="N5158" s="3"/>
      <c r="W5158" s="98"/>
      <c r="Z5158" s="143"/>
      <c r="AA5158" s="137"/>
      <c r="AB5158" s="137"/>
      <c r="AC5158" s="137"/>
      <c r="AD5158" s="137"/>
      <c r="AE5158" s="137"/>
      <c r="AF5158" s="137"/>
      <c r="AG5158" s="137"/>
      <c r="AH5158" s="137"/>
      <c r="AI5158" s="137"/>
      <c r="AJ5158" s="137"/>
      <c r="AK5158" s="206"/>
      <c r="AL5158" s="206"/>
      <c r="AM5158" s="143"/>
      <c r="AN5158" s="137"/>
      <c r="AO5158" s="137"/>
      <c r="AP5158" s="137"/>
      <c r="AQ5158" s="137"/>
      <c r="AR5158" s="137"/>
      <c r="AS5158" s="137"/>
      <c r="AT5158" s="137"/>
      <c r="AU5158" s="137"/>
      <c r="AV5158" s="137"/>
      <c r="AW5158" s="144"/>
    </row>
    <row r="5159" spans="2:49" x14ac:dyDescent="0.2">
      <c r="B5159" s="97"/>
      <c r="J5159" s="98"/>
      <c r="K5159" s="97"/>
      <c r="N5159" s="3"/>
      <c r="W5159" s="98"/>
      <c r="Z5159" s="143"/>
      <c r="AA5159" s="137"/>
      <c r="AB5159" s="137"/>
      <c r="AC5159" s="137"/>
      <c r="AD5159" s="137"/>
      <c r="AE5159" s="137"/>
      <c r="AF5159" s="137"/>
      <c r="AG5159" s="137"/>
      <c r="AH5159" s="137"/>
      <c r="AI5159" s="137"/>
      <c r="AJ5159" s="137"/>
      <c r="AK5159" s="206"/>
      <c r="AL5159" s="206"/>
      <c r="AM5159" s="143"/>
      <c r="AN5159" s="137"/>
      <c r="AO5159" s="137"/>
      <c r="AP5159" s="137"/>
      <c r="AQ5159" s="137"/>
      <c r="AR5159" s="137"/>
      <c r="AS5159" s="137"/>
      <c r="AT5159" s="137"/>
      <c r="AU5159" s="137"/>
      <c r="AV5159" s="137"/>
      <c r="AW5159" s="144"/>
    </row>
    <row r="5160" spans="2:49" x14ac:dyDescent="0.2">
      <c r="B5160" s="97"/>
      <c r="J5160" s="98"/>
      <c r="K5160" s="97"/>
      <c r="N5160" s="3"/>
      <c r="W5160" s="98"/>
      <c r="Z5160" s="143"/>
      <c r="AA5160" s="137"/>
      <c r="AB5160" s="137"/>
      <c r="AC5160" s="137"/>
      <c r="AD5160" s="137"/>
      <c r="AE5160" s="137"/>
      <c r="AF5160" s="137"/>
      <c r="AG5160" s="137"/>
      <c r="AH5160" s="137"/>
      <c r="AI5160" s="137"/>
      <c r="AJ5160" s="137"/>
      <c r="AK5160" s="206"/>
      <c r="AL5160" s="206"/>
      <c r="AM5160" s="143"/>
      <c r="AN5160" s="137"/>
      <c r="AO5160" s="137"/>
      <c r="AP5160" s="137"/>
      <c r="AQ5160" s="137"/>
      <c r="AR5160" s="137"/>
      <c r="AS5160" s="137"/>
      <c r="AT5160" s="137"/>
      <c r="AU5160" s="137"/>
      <c r="AV5160" s="137"/>
      <c r="AW5160" s="144"/>
    </row>
    <row r="5161" spans="2:49" x14ac:dyDescent="0.2">
      <c r="B5161" s="97"/>
      <c r="J5161" s="98"/>
      <c r="K5161" s="97"/>
      <c r="N5161" s="3"/>
      <c r="W5161" s="98"/>
      <c r="Z5161" s="143"/>
      <c r="AA5161" s="137"/>
      <c r="AB5161" s="137"/>
      <c r="AC5161" s="137"/>
      <c r="AD5161" s="137"/>
      <c r="AE5161" s="137"/>
      <c r="AF5161" s="137"/>
      <c r="AG5161" s="137"/>
      <c r="AH5161" s="137"/>
      <c r="AI5161" s="137"/>
      <c r="AJ5161" s="137"/>
      <c r="AK5161" s="206"/>
      <c r="AL5161" s="206"/>
      <c r="AM5161" s="143"/>
      <c r="AN5161" s="137"/>
      <c r="AO5161" s="137"/>
      <c r="AP5161" s="137"/>
      <c r="AQ5161" s="137"/>
      <c r="AR5161" s="137"/>
      <c r="AS5161" s="137"/>
      <c r="AT5161" s="137"/>
      <c r="AU5161" s="137"/>
      <c r="AV5161" s="137"/>
      <c r="AW5161" s="144"/>
    </row>
    <row r="5162" spans="2:49" x14ac:dyDescent="0.2">
      <c r="B5162" s="97"/>
      <c r="J5162" s="98"/>
      <c r="K5162" s="97"/>
      <c r="N5162" s="3"/>
      <c r="W5162" s="98"/>
      <c r="Z5162" s="143"/>
      <c r="AA5162" s="137"/>
      <c r="AB5162" s="137"/>
      <c r="AC5162" s="137"/>
      <c r="AD5162" s="137"/>
      <c r="AE5162" s="137"/>
      <c r="AF5162" s="137"/>
      <c r="AG5162" s="137"/>
      <c r="AH5162" s="137"/>
      <c r="AI5162" s="137"/>
      <c r="AJ5162" s="137"/>
      <c r="AK5162" s="206"/>
      <c r="AL5162" s="206"/>
      <c r="AM5162" s="143"/>
      <c r="AN5162" s="137"/>
      <c r="AO5162" s="137"/>
      <c r="AP5162" s="137"/>
      <c r="AQ5162" s="137"/>
      <c r="AR5162" s="137"/>
      <c r="AS5162" s="137"/>
      <c r="AT5162" s="137"/>
      <c r="AU5162" s="137"/>
      <c r="AV5162" s="137"/>
      <c r="AW5162" s="144"/>
    </row>
    <row r="5163" spans="2:49" x14ac:dyDescent="0.2">
      <c r="B5163" s="97"/>
      <c r="J5163" s="98"/>
      <c r="K5163" s="97"/>
      <c r="N5163" s="3"/>
      <c r="W5163" s="98"/>
      <c r="Z5163" s="143"/>
      <c r="AA5163" s="137"/>
      <c r="AB5163" s="137"/>
      <c r="AC5163" s="137"/>
      <c r="AD5163" s="137"/>
      <c r="AE5163" s="137"/>
      <c r="AF5163" s="137"/>
      <c r="AG5163" s="137"/>
      <c r="AH5163" s="137"/>
      <c r="AI5163" s="137"/>
      <c r="AJ5163" s="137"/>
      <c r="AK5163" s="206"/>
      <c r="AL5163" s="206"/>
      <c r="AM5163" s="143"/>
      <c r="AN5163" s="137"/>
      <c r="AO5163" s="137"/>
      <c r="AP5163" s="137"/>
      <c r="AQ5163" s="137"/>
      <c r="AR5163" s="137"/>
      <c r="AS5163" s="137"/>
      <c r="AT5163" s="137"/>
      <c r="AU5163" s="137"/>
      <c r="AV5163" s="137"/>
      <c r="AW5163" s="144"/>
    </row>
    <row r="5164" spans="2:49" x14ac:dyDescent="0.2">
      <c r="B5164" s="97"/>
      <c r="J5164" s="98"/>
      <c r="K5164" s="97"/>
      <c r="N5164" s="3"/>
      <c r="W5164" s="98"/>
      <c r="Z5164" s="143"/>
      <c r="AA5164" s="137"/>
      <c r="AB5164" s="137"/>
      <c r="AC5164" s="137"/>
      <c r="AD5164" s="137"/>
      <c r="AE5164" s="137"/>
      <c r="AF5164" s="137"/>
      <c r="AG5164" s="137"/>
      <c r="AH5164" s="137"/>
      <c r="AI5164" s="137"/>
      <c r="AJ5164" s="137"/>
      <c r="AK5164" s="206"/>
      <c r="AL5164" s="206"/>
      <c r="AM5164" s="143"/>
      <c r="AN5164" s="137"/>
      <c r="AO5164" s="137"/>
      <c r="AP5164" s="137"/>
      <c r="AQ5164" s="137"/>
      <c r="AR5164" s="137"/>
      <c r="AS5164" s="137"/>
      <c r="AT5164" s="137"/>
      <c r="AU5164" s="137"/>
      <c r="AV5164" s="137"/>
      <c r="AW5164" s="144"/>
    </row>
    <row r="5165" spans="2:49" x14ac:dyDescent="0.2">
      <c r="B5165" s="97"/>
      <c r="J5165" s="98"/>
      <c r="K5165" s="97"/>
      <c r="N5165" s="3"/>
      <c r="W5165" s="98"/>
      <c r="Z5165" s="143"/>
      <c r="AA5165" s="137"/>
      <c r="AB5165" s="137"/>
      <c r="AC5165" s="137"/>
      <c r="AD5165" s="137"/>
      <c r="AE5165" s="137"/>
      <c r="AF5165" s="137"/>
      <c r="AG5165" s="137"/>
      <c r="AH5165" s="137"/>
      <c r="AI5165" s="137"/>
      <c r="AJ5165" s="137"/>
      <c r="AK5165" s="206"/>
      <c r="AL5165" s="206"/>
      <c r="AM5165" s="143"/>
      <c r="AN5165" s="137"/>
      <c r="AO5165" s="137"/>
      <c r="AP5165" s="137"/>
      <c r="AQ5165" s="137"/>
      <c r="AR5165" s="137"/>
      <c r="AS5165" s="137"/>
      <c r="AT5165" s="137"/>
      <c r="AU5165" s="137"/>
      <c r="AV5165" s="137"/>
      <c r="AW5165" s="144"/>
    </row>
    <row r="5166" spans="2:49" x14ac:dyDescent="0.2">
      <c r="B5166" s="97"/>
      <c r="J5166" s="98"/>
      <c r="K5166" s="97"/>
      <c r="N5166" s="3"/>
      <c r="W5166" s="98"/>
      <c r="Z5166" s="143"/>
      <c r="AA5166" s="137"/>
      <c r="AB5166" s="137"/>
      <c r="AC5166" s="137"/>
      <c r="AD5166" s="137"/>
      <c r="AE5166" s="137"/>
      <c r="AF5166" s="137"/>
      <c r="AG5166" s="137"/>
      <c r="AH5166" s="137"/>
      <c r="AI5166" s="137"/>
      <c r="AJ5166" s="137"/>
      <c r="AK5166" s="206"/>
      <c r="AL5166" s="206"/>
      <c r="AM5166" s="143"/>
      <c r="AN5166" s="137"/>
      <c r="AO5166" s="137"/>
      <c r="AP5166" s="137"/>
      <c r="AQ5166" s="137"/>
      <c r="AR5166" s="137"/>
      <c r="AS5166" s="137"/>
      <c r="AT5166" s="137"/>
      <c r="AU5166" s="137"/>
      <c r="AV5166" s="137"/>
      <c r="AW5166" s="144"/>
    </row>
    <row r="5167" spans="2:49" x14ac:dyDescent="0.2">
      <c r="B5167" s="97"/>
      <c r="J5167" s="98"/>
      <c r="K5167" s="97"/>
      <c r="N5167" s="3"/>
      <c r="W5167" s="98"/>
      <c r="Z5167" s="143"/>
      <c r="AA5167" s="137"/>
      <c r="AB5167" s="137"/>
      <c r="AC5167" s="137"/>
      <c r="AD5167" s="137"/>
      <c r="AE5167" s="137"/>
      <c r="AF5167" s="137"/>
      <c r="AG5167" s="137"/>
      <c r="AH5167" s="137"/>
      <c r="AI5167" s="137"/>
      <c r="AJ5167" s="137"/>
      <c r="AK5167" s="206"/>
      <c r="AL5167" s="206"/>
      <c r="AM5167" s="143"/>
      <c r="AN5167" s="137"/>
      <c r="AO5167" s="137"/>
      <c r="AP5167" s="137"/>
      <c r="AQ5167" s="137"/>
      <c r="AR5167" s="137"/>
      <c r="AS5167" s="137"/>
      <c r="AT5167" s="137"/>
      <c r="AU5167" s="137"/>
      <c r="AV5167" s="137"/>
      <c r="AW5167" s="144"/>
    </row>
    <row r="5168" spans="2:49" x14ac:dyDescent="0.2">
      <c r="B5168" s="97"/>
      <c r="J5168" s="98"/>
      <c r="K5168" s="97"/>
      <c r="N5168" s="3"/>
      <c r="W5168" s="98"/>
      <c r="Z5168" s="143"/>
      <c r="AA5168" s="137"/>
      <c r="AB5168" s="137"/>
      <c r="AC5168" s="137"/>
      <c r="AD5168" s="137"/>
      <c r="AE5168" s="137"/>
      <c r="AF5168" s="137"/>
      <c r="AG5168" s="137"/>
      <c r="AH5168" s="137"/>
      <c r="AI5168" s="137"/>
      <c r="AJ5168" s="137"/>
      <c r="AK5168" s="206"/>
      <c r="AL5168" s="206"/>
      <c r="AM5168" s="143"/>
      <c r="AN5168" s="137"/>
      <c r="AO5168" s="137"/>
      <c r="AP5168" s="137"/>
      <c r="AQ5168" s="137"/>
      <c r="AR5168" s="137"/>
      <c r="AS5168" s="137"/>
      <c r="AT5168" s="137"/>
      <c r="AU5168" s="137"/>
      <c r="AV5168" s="137"/>
      <c r="AW5168" s="144"/>
    </row>
    <row r="5169" spans="2:49" x14ac:dyDescent="0.2">
      <c r="B5169" s="97"/>
      <c r="J5169" s="98"/>
      <c r="K5169" s="97"/>
      <c r="N5169" s="3"/>
      <c r="W5169" s="98"/>
      <c r="Z5169" s="143"/>
      <c r="AA5169" s="137"/>
      <c r="AB5169" s="137"/>
      <c r="AC5169" s="137"/>
      <c r="AD5169" s="137"/>
      <c r="AE5169" s="137"/>
      <c r="AF5169" s="137"/>
      <c r="AG5169" s="137"/>
      <c r="AH5169" s="137"/>
      <c r="AI5169" s="137"/>
      <c r="AJ5169" s="137"/>
      <c r="AK5169" s="206"/>
      <c r="AL5169" s="206"/>
      <c r="AM5169" s="143"/>
      <c r="AN5169" s="137"/>
      <c r="AO5169" s="137"/>
      <c r="AP5169" s="137"/>
      <c r="AQ5169" s="137"/>
      <c r="AR5169" s="137"/>
      <c r="AS5169" s="137"/>
      <c r="AT5169" s="137"/>
      <c r="AU5169" s="137"/>
      <c r="AV5169" s="137"/>
      <c r="AW5169" s="144"/>
    </row>
    <row r="5170" spans="2:49" x14ac:dyDescent="0.2">
      <c r="B5170" s="97"/>
      <c r="J5170" s="98"/>
      <c r="K5170" s="97"/>
      <c r="N5170" s="3"/>
      <c r="W5170" s="98"/>
      <c r="Z5170" s="143"/>
      <c r="AA5170" s="137"/>
      <c r="AB5170" s="137"/>
      <c r="AC5170" s="137"/>
      <c r="AD5170" s="137"/>
      <c r="AE5170" s="137"/>
      <c r="AF5170" s="137"/>
      <c r="AG5170" s="137"/>
      <c r="AH5170" s="137"/>
      <c r="AI5170" s="137"/>
      <c r="AJ5170" s="137"/>
      <c r="AK5170" s="206"/>
      <c r="AL5170" s="206"/>
      <c r="AM5170" s="143"/>
      <c r="AN5170" s="137"/>
      <c r="AO5170" s="137"/>
      <c r="AP5170" s="137"/>
      <c r="AQ5170" s="137"/>
      <c r="AR5170" s="137"/>
      <c r="AS5170" s="137"/>
      <c r="AT5170" s="137"/>
      <c r="AU5170" s="137"/>
      <c r="AV5170" s="137"/>
      <c r="AW5170" s="144"/>
    </row>
    <row r="5171" spans="2:49" x14ac:dyDescent="0.2">
      <c r="B5171" s="97"/>
      <c r="J5171" s="98"/>
      <c r="K5171" s="97"/>
      <c r="N5171" s="3"/>
      <c r="W5171" s="98"/>
      <c r="Z5171" s="143"/>
      <c r="AA5171" s="137"/>
      <c r="AB5171" s="137"/>
      <c r="AC5171" s="137"/>
      <c r="AD5171" s="137"/>
      <c r="AE5171" s="137"/>
      <c r="AF5171" s="137"/>
      <c r="AG5171" s="137"/>
      <c r="AH5171" s="137"/>
      <c r="AI5171" s="137"/>
      <c r="AJ5171" s="137"/>
      <c r="AK5171" s="206"/>
      <c r="AL5171" s="206"/>
      <c r="AM5171" s="143"/>
      <c r="AN5171" s="137"/>
      <c r="AO5171" s="137"/>
      <c r="AP5171" s="137"/>
      <c r="AQ5171" s="137"/>
      <c r="AR5171" s="137"/>
      <c r="AS5171" s="137"/>
      <c r="AT5171" s="137"/>
      <c r="AU5171" s="137"/>
      <c r="AV5171" s="137"/>
      <c r="AW5171" s="144"/>
    </row>
    <row r="5172" spans="2:49" x14ac:dyDescent="0.2">
      <c r="B5172" s="97"/>
      <c r="J5172" s="98"/>
      <c r="K5172" s="97"/>
      <c r="N5172" s="3"/>
      <c r="W5172" s="98"/>
      <c r="Z5172" s="143"/>
      <c r="AA5172" s="137"/>
      <c r="AB5172" s="137"/>
      <c r="AC5172" s="137"/>
      <c r="AD5172" s="137"/>
      <c r="AE5172" s="137"/>
      <c r="AF5172" s="137"/>
      <c r="AG5172" s="137"/>
      <c r="AH5172" s="137"/>
      <c r="AI5172" s="137"/>
      <c r="AJ5172" s="137"/>
      <c r="AK5172" s="206"/>
      <c r="AL5172" s="206"/>
      <c r="AM5172" s="143"/>
      <c r="AN5172" s="137"/>
      <c r="AO5172" s="137"/>
      <c r="AP5172" s="137"/>
      <c r="AQ5172" s="137"/>
      <c r="AR5172" s="137"/>
      <c r="AS5172" s="137"/>
      <c r="AT5172" s="137"/>
      <c r="AU5172" s="137"/>
      <c r="AV5172" s="137"/>
      <c r="AW5172" s="144"/>
    </row>
    <row r="5173" spans="2:49" x14ac:dyDescent="0.2">
      <c r="B5173" s="97"/>
      <c r="J5173" s="98"/>
      <c r="K5173" s="97"/>
      <c r="N5173" s="3"/>
      <c r="W5173" s="98"/>
      <c r="Z5173" s="143"/>
      <c r="AA5173" s="137"/>
      <c r="AB5173" s="137"/>
      <c r="AC5173" s="137"/>
      <c r="AD5173" s="137"/>
      <c r="AE5173" s="137"/>
      <c r="AF5173" s="137"/>
      <c r="AG5173" s="137"/>
      <c r="AH5173" s="137"/>
      <c r="AI5173" s="137"/>
      <c r="AJ5173" s="137"/>
      <c r="AK5173" s="206"/>
      <c r="AL5173" s="206"/>
      <c r="AM5173" s="143"/>
      <c r="AN5173" s="137"/>
      <c r="AO5173" s="137"/>
      <c r="AP5173" s="137"/>
      <c r="AQ5173" s="137"/>
      <c r="AR5173" s="137"/>
      <c r="AS5173" s="137"/>
      <c r="AT5173" s="137"/>
      <c r="AU5173" s="137"/>
      <c r="AV5173" s="137"/>
      <c r="AW5173" s="144"/>
    </row>
    <row r="5174" spans="2:49" x14ac:dyDescent="0.2">
      <c r="B5174" s="97"/>
      <c r="J5174" s="98"/>
      <c r="K5174" s="97"/>
      <c r="N5174" s="3"/>
      <c r="W5174" s="98"/>
      <c r="Z5174" s="143"/>
      <c r="AA5174" s="137"/>
      <c r="AB5174" s="137"/>
      <c r="AC5174" s="137"/>
      <c r="AD5174" s="137"/>
      <c r="AE5174" s="137"/>
      <c r="AF5174" s="137"/>
      <c r="AG5174" s="137"/>
      <c r="AH5174" s="137"/>
      <c r="AI5174" s="137"/>
      <c r="AJ5174" s="137"/>
      <c r="AK5174" s="206"/>
      <c r="AL5174" s="206"/>
      <c r="AM5174" s="143"/>
      <c r="AN5174" s="137"/>
      <c r="AO5174" s="137"/>
      <c r="AP5174" s="137"/>
      <c r="AQ5174" s="137"/>
      <c r="AR5174" s="137"/>
      <c r="AS5174" s="137"/>
      <c r="AT5174" s="137"/>
      <c r="AU5174" s="137"/>
      <c r="AV5174" s="137"/>
      <c r="AW5174" s="144"/>
    </row>
    <row r="5175" spans="2:49" x14ac:dyDescent="0.2">
      <c r="B5175" s="97"/>
      <c r="J5175" s="98"/>
      <c r="K5175" s="97"/>
      <c r="N5175" s="3"/>
      <c r="W5175" s="98"/>
      <c r="Z5175" s="143"/>
      <c r="AA5175" s="137"/>
      <c r="AB5175" s="137"/>
      <c r="AC5175" s="137"/>
      <c r="AD5175" s="137"/>
      <c r="AE5175" s="137"/>
      <c r="AF5175" s="137"/>
      <c r="AG5175" s="137"/>
      <c r="AH5175" s="137"/>
      <c r="AI5175" s="137"/>
      <c r="AJ5175" s="137"/>
      <c r="AK5175" s="206"/>
      <c r="AL5175" s="206"/>
      <c r="AM5175" s="143"/>
      <c r="AN5175" s="137"/>
      <c r="AO5175" s="137"/>
      <c r="AP5175" s="137"/>
      <c r="AQ5175" s="137"/>
      <c r="AR5175" s="137"/>
      <c r="AS5175" s="137"/>
      <c r="AT5175" s="137"/>
      <c r="AU5175" s="137"/>
      <c r="AV5175" s="137"/>
      <c r="AW5175" s="144"/>
    </row>
    <row r="5176" spans="2:49" x14ac:dyDescent="0.2">
      <c r="B5176" s="97"/>
      <c r="J5176" s="98"/>
      <c r="K5176" s="97"/>
      <c r="N5176" s="3"/>
      <c r="W5176" s="98"/>
      <c r="Z5176" s="143"/>
      <c r="AA5176" s="137"/>
      <c r="AB5176" s="137"/>
      <c r="AC5176" s="137"/>
      <c r="AD5176" s="137"/>
      <c r="AE5176" s="137"/>
      <c r="AF5176" s="137"/>
      <c r="AG5176" s="137"/>
      <c r="AH5176" s="137"/>
      <c r="AI5176" s="137"/>
      <c r="AJ5176" s="137"/>
      <c r="AK5176" s="206"/>
      <c r="AL5176" s="206"/>
      <c r="AM5176" s="143"/>
      <c r="AN5176" s="137"/>
      <c r="AO5176" s="137"/>
      <c r="AP5176" s="137"/>
      <c r="AQ5176" s="137"/>
      <c r="AR5176" s="137"/>
      <c r="AS5176" s="137"/>
      <c r="AT5176" s="137"/>
      <c r="AU5176" s="137"/>
      <c r="AV5176" s="137"/>
      <c r="AW5176" s="144"/>
    </row>
    <row r="5177" spans="2:49" x14ac:dyDescent="0.2">
      <c r="B5177" s="97"/>
      <c r="J5177" s="98"/>
      <c r="K5177" s="97"/>
      <c r="N5177" s="3"/>
      <c r="W5177" s="98"/>
      <c r="Z5177" s="143"/>
      <c r="AA5177" s="137"/>
      <c r="AB5177" s="137"/>
      <c r="AC5177" s="137"/>
      <c r="AD5177" s="137"/>
      <c r="AE5177" s="137"/>
      <c r="AF5177" s="137"/>
      <c r="AG5177" s="137"/>
      <c r="AH5177" s="137"/>
      <c r="AI5177" s="137"/>
      <c r="AJ5177" s="137"/>
      <c r="AK5177" s="206"/>
      <c r="AL5177" s="206"/>
      <c r="AM5177" s="143"/>
      <c r="AN5177" s="137"/>
      <c r="AO5177" s="137"/>
      <c r="AP5177" s="137"/>
      <c r="AQ5177" s="137"/>
      <c r="AR5177" s="137"/>
      <c r="AS5177" s="137"/>
      <c r="AT5177" s="137"/>
      <c r="AU5177" s="137"/>
      <c r="AV5177" s="137"/>
      <c r="AW5177" s="144"/>
    </row>
    <row r="5178" spans="2:49" x14ac:dyDescent="0.2">
      <c r="B5178" s="97"/>
      <c r="J5178" s="98"/>
      <c r="K5178" s="97"/>
      <c r="N5178" s="3"/>
      <c r="W5178" s="98"/>
      <c r="Z5178" s="143"/>
      <c r="AA5178" s="137"/>
      <c r="AB5178" s="137"/>
      <c r="AC5178" s="137"/>
      <c r="AD5178" s="137"/>
      <c r="AE5178" s="137"/>
      <c r="AF5178" s="137"/>
      <c r="AG5178" s="137"/>
      <c r="AH5178" s="137"/>
      <c r="AI5178" s="137"/>
      <c r="AJ5178" s="137"/>
      <c r="AK5178" s="206"/>
      <c r="AL5178" s="206"/>
      <c r="AM5178" s="143"/>
      <c r="AN5178" s="137"/>
      <c r="AO5178" s="137"/>
      <c r="AP5178" s="137"/>
      <c r="AQ5178" s="137"/>
      <c r="AR5178" s="137"/>
      <c r="AS5178" s="137"/>
      <c r="AT5178" s="137"/>
      <c r="AU5178" s="137"/>
      <c r="AV5178" s="137"/>
      <c r="AW5178" s="144"/>
    </row>
    <row r="5179" spans="2:49" x14ac:dyDescent="0.2">
      <c r="B5179" s="97"/>
      <c r="J5179" s="98"/>
      <c r="K5179" s="97"/>
      <c r="N5179" s="3"/>
      <c r="W5179" s="98"/>
      <c r="Z5179" s="143"/>
      <c r="AA5179" s="137"/>
      <c r="AB5179" s="137"/>
      <c r="AC5179" s="137"/>
      <c r="AD5179" s="137"/>
      <c r="AE5179" s="137"/>
      <c r="AF5179" s="137"/>
      <c r="AG5179" s="137"/>
      <c r="AH5179" s="137"/>
      <c r="AI5179" s="137"/>
      <c r="AJ5179" s="137"/>
      <c r="AK5179" s="206"/>
      <c r="AL5179" s="206"/>
      <c r="AM5179" s="143"/>
      <c r="AN5179" s="137"/>
      <c r="AO5179" s="137"/>
      <c r="AP5179" s="137"/>
      <c r="AQ5179" s="137"/>
      <c r="AR5179" s="137"/>
      <c r="AS5179" s="137"/>
      <c r="AT5179" s="137"/>
      <c r="AU5179" s="137"/>
      <c r="AV5179" s="137"/>
      <c r="AW5179" s="144"/>
    </row>
    <row r="5180" spans="2:49" x14ac:dyDescent="0.2">
      <c r="B5180" s="97"/>
      <c r="J5180" s="98"/>
      <c r="K5180" s="97"/>
      <c r="N5180" s="3"/>
      <c r="W5180" s="98"/>
      <c r="Z5180" s="143"/>
      <c r="AA5180" s="137"/>
      <c r="AB5180" s="137"/>
      <c r="AC5180" s="137"/>
      <c r="AD5180" s="137"/>
      <c r="AE5180" s="137"/>
      <c r="AF5180" s="137"/>
      <c r="AG5180" s="137"/>
      <c r="AH5180" s="137"/>
      <c r="AI5180" s="137"/>
      <c r="AJ5180" s="137"/>
      <c r="AK5180" s="206"/>
      <c r="AL5180" s="206"/>
      <c r="AM5180" s="143"/>
      <c r="AN5180" s="137"/>
      <c r="AO5180" s="137"/>
      <c r="AP5180" s="137"/>
      <c r="AQ5180" s="137"/>
      <c r="AR5180" s="137"/>
      <c r="AS5180" s="137"/>
      <c r="AT5180" s="137"/>
      <c r="AU5180" s="137"/>
      <c r="AV5180" s="137"/>
      <c r="AW5180" s="144"/>
    </row>
    <row r="5181" spans="2:49" x14ac:dyDescent="0.2">
      <c r="B5181" s="97"/>
      <c r="J5181" s="98"/>
      <c r="K5181" s="97"/>
      <c r="N5181" s="3"/>
      <c r="W5181" s="98"/>
      <c r="Z5181" s="143"/>
      <c r="AA5181" s="137"/>
      <c r="AB5181" s="137"/>
      <c r="AC5181" s="137"/>
      <c r="AD5181" s="137"/>
      <c r="AE5181" s="137"/>
      <c r="AF5181" s="137"/>
      <c r="AG5181" s="137"/>
      <c r="AH5181" s="137"/>
      <c r="AI5181" s="137"/>
      <c r="AJ5181" s="137"/>
      <c r="AK5181" s="206"/>
      <c r="AL5181" s="206"/>
      <c r="AM5181" s="143"/>
      <c r="AN5181" s="137"/>
      <c r="AO5181" s="137"/>
      <c r="AP5181" s="137"/>
      <c r="AQ5181" s="137"/>
      <c r="AR5181" s="137"/>
      <c r="AS5181" s="137"/>
      <c r="AT5181" s="137"/>
      <c r="AU5181" s="137"/>
      <c r="AV5181" s="137"/>
      <c r="AW5181" s="144"/>
    </row>
    <row r="5182" spans="2:49" x14ac:dyDescent="0.2">
      <c r="B5182" s="97"/>
      <c r="J5182" s="98"/>
      <c r="K5182" s="97"/>
      <c r="N5182" s="3"/>
      <c r="W5182" s="98"/>
      <c r="Z5182" s="143"/>
      <c r="AA5182" s="137"/>
      <c r="AB5182" s="137"/>
      <c r="AC5182" s="137"/>
      <c r="AD5182" s="137"/>
      <c r="AE5182" s="137"/>
      <c r="AF5182" s="137"/>
      <c r="AG5182" s="137"/>
      <c r="AH5182" s="137"/>
      <c r="AI5182" s="137"/>
      <c r="AJ5182" s="137"/>
      <c r="AK5182" s="206"/>
      <c r="AL5182" s="206"/>
      <c r="AM5182" s="143"/>
      <c r="AN5182" s="137"/>
      <c r="AO5182" s="137"/>
      <c r="AP5182" s="137"/>
      <c r="AQ5182" s="137"/>
      <c r="AR5182" s="137"/>
      <c r="AS5182" s="137"/>
      <c r="AT5182" s="137"/>
      <c r="AU5182" s="137"/>
      <c r="AV5182" s="137"/>
      <c r="AW5182" s="144"/>
    </row>
    <row r="5183" spans="2:49" x14ac:dyDescent="0.2">
      <c r="B5183" s="97"/>
      <c r="J5183" s="98"/>
      <c r="K5183" s="97"/>
      <c r="N5183" s="3"/>
      <c r="W5183" s="98"/>
      <c r="Z5183" s="143"/>
      <c r="AA5183" s="137"/>
      <c r="AB5183" s="137"/>
      <c r="AC5183" s="137"/>
      <c r="AD5183" s="137"/>
      <c r="AE5183" s="137"/>
      <c r="AF5183" s="137"/>
      <c r="AG5183" s="137"/>
      <c r="AH5183" s="137"/>
      <c r="AI5183" s="137"/>
      <c r="AJ5183" s="137"/>
      <c r="AK5183" s="206"/>
      <c r="AL5183" s="206"/>
      <c r="AM5183" s="143"/>
      <c r="AN5183" s="137"/>
      <c r="AO5183" s="137"/>
      <c r="AP5183" s="137"/>
      <c r="AQ5183" s="137"/>
      <c r="AR5183" s="137"/>
      <c r="AS5183" s="137"/>
      <c r="AT5183" s="137"/>
      <c r="AU5183" s="137"/>
      <c r="AV5183" s="137"/>
      <c r="AW5183" s="144"/>
    </row>
    <row r="5184" spans="2:49" x14ac:dyDescent="0.2">
      <c r="B5184" s="97"/>
      <c r="J5184" s="98"/>
      <c r="K5184" s="97"/>
      <c r="N5184" s="3"/>
      <c r="W5184" s="98"/>
      <c r="Z5184" s="143"/>
      <c r="AA5184" s="137"/>
      <c r="AB5184" s="137"/>
      <c r="AC5184" s="137"/>
      <c r="AD5184" s="137"/>
      <c r="AE5184" s="137"/>
      <c r="AF5184" s="137"/>
      <c r="AG5184" s="137"/>
      <c r="AH5184" s="137"/>
      <c r="AI5184" s="137"/>
      <c r="AJ5184" s="137"/>
      <c r="AK5184" s="206"/>
      <c r="AL5184" s="206"/>
      <c r="AM5184" s="143"/>
      <c r="AN5184" s="137"/>
      <c r="AO5184" s="137"/>
      <c r="AP5184" s="137"/>
      <c r="AQ5184" s="137"/>
      <c r="AR5184" s="137"/>
      <c r="AS5184" s="137"/>
      <c r="AT5184" s="137"/>
      <c r="AU5184" s="137"/>
      <c r="AV5184" s="137"/>
      <c r="AW5184" s="144"/>
    </row>
    <row r="5185" spans="2:49" x14ac:dyDescent="0.2">
      <c r="B5185" s="97"/>
      <c r="J5185" s="98"/>
      <c r="K5185" s="97"/>
      <c r="N5185" s="3"/>
      <c r="W5185" s="98"/>
      <c r="Z5185" s="143"/>
      <c r="AA5185" s="137"/>
      <c r="AB5185" s="137"/>
      <c r="AC5185" s="137"/>
      <c r="AD5185" s="137"/>
      <c r="AE5185" s="137"/>
      <c r="AF5185" s="137"/>
      <c r="AG5185" s="137"/>
      <c r="AH5185" s="137"/>
      <c r="AI5185" s="137"/>
      <c r="AJ5185" s="137"/>
      <c r="AK5185" s="206"/>
      <c r="AL5185" s="206"/>
      <c r="AM5185" s="143"/>
      <c r="AN5185" s="137"/>
      <c r="AO5185" s="137"/>
      <c r="AP5185" s="137"/>
      <c r="AQ5185" s="137"/>
      <c r="AR5185" s="137"/>
      <c r="AS5185" s="137"/>
      <c r="AT5185" s="137"/>
      <c r="AU5185" s="137"/>
      <c r="AV5185" s="137"/>
      <c r="AW5185" s="144"/>
    </row>
    <row r="5186" spans="2:49" x14ac:dyDescent="0.2">
      <c r="B5186" s="97"/>
      <c r="J5186" s="98"/>
      <c r="K5186" s="97"/>
      <c r="N5186" s="3"/>
      <c r="W5186" s="98"/>
      <c r="Z5186" s="143"/>
      <c r="AA5186" s="137"/>
      <c r="AB5186" s="137"/>
      <c r="AC5186" s="137"/>
      <c r="AD5186" s="137"/>
      <c r="AE5186" s="137"/>
      <c r="AF5186" s="137"/>
      <c r="AG5186" s="137"/>
      <c r="AH5186" s="137"/>
      <c r="AI5186" s="137"/>
      <c r="AJ5186" s="137"/>
      <c r="AK5186" s="206"/>
      <c r="AL5186" s="206"/>
      <c r="AM5186" s="143"/>
      <c r="AN5186" s="137"/>
      <c r="AO5186" s="137"/>
      <c r="AP5186" s="137"/>
      <c r="AQ5186" s="137"/>
      <c r="AR5186" s="137"/>
      <c r="AS5186" s="137"/>
      <c r="AT5186" s="137"/>
      <c r="AU5186" s="137"/>
      <c r="AV5186" s="137"/>
      <c r="AW5186" s="144"/>
    </row>
    <row r="5187" spans="2:49" x14ac:dyDescent="0.2">
      <c r="B5187" s="97"/>
      <c r="J5187" s="98"/>
      <c r="K5187" s="97"/>
      <c r="N5187" s="3"/>
      <c r="W5187" s="98"/>
      <c r="Z5187" s="143"/>
      <c r="AA5187" s="137"/>
      <c r="AB5187" s="137"/>
      <c r="AC5187" s="137"/>
      <c r="AD5187" s="137"/>
      <c r="AE5187" s="137"/>
      <c r="AF5187" s="137"/>
      <c r="AG5187" s="137"/>
      <c r="AH5187" s="137"/>
      <c r="AI5187" s="137"/>
      <c r="AJ5187" s="137"/>
      <c r="AK5187" s="206"/>
      <c r="AL5187" s="206"/>
      <c r="AM5187" s="143"/>
      <c r="AN5187" s="137"/>
      <c r="AO5187" s="137"/>
      <c r="AP5187" s="137"/>
      <c r="AQ5187" s="137"/>
      <c r="AR5187" s="137"/>
      <c r="AS5187" s="137"/>
      <c r="AT5187" s="137"/>
      <c r="AU5187" s="137"/>
      <c r="AV5187" s="137"/>
      <c r="AW5187" s="144"/>
    </row>
    <row r="5188" spans="2:49" x14ac:dyDescent="0.2">
      <c r="B5188" s="97"/>
      <c r="J5188" s="98"/>
      <c r="K5188" s="97"/>
      <c r="N5188" s="3"/>
      <c r="W5188" s="98"/>
      <c r="Z5188" s="143"/>
      <c r="AA5188" s="137"/>
      <c r="AB5188" s="137"/>
      <c r="AC5188" s="137"/>
      <c r="AD5188" s="137"/>
      <c r="AE5188" s="137"/>
      <c r="AF5188" s="137"/>
      <c r="AG5188" s="137"/>
      <c r="AH5188" s="137"/>
      <c r="AI5188" s="137"/>
      <c r="AJ5188" s="137"/>
      <c r="AK5188" s="206"/>
      <c r="AL5188" s="206"/>
      <c r="AM5188" s="143"/>
      <c r="AN5188" s="137"/>
      <c r="AO5188" s="137"/>
      <c r="AP5188" s="137"/>
      <c r="AQ5188" s="137"/>
      <c r="AR5188" s="137"/>
      <c r="AS5188" s="137"/>
      <c r="AT5188" s="137"/>
      <c r="AU5188" s="137"/>
      <c r="AV5188" s="137"/>
      <c r="AW5188" s="144"/>
    </row>
    <row r="5189" spans="2:49" x14ac:dyDescent="0.2">
      <c r="B5189" s="97"/>
      <c r="J5189" s="98"/>
      <c r="K5189" s="97"/>
      <c r="N5189" s="3"/>
      <c r="W5189" s="98"/>
      <c r="Z5189" s="143"/>
      <c r="AA5189" s="137"/>
      <c r="AB5189" s="137"/>
      <c r="AC5189" s="137"/>
      <c r="AD5189" s="137"/>
      <c r="AE5189" s="137"/>
      <c r="AF5189" s="137"/>
      <c r="AG5189" s="137"/>
      <c r="AH5189" s="137"/>
      <c r="AI5189" s="137"/>
      <c r="AJ5189" s="137"/>
      <c r="AK5189" s="206"/>
      <c r="AL5189" s="206"/>
      <c r="AM5189" s="143"/>
      <c r="AN5189" s="137"/>
      <c r="AO5189" s="137"/>
      <c r="AP5189" s="137"/>
      <c r="AQ5189" s="137"/>
      <c r="AR5189" s="137"/>
      <c r="AS5189" s="137"/>
      <c r="AT5189" s="137"/>
      <c r="AU5189" s="137"/>
      <c r="AV5189" s="137"/>
      <c r="AW5189" s="144"/>
    </row>
    <row r="5190" spans="2:49" x14ac:dyDescent="0.2">
      <c r="B5190" s="97"/>
      <c r="J5190" s="98"/>
      <c r="K5190" s="97"/>
      <c r="N5190" s="3"/>
      <c r="W5190" s="98"/>
      <c r="Z5190" s="143"/>
      <c r="AA5190" s="137"/>
      <c r="AB5190" s="137"/>
      <c r="AC5190" s="137"/>
      <c r="AD5190" s="137"/>
      <c r="AE5190" s="137"/>
      <c r="AF5190" s="137"/>
      <c r="AG5190" s="137"/>
      <c r="AH5190" s="137"/>
      <c r="AI5190" s="137"/>
      <c r="AJ5190" s="137"/>
      <c r="AK5190" s="206"/>
      <c r="AL5190" s="206"/>
      <c r="AM5190" s="143"/>
      <c r="AN5190" s="137"/>
      <c r="AO5190" s="137"/>
      <c r="AP5190" s="137"/>
      <c r="AQ5190" s="137"/>
      <c r="AR5190" s="137"/>
      <c r="AS5190" s="137"/>
      <c r="AT5190" s="137"/>
      <c r="AU5190" s="137"/>
      <c r="AV5190" s="137"/>
      <c r="AW5190" s="144"/>
    </row>
    <row r="5191" spans="2:49" x14ac:dyDescent="0.2">
      <c r="B5191" s="97"/>
      <c r="J5191" s="98"/>
      <c r="K5191" s="97"/>
      <c r="N5191" s="3"/>
      <c r="W5191" s="98"/>
      <c r="Z5191" s="143"/>
      <c r="AA5191" s="137"/>
      <c r="AB5191" s="137"/>
      <c r="AC5191" s="137"/>
      <c r="AD5191" s="137"/>
      <c r="AE5191" s="137"/>
      <c r="AF5191" s="137"/>
      <c r="AG5191" s="137"/>
      <c r="AH5191" s="137"/>
      <c r="AI5191" s="137"/>
      <c r="AJ5191" s="137"/>
      <c r="AK5191" s="206"/>
      <c r="AL5191" s="206"/>
      <c r="AM5191" s="143"/>
      <c r="AN5191" s="137"/>
      <c r="AO5191" s="137"/>
      <c r="AP5191" s="137"/>
      <c r="AQ5191" s="137"/>
      <c r="AR5191" s="137"/>
      <c r="AS5191" s="137"/>
      <c r="AT5191" s="137"/>
      <c r="AU5191" s="137"/>
      <c r="AV5191" s="137"/>
      <c r="AW5191" s="144"/>
    </row>
    <row r="5192" spans="2:49" x14ac:dyDescent="0.2">
      <c r="B5192" s="97"/>
      <c r="J5192" s="98"/>
      <c r="K5192" s="97"/>
      <c r="N5192" s="3"/>
      <c r="W5192" s="98"/>
      <c r="Z5192" s="143"/>
      <c r="AA5192" s="137"/>
      <c r="AB5192" s="137"/>
      <c r="AC5192" s="137"/>
      <c r="AD5192" s="137"/>
      <c r="AE5192" s="137"/>
      <c r="AF5192" s="137"/>
      <c r="AG5192" s="137"/>
      <c r="AH5192" s="137"/>
      <c r="AI5192" s="137"/>
      <c r="AJ5192" s="137"/>
      <c r="AK5192" s="206"/>
      <c r="AL5192" s="206"/>
      <c r="AM5192" s="143"/>
      <c r="AN5192" s="137"/>
      <c r="AO5192" s="137"/>
      <c r="AP5192" s="137"/>
      <c r="AQ5192" s="137"/>
      <c r="AR5192" s="137"/>
      <c r="AS5192" s="137"/>
      <c r="AT5192" s="137"/>
      <c r="AU5192" s="137"/>
      <c r="AV5192" s="137"/>
      <c r="AW5192" s="144"/>
    </row>
    <row r="5193" spans="2:49" x14ac:dyDescent="0.2">
      <c r="B5193" s="97"/>
      <c r="J5193" s="98"/>
      <c r="K5193" s="97"/>
      <c r="N5193" s="3"/>
      <c r="W5193" s="98"/>
      <c r="Z5193" s="143"/>
      <c r="AA5193" s="137"/>
      <c r="AB5193" s="137"/>
      <c r="AC5193" s="137"/>
      <c r="AD5193" s="137"/>
      <c r="AE5193" s="137"/>
      <c r="AF5193" s="137"/>
      <c r="AG5193" s="137"/>
      <c r="AH5193" s="137"/>
      <c r="AI5193" s="137"/>
      <c r="AJ5193" s="137"/>
      <c r="AK5193" s="206"/>
      <c r="AL5193" s="206"/>
      <c r="AM5193" s="143"/>
      <c r="AN5193" s="137"/>
      <c r="AO5193" s="137"/>
      <c r="AP5193" s="137"/>
      <c r="AQ5193" s="137"/>
      <c r="AR5193" s="137"/>
      <c r="AS5193" s="137"/>
      <c r="AT5193" s="137"/>
      <c r="AU5193" s="137"/>
      <c r="AV5193" s="137"/>
      <c r="AW5193" s="144"/>
    </row>
    <row r="5194" spans="2:49" x14ac:dyDescent="0.2">
      <c r="B5194" s="97"/>
      <c r="J5194" s="98"/>
      <c r="K5194" s="97"/>
      <c r="N5194" s="3"/>
      <c r="W5194" s="98"/>
      <c r="Z5194" s="143"/>
      <c r="AA5194" s="137"/>
      <c r="AB5194" s="137"/>
      <c r="AC5194" s="137"/>
      <c r="AD5194" s="137"/>
      <c r="AE5194" s="137"/>
      <c r="AF5194" s="137"/>
      <c r="AG5194" s="137"/>
      <c r="AH5194" s="137"/>
      <c r="AI5194" s="137"/>
      <c r="AJ5194" s="137"/>
      <c r="AK5194" s="206"/>
      <c r="AL5194" s="206"/>
      <c r="AM5194" s="143"/>
      <c r="AN5194" s="137"/>
      <c r="AO5194" s="137"/>
      <c r="AP5194" s="137"/>
      <c r="AQ5194" s="137"/>
      <c r="AR5194" s="137"/>
      <c r="AS5194" s="137"/>
      <c r="AT5194" s="137"/>
      <c r="AU5194" s="137"/>
      <c r="AV5194" s="137"/>
      <c r="AW5194" s="144"/>
    </row>
    <row r="5195" spans="2:49" x14ac:dyDescent="0.2">
      <c r="B5195" s="97"/>
      <c r="J5195" s="98"/>
      <c r="K5195" s="97"/>
      <c r="N5195" s="3"/>
      <c r="W5195" s="98"/>
      <c r="Z5195" s="143"/>
      <c r="AA5195" s="137"/>
      <c r="AB5195" s="137"/>
      <c r="AC5195" s="137"/>
      <c r="AD5195" s="137"/>
      <c r="AE5195" s="137"/>
      <c r="AF5195" s="137"/>
      <c r="AG5195" s="137"/>
      <c r="AH5195" s="137"/>
      <c r="AI5195" s="137"/>
      <c r="AJ5195" s="137"/>
      <c r="AK5195" s="206"/>
      <c r="AL5195" s="206"/>
      <c r="AM5195" s="143"/>
      <c r="AN5195" s="137"/>
      <c r="AO5195" s="137"/>
      <c r="AP5195" s="137"/>
      <c r="AQ5195" s="137"/>
      <c r="AR5195" s="137"/>
      <c r="AS5195" s="137"/>
      <c r="AT5195" s="137"/>
      <c r="AU5195" s="137"/>
      <c r="AV5195" s="137"/>
      <c r="AW5195" s="144"/>
    </row>
    <row r="5196" spans="2:49" x14ac:dyDescent="0.2">
      <c r="B5196" s="97"/>
      <c r="J5196" s="98"/>
      <c r="K5196" s="97"/>
      <c r="N5196" s="3"/>
      <c r="W5196" s="98"/>
      <c r="Z5196" s="143"/>
      <c r="AA5196" s="137"/>
      <c r="AB5196" s="137"/>
      <c r="AC5196" s="137"/>
      <c r="AD5196" s="137"/>
      <c r="AE5196" s="137"/>
      <c r="AF5196" s="137"/>
      <c r="AG5196" s="137"/>
      <c r="AH5196" s="137"/>
      <c r="AI5196" s="137"/>
      <c r="AJ5196" s="137"/>
      <c r="AK5196" s="206"/>
      <c r="AL5196" s="206"/>
      <c r="AM5196" s="143"/>
      <c r="AN5196" s="137"/>
      <c r="AO5196" s="137"/>
      <c r="AP5196" s="137"/>
      <c r="AQ5196" s="137"/>
      <c r="AR5196" s="137"/>
      <c r="AS5196" s="137"/>
      <c r="AT5196" s="137"/>
      <c r="AU5196" s="137"/>
      <c r="AV5196" s="137"/>
      <c r="AW5196" s="144"/>
    </row>
    <row r="5197" spans="2:49" x14ac:dyDescent="0.2">
      <c r="B5197" s="97"/>
      <c r="J5197" s="98"/>
      <c r="K5197" s="97"/>
      <c r="N5197" s="3"/>
      <c r="W5197" s="98"/>
      <c r="Z5197" s="143"/>
      <c r="AA5197" s="137"/>
      <c r="AB5197" s="137"/>
      <c r="AC5197" s="137"/>
      <c r="AD5197" s="137"/>
      <c r="AE5197" s="137"/>
      <c r="AF5197" s="137"/>
      <c r="AG5197" s="137"/>
      <c r="AH5197" s="137"/>
      <c r="AI5197" s="137"/>
      <c r="AJ5197" s="137"/>
      <c r="AK5197" s="206"/>
      <c r="AL5197" s="206"/>
      <c r="AM5197" s="143"/>
      <c r="AN5197" s="137"/>
      <c r="AO5197" s="137"/>
      <c r="AP5197" s="137"/>
      <c r="AQ5197" s="137"/>
      <c r="AR5197" s="137"/>
      <c r="AS5197" s="137"/>
      <c r="AT5197" s="137"/>
      <c r="AU5197" s="137"/>
      <c r="AV5197" s="137"/>
      <c r="AW5197" s="144"/>
    </row>
    <row r="5198" spans="2:49" x14ac:dyDescent="0.2">
      <c r="B5198" s="97"/>
      <c r="J5198" s="98"/>
      <c r="K5198" s="97"/>
      <c r="N5198" s="3"/>
      <c r="W5198" s="98"/>
      <c r="Z5198" s="143"/>
      <c r="AA5198" s="137"/>
      <c r="AB5198" s="137"/>
      <c r="AC5198" s="137"/>
      <c r="AD5198" s="137"/>
      <c r="AE5198" s="137"/>
      <c r="AF5198" s="137"/>
      <c r="AG5198" s="137"/>
      <c r="AH5198" s="137"/>
      <c r="AI5198" s="137"/>
      <c r="AJ5198" s="137"/>
      <c r="AK5198" s="206"/>
      <c r="AL5198" s="206"/>
      <c r="AM5198" s="143"/>
      <c r="AN5198" s="137"/>
      <c r="AO5198" s="137"/>
      <c r="AP5198" s="137"/>
      <c r="AQ5198" s="137"/>
      <c r="AR5198" s="137"/>
      <c r="AS5198" s="137"/>
      <c r="AT5198" s="137"/>
      <c r="AU5198" s="137"/>
      <c r="AV5198" s="137"/>
      <c r="AW5198" s="144"/>
    </row>
    <row r="5199" spans="2:49" x14ac:dyDescent="0.2">
      <c r="B5199" s="97"/>
      <c r="J5199" s="98"/>
      <c r="K5199" s="97"/>
      <c r="N5199" s="3"/>
      <c r="W5199" s="98"/>
      <c r="Z5199" s="143"/>
      <c r="AA5199" s="137"/>
      <c r="AB5199" s="137"/>
      <c r="AC5199" s="137"/>
      <c r="AD5199" s="137"/>
      <c r="AE5199" s="137"/>
      <c r="AF5199" s="137"/>
      <c r="AG5199" s="137"/>
      <c r="AH5199" s="137"/>
      <c r="AI5199" s="137"/>
      <c r="AJ5199" s="137"/>
      <c r="AK5199" s="206"/>
      <c r="AL5199" s="206"/>
      <c r="AM5199" s="143"/>
      <c r="AN5199" s="137"/>
      <c r="AO5199" s="137"/>
      <c r="AP5199" s="137"/>
      <c r="AQ5199" s="137"/>
      <c r="AR5199" s="137"/>
      <c r="AS5199" s="137"/>
      <c r="AT5199" s="137"/>
      <c r="AU5199" s="137"/>
      <c r="AV5199" s="137"/>
      <c r="AW5199" s="144"/>
    </row>
    <row r="5200" spans="2:49" x14ac:dyDescent="0.2">
      <c r="B5200" s="97"/>
      <c r="J5200" s="98"/>
      <c r="K5200" s="97"/>
      <c r="N5200" s="3"/>
      <c r="W5200" s="98"/>
      <c r="Z5200" s="143"/>
      <c r="AA5200" s="137"/>
      <c r="AB5200" s="137"/>
      <c r="AC5200" s="137"/>
      <c r="AD5200" s="137"/>
      <c r="AE5200" s="137"/>
      <c r="AF5200" s="137"/>
      <c r="AG5200" s="137"/>
      <c r="AH5200" s="137"/>
      <c r="AI5200" s="137"/>
      <c r="AJ5200" s="137"/>
      <c r="AK5200" s="206"/>
      <c r="AL5200" s="206"/>
      <c r="AM5200" s="143"/>
      <c r="AN5200" s="137"/>
      <c r="AO5200" s="137"/>
      <c r="AP5200" s="137"/>
      <c r="AQ5200" s="137"/>
      <c r="AR5200" s="137"/>
      <c r="AS5200" s="137"/>
      <c r="AT5200" s="137"/>
      <c r="AU5200" s="137"/>
      <c r="AV5200" s="137"/>
      <c r="AW5200" s="144"/>
    </row>
    <row r="5201" spans="2:49" x14ac:dyDescent="0.2">
      <c r="B5201" s="97"/>
      <c r="J5201" s="98"/>
      <c r="K5201" s="97"/>
      <c r="N5201" s="3"/>
      <c r="W5201" s="98"/>
      <c r="Z5201" s="143"/>
      <c r="AA5201" s="137"/>
      <c r="AB5201" s="137"/>
      <c r="AC5201" s="137"/>
      <c r="AD5201" s="137"/>
      <c r="AE5201" s="137"/>
      <c r="AF5201" s="137"/>
      <c r="AG5201" s="137"/>
      <c r="AH5201" s="137"/>
      <c r="AI5201" s="137"/>
      <c r="AJ5201" s="137"/>
      <c r="AK5201" s="206"/>
      <c r="AL5201" s="206"/>
      <c r="AM5201" s="143"/>
      <c r="AN5201" s="137"/>
      <c r="AO5201" s="137"/>
      <c r="AP5201" s="137"/>
      <c r="AQ5201" s="137"/>
      <c r="AR5201" s="137"/>
      <c r="AS5201" s="137"/>
      <c r="AT5201" s="137"/>
      <c r="AU5201" s="137"/>
      <c r="AV5201" s="137"/>
      <c r="AW5201" s="144"/>
    </row>
    <row r="5202" spans="2:49" x14ac:dyDescent="0.2">
      <c r="B5202" s="97"/>
      <c r="J5202" s="98"/>
      <c r="K5202" s="97"/>
      <c r="N5202" s="3"/>
      <c r="W5202" s="98"/>
      <c r="Z5202" s="143"/>
      <c r="AA5202" s="137"/>
      <c r="AB5202" s="137"/>
      <c r="AC5202" s="137"/>
      <c r="AD5202" s="137"/>
      <c r="AE5202" s="137"/>
      <c r="AF5202" s="137"/>
      <c r="AG5202" s="137"/>
      <c r="AH5202" s="137"/>
      <c r="AI5202" s="137"/>
      <c r="AJ5202" s="137"/>
      <c r="AK5202" s="206"/>
      <c r="AL5202" s="206"/>
      <c r="AM5202" s="143"/>
      <c r="AN5202" s="137"/>
      <c r="AO5202" s="137"/>
      <c r="AP5202" s="137"/>
      <c r="AQ5202" s="137"/>
      <c r="AR5202" s="137"/>
      <c r="AS5202" s="137"/>
      <c r="AT5202" s="137"/>
      <c r="AU5202" s="137"/>
      <c r="AV5202" s="137"/>
      <c r="AW5202" s="144"/>
    </row>
    <row r="5203" spans="2:49" x14ac:dyDescent="0.2">
      <c r="B5203" s="97"/>
      <c r="J5203" s="98"/>
      <c r="K5203" s="97"/>
      <c r="N5203" s="3"/>
      <c r="W5203" s="98"/>
      <c r="Z5203" s="143"/>
      <c r="AA5203" s="137"/>
      <c r="AB5203" s="137"/>
      <c r="AC5203" s="137"/>
      <c r="AD5203" s="137"/>
      <c r="AE5203" s="137"/>
      <c r="AF5203" s="137"/>
      <c r="AG5203" s="137"/>
      <c r="AH5203" s="137"/>
      <c r="AI5203" s="137"/>
      <c r="AJ5203" s="137"/>
      <c r="AK5203" s="206"/>
      <c r="AL5203" s="206"/>
      <c r="AM5203" s="143"/>
      <c r="AN5203" s="137"/>
      <c r="AO5203" s="137"/>
      <c r="AP5203" s="137"/>
      <c r="AQ5203" s="137"/>
      <c r="AR5203" s="137"/>
      <c r="AS5203" s="137"/>
      <c r="AT5203" s="137"/>
      <c r="AU5203" s="137"/>
      <c r="AV5203" s="137"/>
      <c r="AW5203" s="144"/>
    </row>
    <row r="5204" spans="2:49" x14ac:dyDescent="0.2">
      <c r="B5204" s="97"/>
      <c r="J5204" s="98"/>
      <c r="K5204" s="97"/>
      <c r="N5204" s="3"/>
      <c r="W5204" s="98"/>
      <c r="Z5204" s="143"/>
      <c r="AA5204" s="137"/>
      <c r="AB5204" s="137"/>
      <c r="AC5204" s="137"/>
      <c r="AD5204" s="137"/>
      <c r="AE5204" s="137"/>
      <c r="AF5204" s="137"/>
      <c r="AG5204" s="137"/>
      <c r="AH5204" s="137"/>
      <c r="AI5204" s="137"/>
      <c r="AJ5204" s="137"/>
      <c r="AK5204" s="206"/>
      <c r="AL5204" s="206"/>
      <c r="AM5204" s="143"/>
      <c r="AN5204" s="137"/>
      <c r="AO5204" s="137"/>
      <c r="AP5204" s="137"/>
      <c r="AQ5204" s="137"/>
      <c r="AR5204" s="137"/>
      <c r="AS5204" s="137"/>
      <c r="AT5204" s="137"/>
      <c r="AU5204" s="137"/>
      <c r="AV5204" s="137"/>
      <c r="AW5204" s="144"/>
    </row>
    <row r="5205" spans="2:49" x14ac:dyDescent="0.2">
      <c r="B5205" s="97"/>
      <c r="J5205" s="98"/>
      <c r="K5205" s="97"/>
      <c r="N5205" s="3"/>
      <c r="W5205" s="98"/>
      <c r="Z5205" s="143"/>
      <c r="AA5205" s="137"/>
      <c r="AB5205" s="137"/>
      <c r="AC5205" s="137"/>
      <c r="AD5205" s="137"/>
      <c r="AE5205" s="137"/>
      <c r="AF5205" s="137"/>
      <c r="AG5205" s="137"/>
      <c r="AH5205" s="137"/>
      <c r="AI5205" s="137"/>
      <c r="AJ5205" s="137"/>
      <c r="AK5205" s="206"/>
      <c r="AL5205" s="206"/>
      <c r="AM5205" s="143"/>
      <c r="AN5205" s="137"/>
      <c r="AO5205" s="137"/>
      <c r="AP5205" s="137"/>
      <c r="AQ5205" s="137"/>
      <c r="AR5205" s="137"/>
      <c r="AS5205" s="137"/>
      <c r="AT5205" s="137"/>
      <c r="AU5205" s="137"/>
      <c r="AV5205" s="137"/>
      <c r="AW5205" s="144"/>
    </row>
    <row r="5206" spans="2:49" x14ac:dyDescent="0.2">
      <c r="B5206" s="97"/>
      <c r="J5206" s="98"/>
      <c r="K5206" s="97"/>
      <c r="N5206" s="3"/>
      <c r="W5206" s="98"/>
      <c r="Z5206" s="143"/>
      <c r="AA5206" s="137"/>
      <c r="AB5206" s="137"/>
      <c r="AC5206" s="137"/>
      <c r="AD5206" s="137"/>
      <c r="AE5206" s="137"/>
      <c r="AF5206" s="137"/>
      <c r="AG5206" s="137"/>
      <c r="AH5206" s="137"/>
      <c r="AI5206" s="137"/>
      <c r="AJ5206" s="137"/>
      <c r="AK5206" s="206"/>
      <c r="AL5206" s="206"/>
      <c r="AM5206" s="143"/>
      <c r="AN5206" s="137"/>
      <c r="AO5206" s="137"/>
      <c r="AP5206" s="137"/>
      <c r="AQ5206" s="137"/>
      <c r="AR5206" s="137"/>
      <c r="AS5206" s="137"/>
      <c r="AT5206" s="137"/>
      <c r="AU5206" s="137"/>
      <c r="AV5206" s="137"/>
      <c r="AW5206" s="144"/>
    </row>
    <row r="5207" spans="2:49" x14ac:dyDescent="0.2">
      <c r="B5207" s="97"/>
      <c r="J5207" s="98"/>
      <c r="K5207" s="97"/>
      <c r="N5207" s="3"/>
      <c r="W5207" s="98"/>
      <c r="Z5207" s="143"/>
      <c r="AA5207" s="137"/>
      <c r="AB5207" s="137"/>
      <c r="AC5207" s="137"/>
      <c r="AD5207" s="137"/>
      <c r="AE5207" s="137"/>
      <c r="AF5207" s="137"/>
      <c r="AG5207" s="137"/>
      <c r="AH5207" s="137"/>
      <c r="AI5207" s="137"/>
      <c r="AJ5207" s="137"/>
      <c r="AK5207" s="206"/>
      <c r="AL5207" s="206"/>
      <c r="AM5207" s="143"/>
      <c r="AN5207" s="137"/>
      <c r="AO5207" s="137"/>
      <c r="AP5207" s="137"/>
      <c r="AQ5207" s="137"/>
      <c r="AR5207" s="137"/>
      <c r="AS5207" s="137"/>
      <c r="AT5207" s="137"/>
      <c r="AU5207" s="137"/>
      <c r="AV5207" s="137"/>
      <c r="AW5207" s="144"/>
    </row>
    <row r="5208" spans="2:49" x14ac:dyDescent="0.2">
      <c r="B5208" s="97"/>
      <c r="J5208" s="98"/>
      <c r="K5208" s="97"/>
      <c r="N5208" s="3"/>
      <c r="W5208" s="98"/>
      <c r="Z5208" s="143"/>
      <c r="AA5208" s="137"/>
      <c r="AB5208" s="137"/>
      <c r="AC5208" s="137"/>
      <c r="AD5208" s="137"/>
      <c r="AE5208" s="137"/>
      <c r="AF5208" s="137"/>
      <c r="AG5208" s="137"/>
      <c r="AH5208" s="137"/>
      <c r="AI5208" s="137"/>
      <c r="AJ5208" s="137"/>
      <c r="AK5208" s="206"/>
      <c r="AL5208" s="206"/>
      <c r="AM5208" s="143"/>
      <c r="AN5208" s="137"/>
      <c r="AO5208" s="137"/>
      <c r="AP5208" s="137"/>
      <c r="AQ5208" s="137"/>
      <c r="AR5208" s="137"/>
      <c r="AS5208" s="137"/>
      <c r="AT5208" s="137"/>
      <c r="AU5208" s="137"/>
      <c r="AV5208" s="137"/>
      <c r="AW5208" s="144"/>
    </row>
    <row r="5209" spans="2:49" x14ac:dyDescent="0.2">
      <c r="B5209" s="97"/>
      <c r="J5209" s="98"/>
      <c r="K5209" s="97"/>
      <c r="N5209" s="3"/>
      <c r="W5209" s="98"/>
      <c r="Z5209" s="143"/>
      <c r="AA5209" s="137"/>
      <c r="AB5209" s="137"/>
      <c r="AC5209" s="137"/>
      <c r="AD5209" s="137"/>
      <c r="AE5209" s="137"/>
      <c r="AF5209" s="137"/>
      <c r="AG5209" s="137"/>
      <c r="AH5209" s="137"/>
      <c r="AI5209" s="137"/>
      <c r="AJ5209" s="137"/>
      <c r="AK5209" s="206"/>
      <c r="AL5209" s="206"/>
      <c r="AM5209" s="143"/>
      <c r="AN5209" s="137"/>
      <c r="AO5209" s="137"/>
      <c r="AP5209" s="137"/>
      <c r="AQ5209" s="137"/>
      <c r="AR5209" s="137"/>
      <c r="AS5209" s="137"/>
      <c r="AT5209" s="137"/>
      <c r="AU5209" s="137"/>
      <c r="AV5209" s="137"/>
      <c r="AW5209" s="144"/>
    </row>
    <row r="5210" spans="2:49" x14ac:dyDescent="0.2">
      <c r="B5210" s="97"/>
      <c r="J5210" s="98"/>
      <c r="K5210" s="97"/>
      <c r="N5210" s="3"/>
      <c r="W5210" s="98"/>
      <c r="Z5210" s="143"/>
      <c r="AA5210" s="137"/>
      <c r="AB5210" s="137"/>
      <c r="AC5210" s="137"/>
      <c r="AD5210" s="137"/>
      <c r="AE5210" s="137"/>
      <c r="AF5210" s="137"/>
      <c r="AG5210" s="137"/>
      <c r="AH5210" s="137"/>
      <c r="AI5210" s="137"/>
      <c r="AJ5210" s="137"/>
      <c r="AK5210" s="206"/>
      <c r="AL5210" s="206"/>
      <c r="AM5210" s="143"/>
      <c r="AN5210" s="137"/>
      <c r="AO5210" s="137"/>
      <c r="AP5210" s="137"/>
      <c r="AQ5210" s="137"/>
      <c r="AR5210" s="137"/>
      <c r="AS5210" s="137"/>
      <c r="AT5210" s="137"/>
      <c r="AU5210" s="137"/>
      <c r="AV5210" s="137"/>
      <c r="AW5210" s="144"/>
    </row>
    <row r="5211" spans="2:49" x14ac:dyDescent="0.2">
      <c r="B5211" s="97"/>
      <c r="J5211" s="98"/>
      <c r="K5211" s="97"/>
      <c r="N5211" s="3"/>
      <c r="W5211" s="98"/>
      <c r="Z5211" s="143"/>
      <c r="AA5211" s="137"/>
      <c r="AB5211" s="137"/>
      <c r="AC5211" s="137"/>
      <c r="AD5211" s="137"/>
      <c r="AE5211" s="137"/>
      <c r="AF5211" s="137"/>
      <c r="AG5211" s="137"/>
      <c r="AH5211" s="137"/>
      <c r="AI5211" s="137"/>
      <c r="AJ5211" s="137"/>
      <c r="AK5211" s="206"/>
      <c r="AL5211" s="206"/>
      <c r="AM5211" s="143"/>
      <c r="AN5211" s="137"/>
      <c r="AO5211" s="137"/>
      <c r="AP5211" s="137"/>
      <c r="AQ5211" s="137"/>
      <c r="AR5211" s="137"/>
      <c r="AS5211" s="137"/>
      <c r="AT5211" s="137"/>
      <c r="AU5211" s="137"/>
      <c r="AV5211" s="137"/>
      <c r="AW5211" s="144"/>
    </row>
    <row r="5212" spans="2:49" x14ac:dyDescent="0.2">
      <c r="B5212" s="97"/>
      <c r="J5212" s="98"/>
      <c r="K5212" s="97"/>
      <c r="N5212" s="3"/>
      <c r="W5212" s="98"/>
      <c r="Z5212" s="143"/>
      <c r="AA5212" s="137"/>
      <c r="AB5212" s="137"/>
      <c r="AC5212" s="137"/>
      <c r="AD5212" s="137"/>
      <c r="AE5212" s="137"/>
      <c r="AF5212" s="137"/>
      <c r="AG5212" s="137"/>
      <c r="AH5212" s="137"/>
      <c r="AI5212" s="137"/>
      <c r="AJ5212" s="137"/>
      <c r="AK5212" s="206"/>
      <c r="AL5212" s="206"/>
      <c r="AM5212" s="143"/>
      <c r="AN5212" s="137"/>
      <c r="AO5212" s="137"/>
      <c r="AP5212" s="137"/>
      <c r="AQ5212" s="137"/>
      <c r="AR5212" s="137"/>
      <c r="AS5212" s="137"/>
      <c r="AT5212" s="137"/>
      <c r="AU5212" s="137"/>
      <c r="AV5212" s="137"/>
      <c r="AW5212" s="144"/>
    </row>
    <row r="5213" spans="2:49" x14ac:dyDescent="0.2">
      <c r="B5213" s="97"/>
      <c r="J5213" s="98"/>
      <c r="K5213" s="97"/>
      <c r="N5213" s="3"/>
      <c r="W5213" s="98"/>
      <c r="Z5213" s="143"/>
      <c r="AA5213" s="137"/>
      <c r="AB5213" s="137"/>
      <c r="AC5213" s="137"/>
      <c r="AD5213" s="137"/>
      <c r="AE5213" s="137"/>
      <c r="AF5213" s="137"/>
      <c r="AG5213" s="137"/>
      <c r="AH5213" s="137"/>
      <c r="AI5213" s="137"/>
      <c r="AJ5213" s="137"/>
      <c r="AK5213" s="206"/>
      <c r="AL5213" s="206"/>
      <c r="AM5213" s="143"/>
      <c r="AN5213" s="137"/>
      <c r="AO5213" s="137"/>
      <c r="AP5213" s="137"/>
      <c r="AQ5213" s="137"/>
      <c r="AR5213" s="137"/>
      <c r="AS5213" s="137"/>
      <c r="AT5213" s="137"/>
      <c r="AU5213" s="137"/>
      <c r="AV5213" s="137"/>
      <c r="AW5213" s="144"/>
    </row>
    <row r="5214" spans="2:49" x14ac:dyDescent="0.2">
      <c r="B5214" s="97"/>
      <c r="J5214" s="98"/>
      <c r="K5214" s="97"/>
      <c r="N5214" s="3"/>
      <c r="W5214" s="98"/>
      <c r="Z5214" s="143"/>
      <c r="AA5214" s="137"/>
      <c r="AB5214" s="137"/>
      <c r="AC5214" s="137"/>
      <c r="AD5214" s="137"/>
      <c r="AE5214" s="137"/>
      <c r="AF5214" s="137"/>
      <c r="AG5214" s="137"/>
      <c r="AH5214" s="137"/>
      <c r="AI5214" s="137"/>
      <c r="AJ5214" s="137"/>
      <c r="AK5214" s="206"/>
      <c r="AL5214" s="206"/>
      <c r="AM5214" s="143"/>
      <c r="AN5214" s="137"/>
      <c r="AO5214" s="137"/>
      <c r="AP5214" s="137"/>
      <c r="AQ5214" s="137"/>
      <c r="AR5214" s="137"/>
      <c r="AS5214" s="137"/>
      <c r="AT5214" s="137"/>
      <c r="AU5214" s="137"/>
      <c r="AV5214" s="137"/>
      <c r="AW5214" s="144"/>
    </row>
    <row r="5215" spans="2:49" x14ac:dyDescent="0.2">
      <c r="B5215" s="97"/>
      <c r="J5215" s="98"/>
      <c r="K5215" s="97"/>
      <c r="N5215" s="3"/>
      <c r="W5215" s="98"/>
      <c r="Z5215" s="143"/>
      <c r="AA5215" s="137"/>
      <c r="AB5215" s="137"/>
      <c r="AC5215" s="137"/>
      <c r="AD5215" s="137"/>
      <c r="AE5215" s="137"/>
      <c r="AF5215" s="137"/>
      <c r="AG5215" s="137"/>
      <c r="AH5215" s="137"/>
      <c r="AI5215" s="137"/>
      <c r="AJ5215" s="137"/>
      <c r="AK5215" s="206"/>
      <c r="AL5215" s="206"/>
      <c r="AM5215" s="143"/>
      <c r="AN5215" s="137"/>
      <c r="AO5215" s="137"/>
      <c r="AP5215" s="137"/>
      <c r="AQ5215" s="137"/>
      <c r="AR5215" s="137"/>
      <c r="AS5215" s="137"/>
      <c r="AT5215" s="137"/>
      <c r="AU5215" s="137"/>
      <c r="AV5215" s="137"/>
      <c r="AW5215" s="144"/>
    </row>
    <row r="5216" spans="2:49" x14ac:dyDescent="0.2">
      <c r="B5216" s="97"/>
      <c r="J5216" s="98"/>
      <c r="K5216" s="97"/>
      <c r="N5216" s="3"/>
      <c r="W5216" s="98"/>
      <c r="Z5216" s="143"/>
      <c r="AA5216" s="137"/>
      <c r="AB5216" s="137"/>
      <c r="AC5216" s="137"/>
      <c r="AD5216" s="137"/>
      <c r="AE5216" s="137"/>
      <c r="AF5216" s="137"/>
      <c r="AG5216" s="137"/>
      <c r="AH5216" s="137"/>
      <c r="AI5216" s="137"/>
      <c r="AJ5216" s="137"/>
      <c r="AK5216" s="206"/>
      <c r="AL5216" s="206"/>
      <c r="AM5216" s="143"/>
      <c r="AN5216" s="137"/>
      <c r="AO5216" s="137"/>
      <c r="AP5216" s="137"/>
      <c r="AQ5216" s="137"/>
      <c r="AR5216" s="137"/>
      <c r="AS5216" s="137"/>
      <c r="AT5216" s="137"/>
      <c r="AU5216" s="137"/>
      <c r="AV5216" s="137"/>
      <c r="AW5216" s="144"/>
    </row>
    <row r="5217" spans="2:49" x14ac:dyDescent="0.2">
      <c r="B5217" s="97"/>
      <c r="J5217" s="98"/>
      <c r="K5217" s="97"/>
      <c r="N5217" s="3"/>
      <c r="W5217" s="98"/>
      <c r="Z5217" s="143"/>
      <c r="AA5217" s="137"/>
      <c r="AB5217" s="137"/>
      <c r="AC5217" s="137"/>
      <c r="AD5217" s="137"/>
      <c r="AE5217" s="137"/>
      <c r="AF5217" s="137"/>
      <c r="AG5217" s="137"/>
      <c r="AH5217" s="137"/>
      <c r="AI5217" s="137"/>
      <c r="AJ5217" s="137"/>
      <c r="AK5217" s="206"/>
      <c r="AL5217" s="206"/>
      <c r="AM5217" s="143"/>
      <c r="AN5217" s="137"/>
      <c r="AO5217" s="137"/>
      <c r="AP5217" s="137"/>
      <c r="AQ5217" s="137"/>
      <c r="AR5217" s="137"/>
      <c r="AS5217" s="137"/>
      <c r="AT5217" s="137"/>
      <c r="AU5217" s="137"/>
      <c r="AV5217" s="137"/>
      <c r="AW5217" s="144"/>
    </row>
    <row r="5218" spans="2:49" x14ac:dyDescent="0.2">
      <c r="B5218" s="97"/>
      <c r="J5218" s="98"/>
      <c r="K5218" s="97"/>
      <c r="N5218" s="3"/>
      <c r="W5218" s="98"/>
      <c r="Z5218" s="143"/>
      <c r="AA5218" s="137"/>
      <c r="AB5218" s="137"/>
      <c r="AC5218" s="137"/>
      <c r="AD5218" s="137"/>
      <c r="AE5218" s="137"/>
      <c r="AF5218" s="137"/>
      <c r="AG5218" s="137"/>
      <c r="AH5218" s="137"/>
      <c r="AI5218" s="137"/>
      <c r="AJ5218" s="137"/>
      <c r="AK5218" s="206"/>
      <c r="AL5218" s="206"/>
      <c r="AM5218" s="143"/>
      <c r="AN5218" s="137"/>
      <c r="AO5218" s="137"/>
      <c r="AP5218" s="137"/>
      <c r="AQ5218" s="137"/>
      <c r="AR5218" s="137"/>
      <c r="AS5218" s="137"/>
      <c r="AT5218" s="137"/>
      <c r="AU5218" s="137"/>
      <c r="AV5218" s="137"/>
      <c r="AW5218" s="144"/>
    </row>
    <row r="5219" spans="2:49" x14ac:dyDescent="0.2">
      <c r="B5219" s="97"/>
      <c r="J5219" s="98"/>
      <c r="K5219" s="97"/>
      <c r="N5219" s="3"/>
      <c r="W5219" s="98"/>
      <c r="Z5219" s="143"/>
      <c r="AA5219" s="137"/>
      <c r="AB5219" s="137"/>
      <c r="AC5219" s="137"/>
      <c r="AD5219" s="137"/>
      <c r="AE5219" s="137"/>
      <c r="AF5219" s="137"/>
      <c r="AG5219" s="137"/>
      <c r="AH5219" s="137"/>
      <c r="AI5219" s="137"/>
      <c r="AJ5219" s="137"/>
      <c r="AK5219" s="206"/>
      <c r="AL5219" s="206"/>
      <c r="AM5219" s="143"/>
      <c r="AN5219" s="137"/>
      <c r="AO5219" s="137"/>
      <c r="AP5219" s="137"/>
      <c r="AQ5219" s="137"/>
      <c r="AR5219" s="137"/>
      <c r="AS5219" s="137"/>
      <c r="AT5219" s="137"/>
      <c r="AU5219" s="137"/>
      <c r="AV5219" s="137"/>
      <c r="AW5219" s="144"/>
    </row>
    <row r="5220" spans="2:49" x14ac:dyDescent="0.2">
      <c r="B5220" s="97"/>
      <c r="J5220" s="98"/>
      <c r="K5220" s="97"/>
      <c r="N5220" s="3"/>
      <c r="W5220" s="98"/>
      <c r="Z5220" s="143"/>
      <c r="AA5220" s="137"/>
      <c r="AB5220" s="137"/>
      <c r="AC5220" s="137"/>
      <c r="AD5220" s="137"/>
      <c r="AE5220" s="137"/>
      <c r="AF5220" s="137"/>
      <c r="AG5220" s="137"/>
      <c r="AH5220" s="137"/>
      <c r="AI5220" s="137"/>
      <c r="AJ5220" s="137"/>
      <c r="AK5220" s="206"/>
      <c r="AL5220" s="206"/>
      <c r="AM5220" s="143"/>
      <c r="AN5220" s="137"/>
      <c r="AO5220" s="137"/>
      <c r="AP5220" s="137"/>
      <c r="AQ5220" s="137"/>
      <c r="AR5220" s="137"/>
      <c r="AS5220" s="137"/>
      <c r="AT5220" s="137"/>
      <c r="AU5220" s="137"/>
      <c r="AV5220" s="137"/>
      <c r="AW5220" s="144"/>
    </row>
    <row r="5221" spans="2:49" x14ac:dyDescent="0.2">
      <c r="B5221" s="97"/>
      <c r="J5221" s="98"/>
      <c r="K5221" s="97"/>
      <c r="N5221" s="3"/>
      <c r="W5221" s="98"/>
      <c r="Z5221" s="143"/>
      <c r="AA5221" s="137"/>
      <c r="AB5221" s="137"/>
      <c r="AC5221" s="137"/>
      <c r="AD5221" s="137"/>
      <c r="AE5221" s="137"/>
      <c r="AF5221" s="137"/>
      <c r="AG5221" s="137"/>
      <c r="AH5221" s="137"/>
      <c r="AI5221" s="137"/>
      <c r="AJ5221" s="137"/>
      <c r="AK5221" s="206"/>
      <c r="AL5221" s="206"/>
      <c r="AM5221" s="143"/>
      <c r="AN5221" s="137"/>
      <c r="AO5221" s="137"/>
      <c r="AP5221" s="137"/>
      <c r="AQ5221" s="137"/>
      <c r="AR5221" s="137"/>
      <c r="AS5221" s="137"/>
      <c r="AT5221" s="137"/>
      <c r="AU5221" s="137"/>
      <c r="AV5221" s="137"/>
      <c r="AW5221" s="144"/>
    </row>
    <row r="5222" spans="2:49" x14ac:dyDescent="0.2">
      <c r="B5222" s="97"/>
      <c r="J5222" s="98"/>
      <c r="K5222" s="97"/>
      <c r="N5222" s="3"/>
      <c r="W5222" s="98"/>
      <c r="Z5222" s="143"/>
      <c r="AA5222" s="137"/>
      <c r="AB5222" s="137"/>
      <c r="AC5222" s="137"/>
      <c r="AD5222" s="137"/>
      <c r="AE5222" s="137"/>
      <c r="AF5222" s="137"/>
      <c r="AG5222" s="137"/>
      <c r="AH5222" s="137"/>
      <c r="AI5222" s="137"/>
      <c r="AJ5222" s="137"/>
      <c r="AK5222" s="206"/>
      <c r="AL5222" s="206"/>
      <c r="AM5222" s="143"/>
      <c r="AN5222" s="137"/>
      <c r="AO5222" s="137"/>
      <c r="AP5222" s="137"/>
      <c r="AQ5222" s="137"/>
      <c r="AR5222" s="137"/>
      <c r="AS5222" s="137"/>
      <c r="AT5222" s="137"/>
      <c r="AU5222" s="137"/>
      <c r="AV5222" s="137"/>
      <c r="AW5222" s="144"/>
    </row>
    <row r="5223" spans="2:49" x14ac:dyDescent="0.2">
      <c r="B5223" s="97"/>
      <c r="J5223" s="98"/>
      <c r="K5223" s="97"/>
      <c r="N5223" s="3"/>
      <c r="W5223" s="98"/>
      <c r="Z5223" s="143"/>
      <c r="AA5223" s="137"/>
      <c r="AB5223" s="137"/>
      <c r="AC5223" s="137"/>
      <c r="AD5223" s="137"/>
      <c r="AE5223" s="137"/>
      <c r="AF5223" s="137"/>
      <c r="AG5223" s="137"/>
      <c r="AH5223" s="137"/>
      <c r="AI5223" s="137"/>
      <c r="AJ5223" s="137"/>
      <c r="AK5223" s="206"/>
      <c r="AL5223" s="206"/>
      <c r="AM5223" s="143"/>
      <c r="AN5223" s="137"/>
      <c r="AO5223" s="137"/>
      <c r="AP5223" s="137"/>
      <c r="AQ5223" s="137"/>
      <c r="AR5223" s="137"/>
      <c r="AS5223" s="137"/>
      <c r="AT5223" s="137"/>
      <c r="AU5223" s="137"/>
      <c r="AV5223" s="137"/>
      <c r="AW5223" s="144"/>
    </row>
    <row r="5224" spans="2:49" x14ac:dyDescent="0.2">
      <c r="B5224" s="97"/>
      <c r="J5224" s="98"/>
      <c r="K5224" s="97"/>
      <c r="N5224" s="3"/>
      <c r="W5224" s="98"/>
      <c r="Z5224" s="143"/>
      <c r="AA5224" s="137"/>
      <c r="AB5224" s="137"/>
      <c r="AC5224" s="137"/>
      <c r="AD5224" s="137"/>
      <c r="AE5224" s="137"/>
      <c r="AF5224" s="137"/>
      <c r="AG5224" s="137"/>
      <c r="AH5224" s="137"/>
      <c r="AI5224" s="137"/>
      <c r="AJ5224" s="137"/>
      <c r="AK5224" s="206"/>
      <c r="AL5224" s="206"/>
      <c r="AM5224" s="143"/>
      <c r="AN5224" s="137"/>
      <c r="AO5224" s="137"/>
      <c r="AP5224" s="137"/>
      <c r="AQ5224" s="137"/>
      <c r="AR5224" s="137"/>
      <c r="AS5224" s="137"/>
      <c r="AT5224" s="137"/>
      <c r="AU5224" s="137"/>
      <c r="AV5224" s="137"/>
      <c r="AW5224" s="144"/>
    </row>
    <row r="5225" spans="2:49" x14ac:dyDescent="0.2">
      <c r="B5225" s="97"/>
      <c r="J5225" s="98"/>
      <c r="K5225" s="97"/>
      <c r="N5225" s="3"/>
      <c r="W5225" s="98"/>
      <c r="Z5225" s="143"/>
      <c r="AA5225" s="137"/>
      <c r="AB5225" s="137"/>
      <c r="AC5225" s="137"/>
      <c r="AD5225" s="137"/>
      <c r="AE5225" s="137"/>
      <c r="AF5225" s="137"/>
      <c r="AG5225" s="137"/>
      <c r="AH5225" s="137"/>
      <c r="AI5225" s="137"/>
      <c r="AJ5225" s="137"/>
      <c r="AK5225" s="206"/>
      <c r="AL5225" s="206"/>
      <c r="AM5225" s="143"/>
      <c r="AN5225" s="137"/>
      <c r="AO5225" s="137"/>
      <c r="AP5225" s="137"/>
      <c r="AQ5225" s="137"/>
      <c r="AR5225" s="137"/>
      <c r="AS5225" s="137"/>
      <c r="AT5225" s="137"/>
      <c r="AU5225" s="137"/>
      <c r="AV5225" s="137"/>
      <c r="AW5225" s="144"/>
    </row>
    <row r="5226" spans="2:49" x14ac:dyDescent="0.2">
      <c r="B5226" s="97"/>
      <c r="J5226" s="98"/>
      <c r="K5226" s="97"/>
      <c r="N5226" s="3"/>
      <c r="W5226" s="98"/>
      <c r="Z5226" s="143"/>
      <c r="AA5226" s="137"/>
      <c r="AB5226" s="137"/>
      <c r="AC5226" s="137"/>
      <c r="AD5226" s="137"/>
      <c r="AE5226" s="137"/>
      <c r="AF5226" s="137"/>
      <c r="AG5226" s="137"/>
      <c r="AH5226" s="137"/>
      <c r="AI5226" s="137"/>
      <c r="AJ5226" s="137"/>
      <c r="AK5226" s="206"/>
      <c r="AL5226" s="206"/>
      <c r="AM5226" s="143"/>
      <c r="AN5226" s="137"/>
      <c r="AO5226" s="137"/>
      <c r="AP5226" s="137"/>
      <c r="AQ5226" s="137"/>
      <c r="AR5226" s="137"/>
      <c r="AS5226" s="137"/>
      <c r="AT5226" s="137"/>
      <c r="AU5226" s="137"/>
      <c r="AV5226" s="137"/>
      <c r="AW5226" s="144"/>
    </row>
    <row r="5227" spans="2:49" x14ac:dyDescent="0.2">
      <c r="B5227" s="97"/>
      <c r="J5227" s="98"/>
      <c r="K5227" s="97"/>
      <c r="N5227" s="3"/>
      <c r="W5227" s="98"/>
      <c r="Z5227" s="143"/>
      <c r="AA5227" s="137"/>
      <c r="AB5227" s="137"/>
      <c r="AC5227" s="137"/>
      <c r="AD5227" s="137"/>
      <c r="AE5227" s="137"/>
      <c r="AF5227" s="137"/>
      <c r="AG5227" s="137"/>
      <c r="AH5227" s="137"/>
      <c r="AI5227" s="137"/>
      <c r="AJ5227" s="137"/>
      <c r="AK5227" s="206"/>
      <c r="AL5227" s="206"/>
      <c r="AM5227" s="143"/>
      <c r="AN5227" s="137"/>
      <c r="AO5227" s="137"/>
      <c r="AP5227" s="137"/>
      <c r="AQ5227" s="137"/>
      <c r="AR5227" s="137"/>
      <c r="AS5227" s="137"/>
      <c r="AT5227" s="137"/>
      <c r="AU5227" s="137"/>
      <c r="AV5227" s="137"/>
      <c r="AW5227" s="144"/>
    </row>
    <row r="5228" spans="2:49" x14ac:dyDescent="0.2">
      <c r="B5228" s="97"/>
      <c r="J5228" s="98"/>
      <c r="K5228" s="97"/>
      <c r="N5228" s="3"/>
      <c r="W5228" s="98"/>
      <c r="Z5228" s="143"/>
      <c r="AA5228" s="137"/>
      <c r="AB5228" s="137"/>
      <c r="AC5228" s="137"/>
      <c r="AD5228" s="137"/>
      <c r="AE5228" s="137"/>
      <c r="AF5228" s="137"/>
      <c r="AG5228" s="137"/>
      <c r="AH5228" s="137"/>
      <c r="AI5228" s="137"/>
      <c r="AJ5228" s="137"/>
      <c r="AK5228" s="206"/>
      <c r="AL5228" s="206"/>
      <c r="AM5228" s="143"/>
      <c r="AN5228" s="137"/>
      <c r="AO5228" s="137"/>
      <c r="AP5228" s="137"/>
      <c r="AQ5228" s="137"/>
      <c r="AR5228" s="137"/>
      <c r="AS5228" s="137"/>
      <c r="AT5228" s="137"/>
      <c r="AU5228" s="137"/>
      <c r="AV5228" s="137"/>
      <c r="AW5228" s="144"/>
    </row>
    <row r="5229" spans="2:49" x14ac:dyDescent="0.2">
      <c r="B5229" s="97"/>
      <c r="J5229" s="98"/>
      <c r="K5229" s="97"/>
      <c r="N5229" s="3"/>
      <c r="W5229" s="98"/>
      <c r="Z5229" s="143"/>
      <c r="AA5229" s="137"/>
      <c r="AB5229" s="137"/>
      <c r="AC5229" s="137"/>
      <c r="AD5229" s="137"/>
      <c r="AE5229" s="137"/>
      <c r="AF5229" s="137"/>
      <c r="AG5229" s="137"/>
      <c r="AH5229" s="137"/>
      <c r="AI5229" s="137"/>
      <c r="AJ5229" s="137"/>
      <c r="AK5229" s="206"/>
      <c r="AL5229" s="206"/>
      <c r="AM5229" s="143"/>
      <c r="AN5229" s="137"/>
      <c r="AO5229" s="137"/>
      <c r="AP5229" s="137"/>
      <c r="AQ5229" s="137"/>
      <c r="AR5229" s="137"/>
      <c r="AS5229" s="137"/>
      <c r="AT5229" s="137"/>
      <c r="AU5229" s="137"/>
      <c r="AV5229" s="137"/>
      <c r="AW5229" s="144"/>
    </row>
    <row r="5230" spans="2:49" x14ac:dyDescent="0.2">
      <c r="B5230" s="97"/>
      <c r="J5230" s="98"/>
      <c r="K5230" s="97"/>
      <c r="N5230" s="3"/>
      <c r="W5230" s="98"/>
      <c r="Z5230" s="143"/>
      <c r="AA5230" s="137"/>
      <c r="AB5230" s="137"/>
      <c r="AC5230" s="137"/>
      <c r="AD5230" s="137"/>
      <c r="AE5230" s="137"/>
      <c r="AF5230" s="137"/>
      <c r="AG5230" s="137"/>
      <c r="AH5230" s="137"/>
      <c r="AI5230" s="137"/>
      <c r="AJ5230" s="137"/>
      <c r="AK5230" s="206"/>
      <c r="AL5230" s="206"/>
      <c r="AM5230" s="143"/>
      <c r="AN5230" s="137"/>
      <c r="AO5230" s="137"/>
      <c r="AP5230" s="137"/>
      <c r="AQ5230" s="137"/>
      <c r="AR5230" s="137"/>
      <c r="AS5230" s="137"/>
      <c r="AT5230" s="137"/>
      <c r="AU5230" s="137"/>
      <c r="AV5230" s="137"/>
      <c r="AW5230" s="144"/>
    </row>
    <row r="5231" spans="2:49" x14ac:dyDescent="0.2">
      <c r="B5231" s="97"/>
      <c r="J5231" s="98"/>
      <c r="K5231" s="97"/>
      <c r="N5231" s="3"/>
      <c r="W5231" s="98"/>
      <c r="Z5231" s="143"/>
      <c r="AA5231" s="137"/>
      <c r="AB5231" s="137"/>
      <c r="AC5231" s="137"/>
      <c r="AD5231" s="137"/>
      <c r="AE5231" s="137"/>
      <c r="AF5231" s="137"/>
      <c r="AG5231" s="137"/>
      <c r="AH5231" s="137"/>
      <c r="AI5231" s="137"/>
      <c r="AJ5231" s="137"/>
      <c r="AK5231" s="206"/>
      <c r="AL5231" s="206"/>
      <c r="AM5231" s="143"/>
      <c r="AN5231" s="137"/>
      <c r="AO5231" s="137"/>
      <c r="AP5231" s="137"/>
      <c r="AQ5231" s="137"/>
      <c r="AR5231" s="137"/>
      <c r="AS5231" s="137"/>
      <c r="AT5231" s="137"/>
      <c r="AU5231" s="137"/>
      <c r="AV5231" s="137"/>
      <c r="AW5231" s="144"/>
    </row>
    <row r="5232" spans="2:49" x14ac:dyDescent="0.2">
      <c r="B5232" s="97"/>
      <c r="J5232" s="98"/>
      <c r="K5232" s="97"/>
      <c r="N5232" s="3"/>
      <c r="W5232" s="98"/>
      <c r="Z5232" s="143"/>
      <c r="AA5232" s="137"/>
      <c r="AB5232" s="137"/>
      <c r="AC5232" s="137"/>
      <c r="AD5232" s="137"/>
      <c r="AE5232" s="137"/>
      <c r="AF5232" s="137"/>
      <c r="AG5232" s="137"/>
      <c r="AH5232" s="137"/>
      <c r="AI5232" s="137"/>
      <c r="AJ5232" s="137"/>
      <c r="AK5232" s="206"/>
      <c r="AL5232" s="206"/>
      <c r="AM5232" s="143"/>
      <c r="AN5232" s="137"/>
      <c r="AO5232" s="137"/>
      <c r="AP5232" s="137"/>
      <c r="AQ5232" s="137"/>
      <c r="AR5232" s="137"/>
      <c r="AS5232" s="137"/>
      <c r="AT5232" s="137"/>
      <c r="AU5232" s="137"/>
      <c r="AV5232" s="137"/>
      <c r="AW5232" s="144"/>
    </row>
    <row r="5233" spans="2:49" x14ac:dyDescent="0.2">
      <c r="B5233" s="97"/>
      <c r="J5233" s="98"/>
      <c r="K5233" s="97"/>
      <c r="N5233" s="3"/>
      <c r="W5233" s="98"/>
      <c r="Z5233" s="143"/>
      <c r="AA5233" s="137"/>
      <c r="AB5233" s="137"/>
      <c r="AC5233" s="137"/>
      <c r="AD5233" s="137"/>
      <c r="AE5233" s="137"/>
      <c r="AF5233" s="137"/>
      <c r="AG5233" s="137"/>
      <c r="AH5233" s="137"/>
      <c r="AI5233" s="137"/>
      <c r="AJ5233" s="137"/>
      <c r="AK5233" s="206"/>
      <c r="AL5233" s="206"/>
      <c r="AM5233" s="143"/>
      <c r="AN5233" s="137"/>
      <c r="AO5233" s="137"/>
      <c r="AP5233" s="137"/>
      <c r="AQ5233" s="137"/>
      <c r="AR5233" s="137"/>
      <c r="AS5233" s="137"/>
      <c r="AT5233" s="137"/>
      <c r="AU5233" s="137"/>
      <c r="AV5233" s="137"/>
      <c r="AW5233" s="144"/>
    </row>
    <row r="5234" spans="2:49" x14ac:dyDescent="0.2">
      <c r="B5234" s="97"/>
      <c r="J5234" s="98"/>
      <c r="K5234" s="97"/>
      <c r="N5234" s="3"/>
      <c r="W5234" s="98"/>
      <c r="Z5234" s="143"/>
      <c r="AA5234" s="137"/>
      <c r="AB5234" s="137"/>
      <c r="AC5234" s="137"/>
      <c r="AD5234" s="137"/>
      <c r="AE5234" s="137"/>
      <c r="AF5234" s="137"/>
      <c r="AG5234" s="137"/>
      <c r="AH5234" s="137"/>
      <c r="AI5234" s="137"/>
      <c r="AJ5234" s="137"/>
      <c r="AK5234" s="206"/>
      <c r="AL5234" s="206"/>
      <c r="AM5234" s="143"/>
      <c r="AN5234" s="137"/>
      <c r="AO5234" s="137"/>
      <c r="AP5234" s="137"/>
      <c r="AQ5234" s="137"/>
      <c r="AR5234" s="137"/>
      <c r="AS5234" s="137"/>
      <c r="AT5234" s="137"/>
      <c r="AU5234" s="137"/>
      <c r="AV5234" s="137"/>
      <c r="AW5234" s="144"/>
    </row>
    <row r="5235" spans="2:49" x14ac:dyDescent="0.2">
      <c r="B5235" s="97"/>
      <c r="J5235" s="98"/>
      <c r="K5235" s="97"/>
      <c r="N5235" s="3"/>
      <c r="W5235" s="98"/>
      <c r="Z5235" s="143"/>
      <c r="AA5235" s="137"/>
      <c r="AB5235" s="137"/>
      <c r="AC5235" s="137"/>
      <c r="AD5235" s="137"/>
      <c r="AE5235" s="137"/>
      <c r="AF5235" s="137"/>
      <c r="AG5235" s="137"/>
      <c r="AH5235" s="137"/>
      <c r="AI5235" s="137"/>
      <c r="AJ5235" s="137"/>
      <c r="AK5235" s="206"/>
      <c r="AL5235" s="206"/>
      <c r="AM5235" s="143"/>
      <c r="AN5235" s="137"/>
      <c r="AO5235" s="137"/>
      <c r="AP5235" s="137"/>
      <c r="AQ5235" s="137"/>
      <c r="AR5235" s="137"/>
      <c r="AS5235" s="137"/>
      <c r="AT5235" s="137"/>
      <c r="AU5235" s="137"/>
      <c r="AV5235" s="137"/>
      <c r="AW5235" s="144"/>
    </row>
    <row r="5236" spans="2:49" x14ac:dyDescent="0.2">
      <c r="B5236" s="97"/>
      <c r="J5236" s="98"/>
      <c r="K5236" s="97"/>
      <c r="N5236" s="3"/>
      <c r="W5236" s="98"/>
      <c r="Z5236" s="143"/>
      <c r="AA5236" s="137"/>
      <c r="AB5236" s="137"/>
      <c r="AC5236" s="137"/>
      <c r="AD5236" s="137"/>
      <c r="AE5236" s="137"/>
      <c r="AF5236" s="137"/>
      <c r="AG5236" s="137"/>
      <c r="AH5236" s="137"/>
      <c r="AI5236" s="137"/>
      <c r="AJ5236" s="137"/>
      <c r="AK5236" s="206"/>
      <c r="AL5236" s="206"/>
      <c r="AM5236" s="143"/>
      <c r="AN5236" s="137"/>
      <c r="AO5236" s="137"/>
      <c r="AP5236" s="137"/>
      <c r="AQ5236" s="137"/>
      <c r="AR5236" s="137"/>
      <c r="AS5236" s="137"/>
      <c r="AT5236" s="137"/>
      <c r="AU5236" s="137"/>
      <c r="AV5236" s="137"/>
      <c r="AW5236" s="144"/>
    </row>
    <row r="5237" spans="2:49" x14ac:dyDescent="0.2">
      <c r="B5237" s="97"/>
      <c r="J5237" s="98"/>
      <c r="K5237" s="97"/>
      <c r="N5237" s="3"/>
      <c r="W5237" s="98"/>
      <c r="Z5237" s="143"/>
      <c r="AA5237" s="137"/>
      <c r="AB5237" s="137"/>
      <c r="AC5237" s="137"/>
      <c r="AD5237" s="137"/>
      <c r="AE5237" s="137"/>
      <c r="AF5237" s="137"/>
      <c r="AG5237" s="137"/>
      <c r="AH5237" s="137"/>
      <c r="AI5237" s="137"/>
      <c r="AJ5237" s="137"/>
      <c r="AK5237" s="206"/>
      <c r="AL5237" s="206"/>
      <c r="AM5237" s="143"/>
      <c r="AN5237" s="137"/>
      <c r="AO5237" s="137"/>
      <c r="AP5237" s="137"/>
      <c r="AQ5237" s="137"/>
      <c r="AR5237" s="137"/>
      <c r="AS5237" s="137"/>
      <c r="AT5237" s="137"/>
      <c r="AU5237" s="137"/>
      <c r="AV5237" s="137"/>
      <c r="AW5237" s="144"/>
    </row>
    <row r="5238" spans="2:49" x14ac:dyDescent="0.2">
      <c r="B5238" s="97"/>
      <c r="J5238" s="98"/>
      <c r="K5238" s="97"/>
      <c r="N5238" s="3"/>
      <c r="W5238" s="98"/>
      <c r="Z5238" s="143"/>
      <c r="AA5238" s="137"/>
      <c r="AB5238" s="137"/>
      <c r="AC5238" s="137"/>
      <c r="AD5238" s="137"/>
      <c r="AE5238" s="137"/>
      <c r="AF5238" s="137"/>
      <c r="AG5238" s="137"/>
      <c r="AH5238" s="137"/>
      <c r="AI5238" s="137"/>
      <c r="AJ5238" s="137"/>
      <c r="AK5238" s="206"/>
      <c r="AL5238" s="206"/>
      <c r="AM5238" s="143"/>
      <c r="AN5238" s="137"/>
      <c r="AO5238" s="137"/>
      <c r="AP5238" s="137"/>
      <c r="AQ5238" s="137"/>
      <c r="AR5238" s="137"/>
      <c r="AS5238" s="137"/>
      <c r="AT5238" s="137"/>
      <c r="AU5238" s="137"/>
      <c r="AV5238" s="137"/>
      <c r="AW5238" s="144"/>
    </row>
    <row r="5239" spans="2:49" x14ac:dyDescent="0.2">
      <c r="B5239" s="97"/>
      <c r="J5239" s="98"/>
      <c r="K5239" s="97"/>
      <c r="N5239" s="3"/>
      <c r="W5239" s="98"/>
      <c r="Z5239" s="143"/>
      <c r="AA5239" s="137"/>
      <c r="AB5239" s="137"/>
      <c r="AC5239" s="137"/>
      <c r="AD5239" s="137"/>
      <c r="AE5239" s="137"/>
      <c r="AF5239" s="137"/>
      <c r="AG5239" s="137"/>
      <c r="AH5239" s="137"/>
      <c r="AI5239" s="137"/>
      <c r="AJ5239" s="137"/>
      <c r="AK5239" s="206"/>
      <c r="AL5239" s="206"/>
      <c r="AM5239" s="143"/>
      <c r="AN5239" s="137"/>
      <c r="AO5239" s="137"/>
      <c r="AP5239" s="137"/>
      <c r="AQ5239" s="137"/>
      <c r="AR5239" s="137"/>
      <c r="AS5239" s="137"/>
      <c r="AT5239" s="137"/>
      <c r="AU5239" s="137"/>
      <c r="AV5239" s="137"/>
      <c r="AW5239" s="144"/>
    </row>
    <row r="5240" spans="2:49" x14ac:dyDescent="0.2">
      <c r="B5240" s="97"/>
      <c r="J5240" s="98"/>
      <c r="K5240" s="97"/>
      <c r="N5240" s="3"/>
      <c r="W5240" s="98"/>
      <c r="Z5240" s="143"/>
      <c r="AA5240" s="137"/>
      <c r="AB5240" s="137"/>
      <c r="AC5240" s="137"/>
      <c r="AD5240" s="137"/>
      <c r="AE5240" s="137"/>
      <c r="AF5240" s="137"/>
      <c r="AG5240" s="137"/>
      <c r="AH5240" s="137"/>
      <c r="AI5240" s="137"/>
      <c r="AJ5240" s="137"/>
      <c r="AK5240" s="206"/>
      <c r="AL5240" s="206"/>
      <c r="AM5240" s="143"/>
      <c r="AN5240" s="137"/>
      <c r="AO5240" s="137"/>
      <c r="AP5240" s="137"/>
      <c r="AQ5240" s="137"/>
      <c r="AR5240" s="137"/>
      <c r="AS5240" s="137"/>
      <c r="AT5240" s="137"/>
      <c r="AU5240" s="137"/>
      <c r="AV5240" s="137"/>
      <c r="AW5240" s="144"/>
    </row>
    <row r="5241" spans="2:49" x14ac:dyDescent="0.2">
      <c r="B5241" s="97"/>
      <c r="J5241" s="98"/>
      <c r="K5241" s="97"/>
      <c r="N5241" s="3"/>
      <c r="W5241" s="98"/>
      <c r="Z5241" s="143"/>
      <c r="AA5241" s="137"/>
      <c r="AB5241" s="137"/>
      <c r="AC5241" s="137"/>
      <c r="AD5241" s="137"/>
      <c r="AE5241" s="137"/>
      <c r="AF5241" s="137"/>
      <c r="AG5241" s="137"/>
      <c r="AH5241" s="137"/>
      <c r="AI5241" s="137"/>
      <c r="AJ5241" s="137"/>
      <c r="AK5241" s="206"/>
      <c r="AL5241" s="206"/>
      <c r="AM5241" s="143"/>
      <c r="AN5241" s="137"/>
      <c r="AO5241" s="137"/>
      <c r="AP5241" s="137"/>
      <c r="AQ5241" s="137"/>
      <c r="AR5241" s="137"/>
      <c r="AS5241" s="137"/>
      <c r="AT5241" s="137"/>
      <c r="AU5241" s="137"/>
      <c r="AV5241" s="137"/>
      <c r="AW5241" s="144"/>
    </row>
    <row r="5242" spans="2:49" x14ac:dyDescent="0.2">
      <c r="B5242" s="97"/>
      <c r="J5242" s="98"/>
      <c r="K5242" s="97"/>
      <c r="N5242" s="3"/>
      <c r="W5242" s="98"/>
      <c r="Z5242" s="143"/>
      <c r="AA5242" s="137"/>
      <c r="AB5242" s="137"/>
      <c r="AC5242" s="137"/>
      <c r="AD5242" s="137"/>
      <c r="AE5242" s="137"/>
      <c r="AF5242" s="137"/>
      <c r="AG5242" s="137"/>
      <c r="AH5242" s="137"/>
      <c r="AI5242" s="137"/>
      <c r="AJ5242" s="137"/>
      <c r="AK5242" s="206"/>
      <c r="AL5242" s="206"/>
      <c r="AM5242" s="143"/>
      <c r="AN5242" s="137"/>
      <c r="AO5242" s="137"/>
      <c r="AP5242" s="137"/>
      <c r="AQ5242" s="137"/>
      <c r="AR5242" s="137"/>
      <c r="AS5242" s="137"/>
      <c r="AT5242" s="137"/>
      <c r="AU5242" s="137"/>
      <c r="AV5242" s="137"/>
      <c r="AW5242" s="144"/>
    </row>
    <row r="5243" spans="2:49" x14ac:dyDescent="0.2">
      <c r="B5243" s="97"/>
      <c r="J5243" s="98"/>
      <c r="K5243" s="97"/>
      <c r="N5243" s="3"/>
      <c r="W5243" s="98"/>
      <c r="Z5243" s="143"/>
      <c r="AA5243" s="137"/>
      <c r="AB5243" s="137"/>
      <c r="AC5243" s="137"/>
      <c r="AD5243" s="137"/>
      <c r="AE5243" s="137"/>
      <c r="AF5243" s="137"/>
      <c r="AG5243" s="137"/>
      <c r="AH5243" s="137"/>
      <c r="AI5243" s="137"/>
      <c r="AJ5243" s="137"/>
      <c r="AK5243" s="206"/>
      <c r="AL5243" s="206"/>
      <c r="AM5243" s="143"/>
      <c r="AN5243" s="137"/>
      <c r="AO5243" s="137"/>
      <c r="AP5243" s="137"/>
      <c r="AQ5243" s="137"/>
      <c r="AR5243" s="137"/>
      <c r="AS5243" s="137"/>
      <c r="AT5243" s="137"/>
      <c r="AU5243" s="137"/>
      <c r="AV5243" s="137"/>
      <c r="AW5243" s="144"/>
    </row>
    <row r="5244" spans="2:49" x14ac:dyDescent="0.2">
      <c r="B5244" s="97"/>
      <c r="J5244" s="98"/>
      <c r="K5244" s="97"/>
      <c r="N5244" s="3"/>
      <c r="W5244" s="98"/>
      <c r="Z5244" s="143"/>
      <c r="AA5244" s="137"/>
      <c r="AB5244" s="137"/>
      <c r="AC5244" s="137"/>
      <c r="AD5244" s="137"/>
      <c r="AE5244" s="137"/>
      <c r="AF5244" s="137"/>
      <c r="AG5244" s="137"/>
      <c r="AH5244" s="137"/>
      <c r="AI5244" s="137"/>
      <c r="AJ5244" s="137"/>
      <c r="AK5244" s="206"/>
      <c r="AL5244" s="206"/>
      <c r="AM5244" s="143"/>
      <c r="AN5244" s="137"/>
      <c r="AO5244" s="137"/>
      <c r="AP5244" s="137"/>
      <c r="AQ5244" s="137"/>
      <c r="AR5244" s="137"/>
      <c r="AS5244" s="137"/>
      <c r="AT5244" s="137"/>
      <c r="AU5244" s="137"/>
      <c r="AV5244" s="137"/>
      <c r="AW5244" s="144"/>
    </row>
    <row r="5245" spans="2:49" x14ac:dyDescent="0.2">
      <c r="B5245" s="97"/>
      <c r="J5245" s="98"/>
      <c r="K5245" s="97"/>
      <c r="N5245" s="3"/>
      <c r="W5245" s="98"/>
      <c r="Z5245" s="143"/>
      <c r="AA5245" s="137"/>
      <c r="AB5245" s="137"/>
      <c r="AC5245" s="137"/>
      <c r="AD5245" s="137"/>
      <c r="AE5245" s="137"/>
      <c r="AF5245" s="137"/>
      <c r="AG5245" s="137"/>
      <c r="AH5245" s="137"/>
      <c r="AI5245" s="137"/>
      <c r="AJ5245" s="137"/>
      <c r="AK5245" s="206"/>
      <c r="AL5245" s="206"/>
      <c r="AM5245" s="143"/>
      <c r="AN5245" s="137"/>
      <c r="AO5245" s="137"/>
      <c r="AP5245" s="137"/>
      <c r="AQ5245" s="137"/>
      <c r="AR5245" s="137"/>
      <c r="AS5245" s="137"/>
      <c r="AT5245" s="137"/>
      <c r="AU5245" s="137"/>
      <c r="AV5245" s="137"/>
      <c r="AW5245" s="144"/>
    </row>
    <row r="5246" spans="2:49" x14ac:dyDescent="0.2">
      <c r="B5246" s="97"/>
      <c r="J5246" s="98"/>
      <c r="K5246" s="97"/>
      <c r="N5246" s="3"/>
      <c r="W5246" s="98"/>
      <c r="Z5246" s="143"/>
      <c r="AA5246" s="137"/>
      <c r="AB5246" s="137"/>
      <c r="AC5246" s="137"/>
      <c r="AD5246" s="137"/>
      <c r="AE5246" s="137"/>
      <c r="AF5246" s="137"/>
      <c r="AG5246" s="137"/>
      <c r="AH5246" s="137"/>
      <c r="AI5246" s="137"/>
      <c r="AJ5246" s="137"/>
      <c r="AK5246" s="206"/>
      <c r="AL5246" s="206"/>
      <c r="AM5246" s="143"/>
      <c r="AN5246" s="137"/>
      <c r="AO5246" s="137"/>
      <c r="AP5246" s="137"/>
      <c r="AQ5246" s="137"/>
      <c r="AR5246" s="137"/>
      <c r="AS5246" s="137"/>
      <c r="AT5246" s="137"/>
      <c r="AU5246" s="137"/>
      <c r="AV5246" s="137"/>
      <c r="AW5246" s="144"/>
    </row>
    <row r="5247" spans="2:49" x14ac:dyDescent="0.2">
      <c r="B5247" s="97"/>
      <c r="J5247" s="98"/>
      <c r="K5247" s="97"/>
      <c r="N5247" s="3"/>
      <c r="W5247" s="98"/>
      <c r="Z5247" s="143"/>
      <c r="AA5247" s="137"/>
      <c r="AB5247" s="137"/>
      <c r="AC5247" s="137"/>
      <c r="AD5247" s="137"/>
      <c r="AE5247" s="137"/>
      <c r="AF5247" s="137"/>
      <c r="AG5247" s="137"/>
      <c r="AH5247" s="137"/>
      <c r="AI5247" s="137"/>
      <c r="AJ5247" s="137"/>
      <c r="AK5247" s="206"/>
      <c r="AL5247" s="206"/>
      <c r="AM5247" s="143"/>
      <c r="AN5247" s="137"/>
      <c r="AO5247" s="137"/>
      <c r="AP5247" s="137"/>
      <c r="AQ5247" s="137"/>
      <c r="AR5247" s="137"/>
      <c r="AS5247" s="137"/>
      <c r="AT5247" s="137"/>
      <c r="AU5247" s="137"/>
      <c r="AV5247" s="137"/>
      <c r="AW5247" s="144"/>
    </row>
    <row r="5248" spans="2:49" x14ac:dyDescent="0.2">
      <c r="B5248" s="97"/>
      <c r="J5248" s="98"/>
      <c r="K5248" s="97"/>
      <c r="N5248" s="3"/>
      <c r="W5248" s="98"/>
      <c r="Z5248" s="143"/>
      <c r="AA5248" s="137"/>
      <c r="AB5248" s="137"/>
      <c r="AC5248" s="137"/>
      <c r="AD5248" s="137"/>
      <c r="AE5248" s="137"/>
      <c r="AF5248" s="137"/>
      <c r="AG5248" s="137"/>
      <c r="AH5248" s="137"/>
      <c r="AI5248" s="137"/>
      <c r="AJ5248" s="137"/>
      <c r="AK5248" s="206"/>
      <c r="AL5248" s="206"/>
      <c r="AM5248" s="143"/>
      <c r="AN5248" s="137"/>
      <c r="AO5248" s="137"/>
      <c r="AP5248" s="137"/>
      <c r="AQ5248" s="137"/>
      <c r="AR5248" s="137"/>
      <c r="AS5248" s="137"/>
      <c r="AT5248" s="137"/>
      <c r="AU5248" s="137"/>
      <c r="AV5248" s="137"/>
      <c r="AW5248" s="144"/>
    </row>
    <row r="5249" spans="2:49" x14ac:dyDescent="0.2">
      <c r="B5249" s="97"/>
      <c r="J5249" s="98"/>
      <c r="K5249" s="97"/>
      <c r="N5249" s="3"/>
      <c r="W5249" s="98"/>
      <c r="Z5249" s="143"/>
      <c r="AA5249" s="137"/>
      <c r="AB5249" s="137"/>
      <c r="AC5249" s="137"/>
      <c r="AD5249" s="137"/>
      <c r="AE5249" s="137"/>
      <c r="AF5249" s="137"/>
      <c r="AG5249" s="137"/>
      <c r="AH5249" s="137"/>
      <c r="AI5249" s="137"/>
      <c r="AJ5249" s="137"/>
      <c r="AK5249" s="206"/>
      <c r="AL5249" s="206"/>
      <c r="AM5249" s="143"/>
      <c r="AN5249" s="137"/>
      <c r="AO5249" s="137"/>
      <c r="AP5249" s="137"/>
      <c r="AQ5249" s="137"/>
      <c r="AR5249" s="137"/>
      <c r="AS5249" s="137"/>
      <c r="AT5249" s="137"/>
      <c r="AU5249" s="137"/>
      <c r="AV5249" s="137"/>
      <c r="AW5249" s="144"/>
    </row>
    <row r="5250" spans="2:49" x14ac:dyDescent="0.2">
      <c r="B5250" s="97"/>
      <c r="J5250" s="98"/>
      <c r="K5250" s="97"/>
      <c r="N5250" s="3"/>
      <c r="W5250" s="98"/>
      <c r="Z5250" s="143"/>
      <c r="AA5250" s="137"/>
      <c r="AB5250" s="137"/>
      <c r="AC5250" s="137"/>
      <c r="AD5250" s="137"/>
      <c r="AE5250" s="137"/>
      <c r="AF5250" s="137"/>
      <c r="AG5250" s="137"/>
      <c r="AH5250" s="137"/>
      <c r="AI5250" s="137"/>
      <c r="AJ5250" s="137"/>
      <c r="AK5250" s="206"/>
      <c r="AL5250" s="206"/>
      <c r="AM5250" s="143"/>
      <c r="AN5250" s="137"/>
      <c r="AO5250" s="137"/>
      <c r="AP5250" s="137"/>
      <c r="AQ5250" s="137"/>
      <c r="AR5250" s="137"/>
      <c r="AS5250" s="137"/>
      <c r="AT5250" s="137"/>
      <c r="AU5250" s="137"/>
      <c r="AV5250" s="137"/>
      <c r="AW5250" s="144"/>
    </row>
    <row r="5251" spans="2:49" x14ac:dyDescent="0.2">
      <c r="B5251" s="97"/>
      <c r="J5251" s="98"/>
      <c r="K5251" s="97"/>
      <c r="N5251" s="3"/>
      <c r="W5251" s="98"/>
      <c r="Z5251" s="143"/>
      <c r="AA5251" s="137"/>
      <c r="AB5251" s="137"/>
      <c r="AC5251" s="137"/>
      <c r="AD5251" s="137"/>
      <c r="AE5251" s="137"/>
      <c r="AF5251" s="137"/>
      <c r="AG5251" s="137"/>
      <c r="AH5251" s="137"/>
      <c r="AI5251" s="137"/>
      <c r="AJ5251" s="137"/>
      <c r="AK5251" s="206"/>
      <c r="AL5251" s="206"/>
      <c r="AM5251" s="143"/>
      <c r="AN5251" s="137"/>
      <c r="AO5251" s="137"/>
      <c r="AP5251" s="137"/>
      <c r="AQ5251" s="137"/>
      <c r="AR5251" s="137"/>
      <c r="AS5251" s="137"/>
      <c r="AT5251" s="137"/>
      <c r="AU5251" s="137"/>
      <c r="AV5251" s="137"/>
      <c r="AW5251" s="144"/>
    </row>
    <row r="5252" spans="2:49" x14ac:dyDescent="0.2">
      <c r="B5252" s="97"/>
      <c r="J5252" s="98"/>
      <c r="K5252" s="97"/>
      <c r="N5252" s="3"/>
      <c r="W5252" s="98"/>
      <c r="Z5252" s="143"/>
      <c r="AA5252" s="137"/>
      <c r="AB5252" s="137"/>
      <c r="AC5252" s="137"/>
      <c r="AD5252" s="137"/>
      <c r="AE5252" s="137"/>
      <c r="AF5252" s="137"/>
      <c r="AG5252" s="137"/>
      <c r="AH5252" s="137"/>
      <c r="AI5252" s="137"/>
      <c r="AJ5252" s="137"/>
      <c r="AK5252" s="206"/>
      <c r="AL5252" s="206"/>
      <c r="AM5252" s="143"/>
      <c r="AN5252" s="137"/>
      <c r="AO5252" s="137"/>
      <c r="AP5252" s="137"/>
      <c r="AQ5252" s="137"/>
      <c r="AR5252" s="137"/>
      <c r="AS5252" s="137"/>
      <c r="AT5252" s="137"/>
      <c r="AU5252" s="137"/>
      <c r="AV5252" s="137"/>
      <c r="AW5252" s="144"/>
    </row>
    <row r="5253" spans="2:49" x14ac:dyDescent="0.2">
      <c r="B5253" s="97"/>
      <c r="J5253" s="98"/>
      <c r="K5253" s="97"/>
      <c r="N5253" s="3"/>
      <c r="W5253" s="98"/>
      <c r="Z5253" s="143"/>
      <c r="AA5253" s="137"/>
      <c r="AB5253" s="137"/>
      <c r="AC5253" s="137"/>
      <c r="AD5253" s="137"/>
      <c r="AE5253" s="137"/>
      <c r="AF5253" s="137"/>
      <c r="AG5253" s="137"/>
      <c r="AH5253" s="137"/>
      <c r="AI5253" s="137"/>
      <c r="AJ5253" s="137"/>
      <c r="AK5253" s="206"/>
      <c r="AL5253" s="206"/>
      <c r="AM5253" s="143"/>
      <c r="AN5253" s="137"/>
      <c r="AO5253" s="137"/>
      <c r="AP5253" s="137"/>
      <c r="AQ5253" s="137"/>
      <c r="AR5253" s="137"/>
      <c r="AS5253" s="137"/>
      <c r="AT5253" s="137"/>
      <c r="AU5253" s="137"/>
      <c r="AV5253" s="137"/>
      <c r="AW5253" s="144"/>
    </row>
    <row r="5254" spans="2:49" x14ac:dyDescent="0.2">
      <c r="B5254" s="97"/>
      <c r="J5254" s="98"/>
      <c r="K5254" s="97"/>
      <c r="N5254" s="3"/>
      <c r="W5254" s="98"/>
      <c r="Z5254" s="143"/>
      <c r="AA5254" s="137"/>
      <c r="AB5254" s="137"/>
      <c r="AC5254" s="137"/>
      <c r="AD5254" s="137"/>
      <c r="AE5254" s="137"/>
      <c r="AF5254" s="137"/>
      <c r="AG5254" s="137"/>
      <c r="AH5254" s="137"/>
      <c r="AI5254" s="137"/>
      <c r="AJ5254" s="137"/>
      <c r="AK5254" s="206"/>
      <c r="AL5254" s="206"/>
      <c r="AM5254" s="143"/>
      <c r="AN5254" s="137"/>
      <c r="AO5254" s="137"/>
      <c r="AP5254" s="137"/>
      <c r="AQ5254" s="137"/>
      <c r="AR5254" s="137"/>
      <c r="AS5254" s="137"/>
      <c r="AT5254" s="137"/>
      <c r="AU5254" s="137"/>
      <c r="AV5254" s="137"/>
      <c r="AW5254" s="144"/>
    </row>
    <row r="5255" spans="2:49" x14ac:dyDescent="0.2">
      <c r="B5255" s="97"/>
      <c r="J5255" s="98"/>
      <c r="K5255" s="97"/>
      <c r="N5255" s="3"/>
      <c r="W5255" s="98"/>
      <c r="Z5255" s="143"/>
      <c r="AA5255" s="137"/>
      <c r="AB5255" s="137"/>
      <c r="AC5255" s="137"/>
      <c r="AD5255" s="137"/>
      <c r="AE5255" s="137"/>
      <c r="AF5255" s="137"/>
      <c r="AG5255" s="137"/>
      <c r="AH5255" s="137"/>
      <c r="AI5255" s="137"/>
      <c r="AJ5255" s="137"/>
      <c r="AK5255" s="206"/>
      <c r="AL5255" s="206"/>
      <c r="AM5255" s="143"/>
      <c r="AN5255" s="137"/>
      <c r="AO5255" s="137"/>
      <c r="AP5255" s="137"/>
      <c r="AQ5255" s="137"/>
      <c r="AR5255" s="137"/>
      <c r="AS5255" s="137"/>
      <c r="AT5255" s="137"/>
      <c r="AU5255" s="137"/>
      <c r="AV5255" s="137"/>
      <c r="AW5255" s="144"/>
    </row>
    <row r="5256" spans="2:49" x14ac:dyDescent="0.2">
      <c r="B5256" s="97"/>
      <c r="J5256" s="98"/>
      <c r="K5256" s="97"/>
      <c r="N5256" s="3"/>
      <c r="W5256" s="98"/>
      <c r="Z5256" s="143"/>
      <c r="AA5256" s="137"/>
      <c r="AB5256" s="137"/>
      <c r="AC5256" s="137"/>
      <c r="AD5256" s="137"/>
      <c r="AE5256" s="137"/>
      <c r="AF5256" s="137"/>
      <c r="AG5256" s="137"/>
      <c r="AH5256" s="137"/>
      <c r="AI5256" s="137"/>
      <c r="AJ5256" s="137"/>
      <c r="AK5256" s="206"/>
      <c r="AL5256" s="206"/>
      <c r="AM5256" s="143"/>
      <c r="AN5256" s="137"/>
      <c r="AO5256" s="137"/>
      <c r="AP5256" s="137"/>
      <c r="AQ5256" s="137"/>
      <c r="AR5256" s="137"/>
      <c r="AS5256" s="137"/>
      <c r="AT5256" s="137"/>
      <c r="AU5256" s="137"/>
      <c r="AV5256" s="137"/>
      <c r="AW5256" s="144"/>
    </row>
    <row r="5257" spans="2:49" x14ac:dyDescent="0.2">
      <c r="B5257" s="97"/>
      <c r="J5257" s="98"/>
      <c r="K5257" s="97"/>
      <c r="N5257" s="3"/>
      <c r="W5257" s="98"/>
      <c r="Z5257" s="143"/>
      <c r="AA5257" s="137"/>
      <c r="AB5257" s="137"/>
      <c r="AC5257" s="137"/>
      <c r="AD5257" s="137"/>
      <c r="AE5257" s="137"/>
      <c r="AF5257" s="137"/>
      <c r="AG5257" s="137"/>
      <c r="AH5257" s="137"/>
      <c r="AI5257" s="137"/>
      <c r="AJ5257" s="137"/>
      <c r="AK5257" s="206"/>
      <c r="AL5257" s="206"/>
      <c r="AM5257" s="143"/>
      <c r="AN5257" s="137"/>
      <c r="AO5257" s="137"/>
      <c r="AP5257" s="137"/>
      <c r="AQ5257" s="137"/>
      <c r="AR5257" s="137"/>
      <c r="AS5257" s="137"/>
      <c r="AT5257" s="137"/>
      <c r="AU5257" s="137"/>
      <c r="AV5257" s="137"/>
      <c r="AW5257" s="144"/>
    </row>
    <row r="5258" spans="2:49" x14ac:dyDescent="0.2">
      <c r="B5258" s="97"/>
      <c r="J5258" s="98"/>
      <c r="K5258" s="97"/>
      <c r="N5258" s="3"/>
      <c r="W5258" s="98"/>
      <c r="Z5258" s="143"/>
      <c r="AA5258" s="137"/>
      <c r="AB5258" s="137"/>
      <c r="AC5258" s="137"/>
      <c r="AD5258" s="137"/>
      <c r="AE5258" s="137"/>
      <c r="AF5258" s="137"/>
      <c r="AG5258" s="137"/>
      <c r="AH5258" s="137"/>
      <c r="AI5258" s="137"/>
      <c r="AJ5258" s="137"/>
      <c r="AK5258" s="206"/>
      <c r="AL5258" s="206"/>
      <c r="AM5258" s="143"/>
      <c r="AN5258" s="137"/>
      <c r="AO5258" s="137"/>
      <c r="AP5258" s="137"/>
      <c r="AQ5258" s="137"/>
      <c r="AR5258" s="137"/>
      <c r="AS5258" s="137"/>
      <c r="AT5258" s="137"/>
      <c r="AU5258" s="137"/>
      <c r="AV5258" s="137"/>
      <c r="AW5258" s="144"/>
    </row>
    <row r="5259" spans="2:49" x14ac:dyDescent="0.2">
      <c r="B5259" s="97"/>
      <c r="J5259" s="98"/>
      <c r="K5259" s="97"/>
      <c r="N5259" s="3"/>
      <c r="W5259" s="98"/>
      <c r="Z5259" s="143"/>
      <c r="AA5259" s="137"/>
      <c r="AB5259" s="137"/>
      <c r="AC5259" s="137"/>
      <c r="AD5259" s="137"/>
      <c r="AE5259" s="137"/>
      <c r="AF5259" s="137"/>
      <c r="AG5259" s="137"/>
      <c r="AH5259" s="137"/>
      <c r="AI5259" s="137"/>
      <c r="AJ5259" s="137"/>
      <c r="AK5259" s="206"/>
      <c r="AL5259" s="206"/>
      <c r="AM5259" s="143"/>
      <c r="AN5259" s="137"/>
      <c r="AO5259" s="137"/>
      <c r="AP5259" s="137"/>
      <c r="AQ5259" s="137"/>
      <c r="AR5259" s="137"/>
      <c r="AS5259" s="137"/>
      <c r="AT5259" s="137"/>
      <c r="AU5259" s="137"/>
      <c r="AV5259" s="137"/>
      <c r="AW5259" s="144"/>
    </row>
    <row r="5260" spans="2:49" x14ac:dyDescent="0.2">
      <c r="B5260" s="97"/>
      <c r="J5260" s="98"/>
      <c r="K5260" s="97"/>
      <c r="N5260" s="3"/>
      <c r="W5260" s="98"/>
      <c r="Z5260" s="143"/>
      <c r="AA5260" s="137"/>
      <c r="AB5260" s="137"/>
      <c r="AC5260" s="137"/>
      <c r="AD5260" s="137"/>
      <c r="AE5260" s="137"/>
      <c r="AF5260" s="137"/>
      <c r="AG5260" s="137"/>
      <c r="AH5260" s="137"/>
      <c r="AI5260" s="137"/>
      <c r="AJ5260" s="137"/>
      <c r="AK5260" s="206"/>
      <c r="AL5260" s="206"/>
      <c r="AM5260" s="143"/>
      <c r="AN5260" s="137"/>
      <c r="AO5260" s="137"/>
      <c r="AP5260" s="137"/>
      <c r="AQ5260" s="137"/>
      <c r="AR5260" s="137"/>
      <c r="AS5260" s="137"/>
      <c r="AT5260" s="137"/>
      <c r="AU5260" s="137"/>
      <c r="AV5260" s="137"/>
      <c r="AW5260" s="144"/>
    </row>
    <row r="5261" spans="2:49" x14ac:dyDescent="0.2">
      <c r="B5261" s="97"/>
      <c r="J5261" s="98"/>
      <c r="K5261" s="97"/>
      <c r="N5261" s="3"/>
      <c r="W5261" s="98"/>
      <c r="Z5261" s="143"/>
      <c r="AA5261" s="137"/>
      <c r="AB5261" s="137"/>
      <c r="AC5261" s="137"/>
      <c r="AD5261" s="137"/>
      <c r="AE5261" s="137"/>
      <c r="AF5261" s="137"/>
      <c r="AG5261" s="137"/>
      <c r="AH5261" s="137"/>
      <c r="AI5261" s="137"/>
      <c r="AJ5261" s="137"/>
      <c r="AK5261" s="206"/>
      <c r="AL5261" s="206"/>
      <c r="AM5261" s="143"/>
      <c r="AN5261" s="137"/>
      <c r="AO5261" s="137"/>
      <c r="AP5261" s="137"/>
      <c r="AQ5261" s="137"/>
      <c r="AR5261" s="137"/>
      <c r="AS5261" s="137"/>
      <c r="AT5261" s="137"/>
      <c r="AU5261" s="137"/>
      <c r="AV5261" s="137"/>
      <c r="AW5261" s="144"/>
    </row>
    <row r="5262" spans="2:49" x14ac:dyDescent="0.2">
      <c r="B5262" s="97"/>
      <c r="J5262" s="98"/>
      <c r="K5262" s="97"/>
      <c r="N5262" s="3"/>
      <c r="W5262" s="98"/>
      <c r="Z5262" s="143"/>
      <c r="AA5262" s="137"/>
      <c r="AB5262" s="137"/>
      <c r="AC5262" s="137"/>
      <c r="AD5262" s="137"/>
      <c r="AE5262" s="137"/>
      <c r="AF5262" s="137"/>
      <c r="AG5262" s="137"/>
      <c r="AH5262" s="137"/>
      <c r="AI5262" s="137"/>
      <c r="AJ5262" s="137"/>
      <c r="AK5262" s="206"/>
      <c r="AL5262" s="206"/>
      <c r="AM5262" s="143"/>
      <c r="AN5262" s="137"/>
      <c r="AO5262" s="137"/>
      <c r="AP5262" s="137"/>
      <c r="AQ5262" s="137"/>
      <c r="AR5262" s="137"/>
      <c r="AS5262" s="137"/>
      <c r="AT5262" s="137"/>
      <c r="AU5262" s="137"/>
      <c r="AV5262" s="137"/>
      <c r="AW5262" s="144"/>
    </row>
    <row r="5263" spans="2:49" x14ac:dyDescent="0.2">
      <c r="B5263" s="97"/>
      <c r="J5263" s="98"/>
      <c r="K5263" s="97"/>
      <c r="N5263" s="3"/>
      <c r="W5263" s="98"/>
      <c r="Z5263" s="143"/>
      <c r="AA5263" s="137"/>
      <c r="AB5263" s="137"/>
      <c r="AC5263" s="137"/>
      <c r="AD5263" s="137"/>
      <c r="AE5263" s="137"/>
      <c r="AF5263" s="137"/>
      <c r="AG5263" s="137"/>
      <c r="AH5263" s="137"/>
      <c r="AI5263" s="137"/>
      <c r="AJ5263" s="137"/>
      <c r="AK5263" s="206"/>
      <c r="AL5263" s="206"/>
      <c r="AM5263" s="143"/>
      <c r="AN5263" s="137"/>
      <c r="AO5263" s="137"/>
      <c r="AP5263" s="137"/>
      <c r="AQ5263" s="137"/>
      <c r="AR5263" s="137"/>
      <c r="AS5263" s="137"/>
      <c r="AT5263" s="137"/>
      <c r="AU5263" s="137"/>
      <c r="AV5263" s="137"/>
      <c r="AW5263" s="144"/>
    </row>
    <row r="5264" spans="2:49" x14ac:dyDescent="0.2">
      <c r="B5264" s="97"/>
      <c r="J5264" s="98"/>
      <c r="K5264" s="97"/>
      <c r="N5264" s="3"/>
      <c r="W5264" s="98"/>
      <c r="Z5264" s="143"/>
      <c r="AA5264" s="137"/>
      <c r="AB5264" s="137"/>
      <c r="AC5264" s="137"/>
      <c r="AD5264" s="137"/>
      <c r="AE5264" s="137"/>
      <c r="AF5264" s="137"/>
      <c r="AG5264" s="137"/>
      <c r="AH5264" s="137"/>
      <c r="AI5264" s="137"/>
      <c r="AJ5264" s="137"/>
      <c r="AK5264" s="206"/>
      <c r="AL5264" s="206"/>
      <c r="AM5264" s="143"/>
      <c r="AN5264" s="137"/>
      <c r="AO5264" s="137"/>
      <c r="AP5264" s="137"/>
      <c r="AQ5264" s="137"/>
      <c r="AR5264" s="137"/>
      <c r="AS5264" s="137"/>
      <c r="AT5264" s="137"/>
      <c r="AU5264" s="137"/>
      <c r="AV5264" s="137"/>
      <c r="AW5264" s="144"/>
    </row>
    <row r="5265" spans="2:49" x14ac:dyDescent="0.2">
      <c r="B5265" s="97"/>
      <c r="J5265" s="98"/>
      <c r="K5265" s="97"/>
      <c r="N5265" s="3"/>
      <c r="W5265" s="98"/>
      <c r="Z5265" s="143"/>
      <c r="AA5265" s="137"/>
      <c r="AB5265" s="137"/>
      <c r="AC5265" s="137"/>
      <c r="AD5265" s="137"/>
      <c r="AE5265" s="137"/>
      <c r="AF5265" s="137"/>
      <c r="AG5265" s="137"/>
      <c r="AH5265" s="137"/>
      <c r="AI5265" s="137"/>
      <c r="AJ5265" s="137"/>
      <c r="AK5265" s="206"/>
      <c r="AL5265" s="206"/>
      <c r="AM5265" s="143"/>
      <c r="AN5265" s="137"/>
      <c r="AO5265" s="137"/>
      <c r="AP5265" s="137"/>
      <c r="AQ5265" s="137"/>
      <c r="AR5265" s="137"/>
      <c r="AS5265" s="137"/>
      <c r="AT5265" s="137"/>
      <c r="AU5265" s="137"/>
      <c r="AV5265" s="137"/>
      <c r="AW5265" s="144"/>
    </row>
    <row r="5266" spans="2:49" x14ac:dyDescent="0.2">
      <c r="B5266" s="97"/>
      <c r="J5266" s="98"/>
      <c r="K5266" s="97"/>
      <c r="N5266" s="3"/>
      <c r="W5266" s="98"/>
      <c r="Z5266" s="143"/>
      <c r="AA5266" s="137"/>
      <c r="AB5266" s="137"/>
      <c r="AC5266" s="137"/>
      <c r="AD5266" s="137"/>
      <c r="AE5266" s="137"/>
      <c r="AF5266" s="137"/>
      <c r="AG5266" s="137"/>
      <c r="AH5266" s="137"/>
      <c r="AI5266" s="137"/>
      <c r="AJ5266" s="137"/>
      <c r="AK5266" s="206"/>
      <c r="AL5266" s="206"/>
      <c r="AM5266" s="143"/>
      <c r="AN5266" s="137"/>
      <c r="AO5266" s="137"/>
      <c r="AP5266" s="137"/>
      <c r="AQ5266" s="137"/>
      <c r="AR5266" s="137"/>
      <c r="AS5266" s="137"/>
      <c r="AT5266" s="137"/>
      <c r="AU5266" s="137"/>
      <c r="AV5266" s="137"/>
      <c r="AW5266" s="144"/>
    </row>
    <row r="5267" spans="2:49" x14ac:dyDescent="0.2">
      <c r="B5267" s="97"/>
      <c r="J5267" s="98"/>
      <c r="K5267" s="97"/>
      <c r="N5267" s="3"/>
      <c r="W5267" s="98"/>
      <c r="Z5267" s="143"/>
      <c r="AA5267" s="137"/>
      <c r="AB5267" s="137"/>
      <c r="AC5267" s="137"/>
      <c r="AD5267" s="137"/>
      <c r="AE5267" s="137"/>
      <c r="AF5267" s="137"/>
      <c r="AG5267" s="137"/>
      <c r="AH5267" s="137"/>
      <c r="AI5267" s="137"/>
      <c r="AJ5267" s="137"/>
      <c r="AK5267" s="206"/>
      <c r="AL5267" s="206"/>
      <c r="AM5267" s="143"/>
      <c r="AN5267" s="137"/>
      <c r="AO5267" s="137"/>
      <c r="AP5267" s="137"/>
      <c r="AQ5267" s="137"/>
      <c r="AR5267" s="137"/>
      <c r="AS5267" s="137"/>
      <c r="AT5267" s="137"/>
      <c r="AU5267" s="137"/>
      <c r="AV5267" s="137"/>
      <c r="AW5267" s="144"/>
    </row>
    <row r="5268" spans="2:49" x14ac:dyDescent="0.2">
      <c r="B5268" s="97"/>
      <c r="J5268" s="98"/>
      <c r="K5268" s="97"/>
      <c r="N5268" s="3"/>
      <c r="W5268" s="98"/>
      <c r="Z5268" s="143"/>
      <c r="AA5268" s="137"/>
      <c r="AB5268" s="137"/>
      <c r="AC5268" s="137"/>
      <c r="AD5268" s="137"/>
      <c r="AE5268" s="137"/>
      <c r="AF5268" s="137"/>
      <c r="AG5268" s="137"/>
      <c r="AH5268" s="137"/>
      <c r="AI5268" s="137"/>
      <c r="AJ5268" s="137"/>
      <c r="AK5268" s="206"/>
      <c r="AL5268" s="206"/>
      <c r="AM5268" s="143"/>
      <c r="AN5268" s="137"/>
      <c r="AO5268" s="137"/>
      <c r="AP5268" s="137"/>
      <c r="AQ5268" s="137"/>
      <c r="AR5268" s="137"/>
      <c r="AS5268" s="137"/>
      <c r="AT5268" s="137"/>
      <c r="AU5268" s="137"/>
      <c r="AV5268" s="137"/>
      <c r="AW5268" s="144"/>
    </row>
    <row r="5269" spans="2:49" x14ac:dyDescent="0.2">
      <c r="B5269" s="97"/>
      <c r="J5269" s="98"/>
      <c r="K5269" s="97"/>
      <c r="N5269" s="3"/>
      <c r="W5269" s="98"/>
      <c r="Z5269" s="143"/>
      <c r="AA5269" s="137"/>
      <c r="AB5269" s="137"/>
      <c r="AC5269" s="137"/>
      <c r="AD5269" s="137"/>
      <c r="AE5269" s="137"/>
      <c r="AF5269" s="137"/>
      <c r="AG5269" s="137"/>
      <c r="AH5269" s="137"/>
      <c r="AI5269" s="137"/>
      <c r="AJ5269" s="137"/>
      <c r="AK5269" s="206"/>
      <c r="AL5269" s="206"/>
      <c r="AM5269" s="143"/>
      <c r="AN5269" s="137"/>
      <c r="AO5269" s="137"/>
      <c r="AP5269" s="137"/>
      <c r="AQ5269" s="137"/>
      <c r="AR5269" s="137"/>
      <c r="AS5269" s="137"/>
      <c r="AT5269" s="137"/>
      <c r="AU5269" s="137"/>
      <c r="AV5269" s="137"/>
      <c r="AW5269" s="144"/>
    </row>
    <row r="5270" spans="2:49" x14ac:dyDescent="0.2">
      <c r="B5270" s="97"/>
      <c r="J5270" s="98"/>
      <c r="K5270" s="97"/>
      <c r="N5270" s="3"/>
      <c r="W5270" s="98"/>
      <c r="Z5270" s="143"/>
      <c r="AA5270" s="137"/>
      <c r="AB5270" s="137"/>
      <c r="AC5270" s="137"/>
      <c r="AD5270" s="137"/>
      <c r="AE5270" s="137"/>
      <c r="AF5270" s="137"/>
      <c r="AG5270" s="137"/>
      <c r="AH5270" s="137"/>
      <c r="AI5270" s="137"/>
      <c r="AJ5270" s="137"/>
      <c r="AK5270" s="206"/>
      <c r="AL5270" s="206"/>
      <c r="AM5270" s="143"/>
      <c r="AN5270" s="137"/>
      <c r="AO5270" s="137"/>
      <c r="AP5270" s="137"/>
      <c r="AQ5270" s="137"/>
      <c r="AR5270" s="137"/>
      <c r="AS5270" s="137"/>
      <c r="AT5270" s="137"/>
      <c r="AU5270" s="137"/>
      <c r="AV5270" s="137"/>
      <c r="AW5270" s="144"/>
    </row>
    <row r="5271" spans="2:49" x14ac:dyDescent="0.2">
      <c r="B5271" s="97"/>
      <c r="J5271" s="98"/>
      <c r="K5271" s="97"/>
      <c r="N5271" s="3"/>
      <c r="W5271" s="98"/>
      <c r="Z5271" s="143"/>
      <c r="AA5271" s="137"/>
      <c r="AB5271" s="137"/>
      <c r="AC5271" s="137"/>
      <c r="AD5271" s="137"/>
      <c r="AE5271" s="137"/>
      <c r="AF5271" s="137"/>
      <c r="AG5271" s="137"/>
      <c r="AH5271" s="137"/>
      <c r="AI5271" s="137"/>
      <c r="AJ5271" s="137"/>
      <c r="AK5271" s="206"/>
      <c r="AL5271" s="206"/>
      <c r="AM5271" s="143"/>
      <c r="AN5271" s="137"/>
      <c r="AO5271" s="137"/>
      <c r="AP5271" s="137"/>
      <c r="AQ5271" s="137"/>
      <c r="AR5271" s="137"/>
      <c r="AS5271" s="137"/>
      <c r="AT5271" s="137"/>
      <c r="AU5271" s="137"/>
      <c r="AV5271" s="137"/>
      <c r="AW5271" s="144"/>
    </row>
    <row r="5272" spans="2:49" x14ac:dyDescent="0.2">
      <c r="B5272" s="97"/>
      <c r="J5272" s="98"/>
      <c r="K5272" s="97"/>
      <c r="N5272" s="3"/>
      <c r="W5272" s="98"/>
      <c r="Z5272" s="143"/>
      <c r="AA5272" s="137"/>
      <c r="AB5272" s="137"/>
      <c r="AC5272" s="137"/>
      <c r="AD5272" s="137"/>
      <c r="AE5272" s="137"/>
      <c r="AF5272" s="137"/>
      <c r="AG5272" s="137"/>
      <c r="AH5272" s="137"/>
      <c r="AI5272" s="137"/>
      <c r="AJ5272" s="137"/>
      <c r="AK5272" s="206"/>
      <c r="AL5272" s="206"/>
      <c r="AM5272" s="143"/>
      <c r="AN5272" s="137"/>
      <c r="AO5272" s="137"/>
      <c r="AP5272" s="137"/>
      <c r="AQ5272" s="137"/>
      <c r="AR5272" s="137"/>
      <c r="AS5272" s="137"/>
      <c r="AT5272" s="137"/>
      <c r="AU5272" s="137"/>
      <c r="AV5272" s="137"/>
      <c r="AW5272" s="144"/>
    </row>
    <row r="5273" spans="2:49" x14ac:dyDescent="0.2">
      <c r="B5273" s="97"/>
      <c r="J5273" s="98"/>
      <c r="K5273" s="97"/>
      <c r="N5273" s="3"/>
      <c r="W5273" s="98"/>
      <c r="Z5273" s="143"/>
      <c r="AA5273" s="137"/>
      <c r="AB5273" s="137"/>
      <c r="AC5273" s="137"/>
      <c r="AD5273" s="137"/>
      <c r="AE5273" s="137"/>
      <c r="AF5273" s="137"/>
      <c r="AG5273" s="137"/>
      <c r="AH5273" s="137"/>
      <c r="AI5273" s="137"/>
      <c r="AJ5273" s="137"/>
      <c r="AK5273" s="206"/>
      <c r="AL5273" s="206"/>
      <c r="AM5273" s="143"/>
      <c r="AN5273" s="137"/>
      <c r="AO5273" s="137"/>
      <c r="AP5273" s="137"/>
      <c r="AQ5273" s="137"/>
      <c r="AR5273" s="137"/>
      <c r="AS5273" s="137"/>
      <c r="AT5273" s="137"/>
      <c r="AU5273" s="137"/>
      <c r="AV5273" s="137"/>
      <c r="AW5273" s="144"/>
    </row>
    <row r="5274" spans="2:49" x14ac:dyDescent="0.2">
      <c r="B5274" s="97"/>
      <c r="J5274" s="98"/>
      <c r="K5274" s="97"/>
      <c r="N5274" s="3"/>
      <c r="W5274" s="98"/>
      <c r="Z5274" s="143"/>
      <c r="AA5274" s="137"/>
      <c r="AB5274" s="137"/>
      <c r="AC5274" s="137"/>
      <c r="AD5274" s="137"/>
      <c r="AE5274" s="137"/>
      <c r="AF5274" s="137"/>
      <c r="AG5274" s="137"/>
      <c r="AH5274" s="137"/>
      <c r="AI5274" s="137"/>
      <c r="AJ5274" s="137"/>
      <c r="AK5274" s="206"/>
      <c r="AL5274" s="206"/>
      <c r="AM5274" s="143"/>
      <c r="AN5274" s="137"/>
      <c r="AO5274" s="137"/>
      <c r="AP5274" s="137"/>
      <c r="AQ5274" s="137"/>
      <c r="AR5274" s="137"/>
      <c r="AS5274" s="137"/>
      <c r="AT5274" s="137"/>
      <c r="AU5274" s="137"/>
      <c r="AV5274" s="137"/>
      <c r="AW5274" s="144"/>
    </row>
    <row r="5275" spans="2:49" x14ac:dyDescent="0.2">
      <c r="B5275" s="97"/>
      <c r="J5275" s="98"/>
      <c r="K5275" s="97"/>
      <c r="N5275" s="3"/>
      <c r="W5275" s="98"/>
      <c r="Z5275" s="143"/>
      <c r="AA5275" s="137"/>
      <c r="AB5275" s="137"/>
      <c r="AC5275" s="137"/>
      <c r="AD5275" s="137"/>
      <c r="AE5275" s="137"/>
      <c r="AF5275" s="137"/>
      <c r="AG5275" s="137"/>
      <c r="AH5275" s="137"/>
      <c r="AI5275" s="137"/>
      <c r="AJ5275" s="137"/>
      <c r="AK5275" s="206"/>
      <c r="AL5275" s="206"/>
      <c r="AM5275" s="143"/>
      <c r="AN5275" s="137"/>
      <c r="AO5275" s="137"/>
      <c r="AP5275" s="137"/>
      <c r="AQ5275" s="137"/>
      <c r="AR5275" s="137"/>
      <c r="AS5275" s="137"/>
      <c r="AT5275" s="137"/>
      <c r="AU5275" s="137"/>
      <c r="AV5275" s="137"/>
      <c r="AW5275" s="144"/>
    </row>
    <row r="5276" spans="2:49" x14ac:dyDescent="0.2">
      <c r="B5276" s="97"/>
      <c r="J5276" s="98"/>
      <c r="K5276" s="97"/>
      <c r="N5276" s="3"/>
      <c r="W5276" s="98"/>
      <c r="Z5276" s="143"/>
      <c r="AA5276" s="137"/>
      <c r="AB5276" s="137"/>
      <c r="AC5276" s="137"/>
      <c r="AD5276" s="137"/>
      <c r="AE5276" s="137"/>
      <c r="AF5276" s="137"/>
      <c r="AG5276" s="137"/>
      <c r="AH5276" s="137"/>
      <c r="AI5276" s="137"/>
      <c r="AJ5276" s="137"/>
      <c r="AK5276" s="206"/>
      <c r="AL5276" s="206"/>
      <c r="AM5276" s="143"/>
      <c r="AN5276" s="137"/>
      <c r="AO5276" s="137"/>
      <c r="AP5276" s="137"/>
      <c r="AQ5276" s="137"/>
      <c r="AR5276" s="137"/>
      <c r="AS5276" s="137"/>
      <c r="AT5276" s="137"/>
      <c r="AU5276" s="137"/>
      <c r="AV5276" s="137"/>
      <c r="AW5276" s="144"/>
    </row>
    <row r="5277" spans="2:49" x14ac:dyDescent="0.2">
      <c r="B5277" s="97"/>
      <c r="J5277" s="98"/>
      <c r="K5277" s="97"/>
      <c r="N5277" s="3"/>
      <c r="W5277" s="98"/>
      <c r="Z5277" s="143"/>
      <c r="AA5277" s="137"/>
      <c r="AB5277" s="137"/>
      <c r="AC5277" s="137"/>
      <c r="AD5277" s="137"/>
      <c r="AE5277" s="137"/>
      <c r="AF5277" s="137"/>
      <c r="AG5277" s="137"/>
      <c r="AH5277" s="137"/>
      <c r="AI5277" s="137"/>
      <c r="AJ5277" s="137"/>
      <c r="AK5277" s="206"/>
      <c r="AL5277" s="206"/>
      <c r="AM5277" s="143"/>
      <c r="AN5277" s="137"/>
      <c r="AO5277" s="137"/>
      <c r="AP5277" s="137"/>
      <c r="AQ5277" s="137"/>
      <c r="AR5277" s="137"/>
      <c r="AS5277" s="137"/>
      <c r="AT5277" s="137"/>
      <c r="AU5277" s="137"/>
      <c r="AV5277" s="137"/>
      <c r="AW5277" s="144"/>
    </row>
    <row r="5278" spans="2:49" x14ac:dyDescent="0.2">
      <c r="B5278" s="97"/>
      <c r="J5278" s="98"/>
      <c r="K5278" s="97"/>
      <c r="N5278" s="3"/>
      <c r="W5278" s="98"/>
      <c r="Z5278" s="143"/>
      <c r="AA5278" s="137"/>
      <c r="AB5278" s="137"/>
      <c r="AC5278" s="137"/>
      <c r="AD5278" s="137"/>
      <c r="AE5278" s="137"/>
      <c r="AF5278" s="137"/>
      <c r="AG5278" s="137"/>
      <c r="AH5278" s="137"/>
      <c r="AI5278" s="137"/>
      <c r="AJ5278" s="137"/>
      <c r="AK5278" s="206"/>
      <c r="AL5278" s="206"/>
      <c r="AM5278" s="143"/>
      <c r="AN5278" s="137"/>
      <c r="AO5278" s="137"/>
      <c r="AP5278" s="137"/>
      <c r="AQ5278" s="137"/>
      <c r="AR5278" s="137"/>
      <c r="AS5278" s="137"/>
      <c r="AT5278" s="137"/>
      <c r="AU5278" s="137"/>
      <c r="AV5278" s="137"/>
      <c r="AW5278" s="144"/>
    </row>
    <row r="5279" spans="2:49" x14ac:dyDescent="0.2">
      <c r="B5279" s="97"/>
      <c r="J5279" s="98"/>
      <c r="K5279" s="97"/>
      <c r="N5279" s="3"/>
      <c r="W5279" s="98"/>
      <c r="Z5279" s="143"/>
      <c r="AA5279" s="137"/>
      <c r="AB5279" s="137"/>
      <c r="AC5279" s="137"/>
      <c r="AD5279" s="137"/>
      <c r="AE5279" s="137"/>
      <c r="AF5279" s="137"/>
      <c r="AG5279" s="137"/>
      <c r="AH5279" s="137"/>
      <c r="AI5279" s="137"/>
      <c r="AJ5279" s="137"/>
      <c r="AK5279" s="206"/>
      <c r="AL5279" s="206"/>
      <c r="AM5279" s="143"/>
      <c r="AN5279" s="137"/>
      <c r="AO5279" s="137"/>
      <c r="AP5279" s="137"/>
      <c r="AQ5279" s="137"/>
      <c r="AR5279" s="137"/>
      <c r="AS5279" s="137"/>
      <c r="AT5279" s="137"/>
      <c r="AU5279" s="137"/>
      <c r="AV5279" s="137"/>
      <c r="AW5279" s="144"/>
    </row>
    <row r="5280" spans="2:49" x14ac:dyDescent="0.2">
      <c r="B5280" s="97"/>
      <c r="J5280" s="98"/>
      <c r="K5280" s="97"/>
      <c r="N5280" s="3"/>
      <c r="W5280" s="98"/>
      <c r="Z5280" s="143"/>
      <c r="AA5280" s="137"/>
      <c r="AB5280" s="137"/>
      <c r="AC5280" s="137"/>
      <c r="AD5280" s="137"/>
      <c r="AE5280" s="137"/>
      <c r="AF5280" s="137"/>
      <c r="AG5280" s="137"/>
      <c r="AH5280" s="137"/>
      <c r="AI5280" s="137"/>
      <c r="AJ5280" s="137"/>
      <c r="AK5280" s="206"/>
      <c r="AL5280" s="206"/>
      <c r="AM5280" s="143"/>
      <c r="AN5280" s="137"/>
      <c r="AO5280" s="137"/>
      <c r="AP5280" s="137"/>
      <c r="AQ5280" s="137"/>
      <c r="AR5280" s="137"/>
      <c r="AS5280" s="137"/>
      <c r="AT5280" s="137"/>
      <c r="AU5280" s="137"/>
      <c r="AV5280" s="137"/>
      <c r="AW5280" s="144"/>
    </row>
    <row r="5281" spans="2:49" x14ac:dyDescent="0.2">
      <c r="B5281" s="97"/>
      <c r="J5281" s="98"/>
      <c r="K5281" s="97"/>
      <c r="N5281" s="3"/>
      <c r="W5281" s="98"/>
      <c r="Z5281" s="143"/>
      <c r="AA5281" s="137"/>
      <c r="AB5281" s="137"/>
      <c r="AC5281" s="137"/>
      <c r="AD5281" s="137"/>
      <c r="AE5281" s="137"/>
      <c r="AF5281" s="137"/>
      <c r="AG5281" s="137"/>
      <c r="AH5281" s="137"/>
      <c r="AI5281" s="137"/>
      <c r="AJ5281" s="137"/>
      <c r="AK5281" s="206"/>
      <c r="AL5281" s="206"/>
      <c r="AM5281" s="143"/>
      <c r="AN5281" s="137"/>
      <c r="AO5281" s="137"/>
      <c r="AP5281" s="137"/>
      <c r="AQ5281" s="137"/>
      <c r="AR5281" s="137"/>
      <c r="AS5281" s="137"/>
      <c r="AT5281" s="137"/>
      <c r="AU5281" s="137"/>
      <c r="AV5281" s="137"/>
      <c r="AW5281" s="144"/>
    </row>
    <row r="5282" spans="2:49" x14ac:dyDescent="0.2">
      <c r="B5282" s="97"/>
      <c r="J5282" s="98"/>
      <c r="K5282" s="97"/>
      <c r="N5282" s="3"/>
      <c r="W5282" s="98"/>
      <c r="Z5282" s="143"/>
      <c r="AA5282" s="137"/>
      <c r="AB5282" s="137"/>
      <c r="AC5282" s="137"/>
      <c r="AD5282" s="137"/>
      <c r="AE5282" s="137"/>
      <c r="AF5282" s="137"/>
      <c r="AG5282" s="137"/>
      <c r="AH5282" s="137"/>
      <c r="AI5282" s="137"/>
      <c r="AJ5282" s="137"/>
      <c r="AK5282" s="206"/>
      <c r="AL5282" s="206"/>
      <c r="AM5282" s="143"/>
      <c r="AN5282" s="137"/>
      <c r="AO5282" s="137"/>
      <c r="AP5282" s="137"/>
      <c r="AQ5282" s="137"/>
      <c r="AR5282" s="137"/>
      <c r="AS5282" s="137"/>
      <c r="AT5282" s="137"/>
      <c r="AU5282" s="137"/>
      <c r="AV5282" s="137"/>
      <c r="AW5282" s="144"/>
    </row>
    <row r="5283" spans="2:49" x14ac:dyDescent="0.2">
      <c r="B5283" s="97"/>
      <c r="J5283" s="98"/>
      <c r="K5283" s="97"/>
      <c r="N5283" s="3"/>
      <c r="W5283" s="98"/>
      <c r="Z5283" s="143"/>
      <c r="AA5283" s="137"/>
      <c r="AB5283" s="137"/>
      <c r="AC5283" s="137"/>
      <c r="AD5283" s="137"/>
      <c r="AE5283" s="137"/>
      <c r="AF5283" s="137"/>
      <c r="AG5283" s="137"/>
      <c r="AH5283" s="137"/>
      <c r="AI5283" s="137"/>
      <c r="AJ5283" s="137"/>
      <c r="AK5283" s="206"/>
      <c r="AL5283" s="206"/>
      <c r="AM5283" s="143"/>
      <c r="AN5283" s="137"/>
      <c r="AO5283" s="137"/>
      <c r="AP5283" s="137"/>
      <c r="AQ5283" s="137"/>
      <c r="AR5283" s="137"/>
      <c r="AS5283" s="137"/>
      <c r="AT5283" s="137"/>
      <c r="AU5283" s="137"/>
      <c r="AV5283" s="137"/>
      <c r="AW5283" s="144"/>
    </row>
    <row r="5284" spans="2:49" x14ac:dyDescent="0.2">
      <c r="B5284" s="97"/>
      <c r="J5284" s="98"/>
      <c r="K5284" s="97"/>
      <c r="N5284" s="3"/>
      <c r="W5284" s="98"/>
      <c r="Z5284" s="143"/>
      <c r="AA5284" s="137"/>
      <c r="AB5284" s="137"/>
      <c r="AC5284" s="137"/>
      <c r="AD5284" s="137"/>
      <c r="AE5284" s="137"/>
      <c r="AF5284" s="137"/>
      <c r="AG5284" s="137"/>
      <c r="AH5284" s="137"/>
      <c r="AI5284" s="137"/>
      <c r="AJ5284" s="137"/>
      <c r="AK5284" s="206"/>
      <c r="AL5284" s="206"/>
      <c r="AM5284" s="143"/>
      <c r="AN5284" s="137"/>
      <c r="AO5284" s="137"/>
      <c r="AP5284" s="137"/>
      <c r="AQ5284" s="137"/>
      <c r="AR5284" s="137"/>
      <c r="AS5284" s="137"/>
      <c r="AT5284" s="137"/>
      <c r="AU5284" s="137"/>
      <c r="AV5284" s="137"/>
      <c r="AW5284" s="144"/>
    </row>
    <row r="5285" spans="2:49" x14ac:dyDescent="0.2">
      <c r="B5285" s="97"/>
      <c r="J5285" s="98"/>
      <c r="K5285" s="97"/>
      <c r="N5285" s="3"/>
      <c r="W5285" s="98"/>
      <c r="Z5285" s="143"/>
      <c r="AA5285" s="137"/>
      <c r="AB5285" s="137"/>
      <c r="AC5285" s="137"/>
      <c r="AD5285" s="137"/>
      <c r="AE5285" s="137"/>
      <c r="AF5285" s="137"/>
      <c r="AG5285" s="137"/>
      <c r="AH5285" s="137"/>
      <c r="AI5285" s="137"/>
      <c r="AJ5285" s="137"/>
      <c r="AK5285" s="206"/>
      <c r="AL5285" s="206"/>
      <c r="AM5285" s="143"/>
      <c r="AN5285" s="137"/>
      <c r="AO5285" s="137"/>
      <c r="AP5285" s="137"/>
      <c r="AQ5285" s="137"/>
      <c r="AR5285" s="137"/>
      <c r="AS5285" s="137"/>
      <c r="AT5285" s="137"/>
      <c r="AU5285" s="137"/>
      <c r="AV5285" s="137"/>
      <c r="AW5285" s="144"/>
    </row>
    <row r="5286" spans="2:49" x14ac:dyDescent="0.2">
      <c r="B5286" s="97"/>
      <c r="J5286" s="98"/>
      <c r="K5286" s="97"/>
      <c r="N5286" s="3"/>
      <c r="W5286" s="98"/>
      <c r="Z5286" s="143"/>
      <c r="AA5286" s="137"/>
      <c r="AB5286" s="137"/>
      <c r="AC5286" s="137"/>
      <c r="AD5286" s="137"/>
      <c r="AE5286" s="137"/>
      <c r="AF5286" s="137"/>
      <c r="AG5286" s="137"/>
      <c r="AH5286" s="137"/>
      <c r="AI5286" s="137"/>
      <c r="AJ5286" s="137"/>
      <c r="AK5286" s="206"/>
      <c r="AL5286" s="206"/>
      <c r="AM5286" s="143"/>
      <c r="AN5286" s="137"/>
      <c r="AO5286" s="137"/>
      <c r="AP5286" s="137"/>
      <c r="AQ5286" s="137"/>
      <c r="AR5286" s="137"/>
      <c r="AS5286" s="137"/>
      <c r="AT5286" s="137"/>
      <c r="AU5286" s="137"/>
      <c r="AV5286" s="137"/>
      <c r="AW5286" s="144"/>
    </row>
    <row r="5287" spans="2:49" x14ac:dyDescent="0.2">
      <c r="B5287" s="97"/>
      <c r="J5287" s="98"/>
      <c r="K5287" s="97"/>
      <c r="N5287" s="3"/>
      <c r="W5287" s="98"/>
      <c r="Z5287" s="143"/>
      <c r="AA5287" s="137"/>
      <c r="AB5287" s="137"/>
      <c r="AC5287" s="137"/>
      <c r="AD5287" s="137"/>
      <c r="AE5287" s="137"/>
      <c r="AF5287" s="137"/>
      <c r="AG5287" s="137"/>
      <c r="AH5287" s="137"/>
      <c r="AI5287" s="137"/>
      <c r="AJ5287" s="137"/>
      <c r="AK5287" s="206"/>
      <c r="AL5287" s="206"/>
      <c r="AM5287" s="143"/>
      <c r="AN5287" s="137"/>
      <c r="AO5287" s="137"/>
      <c r="AP5287" s="137"/>
      <c r="AQ5287" s="137"/>
      <c r="AR5287" s="137"/>
      <c r="AS5287" s="137"/>
      <c r="AT5287" s="137"/>
      <c r="AU5287" s="137"/>
      <c r="AV5287" s="137"/>
      <c r="AW5287" s="144"/>
    </row>
    <row r="5288" spans="2:49" x14ac:dyDescent="0.2">
      <c r="B5288" s="97"/>
      <c r="J5288" s="98"/>
      <c r="K5288" s="97"/>
      <c r="N5288" s="3"/>
      <c r="W5288" s="98"/>
      <c r="Z5288" s="143"/>
      <c r="AA5288" s="137"/>
      <c r="AB5288" s="137"/>
      <c r="AC5288" s="137"/>
      <c r="AD5288" s="137"/>
      <c r="AE5288" s="137"/>
      <c r="AF5288" s="137"/>
      <c r="AG5288" s="137"/>
      <c r="AH5288" s="137"/>
      <c r="AI5288" s="137"/>
      <c r="AJ5288" s="137"/>
      <c r="AK5288" s="206"/>
      <c r="AL5288" s="206"/>
      <c r="AM5288" s="143"/>
      <c r="AN5288" s="137"/>
      <c r="AO5288" s="137"/>
      <c r="AP5288" s="137"/>
      <c r="AQ5288" s="137"/>
      <c r="AR5288" s="137"/>
      <c r="AS5288" s="137"/>
      <c r="AT5288" s="137"/>
      <c r="AU5288" s="137"/>
      <c r="AV5288" s="137"/>
      <c r="AW5288" s="144"/>
    </row>
    <row r="5289" spans="2:49" x14ac:dyDescent="0.2">
      <c r="B5289" s="97"/>
      <c r="J5289" s="98"/>
      <c r="K5289" s="97"/>
      <c r="N5289" s="3"/>
      <c r="W5289" s="98"/>
      <c r="Z5289" s="143"/>
      <c r="AA5289" s="137"/>
      <c r="AB5289" s="137"/>
      <c r="AC5289" s="137"/>
      <c r="AD5289" s="137"/>
      <c r="AE5289" s="137"/>
      <c r="AF5289" s="137"/>
      <c r="AG5289" s="137"/>
      <c r="AH5289" s="137"/>
      <c r="AI5289" s="137"/>
      <c r="AJ5289" s="137"/>
      <c r="AK5289" s="206"/>
      <c r="AL5289" s="206"/>
      <c r="AM5289" s="143"/>
      <c r="AN5289" s="137"/>
      <c r="AO5289" s="137"/>
      <c r="AP5289" s="137"/>
      <c r="AQ5289" s="137"/>
      <c r="AR5289" s="137"/>
      <c r="AS5289" s="137"/>
      <c r="AT5289" s="137"/>
      <c r="AU5289" s="137"/>
      <c r="AV5289" s="137"/>
      <c r="AW5289" s="144"/>
    </row>
    <row r="5290" spans="2:49" x14ac:dyDescent="0.2">
      <c r="B5290" s="97"/>
      <c r="J5290" s="98"/>
      <c r="K5290" s="97"/>
      <c r="N5290" s="3"/>
      <c r="W5290" s="98"/>
      <c r="Z5290" s="143"/>
      <c r="AA5290" s="137"/>
      <c r="AB5290" s="137"/>
      <c r="AC5290" s="137"/>
      <c r="AD5290" s="137"/>
      <c r="AE5290" s="137"/>
      <c r="AF5290" s="137"/>
      <c r="AG5290" s="137"/>
      <c r="AH5290" s="137"/>
      <c r="AI5290" s="137"/>
      <c r="AJ5290" s="137"/>
      <c r="AK5290" s="206"/>
      <c r="AL5290" s="206"/>
      <c r="AM5290" s="143"/>
      <c r="AN5290" s="137"/>
      <c r="AO5290" s="137"/>
      <c r="AP5290" s="137"/>
      <c r="AQ5290" s="137"/>
      <c r="AR5290" s="137"/>
      <c r="AS5290" s="137"/>
      <c r="AT5290" s="137"/>
      <c r="AU5290" s="137"/>
      <c r="AV5290" s="137"/>
      <c r="AW5290" s="144"/>
    </row>
    <row r="5291" spans="2:49" x14ac:dyDescent="0.2">
      <c r="B5291" s="97"/>
      <c r="J5291" s="98"/>
      <c r="K5291" s="97"/>
      <c r="N5291" s="3"/>
      <c r="W5291" s="98"/>
      <c r="Z5291" s="143"/>
      <c r="AA5291" s="137"/>
      <c r="AB5291" s="137"/>
      <c r="AC5291" s="137"/>
      <c r="AD5291" s="137"/>
      <c r="AE5291" s="137"/>
      <c r="AF5291" s="137"/>
      <c r="AG5291" s="137"/>
      <c r="AH5291" s="137"/>
      <c r="AI5291" s="137"/>
      <c r="AJ5291" s="137"/>
      <c r="AK5291" s="206"/>
      <c r="AL5291" s="206"/>
      <c r="AM5291" s="143"/>
      <c r="AN5291" s="137"/>
      <c r="AO5291" s="137"/>
      <c r="AP5291" s="137"/>
      <c r="AQ5291" s="137"/>
      <c r="AR5291" s="137"/>
      <c r="AS5291" s="137"/>
      <c r="AT5291" s="137"/>
      <c r="AU5291" s="137"/>
      <c r="AV5291" s="137"/>
      <c r="AW5291" s="144"/>
    </row>
    <row r="5292" spans="2:49" x14ac:dyDescent="0.2">
      <c r="B5292" s="97"/>
      <c r="J5292" s="98"/>
      <c r="K5292" s="97"/>
      <c r="N5292" s="3"/>
      <c r="W5292" s="98"/>
      <c r="Z5292" s="143"/>
      <c r="AA5292" s="137"/>
      <c r="AB5292" s="137"/>
      <c r="AC5292" s="137"/>
      <c r="AD5292" s="137"/>
      <c r="AE5292" s="137"/>
      <c r="AF5292" s="137"/>
      <c r="AG5292" s="137"/>
      <c r="AH5292" s="137"/>
      <c r="AI5292" s="137"/>
      <c r="AJ5292" s="137"/>
      <c r="AK5292" s="206"/>
      <c r="AL5292" s="206"/>
      <c r="AM5292" s="143"/>
      <c r="AN5292" s="137"/>
      <c r="AO5292" s="137"/>
      <c r="AP5292" s="137"/>
      <c r="AQ5292" s="137"/>
      <c r="AR5292" s="137"/>
      <c r="AS5292" s="137"/>
      <c r="AT5292" s="137"/>
      <c r="AU5292" s="137"/>
      <c r="AV5292" s="137"/>
      <c r="AW5292" s="144"/>
    </row>
    <row r="5293" spans="2:49" x14ac:dyDescent="0.2">
      <c r="B5293" s="97"/>
      <c r="J5293" s="98"/>
      <c r="K5293" s="97"/>
      <c r="N5293" s="3"/>
      <c r="W5293" s="98"/>
      <c r="Z5293" s="143"/>
      <c r="AA5293" s="137"/>
      <c r="AB5293" s="137"/>
      <c r="AC5293" s="137"/>
      <c r="AD5293" s="137"/>
      <c r="AE5293" s="137"/>
      <c r="AF5293" s="137"/>
      <c r="AG5293" s="137"/>
      <c r="AH5293" s="137"/>
      <c r="AI5293" s="137"/>
      <c r="AJ5293" s="137"/>
      <c r="AK5293" s="206"/>
      <c r="AL5293" s="206"/>
      <c r="AM5293" s="143"/>
      <c r="AN5293" s="137"/>
      <c r="AO5293" s="137"/>
      <c r="AP5293" s="137"/>
      <c r="AQ5293" s="137"/>
      <c r="AR5293" s="137"/>
      <c r="AS5293" s="137"/>
      <c r="AT5293" s="137"/>
      <c r="AU5293" s="137"/>
      <c r="AV5293" s="137"/>
      <c r="AW5293" s="144"/>
    </row>
    <row r="5294" spans="2:49" x14ac:dyDescent="0.2">
      <c r="B5294" s="97"/>
      <c r="J5294" s="98"/>
      <c r="K5294" s="97"/>
      <c r="N5294" s="3"/>
      <c r="W5294" s="98"/>
      <c r="Z5294" s="143"/>
      <c r="AA5294" s="137"/>
      <c r="AB5294" s="137"/>
      <c r="AC5294" s="137"/>
      <c r="AD5294" s="137"/>
      <c r="AE5294" s="137"/>
      <c r="AF5294" s="137"/>
      <c r="AG5294" s="137"/>
      <c r="AH5294" s="137"/>
      <c r="AI5294" s="137"/>
      <c r="AJ5294" s="137"/>
      <c r="AK5294" s="206"/>
      <c r="AL5294" s="206"/>
      <c r="AM5294" s="143"/>
      <c r="AN5294" s="137"/>
      <c r="AO5294" s="137"/>
      <c r="AP5294" s="137"/>
      <c r="AQ5294" s="137"/>
      <c r="AR5294" s="137"/>
      <c r="AS5294" s="137"/>
      <c r="AT5294" s="137"/>
      <c r="AU5294" s="137"/>
      <c r="AV5294" s="137"/>
      <c r="AW5294" s="144"/>
    </row>
    <row r="5295" spans="2:49" x14ac:dyDescent="0.2">
      <c r="B5295" s="97"/>
      <c r="J5295" s="98"/>
      <c r="K5295" s="97"/>
      <c r="N5295" s="3"/>
      <c r="W5295" s="98"/>
      <c r="Z5295" s="143"/>
      <c r="AA5295" s="137"/>
      <c r="AB5295" s="137"/>
      <c r="AC5295" s="137"/>
      <c r="AD5295" s="137"/>
      <c r="AE5295" s="137"/>
      <c r="AF5295" s="137"/>
      <c r="AG5295" s="137"/>
      <c r="AH5295" s="137"/>
      <c r="AI5295" s="137"/>
      <c r="AJ5295" s="137"/>
      <c r="AK5295" s="206"/>
      <c r="AL5295" s="206"/>
      <c r="AM5295" s="143"/>
      <c r="AN5295" s="137"/>
      <c r="AO5295" s="137"/>
      <c r="AP5295" s="137"/>
      <c r="AQ5295" s="137"/>
      <c r="AR5295" s="137"/>
      <c r="AS5295" s="137"/>
      <c r="AT5295" s="137"/>
      <c r="AU5295" s="137"/>
      <c r="AV5295" s="137"/>
      <c r="AW5295" s="144"/>
    </row>
    <row r="5296" spans="2:49" x14ac:dyDescent="0.2">
      <c r="B5296" s="97"/>
      <c r="J5296" s="98"/>
      <c r="K5296" s="97"/>
      <c r="N5296" s="3"/>
      <c r="W5296" s="98"/>
      <c r="Z5296" s="143"/>
      <c r="AA5296" s="137"/>
      <c r="AB5296" s="137"/>
      <c r="AC5296" s="137"/>
      <c r="AD5296" s="137"/>
      <c r="AE5296" s="137"/>
      <c r="AF5296" s="137"/>
      <c r="AG5296" s="137"/>
      <c r="AH5296" s="137"/>
      <c r="AI5296" s="137"/>
      <c r="AJ5296" s="137"/>
      <c r="AK5296" s="206"/>
      <c r="AL5296" s="206"/>
      <c r="AM5296" s="143"/>
      <c r="AN5296" s="137"/>
      <c r="AO5296" s="137"/>
      <c r="AP5296" s="137"/>
      <c r="AQ5296" s="137"/>
      <c r="AR5296" s="137"/>
      <c r="AS5296" s="137"/>
      <c r="AT5296" s="137"/>
      <c r="AU5296" s="137"/>
      <c r="AV5296" s="137"/>
      <c r="AW5296" s="144"/>
    </row>
    <row r="5297" spans="2:49" x14ac:dyDescent="0.2">
      <c r="B5297" s="97"/>
      <c r="J5297" s="98"/>
      <c r="K5297" s="97"/>
      <c r="N5297" s="3"/>
      <c r="W5297" s="98"/>
      <c r="Z5297" s="143"/>
      <c r="AA5297" s="137"/>
      <c r="AB5297" s="137"/>
      <c r="AC5297" s="137"/>
      <c r="AD5297" s="137"/>
      <c r="AE5297" s="137"/>
      <c r="AF5297" s="137"/>
      <c r="AG5297" s="137"/>
      <c r="AH5297" s="137"/>
      <c r="AI5297" s="137"/>
      <c r="AJ5297" s="137"/>
      <c r="AK5297" s="206"/>
      <c r="AL5297" s="206"/>
      <c r="AM5297" s="143"/>
      <c r="AN5297" s="137"/>
      <c r="AO5297" s="137"/>
      <c r="AP5297" s="137"/>
      <c r="AQ5297" s="137"/>
      <c r="AR5297" s="137"/>
      <c r="AS5297" s="137"/>
      <c r="AT5297" s="137"/>
      <c r="AU5297" s="137"/>
      <c r="AV5297" s="137"/>
      <c r="AW5297" s="144"/>
    </row>
    <row r="5298" spans="2:49" x14ac:dyDescent="0.2">
      <c r="B5298" s="97"/>
      <c r="J5298" s="98"/>
      <c r="K5298" s="97"/>
      <c r="N5298" s="3"/>
      <c r="W5298" s="98"/>
      <c r="Z5298" s="143"/>
      <c r="AA5298" s="137"/>
      <c r="AB5298" s="137"/>
      <c r="AC5298" s="137"/>
      <c r="AD5298" s="137"/>
      <c r="AE5298" s="137"/>
      <c r="AF5298" s="137"/>
      <c r="AG5298" s="137"/>
      <c r="AH5298" s="137"/>
      <c r="AI5298" s="137"/>
      <c r="AJ5298" s="137"/>
      <c r="AK5298" s="206"/>
      <c r="AL5298" s="206"/>
      <c r="AM5298" s="143"/>
      <c r="AN5298" s="137"/>
      <c r="AO5298" s="137"/>
      <c r="AP5298" s="137"/>
      <c r="AQ5298" s="137"/>
      <c r="AR5298" s="137"/>
      <c r="AS5298" s="137"/>
      <c r="AT5298" s="137"/>
      <c r="AU5298" s="137"/>
      <c r="AV5298" s="137"/>
      <c r="AW5298" s="144"/>
    </row>
    <row r="5299" spans="2:49" x14ac:dyDescent="0.2">
      <c r="B5299" s="97"/>
      <c r="J5299" s="98"/>
      <c r="K5299" s="97"/>
      <c r="N5299" s="3"/>
      <c r="W5299" s="98"/>
      <c r="Z5299" s="143"/>
      <c r="AA5299" s="137"/>
      <c r="AB5299" s="137"/>
      <c r="AC5299" s="137"/>
      <c r="AD5299" s="137"/>
      <c r="AE5299" s="137"/>
      <c r="AF5299" s="137"/>
      <c r="AG5299" s="137"/>
      <c r="AH5299" s="137"/>
      <c r="AI5299" s="137"/>
      <c r="AJ5299" s="137"/>
      <c r="AK5299" s="206"/>
      <c r="AL5299" s="206"/>
      <c r="AM5299" s="143"/>
      <c r="AN5299" s="137"/>
      <c r="AO5299" s="137"/>
      <c r="AP5299" s="137"/>
      <c r="AQ5299" s="137"/>
      <c r="AR5299" s="137"/>
      <c r="AS5299" s="137"/>
      <c r="AT5299" s="137"/>
      <c r="AU5299" s="137"/>
      <c r="AV5299" s="137"/>
      <c r="AW5299" s="144"/>
    </row>
    <row r="5300" spans="2:49" x14ac:dyDescent="0.2">
      <c r="B5300" s="97"/>
      <c r="J5300" s="98"/>
      <c r="K5300" s="97"/>
      <c r="N5300" s="3"/>
      <c r="W5300" s="98"/>
      <c r="Z5300" s="143"/>
      <c r="AA5300" s="137"/>
      <c r="AB5300" s="137"/>
      <c r="AC5300" s="137"/>
      <c r="AD5300" s="137"/>
      <c r="AE5300" s="137"/>
      <c r="AF5300" s="137"/>
      <c r="AG5300" s="137"/>
      <c r="AH5300" s="137"/>
      <c r="AI5300" s="137"/>
      <c r="AJ5300" s="137"/>
      <c r="AK5300" s="206"/>
      <c r="AL5300" s="206"/>
      <c r="AM5300" s="143"/>
      <c r="AN5300" s="137"/>
      <c r="AO5300" s="137"/>
      <c r="AP5300" s="137"/>
      <c r="AQ5300" s="137"/>
      <c r="AR5300" s="137"/>
      <c r="AS5300" s="137"/>
      <c r="AT5300" s="137"/>
      <c r="AU5300" s="137"/>
      <c r="AV5300" s="137"/>
      <c r="AW5300" s="144"/>
    </row>
    <row r="5301" spans="2:49" x14ac:dyDescent="0.2">
      <c r="B5301" s="97"/>
      <c r="J5301" s="98"/>
      <c r="K5301" s="97"/>
      <c r="N5301" s="3"/>
      <c r="W5301" s="98"/>
      <c r="Z5301" s="143"/>
      <c r="AA5301" s="137"/>
      <c r="AB5301" s="137"/>
      <c r="AC5301" s="137"/>
      <c r="AD5301" s="137"/>
      <c r="AE5301" s="137"/>
      <c r="AF5301" s="137"/>
      <c r="AG5301" s="137"/>
      <c r="AH5301" s="137"/>
      <c r="AI5301" s="137"/>
      <c r="AJ5301" s="137"/>
      <c r="AK5301" s="206"/>
      <c r="AL5301" s="206"/>
      <c r="AM5301" s="143"/>
      <c r="AN5301" s="137"/>
      <c r="AO5301" s="137"/>
      <c r="AP5301" s="137"/>
      <c r="AQ5301" s="137"/>
      <c r="AR5301" s="137"/>
      <c r="AS5301" s="137"/>
      <c r="AT5301" s="137"/>
      <c r="AU5301" s="137"/>
      <c r="AV5301" s="137"/>
      <c r="AW5301" s="144"/>
    </row>
    <row r="5302" spans="2:49" x14ac:dyDescent="0.2">
      <c r="B5302" s="97"/>
      <c r="J5302" s="98"/>
      <c r="K5302" s="97"/>
      <c r="N5302" s="3"/>
      <c r="W5302" s="98"/>
      <c r="Z5302" s="143"/>
      <c r="AA5302" s="137"/>
      <c r="AB5302" s="137"/>
      <c r="AC5302" s="137"/>
      <c r="AD5302" s="137"/>
      <c r="AE5302" s="137"/>
      <c r="AF5302" s="137"/>
      <c r="AG5302" s="137"/>
      <c r="AH5302" s="137"/>
      <c r="AI5302" s="137"/>
      <c r="AJ5302" s="137"/>
      <c r="AK5302" s="206"/>
      <c r="AL5302" s="206"/>
      <c r="AM5302" s="143"/>
      <c r="AN5302" s="137"/>
      <c r="AO5302" s="137"/>
      <c r="AP5302" s="137"/>
      <c r="AQ5302" s="137"/>
      <c r="AR5302" s="137"/>
      <c r="AS5302" s="137"/>
      <c r="AT5302" s="137"/>
      <c r="AU5302" s="137"/>
      <c r="AV5302" s="137"/>
      <c r="AW5302" s="144"/>
    </row>
    <row r="5303" spans="2:49" x14ac:dyDescent="0.2">
      <c r="B5303" s="97"/>
      <c r="J5303" s="98"/>
      <c r="K5303" s="97"/>
      <c r="N5303" s="3"/>
      <c r="W5303" s="98"/>
      <c r="Z5303" s="143"/>
      <c r="AA5303" s="137"/>
      <c r="AB5303" s="137"/>
      <c r="AC5303" s="137"/>
      <c r="AD5303" s="137"/>
      <c r="AE5303" s="137"/>
      <c r="AF5303" s="137"/>
      <c r="AG5303" s="137"/>
      <c r="AH5303" s="137"/>
      <c r="AI5303" s="137"/>
      <c r="AJ5303" s="137"/>
      <c r="AK5303" s="206"/>
      <c r="AL5303" s="206"/>
      <c r="AM5303" s="143"/>
      <c r="AN5303" s="137"/>
      <c r="AO5303" s="137"/>
      <c r="AP5303" s="137"/>
      <c r="AQ5303" s="137"/>
      <c r="AR5303" s="137"/>
      <c r="AS5303" s="137"/>
      <c r="AT5303" s="137"/>
      <c r="AU5303" s="137"/>
      <c r="AV5303" s="137"/>
      <c r="AW5303" s="144"/>
    </row>
    <row r="5304" spans="2:49" x14ac:dyDescent="0.2">
      <c r="B5304" s="97"/>
      <c r="J5304" s="98"/>
      <c r="K5304" s="97"/>
      <c r="N5304" s="3"/>
      <c r="W5304" s="98"/>
      <c r="Z5304" s="143"/>
      <c r="AA5304" s="137"/>
      <c r="AB5304" s="137"/>
      <c r="AC5304" s="137"/>
      <c r="AD5304" s="137"/>
      <c r="AE5304" s="137"/>
      <c r="AF5304" s="137"/>
      <c r="AG5304" s="137"/>
      <c r="AH5304" s="137"/>
      <c r="AI5304" s="137"/>
      <c r="AJ5304" s="137"/>
      <c r="AK5304" s="206"/>
      <c r="AL5304" s="206"/>
      <c r="AM5304" s="143"/>
      <c r="AN5304" s="137"/>
      <c r="AO5304" s="137"/>
      <c r="AP5304" s="137"/>
      <c r="AQ5304" s="137"/>
      <c r="AR5304" s="137"/>
      <c r="AS5304" s="137"/>
      <c r="AT5304" s="137"/>
      <c r="AU5304" s="137"/>
      <c r="AV5304" s="137"/>
      <c r="AW5304" s="144"/>
    </row>
    <row r="5305" spans="2:49" x14ac:dyDescent="0.2">
      <c r="B5305" s="97"/>
      <c r="J5305" s="98"/>
      <c r="K5305" s="97"/>
      <c r="N5305" s="3"/>
      <c r="W5305" s="98"/>
      <c r="Z5305" s="143"/>
      <c r="AA5305" s="137"/>
      <c r="AB5305" s="137"/>
      <c r="AC5305" s="137"/>
      <c r="AD5305" s="137"/>
      <c r="AE5305" s="137"/>
      <c r="AF5305" s="137"/>
      <c r="AG5305" s="137"/>
      <c r="AH5305" s="137"/>
      <c r="AI5305" s="137"/>
      <c r="AJ5305" s="137"/>
      <c r="AK5305" s="206"/>
      <c r="AL5305" s="206"/>
      <c r="AM5305" s="143"/>
      <c r="AN5305" s="137"/>
      <c r="AO5305" s="137"/>
      <c r="AP5305" s="137"/>
      <c r="AQ5305" s="137"/>
      <c r="AR5305" s="137"/>
      <c r="AS5305" s="137"/>
      <c r="AT5305" s="137"/>
      <c r="AU5305" s="137"/>
      <c r="AV5305" s="137"/>
      <c r="AW5305" s="144"/>
    </row>
    <row r="5306" spans="2:49" x14ac:dyDescent="0.2">
      <c r="B5306" s="97"/>
      <c r="J5306" s="98"/>
      <c r="K5306" s="97"/>
      <c r="N5306" s="3"/>
      <c r="W5306" s="98"/>
      <c r="Z5306" s="143"/>
      <c r="AA5306" s="137"/>
      <c r="AB5306" s="137"/>
      <c r="AC5306" s="137"/>
      <c r="AD5306" s="137"/>
      <c r="AE5306" s="137"/>
      <c r="AF5306" s="137"/>
      <c r="AG5306" s="137"/>
      <c r="AH5306" s="137"/>
      <c r="AI5306" s="137"/>
      <c r="AJ5306" s="137"/>
      <c r="AK5306" s="206"/>
      <c r="AL5306" s="206"/>
      <c r="AM5306" s="143"/>
      <c r="AN5306" s="137"/>
      <c r="AO5306" s="137"/>
      <c r="AP5306" s="137"/>
      <c r="AQ5306" s="137"/>
      <c r="AR5306" s="137"/>
      <c r="AS5306" s="137"/>
      <c r="AT5306" s="137"/>
      <c r="AU5306" s="137"/>
      <c r="AV5306" s="137"/>
      <c r="AW5306" s="144"/>
    </row>
    <row r="5307" spans="2:49" x14ac:dyDescent="0.2">
      <c r="B5307" s="97"/>
      <c r="J5307" s="98"/>
      <c r="K5307" s="97"/>
      <c r="N5307" s="3"/>
      <c r="W5307" s="98"/>
      <c r="Z5307" s="143"/>
      <c r="AA5307" s="137"/>
      <c r="AB5307" s="137"/>
      <c r="AC5307" s="137"/>
      <c r="AD5307" s="137"/>
      <c r="AE5307" s="137"/>
      <c r="AF5307" s="137"/>
      <c r="AG5307" s="137"/>
      <c r="AH5307" s="137"/>
      <c r="AI5307" s="137"/>
      <c r="AJ5307" s="137"/>
      <c r="AK5307" s="206"/>
      <c r="AL5307" s="206"/>
      <c r="AM5307" s="143"/>
      <c r="AN5307" s="137"/>
      <c r="AO5307" s="137"/>
      <c r="AP5307" s="137"/>
      <c r="AQ5307" s="137"/>
      <c r="AR5307" s="137"/>
      <c r="AS5307" s="137"/>
      <c r="AT5307" s="137"/>
      <c r="AU5307" s="137"/>
      <c r="AV5307" s="137"/>
      <c r="AW5307" s="144"/>
    </row>
    <row r="5308" spans="2:49" x14ac:dyDescent="0.2">
      <c r="B5308" s="97"/>
      <c r="J5308" s="98"/>
      <c r="K5308" s="97"/>
      <c r="N5308" s="3"/>
      <c r="W5308" s="98"/>
      <c r="Z5308" s="143"/>
      <c r="AA5308" s="137"/>
      <c r="AB5308" s="137"/>
      <c r="AC5308" s="137"/>
      <c r="AD5308" s="137"/>
      <c r="AE5308" s="137"/>
      <c r="AF5308" s="137"/>
      <c r="AG5308" s="137"/>
      <c r="AH5308" s="137"/>
      <c r="AI5308" s="137"/>
      <c r="AJ5308" s="137"/>
      <c r="AK5308" s="206"/>
      <c r="AL5308" s="206"/>
      <c r="AM5308" s="143"/>
      <c r="AN5308" s="137"/>
      <c r="AO5308" s="137"/>
      <c r="AP5308" s="137"/>
      <c r="AQ5308" s="137"/>
      <c r="AR5308" s="137"/>
      <c r="AS5308" s="137"/>
      <c r="AT5308" s="137"/>
      <c r="AU5308" s="137"/>
      <c r="AV5308" s="137"/>
      <c r="AW5308" s="144"/>
    </row>
    <row r="5309" spans="2:49" x14ac:dyDescent="0.2">
      <c r="B5309" s="97"/>
      <c r="J5309" s="98"/>
      <c r="K5309" s="97"/>
      <c r="N5309" s="3"/>
      <c r="W5309" s="98"/>
      <c r="Z5309" s="143"/>
      <c r="AA5309" s="137"/>
      <c r="AB5309" s="137"/>
      <c r="AC5309" s="137"/>
      <c r="AD5309" s="137"/>
      <c r="AE5309" s="137"/>
      <c r="AF5309" s="137"/>
      <c r="AG5309" s="137"/>
      <c r="AH5309" s="137"/>
      <c r="AI5309" s="137"/>
      <c r="AJ5309" s="137"/>
      <c r="AK5309" s="206"/>
      <c r="AL5309" s="206"/>
      <c r="AM5309" s="143"/>
      <c r="AN5309" s="137"/>
      <c r="AO5309" s="137"/>
      <c r="AP5309" s="137"/>
      <c r="AQ5309" s="137"/>
      <c r="AR5309" s="137"/>
      <c r="AS5309" s="137"/>
      <c r="AT5309" s="137"/>
      <c r="AU5309" s="137"/>
      <c r="AV5309" s="137"/>
      <c r="AW5309" s="144"/>
    </row>
    <row r="5310" spans="2:49" x14ac:dyDescent="0.2">
      <c r="B5310" s="97"/>
      <c r="J5310" s="98"/>
      <c r="K5310" s="97"/>
      <c r="N5310" s="3"/>
      <c r="W5310" s="98"/>
      <c r="Z5310" s="143"/>
      <c r="AA5310" s="137"/>
      <c r="AB5310" s="137"/>
      <c r="AC5310" s="137"/>
      <c r="AD5310" s="137"/>
      <c r="AE5310" s="137"/>
      <c r="AF5310" s="137"/>
      <c r="AG5310" s="137"/>
      <c r="AH5310" s="137"/>
      <c r="AI5310" s="137"/>
      <c r="AJ5310" s="137"/>
      <c r="AK5310" s="206"/>
      <c r="AL5310" s="206"/>
      <c r="AM5310" s="143"/>
      <c r="AN5310" s="137"/>
      <c r="AO5310" s="137"/>
      <c r="AP5310" s="137"/>
      <c r="AQ5310" s="137"/>
      <c r="AR5310" s="137"/>
      <c r="AS5310" s="137"/>
      <c r="AT5310" s="137"/>
      <c r="AU5310" s="137"/>
      <c r="AV5310" s="137"/>
      <c r="AW5310" s="144"/>
    </row>
    <row r="5311" spans="2:49" x14ac:dyDescent="0.2">
      <c r="B5311" s="97"/>
      <c r="J5311" s="98"/>
      <c r="K5311" s="97"/>
      <c r="N5311" s="3"/>
      <c r="W5311" s="98"/>
      <c r="Z5311" s="143"/>
      <c r="AA5311" s="137"/>
      <c r="AB5311" s="137"/>
      <c r="AC5311" s="137"/>
      <c r="AD5311" s="137"/>
      <c r="AE5311" s="137"/>
      <c r="AF5311" s="137"/>
      <c r="AG5311" s="137"/>
      <c r="AH5311" s="137"/>
      <c r="AI5311" s="137"/>
      <c r="AJ5311" s="137"/>
      <c r="AK5311" s="206"/>
      <c r="AL5311" s="206"/>
      <c r="AM5311" s="143"/>
      <c r="AN5311" s="137"/>
      <c r="AO5311" s="137"/>
      <c r="AP5311" s="137"/>
      <c r="AQ5311" s="137"/>
      <c r="AR5311" s="137"/>
      <c r="AS5311" s="137"/>
      <c r="AT5311" s="137"/>
      <c r="AU5311" s="137"/>
      <c r="AV5311" s="137"/>
      <c r="AW5311" s="144"/>
    </row>
    <row r="5312" spans="2:49" x14ac:dyDescent="0.2">
      <c r="B5312" s="97"/>
      <c r="J5312" s="98"/>
      <c r="K5312" s="97"/>
      <c r="N5312" s="3"/>
      <c r="W5312" s="98"/>
      <c r="Z5312" s="143"/>
      <c r="AA5312" s="137"/>
      <c r="AB5312" s="137"/>
      <c r="AC5312" s="137"/>
      <c r="AD5312" s="137"/>
      <c r="AE5312" s="137"/>
      <c r="AF5312" s="137"/>
      <c r="AG5312" s="137"/>
      <c r="AH5312" s="137"/>
      <c r="AI5312" s="137"/>
      <c r="AJ5312" s="137"/>
      <c r="AK5312" s="206"/>
      <c r="AL5312" s="206"/>
      <c r="AM5312" s="143"/>
      <c r="AN5312" s="137"/>
      <c r="AO5312" s="137"/>
      <c r="AP5312" s="137"/>
      <c r="AQ5312" s="137"/>
      <c r="AR5312" s="137"/>
      <c r="AS5312" s="137"/>
      <c r="AT5312" s="137"/>
      <c r="AU5312" s="137"/>
      <c r="AV5312" s="137"/>
      <c r="AW5312" s="144"/>
    </row>
    <row r="5313" spans="2:49" x14ac:dyDescent="0.2">
      <c r="B5313" s="97"/>
      <c r="J5313" s="98"/>
      <c r="K5313" s="97"/>
      <c r="N5313" s="3"/>
      <c r="W5313" s="98"/>
      <c r="Z5313" s="143"/>
      <c r="AA5313" s="137"/>
      <c r="AB5313" s="137"/>
      <c r="AC5313" s="137"/>
      <c r="AD5313" s="137"/>
      <c r="AE5313" s="137"/>
      <c r="AF5313" s="137"/>
      <c r="AG5313" s="137"/>
      <c r="AH5313" s="137"/>
      <c r="AI5313" s="137"/>
      <c r="AJ5313" s="137"/>
      <c r="AK5313" s="206"/>
      <c r="AL5313" s="206"/>
      <c r="AM5313" s="143"/>
      <c r="AN5313" s="137"/>
      <c r="AO5313" s="137"/>
      <c r="AP5313" s="137"/>
      <c r="AQ5313" s="137"/>
      <c r="AR5313" s="137"/>
      <c r="AS5313" s="137"/>
      <c r="AT5313" s="137"/>
      <c r="AU5313" s="137"/>
      <c r="AV5313" s="137"/>
      <c r="AW5313" s="144"/>
    </row>
    <row r="5314" spans="2:49" x14ac:dyDescent="0.2">
      <c r="B5314" s="97"/>
      <c r="J5314" s="98"/>
      <c r="K5314" s="97"/>
      <c r="N5314" s="3"/>
      <c r="W5314" s="98"/>
      <c r="Z5314" s="143"/>
      <c r="AA5314" s="137"/>
      <c r="AB5314" s="137"/>
      <c r="AC5314" s="137"/>
      <c r="AD5314" s="137"/>
      <c r="AE5314" s="137"/>
      <c r="AF5314" s="137"/>
      <c r="AG5314" s="137"/>
      <c r="AH5314" s="137"/>
      <c r="AI5314" s="137"/>
      <c r="AJ5314" s="137"/>
      <c r="AK5314" s="206"/>
      <c r="AL5314" s="206"/>
      <c r="AM5314" s="143"/>
      <c r="AN5314" s="137"/>
      <c r="AO5314" s="137"/>
      <c r="AP5314" s="137"/>
      <c r="AQ5314" s="137"/>
      <c r="AR5314" s="137"/>
      <c r="AS5314" s="137"/>
      <c r="AT5314" s="137"/>
      <c r="AU5314" s="137"/>
      <c r="AV5314" s="137"/>
      <c r="AW5314" s="144"/>
    </row>
    <row r="5315" spans="2:49" x14ac:dyDescent="0.2">
      <c r="B5315" s="97"/>
      <c r="J5315" s="98"/>
      <c r="K5315" s="97"/>
      <c r="N5315" s="3"/>
      <c r="W5315" s="98"/>
      <c r="Z5315" s="143"/>
      <c r="AA5315" s="137"/>
      <c r="AB5315" s="137"/>
      <c r="AC5315" s="137"/>
      <c r="AD5315" s="137"/>
      <c r="AE5315" s="137"/>
      <c r="AF5315" s="137"/>
      <c r="AG5315" s="137"/>
      <c r="AH5315" s="137"/>
      <c r="AI5315" s="137"/>
      <c r="AJ5315" s="137"/>
      <c r="AK5315" s="206"/>
      <c r="AL5315" s="206"/>
      <c r="AM5315" s="143"/>
      <c r="AN5315" s="137"/>
      <c r="AO5315" s="137"/>
      <c r="AP5315" s="137"/>
      <c r="AQ5315" s="137"/>
      <c r="AR5315" s="137"/>
      <c r="AS5315" s="137"/>
      <c r="AT5315" s="137"/>
      <c r="AU5315" s="137"/>
      <c r="AV5315" s="137"/>
      <c r="AW5315" s="144"/>
    </row>
    <row r="5316" spans="2:49" x14ac:dyDescent="0.2">
      <c r="B5316" s="97"/>
      <c r="J5316" s="98"/>
      <c r="K5316" s="97"/>
      <c r="N5316" s="3"/>
      <c r="W5316" s="98"/>
      <c r="Z5316" s="143"/>
      <c r="AA5316" s="137"/>
      <c r="AB5316" s="137"/>
      <c r="AC5316" s="137"/>
      <c r="AD5316" s="137"/>
      <c r="AE5316" s="137"/>
      <c r="AF5316" s="137"/>
      <c r="AG5316" s="137"/>
      <c r="AH5316" s="137"/>
      <c r="AI5316" s="137"/>
      <c r="AJ5316" s="137"/>
      <c r="AK5316" s="206"/>
      <c r="AL5316" s="206"/>
      <c r="AM5316" s="143"/>
      <c r="AN5316" s="137"/>
      <c r="AO5316" s="137"/>
      <c r="AP5316" s="137"/>
      <c r="AQ5316" s="137"/>
      <c r="AR5316" s="137"/>
      <c r="AS5316" s="137"/>
      <c r="AT5316" s="137"/>
      <c r="AU5316" s="137"/>
      <c r="AV5316" s="137"/>
      <c r="AW5316" s="144"/>
    </row>
    <row r="5317" spans="2:49" x14ac:dyDescent="0.2">
      <c r="B5317" s="97"/>
      <c r="J5317" s="98"/>
      <c r="K5317" s="97"/>
      <c r="N5317" s="3"/>
      <c r="W5317" s="98"/>
      <c r="Z5317" s="143"/>
      <c r="AA5317" s="137"/>
      <c r="AB5317" s="137"/>
      <c r="AC5317" s="137"/>
      <c r="AD5317" s="137"/>
      <c r="AE5317" s="137"/>
      <c r="AF5317" s="137"/>
      <c r="AG5317" s="137"/>
      <c r="AH5317" s="137"/>
      <c r="AI5317" s="137"/>
      <c r="AJ5317" s="137"/>
      <c r="AK5317" s="206"/>
      <c r="AL5317" s="206"/>
      <c r="AM5317" s="143"/>
      <c r="AN5317" s="137"/>
      <c r="AO5317" s="137"/>
      <c r="AP5317" s="137"/>
      <c r="AQ5317" s="137"/>
      <c r="AR5317" s="137"/>
      <c r="AS5317" s="137"/>
      <c r="AT5317" s="137"/>
      <c r="AU5317" s="137"/>
      <c r="AV5317" s="137"/>
      <c r="AW5317" s="144"/>
    </row>
    <row r="5318" spans="2:49" x14ac:dyDescent="0.2">
      <c r="B5318" s="97"/>
      <c r="J5318" s="98"/>
      <c r="K5318" s="97"/>
      <c r="N5318" s="3"/>
      <c r="W5318" s="98"/>
      <c r="Z5318" s="143"/>
      <c r="AA5318" s="137"/>
      <c r="AB5318" s="137"/>
      <c r="AC5318" s="137"/>
      <c r="AD5318" s="137"/>
      <c r="AE5318" s="137"/>
      <c r="AF5318" s="137"/>
      <c r="AG5318" s="137"/>
      <c r="AH5318" s="137"/>
      <c r="AI5318" s="137"/>
      <c r="AJ5318" s="137"/>
      <c r="AK5318" s="206"/>
      <c r="AL5318" s="206"/>
      <c r="AM5318" s="143"/>
      <c r="AN5318" s="137"/>
      <c r="AO5318" s="137"/>
      <c r="AP5318" s="137"/>
      <c r="AQ5318" s="137"/>
      <c r="AR5318" s="137"/>
      <c r="AS5318" s="137"/>
      <c r="AT5318" s="137"/>
      <c r="AU5318" s="137"/>
      <c r="AV5318" s="137"/>
      <c r="AW5318" s="144"/>
    </row>
    <row r="5319" spans="2:49" x14ac:dyDescent="0.2">
      <c r="B5319" s="97"/>
      <c r="J5319" s="98"/>
      <c r="K5319" s="97"/>
      <c r="N5319" s="3"/>
      <c r="W5319" s="98"/>
      <c r="Z5319" s="143"/>
      <c r="AA5319" s="137"/>
      <c r="AB5319" s="137"/>
      <c r="AC5319" s="137"/>
      <c r="AD5319" s="137"/>
      <c r="AE5319" s="137"/>
      <c r="AF5319" s="137"/>
      <c r="AG5319" s="137"/>
      <c r="AH5319" s="137"/>
      <c r="AI5319" s="137"/>
      <c r="AJ5319" s="137"/>
      <c r="AK5319" s="206"/>
      <c r="AL5319" s="206"/>
      <c r="AM5319" s="143"/>
      <c r="AN5319" s="137"/>
      <c r="AO5319" s="137"/>
      <c r="AP5319" s="137"/>
      <c r="AQ5319" s="137"/>
      <c r="AR5319" s="137"/>
      <c r="AS5319" s="137"/>
      <c r="AT5319" s="137"/>
      <c r="AU5319" s="137"/>
      <c r="AV5319" s="137"/>
      <c r="AW5319" s="144"/>
    </row>
    <row r="5320" spans="2:49" x14ac:dyDescent="0.2">
      <c r="B5320" s="97"/>
      <c r="J5320" s="98"/>
      <c r="K5320" s="97"/>
      <c r="N5320" s="3"/>
      <c r="W5320" s="98"/>
      <c r="Z5320" s="143"/>
      <c r="AA5320" s="137"/>
      <c r="AB5320" s="137"/>
      <c r="AC5320" s="137"/>
      <c r="AD5320" s="137"/>
      <c r="AE5320" s="137"/>
      <c r="AF5320" s="137"/>
      <c r="AG5320" s="137"/>
      <c r="AH5320" s="137"/>
      <c r="AI5320" s="137"/>
      <c r="AJ5320" s="137"/>
      <c r="AK5320" s="206"/>
      <c r="AL5320" s="206"/>
      <c r="AM5320" s="143"/>
      <c r="AN5320" s="137"/>
      <c r="AO5320" s="137"/>
      <c r="AP5320" s="137"/>
      <c r="AQ5320" s="137"/>
      <c r="AR5320" s="137"/>
      <c r="AS5320" s="137"/>
      <c r="AT5320" s="137"/>
      <c r="AU5320" s="137"/>
      <c r="AV5320" s="137"/>
      <c r="AW5320" s="144"/>
    </row>
    <row r="5321" spans="2:49" x14ac:dyDescent="0.2">
      <c r="B5321" s="97"/>
      <c r="J5321" s="98"/>
      <c r="K5321" s="97"/>
      <c r="N5321" s="3"/>
      <c r="W5321" s="98"/>
      <c r="Z5321" s="143"/>
      <c r="AA5321" s="137"/>
      <c r="AB5321" s="137"/>
      <c r="AC5321" s="137"/>
      <c r="AD5321" s="137"/>
      <c r="AE5321" s="137"/>
      <c r="AF5321" s="137"/>
      <c r="AG5321" s="137"/>
      <c r="AH5321" s="137"/>
      <c r="AI5321" s="137"/>
      <c r="AJ5321" s="137"/>
      <c r="AK5321" s="206"/>
      <c r="AL5321" s="206"/>
      <c r="AM5321" s="143"/>
      <c r="AN5321" s="137"/>
      <c r="AO5321" s="137"/>
      <c r="AP5321" s="137"/>
      <c r="AQ5321" s="137"/>
      <c r="AR5321" s="137"/>
      <c r="AS5321" s="137"/>
      <c r="AT5321" s="137"/>
      <c r="AU5321" s="137"/>
      <c r="AV5321" s="137"/>
      <c r="AW5321" s="144"/>
    </row>
    <row r="5322" spans="2:49" x14ac:dyDescent="0.2">
      <c r="B5322" s="97"/>
      <c r="J5322" s="98"/>
      <c r="K5322" s="97"/>
      <c r="N5322" s="3"/>
      <c r="W5322" s="98"/>
      <c r="Z5322" s="143"/>
      <c r="AA5322" s="137"/>
      <c r="AB5322" s="137"/>
      <c r="AC5322" s="137"/>
      <c r="AD5322" s="137"/>
      <c r="AE5322" s="137"/>
      <c r="AF5322" s="137"/>
      <c r="AG5322" s="137"/>
      <c r="AH5322" s="137"/>
      <c r="AI5322" s="137"/>
      <c r="AJ5322" s="137"/>
      <c r="AK5322" s="206"/>
      <c r="AL5322" s="206"/>
      <c r="AM5322" s="143"/>
      <c r="AN5322" s="137"/>
      <c r="AO5322" s="137"/>
      <c r="AP5322" s="137"/>
      <c r="AQ5322" s="137"/>
      <c r="AR5322" s="137"/>
      <c r="AS5322" s="137"/>
      <c r="AT5322" s="137"/>
      <c r="AU5322" s="137"/>
      <c r="AV5322" s="137"/>
      <c r="AW5322" s="144"/>
    </row>
    <row r="5323" spans="2:49" x14ac:dyDescent="0.2">
      <c r="B5323" s="97"/>
      <c r="J5323" s="98"/>
      <c r="K5323" s="97"/>
      <c r="N5323" s="3"/>
      <c r="W5323" s="98"/>
      <c r="Z5323" s="143"/>
      <c r="AA5323" s="137"/>
      <c r="AB5323" s="137"/>
      <c r="AC5323" s="137"/>
      <c r="AD5323" s="137"/>
      <c r="AE5323" s="137"/>
      <c r="AF5323" s="137"/>
      <c r="AG5323" s="137"/>
      <c r="AH5323" s="137"/>
      <c r="AI5323" s="137"/>
      <c r="AJ5323" s="137"/>
      <c r="AK5323" s="206"/>
      <c r="AL5323" s="206"/>
      <c r="AM5323" s="143"/>
      <c r="AN5323" s="137"/>
      <c r="AO5323" s="137"/>
      <c r="AP5323" s="137"/>
      <c r="AQ5323" s="137"/>
      <c r="AR5323" s="137"/>
      <c r="AS5323" s="137"/>
      <c r="AT5323" s="137"/>
      <c r="AU5323" s="137"/>
      <c r="AV5323" s="137"/>
      <c r="AW5323" s="144"/>
    </row>
    <row r="5324" spans="2:49" x14ac:dyDescent="0.2">
      <c r="B5324" s="97"/>
      <c r="J5324" s="98"/>
      <c r="K5324" s="97"/>
      <c r="N5324" s="3"/>
      <c r="W5324" s="98"/>
      <c r="Z5324" s="143"/>
      <c r="AA5324" s="137"/>
      <c r="AB5324" s="137"/>
      <c r="AC5324" s="137"/>
      <c r="AD5324" s="137"/>
      <c r="AE5324" s="137"/>
      <c r="AF5324" s="137"/>
      <c r="AG5324" s="137"/>
      <c r="AH5324" s="137"/>
      <c r="AI5324" s="137"/>
      <c r="AJ5324" s="137"/>
      <c r="AK5324" s="206"/>
      <c r="AL5324" s="206"/>
      <c r="AM5324" s="143"/>
      <c r="AN5324" s="137"/>
      <c r="AO5324" s="137"/>
      <c r="AP5324" s="137"/>
      <c r="AQ5324" s="137"/>
      <c r="AR5324" s="137"/>
      <c r="AS5324" s="137"/>
      <c r="AT5324" s="137"/>
      <c r="AU5324" s="137"/>
      <c r="AV5324" s="137"/>
      <c r="AW5324" s="144"/>
    </row>
    <row r="5325" spans="2:49" x14ac:dyDescent="0.2">
      <c r="B5325" s="97"/>
      <c r="J5325" s="98"/>
      <c r="K5325" s="97"/>
      <c r="N5325" s="3"/>
      <c r="W5325" s="98"/>
      <c r="Z5325" s="143"/>
      <c r="AA5325" s="137"/>
      <c r="AB5325" s="137"/>
      <c r="AC5325" s="137"/>
      <c r="AD5325" s="137"/>
      <c r="AE5325" s="137"/>
      <c r="AF5325" s="137"/>
      <c r="AG5325" s="137"/>
      <c r="AH5325" s="137"/>
      <c r="AI5325" s="137"/>
      <c r="AJ5325" s="137"/>
      <c r="AK5325" s="206"/>
      <c r="AL5325" s="206"/>
      <c r="AM5325" s="143"/>
      <c r="AN5325" s="137"/>
      <c r="AO5325" s="137"/>
      <c r="AP5325" s="137"/>
      <c r="AQ5325" s="137"/>
      <c r="AR5325" s="137"/>
      <c r="AS5325" s="137"/>
      <c r="AT5325" s="137"/>
      <c r="AU5325" s="137"/>
      <c r="AV5325" s="137"/>
      <c r="AW5325" s="144"/>
    </row>
    <row r="5326" spans="2:49" x14ac:dyDescent="0.2">
      <c r="B5326" s="97"/>
      <c r="J5326" s="98"/>
      <c r="K5326" s="97"/>
      <c r="N5326" s="3"/>
      <c r="W5326" s="98"/>
      <c r="Z5326" s="143"/>
      <c r="AA5326" s="137"/>
      <c r="AB5326" s="137"/>
      <c r="AC5326" s="137"/>
      <c r="AD5326" s="137"/>
      <c r="AE5326" s="137"/>
      <c r="AF5326" s="137"/>
      <c r="AG5326" s="137"/>
      <c r="AH5326" s="137"/>
      <c r="AI5326" s="137"/>
      <c r="AJ5326" s="137"/>
      <c r="AK5326" s="206"/>
      <c r="AL5326" s="206"/>
      <c r="AM5326" s="143"/>
      <c r="AN5326" s="137"/>
      <c r="AO5326" s="137"/>
      <c r="AP5326" s="137"/>
      <c r="AQ5326" s="137"/>
      <c r="AR5326" s="137"/>
      <c r="AS5326" s="137"/>
      <c r="AT5326" s="137"/>
      <c r="AU5326" s="137"/>
      <c r="AV5326" s="137"/>
      <c r="AW5326" s="144"/>
    </row>
    <row r="5327" spans="2:49" x14ac:dyDescent="0.2">
      <c r="B5327" s="97"/>
      <c r="J5327" s="98"/>
      <c r="K5327" s="97"/>
      <c r="N5327" s="3"/>
      <c r="W5327" s="98"/>
      <c r="Z5327" s="143"/>
      <c r="AA5327" s="137"/>
      <c r="AB5327" s="137"/>
      <c r="AC5327" s="137"/>
      <c r="AD5327" s="137"/>
      <c r="AE5327" s="137"/>
      <c r="AF5327" s="137"/>
      <c r="AG5327" s="137"/>
      <c r="AH5327" s="137"/>
      <c r="AI5327" s="137"/>
      <c r="AJ5327" s="137"/>
      <c r="AK5327" s="206"/>
      <c r="AL5327" s="206"/>
      <c r="AM5327" s="143"/>
      <c r="AN5327" s="137"/>
      <c r="AO5327" s="137"/>
      <c r="AP5327" s="137"/>
      <c r="AQ5327" s="137"/>
      <c r="AR5327" s="137"/>
      <c r="AS5327" s="137"/>
      <c r="AT5327" s="137"/>
      <c r="AU5327" s="137"/>
      <c r="AV5327" s="137"/>
      <c r="AW5327" s="144"/>
    </row>
    <row r="5328" spans="2:49" x14ac:dyDescent="0.2">
      <c r="B5328" s="97"/>
      <c r="J5328" s="98"/>
      <c r="K5328" s="97"/>
      <c r="N5328" s="3"/>
      <c r="W5328" s="98"/>
      <c r="Z5328" s="143"/>
      <c r="AA5328" s="137"/>
      <c r="AB5328" s="137"/>
      <c r="AC5328" s="137"/>
      <c r="AD5328" s="137"/>
      <c r="AE5328" s="137"/>
      <c r="AF5328" s="137"/>
      <c r="AG5328" s="137"/>
      <c r="AH5328" s="137"/>
      <c r="AI5328" s="137"/>
      <c r="AJ5328" s="137"/>
      <c r="AK5328" s="206"/>
      <c r="AL5328" s="206"/>
      <c r="AM5328" s="143"/>
      <c r="AN5328" s="137"/>
      <c r="AO5328" s="137"/>
      <c r="AP5328" s="137"/>
      <c r="AQ5328" s="137"/>
      <c r="AR5328" s="137"/>
      <c r="AS5328" s="137"/>
      <c r="AT5328" s="137"/>
      <c r="AU5328" s="137"/>
      <c r="AV5328" s="137"/>
      <c r="AW5328" s="144"/>
    </row>
    <row r="5329" spans="2:49" x14ac:dyDescent="0.2">
      <c r="B5329" s="97"/>
      <c r="J5329" s="98"/>
      <c r="K5329" s="97"/>
      <c r="N5329" s="3"/>
      <c r="W5329" s="98"/>
      <c r="Z5329" s="143"/>
      <c r="AA5329" s="137"/>
      <c r="AB5329" s="137"/>
      <c r="AC5329" s="137"/>
      <c r="AD5329" s="137"/>
      <c r="AE5329" s="137"/>
      <c r="AF5329" s="137"/>
      <c r="AG5329" s="137"/>
      <c r="AH5329" s="137"/>
      <c r="AI5329" s="137"/>
      <c r="AJ5329" s="137"/>
      <c r="AK5329" s="206"/>
      <c r="AL5329" s="206"/>
      <c r="AM5329" s="143"/>
      <c r="AN5329" s="137"/>
      <c r="AO5329" s="137"/>
      <c r="AP5329" s="137"/>
      <c r="AQ5329" s="137"/>
      <c r="AR5329" s="137"/>
      <c r="AS5329" s="137"/>
      <c r="AT5329" s="137"/>
      <c r="AU5329" s="137"/>
      <c r="AV5329" s="137"/>
      <c r="AW5329" s="144"/>
    </row>
    <row r="5330" spans="2:49" x14ac:dyDescent="0.2">
      <c r="B5330" s="97"/>
      <c r="J5330" s="98"/>
      <c r="K5330" s="97"/>
      <c r="N5330" s="3"/>
      <c r="W5330" s="98"/>
      <c r="Z5330" s="143"/>
      <c r="AA5330" s="137"/>
      <c r="AB5330" s="137"/>
      <c r="AC5330" s="137"/>
      <c r="AD5330" s="137"/>
      <c r="AE5330" s="137"/>
      <c r="AF5330" s="137"/>
      <c r="AG5330" s="137"/>
      <c r="AH5330" s="137"/>
      <c r="AI5330" s="137"/>
      <c r="AJ5330" s="137"/>
      <c r="AK5330" s="206"/>
      <c r="AL5330" s="206"/>
      <c r="AM5330" s="143"/>
      <c r="AN5330" s="137"/>
      <c r="AO5330" s="137"/>
      <c r="AP5330" s="137"/>
      <c r="AQ5330" s="137"/>
      <c r="AR5330" s="137"/>
      <c r="AS5330" s="137"/>
      <c r="AT5330" s="137"/>
      <c r="AU5330" s="137"/>
      <c r="AV5330" s="137"/>
      <c r="AW5330" s="144"/>
    </row>
    <row r="5331" spans="2:49" x14ac:dyDescent="0.2">
      <c r="B5331" s="97"/>
      <c r="J5331" s="98"/>
      <c r="K5331" s="97"/>
      <c r="N5331" s="3"/>
      <c r="W5331" s="98"/>
      <c r="Z5331" s="143"/>
      <c r="AA5331" s="137"/>
      <c r="AB5331" s="137"/>
      <c r="AC5331" s="137"/>
      <c r="AD5331" s="137"/>
      <c r="AE5331" s="137"/>
      <c r="AF5331" s="137"/>
      <c r="AG5331" s="137"/>
      <c r="AH5331" s="137"/>
      <c r="AI5331" s="137"/>
      <c r="AJ5331" s="137"/>
      <c r="AK5331" s="206"/>
      <c r="AL5331" s="206"/>
      <c r="AM5331" s="143"/>
      <c r="AN5331" s="137"/>
      <c r="AO5331" s="137"/>
      <c r="AP5331" s="137"/>
      <c r="AQ5331" s="137"/>
      <c r="AR5331" s="137"/>
      <c r="AS5331" s="137"/>
      <c r="AT5331" s="137"/>
      <c r="AU5331" s="137"/>
      <c r="AV5331" s="137"/>
      <c r="AW5331" s="144"/>
    </row>
    <row r="5332" spans="2:49" x14ac:dyDescent="0.2">
      <c r="B5332" s="97"/>
      <c r="J5332" s="98"/>
      <c r="K5332" s="97"/>
      <c r="N5332" s="3"/>
      <c r="W5332" s="98"/>
      <c r="Z5332" s="143"/>
      <c r="AA5332" s="137"/>
      <c r="AB5332" s="137"/>
      <c r="AC5332" s="137"/>
      <c r="AD5332" s="137"/>
      <c r="AE5332" s="137"/>
      <c r="AF5332" s="137"/>
      <c r="AG5332" s="137"/>
      <c r="AH5332" s="137"/>
      <c r="AI5332" s="137"/>
      <c r="AJ5332" s="137"/>
      <c r="AK5332" s="206"/>
      <c r="AL5332" s="206"/>
      <c r="AM5332" s="143"/>
      <c r="AN5332" s="137"/>
      <c r="AO5332" s="137"/>
      <c r="AP5332" s="137"/>
      <c r="AQ5332" s="137"/>
      <c r="AR5332" s="137"/>
      <c r="AS5332" s="137"/>
      <c r="AT5332" s="137"/>
      <c r="AU5332" s="137"/>
      <c r="AV5332" s="137"/>
      <c r="AW5332" s="144"/>
    </row>
    <row r="5333" spans="2:49" x14ac:dyDescent="0.2">
      <c r="B5333" s="97"/>
      <c r="J5333" s="98"/>
      <c r="K5333" s="97"/>
      <c r="N5333" s="3"/>
      <c r="W5333" s="98"/>
      <c r="Z5333" s="143"/>
      <c r="AA5333" s="137"/>
      <c r="AB5333" s="137"/>
      <c r="AC5333" s="137"/>
      <c r="AD5333" s="137"/>
      <c r="AE5333" s="137"/>
      <c r="AF5333" s="137"/>
      <c r="AG5333" s="137"/>
      <c r="AH5333" s="137"/>
      <c r="AI5333" s="137"/>
      <c r="AJ5333" s="137"/>
      <c r="AK5333" s="206"/>
      <c r="AL5333" s="206"/>
      <c r="AM5333" s="143"/>
      <c r="AN5333" s="137"/>
      <c r="AO5333" s="137"/>
      <c r="AP5333" s="137"/>
      <c r="AQ5333" s="137"/>
      <c r="AR5333" s="137"/>
      <c r="AS5333" s="137"/>
      <c r="AT5333" s="137"/>
      <c r="AU5333" s="137"/>
      <c r="AV5333" s="137"/>
      <c r="AW5333" s="144"/>
    </row>
    <row r="5334" spans="2:49" x14ac:dyDescent="0.2">
      <c r="B5334" s="97"/>
      <c r="J5334" s="98"/>
      <c r="K5334" s="97"/>
      <c r="N5334" s="3"/>
      <c r="W5334" s="98"/>
      <c r="Z5334" s="143"/>
      <c r="AA5334" s="137"/>
      <c r="AB5334" s="137"/>
      <c r="AC5334" s="137"/>
      <c r="AD5334" s="137"/>
      <c r="AE5334" s="137"/>
      <c r="AF5334" s="137"/>
      <c r="AG5334" s="137"/>
      <c r="AH5334" s="137"/>
      <c r="AI5334" s="137"/>
      <c r="AJ5334" s="137"/>
      <c r="AK5334" s="206"/>
      <c r="AL5334" s="206"/>
      <c r="AM5334" s="143"/>
      <c r="AN5334" s="137"/>
      <c r="AO5334" s="137"/>
      <c r="AP5334" s="137"/>
      <c r="AQ5334" s="137"/>
      <c r="AR5334" s="137"/>
      <c r="AS5334" s="137"/>
      <c r="AT5334" s="137"/>
      <c r="AU5334" s="137"/>
      <c r="AV5334" s="137"/>
      <c r="AW5334" s="144"/>
    </row>
    <row r="5335" spans="2:49" x14ac:dyDescent="0.2">
      <c r="B5335" s="97"/>
      <c r="J5335" s="98"/>
      <c r="K5335" s="97"/>
      <c r="N5335" s="3"/>
      <c r="W5335" s="98"/>
      <c r="Z5335" s="143"/>
      <c r="AA5335" s="137"/>
      <c r="AB5335" s="137"/>
      <c r="AC5335" s="137"/>
      <c r="AD5335" s="137"/>
      <c r="AE5335" s="137"/>
      <c r="AF5335" s="137"/>
      <c r="AG5335" s="137"/>
      <c r="AH5335" s="137"/>
      <c r="AI5335" s="137"/>
      <c r="AJ5335" s="137"/>
      <c r="AK5335" s="206"/>
      <c r="AL5335" s="206"/>
      <c r="AM5335" s="143"/>
      <c r="AN5335" s="137"/>
      <c r="AO5335" s="137"/>
      <c r="AP5335" s="137"/>
      <c r="AQ5335" s="137"/>
      <c r="AR5335" s="137"/>
      <c r="AS5335" s="137"/>
      <c r="AT5335" s="137"/>
      <c r="AU5335" s="137"/>
      <c r="AV5335" s="137"/>
      <c r="AW5335" s="144"/>
    </row>
    <row r="5336" spans="2:49" x14ac:dyDescent="0.2">
      <c r="B5336" s="97"/>
      <c r="J5336" s="98"/>
      <c r="K5336" s="97"/>
      <c r="N5336" s="3"/>
      <c r="W5336" s="98"/>
      <c r="Z5336" s="143"/>
      <c r="AA5336" s="137"/>
      <c r="AB5336" s="137"/>
      <c r="AC5336" s="137"/>
      <c r="AD5336" s="137"/>
      <c r="AE5336" s="137"/>
      <c r="AF5336" s="137"/>
      <c r="AG5336" s="137"/>
      <c r="AH5336" s="137"/>
      <c r="AI5336" s="137"/>
      <c r="AJ5336" s="137"/>
      <c r="AK5336" s="206"/>
      <c r="AL5336" s="206"/>
      <c r="AM5336" s="143"/>
      <c r="AN5336" s="137"/>
      <c r="AO5336" s="137"/>
      <c r="AP5336" s="137"/>
      <c r="AQ5336" s="137"/>
      <c r="AR5336" s="137"/>
      <c r="AS5336" s="137"/>
      <c r="AT5336" s="137"/>
      <c r="AU5336" s="137"/>
      <c r="AV5336" s="137"/>
      <c r="AW5336" s="144"/>
    </row>
    <row r="5337" spans="2:49" x14ac:dyDescent="0.2">
      <c r="B5337" s="97"/>
      <c r="J5337" s="98"/>
      <c r="K5337" s="97"/>
      <c r="N5337" s="3"/>
      <c r="W5337" s="98"/>
      <c r="Z5337" s="143"/>
      <c r="AA5337" s="137"/>
      <c r="AB5337" s="137"/>
      <c r="AC5337" s="137"/>
      <c r="AD5337" s="137"/>
      <c r="AE5337" s="137"/>
      <c r="AF5337" s="137"/>
      <c r="AG5337" s="137"/>
      <c r="AH5337" s="137"/>
      <c r="AI5337" s="137"/>
      <c r="AJ5337" s="137"/>
      <c r="AK5337" s="206"/>
      <c r="AL5337" s="206"/>
      <c r="AM5337" s="143"/>
      <c r="AN5337" s="137"/>
      <c r="AO5337" s="137"/>
      <c r="AP5337" s="137"/>
      <c r="AQ5337" s="137"/>
      <c r="AR5337" s="137"/>
      <c r="AS5337" s="137"/>
      <c r="AT5337" s="137"/>
      <c r="AU5337" s="137"/>
      <c r="AV5337" s="137"/>
      <c r="AW5337" s="144"/>
    </row>
    <row r="5338" spans="2:49" x14ac:dyDescent="0.2">
      <c r="B5338" s="97"/>
      <c r="J5338" s="98"/>
      <c r="K5338" s="97"/>
      <c r="N5338" s="3"/>
      <c r="W5338" s="98"/>
      <c r="Z5338" s="143"/>
      <c r="AA5338" s="137"/>
      <c r="AB5338" s="137"/>
      <c r="AC5338" s="137"/>
      <c r="AD5338" s="137"/>
      <c r="AE5338" s="137"/>
      <c r="AF5338" s="137"/>
      <c r="AG5338" s="137"/>
      <c r="AH5338" s="137"/>
      <c r="AI5338" s="137"/>
      <c r="AJ5338" s="137"/>
      <c r="AK5338" s="206"/>
      <c r="AL5338" s="206"/>
      <c r="AM5338" s="143"/>
      <c r="AN5338" s="137"/>
      <c r="AO5338" s="137"/>
      <c r="AP5338" s="137"/>
      <c r="AQ5338" s="137"/>
      <c r="AR5338" s="137"/>
      <c r="AS5338" s="137"/>
      <c r="AT5338" s="137"/>
      <c r="AU5338" s="137"/>
      <c r="AV5338" s="137"/>
      <c r="AW5338" s="144"/>
    </row>
    <row r="5339" spans="2:49" x14ac:dyDescent="0.2">
      <c r="B5339" s="97"/>
      <c r="J5339" s="98"/>
      <c r="K5339" s="97"/>
      <c r="N5339" s="3"/>
      <c r="W5339" s="98"/>
      <c r="Z5339" s="143"/>
      <c r="AA5339" s="137"/>
      <c r="AB5339" s="137"/>
      <c r="AC5339" s="137"/>
      <c r="AD5339" s="137"/>
      <c r="AE5339" s="137"/>
      <c r="AF5339" s="137"/>
      <c r="AG5339" s="137"/>
      <c r="AH5339" s="137"/>
      <c r="AI5339" s="137"/>
      <c r="AJ5339" s="137"/>
      <c r="AK5339" s="206"/>
      <c r="AL5339" s="206"/>
      <c r="AM5339" s="143"/>
      <c r="AN5339" s="137"/>
      <c r="AO5339" s="137"/>
      <c r="AP5339" s="137"/>
      <c r="AQ5339" s="137"/>
      <c r="AR5339" s="137"/>
      <c r="AS5339" s="137"/>
      <c r="AT5339" s="137"/>
      <c r="AU5339" s="137"/>
      <c r="AV5339" s="137"/>
      <c r="AW5339" s="144"/>
    </row>
    <row r="5340" spans="2:49" x14ac:dyDescent="0.2">
      <c r="B5340" s="97"/>
      <c r="J5340" s="98"/>
      <c r="K5340" s="97"/>
      <c r="N5340" s="3"/>
      <c r="W5340" s="98"/>
      <c r="Z5340" s="143"/>
      <c r="AA5340" s="137"/>
      <c r="AB5340" s="137"/>
      <c r="AC5340" s="137"/>
      <c r="AD5340" s="137"/>
      <c r="AE5340" s="137"/>
      <c r="AF5340" s="137"/>
      <c r="AG5340" s="137"/>
      <c r="AH5340" s="137"/>
      <c r="AI5340" s="137"/>
      <c r="AJ5340" s="137"/>
      <c r="AK5340" s="206"/>
      <c r="AL5340" s="206"/>
      <c r="AM5340" s="143"/>
      <c r="AN5340" s="137"/>
      <c r="AO5340" s="137"/>
      <c r="AP5340" s="137"/>
      <c r="AQ5340" s="137"/>
      <c r="AR5340" s="137"/>
      <c r="AS5340" s="137"/>
      <c r="AT5340" s="137"/>
      <c r="AU5340" s="137"/>
      <c r="AV5340" s="137"/>
      <c r="AW5340" s="144"/>
    </row>
    <row r="5341" spans="2:49" x14ac:dyDescent="0.2">
      <c r="B5341" s="97"/>
      <c r="J5341" s="98"/>
      <c r="K5341" s="97"/>
      <c r="N5341" s="3"/>
      <c r="W5341" s="98"/>
      <c r="Z5341" s="143"/>
      <c r="AA5341" s="137"/>
      <c r="AB5341" s="137"/>
      <c r="AC5341" s="137"/>
      <c r="AD5341" s="137"/>
      <c r="AE5341" s="137"/>
      <c r="AF5341" s="137"/>
      <c r="AG5341" s="137"/>
      <c r="AH5341" s="137"/>
      <c r="AI5341" s="137"/>
      <c r="AJ5341" s="137"/>
      <c r="AK5341" s="206"/>
      <c r="AL5341" s="206"/>
      <c r="AM5341" s="143"/>
      <c r="AN5341" s="137"/>
      <c r="AO5341" s="137"/>
      <c r="AP5341" s="137"/>
      <c r="AQ5341" s="137"/>
      <c r="AR5341" s="137"/>
      <c r="AS5341" s="137"/>
      <c r="AT5341" s="137"/>
      <c r="AU5341" s="137"/>
      <c r="AV5341" s="137"/>
      <c r="AW5341" s="144"/>
    </row>
    <row r="5342" spans="2:49" x14ac:dyDescent="0.2">
      <c r="B5342" s="97"/>
      <c r="J5342" s="98"/>
      <c r="K5342" s="97"/>
      <c r="N5342" s="3"/>
      <c r="W5342" s="98"/>
      <c r="Z5342" s="143"/>
      <c r="AA5342" s="137"/>
      <c r="AB5342" s="137"/>
      <c r="AC5342" s="137"/>
      <c r="AD5342" s="137"/>
      <c r="AE5342" s="137"/>
      <c r="AF5342" s="137"/>
      <c r="AG5342" s="137"/>
      <c r="AH5342" s="137"/>
      <c r="AI5342" s="137"/>
      <c r="AJ5342" s="137"/>
      <c r="AK5342" s="206"/>
      <c r="AL5342" s="206"/>
      <c r="AM5342" s="143"/>
      <c r="AN5342" s="137"/>
      <c r="AO5342" s="137"/>
      <c r="AP5342" s="137"/>
      <c r="AQ5342" s="137"/>
      <c r="AR5342" s="137"/>
      <c r="AS5342" s="137"/>
      <c r="AT5342" s="137"/>
      <c r="AU5342" s="137"/>
      <c r="AV5342" s="137"/>
      <c r="AW5342" s="144"/>
    </row>
    <row r="5343" spans="2:49" x14ac:dyDescent="0.2">
      <c r="B5343" s="97"/>
      <c r="J5343" s="98"/>
      <c r="K5343" s="97"/>
      <c r="N5343" s="3"/>
      <c r="W5343" s="98"/>
      <c r="Z5343" s="143"/>
      <c r="AA5343" s="137"/>
      <c r="AB5343" s="137"/>
      <c r="AC5343" s="137"/>
      <c r="AD5343" s="137"/>
      <c r="AE5343" s="137"/>
      <c r="AF5343" s="137"/>
      <c r="AG5343" s="137"/>
      <c r="AH5343" s="137"/>
      <c r="AI5343" s="137"/>
      <c r="AJ5343" s="137"/>
      <c r="AK5343" s="206"/>
      <c r="AL5343" s="206"/>
      <c r="AM5343" s="143"/>
      <c r="AN5343" s="137"/>
      <c r="AO5343" s="137"/>
      <c r="AP5343" s="137"/>
      <c r="AQ5343" s="137"/>
      <c r="AR5343" s="137"/>
      <c r="AS5343" s="137"/>
      <c r="AT5343" s="137"/>
      <c r="AU5343" s="137"/>
      <c r="AV5343" s="137"/>
      <c r="AW5343" s="144"/>
    </row>
    <row r="5344" spans="2:49" x14ac:dyDescent="0.2">
      <c r="B5344" s="97"/>
      <c r="J5344" s="98"/>
      <c r="K5344" s="97"/>
      <c r="N5344" s="3"/>
      <c r="W5344" s="98"/>
      <c r="Z5344" s="143"/>
      <c r="AA5344" s="137"/>
      <c r="AB5344" s="137"/>
      <c r="AC5344" s="137"/>
      <c r="AD5344" s="137"/>
      <c r="AE5344" s="137"/>
      <c r="AF5344" s="137"/>
      <c r="AG5344" s="137"/>
      <c r="AH5344" s="137"/>
      <c r="AI5344" s="137"/>
      <c r="AJ5344" s="137"/>
      <c r="AK5344" s="206"/>
      <c r="AL5344" s="206"/>
      <c r="AM5344" s="143"/>
      <c r="AN5344" s="137"/>
      <c r="AO5344" s="137"/>
      <c r="AP5344" s="137"/>
      <c r="AQ5344" s="137"/>
      <c r="AR5344" s="137"/>
      <c r="AS5344" s="137"/>
      <c r="AT5344" s="137"/>
      <c r="AU5344" s="137"/>
      <c r="AV5344" s="137"/>
      <c r="AW5344" s="144"/>
    </row>
    <row r="5345" spans="2:49" x14ac:dyDescent="0.2">
      <c r="B5345" s="97"/>
      <c r="J5345" s="98"/>
      <c r="K5345" s="97"/>
      <c r="N5345" s="3"/>
      <c r="W5345" s="98"/>
      <c r="Z5345" s="143"/>
      <c r="AA5345" s="137"/>
      <c r="AB5345" s="137"/>
      <c r="AC5345" s="137"/>
      <c r="AD5345" s="137"/>
      <c r="AE5345" s="137"/>
      <c r="AF5345" s="137"/>
      <c r="AG5345" s="137"/>
      <c r="AH5345" s="137"/>
      <c r="AI5345" s="137"/>
      <c r="AJ5345" s="137"/>
      <c r="AK5345" s="206"/>
      <c r="AL5345" s="206"/>
      <c r="AM5345" s="143"/>
      <c r="AN5345" s="137"/>
      <c r="AO5345" s="137"/>
      <c r="AP5345" s="137"/>
      <c r="AQ5345" s="137"/>
      <c r="AR5345" s="137"/>
      <c r="AS5345" s="137"/>
      <c r="AT5345" s="137"/>
      <c r="AU5345" s="137"/>
      <c r="AV5345" s="137"/>
      <c r="AW5345" s="144"/>
    </row>
    <row r="5346" spans="2:49" x14ac:dyDescent="0.2">
      <c r="B5346" s="97"/>
      <c r="J5346" s="98"/>
      <c r="K5346" s="97"/>
      <c r="N5346" s="3"/>
      <c r="W5346" s="98"/>
      <c r="Z5346" s="143"/>
      <c r="AA5346" s="137"/>
      <c r="AB5346" s="137"/>
      <c r="AC5346" s="137"/>
      <c r="AD5346" s="137"/>
      <c r="AE5346" s="137"/>
      <c r="AF5346" s="137"/>
      <c r="AG5346" s="137"/>
      <c r="AH5346" s="137"/>
      <c r="AI5346" s="137"/>
      <c r="AJ5346" s="137"/>
      <c r="AK5346" s="206"/>
      <c r="AL5346" s="206"/>
      <c r="AM5346" s="143"/>
      <c r="AN5346" s="137"/>
      <c r="AO5346" s="137"/>
      <c r="AP5346" s="137"/>
      <c r="AQ5346" s="137"/>
      <c r="AR5346" s="137"/>
      <c r="AS5346" s="137"/>
      <c r="AT5346" s="137"/>
      <c r="AU5346" s="137"/>
      <c r="AV5346" s="137"/>
      <c r="AW5346" s="144"/>
    </row>
    <row r="5347" spans="2:49" x14ac:dyDescent="0.2">
      <c r="B5347" s="97"/>
      <c r="J5347" s="98"/>
      <c r="K5347" s="97"/>
      <c r="N5347" s="3"/>
      <c r="W5347" s="98"/>
      <c r="Z5347" s="143"/>
      <c r="AA5347" s="137"/>
      <c r="AB5347" s="137"/>
      <c r="AC5347" s="137"/>
      <c r="AD5347" s="137"/>
      <c r="AE5347" s="137"/>
      <c r="AF5347" s="137"/>
      <c r="AG5347" s="137"/>
      <c r="AH5347" s="137"/>
      <c r="AI5347" s="137"/>
      <c r="AJ5347" s="137"/>
      <c r="AK5347" s="206"/>
      <c r="AL5347" s="206"/>
      <c r="AM5347" s="143"/>
      <c r="AN5347" s="137"/>
      <c r="AO5347" s="137"/>
      <c r="AP5347" s="137"/>
      <c r="AQ5347" s="137"/>
      <c r="AR5347" s="137"/>
      <c r="AS5347" s="137"/>
      <c r="AT5347" s="137"/>
      <c r="AU5347" s="137"/>
      <c r="AV5347" s="137"/>
      <c r="AW5347" s="144"/>
    </row>
    <row r="5348" spans="2:49" x14ac:dyDescent="0.2">
      <c r="B5348" s="97"/>
      <c r="J5348" s="98"/>
      <c r="K5348" s="97"/>
      <c r="N5348" s="3"/>
      <c r="W5348" s="98"/>
      <c r="Z5348" s="143"/>
      <c r="AA5348" s="137"/>
      <c r="AB5348" s="137"/>
      <c r="AC5348" s="137"/>
      <c r="AD5348" s="137"/>
      <c r="AE5348" s="137"/>
      <c r="AF5348" s="137"/>
      <c r="AG5348" s="137"/>
      <c r="AH5348" s="137"/>
      <c r="AI5348" s="137"/>
      <c r="AJ5348" s="137"/>
      <c r="AK5348" s="206"/>
      <c r="AL5348" s="206"/>
      <c r="AM5348" s="143"/>
      <c r="AN5348" s="137"/>
      <c r="AO5348" s="137"/>
      <c r="AP5348" s="137"/>
      <c r="AQ5348" s="137"/>
      <c r="AR5348" s="137"/>
      <c r="AS5348" s="137"/>
      <c r="AT5348" s="137"/>
      <c r="AU5348" s="137"/>
      <c r="AV5348" s="137"/>
      <c r="AW5348" s="144"/>
    </row>
    <row r="5349" spans="2:49" x14ac:dyDescent="0.2">
      <c r="B5349" s="97"/>
      <c r="J5349" s="98"/>
      <c r="K5349" s="97"/>
      <c r="N5349" s="3"/>
      <c r="W5349" s="98"/>
      <c r="Z5349" s="143"/>
      <c r="AA5349" s="137"/>
      <c r="AB5349" s="137"/>
      <c r="AC5349" s="137"/>
      <c r="AD5349" s="137"/>
      <c r="AE5349" s="137"/>
      <c r="AF5349" s="137"/>
      <c r="AG5349" s="137"/>
      <c r="AH5349" s="137"/>
      <c r="AI5349" s="137"/>
      <c r="AJ5349" s="137"/>
      <c r="AK5349" s="206"/>
      <c r="AL5349" s="206"/>
      <c r="AM5349" s="143"/>
      <c r="AN5349" s="137"/>
      <c r="AO5349" s="137"/>
      <c r="AP5349" s="137"/>
      <c r="AQ5349" s="137"/>
      <c r="AR5349" s="137"/>
      <c r="AS5349" s="137"/>
      <c r="AT5349" s="137"/>
      <c r="AU5349" s="137"/>
      <c r="AV5349" s="137"/>
      <c r="AW5349" s="144"/>
    </row>
    <row r="5350" spans="2:49" x14ac:dyDescent="0.2">
      <c r="B5350" s="97"/>
      <c r="J5350" s="98"/>
      <c r="K5350" s="97"/>
      <c r="N5350" s="3"/>
      <c r="W5350" s="98"/>
      <c r="Z5350" s="143"/>
      <c r="AA5350" s="137"/>
      <c r="AB5350" s="137"/>
      <c r="AC5350" s="137"/>
      <c r="AD5350" s="137"/>
      <c r="AE5350" s="137"/>
      <c r="AF5350" s="137"/>
      <c r="AG5350" s="137"/>
      <c r="AH5350" s="137"/>
      <c r="AI5350" s="137"/>
      <c r="AJ5350" s="137"/>
      <c r="AK5350" s="206"/>
      <c r="AL5350" s="206"/>
      <c r="AM5350" s="143"/>
      <c r="AN5350" s="137"/>
      <c r="AO5350" s="137"/>
      <c r="AP5350" s="137"/>
      <c r="AQ5350" s="137"/>
      <c r="AR5350" s="137"/>
      <c r="AS5350" s="137"/>
      <c r="AT5350" s="137"/>
      <c r="AU5350" s="137"/>
      <c r="AV5350" s="137"/>
      <c r="AW5350" s="144"/>
    </row>
    <row r="5351" spans="2:49" x14ac:dyDescent="0.2">
      <c r="B5351" s="97"/>
      <c r="J5351" s="98"/>
      <c r="K5351" s="97"/>
      <c r="N5351" s="3"/>
      <c r="W5351" s="98"/>
      <c r="Z5351" s="143"/>
      <c r="AA5351" s="137"/>
      <c r="AB5351" s="137"/>
      <c r="AC5351" s="137"/>
      <c r="AD5351" s="137"/>
      <c r="AE5351" s="137"/>
      <c r="AF5351" s="137"/>
      <c r="AG5351" s="137"/>
      <c r="AH5351" s="137"/>
      <c r="AI5351" s="137"/>
      <c r="AJ5351" s="137"/>
      <c r="AK5351" s="206"/>
      <c r="AL5351" s="206"/>
      <c r="AM5351" s="143"/>
      <c r="AN5351" s="137"/>
      <c r="AO5351" s="137"/>
      <c r="AP5351" s="137"/>
      <c r="AQ5351" s="137"/>
      <c r="AR5351" s="137"/>
      <c r="AS5351" s="137"/>
      <c r="AT5351" s="137"/>
      <c r="AU5351" s="137"/>
      <c r="AV5351" s="137"/>
      <c r="AW5351" s="144"/>
    </row>
    <row r="5352" spans="2:49" x14ac:dyDescent="0.2">
      <c r="B5352" s="97"/>
      <c r="J5352" s="98"/>
      <c r="K5352" s="97"/>
      <c r="N5352" s="3"/>
      <c r="W5352" s="98"/>
      <c r="Z5352" s="143"/>
      <c r="AA5352" s="137"/>
      <c r="AB5352" s="137"/>
      <c r="AC5352" s="137"/>
      <c r="AD5352" s="137"/>
      <c r="AE5352" s="137"/>
      <c r="AF5352" s="137"/>
      <c r="AG5352" s="137"/>
      <c r="AH5352" s="137"/>
      <c r="AI5352" s="137"/>
      <c r="AJ5352" s="137"/>
      <c r="AK5352" s="206"/>
      <c r="AL5352" s="206"/>
      <c r="AM5352" s="143"/>
      <c r="AN5352" s="137"/>
      <c r="AO5352" s="137"/>
      <c r="AP5352" s="137"/>
      <c r="AQ5352" s="137"/>
      <c r="AR5352" s="137"/>
      <c r="AS5352" s="137"/>
      <c r="AT5352" s="137"/>
      <c r="AU5352" s="137"/>
      <c r="AV5352" s="137"/>
      <c r="AW5352" s="144"/>
    </row>
    <row r="5353" spans="2:49" x14ac:dyDescent="0.2">
      <c r="B5353" s="97"/>
      <c r="J5353" s="98"/>
      <c r="K5353" s="97"/>
      <c r="N5353" s="3"/>
      <c r="W5353" s="98"/>
      <c r="Z5353" s="143"/>
      <c r="AA5353" s="137"/>
      <c r="AB5353" s="137"/>
      <c r="AC5353" s="137"/>
      <c r="AD5353" s="137"/>
      <c r="AE5353" s="137"/>
      <c r="AF5353" s="137"/>
      <c r="AG5353" s="137"/>
      <c r="AH5353" s="137"/>
      <c r="AI5353" s="137"/>
      <c r="AJ5353" s="137"/>
      <c r="AK5353" s="206"/>
      <c r="AL5353" s="206"/>
      <c r="AM5353" s="143"/>
      <c r="AN5353" s="137"/>
      <c r="AO5353" s="137"/>
      <c r="AP5353" s="137"/>
      <c r="AQ5353" s="137"/>
      <c r="AR5353" s="137"/>
      <c r="AS5353" s="137"/>
      <c r="AT5353" s="137"/>
      <c r="AU5353" s="137"/>
      <c r="AV5353" s="137"/>
      <c r="AW5353" s="144"/>
    </row>
    <row r="5354" spans="2:49" x14ac:dyDescent="0.2">
      <c r="B5354" s="97"/>
      <c r="J5354" s="98"/>
      <c r="K5354" s="97"/>
      <c r="N5354" s="3"/>
      <c r="W5354" s="98"/>
      <c r="Z5354" s="143"/>
      <c r="AA5354" s="137"/>
      <c r="AB5354" s="137"/>
      <c r="AC5354" s="137"/>
      <c r="AD5354" s="137"/>
      <c r="AE5354" s="137"/>
      <c r="AF5354" s="137"/>
      <c r="AG5354" s="137"/>
      <c r="AH5354" s="137"/>
      <c r="AI5354" s="137"/>
      <c r="AJ5354" s="137"/>
      <c r="AK5354" s="206"/>
      <c r="AL5354" s="206"/>
      <c r="AM5354" s="143"/>
      <c r="AN5354" s="137"/>
      <c r="AO5354" s="137"/>
      <c r="AP5354" s="137"/>
      <c r="AQ5354" s="137"/>
      <c r="AR5354" s="137"/>
      <c r="AS5354" s="137"/>
      <c r="AT5354" s="137"/>
      <c r="AU5354" s="137"/>
      <c r="AV5354" s="137"/>
      <c r="AW5354" s="144"/>
    </row>
    <row r="5355" spans="2:49" x14ac:dyDescent="0.2">
      <c r="B5355" s="97"/>
      <c r="J5355" s="98"/>
      <c r="K5355" s="97"/>
      <c r="N5355" s="3"/>
      <c r="W5355" s="98"/>
      <c r="Z5355" s="143"/>
      <c r="AA5355" s="137"/>
      <c r="AB5355" s="137"/>
      <c r="AC5355" s="137"/>
      <c r="AD5355" s="137"/>
      <c r="AE5355" s="137"/>
      <c r="AF5355" s="137"/>
      <c r="AG5355" s="137"/>
      <c r="AH5355" s="137"/>
      <c r="AI5355" s="137"/>
      <c r="AJ5355" s="137"/>
      <c r="AK5355" s="206"/>
      <c r="AL5355" s="206"/>
      <c r="AM5355" s="143"/>
      <c r="AN5355" s="137"/>
      <c r="AO5355" s="137"/>
      <c r="AP5355" s="137"/>
      <c r="AQ5355" s="137"/>
      <c r="AR5355" s="137"/>
      <c r="AS5355" s="137"/>
      <c r="AT5355" s="137"/>
      <c r="AU5355" s="137"/>
      <c r="AV5355" s="137"/>
      <c r="AW5355" s="144"/>
    </row>
    <row r="5356" spans="2:49" x14ac:dyDescent="0.2">
      <c r="B5356" s="97"/>
      <c r="J5356" s="98"/>
      <c r="K5356" s="97"/>
      <c r="N5356" s="3"/>
      <c r="W5356" s="98"/>
      <c r="Z5356" s="143"/>
      <c r="AA5356" s="137"/>
      <c r="AB5356" s="137"/>
      <c r="AC5356" s="137"/>
      <c r="AD5356" s="137"/>
      <c r="AE5356" s="137"/>
      <c r="AF5356" s="137"/>
      <c r="AG5356" s="137"/>
      <c r="AH5356" s="137"/>
      <c r="AI5356" s="137"/>
      <c r="AJ5356" s="137"/>
      <c r="AK5356" s="206"/>
      <c r="AL5356" s="206"/>
      <c r="AM5356" s="143"/>
      <c r="AN5356" s="137"/>
      <c r="AO5356" s="137"/>
      <c r="AP5356" s="137"/>
      <c r="AQ5356" s="137"/>
      <c r="AR5356" s="137"/>
      <c r="AS5356" s="137"/>
      <c r="AT5356" s="137"/>
      <c r="AU5356" s="137"/>
      <c r="AV5356" s="137"/>
      <c r="AW5356" s="144"/>
    </row>
    <row r="5357" spans="2:49" x14ac:dyDescent="0.2">
      <c r="B5357" s="97"/>
      <c r="J5357" s="98"/>
      <c r="K5357" s="97"/>
      <c r="N5357" s="3"/>
      <c r="W5357" s="98"/>
      <c r="Z5357" s="143"/>
      <c r="AA5357" s="137"/>
      <c r="AB5357" s="137"/>
      <c r="AC5357" s="137"/>
      <c r="AD5357" s="137"/>
      <c r="AE5357" s="137"/>
      <c r="AF5357" s="137"/>
      <c r="AG5357" s="137"/>
      <c r="AH5357" s="137"/>
      <c r="AI5357" s="137"/>
      <c r="AJ5357" s="137"/>
      <c r="AK5357" s="206"/>
      <c r="AL5357" s="206"/>
      <c r="AM5357" s="143"/>
      <c r="AN5357" s="137"/>
      <c r="AO5357" s="137"/>
      <c r="AP5357" s="137"/>
      <c r="AQ5357" s="137"/>
      <c r="AR5357" s="137"/>
      <c r="AS5357" s="137"/>
      <c r="AT5357" s="137"/>
      <c r="AU5357" s="137"/>
      <c r="AV5357" s="137"/>
      <c r="AW5357" s="144"/>
    </row>
    <row r="5358" spans="2:49" x14ac:dyDescent="0.2">
      <c r="B5358" s="97"/>
      <c r="J5358" s="98"/>
      <c r="K5358" s="97"/>
      <c r="N5358" s="3"/>
      <c r="W5358" s="98"/>
      <c r="Z5358" s="143"/>
      <c r="AA5358" s="137"/>
      <c r="AB5358" s="137"/>
      <c r="AC5358" s="137"/>
      <c r="AD5358" s="137"/>
      <c r="AE5358" s="137"/>
      <c r="AF5358" s="137"/>
      <c r="AG5358" s="137"/>
      <c r="AH5358" s="137"/>
      <c r="AI5358" s="137"/>
      <c r="AJ5358" s="137"/>
      <c r="AK5358" s="206"/>
      <c r="AL5358" s="206"/>
      <c r="AM5358" s="143"/>
      <c r="AN5358" s="137"/>
      <c r="AO5358" s="137"/>
      <c r="AP5358" s="137"/>
      <c r="AQ5358" s="137"/>
      <c r="AR5358" s="137"/>
      <c r="AS5358" s="137"/>
      <c r="AT5358" s="137"/>
      <c r="AU5358" s="137"/>
      <c r="AV5358" s="137"/>
      <c r="AW5358" s="144"/>
    </row>
    <row r="5359" spans="2:49" x14ac:dyDescent="0.2">
      <c r="B5359" s="97"/>
      <c r="J5359" s="98"/>
      <c r="K5359" s="97"/>
      <c r="N5359" s="3"/>
      <c r="W5359" s="98"/>
      <c r="Z5359" s="143"/>
      <c r="AA5359" s="137"/>
      <c r="AB5359" s="137"/>
      <c r="AC5359" s="137"/>
      <c r="AD5359" s="137"/>
      <c r="AE5359" s="137"/>
      <c r="AF5359" s="137"/>
      <c r="AG5359" s="137"/>
      <c r="AH5359" s="137"/>
      <c r="AI5359" s="137"/>
      <c r="AJ5359" s="137"/>
      <c r="AK5359" s="206"/>
      <c r="AL5359" s="206"/>
      <c r="AM5359" s="143"/>
      <c r="AN5359" s="137"/>
      <c r="AO5359" s="137"/>
      <c r="AP5359" s="137"/>
      <c r="AQ5359" s="137"/>
      <c r="AR5359" s="137"/>
      <c r="AS5359" s="137"/>
      <c r="AT5359" s="137"/>
      <c r="AU5359" s="137"/>
      <c r="AV5359" s="137"/>
      <c r="AW5359" s="144"/>
    </row>
    <row r="5360" spans="2:49" x14ac:dyDescent="0.2">
      <c r="B5360" s="97"/>
      <c r="J5360" s="98"/>
      <c r="K5360" s="97"/>
      <c r="N5360" s="3"/>
      <c r="W5360" s="98"/>
      <c r="Z5360" s="143"/>
      <c r="AA5360" s="137"/>
      <c r="AB5360" s="137"/>
      <c r="AC5360" s="137"/>
      <c r="AD5360" s="137"/>
      <c r="AE5360" s="137"/>
      <c r="AF5360" s="137"/>
      <c r="AG5360" s="137"/>
      <c r="AH5360" s="137"/>
      <c r="AI5360" s="137"/>
      <c r="AJ5360" s="137"/>
      <c r="AK5360" s="206"/>
      <c r="AL5360" s="206"/>
      <c r="AM5360" s="143"/>
      <c r="AN5360" s="137"/>
      <c r="AO5360" s="137"/>
      <c r="AP5360" s="137"/>
      <c r="AQ5360" s="137"/>
      <c r="AR5360" s="137"/>
      <c r="AS5360" s="137"/>
      <c r="AT5360" s="137"/>
      <c r="AU5360" s="137"/>
      <c r="AV5360" s="137"/>
      <c r="AW5360" s="144"/>
    </row>
    <row r="5361" spans="2:49" x14ac:dyDescent="0.2">
      <c r="B5361" s="97"/>
      <c r="J5361" s="98"/>
      <c r="K5361" s="97"/>
      <c r="N5361" s="3"/>
      <c r="W5361" s="98"/>
      <c r="Z5361" s="143"/>
      <c r="AA5361" s="137"/>
      <c r="AB5361" s="137"/>
      <c r="AC5361" s="137"/>
      <c r="AD5361" s="137"/>
      <c r="AE5361" s="137"/>
      <c r="AF5361" s="137"/>
      <c r="AG5361" s="137"/>
      <c r="AH5361" s="137"/>
      <c r="AI5361" s="137"/>
      <c r="AJ5361" s="137"/>
      <c r="AK5361" s="206"/>
      <c r="AL5361" s="206"/>
      <c r="AM5361" s="143"/>
      <c r="AN5361" s="137"/>
      <c r="AO5361" s="137"/>
      <c r="AP5361" s="137"/>
      <c r="AQ5361" s="137"/>
      <c r="AR5361" s="137"/>
      <c r="AS5361" s="137"/>
      <c r="AT5361" s="137"/>
      <c r="AU5361" s="137"/>
      <c r="AV5361" s="137"/>
      <c r="AW5361" s="144"/>
    </row>
    <row r="5362" spans="2:49" x14ac:dyDescent="0.2">
      <c r="B5362" s="97"/>
      <c r="J5362" s="98"/>
      <c r="K5362" s="97"/>
      <c r="N5362" s="3"/>
      <c r="W5362" s="98"/>
      <c r="Z5362" s="143"/>
      <c r="AA5362" s="137"/>
      <c r="AB5362" s="137"/>
      <c r="AC5362" s="137"/>
      <c r="AD5362" s="137"/>
      <c r="AE5362" s="137"/>
      <c r="AF5362" s="137"/>
      <c r="AG5362" s="137"/>
      <c r="AH5362" s="137"/>
      <c r="AI5362" s="137"/>
      <c r="AJ5362" s="137"/>
      <c r="AK5362" s="206"/>
      <c r="AL5362" s="206"/>
      <c r="AM5362" s="143"/>
      <c r="AN5362" s="137"/>
      <c r="AO5362" s="137"/>
      <c r="AP5362" s="137"/>
      <c r="AQ5362" s="137"/>
      <c r="AR5362" s="137"/>
      <c r="AS5362" s="137"/>
      <c r="AT5362" s="137"/>
      <c r="AU5362" s="137"/>
      <c r="AV5362" s="137"/>
      <c r="AW5362" s="144"/>
    </row>
    <row r="5363" spans="2:49" x14ac:dyDescent="0.2">
      <c r="B5363" s="97"/>
      <c r="J5363" s="98"/>
      <c r="K5363" s="97"/>
      <c r="N5363" s="3"/>
      <c r="W5363" s="98"/>
      <c r="Z5363" s="143"/>
      <c r="AA5363" s="137"/>
      <c r="AB5363" s="137"/>
      <c r="AC5363" s="137"/>
      <c r="AD5363" s="137"/>
      <c r="AE5363" s="137"/>
      <c r="AF5363" s="137"/>
      <c r="AG5363" s="137"/>
      <c r="AH5363" s="137"/>
      <c r="AI5363" s="137"/>
      <c r="AJ5363" s="137"/>
      <c r="AK5363" s="206"/>
      <c r="AL5363" s="206"/>
      <c r="AM5363" s="143"/>
      <c r="AN5363" s="137"/>
      <c r="AO5363" s="137"/>
      <c r="AP5363" s="137"/>
      <c r="AQ5363" s="137"/>
      <c r="AR5363" s="137"/>
      <c r="AS5363" s="137"/>
      <c r="AT5363" s="137"/>
      <c r="AU5363" s="137"/>
      <c r="AV5363" s="137"/>
      <c r="AW5363" s="144"/>
    </row>
    <row r="5364" spans="2:49" x14ac:dyDescent="0.2">
      <c r="B5364" s="97"/>
      <c r="J5364" s="98"/>
      <c r="K5364" s="97"/>
      <c r="N5364" s="3"/>
      <c r="W5364" s="98"/>
      <c r="Z5364" s="143"/>
      <c r="AA5364" s="137"/>
      <c r="AB5364" s="137"/>
      <c r="AC5364" s="137"/>
      <c r="AD5364" s="137"/>
      <c r="AE5364" s="137"/>
      <c r="AF5364" s="137"/>
      <c r="AG5364" s="137"/>
      <c r="AH5364" s="137"/>
      <c r="AI5364" s="137"/>
      <c r="AJ5364" s="137"/>
      <c r="AK5364" s="206"/>
      <c r="AL5364" s="206"/>
      <c r="AM5364" s="143"/>
      <c r="AN5364" s="137"/>
      <c r="AO5364" s="137"/>
      <c r="AP5364" s="137"/>
      <c r="AQ5364" s="137"/>
      <c r="AR5364" s="137"/>
      <c r="AS5364" s="137"/>
      <c r="AT5364" s="137"/>
      <c r="AU5364" s="137"/>
      <c r="AV5364" s="137"/>
      <c r="AW5364" s="144"/>
    </row>
    <row r="5365" spans="2:49" x14ac:dyDescent="0.2">
      <c r="B5365" s="97"/>
      <c r="J5365" s="98"/>
      <c r="K5365" s="97"/>
      <c r="N5365" s="3"/>
      <c r="W5365" s="98"/>
      <c r="Z5365" s="143"/>
      <c r="AA5365" s="137"/>
      <c r="AB5365" s="137"/>
      <c r="AC5365" s="137"/>
      <c r="AD5365" s="137"/>
      <c r="AE5365" s="137"/>
      <c r="AF5365" s="137"/>
      <c r="AG5365" s="137"/>
      <c r="AH5365" s="137"/>
      <c r="AI5365" s="137"/>
      <c r="AJ5365" s="137"/>
      <c r="AK5365" s="206"/>
      <c r="AL5365" s="206"/>
      <c r="AM5365" s="143"/>
      <c r="AN5365" s="137"/>
      <c r="AO5365" s="137"/>
      <c r="AP5365" s="137"/>
      <c r="AQ5365" s="137"/>
      <c r="AR5365" s="137"/>
      <c r="AS5365" s="137"/>
      <c r="AT5365" s="137"/>
      <c r="AU5365" s="137"/>
      <c r="AV5365" s="137"/>
      <c r="AW5365" s="144"/>
    </row>
    <row r="5366" spans="2:49" x14ac:dyDescent="0.2">
      <c r="B5366" s="97"/>
      <c r="J5366" s="98"/>
      <c r="K5366" s="97"/>
      <c r="N5366" s="3"/>
      <c r="W5366" s="98"/>
      <c r="Z5366" s="143"/>
      <c r="AA5366" s="137"/>
      <c r="AB5366" s="137"/>
      <c r="AC5366" s="137"/>
      <c r="AD5366" s="137"/>
      <c r="AE5366" s="137"/>
      <c r="AF5366" s="137"/>
      <c r="AG5366" s="137"/>
      <c r="AH5366" s="137"/>
      <c r="AI5366" s="137"/>
      <c r="AJ5366" s="137"/>
      <c r="AK5366" s="206"/>
      <c r="AL5366" s="206"/>
      <c r="AM5366" s="143"/>
      <c r="AN5366" s="137"/>
      <c r="AO5366" s="137"/>
      <c r="AP5366" s="137"/>
      <c r="AQ5366" s="137"/>
      <c r="AR5366" s="137"/>
      <c r="AS5366" s="137"/>
      <c r="AT5366" s="137"/>
      <c r="AU5366" s="137"/>
      <c r="AV5366" s="137"/>
      <c r="AW5366" s="144"/>
    </row>
    <row r="5367" spans="2:49" x14ac:dyDescent="0.2">
      <c r="B5367" s="97"/>
      <c r="J5367" s="98"/>
      <c r="K5367" s="97"/>
      <c r="N5367" s="3"/>
      <c r="W5367" s="98"/>
      <c r="Z5367" s="143"/>
      <c r="AA5367" s="137"/>
      <c r="AB5367" s="137"/>
      <c r="AC5367" s="137"/>
      <c r="AD5367" s="137"/>
      <c r="AE5367" s="137"/>
      <c r="AF5367" s="137"/>
      <c r="AG5367" s="137"/>
      <c r="AH5367" s="137"/>
      <c r="AI5367" s="137"/>
      <c r="AJ5367" s="137"/>
      <c r="AK5367" s="206"/>
      <c r="AL5367" s="206"/>
      <c r="AM5367" s="143"/>
      <c r="AN5367" s="137"/>
      <c r="AO5367" s="137"/>
      <c r="AP5367" s="137"/>
      <c r="AQ5367" s="137"/>
      <c r="AR5367" s="137"/>
      <c r="AS5367" s="137"/>
      <c r="AT5367" s="137"/>
      <c r="AU5367" s="137"/>
      <c r="AV5367" s="137"/>
      <c r="AW5367" s="144"/>
    </row>
    <row r="5368" spans="2:49" x14ac:dyDescent="0.2">
      <c r="B5368" s="97"/>
      <c r="J5368" s="98"/>
      <c r="K5368" s="97"/>
      <c r="N5368" s="3"/>
      <c r="W5368" s="98"/>
      <c r="Z5368" s="143"/>
      <c r="AA5368" s="137"/>
      <c r="AB5368" s="137"/>
      <c r="AC5368" s="137"/>
      <c r="AD5368" s="137"/>
      <c r="AE5368" s="137"/>
      <c r="AF5368" s="137"/>
      <c r="AG5368" s="137"/>
      <c r="AH5368" s="137"/>
      <c r="AI5368" s="137"/>
      <c r="AJ5368" s="137"/>
      <c r="AK5368" s="206"/>
      <c r="AL5368" s="206"/>
      <c r="AM5368" s="143"/>
      <c r="AN5368" s="137"/>
      <c r="AO5368" s="137"/>
      <c r="AP5368" s="137"/>
      <c r="AQ5368" s="137"/>
      <c r="AR5368" s="137"/>
      <c r="AS5368" s="137"/>
      <c r="AT5368" s="137"/>
      <c r="AU5368" s="137"/>
      <c r="AV5368" s="137"/>
      <c r="AW5368" s="144"/>
    </row>
    <row r="5369" spans="2:49" x14ac:dyDescent="0.2">
      <c r="B5369" s="97"/>
      <c r="J5369" s="98"/>
      <c r="K5369" s="97"/>
      <c r="N5369" s="3"/>
      <c r="W5369" s="98"/>
      <c r="Z5369" s="143"/>
      <c r="AA5369" s="137"/>
      <c r="AB5369" s="137"/>
      <c r="AC5369" s="137"/>
      <c r="AD5369" s="137"/>
      <c r="AE5369" s="137"/>
      <c r="AF5369" s="137"/>
      <c r="AG5369" s="137"/>
      <c r="AH5369" s="137"/>
      <c r="AI5369" s="137"/>
      <c r="AJ5369" s="137"/>
      <c r="AK5369" s="206"/>
      <c r="AL5369" s="206"/>
      <c r="AM5369" s="143"/>
      <c r="AN5369" s="137"/>
      <c r="AO5369" s="137"/>
      <c r="AP5369" s="137"/>
      <c r="AQ5369" s="137"/>
      <c r="AR5369" s="137"/>
      <c r="AS5369" s="137"/>
      <c r="AT5369" s="137"/>
      <c r="AU5369" s="137"/>
      <c r="AV5369" s="137"/>
      <c r="AW5369" s="144"/>
    </row>
    <row r="5370" spans="2:49" x14ac:dyDescent="0.2">
      <c r="B5370" s="97"/>
      <c r="J5370" s="98"/>
      <c r="K5370" s="97"/>
      <c r="N5370" s="3"/>
      <c r="W5370" s="98"/>
      <c r="Z5370" s="143"/>
      <c r="AA5370" s="137"/>
      <c r="AB5370" s="137"/>
      <c r="AC5370" s="137"/>
      <c r="AD5370" s="137"/>
      <c r="AE5370" s="137"/>
      <c r="AF5370" s="137"/>
      <c r="AG5370" s="137"/>
      <c r="AH5370" s="137"/>
      <c r="AI5370" s="137"/>
      <c r="AJ5370" s="137"/>
      <c r="AK5370" s="206"/>
      <c r="AL5370" s="206"/>
      <c r="AM5370" s="143"/>
      <c r="AN5370" s="137"/>
      <c r="AO5370" s="137"/>
      <c r="AP5370" s="137"/>
      <c r="AQ5370" s="137"/>
      <c r="AR5370" s="137"/>
      <c r="AS5370" s="137"/>
      <c r="AT5370" s="137"/>
      <c r="AU5370" s="137"/>
      <c r="AV5370" s="137"/>
      <c r="AW5370" s="144"/>
    </row>
    <row r="5371" spans="2:49" x14ac:dyDescent="0.2">
      <c r="B5371" s="97"/>
      <c r="J5371" s="98"/>
      <c r="K5371" s="97"/>
      <c r="N5371" s="3"/>
      <c r="W5371" s="98"/>
      <c r="Z5371" s="143"/>
      <c r="AA5371" s="137"/>
      <c r="AB5371" s="137"/>
      <c r="AC5371" s="137"/>
      <c r="AD5371" s="137"/>
      <c r="AE5371" s="137"/>
      <c r="AF5371" s="137"/>
      <c r="AG5371" s="137"/>
      <c r="AH5371" s="137"/>
      <c r="AI5371" s="137"/>
      <c r="AJ5371" s="137"/>
      <c r="AK5371" s="206"/>
      <c r="AL5371" s="206"/>
      <c r="AM5371" s="143"/>
      <c r="AN5371" s="137"/>
      <c r="AO5371" s="137"/>
      <c r="AP5371" s="137"/>
      <c r="AQ5371" s="137"/>
      <c r="AR5371" s="137"/>
      <c r="AS5371" s="137"/>
      <c r="AT5371" s="137"/>
      <c r="AU5371" s="137"/>
      <c r="AV5371" s="137"/>
      <c r="AW5371" s="144"/>
    </row>
    <row r="5372" spans="2:49" x14ac:dyDescent="0.2">
      <c r="B5372" s="97"/>
      <c r="J5372" s="98"/>
      <c r="K5372" s="97"/>
      <c r="N5372" s="3"/>
      <c r="W5372" s="98"/>
      <c r="Z5372" s="143"/>
      <c r="AA5372" s="137"/>
      <c r="AB5372" s="137"/>
      <c r="AC5372" s="137"/>
      <c r="AD5372" s="137"/>
      <c r="AE5372" s="137"/>
      <c r="AF5372" s="137"/>
      <c r="AG5372" s="137"/>
      <c r="AH5372" s="137"/>
      <c r="AI5372" s="137"/>
      <c r="AJ5372" s="137"/>
      <c r="AK5372" s="206"/>
      <c r="AL5372" s="206"/>
      <c r="AM5372" s="143"/>
      <c r="AN5372" s="137"/>
      <c r="AO5372" s="137"/>
      <c r="AP5372" s="137"/>
      <c r="AQ5372" s="137"/>
      <c r="AR5372" s="137"/>
      <c r="AS5372" s="137"/>
      <c r="AT5372" s="137"/>
      <c r="AU5372" s="137"/>
      <c r="AV5372" s="137"/>
      <c r="AW5372" s="144"/>
    </row>
    <row r="5373" spans="2:49" x14ac:dyDescent="0.2">
      <c r="B5373" s="97"/>
      <c r="J5373" s="98"/>
      <c r="K5373" s="97"/>
      <c r="N5373" s="3"/>
      <c r="W5373" s="98"/>
      <c r="Z5373" s="143"/>
      <c r="AA5373" s="137"/>
      <c r="AB5373" s="137"/>
      <c r="AC5373" s="137"/>
      <c r="AD5373" s="137"/>
      <c r="AE5373" s="137"/>
      <c r="AF5373" s="137"/>
      <c r="AG5373" s="137"/>
      <c r="AH5373" s="137"/>
      <c r="AI5373" s="137"/>
      <c r="AJ5373" s="137"/>
      <c r="AK5373" s="206"/>
      <c r="AL5373" s="206"/>
      <c r="AM5373" s="143"/>
      <c r="AN5373" s="137"/>
      <c r="AO5373" s="137"/>
      <c r="AP5373" s="137"/>
      <c r="AQ5373" s="137"/>
      <c r="AR5373" s="137"/>
      <c r="AS5373" s="137"/>
      <c r="AT5373" s="137"/>
      <c r="AU5373" s="137"/>
      <c r="AV5373" s="137"/>
      <c r="AW5373" s="144"/>
    </row>
    <row r="5374" spans="2:49" x14ac:dyDescent="0.2">
      <c r="B5374" s="97"/>
      <c r="J5374" s="98"/>
      <c r="K5374" s="97"/>
      <c r="N5374" s="3"/>
      <c r="W5374" s="98"/>
      <c r="Z5374" s="143"/>
      <c r="AA5374" s="137"/>
      <c r="AB5374" s="137"/>
      <c r="AC5374" s="137"/>
      <c r="AD5374" s="137"/>
      <c r="AE5374" s="137"/>
      <c r="AF5374" s="137"/>
      <c r="AG5374" s="137"/>
      <c r="AH5374" s="137"/>
      <c r="AI5374" s="137"/>
      <c r="AJ5374" s="137"/>
      <c r="AK5374" s="206"/>
      <c r="AL5374" s="206"/>
      <c r="AM5374" s="143"/>
      <c r="AN5374" s="137"/>
      <c r="AO5374" s="137"/>
      <c r="AP5374" s="137"/>
      <c r="AQ5374" s="137"/>
      <c r="AR5374" s="137"/>
      <c r="AS5374" s="137"/>
      <c r="AT5374" s="137"/>
      <c r="AU5374" s="137"/>
      <c r="AV5374" s="137"/>
      <c r="AW5374" s="144"/>
    </row>
    <row r="5375" spans="2:49" x14ac:dyDescent="0.2">
      <c r="B5375" s="97"/>
      <c r="J5375" s="98"/>
      <c r="K5375" s="97"/>
      <c r="N5375" s="3"/>
      <c r="W5375" s="98"/>
      <c r="Z5375" s="143"/>
      <c r="AA5375" s="137"/>
      <c r="AB5375" s="137"/>
      <c r="AC5375" s="137"/>
      <c r="AD5375" s="137"/>
      <c r="AE5375" s="137"/>
      <c r="AF5375" s="137"/>
      <c r="AG5375" s="137"/>
      <c r="AH5375" s="137"/>
      <c r="AI5375" s="137"/>
      <c r="AJ5375" s="137"/>
      <c r="AK5375" s="206"/>
      <c r="AL5375" s="206"/>
      <c r="AM5375" s="143"/>
      <c r="AN5375" s="137"/>
      <c r="AO5375" s="137"/>
      <c r="AP5375" s="137"/>
      <c r="AQ5375" s="137"/>
      <c r="AR5375" s="137"/>
      <c r="AS5375" s="137"/>
      <c r="AT5375" s="137"/>
      <c r="AU5375" s="137"/>
      <c r="AV5375" s="137"/>
      <c r="AW5375" s="144"/>
    </row>
    <row r="5376" spans="2:49" x14ac:dyDescent="0.2">
      <c r="B5376" s="97"/>
      <c r="J5376" s="98"/>
      <c r="K5376" s="97"/>
      <c r="N5376" s="3"/>
      <c r="W5376" s="98"/>
      <c r="Z5376" s="143"/>
      <c r="AA5376" s="137"/>
      <c r="AB5376" s="137"/>
      <c r="AC5376" s="137"/>
      <c r="AD5376" s="137"/>
      <c r="AE5376" s="137"/>
      <c r="AF5376" s="137"/>
      <c r="AG5376" s="137"/>
      <c r="AH5376" s="137"/>
      <c r="AI5376" s="137"/>
      <c r="AJ5376" s="137"/>
      <c r="AK5376" s="206"/>
      <c r="AL5376" s="206"/>
      <c r="AM5376" s="143"/>
      <c r="AN5376" s="137"/>
      <c r="AO5376" s="137"/>
      <c r="AP5376" s="137"/>
      <c r="AQ5376" s="137"/>
      <c r="AR5376" s="137"/>
      <c r="AS5376" s="137"/>
      <c r="AT5376" s="137"/>
      <c r="AU5376" s="137"/>
      <c r="AV5376" s="137"/>
      <c r="AW5376" s="144"/>
    </row>
    <row r="5377" spans="2:49" x14ac:dyDescent="0.2">
      <c r="B5377" s="97"/>
      <c r="J5377" s="98"/>
      <c r="K5377" s="97"/>
      <c r="N5377" s="3"/>
      <c r="W5377" s="98"/>
      <c r="Z5377" s="143"/>
      <c r="AA5377" s="137"/>
      <c r="AB5377" s="137"/>
      <c r="AC5377" s="137"/>
      <c r="AD5377" s="137"/>
      <c r="AE5377" s="137"/>
      <c r="AF5377" s="137"/>
      <c r="AG5377" s="137"/>
      <c r="AH5377" s="137"/>
      <c r="AI5377" s="137"/>
      <c r="AJ5377" s="137"/>
      <c r="AK5377" s="206"/>
      <c r="AL5377" s="206"/>
      <c r="AM5377" s="143"/>
      <c r="AN5377" s="137"/>
      <c r="AO5377" s="137"/>
      <c r="AP5377" s="137"/>
      <c r="AQ5377" s="137"/>
      <c r="AR5377" s="137"/>
      <c r="AS5377" s="137"/>
      <c r="AT5377" s="137"/>
      <c r="AU5377" s="137"/>
      <c r="AV5377" s="137"/>
      <c r="AW5377" s="144"/>
    </row>
    <row r="5378" spans="2:49" x14ac:dyDescent="0.2">
      <c r="B5378" s="97"/>
      <c r="J5378" s="98"/>
      <c r="K5378" s="97"/>
      <c r="N5378" s="3"/>
      <c r="W5378" s="98"/>
      <c r="Z5378" s="143"/>
      <c r="AA5378" s="137"/>
      <c r="AB5378" s="137"/>
      <c r="AC5378" s="137"/>
      <c r="AD5378" s="137"/>
      <c r="AE5378" s="137"/>
      <c r="AF5378" s="137"/>
      <c r="AG5378" s="137"/>
      <c r="AH5378" s="137"/>
      <c r="AI5378" s="137"/>
      <c r="AJ5378" s="137"/>
      <c r="AK5378" s="206"/>
      <c r="AL5378" s="206"/>
      <c r="AM5378" s="143"/>
      <c r="AN5378" s="137"/>
      <c r="AO5378" s="137"/>
      <c r="AP5378" s="137"/>
      <c r="AQ5378" s="137"/>
      <c r="AR5378" s="137"/>
      <c r="AS5378" s="137"/>
      <c r="AT5378" s="137"/>
      <c r="AU5378" s="137"/>
      <c r="AV5378" s="137"/>
      <c r="AW5378" s="144"/>
    </row>
    <row r="5379" spans="2:49" x14ac:dyDescent="0.2">
      <c r="B5379" s="97"/>
      <c r="J5379" s="98"/>
      <c r="K5379" s="97"/>
      <c r="N5379" s="3"/>
      <c r="W5379" s="98"/>
      <c r="Z5379" s="143"/>
      <c r="AA5379" s="137"/>
      <c r="AB5379" s="137"/>
      <c r="AC5379" s="137"/>
      <c r="AD5379" s="137"/>
      <c r="AE5379" s="137"/>
      <c r="AF5379" s="137"/>
      <c r="AG5379" s="137"/>
      <c r="AH5379" s="137"/>
      <c r="AI5379" s="137"/>
      <c r="AJ5379" s="137"/>
      <c r="AK5379" s="206"/>
      <c r="AL5379" s="206"/>
      <c r="AM5379" s="143"/>
      <c r="AN5379" s="137"/>
      <c r="AO5379" s="137"/>
      <c r="AP5379" s="137"/>
      <c r="AQ5379" s="137"/>
      <c r="AR5379" s="137"/>
      <c r="AS5379" s="137"/>
      <c r="AT5379" s="137"/>
      <c r="AU5379" s="137"/>
      <c r="AV5379" s="137"/>
      <c r="AW5379" s="144"/>
    </row>
    <row r="5380" spans="2:49" x14ac:dyDescent="0.2">
      <c r="B5380" s="97"/>
      <c r="J5380" s="98"/>
      <c r="K5380" s="97"/>
      <c r="N5380" s="3"/>
      <c r="W5380" s="98"/>
      <c r="Z5380" s="143"/>
      <c r="AA5380" s="137"/>
      <c r="AB5380" s="137"/>
      <c r="AC5380" s="137"/>
      <c r="AD5380" s="137"/>
      <c r="AE5380" s="137"/>
      <c r="AF5380" s="137"/>
      <c r="AG5380" s="137"/>
      <c r="AH5380" s="137"/>
      <c r="AI5380" s="137"/>
      <c r="AJ5380" s="137"/>
      <c r="AK5380" s="206"/>
      <c r="AL5380" s="206"/>
      <c r="AM5380" s="143"/>
      <c r="AN5380" s="137"/>
      <c r="AO5380" s="137"/>
      <c r="AP5380" s="137"/>
      <c r="AQ5380" s="137"/>
      <c r="AR5380" s="137"/>
      <c r="AS5380" s="137"/>
      <c r="AT5380" s="137"/>
      <c r="AU5380" s="137"/>
      <c r="AV5380" s="137"/>
      <c r="AW5380" s="144"/>
    </row>
    <row r="5381" spans="2:49" x14ac:dyDescent="0.2">
      <c r="B5381" s="97"/>
      <c r="J5381" s="98"/>
      <c r="K5381" s="97"/>
      <c r="N5381" s="3"/>
      <c r="W5381" s="98"/>
      <c r="Z5381" s="143"/>
      <c r="AA5381" s="137"/>
      <c r="AB5381" s="137"/>
      <c r="AC5381" s="137"/>
      <c r="AD5381" s="137"/>
      <c r="AE5381" s="137"/>
      <c r="AF5381" s="137"/>
      <c r="AG5381" s="137"/>
      <c r="AH5381" s="137"/>
      <c r="AI5381" s="137"/>
      <c r="AJ5381" s="137"/>
      <c r="AK5381" s="206"/>
      <c r="AL5381" s="206"/>
      <c r="AM5381" s="143"/>
      <c r="AN5381" s="137"/>
      <c r="AO5381" s="137"/>
      <c r="AP5381" s="137"/>
      <c r="AQ5381" s="137"/>
      <c r="AR5381" s="137"/>
      <c r="AS5381" s="137"/>
      <c r="AT5381" s="137"/>
      <c r="AU5381" s="137"/>
      <c r="AV5381" s="137"/>
      <c r="AW5381" s="144"/>
    </row>
    <row r="5382" spans="2:49" x14ac:dyDescent="0.2">
      <c r="B5382" s="97"/>
      <c r="J5382" s="98"/>
      <c r="K5382" s="97"/>
      <c r="N5382" s="3"/>
      <c r="W5382" s="98"/>
      <c r="Z5382" s="143"/>
      <c r="AA5382" s="137"/>
      <c r="AB5382" s="137"/>
      <c r="AC5382" s="137"/>
      <c r="AD5382" s="137"/>
      <c r="AE5382" s="137"/>
      <c r="AF5382" s="137"/>
      <c r="AG5382" s="137"/>
      <c r="AH5382" s="137"/>
      <c r="AI5382" s="137"/>
      <c r="AJ5382" s="137"/>
      <c r="AK5382" s="206"/>
      <c r="AL5382" s="206"/>
      <c r="AM5382" s="143"/>
      <c r="AN5382" s="137"/>
      <c r="AO5382" s="137"/>
      <c r="AP5382" s="137"/>
      <c r="AQ5382" s="137"/>
      <c r="AR5382" s="137"/>
      <c r="AS5382" s="137"/>
      <c r="AT5382" s="137"/>
      <c r="AU5382" s="137"/>
      <c r="AV5382" s="137"/>
      <c r="AW5382" s="144"/>
    </row>
    <row r="5383" spans="2:49" x14ac:dyDescent="0.2">
      <c r="B5383" s="97"/>
      <c r="J5383" s="98"/>
      <c r="K5383" s="97"/>
      <c r="N5383" s="3"/>
      <c r="W5383" s="98"/>
      <c r="Z5383" s="143"/>
      <c r="AA5383" s="137"/>
      <c r="AB5383" s="137"/>
      <c r="AC5383" s="137"/>
      <c r="AD5383" s="137"/>
      <c r="AE5383" s="137"/>
      <c r="AF5383" s="137"/>
      <c r="AG5383" s="137"/>
      <c r="AH5383" s="137"/>
      <c r="AI5383" s="137"/>
      <c r="AJ5383" s="137"/>
      <c r="AK5383" s="206"/>
      <c r="AL5383" s="206"/>
      <c r="AM5383" s="143"/>
      <c r="AN5383" s="137"/>
      <c r="AO5383" s="137"/>
      <c r="AP5383" s="137"/>
      <c r="AQ5383" s="137"/>
      <c r="AR5383" s="137"/>
      <c r="AS5383" s="137"/>
      <c r="AT5383" s="137"/>
      <c r="AU5383" s="137"/>
      <c r="AV5383" s="137"/>
      <c r="AW5383" s="144"/>
    </row>
    <row r="5384" spans="2:49" x14ac:dyDescent="0.2">
      <c r="B5384" s="97"/>
      <c r="J5384" s="98"/>
      <c r="K5384" s="97"/>
      <c r="N5384" s="3"/>
      <c r="W5384" s="98"/>
      <c r="Z5384" s="143"/>
      <c r="AA5384" s="137"/>
      <c r="AB5384" s="137"/>
      <c r="AC5384" s="137"/>
      <c r="AD5384" s="137"/>
      <c r="AE5384" s="137"/>
      <c r="AF5384" s="137"/>
      <c r="AG5384" s="137"/>
      <c r="AH5384" s="137"/>
      <c r="AI5384" s="137"/>
      <c r="AJ5384" s="137"/>
      <c r="AK5384" s="206"/>
      <c r="AL5384" s="206"/>
      <c r="AM5384" s="143"/>
      <c r="AN5384" s="137"/>
      <c r="AO5384" s="137"/>
      <c r="AP5384" s="137"/>
      <c r="AQ5384" s="137"/>
      <c r="AR5384" s="137"/>
      <c r="AS5384" s="137"/>
      <c r="AT5384" s="137"/>
      <c r="AU5384" s="137"/>
      <c r="AV5384" s="137"/>
      <c r="AW5384" s="144"/>
    </row>
    <row r="5385" spans="2:49" x14ac:dyDescent="0.2">
      <c r="B5385" s="97"/>
      <c r="J5385" s="98"/>
      <c r="K5385" s="97"/>
      <c r="N5385" s="3"/>
      <c r="W5385" s="98"/>
      <c r="Z5385" s="143"/>
      <c r="AA5385" s="137"/>
      <c r="AB5385" s="137"/>
      <c r="AC5385" s="137"/>
      <c r="AD5385" s="137"/>
      <c r="AE5385" s="137"/>
      <c r="AF5385" s="137"/>
      <c r="AG5385" s="137"/>
      <c r="AH5385" s="137"/>
      <c r="AI5385" s="137"/>
      <c r="AJ5385" s="137"/>
      <c r="AK5385" s="206"/>
      <c r="AL5385" s="206"/>
      <c r="AM5385" s="143"/>
      <c r="AN5385" s="137"/>
      <c r="AO5385" s="137"/>
      <c r="AP5385" s="137"/>
      <c r="AQ5385" s="137"/>
      <c r="AR5385" s="137"/>
      <c r="AS5385" s="137"/>
      <c r="AT5385" s="137"/>
      <c r="AU5385" s="137"/>
      <c r="AV5385" s="137"/>
      <c r="AW5385" s="144"/>
    </row>
    <row r="5386" spans="2:49" x14ac:dyDescent="0.2">
      <c r="B5386" s="97"/>
      <c r="J5386" s="98"/>
      <c r="K5386" s="97"/>
      <c r="N5386" s="3"/>
      <c r="W5386" s="98"/>
      <c r="Z5386" s="143"/>
      <c r="AA5386" s="137"/>
      <c r="AB5386" s="137"/>
      <c r="AC5386" s="137"/>
      <c r="AD5386" s="137"/>
      <c r="AE5386" s="137"/>
      <c r="AF5386" s="137"/>
      <c r="AG5386" s="137"/>
      <c r="AH5386" s="137"/>
      <c r="AI5386" s="137"/>
      <c r="AJ5386" s="137"/>
      <c r="AK5386" s="206"/>
      <c r="AL5386" s="206"/>
      <c r="AM5386" s="143"/>
      <c r="AN5386" s="137"/>
      <c r="AO5386" s="137"/>
      <c r="AP5386" s="137"/>
      <c r="AQ5386" s="137"/>
      <c r="AR5386" s="137"/>
      <c r="AS5386" s="137"/>
      <c r="AT5386" s="137"/>
      <c r="AU5386" s="137"/>
      <c r="AV5386" s="137"/>
      <c r="AW5386" s="144"/>
    </row>
    <row r="5387" spans="2:49" x14ac:dyDescent="0.2">
      <c r="B5387" s="97"/>
      <c r="J5387" s="98"/>
      <c r="K5387" s="97"/>
      <c r="N5387" s="3"/>
      <c r="W5387" s="98"/>
      <c r="Z5387" s="143"/>
      <c r="AA5387" s="137"/>
      <c r="AB5387" s="137"/>
      <c r="AC5387" s="137"/>
      <c r="AD5387" s="137"/>
      <c r="AE5387" s="137"/>
      <c r="AF5387" s="137"/>
      <c r="AG5387" s="137"/>
      <c r="AH5387" s="137"/>
      <c r="AI5387" s="137"/>
      <c r="AJ5387" s="137"/>
      <c r="AK5387" s="206"/>
      <c r="AL5387" s="206"/>
      <c r="AM5387" s="143"/>
      <c r="AN5387" s="137"/>
      <c r="AO5387" s="137"/>
      <c r="AP5387" s="137"/>
      <c r="AQ5387" s="137"/>
      <c r="AR5387" s="137"/>
      <c r="AS5387" s="137"/>
      <c r="AT5387" s="137"/>
      <c r="AU5387" s="137"/>
      <c r="AV5387" s="137"/>
      <c r="AW5387" s="144"/>
    </row>
    <row r="5388" spans="2:49" x14ac:dyDescent="0.2">
      <c r="B5388" s="97"/>
      <c r="J5388" s="98"/>
      <c r="K5388" s="97"/>
      <c r="N5388" s="3"/>
      <c r="W5388" s="98"/>
      <c r="Z5388" s="143"/>
      <c r="AA5388" s="137"/>
      <c r="AB5388" s="137"/>
      <c r="AC5388" s="137"/>
      <c r="AD5388" s="137"/>
      <c r="AE5388" s="137"/>
      <c r="AF5388" s="137"/>
      <c r="AG5388" s="137"/>
      <c r="AH5388" s="137"/>
      <c r="AI5388" s="137"/>
      <c r="AJ5388" s="137"/>
      <c r="AK5388" s="206"/>
      <c r="AL5388" s="206"/>
      <c r="AM5388" s="143"/>
      <c r="AN5388" s="137"/>
      <c r="AO5388" s="137"/>
      <c r="AP5388" s="137"/>
      <c r="AQ5388" s="137"/>
      <c r="AR5388" s="137"/>
      <c r="AS5388" s="137"/>
      <c r="AT5388" s="137"/>
      <c r="AU5388" s="137"/>
      <c r="AV5388" s="137"/>
      <c r="AW5388" s="144"/>
    </row>
    <row r="5389" spans="2:49" x14ac:dyDescent="0.2">
      <c r="B5389" s="97"/>
      <c r="J5389" s="98"/>
      <c r="K5389" s="97"/>
      <c r="N5389" s="3"/>
      <c r="W5389" s="98"/>
      <c r="Z5389" s="143"/>
      <c r="AA5389" s="137"/>
      <c r="AB5389" s="137"/>
      <c r="AC5389" s="137"/>
      <c r="AD5389" s="137"/>
      <c r="AE5389" s="137"/>
      <c r="AF5389" s="137"/>
      <c r="AG5389" s="137"/>
      <c r="AH5389" s="137"/>
      <c r="AI5389" s="137"/>
      <c r="AJ5389" s="137"/>
      <c r="AK5389" s="206"/>
      <c r="AL5389" s="206"/>
      <c r="AM5389" s="143"/>
      <c r="AN5389" s="137"/>
      <c r="AO5389" s="137"/>
      <c r="AP5389" s="137"/>
      <c r="AQ5389" s="137"/>
      <c r="AR5389" s="137"/>
      <c r="AS5389" s="137"/>
      <c r="AT5389" s="137"/>
      <c r="AU5389" s="137"/>
      <c r="AV5389" s="137"/>
      <c r="AW5389" s="144"/>
    </row>
    <row r="5390" spans="2:49" x14ac:dyDescent="0.2">
      <c r="B5390" s="97"/>
      <c r="J5390" s="98"/>
      <c r="K5390" s="97"/>
      <c r="N5390" s="3"/>
      <c r="W5390" s="98"/>
      <c r="Z5390" s="143"/>
      <c r="AA5390" s="137"/>
      <c r="AB5390" s="137"/>
      <c r="AC5390" s="137"/>
      <c r="AD5390" s="137"/>
      <c r="AE5390" s="137"/>
      <c r="AF5390" s="137"/>
      <c r="AG5390" s="137"/>
      <c r="AH5390" s="137"/>
      <c r="AI5390" s="137"/>
      <c r="AJ5390" s="137"/>
      <c r="AK5390" s="206"/>
      <c r="AL5390" s="206"/>
      <c r="AM5390" s="143"/>
      <c r="AN5390" s="137"/>
      <c r="AO5390" s="137"/>
      <c r="AP5390" s="137"/>
      <c r="AQ5390" s="137"/>
      <c r="AR5390" s="137"/>
      <c r="AS5390" s="137"/>
      <c r="AT5390" s="137"/>
      <c r="AU5390" s="137"/>
      <c r="AV5390" s="137"/>
      <c r="AW5390" s="144"/>
    </row>
    <row r="5391" spans="2:49" x14ac:dyDescent="0.2">
      <c r="B5391" s="97"/>
      <c r="J5391" s="98"/>
      <c r="K5391" s="97"/>
      <c r="N5391" s="3"/>
      <c r="W5391" s="98"/>
      <c r="Z5391" s="143"/>
      <c r="AA5391" s="137"/>
      <c r="AB5391" s="137"/>
      <c r="AC5391" s="137"/>
      <c r="AD5391" s="137"/>
      <c r="AE5391" s="137"/>
      <c r="AF5391" s="137"/>
      <c r="AG5391" s="137"/>
      <c r="AH5391" s="137"/>
      <c r="AI5391" s="137"/>
      <c r="AJ5391" s="137"/>
      <c r="AK5391" s="206"/>
      <c r="AL5391" s="206"/>
      <c r="AM5391" s="143"/>
      <c r="AN5391" s="137"/>
      <c r="AO5391" s="137"/>
      <c r="AP5391" s="137"/>
      <c r="AQ5391" s="137"/>
      <c r="AR5391" s="137"/>
      <c r="AS5391" s="137"/>
      <c r="AT5391" s="137"/>
      <c r="AU5391" s="137"/>
      <c r="AV5391" s="137"/>
      <c r="AW5391" s="144"/>
    </row>
    <row r="5392" spans="2:49" x14ac:dyDescent="0.2">
      <c r="B5392" s="97"/>
      <c r="J5392" s="98"/>
      <c r="K5392" s="97"/>
      <c r="N5392" s="3"/>
      <c r="W5392" s="98"/>
      <c r="Z5392" s="143"/>
      <c r="AA5392" s="137"/>
      <c r="AB5392" s="137"/>
      <c r="AC5392" s="137"/>
      <c r="AD5392" s="137"/>
      <c r="AE5392" s="137"/>
      <c r="AF5392" s="137"/>
      <c r="AG5392" s="137"/>
      <c r="AH5392" s="137"/>
      <c r="AI5392" s="137"/>
      <c r="AJ5392" s="137"/>
      <c r="AK5392" s="206"/>
      <c r="AL5392" s="206"/>
      <c r="AM5392" s="143"/>
      <c r="AN5392" s="137"/>
      <c r="AO5392" s="137"/>
      <c r="AP5392" s="137"/>
      <c r="AQ5392" s="137"/>
      <c r="AR5392" s="137"/>
      <c r="AS5392" s="137"/>
      <c r="AT5392" s="137"/>
      <c r="AU5392" s="137"/>
      <c r="AV5392" s="137"/>
      <c r="AW5392" s="144"/>
    </row>
    <row r="5393" spans="2:49" x14ac:dyDescent="0.2">
      <c r="B5393" s="97"/>
      <c r="J5393" s="98"/>
      <c r="K5393" s="97"/>
      <c r="N5393" s="3"/>
      <c r="W5393" s="98"/>
      <c r="Z5393" s="143"/>
      <c r="AA5393" s="137"/>
      <c r="AB5393" s="137"/>
      <c r="AC5393" s="137"/>
      <c r="AD5393" s="137"/>
      <c r="AE5393" s="137"/>
      <c r="AF5393" s="137"/>
      <c r="AG5393" s="137"/>
      <c r="AH5393" s="137"/>
      <c r="AI5393" s="137"/>
      <c r="AJ5393" s="137"/>
      <c r="AK5393" s="206"/>
      <c r="AL5393" s="206"/>
      <c r="AM5393" s="143"/>
      <c r="AN5393" s="137"/>
      <c r="AO5393" s="137"/>
      <c r="AP5393" s="137"/>
      <c r="AQ5393" s="137"/>
      <c r="AR5393" s="137"/>
      <c r="AS5393" s="137"/>
      <c r="AT5393" s="137"/>
      <c r="AU5393" s="137"/>
      <c r="AV5393" s="137"/>
      <c r="AW5393" s="144"/>
    </row>
    <row r="5394" spans="2:49" x14ac:dyDescent="0.2">
      <c r="B5394" s="97"/>
      <c r="J5394" s="98"/>
      <c r="K5394" s="97"/>
      <c r="N5394" s="3"/>
      <c r="W5394" s="98"/>
      <c r="Z5394" s="143"/>
      <c r="AA5394" s="137"/>
      <c r="AB5394" s="137"/>
      <c r="AC5394" s="137"/>
      <c r="AD5394" s="137"/>
      <c r="AE5394" s="137"/>
      <c r="AF5394" s="137"/>
      <c r="AG5394" s="137"/>
      <c r="AH5394" s="137"/>
      <c r="AI5394" s="137"/>
      <c r="AJ5394" s="137"/>
      <c r="AK5394" s="206"/>
      <c r="AL5394" s="206"/>
      <c r="AM5394" s="143"/>
      <c r="AN5394" s="137"/>
      <c r="AO5394" s="137"/>
      <c r="AP5394" s="137"/>
      <c r="AQ5394" s="137"/>
      <c r="AR5394" s="137"/>
      <c r="AS5394" s="137"/>
      <c r="AT5394" s="137"/>
      <c r="AU5394" s="137"/>
      <c r="AV5394" s="137"/>
      <c r="AW5394" s="144"/>
    </row>
    <row r="5395" spans="2:49" x14ac:dyDescent="0.2">
      <c r="B5395" s="97"/>
      <c r="J5395" s="98"/>
      <c r="K5395" s="97"/>
      <c r="N5395" s="3"/>
      <c r="W5395" s="98"/>
      <c r="Z5395" s="143"/>
      <c r="AA5395" s="137"/>
      <c r="AB5395" s="137"/>
      <c r="AC5395" s="137"/>
      <c r="AD5395" s="137"/>
      <c r="AE5395" s="137"/>
      <c r="AF5395" s="137"/>
      <c r="AG5395" s="137"/>
      <c r="AH5395" s="137"/>
      <c r="AI5395" s="137"/>
      <c r="AJ5395" s="137"/>
      <c r="AK5395" s="206"/>
      <c r="AL5395" s="206"/>
      <c r="AM5395" s="143"/>
      <c r="AN5395" s="137"/>
      <c r="AO5395" s="137"/>
      <c r="AP5395" s="137"/>
      <c r="AQ5395" s="137"/>
      <c r="AR5395" s="137"/>
      <c r="AS5395" s="137"/>
      <c r="AT5395" s="137"/>
      <c r="AU5395" s="137"/>
      <c r="AV5395" s="137"/>
      <c r="AW5395" s="144"/>
    </row>
    <row r="5396" spans="2:49" x14ac:dyDescent="0.2">
      <c r="B5396" s="97"/>
      <c r="J5396" s="98"/>
      <c r="K5396" s="97"/>
      <c r="N5396" s="3"/>
      <c r="W5396" s="98"/>
      <c r="Z5396" s="143"/>
      <c r="AA5396" s="137"/>
      <c r="AB5396" s="137"/>
      <c r="AC5396" s="137"/>
      <c r="AD5396" s="137"/>
      <c r="AE5396" s="137"/>
      <c r="AF5396" s="137"/>
      <c r="AG5396" s="137"/>
      <c r="AH5396" s="137"/>
      <c r="AI5396" s="137"/>
      <c r="AJ5396" s="137"/>
      <c r="AK5396" s="206"/>
      <c r="AL5396" s="206"/>
      <c r="AM5396" s="143"/>
      <c r="AN5396" s="137"/>
      <c r="AO5396" s="137"/>
      <c r="AP5396" s="137"/>
      <c r="AQ5396" s="137"/>
      <c r="AR5396" s="137"/>
      <c r="AS5396" s="137"/>
      <c r="AT5396" s="137"/>
      <c r="AU5396" s="137"/>
      <c r="AV5396" s="137"/>
      <c r="AW5396" s="144"/>
    </row>
    <row r="5397" spans="2:49" x14ac:dyDescent="0.2">
      <c r="B5397" s="97"/>
      <c r="J5397" s="98"/>
      <c r="K5397" s="97"/>
      <c r="N5397" s="3"/>
      <c r="W5397" s="98"/>
      <c r="Z5397" s="143"/>
      <c r="AA5397" s="137"/>
      <c r="AB5397" s="137"/>
      <c r="AC5397" s="137"/>
      <c r="AD5397" s="137"/>
      <c r="AE5397" s="137"/>
      <c r="AF5397" s="137"/>
      <c r="AG5397" s="137"/>
      <c r="AH5397" s="137"/>
      <c r="AI5397" s="137"/>
      <c r="AJ5397" s="137"/>
      <c r="AK5397" s="206"/>
      <c r="AL5397" s="206"/>
      <c r="AM5397" s="143"/>
      <c r="AN5397" s="137"/>
      <c r="AO5397" s="137"/>
      <c r="AP5397" s="137"/>
      <c r="AQ5397" s="137"/>
      <c r="AR5397" s="137"/>
      <c r="AS5397" s="137"/>
      <c r="AT5397" s="137"/>
      <c r="AU5397" s="137"/>
      <c r="AV5397" s="137"/>
      <c r="AW5397" s="144"/>
    </row>
    <row r="5398" spans="2:49" x14ac:dyDescent="0.2">
      <c r="B5398" s="97"/>
      <c r="J5398" s="98"/>
      <c r="K5398" s="97"/>
      <c r="N5398" s="3"/>
      <c r="W5398" s="98"/>
      <c r="Z5398" s="143"/>
      <c r="AA5398" s="137"/>
      <c r="AB5398" s="137"/>
      <c r="AC5398" s="137"/>
      <c r="AD5398" s="137"/>
      <c r="AE5398" s="137"/>
      <c r="AF5398" s="137"/>
      <c r="AG5398" s="137"/>
      <c r="AH5398" s="137"/>
      <c r="AI5398" s="137"/>
      <c r="AJ5398" s="137"/>
      <c r="AK5398" s="206"/>
      <c r="AL5398" s="206"/>
      <c r="AM5398" s="143"/>
      <c r="AN5398" s="137"/>
      <c r="AO5398" s="137"/>
      <c r="AP5398" s="137"/>
      <c r="AQ5398" s="137"/>
      <c r="AR5398" s="137"/>
      <c r="AS5398" s="137"/>
      <c r="AT5398" s="137"/>
      <c r="AU5398" s="137"/>
      <c r="AV5398" s="137"/>
      <c r="AW5398" s="144"/>
    </row>
    <row r="5399" spans="2:49" x14ac:dyDescent="0.2">
      <c r="B5399" s="97"/>
      <c r="J5399" s="98"/>
      <c r="K5399" s="97"/>
      <c r="N5399" s="3"/>
      <c r="W5399" s="98"/>
      <c r="Z5399" s="143"/>
      <c r="AA5399" s="137"/>
      <c r="AB5399" s="137"/>
      <c r="AC5399" s="137"/>
      <c r="AD5399" s="137"/>
      <c r="AE5399" s="137"/>
      <c r="AF5399" s="137"/>
      <c r="AG5399" s="137"/>
      <c r="AH5399" s="137"/>
      <c r="AI5399" s="137"/>
      <c r="AJ5399" s="137"/>
      <c r="AK5399" s="206"/>
      <c r="AL5399" s="206"/>
      <c r="AM5399" s="143"/>
      <c r="AN5399" s="137"/>
      <c r="AO5399" s="137"/>
      <c r="AP5399" s="137"/>
      <c r="AQ5399" s="137"/>
      <c r="AR5399" s="137"/>
      <c r="AS5399" s="137"/>
      <c r="AT5399" s="137"/>
      <c r="AU5399" s="137"/>
      <c r="AV5399" s="137"/>
      <c r="AW5399" s="144"/>
    </row>
    <row r="5400" spans="2:49" x14ac:dyDescent="0.2">
      <c r="B5400" s="97"/>
      <c r="J5400" s="98"/>
      <c r="K5400" s="97"/>
      <c r="N5400" s="3"/>
      <c r="W5400" s="98"/>
      <c r="Z5400" s="143"/>
      <c r="AA5400" s="137"/>
      <c r="AB5400" s="137"/>
      <c r="AC5400" s="137"/>
      <c r="AD5400" s="137"/>
      <c r="AE5400" s="137"/>
      <c r="AF5400" s="137"/>
      <c r="AG5400" s="137"/>
      <c r="AH5400" s="137"/>
      <c r="AI5400" s="137"/>
      <c r="AJ5400" s="137"/>
      <c r="AK5400" s="206"/>
      <c r="AL5400" s="206"/>
      <c r="AM5400" s="143"/>
      <c r="AN5400" s="137"/>
      <c r="AO5400" s="137"/>
      <c r="AP5400" s="137"/>
      <c r="AQ5400" s="137"/>
      <c r="AR5400" s="137"/>
      <c r="AS5400" s="137"/>
      <c r="AT5400" s="137"/>
      <c r="AU5400" s="137"/>
      <c r="AV5400" s="137"/>
      <c r="AW5400" s="144"/>
    </row>
    <row r="5401" spans="2:49" x14ac:dyDescent="0.2">
      <c r="B5401" s="97"/>
      <c r="J5401" s="98"/>
      <c r="K5401" s="97"/>
      <c r="N5401" s="3"/>
      <c r="W5401" s="98"/>
      <c r="Z5401" s="143"/>
      <c r="AA5401" s="137"/>
      <c r="AB5401" s="137"/>
      <c r="AC5401" s="137"/>
      <c r="AD5401" s="137"/>
      <c r="AE5401" s="137"/>
      <c r="AF5401" s="137"/>
      <c r="AG5401" s="137"/>
      <c r="AH5401" s="137"/>
      <c r="AI5401" s="137"/>
      <c r="AJ5401" s="137"/>
      <c r="AK5401" s="206"/>
      <c r="AL5401" s="206"/>
      <c r="AM5401" s="143"/>
      <c r="AN5401" s="137"/>
      <c r="AO5401" s="137"/>
      <c r="AP5401" s="137"/>
      <c r="AQ5401" s="137"/>
      <c r="AR5401" s="137"/>
      <c r="AS5401" s="137"/>
      <c r="AT5401" s="137"/>
      <c r="AU5401" s="137"/>
      <c r="AV5401" s="137"/>
      <c r="AW5401" s="144"/>
    </row>
    <row r="5402" spans="2:49" x14ac:dyDescent="0.2">
      <c r="B5402" s="97"/>
      <c r="J5402" s="98"/>
      <c r="K5402" s="97"/>
      <c r="N5402" s="3"/>
      <c r="W5402" s="98"/>
      <c r="Z5402" s="143"/>
      <c r="AA5402" s="137"/>
      <c r="AB5402" s="137"/>
      <c r="AC5402" s="137"/>
      <c r="AD5402" s="137"/>
      <c r="AE5402" s="137"/>
      <c r="AF5402" s="137"/>
      <c r="AG5402" s="137"/>
      <c r="AH5402" s="137"/>
      <c r="AI5402" s="137"/>
      <c r="AJ5402" s="137"/>
      <c r="AK5402" s="206"/>
      <c r="AL5402" s="206"/>
      <c r="AM5402" s="143"/>
      <c r="AN5402" s="137"/>
      <c r="AO5402" s="137"/>
      <c r="AP5402" s="137"/>
      <c r="AQ5402" s="137"/>
      <c r="AR5402" s="137"/>
      <c r="AS5402" s="137"/>
      <c r="AT5402" s="137"/>
      <c r="AU5402" s="137"/>
      <c r="AV5402" s="137"/>
      <c r="AW5402" s="144"/>
    </row>
    <row r="5403" spans="2:49" x14ac:dyDescent="0.2">
      <c r="B5403" s="97"/>
      <c r="J5403" s="98"/>
      <c r="K5403" s="97"/>
      <c r="N5403" s="3"/>
      <c r="W5403" s="98"/>
      <c r="Z5403" s="143"/>
      <c r="AA5403" s="137"/>
      <c r="AB5403" s="137"/>
      <c r="AC5403" s="137"/>
      <c r="AD5403" s="137"/>
      <c r="AE5403" s="137"/>
      <c r="AF5403" s="137"/>
      <c r="AG5403" s="137"/>
      <c r="AH5403" s="137"/>
      <c r="AI5403" s="137"/>
      <c r="AJ5403" s="137"/>
      <c r="AK5403" s="206"/>
      <c r="AL5403" s="206"/>
      <c r="AM5403" s="143"/>
      <c r="AN5403" s="137"/>
      <c r="AO5403" s="137"/>
      <c r="AP5403" s="137"/>
      <c r="AQ5403" s="137"/>
      <c r="AR5403" s="137"/>
      <c r="AS5403" s="137"/>
      <c r="AT5403" s="137"/>
      <c r="AU5403" s="137"/>
      <c r="AV5403" s="137"/>
      <c r="AW5403" s="144"/>
    </row>
    <row r="5404" spans="2:49" x14ac:dyDescent="0.2">
      <c r="B5404" s="97"/>
      <c r="J5404" s="98"/>
      <c r="K5404" s="97"/>
      <c r="N5404" s="3"/>
      <c r="W5404" s="98"/>
      <c r="Z5404" s="143"/>
      <c r="AA5404" s="137"/>
      <c r="AB5404" s="137"/>
      <c r="AC5404" s="137"/>
      <c r="AD5404" s="137"/>
      <c r="AE5404" s="137"/>
      <c r="AF5404" s="137"/>
      <c r="AG5404" s="137"/>
      <c r="AH5404" s="137"/>
      <c r="AI5404" s="137"/>
      <c r="AJ5404" s="137"/>
      <c r="AK5404" s="206"/>
      <c r="AL5404" s="206"/>
      <c r="AM5404" s="143"/>
      <c r="AN5404" s="137"/>
      <c r="AO5404" s="137"/>
      <c r="AP5404" s="137"/>
      <c r="AQ5404" s="137"/>
      <c r="AR5404" s="137"/>
      <c r="AS5404" s="137"/>
      <c r="AT5404" s="137"/>
      <c r="AU5404" s="137"/>
      <c r="AV5404" s="137"/>
      <c r="AW5404" s="144"/>
    </row>
    <row r="5405" spans="2:49" x14ac:dyDescent="0.2">
      <c r="B5405" s="97"/>
      <c r="J5405" s="98"/>
      <c r="K5405" s="97"/>
      <c r="N5405" s="3"/>
      <c r="W5405" s="98"/>
      <c r="Z5405" s="143"/>
      <c r="AA5405" s="137"/>
      <c r="AB5405" s="137"/>
      <c r="AC5405" s="137"/>
      <c r="AD5405" s="137"/>
      <c r="AE5405" s="137"/>
      <c r="AF5405" s="137"/>
      <c r="AG5405" s="137"/>
      <c r="AH5405" s="137"/>
      <c r="AI5405" s="137"/>
      <c r="AJ5405" s="137"/>
      <c r="AK5405" s="206"/>
      <c r="AL5405" s="206"/>
      <c r="AM5405" s="143"/>
      <c r="AN5405" s="137"/>
      <c r="AO5405" s="137"/>
      <c r="AP5405" s="137"/>
      <c r="AQ5405" s="137"/>
      <c r="AR5405" s="137"/>
      <c r="AS5405" s="137"/>
      <c r="AT5405" s="137"/>
      <c r="AU5405" s="137"/>
      <c r="AV5405" s="137"/>
      <c r="AW5405" s="144"/>
    </row>
    <row r="5406" spans="2:49" x14ac:dyDescent="0.2">
      <c r="B5406" s="97"/>
      <c r="J5406" s="98"/>
      <c r="K5406" s="97"/>
      <c r="N5406" s="3"/>
      <c r="W5406" s="98"/>
      <c r="Z5406" s="143"/>
      <c r="AA5406" s="137"/>
      <c r="AB5406" s="137"/>
      <c r="AC5406" s="137"/>
      <c r="AD5406" s="137"/>
      <c r="AE5406" s="137"/>
      <c r="AF5406" s="137"/>
      <c r="AG5406" s="137"/>
      <c r="AH5406" s="137"/>
      <c r="AI5406" s="137"/>
      <c r="AJ5406" s="137"/>
      <c r="AK5406" s="206"/>
      <c r="AL5406" s="206"/>
      <c r="AM5406" s="143"/>
      <c r="AN5406" s="137"/>
      <c r="AO5406" s="137"/>
      <c r="AP5406" s="137"/>
      <c r="AQ5406" s="137"/>
      <c r="AR5406" s="137"/>
      <c r="AS5406" s="137"/>
      <c r="AT5406" s="137"/>
      <c r="AU5406" s="137"/>
      <c r="AV5406" s="137"/>
      <c r="AW5406" s="144"/>
    </row>
    <row r="5407" spans="2:49" x14ac:dyDescent="0.2">
      <c r="B5407" s="97"/>
      <c r="J5407" s="98"/>
      <c r="K5407" s="97"/>
      <c r="N5407" s="3"/>
      <c r="W5407" s="98"/>
      <c r="Z5407" s="143"/>
      <c r="AA5407" s="137"/>
      <c r="AB5407" s="137"/>
      <c r="AC5407" s="137"/>
      <c r="AD5407" s="137"/>
      <c r="AE5407" s="137"/>
      <c r="AF5407" s="137"/>
      <c r="AG5407" s="137"/>
      <c r="AH5407" s="137"/>
      <c r="AI5407" s="137"/>
      <c r="AJ5407" s="137"/>
      <c r="AK5407" s="206"/>
      <c r="AL5407" s="206"/>
      <c r="AM5407" s="143"/>
      <c r="AN5407" s="137"/>
      <c r="AO5407" s="137"/>
      <c r="AP5407" s="137"/>
      <c r="AQ5407" s="137"/>
      <c r="AR5407" s="137"/>
      <c r="AS5407" s="137"/>
      <c r="AT5407" s="137"/>
      <c r="AU5407" s="137"/>
      <c r="AV5407" s="137"/>
      <c r="AW5407" s="144"/>
    </row>
    <row r="5408" spans="2:49" x14ac:dyDescent="0.2">
      <c r="B5408" s="97"/>
      <c r="J5408" s="98"/>
      <c r="K5408" s="97"/>
      <c r="N5408" s="3"/>
      <c r="W5408" s="98"/>
      <c r="Z5408" s="143"/>
      <c r="AA5408" s="137"/>
      <c r="AB5408" s="137"/>
      <c r="AC5408" s="137"/>
      <c r="AD5408" s="137"/>
      <c r="AE5408" s="137"/>
      <c r="AF5408" s="137"/>
      <c r="AG5408" s="137"/>
      <c r="AH5408" s="137"/>
      <c r="AI5408" s="137"/>
      <c r="AJ5408" s="137"/>
      <c r="AK5408" s="206"/>
      <c r="AL5408" s="206"/>
      <c r="AM5408" s="143"/>
      <c r="AN5408" s="137"/>
      <c r="AO5408" s="137"/>
      <c r="AP5408" s="137"/>
      <c r="AQ5408" s="137"/>
      <c r="AR5408" s="137"/>
      <c r="AS5408" s="137"/>
      <c r="AT5408" s="137"/>
      <c r="AU5408" s="137"/>
      <c r="AV5408" s="137"/>
      <c r="AW5408" s="144"/>
    </row>
    <row r="5409" spans="2:49" x14ac:dyDescent="0.2">
      <c r="B5409" s="97"/>
      <c r="J5409" s="98"/>
      <c r="K5409" s="97"/>
      <c r="N5409" s="3"/>
      <c r="W5409" s="98"/>
      <c r="Z5409" s="143"/>
      <c r="AA5409" s="137"/>
      <c r="AB5409" s="137"/>
      <c r="AC5409" s="137"/>
      <c r="AD5409" s="137"/>
      <c r="AE5409" s="137"/>
      <c r="AF5409" s="137"/>
      <c r="AG5409" s="137"/>
      <c r="AH5409" s="137"/>
      <c r="AI5409" s="137"/>
      <c r="AJ5409" s="137"/>
      <c r="AK5409" s="206"/>
      <c r="AL5409" s="206"/>
      <c r="AM5409" s="143"/>
      <c r="AN5409" s="137"/>
      <c r="AO5409" s="137"/>
      <c r="AP5409" s="137"/>
      <c r="AQ5409" s="137"/>
      <c r="AR5409" s="137"/>
      <c r="AS5409" s="137"/>
      <c r="AT5409" s="137"/>
      <c r="AU5409" s="137"/>
      <c r="AV5409" s="137"/>
      <c r="AW5409" s="144"/>
    </row>
    <row r="5410" spans="2:49" x14ac:dyDescent="0.2">
      <c r="B5410" s="97"/>
      <c r="J5410" s="98"/>
      <c r="K5410" s="97"/>
      <c r="N5410" s="3"/>
      <c r="W5410" s="98"/>
      <c r="Z5410" s="143"/>
      <c r="AA5410" s="137"/>
      <c r="AB5410" s="137"/>
      <c r="AC5410" s="137"/>
      <c r="AD5410" s="137"/>
      <c r="AE5410" s="137"/>
      <c r="AF5410" s="137"/>
      <c r="AG5410" s="137"/>
      <c r="AH5410" s="137"/>
      <c r="AI5410" s="137"/>
      <c r="AJ5410" s="137"/>
      <c r="AK5410" s="206"/>
      <c r="AL5410" s="206"/>
      <c r="AM5410" s="143"/>
      <c r="AN5410" s="137"/>
      <c r="AO5410" s="137"/>
      <c r="AP5410" s="137"/>
      <c r="AQ5410" s="137"/>
      <c r="AR5410" s="137"/>
      <c r="AS5410" s="137"/>
      <c r="AT5410" s="137"/>
      <c r="AU5410" s="137"/>
      <c r="AV5410" s="137"/>
      <c r="AW5410" s="144"/>
    </row>
    <row r="5411" spans="2:49" x14ac:dyDescent="0.2">
      <c r="B5411" s="97"/>
      <c r="J5411" s="98"/>
      <c r="K5411" s="97"/>
      <c r="N5411" s="3"/>
      <c r="W5411" s="98"/>
      <c r="Z5411" s="143"/>
      <c r="AA5411" s="137"/>
      <c r="AB5411" s="137"/>
      <c r="AC5411" s="137"/>
      <c r="AD5411" s="137"/>
      <c r="AE5411" s="137"/>
      <c r="AF5411" s="137"/>
      <c r="AG5411" s="137"/>
      <c r="AH5411" s="137"/>
      <c r="AI5411" s="137"/>
      <c r="AJ5411" s="137"/>
      <c r="AK5411" s="206"/>
      <c r="AL5411" s="206"/>
      <c r="AM5411" s="143"/>
      <c r="AN5411" s="137"/>
      <c r="AO5411" s="137"/>
      <c r="AP5411" s="137"/>
      <c r="AQ5411" s="137"/>
      <c r="AR5411" s="137"/>
      <c r="AS5411" s="137"/>
      <c r="AT5411" s="137"/>
      <c r="AU5411" s="137"/>
      <c r="AV5411" s="137"/>
      <c r="AW5411" s="144"/>
    </row>
    <row r="5412" spans="2:49" x14ac:dyDescent="0.2">
      <c r="B5412" s="97"/>
      <c r="J5412" s="98"/>
      <c r="K5412" s="97"/>
      <c r="N5412" s="3"/>
      <c r="W5412" s="98"/>
      <c r="Z5412" s="143"/>
      <c r="AA5412" s="137"/>
      <c r="AB5412" s="137"/>
      <c r="AC5412" s="137"/>
      <c r="AD5412" s="137"/>
      <c r="AE5412" s="137"/>
      <c r="AF5412" s="137"/>
      <c r="AG5412" s="137"/>
      <c r="AH5412" s="137"/>
      <c r="AI5412" s="137"/>
      <c r="AJ5412" s="137"/>
      <c r="AK5412" s="206"/>
      <c r="AL5412" s="206"/>
      <c r="AM5412" s="143"/>
      <c r="AN5412" s="137"/>
      <c r="AO5412" s="137"/>
      <c r="AP5412" s="137"/>
      <c r="AQ5412" s="137"/>
      <c r="AR5412" s="137"/>
      <c r="AS5412" s="137"/>
      <c r="AT5412" s="137"/>
      <c r="AU5412" s="137"/>
      <c r="AV5412" s="137"/>
      <c r="AW5412" s="144"/>
    </row>
    <row r="5413" spans="2:49" x14ac:dyDescent="0.2">
      <c r="B5413" s="97"/>
      <c r="J5413" s="98"/>
      <c r="K5413" s="97"/>
      <c r="N5413" s="3"/>
      <c r="W5413" s="98"/>
      <c r="Z5413" s="143"/>
      <c r="AA5413" s="137"/>
      <c r="AB5413" s="137"/>
      <c r="AC5413" s="137"/>
      <c r="AD5413" s="137"/>
      <c r="AE5413" s="137"/>
      <c r="AF5413" s="137"/>
      <c r="AG5413" s="137"/>
      <c r="AH5413" s="137"/>
      <c r="AI5413" s="137"/>
      <c r="AJ5413" s="137"/>
      <c r="AK5413" s="206"/>
      <c r="AL5413" s="206"/>
      <c r="AM5413" s="143"/>
      <c r="AN5413" s="137"/>
      <c r="AO5413" s="137"/>
      <c r="AP5413" s="137"/>
      <c r="AQ5413" s="137"/>
      <c r="AR5413" s="137"/>
      <c r="AS5413" s="137"/>
      <c r="AT5413" s="137"/>
      <c r="AU5413" s="137"/>
      <c r="AV5413" s="137"/>
      <c r="AW5413" s="144"/>
    </row>
    <row r="5414" spans="2:49" x14ac:dyDescent="0.2">
      <c r="B5414" s="97"/>
      <c r="J5414" s="98"/>
      <c r="K5414" s="97"/>
      <c r="N5414" s="3"/>
      <c r="W5414" s="98"/>
      <c r="Z5414" s="143"/>
      <c r="AA5414" s="137"/>
      <c r="AB5414" s="137"/>
      <c r="AC5414" s="137"/>
      <c r="AD5414" s="137"/>
      <c r="AE5414" s="137"/>
      <c r="AF5414" s="137"/>
      <c r="AG5414" s="137"/>
      <c r="AH5414" s="137"/>
      <c r="AI5414" s="137"/>
      <c r="AJ5414" s="137"/>
      <c r="AK5414" s="206"/>
      <c r="AL5414" s="206"/>
      <c r="AM5414" s="143"/>
      <c r="AN5414" s="137"/>
      <c r="AO5414" s="137"/>
      <c r="AP5414" s="137"/>
      <c r="AQ5414" s="137"/>
      <c r="AR5414" s="137"/>
      <c r="AS5414" s="137"/>
      <c r="AT5414" s="137"/>
      <c r="AU5414" s="137"/>
      <c r="AV5414" s="137"/>
      <c r="AW5414" s="144"/>
    </row>
    <row r="5415" spans="2:49" x14ac:dyDescent="0.2">
      <c r="B5415" s="97"/>
      <c r="J5415" s="98"/>
      <c r="K5415" s="97"/>
      <c r="N5415" s="3"/>
      <c r="W5415" s="98"/>
      <c r="Z5415" s="143"/>
      <c r="AA5415" s="137"/>
      <c r="AB5415" s="137"/>
      <c r="AC5415" s="137"/>
      <c r="AD5415" s="137"/>
      <c r="AE5415" s="137"/>
      <c r="AF5415" s="137"/>
      <c r="AG5415" s="137"/>
      <c r="AH5415" s="137"/>
      <c r="AI5415" s="137"/>
      <c r="AJ5415" s="137"/>
      <c r="AK5415" s="206"/>
      <c r="AL5415" s="206"/>
      <c r="AM5415" s="143"/>
      <c r="AN5415" s="137"/>
      <c r="AO5415" s="137"/>
      <c r="AP5415" s="137"/>
      <c r="AQ5415" s="137"/>
      <c r="AR5415" s="137"/>
      <c r="AS5415" s="137"/>
      <c r="AT5415" s="137"/>
      <c r="AU5415" s="137"/>
      <c r="AV5415" s="137"/>
      <c r="AW5415" s="144"/>
    </row>
    <row r="5416" spans="2:49" x14ac:dyDescent="0.2">
      <c r="B5416" s="97"/>
      <c r="J5416" s="98"/>
      <c r="K5416" s="97"/>
      <c r="N5416" s="3"/>
      <c r="W5416" s="98"/>
      <c r="Z5416" s="143"/>
      <c r="AA5416" s="137"/>
      <c r="AB5416" s="137"/>
      <c r="AC5416" s="137"/>
      <c r="AD5416" s="137"/>
      <c r="AE5416" s="137"/>
      <c r="AF5416" s="137"/>
      <c r="AG5416" s="137"/>
      <c r="AH5416" s="137"/>
      <c r="AI5416" s="137"/>
      <c r="AJ5416" s="137"/>
      <c r="AK5416" s="206"/>
      <c r="AL5416" s="206"/>
      <c r="AM5416" s="143"/>
      <c r="AN5416" s="137"/>
      <c r="AO5416" s="137"/>
      <c r="AP5416" s="137"/>
      <c r="AQ5416" s="137"/>
      <c r="AR5416" s="137"/>
      <c r="AS5416" s="137"/>
      <c r="AT5416" s="137"/>
      <c r="AU5416" s="137"/>
      <c r="AV5416" s="137"/>
      <c r="AW5416" s="144"/>
    </row>
    <row r="5417" spans="2:49" x14ac:dyDescent="0.2">
      <c r="B5417" s="97"/>
      <c r="J5417" s="98"/>
      <c r="K5417" s="97"/>
      <c r="N5417" s="3"/>
      <c r="W5417" s="98"/>
      <c r="Z5417" s="143"/>
      <c r="AA5417" s="137"/>
      <c r="AB5417" s="137"/>
      <c r="AC5417" s="137"/>
      <c r="AD5417" s="137"/>
      <c r="AE5417" s="137"/>
      <c r="AF5417" s="137"/>
      <c r="AG5417" s="137"/>
      <c r="AH5417" s="137"/>
      <c r="AI5417" s="137"/>
      <c r="AJ5417" s="137"/>
      <c r="AK5417" s="206"/>
      <c r="AL5417" s="206"/>
      <c r="AM5417" s="143"/>
      <c r="AN5417" s="137"/>
      <c r="AO5417" s="137"/>
      <c r="AP5417" s="137"/>
      <c r="AQ5417" s="137"/>
      <c r="AR5417" s="137"/>
      <c r="AS5417" s="137"/>
      <c r="AT5417" s="137"/>
      <c r="AU5417" s="137"/>
      <c r="AV5417" s="137"/>
      <c r="AW5417" s="144"/>
    </row>
    <row r="5418" spans="2:49" x14ac:dyDescent="0.2">
      <c r="B5418" s="97"/>
      <c r="J5418" s="98"/>
      <c r="K5418" s="97"/>
      <c r="N5418" s="3"/>
      <c r="W5418" s="98"/>
      <c r="Z5418" s="143"/>
      <c r="AA5418" s="137"/>
      <c r="AB5418" s="137"/>
      <c r="AC5418" s="137"/>
      <c r="AD5418" s="137"/>
      <c r="AE5418" s="137"/>
      <c r="AF5418" s="137"/>
      <c r="AG5418" s="137"/>
      <c r="AH5418" s="137"/>
      <c r="AI5418" s="137"/>
      <c r="AJ5418" s="137"/>
      <c r="AK5418" s="206"/>
      <c r="AL5418" s="206"/>
      <c r="AM5418" s="143"/>
      <c r="AN5418" s="137"/>
      <c r="AO5418" s="137"/>
      <c r="AP5418" s="137"/>
      <c r="AQ5418" s="137"/>
      <c r="AR5418" s="137"/>
      <c r="AS5418" s="137"/>
      <c r="AT5418" s="137"/>
      <c r="AU5418" s="137"/>
      <c r="AV5418" s="137"/>
      <c r="AW5418" s="144"/>
    </row>
    <row r="5419" spans="2:49" x14ac:dyDescent="0.2">
      <c r="B5419" s="97"/>
      <c r="J5419" s="98"/>
      <c r="K5419" s="97"/>
      <c r="N5419" s="3"/>
      <c r="W5419" s="98"/>
      <c r="Z5419" s="143"/>
      <c r="AA5419" s="137"/>
      <c r="AB5419" s="137"/>
      <c r="AC5419" s="137"/>
      <c r="AD5419" s="137"/>
      <c r="AE5419" s="137"/>
      <c r="AF5419" s="137"/>
      <c r="AG5419" s="137"/>
      <c r="AH5419" s="137"/>
      <c r="AI5419" s="137"/>
      <c r="AJ5419" s="137"/>
      <c r="AK5419" s="206"/>
      <c r="AL5419" s="206"/>
      <c r="AM5419" s="143"/>
      <c r="AN5419" s="137"/>
      <c r="AO5419" s="137"/>
      <c r="AP5419" s="137"/>
      <c r="AQ5419" s="137"/>
      <c r="AR5419" s="137"/>
      <c r="AS5419" s="137"/>
      <c r="AT5419" s="137"/>
      <c r="AU5419" s="137"/>
      <c r="AV5419" s="137"/>
      <c r="AW5419" s="144"/>
    </row>
    <row r="5420" spans="2:49" x14ac:dyDescent="0.2">
      <c r="B5420" s="97"/>
      <c r="J5420" s="98"/>
      <c r="K5420" s="97"/>
      <c r="N5420" s="3"/>
      <c r="W5420" s="98"/>
      <c r="Z5420" s="143"/>
      <c r="AA5420" s="137"/>
      <c r="AB5420" s="137"/>
      <c r="AC5420" s="137"/>
      <c r="AD5420" s="137"/>
      <c r="AE5420" s="137"/>
      <c r="AF5420" s="137"/>
      <c r="AG5420" s="137"/>
      <c r="AH5420" s="137"/>
      <c r="AI5420" s="137"/>
      <c r="AJ5420" s="137"/>
      <c r="AK5420" s="206"/>
      <c r="AL5420" s="206"/>
      <c r="AM5420" s="143"/>
      <c r="AN5420" s="137"/>
      <c r="AO5420" s="137"/>
      <c r="AP5420" s="137"/>
      <c r="AQ5420" s="137"/>
      <c r="AR5420" s="137"/>
      <c r="AS5420" s="137"/>
      <c r="AT5420" s="137"/>
      <c r="AU5420" s="137"/>
      <c r="AV5420" s="137"/>
      <c r="AW5420" s="144"/>
    </row>
    <row r="5421" spans="2:49" x14ac:dyDescent="0.2">
      <c r="B5421" s="97"/>
      <c r="J5421" s="98"/>
      <c r="K5421" s="97"/>
      <c r="N5421" s="3"/>
      <c r="W5421" s="98"/>
      <c r="Z5421" s="143"/>
      <c r="AA5421" s="137"/>
      <c r="AB5421" s="137"/>
      <c r="AC5421" s="137"/>
      <c r="AD5421" s="137"/>
      <c r="AE5421" s="137"/>
      <c r="AF5421" s="137"/>
      <c r="AG5421" s="137"/>
      <c r="AH5421" s="137"/>
      <c r="AI5421" s="137"/>
      <c r="AJ5421" s="137"/>
      <c r="AK5421" s="206"/>
      <c r="AL5421" s="206"/>
      <c r="AM5421" s="143"/>
      <c r="AN5421" s="137"/>
      <c r="AO5421" s="137"/>
      <c r="AP5421" s="137"/>
      <c r="AQ5421" s="137"/>
      <c r="AR5421" s="137"/>
      <c r="AS5421" s="137"/>
      <c r="AT5421" s="137"/>
      <c r="AU5421" s="137"/>
      <c r="AV5421" s="137"/>
      <c r="AW5421" s="144"/>
    </row>
    <row r="5422" spans="2:49" x14ac:dyDescent="0.2">
      <c r="B5422" s="97"/>
      <c r="J5422" s="98"/>
      <c r="K5422" s="97"/>
      <c r="N5422" s="3"/>
      <c r="W5422" s="98"/>
      <c r="Z5422" s="143"/>
      <c r="AA5422" s="137"/>
      <c r="AB5422" s="137"/>
      <c r="AC5422" s="137"/>
      <c r="AD5422" s="137"/>
      <c r="AE5422" s="137"/>
      <c r="AF5422" s="137"/>
      <c r="AG5422" s="137"/>
      <c r="AH5422" s="137"/>
      <c r="AI5422" s="137"/>
      <c r="AJ5422" s="137"/>
      <c r="AK5422" s="206"/>
      <c r="AL5422" s="206"/>
      <c r="AM5422" s="143"/>
      <c r="AN5422" s="137"/>
      <c r="AO5422" s="137"/>
      <c r="AP5422" s="137"/>
      <c r="AQ5422" s="137"/>
      <c r="AR5422" s="137"/>
      <c r="AS5422" s="137"/>
      <c r="AT5422" s="137"/>
      <c r="AU5422" s="137"/>
      <c r="AV5422" s="137"/>
      <c r="AW5422" s="144"/>
    </row>
    <row r="5423" spans="2:49" x14ac:dyDescent="0.2">
      <c r="B5423" s="97"/>
      <c r="J5423" s="98"/>
      <c r="K5423" s="97"/>
      <c r="N5423" s="3"/>
      <c r="W5423" s="98"/>
      <c r="Z5423" s="143"/>
      <c r="AA5423" s="137"/>
      <c r="AB5423" s="137"/>
      <c r="AC5423" s="137"/>
      <c r="AD5423" s="137"/>
      <c r="AE5423" s="137"/>
      <c r="AF5423" s="137"/>
      <c r="AG5423" s="137"/>
      <c r="AH5423" s="137"/>
      <c r="AI5423" s="137"/>
      <c r="AJ5423" s="137"/>
      <c r="AK5423" s="206"/>
      <c r="AL5423" s="206"/>
      <c r="AM5423" s="143"/>
      <c r="AN5423" s="137"/>
      <c r="AO5423" s="137"/>
      <c r="AP5423" s="137"/>
      <c r="AQ5423" s="137"/>
      <c r="AR5423" s="137"/>
      <c r="AS5423" s="137"/>
      <c r="AT5423" s="137"/>
      <c r="AU5423" s="137"/>
      <c r="AV5423" s="137"/>
      <c r="AW5423" s="144"/>
    </row>
    <row r="5424" spans="2:49" x14ac:dyDescent="0.2">
      <c r="B5424" s="97"/>
      <c r="J5424" s="98"/>
      <c r="K5424" s="97"/>
      <c r="N5424" s="3"/>
      <c r="W5424" s="98"/>
      <c r="Z5424" s="143"/>
      <c r="AA5424" s="137"/>
      <c r="AB5424" s="137"/>
      <c r="AC5424" s="137"/>
      <c r="AD5424" s="137"/>
      <c r="AE5424" s="137"/>
      <c r="AF5424" s="137"/>
      <c r="AG5424" s="137"/>
      <c r="AH5424" s="137"/>
      <c r="AI5424" s="137"/>
      <c r="AJ5424" s="137"/>
      <c r="AK5424" s="206"/>
      <c r="AL5424" s="206"/>
      <c r="AM5424" s="143"/>
      <c r="AN5424" s="137"/>
      <c r="AO5424" s="137"/>
      <c r="AP5424" s="137"/>
      <c r="AQ5424" s="137"/>
      <c r="AR5424" s="137"/>
      <c r="AS5424" s="137"/>
      <c r="AT5424" s="137"/>
      <c r="AU5424" s="137"/>
      <c r="AV5424" s="137"/>
      <c r="AW5424" s="144"/>
    </row>
    <row r="5425" spans="2:49" x14ac:dyDescent="0.2">
      <c r="B5425" s="97"/>
      <c r="J5425" s="98"/>
      <c r="K5425" s="97"/>
      <c r="N5425" s="3"/>
      <c r="W5425" s="98"/>
      <c r="Z5425" s="143"/>
      <c r="AA5425" s="137"/>
      <c r="AB5425" s="137"/>
      <c r="AC5425" s="137"/>
      <c r="AD5425" s="137"/>
      <c r="AE5425" s="137"/>
      <c r="AF5425" s="137"/>
      <c r="AG5425" s="137"/>
      <c r="AH5425" s="137"/>
      <c r="AI5425" s="137"/>
      <c r="AJ5425" s="137"/>
      <c r="AK5425" s="206"/>
      <c r="AL5425" s="206"/>
      <c r="AM5425" s="143"/>
      <c r="AN5425" s="137"/>
      <c r="AO5425" s="137"/>
      <c r="AP5425" s="137"/>
      <c r="AQ5425" s="137"/>
      <c r="AR5425" s="137"/>
      <c r="AS5425" s="137"/>
      <c r="AT5425" s="137"/>
      <c r="AU5425" s="137"/>
      <c r="AV5425" s="137"/>
      <c r="AW5425" s="144"/>
    </row>
    <row r="5426" spans="2:49" x14ac:dyDescent="0.2">
      <c r="B5426" s="97"/>
      <c r="J5426" s="98"/>
      <c r="K5426" s="97"/>
      <c r="N5426" s="3"/>
      <c r="W5426" s="98"/>
      <c r="Z5426" s="143"/>
      <c r="AA5426" s="137"/>
      <c r="AB5426" s="137"/>
      <c r="AC5426" s="137"/>
      <c r="AD5426" s="137"/>
      <c r="AE5426" s="137"/>
      <c r="AF5426" s="137"/>
      <c r="AG5426" s="137"/>
      <c r="AH5426" s="137"/>
      <c r="AI5426" s="137"/>
      <c r="AJ5426" s="137"/>
      <c r="AK5426" s="206"/>
      <c r="AL5426" s="206"/>
      <c r="AM5426" s="143"/>
      <c r="AN5426" s="137"/>
      <c r="AO5426" s="137"/>
      <c r="AP5426" s="137"/>
      <c r="AQ5426" s="137"/>
      <c r="AR5426" s="137"/>
      <c r="AS5426" s="137"/>
      <c r="AT5426" s="137"/>
      <c r="AU5426" s="137"/>
      <c r="AV5426" s="137"/>
      <c r="AW5426" s="144"/>
    </row>
    <row r="5427" spans="2:49" x14ac:dyDescent="0.2">
      <c r="B5427" s="97"/>
      <c r="J5427" s="98"/>
      <c r="K5427" s="97"/>
      <c r="N5427" s="3"/>
      <c r="W5427" s="98"/>
      <c r="Z5427" s="143"/>
      <c r="AA5427" s="137"/>
      <c r="AB5427" s="137"/>
      <c r="AC5427" s="137"/>
      <c r="AD5427" s="137"/>
      <c r="AE5427" s="137"/>
      <c r="AF5427" s="137"/>
      <c r="AG5427" s="137"/>
      <c r="AH5427" s="137"/>
      <c r="AI5427" s="137"/>
      <c r="AJ5427" s="137"/>
      <c r="AK5427" s="206"/>
      <c r="AL5427" s="206"/>
      <c r="AM5427" s="143"/>
      <c r="AN5427" s="137"/>
      <c r="AO5427" s="137"/>
      <c r="AP5427" s="137"/>
      <c r="AQ5427" s="137"/>
      <c r="AR5427" s="137"/>
      <c r="AS5427" s="137"/>
      <c r="AT5427" s="137"/>
      <c r="AU5427" s="137"/>
      <c r="AV5427" s="137"/>
      <c r="AW5427" s="144"/>
    </row>
    <row r="5428" spans="2:49" x14ac:dyDescent="0.2">
      <c r="B5428" s="97"/>
      <c r="J5428" s="98"/>
      <c r="K5428" s="97"/>
      <c r="N5428" s="3"/>
      <c r="W5428" s="98"/>
      <c r="Z5428" s="143"/>
      <c r="AA5428" s="137"/>
      <c r="AB5428" s="137"/>
      <c r="AC5428" s="137"/>
      <c r="AD5428" s="137"/>
      <c r="AE5428" s="137"/>
      <c r="AF5428" s="137"/>
      <c r="AG5428" s="137"/>
      <c r="AH5428" s="137"/>
      <c r="AI5428" s="137"/>
      <c r="AJ5428" s="137"/>
      <c r="AK5428" s="206"/>
      <c r="AL5428" s="206"/>
      <c r="AM5428" s="143"/>
      <c r="AN5428" s="137"/>
      <c r="AO5428" s="137"/>
      <c r="AP5428" s="137"/>
      <c r="AQ5428" s="137"/>
      <c r="AR5428" s="137"/>
      <c r="AS5428" s="137"/>
      <c r="AT5428" s="137"/>
      <c r="AU5428" s="137"/>
      <c r="AV5428" s="137"/>
      <c r="AW5428" s="144"/>
    </row>
    <row r="5429" spans="2:49" x14ac:dyDescent="0.2">
      <c r="B5429" s="97"/>
      <c r="J5429" s="98"/>
      <c r="K5429" s="97"/>
      <c r="N5429" s="3"/>
      <c r="W5429" s="98"/>
      <c r="Z5429" s="143"/>
      <c r="AA5429" s="137"/>
      <c r="AB5429" s="137"/>
      <c r="AC5429" s="137"/>
      <c r="AD5429" s="137"/>
      <c r="AE5429" s="137"/>
      <c r="AF5429" s="137"/>
      <c r="AG5429" s="137"/>
      <c r="AH5429" s="137"/>
      <c r="AI5429" s="137"/>
      <c r="AJ5429" s="137"/>
      <c r="AK5429" s="206"/>
      <c r="AL5429" s="206"/>
      <c r="AM5429" s="143"/>
      <c r="AN5429" s="137"/>
      <c r="AO5429" s="137"/>
      <c r="AP5429" s="137"/>
      <c r="AQ5429" s="137"/>
      <c r="AR5429" s="137"/>
      <c r="AS5429" s="137"/>
      <c r="AT5429" s="137"/>
      <c r="AU5429" s="137"/>
      <c r="AV5429" s="137"/>
      <c r="AW5429" s="144"/>
    </row>
    <row r="5430" spans="2:49" x14ac:dyDescent="0.2">
      <c r="B5430" s="97"/>
      <c r="J5430" s="98"/>
      <c r="K5430" s="97"/>
      <c r="N5430" s="3"/>
      <c r="W5430" s="98"/>
      <c r="Z5430" s="143"/>
      <c r="AA5430" s="137"/>
      <c r="AB5430" s="137"/>
      <c r="AC5430" s="137"/>
      <c r="AD5430" s="137"/>
      <c r="AE5430" s="137"/>
      <c r="AF5430" s="137"/>
      <c r="AG5430" s="137"/>
      <c r="AH5430" s="137"/>
      <c r="AI5430" s="137"/>
      <c r="AJ5430" s="137"/>
      <c r="AK5430" s="206"/>
      <c r="AL5430" s="206"/>
      <c r="AM5430" s="143"/>
      <c r="AN5430" s="137"/>
      <c r="AO5430" s="137"/>
      <c r="AP5430" s="137"/>
      <c r="AQ5430" s="137"/>
      <c r="AR5430" s="137"/>
      <c r="AS5430" s="137"/>
      <c r="AT5430" s="137"/>
      <c r="AU5430" s="137"/>
      <c r="AV5430" s="137"/>
      <c r="AW5430" s="144"/>
    </row>
    <row r="5431" spans="2:49" x14ac:dyDescent="0.2">
      <c r="B5431" s="97"/>
      <c r="J5431" s="98"/>
      <c r="K5431" s="97"/>
      <c r="N5431" s="3"/>
      <c r="W5431" s="98"/>
      <c r="Z5431" s="143"/>
      <c r="AA5431" s="137"/>
      <c r="AB5431" s="137"/>
      <c r="AC5431" s="137"/>
      <c r="AD5431" s="137"/>
      <c r="AE5431" s="137"/>
      <c r="AF5431" s="137"/>
      <c r="AG5431" s="137"/>
      <c r="AH5431" s="137"/>
      <c r="AI5431" s="137"/>
      <c r="AJ5431" s="137"/>
      <c r="AK5431" s="206"/>
      <c r="AL5431" s="206"/>
      <c r="AM5431" s="143"/>
      <c r="AN5431" s="137"/>
      <c r="AO5431" s="137"/>
      <c r="AP5431" s="137"/>
      <c r="AQ5431" s="137"/>
      <c r="AR5431" s="137"/>
      <c r="AS5431" s="137"/>
      <c r="AT5431" s="137"/>
      <c r="AU5431" s="137"/>
      <c r="AV5431" s="137"/>
      <c r="AW5431" s="144"/>
    </row>
    <row r="5432" spans="2:49" x14ac:dyDescent="0.2">
      <c r="B5432" s="97"/>
      <c r="J5432" s="98"/>
      <c r="K5432" s="97"/>
      <c r="N5432" s="3"/>
      <c r="W5432" s="98"/>
      <c r="Z5432" s="143"/>
      <c r="AA5432" s="137"/>
      <c r="AB5432" s="137"/>
      <c r="AC5432" s="137"/>
      <c r="AD5432" s="137"/>
      <c r="AE5432" s="137"/>
      <c r="AF5432" s="137"/>
      <c r="AG5432" s="137"/>
      <c r="AH5432" s="137"/>
      <c r="AI5432" s="137"/>
      <c r="AJ5432" s="137"/>
      <c r="AK5432" s="206"/>
      <c r="AL5432" s="206"/>
      <c r="AM5432" s="143"/>
      <c r="AN5432" s="137"/>
      <c r="AO5432" s="137"/>
      <c r="AP5432" s="137"/>
      <c r="AQ5432" s="137"/>
      <c r="AR5432" s="137"/>
      <c r="AS5432" s="137"/>
      <c r="AT5432" s="137"/>
      <c r="AU5432" s="137"/>
      <c r="AV5432" s="137"/>
      <c r="AW5432" s="144"/>
    </row>
    <row r="5433" spans="2:49" x14ac:dyDescent="0.2">
      <c r="B5433" s="97"/>
      <c r="J5433" s="98"/>
      <c r="K5433" s="97"/>
      <c r="N5433" s="3"/>
      <c r="W5433" s="98"/>
      <c r="Z5433" s="143"/>
      <c r="AA5433" s="137"/>
      <c r="AB5433" s="137"/>
      <c r="AC5433" s="137"/>
      <c r="AD5433" s="137"/>
      <c r="AE5433" s="137"/>
      <c r="AF5433" s="137"/>
      <c r="AG5433" s="137"/>
      <c r="AH5433" s="137"/>
      <c r="AI5433" s="137"/>
      <c r="AJ5433" s="137"/>
      <c r="AK5433" s="206"/>
      <c r="AL5433" s="206"/>
      <c r="AM5433" s="143"/>
      <c r="AN5433" s="137"/>
      <c r="AO5433" s="137"/>
      <c r="AP5433" s="137"/>
      <c r="AQ5433" s="137"/>
      <c r="AR5433" s="137"/>
      <c r="AS5433" s="137"/>
      <c r="AT5433" s="137"/>
      <c r="AU5433" s="137"/>
      <c r="AV5433" s="137"/>
      <c r="AW5433" s="144"/>
    </row>
    <row r="5434" spans="2:49" x14ac:dyDescent="0.2">
      <c r="B5434" s="97"/>
      <c r="J5434" s="98"/>
      <c r="K5434" s="97"/>
      <c r="N5434" s="3"/>
      <c r="W5434" s="98"/>
      <c r="Z5434" s="143"/>
      <c r="AA5434" s="137"/>
      <c r="AB5434" s="137"/>
      <c r="AC5434" s="137"/>
      <c r="AD5434" s="137"/>
      <c r="AE5434" s="137"/>
      <c r="AF5434" s="137"/>
      <c r="AG5434" s="137"/>
      <c r="AH5434" s="137"/>
      <c r="AI5434" s="137"/>
      <c r="AJ5434" s="137"/>
      <c r="AK5434" s="206"/>
      <c r="AL5434" s="206"/>
      <c r="AM5434" s="143"/>
      <c r="AN5434" s="137"/>
      <c r="AO5434" s="137"/>
      <c r="AP5434" s="137"/>
      <c r="AQ5434" s="137"/>
      <c r="AR5434" s="137"/>
      <c r="AS5434" s="137"/>
      <c r="AT5434" s="137"/>
      <c r="AU5434" s="137"/>
      <c r="AV5434" s="137"/>
      <c r="AW5434" s="144"/>
    </row>
    <row r="5435" spans="2:49" x14ac:dyDescent="0.2">
      <c r="B5435" s="97"/>
      <c r="J5435" s="98"/>
      <c r="K5435" s="97"/>
      <c r="N5435" s="3"/>
      <c r="W5435" s="98"/>
      <c r="Z5435" s="143"/>
      <c r="AA5435" s="137"/>
      <c r="AB5435" s="137"/>
      <c r="AC5435" s="137"/>
      <c r="AD5435" s="137"/>
      <c r="AE5435" s="137"/>
      <c r="AF5435" s="137"/>
      <c r="AG5435" s="137"/>
      <c r="AH5435" s="137"/>
      <c r="AI5435" s="137"/>
      <c r="AJ5435" s="137"/>
      <c r="AK5435" s="206"/>
      <c r="AL5435" s="206"/>
      <c r="AM5435" s="143"/>
      <c r="AN5435" s="137"/>
      <c r="AO5435" s="137"/>
      <c r="AP5435" s="137"/>
      <c r="AQ5435" s="137"/>
      <c r="AR5435" s="137"/>
      <c r="AS5435" s="137"/>
      <c r="AT5435" s="137"/>
      <c r="AU5435" s="137"/>
      <c r="AV5435" s="137"/>
      <c r="AW5435" s="144"/>
    </row>
    <row r="5436" spans="2:49" x14ac:dyDescent="0.2">
      <c r="B5436" s="97"/>
      <c r="J5436" s="98"/>
      <c r="K5436" s="97"/>
      <c r="N5436" s="3"/>
      <c r="W5436" s="98"/>
      <c r="Z5436" s="143"/>
      <c r="AA5436" s="137"/>
      <c r="AB5436" s="137"/>
      <c r="AC5436" s="137"/>
      <c r="AD5436" s="137"/>
      <c r="AE5436" s="137"/>
      <c r="AF5436" s="137"/>
      <c r="AG5436" s="137"/>
      <c r="AH5436" s="137"/>
      <c r="AI5436" s="137"/>
      <c r="AJ5436" s="137"/>
      <c r="AK5436" s="206"/>
      <c r="AL5436" s="206"/>
      <c r="AM5436" s="143"/>
      <c r="AN5436" s="137"/>
      <c r="AO5436" s="137"/>
      <c r="AP5436" s="137"/>
      <c r="AQ5436" s="137"/>
      <c r="AR5436" s="137"/>
      <c r="AS5436" s="137"/>
      <c r="AT5436" s="137"/>
      <c r="AU5436" s="137"/>
      <c r="AV5436" s="137"/>
      <c r="AW5436" s="144"/>
    </row>
    <row r="5437" spans="2:49" x14ac:dyDescent="0.2">
      <c r="B5437" s="97"/>
      <c r="J5437" s="98"/>
      <c r="K5437" s="97"/>
      <c r="N5437" s="3"/>
      <c r="W5437" s="98"/>
      <c r="Z5437" s="143"/>
      <c r="AA5437" s="137"/>
      <c r="AB5437" s="137"/>
      <c r="AC5437" s="137"/>
      <c r="AD5437" s="137"/>
      <c r="AE5437" s="137"/>
      <c r="AF5437" s="137"/>
      <c r="AG5437" s="137"/>
      <c r="AH5437" s="137"/>
      <c r="AI5437" s="137"/>
      <c r="AJ5437" s="137"/>
      <c r="AK5437" s="206"/>
      <c r="AL5437" s="206"/>
      <c r="AM5437" s="143"/>
      <c r="AN5437" s="137"/>
      <c r="AO5437" s="137"/>
      <c r="AP5437" s="137"/>
      <c r="AQ5437" s="137"/>
      <c r="AR5437" s="137"/>
      <c r="AS5437" s="137"/>
      <c r="AT5437" s="137"/>
      <c r="AU5437" s="137"/>
      <c r="AV5437" s="137"/>
      <c r="AW5437" s="144"/>
    </row>
    <row r="5438" spans="2:49" x14ac:dyDescent="0.2">
      <c r="B5438" s="97"/>
      <c r="J5438" s="98"/>
      <c r="K5438" s="97"/>
      <c r="N5438" s="3"/>
      <c r="W5438" s="98"/>
      <c r="Z5438" s="143"/>
      <c r="AA5438" s="137"/>
      <c r="AB5438" s="137"/>
      <c r="AC5438" s="137"/>
      <c r="AD5438" s="137"/>
      <c r="AE5438" s="137"/>
      <c r="AF5438" s="137"/>
      <c r="AG5438" s="137"/>
      <c r="AH5438" s="137"/>
      <c r="AI5438" s="137"/>
      <c r="AJ5438" s="137"/>
      <c r="AK5438" s="206"/>
      <c r="AL5438" s="206"/>
      <c r="AM5438" s="143"/>
      <c r="AN5438" s="137"/>
      <c r="AO5438" s="137"/>
      <c r="AP5438" s="137"/>
      <c r="AQ5438" s="137"/>
      <c r="AR5438" s="137"/>
      <c r="AS5438" s="137"/>
      <c r="AT5438" s="137"/>
      <c r="AU5438" s="137"/>
      <c r="AV5438" s="137"/>
      <c r="AW5438" s="144"/>
    </row>
    <row r="5439" spans="2:49" x14ac:dyDescent="0.2">
      <c r="B5439" s="97"/>
      <c r="J5439" s="98"/>
      <c r="K5439" s="97"/>
      <c r="N5439" s="3"/>
      <c r="W5439" s="98"/>
      <c r="Z5439" s="143"/>
      <c r="AA5439" s="137"/>
      <c r="AB5439" s="137"/>
      <c r="AC5439" s="137"/>
      <c r="AD5439" s="137"/>
      <c r="AE5439" s="137"/>
      <c r="AF5439" s="137"/>
      <c r="AG5439" s="137"/>
      <c r="AH5439" s="137"/>
      <c r="AI5439" s="137"/>
      <c r="AJ5439" s="137"/>
      <c r="AK5439" s="206"/>
      <c r="AL5439" s="206"/>
      <c r="AM5439" s="143"/>
      <c r="AN5439" s="137"/>
      <c r="AO5439" s="137"/>
      <c r="AP5439" s="137"/>
      <c r="AQ5439" s="137"/>
      <c r="AR5439" s="137"/>
      <c r="AS5439" s="137"/>
      <c r="AT5439" s="137"/>
      <c r="AU5439" s="137"/>
      <c r="AV5439" s="137"/>
      <c r="AW5439" s="144"/>
    </row>
    <row r="5440" spans="2:49" x14ac:dyDescent="0.2">
      <c r="B5440" s="97"/>
      <c r="J5440" s="98"/>
      <c r="K5440" s="97"/>
      <c r="N5440" s="3"/>
      <c r="W5440" s="98"/>
      <c r="Z5440" s="143"/>
      <c r="AA5440" s="137"/>
      <c r="AB5440" s="137"/>
      <c r="AC5440" s="137"/>
      <c r="AD5440" s="137"/>
      <c r="AE5440" s="137"/>
      <c r="AF5440" s="137"/>
      <c r="AG5440" s="137"/>
      <c r="AH5440" s="137"/>
      <c r="AI5440" s="137"/>
      <c r="AJ5440" s="137"/>
      <c r="AK5440" s="206"/>
      <c r="AL5440" s="206"/>
      <c r="AM5440" s="143"/>
      <c r="AN5440" s="137"/>
      <c r="AO5440" s="137"/>
      <c r="AP5440" s="137"/>
      <c r="AQ5440" s="137"/>
      <c r="AR5440" s="137"/>
      <c r="AS5440" s="137"/>
      <c r="AT5440" s="137"/>
      <c r="AU5440" s="137"/>
      <c r="AV5440" s="137"/>
      <c r="AW5440" s="144"/>
    </row>
    <row r="5441" spans="2:49" x14ac:dyDescent="0.2">
      <c r="B5441" s="97"/>
      <c r="J5441" s="98"/>
      <c r="K5441" s="97"/>
      <c r="N5441" s="3"/>
      <c r="W5441" s="98"/>
      <c r="Z5441" s="143"/>
      <c r="AA5441" s="137"/>
      <c r="AB5441" s="137"/>
      <c r="AC5441" s="137"/>
      <c r="AD5441" s="137"/>
      <c r="AE5441" s="137"/>
      <c r="AF5441" s="137"/>
      <c r="AG5441" s="137"/>
      <c r="AH5441" s="137"/>
      <c r="AI5441" s="137"/>
      <c r="AJ5441" s="137"/>
      <c r="AK5441" s="206"/>
      <c r="AL5441" s="206"/>
      <c r="AM5441" s="143"/>
      <c r="AN5441" s="137"/>
      <c r="AO5441" s="137"/>
      <c r="AP5441" s="137"/>
      <c r="AQ5441" s="137"/>
      <c r="AR5441" s="137"/>
      <c r="AS5441" s="137"/>
      <c r="AT5441" s="137"/>
      <c r="AU5441" s="137"/>
      <c r="AV5441" s="137"/>
      <c r="AW5441" s="144"/>
    </row>
    <row r="5442" spans="2:49" x14ac:dyDescent="0.2">
      <c r="B5442" s="97"/>
      <c r="J5442" s="98"/>
      <c r="K5442" s="97"/>
      <c r="N5442" s="3"/>
      <c r="W5442" s="98"/>
      <c r="Z5442" s="143"/>
      <c r="AA5442" s="137"/>
      <c r="AB5442" s="137"/>
      <c r="AC5442" s="137"/>
      <c r="AD5442" s="137"/>
      <c r="AE5442" s="137"/>
      <c r="AF5442" s="137"/>
      <c r="AG5442" s="137"/>
      <c r="AH5442" s="137"/>
      <c r="AI5442" s="137"/>
      <c r="AJ5442" s="137"/>
      <c r="AK5442" s="206"/>
      <c r="AL5442" s="206"/>
      <c r="AM5442" s="143"/>
      <c r="AN5442" s="137"/>
      <c r="AO5442" s="137"/>
      <c r="AP5442" s="137"/>
      <c r="AQ5442" s="137"/>
      <c r="AR5442" s="137"/>
      <c r="AS5442" s="137"/>
      <c r="AT5442" s="137"/>
      <c r="AU5442" s="137"/>
      <c r="AV5442" s="137"/>
      <c r="AW5442" s="144"/>
    </row>
    <row r="5443" spans="2:49" x14ac:dyDescent="0.2">
      <c r="B5443" s="97"/>
      <c r="J5443" s="98"/>
      <c r="K5443" s="97"/>
      <c r="N5443" s="3"/>
      <c r="W5443" s="98"/>
      <c r="Z5443" s="143"/>
      <c r="AA5443" s="137"/>
      <c r="AB5443" s="137"/>
      <c r="AC5443" s="137"/>
      <c r="AD5443" s="137"/>
      <c r="AE5443" s="137"/>
      <c r="AF5443" s="137"/>
      <c r="AG5443" s="137"/>
      <c r="AH5443" s="137"/>
      <c r="AI5443" s="137"/>
      <c r="AJ5443" s="137"/>
      <c r="AK5443" s="206"/>
      <c r="AL5443" s="206"/>
      <c r="AM5443" s="143"/>
      <c r="AN5443" s="137"/>
      <c r="AO5443" s="137"/>
      <c r="AP5443" s="137"/>
      <c r="AQ5443" s="137"/>
      <c r="AR5443" s="137"/>
      <c r="AS5443" s="137"/>
      <c r="AT5443" s="137"/>
      <c r="AU5443" s="137"/>
      <c r="AV5443" s="137"/>
      <c r="AW5443" s="144"/>
    </row>
    <row r="5444" spans="2:49" x14ac:dyDescent="0.2">
      <c r="B5444" s="97"/>
      <c r="J5444" s="98"/>
      <c r="K5444" s="97"/>
      <c r="N5444" s="3"/>
      <c r="W5444" s="98"/>
      <c r="Z5444" s="143"/>
      <c r="AA5444" s="137"/>
      <c r="AB5444" s="137"/>
      <c r="AC5444" s="137"/>
      <c r="AD5444" s="137"/>
      <c r="AE5444" s="137"/>
      <c r="AF5444" s="137"/>
      <c r="AG5444" s="137"/>
      <c r="AH5444" s="137"/>
      <c r="AI5444" s="137"/>
      <c r="AJ5444" s="137"/>
      <c r="AK5444" s="206"/>
      <c r="AL5444" s="206"/>
      <c r="AM5444" s="143"/>
      <c r="AN5444" s="137"/>
      <c r="AO5444" s="137"/>
      <c r="AP5444" s="137"/>
      <c r="AQ5444" s="137"/>
      <c r="AR5444" s="137"/>
      <c r="AS5444" s="137"/>
      <c r="AT5444" s="137"/>
      <c r="AU5444" s="137"/>
      <c r="AV5444" s="137"/>
      <c r="AW5444" s="144"/>
    </row>
    <row r="5445" spans="2:49" x14ac:dyDescent="0.2">
      <c r="B5445" s="97"/>
      <c r="J5445" s="98"/>
      <c r="K5445" s="97"/>
      <c r="N5445" s="3"/>
      <c r="W5445" s="98"/>
      <c r="Z5445" s="143"/>
      <c r="AA5445" s="137"/>
      <c r="AB5445" s="137"/>
      <c r="AC5445" s="137"/>
      <c r="AD5445" s="137"/>
      <c r="AE5445" s="137"/>
      <c r="AF5445" s="137"/>
      <c r="AG5445" s="137"/>
      <c r="AH5445" s="137"/>
      <c r="AI5445" s="137"/>
      <c r="AJ5445" s="137"/>
      <c r="AK5445" s="206"/>
      <c r="AL5445" s="206"/>
      <c r="AM5445" s="143"/>
      <c r="AN5445" s="137"/>
      <c r="AO5445" s="137"/>
      <c r="AP5445" s="137"/>
      <c r="AQ5445" s="137"/>
      <c r="AR5445" s="137"/>
      <c r="AS5445" s="137"/>
      <c r="AT5445" s="137"/>
      <c r="AU5445" s="137"/>
      <c r="AV5445" s="137"/>
      <c r="AW5445" s="144"/>
    </row>
    <row r="5446" spans="2:49" x14ac:dyDescent="0.2">
      <c r="B5446" s="97"/>
      <c r="J5446" s="98"/>
      <c r="K5446" s="97"/>
      <c r="N5446" s="3"/>
      <c r="W5446" s="98"/>
      <c r="Z5446" s="143"/>
      <c r="AA5446" s="137"/>
      <c r="AB5446" s="137"/>
      <c r="AC5446" s="137"/>
      <c r="AD5446" s="137"/>
      <c r="AE5446" s="137"/>
      <c r="AF5446" s="137"/>
      <c r="AG5446" s="137"/>
      <c r="AH5446" s="137"/>
      <c r="AI5446" s="137"/>
      <c r="AJ5446" s="137"/>
      <c r="AK5446" s="206"/>
      <c r="AL5446" s="206"/>
      <c r="AM5446" s="143"/>
      <c r="AN5446" s="137"/>
      <c r="AO5446" s="137"/>
      <c r="AP5446" s="137"/>
      <c r="AQ5446" s="137"/>
      <c r="AR5446" s="137"/>
      <c r="AS5446" s="137"/>
      <c r="AT5446" s="137"/>
      <c r="AU5446" s="137"/>
      <c r="AV5446" s="137"/>
      <c r="AW5446" s="144"/>
    </row>
    <row r="5447" spans="2:49" x14ac:dyDescent="0.2">
      <c r="B5447" s="97"/>
      <c r="J5447" s="98"/>
      <c r="K5447" s="97"/>
      <c r="N5447" s="3"/>
      <c r="W5447" s="98"/>
      <c r="Z5447" s="143"/>
      <c r="AA5447" s="137"/>
      <c r="AB5447" s="137"/>
      <c r="AC5447" s="137"/>
      <c r="AD5447" s="137"/>
      <c r="AE5447" s="137"/>
      <c r="AF5447" s="137"/>
      <c r="AG5447" s="137"/>
      <c r="AH5447" s="137"/>
      <c r="AI5447" s="137"/>
      <c r="AJ5447" s="137"/>
      <c r="AK5447" s="206"/>
      <c r="AL5447" s="206"/>
      <c r="AM5447" s="143"/>
      <c r="AN5447" s="137"/>
      <c r="AO5447" s="137"/>
      <c r="AP5447" s="137"/>
      <c r="AQ5447" s="137"/>
      <c r="AR5447" s="137"/>
      <c r="AS5447" s="137"/>
      <c r="AT5447" s="137"/>
      <c r="AU5447" s="137"/>
      <c r="AV5447" s="137"/>
      <c r="AW5447" s="144"/>
    </row>
    <row r="5448" spans="2:49" x14ac:dyDescent="0.2">
      <c r="B5448" s="97"/>
      <c r="J5448" s="98"/>
      <c r="K5448" s="97"/>
      <c r="N5448" s="3"/>
      <c r="W5448" s="98"/>
      <c r="Z5448" s="143"/>
      <c r="AA5448" s="137"/>
      <c r="AB5448" s="137"/>
      <c r="AC5448" s="137"/>
      <c r="AD5448" s="137"/>
      <c r="AE5448" s="137"/>
      <c r="AF5448" s="137"/>
      <c r="AG5448" s="137"/>
      <c r="AH5448" s="137"/>
      <c r="AI5448" s="137"/>
      <c r="AJ5448" s="137"/>
      <c r="AK5448" s="206"/>
      <c r="AL5448" s="206"/>
      <c r="AM5448" s="143"/>
      <c r="AN5448" s="137"/>
      <c r="AO5448" s="137"/>
      <c r="AP5448" s="137"/>
      <c r="AQ5448" s="137"/>
      <c r="AR5448" s="137"/>
      <c r="AS5448" s="137"/>
      <c r="AT5448" s="137"/>
      <c r="AU5448" s="137"/>
      <c r="AV5448" s="137"/>
      <c r="AW5448" s="144"/>
    </row>
    <row r="5449" spans="2:49" x14ac:dyDescent="0.2">
      <c r="B5449" s="97"/>
      <c r="J5449" s="98"/>
      <c r="K5449" s="97"/>
      <c r="N5449" s="3"/>
      <c r="W5449" s="98"/>
      <c r="Z5449" s="143"/>
      <c r="AA5449" s="137"/>
      <c r="AB5449" s="137"/>
      <c r="AC5449" s="137"/>
      <c r="AD5449" s="137"/>
      <c r="AE5449" s="137"/>
      <c r="AF5449" s="137"/>
      <c r="AG5449" s="137"/>
      <c r="AH5449" s="137"/>
      <c r="AI5449" s="137"/>
      <c r="AJ5449" s="137"/>
      <c r="AK5449" s="206"/>
      <c r="AL5449" s="206"/>
      <c r="AM5449" s="143"/>
      <c r="AN5449" s="137"/>
      <c r="AO5449" s="137"/>
      <c r="AP5449" s="137"/>
      <c r="AQ5449" s="137"/>
      <c r="AR5449" s="137"/>
      <c r="AS5449" s="137"/>
      <c r="AT5449" s="137"/>
      <c r="AU5449" s="137"/>
      <c r="AV5449" s="137"/>
      <c r="AW5449" s="144"/>
    </row>
    <row r="5450" spans="2:49" x14ac:dyDescent="0.2">
      <c r="B5450" s="97"/>
      <c r="J5450" s="98"/>
      <c r="K5450" s="97"/>
      <c r="N5450" s="3"/>
      <c r="W5450" s="98"/>
      <c r="Z5450" s="143"/>
      <c r="AA5450" s="137"/>
      <c r="AB5450" s="137"/>
      <c r="AC5450" s="137"/>
      <c r="AD5450" s="137"/>
      <c r="AE5450" s="137"/>
      <c r="AF5450" s="137"/>
      <c r="AG5450" s="137"/>
      <c r="AH5450" s="137"/>
      <c r="AI5450" s="137"/>
      <c r="AJ5450" s="137"/>
      <c r="AK5450" s="206"/>
      <c r="AL5450" s="206"/>
      <c r="AM5450" s="143"/>
      <c r="AN5450" s="137"/>
      <c r="AO5450" s="137"/>
      <c r="AP5450" s="137"/>
      <c r="AQ5450" s="137"/>
      <c r="AR5450" s="137"/>
      <c r="AS5450" s="137"/>
      <c r="AT5450" s="137"/>
      <c r="AU5450" s="137"/>
      <c r="AV5450" s="137"/>
      <c r="AW5450" s="144"/>
    </row>
    <row r="5451" spans="2:49" x14ac:dyDescent="0.2">
      <c r="B5451" s="97"/>
      <c r="J5451" s="98"/>
      <c r="K5451" s="97"/>
      <c r="N5451" s="3"/>
      <c r="W5451" s="98"/>
      <c r="Z5451" s="143"/>
      <c r="AA5451" s="137"/>
      <c r="AB5451" s="137"/>
      <c r="AC5451" s="137"/>
      <c r="AD5451" s="137"/>
      <c r="AE5451" s="137"/>
      <c r="AF5451" s="137"/>
      <c r="AG5451" s="137"/>
      <c r="AH5451" s="137"/>
      <c r="AI5451" s="137"/>
      <c r="AJ5451" s="137"/>
      <c r="AK5451" s="206"/>
      <c r="AL5451" s="206"/>
      <c r="AM5451" s="143"/>
      <c r="AN5451" s="137"/>
      <c r="AO5451" s="137"/>
      <c r="AP5451" s="137"/>
      <c r="AQ5451" s="137"/>
      <c r="AR5451" s="137"/>
      <c r="AS5451" s="137"/>
      <c r="AT5451" s="137"/>
      <c r="AU5451" s="137"/>
      <c r="AV5451" s="137"/>
      <c r="AW5451" s="144"/>
    </row>
    <row r="5452" spans="2:49" x14ac:dyDescent="0.2">
      <c r="B5452" s="97"/>
      <c r="J5452" s="98"/>
      <c r="K5452" s="97"/>
      <c r="N5452" s="3"/>
      <c r="W5452" s="98"/>
      <c r="Z5452" s="143"/>
      <c r="AA5452" s="137"/>
      <c r="AB5452" s="137"/>
      <c r="AC5452" s="137"/>
      <c r="AD5452" s="137"/>
      <c r="AE5452" s="137"/>
      <c r="AF5452" s="137"/>
      <c r="AG5452" s="137"/>
      <c r="AH5452" s="137"/>
      <c r="AI5452" s="137"/>
      <c r="AJ5452" s="137"/>
      <c r="AK5452" s="206"/>
      <c r="AL5452" s="206"/>
      <c r="AM5452" s="143"/>
      <c r="AN5452" s="137"/>
      <c r="AO5452" s="137"/>
      <c r="AP5452" s="137"/>
      <c r="AQ5452" s="137"/>
      <c r="AR5452" s="137"/>
      <c r="AS5452" s="137"/>
      <c r="AT5452" s="137"/>
      <c r="AU5452" s="137"/>
      <c r="AV5452" s="137"/>
      <c r="AW5452" s="144"/>
    </row>
    <row r="5453" spans="2:49" x14ac:dyDescent="0.2">
      <c r="B5453" s="97"/>
      <c r="J5453" s="98"/>
      <c r="K5453" s="97"/>
      <c r="N5453" s="3"/>
      <c r="W5453" s="98"/>
      <c r="Z5453" s="143"/>
      <c r="AA5453" s="137"/>
      <c r="AB5453" s="137"/>
      <c r="AC5453" s="137"/>
      <c r="AD5453" s="137"/>
      <c r="AE5453" s="137"/>
      <c r="AF5453" s="137"/>
      <c r="AG5453" s="137"/>
      <c r="AH5453" s="137"/>
      <c r="AI5453" s="137"/>
      <c r="AJ5453" s="137"/>
      <c r="AK5453" s="206"/>
      <c r="AL5453" s="206"/>
      <c r="AM5453" s="143"/>
      <c r="AN5453" s="137"/>
      <c r="AO5453" s="137"/>
      <c r="AP5453" s="137"/>
      <c r="AQ5453" s="137"/>
      <c r="AR5453" s="137"/>
      <c r="AS5453" s="137"/>
      <c r="AT5453" s="137"/>
      <c r="AU5453" s="137"/>
      <c r="AV5453" s="137"/>
      <c r="AW5453" s="144"/>
    </row>
    <row r="5454" spans="2:49" x14ac:dyDescent="0.2">
      <c r="B5454" s="97"/>
      <c r="J5454" s="98"/>
      <c r="K5454" s="97"/>
      <c r="N5454" s="3"/>
      <c r="W5454" s="98"/>
      <c r="Z5454" s="143"/>
      <c r="AA5454" s="137"/>
      <c r="AB5454" s="137"/>
      <c r="AC5454" s="137"/>
      <c r="AD5454" s="137"/>
      <c r="AE5454" s="137"/>
      <c r="AF5454" s="137"/>
      <c r="AG5454" s="137"/>
      <c r="AH5454" s="137"/>
      <c r="AI5454" s="137"/>
      <c r="AJ5454" s="137"/>
      <c r="AK5454" s="206"/>
      <c r="AL5454" s="206"/>
      <c r="AM5454" s="143"/>
      <c r="AN5454" s="137"/>
      <c r="AO5454" s="137"/>
      <c r="AP5454" s="137"/>
      <c r="AQ5454" s="137"/>
      <c r="AR5454" s="137"/>
      <c r="AS5454" s="137"/>
      <c r="AT5454" s="137"/>
      <c r="AU5454" s="137"/>
      <c r="AV5454" s="137"/>
      <c r="AW5454" s="144"/>
    </row>
    <row r="5455" spans="2:49" x14ac:dyDescent="0.2">
      <c r="B5455" s="97"/>
      <c r="J5455" s="98"/>
      <c r="K5455" s="97"/>
      <c r="N5455" s="3"/>
      <c r="W5455" s="98"/>
      <c r="Z5455" s="143"/>
      <c r="AA5455" s="137"/>
      <c r="AB5455" s="137"/>
      <c r="AC5455" s="137"/>
      <c r="AD5455" s="137"/>
      <c r="AE5455" s="137"/>
      <c r="AF5455" s="137"/>
      <c r="AG5455" s="137"/>
      <c r="AH5455" s="137"/>
      <c r="AI5455" s="137"/>
      <c r="AJ5455" s="137"/>
      <c r="AK5455" s="206"/>
      <c r="AL5455" s="206"/>
      <c r="AM5455" s="143"/>
      <c r="AN5455" s="137"/>
      <c r="AO5455" s="137"/>
      <c r="AP5455" s="137"/>
      <c r="AQ5455" s="137"/>
      <c r="AR5455" s="137"/>
      <c r="AS5455" s="137"/>
      <c r="AT5455" s="137"/>
      <c r="AU5455" s="137"/>
      <c r="AV5455" s="137"/>
      <c r="AW5455" s="144"/>
    </row>
    <row r="5456" spans="2:49" x14ac:dyDescent="0.2">
      <c r="B5456" s="97"/>
      <c r="J5456" s="98"/>
      <c r="K5456" s="97"/>
      <c r="N5456" s="3"/>
      <c r="W5456" s="98"/>
      <c r="Z5456" s="143"/>
      <c r="AA5456" s="137"/>
      <c r="AB5456" s="137"/>
      <c r="AC5456" s="137"/>
      <c r="AD5456" s="137"/>
      <c r="AE5456" s="137"/>
      <c r="AF5456" s="137"/>
      <c r="AG5456" s="137"/>
      <c r="AH5456" s="137"/>
      <c r="AI5456" s="137"/>
      <c r="AJ5456" s="137"/>
      <c r="AK5456" s="206"/>
      <c r="AL5456" s="206"/>
      <c r="AM5456" s="143"/>
      <c r="AN5456" s="137"/>
      <c r="AO5456" s="137"/>
      <c r="AP5456" s="137"/>
      <c r="AQ5456" s="137"/>
      <c r="AR5456" s="137"/>
      <c r="AS5456" s="137"/>
      <c r="AT5456" s="137"/>
      <c r="AU5456" s="137"/>
      <c r="AV5456" s="137"/>
      <c r="AW5456" s="144"/>
    </row>
    <row r="5457" spans="2:49" x14ac:dyDescent="0.2">
      <c r="B5457" s="97"/>
      <c r="J5457" s="98"/>
      <c r="K5457" s="97"/>
      <c r="N5457" s="3"/>
      <c r="W5457" s="98"/>
      <c r="Z5457" s="143"/>
      <c r="AA5457" s="137"/>
      <c r="AB5457" s="137"/>
      <c r="AC5457" s="137"/>
      <c r="AD5457" s="137"/>
      <c r="AE5457" s="137"/>
      <c r="AF5457" s="137"/>
      <c r="AG5457" s="137"/>
      <c r="AH5457" s="137"/>
      <c r="AI5457" s="137"/>
      <c r="AJ5457" s="137"/>
      <c r="AK5457" s="206"/>
      <c r="AL5457" s="206"/>
      <c r="AM5457" s="143"/>
      <c r="AN5457" s="137"/>
      <c r="AO5457" s="137"/>
      <c r="AP5457" s="137"/>
      <c r="AQ5457" s="137"/>
      <c r="AR5457" s="137"/>
      <c r="AS5457" s="137"/>
      <c r="AT5457" s="137"/>
      <c r="AU5457" s="137"/>
      <c r="AV5457" s="137"/>
      <c r="AW5457" s="144"/>
    </row>
    <row r="5458" spans="2:49" x14ac:dyDescent="0.2">
      <c r="B5458" s="97"/>
      <c r="J5458" s="98"/>
      <c r="K5458" s="97"/>
      <c r="N5458" s="3"/>
      <c r="W5458" s="98"/>
      <c r="Z5458" s="143"/>
      <c r="AA5458" s="137"/>
      <c r="AB5458" s="137"/>
      <c r="AC5458" s="137"/>
      <c r="AD5458" s="137"/>
      <c r="AE5458" s="137"/>
      <c r="AF5458" s="137"/>
      <c r="AG5458" s="137"/>
      <c r="AH5458" s="137"/>
      <c r="AI5458" s="137"/>
      <c r="AJ5458" s="137"/>
      <c r="AK5458" s="206"/>
      <c r="AL5458" s="206"/>
      <c r="AM5458" s="143"/>
      <c r="AN5458" s="137"/>
      <c r="AO5458" s="137"/>
      <c r="AP5458" s="137"/>
      <c r="AQ5458" s="137"/>
      <c r="AR5458" s="137"/>
      <c r="AS5458" s="137"/>
      <c r="AT5458" s="137"/>
      <c r="AU5458" s="137"/>
      <c r="AV5458" s="137"/>
      <c r="AW5458" s="144"/>
    </row>
    <row r="5459" spans="2:49" x14ac:dyDescent="0.2">
      <c r="B5459" s="97"/>
      <c r="J5459" s="98"/>
      <c r="K5459" s="97"/>
      <c r="N5459" s="3"/>
      <c r="W5459" s="98"/>
      <c r="Z5459" s="143"/>
      <c r="AA5459" s="137"/>
      <c r="AB5459" s="137"/>
      <c r="AC5459" s="137"/>
      <c r="AD5459" s="137"/>
      <c r="AE5459" s="137"/>
      <c r="AF5459" s="137"/>
      <c r="AG5459" s="137"/>
      <c r="AH5459" s="137"/>
      <c r="AI5459" s="137"/>
      <c r="AJ5459" s="137"/>
      <c r="AK5459" s="206"/>
      <c r="AL5459" s="206"/>
      <c r="AM5459" s="143"/>
      <c r="AN5459" s="137"/>
      <c r="AO5459" s="137"/>
      <c r="AP5459" s="137"/>
      <c r="AQ5459" s="137"/>
      <c r="AR5459" s="137"/>
      <c r="AS5459" s="137"/>
      <c r="AT5459" s="137"/>
      <c r="AU5459" s="137"/>
      <c r="AV5459" s="137"/>
      <c r="AW5459" s="144"/>
    </row>
    <row r="5460" spans="2:49" x14ac:dyDescent="0.2">
      <c r="B5460" s="97"/>
      <c r="J5460" s="98"/>
      <c r="K5460" s="97"/>
      <c r="N5460" s="3"/>
      <c r="W5460" s="98"/>
      <c r="Z5460" s="143"/>
      <c r="AA5460" s="137"/>
      <c r="AB5460" s="137"/>
      <c r="AC5460" s="137"/>
      <c r="AD5460" s="137"/>
      <c r="AE5460" s="137"/>
      <c r="AF5460" s="137"/>
      <c r="AG5460" s="137"/>
      <c r="AH5460" s="137"/>
      <c r="AI5460" s="137"/>
      <c r="AJ5460" s="137"/>
      <c r="AK5460" s="206"/>
      <c r="AL5460" s="206"/>
      <c r="AM5460" s="143"/>
      <c r="AN5460" s="137"/>
      <c r="AO5460" s="137"/>
      <c r="AP5460" s="137"/>
      <c r="AQ5460" s="137"/>
      <c r="AR5460" s="137"/>
      <c r="AS5460" s="137"/>
      <c r="AT5460" s="137"/>
      <c r="AU5460" s="137"/>
      <c r="AV5460" s="137"/>
      <c r="AW5460" s="144"/>
    </row>
    <row r="5461" spans="2:49" x14ac:dyDescent="0.2">
      <c r="B5461" s="97"/>
      <c r="J5461" s="98"/>
      <c r="K5461" s="97"/>
      <c r="N5461" s="3"/>
      <c r="W5461" s="98"/>
      <c r="Z5461" s="143"/>
      <c r="AA5461" s="137"/>
      <c r="AB5461" s="137"/>
      <c r="AC5461" s="137"/>
      <c r="AD5461" s="137"/>
      <c r="AE5461" s="137"/>
      <c r="AF5461" s="137"/>
      <c r="AG5461" s="137"/>
      <c r="AH5461" s="137"/>
      <c r="AI5461" s="137"/>
      <c r="AJ5461" s="137"/>
      <c r="AK5461" s="206"/>
      <c r="AL5461" s="206"/>
      <c r="AM5461" s="143"/>
      <c r="AN5461" s="137"/>
      <c r="AO5461" s="137"/>
      <c r="AP5461" s="137"/>
      <c r="AQ5461" s="137"/>
      <c r="AR5461" s="137"/>
      <c r="AS5461" s="137"/>
      <c r="AT5461" s="137"/>
      <c r="AU5461" s="137"/>
      <c r="AV5461" s="137"/>
      <c r="AW5461" s="144"/>
    </row>
    <row r="5462" spans="2:49" x14ac:dyDescent="0.2">
      <c r="B5462" s="97"/>
      <c r="J5462" s="98"/>
      <c r="K5462" s="97"/>
      <c r="N5462" s="3"/>
      <c r="W5462" s="98"/>
      <c r="Z5462" s="143"/>
      <c r="AA5462" s="137"/>
      <c r="AB5462" s="137"/>
      <c r="AC5462" s="137"/>
      <c r="AD5462" s="137"/>
      <c r="AE5462" s="137"/>
      <c r="AF5462" s="137"/>
      <c r="AG5462" s="137"/>
      <c r="AH5462" s="137"/>
      <c r="AI5462" s="137"/>
      <c r="AJ5462" s="137"/>
      <c r="AK5462" s="206"/>
      <c r="AL5462" s="206"/>
      <c r="AM5462" s="143"/>
      <c r="AN5462" s="137"/>
      <c r="AO5462" s="137"/>
      <c r="AP5462" s="137"/>
      <c r="AQ5462" s="137"/>
      <c r="AR5462" s="137"/>
      <c r="AS5462" s="137"/>
      <c r="AT5462" s="137"/>
      <c r="AU5462" s="137"/>
      <c r="AV5462" s="137"/>
      <c r="AW5462" s="144"/>
    </row>
    <row r="5463" spans="2:49" x14ac:dyDescent="0.2">
      <c r="B5463" s="97"/>
      <c r="J5463" s="98"/>
      <c r="K5463" s="97"/>
      <c r="N5463" s="3"/>
      <c r="W5463" s="98"/>
      <c r="Z5463" s="143"/>
      <c r="AA5463" s="137"/>
      <c r="AB5463" s="137"/>
      <c r="AC5463" s="137"/>
      <c r="AD5463" s="137"/>
      <c r="AE5463" s="137"/>
      <c r="AF5463" s="137"/>
      <c r="AG5463" s="137"/>
      <c r="AH5463" s="137"/>
      <c r="AI5463" s="137"/>
      <c r="AJ5463" s="137"/>
      <c r="AK5463" s="206"/>
      <c r="AL5463" s="206"/>
      <c r="AM5463" s="143"/>
      <c r="AN5463" s="137"/>
      <c r="AO5463" s="137"/>
      <c r="AP5463" s="137"/>
      <c r="AQ5463" s="137"/>
      <c r="AR5463" s="137"/>
      <c r="AS5463" s="137"/>
      <c r="AT5463" s="137"/>
      <c r="AU5463" s="137"/>
      <c r="AV5463" s="137"/>
      <c r="AW5463" s="144"/>
    </row>
    <row r="5464" spans="2:49" x14ac:dyDescent="0.2">
      <c r="B5464" s="97"/>
      <c r="J5464" s="98"/>
      <c r="K5464" s="97"/>
      <c r="N5464" s="3"/>
      <c r="W5464" s="98"/>
      <c r="Z5464" s="143"/>
      <c r="AA5464" s="137"/>
      <c r="AB5464" s="137"/>
      <c r="AC5464" s="137"/>
      <c r="AD5464" s="137"/>
      <c r="AE5464" s="137"/>
      <c r="AF5464" s="137"/>
      <c r="AG5464" s="137"/>
      <c r="AH5464" s="137"/>
      <c r="AI5464" s="137"/>
      <c r="AJ5464" s="137"/>
      <c r="AK5464" s="206"/>
      <c r="AL5464" s="206"/>
      <c r="AM5464" s="143"/>
      <c r="AN5464" s="137"/>
      <c r="AO5464" s="137"/>
      <c r="AP5464" s="137"/>
      <c r="AQ5464" s="137"/>
      <c r="AR5464" s="137"/>
      <c r="AS5464" s="137"/>
      <c r="AT5464" s="137"/>
      <c r="AU5464" s="137"/>
      <c r="AV5464" s="137"/>
      <c r="AW5464" s="144"/>
    </row>
    <row r="5465" spans="2:49" x14ac:dyDescent="0.2">
      <c r="B5465" s="97"/>
      <c r="J5465" s="98"/>
      <c r="K5465" s="97"/>
      <c r="N5465" s="3"/>
      <c r="W5465" s="98"/>
      <c r="Z5465" s="143"/>
      <c r="AA5465" s="137"/>
      <c r="AB5465" s="137"/>
      <c r="AC5465" s="137"/>
      <c r="AD5465" s="137"/>
      <c r="AE5465" s="137"/>
      <c r="AF5465" s="137"/>
      <c r="AG5465" s="137"/>
      <c r="AH5465" s="137"/>
      <c r="AI5465" s="137"/>
      <c r="AJ5465" s="137"/>
      <c r="AK5465" s="206"/>
      <c r="AL5465" s="206"/>
      <c r="AM5465" s="143"/>
      <c r="AN5465" s="137"/>
      <c r="AO5465" s="137"/>
      <c r="AP5465" s="137"/>
      <c r="AQ5465" s="137"/>
      <c r="AR5465" s="137"/>
      <c r="AS5465" s="137"/>
      <c r="AT5465" s="137"/>
      <c r="AU5465" s="137"/>
      <c r="AV5465" s="137"/>
      <c r="AW5465" s="144"/>
    </row>
    <row r="5466" spans="2:49" x14ac:dyDescent="0.2">
      <c r="B5466" s="97"/>
      <c r="J5466" s="98"/>
      <c r="K5466" s="97"/>
      <c r="N5466" s="3"/>
      <c r="W5466" s="98"/>
      <c r="Z5466" s="143"/>
      <c r="AA5466" s="137"/>
      <c r="AB5466" s="137"/>
      <c r="AC5466" s="137"/>
      <c r="AD5466" s="137"/>
      <c r="AE5466" s="137"/>
      <c r="AF5466" s="137"/>
      <c r="AG5466" s="137"/>
      <c r="AH5466" s="137"/>
      <c r="AI5466" s="137"/>
      <c r="AJ5466" s="137"/>
      <c r="AK5466" s="206"/>
      <c r="AL5466" s="206"/>
      <c r="AM5466" s="143"/>
      <c r="AN5466" s="137"/>
      <c r="AO5466" s="137"/>
      <c r="AP5466" s="137"/>
      <c r="AQ5466" s="137"/>
      <c r="AR5466" s="137"/>
      <c r="AS5466" s="137"/>
      <c r="AT5466" s="137"/>
      <c r="AU5466" s="137"/>
      <c r="AV5466" s="137"/>
      <c r="AW5466" s="144"/>
    </row>
    <row r="5467" spans="2:49" x14ac:dyDescent="0.2">
      <c r="B5467" s="97"/>
      <c r="J5467" s="98"/>
      <c r="K5467" s="97"/>
      <c r="N5467" s="3"/>
      <c r="W5467" s="98"/>
      <c r="Z5467" s="143"/>
      <c r="AA5467" s="137"/>
      <c r="AB5467" s="137"/>
      <c r="AC5467" s="137"/>
      <c r="AD5467" s="137"/>
      <c r="AE5467" s="137"/>
      <c r="AF5467" s="137"/>
      <c r="AG5467" s="137"/>
      <c r="AH5467" s="137"/>
      <c r="AI5467" s="137"/>
      <c r="AJ5467" s="137"/>
      <c r="AK5467" s="206"/>
      <c r="AL5467" s="206"/>
      <c r="AM5467" s="143"/>
      <c r="AN5467" s="137"/>
      <c r="AO5467" s="137"/>
      <c r="AP5467" s="137"/>
      <c r="AQ5467" s="137"/>
      <c r="AR5467" s="137"/>
      <c r="AS5467" s="137"/>
      <c r="AT5467" s="137"/>
      <c r="AU5467" s="137"/>
      <c r="AV5467" s="137"/>
      <c r="AW5467" s="144"/>
    </row>
    <row r="5468" spans="2:49" x14ac:dyDescent="0.2">
      <c r="B5468" s="97"/>
      <c r="J5468" s="98"/>
      <c r="K5468" s="97"/>
      <c r="N5468" s="3"/>
      <c r="W5468" s="98"/>
      <c r="Z5468" s="143"/>
      <c r="AA5468" s="137"/>
      <c r="AB5468" s="137"/>
      <c r="AC5468" s="137"/>
      <c r="AD5468" s="137"/>
      <c r="AE5468" s="137"/>
      <c r="AF5468" s="137"/>
      <c r="AG5468" s="137"/>
      <c r="AH5468" s="137"/>
      <c r="AI5468" s="137"/>
      <c r="AJ5468" s="137"/>
      <c r="AK5468" s="206"/>
      <c r="AL5468" s="206"/>
      <c r="AM5468" s="143"/>
      <c r="AN5468" s="137"/>
      <c r="AO5468" s="137"/>
      <c r="AP5468" s="137"/>
      <c r="AQ5468" s="137"/>
      <c r="AR5468" s="137"/>
      <c r="AS5468" s="137"/>
      <c r="AT5468" s="137"/>
      <c r="AU5468" s="137"/>
      <c r="AV5468" s="137"/>
      <c r="AW5468" s="144"/>
    </row>
    <row r="5469" spans="2:49" x14ac:dyDescent="0.2">
      <c r="B5469" s="97"/>
      <c r="J5469" s="98"/>
      <c r="K5469" s="97"/>
      <c r="N5469" s="3"/>
      <c r="W5469" s="98"/>
      <c r="Z5469" s="143"/>
      <c r="AA5469" s="137"/>
      <c r="AB5469" s="137"/>
      <c r="AC5469" s="137"/>
      <c r="AD5469" s="137"/>
      <c r="AE5469" s="137"/>
      <c r="AF5469" s="137"/>
      <c r="AG5469" s="137"/>
      <c r="AH5469" s="137"/>
      <c r="AI5469" s="137"/>
      <c r="AJ5469" s="137"/>
      <c r="AK5469" s="206"/>
      <c r="AL5469" s="206"/>
      <c r="AM5469" s="143"/>
      <c r="AN5469" s="137"/>
      <c r="AO5469" s="137"/>
      <c r="AP5469" s="137"/>
      <c r="AQ5469" s="137"/>
      <c r="AR5469" s="137"/>
      <c r="AS5469" s="137"/>
      <c r="AT5469" s="137"/>
      <c r="AU5469" s="137"/>
      <c r="AV5469" s="137"/>
      <c r="AW5469" s="144"/>
    </row>
    <row r="5470" spans="2:49" x14ac:dyDescent="0.2">
      <c r="B5470" s="97"/>
      <c r="J5470" s="98"/>
      <c r="K5470" s="97"/>
      <c r="N5470" s="3"/>
      <c r="W5470" s="98"/>
      <c r="Z5470" s="143"/>
      <c r="AA5470" s="137"/>
      <c r="AB5470" s="137"/>
      <c r="AC5470" s="137"/>
      <c r="AD5470" s="137"/>
      <c r="AE5470" s="137"/>
      <c r="AF5470" s="137"/>
      <c r="AG5470" s="137"/>
      <c r="AH5470" s="137"/>
      <c r="AI5470" s="137"/>
      <c r="AJ5470" s="137"/>
      <c r="AK5470" s="206"/>
      <c r="AL5470" s="206"/>
      <c r="AM5470" s="143"/>
      <c r="AN5470" s="137"/>
      <c r="AO5470" s="137"/>
      <c r="AP5470" s="137"/>
      <c r="AQ5470" s="137"/>
      <c r="AR5470" s="137"/>
      <c r="AS5470" s="137"/>
      <c r="AT5470" s="137"/>
      <c r="AU5470" s="137"/>
      <c r="AV5470" s="137"/>
      <c r="AW5470" s="144"/>
    </row>
    <row r="5471" spans="2:49" x14ac:dyDescent="0.2">
      <c r="B5471" s="97"/>
      <c r="J5471" s="98"/>
      <c r="K5471" s="97"/>
      <c r="N5471" s="3"/>
      <c r="W5471" s="98"/>
      <c r="Z5471" s="143"/>
      <c r="AA5471" s="137"/>
      <c r="AB5471" s="137"/>
      <c r="AC5471" s="137"/>
      <c r="AD5471" s="137"/>
      <c r="AE5471" s="137"/>
      <c r="AF5471" s="137"/>
      <c r="AG5471" s="137"/>
      <c r="AH5471" s="137"/>
      <c r="AI5471" s="137"/>
      <c r="AJ5471" s="137"/>
      <c r="AK5471" s="206"/>
      <c r="AL5471" s="206"/>
      <c r="AM5471" s="143"/>
      <c r="AN5471" s="137"/>
      <c r="AO5471" s="137"/>
      <c r="AP5471" s="137"/>
      <c r="AQ5471" s="137"/>
      <c r="AR5471" s="137"/>
      <c r="AS5471" s="137"/>
      <c r="AT5471" s="137"/>
      <c r="AU5471" s="137"/>
      <c r="AV5471" s="137"/>
      <c r="AW5471" s="144"/>
    </row>
    <row r="5472" spans="2:49" x14ac:dyDescent="0.2">
      <c r="B5472" s="97"/>
      <c r="J5472" s="98"/>
      <c r="K5472" s="97"/>
      <c r="N5472" s="3"/>
      <c r="W5472" s="98"/>
      <c r="Z5472" s="143"/>
      <c r="AA5472" s="137"/>
      <c r="AB5472" s="137"/>
      <c r="AC5472" s="137"/>
      <c r="AD5472" s="137"/>
      <c r="AE5472" s="137"/>
      <c r="AF5472" s="137"/>
      <c r="AG5472" s="137"/>
      <c r="AH5472" s="137"/>
      <c r="AI5472" s="137"/>
      <c r="AJ5472" s="137"/>
      <c r="AK5472" s="206"/>
      <c r="AL5472" s="206"/>
      <c r="AM5472" s="143"/>
      <c r="AN5472" s="137"/>
      <c r="AO5472" s="137"/>
      <c r="AP5472" s="137"/>
      <c r="AQ5472" s="137"/>
      <c r="AR5472" s="137"/>
      <c r="AS5472" s="137"/>
      <c r="AT5472" s="137"/>
      <c r="AU5472" s="137"/>
      <c r="AV5472" s="137"/>
      <c r="AW5472" s="144"/>
    </row>
    <row r="5473" spans="2:49" x14ac:dyDescent="0.2">
      <c r="B5473" s="97"/>
      <c r="J5473" s="98"/>
      <c r="K5473" s="97"/>
      <c r="N5473" s="3"/>
      <c r="W5473" s="98"/>
      <c r="Z5473" s="143"/>
      <c r="AA5473" s="137"/>
      <c r="AB5473" s="137"/>
      <c r="AC5473" s="137"/>
      <c r="AD5473" s="137"/>
      <c r="AE5473" s="137"/>
      <c r="AF5473" s="137"/>
      <c r="AG5473" s="137"/>
      <c r="AH5473" s="137"/>
      <c r="AI5473" s="137"/>
      <c r="AJ5473" s="137"/>
      <c r="AK5473" s="206"/>
      <c r="AL5473" s="206"/>
      <c r="AM5473" s="143"/>
      <c r="AN5473" s="137"/>
      <c r="AO5473" s="137"/>
      <c r="AP5473" s="137"/>
      <c r="AQ5473" s="137"/>
      <c r="AR5473" s="137"/>
      <c r="AS5473" s="137"/>
      <c r="AT5473" s="137"/>
      <c r="AU5473" s="137"/>
      <c r="AV5473" s="137"/>
      <c r="AW5473" s="144"/>
    </row>
    <row r="5474" spans="2:49" x14ac:dyDescent="0.2">
      <c r="B5474" s="97"/>
      <c r="J5474" s="98"/>
      <c r="K5474" s="97"/>
      <c r="N5474" s="3"/>
      <c r="W5474" s="98"/>
      <c r="Z5474" s="143"/>
      <c r="AA5474" s="137"/>
      <c r="AB5474" s="137"/>
      <c r="AC5474" s="137"/>
      <c r="AD5474" s="137"/>
      <c r="AE5474" s="137"/>
      <c r="AF5474" s="137"/>
      <c r="AG5474" s="137"/>
      <c r="AH5474" s="137"/>
      <c r="AI5474" s="137"/>
      <c r="AJ5474" s="137"/>
      <c r="AK5474" s="206"/>
      <c r="AL5474" s="206"/>
      <c r="AM5474" s="143"/>
      <c r="AN5474" s="137"/>
      <c r="AO5474" s="137"/>
      <c r="AP5474" s="137"/>
      <c r="AQ5474" s="137"/>
      <c r="AR5474" s="137"/>
      <c r="AS5474" s="137"/>
      <c r="AT5474" s="137"/>
      <c r="AU5474" s="137"/>
      <c r="AV5474" s="137"/>
      <c r="AW5474" s="144"/>
    </row>
    <row r="5475" spans="2:49" x14ac:dyDescent="0.2">
      <c r="B5475" s="97"/>
      <c r="J5475" s="98"/>
      <c r="K5475" s="97"/>
      <c r="N5475" s="3"/>
      <c r="W5475" s="98"/>
      <c r="Z5475" s="143"/>
      <c r="AA5475" s="137"/>
      <c r="AB5475" s="137"/>
      <c r="AC5475" s="137"/>
      <c r="AD5475" s="137"/>
      <c r="AE5475" s="137"/>
      <c r="AF5475" s="137"/>
      <c r="AG5475" s="137"/>
      <c r="AH5475" s="137"/>
      <c r="AI5475" s="137"/>
      <c r="AJ5475" s="137"/>
      <c r="AK5475" s="206"/>
      <c r="AL5475" s="206"/>
      <c r="AM5475" s="143"/>
      <c r="AN5475" s="137"/>
      <c r="AO5475" s="137"/>
      <c r="AP5475" s="137"/>
      <c r="AQ5475" s="137"/>
      <c r="AR5475" s="137"/>
      <c r="AS5475" s="137"/>
      <c r="AT5475" s="137"/>
      <c r="AU5475" s="137"/>
      <c r="AV5475" s="137"/>
      <c r="AW5475" s="144"/>
    </row>
    <row r="5476" spans="2:49" x14ac:dyDescent="0.2">
      <c r="B5476" s="97"/>
      <c r="J5476" s="98"/>
      <c r="K5476" s="97"/>
      <c r="N5476" s="3"/>
      <c r="W5476" s="98"/>
      <c r="Z5476" s="143"/>
      <c r="AA5476" s="137"/>
      <c r="AB5476" s="137"/>
      <c r="AC5476" s="137"/>
      <c r="AD5476" s="137"/>
      <c r="AE5476" s="137"/>
      <c r="AF5476" s="137"/>
      <c r="AG5476" s="137"/>
      <c r="AH5476" s="137"/>
      <c r="AI5476" s="137"/>
      <c r="AJ5476" s="137"/>
      <c r="AK5476" s="206"/>
      <c r="AL5476" s="206"/>
      <c r="AM5476" s="143"/>
      <c r="AN5476" s="137"/>
      <c r="AO5476" s="137"/>
      <c r="AP5476" s="137"/>
      <c r="AQ5476" s="137"/>
      <c r="AR5476" s="137"/>
      <c r="AS5476" s="137"/>
      <c r="AT5476" s="137"/>
      <c r="AU5476" s="137"/>
      <c r="AV5476" s="137"/>
      <c r="AW5476" s="144"/>
    </row>
    <row r="5477" spans="2:49" x14ac:dyDescent="0.2">
      <c r="B5477" s="97"/>
      <c r="J5477" s="98"/>
      <c r="K5477" s="97"/>
      <c r="N5477" s="3"/>
      <c r="W5477" s="98"/>
      <c r="Z5477" s="143"/>
      <c r="AA5477" s="137"/>
      <c r="AB5477" s="137"/>
      <c r="AC5477" s="137"/>
      <c r="AD5477" s="137"/>
      <c r="AE5477" s="137"/>
      <c r="AF5477" s="137"/>
      <c r="AG5477" s="137"/>
      <c r="AH5477" s="137"/>
      <c r="AI5477" s="137"/>
      <c r="AJ5477" s="137"/>
      <c r="AK5477" s="206"/>
      <c r="AL5477" s="206"/>
      <c r="AM5477" s="143"/>
      <c r="AN5477" s="137"/>
      <c r="AO5477" s="137"/>
      <c r="AP5477" s="137"/>
      <c r="AQ5477" s="137"/>
      <c r="AR5477" s="137"/>
      <c r="AS5477" s="137"/>
      <c r="AT5477" s="137"/>
      <c r="AU5477" s="137"/>
      <c r="AV5477" s="137"/>
      <c r="AW5477" s="144"/>
    </row>
    <row r="5478" spans="2:49" x14ac:dyDescent="0.2">
      <c r="B5478" s="97"/>
      <c r="J5478" s="98"/>
      <c r="K5478" s="97"/>
      <c r="N5478" s="3"/>
      <c r="W5478" s="98"/>
      <c r="Z5478" s="143"/>
      <c r="AA5478" s="137"/>
      <c r="AB5478" s="137"/>
      <c r="AC5478" s="137"/>
      <c r="AD5478" s="137"/>
      <c r="AE5478" s="137"/>
      <c r="AF5478" s="137"/>
      <c r="AG5478" s="137"/>
      <c r="AH5478" s="137"/>
      <c r="AI5478" s="137"/>
      <c r="AJ5478" s="137"/>
      <c r="AK5478" s="206"/>
      <c r="AL5478" s="206"/>
      <c r="AM5478" s="143"/>
      <c r="AN5478" s="137"/>
      <c r="AO5478" s="137"/>
      <c r="AP5478" s="137"/>
      <c r="AQ5478" s="137"/>
      <c r="AR5478" s="137"/>
      <c r="AS5478" s="137"/>
      <c r="AT5478" s="137"/>
      <c r="AU5478" s="137"/>
      <c r="AV5478" s="137"/>
      <c r="AW5478" s="144"/>
    </row>
    <row r="5479" spans="2:49" x14ac:dyDescent="0.2">
      <c r="B5479" s="97"/>
      <c r="J5479" s="98"/>
      <c r="K5479" s="97"/>
      <c r="N5479" s="3"/>
      <c r="W5479" s="98"/>
      <c r="Z5479" s="143"/>
      <c r="AA5479" s="137"/>
      <c r="AB5479" s="137"/>
      <c r="AC5479" s="137"/>
      <c r="AD5479" s="137"/>
      <c r="AE5479" s="137"/>
      <c r="AF5479" s="137"/>
      <c r="AG5479" s="137"/>
      <c r="AH5479" s="137"/>
      <c r="AI5479" s="137"/>
      <c r="AJ5479" s="137"/>
      <c r="AK5479" s="206"/>
      <c r="AL5479" s="206"/>
      <c r="AM5479" s="143"/>
      <c r="AN5479" s="137"/>
      <c r="AO5479" s="137"/>
      <c r="AP5479" s="137"/>
      <c r="AQ5479" s="137"/>
      <c r="AR5479" s="137"/>
      <c r="AS5479" s="137"/>
      <c r="AT5479" s="137"/>
      <c r="AU5479" s="137"/>
      <c r="AV5479" s="137"/>
      <c r="AW5479" s="144"/>
    </row>
    <row r="5480" spans="2:49" x14ac:dyDescent="0.2">
      <c r="B5480" s="97"/>
      <c r="J5480" s="98"/>
      <c r="K5480" s="97"/>
      <c r="N5480" s="3"/>
      <c r="W5480" s="98"/>
      <c r="Z5480" s="143"/>
      <c r="AA5480" s="137"/>
      <c r="AB5480" s="137"/>
      <c r="AC5480" s="137"/>
      <c r="AD5480" s="137"/>
      <c r="AE5480" s="137"/>
      <c r="AF5480" s="137"/>
      <c r="AG5480" s="137"/>
      <c r="AH5480" s="137"/>
      <c r="AI5480" s="137"/>
      <c r="AJ5480" s="137"/>
      <c r="AK5480" s="206"/>
      <c r="AL5480" s="206"/>
      <c r="AM5480" s="143"/>
      <c r="AN5480" s="137"/>
      <c r="AO5480" s="137"/>
      <c r="AP5480" s="137"/>
      <c r="AQ5480" s="137"/>
      <c r="AR5480" s="137"/>
      <c r="AS5480" s="137"/>
      <c r="AT5480" s="137"/>
      <c r="AU5480" s="137"/>
      <c r="AV5480" s="137"/>
      <c r="AW5480" s="144"/>
    </row>
    <row r="5481" spans="2:49" x14ac:dyDescent="0.2">
      <c r="B5481" s="97"/>
      <c r="J5481" s="98"/>
      <c r="K5481" s="97"/>
      <c r="N5481" s="3"/>
      <c r="W5481" s="98"/>
      <c r="Z5481" s="143"/>
      <c r="AA5481" s="137"/>
      <c r="AB5481" s="137"/>
      <c r="AC5481" s="137"/>
      <c r="AD5481" s="137"/>
      <c r="AE5481" s="137"/>
      <c r="AF5481" s="137"/>
      <c r="AG5481" s="137"/>
      <c r="AH5481" s="137"/>
      <c r="AI5481" s="137"/>
      <c r="AJ5481" s="137"/>
      <c r="AK5481" s="206"/>
      <c r="AL5481" s="206"/>
      <c r="AM5481" s="143"/>
      <c r="AN5481" s="137"/>
      <c r="AO5481" s="137"/>
      <c r="AP5481" s="137"/>
      <c r="AQ5481" s="137"/>
      <c r="AR5481" s="137"/>
      <c r="AS5481" s="137"/>
      <c r="AT5481" s="137"/>
      <c r="AU5481" s="137"/>
      <c r="AV5481" s="137"/>
      <c r="AW5481" s="144"/>
    </row>
    <row r="5482" spans="2:49" x14ac:dyDescent="0.2">
      <c r="B5482" s="97"/>
      <c r="J5482" s="98"/>
      <c r="K5482" s="97"/>
      <c r="N5482" s="3"/>
      <c r="W5482" s="98"/>
      <c r="Z5482" s="143"/>
      <c r="AA5482" s="137"/>
      <c r="AB5482" s="137"/>
      <c r="AC5482" s="137"/>
      <c r="AD5482" s="137"/>
      <c r="AE5482" s="137"/>
      <c r="AF5482" s="137"/>
      <c r="AG5482" s="137"/>
      <c r="AH5482" s="137"/>
      <c r="AI5482" s="137"/>
      <c r="AJ5482" s="137"/>
      <c r="AK5482" s="206"/>
      <c r="AL5482" s="206"/>
      <c r="AM5482" s="143"/>
      <c r="AN5482" s="137"/>
      <c r="AO5482" s="137"/>
      <c r="AP5482" s="137"/>
      <c r="AQ5482" s="137"/>
      <c r="AR5482" s="137"/>
      <c r="AS5482" s="137"/>
      <c r="AT5482" s="137"/>
      <c r="AU5482" s="137"/>
      <c r="AV5482" s="137"/>
      <c r="AW5482" s="144"/>
    </row>
    <row r="5483" spans="2:49" x14ac:dyDescent="0.2">
      <c r="B5483" s="97"/>
      <c r="J5483" s="98"/>
      <c r="K5483" s="97"/>
      <c r="N5483" s="3"/>
      <c r="W5483" s="98"/>
      <c r="Z5483" s="143"/>
      <c r="AA5483" s="137"/>
      <c r="AB5483" s="137"/>
      <c r="AC5483" s="137"/>
      <c r="AD5483" s="137"/>
      <c r="AE5483" s="137"/>
      <c r="AF5483" s="137"/>
      <c r="AG5483" s="137"/>
      <c r="AH5483" s="137"/>
      <c r="AI5483" s="137"/>
      <c r="AJ5483" s="137"/>
      <c r="AK5483" s="206"/>
      <c r="AL5483" s="206"/>
      <c r="AM5483" s="143"/>
      <c r="AN5483" s="137"/>
      <c r="AO5483" s="137"/>
      <c r="AP5483" s="137"/>
      <c r="AQ5483" s="137"/>
      <c r="AR5483" s="137"/>
      <c r="AS5483" s="137"/>
      <c r="AT5483" s="137"/>
      <c r="AU5483" s="137"/>
      <c r="AV5483" s="137"/>
      <c r="AW5483" s="144"/>
    </row>
    <row r="5484" spans="2:49" x14ac:dyDescent="0.2">
      <c r="B5484" s="97"/>
      <c r="J5484" s="98"/>
      <c r="K5484" s="97"/>
      <c r="N5484" s="3"/>
      <c r="W5484" s="98"/>
      <c r="Z5484" s="143"/>
      <c r="AA5484" s="137"/>
      <c r="AB5484" s="137"/>
      <c r="AC5484" s="137"/>
      <c r="AD5484" s="137"/>
      <c r="AE5484" s="137"/>
      <c r="AF5484" s="137"/>
      <c r="AG5484" s="137"/>
      <c r="AH5484" s="137"/>
      <c r="AI5484" s="137"/>
      <c r="AJ5484" s="137"/>
      <c r="AK5484" s="206"/>
      <c r="AL5484" s="206"/>
      <c r="AM5484" s="143"/>
      <c r="AN5484" s="137"/>
      <c r="AO5484" s="137"/>
      <c r="AP5484" s="137"/>
      <c r="AQ5484" s="137"/>
      <c r="AR5484" s="137"/>
      <c r="AS5484" s="137"/>
      <c r="AT5484" s="137"/>
      <c r="AU5484" s="137"/>
      <c r="AV5484" s="137"/>
      <c r="AW5484" s="144"/>
    </row>
    <row r="5485" spans="2:49" x14ac:dyDescent="0.2">
      <c r="B5485" s="97"/>
      <c r="J5485" s="98"/>
      <c r="K5485" s="97"/>
      <c r="N5485" s="3"/>
      <c r="W5485" s="98"/>
      <c r="Z5485" s="143"/>
      <c r="AA5485" s="137"/>
      <c r="AB5485" s="137"/>
      <c r="AC5485" s="137"/>
      <c r="AD5485" s="137"/>
      <c r="AE5485" s="137"/>
      <c r="AF5485" s="137"/>
      <c r="AG5485" s="137"/>
      <c r="AH5485" s="137"/>
      <c r="AI5485" s="137"/>
      <c r="AJ5485" s="137"/>
      <c r="AK5485" s="206"/>
      <c r="AL5485" s="206"/>
      <c r="AM5485" s="143"/>
      <c r="AN5485" s="137"/>
      <c r="AO5485" s="137"/>
      <c r="AP5485" s="137"/>
      <c r="AQ5485" s="137"/>
      <c r="AR5485" s="137"/>
      <c r="AS5485" s="137"/>
      <c r="AT5485" s="137"/>
      <c r="AU5485" s="137"/>
      <c r="AV5485" s="137"/>
      <c r="AW5485" s="144"/>
    </row>
    <row r="5486" spans="2:49" x14ac:dyDescent="0.2">
      <c r="B5486" s="97"/>
      <c r="J5486" s="98"/>
      <c r="K5486" s="97"/>
      <c r="N5486" s="3"/>
      <c r="W5486" s="98"/>
      <c r="Z5486" s="143"/>
      <c r="AA5486" s="137"/>
      <c r="AB5486" s="137"/>
      <c r="AC5486" s="137"/>
      <c r="AD5486" s="137"/>
      <c r="AE5486" s="137"/>
      <c r="AF5486" s="137"/>
      <c r="AG5486" s="137"/>
      <c r="AH5486" s="137"/>
      <c r="AI5486" s="137"/>
      <c r="AJ5486" s="137"/>
      <c r="AK5486" s="206"/>
      <c r="AL5486" s="206"/>
      <c r="AM5486" s="143"/>
      <c r="AN5486" s="137"/>
      <c r="AO5486" s="137"/>
      <c r="AP5486" s="137"/>
      <c r="AQ5486" s="137"/>
      <c r="AR5486" s="137"/>
      <c r="AS5486" s="137"/>
      <c r="AT5486" s="137"/>
      <c r="AU5486" s="137"/>
      <c r="AV5486" s="137"/>
      <c r="AW5486" s="144"/>
    </row>
    <row r="5487" spans="2:49" x14ac:dyDescent="0.2">
      <c r="B5487" s="97"/>
      <c r="J5487" s="98"/>
      <c r="K5487" s="97"/>
      <c r="N5487" s="3"/>
      <c r="W5487" s="98"/>
      <c r="Z5487" s="143"/>
      <c r="AA5487" s="137"/>
      <c r="AB5487" s="137"/>
      <c r="AC5487" s="137"/>
      <c r="AD5487" s="137"/>
      <c r="AE5487" s="137"/>
      <c r="AF5487" s="137"/>
      <c r="AG5487" s="137"/>
      <c r="AH5487" s="137"/>
      <c r="AI5487" s="137"/>
      <c r="AJ5487" s="137"/>
      <c r="AK5487" s="206"/>
      <c r="AL5487" s="206"/>
      <c r="AM5487" s="143"/>
      <c r="AN5487" s="137"/>
      <c r="AO5487" s="137"/>
      <c r="AP5487" s="137"/>
      <c r="AQ5487" s="137"/>
      <c r="AR5487" s="137"/>
      <c r="AS5487" s="137"/>
      <c r="AT5487" s="137"/>
      <c r="AU5487" s="137"/>
      <c r="AV5487" s="137"/>
      <c r="AW5487" s="144"/>
    </row>
    <row r="5488" spans="2:49" x14ac:dyDescent="0.2">
      <c r="B5488" s="97"/>
      <c r="J5488" s="98"/>
      <c r="K5488" s="97"/>
      <c r="N5488" s="3"/>
      <c r="W5488" s="98"/>
      <c r="Z5488" s="143"/>
      <c r="AA5488" s="137"/>
      <c r="AB5488" s="137"/>
      <c r="AC5488" s="137"/>
      <c r="AD5488" s="137"/>
      <c r="AE5488" s="137"/>
      <c r="AF5488" s="137"/>
      <c r="AG5488" s="137"/>
      <c r="AH5488" s="137"/>
      <c r="AI5488" s="137"/>
      <c r="AJ5488" s="137"/>
      <c r="AK5488" s="206"/>
      <c r="AL5488" s="206"/>
      <c r="AM5488" s="143"/>
      <c r="AN5488" s="137"/>
      <c r="AO5488" s="137"/>
      <c r="AP5488" s="137"/>
      <c r="AQ5488" s="137"/>
      <c r="AR5488" s="137"/>
      <c r="AS5488" s="137"/>
      <c r="AT5488" s="137"/>
      <c r="AU5488" s="137"/>
      <c r="AV5488" s="137"/>
      <c r="AW5488" s="144"/>
    </row>
    <row r="5489" spans="2:49" x14ac:dyDescent="0.2">
      <c r="B5489" s="97"/>
      <c r="J5489" s="98"/>
      <c r="K5489" s="97"/>
      <c r="N5489" s="3"/>
      <c r="W5489" s="98"/>
      <c r="Z5489" s="143"/>
      <c r="AA5489" s="137"/>
      <c r="AB5489" s="137"/>
      <c r="AC5489" s="137"/>
      <c r="AD5489" s="137"/>
      <c r="AE5489" s="137"/>
      <c r="AF5489" s="137"/>
      <c r="AG5489" s="137"/>
      <c r="AH5489" s="137"/>
      <c r="AI5489" s="137"/>
      <c r="AJ5489" s="137"/>
      <c r="AK5489" s="206"/>
      <c r="AL5489" s="206"/>
      <c r="AM5489" s="143"/>
      <c r="AN5489" s="137"/>
      <c r="AO5489" s="137"/>
      <c r="AP5489" s="137"/>
      <c r="AQ5489" s="137"/>
      <c r="AR5489" s="137"/>
      <c r="AS5489" s="137"/>
      <c r="AT5489" s="137"/>
      <c r="AU5489" s="137"/>
      <c r="AV5489" s="137"/>
      <c r="AW5489" s="144"/>
    </row>
    <row r="5490" spans="2:49" x14ac:dyDescent="0.2">
      <c r="B5490" s="97"/>
      <c r="J5490" s="98"/>
      <c r="K5490" s="97"/>
      <c r="N5490" s="3"/>
      <c r="W5490" s="98"/>
      <c r="Z5490" s="143"/>
      <c r="AA5490" s="137"/>
      <c r="AB5490" s="137"/>
      <c r="AC5490" s="137"/>
      <c r="AD5490" s="137"/>
      <c r="AE5490" s="137"/>
      <c r="AF5490" s="137"/>
      <c r="AG5490" s="137"/>
      <c r="AH5490" s="137"/>
      <c r="AI5490" s="137"/>
      <c r="AJ5490" s="137"/>
      <c r="AK5490" s="206"/>
      <c r="AL5490" s="206"/>
      <c r="AM5490" s="143"/>
      <c r="AN5490" s="137"/>
      <c r="AO5490" s="137"/>
      <c r="AP5490" s="137"/>
      <c r="AQ5490" s="137"/>
      <c r="AR5490" s="137"/>
      <c r="AS5490" s="137"/>
      <c r="AT5490" s="137"/>
      <c r="AU5490" s="137"/>
      <c r="AV5490" s="137"/>
      <c r="AW5490" s="144"/>
    </row>
    <row r="5491" spans="2:49" x14ac:dyDescent="0.2">
      <c r="B5491" s="97"/>
      <c r="J5491" s="98"/>
      <c r="K5491" s="97"/>
      <c r="N5491" s="3"/>
      <c r="W5491" s="98"/>
      <c r="Z5491" s="143"/>
      <c r="AA5491" s="137"/>
      <c r="AB5491" s="137"/>
      <c r="AC5491" s="137"/>
      <c r="AD5491" s="137"/>
      <c r="AE5491" s="137"/>
      <c r="AF5491" s="137"/>
      <c r="AG5491" s="137"/>
      <c r="AH5491" s="137"/>
      <c r="AI5491" s="137"/>
      <c r="AJ5491" s="137"/>
      <c r="AK5491" s="206"/>
      <c r="AL5491" s="206"/>
      <c r="AM5491" s="143"/>
      <c r="AN5491" s="137"/>
      <c r="AO5491" s="137"/>
      <c r="AP5491" s="137"/>
      <c r="AQ5491" s="137"/>
      <c r="AR5491" s="137"/>
      <c r="AS5491" s="137"/>
      <c r="AT5491" s="137"/>
      <c r="AU5491" s="137"/>
      <c r="AV5491" s="137"/>
      <c r="AW5491" s="144"/>
    </row>
    <row r="5492" spans="2:49" x14ac:dyDescent="0.2">
      <c r="B5492" s="97"/>
      <c r="J5492" s="98"/>
      <c r="K5492" s="97"/>
      <c r="N5492" s="3"/>
      <c r="W5492" s="98"/>
      <c r="Z5492" s="143"/>
      <c r="AA5492" s="137"/>
      <c r="AB5492" s="137"/>
      <c r="AC5492" s="137"/>
      <c r="AD5492" s="137"/>
      <c r="AE5492" s="137"/>
      <c r="AF5492" s="137"/>
      <c r="AG5492" s="137"/>
      <c r="AH5492" s="137"/>
      <c r="AI5492" s="137"/>
      <c r="AJ5492" s="137"/>
      <c r="AK5492" s="206"/>
      <c r="AL5492" s="206"/>
      <c r="AM5492" s="143"/>
      <c r="AN5492" s="137"/>
      <c r="AO5492" s="137"/>
      <c r="AP5492" s="137"/>
      <c r="AQ5492" s="137"/>
      <c r="AR5492" s="137"/>
      <c r="AS5492" s="137"/>
      <c r="AT5492" s="137"/>
      <c r="AU5492" s="137"/>
      <c r="AV5492" s="137"/>
      <c r="AW5492" s="144"/>
    </row>
    <row r="5493" spans="2:49" x14ac:dyDescent="0.2">
      <c r="B5493" s="97"/>
      <c r="J5493" s="98"/>
      <c r="K5493" s="97"/>
      <c r="N5493" s="3"/>
      <c r="W5493" s="98"/>
      <c r="Z5493" s="143"/>
      <c r="AA5493" s="137"/>
      <c r="AB5493" s="137"/>
      <c r="AC5493" s="137"/>
      <c r="AD5493" s="137"/>
      <c r="AE5493" s="137"/>
      <c r="AF5493" s="137"/>
      <c r="AG5493" s="137"/>
      <c r="AH5493" s="137"/>
      <c r="AI5493" s="137"/>
      <c r="AJ5493" s="137"/>
      <c r="AK5493" s="206"/>
      <c r="AL5493" s="206"/>
      <c r="AM5493" s="143"/>
      <c r="AN5493" s="137"/>
      <c r="AO5493" s="137"/>
      <c r="AP5493" s="137"/>
      <c r="AQ5493" s="137"/>
      <c r="AR5493" s="137"/>
      <c r="AS5493" s="137"/>
      <c r="AT5493" s="137"/>
      <c r="AU5493" s="137"/>
      <c r="AV5493" s="137"/>
      <c r="AW5493" s="144"/>
    </row>
    <row r="5494" spans="2:49" x14ac:dyDescent="0.2">
      <c r="B5494" s="97"/>
      <c r="J5494" s="98"/>
      <c r="K5494" s="97"/>
      <c r="N5494" s="3"/>
      <c r="W5494" s="98"/>
      <c r="Z5494" s="143"/>
      <c r="AA5494" s="137"/>
      <c r="AB5494" s="137"/>
      <c r="AC5494" s="137"/>
      <c r="AD5494" s="137"/>
      <c r="AE5494" s="137"/>
      <c r="AF5494" s="137"/>
      <c r="AG5494" s="137"/>
      <c r="AH5494" s="137"/>
      <c r="AI5494" s="137"/>
      <c r="AJ5494" s="137"/>
      <c r="AK5494" s="206"/>
      <c r="AL5494" s="206"/>
      <c r="AM5494" s="143"/>
      <c r="AN5494" s="137"/>
      <c r="AO5494" s="137"/>
      <c r="AP5494" s="137"/>
      <c r="AQ5494" s="137"/>
      <c r="AR5494" s="137"/>
      <c r="AS5494" s="137"/>
      <c r="AT5494" s="137"/>
      <c r="AU5494" s="137"/>
      <c r="AV5494" s="137"/>
      <c r="AW5494" s="144"/>
    </row>
    <row r="5495" spans="2:49" x14ac:dyDescent="0.2">
      <c r="B5495" s="97"/>
      <c r="J5495" s="98"/>
      <c r="K5495" s="97"/>
      <c r="N5495" s="3"/>
      <c r="W5495" s="98"/>
      <c r="Z5495" s="143"/>
      <c r="AA5495" s="137"/>
      <c r="AB5495" s="137"/>
      <c r="AC5495" s="137"/>
      <c r="AD5495" s="137"/>
      <c r="AE5495" s="137"/>
      <c r="AF5495" s="137"/>
      <c r="AG5495" s="137"/>
      <c r="AH5495" s="137"/>
      <c r="AI5495" s="137"/>
      <c r="AJ5495" s="137"/>
      <c r="AK5495" s="206"/>
      <c r="AL5495" s="206"/>
      <c r="AM5495" s="143"/>
      <c r="AN5495" s="137"/>
      <c r="AO5495" s="137"/>
      <c r="AP5495" s="137"/>
      <c r="AQ5495" s="137"/>
      <c r="AR5495" s="137"/>
      <c r="AS5495" s="137"/>
      <c r="AT5495" s="137"/>
      <c r="AU5495" s="137"/>
      <c r="AV5495" s="137"/>
      <c r="AW5495" s="144"/>
    </row>
    <row r="5496" spans="2:49" x14ac:dyDescent="0.2">
      <c r="B5496" s="97"/>
      <c r="J5496" s="98"/>
      <c r="K5496" s="97"/>
      <c r="N5496" s="3"/>
      <c r="W5496" s="98"/>
      <c r="Z5496" s="143"/>
      <c r="AA5496" s="137"/>
      <c r="AB5496" s="137"/>
      <c r="AC5496" s="137"/>
      <c r="AD5496" s="137"/>
      <c r="AE5496" s="137"/>
      <c r="AF5496" s="137"/>
      <c r="AG5496" s="137"/>
      <c r="AH5496" s="137"/>
      <c r="AI5496" s="137"/>
      <c r="AJ5496" s="137"/>
      <c r="AK5496" s="206"/>
      <c r="AL5496" s="206"/>
      <c r="AM5496" s="143"/>
      <c r="AN5496" s="137"/>
      <c r="AO5496" s="137"/>
      <c r="AP5496" s="137"/>
      <c r="AQ5496" s="137"/>
      <c r="AR5496" s="137"/>
      <c r="AS5496" s="137"/>
      <c r="AT5496" s="137"/>
      <c r="AU5496" s="137"/>
      <c r="AV5496" s="137"/>
      <c r="AW5496" s="144"/>
    </row>
    <row r="5497" spans="2:49" x14ac:dyDescent="0.2">
      <c r="B5497" s="97"/>
      <c r="J5497" s="98"/>
      <c r="K5497" s="97"/>
      <c r="N5497" s="3"/>
      <c r="W5497" s="98"/>
      <c r="Z5497" s="143"/>
      <c r="AA5497" s="137"/>
      <c r="AB5497" s="137"/>
      <c r="AC5497" s="137"/>
      <c r="AD5497" s="137"/>
      <c r="AE5497" s="137"/>
      <c r="AF5497" s="137"/>
      <c r="AG5497" s="137"/>
      <c r="AH5497" s="137"/>
      <c r="AI5497" s="137"/>
      <c r="AJ5497" s="137"/>
      <c r="AK5497" s="206"/>
      <c r="AL5497" s="206"/>
      <c r="AM5497" s="143"/>
      <c r="AN5497" s="137"/>
      <c r="AO5497" s="137"/>
      <c r="AP5497" s="137"/>
      <c r="AQ5497" s="137"/>
      <c r="AR5497" s="137"/>
      <c r="AS5497" s="137"/>
      <c r="AT5497" s="137"/>
      <c r="AU5497" s="137"/>
      <c r="AV5497" s="137"/>
      <c r="AW5497" s="144"/>
    </row>
    <row r="5498" spans="2:49" x14ac:dyDescent="0.2">
      <c r="B5498" s="97"/>
      <c r="J5498" s="98"/>
      <c r="K5498" s="97"/>
      <c r="N5498" s="3"/>
      <c r="W5498" s="98"/>
      <c r="Z5498" s="143"/>
      <c r="AA5498" s="137"/>
      <c r="AB5498" s="137"/>
      <c r="AC5498" s="137"/>
      <c r="AD5498" s="137"/>
      <c r="AE5498" s="137"/>
      <c r="AF5498" s="137"/>
      <c r="AG5498" s="137"/>
      <c r="AH5498" s="137"/>
      <c r="AI5498" s="137"/>
      <c r="AJ5498" s="137"/>
      <c r="AK5498" s="206"/>
      <c r="AL5498" s="206"/>
      <c r="AM5498" s="143"/>
      <c r="AN5498" s="137"/>
      <c r="AO5498" s="137"/>
      <c r="AP5498" s="137"/>
      <c r="AQ5498" s="137"/>
      <c r="AR5498" s="137"/>
      <c r="AS5498" s="137"/>
      <c r="AT5498" s="137"/>
      <c r="AU5498" s="137"/>
      <c r="AV5498" s="137"/>
      <c r="AW5498" s="144"/>
    </row>
    <row r="5499" spans="2:49" x14ac:dyDescent="0.2">
      <c r="B5499" s="97"/>
      <c r="J5499" s="98"/>
      <c r="K5499" s="97"/>
      <c r="N5499" s="3"/>
      <c r="W5499" s="98"/>
      <c r="Z5499" s="143"/>
      <c r="AA5499" s="137"/>
      <c r="AB5499" s="137"/>
      <c r="AC5499" s="137"/>
      <c r="AD5499" s="137"/>
      <c r="AE5499" s="137"/>
      <c r="AF5499" s="137"/>
      <c r="AG5499" s="137"/>
      <c r="AH5499" s="137"/>
      <c r="AI5499" s="137"/>
      <c r="AJ5499" s="137"/>
      <c r="AK5499" s="206"/>
      <c r="AL5499" s="206"/>
      <c r="AM5499" s="143"/>
      <c r="AN5499" s="137"/>
      <c r="AO5499" s="137"/>
      <c r="AP5499" s="137"/>
      <c r="AQ5499" s="137"/>
      <c r="AR5499" s="137"/>
      <c r="AS5499" s="137"/>
      <c r="AT5499" s="137"/>
      <c r="AU5499" s="137"/>
      <c r="AV5499" s="137"/>
      <c r="AW5499" s="144"/>
    </row>
    <row r="5500" spans="2:49" x14ac:dyDescent="0.2">
      <c r="B5500" s="97"/>
      <c r="J5500" s="98"/>
      <c r="K5500" s="97"/>
      <c r="N5500" s="3"/>
      <c r="W5500" s="98"/>
      <c r="Z5500" s="143"/>
      <c r="AA5500" s="137"/>
      <c r="AB5500" s="137"/>
      <c r="AC5500" s="137"/>
      <c r="AD5500" s="137"/>
      <c r="AE5500" s="137"/>
      <c r="AF5500" s="137"/>
      <c r="AG5500" s="137"/>
      <c r="AH5500" s="137"/>
      <c r="AI5500" s="137"/>
      <c r="AJ5500" s="137"/>
      <c r="AK5500" s="206"/>
      <c r="AL5500" s="206"/>
      <c r="AM5500" s="143"/>
      <c r="AN5500" s="137"/>
      <c r="AO5500" s="137"/>
      <c r="AP5500" s="137"/>
      <c r="AQ5500" s="137"/>
      <c r="AR5500" s="137"/>
      <c r="AS5500" s="137"/>
      <c r="AT5500" s="137"/>
      <c r="AU5500" s="137"/>
      <c r="AV5500" s="137"/>
      <c r="AW5500" s="144"/>
    </row>
    <row r="5501" spans="2:49" x14ac:dyDescent="0.2">
      <c r="B5501" s="97"/>
      <c r="J5501" s="98"/>
      <c r="K5501" s="97"/>
      <c r="N5501" s="3"/>
      <c r="W5501" s="98"/>
      <c r="Z5501" s="143"/>
      <c r="AA5501" s="137"/>
      <c r="AB5501" s="137"/>
      <c r="AC5501" s="137"/>
      <c r="AD5501" s="137"/>
      <c r="AE5501" s="137"/>
      <c r="AF5501" s="137"/>
      <c r="AG5501" s="137"/>
      <c r="AH5501" s="137"/>
      <c r="AI5501" s="137"/>
      <c r="AJ5501" s="137"/>
      <c r="AK5501" s="206"/>
      <c r="AL5501" s="206"/>
      <c r="AM5501" s="143"/>
      <c r="AN5501" s="137"/>
      <c r="AO5501" s="137"/>
      <c r="AP5501" s="137"/>
      <c r="AQ5501" s="137"/>
      <c r="AR5501" s="137"/>
      <c r="AS5501" s="137"/>
      <c r="AT5501" s="137"/>
      <c r="AU5501" s="137"/>
      <c r="AV5501" s="137"/>
      <c r="AW5501" s="144"/>
    </row>
    <row r="5502" spans="2:49" x14ac:dyDescent="0.2">
      <c r="B5502" s="97"/>
      <c r="J5502" s="98"/>
      <c r="K5502" s="97"/>
      <c r="N5502" s="3"/>
      <c r="W5502" s="98"/>
      <c r="Z5502" s="143"/>
      <c r="AA5502" s="137"/>
      <c r="AB5502" s="137"/>
      <c r="AC5502" s="137"/>
      <c r="AD5502" s="137"/>
      <c r="AE5502" s="137"/>
      <c r="AF5502" s="137"/>
      <c r="AG5502" s="137"/>
      <c r="AH5502" s="137"/>
      <c r="AI5502" s="137"/>
      <c r="AJ5502" s="137"/>
      <c r="AK5502" s="206"/>
      <c r="AL5502" s="206"/>
      <c r="AM5502" s="143"/>
      <c r="AN5502" s="137"/>
      <c r="AO5502" s="137"/>
      <c r="AP5502" s="137"/>
      <c r="AQ5502" s="137"/>
      <c r="AR5502" s="137"/>
      <c r="AS5502" s="137"/>
      <c r="AT5502" s="137"/>
      <c r="AU5502" s="137"/>
      <c r="AV5502" s="137"/>
      <c r="AW5502" s="144"/>
    </row>
    <row r="5503" spans="2:49" x14ac:dyDescent="0.2">
      <c r="B5503" s="97"/>
      <c r="J5503" s="98"/>
      <c r="K5503" s="97"/>
      <c r="N5503" s="3"/>
      <c r="W5503" s="98"/>
      <c r="Z5503" s="143"/>
      <c r="AA5503" s="137"/>
      <c r="AB5503" s="137"/>
      <c r="AC5503" s="137"/>
      <c r="AD5503" s="137"/>
      <c r="AE5503" s="137"/>
      <c r="AF5503" s="137"/>
      <c r="AG5503" s="137"/>
      <c r="AH5503" s="137"/>
      <c r="AI5503" s="137"/>
      <c r="AJ5503" s="137"/>
      <c r="AK5503" s="206"/>
      <c r="AL5503" s="206"/>
      <c r="AM5503" s="143"/>
      <c r="AN5503" s="137"/>
      <c r="AO5503" s="137"/>
      <c r="AP5503" s="137"/>
      <c r="AQ5503" s="137"/>
      <c r="AR5503" s="137"/>
      <c r="AS5503" s="137"/>
      <c r="AT5503" s="137"/>
      <c r="AU5503" s="137"/>
      <c r="AV5503" s="137"/>
      <c r="AW5503" s="144"/>
    </row>
    <row r="5504" spans="2:49" x14ac:dyDescent="0.2">
      <c r="B5504" s="97"/>
      <c r="J5504" s="98"/>
      <c r="K5504" s="97"/>
      <c r="N5504" s="3"/>
      <c r="W5504" s="98"/>
      <c r="Z5504" s="143"/>
      <c r="AA5504" s="137"/>
      <c r="AB5504" s="137"/>
      <c r="AC5504" s="137"/>
      <c r="AD5504" s="137"/>
      <c r="AE5504" s="137"/>
      <c r="AF5504" s="137"/>
      <c r="AG5504" s="137"/>
      <c r="AH5504" s="137"/>
      <c r="AI5504" s="137"/>
      <c r="AJ5504" s="137"/>
      <c r="AK5504" s="206"/>
      <c r="AL5504" s="206"/>
      <c r="AM5504" s="143"/>
      <c r="AN5504" s="137"/>
      <c r="AO5504" s="137"/>
      <c r="AP5504" s="137"/>
      <c r="AQ5504" s="137"/>
      <c r="AR5504" s="137"/>
      <c r="AS5504" s="137"/>
      <c r="AT5504" s="137"/>
      <c r="AU5504" s="137"/>
      <c r="AV5504" s="137"/>
      <c r="AW5504" s="144"/>
    </row>
    <row r="5505" spans="2:49" x14ac:dyDescent="0.2">
      <c r="B5505" s="97"/>
      <c r="J5505" s="98"/>
      <c r="K5505" s="97"/>
      <c r="N5505" s="3"/>
      <c r="W5505" s="98"/>
      <c r="Z5505" s="143"/>
      <c r="AA5505" s="137"/>
      <c r="AB5505" s="137"/>
      <c r="AC5505" s="137"/>
      <c r="AD5505" s="137"/>
      <c r="AE5505" s="137"/>
      <c r="AF5505" s="137"/>
      <c r="AG5505" s="137"/>
      <c r="AH5505" s="137"/>
      <c r="AI5505" s="137"/>
      <c r="AJ5505" s="137"/>
      <c r="AK5505" s="206"/>
      <c r="AL5505" s="206"/>
      <c r="AM5505" s="143"/>
      <c r="AN5505" s="137"/>
      <c r="AO5505" s="137"/>
      <c r="AP5505" s="137"/>
      <c r="AQ5505" s="137"/>
      <c r="AR5505" s="137"/>
      <c r="AS5505" s="137"/>
      <c r="AT5505" s="137"/>
      <c r="AU5505" s="137"/>
      <c r="AV5505" s="137"/>
      <c r="AW5505" s="144"/>
    </row>
    <row r="5506" spans="2:49" x14ac:dyDescent="0.2">
      <c r="B5506" s="97"/>
      <c r="J5506" s="98"/>
      <c r="K5506" s="97"/>
      <c r="N5506" s="3"/>
      <c r="W5506" s="98"/>
      <c r="Z5506" s="143"/>
      <c r="AA5506" s="137"/>
      <c r="AB5506" s="137"/>
      <c r="AC5506" s="137"/>
      <c r="AD5506" s="137"/>
      <c r="AE5506" s="137"/>
      <c r="AF5506" s="137"/>
      <c r="AG5506" s="137"/>
      <c r="AH5506" s="137"/>
      <c r="AI5506" s="137"/>
      <c r="AJ5506" s="137"/>
      <c r="AK5506" s="206"/>
      <c r="AL5506" s="206"/>
      <c r="AM5506" s="143"/>
      <c r="AN5506" s="137"/>
      <c r="AO5506" s="137"/>
      <c r="AP5506" s="137"/>
      <c r="AQ5506" s="137"/>
      <c r="AR5506" s="137"/>
      <c r="AS5506" s="137"/>
      <c r="AT5506" s="137"/>
      <c r="AU5506" s="137"/>
      <c r="AV5506" s="137"/>
      <c r="AW5506" s="144"/>
    </row>
    <row r="5507" spans="2:49" x14ac:dyDescent="0.2">
      <c r="B5507" s="97"/>
      <c r="J5507" s="98"/>
      <c r="K5507" s="97"/>
      <c r="N5507" s="3"/>
      <c r="W5507" s="98"/>
      <c r="Z5507" s="143"/>
      <c r="AA5507" s="137"/>
      <c r="AB5507" s="137"/>
      <c r="AC5507" s="137"/>
      <c r="AD5507" s="137"/>
      <c r="AE5507" s="137"/>
      <c r="AF5507" s="137"/>
      <c r="AG5507" s="137"/>
      <c r="AH5507" s="137"/>
      <c r="AI5507" s="137"/>
      <c r="AJ5507" s="137"/>
      <c r="AK5507" s="206"/>
      <c r="AL5507" s="206"/>
      <c r="AM5507" s="143"/>
      <c r="AN5507" s="137"/>
      <c r="AO5507" s="137"/>
      <c r="AP5507" s="137"/>
      <c r="AQ5507" s="137"/>
      <c r="AR5507" s="137"/>
      <c r="AS5507" s="137"/>
      <c r="AT5507" s="137"/>
      <c r="AU5507" s="137"/>
      <c r="AV5507" s="137"/>
      <c r="AW5507" s="144"/>
    </row>
    <row r="5508" spans="2:49" x14ac:dyDescent="0.2">
      <c r="B5508" s="97"/>
      <c r="J5508" s="98"/>
      <c r="K5508" s="97"/>
      <c r="N5508" s="3"/>
      <c r="W5508" s="98"/>
      <c r="Z5508" s="143"/>
      <c r="AA5508" s="137"/>
      <c r="AB5508" s="137"/>
      <c r="AC5508" s="137"/>
      <c r="AD5508" s="137"/>
      <c r="AE5508" s="137"/>
      <c r="AF5508" s="137"/>
      <c r="AG5508" s="137"/>
      <c r="AH5508" s="137"/>
      <c r="AI5508" s="137"/>
      <c r="AJ5508" s="137"/>
      <c r="AK5508" s="206"/>
      <c r="AL5508" s="206"/>
      <c r="AM5508" s="143"/>
      <c r="AN5508" s="137"/>
      <c r="AO5508" s="137"/>
      <c r="AP5508" s="137"/>
      <c r="AQ5508" s="137"/>
      <c r="AR5508" s="137"/>
      <c r="AS5508" s="137"/>
      <c r="AT5508" s="137"/>
      <c r="AU5508" s="137"/>
      <c r="AV5508" s="137"/>
      <c r="AW5508" s="144"/>
    </row>
    <row r="5509" spans="2:49" x14ac:dyDescent="0.2">
      <c r="B5509" s="97"/>
      <c r="J5509" s="98"/>
      <c r="K5509" s="97"/>
      <c r="N5509" s="3"/>
      <c r="W5509" s="98"/>
      <c r="Z5509" s="143"/>
      <c r="AA5509" s="137"/>
      <c r="AB5509" s="137"/>
      <c r="AC5509" s="137"/>
      <c r="AD5509" s="137"/>
      <c r="AE5509" s="137"/>
      <c r="AF5509" s="137"/>
      <c r="AG5509" s="137"/>
      <c r="AH5509" s="137"/>
      <c r="AI5509" s="137"/>
      <c r="AJ5509" s="137"/>
      <c r="AK5509" s="206"/>
      <c r="AL5509" s="206"/>
      <c r="AM5509" s="143"/>
      <c r="AN5509" s="137"/>
      <c r="AO5509" s="137"/>
      <c r="AP5509" s="137"/>
      <c r="AQ5509" s="137"/>
      <c r="AR5509" s="137"/>
      <c r="AS5509" s="137"/>
      <c r="AT5509" s="137"/>
      <c r="AU5509" s="137"/>
      <c r="AV5509" s="137"/>
      <c r="AW5509" s="144"/>
    </row>
    <row r="5510" spans="2:49" x14ac:dyDescent="0.2">
      <c r="B5510" s="97"/>
      <c r="J5510" s="98"/>
      <c r="K5510" s="97"/>
      <c r="N5510" s="3"/>
      <c r="W5510" s="98"/>
      <c r="Z5510" s="143"/>
      <c r="AA5510" s="137"/>
      <c r="AB5510" s="137"/>
      <c r="AC5510" s="137"/>
      <c r="AD5510" s="137"/>
      <c r="AE5510" s="137"/>
      <c r="AF5510" s="137"/>
      <c r="AG5510" s="137"/>
      <c r="AH5510" s="137"/>
      <c r="AI5510" s="137"/>
      <c r="AJ5510" s="137"/>
      <c r="AK5510" s="206"/>
      <c r="AL5510" s="206"/>
      <c r="AM5510" s="143"/>
      <c r="AN5510" s="137"/>
      <c r="AO5510" s="137"/>
      <c r="AP5510" s="137"/>
      <c r="AQ5510" s="137"/>
      <c r="AR5510" s="137"/>
      <c r="AS5510" s="137"/>
      <c r="AT5510" s="137"/>
      <c r="AU5510" s="137"/>
      <c r="AV5510" s="137"/>
      <c r="AW5510" s="144"/>
    </row>
    <row r="5511" spans="2:49" x14ac:dyDescent="0.2">
      <c r="B5511" s="97"/>
      <c r="J5511" s="98"/>
      <c r="K5511" s="97"/>
      <c r="N5511" s="3"/>
      <c r="W5511" s="98"/>
      <c r="Z5511" s="143"/>
      <c r="AA5511" s="137"/>
      <c r="AB5511" s="137"/>
      <c r="AC5511" s="137"/>
      <c r="AD5511" s="137"/>
      <c r="AE5511" s="137"/>
      <c r="AF5511" s="137"/>
      <c r="AG5511" s="137"/>
      <c r="AH5511" s="137"/>
      <c r="AI5511" s="137"/>
      <c r="AJ5511" s="137"/>
      <c r="AK5511" s="206"/>
      <c r="AL5511" s="206"/>
      <c r="AM5511" s="143"/>
      <c r="AN5511" s="137"/>
      <c r="AO5511" s="137"/>
      <c r="AP5511" s="137"/>
      <c r="AQ5511" s="137"/>
      <c r="AR5511" s="137"/>
      <c r="AS5511" s="137"/>
      <c r="AT5511" s="137"/>
      <c r="AU5511" s="137"/>
      <c r="AV5511" s="137"/>
      <c r="AW5511" s="144"/>
    </row>
    <row r="5512" spans="2:49" x14ac:dyDescent="0.2">
      <c r="B5512" s="97"/>
      <c r="J5512" s="98"/>
      <c r="K5512" s="97"/>
      <c r="N5512" s="3"/>
      <c r="W5512" s="98"/>
      <c r="Z5512" s="143"/>
      <c r="AA5512" s="137"/>
      <c r="AB5512" s="137"/>
      <c r="AC5512" s="137"/>
      <c r="AD5512" s="137"/>
      <c r="AE5512" s="137"/>
      <c r="AF5512" s="137"/>
      <c r="AG5512" s="137"/>
      <c r="AH5512" s="137"/>
      <c r="AI5512" s="137"/>
      <c r="AJ5512" s="137"/>
      <c r="AK5512" s="206"/>
      <c r="AL5512" s="206"/>
      <c r="AM5512" s="143"/>
      <c r="AN5512" s="137"/>
      <c r="AO5512" s="137"/>
      <c r="AP5512" s="137"/>
      <c r="AQ5512" s="137"/>
      <c r="AR5512" s="137"/>
      <c r="AS5512" s="137"/>
      <c r="AT5512" s="137"/>
      <c r="AU5512" s="137"/>
      <c r="AV5512" s="137"/>
      <c r="AW5512" s="144"/>
    </row>
    <row r="5513" spans="2:49" x14ac:dyDescent="0.2">
      <c r="B5513" s="97"/>
      <c r="J5513" s="98"/>
      <c r="K5513" s="97"/>
      <c r="N5513" s="3"/>
      <c r="W5513" s="98"/>
      <c r="Z5513" s="143"/>
      <c r="AA5513" s="137"/>
      <c r="AB5513" s="137"/>
      <c r="AC5513" s="137"/>
      <c r="AD5513" s="137"/>
      <c r="AE5513" s="137"/>
      <c r="AF5513" s="137"/>
      <c r="AG5513" s="137"/>
      <c r="AH5513" s="137"/>
      <c r="AI5513" s="137"/>
      <c r="AJ5513" s="137"/>
      <c r="AK5513" s="206"/>
      <c r="AL5513" s="206"/>
      <c r="AM5513" s="143"/>
      <c r="AN5513" s="137"/>
      <c r="AO5513" s="137"/>
      <c r="AP5513" s="137"/>
      <c r="AQ5513" s="137"/>
      <c r="AR5513" s="137"/>
      <c r="AS5513" s="137"/>
      <c r="AT5513" s="137"/>
      <c r="AU5513" s="137"/>
      <c r="AV5513" s="137"/>
      <c r="AW5513" s="144"/>
    </row>
    <row r="5514" spans="2:49" ht="13.5" thickBot="1" x14ac:dyDescent="0.25">
      <c r="B5514" s="97"/>
      <c r="J5514" s="98"/>
      <c r="K5514" s="99"/>
      <c r="L5514" s="100"/>
      <c r="M5514" s="100"/>
      <c r="N5514" s="115"/>
      <c r="O5514" s="100"/>
      <c r="P5514" s="100"/>
      <c r="Q5514" s="100"/>
      <c r="R5514" s="100"/>
      <c r="S5514" s="100"/>
      <c r="T5514" s="100"/>
      <c r="U5514" s="100"/>
      <c r="W5514" s="101"/>
      <c r="Z5514" s="143"/>
      <c r="AA5514" s="137"/>
      <c r="AB5514" s="137"/>
      <c r="AC5514" s="137"/>
      <c r="AD5514" s="137"/>
      <c r="AE5514" s="137"/>
      <c r="AF5514" s="137"/>
      <c r="AG5514" s="137"/>
      <c r="AH5514" s="137"/>
      <c r="AI5514" s="137"/>
      <c r="AJ5514" s="137"/>
      <c r="AK5514" s="207"/>
      <c r="AL5514" s="207"/>
      <c r="AM5514" s="145"/>
      <c r="AN5514" s="146"/>
      <c r="AO5514" s="146"/>
      <c r="AP5514" s="146"/>
      <c r="AQ5514" s="146"/>
      <c r="AR5514" s="146"/>
      <c r="AS5514" s="146"/>
      <c r="AT5514" s="146"/>
      <c r="AU5514" s="146"/>
      <c r="AV5514" s="146"/>
      <c r="AW5514" s="147"/>
    </row>
  </sheetData>
  <mergeCells count="53">
    <mergeCell ref="AX23:AX24"/>
    <mergeCell ref="AY23:AY24"/>
    <mergeCell ref="Z22:AY22"/>
    <mergeCell ref="AK23:AK24"/>
    <mergeCell ref="AL23:AL24"/>
    <mergeCell ref="AS23:AS24"/>
    <mergeCell ref="AT23:AT24"/>
    <mergeCell ref="AU23:AU24"/>
    <mergeCell ref="AV23:AV24"/>
    <mergeCell ref="AW23:AW24"/>
    <mergeCell ref="AQ23:AQ24"/>
    <mergeCell ref="AR23:AR24"/>
    <mergeCell ref="AP23:AP24"/>
    <mergeCell ref="AJ23:AJ24"/>
    <mergeCell ref="J23:J24"/>
    <mergeCell ref="B23:B24"/>
    <mergeCell ref="C23:C24"/>
    <mergeCell ref="D23:D24"/>
    <mergeCell ref="E23:E24"/>
    <mergeCell ref="I23:I24"/>
    <mergeCell ref="F23:F24"/>
    <mergeCell ref="G23:G24"/>
    <mergeCell ref="H23:H24"/>
    <mergeCell ref="K23:K24"/>
    <mergeCell ref="U22:W22"/>
    <mergeCell ref="U23:U24"/>
    <mergeCell ref="V23:V24"/>
    <mergeCell ref="W23:W24"/>
    <mergeCell ref="T23:T24"/>
    <mergeCell ref="S23:S24"/>
    <mergeCell ref="R23:R24"/>
    <mergeCell ref="Q23:Q24"/>
    <mergeCell ref="P23:P24"/>
    <mergeCell ref="O23:O24"/>
    <mergeCell ref="M23:M24"/>
    <mergeCell ref="N23:N24"/>
    <mergeCell ref="L23:L24"/>
    <mergeCell ref="X6:X7"/>
    <mergeCell ref="X23:X24"/>
    <mergeCell ref="AM23:AM24"/>
    <mergeCell ref="AN23:AN24"/>
    <mergeCell ref="AO23:AO24"/>
    <mergeCell ref="Y23:Y24"/>
    <mergeCell ref="Z23:Z24"/>
    <mergeCell ref="AA23:AA24"/>
    <mergeCell ref="AB23:AB24"/>
    <mergeCell ref="AC23:AC24"/>
    <mergeCell ref="AD23:AD24"/>
    <mergeCell ref="AE23:AE24"/>
    <mergeCell ref="AF23:AF24"/>
    <mergeCell ref="AG23:AG24"/>
    <mergeCell ref="AH23:AH24"/>
    <mergeCell ref="AI23:AI24"/>
  </mergeCells>
  <phoneticPr fontId="0" type="noConversion"/>
  <pageMargins left="0.59055118110236227" right="0.59055118110236227" top="0.59055118110236227" bottom="0.94488188976377963" header="0.51181102362204722" footer="0.62992125984251968"/>
  <pageSetup paperSize="9" orientation="portrait" r:id="rId1"/>
  <headerFooter>
    <oddHeader>&amp;L&amp;G</oddHeader>
    <oddFooter>&amp;L&amp;6&amp;Z
&amp;F : &amp;A
©Arup | F42.9 | Rel 14.2  14 February 2011&amp;R&amp;6Page &amp;P of &amp;N
Printed &amp;D  Time &amp;T</oddFooter>
  </headerFooter>
  <drawing r:id="rId2"/>
  <legacyDrawingHF r:id="rId3"/>
</worksheet>
</file>

<file path=xl/worksheets/sheet1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600-000000000000}">
  <sheetPr codeName="Sheet7">
    <tabColor theme="9" tint="0.59999389629810485"/>
  </sheetPr>
  <dimension ref="B21:AY5514"/>
  <sheetViews>
    <sheetView topLeftCell="X41" workbookViewId="0">
      <selection activeCell="AQ78" sqref="AQ78"/>
    </sheetView>
  </sheetViews>
  <sheetFormatPr defaultRowHeight="12.75" x14ac:dyDescent="0.2"/>
  <cols>
    <col min="4" max="4" width="12" customWidth="1"/>
    <col min="6" max="6" width="10" customWidth="1"/>
    <col min="7" max="7" width="12" customWidth="1"/>
    <col min="8" max="9" width="13.85546875" customWidth="1"/>
    <col min="10" max="10" width="10.5703125" customWidth="1"/>
  </cols>
  <sheetData>
    <row r="21" spans="2:51" ht="13.5" thickBot="1" x14ac:dyDescent="0.25"/>
    <row r="22" spans="2:51" ht="13.5" thickBot="1" x14ac:dyDescent="0.25">
      <c r="U22" s="283" t="s">
        <v>187</v>
      </c>
      <c r="V22" s="284"/>
      <c r="W22" s="285"/>
      <c r="Z22" s="297" t="s">
        <v>202</v>
      </c>
      <c r="AA22" s="298"/>
      <c r="AB22" s="298"/>
      <c r="AC22" s="298"/>
      <c r="AD22" s="298"/>
      <c r="AE22" s="298"/>
      <c r="AF22" s="298"/>
      <c r="AG22" s="298"/>
      <c r="AH22" s="298"/>
      <c r="AI22" s="298"/>
      <c r="AJ22" s="298"/>
      <c r="AK22" s="298"/>
      <c r="AL22" s="298"/>
      <c r="AM22" s="298"/>
      <c r="AN22" s="298"/>
      <c r="AO22" s="298"/>
      <c r="AP22" s="298"/>
      <c r="AQ22" s="298"/>
      <c r="AR22" s="298"/>
      <c r="AS22" s="298"/>
      <c r="AT22" s="298"/>
      <c r="AU22" s="298"/>
      <c r="AV22" s="298"/>
      <c r="AW22" s="298"/>
      <c r="AX22" s="298"/>
      <c r="AY22" s="298"/>
    </row>
    <row r="23" spans="2:51" ht="18.600000000000001" customHeight="1" x14ac:dyDescent="0.2">
      <c r="B23" s="254" t="s">
        <v>68</v>
      </c>
      <c r="C23" s="256" t="s">
        <v>59</v>
      </c>
      <c r="D23" s="257" t="s">
        <v>69</v>
      </c>
      <c r="E23" s="294" t="s">
        <v>70</v>
      </c>
      <c r="F23" s="296" t="s">
        <v>86</v>
      </c>
      <c r="G23" s="296" t="s">
        <v>87</v>
      </c>
      <c r="H23" s="258" t="s">
        <v>95</v>
      </c>
      <c r="I23" s="295" t="s">
        <v>71</v>
      </c>
      <c r="J23" s="292" t="s">
        <v>81</v>
      </c>
      <c r="K23" s="281" t="s">
        <v>71</v>
      </c>
      <c r="L23" s="290" t="s">
        <v>184</v>
      </c>
      <c r="M23" s="290" t="s">
        <v>184</v>
      </c>
      <c r="N23" s="290" t="s">
        <v>185</v>
      </c>
      <c r="O23" s="290" t="s">
        <v>185</v>
      </c>
      <c r="P23" s="286" t="s">
        <v>188</v>
      </c>
      <c r="Q23" s="286" t="s">
        <v>189</v>
      </c>
      <c r="R23" s="286" t="s">
        <v>190</v>
      </c>
      <c r="S23" s="286" t="s">
        <v>191</v>
      </c>
      <c r="T23" s="286" t="s">
        <v>192</v>
      </c>
      <c r="U23" s="286" t="s">
        <v>193</v>
      </c>
      <c r="V23" s="286" t="s">
        <v>194</v>
      </c>
      <c r="W23" s="288" t="s">
        <v>195</v>
      </c>
      <c r="X23" s="263" t="s">
        <v>176</v>
      </c>
      <c r="Y23" s="264" t="s">
        <v>196</v>
      </c>
      <c r="Z23" s="275" t="s">
        <v>286</v>
      </c>
      <c r="AA23" s="277" t="s">
        <v>287</v>
      </c>
      <c r="AB23" s="277" t="s">
        <v>288</v>
      </c>
      <c r="AC23" s="277" t="s">
        <v>289</v>
      </c>
      <c r="AD23" s="277" t="s">
        <v>290</v>
      </c>
      <c r="AE23" s="277" t="s">
        <v>291</v>
      </c>
      <c r="AF23" s="277" t="s">
        <v>292</v>
      </c>
      <c r="AG23" s="277" t="s">
        <v>293</v>
      </c>
      <c r="AH23" s="277" t="s">
        <v>294</v>
      </c>
      <c r="AI23" s="277" t="s">
        <v>295</v>
      </c>
      <c r="AJ23" s="299" t="s">
        <v>296</v>
      </c>
      <c r="AK23" s="277" t="s">
        <v>325</v>
      </c>
      <c r="AL23" s="299" t="s">
        <v>326</v>
      </c>
      <c r="AM23" s="275" t="s">
        <v>297</v>
      </c>
      <c r="AN23" s="277" t="s">
        <v>298</v>
      </c>
      <c r="AO23" s="277" t="s">
        <v>299</v>
      </c>
      <c r="AP23" s="277" t="s">
        <v>300</v>
      </c>
      <c r="AQ23" s="277" t="s">
        <v>301</v>
      </c>
      <c r="AR23" s="277" t="s">
        <v>302</v>
      </c>
      <c r="AS23" s="277" t="s">
        <v>303</v>
      </c>
      <c r="AT23" s="277" t="s">
        <v>304</v>
      </c>
      <c r="AU23" s="277" t="s">
        <v>305</v>
      </c>
      <c r="AV23" s="277" t="s">
        <v>306</v>
      </c>
      <c r="AW23" s="299" t="s">
        <v>307</v>
      </c>
      <c r="AX23" s="277" t="s">
        <v>323</v>
      </c>
      <c r="AY23" s="277" t="s">
        <v>324</v>
      </c>
    </row>
    <row r="24" spans="2:51" ht="22.5" customHeight="1" thickBot="1" x14ac:dyDescent="0.25">
      <c r="B24" s="255"/>
      <c r="C24" s="251"/>
      <c r="D24" s="252"/>
      <c r="E24" s="253"/>
      <c r="F24" s="243"/>
      <c r="G24" s="243"/>
      <c r="H24" s="244"/>
      <c r="I24" s="272"/>
      <c r="J24" s="293"/>
      <c r="K24" s="282"/>
      <c r="L24" s="291"/>
      <c r="M24" s="291"/>
      <c r="N24" s="291"/>
      <c r="O24" s="291"/>
      <c r="P24" s="287"/>
      <c r="Q24" s="287"/>
      <c r="R24" s="287"/>
      <c r="S24" s="287"/>
      <c r="T24" s="287"/>
      <c r="U24" s="287"/>
      <c r="V24" s="287"/>
      <c r="W24" s="289"/>
      <c r="X24" s="302"/>
      <c r="Y24" s="301"/>
      <c r="Z24" s="276"/>
      <c r="AA24" s="278"/>
      <c r="AB24" s="278"/>
      <c r="AC24" s="278"/>
      <c r="AD24" s="278"/>
      <c r="AE24" s="278"/>
      <c r="AF24" s="278"/>
      <c r="AG24" s="278"/>
      <c r="AH24" s="278"/>
      <c r="AI24" s="278"/>
      <c r="AJ24" s="300"/>
      <c r="AK24" s="278"/>
      <c r="AL24" s="300"/>
      <c r="AM24" s="276"/>
      <c r="AN24" s="278"/>
      <c r="AO24" s="278"/>
      <c r="AP24" s="278"/>
      <c r="AQ24" s="278"/>
      <c r="AR24" s="278"/>
      <c r="AS24" s="278"/>
      <c r="AT24" s="278"/>
      <c r="AU24" s="278"/>
      <c r="AV24" s="278"/>
      <c r="AW24" s="300"/>
      <c r="AX24" s="278"/>
      <c r="AY24" s="278"/>
    </row>
    <row r="25" spans="2:51" ht="15" thickBot="1" x14ac:dyDescent="0.25">
      <c r="B25" s="103" t="s">
        <v>72</v>
      </c>
      <c r="C25" s="104" t="s">
        <v>57</v>
      </c>
      <c r="D25" s="104" t="s">
        <v>57</v>
      </c>
      <c r="E25" s="106"/>
      <c r="F25" s="108" t="s">
        <v>74</v>
      </c>
      <c r="G25" s="108" t="s">
        <v>74</v>
      </c>
      <c r="H25" s="105" t="s">
        <v>64</v>
      </c>
      <c r="I25" s="107" t="s">
        <v>73</v>
      </c>
      <c r="J25" s="110" t="s">
        <v>57</v>
      </c>
      <c r="K25" s="113" t="s">
        <v>186</v>
      </c>
      <c r="L25" s="107" t="s">
        <v>73</v>
      </c>
      <c r="M25" s="107" t="s">
        <v>186</v>
      </c>
      <c r="N25" s="107" t="s">
        <v>73</v>
      </c>
      <c r="O25" s="107" t="s">
        <v>186</v>
      </c>
      <c r="P25" s="106" t="s">
        <v>90</v>
      </c>
      <c r="Q25" s="106" t="s">
        <v>90</v>
      </c>
      <c r="R25" s="106" t="s">
        <v>90</v>
      </c>
      <c r="S25" s="106" t="s">
        <v>90</v>
      </c>
      <c r="T25" s="106" t="s">
        <v>90</v>
      </c>
      <c r="U25" s="106" t="s">
        <v>106</v>
      </c>
      <c r="V25" s="106" t="s">
        <v>106</v>
      </c>
      <c r="W25" s="109" t="s">
        <v>106</v>
      </c>
      <c r="X25" s="105" t="s">
        <v>90</v>
      </c>
      <c r="Y25" s="124" t="s">
        <v>320</v>
      </c>
      <c r="Z25" s="196" t="s">
        <v>58</v>
      </c>
      <c r="AA25" s="197" t="s">
        <v>58</v>
      </c>
      <c r="AB25" s="197" t="s">
        <v>58</v>
      </c>
      <c r="AC25" s="197" t="s">
        <v>58</v>
      </c>
      <c r="AD25" s="197" t="s">
        <v>58</v>
      </c>
      <c r="AE25" s="197" t="s">
        <v>58</v>
      </c>
      <c r="AF25" s="197" t="s">
        <v>58</v>
      </c>
      <c r="AG25" s="197" t="s">
        <v>58</v>
      </c>
      <c r="AH25" s="197" t="s">
        <v>58</v>
      </c>
      <c r="AI25" s="197" t="s">
        <v>58</v>
      </c>
      <c r="AJ25" s="198" t="s">
        <v>58</v>
      </c>
      <c r="AK25" s="197" t="s">
        <v>58</v>
      </c>
      <c r="AL25" s="198" t="s">
        <v>58</v>
      </c>
      <c r="AM25" s="196" t="s">
        <v>106</v>
      </c>
      <c r="AN25" s="197" t="s">
        <v>106</v>
      </c>
      <c r="AO25" s="197" t="s">
        <v>106</v>
      </c>
      <c r="AP25" s="197" t="s">
        <v>106</v>
      </c>
      <c r="AQ25" s="197" t="s">
        <v>106</v>
      </c>
      <c r="AR25" s="197" t="s">
        <v>106</v>
      </c>
      <c r="AS25" s="197" t="s">
        <v>106</v>
      </c>
      <c r="AT25" s="197" t="s">
        <v>106</v>
      </c>
      <c r="AU25" s="197" t="s">
        <v>106</v>
      </c>
      <c r="AV25" s="197" t="s">
        <v>106</v>
      </c>
      <c r="AW25" s="198" t="s">
        <v>106</v>
      </c>
      <c r="AX25" s="197" t="s">
        <v>106</v>
      </c>
      <c r="AY25" s="198" t="s">
        <v>106</v>
      </c>
    </row>
    <row r="26" spans="2:51" x14ac:dyDescent="0.2">
      <c r="B26">
        <f>'p-y sand'!B26</f>
        <v>-15.5</v>
      </c>
      <c r="Z26" s="151"/>
      <c r="AA26" s="152"/>
      <c r="AB26" s="152"/>
      <c r="AC26" s="152"/>
      <c r="AD26" s="152"/>
      <c r="AE26" s="152"/>
      <c r="AF26" s="152"/>
      <c r="AG26" s="152"/>
      <c r="AH26" s="152"/>
      <c r="AI26" s="152"/>
      <c r="AJ26" s="152"/>
      <c r="AK26" s="152"/>
      <c r="AL26" s="152"/>
      <c r="AM26" s="152"/>
      <c r="AN26" s="152"/>
      <c r="AO26" s="152"/>
      <c r="AP26" s="152"/>
      <c r="AQ26" s="152"/>
      <c r="AR26" s="152"/>
      <c r="AS26" s="152"/>
      <c r="AT26" s="152"/>
      <c r="AU26" s="152"/>
      <c r="AV26" s="152"/>
      <c r="AW26" s="153"/>
      <c r="AX26" s="153"/>
      <c r="AY26" s="153"/>
    </row>
    <row r="27" spans="2:51" x14ac:dyDescent="0.2">
      <c r="B27">
        <f>'p-y sand'!B27</f>
        <v>-16.5</v>
      </c>
      <c r="C27">
        <f>'p-y sand'!C27</f>
        <v>1</v>
      </c>
      <c r="D27">
        <f>'p-y sand'!D27</f>
        <v>0.98599999999999999</v>
      </c>
      <c r="E27" t="str">
        <f>'p-y sand'!E27</f>
        <v>SAND</v>
      </c>
      <c r="F27">
        <f>'p-y sand'!F27</f>
        <v>11.873836288128935</v>
      </c>
      <c r="G27" s="43">
        <f>'p-y sand'!G27</f>
        <v>1.8738362881289348</v>
      </c>
      <c r="H27">
        <f>'p-y sand'!H27</f>
        <v>1.8607194341120321</v>
      </c>
      <c r="I27">
        <f>'p-y sand'!I27</f>
        <v>35.306870372263035</v>
      </c>
      <c r="J27">
        <f>'Pile Property'!$B$8</f>
        <v>2</v>
      </c>
      <c r="K27">
        <f>'p-y sand'!K27</f>
        <v>0.616221136570826</v>
      </c>
      <c r="L27">
        <f>'p-y sand'!L27</f>
        <v>17.653435186131517</v>
      </c>
      <c r="M27">
        <f>'p-y sand'!M27</f>
        <v>0.308110568285413</v>
      </c>
      <c r="N27">
        <f>'p-y sand'!N27</f>
        <v>62.653435186131517</v>
      </c>
      <c r="O27">
        <f>'p-y sand'!O27</f>
        <v>1.0935087316828613</v>
      </c>
      <c r="P27">
        <f>'p-y sand'!P27</f>
        <v>0.4</v>
      </c>
      <c r="Q27">
        <f>'p-y sand'!Q27</f>
        <v>0.26746287873431318</v>
      </c>
      <c r="R27">
        <f>'p-y sand'!R27</f>
        <v>3.0517392675063024</v>
      </c>
      <c r="S27">
        <f>'p-y sand'!S27</f>
        <v>3.4713737206928545</v>
      </c>
      <c r="T27">
        <f>'p-y sand'!T27</f>
        <v>55.957408374701672</v>
      </c>
      <c r="U27">
        <f>'p-y sand'!U27</f>
        <v>18.386901811253448</v>
      </c>
      <c r="V27">
        <f>'p-y sand'!V27</f>
        <v>206.77410417707125</v>
      </c>
      <c r="W27">
        <f>'p-y sand'!W27</f>
        <v>18.386901811253448</v>
      </c>
      <c r="X27">
        <v>0.9</v>
      </c>
      <c r="Y27">
        <f>'p-y sand'!Y27</f>
        <v>23411.60371240996</v>
      </c>
      <c r="Z27" s="143">
        <f>'p-y sand'!Z27</f>
        <v>0</v>
      </c>
      <c r="AA27" s="137">
        <f>'p-y sand'!AA27</f>
        <v>10</v>
      </c>
      <c r="AB27" s="137">
        <f>'p-y sand'!AB27</f>
        <v>20</v>
      </c>
      <c r="AC27" s="137">
        <f>'p-y sand'!AC27</f>
        <v>30</v>
      </c>
      <c r="AD27" s="137">
        <f>'p-y sand'!AD27</f>
        <v>40</v>
      </c>
      <c r="AE27" s="137">
        <f>'p-y sand'!AE27</f>
        <v>50</v>
      </c>
      <c r="AF27" s="137">
        <f>'p-y sand'!AF27</f>
        <v>60</v>
      </c>
      <c r="AG27" s="137">
        <f>'p-y sand'!AG27</f>
        <v>70</v>
      </c>
      <c r="AH27" s="137">
        <f>'p-y sand'!AH27</f>
        <v>80</v>
      </c>
      <c r="AI27" s="137">
        <f>'p-y sand'!AI27</f>
        <v>90</v>
      </c>
      <c r="AJ27" s="137">
        <f>'p-y sand'!AJ27</f>
        <v>100</v>
      </c>
      <c r="AK27" s="137">
        <f>'p-y sand'!AK27</f>
        <v>110</v>
      </c>
      <c r="AL27" s="137">
        <f>'p-y sand'!AL27</f>
        <v>120</v>
      </c>
      <c r="AM27" s="137">
        <f t="shared" ref="AM27:AM58" si="0">$X27*$W27*TANH((($Y27*$D27)/($X27*$W27))*(Z27/1000))</f>
        <v>0</v>
      </c>
      <c r="AN27" s="137">
        <f t="shared" ref="AN27:AN58" si="1">$X27*$W27*TANH((($Y27*$D27)/($X27*$W27))*(AA27/1000))</f>
        <v>16.548211630102781</v>
      </c>
      <c r="AO27" s="137">
        <f t="shared" ref="AO27:AO58" si="2">$X27*$W27*TANH((($Y27*$D27)/($X27*$W27))*(AB27/1000))</f>
        <v>16.548211630128105</v>
      </c>
      <c r="AP27" s="137">
        <f t="shared" ref="AP27:AP58" si="3">$X27*$W27*TANH((($Y27*$D27)/($X27*$W27))*(AC27/1000))</f>
        <v>16.548211630128105</v>
      </c>
      <c r="AQ27" s="137">
        <f t="shared" ref="AQ27:AQ58" si="4">$X27*$W27*TANH((($Y27*$D27)/($X27*$W27))*(AD27/1000))</f>
        <v>16.548211630128105</v>
      </c>
      <c r="AR27" s="137">
        <f t="shared" ref="AR27:AR58" si="5">$X27*$W27*TANH((($Y27*$D27)/($X27*$W27))*(AE27/1000))</f>
        <v>16.548211630128105</v>
      </c>
      <c r="AS27" s="137">
        <f t="shared" ref="AS27:AS58" si="6">$X27*$W27*TANH((($Y27*$D27)/($X27*$W27))*(AF27/1000))</f>
        <v>16.548211630128105</v>
      </c>
      <c r="AT27" s="137">
        <f t="shared" ref="AT27:AT58" si="7">$X27*$W27*TANH((($Y27*$D27)/($X27*$W27))*(AG27/1000))</f>
        <v>16.548211630128105</v>
      </c>
      <c r="AU27" s="137">
        <f t="shared" ref="AU27:AU58" si="8">$X27*$W27*TANH((($Y27*$D27)/($X27*$W27))*(AH27/1000))</f>
        <v>16.548211630128105</v>
      </c>
      <c r="AV27" s="137">
        <f t="shared" ref="AV27:AV58" si="9">$X27*$W27*TANH((($Y27*$D27)/($X27*$W27))*(AI27/1000))</f>
        <v>16.548211630128105</v>
      </c>
      <c r="AW27" s="144">
        <f t="shared" ref="AW27:AW58" si="10">$X27*$W27*TANH((($Y27*$D27)/($X27*$W27))*(AJ27/1000))</f>
        <v>16.548211630128105</v>
      </c>
      <c r="AX27" s="137">
        <f t="shared" ref="AX27" si="11">$X27*$W27*TANH((($Y27*$D27)/($X27*$W27))*(AK27/1000))</f>
        <v>16.548211630128105</v>
      </c>
      <c r="AY27" s="144">
        <f t="shared" ref="AY27" si="12">$X27*$W27*TANH((($Y27*$D27)/($X27*$W27))*(AL27/1000))</f>
        <v>16.548211630128105</v>
      </c>
    </row>
    <row r="28" spans="2:51" x14ac:dyDescent="0.2">
      <c r="B28">
        <f>'p-y sand'!B28</f>
        <v>-17.5</v>
      </c>
      <c r="C28">
        <f>'p-y sand'!C28</f>
        <v>2</v>
      </c>
      <c r="D28">
        <f>'p-y sand'!D28</f>
        <v>1.9860000000000002</v>
      </c>
      <c r="E28" t="str">
        <f>'p-y sand'!E28</f>
        <v>SAND</v>
      </c>
      <c r="F28">
        <f>'p-y sand'!F28</f>
        <v>13.037505341998505</v>
      </c>
      <c r="G28" s="43">
        <f>'p-y sand'!G28</f>
        <v>3.0375053419985054</v>
      </c>
      <c r="H28">
        <f>'p-y sand'!H28</f>
        <v>6.0537481466030219</v>
      </c>
      <c r="I28">
        <f>'p-y sand'!I28</f>
        <v>32.890180632533124</v>
      </c>
      <c r="J28">
        <f>'Pile Property'!$B$8</f>
        <v>2</v>
      </c>
      <c r="K28">
        <f>'p-y sand'!K28</f>
        <v>0.57404194361337424</v>
      </c>
      <c r="L28">
        <f>'p-y sand'!L28</f>
        <v>16.445090316266562</v>
      </c>
      <c r="M28">
        <f>'p-y sand'!M28</f>
        <v>0.28702097180668712</v>
      </c>
      <c r="N28">
        <f>'p-y sand'!N28</f>
        <v>61.445090316266558</v>
      </c>
      <c r="O28">
        <f>'p-y sand'!O28</f>
        <v>1.0724191352041352</v>
      </c>
      <c r="P28">
        <f>'p-y sand'!P28</f>
        <v>0.4</v>
      </c>
      <c r="Q28">
        <f>'p-y sand'!Q28</f>
        <v>0.29615061931976239</v>
      </c>
      <c r="R28">
        <f>'p-y sand'!R28</f>
        <v>2.4673668268130324</v>
      </c>
      <c r="S28">
        <f>'p-y sand'!S28</f>
        <v>3.0805095487289536</v>
      </c>
      <c r="T28">
        <f>'p-y sand'!T28</f>
        <v>41.153329959527731</v>
      </c>
      <c r="U28">
        <f>'p-y sand'!U28</f>
        <v>66.726587826000141</v>
      </c>
      <c r="V28">
        <f>'p-y sand'!V28</f>
        <v>496.51374150376392</v>
      </c>
      <c r="W28">
        <f>'p-y sand'!W28</f>
        <v>66.726587826000141</v>
      </c>
      <c r="X28">
        <v>0.9</v>
      </c>
      <c r="Y28">
        <f>'p-y sand'!Y28</f>
        <v>16387.880482538108</v>
      </c>
      <c r="Z28" s="143">
        <f>'p-y sand'!Z28</f>
        <v>0</v>
      </c>
      <c r="AA28" s="137">
        <f>'p-y sand'!AA28</f>
        <v>10</v>
      </c>
      <c r="AB28" s="137">
        <f>'p-y sand'!AB28</f>
        <v>20</v>
      </c>
      <c r="AC28" s="137">
        <f>'p-y sand'!AC28</f>
        <v>30</v>
      </c>
      <c r="AD28" s="137">
        <f>'p-y sand'!AD28</f>
        <v>40</v>
      </c>
      <c r="AE28" s="137">
        <f>'p-y sand'!AE28</f>
        <v>50</v>
      </c>
      <c r="AF28" s="137">
        <f>'p-y sand'!AF28</f>
        <v>60</v>
      </c>
      <c r="AG28" s="137">
        <f>'p-y sand'!AG28</f>
        <v>70</v>
      </c>
      <c r="AH28" s="137">
        <f>'p-y sand'!AH28</f>
        <v>80</v>
      </c>
      <c r="AI28" s="137">
        <f>'p-y sand'!AI28</f>
        <v>90</v>
      </c>
      <c r="AJ28" s="137">
        <f>'p-y sand'!AJ28</f>
        <v>100</v>
      </c>
      <c r="AK28" s="137">
        <f>'p-y sand'!AK28</f>
        <v>110</v>
      </c>
      <c r="AL28" s="137">
        <f>'p-y sand'!AL28</f>
        <v>120</v>
      </c>
      <c r="AM28" s="137">
        <f t="shared" si="0"/>
        <v>0</v>
      </c>
      <c r="AN28" s="137">
        <f t="shared" si="1"/>
        <v>60.051572746561661</v>
      </c>
      <c r="AO28" s="137">
        <f t="shared" si="2"/>
        <v>60.053928997172079</v>
      </c>
      <c r="AP28" s="137">
        <f t="shared" si="3"/>
        <v>60.053929043399215</v>
      </c>
      <c r="AQ28" s="137">
        <f t="shared" si="4"/>
        <v>60.053929043400132</v>
      </c>
      <c r="AR28" s="137">
        <f t="shared" si="5"/>
        <v>60.053929043400132</v>
      </c>
      <c r="AS28" s="137">
        <f t="shared" si="6"/>
        <v>60.053929043400132</v>
      </c>
      <c r="AT28" s="137">
        <f t="shared" si="7"/>
        <v>60.053929043400132</v>
      </c>
      <c r="AU28" s="137">
        <f t="shared" si="8"/>
        <v>60.053929043400132</v>
      </c>
      <c r="AV28" s="137">
        <f t="shared" si="9"/>
        <v>60.053929043400132</v>
      </c>
      <c r="AW28" s="144">
        <f t="shared" si="10"/>
        <v>60.053929043400132</v>
      </c>
      <c r="AX28" s="137">
        <f t="shared" ref="AX28:AX82" si="13">$X28*$W28*TANH((($Y28*$D28)/($X28*$W28))*(AK28/1000))</f>
        <v>60.053929043400132</v>
      </c>
      <c r="AY28" s="144">
        <f t="shared" ref="AY28:AY82" si="14">$X28*$W28*TANH((($Y28*$D28)/($X28*$W28))*(AL28/1000))</f>
        <v>60.053929043400132</v>
      </c>
    </row>
    <row r="29" spans="2:51" x14ac:dyDescent="0.2">
      <c r="B29">
        <f>'p-y sand'!B29</f>
        <v>-18.5</v>
      </c>
      <c r="C29">
        <f>'p-y sand'!C29</f>
        <v>3</v>
      </c>
      <c r="D29">
        <f>'p-y sand'!D29</f>
        <v>2.9659999999999997</v>
      </c>
      <c r="E29" t="str">
        <f>'p-y sand'!E29</f>
        <v>CLAY</v>
      </c>
      <c r="F29">
        <f>'p-y sand'!F29</f>
        <v>13.925111788483058</v>
      </c>
      <c r="G29" s="43">
        <f>'p-y sand'!G29</f>
        <v>3.9251117884830578</v>
      </c>
      <c r="H29">
        <f>'p-y sand'!H29</f>
        <v>11.66935734716013</v>
      </c>
      <c r="I29" t="e">
        <f>'p-y sand'!I29</f>
        <v>#N/A</v>
      </c>
      <c r="J29">
        <f>'Pile Property'!$B$8</f>
        <v>2</v>
      </c>
      <c r="K29" t="e">
        <f>'p-y sand'!K29</f>
        <v>#N/A</v>
      </c>
      <c r="L29" t="e">
        <f>'p-y sand'!L29</f>
        <v>#N/A</v>
      </c>
      <c r="M29" t="e">
        <f>'p-y sand'!M29</f>
        <v>#N/A</v>
      </c>
      <c r="N29" t="e">
        <f>'p-y sand'!N29</f>
        <v>#N/A</v>
      </c>
      <c r="O29" t="e">
        <f>'p-y sand'!O29</f>
        <v>#N/A</v>
      </c>
      <c r="P29">
        <f>'p-y sand'!P29</f>
        <v>0.4</v>
      </c>
      <c r="Q29" t="e">
        <f>'p-y sand'!Q29</f>
        <v>#N/A</v>
      </c>
      <c r="R29" t="e">
        <f>'p-y sand'!R29</f>
        <v>#N/A</v>
      </c>
      <c r="S29" t="e">
        <f>'p-y sand'!S29</f>
        <v>#N/A</v>
      </c>
      <c r="T29" t="e">
        <f>'p-y sand'!T29</f>
        <v>#N/A</v>
      </c>
      <c r="U29" t="e">
        <f>'p-y sand'!U29</f>
        <v>#N/A</v>
      </c>
      <c r="V29" t="e">
        <f>'p-y sand'!V29</f>
        <v>#N/A</v>
      </c>
      <c r="W29" t="e">
        <f>'p-y sand'!W29</f>
        <v>#N/A</v>
      </c>
      <c r="X29">
        <v>0.9</v>
      </c>
      <c r="Y29" t="e">
        <f>'p-y sand'!Y29</f>
        <v>#N/A</v>
      </c>
      <c r="Z29" s="143">
        <f>'p-y sand'!Z29</f>
        <v>0</v>
      </c>
      <c r="AA29" s="137">
        <f>'p-y sand'!AA29</f>
        <v>10</v>
      </c>
      <c r="AB29" s="137">
        <f>'p-y sand'!AB29</f>
        <v>20</v>
      </c>
      <c r="AC29" s="137">
        <f>'p-y sand'!AC29</f>
        <v>30</v>
      </c>
      <c r="AD29" s="137">
        <f>'p-y sand'!AD29</f>
        <v>40</v>
      </c>
      <c r="AE29" s="137">
        <f>'p-y sand'!AE29</f>
        <v>50</v>
      </c>
      <c r="AF29" s="137">
        <f>'p-y sand'!AF29</f>
        <v>60</v>
      </c>
      <c r="AG29" s="137">
        <f>'p-y sand'!AG29</f>
        <v>70</v>
      </c>
      <c r="AH29" s="137">
        <f>'p-y sand'!AH29</f>
        <v>80</v>
      </c>
      <c r="AI29" s="137">
        <f>'p-y sand'!AI29</f>
        <v>90</v>
      </c>
      <c r="AJ29" s="137">
        <f>'p-y sand'!AJ29</f>
        <v>100</v>
      </c>
      <c r="AK29" s="137">
        <f>'p-y sand'!AK29</f>
        <v>110</v>
      </c>
      <c r="AL29" s="137">
        <f>'p-y sand'!AL29</f>
        <v>120</v>
      </c>
      <c r="AM29" s="137" t="e">
        <f t="shared" si="0"/>
        <v>#N/A</v>
      </c>
      <c r="AN29" s="137" t="e">
        <f t="shared" si="1"/>
        <v>#N/A</v>
      </c>
      <c r="AO29" s="137" t="e">
        <f t="shared" si="2"/>
        <v>#N/A</v>
      </c>
      <c r="AP29" s="137" t="e">
        <f t="shared" si="3"/>
        <v>#N/A</v>
      </c>
      <c r="AQ29" s="137" t="e">
        <f t="shared" si="4"/>
        <v>#N/A</v>
      </c>
      <c r="AR29" s="137" t="e">
        <f t="shared" si="5"/>
        <v>#N/A</v>
      </c>
      <c r="AS29" s="137" t="e">
        <f t="shared" si="6"/>
        <v>#N/A</v>
      </c>
      <c r="AT29" s="137" t="e">
        <f t="shared" si="7"/>
        <v>#N/A</v>
      </c>
      <c r="AU29" s="137" t="e">
        <f t="shared" si="8"/>
        <v>#N/A</v>
      </c>
      <c r="AV29" s="137" t="e">
        <f t="shared" si="9"/>
        <v>#N/A</v>
      </c>
      <c r="AW29" s="144" t="e">
        <f t="shared" si="10"/>
        <v>#N/A</v>
      </c>
      <c r="AX29" s="137" t="e">
        <f t="shared" si="13"/>
        <v>#N/A</v>
      </c>
      <c r="AY29" s="144" t="e">
        <f t="shared" si="14"/>
        <v>#N/A</v>
      </c>
    </row>
    <row r="30" spans="2:51" x14ac:dyDescent="0.2">
      <c r="B30">
        <f>'p-y sand'!B30</f>
        <v>-19.5</v>
      </c>
      <c r="C30">
        <f>'p-y sand'!C30</f>
        <v>4</v>
      </c>
      <c r="D30">
        <f>'p-y sand'!D30</f>
        <v>3.9899999999999998</v>
      </c>
      <c r="E30" t="str">
        <f>'p-y sand'!E30</f>
        <v>CLAY</v>
      </c>
      <c r="F30">
        <f>'p-y sand'!F30</f>
        <v>14.352712774110739</v>
      </c>
      <c r="G30" s="43">
        <f>'p-y sand'!G30</f>
        <v>4.3527127741107385</v>
      </c>
      <c r="H30">
        <f>'p-y sand'!H30</f>
        <v>17.397792958120622</v>
      </c>
      <c r="I30" t="e">
        <f>'p-y sand'!I30</f>
        <v>#N/A</v>
      </c>
      <c r="J30">
        <f>'Pile Property'!$B$8</f>
        <v>2</v>
      </c>
      <c r="K30" t="e">
        <f>'p-y sand'!K30</f>
        <v>#N/A</v>
      </c>
      <c r="L30" t="e">
        <f>'p-y sand'!L30</f>
        <v>#N/A</v>
      </c>
      <c r="M30" t="e">
        <f>'p-y sand'!M30</f>
        <v>#N/A</v>
      </c>
      <c r="N30" t="e">
        <f>'p-y sand'!N30</f>
        <v>#N/A</v>
      </c>
      <c r="O30" t="e">
        <f>'p-y sand'!O30</f>
        <v>#N/A</v>
      </c>
      <c r="P30">
        <f>'p-y sand'!P30</f>
        <v>0.4</v>
      </c>
      <c r="Q30" t="e">
        <f>'p-y sand'!Q30</f>
        <v>#N/A</v>
      </c>
      <c r="R30" t="e">
        <f>'p-y sand'!R30</f>
        <v>#N/A</v>
      </c>
      <c r="S30" t="e">
        <f>'p-y sand'!S30</f>
        <v>#N/A</v>
      </c>
      <c r="T30" t="e">
        <f>'p-y sand'!T30</f>
        <v>#N/A</v>
      </c>
      <c r="U30" t="e">
        <f>'p-y sand'!U30</f>
        <v>#N/A</v>
      </c>
      <c r="V30" t="e">
        <f>'p-y sand'!V30</f>
        <v>#N/A</v>
      </c>
      <c r="W30" t="e">
        <f>'p-y sand'!W30</f>
        <v>#N/A</v>
      </c>
      <c r="X30">
        <v>0.9</v>
      </c>
      <c r="Y30" t="e">
        <f>'p-y sand'!Y30</f>
        <v>#N/A</v>
      </c>
      <c r="Z30" s="143">
        <f>'p-y sand'!Z30</f>
        <v>0</v>
      </c>
      <c r="AA30" s="137">
        <f>'p-y sand'!AA30</f>
        <v>10</v>
      </c>
      <c r="AB30" s="137">
        <f>'p-y sand'!AB30</f>
        <v>20</v>
      </c>
      <c r="AC30" s="137">
        <f>'p-y sand'!AC30</f>
        <v>30</v>
      </c>
      <c r="AD30" s="137">
        <f>'p-y sand'!AD30</f>
        <v>40</v>
      </c>
      <c r="AE30" s="137">
        <f>'p-y sand'!AE30</f>
        <v>50</v>
      </c>
      <c r="AF30" s="137">
        <f>'p-y sand'!AF30</f>
        <v>60</v>
      </c>
      <c r="AG30" s="137">
        <f>'p-y sand'!AG30</f>
        <v>70</v>
      </c>
      <c r="AH30" s="137">
        <f>'p-y sand'!AH30</f>
        <v>80</v>
      </c>
      <c r="AI30" s="137">
        <f>'p-y sand'!AI30</f>
        <v>90</v>
      </c>
      <c r="AJ30" s="137">
        <f>'p-y sand'!AJ30</f>
        <v>100</v>
      </c>
      <c r="AK30" s="137">
        <f>'p-y sand'!AK30</f>
        <v>110</v>
      </c>
      <c r="AL30" s="137">
        <f>'p-y sand'!AL30</f>
        <v>120</v>
      </c>
      <c r="AM30" s="137" t="e">
        <f t="shared" si="0"/>
        <v>#N/A</v>
      </c>
      <c r="AN30" s="137" t="e">
        <f t="shared" si="1"/>
        <v>#N/A</v>
      </c>
      <c r="AO30" s="137" t="e">
        <f t="shared" si="2"/>
        <v>#N/A</v>
      </c>
      <c r="AP30" s="137" t="e">
        <f t="shared" si="3"/>
        <v>#N/A</v>
      </c>
      <c r="AQ30" s="137" t="e">
        <f t="shared" si="4"/>
        <v>#N/A</v>
      </c>
      <c r="AR30" s="137" t="e">
        <f t="shared" si="5"/>
        <v>#N/A</v>
      </c>
      <c r="AS30" s="137" t="e">
        <f t="shared" si="6"/>
        <v>#N/A</v>
      </c>
      <c r="AT30" s="137" t="e">
        <f t="shared" si="7"/>
        <v>#N/A</v>
      </c>
      <c r="AU30" s="137" t="e">
        <f t="shared" si="8"/>
        <v>#N/A</v>
      </c>
      <c r="AV30" s="137" t="e">
        <f t="shared" si="9"/>
        <v>#N/A</v>
      </c>
      <c r="AW30" s="144" t="e">
        <f t="shared" si="10"/>
        <v>#N/A</v>
      </c>
      <c r="AX30" s="137" t="e">
        <f t="shared" si="13"/>
        <v>#N/A</v>
      </c>
      <c r="AY30" s="144" t="e">
        <f t="shared" si="14"/>
        <v>#N/A</v>
      </c>
    </row>
    <row r="31" spans="2:51" x14ac:dyDescent="0.2">
      <c r="B31">
        <f>'p-y sand'!B31</f>
        <v>-20.5</v>
      </c>
      <c r="C31">
        <f>'p-y sand'!C31</f>
        <v>5</v>
      </c>
      <c r="D31">
        <f>'p-y sand'!D31</f>
        <v>4.9930000000000003</v>
      </c>
      <c r="E31" t="str">
        <f>'p-y sand'!E31</f>
        <v>CLAY</v>
      </c>
      <c r="F31">
        <f>'p-y sand'!F31</f>
        <v>14.659247335917707</v>
      </c>
      <c r="G31" s="43">
        <f>'p-y sand'!G31</f>
        <v>4.6592473359177067</v>
      </c>
      <c r="H31">
        <f>'p-y sand'!H31</f>
        <v>23.296236679588532</v>
      </c>
      <c r="I31" t="e">
        <f>'p-y sand'!I31</f>
        <v>#N/A</v>
      </c>
      <c r="J31">
        <f>'Pile Property'!$B$8</f>
        <v>2</v>
      </c>
      <c r="K31" t="e">
        <f>'p-y sand'!K31</f>
        <v>#N/A</v>
      </c>
      <c r="L31" t="e">
        <f>'p-y sand'!L31</f>
        <v>#N/A</v>
      </c>
      <c r="M31" t="e">
        <f>'p-y sand'!M31</f>
        <v>#N/A</v>
      </c>
      <c r="N31" t="e">
        <f>'p-y sand'!N31</f>
        <v>#N/A</v>
      </c>
      <c r="O31" t="e">
        <f>'p-y sand'!O31</f>
        <v>#N/A</v>
      </c>
      <c r="P31">
        <f>'p-y sand'!P31</f>
        <v>0.4</v>
      </c>
      <c r="Q31" t="e">
        <f>'p-y sand'!Q31</f>
        <v>#N/A</v>
      </c>
      <c r="R31" t="e">
        <f>'p-y sand'!R31</f>
        <v>#N/A</v>
      </c>
      <c r="S31" t="e">
        <f>'p-y sand'!S31</f>
        <v>#N/A</v>
      </c>
      <c r="T31" t="e">
        <f>'p-y sand'!T31</f>
        <v>#N/A</v>
      </c>
      <c r="U31" t="e">
        <f>'p-y sand'!U31</f>
        <v>#N/A</v>
      </c>
      <c r="V31" t="e">
        <f>'p-y sand'!V31</f>
        <v>#N/A</v>
      </c>
      <c r="W31" t="e">
        <f>'p-y sand'!W31</f>
        <v>#N/A</v>
      </c>
      <c r="X31">
        <v>0.9</v>
      </c>
      <c r="Y31" t="e">
        <f>'p-y sand'!Y31</f>
        <v>#N/A</v>
      </c>
      <c r="Z31" s="143">
        <f>'p-y sand'!Z31</f>
        <v>0</v>
      </c>
      <c r="AA31" s="137">
        <f>'p-y sand'!AA31</f>
        <v>10</v>
      </c>
      <c r="AB31" s="137">
        <f>'p-y sand'!AB31</f>
        <v>20</v>
      </c>
      <c r="AC31" s="137">
        <f>'p-y sand'!AC31</f>
        <v>30</v>
      </c>
      <c r="AD31" s="137">
        <f>'p-y sand'!AD31</f>
        <v>40</v>
      </c>
      <c r="AE31" s="137">
        <f>'p-y sand'!AE31</f>
        <v>50</v>
      </c>
      <c r="AF31" s="137">
        <f>'p-y sand'!AF31</f>
        <v>60</v>
      </c>
      <c r="AG31" s="137">
        <f>'p-y sand'!AG31</f>
        <v>70</v>
      </c>
      <c r="AH31" s="137">
        <f>'p-y sand'!AH31</f>
        <v>80</v>
      </c>
      <c r="AI31" s="137">
        <f>'p-y sand'!AI31</f>
        <v>90</v>
      </c>
      <c r="AJ31" s="137">
        <f>'p-y sand'!AJ31</f>
        <v>100</v>
      </c>
      <c r="AK31" s="137">
        <f>'p-y sand'!AK31</f>
        <v>110</v>
      </c>
      <c r="AL31" s="137">
        <f>'p-y sand'!AL31</f>
        <v>120</v>
      </c>
      <c r="AM31" s="137" t="e">
        <f t="shared" si="0"/>
        <v>#N/A</v>
      </c>
      <c r="AN31" s="137" t="e">
        <f t="shared" si="1"/>
        <v>#N/A</v>
      </c>
      <c r="AO31" s="137" t="e">
        <f t="shared" si="2"/>
        <v>#N/A</v>
      </c>
      <c r="AP31" s="137" t="e">
        <f t="shared" si="3"/>
        <v>#N/A</v>
      </c>
      <c r="AQ31" s="137" t="e">
        <f t="shared" si="4"/>
        <v>#N/A</v>
      </c>
      <c r="AR31" s="137" t="e">
        <f t="shared" si="5"/>
        <v>#N/A</v>
      </c>
      <c r="AS31" s="137" t="e">
        <f t="shared" si="6"/>
        <v>#N/A</v>
      </c>
      <c r="AT31" s="137" t="e">
        <f t="shared" si="7"/>
        <v>#N/A</v>
      </c>
      <c r="AU31" s="137" t="e">
        <f t="shared" si="8"/>
        <v>#N/A</v>
      </c>
      <c r="AV31" s="137" t="e">
        <f t="shared" si="9"/>
        <v>#N/A</v>
      </c>
      <c r="AW31" s="144" t="e">
        <f t="shared" si="10"/>
        <v>#N/A</v>
      </c>
      <c r="AX31" s="137" t="e">
        <f t="shared" si="13"/>
        <v>#N/A</v>
      </c>
      <c r="AY31" s="144" t="e">
        <f t="shared" si="14"/>
        <v>#N/A</v>
      </c>
    </row>
    <row r="32" spans="2:51" x14ac:dyDescent="0.2">
      <c r="B32">
        <f>'p-y sand'!B32</f>
        <v>-21.5</v>
      </c>
      <c r="C32">
        <f>'p-y sand'!C32</f>
        <v>6</v>
      </c>
      <c r="D32">
        <f>'p-y sand'!D32</f>
        <v>5.9870000000000001</v>
      </c>
      <c r="E32" t="str">
        <f>'p-y sand'!E32</f>
        <v>CLAY</v>
      </c>
      <c r="F32">
        <f>'p-y sand'!F32</f>
        <v>14.896165338840818</v>
      </c>
      <c r="G32" s="43">
        <f>'p-y sand'!G32</f>
        <v>4.8961653388408184</v>
      </c>
      <c r="H32">
        <f>'p-y sand'!H32</f>
        <v>29.347615041011863</v>
      </c>
      <c r="I32" t="e">
        <f>'p-y sand'!I32</f>
        <v>#N/A</v>
      </c>
      <c r="J32">
        <f>'Pile Property'!$B$8</f>
        <v>2</v>
      </c>
      <c r="K32" t="e">
        <f>'p-y sand'!K32</f>
        <v>#N/A</v>
      </c>
      <c r="L32" t="e">
        <f>'p-y sand'!L32</f>
        <v>#N/A</v>
      </c>
      <c r="M32" t="e">
        <f>'p-y sand'!M32</f>
        <v>#N/A</v>
      </c>
      <c r="N32" t="e">
        <f>'p-y sand'!N32</f>
        <v>#N/A</v>
      </c>
      <c r="O32" t="e">
        <f>'p-y sand'!O32</f>
        <v>#N/A</v>
      </c>
      <c r="P32">
        <f>'p-y sand'!P32</f>
        <v>0.4</v>
      </c>
      <c r="Q32" t="e">
        <f>'p-y sand'!Q32</f>
        <v>#N/A</v>
      </c>
      <c r="R32" t="e">
        <f>'p-y sand'!R32</f>
        <v>#N/A</v>
      </c>
      <c r="S32" t="e">
        <f>'p-y sand'!S32</f>
        <v>#N/A</v>
      </c>
      <c r="T32" t="e">
        <f>'p-y sand'!T32</f>
        <v>#N/A</v>
      </c>
      <c r="U32" t="e">
        <f>'p-y sand'!U32</f>
        <v>#N/A</v>
      </c>
      <c r="V32" t="e">
        <f>'p-y sand'!V32</f>
        <v>#N/A</v>
      </c>
      <c r="W32" t="e">
        <f>'p-y sand'!W32</f>
        <v>#N/A</v>
      </c>
      <c r="X32">
        <v>0.9</v>
      </c>
      <c r="Y32" t="e">
        <f>'p-y sand'!Y32</f>
        <v>#N/A</v>
      </c>
      <c r="Z32" s="143">
        <f>'p-y sand'!Z32</f>
        <v>0</v>
      </c>
      <c r="AA32" s="137">
        <f>'p-y sand'!AA32</f>
        <v>10</v>
      </c>
      <c r="AB32" s="137">
        <f>'p-y sand'!AB32</f>
        <v>20</v>
      </c>
      <c r="AC32" s="137">
        <f>'p-y sand'!AC32</f>
        <v>30</v>
      </c>
      <c r="AD32" s="137">
        <f>'p-y sand'!AD32</f>
        <v>40</v>
      </c>
      <c r="AE32" s="137">
        <f>'p-y sand'!AE32</f>
        <v>50</v>
      </c>
      <c r="AF32" s="137">
        <f>'p-y sand'!AF32</f>
        <v>60</v>
      </c>
      <c r="AG32" s="137">
        <f>'p-y sand'!AG32</f>
        <v>70</v>
      </c>
      <c r="AH32" s="137">
        <f>'p-y sand'!AH32</f>
        <v>80</v>
      </c>
      <c r="AI32" s="137">
        <f>'p-y sand'!AI32</f>
        <v>90</v>
      </c>
      <c r="AJ32" s="137">
        <f>'p-y sand'!AJ32</f>
        <v>100</v>
      </c>
      <c r="AK32" s="137">
        <f>'p-y sand'!AK32</f>
        <v>110</v>
      </c>
      <c r="AL32" s="137">
        <f>'p-y sand'!AL32</f>
        <v>120</v>
      </c>
      <c r="AM32" s="137" t="e">
        <f t="shared" si="0"/>
        <v>#N/A</v>
      </c>
      <c r="AN32" s="137" t="e">
        <f t="shared" si="1"/>
        <v>#N/A</v>
      </c>
      <c r="AO32" s="137" t="e">
        <f t="shared" si="2"/>
        <v>#N/A</v>
      </c>
      <c r="AP32" s="137" t="e">
        <f t="shared" si="3"/>
        <v>#N/A</v>
      </c>
      <c r="AQ32" s="137" t="e">
        <f t="shared" si="4"/>
        <v>#N/A</v>
      </c>
      <c r="AR32" s="137" t="e">
        <f t="shared" si="5"/>
        <v>#N/A</v>
      </c>
      <c r="AS32" s="137" t="e">
        <f t="shared" si="6"/>
        <v>#N/A</v>
      </c>
      <c r="AT32" s="137" t="e">
        <f t="shared" si="7"/>
        <v>#N/A</v>
      </c>
      <c r="AU32" s="137" t="e">
        <f t="shared" si="8"/>
        <v>#N/A</v>
      </c>
      <c r="AV32" s="137" t="e">
        <f t="shared" si="9"/>
        <v>#N/A</v>
      </c>
      <c r="AW32" s="144" t="e">
        <f t="shared" si="10"/>
        <v>#N/A</v>
      </c>
      <c r="AX32" s="137" t="e">
        <f t="shared" si="13"/>
        <v>#N/A</v>
      </c>
      <c r="AY32" s="144" t="e">
        <f t="shared" si="14"/>
        <v>#N/A</v>
      </c>
    </row>
    <row r="33" spans="2:51" x14ac:dyDescent="0.2">
      <c r="B33">
        <f>'p-y sand'!B33</f>
        <v>-22.5</v>
      </c>
      <c r="C33">
        <f>'p-y sand'!C33</f>
        <v>7</v>
      </c>
      <c r="D33">
        <f>'p-y sand'!D33</f>
        <v>6.9910000000000005</v>
      </c>
      <c r="E33" t="str">
        <f>'p-y sand'!E33</f>
        <v>CLAY</v>
      </c>
      <c r="F33">
        <f>'p-y sand'!F33</f>
        <v>14.995440296275426</v>
      </c>
      <c r="G33" s="43">
        <f>'p-y sand'!G33</f>
        <v>4.9954402962754259</v>
      </c>
      <c r="H33">
        <f>'p-y sand'!H33</f>
        <v>34.958091193335434</v>
      </c>
      <c r="I33" t="e">
        <f>'p-y sand'!I33</f>
        <v>#N/A</v>
      </c>
      <c r="J33">
        <f>'Pile Property'!$B$8</f>
        <v>2</v>
      </c>
      <c r="K33" t="e">
        <f>'p-y sand'!K33</f>
        <v>#N/A</v>
      </c>
      <c r="L33" t="e">
        <f>'p-y sand'!L33</f>
        <v>#N/A</v>
      </c>
      <c r="M33" t="e">
        <f>'p-y sand'!M33</f>
        <v>#N/A</v>
      </c>
      <c r="N33" t="e">
        <f>'p-y sand'!N33</f>
        <v>#N/A</v>
      </c>
      <c r="O33" t="e">
        <f>'p-y sand'!O33</f>
        <v>#N/A</v>
      </c>
      <c r="P33">
        <f>'p-y sand'!P33</f>
        <v>0.4</v>
      </c>
      <c r="Q33" t="e">
        <f>'p-y sand'!Q33</f>
        <v>#N/A</v>
      </c>
      <c r="R33" t="e">
        <f>'p-y sand'!R33</f>
        <v>#N/A</v>
      </c>
      <c r="S33" t="e">
        <f>'p-y sand'!S33</f>
        <v>#N/A</v>
      </c>
      <c r="T33" t="e">
        <f>'p-y sand'!T33</f>
        <v>#N/A</v>
      </c>
      <c r="U33" t="e">
        <f>'p-y sand'!U33</f>
        <v>#N/A</v>
      </c>
      <c r="V33" t="e">
        <f>'p-y sand'!V33</f>
        <v>#N/A</v>
      </c>
      <c r="W33" t="e">
        <f>'p-y sand'!W33</f>
        <v>#N/A</v>
      </c>
      <c r="X33">
        <v>0.9</v>
      </c>
      <c r="Y33" t="e">
        <f>'p-y sand'!Y33</f>
        <v>#N/A</v>
      </c>
      <c r="Z33" s="143">
        <f>'p-y sand'!Z33</f>
        <v>0</v>
      </c>
      <c r="AA33" s="137">
        <f>'p-y sand'!AA33</f>
        <v>10</v>
      </c>
      <c r="AB33" s="137">
        <f>'p-y sand'!AB33</f>
        <v>20</v>
      </c>
      <c r="AC33" s="137">
        <f>'p-y sand'!AC33</f>
        <v>30</v>
      </c>
      <c r="AD33" s="137">
        <f>'p-y sand'!AD33</f>
        <v>40</v>
      </c>
      <c r="AE33" s="137">
        <f>'p-y sand'!AE33</f>
        <v>50</v>
      </c>
      <c r="AF33" s="137">
        <f>'p-y sand'!AF33</f>
        <v>60</v>
      </c>
      <c r="AG33" s="137">
        <f>'p-y sand'!AG33</f>
        <v>70</v>
      </c>
      <c r="AH33" s="137">
        <f>'p-y sand'!AH33</f>
        <v>80</v>
      </c>
      <c r="AI33" s="137">
        <f>'p-y sand'!AI33</f>
        <v>90</v>
      </c>
      <c r="AJ33" s="137">
        <f>'p-y sand'!AJ33</f>
        <v>100</v>
      </c>
      <c r="AK33" s="137">
        <f>'p-y sand'!AK33</f>
        <v>110</v>
      </c>
      <c r="AL33" s="137">
        <f>'p-y sand'!AL33</f>
        <v>120</v>
      </c>
      <c r="AM33" s="137" t="e">
        <f t="shared" si="0"/>
        <v>#N/A</v>
      </c>
      <c r="AN33" s="137" t="e">
        <f t="shared" si="1"/>
        <v>#N/A</v>
      </c>
      <c r="AO33" s="137" t="e">
        <f t="shared" si="2"/>
        <v>#N/A</v>
      </c>
      <c r="AP33" s="137" t="e">
        <f t="shared" si="3"/>
        <v>#N/A</v>
      </c>
      <c r="AQ33" s="137" t="e">
        <f t="shared" si="4"/>
        <v>#N/A</v>
      </c>
      <c r="AR33" s="137" t="e">
        <f t="shared" si="5"/>
        <v>#N/A</v>
      </c>
      <c r="AS33" s="137" t="e">
        <f t="shared" si="6"/>
        <v>#N/A</v>
      </c>
      <c r="AT33" s="137" t="e">
        <f t="shared" si="7"/>
        <v>#N/A</v>
      </c>
      <c r="AU33" s="137" t="e">
        <f t="shared" si="8"/>
        <v>#N/A</v>
      </c>
      <c r="AV33" s="137" t="e">
        <f t="shared" si="9"/>
        <v>#N/A</v>
      </c>
      <c r="AW33" s="144" t="e">
        <f t="shared" si="10"/>
        <v>#N/A</v>
      </c>
      <c r="AX33" s="137" t="e">
        <f t="shared" si="13"/>
        <v>#N/A</v>
      </c>
      <c r="AY33" s="144" t="e">
        <f t="shared" si="14"/>
        <v>#N/A</v>
      </c>
    </row>
    <row r="34" spans="2:51" x14ac:dyDescent="0.2">
      <c r="B34">
        <f>'p-y sand'!B34</f>
        <v>-23.5</v>
      </c>
      <c r="C34">
        <f>'p-y sand'!C34</f>
        <v>8</v>
      </c>
      <c r="D34">
        <f>'p-y sand'!D34</f>
        <v>7.9860000000000007</v>
      </c>
      <c r="E34" t="str">
        <f>'p-y sand'!E34</f>
        <v>CLAY</v>
      </c>
      <c r="F34">
        <f>'p-y sand'!F34</f>
        <v>15.023004870255129</v>
      </c>
      <c r="G34" s="43">
        <f>'p-y sand'!G34</f>
        <v>5.0230048702551287</v>
      </c>
      <c r="H34">
        <f>'p-y sand'!H34</f>
        <v>40.148877927949243</v>
      </c>
      <c r="I34" t="e">
        <f>'p-y sand'!I34</f>
        <v>#N/A</v>
      </c>
      <c r="J34">
        <f>'Pile Property'!$B$8</f>
        <v>2</v>
      </c>
      <c r="K34" t="e">
        <f>'p-y sand'!K34</f>
        <v>#N/A</v>
      </c>
      <c r="L34" t="e">
        <f>'p-y sand'!L34</f>
        <v>#N/A</v>
      </c>
      <c r="M34" t="e">
        <f>'p-y sand'!M34</f>
        <v>#N/A</v>
      </c>
      <c r="N34" t="e">
        <f>'p-y sand'!N34</f>
        <v>#N/A</v>
      </c>
      <c r="O34" t="e">
        <f>'p-y sand'!O34</f>
        <v>#N/A</v>
      </c>
      <c r="P34">
        <f>'p-y sand'!P34</f>
        <v>0.4</v>
      </c>
      <c r="Q34" t="e">
        <f>'p-y sand'!Q34</f>
        <v>#N/A</v>
      </c>
      <c r="R34" t="e">
        <f>'p-y sand'!R34</f>
        <v>#N/A</v>
      </c>
      <c r="S34" t="e">
        <f>'p-y sand'!S34</f>
        <v>#N/A</v>
      </c>
      <c r="T34" t="e">
        <f>'p-y sand'!T34</f>
        <v>#N/A</v>
      </c>
      <c r="U34" t="e">
        <f>'p-y sand'!U34</f>
        <v>#N/A</v>
      </c>
      <c r="V34" t="e">
        <f>'p-y sand'!V34</f>
        <v>#N/A</v>
      </c>
      <c r="W34" t="e">
        <f>'p-y sand'!W34</f>
        <v>#N/A</v>
      </c>
      <c r="X34">
        <v>0.9</v>
      </c>
      <c r="Y34" t="e">
        <f>'p-y sand'!Y34</f>
        <v>#N/A</v>
      </c>
      <c r="Z34" s="143">
        <f>'p-y sand'!Z34</f>
        <v>0</v>
      </c>
      <c r="AA34" s="137">
        <f>'p-y sand'!AA34</f>
        <v>10</v>
      </c>
      <c r="AB34" s="137">
        <f>'p-y sand'!AB34</f>
        <v>20</v>
      </c>
      <c r="AC34" s="137">
        <f>'p-y sand'!AC34</f>
        <v>30</v>
      </c>
      <c r="AD34" s="137">
        <f>'p-y sand'!AD34</f>
        <v>40</v>
      </c>
      <c r="AE34" s="137">
        <f>'p-y sand'!AE34</f>
        <v>50</v>
      </c>
      <c r="AF34" s="137">
        <f>'p-y sand'!AF34</f>
        <v>60</v>
      </c>
      <c r="AG34" s="137">
        <f>'p-y sand'!AG34</f>
        <v>70</v>
      </c>
      <c r="AH34" s="137">
        <f>'p-y sand'!AH34</f>
        <v>80</v>
      </c>
      <c r="AI34" s="137">
        <f>'p-y sand'!AI34</f>
        <v>90</v>
      </c>
      <c r="AJ34" s="137">
        <f>'p-y sand'!AJ34</f>
        <v>100</v>
      </c>
      <c r="AK34" s="137">
        <f>'p-y sand'!AK34</f>
        <v>110</v>
      </c>
      <c r="AL34" s="137">
        <f>'p-y sand'!AL34</f>
        <v>120</v>
      </c>
      <c r="AM34" s="137" t="e">
        <f t="shared" si="0"/>
        <v>#N/A</v>
      </c>
      <c r="AN34" s="137" t="e">
        <f t="shared" si="1"/>
        <v>#N/A</v>
      </c>
      <c r="AO34" s="137" t="e">
        <f t="shared" si="2"/>
        <v>#N/A</v>
      </c>
      <c r="AP34" s="137" t="e">
        <f t="shared" si="3"/>
        <v>#N/A</v>
      </c>
      <c r="AQ34" s="137" t="e">
        <f t="shared" si="4"/>
        <v>#N/A</v>
      </c>
      <c r="AR34" s="137" t="e">
        <f t="shared" si="5"/>
        <v>#N/A</v>
      </c>
      <c r="AS34" s="137" t="e">
        <f t="shared" si="6"/>
        <v>#N/A</v>
      </c>
      <c r="AT34" s="137" t="e">
        <f t="shared" si="7"/>
        <v>#N/A</v>
      </c>
      <c r="AU34" s="137" t="e">
        <f t="shared" si="8"/>
        <v>#N/A</v>
      </c>
      <c r="AV34" s="137" t="e">
        <f t="shared" si="9"/>
        <v>#N/A</v>
      </c>
      <c r="AW34" s="144" t="e">
        <f t="shared" si="10"/>
        <v>#N/A</v>
      </c>
      <c r="AX34" s="137" t="e">
        <f t="shared" si="13"/>
        <v>#N/A</v>
      </c>
      <c r="AY34" s="144" t="e">
        <f t="shared" si="14"/>
        <v>#N/A</v>
      </c>
    </row>
    <row r="35" spans="2:51" x14ac:dyDescent="0.2">
      <c r="B35">
        <f>'p-y sand'!B35</f>
        <v>-24.5</v>
      </c>
      <c r="C35">
        <f>'p-y sand'!C35</f>
        <v>9</v>
      </c>
      <c r="D35">
        <f>'p-y sand'!D35</f>
        <v>8.9459999999999997</v>
      </c>
      <c r="E35" t="str">
        <f>'p-y sand'!E35</f>
        <v>CLAY</v>
      </c>
      <c r="F35">
        <f>'p-y sand'!F35</f>
        <v>15.150328078214629</v>
      </c>
      <c r="G35" s="43">
        <f>'p-y sand'!G35</f>
        <v>5.1503280782146295</v>
      </c>
      <c r="H35">
        <f>'p-y sand'!H35</f>
        <v>46.110887284255575</v>
      </c>
      <c r="I35" t="e">
        <f>'p-y sand'!I35</f>
        <v>#N/A</v>
      </c>
      <c r="J35">
        <f>'Pile Property'!$B$8</f>
        <v>2</v>
      </c>
      <c r="K35" t="e">
        <f>'p-y sand'!K35</f>
        <v>#N/A</v>
      </c>
      <c r="L35" t="e">
        <f>'p-y sand'!L35</f>
        <v>#N/A</v>
      </c>
      <c r="M35" t="e">
        <f>'p-y sand'!M35</f>
        <v>#N/A</v>
      </c>
      <c r="N35" t="e">
        <f>'p-y sand'!N35</f>
        <v>#N/A</v>
      </c>
      <c r="O35" t="e">
        <f>'p-y sand'!O35</f>
        <v>#N/A</v>
      </c>
      <c r="P35">
        <f>'p-y sand'!P35</f>
        <v>0.4</v>
      </c>
      <c r="Q35" t="e">
        <f>'p-y sand'!Q35</f>
        <v>#N/A</v>
      </c>
      <c r="R35" t="e">
        <f>'p-y sand'!R35</f>
        <v>#N/A</v>
      </c>
      <c r="S35" t="e">
        <f>'p-y sand'!S35</f>
        <v>#N/A</v>
      </c>
      <c r="T35" t="e">
        <f>'p-y sand'!T35</f>
        <v>#N/A</v>
      </c>
      <c r="U35" t="e">
        <f>'p-y sand'!U35</f>
        <v>#N/A</v>
      </c>
      <c r="V35" t="e">
        <f>'p-y sand'!V35</f>
        <v>#N/A</v>
      </c>
      <c r="W35" t="e">
        <f>'p-y sand'!W35</f>
        <v>#N/A</v>
      </c>
      <c r="X35">
        <v>0.9</v>
      </c>
      <c r="Y35" t="e">
        <f>'p-y sand'!Y35</f>
        <v>#N/A</v>
      </c>
      <c r="Z35" s="143">
        <f>'p-y sand'!Z35</f>
        <v>0</v>
      </c>
      <c r="AA35" s="137">
        <f>'p-y sand'!AA35</f>
        <v>10</v>
      </c>
      <c r="AB35" s="137">
        <f>'p-y sand'!AB35</f>
        <v>20</v>
      </c>
      <c r="AC35" s="137">
        <f>'p-y sand'!AC35</f>
        <v>30</v>
      </c>
      <c r="AD35" s="137">
        <f>'p-y sand'!AD35</f>
        <v>40</v>
      </c>
      <c r="AE35" s="137">
        <f>'p-y sand'!AE35</f>
        <v>50</v>
      </c>
      <c r="AF35" s="137">
        <f>'p-y sand'!AF35</f>
        <v>60</v>
      </c>
      <c r="AG35" s="137">
        <f>'p-y sand'!AG35</f>
        <v>70</v>
      </c>
      <c r="AH35" s="137">
        <f>'p-y sand'!AH35</f>
        <v>80</v>
      </c>
      <c r="AI35" s="137">
        <f>'p-y sand'!AI35</f>
        <v>90</v>
      </c>
      <c r="AJ35" s="137">
        <f>'p-y sand'!AJ35</f>
        <v>100</v>
      </c>
      <c r="AK35" s="137">
        <f>'p-y sand'!AK35</f>
        <v>110</v>
      </c>
      <c r="AL35" s="137">
        <f>'p-y sand'!AL35</f>
        <v>120</v>
      </c>
      <c r="AM35" s="137" t="e">
        <f t="shared" si="0"/>
        <v>#N/A</v>
      </c>
      <c r="AN35" s="137" t="e">
        <f t="shared" si="1"/>
        <v>#N/A</v>
      </c>
      <c r="AO35" s="137" t="e">
        <f t="shared" si="2"/>
        <v>#N/A</v>
      </c>
      <c r="AP35" s="137" t="e">
        <f t="shared" si="3"/>
        <v>#N/A</v>
      </c>
      <c r="AQ35" s="137" t="e">
        <f t="shared" si="4"/>
        <v>#N/A</v>
      </c>
      <c r="AR35" s="137" t="e">
        <f t="shared" si="5"/>
        <v>#N/A</v>
      </c>
      <c r="AS35" s="137" t="e">
        <f t="shared" si="6"/>
        <v>#N/A</v>
      </c>
      <c r="AT35" s="137" t="e">
        <f t="shared" si="7"/>
        <v>#N/A</v>
      </c>
      <c r="AU35" s="137" t="e">
        <f t="shared" si="8"/>
        <v>#N/A</v>
      </c>
      <c r="AV35" s="137" t="e">
        <f t="shared" si="9"/>
        <v>#N/A</v>
      </c>
      <c r="AW35" s="144" t="e">
        <f t="shared" si="10"/>
        <v>#N/A</v>
      </c>
      <c r="AX35" s="137" t="e">
        <f t="shared" si="13"/>
        <v>#N/A</v>
      </c>
      <c r="AY35" s="144" t="e">
        <f t="shared" si="14"/>
        <v>#N/A</v>
      </c>
    </row>
    <row r="36" spans="2:51" x14ac:dyDescent="0.2">
      <c r="B36">
        <f>'p-y sand'!B36</f>
        <v>-25.5</v>
      </c>
      <c r="C36">
        <f>'p-y sand'!C36</f>
        <v>10</v>
      </c>
      <c r="D36">
        <f>'p-y sand'!D36</f>
        <v>9.9860000000000007</v>
      </c>
      <c r="E36" t="str">
        <f>'p-y sand'!E36</f>
        <v>CLAY</v>
      </c>
      <c r="F36">
        <f>'p-y sand'!F36</f>
        <v>15.109681993409737</v>
      </c>
      <c r="G36" s="43">
        <f>'p-y sand'!G36</f>
        <v>5.1096819934097368</v>
      </c>
      <c r="H36">
        <f>'p-y sand'!H36</f>
        <v>51.061052160143504</v>
      </c>
      <c r="I36" t="e">
        <f>'p-y sand'!I36</f>
        <v>#N/A</v>
      </c>
      <c r="J36">
        <f>'Pile Property'!$B$8</f>
        <v>2</v>
      </c>
      <c r="K36" t="e">
        <f>'p-y sand'!K36</f>
        <v>#N/A</v>
      </c>
      <c r="L36" t="e">
        <f>'p-y sand'!L36</f>
        <v>#N/A</v>
      </c>
      <c r="M36" t="e">
        <f>'p-y sand'!M36</f>
        <v>#N/A</v>
      </c>
      <c r="N36" t="e">
        <f>'p-y sand'!N36</f>
        <v>#N/A</v>
      </c>
      <c r="O36" t="e">
        <f>'p-y sand'!O36</f>
        <v>#N/A</v>
      </c>
      <c r="P36">
        <f>'p-y sand'!P36</f>
        <v>0.4</v>
      </c>
      <c r="Q36" t="e">
        <f>'p-y sand'!Q36</f>
        <v>#N/A</v>
      </c>
      <c r="R36" t="e">
        <f>'p-y sand'!R36</f>
        <v>#N/A</v>
      </c>
      <c r="S36" t="e">
        <f>'p-y sand'!S36</f>
        <v>#N/A</v>
      </c>
      <c r="T36" t="e">
        <f>'p-y sand'!T36</f>
        <v>#N/A</v>
      </c>
      <c r="U36" t="e">
        <f>'p-y sand'!U36</f>
        <v>#N/A</v>
      </c>
      <c r="V36" t="e">
        <f>'p-y sand'!V36</f>
        <v>#N/A</v>
      </c>
      <c r="W36" t="e">
        <f>'p-y sand'!W36</f>
        <v>#N/A</v>
      </c>
      <c r="X36">
        <v>0.9</v>
      </c>
      <c r="Y36" t="e">
        <f>'p-y sand'!Y36</f>
        <v>#N/A</v>
      </c>
      <c r="Z36" s="143">
        <f>'p-y sand'!Z36</f>
        <v>0</v>
      </c>
      <c r="AA36" s="137">
        <f>'p-y sand'!AA36</f>
        <v>10</v>
      </c>
      <c r="AB36" s="137">
        <f>'p-y sand'!AB36</f>
        <v>20</v>
      </c>
      <c r="AC36" s="137">
        <f>'p-y sand'!AC36</f>
        <v>30</v>
      </c>
      <c r="AD36" s="137">
        <f>'p-y sand'!AD36</f>
        <v>40</v>
      </c>
      <c r="AE36" s="137">
        <f>'p-y sand'!AE36</f>
        <v>50</v>
      </c>
      <c r="AF36" s="137">
        <f>'p-y sand'!AF36</f>
        <v>60</v>
      </c>
      <c r="AG36" s="137">
        <f>'p-y sand'!AG36</f>
        <v>70</v>
      </c>
      <c r="AH36" s="137">
        <f>'p-y sand'!AH36</f>
        <v>80</v>
      </c>
      <c r="AI36" s="137">
        <f>'p-y sand'!AI36</f>
        <v>90</v>
      </c>
      <c r="AJ36" s="137">
        <f>'p-y sand'!AJ36</f>
        <v>100</v>
      </c>
      <c r="AK36" s="137">
        <f>'p-y sand'!AK36</f>
        <v>110</v>
      </c>
      <c r="AL36" s="137">
        <f>'p-y sand'!AL36</f>
        <v>120</v>
      </c>
      <c r="AM36" s="137" t="e">
        <f t="shared" si="0"/>
        <v>#N/A</v>
      </c>
      <c r="AN36" s="137" t="e">
        <f t="shared" si="1"/>
        <v>#N/A</v>
      </c>
      <c r="AO36" s="137" t="e">
        <f t="shared" si="2"/>
        <v>#N/A</v>
      </c>
      <c r="AP36" s="137" t="e">
        <f t="shared" si="3"/>
        <v>#N/A</v>
      </c>
      <c r="AQ36" s="137" t="e">
        <f t="shared" si="4"/>
        <v>#N/A</v>
      </c>
      <c r="AR36" s="137" t="e">
        <f t="shared" si="5"/>
        <v>#N/A</v>
      </c>
      <c r="AS36" s="137" t="e">
        <f t="shared" si="6"/>
        <v>#N/A</v>
      </c>
      <c r="AT36" s="137" t="e">
        <f t="shared" si="7"/>
        <v>#N/A</v>
      </c>
      <c r="AU36" s="137" t="e">
        <f t="shared" si="8"/>
        <v>#N/A</v>
      </c>
      <c r="AV36" s="137" t="e">
        <f t="shared" si="9"/>
        <v>#N/A</v>
      </c>
      <c r="AW36" s="144" t="e">
        <f t="shared" si="10"/>
        <v>#N/A</v>
      </c>
      <c r="AX36" s="137" t="e">
        <f t="shared" si="13"/>
        <v>#N/A</v>
      </c>
      <c r="AY36" s="144" t="e">
        <f t="shared" si="14"/>
        <v>#N/A</v>
      </c>
    </row>
    <row r="37" spans="2:51" x14ac:dyDescent="0.2">
      <c r="B37">
        <f>'p-y sand'!B37</f>
        <v>-26.5</v>
      </c>
      <c r="C37">
        <f>'p-y sand'!C37</f>
        <v>11</v>
      </c>
      <c r="D37">
        <f>'p-y sand'!D37</f>
        <v>10.991</v>
      </c>
      <c r="E37" t="str">
        <f>'p-y sand'!E37</f>
        <v>CLAY</v>
      </c>
      <c r="F37">
        <f>'p-y sand'!F37</f>
        <v>15.454042071035488</v>
      </c>
      <c r="G37" s="43">
        <f>'p-y sand'!G37</f>
        <v>5.454042071035488</v>
      </c>
      <c r="H37">
        <f>'p-y sand'!H37</f>
        <v>59.983554697248294</v>
      </c>
      <c r="I37" t="e">
        <f>'p-y sand'!I37</f>
        <v>#N/A</v>
      </c>
      <c r="J37">
        <f>'Pile Property'!$B$8</f>
        <v>2</v>
      </c>
      <c r="K37" t="e">
        <f>'p-y sand'!K37</f>
        <v>#N/A</v>
      </c>
      <c r="L37" t="e">
        <f>'p-y sand'!L37</f>
        <v>#N/A</v>
      </c>
      <c r="M37" t="e">
        <f>'p-y sand'!M37</f>
        <v>#N/A</v>
      </c>
      <c r="N37" t="e">
        <f>'p-y sand'!N37</f>
        <v>#N/A</v>
      </c>
      <c r="O37" t="e">
        <f>'p-y sand'!O37</f>
        <v>#N/A</v>
      </c>
      <c r="P37">
        <f>'p-y sand'!P37</f>
        <v>0.4</v>
      </c>
      <c r="Q37" t="e">
        <f>'p-y sand'!Q37</f>
        <v>#N/A</v>
      </c>
      <c r="R37" t="e">
        <f>'p-y sand'!R37</f>
        <v>#N/A</v>
      </c>
      <c r="S37" t="e">
        <f>'p-y sand'!S37</f>
        <v>#N/A</v>
      </c>
      <c r="T37" t="e">
        <f>'p-y sand'!T37</f>
        <v>#N/A</v>
      </c>
      <c r="U37" t="e">
        <f>'p-y sand'!U37</f>
        <v>#N/A</v>
      </c>
      <c r="V37" t="e">
        <f>'p-y sand'!V37</f>
        <v>#N/A</v>
      </c>
      <c r="W37" t="e">
        <f>'p-y sand'!W37</f>
        <v>#N/A</v>
      </c>
      <c r="X37">
        <v>0.9</v>
      </c>
      <c r="Y37" t="e">
        <f>'p-y sand'!Y37</f>
        <v>#N/A</v>
      </c>
      <c r="Z37" s="143">
        <f>'p-y sand'!Z37</f>
        <v>0</v>
      </c>
      <c r="AA37" s="137">
        <f>'p-y sand'!AA37</f>
        <v>10</v>
      </c>
      <c r="AB37" s="137">
        <f>'p-y sand'!AB37</f>
        <v>20</v>
      </c>
      <c r="AC37" s="137">
        <f>'p-y sand'!AC37</f>
        <v>30</v>
      </c>
      <c r="AD37" s="137">
        <f>'p-y sand'!AD37</f>
        <v>40</v>
      </c>
      <c r="AE37" s="137">
        <f>'p-y sand'!AE37</f>
        <v>50</v>
      </c>
      <c r="AF37" s="137">
        <f>'p-y sand'!AF37</f>
        <v>60</v>
      </c>
      <c r="AG37" s="137">
        <f>'p-y sand'!AG37</f>
        <v>70</v>
      </c>
      <c r="AH37" s="137">
        <f>'p-y sand'!AH37</f>
        <v>80</v>
      </c>
      <c r="AI37" s="137">
        <f>'p-y sand'!AI37</f>
        <v>90</v>
      </c>
      <c r="AJ37" s="137">
        <f>'p-y sand'!AJ37</f>
        <v>100</v>
      </c>
      <c r="AK37" s="137">
        <f>'p-y sand'!AK37</f>
        <v>110</v>
      </c>
      <c r="AL37" s="137">
        <f>'p-y sand'!AL37</f>
        <v>120</v>
      </c>
      <c r="AM37" s="137" t="e">
        <f t="shared" si="0"/>
        <v>#N/A</v>
      </c>
      <c r="AN37" s="137" t="e">
        <f t="shared" si="1"/>
        <v>#N/A</v>
      </c>
      <c r="AO37" s="137" t="e">
        <f t="shared" si="2"/>
        <v>#N/A</v>
      </c>
      <c r="AP37" s="137" t="e">
        <f t="shared" si="3"/>
        <v>#N/A</v>
      </c>
      <c r="AQ37" s="137" t="e">
        <f t="shared" si="4"/>
        <v>#N/A</v>
      </c>
      <c r="AR37" s="137" t="e">
        <f t="shared" si="5"/>
        <v>#N/A</v>
      </c>
      <c r="AS37" s="137" t="e">
        <f t="shared" si="6"/>
        <v>#N/A</v>
      </c>
      <c r="AT37" s="137" t="e">
        <f t="shared" si="7"/>
        <v>#N/A</v>
      </c>
      <c r="AU37" s="137" t="e">
        <f t="shared" si="8"/>
        <v>#N/A</v>
      </c>
      <c r="AV37" s="137" t="e">
        <f t="shared" si="9"/>
        <v>#N/A</v>
      </c>
      <c r="AW37" s="144" t="e">
        <f t="shared" si="10"/>
        <v>#N/A</v>
      </c>
      <c r="AX37" s="137" t="e">
        <f t="shared" si="13"/>
        <v>#N/A</v>
      </c>
      <c r="AY37" s="144" t="e">
        <f t="shared" si="14"/>
        <v>#N/A</v>
      </c>
    </row>
    <row r="38" spans="2:51" x14ac:dyDescent="0.2">
      <c r="B38">
        <f>'p-y sand'!B38</f>
        <v>-27.5</v>
      </c>
      <c r="C38">
        <f>'p-y sand'!C38</f>
        <v>12</v>
      </c>
      <c r="D38">
        <f>'p-y sand'!D38</f>
        <v>11.986000000000001</v>
      </c>
      <c r="E38" t="str">
        <f>'p-y sand'!E38</f>
        <v>CLAY</v>
      </c>
      <c r="F38">
        <f>'p-y sand'!F38</f>
        <v>15.577806191687911</v>
      </c>
      <c r="G38" s="43">
        <f>'p-y sand'!G38</f>
        <v>5.5778061916879107</v>
      </c>
      <c r="H38">
        <f>'p-y sand'!H38</f>
        <v>66.894629656913111</v>
      </c>
      <c r="I38" t="e">
        <f>'p-y sand'!I38</f>
        <v>#N/A</v>
      </c>
      <c r="J38">
        <f>'Pile Property'!$B$8</f>
        <v>2</v>
      </c>
      <c r="K38" t="e">
        <f>'p-y sand'!K38</f>
        <v>#N/A</v>
      </c>
      <c r="L38" t="e">
        <f>'p-y sand'!L38</f>
        <v>#N/A</v>
      </c>
      <c r="M38" t="e">
        <f>'p-y sand'!M38</f>
        <v>#N/A</v>
      </c>
      <c r="N38" t="e">
        <f>'p-y sand'!N38</f>
        <v>#N/A</v>
      </c>
      <c r="O38" t="e">
        <f>'p-y sand'!O38</f>
        <v>#N/A</v>
      </c>
      <c r="P38">
        <f>'p-y sand'!P38</f>
        <v>0.4</v>
      </c>
      <c r="Q38" t="e">
        <f>'p-y sand'!Q38</f>
        <v>#N/A</v>
      </c>
      <c r="R38" t="e">
        <f>'p-y sand'!R38</f>
        <v>#N/A</v>
      </c>
      <c r="S38" t="e">
        <f>'p-y sand'!S38</f>
        <v>#N/A</v>
      </c>
      <c r="T38" t="e">
        <f>'p-y sand'!T38</f>
        <v>#N/A</v>
      </c>
      <c r="U38" t="e">
        <f>'p-y sand'!U38</f>
        <v>#N/A</v>
      </c>
      <c r="V38" t="e">
        <f>'p-y sand'!V38</f>
        <v>#N/A</v>
      </c>
      <c r="W38" t="e">
        <f>'p-y sand'!W38</f>
        <v>#N/A</v>
      </c>
      <c r="X38">
        <v>0.9</v>
      </c>
      <c r="Y38" t="e">
        <f>'p-y sand'!Y38</f>
        <v>#N/A</v>
      </c>
      <c r="Z38" s="143">
        <f>'p-y sand'!Z38</f>
        <v>0</v>
      </c>
      <c r="AA38" s="137">
        <f>'p-y sand'!AA38</f>
        <v>10</v>
      </c>
      <c r="AB38" s="137">
        <f>'p-y sand'!AB38</f>
        <v>20</v>
      </c>
      <c r="AC38" s="137">
        <f>'p-y sand'!AC38</f>
        <v>30</v>
      </c>
      <c r="AD38" s="137">
        <f>'p-y sand'!AD38</f>
        <v>40</v>
      </c>
      <c r="AE38" s="137">
        <f>'p-y sand'!AE38</f>
        <v>50</v>
      </c>
      <c r="AF38" s="137">
        <f>'p-y sand'!AF38</f>
        <v>60</v>
      </c>
      <c r="AG38" s="137">
        <f>'p-y sand'!AG38</f>
        <v>70</v>
      </c>
      <c r="AH38" s="137">
        <f>'p-y sand'!AH38</f>
        <v>80</v>
      </c>
      <c r="AI38" s="137">
        <f>'p-y sand'!AI38</f>
        <v>90</v>
      </c>
      <c r="AJ38" s="137">
        <f>'p-y sand'!AJ38</f>
        <v>100</v>
      </c>
      <c r="AK38" s="137">
        <f>'p-y sand'!AK38</f>
        <v>110</v>
      </c>
      <c r="AL38" s="137">
        <f>'p-y sand'!AL38</f>
        <v>120</v>
      </c>
      <c r="AM38" s="137" t="e">
        <f t="shared" si="0"/>
        <v>#N/A</v>
      </c>
      <c r="AN38" s="137" t="e">
        <f t="shared" si="1"/>
        <v>#N/A</v>
      </c>
      <c r="AO38" s="137" t="e">
        <f t="shared" si="2"/>
        <v>#N/A</v>
      </c>
      <c r="AP38" s="137" t="e">
        <f t="shared" si="3"/>
        <v>#N/A</v>
      </c>
      <c r="AQ38" s="137" t="e">
        <f t="shared" si="4"/>
        <v>#N/A</v>
      </c>
      <c r="AR38" s="137" t="e">
        <f t="shared" si="5"/>
        <v>#N/A</v>
      </c>
      <c r="AS38" s="137" t="e">
        <f t="shared" si="6"/>
        <v>#N/A</v>
      </c>
      <c r="AT38" s="137" t="e">
        <f t="shared" si="7"/>
        <v>#N/A</v>
      </c>
      <c r="AU38" s="137" t="e">
        <f t="shared" si="8"/>
        <v>#N/A</v>
      </c>
      <c r="AV38" s="137" t="e">
        <f t="shared" si="9"/>
        <v>#N/A</v>
      </c>
      <c r="AW38" s="144" t="e">
        <f t="shared" si="10"/>
        <v>#N/A</v>
      </c>
      <c r="AX38" s="137" t="e">
        <f t="shared" si="13"/>
        <v>#N/A</v>
      </c>
      <c r="AY38" s="144" t="e">
        <f t="shared" si="14"/>
        <v>#N/A</v>
      </c>
    </row>
    <row r="39" spans="2:51" x14ac:dyDescent="0.2">
      <c r="B39">
        <f>'p-y sand'!B39</f>
        <v>-28.5</v>
      </c>
      <c r="C39">
        <f>'p-y sand'!C39</f>
        <v>13</v>
      </c>
      <c r="D39">
        <f>'p-y sand'!D39</f>
        <v>12.98</v>
      </c>
      <c r="E39" t="str">
        <f>'p-y sand'!E39</f>
        <v>CLAY</v>
      </c>
      <c r="F39">
        <f>'p-y sand'!F39</f>
        <v>15.448768796594976</v>
      </c>
      <c r="G39" s="43">
        <f>'p-y sand'!G39</f>
        <v>5.448768796594976</v>
      </c>
      <c r="H39">
        <f>'p-y sand'!H39</f>
        <v>70.763160361378951</v>
      </c>
      <c r="I39" t="e">
        <f>'p-y sand'!I39</f>
        <v>#N/A</v>
      </c>
      <c r="J39">
        <f>'Pile Property'!$B$8</f>
        <v>2</v>
      </c>
      <c r="K39" t="e">
        <f>'p-y sand'!K39</f>
        <v>#N/A</v>
      </c>
      <c r="L39" t="e">
        <f>'p-y sand'!L39</f>
        <v>#N/A</v>
      </c>
      <c r="M39" t="e">
        <f>'p-y sand'!M39</f>
        <v>#N/A</v>
      </c>
      <c r="N39" t="e">
        <f>'p-y sand'!N39</f>
        <v>#N/A</v>
      </c>
      <c r="O39" t="e">
        <f>'p-y sand'!O39</f>
        <v>#N/A</v>
      </c>
      <c r="P39">
        <f>'p-y sand'!P39</f>
        <v>0.4</v>
      </c>
      <c r="Q39" t="e">
        <f>'p-y sand'!Q39</f>
        <v>#N/A</v>
      </c>
      <c r="R39" t="e">
        <f>'p-y sand'!R39</f>
        <v>#N/A</v>
      </c>
      <c r="S39" t="e">
        <f>'p-y sand'!S39</f>
        <v>#N/A</v>
      </c>
      <c r="T39" t="e">
        <f>'p-y sand'!T39</f>
        <v>#N/A</v>
      </c>
      <c r="U39" t="e">
        <f>'p-y sand'!U39</f>
        <v>#N/A</v>
      </c>
      <c r="V39" t="e">
        <f>'p-y sand'!V39</f>
        <v>#N/A</v>
      </c>
      <c r="W39" t="e">
        <f>'p-y sand'!W39</f>
        <v>#N/A</v>
      </c>
      <c r="X39">
        <v>0.9</v>
      </c>
      <c r="Y39" t="e">
        <f>'p-y sand'!Y39</f>
        <v>#N/A</v>
      </c>
      <c r="Z39" s="143">
        <f>'p-y sand'!Z39</f>
        <v>0</v>
      </c>
      <c r="AA39" s="137">
        <f>'p-y sand'!AA39</f>
        <v>10</v>
      </c>
      <c r="AB39" s="137">
        <f>'p-y sand'!AB39</f>
        <v>20</v>
      </c>
      <c r="AC39" s="137">
        <f>'p-y sand'!AC39</f>
        <v>30</v>
      </c>
      <c r="AD39" s="137">
        <f>'p-y sand'!AD39</f>
        <v>40</v>
      </c>
      <c r="AE39" s="137">
        <f>'p-y sand'!AE39</f>
        <v>50</v>
      </c>
      <c r="AF39" s="137">
        <f>'p-y sand'!AF39</f>
        <v>60</v>
      </c>
      <c r="AG39" s="137">
        <f>'p-y sand'!AG39</f>
        <v>70</v>
      </c>
      <c r="AH39" s="137">
        <f>'p-y sand'!AH39</f>
        <v>80</v>
      </c>
      <c r="AI39" s="137">
        <f>'p-y sand'!AI39</f>
        <v>90</v>
      </c>
      <c r="AJ39" s="137">
        <f>'p-y sand'!AJ39</f>
        <v>100</v>
      </c>
      <c r="AK39" s="137">
        <f>'p-y sand'!AK39</f>
        <v>110</v>
      </c>
      <c r="AL39" s="137">
        <f>'p-y sand'!AL39</f>
        <v>120</v>
      </c>
      <c r="AM39" s="137" t="e">
        <f t="shared" si="0"/>
        <v>#N/A</v>
      </c>
      <c r="AN39" s="137" t="e">
        <f t="shared" si="1"/>
        <v>#N/A</v>
      </c>
      <c r="AO39" s="137" t="e">
        <f t="shared" si="2"/>
        <v>#N/A</v>
      </c>
      <c r="AP39" s="137" t="e">
        <f t="shared" si="3"/>
        <v>#N/A</v>
      </c>
      <c r="AQ39" s="137" t="e">
        <f t="shared" si="4"/>
        <v>#N/A</v>
      </c>
      <c r="AR39" s="137" t="e">
        <f t="shared" si="5"/>
        <v>#N/A</v>
      </c>
      <c r="AS39" s="137" t="e">
        <f t="shared" si="6"/>
        <v>#N/A</v>
      </c>
      <c r="AT39" s="137" t="e">
        <f t="shared" si="7"/>
        <v>#N/A</v>
      </c>
      <c r="AU39" s="137" t="e">
        <f t="shared" si="8"/>
        <v>#N/A</v>
      </c>
      <c r="AV39" s="137" t="e">
        <f t="shared" si="9"/>
        <v>#N/A</v>
      </c>
      <c r="AW39" s="144" t="e">
        <f t="shared" si="10"/>
        <v>#N/A</v>
      </c>
      <c r="AX39" s="137" t="e">
        <f t="shared" si="13"/>
        <v>#N/A</v>
      </c>
      <c r="AY39" s="144" t="e">
        <f t="shared" si="14"/>
        <v>#N/A</v>
      </c>
    </row>
    <row r="40" spans="2:51" x14ac:dyDescent="0.2">
      <c r="B40">
        <f>'p-y sand'!B40</f>
        <v>-29.5</v>
      </c>
      <c r="C40">
        <f>'p-y sand'!C40</f>
        <v>14</v>
      </c>
      <c r="D40">
        <f>'p-y sand'!D40</f>
        <v>13.993</v>
      </c>
      <c r="E40" t="str">
        <f>'p-y sand'!E40</f>
        <v>CLAY</v>
      </c>
      <c r="F40">
        <f>'p-y sand'!F40</f>
        <v>15.514956213691493</v>
      </c>
      <c r="G40" s="43">
        <f>'p-y sand'!G40</f>
        <v>5.5149562136914927</v>
      </c>
      <c r="H40">
        <f>'p-y sand'!H40</f>
        <v>77.209386991680901</v>
      </c>
      <c r="I40" t="e">
        <f>'p-y sand'!I40</f>
        <v>#N/A</v>
      </c>
      <c r="J40">
        <f>'Pile Property'!$B$8</f>
        <v>2</v>
      </c>
      <c r="K40" t="e">
        <f>'p-y sand'!K40</f>
        <v>#N/A</v>
      </c>
      <c r="L40" t="e">
        <f>'p-y sand'!L40</f>
        <v>#N/A</v>
      </c>
      <c r="M40" t="e">
        <f>'p-y sand'!M40</f>
        <v>#N/A</v>
      </c>
      <c r="N40" t="e">
        <f>'p-y sand'!N40</f>
        <v>#N/A</v>
      </c>
      <c r="O40" t="e">
        <f>'p-y sand'!O40</f>
        <v>#N/A</v>
      </c>
      <c r="P40">
        <f>'p-y sand'!P40</f>
        <v>0.4</v>
      </c>
      <c r="Q40" t="e">
        <f>'p-y sand'!Q40</f>
        <v>#N/A</v>
      </c>
      <c r="R40" t="e">
        <f>'p-y sand'!R40</f>
        <v>#N/A</v>
      </c>
      <c r="S40" t="e">
        <f>'p-y sand'!S40</f>
        <v>#N/A</v>
      </c>
      <c r="T40" t="e">
        <f>'p-y sand'!T40</f>
        <v>#N/A</v>
      </c>
      <c r="U40" t="e">
        <f>'p-y sand'!U40</f>
        <v>#N/A</v>
      </c>
      <c r="V40" t="e">
        <f>'p-y sand'!V40</f>
        <v>#N/A</v>
      </c>
      <c r="W40" t="e">
        <f>'p-y sand'!W40</f>
        <v>#N/A</v>
      </c>
      <c r="X40">
        <v>0.9</v>
      </c>
      <c r="Y40" t="e">
        <f>'p-y sand'!Y40</f>
        <v>#N/A</v>
      </c>
      <c r="Z40" s="143">
        <f>'p-y sand'!Z40</f>
        <v>0</v>
      </c>
      <c r="AA40" s="137">
        <f>'p-y sand'!AA40</f>
        <v>10</v>
      </c>
      <c r="AB40" s="137">
        <f>'p-y sand'!AB40</f>
        <v>20</v>
      </c>
      <c r="AC40" s="137">
        <f>'p-y sand'!AC40</f>
        <v>30</v>
      </c>
      <c r="AD40" s="137">
        <f>'p-y sand'!AD40</f>
        <v>40</v>
      </c>
      <c r="AE40" s="137">
        <f>'p-y sand'!AE40</f>
        <v>50</v>
      </c>
      <c r="AF40" s="137">
        <f>'p-y sand'!AF40</f>
        <v>60</v>
      </c>
      <c r="AG40" s="137">
        <f>'p-y sand'!AG40</f>
        <v>70</v>
      </c>
      <c r="AH40" s="137">
        <f>'p-y sand'!AH40</f>
        <v>80</v>
      </c>
      <c r="AI40" s="137">
        <f>'p-y sand'!AI40</f>
        <v>90</v>
      </c>
      <c r="AJ40" s="137">
        <f>'p-y sand'!AJ40</f>
        <v>100</v>
      </c>
      <c r="AK40" s="137">
        <f>'p-y sand'!AK40</f>
        <v>110</v>
      </c>
      <c r="AL40" s="137">
        <f>'p-y sand'!AL40</f>
        <v>120</v>
      </c>
      <c r="AM40" s="137" t="e">
        <f t="shared" si="0"/>
        <v>#N/A</v>
      </c>
      <c r="AN40" s="137" t="e">
        <f t="shared" si="1"/>
        <v>#N/A</v>
      </c>
      <c r="AO40" s="137" t="e">
        <f t="shared" si="2"/>
        <v>#N/A</v>
      </c>
      <c r="AP40" s="137" t="e">
        <f t="shared" si="3"/>
        <v>#N/A</v>
      </c>
      <c r="AQ40" s="137" t="e">
        <f t="shared" si="4"/>
        <v>#N/A</v>
      </c>
      <c r="AR40" s="137" t="e">
        <f t="shared" si="5"/>
        <v>#N/A</v>
      </c>
      <c r="AS40" s="137" t="e">
        <f t="shared" si="6"/>
        <v>#N/A</v>
      </c>
      <c r="AT40" s="137" t="e">
        <f t="shared" si="7"/>
        <v>#N/A</v>
      </c>
      <c r="AU40" s="137" t="e">
        <f t="shared" si="8"/>
        <v>#N/A</v>
      </c>
      <c r="AV40" s="137" t="e">
        <f t="shared" si="9"/>
        <v>#N/A</v>
      </c>
      <c r="AW40" s="144" t="e">
        <f t="shared" si="10"/>
        <v>#N/A</v>
      </c>
      <c r="AX40" s="137" t="e">
        <f t="shared" si="13"/>
        <v>#N/A</v>
      </c>
      <c r="AY40" s="144" t="e">
        <f t="shared" si="14"/>
        <v>#N/A</v>
      </c>
    </row>
    <row r="41" spans="2:51" x14ac:dyDescent="0.2">
      <c r="B41">
        <f>'p-y sand'!B41</f>
        <v>-30.5</v>
      </c>
      <c r="C41">
        <f>'p-y sand'!C41</f>
        <v>15</v>
      </c>
      <c r="D41">
        <f>'p-y sand'!D41</f>
        <v>14.993</v>
      </c>
      <c r="E41" t="str">
        <f>'p-y sand'!E41</f>
        <v>CLAY</v>
      </c>
      <c r="F41">
        <f>'p-y sand'!F41</f>
        <v>15.713613252696724</v>
      </c>
      <c r="G41" s="43">
        <f>'p-y sand'!G41</f>
        <v>5.7136132526967245</v>
      </c>
      <c r="H41">
        <f>'p-y sand'!H41</f>
        <v>85.704198790450874</v>
      </c>
      <c r="I41" t="e">
        <f>'p-y sand'!I41</f>
        <v>#N/A</v>
      </c>
      <c r="J41">
        <f>'Pile Property'!$B$8</f>
        <v>2</v>
      </c>
      <c r="K41" t="e">
        <f>'p-y sand'!K41</f>
        <v>#N/A</v>
      </c>
      <c r="L41" t="e">
        <f>'p-y sand'!L41</f>
        <v>#N/A</v>
      </c>
      <c r="M41" t="e">
        <f>'p-y sand'!M41</f>
        <v>#N/A</v>
      </c>
      <c r="N41" t="e">
        <f>'p-y sand'!N41</f>
        <v>#N/A</v>
      </c>
      <c r="O41" t="e">
        <f>'p-y sand'!O41</f>
        <v>#N/A</v>
      </c>
      <c r="P41">
        <f>'p-y sand'!P41</f>
        <v>0.4</v>
      </c>
      <c r="Q41" t="e">
        <f>'p-y sand'!Q41</f>
        <v>#N/A</v>
      </c>
      <c r="R41" t="e">
        <f>'p-y sand'!R41</f>
        <v>#N/A</v>
      </c>
      <c r="S41" t="e">
        <f>'p-y sand'!S41</f>
        <v>#N/A</v>
      </c>
      <c r="T41" t="e">
        <f>'p-y sand'!T41</f>
        <v>#N/A</v>
      </c>
      <c r="U41" t="e">
        <f>'p-y sand'!U41</f>
        <v>#N/A</v>
      </c>
      <c r="V41" t="e">
        <f>'p-y sand'!V41</f>
        <v>#N/A</v>
      </c>
      <c r="W41" t="e">
        <f>'p-y sand'!W41</f>
        <v>#N/A</v>
      </c>
      <c r="X41">
        <v>0.9</v>
      </c>
      <c r="Y41" t="e">
        <f>'p-y sand'!Y41</f>
        <v>#N/A</v>
      </c>
      <c r="Z41" s="143">
        <f>'p-y sand'!Z41</f>
        <v>0</v>
      </c>
      <c r="AA41" s="137">
        <f>'p-y sand'!AA41</f>
        <v>10</v>
      </c>
      <c r="AB41" s="137">
        <f>'p-y sand'!AB41</f>
        <v>20</v>
      </c>
      <c r="AC41" s="137">
        <f>'p-y sand'!AC41</f>
        <v>30</v>
      </c>
      <c r="AD41" s="137">
        <f>'p-y sand'!AD41</f>
        <v>40</v>
      </c>
      <c r="AE41" s="137">
        <f>'p-y sand'!AE41</f>
        <v>50</v>
      </c>
      <c r="AF41" s="137">
        <f>'p-y sand'!AF41</f>
        <v>60</v>
      </c>
      <c r="AG41" s="137">
        <f>'p-y sand'!AG41</f>
        <v>70</v>
      </c>
      <c r="AH41" s="137">
        <f>'p-y sand'!AH41</f>
        <v>80</v>
      </c>
      <c r="AI41" s="137">
        <f>'p-y sand'!AI41</f>
        <v>90</v>
      </c>
      <c r="AJ41" s="137">
        <f>'p-y sand'!AJ41</f>
        <v>100</v>
      </c>
      <c r="AK41" s="137">
        <f>'p-y sand'!AK41</f>
        <v>110</v>
      </c>
      <c r="AL41" s="137">
        <f>'p-y sand'!AL41</f>
        <v>120</v>
      </c>
      <c r="AM41" s="137" t="e">
        <f t="shared" si="0"/>
        <v>#N/A</v>
      </c>
      <c r="AN41" s="137" t="e">
        <f t="shared" si="1"/>
        <v>#N/A</v>
      </c>
      <c r="AO41" s="137" t="e">
        <f t="shared" si="2"/>
        <v>#N/A</v>
      </c>
      <c r="AP41" s="137" t="e">
        <f t="shared" si="3"/>
        <v>#N/A</v>
      </c>
      <c r="AQ41" s="137" t="e">
        <f t="shared" si="4"/>
        <v>#N/A</v>
      </c>
      <c r="AR41" s="137" t="e">
        <f t="shared" si="5"/>
        <v>#N/A</v>
      </c>
      <c r="AS41" s="137" t="e">
        <f t="shared" si="6"/>
        <v>#N/A</v>
      </c>
      <c r="AT41" s="137" t="e">
        <f t="shared" si="7"/>
        <v>#N/A</v>
      </c>
      <c r="AU41" s="137" t="e">
        <f t="shared" si="8"/>
        <v>#N/A</v>
      </c>
      <c r="AV41" s="137" t="e">
        <f t="shared" si="9"/>
        <v>#N/A</v>
      </c>
      <c r="AW41" s="144" t="e">
        <f t="shared" si="10"/>
        <v>#N/A</v>
      </c>
      <c r="AX41" s="137" t="e">
        <f t="shared" si="13"/>
        <v>#N/A</v>
      </c>
      <c r="AY41" s="144" t="e">
        <f t="shared" si="14"/>
        <v>#N/A</v>
      </c>
    </row>
    <row r="42" spans="2:51" x14ac:dyDescent="0.2">
      <c r="B42">
        <f>'p-y sand'!B42</f>
        <v>-31.5</v>
      </c>
      <c r="C42">
        <f>'p-y sand'!C42</f>
        <v>16</v>
      </c>
      <c r="D42">
        <f>'p-y sand'!D42</f>
        <v>15.99</v>
      </c>
      <c r="E42" t="str">
        <f>'p-y sand'!E42</f>
        <v>CLAY</v>
      </c>
      <c r="F42">
        <f>'p-y sand'!F42</f>
        <v>15.902355032817185</v>
      </c>
      <c r="G42" s="43">
        <f>'p-y sand'!G42</f>
        <v>5.9023550328171854</v>
      </c>
      <c r="H42">
        <f>'p-y sand'!H42</f>
        <v>94.419973459976518</v>
      </c>
      <c r="I42" t="e">
        <f>'p-y sand'!I42</f>
        <v>#N/A</v>
      </c>
      <c r="J42">
        <f>'Pile Property'!$B$8</f>
        <v>2</v>
      </c>
      <c r="K42" t="e">
        <f>'p-y sand'!K42</f>
        <v>#N/A</v>
      </c>
      <c r="L42" t="e">
        <f>'p-y sand'!L42</f>
        <v>#N/A</v>
      </c>
      <c r="M42" t="e">
        <f>'p-y sand'!M42</f>
        <v>#N/A</v>
      </c>
      <c r="N42" t="e">
        <f>'p-y sand'!N42</f>
        <v>#N/A</v>
      </c>
      <c r="O42" t="e">
        <f>'p-y sand'!O42</f>
        <v>#N/A</v>
      </c>
      <c r="P42">
        <f>'p-y sand'!P42</f>
        <v>0.4</v>
      </c>
      <c r="Q42" t="e">
        <f>'p-y sand'!Q42</f>
        <v>#N/A</v>
      </c>
      <c r="R42" t="e">
        <f>'p-y sand'!R42</f>
        <v>#N/A</v>
      </c>
      <c r="S42" t="e">
        <f>'p-y sand'!S42</f>
        <v>#N/A</v>
      </c>
      <c r="T42" t="e">
        <f>'p-y sand'!T42</f>
        <v>#N/A</v>
      </c>
      <c r="U42" t="e">
        <f>'p-y sand'!U42</f>
        <v>#N/A</v>
      </c>
      <c r="V42" t="e">
        <f>'p-y sand'!V42</f>
        <v>#N/A</v>
      </c>
      <c r="W42" t="e">
        <f>'p-y sand'!W42</f>
        <v>#N/A</v>
      </c>
      <c r="X42">
        <v>0.9</v>
      </c>
      <c r="Y42" t="e">
        <f>'p-y sand'!Y42</f>
        <v>#N/A</v>
      </c>
      <c r="Z42" s="143">
        <f>'p-y sand'!Z42</f>
        <v>0</v>
      </c>
      <c r="AA42" s="137">
        <f>'p-y sand'!AA42</f>
        <v>10</v>
      </c>
      <c r="AB42" s="137">
        <f>'p-y sand'!AB42</f>
        <v>20</v>
      </c>
      <c r="AC42" s="137">
        <f>'p-y sand'!AC42</f>
        <v>30</v>
      </c>
      <c r="AD42" s="137">
        <f>'p-y sand'!AD42</f>
        <v>40</v>
      </c>
      <c r="AE42" s="137">
        <f>'p-y sand'!AE42</f>
        <v>50</v>
      </c>
      <c r="AF42" s="137">
        <f>'p-y sand'!AF42</f>
        <v>60</v>
      </c>
      <c r="AG42" s="137">
        <f>'p-y sand'!AG42</f>
        <v>70</v>
      </c>
      <c r="AH42" s="137">
        <f>'p-y sand'!AH42</f>
        <v>80</v>
      </c>
      <c r="AI42" s="137">
        <f>'p-y sand'!AI42</f>
        <v>90</v>
      </c>
      <c r="AJ42" s="137">
        <f>'p-y sand'!AJ42</f>
        <v>100</v>
      </c>
      <c r="AK42" s="137">
        <f>'p-y sand'!AK42</f>
        <v>110</v>
      </c>
      <c r="AL42" s="137">
        <f>'p-y sand'!AL42</f>
        <v>120</v>
      </c>
      <c r="AM42" s="137" t="e">
        <f t="shared" si="0"/>
        <v>#N/A</v>
      </c>
      <c r="AN42" s="137" t="e">
        <f t="shared" si="1"/>
        <v>#N/A</v>
      </c>
      <c r="AO42" s="137" t="e">
        <f t="shared" si="2"/>
        <v>#N/A</v>
      </c>
      <c r="AP42" s="137" t="e">
        <f t="shared" si="3"/>
        <v>#N/A</v>
      </c>
      <c r="AQ42" s="137" t="e">
        <f t="shared" si="4"/>
        <v>#N/A</v>
      </c>
      <c r="AR42" s="137" t="e">
        <f t="shared" si="5"/>
        <v>#N/A</v>
      </c>
      <c r="AS42" s="137" t="e">
        <f t="shared" si="6"/>
        <v>#N/A</v>
      </c>
      <c r="AT42" s="137" t="e">
        <f t="shared" si="7"/>
        <v>#N/A</v>
      </c>
      <c r="AU42" s="137" t="e">
        <f t="shared" si="8"/>
        <v>#N/A</v>
      </c>
      <c r="AV42" s="137" t="e">
        <f t="shared" si="9"/>
        <v>#N/A</v>
      </c>
      <c r="AW42" s="144" t="e">
        <f t="shared" si="10"/>
        <v>#N/A</v>
      </c>
      <c r="AX42" s="137" t="e">
        <f t="shared" si="13"/>
        <v>#N/A</v>
      </c>
      <c r="AY42" s="144" t="e">
        <f t="shared" si="14"/>
        <v>#N/A</v>
      </c>
    </row>
    <row r="43" spans="2:51" x14ac:dyDescent="0.2">
      <c r="B43">
        <f>'p-y sand'!B43</f>
        <v>-32.5</v>
      </c>
      <c r="C43">
        <f>'p-y sand'!C43</f>
        <v>17</v>
      </c>
      <c r="D43">
        <f>'p-y sand'!D43</f>
        <v>16.977</v>
      </c>
      <c r="E43" t="str">
        <f>'p-y sand'!E43</f>
        <v>CLAY</v>
      </c>
      <c r="F43">
        <f>'p-y sand'!F43</f>
        <v>15.638029863397819</v>
      </c>
      <c r="G43" s="43">
        <f>'p-y sand'!G43</f>
        <v>5.6380298633978185</v>
      </c>
      <c r="H43">
        <f>'p-y sand'!H43</f>
        <v>95.756299199948558</v>
      </c>
      <c r="I43" t="e">
        <f>'p-y sand'!I43</f>
        <v>#N/A</v>
      </c>
      <c r="J43">
        <f>'Pile Property'!$B$8</f>
        <v>2</v>
      </c>
      <c r="K43" t="e">
        <f>'p-y sand'!K43</f>
        <v>#N/A</v>
      </c>
      <c r="L43" t="e">
        <f>'p-y sand'!L43</f>
        <v>#N/A</v>
      </c>
      <c r="M43" t="e">
        <f>'p-y sand'!M43</f>
        <v>#N/A</v>
      </c>
      <c r="N43" t="e">
        <f>'p-y sand'!N43</f>
        <v>#N/A</v>
      </c>
      <c r="O43" t="e">
        <f>'p-y sand'!O43</f>
        <v>#N/A</v>
      </c>
      <c r="P43">
        <f>'p-y sand'!P43</f>
        <v>0.4</v>
      </c>
      <c r="Q43" t="e">
        <f>'p-y sand'!Q43</f>
        <v>#N/A</v>
      </c>
      <c r="R43" t="e">
        <f>'p-y sand'!R43</f>
        <v>#N/A</v>
      </c>
      <c r="S43" t="e">
        <f>'p-y sand'!S43</f>
        <v>#N/A</v>
      </c>
      <c r="T43" t="e">
        <f>'p-y sand'!T43</f>
        <v>#N/A</v>
      </c>
      <c r="U43" t="e">
        <f>'p-y sand'!U43</f>
        <v>#N/A</v>
      </c>
      <c r="V43" t="e">
        <f>'p-y sand'!V43</f>
        <v>#N/A</v>
      </c>
      <c r="W43" t="e">
        <f>'p-y sand'!W43</f>
        <v>#N/A</v>
      </c>
      <c r="X43">
        <v>0.9</v>
      </c>
      <c r="Y43" t="e">
        <f>'p-y sand'!Y43</f>
        <v>#N/A</v>
      </c>
      <c r="Z43" s="143">
        <f>'p-y sand'!Z43</f>
        <v>0</v>
      </c>
      <c r="AA43" s="137">
        <f>'p-y sand'!AA43</f>
        <v>10</v>
      </c>
      <c r="AB43" s="137">
        <f>'p-y sand'!AB43</f>
        <v>20</v>
      </c>
      <c r="AC43" s="137">
        <f>'p-y sand'!AC43</f>
        <v>30</v>
      </c>
      <c r="AD43" s="137">
        <f>'p-y sand'!AD43</f>
        <v>40</v>
      </c>
      <c r="AE43" s="137">
        <f>'p-y sand'!AE43</f>
        <v>50</v>
      </c>
      <c r="AF43" s="137">
        <f>'p-y sand'!AF43</f>
        <v>60</v>
      </c>
      <c r="AG43" s="137">
        <f>'p-y sand'!AG43</f>
        <v>70</v>
      </c>
      <c r="AH43" s="137">
        <f>'p-y sand'!AH43</f>
        <v>80</v>
      </c>
      <c r="AI43" s="137">
        <f>'p-y sand'!AI43</f>
        <v>90</v>
      </c>
      <c r="AJ43" s="137">
        <f>'p-y sand'!AJ43</f>
        <v>100</v>
      </c>
      <c r="AK43" s="137">
        <f>'p-y sand'!AK43</f>
        <v>110</v>
      </c>
      <c r="AL43" s="137">
        <f>'p-y sand'!AL43</f>
        <v>120</v>
      </c>
      <c r="AM43" s="137" t="e">
        <f t="shared" si="0"/>
        <v>#N/A</v>
      </c>
      <c r="AN43" s="137" t="e">
        <f t="shared" si="1"/>
        <v>#N/A</v>
      </c>
      <c r="AO43" s="137" t="e">
        <f t="shared" si="2"/>
        <v>#N/A</v>
      </c>
      <c r="AP43" s="137" t="e">
        <f t="shared" si="3"/>
        <v>#N/A</v>
      </c>
      <c r="AQ43" s="137" t="e">
        <f t="shared" si="4"/>
        <v>#N/A</v>
      </c>
      <c r="AR43" s="137" t="e">
        <f t="shared" si="5"/>
        <v>#N/A</v>
      </c>
      <c r="AS43" s="137" t="e">
        <f t="shared" si="6"/>
        <v>#N/A</v>
      </c>
      <c r="AT43" s="137" t="e">
        <f t="shared" si="7"/>
        <v>#N/A</v>
      </c>
      <c r="AU43" s="137" t="e">
        <f t="shared" si="8"/>
        <v>#N/A</v>
      </c>
      <c r="AV43" s="137" t="e">
        <f t="shared" si="9"/>
        <v>#N/A</v>
      </c>
      <c r="AW43" s="144" t="e">
        <f t="shared" si="10"/>
        <v>#N/A</v>
      </c>
      <c r="AX43" s="137" t="e">
        <f t="shared" si="13"/>
        <v>#N/A</v>
      </c>
      <c r="AY43" s="144" t="e">
        <f t="shared" si="14"/>
        <v>#N/A</v>
      </c>
    </row>
    <row r="44" spans="2:51" x14ac:dyDescent="0.2">
      <c r="B44">
        <f>'p-y sand'!B44</f>
        <v>-33.5</v>
      </c>
      <c r="C44">
        <f>'p-y sand'!C44</f>
        <v>18</v>
      </c>
      <c r="D44">
        <f>'p-y sand'!D44</f>
        <v>17.988999999999997</v>
      </c>
      <c r="E44" t="str">
        <f>'p-y sand'!E44</f>
        <v>CLAY</v>
      </c>
      <c r="F44">
        <f>'p-y sand'!F44</f>
        <v>15.798530993723219</v>
      </c>
      <c r="G44" s="43">
        <f>'p-y sand'!G44</f>
        <v>5.7985309937232188</v>
      </c>
      <c r="H44">
        <f>'p-y sand'!H44</f>
        <v>104.35036376304303</v>
      </c>
      <c r="I44" t="e">
        <f>'p-y sand'!I44</f>
        <v>#N/A</v>
      </c>
      <c r="J44">
        <f>'Pile Property'!$B$8</f>
        <v>2</v>
      </c>
      <c r="K44" t="e">
        <f>'p-y sand'!K44</f>
        <v>#N/A</v>
      </c>
      <c r="L44" t="e">
        <f>'p-y sand'!L44</f>
        <v>#N/A</v>
      </c>
      <c r="M44" t="e">
        <f>'p-y sand'!M44</f>
        <v>#N/A</v>
      </c>
      <c r="N44" t="e">
        <f>'p-y sand'!N44</f>
        <v>#N/A</v>
      </c>
      <c r="O44" t="e">
        <f>'p-y sand'!O44</f>
        <v>#N/A</v>
      </c>
      <c r="P44">
        <f>'p-y sand'!P44</f>
        <v>0.4</v>
      </c>
      <c r="Q44" t="e">
        <f>'p-y sand'!Q44</f>
        <v>#N/A</v>
      </c>
      <c r="R44" t="e">
        <f>'p-y sand'!R44</f>
        <v>#N/A</v>
      </c>
      <c r="S44" t="e">
        <f>'p-y sand'!S44</f>
        <v>#N/A</v>
      </c>
      <c r="T44" t="e">
        <f>'p-y sand'!T44</f>
        <v>#N/A</v>
      </c>
      <c r="U44" t="e">
        <f>'p-y sand'!U44</f>
        <v>#N/A</v>
      </c>
      <c r="V44" t="e">
        <f>'p-y sand'!V44</f>
        <v>#N/A</v>
      </c>
      <c r="W44" t="e">
        <f>'p-y sand'!W44</f>
        <v>#N/A</v>
      </c>
      <c r="X44">
        <v>0.9</v>
      </c>
      <c r="Y44" t="e">
        <f>'p-y sand'!Y44</f>
        <v>#N/A</v>
      </c>
      <c r="Z44" s="143">
        <f>'p-y sand'!Z44</f>
        <v>0</v>
      </c>
      <c r="AA44" s="137">
        <f>'p-y sand'!AA44</f>
        <v>10</v>
      </c>
      <c r="AB44" s="137">
        <f>'p-y sand'!AB44</f>
        <v>20</v>
      </c>
      <c r="AC44" s="137">
        <f>'p-y sand'!AC44</f>
        <v>30</v>
      </c>
      <c r="AD44" s="137">
        <f>'p-y sand'!AD44</f>
        <v>40</v>
      </c>
      <c r="AE44" s="137">
        <f>'p-y sand'!AE44</f>
        <v>50</v>
      </c>
      <c r="AF44" s="137">
        <f>'p-y sand'!AF44</f>
        <v>60</v>
      </c>
      <c r="AG44" s="137">
        <f>'p-y sand'!AG44</f>
        <v>70</v>
      </c>
      <c r="AH44" s="137">
        <f>'p-y sand'!AH44</f>
        <v>80</v>
      </c>
      <c r="AI44" s="137">
        <f>'p-y sand'!AI44</f>
        <v>90</v>
      </c>
      <c r="AJ44" s="137">
        <f>'p-y sand'!AJ44</f>
        <v>100</v>
      </c>
      <c r="AK44" s="137">
        <f>'p-y sand'!AK44</f>
        <v>110</v>
      </c>
      <c r="AL44" s="137">
        <f>'p-y sand'!AL44</f>
        <v>120</v>
      </c>
      <c r="AM44" s="137" t="e">
        <f t="shared" si="0"/>
        <v>#N/A</v>
      </c>
      <c r="AN44" s="137" t="e">
        <f t="shared" si="1"/>
        <v>#N/A</v>
      </c>
      <c r="AO44" s="137" t="e">
        <f t="shared" si="2"/>
        <v>#N/A</v>
      </c>
      <c r="AP44" s="137" t="e">
        <f t="shared" si="3"/>
        <v>#N/A</v>
      </c>
      <c r="AQ44" s="137" t="e">
        <f t="shared" si="4"/>
        <v>#N/A</v>
      </c>
      <c r="AR44" s="137" t="e">
        <f t="shared" si="5"/>
        <v>#N/A</v>
      </c>
      <c r="AS44" s="137" t="e">
        <f t="shared" si="6"/>
        <v>#N/A</v>
      </c>
      <c r="AT44" s="137" t="e">
        <f t="shared" si="7"/>
        <v>#N/A</v>
      </c>
      <c r="AU44" s="137" t="e">
        <f t="shared" si="8"/>
        <v>#N/A</v>
      </c>
      <c r="AV44" s="137" t="e">
        <f t="shared" si="9"/>
        <v>#N/A</v>
      </c>
      <c r="AW44" s="144" t="e">
        <f t="shared" si="10"/>
        <v>#N/A</v>
      </c>
      <c r="AX44" s="137" t="e">
        <f t="shared" si="13"/>
        <v>#N/A</v>
      </c>
      <c r="AY44" s="144" t="e">
        <f t="shared" si="14"/>
        <v>#N/A</v>
      </c>
    </row>
    <row r="45" spans="2:51" x14ac:dyDescent="0.2">
      <c r="B45">
        <f>'p-y sand'!B45</f>
        <v>-34.5</v>
      </c>
      <c r="C45">
        <f>'p-y sand'!C45</f>
        <v>19</v>
      </c>
      <c r="D45">
        <f>'p-y sand'!D45</f>
        <v>18.988</v>
      </c>
      <c r="E45" t="str">
        <f>'p-y sand'!E45</f>
        <v>CLAY</v>
      </c>
      <c r="F45">
        <f>'p-y sand'!F45</f>
        <v>16.315329423160623</v>
      </c>
      <c r="G45" s="43">
        <f>'p-y sand'!G45</f>
        <v>6.3153294231606232</v>
      </c>
      <c r="H45">
        <f>'p-y sand'!H45</f>
        <v>119.95968239293605</v>
      </c>
      <c r="I45" t="e">
        <f>'p-y sand'!I45</f>
        <v>#N/A</v>
      </c>
      <c r="J45">
        <f>'Pile Property'!$B$8</f>
        <v>2</v>
      </c>
      <c r="K45" t="e">
        <f>'p-y sand'!K45</f>
        <v>#N/A</v>
      </c>
      <c r="L45" t="e">
        <f>'p-y sand'!L45</f>
        <v>#N/A</v>
      </c>
      <c r="M45" t="e">
        <f>'p-y sand'!M45</f>
        <v>#N/A</v>
      </c>
      <c r="N45" t="e">
        <f>'p-y sand'!N45</f>
        <v>#N/A</v>
      </c>
      <c r="O45" t="e">
        <f>'p-y sand'!O45</f>
        <v>#N/A</v>
      </c>
      <c r="P45">
        <f>'p-y sand'!P45</f>
        <v>0.4</v>
      </c>
      <c r="Q45" t="e">
        <f>'p-y sand'!Q45</f>
        <v>#N/A</v>
      </c>
      <c r="R45" t="e">
        <f>'p-y sand'!R45</f>
        <v>#N/A</v>
      </c>
      <c r="S45" t="e">
        <f>'p-y sand'!S45</f>
        <v>#N/A</v>
      </c>
      <c r="T45" t="e">
        <f>'p-y sand'!T45</f>
        <v>#N/A</v>
      </c>
      <c r="U45" t="e">
        <f>'p-y sand'!U45</f>
        <v>#N/A</v>
      </c>
      <c r="V45" t="e">
        <f>'p-y sand'!V45</f>
        <v>#N/A</v>
      </c>
      <c r="W45" t="e">
        <f>'p-y sand'!W45</f>
        <v>#N/A</v>
      </c>
      <c r="X45">
        <v>0.9</v>
      </c>
      <c r="Y45" t="e">
        <f>'p-y sand'!Y45</f>
        <v>#N/A</v>
      </c>
      <c r="Z45" s="143">
        <f>'p-y sand'!Z45</f>
        <v>0</v>
      </c>
      <c r="AA45" s="137">
        <f>'p-y sand'!AA45</f>
        <v>10</v>
      </c>
      <c r="AB45" s="137">
        <f>'p-y sand'!AB45</f>
        <v>20</v>
      </c>
      <c r="AC45" s="137">
        <f>'p-y sand'!AC45</f>
        <v>30</v>
      </c>
      <c r="AD45" s="137">
        <f>'p-y sand'!AD45</f>
        <v>40</v>
      </c>
      <c r="AE45" s="137">
        <f>'p-y sand'!AE45</f>
        <v>50</v>
      </c>
      <c r="AF45" s="137">
        <f>'p-y sand'!AF45</f>
        <v>60</v>
      </c>
      <c r="AG45" s="137">
        <f>'p-y sand'!AG45</f>
        <v>70</v>
      </c>
      <c r="AH45" s="137">
        <f>'p-y sand'!AH45</f>
        <v>80</v>
      </c>
      <c r="AI45" s="137">
        <f>'p-y sand'!AI45</f>
        <v>90</v>
      </c>
      <c r="AJ45" s="137">
        <f>'p-y sand'!AJ45</f>
        <v>100</v>
      </c>
      <c r="AK45" s="137">
        <f>'p-y sand'!AK45</f>
        <v>110</v>
      </c>
      <c r="AL45" s="137">
        <f>'p-y sand'!AL45</f>
        <v>120</v>
      </c>
      <c r="AM45" s="137" t="e">
        <f t="shared" si="0"/>
        <v>#N/A</v>
      </c>
      <c r="AN45" s="137" t="e">
        <f t="shared" si="1"/>
        <v>#N/A</v>
      </c>
      <c r="AO45" s="137" t="e">
        <f t="shared" si="2"/>
        <v>#N/A</v>
      </c>
      <c r="AP45" s="137" t="e">
        <f t="shared" si="3"/>
        <v>#N/A</v>
      </c>
      <c r="AQ45" s="137" t="e">
        <f t="shared" si="4"/>
        <v>#N/A</v>
      </c>
      <c r="AR45" s="137" t="e">
        <f t="shared" si="5"/>
        <v>#N/A</v>
      </c>
      <c r="AS45" s="137" t="e">
        <f t="shared" si="6"/>
        <v>#N/A</v>
      </c>
      <c r="AT45" s="137" t="e">
        <f t="shared" si="7"/>
        <v>#N/A</v>
      </c>
      <c r="AU45" s="137" t="e">
        <f t="shared" si="8"/>
        <v>#N/A</v>
      </c>
      <c r="AV45" s="137" t="e">
        <f t="shared" si="9"/>
        <v>#N/A</v>
      </c>
      <c r="AW45" s="144" t="e">
        <f t="shared" si="10"/>
        <v>#N/A</v>
      </c>
      <c r="AX45" s="137" t="e">
        <f t="shared" si="13"/>
        <v>#N/A</v>
      </c>
      <c r="AY45" s="144" t="e">
        <f t="shared" si="14"/>
        <v>#N/A</v>
      </c>
    </row>
    <row r="46" spans="2:51" x14ac:dyDescent="0.2">
      <c r="B46">
        <f>'p-y sand'!B46</f>
        <v>-35.5</v>
      </c>
      <c r="C46">
        <f>'p-y sand'!C46</f>
        <v>20</v>
      </c>
      <c r="D46">
        <f>'p-y sand'!D46</f>
        <v>19.985999999999997</v>
      </c>
      <c r="E46" t="str">
        <f>'p-y sand'!E46</f>
        <v>CLAY</v>
      </c>
      <c r="F46">
        <f>'p-y sand'!F46</f>
        <v>16.512929977541894</v>
      </c>
      <c r="G46" s="43">
        <f>'p-y sand'!G46</f>
        <v>6.5129299775418943</v>
      </c>
      <c r="H46">
        <f>'p-y sand'!H46</f>
        <v>130.21300904099508</v>
      </c>
      <c r="I46" t="e">
        <f>'p-y sand'!I46</f>
        <v>#N/A</v>
      </c>
      <c r="J46">
        <f>'Pile Property'!$B$8</f>
        <v>2</v>
      </c>
      <c r="K46" t="e">
        <f>'p-y sand'!K46</f>
        <v>#N/A</v>
      </c>
      <c r="L46" t="e">
        <f>'p-y sand'!L46</f>
        <v>#N/A</v>
      </c>
      <c r="M46" t="e">
        <f>'p-y sand'!M46</f>
        <v>#N/A</v>
      </c>
      <c r="N46" t="e">
        <f>'p-y sand'!N46</f>
        <v>#N/A</v>
      </c>
      <c r="O46" t="e">
        <f>'p-y sand'!O46</f>
        <v>#N/A</v>
      </c>
      <c r="P46">
        <f>'p-y sand'!P46</f>
        <v>0.4</v>
      </c>
      <c r="Q46" t="e">
        <f>'p-y sand'!Q46</f>
        <v>#N/A</v>
      </c>
      <c r="R46" t="e">
        <f>'p-y sand'!R46</f>
        <v>#N/A</v>
      </c>
      <c r="S46" t="e">
        <f>'p-y sand'!S46</f>
        <v>#N/A</v>
      </c>
      <c r="T46" t="e">
        <f>'p-y sand'!T46</f>
        <v>#N/A</v>
      </c>
      <c r="U46" t="e">
        <f>'p-y sand'!U46</f>
        <v>#N/A</v>
      </c>
      <c r="V46" t="e">
        <f>'p-y sand'!V46</f>
        <v>#N/A</v>
      </c>
      <c r="W46" t="e">
        <f>'p-y sand'!W46</f>
        <v>#N/A</v>
      </c>
      <c r="X46">
        <v>0.9</v>
      </c>
      <c r="Y46" t="e">
        <f>'p-y sand'!Y46</f>
        <v>#N/A</v>
      </c>
      <c r="Z46" s="143">
        <f>'p-y sand'!Z46</f>
        <v>0</v>
      </c>
      <c r="AA46" s="137">
        <f>'p-y sand'!AA46</f>
        <v>10</v>
      </c>
      <c r="AB46" s="137">
        <f>'p-y sand'!AB46</f>
        <v>20</v>
      </c>
      <c r="AC46" s="137">
        <f>'p-y sand'!AC46</f>
        <v>30</v>
      </c>
      <c r="AD46" s="137">
        <f>'p-y sand'!AD46</f>
        <v>40</v>
      </c>
      <c r="AE46" s="137">
        <f>'p-y sand'!AE46</f>
        <v>50</v>
      </c>
      <c r="AF46" s="137">
        <f>'p-y sand'!AF46</f>
        <v>60</v>
      </c>
      <c r="AG46" s="137">
        <f>'p-y sand'!AG46</f>
        <v>70</v>
      </c>
      <c r="AH46" s="137">
        <f>'p-y sand'!AH46</f>
        <v>80</v>
      </c>
      <c r="AI46" s="137">
        <f>'p-y sand'!AI46</f>
        <v>90</v>
      </c>
      <c r="AJ46" s="137">
        <f>'p-y sand'!AJ46</f>
        <v>100</v>
      </c>
      <c r="AK46" s="137">
        <f>'p-y sand'!AK46</f>
        <v>110</v>
      </c>
      <c r="AL46" s="137">
        <f>'p-y sand'!AL46</f>
        <v>120</v>
      </c>
      <c r="AM46" s="137" t="e">
        <f t="shared" si="0"/>
        <v>#N/A</v>
      </c>
      <c r="AN46" s="137" t="e">
        <f t="shared" si="1"/>
        <v>#N/A</v>
      </c>
      <c r="AO46" s="137" t="e">
        <f t="shared" si="2"/>
        <v>#N/A</v>
      </c>
      <c r="AP46" s="137" t="e">
        <f t="shared" si="3"/>
        <v>#N/A</v>
      </c>
      <c r="AQ46" s="137" t="e">
        <f t="shared" si="4"/>
        <v>#N/A</v>
      </c>
      <c r="AR46" s="137" t="e">
        <f t="shared" si="5"/>
        <v>#N/A</v>
      </c>
      <c r="AS46" s="137" t="e">
        <f t="shared" si="6"/>
        <v>#N/A</v>
      </c>
      <c r="AT46" s="137" t="e">
        <f t="shared" si="7"/>
        <v>#N/A</v>
      </c>
      <c r="AU46" s="137" t="e">
        <f t="shared" si="8"/>
        <v>#N/A</v>
      </c>
      <c r="AV46" s="137" t="e">
        <f t="shared" si="9"/>
        <v>#N/A</v>
      </c>
      <c r="AW46" s="144" t="e">
        <f t="shared" si="10"/>
        <v>#N/A</v>
      </c>
      <c r="AX46" s="137" t="e">
        <f t="shared" si="13"/>
        <v>#N/A</v>
      </c>
      <c r="AY46" s="144" t="e">
        <f t="shared" si="14"/>
        <v>#N/A</v>
      </c>
    </row>
    <row r="47" spans="2:51" x14ac:dyDescent="0.2">
      <c r="B47">
        <f>'p-y sand'!B47</f>
        <v>-36.5</v>
      </c>
      <c r="C47">
        <f>'p-y sand'!C47</f>
        <v>21</v>
      </c>
      <c r="D47">
        <f>'p-y sand'!D47</f>
        <v>20.988</v>
      </c>
      <c r="E47" t="str">
        <f>'p-y sand'!E47</f>
        <v>SAND</v>
      </c>
      <c r="F47">
        <f>'p-y sand'!F47</f>
        <v>18.294997190871975</v>
      </c>
      <c r="G47" s="43">
        <f>'p-y sand'!G47</f>
        <v>8.2949971908719746</v>
      </c>
      <c r="H47">
        <f>'p-y sand'!H47</f>
        <v>174.15346602235712</v>
      </c>
      <c r="I47">
        <f>'p-y sand'!I47</f>
        <v>38.567872899587172</v>
      </c>
      <c r="J47">
        <f>'Pile Property'!$B$8</f>
        <v>2</v>
      </c>
      <c r="K47">
        <f>'p-y sand'!K47</f>
        <v>0.67313636758848849</v>
      </c>
      <c r="L47">
        <f>'p-y sand'!L47</f>
        <v>19.283936449793586</v>
      </c>
      <c r="M47">
        <f>'p-y sand'!M47</f>
        <v>0.33656818379424425</v>
      </c>
      <c r="N47">
        <f>'p-y sand'!N47</f>
        <v>64.283936449793586</v>
      </c>
      <c r="O47">
        <f>'p-y sand'!O47</f>
        <v>1.1219663471916925</v>
      </c>
      <c r="P47">
        <f>'p-y sand'!P47</f>
        <v>0.4</v>
      </c>
      <c r="Q47">
        <f>'p-y sand'!Q47</f>
        <v>0.23195093203853295</v>
      </c>
      <c r="R47">
        <f>'p-y sand'!R47</f>
        <v>4.0702192886123791</v>
      </c>
      <c r="S47">
        <f>'p-y sand'!S47</f>
        <v>4.0793057256147103</v>
      </c>
      <c r="T47">
        <f>'p-y sand'!T47</f>
        <v>85.829371194186976</v>
      </c>
      <c r="U47">
        <f>'p-y sand'!U47</f>
        <v>16292.609102014025</v>
      </c>
      <c r="V47">
        <f>'p-y sand'!V47</f>
        <v>29884.997598472932</v>
      </c>
      <c r="W47">
        <f>'p-y sand'!W47</f>
        <v>16292.609102014025</v>
      </c>
      <c r="X47">
        <v>0.9</v>
      </c>
      <c r="Y47">
        <f>'p-y sand'!Y47</f>
        <v>38412.215338100992</v>
      </c>
      <c r="Z47" s="143">
        <f>'p-y sand'!Z47</f>
        <v>0</v>
      </c>
      <c r="AA47" s="137">
        <f>'p-y sand'!AA47</f>
        <v>10</v>
      </c>
      <c r="AB47" s="137">
        <f>'p-y sand'!AB47</f>
        <v>20</v>
      </c>
      <c r="AC47" s="137">
        <f>'p-y sand'!AC47</f>
        <v>30</v>
      </c>
      <c r="AD47" s="137">
        <f>'p-y sand'!AD47</f>
        <v>40</v>
      </c>
      <c r="AE47" s="137">
        <f>'p-y sand'!AE47</f>
        <v>50</v>
      </c>
      <c r="AF47" s="137">
        <f>'p-y sand'!AF47</f>
        <v>60</v>
      </c>
      <c r="AG47" s="137">
        <f>'p-y sand'!AG47</f>
        <v>70</v>
      </c>
      <c r="AH47" s="137">
        <f>'p-y sand'!AH47</f>
        <v>80</v>
      </c>
      <c r="AI47" s="137">
        <f>'p-y sand'!AI47</f>
        <v>90</v>
      </c>
      <c r="AJ47" s="137">
        <f>'p-y sand'!AJ47</f>
        <v>100</v>
      </c>
      <c r="AK47" s="137">
        <f>'p-y sand'!AK47</f>
        <v>110</v>
      </c>
      <c r="AL47" s="137">
        <f>'p-y sand'!AL47</f>
        <v>120</v>
      </c>
      <c r="AM47" s="137">
        <f t="shared" si="0"/>
        <v>0</v>
      </c>
      <c r="AN47" s="137">
        <f t="shared" si="1"/>
        <v>7337.1391099150214</v>
      </c>
      <c r="AO47" s="137">
        <f t="shared" si="2"/>
        <v>11735.922099349595</v>
      </c>
      <c r="AP47" s="137">
        <f t="shared" si="3"/>
        <v>13618.974093856164</v>
      </c>
      <c r="AQ47" s="137">
        <f t="shared" si="4"/>
        <v>14307.107633977595</v>
      </c>
      <c r="AR47" s="137">
        <f t="shared" si="5"/>
        <v>14543.75031837895</v>
      </c>
      <c r="AS47" s="137">
        <f t="shared" si="6"/>
        <v>14623.413218396558</v>
      </c>
      <c r="AT47" s="137">
        <f t="shared" si="7"/>
        <v>14650.037671156224</v>
      </c>
      <c r="AU47" s="137">
        <f t="shared" si="8"/>
        <v>14658.914417874123</v>
      </c>
      <c r="AV47" s="137">
        <f t="shared" si="9"/>
        <v>14661.871586755818</v>
      </c>
      <c r="AW47" s="144">
        <f t="shared" si="10"/>
        <v>14662.856462672962</v>
      </c>
      <c r="AX47" s="137">
        <f t="shared" si="13"/>
        <v>14663.18444313154</v>
      </c>
      <c r="AY47" s="144">
        <f t="shared" si="14"/>
        <v>14663.293662950335</v>
      </c>
    </row>
    <row r="48" spans="2:51" x14ac:dyDescent="0.2">
      <c r="B48">
        <f>'p-y sand'!B48</f>
        <v>-37.5</v>
      </c>
      <c r="C48">
        <f>'p-y sand'!C48</f>
        <v>22</v>
      </c>
      <c r="D48">
        <f>'p-y sand'!D48</f>
        <v>21.988999999999997</v>
      </c>
      <c r="E48" t="str">
        <f>'p-y sand'!E48</f>
        <v>SAND</v>
      </c>
      <c r="F48">
        <f>'p-y sand'!F48</f>
        <v>19.043414698134548</v>
      </c>
      <c r="G48" s="43">
        <f>'p-y sand'!G48</f>
        <v>9.0434146981345478</v>
      </c>
      <c r="H48">
        <f>'p-y sand'!H48</f>
        <v>198.9189497001675</v>
      </c>
      <c r="I48">
        <f>'p-y sand'!I48</f>
        <v>34.621993184907623</v>
      </c>
      <c r="J48">
        <f>'Pile Property'!$B$8</f>
        <v>2</v>
      </c>
      <c r="K48">
        <f>'p-y sand'!K48</f>
        <v>0.60426777467967596</v>
      </c>
      <c r="L48">
        <f>'p-y sand'!L48</f>
        <v>17.310996592453812</v>
      </c>
      <c r="M48">
        <f>'p-y sand'!M48</f>
        <v>0.30213388733983798</v>
      </c>
      <c r="N48">
        <f>'p-y sand'!N48</f>
        <v>62.310996592453812</v>
      </c>
      <c r="O48">
        <f>'p-y sand'!O48</f>
        <v>1.0875320507372863</v>
      </c>
      <c r="P48">
        <f>'p-y sand'!P48</f>
        <v>0.4</v>
      </c>
      <c r="Q48">
        <f>'p-y sand'!Q48</f>
        <v>0.27538033410409468</v>
      </c>
      <c r="R48">
        <f>'p-y sand'!R48</f>
        <v>2.8733097051659273</v>
      </c>
      <c r="S48">
        <f>'p-y sand'!S48</f>
        <v>3.3559610369249513</v>
      </c>
      <c r="T48">
        <f>'p-y sand'!T48</f>
        <v>51.251542118406078</v>
      </c>
      <c r="U48">
        <f>'p-y sand'!U48</f>
        <v>13898.643340029495</v>
      </c>
      <c r="V48">
        <f>'p-y sand'!V48</f>
        <v>20383.317012124327</v>
      </c>
      <c r="W48">
        <f>'p-y sand'!W48</f>
        <v>13898.643340029495</v>
      </c>
      <c r="X48">
        <v>0.9</v>
      </c>
      <c r="Y48">
        <f>'p-y sand'!Y48</f>
        <v>20994.501871854278</v>
      </c>
      <c r="Z48" s="143">
        <f>'p-y sand'!Z48</f>
        <v>0</v>
      </c>
      <c r="AA48" s="137">
        <f>'p-y sand'!AA48</f>
        <v>10</v>
      </c>
      <c r="AB48" s="137">
        <f>'p-y sand'!AB48</f>
        <v>20</v>
      </c>
      <c r="AC48" s="137">
        <f>'p-y sand'!AC48</f>
        <v>30</v>
      </c>
      <c r="AD48" s="137">
        <f>'p-y sand'!AD48</f>
        <v>40</v>
      </c>
      <c r="AE48" s="137">
        <f>'p-y sand'!AE48</f>
        <v>50</v>
      </c>
      <c r="AF48" s="137">
        <f>'p-y sand'!AF48</f>
        <v>60</v>
      </c>
      <c r="AG48" s="137">
        <f>'p-y sand'!AG48</f>
        <v>70</v>
      </c>
      <c r="AH48" s="137">
        <f>'p-y sand'!AH48</f>
        <v>80</v>
      </c>
      <c r="AI48" s="137">
        <f>'p-y sand'!AI48</f>
        <v>90</v>
      </c>
      <c r="AJ48" s="137">
        <f>'p-y sand'!AJ48</f>
        <v>100</v>
      </c>
      <c r="AK48" s="137">
        <f>'p-y sand'!AK48</f>
        <v>110</v>
      </c>
      <c r="AL48" s="137">
        <f>'p-y sand'!AL48</f>
        <v>120</v>
      </c>
      <c r="AM48" s="137">
        <f t="shared" si="0"/>
        <v>0</v>
      </c>
      <c r="AN48" s="137">
        <f t="shared" si="1"/>
        <v>4417.7080114407881</v>
      </c>
      <c r="AO48" s="137">
        <f t="shared" si="2"/>
        <v>7855.6020056709021</v>
      </c>
      <c r="AP48" s="137">
        <f t="shared" si="3"/>
        <v>10045.331858152196</v>
      </c>
      <c r="AQ48" s="137">
        <f t="shared" si="4"/>
        <v>11267.415258540499</v>
      </c>
      <c r="AR48" s="137">
        <f t="shared" si="5"/>
        <v>11899.613811845073</v>
      </c>
      <c r="AS48" s="137">
        <f t="shared" si="6"/>
        <v>12213.841784946962</v>
      </c>
      <c r="AT48" s="137">
        <f t="shared" si="7"/>
        <v>12366.922391523041</v>
      </c>
      <c r="AU48" s="137">
        <f t="shared" si="8"/>
        <v>12440.768483965816</v>
      </c>
      <c r="AV48" s="137">
        <f t="shared" si="9"/>
        <v>12476.222933877843</v>
      </c>
      <c r="AW48" s="144">
        <f t="shared" si="10"/>
        <v>12493.206221001299</v>
      </c>
      <c r="AX48" s="137">
        <f t="shared" si="13"/>
        <v>12501.332601881038</v>
      </c>
      <c r="AY48" s="144">
        <f t="shared" si="14"/>
        <v>12505.218979257814</v>
      </c>
    </row>
    <row r="49" spans="2:51" x14ac:dyDescent="0.2">
      <c r="B49">
        <f>'p-y sand'!B49</f>
        <v>-38.5</v>
      </c>
      <c r="C49">
        <f>'p-y sand'!C49</f>
        <v>23</v>
      </c>
      <c r="D49">
        <f>'p-y sand'!D49</f>
        <v>22.986999999999998</v>
      </c>
      <c r="E49" t="str">
        <f>'p-y sand'!E49</f>
        <v>SAND</v>
      </c>
      <c r="F49">
        <f>'p-y sand'!F49</f>
        <v>18.867063837118025</v>
      </c>
      <c r="G49" s="43">
        <f>'p-y sand'!G49</f>
        <v>8.8670638371180246</v>
      </c>
      <c r="H49">
        <f>'p-y sand'!H49</f>
        <v>203.88926587069184</v>
      </c>
      <c r="I49">
        <f>'p-y sand'!I49</f>
        <v>35.910300289049346</v>
      </c>
      <c r="J49">
        <f>'Pile Property'!$B$8</f>
        <v>2</v>
      </c>
      <c r="K49">
        <f>'p-y sand'!K49</f>
        <v>0.6267529754237825</v>
      </c>
      <c r="L49">
        <f>'p-y sand'!L49</f>
        <v>17.955150144524673</v>
      </c>
      <c r="M49">
        <f>'p-y sand'!M49</f>
        <v>0.31337648771189125</v>
      </c>
      <c r="N49">
        <f>'p-y sand'!N49</f>
        <v>62.955150144524673</v>
      </c>
      <c r="O49">
        <f>'p-y sand'!O49</f>
        <v>1.0987746511093395</v>
      </c>
      <c r="P49">
        <f>'p-y sand'!P49</f>
        <v>0.4</v>
      </c>
      <c r="Q49">
        <f>'p-y sand'!Q49</f>
        <v>0.26062234133932544</v>
      </c>
      <c r="R49">
        <f>'p-y sand'!R49</f>
        <v>3.2182355607463764</v>
      </c>
      <c r="S49">
        <f>'p-y sand'!S49</f>
        <v>3.5763472555918079</v>
      </c>
      <c r="T49">
        <f>'p-y sand'!T49</f>
        <v>60.493023206788251</v>
      </c>
      <c r="U49">
        <f>'p-y sand'!U49</f>
        <v>16536.55656888106</v>
      </c>
      <c r="V49">
        <f>'p-y sand'!V49</f>
        <v>24660.246646882915</v>
      </c>
      <c r="W49">
        <f>'p-y sand'!W49</f>
        <v>16536.55656888106</v>
      </c>
      <c r="X49">
        <v>0.9</v>
      </c>
      <c r="Y49">
        <f>'p-y sand'!Y49</f>
        <v>26187.381329626991</v>
      </c>
      <c r="Z49" s="143">
        <f>'p-y sand'!Z49</f>
        <v>0</v>
      </c>
      <c r="AA49" s="137">
        <f>'p-y sand'!AA49</f>
        <v>10</v>
      </c>
      <c r="AB49" s="137">
        <f>'p-y sand'!AB49</f>
        <v>20</v>
      </c>
      <c r="AC49" s="137">
        <f>'p-y sand'!AC49</f>
        <v>30</v>
      </c>
      <c r="AD49" s="137">
        <f>'p-y sand'!AD49</f>
        <v>40</v>
      </c>
      <c r="AE49" s="137">
        <f>'p-y sand'!AE49</f>
        <v>50</v>
      </c>
      <c r="AF49" s="137">
        <f>'p-y sand'!AF49</f>
        <v>60</v>
      </c>
      <c r="AG49" s="137">
        <f>'p-y sand'!AG49</f>
        <v>70</v>
      </c>
      <c r="AH49" s="137">
        <f>'p-y sand'!AH49</f>
        <v>80</v>
      </c>
      <c r="AI49" s="137">
        <f>'p-y sand'!AI49</f>
        <v>90</v>
      </c>
      <c r="AJ49" s="137">
        <f>'p-y sand'!AJ49</f>
        <v>100</v>
      </c>
      <c r="AK49" s="137">
        <f>'p-y sand'!AK49</f>
        <v>110</v>
      </c>
      <c r="AL49" s="137">
        <f>'p-y sand'!AL49</f>
        <v>120</v>
      </c>
      <c r="AM49" s="137">
        <f t="shared" si="0"/>
        <v>0</v>
      </c>
      <c r="AN49" s="137">
        <f t="shared" si="1"/>
        <v>5711.5740477787003</v>
      </c>
      <c r="AO49" s="137">
        <f t="shared" si="2"/>
        <v>9956.7436506887807</v>
      </c>
      <c r="AP49" s="137">
        <f t="shared" si="3"/>
        <v>12467.403856195362</v>
      </c>
      <c r="AQ49" s="137">
        <f t="shared" si="4"/>
        <v>13756.508171628482</v>
      </c>
      <c r="AR49" s="137">
        <f t="shared" si="5"/>
        <v>14370.530487548365</v>
      </c>
      <c r="AS49" s="137">
        <f t="shared" si="6"/>
        <v>14652.527707977972</v>
      </c>
      <c r="AT49" s="137">
        <f t="shared" si="7"/>
        <v>14779.86661781656</v>
      </c>
      <c r="AU49" s="137">
        <f t="shared" si="8"/>
        <v>14836.928436386963</v>
      </c>
      <c r="AV49" s="137">
        <f t="shared" si="9"/>
        <v>14862.410459619057</v>
      </c>
      <c r="AW49" s="144">
        <f t="shared" si="10"/>
        <v>14873.772423930477</v>
      </c>
      <c r="AX49" s="137">
        <f t="shared" si="13"/>
        <v>14878.83503550864</v>
      </c>
      <c r="AY49" s="144">
        <f t="shared" si="14"/>
        <v>14881.090120129042</v>
      </c>
    </row>
    <row r="50" spans="2:51" x14ac:dyDescent="0.2">
      <c r="B50">
        <f>'p-y sand'!B50</f>
        <v>-39.5</v>
      </c>
      <c r="C50">
        <f>'p-y sand'!C50</f>
        <v>24</v>
      </c>
      <c r="D50">
        <f>'p-y sand'!D50</f>
        <v>23.985999999999997</v>
      </c>
      <c r="E50" t="str">
        <f>'p-y sand'!E50</f>
        <v>SAND</v>
      </c>
      <c r="F50">
        <f>'p-y sand'!F50</f>
        <v>19.386410536185018</v>
      </c>
      <c r="G50" s="43">
        <f>'p-y sand'!G50</f>
        <v>9.3864105361850179</v>
      </c>
      <c r="H50">
        <f>'p-y sand'!H50</f>
        <v>225.20814799468712</v>
      </c>
      <c r="I50">
        <f>'p-y sand'!I50</f>
        <v>36.75893430661138</v>
      </c>
      <c r="J50">
        <f>'Pile Property'!$B$8</f>
        <v>2</v>
      </c>
      <c r="K50">
        <f>'p-y sand'!K50</f>
        <v>0.64156443317466738</v>
      </c>
      <c r="L50">
        <f>'p-y sand'!L50</f>
        <v>18.37946715330569</v>
      </c>
      <c r="M50">
        <f>'p-y sand'!M50</f>
        <v>0.32078221658733369</v>
      </c>
      <c r="N50">
        <f>'p-y sand'!N50</f>
        <v>63.37946715330569</v>
      </c>
      <c r="O50">
        <f>'p-y sand'!O50</f>
        <v>1.106180379984782</v>
      </c>
      <c r="P50">
        <f>'p-y sand'!P50</f>
        <v>0.4</v>
      </c>
      <c r="Q50">
        <f>'p-y sand'!Q50</f>
        <v>0.25121247551576864</v>
      </c>
      <c r="R50">
        <f>'p-y sand'!R50</f>
        <v>3.468213591294961</v>
      </c>
      <c r="S50">
        <f>'p-y sand'!S50</f>
        <v>3.7294815483255355</v>
      </c>
      <c r="T50">
        <f>'p-y sand'!T50</f>
        <v>67.56119113001867</v>
      </c>
      <c r="U50">
        <f>'p-y sand'!U50</f>
        <v>20408.607334616983</v>
      </c>
      <c r="V50">
        <f>'p-y sand'!V50</f>
        <v>30421.783262345532</v>
      </c>
      <c r="W50">
        <f>'p-y sand'!W50</f>
        <v>20408.607334616983</v>
      </c>
      <c r="X50">
        <v>0.9</v>
      </c>
      <c r="Y50">
        <f>'p-y sand'!Y50</f>
        <v>30091.097810412346</v>
      </c>
      <c r="Z50" s="143">
        <f>'p-y sand'!Z50</f>
        <v>0</v>
      </c>
      <c r="AA50" s="137">
        <f>'p-y sand'!AA50</f>
        <v>10</v>
      </c>
      <c r="AB50" s="137">
        <f>'p-y sand'!AB50</f>
        <v>20</v>
      </c>
      <c r="AC50" s="137">
        <f>'p-y sand'!AC50</f>
        <v>30</v>
      </c>
      <c r="AD50" s="137">
        <f>'p-y sand'!AD50</f>
        <v>40</v>
      </c>
      <c r="AE50" s="137">
        <f>'p-y sand'!AE50</f>
        <v>50</v>
      </c>
      <c r="AF50" s="137">
        <f>'p-y sand'!AF50</f>
        <v>60</v>
      </c>
      <c r="AG50" s="137">
        <f>'p-y sand'!AG50</f>
        <v>70</v>
      </c>
      <c r="AH50" s="137">
        <f>'p-y sand'!AH50</f>
        <v>80</v>
      </c>
      <c r="AI50" s="137">
        <f>'p-y sand'!AI50</f>
        <v>90</v>
      </c>
      <c r="AJ50" s="137">
        <f>'p-y sand'!AJ50</f>
        <v>100</v>
      </c>
      <c r="AK50" s="137">
        <f>'p-y sand'!AK50</f>
        <v>110</v>
      </c>
      <c r="AL50" s="137">
        <f>'p-y sand'!AL50</f>
        <v>120</v>
      </c>
      <c r="AM50" s="137">
        <f t="shared" si="0"/>
        <v>0</v>
      </c>
      <c r="AN50" s="137">
        <f t="shared" si="1"/>
        <v>6867.7500609641302</v>
      </c>
      <c r="AO50" s="137">
        <f t="shared" si="2"/>
        <v>12050.764346719816</v>
      </c>
      <c r="AP50" s="137">
        <f t="shared" si="3"/>
        <v>15191.79697757531</v>
      </c>
      <c r="AQ50" s="137">
        <f t="shared" si="4"/>
        <v>16848.975439619051</v>
      </c>
      <c r="AR50" s="137">
        <f t="shared" si="5"/>
        <v>17659.698550531124</v>
      </c>
      <c r="AS50" s="137">
        <f t="shared" si="6"/>
        <v>18041.663151050416</v>
      </c>
      <c r="AT50" s="137">
        <f t="shared" si="7"/>
        <v>18218.42660908472</v>
      </c>
      <c r="AU50" s="137">
        <f t="shared" si="8"/>
        <v>18299.549531926896</v>
      </c>
      <c r="AV50" s="137">
        <f t="shared" si="9"/>
        <v>18336.637274101162</v>
      </c>
      <c r="AW50" s="144">
        <f t="shared" si="10"/>
        <v>18353.56332050751</v>
      </c>
      <c r="AX50" s="137">
        <f t="shared" si="13"/>
        <v>18361.281820042561</v>
      </c>
      <c r="AY50" s="144">
        <f t="shared" si="14"/>
        <v>18364.800271891811</v>
      </c>
    </row>
    <row r="51" spans="2:51" x14ac:dyDescent="0.2">
      <c r="B51">
        <f>'p-y sand'!B51</f>
        <v>-40.5</v>
      </c>
      <c r="C51">
        <f>'p-y sand'!C51</f>
        <v>25</v>
      </c>
      <c r="D51">
        <f>'p-y sand'!D51</f>
        <v>24.991</v>
      </c>
      <c r="E51" t="str">
        <f>'p-y sand'!E51</f>
        <v>SAND</v>
      </c>
      <c r="F51">
        <f>'p-y sand'!F51</f>
        <v>19.634184842982563</v>
      </c>
      <c r="G51" s="43">
        <f>'p-y sand'!G51</f>
        <v>9.6341848429825632</v>
      </c>
      <c r="H51">
        <f>'p-y sand'!H51</f>
        <v>240.83535270487812</v>
      </c>
      <c r="I51">
        <f>'p-y sand'!I51</f>
        <v>35.435597891533675</v>
      </c>
      <c r="J51">
        <f>'Pile Property'!$B$8</f>
        <v>2</v>
      </c>
      <c r="K51">
        <f>'p-y sand'!K51</f>
        <v>0.61846785562002315</v>
      </c>
      <c r="L51">
        <f>'p-y sand'!L51</f>
        <v>17.717798945766837</v>
      </c>
      <c r="M51">
        <f>'p-y sand'!M51</f>
        <v>0.30923392781001158</v>
      </c>
      <c r="N51">
        <f>'p-y sand'!N51</f>
        <v>62.717798945766837</v>
      </c>
      <c r="O51">
        <f>'p-y sand'!O51</f>
        <v>1.0946320912074599</v>
      </c>
      <c r="P51">
        <f>'p-y sand'!P51</f>
        <v>0.4</v>
      </c>
      <c r="Q51">
        <f>'p-y sand'!Q51</f>
        <v>0.26599305307012117</v>
      </c>
      <c r="R51">
        <f>'p-y sand'!R51</f>
        <v>3.0865073137124002</v>
      </c>
      <c r="S51">
        <f>'p-y sand'!S51</f>
        <v>3.4935036272299471</v>
      </c>
      <c r="T51">
        <f>'p-y sand'!T51</f>
        <v>56.893079342565279</v>
      </c>
      <c r="U51">
        <f>'p-y sand'!U51</f>
        <v>20253.857111569196</v>
      </c>
      <c r="V51">
        <f>'p-y sand'!V51</f>
        <v>27396.056001669233</v>
      </c>
      <c r="W51">
        <f>'p-y sand'!W51</f>
        <v>20253.857111569196</v>
      </c>
      <c r="X51">
        <v>0.9</v>
      </c>
      <c r="Y51">
        <f>'p-y sand'!Y51</f>
        <v>24003.750301054904</v>
      </c>
      <c r="Z51" s="143">
        <f>'p-y sand'!Z51</f>
        <v>0</v>
      </c>
      <c r="AA51" s="137">
        <f>'p-y sand'!AA51</f>
        <v>10</v>
      </c>
      <c r="AB51" s="137">
        <f>'p-y sand'!AB51</f>
        <v>20</v>
      </c>
      <c r="AC51" s="137">
        <f>'p-y sand'!AC51</f>
        <v>30</v>
      </c>
      <c r="AD51" s="137">
        <f>'p-y sand'!AD51</f>
        <v>40</v>
      </c>
      <c r="AE51" s="137">
        <f>'p-y sand'!AE51</f>
        <v>50</v>
      </c>
      <c r="AF51" s="137">
        <f>'p-y sand'!AF51</f>
        <v>60</v>
      </c>
      <c r="AG51" s="137">
        <f>'p-y sand'!AG51</f>
        <v>70</v>
      </c>
      <c r="AH51" s="137">
        <f>'p-y sand'!AH51</f>
        <v>80</v>
      </c>
      <c r="AI51" s="137">
        <f>'p-y sand'!AI51</f>
        <v>90</v>
      </c>
      <c r="AJ51" s="137">
        <f>'p-y sand'!AJ51</f>
        <v>100</v>
      </c>
      <c r="AK51" s="137">
        <f>'p-y sand'!AK51</f>
        <v>110</v>
      </c>
      <c r="AL51" s="137">
        <f>'p-y sand'!AL51</f>
        <v>120</v>
      </c>
      <c r="AM51" s="137">
        <f t="shared" si="0"/>
        <v>0</v>
      </c>
      <c r="AN51" s="137">
        <f t="shared" si="1"/>
        <v>5791.2102347339578</v>
      </c>
      <c r="AO51" s="137">
        <f t="shared" si="2"/>
        <v>10520.538759267512</v>
      </c>
      <c r="AP51" s="137">
        <f t="shared" si="3"/>
        <v>13784.255118640098</v>
      </c>
      <c r="AQ51" s="137">
        <f t="shared" si="4"/>
        <v>15783.562759821958</v>
      </c>
      <c r="AR51" s="137">
        <f t="shared" si="5"/>
        <v>16920.204060151958</v>
      </c>
      <c r="AS51" s="137">
        <f t="shared" si="6"/>
        <v>17539.129224268669</v>
      </c>
      <c r="AT51" s="137">
        <f t="shared" si="7"/>
        <v>17868.249344939039</v>
      </c>
      <c r="AU51" s="137">
        <f t="shared" si="8"/>
        <v>18041.057425711835</v>
      </c>
      <c r="AV51" s="137">
        <f t="shared" si="9"/>
        <v>18131.188306349814</v>
      </c>
      <c r="AW51" s="144">
        <f t="shared" si="10"/>
        <v>18178.033840977252</v>
      </c>
      <c r="AX51" s="137">
        <f t="shared" si="13"/>
        <v>18202.337670673402</v>
      </c>
      <c r="AY51" s="144">
        <f t="shared" si="14"/>
        <v>18214.934817479414</v>
      </c>
    </row>
    <row r="52" spans="2:51" x14ac:dyDescent="0.2">
      <c r="B52">
        <f>'p-y sand'!B52</f>
        <v>-41.5</v>
      </c>
      <c r="C52">
        <f>'p-y sand'!C52</f>
        <v>26</v>
      </c>
      <c r="D52">
        <f>'p-y sand'!D52</f>
        <v>25.986999999999998</v>
      </c>
      <c r="E52" t="str">
        <f>'p-y sand'!E52</f>
        <v>SAND</v>
      </c>
      <c r="F52">
        <f>'p-y sand'!F52</f>
        <v>18.97919390089757</v>
      </c>
      <c r="G52" s="43">
        <f>'p-y sand'!G52</f>
        <v>8.9791939008975703</v>
      </c>
      <c r="H52">
        <f>'p-y sand'!H52</f>
        <v>233.40516625993143</v>
      </c>
      <c r="I52">
        <f>'p-y sand'!I52</f>
        <v>34.911184863858651</v>
      </c>
      <c r="J52">
        <f>'Pile Property'!$B$8</f>
        <v>2</v>
      </c>
      <c r="K52">
        <f>'p-y sand'!K52</f>
        <v>0.60931512164674184</v>
      </c>
      <c r="L52">
        <f>'p-y sand'!L52</f>
        <v>17.455592431929325</v>
      </c>
      <c r="M52">
        <f>'p-y sand'!M52</f>
        <v>0.30465756082337092</v>
      </c>
      <c r="N52">
        <f>'p-y sand'!N52</f>
        <v>62.455592431929325</v>
      </c>
      <c r="O52">
        <f>'p-y sand'!O52</f>
        <v>1.0900557242208191</v>
      </c>
      <c r="P52">
        <f>'p-y sand'!P52</f>
        <v>0.4</v>
      </c>
      <c r="Q52">
        <f>'p-y sand'!Q52</f>
        <v>0.27201705169244683</v>
      </c>
      <c r="R52">
        <f>'p-y sand'!R52</f>
        <v>2.9473308256219437</v>
      </c>
      <c r="S52">
        <f>'p-y sand'!S52</f>
        <v>3.4042230728812117</v>
      </c>
      <c r="T52">
        <f>'p-y sand'!T52</f>
        <v>53.184192528155037</v>
      </c>
      <c r="U52">
        <f>'p-y sand'!U52</f>
        <v>19460.919691867344</v>
      </c>
      <c r="V52">
        <f>'p-y sand'!V52</f>
        <v>24820.244882388037</v>
      </c>
      <c r="W52">
        <f>'p-y sand'!W52</f>
        <v>19460.919691867344</v>
      </c>
      <c r="X52">
        <v>0.9</v>
      </c>
      <c r="Y52">
        <f>'p-y sand'!Y52</f>
        <v>21763.751737864011</v>
      </c>
      <c r="Z52" s="143">
        <f>'p-y sand'!Z52</f>
        <v>0</v>
      </c>
      <c r="AA52" s="137">
        <f>'p-y sand'!AA52</f>
        <v>10</v>
      </c>
      <c r="AB52" s="137">
        <f>'p-y sand'!AB52</f>
        <v>20</v>
      </c>
      <c r="AC52" s="137">
        <f>'p-y sand'!AC52</f>
        <v>30</v>
      </c>
      <c r="AD52" s="137">
        <f>'p-y sand'!AD52</f>
        <v>40</v>
      </c>
      <c r="AE52" s="137">
        <f>'p-y sand'!AE52</f>
        <v>50</v>
      </c>
      <c r="AF52" s="137">
        <f>'p-y sand'!AF52</f>
        <v>60</v>
      </c>
      <c r="AG52" s="137">
        <f>'p-y sand'!AG52</f>
        <v>70</v>
      </c>
      <c r="AH52" s="137">
        <f>'p-y sand'!AH52</f>
        <v>80</v>
      </c>
      <c r="AI52" s="137">
        <f>'p-y sand'!AI52</f>
        <v>90</v>
      </c>
      <c r="AJ52" s="137">
        <f>'p-y sand'!AJ52</f>
        <v>100</v>
      </c>
      <c r="AK52" s="137">
        <f>'p-y sand'!AK52</f>
        <v>110</v>
      </c>
      <c r="AL52" s="137">
        <f>'p-y sand'!AL52</f>
        <v>120</v>
      </c>
      <c r="AM52" s="137">
        <f t="shared" si="0"/>
        <v>0</v>
      </c>
      <c r="AN52" s="137">
        <f t="shared" si="1"/>
        <v>5467.034397333161</v>
      </c>
      <c r="AO52" s="137">
        <f t="shared" si="2"/>
        <v>9963.3422168350462</v>
      </c>
      <c r="AP52" s="137">
        <f t="shared" si="3"/>
        <v>13103.68620998826</v>
      </c>
      <c r="AQ52" s="137">
        <f t="shared" si="4"/>
        <v>15055.000285971029</v>
      </c>
      <c r="AR52" s="137">
        <f t="shared" si="5"/>
        <v>16180.740411724775</v>
      </c>
      <c r="AS52" s="137">
        <f t="shared" si="6"/>
        <v>16802.552414019556</v>
      </c>
      <c r="AT52" s="137">
        <f t="shared" si="7"/>
        <v>17137.783728741426</v>
      </c>
      <c r="AU52" s="137">
        <f t="shared" si="8"/>
        <v>17316.152345168673</v>
      </c>
      <c r="AV52" s="137">
        <f t="shared" si="9"/>
        <v>17410.394225646876</v>
      </c>
      <c r="AW52" s="144">
        <f t="shared" si="10"/>
        <v>17460.00273306284</v>
      </c>
      <c r="AX52" s="137">
        <f t="shared" si="13"/>
        <v>17486.065373105153</v>
      </c>
      <c r="AY52" s="144">
        <f t="shared" si="14"/>
        <v>17499.743728937163</v>
      </c>
    </row>
    <row r="53" spans="2:51" x14ac:dyDescent="0.2">
      <c r="B53">
        <f>'p-y sand'!B53</f>
        <v>-42.5</v>
      </c>
      <c r="C53">
        <f>'p-y sand'!C53</f>
        <v>27</v>
      </c>
      <c r="D53">
        <f>'p-y sand'!D53</f>
        <v>26.992999999999999</v>
      </c>
      <c r="E53" t="str">
        <f>'p-y sand'!E53</f>
        <v>SAND</v>
      </c>
      <c r="F53">
        <f>'p-y sand'!F53</f>
        <v>19.978736428781932</v>
      </c>
      <c r="G53" s="43">
        <f>'p-y sand'!G53</f>
        <v>9.9787364287819322</v>
      </c>
      <c r="H53">
        <f>'p-y sand'!H53</f>
        <v>269.42588357711219</v>
      </c>
      <c r="I53">
        <f>'p-y sand'!I53</f>
        <v>34.250856772257038</v>
      </c>
      <c r="J53">
        <f>'Pile Property'!$B$8</f>
        <v>2</v>
      </c>
      <c r="K53">
        <f>'p-y sand'!K53</f>
        <v>0.59779022230488288</v>
      </c>
      <c r="L53">
        <f>'p-y sand'!L53</f>
        <v>17.125428386128519</v>
      </c>
      <c r="M53">
        <f>'p-y sand'!M53</f>
        <v>0.29889511115244144</v>
      </c>
      <c r="N53">
        <f>'p-y sand'!N53</f>
        <v>62.125428386128519</v>
      </c>
      <c r="O53">
        <f>'p-y sand'!O53</f>
        <v>1.0842932745498897</v>
      </c>
      <c r="P53">
        <f>'p-y sand'!P53</f>
        <v>0.4</v>
      </c>
      <c r="Q53">
        <f>'p-y sand'!Q53</f>
        <v>0.27974013040842627</v>
      </c>
      <c r="R53">
        <f>'p-y sand'!R53</f>
        <v>2.7810459534453318</v>
      </c>
      <c r="S53">
        <f>'p-y sand'!S53</f>
        <v>3.2950061833935287</v>
      </c>
      <c r="T53">
        <f>'p-y sand'!T53</f>
        <v>48.881693143638898</v>
      </c>
      <c r="U53">
        <f>'p-y sand'!U53</f>
        <v>21995.286552299593</v>
      </c>
      <c r="V53">
        <f>'p-y sand'!V53</f>
        <v>26333.157846491329</v>
      </c>
      <c r="W53">
        <f>'p-y sand'!W53</f>
        <v>21995.286552299593</v>
      </c>
      <c r="X53">
        <v>0.9</v>
      </c>
      <c r="Y53">
        <f>'p-y sand'!Y53</f>
        <v>20007.279014203719</v>
      </c>
      <c r="Z53" s="143">
        <f>'p-y sand'!Z53</f>
        <v>0</v>
      </c>
      <c r="AA53" s="137">
        <f>'p-y sand'!AA53</f>
        <v>10</v>
      </c>
      <c r="AB53" s="137">
        <f>'p-y sand'!AB53</f>
        <v>20</v>
      </c>
      <c r="AC53" s="137">
        <f>'p-y sand'!AC53</f>
        <v>30</v>
      </c>
      <c r="AD53" s="137">
        <f>'p-y sand'!AD53</f>
        <v>40</v>
      </c>
      <c r="AE53" s="137">
        <f>'p-y sand'!AE53</f>
        <v>50</v>
      </c>
      <c r="AF53" s="137">
        <f>'p-y sand'!AF53</f>
        <v>60</v>
      </c>
      <c r="AG53" s="137">
        <f>'p-y sand'!AG53</f>
        <v>70</v>
      </c>
      <c r="AH53" s="137">
        <f>'p-y sand'!AH53</f>
        <v>80</v>
      </c>
      <c r="AI53" s="137">
        <f>'p-y sand'!AI53</f>
        <v>90</v>
      </c>
      <c r="AJ53" s="137">
        <f>'p-y sand'!AJ53</f>
        <v>100</v>
      </c>
      <c r="AK53" s="137">
        <f>'p-y sand'!AK53</f>
        <v>110</v>
      </c>
      <c r="AL53" s="137">
        <f>'p-y sand'!AL53</f>
        <v>120</v>
      </c>
      <c r="AM53" s="137">
        <f t="shared" si="0"/>
        <v>0</v>
      </c>
      <c r="AN53" s="137">
        <f t="shared" si="1"/>
        <v>5270.4532934400258</v>
      </c>
      <c r="AO53" s="137">
        <f t="shared" si="2"/>
        <v>9843.1772614193378</v>
      </c>
      <c r="AP53" s="137">
        <f t="shared" si="3"/>
        <v>13346.72362092798</v>
      </c>
      <c r="AQ53" s="137">
        <f t="shared" si="4"/>
        <v>15783.879719727774</v>
      </c>
      <c r="AR53" s="137">
        <f t="shared" si="5"/>
        <v>17367.490867462282</v>
      </c>
      <c r="AS53" s="137">
        <f t="shared" si="6"/>
        <v>18351.378557358083</v>
      </c>
      <c r="AT53" s="137">
        <f t="shared" si="7"/>
        <v>18945.73192282789</v>
      </c>
      <c r="AU53" s="137">
        <f t="shared" si="8"/>
        <v>19298.699264966221</v>
      </c>
      <c r="AV53" s="137">
        <f t="shared" si="9"/>
        <v>19506.194864325451</v>
      </c>
      <c r="AW53" s="144">
        <f t="shared" si="10"/>
        <v>19627.444980216151</v>
      </c>
      <c r="AX53" s="137">
        <f t="shared" si="13"/>
        <v>19698.049677122966</v>
      </c>
      <c r="AY53" s="144">
        <f t="shared" si="14"/>
        <v>19739.079363528966</v>
      </c>
    </row>
    <row r="54" spans="2:51" x14ac:dyDescent="0.2">
      <c r="B54">
        <f>'p-y sand'!B54</f>
        <v>-43.5</v>
      </c>
      <c r="C54">
        <f>'p-y sand'!C54</f>
        <v>28</v>
      </c>
      <c r="D54">
        <f>'p-y sand'!D54</f>
        <v>27.991999999999997</v>
      </c>
      <c r="E54" t="str">
        <f>'p-y sand'!E54</f>
        <v>SAND</v>
      </c>
      <c r="F54">
        <f>'p-y sand'!F54</f>
        <v>20.400397867550019</v>
      </c>
      <c r="G54" s="43">
        <f>'p-y sand'!G54</f>
        <v>10.400397867550019</v>
      </c>
      <c r="H54">
        <f>'p-y sand'!H54</f>
        <v>291.20073989353295</v>
      </c>
      <c r="I54">
        <f>'p-y sand'!I54</f>
        <v>37.172226724588853</v>
      </c>
      <c r="J54">
        <f>'Pile Property'!$B$8</f>
        <v>2</v>
      </c>
      <c r="K54">
        <f>'p-y sand'!K54</f>
        <v>0.64877774664190291</v>
      </c>
      <c r="L54">
        <f>'p-y sand'!L54</f>
        <v>18.586113362294427</v>
      </c>
      <c r="M54">
        <f>'p-y sand'!M54</f>
        <v>0.32438887332095145</v>
      </c>
      <c r="N54">
        <f>'p-y sand'!N54</f>
        <v>63.586113362294427</v>
      </c>
      <c r="O54">
        <f>'p-y sand'!O54</f>
        <v>1.1097870367183997</v>
      </c>
      <c r="P54">
        <f>'p-y sand'!P54</f>
        <v>0.4</v>
      </c>
      <c r="Q54">
        <f>'p-y sand'!Q54</f>
        <v>0.24671728598342912</v>
      </c>
      <c r="R54">
        <f>'p-y sand'!R54</f>
        <v>3.597093961707083</v>
      </c>
      <c r="S54">
        <f>'p-y sand'!S54</f>
        <v>3.8065049923581276</v>
      </c>
      <c r="T54">
        <f>'p-y sand'!T54</f>
        <v>71.325073082770984</v>
      </c>
      <c r="U54">
        <f>'p-y sand'!U54</f>
        <v>31529.989426077573</v>
      </c>
      <c r="V54">
        <f>'p-y sand'!V54</f>
        <v>41529.442781394544</v>
      </c>
      <c r="W54">
        <f>'p-y sand'!W54</f>
        <v>31529.989426077573</v>
      </c>
      <c r="X54">
        <v>0.9</v>
      </c>
      <c r="Y54">
        <f>'p-y sand'!Y54</f>
        <v>31992.242933108726</v>
      </c>
      <c r="Z54" s="143">
        <f>'p-y sand'!Z54</f>
        <v>0</v>
      </c>
      <c r="AA54" s="137">
        <f>'p-y sand'!AA54</f>
        <v>10</v>
      </c>
      <c r="AB54" s="137">
        <f>'p-y sand'!AB54</f>
        <v>20</v>
      </c>
      <c r="AC54" s="137">
        <f>'p-y sand'!AC54</f>
        <v>30</v>
      </c>
      <c r="AD54" s="137">
        <f>'p-y sand'!AD54</f>
        <v>40</v>
      </c>
      <c r="AE54" s="137">
        <f>'p-y sand'!AE54</f>
        <v>50</v>
      </c>
      <c r="AF54" s="137">
        <f>'p-y sand'!AF54</f>
        <v>60</v>
      </c>
      <c r="AG54" s="137">
        <f>'p-y sand'!AG54</f>
        <v>70</v>
      </c>
      <c r="AH54" s="137">
        <f>'p-y sand'!AH54</f>
        <v>80</v>
      </c>
      <c r="AI54" s="137">
        <f>'p-y sand'!AI54</f>
        <v>90</v>
      </c>
      <c r="AJ54" s="137">
        <f>'p-y sand'!AJ54</f>
        <v>100</v>
      </c>
      <c r="AK54" s="137">
        <f>'p-y sand'!AK54</f>
        <v>110</v>
      </c>
      <c r="AL54" s="137">
        <f>'p-y sand'!AL54</f>
        <v>120</v>
      </c>
      <c r="AM54" s="137">
        <f t="shared" si="0"/>
        <v>0</v>
      </c>
      <c r="AN54" s="137">
        <f t="shared" si="1"/>
        <v>8669.3617660250038</v>
      </c>
      <c r="AO54" s="137">
        <f t="shared" si="2"/>
        <v>15858.573613427992</v>
      </c>
      <c r="AP54" s="137">
        <f t="shared" si="3"/>
        <v>20950.913874981878</v>
      </c>
      <c r="AQ54" s="137">
        <f t="shared" si="4"/>
        <v>24168.815971595086</v>
      </c>
      <c r="AR54" s="137">
        <f t="shared" si="5"/>
        <v>26057.87818414966</v>
      </c>
      <c r="AS54" s="137">
        <f t="shared" si="6"/>
        <v>27119.232886556598</v>
      </c>
      <c r="AT54" s="137">
        <f t="shared" si="7"/>
        <v>27700.885717856392</v>
      </c>
      <c r="AU54" s="137">
        <f t="shared" si="8"/>
        <v>28015.304955026306</v>
      </c>
      <c r="AV54" s="137">
        <f t="shared" si="9"/>
        <v>28184.008240891686</v>
      </c>
      <c r="AW54" s="144">
        <f t="shared" si="10"/>
        <v>28274.165658993359</v>
      </c>
      <c r="AX54" s="137">
        <f t="shared" si="13"/>
        <v>28322.244115061614</v>
      </c>
      <c r="AY54" s="144">
        <f t="shared" si="14"/>
        <v>28347.853784195286</v>
      </c>
    </row>
    <row r="55" spans="2:51" x14ac:dyDescent="0.2">
      <c r="B55">
        <f>'p-y sand'!B55</f>
        <v>-44.5</v>
      </c>
      <c r="C55">
        <f>'p-y sand'!C55</f>
        <v>29</v>
      </c>
      <c r="D55">
        <f>'p-y sand'!D55</f>
        <v>28.983999999999998</v>
      </c>
      <c r="E55" t="str">
        <f>'p-y sand'!E55</f>
        <v>CLAY</v>
      </c>
      <c r="F55">
        <f>'p-y sand'!F55</f>
        <v>19.622561331925713</v>
      </c>
      <c r="G55" s="43">
        <f>'p-y sand'!G55</f>
        <v>9.6225613319257128</v>
      </c>
      <c r="H55">
        <f>'p-y sand'!H55</f>
        <v>278.96767557385834</v>
      </c>
      <c r="I55" t="e">
        <f>'p-y sand'!I55</f>
        <v>#N/A</v>
      </c>
      <c r="J55">
        <f>'Pile Property'!$B$8</f>
        <v>2</v>
      </c>
      <c r="K55" t="e">
        <f>'p-y sand'!K55</f>
        <v>#N/A</v>
      </c>
      <c r="L55" t="e">
        <f>'p-y sand'!L55</f>
        <v>#N/A</v>
      </c>
      <c r="M55" t="e">
        <f>'p-y sand'!M55</f>
        <v>#N/A</v>
      </c>
      <c r="N55" t="e">
        <f>'p-y sand'!N55</f>
        <v>#N/A</v>
      </c>
      <c r="O55" t="e">
        <f>'p-y sand'!O55</f>
        <v>#N/A</v>
      </c>
      <c r="P55">
        <f>'p-y sand'!P55</f>
        <v>0.4</v>
      </c>
      <c r="Q55" t="e">
        <f>'p-y sand'!Q55</f>
        <v>#N/A</v>
      </c>
      <c r="R55" t="e">
        <f>'p-y sand'!R55</f>
        <v>#N/A</v>
      </c>
      <c r="S55" t="e">
        <f>'p-y sand'!S55</f>
        <v>#N/A</v>
      </c>
      <c r="T55" t="e">
        <f>'p-y sand'!T55</f>
        <v>#N/A</v>
      </c>
      <c r="U55" t="e">
        <f>'p-y sand'!U55</f>
        <v>#N/A</v>
      </c>
      <c r="V55" t="e">
        <f>'p-y sand'!V55</f>
        <v>#N/A</v>
      </c>
      <c r="W55" t="e">
        <f>'p-y sand'!W55</f>
        <v>#N/A</v>
      </c>
      <c r="X55">
        <v>0.9</v>
      </c>
      <c r="Y55" t="e">
        <f>'p-y sand'!Y55</f>
        <v>#N/A</v>
      </c>
      <c r="Z55" s="143">
        <f>'p-y sand'!Z55</f>
        <v>0</v>
      </c>
      <c r="AA55" s="137">
        <f>'p-y sand'!AA55</f>
        <v>10</v>
      </c>
      <c r="AB55" s="137">
        <f>'p-y sand'!AB55</f>
        <v>20</v>
      </c>
      <c r="AC55" s="137">
        <f>'p-y sand'!AC55</f>
        <v>30</v>
      </c>
      <c r="AD55" s="137">
        <f>'p-y sand'!AD55</f>
        <v>40</v>
      </c>
      <c r="AE55" s="137">
        <f>'p-y sand'!AE55</f>
        <v>50</v>
      </c>
      <c r="AF55" s="137">
        <f>'p-y sand'!AF55</f>
        <v>60</v>
      </c>
      <c r="AG55" s="137">
        <f>'p-y sand'!AG55</f>
        <v>70</v>
      </c>
      <c r="AH55" s="137">
        <f>'p-y sand'!AH55</f>
        <v>80</v>
      </c>
      <c r="AI55" s="137">
        <f>'p-y sand'!AI55</f>
        <v>90</v>
      </c>
      <c r="AJ55" s="137">
        <f>'p-y sand'!AJ55</f>
        <v>100</v>
      </c>
      <c r="AK55" s="137">
        <f>'p-y sand'!AK55</f>
        <v>110</v>
      </c>
      <c r="AL55" s="137">
        <f>'p-y sand'!AL55</f>
        <v>120</v>
      </c>
      <c r="AM55" s="137" t="e">
        <f t="shared" si="0"/>
        <v>#N/A</v>
      </c>
      <c r="AN55" s="137" t="e">
        <f t="shared" si="1"/>
        <v>#N/A</v>
      </c>
      <c r="AO55" s="137" t="e">
        <f t="shared" si="2"/>
        <v>#N/A</v>
      </c>
      <c r="AP55" s="137" t="e">
        <f t="shared" si="3"/>
        <v>#N/A</v>
      </c>
      <c r="AQ55" s="137" t="e">
        <f t="shared" si="4"/>
        <v>#N/A</v>
      </c>
      <c r="AR55" s="137" t="e">
        <f t="shared" si="5"/>
        <v>#N/A</v>
      </c>
      <c r="AS55" s="137" t="e">
        <f t="shared" si="6"/>
        <v>#N/A</v>
      </c>
      <c r="AT55" s="137" t="e">
        <f t="shared" si="7"/>
        <v>#N/A</v>
      </c>
      <c r="AU55" s="137" t="e">
        <f t="shared" si="8"/>
        <v>#N/A</v>
      </c>
      <c r="AV55" s="137" t="e">
        <f t="shared" si="9"/>
        <v>#N/A</v>
      </c>
      <c r="AW55" s="144" t="e">
        <f t="shared" si="10"/>
        <v>#N/A</v>
      </c>
      <c r="AX55" s="137" t="e">
        <f t="shared" si="13"/>
        <v>#N/A</v>
      </c>
      <c r="AY55" s="144" t="e">
        <f t="shared" si="14"/>
        <v>#N/A</v>
      </c>
    </row>
    <row r="56" spans="2:51" x14ac:dyDescent="0.2">
      <c r="B56">
        <f>'p-y sand'!B56</f>
        <v>-45.5</v>
      </c>
      <c r="C56">
        <f>'p-y sand'!C56</f>
        <v>30</v>
      </c>
      <c r="D56">
        <f>'p-y sand'!D56</f>
        <v>29.992999999999999</v>
      </c>
      <c r="E56" t="str">
        <f>'p-y sand'!E56</f>
        <v>CLAY</v>
      </c>
      <c r="F56">
        <f>'p-y sand'!F56</f>
        <v>19.535447594906977</v>
      </c>
      <c r="G56" s="43">
        <f>'p-y sand'!G56</f>
        <v>9.5354475949069766</v>
      </c>
      <c r="H56">
        <f>'p-y sand'!H56</f>
        <v>286.06342784720931</v>
      </c>
      <c r="I56" t="e">
        <f>'p-y sand'!I56</f>
        <v>#N/A</v>
      </c>
      <c r="J56">
        <f>'Pile Property'!$B$8</f>
        <v>2</v>
      </c>
      <c r="K56" t="e">
        <f>'p-y sand'!K56</f>
        <v>#N/A</v>
      </c>
      <c r="L56" t="e">
        <f>'p-y sand'!L56</f>
        <v>#N/A</v>
      </c>
      <c r="M56" t="e">
        <f>'p-y sand'!M56</f>
        <v>#N/A</v>
      </c>
      <c r="N56" t="e">
        <f>'p-y sand'!N56</f>
        <v>#N/A</v>
      </c>
      <c r="O56" t="e">
        <f>'p-y sand'!O56</f>
        <v>#N/A</v>
      </c>
      <c r="P56">
        <f>'p-y sand'!P56</f>
        <v>0.4</v>
      </c>
      <c r="Q56" t="e">
        <f>'p-y sand'!Q56</f>
        <v>#N/A</v>
      </c>
      <c r="R56" t="e">
        <f>'p-y sand'!R56</f>
        <v>#N/A</v>
      </c>
      <c r="S56" t="e">
        <f>'p-y sand'!S56</f>
        <v>#N/A</v>
      </c>
      <c r="T56" t="e">
        <f>'p-y sand'!T56</f>
        <v>#N/A</v>
      </c>
      <c r="U56" t="e">
        <f>'p-y sand'!U56</f>
        <v>#N/A</v>
      </c>
      <c r="V56" t="e">
        <f>'p-y sand'!V56</f>
        <v>#N/A</v>
      </c>
      <c r="W56" t="e">
        <f>'p-y sand'!W56</f>
        <v>#N/A</v>
      </c>
      <c r="X56">
        <v>0.9</v>
      </c>
      <c r="Y56" t="e">
        <f>'p-y sand'!Y56</f>
        <v>#N/A</v>
      </c>
      <c r="Z56" s="143">
        <f>'p-y sand'!Z56</f>
        <v>0</v>
      </c>
      <c r="AA56" s="137">
        <f>'p-y sand'!AA56</f>
        <v>10</v>
      </c>
      <c r="AB56" s="137">
        <f>'p-y sand'!AB56</f>
        <v>20</v>
      </c>
      <c r="AC56" s="137">
        <f>'p-y sand'!AC56</f>
        <v>30</v>
      </c>
      <c r="AD56" s="137">
        <f>'p-y sand'!AD56</f>
        <v>40</v>
      </c>
      <c r="AE56" s="137">
        <f>'p-y sand'!AE56</f>
        <v>50</v>
      </c>
      <c r="AF56" s="137">
        <f>'p-y sand'!AF56</f>
        <v>60</v>
      </c>
      <c r="AG56" s="137">
        <f>'p-y sand'!AG56</f>
        <v>70</v>
      </c>
      <c r="AH56" s="137">
        <f>'p-y sand'!AH56</f>
        <v>80</v>
      </c>
      <c r="AI56" s="137">
        <f>'p-y sand'!AI56</f>
        <v>90</v>
      </c>
      <c r="AJ56" s="137">
        <f>'p-y sand'!AJ56</f>
        <v>100</v>
      </c>
      <c r="AK56" s="137">
        <f>'p-y sand'!AK56</f>
        <v>110</v>
      </c>
      <c r="AL56" s="137">
        <f>'p-y sand'!AL56</f>
        <v>120</v>
      </c>
      <c r="AM56" s="137" t="e">
        <f t="shared" si="0"/>
        <v>#N/A</v>
      </c>
      <c r="AN56" s="137" t="e">
        <f t="shared" si="1"/>
        <v>#N/A</v>
      </c>
      <c r="AO56" s="137" t="e">
        <f t="shared" si="2"/>
        <v>#N/A</v>
      </c>
      <c r="AP56" s="137" t="e">
        <f t="shared" si="3"/>
        <v>#N/A</v>
      </c>
      <c r="AQ56" s="137" t="e">
        <f t="shared" si="4"/>
        <v>#N/A</v>
      </c>
      <c r="AR56" s="137" t="e">
        <f t="shared" si="5"/>
        <v>#N/A</v>
      </c>
      <c r="AS56" s="137" t="e">
        <f t="shared" si="6"/>
        <v>#N/A</v>
      </c>
      <c r="AT56" s="137" t="e">
        <f t="shared" si="7"/>
        <v>#N/A</v>
      </c>
      <c r="AU56" s="137" t="e">
        <f t="shared" si="8"/>
        <v>#N/A</v>
      </c>
      <c r="AV56" s="137" t="e">
        <f t="shared" si="9"/>
        <v>#N/A</v>
      </c>
      <c r="AW56" s="144" t="e">
        <f t="shared" si="10"/>
        <v>#N/A</v>
      </c>
      <c r="AX56" s="137" t="e">
        <f t="shared" si="13"/>
        <v>#N/A</v>
      </c>
      <c r="AY56" s="144" t="e">
        <f t="shared" si="14"/>
        <v>#N/A</v>
      </c>
    </row>
    <row r="57" spans="2:51" x14ac:dyDescent="0.2">
      <c r="B57">
        <f>'p-y sand'!B57</f>
        <v>-46.5</v>
      </c>
      <c r="C57">
        <f>'p-y sand'!C57</f>
        <v>31</v>
      </c>
      <c r="D57">
        <f>'p-y sand'!D57</f>
        <v>30.983999999999998</v>
      </c>
      <c r="E57" t="str">
        <f>'p-y sand'!E57</f>
        <v>CLAY</v>
      </c>
      <c r="F57">
        <f>'p-y sand'!F57</f>
        <v>17.918163379059081</v>
      </c>
      <c r="G57" s="43">
        <f>'p-y sand'!G57</f>
        <v>7.9181633790590809</v>
      </c>
      <c r="H57">
        <f>'p-y sand'!H57</f>
        <v>245.39180128041997</v>
      </c>
      <c r="I57" t="e">
        <f>'p-y sand'!I57</f>
        <v>#N/A</v>
      </c>
      <c r="J57">
        <f>'Pile Property'!$B$8</f>
        <v>2</v>
      </c>
      <c r="K57" t="e">
        <f>'p-y sand'!K57</f>
        <v>#N/A</v>
      </c>
      <c r="L57" t="e">
        <f>'p-y sand'!L57</f>
        <v>#N/A</v>
      </c>
      <c r="M57" t="e">
        <f>'p-y sand'!M57</f>
        <v>#N/A</v>
      </c>
      <c r="N57" t="e">
        <f>'p-y sand'!N57</f>
        <v>#N/A</v>
      </c>
      <c r="O57" t="e">
        <f>'p-y sand'!O57</f>
        <v>#N/A</v>
      </c>
      <c r="P57">
        <f>'p-y sand'!P57</f>
        <v>0.4</v>
      </c>
      <c r="Q57" t="e">
        <f>'p-y sand'!Q57</f>
        <v>#N/A</v>
      </c>
      <c r="R57" t="e">
        <f>'p-y sand'!R57</f>
        <v>#N/A</v>
      </c>
      <c r="S57" t="e">
        <f>'p-y sand'!S57</f>
        <v>#N/A</v>
      </c>
      <c r="T57" t="e">
        <f>'p-y sand'!T57</f>
        <v>#N/A</v>
      </c>
      <c r="U57" t="e">
        <f>'p-y sand'!U57</f>
        <v>#N/A</v>
      </c>
      <c r="V57" t="e">
        <f>'p-y sand'!V57</f>
        <v>#N/A</v>
      </c>
      <c r="W57" t="e">
        <f>'p-y sand'!W57</f>
        <v>#N/A</v>
      </c>
      <c r="X57">
        <v>0.9</v>
      </c>
      <c r="Y57" t="e">
        <f>'p-y sand'!Y57</f>
        <v>#N/A</v>
      </c>
      <c r="Z57" s="143">
        <f>'p-y sand'!Z57</f>
        <v>0</v>
      </c>
      <c r="AA57" s="137">
        <f>'p-y sand'!AA57</f>
        <v>10</v>
      </c>
      <c r="AB57" s="137">
        <f>'p-y sand'!AB57</f>
        <v>20</v>
      </c>
      <c r="AC57" s="137">
        <f>'p-y sand'!AC57</f>
        <v>30</v>
      </c>
      <c r="AD57" s="137">
        <f>'p-y sand'!AD57</f>
        <v>40</v>
      </c>
      <c r="AE57" s="137">
        <f>'p-y sand'!AE57</f>
        <v>50</v>
      </c>
      <c r="AF57" s="137">
        <f>'p-y sand'!AF57</f>
        <v>60</v>
      </c>
      <c r="AG57" s="137">
        <f>'p-y sand'!AG57</f>
        <v>70</v>
      </c>
      <c r="AH57" s="137">
        <f>'p-y sand'!AH57</f>
        <v>80</v>
      </c>
      <c r="AI57" s="137">
        <f>'p-y sand'!AI57</f>
        <v>90</v>
      </c>
      <c r="AJ57" s="137">
        <f>'p-y sand'!AJ57</f>
        <v>100</v>
      </c>
      <c r="AK57" s="137">
        <f>'p-y sand'!AK57</f>
        <v>110</v>
      </c>
      <c r="AL57" s="137">
        <f>'p-y sand'!AL57</f>
        <v>120</v>
      </c>
      <c r="AM57" s="137" t="e">
        <f t="shared" si="0"/>
        <v>#N/A</v>
      </c>
      <c r="AN57" s="137" t="e">
        <f t="shared" si="1"/>
        <v>#N/A</v>
      </c>
      <c r="AO57" s="137" t="e">
        <f t="shared" si="2"/>
        <v>#N/A</v>
      </c>
      <c r="AP57" s="137" t="e">
        <f t="shared" si="3"/>
        <v>#N/A</v>
      </c>
      <c r="AQ57" s="137" t="e">
        <f t="shared" si="4"/>
        <v>#N/A</v>
      </c>
      <c r="AR57" s="137" t="e">
        <f t="shared" si="5"/>
        <v>#N/A</v>
      </c>
      <c r="AS57" s="137" t="e">
        <f t="shared" si="6"/>
        <v>#N/A</v>
      </c>
      <c r="AT57" s="137" t="e">
        <f t="shared" si="7"/>
        <v>#N/A</v>
      </c>
      <c r="AU57" s="137" t="e">
        <f t="shared" si="8"/>
        <v>#N/A</v>
      </c>
      <c r="AV57" s="137" t="e">
        <f t="shared" si="9"/>
        <v>#N/A</v>
      </c>
      <c r="AW57" s="144" t="e">
        <f t="shared" si="10"/>
        <v>#N/A</v>
      </c>
      <c r="AX57" s="137" t="e">
        <f t="shared" si="13"/>
        <v>#N/A</v>
      </c>
      <c r="AY57" s="144" t="e">
        <f t="shared" si="14"/>
        <v>#N/A</v>
      </c>
    </row>
    <row r="58" spans="2:51" x14ac:dyDescent="0.2">
      <c r="B58">
        <f>'p-y sand'!B58</f>
        <v>-47.5</v>
      </c>
      <c r="C58">
        <f>'p-y sand'!C58</f>
        <v>32</v>
      </c>
      <c r="D58">
        <f>'p-y sand'!D58</f>
        <v>31.988</v>
      </c>
      <c r="E58" t="str">
        <f>'p-y sand'!E58</f>
        <v>SAND</v>
      </c>
      <c r="F58">
        <f>'p-y sand'!F58</f>
        <v>19.145959087250148</v>
      </c>
      <c r="G58" s="43">
        <f>'p-y sand'!G58</f>
        <v>9.1459590872501479</v>
      </c>
      <c r="H58">
        <f>'p-y sand'!H58</f>
        <v>292.62496099656852</v>
      </c>
      <c r="I58">
        <f>'p-y sand'!I58</f>
        <v>32.110267363381162</v>
      </c>
      <c r="J58">
        <f>'Pile Property'!$B$8</f>
        <v>2</v>
      </c>
      <c r="K58">
        <f>'p-y sand'!K58</f>
        <v>0.5604298891866798</v>
      </c>
      <c r="L58">
        <f>'p-y sand'!L58</f>
        <v>16.055133681690581</v>
      </c>
      <c r="M58">
        <f>'p-y sand'!M58</f>
        <v>0.2802149445933399</v>
      </c>
      <c r="N58">
        <f>'p-y sand'!N58</f>
        <v>61.055133681690577</v>
      </c>
      <c r="O58">
        <f>'p-y sand'!O58</f>
        <v>1.065613107990788</v>
      </c>
      <c r="P58">
        <f>'p-y sand'!P58</f>
        <v>0.4</v>
      </c>
      <c r="Q58">
        <f>'p-y sand'!Q58</f>
        <v>0.30586628629405427</v>
      </c>
      <c r="R58">
        <f>'p-y sand'!R58</f>
        <v>2.303616924219261</v>
      </c>
      <c r="S58">
        <f>'p-y sand'!S58</f>
        <v>2.9635362101897149</v>
      </c>
      <c r="T58">
        <f>'p-y sand'!T58</f>
        <v>37.323897868227654</v>
      </c>
      <c r="U58">
        <f>'p-y sand'!U58</f>
        <v>23292.289089657708</v>
      </c>
      <c r="V58">
        <f>'p-y sand'!V58</f>
        <v>21839.029236059734</v>
      </c>
      <c r="W58">
        <f>'p-y sand'!W58</f>
        <v>21839.029236059734</v>
      </c>
      <c r="X58">
        <v>0.9</v>
      </c>
      <c r="Y58">
        <f>'p-y sand'!Y58</f>
        <v>14313.311186593892</v>
      </c>
      <c r="Z58" s="143">
        <f>'p-y sand'!Z58</f>
        <v>0</v>
      </c>
      <c r="AA58" s="137">
        <f>'p-y sand'!AA58</f>
        <v>10</v>
      </c>
      <c r="AB58" s="137">
        <f>'p-y sand'!AB58</f>
        <v>20</v>
      </c>
      <c r="AC58" s="137">
        <f>'p-y sand'!AC58</f>
        <v>30</v>
      </c>
      <c r="AD58" s="137">
        <f>'p-y sand'!AD58</f>
        <v>40</v>
      </c>
      <c r="AE58" s="137">
        <f>'p-y sand'!AE58</f>
        <v>50</v>
      </c>
      <c r="AF58" s="137">
        <f>'p-y sand'!AF58</f>
        <v>60</v>
      </c>
      <c r="AG58" s="137">
        <f>'p-y sand'!AG58</f>
        <v>70</v>
      </c>
      <c r="AH58" s="137">
        <f>'p-y sand'!AH58</f>
        <v>80</v>
      </c>
      <c r="AI58" s="137">
        <f>'p-y sand'!AI58</f>
        <v>90</v>
      </c>
      <c r="AJ58" s="137">
        <f>'p-y sand'!AJ58</f>
        <v>100</v>
      </c>
      <c r="AK58" s="137">
        <f>'p-y sand'!AK58</f>
        <v>110</v>
      </c>
      <c r="AL58" s="137">
        <f>'p-y sand'!AL58</f>
        <v>120</v>
      </c>
      <c r="AM58" s="137">
        <f t="shared" si="0"/>
        <v>0</v>
      </c>
      <c r="AN58" s="137">
        <f t="shared" si="1"/>
        <v>4497.4859266435742</v>
      </c>
      <c r="AO58" s="137">
        <f t="shared" si="2"/>
        <v>8547.4399443374368</v>
      </c>
      <c r="AP58" s="137">
        <f t="shared" si="3"/>
        <v>11864.33951694875</v>
      </c>
      <c r="AQ58" s="137">
        <f t="shared" si="4"/>
        <v>14376.165942548399</v>
      </c>
      <c r="AR58" s="137">
        <f t="shared" si="5"/>
        <v>16167.756648205299</v>
      </c>
      <c r="AS58" s="137">
        <f t="shared" si="6"/>
        <v>17391.751127389271</v>
      </c>
      <c r="AT58" s="137">
        <f t="shared" si="7"/>
        <v>18203.556487888014</v>
      </c>
      <c r="AU58" s="137">
        <f t="shared" si="8"/>
        <v>18731.451048988907</v>
      </c>
      <c r="AV58" s="137">
        <f t="shared" si="9"/>
        <v>19070.330887821681</v>
      </c>
      <c r="AW58" s="144">
        <f t="shared" si="10"/>
        <v>19286.077109959311</v>
      </c>
      <c r="AX58" s="137">
        <f t="shared" si="13"/>
        <v>19422.7066506214</v>
      </c>
      <c r="AY58" s="144">
        <f t="shared" si="14"/>
        <v>19508.943035231154</v>
      </c>
    </row>
    <row r="59" spans="2:51" x14ac:dyDescent="0.2">
      <c r="B59">
        <f>'p-y sand'!B59</f>
        <v>-48.5</v>
      </c>
      <c r="C59">
        <f>'p-y sand'!C59</f>
        <v>33</v>
      </c>
      <c r="D59">
        <f>'p-y sand'!D59</f>
        <v>32.986000000000004</v>
      </c>
      <c r="E59" t="str">
        <f>'p-y sand'!E59</f>
        <v>SAND</v>
      </c>
      <c r="F59">
        <f>'p-y sand'!F59</f>
        <v>20.292677531936036</v>
      </c>
      <c r="G59" s="43">
        <f>'p-y sand'!G59</f>
        <v>10.292677531936036</v>
      </c>
      <c r="H59">
        <f>'p-y sand'!H59</f>
        <v>339.58630981116568</v>
      </c>
      <c r="I59">
        <f>'p-y sand'!I59</f>
        <v>36.813603816802257</v>
      </c>
      <c r="J59">
        <f>'Pile Property'!$B$8</f>
        <v>2</v>
      </c>
      <c r="K59">
        <f>'p-y sand'!K59</f>
        <v>0.64251859612795081</v>
      </c>
      <c r="L59">
        <f>'p-y sand'!L59</f>
        <v>18.406801908401128</v>
      </c>
      <c r="M59">
        <f>'p-y sand'!M59</f>
        <v>0.32125929806397541</v>
      </c>
      <c r="N59">
        <f>'p-y sand'!N59</f>
        <v>63.406801908401128</v>
      </c>
      <c r="O59">
        <f>'p-y sand'!O59</f>
        <v>1.1066574614614237</v>
      </c>
      <c r="P59">
        <f>'p-y sand'!P59</f>
        <v>0.4</v>
      </c>
      <c r="Q59">
        <f>'p-y sand'!Q59</f>
        <v>0.2506145986031531</v>
      </c>
      <c r="R59">
        <f>'p-y sand'!R59</f>
        <v>3.4849848875533449</v>
      </c>
      <c r="S59">
        <f>'p-y sand'!S59</f>
        <v>3.7395759392732724</v>
      </c>
      <c r="T59">
        <f>'p-y sand'!T59</f>
        <v>68.046401340609648</v>
      </c>
      <c r="U59">
        <f>'p-y sand'!U59</f>
        <v>41568.382169266275</v>
      </c>
      <c r="V59">
        <f>'p-y sand'!V59</f>
        <v>46205.447339047467</v>
      </c>
      <c r="W59">
        <f>'p-y sand'!W59</f>
        <v>41568.382169266275</v>
      </c>
      <c r="X59">
        <v>0.9</v>
      </c>
      <c r="Y59">
        <f>'p-y sand'!Y59</f>
        <v>30342.57755729038</v>
      </c>
      <c r="Z59" s="143">
        <f>'p-y sand'!Z59</f>
        <v>0</v>
      </c>
      <c r="AA59" s="137">
        <f>'p-y sand'!AA59</f>
        <v>10</v>
      </c>
      <c r="AB59" s="137">
        <f>'p-y sand'!AB59</f>
        <v>20</v>
      </c>
      <c r="AC59" s="137">
        <f>'p-y sand'!AC59</f>
        <v>30</v>
      </c>
      <c r="AD59" s="137">
        <f>'p-y sand'!AD59</f>
        <v>40</v>
      </c>
      <c r="AE59" s="137">
        <f>'p-y sand'!AE59</f>
        <v>50</v>
      </c>
      <c r="AF59" s="137">
        <f>'p-y sand'!AF59</f>
        <v>60</v>
      </c>
      <c r="AG59" s="137">
        <f>'p-y sand'!AG59</f>
        <v>70</v>
      </c>
      <c r="AH59" s="137">
        <f>'p-y sand'!AH59</f>
        <v>80</v>
      </c>
      <c r="AI59" s="137">
        <f>'p-y sand'!AI59</f>
        <v>90</v>
      </c>
      <c r="AJ59" s="137">
        <f>'p-y sand'!AJ59</f>
        <v>100</v>
      </c>
      <c r="AK59" s="137">
        <f>'p-y sand'!AK59</f>
        <v>110</v>
      </c>
      <c r="AL59" s="137">
        <f>'p-y sand'!AL59</f>
        <v>120</v>
      </c>
      <c r="AM59" s="137">
        <f t="shared" ref="AM59:AM82" si="15">$X59*$W59*TANH((($Y59*$D59)/($X59*$W59))*(Z59/1000))</f>
        <v>0</v>
      </c>
      <c r="AN59" s="137">
        <f t="shared" ref="AN59:AN82" si="16">$X59*$W59*TANH((($Y59*$D59)/($X59*$W59))*(AA59/1000))</f>
        <v>9776.6578056311482</v>
      </c>
      <c r="AO59" s="137">
        <f t="shared" ref="AO59:AO82" si="17">$X59*$W59*TANH((($Y59*$D59)/($X59*$W59))*(AB59/1000))</f>
        <v>18303.344381398787</v>
      </c>
      <c r="AP59" s="137">
        <f t="shared" ref="AP59:AP82" si="18">$X59*$W59*TANH((($Y59*$D59)/($X59*$W59))*(AC59/1000))</f>
        <v>24896.87207942336</v>
      </c>
      <c r="AQ59" s="137">
        <f t="shared" ref="AQ59:AQ82" si="19">$X59*$W59*TANH((($Y59*$D59)/($X59*$W59))*(AD59/1000))</f>
        <v>29536.79342460867</v>
      </c>
      <c r="AR59" s="137">
        <f t="shared" ref="AR59:AR82" si="20">$X59*$W59*TANH((($Y59*$D59)/($X59*$W59))*(AE59/1000))</f>
        <v>32589.555962967625</v>
      </c>
      <c r="AS59" s="137">
        <f t="shared" ref="AS59:AS82" si="21">$X59*$W59*TANH((($Y59*$D59)/($X59*$W59))*(AF59/1000))</f>
        <v>34510.158229457622</v>
      </c>
      <c r="AT59" s="137">
        <f t="shared" ref="AT59:AT82" si="22">$X59*$W59*TANH((($Y59*$D59)/($X59*$W59))*(AG59/1000))</f>
        <v>35684.654428377893</v>
      </c>
      <c r="AU59" s="137">
        <f t="shared" ref="AU59:AU82" si="23">$X59*$W59*TANH((($Y59*$D59)/($X59*$W59))*(AH59/1000))</f>
        <v>36390.458330155583</v>
      </c>
      <c r="AV59" s="137">
        <f t="shared" ref="AV59:AV82" si="24">$X59*$W59*TANH((($Y59*$D59)/($X59*$W59))*(AI59/1000))</f>
        <v>36810.16363462677</v>
      </c>
      <c r="AW59" s="144">
        <f t="shared" ref="AW59:AW82" si="25">$X59*$W59*TANH((($Y59*$D59)/($X59*$W59))*(AJ59/1000))</f>
        <v>37058.17998328351</v>
      </c>
      <c r="AX59" s="137">
        <f t="shared" si="13"/>
        <v>37204.197203687087</v>
      </c>
      <c r="AY59" s="144">
        <f t="shared" si="14"/>
        <v>37289.975619518715</v>
      </c>
    </row>
    <row r="60" spans="2:51" x14ac:dyDescent="0.2">
      <c r="B60">
        <f>'p-y sand'!B60</f>
        <v>-49.5</v>
      </c>
      <c r="C60">
        <f>'p-y sand'!C60</f>
        <v>34</v>
      </c>
      <c r="D60">
        <f>'p-y sand'!D60</f>
        <v>33.993000000000002</v>
      </c>
      <c r="E60" t="str">
        <f>'p-y sand'!E60</f>
        <v>CLAY</v>
      </c>
      <c r="F60">
        <f>'p-y sand'!F60</f>
        <v>19.695685112516994</v>
      </c>
      <c r="G60" s="43">
        <f>'p-y sand'!G60</f>
        <v>9.6956851125169941</v>
      </c>
      <c r="H60">
        <f>'p-y sand'!H60</f>
        <v>329.6532938255778</v>
      </c>
      <c r="I60" t="e">
        <f>'p-y sand'!I60</f>
        <v>#N/A</v>
      </c>
      <c r="J60">
        <f>'Pile Property'!$B$8</f>
        <v>2</v>
      </c>
      <c r="K60" t="e">
        <f>'p-y sand'!K60</f>
        <v>#N/A</v>
      </c>
      <c r="L60" t="e">
        <f>'p-y sand'!L60</f>
        <v>#N/A</v>
      </c>
      <c r="M60" t="e">
        <f>'p-y sand'!M60</f>
        <v>#N/A</v>
      </c>
      <c r="N60" t="e">
        <f>'p-y sand'!N60</f>
        <v>#N/A</v>
      </c>
      <c r="O60" t="e">
        <f>'p-y sand'!O60</f>
        <v>#N/A</v>
      </c>
      <c r="P60">
        <f>'p-y sand'!P60</f>
        <v>0.4</v>
      </c>
      <c r="Q60" t="e">
        <f>'p-y sand'!Q60</f>
        <v>#N/A</v>
      </c>
      <c r="R60" t="e">
        <f>'p-y sand'!R60</f>
        <v>#N/A</v>
      </c>
      <c r="S60" t="e">
        <f>'p-y sand'!S60</f>
        <v>#N/A</v>
      </c>
      <c r="T60" t="e">
        <f>'p-y sand'!T60</f>
        <v>#N/A</v>
      </c>
      <c r="U60" t="e">
        <f>'p-y sand'!U60</f>
        <v>#N/A</v>
      </c>
      <c r="V60" t="e">
        <f>'p-y sand'!V60</f>
        <v>#N/A</v>
      </c>
      <c r="W60" t="e">
        <f>'p-y sand'!W60</f>
        <v>#N/A</v>
      </c>
      <c r="X60">
        <v>0.9</v>
      </c>
      <c r="Y60" t="e">
        <f>'p-y sand'!Y60</f>
        <v>#N/A</v>
      </c>
      <c r="Z60" s="143">
        <f>'p-y sand'!Z60</f>
        <v>0</v>
      </c>
      <c r="AA60" s="137">
        <f>'p-y sand'!AA60</f>
        <v>10</v>
      </c>
      <c r="AB60" s="137">
        <f>'p-y sand'!AB60</f>
        <v>20</v>
      </c>
      <c r="AC60" s="137">
        <f>'p-y sand'!AC60</f>
        <v>30</v>
      </c>
      <c r="AD60" s="137">
        <f>'p-y sand'!AD60</f>
        <v>40</v>
      </c>
      <c r="AE60" s="137">
        <f>'p-y sand'!AE60</f>
        <v>50</v>
      </c>
      <c r="AF60" s="137">
        <f>'p-y sand'!AF60</f>
        <v>60</v>
      </c>
      <c r="AG60" s="137">
        <f>'p-y sand'!AG60</f>
        <v>70</v>
      </c>
      <c r="AH60" s="137">
        <f>'p-y sand'!AH60</f>
        <v>80</v>
      </c>
      <c r="AI60" s="137">
        <f>'p-y sand'!AI60</f>
        <v>90</v>
      </c>
      <c r="AJ60" s="137">
        <f>'p-y sand'!AJ60</f>
        <v>100</v>
      </c>
      <c r="AK60" s="137">
        <f>'p-y sand'!AK60</f>
        <v>110</v>
      </c>
      <c r="AL60" s="137">
        <f>'p-y sand'!AL60</f>
        <v>120</v>
      </c>
      <c r="AM60" s="137" t="e">
        <f t="shared" si="15"/>
        <v>#N/A</v>
      </c>
      <c r="AN60" s="137" t="e">
        <f t="shared" si="16"/>
        <v>#N/A</v>
      </c>
      <c r="AO60" s="137" t="e">
        <f t="shared" si="17"/>
        <v>#N/A</v>
      </c>
      <c r="AP60" s="137" t="e">
        <f t="shared" si="18"/>
        <v>#N/A</v>
      </c>
      <c r="AQ60" s="137" t="e">
        <f t="shared" si="19"/>
        <v>#N/A</v>
      </c>
      <c r="AR60" s="137" t="e">
        <f t="shared" si="20"/>
        <v>#N/A</v>
      </c>
      <c r="AS60" s="137" t="e">
        <f t="shared" si="21"/>
        <v>#N/A</v>
      </c>
      <c r="AT60" s="137" t="e">
        <f t="shared" si="22"/>
        <v>#N/A</v>
      </c>
      <c r="AU60" s="137" t="e">
        <f t="shared" si="23"/>
        <v>#N/A</v>
      </c>
      <c r="AV60" s="137" t="e">
        <f t="shared" si="24"/>
        <v>#N/A</v>
      </c>
      <c r="AW60" s="144" t="e">
        <f t="shared" si="25"/>
        <v>#N/A</v>
      </c>
      <c r="AX60" s="137" t="e">
        <f t="shared" si="13"/>
        <v>#N/A</v>
      </c>
      <c r="AY60" s="144" t="e">
        <f t="shared" si="14"/>
        <v>#N/A</v>
      </c>
    </row>
    <row r="61" spans="2:51" x14ac:dyDescent="0.2">
      <c r="B61">
        <f>'p-y sand'!B61</f>
        <v>-50.5</v>
      </c>
      <c r="C61">
        <f>'p-y sand'!C61</f>
        <v>35</v>
      </c>
      <c r="D61">
        <f>'p-y sand'!D61</f>
        <v>34.984000000000002</v>
      </c>
      <c r="E61" t="str">
        <f>'p-y sand'!E61</f>
        <v>CLAY</v>
      </c>
      <c r="F61">
        <f>'p-y sand'!F61</f>
        <v>19.757899456972968</v>
      </c>
      <c r="G61" s="43">
        <f>'p-y sand'!G61</f>
        <v>9.757899456972968</v>
      </c>
      <c r="H61">
        <f>'p-y sand'!H61</f>
        <v>341.43865989894113</v>
      </c>
      <c r="I61" t="e">
        <f>'p-y sand'!I61</f>
        <v>#N/A</v>
      </c>
      <c r="J61">
        <f>'Pile Property'!$B$8</f>
        <v>2</v>
      </c>
      <c r="K61" t="e">
        <f>'p-y sand'!K61</f>
        <v>#N/A</v>
      </c>
      <c r="L61" t="e">
        <f>'p-y sand'!L61</f>
        <v>#N/A</v>
      </c>
      <c r="M61" t="e">
        <f>'p-y sand'!M61</f>
        <v>#N/A</v>
      </c>
      <c r="N61" t="e">
        <f>'p-y sand'!N61</f>
        <v>#N/A</v>
      </c>
      <c r="O61" t="e">
        <f>'p-y sand'!O61</f>
        <v>#N/A</v>
      </c>
      <c r="P61">
        <f>'p-y sand'!P61</f>
        <v>0.4</v>
      </c>
      <c r="Q61" t="e">
        <f>'p-y sand'!Q61</f>
        <v>#N/A</v>
      </c>
      <c r="R61" t="e">
        <f>'p-y sand'!R61</f>
        <v>#N/A</v>
      </c>
      <c r="S61" t="e">
        <f>'p-y sand'!S61</f>
        <v>#N/A</v>
      </c>
      <c r="T61" t="e">
        <f>'p-y sand'!T61</f>
        <v>#N/A</v>
      </c>
      <c r="U61" t="e">
        <f>'p-y sand'!U61</f>
        <v>#N/A</v>
      </c>
      <c r="V61" t="e">
        <f>'p-y sand'!V61</f>
        <v>#N/A</v>
      </c>
      <c r="W61" t="e">
        <f>'p-y sand'!W61</f>
        <v>#N/A</v>
      </c>
      <c r="X61">
        <v>0.9</v>
      </c>
      <c r="Y61" t="e">
        <f>'p-y sand'!Y61</f>
        <v>#N/A</v>
      </c>
      <c r="Z61" s="143">
        <f>'p-y sand'!Z61</f>
        <v>0</v>
      </c>
      <c r="AA61" s="137">
        <f>'p-y sand'!AA61</f>
        <v>10</v>
      </c>
      <c r="AB61" s="137">
        <f>'p-y sand'!AB61</f>
        <v>20</v>
      </c>
      <c r="AC61" s="137">
        <f>'p-y sand'!AC61</f>
        <v>30</v>
      </c>
      <c r="AD61" s="137">
        <f>'p-y sand'!AD61</f>
        <v>40</v>
      </c>
      <c r="AE61" s="137">
        <f>'p-y sand'!AE61</f>
        <v>50</v>
      </c>
      <c r="AF61" s="137">
        <f>'p-y sand'!AF61</f>
        <v>60</v>
      </c>
      <c r="AG61" s="137">
        <f>'p-y sand'!AG61</f>
        <v>70</v>
      </c>
      <c r="AH61" s="137">
        <f>'p-y sand'!AH61</f>
        <v>80</v>
      </c>
      <c r="AI61" s="137">
        <f>'p-y sand'!AI61</f>
        <v>90</v>
      </c>
      <c r="AJ61" s="137">
        <f>'p-y sand'!AJ61</f>
        <v>100</v>
      </c>
      <c r="AK61" s="137">
        <f>'p-y sand'!AK61</f>
        <v>110</v>
      </c>
      <c r="AL61" s="137">
        <f>'p-y sand'!AL61</f>
        <v>120</v>
      </c>
      <c r="AM61" s="137" t="e">
        <f t="shared" si="15"/>
        <v>#N/A</v>
      </c>
      <c r="AN61" s="137" t="e">
        <f t="shared" si="16"/>
        <v>#N/A</v>
      </c>
      <c r="AO61" s="137" t="e">
        <f t="shared" si="17"/>
        <v>#N/A</v>
      </c>
      <c r="AP61" s="137" t="e">
        <f t="shared" si="18"/>
        <v>#N/A</v>
      </c>
      <c r="AQ61" s="137" t="e">
        <f t="shared" si="19"/>
        <v>#N/A</v>
      </c>
      <c r="AR61" s="137" t="e">
        <f t="shared" si="20"/>
        <v>#N/A</v>
      </c>
      <c r="AS61" s="137" t="e">
        <f t="shared" si="21"/>
        <v>#N/A</v>
      </c>
      <c r="AT61" s="137" t="e">
        <f t="shared" si="22"/>
        <v>#N/A</v>
      </c>
      <c r="AU61" s="137" t="e">
        <f t="shared" si="23"/>
        <v>#N/A</v>
      </c>
      <c r="AV61" s="137" t="e">
        <f t="shared" si="24"/>
        <v>#N/A</v>
      </c>
      <c r="AW61" s="144" t="e">
        <f t="shared" si="25"/>
        <v>#N/A</v>
      </c>
      <c r="AX61" s="137" t="e">
        <f t="shared" si="13"/>
        <v>#N/A</v>
      </c>
      <c r="AY61" s="144" t="e">
        <f t="shared" si="14"/>
        <v>#N/A</v>
      </c>
    </row>
    <row r="62" spans="2:51" x14ac:dyDescent="0.2">
      <c r="B62">
        <f>'p-y sand'!B62</f>
        <v>-51.5</v>
      </c>
      <c r="C62">
        <f>'p-y sand'!C62</f>
        <v>36</v>
      </c>
      <c r="D62">
        <f>'p-y sand'!D62</f>
        <v>35.993000000000002</v>
      </c>
      <c r="E62" t="str">
        <f>'p-y sand'!E62</f>
        <v>CLAY</v>
      </c>
      <c r="F62">
        <f>'p-y sand'!F62</f>
        <v>19.683532368019559</v>
      </c>
      <c r="G62" s="43">
        <f>'p-y sand'!G62</f>
        <v>9.6835323680195593</v>
      </c>
      <c r="H62">
        <f>'p-y sand'!H62</f>
        <v>348.60716524870412</v>
      </c>
      <c r="I62" t="e">
        <f>'p-y sand'!I62</f>
        <v>#N/A</v>
      </c>
      <c r="J62">
        <f>'Pile Property'!$B$8</f>
        <v>2</v>
      </c>
      <c r="K62" t="e">
        <f>'p-y sand'!K62</f>
        <v>#N/A</v>
      </c>
      <c r="L62" t="e">
        <f>'p-y sand'!L62</f>
        <v>#N/A</v>
      </c>
      <c r="M62" t="e">
        <f>'p-y sand'!M62</f>
        <v>#N/A</v>
      </c>
      <c r="N62" t="e">
        <f>'p-y sand'!N62</f>
        <v>#N/A</v>
      </c>
      <c r="O62" t="e">
        <f>'p-y sand'!O62</f>
        <v>#N/A</v>
      </c>
      <c r="P62">
        <f>'p-y sand'!P62</f>
        <v>0.4</v>
      </c>
      <c r="Q62" t="e">
        <f>'p-y sand'!Q62</f>
        <v>#N/A</v>
      </c>
      <c r="R62" t="e">
        <f>'p-y sand'!R62</f>
        <v>#N/A</v>
      </c>
      <c r="S62" t="e">
        <f>'p-y sand'!S62</f>
        <v>#N/A</v>
      </c>
      <c r="T62" t="e">
        <f>'p-y sand'!T62</f>
        <v>#N/A</v>
      </c>
      <c r="U62" t="e">
        <f>'p-y sand'!U62</f>
        <v>#N/A</v>
      </c>
      <c r="V62" t="e">
        <f>'p-y sand'!V62</f>
        <v>#N/A</v>
      </c>
      <c r="W62" t="e">
        <f>'p-y sand'!W62</f>
        <v>#N/A</v>
      </c>
      <c r="X62">
        <v>0.9</v>
      </c>
      <c r="Y62" t="e">
        <f>'p-y sand'!Y62</f>
        <v>#N/A</v>
      </c>
      <c r="Z62" s="143">
        <f>'p-y sand'!Z62</f>
        <v>0</v>
      </c>
      <c r="AA62" s="137">
        <f>'p-y sand'!AA62</f>
        <v>10</v>
      </c>
      <c r="AB62" s="137">
        <f>'p-y sand'!AB62</f>
        <v>20</v>
      </c>
      <c r="AC62" s="137">
        <f>'p-y sand'!AC62</f>
        <v>30</v>
      </c>
      <c r="AD62" s="137">
        <f>'p-y sand'!AD62</f>
        <v>40</v>
      </c>
      <c r="AE62" s="137">
        <f>'p-y sand'!AE62</f>
        <v>50</v>
      </c>
      <c r="AF62" s="137">
        <f>'p-y sand'!AF62</f>
        <v>60</v>
      </c>
      <c r="AG62" s="137">
        <f>'p-y sand'!AG62</f>
        <v>70</v>
      </c>
      <c r="AH62" s="137">
        <f>'p-y sand'!AH62</f>
        <v>80</v>
      </c>
      <c r="AI62" s="137">
        <f>'p-y sand'!AI62</f>
        <v>90</v>
      </c>
      <c r="AJ62" s="137">
        <f>'p-y sand'!AJ62</f>
        <v>100</v>
      </c>
      <c r="AK62" s="137">
        <f>'p-y sand'!AK62</f>
        <v>110</v>
      </c>
      <c r="AL62" s="137">
        <f>'p-y sand'!AL62</f>
        <v>120</v>
      </c>
      <c r="AM62" s="137" t="e">
        <f t="shared" si="15"/>
        <v>#N/A</v>
      </c>
      <c r="AN62" s="137" t="e">
        <f t="shared" si="16"/>
        <v>#N/A</v>
      </c>
      <c r="AO62" s="137" t="e">
        <f t="shared" si="17"/>
        <v>#N/A</v>
      </c>
      <c r="AP62" s="137" t="e">
        <f t="shared" si="18"/>
        <v>#N/A</v>
      </c>
      <c r="AQ62" s="137" t="e">
        <f t="shared" si="19"/>
        <v>#N/A</v>
      </c>
      <c r="AR62" s="137" t="e">
        <f t="shared" si="20"/>
        <v>#N/A</v>
      </c>
      <c r="AS62" s="137" t="e">
        <f t="shared" si="21"/>
        <v>#N/A</v>
      </c>
      <c r="AT62" s="137" t="e">
        <f t="shared" si="22"/>
        <v>#N/A</v>
      </c>
      <c r="AU62" s="137" t="e">
        <f t="shared" si="23"/>
        <v>#N/A</v>
      </c>
      <c r="AV62" s="137" t="e">
        <f t="shared" si="24"/>
        <v>#N/A</v>
      </c>
      <c r="AW62" s="144" t="e">
        <f t="shared" si="25"/>
        <v>#N/A</v>
      </c>
      <c r="AX62" s="137" t="e">
        <f t="shared" si="13"/>
        <v>#N/A</v>
      </c>
      <c r="AY62" s="144" t="e">
        <f t="shared" si="14"/>
        <v>#N/A</v>
      </c>
    </row>
    <row r="63" spans="2:51" x14ac:dyDescent="0.2">
      <c r="B63">
        <f>'p-y sand'!B63</f>
        <v>-52.5</v>
      </c>
      <c r="C63">
        <f>'p-y sand'!C63</f>
        <v>37</v>
      </c>
      <c r="D63">
        <f>'p-y sand'!D63</f>
        <v>36.984999999999999</v>
      </c>
      <c r="E63" t="str">
        <f>'p-y sand'!E63</f>
        <v>SAND</v>
      </c>
      <c r="F63">
        <f>'p-y sand'!F63</f>
        <v>20.273403268010775</v>
      </c>
      <c r="G63" s="43">
        <f>'p-y sand'!G63</f>
        <v>10.273403268010775</v>
      </c>
      <c r="H63">
        <f>'p-y sand'!H63</f>
        <v>380.03373369025456</v>
      </c>
      <c r="I63">
        <f>'p-y sand'!I63</f>
        <v>34.041464885850203</v>
      </c>
      <c r="J63">
        <f>'Pile Property'!$B$8</f>
        <v>2</v>
      </c>
      <c r="K63">
        <f>'p-y sand'!K63</f>
        <v>0.59413564446012168</v>
      </c>
      <c r="L63">
        <f>'p-y sand'!L63</f>
        <v>17.020732442925102</v>
      </c>
      <c r="M63">
        <f>'p-y sand'!M63</f>
        <v>0.29706782223006084</v>
      </c>
      <c r="N63">
        <f>'p-y sand'!N63</f>
        <v>62.020732442925102</v>
      </c>
      <c r="O63">
        <f>'p-y sand'!O63</f>
        <v>1.0824659856275092</v>
      </c>
      <c r="P63">
        <f>'p-y sand'!P63</f>
        <v>0.4</v>
      </c>
      <c r="Q63">
        <f>'p-y sand'!Q63</f>
        <v>0.28222164454179544</v>
      </c>
      <c r="R63">
        <f>'p-y sand'!R63</f>
        <v>2.7303079356380793</v>
      </c>
      <c r="S63">
        <f>'p-y sand'!S63</f>
        <v>3.2610926948794878</v>
      </c>
      <c r="T63">
        <f>'p-y sand'!T63</f>
        <v>47.59705394315543</v>
      </c>
      <c r="U63">
        <f>'p-y sand'!U63</f>
        <v>40846.892803490322</v>
      </c>
      <c r="V63">
        <f>'p-y sand'!V63</f>
        <v>36170.126473134238</v>
      </c>
      <c r="W63">
        <f>'p-y sand'!W63</f>
        <v>36170.126473134238</v>
      </c>
      <c r="X63">
        <v>0.9</v>
      </c>
      <c r="Y63">
        <f>'p-y sand'!Y63</f>
        <v>19450.296596361542</v>
      </c>
      <c r="Z63" s="143">
        <f>'p-y sand'!Z63</f>
        <v>0</v>
      </c>
      <c r="AA63" s="137">
        <f>'p-y sand'!AA63</f>
        <v>10</v>
      </c>
      <c r="AB63" s="137">
        <f>'p-y sand'!AB63</f>
        <v>20</v>
      </c>
      <c r="AC63" s="137">
        <f>'p-y sand'!AC63</f>
        <v>30</v>
      </c>
      <c r="AD63" s="137">
        <f>'p-y sand'!AD63</f>
        <v>40</v>
      </c>
      <c r="AE63" s="137">
        <f>'p-y sand'!AE63</f>
        <v>50</v>
      </c>
      <c r="AF63" s="137">
        <f>'p-y sand'!AF63</f>
        <v>60</v>
      </c>
      <c r="AG63" s="137">
        <f>'p-y sand'!AG63</f>
        <v>70</v>
      </c>
      <c r="AH63" s="137">
        <f>'p-y sand'!AH63</f>
        <v>80</v>
      </c>
      <c r="AI63" s="137">
        <f>'p-y sand'!AI63</f>
        <v>90</v>
      </c>
      <c r="AJ63" s="137">
        <f>'p-y sand'!AJ63</f>
        <v>100</v>
      </c>
      <c r="AK63" s="137">
        <f>'p-y sand'!AK63</f>
        <v>110</v>
      </c>
      <c r="AL63" s="137">
        <f>'p-y sand'!AL63</f>
        <v>120</v>
      </c>
      <c r="AM63" s="137">
        <f t="shared" si="15"/>
        <v>0</v>
      </c>
      <c r="AN63" s="137">
        <f t="shared" si="16"/>
        <v>7078.8372550315762</v>
      </c>
      <c r="AO63" s="137">
        <f t="shared" si="17"/>
        <v>13518.432766185473</v>
      </c>
      <c r="AP63" s="137">
        <f t="shared" si="18"/>
        <v>18891.322879532821</v>
      </c>
      <c r="AQ63" s="137">
        <f t="shared" si="19"/>
        <v>23060.109234708674</v>
      </c>
      <c r="AR63" s="137">
        <f t="shared" si="20"/>
        <v>26115.995035364882</v>
      </c>
      <c r="AS63" s="137">
        <f t="shared" si="21"/>
        <v>28264.030695500598</v>
      </c>
      <c r="AT63" s="137">
        <f t="shared" si="22"/>
        <v>29729.771316632712</v>
      </c>
      <c r="AU63" s="137">
        <f t="shared" si="23"/>
        <v>30709.795208205749</v>
      </c>
      <c r="AV63" s="137">
        <f t="shared" si="24"/>
        <v>31356.175844830144</v>
      </c>
      <c r="AW63" s="144">
        <f t="shared" si="25"/>
        <v>31778.670464878356</v>
      </c>
      <c r="AX63" s="137">
        <f t="shared" si="13"/>
        <v>32053.199674322619</v>
      </c>
      <c r="AY63" s="144">
        <f t="shared" si="14"/>
        <v>32230.899588534339</v>
      </c>
    </row>
    <row r="64" spans="2:51" x14ac:dyDescent="0.2">
      <c r="B64">
        <f>'p-y sand'!B64</f>
        <v>-53.5</v>
      </c>
      <c r="C64">
        <f>'p-y sand'!C64</f>
        <v>38</v>
      </c>
      <c r="D64">
        <f>'p-y sand'!D64</f>
        <v>37.99</v>
      </c>
      <c r="E64" t="str">
        <f>'p-y sand'!E64</f>
        <v>CLAY</v>
      </c>
      <c r="F64">
        <f>'p-y sand'!F64</f>
        <v>20.063887348592733</v>
      </c>
      <c r="G64" s="43">
        <f>'p-y sand'!G64</f>
        <v>10.063887348592733</v>
      </c>
      <c r="H64">
        <f>'p-y sand'!H64</f>
        <v>382.39752758447804</v>
      </c>
      <c r="I64" t="e">
        <f>'p-y sand'!I64</f>
        <v>#N/A</v>
      </c>
      <c r="J64">
        <f>'Pile Property'!$B$8</f>
        <v>2</v>
      </c>
      <c r="K64" t="e">
        <f>'p-y sand'!K64</f>
        <v>#N/A</v>
      </c>
      <c r="L64" t="e">
        <f>'p-y sand'!L64</f>
        <v>#N/A</v>
      </c>
      <c r="M64" t="e">
        <f>'p-y sand'!M64</f>
        <v>#N/A</v>
      </c>
      <c r="N64" t="e">
        <f>'p-y sand'!N64</f>
        <v>#N/A</v>
      </c>
      <c r="O64" t="e">
        <f>'p-y sand'!O64</f>
        <v>#N/A</v>
      </c>
      <c r="P64">
        <f>'p-y sand'!P64</f>
        <v>0.4</v>
      </c>
      <c r="Q64" t="e">
        <f>'p-y sand'!Q64</f>
        <v>#N/A</v>
      </c>
      <c r="R64" t="e">
        <f>'p-y sand'!R64</f>
        <v>#N/A</v>
      </c>
      <c r="S64" t="e">
        <f>'p-y sand'!S64</f>
        <v>#N/A</v>
      </c>
      <c r="T64" t="e">
        <f>'p-y sand'!T64</f>
        <v>#N/A</v>
      </c>
      <c r="U64" t="e">
        <f>'p-y sand'!U64</f>
        <v>#N/A</v>
      </c>
      <c r="V64" t="e">
        <f>'p-y sand'!V64</f>
        <v>#N/A</v>
      </c>
      <c r="W64" t="e">
        <f>'p-y sand'!W64</f>
        <v>#N/A</v>
      </c>
      <c r="X64">
        <v>0.9</v>
      </c>
      <c r="Y64" t="e">
        <f>'p-y sand'!Y64</f>
        <v>#N/A</v>
      </c>
      <c r="Z64" s="143">
        <f>'p-y sand'!Z64</f>
        <v>0</v>
      </c>
      <c r="AA64" s="137">
        <f>'p-y sand'!AA64</f>
        <v>10</v>
      </c>
      <c r="AB64" s="137">
        <f>'p-y sand'!AB64</f>
        <v>20</v>
      </c>
      <c r="AC64" s="137">
        <f>'p-y sand'!AC64</f>
        <v>30</v>
      </c>
      <c r="AD64" s="137">
        <f>'p-y sand'!AD64</f>
        <v>40</v>
      </c>
      <c r="AE64" s="137">
        <f>'p-y sand'!AE64</f>
        <v>50</v>
      </c>
      <c r="AF64" s="137">
        <f>'p-y sand'!AF64</f>
        <v>60</v>
      </c>
      <c r="AG64" s="137">
        <f>'p-y sand'!AG64</f>
        <v>70</v>
      </c>
      <c r="AH64" s="137">
        <f>'p-y sand'!AH64</f>
        <v>80</v>
      </c>
      <c r="AI64" s="137">
        <f>'p-y sand'!AI64</f>
        <v>90</v>
      </c>
      <c r="AJ64" s="137">
        <f>'p-y sand'!AJ64</f>
        <v>100</v>
      </c>
      <c r="AK64" s="137">
        <f>'p-y sand'!AK64</f>
        <v>110</v>
      </c>
      <c r="AL64" s="137">
        <f>'p-y sand'!AL64</f>
        <v>120</v>
      </c>
      <c r="AM64" s="137" t="e">
        <f t="shared" si="15"/>
        <v>#N/A</v>
      </c>
      <c r="AN64" s="137" t="e">
        <f t="shared" si="16"/>
        <v>#N/A</v>
      </c>
      <c r="AO64" s="137" t="e">
        <f t="shared" si="17"/>
        <v>#N/A</v>
      </c>
      <c r="AP64" s="137" t="e">
        <f t="shared" si="18"/>
        <v>#N/A</v>
      </c>
      <c r="AQ64" s="137" t="e">
        <f t="shared" si="19"/>
        <v>#N/A</v>
      </c>
      <c r="AR64" s="137" t="e">
        <f t="shared" si="20"/>
        <v>#N/A</v>
      </c>
      <c r="AS64" s="137" t="e">
        <f t="shared" si="21"/>
        <v>#N/A</v>
      </c>
      <c r="AT64" s="137" t="e">
        <f t="shared" si="22"/>
        <v>#N/A</v>
      </c>
      <c r="AU64" s="137" t="e">
        <f t="shared" si="23"/>
        <v>#N/A</v>
      </c>
      <c r="AV64" s="137" t="e">
        <f t="shared" si="24"/>
        <v>#N/A</v>
      </c>
      <c r="AW64" s="144" t="e">
        <f t="shared" si="25"/>
        <v>#N/A</v>
      </c>
      <c r="AX64" s="137" t="e">
        <f t="shared" si="13"/>
        <v>#N/A</v>
      </c>
      <c r="AY64" s="144" t="e">
        <f t="shared" si="14"/>
        <v>#N/A</v>
      </c>
    </row>
    <row r="65" spans="2:51" x14ac:dyDescent="0.2">
      <c r="B65">
        <f>'p-y sand'!B65</f>
        <v>-54.5</v>
      </c>
      <c r="C65">
        <f>'p-y sand'!C65</f>
        <v>39</v>
      </c>
      <c r="D65">
        <f>'p-y sand'!D65</f>
        <v>38.992000000000004</v>
      </c>
      <c r="E65" t="str">
        <f>'p-y sand'!E65</f>
        <v>CLAY</v>
      </c>
      <c r="F65">
        <f>'p-y sand'!F65</f>
        <v>19.464459623825725</v>
      </c>
      <c r="G65" s="43">
        <f>'p-y sand'!G65</f>
        <v>9.464459623825725</v>
      </c>
      <c r="H65">
        <f>'p-y sand'!H65</f>
        <v>369.1044608695795</v>
      </c>
      <c r="I65" t="e">
        <f>'p-y sand'!I65</f>
        <v>#N/A</v>
      </c>
      <c r="J65">
        <f>'Pile Property'!$B$8</f>
        <v>2</v>
      </c>
      <c r="K65" t="e">
        <f>'p-y sand'!K65</f>
        <v>#N/A</v>
      </c>
      <c r="L65" t="e">
        <f>'p-y sand'!L65</f>
        <v>#N/A</v>
      </c>
      <c r="M65" t="e">
        <f>'p-y sand'!M65</f>
        <v>#N/A</v>
      </c>
      <c r="N65" t="e">
        <f>'p-y sand'!N65</f>
        <v>#N/A</v>
      </c>
      <c r="O65" t="e">
        <f>'p-y sand'!O65</f>
        <v>#N/A</v>
      </c>
      <c r="P65">
        <f>'p-y sand'!P65</f>
        <v>0.4</v>
      </c>
      <c r="Q65" t="e">
        <f>'p-y sand'!Q65</f>
        <v>#N/A</v>
      </c>
      <c r="R65" t="e">
        <f>'p-y sand'!R65</f>
        <v>#N/A</v>
      </c>
      <c r="S65" t="e">
        <f>'p-y sand'!S65</f>
        <v>#N/A</v>
      </c>
      <c r="T65" t="e">
        <f>'p-y sand'!T65</f>
        <v>#N/A</v>
      </c>
      <c r="U65" t="e">
        <f>'p-y sand'!U65</f>
        <v>#N/A</v>
      </c>
      <c r="V65" t="e">
        <f>'p-y sand'!V65</f>
        <v>#N/A</v>
      </c>
      <c r="W65" t="e">
        <f>'p-y sand'!W65</f>
        <v>#N/A</v>
      </c>
      <c r="X65">
        <v>0.9</v>
      </c>
      <c r="Y65" t="e">
        <f>'p-y sand'!Y65</f>
        <v>#N/A</v>
      </c>
      <c r="Z65" s="143">
        <f>'p-y sand'!Z65</f>
        <v>0</v>
      </c>
      <c r="AA65" s="137">
        <f>'p-y sand'!AA65</f>
        <v>10</v>
      </c>
      <c r="AB65" s="137">
        <f>'p-y sand'!AB65</f>
        <v>20</v>
      </c>
      <c r="AC65" s="137">
        <f>'p-y sand'!AC65</f>
        <v>30</v>
      </c>
      <c r="AD65" s="137">
        <f>'p-y sand'!AD65</f>
        <v>40</v>
      </c>
      <c r="AE65" s="137">
        <f>'p-y sand'!AE65</f>
        <v>50</v>
      </c>
      <c r="AF65" s="137">
        <f>'p-y sand'!AF65</f>
        <v>60</v>
      </c>
      <c r="AG65" s="137">
        <f>'p-y sand'!AG65</f>
        <v>70</v>
      </c>
      <c r="AH65" s="137">
        <f>'p-y sand'!AH65</f>
        <v>80</v>
      </c>
      <c r="AI65" s="137">
        <f>'p-y sand'!AI65</f>
        <v>90</v>
      </c>
      <c r="AJ65" s="137">
        <f>'p-y sand'!AJ65</f>
        <v>100</v>
      </c>
      <c r="AK65" s="137">
        <f>'p-y sand'!AK65</f>
        <v>110</v>
      </c>
      <c r="AL65" s="137">
        <f>'p-y sand'!AL65</f>
        <v>120</v>
      </c>
      <c r="AM65" s="137" t="e">
        <f t="shared" si="15"/>
        <v>#N/A</v>
      </c>
      <c r="AN65" s="137" t="e">
        <f t="shared" si="16"/>
        <v>#N/A</v>
      </c>
      <c r="AO65" s="137" t="e">
        <f t="shared" si="17"/>
        <v>#N/A</v>
      </c>
      <c r="AP65" s="137" t="e">
        <f t="shared" si="18"/>
        <v>#N/A</v>
      </c>
      <c r="AQ65" s="137" t="e">
        <f t="shared" si="19"/>
        <v>#N/A</v>
      </c>
      <c r="AR65" s="137" t="e">
        <f t="shared" si="20"/>
        <v>#N/A</v>
      </c>
      <c r="AS65" s="137" t="e">
        <f t="shared" si="21"/>
        <v>#N/A</v>
      </c>
      <c r="AT65" s="137" t="e">
        <f t="shared" si="22"/>
        <v>#N/A</v>
      </c>
      <c r="AU65" s="137" t="e">
        <f t="shared" si="23"/>
        <v>#N/A</v>
      </c>
      <c r="AV65" s="137" t="e">
        <f t="shared" si="24"/>
        <v>#N/A</v>
      </c>
      <c r="AW65" s="144" t="e">
        <f t="shared" si="25"/>
        <v>#N/A</v>
      </c>
      <c r="AX65" s="137" t="e">
        <f t="shared" si="13"/>
        <v>#N/A</v>
      </c>
      <c r="AY65" s="144" t="e">
        <f t="shared" si="14"/>
        <v>#N/A</v>
      </c>
    </row>
    <row r="66" spans="2:51" x14ac:dyDescent="0.2">
      <c r="B66">
        <f>'p-y sand'!B66</f>
        <v>-55.5</v>
      </c>
      <c r="C66">
        <f>'p-y sand'!C66</f>
        <v>40</v>
      </c>
      <c r="D66">
        <f>'p-y sand'!D66</f>
        <v>39.991</v>
      </c>
      <c r="E66" t="str">
        <f>'p-y sand'!E66</f>
        <v>CLAY</v>
      </c>
      <c r="F66">
        <f>'p-y sand'!F66</f>
        <v>19.26418461880904</v>
      </c>
      <c r="G66" s="43">
        <f>'p-y sand'!G66</f>
        <v>9.2641846188090398</v>
      </c>
      <c r="H66">
        <f>'p-y sand'!H66</f>
        <v>370.54885638312396</v>
      </c>
      <c r="I66" t="e">
        <f>'p-y sand'!I66</f>
        <v>#N/A</v>
      </c>
      <c r="J66">
        <f>'Pile Property'!$B$8</f>
        <v>2</v>
      </c>
      <c r="K66" t="e">
        <f>'p-y sand'!K66</f>
        <v>#N/A</v>
      </c>
      <c r="L66" t="e">
        <f>'p-y sand'!L66</f>
        <v>#N/A</v>
      </c>
      <c r="M66" t="e">
        <f>'p-y sand'!M66</f>
        <v>#N/A</v>
      </c>
      <c r="N66" t="e">
        <f>'p-y sand'!N66</f>
        <v>#N/A</v>
      </c>
      <c r="O66" t="e">
        <f>'p-y sand'!O66</f>
        <v>#N/A</v>
      </c>
      <c r="P66">
        <f>'p-y sand'!P66</f>
        <v>0.4</v>
      </c>
      <c r="Q66" t="e">
        <f>'p-y sand'!Q66</f>
        <v>#N/A</v>
      </c>
      <c r="R66" t="e">
        <f>'p-y sand'!R66</f>
        <v>#N/A</v>
      </c>
      <c r="S66" t="e">
        <f>'p-y sand'!S66</f>
        <v>#N/A</v>
      </c>
      <c r="T66" t="e">
        <f>'p-y sand'!T66</f>
        <v>#N/A</v>
      </c>
      <c r="U66" t="e">
        <f>'p-y sand'!U66</f>
        <v>#N/A</v>
      </c>
      <c r="V66" t="e">
        <f>'p-y sand'!V66</f>
        <v>#N/A</v>
      </c>
      <c r="W66" t="e">
        <f>'p-y sand'!W66</f>
        <v>#N/A</v>
      </c>
      <c r="X66">
        <v>0.9</v>
      </c>
      <c r="Y66" t="e">
        <f>'p-y sand'!Y66</f>
        <v>#N/A</v>
      </c>
      <c r="Z66" s="143">
        <f>'p-y sand'!Z66</f>
        <v>0</v>
      </c>
      <c r="AA66" s="137">
        <f>'p-y sand'!AA66</f>
        <v>10</v>
      </c>
      <c r="AB66" s="137">
        <f>'p-y sand'!AB66</f>
        <v>20</v>
      </c>
      <c r="AC66" s="137">
        <f>'p-y sand'!AC66</f>
        <v>30</v>
      </c>
      <c r="AD66" s="137">
        <f>'p-y sand'!AD66</f>
        <v>40</v>
      </c>
      <c r="AE66" s="137">
        <f>'p-y sand'!AE66</f>
        <v>50</v>
      </c>
      <c r="AF66" s="137">
        <f>'p-y sand'!AF66</f>
        <v>60</v>
      </c>
      <c r="AG66" s="137">
        <f>'p-y sand'!AG66</f>
        <v>70</v>
      </c>
      <c r="AH66" s="137">
        <f>'p-y sand'!AH66</f>
        <v>80</v>
      </c>
      <c r="AI66" s="137">
        <f>'p-y sand'!AI66</f>
        <v>90</v>
      </c>
      <c r="AJ66" s="137">
        <f>'p-y sand'!AJ66</f>
        <v>100</v>
      </c>
      <c r="AK66" s="137">
        <f>'p-y sand'!AK66</f>
        <v>110</v>
      </c>
      <c r="AL66" s="137">
        <f>'p-y sand'!AL66</f>
        <v>120</v>
      </c>
      <c r="AM66" s="137" t="e">
        <f t="shared" si="15"/>
        <v>#N/A</v>
      </c>
      <c r="AN66" s="137" t="e">
        <f t="shared" si="16"/>
        <v>#N/A</v>
      </c>
      <c r="AO66" s="137" t="e">
        <f t="shared" si="17"/>
        <v>#N/A</v>
      </c>
      <c r="AP66" s="137" t="e">
        <f t="shared" si="18"/>
        <v>#N/A</v>
      </c>
      <c r="AQ66" s="137" t="e">
        <f t="shared" si="19"/>
        <v>#N/A</v>
      </c>
      <c r="AR66" s="137" t="e">
        <f t="shared" si="20"/>
        <v>#N/A</v>
      </c>
      <c r="AS66" s="137" t="e">
        <f t="shared" si="21"/>
        <v>#N/A</v>
      </c>
      <c r="AT66" s="137" t="e">
        <f t="shared" si="22"/>
        <v>#N/A</v>
      </c>
      <c r="AU66" s="137" t="e">
        <f t="shared" si="23"/>
        <v>#N/A</v>
      </c>
      <c r="AV66" s="137" t="e">
        <f t="shared" si="24"/>
        <v>#N/A</v>
      </c>
      <c r="AW66" s="144" t="e">
        <f t="shared" si="25"/>
        <v>#N/A</v>
      </c>
      <c r="AX66" s="137" t="e">
        <f t="shared" si="13"/>
        <v>#N/A</v>
      </c>
      <c r="AY66" s="144" t="e">
        <f t="shared" si="14"/>
        <v>#N/A</v>
      </c>
    </row>
    <row r="67" spans="2:51" x14ac:dyDescent="0.2">
      <c r="B67">
        <f>'p-y sand'!B67</f>
        <v>-56.5</v>
      </c>
      <c r="C67">
        <f>'p-y sand'!C67</f>
        <v>41</v>
      </c>
      <c r="D67">
        <f>'p-y sand'!D67</f>
        <v>40.984999999999999</v>
      </c>
      <c r="E67" t="str">
        <f>'p-y sand'!E67</f>
        <v>CLAY</v>
      </c>
      <c r="F67">
        <f>'p-y sand'!F67</f>
        <v>19.867216242799302</v>
      </c>
      <c r="G67" s="43">
        <f>'p-y sand'!G67</f>
        <v>9.8672162427993015</v>
      </c>
      <c r="H67">
        <f>'p-y sand'!H67</f>
        <v>404.47692822482895</v>
      </c>
      <c r="I67" t="e">
        <f>'p-y sand'!I67</f>
        <v>#N/A</v>
      </c>
      <c r="J67">
        <f>'Pile Property'!$B$8</f>
        <v>2</v>
      </c>
      <c r="K67" t="e">
        <f>'p-y sand'!K67</f>
        <v>#N/A</v>
      </c>
      <c r="L67" t="e">
        <f>'p-y sand'!L67</f>
        <v>#N/A</v>
      </c>
      <c r="M67" t="e">
        <f>'p-y sand'!M67</f>
        <v>#N/A</v>
      </c>
      <c r="N67" t="e">
        <f>'p-y sand'!N67</f>
        <v>#N/A</v>
      </c>
      <c r="O67" t="e">
        <f>'p-y sand'!O67</f>
        <v>#N/A</v>
      </c>
      <c r="P67">
        <f>'p-y sand'!P67</f>
        <v>0.4</v>
      </c>
      <c r="Q67" t="e">
        <f>'p-y sand'!Q67</f>
        <v>#N/A</v>
      </c>
      <c r="R67" t="e">
        <f>'p-y sand'!R67</f>
        <v>#N/A</v>
      </c>
      <c r="S67" t="e">
        <f>'p-y sand'!S67</f>
        <v>#N/A</v>
      </c>
      <c r="T67" t="e">
        <f>'p-y sand'!T67</f>
        <v>#N/A</v>
      </c>
      <c r="U67" t="e">
        <f>'p-y sand'!U67</f>
        <v>#N/A</v>
      </c>
      <c r="V67" t="e">
        <f>'p-y sand'!V67</f>
        <v>#N/A</v>
      </c>
      <c r="W67" t="e">
        <f>'p-y sand'!W67</f>
        <v>#N/A</v>
      </c>
      <c r="X67">
        <v>0.9</v>
      </c>
      <c r="Y67" t="e">
        <f>'p-y sand'!Y67</f>
        <v>#N/A</v>
      </c>
      <c r="Z67" s="143">
        <f>'p-y sand'!Z67</f>
        <v>0</v>
      </c>
      <c r="AA67" s="137">
        <f>'p-y sand'!AA67</f>
        <v>10</v>
      </c>
      <c r="AB67" s="137">
        <f>'p-y sand'!AB67</f>
        <v>20</v>
      </c>
      <c r="AC67" s="137">
        <f>'p-y sand'!AC67</f>
        <v>30</v>
      </c>
      <c r="AD67" s="137">
        <f>'p-y sand'!AD67</f>
        <v>40</v>
      </c>
      <c r="AE67" s="137">
        <f>'p-y sand'!AE67</f>
        <v>50</v>
      </c>
      <c r="AF67" s="137">
        <f>'p-y sand'!AF67</f>
        <v>60</v>
      </c>
      <c r="AG67" s="137">
        <f>'p-y sand'!AG67</f>
        <v>70</v>
      </c>
      <c r="AH67" s="137">
        <f>'p-y sand'!AH67</f>
        <v>80</v>
      </c>
      <c r="AI67" s="137">
        <f>'p-y sand'!AI67</f>
        <v>90</v>
      </c>
      <c r="AJ67" s="137">
        <f>'p-y sand'!AJ67</f>
        <v>100</v>
      </c>
      <c r="AK67" s="137">
        <f>'p-y sand'!AK67</f>
        <v>110</v>
      </c>
      <c r="AL67" s="137">
        <f>'p-y sand'!AL67</f>
        <v>120</v>
      </c>
      <c r="AM67" s="137" t="e">
        <f t="shared" si="15"/>
        <v>#N/A</v>
      </c>
      <c r="AN67" s="137" t="e">
        <f t="shared" si="16"/>
        <v>#N/A</v>
      </c>
      <c r="AO67" s="137" t="e">
        <f t="shared" si="17"/>
        <v>#N/A</v>
      </c>
      <c r="AP67" s="137" t="e">
        <f t="shared" si="18"/>
        <v>#N/A</v>
      </c>
      <c r="AQ67" s="137" t="e">
        <f t="shared" si="19"/>
        <v>#N/A</v>
      </c>
      <c r="AR67" s="137" t="e">
        <f t="shared" si="20"/>
        <v>#N/A</v>
      </c>
      <c r="AS67" s="137" t="e">
        <f t="shared" si="21"/>
        <v>#N/A</v>
      </c>
      <c r="AT67" s="137" t="e">
        <f t="shared" si="22"/>
        <v>#N/A</v>
      </c>
      <c r="AU67" s="137" t="e">
        <f t="shared" si="23"/>
        <v>#N/A</v>
      </c>
      <c r="AV67" s="137" t="e">
        <f t="shared" si="24"/>
        <v>#N/A</v>
      </c>
      <c r="AW67" s="144" t="e">
        <f t="shared" si="25"/>
        <v>#N/A</v>
      </c>
      <c r="AX67" s="137" t="e">
        <f t="shared" si="13"/>
        <v>#N/A</v>
      </c>
      <c r="AY67" s="144" t="e">
        <f t="shared" si="14"/>
        <v>#N/A</v>
      </c>
    </row>
    <row r="68" spans="2:51" x14ac:dyDescent="0.2">
      <c r="B68">
        <f>'p-y sand'!B68</f>
        <v>-57.5</v>
      </c>
      <c r="C68">
        <f>'p-y sand'!C68</f>
        <v>42</v>
      </c>
      <c r="D68">
        <f>'p-y sand'!D68</f>
        <v>41.99</v>
      </c>
      <c r="E68" t="str">
        <f>'p-y sand'!E68</f>
        <v>CLAY</v>
      </c>
      <c r="F68">
        <f>'p-y sand'!F68</f>
        <v>19.971024106199451</v>
      </c>
      <c r="G68" s="43">
        <f>'p-y sand'!G68</f>
        <v>9.9710241061994509</v>
      </c>
      <c r="H68">
        <f>'p-y sand'!H68</f>
        <v>418.75309938805833</v>
      </c>
      <c r="I68" t="e">
        <f>'p-y sand'!I68</f>
        <v>#N/A</v>
      </c>
      <c r="J68">
        <f>'Pile Property'!$B$8</f>
        <v>2</v>
      </c>
      <c r="K68" t="e">
        <f>'p-y sand'!K68</f>
        <v>#N/A</v>
      </c>
      <c r="L68" t="e">
        <f>'p-y sand'!L68</f>
        <v>#N/A</v>
      </c>
      <c r="M68" t="e">
        <f>'p-y sand'!M68</f>
        <v>#N/A</v>
      </c>
      <c r="N68" t="e">
        <f>'p-y sand'!N68</f>
        <v>#N/A</v>
      </c>
      <c r="O68" t="e">
        <f>'p-y sand'!O68</f>
        <v>#N/A</v>
      </c>
      <c r="P68">
        <f>'p-y sand'!P68</f>
        <v>0.4</v>
      </c>
      <c r="Q68" t="e">
        <f>'p-y sand'!Q68</f>
        <v>#N/A</v>
      </c>
      <c r="R68" t="e">
        <f>'p-y sand'!R68</f>
        <v>#N/A</v>
      </c>
      <c r="S68" t="e">
        <f>'p-y sand'!S68</f>
        <v>#N/A</v>
      </c>
      <c r="T68" t="e">
        <f>'p-y sand'!T68</f>
        <v>#N/A</v>
      </c>
      <c r="U68" t="e">
        <f>'p-y sand'!U68</f>
        <v>#N/A</v>
      </c>
      <c r="V68" t="e">
        <f>'p-y sand'!V68</f>
        <v>#N/A</v>
      </c>
      <c r="W68" t="e">
        <f>'p-y sand'!W68</f>
        <v>#N/A</v>
      </c>
      <c r="X68">
        <v>0.9</v>
      </c>
      <c r="Y68" t="e">
        <f>'p-y sand'!Y68</f>
        <v>#N/A</v>
      </c>
      <c r="Z68" s="143">
        <f>'p-y sand'!Z68</f>
        <v>0</v>
      </c>
      <c r="AA68" s="137">
        <f>'p-y sand'!AA68</f>
        <v>10</v>
      </c>
      <c r="AB68" s="137">
        <f>'p-y sand'!AB68</f>
        <v>20</v>
      </c>
      <c r="AC68" s="137">
        <f>'p-y sand'!AC68</f>
        <v>30</v>
      </c>
      <c r="AD68" s="137">
        <f>'p-y sand'!AD68</f>
        <v>40</v>
      </c>
      <c r="AE68" s="137">
        <f>'p-y sand'!AE68</f>
        <v>50</v>
      </c>
      <c r="AF68" s="137">
        <f>'p-y sand'!AF68</f>
        <v>60</v>
      </c>
      <c r="AG68" s="137">
        <f>'p-y sand'!AG68</f>
        <v>70</v>
      </c>
      <c r="AH68" s="137">
        <f>'p-y sand'!AH68</f>
        <v>80</v>
      </c>
      <c r="AI68" s="137">
        <f>'p-y sand'!AI68</f>
        <v>90</v>
      </c>
      <c r="AJ68" s="137">
        <f>'p-y sand'!AJ68</f>
        <v>100</v>
      </c>
      <c r="AK68" s="137">
        <f>'p-y sand'!AK68</f>
        <v>110</v>
      </c>
      <c r="AL68" s="137">
        <f>'p-y sand'!AL68</f>
        <v>120</v>
      </c>
      <c r="AM68" s="137" t="e">
        <f t="shared" si="15"/>
        <v>#N/A</v>
      </c>
      <c r="AN68" s="137" t="e">
        <f t="shared" si="16"/>
        <v>#N/A</v>
      </c>
      <c r="AO68" s="137" t="e">
        <f t="shared" si="17"/>
        <v>#N/A</v>
      </c>
      <c r="AP68" s="137" t="e">
        <f t="shared" si="18"/>
        <v>#N/A</v>
      </c>
      <c r="AQ68" s="137" t="e">
        <f t="shared" si="19"/>
        <v>#N/A</v>
      </c>
      <c r="AR68" s="137" t="e">
        <f t="shared" si="20"/>
        <v>#N/A</v>
      </c>
      <c r="AS68" s="137" t="e">
        <f t="shared" si="21"/>
        <v>#N/A</v>
      </c>
      <c r="AT68" s="137" t="e">
        <f t="shared" si="22"/>
        <v>#N/A</v>
      </c>
      <c r="AU68" s="137" t="e">
        <f t="shared" si="23"/>
        <v>#N/A</v>
      </c>
      <c r="AV68" s="137" t="e">
        <f t="shared" si="24"/>
        <v>#N/A</v>
      </c>
      <c r="AW68" s="144" t="e">
        <f t="shared" si="25"/>
        <v>#N/A</v>
      </c>
      <c r="AX68" s="137" t="e">
        <f t="shared" si="13"/>
        <v>#N/A</v>
      </c>
      <c r="AY68" s="144" t="e">
        <f t="shared" si="14"/>
        <v>#N/A</v>
      </c>
    </row>
    <row r="69" spans="2:51" x14ac:dyDescent="0.2">
      <c r="B69">
        <f>'p-y sand'!B69</f>
        <v>-58.5</v>
      </c>
      <c r="C69">
        <f>'p-y sand'!C69</f>
        <v>43</v>
      </c>
      <c r="D69">
        <f>'p-y sand'!D69</f>
        <v>42.992000000000004</v>
      </c>
      <c r="E69" t="str">
        <f>'p-y sand'!E69</f>
        <v>CLAY</v>
      </c>
      <c r="F69">
        <f>'p-y sand'!F69</f>
        <v>20.282097805781664</v>
      </c>
      <c r="G69" s="43">
        <f>'p-y sand'!G69</f>
        <v>10.282097805781664</v>
      </c>
      <c r="H69">
        <f>'p-y sand'!H69</f>
        <v>442.11992355080577</v>
      </c>
      <c r="I69" t="e">
        <f>'p-y sand'!I69</f>
        <v>#N/A</v>
      </c>
      <c r="J69">
        <f>'Pile Property'!$B$8</f>
        <v>2</v>
      </c>
      <c r="K69" t="e">
        <f>'p-y sand'!K69</f>
        <v>#N/A</v>
      </c>
      <c r="L69" t="e">
        <f>'p-y sand'!L69</f>
        <v>#N/A</v>
      </c>
      <c r="M69" t="e">
        <f>'p-y sand'!M69</f>
        <v>#N/A</v>
      </c>
      <c r="N69" t="e">
        <f>'p-y sand'!N69</f>
        <v>#N/A</v>
      </c>
      <c r="O69" t="e">
        <f>'p-y sand'!O69</f>
        <v>#N/A</v>
      </c>
      <c r="P69">
        <f>'p-y sand'!P69</f>
        <v>0.4</v>
      </c>
      <c r="Q69" t="e">
        <f>'p-y sand'!Q69</f>
        <v>#N/A</v>
      </c>
      <c r="R69" t="e">
        <f>'p-y sand'!R69</f>
        <v>#N/A</v>
      </c>
      <c r="S69" t="e">
        <f>'p-y sand'!S69</f>
        <v>#N/A</v>
      </c>
      <c r="T69" t="e">
        <f>'p-y sand'!T69</f>
        <v>#N/A</v>
      </c>
      <c r="U69" t="e">
        <f>'p-y sand'!U69</f>
        <v>#N/A</v>
      </c>
      <c r="V69" t="e">
        <f>'p-y sand'!V69</f>
        <v>#N/A</v>
      </c>
      <c r="W69" t="e">
        <f>'p-y sand'!W69</f>
        <v>#N/A</v>
      </c>
      <c r="X69">
        <v>0.9</v>
      </c>
      <c r="Y69" t="e">
        <f>'p-y sand'!Y69</f>
        <v>#N/A</v>
      </c>
      <c r="Z69" s="143">
        <f>'p-y sand'!Z69</f>
        <v>0</v>
      </c>
      <c r="AA69" s="137">
        <f>'p-y sand'!AA69</f>
        <v>10</v>
      </c>
      <c r="AB69" s="137">
        <f>'p-y sand'!AB69</f>
        <v>20</v>
      </c>
      <c r="AC69" s="137">
        <f>'p-y sand'!AC69</f>
        <v>30</v>
      </c>
      <c r="AD69" s="137">
        <f>'p-y sand'!AD69</f>
        <v>40</v>
      </c>
      <c r="AE69" s="137">
        <f>'p-y sand'!AE69</f>
        <v>50</v>
      </c>
      <c r="AF69" s="137">
        <f>'p-y sand'!AF69</f>
        <v>60</v>
      </c>
      <c r="AG69" s="137">
        <f>'p-y sand'!AG69</f>
        <v>70</v>
      </c>
      <c r="AH69" s="137">
        <f>'p-y sand'!AH69</f>
        <v>80</v>
      </c>
      <c r="AI69" s="137">
        <f>'p-y sand'!AI69</f>
        <v>90</v>
      </c>
      <c r="AJ69" s="137">
        <f>'p-y sand'!AJ69</f>
        <v>100</v>
      </c>
      <c r="AK69" s="137">
        <f>'p-y sand'!AK69</f>
        <v>110</v>
      </c>
      <c r="AL69" s="137">
        <f>'p-y sand'!AL69</f>
        <v>120</v>
      </c>
      <c r="AM69" s="137" t="e">
        <f t="shared" si="15"/>
        <v>#N/A</v>
      </c>
      <c r="AN69" s="137" t="e">
        <f t="shared" si="16"/>
        <v>#N/A</v>
      </c>
      <c r="AO69" s="137" t="e">
        <f t="shared" si="17"/>
        <v>#N/A</v>
      </c>
      <c r="AP69" s="137" t="e">
        <f t="shared" si="18"/>
        <v>#N/A</v>
      </c>
      <c r="AQ69" s="137" t="e">
        <f t="shared" si="19"/>
        <v>#N/A</v>
      </c>
      <c r="AR69" s="137" t="e">
        <f t="shared" si="20"/>
        <v>#N/A</v>
      </c>
      <c r="AS69" s="137" t="e">
        <f t="shared" si="21"/>
        <v>#N/A</v>
      </c>
      <c r="AT69" s="137" t="e">
        <f t="shared" si="22"/>
        <v>#N/A</v>
      </c>
      <c r="AU69" s="137" t="e">
        <f t="shared" si="23"/>
        <v>#N/A</v>
      </c>
      <c r="AV69" s="137" t="e">
        <f t="shared" si="24"/>
        <v>#N/A</v>
      </c>
      <c r="AW69" s="144" t="e">
        <f t="shared" si="25"/>
        <v>#N/A</v>
      </c>
      <c r="AX69" s="137" t="e">
        <f t="shared" si="13"/>
        <v>#N/A</v>
      </c>
      <c r="AY69" s="144" t="e">
        <f t="shared" si="14"/>
        <v>#N/A</v>
      </c>
    </row>
    <row r="70" spans="2:51" x14ac:dyDescent="0.2">
      <c r="B70">
        <f>'p-y sand'!B70</f>
        <v>-59.5</v>
      </c>
      <c r="C70">
        <f>'p-y sand'!C70</f>
        <v>44</v>
      </c>
      <c r="D70">
        <f>'p-y sand'!D70</f>
        <v>43.99</v>
      </c>
      <c r="E70" t="str">
        <f>'p-y sand'!E70</f>
        <v>CLAY</v>
      </c>
      <c r="F70">
        <f>'p-y sand'!F70</f>
        <v>20.291513304512023</v>
      </c>
      <c r="G70" s="43">
        <f>'p-y sand'!G70</f>
        <v>10.291513304512023</v>
      </c>
      <c r="H70">
        <f>'p-y sand'!H70</f>
        <v>452.79571085861545</v>
      </c>
      <c r="I70" t="e">
        <f>'p-y sand'!I70</f>
        <v>#N/A</v>
      </c>
      <c r="J70">
        <f>'Pile Property'!$B$8</f>
        <v>2</v>
      </c>
      <c r="K70" t="e">
        <f>'p-y sand'!K70</f>
        <v>#N/A</v>
      </c>
      <c r="L70" t="e">
        <f>'p-y sand'!L70</f>
        <v>#N/A</v>
      </c>
      <c r="M70" t="e">
        <f>'p-y sand'!M70</f>
        <v>#N/A</v>
      </c>
      <c r="N70" t="e">
        <f>'p-y sand'!N70</f>
        <v>#N/A</v>
      </c>
      <c r="O70" t="e">
        <f>'p-y sand'!O70</f>
        <v>#N/A</v>
      </c>
      <c r="P70">
        <f>'p-y sand'!P70</f>
        <v>0.4</v>
      </c>
      <c r="Q70" t="e">
        <f>'p-y sand'!Q70</f>
        <v>#N/A</v>
      </c>
      <c r="R70" t="e">
        <f>'p-y sand'!R70</f>
        <v>#N/A</v>
      </c>
      <c r="S70" t="e">
        <f>'p-y sand'!S70</f>
        <v>#N/A</v>
      </c>
      <c r="T70" t="e">
        <f>'p-y sand'!T70</f>
        <v>#N/A</v>
      </c>
      <c r="U70" t="e">
        <f>'p-y sand'!U70</f>
        <v>#N/A</v>
      </c>
      <c r="V70" t="e">
        <f>'p-y sand'!V70</f>
        <v>#N/A</v>
      </c>
      <c r="W70" t="e">
        <f>'p-y sand'!W70</f>
        <v>#N/A</v>
      </c>
      <c r="X70">
        <v>0.9</v>
      </c>
      <c r="Y70" t="e">
        <f>'p-y sand'!Y70</f>
        <v>#N/A</v>
      </c>
      <c r="Z70" s="143">
        <f>'p-y sand'!Z70</f>
        <v>0</v>
      </c>
      <c r="AA70" s="137">
        <f>'p-y sand'!AA70</f>
        <v>10</v>
      </c>
      <c r="AB70" s="137">
        <f>'p-y sand'!AB70</f>
        <v>20</v>
      </c>
      <c r="AC70" s="137">
        <f>'p-y sand'!AC70</f>
        <v>30</v>
      </c>
      <c r="AD70" s="137">
        <f>'p-y sand'!AD70</f>
        <v>40</v>
      </c>
      <c r="AE70" s="137">
        <f>'p-y sand'!AE70</f>
        <v>50</v>
      </c>
      <c r="AF70" s="137">
        <f>'p-y sand'!AF70</f>
        <v>60</v>
      </c>
      <c r="AG70" s="137">
        <f>'p-y sand'!AG70</f>
        <v>70</v>
      </c>
      <c r="AH70" s="137">
        <f>'p-y sand'!AH70</f>
        <v>80</v>
      </c>
      <c r="AI70" s="137">
        <f>'p-y sand'!AI70</f>
        <v>90</v>
      </c>
      <c r="AJ70" s="137">
        <f>'p-y sand'!AJ70</f>
        <v>100</v>
      </c>
      <c r="AK70" s="137">
        <f>'p-y sand'!AK70</f>
        <v>110</v>
      </c>
      <c r="AL70" s="137">
        <f>'p-y sand'!AL70</f>
        <v>120</v>
      </c>
      <c r="AM70" s="137" t="e">
        <f t="shared" si="15"/>
        <v>#N/A</v>
      </c>
      <c r="AN70" s="137" t="e">
        <f t="shared" si="16"/>
        <v>#N/A</v>
      </c>
      <c r="AO70" s="137" t="e">
        <f t="shared" si="17"/>
        <v>#N/A</v>
      </c>
      <c r="AP70" s="137" t="e">
        <f t="shared" si="18"/>
        <v>#N/A</v>
      </c>
      <c r="AQ70" s="137" t="e">
        <f t="shared" si="19"/>
        <v>#N/A</v>
      </c>
      <c r="AR70" s="137" t="e">
        <f t="shared" si="20"/>
        <v>#N/A</v>
      </c>
      <c r="AS70" s="137" t="e">
        <f t="shared" si="21"/>
        <v>#N/A</v>
      </c>
      <c r="AT70" s="137" t="e">
        <f t="shared" si="22"/>
        <v>#N/A</v>
      </c>
      <c r="AU70" s="137" t="e">
        <f t="shared" si="23"/>
        <v>#N/A</v>
      </c>
      <c r="AV70" s="137" t="e">
        <f t="shared" si="24"/>
        <v>#N/A</v>
      </c>
      <c r="AW70" s="144" t="e">
        <f t="shared" si="25"/>
        <v>#N/A</v>
      </c>
      <c r="AX70" s="137" t="e">
        <f t="shared" si="13"/>
        <v>#N/A</v>
      </c>
      <c r="AY70" s="144" t="e">
        <f t="shared" si="14"/>
        <v>#N/A</v>
      </c>
    </row>
    <row r="71" spans="2:51" x14ac:dyDescent="0.2">
      <c r="B71">
        <f>'p-y sand'!B71</f>
        <v>-60.5</v>
      </c>
      <c r="C71">
        <f>'p-y sand'!C71</f>
        <v>45</v>
      </c>
      <c r="D71">
        <f>'p-y sand'!D71</f>
        <v>44.991</v>
      </c>
      <c r="E71" t="str">
        <f>'p-y sand'!E71</f>
        <v>CLAY</v>
      </c>
      <c r="F71">
        <f>'p-y sand'!F71</f>
        <v>20.229129616627255</v>
      </c>
      <c r="G71" s="43">
        <f>'p-y sand'!G71</f>
        <v>10.229129616627255</v>
      </c>
      <c r="H71">
        <f>'p-y sand'!H71</f>
        <v>460.29037448899317</v>
      </c>
      <c r="I71" t="e">
        <f>'p-y sand'!I71</f>
        <v>#N/A</v>
      </c>
      <c r="J71">
        <f>'Pile Property'!$B$8</f>
        <v>2</v>
      </c>
      <c r="K71" t="e">
        <f>'p-y sand'!K71</f>
        <v>#N/A</v>
      </c>
      <c r="L71" t="e">
        <f>'p-y sand'!L71</f>
        <v>#N/A</v>
      </c>
      <c r="M71" t="e">
        <f>'p-y sand'!M71</f>
        <v>#N/A</v>
      </c>
      <c r="N71" t="e">
        <f>'p-y sand'!N71</f>
        <v>#N/A</v>
      </c>
      <c r="O71" t="e">
        <f>'p-y sand'!O71</f>
        <v>#N/A</v>
      </c>
      <c r="P71">
        <f>'p-y sand'!P71</f>
        <v>0.4</v>
      </c>
      <c r="Q71" t="e">
        <f>'p-y sand'!Q71</f>
        <v>#N/A</v>
      </c>
      <c r="R71" t="e">
        <f>'p-y sand'!R71</f>
        <v>#N/A</v>
      </c>
      <c r="S71" t="e">
        <f>'p-y sand'!S71</f>
        <v>#N/A</v>
      </c>
      <c r="T71" t="e">
        <f>'p-y sand'!T71</f>
        <v>#N/A</v>
      </c>
      <c r="U71" t="e">
        <f>'p-y sand'!U71</f>
        <v>#N/A</v>
      </c>
      <c r="V71" t="e">
        <f>'p-y sand'!V71</f>
        <v>#N/A</v>
      </c>
      <c r="W71" t="e">
        <f>'p-y sand'!W71</f>
        <v>#N/A</v>
      </c>
      <c r="X71">
        <v>0.9</v>
      </c>
      <c r="Y71" t="e">
        <f>'p-y sand'!Y71</f>
        <v>#N/A</v>
      </c>
      <c r="Z71" s="143">
        <f>'p-y sand'!Z71</f>
        <v>0</v>
      </c>
      <c r="AA71" s="137">
        <f>'p-y sand'!AA71</f>
        <v>10</v>
      </c>
      <c r="AB71" s="137">
        <f>'p-y sand'!AB71</f>
        <v>20</v>
      </c>
      <c r="AC71" s="137">
        <f>'p-y sand'!AC71</f>
        <v>30</v>
      </c>
      <c r="AD71" s="137">
        <f>'p-y sand'!AD71</f>
        <v>40</v>
      </c>
      <c r="AE71" s="137">
        <f>'p-y sand'!AE71</f>
        <v>50</v>
      </c>
      <c r="AF71" s="137">
        <f>'p-y sand'!AF71</f>
        <v>60</v>
      </c>
      <c r="AG71" s="137">
        <f>'p-y sand'!AG71</f>
        <v>70</v>
      </c>
      <c r="AH71" s="137">
        <f>'p-y sand'!AH71</f>
        <v>80</v>
      </c>
      <c r="AI71" s="137">
        <f>'p-y sand'!AI71</f>
        <v>90</v>
      </c>
      <c r="AJ71" s="137">
        <f>'p-y sand'!AJ71</f>
        <v>100</v>
      </c>
      <c r="AK71" s="137">
        <f>'p-y sand'!AK71</f>
        <v>110</v>
      </c>
      <c r="AL71" s="137">
        <f>'p-y sand'!AL71</f>
        <v>120</v>
      </c>
      <c r="AM71" s="137" t="e">
        <f t="shared" si="15"/>
        <v>#N/A</v>
      </c>
      <c r="AN71" s="137" t="e">
        <f t="shared" si="16"/>
        <v>#N/A</v>
      </c>
      <c r="AO71" s="137" t="e">
        <f t="shared" si="17"/>
        <v>#N/A</v>
      </c>
      <c r="AP71" s="137" t="e">
        <f t="shared" si="18"/>
        <v>#N/A</v>
      </c>
      <c r="AQ71" s="137" t="e">
        <f t="shared" si="19"/>
        <v>#N/A</v>
      </c>
      <c r="AR71" s="137" t="e">
        <f t="shared" si="20"/>
        <v>#N/A</v>
      </c>
      <c r="AS71" s="137" t="e">
        <f t="shared" si="21"/>
        <v>#N/A</v>
      </c>
      <c r="AT71" s="137" t="e">
        <f t="shared" si="22"/>
        <v>#N/A</v>
      </c>
      <c r="AU71" s="137" t="e">
        <f t="shared" si="23"/>
        <v>#N/A</v>
      </c>
      <c r="AV71" s="137" t="e">
        <f t="shared" si="24"/>
        <v>#N/A</v>
      </c>
      <c r="AW71" s="144" t="e">
        <f t="shared" si="25"/>
        <v>#N/A</v>
      </c>
      <c r="AX71" s="137" t="e">
        <f t="shared" si="13"/>
        <v>#N/A</v>
      </c>
      <c r="AY71" s="144" t="e">
        <f t="shared" si="14"/>
        <v>#N/A</v>
      </c>
    </row>
    <row r="72" spans="2:51" x14ac:dyDescent="0.2">
      <c r="B72">
        <f>'p-y sand'!B72</f>
        <v>-61.5</v>
      </c>
      <c r="C72">
        <f>'p-y sand'!C72</f>
        <v>46</v>
      </c>
      <c r="D72">
        <f>'p-y sand'!D72</f>
        <v>45.989000000000004</v>
      </c>
      <c r="E72" t="str">
        <f>'p-y sand'!E72</f>
        <v>CLAY</v>
      </c>
      <c r="F72">
        <f>'p-y sand'!F72</f>
        <v>20.549474774612996</v>
      </c>
      <c r="G72" s="43">
        <f>'p-y sand'!G72</f>
        <v>10.549474774612996</v>
      </c>
      <c r="H72">
        <f>'p-y sand'!H72</f>
        <v>485.23364173309938</v>
      </c>
      <c r="I72" t="e">
        <f>'p-y sand'!I72</f>
        <v>#N/A</v>
      </c>
      <c r="J72">
        <f>'Pile Property'!$B$8</f>
        <v>2</v>
      </c>
      <c r="K72" t="e">
        <f>'p-y sand'!K72</f>
        <v>#N/A</v>
      </c>
      <c r="L72" t="e">
        <f>'p-y sand'!L72</f>
        <v>#N/A</v>
      </c>
      <c r="M72" t="e">
        <f>'p-y sand'!M72</f>
        <v>#N/A</v>
      </c>
      <c r="N72" t="e">
        <f>'p-y sand'!N72</f>
        <v>#N/A</v>
      </c>
      <c r="O72" t="e">
        <f>'p-y sand'!O72</f>
        <v>#N/A</v>
      </c>
      <c r="P72">
        <f>'p-y sand'!P72</f>
        <v>0.4</v>
      </c>
      <c r="Q72" t="e">
        <f>'p-y sand'!Q72</f>
        <v>#N/A</v>
      </c>
      <c r="R72" t="e">
        <f>'p-y sand'!R72</f>
        <v>#N/A</v>
      </c>
      <c r="S72" t="e">
        <f>'p-y sand'!S72</f>
        <v>#N/A</v>
      </c>
      <c r="T72" t="e">
        <f>'p-y sand'!T72</f>
        <v>#N/A</v>
      </c>
      <c r="U72" t="e">
        <f>'p-y sand'!U72</f>
        <v>#N/A</v>
      </c>
      <c r="V72" t="e">
        <f>'p-y sand'!V72</f>
        <v>#N/A</v>
      </c>
      <c r="W72" t="e">
        <f>'p-y sand'!W72</f>
        <v>#N/A</v>
      </c>
      <c r="X72">
        <v>0.9</v>
      </c>
      <c r="Y72" t="e">
        <f>'p-y sand'!Y72</f>
        <v>#N/A</v>
      </c>
      <c r="Z72" s="143">
        <f>'p-y sand'!Z72</f>
        <v>0</v>
      </c>
      <c r="AA72" s="137">
        <f>'p-y sand'!AA72</f>
        <v>10</v>
      </c>
      <c r="AB72" s="137">
        <f>'p-y sand'!AB72</f>
        <v>20</v>
      </c>
      <c r="AC72" s="137">
        <f>'p-y sand'!AC72</f>
        <v>30</v>
      </c>
      <c r="AD72" s="137">
        <f>'p-y sand'!AD72</f>
        <v>40</v>
      </c>
      <c r="AE72" s="137">
        <f>'p-y sand'!AE72</f>
        <v>50</v>
      </c>
      <c r="AF72" s="137">
        <f>'p-y sand'!AF72</f>
        <v>60</v>
      </c>
      <c r="AG72" s="137">
        <f>'p-y sand'!AG72</f>
        <v>70</v>
      </c>
      <c r="AH72" s="137">
        <f>'p-y sand'!AH72</f>
        <v>80</v>
      </c>
      <c r="AI72" s="137">
        <f>'p-y sand'!AI72</f>
        <v>90</v>
      </c>
      <c r="AJ72" s="137">
        <f>'p-y sand'!AJ72</f>
        <v>100</v>
      </c>
      <c r="AK72" s="137">
        <f>'p-y sand'!AK72</f>
        <v>110</v>
      </c>
      <c r="AL72" s="137">
        <f>'p-y sand'!AL72</f>
        <v>120</v>
      </c>
      <c r="AM72" s="137" t="e">
        <f t="shared" si="15"/>
        <v>#N/A</v>
      </c>
      <c r="AN72" s="137" t="e">
        <f t="shared" si="16"/>
        <v>#N/A</v>
      </c>
      <c r="AO72" s="137" t="e">
        <f t="shared" si="17"/>
        <v>#N/A</v>
      </c>
      <c r="AP72" s="137" t="e">
        <f t="shared" si="18"/>
        <v>#N/A</v>
      </c>
      <c r="AQ72" s="137" t="e">
        <f t="shared" si="19"/>
        <v>#N/A</v>
      </c>
      <c r="AR72" s="137" t="e">
        <f t="shared" si="20"/>
        <v>#N/A</v>
      </c>
      <c r="AS72" s="137" t="e">
        <f t="shared" si="21"/>
        <v>#N/A</v>
      </c>
      <c r="AT72" s="137" t="e">
        <f t="shared" si="22"/>
        <v>#N/A</v>
      </c>
      <c r="AU72" s="137" t="e">
        <f t="shared" si="23"/>
        <v>#N/A</v>
      </c>
      <c r="AV72" s="137" t="e">
        <f t="shared" si="24"/>
        <v>#N/A</v>
      </c>
      <c r="AW72" s="144" t="e">
        <f t="shared" si="25"/>
        <v>#N/A</v>
      </c>
      <c r="AX72" s="137" t="e">
        <f t="shared" si="13"/>
        <v>#N/A</v>
      </c>
      <c r="AY72" s="144" t="e">
        <f t="shared" si="14"/>
        <v>#N/A</v>
      </c>
    </row>
    <row r="73" spans="2:51" x14ac:dyDescent="0.2">
      <c r="B73">
        <f>'p-y sand'!B73</f>
        <v>-62.5</v>
      </c>
      <c r="C73">
        <f>'p-y sand'!C73</f>
        <v>47</v>
      </c>
      <c r="D73">
        <f>'p-y sand'!D73</f>
        <v>46.992000000000004</v>
      </c>
      <c r="E73" t="str">
        <f>'p-y sand'!E73</f>
        <v>CLAY</v>
      </c>
      <c r="F73">
        <f>'p-y sand'!F73</f>
        <v>19.957813632315371</v>
      </c>
      <c r="G73" s="43">
        <f>'p-y sand'!G73</f>
        <v>9.9578136323153714</v>
      </c>
      <c r="H73">
        <f>'p-y sand'!H73</f>
        <v>468.00728290519015</v>
      </c>
      <c r="I73" t="e">
        <f>'p-y sand'!I73</f>
        <v>#N/A</v>
      </c>
      <c r="J73">
        <f>'Pile Property'!$B$8</f>
        <v>2</v>
      </c>
      <c r="K73" t="e">
        <f>'p-y sand'!K73</f>
        <v>#N/A</v>
      </c>
      <c r="L73" t="e">
        <f>'p-y sand'!L73</f>
        <v>#N/A</v>
      </c>
      <c r="M73" t="e">
        <f>'p-y sand'!M73</f>
        <v>#N/A</v>
      </c>
      <c r="N73" t="e">
        <f>'p-y sand'!N73</f>
        <v>#N/A</v>
      </c>
      <c r="O73" t="e">
        <f>'p-y sand'!O73</f>
        <v>#N/A</v>
      </c>
      <c r="P73">
        <f>'p-y sand'!P73</f>
        <v>0.4</v>
      </c>
      <c r="Q73" t="e">
        <f>'p-y sand'!Q73</f>
        <v>#N/A</v>
      </c>
      <c r="R73" t="e">
        <f>'p-y sand'!R73</f>
        <v>#N/A</v>
      </c>
      <c r="S73" t="e">
        <f>'p-y sand'!S73</f>
        <v>#N/A</v>
      </c>
      <c r="T73" t="e">
        <f>'p-y sand'!T73</f>
        <v>#N/A</v>
      </c>
      <c r="U73" t="e">
        <f>'p-y sand'!U73</f>
        <v>#N/A</v>
      </c>
      <c r="V73" t="e">
        <f>'p-y sand'!V73</f>
        <v>#N/A</v>
      </c>
      <c r="W73" t="e">
        <f>'p-y sand'!W73</f>
        <v>#N/A</v>
      </c>
      <c r="X73">
        <v>0.9</v>
      </c>
      <c r="Y73" t="e">
        <f>'p-y sand'!Y73</f>
        <v>#N/A</v>
      </c>
      <c r="Z73" s="143">
        <f>'p-y sand'!Z73</f>
        <v>0</v>
      </c>
      <c r="AA73" s="137">
        <f>'p-y sand'!AA73</f>
        <v>10</v>
      </c>
      <c r="AB73" s="137">
        <f>'p-y sand'!AB73</f>
        <v>20</v>
      </c>
      <c r="AC73" s="137">
        <f>'p-y sand'!AC73</f>
        <v>30</v>
      </c>
      <c r="AD73" s="137">
        <f>'p-y sand'!AD73</f>
        <v>40</v>
      </c>
      <c r="AE73" s="137">
        <f>'p-y sand'!AE73</f>
        <v>50</v>
      </c>
      <c r="AF73" s="137">
        <f>'p-y sand'!AF73</f>
        <v>60</v>
      </c>
      <c r="AG73" s="137">
        <f>'p-y sand'!AG73</f>
        <v>70</v>
      </c>
      <c r="AH73" s="137">
        <f>'p-y sand'!AH73</f>
        <v>80</v>
      </c>
      <c r="AI73" s="137">
        <f>'p-y sand'!AI73</f>
        <v>90</v>
      </c>
      <c r="AJ73" s="137">
        <f>'p-y sand'!AJ73</f>
        <v>100</v>
      </c>
      <c r="AK73" s="137">
        <f>'p-y sand'!AK73</f>
        <v>110</v>
      </c>
      <c r="AL73" s="137">
        <f>'p-y sand'!AL73</f>
        <v>120</v>
      </c>
      <c r="AM73" s="137" t="e">
        <f t="shared" si="15"/>
        <v>#N/A</v>
      </c>
      <c r="AN73" s="137" t="e">
        <f t="shared" si="16"/>
        <v>#N/A</v>
      </c>
      <c r="AO73" s="137" t="e">
        <f t="shared" si="17"/>
        <v>#N/A</v>
      </c>
      <c r="AP73" s="137" t="e">
        <f t="shared" si="18"/>
        <v>#N/A</v>
      </c>
      <c r="AQ73" s="137" t="e">
        <f t="shared" si="19"/>
        <v>#N/A</v>
      </c>
      <c r="AR73" s="137" t="e">
        <f t="shared" si="20"/>
        <v>#N/A</v>
      </c>
      <c r="AS73" s="137" t="e">
        <f t="shared" si="21"/>
        <v>#N/A</v>
      </c>
      <c r="AT73" s="137" t="e">
        <f t="shared" si="22"/>
        <v>#N/A</v>
      </c>
      <c r="AU73" s="137" t="e">
        <f t="shared" si="23"/>
        <v>#N/A</v>
      </c>
      <c r="AV73" s="137" t="e">
        <f t="shared" si="24"/>
        <v>#N/A</v>
      </c>
      <c r="AW73" s="144" t="e">
        <f t="shared" si="25"/>
        <v>#N/A</v>
      </c>
      <c r="AX73" s="137" t="e">
        <f t="shared" si="13"/>
        <v>#N/A</v>
      </c>
      <c r="AY73" s="144" t="e">
        <f t="shared" si="14"/>
        <v>#N/A</v>
      </c>
    </row>
    <row r="74" spans="2:51" x14ac:dyDescent="0.2">
      <c r="B74">
        <f>'p-y sand'!B74</f>
        <v>-63.5</v>
      </c>
      <c r="C74">
        <f>'p-y sand'!C74</f>
        <v>48</v>
      </c>
      <c r="D74">
        <f>'p-y sand'!D74</f>
        <v>47.983000000000004</v>
      </c>
      <c r="E74" t="str">
        <f>'p-y sand'!E74</f>
        <v>CLAY</v>
      </c>
      <c r="F74">
        <f>'p-y sand'!F74</f>
        <v>20.01758903459735</v>
      </c>
      <c r="G74" s="43">
        <f>'p-y sand'!G74</f>
        <v>10.01758903459735</v>
      </c>
      <c r="H74">
        <f>'p-y sand'!H74</f>
        <v>480.74409777032685</v>
      </c>
      <c r="I74" t="e">
        <f>'p-y sand'!I74</f>
        <v>#N/A</v>
      </c>
      <c r="J74">
        <f>'Pile Property'!$B$8</f>
        <v>2</v>
      </c>
      <c r="K74" t="e">
        <f>'p-y sand'!K74</f>
        <v>#N/A</v>
      </c>
      <c r="L74" t="e">
        <f>'p-y sand'!L74</f>
        <v>#N/A</v>
      </c>
      <c r="M74" t="e">
        <f>'p-y sand'!M74</f>
        <v>#N/A</v>
      </c>
      <c r="N74" t="e">
        <f>'p-y sand'!N74</f>
        <v>#N/A</v>
      </c>
      <c r="O74" t="e">
        <f>'p-y sand'!O74</f>
        <v>#N/A</v>
      </c>
      <c r="P74">
        <f>'p-y sand'!P74</f>
        <v>0.4</v>
      </c>
      <c r="Q74" t="e">
        <f>'p-y sand'!Q74</f>
        <v>#N/A</v>
      </c>
      <c r="R74" t="e">
        <f>'p-y sand'!R74</f>
        <v>#N/A</v>
      </c>
      <c r="S74" t="e">
        <f>'p-y sand'!S74</f>
        <v>#N/A</v>
      </c>
      <c r="T74" t="e">
        <f>'p-y sand'!T74</f>
        <v>#N/A</v>
      </c>
      <c r="U74" t="e">
        <f>'p-y sand'!U74</f>
        <v>#N/A</v>
      </c>
      <c r="V74" t="e">
        <f>'p-y sand'!V74</f>
        <v>#N/A</v>
      </c>
      <c r="W74" t="e">
        <f>'p-y sand'!W74</f>
        <v>#N/A</v>
      </c>
      <c r="X74">
        <v>0.9</v>
      </c>
      <c r="Y74" t="e">
        <f>'p-y sand'!Y74</f>
        <v>#N/A</v>
      </c>
      <c r="Z74" s="143">
        <f>'p-y sand'!Z74</f>
        <v>0</v>
      </c>
      <c r="AA74" s="137">
        <f>'p-y sand'!AA74</f>
        <v>10</v>
      </c>
      <c r="AB74" s="137">
        <f>'p-y sand'!AB74</f>
        <v>20</v>
      </c>
      <c r="AC74" s="137">
        <f>'p-y sand'!AC74</f>
        <v>30</v>
      </c>
      <c r="AD74" s="137">
        <f>'p-y sand'!AD74</f>
        <v>40</v>
      </c>
      <c r="AE74" s="137">
        <f>'p-y sand'!AE74</f>
        <v>50</v>
      </c>
      <c r="AF74" s="137">
        <f>'p-y sand'!AF74</f>
        <v>60</v>
      </c>
      <c r="AG74" s="137">
        <f>'p-y sand'!AG74</f>
        <v>70</v>
      </c>
      <c r="AH74" s="137">
        <f>'p-y sand'!AH74</f>
        <v>80</v>
      </c>
      <c r="AI74" s="137">
        <f>'p-y sand'!AI74</f>
        <v>90</v>
      </c>
      <c r="AJ74" s="137">
        <f>'p-y sand'!AJ74</f>
        <v>100</v>
      </c>
      <c r="AK74" s="137">
        <f>'p-y sand'!AK74</f>
        <v>110</v>
      </c>
      <c r="AL74" s="137">
        <f>'p-y sand'!AL74</f>
        <v>120</v>
      </c>
      <c r="AM74" s="137" t="e">
        <f t="shared" si="15"/>
        <v>#N/A</v>
      </c>
      <c r="AN74" s="137" t="e">
        <f t="shared" si="16"/>
        <v>#N/A</v>
      </c>
      <c r="AO74" s="137" t="e">
        <f t="shared" si="17"/>
        <v>#N/A</v>
      </c>
      <c r="AP74" s="137" t="e">
        <f t="shared" si="18"/>
        <v>#N/A</v>
      </c>
      <c r="AQ74" s="137" t="e">
        <f t="shared" si="19"/>
        <v>#N/A</v>
      </c>
      <c r="AR74" s="137" t="e">
        <f t="shared" si="20"/>
        <v>#N/A</v>
      </c>
      <c r="AS74" s="137" t="e">
        <f t="shared" si="21"/>
        <v>#N/A</v>
      </c>
      <c r="AT74" s="137" t="e">
        <f t="shared" si="22"/>
        <v>#N/A</v>
      </c>
      <c r="AU74" s="137" t="e">
        <f t="shared" si="23"/>
        <v>#N/A</v>
      </c>
      <c r="AV74" s="137" t="e">
        <f t="shared" si="24"/>
        <v>#N/A</v>
      </c>
      <c r="AW74" s="144" t="e">
        <f t="shared" si="25"/>
        <v>#N/A</v>
      </c>
      <c r="AX74" s="137" t="e">
        <f t="shared" si="13"/>
        <v>#N/A</v>
      </c>
      <c r="AY74" s="144" t="e">
        <f t="shared" si="14"/>
        <v>#N/A</v>
      </c>
    </row>
    <row r="75" spans="2:51" x14ac:dyDescent="0.2">
      <c r="B75">
        <f>'p-y sand'!B75</f>
        <v>-64.5</v>
      </c>
      <c r="C75">
        <f>'p-y sand'!C75</f>
        <v>49</v>
      </c>
      <c r="D75">
        <f>'p-y sand'!D75</f>
        <v>48.988</v>
      </c>
      <c r="E75" t="str">
        <f>'p-y sand'!E75</f>
        <v>CLAY</v>
      </c>
      <c r="F75">
        <f>'p-y sand'!F75</f>
        <v>19.814315890363275</v>
      </c>
      <c r="G75" s="43">
        <f>'p-y sand'!G75</f>
        <v>9.8143158903632752</v>
      </c>
      <c r="H75">
        <f>'p-y sand'!H75</f>
        <v>480.85240704834865</v>
      </c>
      <c r="I75" t="e">
        <f>'p-y sand'!I75</f>
        <v>#N/A</v>
      </c>
      <c r="J75">
        <f>'Pile Property'!$B$8</f>
        <v>2</v>
      </c>
      <c r="K75" t="e">
        <f>'p-y sand'!K75</f>
        <v>#N/A</v>
      </c>
      <c r="L75" t="e">
        <f>'p-y sand'!L75</f>
        <v>#N/A</v>
      </c>
      <c r="M75" t="e">
        <f>'p-y sand'!M75</f>
        <v>#N/A</v>
      </c>
      <c r="N75" t="e">
        <f>'p-y sand'!N75</f>
        <v>#N/A</v>
      </c>
      <c r="O75" t="e">
        <f>'p-y sand'!O75</f>
        <v>#N/A</v>
      </c>
      <c r="P75">
        <f>'p-y sand'!P75</f>
        <v>0.4</v>
      </c>
      <c r="Q75" t="e">
        <f>'p-y sand'!Q75</f>
        <v>#N/A</v>
      </c>
      <c r="R75" t="e">
        <f>'p-y sand'!R75</f>
        <v>#N/A</v>
      </c>
      <c r="S75" t="e">
        <f>'p-y sand'!S75</f>
        <v>#N/A</v>
      </c>
      <c r="T75" t="e">
        <f>'p-y sand'!T75</f>
        <v>#N/A</v>
      </c>
      <c r="U75" t="e">
        <f>'p-y sand'!U75</f>
        <v>#N/A</v>
      </c>
      <c r="V75" t="e">
        <f>'p-y sand'!V75</f>
        <v>#N/A</v>
      </c>
      <c r="W75" t="e">
        <f>'p-y sand'!W75</f>
        <v>#N/A</v>
      </c>
      <c r="X75">
        <v>0.9</v>
      </c>
      <c r="Y75" t="e">
        <f>'p-y sand'!Y75</f>
        <v>#N/A</v>
      </c>
      <c r="Z75" s="143">
        <f>'p-y sand'!Z75</f>
        <v>0</v>
      </c>
      <c r="AA75" s="137">
        <f>'p-y sand'!AA75</f>
        <v>10</v>
      </c>
      <c r="AB75" s="137">
        <f>'p-y sand'!AB75</f>
        <v>20</v>
      </c>
      <c r="AC75" s="137">
        <f>'p-y sand'!AC75</f>
        <v>30</v>
      </c>
      <c r="AD75" s="137">
        <f>'p-y sand'!AD75</f>
        <v>40</v>
      </c>
      <c r="AE75" s="137">
        <f>'p-y sand'!AE75</f>
        <v>50</v>
      </c>
      <c r="AF75" s="137">
        <f>'p-y sand'!AF75</f>
        <v>60</v>
      </c>
      <c r="AG75" s="137">
        <f>'p-y sand'!AG75</f>
        <v>70</v>
      </c>
      <c r="AH75" s="137">
        <f>'p-y sand'!AH75</f>
        <v>80</v>
      </c>
      <c r="AI75" s="137">
        <f>'p-y sand'!AI75</f>
        <v>90</v>
      </c>
      <c r="AJ75" s="137">
        <f>'p-y sand'!AJ75</f>
        <v>100</v>
      </c>
      <c r="AK75" s="137">
        <f>'p-y sand'!AK75</f>
        <v>110</v>
      </c>
      <c r="AL75" s="137">
        <f>'p-y sand'!AL75</f>
        <v>120</v>
      </c>
      <c r="AM75" s="137" t="e">
        <f t="shared" si="15"/>
        <v>#N/A</v>
      </c>
      <c r="AN75" s="137" t="e">
        <f t="shared" si="16"/>
        <v>#N/A</v>
      </c>
      <c r="AO75" s="137" t="e">
        <f t="shared" si="17"/>
        <v>#N/A</v>
      </c>
      <c r="AP75" s="137" t="e">
        <f t="shared" si="18"/>
        <v>#N/A</v>
      </c>
      <c r="AQ75" s="137" t="e">
        <f t="shared" si="19"/>
        <v>#N/A</v>
      </c>
      <c r="AR75" s="137" t="e">
        <f t="shared" si="20"/>
        <v>#N/A</v>
      </c>
      <c r="AS75" s="137" t="e">
        <f t="shared" si="21"/>
        <v>#N/A</v>
      </c>
      <c r="AT75" s="137" t="e">
        <f t="shared" si="22"/>
        <v>#N/A</v>
      </c>
      <c r="AU75" s="137" t="e">
        <f t="shared" si="23"/>
        <v>#N/A</v>
      </c>
      <c r="AV75" s="137" t="e">
        <f t="shared" si="24"/>
        <v>#N/A</v>
      </c>
      <c r="AW75" s="144" t="e">
        <f t="shared" si="25"/>
        <v>#N/A</v>
      </c>
      <c r="AX75" s="137" t="e">
        <f t="shared" si="13"/>
        <v>#N/A</v>
      </c>
      <c r="AY75" s="144" t="e">
        <f t="shared" si="14"/>
        <v>#N/A</v>
      </c>
    </row>
    <row r="76" spans="2:51" x14ac:dyDescent="0.2">
      <c r="B76">
        <f>'p-y sand'!B76</f>
        <v>-65.5</v>
      </c>
      <c r="C76">
        <f>'p-y sand'!C76</f>
        <v>50</v>
      </c>
      <c r="D76">
        <f>'p-y sand'!D76</f>
        <v>49.988</v>
      </c>
      <c r="E76" t="str">
        <f>'p-y sand'!E76</f>
        <v>CLAY</v>
      </c>
      <c r="F76">
        <f>'p-y sand'!F76</f>
        <v>19.45274070836178</v>
      </c>
      <c r="G76" s="43">
        <f>'p-y sand'!G76</f>
        <v>9.4527407083617803</v>
      </c>
      <c r="H76">
        <f>'p-y sand'!H76</f>
        <v>472.58977171454717</v>
      </c>
      <c r="I76" t="e">
        <f>'p-y sand'!I76</f>
        <v>#N/A</v>
      </c>
      <c r="J76">
        <f>'Pile Property'!$B$8</f>
        <v>2</v>
      </c>
      <c r="K76" t="e">
        <f>'p-y sand'!K76</f>
        <v>#N/A</v>
      </c>
      <c r="L76" t="e">
        <f>'p-y sand'!L76</f>
        <v>#N/A</v>
      </c>
      <c r="M76" t="e">
        <f>'p-y sand'!M76</f>
        <v>#N/A</v>
      </c>
      <c r="N76" t="e">
        <f>'p-y sand'!N76</f>
        <v>#N/A</v>
      </c>
      <c r="O76" t="e">
        <f>'p-y sand'!O76</f>
        <v>#N/A</v>
      </c>
      <c r="P76">
        <f>'p-y sand'!P76</f>
        <v>0.4</v>
      </c>
      <c r="Q76" t="e">
        <f>'p-y sand'!Q76</f>
        <v>#N/A</v>
      </c>
      <c r="R76" t="e">
        <f>'p-y sand'!R76</f>
        <v>#N/A</v>
      </c>
      <c r="S76" t="e">
        <f>'p-y sand'!S76</f>
        <v>#N/A</v>
      </c>
      <c r="T76" t="e">
        <f>'p-y sand'!T76</f>
        <v>#N/A</v>
      </c>
      <c r="U76" t="e">
        <f>'p-y sand'!U76</f>
        <v>#N/A</v>
      </c>
      <c r="V76" t="e">
        <f>'p-y sand'!V76</f>
        <v>#N/A</v>
      </c>
      <c r="W76" t="e">
        <f>'p-y sand'!W76</f>
        <v>#N/A</v>
      </c>
      <c r="X76">
        <v>0.9</v>
      </c>
      <c r="Y76" t="e">
        <f>'p-y sand'!Y76</f>
        <v>#N/A</v>
      </c>
      <c r="Z76" s="143">
        <f>'p-y sand'!Z76</f>
        <v>0</v>
      </c>
      <c r="AA76" s="137">
        <f>'p-y sand'!AA76</f>
        <v>10</v>
      </c>
      <c r="AB76" s="137">
        <f>'p-y sand'!AB76</f>
        <v>20</v>
      </c>
      <c r="AC76" s="137">
        <f>'p-y sand'!AC76</f>
        <v>30</v>
      </c>
      <c r="AD76" s="137">
        <f>'p-y sand'!AD76</f>
        <v>40</v>
      </c>
      <c r="AE76" s="137">
        <f>'p-y sand'!AE76</f>
        <v>50</v>
      </c>
      <c r="AF76" s="137">
        <f>'p-y sand'!AF76</f>
        <v>60</v>
      </c>
      <c r="AG76" s="137">
        <f>'p-y sand'!AG76</f>
        <v>70</v>
      </c>
      <c r="AH76" s="137">
        <f>'p-y sand'!AH76</f>
        <v>80</v>
      </c>
      <c r="AI76" s="137">
        <f>'p-y sand'!AI76</f>
        <v>90</v>
      </c>
      <c r="AJ76" s="137">
        <f>'p-y sand'!AJ76</f>
        <v>100</v>
      </c>
      <c r="AK76" s="137">
        <f>'p-y sand'!AK76</f>
        <v>110</v>
      </c>
      <c r="AL76" s="137">
        <f>'p-y sand'!AL76</f>
        <v>120</v>
      </c>
      <c r="AM76" s="137" t="e">
        <f t="shared" si="15"/>
        <v>#N/A</v>
      </c>
      <c r="AN76" s="137" t="e">
        <f t="shared" si="16"/>
        <v>#N/A</v>
      </c>
      <c r="AO76" s="137" t="e">
        <f t="shared" si="17"/>
        <v>#N/A</v>
      </c>
      <c r="AP76" s="137" t="e">
        <f t="shared" si="18"/>
        <v>#N/A</v>
      </c>
      <c r="AQ76" s="137" t="e">
        <f t="shared" si="19"/>
        <v>#N/A</v>
      </c>
      <c r="AR76" s="137" t="e">
        <f t="shared" si="20"/>
        <v>#N/A</v>
      </c>
      <c r="AS76" s="137" t="e">
        <f t="shared" si="21"/>
        <v>#N/A</v>
      </c>
      <c r="AT76" s="137" t="e">
        <f t="shared" si="22"/>
        <v>#N/A</v>
      </c>
      <c r="AU76" s="137" t="e">
        <f t="shared" si="23"/>
        <v>#N/A</v>
      </c>
      <c r="AV76" s="137" t="e">
        <f t="shared" si="24"/>
        <v>#N/A</v>
      </c>
      <c r="AW76" s="144" t="e">
        <f t="shared" si="25"/>
        <v>#N/A</v>
      </c>
      <c r="AX76" s="137" t="e">
        <f t="shared" si="13"/>
        <v>#N/A</v>
      </c>
      <c r="AY76" s="144" t="e">
        <f t="shared" si="14"/>
        <v>#N/A</v>
      </c>
    </row>
    <row r="77" spans="2:51" x14ac:dyDescent="0.2">
      <c r="B77">
        <f>'p-y sand'!B77</f>
        <v>-66.5</v>
      </c>
      <c r="C77">
        <f>'p-y sand'!C77</f>
        <v>51</v>
      </c>
      <c r="D77">
        <f>'p-y sand'!D77</f>
        <v>50.989000000000004</v>
      </c>
      <c r="E77" t="str">
        <f>'p-y sand'!E77</f>
        <v>CLAY</v>
      </c>
      <c r="F77">
        <f>'p-y sand'!F77</f>
        <v>19.496945100230011</v>
      </c>
      <c r="G77" s="43">
        <f>'p-y sand'!G77</f>
        <v>9.4969451002300111</v>
      </c>
      <c r="H77">
        <f>'p-y sand'!H77</f>
        <v>484.30621233132968</v>
      </c>
      <c r="I77" t="e">
        <f>'p-y sand'!I77</f>
        <v>#N/A</v>
      </c>
      <c r="J77">
        <f>'Pile Property'!$B$8</f>
        <v>2</v>
      </c>
      <c r="K77" t="e">
        <f>'p-y sand'!K77</f>
        <v>#N/A</v>
      </c>
      <c r="L77" t="e">
        <f>'p-y sand'!L77</f>
        <v>#N/A</v>
      </c>
      <c r="M77" t="e">
        <f>'p-y sand'!M77</f>
        <v>#N/A</v>
      </c>
      <c r="N77" t="e">
        <f>'p-y sand'!N77</f>
        <v>#N/A</v>
      </c>
      <c r="O77" t="e">
        <f>'p-y sand'!O77</f>
        <v>#N/A</v>
      </c>
      <c r="P77">
        <f>'p-y sand'!P77</f>
        <v>0.4</v>
      </c>
      <c r="Q77" t="e">
        <f>'p-y sand'!Q77</f>
        <v>#N/A</v>
      </c>
      <c r="R77" t="e">
        <f>'p-y sand'!R77</f>
        <v>#N/A</v>
      </c>
      <c r="S77" t="e">
        <f>'p-y sand'!S77</f>
        <v>#N/A</v>
      </c>
      <c r="T77" t="e">
        <f>'p-y sand'!T77</f>
        <v>#N/A</v>
      </c>
      <c r="U77" t="e">
        <f>'p-y sand'!U77</f>
        <v>#N/A</v>
      </c>
      <c r="V77" t="e">
        <f>'p-y sand'!V77</f>
        <v>#N/A</v>
      </c>
      <c r="W77" t="e">
        <f>'p-y sand'!W77</f>
        <v>#N/A</v>
      </c>
      <c r="X77">
        <v>0.9</v>
      </c>
      <c r="Y77" t="e">
        <f>'p-y sand'!Y77</f>
        <v>#N/A</v>
      </c>
      <c r="Z77" s="143">
        <f>'p-y sand'!Z77</f>
        <v>0</v>
      </c>
      <c r="AA77" s="137">
        <f>'p-y sand'!AA77</f>
        <v>10</v>
      </c>
      <c r="AB77" s="137">
        <f>'p-y sand'!AB77</f>
        <v>20</v>
      </c>
      <c r="AC77" s="137">
        <f>'p-y sand'!AC77</f>
        <v>30</v>
      </c>
      <c r="AD77" s="137">
        <f>'p-y sand'!AD77</f>
        <v>40</v>
      </c>
      <c r="AE77" s="137">
        <f>'p-y sand'!AE77</f>
        <v>50</v>
      </c>
      <c r="AF77" s="137">
        <f>'p-y sand'!AF77</f>
        <v>60</v>
      </c>
      <c r="AG77" s="137">
        <f>'p-y sand'!AG77</f>
        <v>70</v>
      </c>
      <c r="AH77" s="137">
        <f>'p-y sand'!AH77</f>
        <v>80</v>
      </c>
      <c r="AI77" s="137">
        <f>'p-y sand'!AI77</f>
        <v>90</v>
      </c>
      <c r="AJ77" s="137">
        <f>'p-y sand'!AJ77</f>
        <v>100</v>
      </c>
      <c r="AK77" s="137">
        <f>'p-y sand'!AK77</f>
        <v>110</v>
      </c>
      <c r="AL77" s="137">
        <f>'p-y sand'!AL77</f>
        <v>120</v>
      </c>
      <c r="AM77" s="137" t="e">
        <f t="shared" si="15"/>
        <v>#N/A</v>
      </c>
      <c r="AN77" s="137" t="e">
        <f t="shared" si="16"/>
        <v>#N/A</v>
      </c>
      <c r="AO77" s="137" t="e">
        <f t="shared" si="17"/>
        <v>#N/A</v>
      </c>
      <c r="AP77" s="137" t="e">
        <f t="shared" si="18"/>
        <v>#N/A</v>
      </c>
      <c r="AQ77" s="137" t="e">
        <f t="shared" si="19"/>
        <v>#N/A</v>
      </c>
      <c r="AR77" s="137" t="e">
        <f t="shared" si="20"/>
        <v>#N/A</v>
      </c>
      <c r="AS77" s="137" t="e">
        <f t="shared" si="21"/>
        <v>#N/A</v>
      </c>
      <c r="AT77" s="137" t="e">
        <f t="shared" si="22"/>
        <v>#N/A</v>
      </c>
      <c r="AU77" s="137" t="e">
        <f t="shared" si="23"/>
        <v>#N/A</v>
      </c>
      <c r="AV77" s="137" t="e">
        <f t="shared" si="24"/>
        <v>#N/A</v>
      </c>
      <c r="AW77" s="144" t="e">
        <f t="shared" si="25"/>
        <v>#N/A</v>
      </c>
      <c r="AX77" s="137" t="e">
        <f t="shared" si="13"/>
        <v>#N/A</v>
      </c>
      <c r="AY77" s="144" t="e">
        <f t="shared" si="14"/>
        <v>#N/A</v>
      </c>
    </row>
    <row r="78" spans="2:51" x14ac:dyDescent="0.2">
      <c r="B78">
        <f>'p-y sand'!B78</f>
        <v>-67.5</v>
      </c>
      <c r="C78">
        <f>'p-y sand'!C78</f>
        <v>52</v>
      </c>
      <c r="D78">
        <f>'p-y sand'!D78</f>
        <v>51.993000000000002</v>
      </c>
      <c r="E78" t="str">
        <f>'p-y sand'!E78</f>
        <v>CLAY</v>
      </c>
      <c r="F78">
        <f>'p-y sand'!F78</f>
        <v>19.568687109612426</v>
      </c>
      <c r="G78" s="43">
        <f>'p-y sand'!G78</f>
        <v>9.5686871096124264</v>
      </c>
      <c r="H78">
        <f>'p-y sand'!H78</f>
        <v>497.57172969984617</v>
      </c>
      <c r="I78" t="e">
        <f>'p-y sand'!I78</f>
        <v>#N/A</v>
      </c>
      <c r="J78">
        <f>'Pile Property'!$B$8</f>
        <v>2</v>
      </c>
      <c r="K78" t="e">
        <f>'p-y sand'!K78</f>
        <v>#N/A</v>
      </c>
      <c r="L78" t="e">
        <f>'p-y sand'!L78</f>
        <v>#N/A</v>
      </c>
      <c r="M78" t="e">
        <f>'p-y sand'!M78</f>
        <v>#N/A</v>
      </c>
      <c r="N78" t="e">
        <f>'p-y sand'!N78</f>
        <v>#N/A</v>
      </c>
      <c r="O78" t="e">
        <f>'p-y sand'!O78</f>
        <v>#N/A</v>
      </c>
      <c r="P78">
        <f>'p-y sand'!P78</f>
        <v>0.4</v>
      </c>
      <c r="Q78" t="e">
        <f>'p-y sand'!Q78</f>
        <v>#N/A</v>
      </c>
      <c r="R78" t="e">
        <f>'p-y sand'!R78</f>
        <v>#N/A</v>
      </c>
      <c r="S78" t="e">
        <f>'p-y sand'!S78</f>
        <v>#N/A</v>
      </c>
      <c r="T78" t="e">
        <f>'p-y sand'!T78</f>
        <v>#N/A</v>
      </c>
      <c r="U78" t="e">
        <f>'p-y sand'!U78</f>
        <v>#N/A</v>
      </c>
      <c r="V78" t="e">
        <f>'p-y sand'!V78</f>
        <v>#N/A</v>
      </c>
      <c r="W78" t="e">
        <f>'p-y sand'!W78</f>
        <v>#N/A</v>
      </c>
      <c r="X78">
        <v>0.9</v>
      </c>
      <c r="Y78" t="e">
        <f>'p-y sand'!Y78</f>
        <v>#N/A</v>
      </c>
      <c r="Z78" s="143">
        <f>'p-y sand'!Z78</f>
        <v>0</v>
      </c>
      <c r="AA78" s="137">
        <f>'p-y sand'!AA78</f>
        <v>10</v>
      </c>
      <c r="AB78" s="137">
        <f>'p-y sand'!AB78</f>
        <v>20</v>
      </c>
      <c r="AC78" s="137">
        <f>'p-y sand'!AC78</f>
        <v>30</v>
      </c>
      <c r="AD78" s="137">
        <f>'p-y sand'!AD78</f>
        <v>40</v>
      </c>
      <c r="AE78" s="137">
        <f>'p-y sand'!AE78</f>
        <v>50</v>
      </c>
      <c r="AF78" s="137">
        <f>'p-y sand'!AF78</f>
        <v>60</v>
      </c>
      <c r="AG78" s="137">
        <f>'p-y sand'!AG78</f>
        <v>70</v>
      </c>
      <c r="AH78" s="137">
        <f>'p-y sand'!AH78</f>
        <v>80</v>
      </c>
      <c r="AI78" s="137">
        <f>'p-y sand'!AI78</f>
        <v>90</v>
      </c>
      <c r="AJ78" s="137">
        <f>'p-y sand'!AJ78</f>
        <v>100</v>
      </c>
      <c r="AK78" s="137">
        <f>'p-y sand'!AK78</f>
        <v>110</v>
      </c>
      <c r="AL78" s="137">
        <f>'p-y sand'!AL78</f>
        <v>120</v>
      </c>
      <c r="AM78" s="137" t="e">
        <f t="shared" si="15"/>
        <v>#N/A</v>
      </c>
      <c r="AN78" s="137" t="e">
        <f t="shared" si="16"/>
        <v>#N/A</v>
      </c>
      <c r="AO78" s="137" t="e">
        <f t="shared" si="17"/>
        <v>#N/A</v>
      </c>
      <c r="AP78" s="137" t="e">
        <f t="shared" si="18"/>
        <v>#N/A</v>
      </c>
      <c r="AQ78" s="137" t="e">
        <f t="shared" si="19"/>
        <v>#N/A</v>
      </c>
      <c r="AR78" s="137" t="e">
        <f t="shared" si="20"/>
        <v>#N/A</v>
      </c>
      <c r="AS78" s="137" t="e">
        <f t="shared" si="21"/>
        <v>#N/A</v>
      </c>
      <c r="AT78" s="137" t="e">
        <f t="shared" si="22"/>
        <v>#N/A</v>
      </c>
      <c r="AU78" s="137" t="e">
        <f t="shared" si="23"/>
        <v>#N/A</v>
      </c>
      <c r="AV78" s="137" t="e">
        <f t="shared" si="24"/>
        <v>#N/A</v>
      </c>
      <c r="AW78" s="144" t="e">
        <f t="shared" si="25"/>
        <v>#N/A</v>
      </c>
      <c r="AX78" s="137" t="e">
        <f t="shared" si="13"/>
        <v>#N/A</v>
      </c>
      <c r="AY78" s="144" t="e">
        <f t="shared" si="14"/>
        <v>#N/A</v>
      </c>
    </row>
    <row r="79" spans="2:51" x14ac:dyDescent="0.2">
      <c r="B79">
        <f>'p-y sand'!B79</f>
        <v>-68.5</v>
      </c>
      <c r="C79">
        <f>'p-y sand'!C79</f>
        <v>53</v>
      </c>
      <c r="D79">
        <f>'p-y sand'!D79</f>
        <v>52.988</v>
      </c>
      <c r="E79" t="str">
        <f>'p-y sand'!E79</f>
        <v>SAND</v>
      </c>
      <c r="F79">
        <f>'p-y sand'!F79</f>
        <v>19.170274173768423</v>
      </c>
      <c r="G79" s="43">
        <f>'p-y sand'!G79</f>
        <v>9.1702741737684228</v>
      </c>
      <c r="H79">
        <f>'p-y sand'!H79</f>
        <v>485.97867983885754</v>
      </c>
      <c r="I79">
        <f>'p-y sand'!I79</f>
        <v>35.10604329998548</v>
      </c>
      <c r="J79">
        <f>'Pile Property'!$B$8</f>
        <v>2</v>
      </c>
      <c r="K79">
        <f>'p-y sand'!K79</f>
        <v>0.61271604293244197</v>
      </c>
      <c r="L79">
        <f>'p-y sand'!L79</f>
        <v>17.55302164999274</v>
      </c>
      <c r="M79">
        <f>'p-y sand'!M79</f>
        <v>0.30635802146622099</v>
      </c>
      <c r="N79">
        <f>'p-y sand'!N79</f>
        <v>62.553021649992743</v>
      </c>
      <c r="O79">
        <f>'p-y sand'!O79</f>
        <v>1.0917561848636694</v>
      </c>
      <c r="P79">
        <f>'p-y sand'!P79</f>
        <v>0.4</v>
      </c>
      <c r="Q79">
        <f>'p-y sand'!Q79</f>
        <v>0.26976746726304296</v>
      </c>
      <c r="R79">
        <f>'p-y sand'!R79</f>
        <v>2.9982883396524289</v>
      </c>
      <c r="S79">
        <f>'p-y sand'!S79</f>
        <v>3.4371287354022204</v>
      </c>
      <c r="T79">
        <f>'p-y sand'!T79</f>
        <v>54.530810912243808</v>
      </c>
      <c r="U79">
        <f>'p-y sand'!U79</f>
        <v>80539.140747310332</v>
      </c>
      <c r="V79">
        <f>'p-y sand'!V79</f>
        <v>52994.622120531465</v>
      </c>
      <c r="W79">
        <f>'p-y sand'!W79</f>
        <v>52994.622120531465</v>
      </c>
      <c r="X79">
        <v>0.9</v>
      </c>
      <c r="Y79">
        <f>'p-y sand'!Y79</f>
        <v>22487.799179933205</v>
      </c>
      <c r="Z79" s="143">
        <f>'p-y sand'!Z79</f>
        <v>0</v>
      </c>
      <c r="AA79" s="137">
        <f>'p-y sand'!AA79</f>
        <v>10</v>
      </c>
      <c r="AB79" s="137">
        <f>'p-y sand'!AB79</f>
        <v>20</v>
      </c>
      <c r="AC79" s="137">
        <f>'p-y sand'!AC79</f>
        <v>30</v>
      </c>
      <c r="AD79" s="137">
        <f>'p-y sand'!AD79</f>
        <v>40</v>
      </c>
      <c r="AE79" s="137">
        <f>'p-y sand'!AE79</f>
        <v>50</v>
      </c>
      <c r="AF79" s="137">
        <f>'p-y sand'!AF79</f>
        <v>60</v>
      </c>
      <c r="AG79" s="137">
        <f>'p-y sand'!AG79</f>
        <v>70</v>
      </c>
      <c r="AH79" s="137">
        <f>'p-y sand'!AH79</f>
        <v>80</v>
      </c>
      <c r="AI79" s="137">
        <f>'p-y sand'!AI79</f>
        <v>90</v>
      </c>
      <c r="AJ79" s="137">
        <f>'p-y sand'!AJ79</f>
        <v>100</v>
      </c>
      <c r="AK79" s="137">
        <f>'p-y sand'!AK79</f>
        <v>110</v>
      </c>
      <c r="AL79" s="137">
        <f>'p-y sand'!AL79</f>
        <v>120</v>
      </c>
      <c r="AM79" s="137">
        <f t="shared" si="15"/>
        <v>0</v>
      </c>
      <c r="AN79" s="137">
        <f t="shared" si="16"/>
        <v>11673.956693591914</v>
      </c>
      <c r="AO79" s="137">
        <f t="shared" si="17"/>
        <v>22028.237482255488</v>
      </c>
      <c r="AP79" s="137">
        <f t="shared" si="18"/>
        <v>30279.288898215724</v>
      </c>
      <c r="AQ79" s="137">
        <f t="shared" si="19"/>
        <v>36310.98476663544</v>
      </c>
      <c r="AR79" s="137">
        <f t="shared" si="20"/>
        <v>40447.86253451091</v>
      </c>
      <c r="AS79" s="137">
        <f t="shared" si="21"/>
        <v>43162.557810530649</v>
      </c>
      <c r="AT79" s="137">
        <f t="shared" si="22"/>
        <v>44892.712287515125</v>
      </c>
      <c r="AU79" s="137">
        <f t="shared" si="23"/>
        <v>45974.947610766612</v>
      </c>
      <c r="AV79" s="137">
        <f t="shared" si="24"/>
        <v>46643.995513859678</v>
      </c>
      <c r="AW79" s="144">
        <f t="shared" si="25"/>
        <v>47054.60783585324</v>
      </c>
      <c r="AX79" s="137">
        <f t="shared" si="13"/>
        <v>47305.486763255263</v>
      </c>
      <c r="AY79" s="144">
        <f t="shared" si="14"/>
        <v>47458.351910935766</v>
      </c>
    </row>
    <row r="80" spans="2:51" x14ac:dyDescent="0.2">
      <c r="B80">
        <f>'p-y sand'!B80</f>
        <v>-69.5</v>
      </c>
      <c r="C80">
        <f>'p-y sand'!C80</f>
        <v>54</v>
      </c>
      <c r="D80">
        <f>'p-y sand'!D80</f>
        <v>53.992000000000004</v>
      </c>
      <c r="E80" t="str">
        <f>'p-y sand'!E80</f>
        <v>SAND</v>
      </c>
      <c r="F80">
        <f>'p-y sand'!F80</f>
        <v>19.436689293402868</v>
      </c>
      <c r="G80" s="43">
        <f>'p-y sand'!G80</f>
        <v>9.4366892934028677</v>
      </c>
      <c r="H80">
        <f>'p-y sand'!H80</f>
        <v>509.57178515446145</v>
      </c>
      <c r="I80">
        <f>'p-y sand'!I80</f>
        <v>34.380264602445202</v>
      </c>
      <c r="J80">
        <f>'Pile Property'!$B$8</f>
        <v>2</v>
      </c>
      <c r="K80">
        <f>'p-y sand'!K80</f>
        <v>0.60004881501952811</v>
      </c>
      <c r="L80">
        <f>'p-y sand'!L80</f>
        <v>17.190132301222601</v>
      </c>
      <c r="M80">
        <f>'p-y sand'!M80</f>
        <v>0.30002440750976406</v>
      </c>
      <c r="N80">
        <f>'p-y sand'!N80</f>
        <v>62.190132301222604</v>
      </c>
      <c r="O80">
        <f>'p-y sand'!O80</f>
        <v>1.0854225709072125</v>
      </c>
      <c r="P80">
        <f>'p-y sand'!P80</f>
        <v>0.4</v>
      </c>
      <c r="Q80">
        <f>'p-y sand'!Q80</f>
        <v>0.27821437624022732</v>
      </c>
      <c r="R80">
        <f>'p-y sand'!R80</f>
        <v>2.8128739057653895</v>
      </c>
      <c r="S80">
        <f>'p-y sand'!S80</f>
        <v>3.3161361872135422</v>
      </c>
      <c r="T80">
        <f>'p-y sand'!T80</f>
        <v>49.694293175250777</v>
      </c>
      <c r="U80">
        <f>'p-y sand'!U80</f>
        <v>80759.185238679187</v>
      </c>
      <c r="V80">
        <f>'p-y sand'!V80</f>
        <v>50639.054076142522</v>
      </c>
      <c r="W80">
        <f>'p-y sand'!W80</f>
        <v>50639.054076142522</v>
      </c>
      <c r="X80">
        <v>0.9</v>
      </c>
      <c r="Y80">
        <f>'p-y sand'!Y80</f>
        <v>20351.503842504237</v>
      </c>
      <c r="Z80" s="143">
        <f>'p-y sand'!Z80</f>
        <v>0</v>
      </c>
      <c r="AA80" s="137">
        <f>'p-y sand'!AA80</f>
        <v>10</v>
      </c>
      <c r="AB80" s="137">
        <f>'p-y sand'!AB80</f>
        <v>20</v>
      </c>
      <c r="AC80" s="137">
        <f>'p-y sand'!AC80</f>
        <v>30</v>
      </c>
      <c r="AD80" s="137">
        <f>'p-y sand'!AD80</f>
        <v>40</v>
      </c>
      <c r="AE80" s="137">
        <f>'p-y sand'!AE80</f>
        <v>50</v>
      </c>
      <c r="AF80" s="137">
        <f>'p-y sand'!AF80</f>
        <v>60</v>
      </c>
      <c r="AG80" s="137">
        <f>'p-y sand'!AG80</f>
        <v>70</v>
      </c>
      <c r="AH80" s="137">
        <f>'p-y sand'!AH80</f>
        <v>80</v>
      </c>
      <c r="AI80" s="137">
        <f>'p-y sand'!AI80</f>
        <v>90</v>
      </c>
      <c r="AJ80" s="137">
        <f>'p-y sand'!AJ80</f>
        <v>100</v>
      </c>
      <c r="AK80" s="137">
        <f>'p-y sand'!AK80</f>
        <v>110</v>
      </c>
      <c r="AL80" s="137">
        <f>'p-y sand'!AL80</f>
        <v>120</v>
      </c>
      <c r="AM80" s="137">
        <f t="shared" si="15"/>
        <v>0</v>
      </c>
      <c r="AN80" s="137">
        <f t="shared" si="16"/>
        <v>10780.108644808197</v>
      </c>
      <c r="AO80" s="137">
        <f t="shared" si="17"/>
        <v>20417.864105521407</v>
      </c>
      <c r="AP80" s="137">
        <f t="shared" si="18"/>
        <v>28208.732439050182</v>
      </c>
      <c r="AQ80" s="137">
        <f t="shared" si="19"/>
        <v>34009.7110991054</v>
      </c>
      <c r="AR80" s="137">
        <f t="shared" si="20"/>
        <v>38070.063838855676</v>
      </c>
      <c r="AS80" s="137">
        <f t="shared" si="21"/>
        <v>40790.621029758433</v>
      </c>
      <c r="AT80" s="137">
        <f t="shared" si="22"/>
        <v>42560.532067459302</v>
      </c>
      <c r="AU80" s="137">
        <f t="shared" si="23"/>
        <v>43690.001898240727</v>
      </c>
      <c r="AV80" s="137">
        <f t="shared" si="24"/>
        <v>44401.932524128482</v>
      </c>
      <c r="AW80" s="144">
        <f t="shared" si="25"/>
        <v>44847.193248259726</v>
      </c>
      <c r="AX80" s="137">
        <f t="shared" si="13"/>
        <v>45124.314676233902</v>
      </c>
      <c r="AY80" s="144">
        <f t="shared" si="14"/>
        <v>45296.265613667056</v>
      </c>
    </row>
    <row r="81" spans="2:51" x14ac:dyDescent="0.2">
      <c r="B81">
        <f>'p-y sand'!B81</f>
        <v>-70.5</v>
      </c>
      <c r="C81">
        <f>'p-y sand'!C81</f>
        <v>55</v>
      </c>
      <c r="D81">
        <f>'p-y sand'!D81</f>
        <v>54.987000000000002</v>
      </c>
      <c r="E81" t="str">
        <f>'p-y sand'!E81</f>
        <v>SAND</v>
      </c>
      <c r="F81">
        <f>'p-y sand'!F81</f>
        <v>19.758050629066584</v>
      </c>
      <c r="G81" s="43">
        <f>'p-y sand'!G81</f>
        <v>9.7580506290665845</v>
      </c>
      <c r="H81">
        <f>'p-y sand'!H81</f>
        <v>536.63423629488773</v>
      </c>
      <c r="I81">
        <f>'p-y sand'!I81</f>
        <v>36.466162879299546</v>
      </c>
      <c r="J81">
        <f>'Pile Property'!$B$8</f>
        <v>2</v>
      </c>
      <c r="K81">
        <f>'p-y sand'!K81</f>
        <v>0.63645460781231267</v>
      </c>
      <c r="L81">
        <f>'p-y sand'!L81</f>
        <v>18.233081439649773</v>
      </c>
      <c r="M81">
        <f>'p-y sand'!M81</f>
        <v>0.31822730390615633</v>
      </c>
      <c r="N81">
        <f>'p-y sand'!N81</f>
        <v>63.233081439649773</v>
      </c>
      <c r="O81">
        <f>'p-y sand'!O81</f>
        <v>1.1036254673036046</v>
      </c>
      <c r="P81">
        <f>'p-y sand'!P81</f>
        <v>0.4</v>
      </c>
      <c r="Q81">
        <f>'p-y sand'!Q81</f>
        <v>0.25443131785109147</v>
      </c>
      <c r="R81">
        <f>'p-y sand'!R81</f>
        <v>3.3797996060832558</v>
      </c>
      <c r="S81">
        <f>'p-y sand'!S81</f>
        <v>3.6759024494143846</v>
      </c>
      <c r="T81">
        <f>'p-y sand'!T81</f>
        <v>65.026073725436859</v>
      </c>
      <c r="U81">
        <f>'p-y sand'!U81</f>
        <v>103662.84524891856</v>
      </c>
      <c r="V81">
        <f>'p-y sand'!V81</f>
        <v>69781.551437735048</v>
      </c>
      <c r="W81">
        <f>'p-y sand'!W81</f>
        <v>69781.551437735048</v>
      </c>
      <c r="X81">
        <v>0.9</v>
      </c>
      <c r="Y81">
        <f>'p-y sand'!Y81</f>
        <v>28744.34924477791</v>
      </c>
      <c r="Z81" s="143">
        <f>'p-y sand'!Z81</f>
        <v>0</v>
      </c>
      <c r="AA81" s="137">
        <f>'p-y sand'!AA81</f>
        <v>10</v>
      </c>
      <c r="AB81" s="137">
        <f>'p-y sand'!AB81</f>
        <v>20</v>
      </c>
      <c r="AC81" s="137">
        <f>'p-y sand'!AC81</f>
        <v>30</v>
      </c>
      <c r="AD81" s="137">
        <f>'p-y sand'!AD81</f>
        <v>40</v>
      </c>
      <c r="AE81" s="137">
        <f>'p-y sand'!AE81</f>
        <v>50</v>
      </c>
      <c r="AF81" s="137">
        <f>'p-y sand'!AF81</f>
        <v>60</v>
      </c>
      <c r="AG81" s="137">
        <f>'p-y sand'!AG81</f>
        <v>70</v>
      </c>
      <c r="AH81" s="137">
        <f>'p-y sand'!AH81</f>
        <v>80</v>
      </c>
      <c r="AI81" s="137">
        <f>'p-y sand'!AI81</f>
        <v>90</v>
      </c>
      <c r="AJ81" s="137">
        <f>'p-y sand'!AJ81</f>
        <v>100</v>
      </c>
      <c r="AK81" s="137">
        <f>'p-y sand'!AK81</f>
        <v>110</v>
      </c>
      <c r="AL81" s="137">
        <f>'p-y sand'!AL81</f>
        <v>120</v>
      </c>
      <c r="AM81" s="137">
        <f t="shared" si="15"/>
        <v>0</v>
      </c>
      <c r="AN81" s="137">
        <f t="shared" si="16"/>
        <v>15480.202900174512</v>
      </c>
      <c r="AO81" s="137">
        <f t="shared" si="17"/>
        <v>29187.121754546828</v>
      </c>
      <c r="AP81" s="137">
        <f t="shared" si="18"/>
        <v>40076.492991133775</v>
      </c>
      <c r="AQ81" s="137">
        <f t="shared" si="19"/>
        <v>48005.8701954805</v>
      </c>
      <c r="AR81" s="137">
        <f t="shared" si="20"/>
        <v>53421.003608778672</v>
      </c>
      <c r="AS81" s="137">
        <f t="shared" si="21"/>
        <v>56958.995223315433</v>
      </c>
      <c r="AT81" s="137">
        <f t="shared" si="22"/>
        <v>59204.166603845559</v>
      </c>
      <c r="AU81" s="137">
        <f t="shared" si="23"/>
        <v>60602.68719748946</v>
      </c>
      <c r="AV81" s="137">
        <f t="shared" si="24"/>
        <v>61463.76371450357</v>
      </c>
      <c r="AW81" s="144">
        <f t="shared" si="25"/>
        <v>61990.14512570759</v>
      </c>
      <c r="AX81" s="137">
        <f t="shared" si="13"/>
        <v>62310.516005767546</v>
      </c>
      <c r="AY81" s="144">
        <f t="shared" si="14"/>
        <v>62504.982280135519</v>
      </c>
    </row>
    <row r="82" spans="2:51" x14ac:dyDescent="0.2">
      <c r="B82">
        <f>'p-y sand'!B82</f>
        <v>-71.5</v>
      </c>
      <c r="C82">
        <f>'p-y sand'!C82</f>
        <v>56</v>
      </c>
      <c r="D82">
        <f>'p-y sand'!D82</f>
        <v>55.989000000000004</v>
      </c>
      <c r="E82" t="str">
        <f>'p-y sand'!E82</f>
        <v>SAND</v>
      </c>
      <c r="F82">
        <f>'p-y sand'!F82</f>
        <v>19.460223295272613</v>
      </c>
      <c r="G82" s="43">
        <f>'p-y sand'!G82</f>
        <v>9.4602232952726126</v>
      </c>
      <c r="H82">
        <f>'p-y sand'!H82</f>
        <v>529.73466364208525</v>
      </c>
      <c r="I82">
        <f>'p-y sand'!I82</f>
        <v>32.484493987910945</v>
      </c>
      <c r="J82">
        <f>'Pile Property'!$B$8</f>
        <v>2</v>
      </c>
      <c r="K82">
        <f>'p-y sand'!K82</f>
        <v>0.56696137593334905</v>
      </c>
      <c r="L82">
        <f>'p-y sand'!L82</f>
        <v>16.242246993955472</v>
      </c>
      <c r="M82">
        <f>'p-y sand'!M82</f>
        <v>0.28348068796667453</v>
      </c>
      <c r="N82">
        <f>'p-y sand'!N82</f>
        <v>61.242246993955476</v>
      </c>
      <c r="O82">
        <f>'p-y sand'!O82</f>
        <v>1.068878851364123</v>
      </c>
      <c r="P82">
        <f>'p-y sand'!P82</f>
        <v>0.4</v>
      </c>
      <c r="Q82">
        <f>'p-y sand'!Q82</f>
        <v>0.30117577946414797</v>
      </c>
      <c r="R82">
        <f>'p-y sand'!R82</f>
        <v>2.380812623860443</v>
      </c>
      <c r="S82">
        <f>'p-y sand'!S82</f>
        <v>3.0191443398336268</v>
      </c>
      <c r="T82">
        <f>'p-y sand'!T82</f>
        <v>39.11146016764333</v>
      </c>
      <c r="U82">
        <f>'p-y sand'!U82</f>
        <v>73802.733051620118</v>
      </c>
      <c r="V82">
        <f>'p-y sand'!V82</f>
        <v>41432.212348862449</v>
      </c>
      <c r="W82">
        <f>'p-y sand'!W82</f>
        <v>41432.212348862449</v>
      </c>
      <c r="X82">
        <v>0.9</v>
      </c>
      <c r="Y82">
        <f>'p-y sand'!Y82</f>
        <v>15308.754007843112</v>
      </c>
      <c r="Z82" s="143">
        <f>'p-y sand'!Z82</f>
        <v>0</v>
      </c>
      <c r="AA82" s="137">
        <f>'p-y sand'!AA82</f>
        <v>10</v>
      </c>
      <c r="AB82" s="137">
        <f>'p-y sand'!AB82</f>
        <v>20</v>
      </c>
      <c r="AC82" s="137">
        <f>'p-y sand'!AC82</f>
        <v>30</v>
      </c>
      <c r="AD82" s="137">
        <f>'p-y sand'!AD82</f>
        <v>40</v>
      </c>
      <c r="AE82" s="137">
        <f>'p-y sand'!AE82</f>
        <v>50</v>
      </c>
      <c r="AF82" s="137">
        <f>'p-y sand'!AF82</f>
        <v>60</v>
      </c>
      <c r="AG82" s="137">
        <f>'p-y sand'!AG82</f>
        <v>70</v>
      </c>
      <c r="AH82" s="137">
        <f>'p-y sand'!AH82</f>
        <v>80</v>
      </c>
      <c r="AI82" s="137">
        <f>'p-y sand'!AI82</f>
        <v>90</v>
      </c>
      <c r="AJ82" s="137">
        <f>'p-y sand'!AJ82</f>
        <v>100</v>
      </c>
      <c r="AK82" s="137">
        <f>'p-y sand'!AK82</f>
        <v>110</v>
      </c>
      <c r="AL82" s="137">
        <f>'p-y sand'!AL82</f>
        <v>120</v>
      </c>
      <c r="AM82" s="137">
        <f t="shared" si="15"/>
        <v>0</v>
      </c>
      <c r="AN82" s="137">
        <f t="shared" si="16"/>
        <v>8423.3875860430508</v>
      </c>
      <c r="AO82" s="137">
        <f t="shared" si="17"/>
        <v>16028.848041724923</v>
      </c>
      <c r="AP82" s="137">
        <f t="shared" si="18"/>
        <v>22288.025498398238</v>
      </c>
      <c r="AQ82" s="137">
        <f t="shared" si="19"/>
        <v>27058.044274231681</v>
      </c>
      <c r="AR82" s="137">
        <f t="shared" si="20"/>
        <v>30484.524024180038</v>
      </c>
      <c r="AS82" s="137">
        <f t="shared" si="21"/>
        <v>32842.725559030318</v>
      </c>
      <c r="AT82" s="137">
        <f t="shared" si="22"/>
        <v>34418.270759503132</v>
      </c>
      <c r="AU82" s="137">
        <f t="shared" si="23"/>
        <v>35450.156054718929</v>
      </c>
      <c r="AV82" s="137">
        <f t="shared" si="24"/>
        <v>36117.189691243482</v>
      </c>
      <c r="AW82" s="144">
        <f t="shared" si="25"/>
        <v>36544.734001709934</v>
      </c>
      <c r="AX82" s="137">
        <f t="shared" si="13"/>
        <v>36817.286597939659</v>
      </c>
      <c r="AY82" s="144">
        <f t="shared" si="14"/>
        <v>36990.43196933531</v>
      </c>
    </row>
    <row r="83" spans="2:51" x14ac:dyDescent="0.2">
      <c r="B83">
        <f>'p-y sand'!B83</f>
        <v>-72.5</v>
      </c>
      <c r="C83">
        <f>'p-y sand'!C83</f>
        <v>57</v>
      </c>
      <c r="D83">
        <f>'p-y sand'!D83</f>
        <v>56.987000000000002</v>
      </c>
      <c r="E83" t="str">
        <f>'p-y sand'!E83</f>
        <v>SAND</v>
      </c>
      <c r="F83">
        <f>'p-y sand'!F83</f>
        <v>19.210675064506255</v>
      </c>
      <c r="G83" s="43">
        <f>'p-y sand'!G83</f>
        <v>9.2106750645062547</v>
      </c>
      <c r="H83">
        <f>'p-y sand'!H83</f>
        <v>524.9532146264695</v>
      </c>
      <c r="I83">
        <f>'p-y sand'!I83</f>
        <v>34.271763649313115</v>
      </c>
      <c r="J83">
        <f>'Pile Property'!$B$8</f>
        <v>2</v>
      </c>
      <c r="K83">
        <f>'p-y sand'!K83</f>
        <v>0.59815511614582118</v>
      </c>
      <c r="L83">
        <f>'p-y sand'!L83</f>
        <v>17.135881824656558</v>
      </c>
      <c r="M83">
        <f>'p-y sand'!M83</f>
        <v>0.29907755807291059</v>
      </c>
      <c r="N83">
        <f>'p-y sand'!N83</f>
        <v>62.135881824656558</v>
      </c>
      <c r="O83">
        <f>'p-y sand'!O83</f>
        <v>1.0844757214703589</v>
      </c>
      <c r="P83">
        <f>'p-y sand'!P83</f>
        <v>1.4</v>
      </c>
      <c r="Q83">
        <f>'p-y sand'!Q83</f>
        <v>0.27949322651055714</v>
      </c>
      <c r="R83">
        <f>'p-y sand'!R83</f>
        <v>4.5349066808760732</v>
      </c>
      <c r="S83">
        <f>'p-y sand'!S83</f>
        <v>3.2984110128332467</v>
      </c>
      <c r="T83">
        <f>'p-y sand'!T83</f>
        <v>57.735278781589003</v>
      </c>
      <c r="U83">
        <f>'p-y sand'!U83</f>
        <v>139109.97625925427</v>
      </c>
      <c r="V83">
        <f>'p-y sand'!V83</f>
        <v>60609.195455004461</v>
      </c>
      <c r="W83">
        <f>'p-y sand'!W83</f>
        <v>60609.195455004461</v>
      </c>
      <c r="X83">
        <v>1.9</v>
      </c>
      <c r="Y83">
        <f>'p-y sand'!Y83</f>
        <v>20062.891307172886</v>
      </c>
      <c r="Z83" s="143">
        <f>'p-y sand'!Z83</f>
        <v>0</v>
      </c>
      <c r="AA83" s="137">
        <f>'p-y sand'!AA83</f>
        <v>10</v>
      </c>
      <c r="AB83" s="137">
        <f>'p-y sand'!AB83</f>
        <v>20</v>
      </c>
      <c r="AC83" s="137">
        <f>'p-y sand'!AC83</f>
        <v>30</v>
      </c>
      <c r="AD83" s="137">
        <f>'p-y sand'!AD83</f>
        <v>40</v>
      </c>
      <c r="AE83" s="137">
        <f>'p-y sand'!AE83</f>
        <v>50</v>
      </c>
      <c r="AF83" s="137">
        <f>'p-y sand'!AF83</f>
        <v>60</v>
      </c>
      <c r="AG83" s="137">
        <f>'p-y sand'!AG83</f>
        <v>70</v>
      </c>
      <c r="AH83" s="137">
        <f>'p-y sand'!AH83</f>
        <v>80</v>
      </c>
      <c r="AI83" s="137">
        <f>'p-y sand'!AI83</f>
        <v>90</v>
      </c>
      <c r="AJ83" s="137">
        <f>'p-y sand'!AJ83</f>
        <v>100</v>
      </c>
      <c r="AK83" s="137">
        <f>'p-y sand'!AK83</f>
        <v>110</v>
      </c>
      <c r="AL83" s="137">
        <f>'p-y sand'!AL83</f>
        <v>120</v>
      </c>
      <c r="AM83" s="137">
        <f t="shared" ref="AM83:AM100" si="26">$X83*$W83*TANH((($Y83*$D83)/($X83*$W83))*(Z83/1000))</f>
        <v>0</v>
      </c>
      <c r="AN83" s="137">
        <f t="shared" ref="AN83:AN100" si="27">$X83*$W83*TANH((($Y83*$D83)/($X83*$W83))*(AA83/1000))</f>
        <v>11395.820753235159</v>
      </c>
      <c r="AO83" s="137">
        <f t="shared" ref="AO83:AO100" si="28">$X83*$W83*TANH((($Y83*$D83)/($X83*$W83))*(AB83/1000))</f>
        <v>22570.611969708865</v>
      </c>
      <c r="AP83" s="137">
        <f t="shared" ref="AP83:AP100" si="29">$X83*$W83*TANH((($Y83*$D83)/($X83*$W83))*(AC83/1000))</f>
        <v>33320.165903386573</v>
      </c>
      <c r="AQ83" s="137">
        <f t="shared" ref="AQ83:AQ100" si="30">$X83*$W83*TANH((($Y83*$D83)/($X83*$W83))*(AD83/1000))</f>
        <v>43471.269020704676</v>
      </c>
      <c r="AR83" s="137">
        <f t="shared" ref="AR83:AR100" si="31">$X83*$W83*TANH((($Y83*$D83)/($X83*$W83))*(AE83/1000))</f>
        <v>52891.268440839995</v>
      </c>
      <c r="AS83" s="137">
        <f t="shared" ref="AS83:AS100" si="32">$X83*$W83*TANH((($Y83*$D83)/($X83*$W83))*(AF83/1000))</f>
        <v>61492.195147312224</v>
      </c>
      <c r="AT83" s="137">
        <f t="shared" ref="AT83:AT100" si="33">$X83*$W83*TANH((($Y83*$D83)/($X83*$W83))*(AG83/1000))</f>
        <v>69229.759116087618</v>
      </c>
      <c r="AU83" s="137">
        <f t="shared" ref="AU83:AU100" si="34">$X83*$W83*TANH((($Y83*$D83)/($X83*$W83))*(AH83/1000))</f>
        <v>76098.380658688984</v>
      </c>
      <c r="AV83" s="137">
        <f t="shared" ref="AV83:AV100" si="35">$X83*$W83*TANH((($Y83*$D83)/($X83*$W83))*(AI83/1000))</f>
        <v>82123.810759255488</v>
      </c>
      <c r="AW83" s="144">
        <f t="shared" ref="AW83:AW100" si="36">$X83*$W83*TANH((($Y83*$D83)/($X83*$W83))*(AJ83/1000))</f>
        <v>87354.85270422505</v>
      </c>
      <c r="AX83" s="137">
        <f t="shared" ref="AX83:AX100" si="37">$X83*$W83*TANH((($Y83*$D83)/($X83*$W83))*(AK83/1000))</f>
        <v>91855.376318672716</v>
      </c>
      <c r="AY83" s="144">
        <f t="shared" ref="AY83:AY100" si="38">$X83*$W83*TANH((($Y83*$D83)/($X83*$W83))*(AL83/1000))</f>
        <v>95697.387503093792</v>
      </c>
    </row>
    <row r="84" spans="2:51" x14ac:dyDescent="0.2">
      <c r="B84">
        <f>'p-y sand'!B84</f>
        <v>-73.5</v>
      </c>
      <c r="C84">
        <f>'p-y sand'!C84</f>
        <v>58</v>
      </c>
      <c r="D84">
        <f>'p-y sand'!D84</f>
        <v>57.984000000000002</v>
      </c>
      <c r="E84" t="str">
        <f>'p-y sand'!E84</f>
        <v>SAND</v>
      </c>
      <c r="F84">
        <f>'p-y sand'!F84</f>
        <v>20.495684795946186</v>
      </c>
      <c r="G84" s="43">
        <f>'p-y sand'!G84</f>
        <v>10.495684795946186</v>
      </c>
      <c r="H84">
        <f>'p-y sand'!H84</f>
        <v>608.65525700171531</v>
      </c>
      <c r="I84">
        <f>'p-y sand'!I84</f>
        <v>33.339569906724691</v>
      </c>
      <c r="J84">
        <f>'Pile Property'!$B$8</f>
        <v>2</v>
      </c>
      <c r="K84">
        <f>'p-y sand'!K84</f>
        <v>0.58188526607116464</v>
      </c>
      <c r="L84">
        <f>'p-y sand'!L84</f>
        <v>16.669784953362345</v>
      </c>
      <c r="M84">
        <f>'p-y sand'!M84</f>
        <v>0.29094263303558232</v>
      </c>
      <c r="N84">
        <f>'p-y sand'!N84</f>
        <v>61.669784953362345</v>
      </c>
      <c r="O84">
        <f>'p-y sand'!O84</f>
        <v>1.0763407964330307</v>
      </c>
      <c r="P84">
        <f>'p-y sand'!P84</f>
        <v>2.4</v>
      </c>
      <c r="Q84">
        <f>'p-y sand'!Q84</f>
        <v>0.29065572252642335</v>
      </c>
      <c r="R84">
        <f>'p-y sand'!R84</f>
        <v>5.8466586968995733</v>
      </c>
      <c r="S84">
        <f>'p-y sand'!S84</f>
        <v>3.1498407910390043</v>
      </c>
      <c r="T84">
        <f>'p-y sand'!T84</f>
        <v>59.12377505789361</v>
      </c>
      <c r="U84">
        <f>'p-y sand'!U84</f>
        <v>210150.80069548037</v>
      </c>
      <c r="V84">
        <f>'p-y sand'!V84</f>
        <v>71963.305382450315</v>
      </c>
      <c r="W84">
        <f>'p-y sand'!W84</f>
        <v>71963.305382450315</v>
      </c>
      <c r="X84">
        <v>2.9</v>
      </c>
      <c r="Y84">
        <f>'p-y sand'!Y84</f>
        <v>17583.255951887677</v>
      </c>
      <c r="Z84" s="143">
        <f>'p-y sand'!Z84</f>
        <v>0</v>
      </c>
      <c r="AA84" s="137">
        <f>'p-y sand'!AA84</f>
        <v>10</v>
      </c>
      <c r="AB84" s="137">
        <f>'p-y sand'!AB84</f>
        <v>20</v>
      </c>
      <c r="AC84" s="137">
        <f>'p-y sand'!AC84</f>
        <v>30</v>
      </c>
      <c r="AD84" s="137">
        <f>'p-y sand'!AD84</f>
        <v>40</v>
      </c>
      <c r="AE84" s="137">
        <f>'p-y sand'!AE84</f>
        <v>50</v>
      </c>
      <c r="AF84" s="137">
        <f>'p-y sand'!AF84</f>
        <v>60</v>
      </c>
      <c r="AG84" s="137">
        <f>'p-y sand'!AG84</f>
        <v>70</v>
      </c>
      <c r="AH84" s="137">
        <f>'p-y sand'!AH84</f>
        <v>80</v>
      </c>
      <c r="AI84" s="137">
        <f>'p-y sand'!AI84</f>
        <v>90</v>
      </c>
      <c r="AJ84" s="137">
        <f>'p-y sand'!AJ84</f>
        <v>100</v>
      </c>
      <c r="AK84" s="137">
        <f>'p-y sand'!AK84</f>
        <v>110</v>
      </c>
      <c r="AL84" s="137">
        <f>'p-y sand'!AL84</f>
        <v>120</v>
      </c>
      <c r="AM84" s="137">
        <f t="shared" si="26"/>
        <v>0</v>
      </c>
      <c r="AN84" s="137">
        <f t="shared" si="27"/>
        <v>10187.371707506218</v>
      </c>
      <c r="AO84" s="137">
        <f t="shared" si="28"/>
        <v>20326.307824173367</v>
      </c>
      <c r="AP84" s="137">
        <f t="shared" si="29"/>
        <v>30369.289543307113</v>
      </c>
      <c r="AQ84" s="137">
        <f t="shared" si="30"/>
        <v>40270.594996499225</v>
      </c>
      <c r="AR84" s="137">
        <f t="shared" si="31"/>
        <v>49987.10863826931</v>
      </c>
      <c r="AS84" s="137">
        <f t="shared" si="32"/>
        <v>59479.030446651712</v>
      </c>
      <c r="AT84" s="137">
        <f t="shared" si="33"/>
        <v>68710.462009291674</v>
      </c>
      <c r="AU84" s="137">
        <f t="shared" si="34"/>
        <v>77649.854180203954</v>
      </c>
      <c r="AV84" s="137">
        <f t="shared" si="35"/>
        <v>86270.309043412824</v>
      </c>
      <c r="AW84" s="144">
        <f t="shared" si="36"/>
        <v>94549.736728765929</v>
      </c>
      <c r="AX84" s="137">
        <f t="shared" si="37"/>
        <v>102470.87460886793</v>
      </c>
      <c r="AY84" s="144">
        <f t="shared" si="38"/>
        <v>110021.18212880738</v>
      </c>
    </row>
    <row r="85" spans="2:51" x14ac:dyDescent="0.2">
      <c r="B85">
        <f>'p-y sand'!B85</f>
        <v>-74.5</v>
      </c>
      <c r="C85">
        <f>'p-y sand'!C85</f>
        <v>59</v>
      </c>
      <c r="D85">
        <f>'p-y sand'!D85</f>
        <v>58.988</v>
      </c>
      <c r="E85" t="str">
        <f>'p-y sand'!E85</f>
        <v>SAND</v>
      </c>
      <c r="F85">
        <f>'p-y sand'!F85</f>
        <v>19.312491851675158</v>
      </c>
      <c r="G85" s="43">
        <f>'p-y sand'!G85</f>
        <v>9.3124918516751585</v>
      </c>
      <c r="H85">
        <f>'p-y sand'!H85</f>
        <v>549.39045678957598</v>
      </c>
      <c r="I85">
        <f>'p-y sand'!I85</f>
        <v>35.829967338531858</v>
      </c>
      <c r="J85">
        <f>'Pile Property'!$B$8</f>
        <v>2</v>
      </c>
      <c r="K85">
        <f>'p-y sand'!K85</f>
        <v>0.6253509009394107</v>
      </c>
      <c r="L85">
        <f>'p-y sand'!L85</f>
        <v>17.914983669265929</v>
      </c>
      <c r="M85">
        <f>'p-y sand'!M85</f>
        <v>0.31267545046970535</v>
      </c>
      <c r="N85">
        <f>'p-y sand'!N85</f>
        <v>62.914983669265929</v>
      </c>
      <c r="O85">
        <f>'p-y sand'!O85</f>
        <v>1.0980736138671536</v>
      </c>
      <c r="P85">
        <f>'p-y sand'!P85</f>
        <v>3.4</v>
      </c>
      <c r="Q85">
        <f>'p-y sand'!Q85</f>
        <v>0.26152576884329903</v>
      </c>
      <c r="R85">
        <f>'p-y sand'!R85</f>
        <v>9.0333828583406746</v>
      </c>
      <c r="S85">
        <f>'p-y sand'!S85</f>
        <v>3.562189211224994</v>
      </c>
      <c r="T85">
        <f>'p-y sand'!T85</f>
        <v>91.536264002030578</v>
      </c>
      <c r="U85">
        <f>'p-y sand'!U85</f>
        <v>296627.716744554</v>
      </c>
      <c r="V85">
        <f>'p-y sand'!V85</f>
        <v>100566.36575579648</v>
      </c>
      <c r="W85">
        <f>'p-y sand'!W85</f>
        <v>100566.36575579648</v>
      </c>
      <c r="X85">
        <v>3.9</v>
      </c>
      <c r="Y85">
        <f>'p-y sand'!Y85</f>
        <v>25817.849757246549</v>
      </c>
      <c r="Z85" s="143">
        <f>'p-y sand'!Z85</f>
        <v>0</v>
      </c>
      <c r="AA85" s="137">
        <f>'p-y sand'!AA85</f>
        <v>10</v>
      </c>
      <c r="AB85" s="137">
        <f>'p-y sand'!AB85</f>
        <v>20</v>
      </c>
      <c r="AC85" s="137">
        <f>'p-y sand'!AC85</f>
        <v>30</v>
      </c>
      <c r="AD85" s="137">
        <f>'p-y sand'!AD85</f>
        <v>40</v>
      </c>
      <c r="AE85" s="137">
        <f>'p-y sand'!AE85</f>
        <v>50</v>
      </c>
      <c r="AF85" s="137">
        <f>'p-y sand'!AF85</f>
        <v>60</v>
      </c>
      <c r="AG85" s="137">
        <f>'p-y sand'!AG85</f>
        <v>70</v>
      </c>
      <c r="AH85" s="137">
        <f>'p-y sand'!AH85</f>
        <v>80</v>
      </c>
      <c r="AI85" s="137">
        <f>'p-y sand'!AI85</f>
        <v>90</v>
      </c>
      <c r="AJ85" s="137">
        <f>'p-y sand'!AJ85</f>
        <v>100</v>
      </c>
      <c r="AK85" s="137">
        <f>'p-y sand'!AK85</f>
        <v>110</v>
      </c>
      <c r="AL85" s="137">
        <f>'p-y sand'!AL85</f>
        <v>120</v>
      </c>
      <c r="AM85" s="137">
        <f t="shared" si="26"/>
        <v>0</v>
      </c>
      <c r="AN85" s="137">
        <f t="shared" si="27"/>
        <v>15221.783708669607</v>
      </c>
      <c r="AO85" s="137">
        <f t="shared" si="28"/>
        <v>30397.780832988727</v>
      </c>
      <c r="AP85" s="137">
        <f t="shared" si="29"/>
        <v>45482.754034168844</v>
      </c>
      <c r="AQ85" s="137">
        <f t="shared" si="30"/>
        <v>60432.550522740872</v>
      </c>
      <c r="AR85" s="137">
        <f t="shared" si="31"/>
        <v>75204.610082789804</v>
      </c>
      <c r="AS85" s="137">
        <f t="shared" si="32"/>
        <v>89758.433647390848</v>
      </c>
      <c r="AT85" s="137">
        <f t="shared" si="33"/>
        <v>104056.00191298487</v>
      </c>
      <c r="AU85" s="137">
        <f t="shared" si="34"/>
        <v>118062.13552107768</v>
      </c>
      <c r="AV85" s="137">
        <f t="shared" si="35"/>
        <v>131744.79063512775</v>
      </c>
      <c r="AW85" s="144">
        <f t="shared" si="36"/>
        <v>145075.28616471088</v>
      </c>
      <c r="AX85" s="137">
        <f t="shared" si="37"/>
        <v>158028.46130536648</v>
      </c>
      <c r="AY85" s="144">
        <f t="shared" si="38"/>
        <v>170582.76434941593</v>
      </c>
    </row>
    <row r="86" spans="2:51" x14ac:dyDescent="0.2">
      <c r="B86">
        <f>'p-y sand'!B86</f>
        <v>-75.5</v>
      </c>
      <c r="C86">
        <f>'p-y sand'!C86</f>
        <v>60</v>
      </c>
      <c r="D86">
        <f>'p-y sand'!D86</f>
        <v>59.993000000000002</v>
      </c>
      <c r="E86" t="str">
        <f>'p-y sand'!E86</f>
        <v>SAND</v>
      </c>
      <c r="F86">
        <f>'p-y sand'!F86</f>
        <v>20.009492682657015</v>
      </c>
      <c r="G86" s="43">
        <f>'p-y sand'!G86</f>
        <v>10.009492682657015</v>
      </c>
      <c r="H86">
        <f>'p-y sand'!H86</f>
        <v>600.56956095942087</v>
      </c>
      <c r="I86">
        <f>'p-y sand'!I86</f>
        <v>36.887653566030892</v>
      </c>
      <c r="J86">
        <f>'Pile Property'!$B$8</f>
        <v>2</v>
      </c>
      <c r="K86">
        <f>'p-y sand'!K86</f>
        <v>0.64381100806226654</v>
      </c>
      <c r="L86">
        <f>'p-y sand'!L86</f>
        <v>18.443826783015446</v>
      </c>
      <c r="M86">
        <f>'p-y sand'!M86</f>
        <v>0.32190550403113327</v>
      </c>
      <c r="N86">
        <f>'p-y sand'!N86</f>
        <v>63.443826783015446</v>
      </c>
      <c r="O86">
        <f>'p-y sand'!O86</f>
        <v>1.1073036674285817</v>
      </c>
      <c r="P86">
        <f>'p-y sand'!P86</f>
        <v>4.4000000000000004</v>
      </c>
      <c r="Q86">
        <f>'p-y sand'!Q86</f>
        <v>0.24980636546890111</v>
      </c>
      <c r="R86">
        <f>'p-y sand'!R86</f>
        <v>11.874714546551793</v>
      </c>
      <c r="S86">
        <f>'p-y sand'!S86</f>
        <v>3.753294188525957</v>
      </c>
      <c r="T86">
        <f>'p-y sand'!T86</f>
        <v>116.81517169277473</v>
      </c>
      <c r="U86">
        <f>'p-y sand'!U86</f>
        <v>432303.39216509194</v>
      </c>
      <c r="V86">
        <f>'p-y sand'!V86</f>
        <v>140294.90310537023</v>
      </c>
      <c r="W86">
        <f>'p-y sand'!W86</f>
        <v>140294.90310537023</v>
      </c>
      <c r="X86">
        <v>4.9000000000000004</v>
      </c>
      <c r="Y86">
        <f>'p-y sand'!Y86</f>
        <v>30683.206403742101</v>
      </c>
      <c r="Z86" s="143">
        <f>'p-y sand'!Z86</f>
        <v>0</v>
      </c>
      <c r="AA86" s="137">
        <f>'p-y sand'!AA86</f>
        <v>10</v>
      </c>
      <c r="AB86" s="137">
        <f>'p-y sand'!AB86</f>
        <v>20</v>
      </c>
      <c r="AC86" s="137">
        <f>'p-y sand'!AC86</f>
        <v>30</v>
      </c>
      <c r="AD86" s="137">
        <f>'p-y sand'!AD86</f>
        <v>40</v>
      </c>
      <c r="AE86" s="137">
        <f>'p-y sand'!AE86</f>
        <v>50</v>
      </c>
      <c r="AF86" s="137">
        <f>'p-y sand'!AF86</f>
        <v>60</v>
      </c>
      <c r="AG86" s="137">
        <f>'p-y sand'!AG86</f>
        <v>70</v>
      </c>
      <c r="AH86" s="137">
        <f>'p-y sand'!AH86</f>
        <v>80</v>
      </c>
      <c r="AI86" s="137">
        <f>'p-y sand'!AI86</f>
        <v>90</v>
      </c>
      <c r="AJ86" s="137">
        <f>'p-y sand'!AJ86</f>
        <v>100</v>
      </c>
      <c r="AK86" s="137">
        <f>'p-y sand'!AK86</f>
        <v>110</v>
      </c>
      <c r="AL86" s="137">
        <f>'p-y sand'!AL86</f>
        <v>120</v>
      </c>
      <c r="AM86" s="137">
        <f t="shared" si="26"/>
        <v>0</v>
      </c>
      <c r="AN86" s="137">
        <f t="shared" si="27"/>
        <v>18403.377744390047</v>
      </c>
      <c r="AO86" s="137">
        <f t="shared" si="28"/>
        <v>36780.396087851834</v>
      </c>
      <c r="AP86" s="137">
        <f t="shared" si="29"/>
        <v>55104.846433130901</v>
      </c>
      <c r="AQ86" s="137">
        <f t="shared" si="30"/>
        <v>73350.8199606571</v>
      </c>
      <c r="AR86" s="137">
        <f t="shared" si="31"/>
        <v>91492.852981228207</v>
      </c>
      <c r="AS86" s="137">
        <f t="shared" si="32"/>
        <v>109506.0669505026</v>
      </c>
      <c r="AT86" s="137">
        <f t="shared" si="33"/>
        <v>127366.30153768175</v>
      </c>
      <c r="AU86" s="137">
        <f t="shared" si="34"/>
        <v>145050.2392810632</v>
      </c>
      <c r="AV86" s="137">
        <f t="shared" si="35"/>
        <v>162535.52053020729</v>
      </c>
      <c r="AW86" s="144">
        <f t="shared" si="36"/>
        <v>179800.8475632832</v>
      </c>
      <c r="AX86" s="137">
        <f t="shared" si="37"/>
        <v>196826.07697324228</v>
      </c>
      <c r="AY86" s="144">
        <f t="shared" si="38"/>
        <v>213592.29963202277</v>
      </c>
    </row>
    <row r="87" spans="2:51" x14ac:dyDescent="0.2">
      <c r="B87">
        <f>'p-y sand'!B87</f>
        <v>-76.5</v>
      </c>
      <c r="C87">
        <f>'p-y sand'!C87</f>
        <v>61</v>
      </c>
      <c r="D87">
        <f>'p-y sand'!D87</f>
        <v>60.984999999999999</v>
      </c>
      <c r="E87" t="str">
        <f>'p-y sand'!E87</f>
        <v>SAND</v>
      </c>
      <c r="F87">
        <f>'p-y sand'!F87</f>
        <v>19.793444750785131</v>
      </c>
      <c r="G87" s="43">
        <f>'p-y sand'!G87</f>
        <v>9.793444750785131</v>
      </c>
      <c r="H87">
        <f>'p-y sand'!H87</f>
        <v>597.32178223988672</v>
      </c>
      <c r="I87">
        <f>'p-y sand'!I87</f>
        <v>34.051964972588344</v>
      </c>
      <c r="J87">
        <f>'Pile Property'!$B$8</f>
        <v>2</v>
      </c>
      <c r="K87">
        <f>'p-y sand'!K87</f>
        <v>0.5943189055454472</v>
      </c>
      <c r="L87">
        <f>'p-y sand'!L87</f>
        <v>17.025982486294172</v>
      </c>
      <c r="M87">
        <f>'p-y sand'!M87</f>
        <v>0.2971594527727236</v>
      </c>
      <c r="N87">
        <f>'p-y sand'!N87</f>
        <v>62.025982486294168</v>
      </c>
      <c r="O87">
        <f>'p-y sand'!O87</f>
        <v>1.0825576161701718</v>
      </c>
      <c r="P87">
        <f>'p-y sand'!P87</f>
        <v>5.4</v>
      </c>
      <c r="Q87">
        <f>'p-y sand'!Q87</f>
        <v>0.28209683167649152</v>
      </c>
      <c r="R87">
        <f>'p-y sand'!R87</f>
        <v>11.345280163189436</v>
      </c>
      <c r="S87">
        <f>'p-y sand'!S87</f>
        <v>3.262785236147649</v>
      </c>
      <c r="T87">
        <f>'p-y sand'!T87</f>
        <v>90.123567380006563</v>
      </c>
      <c r="U87">
        <f>'p-y sand'!U87</f>
        <v>417132.09524134552</v>
      </c>
      <c r="V87">
        <f>'p-y sand'!V87</f>
        <v>107653.18309599377</v>
      </c>
      <c r="W87">
        <f>'p-y sand'!W87</f>
        <v>107653.18309599377</v>
      </c>
      <c r="X87">
        <v>5.9</v>
      </c>
      <c r="Y87">
        <f>'p-y sand'!Y87</f>
        <v>19478.226827084996</v>
      </c>
      <c r="Z87" s="143">
        <f>'p-y sand'!Z87</f>
        <v>0</v>
      </c>
      <c r="AA87" s="137">
        <f>'p-y sand'!AA87</f>
        <v>10</v>
      </c>
      <c r="AB87" s="137">
        <f>'p-y sand'!AB87</f>
        <v>20</v>
      </c>
      <c r="AC87" s="137">
        <f>'p-y sand'!AC87</f>
        <v>30</v>
      </c>
      <c r="AD87" s="137">
        <f>'p-y sand'!AD87</f>
        <v>40</v>
      </c>
      <c r="AE87" s="137">
        <f>'p-y sand'!AE87</f>
        <v>50</v>
      </c>
      <c r="AF87" s="137">
        <f>'p-y sand'!AF87</f>
        <v>60</v>
      </c>
      <c r="AG87" s="137">
        <f>'p-y sand'!AG87</f>
        <v>70</v>
      </c>
      <c r="AH87" s="137">
        <f>'p-y sand'!AH87</f>
        <v>80</v>
      </c>
      <c r="AI87" s="137">
        <f>'p-y sand'!AI87</f>
        <v>90</v>
      </c>
      <c r="AJ87" s="137">
        <f>'p-y sand'!AJ87</f>
        <v>100</v>
      </c>
      <c r="AK87" s="137">
        <f>'p-y sand'!AK87</f>
        <v>110</v>
      </c>
      <c r="AL87" s="137">
        <f>'p-y sand'!AL87</f>
        <v>120</v>
      </c>
      <c r="AM87" s="137">
        <f t="shared" si="26"/>
        <v>0</v>
      </c>
      <c r="AN87" s="137">
        <f t="shared" si="27"/>
        <v>11877.41186079028</v>
      </c>
      <c r="AO87" s="137">
        <f t="shared" si="28"/>
        <v>23746.519750513573</v>
      </c>
      <c r="AP87" s="137">
        <f t="shared" si="29"/>
        <v>35599.042904424314</v>
      </c>
      <c r="AQ87" s="137">
        <f t="shared" si="30"/>
        <v>47426.746832744015</v>
      </c>
      <c r="AR87" s="137">
        <f t="shared" si="31"/>
        <v>59221.46611535531</v>
      </c>
      <c r="AS87" s="137">
        <f t="shared" si="32"/>
        <v>70975.126789047194</v>
      </c>
      <c r="AT87" s="137">
        <f t="shared" si="33"/>
        <v>82679.768197927653</v>
      </c>
      <c r="AU87" s="137">
        <f t="shared" si="34"/>
        <v>94327.564183005699</v>
      </c>
      <c r="AV87" s="137">
        <f t="shared" si="35"/>
        <v>105910.84349352121</v>
      </c>
      <c r="AW87" s="144">
        <f t="shared" si="36"/>
        <v>117422.10931026585</v>
      </c>
      <c r="AX87" s="137">
        <f t="shared" si="37"/>
        <v>128854.05777978225</v>
      </c>
      <c r="AY87" s="144">
        <f t="shared" si="38"/>
        <v>140199.59546781945</v>
      </c>
    </row>
    <row r="88" spans="2:51" x14ac:dyDescent="0.2">
      <c r="B88">
        <f>'p-y sand'!B88</f>
        <v>-77.5</v>
      </c>
      <c r="C88">
        <f>'p-y sand'!C88</f>
        <v>62</v>
      </c>
      <c r="D88">
        <f>'p-y sand'!D88</f>
        <v>61.993000000000002</v>
      </c>
      <c r="E88" t="str">
        <f>'p-y sand'!E88</f>
        <v>SAND</v>
      </c>
      <c r="F88">
        <f>'p-y sand'!F88</f>
        <v>19.955776281690873</v>
      </c>
      <c r="G88" s="43">
        <f>'p-y sand'!G88</f>
        <v>9.9557762816908735</v>
      </c>
      <c r="H88">
        <f>'p-y sand'!H88</f>
        <v>617.25812946483416</v>
      </c>
      <c r="I88">
        <f>'p-y sand'!I88</f>
        <v>32.213303140422447</v>
      </c>
      <c r="J88">
        <f>'Pile Property'!$B$8</f>
        <v>2</v>
      </c>
      <c r="K88">
        <f>'p-y sand'!K88</f>
        <v>0.56222820274340091</v>
      </c>
      <c r="L88">
        <f>'p-y sand'!L88</f>
        <v>16.106651570211223</v>
      </c>
      <c r="M88">
        <f>'p-y sand'!M88</f>
        <v>0.28111410137170045</v>
      </c>
      <c r="N88">
        <f>'p-y sand'!N88</f>
        <v>61.106651570211227</v>
      </c>
      <c r="O88">
        <f>'p-y sand'!O88</f>
        <v>1.0665122647691487</v>
      </c>
      <c r="P88">
        <f>'p-y sand'!P88</f>
        <v>6.4</v>
      </c>
      <c r="Q88">
        <f>'p-y sand'!Q88</f>
        <v>0.30456954572238937</v>
      </c>
      <c r="R88">
        <f>'p-y sand'!R88</f>
        <v>11.424829698179972</v>
      </c>
      <c r="S88">
        <f>'p-y sand'!S88</f>
        <v>2.978752815441998</v>
      </c>
      <c r="T88">
        <f>'p-y sand'!T88</f>
        <v>78.560106242842238</v>
      </c>
      <c r="U88">
        <f>'p-y sand'!U88</f>
        <v>440806.45876320399</v>
      </c>
      <c r="V88">
        <f>'p-y sand'!V88</f>
        <v>96972.778684237011</v>
      </c>
      <c r="W88">
        <f>'p-y sand'!W88</f>
        <v>96972.778684237011</v>
      </c>
      <c r="X88">
        <v>6.9</v>
      </c>
      <c r="Y88">
        <f>'p-y sand'!Y88</f>
        <v>14587.386353523709</v>
      </c>
      <c r="Z88" s="143">
        <f>'p-y sand'!Z88</f>
        <v>0</v>
      </c>
      <c r="AA88" s="137">
        <f>'p-y sand'!AA88</f>
        <v>10</v>
      </c>
      <c r="AB88" s="137">
        <f>'p-y sand'!AB88</f>
        <v>20</v>
      </c>
      <c r="AC88" s="137">
        <f>'p-y sand'!AC88</f>
        <v>30</v>
      </c>
      <c r="AD88" s="137">
        <f>'p-y sand'!AD88</f>
        <v>40</v>
      </c>
      <c r="AE88" s="137">
        <f>'p-y sand'!AE88</f>
        <v>50</v>
      </c>
      <c r="AF88" s="137">
        <f>'p-y sand'!AF88</f>
        <v>60</v>
      </c>
      <c r="AG88" s="137">
        <f>'p-y sand'!AG88</f>
        <v>70</v>
      </c>
      <c r="AH88" s="137">
        <f>'p-y sand'!AH88</f>
        <v>80</v>
      </c>
      <c r="AI88" s="137">
        <f>'p-y sand'!AI88</f>
        <v>90</v>
      </c>
      <c r="AJ88" s="137">
        <f>'p-y sand'!AJ88</f>
        <v>100</v>
      </c>
      <c r="AK88" s="137">
        <f>'p-y sand'!AK88</f>
        <v>110</v>
      </c>
      <c r="AL88" s="137">
        <f>'p-y sand'!AL88</f>
        <v>120</v>
      </c>
      <c r="AM88" s="137">
        <f t="shared" si="26"/>
        <v>0</v>
      </c>
      <c r="AN88" s="137">
        <f t="shared" si="27"/>
        <v>9042.6078559086545</v>
      </c>
      <c r="AO88" s="137">
        <f t="shared" si="28"/>
        <v>18081.913279578657</v>
      </c>
      <c r="AP88" s="137">
        <f t="shared" si="29"/>
        <v>27114.618661308094</v>
      </c>
      <c r="AQ88" s="137">
        <f t="shared" si="30"/>
        <v>36137.436021511276</v>
      </c>
      <c r="AR88" s="137">
        <f t="shared" si="31"/>
        <v>45147.091788463244</v>
      </c>
      <c r="AS88" s="137">
        <f t="shared" si="32"/>
        <v>54140.331531490076</v>
      </c>
      <c r="AT88" s="137">
        <f t="shared" si="33"/>
        <v>63113.924635121853</v>
      </c>
      <c r="AU88" s="137">
        <f t="shared" si="34"/>
        <v>72064.668900037213</v>
      </c>
      <c r="AV88" s="137">
        <f t="shared" si="35"/>
        <v>80989.395057012924</v>
      </c>
      <c r="AW88" s="144">
        <f t="shared" si="36"/>
        <v>89884.971180548018</v>
      </c>
      <c r="AX88" s="137">
        <f t="shared" si="37"/>
        <v>98748.306989352495</v>
      </c>
      <c r="AY88" s="144">
        <f t="shared" si="38"/>
        <v>107576.35802147593</v>
      </c>
    </row>
    <row r="89" spans="2:51" x14ac:dyDescent="0.2">
      <c r="B89">
        <f>'p-y sand'!B89</f>
        <v>-78.5</v>
      </c>
      <c r="C89">
        <f>'p-y sand'!C89</f>
        <v>63</v>
      </c>
      <c r="D89">
        <f>'p-y sand'!D89</f>
        <v>62.986000000000004</v>
      </c>
      <c r="E89" t="str">
        <f>'p-y sand'!E89</f>
        <v>SAND</v>
      </c>
      <c r="F89">
        <f>'p-y sand'!F89</f>
        <v>20.117321137382348</v>
      </c>
      <c r="G89" s="43">
        <f>'p-y sand'!G89</f>
        <v>10.117321137382348</v>
      </c>
      <c r="H89">
        <f>'p-y sand'!H89</f>
        <v>637.32041040712625</v>
      </c>
      <c r="I89">
        <f>'p-y sand'!I89</f>
        <v>33.925380366279228</v>
      </c>
      <c r="J89">
        <f>'Pile Property'!$B$8</f>
        <v>2</v>
      </c>
      <c r="K89">
        <f>'p-y sand'!K89</f>
        <v>0.59210958738301234</v>
      </c>
      <c r="L89">
        <f>'p-y sand'!L89</f>
        <v>16.962690183139614</v>
      </c>
      <c r="M89">
        <f>'p-y sand'!M89</f>
        <v>0.29605479369150617</v>
      </c>
      <c r="N89">
        <f>'p-y sand'!N89</f>
        <v>61.962690183139614</v>
      </c>
      <c r="O89">
        <f>'p-y sand'!O89</f>
        <v>1.0814529570889544</v>
      </c>
      <c r="P89">
        <f>'p-y sand'!P89</f>
        <v>7.4</v>
      </c>
      <c r="Q89">
        <f>'p-y sand'!Q89</f>
        <v>0.28360417520638598</v>
      </c>
      <c r="R89">
        <f>'p-y sand'!R89</f>
        <v>14.65534228861998</v>
      </c>
      <c r="S89">
        <f>'p-y sand'!S89</f>
        <v>3.2424370026862692</v>
      </c>
      <c r="T89">
        <f>'p-y sand'!T89</f>
        <v>105.43881231865888</v>
      </c>
      <c r="U89">
        <f>'p-y sand'!U89</f>
        <v>592365.71944556979</v>
      </c>
      <c r="V89">
        <f>'p-y sand'!V89</f>
        <v>134381.67966299126</v>
      </c>
      <c r="W89">
        <f>'p-y sand'!W89</f>
        <v>134381.67966299126</v>
      </c>
      <c r="X89">
        <v>7.9</v>
      </c>
      <c r="Y89">
        <f>'p-y sand'!Y89</f>
        <v>19141.511774302744</v>
      </c>
      <c r="Z89" s="143">
        <f>'p-y sand'!Z89</f>
        <v>0</v>
      </c>
      <c r="AA89" s="137">
        <f>'p-y sand'!AA89</f>
        <v>10</v>
      </c>
      <c r="AB89" s="137">
        <f>'p-y sand'!AB89</f>
        <v>20</v>
      </c>
      <c r="AC89" s="137">
        <f>'p-y sand'!AC89</f>
        <v>30</v>
      </c>
      <c r="AD89" s="137">
        <f>'p-y sand'!AD89</f>
        <v>40</v>
      </c>
      <c r="AE89" s="137">
        <f>'p-y sand'!AE89</f>
        <v>50</v>
      </c>
      <c r="AF89" s="137">
        <f>'p-y sand'!AF89</f>
        <v>60</v>
      </c>
      <c r="AG89" s="137">
        <f>'p-y sand'!AG89</f>
        <v>70</v>
      </c>
      <c r="AH89" s="137">
        <f>'p-y sand'!AH89</f>
        <v>80</v>
      </c>
      <c r="AI89" s="137">
        <f>'p-y sand'!AI89</f>
        <v>90</v>
      </c>
      <c r="AJ89" s="137">
        <f>'p-y sand'!AJ89</f>
        <v>100</v>
      </c>
      <c r="AK89" s="137">
        <f>'p-y sand'!AK89</f>
        <v>110</v>
      </c>
      <c r="AL89" s="137">
        <f>'p-y sand'!AL89</f>
        <v>120</v>
      </c>
      <c r="AM89" s="137">
        <f t="shared" si="26"/>
        <v>0</v>
      </c>
      <c r="AN89" s="137">
        <f t="shared" si="27"/>
        <v>12055.954304240831</v>
      </c>
      <c r="AO89" s="137">
        <f t="shared" si="28"/>
        <v>24108.799438560014</v>
      </c>
      <c r="AP89" s="137">
        <f t="shared" si="29"/>
        <v>36155.429439566054</v>
      </c>
      <c r="AQ89" s="137">
        <f t="shared" si="30"/>
        <v>48192.744749902988</v>
      </c>
      <c r="AR89" s="137">
        <f t="shared" si="31"/>
        <v>60217.65540373297</v>
      </c>
      <c r="AS89" s="137">
        <f t="shared" si="32"/>
        <v>72227.084191249989</v>
      </c>
      <c r="AT89" s="137">
        <f t="shared" si="33"/>
        <v>84217.969795358105</v>
      </c>
      <c r="AU89" s="137">
        <f t="shared" si="34"/>
        <v>96187.269893751029</v>
      </c>
      <c r="AV89" s="137">
        <f t="shared" si="35"/>
        <v>108131.96421975913</v>
      </c>
      <c r="AW89" s="144">
        <f t="shared" si="36"/>
        <v>120049.05757548296</v>
      </c>
      <c r="AX89" s="137">
        <f t="shared" si="37"/>
        <v>131935.58279090919</v>
      </c>
      <c r="AY89" s="144">
        <f t="shared" si="38"/>
        <v>143788.6036229032</v>
      </c>
    </row>
    <row r="90" spans="2:51" x14ac:dyDescent="0.2">
      <c r="B90">
        <f>'p-y sand'!B90</f>
        <v>-79.5</v>
      </c>
      <c r="C90">
        <f>'p-y sand'!C90</f>
        <v>64</v>
      </c>
      <c r="D90">
        <f>'p-y sand'!D90</f>
        <v>63.989000000000004</v>
      </c>
      <c r="E90" t="str">
        <f>'p-y sand'!E90</f>
        <v>SAND</v>
      </c>
      <c r="F90">
        <f>'p-y sand'!F90</f>
        <v>20.411454874868866</v>
      </c>
      <c r="G90" s="43">
        <f>'p-y sand'!G90</f>
        <v>10.411454874868866</v>
      </c>
      <c r="H90">
        <f>'p-y sand'!H90</f>
        <v>666.29146617210802</v>
      </c>
      <c r="I90">
        <f>'p-y sand'!I90</f>
        <v>36.17760319822186</v>
      </c>
      <c r="J90">
        <f>'Pile Property'!$B$8</f>
        <v>2</v>
      </c>
      <c r="K90">
        <f>'p-y sand'!K90</f>
        <v>0.63141829128900218</v>
      </c>
      <c r="L90">
        <f>'p-y sand'!L90</f>
        <v>18.08880159911093</v>
      </c>
      <c r="M90">
        <f>'p-y sand'!M90</f>
        <v>0.31570914564450109</v>
      </c>
      <c r="N90">
        <f>'p-y sand'!N90</f>
        <v>63.08880159911093</v>
      </c>
      <c r="O90">
        <f>'p-y sand'!O90</f>
        <v>1.1011073090419494</v>
      </c>
      <c r="P90">
        <f>'p-y sand'!P90</f>
        <v>8.4</v>
      </c>
      <c r="Q90">
        <f>'p-y sand'!Q90</f>
        <v>0.25763211072583148</v>
      </c>
      <c r="R90">
        <f>'p-y sand'!R90</f>
        <v>19.236848732339389</v>
      </c>
      <c r="S90">
        <f>'p-y sand'!S90</f>
        <v>3.6238716241257061</v>
      </c>
      <c r="T90">
        <f>'p-y sand'!T90</f>
        <v>150.7696890896388</v>
      </c>
      <c r="U90">
        <f>'p-y sand'!U90</f>
        <v>824908.16017540847</v>
      </c>
      <c r="V90">
        <f>'p-y sand'!V90</f>
        <v>200891.13815029425</v>
      </c>
      <c r="W90">
        <f>'p-y sand'!W90</f>
        <v>200891.13815029425</v>
      </c>
      <c r="X90">
        <v>8.9</v>
      </c>
      <c r="Y90">
        <f>'p-y sand'!Y90</f>
        <v>27416.974711820556</v>
      </c>
      <c r="Z90" s="143">
        <f>'p-y sand'!Z90</f>
        <v>0</v>
      </c>
      <c r="AA90" s="137">
        <f>'p-y sand'!AA90</f>
        <v>10</v>
      </c>
      <c r="AB90" s="137">
        <f>'p-y sand'!AB90</f>
        <v>20</v>
      </c>
      <c r="AC90" s="137">
        <f>'p-y sand'!AC90</f>
        <v>30</v>
      </c>
      <c r="AD90" s="137">
        <f>'p-y sand'!AD90</f>
        <v>40</v>
      </c>
      <c r="AE90" s="137">
        <f>'p-y sand'!AE90</f>
        <v>50</v>
      </c>
      <c r="AF90" s="137">
        <f>'p-y sand'!AF90</f>
        <v>60</v>
      </c>
      <c r="AG90" s="137">
        <f>'p-y sand'!AG90</f>
        <v>70</v>
      </c>
      <c r="AH90" s="137">
        <f>'p-y sand'!AH90</f>
        <v>80</v>
      </c>
      <c r="AI90" s="137">
        <f>'p-y sand'!AI90</f>
        <v>90</v>
      </c>
      <c r="AJ90" s="137">
        <f>'p-y sand'!AJ90</f>
        <v>100</v>
      </c>
      <c r="AK90" s="137">
        <f>'p-y sand'!AK90</f>
        <v>110</v>
      </c>
      <c r="AL90" s="137">
        <f>'p-y sand'!AL90</f>
        <v>120</v>
      </c>
      <c r="AM90" s="137">
        <f t="shared" si="26"/>
        <v>0</v>
      </c>
      <c r="AN90" s="137">
        <f t="shared" si="27"/>
        <v>17543.28491384078</v>
      </c>
      <c r="AO90" s="137">
        <f t="shared" si="28"/>
        <v>35083.192140984218</v>
      </c>
      <c r="AP90" s="137">
        <f t="shared" si="29"/>
        <v>52616.346595516399</v>
      </c>
      <c r="AQ90" s="137">
        <f t="shared" si="30"/>
        <v>70139.378388836019</v>
      </c>
      <c r="AR90" s="137">
        <f t="shared" si="31"/>
        <v>87648.925417686798</v>
      </c>
      <c r="AS90" s="137">
        <f t="shared" si="32"/>
        <v>105141.63593947464</v>
      </c>
      <c r="AT90" s="137">
        <f t="shared" si="33"/>
        <v>122614.17113068666</v>
      </c>
      <c r="AU90" s="137">
        <f t="shared" si="34"/>
        <v>140063.20762427631</v>
      </c>
      <c r="AV90" s="137">
        <f t="shared" si="35"/>
        <v>157485.44002193771</v>
      </c>
      <c r="AW90" s="144">
        <f t="shared" si="36"/>
        <v>174877.58337726179</v>
      </c>
      <c r="AX90" s="137">
        <f t="shared" si="37"/>
        <v>192236.37564584799</v>
      </c>
      <c r="AY90" s="144">
        <f t="shared" si="38"/>
        <v>209558.58009853694</v>
      </c>
    </row>
    <row r="91" spans="2:51" x14ac:dyDescent="0.2">
      <c r="B91">
        <f>'p-y sand'!B91</f>
        <v>-80.5</v>
      </c>
      <c r="C91">
        <f>'p-y sand'!C91</f>
        <v>65</v>
      </c>
      <c r="D91">
        <f>'p-y sand'!D91</f>
        <v>64.989999999999995</v>
      </c>
      <c r="E91" t="str">
        <f>'p-y sand'!E91</f>
        <v>SAND</v>
      </c>
      <c r="F91">
        <f>'p-y sand'!F91</f>
        <v>20.048767174645732</v>
      </c>
      <c r="G91" s="43">
        <f>'p-y sand'!G91</f>
        <v>10.048767174645732</v>
      </c>
      <c r="H91">
        <f>'p-y sand'!H91</f>
        <v>653.13972005044866</v>
      </c>
      <c r="I91">
        <f>'p-y sand'!I91</f>
        <v>32.420614340119258</v>
      </c>
      <c r="J91">
        <f>'Pile Property'!$B$8</f>
        <v>2</v>
      </c>
      <c r="K91">
        <f>'p-y sand'!K91</f>
        <v>0.56584646575436981</v>
      </c>
      <c r="L91">
        <f>'p-y sand'!L91</f>
        <v>16.210307170059629</v>
      </c>
      <c r="M91">
        <f>'p-y sand'!M91</f>
        <v>0.2829232328771849</v>
      </c>
      <c r="N91">
        <f>'p-y sand'!N91</f>
        <v>61.210307170059629</v>
      </c>
      <c r="O91">
        <f>'p-y sand'!O91</f>
        <v>1.0683213962746332</v>
      </c>
      <c r="P91">
        <f>'p-y sand'!P91</f>
        <v>9.4</v>
      </c>
      <c r="Q91">
        <f>'p-y sand'!Q91</f>
        <v>0.30197268308377684</v>
      </c>
      <c r="R91">
        <f>'p-y sand'!R91</f>
        <v>16.215979107115345</v>
      </c>
      <c r="S91">
        <f>'p-y sand'!S91</f>
        <v>3.0095851366100268</v>
      </c>
      <c r="T91">
        <f>'p-y sand'!T91</f>
        <v>101.48527062121045</v>
      </c>
      <c r="U91">
        <f>'p-y sand'!U91</f>
        <v>692185.39520789799</v>
      </c>
      <c r="V91">
        <f>'p-y sand'!V91</f>
        <v>132553.84525957701</v>
      </c>
      <c r="W91">
        <f>'p-y sand'!W91</f>
        <v>132553.84525957701</v>
      </c>
      <c r="X91">
        <v>9.9</v>
      </c>
      <c r="Y91">
        <f>'p-y sand'!Y91</f>
        <v>15138.834144717224</v>
      </c>
      <c r="Z91" s="143">
        <f>'p-y sand'!Z91</f>
        <v>0</v>
      </c>
      <c r="AA91" s="137">
        <f>'p-y sand'!AA91</f>
        <v>10</v>
      </c>
      <c r="AB91" s="137">
        <f>'p-y sand'!AB91</f>
        <v>20</v>
      </c>
      <c r="AC91" s="137">
        <f>'p-y sand'!AC91</f>
        <v>30</v>
      </c>
      <c r="AD91" s="137">
        <f>'p-y sand'!AD91</f>
        <v>40</v>
      </c>
      <c r="AE91" s="137">
        <f>'p-y sand'!AE91</f>
        <v>50</v>
      </c>
      <c r="AF91" s="137">
        <f>'p-y sand'!AF91</f>
        <v>60</v>
      </c>
      <c r="AG91" s="137">
        <f>'p-y sand'!AG91</f>
        <v>70</v>
      </c>
      <c r="AH91" s="137">
        <f>'p-y sand'!AH91</f>
        <v>80</v>
      </c>
      <c r="AI91" s="137">
        <f>'p-y sand'!AI91</f>
        <v>90</v>
      </c>
      <c r="AJ91" s="137">
        <f>'p-y sand'!AJ91</f>
        <v>100</v>
      </c>
      <c r="AK91" s="137">
        <f>'p-y sand'!AK91</f>
        <v>110</v>
      </c>
      <c r="AL91" s="137">
        <f>'p-y sand'!AL91</f>
        <v>120</v>
      </c>
      <c r="AM91" s="137">
        <f t="shared" si="26"/>
        <v>0</v>
      </c>
      <c r="AN91" s="137">
        <f t="shared" si="27"/>
        <v>9838.5439658761861</v>
      </c>
      <c r="AO91" s="137">
        <f t="shared" si="28"/>
        <v>19675.981962567581</v>
      </c>
      <c r="AP91" s="137">
        <f t="shared" si="29"/>
        <v>29511.208518129777</v>
      </c>
      <c r="AQ91" s="137">
        <f t="shared" si="30"/>
        <v>39343.11915462419</v>
      </c>
      <c r="AR91" s="137">
        <f t="shared" si="31"/>
        <v>49170.610883934176</v>
      </c>
      <c r="AS91" s="137">
        <f t="shared" si="32"/>
        <v>58992.582702159503</v>
      </c>
      <c r="AT91" s="137">
        <f t="shared" si="33"/>
        <v>68807.93608211854</v>
      </c>
      <c r="AU91" s="137">
        <f t="shared" si="34"/>
        <v>78615.575463490997</v>
      </c>
      <c r="AV91" s="137">
        <f t="shared" si="35"/>
        <v>88414.408740137995</v>
      </c>
      <c r="AW91" s="144">
        <f t="shared" si="36"/>
        <v>98203.347744140658</v>
      </c>
      <c r="AX91" s="137">
        <f t="shared" si="37"/>
        <v>107981.30872610351</v>
      </c>
      <c r="AY91" s="144">
        <f t="shared" si="38"/>
        <v>117747.21283127571</v>
      </c>
    </row>
    <row r="92" spans="2:51" x14ac:dyDescent="0.2">
      <c r="B92">
        <f>'p-y sand'!B92</f>
        <v>-81.5</v>
      </c>
      <c r="C92">
        <f>'p-y sand'!C92</f>
        <v>66</v>
      </c>
      <c r="D92">
        <f>'p-y sand'!D92</f>
        <v>65.988</v>
      </c>
      <c r="E92" t="str">
        <f>'p-y sand'!E92</f>
        <v>SAND</v>
      </c>
      <c r="F92">
        <f>'p-y sand'!F92</f>
        <v>19.686032181265638</v>
      </c>
      <c r="G92" s="43">
        <f>'p-y sand'!G92</f>
        <v>9.686032181265638</v>
      </c>
      <c r="H92">
        <f>'p-y sand'!H92</f>
        <v>639.22969380262577</v>
      </c>
      <c r="I92">
        <f>'p-y sand'!I92</f>
        <v>35.308870007183117</v>
      </c>
      <c r="J92">
        <f>'Pile Property'!$B$8</f>
        <v>2</v>
      </c>
      <c r="K92">
        <f>'p-y sand'!K92</f>
        <v>0.6162560367840193</v>
      </c>
      <c r="L92">
        <f>'p-y sand'!L92</f>
        <v>17.654435003591558</v>
      </c>
      <c r="M92">
        <f>'p-y sand'!M92</f>
        <v>0.30812801839200965</v>
      </c>
      <c r="N92">
        <f>'p-y sand'!N92</f>
        <v>62.654435003591558</v>
      </c>
      <c r="O92">
        <f>'p-y sand'!O92</f>
        <v>1.0935261817894579</v>
      </c>
      <c r="P92">
        <f>'p-y sand'!P92</f>
        <v>10.4</v>
      </c>
      <c r="Q92">
        <f>'p-y sand'!Q92</f>
        <v>0.26744000263991446</v>
      </c>
      <c r="R92">
        <f>'p-y sand'!R92</f>
        <v>21.829909760070212</v>
      </c>
      <c r="S92">
        <f>'p-y sand'!S92</f>
        <v>3.4717164067563884</v>
      </c>
      <c r="T92">
        <f>'p-y sand'!T92</f>
        <v>154.9973695525139</v>
      </c>
      <c r="U92">
        <f>'p-y sand'!U92</f>
        <v>925158.4068979685</v>
      </c>
      <c r="V92">
        <f>'p-y sand'!V92</f>
        <v>198136.82382539884</v>
      </c>
      <c r="W92">
        <f>'p-y sand'!W92</f>
        <v>198136.82382539884</v>
      </c>
      <c r="X92">
        <v>10.9</v>
      </c>
      <c r="Y92">
        <f>'p-y sand'!Y92</f>
        <v>23420.802033042339</v>
      </c>
      <c r="Z92" s="143">
        <f>'p-y sand'!Z92</f>
        <v>0</v>
      </c>
      <c r="AA92" s="137">
        <f>'p-y sand'!AA92</f>
        <v>10</v>
      </c>
      <c r="AB92" s="137">
        <f>'p-y sand'!AB92</f>
        <v>20</v>
      </c>
      <c r="AC92" s="137">
        <f>'p-y sand'!AC92</f>
        <v>30</v>
      </c>
      <c r="AD92" s="137">
        <f>'p-y sand'!AD92</f>
        <v>40</v>
      </c>
      <c r="AE92" s="137">
        <f>'p-y sand'!AE92</f>
        <v>50</v>
      </c>
      <c r="AF92" s="137">
        <f>'p-y sand'!AF92</f>
        <v>60</v>
      </c>
      <c r="AG92" s="137">
        <f>'p-y sand'!AG92</f>
        <v>70</v>
      </c>
      <c r="AH92" s="137">
        <f>'p-y sand'!AH92</f>
        <v>80</v>
      </c>
      <c r="AI92" s="137">
        <f>'p-y sand'!AI92</f>
        <v>90</v>
      </c>
      <c r="AJ92" s="137">
        <f>'p-y sand'!AJ92</f>
        <v>100</v>
      </c>
      <c r="AK92" s="137">
        <f>'p-y sand'!AK92</f>
        <v>110</v>
      </c>
      <c r="AL92" s="137">
        <f>'p-y sand'!AL92</f>
        <v>120</v>
      </c>
      <c r="AM92" s="137">
        <f t="shared" si="26"/>
        <v>0</v>
      </c>
      <c r="AN92" s="137">
        <f t="shared" si="27"/>
        <v>15454.65503836274</v>
      </c>
      <c r="AO92" s="137">
        <f t="shared" si="28"/>
        <v>30907.727363197715</v>
      </c>
      <c r="AP92" s="137">
        <f t="shared" si="29"/>
        <v>46357.634909254484</v>
      </c>
      <c r="AQ92" s="137">
        <f t="shared" si="30"/>
        <v>61802.796907273099</v>
      </c>
      <c r="AR92" s="137">
        <f t="shared" si="31"/>
        <v>77241.634530569689</v>
      </c>
      <c r="AS92" s="137">
        <f t="shared" si="32"/>
        <v>92672.571539932935</v>
      </c>
      <c r="AT92" s="137">
        <f t="shared" si="33"/>
        <v>108094.03492627233</v>
      </c>
      <c r="AU92" s="137">
        <f t="shared" si="34"/>
        <v>123504.45555046217</v>
      </c>
      <c r="AV92" s="137">
        <f t="shared" si="35"/>
        <v>138902.26877983002</v>
      </c>
      <c r="AW92" s="144">
        <f t="shared" si="36"/>
        <v>154285.91512074304</v>
      </c>
      <c r="AX92" s="137">
        <f t="shared" si="37"/>
        <v>169653.84084675027</v>
      </c>
      <c r="AY92" s="144">
        <f t="shared" si="38"/>
        <v>185004.49862174923</v>
      </c>
    </row>
    <row r="93" spans="2:51" x14ac:dyDescent="0.2">
      <c r="B93">
        <f>'p-y sand'!B93</f>
        <v>-82.5</v>
      </c>
      <c r="C93">
        <f>'p-y sand'!C93</f>
        <v>67</v>
      </c>
      <c r="D93">
        <f>'p-y sand'!D93</f>
        <v>66.98599999999999</v>
      </c>
      <c r="E93" t="str">
        <f>'p-y sand'!E93</f>
        <v>SAND</v>
      </c>
      <c r="F93">
        <f>'p-y sand'!F93</f>
        <v>19.654199794055359</v>
      </c>
      <c r="G93" s="43">
        <f>'p-y sand'!G93</f>
        <v>9.6541997940553586</v>
      </c>
      <c r="H93">
        <f>'p-y sand'!H93</f>
        <v>646.7638068031506</v>
      </c>
      <c r="I93">
        <f>'p-y sand'!I93</f>
        <v>34.395786768126939</v>
      </c>
      <c r="J93">
        <f>'Pile Property'!$B$8</f>
        <v>2</v>
      </c>
      <c r="K93">
        <f>'p-y sand'!K93</f>
        <v>0.60031972791771449</v>
      </c>
      <c r="L93">
        <f>'p-y sand'!L93</f>
        <v>17.19789338406347</v>
      </c>
      <c r="M93">
        <f>'p-y sand'!M93</f>
        <v>0.30015986395885724</v>
      </c>
      <c r="N93">
        <f>'p-y sand'!N93</f>
        <v>62.19789338406347</v>
      </c>
      <c r="O93">
        <f>'p-y sand'!O93</f>
        <v>1.0855580273563055</v>
      </c>
      <c r="P93">
        <f>'p-y sand'!P93</f>
        <v>11.4</v>
      </c>
      <c r="Q93">
        <f>'p-y sand'!Q93</f>
        <v>0.27803176779555028</v>
      </c>
      <c r="R93">
        <f>'p-y sand'!R93</f>
        <v>22.217649536573422</v>
      </c>
      <c r="S93">
        <f>'p-y sand'!S93</f>
        <v>3.3186795286464679</v>
      </c>
      <c r="T93">
        <f>'p-y sand'!T93</f>
        <v>147.21197523451195</v>
      </c>
      <c r="U93">
        <f>'p-y sand'!U93</f>
        <v>966751.90126602247</v>
      </c>
      <c r="V93">
        <f>'p-y sand'!V93</f>
        <v>190402.85802587427</v>
      </c>
      <c r="W93">
        <f>'p-y sand'!W93</f>
        <v>190402.85802587427</v>
      </c>
      <c r="X93">
        <v>11.9</v>
      </c>
      <c r="Y93">
        <f>'p-y sand'!Y93</f>
        <v>20392.792803217657</v>
      </c>
      <c r="Z93" s="143">
        <f>'p-y sand'!Z93</f>
        <v>0</v>
      </c>
      <c r="AA93" s="137">
        <f>'p-y sand'!AA93</f>
        <v>10</v>
      </c>
      <c r="AB93" s="137">
        <f>'p-y sand'!AB93</f>
        <v>20</v>
      </c>
      <c r="AC93" s="137">
        <f>'p-y sand'!AC93</f>
        <v>30</v>
      </c>
      <c r="AD93" s="137">
        <f>'p-y sand'!AD93</f>
        <v>40</v>
      </c>
      <c r="AE93" s="137">
        <f>'p-y sand'!AE93</f>
        <v>50</v>
      </c>
      <c r="AF93" s="137">
        <f>'p-y sand'!AF93</f>
        <v>60</v>
      </c>
      <c r="AG93" s="137">
        <f>'p-y sand'!AG93</f>
        <v>70</v>
      </c>
      <c r="AH93" s="137">
        <f>'p-y sand'!AH93</f>
        <v>80</v>
      </c>
      <c r="AI93" s="137">
        <f>'p-y sand'!AI93</f>
        <v>90</v>
      </c>
      <c r="AJ93" s="137">
        <f>'p-y sand'!AJ93</f>
        <v>100</v>
      </c>
      <c r="AK93" s="137">
        <f>'p-y sand'!AK93</f>
        <v>110</v>
      </c>
      <c r="AL93" s="137">
        <f>'p-y sand'!AL93</f>
        <v>120</v>
      </c>
      <c r="AM93" s="137">
        <f t="shared" si="26"/>
        <v>0</v>
      </c>
      <c r="AN93" s="137">
        <f t="shared" si="27"/>
        <v>13660.150681127185</v>
      </c>
      <c r="AO93" s="137">
        <f t="shared" si="28"/>
        <v>27319.30838378561</v>
      </c>
      <c r="AP93" s="137">
        <f t="shared" si="29"/>
        <v>40976.480418210398</v>
      </c>
      <c r="AQ93" s="137">
        <f t="shared" si="30"/>
        <v>54630.674671866029</v>
      </c>
      <c r="AR93" s="137">
        <f t="shared" si="31"/>
        <v>68280.899897615353</v>
      </c>
      <c r="AS93" s="137">
        <f t="shared" si="32"/>
        <v>81926.166001354271</v>
      </c>
      <c r="AT93" s="137">
        <f t="shared" si="33"/>
        <v>95565.484328934952</v>
      </c>
      <c r="AU93" s="137">
        <f t="shared" si="34"/>
        <v>109197.86795220096</v>
      </c>
      <c r="AV93" s="137">
        <f t="shared" si="35"/>
        <v>122822.33195395893</v>
      </c>
      <c r="AW93" s="144">
        <f t="shared" si="36"/>
        <v>136437.89371171236</v>
      </c>
      <c r="AX93" s="137">
        <f t="shared" si="37"/>
        <v>150043.5731799842</v>
      </c>
      <c r="AY93" s="144">
        <f t="shared" si="38"/>
        <v>163638.39317105728</v>
      </c>
    </row>
    <row r="94" spans="2:51" x14ac:dyDescent="0.2">
      <c r="B94">
        <f>'p-y sand'!B94</f>
        <v>-83.5</v>
      </c>
      <c r="C94">
        <f>'p-y sand'!C94</f>
        <v>68</v>
      </c>
      <c r="D94">
        <f>'p-y sand'!D94</f>
        <v>67.984999999999999</v>
      </c>
      <c r="E94" t="str">
        <f>'p-y sand'!E94</f>
        <v>CLAY</v>
      </c>
      <c r="F94">
        <f>'p-y sand'!F94</f>
        <v>20.936467362339812</v>
      </c>
      <c r="G94" s="43">
        <f>'p-y sand'!G94</f>
        <v>10.936467362339812</v>
      </c>
      <c r="H94">
        <f>'p-y sand'!H94</f>
        <v>743.59228890020859</v>
      </c>
      <c r="I94" t="e">
        <f>'p-y sand'!I94</f>
        <v>#N/A</v>
      </c>
      <c r="J94">
        <f>'Pile Property'!$B$8</f>
        <v>2</v>
      </c>
      <c r="K94" t="e">
        <f>'p-y sand'!K94</f>
        <v>#N/A</v>
      </c>
      <c r="L94" t="e">
        <f>'p-y sand'!L94</f>
        <v>#N/A</v>
      </c>
      <c r="M94" t="e">
        <f>'p-y sand'!M94</f>
        <v>#N/A</v>
      </c>
      <c r="N94" t="e">
        <f>'p-y sand'!N94</f>
        <v>#N/A</v>
      </c>
      <c r="O94" t="e">
        <f>'p-y sand'!O94</f>
        <v>#N/A</v>
      </c>
      <c r="P94">
        <f>'p-y sand'!P94</f>
        <v>12.4</v>
      </c>
      <c r="Q94" t="e">
        <f>'p-y sand'!Q94</f>
        <v>#N/A</v>
      </c>
      <c r="R94" t="e">
        <f>'p-y sand'!R94</f>
        <v>#N/A</v>
      </c>
      <c r="S94" t="e">
        <f>'p-y sand'!S94</f>
        <v>#N/A</v>
      </c>
      <c r="T94" t="e">
        <f>'p-y sand'!T94</f>
        <v>#N/A</v>
      </c>
      <c r="U94" t="e">
        <f>'p-y sand'!U94</f>
        <v>#N/A</v>
      </c>
      <c r="V94" t="e">
        <f>'p-y sand'!V94</f>
        <v>#N/A</v>
      </c>
      <c r="W94" t="e">
        <f>'p-y sand'!W94</f>
        <v>#N/A</v>
      </c>
      <c r="X94">
        <v>12.9</v>
      </c>
      <c r="Y94" t="e">
        <f>'p-y sand'!Y94</f>
        <v>#N/A</v>
      </c>
      <c r="Z94" s="143">
        <f>'p-y sand'!Z94</f>
        <v>0</v>
      </c>
      <c r="AA94" s="137">
        <f>'p-y sand'!AA94</f>
        <v>10</v>
      </c>
      <c r="AB94" s="137">
        <f>'p-y sand'!AB94</f>
        <v>20</v>
      </c>
      <c r="AC94" s="137">
        <f>'p-y sand'!AC94</f>
        <v>30</v>
      </c>
      <c r="AD94" s="137">
        <f>'p-y sand'!AD94</f>
        <v>40</v>
      </c>
      <c r="AE94" s="137">
        <f>'p-y sand'!AE94</f>
        <v>50</v>
      </c>
      <c r="AF94" s="137">
        <f>'p-y sand'!AF94</f>
        <v>60</v>
      </c>
      <c r="AG94" s="137">
        <f>'p-y sand'!AG94</f>
        <v>70</v>
      </c>
      <c r="AH94" s="137">
        <f>'p-y sand'!AH94</f>
        <v>80</v>
      </c>
      <c r="AI94" s="137">
        <f>'p-y sand'!AI94</f>
        <v>90</v>
      </c>
      <c r="AJ94" s="137">
        <f>'p-y sand'!AJ94</f>
        <v>100</v>
      </c>
      <c r="AK94" s="137">
        <f>'p-y sand'!AK94</f>
        <v>110</v>
      </c>
      <c r="AL94" s="137">
        <f>'p-y sand'!AL94</f>
        <v>120</v>
      </c>
      <c r="AM94" s="137" t="e">
        <f t="shared" si="26"/>
        <v>#N/A</v>
      </c>
      <c r="AN94" s="137" t="e">
        <f t="shared" si="27"/>
        <v>#N/A</v>
      </c>
      <c r="AO94" s="137" t="e">
        <f t="shared" si="28"/>
        <v>#N/A</v>
      </c>
      <c r="AP94" s="137" t="e">
        <f t="shared" si="29"/>
        <v>#N/A</v>
      </c>
      <c r="AQ94" s="137" t="e">
        <f t="shared" si="30"/>
        <v>#N/A</v>
      </c>
      <c r="AR94" s="137" t="e">
        <f t="shared" si="31"/>
        <v>#N/A</v>
      </c>
      <c r="AS94" s="137" t="e">
        <f t="shared" si="32"/>
        <v>#N/A</v>
      </c>
      <c r="AT94" s="137" t="e">
        <f t="shared" si="33"/>
        <v>#N/A</v>
      </c>
      <c r="AU94" s="137" t="e">
        <f t="shared" si="34"/>
        <v>#N/A</v>
      </c>
      <c r="AV94" s="137" t="e">
        <f t="shared" si="35"/>
        <v>#N/A</v>
      </c>
      <c r="AW94" s="144" t="e">
        <f t="shared" si="36"/>
        <v>#N/A</v>
      </c>
      <c r="AX94" s="137" t="e">
        <f t="shared" si="37"/>
        <v>#N/A</v>
      </c>
      <c r="AY94" s="144" t="e">
        <f t="shared" si="38"/>
        <v>#N/A</v>
      </c>
    </row>
    <row r="95" spans="2:51" x14ac:dyDescent="0.2">
      <c r="B95">
        <f>'p-y sand'!B95</f>
        <v>-84.5</v>
      </c>
      <c r="C95">
        <f>'p-y sand'!C95</f>
        <v>69</v>
      </c>
      <c r="D95">
        <f>'p-y sand'!D95</f>
        <v>68.99199999999999</v>
      </c>
      <c r="E95" t="str">
        <f>'p-y sand'!E95</f>
        <v>SAND</v>
      </c>
      <c r="F95">
        <f>'p-y sand'!F95</f>
        <v>19.858710415402953</v>
      </c>
      <c r="G95" s="43">
        <f>'p-y sand'!G95</f>
        <v>9.8587104154029532</v>
      </c>
      <c r="H95">
        <f>'p-y sand'!H95</f>
        <v>680.24115995238833</v>
      </c>
      <c r="I95">
        <f>'p-y sand'!I95</f>
        <v>33.304381824663459</v>
      </c>
      <c r="J95">
        <f>'Pile Property'!$B$8</f>
        <v>2</v>
      </c>
      <c r="K95">
        <f>'p-y sand'!K95</f>
        <v>0.58127111818173416</v>
      </c>
      <c r="L95">
        <f>'p-y sand'!L95</f>
        <v>16.652190912331729</v>
      </c>
      <c r="M95">
        <f>'p-y sand'!M95</f>
        <v>0.29063555909086708</v>
      </c>
      <c r="N95">
        <f>'p-y sand'!N95</f>
        <v>61.652190912331733</v>
      </c>
      <c r="O95">
        <f>'p-y sand'!O95</f>
        <v>1.0760337224883154</v>
      </c>
      <c r="P95">
        <f>'p-y sand'!P95</f>
        <v>13.4</v>
      </c>
      <c r="Q95">
        <f>'p-y sand'!Q95</f>
        <v>0.29108328970505448</v>
      </c>
      <c r="R95">
        <f>'p-y sand'!R95</f>
        <v>23.825775489434452</v>
      </c>
      <c r="S95">
        <f>'p-y sand'!S95</f>
        <v>3.1443595384053067</v>
      </c>
      <c r="T95">
        <f>'p-y sand'!T95</f>
        <v>144.15763090890636</v>
      </c>
      <c r="U95">
        <f>'p-y sand'!U95</f>
        <v>1122336.1617243136</v>
      </c>
      <c r="V95">
        <f>'p-y sand'!V95</f>
        <v>196104.01121420323</v>
      </c>
      <c r="W95">
        <f>'p-y sand'!W95</f>
        <v>196104.01121420323</v>
      </c>
      <c r="X95">
        <v>13.9</v>
      </c>
      <c r="Y95">
        <f>'p-y sand'!Y95</f>
        <v>17489.655653604801</v>
      </c>
      <c r="Z95" s="143">
        <f>'p-y sand'!Z95</f>
        <v>0</v>
      </c>
      <c r="AA95" s="137">
        <f>'p-y sand'!AA95</f>
        <v>10</v>
      </c>
      <c r="AB95" s="137">
        <f>'p-y sand'!AB95</f>
        <v>20</v>
      </c>
      <c r="AC95" s="137">
        <f>'p-y sand'!AC95</f>
        <v>30</v>
      </c>
      <c r="AD95" s="137">
        <f>'p-y sand'!AD95</f>
        <v>40</v>
      </c>
      <c r="AE95" s="137">
        <f>'p-y sand'!AE95</f>
        <v>50</v>
      </c>
      <c r="AF95" s="137">
        <f>'p-y sand'!AF95</f>
        <v>60</v>
      </c>
      <c r="AG95" s="137">
        <f>'p-y sand'!AG95</f>
        <v>70</v>
      </c>
      <c r="AH95" s="137">
        <f>'p-y sand'!AH95</f>
        <v>80</v>
      </c>
      <c r="AI95" s="137">
        <f>'p-y sand'!AI95</f>
        <v>90</v>
      </c>
      <c r="AJ95" s="137">
        <f>'p-y sand'!AJ95</f>
        <v>100</v>
      </c>
      <c r="AK95" s="137">
        <f>'p-y sand'!AK95</f>
        <v>110</v>
      </c>
      <c r="AL95" s="137">
        <f>'p-y sand'!AL95</f>
        <v>120</v>
      </c>
      <c r="AM95" s="137">
        <f t="shared" si="26"/>
        <v>0</v>
      </c>
      <c r="AN95" s="137">
        <f t="shared" si="27"/>
        <v>12066.384412829437</v>
      </c>
      <c r="AO95" s="137">
        <f t="shared" si="28"/>
        <v>24132.29594625147</v>
      </c>
      <c r="AP95" s="137">
        <f t="shared" si="29"/>
        <v>36197.261794984028</v>
      </c>
      <c r="AQ95" s="137">
        <f t="shared" si="30"/>
        <v>48260.809301971021</v>
      </c>
      <c r="AR95" s="137">
        <f t="shared" si="31"/>
        <v>60322.466032433549</v>
      </c>
      <c r="AS95" s="137">
        <f t="shared" si="32"/>
        <v>72381.759847847206</v>
      </c>
      <c r="AT95" s="137">
        <f t="shared" si="33"/>
        <v>84438.218979820784</v>
      </c>
      <c r="AU95" s="137">
        <f t="shared" si="34"/>
        <v>96491.372103851594</v>
      </c>
      <c r="AV95" s="137">
        <f t="shared" si="35"/>
        <v>108540.74841293349</v>
      </c>
      <c r="AW95" s="144">
        <f t="shared" si="36"/>
        <v>120585.87769099245</v>
      </c>
      <c r="AX95" s="137">
        <f t="shared" si="37"/>
        <v>132626.29038612606</v>
      </c>
      <c r="AY95" s="144">
        <f t="shared" si="38"/>
        <v>144661.51768362275</v>
      </c>
    </row>
    <row r="96" spans="2:51" x14ac:dyDescent="0.2">
      <c r="B96">
        <f>'p-y sand'!B96</f>
        <v>-85.5</v>
      </c>
      <c r="C96">
        <f>'p-y sand'!C96</f>
        <v>70</v>
      </c>
      <c r="D96">
        <f>'p-y sand'!D96</f>
        <v>69.983999999999995</v>
      </c>
      <c r="E96" t="str">
        <f>'p-y sand'!E96</f>
        <v>SAND</v>
      </c>
      <c r="F96">
        <f>'p-y sand'!F96</f>
        <v>19.664830154387975</v>
      </c>
      <c r="G96" s="43">
        <f>'p-y sand'!G96</f>
        <v>9.6648301543879747</v>
      </c>
      <c r="H96">
        <f>'p-y sand'!H96</f>
        <v>676.45112733576877</v>
      </c>
      <c r="I96">
        <f>'p-y sand'!I96</f>
        <v>33.429702996633765</v>
      </c>
      <c r="J96">
        <f>'Pile Property'!$B$8</f>
        <v>2</v>
      </c>
      <c r="K96">
        <f>'p-y sand'!K96</f>
        <v>0.5834583852550741</v>
      </c>
      <c r="L96">
        <f>'p-y sand'!L96</f>
        <v>16.714851498316882</v>
      </c>
      <c r="M96">
        <f>'p-y sand'!M96</f>
        <v>0.29172919262753705</v>
      </c>
      <c r="N96">
        <f>'p-y sand'!N96</f>
        <v>61.714851498316882</v>
      </c>
      <c r="O96">
        <f>'p-y sand'!O96</f>
        <v>1.0771273560249852</v>
      </c>
      <c r="P96">
        <f>'p-y sand'!P96</f>
        <v>14.4</v>
      </c>
      <c r="Q96">
        <f>'p-y sand'!Q96</f>
        <v>0.28956260078503321</v>
      </c>
      <c r="R96">
        <f>'p-y sand'!R96</f>
        <v>25.689231554521882</v>
      </c>
      <c r="S96">
        <f>'p-y sand'!S96</f>
        <v>3.1639220594884283</v>
      </c>
      <c r="T96">
        <f>'p-y sand'!T96</f>
        <v>154.26965917737405</v>
      </c>
      <c r="U96">
        <f>'p-y sand'!U96</f>
        <v>1220306.0538103071</v>
      </c>
      <c r="V96">
        <f>'p-y sand'!V96</f>
        <v>208690.89586772403</v>
      </c>
      <c r="W96">
        <f>'p-y sand'!W96</f>
        <v>208690.89586772403</v>
      </c>
      <c r="X96">
        <v>14.9</v>
      </c>
      <c r="Y96">
        <f>'p-y sand'!Y96</f>
        <v>17823.009971045816</v>
      </c>
      <c r="Z96" s="143">
        <f>'p-y sand'!Z96</f>
        <v>0</v>
      </c>
      <c r="AA96" s="137">
        <f>'p-y sand'!AA96</f>
        <v>10</v>
      </c>
      <c r="AB96" s="137">
        <f>'p-y sand'!AB96</f>
        <v>20</v>
      </c>
      <c r="AC96" s="137">
        <f>'p-y sand'!AC96</f>
        <v>30</v>
      </c>
      <c r="AD96" s="137">
        <f>'p-y sand'!AD96</f>
        <v>40</v>
      </c>
      <c r="AE96" s="137">
        <f>'p-y sand'!AE96</f>
        <v>50</v>
      </c>
      <c r="AF96" s="137">
        <f>'p-y sand'!AF96</f>
        <v>60</v>
      </c>
      <c r="AG96" s="137">
        <f>'p-y sand'!AG96</f>
        <v>70</v>
      </c>
      <c r="AH96" s="137">
        <f>'p-y sand'!AH96</f>
        <v>80</v>
      </c>
      <c r="AI96" s="137">
        <f>'p-y sand'!AI96</f>
        <v>90</v>
      </c>
      <c r="AJ96" s="137">
        <f>'p-y sand'!AJ96</f>
        <v>100</v>
      </c>
      <c r="AK96" s="137">
        <f>'p-y sand'!AK96</f>
        <v>110</v>
      </c>
      <c r="AL96" s="137">
        <f>'p-y sand'!AL96</f>
        <v>120</v>
      </c>
      <c r="AM96" s="137">
        <f t="shared" si="26"/>
        <v>0</v>
      </c>
      <c r="AN96" s="137">
        <f t="shared" si="27"/>
        <v>12473.188396638943</v>
      </c>
      <c r="AO96" s="137">
        <f t="shared" si="28"/>
        <v>24945.975394625519</v>
      </c>
      <c r="AP96" s="137">
        <f t="shared" si="29"/>
        <v>37417.959646975178</v>
      </c>
      <c r="AQ96" s="137">
        <f t="shared" si="30"/>
        <v>49888.739910024982</v>
      </c>
      <c r="AR96" s="137">
        <f t="shared" si="31"/>
        <v>62357.915095058946</v>
      </c>
      <c r="AS96" s="137">
        <f t="shared" si="32"/>
        <v>74825.084319891219</v>
      </c>
      <c r="AT96" s="137">
        <f t="shared" si="33"/>
        <v>87289.846960392722</v>
      </c>
      <c r="AU96" s="137">
        <f t="shared" si="34"/>
        <v>99751.80270194709</v>
      </c>
      <c r="AV96" s="137">
        <f t="shared" si="35"/>
        <v>112210.5515908224</v>
      </c>
      <c r="AW96" s="144">
        <f t="shared" si="36"/>
        <v>124665.69408544412</v>
      </c>
      <c r="AX96" s="137">
        <f t="shared" si="37"/>
        <v>137116.83110755539</v>
      </c>
      <c r="AY96" s="144">
        <f t="shared" si="38"/>
        <v>149563.56409325148</v>
      </c>
    </row>
    <row r="97" spans="2:51" x14ac:dyDescent="0.2">
      <c r="B97">
        <f>'p-y sand'!B97</f>
        <v>-86.5</v>
      </c>
      <c r="C97">
        <f>'p-y sand'!C97</f>
        <v>71</v>
      </c>
      <c r="D97">
        <f>'p-y sand'!D97</f>
        <v>70.98599999999999</v>
      </c>
      <c r="E97" t="str">
        <f>'p-y sand'!E97</f>
        <v>SAND</v>
      </c>
      <c r="F97">
        <f>'p-y sand'!F97</f>
        <v>20.201876324965873</v>
      </c>
      <c r="G97" s="43">
        <f>'p-y sand'!G97</f>
        <v>10.201876324965873</v>
      </c>
      <c r="H97">
        <f>'p-y sand'!H97</f>
        <v>724.26180593830225</v>
      </c>
      <c r="I97">
        <f>'p-y sand'!I97</f>
        <v>34.280682057328178</v>
      </c>
      <c r="J97">
        <f>'Pile Property'!$B$8</f>
        <v>2</v>
      </c>
      <c r="K97">
        <f>'p-y sand'!K97</f>
        <v>0.59831077172972025</v>
      </c>
      <c r="L97">
        <f>'p-y sand'!L97</f>
        <v>17.140341028664089</v>
      </c>
      <c r="M97">
        <f>'p-y sand'!M97</f>
        <v>0.29915538586486012</v>
      </c>
      <c r="N97">
        <f>'p-y sand'!N97</f>
        <v>62.140341028664089</v>
      </c>
      <c r="O97">
        <f>'p-y sand'!O97</f>
        <v>1.0845535492623084</v>
      </c>
      <c r="P97">
        <f>'p-y sand'!P97</f>
        <v>15.4</v>
      </c>
      <c r="Q97">
        <f>'p-y sand'!Q97</f>
        <v>0.27938795046343329</v>
      </c>
      <c r="R97">
        <f>'p-y sand'!R97</f>
        <v>29.035593768817368</v>
      </c>
      <c r="S97">
        <f>'p-y sand'!S97</f>
        <v>3.2998644773569343</v>
      </c>
      <c r="T97">
        <f>'p-y sand'!T97</f>
        <v>180.05934440358845</v>
      </c>
      <c r="U97">
        <f>'p-y sand'!U97</f>
        <v>1497423.240159719</v>
      </c>
      <c r="V97">
        <f>'p-y sand'!V97</f>
        <v>260794.49470334075</v>
      </c>
      <c r="W97">
        <f>'p-y sand'!W97</f>
        <v>260794.49470334075</v>
      </c>
      <c r="X97">
        <v>15.9</v>
      </c>
      <c r="Y97">
        <f>'p-y sand'!Y97</f>
        <v>20086.614272492952</v>
      </c>
      <c r="Z97" s="143">
        <f>'p-y sand'!Z97</f>
        <v>0</v>
      </c>
      <c r="AA97" s="137">
        <f>'p-y sand'!AA97</f>
        <v>10</v>
      </c>
      <c r="AB97" s="137">
        <f>'p-y sand'!AB97</f>
        <v>20</v>
      </c>
      <c r="AC97" s="137">
        <f>'p-y sand'!AC97</f>
        <v>30</v>
      </c>
      <c r="AD97" s="137">
        <f>'p-y sand'!AD97</f>
        <v>40</v>
      </c>
      <c r="AE97" s="137">
        <f>'p-y sand'!AE97</f>
        <v>50</v>
      </c>
      <c r="AF97" s="137">
        <f>'p-y sand'!AF97</f>
        <v>60</v>
      </c>
      <c r="AG97" s="137">
        <f>'p-y sand'!AG97</f>
        <v>70</v>
      </c>
      <c r="AH97" s="137">
        <f>'p-y sand'!AH97</f>
        <v>80</v>
      </c>
      <c r="AI97" s="137">
        <f>'p-y sand'!AI97</f>
        <v>90</v>
      </c>
      <c r="AJ97" s="137">
        <f>'p-y sand'!AJ97</f>
        <v>100</v>
      </c>
      <c r="AK97" s="137">
        <f>'p-y sand'!AK97</f>
        <v>110</v>
      </c>
      <c r="AL97" s="137">
        <f>'p-y sand'!AL97</f>
        <v>120</v>
      </c>
      <c r="AM97" s="137">
        <f t="shared" si="26"/>
        <v>0</v>
      </c>
      <c r="AN97" s="137">
        <f t="shared" si="27"/>
        <v>14258.627809073601</v>
      </c>
      <c r="AO97" s="137">
        <f t="shared" si="28"/>
        <v>28516.918434136765</v>
      </c>
      <c r="AP97" s="137">
        <f t="shared" si="29"/>
        <v>42774.534723072829</v>
      </c>
      <c r="AQ97" s="137">
        <f t="shared" si="30"/>
        <v>57031.139587546291</v>
      </c>
      <c r="AR97" s="137">
        <f t="shared" si="31"/>
        <v>71286.396034877282</v>
      </c>
      <c r="AS97" s="137">
        <f t="shared" si="32"/>
        <v>85539.967199897015</v>
      </c>
      <c r="AT97" s="137">
        <f t="shared" si="33"/>
        <v>99791.516376777407</v>
      </c>
      <c r="AU97" s="137">
        <f t="shared" si="34"/>
        <v>114040.70705082867</v>
      </c>
      <c r="AV97" s="137">
        <f t="shared" si="35"/>
        <v>128287.20293025888</v>
      </c>
      <c r="AW97" s="144">
        <f t="shared" si="36"/>
        <v>142530.66797788834</v>
      </c>
      <c r="AX97" s="137">
        <f t="shared" si="37"/>
        <v>156770.7664428131</v>
      </c>
      <c r="AY97" s="144">
        <f t="shared" si="38"/>
        <v>171007.16289201102</v>
      </c>
    </row>
    <row r="98" spans="2:51" x14ac:dyDescent="0.2">
      <c r="B98">
        <f>'p-y sand'!B98</f>
        <v>-87.5</v>
      </c>
      <c r="C98">
        <f>'p-y sand'!C98</f>
        <v>72</v>
      </c>
      <c r="D98">
        <f>'p-y sand'!D98</f>
        <v>71.988</v>
      </c>
      <c r="E98" t="str">
        <f>'p-y sand'!E98</f>
        <v>SAND</v>
      </c>
      <c r="F98">
        <f>'p-y sand'!F98</f>
        <v>19.759660504336338</v>
      </c>
      <c r="G98" s="43">
        <f>'p-y sand'!G98</f>
        <v>9.7596605043363382</v>
      </c>
      <c r="H98">
        <f>'p-y sand'!H98</f>
        <v>702.64675800969474</v>
      </c>
      <c r="I98">
        <f>'p-y sand'!I98</f>
        <v>33.400718246589676</v>
      </c>
      <c r="J98">
        <f>'Pile Property'!$B$8</f>
        <v>2</v>
      </c>
      <c r="K98">
        <f>'p-y sand'!K98</f>
        <v>0.5829525059339371</v>
      </c>
      <c r="L98">
        <f>'p-y sand'!L98</f>
        <v>16.700359123294838</v>
      </c>
      <c r="M98">
        <f>'p-y sand'!M98</f>
        <v>0.29147625296696855</v>
      </c>
      <c r="N98">
        <f>'p-y sand'!N98</f>
        <v>61.700359123294838</v>
      </c>
      <c r="O98">
        <f>'p-y sand'!O98</f>
        <v>1.0768744163644168</v>
      </c>
      <c r="P98">
        <f>'p-y sand'!P98</f>
        <v>16.399999999999999</v>
      </c>
      <c r="Q98">
        <f>'p-y sand'!Q98</f>
        <v>0.28991379822377039</v>
      </c>
      <c r="R98">
        <f>'p-y sand'!R98</f>
        <v>28.930109595732532</v>
      </c>
      <c r="S98">
        <f>'p-y sand'!S98</f>
        <v>3.1593873600058506</v>
      </c>
      <c r="T98">
        <f>'p-y sand'!T98</f>
        <v>169.41147739555021</v>
      </c>
      <c r="U98">
        <f>'p-y sand'!U98</f>
        <v>1467643.8589904585</v>
      </c>
      <c r="V98">
        <f>'p-y sand'!V98</f>
        <v>238049.70314416318</v>
      </c>
      <c r="W98">
        <f>'p-y sand'!W98</f>
        <v>238049.70314416318</v>
      </c>
      <c r="X98">
        <v>16.899999999999999</v>
      </c>
      <c r="Y98">
        <f>'p-y sand'!Y98</f>
        <v>17745.910535928539</v>
      </c>
      <c r="Z98" s="143">
        <f>'p-y sand'!Z98</f>
        <v>0</v>
      </c>
      <c r="AA98" s="137">
        <f>'p-y sand'!AA98</f>
        <v>10</v>
      </c>
      <c r="AB98" s="137">
        <f>'p-y sand'!AB98</f>
        <v>20</v>
      </c>
      <c r="AC98" s="137">
        <f>'p-y sand'!AC98</f>
        <v>30</v>
      </c>
      <c r="AD98" s="137">
        <f>'p-y sand'!AD98</f>
        <v>40</v>
      </c>
      <c r="AE98" s="137">
        <f>'p-y sand'!AE98</f>
        <v>50</v>
      </c>
      <c r="AF98" s="137">
        <f>'p-y sand'!AF98</f>
        <v>60</v>
      </c>
      <c r="AG98" s="137">
        <f>'p-y sand'!AG98</f>
        <v>70</v>
      </c>
      <c r="AH98" s="137">
        <f>'p-y sand'!AH98</f>
        <v>80</v>
      </c>
      <c r="AI98" s="137">
        <f>'p-y sand'!AI98</f>
        <v>90</v>
      </c>
      <c r="AJ98" s="137">
        <f>'p-y sand'!AJ98</f>
        <v>100</v>
      </c>
      <c r="AK98" s="137">
        <f>'p-y sand'!AK98</f>
        <v>110</v>
      </c>
      <c r="AL98" s="137">
        <f>'p-y sand'!AL98</f>
        <v>120</v>
      </c>
      <c r="AM98" s="137">
        <f t="shared" si="26"/>
        <v>0</v>
      </c>
      <c r="AN98" s="137">
        <f t="shared" si="27"/>
        <v>12774.883138438987</v>
      </c>
      <c r="AO98" s="137">
        <f t="shared" si="28"/>
        <v>25549.508652042841</v>
      </c>
      <c r="AP98" s="137">
        <f t="shared" si="29"/>
        <v>38323.618936757586</v>
      </c>
      <c r="AQ98" s="137">
        <f t="shared" si="30"/>
        <v>51096.956430088008</v>
      </c>
      <c r="AR98" s="137">
        <f t="shared" si="31"/>
        <v>63869.263631868118</v>
      </c>
      <c r="AS98" s="137">
        <f t="shared" si="32"/>
        <v>76640.283125020913</v>
      </c>
      <c r="AT98" s="137">
        <f t="shared" si="33"/>
        <v>89409.757596304058</v>
      </c>
      <c r="AU98" s="137">
        <f t="shared" si="34"/>
        <v>102177.42985703742</v>
      </c>
      <c r="AV98" s="137">
        <f t="shared" si="35"/>
        <v>114943.04286380971</v>
      </c>
      <c r="AW98" s="144">
        <f t="shared" si="36"/>
        <v>127706.33973916009</v>
      </c>
      <c r="AX98" s="137">
        <f t="shared" si="37"/>
        <v>140467.06379223079</v>
      </c>
      <c r="AY98" s="144">
        <f t="shared" si="38"/>
        <v>153224.95853938919</v>
      </c>
    </row>
    <row r="99" spans="2:51" x14ac:dyDescent="0.2">
      <c r="B99">
        <f>'p-y sand'!B99</f>
        <v>-88.5</v>
      </c>
      <c r="C99">
        <f>'p-y sand'!C99</f>
        <v>73</v>
      </c>
      <c r="D99">
        <f>'p-y sand'!D99</f>
        <v>72.98899999999999</v>
      </c>
      <c r="E99" t="str">
        <f>'p-y sand'!E99</f>
        <v>SAND</v>
      </c>
      <c r="F99">
        <f>'p-y sand'!F99</f>
        <v>19.798800545436777</v>
      </c>
      <c r="G99" s="43">
        <f>'p-y sand'!G99</f>
        <v>9.7988005454367766</v>
      </c>
      <c r="H99">
        <f>'p-y sand'!H99</f>
        <v>715.27324461470289</v>
      </c>
      <c r="I99">
        <f>'p-y sand'!I99</f>
        <v>34.03446308931666</v>
      </c>
      <c r="J99">
        <f>'Pile Property'!$B$8</f>
        <v>2</v>
      </c>
      <c r="K99">
        <f>'p-y sand'!K99</f>
        <v>0.59401344005705659</v>
      </c>
      <c r="L99">
        <f>'p-y sand'!L99</f>
        <v>17.01723154465833</v>
      </c>
      <c r="M99">
        <f>'p-y sand'!M99</f>
        <v>0.29700672002852829</v>
      </c>
      <c r="N99">
        <f>'p-y sand'!N99</f>
        <v>62.01723154465833</v>
      </c>
      <c r="O99">
        <f>'p-y sand'!O99</f>
        <v>1.0824048834259765</v>
      </c>
      <c r="P99">
        <f>'p-y sand'!P99</f>
        <v>17.399999999999999</v>
      </c>
      <c r="Q99">
        <f>'p-y sand'!Q99</f>
        <v>0.2823048958830271</v>
      </c>
      <c r="R99">
        <f>'p-y sand'!R99</f>
        <v>31.975689819632102</v>
      </c>
      <c r="S99">
        <f>'p-y sand'!S99</f>
        <v>3.2599645248157536</v>
      </c>
      <c r="T99">
        <f>'p-y sand'!T99</f>
        <v>191.62119114097641</v>
      </c>
      <c r="U99">
        <f>'p-y sand'!U99</f>
        <v>1673860.3591930897</v>
      </c>
      <c r="V99">
        <f>'p-y sand'!V99</f>
        <v>274096.73503902892</v>
      </c>
      <c r="W99">
        <f>'p-y sand'!W99</f>
        <v>274096.73503902892</v>
      </c>
      <c r="X99">
        <v>17.899999999999999</v>
      </c>
      <c r="Y99">
        <f>'p-y sand'!Y99</f>
        <v>19431.671817582315</v>
      </c>
      <c r="Z99" s="143">
        <f>'p-y sand'!Z99</f>
        <v>0</v>
      </c>
      <c r="AA99" s="137">
        <f>'p-y sand'!AA99</f>
        <v>10</v>
      </c>
      <c r="AB99" s="137">
        <f>'p-y sand'!AB99</f>
        <v>20</v>
      </c>
      <c r="AC99" s="137">
        <f>'p-y sand'!AC99</f>
        <v>30</v>
      </c>
      <c r="AD99" s="137">
        <f>'p-y sand'!AD99</f>
        <v>40</v>
      </c>
      <c r="AE99" s="137">
        <f>'p-y sand'!AE99</f>
        <v>50</v>
      </c>
      <c r="AF99" s="137">
        <f>'p-y sand'!AF99</f>
        <v>60</v>
      </c>
      <c r="AG99" s="137">
        <f>'p-y sand'!AG99</f>
        <v>70</v>
      </c>
      <c r="AH99" s="137">
        <f>'p-y sand'!AH99</f>
        <v>80</v>
      </c>
      <c r="AI99" s="137">
        <f>'p-y sand'!AI99</f>
        <v>90</v>
      </c>
      <c r="AJ99" s="137">
        <f>'p-y sand'!AJ99</f>
        <v>100</v>
      </c>
      <c r="AK99" s="137">
        <f>'p-y sand'!AK99</f>
        <v>110</v>
      </c>
      <c r="AL99" s="137">
        <f>'p-y sand'!AL99</f>
        <v>120</v>
      </c>
      <c r="AM99" s="137">
        <f t="shared" si="26"/>
        <v>0</v>
      </c>
      <c r="AN99" s="137">
        <f t="shared" si="27"/>
        <v>14182.943436645035</v>
      </c>
      <c r="AO99" s="137">
        <f t="shared" si="28"/>
        <v>28365.649838718593</v>
      </c>
      <c r="AP99" s="137">
        <f t="shared" si="29"/>
        <v>42547.882187494819</v>
      </c>
      <c r="AQ99" s="137">
        <f t="shared" si="30"/>
        <v>56729.403495936931</v>
      </c>
      <c r="AR99" s="137">
        <f t="shared" si="31"/>
        <v>70909.976824536003</v>
      </c>
      <c r="AS99" s="137">
        <f t="shared" si="32"/>
        <v>85089.365297143158</v>
      </c>
      <c r="AT99" s="137">
        <f t="shared" si="33"/>
        <v>99267.332116792793</v>
      </c>
      <c r="AU99" s="137">
        <f t="shared" si="34"/>
        <v>113443.64058151426</v>
      </c>
      <c r="AV99" s="137">
        <f t="shared" si="35"/>
        <v>127618.05410013052</v>
      </c>
      <c r="AW99" s="144">
        <f t="shared" si="36"/>
        <v>141790.33620804059</v>
      </c>
      <c r="AX99" s="137">
        <f t="shared" si="37"/>
        <v>155960.25058298444</v>
      </c>
      <c r="AY99" s="144">
        <f t="shared" si="38"/>
        <v>170127.56106078756</v>
      </c>
    </row>
    <row r="100" spans="2:51" x14ac:dyDescent="0.2">
      <c r="B100">
        <f>'p-y sand'!B100</f>
        <v>-89.5</v>
      </c>
      <c r="C100">
        <f>'p-y sand'!C100</f>
        <v>74</v>
      </c>
      <c r="D100">
        <f>'p-y sand'!D100</f>
        <v>73.992999999999995</v>
      </c>
      <c r="E100" t="str">
        <f>'p-y sand'!E100</f>
        <v>SAND</v>
      </c>
      <c r="F100">
        <f>'p-y sand'!F100</f>
        <v>20.408874798328888</v>
      </c>
      <c r="G100" s="43">
        <f>'p-y sand'!G100</f>
        <v>10.408874798328888</v>
      </c>
      <c r="H100">
        <f>'p-y sand'!H100</f>
        <v>770.25673507633769</v>
      </c>
      <c r="I100">
        <f>'p-y sand'!I100</f>
        <v>34.13559185166708</v>
      </c>
      <c r="J100">
        <f>'Pile Property'!$B$8</f>
        <v>2</v>
      </c>
      <c r="K100">
        <f>'p-y sand'!K100</f>
        <v>0.59577846992853833</v>
      </c>
      <c r="L100">
        <f>'p-y sand'!L100</f>
        <v>17.06779592583354</v>
      </c>
      <c r="M100">
        <f>'p-y sand'!M100</f>
        <v>0.29788923496426917</v>
      </c>
      <c r="N100">
        <f>'p-y sand'!N100</f>
        <v>62.067795925833536</v>
      </c>
      <c r="O100">
        <f>'p-y sand'!O100</f>
        <v>1.0832873983617175</v>
      </c>
      <c r="P100">
        <f>'p-y sand'!P100</f>
        <v>18.399999999999999</v>
      </c>
      <c r="Q100">
        <f>'p-y sand'!Q100</f>
        <v>0.28110419022155519</v>
      </c>
      <c r="R100">
        <f>'p-y sand'!R100</f>
        <v>33.936829686265412</v>
      </c>
      <c r="S100">
        <f>'p-y sand'!S100</f>
        <v>3.2762956450916061</v>
      </c>
      <c r="T100">
        <f>'p-y sand'!T100</f>
        <v>202.60298815133291</v>
      </c>
      <c r="U100">
        <f>'p-y sand'!U100</f>
        <v>1939046.0572847093</v>
      </c>
      <c r="V100">
        <f>'p-y sand'!V100</f>
        <v>312083.10817238712</v>
      </c>
      <c r="W100">
        <f>'p-y sand'!W100</f>
        <v>312083.10817238712</v>
      </c>
      <c r="X100">
        <v>18.899999999999999</v>
      </c>
      <c r="Y100">
        <f>'p-y sand'!Y100</f>
        <v>19700.674325434433</v>
      </c>
      <c r="Z100" s="143">
        <f>'p-y sand'!Z100</f>
        <v>0</v>
      </c>
      <c r="AA100" s="137">
        <f>'p-y sand'!AA100</f>
        <v>10</v>
      </c>
      <c r="AB100" s="137">
        <f>'p-y sand'!AB100</f>
        <v>20</v>
      </c>
      <c r="AC100" s="137">
        <f>'p-y sand'!AC100</f>
        <v>30</v>
      </c>
      <c r="AD100" s="137">
        <f>'p-y sand'!AD100</f>
        <v>40</v>
      </c>
      <c r="AE100" s="137">
        <f>'p-y sand'!AE100</f>
        <v>50</v>
      </c>
      <c r="AF100" s="137">
        <f>'p-y sand'!AF100</f>
        <v>60</v>
      </c>
      <c r="AG100" s="137">
        <f>'p-y sand'!AG100</f>
        <v>70</v>
      </c>
      <c r="AH100" s="137">
        <f>'p-y sand'!AH100</f>
        <v>80</v>
      </c>
      <c r="AI100" s="137">
        <f>'p-y sand'!AI100</f>
        <v>90</v>
      </c>
      <c r="AJ100" s="137">
        <f>'p-y sand'!AJ100</f>
        <v>100</v>
      </c>
      <c r="AK100" s="137">
        <f>'p-y sand'!AK100</f>
        <v>110</v>
      </c>
      <c r="AL100" s="137">
        <f>'p-y sand'!AL100</f>
        <v>120</v>
      </c>
      <c r="AM100" s="137">
        <f t="shared" si="26"/>
        <v>0</v>
      </c>
      <c r="AN100" s="137">
        <f t="shared" si="27"/>
        <v>14577.090276021692</v>
      </c>
      <c r="AO100" s="137">
        <f t="shared" si="28"/>
        <v>29154.002488201422</v>
      </c>
      <c r="AP100" s="137">
        <f t="shared" si="29"/>
        <v>43730.558581397541</v>
      </c>
      <c r="AQ100" s="137">
        <f t="shared" si="30"/>
        <v>58306.580517868155</v>
      </c>
      <c r="AR100" s="137">
        <f t="shared" si="31"/>
        <v>72881.890285968751</v>
      </c>
      <c r="AS100" s="137">
        <f t="shared" si="32"/>
        <v>87456.309908846975</v>
      </c>
      <c r="AT100" s="137">
        <f t="shared" si="33"/>
        <v>102029.66145313413</v>
      </c>
      <c r="AU100" s="137">
        <f t="shared" si="34"/>
        <v>116601.76703763175</v>
      </c>
      <c r="AV100" s="137">
        <f t="shared" si="35"/>
        <v>131172.44884199314</v>
      </c>
      <c r="AW100" s="144">
        <f t="shared" si="36"/>
        <v>145741.52911539833</v>
      </c>
      <c r="AX100" s="137">
        <f t="shared" si="37"/>
        <v>160308.83018522183</v>
      </c>
      <c r="AY100" s="144">
        <f t="shared" si="38"/>
        <v>174874.17446569254</v>
      </c>
    </row>
    <row r="101" spans="2:51" x14ac:dyDescent="0.2">
      <c r="G101" s="43"/>
      <c r="Z101" s="143"/>
      <c r="AA101" s="137"/>
      <c r="AB101" s="137"/>
      <c r="AC101" s="137"/>
      <c r="AD101" s="137"/>
      <c r="AE101" s="137"/>
      <c r="AF101" s="137"/>
      <c r="AG101" s="137"/>
      <c r="AH101" s="137"/>
      <c r="AI101" s="137"/>
      <c r="AJ101" s="137"/>
      <c r="AK101" s="137"/>
      <c r="AL101" s="137"/>
      <c r="AM101" s="137"/>
      <c r="AN101" s="137"/>
      <c r="AO101" s="137"/>
      <c r="AP101" s="137"/>
      <c r="AQ101" s="137"/>
      <c r="AR101" s="137"/>
      <c r="AS101" s="137"/>
      <c r="AT101" s="137"/>
      <c r="AU101" s="137"/>
      <c r="AV101" s="137"/>
      <c r="AW101" s="144"/>
    </row>
    <row r="102" spans="2:51" x14ac:dyDescent="0.2">
      <c r="G102" s="43"/>
      <c r="Z102" s="143"/>
      <c r="AA102" s="137"/>
      <c r="AB102" s="137"/>
      <c r="AC102" s="137"/>
      <c r="AD102" s="137"/>
      <c r="AE102" s="137"/>
      <c r="AF102" s="137"/>
      <c r="AG102" s="137"/>
      <c r="AH102" s="137"/>
      <c r="AI102" s="137"/>
      <c r="AJ102" s="137"/>
      <c r="AK102" s="137"/>
      <c r="AL102" s="137"/>
      <c r="AM102" s="137"/>
      <c r="AN102" s="137"/>
      <c r="AO102" s="137"/>
      <c r="AP102" s="137"/>
      <c r="AQ102" s="137"/>
      <c r="AR102" s="137"/>
      <c r="AS102" s="137"/>
      <c r="AT102" s="137"/>
      <c r="AU102" s="137"/>
      <c r="AV102" s="137"/>
      <c r="AW102" s="144"/>
    </row>
    <row r="103" spans="2:51" x14ac:dyDescent="0.2">
      <c r="G103" s="43"/>
      <c r="Z103" s="143"/>
      <c r="AA103" s="137"/>
      <c r="AB103" s="137"/>
      <c r="AC103" s="137"/>
      <c r="AD103" s="137"/>
      <c r="AE103" s="137"/>
      <c r="AF103" s="137"/>
      <c r="AG103" s="137"/>
      <c r="AH103" s="137"/>
      <c r="AI103" s="137"/>
      <c r="AJ103" s="137"/>
      <c r="AK103" s="137"/>
      <c r="AL103" s="137"/>
      <c r="AM103" s="137"/>
      <c r="AN103" s="137"/>
      <c r="AO103" s="137"/>
      <c r="AP103" s="137"/>
      <c r="AQ103" s="137"/>
      <c r="AR103" s="137"/>
      <c r="AS103" s="137"/>
      <c r="AT103" s="137"/>
      <c r="AU103" s="137"/>
      <c r="AV103" s="137"/>
      <c r="AW103" s="144"/>
    </row>
    <row r="104" spans="2:51" x14ac:dyDescent="0.2">
      <c r="G104" s="43"/>
      <c r="Z104" s="143"/>
      <c r="AA104" s="137"/>
      <c r="AB104" s="137"/>
      <c r="AC104" s="137"/>
      <c r="AD104" s="137"/>
      <c r="AE104" s="137"/>
      <c r="AF104" s="137"/>
      <c r="AG104" s="137"/>
      <c r="AH104" s="137"/>
      <c r="AI104" s="137"/>
      <c r="AJ104" s="137"/>
      <c r="AK104" s="137"/>
      <c r="AL104" s="137"/>
      <c r="AM104" s="137"/>
      <c r="AN104" s="137"/>
      <c r="AO104" s="137"/>
      <c r="AP104" s="137"/>
      <c r="AQ104" s="137"/>
      <c r="AR104" s="137"/>
      <c r="AS104" s="137"/>
      <c r="AT104" s="137"/>
      <c r="AU104" s="137"/>
      <c r="AV104" s="137"/>
      <c r="AW104" s="144"/>
    </row>
    <row r="105" spans="2:51" x14ac:dyDescent="0.2">
      <c r="G105" s="43"/>
      <c r="Z105" s="143"/>
      <c r="AA105" s="137"/>
      <c r="AB105" s="137"/>
      <c r="AC105" s="137"/>
      <c r="AD105" s="137"/>
      <c r="AE105" s="137"/>
      <c r="AF105" s="137"/>
      <c r="AG105" s="137"/>
      <c r="AH105" s="137"/>
      <c r="AI105" s="137"/>
      <c r="AJ105" s="137"/>
      <c r="AK105" s="137"/>
      <c r="AL105" s="137"/>
      <c r="AM105" s="137"/>
      <c r="AN105" s="137"/>
      <c r="AO105" s="137"/>
      <c r="AP105" s="137"/>
      <c r="AQ105" s="137"/>
      <c r="AR105" s="137"/>
      <c r="AS105" s="137"/>
      <c r="AT105" s="137"/>
      <c r="AU105" s="137"/>
      <c r="AV105" s="137"/>
      <c r="AW105" s="144"/>
    </row>
    <row r="106" spans="2:51" x14ac:dyDescent="0.2">
      <c r="G106" s="43"/>
      <c r="Z106" s="143"/>
      <c r="AA106" s="137"/>
      <c r="AB106" s="137"/>
      <c r="AC106" s="137"/>
      <c r="AD106" s="137"/>
      <c r="AE106" s="137"/>
      <c r="AF106" s="137"/>
      <c r="AG106" s="137"/>
      <c r="AH106" s="137"/>
      <c r="AI106" s="137"/>
      <c r="AJ106" s="137"/>
      <c r="AK106" s="137"/>
      <c r="AL106" s="137"/>
      <c r="AM106" s="137"/>
      <c r="AN106" s="137"/>
      <c r="AO106" s="137"/>
      <c r="AP106" s="137"/>
      <c r="AQ106" s="137"/>
      <c r="AR106" s="137"/>
      <c r="AS106" s="137"/>
      <c r="AT106" s="137"/>
      <c r="AU106" s="137"/>
      <c r="AV106" s="137"/>
      <c r="AW106" s="144"/>
    </row>
    <row r="107" spans="2:51" x14ac:dyDescent="0.2">
      <c r="G107" s="43"/>
      <c r="Z107" s="143"/>
      <c r="AA107" s="137"/>
      <c r="AB107" s="137"/>
      <c r="AC107" s="137"/>
      <c r="AD107" s="137"/>
      <c r="AE107" s="137"/>
      <c r="AF107" s="137"/>
      <c r="AG107" s="137"/>
      <c r="AH107" s="137"/>
      <c r="AI107" s="137"/>
      <c r="AJ107" s="137"/>
      <c r="AK107" s="137"/>
      <c r="AL107" s="137"/>
      <c r="AM107" s="137"/>
      <c r="AN107" s="137"/>
      <c r="AO107" s="137"/>
      <c r="AP107" s="137"/>
      <c r="AQ107" s="137"/>
      <c r="AR107" s="137"/>
      <c r="AS107" s="137"/>
      <c r="AT107" s="137"/>
      <c r="AU107" s="137"/>
      <c r="AV107" s="137"/>
      <c r="AW107" s="144"/>
    </row>
    <row r="108" spans="2:51" x14ac:dyDescent="0.2">
      <c r="G108" s="43"/>
      <c r="Z108" s="143"/>
      <c r="AA108" s="137"/>
      <c r="AB108" s="137"/>
      <c r="AC108" s="137"/>
      <c r="AD108" s="137"/>
      <c r="AE108" s="137"/>
      <c r="AF108" s="137"/>
      <c r="AG108" s="137"/>
      <c r="AH108" s="137"/>
      <c r="AI108" s="137"/>
      <c r="AJ108" s="137"/>
      <c r="AK108" s="137"/>
      <c r="AL108" s="137"/>
      <c r="AM108" s="137"/>
      <c r="AN108" s="137"/>
      <c r="AO108" s="137"/>
      <c r="AP108" s="137"/>
      <c r="AQ108" s="137"/>
      <c r="AR108" s="137"/>
      <c r="AS108" s="137"/>
      <c r="AT108" s="137"/>
      <c r="AU108" s="137"/>
      <c r="AV108" s="137"/>
      <c r="AW108" s="144"/>
    </row>
    <row r="109" spans="2:51" x14ac:dyDescent="0.2">
      <c r="G109" s="43"/>
      <c r="Z109" s="143"/>
      <c r="AA109" s="137"/>
      <c r="AB109" s="137"/>
      <c r="AC109" s="137"/>
      <c r="AD109" s="137"/>
      <c r="AE109" s="137"/>
      <c r="AF109" s="137"/>
      <c r="AG109" s="137"/>
      <c r="AH109" s="137"/>
      <c r="AI109" s="137"/>
      <c r="AJ109" s="137"/>
      <c r="AK109" s="137"/>
      <c r="AL109" s="137"/>
      <c r="AM109" s="137"/>
      <c r="AN109" s="137"/>
      <c r="AO109" s="137"/>
      <c r="AP109" s="137"/>
      <c r="AQ109" s="137"/>
      <c r="AR109" s="137"/>
      <c r="AS109" s="137"/>
      <c r="AT109" s="137"/>
      <c r="AU109" s="137"/>
      <c r="AV109" s="137"/>
      <c r="AW109" s="144"/>
    </row>
    <row r="110" spans="2:51" x14ac:dyDescent="0.2">
      <c r="G110" s="43"/>
      <c r="Z110" s="143"/>
      <c r="AA110" s="137"/>
      <c r="AB110" s="137"/>
      <c r="AC110" s="137"/>
      <c r="AD110" s="137"/>
      <c r="AE110" s="137"/>
      <c r="AF110" s="137"/>
      <c r="AG110" s="137"/>
      <c r="AH110" s="137"/>
      <c r="AI110" s="137"/>
      <c r="AJ110" s="137"/>
      <c r="AK110" s="137"/>
      <c r="AL110" s="137"/>
      <c r="AM110" s="137"/>
      <c r="AN110" s="137"/>
      <c r="AO110" s="137"/>
      <c r="AP110" s="137"/>
      <c r="AQ110" s="137"/>
      <c r="AR110" s="137"/>
      <c r="AS110" s="137"/>
      <c r="AT110" s="137"/>
      <c r="AU110" s="137"/>
      <c r="AV110" s="137"/>
      <c r="AW110" s="144"/>
    </row>
    <row r="111" spans="2:51" x14ac:dyDescent="0.2">
      <c r="G111" s="43"/>
      <c r="Z111" s="143"/>
      <c r="AA111" s="137"/>
      <c r="AB111" s="137"/>
      <c r="AC111" s="137"/>
      <c r="AD111" s="137"/>
      <c r="AE111" s="137"/>
      <c r="AF111" s="137"/>
      <c r="AG111" s="137"/>
      <c r="AH111" s="137"/>
      <c r="AI111" s="137"/>
      <c r="AJ111" s="137"/>
      <c r="AK111" s="137"/>
      <c r="AL111" s="137"/>
      <c r="AM111" s="137"/>
      <c r="AN111" s="137"/>
      <c r="AO111" s="137"/>
      <c r="AP111" s="137"/>
      <c r="AQ111" s="137"/>
      <c r="AR111" s="137"/>
      <c r="AS111" s="137"/>
      <c r="AT111" s="137"/>
      <c r="AU111" s="137"/>
      <c r="AV111" s="137"/>
      <c r="AW111" s="144"/>
    </row>
    <row r="112" spans="2:51" x14ac:dyDescent="0.2">
      <c r="G112" s="43"/>
      <c r="Z112" s="143"/>
      <c r="AA112" s="137"/>
      <c r="AB112" s="137"/>
      <c r="AC112" s="137"/>
      <c r="AD112" s="137"/>
      <c r="AE112" s="137"/>
      <c r="AF112" s="137"/>
      <c r="AG112" s="137"/>
      <c r="AH112" s="137"/>
      <c r="AI112" s="137"/>
      <c r="AJ112" s="137"/>
      <c r="AK112" s="137"/>
      <c r="AL112" s="137"/>
      <c r="AM112" s="137"/>
      <c r="AN112" s="137"/>
      <c r="AO112" s="137"/>
      <c r="AP112" s="137"/>
      <c r="AQ112" s="137"/>
      <c r="AR112" s="137"/>
      <c r="AS112" s="137"/>
      <c r="AT112" s="137"/>
      <c r="AU112" s="137"/>
      <c r="AV112" s="137"/>
      <c r="AW112" s="144"/>
    </row>
    <row r="113" spans="7:49" x14ac:dyDescent="0.2">
      <c r="G113" s="43"/>
      <c r="Z113" s="143"/>
      <c r="AA113" s="137"/>
      <c r="AB113" s="137"/>
      <c r="AC113" s="137"/>
      <c r="AD113" s="137"/>
      <c r="AE113" s="137"/>
      <c r="AF113" s="137"/>
      <c r="AG113" s="137"/>
      <c r="AH113" s="137"/>
      <c r="AI113" s="137"/>
      <c r="AJ113" s="137"/>
      <c r="AK113" s="137"/>
      <c r="AL113" s="137"/>
      <c r="AM113" s="137"/>
      <c r="AN113" s="137"/>
      <c r="AO113" s="137"/>
      <c r="AP113" s="137"/>
      <c r="AQ113" s="137"/>
      <c r="AR113" s="137"/>
      <c r="AS113" s="137"/>
      <c r="AT113" s="137"/>
      <c r="AU113" s="137"/>
      <c r="AV113" s="137"/>
      <c r="AW113" s="144"/>
    </row>
    <row r="114" spans="7:49" x14ac:dyDescent="0.2">
      <c r="G114" s="43"/>
      <c r="Z114" s="143"/>
      <c r="AA114" s="137"/>
      <c r="AB114" s="137"/>
      <c r="AC114" s="137"/>
      <c r="AD114" s="137"/>
      <c r="AE114" s="137"/>
      <c r="AF114" s="137"/>
      <c r="AG114" s="137"/>
      <c r="AH114" s="137"/>
      <c r="AI114" s="137"/>
      <c r="AJ114" s="137"/>
      <c r="AK114" s="137"/>
      <c r="AL114" s="137"/>
      <c r="AM114" s="137"/>
      <c r="AN114" s="137"/>
      <c r="AO114" s="137"/>
      <c r="AP114" s="137"/>
      <c r="AQ114" s="137"/>
      <c r="AR114" s="137"/>
      <c r="AS114" s="137"/>
      <c r="AT114" s="137"/>
      <c r="AU114" s="137"/>
      <c r="AV114" s="137"/>
      <c r="AW114" s="144"/>
    </row>
    <row r="115" spans="7:49" x14ac:dyDescent="0.2">
      <c r="G115" s="43"/>
      <c r="Z115" s="143"/>
      <c r="AA115" s="137"/>
      <c r="AB115" s="137"/>
      <c r="AC115" s="137"/>
      <c r="AD115" s="137"/>
      <c r="AE115" s="137"/>
      <c r="AF115" s="137"/>
      <c r="AG115" s="137"/>
      <c r="AH115" s="137"/>
      <c r="AI115" s="137"/>
      <c r="AJ115" s="137"/>
      <c r="AK115" s="137"/>
      <c r="AL115" s="137"/>
      <c r="AM115" s="137"/>
      <c r="AN115" s="137"/>
      <c r="AO115" s="137"/>
      <c r="AP115" s="137"/>
      <c r="AQ115" s="137"/>
      <c r="AR115" s="137"/>
      <c r="AS115" s="137"/>
      <c r="AT115" s="137"/>
      <c r="AU115" s="137"/>
      <c r="AV115" s="137"/>
      <c r="AW115" s="144"/>
    </row>
    <row r="116" spans="7:49" x14ac:dyDescent="0.2">
      <c r="G116" s="43"/>
      <c r="Z116" s="143"/>
      <c r="AA116" s="137"/>
      <c r="AB116" s="137"/>
      <c r="AC116" s="137"/>
      <c r="AD116" s="137"/>
      <c r="AE116" s="137"/>
      <c r="AF116" s="137"/>
      <c r="AG116" s="137"/>
      <c r="AH116" s="137"/>
      <c r="AI116" s="137"/>
      <c r="AJ116" s="137"/>
      <c r="AK116" s="137"/>
      <c r="AL116" s="137"/>
      <c r="AM116" s="137"/>
      <c r="AN116" s="137"/>
      <c r="AO116" s="137"/>
      <c r="AP116" s="137"/>
      <c r="AQ116" s="137"/>
      <c r="AR116" s="137"/>
      <c r="AS116" s="137"/>
      <c r="AT116" s="137"/>
      <c r="AU116" s="137"/>
      <c r="AV116" s="137"/>
      <c r="AW116" s="144"/>
    </row>
    <row r="117" spans="7:49" x14ac:dyDescent="0.2">
      <c r="G117" s="43"/>
      <c r="Z117" s="143"/>
      <c r="AA117" s="137"/>
      <c r="AB117" s="137"/>
      <c r="AC117" s="137"/>
      <c r="AD117" s="137"/>
      <c r="AE117" s="137"/>
      <c r="AF117" s="137"/>
      <c r="AG117" s="137"/>
      <c r="AH117" s="137"/>
      <c r="AI117" s="137"/>
      <c r="AJ117" s="137"/>
      <c r="AK117" s="137"/>
      <c r="AL117" s="137"/>
      <c r="AM117" s="137"/>
      <c r="AN117" s="137"/>
      <c r="AO117" s="137"/>
      <c r="AP117" s="137"/>
      <c r="AQ117" s="137"/>
      <c r="AR117" s="137"/>
      <c r="AS117" s="137"/>
      <c r="AT117" s="137"/>
      <c r="AU117" s="137"/>
      <c r="AV117" s="137"/>
      <c r="AW117" s="144"/>
    </row>
    <row r="118" spans="7:49" x14ac:dyDescent="0.2">
      <c r="G118" s="43"/>
      <c r="Z118" s="143"/>
      <c r="AA118" s="137"/>
      <c r="AB118" s="137"/>
      <c r="AC118" s="137"/>
      <c r="AD118" s="137"/>
      <c r="AE118" s="137"/>
      <c r="AF118" s="137"/>
      <c r="AG118" s="137"/>
      <c r="AH118" s="137"/>
      <c r="AI118" s="137"/>
      <c r="AJ118" s="137"/>
      <c r="AK118" s="137"/>
      <c r="AL118" s="137"/>
      <c r="AM118" s="137"/>
      <c r="AN118" s="137"/>
      <c r="AO118" s="137"/>
      <c r="AP118" s="137"/>
      <c r="AQ118" s="137"/>
      <c r="AR118" s="137"/>
      <c r="AS118" s="137"/>
      <c r="AT118" s="137"/>
      <c r="AU118" s="137"/>
      <c r="AV118" s="137"/>
      <c r="AW118" s="144"/>
    </row>
    <row r="119" spans="7:49" x14ac:dyDescent="0.2">
      <c r="G119" s="43"/>
      <c r="Z119" s="143"/>
      <c r="AA119" s="137"/>
      <c r="AB119" s="137"/>
      <c r="AC119" s="137"/>
      <c r="AD119" s="137"/>
      <c r="AE119" s="137"/>
      <c r="AF119" s="137"/>
      <c r="AG119" s="137"/>
      <c r="AH119" s="137"/>
      <c r="AI119" s="137"/>
      <c r="AJ119" s="137"/>
      <c r="AK119" s="137"/>
      <c r="AL119" s="137"/>
      <c r="AM119" s="137"/>
      <c r="AN119" s="137"/>
      <c r="AO119" s="137"/>
      <c r="AP119" s="137"/>
      <c r="AQ119" s="137"/>
      <c r="AR119" s="137"/>
      <c r="AS119" s="137"/>
      <c r="AT119" s="137"/>
      <c r="AU119" s="137"/>
      <c r="AV119" s="137"/>
      <c r="AW119" s="144"/>
    </row>
    <row r="120" spans="7:49" x14ac:dyDescent="0.2">
      <c r="G120" s="43"/>
      <c r="Z120" s="143"/>
      <c r="AA120" s="137"/>
      <c r="AB120" s="137"/>
      <c r="AC120" s="137"/>
      <c r="AD120" s="137"/>
      <c r="AE120" s="137"/>
      <c r="AF120" s="137"/>
      <c r="AG120" s="137"/>
      <c r="AH120" s="137"/>
      <c r="AI120" s="137"/>
      <c r="AJ120" s="137"/>
      <c r="AK120" s="137"/>
      <c r="AL120" s="137"/>
      <c r="AM120" s="137"/>
      <c r="AN120" s="137"/>
      <c r="AO120" s="137"/>
      <c r="AP120" s="137"/>
      <c r="AQ120" s="137"/>
      <c r="AR120" s="137"/>
      <c r="AS120" s="137"/>
      <c r="AT120" s="137"/>
      <c r="AU120" s="137"/>
      <c r="AV120" s="137"/>
      <c r="AW120" s="144"/>
    </row>
    <row r="121" spans="7:49" x14ac:dyDescent="0.2">
      <c r="G121" s="43"/>
      <c r="Z121" s="143"/>
      <c r="AA121" s="137"/>
      <c r="AB121" s="137"/>
      <c r="AC121" s="137"/>
      <c r="AD121" s="137"/>
      <c r="AE121" s="137"/>
      <c r="AF121" s="137"/>
      <c r="AG121" s="137"/>
      <c r="AH121" s="137"/>
      <c r="AI121" s="137"/>
      <c r="AJ121" s="137"/>
      <c r="AK121" s="137"/>
      <c r="AL121" s="137"/>
      <c r="AM121" s="137"/>
      <c r="AN121" s="137"/>
      <c r="AO121" s="137"/>
      <c r="AP121" s="137"/>
      <c r="AQ121" s="137"/>
      <c r="AR121" s="137"/>
      <c r="AS121" s="137"/>
      <c r="AT121" s="137"/>
      <c r="AU121" s="137"/>
      <c r="AV121" s="137"/>
      <c r="AW121" s="144"/>
    </row>
    <row r="122" spans="7:49" x14ac:dyDescent="0.2">
      <c r="G122" s="43"/>
      <c r="Z122" s="143"/>
      <c r="AA122" s="137"/>
      <c r="AB122" s="137"/>
      <c r="AC122" s="137"/>
      <c r="AD122" s="137"/>
      <c r="AE122" s="137"/>
      <c r="AF122" s="137"/>
      <c r="AG122" s="137"/>
      <c r="AH122" s="137"/>
      <c r="AI122" s="137"/>
      <c r="AJ122" s="137"/>
      <c r="AK122" s="137"/>
      <c r="AL122" s="137"/>
      <c r="AM122" s="137"/>
      <c r="AN122" s="137"/>
      <c r="AO122" s="137"/>
      <c r="AP122" s="137"/>
      <c r="AQ122" s="137"/>
      <c r="AR122" s="137"/>
      <c r="AS122" s="137"/>
      <c r="AT122" s="137"/>
      <c r="AU122" s="137"/>
      <c r="AV122" s="137"/>
      <c r="AW122" s="144"/>
    </row>
    <row r="123" spans="7:49" x14ac:dyDescent="0.2">
      <c r="G123" s="43"/>
      <c r="Z123" s="143"/>
      <c r="AA123" s="137"/>
      <c r="AB123" s="137"/>
      <c r="AC123" s="137"/>
      <c r="AD123" s="137"/>
      <c r="AE123" s="137"/>
      <c r="AF123" s="137"/>
      <c r="AG123" s="137"/>
      <c r="AH123" s="137"/>
      <c r="AI123" s="137"/>
      <c r="AJ123" s="137"/>
      <c r="AK123" s="137"/>
      <c r="AL123" s="137"/>
      <c r="AM123" s="137"/>
      <c r="AN123" s="137"/>
      <c r="AO123" s="137"/>
      <c r="AP123" s="137"/>
      <c r="AQ123" s="137"/>
      <c r="AR123" s="137"/>
      <c r="AS123" s="137"/>
      <c r="AT123" s="137"/>
      <c r="AU123" s="137"/>
      <c r="AV123" s="137"/>
      <c r="AW123" s="144"/>
    </row>
    <row r="124" spans="7:49" x14ac:dyDescent="0.2">
      <c r="G124" s="43"/>
      <c r="Z124" s="143"/>
      <c r="AA124" s="137"/>
      <c r="AB124" s="137"/>
      <c r="AC124" s="137"/>
      <c r="AD124" s="137"/>
      <c r="AE124" s="137"/>
      <c r="AF124" s="137"/>
      <c r="AG124" s="137"/>
      <c r="AH124" s="137"/>
      <c r="AI124" s="137"/>
      <c r="AJ124" s="137"/>
      <c r="AK124" s="137"/>
      <c r="AL124" s="137"/>
      <c r="AM124" s="137"/>
      <c r="AN124" s="137"/>
      <c r="AO124" s="137"/>
      <c r="AP124" s="137"/>
      <c r="AQ124" s="137"/>
      <c r="AR124" s="137"/>
      <c r="AS124" s="137"/>
      <c r="AT124" s="137"/>
      <c r="AU124" s="137"/>
      <c r="AV124" s="137"/>
      <c r="AW124" s="144"/>
    </row>
    <row r="125" spans="7:49" x14ac:dyDescent="0.2">
      <c r="G125" s="43"/>
      <c r="Z125" s="143"/>
      <c r="AA125" s="137"/>
      <c r="AB125" s="137"/>
      <c r="AC125" s="137"/>
      <c r="AD125" s="137"/>
      <c r="AE125" s="137"/>
      <c r="AF125" s="137"/>
      <c r="AG125" s="137"/>
      <c r="AH125" s="137"/>
      <c r="AI125" s="137"/>
      <c r="AJ125" s="137"/>
      <c r="AK125" s="137"/>
      <c r="AL125" s="137"/>
      <c r="AM125" s="137"/>
      <c r="AN125" s="137"/>
      <c r="AO125" s="137"/>
      <c r="AP125" s="137"/>
      <c r="AQ125" s="137"/>
      <c r="AR125" s="137"/>
      <c r="AS125" s="137"/>
      <c r="AT125" s="137"/>
      <c r="AU125" s="137"/>
      <c r="AV125" s="137"/>
      <c r="AW125" s="144"/>
    </row>
    <row r="126" spans="7:49" x14ac:dyDescent="0.2">
      <c r="G126" s="43"/>
      <c r="Z126" s="143"/>
      <c r="AA126" s="137"/>
      <c r="AB126" s="137"/>
      <c r="AC126" s="137"/>
      <c r="AD126" s="137"/>
      <c r="AE126" s="137"/>
      <c r="AF126" s="137"/>
      <c r="AG126" s="137"/>
      <c r="AH126" s="137"/>
      <c r="AI126" s="137"/>
      <c r="AJ126" s="137"/>
      <c r="AK126" s="137"/>
      <c r="AL126" s="137"/>
      <c r="AM126" s="137"/>
      <c r="AN126" s="137"/>
      <c r="AO126" s="137"/>
      <c r="AP126" s="137"/>
      <c r="AQ126" s="137"/>
      <c r="AR126" s="137"/>
      <c r="AS126" s="137"/>
      <c r="AT126" s="137"/>
      <c r="AU126" s="137"/>
      <c r="AV126" s="137"/>
      <c r="AW126" s="144"/>
    </row>
    <row r="127" spans="7:49" x14ac:dyDescent="0.2">
      <c r="G127" s="43"/>
      <c r="Z127" s="143"/>
      <c r="AA127" s="137"/>
      <c r="AB127" s="137"/>
      <c r="AC127" s="137"/>
      <c r="AD127" s="137"/>
      <c r="AE127" s="137"/>
      <c r="AF127" s="137"/>
      <c r="AG127" s="137"/>
      <c r="AH127" s="137"/>
      <c r="AI127" s="137"/>
      <c r="AJ127" s="137"/>
      <c r="AK127" s="137"/>
      <c r="AL127" s="137"/>
      <c r="AM127" s="137"/>
      <c r="AN127" s="137"/>
      <c r="AO127" s="137"/>
      <c r="AP127" s="137"/>
      <c r="AQ127" s="137"/>
      <c r="AR127" s="137"/>
      <c r="AS127" s="137"/>
      <c r="AT127" s="137"/>
      <c r="AU127" s="137"/>
      <c r="AV127" s="137"/>
      <c r="AW127" s="144"/>
    </row>
    <row r="128" spans="7:49" x14ac:dyDescent="0.2">
      <c r="G128" s="43"/>
      <c r="Z128" s="143"/>
      <c r="AA128" s="137"/>
      <c r="AB128" s="137"/>
      <c r="AC128" s="137"/>
      <c r="AD128" s="137"/>
      <c r="AE128" s="137"/>
      <c r="AF128" s="137"/>
      <c r="AG128" s="137"/>
      <c r="AH128" s="137"/>
      <c r="AI128" s="137"/>
      <c r="AJ128" s="137"/>
      <c r="AK128" s="137"/>
      <c r="AL128" s="137"/>
      <c r="AM128" s="137"/>
      <c r="AN128" s="137"/>
      <c r="AO128" s="137"/>
      <c r="AP128" s="137"/>
      <c r="AQ128" s="137"/>
      <c r="AR128" s="137"/>
      <c r="AS128" s="137"/>
      <c r="AT128" s="137"/>
      <c r="AU128" s="137"/>
      <c r="AV128" s="137"/>
      <c r="AW128" s="144"/>
    </row>
    <row r="129" spans="7:49" x14ac:dyDescent="0.2">
      <c r="G129" s="43"/>
      <c r="Z129" s="143"/>
      <c r="AA129" s="137"/>
      <c r="AB129" s="137"/>
      <c r="AC129" s="137"/>
      <c r="AD129" s="137"/>
      <c r="AE129" s="137"/>
      <c r="AF129" s="137"/>
      <c r="AG129" s="137"/>
      <c r="AH129" s="137"/>
      <c r="AI129" s="137"/>
      <c r="AJ129" s="137"/>
      <c r="AK129" s="137"/>
      <c r="AL129" s="137"/>
      <c r="AM129" s="137"/>
      <c r="AN129" s="137"/>
      <c r="AO129" s="137"/>
      <c r="AP129" s="137"/>
      <c r="AQ129" s="137"/>
      <c r="AR129" s="137"/>
      <c r="AS129" s="137"/>
      <c r="AT129" s="137"/>
      <c r="AU129" s="137"/>
      <c r="AV129" s="137"/>
      <c r="AW129" s="144"/>
    </row>
    <row r="130" spans="7:49" x14ac:dyDescent="0.2">
      <c r="G130" s="43"/>
      <c r="Z130" s="143"/>
      <c r="AA130" s="137"/>
      <c r="AB130" s="137"/>
      <c r="AC130" s="137"/>
      <c r="AD130" s="137"/>
      <c r="AE130" s="137"/>
      <c r="AF130" s="137"/>
      <c r="AG130" s="137"/>
      <c r="AH130" s="137"/>
      <c r="AI130" s="137"/>
      <c r="AJ130" s="137"/>
      <c r="AK130" s="137"/>
      <c r="AL130" s="137"/>
      <c r="AM130" s="137"/>
      <c r="AN130" s="137"/>
      <c r="AO130" s="137"/>
      <c r="AP130" s="137"/>
      <c r="AQ130" s="137"/>
      <c r="AR130" s="137"/>
      <c r="AS130" s="137"/>
      <c r="AT130" s="137"/>
      <c r="AU130" s="137"/>
      <c r="AV130" s="137"/>
      <c r="AW130" s="144"/>
    </row>
    <row r="131" spans="7:49" x14ac:dyDescent="0.2">
      <c r="G131" s="43"/>
      <c r="Z131" s="143"/>
      <c r="AA131" s="137"/>
      <c r="AB131" s="137"/>
      <c r="AC131" s="137"/>
      <c r="AD131" s="137"/>
      <c r="AE131" s="137"/>
      <c r="AF131" s="137"/>
      <c r="AG131" s="137"/>
      <c r="AH131" s="137"/>
      <c r="AI131" s="137"/>
      <c r="AJ131" s="137"/>
      <c r="AK131" s="137"/>
      <c r="AL131" s="137"/>
      <c r="AM131" s="137"/>
      <c r="AN131" s="137"/>
      <c r="AO131" s="137"/>
      <c r="AP131" s="137"/>
      <c r="AQ131" s="137"/>
      <c r="AR131" s="137"/>
      <c r="AS131" s="137"/>
      <c r="AT131" s="137"/>
      <c r="AU131" s="137"/>
      <c r="AV131" s="137"/>
      <c r="AW131" s="144"/>
    </row>
    <row r="132" spans="7:49" x14ac:dyDescent="0.2">
      <c r="G132" s="43"/>
      <c r="Z132" s="143"/>
      <c r="AA132" s="137"/>
      <c r="AB132" s="137"/>
      <c r="AC132" s="137"/>
      <c r="AD132" s="137"/>
      <c r="AE132" s="137"/>
      <c r="AF132" s="137"/>
      <c r="AG132" s="137"/>
      <c r="AH132" s="137"/>
      <c r="AI132" s="137"/>
      <c r="AJ132" s="137"/>
      <c r="AK132" s="137"/>
      <c r="AL132" s="137"/>
      <c r="AM132" s="137"/>
      <c r="AN132" s="137"/>
      <c r="AO132" s="137"/>
      <c r="AP132" s="137"/>
      <c r="AQ132" s="137"/>
      <c r="AR132" s="137"/>
      <c r="AS132" s="137"/>
      <c r="AT132" s="137"/>
      <c r="AU132" s="137"/>
      <c r="AV132" s="137"/>
      <c r="AW132" s="144"/>
    </row>
    <row r="133" spans="7:49" x14ac:dyDescent="0.2">
      <c r="G133" s="43"/>
      <c r="Z133" s="143"/>
      <c r="AA133" s="137"/>
      <c r="AB133" s="137"/>
      <c r="AC133" s="137"/>
      <c r="AD133" s="137"/>
      <c r="AE133" s="137"/>
      <c r="AF133" s="137"/>
      <c r="AG133" s="137"/>
      <c r="AH133" s="137"/>
      <c r="AI133" s="137"/>
      <c r="AJ133" s="137"/>
      <c r="AK133" s="137"/>
      <c r="AL133" s="137"/>
      <c r="AM133" s="137"/>
      <c r="AN133" s="137"/>
      <c r="AO133" s="137"/>
      <c r="AP133" s="137"/>
      <c r="AQ133" s="137"/>
      <c r="AR133" s="137"/>
      <c r="AS133" s="137"/>
      <c r="AT133" s="137"/>
      <c r="AU133" s="137"/>
      <c r="AV133" s="137"/>
      <c r="AW133" s="144"/>
    </row>
    <row r="134" spans="7:49" x14ac:dyDescent="0.2">
      <c r="G134" s="43"/>
      <c r="Z134" s="143"/>
      <c r="AA134" s="137"/>
      <c r="AB134" s="137"/>
      <c r="AC134" s="137"/>
      <c r="AD134" s="137"/>
      <c r="AE134" s="137"/>
      <c r="AF134" s="137"/>
      <c r="AG134" s="137"/>
      <c r="AH134" s="137"/>
      <c r="AI134" s="137"/>
      <c r="AJ134" s="137"/>
      <c r="AK134" s="137"/>
      <c r="AL134" s="137"/>
      <c r="AM134" s="137"/>
      <c r="AN134" s="137"/>
      <c r="AO134" s="137"/>
      <c r="AP134" s="137"/>
      <c r="AQ134" s="137"/>
      <c r="AR134" s="137"/>
      <c r="AS134" s="137"/>
      <c r="AT134" s="137"/>
      <c r="AU134" s="137"/>
      <c r="AV134" s="137"/>
      <c r="AW134" s="144"/>
    </row>
    <row r="135" spans="7:49" x14ac:dyDescent="0.2">
      <c r="G135" s="43"/>
      <c r="Z135" s="143"/>
      <c r="AA135" s="137"/>
      <c r="AB135" s="137"/>
      <c r="AC135" s="137"/>
      <c r="AD135" s="137"/>
      <c r="AE135" s="137"/>
      <c r="AF135" s="137"/>
      <c r="AG135" s="137"/>
      <c r="AH135" s="137"/>
      <c r="AI135" s="137"/>
      <c r="AJ135" s="137"/>
      <c r="AK135" s="137"/>
      <c r="AL135" s="137"/>
      <c r="AM135" s="137"/>
      <c r="AN135" s="137"/>
      <c r="AO135" s="137"/>
      <c r="AP135" s="137"/>
      <c r="AQ135" s="137"/>
      <c r="AR135" s="137"/>
      <c r="AS135" s="137"/>
      <c r="AT135" s="137"/>
      <c r="AU135" s="137"/>
      <c r="AV135" s="137"/>
      <c r="AW135" s="144"/>
    </row>
    <row r="136" spans="7:49" x14ac:dyDescent="0.2">
      <c r="G136" s="43"/>
      <c r="Z136" s="143"/>
      <c r="AA136" s="137"/>
      <c r="AB136" s="137"/>
      <c r="AC136" s="137"/>
      <c r="AD136" s="137"/>
      <c r="AE136" s="137"/>
      <c r="AF136" s="137"/>
      <c r="AG136" s="137"/>
      <c r="AH136" s="137"/>
      <c r="AI136" s="137"/>
      <c r="AJ136" s="137"/>
      <c r="AK136" s="137"/>
      <c r="AL136" s="137"/>
      <c r="AM136" s="137"/>
      <c r="AN136" s="137"/>
      <c r="AO136" s="137"/>
      <c r="AP136" s="137"/>
      <c r="AQ136" s="137"/>
      <c r="AR136" s="137"/>
      <c r="AS136" s="137"/>
      <c r="AT136" s="137"/>
      <c r="AU136" s="137"/>
      <c r="AV136" s="137"/>
      <c r="AW136" s="144"/>
    </row>
    <row r="137" spans="7:49" x14ac:dyDescent="0.2">
      <c r="G137" s="43"/>
      <c r="Z137" s="143"/>
      <c r="AA137" s="137"/>
      <c r="AB137" s="137"/>
      <c r="AC137" s="137"/>
      <c r="AD137" s="137"/>
      <c r="AE137" s="137"/>
      <c r="AF137" s="137"/>
      <c r="AG137" s="137"/>
      <c r="AH137" s="137"/>
      <c r="AI137" s="137"/>
      <c r="AJ137" s="137"/>
      <c r="AK137" s="137"/>
      <c r="AL137" s="137"/>
      <c r="AM137" s="137"/>
      <c r="AN137" s="137"/>
      <c r="AO137" s="137"/>
      <c r="AP137" s="137"/>
      <c r="AQ137" s="137"/>
      <c r="AR137" s="137"/>
      <c r="AS137" s="137"/>
      <c r="AT137" s="137"/>
      <c r="AU137" s="137"/>
      <c r="AV137" s="137"/>
      <c r="AW137" s="144"/>
    </row>
    <row r="138" spans="7:49" x14ac:dyDescent="0.2">
      <c r="G138" s="43"/>
      <c r="Z138" s="143"/>
      <c r="AA138" s="137"/>
      <c r="AB138" s="137"/>
      <c r="AC138" s="137"/>
      <c r="AD138" s="137"/>
      <c r="AE138" s="137"/>
      <c r="AF138" s="137"/>
      <c r="AG138" s="137"/>
      <c r="AH138" s="137"/>
      <c r="AI138" s="137"/>
      <c r="AJ138" s="137"/>
      <c r="AK138" s="137"/>
      <c r="AL138" s="137"/>
      <c r="AM138" s="137"/>
      <c r="AN138" s="137"/>
      <c r="AO138" s="137"/>
      <c r="AP138" s="137"/>
      <c r="AQ138" s="137"/>
      <c r="AR138" s="137"/>
      <c r="AS138" s="137"/>
      <c r="AT138" s="137"/>
      <c r="AU138" s="137"/>
      <c r="AV138" s="137"/>
      <c r="AW138" s="144"/>
    </row>
    <row r="139" spans="7:49" x14ac:dyDescent="0.2">
      <c r="G139" s="43"/>
      <c r="Z139" s="143"/>
      <c r="AA139" s="137"/>
      <c r="AB139" s="137"/>
      <c r="AC139" s="137"/>
      <c r="AD139" s="137"/>
      <c r="AE139" s="137"/>
      <c r="AF139" s="137"/>
      <c r="AG139" s="137"/>
      <c r="AH139" s="137"/>
      <c r="AI139" s="137"/>
      <c r="AJ139" s="137"/>
      <c r="AK139" s="137"/>
      <c r="AL139" s="137"/>
      <c r="AM139" s="137"/>
      <c r="AN139" s="137"/>
      <c r="AO139" s="137"/>
      <c r="AP139" s="137"/>
      <c r="AQ139" s="137"/>
      <c r="AR139" s="137"/>
      <c r="AS139" s="137"/>
      <c r="AT139" s="137"/>
      <c r="AU139" s="137"/>
      <c r="AV139" s="137"/>
      <c r="AW139" s="144"/>
    </row>
    <row r="140" spans="7:49" x14ac:dyDescent="0.2">
      <c r="G140" s="43"/>
      <c r="Z140" s="143"/>
      <c r="AA140" s="137"/>
      <c r="AB140" s="137"/>
      <c r="AC140" s="137"/>
      <c r="AD140" s="137"/>
      <c r="AE140" s="137"/>
      <c r="AF140" s="137"/>
      <c r="AG140" s="137"/>
      <c r="AH140" s="137"/>
      <c r="AI140" s="137"/>
      <c r="AJ140" s="137"/>
      <c r="AK140" s="137"/>
      <c r="AL140" s="137"/>
      <c r="AM140" s="137"/>
      <c r="AN140" s="137"/>
      <c r="AO140" s="137"/>
      <c r="AP140" s="137"/>
      <c r="AQ140" s="137"/>
      <c r="AR140" s="137"/>
      <c r="AS140" s="137"/>
      <c r="AT140" s="137"/>
      <c r="AU140" s="137"/>
      <c r="AV140" s="137"/>
      <c r="AW140" s="144"/>
    </row>
    <row r="141" spans="7:49" x14ac:dyDescent="0.2">
      <c r="G141" s="43"/>
      <c r="Z141" s="143"/>
      <c r="AA141" s="137"/>
      <c r="AB141" s="137"/>
      <c r="AC141" s="137"/>
      <c r="AD141" s="137"/>
      <c r="AE141" s="137"/>
      <c r="AF141" s="137"/>
      <c r="AG141" s="137"/>
      <c r="AH141" s="137"/>
      <c r="AI141" s="137"/>
      <c r="AJ141" s="137"/>
      <c r="AK141" s="137"/>
      <c r="AL141" s="137"/>
      <c r="AM141" s="137"/>
      <c r="AN141" s="137"/>
      <c r="AO141" s="137"/>
      <c r="AP141" s="137"/>
      <c r="AQ141" s="137"/>
      <c r="AR141" s="137"/>
      <c r="AS141" s="137"/>
      <c r="AT141" s="137"/>
      <c r="AU141" s="137"/>
      <c r="AV141" s="137"/>
      <c r="AW141" s="144"/>
    </row>
    <row r="142" spans="7:49" x14ac:dyDescent="0.2">
      <c r="G142" s="43"/>
      <c r="Z142" s="143"/>
      <c r="AA142" s="137"/>
      <c r="AB142" s="137"/>
      <c r="AC142" s="137"/>
      <c r="AD142" s="137"/>
      <c r="AE142" s="137"/>
      <c r="AF142" s="137"/>
      <c r="AG142" s="137"/>
      <c r="AH142" s="137"/>
      <c r="AI142" s="137"/>
      <c r="AJ142" s="137"/>
      <c r="AK142" s="137"/>
      <c r="AL142" s="137"/>
      <c r="AM142" s="137"/>
      <c r="AN142" s="137"/>
      <c r="AO142" s="137"/>
      <c r="AP142" s="137"/>
      <c r="AQ142" s="137"/>
      <c r="AR142" s="137"/>
      <c r="AS142" s="137"/>
      <c r="AT142" s="137"/>
      <c r="AU142" s="137"/>
      <c r="AV142" s="137"/>
      <c r="AW142" s="144"/>
    </row>
    <row r="143" spans="7:49" x14ac:dyDescent="0.2">
      <c r="G143" s="43"/>
      <c r="Z143" s="143"/>
      <c r="AA143" s="137"/>
      <c r="AB143" s="137"/>
      <c r="AC143" s="137"/>
      <c r="AD143" s="137"/>
      <c r="AE143" s="137"/>
      <c r="AF143" s="137"/>
      <c r="AG143" s="137"/>
      <c r="AH143" s="137"/>
      <c r="AI143" s="137"/>
      <c r="AJ143" s="137"/>
      <c r="AK143" s="137"/>
      <c r="AL143" s="137"/>
      <c r="AM143" s="137"/>
      <c r="AN143" s="137"/>
      <c r="AO143" s="137"/>
      <c r="AP143" s="137"/>
      <c r="AQ143" s="137"/>
      <c r="AR143" s="137"/>
      <c r="AS143" s="137"/>
      <c r="AT143" s="137"/>
      <c r="AU143" s="137"/>
      <c r="AV143" s="137"/>
      <c r="AW143" s="144"/>
    </row>
    <row r="144" spans="7:49" x14ac:dyDescent="0.2">
      <c r="G144" s="43"/>
      <c r="Z144" s="143"/>
      <c r="AA144" s="137"/>
      <c r="AB144" s="137"/>
      <c r="AC144" s="137"/>
      <c r="AD144" s="137"/>
      <c r="AE144" s="137"/>
      <c r="AF144" s="137"/>
      <c r="AG144" s="137"/>
      <c r="AH144" s="137"/>
      <c r="AI144" s="137"/>
      <c r="AJ144" s="137"/>
      <c r="AK144" s="137"/>
      <c r="AL144" s="137"/>
      <c r="AM144" s="137"/>
      <c r="AN144" s="137"/>
      <c r="AO144" s="137"/>
      <c r="AP144" s="137"/>
      <c r="AQ144" s="137"/>
      <c r="AR144" s="137"/>
      <c r="AS144" s="137"/>
      <c r="AT144" s="137"/>
      <c r="AU144" s="137"/>
      <c r="AV144" s="137"/>
      <c r="AW144" s="144"/>
    </row>
    <row r="145" spans="7:49" x14ac:dyDescent="0.2">
      <c r="G145" s="43"/>
      <c r="Z145" s="143"/>
      <c r="AA145" s="137"/>
      <c r="AB145" s="137"/>
      <c r="AC145" s="137"/>
      <c r="AD145" s="137"/>
      <c r="AE145" s="137"/>
      <c r="AF145" s="137"/>
      <c r="AG145" s="137"/>
      <c r="AH145" s="137"/>
      <c r="AI145" s="137"/>
      <c r="AJ145" s="137"/>
      <c r="AK145" s="137"/>
      <c r="AL145" s="137"/>
      <c r="AM145" s="137"/>
      <c r="AN145" s="137"/>
      <c r="AO145" s="137"/>
      <c r="AP145" s="137"/>
      <c r="AQ145" s="137"/>
      <c r="AR145" s="137"/>
      <c r="AS145" s="137"/>
      <c r="AT145" s="137"/>
      <c r="AU145" s="137"/>
      <c r="AV145" s="137"/>
      <c r="AW145" s="144"/>
    </row>
    <row r="146" spans="7:49" x14ac:dyDescent="0.2">
      <c r="G146" s="43"/>
      <c r="Z146" s="143"/>
      <c r="AA146" s="137"/>
      <c r="AB146" s="137"/>
      <c r="AC146" s="137"/>
      <c r="AD146" s="137"/>
      <c r="AE146" s="137"/>
      <c r="AF146" s="137"/>
      <c r="AG146" s="137"/>
      <c r="AH146" s="137"/>
      <c r="AI146" s="137"/>
      <c r="AJ146" s="137"/>
      <c r="AK146" s="137"/>
      <c r="AL146" s="137"/>
      <c r="AM146" s="137"/>
      <c r="AN146" s="137"/>
      <c r="AO146" s="137"/>
      <c r="AP146" s="137"/>
      <c r="AQ146" s="137"/>
      <c r="AR146" s="137"/>
      <c r="AS146" s="137"/>
      <c r="AT146" s="137"/>
      <c r="AU146" s="137"/>
      <c r="AV146" s="137"/>
      <c r="AW146" s="144"/>
    </row>
    <row r="147" spans="7:49" x14ac:dyDescent="0.2">
      <c r="G147" s="43"/>
      <c r="Z147" s="143"/>
      <c r="AA147" s="137"/>
      <c r="AB147" s="137"/>
      <c r="AC147" s="137"/>
      <c r="AD147" s="137"/>
      <c r="AE147" s="137"/>
      <c r="AF147" s="137"/>
      <c r="AG147" s="137"/>
      <c r="AH147" s="137"/>
      <c r="AI147" s="137"/>
      <c r="AJ147" s="137"/>
      <c r="AK147" s="137"/>
      <c r="AL147" s="137"/>
      <c r="AM147" s="137"/>
      <c r="AN147" s="137"/>
      <c r="AO147" s="137"/>
      <c r="AP147" s="137"/>
      <c r="AQ147" s="137"/>
      <c r="AR147" s="137"/>
      <c r="AS147" s="137"/>
      <c r="AT147" s="137"/>
      <c r="AU147" s="137"/>
      <c r="AV147" s="137"/>
      <c r="AW147" s="144"/>
    </row>
    <row r="148" spans="7:49" x14ac:dyDescent="0.2">
      <c r="G148" s="43"/>
      <c r="Z148" s="143"/>
      <c r="AA148" s="137"/>
      <c r="AB148" s="137"/>
      <c r="AC148" s="137"/>
      <c r="AD148" s="137"/>
      <c r="AE148" s="137"/>
      <c r="AF148" s="137"/>
      <c r="AG148" s="137"/>
      <c r="AH148" s="137"/>
      <c r="AI148" s="137"/>
      <c r="AJ148" s="137"/>
      <c r="AK148" s="137"/>
      <c r="AL148" s="137"/>
      <c r="AM148" s="137"/>
      <c r="AN148" s="137"/>
      <c r="AO148" s="137"/>
      <c r="AP148" s="137"/>
      <c r="AQ148" s="137"/>
      <c r="AR148" s="137"/>
      <c r="AS148" s="137"/>
      <c r="AT148" s="137"/>
      <c r="AU148" s="137"/>
      <c r="AV148" s="137"/>
      <c r="AW148" s="144"/>
    </row>
    <row r="149" spans="7:49" x14ac:dyDescent="0.2">
      <c r="G149" s="43"/>
      <c r="Z149" s="143"/>
      <c r="AA149" s="137"/>
      <c r="AB149" s="137"/>
      <c r="AC149" s="137"/>
      <c r="AD149" s="137"/>
      <c r="AE149" s="137"/>
      <c r="AF149" s="137"/>
      <c r="AG149" s="137"/>
      <c r="AH149" s="137"/>
      <c r="AI149" s="137"/>
      <c r="AJ149" s="137"/>
      <c r="AK149" s="137"/>
      <c r="AL149" s="137"/>
      <c r="AM149" s="137"/>
      <c r="AN149" s="137"/>
      <c r="AO149" s="137"/>
      <c r="AP149" s="137"/>
      <c r="AQ149" s="137"/>
      <c r="AR149" s="137"/>
      <c r="AS149" s="137"/>
      <c r="AT149" s="137"/>
      <c r="AU149" s="137"/>
      <c r="AV149" s="137"/>
      <c r="AW149" s="144"/>
    </row>
    <row r="150" spans="7:49" x14ac:dyDescent="0.2">
      <c r="G150" s="43"/>
      <c r="Z150" s="143"/>
      <c r="AA150" s="137"/>
      <c r="AB150" s="137"/>
      <c r="AC150" s="137"/>
      <c r="AD150" s="137"/>
      <c r="AE150" s="137"/>
      <c r="AF150" s="137"/>
      <c r="AG150" s="137"/>
      <c r="AH150" s="137"/>
      <c r="AI150" s="137"/>
      <c r="AJ150" s="137"/>
      <c r="AK150" s="137"/>
      <c r="AL150" s="137"/>
      <c r="AM150" s="137"/>
      <c r="AN150" s="137"/>
      <c r="AO150" s="137"/>
      <c r="AP150" s="137"/>
      <c r="AQ150" s="137"/>
      <c r="AR150" s="137"/>
      <c r="AS150" s="137"/>
      <c r="AT150" s="137"/>
      <c r="AU150" s="137"/>
      <c r="AV150" s="137"/>
      <c r="AW150" s="144"/>
    </row>
    <row r="151" spans="7:49" x14ac:dyDescent="0.2">
      <c r="G151" s="43"/>
      <c r="Z151" s="143"/>
      <c r="AA151" s="137"/>
      <c r="AB151" s="137"/>
      <c r="AC151" s="137"/>
      <c r="AD151" s="137"/>
      <c r="AE151" s="137"/>
      <c r="AF151" s="137"/>
      <c r="AG151" s="137"/>
      <c r="AH151" s="137"/>
      <c r="AI151" s="137"/>
      <c r="AJ151" s="137"/>
      <c r="AK151" s="137"/>
      <c r="AL151" s="137"/>
      <c r="AM151" s="137"/>
      <c r="AN151" s="137"/>
      <c r="AO151" s="137"/>
      <c r="AP151" s="137"/>
      <c r="AQ151" s="137"/>
      <c r="AR151" s="137"/>
      <c r="AS151" s="137"/>
      <c r="AT151" s="137"/>
      <c r="AU151" s="137"/>
      <c r="AV151" s="137"/>
      <c r="AW151" s="144"/>
    </row>
    <row r="152" spans="7:49" x14ac:dyDescent="0.2">
      <c r="G152" s="43"/>
      <c r="Z152" s="143"/>
      <c r="AA152" s="137"/>
      <c r="AB152" s="137"/>
      <c r="AC152" s="137"/>
      <c r="AD152" s="137"/>
      <c r="AE152" s="137"/>
      <c r="AF152" s="137"/>
      <c r="AG152" s="137"/>
      <c r="AH152" s="137"/>
      <c r="AI152" s="137"/>
      <c r="AJ152" s="137"/>
      <c r="AK152" s="137"/>
      <c r="AL152" s="137"/>
      <c r="AM152" s="137"/>
      <c r="AN152" s="137"/>
      <c r="AO152" s="137"/>
      <c r="AP152" s="137"/>
      <c r="AQ152" s="137"/>
      <c r="AR152" s="137"/>
      <c r="AS152" s="137"/>
      <c r="AT152" s="137"/>
      <c r="AU152" s="137"/>
      <c r="AV152" s="137"/>
      <c r="AW152" s="144"/>
    </row>
    <row r="153" spans="7:49" x14ac:dyDescent="0.2">
      <c r="G153" s="43"/>
      <c r="Z153" s="143"/>
      <c r="AA153" s="137"/>
      <c r="AB153" s="137"/>
      <c r="AC153" s="137"/>
      <c r="AD153" s="137"/>
      <c r="AE153" s="137"/>
      <c r="AF153" s="137"/>
      <c r="AG153" s="137"/>
      <c r="AH153" s="137"/>
      <c r="AI153" s="137"/>
      <c r="AJ153" s="137"/>
      <c r="AK153" s="137"/>
      <c r="AL153" s="137"/>
      <c r="AM153" s="137"/>
      <c r="AN153" s="137"/>
      <c r="AO153" s="137"/>
      <c r="AP153" s="137"/>
      <c r="AQ153" s="137"/>
      <c r="AR153" s="137"/>
      <c r="AS153" s="137"/>
      <c r="AT153" s="137"/>
      <c r="AU153" s="137"/>
      <c r="AV153" s="137"/>
      <c r="AW153" s="144"/>
    </row>
    <row r="154" spans="7:49" x14ac:dyDescent="0.2">
      <c r="G154" s="43"/>
      <c r="Z154" s="143"/>
      <c r="AA154" s="137"/>
      <c r="AB154" s="137"/>
      <c r="AC154" s="137"/>
      <c r="AD154" s="137"/>
      <c r="AE154" s="137"/>
      <c r="AF154" s="137"/>
      <c r="AG154" s="137"/>
      <c r="AH154" s="137"/>
      <c r="AI154" s="137"/>
      <c r="AJ154" s="137"/>
      <c r="AK154" s="137"/>
      <c r="AL154" s="137"/>
      <c r="AM154" s="137"/>
      <c r="AN154" s="137"/>
      <c r="AO154" s="137"/>
      <c r="AP154" s="137"/>
      <c r="AQ154" s="137"/>
      <c r="AR154" s="137"/>
      <c r="AS154" s="137"/>
      <c r="AT154" s="137"/>
      <c r="AU154" s="137"/>
      <c r="AV154" s="137"/>
      <c r="AW154" s="144"/>
    </row>
    <row r="155" spans="7:49" x14ac:dyDescent="0.2">
      <c r="G155" s="43"/>
      <c r="Z155" s="143"/>
      <c r="AA155" s="137"/>
      <c r="AB155" s="137"/>
      <c r="AC155" s="137"/>
      <c r="AD155" s="137"/>
      <c r="AE155" s="137"/>
      <c r="AF155" s="137"/>
      <c r="AG155" s="137"/>
      <c r="AH155" s="137"/>
      <c r="AI155" s="137"/>
      <c r="AJ155" s="137"/>
      <c r="AK155" s="137"/>
      <c r="AL155" s="137"/>
      <c r="AM155" s="137"/>
      <c r="AN155" s="137"/>
      <c r="AO155" s="137"/>
      <c r="AP155" s="137"/>
      <c r="AQ155" s="137"/>
      <c r="AR155" s="137"/>
      <c r="AS155" s="137"/>
      <c r="AT155" s="137"/>
      <c r="AU155" s="137"/>
      <c r="AV155" s="137"/>
      <c r="AW155" s="144"/>
    </row>
    <row r="156" spans="7:49" x14ac:dyDescent="0.2">
      <c r="G156" s="43"/>
      <c r="Z156" s="143"/>
      <c r="AA156" s="137"/>
      <c r="AB156" s="137"/>
      <c r="AC156" s="137"/>
      <c r="AD156" s="137"/>
      <c r="AE156" s="137"/>
      <c r="AF156" s="137"/>
      <c r="AG156" s="137"/>
      <c r="AH156" s="137"/>
      <c r="AI156" s="137"/>
      <c r="AJ156" s="137"/>
      <c r="AK156" s="137"/>
      <c r="AL156" s="137"/>
      <c r="AM156" s="137"/>
      <c r="AN156" s="137"/>
      <c r="AO156" s="137"/>
      <c r="AP156" s="137"/>
      <c r="AQ156" s="137"/>
      <c r="AR156" s="137"/>
      <c r="AS156" s="137"/>
      <c r="AT156" s="137"/>
      <c r="AU156" s="137"/>
      <c r="AV156" s="137"/>
      <c r="AW156" s="144"/>
    </row>
    <row r="157" spans="7:49" x14ac:dyDescent="0.2">
      <c r="G157" s="43"/>
      <c r="Z157" s="143"/>
      <c r="AA157" s="137"/>
      <c r="AB157" s="137"/>
      <c r="AC157" s="137"/>
      <c r="AD157" s="137"/>
      <c r="AE157" s="137"/>
      <c r="AF157" s="137"/>
      <c r="AG157" s="137"/>
      <c r="AH157" s="137"/>
      <c r="AI157" s="137"/>
      <c r="AJ157" s="137"/>
      <c r="AK157" s="137"/>
      <c r="AL157" s="137"/>
      <c r="AM157" s="137"/>
      <c r="AN157" s="137"/>
      <c r="AO157" s="137"/>
      <c r="AP157" s="137"/>
      <c r="AQ157" s="137"/>
      <c r="AR157" s="137"/>
      <c r="AS157" s="137"/>
      <c r="AT157" s="137"/>
      <c r="AU157" s="137"/>
      <c r="AV157" s="137"/>
      <c r="AW157" s="144"/>
    </row>
    <row r="158" spans="7:49" x14ac:dyDescent="0.2">
      <c r="G158" s="43"/>
      <c r="Z158" s="143"/>
      <c r="AA158" s="137"/>
      <c r="AB158" s="137"/>
      <c r="AC158" s="137"/>
      <c r="AD158" s="137"/>
      <c r="AE158" s="137"/>
      <c r="AF158" s="137"/>
      <c r="AG158" s="137"/>
      <c r="AH158" s="137"/>
      <c r="AI158" s="137"/>
      <c r="AJ158" s="137"/>
      <c r="AK158" s="137"/>
      <c r="AL158" s="137"/>
      <c r="AM158" s="137"/>
      <c r="AN158" s="137"/>
      <c r="AO158" s="137"/>
      <c r="AP158" s="137"/>
      <c r="AQ158" s="137"/>
      <c r="AR158" s="137"/>
      <c r="AS158" s="137"/>
      <c r="AT158" s="137"/>
      <c r="AU158" s="137"/>
      <c r="AV158" s="137"/>
      <c r="AW158" s="144"/>
    </row>
    <row r="159" spans="7:49" x14ac:dyDescent="0.2">
      <c r="G159" s="43"/>
      <c r="Z159" s="143"/>
      <c r="AA159" s="137"/>
      <c r="AB159" s="137"/>
      <c r="AC159" s="137"/>
      <c r="AD159" s="137"/>
      <c r="AE159" s="137"/>
      <c r="AF159" s="137"/>
      <c r="AG159" s="137"/>
      <c r="AH159" s="137"/>
      <c r="AI159" s="137"/>
      <c r="AJ159" s="137"/>
      <c r="AK159" s="137"/>
      <c r="AL159" s="137"/>
      <c r="AM159" s="137"/>
      <c r="AN159" s="137"/>
      <c r="AO159" s="137"/>
      <c r="AP159" s="137"/>
      <c r="AQ159" s="137"/>
      <c r="AR159" s="137"/>
      <c r="AS159" s="137"/>
      <c r="AT159" s="137"/>
      <c r="AU159" s="137"/>
      <c r="AV159" s="137"/>
      <c r="AW159" s="144"/>
    </row>
    <row r="160" spans="7:49" x14ac:dyDescent="0.2">
      <c r="G160" s="43"/>
      <c r="Z160" s="143"/>
      <c r="AA160" s="137"/>
      <c r="AB160" s="137"/>
      <c r="AC160" s="137"/>
      <c r="AD160" s="137"/>
      <c r="AE160" s="137"/>
      <c r="AF160" s="137"/>
      <c r="AG160" s="137"/>
      <c r="AH160" s="137"/>
      <c r="AI160" s="137"/>
      <c r="AJ160" s="137"/>
      <c r="AK160" s="137"/>
      <c r="AL160" s="137"/>
      <c r="AM160" s="137"/>
      <c r="AN160" s="137"/>
      <c r="AO160" s="137"/>
      <c r="AP160" s="137"/>
      <c r="AQ160" s="137"/>
      <c r="AR160" s="137"/>
      <c r="AS160" s="137"/>
      <c r="AT160" s="137"/>
      <c r="AU160" s="137"/>
      <c r="AV160" s="137"/>
      <c r="AW160" s="144"/>
    </row>
    <row r="161" spans="7:49" x14ac:dyDescent="0.2">
      <c r="G161" s="43"/>
      <c r="Z161" s="143"/>
      <c r="AA161" s="137"/>
      <c r="AB161" s="137"/>
      <c r="AC161" s="137"/>
      <c r="AD161" s="137"/>
      <c r="AE161" s="137"/>
      <c r="AF161" s="137"/>
      <c r="AG161" s="137"/>
      <c r="AH161" s="137"/>
      <c r="AI161" s="137"/>
      <c r="AJ161" s="137"/>
      <c r="AK161" s="137"/>
      <c r="AL161" s="137"/>
      <c r="AM161" s="137"/>
      <c r="AN161" s="137"/>
      <c r="AO161" s="137"/>
      <c r="AP161" s="137"/>
      <c r="AQ161" s="137"/>
      <c r="AR161" s="137"/>
      <c r="AS161" s="137"/>
      <c r="AT161" s="137"/>
      <c r="AU161" s="137"/>
      <c r="AV161" s="137"/>
      <c r="AW161" s="144"/>
    </row>
    <row r="162" spans="7:49" x14ac:dyDescent="0.2">
      <c r="G162" s="43"/>
      <c r="Z162" s="143"/>
      <c r="AA162" s="137"/>
      <c r="AB162" s="137"/>
      <c r="AC162" s="137"/>
      <c r="AD162" s="137"/>
      <c r="AE162" s="137"/>
      <c r="AF162" s="137"/>
      <c r="AG162" s="137"/>
      <c r="AH162" s="137"/>
      <c r="AI162" s="137"/>
      <c r="AJ162" s="137"/>
      <c r="AK162" s="137"/>
      <c r="AL162" s="137"/>
      <c r="AM162" s="137"/>
      <c r="AN162" s="137"/>
      <c r="AO162" s="137"/>
      <c r="AP162" s="137"/>
      <c r="AQ162" s="137"/>
      <c r="AR162" s="137"/>
      <c r="AS162" s="137"/>
      <c r="AT162" s="137"/>
      <c r="AU162" s="137"/>
      <c r="AV162" s="137"/>
      <c r="AW162" s="144"/>
    </row>
    <row r="163" spans="7:49" x14ac:dyDescent="0.2">
      <c r="G163" s="43"/>
      <c r="Z163" s="143"/>
      <c r="AA163" s="137"/>
      <c r="AB163" s="137"/>
      <c r="AC163" s="137"/>
      <c r="AD163" s="137"/>
      <c r="AE163" s="137"/>
      <c r="AF163" s="137"/>
      <c r="AG163" s="137"/>
      <c r="AH163" s="137"/>
      <c r="AI163" s="137"/>
      <c r="AJ163" s="137"/>
      <c r="AK163" s="137"/>
      <c r="AL163" s="137"/>
      <c r="AM163" s="137"/>
      <c r="AN163" s="137"/>
      <c r="AO163" s="137"/>
      <c r="AP163" s="137"/>
      <c r="AQ163" s="137"/>
      <c r="AR163" s="137"/>
      <c r="AS163" s="137"/>
      <c r="AT163" s="137"/>
      <c r="AU163" s="137"/>
      <c r="AV163" s="137"/>
      <c r="AW163" s="144"/>
    </row>
    <row r="164" spans="7:49" x14ac:dyDescent="0.2">
      <c r="G164" s="43"/>
      <c r="Z164" s="143"/>
      <c r="AA164" s="137"/>
      <c r="AB164" s="137"/>
      <c r="AC164" s="137"/>
      <c r="AD164" s="137"/>
      <c r="AE164" s="137"/>
      <c r="AF164" s="137"/>
      <c r="AG164" s="137"/>
      <c r="AH164" s="137"/>
      <c r="AI164" s="137"/>
      <c r="AJ164" s="137"/>
      <c r="AK164" s="137"/>
      <c r="AL164" s="137"/>
      <c r="AM164" s="137"/>
      <c r="AN164" s="137"/>
      <c r="AO164" s="137"/>
      <c r="AP164" s="137"/>
      <c r="AQ164" s="137"/>
      <c r="AR164" s="137"/>
      <c r="AS164" s="137"/>
      <c r="AT164" s="137"/>
      <c r="AU164" s="137"/>
      <c r="AV164" s="137"/>
      <c r="AW164" s="144"/>
    </row>
    <row r="165" spans="7:49" x14ac:dyDescent="0.2">
      <c r="G165" s="43"/>
      <c r="Z165" s="143"/>
      <c r="AA165" s="137"/>
      <c r="AB165" s="137"/>
      <c r="AC165" s="137"/>
      <c r="AD165" s="137"/>
      <c r="AE165" s="137"/>
      <c r="AF165" s="137"/>
      <c r="AG165" s="137"/>
      <c r="AH165" s="137"/>
      <c r="AI165" s="137"/>
      <c r="AJ165" s="137"/>
      <c r="AK165" s="137"/>
      <c r="AL165" s="137"/>
      <c r="AM165" s="137"/>
      <c r="AN165" s="137"/>
      <c r="AO165" s="137"/>
      <c r="AP165" s="137"/>
      <c r="AQ165" s="137"/>
      <c r="AR165" s="137"/>
      <c r="AS165" s="137"/>
      <c r="AT165" s="137"/>
      <c r="AU165" s="137"/>
      <c r="AV165" s="137"/>
      <c r="AW165" s="144"/>
    </row>
    <row r="166" spans="7:49" x14ac:dyDescent="0.2">
      <c r="G166" s="43"/>
      <c r="Z166" s="143"/>
      <c r="AA166" s="137"/>
      <c r="AB166" s="137"/>
      <c r="AC166" s="137"/>
      <c r="AD166" s="137"/>
      <c r="AE166" s="137"/>
      <c r="AF166" s="137"/>
      <c r="AG166" s="137"/>
      <c r="AH166" s="137"/>
      <c r="AI166" s="137"/>
      <c r="AJ166" s="137"/>
      <c r="AK166" s="137"/>
      <c r="AL166" s="137"/>
      <c r="AM166" s="137"/>
      <c r="AN166" s="137"/>
      <c r="AO166" s="137"/>
      <c r="AP166" s="137"/>
      <c r="AQ166" s="137"/>
      <c r="AR166" s="137"/>
      <c r="AS166" s="137"/>
      <c r="AT166" s="137"/>
      <c r="AU166" s="137"/>
      <c r="AV166" s="137"/>
      <c r="AW166" s="144"/>
    </row>
    <row r="167" spans="7:49" x14ac:dyDescent="0.2">
      <c r="G167" s="43"/>
      <c r="Z167" s="143"/>
      <c r="AA167" s="137"/>
      <c r="AB167" s="137"/>
      <c r="AC167" s="137"/>
      <c r="AD167" s="137"/>
      <c r="AE167" s="137"/>
      <c r="AF167" s="137"/>
      <c r="AG167" s="137"/>
      <c r="AH167" s="137"/>
      <c r="AI167" s="137"/>
      <c r="AJ167" s="137"/>
      <c r="AK167" s="137"/>
      <c r="AL167" s="137"/>
      <c r="AM167" s="137"/>
      <c r="AN167" s="137"/>
      <c r="AO167" s="137"/>
      <c r="AP167" s="137"/>
      <c r="AQ167" s="137"/>
      <c r="AR167" s="137"/>
      <c r="AS167" s="137"/>
      <c r="AT167" s="137"/>
      <c r="AU167" s="137"/>
      <c r="AV167" s="137"/>
      <c r="AW167" s="144"/>
    </row>
    <row r="168" spans="7:49" x14ac:dyDescent="0.2">
      <c r="G168" s="43"/>
      <c r="Z168" s="143"/>
      <c r="AA168" s="137"/>
      <c r="AB168" s="137"/>
      <c r="AC168" s="137"/>
      <c r="AD168" s="137"/>
      <c r="AE168" s="137"/>
      <c r="AF168" s="137"/>
      <c r="AG168" s="137"/>
      <c r="AH168" s="137"/>
      <c r="AI168" s="137"/>
      <c r="AJ168" s="137"/>
      <c r="AK168" s="137"/>
      <c r="AL168" s="137"/>
      <c r="AM168" s="137"/>
      <c r="AN168" s="137"/>
      <c r="AO168" s="137"/>
      <c r="AP168" s="137"/>
      <c r="AQ168" s="137"/>
      <c r="AR168" s="137"/>
      <c r="AS168" s="137"/>
      <c r="AT168" s="137"/>
      <c r="AU168" s="137"/>
      <c r="AV168" s="137"/>
      <c r="AW168" s="144"/>
    </row>
    <row r="169" spans="7:49" x14ac:dyDescent="0.2">
      <c r="G169" s="43"/>
      <c r="Z169" s="143"/>
      <c r="AA169" s="137"/>
      <c r="AB169" s="137"/>
      <c r="AC169" s="137"/>
      <c r="AD169" s="137"/>
      <c r="AE169" s="137"/>
      <c r="AF169" s="137"/>
      <c r="AG169" s="137"/>
      <c r="AH169" s="137"/>
      <c r="AI169" s="137"/>
      <c r="AJ169" s="137"/>
      <c r="AK169" s="137"/>
      <c r="AL169" s="137"/>
      <c r="AM169" s="137"/>
      <c r="AN169" s="137"/>
      <c r="AO169" s="137"/>
      <c r="AP169" s="137"/>
      <c r="AQ169" s="137"/>
      <c r="AR169" s="137"/>
      <c r="AS169" s="137"/>
      <c r="AT169" s="137"/>
      <c r="AU169" s="137"/>
      <c r="AV169" s="137"/>
      <c r="AW169" s="144"/>
    </row>
    <row r="170" spans="7:49" x14ac:dyDescent="0.2">
      <c r="G170" s="43"/>
      <c r="Z170" s="143"/>
      <c r="AA170" s="137"/>
      <c r="AB170" s="137"/>
      <c r="AC170" s="137"/>
      <c r="AD170" s="137"/>
      <c r="AE170" s="137"/>
      <c r="AF170" s="137"/>
      <c r="AG170" s="137"/>
      <c r="AH170" s="137"/>
      <c r="AI170" s="137"/>
      <c r="AJ170" s="137"/>
      <c r="AK170" s="137"/>
      <c r="AL170" s="137"/>
      <c r="AM170" s="137"/>
      <c r="AN170" s="137"/>
      <c r="AO170" s="137"/>
      <c r="AP170" s="137"/>
      <c r="AQ170" s="137"/>
      <c r="AR170" s="137"/>
      <c r="AS170" s="137"/>
      <c r="AT170" s="137"/>
      <c r="AU170" s="137"/>
      <c r="AV170" s="137"/>
      <c r="AW170" s="144"/>
    </row>
    <row r="171" spans="7:49" x14ac:dyDescent="0.2">
      <c r="G171" s="43"/>
      <c r="Z171" s="143"/>
      <c r="AA171" s="137"/>
      <c r="AB171" s="137"/>
      <c r="AC171" s="137"/>
      <c r="AD171" s="137"/>
      <c r="AE171" s="137"/>
      <c r="AF171" s="137"/>
      <c r="AG171" s="137"/>
      <c r="AH171" s="137"/>
      <c r="AI171" s="137"/>
      <c r="AJ171" s="137"/>
      <c r="AK171" s="137"/>
      <c r="AL171" s="137"/>
      <c r="AM171" s="137"/>
      <c r="AN171" s="137"/>
      <c r="AO171" s="137"/>
      <c r="AP171" s="137"/>
      <c r="AQ171" s="137"/>
      <c r="AR171" s="137"/>
      <c r="AS171" s="137"/>
      <c r="AT171" s="137"/>
      <c r="AU171" s="137"/>
      <c r="AV171" s="137"/>
      <c r="AW171" s="144"/>
    </row>
    <row r="172" spans="7:49" x14ac:dyDescent="0.2">
      <c r="G172" s="43"/>
      <c r="Z172" s="143"/>
      <c r="AA172" s="137"/>
      <c r="AB172" s="137"/>
      <c r="AC172" s="137"/>
      <c r="AD172" s="137"/>
      <c r="AE172" s="137"/>
      <c r="AF172" s="137"/>
      <c r="AG172" s="137"/>
      <c r="AH172" s="137"/>
      <c r="AI172" s="137"/>
      <c r="AJ172" s="137"/>
      <c r="AK172" s="137"/>
      <c r="AL172" s="137"/>
      <c r="AM172" s="137"/>
      <c r="AN172" s="137"/>
      <c r="AO172" s="137"/>
      <c r="AP172" s="137"/>
      <c r="AQ172" s="137"/>
      <c r="AR172" s="137"/>
      <c r="AS172" s="137"/>
      <c r="AT172" s="137"/>
      <c r="AU172" s="137"/>
      <c r="AV172" s="137"/>
      <c r="AW172" s="144"/>
    </row>
    <row r="173" spans="7:49" x14ac:dyDescent="0.2">
      <c r="G173" s="43"/>
      <c r="Z173" s="143"/>
      <c r="AA173" s="137"/>
      <c r="AB173" s="137"/>
      <c r="AC173" s="137"/>
      <c r="AD173" s="137"/>
      <c r="AE173" s="137"/>
      <c r="AF173" s="137"/>
      <c r="AG173" s="137"/>
      <c r="AH173" s="137"/>
      <c r="AI173" s="137"/>
      <c r="AJ173" s="137"/>
      <c r="AK173" s="137"/>
      <c r="AL173" s="137"/>
      <c r="AM173" s="137"/>
      <c r="AN173" s="137"/>
      <c r="AO173" s="137"/>
      <c r="AP173" s="137"/>
      <c r="AQ173" s="137"/>
      <c r="AR173" s="137"/>
      <c r="AS173" s="137"/>
      <c r="AT173" s="137"/>
      <c r="AU173" s="137"/>
      <c r="AV173" s="137"/>
      <c r="AW173" s="144"/>
    </row>
    <row r="174" spans="7:49" x14ac:dyDescent="0.2">
      <c r="G174" s="43"/>
      <c r="Z174" s="143"/>
      <c r="AA174" s="137"/>
      <c r="AB174" s="137"/>
      <c r="AC174" s="137"/>
      <c r="AD174" s="137"/>
      <c r="AE174" s="137"/>
      <c r="AF174" s="137"/>
      <c r="AG174" s="137"/>
      <c r="AH174" s="137"/>
      <c r="AI174" s="137"/>
      <c r="AJ174" s="137"/>
      <c r="AK174" s="137"/>
      <c r="AL174" s="137"/>
      <c r="AM174" s="137"/>
      <c r="AN174" s="137"/>
      <c r="AO174" s="137"/>
      <c r="AP174" s="137"/>
      <c r="AQ174" s="137"/>
      <c r="AR174" s="137"/>
      <c r="AS174" s="137"/>
      <c r="AT174" s="137"/>
      <c r="AU174" s="137"/>
      <c r="AV174" s="137"/>
      <c r="AW174" s="144"/>
    </row>
    <row r="175" spans="7:49" x14ac:dyDescent="0.2">
      <c r="G175" s="43"/>
      <c r="Z175" s="143"/>
      <c r="AA175" s="137"/>
      <c r="AB175" s="137"/>
      <c r="AC175" s="137"/>
      <c r="AD175" s="137"/>
      <c r="AE175" s="137"/>
      <c r="AF175" s="137"/>
      <c r="AG175" s="137"/>
      <c r="AH175" s="137"/>
      <c r="AI175" s="137"/>
      <c r="AJ175" s="137"/>
      <c r="AK175" s="137"/>
      <c r="AL175" s="137"/>
      <c r="AM175" s="137"/>
      <c r="AN175" s="137"/>
      <c r="AO175" s="137"/>
      <c r="AP175" s="137"/>
      <c r="AQ175" s="137"/>
      <c r="AR175" s="137"/>
      <c r="AS175" s="137"/>
      <c r="AT175" s="137"/>
      <c r="AU175" s="137"/>
      <c r="AV175" s="137"/>
      <c r="AW175" s="144"/>
    </row>
    <row r="176" spans="7:49" x14ac:dyDescent="0.2">
      <c r="G176" s="43"/>
      <c r="Z176" s="143"/>
      <c r="AA176" s="137"/>
      <c r="AB176" s="137"/>
      <c r="AC176" s="137"/>
      <c r="AD176" s="137"/>
      <c r="AE176" s="137"/>
      <c r="AF176" s="137"/>
      <c r="AG176" s="137"/>
      <c r="AH176" s="137"/>
      <c r="AI176" s="137"/>
      <c r="AJ176" s="137"/>
      <c r="AK176" s="137"/>
      <c r="AL176" s="137"/>
      <c r="AM176" s="137"/>
      <c r="AN176" s="137"/>
      <c r="AO176" s="137"/>
      <c r="AP176" s="137"/>
      <c r="AQ176" s="137"/>
      <c r="AR176" s="137"/>
      <c r="AS176" s="137"/>
      <c r="AT176" s="137"/>
      <c r="AU176" s="137"/>
      <c r="AV176" s="137"/>
      <c r="AW176" s="144"/>
    </row>
    <row r="177" spans="7:49" x14ac:dyDescent="0.2">
      <c r="G177" s="43"/>
      <c r="Z177" s="143"/>
      <c r="AA177" s="137"/>
      <c r="AB177" s="137"/>
      <c r="AC177" s="137"/>
      <c r="AD177" s="137"/>
      <c r="AE177" s="137"/>
      <c r="AF177" s="137"/>
      <c r="AG177" s="137"/>
      <c r="AH177" s="137"/>
      <c r="AI177" s="137"/>
      <c r="AJ177" s="137"/>
      <c r="AK177" s="137"/>
      <c r="AL177" s="137"/>
      <c r="AM177" s="137"/>
      <c r="AN177" s="137"/>
      <c r="AO177" s="137"/>
      <c r="AP177" s="137"/>
      <c r="AQ177" s="137"/>
      <c r="AR177" s="137"/>
      <c r="AS177" s="137"/>
      <c r="AT177" s="137"/>
      <c r="AU177" s="137"/>
      <c r="AV177" s="137"/>
      <c r="AW177" s="144"/>
    </row>
    <row r="178" spans="7:49" x14ac:dyDescent="0.2">
      <c r="G178" s="43"/>
      <c r="Z178" s="143"/>
      <c r="AA178" s="137"/>
      <c r="AB178" s="137"/>
      <c r="AC178" s="137"/>
      <c r="AD178" s="137"/>
      <c r="AE178" s="137"/>
      <c r="AF178" s="137"/>
      <c r="AG178" s="137"/>
      <c r="AH178" s="137"/>
      <c r="AI178" s="137"/>
      <c r="AJ178" s="137"/>
      <c r="AK178" s="137"/>
      <c r="AL178" s="137"/>
      <c r="AM178" s="137"/>
      <c r="AN178" s="137"/>
      <c r="AO178" s="137"/>
      <c r="AP178" s="137"/>
      <c r="AQ178" s="137"/>
      <c r="AR178" s="137"/>
      <c r="AS178" s="137"/>
      <c r="AT178" s="137"/>
      <c r="AU178" s="137"/>
      <c r="AV178" s="137"/>
      <c r="AW178" s="144"/>
    </row>
    <row r="179" spans="7:49" x14ac:dyDescent="0.2">
      <c r="G179" s="43"/>
      <c r="Z179" s="143"/>
      <c r="AA179" s="137"/>
      <c r="AB179" s="137"/>
      <c r="AC179" s="137"/>
      <c r="AD179" s="137"/>
      <c r="AE179" s="137"/>
      <c r="AF179" s="137"/>
      <c r="AG179" s="137"/>
      <c r="AH179" s="137"/>
      <c r="AI179" s="137"/>
      <c r="AJ179" s="137"/>
      <c r="AK179" s="137"/>
      <c r="AL179" s="137"/>
      <c r="AM179" s="137"/>
      <c r="AN179" s="137"/>
      <c r="AO179" s="137"/>
      <c r="AP179" s="137"/>
      <c r="AQ179" s="137"/>
      <c r="AR179" s="137"/>
      <c r="AS179" s="137"/>
      <c r="AT179" s="137"/>
      <c r="AU179" s="137"/>
      <c r="AV179" s="137"/>
      <c r="AW179" s="144"/>
    </row>
    <row r="180" spans="7:49" x14ac:dyDescent="0.2">
      <c r="G180" s="43"/>
      <c r="Z180" s="143"/>
      <c r="AA180" s="137"/>
      <c r="AB180" s="137"/>
      <c r="AC180" s="137"/>
      <c r="AD180" s="137"/>
      <c r="AE180" s="137"/>
      <c r="AF180" s="137"/>
      <c r="AG180" s="137"/>
      <c r="AH180" s="137"/>
      <c r="AI180" s="137"/>
      <c r="AJ180" s="137"/>
      <c r="AK180" s="137"/>
      <c r="AL180" s="137"/>
      <c r="AM180" s="137"/>
      <c r="AN180" s="137"/>
      <c r="AO180" s="137"/>
      <c r="AP180" s="137"/>
      <c r="AQ180" s="137"/>
      <c r="AR180" s="137"/>
      <c r="AS180" s="137"/>
      <c r="AT180" s="137"/>
      <c r="AU180" s="137"/>
      <c r="AV180" s="137"/>
      <c r="AW180" s="144"/>
    </row>
    <row r="181" spans="7:49" x14ac:dyDescent="0.2">
      <c r="G181" s="43"/>
      <c r="Z181" s="143"/>
      <c r="AA181" s="137"/>
      <c r="AB181" s="137"/>
      <c r="AC181" s="137"/>
      <c r="AD181" s="137"/>
      <c r="AE181" s="137"/>
      <c r="AF181" s="137"/>
      <c r="AG181" s="137"/>
      <c r="AH181" s="137"/>
      <c r="AI181" s="137"/>
      <c r="AJ181" s="137"/>
      <c r="AK181" s="137"/>
      <c r="AL181" s="137"/>
      <c r="AM181" s="137"/>
      <c r="AN181" s="137"/>
      <c r="AO181" s="137"/>
      <c r="AP181" s="137"/>
      <c r="AQ181" s="137"/>
      <c r="AR181" s="137"/>
      <c r="AS181" s="137"/>
      <c r="AT181" s="137"/>
      <c r="AU181" s="137"/>
      <c r="AV181" s="137"/>
      <c r="AW181" s="144"/>
    </row>
    <row r="182" spans="7:49" x14ac:dyDescent="0.2">
      <c r="G182" s="43"/>
      <c r="Z182" s="143"/>
      <c r="AA182" s="137"/>
      <c r="AB182" s="137"/>
      <c r="AC182" s="137"/>
      <c r="AD182" s="137"/>
      <c r="AE182" s="137"/>
      <c r="AF182" s="137"/>
      <c r="AG182" s="137"/>
      <c r="AH182" s="137"/>
      <c r="AI182" s="137"/>
      <c r="AJ182" s="137"/>
      <c r="AK182" s="137"/>
      <c r="AL182" s="137"/>
      <c r="AM182" s="137"/>
      <c r="AN182" s="137"/>
      <c r="AO182" s="137"/>
      <c r="AP182" s="137"/>
      <c r="AQ182" s="137"/>
      <c r="AR182" s="137"/>
      <c r="AS182" s="137"/>
      <c r="AT182" s="137"/>
      <c r="AU182" s="137"/>
      <c r="AV182" s="137"/>
      <c r="AW182" s="144"/>
    </row>
    <row r="183" spans="7:49" x14ac:dyDescent="0.2">
      <c r="G183" s="43"/>
      <c r="Z183" s="143"/>
      <c r="AA183" s="137"/>
      <c r="AB183" s="137"/>
      <c r="AC183" s="137"/>
      <c r="AD183" s="137"/>
      <c r="AE183" s="137"/>
      <c r="AF183" s="137"/>
      <c r="AG183" s="137"/>
      <c r="AH183" s="137"/>
      <c r="AI183" s="137"/>
      <c r="AJ183" s="137"/>
      <c r="AK183" s="137"/>
      <c r="AL183" s="137"/>
      <c r="AM183" s="137"/>
      <c r="AN183" s="137"/>
      <c r="AO183" s="137"/>
      <c r="AP183" s="137"/>
      <c r="AQ183" s="137"/>
      <c r="AR183" s="137"/>
      <c r="AS183" s="137"/>
      <c r="AT183" s="137"/>
      <c r="AU183" s="137"/>
      <c r="AV183" s="137"/>
      <c r="AW183" s="144"/>
    </row>
    <row r="184" spans="7:49" x14ac:dyDescent="0.2">
      <c r="G184" s="43"/>
      <c r="Z184" s="143"/>
      <c r="AA184" s="137"/>
      <c r="AB184" s="137"/>
      <c r="AC184" s="137"/>
      <c r="AD184" s="137"/>
      <c r="AE184" s="137"/>
      <c r="AF184" s="137"/>
      <c r="AG184" s="137"/>
      <c r="AH184" s="137"/>
      <c r="AI184" s="137"/>
      <c r="AJ184" s="137"/>
      <c r="AK184" s="137"/>
      <c r="AL184" s="137"/>
      <c r="AM184" s="137"/>
      <c r="AN184" s="137"/>
      <c r="AO184" s="137"/>
      <c r="AP184" s="137"/>
      <c r="AQ184" s="137"/>
      <c r="AR184" s="137"/>
      <c r="AS184" s="137"/>
      <c r="AT184" s="137"/>
      <c r="AU184" s="137"/>
      <c r="AV184" s="137"/>
      <c r="AW184" s="144"/>
    </row>
    <row r="185" spans="7:49" x14ac:dyDescent="0.2">
      <c r="G185" s="43"/>
      <c r="Z185" s="143"/>
      <c r="AA185" s="137"/>
      <c r="AB185" s="137"/>
      <c r="AC185" s="137"/>
      <c r="AD185" s="137"/>
      <c r="AE185" s="137"/>
      <c r="AF185" s="137"/>
      <c r="AG185" s="137"/>
      <c r="AH185" s="137"/>
      <c r="AI185" s="137"/>
      <c r="AJ185" s="137"/>
      <c r="AK185" s="137"/>
      <c r="AL185" s="137"/>
      <c r="AM185" s="137"/>
      <c r="AN185" s="137"/>
      <c r="AO185" s="137"/>
      <c r="AP185" s="137"/>
      <c r="AQ185" s="137"/>
      <c r="AR185" s="137"/>
      <c r="AS185" s="137"/>
      <c r="AT185" s="137"/>
      <c r="AU185" s="137"/>
      <c r="AV185" s="137"/>
      <c r="AW185" s="144"/>
    </row>
    <row r="186" spans="7:49" x14ac:dyDescent="0.2">
      <c r="G186" s="43"/>
      <c r="Z186" s="143"/>
      <c r="AA186" s="137"/>
      <c r="AB186" s="137"/>
      <c r="AC186" s="137"/>
      <c r="AD186" s="137"/>
      <c r="AE186" s="137"/>
      <c r="AF186" s="137"/>
      <c r="AG186" s="137"/>
      <c r="AH186" s="137"/>
      <c r="AI186" s="137"/>
      <c r="AJ186" s="137"/>
      <c r="AK186" s="137"/>
      <c r="AL186" s="137"/>
      <c r="AM186" s="137"/>
      <c r="AN186" s="137"/>
      <c r="AO186" s="137"/>
      <c r="AP186" s="137"/>
      <c r="AQ186" s="137"/>
      <c r="AR186" s="137"/>
      <c r="AS186" s="137"/>
      <c r="AT186" s="137"/>
      <c r="AU186" s="137"/>
      <c r="AV186" s="137"/>
      <c r="AW186" s="144"/>
    </row>
    <row r="187" spans="7:49" x14ac:dyDescent="0.2">
      <c r="G187" s="43"/>
      <c r="Z187" s="143"/>
      <c r="AA187" s="137"/>
      <c r="AB187" s="137"/>
      <c r="AC187" s="137"/>
      <c r="AD187" s="137"/>
      <c r="AE187" s="137"/>
      <c r="AF187" s="137"/>
      <c r="AG187" s="137"/>
      <c r="AH187" s="137"/>
      <c r="AI187" s="137"/>
      <c r="AJ187" s="137"/>
      <c r="AK187" s="137"/>
      <c r="AL187" s="137"/>
      <c r="AM187" s="137"/>
      <c r="AN187" s="137"/>
      <c r="AO187" s="137"/>
      <c r="AP187" s="137"/>
      <c r="AQ187" s="137"/>
      <c r="AR187" s="137"/>
      <c r="AS187" s="137"/>
      <c r="AT187" s="137"/>
      <c r="AU187" s="137"/>
      <c r="AV187" s="137"/>
      <c r="AW187" s="144"/>
    </row>
    <row r="188" spans="7:49" x14ac:dyDescent="0.2">
      <c r="G188" s="43"/>
      <c r="Z188" s="143"/>
      <c r="AA188" s="137"/>
      <c r="AB188" s="137"/>
      <c r="AC188" s="137"/>
      <c r="AD188" s="137"/>
      <c r="AE188" s="137"/>
      <c r="AF188" s="137"/>
      <c r="AG188" s="137"/>
      <c r="AH188" s="137"/>
      <c r="AI188" s="137"/>
      <c r="AJ188" s="137"/>
      <c r="AK188" s="137"/>
      <c r="AL188" s="137"/>
      <c r="AM188" s="137"/>
      <c r="AN188" s="137"/>
      <c r="AO188" s="137"/>
      <c r="AP188" s="137"/>
      <c r="AQ188" s="137"/>
      <c r="AR188" s="137"/>
      <c r="AS188" s="137"/>
      <c r="AT188" s="137"/>
      <c r="AU188" s="137"/>
      <c r="AV188" s="137"/>
      <c r="AW188" s="144"/>
    </row>
    <row r="189" spans="7:49" x14ac:dyDescent="0.2">
      <c r="G189" s="43"/>
      <c r="Z189" s="143"/>
      <c r="AA189" s="137"/>
      <c r="AB189" s="137"/>
      <c r="AC189" s="137"/>
      <c r="AD189" s="137"/>
      <c r="AE189" s="137"/>
      <c r="AF189" s="137"/>
      <c r="AG189" s="137"/>
      <c r="AH189" s="137"/>
      <c r="AI189" s="137"/>
      <c r="AJ189" s="137"/>
      <c r="AK189" s="137"/>
      <c r="AL189" s="137"/>
      <c r="AM189" s="137"/>
      <c r="AN189" s="137"/>
      <c r="AO189" s="137"/>
      <c r="AP189" s="137"/>
      <c r="AQ189" s="137"/>
      <c r="AR189" s="137"/>
      <c r="AS189" s="137"/>
      <c r="AT189" s="137"/>
      <c r="AU189" s="137"/>
      <c r="AV189" s="137"/>
      <c r="AW189" s="144"/>
    </row>
    <row r="190" spans="7:49" x14ac:dyDescent="0.2">
      <c r="G190" s="43"/>
      <c r="Z190" s="143"/>
      <c r="AA190" s="137"/>
      <c r="AB190" s="137"/>
      <c r="AC190" s="137"/>
      <c r="AD190" s="137"/>
      <c r="AE190" s="137"/>
      <c r="AF190" s="137"/>
      <c r="AG190" s="137"/>
      <c r="AH190" s="137"/>
      <c r="AI190" s="137"/>
      <c r="AJ190" s="137"/>
      <c r="AK190" s="137"/>
      <c r="AL190" s="137"/>
      <c r="AM190" s="137"/>
      <c r="AN190" s="137"/>
      <c r="AO190" s="137"/>
      <c r="AP190" s="137"/>
      <c r="AQ190" s="137"/>
      <c r="AR190" s="137"/>
      <c r="AS190" s="137"/>
      <c r="AT190" s="137"/>
      <c r="AU190" s="137"/>
      <c r="AV190" s="137"/>
      <c r="AW190" s="144"/>
    </row>
    <row r="191" spans="7:49" x14ac:dyDescent="0.2">
      <c r="G191" s="43"/>
      <c r="Z191" s="143"/>
      <c r="AA191" s="137"/>
      <c r="AB191" s="137"/>
      <c r="AC191" s="137"/>
      <c r="AD191" s="137"/>
      <c r="AE191" s="137"/>
      <c r="AF191" s="137"/>
      <c r="AG191" s="137"/>
      <c r="AH191" s="137"/>
      <c r="AI191" s="137"/>
      <c r="AJ191" s="137"/>
      <c r="AK191" s="137"/>
      <c r="AL191" s="137"/>
      <c r="AM191" s="137"/>
      <c r="AN191" s="137"/>
      <c r="AO191" s="137"/>
      <c r="AP191" s="137"/>
      <c r="AQ191" s="137"/>
      <c r="AR191" s="137"/>
      <c r="AS191" s="137"/>
      <c r="AT191" s="137"/>
      <c r="AU191" s="137"/>
      <c r="AV191" s="137"/>
      <c r="AW191" s="144"/>
    </row>
    <row r="192" spans="7:49" x14ac:dyDescent="0.2">
      <c r="G192" s="43"/>
      <c r="Z192" s="143"/>
      <c r="AA192" s="137"/>
      <c r="AB192" s="137"/>
      <c r="AC192" s="137"/>
      <c r="AD192" s="137"/>
      <c r="AE192" s="137"/>
      <c r="AF192" s="137"/>
      <c r="AG192" s="137"/>
      <c r="AH192" s="137"/>
      <c r="AI192" s="137"/>
      <c r="AJ192" s="137"/>
      <c r="AK192" s="137"/>
      <c r="AL192" s="137"/>
      <c r="AM192" s="137"/>
      <c r="AN192" s="137"/>
      <c r="AO192" s="137"/>
      <c r="AP192" s="137"/>
      <c r="AQ192" s="137"/>
      <c r="AR192" s="137"/>
      <c r="AS192" s="137"/>
      <c r="AT192" s="137"/>
      <c r="AU192" s="137"/>
      <c r="AV192" s="137"/>
      <c r="AW192" s="144"/>
    </row>
    <row r="193" spans="7:49" x14ac:dyDescent="0.2">
      <c r="G193" s="43"/>
      <c r="Z193" s="143"/>
      <c r="AA193" s="137"/>
      <c r="AB193" s="137"/>
      <c r="AC193" s="137"/>
      <c r="AD193" s="137"/>
      <c r="AE193" s="137"/>
      <c r="AF193" s="137"/>
      <c r="AG193" s="137"/>
      <c r="AH193" s="137"/>
      <c r="AI193" s="137"/>
      <c r="AJ193" s="137"/>
      <c r="AK193" s="137"/>
      <c r="AL193" s="137"/>
      <c r="AM193" s="137"/>
      <c r="AN193" s="137"/>
      <c r="AO193" s="137"/>
      <c r="AP193" s="137"/>
      <c r="AQ193" s="137"/>
      <c r="AR193" s="137"/>
      <c r="AS193" s="137"/>
      <c r="AT193" s="137"/>
      <c r="AU193" s="137"/>
      <c r="AV193" s="137"/>
      <c r="AW193" s="144"/>
    </row>
    <row r="194" spans="7:49" x14ac:dyDescent="0.2">
      <c r="G194" s="43"/>
      <c r="Z194" s="143"/>
      <c r="AA194" s="137"/>
      <c r="AB194" s="137"/>
      <c r="AC194" s="137"/>
      <c r="AD194" s="137"/>
      <c r="AE194" s="137"/>
      <c r="AF194" s="137"/>
      <c r="AG194" s="137"/>
      <c r="AH194" s="137"/>
      <c r="AI194" s="137"/>
      <c r="AJ194" s="137"/>
      <c r="AK194" s="137"/>
      <c r="AL194" s="137"/>
      <c r="AM194" s="137"/>
      <c r="AN194" s="137"/>
      <c r="AO194" s="137"/>
      <c r="AP194" s="137"/>
      <c r="AQ194" s="137"/>
      <c r="AR194" s="137"/>
      <c r="AS194" s="137"/>
      <c r="AT194" s="137"/>
      <c r="AU194" s="137"/>
      <c r="AV194" s="137"/>
      <c r="AW194" s="144"/>
    </row>
    <row r="195" spans="7:49" x14ac:dyDescent="0.2">
      <c r="G195" s="43"/>
      <c r="Z195" s="143"/>
      <c r="AA195" s="137"/>
      <c r="AB195" s="137"/>
      <c r="AC195" s="137"/>
      <c r="AD195" s="137"/>
      <c r="AE195" s="137"/>
      <c r="AF195" s="137"/>
      <c r="AG195" s="137"/>
      <c r="AH195" s="137"/>
      <c r="AI195" s="137"/>
      <c r="AJ195" s="137"/>
      <c r="AK195" s="137"/>
      <c r="AL195" s="137"/>
      <c r="AM195" s="137"/>
      <c r="AN195" s="137"/>
      <c r="AO195" s="137"/>
      <c r="AP195" s="137"/>
      <c r="AQ195" s="137"/>
      <c r="AR195" s="137"/>
      <c r="AS195" s="137"/>
      <c r="AT195" s="137"/>
      <c r="AU195" s="137"/>
      <c r="AV195" s="137"/>
      <c r="AW195" s="144"/>
    </row>
    <row r="196" spans="7:49" x14ac:dyDescent="0.2">
      <c r="G196" s="43"/>
      <c r="Z196" s="143"/>
      <c r="AA196" s="137"/>
      <c r="AB196" s="137"/>
      <c r="AC196" s="137"/>
      <c r="AD196" s="137"/>
      <c r="AE196" s="137"/>
      <c r="AF196" s="137"/>
      <c r="AG196" s="137"/>
      <c r="AH196" s="137"/>
      <c r="AI196" s="137"/>
      <c r="AJ196" s="137"/>
      <c r="AK196" s="137"/>
      <c r="AL196" s="137"/>
      <c r="AM196" s="137"/>
      <c r="AN196" s="137"/>
      <c r="AO196" s="137"/>
      <c r="AP196" s="137"/>
      <c r="AQ196" s="137"/>
      <c r="AR196" s="137"/>
      <c r="AS196" s="137"/>
      <c r="AT196" s="137"/>
      <c r="AU196" s="137"/>
      <c r="AV196" s="137"/>
      <c r="AW196" s="144"/>
    </row>
    <row r="197" spans="7:49" x14ac:dyDescent="0.2">
      <c r="G197" s="43"/>
      <c r="Z197" s="143"/>
      <c r="AA197" s="137"/>
      <c r="AB197" s="137"/>
      <c r="AC197" s="137"/>
      <c r="AD197" s="137"/>
      <c r="AE197" s="137"/>
      <c r="AF197" s="137"/>
      <c r="AG197" s="137"/>
      <c r="AH197" s="137"/>
      <c r="AI197" s="137"/>
      <c r="AJ197" s="137"/>
      <c r="AK197" s="137"/>
      <c r="AL197" s="137"/>
      <c r="AM197" s="137"/>
      <c r="AN197" s="137"/>
      <c r="AO197" s="137"/>
      <c r="AP197" s="137"/>
      <c r="AQ197" s="137"/>
      <c r="AR197" s="137"/>
      <c r="AS197" s="137"/>
      <c r="AT197" s="137"/>
      <c r="AU197" s="137"/>
      <c r="AV197" s="137"/>
      <c r="AW197" s="144"/>
    </row>
    <row r="198" spans="7:49" x14ac:dyDescent="0.2">
      <c r="G198" s="43"/>
      <c r="Z198" s="143"/>
      <c r="AA198" s="137"/>
      <c r="AB198" s="137"/>
      <c r="AC198" s="137"/>
      <c r="AD198" s="137"/>
      <c r="AE198" s="137"/>
      <c r="AF198" s="137"/>
      <c r="AG198" s="137"/>
      <c r="AH198" s="137"/>
      <c r="AI198" s="137"/>
      <c r="AJ198" s="137"/>
      <c r="AK198" s="137"/>
      <c r="AL198" s="137"/>
      <c r="AM198" s="137"/>
      <c r="AN198" s="137"/>
      <c r="AO198" s="137"/>
      <c r="AP198" s="137"/>
      <c r="AQ198" s="137"/>
      <c r="AR198" s="137"/>
      <c r="AS198" s="137"/>
      <c r="AT198" s="137"/>
      <c r="AU198" s="137"/>
      <c r="AV198" s="137"/>
      <c r="AW198" s="144"/>
    </row>
    <row r="199" spans="7:49" x14ac:dyDescent="0.2">
      <c r="G199" s="43"/>
      <c r="Z199" s="143"/>
      <c r="AA199" s="137"/>
      <c r="AB199" s="137"/>
      <c r="AC199" s="137"/>
      <c r="AD199" s="137"/>
      <c r="AE199" s="137"/>
      <c r="AF199" s="137"/>
      <c r="AG199" s="137"/>
      <c r="AH199" s="137"/>
      <c r="AI199" s="137"/>
      <c r="AJ199" s="137"/>
      <c r="AK199" s="137"/>
      <c r="AL199" s="137"/>
      <c r="AM199" s="137"/>
      <c r="AN199" s="137"/>
      <c r="AO199" s="137"/>
      <c r="AP199" s="137"/>
      <c r="AQ199" s="137"/>
      <c r="AR199" s="137"/>
      <c r="AS199" s="137"/>
      <c r="AT199" s="137"/>
      <c r="AU199" s="137"/>
      <c r="AV199" s="137"/>
      <c r="AW199" s="144"/>
    </row>
    <row r="200" spans="7:49" x14ac:dyDescent="0.2">
      <c r="G200" s="43"/>
      <c r="Z200" s="143"/>
      <c r="AA200" s="137"/>
      <c r="AB200" s="137"/>
      <c r="AC200" s="137"/>
      <c r="AD200" s="137"/>
      <c r="AE200" s="137"/>
      <c r="AF200" s="137"/>
      <c r="AG200" s="137"/>
      <c r="AH200" s="137"/>
      <c r="AI200" s="137"/>
      <c r="AJ200" s="137"/>
      <c r="AK200" s="137"/>
      <c r="AL200" s="137"/>
      <c r="AM200" s="137"/>
      <c r="AN200" s="137"/>
      <c r="AO200" s="137"/>
      <c r="AP200" s="137"/>
      <c r="AQ200" s="137"/>
      <c r="AR200" s="137"/>
      <c r="AS200" s="137"/>
      <c r="AT200" s="137"/>
      <c r="AU200" s="137"/>
      <c r="AV200" s="137"/>
      <c r="AW200" s="144"/>
    </row>
    <row r="201" spans="7:49" x14ac:dyDescent="0.2">
      <c r="G201" s="43"/>
      <c r="Z201" s="143"/>
      <c r="AA201" s="137"/>
      <c r="AB201" s="137"/>
      <c r="AC201" s="137"/>
      <c r="AD201" s="137"/>
      <c r="AE201" s="137"/>
      <c r="AF201" s="137"/>
      <c r="AG201" s="137"/>
      <c r="AH201" s="137"/>
      <c r="AI201" s="137"/>
      <c r="AJ201" s="137"/>
      <c r="AK201" s="137"/>
      <c r="AL201" s="137"/>
      <c r="AM201" s="137"/>
      <c r="AN201" s="137"/>
      <c r="AO201" s="137"/>
      <c r="AP201" s="137"/>
      <c r="AQ201" s="137"/>
      <c r="AR201" s="137"/>
      <c r="AS201" s="137"/>
      <c r="AT201" s="137"/>
      <c r="AU201" s="137"/>
      <c r="AV201" s="137"/>
      <c r="AW201" s="144"/>
    </row>
    <row r="202" spans="7:49" x14ac:dyDescent="0.2">
      <c r="G202" s="43"/>
      <c r="Z202" s="143"/>
      <c r="AA202" s="137"/>
      <c r="AB202" s="137"/>
      <c r="AC202" s="137"/>
      <c r="AD202" s="137"/>
      <c r="AE202" s="137"/>
      <c r="AF202" s="137"/>
      <c r="AG202" s="137"/>
      <c r="AH202" s="137"/>
      <c r="AI202" s="137"/>
      <c r="AJ202" s="137"/>
      <c r="AK202" s="137"/>
      <c r="AL202" s="137"/>
      <c r="AM202" s="137"/>
      <c r="AN202" s="137"/>
      <c r="AO202" s="137"/>
      <c r="AP202" s="137"/>
      <c r="AQ202" s="137"/>
      <c r="AR202" s="137"/>
      <c r="AS202" s="137"/>
      <c r="AT202" s="137"/>
      <c r="AU202" s="137"/>
      <c r="AV202" s="137"/>
      <c r="AW202" s="144"/>
    </row>
    <row r="203" spans="7:49" x14ac:dyDescent="0.2">
      <c r="G203" s="43"/>
      <c r="Z203" s="143"/>
      <c r="AA203" s="137"/>
      <c r="AB203" s="137"/>
      <c r="AC203" s="137"/>
      <c r="AD203" s="137"/>
      <c r="AE203" s="137"/>
      <c r="AF203" s="137"/>
      <c r="AG203" s="137"/>
      <c r="AH203" s="137"/>
      <c r="AI203" s="137"/>
      <c r="AJ203" s="137"/>
      <c r="AK203" s="137"/>
      <c r="AL203" s="137"/>
      <c r="AM203" s="137"/>
      <c r="AN203" s="137"/>
      <c r="AO203" s="137"/>
      <c r="AP203" s="137"/>
      <c r="AQ203" s="137"/>
      <c r="AR203" s="137"/>
      <c r="AS203" s="137"/>
      <c r="AT203" s="137"/>
      <c r="AU203" s="137"/>
      <c r="AV203" s="137"/>
      <c r="AW203" s="144"/>
    </row>
    <row r="204" spans="7:49" x14ac:dyDescent="0.2">
      <c r="G204" s="43"/>
      <c r="Z204" s="143"/>
      <c r="AA204" s="137"/>
      <c r="AB204" s="137"/>
      <c r="AC204" s="137"/>
      <c r="AD204" s="137"/>
      <c r="AE204" s="137"/>
      <c r="AF204" s="137"/>
      <c r="AG204" s="137"/>
      <c r="AH204" s="137"/>
      <c r="AI204" s="137"/>
      <c r="AJ204" s="137"/>
      <c r="AK204" s="137"/>
      <c r="AL204" s="137"/>
      <c r="AM204" s="137"/>
      <c r="AN204" s="137"/>
      <c r="AO204" s="137"/>
      <c r="AP204" s="137"/>
      <c r="AQ204" s="137"/>
      <c r="AR204" s="137"/>
      <c r="AS204" s="137"/>
      <c r="AT204" s="137"/>
      <c r="AU204" s="137"/>
      <c r="AV204" s="137"/>
      <c r="AW204" s="144"/>
    </row>
    <row r="205" spans="7:49" x14ac:dyDescent="0.2">
      <c r="G205" s="43"/>
      <c r="Z205" s="143"/>
      <c r="AA205" s="137"/>
      <c r="AB205" s="137"/>
      <c r="AC205" s="137"/>
      <c r="AD205" s="137"/>
      <c r="AE205" s="137"/>
      <c r="AF205" s="137"/>
      <c r="AG205" s="137"/>
      <c r="AH205" s="137"/>
      <c r="AI205" s="137"/>
      <c r="AJ205" s="137"/>
      <c r="AK205" s="137"/>
      <c r="AL205" s="137"/>
      <c r="AM205" s="137"/>
      <c r="AN205" s="137"/>
      <c r="AO205" s="137"/>
      <c r="AP205" s="137"/>
      <c r="AQ205" s="137"/>
      <c r="AR205" s="137"/>
      <c r="AS205" s="137"/>
      <c r="AT205" s="137"/>
      <c r="AU205" s="137"/>
      <c r="AV205" s="137"/>
      <c r="AW205" s="144"/>
    </row>
    <row r="206" spans="7:49" x14ac:dyDescent="0.2">
      <c r="G206" s="43"/>
      <c r="Z206" s="143"/>
      <c r="AA206" s="137"/>
      <c r="AB206" s="137"/>
      <c r="AC206" s="137"/>
      <c r="AD206" s="137"/>
      <c r="AE206" s="137"/>
      <c r="AF206" s="137"/>
      <c r="AG206" s="137"/>
      <c r="AH206" s="137"/>
      <c r="AI206" s="137"/>
      <c r="AJ206" s="137"/>
      <c r="AK206" s="137"/>
      <c r="AL206" s="137"/>
      <c r="AM206" s="137"/>
      <c r="AN206" s="137"/>
      <c r="AO206" s="137"/>
      <c r="AP206" s="137"/>
      <c r="AQ206" s="137"/>
      <c r="AR206" s="137"/>
      <c r="AS206" s="137"/>
      <c r="AT206" s="137"/>
      <c r="AU206" s="137"/>
      <c r="AV206" s="137"/>
      <c r="AW206" s="144"/>
    </row>
    <row r="207" spans="7:49" x14ac:dyDescent="0.2">
      <c r="G207" s="43"/>
      <c r="Z207" s="143"/>
      <c r="AA207" s="137"/>
      <c r="AB207" s="137"/>
      <c r="AC207" s="137"/>
      <c r="AD207" s="137"/>
      <c r="AE207" s="137"/>
      <c r="AF207" s="137"/>
      <c r="AG207" s="137"/>
      <c r="AH207" s="137"/>
      <c r="AI207" s="137"/>
      <c r="AJ207" s="137"/>
      <c r="AK207" s="137"/>
      <c r="AL207" s="137"/>
      <c r="AM207" s="137"/>
      <c r="AN207" s="137"/>
      <c r="AO207" s="137"/>
      <c r="AP207" s="137"/>
      <c r="AQ207" s="137"/>
      <c r="AR207" s="137"/>
      <c r="AS207" s="137"/>
      <c r="AT207" s="137"/>
      <c r="AU207" s="137"/>
      <c r="AV207" s="137"/>
      <c r="AW207" s="144"/>
    </row>
    <row r="208" spans="7:49" x14ac:dyDescent="0.2">
      <c r="G208" s="43"/>
      <c r="Z208" s="143"/>
      <c r="AA208" s="137"/>
      <c r="AB208" s="137"/>
      <c r="AC208" s="137"/>
      <c r="AD208" s="137"/>
      <c r="AE208" s="137"/>
      <c r="AF208" s="137"/>
      <c r="AG208" s="137"/>
      <c r="AH208" s="137"/>
      <c r="AI208" s="137"/>
      <c r="AJ208" s="137"/>
      <c r="AK208" s="137"/>
      <c r="AL208" s="137"/>
      <c r="AM208" s="137"/>
      <c r="AN208" s="137"/>
      <c r="AO208" s="137"/>
      <c r="AP208" s="137"/>
      <c r="AQ208" s="137"/>
      <c r="AR208" s="137"/>
      <c r="AS208" s="137"/>
      <c r="AT208" s="137"/>
      <c r="AU208" s="137"/>
      <c r="AV208" s="137"/>
      <c r="AW208" s="144"/>
    </row>
    <row r="209" spans="7:49" x14ac:dyDescent="0.2">
      <c r="G209" s="43"/>
      <c r="Z209" s="143"/>
      <c r="AA209" s="137"/>
      <c r="AB209" s="137"/>
      <c r="AC209" s="137"/>
      <c r="AD209" s="137"/>
      <c r="AE209" s="137"/>
      <c r="AF209" s="137"/>
      <c r="AG209" s="137"/>
      <c r="AH209" s="137"/>
      <c r="AI209" s="137"/>
      <c r="AJ209" s="137"/>
      <c r="AK209" s="137"/>
      <c r="AL209" s="137"/>
      <c r="AM209" s="137"/>
      <c r="AN209" s="137"/>
      <c r="AO209" s="137"/>
      <c r="AP209" s="137"/>
      <c r="AQ209" s="137"/>
      <c r="AR209" s="137"/>
      <c r="AS209" s="137"/>
      <c r="AT209" s="137"/>
      <c r="AU209" s="137"/>
      <c r="AV209" s="137"/>
      <c r="AW209" s="144"/>
    </row>
    <row r="210" spans="7:49" x14ac:dyDescent="0.2">
      <c r="G210" s="43"/>
      <c r="Z210" s="143"/>
      <c r="AA210" s="137"/>
      <c r="AB210" s="137"/>
      <c r="AC210" s="137"/>
      <c r="AD210" s="137"/>
      <c r="AE210" s="137"/>
      <c r="AF210" s="137"/>
      <c r="AG210" s="137"/>
      <c r="AH210" s="137"/>
      <c r="AI210" s="137"/>
      <c r="AJ210" s="137"/>
      <c r="AK210" s="137"/>
      <c r="AL210" s="137"/>
      <c r="AM210" s="137"/>
      <c r="AN210" s="137"/>
      <c r="AO210" s="137"/>
      <c r="AP210" s="137"/>
      <c r="AQ210" s="137"/>
      <c r="AR210" s="137"/>
      <c r="AS210" s="137"/>
      <c r="AT210" s="137"/>
      <c r="AU210" s="137"/>
      <c r="AV210" s="137"/>
      <c r="AW210" s="144"/>
    </row>
    <row r="211" spans="7:49" x14ac:dyDescent="0.2">
      <c r="G211" s="43"/>
      <c r="Z211" s="143"/>
      <c r="AA211" s="137"/>
      <c r="AB211" s="137"/>
      <c r="AC211" s="137"/>
      <c r="AD211" s="137"/>
      <c r="AE211" s="137"/>
      <c r="AF211" s="137"/>
      <c r="AG211" s="137"/>
      <c r="AH211" s="137"/>
      <c r="AI211" s="137"/>
      <c r="AJ211" s="137"/>
      <c r="AK211" s="137"/>
      <c r="AL211" s="137"/>
      <c r="AM211" s="137"/>
      <c r="AN211" s="137"/>
      <c r="AO211" s="137"/>
      <c r="AP211" s="137"/>
      <c r="AQ211" s="137"/>
      <c r="AR211" s="137"/>
      <c r="AS211" s="137"/>
      <c r="AT211" s="137"/>
      <c r="AU211" s="137"/>
      <c r="AV211" s="137"/>
      <c r="AW211" s="144"/>
    </row>
    <row r="212" spans="7:49" x14ac:dyDescent="0.2">
      <c r="G212" s="43"/>
      <c r="Z212" s="143"/>
      <c r="AA212" s="137"/>
      <c r="AB212" s="137"/>
      <c r="AC212" s="137"/>
      <c r="AD212" s="137"/>
      <c r="AE212" s="137"/>
      <c r="AF212" s="137"/>
      <c r="AG212" s="137"/>
      <c r="AH212" s="137"/>
      <c r="AI212" s="137"/>
      <c r="AJ212" s="137"/>
      <c r="AK212" s="137"/>
      <c r="AL212" s="137"/>
      <c r="AM212" s="137"/>
      <c r="AN212" s="137"/>
      <c r="AO212" s="137"/>
      <c r="AP212" s="137"/>
      <c r="AQ212" s="137"/>
      <c r="AR212" s="137"/>
      <c r="AS212" s="137"/>
      <c r="AT212" s="137"/>
      <c r="AU212" s="137"/>
      <c r="AV212" s="137"/>
      <c r="AW212" s="144"/>
    </row>
    <row r="213" spans="7:49" x14ac:dyDescent="0.2">
      <c r="G213" s="43"/>
      <c r="Z213" s="143"/>
      <c r="AA213" s="137"/>
      <c r="AB213" s="137"/>
      <c r="AC213" s="137"/>
      <c r="AD213" s="137"/>
      <c r="AE213" s="137"/>
      <c r="AF213" s="137"/>
      <c r="AG213" s="137"/>
      <c r="AH213" s="137"/>
      <c r="AI213" s="137"/>
      <c r="AJ213" s="137"/>
      <c r="AK213" s="137"/>
      <c r="AL213" s="137"/>
      <c r="AM213" s="137"/>
      <c r="AN213" s="137"/>
      <c r="AO213" s="137"/>
      <c r="AP213" s="137"/>
      <c r="AQ213" s="137"/>
      <c r="AR213" s="137"/>
      <c r="AS213" s="137"/>
      <c r="AT213" s="137"/>
      <c r="AU213" s="137"/>
      <c r="AV213" s="137"/>
      <c r="AW213" s="144"/>
    </row>
    <row r="214" spans="7:49" x14ac:dyDescent="0.2">
      <c r="G214" s="43"/>
      <c r="Z214" s="143"/>
      <c r="AA214" s="137"/>
      <c r="AB214" s="137"/>
      <c r="AC214" s="137"/>
      <c r="AD214" s="137"/>
      <c r="AE214" s="137"/>
      <c r="AF214" s="137"/>
      <c r="AG214" s="137"/>
      <c r="AH214" s="137"/>
      <c r="AI214" s="137"/>
      <c r="AJ214" s="137"/>
      <c r="AK214" s="137"/>
      <c r="AL214" s="137"/>
      <c r="AM214" s="137"/>
      <c r="AN214" s="137"/>
      <c r="AO214" s="137"/>
      <c r="AP214" s="137"/>
      <c r="AQ214" s="137"/>
      <c r="AR214" s="137"/>
      <c r="AS214" s="137"/>
      <c r="AT214" s="137"/>
      <c r="AU214" s="137"/>
      <c r="AV214" s="137"/>
      <c r="AW214" s="144"/>
    </row>
    <row r="215" spans="7:49" x14ac:dyDescent="0.2">
      <c r="G215" s="43"/>
      <c r="Z215" s="143"/>
      <c r="AA215" s="137"/>
      <c r="AB215" s="137"/>
      <c r="AC215" s="137"/>
      <c r="AD215" s="137"/>
      <c r="AE215" s="137"/>
      <c r="AF215" s="137"/>
      <c r="AG215" s="137"/>
      <c r="AH215" s="137"/>
      <c r="AI215" s="137"/>
      <c r="AJ215" s="137"/>
      <c r="AK215" s="137"/>
      <c r="AL215" s="137"/>
      <c r="AM215" s="137"/>
      <c r="AN215" s="137"/>
      <c r="AO215" s="137"/>
      <c r="AP215" s="137"/>
      <c r="AQ215" s="137"/>
      <c r="AR215" s="137"/>
      <c r="AS215" s="137"/>
      <c r="AT215" s="137"/>
      <c r="AU215" s="137"/>
      <c r="AV215" s="137"/>
      <c r="AW215" s="144"/>
    </row>
    <row r="216" spans="7:49" x14ac:dyDescent="0.2">
      <c r="G216" s="43"/>
      <c r="Z216" s="143"/>
      <c r="AA216" s="137"/>
      <c r="AB216" s="137"/>
      <c r="AC216" s="137"/>
      <c r="AD216" s="137"/>
      <c r="AE216" s="137"/>
      <c r="AF216" s="137"/>
      <c r="AG216" s="137"/>
      <c r="AH216" s="137"/>
      <c r="AI216" s="137"/>
      <c r="AJ216" s="137"/>
      <c r="AK216" s="137"/>
      <c r="AL216" s="137"/>
      <c r="AM216" s="137"/>
      <c r="AN216" s="137"/>
      <c r="AO216" s="137"/>
      <c r="AP216" s="137"/>
      <c r="AQ216" s="137"/>
      <c r="AR216" s="137"/>
      <c r="AS216" s="137"/>
      <c r="AT216" s="137"/>
      <c r="AU216" s="137"/>
      <c r="AV216" s="137"/>
      <c r="AW216" s="144"/>
    </row>
    <row r="217" spans="7:49" x14ac:dyDescent="0.2">
      <c r="G217" s="43"/>
      <c r="Z217" s="143"/>
      <c r="AA217" s="137"/>
      <c r="AB217" s="137"/>
      <c r="AC217" s="137"/>
      <c r="AD217" s="137"/>
      <c r="AE217" s="137"/>
      <c r="AF217" s="137"/>
      <c r="AG217" s="137"/>
      <c r="AH217" s="137"/>
      <c r="AI217" s="137"/>
      <c r="AJ217" s="137"/>
      <c r="AK217" s="137"/>
      <c r="AL217" s="137"/>
      <c r="AM217" s="137"/>
      <c r="AN217" s="137"/>
      <c r="AO217" s="137"/>
      <c r="AP217" s="137"/>
      <c r="AQ217" s="137"/>
      <c r="AR217" s="137"/>
      <c r="AS217" s="137"/>
      <c r="AT217" s="137"/>
      <c r="AU217" s="137"/>
      <c r="AV217" s="137"/>
      <c r="AW217" s="144"/>
    </row>
    <row r="218" spans="7:49" x14ac:dyDescent="0.2">
      <c r="G218" s="43"/>
      <c r="Z218" s="143"/>
      <c r="AA218" s="137"/>
      <c r="AB218" s="137"/>
      <c r="AC218" s="137"/>
      <c r="AD218" s="137"/>
      <c r="AE218" s="137"/>
      <c r="AF218" s="137"/>
      <c r="AG218" s="137"/>
      <c r="AH218" s="137"/>
      <c r="AI218" s="137"/>
      <c r="AJ218" s="137"/>
      <c r="AK218" s="137"/>
      <c r="AL218" s="137"/>
      <c r="AM218" s="137"/>
      <c r="AN218" s="137"/>
      <c r="AO218" s="137"/>
      <c r="AP218" s="137"/>
      <c r="AQ218" s="137"/>
      <c r="AR218" s="137"/>
      <c r="AS218" s="137"/>
      <c r="AT218" s="137"/>
      <c r="AU218" s="137"/>
      <c r="AV218" s="137"/>
      <c r="AW218" s="144"/>
    </row>
    <row r="219" spans="7:49" x14ac:dyDescent="0.2">
      <c r="G219" s="43"/>
      <c r="Z219" s="143"/>
      <c r="AA219" s="137"/>
      <c r="AB219" s="137"/>
      <c r="AC219" s="137"/>
      <c r="AD219" s="137"/>
      <c r="AE219" s="137"/>
      <c r="AF219" s="137"/>
      <c r="AG219" s="137"/>
      <c r="AH219" s="137"/>
      <c r="AI219" s="137"/>
      <c r="AJ219" s="137"/>
      <c r="AK219" s="137"/>
      <c r="AL219" s="137"/>
      <c r="AM219" s="137"/>
      <c r="AN219" s="137"/>
      <c r="AO219" s="137"/>
      <c r="AP219" s="137"/>
      <c r="AQ219" s="137"/>
      <c r="AR219" s="137"/>
      <c r="AS219" s="137"/>
      <c r="AT219" s="137"/>
      <c r="AU219" s="137"/>
      <c r="AV219" s="137"/>
      <c r="AW219" s="144"/>
    </row>
    <row r="220" spans="7:49" x14ac:dyDescent="0.2">
      <c r="G220" s="43"/>
      <c r="Z220" s="143"/>
      <c r="AA220" s="137"/>
      <c r="AB220" s="137"/>
      <c r="AC220" s="137"/>
      <c r="AD220" s="137"/>
      <c r="AE220" s="137"/>
      <c r="AF220" s="137"/>
      <c r="AG220" s="137"/>
      <c r="AH220" s="137"/>
      <c r="AI220" s="137"/>
      <c r="AJ220" s="137"/>
      <c r="AK220" s="137"/>
      <c r="AL220" s="137"/>
      <c r="AM220" s="137"/>
      <c r="AN220" s="137"/>
      <c r="AO220" s="137"/>
      <c r="AP220" s="137"/>
      <c r="AQ220" s="137"/>
      <c r="AR220" s="137"/>
      <c r="AS220" s="137"/>
      <c r="AT220" s="137"/>
      <c r="AU220" s="137"/>
      <c r="AV220" s="137"/>
      <c r="AW220" s="144"/>
    </row>
    <row r="221" spans="7:49" x14ac:dyDescent="0.2">
      <c r="G221" s="43"/>
      <c r="Z221" s="143"/>
      <c r="AA221" s="137"/>
      <c r="AB221" s="137"/>
      <c r="AC221" s="137"/>
      <c r="AD221" s="137"/>
      <c r="AE221" s="137"/>
      <c r="AF221" s="137"/>
      <c r="AG221" s="137"/>
      <c r="AH221" s="137"/>
      <c r="AI221" s="137"/>
      <c r="AJ221" s="137"/>
      <c r="AK221" s="137"/>
      <c r="AL221" s="137"/>
      <c r="AM221" s="137"/>
      <c r="AN221" s="137"/>
      <c r="AO221" s="137"/>
      <c r="AP221" s="137"/>
      <c r="AQ221" s="137"/>
      <c r="AR221" s="137"/>
      <c r="AS221" s="137"/>
      <c r="AT221" s="137"/>
      <c r="AU221" s="137"/>
      <c r="AV221" s="137"/>
      <c r="AW221" s="144"/>
    </row>
    <row r="222" spans="7:49" x14ac:dyDescent="0.2">
      <c r="G222" s="43"/>
      <c r="Z222" s="143"/>
      <c r="AA222" s="137"/>
      <c r="AB222" s="137"/>
      <c r="AC222" s="137"/>
      <c r="AD222" s="137"/>
      <c r="AE222" s="137"/>
      <c r="AF222" s="137"/>
      <c r="AG222" s="137"/>
      <c r="AH222" s="137"/>
      <c r="AI222" s="137"/>
      <c r="AJ222" s="137"/>
      <c r="AK222" s="137"/>
      <c r="AL222" s="137"/>
      <c r="AM222" s="137"/>
      <c r="AN222" s="137"/>
      <c r="AO222" s="137"/>
      <c r="AP222" s="137"/>
      <c r="AQ222" s="137"/>
      <c r="AR222" s="137"/>
      <c r="AS222" s="137"/>
      <c r="AT222" s="137"/>
      <c r="AU222" s="137"/>
      <c r="AV222" s="137"/>
      <c r="AW222" s="144"/>
    </row>
    <row r="223" spans="7:49" x14ac:dyDescent="0.2">
      <c r="G223" s="43"/>
      <c r="Z223" s="143"/>
      <c r="AA223" s="137"/>
      <c r="AB223" s="137"/>
      <c r="AC223" s="137"/>
      <c r="AD223" s="137"/>
      <c r="AE223" s="137"/>
      <c r="AF223" s="137"/>
      <c r="AG223" s="137"/>
      <c r="AH223" s="137"/>
      <c r="AI223" s="137"/>
      <c r="AJ223" s="137"/>
      <c r="AK223" s="137"/>
      <c r="AL223" s="137"/>
      <c r="AM223" s="137"/>
      <c r="AN223" s="137"/>
      <c r="AO223" s="137"/>
      <c r="AP223" s="137"/>
      <c r="AQ223" s="137"/>
      <c r="AR223" s="137"/>
      <c r="AS223" s="137"/>
      <c r="AT223" s="137"/>
      <c r="AU223" s="137"/>
      <c r="AV223" s="137"/>
      <c r="AW223" s="144"/>
    </row>
    <row r="224" spans="7:49" x14ac:dyDescent="0.2">
      <c r="G224" s="43"/>
      <c r="Z224" s="143"/>
      <c r="AA224" s="137"/>
      <c r="AB224" s="137"/>
      <c r="AC224" s="137"/>
      <c r="AD224" s="137"/>
      <c r="AE224" s="137"/>
      <c r="AF224" s="137"/>
      <c r="AG224" s="137"/>
      <c r="AH224" s="137"/>
      <c r="AI224" s="137"/>
      <c r="AJ224" s="137"/>
      <c r="AK224" s="137"/>
      <c r="AL224" s="137"/>
      <c r="AM224" s="137"/>
      <c r="AN224" s="137"/>
      <c r="AO224" s="137"/>
      <c r="AP224" s="137"/>
      <c r="AQ224" s="137"/>
      <c r="AR224" s="137"/>
      <c r="AS224" s="137"/>
      <c r="AT224" s="137"/>
      <c r="AU224" s="137"/>
      <c r="AV224" s="137"/>
      <c r="AW224" s="144"/>
    </row>
    <row r="225" spans="7:49" x14ac:dyDescent="0.2">
      <c r="G225" s="43"/>
      <c r="Z225" s="143"/>
      <c r="AA225" s="137"/>
      <c r="AB225" s="137"/>
      <c r="AC225" s="137"/>
      <c r="AD225" s="137"/>
      <c r="AE225" s="137"/>
      <c r="AF225" s="137"/>
      <c r="AG225" s="137"/>
      <c r="AH225" s="137"/>
      <c r="AI225" s="137"/>
      <c r="AJ225" s="137"/>
      <c r="AK225" s="137"/>
      <c r="AL225" s="137"/>
      <c r="AM225" s="137"/>
      <c r="AN225" s="137"/>
      <c r="AO225" s="137"/>
      <c r="AP225" s="137"/>
      <c r="AQ225" s="137"/>
      <c r="AR225" s="137"/>
      <c r="AS225" s="137"/>
      <c r="AT225" s="137"/>
      <c r="AU225" s="137"/>
      <c r="AV225" s="137"/>
      <c r="AW225" s="144"/>
    </row>
    <row r="226" spans="7:49" x14ac:dyDescent="0.2">
      <c r="G226" s="43"/>
      <c r="Z226" s="143"/>
      <c r="AA226" s="137"/>
      <c r="AB226" s="137"/>
      <c r="AC226" s="137"/>
      <c r="AD226" s="137"/>
      <c r="AE226" s="137"/>
      <c r="AF226" s="137"/>
      <c r="AG226" s="137"/>
      <c r="AH226" s="137"/>
      <c r="AI226" s="137"/>
      <c r="AJ226" s="137"/>
      <c r="AK226" s="137"/>
      <c r="AL226" s="137"/>
      <c r="AM226" s="137"/>
      <c r="AN226" s="137"/>
      <c r="AO226" s="137"/>
      <c r="AP226" s="137"/>
      <c r="AQ226" s="137"/>
      <c r="AR226" s="137"/>
      <c r="AS226" s="137"/>
      <c r="AT226" s="137"/>
      <c r="AU226" s="137"/>
      <c r="AV226" s="137"/>
      <c r="AW226" s="144"/>
    </row>
    <row r="227" spans="7:49" x14ac:dyDescent="0.2">
      <c r="G227" s="43"/>
      <c r="Z227" s="143"/>
      <c r="AA227" s="137"/>
      <c r="AB227" s="137"/>
      <c r="AC227" s="137"/>
      <c r="AD227" s="137"/>
      <c r="AE227" s="137"/>
      <c r="AF227" s="137"/>
      <c r="AG227" s="137"/>
      <c r="AH227" s="137"/>
      <c r="AI227" s="137"/>
      <c r="AJ227" s="137"/>
      <c r="AK227" s="137"/>
      <c r="AL227" s="137"/>
      <c r="AM227" s="137"/>
      <c r="AN227" s="137"/>
      <c r="AO227" s="137"/>
      <c r="AP227" s="137"/>
      <c r="AQ227" s="137"/>
      <c r="AR227" s="137"/>
      <c r="AS227" s="137"/>
      <c r="AT227" s="137"/>
      <c r="AU227" s="137"/>
      <c r="AV227" s="137"/>
      <c r="AW227" s="144"/>
    </row>
    <row r="228" spans="7:49" x14ac:dyDescent="0.2">
      <c r="G228" s="43"/>
      <c r="Z228" s="143"/>
      <c r="AA228" s="137"/>
      <c r="AB228" s="137"/>
      <c r="AC228" s="137"/>
      <c r="AD228" s="137"/>
      <c r="AE228" s="137"/>
      <c r="AF228" s="137"/>
      <c r="AG228" s="137"/>
      <c r="AH228" s="137"/>
      <c r="AI228" s="137"/>
      <c r="AJ228" s="137"/>
      <c r="AK228" s="137"/>
      <c r="AL228" s="137"/>
      <c r="AM228" s="137"/>
      <c r="AN228" s="137"/>
      <c r="AO228" s="137"/>
      <c r="AP228" s="137"/>
      <c r="AQ228" s="137"/>
      <c r="AR228" s="137"/>
      <c r="AS228" s="137"/>
      <c r="AT228" s="137"/>
      <c r="AU228" s="137"/>
      <c r="AV228" s="137"/>
      <c r="AW228" s="144"/>
    </row>
    <row r="229" spans="7:49" x14ac:dyDescent="0.2">
      <c r="G229" s="43"/>
      <c r="Z229" s="143"/>
      <c r="AA229" s="137"/>
      <c r="AB229" s="137"/>
      <c r="AC229" s="137"/>
      <c r="AD229" s="137"/>
      <c r="AE229" s="137"/>
      <c r="AF229" s="137"/>
      <c r="AG229" s="137"/>
      <c r="AH229" s="137"/>
      <c r="AI229" s="137"/>
      <c r="AJ229" s="137"/>
      <c r="AK229" s="137"/>
      <c r="AL229" s="137"/>
      <c r="AM229" s="137"/>
      <c r="AN229" s="137"/>
      <c r="AO229" s="137"/>
      <c r="AP229" s="137"/>
      <c r="AQ229" s="137"/>
      <c r="AR229" s="137"/>
      <c r="AS229" s="137"/>
      <c r="AT229" s="137"/>
      <c r="AU229" s="137"/>
      <c r="AV229" s="137"/>
      <c r="AW229" s="144"/>
    </row>
    <row r="230" spans="7:49" x14ac:dyDescent="0.2">
      <c r="G230" s="43"/>
      <c r="Z230" s="143"/>
      <c r="AA230" s="137"/>
      <c r="AB230" s="137"/>
      <c r="AC230" s="137"/>
      <c r="AD230" s="137"/>
      <c r="AE230" s="137"/>
      <c r="AF230" s="137"/>
      <c r="AG230" s="137"/>
      <c r="AH230" s="137"/>
      <c r="AI230" s="137"/>
      <c r="AJ230" s="137"/>
      <c r="AK230" s="137"/>
      <c r="AL230" s="137"/>
      <c r="AM230" s="137"/>
      <c r="AN230" s="137"/>
      <c r="AO230" s="137"/>
      <c r="AP230" s="137"/>
      <c r="AQ230" s="137"/>
      <c r="AR230" s="137"/>
      <c r="AS230" s="137"/>
      <c r="AT230" s="137"/>
      <c r="AU230" s="137"/>
      <c r="AV230" s="137"/>
      <c r="AW230" s="144"/>
    </row>
    <row r="231" spans="7:49" x14ac:dyDescent="0.2">
      <c r="G231" s="43"/>
      <c r="Z231" s="143"/>
      <c r="AA231" s="137"/>
      <c r="AB231" s="137"/>
      <c r="AC231" s="137"/>
      <c r="AD231" s="137"/>
      <c r="AE231" s="137"/>
      <c r="AF231" s="137"/>
      <c r="AG231" s="137"/>
      <c r="AH231" s="137"/>
      <c r="AI231" s="137"/>
      <c r="AJ231" s="137"/>
      <c r="AK231" s="137"/>
      <c r="AL231" s="137"/>
      <c r="AM231" s="137"/>
      <c r="AN231" s="137"/>
      <c r="AO231" s="137"/>
      <c r="AP231" s="137"/>
      <c r="AQ231" s="137"/>
      <c r="AR231" s="137"/>
      <c r="AS231" s="137"/>
      <c r="AT231" s="137"/>
      <c r="AU231" s="137"/>
      <c r="AV231" s="137"/>
      <c r="AW231" s="144"/>
    </row>
    <row r="232" spans="7:49" x14ac:dyDescent="0.2">
      <c r="G232" s="43"/>
      <c r="Z232" s="143"/>
      <c r="AA232" s="137"/>
      <c r="AB232" s="137"/>
      <c r="AC232" s="137"/>
      <c r="AD232" s="137"/>
      <c r="AE232" s="137"/>
      <c r="AF232" s="137"/>
      <c r="AG232" s="137"/>
      <c r="AH232" s="137"/>
      <c r="AI232" s="137"/>
      <c r="AJ232" s="137"/>
      <c r="AK232" s="137"/>
      <c r="AL232" s="137"/>
      <c r="AM232" s="137"/>
      <c r="AN232" s="137"/>
      <c r="AO232" s="137"/>
      <c r="AP232" s="137"/>
      <c r="AQ232" s="137"/>
      <c r="AR232" s="137"/>
      <c r="AS232" s="137"/>
      <c r="AT232" s="137"/>
      <c r="AU232" s="137"/>
      <c r="AV232" s="137"/>
      <c r="AW232" s="144"/>
    </row>
    <row r="233" spans="7:49" x14ac:dyDescent="0.2">
      <c r="G233" s="43"/>
      <c r="Z233" s="143"/>
      <c r="AA233" s="137"/>
      <c r="AB233" s="137"/>
      <c r="AC233" s="137"/>
      <c r="AD233" s="137"/>
      <c r="AE233" s="137"/>
      <c r="AF233" s="137"/>
      <c r="AG233" s="137"/>
      <c r="AH233" s="137"/>
      <c r="AI233" s="137"/>
      <c r="AJ233" s="137"/>
      <c r="AK233" s="137"/>
      <c r="AL233" s="137"/>
      <c r="AM233" s="137"/>
      <c r="AN233" s="137"/>
      <c r="AO233" s="137"/>
      <c r="AP233" s="137"/>
      <c r="AQ233" s="137"/>
      <c r="AR233" s="137"/>
      <c r="AS233" s="137"/>
      <c r="AT233" s="137"/>
      <c r="AU233" s="137"/>
      <c r="AV233" s="137"/>
      <c r="AW233" s="144"/>
    </row>
    <row r="234" spans="7:49" x14ac:dyDescent="0.2">
      <c r="G234" s="43"/>
      <c r="Z234" s="143"/>
      <c r="AA234" s="137"/>
      <c r="AB234" s="137"/>
      <c r="AC234" s="137"/>
      <c r="AD234" s="137"/>
      <c r="AE234" s="137"/>
      <c r="AF234" s="137"/>
      <c r="AG234" s="137"/>
      <c r="AH234" s="137"/>
      <c r="AI234" s="137"/>
      <c r="AJ234" s="137"/>
      <c r="AK234" s="137"/>
      <c r="AL234" s="137"/>
      <c r="AM234" s="137"/>
      <c r="AN234" s="137"/>
      <c r="AO234" s="137"/>
      <c r="AP234" s="137"/>
      <c r="AQ234" s="137"/>
      <c r="AR234" s="137"/>
      <c r="AS234" s="137"/>
      <c r="AT234" s="137"/>
      <c r="AU234" s="137"/>
      <c r="AV234" s="137"/>
      <c r="AW234" s="144"/>
    </row>
    <row r="235" spans="7:49" x14ac:dyDescent="0.2">
      <c r="G235" s="43"/>
      <c r="Z235" s="143"/>
      <c r="AA235" s="137"/>
      <c r="AB235" s="137"/>
      <c r="AC235" s="137"/>
      <c r="AD235" s="137"/>
      <c r="AE235" s="137"/>
      <c r="AF235" s="137"/>
      <c r="AG235" s="137"/>
      <c r="AH235" s="137"/>
      <c r="AI235" s="137"/>
      <c r="AJ235" s="137"/>
      <c r="AK235" s="137"/>
      <c r="AL235" s="137"/>
      <c r="AM235" s="137"/>
      <c r="AN235" s="137"/>
      <c r="AO235" s="137"/>
      <c r="AP235" s="137"/>
      <c r="AQ235" s="137"/>
      <c r="AR235" s="137"/>
      <c r="AS235" s="137"/>
      <c r="AT235" s="137"/>
      <c r="AU235" s="137"/>
      <c r="AV235" s="137"/>
      <c r="AW235" s="144"/>
    </row>
    <row r="236" spans="7:49" x14ac:dyDescent="0.2">
      <c r="G236" s="43"/>
      <c r="Z236" s="143"/>
      <c r="AA236" s="137"/>
      <c r="AB236" s="137"/>
      <c r="AC236" s="137"/>
      <c r="AD236" s="137"/>
      <c r="AE236" s="137"/>
      <c r="AF236" s="137"/>
      <c r="AG236" s="137"/>
      <c r="AH236" s="137"/>
      <c r="AI236" s="137"/>
      <c r="AJ236" s="137"/>
      <c r="AK236" s="137"/>
      <c r="AL236" s="137"/>
      <c r="AM236" s="137"/>
      <c r="AN236" s="137"/>
      <c r="AO236" s="137"/>
      <c r="AP236" s="137"/>
      <c r="AQ236" s="137"/>
      <c r="AR236" s="137"/>
      <c r="AS236" s="137"/>
      <c r="AT236" s="137"/>
      <c r="AU236" s="137"/>
      <c r="AV236" s="137"/>
      <c r="AW236" s="144"/>
    </row>
    <row r="237" spans="7:49" x14ac:dyDescent="0.2">
      <c r="G237" s="43"/>
      <c r="Z237" s="143"/>
      <c r="AA237" s="137"/>
      <c r="AB237" s="137"/>
      <c r="AC237" s="137"/>
      <c r="AD237" s="137"/>
      <c r="AE237" s="137"/>
      <c r="AF237" s="137"/>
      <c r="AG237" s="137"/>
      <c r="AH237" s="137"/>
      <c r="AI237" s="137"/>
      <c r="AJ237" s="137"/>
      <c r="AK237" s="137"/>
      <c r="AL237" s="137"/>
      <c r="AM237" s="137"/>
      <c r="AN237" s="137"/>
      <c r="AO237" s="137"/>
      <c r="AP237" s="137"/>
      <c r="AQ237" s="137"/>
      <c r="AR237" s="137"/>
      <c r="AS237" s="137"/>
      <c r="AT237" s="137"/>
      <c r="AU237" s="137"/>
      <c r="AV237" s="137"/>
      <c r="AW237" s="144"/>
    </row>
    <row r="238" spans="7:49" x14ac:dyDescent="0.2">
      <c r="G238" s="43"/>
      <c r="Z238" s="143"/>
      <c r="AA238" s="137"/>
      <c r="AB238" s="137"/>
      <c r="AC238" s="137"/>
      <c r="AD238" s="137"/>
      <c r="AE238" s="137"/>
      <c r="AF238" s="137"/>
      <c r="AG238" s="137"/>
      <c r="AH238" s="137"/>
      <c r="AI238" s="137"/>
      <c r="AJ238" s="137"/>
      <c r="AK238" s="137"/>
      <c r="AL238" s="137"/>
      <c r="AM238" s="137"/>
      <c r="AN238" s="137"/>
      <c r="AO238" s="137"/>
      <c r="AP238" s="137"/>
      <c r="AQ238" s="137"/>
      <c r="AR238" s="137"/>
      <c r="AS238" s="137"/>
      <c r="AT238" s="137"/>
      <c r="AU238" s="137"/>
      <c r="AV238" s="137"/>
      <c r="AW238" s="144"/>
    </row>
    <row r="239" spans="7:49" x14ac:dyDescent="0.2">
      <c r="G239" s="43"/>
      <c r="Z239" s="143"/>
      <c r="AA239" s="137"/>
      <c r="AB239" s="137"/>
      <c r="AC239" s="137"/>
      <c r="AD239" s="137"/>
      <c r="AE239" s="137"/>
      <c r="AF239" s="137"/>
      <c r="AG239" s="137"/>
      <c r="AH239" s="137"/>
      <c r="AI239" s="137"/>
      <c r="AJ239" s="137"/>
      <c r="AK239" s="137"/>
      <c r="AL239" s="137"/>
      <c r="AM239" s="137"/>
      <c r="AN239" s="137"/>
      <c r="AO239" s="137"/>
      <c r="AP239" s="137"/>
      <c r="AQ239" s="137"/>
      <c r="AR239" s="137"/>
      <c r="AS239" s="137"/>
      <c r="AT239" s="137"/>
      <c r="AU239" s="137"/>
      <c r="AV239" s="137"/>
      <c r="AW239" s="144"/>
    </row>
    <row r="240" spans="7:49" x14ac:dyDescent="0.2">
      <c r="G240" s="43"/>
      <c r="Z240" s="143"/>
      <c r="AA240" s="137"/>
      <c r="AB240" s="137"/>
      <c r="AC240" s="137"/>
      <c r="AD240" s="137"/>
      <c r="AE240" s="137"/>
      <c r="AF240" s="137"/>
      <c r="AG240" s="137"/>
      <c r="AH240" s="137"/>
      <c r="AI240" s="137"/>
      <c r="AJ240" s="137"/>
      <c r="AK240" s="137"/>
      <c r="AL240" s="137"/>
      <c r="AM240" s="137"/>
      <c r="AN240" s="137"/>
      <c r="AO240" s="137"/>
      <c r="AP240" s="137"/>
      <c r="AQ240" s="137"/>
      <c r="AR240" s="137"/>
      <c r="AS240" s="137"/>
      <c r="AT240" s="137"/>
      <c r="AU240" s="137"/>
      <c r="AV240" s="137"/>
      <c r="AW240" s="144"/>
    </row>
    <row r="241" spans="7:49" x14ac:dyDescent="0.2">
      <c r="G241" s="43"/>
      <c r="Z241" s="143"/>
      <c r="AA241" s="137"/>
      <c r="AB241" s="137"/>
      <c r="AC241" s="137"/>
      <c r="AD241" s="137"/>
      <c r="AE241" s="137"/>
      <c r="AF241" s="137"/>
      <c r="AG241" s="137"/>
      <c r="AH241" s="137"/>
      <c r="AI241" s="137"/>
      <c r="AJ241" s="137"/>
      <c r="AK241" s="137"/>
      <c r="AL241" s="137"/>
      <c r="AM241" s="137"/>
      <c r="AN241" s="137"/>
      <c r="AO241" s="137"/>
      <c r="AP241" s="137"/>
      <c r="AQ241" s="137"/>
      <c r="AR241" s="137"/>
      <c r="AS241" s="137"/>
      <c r="AT241" s="137"/>
      <c r="AU241" s="137"/>
      <c r="AV241" s="137"/>
      <c r="AW241" s="144"/>
    </row>
    <row r="242" spans="7:49" x14ac:dyDescent="0.2">
      <c r="G242" s="43"/>
      <c r="Z242" s="143"/>
      <c r="AA242" s="137"/>
      <c r="AB242" s="137"/>
      <c r="AC242" s="137"/>
      <c r="AD242" s="137"/>
      <c r="AE242" s="137"/>
      <c r="AF242" s="137"/>
      <c r="AG242" s="137"/>
      <c r="AH242" s="137"/>
      <c r="AI242" s="137"/>
      <c r="AJ242" s="137"/>
      <c r="AK242" s="137"/>
      <c r="AL242" s="137"/>
      <c r="AM242" s="137"/>
      <c r="AN242" s="137"/>
      <c r="AO242" s="137"/>
      <c r="AP242" s="137"/>
      <c r="AQ242" s="137"/>
      <c r="AR242" s="137"/>
      <c r="AS242" s="137"/>
      <c r="AT242" s="137"/>
      <c r="AU242" s="137"/>
      <c r="AV242" s="137"/>
      <c r="AW242" s="144"/>
    </row>
    <row r="243" spans="7:49" x14ac:dyDescent="0.2">
      <c r="G243" s="43"/>
      <c r="Z243" s="143"/>
      <c r="AA243" s="137"/>
      <c r="AB243" s="137"/>
      <c r="AC243" s="137"/>
      <c r="AD243" s="137"/>
      <c r="AE243" s="137"/>
      <c r="AF243" s="137"/>
      <c r="AG243" s="137"/>
      <c r="AH243" s="137"/>
      <c r="AI243" s="137"/>
      <c r="AJ243" s="137"/>
      <c r="AK243" s="137"/>
      <c r="AL243" s="137"/>
      <c r="AM243" s="137"/>
      <c r="AN243" s="137"/>
      <c r="AO243" s="137"/>
      <c r="AP243" s="137"/>
      <c r="AQ243" s="137"/>
      <c r="AR243" s="137"/>
      <c r="AS243" s="137"/>
      <c r="AT243" s="137"/>
      <c r="AU243" s="137"/>
      <c r="AV243" s="137"/>
      <c r="AW243" s="144"/>
    </row>
    <row r="244" spans="7:49" x14ac:dyDescent="0.2">
      <c r="G244" s="43"/>
      <c r="Z244" s="143"/>
      <c r="AA244" s="137"/>
      <c r="AB244" s="137"/>
      <c r="AC244" s="137"/>
      <c r="AD244" s="137"/>
      <c r="AE244" s="137"/>
      <c r="AF244" s="137"/>
      <c r="AG244" s="137"/>
      <c r="AH244" s="137"/>
      <c r="AI244" s="137"/>
      <c r="AJ244" s="137"/>
      <c r="AK244" s="137"/>
      <c r="AL244" s="137"/>
      <c r="AM244" s="137"/>
      <c r="AN244" s="137"/>
      <c r="AO244" s="137"/>
      <c r="AP244" s="137"/>
      <c r="AQ244" s="137"/>
      <c r="AR244" s="137"/>
      <c r="AS244" s="137"/>
      <c r="AT244" s="137"/>
      <c r="AU244" s="137"/>
      <c r="AV244" s="137"/>
      <c r="AW244" s="144"/>
    </row>
    <row r="245" spans="7:49" x14ac:dyDescent="0.2">
      <c r="G245" s="43"/>
      <c r="Z245" s="143"/>
      <c r="AA245" s="137"/>
      <c r="AB245" s="137"/>
      <c r="AC245" s="137"/>
      <c r="AD245" s="137"/>
      <c r="AE245" s="137"/>
      <c r="AF245" s="137"/>
      <c r="AG245" s="137"/>
      <c r="AH245" s="137"/>
      <c r="AI245" s="137"/>
      <c r="AJ245" s="137"/>
      <c r="AK245" s="137"/>
      <c r="AL245" s="137"/>
      <c r="AM245" s="137"/>
      <c r="AN245" s="137"/>
      <c r="AO245" s="137"/>
      <c r="AP245" s="137"/>
      <c r="AQ245" s="137"/>
      <c r="AR245" s="137"/>
      <c r="AS245" s="137"/>
      <c r="AT245" s="137"/>
      <c r="AU245" s="137"/>
      <c r="AV245" s="137"/>
      <c r="AW245" s="144"/>
    </row>
    <row r="246" spans="7:49" x14ac:dyDescent="0.2">
      <c r="G246" s="43"/>
      <c r="Z246" s="143"/>
      <c r="AA246" s="137"/>
      <c r="AB246" s="137"/>
      <c r="AC246" s="137"/>
      <c r="AD246" s="137"/>
      <c r="AE246" s="137"/>
      <c r="AF246" s="137"/>
      <c r="AG246" s="137"/>
      <c r="AH246" s="137"/>
      <c r="AI246" s="137"/>
      <c r="AJ246" s="137"/>
      <c r="AK246" s="137"/>
      <c r="AL246" s="137"/>
      <c r="AM246" s="137"/>
      <c r="AN246" s="137"/>
      <c r="AO246" s="137"/>
      <c r="AP246" s="137"/>
      <c r="AQ246" s="137"/>
      <c r="AR246" s="137"/>
      <c r="AS246" s="137"/>
      <c r="AT246" s="137"/>
      <c r="AU246" s="137"/>
      <c r="AV246" s="137"/>
      <c r="AW246" s="144"/>
    </row>
    <row r="247" spans="7:49" x14ac:dyDescent="0.2">
      <c r="G247" s="43"/>
      <c r="Z247" s="143"/>
      <c r="AA247" s="137"/>
      <c r="AB247" s="137"/>
      <c r="AC247" s="137"/>
      <c r="AD247" s="137"/>
      <c r="AE247" s="137"/>
      <c r="AF247" s="137"/>
      <c r="AG247" s="137"/>
      <c r="AH247" s="137"/>
      <c r="AI247" s="137"/>
      <c r="AJ247" s="137"/>
      <c r="AK247" s="137"/>
      <c r="AL247" s="137"/>
      <c r="AM247" s="137"/>
      <c r="AN247" s="137"/>
      <c r="AO247" s="137"/>
      <c r="AP247" s="137"/>
      <c r="AQ247" s="137"/>
      <c r="AR247" s="137"/>
      <c r="AS247" s="137"/>
      <c r="AT247" s="137"/>
      <c r="AU247" s="137"/>
      <c r="AV247" s="137"/>
      <c r="AW247" s="144"/>
    </row>
    <row r="248" spans="7:49" x14ac:dyDescent="0.2">
      <c r="G248" s="43"/>
      <c r="Z248" s="143"/>
      <c r="AA248" s="137"/>
      <c r="AB248" s="137"/>
      <c r="AC248" s="137"/>
      <c r="AD248" s="137"/>
      <c r="AE248" s="137"/>
      <c r="AF248" s="137"/>
      <c r="AG248" s="137"/>
      <c r="AH248" s="137"/>
      <c r="AI248" s="137"/>
      <c r="AJ248" s="137"/>
      <c r="AK248" s="137"/>
      <c r="AL248" s="137"/>
      <c r="AM248" s="137"/>
      <c r="AN248" s="137"/>
      <c r="AO248" s="137"/>
      <c r="AP248" s="137"/>
      <c r="AQ248" s="137"/>
      <c r="AR248" s="137"/>
      <c r="AS248" s="137"/>
      <c r="AT248" s="137"/>
      <c r="AU248" s="137"/>
      <c r="AV248" s="137"/>
      <c r="AW248" s="144"/>
    </row>
    <row r="249" spans="7:49" x14ac:dyDescent="0.2">
      <c r="G249" s="43"/>
      <c r="Z249" s="143"/>
      <c r="AA249" s="137"/>
      <c r="AB249" s="137"/>
      <c r="AC249" s="137"/>
      <c r="AD249" s="137"/>
      <c r="AE249" s="137"/>
      <c r="AF249" s="137"/>
      <c r="AG249" s="137"/>
      <c r="AH249" s="137"/>
      <c r="AI249" s="137"/>
      <c r="AJ249" s="137"/>
      <c r="AK249" s="137"/>
      <c r="AL249" s="137"/>
      <c r="AM249" s="137"/>
      <c r="AN249" s="137"/>
      <c r="AO249" s="137"/>
      <c r="AP249" s="137"/>
      <c r="AQ249" s="137"/>
      <c r="AR249" s="137"/>
      <c r="AS249" s="137"/>
      <c r="AT249" s="137"/>
      <c r="AU249" s="137"/>
      <c r="AV249" s="137"/>
      <c r="AW249" s="144"/>
    </row>
    <row r="250" spans="7:49" x14ac:dyDescent="0.2">
      <c r="G250" s="43"/>
      <c r="Z250" s="143"/>
      <c r="AA250" s="137"/>
      <c r="AB250" s="137"/>
      <c r="AC250" s="137"/>
      <c r="AD250" s="137"/>
      <c r="AE250" s="137"/>
      <c r="AF250" s="137"/>
      <c r="AG250" s="137"/>
      <c r="AH250" s="137"/>
      <c r="AI250" s="137"/>
      <c r="AJ250" s="137"/>
      <c r="AK250" s="137"/>
      <c r="AL250" s="137"/>
      <c r="AM250" s="137"/>
      <c r="AN250" s="137"/>
      <c r="AO250" s="137"/>
      <c r="AP250" s="137"/>
      <c r="AQ250" s="137"/>
      <c r="AR250" s="137"/>
      <c r="AS250" s="137"/>
      <c r="AT250" s="137"/>
      <c r="AU250" s="137"/>
      <c r="AV250" s="137"/>
      <c r="AW250" s="144"/>
    </row>
    <row r="251" spans="7:49" x14ac:dyDescent="0.2">
      <c r="G251" s="43"/>
      <c r="Z251" s="143"/>
      <c r="AA251" s="137"/>
      <c r="AB251" s="137"/>
      <c r="AC251" s="137"/>
      <c r="AD251" s="137"/>
      <c r="AE251" s="137"/>
      <c r="AF251" s="137"/>
      <c r="AG251" s="137"/>
      <c r="AH251" s="137"/>
      <c r="AI251" s="137"/>
      <c r="AJ251" s="137"/>
      <c r="AK251" s="137"/>
      <c r="AL251" s="137"/>
      <c r="AM251" s="137"/>
      <c r="AN251" s="137"/>
      <c r="AO251" s="137"/>
      <c r="AP251" s="137"/>
      <c r="AQ251" s="137"/>
      <c r="AR251" s="137"/>
      <c r="AS251" s="137"/>
      <c r="AT251" s="137"/>
      <c r="AU251" s="137"/>
      <c r="AV251" s="137"/>
      <c r="AW251" s="144"/>
    </row>
    <row r="252" spans="7:49" x14ac:dyDescent="0.2">
      <c r="G252" s="43"/>
      <c r="Z252" s="143"/>
      <c r="AA252" s="137"/>
      <c r="AB252" s="137"/>
      <c r="AC252" s="137"/>
      <c r="AD252" s="137"/>
      <c r="AE252" s="137"/>
      <c r="AF252" s="137"/>
      <c r="AG252" s="137"/>
      <c r="AH252" s="137"/>
      <c r="AI252" s="137"/>
      <c r="AJ252" s="137"/>
      <c r="AK252" s="137"/>
      <c r="AL252" s="137"/>
      <c r="AM252" s="137"/>
      <c r="AN252" s="137"/>
      <c r="AO252" s="137"/>
      <c r="AP252" s="137"/>
      <c r="AQ252" s="137"/>
      <c r="AR252" s="137"/>
      <c r="AS252" s="137"/>
      <c r="AT252" s="137"/>
      <c r="AU252" s="137"/>
      <c r="AV252" s="137"/>
      <c r="AW252" s="144"/>
    </row>
    <row r="253" spans="7:49" x14ac:dyDescent="0.2">
      <c r="G253" s="43"/>
      <c r="Z253" s="143"/>
      <c r="AA253" s="137"/>
      <c r="AB253" s="137"/>
      <c r="AC253" s="137"/>
      <c r="AD253" s="137"/>
      <c r="AE253" s="137"/>
      <c r="AF253" s="137"/>
      <c r="AG253" s="137"/>
      <c r="AH253" s="137"/>
      <c r="AI253" s="137"/>
      <c r="AJ253" s="137"/>
      <c r="AK253" s="137"/>
      <c r="AL253" s="137"/>
      <c r="AM253" s="137"/>
      <c r="AN253" s="137"/>
      <c r="AO253" s="137"/>
      <c r="AP253" s="137"/>
      <c r="AQ253" s="137"/>
      <c r="AR253" s="137"/>
      <c r="AS253" s="137"/>
      <c r="AT253" s="137"/>
      <c r="AU253" s="137"/>
      <c r="AV253" s="137"/>
      <c r="AW253" s="144"/>
    </row>
    <row r="254" spans="7:49" x14ac:dyDescent="0.2">
      <c r="G254" s="43"/>
      <c r="Z254" s="143"/>
      <c r="AA254" s="137"/>
      <c r="AB254" s="137"/>
      <c r="AC254" s="137"/>
      <c r="AD254" s="137"/>
      <c r="AE254" s="137"/>
      <c r="AF254" s="137"/>
      <c r="AG254" s="137"/>
      <c r="AH254" s="137"/>
      <c r="AI254" s="137"/>
      <c r="AJ254" s="137"/>
      <c r="AK254" s="137"/>
      <c r="AL254" s="137"/>
      <c r="AM254" s="137"/>
      <c r="AN254" s="137"/>
      <c r="AO254" s="137"/>
      <c r="AP254" s="137"/>
      <c r="AQ254" s="137"/>
      <c r="AR254" s="137"/>
      <c r="AS254" s="137"/>
      <c r="AT254" s="137"/>
      <c r="AU254" s="137"/>
      <c r="AV254" s="137"/>
      <c r="AW254" s="144"/>
    </row>
    <row r="255" spans="7:49" x14ac:dyDescent="0.2">
      <c r="G255" s="43"/>
      <c r="Z255" s="143"/>
      <c r="AA255" s="137"/>
      <c r="AB255" s="137"/>
      <c r="AC255" s="137"/>
      <c r="AD255" s="137"/>
      <c r="AE255" s="137"/>
      <c r="AF255" s="137"/>
      <c r="AG255" s="137"/>
      <c r="AH255" s="137"/>
      <c r="AI255" s="137"/>
      <c r="AJ255" s="137"/>
      <c r="AK255" s="137"/>
      <c r="AL255" s="137"/>
      <c r="AM255" s="137"/>
      <c r="AN255" s="137"/>
      <c r="AO255" s="137"/>
      <c r="AP255" s="137"/>
      <c r="AQ255" s="137"/>
      <c r="AR255" s="137"/>
      <c r="AS255" s="137"/>
      <c r="AT255" s="137"/>
      <c r="AU255" s="137"/>
      <c r="AV255" s="137"/>
      <c r="AW255" s="144"/>
    </row>
    <row r="256" spans="7:49" x14ac:dyDescent="0.2">
      <c r="G256" s="43"/>
      <c r="Z256" s="143"/>
      <c r="AA256" s="137"/>
      <c r="AB256" s="137"/>
      <c r="AC256" s="137"/>
      <c r="AD256" s="137"/>
      <c r="AE256" s="137"/>
      <c r="AF256" s="137"/>
      <c r="AG256" s="137"/>
      <c r="AH256" s="137"/>
      <c r="AI256" s="137"/>
      <c r="AJ256" s="137"/>
      <c r="AK256" s="137"/>
      <c r="AL256" s="137"/>
      <c r="AM256" s="137"/>
      <c r="AN256" s="137"/>
      <c r="AO256" s="137"/>
      <c r="AP256" s="137"/>
      <c r="AQ256" s="137"/>
      <c r="AR256" s="137"/>
      <c r="AS256" s="137"/>
      <c r="AT256" s="137"/>
      <c r="AU256" s="137"/>
      <c r="AV256" s="137"/>
      <c r="AW256" s="144"/>
    </row>
    <row r="257" spans="7:49" x14ac:dyDescent="0.2">
      <c r="G257" s="43"/>
      <c r="Z257" s="143"/>
      <c r="AA257" s="137"/>
      <c r="AB257" s="137"/>
      <c r="AC257" s="137"/>
      <c r="AD257" s="137"/>
      <c r="AE257" s="137"/>
      <c r="AF257" s="137"/>
      <c r="AG257" s="137"/>
      <c r="AH257" s="137"/>
      <c r="AI257" s="137"/>
      <c r="AJ257" s="137"/>
      <c r="AK257" s="137"/>
      <c r="AL257" s="137"/>
      <c r="AM257" s="137"/>
      <c r="AN257" s="137"/>
      <c r="AO257" s="137"/>
      <c r="AP257" s="137"/>
      <c r="AQ257" s="137"/>
      <c r="AR257" s="137"/>
      <c r="AS257" s="137"/>
      <c r="AT257" s="137"/>
      <c r="AU257" s="137"/>
      <c r="AV257" s="137"/>
      <c r="AW257" s="144"/>
    </row>
    <row r="258" spans="7:49" x14ac:dyDescent="0.2">
      <c r="G258" s="43"/>
      <c r="Z258" s="143"/>
      <c r="AA258" s="137"/>
      <c r="AB258" s="137"/>
      <c r="AC258" s="137"/>
      <c r="AD258" s="137"/>
      <c r="AE258" s="137"/>
      <c r="AF258" s="137"/>
      <c r="AG258" s="137"/>
      <c r="AH258" s="137"/>
      <c r="AI258" s="137"/>
      <c r="AJ258" s="137"/>
      <c r="AK258" s="137"/>
      <c r="AL258" s="137"/>
      <c r="AM258" s="137"/>
      <c r="AN258" s="137"/>
      <c r="AO258" s="137"/>
      <c r="AP258" s="137"/>
      <c r="AQ258" s="137"/>
      <c r="AR258" s="137"/>
      <c r="AS258" s="137"/>
      <c r="AT258" s="137"/>
      <c r="AU258" s="137"/>
      <c r="AV258" s="137"/>
      <c r="AW258" s="144"/>
    </row>
    <row r="259" spans="7:49" x14ac:dyDescent="0.2">
      <c r="G259" s="43"/>
      <c r="Z259" s="143"/>
      <c r="AA259" s="137"/>
      <c r="AB259" s="137"/>
      <c r="AC259" s="137"/>
      <c r="AD259" s="137"/>
      <c r="AE259" s="137"/>
      <c r="AF259" s="137"/>
      <c r="AG259" s="137"/>
      <c r="AH259" s="137"/>
      <c r="AI259" s="137"/>
      <c r="AJ259" s="137"/>
      <c r="AK259" s="137"/>
      <c r="AL259" s="137"/>
      <c r="AM259" s="137"/>
      <c r="AN259" s="137"/>
      <c r="AO259" s="137"/>
      <c r="AP259" s="137"/>
      <c r="AQ259" s="137"/>
      <c r="AR259" s="137"/>
      <c r="AS259" s="137"/>
      <c r="AT259" s="137"/>
      <c r="AU259" s="137"/>
      <c r="AV259" s="137"/>
      <c r="AW259" s="144"/>
    </row>
    <row r="260" spans="7:49" x14ac:dyDescent="0.2">
      <c r="G260" s="43"/>
      <c r="Z260" s="143"/>
      <c r="AA260" s="137"/>
      <c r="AB260" s="137"/>
      <c r="AC260" s="137"/>
      <c r="AD260" s="137"/>
      <c r="AE260" s="137"/>
      <c r="AF260" s="137"/>
      <c r="AG260" s="137"/>
      <c r="AH260" s="137"/>
      <c r="AI260" s="137"/>
      <c r="AJ260" s="137"/>
      <c r="AK260" s="137"/>
      <c r="AL260" s="137"/>
      <c r="AM260" s="137"/>
      <c r="AN260" s="137"/>
      <c r="AO260" s="137"/>
      <c r="AP260" s="137"/>
      <c r="AQ260" s="137"/>
      <c r="AR260" s="137"/>
      <c r="AS260" s="137"/>
      <c r="AT260" s="137"/>
      <c r="AU260" s="137"/>
      <c r="AV260" s="137"/>
      <c r="AW260" s="144"/>
    </row>
    <row r="261" spans="7:49" x14ac:dyDescent="0.2">
      <c r="G261" s="43"/>
      <c r="Z261" s="143"/>
      <c r="AA261" s="137"/>
      <c r="AB261" s="137"/>
      <c r="AC261" s="137"/>
      <c r="AD261" s="137"/>
      <c r="AE261" s="137"/>
      <c r="AF261" s="137"/>
      <c r="AG261" s="137"/>
      <c r="AH261" s="137"/>
      <c r="AI261" s="137"/>
      <c r="AJ261" s="137"/>
      <c r="AK261" s="137"/>
      <c r="AL261" s="137"/>
      <c r="AM261" s="137"/>
      <c r="AN261" s="137"/>
      <c r="AO261" s="137"/>
      <c r="AP261" s="137"/>
      <c r="AQ261" s="137"/>
      <c r="AR261" s="137"/>
      <c r="AS261" s="137"/>
      <c r="AT261" s="137"/>
      <c r="AU261" s="137"/>
      <c r="AV261" s="137"/>
      <c r="AW261" s="144"/>
    </row>
    <row r="262" spans="7:49" x14ac:dyDescent="0.2">
      <c r="G262" s="43"/>
      <c r="Z262" s="143"/>
      <c r="AA262" s="137"/>
      <c r="AB262" s="137"/>
      <c r="AC262" s="137"/>
      <c r="AD262" s="137"/>
      <c r="AE262" s="137"/>
      <c r="AF262" s="137"/>
      <c r="AG262" s="137"/>
      <c r="AH262" s="137"/>
      <c r="AI262" s="137"/>
      <c r="AJ262" s="137"/>
      <c r="AK262" s="137"/>
      <c r="AL262" s="137"/>
      <c r="AM262" s="137"/>
      <c r="AN262" s="137"/>
      <c r="AO262" s="137"/>
      <c r="AP262" s="137"/>
      <c r="AQ262" s="137"/>
      <c r="AR262" s="137"/>
      <c r="AS262" s="137"/>
      <c r="AT262" s="137"/>
      <c r="AU262" s="137"/>
      <c r="AV262" s="137"/>
      <c r="AW262" s="144"/>
    </row>
    <row r="263" spans="7:49" x14ac:dyDescent="0.2">
      <c r="G263" s="43"/>
      <c r="Z263" s="143"/>
      <c r="AA263" s="137"/>
      <c r="AB263" s="137"/>
      <c r="AC263" s="137"/>
      <c r="AD263" s="137"/>
      <c r="AE263" s="137"/>
      <c r="AF263" s="137"/>
      <c r="AG263" s="137"/>
      <c r="AH263" s="137"/>
      <c r="AI263" s="137"/>
      <c r="AJ263" s="137"/>
      <c r="AK263" s="137"/>
      <c r="AL263" s="137"/>
      <c r="AM263" s="137"/>
      <c r="AN263" s="137"/>
      <c r="AO263" s="137"/>
      <c r="AP263" s="137"/>
      <c r="AQ263" s="137"/>
      <c r="AR263" s="137"/>
      <c r="AS263" s="137"/>
      <c r="AT263" s="137"/>
      <c r="AU263" s="137"/>
      <c r="AV263" s="137"/>
      <c r="AW263" s="144"/>
    </row>
    <row r="264" spans="7:49" x14ac:dyDescent="0.2">
      <c r="G264" s="43"/>
      <c r="Z264" s="143"/>
      <c r="AA264" s="137"/>
      <c r="AB264" s="137"/>
      <c r="AC264" s="137"/>
      <c r="AD264" s="137"/>
      <c r="AE264" s="137"/>
      <c r="AF264" s="137"/>
      <c r="AG264" s="137"/>
      <c r="AH264" s="137"/>
      <c r="AI264" s="137"/>
      <c r="AJ264" s="137"/>
      <c r="AK264" s="137"/>
      <c r="AL264" s="137"/>
      <c r="AM264" s="137"/>
      <c r="AN264" s="137"/>
      <c r="AO264" s="137"/>
      <c r="AP264" s="137"/>
      <c r="AQ264" s="137"/>
      <c r="AR264" s="137"/>
      <c r="AS264" s="137"/>
      <c r="AT264" s="137"/>
      <c r="AU264" s="137"/>
      <c r="AV264" s="137"/>
      <c r="AW264" s="144"/>
    </row>
    <row r="265" spans="7:49" x14ac:dyDescent="0.2">
      <c r="G265" s="43"/>
      <c r="Z265" s="143"/>
      <c r="AA265" s="137"/>
      <c r="AB265" s="137"/>
      <c r="AC265" s="137"/>
      <c r="AD265" s="137"/>
      <c r="AE265" s="137"/>
      <c r="AF265" s="137"/>
      <c r="AG265" s="137"/>
      <c r="AH265" s="137"/>
      <c r="AI265" s="137"/>
      <c r="AJ265" s="137"/>
      <c r="AK265" s="137"/>
      <c r="AL265" s="137"/>
      <c r="AM265" s="137"/>
      <c r="AN265" s="137"/>
      <c r="AO265" s="137"/>
      <c r="AP265" s="137"/>
      <c r="AQ265" s="137"/>
      <c r="AR265" s="137"/>
      <c r="AS265" s="137"/>
      <c r="AT265" s="137"/>
      <c r="AU265" s="137"/>
      <c r="AV265" s="137"/>
      <c r="AW265" s="144"/>
    </row>
    <row r="266" spans="7:49" x14ac:dyDescent="0.2">
      <c r="G266" s="43"/>
      <c r="Z266" s="143"/>
      <c r="AA266" s="137"/>
      <c r="AB266" s="137"/>
      <c r="AC266" s="137"/>
      <c r="AD266" s="137"/>
      <c r="AE266" s="137"/>
      <c r="AF266" s="137"/>
      <c r="AG266" s="137"/>
      <c r="AH266" s="137"/>
      <c r="AI266" s="137"/>
      <c r="AJ266" s="137"/>
      <c r="AK266" s="137"/>
      <c r="AL266" s="137"/>
      <c r="AM266" s="137"/>
      <c r="AN266" s="137"/>
      <c r="AO266" s="137"/>
      <c r="AP266" s="137"/>
      <c r="AQ266" s="137"/>
      <c r="AR266" s="137"/>
      <c r="AS266" s="137"/>
      <c r="AT266" s="137"/>
      <c r="AU266" s="137"/>
      <c r="AV266" s="137"/>
      <c r="AW266" s="144"/>
    </row>
    <row r="267" spans="7:49" x14ac:dyDescent="0.2">
      <c r="G267" s="43"/>
      <c r="Z267" s="143"/>
      <c r="AA267" s="137"/>
      <c r="AB267" s="137"/>
      <c r="AC267" s="137"/>
      <c r="AD267" s="137"/>
      <c r="AE267" s="137"/>
      <c r="AF267" s="137"/>
      <c r="AG267" s="137"/>
      <c r="AH267" s="137"/>
      <c r="AI267" s="137"/>
      <c r="AJ267" s="137"/>
      <c r="AK267" s="137"/>
      <c r="AL267" s="137"/>
      <c r="AM267" s="137"/>
      <c r="AN267" s="137"/>
      <c r="AO267" s="137"/>
      <c r="AP267" s="137"/>
      <c r="AQ267" s="137"/>
      <c r="AR267" s="137"/>
      <c r="AS267" s="137"/>
      <c r="AT267" s="137"/>
      <c r="AU267" s="137"/>
      <c r="AV267" s="137"/>
      <c r="AW267" s="144"/>
    </row>
    <row r="268" spans="7:49" x14ac:dyDescent="0.2">
      <c r="G268" s="43"/>
      <c r="Z268" s="143"/>
      <c r="AA268" s="137"/>
      <c r="AB268" s="137"/>
      <c r="AC268" s="137"/>
      <c r="AD268" s="137"/>
      <c r="AE268" s="137"/>
      <c r="AF268" s="137"/>
      <c r="AG268" s="137"/>
      <c r="AH268" s="137"/>
      <c r="AI268" s="137"/>
      <c r="AJ268" s="137"/>
      <c r="AK268" s="137"/>
      <c r="AL268" s="137"/>
      <c r="AM268" s="137"/>
      <c r="AN268" s="137"/>
      <c r="AO268" s="137"/>
      <c r="AP268" s="137"/>
      <c r="AQ268" s="137"/>
      <c r="AR268" s="137"/>
      <c r="AS268" s="137"/>
      <c r="AT268" s="137"/>
      <c r="AU268" s="137"/>
      <c r="AV268" s="137"/>
      <c r="AW268" s="144"/>
    </row>
    <row r="269" spans="7:49" x14ac:dyDescent="0.2">
      <c r="G269" s="43"/>
      <c r="Z269" s="143"/>
      <c r="AA269" s="137"/>
      <c r="AB269" s="137"/>
      <c r="AC269" s="137"/>
      <c r="AD269" s="137"/>
      <c r="AE269" s="137"/>
      <c r="AF269" s="137"/>
      <c r="AG269" s="137"/>
      <c r="AH269" s="137"/>
      <c r="AI269" s="137"/>
      <c r="AJ269" s="137"/>
      <c r="AK269" s="137"/>
      <c r="AL269" s="137"/>
      <c r="AM269" s="137"/>
      <c r="AN269" s="137"/>
      <c r="AO269" s="137"/>
      <c r="AP269" s="137"/>
      <c r="AQ269" s="137"/>
      <c r="AR269" s="137"/>
      <c r="AS269" s="137"/>
      <c r="AT269" s="137"/>
      <c r="AU269" s="137"/>
      <c r="AV269" s="137"/>
      <c r="AW269" s="144"/>
    </row>
    <row r="270" spans="7:49" x14ac:dyDescent="0.2">
      <c r="G270" s="43"/>
      <c r="Z270" s="143"/>
      <c r="AA270" s="137"/>
      <c r="AB270" s="137"/>
      <c r="AC270" s="137"/>
      <c r="AD270" s="137"/>
      <c r="AE270" s="137"/>
      <c r="AF270" s="137"/>
      <c r="AG270" s="137"/>
      <c r="AH270" s="137"/>
      <c r="AI270" s="137"/>
      <c r="AJ270" s="137"/>
      <c r="AK270" s="137"/>
      <c r="AL270" s="137"/>
      <c r="AM270" s="137"/>
      <c r="AN270" s="137"/>
      <c r="AO270" s="137"/>
      <c r="AP270" s="137"/>
      <c r="AQ270" s="137"/>
      <c r="AR270" s="137"/>
      <c r="AS270" s="137"/>
      <c r="AT270" s="137"/>
      <c r="AU270" s="137"/>
      <c r="AV270" s="137"/>
      <c r="AW270" s="144"/>
    </row>
    <row r="271" spans="7:49" x14ac:dyDescent="0.2">
      <c r="G271" s="43"/>
      <c r="Z271" s="143"/>
      <c r="AA271" s="137"/>
      <c r="AB271" s="137"/>
      <c r="AC271" s="137"/>
      <c r="AD271" s="137"/>
      <c r="AE271" s="137"/>
      <c r="AF271" s="137"/>
      <c r="AG271" s="137"/>
      <c r="AH271" s="137"/>
      <c r="AI271" s="137"/>
      <c r="AJ271" s="137"/>
      <c r="AK271" s="137"/>
      <c r="AL271" s="137"/>
      <c r="AM271" s="137"/>
      <c r="AN271" s="137"/>
      <c r="AO271" s="137"/>
      <c r="AP271" s="137"/>
      <c r="AQ271" s="137"/>
      <c r="AR271" s="137"/>
      <c r="AS271" s="137"/>
      <c r="AT271" s="137"/>
      <c r="AU271" s="137"/>
      <c r="AV271" s="137"/>
      <c r="AW271" s="144"/>
    </row>
    <row r="272" spans="7:49" x14ac:dyDescent="0.2">
      <c r="G272" s="43"/>
      <c r="Z272" s="143"/>
      <c r="AA272" s="137"/>
      <c r="AB272" s="137"/>
      <c r="AC272" s="137"/>
      <c r="AD272" s="137"/>
      <c r="AE272" s="137"/>
      <c r="AF272" s="137"/>
      <c r="AG272" s="137"/>
      <c r="AH272" s="137"/>
      <c r="AI272" s="137"/>
      <c r="AJ272" s="137"/>
      <c r="AK272" s="137"/>
      <c r="AL272" s="137"/>
      <c r="AM272" s="137"/>
      <c r="AN272" s="137"/>
      <c r="AO272" s="137"/>
      <c r="AP272" s="137"/>
      <c r="AQ272" s="137"/>
      <c r="AR272" s="137"/>
      <c r="AS272" s="137"/>
      <c r="AT272" s="137"/>
      <c r="AU272" s="137"/>
      <c r="AV272" s="137"/>
      <c r="AW272" s="144"/>
    </row>
    <row r="273" spans="7:49" x14ac:dyDescent="0.2">
      <c r="G273" s="43"/>
      <c r="Z273" s="143"/>
      <c r="AA273" s="137"/>
      <c r="AB273" s="137"/>
      <c r="AC273" s="137"/>
      <c r="AD273" s="137"/>
      <c r="AE273" s="137"/>
      <c r="AF273" s="137"/>
      <c r="AG273" s="137"/>
      <c r="AH273" s="137"/>
      <c r="AI273" s="137"/>
      <c r="AJ273" s="137"/>
      <c r="AK273" s="137"/>
      <c r="AL273" s="137"/>
      <c r="AM273" s="137"/>
      <c r="AN273" s="137"/>
      <c r="AO273" s="137"/>
      <c r="AP273" s="137"/>
      <c r="AQ273" s="137"/>
      <c r="AR273" s="137"/>
      <c r="AS273" s="137"/>
      <c r="AT273" s="137"/>
      <c r="AU273" s="137"/>
      <c r="AV273" s="137"/>
      <c r="AW273" s="144"/>
    </row>
    <row r="274" spans="7:49" x14ac:dyDescent="0.2">
      <c r="G274" s="43"/>
      <c r="Z274" s="143"/>
      <c r="AA274" s="137"/>
      <c r="AB274" s="137"/>
      <c r="AC274" s="137"/>
      <c r="AD274" s="137"/>
      <c r="AE274" s="137"/>
      <c r="AF274" s="137"/>
      <c r="AG274" s="137"/>
      <c r="AH274" s="137"/>
      <c r="AI274" s="137"/>
      <c r="AJ274" s="137"/>
      <c r="AK274" s="137"/>
      <c r="AL274" s="137"/>
      <c r="AM274" s="137"/>
      <c r="AN274" s="137"/>
      <c r="AO274" s="137"/>
      <c r="AP274" s="137"/>
      <c r="AQ274" s="137"/>
      <c r="AR274" s="137"/>
      <c r="AS274" s="137"/>
      <c r="AT274" s="137"/>
      <c r="AU274" s="137"/>
      <c r="AV274" s="137"/>
      <c r="AW274" s="144"/>
    </row>
    <row r="275" spans="7:49" x14ac:dyDescent="0.2">
      <c r="G275" s="43"/>
      <c r="Z275" s="143"/>
      <c r="AA275" s="137"/>
      <c r="AB275" s="137"/>
      <c r="AC275" s="137"/>
      <c r="AD275" s="137"/>
      <c r="AE275" s="137"/>
      <c r="AF275" s="137"/>
      <c r="AG275" s="137"/>
      <c r="AH275" s="137"/>
      <c r="AI275" s="137"/>
      <c r="AJ275" s="137"/>
      <c r="AK275" s="137"/>
      <c r="AL275" s="137"/>
      <c r="AM275" s="137"/>
      <c r="AN275" s="137"/>
      <c r="AO275" s="137"/>
      <c r="AP275" s="137"/>
      <c r="AQ275" s="137"/>
      <c r="AR275" s="137"/>
      <c r="AS275" s="137"/>
      <c r="AT275" s="137"/>
      <c r="AU275" s="137"/>
      <c r="AV275" s="137"/>
      <c r="AW275" s="144"/>
    </row>
    <row r="276" spans="7:49" x14ac:dyDescent="0.2">
      <c r="G276" s="43"/>
      <c r="Z276" s="143"/>
      <c r="AA276" s="137"/>
      <c r="AB276" s="137"/>
      <c r="AC276" s="137"/>
      <c r="AD276" s="137"/>
      <c r="AE276" s="137"/>
      <c r="AF276" s="137"/>
      <c r="AG276" s="137"/>
      <c r="AH276" s="137"/>
      <c r="AI276" s="137"/>
      <c r="AJ276" s="137"/>
      <c r="AK276" s="137"/>
      <c r="AL276" s="137"/>
      <c r="AM276" s="137"/>
      <c r="AN276" s="137"/>
      <c r="AO276" s="137"/>
      <c r="AP276" s="137"/>
      <c r="AQ276" s="137"/>
      <c r="AR276" s="137"/>
      <c r="AS276" s="137"/>
      <c r="AT276" s="137"/>
      <c r="AU276" s="137"/>
      <c r="AV276" s="137"/>
      <c r="AW276" s="144"/>
    </row>
    <row r="277" spans="7:49" x14ac:dyDescent="0.2">
      <c r="G277" s="43"/>
      <c r="Z277" s="143"/>
      <c r="AA277" s="137"/>
      <c r="AB277" s="137"/>
      <c r="AC277" s="137"/>
      <c r="AD277" s="137"/>
      <c r="AE277" s="137"/>
      <c r="AF277" s="137"/>
      <c r="AG277" s="137"/>
      <c r="AH277" s="137"/>
      <c r="AI277" s="137"/>
      <c r="AJ277" s="137"/>
      <c r="AK277" s="137"/>
      <c r="AL277" s="137"/>
      <c r="AM277" s="137"/>
      <c r="AN277" s="137"/>
      <c r="AO277" s="137"/>
      <c r="AP277" s="137"/>
      <c r="AQ277" s="137"/>
      <c r="AR277" s="137"/>
      <c r="AS277" s="137"/>
      <c r="AT277" s="137"/>
      <c r="AU277" s="137"/>
      <c r="AV277" s="137"/>
      <c r="AW277" s="144"/>
    </row>
    <row r="278" spans="7:49" x14ac:dyDescent="0.2">
      <c r="G278" s="43"/>
      <c r="Z278" s="143"/>
      <c r="AA278" s="137"/>
      <c r="AB278" s="137"/>
      <c r="AC278" s="137"/>
      <c r="AD278" s="137"/>
      <c r="AE278" s="137"/>
      <c r="AF278" s="137"/>
      <c r="AG278" s="137"/>
      <c r="AH278" s="137"/>
      <c r="AI278" s="137"/>
      <c r="AJ278" s="137"/>
      <c r="AK278" s="137"/>
      <c r="AL278" s="137"/>
      <c r="AM278" s="137"/>
      <c r="AN278" s="137"/>
      <c r="AO278" s="137"/>
      <c r="AP278" s="137"/>
      <c r="AQ278" s="137"/>
      <c r="AR278" s="137"/>
      <c r="AS278" s="137"/>
      <c r="AT278" s="137"/>
      <c r="AU278" s="137"/>
      <c r="AV278" s="137"/>
      <c r="AW278" s="144"/>
    </row>
    <row r="279" spans="7:49" x14ac:dyDescent="0.2">
      <c r="G279" s="43"/>
      <c r="Z279" s="143"/>
      <c r="AA279" s="137"/>
      <c r="AB279" s="137"/>
      <c r="AC279" s="137"/>
      <c r="AD279" s="137"/>
      <c r="AE279" s="137"/>
      <c r="AF279" s="137"/>
      <c r="AG279" s="137"/>
      <c r="AH279" s="137"/>
      <c r="AI279" s="137"/>
      <c r="AJ279" s="137"/>
      <c r="AK279" s="137"/>
      <c r="AL279" s="137"/>
      <c r="AM279" s="137"/>
      <c r="AN279" s="137"/>
      <c r="AO279" s="137"/>
      <c r="AP279" s="137"/>
      <c r="AQ279" s="137"/>
      <c r="AR279" s="137"/>
      <c r="AS279" s="137"/>
      <c r="AT279" s="137"/>
      <c r="AU279" s="137"/>
      <c r="AV279" s="137"/>
      <c r="AW279" s="144"/>
    </row>
    <row r="280" spans="7:49" x14ac:dyDescent="0.2">
      <c r="G280" s="43"/>
      <c r="Z280" s="143"/>
      <c r="AA280" s="137"/>
      <c r="AB280" s="137"/>
      <c r="AC280" s="137"/>
      <c r="AD280" s="137"/>
      <c r="AE280" s="137"/>
      <c r="AF280" s="137"/>
      <c r="AG280" s="137"/>
      <c r="AH280" s="137"/>
      <c r="AI280" s="137"/>
      <c r="AJ280" s="137"/>
      <c r="AK280" s="137"/>
      <c r="AL280" s="137"/>
      <c r="AM280" s="137"/>
      <c r="AN280" s="137"/>
      <c r="AO280" s="137"/>
      <c r="AP280" s="137"/>
      <c r="AQ280" s="137"/>
      <c r="AR280" s="137"/>
      <c r="AS280" s="137"/>
      <c r="AT280" s="137"/>
      <c r="AU280" s="137"/>
      <c r="AV280" s="137"/>
      <c r="AW280" s="144"/>
    </row>
    <row r="281" spans="7:49" x14ac:dyDescent="0.2">
      <c r="G281" s="43"/>
      <c r="Z281" s="143"/>
      <c r="AA281" s="137"/>
      <c r="AB281" s="137"/>
      <c r="AC281" s="137"/>
      <c r="AD281" s="137"/>
      <c r="AE281" s="137"/>
      <c r="AF281" s="137"/>
      <c r="AG281" s="137"/>
      <c r="AH281" s="137"/>
      <c r="AI281" s="137"/>
      <c r="AJ281" s="137"/>
      <c r="AK281" s="137"/>
      <c r="AL281" s="137"/>
      <c r="AM281" s="137"/>
      <c r="AN281" s="137"/>
      <c r="AO281" s="137"/>
      <c r="AP281" s="137"/>
      <c r="AQ281" s="137"/>
      <c r="AR281" s="137"/>
      <c r="AS281" s="137"/>
      <c r="AT281" s="137"/>
      <c r="AU281" s="137"/>
      <c r="AV281" s="137"/>
      <c r="AW281" s="144"/>
    </row>
    <row r="282" spans="7:49" x14ac:dyDescent="0.2">
      <c r="G282" s="43"/>
      <c r="Z282" s="143"/>
      <c r="AA282" s="137"/>
      <c r="AB282" s="137"/>
      <c r="AC282" s="137"/>
      <c r="AD282" s="137"/>
      <c r="AE282" s="137"/>
      <c r="AF282" s="137"/>
      <c r="AG282" s="137"/>
      <c r="AH282" s="137"/>
      <c r="AI282" s="137"/>
      <c r="AJ282" s="137"/>
      <c r="AK282" s="137"/>
      <c r="AL282" s="137"/>
      <c r="AM282" s="137"/>
      <c r="AN282" s="137"/>
      <c r="AO282" s="137"/>
      <c r="AP282" s="137"/>
      <c r="AQ282" s="137"/>
      <c r="AR282" s="137"/>
      <c r="AS282" s="137"/>
      <c r="AT282" s="137"/>
      <c r="AU282" s="137"/>
      <c r="AV282" s="137"/>
      <c r="AW282" s="144"/>
    </row>
    <row r="283" spans="7:49" x14ac:dyDescent="0.2">
      <c r="G283" s="43"/>
      <c r="Z283" s="143"/>
      <c r="AA283" s="137"/>
      <c r="AB283" s="137"/>
      <c r="AC283" s="137"/>
      <c r="AD283" s="137"/>
      <c r="AE283" s="137"/>
      <c r="AF283" s="137"/>
      <c r="AG283" s="137"/>
      <c r="AH283" s="137"/>
      <c r="AI283" s="137"/>
      <c r="AJ283" s="137"/>
      <c r="AK283" s="137"/>
      <c r="AL283" s="137"/>
      <c r="AM283" s="137"/>
      <c r="AN283" s="137"/>
      <c r="AO283" s="137"/>
      <c r="AP283" s="137"/>
      <c r="AQ283" s="137"/>
      <c r="AR283" s="137"/>
      <c r="AS283" s="137"/>
      <c r="AT283" s="137"/>
      <c r="AU283" s="137"/>
      <c r="AV283" s="137"/>
      <c r="AW283" s="144"/>
    </row>
    <row r="284" spans="7:49" x14ac:dyDescent="0.2">
      <c r="G284" s="43"/>
      <c r="Z284" s="143"/>
      <c r="AA284" s="137"/>
      <c r="AB284" s="137"/>
      <c r="AC284" s="137"/>
      <c r="AD284" s="137"/>
      <c r="AE284" s="137"/>
      <c r="AF284" s="137"/>
      <c r="AG284" s="137"/>
      <c r="AH284" s="137"/>
      <c r="AI284" s="137"/>
      <c r="AJ284" s="137"/>
      <c r="AK284" s="137"/>
      <c r="AL284" s="137"/>
      <c r="AM284" s="137"/>
      <c r="AN284" s="137"/>
      <c r="AO284" s="137"/>
      <c r="AP284" s="137"/>
      <c r="AQ284" s="137"/>
      <c r="AR284" s="137"/>
      <c r="AS284" s="137"/>
      <c r="AT284" s="137"/>
      <c r="AU284" s="137"/>
      <c r="AV284" s="137"/>
      <c r="AW284" s="144"/>
    </row>
    <row r="285" spans="7:49" x14ac:dyDescent="0.2">
      <c r="G285" s="43"/>
      <c r="Z285" s="143"/>
      <c r="AA285" s="137"/>
      <c r="AB285" s="137"/>
      <c r="AC285" s="137"/>
      <c r="AD285" s="137"/>
      <c r="AE285" s="137"/>
      <c r="AF285" s="137"/>
      <c r="AG285" s="137"/>
      <c r="AH285" s="137"/>
      <c r="AI285" s="137"/>
      <c r="AJ285" s="137"/>
      <c r="AK285" s="137"/>
      <c r="AL285" s="137"/>
      <c r="AM285" s="137"/>
      <c r="AN285" s="137"/>
      <c r="AO285" s="137"/>
      <c r="AP285" s="137"/>
      <c r="AQ285" s="137"/>
      <c r="AR285" s="137"/>
      <c r="AS285" s="137"/>
      <c r="AT285" s="137"/>
      <c r="AU285" s="137"/>
      <c r="AV285" s="137"/>
      <c r="AW285" s="144"/>
    </row>
    <row r="286" spans="7:49" x14ac:dyDescent="0.2">
      <c r="G286" s="43"/>
      <c r="Z286" s="143"/>
      <c r="AA286" s="137"/>
      <c r="AB286" s="137"/>
      <c r="AC286" s="137"/>
      <c r="AD286" s="137"/>
      <c r="AE286" s="137"/>
      <c r="AF286" s="137"/>
      <c r="AG286" s="137"/>
      <c r="AH286" s="137"/>
      <c r="AI286" s="137"/>
      <c r="AJ286" s="137"/>
      <c r="AK286" s="137"/>
      <c r="AL286" s="137"/>
      <c r="AM286" s="137"/>
      <c r="AN286" s="137"/>
      <c r="AO286" s="137"/>
      <c r="AP286" s="137"/>
      <c r="AQ286" s="137"/>
      <c r="AR286" s="137"/>
      <c r="AS286" s="137"/>
      <c r="AT286" s="137"/>
      <c r="AU286" s="137"/>
      <c r="AV286" s="137"/>
      <c r="AW286" s="144"/>
    </row>
    <row r="287" spans="7:49" x14ac:dyDescent="0.2">
      <c r="G287" s="43"/>
      <c r="Z287" s="143"/>
      <c r="AA287" s="137"/>
      <c r="AB287" s="137"/>
      <c r="AC287" s="137"/>
      <c r="AD287" s="137"/>
      <c r="AE287" s="137"/>
      <c r="AF287" s="137"/>
      <c r="AG287" s="137"/>
      <c r="AH287" s="137"/>
      <c r="AI287" s="137"/>
      <c r="AJ287" s="137"/>
      <c r="AK287" s="137"/>
      <c r="AL287" s="137"/>
      <c r="AM287" s="137"/>
      <c r="AN287" s="137"/>
      <c r="AO287" s="137"/>
      <c r="AP287" s="137"/>
      <c r="AQ287" s="137"/>
      <c r="AR287" s="137"/>
      <c r="AS287" s="137"/>
      <c r="AT287" s="137"/>
      <c r="AU287" s="137"/>
      <c r="AV287" s="137"/>
      <c r="AW287" s="144"/>
    </row>
    <row r="288" spans="7:49" x14ac:dyDescent="0.2">
      <c r="G288" s="43"/>
      <c r="Z288" s="143"/>
      <c r="AA288" s="137"/>
      <c r="AB288" s="137"/>
      <c r="AC288" s="137"/>
      <c r="AD288" s="137"/>
      <c r="AE288" s="137"/>
      <c r="AF288" s="137"/>
      <c r="AG288" s="137"/>
      <c r="AH288" s="137"/>
      <c r="AI288" s="137"/>
      <c r="AJ288" s="137"/>
      <c r="AK288" s="137"/>
      <c r="AL288" s="137"/>
      <c r="AM288" s="137"/>
      <c r="AN288" s="137"/>
      <c r="AO288" s="137"/>
      <c r="AP288" s="137"/>
      <c r="AQ288" s="137"/>
      <c r="AR288" s="137"/>
      <c r="AS288" s="137"/>
      <c r="AT288" s="137"/>
      <c r="AU288" s="137"/>
      <c r="AV288" s="137"/>
      <c r="AW288" s="144"/>
    </row>
    <row r="289" spans="7:49" x14ac:dyDescent="0.2">
      <c r="G289" s="43"/>
      <c r="Z289" s="143"/>
      <c r="AA289" s="137"/>
      <c r="AB289" s="137"/>
      <c r="AC289" s="137"/>
      <c r="AD289" s="137"/>
      <c r="AE289" s="137"/>
      <c r="AF289" s="137"/>
      <c r="AG289" s="137"/>
      <c r="AH289" s="137"/>
      <c r="AI289" s="137"/>
      <c r="AJ289" s="137"/>
      <c r="AK289" s="137"/>
      <c r="AL289" s="137"/>
      <c r="AM289" s="137"/>
      <c r="AN289" s="137"/>
      <c r="AO289" s="137"/>
      <c r="AP289" s="137"/>
      <c r="AQ289" s="137"/>
      <c r="AR289" s="137"/>
      <c r="AS289" s="137"/>
      <c r="AT289" s="137"/>
      <c r="AU289" s="137"/>
      <c r="AV289" s="137"/>
      <c r="AW289" s="144"/>
    </row>
    <row r="290" spans="7:49" x14ac:dyDescent="0.2">
      <c r="G290" s="43"/>
      <c r="Z290" s="143"/>
      <c r="AA290" s="137"/>
      <c r="AB290" s="137"/>
      <c r="AC290" s="137"/>
      <c r="AD290" s="137"/>
      <c r="AE290" s="137"/>
      <c r="AF290" s="137"/>
      <c r="AG290" s="137"/>
      <c r="AH290" s="137"/>
      <c r="AI290" s="137"/>
      <c r="AJ290" s="137"/>
      <c r="AK290" s="137"/>
      <c r="AL290" s="137"/>
      <c r="AM290" s="137"/>
      <c r="AN290" s="137"/>
      <c r="AO290" s="137"/>
      <c r="AP290" s="137"/>
      <c r="AQ290" s="137"/>
      <c r="AR290" s="137"/>
      <c r="AS290" s="137"/>
      <c r="AT290" s="137"/>
      <c r="AU290" s="137"/>
      <c r="AV290" s="137"/>
      <c r="AW290" s="144"/>
    </row>
    <row r="291" spans="7:49" x14ac:dyDescent="0.2">
      <c r="G291" s="43"/>
      <c r="Z291" s="143"/>
      <c r="AA291" s="137"/>
      <c r="AB291" s="137"/>
      <c r="AC291" s="137"/>
      <c r="AD291" s="137"/>
      <c r="AE291" s="137"/>
      <c r="AF291" s="137"/>
      <c r="AG291" s="137"/>
      <c r="AH291" s="137"/>
      <c r="AI291" s="137"/>
      <c r="AJ291" s="137"/>
      <c r="AK291" s="137"/>
      <c r="AL291" s="137"/>
      <c r="AM291" s="137"/>
      <c r="AN291" s="137"/>
      <c r="AO291" s="137"/>
      <c r="AP291" s="137"/>
      <c r="AQ291" s="137"/>
      <c r="AR291" s="137"/>
      <c r="AS291" s="137"/>
      <c r="AT291" s="137"/>
      <c r="AU291" s="137"/>
      <c r="AV291" s="137"/>
      <c r="AW291" s="144"/>
    </row>
    <row r="292" spans="7:49" x14ac:dyDescent="0.2">
      <c r="G292" s="43"/>
      <c r="Z292" s="143"/>
      <c r="AA292" s="137"/>
      <c r="AB292" s="137"/>
      <c r="AC292" s="137"/>
      <c r="AD292" s="137"/>
      <c r="AE292" s="137"/>
      <c r="AF292" s="137"/>
      <c r="AG292" s="137"/>
      <c r="AH292" s="137"/>
      <c r="AI292" s="137"/>
      <c r="AJ292" s="137"/>
      <c r="AK292" s="137"/>
      <c r="AL292" s="137"/>
      <c r="AM292" s="137"/>
      <c r="AN292" s="137"/>
      <c r="AO292" s="137"/>
      <c r="AP292" s="137"/>
      <c r="AQ292" s="137"/>
      <c r="AR292" s="137"/>
      <c r="AS292" s="137"/>
      <c r="AT292" s="137"/>
      <c r="AU292" s="137"/>
      <c r="AV292" s="137"/>
      <c r="AW292" s="144"/>
    </row>
    <row r="293" spans="7:49" x14ac:dyDescent="0.2">
      <c r="G293" s="43"/>
      <c r="Z293" s="143"/>
      <c r="AA293" s="137"/>
      <c r="AB293" s="137"/>
      <c r="AC293" s="137"/>
      <c r="AD293" s="137"/>
      <c r="AE293" s="137"/>
      <c r="AF293" s="137"/>
      <c r="AG293" s="137"/>
      <c r="AH293" s="137"/>
      <c r="AI293" s="137"/>
      <c r="AJ293" s="137"/>
      <c r="AK293" s="137"/>
      <c r="AL293" s="137"/>
      <c r="AM293" s="137"/>
      <c r="AN293" s="137"/>
      <c r="AO293" s="137"/>
      <c r="AP293" s="137"/>
      <c r="AQ293" s="137"/>
      <c r="AR293" s="137"/>
      <c r="AS293" s="137"/>
      <c r="AT293" s="137"/>
      <c r="AU293" s="137"/>
      <c r="AV293" s="137"/>
      <c r="AW293" s="144"/>
    </row>
    <row r="294" spans="7:49" x14ac:dyDescent="0.2">
      <c r="G294" s="43"/>
      <c r="Z294" s="143"/>
      <c r="AA294" s="137"/>
      <c r="AB294" s="137"/>
      <c r="AC294" s="137"/>
      <c r="AD294" s="137"/>
      <c r="AE294" s="137"/>
      <c r="AF294" s="137"/>
      <c r="AG294" s="137"/>
      <c r="AH294" s="137"/>
      <c r="AI294" s="137"/>
      <c r="AJ294" s="137"/>
      <c r="AK294" s="137"/>
      <c r="AL294" s="137"/>
      <c r="AM294" s="137"/>
      <c r="AN294" s="137"/>
      <c r="AO294" s="137"/>
      <c r="AP294" s="137"/>
      <c r="AQ294" s="137"/>
      <c r="AR294" s="137"/>
      <c r="AS294" s="137"/>
      <c r="AT294" s="137"/>
      <c r="AU294" s="137"/>
      <c r="AV294" s="137"/>
      <c r="AW294" s="144"/>
    </row>
    <row r="295" spans="7:49" x14ac:dyDescent="0.2">
      <c r="G295" s="43"/>
      <c r="Z295" s="143"/>
      <c r="AA295" s="137"/>
      <c r="AB295" s="137"/>
      <c r="AC295" s="137"/>
      <c r="AD295" s="137"/>
      <c r="AE295" s="137"/>
      <c r="AF295" s="137"/>
      <c r="AG295" s="137"/>
      <c r="AH295" s="137"/>
      <c r="AI295" s="137"/>
      <c r="AJ295" s="137"/>
      <c r="AK295" s="137"/>
      <c r="AL295" s="137"/>
      <c r="AM295" s="137"/>
      <c r="AN295" s="137"/>
      <c r="AO295" s="137"/>
      <c r="AP295" s="137"/>
      <c r="AQ295" s="137"/>
      <c r="AR295" s="137"/>
      <c r="AS295" s="137"/>
      <c r="AT295" s="137"/>
      <c r="AU295" s="137"/>
      <c r="AV295" s="137"/>
      <c r="AW295" s="144"/>
    </row>
    <row r="296" spans="7:49" x14ac:dyDescent="0.2">
      <c r="G296" s="43"/>
      <c r="Z296" s="143"/>
      <c r="AA296" s="137"/>
      <c r="AB296" s="137"/>
      <c r="AC296" s="137"/>
      <c r="AD296" s="137"/>
      <c r="AE296" s="137"/>
      <c r="AF296" s="137"/>
      <c r="AG296" s="137"/>
      <c r="AH296" s="137"/>
      <c r="AI296" s="137"/>
      <c r="AJ296" s="137"/>
      <c r="AK296" s="137"/>
      <c r="AL296" s="137"/>
      <c r="AM296" s="137"/>
      <c r="AN296" s="137"/>
      <c r="AO296" s="137"/>
      <c r="AP296" s="137"/>
      <c r="AQ296" s="137"/>
      <c r="AR296" s="137"/>
      <c r="AS296" s="137"/>
      <c r="AT296" s="137"/>
      <c r="AU296" s="137"/>
      <c r="AV296" s="137"/>
      <c r="AW296" s="144"/>
    </row>
    <row r="297" spans="7:49" x14ac:dyDescent="0.2">
      <c r="G297" s="43"/>
      <c r="Z297" s="143"/>
      <c r="AA297" s="137"/>
      <c r="AB297" s="137"/>
      <c r="AC297" s="137"/>
      <c r="AD297" s="137"/>
      <c r="AE297" s="137"/>
      <c r="AF297" s="137"/>
      <c r="AG297" s="137"/>
      <c r="AH297" s="137"/>
      <c r="AI297" s="137"/>
      <c r="AJ297" s="137"/>
      <c r="AK297" s="137"/>
      <c r="AL297" s="137"/>
      <c r="AM297" s="137"/>
      <c r="AN297" s="137"/>
      <c r="AO297" s="137"/>
      <c r="AP297" s="137"/>
      <c r="AQ297" s="137"/>
      <c r="AR297" s="137"/>
      <c r="AS297" s="137"/>
      <c r="AT297" s="137"/>
      <c r="AU297" s="137"/>
      <c r="AV297" s="137"/>
      <c r="AW297" s="144"/>
    </row>
    <row r="298" spans="7:49" x14ac:dyDescent="0.2">
      <c r="G298" s="43"/>
      <c r="Z298" s="143"/>
      <c r="AA298" s="137"/>
      <c r="AB298" s="137"/>
      <c r="AC298" s="137"/>
      <c r="AD298" s="137"/>
      <c r="AE298" s="137"/>
      <c r="AF298" s="137"/>
      <c r="AG298" s="137"/>
      <c r="AH298" s="137"/>
      <c r="AI298" s="137"/>
      <c r="AJ298" s="137"/>
      <c r="AK298" s="137"/>
      <c r="AL298" s="137"/>
      <c r="AM298" s="137"/>
      <c r="AN298" s="137"/>
      <c r="AO298" s="137"/>
      <c r="AP298" s="137"/>
      <c r="AQ298" s="137"/>
      <c r="AR298" s="137"/>
      <c r="AS298" s="137"/>
      <c r="AT298" s="137"/>
      <c r="AU298" s="137"/>
      <c r="AV298" s="137"/>
      <c r="AW298" s="144"/>
    </row>
    <row r="299" spans="7:49" x14ac:dyDescent="0.2">
      <c r="G299" s="43"/>
      <c r="Z299" s="143"/>
      <c r="AA299" s="137"/>
      <c r="AB299" s="137"/>
      <c r="AC299" s="137"/>
      <c r="AD299" s="137"/>
      <c r="AE299" s="137"/>
      <c r="AF299" s="137"/>
      <c r="AG299" s="137"/>
      <c r="AH299" s="137"/>
      <c r="AI299" s="137"/>
      <c r="AJ299" s="137"/>
      <c r="AK299" s="137"/>
      <c r="AL299" s="137"/>
      <c r="AM299" s="137"/>
      <c r="AN299" s="137"/>
      <c r="AO299" s="137"/>
      <c r="AP299" s="137"/>
      <c r="AQ299" s="137"/>
      <c r="AR299" s="137"/>
      <c r="AS299" s="137"/>
      <c r="AT299" s="137"/>
      <c r="AU299" s="137"/>
      <c r="AV299" s="137"/>
      <c r="AW299" s="144"/>
    </row>
    <row r="300" spans="7:49" x14ac:dyDescent="0.2">
      <c r="G300" s="43"/>
      <c r="Z300" s="143"/>
      <c r="AA300" s="137"/>
      <c r="AB300" s="137"/>
      <c r="AC300" s="137"/>
      <c r="AD300" s="137"/>
      <c r="AE300" s="137"/>
      <c r="AF300" s="137"/>
      <c r="AG300" s="137"/>
      <c r="AH300" s="137"/>
      <c r="AI300" s="137"/>
      <c r="AJ300" s="137"/>
      <c r="AK300" s="137"/>
      <c r="AL300" s="137"/>
      <c r="AM300" s="137"/>
      <c r="AN300" s="137"/>
      <c r="AO300" s="137"/>
      <c r="AP300" s="137"/>
      <c r="AQ300" s="137"/>
      <c r="AR300" s="137"/>
      <c r="AS300" s="137"/>
      <c r="AT300" s="137"/>
      <c r="AU300" s="137"/>
      <c r="AV300" s="137"/>
      <c r="AW300" s="144"/>
    </row>
    <row r="301" spans="7:49" x14ac:dyDescent="0.2">
      <c r="G301" s="43"/>
      <c r="Z301" s="143"/>
      <c r="AA301" s="137"/>
      <c r="AB301" s="137"/>
      <c r="AC301" s="137"/>
      <c r="AD301" s="137"/>
      <c r="AE301" s="137"/>
      <c r="AF301" s="137"/>
      <c r="AG301" s="137"/>
      <c r="AH301" s="137"/>
      <c r="AI301" s="137"/>
      <c r="AJ301" s="137"/>
      <c r="AK301" s="137"/>
      <c r="AL301" s="137"/>
      <c r="AM301" s="137"/>
      <c r="AN301" s="137"/>
      <c r="AO301" s="137"/>
      <c r="AP301" s="137"/>
      <c r="AQ301" s="137"/>
      <c r="AR301" s="137"/>
      <c r="AS301" s="137"/>
      <c r="AT301" s="137"/>
      <c r="AU301" s="137"/>
      <c r="AV301" s="137"/>
      <c r="AW301" s="144"/>
    </row>
    <row r="302" spans="7:49" x14ac:dyDescent="0.2">
      <c r="G302" s="43"/>
      <c r="Z302" s="143"/>
      <c r="AA302" s="137"/>
      <c r="AB302" s="137"/>
      <c r="AC302" s="137"/>
      <c r="AD302" s="137"/>
      <c r="AE302" s="137"/>
      <c r="AF302" s="137"/>
      <c r="AG302" s="137"/>
      <c r="AH302" s="137"/>
      <c r="AI302" s="137"/>
      <c r="AJ302" s="137"/>
      <c r="AK302" s="137"/>
      <c r="AL302" s="137"/>
      <c r="AM302" s="137"/>
      <c r="AN302" s="137"/>
      <c r="AO302" s="137"/>
      <c r="AP302" s="137"/>
      <c r="AQ302" s="137"/>
      <c r="AR302" s="137"/>
      <c r="AS302" s="137"/>
      <c r="AT302" s="137"/>
      <c r="AU302" s="137"/>
      <c r="AV302" s="137"/>
      <c r="AW302" s="144"/>
    </row>
    <row r="303" spans="7:49" x14ac:dyDescent="0.2">
      <c r="G303" s="43"/>
      <c r="Z303" s="143"/>
      <c r="AA303" s="137"/>
      <c r="AB303" s="137"/>
      <c r="AC303" s="137"/>
      <c r="AD303" s="137"/>
      <c r="AE303" s="137"/>
      <c r="AF303" s="137"/>
      <c r="AG303" s="137"/>
      <c r="AH303" s="137"/>
      <c r="AI303" s="137"/>
      <c r="AJ303" s="137"/>
      <c r="AK303" s="137"/>
      <c r="AL303" s="137"/>
      <c r="AM303" s="137"/>
      <c r="AN303" s="137"/>
      <c r="AO303" s="137"/>
      <c r="AP303" s="137"/>
      <c r="AQ303" s="137"/>
      <c r="AR303" s="137"/>
      <c r="AS303" s="137"/>
      <c r="AT303" s="137"/>
      <c r="AU303" s="137"/>
      <c r="AV303" s="137"/>
      <c r="AW303" s="144"/>
    </row>
    <row r="304" spans="7:49" x14ac:dyDescent="0.2">
      <c r="G304" s="43"/>
      <c r="Z304" s="143"/>
      <c r="AA304" s="137"/>
      <c r="AB304" s="137"/>
      <c r="AC304" s="137"/>
      <c r="AD304" s="137"/>
      <c r="AE304" s="137"/>
      <c r="AF304" s="137"/>
      <c r="AG304" s="137"/>
      <c r="AH304" s="137"/>
      <c r="AI304" s="137"/>
      <c r="AJ304" s="137"/>
      <c r="AK304" s="137"/>
      <c r="AL304" s="137"/>
      <c r="AM304" s="137"/>
      <c r="AN304" s="137"/>
      <c r="AO304" s="137"/>
      <c r="AP304" s="137"/>
      <c r="AQ304" s="137"/>
      <c r="AR304" s="137"/>
      <c r="AS304" s="137"/>
      <c r="AT304" s="137"/>
      <c r="AU304" s="137"/>
      <c r="AV304" s="137"/>
      <c r="AW304" s="144"/>
    </row>
    <row r="305" spans="7:49" x14ac:dyDescent="0.2">
      <c r="G305" s="43"/>
      <c r="Z305" s="143"/>
      <c r="AA305" s="137"/>
      <c r="AB305" s="137"/>
      <c r="AC305" s="137"/>
      <c r="AD305" s="137"/>
      <c r="AE305" s="137"/>
      <c r="AF305" s="137"/>
      <c r="AG305" s="137"/>
      <c r="AH305" s="137"/>
      <c r="AI305" s="137"/>
      <c r="AJ305" s="137"/>
      <c r="AK305" s="137"/>
      <c r="AL305" s="137"/>
      <c r="AM305" s="137"/>
      <c r="AN305" s="137"/>
      <c r="AO305" s="137"/>
      <c r="AP305" s="137"/>
      <c r="AQ305" s="137"/>
      <c r="AR305" s="137"/>
      <c r="AS305" s="137"/>
      <c r="AT305" s="137"/>
      <c r="AU305" s="137"/>
      <c r="AV305" s="137"/>
      <c r="AW305" s="144"/>
    </row>
    <row r="306" spans="7:49" x14ac:dyDescent="0.2">
      <c r="G306" s="43"/>
      <c r="Z306" s="143"/>
      <c r="AA306" s="137"/>
      <c r="AB306" s="137"/>
      <c r="AC306" s="137"/>
      <c r="AD306" s="137"/>
      <c r="AE306" s="137"/>
      <c r="AF306" s="137"/>
      <c r="AG306" s="137"/>
      <c r="AH306" s="137"/>
      <c r="AI306" s="137"/>
      <c r="AJ306" s="137"/>
      <c r="AK306" s="137"/>
      <c r="AL306" s="137"/>
      <c r="AM306" s="137"/>
      <c r="AN306" s="137"/>
      <c r="AO306" s="137"/>
      <c r="AP306" s="137"/>
      <c r="AQ306" s="137"/>
      <c r="AR306" s="137"/>
      <c r="AS306" s="137"/>
      <c r="AT306" s="137"/>
      <c r="AU306" s="137"/>
      <c r="AV306" s="137"/>
      <c r="AW306" s="144"/>
    </row>
    <row r="307" spans="7:49" x14ac:dyDescent="0.2">
      <c r="G307" s="43"/>
      <c r="Z307" s="143"/>
      <c r="AA307" s="137"/>
      <c r="AB307" s="137"/>
      <c r="AC307" s="137"/>
      <c r="AD307" s="137"/>
      <c r="AE307" s="137"/>
      <c r="AF307" s="137"/>
      <c r="AG307" s="137"/>
      <c r="AH307" s="137"/>
      <c r="AI307" s="137"/>
      <c r="AJ307" s="137"/>
      <c r="AK307" s="137"/>
      <c r="AL307" s="137"/>
      <c r="AM307" s="137"/>
      <c r="AN307" s="137"/>
      <c r="AO307" s="137"/>
      <c r="AP307" s="137"/>
      <c r="AQ307" s="137"/>
      <c r="AR307" s="137"/>
      <c r="AS307" s="137"/>
      <c r="AT307" s="137"/>
      <c r="AU307" s="137"/>
      <c r="AV307" s="137"/>
      <c r="AW307" s="144"/>
    </row>
    <row r="308" spans="7:49" x14ac:dyDescent="0.2">
      <c r="G308" s="43"/>
      <c r="Z308" s="143"/>
      <c r="AA308" s="137"/>
      <c r="AB308" s="137"/>
      <c r="AC308" s="137"/>
      <c r="AD308" s="137"/>
      <c r="AE308" s="137"/>
      <c r="AF308" s="137"/>
      <c r="AG308" s="137"/>
      <c r="AH308" s="137"/>
      <c r="AI308" s="137"/>
      <c r="AJ308" s="137"/>
      <c r="AK308" s="137"/>
      <c r="AL308" s="137"/>
      <c r="AM308" s="137"/>
      <c r="AN308" s="137"/>
      <c r="AO308" s="137"/>
      <c r="AP308" s="137"/>
      <c r="AQ308" s="137"/>
      <c r="AR308" s="137"/>
      <c r="AS308" s="137"/>
      <c r="AT308" s="137"/>
      <c r="AU308" s="137"/>
      <c r="AV308" s="137"/>
      <c r="AW308" s="144"/>
    </row>
    <row r="309" spans="7:49" x14ac:dyDescent="0.2">
      <c r="G309" s="43"/>
      <c r="Z309" s="143"/>
      <c r="AA309" s="137"/>
      <c r="AB309" s="137"/>
      <c r="AC309" s="137"/>
      <c r="AD309" s="137"/>
      <c r="AE309" s="137"/>
      <c r="AF309" s="137"/>
      <c r="AG309" s="137"/>
      <c r="AH309" s="137"/>
      <c r="AI309" s="137"/>
      <c r="AJ309" s="137"/>
      <c r="AK309" s="137"/>
      <c r="AL309" s="137"/>
      <c r="AM309" s="137"/>
      <c r="AN309" s="137"/>
      <c r="AO309" s="137"/>
      <c r="AP309" s="137"/>
      <c r="AQ309" s="137"/>
      <c r="AR309" s="137"/>
      <c r="AS309" s="137"/>
      <c r="AT309" s="137"/>
      <c r="AU309" s="137"/>
      <c r="AV309" s="137"/>
      <c r="AW309" s="144"/>
    </row>
    <row r="310" spans="7:49" x14ac:dyDescent="0.2">
      <c r="G310" s="43"/>
      <c r="Z310" s="143"/>
      <c r="AA310" s="137"/>
      <c r="AB310" s="137"/>
      <c r="AC310" s="137"/>
      <c r="AD310" s="137"/>
      <c r="AE310" s="137"/>
      <c r="AF310" s="137"/>
      <c r="AG310" s="137"/>
      <c r="AH310" s="137"/>
      <c r="AI310" s="137"/>
      <c r="AJ310" s="137"/>
      <c r="AK310" s="137"/>
      <c r="AL310" s="137"/>
      <c r="AM310" s="137"/>
      <c r="AN310" s="137"/>
      <c r="AO310" s="137"/>
      <c r="AP310" s="137"/>
      <c r="AQ310" s="137"/>
      <c r="AR310" s="137"/>
      <c r="AS310" s="137"/>
      <c r="AT310" s="137"/>
      <c r="AU310" s="137"/>
      <c r="AV310" s="137"/>
      <c r="AW310" s="144"/>
    </row>
    <row r="311" spans="7:49" x14ac:dyDescent="0.2">
      <c r="G311" s="43"/>
      <c r="Z311" s="143"/>
      <c r="AA311" s="137"/>
      <c r="AB311" s="137"/>
      <c r="AC311" s="137"/>
      <c r="AD311" s="137"/>
      <c r="AE311" s="137"/>
      <c r="AF311" s="137"/>
      <c r="AG311" s="137"/>
      <c r="AH311" s="137"/>
      <c r="AI311" s="137"/>
      <c r="AJ311" s="137"/>
      <c r="AK311" s="137"/>
      <c r="AL311" s="137"/>
      <c r="AM311" s="137"/>
      <c r="AN311" s="137"/>
      <c r="AO311" s="137"/>
      <c r="AP311" s="137"/>
      <c r="AQ311" s="137"/>
      <c r="AR311" s="137"/>
      <c r="AS311" s="137"/>
      <c r="AT311" s="137"/>
      <c r="AU311" s="137"/>
      <c r="AV311" s="137"/>
      <c r="AW311" s="144"/>
    </row>
    <row r="312" spans="7:49" x14ac:dyDescent="0.2">
      <c r="G312" s="43"/>
      <c r="Z312" s="143"/>
      <c r="AA312" s="137"/>
      <c r="AB312" s="137"/>
      <c r="AC312" s="137"/>
      <c r="AD312" s="137"/>
      <c r="AE312" s="137"/>
      <c r="AF312" s="137"/>
      <c r="AG312" s="137"/>
      <c r="AH312" s="137"/>
      <c r="AI312" s="137"/>
      <c r="AJ312" s="137"/>
      <c r="AK312" s="137"/>
      <c r="AL312" s="137"/>
      <c r="AM312" s="137"/>
      <c r="AN312" s="137"/>
      <c r="AO312" s="137"/>
      <c r="AP312" s="137"/>
      <c r="AQ312" s="137"/>
      <c r="AR312" s="137"/>
      <c r="AS312" s="137"/>
      <c r="AT312" s="137"/>
      <c r="AU312" s="137"/>
      <c r="AV312" s="137"/>
      <c r="AW312" s="144"/>
    </row>
    <row r="313" spans="7:49" x14ac:dyDescent="0.2">
      <c r="G313" s="43"/>
      <c r="Z313" s="143"/>
      <c r="AA313" s="137"/>
      <c r="AB313" s="137"/>
      <c r="AC313" s="137"/>
      <c r="AD313" s="137"/>
      <c r="AE313" s="137"/>
      <c r="AF313" s="137"/>
      <c r="AG313" s="137"/>
      <c r="AH313" s="137"/>
      <c r="AI313" s="137"/>
      <c r="AJ313" s="137"/>
      <c r="AK313" s="137"/>
      <c r="AL313" s="137"/>
      <c r="AM313" s="137"/>
      <c r="AN313" s="137"/>
      <c r="AO313" s="137"/>
      <c r="AP313" s="137"/>
      <c r="AQ313" s="137"/>
      <c r="AR313" s="137"/>
      <c r="AS313" s="137"/>
      <c r="AT313" s="137"/>
      <c r="AU313" s="137"/>
      <c r="AV313" s="137"/>
      <c r="AW313" s="144"/>
    </row>
    <row r="314" spans="7:49" x14ac:dyDescent="0.2">
      <c r="G314" s="43"/>
      <c r="Z314" s="143"/>
      <c r="AA314" s="137"/>
      <c r="AB314" s="137"/>
      <c r="AC314" s="137"/>
      <c r="AD314" s="137"/>
      <c r="AE314" s="137"/>
      <c r="AF314" s="137"/>
      <c r="AG314" s="137"/>
      <c r="AH314" s="137"/>
      <c r="AI314" s="137"/>
      <c r="AJ314" s="137"/>
      <c r="AK314" s="137"/>
      <c r="AL314" s="137"/>
      <c r="AM314" s="137"/>
      <c r="AN314" s="137"/>
      <c r="AO314" s="137"/>
      <c r="AP314" s="137"/>
      <c r="AQ314" s="137"/>
      <c r="AR314" s="137"/>
      <c r="AS314" s="137"/>
      <c r="AT314" s="137"/>
      <c r="AU314" s="137"/>
      <c r="AV314" s="137"/>
      <c r="AW314" s="144"/>
    </row>
    <row r="315" spans="7:49" x14ac:dyDescent="0.2">
      <c r="G315" s="43"/>
      <c r="Z315" s="143"/>
      <c r="AA315" s="137"/>
      <c r="AB315" s="137"/>
      <c r="AC315" s="137"/>
      <c r="AD315" s="137"/>
      <c r="AE315" s="137"/>
      <c r="AF315" s="137"/>
      <c r="AG315" s="137"/>
      <c r="AH315" s="137"/>
      <c r="AI315" s="137"/>
      <c r="AJ315" s="137"/>
      <c r="AK315" s="137"/>
      <c r="AL315" s="137"/>
      <c r="AM315" s="137"/>
      <c r="AN315" s="137"/>
      <c r="AO315" s="137"/>
      <c r="AP315" s="137"/>
      <c r="AQ315" s="137"/>
      <c r="AR315" s="137"/>
      <c r="AS315" s="137"/>
      <c r="AT315" s="137"/>
      <c r="AU315" s="137"/>
      <c r="AV315" s="137"/>
      <c r="AW315" s="144"/>
    </row>
    <row r="316" spans="7:49" x14ac:dyDescent="0.2">
      <c r="G316" s="43"/>
      <c r="Z316" s="143"/>
      <c r="AA316" s="137"/>
      <c r="AB316" s="137"/>
      <c r="AC316" s="137"/>
      <c r="AD316" s="137"/>
      <c r="AE316" s="137"/>
      <c r="AF316" s="137"/>
      <c r="AG316" s="137"/>
      <c r="AH316" s="137"/>
      <c r="AI316" s="137"/>
      <c r="AJ316" s="137"/>
      <c r="AK316" s="137"/>
      <c r="AL316" s="137"/>
      <c r="AM316" s="137"/>
      <c r="AN316" s="137"/>
      <c r="AO316" s="137"/>
      <c r="AP316" s="137"/>
      <c r="AQ316" s="137"/>
      <c r="AR316" s="137"/>
      <c r="AS316" s="137"/>
      <c r="AT316" s="137"/>
      <c r="AU316" s="137"/>
      <c r="AV316" s="137"/>
      <c r="AW316" s="144"/>
    </row>
    <row r="317" spans="7:49" x14ac:dyDescent="0.2">
      <c r="G317" s="43"/>
      <c r="Z317" s="143"/>
      <c r="AA317" s="137"/>
      <c r="AB317" s="137"/>
      <c r="AC317" s="137"/>
      <c r="AD317" s="137"/>
      <c r="AE317" s="137"/>
      <c r="AF317" s="137"/>
      <c r="AG317" s="137"/>
      <c r="AH317" s="137"/>
      <c r="AI317" s="137"/>
      <c r="AJ317" s="137"/>
      <c r="AK317" s="137"/>
      <c r="AL317" s="137"/>
      <c r="AM317" s="137"/>
      <c r="AN317" s="137"/>
      <c r="AO317" s="137"/>
      <c r="AP317" s="137"/>
      <c r="AQ317" s="137"/>
      <c r="AR317" s="137"/>
      <c r="AS317" s="137"/>
      <c r="AT317" s="137"/>
      <c r="AU317" s="137"/>
      <c r="AV317" s="137"/>
      <c r="AW317" s="144"/>
    </row>
    <row r="318" spans="7:49" x14ac:dyDescent="0.2">
      <c r="G318" s="43"/>
      <c r="Z318" s="143"/>
      <c r="AA318" s="137"/>
      <c r="AB318" s="137"/>
      <c r="AC318" s="137"/>
      <c r="AD318" s="137"/>
      <c r="AE318" s="137"/>
      <c r="AF318" s="137"/>
      <c r="AG318" s="137"/>
      <c r="AH318" s="137"/>
      <c r="AI318" s="137"/>
      <c r="AJ318" s="137"/>
      <c r="AK318" s="137"/>
      <c r="AL318" s="137"/>
      <c r="AM318" s="137"/>
      <c r="AN318" s="137"/>
      <c r="AO318" s="137"/>
      <c r="AP318" s="137"/>
      <c r="AQ318" s="137"/>
      <c r="AR318" s="137"/>
      <c r="AS318" s="137"/>
      <c r="AT318" s="137"/>
      <c r="AU318" s="137"/>
      <c r="AV318" s="137"/>
      <c r="AW318" s="144"/>
    </row>
    <row r="319" spans="7:49" x14ac:dyDescent="0.2">
      <c r="G319" s="43"/>
      <c r="Z319" s="143"/>
      <c r="AA319" s="137"/>
      <c r="AB319" s="137"/>
      <c r="AC319" s="137"/>
      <c r="AD319" s="137"/>
      <c r="AE319" s="137"/>
      <c r="AF319" s="137"/>
      <c r="AG319" s="137"/>
      <c r="AH319" s="137"/>
      <c r="AI319" s="137"/>
      <c r="AJ319" s="137"/>
      <c r="AK319" s="137"/>
      <c r="AL319" s="137"/>
      <c r="AM319" s="137"/>
      <c r="AN319" s="137"/>
      <c r="AO319" s="137"/>
      <c r="AP319" s="137"/>
      <c r="AQ319" s="137"/>
      <c r="AR319" s="137"/>
      <c r="AS319" s="137"/>
      <c r="AT319" s="137"/>
      <c r="AU319" s="137"/>
      <c r="AV319" s="137"/>
      <c r="AW319" s="144"/>
    </row>
    <row r="320" spans="7:49" x14ac:dyDescent="0.2">
      <c r="G320" s="43"/>
      <c r="Z320" s="143"/>
      <c r="AA320" s="137"/>
      <c r="AB320" s="137"/>
      <c r="AC320" s="137"/>
      <c r="AD320" s="137"/>
      <c r="AE320" s="137"/>
      <c r="AF320" s="137"/>
      <c r="AG320" s="137"/>
      <c r="AH320" s="137"/>
      <c r="AI320" s="137"/>
      <c r="AJ320" s="137"/>
      <c r="AK320" s="137"/>
      <c r="AL320" s="137"/>
      <c r="AM320" s="137"/>
      <c r="AN320" s="137"/>
      <c r="AO320" s="137"/>
      <c r="AP320" s="137"/>
      <c r="AQ320" s="137"/>
      <c r="AR320" s="137"/>
      <c r="AS320" s="137"/>
      <c r="AT320" s="137"/>
      <c r="AU320" s="137"/>
      <c r="AV320" s="137"/>
      <c r="AW320" s="144"/>
    </row>
    <row r="321" spans="7:49" x14ac:dyDescent="0.2">
      <c r="G321" s="43"/>
      <c r="Z321" s="143"/>
      <c r="AA321" s="137"/>
      <c r="AB321" s="137"/>
      <c r="AC321" s="137"/>
      <c r="AD321" s="137"/>
      <c r="AE321" s="137"/>
      <c r="AF321" s="137"/>
      <c r="AG321" s="137"/>
      <c r="AH321" s="137"/>
      <c r="AI321" s="137"/>
      <c r="AJ321" s="137"/>
      <c r="AK321" s="137"/>
      <c r="AL321" s="137"/>
      <c r="AM321" s="137"/>
      <c r="AN321" s="137"/>
      <c r="AO321" s="137"/>
      <c r="AP321" s="137"/>
      <c r="AQ321" s="137"/>
      <c r="AR321" s="137"/>
      <c r="AS321" s="137"/>
      <c r="AT321" s="137"/>
      <c r="AU321" s="137"/>
      <c r="AV321" s="137"/>
      <c r="AW321" s="144"/>
    </row>
    <row r="322" spans="7:49" x14ac:dyDescent="0.2">
      <c r="G322" s="43"/>
      <c r="Z322" s="143"/>
      <c r="AA322" s="137"/>
      <c r="AB322" s="137"/>
      <c r="AC322" s="137"/>
      <c r="AD322" s="137"/>
      <c r="AE322" s="137"/>
      <c r="AF322" s="137"/>
      <c r="AG322" s="137"/>
      <c r="AH322" s="137"/>
      <c r="AI322" s="137"/>
      <c r="AJ322" s="137"/>
      <c r="AK322" s="137"/>
      <c r="AL322" s="137"/>
      <c r="AM322" s="137"/>
      <c r="AN322" s="137"/>
      <c r="AO322" s="137"/>
      <c r="AP322" s="137"/>
      <c r="AQ322" s="137"/>
      <c r="AR322" s="137"/>
      <c r="AS322" s="137"/>
      <c r="AT322" s="137"/>
      <c r="AU322" s="137"/>
      <c r="AV322" s="137"/>
      <c r="AW322" s="144"/>
    </row>
    <row r="323" spans="7:49" x14ac:dyDescent="0.2">
      <c r="G323" s="43"/>
      <c r="Z323" s="143"/>
      <c r="AA323" s="137"/>
      <c r="AB323" s="137"/>
      <c r="AC323" s="137"/>
      <c r="AD323" s="137"/>
      <c r="AE323" s="137"/>
      <c r="AF323" s="137"/>
      <c r="AG323" s="137"/>
      <c r="AH323" s="137"/>
      <c r="AI323" s="137"/>
      <c r="AJ323" s="137"/>
      <c r="AK323" s="137"/>
      <c r="AL323" s="137"/>
      <c r="AM323" s="137"/>
      <c r="AN323" s="137"/>
      <c r="AO323" s="137"/>
      <c r="AP323" s="137"/>
      <c r="AQ323" s="137"/>
      <c r="AR323" s="137"/>
      <c r="AS323" s="137"/>
      <c r="AT323" s="137"/>
      <c r="AU323" s="137"/>
      <c r="AV323" s="137"/>
      <c r="AW323" s="144"/>
    </row>
    <row r="324" spans="7:49" x14ac:dyDescent="0.2">
      <c r="G324" s="43"/>
      <c r="Z324" s="143"/>
      <c r="AA324" s="137"/>
      <c r="AB324" s="137"/>
      <c r="AC324" s="137"/>
      <c r="AD324" s="137"/>
      <c r="AE324" s="137"/>
      <c r="AF324" s="137"/>
      <c r="AG324" s="137"/>
      <c r="AH324" s="137"/>
      <c r="AI324" s="137"/>
      <c r="AJ324" s="137"/>
      <c r="AK324" s="137"/>
      <c r="AL324" s="137"/>
      <c r="AM324" s="137"/>
      <c r="AN324" s="137"/>
      <c r="AO324" s="137"/>
      <c r="AP324" s="137"/>
      <c r="AQ324" s="137"/>
      <c r="AR324" s="137"/>
      <c r="AS324" s="137"/>
      <c r="AT324" s="137"/>
      <c r="AU324" s="137"/>
      <c r="AV324" s="137"/>
      <c r="AW324" s="144"/>
    </row>
    <row r="325" spans="7:49" x14ac:dyDescent="0.2">
      <c r="G325" s="43"/>
      <c r="Z325" s="143"/>
      <c r="AA325" s="137"/>
      <c r="AB325" s="137"/>
      <c r="AC325" s="137"/>
      <c r="AD325" s="137"/>
      <c r="AE325" s="137"/>
      <c r="AF325" s="137"/>
      <c r="AG325" s="137"/>
      <c r="AH325" s="137"/>
      <c r="AI325" s="137"/>
      <c r="AJ325" s="137"/>
      <c r="AK325" s="137"/>
      <c r="AL325" s="137"/>
      <c r="AM325" s="137"/>
      <c r="AN325" s="137"/>
      <c r="AO325" s="137"/>
      <c r="AP325" s="137"/>
      <c r="AQ325" s="137"/>
      <c r="AR325" s="137"/>
      <c r="AS325" s="137"/>
      <c r="AT325" s="137"/>
      <c r="AU325" s="137"/>
      <c r="AV325" s="137"/>
      <c r="AW325" s="144"/>
    </row>
    <row r="326" spans="7:49" x14ac:dyDescent="0.2">
      <c r="G326" s="43"/>
      <c r="Z326" s="143"/>
      <c r="AA326" s="137"/>
      <c r="AB326" s="137"/>
      <c r="AC326" s="137"/>
      <c r="AD326" s="137"/>
      <c r="AE326" s="137"/>
      <c r="AF326" s="137"/>
      <c r="AG326" s="137"/>
      <c r="AH326" s="137"/>
      <c r="AI326" s="137"/>
      <c r="AJ326" s="137"/>
      <c r="AK326" s="137"/>
      <c r="AL326" s="137"/>
      <c r="AM326" s="137"/>
      <c r="AN326" s="137"/>
      <c r="AO326" s="137"/>
      <c r="AP326" s="137"/>
      <c r="AQ326" s="137"/>
      <c r="AR326" s="137"/>
      <c r="AS326" s="137"/>
      <c r="AT326" s="137"/>
      <c r="AU326" s="137"/>
      <c r="AV326" s="137"/>
      <c r="AW326" s="144"/>
    </row>
    <row r="327" spans="7:49" x14ac:dyDescent="0.2">
      <c r="G327" s="43"/>
      <c r="Z327" s="143"/>
      <c r="AA327" s="137"/>
      <c r="AB327" s="137"/>
      <c r="AC327" s="137"/>
      <c r="AD327" s="137"/>
      <c r="AE327" s="137"/>
      <c r="AF327" s="137"/>
      <c r="AG327" s="137"/>
      <c r="AH327" s="137"/>
      <c r="AI327" s="137"/>
      <c r="AJ327" s="137"/>
      <c r="AK327" s="137"/>
      <c r="AL327" s="137"/>
      <c r="AM327" s="137"/>
      <c r="AN327" s="137"/>
      <c r="AO327" s="137"/>
      <c r="AP327" s="137"/>
      <c r="AQ327" s="137"/>
      <c r="AR327" s="137"/>
      <c r="AS327" s="137"/>
      <c r="AT327" s="137"/>
      <c r="AU327" s="137"/>
      <c r="AV327" s="137"/>
      <c r="AW327" s="144"/>
    </row>
    <row r="328" spans="7:49" x14ac:dyDescent="0.2">
      <c r="G328" s="43"/>
      <c r="Z328" s="143"/>
      <c r="AA328" s="137"/>
      <c r="AB328" s="137"/>
      <c r="AC328" s="137"/>
      <c r="AD328" s="137"/>
      <c r="AE328" s="137"/>
      <c r="AF328" s="137"/>
      <c r="AG328" s="137"/>
      <c r="AH328" s="137"/>
      <c r="AI328" s="137"/>
      <c r="AJ328" s="137"/>
      <c r="AK328" s="137"/>
      <c r="AL328" s="137"/>
      <c r="AM328" s="137"/>
      <c r="AN328" s="137"/>
      <c r="AO328" s="137"/>
      <c r="AP328" s="137"/>
      <c r="AQ328" s="137"/>
      <c r="AR328" s="137"/>
      <c r="AS328" s="137"/>
      <c r="AT328" s="137"/>
      <c r="AU328" s="137"/>
      <c r="AV328" s="137"/>
      <c r="AW328" s="144"/>
    </row>
    <row r="329" spans="7:49" x14ac:dyDescent="0.2">
      <c r="G329" s="43"/>
      <c r="Z329" s="143"/>
      <c r="AA329" s="137"/>
      <c r="AB329" s="137"/>
      <c r="AC329" s="137"/>
      <c r="AD329" s="137"/>
      <c r="AE329" s="137"/>
      <c r="AF329" s="137"/>
      <c r="AG329" s="137"/>
      <c r="AH329" s="137"/>
      <c r="AI329" s="137"/>
      <c r="AJ329" s="137"/>
      <c r="AK329" s="137"/>
      <c r="AL329" s="137"/>
      <c r="AM329" s="137"/>
      <c r="AN329" s="137"/>
      <c r="AO329" s="137"/>
      <c r="AP329" s="137"/>
      <c r="AQ329" s="137"/>
      <c r="AR329" s="137"/>
      <c r="AS329" s="137"/>
      <c r="AT329" s="137"/>
      <c r="AU329" s="137"/>
      <c r="AV329" s="137"/>
      <c r="AW329" s="144"/>
    </row>
    <row r="330" spans="7:49" x14ac:dyDescent="0.2">
      <c r="G330" s="43"/>
      <c r="Z330" s="143"/>
      <c r="AA330" s="137"/>
      <c r="AB330" s="137"/>
      <c r="AC330" s="137"/>
      <c r="AD330" s="137"/>
      <c r="AE330" s="137"/>
      <c r="AF330" s="137"/>
      <c r="AG330" s="137"/>
      <c r="AH330" s="137"/>
      <c r="AI330" s="137"/>
      <c r="AJ330" s="137"/>
      <c r="AK330" s="137"/>
      <c r="AL330" s="137"/>
      <c r="AM330" s="137"/>
      <c r="AN330" s="137"/>
      <c r="AO330" s="137"/>
      <c r="AP330" s="137"/>
      <c r="AQ330" s="137"/>
      <c r="AR330" s="137"/>
      <c r="AS330" s="137"/>
      <c r="AT330" s="137"/>
      <c r="AU330" s="137"/>
      <c r="AV330" s="137"/>
      <c r="AW330" s="144"/>
    </row>
    <row r="331" spans="7:49" x14ac:dyDescent="0.2">
      <c r="G331" s="43"/>
      <c r="Z331" s="143"/>
      <c r="AA331" s="137"/>
      <c r="AB331" s="137"/>
      <c r="AC331" s="137"/>
      <c r="AD331" s="137"/>
      <c r="AE331" s="137"/>
      <c r="AF331" s="137"/>
      <c r="AG331" s="137"/>
      <c r="AH331" s="137"/>
      <c r="AI331" s="137"/>
      <c r="AJ331" s="137"/>
      <c r="AK331" s="137"/>
      <c r="AL331" s="137"/>
      <c r="AM331" s="137"/>
      <c r="AN331" s="137"/>
      <c r="AO331" s="137"/>
      <c r="AP331" s="137"/>
      <c r="AQ331" s="137"/>
      <c r="AR331" s="137"/>
      <c r="AS331" s="137"/>
      <c r="AT331" s="137"/>
      <c r="AU331" s="137"/>
      <c r="AV331" s="137"/>
      <c r="AW331" s="144"/>
    </row>
    <row r="332" spans="7:49" x14ac:dyDescent="0.2">
      <c r="G332" s="43"/>
      <c r="Z332" s="143"/>
      <c r="AA332" s="137"/>
      <c r="AB332" s="137"/>
      <c r="AC332" s="137"/>
      <c r="AD332" s="137"/>
      <c r="AE332" s="137"/>
      <c r="AF332" s="137"/>
      <c r="AG332" s="137"/>
      <c r="AH332" s="137"/>
      <c r="AI332" s="137"/>
      <c r="AJ332" s="137"/>
      <c r="AK332" s="137"/>
      <c r="AL332" s="137"/>
      <c r="AM332" s="137"/>
      <c r="AN332" s="137"/>
      <c r="AO332" s="137"/>
      <c r="AP332" s="137"/>
      <c r="AQ332" s="137"/>
      <c r="AR332" s="137"/>
      <c r="AS332" s="137"/>
      <c r="AT332" s="137"/>
      <c r="AU332" s="137"/>
      <c r="AV332" s="137"/>
      <c r="AW332" s="144"/>
    </row>
    <row r="333" spans="7:49" x14ac:dyDescent="0.2">
      <c r="G333" s="43"/>
      <c r="Z333" s="143"/>
      <c r="AA333" s="137"/>
      <c r="AB333" s="137"/>
      <c r="AC333" s="137"/>
      <c r="AD333" s="137"/>
      <c r="AE333" s="137"/>
      <c r="AF333" s="137"/>
      <c r="AG333" s="137"/>
      <c r="AH333" s="137"/>
      <c r="AI333" s="137"/>
      <c r="AJ333" s="137"/>
      <c r="AK333" s="137"/>
      <c r="AL333" s="137"/>
      <c r="AM333" s="137"/>
      <c r="AN333" s="137"/>
      <c r="AO333" s="137"/>
      <c r="AP333" s="137"/>
      <c r="AQ333" s="137"/>
      <c r="AR333" s="137"/>
      <c r="AS333" s="137"/>
      <c r="AT333" s="137"/>
      <c r="AU333" s="137"/>
      <c r="AV333" s="137"/>
      <c r="AW333" s="144"/>
    </row>
    <row r="334" spans="7:49" x14ac:dyDescent="0.2">
      <c r="G334" s="43"/>
      <c r="Z334" s="143"/>
      <c r="AA334" s="137"/>
      <c r="AB334" s="137"/>
      <c r="AC334" s="137"/>
      <c r="AD334" s="137"/>
      <c r="AE334" s="137"/>
      <c r="AF334" s="137"/>
      <c r="AG334" s="137"/>
      <c r="AH334" s="137"/>
      <c r="AI334" s="137"/>
      <c r="AJ334" s="137"/>
      <c r="AK334" s="137"/>
      <c r="AL334" s="137"/>
      <c r="AM334" s="137"/>
      <c r="AN334" s="137"/>
      <c r="AO334" s="137"/>
      <c r="AP334" s="137"/>
      <c r="AQ334" s="137"/>
      <c r="AR334" s="137"/>
      <c r="AS334" s="137"/>
      <c r="AT334" s="137"/>
      <c r="AU334" s="137"/>
      <c r="AV334" s="137"/>
      <c r="AW334" s="144"/>
    </row>
    <row r="335" spans="7:49" x14ac:dyDescent="0.2">
      <c r="G335" s="43"/>
      <c r="Z335" s="143"/>
      <c r="AA335" s="137"/>
      <c r="AB335" s="137"/>
      <c r="AC335" s="137"/>
      <c r="AD335" s="137"/>
      <c r="AE335" s="137"/>
      <c r="AF335" s="137"/>
      <c r="AG335" s="137"/>
      <c r="AH335" s="137"/>
      <c r="AI335" s="137"/>
      <c r="AJ335" s="137"/>
      <c r="AK335" s="137"/>
      <c r="AL335" s="137"/>
      <c r="AM335" s="137"/>
      <c r="AN335" s="137"/>
      <c r="AO335" s="137"/>
      <c r="AP335" s="137"/>
      <c r="AQ335" s="137"/>
      <c r="AR335" s="137"/>
      <c r="AS335" s="137"/>
      <c r="AT335" s="137"/>
      <c r="AU335" s="137"/>
      <c r="AV335" s="137"/>
      <c r="AW335" s="144"/>
    </row>
    <row r="336" spans="7:49" x14ac:dyDescent="0.2">
      <c r="G336" s="43"/>
      <c r="Z336" s="143"/>
      <c r="AA336" s="137"/>
      <c r="AB336" s="137"/>
      <c r="AC336" s="137"/>
      <c r="AD336" s="137"/>
      <c r="AE336" s="137"/>
      <c r="AF336" s="137"/>
      <c r="AG336" s="137"/>
      <c r="AH336" s="137"/>
      <c r="AI336" s="137"/>
      <c r="AJ336" s="137"/>
      <c r="AK336" s="137"/>
      <c r="AL336" s="137"/>
      <c r="AM336" s="137"/>
      <c r="AN336" s="137"/>
      <c r="AO336" s="137"/>
      <c r="AP336" s="137"/>
      <c r="AQ336" s="137"/>
      <c r="AR336" s="137"/>
      <c r="AS336" s="137"/>
      <c r="AT336" s="137"/>
      <c r="AU336" s="137"/>
      <c r="AV336" s="137"/>
      <c r="AW336" s="144"/>
    </row>
    <row r="337" spans="7:49" x14ac:dyDescent="0.2">
      <c r="G337" s="43"/>
      <c r="Z337" s="143"/>
      <c r="AA337" s="137"/>
      <c r="AB337" s="137"/>
      <c r="AC337" s="137"/>
      <c r="AD337" s="137"/>
      <c r="AE337" s="137"/>
      <c r="AF337" s="137"/>
      <c r="AG337" s="137"/>
      <c r="AH337" s="137"/>
      <c r="AI337" s="137"/>
      <c r="AJ337" s="137"/>
      <c r="AK337" s="137"/>
      <c r="AL337" s="137"/>
      <c r="AM337" s="137"/>
      <c r="AN337" s="137"/>
      <c r="AO337" s="137"/>
      <c r="AP337" s="137"/>
      <c r="AQ337" s="137"/>
      <c r="AR337" s="137"/>
      <c r="AS337" s="137"/>
      <c r="AT337" s="137"/>
      <c r="AU337" s="137"/>
      <c r="AV337" s="137"/>
      <c r="AW337" s="144"/>
    </row>
    <row r="338" spans="7:49" x14ac:dyDescent="0.2">
      <c r="G338" s="43"/>
      <c r="Z338" s="143"/>
      <c r="AA338" s="137"/>
      <c r="AB338" s="137"/>
      <c r="AC338" s="137"/>
      <c r="AD338" s="137"/>
      <c r="AE338" s="137"/>
      <c r="AF338" s="137"/>
      <c r="AG338" s="137"/>
      <c r="AH338" s="137"/>
      <c r="AI338" s="137"/>
      <c r="AJ338" s="137"/>
      <c r="AK338" s="137"/>
      <c r="AL338" s="137"/>
      <c r="AM338" s="137"/>
      <c r="AN338" s="137"/>
      <c r="AO338" s="137"/>
      <c r="AP338" s="137"/>
      <c r="AQ338" s="137"/>
      <c r="AR338" s="137"/>
      <c r="AS338" s="137"/>
      <c r="AT338" s="137"/>
      <c r="AU338" s="137"/>
      <c r="AV338" s="137"/>
      <c r="AW338" s="144"/>
    </row>
    <row r="339" spans="7:49" x14ac:dyDescent="0.2">
      <c r="G339" s="43"/>
      <c r="Z339" s="143"/>
      <c r="AA339" s="137"/>
      <c r="AB339" s="137"/>
      <c r="AC339" s="137"/>
      <c r="AD339" s="137"/>
      <c r="AE339" s="137"/>
      <c r="AF339" s="137"/>
      <c r="AG339" s="137"/>
      <c r="AH339" s="137"/>
      <c r="AI339" s="137"/>
      <c r="AJ339" s="137"/>
      <c r="AK339" s="137"/>
      <c r="AL339" s="137"/>
      <c r="AM339" s="137"/>
      <c r="AN339" s="137"/>
      <c r="AO339" s="137"/>
      <c r="AP339" s="137"/>
      <c r="AQ339" s="137"/>
      <c r="AR339" s="137"/>
      <c r="AS339" s="137"/>
      <c r="AT339" s="137"/>
      <c r="AU339" s="137"/>
      <c r="AV339" s="137"/>
      <c r="AW339" s="144"/>
    </row>
    <row r="340" spans="7:49" x14ac:dyDescent="0.2">
      <c r="G340" s="43"/>
      <c r="Z340" s="143"/>
      <c r="AA340" s="137"/>
      <c r="AB340" s="137"/>
      <c r="AC340" s="137"/>
      <c r="AD340" s="137"/>
      <c r="AE340" s="137"/>
      <c r="AF340" s="137"/>
      <c r="AG340" s="137"/>
      <c r="AH340" s="137"/>
      <c r="AI340" s="137"/>
      <c r="AJ340" s="137"/>
      <c r="AK340" s="137"/>
      <c r="AL340" s="137"/>
      <c r="AM340" s="137"/>
      <c r="AN340" s="137"/>
      <c r="AO340" s="137"/>
      <c r="AP340" s="137"/>
      <c r="AQ340" s="137"/>
      <c r="AR340" s="137"/>
      <c r="AS340" s="137"/>
      <c r="AT340" s="137"/>
      <c r="AU340" s="137"/>
      <c r="AV340" s="137"/>
      <c r="AW340" s="144"/>
    </row>
    <row r="341" spans="7:49" x14ac:dyDescent="0.2">
      <c r="G341" s="43"/>
      <c r="Z341" s="143"/>
      <c r="AA341" s="137"/>
      <c r="AB341" s="137"/>
      <c r="AC341" s="137"/>
      <c r="AD341" s="137"/>
      <c r="AE341" s="137"/>
      <c r="AF341" s="137"/>
      <c r="AG341" s="137"/>
      <c r="AH341" s="137"/>
      <c r="AI341" s="137"/>
      <c r="AJ341" s="137"/>
      <c r="AK341" s="137"/>
      <c r="AL341" s="137"/>
      <c r="AM341" s="137"/>
      <c r="AN341" s="137"/>
      <c r="AO341" s="137"/>
      <c r="AP341" s="137"/>
      <c r="AQ341" s="137"/>
      <c r="AR341" s="137"/>
      <c r="AS341" s="137"/>
      <c r="AT341" s="137"/>
      <c r="AU341" s="137"/>
      <c r="AV341" s="137"/>
      <c r="AW341" s="144"/>
    </row>
    <row r="342" spans="7:49" x14ac:dyDescent="0.2">
      <c r="G342" s="43"/>
      <c r="Z342" s="143"/>
      <c r="AA342" s="137"/>
      <c r="AB342" s="137"/>
      <c r="AC342" s="137"/>
      <c r="AD342" s="137"/>
      <c r="AE342" s="137"/>
      <c r="AF342" s="137"/>
      <c r="AG342" s="137"/>
      <c r="AH342" s="137"/>
      <c r="AI342" s="137"/>
      <c r="AJ342" s="137"/>
      <c r="AK342" s="137"/>
      <c r="AL342" s="137"/>
      <c r="AM342" s="137"/>
      <c r="AN342" s="137"/>
      <c r="AO342" s="137"/>
      <c r="AP342" s="137"/>
      <c r="AQ342" s="137"/>
      <c r="AR342" s="137"/>
      <c r="AS342" s="137"/>
      <c r="AT342" s="137"/>
      <c r="AU342" s="137"/>
      <c r="AV342" s="137"/>
      <c r="AW342" s="144"/>
    </row>
    <row r="343" spans="7:49" x14ac:dyDescent="0.2">
      <c r="G343" s="43"/>
      <c r="Z343" s="143"/>
      <c r="AA343" s="137"/>
      <c r="AB343" s="137"/>
      <c r="AC343" s="137"/>
      <c r="AD343" s="137"/>
      <c r="AE343" s="137"/>
      <c r="AF343" s="137"/>
      <c r="AG343" s="137"/>
      <c r="AH343" s="137"/>
      <c r="AI343" s="137"/>
      <c r="AJ343" s="137"/>
      <c r="AK343" s="137"/>
      <c r="AL343" s="137"/>
      <c r="AM343" s="137"/>
      <c r="AN343" s="137"/>
      <c r="AO343" s="137"/>
      <c r="AP343" s="137"/>
      <c r="AQ343" s="137"/>
      <c r="AR343" s="137"/>
      <c r="AS343" s="137"/>
      <c r="AT343" s="137"/>
      <c r="AU343" s="137"/>
      <c r="AV343" s="137"/>
      <c r="AW343" s="144"/>
    </row>
    <row r="344" spans="7:49" x14ac:dyDescent="0.2">
      <c r="G344" s="43"/>
      <c r="Z344" s="143"/>
      <c r="AA344" s="137"/>
      <c r="AB344" s="137"/>
      <c r="AC344" s="137"/>
      <c r="AD344" s="137"/>
      <c r="AE344" s="137"/>
      <c r="AF344" s="137"/>
      <c r="AG344" s="137"/>
      <c r="AH344" s="137"/>
      <c r="AI344" s="137"/>
      <c r="AJ344" s="137"/>
      <c r="AK344" s="137"/>
      <c r="AL344" s="137"/>
      <c r="AM344" s="137"/>
      <c r="AN344" s="137"/>
      <c r="AO344" s="137"/>
      <c r="AP344" s="137"/>
      <c r="AQ344" s="137"/>
      <c r="AR344" s="137"/>
      <c r="AS344" s="137"/>
      <c r="AT344" s="137"/>
      <c r="AU344" s="137"/>
      <c r="AV344" s="137"/>
      <c r="AW344" s="144"/>
    </row>
    <row r="345" spans="7:49" x14ac:dyDescent="0.2">
      <c r="G345" s="43"/>
      <c r="Z345" s="143"/>
      <c r="AA345" s="137"/>
      <c r="AB345" s="137"/>
      <c r="AC345" s="137"/>
      <c r="AD345" s="137"/>
      <c r="AE345" s="137"/>
      <c r="AF345" s="137"/>
      <c r="AG345" s="137"/>
      <c r="AH345" s="137"/>
      <c r="AI345" s="137"/>
      <c r="AJ345" s="137"/>
      <c r="AK345" s="137"/>
      <c r="AL345" s="137"/>
      <c r="AM345" s="137"/>
      <c r="AN345" s="137"/>
      <c r="AO345" s="137"/>
      <c r="AP345" s="137"/>
      <c r="AQ345" s="137"/>
      <c r="AR345" s="137"/>
      <c r="AS345" s="137"/>
      <c r="AT345" s="137"/>
      <c r="AU345" s="137"/>
      <c r="AV345" s="137"/>
      <c r="AW345" s="144"/>
    </row>
    <row r="346" spans="7:49" x14ac:dyDescent="0.2">
      <c r="G346" s="43"/>
      <c r="Z346" s="143"/>
      <c r="AA346" s="137"/>
      <c r="AB346" s="137"/>
      <c r="AC346" s="137"/>
      <c r="AD346" s="137"/>
      <c r="AE346" s="137"/>
      <c r="AF346" s="137"/>
      <c r="AG346" s="137"/>
      <c r="AH346" s="137"/>
      <c r="AI346" s="137"/>
      <c r="AJ346" s="137"/>
      <c r="AK346" s="137"/>
      <c r="AL346" s="137"/>
      <c r="AM346" s="137"/>
      <c r="AN346" s="137"/>
      <c r="AO346" s="137"/>
      <c r="AP346" s="137"/>
      <c r="AQ346" s="137"/>
      <c r="AR346" s="137"/>
      <c r="AS346" s="137"/>
      <c r="AT346" s="137"/>
      <c r="AU346" s="137"/>
      <c r="AV346" s="137"/>
      <c r="AW346" s="144"/>
    </row>
    <row r="347" spans="7:49" x14ac:dyDescent="0.2">
      <c r="G347" s="43"/>
      <c r="Z347" s="143"/>
      <c r="AA347" s="137"/>
      <c r="AB347" s="137"/>
      <c r="AC347" s="137"/>
      <c r="AD347" s="137"/>
      <c r="AE347" s="137"/>
      <c r="AF347" s="137"/>
      <c r="AG347" s="137"/>
      <c r="AH347" s="137"/>
      <c r="AI347" s="137"/>
      <c r="AJ347" s="137"/>
      <c r="AK347" s="137"/>
      <c r="AL347" s="137"/>
      <c r="AM347" s="137"/>
      <c r="AN347" s="137"/>
      <c r="AO347" s="137"/>
      <c r="AP347" s="137"/>
      <c r="AQ347" s="137"/>
      <c r="AR347" s="137"/>
      <c r="AS347" s="137"/>
      <c r="AT347" s="137"/>
      <c r="AU347" s="137"/>
      <c r="AV347" s="137"/>
      <c r="AW347" s="144"/>
    </row>
    <row r="348" spans="7:49" x14ac:dyDescent="0.2">
      <c r="G348" s="43"/>
      <c r="Z348" s="143"/>
      <c r="AA348" s="137"/>
      <c r="AB348" s="137"/>
      <c r="AC348" s="137"/>
      <c r="AD348" s="137"/>
      <c r="AE348" s="137"/>
      <c r="AF348" s="137"/>
      <c r="AG348" s="137"/>
      <c r="AH348" s="137"/>
      <c r="AI348" s="137"/>
      <c r="AJ348" s="137"/>
      <c r="AK348" s="137"/>
      <c r="AL348" s="137"/>
      <c r="AM348" s="137"/>
      <c r="AN348" s="137"/>
      <c r="AO348" s="137"/>
      <c r="AP348" s="137"/>
      <c r="AQ348" s="137"/>
      <c r="AR348" s="137"/>
      <c r="AS348" s="137"/>
      <c r="AT348" s="137"/>
      <c r="AU348" s="137"/>
      <c r="AV348" s="137"/>
      <c r="AW348" s="144"/>
    </row>
    <row r="349" spans="7:49" x14ac:dyDescent="0.2">
      <c r="G349" s="43"/>
      <c r="Z349" s="143"/>
      <c r="AA349" s="137"/>
      <c r="AB349" s="137"/>
      <c r="AC349" s="137"/>
      <c r="AD349" s="137"/>
      <c r="AE349" s="137"/>
      <c r="AF349" s="137"/>
      <c r="AG349" s="137"/>
      <c r="AH349" s="137"/>
      <c r="AI349" s="137"/>
      <c r="AJ349" s="137"/>
      <c r="AK349" s="137"/>
      <c r="AL349" s="137"/>
      <c r="AM349" s="137"/>
      <c r="AN349" s="137"/>
      <c r="AO349" s="137"/>
      <c r="AP349" s="137"/>
      <c r="AQ349" s="137"/>
      <c r="AR349" s="137"/>
      <c r="AS349" s="137"/>
      <c r="AT349" s="137"/>
      <c r="AU349" s="137"/>
      <c r="AV349" s="137"/>
      <c r="AW349" s="144"/>
    </row>
    <row r="350" spans="7:49" x14ac:dyDescent="0.2">
      <c r="G350" s="43"/>
      <c r="Z350" s="143"/>
      <c r="AA350" s="137"/>
      <c r="AB350" s="137"/>
      <c r="AC350" s="137"/>
      <c r="AD350" s="137"/>
      <c r="AE350" s="137"/>
      <c r="AF350" s="137"/>
      <c r="AG350" s="137"/>
      <c r="AH350" s="137"/>
      <c r="AI350" s="137"/>
      <c r="AJ350" s="137"/>
      <c r="AK350" s="137"/>
      <c r="AL350" s="137"/>
      <c r="AM350" s="137"/>
      <c r="AN350" s="137"/>
      <c r="AO350" s="137"/>
      <c r="AP350" s="137"/>
      <c r="AQ350" s="137"/>
      <c r="AR350" s="137"/>
      <c r="AS350" s="137"/>
      <c r="AT350" s="137"/>
      <c r="AU350" s="137"/>
      <c r="AV350" s="137"/>
      <c r="AW350" s="144"/>
    </row>
    <row r="351" spans="7:49" x14ac:dyDescent="0.2">
      <c r="G351" s="43"/>
      <c r="Z351" s="143"/>
      <c r="AA351" s="137"/>
      <c r="AB351" s="137"/>
      <c r="AC351" s="137"/>
      <c r="AD351" s="137"/>
      <c r="AE351" s="137"/>
      <c r="AF351" s="137"/>
      <c r="AG351" s="137"/>
      <c r="AH351" s="137"/>
      <c r="AI351" s="137"/>
      <c r="AJ351" s="137"/>
      <c r="AK351" s="137"/>
      <c r="AL351" s="137"/>
      <c r="AM351" s="137"/>
      <c r="AN351" s="137"/>
      <c r="AO351" s="137"/>
      <c r="AP351" s="137"/>
      <c r="AQ351" s="137"/>
      <c r="AR351" s="137"/>
      <c r="AS351" s="137"/>
      <c r="AT351" s="137"/>
      <c r="AU351" s="137"/>
      <c r="AV351" s="137"/>
      <c r="AW351" s="144"/>
    </row>
    <row r="352" spans="7:49" x14ac:dyDescent="0.2">
      <c r="G352" s="43"/>
      <c r="Z352" s="143"/>
      <c r="AA352" s="137"/>
      <c r="AB352" s="137"/>
      <c r="AC352" s="137"/>
      <c r="AD352" s="137"/>
      <c r="AE352" s="137"/>
      <c r="AF352" s="137"/>
      <c r="AG352" s="137"/>
      <c r="AH352" s="137"/>
      <c r="AI352" s="137"/>
      <c r="AJ352" s="137"/>
      <c r="AK352" s="137"/>
      <c r="AL352" s="137"/>
      <c r="AM352" s="137"/>
      <c r="AN352" s="137"/>
      <c r="AO352" s="137"/>
      <c r="AP352" s="137"/>
      <c r="AQ352" s="137"/>
      <c r="AR352" s="137"/>
      <c r="AS352" s="137"/>
      <c r="AT352" s="137"/>
      <c r="AU352" s="137"/>
      <c r="AV352" s="137"/>
      <c r="AW352" s="144"/>
    </row>
    <row r="353" spans="7:49" x14ac:dyDescent="0.2">
      <c r="G353" s="43"/>
      <c r="Z353" s="143"/>
      <c r="AA353" s="137"/>
      <c r="AB353" s="137"/>
      <c r="AC353" s="137"/>
      <c r="AD353" s="137"/>
      <c r="AE353" s="137"/>
      <c r="AF353" s="137"/>
      <c r="AG353" s="137"/>
      <c r="AH353" s="137"/>
      <c r="AI353" s="137"/>
      <c r="AJ353" s="137"/>
      <c r="AK353" s="137"/>
      <c r="AL353" s="137"/>
      <c r="AM353" s="137"/>
      <c r="AN353" s="137"/>
      <c r="AO353" s="137"/>
      <c r="AP353" s="137"/>
      <c r="AQ353" s="137"/>
      <c r="AR353" s="137"/>
      <c r="AS353" s="137"/>
      <c r="AT353" s="137"/>
      <c r="AU353" s="137"/>
      <c r="AV353" s="137"/>
      <c r="AW353" s="144"/>
    </row>
    <row r="354" spans="7:49" x14ac:dyDescent="0.2">
      <c r="G354" s="43"/>
      <c r="Z354" s="143"/>
      <c r="AA354" s="137"/>
      <c r="AB354" s="137"/>
      <c r="AC354" s="137"/>
      <c r="AD354" s="137"/>
      <c r="AE354" s="137"/>
      <c r="AF354" s="137"/>
      <c r="AG354" s="137"/>
      <c r="AH354" s="137"/>
      <c r="AI354" s="137"/>
      <c r="AJ354" s="137"/>
      <c r="AK354" s="137"/>
      <c r="AL354" s="137"/>
      <c r="AM354" s="137"/>
      <c r="AN354" s="137"/>
      <c r="AO354" s="137"/>
      <c r="AP354" s="137"/>
      <c r="AQ354" s="137"/>
      <c r="AR354" s="137"/>
      <c r="AS354" s="137"/>
      <c r="AT354" s="137"/>
      <c r="AU354" s="137"/>
      <c r="AV354" s="137"/>
      <c r="AW354" s="144"/>
    </row>
    <row r="355" spans="7:49" x14ac:dyDescent="0.2">
      <c r="G355" s="43"/>
      <c r="Z355" s="143"/>
      <c r="AA355" s="137"/>
      <c r="AB355" s="137"/>
      <c r="AC355" s="137"/>
      <c r="AD355" s="137"/>
      <c r="AE355" s="137"/>
      <c r="AF355" s="137"/>
      <c r="AG355" s="137"/>
      <c r="AH355" s="137"/>
      <c r="AI355" s="137"/>
      <c r="AJ355" s="137"/>
      <c r="AK355" s="137"/>
      <c r="AL355" s="137"/>
      <c r="AM355" s="137"/>
      <c r="AN355" s="137"/>
      <c r="AO355" s="137"/>
      <c r="AP355" s="137"/>
      <c r="AQ355" s="137"/>
      <c r="AR355" s="137"/>
      <c r="AS355" s="137"/>
      <c r="AT355" s="137"/>
      <c r="AU355" s="137"/>
      <c r="AV355" s="137"/>
      <c r="AW355" s="144"/>
    </row>
    <row r="356" spans="7:49" x14ac:dyDescent="0.2">
      <c r="G356" s="43"/>
      <c r="Z356" s="143"/>
      <c r="AA356" s="137"/>
      <c r="AB356" s="137"/>
      <c r="AC356" s="137"/>
      <c r="AD356" s="137"/>
      <c r="AE356" s="137"/>
      <c r="AF356" s="137"/>
      <c r="AG356" s="137"/>
      <c r="AH356" s="137"/>
      <c r="AI356" s="137"/>
      <c r="AJ356" s="137"/>
      <c r="AK356" s="137"/>
      <c r="AL356" s="137"/>
      <c r="AM356" s="137"/>
      <c r="AN356" s="137"/>
      <c r="AO356" s="137"/>
      <c r="AP356" s="137"/>
      <c r="AQ356" s="137"/>
      <c r="AR356" s="137"/>
      <c r="AS356" s="137"/>
      <c r="AT356" s="137"/>
      <c r="AU356" s="137"/>
      <c r="AV356" s="137"/>
      <c r="AW356" s="144"/>
    </row>
    <row r="357" spans="7:49" x14ac:dyDescent="0.2">
      <c r="G357" s="43"/>
      <c r="Z357" s="143"/>
      <c r="AA357" s="137"/>
      <c r="AB357" s="137"/>
      <c r="AC357" s="137"/>
      <c r="AD357" s="137"/>
      <c r="AE357" s="137"/>
      <c r="AF357" s="137"/>
      <c r="AG357" s="137"/>
      <c r="AH357" s="137"/>
      <c r="AI357" s="137"/>
      <c r="AJ357" s="137"/>
      <c r="AK357" s="137"/>
      <c r="AL357" s="137"/>
      <c r="AM357" s="137"/>
      <c r="AN357" s="137"/>
      <c r="AO357" s="137"/>
      <c r="AP357" s="137"/>
      <c r="AQ357" s="137"/>
      <c r="AR357" s="137"/>
      <c r="AS357" s="137"/>
      <c r="AT357" s="137"/>
      <c r="AU357" s="137"/>
      <c r="AV357" s="137"/>
      <c r="AW357" s="144"/>
    </row>
    <row r="358" spans="7:49" x14ac:dyDescent="0.2">
      <c r="G358" s="43"/>
      <c r="Z358" s="143"/>
      <c r="AA358" s="137"/>
      <c r="AB358" s="137"/>
      <c r="AC358" s="137"/>
      <c r="AD358" s="137"/>
      <c r="AE358" s="137"/>
      <c r="AF358" s="137"/>
      <c r="AG358" s="137"/>
      <c r="AH358" s="137"/>
      <c r="AI358" s="137"/>
      <c r="AJ358" s="137"/>
      <c r="AK358" s="137"/>
      <c r="AL358" s="137"/>
      <c r="AM358" s="137"/>
      <c r="AN358" s="137"/>
      <c r="AO358" s="137"/>
      <c r="AP358" s="137"/>
      <c r="AQ358" s="137"/>
      <c r="AR358" s="137"/>
      <c r="AS358" s="137"/>
      <c r="AT358" s="137"/>
      <c r="AU358" s="137"/>
      <c r="AV358" s="137"/>
      <c r="AW358" s="144"/>
    </row>
    <row r="359" spans="7:49" x14ac:dyDescent="0.2">
      <c r="G359" s="43"/>
      <c r="Z359" s="143"/>
      <c r="AA359" s="137"/>
      <c r="AB359" s="137"/>
      <c r="AC359" s="137"/>
      <c r="AD359" s="137"/>
      <c r="AE359" s="137"/>
      <c r="AF359" s="137"/>
      <c r="AG359" s="137"/>
      <c r="AH359" s="137"/>
      <c r="AI359" s="137"/>
      <c r="AJ359" s="137"/>
      <c r="AK359" s="137"/>
      <c r="AL359" s="137"/>
      <c r="AM359" s="137"/>
      <c r="AN359" s="137"/>
      <c r="AO359" s="137"/>
      <c r="AP359" s="137"/>
      <c r="AQ359" s="137"/>
      <c r="AR359" s="137"/>
      <c r="AS359" s="137"/>
      <c r="AT359" s="137"/>
      <c r="AU359" s="137"/>
      <c r="AV359" s="137"/>
      <c r="AW359" s="144"/>
    </row>
    <row r="360" spans="7:49" x14ac:dyDescent="0.2">
      <c r="G360" s="43"/>
      <c r="Z360" s="143"/>
      <c r="AA360" s="137"/>
      <c r="AB360" s="137"/>
      <c r="AC360" s="137"/>
      <c r="AD360" s="137"/>
      <c r="AE360" s="137"/>
      <c r="AF360" s="137"/>
      <c r="AG360" s="137"/>
      <c r="AH360" s="137"/>
      <c r="AI360" s="137"/>
      <c r="AJ360" s="137"/>
      <c r="AK360" s="137"/>
      <c r="AL360" s="137"/>
      <c r="AM360" s="137"/>
      <c r="AN360" s="137"/>
      <c r="AO360" s="137"/>
      <c r="AP360" s="137"/>
      <c r="AQ360" s="137"/>
      <c r="AR360" s="137"/>
      <c r="AS360" s="137"/>
      <c r="AT360" s="137"/>
      <c r="AU360" s="137"/>
      <c r="AV360" s="137"/>
      <c r="AW360" s="144"/>
    </row>
    <row r="361" spans="7:49" x14ac:dyDescent="0.2">
      <c r="G361" s="43"/>
      <c r="Z361" s="143"/>
      <c r="AA361" s="137"/>
      <c r="AB361" s="137"/>
      <c r="AC361" s="137"/>
      <c r="AD361" s="137"/>
      <c r="AE361" s="137"/>
      <c r="AF361" s="137"/>
      <c r="AG361" s="137"/>
      <c r="AH361" s="137"/>
      <c r="AI361" s="137"/>
      <c r="AJ361" s="137"/>
      <c r="AK361" s="137"/>
      <c r="AL361" s="137"/>
      <c r="AM361" s="137"/>
      <c r="AN361" s="137"/>
      <c r="AO361" s="137"/>
      <c r="AP361" s="137"/>
      <c r="AQ361" s="137"/>
      <c r="AR361" s="137"/>
      <c r="AS361" s="137"/>
      <c r="AT361" s="137"/>
      <c r="AU361" s="137"/>
      <c r="AV361" s="137"/>
      <c r="AW361" s="144"/>
    </row>
    <row r="362" spans="7:49" x14ac:dyDescent="0.2">
      <c r="G362" s="43"/>
      <c r="Z362" s="143"/>
      <c r="AA362" s="137"/>
      <c r="AB362" s="137"/>
      <c r="AC362" s="137"/>
      <c r="AD362" s="137"/>
      <c r="AE362" s="137"/>
      <c r="AF362" s="137"/>
      <c r="AG362" s="137"/>
      <c r="AH362" s="137"/>
      <c r="AI362" s="137"/>
      <c r="AJ362" s="137"/>
      <c r="AK362" s="137"/>
      <c r="AL362" s="137"/>
      <c r="AM362" s="137"/>
      <c r="AN362" s="137"/>
      <c r="AO362" s="137"/>
      <c r="AP362" s="137"/>
      <c r="AQ362" s="137"/>
      <c r="AR362" s="137"/>
      <c r="AS362" s="137"/>
      <c r="AT362" s="137"/>
      <c r="AU362" s="137"/>
      <c r="AV362" s="137"/>
      <c r="AW362" s="144"/>
    </row>
    <row r="363" spans="7:49" x14ac:dyDescent="0.2">
      <c r="G363" s="43"/>
      <c r="Z363" s="143"/>
      <c r="AA363" s="137"/>
      <c r="AB363" s="137"/>
      <c r="AC363" s="137"/>
      <c r="AD363" s="137"/>
      <c r="AE363" s="137"/>
      <c r="AF363" s="137"/>
      <c r="AG363" s="137"/>
      <c r="AH363" s="137"/>
      <c r="AI363" s="137"/>
      <c r="AJ363" s="137"/>
      <c r="AK363" s="137"/>
      <c r="AL363" s="137"/>
      <c r="AM363" s="137"/>
      <c r="AN363" s="137"/>
      <c r="AO363" s="137"/>
      <c r="AP363" s="137"/>
      <c r="AQ363" s="137"/>
      <c r="AR363" s="137"/>
      <c r="AS363" s="137"/>
      <c r="AT363" s="137"/>
      <c r="AU363" s="137"/>
      <c r="AV363" s="137"/>
      <c r="AW363" s="144"/>
    </row>
    <row r="364" spans="7:49" x14ac:dyDescent="0.2">
      <c r="G364" s="43"/>
      <c r="Z364" s="143"/>
      <c r="AA364" s="137"/>
      <c r="AB364" s="137"/>
      <c r="AC364" s="137"/>
      <c r="AD364" s="137"/>
      <c r="AE364" s="137"/>
      <c r="AF364" s="137"/>
      <c r="AG364" s="137"/>
      <c r="AH364" s="137"/>
      <c r="AI364" s="137"/>
      <c r="AJ364" s="137"/>
      <c r="AK364" s="137"/>
      <c r="AL364" s="137"/>
      <c r="AM364" s="137"/>
      <c r="AN364" s="137"/>
      <c r="AO364" s="137"/>
      <c r="AP364" s="137"/>
      <c r="AQ364" s="137"/>
      <c r="AR364" s="137"/>
      <c r="AS364" s="137"/>
      <c r="AT364" s="137"/>
      <c r="AU364" s="137"/>
      <c r="AV364" s="137"/>
      <c r="AW364" s="144"/>
    </row>
    <row r="365" spans="7:49" x14ac:dyDescent="0.2">
      <c r="G365" s="43"/>
      <c r="Z365" s="143"/>
      <c r="AA365" s="137"/>
      <c r="AB365" s="137"/>
      <c r="AC365" s="137"/>
      <c r="AD365" s="137"/>
      <c r="AE365" s="137"/>
      <c r="AF365" s="137"/>
      <c r="AG365" s="137"/>
      <c r="AH365" s="137"/>
      <c r="AI365" s="137"/>
      <c r="AJ365" s="137"/>
      <c r="AK365" s="137"/>
      <c r="AL365" s="137"/>
      <c r="AM365" s="137"/>
      <c r="AN365" s="137"/>
      <c r="AO365" s="137"/>
      <c r="AP365" s="137"/>
      <c r="AQ365" s="137"/>
      <c r="AR365" s="137"/>
      <c r="AS365" s="137"/>
      <c r="AT365" s="137"/>
      <c r="AU365" s="137"/>
      <c r="AV365" s="137"/>
      <c r="AW365" s="144"/>
    </row>
    <row r="366" spans="7:49" x14ac:dyDescent="0.2">
      <c r="G366" s="43"/>
      <c r="Z366" s="143"/>
      <c r="AA366" s="137"/>
      <c r="AB366" s="137"/>
      <c r="AC366" s="137"/>
      <c r="AD366" s="137"/>
      <c r="AE366" s="137"/>
      <c r="AF366" s="137"/>
      <c r="AG366" s="137"/>
      <c r="AH366" s="137"/>
      <c r="AI366" s="137"/>
      <c r="AJ366" s="137"/>
      <c r="AK366" s="137"/>
      <c r="AL366" s="137"/>
      <c r="AM366" s="137"/>
      <c r="AN366" s="137"/>
      <c r="AO366" s="137"/>
      <c r="AP366" s="137"/>
      <c r="AQ366" s="137"/>
      <c r="AR366" s="137"/>
      <c r="AS366" s="137"/>
      <c r="AT366" s="137"/>
      <c r="AU366" s="137"/>
      <c r="AV366" s="137"/>
      <c r="AW366" s="144"/>
    </row>
    <row r="367" spans="7:49" x14ac:dyDescent="0.2">
      <c r="G367" s="43"/>
      <c r="Z367" s="143"/>
      <c r="AA367" s="137"/>
      <c r="AB367" s="137"/>
      <c r="AC367" s="137"/>
      <c r="AD367" s="137"/>
      <c r="AE367" s="137"/>
      <c r="AF367" s="137"/>
      <c r="AG367" s="137"/>
      <c r="AH367" s="137"/>
      <c r="AI367" s="137"/>
      <c r="AJ367" s="137"/>
      <c r="AK367" s="137"/>
      <c r="AL367" s="137"/>
      <c r="AM367" s="137"/>
      <c r="AN367" s="137"/>
      <c r="AO367" s="137"/>
      <c r="AP367" s="137"/>
      <c r="AQ367" s="137"/>
      <c r="AR367" s="137"/>
      <c r="AS367" s="137"/>
      <c r="AT367" s="137"/>
      <c r="AU367" s="137"/>
      <c r="AV367" s="137"/>
      <c r="AW367" s="144"/>
    </row>
    <row r="368" spans="7:49" x14ac:dyDescent="0.2">
      <c r="G368" s="43"/>
      <c r="Z368" s="143"/>
      <c r="AA368" s="137"/>
      <c r="AB368" s="137"/>
      <c r="AC368" s="137"/>
      <c r="AD368" s="137"/>
      <c r="AE368" s="137"/>
      <c r="AF368" s="137"/>
      <c r="AG368" s="137"/>
      <c r="AH368" s="137"/>
      <c r="AI368" s="137"/>
      <c r="AJ368" s="137"/>
      <c r="AK368" s="137"/>
      <c r="AL368" s="137"/>
      <c r="AM368" s="137"/>
      <c r="AN368" s="137"/>
      <c r="AO368" s="137"/>
      <c r="AP368" s="137"/>
      <c r="AQ368" s="137"/>
      <c r="AR368" s="137"/>
      <c r="AS368" s="137"/>
      <c r="AT368" s="137"/>
      <c r="AU368" s="137"/>
      <c r="AV368" s="137"/>
      <c r="AW368" s="144"/>
    </row>
    <row r="369" spans="7:49" x14ac:dyDescent="0.2">
      <c r="G369" s="43"/>
      <c r="Z369" s="143"/>
      <c r="AA369" s="137"/>
      <c r="AB369" s="137"/>
      <c r="AC369" s="137"/>
      <c r="AD369" s="137"/>
      <c r="AE369" s="137"/>
      <c r="AF369" s="137"/>
      <c r="AG369" s="137"/>
      <c r="AH369" s="137"/>
      <c r="AI369" s="137"/>
      <c r="AJ369" s="137"/>
      <c r="AK369" s="137"/>
      <c r="AL369" s="137"/>
      <c r="AM369" s="137"/>
      <c r="AN369" s="137"/>
      <c r="AO369" s="137"/>
      <c r="AP369" s="137"/>
      <c r="AQ369" s="137"/>
      <c r="AR369" s="137"/>
      <c r="AS369" s="137"/>
      <c r="AT369" s="137"/>
      <c r="AU369" s="137"/>
      <c r="AV369" s="137"/>
      <c r="AW369" s="144"/>
    </row>
    <row r="370" spans="7:49" x14ac:dyDescent="0.2">
      <c r="G370" s="43"/>
      <c r="Z370" s="143"/>
      <c r="AA370" s="137"/>
      <c r="AB370" s="137"/>
      <c r="AC370" s="137"/>
      <c r="AD370" s="137"/>
      <c r="AE370" s="137"/>
      <c r="AF370" s="137"/>
      <c r="AG370" s="137"/>
      <c r="AH370" s="137"/>
      <c r="AI370" s="137"/>
      <c r="AJ370" s="137"/>
      <c r="AK370" s="137"/>
      <c r="AL370" s="137"/>
      <c r="AM370" s="137"/>
      <c r="AN370" s="137"/>
      <c r="AO370" s="137"/>
      <c r="AP370" s="137"/>
      <c r="AQ370" s="137"/>
      <c r="AR370" s="137"/>
      <c r="AS370" s="137"/>
      <c r="AT370" s="137"/>
      <c r="AU370" s="137"/>
      <c r="AV370" s="137"/>
      <c r="AW370" s="144"/>
    </row>
    <row r="371" spans="7:49" x14ac:dyDescent="0.2">
      <c r="G371" s="43"/>
      <c r="Z371" s="143"/>
      <c r="AA371" s="137"/>
      <c r="AB371" s="137"/>
      <c r="AC371" s="137"/>
      <c r="AD371" s="137"/>
      <c r="AE371" s="137"/>
      <c r="AF371" s="137"/>
      <c r="AG371" s="137"/>
      <c r="AH371" s="137"/>
      <c r="AI371" s="137"/>
      <c r="AJ371" s="137"/>
      <c r="AK371" s="137"/>
      <c r="AL371" s="137"/>
      <c r="AM371" s="137"/>
      <c r="AN371" s="137"/>
      <c r="AO371" s="137"/>
      <c r="AP371" s="137"/>
      <c r="AQ371" s="137"/>
      <c r="AR371" s="137"/>
      <c r="AS371" s="137"/>
      <c r="AT371" s="137"/>
      <c r="AU371" s="137"/>
      <c r="AV371" s="137"/>
      <c r="AW371" s="144"/>
    </row>
    <row r="372" spans="7:49" x14ac:dyDescent="0.2">
      <c r="G372" s="43"/>
      <c r="Z372" s="143"/>
      <c r="AA372" s="137"/>
      <c r="AB372" s="137"/>
      <c r="AC372" s="137"/>
      <c r="AD372" s="137"/>
      <c r="AE372" s="137"/>
      <c r="AF372" s="137"/>
      <c r="AG372" s="137"/>
      <c r="AH372" s="137"/>
      <c r="AI372" s="137"/>
      <c r="AJ372" s="137"/>
      <c r="AK372" s="137"/>
      <c r="AL372" s="137"/>
      <c r="AM372" s="137"/>
      <c r="AN372" s="137"/>
      <c r="AO372" s="137"/>
      <c r="AP372" s="137"/>
      <c r="AQ372" s="137"/>
      <c r="AR372" s="137"/>
      <c r="AS372" s="137"/>
      <c r="AT372" s="137"/>
      <c r="AU372" s="137"/>
      <c r="AV372" s="137"/>
      <c r="AW372" s="144"/>
    </row>
    <row r="373" spans="7:49" x14ac:dyDescent="0.2">
      <c r="G373" s="43"/>
      <c r="Z373" s="143"/>
      <c r="AA373" s="137"/>
      <c r="AB373" s="137"/>
      <c r="AC373" s="137"/>
      <c r="AD373" s="137"/>
      <c r="AE373" s="137"/>
      <c r="AF373" s="137"/>
      <c r="AG373" s="137"/>
      <c r="AH373" s="137"/>
      <c r="AI373" s="137"/>
      <c r="AJ373" s="137"/>
      <c r="AK373" s="137"/>
      <c r="AL373" s="137"/>
      <c r="AM373" s="137"/>
      <c r="AN373" s="137"/>
      <c r="AO373" s="137"/>
      <c r="AP373" s="137"/>
      <c r="AQ373" s="137"/>
      <c r="AR373" s="137"/>
      <c r="AS373" s="137"/>
      <c r="AT373" s="137"/>
      <c r="AU373" s="137"/>
      <c r="AV373" s="137"/>
      <c r="AW373" s="144"/>
    </row>
    <row r="374" spans="7:49" x14ac:dyDescent="0.2">
      <c r="G374" s="43"/>
      <c r="Z374" s="143"/>
      <c r="AA374" s="137"/>
      <c r="AB374" s="137"/>
      <c r="AC374" s="137"/>
      <c r="AD374" s="137"/>
      <c r="AE374" s="137"/>
      <c r="AF374" s="137"/>
      <c r="AG374" s="137"/>
      <c r="AH374" s="137"/>
      <c r="AI374" s="137"/>
      <c r="AJ374" s="137"/>
      <c r="AK374" s="137"/>
      <c r="AL374" s="137"/>
      <c r="AM374" s="137"/>
      <c r="AN374" s="137"/>
      <c r="AO374" s="137"/>
      <c r="AP374" s="137"/>
      <c r="AQ374" s="137"/>
      <c r="AR374" s="137"/>
      <c r="AS374" s="137"/>
      <c r="AT374" s="137"/>
      <c r="AU374" s="137"/>
      <c r="AV374" s="137"/>
      <c r="AW374" s="144"/>
    </row>
    <row r="375" spans="7:49" x14ac:dyDescent="0.2">
      <c r="G375" s="43"/>
      <c r="Z375" s="143"/>
      <c r="AA375" s="137"/>
      <c r="AB375" s="137"/>
      <c r="AC375" s="137"/>
      <c r="AD375" s="137"/>
      <c r="AE375" s="137"/>
      <c r="AF375" s="137"/>
      <c r="AG375" s="137"/>
      <c r="AH375" s="137"/>
      <c r="AI375" s="137"/>
      <c r="AJ375" s="137"/>
      <c r="AK375" s="137"/>
      <c r="AL375" s="137"/>
      <c r="AM375" s="137"/>
      <c r="AN375" s="137"/>
      <c r="AO375" s="137"/>
      <c r="AP375" s="137"/>
      <c r="AQ375" s="137"/>
      <c r="AR375" s="137"/>
      <c r="AS375" s="137"/>
      <c r="AT375" s="137"/>
      <c r="AU375" s="137"/>
      <c r="AV375" s="137"/>
      <c r="AW375" s="144"/>
    </row>
    <row r="376" spans="7:49" x14ac:dyDescent="0.2">
      <c r="G376" s="43"/>
      <c r="Z376" s="143"/>
      <c r="AA376" s="137"/>
      <c r="AB376" s="137"/>
      <c r="AC376" s="137"/>
      <c r="AD376" s="137"/>
      <c r="AE376" s="137"/>
      <c r="AF376" s="137"/>
      <c r="AG376" s="137"/>
      <c r="AH376" s="137"/>
      <c r="AI376" s="137"/>
      <c r="AJ376" s="137"/>
      <c r="AK376" s="137"/>
      <c r="AL376" s="137"/>
      <c r="AM376" s="137"/>
      <c r="AN376" s="137"/>
      <c r="AO376" s="137"/>
      <c r="AP376" s="137"/>
      <c r="AQ376" s="137"/>
      <c r="AR376" s="137"/>
      <c r="AS376" s="137"/>
      <c r="AT376" s="137"/>
      <c r="AU376" s="137"/>
      <c r="AV376" s="137"/>
      <c r="AW376" s="144"/>
    </row>
    <row r="377" spans="7:49" x14ac:dyDescent="0.2">
      <c r="G377" s="43"/>
      <c r="Z377" s="143"/>
      <c r="AA377" s="137"/>
      <c r="AB377" s="137"/>
      <c r="AC377" s="137"/>
      <c r="AD377" s="137"/>
      <c r="AE377" s="137"/>
      <c r="AF377" s="137"/>
      <c r="AG377" s="137"/>
      <c r="AH377" s="137"/>
      <c r="AI377" s="137"/>
      <c r="AJ377" s="137"/>
      <c r="AK377" s="137"/>
      <c r="AL377" s="137"/>
      <c r="AM377" s="137"/>
      <c r="AN377" s="137"/>
      <c r="AO377" s="137"/>
      <c r="AP377" s="137"/>
      <c r="AQ377" s="137"/>
      <c r="AR377" s="137"/>
      <c r="AS377" s="137"/>
      <c r="AT377" s="137"/>
      <c r="AU377" s="137"/>
      <c r="AV377" s="137"/>
      <c r="AW377" s="144"/>
    </row>
    <row r="378" spans="7:49" x14ac:dyDescent="0.2">
      <c r="G378" s="43"/>
      <c r="Z378" s="143"/>
      <c r="AA378" s="137"/>
      <c r="AB378" s="137"/>
      <c r="AC378" s="137"/>
      <c r="AD378" s="137"/>
      <c r="AE378" s="137"/>
      <c r="AF378" s="137"/>
      <c r="AG378" s="137"/>
      <c r="AH378" s="137"/>
      <c r="AI378" s="137"/>
      <c r="AJ378" s="137"/>
      <c r="AK378" s="137"/>
      <c r="AL378" s="137"/>
      <c r="AM378" s="137"/>
      <c r="AN378" s="137"/>
      <c r="AO378" s="137"/>
      <c r="AP378" s="137"/>
      <c r="AQ378" s="137"/>
      <c r="AR378" s="137"/>
      <c r="AS378" s="137"/>
      <c r="AT378" s="137"/>
      <c r="AU378" s="137"/>
      <c r="AV378" s="137"/>
      <c r="AW378" s="144"/>
    </row>
    <row r="379" spans="7:49" x14ac:dyDescent="0.2">
      <c r="G379" s="43"/>
      <c r="Z379" s="143"/>
      <c r="AA379" s="137"/>
      <c r="AB379" s="137"/>
      <c r="AC379" s="137"/>
      <c r="AD379" s="137"/>
      <c r="AE379" s="137"/>
      <c r="AF379" s="137"/>
      <c r="AG379" s="137"/>
      <c r="AH379" s="137"/>
      <c r="AI379" s="137"/>
      <c r="AJ379" s="137"/>
      <c r="AK379" s="137"/>
      <c r="AL379" s="137"/>
      <c r="AM379" s="137"/>
      <c r="AN379" s="137"/>
      <c r="AO379" s="137"/>
      <c r="AP379" s="137"/>
      <c r="AQ379" s="137"/>
      <c r="AR379" s="137"/>
      <c r="AS379" s="137"/>
      <c r="AT379" s="137"/>
      <c r="AU379" s="137"/>
      <c r="AV379" s="137"/>
      <c r="AW379" s="144"/>
    </row>
    <row r="380" spans="7:49" x14ac:dyDescent="0.2">
      <c r="G380" s="43"/>
      <c r="Z380" s="143"/>
      <c r="AA380" s="137"/>
      <c r="AB380" s="137"/>
      <c r="AC380" s="137"/>
      <c r="AD380" s="137"/>
      <c r="AE380" s="137"/>
      <c r="AF380" s="137"/>
      <c r="AG380" s="137"/>
      <c r="AH380" s="137"/>
      <c r="AI380" s="137"/>
      <c r="AJ380" s="137"/>
      <c r="AK380" s="137"/>
      <c r="AL380" s="137"/>
      <c r="AM380" s="137"/>
      <c r="AN380" s="137"/>
      <c r="AO380" s="137"/>
      <c r="AP380" s="137"/>
      <c r="AQ380" s="137"/>
      <c r="AR380" s="137"/>
      <c r="AS380" s="137"/>
      <c r="AT380" s="137"/>
      <c r="AU380" s="137"/>
      <c r="AV380" s="137"/>
      <c r="AW380" s="144"/>
    </row>
    <row r="381" spans="7:49" x14ac:dyDescent="0.2">
      <c r="G381" s="43"/>
      <c r="Z381" s="143"/>
      <c r="AA381" s="137"/>
      <c r="AB381" s="137"/>
      <c r="AC381" s="137"/>
      <c r="AD381" s="137"/>
      <c r="AE381" s="137"/>
      <c r="AF381" s="137"/>
      <c r="AG381" s="137"/>
      <c r="AH381" s="137"/>
      <c r="AI381" s="137"/>
      <c r="AJ381" s="137"/>
      <c r="AK381" s="137"/>
      <c r="AL381" s="137"/>
      <c r="AM381" s="137"/>
      <c r="AN381" s="137"/>
      <c r="AO381" s="137"/>
      <c r="AP381" s="137"/>
      <c r="AQ381" s="137"/>
      <c r="AR381" s="137"/>
      <c r="AS381" s="137"/>
      <c r="AT381" s="137"/>
      <c r="AU381" s="137"/>
      <c r="AV381" s="137"/>
      <c r="AW381" s="144"/>
    </row>
    <row r="382" spans="7:49" x14ac:dyDescent="0.2">
      <c r="G382" s="43"/>
      <c r="Z382" s="143"/>
      <c r="AA382" s="137"/>
      <c r="AB382" s="137"/>
      <c r="AC382" s="137"/>
      <c r="AD382" s="137"/>
      <c r="AE382" s="137"/>
      <c r="AF382" s="137"/>
      <c r="AG382" s="137"/>
      <c r="AH382" s="137"/>
      <c r="AI382" s="137"/>
      <c r="AJ382" s="137"/>
      <c r="AK382" s="137"/>
      <c r="AL382" s="137"/>
      <c r="AM382" s="137"/>
      <c r="AN382" s="137"/>
      <c r="AO382" s="137"/>
      <c r="AP382" s="137"/>
      <c r="AQ382" s="137"/>
      <c r="AR382" s="137"/>
      <c r="AS382" s="137"/>
      <c r="AT382" s="137"/>
      <c r="AU382" s="137"/>
      <c r="AV382" s="137"/>
      <c r="AW382" s="144"/>
    </row>
    <row r="383" spans="7:49" x14ac:dyDescent="0.2">
      <c r="G383" s="43"/>
      <c r="Z383" s="143"/>
      <c r="AA383" s="137"/>
      <c r="AB383" s="137"/>
      <c r="AC383" s="137"/>
      <c r="AD383" s="137"/>
      <c r="AE383" s="137"/>
      <c r="AF383" s="137"/>
      <c r="AG383" s="137"/>
      <c r="AH383" s="137"/>
      <c r="AI383" s="137"/>
      <c r="AJ383" s="137"/>
      <c r="AK383" s="137"/>
      <c r="AL383" s="137"/>
      <c r="AM383" s="137"/>
      <c r="AN383" s="137"/>
      <c r="AO383" s="137"/>
      <c r="AP383" s="137"/>
      <c r="AQ383" s="137"/>
      <c r="AR383" s="137"/>
      <c r="AS383" s="137"/>
      <c r="AT383" s="137"/>
      <c r="AU383" s="137"/>
      <c r="AV383" s="137"/>
      <c r="AW383" s="144"/>
    </row>
    <row r="384" spans="7:49" x14ac:dyDescent="0.2">
      <c r="G384" s="43"/>
      <c r="Z384" s="143"/>
      <c r="AA384" s="137"/>
      <c r="AB384" s="137"/>
      <c r="AC384" s="137"/>
      <c r="AD384" s="137"/>
      <c r="AE384" s="137"/>
      <c r="AF384" s="137"/>
      <c r="AG384" s="137"/>
      <c r="AH384" s="137"/>
      <c r="AI384" s="137"/>
      <c r="AJ384" s="137"/>
      <c r="AK384" s="137"/>
      <c r="AL384" s="137"/>
      <c r="AM384" s="137"/>
      <c r="AN384" s="137"/>
      <c r="AO384" s="137"/>
      <c r="AP384" s="137"/>
      <c r="AQ384" s="137"/>
      <c r="AR384" s="137"/>
      <c r="AS384" s="137"/>
      <c r="AT384" s="137"/>
      <c r="AU384" s="137"/>
      <c r="AV384" s="137"/>
      <c r="AW384" s="144"/>
    </row>
    <row r="385" spans="7:49" x14ac:dyDescent="0.2">
      <c r="G385" s="43"/>
      <c r="Z385" s="143"/>
      <c r="AA385" s="137"/>
      <c r="AB385" s="137"/>
      <c r="AC385" s="137"/>
      <c r="AD385" s="137"/>
      <c r="AE385" s="137"/>
      <c r="AF385" s="137"/>
      <c r="AG385" s="137"/>
      <c r="AH385" s="137"/>
      <c r="AI385" s="137"/>
      <c r="AJ385" s="137"/>
      <c r="AK385" s="137"/>
      <c r="AL385" s="137"/>
      <c r="AM385" s="137"/>
      <c r="AN385" s="137"/>
      <c r="AO385" s="137"/>
      <c r="AP385" s="137"/>
      <c r="AQ385" s="137"/>
      <c r="AR385" s="137"/>
      <c r="AS385" s="137"/>
      <c r="AT385" s="137"/>
      <c r="AU385" s="137"/>
      <c r="AV385" s="137"/>
      <c r="AW385" s="144"/>
    </row>
    <row r="386" spans="7:49" x14ac:dyDescent="0.2">
      <c r="G386" s="43"/>
      <c r="Z386" s="143"/>
      <c r="AA386" s="137"/>
      <c r="AB386" s="137"/>
      <c r="AC386" s="137"/>
      <c r="AD386" s="137"/>
      <c r="AE386" s="137"/>
      <c r="AF386" s="137"/>
      <c r="AG386" s="137"/>
      <c r="AH386" s="137"/>
      <c r="AI386" s="137"/>
      <c r="AJ386" s="137"/>
      <c r="AK386" s="137"/>
      <c r="AL386" s="137"/>
      <c r="AM386" s="137"/>
      <c r="AN386" s="137"/>
      <c r="AO386" s="137"/>
      <c r="AP386" s="137"/>
      <c r="AQ386" s="137"/>
      <c r="AR386" s="137"/>
      <c r="AS386" s="137"/>
      <c r="AT386" s="137"/>
      <c r="AU386" s="137"/>
      <c r="AV386" s="137"/>
      <c r="AW386" s="144"/>
    </row>
    <row r="387" spans="7:49" x14ac:dyDescent="0.2">
      <c r="G387" s="43"/>
      <c r="Z387" s="143"/>
      <c r="AA387" s="137"/>
      <c r="AB387" s="137"/>
      <c r="AC387" s="137"/>
      <c r="AD387" s="137"/>
      <c r="AE387" s="137"/>
      <c r="AF387" s="137"/>
      <c r="AG387" s="137"/>
      <c r="AH387" s="137"/>
      <c r="AI387" s="137"/>
      <c r="AJ387" s="137"/>
      <c r="AK387" s="137"/>
      <c r="AL387" s="137"/>
      <c r="AM387" s="137"/>
      <c r="AN387" s="137"/>
      <c r="AO387" s="137"/>
      <c r="AP387" s="137"/>
      <c r="AQ387" s="137"/>
      <c r="AR387" s="137"/>
      <c r="AS387" s="137"/>
      <c r="AT387" s="137"/>
      <c r="AU387" s="137"/>
      <c r="AV387" s="137"/>
      <c r="AW387" s="144"/>
    </row>
    <row r="388" spans="7:49" x14ac:dyDescent="0.2">
      <c r="G388" s="43"/>
      <c r="Z388" s="143"/>
      <c r="AA388" s="137"/>
      <c r="AB388" s="137"/>
      <c r="AC388" s="137"/>
      <c r="AD388" s="137"/>
      <c r="AE388" s="137"/>
      <c r="AF388" s="137"/>
      <c r="AG388" s="137"/>
      <c r="AH388" s="137"/>
      <c r="AI388" s="137"/>
      <c r="AJ388" s="137"/>
      <c r="AK388" s="137"/>
      <c r="AL388" s="137"/>
      <c r="AM388" s="137"/>
      <c r="AN388" s="137"/>
      <c r="AO388" s="137"/>
      <c r="AP388" s="137"/>
      <c r="AQ388" s="137"/>
      <c r="AR388" s="137"/>
      <c r="AS388" s="137"/>
      <c r="AT388" s="137"/>
      <c r="AU388" s="137"/>
      <c r="AV388" s="137"/>
      <c r="AW388" s="144"/>
    </row>
    <row r="389" spans="7:49" x14ac:dyDescent="0.2">
      <c r="G389" s="43"/>
      <c r="Z389" s="143"/>
      <c r="AA389" s="137"/>
      <c r="AB389" s="137"/>
      <c r="AC389" s="137"/>
      <c r="AD389" s="137"/>
      <c r="AE389" s="137"/>
      <c r="AF389" s="137"/>
      <c r="AG389" s="137"/>
      <c r="AH389" s="137"/>
      <c r="AI389" s="137"/>
      <c r="AJ389" s="137"/>
      <c r="AK389" s="137"/>
      <c r="AL389" s="137"/>
      <c r="AM389" s="137"/>
      <c r="AN389" s="137"/>
      <c r="AO389" s="137"/>
      <c r="AP389" s="137"/>
      <c r="AQ389" s="137"/>
      <c r="AR389" s="137"/>
      <c r="AS389" s="137"/>
      <c r="AT389" s="137"/>
      <c r="AU389" s="137"/>
      <c r="AV389" s="137"/>
      <c r="AW389" s="144"/>
    </row>
    <row r="390" spans="7:49" x14ac:dyDescent="0.2">
      <c r="G390" s="43"/>
      <c r="Z390" s="143"/>
      <c r="AA390" s="137"/>
      <c r="AB390" s="137"/>
      <c r="AC390" s="137"/>
      <c r="AD390" s="137"/>
      <c r="AE390" s="137"/>
      <c r="AF390" s="137"/>
      <c r="AG390" s="137"/>
      <c r="AH390" s="137"/>
      <c r="AI390" s="137"/>
      <c r="AJ390" s="137"/>
      <c r="AK390" s="137"/>
      <c r="AL390" s="137"/>
      <c r="AM390" s="137"/>
      <c r="AN390" s="137"/>
      <c r="AO390" s="137"/>
      <c r="AP390" s="137"/>
      <c r="AQ390" s="137"/>
      <c r="AR390" s="137"/>
      <c r="AS390" s="137"/>
      <c r="AT390" s="137"/>
      <c r="AU390" s="137"/>
      <c r="AV390" s="137"/>
      <c r="AW390" s="144"/>
    </row>
    <row r="391" spans="7:49" x14ac:dyDescent="0.2">
      <c r="G391" s="43"/>
      <c r="Z391" s="143"/>
      <c r="AA391" s="137"/>
      <c r="AB391" s="137"/>
      <c r="AC391" s="137"/>
      <c r="AD391" s="137"/>
      <c r="AE391" s="137"/>
      <c r="AF391" s="137"/>
      <c r="AG391" s="137"/>
      <c r="AH391" s="137"/>
      <c r="AI391" s="137"/>
      <c r="AJ391" s="137"/>
      <c r="AK391" s="137"/>
      <c r="AL391" s="137"/>
      <c r="AM391" s="137"/>
      <c r="AN391" s="137"/>
      <c r="AO391" s="137"/>
      <c r="AP391" s="137"/>
      <c r="AQ391" s="137"/>
      <c r="AR391" s="137"/>
      <c r="AS391" s="137"/>
      <c r="AT391" s="137"/>
      <c r="AU391" s="137"/>
      <c r="AV391" s="137"/>
      <c r="AW391" s="144"/>
    </row>
    <row r="392" spans="7:49" x14ac:dyDescent="0.2">
      <c r="G392" s="43"/>
      <c r="Z392" s="143"/>
      <c r="AA392" s="137"/>
      <c r="AB392" s="137"/>
      <c r="AC392" s="137"/>
      <c r="AD392" s="137"/>
      <c r="AE392" s="137"/>
      <c r="AF392" s="137"/>
      <c r="AG392" s="137"/>
      <c r="AH392" s="137"/>
      <c r="AI392" s="137"/>
      <c r="AJ392" s="137"/>
      <c r="AK392" s="137"/>
      <c r="AL392" s="137"/>
      <c r="AM392" s="137"/>
      <c r="AN392" s="137"/>
      <c r="AO392" s="137"/>
      <c r="AP392" s="137"/>
      <c r="AQ392" s="137"/>
      <c r="AR392" s="137"/>
      <c r="AS392" s="137"/>
      <c r="AT392" s="137"/>
      <c r="AU392" s="137"/>
      <c r="AV392" s="137"/>
      <c r="AW392" s="144"/>
    </row>
    <row r="393" spans="7:49" x14ac:dyDescent="0.2">
      <c r="G393" s="43"/>
      <c r="Z393" s="143"/>
      <c r="AA393" s="137"/>
      <c r="AB393" s="137"/>
      <c r="AC393" s="137"/>
      <c r="AD393" s="137"/>
      <c r="AE393" s="137"/>
      <c r="AF393" s="137"/>
      <c r="AG393" s="137"/>
      <c r="AH393" s="137"/>
      <c r="AI393" s="137"/>
      <c r="AJ393" s="137"/>
      <c r="AK393" s="137"/>
      <c r="AL393" s="137"/>
      <c r="AM393" s="137"/>
      <c r="AN393" s="137"/>
      <c r="AO393" s="137"/>
      <c r="AP393" s="137"/>
      <c r="AQ393" s="137"/>
      <c r="AR393" s="137"/>
      <c r="AS393" s="137"/>
      <c r="AT393" s="137"/>
      <c r="AU393" s="137"/>
      <c r="AV393" s="137"/>
      <c r="AW393" s="144"/>
    </row>
    <row r="394" spans="7:49" x14ac:dyDescent="0.2">
      <c r="G394" s="43"/>
      <c r="Z394" s="143"/>
      <c r="AA394" s="137"/>
      <c r="AB394" s="137"/>
      <c r="AC394" s="137"/>
      <c r="AD394" s="137"/>
      <c r="AE394" s="137"/>
      <c r="AF394" s="137"/>
      <c r="AG394" s="137"/>
      <c r="AH394" s="137"/>
      <c r="AI394" s="137"/>
      <c r="AJ394" s="137"/>
      <c r="AK394" s="137"/>
      <c r="AL394" s="137"/>
      <c r="AM394" s="137"/>
      <c r="AN394" s="137"/>
      <c r="AO394" s="137"/>
      <c r="AP394" s="137"/>
      <c r="AQ394" s="137"/>
      <c r="AR394" s="137"/>
      <c r="AS394" s="137"/>
      <c r="AT394" s="137"/>
      <c r="AU394" s="137"/>
      <c r="AV394" s="137"/>
      <c r="AW394" s="144"/>
    </row>
    <row r="395" spans="7:49" x14ac:dyDescent="0.2">
      <c r="G395" s="43"/>
      <c r="Z395" s="143"/>
      <c r="AA395" s="137"/>
      <c r="AB395" s="137"/>
      <c r="AC395" s="137"/>
      <c r="AD395" s="137"/>
      <c r="AE395" s="137"/>
      <c r="AF395" s="137"/>
      <c r="AG395" s="137"/>
      <c r="AH395" s="137"/>
      <c r="AI395" s="137"/>
      <c r="AJ395" s="137"/>
      <c r="AK395" s="137"/>
      <c r="AL395" s="137"/>
      <c r="AM395" s="137"/>
      <c r="AN395" s="137"/>
      <c r="AO395" s="137"/>
      <c r="AP395" s="137"/>
      <c r="AQ395" s="137"/>
      <c r="AR395" s="137"/>
      <c r="AS395" s="137"/>
      <c r="AT395" s="137"/>
      <c r="AU395" s="137"/>
      <c r="AV395" s="137"/>
      <c r="AW395" s="144"/>
    </row>
    <row r="396" spans="7:49" x14ac:dyDescent="0.2">
      <c r="G396" s="43"/>
      <c r="Z396" s="143"/>
      <c r="AA396" s="137"/>
      <c r="AB396" s="137"/>
      <c r="AC396" s="137"/>
      <c r="AD396" s="137"/>
      <c r="AE396" s="137"/>
      <c r="AF396" s="137"/>
      <c r="AG396" s="137"/>
      <c r="AH396" s="137"/>
      <c r="AI396" s="137"/>
      <c r="AJ396" s="137"/>
      <c r="AK396" s="137"/>
      <c r="AL396" s="137"/>
      <c r="AM396" s="137"/>
      <c r="AN396" s="137"/>
      <c r="AO396" s="137"/>
      <c r="AP396" s="137"/>
      <c r="AQ396" s="137"/>
      <c r="AR396" s="137"/>
      <c r="AS396" s="137"/>
      <c r="AT396" s="137"/>
      <c r="AU396" s="137"/>
      <c r="AV396" s="137"/>
      <c r="AW396" s="144"/>
    </row>
    <row r="397" spans="7:49" x14ac:dyDescent="0.2">
      <c r="G397" s="43"/>
      <c r="Z397" s="143"/>
      <c r="AA397" s="137"/>
      <c r="AB397" s="137"/>
      <c r="AC397" s="137"/>
      <c r="AD397" s="137"/>
      <c r="AE397" s="137"/>
      <c r="AF397" s="137"/>
      <c r="AG397" s="137"/>
      <c r="AH397" s="137"/>
      <c r="AI397" s="137"/>
      <c r="AJ397" s="137"/>
      <c r="AK397" s="137"/>
      <c r="AL397" s="137"/>
      <c r="AM397" s="137"/>
      <c r="AN397" s="137"/>
      <c r="AO397" s="137"/>
      <c r="AP397" s="137"/>
      <c r="AQ397" s="137"/>
      <c r="AR397" s="137"/>
      <c r="AS397" s="137"/>
      <c r="AT397" s="137"/>
      <c r="AU397" s="137"/>
      <c r="AV397" s="137"/>
      <c r="AW397" s="144"/>
    </row>
    <row r="398" spans="7:49" x14ac:dyDescent="0.2">
      <c r="G398" s="43"/>
      <c r="Z398" s="143"/>
      <c r="AA398" s="137"/>
      <c r="AB398" s="137"/>
      <c r="AC398" s="137"/>
      <c r="AD398" s="137"/>
      <c r="AE398" s="137"/>
      <c r="AF398" s="137"/>
      <c r="AG398" s="137"/>
      <c r="AH398" s="137"/>
      <c r="AI398" s="137"/>
      <c r="AJ398" s="137"/>
      <c r="AK398" s="137"/>
      <c r="AL398" s="137"/>
      <c r="AM398" s="137"/>
      <c r="AN398" s="137"/>
      <c r="AO398" s="137"/>
      <c r="AP398" s="137"/>
      <c r="AQ398" s="137"/>
      <c r="AR398" s="137"/>
      <c r="AS398" s="137"/>
      <c r="AT398" s="137"/>
      <c r="AU398" s="137"/>
      <c r="AV398" s="137"/>
      <c r="AW398" s="144"/>
    </row>
    <row r="399" spans="7:49" x14ac:dyDescent="0.2">
      <c r="G399" s="43"/>
      <c r="Z399" s="143"/>
      <c r="AA399" s="137"/>
      <c r="AB399" s="137"/>
      <c r="AC399" s="137"/>
      <c r="AD399" s="137"/>
      <c r="AE399" s="137"/>
      <c r="AF399" s="137"/>
      <c r="AG399" s="137"/>
      <c r="AH399" s="137"/>
      <c r="AI399" s="137"/>
      <c r="AJ399" s="137"/>
      <c r="AK399" s="137"/>
      <c r="AL399" s="137"/>
      <c r="AM399" s="137"/>
      <c r="AN399" s="137"/>
      <c r="AO399" s="137"/>
      <c r="AP399" s="137"/>
      <c r="AQ399" s="137"/>
      <c r="AR399" s="137"/>
      <c r="AS399" s="137"/>
      <c r="AT399" s="137"/>
      <c r="AU399" s="137"/>
      <c r="AV399" s="137"/>
      <c r="AW399" s="144"/>
    </row>
    <row r="400" spans="7:49" x14ac:dyDescent="0.2">
      <c r="G400" s="43"/>
      <c r="Z400" s="143"/>
      <c r="AA400" s="137"/>
      <c r="AB400" s="137"/>
      <c r="AC400" s="137"/>
      <c r="AD400" s="137"/>
      <c r="AE400" s="137"/>
      <c r="AF400" s="137"/>
      <c r="AG400" s="137"/>
      <c r="AH400" s="137"/>
      <c r="AI400" s="137"/>
      <c r="AJ400" s="137"/>
      <c r="AK400" s="137"/>
      <c r="AL400" s="137"/>
      <c r="AM400" s="137"/>
      <c r="AN400" s="137"/>
      <c r="AO400" s="137"/>
      <c r="AP400" s="137"/>
      <c r="AQ400" s="137"/>
      <c r="AR400" s="137"/>
      <c r="AS400" s="137"/>
      <c r="AT400" s="137"/>
      <c r="AU400" s="137"/>
      <c r="AV400" s="137"/>
      <c r="AW400" s="144"/>
    </row>
    <row r="401" spans="7:49" x14ac:dyDescent="0.2">
      <c r="G401" s="43"/>
      <c r="Z401" s="143"/>
      <c r="AA401" s="137"/>
      <c r="AB401" s="137"/>
      <c r="AC401" s="137"/>
      <c r="AD401" s="137"/>
      <c r="AE401" s="137"/>
      <c r="AF401" s="137"/>
      <c r="AG401" s="137"/>
      <c r="AH401" s="137"/>
      <c r="AI401" s="137"/>
      <c r="AJ401" s="137"/>
      <c r="AK401" s="137"/>
      <c r="AL401" s="137"/>
      <c r="AM401" s="137"/>
      <c r="AN401" s="137"/>
      <c r="AO401" s="137"/>
      <c r="AP401" s="137"/>
      <c r="AQ401" s="137"/>
      <c r="AR401" s="137"/>
      <c r="AS401" s="137"/>
      <c r="AT401" s="137"/>
      <c r="AU401" s="137"/>
      <c r="AV401" s="137"/>
      <c r="AW401" s="144"/>
    </row>
    <row r="402" spans="7:49" x14ac:dyDescent="0.2">
      <c r="G402" s="43"/>
      <c r="Z402" s="143"/>
      <c r="AA402" s="137"/>
      <c r="AB402" s="137"/>
      <c r="AC402" s="137"/>
      <c r="AD402" s="137"/>
      <c r="AE402" s="137"/>
      <c r="AF402" s="137"/>
      <c r="AG402" s="137"/>
      <c r="AH402" s="137"/>
      <c r="AI402" s="137"/>
      <c r="AJ402" s="137"/>
      <c r="AK402" s="137"/>
      <c r="AL402" s="137"/>
      <c r="AM402" s="137"/>
      <c r="AN402" s="137"/>
      <c r="AO402" s="137"/>
      <c r="AP402" s="137"/>
      <c r="AQ402" s="137"/>
      <c r="AR402" s="137"/>
      <c r="AS402" s="137"/>
      <c r="AT402" s="137"/>
      <c r="AU402" s="137"/>
      <c r="AV402" s="137"/>
      <c r="AW402" s="144"/>
    </row>
    <row r="403" spans="7:49" x14ac:dyDescent="0.2">
      <c r="G403" s="43"/>
      <c r="Z403" s="143"/>
      <c r="AA403" s="137"/>
      <c r="AB403" s="137"/>
      <c r="AC403" s="137"/>
      <c r="AD403" s="137"/>
      <c r="AE403" s="137"/>
      <c r="AF403" s="137"/>
      <c r="AG403" s="137"/>
      <c r="AH403" s="137"/>
      <c r="AI403" s="137"/>
      <c r="AJ403" s="137"/>
      <c r="AK403" s="137"/>
      <c r="AL403" s="137"/>
      <c r="AM403" s="137"/>
      <c r="AN403" s="137"/>
      <c r="AO403" s="137"/>
      <c r="AP403" s="137"/>
      <c r="AQ403" s="137"/>
      <c r="AR403" s="137"/>
      <c r="AS403" s="137"/>
      <c r="AT403" s="137"/>
      <c r="AU403" s="137"/>
      <c r="AV403" s="137"/>
      <c r="AW403" s="144"/>
    </row>
    <row r="404" spans="7:49" x14ac:dyDescent="0.2">
      <c r="G404" s="43"/>
      <c r="Z404" s="143"/>
      <c r="AA404" s="137"/>
      <c r="AB404" s="137"/>
      <c r="AC404" s="137"/>
      <c r="AD404" s="137"/>
      <c r="AE404" s="137"/>
      <c r="AF404" s="137"/>
      <c r="AG404" s="137"/>
      <c r="AH404" s="137"/>
      <c r="AI404" s="137"/>
      <c r="AJ404" s="137"/>
      <c r="AK404" s="137"/>
      <c r="AL404" s="137"/>
      <c r="AM404" s="137"/>
      <c r="AN404" s="137"/>
      <c r="AO404" s="137"/>
      <c r="AP404" s="137"/>
      <c r="AQ404" s="137"/>
      <c r="AR404" s="137"/>
      <c r="AS404" s="137"/>
      <c r="AT404" s="137"/>
      <c r="AU404" s="137"/>
      <c r="AV404" s="137"/>
      <c r="AW404" s="144"/>
    </row>
    <row r="405" spans="7:49" x14ac:dyDescent="0.2">
      <c r="G405" s="43"/>
      <c r="Z405" s="143"/>
      <c r="AA405" s="137"/>
      <c r="AB405" s="137"/>
      <c r="AC405" s="137"/>
      <c r="AD405" s="137"/>
      <c r="AE405" s="137"/>
      <c r="AF405" s="137"/>
      <c r="AG405" s="137"/>
      <c r="AH405" s="137"/>
      <c r="AI405" s="137"/>
      <c r="AJ405" s="137"/>
      <c r="AK405" s="137"/>
      <c r="AL405" s="137"/>
      <c r="AM405" s="137"/>
      <c r="AN405" s="137"/>
      <c r="AO405" s="137"/>
      <c r="AP405" s="137"/>
      <c r="AQ405" s="137"/>
      <c r="AR405" s="137"/>
      <c r="AS405" s="137"/>
      <c r="AT405" s="137"/>
      <c r="AU405" s="137"/>
      <c r="AV405" s="137"/>
      <c r="AW405" s="144"/>
    </row>
    <row r="406" spans="7:49" x14ac:dyDescent="0.2">
      <c r="G406" s="43"/>
      <c r="Z406" s="143"/>
      <c r="AA406" s="137"/>
      <c r="AB406" s="137"/>
      <c r="AC406" s="137"/>
      <c r="AD406" s="137"/>
      <c r="AE406" s="137"/>
      <c r="AF406" s="137"/>
      <c r="AG406" s="137"/>
      <c r="AH406" s="137"/>
      <c r="AI406" s="137"/>
      <c r="AJ406" s="137"/>
      <c r="AK406" s="137"/>
      <c r="AL406" s="137"/>
      <c r="AM406" s="137"/>
      <c r="AN406" s="137"/>
      <c r="AO406" s="137"/>
      <c r="AP406" s="137"/>
      <c r="AQ406" s="137"/>
      <c r="AR406" s="137"/>
      <c r="AS406" s="137"/>
      <c r="AT406" s="137"/>
      <c r="AU406" s="137"/>
      <c r="AV406" s="137"/>
      <c r="AW406" s="144"/>
    </row>
    <row r="407" spans="7:49" x14ac:dyDescent="0.2">
      <c r="G407" s="43"/>
      <c r="Z407" s="143"/>
      <c r="AA407" s="137"/>
      <c r="AB407" s="137"/>
      <c r="AC407" s="137"/>
      <c r="AD407" s="137"/>
      <c r="AE407" s="137"/>
      <c r="AF407" s="137"/>
      <c r="AG407" s="137"/>
      <c r="AH407" s="137"/>
      <c r="AI407" s="137"/>
      <c r="AJ407" s="137"/>
      <c r="AK407" s="137"/>
      <c r="AL407" s="137"/>
      <c r="AM407" s="137"/>
      <c r="AN407" s="137"/>
      <c r="AO407" s="137"/>
      <c r="AP407" s="137"/>
      <c r="AQ407" s="137"/>
      <c r="AR407" s="137"/>
      <c r="AS407" s="137"/>
      <c r="AT407" s="137"/>
      <c r="AU407" s="137"/>
      <c r="AV407" s="137"/>
      <c r="AW407" s="144"/>
    </row>
    <row r="408" spans="7:49" x14ac:dyDescent="0.2">
      <c r="G408" s="43"/>
      <c r="Z408" s="143"/>
      <c r="AA408" s="137"/>
      <c r="AB408" s="137"/>
      <c r="AC408" s="137"/>
      <c r="AD408" s="137"/>
      <c r="AE408" s="137"/>
      <c r="AF408" s="137"/>
      <c r="AG408" s="137"/>
      <c r="AH408" s="137"/>
      <c r="AI408" s="137"/>
      <c r="AJ408" s="137"/>
      <c r="AK408" s="137"/>
      <c r="AL408" s="137"/>
      <c r="AM408" s="137"/>
      <c r="AN408" s="137"/>
      <c r="AO408" s="137"/>
      <c r="AP408" s="137"/>
      <c r="AQ408" s="137"/>
      <c r="AR408" s="137"/>
      <c r="AS408" s="137"/>
      <c r="AT408" s="137"/>
      <c r="AU408" s="137"/>
      <c r="AV408" s="137"/>
      <c r="AW408" s="144"/>
    </row>
    <row r="409" spans="7:49" x14ac:dyDescent="0.2">
      <c r="G409" s="43"/>
      <c r="Z409" s="143"/>
      <c r="AA409" s="137"/>
      <c r="AB409" s="137"/>
      <c r="AC409" s="137"/>
      <c r="AD409" s="137"/>
      <c r="AE409" s="137"/>
      <c r="AF409" s="137"/>
      <c r="AG409" s="137"/>
      <c r="AH409" s="137"/>
      <c r="AI409" s="137"/>
      <c r="AJ409" s="137"/>
      <c r="AK409" s="137"/>
      <c r="AL409" s="137"/>
      <c r="AM409" s="137"/>
      <c r="AN409" s="137"/>
      <c r="AO409" s="137"/>
      <c r="AP409" s="137"/>
      <c r="AQ409" s="137"/>
      <c r="AR409" s="137"/>
      <c r="AS409" s="137"/>
      <c r="AT409" s="137"/>
      <c r="AU409" s="137"/>
      <c r="AV409" s="137"/>
      <c r="AW409" s="144"/>
    </row>
    <row r="410" spans="7:49" x14ac:dyDescent="0.2">
      <c r="G410" s="43"/>
      <c r="Z410" s="143"/>
      <c r="AA410" s="137"/>
      <c r="AB410" s="137"/>
      <c r="AC410" s="137"/>
      <c r="AD410" s="137"/>
      <c r="AE410" s="137"/>
      <c r="AF410" s="137"/>
      <c r="AG410" s="137"/>
      <c r="AH410" s="137"/>
      <c r="AI410" s="137"/>
      <c r="AJ410" s="137"/>
      <c r="AK410" s="137"/>
      <c r="AL410" s="137"/>
      <c r="AM410" s="137"/>
      <c r="AN410" s="137"/>
      <c r="AO410" s="137"/>
      <c r="AP410" s="137"/>
      <c r="AQ410" s="137"/>
      <c r="AR410" s="137"/>
      <c r="AS410" s="137"/>
      <c r="AT410" s="137"/>
      <c r="AU410" s="137"/>
      <c r="AV410" s="137"/>
      <c r="AW410" s="144"/>
    </row>
    <row r="411" spans="7:49" x14ac:dyDescent="0.2">
      <c r="G411" s="43"/>
      <c r="Z411" s="143"/>
      <c r="AA411" s="137"/>
      <c r="AB411" s="137"/>
      <c r="AC411" s="137"/>
      <c r="AD411" s="137"/>
      <c r="AE411" s="137"/>
      <c r="AF411" s="137"/>
      <c r="AG411" s="137"/>
      <c r="AH411" s="137"/>
      <c r="AI411" s="137"/>
      <c r="AJ411" s="137"/>
      <c r="AK411" s="137"/>
      <c r="AL411" s="137"/>
      <c r="AM411" s="137"/>
      <c r="AN411" s="137"/>
      <c r="AO411" s="137"/>
      <c r="AP411" s="137"/>
      <c r="AQ411" s="137"/>
      <c r="AR411" s="137"/>
      <c r="AS411" s="137"/>
      <c r="AT411" s="137"/>
      <c r="AU411" s="137"/>
      <c r="AV411" s="137"/>
      <c r="AW411" s="144"/>
    </row>
    <row r="412" spans="7:49" x14ac:dyDescent="0.2">
      <c r="G412" s="43"/>
      <c r="Z412" s="143"/>
      <c r="AA412" s="137"/>
      <c r="AB412" s="137"/>
      <c r="AC412" s="137"/>
      <c r="AD412" s="137"/>
      <c r="AE412" s="137"/>
      <c r="AF412" s="137"/>
      <c r="AG412" s="137"/>
      <c r="AH412" s="137"/>
      <c r="AI412" s="137"/>
      <c r="AJ412" s="137"/>
      <c r="AK412" s="137"/>
      <c r="AL412" s="137"/>
      <c r="AM412" s="137"/>
      <c r="AN412" s="137"/>
      <c r="AO412" s="137"/>
      <c r="AP412" s="137"/>
      <c r="AQ412" s="137"/>
      <c r="AR412" s="137"/>
      <c r="AS412" s="137"/>
      <c r="AT412" s="137"/>
      <c r="AU412" s="137"/>
      <c r="AV412" s="137"/>
      <c r="AW412" s="144"/>
    </row>
    <row r="413" spans="7:49" x14ac:dyDescent="0.2">
      <c r="G413" s="43"/>
      <c r="Z413" s="143"/>
      <c r="AA413" s="137"/>
      <c r="AB413" s="137"/>
      <c r="AC413" s="137"/>
      <c r="AD413" s="137"/>
      <c r="AE413" s="137"/>
      <c r="AF413" s="137"/>
      <c r="AG413" s="137"/>
      <c r="AH413" s="137"/>
      <c r="AI413" s="137"/>
      <c r="AJ413" s="137"/>
      <c r="AK413" s="137"/>
      <c r="AL413" s="137"/>
      <c r="AM413" s="137"/>
      <c r="AN413" s="137"/>
      <c r="AO413" s="137"/>
      <c r="AP413" s="137"/>
      <c r="AQ413" s="137"/>
      <c r="AR413" s="137"/>
      <c r="AS413" s="137"/>
      <c r="AT413" s="137"/>
      <c r="AU413" s="137"/>
      <c r="AV413" s="137"/>
      <c r="AW413" s="144"/>
    </row>
    <row r="414" spans="7:49" x14ac:dyDescent="0.2">
      <c r="G414" s="43"/>
      <c r="Z414" s="143"/>
      <c r="AA414" s="137"/>
      <c r="AB414" s="137"/>
      <c r="AC414" s="137"/>
      <c r="AD414" s="137"/>
      <c r="AE414" s="137"/>
      <c r="AF414" s="137"/>
      <c r="AG414" s="137"/>
      <c r="AH414" s="137"/>
      <c r="AI414" s="137"/>
      <c r="AJ414" s="137"/>
      <c r="AK414" s="137"/>
      <c r="AL414" s="137"/>
      <c r="AM414" s="137"/>
      <c r="AN414" s="137"/>
      <c r="AO414" s="137"/>
      <c r="AP414" s="137"/>
      <c r="AQ414" s="137"/>
      <c r="AR414" s="137"/>
      <c r="AS414" s="137"/>
      <c r="AT414" s="137"/>
      <c r="AU414" s="137"/>
      <c r="AV414" s="137"/>
      <c r="AW414" s="144"/>
    </row>
    <row r="415" spans="7:49" x14ac:dyDescent="0.2">
      <c r="G415" s="43"/>
      <c r="Z415" s="143"/>
      <c r="AA415" s="137"/>
      <c r="AB415" s="137"/>
      <c r="AC415" s="137"/>
      <c r="AD415" s="137"/>
      <c r="AE415" s="137"/>
      <c r="AF415" s="137"/>
      <c r="AG415" s="137"/>
      <c r="AH415" s="137"/>
      <c r="AI415" s="137"/>
      <c r="AJ415" s="137"/>
      <c r="AK415" s="137"/>
      <c r="AL415" s="137"/>
      <c r="AM415" s="137"/>
      <c r="AN415" s="137"/>
      <c r="AO415" s="137"/>
      <c r="AP415" s="137"/>
      <c r="AQ415" s="137"/>
      <c r="AR415" s="137"/>
      <c r="AS415" s="137"/>
      <c r="AT415" s="137"/>
      <c r="AU415" s="137"/>
      <c r="AV415" s="137"/>
      <c r="AW415" s="144"/>
    </row>
    <row r="416" spans="7:49" x14ac:dyDescent="0.2">
      <c r="G416" s="43"/>
      <c r="Z416" s="143"/>
      <c r="AA416" s="137"/>
      <c r="AB416" s="137"/>
      <c r="AC416" s="137"/>
      <c r="AD416" s="137"/>
      <c r="AE416" s="137"/>
      <c r="AF416" s="137"/>
      <c r="AG416" s="137"/>
      <c r="AH416" s="137"/>
      <c r="AI416" s="137"/>
      <c r="AJ416" s="137"/>
      <c r="AK416" s="137"/>
      <c r="AL416" s="137"/>
      <c r="AM416" s="137"/>
      <c r="AN416" s="137"/>
      <c r="AO416" s="137"/>
      <c r="AP416" s="137"/>
      <c r="AQ416" s="137"/>
      <c r="AR416" s="137"/>
      <c r="AS416" s="137"/>
      <c r="AT416" s="137"/>
      <c r="AU416" s="137"/>
      <c r="AV416" s="137"/>
      <c r="AW416" s="144"/>
    </row>
    <row r="417" spans="7:49" x14ac:dyDescent="0.2">
      <c r="G417" s="43"/>
      <c r="Z417" s="143"/>
      <c r="AA417" s="137"/>
      <c r="AB417" s="137"/>
      <c r="AC417" s="137"/>
      <c r="AD417" s="137"/>
      <c r="AE417" s="137"/>
      <c r="AF417" s="137"/>
      <c r="AG417" s="137"/>
      <c r="AH417" s="137"/>
      <c r="AI417" s="137"/>
      <c r="AJ417" s="137"/>
      <c r="AK417" s="137"/>
      <c r="AL417" s="137"/>
      <c r="AM417" s="137"/>
      <c r="AN417" s="137"/>
      <c r="AO417" s="137"/>
      <c r="AP417" s="137"/>
      <c r="AQ417" s="137"/>
      <c r="AR417" s="137"/>
      <c r="AS417" s="137"/>
      <c r="AT417" s="137"/>
      <c r="AU417" s="137"/>
      <c r="AV417" s="137"/>
      <c r="AW417" s="144"/>
    </row>
    <row r="418" spans="7:49" x14ac:dyDescent="0.2">
      <c r="G418" s="43"/>
      <c r="Z418" s="143"/>
      <c r="AA418" s="137"/>
      <c r="AB418" s="137"/>
      <c r="AC418" s="137"/>
      <c r="AD418" s="137"/>
      <c r="AE418" s="137"/>
      <c r="AF418" s="137"/>
      <c r="AG418" s="137"/>
      <c r="AH418" s="137"/>
      <c r="AI418" s="137"/>
      <c r="AJ418" s="137"/>
      <c r="AK418" s="137"/>
      <c r="AL418" s="137"/>
      <c r="AM418" s="137"/>
      <c r="AN418" s="137"/>
      <c r="AO418" s="137"/>
      <c r="AP418" s="137"/>
      <c r="AQ418" s="137"/>
      <c r="AR418" s="137"/>
      <c r="AS418" s="137"/>
      <c r="AT418" s="137"/>
      <c r="AU418" s="137"/>
      <c r="AV418" s="137"/>
      <c r="AW418" s="144"/>
    </row>
    <row r="419" spans="7:49" x14ac:dyDescent="0.2">
      <c r="G419" s="43"/>
      <c r="Z419" s="143"/>
      <c r="AA419" s="137"/>
      <c r="AB419" s="137"/>
      <c r="AC419" s="137"/>
      <c r="AD419" s="137"/>
      <c r="AE419" s="137"/>
      <c r="AF419" s="137"/>
      <c r="AG419" s="137"/>
      <c r="AH419" s="137"/>
      <c r="AI419" s="137"/>
      <c r="AJ419" s="137"/>
      <c r="AK419" s="137"/>
      <c r="AL419" s="137"/>
      <c r="AM419" s="137"/>
      <c r="AN419" s="137"/>
      <c r="AO419" s="137"/>
      <c r="AP419" s="137"/>
      <c r="AQ419" s="137"/>
      <c r="AR419" s="137"/>
      <c r="AS419" s="137"/>
      <c r="AT419" s="137"/>
      <c r="AU419" s="137"/>
      <c r="AV419" s="137"/>
      <c r="AW419" s="144"/>
    </row>
    <row r="420" spans="7:49" x14ac:dyDescent="0.2">
      <c r="G420" s="43"/>
      <c r="Z420" s="143"/>
      <c r="AA420" s="137"/>
      <c r="AB420" s="137"/>
      <c r="AC420" s="137"/>
      <c r="AD420" s="137"/>
      <c r="AE420" s="137"/>
      <c r="AF420" s="137"/>
      <c r="AG420" s="137"/>
      <c r="AH420" s="137"/>
      <c r="AI420" s="137"/>
      <c r="AJ420" s="137"/>
      <c r="AK420" s="137"/>
      <c r="AL420" s="137"/>
      <c r="AM420" s="137"/>
      <c r="AN420" s="137"/>
      <c r="AO420" s="137"/>
      <c r="AP420" s="137"/>
      <c r="AQ420" s="137"/>
      <c r="AR420" s="137"/>
      <c r="AS420" s="137"/>
      <c r="AT420" s="137"/>
      <c r="AU420" s="137"/>
      <c r="AV420" s="137"/>
      <c r="AW420" s="144"/>
    </row>
    <row r="421" spans="7:49" x14ac:dyDescent="0.2">
      <c r="G421" s="43"/>
      <c r="Z421" s="143"/>
      <c r="AA421" s="137"/>
      <c r="AB421" s="137"/>
      <c r="AC421" s="137"/>
      <c r="AD421" s="137"/>
      <c r="AE421" s="137"/>
      <c r="AF421" s="137"/>
      <c r="AG421" s="137"/>
      <c r="AH421" s="137"/>
      <c r="AI421" s="137"/>
      <c r="AJ421" s="137"/>
      <c r="AK421" s="137"/>
      <c r="AL421" s="137"/>
      <c r="AM421" s="137"/>
      <c r="AN421" s="137"/>
      <c r="AO421" s="137"/>
      <c r="AP421" s="137"/>
      <c r="AQ421" s="137"/>
      <c r="AR421" s="137"/>
      <c r="AS421" s="137"/>
      <c r="AT421" s="137"/>
      <c r="AU421" s="137"/>
      <c r="AV421" s="137"/>
      <c r="AW421" s="144"/>
    </row>
    <row r="422" spans="7:49" x14ac:dyDescent="0.2">
      <c r="G422" s="43"/>
      <c r="Z422" s="143"/>
      <c r="AA422" s="137"/>
      <c r="AB422" s="137"/>
      <c r="AC422" s="137"/>
      <c r="AD422" s="137"/>
      <c r="AE422" s="137"/>
      <c r="AF422" s="137"/>
      <c r="AG422" s="137"/>
      <c r="AH422" s="137"/>
      <c r="AI422" s="137"/>
      <c r="AJ422" s="137"/>
      <c r="AK422" s="137"/>
      <c r="AL422" s="137"/>
      <c r="AM422" s="137"/>
      <c r="AN422" s="137"/>
      <c r="AO422" s="137"/>
      <c r="AP422" s="137"/>
      <c r="AQ422" s="137"/>
      <c r="AR422" s="137"/>
      <c r="AS422" s="137"/>
      <c r="AT422" s="137"/>
      <c r="AU422" s="137"/>
      <c r="AV422" s="137"/>
      <c r="AW422" s="144"/>
    </row>
    <row r="423" spans="7:49" x14ac:dyDescent="0.2">
      <c r="G423" s="43"/>
      <c r="Z423" s="143"/>
      <c r="AA423" s="137"/>
      <c r="AB423" s="137"/>
      <c r="AC423" s="137"/>
      <c r="AD423" s="137"/>
      <c r="AE423" s="137"/>
      <c r="AF423" s="137"/>
      <c r="AG423" s="137"/>
      <c r="AH423" s="137"/>
      <c r="AI423" s="137"/>
      <c r="AJ423" s="137"/>
      <c r="AK423" s="137"/>
      <c r="AL423" s="137"/>
      <c r="AM423" s="137"/>
      <c r="AN423" s="137"/>
      <c r="AO423" s="137"/>
      <c r="AP423" s="137"/>
      <c r="AQ423" s="137"/>
      <c r="AR423" s="137"/>
      <c r="AS423" s="137"/>
      <c r="AT423" s="137"/>
      <c r="AU423" s="137"/>
      <c r="AV423" s="137"/>
      <c r="AW423" s="144"/>
    </row>
    <row r="424" spans="7:49" x14ac:dyDescent="0.2">
      <c r="G424" s="43"/>
      <c r="Z424" s="143"/>
      <c r="AA424" s="137"/>
      <c r="AB424" s="137"/>
      <c r="AC424" s="137"/>
      <c r="AD424" s="137"/>
      <c r="AE424" s="137"/>
      <c r="AF424" s="137"/>
      <c r="AG424" s="137"/>
      <c r="AH424" s="137"/>
      <c r="AI424" s="137"/>
      <c r="AJ424" s="137"/>
      <c r="AK424" s="137"/>
      <c r="AL424" s="137"/>
      <c r="AM424" s="137"/>
      <c r="AN424" s="137"/>
      <c r="AO424" s="137"/>
      <c r="AP424" s="137"/>
      <c r="AQ424" s="137"/>
      <c r="AR424" s="137"/>
      <c r="AS424" s="137"/>
      <c r="AT424" s="137"/>
      <c r="AU424" s="137"/>
      <c r="AV424" s="137"/>
      <c r="AW424" s="144"/>
    </row>
    <row r="425" spans="7:49" x14ac:dyDescent="0.2">
      <c r="G425" s="43"/>
      <c r="Z425" s="143"/>
      <c r="AA425" s="137"/>
      <c r="AB425" s="137"/>
      <c r="AC425" s="137"/>
      <c r="AD425" s="137"/>
      <c r="AE425" s="137"/>
      <c r="AF425" s="137"/>
      <c r="AG425" s="137"/>
      <c r="AH425" s="137"/>
      <c r="AI425" s="137"/>
      <c r="AJ425" s="137"/>
      <c r="AK425" s="137"/>
      <c r="AL425" s="137"/>
      <c r="AM425" s="137"/>
      <c r="AN425" s="137"/>
      <c r="AO425" s="137"/>
      <c r="AP425" s="137"/>
      <c r="AQ425" s="137"/>
      <c r="AR425" s="137"/>
      <c r="AS425" s="137"/>
      <c r="AT425" s="137"/>
      <c r="AU425" s="137"/>
      <c r="AV425" s="137"/>
      <c r="AW425" s="144"/>
    </row>
    <row r="426" spans="7:49" x14ac:dyDescent="0.2">
      <c r="G426" s="43"/>
      <c r="Z426" s="143"/>
      <c r="AA426" s="137"/>
      <c r="AB426" s="137"/>
      <c r="AC426" s="137"/>
      <c r="AD426" s="137"/>
      <c r="AE426" s="137"/>
      <c r="AF426" s="137"/>
      <c r="AG426" s="137"/>
      <c r="AH426" s="137"/>
      <c r="AI426" s="137"/>
      <c r="AJ426" s="137"/>
      <c r="AK426" s="137"/>
      <c r="AL426" s="137"/>
      <c r="AM426" s="137"/>
      <c r="AN426" s="137"/>
      <c r="AO426" s="137"/>
      <c r="AP426" s="137"/>
      <c r="AQ426" s="137"/>
      <c r="AR426" s="137"/>
      <c r="AS426" s="137"/>
      <c r="AT426" s="137"/>
      <c r="AU426" s="137"/>
      <c r="AV426" s="137"/>
      <c r="AW426" s="144"/>
    </row>
    <row r="427" spans="7:49" x14ac:dyDescent="0.2">
      <c r="G427" s="43"/>
      <c r="Z427" s="143"/>
      <c r="AA427" s="137"/>
      <c r="AB427" s="137"/>
      <c r="AC427" s="137"/>
      <c r="AD427" s="137"/>
      <c r="AE427" s="137"/>
      <c r="AF427" s="137"/>
      <c r="AG427" s="137"/>
      <c r="AH427" s="137"/>
      <c r="AI427" s="137"/>
      <c r="AJ427" s="137"/>
      <c r="AK427" s="137"/>
      <c r="AL427" s="137"/>
      <c r="AM427" s="137"/>
      <c r="AN427" s="137"/>
      <c r="AO427" s="137"/>
      <c r="AP427" s="137"/>
      <c r="AQ427" s="137"/>
      <c r="AR427" s="137"/>
      <c r="AS427" s="137"/>
      <c r="AT427" s="137"/>
      <c r="AU427" s="137"/>
      <c r="AV427" s="137"/>
      <c r="AW427" s="144"/>
    </row>
    <row r="428" spans="7:49" x14ac:dyDescent="0.2">
      <c r="G428" s="43"/>
      <c r="Z428" s="143"/>
      <c r="AA428" s="137"/>
      <c r="AB428" s="137"/>
      <c r="AC428" s="137"/>
      <c r="AD428" s="137"/>
      <c r="AE428" s="137"/>
      <c r="AF428" s="137"/>
      <c r="AG428" s="137"/>
      <c r="AH428" s="137"/>
      <c r="AI428" s="137"/>
      <c r="AJ428" s="137"/>
      <c r="AK428" s="137"/>
      <c r="AL428" s="137"/>
      <c r="AM428" s="137"/>
      <c r="AN428" s="137"/>
      <c r="AO428" s="137"/>
      <c r="AP428" s="137"/>
      <c r="AQ428" s="137"/>
      <c r="AR428" s="137"/>
      <c r="AS428" s="137"/>
      <c r="AT428" s="137"/>
      <c r="AU428" s="137"/>
      <c r="AV428" s="137"/>
      <c r="AW428" s="144"/>
    </row>
    <row r="429" spans="7:49" x14ac:dyDescent="0.2">
      <c r="G429" s="43"/>
      <c r="Z429" s="143"/>
      <c r="AA429" s="137"/>
      <c r="AB429" s="137"/>
      <c r="AC429" s="137"/>
      <c r="AD429" s="137"/>
      <c r="AE429" s="137"/>
      <c r="AF429" s="137"/>
      <c r="AG429" s="137"/>
      <c r="AH429" s="137"/>
      <c r="AI429" s="137"/>
      <c r="AJ429" s="137"/>
      <c r="AK429" s="137"/>
      <c r="AL429" s="137"/>
      <c r="AM429" s="137"/>
      <c r="AN429" s="137"/>
      <c r="AO429" s="137"/>
      <c r="AP429" s="137"/>
      <c r="AQ429" s="137"/>
      <c r="AR429" s="137"/>
      <c r="AS429" s="137"/>
      <c r="AT429" s="137"/>
      <c r="AU429" s="137"/>
      <c r="AV429" s="137"/>
      <c r="AW429" s="144"/>
    </row>
    <row r="430" spans="7:49" x14ac:dyDescent="0.2">
      <c r="G430" s="43"/>
      <c r="Z430" s="143"/>
      <c r="AA430" s="137"/>
      <c r="AB430" s="137"/>
      <c r="AC430" s="137"/>
      <c r="AD430" s="137"/>
      <c r="AE430" s="137"/>
      <c r="AF430" s="137"/>
      <c r="AG430" s="137"/>
      <c r="AH430" s="137"/>
      <c r="AI430" s="137"/>
      <c r="AJ430" s="137"/>
      <c r="AK430" s="137"/>
      <c r="AL430" s="137"/>
      <c r="AM430" s="137"/>
      <c r="AN430" s="137"/>
      <c r="AO430" s="137"/>
      <c r="AP430" s="137"/>
      <c r="AQ430" s="137"/>
      <c r="AR430" s="137"/>
      <c r="AS430" s="137"/>
      <c r="AT430" s="137"/>
      <c r="AU430" s="137"/>
      <c r="AV430" s="137"/>
      <c r="AW430" s="144"/>
    </row>
    <row r="431" spans="7:49" x14ac:dyDescent="0.2">
      <c r="G431" s="43"/>
      <c r="Z431" s="143"/>
      <c r="AA431" s="137"/>
      <c r="AB431" s="137"/>
      <c r="AC431" s="137"/>
      <c r="AD431" s="137"/>
      <c r="AE431" s="137"/>
      <c r="AF431" s="137"/>
      <c r="AG431" s="137"/>
      <c r="AH431" s="137"/>
      <c r="AI431" s="137"/>
      <c r="AJ431" s="137"/>
      <c r="AK431" s="137"/>
      <c r="AL431" s="137"/>
      <c r="AM431" s="137"/>
      <c r="AN431" s="137"/>
      <c r="AO431" s="137"/>
      <c r="AP431" s="137"/>
      <c r="AQ431" s="137"/>
      <c r="AR431" s="137"/>
      <c r="AS431" s="137"/>
      <c r="AT431" s="137"/>
      <c r="AU431" s="137"/>
      <c r="AV431" s="137"/>
      <c r="AW431" s="144"/>
    </row>
    <row r="432" spans="7:49" x14ac:dyDescent="0.2">
      <c r="G432" s="43"/>
      <c r="Z432" s="143"/>
      <c r="AA432" s="137"/>
      <c r="AB432" s="137"/>
      <c r="AC432" s="137"/>
      <c r="AD432" s="137"/>
      <c r="AE432" s="137"/>
      <c r="AF432" s="137"/>
      <c r="AG432" s="137"/>
      <c r="AH432" s="137"/>
      <c r="AI432" s="137"/>
      <c r="AJ432" s="137"/>
      <c r="AK432" s="137"/>
      <c r="AL432" s="137"/>
      <c r="AM432" s="137"/>
      <c r="AN432" s="137"/>
      <c r="AO432" s="137"/>
      <c r="AP432" s="137"/>
      <c r="AQ432" s="137"/>
      <c r="AR432" s="137"/>
      <c r="AS432" s="137"/>
      <c r="AT432" s="137"/>
      <c r="AU432" s="137"/>
      <c r="AV432" s="137"/>
      <c r="AW432" s="144"/>
    </row>
    <row r="433" spans="7:49" x14ac:dyDescent="0.2">
      <c r="G433" s="43"/>
      <c r="Z433" s="143"/>
      <c r="AA433" s="137"/>
      <c r="AB433" s="137"/>
      <c r="AC433" s="137"/>
      <c r="AD433" s="137"/>
      <c r="AE433" s="137"/>
      <c r="AF433" s="137"/>
      <c r="AG433" s="137"/>
      <c r="AH433" s="137"/>
      <c r="AI433" s="137"/>
      <c r="AJ433" s="137"/>
      <c r="AK433" s="137"/>
      <c r="AL433" s="137"/>
      <c r="AM433" s="137"/>
      <c r="AN433" s="137"/>
      <c r="AO433" s="137"/>
      <c r="AP433" s="137"/>
      <c r="AQ433" s="137"/>
      <c r="AR433" s="137"/>
      <c r="AS433" s="137"/>
      <c r="AT433" s="137"/>
      <c r="AU433" s="137"/>
      <c r="AV433" s="137"/>
      <c r="AW433" s="144"/>
    </row>
    <row r="434" spans="7:49" x14ac:dyDescent="0.2">
      <c r="G434" s="43"/>
      <c r="Z434" s="143"/>
      <c r="AA434" s="137"/>
      <c r="AB434" s="137"/>
      <c r="AC434" s="137"/>
      <c r="AD434" s="137"/>
      <c r="AE434" s="137"/>
      <c r="AF434" s="137"/>
      <c r="AG434" s="137"/>
      <c r="AH434" s="137"/>
      <c r="AI434" s="137"/>
      <c r="AJ434" s="137"/>
      <c r="AK434" s="137"/>
      <c r="AL434" s="137"/>
      <c r="AM434" s="137"/>
      <c r="AN434" s="137"/>
      <c r="AO434" s="137"/>
      <c r="AP434" s="137"/>
      <c r="AQ434" s="137"/>
      <c r="AR434" s="137"/>
      <c r="AS434" s="137"/>
      <c r="AT434" s="137"/>
      <c r="AU434" s="137"/>
      <c r="AV434" s="137"/>
      <c r="AW434" s="144"/>
    </row>
    <row r="435" spans="7:49" x14ac:dyDescent="0.2">
      <c r="G435" s="43"/>
      <c r="Z435" s="143"/>
      <c r="AA435" s="137"/>
      <c r="AB435" s="137"/>
      <c r="AC435" s="137"/>
      <c r="AD435" s="137"/>
      <c r="AE435" s="137"/>
      <c r="AF435" s="137"/>
      <c r="AG435" s="137"/>
      <c r="AH435" s="137"/>
      <c r="AI435" s="137"/>
      <c r="AJ435" s="137"/>
      <c r="AK435" s="137"/>
      <c r="AL435" s="137"/>
      <c r="AM435" s="137"/>
      <c r="AN435" s="137"/>
      <c r="AO435" s="137"/>
      <c r="AP435" s="137"/>
      <c r="AQ435" s="137"/>
      <c r="AR435" s="137"/>
      <c r="AS435" s="137"/>
      <c r="AT435" s="137"/>
      <c r="AU435" s="137"/>
      <c r="AV435" s="137"/>
      <c r="AW435" s="144"/>
    </row>
    <row r="436" spans="7:49" x14ac:dyDescent="0.2">
      <c r="G436" s="43"/>
      <c r="Z436" s="143"/>
      <c r="AA436" s="137"/>
      <c r="AB436" s="137"/>
      <c r="AC436" s="137"/>
      <c r="AD436" s="137"/>
      <c r="AE436" s="137"/>
      <c r="AF436" s="137"/>
      <c r="AG436" s="137"/>
      <c r="AH436" s="137"/>
      <c r="AI436" s="137"/>
      <c r="AJ436" s="137"/>
      <c r="AK436" s="137"/>
      <c r="AL436" s="137"/>
      <c r="AM436" s="137"/>
      <c r="AN436" s="137"/>
      <c r="AO436" s="137"/>
      <c r="AP436" s="137"/>
      <c r="AQ436" s="137"/>
      <c r="AR436" s="137"/>
      <c r="AS436" s="137"/>
      <c r="AT436" s="137"/>
      <c r="AU436" s="137"/>
      <c r="AV436" s="137"/>
      <c r="AW436" s="144"/>
    </row>
    <row r="437" spans="7:49" x14ac:dyDescent="0.2">
      <c r="G437" s="43"/>
      <c r="Z437" s="143"/>
      <c r="AA437" s="137"/>
      <c r="AB437" s="137"/>
      <c r="AC437" s="137"/>
      <c r="AD437" s="137"/>
      <c r="AE437" s="137"/>
      <c r="AF437" s="137"/>
      <c r="AG437" s="137"/>
      <c r="AH437" s="137"/>
      <c r="AI437" s="137"/>
      <c r="AJ437" s="137"/>
      <c r="AK437" s="137"/>
      <c r="AL437" s="137"/>
      <c r="AM437" s="137"/>
      <c r="AN437" s="137"/>
      <c r="AO437" s="137"/>
      <c r="AP437" s="137"/>
      <c r="AQ437" s="137"/>
      <c r="AR437" s="137"/>
      <c r="AS437" s="137"/>
      <c r="AT437" s="137"/>
      <c r="AU437" s="137"/>
      <c r="AV437" s="137"/>
      <c r="AW437" s="144"/>
    </row>
    <row r="438" spans="7:49" x14ac:dyDescent="0.2">
      <c r="G438" s="43"/>
      <c r="Z438" s="143"/>
      <c r="AA438" s="137"/>
      <c r="AB438" s="137"/>
      <c r="AC438" s="137"/>
      <c r="AD438" s="137"/>
      <c r="AE438" s="137"/>
      <c r="AF438" s="137"/>
      <c r="AG438" s="137"/>
      <c r="AH438" s="137"/>
      <c r="AI438" s="137"/>
      <c r="AJ438" s="137"/>
      <c r="AK438" s="137"/>
      <c r="AL438" s="137"/>
      <c r="AM438" s="137"/>
      <c r="AN438" s="137"/>
      <c r="AO438" s="137"/>
      <c r="AP438" s="137"/>
      <c r="AQ438" s="137"/>
      <c r="AR438" s="137"/>
      <c r="AS438" s="137"/>
      <c r="AT438" s="137"/>
      <c r="AU438" s="137"/>
      <c r="AV438" s="137"/>
      <c r="AW438" s="144"/>
    </row>
    <row r="439" spans="7:49" x14ac:dyDescent="0.2">
      <c r="G439" s="43"/>
      <c r="Z439" s="143"/>
      <c r="AA439" s="137"/>
      <c r="AB439" s="137"/>
      <c r="AC439" s="137"/>
      <c r="AD439" s="137"/>
      <c r="AE439" s="137"/>
      <c r="AF439" s="137"/>
      <c r="AG439" s="137"/>
      <c r="AH439" s="137"/>
      <c r="AI439" s="137"/>
      <c r="AJ439" s="137"/>
      <c r="AK439" s="137"/>
      <c r="AL439" s="137"/>
      <c r="AM439" s="137"/>
      <c r="AN439" s="137"/>
      <c r="AO439" s="137"/>
      <c r="AP439" s="137"/>
      <c r="AQ439" s="137"/>
      <c r="AR439" s="137"/>
      <c r="AS439" s="137"/>
      <c r="AT439" s="137"/>
      <c r="AU439" s="137"/>
      <c r="AV439" s="137"/>
      <c r="AW439" s="144"/>
    </row>
    <row r="440" spans="7:49" x14ac:dyDescent="0.2">
      <c r="G440" s="43"/>
      <c r="Z440" s="143"/>
      <c r="AA440" s="137"/>
      <c r="AB440" s="137"/>
      <c r="AC440" s="137"/>
      <c r="AD440" s="137"/>
      <c r="AE440" s="137"/>
      <c r="AF440" s="137"/>
      <c r="AG440" s="137"/>
      <c r="AH440" s="137"/>
      <c r="AI440" s="137"/>
      <c r="AJ440" s="137"/>
      <c r="AK440" s="137"/>
      <c r="AL440" s="137"/>
      <c r="AM440" s="137"/>
      <c r="AN440" s="137"/>
      <c r="AO440" s="137"/>
      <c r="AP440" s="137"/>
      <c r="AQ440" s="137"/>
      <c r="AR440" s="137"/>
      <c r="AS440" s="137"/>
      <c r="AT440" s="137"/>
      <c r="AU440" s="137"/>
      <c r="AV440" s="137"/>
      <c r="AW440" s="144"/>
    </row>
    <row r="441" spans="7:49" x14ac:dyDescent="0.2">
      <c r="G441" s="43"/>
      <c r="Z441" s="143"/>
      <c r="AA441" s="137"/>
      <c r="AB441" s="137"/>
      <c r="AC441" s="137"/>
      <c r="AD441" s="137"/>
      <c r="AE441" s="137"/>
      <c r="AF441" s="137"/>
      <c r="AG441" s="137"/>
      <c r="AH441" s="137"/>
      <c r="AI441" s="137"/>
      <c r="AJ441" s="137"/>
      <c r="AK441" s="137"/>
      <c r="AL441" s="137"/>
      <c r="AM441" s="137"/>
      <c r="AN441" s="137"/>
      <c r="AO441" s="137"/>
      <c r="AP441" s="137"/>
      <c r="AQ441" s="137"/>
      <c r="AR441" s="137"/>
      <c r="AS441" s="137"/>
      <c r="AT441" s="137"/>
      <c r="AU441" s="137"/>
      <c r="AV441" s="137"/>
      <c r="AW441" s="144"/>
    </row>
    <row r="442" spans="7:49" x14ac:dyDescent="0.2">
      <c r="G442" s="43"/>
      <c r="Z442" s="143"/>
      <c r="AA442" s="137"/>
      <c r="AB442" s="137"/>
      <c r="AC442" s="137"/>
      <c r="AD442" s="137"/>
      <c r="AE442" s="137"/>
      <c r="AF442" s="137"/>
      <c r="AG442" s="137"/>
      <c r="AH442" s="137"/>
      <c r="AI442" s="137"/>
      <c r="AJ442" s="137"/>
      <c r="AK442" s="137"/>
      <c r="AL442" s="137"/>
      <c r="AM442" s="137"/>
      <c r="AN442" s="137"/>
      <c r="AO442" s="137"/>
      <c r="AP442" s="137"/>
      <c r="AQ442" s="137"/>
      <c r="AR442" s="137"/>
      <c r="AS442" s="137"/>
      <c r="AT442" s="137"/>
      <c r="AU442" s="137"/>
      <c r="AV442" s="137"/>
      <c r="AW442" s="144"/>
    </row>
    <row r="443" spans="7:49" x14ac:dyDescent="0.2">
      <c r="G443" s="43"/>
      <c r="Z443" s="143"/>
      <c r="AA443" s="137"/>
      <c r="AB443" s="137"/>
      <c r="AC443" s="137"/>
      <c r="AD443" s="137"/>
      <c r="AE443" s="137"/>
      <c r="AF443" s="137"/>
      <c r="AG443" s="137"/>
      <c r="AH443" s="137"/>
      <c r="AI443" s="137"/>
      <c r="AJ443" s="137"/>
      <c r="AK443" s="137"/>
      <c r="AL443" s="137"/>
      <c r="AM443" s="137"/>
      <c r="AN443" s="137"/>
      <c r="AO443" s="137"/>
      <c r="AP443" s="137"/>
      <c r="AQ443" s="137"/>
      <c r="AR443" s="137"/>
      <c r="AS443" s="137"/>
      <c r="AT443" s="137"/>
      <c r="AU443" s="137"/>
      <c r="AV443" s="137"/>
      <c r="AW443" s="144"/>
    </row>
    <row r="444" spans="7:49" x14ac:dyDescent="0.2">
      <c r="G444" s="43"/>
      <c r="Z444" s="143"/>
      <c r="AA444" s="137"/>
      <c r="AB444" s="137"/>
      <c r="AC444" s="137"/>
      <c r="AD444" s="137"/>
      <c r="AE444" s="137"/>
      <c r="AF444" s="137"/>
      <c r="AG444" s="137"/>
      <c r="AH444" s="137"/>
      <c r="AI444" s="137"/>
      <c r="AJ444" s="137"/>
      <c r="AK444" s="137"/>
      <c r="AL444" s="137"/>
      <c r="AM444" s="137"/>
      <c r="AN444" s="137"/>
      <c r="AO444" s="137"/>
      <c r="AP444" s="137"/>
      <c r="AQ444" s="137"/>
      <c r="AR444" s="137"/>
      <c r="AS444" s="137"/>
      <c r="AT444" s="137"/>
      <c r="AU444" s="137"/>
      <c r="AV444" s="137"/>
      <c r="AW444" s="144"/>
    </row>
    <row r="445" spans="7:49" x14ac:dyDescent="0.2">
      <c r="G445" s="43"/>
      <c r="Z445" s="143"/>
      <c r="AA445" s="137"/>
      <c r="AB445" s="137"/>
      <c r="AC445" s="137"/>
      <c r="AD445" s="137"/>
      <c r="AE445" s="137"/>
      <c r="AF445" s="137"/>
      <c r="AG445" s="137"/>
      <c r="AH445" s="137"/>
      <c r="AI445" s="137"/>
      <c r="AJ445" s="137"/>
      <c r="AK445" s="137"/>
      <c r="AL445" s="137"/>
      <c r="AM445" s="137"/>
      <c r="AN445" s="137"/>
      <c r="AO445" s="137"/>
      <c r="AP445" s="137"/>
      <c r="AQ445" s="137"/>
      <c r="AR445" s="137"/>
      <c r="AS445" s="137"/>
      <c r="AT445" s="137"/>
      <c r="AU445" s="137"/>
      <c r="AV445" s="137"/>
      <c r="AW445" s="144"/>
    </row>
    <row r="446" spans="7:49" x14ac:dyDescent="0.2">
      <c r="G446" s="43"/>
      <c r="Z446" s="143"/>
      <c r="AA446" s="137"/>
      <c r="AB446" s="137"/>
      <c r="AC446" s="137"/>
      <c r="AD446" s="137"/>
      <c r="AE446" s="137"/>
      <c r="AF446" s="137"/>
      <c r="AG446" s="137"/>
      <c r="AH446" s="137"/>
      <c r="AI446" s="137"/>
      <c r="AJ446" s="137"/>
      <c r="AK446" s="137"/>
      <c r="AL446" s="137"/>
      <c r="AM446" s="137"/>
      <c r="AN446" s="137"/>
      <c r="AO446" s="137"/>
      <c r="AP446" s="137"/>
      <c r="AQ446" s="137"/>
      <c r="AR446" s="137"/>
      <c r="AS446" s="137"/>
      <c r="AT446" s="137"/>
      <c r="AU446" s="137"/>
      <c r="AV446" s="137"/>
      <c r="AW446" s="144"/>
    </row>
    <row r="447" spans="7:49" x14ac:dyDescent="0.2">
      <c r="G447" s="43"/>
      <c r="Z447" s="143"/>
      <c r="AA447" s="137"/>
      <c r="AB447" s="137"/>
      <c r="AC447" s="137"/>
      <c r="AD447" s="137"/>
      <c r="AE447" s="137"/>
      <c r="AF447" s="137"/>
      <c r="AG447" s="137"/>
      <c r="AH447" s="137"/>
      <c r="AI447" s="137"/>
      <c r="AJ447" s="137"/>
      <c r="AK447" s="137"/>
      <c r="AL447" s="137"/>
      <c r="AM447" s="137"/>
      <c r="AN447" s="137"/>
      <c r="AO447" s="137"/>
      <c r="AP447" s="137"/>
      <c r="AQ447" s="137"/>
      <c r="AR447" s="137"/>
      <c r="AS447" s="137"/>
      <c r="AT447" s="137"/>
      <c r="AU447" s="137"/>
      <c r="AV447" s="137"/>
      <c r="AW447" s="144"/>
    </row>
    <row r="448" spans="7:49" x14ac:dyDescent="0.2">
      <c r="G448" s="43"/>
      <c r="Z448" s="143"/>
      <c r="AA448" s="137"/>
      <c r="AB448" s="137"/>
      <c r="AC448" s="137"/>
      <c r="AD448" s="137"/>
      <c r="AE448" s="137"/>
      <c r="AF448" s="137"/>
      <c r="AG448" s="137"/>
      <c r="AH448" s="137"/>
      <c r="AI448" s="137"/>
      <c r="AJ448" s="137"/>
      <c r="AK448" s="137"/>
      <c r="AL448" s="137"/>
      <c r="AM448" s="137"/>
      <c r="AN448" s="137"/>
      <c r="AO448" s="137"/>
      <c r="AP448" s="137"/>
      <c r="AQ448" s="137"/>
      <c r="AR448" s="137"/>
      <c r="AS448" s="137"/>
      <c r="AT448" s="137"/>
      <c r="AU448" s="137"/>
      <c r="AV448" s="137"/>
      <c r="AW448" s="144"/>
    </row>
    <row r="449" spans="7:49" x14ac:dyDescent="0.2">
      <c r="G449" s="43"/>
      <c r="Z449" s="143"/>
      <c r="AA449" s="137"/>
      <c r="AB449" s="137"/>
      <c r="AC449" s="137"/>
      <c r="AD449" s="137"/>
      <c r="AE449" s="137"/>
      <c r="AF449" s="137"/>
      <c r="AG449" s="137"/>
      <c r="AH449" s="137"/>
      <c r="AI449" s="137"/>
      <c r="AJ449" s="137"/>
      <c r="AK449" s="137"/>
      <c r="AL449" s="137"/>
      <c r="AM449" s="137"/>
      <c r="AN449" s="137"/>
      <c r="AO449" s="137"/>
      <c r="AP449" s="137"/>
      <c r="AQ449" s="137"/>
      <c r="AR449" s="137"/>
      <c r="AS449" s="137"/>
      <c r="AT449" s="137"/>
      <c r="AU449" s="137"/>
      <c r="AV449" s="137"/>
      <c r="AW449" s="144"/>
    </row>
    <row r="450" spans="7:49" x14ac:dyDescent="0.2">
      <c r="G450" s="43"/>
      <c r="Z450" s="143"/>
      <c r="AA450" s="137"/>
      <c r="AB450" s="137"/>
      <c r="AC450" s="137"/>
      <c r="AD450" s="137"/>
      <c r="AE450" s="137"/>
      <c r="AF450" s="137"/>
      <c r="AG450" s="137"/>
      <c r="AH450" s="137"/>
      <c r="AI450" s="137"/>
      <c r="AJ450" s="137"/>
      <c r="AK450" s="137"/>
      <c r="AL450" s="137"/>
      <c r="AM450" s="137"/>
      <c r="AN450" s="137"/>
      <c r="AO450" s="137"/>
      <c r="AP450" s="137"/>
      <c r="AQ450" s="137"/>
      <c r="AR450" s="137"/>
      <c r="AS450" s="137"/>
      <c r="AT450" s="137"/>
      <c r="AU450" s="137"/>
      <c r="AV450" s="137"/>
      <c r="AW450" s="144"/>
    </row>
    <row r="451" spans="7:49" x14ac:dyDescent="0.2">
      <c r="G451" s="43"/>
      <c r="Z451" s="143"/>
      <c r="AA451" s="137"/>
      <c r="AB451" s="137"/>
      <c r="AC451" s="137"/>
      <c r="AD451" s="137"/>
      <c r="AE451" s="137"/>
      <c r="AF451" s="137"/>
      <c r="AG451" s="137"/>
      <c r="AH451" s="137"/>
      <c r="AI451" s="137"/>
      <c r="AJ451" s="137"/>
      <c r="AK451" s="137"/>
      <c r="AL451" s="137"/>
      <c r="AM451" s="137"/>
      <c r="AN451" s="137"/>
      <c r="AO451" s="137"/>
      <c r="AP451" s="137"/>
      <c r="AQ451" s="137"/>
      <c r="AR451" s="137"/>
      <c r="AS451" s="137"/>
      <c r="AT451" s="137"/>
      <c r="AU451" s="137"/>
      <c r="AV451" s="137"/>
      <c r="AW451" s="144"/>
    </row>
    <row r="452" spans="7:49" x14ac:dyDescent="0.2">
      <c r="G452" s="43"/>
      <c r="Z452" s="143"/>
      <c r="AA452" s="137"/>
      <c r="AB452" s="137"/>
      <c r="AC452" s="137"/>
      <c r="AD452" s="137"/>
      <c r="AE452" s="137"/>
      <c r="AF452" s="137"/>
      <c r="AG452" s="137"/>
      <c r="AH452" s="137"/>
      <c r="AI452" s="137"/>
      <c r="AJ452" s="137"/>
      <c r="AK452" s="137"/>
      <c r="AL452" s="137"/>
      <c r="AM452" s="137"/>
      <c r="AN452" s="137"/>
      <c r="AO452" s="137"/>
      <c r="AP452" s="137"/>
      <c r="AQ452" s="137"/>
      <c r="AR452" s="137"/>
      <c r="AS452" s="137"/>
      <c r="AT452" s="137"/>
      <c r="AU452" s="137"/>
      <c r="AV452" s="137"/>
      <c r="AW452" s="144"/>
    </row>
    <row r="453" spans="7:49" x14ac:dyDescent="0.2">
      <c r="G453" s="43"/>
      <c r="Z453" s="143"/>
      <c r="AA453" s="137"/>
      <c r="AB453" s="137"/>
      <c r="AC453" s="137"/>
      <c r="AD453" s="137"/>
      <c r="AE453" s="137"/>
      <c r="AF453" s="137"/>
      <c r="AG453" s="137"/>
      <c r="AH453" s="137"/>
      <c r="AI453" s="137"/>
      <c r="AJ453" s="137"/>
      <c r="AK453" s="137"/>
      <c r="AL453" s="137"/>
      <c r="AM453" s="137"/>
      <c r="AN453" s="137"/>
      <c r="AO453" s="137"/>
      <c r="AP453" s="137"/>
      <c r="AQ453" s="137"/>
      <c r="AR453" s="137"/>
      <c r="AS453" s="137"/>
      <c r="AT453" s="137"/>
      <c r="AU453" s="137"/>
      <c r="AV453" s="137"/>
      <c r="AW453" s="144"/>
    </row>
    <row r="454" spans="7:49" x14ac:dyDescent="0.2">
      <c r="G454" s="43"/>
      <c r="Z454" s="143"/>
      <c r="AA454" s="137"/>
      <c r="AB454" s="137"/>
      <c r="AC454" s="137"/>
      <c r="AD454" s="137"/>
      <c r="AE454" s="137"/>
      <c r="AF454" s="137"/>
      <c r="AG454" s="137"/>
      <c r="AH454" s="137"/>
      <c r="AI454" s="137"/>
      <c r="AJ454" s="137"/>
      <c r="AK454" s="137"/>
      <c r="AL454" s="137"/>
      <c r="AM454" s="137"/>
      <c r="AN454" s="137"/>
      <c r="AO454" s="137"/>
      <c r="AP454" s="137"/>
      <c r="AQ454" s="137"/>
      <c r="AR454" s="137"/>
      <c r="AS454" s="137"/>
      <c r="AT454" s="137"/>
      <c r="AU454" s="137"/>
      <c r="AV454" s="137"/>
      <c r="AW454" s="144"/>
    </row>
    <row r="455" spans="7:49" x14ac:dyDescent="0.2">
      <c r="G455" s="43"/>
      <c r="Z455" s="143"/>
      <c r="AA455" s="137"/>
      <c r="AB455" s="137"/>
      <c r="AC455" s="137"/>
      <c r="AD455" s="137"/>
      <c r="AE455" s="137"/>
      <c r="AF455" s="137"/>
      <c r="AG455" s="137"/>
      <c r="AH455" s="137"/>
      <c r="AI455" s="137"/>
      <c r="AJ455" s="137"/>
      <c r="AK455" s="137"/>
      <c r="AL455" s="137"/>
      <c r="AM455" s="137"/>
      <c r="AN455" s="137"/>
      <c r="AO455" s="137"/>
      <c r="AP455" s="137"/>
      <c r="AQ455" s="137"/>
      <c r="AR455" s="137"/>
      <c r="AS455" s="137"/>
      <c r="AT455" s="137"/>
      <c r="AU455" s="137"/>
      <c r="AV455" s="137"/>
      <c r="AW455" s="144"/>
    </row>
    <row r="456" spans="7:49" x14ac:dyDescent="0.2">
      <c r="G456" s="43"/>
      <c r="Z456" s="143"/>
      <c r="AA456" s="137"/>
      <c r="AB456" s="137"/>
      <c r="AC456" s="137"/>
      <c r="AD456" s="137"/>
      <c r="AE456" s="137"/>
      <c r="AF456" s="137"/>
      <c r="AG456" s="137"/>
      <c r="AH456" s="137"/>
      <c r="AI456" s="137"/>
      <c r="AJ456" s="137"/>
      <c r="AK456" s="137"/>
      <c r="AL456" s="137"/>
      <c r="AM456" s="137"/>
      <c r="AN456" s="137"/>
      <c r="AO456" s="137"/>
      <c r="AP456" s="137"/>
      <c r="AQ456" s="137"/>
      <c r="AR456" s="137"/>
      <c r="AS456" s="137"/>
      <c r="AT456" s="137"/>
      <c r="AU456" s="137"/>
      <c r="AV456" s="137"/>
      <c r="AW456" s="144"/>
    </row>
    <row r="457" spans="7:49" x14ac:dyDescent="0.2">
      <c r="G457" s="43"/>
      <c r="Z457" s="143"/>
      <c r="AA457" s="137"/>
      <c r="AB457" s="137"/>
      <c r="AC457" s="137"/>
      <c r="AD457" s="137"/>
      <c r="AE457" s="137"/>
      <c r="AF457" s="137"/>
      <c r="AG457" s="137"/>
      <c r="AH457" s="137"/>
      <c r="AI457" s="137"/>
      <c r="AJ457" s="137"/>
      <c r="AK457" s="137"/>
      <c r="AL457" s="137"/>
      <c r="AM457" s="137"/>
      <c r="AN457" s="137"/>
      <c r="AO457" s="137"/>
      <c r="AP457" s="137"/>
      <c r="AQ457" s="137"/>
      <c r="AR457" s="137"/>
      <c r="AS457" s="137"/>
      <c r="AT457" s="137"/>
      <c r="AU457" s="137"/>
      <c r="AV457" s="137"/>
      <c r="AW457" s="144"/>
    </row>
    <row r="458" spans="7:49" x14ac:dyDescent="0.2">
      <c r="G458" s="43"/>
      <c r="Z458" s="143"/>
      <c r="AA458" s="137"/>
      <c r="AB458" s="137"/>
      <c r="AC458" s="137"/>
      <c r="AD458" s="137"/>
      <c r="AE458" s="137"/>
      <c r="AF458" s="137"/>
      <c r="AG458" s="137"/>
      <c r="AH458" s="137"/>
      <c r="AI458" s="137"/>
      <c r="AJ458" s="137"/>
      <c r="AK458" s="137"/>
      <c r="AL458" s="137"/>
      <c r="AM458" s="137"/>
      <c r="AN458" s="137"/>
      <c r="AO458" s="137"/>
      <c r="AP458" s="137"/>
      <c r="AQ458" s="137"/>
      <c r="AR458" s="137"/>
      <c r="AS458" s="137"/>
      <c r="AT458" s="137"/>
      <c r="AU458" s="137"/>
      <c r="AV458" s="137"/>
      <c r="AW458" s="144"/>
    </row>
    <row r="459" spans="7:49" x14ac:dyDescent="0.2">
      <c r="G459" s="43"/>
      <c r="Z459" s="143"/>
      <c r="AA459" s="137"/>
      <c r="AB459" s="137"/>
      <c r="AC459" s="137"/>
      <c r="AD459" s="137"/>
      <c r="AE459" s="137"/>
      <c r="AF459" s="137"/>
      <c r="AG459" s="137"/>
      <c r="AH459" s="137"/>
      <c r="AI459" s="137"/>
      <c r="AJ459" s="137"/>
      <c r="AK459" s="137"/>
      <c r="AL459" s="137"/>
      <c r="AM459" s="137"/>
      <c r="AN459" s="137"/>
      <c r="AO459" s="137"/>
      <c r="AP459" s="137"/>
      <c r="AQ459" s="137"/>
      <c r="AR459" s="137"/>
      <c r="AS459" s="137"/>
      <c r="AT459" s="137"/>
      <c r="AU459" s="137"/>
      <c r="AV459" s="137"/>
      <c r="AW459" s="144"/>
    </row>
    <row r="460" spans="7:49" x14ac:dyDescent="0.2">
      <c r="G460" s="43"/>
      <c r="Z460" s="143"/>
      <c r="AA460" s="137"/>
      <c r="AB460" s="137"/>
      <c r="AC460" s="137"/>
      <c r="AD460" s="137"/>
      <c r="AE460" s="137"/>
      <c r="AF460" s="137"/>
      <c r="AG460" s="137"/>
      <c r="AH460" s="137"/>
      <c r="AI460" s="137"/>
      <c r="AJ460" s="137"/>
      <c r="AK460" s="137"/>
      <c r="AL460" s="137"/>
      <c r="AM460" s="137"/>
      <c r="AN460" s="137"/>
      <c r="AO460" s="137"/>
      <c r="AP460" s="137"/>
      <c r="AQ460" s="137"/>
      <c r="AR460" s="137"/>
      <c r="AS460" s="137"/>
      <c r="AT460" s="137"/>
      <c r="AU460" s="137"/>
      <c r="AV460" s="137"/>
      <c r="AW460" s="144"/>
    </row>
    <row r="461" spans="7:49" x14ac:dyDescent="0.2">
      <c r="G461" s="43"/>
      <c r="Z461" s="143"/>
      <c r="AA461" s="137"/>
      <c r="AB461" s="137"/>
      <c r="AC461" s="137"/>
      <c r="AD461" s="137"/>
      <c r="AE461" s="137"/>
      <c r="AF461" s="137"/>
      <c r="AG461" s="137"/>
      <c r="AH461" s="137"/>
      <c r="AI461" s="137"/>
      <c r="AJ461" s="137"/>
      <c r="AK461" s="137"/>
      <c r="AL461" s="137"/>
      <c r="AM461" s="137"/>
      <c r="AN461" s="137"/>
      <c r="AO461" s="137"/>
      <c r="AP461" s="137"/>
      <c r="AQ461" s="137"/>
      <c r="AR461" s="137"/>
      <c r="AS461" s="137"/>
      <c r="AT461" s="137"/>
      <c r="AU461" s="137"/>
      <c r="AV461" s="137"/>
      <c r="AW461" s="144"/>
    </row>
    <row r="462" spans="7:49" x14ac:dyDescent="0.2">
      <c r="G462" s="43"/>
      <c r="Z462" s="143"/>
      <c r="AA462" s="137"/>
      <c r="AB462" s="137"/>
      <c r="AC462" s="137"/>
      <c r="AD462" s="137"/>
      <c r="AE462" s="137"/>
      <c r="AF462" s="137"/>
      <c r="AG462" s="137"/>
      <c r="AH462" s="137"/>
      <c r="AI462" s="137"/>
      <c r="AJ462" s="137"/>
      <c r="AK462" s="137"/>
      <c r="AL462" s="137"/>
      <c r="AM462" s="137"/>
      <c r="AN462" s="137"/>
      <c r="AO462" s="137"/>
      <c r="AP462" s="137"/>
      <c r="AQ462" s="137"/>
      <c r="AR462" s="137"/>
      <c r="AS462" s="137"/>
      <c r="AT462" s="137"/>
      <c r="AU462" s="137"/>
      <c r="AV462" s="137"/>
      <c r="AW462" s="144"/>
    </row>
    <row r="463" spans="7:49" x14ac:dyDescent="0.2">
      <c r="G463" s="43"/>
      <c r="Z463" s="143"/>
      <c r="AA463" s="137"/>
      <c r="AB463" s="137"/>
      <c r="AC463" s="137"/>
      <c r="AD463" s="137"/>
      <c r="AE463" s="137"/>
      <c r="AF463" s="137"/>
      <c r="AG463" s="137"/>
      <c r="AH463" s="137"/>
      <c r="AI463" s="137"/>
      <c r="AJ463" s="137"/>
      <c r="AK463" s="137"/>
      <c r="AL463" s="137"/>
      <c r="AM463" s="137"/>
      <c r="AN463" s="137"/>
      <c r="AO463" s="137"/>
      <c r="AP463" s="137"/>
      <c r="AQ463" s="137"/>
      <c r="AR463" s="137"/>
      <c r="AS463" s="137"/>
      <c r="AT463" s="137"/>
      <c r="AU463" s="137"/>
      <c r="AV463" s="137"/>
      <c r="AW463" s="144"/>
    </row>
    <row r="464" spans="7:49" x14ac:dyDescent="0.2">
      <c r="G464" s="43"/>
      <c r="Z464" s="143"/>
      <c r="AA464" s="137"/>
      <c r="AB464" s="137"/>
      <c r="AC464" s="137"/>
      <c r="AD464" s="137"/>
      <c r="AE464" s="137"/>
      <c r="AF464" s="137"/>
      <c r="AG464" s="137"/>
      <c r="AH464" s="137"/>
      <c r="AI464" s="137"/>
      <c r="AJ464" s="137"/>
      <c r="AK464" s="137"/>
      <c r="AL464" s="137"/>
      <c r="AM464" s="137"/>
      <c r="AN464" s="137"/>
      <c r="AO464" s="137"/>
      <c r="AP464" s="137"/>
      <c r="AQ464" s="137"/>
      <c r="AR464" s="137"/>
      <c r="AS464" s="137"/>
      <c r="AT464" s="137"/>
      <c r="AU464" s="137"/>
      <c r="AV464" s="137"/>
      <c r="AW464" s="144"/>
    </row>
    <row r="465" spans="7:49" x14ac:dyDescent="0.2">
      <c r="G465" s="43"/>
      <c r="Z465" s="143"/>
      <c r="AA465" s="137"/>
      <c r="AB465" s="137"/>
      <c r="AC465" s="137"/>
      <c r="AD465" s="137"/>
      <c r="AE465" s="137"/>
      <c r="AF465" s="137"/>
      <c r="AG465" s="137"/>
      <c r="AH465" s="137"/>
      <c r="AI465" s="137"/>
      <c r="AJ465" s="137"/>
      <c r="AK465" s="137"/>
      <c r="AL465" s="137"/>
      <c r="AM465" s="137"/>
      <c r="AN465" s="137"/>
      <c r="AO465" s="137"/>
      <c r="AP465" s="137"/>
      <c r="AQ465" s="137"/>
      <c r="AR465" s="137"/>
      <c r="AS465" s="137"/>
      <c r="AT465" s="137"/>
      <c r="AU465" s="137"/>
      <c r="AV465" s="137"/>
      <c r="AW465" s="144"/>
    </row>
    <row r="466" spans="7:49" x14ac:dyDescent="0.2">
      <c r="G466" s="43"/>
      <c r="Z466" s="143"/>
      <c r="AA466" s="137"/>
      <c r="AB466" s="137"/>
      <c r="AC466" s="137"/>
      <c r="AD466" s="137"/>
      <c r="AE466" s="137"/>
      <c r="AF466" s="137"/>
      <c r="AG466" s="137"/>
      <c r="AH466" s="137"/>
      <c r="AI466" s="137"/>
      <c r="AJ466" s="137"/>
      <c r="AK466" s="137"/>
      <c r="AL466" s="137"/>
      <c r="AM466" s="137"/>
      <c r="AN466" s="137"/>
      <c r="AO466" s="137"/>
      <c r="AP466" s="137"/>
      <c r="AQ466" s="137"/>
      <c r="AR466" s="137"/>
      <c r="AS466" s="137"/>
      <c r="AT466" s="137"/>
      <c r="AU466" s="137"/>
      <c r="AV466" s="137"/>
      <c r="AW466" s="144"/>
    </row>
    <row r="467" spans="7:49" x14ac:dyDescent="0.2">
      <c r="G467" s="43"/>
      <c r="Z467" s="143"/>
      <c r="AA467" s="137"/>
      <c r="AB467" s="137"/>
      <c r="AC467" s="137"/>
      <c r="AD467" s="137"/>
      <c r="AE467" s="137"/>
      <c r="AF467" s="137"/>
      <c r="AG467" s="137"/>
      <c r="AH467" s="137"/>
      <c r="AI467" s="137"/>
      <c r="AJ467" s="137"/>
      <c r="AK467" s="137"/>
      <c r="AL467" s="137"/>
      <c r="AM467" s="137"/>
      <c r="AN467" s="137"/>
      <c r="AO467" s="137"/>
      <c r="AP467" s="137"/>
      <c r="AQ467" s="137"/>
      <c r="AR467" s="137"/>
      <c r="AS467" s="137"/>
      <c r="AT467" s="137"/>
      <c r="AU467" s="137"/>
      <c r="AV467" s="137"/>
      <c r="AW467" s="144"/>
    </row>
    <row r="468" spans="7:49" x14ac:dyDescent="0.2">
      <c r="G468" s="43"/>
      <c r="Z468" s="143"/>
      <c r="AA468" s="137"/>
      <c r="AB468" s="137"/>
      <c r="AC468" s="137"/>
      <c r="AD468" s="137"/>
      <c r="AE468" s="137"/>
      <c r="AF468" s="137"/>
      <c r="AG468" s="137"/>
      <c r="AH468" s="137"/>
      <c r="AI468" s="137"/>
      <c r="AJ468" s="137"/>
      <c r="AK468" s="137"/>
      <c r="AL468" s="137"/>
      <c r="AM468" s="137"/>
      <c r="AN468" s="137"/>
      <c r="AO468" s="137"/>
      <c r="AP468" s="137"/>
      <c r="AQ468" s="137"/>
      <c r="AR468" s="137"/>
      <c r="AS468" s="137"/>
      <c r="AT468" s="137"/>
      <c r="AU468" s="137"/>
      <c r="AV468" s="137"/>
      <c r="AW468" s="144"/>
    </row>
    <row r="469" spans="7:49" x14ac:dyDescent="0.2">
      <c r="G469" s="43"/>
      <c r="Z469" s="143"/>
      <c r="AA469" s="137"/>
      <c r="AB469" s="137"/>
      <c r="AC469" s="137"/>
      <c r="AD469" s="137"/>
      <c r="AE469" s="137"/>
      <c r="AF469" s="137"/>
      <c r="AG469" s="137"/>
      <c r="AH469" s="137"/>
      <c r="AI469" s="137"/>
      <c r="AJ469" s="137"/>
      <c r="AK469" s="137"/>
      <c r="AL469" s="137"/>
      <c r="AM469" s="137"/>
      <c r="AN469" s="137"/>
      <c r="AO469" s="137"/>
      <c r="AP469" s="137"/>
      <c r="AQ469" s="137"/>
      <c r="AR469" s="137"/>
      <c r="AS469" s="137"/>
      <c r="AT469" s="137"/>
      <c r="AU469" s="137"/>
      <c r="AV469" s="137"/>
      <c r="AW469" s="144"/>
    </row>
    <row r="470" spans="7:49" x14ac:dyDescent="0.2">
      <c r="G470" s="43"/>
      <c r="Z470" s="143"/>
      <c r="AA470" s="137"/>
      <c r="AB470" s="137"/>
      <c r="AC470" s="137"/>
      <c r="AD470" s="137"/>
      <c r="AE470" s="137"/>
      <c r="AF470" s="137"/>
      <c r="AG470" s="137"/>
      <c r="AH470" s="137"/>
      <c r="AI470" s="137"/>
      <c r="AJ470" s="137"/>
      <c r="AK470" s="137"/>
      <c r="AL470" s="137"/>
      <c r="AM470" s="137"/>
      <c r="AN470" s="137"/>
      <c r="AO470" s="137"/>
      <c r="AP470" s="137"/>
      <c r="AQ470" s="137"/>
      <c r="AR470" s="137"/>
      <c r="AS470" s="137"/>
      <c r="AT470" s="137"/>
      <c r="AU470" s="137"/>
      <c r="AV470" s="137"/>
      <c r="AW470" s="144"/>
    </row>
    <row r="471" spans="7:49" x14ac:dyDescent="0.2">
      <c r="G471" s="43"/>
      <c r="Z471" s="143"/>
      <c r="AA471" s="137"/>
      <c r="AB471" s="137"/>
      <c r="AC471" s="137"/>
      <c r="AD471" s="137"/>
      <c r="AE471" s="137"/>
      <c r="AF471" s="137"/>
      <c r="AG471" s="137"/>
      <c r="AH471" s="137"/>
      <c r="AI471" s="137"/>
      <c r="AJ471" s="137"/>
      <c r="AK471" s="137"/>
      <c r="AL471" s="137"/>
      <c r="AM471" s="137"/>
      <c r="AN471" s="137"/>
      <c r="AO471" s="137"/>
      <c r="AP471" s="137"/>
      <c r="AQ471" s="137"/>
      <c r="AR471" s="137"/>
      <c r="AS471" s="137"/>
      <c r="AT471" s="137"/>
      <c r="AU471" s="137"/>
      <c r="AV471" s="137"/>
      <c r="AW471" s="144"/>
    </row>
    <row r="472" spans="7:49" x14ac:dyDescent="0.2">
      <c r="G472" s="43"/>
      <c r="Z472" s="143"/>
      <c r="AA472" s="137"/>
      <c r="AB472" s="137"/>
      <c r="AC472" s="137"/>
      <c r="AD472" s="137"/>
      <c r="AE472" s="137"/>
      <c r="AF472" s="137"/>
      <c r="AG472" s="137"/>
      <c r="AH472" s="137"/>
      <c r="AI472" s="137"/>
      <c r="AJ472" s="137"/>
      <c r="AK472" s="137"/>
      <c r="AL472" s="137"/>
      <c r="AM472" s="137"/>
      <c r="AN472" s="137"/>
      <c r="AO472" s="137"/>
      <c r="AP472" s="137"/>
      <c r="AQ472" s="137"/>
      <c r="AR472" s="137"/>
      <c r="AS472" s="137"/>
      <c r="AT472" s="137"/>
      <c r="AU472" s="137"/>
      <c r="AV472" s="137"/>
      <c r="AW472" s="144"/>
    </row>
    <row r="473" spans="7:49" x14ac:dyDescent="0.2">
      <c r="G473" s="43"/>
      <c r="Z473" s="143"/>
      <c r="AA473" s="137"/>
      <c r="AB473" s="137"/>
      <c r="AC473" s="137"/>
      <c r="AD473" s="137"/>
      <c r="AE473" s="137"/>
      <c r="AF473" s="137"/>
      <c r="AG473" s="137"/>
      <c r="AH473" s="137"/>
      <c r="AI473" s="137"/>
      <c r="AJ473" s="137"/>
      <c r="AK473" s="137"/>
      <c r="AL473" s="137"/>
      <c r="AM473" s="137"/>
      <c r="AN473" s="137"/>
      <c r="AO473" s="137"/>
      <c r="AP473" s="137"/>
      <c r="AQ473" s="137"/>
      <c r="AR473" s="137"/>
      <c r="AS473" s="137"/>
      <c r="AT473" s="137"/>
      <c r="AU473" s="137"/>
      <c r="AV473" s="137"/>
      <c r="AW473" s="144"/>
    </row>
    <row r="474" spans="7:49" x14ac:dyDescent="0.2">
      <c r="G474" s="43"/>
      <c r="Z474" s="143"/>
      <c r="AA474" s="137"/>
      <c r="AB474" s="137"/>
      <c r="AC474" s="137"/>
      <c r="AD474" s="137"/>
      <c r="AE474" s="137"/>
      <c r="AF474" s="137"/>
      <c r="AG474" s="137"/>
      <c r="AH474" s="137"/>
      <c r="AI474" s="137"/>
      <c r="AJ474" s="137"/>
      <c r="AK474" s="137"/>
      <c r="AL474" s="137"/>
      <c r="AM474" s="137"/>
      <c r="AN474" s="137"/>
      <c r="AO474" s="137"/>
      <c r="AP474" s="137"/>
      <c r="AQ474" s="137"/>
      <c r="AR474" s="137"/>
      <c r="AS474" s="137"/>
      <c r="AT474" s="137"/>
      <c r="AU474" s="137"/>
      <c r="AV474" s="137"/>
      <c r="AW474" s="144"/>
    </row>
    <row r="475" spans="7:49" x14ac:dyDescent="0.2">
      <c r="G475" s="43"/>
      <c r="Z475" s="143"/>
      <c r="AA475" s="137"/>
      <c r="AB475" s="137"/>
      <c r="AC475" s="137"/>
      <c r="AD475" s="137"/>
      <c r="AE475" s="137"/>
      <c r="AF475" s="137"/>
      <c r="AG475" s="137"/>
      <c r="AH475" s="137"/>
      <c r="AI475" s="137"/>
      <c r="AJ475" s="137"/>
      <c r="AK475" s="137"/>
      <c r="AL475" s="137"/>
      <c r="AM475" s="137"/>
      <c r="AN475" s="137"/>
      <c r="AO475" s="137"/>
      <c r="AP475" s="137"/>
      <c r="AQ475" s="137"/>
      <c r="AR475" s="137"/>
      <c r="AS475" s="137"/>
      <c r="AT475" s="137"/>
      <c r="AU475" s="137"/>
      <c r="AV475" s="137"/>
      <c r="AW475" s="144"/>
    </row>
    <row r="476" spans="7:49" x14ac:dyDescent="0.2">
      <c r="G476" s="43"/>
      <c r="Z476" s="143"/>
      <c r="AA476" s="137"/>
      <c r="AB476" s="137"/>
      <c r="AC476" s="137"/>
      <c r="AD476" s="137"/>
      <c r="AE476" s="137"/>
      <c r="AF476" s="137"/>
      <c r="AG476" s="137"/>
      <c r="AH476" s="137"/>
      <c r="AI476" s="137"/>
      <c r="AJ476" s="137"/>
      <c r="AK476" s="137"/>
      <c r="AL476" s="137"/>
      <c r="AM476" s="137"/>
      <c r="AN476" s="137"/>
      <c r="AO476" s="137"/>
      <c r="AP476" s="137"/>
      <c r="AQ476" s="137"/>
      <c r="AR476" s="137"/>
      <c r="AS476" s="137"/>
      <c r="AT476" s="137"/>
      <c r="AU476" s="137"/>
      <c r="AV476" s="137"/>
      <c r="AW476" s="144"/>
    </row>
    <row r="477" spans="7:49" x14ac:dyDescent="0.2">
      <c r="G477" s="43"/>
      <c r="Z477" s="143"/>
      <c r="AA477" s="137"/>
      <c r="AB477" s="137"/>
      <c r="AC477" s="137"/>
      <c r="AD477" s="137"/>
      <c r="AE477" s="137"/>
      <c r="AF477" s="137"/>
      <c r="AG477" s="137"/>
      <c r="AH477" s="137"/>
      <c r="AI477" s="137"/>
      <c r="AJ477" s="137"/>
      <c r="AK477" s="137"/>
      <c r="AL477" s="137"/>
      <c r="AM477" s="137"/>
      <c r="AN477" s="137"/>
      <c r="AO477" s="137"/>
      <c r="AP477" s="137"/>
      <c r="AQ477" s="137"/>
      <c r="AR477" s="137"/>
      <c r="AS477" s="137"/>
      <c r="AT477" s="137"/>
      <c r="AU477" s="137"/>
      <c r="AV477" s="137"/>
      <c r="AW477" s="144"/>
    </row>
    <row r="478" spans="7:49" x14ac:dyDescent="0.2">
      <c r="G478" s="43"/>
      <c r="Z478" s="143"/>
      <c r="AA478" s="137"/>
      <c r="AB478" s="137"/>
      <c r="AC478" s="137"/>
      <c r="AD478" s="137"/>
      <c r="AE478" s="137"/>
      <c r="AF478" s="137"/>
      <c r="AG478" s="137"/>
      <c r="AH478" s="137"/>
      <c r="AI478" s="137"/>
      <c r="AJ478" s="137"/>
      <c r="AK478" s="137"/>
      <c r="AL478" s="137"/>
      <c r="AM478" s="137"/>
      <c r="AN478" s="137"/>
      <c r="AO478" s="137"/>
      <c r="AP478" s="137"/>
      <c r="AQ478" s="137"/>
      <c r="AR478" s="137"/>
      <c r="AS478" s="137"/>
      <c r="AT478" s="137"/>
      <c r="AU478" s="137"/>
      <c r="AV478" s="137"/>
      <c r="AW478" s="144"/>
    </row>
    <row r="479" spans="7:49" x14ac:dyDescent="0.2">
      <c r="G479" s="43"/>
      <c r="Z479" s="143"/>
      <c r="AA479" s="137"/>
      <c r="AB479" s="137"/>
      <c r="AC479" s="137"/>
      <c r="AD479" s="137"/>
      <c r="AE479" s="137"/>
      <c r="AF479" s="137"/>
      <c r="AG479" s="137"/>
      <c r="AH479" s="137"/>
      <c r="AI479" s="137"/>
      <c r="AJ479" s="137"/>
      <c r="AK479" s="137"/>
      <c r="AL479" s="137"/>
      <c r="AM479" s="137"/>
      <c r="AN479" s="137"/>
      <c r="AO479" s="137"/>
      <c r="AP479" s="137"/>
      <c r="AQ479" s="137"/>
      <c r="AR479" s="137"/>
      <c r="AS479" s="137"/>
      <c r="AT479" s="137"/>
      <c r="AU479" s="137"/>
      <c r="AV479" s="137"/>
      <c r="AW479" s="144"/>
    </row>
    <row r="480" spans="7:49" x14ac:dyDescent="0.2">
      <c r="G480" s="43"/>
      <c r="Z480" s="143"/>
      <c r="AA480" s="137"/>
      <c r="AB480" s="137"/>
      <c r="AC480" s="137"/>
      <c r="AD480" s="137"/>
      <c r="AE480" s="137"/>
      <c r="AF480" s="137"/>
      <c r="AG480" s="137"/>
      <c r="AH480" s="137"/>
      <c r="AI480" s="137"/>
      <c r="AJ480" s="137"/>
      <c r="AK480" s="137"/>
      <c r="AL480" s="137"/>
      <c r="AM480" s="137"/>
      <c r="AN480" s="137"/>
      <c r="AO480" s="137"/>
      <c r="AP480" s="137"/>
      <c r="AQ480" s="137"/>
      <c r="AR480" s="137"/>
      <c r="AS480" s="137"/>
      <c r="AT480" s="137"/>
      <c r="AU480" s="137"/>
      <c r="AV480" s="137"/>
      <c r="AW480" s="144"/>
    </row>
    <row r="481" spans="7:49" x14ac:dyDescent="0.2">
      <c r="G481" s="43"/>
      <c r="Z481" s="143"/>
      <c r="AA481" s="137"/>
      <c r="AB481" s="137"/>
      <c r="AC481" s="137"/>
      <c r="AD481" s="137"/>
      <c r="AE481" s="137"/>
      <c r="AF481" s="137"/>
      <c r="AG481" s="137"/>
      <c r="AH481" s="137"/>
      <c r="AI481" s="137"/>
      <c r="AJ481" s="137"/>
      <c r="AK481" s="137"/>
      <c r="AL481" s="137"/>
      <c r="AM481" s="137"/>
      <c r="AN481" s="137"/>
      <c r="AO481" s="137"/>
      <c r="AP481" s="137"/>
      <c r="AQ481" s="137"/>
      <c r="AR481" s="137"/>
      <c r="AS481" s="137"/>
      <c r="AT481" s="137"/>
      <c r="AU481" s="137"/>
      <c r="AV481" s="137"/>
      <c r="AW481" s="144"/>
    </row>
    <row r="482" spans="7:49" x14ac:dyDescent="0.2">
      <c r="G482" s="43"/>
      <c r="Z482" s="143"/>
      <c r="AA482" s="137"/>
      <c r="AB482" s="137"/>
      <c r="AC482" s="137"/>
      <c r="AD482" s="137"/>
      <c r="AE482" s="137"/>
      <c r="AF482" s="137"/>
      <c r="AG482" s="137"/>
      <c r="AH482" s="137"/>
      <c r="AI482" s="137"/>
      <c r="AJ482" s="137"/>
      <c r="AK482" s="137"/>
      <c r="AL482" s="137"/>
      <c r="AM482" s="137"/>
      <c r="AN482" s="137"/>
      <c r="AO482" s="137"/>
      <c r="AP482" s="137"/>
      <c r="AQ482" s="137"/>
      <c r="AR482" s="137"/>
      <c r="AS482" s="137"/>
      <c r="AT482" s="137"/>
      <c r="AU482" s="137"/>
      <c r="AV482" s="137"/>
      <c r="AW482" s="144"/>
    </row>
    <row r="483" spans="7:49" x14ac:dyDescent="0.2">
      <c r="G483" s="43"/>
      <c r="Z483" s="143"/>
      <c r="AA483" s="137"/>
      <c r="AB483" s="137"/>
      <c r="AC483" s="137"/>
      <c r="AD483" s="137"/>
      <c r="AE483" s="137"/>
      <c r="AF483" s="137"/>
      <c r="AG483" s="137"/>
      <c r="AH483" s="137"/>
      <c r="AI483" s="137"/>
      <c r="AJ483" s="137"/>
      <c r="AK483" s="137"/>
      <c r="AL483" s="137"/>
      <c r="AM483" s="137"/>
      <c r="AN483" s="137"/>
      <c r="AO483" s="137"/>
      <c r="AP483" s="137"/>
      <c r="AQ483" s="137"/>
      <c r="AR483" s="137"/>
      <c r="AS483" s="137"/>
      <c r="AT483" s="137"/>
      <c r="AU483" s="137"/>
      <c r="AV483" s="137"/>
      <c r="AW483" s="144"/>
    </row>
    <row r="484" spans="7:49" x14ac:dyDescent="0.2">
      <c r="G484" s="43"/>
      <c r="Z484" s="143"/>
      <c r="AA484" s="137"/>
      <c r="AB484" s="137"/>
      <c r="AC484" s="137"/>
      <c r="AD484" s="137"/>
      <c r="AE484" s="137"/>
      <c r="AF484" s="137"/>
      <c r="AG484" s="137"/>
      <c r="AH484" s="137"/>
      <c r="AI484" s="137"/>
      <c r="AJ484" s="137"/>
      <c r="AK484" s="137"/>
      <c r="AL484" s="137"/>
      <c r="AM484" s="137"/>
      <c r="AN484" s="137"/>
      <c r="AO484" s="137"/>
      <c r="AP484" s="137"/>
      <c r="AQ484" s="137"/>
      <c r="AR484" s="137"/>
      <c r="AS484" s="137"/>
      <c r="AT484" s="137"/>
      <c r="AU484" s="137"/>
      <c r="AV484" s="137"/>
      <c r="AW484" s="144"/>
    </row>
    <row r="485" spans="7:49" x14ac:dyDescent="0.2">
      <c r="G485" s="43"/>
      <c r="Z485" s="143"/>
      <c r="AA485" s="137"/>
      <c r="AB485" s="137"/>
      <c r="AC485" s="137"/>
      <c r="AD485" s="137"/>
      <c r="AE485" s="137"/>
      <c r="AF485" s="137"/>
      <c r="AG485" s="137"/>
      <c r="AH485" s="137"/>
      <c r="AI485" s="137"/>
      <c r="AJ485" s="137"/>
      <c r="AK485" s="137"/>
      <c r="AL485" s="137"/>
      <c r="AM485" s="137"/>
      <c r="AN485" s="137"/>
      <c r="AO485" s="137"/>
      <c r="AP485" s="137"/>
      <c r="AQ485" s="137"/>
      <c r="AR485" s="137"/>
      <c r="AS485" s="137"/>
      <c r="AT485" s="137"/>
      <c r="AU485" s="137"/>
      <c r="AV485" s="137"/>
      <c r="AW485" s="144"/>
    </row>
    <row r="486" spans="7:49" x14ac:dyDescent="0.2">
      <c r="G486" s="43"/>
      <c r="Z486" s="143"/>
      <c r="AA486" s="137"/>
      <c r="AB486" s="137"/>
      <c r="AC486" s="137"/>
      <c r="AD486" s="137"/>
      <c r="AE486" s="137"/>
      <c r="AF486" s="137"/>
      <c r="AG486" s="137"/>
      <c r="AH486" s="137"/>
      <c r="AI486" s="137"/>
      <c r="AJ486" s="137"/>
      <c r="AK486" s="137"/>
      <c r="AL486" s="137"/>
      <c r="AM486" s="137"/>
      <c r="AN486" s="137"/>
      <c r="AO486" s="137"/>
      <c r="AP486" s="137"/>
      <c r="AQ486" s="137"/>
      <c r="AR486" s="137"/>
      <c r="AS486" s="137"/>
      <c r="AT486" s="137"/>
      <c r="AU486" s="137"/>
      <c r="AV486" s="137"/>
      <c r="AW486" s="144"/>
    </row>
    <row r="487" spans="7:49" x14ac:dyDescent="0.2">
      <c r="G487" s="43"/>
      <c r="Z487" s="143"/>
      <c r="AA487" s="137"/>
      <c r="AB487" s="137"/>
      <c r="AC487" s="137"/>
      <c r="AD487" s="137"/>
      <c r="AE487" s="137"/>
      <c r="AF487" s="137"/>
      <c r="AG487" s="137"/>
      <c r="AH487" s="137"/>
      <c r="AI487" s="137"/>
      <c r="AJ487" s="137"/>
      <c r="AK487" s="137"/>
      <c r="AL487" s="137"/>
      <c r="AM487" s="137"/>
      <c r="AN487" s="137"/>
      <c r="AO487" s="137"/>
      <c r="AP487" s="137"/>
      <c r="AQ487" s="137"/>
      <c r="AR487" s="137"/>
      <c r="AS487" s="137"/>
      <c r="AT487" s="137"/>
      <c r="AU487" s="137"/>
      <c r="AV487" s="137"/>
      <c r="AW487" s="144"/>
    </row>
    <row r="488" spans="7:49" x14ac:dyDescent="0.2">
      <c r="G488" s="43"/>
      <c r="Z488" s="143"/>
      <c r="AA488" s="137"/>
      <c r="AB488" s="137"/>
      <c r="AC488" s="137"/>
      <c r="AD488" s="137"/>
      <c r="AE488" s="137"/>
      <c r="AF488" s="137"/>
      <c r="AG488" s="137"/>
      <c r="AH488" s="137"/>
      <c r="AI488" s="137"/>
      <c r="AJ488" s="137"/>
      <c r="AK488" s="137"/>
      <c r="AL488" s="137"/>
      <c r="AM488" s="137"/>
      <c r="AN488" s="137"/>
      <c r="AO488" s="137"/>
      <c r="AP488" s="137"/>
      <c r="AQ488" s="137"/>
      <c r="AR488" s="137"/>
      <c r="AS488" s="137"/>
      <c r="AT488" s="137"/>
      <c r="AU488" s="137"/>
      <c r="AV488" s="137"/>
      <c r="AW488" s="144"/>
    </row>
    <row r="489" spans="7:49" x14ac:dyDescent="0.2">
      <c r="G489" s="43"/>
      <c r="Z489" s="143"/>
      <c r="AA489" s="137"/>
      <c r="AB489" s="137"/>
      <c r="AC489" s="137"/>
      <c r="AD489" s="137"/>
      <c r="AE489" s="137"/>
      <c r="AF489" s="137"/>
      <c r="AG489" s="137"/>
      <c r="AH489" s="137"/>
      <c r="AI489" s="137"/>
      <c r="AJ489" s="137"/>
      <c r="AK489" s="137"/>
      <c r="AL489" s="137"/>
      <c r="AM489" s="137"/>
      <c r="AN489" s="137"/>
      <c r="AO489" s="137"/>
      <c r="AP489" s="137"/>
      <c r="AQ489" s="137"/>
      <c r="AR489" s="137"/>
      <c r="AS489" s="137"/>
      <c r="AT489" s="137"/>
      <c r="AU489" s="137"/>
      <c r="AV489" s="137"/>
      <c r="AW489" s="144"/>
    </row>
    <row r="490" spans="7:49" x14ac:dyDescent="0.2">
      <c r="G490" s="43"/>
      <c r="Z490" s="143"/>
      <c r="AA490" s="137"/>
      <c r="AB490" s="137"/>
      <c r="AC490" s="137"/>
      <c r="AD490" s="137"/>
      <c r="AE490" s="137"/>
      <c r="AF490" s="137"/>
      <c r="AG490" s="137"/>
      <c r="AH490" s="137"/>
      <c r="AI490" s="137"/>
      <c r="AJ490" s="137"/>
      <c r="AK490" s="137"/>
      <c r="AL490" s="137"/>
      <c r="AM490" s="137"/>
      <c r="AN490" s="137"/>
      <c r="AO490" s="137"/>
      <c r="AP490" s="137"/>
      <c r="AQ490" s="137"/>
      <c r="AR490" s="137"/>
      <c r="AS490" s="137"/>
      <c r="AT490" s="137"/>
      <c r="AU490" s="137"/>
      <c r="AV490" s="137"/>
      <c r="AW490" s="144"/>
    </row>
    <row r="491" spans="7:49" x14ac:dyDescent="0.2">
      <c r="G491" s="43"/>
      <c r="Z491" s="143"/>
      <c r="AA491" s="137"/>
      <c r="AB491" s="137"/>
      <c r="AC491" s="137"/>
      <c r="AD491" s="137"/>
      <c r="AE491" s="137"/>
      <c r="AF491" s="137"/>
      <c r="AG491" s="137"/>
      <c r="AH491" s="137"/>
      <c r="AI491" s="137"/>
      <c r="AJ491" s="137"/>
      <c r="AK491" s="137"/>
      <c r="AL491" s="137"/>
      <c r="AM491" s="137"/>
      <c r="AN491" s="137"/>
      <c r="AO491" s="137"/>
      <c r="AP491" s="137"/>
      <c r="AQ491" s="137"/>
      <c r="AR491" s="137"/>
      <c r="AS491" s="137"/>
      <c r="AT491" s="137"/>
      <c r="AU491" s="137"/>
      <c r="AV491" s="137"/>
      <c r="AW491" s="144"/>
    </row>
    <row r="492" spans="7:49" x14ac:dyDescent="0.2">
      <c r="G492" s="43"/>
      <c r="Z492" s="143"/>
      <c r="AA492" s="137"/>
      <c r="AB492" s="137"/>
      <c r="AC492" s="137"/>
      <c r="AD492" s="137"/>
      <c r="AE492" s="137"/>
      <c r="AF492" s="137"/>
      <c r="AG492" s="137"/>
      <c r="AH492" s="137"/>
      <c r="AI492" s="137"/>
      <c r="AJ492" s="137"/>
      <c r="AK492" s="137"/>
      <c r="AL492" s="137"/>
      <c r="AM492" s="137"/>
      <c r="AN492" s="137"/>
      <c r="AO492" s="137"/>
      <c r="AP492" s="137"/>
      <c r="AQ492" s="137"/>
      <c r="AR492" s="137"/>
      <c r="AS492" s="137"/>
      <c r="AT492" s="137"/>
      <c r="AU492" s="137"/>
      <c r="AV492" s="137"/>
      <c r="AW492" s="144"/>
    </row>
    <row r="493" spans="7:49" x14ac:dyDescent="0.2">
      <c r="G493" s="43"/>
      <c r="Z493" s="143"/>
      <c r="AA493" s="137"/>
      <c r="AB493" s="137"/>
      <c r="AC493" s="137"/>
      <c r="AD493" s="137"/>
      <c r="AE493" s="137"/>
      <c r="AF493" s="137"/>
      <c r="AG493" s="137"/>
      <c r="AH493" s="137"/>
      <c r="AI493" s="137"/>
      <c r="AJ493" s="137"/>
      <c r="AK493" s="137"/>
      <c r="AL493" s="137"/>
      <c r="AM493" s="137"/>
      <c r="AN493" s="137"/>
      <c r="AO493" s="137"/>
      <c r="AP493" s="137"/>
      <c r="AQ493" s="137"/>
      <c r="AR493" s="137"/>
      <c r="AS493" s="137"/>
      <c r="AT493" s="137"/>
      <c r="AU493" s="137"/>
      <c r="AV493" s="137"/>
      <c r="AW493" s="144"/>
    </row>
    <row r="494" spans="7:49" x14ac:dyDescent="0.2">
      <c r="G494" s="43"/>
      <c r="Z494" s="143"/>
      <c r="AA494" s="137"/>
      <c r="AB494" s="137"/>
      <c r="AC494" s="137"/>
      <c r="AD494" s="137"/>
      <c r="AE494" s="137"/>
      <c r="AF494" s="137"/>
      <c r="AG494" s="137"/>
      <c r="AH494" s="137"/>
      <c r="AI494" s="137"/>
      <c r="AJ494" s="137"/>
      <c r="AK494" s="137"/>
      <c r="AL494" s="137"/>
      <c r="AM494" s="137"/>
      <c r="AN494" s="137"/>
      <c r="AO494" s="137"/>
      <c r="AP494" s="137"/>
      <c r="AQ494" s="137"/>
      <c r="AR494" s="137"/>
      <c r="AS494" s="137"/>
      <c r="AT494" s="137"/>
      <c r="AU494" s="137"/>
      <c r="AV494" s="137"/>
      <c r="AW494" s="144"/>
    </row>
    <row r="495" spans="7:49" x14ac:dyDescent="0.2">
      <c r="G495" s="43"/>
      <c r="Z495" s="143"/>
      <c r="AA495" s="137"/>
      <c r="AB495" s="137"/>
      <c r="AC495" s="137"/>
      <c r="AD495" s="137"/>
      <c r="AE495" s="137"/>
      <c r="AF495" s="137"/>
      <c r="AG495" s="137"/>
      <c r="AH495" s="137"/>
      <c r="AI495" s="137"/>
      <c r="AJ495" s="137"/>
      <c r="AK495" s="137"/>
      <c r="AL495" s="137"/>
      <c r="AM495" s="137"/>
      <c r="AN495" s="137"/>
      <c r="AO495" s="137"/>
      <c r="AP495" s="137"/>
      <c r="AQ495" s="137"/>
      <c r="AR495" s="137"/>
      <c r="AS495" s="137"/>
      <c r="AT495" s="137"/>
      <c r="AU495" s="137"/>
      <c r="AV495" s="137"/>
      <c r="AW495" s="144"/>
    </row>
    <row r="496" spans="7:49" x14ac:dyDescent="0.2">
      <c r="G496" s="43"/>
      <c r="Z496" s="143"/>
      <c r="AA496" s="137"/>
      <c r="AB496" s="137"/>
      <c r="AC496" s="137"/>
      <c r="AD496" s="137"/>
      <c r="AE496" s="137"/>
      <c r="AF496" s="137"/>
      <c r="AG496" s="137"/>
      <c r="AH496" s="137"/>
      <c r="AI496" s="137"/>
      <c r="AJ496" s="137"/>
      <c r="AK496" s="137"/>
      <c r="AL496" s="137"/>
      <c r="AM496" s="137"/>
      <c r="AN496" s="137"/>
      <c r="AO496" s="137"/>
      <c r="AP496" s="137"/>
      <c r="AQ496" s="137"/>
      <c r="AR496" s="137"/>
      <c r="AS496" s="137"/>
      <c r="AT496" s="137"/>
      <c r="AU496" s="137"/>
      <c r="AV496" s="137"/>
      <c r="AW496" s="144"/>
    </row>
    <row r="497" spans="7:49" x14ac:dyDescent="0.2">
      <c r="G497" s="43"/>
      <c r="Z497" s="143"/>
      <c r="AA497" s="137"/>
      <c r="AB497" s="137"/>
      <c r="AC497" s="137"/>
      <c r="AD497" s="137"/>
      <c r="AE497" s="137"/>
      <c r="AF497" s="137"/>
      <c r="AG497" s="137"/>
      <c r="AH497" s="137"/>
      <c r="AI497" s="137"/>
      <c r="AJ497" s="137"/>
      <c r="AK497" s="137"/>
      <c r="AL497" s="137"/>
      <c r="AM497" s="137"/>
      <c r="AN497" s="137"/>
      <c r="AO497" s="137"/>
      <c r="AP497" s="137"/>
      <c r="AQ497" s="137"/>
      <c r="AR497" s="137"/>
      <c r="AS497" s="137"/>
      <c r="AT497" s="137"/>
      <c r="AU497" s="137"/>
      <c r="AV497" s="137"/>
      <c r="AW497" s="144"/>
    </row>
    <row r="498" spans="7:49" x14ac:dyDescent="0.2">
      <c r="G498" s="43"/>
      <c r="Z498" s="143"/>
      <c r="AA498" s="137"/>
      <c r="AB498" s="137"/>
      <c r="AC498" s="137"/>
      <c r="AD498" s="137"/>
      <c r="AE498" s="137"/>
      <c r="AF498" s="137"/>
      <c r="AG498" s="137"/>
      <c r="AH498" s="137"/>
      <c r="AI498" s="137"/>
      <c r="AJ498" s="137"/>
      <c r="AK498" s="137"/>
      <c r="AL498" s="137"/>
      <c r="AM498" s="137"/>
      <c r="AN498" s="137"/>
      <c r="AO498" s="137"/>
      <c r="AP498" s="137"/>
      <c r="AQ498" s="137"/>
      <c r="AR498" s="137"/>
      <c r="AS498" s="137"/>
      <c r="AT498" s="137"/>
      <c r="AU498" s="137"/>
      <c r="AV498" s="137"/>
      <c r="AW498" s="144"/>
    </row>
    <row r="499" spans="7:49" x14ac:dyDescent="0.2">
      <c r="G499" s="43"/>
      <c r="Z499" s="143"/>
      <c r="AA499" s="137"/>
      <c r="AB499" s="137"/>
      <c r="AC499" s="137"/>
      <c r="AD499" s="137"/>
      <c r="AE499" s="137"/>
      <c r="AF499" s="137"/>
      <c r="AG499" s="137"/>
      <c r="AH499" s="137"/>
      <c r="AI499" s="137"/>
      <c r="AJ499" s="137"/>
      <c r="AK499" s="137"/>
      <c r="AL499" s="137"/>
      <c r="AM499" s="137"/>
      <c r="AN499" s="137"/>
      <c r="AO499" s="137"/>
      <c r="AP499" s="137"/>
      <c r="AQ499" s="137"/>
      <c r="AR499" s="137"/>
      <c r="AS499" s="137"/>
      <c r="AT499" s="137"/>
      <c r="AU499" s="137"/>
      <c r="AV499" s="137"/>
      <c r="AW499" s="144"/>
    </row>
    <row r="500" spans="7:49" x14ac:dyDescent="0.2">
      <c r="G500" s="43"/>
      <c r="Z500" s="143"/>
      <c r="AA500" s="137"/>
      <c r="AB500" s="137"/>
      <c r="AC500" s="137"/>
      <c r="AD500" s="137"/>
      <c r="AE500" s="137"/>
      <c r="AF500" s="137"/>
      <c r="AG500" s="137"/>
      <c r="AH500" s="137"/>
      <c r="AI500" s="137"/>
      <c r="AJ500" s="137"/>
      <c r="AK500" s="137"/>
      <c r="AL500" s="137"/>
      <c r="AM500" s="137"/>
      <c r="AN500" s="137"/>
      <c r="AO500" s="137"/>
      <c r="AP500" s="137"/>
      <c r="AQ500" s="137"/>
      <c r="AR500" s="137"/>
      <c r="AS500" s="137"/>
      <c r="AT500" s="137"/>
      <c r="AU500" s="137"/>
      <c r="AV500" s="137"/>
      <c r="AW500" s="144"/>
    </row>
    <row r="501" spans="7:49" x14ac:dyDescent="0.2">
      <c r="G501" s="43"/>
      <c r="Z501" s="143"/>
      <c r="AA501" s="137"/>
      <c r="AB501" s="137"/>
      <c r="AC501" s="137"/>
      <c r="AD501" s="137"/>
      <c r="AE501" s="137"/>
      <c r="AF501" s="137"/>
      <c r="AG501" s="137"/>
      <c r="AH501" s="137"/>
      <c r="AI501" s="137"/>
      <c r="AJ501" s="137"/>
      <c r="AK501" s="137"/>
      <c r="AL501" s="137"/>
      <c r="AM501" s="137"/>
      <c r="AN501" s="137"/>
      <c r="AO501" s="137"/>
      <c r="AP501" s="137"/>
      <c r="AQ501" s="137"/>
      <c r="AR501" s="137"/>
      <c r="AS501" s="137"/>
      <c r="AT501" s="137"/>
      <c r="AU501" s="137"/>
      <c r="AV501" s="137"/>
      <c r="AW501" s="144"/>
    </row>
    <row r="502" spans="7:49" x14ac:dyDescent="0.2">
      <c r="G502" s="43"/>
      <c r="Z502" s="143"/>
      <c r="AA502" s="137"/>
      <c r="AB502" s="137"/>
      <c r="AC502" s="137"/>
      <c r="AD502" s="137"/>
      <c r="AE502" s="137"/>
      <c r="AF502" s="137"/>
      <c r="AG502" s="137"/>
      <c r="AH502" s="137"/>
      <c r="AI502" s="137"/>
      <c r="AJ502" s="137"/>
      <c r="AK502" s="137"/>
      <c r="AL502" s="137"/>
      <c r="AM502" s="137"/>
      <c r="AN502" s="137"/>
      <c r="AO502" s="137"/>
      <c r="AP502" s="137"/>
      <c r="AQ502" s="137"/>
      <c r="AR502" s="137"/>
      <c r="AS502" s="137"/>
      <c r="AT502" s="137"/>
      <c r="AU502" s="137"/>
      <c r="AV502" s="137"/>
      <c r="AW502" s="144"/>
    </row>
    <row r="503" spans="7:49" x14ac:dyDescent="0.2">
      <c r="G503" s="43"/>
      <c r="Z503" s="143"/>
      <c r="AA503" s="137"/>
      <c r="AB503" s="137"/>
      <c r="AC503" s="137"/>
      <c r="AD503" s="137"/>
      <c r="AE503" s="137"/>
      <c r="AF503" s="137"/>
      <c r="AG503" s="137"/>
      <c r="AH503" s="137"/>
      <c r="AI503" s="137"/>
      <c r="AJ503" s="137"/>
      <c r="AK503" s="137"/>
      <c r="AL503" s="137"/>
      <c r="AM503" s="137"/>
      <c r="AN503" s="137"/>
      <c r="AO503" s="137"/>
      <c r="AP503" s="137"/>
      <c r="AQ503" s="137"/>
      <c r="AR503" s="137"/>
      <c r="AS503" s="137"/>
      <c r="AT503" s="137"/>
      <c r="AU503" s="137"/>
      <c r="AV503" s="137"/>
      <c r="AW503" s="144"/>
    </row>
    <row r="504" spans="7:49" x14ac:dyDescent="0.2">
      <c r="G504" s="43"/>
      <c r="Z504" s="143"/>
      <c r="AA504" s="137"/>
      <c r="AB504" s="137"/>
      <c r="AC504" s="137"/>
      <c r="AD504" s="137"/>
      <c r="AE504" s="137"/>
      <c r="AF504" s="137"/>
      <c r="AG504" s="137"/>
      <c r="AH504" s="137"/>
      <c r="AI504" s="137"/>
      <c r="AJ504" s="137"/>
      <c r="AK504" s="137"/>
      <c r="AL504" s="137"/>
      <c r="AM504" s="137"/>
      <c r="AN504" s="137"/>
      <c r="AO504" s="137"/>
      <c r="AP504" s="137"/>
      <c r="AQ504" s="137"/>
      <c r="AR504" s="137"/>
      <c r="AS504" s="137"/>
      <c r="AT504" s="137"/>
      <c r="AU504" s="137"/>
      <c r="AV504" s="137"/>
      <c r="AW504" s="144"/>
    </row>
    <row r="505" spans="7:49" x14ac:dyDescent="0.2">
      <c r="G505" s="43"/>
      <c r="Z505" s="143"/>
      <c r="AA505" s="137"/>
      <c r="AB505" s="137"/>
      <c r="AC505" s="137"/>
      <c r="AD505" s="137"/>
      <c r="AE505" s="137"/>
      <c r="AF505" s="137"/>
      <c r="AG505" s="137"/>
      <c r="AH505" s="137"/>
      <c r="AI505" s="137"/>
      <c r="AJ505" s="137"/>
      <c r="AK505" s="137"/>
      <c r="AL505" s="137"/>
      <c r="AM505" s="137"/>
      <c r="AN505" s="137"/>
      <c r="AO505" s="137"/>
      <c r="AP505" s="137"/>
      <c r="AQ505" s="137"/>
      <c r="AR505" s="137"/>
      <c r="AS505" s="137"/>
      <c r="AT505" s="137"/>
      <c r="AU505" s="137"/>
      <c r="AV505" s="137"/>
      <c r="AW505" s="144"/>
    </row>
    <row r="506" spans="7:49" x14ac:dyDescent="0.2">
      <c r="G506" s="43"/>
      <c r="Z506" s="143"/>
      <c r="AA506" s="137"/>
      <c r="AB506" s="137"/>
      <c r="AC506" s="137"/>
      <c r="AD506" s="137"/>
      <c r="AE506" s="137"/>
      <c r="AF506" s="137"/>
      <c r="AG506" s="137"/>
      <c r="AH506" s="137"/>
      <c r="AI506" s="137"/>
      <c r="AJ506" s="137"/>
      <c r="AK506" s="137"/>
      <c r="AL506" s="137"/>
      <c r="AM506" s="137"/>
      <c r="AN506" s="137"/>
      <c r="AO506" s="137"/>
      <c r="AP506" s="137"/>
      <c r="AQ506" s="137"/>
      <c r="AR506" s="137"/>
      <c r="AS506" s="137"/>
      <c r="AT506" s="137"/>
      <c r="AU506" s="137"/>
      <c r="AV506" s="137"/>
      <c r="AW506" s="144"/>
    </row>
    <row r="507" spans="7:49" x14ac:dyDescent="0.2">
      <c r="G507" s="43"/>
      <c r="Z507" s="143"/>
      <c r="AA507" s="137"/>
      <c r="AB507" s="137"/>
      <c r="AC507" s="137"/>
      <c r="AD507" s="137"/>
      <c r="AE507" s="137"/>
      <c r="AF507" s="137"/>
      <c r="AG507" s="137"/>
      <c r="AH507" s="137"/>
      <c r="AI507" s="137"/>
      <c r="AJ507" s="137"/>
      <c r="AK507" s="137"/>
      <c r="AL507" s="137"/>
      <c r="AM507" s="137"/>
      <c r="AN507" s="137"/>
      <c r="AO507" s="137"/>
      <c r="AP507" s="137"/>
      <c r="AQ507" s="137"/>
      <c r="AR507" s="137"/>
      <c r="AS507" s="137"/>
      <c r="AT507" s="137"/>
      <c r="AU507" s="137"/>
      <c r="AV507" s="137"/>
      <c r="AW507" s="144"/>
    </row>
    <row r="508" spans="7:49" x14ac:dyDescent="0.2">
      <c r="G508" s="43"/>
      <c r="Z508" s="143"/>
      <c r="AA508" s="137"/>
      <c r="AB508" s="137"/>
      <c r="AC508" s="137"/>
      <c r="AD508" s="137"/>
      <c r="AE508" s="137"/>
      <c r="AF508" s="137"/>
      <c r="AG508" s="137"/>
      <c r="AH508" s="137"/>
      <c r="AI508" s="137"/>
      <c r="AJ508" s="137"/>
      <c r="AK508" s="137"/>
      <c r="AL508" s="137"/>
      <c r="AM508" s="137"/>
      <c r="AN508" s="137"/>
      <c r="AO508" s="137"/>
      <c r="AP508" s="137"/>
      <c r="AQ508" s="137"/>
      <c r="AR508" s="137"/>
      <c r="AS508" s="137"/>
      <c r="AT508" s="137"/>
      <c r="AU508" s="137"/>
      <c r="AV508" s="137"/>
      <c r="AW508" s="144"/>
    </row>
    <row r="509" spans="7:49" x14ac:dyDescent="0.2">
      <c r="G509" s="43"/>
      <c r="Z509" s="143"/>
      <c r="AA509" s="137"/>
      <c r="AB509" s="137"/>
      <c r="AC509" s="137"/>
      <c r="AD509" s="137"/>
      <c r="AE509" s="137"/>
      <c r="AF509" s="137"/>
      <c r="AG509" s="137"/>
      <c r="AH509" s="137"/>
      <c r="AI509" s="137"/>
      <c r="AJ509" s="137"/>
      <c r="AK509" s="137"/>
      <c r="AL509" s="137"/>
      <c r="AM509" s="137"/>
      <c r="AN509" s="137"/>
      <c r="AO509" s="137"/>
      <c r="AP509" s="137"/>
      <c r="AQ509" s="137"/>
      <c r="AR509" s="137"/>
      <c r="AS509" s="137"/>
      <c r="AT509" s="137"/>
      <c r="AU509" s="137"/>
      <c r="AV509" s="137"/>
      <c r="AW509" s="144"/>
    </row>
    <row r="510" spans="7:49" x14ac:dyDescent="0.2">
      <c r="G510" s="43"/>
      <c r="Z510" s="143"/>
      <c r="AA510" s="137"/>
      <c r="AB510" s="137"/>
      <c r="AC510" s="137"/>
      <c r="AD510" s="137"/>
      <c r="AE510" s="137"/>
      <c r="AF510" s="137"/>
      <c r="AG510" s="137"/>
      <c r="AH510" s="137"/>
      <c r="AI510" s="137"/>
      <c r="AJ510" s="137"/>
      <c r="AK510" s="137"/>
      <c r="AL510" s="137"/>
      <c r="AM510" s="137"/>
      <c r="AN510" s="137"/>
      <c r="AO510" s="137"/>
      <c r="AP510" s="137"/>
      <c r="AQ510" s="137"/>
      <c r="AR510" s="137"/>
      <c r="AS510" s="137"/>
      <c r="AT510" s="137"/>
      <c r="AU510" s="137"/>
      <c r="AV510" s="137"/>
      <c r="AW510" s="144"/>
    </row>
    <row r="511" spans="7:49" x14ac:dyDescent="0.2">
      <c r="G511" s="43"/>
      <c r="Z511" s="143"/>
      <c r="AA511" s="137"/>
      <c r="AB511" s="137"/>
      <c r="AC511" s="137"/>
      <c r="AD511" s="137"/>
      <c r="AE511" s="137"/>
      <c r="AF511" s="137"/>
      <c r="AG511" s="137"/>
      <c r="AH511" s="137"/>
      <c r="AI511" s="137"/>
      <c r="AJ511" s="137"/>
      <c r="AK511" s="137"/>
      <c r="AL511" s="137"/>
      <c r="AM511" s="137"/>
      <c r="AN511" s="137"/>
      <c r="AO511" s="137"/>
      <c r="AP511" s="137"/>
      <c r="AQ511" s="137"/>
      <c r="AR511" s="137"/>
      <c r="AS511" s="137"/>
      <c r="AT511" s="137"/>
      <c r="AU511" s="137"/>
      <c r="AV511" s="137"/>
      <c r="AW511" s="144"/>
    </row>
    <row r="512" spans="7:49" x14ac:dyDescent="0.2">
      <c r="G512" s="43"/>
      <c r="Z512" s="143"/>
      <c r="AA512" s="137"/>
      <c r="AB512" s="137"/>
      <c r="AC512" s="137"/>
      <c r="AD512" s="137"/>
      <c r="AE512" s="137"/>
      <c r="AF512" s="137"/>
      <c r="AG512" s="137"/>
      <c r="AH512" s="137"/>
      <c r="AI512" s="137"/>
      <c r="AJ512" s="137"/>
      <c r="AK512" s="137"/>
      <c r="AL512" s="137"/>
      <c r="AM512" s="137"/>
      <c r="AN512" s="137"/>
      <c r="AO512" s="137"/>
      <c r="AP512" s="137"/>
      <c r="AQ512" s="137"/>
      <c r="AR512" s="137"/>
      <c r="AS512" s="137"/>
      <c r="AT512" s="137"/>
      <c r="AU512" s="137"/>
      <c r="AV512" s="137"/>
      <c r="AW512" s="144"/>
    </row>
    <row r="513" spans="7:49" x14ac:dyDescent="0.2">
      <c r="G513" s="43"/>
      <c r="Z513" s="143"/>
      <c r="AA513" s="137"/>
      <c r="AB513" s="137"/>
      <c r="AC513" s="137"/>
      <c r="AD513" s="137"/>
      <c r="AE513" s="137"/>
      <c r="AF513" s="137"/>
      <c r="AG513" s="137"/>
      <c r="AH513" s="137"/>
      <c r="AI513" s="137"/>
      <c r="AJ513" s="137"/>
      <c r="AK513" s="137"/>
      <c r="AL513" s="137"/>
      <c r="AM513" s="137"/>
      <c r="AN513" s="137"/>
      <c r="AO513" s="137"/>
      <c r="AP513" s="137"/>
      <c r="AQ513" s="137"/>
      <c r="AR513" s="137"/>
      <c r="AS513" s="137"/>
      <c r="AT513" s="137"/>
      <c r="AU513" s="137"/>
      <c r="AV513" s="137"/>
      <c r="AW513" s="144"/>
    </row>
    <row r="514" spans="7:49" x14ac:dyDescent="0.2">
      <c r="G514" s="43"/>
      <c r="Z514" s="143"/>
      <c r="AA514" s="137"/>
      <c r="AB514" s="137"/>
      <c r="AC514" s="137"/>
      <c r="AD514" s="137"/>
      <c r="AE514" s="137"/>
      <c r="AF514" s="137"/>
      <c r="AG514" s="137"/>
      <c r="AH514" s="137"/>
      <c r="AI514" s="137"/>
      <c r="AJ514" s="137"/>
      <c r="AK514" s="137"/>
      <c r="AL514" s="137"/>
      <c r="AM514" s="137"/>
      <c r="AN514" s="137"/>
      <c r="AO514" s="137"/>
      <c r="AP514" s="137"/>
      <c r="AQ514" s="137"/>
      <c r="AR514" s="137"/>
      <c r="AS514" s="137"/>
      <c r="AT514" s="137"/>
      <c r="AU514" s="137"/>
      <c r="AV514" s="137"/>
      <c r="AW514" s="144"/>
    </row>
    <row r="515" spans="7:49" x14ac:dyDescent="0.2">
      <c r="G515" s="43"/>
      <c r="Z515" s="143"/>
      <c r="AA515" s="137"/>
      <c r="AB515" s="137"/>
      <c r="AC515" s="137"/>
      <c r="AD515" s="137"/>
      <c r="AE515" s="137"/>
      <c r="AF515" s="137"/>
      <c r="AG515" s="137"/>
      <c r="AH515" s="137"/>
      <c r="AI515" s="137"/>
      <c r="AJ515" s="137"/>
      <c r="AK515" s="137"/>
      <c r="AL515" s="137"/>
      <c r="AM515" s="137"/>
      <c r="AN515" s="137"/>
      <c r="AO515" s="137"/>
      <c r="AP515" s="137"/>
      <c r="AQ515" s="137"/>
      <c r="AR515" s="137"/>
      <c r="AS515" s="137"/>
      <c r="AT515" s="137"/>
      <c r="AU515" s="137"/>
      <c r="AV515" s="137"/>
      <c r="AW515" s="144"/>
    </row>
    <row r="516" spans="7:49" x14ac:dyDescent="0.2">
      <c r="G516" s="43"/>
      <c r="Z516" s="143"/>
      <c r="AA516" s="137"/>
      <c r="AB516" s="137"/>
      <c r="AC516" s="137"/>
      <c r="AD516" s="137"/>
      <c r="AE516" s="137"/>
      <c r="AF516" s="137"/>
      <c r="AG516" s="137"/>
      <c r="AH516" s="137"/>
      <c r="AI516" s="137"/>
      <c r="AJ516" s="137"/>
      <c r="AK516" s="137"/>
      <c r="AL516" s="137"/>
      <c r="AM516" s="137"/>
      <c r="AN516" s="137"/>
      <c r="AO516" s="137"/>
      <c r="AP516" s="137"/>
      <c r="AQ516" s="137"/>
      <c r="AR516" s="137"/>
      <c r="AS516" s="137"/>
      <c r="AT516" s="137"/>
      <c r="AU516" s="137"/>
      <c r="AV516" s="137"/>
      <c r="AW516" s="144"/>
    </row>
    <row r="517" spans="7:49" x14ac:dyDescent="0.2">
      <c r="G517" s="43"/>
      <c r="Z517" s="143"/>
      <c r="AA517" s="137"/>
      <c r="AB517" s="137"/>
      <c r="AC517" s="137"/>
      <c r="AD517" s="137"/>
      <c r="AE517" s="137"/>
      <c r="AF517" s="137"/>
      <c r="AG517" s="137"/>
      <c r="AH517" s="137"/>
      <c r="AI517" s="137"/>
      <c r="AJ517" s="137"/>
      <c r="AK517" s="137"/>
      <c r="AL517" s="137"/>
      <c r="AM517" s="137"/>
      <c r="AN517" s="137"/>
      <c r="AO517" s="137"/>
      <c r="AP517" s="137"/>
      <c r="AQ517" s="137"/>
      <c r="AR517" s="137"/>
      <c r="AS517" s="137"/>
      <c r="AT517" s="137"/>
      <c r="AU517" s="137"/>
      <c r="AV517" s="137"/>
      <c r="AW517" s="144"/>
    </row>
    <row r="518" spans="7:49" x14ac:dyDescent="0.2">
      <c r="G518" s="43"/>
      <c r="Z518" s="143"/>
      <c r="AA518" s="137"/>
      <c r="AB518" s="137"/>
      <c r="AC518" s="137"/>
      <c r="AD518" s="137"/>
      <c r="AE518" s="137"/>
      <c r="AF518" s="137"/>
      <c r="AG518" s="137"/>
      <c r="AH518" s="137"/>
      <c r="AI518" s="137"/>
      <c r="AJ518" s="137"/>
      <c r="AK518" s="137"/>
      <c r="AL518" s="137"/>
      <c r="AM518" s="137"/>
      <c r="AN518" s="137"/>
      <c r="AO518" s="137"/>
      <c r="AP518" s="137"/>
      <c r="AQ518" s="137"/>
      <c r="AR518" s="137"/>
      <c r="AS518" s="137"/>
      <c r="AT518" s="137"/>
      <c r="AU518" s="137"/>
      <c r="AV518" s="137"/>
      <c r="AW518" s="144"/>
    </row>
    <row r="519" spans="7:49" x14ac:dyDescent="0.2">
      <c r="G519" s="43"/>
      <c r="Z519" s="143"/>
      <c r="AA519" s="137"/>
      <c r="AB519" s="137"/>
      <c r="AC519" s="137"/>
      <c r="AD519" s="137"/>
      <c r="AE519" s="137"/>
      <c r="AF519" s="137"/>
      <c r="AG519" s="137"/>
      <c r="AH519" s="137"/>
      <c r="AI519" s="137"/>
      <c r="AJ519" s="137"/>
      <c r="AK519" s="137"/>
      <c r="AL519" s="137"/>
      <c r="AM519" s="137"/>
      <c r="AN519" s="137"/>
      <c r="AO519" s="137"/>
      <c r="AP519" s="137"/>
      <c r="AQ519" s="137"/>
      <c r="AR519" s="137"/>
      <c r="AS519" s="137"/>
      <c r="AT519" s="137"/>
      <c r="AU519" s="137"/>
      <c r="AV519" s="137"/>
      <c r="AW519" s="144"/>
    </row>
    <row r="520" spans="7:49" x14ac:dyDescent="0.2">
      <c r="G520" s="43"/>
      <c r="Z520" s="143"/>
      <c r="AA520" s="137"/>
      <c r="AB520" s="137"/>
      <c r="AC520" s="137"/>
      <c r="AD520" s="137"/>
      <c r="AE520" s="137"/>
      <c r="AF520" s="137"/>
      <c r="AG520" s="137"/>
      <c r="AH520" s="137"/>
      <c r="AI520" s="137"/>
      <c r="AJ520" s="137"/>
      <c r="AK520" s="137"/>
      <c r="AL520" s="137"/>
      <c r="AM520" s="137"/>
      <c r="AN520" s="137"/>
      <c r="AO520" s="137"/>
      <c r="AP520" s="137"/>
      <c r="AQ520" s="137"/>
      <c r="AR520" s="137"/>
      <c r="AS520" s="137"/>
      <c r="AT520" s="137"/>
      <c r="AU520" s="137"/>
      <c r="AV520" s="137"/>
      <c r="AW520" s="144"/>
    </row>
    <row r="521" spans="7:49" x14ac:dyDescent="0.2">
      <c r="G521" s="43"/>
      <c r="Z521" s="143"/>
      <c r="AA521" s="137"/>
      <c r="AB521" s="137"/>
      <c r="AC521" s="137"/>
      <c r="AD521" s="137"/>
      <c r="AE521" s="137"/>
      <c r="AF521" s="137"/>
      <c r="AG521" s="137"/>
      <c r="AH521" s="137"/>
      <c r="AI521" s="137"/>
      <c r="AJ521" s="137"/>
      <c r="AK521" s="137"/>
      <c r="AL521" s="137"/>
      <c r="AM521" s="137"/>
      <c r="AN521" s="137"/>
      <c r="AO521" s="137"/>
      <c r="AP521" s="137"/>
      <c r="AQ521" s="137"/>
      <c r="AR521" s="137"/>
      <c r="AS521" s="137"/>
      <c r="AT521" s="137"/>
      <c r="AU521" s="137"/>
      <c r="AV521" s="137"/>
      <c r="AW521" s="144"/>
    </row>
    <row r="522" spans="7:49" x14ac:dyDescent="0.2">
      <c r="G522" s="43"/>
      <c r="Z522" s="143"/>
      <c r="AA522" s="137"/>
      <c r="AB522" s="137"/>
      <c r="AC522" s="137"/>
      <c r="AD522" s="137"/>
      <c r="AE522" s="137"/>
      <c r="AF522" s="137"/>
      <c r="AG522" s="137"/>
      <c r="AH522" s="137"/>
      <c r="AI522" s="137"/>
      <c r="AJ522" s="137"/>
      <c r="AK522" s="137"/>
      <c r="AL522" s="137"/>
      <c r="AM522" s="137"/>
      <c r="AN522" s="137"/>
      <c r="AO522" s="137"/>
      <c r="AP522" s="137"/>
      <c r="AQ522" s="137"/>
      <c r="AR522" s="137"/>
      <c r="AS522" s="137"/>
      <c r="AT522" s="137"/>
      <c r="AU522" s="137"/>
      <c r="AV522" s="137"/>
      <c r="AW522" s="144"/>
    </row>
    <row r="523" spans="7:49" x14ac:dyDescent="0.2">
      <c r="G523" s="43"/>
      <c r="Z523" s="143"/>
      <c r="AA523" s="137"/>
      <c r="AB523" s="137"/>
      <c r="AC523" s="137"/>
      <c r="AD523" s="137"/>
      <c r="AE523" s="137"/>
      <c r="AF523" s="137"/>
      <c r="AG523" s="137"/>
      <c r="AH523" s="137"/>
      <c r="AI523" s="137"/>
      <c r="AJ523" s="137"/>
      <c r="AK523" s="137"/>
      <c r="AL523" s="137"/>
      <c r="AM523" s="137"/>
      <c r="AN523" s="137"/>
      <c r="AO523" s="137"/>
      <c r="AP523" s="137"/>
      <c r="AQ523" s="137"/>
      <c r="AR523" s="137"/>
      <c r="AS523" s="137"/>
      <c r="AT523" s="137"/>
      <c r="AU523" s="137"/>
      <c r="AV523" s="137"/>
      <c r="AW523" s="144"/>
    </row>
    <row r="524" spans="7:49" x14ac:dyDescent="0.2">
      <c r="G524" s="43"/>
      <c r="Z524" s="143"/>
      <c r="AA524" s="137"/>
      <c r="AB524" s="137"/>
      <c r="AC524" s="137"/>
      <c r="AD524" s="137"/>
      <c r="AE524" s="137"/>
      <c r="AF524" s="137"/>
      <c r="AG524" s="137"/>
      <c r="AH524" s="137"/>
      <c r="AI524" s="137"/>
      <c r="AJ524" s="137"/>
      <c r="AK524" s="137"/>
      <c r="AL524" s="137"/>
      <c r="AM524" s="137"/>
      <c r="AN524" s="137"/>
      <c r="AO524" s="137"/>
      <c r="AP524" s="137"/>
      <c r="AQ524" s="137"/>
      <c r="AR524" s="137"/>
      <c r="AS524" s="137"/>
      <c r="AT524" s="137"/>
      <c r="AU524" s="137"/>
      <c r="AV524" s="137"/>
      <c r="AW524" s="144"/>
    </row>
    <row r="525" spans="7:49" x14ac:dyDescent="0.2">
      <c r="G525" s="43"/>
      <c r="Z525" s="143"/>
      <c r="AA525" s="137"/>
      <c r="AB525" s="137"/>
      <c r="AC525" s="137"/>
      <c r="AD525" s="137"/>
      <c r="AE525" s="137"/>
      <c r="AF525" s="137"/>
      <c r="AG525" s="137"/>
      <c r="AH525" s="137"/>
      <c r="AI525" s="137"/>
      <c r="AJ525" s="137"/>
      <c r="AK525" s="137"/>
      <c r="AL525" s="137"/>
      <c r="AM525" s="137"/>
      <c r="AN525" s="137"/>
      <c r="AO525" s="137"/>
      <c r="AP525" s="137"/>
      <c r="AQ525" s="137"/>
      <c r="AR525" s="137"/>
      <c r="AS525" s="137"/>
      <c r="AT525" s="137"/>
      <c r="AU525" s="137"/>
      <c r="AV525" s="137"/>
      <c r="AW525" s="144"/>
    </row>
    <row r="526" spans="7:49" x14ac:dyDescent="0.2">
      <c r="G526" s="43"/>
      <c r="Z526" s="143"/>
      <c r="AA526" s="137"/>
      <c r="AB526" s="137"/>
      <c r="AC526" s="137"/>
      <c r="AD526" s="137"/>
      <c r="AE526" s="137"/>
      <c r="AF526" s="137"/>
      <c r="AG526" s="137"/>
      <c r="AH526" s="137"/>
      <c r="AI526" s="137"/>
      <c r="AJ526" s="137"/>
      <c r="AK526" s="137"/>
      <c r="AL526" s="137"/>
      <c r="AM526" s="137"/>
      <c r="AN526" s="137"/>
      <c r="AO526" s="137"/>
      <c r="AP526" s="137"/>
      <c r="AQ526" s="137"/>
      <c r="AR526" s="137"/>
      <c r="AS526" s="137"/>
      <c r="AT526" s="137"/>
      <c r="AU526" s="137"/>
      <c r="AV526" s="137"/>
      <c r="AW526" s="144"/>
    </row>
    <row r="527" spans="7:49" x14ac:dyDescent="0.2">
      <c r="G527" s="43"/>
      <c r="Z527" s="143"/>
      <c r="AA527" s="137"/>
      <c r="AB527" s="137"/>
      <c r="AC527" s="137"/>
      <c r="AD527" s="137"/>
      <c r="AE527" s="137"/>
      <c r="AF527" s="137"/>
      <c r="AG527" s="137"/>
      <c r="AH527" s="137"/>
      <c r="AI527" s="137"/>
      <c r="AJ527" s="137"/>
      <c r="AK527" s="137"/>
      <c r="AL527" s="137"/>
      <c r="AM527" s="137"/>
      <c r="AN527" s="137"/>
      <c r="AO527" s="137"/>
      <c r="AP527" s="137"/>
      <c r="AQ527" s="137"/>
      <c r="AR527" s="137"/>
      <c r="AS527" s="137"/>
      <c r="AT527" s="137"/>
      <c r="AU527" s="137"/>
      <c r="AV527" s="137"/>
      <c r="AW527" s="144"/>
    </row>
    <row r="528" spans="7:49" x14ac:dyDescent="0.2">
      <c r="G528" s="43"/>
      <c r="Z528" s="143"/>
      <c r="AA528" s="137"/>
      <c r="AB528" s="137"/>
      <c r="AC528" s="137"/>
      <c r="AD528" s="137"/>
      <c r="AE528" s="137"/>
      <c r="AF528" s="137"/>
      <c r="AG528" s="137"/>
      <c r="AH528" s="137"/>
      <c r="AI528" s="137"/>
      <c r="AJ528" s="137"/>
      <c r="AK528" s="137"/>
      <c r="AL528" s="137"/>
      <c r="AM528" s="137"/>
      <c r="AN528" s="137"/>
      <c r="AO528" s="137"/>
      <c r="AP528" s="137"/>
      <c r="AQ528" s="137"/>
      <c r="AR528" s="137"/>
      <c r="AS528" s="137"/>
      <c r="AT528" s="137"/>
      <c r="AU528" s="137"/>
      <c r="AV528" s="137"/>
      <c r="AW528" s="144"/>
    </row>
    <row r="529" spans="7:49" x14ac:dyDescent="0.2">
      <c r="G529" s="43"/>
      <c r="Z529" s="143"/>
      <c r="AA529" s="137"/>
      <c r="AB529" s="137"/>
      <c r="AC529" s="137"/>
      <c r="AD529" s="137"/>
      <c r="AE529" s="137"/>
      <c r="AF529" s="137"/>
      <c r="AG529" s="137"/>
      <c r="AH529" s="137"/>
      <c r="AI529" s="137"/>
      <c r="AJ529" s="137"/>
      <c r="AK529" s="137"/>
      <c r="AL529" s="137"/>
      <c r="AM529" s="137"/>
      <c r="AN529" s="137"/>
      <c r="AO529" s="137"/>
      <c r="AP529" s="137"/>
      <c r="AQ529" s="137"/>
      <c r="AR529" s="137"/>
      <c r="AS529" s="137"/>
      <c r="AT529" s="137"/>
      <c r="AU529" s="137"/>
      <c r="AV529" s="137"/>
      <c r="AW529" s="144"/>
    </row>
    <row r="530" spans="7:49" x14ac:dyDescent="0.2">
      <c r="G530" s="43"/>
      <c r="Z530" s="143"/>
      <c r="AA530" s="137"/>
      <c r="AB530" s="137"/>
      <c r="AC530" s="137"/>
      <c r="AD530" s="137"/>
      <c r="AE530" s="137"/>
      <c r="AF530" s="137"/>
      <c r="AG530" s="137"/>
      <c r="AH530" s="137"/>
      <c r="AI530" s="137"/>
      <c r="AJ530" s="137"/>
      <c r="AK530" s="137"/>
      <c r="AL530" s="137"/>
      <c r="AM530" s="137"/>
      <c r="AN530" s="137"/>
      <c r="AO530" s="137"/>
      <c r="AP530" s="137"/>
      <c r="AQ530" s="137"/>
      <c r="AR530" s="137"/>
      <c r="AS530" s="137"/>
      <c r="AT530" s="137"/>
      <c r="AU530" s="137"/>
      <c r="AV530" s="137"/>
      <c r="AW530" s="144"/>
    </row>
    <row r="531" spans="7:49" x14ac:dyDescent="0.2">
      <c r="G531" s="43"/>
      <c r="Z531" s="143"/>
      <c r="AA531" s="137"/>
      <c r="AB531" s="137"/>
      <c r="AC531" s="137"/>
      <c r="AD531" s="137"/>
      <c r="AE531" s="137"/>
      <c r="AF531" s="137"/>
      <c r="AG531" s="137"/>
      <c r="AH531" s="137"/>
      <c r="AI531" s="137"/>
      <c r="AJ531" s="137"/>
      <c r="AK531" s="137"/>
      <c r="AL531" s="137"/>
      <c r="AM531" s="137"/>
      <c r="AN531" s="137"/>
      <c r="AO531" s="137"/>
      <c r="AP531" s="137"/>
      <c r="AQ531" s="137"/>
      <c r="AR531" s="137"/>
      <c r="AS531" s="137"/>
      <c r="AT531" s="137"/>
      <c r="AU531" s="137"/>
      <c r="AV531" s="137"/>
      <c r="AW531" s="144"/>
    </row>
    <row r="532" spans="7:49" x14ac:dyDescent="0.2">
      <c r="G532" s="43"/>
      <c r="Z532" s="143"/>
      <c r="AA532" s="137"/>
      <c r="AB532" s="137"/>
      <c r="AC532" s="137"/>
      <c r="AD532" s="137"/>
      <c r="AE532" s="137"/>
      <c r="AF532" s="137"/>
      <c r="AG532" s="137"/>
      <c r="AH532" s="137"/>
      <c r="AI532" s="137"/>
      <c r="AJ532" s="137"/>
      <c r="AK532" s="137"/>
      <c r="AL532" s="137"/>
      <c r="AM532" s="137"/>
      <c r="AN532" s="137"/>
      <c r="AO532" s="137"/>
      <c r="AP532" s="137"/>
      <c r="AQ532" s="137"/>
      <c r="AR532" s="137"/>
      <c r="AS532" s="137"/>
      <c r="AT532" s="137"/>
      <c r="AU532" s="137"/>
      <c r="AV532" s="137"/>
      <c r="AW532" s="144"/>
    </row>
    <row r="533" spans="7:49" x14ac:dyDescent="0.2">
      <c r="G533" s="43"/>
      <c r="Z533" s="143"/>
      <c r="AA533" s="137"/>
      <c r="AB533" s="137"/>
      <c r="AC533" s="137"/>
      <c r="AD533" s="137"/>
      <c r="AE533" s="137"/>
      <c r="AF533" s="137"/>
      <c r="AG533" s="137"/>
      <c r="AH533" s="137"/>
      <c r="AI533" s="137"/>
      <c r="AJ533" s="137"/>
      <c r="AK533" s="137"/>
      <c r="AL533" s="137"/>
      <c r="AM533" s="137"/>
      <c r="AN533" s="137"/>
      <c r="AO533" s="137"/>
      <c r="AP533" s="137"/>
      <c r="AQ533" s="137"/>
      <c r="AR533" s="137"/>
      <c r="AS533" s="137"/>
      <c r="AT533" s="137"/>
      <c r="AU533" s="137"/>
      <c r="AV533" s="137"/>
      <c r="AW533" s="144"/>
    </row>
    <row r="534" spans="7:49" x14ac:dyDescent="0.2">
      <c r="G534" s="43"/>
      <c r="Z534" s="143"/>
      <c r="AA534" s="137"/>
      <c r="AB534" s="137"/>
      <c r="AC534" s="137"/>
      <c r="AD534" s="137"/>
      <c r="AE534" s="137"/>
      <c r="AF534" s="137"/>
      <c r="AG534" s="137"/>
      <c r="AH534" s="137"/>
      <c r="AI534" s="137"/>
      <c r="AJ534" s="137"/>
      <c r="AK534" s="137"/>
      <c r="AL534" s="137"/>
      <c r="AM534" s="137"/>
      <c r="AN534" s="137"/>
      <c r="AO534" s="137"/>
      <c r="AP534" s="137"/>
      <c r="AQ534" s="137"/>
      <c r="AR534" s="137"/>
      <c r="AS534" s="137"/>
      <c r="AT534" s="137"/>
      <c r="AU534" s="137"/>
      <c r="AV534" s="137"/>
      <c r="AW534" s="144"/>
    </row>
    <row r="535" spans="7:49" x14ac:dyDescent="0.2">
      <c r="G535" s="43"/>
      <c r="Z535" s="143"/>
      <c r="AA535" s="137"/>
      <c r="AB535" s="137"/>
      <c r="AC535" s="137"/>
      <c r="AD535" s="137"/>
      <c r="AE535" s="137"/>
      <c r="AF535" s="137"/>
      <c r="AG535" s="137"/>
      <c r="AH535" s="137"/>
      <c r="AI535" s="137"/>
      <c r="AJ535" s="137"/>
      <c r="AK535" s="137"/>
      <c r="AL535" s="137"/>
      <c r="AM535" s="137"/>
      <c r="AN535" s="137"/>
      <c r="AO535" s="137"/>
      <c r="AP535" s="137"/>
      <c r="AQ535" s="137"/>
      <c r="AR535" s="137"/>
      <c r="AS535" s="137"/>
      <c r="AT535" s="137"/>
      <c r="AU535" s="137"/>
      <c r="AV535" s="137"/>
      <c r="AW535" s="144"/>
    </row>
    <row r="536" spans="7:49" x14ac:dyDescent="0.2">
      <c r="G536" s="43"/>
      <c r="Z536" s="143"/>
      <c r="AA536" s="137"/>
      <c r="AB536" s="137"/>
      <c r="AC536" s="137"/>
      <c r="AD536" s="137"/>
      <c r="AE536" s="137"/>
      <c r="AF536" s="137"/>
      <c r="AG536" s="137"/>
      <c r="AH536" s="137"/>
      <c r="AI536" s="137"/>
      <c r="AJ536" s="137"/>
      <c r="AK536" s="137"/>
      <c r="AL536" s="137"/>
      <c r="AM536" s="137"/>
      <c r="AN536" s="137"/>
      <c r="AO536" s="137"/>
      <c r="AP536" s="137"/>
      <c r="AQ536" s="137"/>
      <c r="AR536" s="137"/>
      <c r="AS536" s="137"/>
      <c r="AT536" s="137"/>
      <c r="AU536" s="137"/>
      <c r="AV536" s="137"/>
      <c r="AW536" s="144"/>
    </row>
    <row r="537" spans="7:49" x14ac:dyDescent="0.2">
      <c r="G537" s="43"/>
      <c r="Z537" s="143"/>
      <c r="AA537" s="137"/>
      <c r="AB537" s="137"/>
      <c r="AC537" s="137"/>
      <c r="AD537" s="137"/>
      <c r="AE537" s="137"/>
      <c r="AF537" s="137"/>
      <c r="AG537" s="137"/>
      <c r="AH537" s="137"/>
      <c r="AI537" s="137"/>
      <c r="AJ537" s="137"/>
      <c r="AK537" s="137"/>
      <c r="AL537" s="137"/>
      <c r="AM537" s="137"/>
      <c r="AN537" s="137"/>
      <c r="AO537" s="137"/>
      <c r="AP537" s="137"/>
      <c r="AQ537" s="137"/>
      <c r="AR537" s="137"/>
      <c r="AS537" s="137"/>
      <c r="AT537" s="137"/>
      <c r="AU537" s="137"/>
      <c r="AV537" s="137"/>
      <c r="AW537" s="144"/>
    </row>
    <row r="538" spans="7:49" x14ac:dyDescent="0.2">
      <c r="G538" s="43"/>
      <c r="Z538" s="143"/>
      <c r="AA538" s="137"/>
      <c r="AB538" s="137"/>
      <c r="AC538" s="137"/>
      <c r="AD538" s="137"/>
      <c r="AE538" s="137"/>
      <c r="AF538" s="137"/>
      <c r="AG538" s="137"/>
      <c r="AH538" s="137"/>
      <c r="AI538" s="137"/>
      <c r="AJ538" s="137"/>
      <c r="AK538" s="137"/>
      <c r="AL538" s="137"/>
      <c r="AM538" s="137"/>
      <c r="AN538" s="137"/>
      <c r="AO538" s="137"/>
      <c r="AP538" s="137"/>
      <c r="AQ538" s="137"/>
      <c r="AR538" s="137"/>
      <c r="AS538" s="137"/>
      <c r="AT538" s="137"/>
      <c r="AU538" s="137"/>
      <c r="AV538" s="137"/>
      <c r="AW538" s="144"/>
    </row>
    <row r="539" spans="7:49" x14ac:dyDescent="0.2">
      <c r="G539" s="43"/>
      <c r="Z539" s="143"/>
      <c r="AA539" s="137"/>
      <c r="AB539" s="137"/>
      <c r="AC539" s="137"/>
      <c r="AD539" s="137"/>
      <c r="AE539" s="137"/>
      <c r="AF539" s="137"/>
      <c r="AG539" s="137"/>
      <c r="AH539" s="137"/>
      <c r="AI539" s="137"/>
      <c r="AJ539" s="137"/>
      <c r="AK539" s="137"/>
      <c r="AL539" s="137"/>
      <c r="AM539" s="137"/>
      <c r="AN539" s="137"/>
      <c r="AO539" s="137"/>
      <c r="AP539" s="137"/>
      <c r="AQ539" s="137"/>
      <c r="AR539" s="137"/>
      <c r="AS539" s="137"/>
      <c r="AT539" s="137"/>
      <c r="AU539" s="137"/>
      <c r="AV539" s="137"/>
      <c r="AW539" s="144"/>
    </row>
    <row r="540" spans="7:49" x14ac:dyDescent="0.2">
      <c r="G540" s="43"/>
      <c r="Z540" s="143"/>
      <c r="AA540" s="137"/>
      <c r="AB540" s="137"/>
      <c r="AC540" s="137"/>
      <c r="AD540" s="137"/>
      <c r="AE540" s="137"/>
      <c r="AF540" s="137"/>
      <c r="AG540" s="137"/>
      <c r="AH540" s="137"/>
      <c r="AI540" s="137"/>
      <c r="AJ540" s="137"/>
      <c r="AK540" s="137"/>
      <c r="AL540" s="137"/>
      <c r="AM540" s="137"/>
      <c r="AN540" s="137"/>
      <c r="AO540" s="137"/>
      <c r="AP540" s="137"/>
      <c r="AQ540" s="137"/>
      <c r="AR540" s="137"/>
      <c r="AS540" s="137"/>
      <c r="AT540" s="137"/>
      <c r="AU540" s="137"/>
      <c r="AV540" s="137"/>
      <c r="AW540" s="144"/>
    </row>
    <row r="541" spans="7:49" x14ac:dyDescent="0.2">
      <c r="G541" s="43"/>
      <c r="Z541" s="143"/>
      <c r="AA541" s="137"/>
      <c r="AB541" s="137"/>
      <c r="AC541" s="137"/>
      <c r="AD541" s="137"/>
      <c r="AE541" s="137"/>
      <c r="AF541" s="137"/>
      <c r="AG541" s="137"/>
      <c r="AH541" s="137"/>
      <c r="AI541" s="137"/>
      <c r="AJ541" s="137"/>
      <c r="AK541" s="137"/>
      <c r="AL541" s="137"/>
      <c r="AM541" s="137"/>
      <c r="AN541" s="137"/>
      <c r="AO541" s="137"/>
      <c r="AP541" s="137"/>
      <c r="AQ541" s="137"/>
      <c r="AR541" s="137"/>
      <c r="AS541" s="137"/>
      <c r="AT541" s="137"/>
      <c r="AU541" s="137"/>
      <c r="AV541" s="137"/>
      <c r="AW541" s="144"/>
    </row>
    <row r="542" spans="7:49" x14ac:dyDescent="0.2">
      <c r="G542" s="43"/>
      <c r="Z542" s="143"/>
      <c r="AA542" s="137"/>
      <c r="AB542" s="137"/>
      <c r="AC542" s="137"/>
      <c r="AD542" s="137"/>
      <c r="AE542" s="137"/>
      <c r="AF542" s="137"/>
      <c r="AG542" s="137"/>
      <c r="AH542" s="137"/>
      <c r="AI542" s="137"/>
      <c r="AJ542" s="137"/>
      <c r="AK542" s="137"/>
      <c r="AL542" s="137"/>
      <c r="AM542" s="137"/>
      <c r="AN542" s="137"/>
      <c r="AO542" s="137"/>
      <c r="AP542" s="137"/>
      <c r="AQ542" s="137"/>
      <c r="AR542" s="137"/>
      <c r="AS542" s="137"/>
      <c r="AT542" s="137"/>
      <c r="AU542" s="137"/>
      <c r="AV542" s="137"/>
      <c r="AW542" s="144"/>
    </row>
    <row r="543" spans="7:49" x14ac:dyDescent="0.2">
      <c r="G543" s="43"/>
      <c r="Z543" s="143"/>
      <c r="AA543" s="137"/>
      <c r="AB543" s="137"/>
      <c r="AC543" s="137"/>
      <c r="AD543" s="137"/>
      <c r="AE543" s="137"/>
      <c r="AF543" s="137"/>
      <c r="AG543" s="137"/>
      <c r="AH543" s="137"/>
      <c r="AI543" s="137"/>
      <c r="AJ543" s="137"/>
      <c r="AK543" s="137"/>
      <c r="AL543" s="137"/>
      <c r="AM543" s="137"/>
      <c r="AN543" s="137"/>
      <c r="AO543" s="137"/>
      <c r="AP543" s="137"/>
      <c r="AQ543" s="137"/>
      <c r="AR543" s="137"/>
      <c r="AS543" s="137"/>
      <c r="AT543" s="137"/>
      <c r="AU543" s="137"/>
      <c r="AV543" s="137"/>
      <c r="AW543" s="144"/>
    </row>
    <row r="544" spans="7:49" x14ac:dyDescent="0.2">
      <c r="G544" s="43"/>
      <c r="Z544" s="143"/>
      <c r="AA544" s="137"/>
      <c r="AB544" s="137"/>
      <c r="AC544" s="137"/>
      <c r="AD544" s="137"/>
      <c r="AE544" s="137"/>
      <c r="AF544" s="137"/>
      <c r="AG544" s="137"/>
      <c r="AH544" s="137"/>
      <c r="AI544" s="137"/>
      <c r="AJ544" s="137"/>
      <c r="AK544" s="137"/>
      <c r="AL544" s="137"/>
      <c r="AM544" s="137"/>
      <c r="AN544" s="137"/>
      <c r="AO544" s="137"/>
      <c r="AP544" s="137"/>
      <c r="AQ544" s="137"/>
      <c r="AR544" s="137"/>
      <c r="AS544" s="137"/>
      <c r="AT544" s="137"/>
      <c r="AU544" s="137"/>
      <c r="AV544" s="137"/>
      <c r="AW544" s="144"/>
    </row>
    <row r="545" spans="7:49" x14ac:dyDescent="0.2">
      <c r="G545" s="43"/>
      <c r="Z545" s="143"/>
      <c r="AA545" s="137"/>
      <c r="AB545" s="137"/>
      <c r="AC545" s="137"/>
      <c r="AD545" s="137"/>
      <c r="AE545" s="137"/>
      <c r="AF545" s="137"/>
      <c r="AG545" s="137"/>
      <c r="AH545" s="137"/>
      <c r="AI545" s="137"/>
      <c r="AJ545" s="137"/>
      <c r="AK545" s="137"/>
      <c r="AL545" s="137"/>
      <c r="AM545" s="137"/>
      <c r="AN545" s="137"/>
      <c r="AO545" s="137"/>
      <c r="AP545" s="137"/>
      <c r="AQ545" s="137"/>
      <c r="AR545" s="137"/>
      <c r="AS545" s="137"/>
      <c r="AT545" s="137"/>
      <c r="AU545" s="137"/>
      <c r="AV545" s="137"/>
      <c r="AW545" s="144"/>
    </row>
    <row r="546" spans="7:49" x14ac:dyDescent="0.2">
      <c r="G546" s="43"/>
      <c r="Z546" s="143"/>
      <c r="AA546" s="137"/>
      <c r="AB546" s="137"/>
      <c r="AC546" s="137"/>
      <c r="AD546" s="137"/>
      <c r="AE546" s="137"/>
      <c r="AF546" s="137"/>
      <c r="AG546" s="137"/>
      <c r="AH546" s="137"/>
      <c r="AI546" s="137"/>
      <c r="AJ546" s="137"/>
      <c r="AK546" s="137"/>
      <c r="AL546" s="137"/>
      <c r="AM546" s="137"/>
      <c r="AN546" s="137"/>
      <c r="AO546" s="137"/>
      <c r="AP546" s="137"/>
      <c r="AQ546" s="137"/>
      <c r="AR546" s="137"/>
      <c r="AS546" s="137"/>
      <c r="AT546" s="137"/>
      <c r="AU546" s="137"/>
      <c r="AV546" s="137"/>
      <c r="AW546" s="144"/>
    </row>
    <row r="547" spans="7:49" x14ac:dyDescent="0.2">
      <c r="G547" s="43"/>
      <c r="Z547" s="143"/>
      <c r="AA547" s="137"/>
      <c r="AB547" s="137"/>
      <c r="AC547" s="137"/>
      <c r="AD547" s="137"/>
      <c r="AE547" s="137"/>
      <c r="AF547" s="137"/>
      <c r="AG547" s="137"/>
      <c r="AH547" s="137"/>
      <c r="AI547" s="137"/>
      <c r="AJ547" s="137"/>
      <c r="AK547" s="137"/>
      <c r="AL547" s="137"/>
      <c r="AM547" s="137"/>
      <c r="AN547" s="137"/>
      <c r="AO547" s="137"/>
      <c r="AP547" s="137"/>
      <c r="AQ547" s="137"/>
      <c r="AR547" s="137"/>
      <c r="AS547" s="137"/>
      <c r="AT547" s="137"/>
      <c r="AU547" s="137"/>
      <c r="AV547" s="137"/>
      <c r="AW547" s="144"/>
    </row>
    <row r="548" spans="7:49" x14ac:dyDescent="0.2">
      <c r="G548" s="43"/>
      <c r="Z548" s="143"/>
      <c r="AA548" s="137"/>
      <c r="AB548" s="137"/>
      <c r="AC548" s="137"/>
      <c r="AD548" s="137"/>
      <c r="AE548" s="137"/>
      <c r="AF548" s="137"/>
      <c r="AG548" s="137"/>
      <c r="AH548" s="137"/>
      <c r="AI548" s="137"/>
      <c r="AJ548" s="137"/>
      <c r="AK548" s="137"/>
      <c r="AL548" s="137"/>
      <c r="AM548" s="137"/>
      <c r="AN548" s="137"/>
      <c r="AO548" s="137"/>
      <c r="AP548" s="137"/>
      <c r="AQ548" s="137"/>
      <c r="AR548" s="137"/>
      <c r="AS548" s="137"/>
      <c r="AT548" s="137"/>
      <c r="AU548" s="137"/>
      <c r="AV548" s="137"/>
      <c r="AW548" s="144"/>
    </row>
    <row r="549" spans="7:49" x14ac:dyDescent="0.2">
      <c r="G549" s="43"/>
      <c r="Z549" s="143"/>
      <c r="AA549" s="137"/>
      <c r="AB549" s="137"/>
      <c r="AC549" s="137"/>
      <c r="AD549" s="137"/>
      <c r="AE549" s="137"/>
      <c r="AF549" s="137"/>
      <c r="AG549" s="137"/>
      <c r="AH549" s="137"/>
      <c r="AI549" s="137"/>
      <c r="AJ549" s="137"/>
      <c r="AK549" s="137"/>
      <c r="AL549" s="137"/>
      <c r="AM549" s="137"/>
      <c r="AN549" s="137"/>
      <c r="AO549" s="137"/>
      <c r="AP549" s="137"/>
      <c r="AQ549" s="137"/>
      <c r="AR549" s="137"/>
      <c r="AS549" s="137"/>
      <c r="AT549" s="137"/>
      <c r="AU549" s="137"/>
      <c r="AV549" s="137"/>
      <c r="AW549" s="144"/>
    </row>
    <row r="550" spans="7:49" x14ac:dyDescent="0.2">
      <c r="G550" s="43"/>
      <c r="Z550" s="143"/>
      <c r="AA550" s="137"/>
      <c r="AB550" s="137"/>
      <c r="AC550" s="137"/>
      <c r="AD550" s="137"/>
      <c r="AE550" s="137"/>
      <c r="AF550" s="137"/>
      <c r="AG550" s="137"/>
      <c r="AH550" s="137"/>
      <c r="AI550" s="137"/>
      <c r="AJ550" s="137"/>
      <c r="AK550" s="137"/>
      <c r="AL550" s="137"/>
      <c r="AM550" s="137"/>
      <c r="AN550" s="137"/>
      <c r="AO550" s="137"/>
      <c r="AP550" s="137"/>
      <c r="AQ550" s="137"/>
      <c r="AR550" s="137"/>
      <c r="AS550" s="137"/>
      <c r="AT550" s="137"/>
      <c r="AU550" s="137"/>
      <c r="AV550" s="137"/>
      <c r="AW550" s="144"/>
    </row>
    <row r="551" spans="7:49" x14ac:dyDescent="0.2">
      <c r="G551" s="43"/>
      <c r="Z551" s="143"/>
      <c r="AA551" s="137"/>
      <c r="AB551" s="137"/>
      <c r="AC551" s="137"/>
      <c r="AD551" s="137"/>
      <c r="AE551" s="137"/>
      <c r="AF551" s="137"/>
      <c r="AG551" s="137"/>
      <c r="AH551" s="137"/>
      <c r="AI551" s="137"/>
      <c r="AJ551" s="137"/>
      <c r="AK551" s="137"/>
      <c r="AL551" s="137"/>
      <c r="AM551" s="137"/>
      <c r="AN551" s="137"/>
      <c r="AO551" s="137"/>
      <c r="AP551" s="137"/>
      <c r="AQ551" s="137"/>
      <c r="AR551" s="137"/>
      <c r="AS551" s="137"/>
      <c r="AT551" s="137"/>
      <c r="AU551" s="137"/>
      <c r="AV551" s="137"/>
      <c r="AW551" s="144"/>
    </row>
    <row r="552" spans="7:49" x14ac:dyDescent="0.2">
      <c r="G552" s="43"/>
      <c r="Z552" s="143"/>
      <c r="AA552" s="137"/>
      <c r="AB552" s="137"/>
      <c r="AC552" s="137"/>
      <c r="AD552" s="137"/>
      <c r="AE552" s="137"/>
      <c r="AF552" s="137"/>
      <c r="AG552" s="137"/>
      <c r="AH552" s="137"/>
      <c r="AI552" s="137"/>
      <c r="AJ552" s="137"/>
      <c r="AK552" s="137"/>
      <c r="AL552" s="137"/>
      <c r="AM552" s="137"/>
      <c r="AN552" s="137"/>
      <c r="AO552" s="137"/>
      <c r="AP552" s="137"/>
      <c r="AQ552" s="137"/>
      <c r="AR552" s="137"/>
      <c r="AS552" s="137"/>
      <c r="AT552" s="137"/>
      <c r="AU552" s="137"/>
      <c r="AV552" s="137"/>
      <c r="AW552" s="144"/>
    </row>
    <row r="553" spans="7:49" x14ac:dyDescent="0.2">
      <c r="G553" s="43"/>
      <c r="Z553" s="143"/>
      <c r="AA553" s="137"/>
      <c r="AB553" s="137"/>
      <c r="AC553" s="137"/>
      <c r="AD553" s="137"/>
      <c r="AE553" s="137"/>
      <c r="AF553" s="137"/>
      <c r="AG553" s="137"/>
      <c r="AH553" s="137"/>
      <c r="AI553" s="137"/>
      <c r="AJ553" s="137"/>
      <c r="AK553" s="137"/>
      <c r="AL553" s="137"/>
      <c r="AM553" s="137"/>
      <c r="AN553" s="137"/>
      <c r="AO553" s="137"/>
      <c r="AP553" s="137"/>
      <c r="AQ553" s="137"/>
      <c r="AR553" s="137"/>
      <c r="AS553" s="137"/>
      <c r="AT553" s="137"/>
      <c r="AU553" s="137"/>
      <c r="AV553" s="137"/>
      <c r="AW553" s="144"/>
    </row>
    <row r="554" spans="7:49" x14ac:dyDescent="0.2">
      <c r="G554" s="43"/>
      <c r="Z554" s="143"/>
      <c r="AA554" s="137"/>
      <c r="AB554" s="137"/>
      <c r="AC554" s="137"/>
      <c r="AD554" s="137"/>
      <c r="AE554" s="137"/>
      <c r="AF554" s="137"/>
      <c r="AG554" s="137"/>
      <c r="AH554" s="137"/>
      <c r="AI554" s="137"/>
      <c r="AJ554" s="137"/>
      <c r="AK554" s="137"/>
      <c r="AL554" s="137"/>
      <c r="AM554" s="137"/>
      <c r="AN554" s="137"/>
      <c r="AO554" s="137"/>
      <c r="AP554" s="137"/>
      <c r="AQ554" s="137"/>
      <c r="AR554" s="137"/>
      <c r="AS554" s="137"/>
      <c r="AT554" s="137"/>
      <c r="AU554" s="137"/>
      <c r="AV554" s="137"/>
      <c r="AW554" s="144"/>
    </row>
    <row r="555" spans="7:49" x14ac:dyDescent="0.2">
      <c r="G555" s="43"/>
      <c r="Z555" s="143"/>
      <c r="AA555" s="137"/>
      <c r="AB555" s="137"/>
      <c r="AC555" s="137"/>
      <c r="AD555" s="137"/>
      <c r="AE555" s="137"/>
      <c r="AF555" s="137"/>
      <c r="AG555" s="137"/>
      <c r="AH555" s="137"/>
      <c r="AI555" s="137"/>
      <c r="AJ555" s="137"/>
      <c r="AK555" s="137"/>
      <c r="AL555" s="137"/>
      <c r="AM555" s="137"/>
      <c r="AN555" s="137"/>
      <c r="AO555" s="137"/>
      <c r="AP555" s="137"/>
      <c r="AQ555" s="137"/>
      <c r="AR555" s="137"/>
      <c r="AS555" s="137"/>
      <c r="AT555" s="137"/>
      <c r="AU555" s="137"/>
      <c r="AV555" s="137"/>
      <c r="AW555" s="144"/>
    </row>
    <row r="556" spans="7:49" x14ac:dyDescent="0.2">
      <c r="G556" s="43"/>
      <c r="Z556" s="143"/>
      <c r="AA556" s="137"/>
      <c r="AB556" s="137"/>
      <c r="AC556" s="137"/>
      <c r="AD556" s="137"/>
      <c r="AE556" s="137"/>
      <c r="AF556" s="137"/>
      <c r="AG556" s="137"/>
      <c r="AH556" s="137"/>
      <c r="AI556" s="137"/>
      <c r="AJ556" s="137"/>
      <c r="AK556" s="137"/>
      <c r="AL556" s="137"/>
      <c r="AM556" s="137"/>
      <c r="AN556" s="137"/>
      <c r="AO556" s="137"/>
      <c r="AP556" s="137"/>
      <c r="AQ556" s="137"/>
      <c r="AR556" s="137"/>
      <c r="AS556" s="137"/>
      <c r="AT556" s="137"/>
      <c r="AU556" s="137"/>
      <c r="AV556" s="137"/>
      <c r="AW556" s="144"/>
    </row>
    <row r="557" spans="7:49" x14ac:dyDescent="0.2">
      <c r="G557" s="43"/>
      <c r="Z557" s="143"/>
      <c r="AA557" s="137"/>
      <c r="AB557" s="137"/>
      <c r="AC557" s="137"/>
      <c r="AD557" s="137"/>
      <c r="AE557" s="137"/>
      <c r="AF557" s="137"/>
      <c r="AG557" s="137"/>
      <c r="AH557" s="137"/>
      <c r="AI557" s="137"/>
      <c r="AJ557" s="137"/>
      <c r="AK557" s="137"/>
      <c r="AL557" s="137"/>
      <c r="AM557" s="137"/>
      <c r="AN557" s="137"/>
      <c r="AO557" s="137"/>
      <c r="AP557" s="137"/>
      <c r="AQ557" s="137"/>
      <c r="AR557" s="137"/>
      <c r="AS557" s="137"/>
      <c r="AT557" s="137"/>
      <c r="AU557" s="137"/>
      <c r="AV557" s="137"/>
      <c r="AW557" s="144"/>
    </row>
    <row r="558" spans="7:49" x14ac:dyDescent="0.2">
      <c r="G558" s="43"/>
      <c r="Z558" s="143"/>
      <c r="AA558" s="137"/>
      <c r="AB558" s="137"/>
      <c r="AC558" s="137"/>
      <c r="AD558" s="137"/>
      <c r="AE558" s="137"/>
      <c r="AF558" s="137"/>
      <c r="AG558" s="137"/>
      <c r="AH558" s="137"/>
      <c r="AI558" s="137"/>
      <c r="AJ558" s="137"/>
      <c r="AK558" s="137"/>
      <c r="AL558" s="137"/>
      <c r="AM558" s="137"/>
      <c r="AN558" s="137"/>
      <c r="AO558" s="137"/>
      <c r="AP558" s="137"/>
      <c r="AQ558" s="137"/>
      <c r="AR558" s="137"/>
      <c r="AS558" s="137"/>
      <c r="AT558" s="137"/>
      <c r="AU558" s="137"/>
      <c r="AV558" s="137"/>
      <c r="AW558" s="144"/>
    </row>
    <row r="559" spans="7:49" x14ac:dyDescent="0.2">
      <c r="G559" s="43"/>
      <c r="Z559" s="143"/>
      <c r="AA559" s="137"/>
      <c r="AB559" s="137"/>
      <c r="AC559" s="137"/>
      <c r="AD559" s="137"/>
      <c r="AE559" s="137"/>
      <c r="AF559" s="137"/>
      <c r="AG559" s="137"/>
      <c r="AH559" s="137"/>
      <c r="AI559" s="137"/>
      <c r="AJ559" s="137"/>
      <c r="AK559" s="137"/>
      <c r="AL559" s="137"/>
      <c r="AM559" s="137"/>
      <c r="AN559" s="137"/>
      <c r="AO559" s="137"/>
      <c r="AP559" s="137"/>
      <c r="AQ559" s="137"/>
      <c r="AR559" s="137"/>
      <c r="AS559" s="137"/>
      <c r="AT559" s="137"/>
      <c r="AU559" s="137"/>
      <c r="AV559" s="137"/>
      <c r="AW559" s="144"/>
    </row>
    <row r="560" spans="7:49" x14ac:dyDescent="0.2">
      <c r="G560" s="43"/>
      <c r="Z560" s="143"/>
      <c r="AA560" s="137"/>
      <c r="AB560" s="137"/>
      <c r="AC560" s="137"/>
      <c r="AD560" s="137"/>
      <c r="AE560" s="137"/>
      <c r="AF560" s="137"/>
      <c r="AG560" s="137"/>
      <c r="AH560" s="137"/>
      <c r="AI560" s="137"/>
      <c r="AJ560" s="137"/>
      <c r="AK560" s="137"/>
      <c r="AL560" s="137"/>
      <c r="AM560" s="137"/>
      <c r="AN560" s="137"/>
      <c r="AO560" s="137"/>
      <c r="AP560" s="137"/>
      <c r="AQ560" s="137"/>
      <c r="AR560" s="137"/>
      <c r="AS560" s="137"/>
      <c r="AT560" s="137"/>
      <c r="AU560" s="137"/>
      <c r="AV560" s="137"/>
      <c r="AW560" s="144"/>
    </row>
    <row r="561" spans="7:49" x14ac:dyDescent="0.2">
      <c r="G561" s="43"/>
      <c r="Z561" s="143"/>
      <c r="AA561" s="137"/>
      <c r="AB561" s="137"/>
      <c r="AC561" s="137"/>
      <c r="AD561" s="137"/>
      <c r="AE561" s="137"/>
      <c r="AF561" s="137"/>
      <c r="AG561" s="137"/>
      <c r="AH561" s="137"/>
      <c r="AI561" s="137"/>
      <c r="AJ561" s="137"/>
      <c r="AK561" s="137"/>
      <c r="AL561" s="137"/>
      <c r="AM561" s="137"/>
      <c r="AN561" s="137"/>
      <c r="AO561" s="137"/>
      <c r="AP561" s="137"/>
      <c r="AQ561" s="137"/>
      <c r="AR561" s="137"/>
      <c r="AS561" s="137"/>
      <c r="AT561" s="137"/>
      <c r="AU561" s="137"/>
      <c r="AV561" s="137"/>
      <c r="AW561" s="144"/>
    </row>
    <row r="562" spans="7:49" x14ac:dyDescent="0.2">
      <c r="G562" s="43"/>
      <c r="Z562" s="143"/>
      <c r="AA562" s="137"/>
      <c r="AB562" s="137"/>
      <c r="AC562" s="137"/>
      <c r="AD562" s="137"/>
      <c r="AE562" s="137"/>
      <c r="AF562" s="137"/>
      <c r="AG562" s="137"/>
      <c r="AH562" s="137"/>
      <c r="AI562" s="137"/>
      <c r="AJ562" s="137"/>
      <c r="AK562" s="137"/>
      <c r="AL562" s="137"/>
      <c r="AM562" s="137"/>
      <c r="AN562" s="137"/>
      <c r="AO562" s="137"/>
      <c r="AP562" s="137"/>
      <c r="AQ562" s="137"/>
      <c r="AR562" s="137"/>
      <c r="AS562" s="137"/>
      <c r="AT562" s="137"/>
      <c r="AU562" s="137"/>
      <c r="AV562" s="137"/>
      <c r="AW562" s="144"/>
    </row>
    <row r="563" spans="7:49" x14ac:dyDescent="0.2">
      <c r="G563" s="43"/>
      <c r="Z563" s="143"/>
      <c r="AA563" s="137"/>
      <c r="AB563" s="137"/>
      <c r="AC563" s="137"/>
      <c r="AD563" s="137"/>
      <c r="AE563" s="137"/>
      <c r="AF563" s="137"/>
      <c r="AG563" s="137"/>
      <c r="AH563" s="137"/>
      <c r="AI563" s="137"/>
      <c r="AJ563" s="137"/>
      <c r="AK563" s="137"/>
      <c r="AL563" s="137"/>
      <c r="AM563" s="137"/>
      <c r="AN563" s="137"/>
      <c r="AO563" s="137"/>
      <c r="AP563" s="137"/>
      <c r="AQ563" s="137"/>
      <c r="AR563" s="137"/>
      <c r="AS563" s="137"/>
      <c r="AT563" s="137"/>
      <c r="AU563" s="137"/>
      <c r="AV563" s="137"/>
      <c r="AW563" s="144"/>
    </row>
    <row r="564" spans="7:49" x14ac:dyDescent="0.2">
      <c r="G564" s="43"/>
      <c r="Z564" s="143"/>
      <c r="AA564" s="137"/>
      <c r="AB564" s="137"/>
      <c r="AC564" s="137"/>
      <c r="AD564" s="137"/>
      <c r="AE564" s="137"/>
      <c r="AF564" s="137"/>
      <c r="AG564" s="137"/>
      <c r="AH564" s="137"/>
      <c r="AI564" s="137"/>
      <c r="AJ564" s="137"/>
      <c r="AK564" s="137"/>
      <c r="AL564" s="137"/>
      <c r="AM564" s="137"/>
      <c r="AN564" s="137"/>
      <c r="AO564" s="137"/>
      <c r="AP564" s="137"/>
      <c r="AQ564" s="137"/>
      <c r="AR564" s="137"/>
      <c r="AS564" s="137"/>
      <c r="AT564" s="137"/>
      <c r="AU564" s="137"/>
      <c r="AV564" s="137"/>
      <c r="AW564" s="144"/>
    </row>
    <row r="565" spans="7:49" x14ac:dyDescent="0.2">
      <c r="G565" s="43"/>
      <c r="Z565" s="143"/>
      <c r="AA565" s="137"/>
      <c r="AB565" s="137"/>
      <c r="AC565" s="137"/>
      <c r="AD565" s="137"/>
      <c r="AE565" s="137"/>
      <c r="AF565" s="137"/>
      <c r="AG565" s="137"/>
      <c r="AH565" s="137"/>
      <c r="AI565" s="137"/>
      <c r="AJ565" s="137"/>
      <c r="AK565" s="137"/>
      <c r="AL565" s="137"/>
      <c r="AM565" s="137"/>
      <c r="AN565" s="137"/>
      <c r="AO565" s="137"/>
      <c r="AP565" s="137"/>
      <c r="AQ565" s="137"/>
      <c r="AR565" s="137"/>
      <c r="AS565" s="137"/>
      <c r="AT565" s="137"/>
      <c r="AU565" s="137"/>
      <c r="AV565" s="137"/>
      <c r="AW565" s="144"/>
    </row>
    <row r="566" spans="7:49" x14ac:dyDescent="0.2">
      <c r="G566" s="43"/>
      <c r="Z566" s="143"/>
      <c r="AA566" s="137"/>
      <c r="AB566" s="137"/>
      <c r="AC566" s="137"/>
      <c r="AD566" s="137"/>
      <c r="AE566" s="137"/>
      <c r="AF566" s="137"/>
      <c r="AG566" s="137"/>
      <c r="AH566" s="137"/>
      <c r="AI566" s="137"/>
      <c r="AJ566" s="137"/>
      <c r="AK566" s="137"/>
      <c r="AL566" s="137"/>
      <c r="AM566" s="137"/>
      <c r="AN566" s="137"/>
      <c r="AO566" s="137"/>
      <c r="AP566" s="137"/>
      <c r="AQ566" s="137"/>
      <c r="AR566" s="137"/>
      <c r="AS566" s="137"/>
      <c r="AT566" s="137"/>
      <c r="AU566" s="137"/>
      <c r="AV566" s="137"/>
      <c r="AW566" s="144"/>
    </row>
    <row r="567" spans="7:49" x14ac:dyDescent="0.2">
      <c r="G567" s="43"/>
      <c r="Z567" s="143"/>
      <c r="AA567" s="137"/>
      <c r="AB567" s="137"/>
      <c r="AC567" s="137"/>
      <c r="AD567" s="137"/>
      <c r="AE567" s="137"/>
      <c r="AF567" s="137"/>
      <c r="AG567" s="137"/>
      <c r="AH567" s="137"/>
      <c r="AI567" s="137"/>
      <c r="AJ567" s="137"/>
      <c r="AK567" s="137"/>
      <c r="AL567" s="137"/>
      <c r="AM567" s="137"/>
      <c r="AN567" s="137"/>
      <c r="AO567" s="137"/>
      <c r="AP567" s="137"/>
      <c r="AQ567" s="137"/>
      <c r="AR567" s="137"/>
      <c r="AS567" s="137"/>
      <c r="AT567" s="137"/>
      <c r="AU567" s="137"/>
      <c r="AV567" s="137"/>
      <c r="AW567" s="144"/>
    </row>
    <row r="568" spans="7:49" x14ac:dyDescent="0.2">
      <c r="G568" s="43"/>
      <c r="Z568" s="143"/>
      <c r="AA568" s="137"/>
      <c r="AB568" s="137"/>
      <c r="AC568" s="137"/>
      <c r="AD568" s="137"/>
      <c r="AE568" s="137"/>
      <c r="AF568" s="137"/>
      <c r="AG568" s="137"/>
      <c r="AH568" s="137"/>
      <c r="AI568" s="137"/>
      <c r="AJ568" s="137"/>
      <c r="AK568" s="137"/>
      <c r="AL568" s="137"/>
      <c r="AM568" s="137"/>
      <c r="AN568" s="137"/>
      <c r="AO568" s="137"/>
      <c r="AP568" s="137"/>
      <c r="AQ568" s="137"/>
      <c r="AR568" s="137"/>
      <c r="AS568" s="137"/>
      <c r="AT568" s="137"/>
      <c r="AU568" s="137"/>
      <c r="AV568" s="137"/>
      <c r="AW568" s="144"/>
    </row>
    <row r="569" spans="7:49" x14ac:dyDescent="0.2">
      <c r="G569" s="43"/>
      <c r="Z569" s="143"/>
      <c r="AA569" s="137"/>
      <c r="AB569" s="137"/>
      <c r="AC569" s="137"/>
      <c r="AD569" s="137"/>
      <c r="AE569" s="137"/>
      <c r="AF569" s="137"/>
      <c r="AG569" s="137"/>
      <c r="AH569" s="137"/>
      <c r="AI569" s="137"/>
      <c r="AJ569" s="137"/>
      <c r="AK569" s="137"/>
      <c r="AL569" s="137"/>
      <c r="AM569" s="137"/>
      <c r="AN569" s="137"/>
      <c r="AO569" s="137"/>
      <c r="AP569" s="137"/>
      <c r="AQ569" s="137"/>
      <c r="AR569" s="137"/>
      <c r="AS569" s="137"/>
      <c r="AT569" s="137"/>
      <c r="AU569" s="137"/>
      <c r="AV569" s="137"/>
      <c r="AW569" s="144"/>
    </row>
    <row r="570" spans="7:49" x14ac:dyDescent="0.2">
      <c r="G570" s="43"/>
      <c r="Z570" s="143"/>
      <c r="AA570" s="137"/>
      <c r="AB570" s="137"/>
      <c r="AC570" s="137"/>
      <c r="AD570" s="137"/>
      <c r="AE570" s="137"/>
      <c r="AF570" s="137"/>
      <c r="AG570" s="137"/>
      <c r="AH570" s="137"/>
      <c r="AI570" s="137"/>
      <c r="AJ570" s="137"/>
      <c r="AK570" s="137"/>
      <c r="AL570" s="137"/>
      <c r="AM570" s="137"/>
      <c r="AN570" s="137"/>
      <c r="AO570" s="137"/>
      <c r="AP570" s="137"/>
      <c r="AQ570" s="137"/>
      <c r="AR570" s="137"/>
      <c r="AS570" s="137"/>
      <c r="AT570" s="137"/>
      <c r="AU570" s="137"/>
      <c r="AV570" s="137"/>
      <c r="AW570" s="144"/>
    </row>
    <row r="571" spans="7:49" x14ac:dyDescent="0.2">
      <c r="G571" s="43"/>
      <c r="Z571" s="143"/>
      <c r="AA571" s="137"/>
      <c r="AB571" s="137"/>
      <c r="AC571" s="137"/>
      <c r="AD571" s="137"/>
      <c r="AE571" s="137"/>
      <c r="AF571" s="137"/>
      <c r="AG571" s="137"/>
      <c r="AH571" s="137"/>
      <c r="AI571" s="137"/>
      <c r="AJ571" s="137"/>
      <c r="AK571" s="137"/>
      <c r="AL571" s="137"/>
      <c r="AM571" s="137"/>
      <c r="AN571" s="137"/>
      <c r="AO571" s="137"/>
      <c r="AP571" s="137"/>
      <c r="AQ571" s="137"/>
      <c r="AR571" s="137"/>
      <c r="AS571" s="137"/>
      <c r="AT571" s="137"/>
      <c r="AU571" s="137"/>
      <c r="AV571" s="137"/>
      <c r="AW571" s="144"/>
    </row>
    <row r="572" spans="7:49" x14ac:dyDescent="0.2">
      <c r="G572" s="43"/>
      <c r="Z572" s="143"/>
      <c r="AA572" s="137"/>
      <c r="AB572" s="137"/>
      <c r="AC572" s="137"/>
      <c r="AD572" s="137"/>
      <c r="AE572" s="137"/>
      <c r="AF572" s="137"/>
      <c r="AG572" s="137"/>
      <c r="AH572" s="137"/>
      <c r="AI572" s="137"/>
      <c r="AJ572" s="137"/>
      <c r="AK572" s="137"/>
      <c r="AL572" s="137"/>
      <c r="AM572" s="137"/>
      <c r="AN572" s="137"/>
      <c r="AO572" s="137"/>
      <c r="AP572" s="137"/>
      <c r="AQ572" s="137"/>
      <c r="AR572" s="137"/>
      <c r="AS572" s="137"/>
      <c r="AT572" s="137"/>
      <c r="AU572" s="137"/>
      <c r="AV572" s="137"/>
      <c r="AW572" s="144"/>
    </row>
    <row r="573" spans="7:49" x14ac:dyDescent="0.2">
      <c r="G573" s="43"/>
      <c r="Z573" s="143"/>
      <c r="AA573" s="137"/>
      <c r="AB573" s="137"/>
      <c r="AC573" s="137"/>
      <c r="AD573" s="137"/>
      <c r="AE573" s="137"/>
      <c r="AF573" s="137"/>
      <c r="AG573" s="137"/>
      <c r="AH573" s="137"/>
      <c r="AI573" s="137"/>
      <c r="AJ573" s="137"/>
      <c r="AK573" s="137"/>
      <c r="AL573" s="137"/>
      <c r="AM573" s="137"/>
      <c r="AN573" s="137"/>
      <c r="AO573" s="137"/>
      <c r="AP573" s="137"/>
      <c r="AQ573" s="137"/>
      <c r="AR573" s="137"/>
      <c r="AS573" s="137"/>
      <c r="AT573" s="137"/>
      <c r="AU573" s="137"/>
      <c r="AV573" s="137"/>
      <c r="AW573" s="144"/>
    </row>
    <row r="574" spans="7:49" x14ac:dyDescent="0.2">
      <c r="G574" s="43"/>
      <c r="Z574" s="143"/>
      <c r="AA574" s="137"/>
      <c r="AB574" s="137"/>
      <c r="AC574" s="137"/>
      <c r="AD574" s="137"/>
      <c r="AE574" s="137"/>
      <c r="AF574" s="137"/>
      <c r="AG574" s="137"/>
      <c r="AH574" s="137"/>
      <c r="AI574" s="137"/>
      <c r="AJ574" s="137"/>
      <c r="AK574" s="137"/>
      <c r="AL574" s="137"/>
      <c r="AM574" s="137"/>
      <c r="AN574" s="137"/>
      <c r="AO574" s="137"/>
      <c r="AP574" s="137"/>
      <c r="AQ574" s="137"/>
      <c r="AR574" s="137"/>
      <c r="AS574" s="137"/>
      <c r="AT574" s="137"/>
      <c r="AU574" s="137"/>
      <c r="AV574" s="137"/>
      <c r="AW574" s="144"/>
    </row>
    <row r="575" spans="7:49" x14ac:dyDescent="0.2">
      <c r="G575" s="43"/>
      <c r="Z575" s="143"/>
      <c r="AA575" s="137"/>
      <c r="AB575" s="137"/>
      <c r="AC575" s="137"/>
      <c r="AD575" s="137"/>
      <c r="AE575" s="137"/>
      <c r="AF575" s="137"/>
      <c r="AG575" s="137"/>
      <c r="AH575" s="137"/>
      <c r="AI575" s="137"/>
      <c r="AJ575" s="137"/>
      <c r="AK575" s="137"/>
      <c r="AL575" s="137"/>
      <c r="AM575" s="137"/>
      <c r="AN575" s="137"/>
      <c r="AO575" s="137"/>
      <c r="AP575" s="137"/>
      <c r="AQ575" s="137"/>
      <c r="AR575" s="137"/>
      <c r="AS575" s="137"/>
      <c r="AT575" s="137"/>
      <c r="AU575" s="137"/>
      <c r="AV575" s="137"/>
      <c r="AW575" s="144"/>
    </row>
    <row r="576" spans="7:49" x14ac:dyDescent="0.2">
      <c r="G576" s="43"/>
      <c r="Z576" s="143"/>
      <c r="AA576" s="137"/>
      <c r="AB576" s="137"/>
      <c r="AC576" s="137"/>
      <c r="AD576" s="137"/>
      <c r="AE576" s="137"/>
      <c r="AF576" s="137"/>
      <c r="AG576" s="137"/>
      <c r="AH576" s="137"/>
      <c r="AI576" s="137"/>
      <c r="AJ576" s="137"/>
      <c r="AK576" s="137"/>
      <c r="AL576" s="137"/>
      <c r="AM576" s="137"/>
      <c r="AN576" s="137"/>
      <c r="AO576" s="137"/>
      <c r="AP576" s="137"/>
      <c r="AQ576" s="137"/>
      <c r="AR576" s="137"/>
      <c r="AS576" s="137"/>
      <c r="AT576" s="137"/>
      <c r="AU576" s="137"/>
      <c r="AV576" s="137"/>
      <c r="AW576" s="144"/>
    </row>
    <row r="577" spans="7:49" x14ac:dyDescent="0.2">
      <c r="G577" s="43"/>
      <c r="Z577" s="143"/>
      <c r="AA577" s="137"/>
      <c r="AB577" s="137"/>
      <c r="AC577" s="137"/>
      <c r="AD577" s="137"/>
      <c r="AE577" s="137"/>
      <c r="AF577" s="137"/>
      <c r="AG577" s="137"/>
      <c r="AH577" s="137"/>
      <c r="AI577" s="137"/>
      <c r="AJ577" s="137"/>
      <c r="AK577" s="137"/>
      <c r="AL577" s="137"/>
      <c r="AM577" s="137"/>
      <c r="AN577" s="137"/>
      <c r="AO577" s="137"/>
      <c r="AP577" s="137"/>
      <c r="AQ577" s="137"/>
      <c r="AR577" s="137"/>
      <c r="AS577" s="137"/>
      <c r="AT577" s="137"/>
      <c r="AU577" s="137"/>
      <c r="AV577" s="137"/>
      <c r="AW577" s="144"/>
    </row>
    <row r="578" spans="7:49" x14ac:dyDescent="0.2">
      <c r="G578" s="43"/>
      <c r="Z578" s="143"/>
      <c r="AA578" s="137"/>
      <c r="AB578" s="137"/>
      <c r="AC578" s="137"/>
      <c r="AD578" s="137"/>
      <c r="AE578" s="137"/>
      <c r="AF578" s="137"/>
      <c r="AG578" s="137"/>
      <c r="AH578" s="137"/>
      <c r="AI578" s="137"/>
      <c r="AJ578" s="137"/>
      <c r="AK578" s="137"/>
      <c r="AL578" s="137"/>
      <c r="AM578" s="137"/>
      <c r="AN578" s="137"/>
      <c r="AO578" s="137"/>
      <c r="AP578" s="137"/>
      <c r="AQ578" s="137"/>
      <c r="AR578" s="137"/>
      <c r="AS578" s="137"/>
      <c r="AT578" s="137"/>
      <c r="AU578" s="137"/>
      <c r="AV578" s="137"/>
      <c r="AW578" s="144"/>
    </row>
    <row r="579" spans="7:49" x14ac:dyDescent="0.2">
      <c r="G579" s="43"/>
      <c r="Z579" s="143"/>
      <c r="AA579" s="137"/>
      <c r="AB579" s="137"/>
      <c r="AC579" s="137"/>
      <c r="AD579" s="137"/>
      <c r="AE579" s="137"/>
      <c r="AF579" s="137"/>
      <c r="AG579" s="137"/>
      <c r="AH579" s="137"/>
      <c r="AI579" s="137"/>
      <c r="AJ579" s="137"/>
      <c r="AK579" s="137"/>
      <c r="AL579" s="137"/>
      <c r="AM579" s="137"/>
      <c r="AN579" s="137"/>
      <c r="AO579" s="137"/>
      <c r="AP579" s="137"/>
      <c r="AQ579" s="137"/>
      <c r="AR579" s="137"/>
      <c r="AS579" s="137"/>
      <c r="AT579" s="137"/>
      <c r="AU579" s="137"/>
      <c r="AV579" s="137"/>
      <c r="AW579" s="144"/>
    </row>
    <row r="580" spans="7:49" x14ac:dyDescent="0.2">
      <c r="G580" s="43"/>
      <c r="Z580" s="143"/>
      <c r="AA580" s="137"/>
      <c r="AB580" s="137"/>
      <c r="AC580" s="137"/>
      <c r="AD580" s="137"/>
      <c r="AE580" s="137"/>
      <c r="AF580" s="137"/>
      <c r="AG580" s="137"/>
      <c r="AH580" s="137"/>
      <c r="AI580" s="137"/>
      <c r="AJ580" s="137"/>
      <c r="AK580" s="137"/>
      <c r="AL580" s="137"/>
      <c r="AM580" s="137"/>
      <c r="AN580" s="137"/>
      <c r="AO580" s="137"/>
      <c r="AP580" s="137"/>
      <c r="AQ580" s="137"/>
      <c r="AR580" s="137"/>
      <c r="AS580" s="137"/>
      <c r="AT580" s="137"/>
      <c r="AU580" s="137"/>
      <c r="AV580" s="137"/>
      <c r="AW580" s="144"/>
    </row>
    <row r="581" spans="7:49" x14ac:dyDescent="0.2">
      <c r="G581" s="43"/>
      <c r="Z581" s="143"/>
      <c r="AA581" s="137"/>
      <c r="AB581" s="137"/>
      <c r="AC581" s="137"/>
      <c r="AD581" s="137"/>
      <c r="AE581" s="137"/>
      <c r="AF581" s="137"/>
      <c r="AG581" s="137"/>
      <c r="AH581" s="137"/>
      <c r="AI581" s="137"/>
      <c r="AJ581" s="137"/>
      <c r="AK581" s="137"/>
      <c r="AL581" s="137"/>
      <c r="AM581" s="137"/>
      <c r="AN581" s="137"/>
      <c r="AO581" s="137"/>
      <c r="AP581" s="137"/>
      <c r="AQ581" s="137"/>
      <c r="AR581" s="137"/>
      <c r="AS581" s="137"/>
      <c r="AT581" s="137"/>
      <c r="AU581" s="137"/>
      <c r="AV581" s="137"/>
      <c r="AW581" s="144"/>
    </row>
    <row r="582" spans="7:49" x14ac:dyDescent="0.2">
      <c r="G582" s="43"/>
      <c r="Z582" s="143"/>
      <c r="AA582" s="137"/>
      <c r="AB582" s="137"/>
      <c r="AC582" s="137"/>
      <c r="AD582" s="137"/>
      <c r="AE582" s="137"/>
      <c r="AF582" s="137"/>
      <c r="AG582" s="137"/>
      <c r="AH582" s="137"/>
      <c r="AI582" s="137"/>
      <c r="AJ582" s="137"/>
      <c r="AK582" s="137"/>
      <c r="AL582" s="137"/>
      <c r="AM582" s="137"/>
      <c r="AN582" s="137"/>
      <c r="AO582" s="137"/>
      <c r="AP582" s="137"/>
      <c r="AQ582" s="137"/>
      <c r="AR582" s="137"/>
      <c r="AS582" s="137"/>
      <c r="AT582" s="137"/>
      <c r="AU582" s="137"/>
      <c r="AV582" s="137"/>
      <c r="AW582" s="144"/>
    </row>
    <row r="583" spans="7:49" x14ac:dyDescent="0.2">
      <c r="G583" s="43"/>
      <c r="Z583" s="143"/>
      <c r="AA583" s="137"/>
      <c r="AB583" s="137"/>
      <c r="AC583" s="137"/>
      <c r="AD583" s="137"/>
      <c r="AE583" s="137"/>
      <c r="AF583" s="137"/>
      <c r="AG583" s="137"/>
      <c r="AH583" s="137"/>
      <c r="AI583" s="137"/>
      <c r="AJ583" s="137"/>
      <c r="AK583" s="137"/>
      <c r="AL583" s="137"/>
      <c r="AM583" s="137"/>
      <c r="AN583" s="137"/>
      <c r="AO583" s="137"/>
      <c r="AP583" s="137"/>
      <c r="AQ583" s="137"/>
      <c r="AR583" s="137"/>
      <c r="AS583" s="137"/>
      <c r="AT583" s="137"/>
      <c r="AU583" s="137"/>
      <c r="AV583" s="137"/>
      <c r="AW583" s="144"/>
    </row>
    <row r="584" spans="7:49" x14ac:dyDescent="0.2">
      <c r="G584" s="43"/>
      <c r="Z584" s="143"/>
      <c r="AA584" s="137"/>
      <c r="AB584" s="137"/>
      <c r="AC584" s="137"/>
      <c r="AD584" s="137"/>
      <c r="AE584" s="137"/>
      <c r="AF584" s="137"/>
      <c r="AG584" s="137"/>
      <c r="AH584" s="137"/>
      <c r="AI584" s="137"/>
      <c r="AJ584" s="137"/>
      <c r="AK584" s="137"/>
      <c r="AL584" s="137"/>
      <c r="AM584" s="137"/>
      <c r="AN584" s="137"/>
      <c r="AO584" s="137"/>
      <c r="AP584" s="137"/>
      <c r="AQ584" s="137"/>
      <c r="AR584" s="137"/>
      <c r="AS584" s="137"/>
      <c r="AT584" s="137"/>
      <c r="AU584" s="137"/>
      <c r="AV584" s="137"/>
      <c r="AW584" s="144"/>
    </row>
    <row r="585" spans="7:49" x14ac:dyDescent="0.2">
      <c r="G585" s="43"/>
      <c r="Z585" s="143"/>
      <c r="AA585" s="137"/>
      <c r="AB585" s="137"/>
      <c r="AC585" s="137"/>
      <c r="AD585" s="137"/>
      <c r="AE585" s="137"/>
      <c r="AF585" s="137"/>
      <c r="AG585" s="137"/>
      <c r="AH585" s="137"/>
      <c r="AI585" s="137"/>
      <c r="AJ585" s="137"/>
      <c r="AK585" s="137"/>
      <c r="AL585" s="137"/>
      <c r="AM585" s="137"/>
      <c r="AN585" s="137"/>
      <c r="AO585" s="137"/>
      <c r="AP585" s="137"/>
      <c r="AQ585" s="137"/>
      <c r="AR585" s="137"/>
      <c r="AS585" s="137"/>
      <c r="AT585" s="137"/>
      <c r="AU585" s="137"/>
      <c r="AV585" s="137"/>
      <c r="AW585" s="144"/>
    </row>
    <row r="586" spans="7:49" x14ac:dyDescent="0.2">
      <c r="G586" s="43"/>
      <c r="Z586" s="143"/>
      <c r="AA586" s="137"/>
      <c r="AB586" s="137"/>
      <c r="AC586" s="137"/>
      <c r="AD586" s="137"/>
      <c r="AE586" s="137"/>
      <c r="AF586" s="137"/>
      <c r="AG586" s="137"/>
      <c r="AH586" s="137"/>
      <c r="AI586" s="137"/>
      <c r="AJ586" s="137"/>
      <c r="AK586" s="137"/>
      <c r="AL586" s="137"/>
      <c r="AM586" s="137"/>
      <c r="AN586" s="137"/>
      <c r="AO586" s="137"/>
      <c r="AP586" s="137"/>
      <c r="AQ586" s="137"/>
      <c r="AR586" s="137"/>
      <c r="AS586" s="137"/>
      <c r="AT586" s="137"/>
      <c r="AU586" s="137"/>
      <c r="AV586" s="137"/>
      <c r="AW586" s="144"/>
    </row>
    <row r="587" spans="7:49" x14ac:dyDescent="0.2">
      <c r="G587" s="43"/>
      <c r="Z587" s="143"/>
      <c r="AA587" s="137"/>
      <c r="AB587" s="137"/>
      <c r="AC587" s="137"/>
      <c r="AD587" s="137"/>
      <c r="AE587" s="137"/>
      <c r="AF587" s="137"/>
      <c r="AG587" s="137"/>
      <c r="AH587" s="137"/>
      <c r="AI587" s="137"/>
      <c r="AJ587" s="137"/>
      <c r="AK587" s="137"/>
      <c r="AL587" s="137"/>
      <c r="AM587" s="137"/>
      <c r="AN587" s="137"/>
      <c r="AO587" s="137"/>
      <c r="AP587" s="137"/>
      <c r="AQ587" s="137"/>
      <c r="AR587" s="137"/>
      <c r="AS587" s="137"/>
      <c r="AT587" s="137"/>
      <c r="AU587" s="137"/>
      <c r="AV587" s="137"/>
      <c r="AW587" s="144"/>
    </row>
    <row r="588" spans="7:49" x14ac:dyDescent="0.2">
      <c r="G588" s="43"/>
      <c r="Z588" s="143"/>
      <c r="AA588" s="137"/>
      <c r="AB588" s="137"/>
      <c r="AC588" s="137"/>
      <c r="AD588" s="137"/>
      <c r="AE588" s="137"/>
      <c r="AF588" s="137"/>
      <c r="AG588" s="137"/>
      <c r="AH588" s="137"/>
      <c r="AI588" s="137"/>
      <c r="AJ588" s="137"/>
      <c r="AK588" s="137"/>
      <c r="AL588" s="137"/>
      <c r="AM588" s="137"/>
      <c r="AN588" s="137"/>
      <c r="AO588" s="137"/>
      <c r="AP588" s="137"/>
      <c r="AQ588" s="137"/>
      <c r="AR588" s="137"/>
      <c r="AS588" s="137"/>
      <c r="AT588" s="137"/>
      <c r="AU588" s="137"/>
      <c r="AV588" s="137"/>
      <c r="AW588" s="144"/>
    </row>
    <row r="589" spans="7:49" x14ac:dyDescent="0.2">
      <c r="G589" s="43"/>
      <c r="Z589" s="143"/>
      <c r="AA589" s="137"/>
      <c r="AB589" s="137"/>
      <c r="AC589" s="137"/>
      <c r="AD589" s="137"/>
      <c r="AE589" s="137"/>
      <c r="AF589" s="137"/>
      <c r="AG589" s="137"/>
      <c r="AH589" s="137"/>
      <c r="AI589" s="137"/>
      <c r="AJ589" s="137"/>
      <c r="AK589" s="137"/>
      <c r="AL589" s="137"/>
      <c r="AM589" s="137"/>
      <c r="AN589" s="137"/>
      <c r="AO589" s="137"/>
      <c r="AP589" s="137"/>
      <c r="AQ589" s="137"/>
      <c r="AR589" s="137"/>
      <c r="AS589" s="137"/>
      <c r="AT589" s="137"/>
      <c r="AU589" s="137"/>
      <c r="AV589" s="137"/>
      <c r="AW589" s="144"/>
    </row>
    <row r="590" spans="7:49" x14ac:dyDescent="0.2">
      <c r="G590" s="43"/>
      <c r="Z590" s="143"/>
      <c r="AA590" s="137"/>
      <c r="AB590" s="137"/>
      <c r="AC590" s="137"/>
      <c r="AD590" s="137"/>
      <c r="AE590" s="137"/>
      <c r="AF590" s="137"/>
      <c r="AG590" s="137"/>
      <c r="AH590" s="137"/>
      <c r="AI590" s="137"/>
      <c r="AJ590" s="137"/>
      <c r="AK590" s="137"/>
      <c r="AL590" s="137"/>
      <c r="AM590" s="137"/>
      <c r="AN590" s="137"/>
      <c r="AO590" s="137"/>
      <c r="AP590" s="137"/>
      <c r="AQ590" s="137"/>
      <c r="AR590" s="137"/>
      <c r="AS590" s="137"/>
      <c r="AT590" s="137"/>
      <c r="AU590" s="137"/>
      <c r="AV590" s="137"/>
      <c r="AW590" s="144"/>
    </row>
    <row r="591" spans="7:49" x14ac:dyDescent="0.2">
      <c r="G591" s="43"/>
      <c r="Z591" s="143"/>
      <c r="AA591" s="137"/>
      <c r="AB591" s="137"/>
      <c r="AC591" s="137"/>
      <c r="AD591" s="137"/>
      <c r="AE591" s="137"/>
      <c r="AF591" s="137"/>
      <c r="AG591" s="137"/>
      <c r="AH591" s="137"/>
      <c r="AI591" s="137"/>
      <c r="AJ591" s="137"/>
      <c r="AK591" s="137"/>
      <c r="AL591" s="137"/>
      <c r="AM591" s="137"/>
      <c r="AN591" s="137"/>
      <c r="AO591" s="137"/>
      <c r="AP591" s="137"/>
      <c r="AQ591" s="137"/>
      <c r="AR591" s="137"/>
      <c r="AS591" s="137"/>
      <c r="AT591" s="137"/>
      <c r="AU591" s="137"/>
      <c r="AV591" s="137"/>
      <c r="AW591" s="144"/>
    </row>
    <row r="592" spans="7:49" x14ac:dyDescent="0.2">
      <c r="G592" s="43"/>
      <c r="Z592" s="143"/>
      <c r="AA592" s="137"/>
      <c r="AB592" s="137"/>
      <c r="AC592" s="137"/>
      <c r="AD592" s="137"/>
      <c r="AE592" s="137"/>
      <c r="AF592" s="137"/>
      <c r="AG592" s="137"/>
      <c r="AH592" s="137"/>
      <c r="AI592" s="137"/>
      <c r="AJ592" s="137"/>
      <c r="AK592" s="137"/>
      <c r="AL592" s="137"/>
      <c r="AM592" s="137"/>
      <c r="AN592" s="137"/>
      <c r="AO592" s="137"/>
      <c r="AP592" s="137"/>
      <c r="AQ592" s="137"/>
      <c r="AR592" s="137"/>
      <c r="AS592" s="137"/>
      <c r="AT592" s="137"/>
      <c r="AU592" s="137"/>
      <c r="AV592" s="137"/>
      <c r="AW592" s="144"/>
    </row>
    <row r="593" spans="7:49" x14ac:dyDescent="0.2">
      <c r="G593" s="43"/>
      <c r="Z593" s="143"/>
      <c r="AA593" s="137"/>
      <c r="AB593" s="137"/>
      <c r="AC593" s="137"/>
      <c r="AD593" s="137"/>
      <c r="AE593" s="137"/>
      <c r="AF593" s="137"/>
      <c r="AG593" s="137"/>
      <c r="AH593" s="137"/>
      <c r="AI593" s="137"/>
      <c r="AJ593" s="137"/>
      <c r="AK593" s="137"/>
      <c r="AL593" s="137"/>
      <c r="AM593" s="137"/>
      <c r="AN593" s="137"/>
      <c r="AO593" s="137"/>
      <c r="AP593" s="137"/>
      <c r="AQ593" s="137"/>
      <c r="AR593" s="137"/>
      <c r="AS593" s="137"/>
      <c r="AT593" s="137"/>
      <c r="AU593" s="137"/>
      <c r="AV593" s="137"/>
      <c r="AW593" s="144"/>
    </row>
    <row r="594" spans="7:49" x14ac:dyDescent="0.2">
      <c r="G594" s="43"/>
      <c r="Z594" s="143"/>
      <c r="AA594" s="137"/>
      <c r="AB594" s="137"/>
      <c r="AC594" s="137"/>
      <c r="AD594" s="137"/>
      <c r="AE594" s="137"/>
      <c r="AF594" s="137"/>
      <c r="AG594" s="137"/>
      <c r="AH594" s="137"/>
      <c r="AI594" s="137"/>
      <c r="AJ594" s="137"/>
      <c r="AK594" s="137"/>
      <c r="AL594" s="137"/>
      <c r="AM594" s="137"/>
      <c r="AN594" s="137"/>
      <c r="AO594" s="137"/>
      <c r="AP594" s="137"/>
      <c r="AQ594" s="137"/>
      <c r="AR594" s="137"/>
      <c r="AS594" s="137"/>
      <c r="AT594" s="137"/>
      <c r="AU594" s="137"/>
      <c r="AV594" s="137"/>
      <c r="AW594" s="144"/>
    </row>
    <row r="595" spans="7:49" x14ac:dyDescent="0.2">
      <c r="G595" s="43"/>
      <c r="Z595" s="143"/>
      <c r="AA595" s="137"/>
      <c r="AB595" s="137"/>
      <c r="AC595" s="137"/>
      <c r="AD595" s="137"/>
      <c r="AE595" s="137"/>
      <c r="AF595" s="137"/>
      <c r="AG595" s="137"/>
      <c r="AH595" s="137"/>
      <c r="AI595" s="137"/>
      <c r="AJ595" s="137"/>
      <c r="AK595" s="137"/>
      <c r="AL595" s="137"/>
      <c r="AM595" s="137"/>
      <c r="AN595" s="137"/>
      <c r="AO595" s="137"/>
      <c r="AP595" s="137"/>
      <c r="AQ595" s="137"/>
      <c r="AR595" s="137"/>
      <c r="AS595" s="137"/>
      <c r="AT595" s="137"/>
      <c r="AU595" s="137"/>
      <c r="AV595" s="137"/>
      <c r="AW595" s="144"/>
    </row>
    <row r="596" spans="7:49" x14ac:dyDescent="0.2">
      <c r="G596" s="43"/>
      <c r="Z596" s="143"/>
      <c r="AA596" s="137"/>
      <c r="AB596" s="137"/>
      <c r="AC596" s="137"/>
      <c r="AD596" s="137"/>
      <c r="AE596" s="137"/>
      <c r="AF596" s="137"/>
      <c r="AG596" s="137"/>
      <c r="AH596" s="137"/>
      <c r="AI596" s="137"/>
      <c r="AJ596" s="137"/>
      <c r="AK596" s="137"/>
      <c r="AL596" s="137"/>
      <c r="AM596" s="137"/>
      <c r="AN596" s="137"/>
      <c r="AO596" s="137"/>
      <c r="AP596" s="137"/>
      <c r="AQ596" s="137"/>
      <c r="AR596" s="137"/>
      <c r="AS596" s="137"/>
      <c r="AT596" s="137"/>
      <c r="AU596" s="137"/>
      <c r="AV596" s="137"/>
      <c r="AW596" s="144"/>
    </row>
    <row r="597" spans="7:49" x14ac:dyDescent="0.2">
      <c r="G597" s="43"/>
      <c r="Z597" s="143"/>
      <c r="AA597" s="137"/>
      <c r="AB597" s="137"/>
      <c r="AC597" s="137"/>
      <c r="AD597" s="137"/>
      <c r="AE597" s="137"/>
      <c r="AF597" s="137"/>
      <c r="AG597" s="137"/>
      <c r="AH597" s="137"/>
      <c r="AI597" s="137"/>
      <c r="AJ597" s="137"/>
      <c r="AK597" s="137"/>
      <c r="AL597" s="137"/>
      <c r="AM597" s="137"/>
      <c r="AN597" s="137"/>
      <c r="AO597" s="137"/>
      <c r="AP597" s="137"/>
      <c r="AQ597" s="137"/>
      <c r="AR597" s="137"/>
      <c r="AS597" s="137"/>
      <c r="AT597" s="137"/>
      <c r="AU597" s="137"/>
      <c r="AV597" s="137"/>
      <c r="AW597" s="144"/>
    </row>
    <row r="598" spans="7:49" x14ac:dyDescent="0.2">
      <c r="G598" s="43"/>
      <c r="Z598" s="143"/>
      <c r="AA598" s="137"/>
      <c r="AB598" s="137"/>
      <c r="AC598" s="137"/>
      <c r="AD598" s="137"/>
      <c r="AE598" s="137"/>
      <c r="AF598" s="137"/>
      <c r="AG598" s="137"/>
      <c r="AH598" s="137"/>
      <c r="AI598" s="137"/>
      <c r="AJ598" s="137"/>
      <c r="AK598" s="137"/>
      <c r="AL598" s="137"/>
      <c r="AM598" s="137"/>
      <c r="AN598" s="137"/>
      <c r="AO598" s="137"/>
      <c r="AP598" s="137"/>
      <c r="AQ598" s="137"/>
      <c r="AR598" s="137"/>
      <c r="AS598" s="137"/>
      <c r="AT598" s="137"/>
      <c r="AU598" s="137"/>
      <c r="AV598" s="137"/>
      <c r="AW598" s="144"/>
    </row>
    <row r="599" spans="7:49" x14ac:dyDescent="0.2">
      <c r="G599" s="43"/>
      <c r="Z599" s="143"/>
      <c r="AA599" s="137"/>
      <c r="AB599" s="137"/>
      <c r="AC599" s="137"/>
      <c r="AD599" s="137"/>
      <c r="AE599" s="137"/>
      <c r="AF599" s="137"/>
      <c r="AG599" s="137"/>
      <c r="AH599" s="137"/>
      <c r="AI599" s="137"/>
      <c r="AJ599" s="137"/>
      <c r="AK599" s="137"/>
      <c r="AL599" s="137"/>
      <c r="AM599" s="137"/>
      <c r="AN599" s="137"/>
      <c r="AO599" s="137"/>
      <c r="AP599" s="137"/>
      <c r="AQ599" s="137"/>
      <c r="AR599" s="137"/>
      <c r="AS599" s="137"/>
      <c r="AT599" s="137"/>
      <c r="AU599" s="137"/>
      <c r="AV599" s="137"/>
      <c r="AW599" s="144"/>
    </row>
    <row r="600" spans="7:49" x14ac:dyDescent="0.2">
      <c r="G600" s="43"/>
      <c r="Z600" s="143"/>
      <c r="AA600" s="137"/>
      <c r="AB600" s="137"/>
      <c r="AC600" s="137"/>
      <c r="AD600" s="137"/>
      <c r="AE600" s="137"/>
      <c r="AF600" s="137"/>
      <c r="AG600" s="137"/>
      <c r="AH600" s="137"/>
      <c r="AI600" s="137"/>
      <c r="AJ600" s="137"/>
      <c r="AK600" s="137"/>
      <c r="AL600" s="137"/>
      <c r="AM600" s="137"/>
      <c r="AN600" s="137"/>
      <c r="AO600" s="137"/>
      <c r="AP600" s="137"/>
      <c r="AQ600" s="137"/>
      <c r="AR600" s="137"/>
      <c r="AS600" s="137"/>
      <c r="AT600" s="137"/>
      <c r="AU600" s="137"/>
      <c r="AV600" s="137"/>
      <c r="AW600" s="144"/>
    </row>
    <row r="601" spans="7:49" x14ac:dyDescent="0.2">
      <c r="G601" s="43"/>
      <c r="Z601" s="143"/>
      <c r="AA601" s="137"/>
      <c r="AB601" s="137"/>
      <c r="AC601" s="137"/>
      <c r="AD601" s="137"/>
      <c r="AE601" s="137"/>
      <c r="AF601" s="137"/>
      <c r="AG601" s="137"/>
      <c r="AH601" s="137"/>
      <c r="AI601" s="137"/>
      <c r="AJ601" s="137"/>
      <c r="AK601" s="137"/>
      <c r="AL601" s="137"/>
      <c r="AM601" s="137"/>
      <c r="AN601" s="137"/>
      <c r="AO601" s="137"/>
      <c r="AP601" s="137"/>
      <c r="AQ601" s="137"/>
      <c r="AR601" s="137"/>
      <c r="AS601" s="137"/>
      <c r="AT601" s="137"/>
      <c r="AU601" s="137"/>
      <c r="AV601" s="137"/>
      <c r="AW601" s="144"/>
    </row>
    <row r="602" spans="7:49" x14ac:dyDescent="0.2">
      <c r="G602" s="43"/>
      <c r="Z602" s="143"/>
      <c r="AA602" s="137"/>
      <c r="AB602" s="137"/>
      <c r="AC602" s="137"/>
      <c r="AD602" s="137"/>
      <c r="AE602" s="137"/>
      <c r="AF602" s="137"/>
      <c r="AG602" s="137"/>
      <c r="AH602" s="137"/>
      <c r="AI602" s="137"/>
      <c r="AJ602" s="137"/>
      <c r="AK602" s="137"/>
      <c r="AL602" s="137"/>
      <c r="AM602" s="137"/>
      <c r="AN602" s="137"/>
      <c r="AO602" s="137"/>
      <c r="AP602" s="137"/>
      <c r="AQ602" s="137"/>
      <c r="AR602" s="137"/>
      <c r="AS602" s="137"/>
      <c r="AT602" s="137"/>
      <c r="AU602" s="137"/>
      <c r="AV602" s="137"/>
      <c r="AW602" s="144"/>
    </row>
    <row r="603" spans="7:49" x14ac:dyDescent="0.2">
      <c r="G603" s="43"/>
      <c r="Z603" s="143"/>
      <c r="AA603" s="137"/>
      <c r="AB603" s="137"/>
      <c r="AC603" s="137"/>
      <c r="AD603" s="137"/>
      <c r="AE603" s="137"/>
      <c r="AF603" s="137"/>
      <c r="AG603" s="137"/>
      <c r="AH603" s="137"/>
      <c r="AI603" s="137"/>
      <c r="AJ603" s="137"/>
      <c r="AK603" s="137"/>
      <c r="AL603" s="137"/>
      <c r="AM603" s="137"/>
      <c r="AN603" s="137"/>
      <c r="AO603" s="137"/>
      <c r="AP603" s="137"/>
      <c r="AQ603" s="137"/>
      <c r="AR603" s="137"/>
      <c r="AS603" s="137"/>
      <c r="AT603" s="137"/>
      <c r="AU603" s="137"/>
      <c r="AV603" s="137"/>
      <c r="AW603" s="144"/>
    </row>
    <row r="604" spans="7:49" x14ac:dyDescent="0.2">
      <c r="G604" s="43"/>
      <c r="Z604" s="143"/>
      <c r="AA604" s="137"/>
      <c r="AB604" s="137"/>
      <c r="AC604" s="137"/>
      <c r="AD604" s="137"/>
      <c r="AE604" s="137"/>
      <c r="AF604" s="137"/>
      <c r="AG604" s="137"/>
      <c r="AH604" s="137"/>
      <c r="AI604" s="137"/>
      <c r="AJ604" s="137"/>
      <c r="AK604" s="137"/>
      <c r="AL604" s="137"/>
      <c r="AM604" s="137"/>
      <c r="AN604" s="137"/>
      <c r="AO604" s="137"/>
      <c r="AP604" s="137"/>
      <c r="AQ604" s="137"/>
      <c r="AR604" s="137"/>
      <c r="AS604" s="137"/>
      <c r="AT604" s="137"/>
      <c r="AU604" s="137"/>
      <c r="AV604" s="137"/>
      <c r="AW604" s="144"/>
    </row>
    <row r="605" spans="7:49" x14ac:dyDescent="0.2">
      <c r="G605" s="43"/>
      <c r="Z605" s="143"/>
      <c r="AA605" s="137"/>
      <c r="AB605" s="137"/>
      <c r="AC605" s="137"/>
      <c r="AD605" s="137"/>
      <c r="AE605" s="137"/>
      <c r="AF605" s="137"/>
      <c r="AG605" s="137"/>
      <c r="AH605" s="137"/>
      <c r="AI605" s="137"/>
      <c r="AJ605" s="137"/>
      <c r="AK605" s="137"/>
      <c r="AL605" s="137"/>
      <c r="AM605" s="137"/>
      <c r="AN605" s="137"/>
      <c r="AO605" s="137"/>
      <c r="AP605" s="137"/>
      <c r="AQ605" s="137"/>
      <c r="AR605" s="137"/>
      <c r="AS605" s="137"/>
      <c r="AT605" s="137"/>
      <c r="AU605" s="137"/>
      <c r="AV605" s="137"/>
      <c r="AW605" s="144"/>
    </row>
    <row r="606" spans="7:49" x14ac:dyDescent="0.2">
      <c r="G606" s="43"/>
      <c r="Z606" s="143"/>
      <c r="AA606" s="137"/>
      <c r="AB606" s="137"/>
      <c r="AC606" s="137"/>
      <c r="AD606" s="137"/>
      <c r="AE606" s="137"/>
      <c r="AF606" s="137"/>
      <c r="AG606" s="137"/>
      <c r="AH606" s="137"/>
      <c r="AI606" s="137"/>
      <c r="AJ606" s="137"/>
      <c r="AK606" s="137"/>
      <c r="AL606" s="137"/>
      <c r="AM606" s="137"/>
      <c r="AN606" s="137"/>
      <c r="AO606" s="137"/>
      <c r="AP606" s="137"/>
      <c r="AQ606" s="137"/>
      <c r="AR606" s="137"/>
      <c r="AS606" s="137"/>
      <c r="AT606" s="137"/>
      <c r="AU606" s="137"/>
      <c r="AV606" s="137"/>
      <c r="AW606" s="144"/>
    </row>
    <row r="607" spans="7:49" x14ac:dyDescent="0.2">
      <c r="G607" s="43"/>
      <c r="Z607" s="143"/>
      <c r="AA607" s="137"/>
      <c r="AB607" s="137"/>
      <c r="AC607" s="137"/>
      <c r="AD607" s="137"/>
      <c r="AE607" s="137"/>
      <c r="AF607" s="137"/>
      <c r="AG607" s="137"/>
      <c r="AH607" s="137"/>
      <c r="AI607" s="137"/>
      <c r="AJ607" s="137"/>
      <c r="AK607" s="137"/>
      <c r="AL607" s="137"/>
      <c r="AM607" s="137"/>
      <c r="AN607" s="137"/>
      <c r="AO607" s="137"/>
      <c r="AP607" s="137"/>
      <c r="AQ607" s="137"/>
      <c r="AR607" s="137"/>
      <c r="AS607" s="137"/>
      <c r="AT607" s="137"/>
      <c r="AU607" s="137"/>
      <c r="AV607" s="137"/>
      <c r="AW607" s="144"/>
    </row>
    <row r="608" spans="7:49" x14ac:dyDescent="0.2">
      <c r="G608" s="43"/>
      <c r="Z608" s="143"/>
      <c r="AA608" s="137"/>
      <c r="AB608" s="137"/>
      <c r="AC608" s="137"/>
      <c r="AD608" s="137"/>
      <c r="AE608" s="137"/>
      <c r="AF608" s="137"/>
      <c r="AG608" s="137"/>
      <c r="AH608" s="137"/>
      <c r="AI608" s="137"/>
      <c r="AJ608" s="137"/>
      <c r="AK608" s="137"/>
      <c r="AL608" s="137"/>
      <c r="AM608" s="137"/>
      <c r="AN608" s="137"/>
      <c r="AO608" s="137"/>
      <c r="AP608" s="137"/>
      <c r="AQ608" s="137"/>
      <c r="AR608" s="137"/>
      <c r="AS608" s="137"/>
      <c r="AT608" s="137"/>
      <c r="AU608" s="137"/>
      <c r="AV608" s="137"/>
      <c r="AW608" s="144"/>
    </row>
    <row r="609" spans="7:49" x14ac:dyDescent="0.2">
      <c r="G609" s="43"/>
      <c r="Z609" s="143"/>
      <c r="AA609" s="137"/>
      <c r="AB609" s="137"/>
      <c r="AC609" s="137"/>
      <c r="AD609" s="137"/>
      <c r="AE609" s="137"/>
      <c r="AF609" s="137"/>
      <c r="AG609" s="137"/>
      <c r="AH609" s="137"/>
      <c r="AI609" s="137"/>
      <c r="AJ609" s="137"/>
      <c r="AK609" s="137"/>
      <c r="AL609" s="137"/>
      <c r="AM609" s="137"/>
      <c r="AN609" s="137"/>
      <c r="AO609" s="137"/>
      <c r="AP609" s="137"/>
      <c r="AQ609" s="137"/>
      <c r="AR609" s="137"/>
      <c r="AS609" s="137"/>
      <c r="AT609" s="137"/>
      <c r="AU609" s="137"/>
      <c r="AV609" s="137"/>
      <c r="AW609" s="144"/>
    </row>
    <row r="610" spans="7:49" x14ac:dyDescent="0.2">
      <c r="G610" s="43"/>
      <c r="Z610" s="143"/>
      <c r="AA610" s="137"/>
      <c r="AB610" s="137"/>
      <c r="AC610" s="137"/>
      <c r="AD610" s="137"/>
      <c r="AE610" s="137"/>
      <c r="AF610" s="137"/>
      <c r="AG610" s="137"/>
      <c r="AH610" s="137"/>
      <c r="AI610" s="137"/>
      <c r="AJ610" s="137"/>
      <c r="AK610" s="137"/>
      <c r="AL610" s="137"/>
      <c r="AM610" s="137"/>
      <c r="AN610" s="137"/>
      <c r="AO610" s="137"/>
      <c r="AP610" s="137"/>
      <c r="AQ610" s="137"/>
      <c r="AR610" s="137"/>
      <c r="AS610" s="137"/>
      <c r="AT610" s="137"/>
      <c r="AU610" s="137"/>
      <c r="AV610" s="137"/>
      <c r="AW610" s="144"/>
    </row>
    <row r="611" spans="7:49" x14ac:dyDescent="0.2">
      <c r="G611" s="43"/>
      <c r="Z611" s="143"/>
      <c r="AA611" s="137"/>
      <c r="AB611" s="137"/>
      <c r="AC611" s="137"/>
      <c r="AD611" s="137"/>
      <c r="AE611" s="137"/>
      <c r="AF611" s="137"/>
      <c r="AG611" s="137"/>
      <c r="AH611" s="137"/>
      <c r="AI611" s="137"/>
      <c r="AJ611" s="137"/>
      <c r="AK611" s="137"/>
      <c r="AL611" s="137"/>
      <c r="AM611" s="137"/>
      <c r="AN611" s="137"/>
      <c r="AO611" s="137"/>
      <c r="AP611" s="137"/>
      <c r="AQ611" s="137"/>
      <c r="AR611" s="137"/>
      <c r="AS611" s="137"/>
      <c r="AT611" s="137"/>
      <c r="AU611" s="137"/>
      <c r="AV611" s="137"/>
      <c r="AW611" s="144"/>
    </row>
    <row r="612" spans="7:49" x14ac:dyDescent="0.2">
      <c r="G612" s="43"/>
      <c r="Z612" s="143"/>
      <c r="AA612" s="137"/>
      <c r="AB612" s="137"/>
      <c r="AC612" s="137"/>
      <c r="AD612" s="137"/>
      <c r="AE612" s="137"/>
      <c r="AF612" s="137"/>
      <c r="AG612" s="137"/>
      <c r="AH612" s="137"/>
      <c r="AI612" s="137"/>
      <c r="AJ612" s="137"/>
      <c r="AK612" s="137"/>
      <c r="AL612" s="137"/>
      <c r="AM612" s="137"/>
      <c r="AN612" s="137"/>
      <c r="AO612" s="137"/>
      <c r="AP612" s="137"/>
      <c r="AQ612" s="137"/>
      <c r="AR612" s="137"/>
      <c r="AS612" s="137"/>
      <c r="AT612" s="137"/>
      <c r="AU612" s="137"/>
      <c r="AV612" s="137"/>
      <c r="AW612" s="144"/>
    </row>
    <row r="613" spans="7:49" x14ac:dyDescent="0.2">
      <c r="G613" s="43"/>
      <c r="Z613" s="143"/>
      <c r="AA613" s="137"/>
      <c r="AB613" s="137"/>
      <c r="AC613" s="137"/>
      <c r="AD613" s="137"/>
      <c r="AE613" s="137"/>
      <c r="AF613" s="137"/>
      <c r="AG613" s="137"/>
      <c r="AH613" s="137"/>
      <c r="AI613" s="137"/>
      <c r="AJ613" s="137"/>
      <c r="AK613" s="137"/>
      <c r="AL613" s="137"/>
      <c r="AM613" s="137"/>
      <c r="AN613" s="137"/>
      <c r="AO613" s="137"/>
      <c r="AP613" s="137"/>
      <c r="AQ613" s="137"/>
      <c r="AR613" s="137"/>
      <c r="AS613" s="137"/>
      <c r="AT613" s="137"/>
      <c r="AU613" s="137"/>
      <c r="AV613" s="137"/>
      <c r="AW613" s="144"/>
    </row>
    <row r="614" spans="7:49" x14ac:dyDescent="0.2">
      <c r="G614" s="43"/>
      <c r="Z614" s="143"/>
      <c r="AA614" s="137"/>
      <c r="AB614" s="137"/>
      <c r="AC614" s="137"/>
      <c r="AD614" s="137"/>
      <c r="AE614" s="137"/>
      <c r="AF614" s="137"/>
      <c r="AG614" s="137"/>
      <c r="AH614" s="137"/>
      <c r="AI614" s="137"/>
      <c r="AJ614" s="137"/>
      <c r="AK614" s="137"/>
      <c r="AL614" s="137"/>
      <c r="AM614" s="137"/>
      <c r="AN614" s="137"/>
      <c r="AO614" s="137"/>
      <c r="AP614" s="137"/>
      <c r="AQ614" s="137"/>
      <c r="AR614" s="137"/>
      <c r="AS614" s="137"/>
      <c r="AT614" s="137"/>
      <c r="AU614" s="137"/>
      <c r="AV614" s="137"/>
      <c r="AW614" s="144"/>
    </row>
    <row r="615" spans="7:49" x14ac:dyDescent="0.2">
      <c r="G615" s="43"/>
      <c r="Z615" s="143"/>
      <c r="AA615" s="137"/>
      <c r="AB615" s="137"/>
      <c r="AC615" s="137"/>
      <c r="AD615" s="137"/>
      <c r="AE615" s="137"/>
      <c r="AF615" s="137"/>
      <c r="AG615" s="137"/>
      <c r="AH615" s="137"/>
      <c r="AI615" s="137"/>
      <c r="AJ615" s="137"/>
      <c r="AK615" s="137"/>
      <c r="AL615" s="137"/>
      <c r="AM615" s="137"/>
      <c r="AN615" s="137"/>
      <c r="AO615" s="137"/>
      <c r="AP615" s="137"/>
      <c r="AQ615" s="137"/>
      <c r="AR615" s="137"/>
      <c r="AS615" s="137"/>
      <c r="AT615" s="137"/>
      <c r="AU615" s="137"/>
      <c r="AV615" s="137"/>
      <c r="AW615" s="144"/>
    </row>
    <row r="616" spans="7:49" x14ac:dyDescent="0.2">
      <c r="G616" s="43"/>
      <c r="Z616" s="143"/>
      <c r="AA616" s="137"/>
      <c r="AB616" s="137"/>
      <c r="AC616" s="137"/>
      <c r="AD616" s="137"/>
      <c r="AE616" s="137"/>
      <c r="AF616" s="137"/>
      <c r="AG616" s="137"/>
      <c r="AH616" s="137"/>
      <c r="AI616" s="137"/>
      <c r="AJ616" s="137"/>
      <c r="AK616" s="137"/>
      <c r="AL616" s="137"/>
      <c r="AM616" s="137"/>
      <c r="AN616" s="137"/>
      <c r="AO616" s="137"/>
      <c r="AP616" s="137"/>
      <c r="AQ616" s="137"/>
      <c r="AR616" s="137"/>
      <c r="AS616" s="137"/>
      <c r="AT616" s="137"/>
      <c r="AU616" s="137"/>
      <c r="AV616" s="137"/>
      <c r="AW616" s="144"/>
    </row>
    <row r="617" spans="7:49" x14ac:dyDescent="0.2">
      <c r="G617" s="43"/>
      <c r="Z617" s="143"/>
      <c r="AA617" s="137"/>
      <c r="AB617" s="137"/>
      <c r="AC617" s="137"/>
      <c r="AD617" s="137"/>
      <c r="AE617" s="137"/>
      <c r="AF617" s="137"/>
      <c r="AG617" s="137"/>
      <c r="AH617" s="137"/>
      <c r="AI617" s="137"/>
      <c r="AJ617" s="137"/>
      <c r="AK617" s="137"/>
      <c r="AL617" s="137"/>
      <c r="AM617" s="137"/>
      <c r="AN617" s="137"/>
      <c r="AO617" s="137"/>
      <c r="AP617" s="137"/>
      <c r="AQ617" s="137"/>
      <c r="AR617" s="137"/>
      <c r="AS617" s="137"/>
      <c r="AT617" s="137"/>
      <c r="AU617" s="137"/>
      <c r="AV617" s="137"/>
      <c r="AW617" s="144"/>
    </row>
    <row r="618" spans="7:49" x14ac:dyDescent="0.2">
      <c r="G618" s="43"/>
      <c r="Z618" s="143"/>
      <c r="AA618" s="137"/>
      <c r="AB618" s="137"/>
      <c r="AC618" s="137"/>
      <c r="AD618" s="137"/>
      <c r="AE618" s="137"/>
      <c r="AF618" s="137"/>
      <c r="AG618" s="137"/>
      <c r="AH618" s="137"/>
      <c r="AI618" s="137"/>
      <c r="AJ618" s="137"/>
      <c r="AK618" s="137"/>
      <c r="AL618" s="137"/>
      <c r="AM618" s="137"/>
      <c r="AN618" s="137"/>
      <c r="AO618" s="137"/>
      <c r="AP618" s="137"/>
      <c r="AQ618" s="137"/>
      <c r="AR618" s="137"/>
      <c r="AS618" s="137"/>
      <c r="AT618" s="137"/>
      <c r="AU618" s="137"/>
      <c r="AV618" s="137"/>
      <c r="AW618" s="144"/>
    </row>
    <row r="619" spans="7:49" x14ac:dyDescent="0.2">
      <c r="G619" s="43"/>
      <c r="Z619" s="143"/>
      <c r="AA619" s="137"/>
      <c r="AB619" s="137"/>
      <c r="AC619" s="137"/>
      <c r="AD619" s="137"/>
      <c r="AE619" s="137"/>
      <c r="AF619" s="137"/>
      <c r="AG619" s="137"/>
      <c r="AH619" s="137"/>
      <c r="AI619" s="137"/>
      <c r="AJ619" s="137"/>
      <c r="AK619" s="137"/>
      <c r="AL619" s="137"/>
      <c r="AM619" s="137"/>
      <c r="AN619" s="137"/>
      <c r="AO619" s="137"/>
      <c r="AP619" s="137"/>
      <c r="AQ619" s="137"/>
      <c r="AR619" s="137"/>
      <c r="AS619" s="137"/>
      <c r="AT619" s="137"/>
      <c r="AU619" s="137"/>
      <c r="AV619" s="137"/>
      <c r="AW619" s="144"/>
    </row>
    <row r="620" spans="7:49" x14ac:dyDescent="0.2">
      <c r="G620" s="43"/>
      <c r="Z620" s="143"/>
      <c r="AA620" s="137"/>
      <c r="AB620" s="137"/>
      <c r="AC620" s="137"/>
      <c r="AD620" s="137"/>
      <c r="AE620" s="137"/>
      <c r="AF620" s="137"/>
      <c r="AG620" s="137"/>
      <c r="AH620" s="137"/>
      <c r="AI620" s="137"/>
      <c r="AJ620" s="137"/>
      <c r="AK620" s="137"/>
      <c r="AL620" s="137"/>
      <c r="AM620" s="137"/>
      <c r="AN620" s="137"/>
      <c r="AO620" s="137"/>
      <c r="AP620" s="137"/>
      <c r="AQ620" s="137"/>
      <c r="AR620" s="137"/>
      <c r="AS620" s="137"/>
      <c r="AT620" s="137"/>
      <c r="AU620" s="137"/>
      <c r="AV620" s="137"/>
      <c r="AW620" s="144"/>
    </row>
    <row r="621" spans="7:49" x14ac:dyDescent="0.2">
      <c r="G621" s="43"/>
      <c r="Z621" s="143"/>
      <c r="AA621" s="137"/>
      <c r="AB621" s="137"/>
      <c r="AC621" s="137"/>
      <c r="AD621" s="137"/>
      <c r="AE621" s="137"/>
      <c r="AF621" s="137"/>
      <c r="AG621" s="137"/>
      <c r="AH621" s="137"/>
      <c r="AI621" s="137"/>
      <c r="AJ621" s="137"/>
      <c r="AK621" s="137"/>
      <c r="AL621" s="137"/>
      <c r="AM621" s="137"/>
      <c r="AN621" s="137"/>
      <c r="AO621" s="137"/>
      <c r="AP621" s="137"/>
      <c r="AQ621" s="137"/>
      <c r="AR621" s="137"/>
      <c r="AS621" s="137"/>
      <c r="AT621" s="137"/>
      <c r="AU621" s="137"/>
      <c r="AV621" s="137"/>
      <c r="AW621" s="144"/>
    </row>
    <row r="622" spans="7:49" x14ac:dyDescent="0.2">
      <c r="G622" s="43"/>
      <c r="Z622" s="143"/>
      <c r="AA622" s="137"/>
      <c r="AB622" s="137"/>
      <c r="AC622" s="137"/>
      <c r="AD622" s="137"/>
      <c r="AE622" s="137"/>
      <c r="AF622" s="137"/>
      <c r="AG622" s="137"/>
      <c r="AH622" s="137"/>
      <c r="AI622" s="137"/>
      <c r="AJ622" s="137"/>
      <c r="AK622" s="137"/>
      <c r="AL622" s="137"/>
      <c r="AM622" s="137"/>
      <c r="AN622" s="137"/>
      <c r="AO622" s="137"/>
      <c r="AP622" s="137"/>
      <c r="AQ622" s="137"/>
      <c r="AR622" s="137"/>
      <c r="AS622" s="137"/>
      <c r="AT622" s="137"/>
      <c r="AU622" s="137"/>
      <c r="AV622" s="137"/>
      <c r="AW622" s="144"/>
    </row>
    <row r="623" spans="7:49" x14ac:dyDescent="0.2">
      <c r="G623" s="43"/>
      <c r="Z623" s="143"/>
      <c r="AA623" s="137"/>
      <c r="AB623" s="137"/>
      <c r="AC623" s="137"/>
      <c r="AD623" s="137"/>
      <c r="AE623" s="137"/>
      <c r="AF623" s="137"/>
      <c r="AG623" s="137"/>
      <c r="AH623" s="137"/>
      <c r="AI623" s="137"/>
      <c r="AJ623" s="137"/>
      <c r="AK623" s="137"/>
      <c r="AL623" s="137"/>
      <c r="AM623" s="137"/>
      <c r="AN623" s="137"/>
      <c r="AO623" s="137"/>
      <c r="AP623" s="137"/>
      <c r="AQ623" s="137"/>
      <c r="AR623" s="137"/>
      <c r="AS623" s="137"/>
      <c r="AT623" s="137"/>
      <c r="AU623" s="137"/>
      <c r="AV623" s="137"/>
      <c r="AW623" s="144"/>
    </row>
    <row r="624" spans="7:49" x14ac:dyDescent="0.2">
      <c r="G624" s="43"/>
      <c r="Z624" s="143"/>
      <c r="AA624" s="137"/>
      <c r="AB624" s="137"/>
      <c r="AC624" s="137"/>
      <c r="AD624" s="137"/>
      <c r="AE624" s="137"/>
      <c r="AF624" s="137"/>
      <c r="AG624" s="137"/>
      <c r="AH624" s="137"/>
      <c r="AI624" s="137"/>
      <c r="AJ624" s="137"/>
      <c r="AK624" s="137"/>
      <c r="AL624" s="137"/>
      <c r="AM624" s="137"/>
      <c r="AN624" s="137"/>
      <c r="AO624" s="137"/>
      <c r="AP624" s="137"/>
      <c r="AQ624" s="137"/>
      <c r="AR624" s="137"/>
      <c r="AS624" s="137"/>
      <c r="AT624" s="137"/>
      <c r="AU624" s="137"/>
      <c r="AV624" s="137"/>
      <c r="AW624" s="144"/>
    </row>
    <row r="625" spans="7:49" x14ac:dyDescent="0.2">
      <c r="G625" s="43"/>
      <c r="Z625" s="143"/>
      <c r="AA625" s="137"/>
      <c r="AB625" s="137"/>
      <c r="AC625" s="137"/>
      <c r="AD625" s="137"/>
      <c r="AE625" s="137"/>
      <c r="AF625" s="137"/>
      <c r="AG625" s="137"/>
      <c r="AH625" s="137"/>
      <c r="AI625" s="137"/>
      <c r="AJ625" s="137"/>
      <c r="AK625" s="137"/>
      <c r="AL625" s="137"/>
      <c r="AM625" s="137"/>
      <c r="AN625" s="137"/>
      <c r="AO625" s="137"/>
      <c r="AP625" s="137"/>
      <c r="AQ625" s="137"/>
      <c r="AR625" s="137"/>
      <c r="AS625" s="137"/>
      <c r="AT625" s="137"/>
      <c r="AU625" s="137"/>
      <c r="AV625" s="137"/>
      <c r="AW625" s="144"/>
    </row>
    <row r="626" spans="7:49" x14ac:dyDescent="0.2">
      <c r="G626" s="43"/>
      <c r="Z626" s="143"/>
      <c r="AA626" s="137"/>
      <c r="AB626" s="137"/>
      <c r="AC626" s="137"/>
      <c r="AD626" s="137"/>
      <c r="AE626" s="137"/>
      <c r="AF626" s="137"/>
      <c r="AG626" s="137"/>
      <c r="AH626" s="137"/>
      <c r="AI626" s="137"/>
      <c r="AJ626" s="137"/>
      <c r="AK626" s="137"/>
      <c r="AL626" s="137"/>
      <c r="AM626" s="137"/>
      <c r="AN626" s="137"/>
      <c r="AO626" s="137"/>
      <c r="AP626" s="137"/>
      <c r="AQ626" s="137"/>
      <c r="AR626" s="137"/>
      <c r="AS626" s="137"/>
      <c r="AT626" s="137"/>
      <c r="AU626" s="137"/>
      <c r="AV626" s="137"/>
      <c r="AW626" s="144"/>
    </row>
    <row r="627" spans="7:49" x14ac:dyDescent="0.2">
      <c r="G627" s="43"/>
      <c r="Z627" s="143"/>
      <c r="AA627" s="137"/>
      <c r="AB627" s="137"/>
      <c r="AC627" s="137"/>
      <c r="AD627" s="137"/>
      <c r="AE627" s="137"/>
      <c r="AF627" s="137"/>
      <c r="AG627" s="137"/>
      <c r="AH627" s="137"/>
      <c r="AI627" s="137"/>
      <c r="AJ627" s="137"/>
      <c r="AK627" s="137"/>
      <c r="AL627" s="137"/>
      <c r="AM627" s="137"/>
      <c r="AN627" s="137"/>
      <c r="AO627" s="137"/>
      <c r="AP627" s="137"/>
      <c r="AQ627" s="137"/>
      <c r="AR627" s="137"/>
      <c r="AS627" s="137"/>
      <c r="AT627" s="137"/>
      <c r="AU627" s="137"/>
      <c r="AV627" s="137"/>
      <c r="AW627" s="144"/>
    </row>
    <row r="628" spans="7:49" x14ac:dyDescent="0.2">
      <c r="G628" s="43"/>
      <c r="Z628" s="143"/>
      <c r="AA628" s="137"/>
      <c r="AB628" s="137"/>
      <c r="AC628" s="137"/>
      <c r="AD628" s="137"/>
      <c r="AE628" s="137"/>
      <c r="AF628" s="137"/>
      <c r="AG628" s="137"/>
      <c r="AH628" s="137"/>
      <c r="AI628" s="137"/>
      <c r="AJ628" s="137"/>
      <c r="AK628" s="137"/>
      <c r="AL628" s="137"/>
      <c r="AM628" s="137"/>
      <c r="AN628" s="137"/>
      <c r="AO628" s="137"/>
      <c r="AP628" s="137"/>
      <c r="AQ628" s="137"/>
      <c r="AR628" s="137"/>
      <c r="AS628" s="137"/>
      <c r="AT628" s="137"/>
      <c r="AU628" s="137"/>
      <c r="AV628" s="137"/>
      <c r="AW628" s="144"/>
    </row>
    <row r="629" spans="7:49" x14ac:dyDescent="0.2">
      <c r="G629" s="43"/>
      <c r="Z629" s="143"/>
      <c r="AA629" s="137"/>
      <c r="AB629" s="137"/>
      <c r="AC629" s="137"/>
      <c r="AD629" s="137"/>
      <c r="AE629" s="137"/>
      <c r="AF629" s="137"/>
      <c r="AG629" s="137"/>
      <c r="AH629" s="137"/>
      <c r="AI629" s="137"/>
      <c r="AJ629" s="137"/>
      <c r="AK629" s="137"/>
      <c r="AL629" s="137"/>
      <c r="AM629" s="137"/>
      <c r="AN629" s="137"/>
      <c r="AO629" s="137"/>
      <c r="AP629" s="137"/>
      <c r="AQ629" s="137"/>
      <c r="AR629" s="137"/>
      <c r="AS629" s="137"/>
      <c r="AT629" s="137"/>
      <c r="AU629" s="137"/>
      <c r="AV629" s="137"/>
      <c r="AW629" s="144"/>
    </row>
    <row r="630" spans="7:49" x14ac:dyDescent="0.2">
      <c r="G630" s="43"/>
      <c r="Z630" s="143"/>
      <c r="AA630" s="137"/>
      <c r="AB630" s="137"/>
      <c r="AC630" s="137"/>
      <c r="AD630" s="137"/>
      <c r="AE630" s="137"/>
      <c r="AF630" s="137"/>
      <c r="AG630" s="137"/>
      <c r="AH630" s="137"/>
      <c r="AI630" s="137"/>
      <c r="AJ630" s="137"/>
      <c r="AK630" s="137"/>
      <c r="AL630" s="137"/>
      <c r="AM630" s="137"/>
      <c r="AN630" s="137"/>
      <c r="AO630" s="137"/>
      <c r="AP630" s="137"/>
      <c r="AQ630" s="137"/>
      <c r="AR630" s="137"/>
      <c r="AS630" s="137"/>
      <c r="AT630" s="137"/>
      <c r="AU630" s="137"/>
      <c r="AV630" s="137"/>
      <c r="AW630" s="144"/>
    </row>
    <row r="631" spans="7:49" x14ac:dyDescent="0.2">
      <c r="G631" s="43"/>
      <c r="Z631" s="143"/>
      <c r="AA631" s="137"/>
      <c r="AB631" s="137"/>
      <c r="AC631" s="137"/>
      <c r="AD631" s="137"/>
      <c r="AE631" s="137"/>
      <c r="AF631" s="137"/>
      <c r="AG631" s="137"/>
      <c r="AH631" s="137"/>
      <c r="AI631" s="137"/>
      <c r="AJ631" s="137"/>
      <c r="AK631" s="137"/>
      <c r="AL631" s="137"/>
      <c r="AM631" s="137"/>
      <c r="AN631" s="137"/>
      <c r="AO631" s="137"/>
      <c r="AP631" s="137"/>
      <c r="AQ631" s="137"/>
      <c r="AR631" s="137"/>
      <c r="AS631" s="137"/>
      <c r="AT631" s="137"/>
      <c r="AU631" s="137"/>
      <c r="AV631" s="137"/>
      <c r="AW631" s="144"/>
    </row>
    <row r="632" spans="7:49" x14ac:dyDescent="0.2">
      <c r="G632" s="43"/>
      <c r="Z632" s="143"/>
      <c r="AA632" s="137"/>
      <c r="AB632" s="137"/>
      <c r="AC632" s="137"/>
      <c r="AD632" s="137"/>
      <c r="AE632" s="137"/>
      <c r="AF632" s="137"/>
      <c r="AG632" s="137"/>
      <c r="AH632" s="137"/>
      <c r="AI632" s="137"/>
      <c r="AJ632" s="137"/>
      <c r="AK632" s="137"/>
      <c r="AL632" s="137"/>
      <c r="AM632" s="137"/>
      <c r="AN632" s="137"/>
      <c r="AO632" s="137"/>
      <c r="AP632" s="137"/>
      <c r="AQ632" s="137"/>
      <c r="AR632" s="137"/>
      <c r="AS632" s="137"/>
      <c r="AT632" s="137"/>
      <c r="AU632" s="137"/>
      <c r="AV632" s="137"/>
      <c r="AW632" s="144"/>
    </row>
    <row r="633" spans="7:49" x14ac:dyDescent="0.2">
      <c r="G633" s="43"/>
      <c r="Z633" s="143"/>
      <c r="AA633" s="137"/>
      <c r="AB633" s="137"/>
      <c r="AC633" s="137"/>
      <c r="AD633" s="137"/>
      <c r="AE633" s="137"/>
      <c r="AF633" s="137"/>
      <c r="AG633" s="137"/>
      <c r="AH633" s="137"/>
      <c r="AI633" s="137"/>
      <c r="AJ633" s="137"/>
      <c r="AK633" s="137"/>
      <c r="AL633" s="137"/>
      <c r="AM633" s="137"/>
      <c r="AN633" s="137"/>
      <c r="AO633" s="137"/>
      <c r="AP633" s="137"/>
      <c r="AQ633" s="137"/>
      <c r="AR633" s="137"/>
      <c r="AS633" s="137"/>
      <c r="AT633" s="137"/>
      <c r="AU633" s="137"/>
      <c r="AV633" s="137"/>
      <c r="AW633" s="144"/>
    </row>
    <row r="634" spans="7:49" x14ac:dyDescent="0.2">
      <c r="G634" s="43"/>
      <c r="Z634" s="143"/>
      <c r="AA634" s="137"/>
      <c r="AB634" s="137"/>
      <c r="AC634" s="137"/>
      <c r="AD634" s="137"/>
      <c r="AE634" s="137"/>
      <c r="AF634" s="137"/>
      <c r="AG634" s="137"/>
      <c r="AH634" s="137"/>
      <c r="AI634" s="137"/>
      <c r="AJ634" s="137"/>
      <c r="AK634" s="137"/>
      <c r="AL634" s="137"/>
      <c r="AM634" s="137"/>
      <c r="AN634" s="137"/>
      <c r="AO634" s="137"/>
      <c r="AP634" s="137"/>
      <c r="AQ634" s="137"/>
      <c r="AR634" s="137"/>
      <c r="AS634" s="137"/>
      <c r="AT634" s="137"/>
      <c r="AU634" s="137"/>
      <c r="AV634" s="137"/>
      <c r="AW634" s="144"/>
    </row>
    <row r="635" spans="7:49" x14ac:dyDescent="0.2">
      <c r="G635" s="43"/>
      <c r="Z635" s="143"/>
      <c r="AA635" s="137"/>
      <c r="AB635" s="137"/>
      <c r="AC635" s="137"/>
      <c r="AD635" s="137"/>
      <c r="AE635" s="137"/>
      <c r="AF635" s="137"/>
      <c r="AG635" s="137"/>
      <c r="AH635" s="137"/>
      <c r="AI635" s="137"/>
      <c r="AJ635" s="137"/>
      <c r="AK635" s="137"/>
      <c r="AL635" s="137"/>
      <c r="AM635" s="137"/>
      <c r="AN635" s="137"/>
      <c r="AO635" s="137"/>
      <c r="AP635" s="137"/>
      <c r="AQ635" s="137"/>
      <c r="AR635" s="137"/>
      <c r="AS635" s="137"/>
      <c r="AT635" s="137"/>
      <c r="AU635" s="137"/>
      <c r="AV635" s="137"/>
      <c r="AW635" s="144"/>
    </row>
    <row r="636" spans="7:49" x14ac:dyDescent="0.2">
      <c r="G636" s="43"/>
      <c r="Z636" s="143"/>
      <c r="AA636" s="137"/>
      <c r="AB636" s="137"/>
      <c r="AC636" s="137"/>
      <c r="AD636" s="137"/>
      <c r="AE636" s="137"/>
      <c r="AF636" s="137"/>
      <c r="AG636" s="137"/>
      <c r="AH636" s="137"/>
      <c r="AI636" s="137"/>
      <c r="AJ636" s="137"/>
      <c r="AK636" s="137"/>
      <c r="AL636" s="137"/>
      <c r="AM636" s="137"/>
      <c r="AN636" s="137"/>
      <c r="AO636" s="137"/>
      <c r="AP636" s="137"/>
      <c r="AQ636" s="137"/>
      <c r="AR636" s="137"/>
      <c r="AS636" s="137"/>
      <c r="AT636" s="137"/>
      <c r="AU636" s="137"/>
      <c r="AV636" s="137"/>
      <c r="AW636" s="144"/>
    </row>
    <row r="637" spans="7:49" x14ac:dyDescent="0.2">
      <c r="G637" s="43"/>
      <c r="Z637" s="143"/>
      <c r="AA637" s="137"/>
      <c r="AB637" s="137"/>
      <c r="AC637" s="137"/>
      <c r="AD637" s="137"/>
      <c r="AE637" s="137"/>
      <c r="AF637" s="137"/>
      <c r="AG637" s="137"/>
      <c r="AH637" s="137"/>
      <c r="AI637" s="137"/>
      <c r="AJ637" s="137"/>
      <c r="AK637" s="137"/>
      <c r="AL637" s="137"/>
      <c r="AM637" s="137"/>
      <c r="AN637" s="137"/>
      <c r="AO637" s="137"/>
      <c r="AP637" s="137"/>
      <c r="AQ637" s="137"/>
      <c r="AR637" s="137"/>
      <c r="AS637" s="137"/>
      <c r="AT637" s="137"/>
      <c r="AU637" s="137"/>
      <c r="AV637" s="137"/>
      <c r="AW637" s="144"/>
    </row>
    <row r="638" spans="7:49" x14ac:dyDescent="0.2">
      <c r="G638" s="43"/>
      <c r="Z638" s="143"/>
      <c r="AA638" s="137"/>
      <c r="AB638" s="137"/>
      <c r="AC638" s="137"/>
      <c r="AD638" s="137"/>
      <c r="AE638" s="137"/>
      <c r="AF638" s="137"/>
      <c r="AG638" s="137"/>
      <c r="AH638" s="137"/>
      <c r="AI638" s="137"/>
      <c r="AJ638" s="137"/>
      <c r="AK638" s="137"/>
      <c r="AL638" s="137"/>
      <c r="AM638" s="137"/>
      <c r="AN638" s="137"/>
      <c r="AO638" s="137"/>
      <c r="AP638" s="137"/>
      <c r="AQ638" s="137"/>
      <c r="AR638" s="137"/>
      <c r="AS638" s="137"/>
      <c r="AT638" s="137"/>
      <c r="AU638" s="137"/>
      <c r="AV638" s="137"/>
      <c r="AW638" s="144"/>
    </row>
    <row r="639" spans="7:49" x14ac:dyDescent="0.2">
      <c r="G639" s="43"/>
      <c r="Z639" s="143"/>
      <c r="AA639" s="137"/>
      <c r="AB639" s="137"/>
      <c r="AC639" s="137"/>
      <c r="AD639" s="137"/>
      <c r="AE639" s="137"/>
      <c r="AF639" s="137"/>
      <c r="AG639" s="137"/>
      <c r="AH639" s="137"/>
      <c r="AI639" s="137"/>
      <c r="AJ639" s="137"/>
      <c r="AK639" s="137"/>
      <c r="AL639" s="137"/>
      <c r="AM639" s="137"/>
      <c r="AN639" s="137"/>
      <c r="AO639" s="137"/>
      <c r="AP639" s="137"/>
      <c r="AQ639" s="137"/>
      <c r="AR639" s="137"/>
      <c r="AS639" s="137"/>
      <c r="AT639" s="137"/>
      <c r="AU639" s="137"/>
      <c r="AV639" s="137"/>
      <c r="AW639" s="144"/>
    </row>
    <row r="640" spans="7:49" x14ac:dyDescent="0.2">
      <c r="G640" s="43"/>
      <c r="Z640" s="143"/>
      <c r="AA640" s="137"/>
      <c r="AB640" s="137"/>
      <c r="AC640" s="137"/>
      <c r="AD640" s="137"/>
      <c r="AE640" s="137"/>
      <c r="AF640" s="137"/>
      <c r="AG640" s="137"/>
      <c r="AH640" s="137"/>
      <c r="AI640" s="137"/>
      <c r="AJ640" s="137"/>
      <c r="AK640" s="137"/>
      <c r="AL640" s="137"/>
      <c r="AM640" s="137"/>
      <c r="AN640" s="137"/>
      <c r="AO640" s="137"/>
      <c r="AP640" s="137"/>
      <c r="AQ640" s="137"/>
      <c r="AR640" s="137"/>
      <c r="AS640" s="137"/>
      <c r="AT640" s="137"/>
      <c r="AU640" s="137"/>
      <c r="AV640" s="137"/>
      <c r="AW640" s="144"/>
    </row>
    <row r="641" spans="7:49" x14ac:dyDescent="0.2">
      <c r="G641" s="43"/>
      <c r="Z641" s="143"/>
      <c r="AA641" s="137"/>
      <c r="AB641" s="137"/>
      <c r="AC641" s="137"/>
      <c r="AD641" s="137"/>
      <c r="AE641" s="137"/>
      <c r="AF641" s="137"/>
      <c r="AG641" s="137"/>
      <c r="AH641" s="137"/>
      <c r="AI641" s="137"/>
      <c r="AJ641" s="137"/>
      <c r="AK641" s="137"/>
      <c r="AL641" s="137"/>
      <c r="AM641" s="137"/>
      <c r="AN641" s="137"/>
      <c r="AO641" s="137"/>
      <c r="AP641" s="137"/>
      <c r="AQ641" s="137"/>
      <c r="AR641" s="137"/>
      <c r="AS641" s="137"/>
      <c r="AT641" s="137"/>
      <c r="AU641" s="137"/>
      <c r="AV641" s="137"/>
      <c r="AW641" s="144"/>
    </row>
    <row r="642" spans="7:49" x14ac:dyDescent="0.2">
      <c r="G642" s="43"/>
      <c r="Z642" s="143"/>
      <c r="AA642" s="137"/>
      <c r="AB642" s="137"/>
      <c r="AC642" s="137"/>
      <c r="AD642" s="137"/>
      <c r="AE642" s="137"/>
      <c r="AF642" s="137"/>
      <c r="AG642" s="137"/>
      <c r="AH642" s="137"/>
      <c r="AI642" s="137"/>
      <c r="AJ642" s="137"/>
      <c r="AK642" s="137"/>
      <c r="AL642" s="137"/>
      <c r="AM642" s="137"/>
      <c r="AN642" s="137"/>
      <c r="AO642" s="137"/>
      <c r="AP642" s="137"/>
      <c r="AQ642" s="137"/>
      <c r="AR642" s="137"/>
      <c r="AS642" s="137"/>
      <c r="AT642" s="137"/>
      <c r="AU642" s="137"/>
      <c r="AV642" s="137"/>
      <c r="AW642" s="144"/>
    </row>
    <row r="643" spans="7:49" x14ac:dyDescent="0.2">
      <c r="G643" s="43"/>
      <c r="Z643" s="143"/>
      <c r="AA643" s="137"/>
      <c r="AB643" s="137"/>
      <c r="AC643" s="137"/>
      <c r="AD643" s="137"/>
      <c r="AE643" s="137"/>
      <c r="AF643" s="137"/>
      <c r="AG643" s="137"/>
      <c r="AH643" s="137"/>
      <c r="AI643" s="137"/>
      <c r="AJ643" s="137"/>
      <c r="AK643" s="137"/>
      <c r="AL643" s="137"/>
      <c r="AM643" s="137"/>
      <c r="AN643" s="137"/>
      <c r="AO643" s="137"/>
      <c r="AP643" s="137"/>
      <c r="AQ643" s="137"/>
      <c r="AR643" s="137"/>
      <c r="AS643" s="137"/>
      <c r="AT643" s="137"/>
      <c r="AU643" s="137"/>
      <c r="AV643" s="137"/>
      <c r="AW643" s="144"/>
    </row>
    <row r="644" spans="7:49" x14ac:dyDescent="0.2">
      <c r="G644" s="43"/>
      <c r="Z644" s="143"/>
      <c r="AA644" s="137"/>
      <c r="AB644" s="137"/>
      <c r="AC644" s="137"/>
      <c r="AD644" s="137"/>
      <c r="AE644" s="137"/>
      <c r="AF644" s="137"/>
      <c r="AG644" s="137"/>
      <c r="AH644" s="137"/>
      <c r="AI644" s="137"/>
      <c r="AJ644" s="137"/>
      <c r="AK644" s="137"/>
      <c r="AL644" s="137"/>
      <c r="AM644" s="137"/>
      <c r="AN644" s="137"/>
      <c r="AO644" s="137"/>
      <c r="AP644" s="137"/>
      <c r="AQ644" s="137"/>
      <c r="AR644" s="137"/>
      <c r="AS644" s="137"/>
      <c r="AT644" s="137"/>
      <c r="AU644" s="137"/>
      <c r="AV644" s="137"/>
      <c r="AW644" s="144"/>
    </row>
    <row r="645" spans="7:49" x14ac:dyDescent="0.2">
      <c r="G645" s="43"/>
      <c r="Z645" s="143"/>
      <c r="AA645" s="137"/>
      <c r="AB645" s="137"/>
      <c r="AC645" s="137"/>
      <c r="AD645" s="137"/>
      <c r="AE645" s="137"/>
      <c r="AF645" s="137"/>
      <c r="AG645" s="137"/>
      <c r="AH645" s="137"/>
      <c r="AI645" s="137"/>
      <c r="AJ645" s="137"/>
      <c r="AK645" s="137"/>
      <c r="AL645" s="137"/>
      <c r="AM645" s="137"/>
      <c r="AN645" s="137"/>
      <c r="AO645" s="137"/>
      <c r="AP645" s="137"/>
      <c r="AQ645" s="137"/>
      <c r="AR645" s="137"/>
      <c r="AS645" s="137"/>
      <c r="AT645" s="137"/>
      <c r="AU645" s="137"/>
      <c r="AV645" s="137"/>
      <c r="AW645" s="144"/>
    </row>
    <row r="646" spans="7:49" x14ac:dyDescent="0.2">
      <c r="G646" s="43"/>
      <c r="Z646" s="143"/>
      <c r="AA646" s="137"/>
      <c r="AB646" s="137"/>
      <c r="AC646" s="137"/>
      <c r="AD646" s="137"/>
      <c r="AE646" s="137"/>
      <c r="AF646" s="137"/>
      <c r="AG646" s="137"/>
      <c r="AH646" s="137"/>
      <c r="AI646" s="137"/>
      <c r="AJ646" s="137"/>
      <c r="AK646" s="137"/>
      <c r="AL646" s="137"/>
      <c r="AM646" s="137"/>
      <c r="AN646" s="137"/>
      <c r="AO646" s="137"/>
      <c r="AP646" s="137"/>
      <c r="AQ646" s="137"/>
      <c r="AR646" s="137"/>
      <c r="AS646" s="137"/>
      <c r="AT646" s="137"/>
      <c r="AU646" s="137"/>
      <c r="AV646" s="137"/>
      <c r="AW646" s="144"/>
    </row>
    <row r="647" spans="7:49" x14ac:dyDescent="0.2">
      <c r="G647" s="43"/>
      <c r="Z647" s="143"/>
      <c r="AA647" s="137"/>
      <c r="AB647" s="137"/>
      <c r="AC647" s="137"/>
      <c r="AD647" s="137"/>
      <c r="AE647" s="137"/>
      <c r="AF647" s="137"/>
      <c r="AG647" s="137"/>
      <c r="AH647" s="137"/>
      <c r="AI647" s="137"/>
      <c r="AJ647" s="137"/>
      <c r="AK647" s="137"/>
      <c r="AL647" s="137"/>
      <c r="AM647" s="137"/>
      <c r="AN647" s="137"/>
      <c r="AO647" s="137"/>
      <c r="AP647" s="137"/>
      <c r="AQ647" s="137"/>
      <c r="AR647" s="137"/>
      <c r="AS647" s="137"/>
      <c r="AT647" s="137"/>
      <c r="AU647" s="137"/>
      <c r="AV647" s="137"/>
      <c r="AW647" s="144"/>
    </row>
    <row r="648" spans="7:49" x14ac:dyDescent="0.2">
      <c r="G648" s="43"/>
      <c r="Z648" s="143"/>
      <c r="AA648" s="137"/>
      <c r="AB648" s="137"/>
      <c r="AC648" s="137"/>
      <c r="AD648" s="137"/>
      <c r="AE648" s="137"/>
      <c r="AF648" s="137"/>
      <c r="AG648" s="137"/>
      <c r="AH648" s="137"/>
      <c r="AI648" s="137"/>
      <c r="AJ648" s="137"/>
      <c r="AK648" s="137"/>
      <c r="AL648" s="137"/>
      <c r="AM648" s="137"/>
      <c r="AN648" s="137"/>
      <c r="AO648" s="137"/>
      <c r="AP648" s="137"/>
      <c r="AQ648" s="137"/>
      <c r="AR648" s="137"/>
      <c r="AS648" s="137"/>
      <c r="AT648" s="137"/>
      <c r="AU648" s="137"/>
      <c r="AV648" s="137"/>
      <c r="AW648" s="144"/>
    </row>
    <row r="649" spans="7:49" x14ac:dyDescent="0.2">
      <c r="G649" s="43"/>
      <c r="Z649" s="143"/>
      <c r="AA649" s="137"/>
      <c r="AB649" s="137"/>
      <c r="AC649" s="137"/>
      <c r="AD649" s="137"/>
      <c r="AE649" s="137"/>
      <c r="AF649" s="137"/>
      <c r="AG649" s="137"/>
      <c r="AH649" s="137"/>
      <c r="AI649" s="137"/>
      <c r="AJ649" s="137"/>
      <c r="AK649" s="137"/>
      <c r="AL649" s="137"/>
      <c r="AM649" s="137"/>
      <c r="AN649" s="137"/>
      <c r="AO649" s="137"/>
      <c r="AP649" s="137"/>
      <c r="AQ649" s="137"/>
      <c r="AR649" s="137"/>
      <c r="AS649" s="137"/>
      <c r="AT649" s="137"/>
      <c r="AU649" s="137"/>
      <c r="AV649" s="137"/>
      <c r="AW649" s="144"/>
    </row>
    <row r="650" spans="7:49" x14ac:dyDescent="0.2">
      <c r="G650" s="43"/>
      <c r="Z650" s="143"/>
      <c r="AA650" s="137"/>
      <c r="AB650" s="137"/>
      <c r="AC650" s="137"/>
      <c r="AD650" s="137"/>
      <c r="AE650" s="137"/>
      <c r="AF650" s="137"/>
      <c r="AG650" s="137"/>
      <c r="AH650" s="137"/>
      <c r="AI650" s="137"/>
      <c r="AJ650" s="137"/>
      <c r="AK650" s="137"/>
      <c r="AL650" s="137"/>
      <c r="AM650" s="137"/>
      <c r="AN650" s="137"/>
      <c r="AO650" s="137"/>
      <c r="AP650" s="137"/>
      <c r="AQ650" s="137"/>
      <c r="AR650" s="137"/>
      <c r="AS650" s="137"/>
      <c r="AT650" s="137"/>
      <c r="AU650" s="137"/>
      <c r="AV650" s="137"/>
      <c r="AW650" s="144"/>
    </row>
    <row r="651" spans="7:49" x14ac:dyDescent="0.2">
      <c r="G651" s="43"/>
      <c r="Z651" s="143"/>
      <c r="AA651" s="137"/>
      <c r="AB651" s="137"/>
      <c r="AC651" s="137"/>
      <c r="AD651" s="137"/>
      <c r="AE651" s="137"/>
      <c r="AF651" s="137"/>
      <c r="AG651" s="137"/>
      <c r="AH651" s="137"/>
      <c r="AI651" s="137"/>
      <c r="AJ651" s="137"/>
      <c r="AK651" s="137"/>
      <c r="AL651" s="137"/>
      <c r="AM651" s="137"/>
      <c r="AN651" s="137"/>
      <c r="AO651" s="137"/>
      <c r="AP651" s="137"/>
      <c r="AQ651" s="137"/>
      <c r="AR651" s="137"/>
      <c r="AS651" s="137"/>
      <c r="AT651" s="137"/>
      <c r="AU651" s="137"/>
      <c r="AV651" s="137"/>
      <c r="AW651" s="144"/>
    </row>
    <row r="652" spans="7:49" x14ac:dyDescent="0.2">
      <c r="G652" s="43"/>
      <c r="Z652" s="143"/>
      <c r="AA652" s="137"/>
      <c r="AB652" s="137"/>
      <c r="AC652" s="137"/>
      <c r="AD652" s="137"/>
      <c r="AE652" s="137"/>
      <c r="AF652" s="137"/>
      <c r="AG652" s="137"/>
      <c r="AH652" s="137"/>
      <c r="AI652" s="137"/>
      <c r="AJ652" s="137"/>
      <c r="AK652" s="137"/>
      <c r="AL652" s="137"/>
      <c r="AM652" s="137"/>
      <c r="AN652" s="137"/>
      <c r="AO652" s="137"/>
      <c r="AP652" s="137"/>
      <c r="AQ652" s="137"/>
      <c r="AR652" s="137"/>
      <c r="AS652" s="137"/>
      <c r="AT652" s="137"/>
      <c r="AU652" s="137"/>
      <c r="AV652" s="137"/>
      <c r="AW652" s="144"/>
    </row>
    <row r="653" spans="7:49" x14ac:dyDescent="0.2">
      <c r="G653" s="43"/>
      <c r="Z653" s="143"/>
      <c r="AA653" s="137"/>
      <c r="AB653" s="137"/>
      <c r="AC653" s="137"/>
      <c r="AD653" s="137"/>
      <c r="AE653" s="137"/>
      <c r="AF653" s="137"/>
      <c r="AG653" s="137"/>
      <c r="AH653" s="137"/>
      <c r="AI653" s="137"/>
      <c r="AJ653" s="137"/>
      <c r="AK653" s="137"/>
      <c r="AL653" s="137"/>
      <c r="AM653" s="137"/>
      <c r="AN653" s="137"/>
      <c r="AO653" s="137"/>
      <c r="AP653" s="137"/>
      <c r="AQ653" s="137"/>
      <c r="AR653" s="137"/>
      <c r="AS653" s="137"/>
      <c r="AT653" s="137"/>
      <c r="AU653" s="137"/>
      <c r="AV653" s="137"/>
      <c r="AW653" s="144"/>
    </row>
    <row r="654" spans="7:49" x14ac:dyDescent="0.2">
      <c r="G654" s="43"/>
      <c r="Z654" s="143"/>
      <c r="AA654" s="137"/>
      <c r="AB654" s="137"/>
      <c r="AC654" s="137"/>
      <c r="AD654" s="137"/>
      <c r="AE654" s="137"/>
      <c r="AF654" s="137"/>
      <c r="AG654" s="137"/>
      <c r="AH654" s="137"/>
      <c r="AI654" s="137"/>
      <c r="AJ654" s="137"/>
      <c r="AK654" s="137"/>
      <c r="AL654" s="137"/>
      <c r="AM654" s="137"/>
      <c r="AN654" s="137"/>
      <c r="AO654" s="137"/>
      <c r="AP654" s="137"/>
      <c r="AQ654" s="137"/>
      <c r="AR654" s="137"/>
      <c r="AS654" s="137"/>
      <c r="AT654" s="137"/>
      <c r="AU654" s="137"/>
      <c r="AV654" s="137"/>
      <c r="AW654" s="144"/>
    </row>
    <row r="655" spans="7:49" x14ac:dyDescent="0.2">
      <c r="G655" s="43"/>
      <c r="Z655" s="143"/>
      <c r="AA655" s="137"/>
      <c r="AB655" s="137"/>
      <c r="AC655" s="137"/>
      <c r="AD655" s="137"/>
      <c r="AE655" s="137"/>
      <c r="AF655" s="137"/>
      <c r="AG655" s="137"/>
      <c r="AH655" s="137"/>
      <c r="AI655" s="137"/>
      <c r="AJ655" s="137"/>
      <c r="AK655" s="137"/>
      <c r="AL655" s="137"/>
      <c r="AM655" s="137"/>
      <c r="AN655" s="137"/>
      <c r="AO655" s="137"/>
      <c r="AP655" s="137"/>
      <c r="AQ655" s="137"/>
      <c r="AR655" s="137"/>
      <c r="AS655" s="137"/>
      <c r="AT655" s="137"/>
      <c r="AU655" s="137"/>
      <c r="AV655" s="137"/>
      <c r="AW655" s="144"/>
    </row>
    <row r="656" spans="7:49" x14ac:dyDescent="0.2">
      <c r="G656" s="43"/>
      <c r="Z656" s="143"/>
      <c r="AA656" s="137"/>
      <c r="AB656" s="137"/>
      <c r="AC656" s="137"/>
      <c r="AD656" s="137"/>
      <c r="AE656" s="137"/>
      <c r="AF656" s="137"/>
      <c r="AG656" s="137"/>
      <c r="AH656" s="137"/>
      <c r="AI656" s="137"/>
      <c r="AJ656" s="137"/>
      <c r="AK656" s="137"/>
      <c r="AL656" s="137"/>
      <c r="AM656" s="137"/>
      <c r="AN656" s="137"/>
      <c r="AO656" s="137"/>
      <c r="AP656" s="137"/>
      <c r="AQ656" s="137"/>
      <c r="AR656" s="137"/>
      <c r="AS656" s="137"/>
      <c r="AT656" s="137"/>
      <c r="AU656" s="137"/>
      <c r="AV656" s="137"/>
      <c r="AW656" s="144"/>
    </row>
    <row r="657" spans="7:49" x14ac:dyDescent="0.2">
      <c r="G657" s="43"/>
      <c r="Z657" s="143"/>
      <c r="AA657" s="137"/>
      <c r="AB657" s="137"/>
      <c r="AC657" s="137"/>
      <c r="AD657" s="137"/>
      <c r="AE657" s="137"/>
      <c r="AF657" s="137"/>
      <c r="AG657" s="137"/>
      <c r="AH657" s="137"/>
      <c r="AI657" s="137"/>
      <c r="AJ657" s="137"/>
      <c r="AK657" s="137"/>
      <c r="AL657" s="137"/>
      <c r="AM657" s="137"/>
      <c r="AN657" s="137"/>
      <c r="AO657" s="137"/>
      <c r="AP657" s="137"/>
      <c r="AQ657" s="137"/>
      <c r="AR657" s="137"/>
      <c r="AS657" s="137"/>
      <c r="AT657" s="137"/>
      <c r="AU657" s="137"/>
      <c r="AV657" s="137"/>
      <c r="AW657" s="144"/>
    </row>
    <row r="658" spans="7:49" x14ac:dyDescent="0.2">
      <c r="G658" s="43"/>
      <c r="Z658" s="143"/>
      <c r="AA658" s="137"/>
      <c r="AB658" s="137"/>
      <c r="AC658" s="137"/>
      <c r="AD658" s="137"/>
      <c r="AE658" s="137"/>
      <c r="AF658" s="137"/>
      <c r="AG658" s="137"/>
      <c r="AH658" s="137"/>
      <c r="AI658" s="137"/>
      <c r="AJ658" s="137"/>
      <c r="AK658" s="137"/>
      <c r="AL658" s="137"/>
      <c r="AM658" s="137"/>
      <c r="AN658" s="137"/>
      <c r="AO658" s="137"/>
      <c r="AP658" s="137"/>
      <c r="AQ658" s="137"/>
      <c r="AR658" s="137"/>
      <c r="AS658" s="137"/>
      <c r="AT658" s="137"/>
      <c r="AU658" s="137"/>
      <c r="AV658" s="137"/>
      <c r="AW658" s="144"/>
    </row>
    <row r="659" spans="7:49" x14ac:dyDescent="0.2">
      <c r="G659" s="43"/>
      <c r="Z659" s="143"/>
      <c r="AA659" s="137"/>
      <c r="AB659" s="137"/>
      <c r="AC659" s="137"/>
      <c r="AD659" s="137"/>
      <c r="AE659" s="137"/>
      <c r="AF659" s="137"/>
      <c r="AG659" s="137"/>
      <c r="AH659" s="137"/>
      <c r="AI659" s="137"/>
      <c r="AJ659" s="137"/>
      <c r="AK659" s="137"/>
      <c r="AL659" s="137"/>
      <c r="AM659" s="137"/>
      <c r="AN659" s="137"/>
      <c r="AO659" s="137"/>
      <c r="AP659" s="137"/>
      <c r="AQ659" s="137"/>
      <c r="AR659" s="137"/>
      <c r="AS659" s="137"/>
      <c r="AT659" s="137"/>
      <c r="AU659" s="137"/>
      <c r="AV659" s="137"/>
      <c r="AW659" s="144"/>
    </row>
    <row r="660" spans="7:49" x14ac:dyDescent="0.2">
      <c r="G660" s="43"/>
      <c r="Z660" s="143"/>
      <c r="AA660" s="137"/>
      <c r="AB660" s="137"/>
      <c r="AC660" s="137"/>
      <c r="AD660" s="137"/>
      <c r="AE660" s="137"/>
      <c r="AF660" s="137"/>
      <c r="AG660" s="137"/>
      <c r="AH660" s="137"/>
      <c r="AI660" s="137"/>
      <c r="AJ660" s="137"/>
      <c r="AK660" s="137"/>
      <c r="AL660" s="137"/>
      <c r="AM660" s="137"/>
      <c r="AN660" s="137"/>
      <c r="AO660" s="137"/>
      <c r="AP660" s="137"/>
      <c r="AQ660" s="137"/>
      <c r="AR660" s="137"/>
      <c r="AS660" s="137"/>
      <c r="AT660" s="137"/>
      <c r="AU660" s="137"/>
      <c r="AV660" s="137"/>
      <c r="AW660" s="144"/>
    </row>
    <row r="661" spans="7:49" x14ac:dyDescent="0.2">
      <c r="G661" s="43"/>
      <c r="Z661" s="143"/>
      <c r="AA661" s="137"/>
      <c r="AB661" s="137"/>
      <c r="AC661" s="137"/>
      <c r="AD661" s="137"/>
      <c r="AE661" s="137"/>
      <c r="AF661" s="137"/>
      <c r="AG661" s="137"/>
      <c r="AH661" s="137"/>
      <c r="AI661" s="137"/>
      <c r="AJ661" s="137"/>
      <c r="AK661" s="137"/>
      <c r="AL661" s="137"/>
      <c r="AM661" s="137"/>
      <c r="AN661" s="137"/>
      <c r="AO661" s="137"/>
      <c r="AP661" s="137"/>
      <c r="AQ661" s="137"/>
      <c r="AR661" s="137"/>
      <c r="AS661" s="137"/>
      <c r="AT661" s="137"/>
      <c r="AU661" s="137"/>
      <c r="AV661" s="137"/>
      <c r="AW661" s="144"/>
    </row>
    <row r="662" spans="7:49" x14ac:dyDescent="0.2">
      <c r="G662" s="43"/>
      <c r="Z662" s="143"/>
      <c r="AA662" s="137"/>
      <c r="AB662" s="137"/>
      <c r="AC662" s="137"/>
      <c r="AD662" s="137"/>
      <c r="AE662" s="137"/>
      <c r="AF662" s="137"/>
      <c r="AG662" s="137"/>
      <c r="AH662" s="137"/>
      <c r="AI662" s="137"/>
      <c r="AJ662" s="137"/>
      <c r="AK662" s="137"/>
      <c r="AL662" s="137"/>
      <c r="AM662" s="137"/>
      <c r="AN662" s="137"/>
      <c r="AO662" s="137"/>
      <c r="AP662" s="137"/>
      <c r="AQ662" s="137"/>
      <c r="AR662" s="137"/>
      <c r="AS662" s="137"/>
      <c r="AT662" s="137"/>
      <c r="AU662" s="137"/>
      <c r="AV662" s="137"/>
      <c r="AW662" s="144"/>
    </row>
    <row r="663" spans="7:49" x14ac:dyDescent="0.2">
      <c r="G663" s="43"/>
      <c r="Z663" s="143"/>
      <c r="AA663" s="137"/>
      <c r="AB663" s="137"/>
      <c r="AC663" s="137"/>
      <c r="AD663" s="137"/>
      <c r="AE663" s="137"/>
      <c r="AF663" s="137"/>
      <c r="AG663" s="137"/>
      <c r="AH663" s="137"/>
      <c r="AI663" s="137"/>
      <c r="AJ663" s="137"/>
      <c r="AK663" s="137"/>
      <c r="AL663" s="137"/>
      <c r="AM663" s="137"/>
      <c r="AN663" s="137"/>
      <c r="AO663" s="137"/>
      <c r="AP663" s="137"/>
      <c r="AQ663" s="137"/>
      <c r="AR663" s="137"/>
      <c r="AS663" s="137"/>
      <c r="AT663" s="137"/>
      <c r="AU663" s="137"/>
      <c r="AV663" s="137"/>
      <c r="AW663" s="144"/>
    </row>
    <row r="664" spans="7:49" x14ac:dyDescent="0.2">
      <c r="G664" s="43"/>
      <c r="Z664" s="143"/>
      <c r="AA664" s="137"/>
      <c r="AB664" s="137"/>
      <c r="AC664" s="137"/>
      <c r="AD664" s="137"/>
      <c r="AE664" s="137"/>
      <c r="AF664" s="137"/>
      <c r="AG664" s="137"/>
      <c r="AH664" s="137"/>
      <c r="AI664" s="137"/>
      <c r="AJ664" s="137"/>
      <c r="AK664" s="137"/>
      <c r="AL664" s="137"/>
      <c r="AM664" s="137"/>
      <c r="AN664" s="137"/>
      <c r="AO664" s="137"/>
      <c r="AP664" s="137"/>
      <c r="AQ664" s="137"/>
      <c r="AR664" s="137"/>
      <c r="AS664" s="137"/>
      <c r="AT664" s="137"/>
      <c r="AU664" s="137"/>
      <c r="AV664" s="137"/>
      <c r="AW664" s="144"/>
    </row>
    <row r="665" spans="7:49" x14ac:dyDescent="0.2">
      <c r="G665" s="43"/>
      <c r="Z665" s="143"/>
      <c r="AA665" s="137"/>
      <c r="AB665" s="137"/>
      <c r="AC665" s="137"/>
      <c r="AD665" s="137"/>
      <c r="AE665" s="137"/>
      <c r="AF665" s="137"/>
      <c r="AG665" s="137"/>
      <c r="AH665" s="137"/>
      <c r="AI665" s="137"/>
      <c r="AJ665" s="137"/>
      <c r="AK665" s="137"/>
      <c r="AL665" s="137"/>
      <c r="AM665" s="137"/>
      <c r="AN665" s="137"/>
      <c r="AO665" s="137"/>
      <c r="AP665" s="137"/>
      <c r="AQ665" s="137"/>
      <c r="AR665" s="137"/>
      <c r="AS665" s="137"/>
      <c r="AT665" s="137"/>
      <c r="AU665" s="137"/>
      <c r="AV665" s="137"/>
      <c r="AW665" s="144"/>
    </row>
    <row r="666" spans="7:49" x14ac:dyDescent="0.2">
      <c r="G666" s="43"/>
      <c r="Z666" s="143"/>
      <c r="AA666" s="137"/>
      <c r="AB666" s="137"/>
      <c r="AC666" s="137"/>
      <c r="AD666" s="137"/>
      <c r="AE666" s="137"/>
      <c r="AF666" s="137"/>
      <c r="AG666" s="137"/>
      <c r="AH666" s="137"/>
      <c r="AI666" s="137"/>
      <c r="AJ666" s="137"/>
      <c r="AK666" s="137"/>
      <c r="AL666" s="137"/>
      <c r="AM666" s="137"/>
      <c r="AN666" s="137"/>
      <c r="AO666" s="137"/>
      <c r="AP666" s="137"/>
      <c r="AQ666" s="137"/>
      <c r="AR666" s="137"/>
      <c r="AS666" s="137"/>
      <c r="AT666" s="137"/>
      <c r="AU666" s="137"/>
      <c r="AV666" s="137"/>
      <c r="AW666" s="144"/>
    </row>
    <row r="667" spans="7:49" x14ac:dyDescent="0.2">
      <c r="G667" s="43"/>
      <c r="Z667" s="143"/>
      <c r="AA667" s="137"/>
      <c r="AB667" s="137"/>
      <c r="AC667" s="137"/>
      <c r="AD667" s="137"/>
      <c r="AE667" s="137"/>
      <c r="AF667" s="137"/>
      <c r="AG667" s="137"/>
      <c r="AH667" s="137"/>
      <c r="AI667" s="137"/>
      <c r="AJ667" s="137"/>
      <c r="AK667" s="137"/>
      <c r="AL667" s="137"/>
      <c r="AM667" s="137"/>
      <c r="AN667" s="137"/>
      <c r="AO667" s="137"/>
      <c r="AP667" s="137"/>
      <c r="AQ667" s="137"/>
      <c r="AR667" s="137"/>
      <c r="AS667" s="137"/>
      <c r="AT667" s="137"/>
      <c r="AU667" s="137"/>
      <c r="AV667" s="137"/>
      <c r="AW667" s="144"/>
    </row>
    <row r="668" spans="7:49" x14ac:dyDescent="0.2">
      <c r="G668" s="43"/>
      <c r="Z668" s="143"/>
      <c r="AA668" s="137"/>
      <c r="AB668" s="137"/>
      <c r="AC668" s="137"/>
      <c r="AD668" s="137"/>
      <c r="AE668" s="137"/>
      <c r="AF668" s="137"/>
      <c r="AG668" s="137"/>
      <c r="AH668" s="137"/>
      <c r="AI668" s="137"/>
      <c r="AJ668" s="137"/>
      <c r="AK668" s="137"/>
      <c r="AL668" s="137"/>
      <c r="AM668" s="137"/>
      <c r="AN668" s="137"/>
      <c r="AO668" s="137"/>
      <c r="AP668" s="137"/>
      <c r="AQ668" s="137"/>
      <c r="AR668" s="137"/>
      <c r="AS668" s="137"/>
      <c r="AT668" s="137"/>
      <c r="AU668" s="137"/>
      <c r="AV668" s="137"/>
      <c r="AW668" s="144"/>
    </row>
    <row r="669" spans="7:49" x14ac:dyDescent="0.2">
      <c r="G669" s="43"/>
      <c r="Z669" s="143"/>
      <c r="AA669" s="137"/>
      <c r="AB669" s="137"/>
      <c r="AC669" s="137"/>
      <c r="AD669" s="137"/>
      <c r="AE669" s="137"/>
      <c r="AF669" s="137"/>
      <c r="AG669" s="137"/>
      <c r="AH669" s="137"/>
      <c r="AI669" s="137"/>
      <c r="AJ669" s="137"/>
      <c r="AK669" s="137"/>
      <c r="AL669" s="137"/>
      <c r="AM669" s="137"/>
      <c r="AN669" s="137"/>
      <c r="AO669" s="137"/>
      <c r="AP669" s="137"/>
      <c r="AQ669" s="137"/>
      <c r="AR669" s="137"/>
      <c r="AS669" s="137"/>
      <c r="AT669" s="137"/>
      <c r="AU669" s="137"/>
      <c r="AV669" s="137"/>
      <c r="AW669" s="144"/>
    </row>
    <row r="670" spans="7:49" x14ac:dyDescent="0.2">
      <c r="G670" s="43"/>
      <c r="Z670" s="143"/>
      <c r="AA670" s="137"/>
      <c r="AB670" s="137"/>
      <c r="AC670" s="137"/>
      <c r="AD670" s="137"/>
      <c r="AE670" s="137"/>
      <c r="AF670" s="137"/>
      <c r="AG670" s="137"/>
      <c r="AH670" s="137"/>
      <c r="AI670" s="137"/>
      <c r="AJ670" s="137"/>
      <c r="AK670" s="137"/>
      <c r="AL670" s="137"/>
      <c r="AM670" s="137"/>
      <c r="AN670" s="137"/>
      <c r="AO670" s="137"/>
      <c r="AP670" s="137"/>
      <c r="AQ670" s="137"/>
      <c r="AR670" s="137"/>
      <c r="AS670" s="137"/>
      <c r="AT670" s="137"/>
      <c r="AU670" s="137"/>
      <c r="AV670" s="137"/>
      <c r="AW670" s="144"/>
    </row>
    <row r="671" spans="7:49" x14ac:dyDescent="0.2">
      <c r="G671" s="43"/>
      <c r="Z671" s="143"/>
      <c r="AA671" s="137"/>
      <c r="AB671" s="137"/>
      <c r="AC671" s="137"/>
      <c r="AD671" s="137"/>
      <c r="AE671" s="137"/>
      <c r="AF671" s="137"/>
      <c r="AG671" s="137"/>
      <c r="AH671" s="137"/>
      <c r="AI671" s="137"/>
      <c r="AJ671" s="137"/>
      <c r="AK671" s="137"/>
      <c r="AL671" s="137"/>
      <c r="AM671" s="137"/>
      <c r="AN671" s="137"/>
      <c r="AO671" s="137"/>
      <c r="AP671" s="137"/>
      <c r="AQ671" s="137"/>
      <c r="AR671" s="137"/>
      <c r="AS671" s="137"/>
      <c r="AT671" s="137"/>
      <c r="AU671" s="137"/>
      <c r="AV671" s="137"/>
      <c r="AW671" s="144"/>
    </row>
    <row r="672" spans="7:49" x14ac:dyDescent="0.2">
      <c r="G672" s="43"/>
      <c r="Z672" s="143"/>
      <c r="AA672" s="137"/>
      <c r="AB672" s="137"/>
      <c r="AC672" s="137"/>
      <c r="AD672" s="137"/>
      <c r="AE672" s="137"/>
      <c r="AF672" s="137"/>
      <c r="AG672" s="137"/>
      <c r="AH672" s="137"/>
      <c r="AI672" s="137"/>
      <c r="AJ672" s="137"/>
      <c r="AK672" s="137"/>
      <c r="AL672" s="137"/>
      <c r="AM672" s="137"/>
      <c r="AN672" s="137"/>
      <c r="AO672" s="137"/>
      <c r="AP672" s="137"/>
      <c r="AQ672" s="137"/>
      <c r="AR672" s="137"/>
      <c r="AS672" s="137"/>
      <c r="AT672" s="137"/>
      <c r="AU672" s="137"/>
      <c r="AV672" s="137"/>
      <c r="AW672" s="144"/>
    </row>
    <row r="673" spans="7:49" x14ac:dyDescent="0.2">
      <c r="G673" s="43"/>
      <c r="Z673" s="143"/>
      <c r="AA673" s="137"/>
      <c r="AB673" s="137"/>
      <c r="AC673" s="137"/>
      <c r="AD673" s="137"/>
      <c r="AE673" s="137"/>
      <c r="AF673" s="137"/>
      <c r="AG673" s="137"/>
      <c r="AH673" s="137"/>
      <c r="AI673" s="137"/>
      <c r="AJ673" s="137"/>
      <c r="AK673" s="137"/>
      <c r="AL673" s="137"/>
      <c r="AM673" s="137"/>
      <c r="AN673" s="137"/>
      <c r="AO673" s="137"/>
      <c r="AP673" s="137"/>
      <c r="AQ673" s="137"/>
      <c r="AR673" s="137"/>
      <c r="AS673" s="137"/>
      <c r="AT673" s="137"/>
      <c r="AU673" s="137"/>
      <c r="AV673" s="137"/>
      <c r="AW673" s="144"/>
    </row>
    <row r="674" spans="7:49" x14ac:dyDescent="0.2">
      <c r="G674" s="43"/>
      <c r="Z674" s="143"/>
      <c r="AA674" s="137"/>
      <c r="AB674" s="137"/>
      <c r="AC674" s="137"/>
      <c r="AD674" s="137"/>
      <c r="AE674" s="137"/>
      <c r="AF674" s="137"/>
      <c r="AG674" s="137"/>
      <c r="AH674" s="137"/>
      <c r="AI674" s="137"/>
      <c r="AJ674" s="137"/>
      <c r="AK674" s="137"/>
      <c r="AL674" s="137"/>
      <c r="AM674" s="137"/>
      <c r="AN674" s="137"/>
      <c r="AO674" s="137"/>
      <c r="AP674" s="137"/>
      <c r="AQ674" s="137"/>
      <c r="AR674" s="137"/>
      <c r="AS674" s="137"/>
      <c r="AT674" s="137"/>
      <c r="AU674" s="137"/>
      <c r="AV674" s="137"/>
      <c r="AW674" s="144"/>
    </row>
    <row r="675" spans="7:49" x14ac:dyDescent="0.2">
      <c r="G675" s="43"/>
      <c r="Z675" s="143"/>
      <c r="AA675" s="137"/>
      <c r="AB675" s="137"/>
      <c r="AC675" s="137"/>
      <c r="AD675" s="137"/>
      <c r="AE675" s="137"/>
      <c r="AF675" s="137"/>
      <c r="AG675" s="137"/>
      <c r="AH675" s="137"/>
      <c r="AI675" s="137"/>
      <c r="AJ675" s="137"/>
      <c r="AK675" s="137"/>
      <c r="AL675" s="137"/>
      <c r="AM675" s="137"/>
      <c r="AN675" s="137"/>
      <c r="AO675" s="137"/>
      <c r="AP675" s="137"/>
      <c r="AQ675" s="137"/>
      <c r="AR675" s="137"/>
      <c r="AS675" s="137"/>
      <c r="AT675" s="137"/>
      <c r="AU675" s="137"/>
      <c r="AV675" s="137"/>
      <c r="AW675" s="144"/>
    </row>
    <row r="676" spans="7:49" x14ac:dyDescent="0.2">
      <c r="G676" s="43"/>
      <c r="Z676" s="143"/>
      <c r="AA676" s="137"/>
      <c r="AB676" s="137"/>
      <c r="AC676" s="137"/>
      <c r="AD676" s="137"/>
      <c r="AE676" s="137"/>
      <c r="AF676" s="137"/>
      <c r="AG676" s="137"/>
      <c r="AH676" s="137"/>
      <c r="AI676" s="137"/>
      <c r="AJ676" s="137"/>
      <c r="AK676" s="137"/>
      <c r="AL676" s="137"/>
      <c r="AM676" s="137"/>
      <c r="AN676" s="137"/>
      <c r="AO676" s="137"/>
      <c r="AP676" s="137"/>
      <c r="AQ676" s="137"/>
      <c r="AR676" s="137"/>
      <c r="AS676" s="137"/>
      <c r="AT676" s="137"/>
      <c r="AU676" s="137"/>
      <c r="AV676" s="137"/>
      <c r="AW676" s="144"/>
    </row>
    <row r="677" spans="7:49" x14ac:dyDescent="0.2">
      <c r="G677" s="43"/>
      <c r="Z677" s="143"/>
      <c r="AA677" s="137"/>
      <c r="AB677" s="137"/>
      <c r="AC677" s="137"/>
      <c r="AD677" s="137"/>
      <c r="AE677" s="137"/>
      <c r="AF677" s="137"/>
      <c r="AG677" s="137"/>
      <c r="AH677" s="137"/>
      <c r="AI677" s="137"/>
      <c r="AJ677" s="137"/>
      <c r="AK677" s="137"/>
      <c r="AL677" s="137"/>
      <c r="AM677" s="137"/>
      <c r="AN677" s="137"/>
      <c r="AO677" s="137"/>
      <c r="AP677" s="137"/>
      <c r="AQ677" s="137"/>
      <c r="AR677" s="137"/>
      <c r="AS677" s="137"/>
      <c r="AT677" s="137"/>
      <c r="AU677" s="137"/>
      <c r="AV677" s="137"/>
      <c r="AW677" s="144"/>
    </row>
    <row r="678" spans="7:49" x14ac:dyDescent="0.2">
      <c r="G678" s="43"/>
      <c r="Z678" s="143"/>
      <c r="AA678" s="137"/>
      <c r="AB678" s="137"/>
      <c r="AC678" s="137"/>
      <c r="AD678" s="137"/>
      <c r="AE678" s="137"/>
      <c r="AF678" s="137"/>
      <c r="AG678" s="137"/>
      <c r="AH678" s="137"/>
      <c r="AI678" s="137"/>
      <c r="AJ678" s="137"/>
      <c r="AK678" s="137"/>
      <c r="AL678" s="137"/>
      <c r="AM678" s="137"/>
      <c r="AN678" s="137"/>
      <c r="AO678" s="137"/>
      <c r="AP678" s="137"/>
      <c r="AQ678" s="137"/>
      <c r="AR678" s="137"/>
      <c r="AS678" s="137"/>
      <c r="AT678" s="137"/>
      <c r="AU678" s="137"/>
      <c r="AV678" s="137"/>
      <c r="AW678" s="144"/>
    </row>
    <row r="679" spans="7:49" x14ac:dyDescent="0.2">
      <c r="G679" s="43"/>
      <c r="Z679" s="143"/>
      <c r="AA679" s="137"/>
      <c r="AB679" s="137"/>
      <c r="AC679" s="137"/>
      <c r="AD679" s="137"/>
      <c r="AE679" s="137"/>
      <c r="AF679" s="137"/>
      <c r="AG679" s="137"/>
      <c r="AH679" s="137"/>
      <c r="AI679" s="137"/>
      <c r="AJ679" s="137"/>
      <c r="AK679" s="137"/>
      <c r="AL679" s="137"/>
      <c r="AM679" s="137"/>
      <c r="AN679" s="137"/>
      <c r="AO679" s="137"/>
      <c r="AP679" s="137"/>
      <c r="AQ679" s="137"/>
      <c r="AR679" s="137"/>
      <c r="AS679" s="137"/>
      <c r="AT679" s="137"/>
      <c r="AU679" s="137"/>
      <c r="AV679" s="137"/>
      <c r="AW679" s="144"/>
    </row>
    <row r="680" spans="7:49" x14ac:dyDescent="0.2">
      <c r="G680" s="43"/>
      <c r="Z680" s="143"/>
      <c r="AA680" s="137"/>
      <c r="AB680" s="137"/>
      <c r="AC680" s="137"/>
      <c r="AD680" s="137"/>
      <c r="AE680" s="137"/>
      <c r="AF680" s="137"/>
      <c r="AG680" s="137"/>
      <c r="AH680" s="137"/>
      <c r="AI680" s="137"/>
      <c r="AJ680" s="137"/>
      <c r="AK680" s="137"/>
      <c r="AL680" s="137"/>
      <c r="AM680" s="137"/>
      <c r="AN680" s="137"/>
      <c r="AO680" s="137"/>
      <c r="AP680" s="137"/>
      <c r="AQ680" s="137"/>
      <c r="AR680" s="137"/>
      <c r="AS680" s="137"/>
      <c r="AT680" s="137"/>
      <c r="AU680" s="137"/>
      <c r="AV680" s="137"/>
      <c r="AW680" s="144"/>
    </row>
    <row r="681" spans="7:49" x14ac:dyDescent="0.2">
      <c r="G681" s="43"/>
      <c r="Z681" s="143"/>
      <c r="AA681" s="137"/>
      <c r="AB681" s="137"/>
      <c r="AC681" s="137"/>
      <c r="AD681" s="137"/>
      <c r="AE681" s="137"/>
      <c r="AF681" s="137"/>
      <c r="AG681" s="137"/>
      <c r="AH681" s="137"/>
      <c r="AI681" s="137"/>
      <c r="AJ681" s="137"/>
      <c r="AK681" s="137"/>
      <c r="AL681" s="137"/>
      <c r="AM681" s="137"/>
      <c r="AN681" s="137"/>
      <c r="AO681" s="137"/>
      <c r="AP681" s="137"/>
      <c r="AQ681" s="137"/>
      <c r="AR681" s="137"/>
      <c r="AS681" s="137"/>
      <c r="AT681" s="137"/>
      <c r="AU681" s="137"/>
      <c r="AV681" s="137"/>
      <c r="AW681" s="144"/>
    </row>
    <row r="682" spans="7:49" x14ac:dyDescent="0.2">
      <c r="G682" s="43"/>
      <c r="Z682" s="143"/>
      <c r="AA682" s="137"/>
      <c r="AB682" s="137"/>
      <c r="AC682" s="137"/>
      <c r="AD682" s="137"/>
      <c r="AE682" s="137"/>
      <c r="AF682" s="137"/>
      <c r="AG682" s="137"/>
      <c r="AH682" s="137"/>
      <c r="AI682" s="137"/>
      <c r="AJ682" s="137"/>
      <c r="AK682" s="137"/>
      <c r="AL682" s="137"/>
      <c r="AM682" s="137"/>
      <c r="AN682" s="137"/>
      <c r="AO682" s="137"/>
      <c r="AP682" s="137"/>
      <c r="AQ682" s="137"/>
      <c r="AR682" s="137"/>
      <c r="AS682" s="137"/>
      <c r="AT682" s="137"/>
      <c r="AU682" s="137"/>
      <c r="AV682" s="137"/>
      <c r="AW682" s="144"/>
    </row>
    <row r="683" spans="7:49" x14ac:dyDescent="0.2">
      <c r="G683" s="43"/>
      <c r="Z683" s="143"/>
      <c r="AA683" s="137"/>
      <c r="AB683" s="137"/>
      <c r="AC683" s="137"/>
      <c r="AD683" s="137"/>
      <c r="AE683" s="137"/>
      <c r="AF683" s="137"/>
      <c r="AG683" s="137"/>
      <c r="AH683" s="137"/>
      <c r="AI683" s="137"/>
      <c r="AJ683" s="137"/>
      <c r="AK683" s="137"/>
      <c r="AL683" s="137"/>
      <c r="AM683" s="137"/>
      <c r="AN683" s="137"/>
      <c r="AO683" s="137"/>
      <c r="AP683" s="137"/>
      <c r="AQ683" s="137"/>
      <c r="AR683" s="137"/>
      <c r="AS683" s="137"/>
      <c r="AT683" s="137"/>
      <c r="AU683" s="137"/>
      <c r="AV683" s="137"/>
      <c r="AW683" s="144"/>
    </row>
    <row r="684" spans="7:49" x14ac:dyDescent="0.2">
      <c r="G684" s="43"/>
      <c r="Z684" s="143"/>
      <c r="AA684" s="137"/>
      <c r="AB684" s="137"/>
      <c r="AC684" s="137"/>
      <c r="AD684" s="137"/>
      <c r="AE684" s="137"/>
      <c r="AF684" s="137"/>
      <c r="AG684" s="137"/>
      <c r="AH684" s="137"/>
      <c r="AI684" s="137"/>
      <c r="AJ684" s="137"/>
      <c r="AK684" s="137"/>
      <c r="AL684" s="137"/>
      <c r="AM684" s="137"/>
      <c r="AN684" s="137"/>
      <c r="AO684" s="137"/>
      <c r="AP684" s="137"/>
      <c r="AQ684" s="137"/>
      <c r="AR684" s="137"/>
      <c r="AS684" s="137"/>
      <c r="AT684" s="137"/>
      <c r="AU684" s="137"/>
      <c r="AV684" s="137"/>
      <c r="AW684" s="144"/>
    </row>
    <row r="685" spans="7:49" x14ac:dyDescent="0.2">
      <c r="G685" s="43"/>
      <c r="Z685" s="143"/>
      <c r="AA685" s="137"/>
      <c r="AB685" s="137"/>
      <c r="AC685" s="137"/>
      <c r="AD685" s="137"/>
      <c r="AE685" s="137"/>
      <c r="AF685" s="137"/>
      <c r="AG685" s="137"/>
      <c r="AH685" s="137"/>
      <c r="AI685" s="137"/>
      <c r="AJ685" s="137"/>
      <c r="AK685" s="137"/>
      <c r="AL685" s="137"/>
      <c r="AM685" s="137"/>
      <c r="AN685" s="137"/>
      <c r="AO685" s="137"/>
      <c r="AP685" s="137"/>
      <c r="AQ685" s="137"/>
      <c r="AR685" s="137"/>
      <c r="AS685" s="137"/>
      <c r="AT685" s="137"/>
      <c r="AU685" s="137"/>
      <c r="AV685" s="137"/>
      <c r="AW685" s="144"/>
    </row>
    <row r="686" spans="7:49" x14ac:dyDescent="0.2">
      <c r="G686" s="43"/>
      <c r="Z686" s="143"/>
      <c r="AA686" s="137"/>
      <c r="AB686" s="137"/>
      <c r="AC686" s="137"/>
      <c r="AD686" s="137"/>
      <c r="AE686" s="137"/>
      <c r="AF686" s="137"/>
      <c r="AG686" s="137"/>
      <c r="AH686" s="137"/>
      <c r="AI686" s="137"/>
      <c r="AJ686" s="137"/>
      <c r="AK686" s="137"/>
      <c r="AL686" s="137"/>
      <c r="AM686" s="137"/>
      <c r="AN686" s="137"/>
      <c r="AO686" s="137"/>
      <c r="AP686" s="137"/>
      <c r="AQ686" s="137"/>
      <c r="AR686" s="137"/>
      <c r="AS686" s="137"/>
      <c r="AT686" s="137"/>
      <c r="AU686" s="137"/>
      <c r="AV686" s="137"/>
      <c r="AW686" s="144"/>
    </row>
    <row r="687" spans="7:49" x14ac:dyDescent="0.2">
      <c r="G687" s="43"/>
      <c r="Z687" s="143"/>
      <c r="AA687" s="137"/>
      <c r="AB687" s="137"/>
      <c r="AC687" s="137"/>
      <c r="AD687" s="137"/>
      <c r="AE687" s="137"/>
      <c r="AF687" s="137"/>
      <c r="AG687" s="137"/>
      <c r="AH687" s="137"/>
      <c r="AI687" s="137"/>
      <c r="AJ687" s="137"/>
      <c r="AK687" s="137"/>
      <c r="AL687" s="137"/>
      <c r="AM687" s="137"/>
      <c r="AN687" s="137"/>
      <c r="AO687" s="137"/>
      <c r="AP687" s="137"/>
      <c r="AQ687" s="137"/>
      <c r="AR687" s="137"/>
      <c r="AS687" s="137"/>
      <c r="AT687" s="137"/>
      <c r="AU687" s="137"/>
      <c r="AV687" s="137"/>
      <c r="AW687" s="144"/>
    </row>
    <row r="688" spans="7:49" x14ac:dyDescent="0.2">
      <c r="G688" s="43"/>
      <c r="Z688" s="143"/>
      <c r="AA688" s="137"/>
      <c r="AB688" s="137"/>
      <c r="AC688" s="137"/>
      <c r="AD688" s="137"/>
      <c r="AE688" s="137"/>
      <c r="AF688" s="137"/>
      <c r="AG688" s="137"/>
      <c r="AH688" s="137"/>
      <c r="AI688" s="137"/>
      <c r="AJ688" s="137"/>
      <c r="AK688" s="137"/>
      <c r="AL688" s="137"/>
      <c r="AM688" s="137"/>
      <c r="AN688" s="137"/>
      <c r="AO688" s="137"/>
      <c r="AP688" s="137"/>
      <c r="AQ688" s="137"/>
      <c r="AR688" s="137"/>
      <c r="AS688" s="137"/>
      <c r="AT688" s="137"/>
      <c r="AU688" s="137"/>
      <c r="AV688" s="137"/>
      <c r="AW688" s="144"/>
    </row>
    <row r="689" spans="7:49" x14ac:dyDescent="0.2">
      <c r="G689" s="43"/>
      <c r="Z689" s="143"/>
      <c r="AA689" s="137"/>
      <c r="AB689" s="137"/>
      <c r="AC689" s="137"/>
      <c r="AD689" s="137"/>
      <c r="AE689" s="137"/>
      <c r="AF689" s="137"/>
      <c r="AG689" s="137"/>
      <c r="AH689" s="137"/>
      <c r="AI689" s="137"/>
      <c r="AJ689" s="137"/>
      <c r="AK689" s="137"/>
      <c r="AL689" s="137"/>
      <c r="AM689" s="137"/>
      <c r="AN689" s="137"/>
      <c r="AO689" s="137"/>
      <c r="AP689" s="137"/>
      <c r="AQ689" s="137"/>
      <c r="AR689" s="137"/>
      <c r="AS689" s="137"/>
      <c r="AT689" s="137"/>
      <c r="AU689" s="137"/>
      <c r="AV689" s="137"/>
      <c r="AW689" s="144"/>
    </row>
    <row r="690" spans="7:49" x14ac:dyDescent="0.2">
      <c r="G690" s="43"/>
      <c r="Z690" s="143"/>
      <c r="AA690" s="137"/>
      <c r="AB690" s="137"/>
      <c r="AC690" s="137"/>
      <c r="AD690" s="137"/>
      <c r="AE690" s="137"/>
      <c r="AF690" s="137"/>
      <c r="AG690" s="137"/>
      <c r="AH690" s="137"/>
      <c r="AI690" s="137"/>
      <c r="AJ690" s="137"/>
      <c r="AK690" s="137"/>
      <c r="AL690" s="137"/>
      <c r="AM690" s="137"/>
      <c r="AN690" s="137"/>
      <c r="AO690" s="137"/>
      <c r="AP690" s="137"/>
      <c r="AQ690" s="137"/>
      <c r="AR690" s="137"/>
      <c r="AS690" s="137"/>
      <c r="AT690" s="137"/>
      <c r="AU690" s="137"/>
      <c r="AV690" s="137"/>
      <c r="AW690" s="144"/>
    </row>
    <row r="691" spans="7:49" x14ac:dyDescent="0.2">
      <c r="G691" s="43"/>
      <c r="Z691" s="143"/>
      <c r="AA691" s="137"/>
      <c r="AB691" s="137"/>
      <c r="AC691" s="137"/>
      <c r="AD691" s="137"/>
      <c r="AE691" s="137"/>
      <c r="AF691" s="137"/>
      <c r="AG691" s="137"/>
      <c r="AH691" s="137"/>
      <c r="AI691" s="137"/>
      <c r="AJ691" s="137"/>
      <c r="AK691" s="137"/>
      <c r="AL691" s="137"/>
      <c r="AM691" s="137"/>
      <c r="AN691" s="137"/>
      <c r="AO691" s="137"/>
      <c r="AP691" s="137"/>
      <c r="AQ691" s="137"/>
      <c r="AR691" s="137"/>
      <c r="AS691" s="137"/>
      <c r="AT691" s="137"/>
      <c r="AU691" s="137"/>
      <c r="AV691" s="137"/>
      <c r="AW691" s="144"/>
    </row>
    <row r="692" spans="7:49" x14ac:dyDescent="0.2">
      <c r="G692" s="43"/>
      <c r="Z692" s="143"/>
      <c r="AA692" s="137"/>
      <c r="AB692" s="137"/>
      <c r="AC692" s="137"/>
      <c r="AD692" s="137"/>
      <c r="AE692" s="137"/>
      <c r="AF692" s="137"/>
      <c r="AG692" s="137"/>
      <c r="AH692" s="137"/>
      <c r="AI692" s="137"/>
      <c r="AJ692" s="137"/>
      <c r="AK692" s="137"/>
      <c r="AL692" s="137"/>
      <c r="AM692" s="137"/>
      <c r="AN692" s="137"/>
      <c r="AO692" s="137"/>
      <c r="AP692" s="137"/>
      <c r="AQ692" s="137"/>
      <c r="AR692" s="137"/>
      <c r="AS692" s="137"/>
      <c r="AT692" s="137"/>
      <c r="AU692" s="137"/>
      <c r="AV692" s="137"/>
      <c r="AW692" s="144"/>
    </row>
    <row r="693" spans="7:49" x14ac:dyDescent="0.2">
      <c r="G693" s="43"/>
      <c r="Z693" s="143"/>
      <c r="AA693" s="137"/>
      <c r="AB693" s="137"/>
      <c r="AC693" s="137"/>
      <c r="AD693" s="137"/>
      <c r="AE693" s="137"/>
      <c r="AF693" s="137"/>
      <c r="AG693" s="137"/>
      <c r="AH693" s="137"/>
      <c r="AI693" s="137"/>
      <c r="AJ693" s="137"/>
      <c r="AK693" s="137"/>
      <c r="AL693" s="137"/>
      <c r="AM693" s="137"/>
      <c r="AN693" s="137"/>
      <c r="AO693" s="137"/>
      <c r="AP693" s="137"/>
      <c r="AQ693" s="137"/>
      <c r="AR693" s="137"/>
      <c r="AS693" s="137"/>
      <c r="AT693" s="137"/>
      <c r="AU693" s="137"/>
      <c r="AV693" s="137"/>
      <c r="AW693" s="144"/>
    </row>
    <row r="694" spans="7:49" x14ac:dyDescent="0.2">
      <c r="G694" s="43"/>
      <c r="Z694" s="143"/>
      <c r="AA694" s="137"/>
      <c r="AB694" s="137"/>
      <c r="AC694" s="137"/>
      <c r="AD694" s="137"/>
      <c r="AE694" s="137"/>
      <c r="AF694" s="137"/>
      <c r="AG694" s="137"/>
      <c r="AH694" s="137"/>
      <c r="AI694" s="137"/>
      <c r="AJ694" s="137"/>
      <c r="AK694" s="137"/>
      <c r="AL694" s="137"/>
      <c r="AM694" s="137"/>
      <c r="AN694" s="137"/>
      <c r="AO694" s="137"/>
      <c r="AP694" s="137"/>
      <c r="AQ694" s="137"/>
      <c r="AR694" s="137"/>
      <c r="AS694" s="137"/>
      <c r="AT694" s="137"/>
      <c r="AU694" s="137"/>
      <c r="AV694" s="137"/>
      <c r="AW694" s="144"/>
    </row>
    <row r="695" spans="7:49" x14ac:dyDescent="0.2">
      <c r="G695" s="43"/>
      <c r="Z695" s="143"/>
      <c r="AA695" s="137"/>
      <c r="AB695" s="137"/>
      <c r="AC695" s="137"/>
      <c r="AD695" s="137"/>
      <c r="AE695" s="137"/>
      <c r="AF695" s="137"/>
      <c r="AG695" s="137"/>
      <c r="AH695" s="137"/>
      <c r="AI695" s="137"/>
      <c r="AJ695" s="137"/>
      <c r="AK695" s="137"/>
      <c r="AL695" s="137"/>
      <c r="AM695" s="137"/>
      <c r="AN695" s="137"/>
      <c r="AO695" s="137"/>
      <c r="AP695" s="137"/>
      <c r="AQ695" s="137"/>
      <c r="AR695" s="137"/>
      <c r="AS695" s="137"/>
      <c r="AT695" s="137"/>
      <c r="AU695" s="137"/>
      <c r="AV695" s="137"/>
      <c r="AW695" s="144"/>
    </row>
    <row r="696" spans="7:49" x14ac:dyDescent="0.2">
      <c r="G696" s="43"/>
      <c r="Z696" s="143"/>
      <c r="AA696" s="137"/>
      <c r="AB696" s="137"/>
      <c r="AC696" s="137"/>
      <c r="AD696" s="137"/>
      <c r="AE696" s="137"/>
      <c r="AF696" s="137"/>
      <c r="AG696" s="137"/>
      <c r="AH696" s="137"/>
      <c r="AI696" s="137"/>
      <c r="AJ696" s="137"/>
      <c r="AK696" s="137"/>
      <c r="AL696" s="137"/>
      <c r="AM696" s="137"/>
      <c r="AN696" s="137"/>
      <c r="AO696" s="137"/>
      <c r="AP696" s="137"/>
      <c r="AQ696" s="137"/>
      <c r="AR696" s="137"/>
      <c r="AS696" s="137"/>
      <c r="AT696" s="137"/>
      <c r="AU696" s="137"/>
      <c r="AV696" s="137"/>
      <c r="AW696" s="144"/>
    </row>
    <row r="697" spans="7:49" x14ac:dyDescent="0.2">
      <c r="G697" s="43"/>
      <c r="Z697" s="143"/>
      <c r="AA697" s="137"/>
      <c r="AB697" s="137"/>
      <c r="AC697" s="137"/>
      <c r="AD697" s="137"/>
      <c r="AE697" s="137"/>
      <c r="AF697" s="137"/>
      <c r="AG697" s="137"/>
      <c r="AH697" s="137"/>
      <c r="AI697" s="137"/>
      <c r="AJ697" s="137"/>
      <c r="AK697" s="137"/>
      <c r="AL697" s="137"/>
      <c r="AM697" s="137"/>
      <c r="AN697" s="137"/>
      <c r="AO697" s="137"/>
      <c r="AP697" s="137"/>
      <c r="AQ697" s="137"/>
      <c r="AR697" s="137"/>
      <c r="AS697" s="137"/>
      <c r="AT697" s="137"/>
      <c r="AU697" s="137"/>
      <c r="AV697" s="137"/>
      <c r="AW697" s="144"/>
    </row>
    <row r="698" spans="7:49" x14ac:dyDescent="0.2">
      <c r="G698" s="43"/>
      <c r="Z698" s="143"/>
      <c r="AA698" s="137"/>
      <c r="AB698" s="137"/>
      <c r="AC698" s="137"/>
      <c r="AD698" s="137"/>
      <c r="AE698" s="137"/>
      <c r="AF698" s="137"/>
      <c r="AG698" s="137"/>
      <c r="AH698" s="137"/>
      <c r="AI698" s="137"/>
      <c r="AJ698" s="137"/>
      <c r="AK698" s="137"/>
      <c r="AL698" s="137"/>
      <c r="AM698" s="137"/>
      <c r="AN698" s="137"/>
      <c r="AO698" s="137"/>
      <c r="AP698" s="137"/>
      <c r="AQ698" s="137"/>
      <c r="AR698" s="137"/>
      <c r="AS698" s="137"/>
      <c r="AT698" s="137"/>
      <c r="AU698" s="137"/>
      <c r="AV698" s="137"/>
      <c r="AW698" s="144"/>
    </row>
    <row r="699" spans="7:49" x14ac:dyDescent="0.2">
      <c r="G699" s="43"/>
      <c r="Z699" s="143"/>
      <c r="AA699" s="137"/>
      <c r="AB699" s="137"/>
      <c r="AC699" s="137"/>
      <c r="AD699" s="137"/>
      <c r="AE699" s="137"/>
      <c r="AF699" s="137"/>
      <c r="AG699" s="137"/>
      <c r="AH699" s="137"/>
      <c r="AI699" s="137"/>
      <c r="AJ699" s="137"/>
      <c r="AK699" s="137"/>
      <c r="AL699" s="137"/>
      <c r="AM699" s="137"/>
      <c r="AN699" s="137"/>
      <c r="AO699" s="137"/>
      <c r="AP699" s="137"/>
      <c r="AQ699" s="137"/>
      <c r="AR699" s="137"/>
      <c r="AS699" s="137"/>
      <c r="AT699" s="137"/>
      <c r="AU699" s="137"/>
      <c r="AV699" s="137"/>
      <c r="AW699" s="144"/>
    </row>
    <row r="700" spans="7:49" x14ac:dyDescent="0.2">
      <c r="G700" s="43"/>
      <c r="Z700" s="143"/>
      <c r="AA700" s="137"/>
      <c r="AB700" s="137"/>
      <c r="AC700" s="137"/>
      <c r="AD700" s="137"/>
      <c r="AE700" s="137"/>
      <c r="AF700" s="137"/>
      <c r="AG700" s="137"/>
      <c r="AH700" s="137"/>
      <c r="AI700" s="137"/>
      <c r="AJ700" s="137"/>
      <c r="AK700" s="137"/>
      <c r="AL700" s="137"/>
      <c r="AM700" s="137"/>
      <c r="AN700" s="137"/>
      <c r="AO700" s="137"/>
      <c r="AP700" s="137"/>
      <c r="AQ700" s="137"/>
      <c r="AR700" s="137"/>
      <c r="AS700" s="137"/>
      <c r="AT700" s="137"/>
      <c r="AU700" s="137"/>
      <c r="AV700" s="137"/>
      <c r="AW700" s="144"/>
    </row>
    <row r="701" spans="7:49" x14ac:dyDescent="0.2">
      <c r="G701" s="43"/>
      <c r="Z701" s="143"/>
      <c r="AA701" s="137"/>
      <c r="AB701" s="137"/>
      <c r="AC701" s="137"/>
      <c r="AD701" s="137"/>
      <c r="AE701" s="137"/>
      <c r="AF701" s="137"/>
      <c r="AG701" s="137"/>
      <c r="AH701" s="137"/>
      <c r="AI701" s="137"/>
      <c r="AJ701" s="137"/>
      <c r="AK701" s="137"/>
      <c r="AL701" s="137"/>
      <c r="AM701" s="137"/>
      <c r="AN701" s="137"/>
      <c r="AO701" s="137"/>
      <c r="AP701" s="137"/>
      <c r="AQ701" s="137"/>
      <c r="AR701" s="137"/>
      <c r="AS701" s="137"/>
      <c r="AT701" s="137"/>
      <c r="AU701" s="137"/>
      <c r="AV701" s="137"/>
      <c r="AW701" s="144"/>
    </row>
    <row r="702" spans="7:49" x14ac:dyDescent="0.2">
      <c r="G702" s="43"/>
      <c r="Z702" s="143"/>
      <c r="AA702" s="137"/>
      <c r="AB702" s="137"/>
      <c r="AC702" s="137"/>
      <c r="AD702" s="137"/>
      <c r="AE702" s="137"/>
      <c r="AF702" s="137"/>
      <c r="AG702" s="137"/>
      <c r="AH702" s="137"/>
      <c r="AI702" s="137"/>
      <c r="AJ702" s="137"/>
      <c r="AK702" s="137"/>
      <c r="AL702" s="137"/>
      <c r="AM702" s="137"/>
      <c r="AN702" s="137"/>
      <c r="AO702" s="137"/>
      <c r="AP702" s="137"/>
      <c r="AQ702" s="137"/>
      <c r="AR702" s="137"/>
      <c r="AS702" s="137"/>
      <c r="AT702" s="137"/>
      <c r="AU702" s="137"/>
      <c r="AV702" s="137"/>
      <c r="AW702" s="144"/>
    </row>
    <row r="703" spans="7:49" x14ac:dyDescent="0.2">
      <c r="G703" s="43"/>
      <c r="Z703" s="143"/>
      <c r="AA703" s="137"/>
      <c r="AB703" s="137"/>
      <c r="AC703" s="137"/>
      <c r="AD703" s="137"/>
      <c r="AE703" s="137"/>
      <c r="AF703" s="137"/>
      <c r="AG703" s="137"/>
      <c r="AH703" s="137"/>
      <c r="AI703" s="137"/>
      <c r="AJ703" s="137"/>
      <c r="AK703" s="137"/>
      <c r="AL703" s="137"/>
      <c r="AM703" s="137"/>
      <c r="AN703" s="137"/>
      <c r="AO703" s="137"/>
      <c r="AP703" s="137"/>
      <c r="AQ703" s="137"/>
      <c r="AR703" s="137"/>
      <c r="AS703" s="137"/>
      <c r="AT703" s="137"/>
      <c r="AU703" s="137"/>
      <c r="AV703" s="137"/>
      <c r="AW703" s="144"/>
    </row>
    <row r="704" spans="7:49" x14ac:dyDescent="0.2">
      <c r="G704" s="43"/>
      <c r="Z704" s="143"/>
      <c r="AA704" s="137"/>
      <c r="AB704" s="137"/>
      <c r="AC704" s="137"/>
      <c r="AD704" s="137"/>
      <c r="AE704" s="137"/>
      <c r="AF704" s="137"/>
      <c r="AG704" s="137"/>
      <c r="AH704" s="137"/>
      <c r="AI704" s="137"/>
      <c r="AJ704" s="137"/>
      <c r="AK704" s="137"/>
      <c r="AL704" s="137"/>
      <c r="AM704" s="137"/>
      <c r="AN704" s="137"/>
      <c r="AO704" s="137"/>
      <c r="AP704" s="137"/>
      <c r="AQ704" s="137"/>
      <c r="AR704" s="137"/>
      <c r="AS704" s="137"/>
      <c r="AT704" s="137"/>
      <c r="AU704" s="137"/>
      <c r="AV704" s="137"/>
      <c r="AW704" s="144"/>
    </row>
    <row r="705" spans="7:49" x14ac:dyDescent="0.2">
      <c r="G705" s="43"/>
      <c r="Z705" s="143"/>
      <c r="AA705" s="137"/>
      <c r="AB705" s="137"/>
      <c r="AC705" s="137"/>
      <c r="AD705" s="137"/>
      <c r="AE705" s="137"/>
      <c r="AF705" s="137"/>
      <c r="AG705" s="137"/>
      <c r="AH705" s="137"/>
      <c r="AI705" s="137"/>
      <c r="AJ705" s="137"/>
      <c r="AK705" s="137"/>
      <c r="AL705" s="137"/>
      <c r="AM705" s="137"/>
      <c r="AN705" s="137"/>
      <c r="AO705" s="137"/>
      <c r="AP705" s="137"/>
      <c r="AQ705" s="137"/>
      <c r="AR705" s="137"/>
      <c r="AS705" s="137"/>
      <c r="AT705" s="137"/>
      <c r="AU705" s="137"/>
      <c r="AV705" s="137"/>
      <c r="AW705" s="144"/>
    </row>
    <row r="706" spans="7:49" x14ac:dyDescent="0.2">
      <c r="G706" s="43"/>
      <c r="Z706" s="143"/>
      <c r="AA706" s="137"/>
      <c r="AB706" s="137"/>
      <c r="AC706" s="137"/>
      <c r="AD706" s="137"/>
      <c r="AE706" s="137"/>
      <c r="AF706" s="137"/>
      <c r="AG706" s="137"/>
      <c r="AH706" s="137"/>
      <c r="AI706" s="137"/>
      <c r="AJ706" s="137"/>
      <c r="AK706" s="137"/>
      <c r="AL706" s="137"/>
      <c r="AM706" s="137"/>
      <c r="AN706" s="137"/>
      <c r="AO706" s="137"/>
      <c r="AP706" s="137"/>
      <c r="AQ706" s="137"/>
      <c r="AR706" s="137"/>
      <c r="AS706" s="137"/>
      <c r="AT706" s="137"/>
      <c r="AU706" s="137"/>
      <c r="AV706" s="137"/>
      <c r="AW706" s="144"/>
    </row>
    <row r="707" spans="7:49" x14ac:dyDescent="0.2">
      <c r="G707" s="43"/>
      <c r="Z707" s="143"/>
      <c r="AA707" s="137"/>
      <c r="AB707" s="137"/>
      <c r="AC707" s="137"/>
      <c r="AD707" s="137"/>
      <c r="AE707" s="137"/>
      <c r="AF707" s="137"/>
      <c r="AG707" s="137"/>
      <c r="AH707" s="137"/>
      <c r="AI707" s="137"/>
      <c r="AJ707" s="137"/>
      <c r="AK707" s="137"/>
      <c r="AL707" s="137"/>
      <c r="AM707" s="137"/>
      <c r="AN707" s="137"/>
      <c r="AO707" s="137"/>
      <c r="AP707" s="137"/>
      <c r="AQ707" s="137"/>
      <c r="AR707" s="137"/>
      <c r="AS707" s="137"/>
      <c r="AT707" s="137"/>
      <c r="AU707" s="137"/>
      <c r="AV707" s="137"/>
      <c r="AW707" s="144"/>
    </row>
    <row r="708" spans="7:49" x14ac:dyDescent="0.2">
      <c r="G708" s="43"/>
      <c r="Z708" s="143"/>
      <c r="AA708" s="137"/>
      <c r="AB708" s="137"/>
      <c r="AC708" s="137"/>
      <c r="AD708" s="137"/>
      <c r="AE708" s="137"/>
      <c r="AF708" s="137"/>
      <c r="AG708" s="137"/>
      <c r="AH708" s="137"/>
      <c r="AI708" s="137"/>
      <c r="AJ708" s="137"/>
      <c r="AK708" s="137"/>
      <c r="AL708" s="137"/>
      <c r="AM708" s="137"/>
      <c r="AN708" s="137"/>
      <c r="AO708" s="137"/>
      <c r="AP708" s="137"/>
      <c r="AQ708" s="137"/>
      <c r="AR708" s="137"/>
      <c r="AS708" s="137"/>
      <c r="AT708" s="137"/>
      <c r="AU708" s="137"/>
      <c r="AV708" s="137"/>
      <c r="AW708" s="144"/>
    </row>
    <row r="709" spans="7:49" x14ac:dyDescent="0.2">
      <c r="G709" s="43"/>
      <c r="Z709" s="143"/>
      <c r="AA709" s="137"/>
      <c r="AB709" s="137"/>
      <c r="AC709" s="137"/>
      <c r="AD709" s="137"/>
      <c r="AE709" s="137"/>
      <c r="AF709" s="137"/>
      <c r="AG709" s="137"/>
      <c r="AH709" s="137"/>
      <c r="AI709" s="137"/>
      <c r="AJ709" s="137"/>
      <c r="AK709" s="137"/>
      <c r="AL709" s="137"/>
      <c r="AM709" s="137"/>
      <c r="AN709" s="137"/>
      <c r="AO709" s="137"/>
      <c r="AP709" s="137"/>
      <c r="AQ709" s="137"/>
      <c r="AR709" s="137"/>
      <c r="AS709" s="137"/>
      <c r="AT709" s="137"/>
      <c r="AU709" s="137"/>
      <c r="AV709" s="137"/>
      <c r="AW709" s="144"/>
    </row>
    <row r="710" spans="7:49" x14ac:dyDescent="0.2">
      <c r="G710" s="43"/>
      <c r="Z710" s="143"/>
      <c r="AA710" s="137"/>
      <c r="AB710" s="137"/>
      <c r="AC710" s="137"/>
      <c r="AD710" s="137"/>
      <c r="AE710" s="137"/>
      <c r="AF710" s="137"/>
      <c r="AG710" s="137"/>
      <c r="AH710" s="137"/>
      <c r="AI710" s="137"/>
      <c r="AJ710" s="137"/>
      <c r="AK710" s="137"/>
      <c r="AL710" s="137"/>
      <c r="AM710" s="137"/>
      <c r="AN710" s="137"/>
      <c r="AO710" s="137"/>
      <c r="AP710" s="137"/>
      <c r="AQ710" s="137"/>
      <c r="AR710" s="137"/>
      <c r="AS710" s="137"/>
      <c r="AT710" s="137"/>
      <c r="AU710" s="137"/>
      <c r="AV710" s="137"/>
      <c r="AW710" s="144"/>
    </row>
    <row r="711" spans="7:49" x14ac:dyDescent="0.2">
      <c r="G711" s="43"/>
      <c r="Z711" s="143"/>
      <c r="AA711" s="137"/>
      <c r="AB711" s="137"/>
      <c r="AC711" s="137"/>
      <c r="AD711" s="137"/>
      <c r="AE711" s="137"/>
      <c r="AF711" s="137"/>
      <c r="AG711" s="137"/>
      <c r="AH711" s="137"/>
      <c r="AI711" s="137"/>
      <c r="AJ711" s="137"/>
      <c r="AK711" s="137"/>
      <c r="AL711" s="137"/>
      <c r="AM711" s="137"/>
      <c r="AN711" s="137"/>
      <c r="AO711" s="137"/>
      <c r="AP711" s="137"/>
      <c r="AQ711" s="137"/>
      <c r="AR711" s="137"/>
      <c r="AS711" s="137"/>
      <c r="AT711" s="137"/>
      <c r="AU711" s="137"/>
      <c r="AV711" s="137"/>
      <c r="AW711" s="144"/>
    </row>
    <row r="712" spans="7:49" x14ac:dyDescent="0.2">
      <c r="G712" s="43"/>
      <c r="Z712" s="143"/>
      <c r="AA712" s="137"/>
      <c r="AB712" s="137"/>
      <c r="AC712" s="137"/>
      <c r="AD712" s="137"/>
      <c r="AE712" s="137"/>
      <c r="AF712" s="137"/>
      <c r="AG712" s="137"/>
      <c r="AH712" s="137"/>
      <c r="AI712" s="137"/>
      <c r="AJ712" s="137"/>
      <c r="AK712" s="137"/>
      <c r="AL712" s="137"/>
      <c r="AM712" s="137"/>
      <c r="AN712" s="137"/>
      <c r="AO712" s="137"/>
      <c r="AP712" s="137"/>
      <c r="AQ712" s="137"/>
      <c r="AR712" s="137"/>
      <c r="AS712" s="137"/>
      <c r="AT712" s="137"/>
      <c r="AU712" s="137"/>
      <c r="AV712" s="137"/>
      <c r="AW712" s="144"/>
    </row>
    <row r="713" spans="7:49" x14ac:dyDescent="0.2">
      <c r="G713" s="43"/>
      <c r="Z713" s="143"/>
      <c r="AA713" s="137"/>
      <c r="AB713" s="137"/>
      <c r="AC713" s="137"/>
      <c r="AD713" s="137"/>
      <c r="AE713" s="137"/>
      <c r="AF713" s="137"/>
      <c r="AG713" s="137"/>
      <c r="AH713" s="137"/>
      <c r="AI713" s="137"/>
      <c r="AJ713" s="137"/>
      <c r="AK713" s="137"/>
      <c r="AL713" s="137"/>
      <c r="AM713" s="137"/>
      <c r="AN713" s="137"/>
      <c r="AO713" s="137"/>
      <c r="AP713" s="137"/>
      <c r="AQ713" s="137"/>
      <c r="AR713" s="137"/>
      <c r="AS713" s="137"/>
      <c r="AT713" s="137"/>
      <c r="AU713" s="137"/>
      <c r="AV713" s="137"/>
      <c r="AW713" s="144"/>
    </row>
    <row r="714" spans="7:49" x14ac:dyDescent="0.2">
      <c r="G714" s="43"/>
      <c r="Z714" s="143"/>
      <c r="AA714" s="137"/>
      <c r="AB714" s="137"/>
      <c r="AC714" s="137"/>
      <c r="AD714" s="137"/>
      <c r="AE714" s="137"/>
      <c r="AF714" s="137"/>
      <c r="AG714" s="137"/>
      <c r="AH714" s="137"/>
      <c r="AI714" s="137"/>
      <c r="AJ714" s="137"/>
      <c r="AK714" s="137"/>
      <c r="AL714" s="137"/>
      <c r="AM714" s="137"/>
      <c r="AN714" s="137"/>
      <c r="AO714" s="137"/>
      <c r="AP714" s="137"/>
      <c r="AQ714" s="137"/>
      <c r="AR714" s="137"/>
      <c r="AS714" s="137"/>
      <c r="AT714" s="137"/>
      <c r="AU714" s="137"/>
      <c r="AV714" s="137"/>
      <c r="AW714" s="144"/>
    </row>
    <row r="715" spans="7:49" x14ac:dyDescent="0.2">
      <c r="G715" s="43"/>
      <c r="Z715" s="143"/>
      <c r="AA715" s="137"/>
      <c r="AB715" s="137"/>
      <c r="AC715" s="137"/>
      <c r="AD715" s="137"/>
      <c r="AE715" s="137"/>
      <c r="AF715" s="137"/>
      <c r="AG715" s="137"/>
      <c r="AH715" s="137"/>
      <c r="AI715" s="137"/>
      <c r="AJ715" s="137"/>
      <c r="AK715" s="137"/>
      <c r="AL715" s="137"/>
      <c r="AM715" s="137"/>
      <c r="AN715" s="137"/>
      <c r="AO715" s="137"/>
      <c r="AP715" s="137"/>
      <c r="AQ715" s="137"/>
      <c r="AR715" s="137"/>
      <c r="AS715" s="137"/>
      <c r="AT715" s="137"/>
      <c r="AU715" s="137"/>
      <c r="AV715" s="137"/>
      <c r="AW715" s="144"/>
    </row>
    <row r="716" spans="7:49" x14ac:dyDescent="0.2">
      <c r="G716" s="43"/>
      <c r="Z716" s="143"/>
      <c r="AA716" s="137"/>
      <c r="AB716" s="137"/>
      <c r="AC716" s="137"/>
      <c r="AD716" s="137"/>
      <c r="AE716" s="137"/>
      <c r="AF716" s="137"/>
      <c r="AG716" s="137"/>
      <c r="AH716" s="137"/>
      <c r="AI716" s="137"/>
      <c r="AJ716" s="137"/>
      <c r="AK716" s="137"/>
      <c r="AL716" s="137"/>
      <c r="AM716" s="137"/>
      <c r="AN716" s="137"/>
      <c r="AO716" s="137"/>
      <c r="AP716" s="137"/>
      <c r="AQ716" s="137"/>
      <c r="AR716" s="137"/>
      <c r="AS716" s="137"/>
      <c r="AT716" s="137"/>
      <c r="AU716" s="137"/>
      <c r="AV716" s="137"/>
      <c r="AW716" s="144"/>
    </row>
    <row r="717" spans="7:49" x14ac:dyDescent="0.2">
      <c r="G717" s="43"/>
      <c r="Z717" s="143"/>
      <c r="AA717" s="137"/>
      <c r="AB717" s="137"/>
      <c r="AC717" s="137"/>
      <c r="AD717" s="137"/>
      <c r="AE717" s="137"/>
      <c r="AF717" s="137"/>
      <c r="AG717" s="137"/>
      <c r="AH717" s="137"/>
      <c r="AI717" s="137"/>
      <c r="AJ717" s="137"/>
      <c r="AK717" s="137"/>
      <c r="AL717" s="137"/>
      <c r="AM717" s="137"/>
      <c r="AN717" s="137"/>
      <c r="AO717" s="137"/>
      <c r="AP717" s="137"/>
      <c r="AQ717" s="137"/>
      <c r="AR717" s="137"/>
      <c r="AS717" s="137"/>
      <c r="AT717" s="137"/>
      <c r="AU717" s="137"/>
      <c r="AV717" s="137"/>
      <c r="AW717" s="144"/>
    </row>
    <row r="718" spans="7:49" x14ac:dyDescent="0.2">
      <c r="G718" s="43"/>
      <c r="Z718" s="143"/>
      <c r="AA718" s="137"/>
      <c r="AB718" s="137"/>
      <c r="AC718" s="137"/>
      <c r="AD718" s="137"/>
      <c r="AE718" s="137"/>
      <c r="AF718" s="137"/>
      <c r="AG718" s="137"/>
      <c r="AH718" s="137"/>
      <c r="AI718" s="137"/>
      <c r="AJ718" s="137"/>
      <c r="AK718" s="137"/>
      <c r="AL718" s="137"/>
      <c r="AM718" s="137"/>
      <c r="AN718" s="137"/>
      <c r="AO718" s="137"/>
      <c r="AP718" s="137"/>
      <c r="AQ718" s="137"/>
      <c r="AR718" s="137"/>
      <c r="AS718" s="137"/>
      <c r="AT718" s="137"/>
      <c r="AU718" s="137"/>
      <c r="AV718" s="137"/>
      <c r="AW718" s="144"/>
    </row>
    <row r="719" spans="7:49" x14ac:dyDescent="0.2">
      <c r="G719" s="43"/>
      <c r="Z719" s="143"/>
      <c r="AA719" s="137"/>
      <c r="AB719" s="137"/>
      <c r="AC719" s="137"/>
      <c r="AD719" s="137"/>
      <c r="AE719" s="137"/>
      <c r="AF719" s="137"/>
      <c r="AG719" s="137"/>
      <c r="AH719" s="137"/>
      <c r="AI719" s="137"/>
      <c r="AJ719" s="137"/>
      <c r="AK719" s="137"/>
      <c r="AL719" s="137"/>
      <c r="AM719" s="137"/>
      <c r="AN719" s="137"/>
      <c r="AO719" s="137"/>
      <c r="AP719" s="137"/>
      <c r="AQ719" s="137"/>
      <c r="AR719" s="137"/>
      <c r="AS719" s="137"/>
      <c r="AT719" s="137"/>
      <c r="AU719" s="137"/>
      <c r="AV719" s="137"/>
      <c r="AW719" s="144"/>
    </row>
    <row r="720" spans="7:49" x14ac:dyDescent="0.2">
      <c r="G720" s="43"/>
      <c r="Z720" s="143"/>
      <c r="AA720" s="137"/>
      <c r="AB720" s="137"/>
      <c r="AC720" s="137"/>
      <c r="AD720" s="137"/>
      <c r="AE720" s="137"/>
      <c r="AF720" s="137"/>
      <c r="AG720" s="137"/>
      <c r="AH720" s="137"/>
      <c r="AI720" s="137"/>
      <c r="AJ720" s="137"/>
      <c r="AK720" s="137"/>
      <c r="AL720" s="137"/>
      <c r="AM720" s="137"/>
      <c r="AN720" s="137"/>
      <c r="AO720" s="137"/>
      <c r="AP720" s="137"/>
      <c r="AQ720" s="137"/>
      <c r="AR720" s="137"/>
      <c r="AS720" s="137"/>
      <c r="AT720" s="137"/>
      <c r="AU720" s="137"/>
      <c r="AV720" s="137"/>
      <c r="AW720" s="144"/>
    </row>
    <row r="721" spans="7:49" x14ac:dyDescent="0.2">
      <c r="G721" s="43"/>
      <c r="Z721" s="143"/>
      <c r="AA721" s="137"/>
      <c r="AB721" s="137"/>
      <c r="AC721" s="137"/>
      <c r="AD721" s="137"/>
      <c r="AE721" s="137"/>
      <c r="AF721" s="137"/>
      <c r="AG721" s="137"/>
      <c r="AH721" s="137"/>
      <c r="AI721" s="137"/>
      <c r="AJ721" s="137"/>
      <c r="AK721" s="137"/>
      <c r="AL721" s="137"/>
      <c r="AM721" s="137"/>
      <c r="AN721" s="137"/>
      <c r="AO721" s="137"/>
      <c r="AP721" s="137"/>
      <c r="AQ721" s="137"/>
      <c r="AR721" s="137"/>
      <c r="AS721" s="137"/>
      <c r="AT721" s="137"/>
      <c r="AU721" s="137"/>
      <c r="AV721" s="137"/>
      <c r="AW721" s="144"/>
    </row>
    <row r="722" spans="7:49" x14ac:dyDescent="0.2">
      <c r="G722" s="43"/>
      <c r="Z722" s="143"/>
      <c r="AA722" s="137"/>
      <c r="AB722" s="137"/>
      <c r="AC722" s="137"/>
      <c r="AD722" s="137"/>
      <c r="AE722" s="137"/>
      <c r="AF722" s="137"/>
      <c r="AG722" s="137"/>
      <c r="AH722" s="137"/>
      <c r="AI722" s="137"/>
      <c r="AJ722" s="137"/>
      <c r="AK722" s="137"/>
      <c r="AL722" s="137"/>
      <c r="AM722" s="137"/>
      <c r="AN722" s="137"/>
      <c r="AO722" s="137"/>
      <c r="AP722" s="137"/>
      <c r="AQ722" s="137"/>
      <c r="AR722" s="137"/>
      <c r="AS722" s="137"/>
      <c r="AT722" s="137"/>
      <c r="AU722" s="137"/>
      <c r="AV722" s="137"/>
      <c r="AW722" s="144"/>
    </row>
    <row r="723" spans="7:49" x14ac:dyDescent="0.2">
      <c r="G723" s="43"/>
      <c r="Z723" s="143"/>
      <c r="AA723" s="137"/>
      <c r="AB723" s="137"/>
      <c r="AC723" s="137"/>
      <c r="AD723" s="137"/>
      <c r="AE723" s="137"/>
      <c r="AF723" s="137"/>
      <c r="AG723" s="137"/>
      <c r="AH723" s="137"/>
      <c r="AI723" s="137"/>
      <c r="AJ723" s="137"/>
      <c r="AK723" s="137"/>
      <c r="AL723" s="137"/>
      <c r="AM723" s="137"/>
      <c r="AN723" s="137"/>
      <c r="AO723" s="137"/>
      <c r="AP723" s="137"/>
      <c r="AQ723" s="137"/>
      <c r="AR723" s="137"/>
      <c r="AS723" s="137"/>
      <c r="AT723" s="137"/>
      <c r="AU723" s="137"/>
      <c r="AV723" s="137"/>
      <c r="AW723" s="144"/>
    </row>
    <row r="724" spans="7:49" x14ac:dyDescent="0.2">
      <c r="G724" s="43"/>
      <c r="Z724" s="143"/>
      <c r="AA724" s="137"/>
      <c r="AB724" s="137"/>
      <c r="AC724" s="137"/>
      <c r="AD724" s="137"/>
      <c r="AE724" s="137"/>
      <c r="AF724" s="137"/>
      <c r="AG724" s="137"/>
      <c r="AH724" s="137"/>
      <c r="AI724" s="137"/>
      <c r="AJ724" s="137"/>
      <c r="AK724" s="137"/>
      <c r="AL724" s="137"/>
      <c r="AM724" s="137"/>
      <c r="AN724" s="137"/>
      <c r="AO724" s="137"/>
      <c r="AP724" s="137"/>
      <c r="AQ724" s="137"/>
      <c r="AR724" s="137"/>
      <c r="AS724" s="137"/>
      <c r="AT724" s="137"/>
      <c r="AU724" s="137"/>
      <c r="AV724" s="137"/>
      <c r="AW724" s="144"/>
    </row>
    <row r="725" spans="7:49" x14ac:dyDescent="0.2">
      <c r="G725" s="43"/>
      <c r="Z725" s="143"/>
      <c r="AA725" s="137"/>
      <c r="AB725" s="137"/>
      <c r="AC725" s="137"/>
      <c r="AD725" s="137"/>
      <c r="AE725" s="137"/>
      <c r="AF725" s="137"/>
      <c r="AG725" s="137"/>
      <c r="AH725" s="137"/>
      <c r="AI725" s="137"/>
      <c r="AJ725" s="137"/>
      <c r="AK725" s="137"/>
      <c r="AL725" s="137"/>
      <c r="AM725" s="137"/>
      <c r="AN725" s="137"/>
      <c r="AO725" s="137"/>
      <c r="AP725" s="137"/>
      <c r="AQ725" s="137"/>
      <c r="AR725" s="137"/>
      <c r="AS725" s="137"/>
      <c r="AT725" s="137"/>
      <c r="AU725" s="137"/>
      <c r="AV725" s="137"/>
      <c r="AW725" s="144"/>
    </row>
    <row r="726" spans="7:49" x14ac:dyDescent="0.2">
      <c r="G726" s="43"/>
      <c r="Z726" s="143"/>
      <c r="AA726" s="137"/>
      <c r="AB726" s="137"/>
      <c r="AC726" s="137"/>
      <c r="AD726" s="137"/>
      <c r="AE726" s="137"/>
      <c r="AF726" s="137"/>
      <c r="AG726" s="137"/>
      <c r="AH726" s="137"/>
      <c r="AI726" s="137"/>
      <c r="AJ726" s="137"/>
      <c r="AK726" s="137"/>
      <c r="AL726" s="137"/>
      <c r="AM726" s="137"/>
      <c r="AN726" s="137"/>
      <c r="AO726" s="137"/>
      <c r="AP726" s="137"/>
      <c r="AQ726" s="137"/>
      <c r="AR726" s="137"/>
      <c r="AS726" s="137"/>
      <c r="AT726" s="137"/>
      <c r="AU726" s="137"/>
      <c r="AV726" s="137"/>
      <c r="AW726" s="144"/>
    </row>
    <row r="727" spans="7:49" x14ac:dyDescent="0.2">
      <c r="G727" s="43"/>
      <c r="Z727" s="143"/>
      <c r="AA727" s="137"/>
      <c r="AB727" s="137"/>
      <c r="AC727" s="137"/>
      <c r="AD727" s="137"/>
      <c r="AE727" s="137"/>
      <c r="AF727" s="137"/>
      <c r="AG727" s="137"/>
      <c r="AH727" s="137"/>
      <c r="AI727" s="137"/>
      <c r="AJ727" s="137"/>
      <c r="AK727" s="137"/>
      <c r="AL727" s="137"/>
      <c r="AM727" s="137"/>
      <c r="AN727" s="137"/>
      <c r="AO727" s="137"/>
      <c r="AP727" s="137"/>
      <c r="AQ727" s="137"/>
      <c r="AR727" s="137"/>
      <c r="AS727" s="137"/>
      <c r="AT727" s="137"/>
      <c r="AU727" s="137"/>
      <c r="AV727" s="137"/>
      <c r="AW727" s="144"/>
    </row>
    <row r="728" spans="7:49" x14ac:dyDescent="0.2">
      <c r="G728" s="43"/>
      <c r="Z728" s="143"/>
      <c r="AA728" s="137"/>
      <c r="AB728" s="137"/>
      <c r="AC728" s="137"/>
      <c r="AD728" s="137"/>
      <c r="AE728" s="137"/>
      <c r="AF728" s="137"/>
      <c r="AG728" s="137"/>
      <c r="AH728" s="137"/>
      <c r="AI728" s="137"/>
      <c r="AJ728" s="137"/>
      <c r="AK728" s="137"/>
      <c r="AL728" s="137"/>
      <c r="AM728" s="137"/>
      <c r="AN728" s="137"/>
      <c r="AO728" s="137"/>
      <c r="AP728" s="137"/>
      <c r="AQ728" s="137"/>
      <c r="AR728" s="137"/>
      <c r="AS728" s="137"/>
      <c r="AT728" s="137"/>
      <c r="AU728" s="137"/>
      <c r="AV728" s="137"/>
      <c r="AW728" s="144"/>
    </row>
    <row r="729" spans="7:49" x14ac:dyDescent="0.2">
      <c r="G729" s="43"/>
      <c r="Z729" s="143"/>
      <c r="AA729" s="137"/>
      <c r="AB729" s="137"/>
      <c r="AC729" s="137"/>
      <c r="AD729" s="137"/>
      <c r="AE729" s="137"/>
      <c r="AF729" s="137"/>
      <c r="AG729" s="137"/>
      <c r="AH729" s="137"/>
      <c r="AI729" s="137"/>
      <c r="AJ729" s="137"/>
      <c r="AK729" s="137"/>
      <c r="AL729" s="137"/>
      <c r="AM729" s="137"/>
      <c r="AN729" s="137"/>
      <c r="AO729" s="137"/>
      <c r="AP729" s="137"/>
      <c r="AQ729" s="137"/>
      <c r="AR729" s="137"/>
      <c r="AS729" s="137"/>
      <c r="AT729" s="137"/>
      <c r="AU729" s="137"/>
      <c r="AV729" s="137"/>
      <c r="AW729" s="144"/>
    </row>
    <row r="730" spans="7:49" x14ac:dyDescent="0.2">
      <c r="G730" s="43"/>
      <c r="Z730" s="143"/>
      <c r="AA730" s="137"/>
      <c r="AB730" s="137"/>
      <c r="AC730" s="137"/>
      <c r="AD730" s="137"/>
      <c r="AE730" s="137"/>
      <c r="AF730" s="137"/>
      <c r="AG730" s="137"/>
      <c r="AH730" s="137"/>
      <c r="AI730" s="137"/>
      <c r="AJ730" s="137"/>
      <c r="AK730" s="137"/>
      <c r="AL730" s="137"/>
      <c r="AM730" s="137"/>
      <c r="AN730" s="137"/>
      <c r="AO730" s="137"/>
      <c r="AP730" s="137"/>
      <c r="AQ730" s="137"/>
      <c r="AR730" s="137"/>
      <c r="AS730" s="137"/>
      <c r="AT730" s="137"/>
      <c r="AU730" s="137"/>
      <c r="AV730" s="137"/>
      <c r="AW730" s="144"/>
    </row>
    <row r="731" spans="7:49" x14ac:dyDescent="0.2">
      <c r="G731" s="43"/>
      <c r="Z731" s="143"/>
      <c r="AA731" s="137"/>
      <c r="AB731" s="137"/>
      <c r="AC731" s="137"/>
      <c r="AD731" s="137"/>
      <c r="AE731" s="137"/>
      <c r="AF731" s="137"/>
      <c r="AG731" s="137"/>
      <c r="AH731" s="137"/>
      <c r="AI731" s="137"/>
      <c r="AJ731" s="137"/>
      <c r="AK731" s="137"/>
      <c r="AL731" s="137"/>
      <c r="AM731" s="137"/>
      <c r="AN731" s="137"/>
      <c r="AO731" s="137"/>
      <c r="AP731" s="137"/>
      <c r="AQ731" s="137"/>
      <c r="AR731" s="137"/>
      <c r="AS731" s="137"/>
      <c r="AT731" s="137"/>
      <c r="AU731" s="137"/>
      <c r="AV731" s="137"/>
      <c r="AW731" s="144"/>
    </row>
    <row r="732" spans="7:49" x14ac:dyDescent="0.2">
      <c r="G732" s="43"/>
      <c r="Z732" s="143"/>
      <c r="AA732" s="137"/>
      <c r="AB732" s="137"/>
      <c r="AC732" s="137"/>
      <c r="AD732" s="137"/>
      <c r="AE732" s="137"/>
      <c r="AF732" s="137"/>
      <c r="AG732" s="137"/>
      <c r="AH732" s="137"/>
      <c r="AI732" s="137"/>
      <c r="AJ732" s="137"/>
      <c r="AK732" s="137"/>
      <c r="AL732" s="137"/>
      <c r="AM732" s="137"/>
      <c r="AN732" s="137"/>
      <c r="AO732" s="137"/>
      <c r="AP732" s="137"/>
      <c r="AQ732" s="137"/>
      <c r="AR732" s="137"/>
      <c r="AS732" s="137"/>
      <c r="AT732" s="137"/>
      <c r="AU732" s="137"/>
      <c r="AV732" s="137"/>
      <c r="AW732" s="144"/>
    </row>
    <row r="733" spans="7:49" x14ac:dyDescent="0.2">
      <c r="G733" s="43"/>
      <c r="Z733" s="143"/>
      <c r="AA733" s="137"/>
      <c r="AB733" s="137"/>
      <c r="AC733" s="137"/>
      <c r="AD733" s="137"/>
      <c r="AE733" s="137"/>
      <c r="AF733" s="137"/>
      <c r="AG733" s="137"/>
      <c r="AH733" s="137"/>
      <c r="AI733" s="137"/>
      <c r="AJ733" s="137"/>
      <c r="AK733" s="137"/>
      <c r="AL733" s="137"/>
      <c r="AM733" s="137"/>
      <c r="AN733" s="137"/>
      <c r="AO733" s="137"/>
      <c r="AP733" s="137"/>
      <c r="AQ733" s="137"/>
      <c r="AR733" s="137"/>
      <c r="AS733" s="137"/>
      <c r="AT733" s="137"/>
      <c r="AU733" s="137"/>
      <c r="AV733" s="137"/>
      <c r="AW733" s="144"/>
    </row>
    <row r="734" spans="7:49" x14ac:dyDescent="0.2">
      <c r="G734" s="43"/>
      <c r="Z734" s="143"/>
      <c r="AA734" s="137"/>
      <c r="AB734" s="137"/>
      <c r="AC734" s="137"/>
      <c r="AD734" s="137"/>
      <c r="AE734" s="137"/>
      <c r="AF734" s="137"/>
      <c r="AG734" s="137"/>
      <c r="AH734" s="137"/>
      <c r="AI734" s="137"/>
      <c r="AJ734" s="137"/>
      <c r="AK734" s="137"/>
      <c r="AL734" s="137"/>
      <c r="AM734" s="137"/>
      <c r="AN734" s="137"/>
      <c r="AO734" s="137"/>
      <c r="AP734" s="137"/>
      <c r="AQ734" s="137"/>
      <c r="AR734" s="137"/>
      <c r="AS734" s="137"/>
      <c r="AT734" s="137"/>
      <c r="AU734" s="137"/>
      <c r="AV734" s="137"/>
      <c r="AW734" s="144"/>
    </row>
    <row r="735" spans="7:49" x14ac:dyDescent="0.2">
      <c r="G735" s="43"/>
      <c r="Z735" s="143"/>
      <c r="AA735" s="137"/>
      <c r="AB735" s="137"/>
      <c r="AC735" s="137"/>
      <c r="AD735" s="137"/>
      <c r="AE735" s="137"/>
      <c r="AF735" s="137"/>
      <c r="AG735" s="137"/>
      <c r="AH735" s="137"/>
      <c r="AI735" s="137"/>
      <c r="AJ735" s="137"/>
      <c r="AK735" s="137"/>
      <c r="AL735" s="137"/>
      <c r="AM735" s="137"/>
      <c r="AN735" s="137"/>
      <c r="AO735" s="137"/>
      <c r="AP735" s="137"/>
      <c r="AQ735" s="137"/>
      <c r="AR735" s="137"/>
      <c r="AS735" s="137"/>
      <c r="AT735" s="137"/>
      <c r="AU735" s="137"/>
      <c r="AV735" s="137"/>
      <c r="AW735" s="144"/>
    </row>
    <row r="736" spans="7:49" x14ac:dyDescent="0.2">
      <c r="G736" s="43"/>
      <c r="Z736" s="143"/>
      <c r="AA736" s="137"/>
      <c r="AB736" s="137"/>
      <c r="AC736" s="137"/>
      <c r="AD736" s="137"/>
      <c r="AE736" s="137"/>
      <c r="AF736" s="137"/>
      <c r="AG736" s="137"/>
      <c r="AH736" s="137"/>
      <c r="AI736" s="137"/>
      <c r="AJ736" s="137"/>
      <c r="AK736" s="137"/>
      <c r="AL736" s="137"/>
      <c r="AM736" s="137"/>
      <c r="AN736" s="137"/>
      <c r="AO736" s="137"/>
      <c r="AP736" s="137"/>
      <c r="AQ736" s="137"/>
      <c r="AR736" s="137"/>
      <c r="AS736" s="137"/>
      <c r="AT736" s="137"/>
      <c r="AU736" s="137"/>
      <c r="AV736" s="137"/>
      <c r="AW736" s="144"/>
    </row>
    <row r="737" spans="7:49" x14ac:dyDescent="0.2">
      <c r="G737" s="43"/>
      <c r="Z737" s="143"/>
      <c r="AA737" s="137"/>
      <c r="AB737" s="137"/>
      <c r="AC737" s="137"/>
      <c r="AD737" s="137"/>
      <c r="AE737" s="137"/>
      <c r="AF737" s="137"/>
      <c r="AG737" s="137"/>
      <c r="AH737" s="137"/>
      <c r="AI737" s="137"/>
      <c r="AJ737" s="137"/>
      <c r="AK737" s="137"/>
      <c r="AL737" s="137"/>
      <c r="AM737" s="137"/>
      <c r="AN737" s="137"/>
      <c r="AO737" s="137"/>
      <c r="AP737" s="137"/>
      <c r="AQ737" s="137"/>
      <c r="AR737" s="137"/>
      <c r="AS737" s="137"/>
      <c r="AT737" s="137"/>
      <c r="AU737" s="137"/>
      <c r="AV737" s="137"/>
      <c r="AW737" s="144"/>
    </row>
    <row r="738" spans="7:49" x14ac:dyDescent="0.2">
      <c r="G738" s="43"/>
      <c r="Z738" s="143"/>
      <c r="AA738" s="137"/>
      <c r="AB738" s="137"/>
      <c r="AC738" s="137"/>
      <c r="AD738" s="137"/>
      <c r="AE738" s="137"/>
      <c r="AF738" s="137"/>
      <c r="AG738" s="137"/>
      <c r="AH738" s="137"/>
      <c r="AI738" s="137"/>
      <c r="AJ738" s="137"/>
      <c r="AK738" s="137"/>
      <c r="AL738" s="137"/>
      <c r="AM738" s="137"/>
      <c r="AN738" s="137"/>
      <c r="AO738" s="137"/>
      <c r="AP738" s="137"/>
      <c r="AQ738" s="137"/>
      <c r="AR738" s="137"/>
      <c r="AS738" s="137"/>
      <c r="AT738" s="137"/>
      <c r="AU738" s="137"/>
      <c r="AV738" s="137"/>
      <c r="AW738" s="144"/>
    </row>
    <row r="739" spans="7:49" x14ac:dyDescent="0.2">
      <c r="G739" s="43"/>
      <c r="Z739" s="143"/>
      <c r="AA739" s="137"/>
      <c r="AB739" s="137"/>
      <c r="AC739" s="137"/>
      <c r="AD739" s="137"/>
      <c r="AE739" s="137"/>
      <c r="AF739" s="137"/>
      <c r="AG739" s="137"/>
      <c r="AH739" s="137"/>
      <c r="AI739" s="137"/>
      <c r="AJ739" s="137"/>
      <c r="AK739" s="137"/>
      <c r="AL739" s="137"/>
      <c r="AM739" s="137"/>
      <c r="AN739" s="137"/>
      <c r="AO739" s="137"/>
      <c r="AP739" s="137"/>
      <c r="AQ739" s="137"/>
      <c r="AR739" s="137"/>
      <c r="AS739" s="137"/>
      <c r="AT739" s="137"/>
      <c r="AU739" s="137"/>
      <c r="AV739" s="137"/>
      <c r="AW739" s="144"/>
    </row>
    <row r="740" spans="7:49" x14ac:dyDescent="0.2">
      <c r="G740" s="43"/>
      <c r="Z740" s="143"/>
      <c r="AA740" s="137"/>
      <c r="AB740" s="137"/>
      <c r="AC740" s="137"/>
      <c r="AD740" s="137"/>
      <c r="AE740" s="137"/>
      <c r="AF740" s="137"/>
      <c r="AG740" s="137"/>
      <c r="AH740" s="137"/>
      <c r="AI740" s="137"/>
      <c r="AJ740" s="137"/>
      <c r="AK740" s="137"/>
      <c r="AL740" s="137"/>
      <c r="AM740" s="137"/>
      <c r="AN740" s="137"/>
      <c r="AO740" s="137"/>
      <c r="AP740" s="137"/>
      <c r="AQ740" s="137"/>
      <c r="AR740" s="137"/>
      <c r="AS740" s="137"/>
      <c r="AT740" s="137"/>
      <c r="AU740" s="137"/>
      <c r="AV740" s="137"/>
      <c r="AW740" s="144"/>
    </row>
    <row r="741" spans="7:49" x14ac:dyDescent="0.2">
      <c r="G741" s="43"/>
      <c r="Z741" s="143"/>
      <c r="AA741" s="137"/>
      <c r="AB741" s="137"/>
      <c r="AC741" s="137"/>
      <c r="AD741" s="137"/>
      <c r="AE741" s="137"/>
      <c r="AF741" s="137"/>
      <c r="AG741" s="137"/>
      <c r="AH741" s="137"/>
      <c r="AI741" s="137"/>
      <c r="AJ741" s="137"/>
      <c r="AK741" s="137"/>
      <c r="AL741" s="137"/>
      <c r="AM741" s="137"/>
      <c r="AN741" s="137"/>
      <c r="AO741" s="137"/>
      <c r="AP741" s="137"/>
      <c r="AQ741" s="137"/>
      <c r="AR741" s="137"/>
      <c r="AS741" s="137"/>
      <c r="AT741" s="137"/>
      <c r="AU741" s="137"/>
      <c r="AV741" s="137"/>
      <c r="AW741" s="144"/>
    </row>
    <row r="742" spans="7:49" x14ac:dyDescent="0.2">
      <c r="G742" s="43"/>
      <c r="Z742" s="143"/>
      <c r="AA742" s="137"/>
      <c r="AB742" s="137"/>
      <c r="AC742" s="137"/>
      <c r="AD742" s="137"/>
      <c r="AE742" s="137"/>
      <c r="AF742" s="137"/>
      <c r="AG742" s="137"/>
      <c r="AH742" s="137"/>
      <c r="AI742" s="137"/>
      <c r="AJ742" s="137"/>
      <c r="AK742" s="137"/>
      <c r="AL742" s="137"/>
      <c r="AM742" s="137"/>
      <c r="AN742" s="137"/>
      <c r="AO742" s="137"/>
      <c r="AP742" s="137"/>
      <c r="AQ742" s="137"/>
      <c r="AR742" s="137"/>
      <c r="AS742" s="137"/>
      <c r="AT742" s="137"/>
      <c r="AU742" s="137"/>
      <c r="AV742" s="137"/>
      <c r="AW742" s="144"/>
    </row>
    <row r="743" spans="7:49" x14ac:dyDescent="0.2">
      <c r="G743" s="43"/>
      <c r="Z743" s="143"/>
      <c r="AA743" s="137"/>
      <c r="AB743" s="137"/>
      <c r="AC743" s="137"/>
      <c r="AD743" s="137"/>
      <c r="AE743" s="137"/>
      <c r="AF743" s="137"/>
      <c r="AG743" s="137"/>
      <c r="AH743" s="137"/>
      <c r="AI743" s="137"/>
      <c r="AJ743" s="137"/>
      <c r="AK743" s="137"/>
      <c r="AL743" s="137"/>
      <c r="AM743" s="137"/>
      <c r="AN743" s="137"/>
      <c r="AO743" s="137"/>
      <c r="AP743" s="137"/>
      <c r="AQ743" s="137"/>
      <c r="AR743" s="137"/>
      <c r="AS743" s="137"/>
      <c r="AT743" s="137"/>
      <c r="AU743" s="137"/>
      <c r="AV743" s="137"/>
      <c r="AW743" s="144"/>
    </row>
    <row r="744" spans="7:49" x14ac:dyDescent="0.2">
      <c r="G744" s="43"/>
      <c r="Z744" s="143"/>
      <c r="AA744" s="137"/>
      <c r="AB744" s="137"/>
      <c r="AC744" s="137"/>
      <c r="AD744" s="137"/>
      <c r="AE744" s="137"/>
      <c r="AF744" s="137"/>
      <c r="AG744" s="137"/>
      <c r="AH744" s="137"/>
      <c r="AI744" s="137"/>
      <c r="AJ744" s="137"/>
      <c r="AK744" s="137"/>
      <c r="AL744" s="137"/>
      <c r="AM744" s="137"/>
      <c r="AN744" s="137"/>
      <c r="AO744" s="137"/>
      <c r="AP744" s="137"/>
      <c r="AQ744" s="137"/>
      <c r="AR744" s="137"/>
      <c r="AS744" s="137"/>
      <c r="AT744" s="137"/>
      <c r="AU744" s="137"/>
      <c r="AV744" s="137"/>
      <c r="AW744" s="144"/>
    </row>
    <row r="745" spans="7:49" x14ac:dyDescent="0.2">
      <c r="G745" s="43"/>
      <c r="Z745" s="143"/>
      <c r="AA745" s="137"/>
      <c r="AB745" s="137"/>
      <c r="AC745" s="137"/>
      <c r="AD745" s="137"/>
      <c r="AE745" s="137"/>
      <c r="AF745" s="137"/>
      <c r="AG745" s="137"/>
      <c r="AH745" s="137"/>
      <c r="AI745" s="137"/>
      <c r="AJ745" s="137"/>
      <c r="AK745" s="137"/>
      <c r="AL745" s="137"/>
      <c r="AM745" s="137"/>
      <c r="AN745" s="137"/>
      <c r="AO745" s="137"/>
      <c r="AP745" s="137"/>
      <c r="AQ745" s="137"/>
      <c r="AR745" s="137"/>
      <c r="AS745" s="137"/>
      <c r="AT745" s="137"/>
      <c r="AU745" s="137"/>
      <c r="AV745" s="137"/>
      <c r="AW745" s="144"/>
    </row>
    <row r="746" spans="7:49" x14ac:dyDescent="0.2">
      <c r="G746" s="43"/>
      <c r="Z746" s="143"/>
      <c r="AA746" s="137"/>
      <c r="AB746" s="137"/>
      <c r="AC746" s="137"/>
      <c r="AD746" s="137"/>
      <c r="AE746" s="137"/>
      <c r="AF746" s="137"/>
      <c r="AG746" s="137"/>
      <c r="AH746" s="137"/>
      <c r="AI746" s="137"/>
      <c r="AJ746" s="137"/>
      <c r="AK746" s="137"/>
      <c r="AL746" s="137"/>
      <c r="AM746" s="137"/>
      <c r="AN746" s="137"/>
      <c r="AO746" s="137"/>
      <c r="AP746" s="137"/>
      <c r="AQ746" s="137"/>
      <c r="AR746" s="137"/>
      <c r="AS746" s="137"/>
      <c r="AT746" s="137"/>
      <c r="AU746" s="137"/>
      <c r="AV746" s="137"/>
      <c r="AW746" s="144"/>
    </row>
    <row r="747" spans="7:49" x14ac:dyDescent="0.2">
      <c r="G747" s="43"/>
      <c r="Z747" s="143"/>
      <c r="AA747" s="137"/>
      <c r="AB747" s="137"/>
      <c r="AC747" s="137"/>
      <c r="AD747" s="137"/>
      <c r="AE747" s="137"/>
      <c r="AF747" s="137"/>
      <c r="AG747" s="137"/>
      <c r="AH747" s="137"/>
      <c r="AI747" s="137"/>
      <c r="AJ747" s="137"/>
      <c r="AK747" s="137"/>
      <c r="AL747" s="137"/>
      <c r="AM747" s="137"/>
      <c r="AN747" s="137"/>
      <c r="AO747" s="137"/>
      <c r="AP747" s="137"/>
      <c r="AQ747" s="137"/>
      <c r="AR747" s="137"/>
      <c r="AS747" s="137"/>
      <c r="AT747" s="137"/>
      <c r="AU747" s="137"/>
      <c r="AV747" s="137"/>
      <c r="AW747" s="144"/>
    </row>
    <row r="748" spans="7:49" x14ac:dyDescent="0.2">
      <c r="G748" s="43"/>
      <c r="Z748" s="143"/>
      <c r="AA748" s="137"/>
      <c r="AB748" s="137"/>
      <c r="AC748" s="137"/>
      <c r="AD748" s="137"/>
      <c r="AE748" s="137"/>
      <c r="AF748" s="137"/>
      <c r="AG748" s="137"/>
      <c r="AH748" s="137"/>
      <c r="AI748" s="137"/>
      <c r="AJ748" s="137"/>
      <c r="AK748" s="137"/>
      <c r="AL748" s="137"/>
      <c r="AM748" s="137"/>
      <c r="AN748" s="137"/>
      <c r="AO748" s="137"/>
      <c r="AP748" s="137"/>
      <c r="AQ748" s="137"/>
      <c r="AR748" s="137"/>
      <c r="AS748" s="137"/>
      <c r="AT748" s="137"/>
      <c r="AU748" s="137"/>
      <c r="AV748" s="137"/>
      <c r="AW748" s="144"/>
    </row>
    <row r="749" spans="7:49" x14ac:dyDescent="0.2">
      <c r="G749" s="43"/>
      <c r="Z749" s="143"/>
      <c r="AA749" s="137"/>
      <c r="AB749" s="137"/>
      <c r="AC749" s="137"/>
      <c r="AD749" s="137"/>
      <c r="AE749" s="137"/>
      <c r="AF749" s="137"/>
      <c r="AG749" s="137"/>
      <c r="AH749" s="137"/>
      <c r="AI749" s="137"/>
      <c r="AJ749" s="137"/>
      <c r="AK749" s="137"/>
      <c r="AL749" s="137"/>
      <c r="AM749" s="137"/>
      <c r="AN749" s="137"/>
      <c r="AO749" s="137"/>
      <c r="AP749" s="137"/>
      <c r="AQ749" s="137"/>
      <c r="AR749" s="137"/>
      <c r="AS749" s="137"/>
      <c r="AT749" s="137"/>
      <c r="AU749" s="137"/>
      <c r="AV749" s="137"/>
      <c r="AW749" s="144"/>
    </row>
    <row r="750" spans="7:49" x14ac:dyDescent="0.2">
      <c r="G750" s="43"/>
      <c r="Z750" s="143"/>
      <c r="AA750" s="137"/>
      <c r="AB750" s="137"/>
      <c r="AC750" s="137"/>
      <c r="AD750" s="137"/>
      <c r="AE750" s="137"/>
      <c r="AF750" s="137"/>
      <c r="AG750" s="137"/>
      <c r="AH750" s="137"/>
      <c r="AI750" s="137"/>
      <c r="AJ750" s="137"/>
      <c r="AK750" s="137"/>
      <c r="AL750" s="137"/>
      <c r="AM750" s="137"/>
      <c r="AN750" s="137"/>
      <c r="AO750" s="137"/>
      <c r="AP750" s="137"/>
      <c r="AQ750" s="137"/>
      <c r="AR750" s="137"/>
      <c r="AS750" s="137"/>
      <c r="AT750" s="137"/>
      <c r="AU750" s="137"/>
      <c r="AV750" s="137"/>
      <c r="AW750" s="144"/>
    </row>
    <row r="751" spans="7:49" x14ac:dyDescent="0.2">
      <c r="G751" s="43"/>
      <c r="Z751" s="143"/>
      <c r="AA751" s="137"/>
      <c r="AB751" s="137"/>
      <c r="AC751" s="137"/>
      <c r="AD751" s="137"/>
      <c r="AE751" s="137"/>
      <c r="AF751" s="137"/>
      <c r="AG751" s="137"/>
      <c r="AH751" s="137"/>
      <c r="AI751" s="137"/>
      <c r="AJ751" s="137"/>
      <c r="AK751" s="137"/>
      <c r="AL751" s="137"/>
      <c r="AM751" s="137"/>
      <c r="AN751" s="137"/>
      <c r="AO751" s="137"/>
      <c r="AP751" s="137"/>
      <c r="AQ751" s="137"/>
      <c r="AR751" s="137"/>
      <c r="AS751" s="137"/>
      <c r="AT751" s="137"/>
      <c r="AU751" s="137"/>
      <c r="AV751" s="137"/>
      <c r="AW751" s="144"/>
    </row>
    <row r="752" spans="7:49" x14ac:dyDescent="0.2">
      <c r="G752" s="43"/>
      <c r="Z752" s="143"/>
      <c r="AA752" s="137"/>
      <c r="AB752" s="137"/>
      <c r="AC752" s="137"/>
      <c r="AD752" s="137"/>
      <c r="AE752" s="137"/>
      <c r="AF752" s="137"/>
      <c r="AG752" s="137"/>
      <c r="AH752" s="137"/>
      <c r="AI752" s="137"/>
      <c r="AJ752" s="137"/>
      <c r="AK752" s="137"/>
      <c r="AL752" s="137"/>
      <c r="AM752" s="137"/>
      <c r="AN752" s="137"/>
      <c r="AO752" s="137"/>
      <c r="AP752" s="137"/>
      <c r="AQ752" s="137"/>
      <c r="AR752" s="137"/>
      <c r="AS752" s="137"/>
      <c r="AT752" s="137"/>
      <c r="AU752" s="137"/>
      <c r="AV752" s="137"/>
      <c r="AW752" s="144"/>
    </row>
    <row r="753" spans="7:49" x14ac:dyDescent="0.2">
      <c r="G753" s="43"/>
      <c r="Z753" s="143"/>
      <c r="AA753" s="137"/>
      <c r="AB753" s="137"/>
      <c r="AC753" s="137"/>
      <c r="AD753" s="137"/>
      <c r="AE753" s="137"/>
      <c r="AF753" s="137"/>
      <c r="AG753" s="137"/>
      <c r="AH753" s="137"/>
      <c r="AI753" s="137"/>
      <c r="AJ753" s="137"/>
      <c r="AK753" s="137"/>
      <c r="AL753" s="137"/>
      <c r="AM753" s="137"/>
      <c r="AN753" s="137"/>
      <c r="AO753" s="137"/>
      <c r="AP753" s="137"/>
      <c r="AQ753" s="137"/>
      <c r="AR753" s="137"/>
      <c r="AS753" s="137"/>
      <c r="AT753" s="137"/>
      <c r="AU753" s="137"/>
      <c r="AV753" s="137"/>
      <c r="AW753" s="144"/>
    </row>
    <row r="754" spans="7:49" x14ac:dyDescent="0.2">
      <c r="G754" s="43"/>
      <c r="Z754" s="143"/>
      <c r="AA754" s="137"/>
      <c r="AB754" s="137"/>
      <c r="AC754" s="137"/>
      <c r="AD754" s="137"/>
      <c r="AE754" s="137"/>
      <c r="AF754" s="137"/>
      <c r="AG754" s="137"/>
      <c r="AH754" s="137"/>
      <c r="AI754" s="137"/>
      <c r="AJ754" s="137"/>
      <c r="AK754" s="137"/>
      <c r="AL754" s="137"/>
      <c r="AM754" s="137"/>
      <c r="AN754" s="137"/>
      <c r="AO754" s="137"/>
      <c r="AP754" s="137"/>
      <c r="AQ754" s="137"/>
      <c r="AR754" s="137"/>
      <c r="AS754" s="137"/>
      <c r="AT754" s="137"/>
      <c r="AU754" s="137"/>
      <c r="AV754" s="137"/>
      <c r="AW754" s="144"/>
    </row>
    <row r="755" spans="7:49" x14ac:dyDescent="0.2">
      <c r="G755" s="43"/>
      <c r="Z755" s="143"/>
      <c r="AA755" s="137"/>
      <c r="AB755" s="137"/>
      <c r="AC755" s="137"/>
      <c r="AD755" s="137"/>
      <c r="AE755" s="137"/>
      <c r="AF755" s="137"/>
      <c r="AG755" s="137"/>
      <c r="AH755" s="137"/>
      <c r="AI755" s="137"/>
      <c r="AJ755" s="137"/>
      <c r="AK755" s="137"/>
      <c r="AL755" s="137"/>
      <c r="AM755" s="137"/>
      <c r="AN755" s="137"/>
      <c r="AO755" s="137"/>
      <c r="AP755" s="137"/>
      <c r="AQ755" s="137"/>
      <c r="AR755" s="137"/>
      <c r="AS755" s="137"/>
      <c r="AT755" s="137"/>
      <c r="AU755" s="137"/>
      <c r="AV755" s="137"/>
      <c r="AW755" s="144"/>
    </row>
    <row r="756" spans="7:49" x14ac:dyDescent="0.2">
      <c r="G756" s="43"/>
      <c r="Z756" s="143"/>
      <c r="AA756" s="137"/>
      <c r="AB756" s="137"/>
      <c r="AC756" s="137"/>
      <c r="AD756" s="137"/>
      <c r="AE756" s="137"/>
      <c r="AF756" s="137"/>
      <c r="AG756" s="137"/>
      <c r="AH756" s="137"/>
      <c r="AI756" s="137"/>
      <c r="AJ756" s="137"/>
      <c r="AK756" s="137"/>
      <c r="AL756" s="137"/>
      <c r="AM756" s="137"/>
      <c r="AN756" s="137"/>
      <c r="AO756" s="137"/>
      <c r="AP756" s="137"/>
      <c r="AQ756" s="137"/>
      <c r="AR756" s="137"/>
      <c r="AS756" s="137"/>
      <c r="AT756" s="137"/>
      <c r="AU756" s="137"/>
      <c r="AV756" s="137"/>
      <c r="AW756" s="144"/>
    </row>
    <row r="757" spans="7:49" x14ac:dyDescent="0.2">
      <c r="G757" s="43"/>
      <c r="Z757" s="143"/>
      <c r="AA757" s="137"/>
      <c r="AB757" s="137"/>
      <c r="AC757" s="137"/>
      <c r="AD757" s="137"/>
      <c r="AE757" s="137"/>
      <c r="AF757" s="137"/>
      <c r="AG757" s="137"/>
      <c r="AH757" s="137"/>
      <c r="AI757" s="137"/>
      <c r="AJ757" s="137"/>
      <c r="AK757" s="137"/>
      <c r="AL757" s="137"/>
      <c r="AM757" s="137"/>
      <c r="AN757" s="137"/>
      <c r="AO757" s="137"/>
      <c r="AP757" s="137"/>
      <c r="AQ757" s="137"/>
      <c r="AR757" s="137"/>
      <c r="AS757" s="137"/>
      <c r="AT757" s="137"/>
      <c r="AU757" s="137"/>
      <c r="AV757" s="137"/>
      <c r="AW757" s="144"/>
    </row>
    <row r="758" spans="7:49" x14ac:dyDescent="0.2">
      <c r="G758" s="43"/>
      <c r="Z758" s="143"/>
      <c r="AA758" s="137"/>
      <c r="AB758" s="137"/>
      <c r="AC758" s="137"/>
      <c r="AD758" s="137"/>
      <c r="AE758" s="137"/>
      <c r="AF758" s="137"/>
      <c r="AG758" s="137"/>
      <c r="AH758" s="137"/>
      <c r="AI758" s="137"/>
      <c r="AJ758" s="137"/>
      <c r="AK758" s="137"/>
      <c r="AL758" s="137"/>
      <c r="AM758" s="137"/>
      <c r="AN758" s="137"/>
      <c r="AO758" s="137"/>
      <c r="AP758" s="137"/>
      <c r="AQ758" s="137"/>
      <c r="AR758" s="137"/>
      <c r="AS758" s="137"/>
      <c r="AT758" s="137"/>
      <c r="AU758" s="137"/>
      <c r="AV758" s="137"/>
      <c r="AW758" s="144"/>
    </row>
    <row r="759" spans="7:49" x14ac:dyDescent="0.2">
      <c r="G759" s="43"/>
      <c r="Z759" s="143"/>
      <c r="AA759" s="137"/>
      <c r="AB759" s="137"/>
      <c r="AC759" s="137"/>
      <c r="AD759" s="137"/>
      <c r="AE759" s="137"/>
      <c r="AF759" s="137"/>
      <c r="AG759" s="137"/>
      <c r="AH759" s="137"/>
      <c r="AI759" s="137"/>
      <c r="AJ759" s="137"/>
      <c r="AK759" s="137"/>
      <c r="AL759" s="137"/>
      <c r="AM759" s="137"/>
      <c r="AN759" s="137"/>
      <c r="AO759" s="137"/>
      <c r="AP759" s="137"/>
      <c r="AQ759" s="137"/>
      <c r="AR759" s="137"/>
      <c r="AS759" s="137"/>
      <c r="AT759" s="137"/>
      <c r="AU759" s="137"/>
      <c r="AV759" s="137"/>
      <c r="AW759" s="144"/>
    </row>
    <row r="760" spans="7:49" x14ac:dyDescent="0.2">
      <c r="G760" s="43"/>
      <c r="Z760" s="143"/>
      <c r="AA760" s="137"/>
      <c r="AB760" s="137"/>
      <c r="AC760" s="137"/>
      <c r="AD760" s="137"/>
      <c r="AE760" s="137"/>
      <c r="AF760" s="137"/>
      <c r="AG760" s="137"/>
      <c r="AH760" s="137"/>
      <c r="AI760" s="137"/>
      <c r="AJ760" s="137"/>
      <c r="AK760" s="137"/>
      <c r="AL760" s="137"/>
      <c r="AM760" s="137"/>
      <c r="AN760" s="137"/>
      <c r="AO760" s="137"/>
      <c r="AP760" s="137"/>
      <c r="AQ760" s="137"/>
      <c r="AR760" s="137"/>
      <c r="AS760" s="137"/>
      <c r="AT760" s="137"/>
      <c r="AU760" s="137"/>
      <c r="AV760" s="137"/>
      <c r="AW760" s="144"/>
    </row>
    <row r="761" spans="7:49" x14ac:dyDescent="0.2">
      <c r="G761" s="43"/>
      <c r="Z761" s="143"/>
      <c r="AA761" s="137"/>
      <c r="AB761" s="137"/>
      <c r="AC761" s="137"/>
      <c r="AD761" s="137"/>
      <c r="AE761" s="137"/>
      <c r="AF761" s="137"/>
      <c r="AG761" s="137"/>
      <c r="AH761" s="137"/>
      <c r="AI761" s="137"/>
      <c r="AJ761" s="137"/>
      <c r="AK761" s="137"/>
      <c r="AL761" s="137"/>
      <c r="AM761" s="137"/>
      <c r="AN761" s="137"/>
      <c r="AO761" s="137"/>
      <c r="AP761" s="137"/>
      <c r="AQ761" s="137"/>
      <c r="AR761" s="137"/>
      <c r="AS761" s="137"/>
      <c r="AT761" s="137"/>
      <c r="AU761" s="137"/>
      <c r="AV761" s="137"/>
      <c r="AW761" s="144"/>
    </row>
    <row r="762" spans="7:49" x14ac:dyDescent="0.2">
      <c r="G762" s="43"/>
      <c r="Z762" s="143"/>
      <c r="AA762" s="137"/>
      <c r="AB762" s="137"/>
      <c r="AC762" s="137"/>
      <c r="AD762" s="137"/>
      <c r="AE762" s="137"/>
      <c r="AF762" s="137"/>
      <c r="AG762" s="137"/>
      <c r="AH762" s="137"/>
      <c r="AI762" s="137"/>
      <c r="AJ762" s="137"/>
      <c r="AK762" s="137"/>
      <c r="AL762" s="137"/>
      <c r="AM762" s="137"/>
      <c r="AN762" s="137"/>
      <c r="AO762" s="137"/>
      <c r="AP762" s="137"/>
      <c r="AQ762" s="137"/>
      <c r="AR762" s="137"/>
      <c r="AS762" s="137"/>
      <c r="AT762" s="137"/>
      <c r="AU762" s="137"/>
      <c r="AV762" s="137"/>
      <c r="AW762" s="144"/>
    </row>
    <row r="763" spans="7:49" x14ac:dyDescent="0.2">
      <c r="G763" s="43"/>
      <c r="Z763" s="143"/>
      <c r="AA763" s="137"/>
      <c r="AB763" s="137"/>
      <c r="AC763" s="137"/>
      <c r="AD763" s="137"/>
      <c r="AE763" s="137"/>
      <c r="AF763" s="137"/>
      <c r="AG763" s="137"/>
      <c r="AH763" s="137"/>
      <c r="AI763" s="137"/>
      <c r="AJ763" s="137"/>
      <c r="AK763" s="137"/>
      <c r="AL763" s="137"/>
      <c r="AM763" s="137"/>
      <c r="AN763" s="137"/>
      <c r="AO763" s="137"/>
      <c r="AP763" s="137"/>
      <c r="AQ763" s="137"/>
      <c r="AR763" s="137"/>
      <c r="AS763" s="137"/>
      <c r="AT763" s="137"/>
      <c r="AU763" s="137"/>
      <c r="AV763" s="137"/>
      <c r="AW763" s="144"/>
    </row>
    <row r="764" spans="7:49" x14ac:dyDescent="0.2">
      <c r="G764" s="43"/>
      <c r="Z764" s="143"/>
      <c r="AA764" s="137"/>
      <c r="AB764" s="137"/>
      <c r="AC764" s="137"/>
      <c r="AD764" s="137"/>
      <c r="AE764" s="137"/>
      <c r="AF764" s="137"/>
      <c r="AG764" s="137"/>
      <c r="AH764" s="137"/>
      <c r="AI764" s="137"/>
      <c r="AJ764" s="137"/>
      <c r="AK764" s="137"/>
      <c r="AL764" s="137"/>
      <c r="AM764" s="137"/>
      <c r="AN764" s="137"/>
      <c r="AO764" s="137"/>
      <c r="AP764" s="137"/>
      <c r="AQ764" s="137"/>
      <c r="AR764" s="137"/>
      <c r="AS764" s="137"/>
      <c r="AT764" s="137"/>
      <c r="AU764" s="137"/>
      <c r="AV764" s="137"/>
      <c r="AW764" s="144"/>
    </row>
    <row r="765" spans="7:49" x14ac:dyDescent="0.2">
      <c r="G765" s="43"/>
      <c r="Z765" s="143"/>
      <c r="AA765" s="137"/>
      <c r="AB765" s="137"/>
      <c r="AC765" s="137"/>
      <c r="AD765" s="137"/>
      <c r="AE765" s="137"/>
      <c r="AF765" s="137"/>
      <c r="AG765" s="137"/>
      <c r="AH765" s="137"/>
      <c r="AI765" s="137"/>
      <c r="AJ765" s="137"/>
      <c r="AK765" s="137"/>
      <c r="AL765" s="137"/>
      <c r="AM765" s="137"/>
      <c r="AN765" s="137"/>
      <c r="AO765" s="137"/>
      <c r="AP765" s="137"/>
      <c r="AQ765" s="137"/>
      <c r="AR765" s="137"/>
      <c r="AS765" s="137"/>
      <c r="AT765" s="137"/>
      <c r="AU765" s="137"/>
      <c r="AV765" s="137"/>
      <c r="AW765" s="144"/>
    </row>
    <row r="766" spans="7:49" x14ac:dyDescent="0.2">
      <c r="G766" s="43"/>
      <c r="Z766" s="143"/>
      <c r="AA766" s="137"/>
      <c r="AB766" s="137"/>
      <c r="AC766" s="137"/>
      <c r="AD766" s="137"/>
      <c r="AE766" s="137"/>
      <c r="AF766" s="137"/>
      <c r="AG766" s="137"/>
      <c r="AH766" s="137"/>
      <c r="AI766" s="137"/>
      <c r="AJ766" s="137"/>
      <c r="AK766" s="137"/>
      <c r="AL766" s="137"/>
      <c r="AM766" s="137"/>
      <c r="AN766" s="137"/>
      <c r="AO766" s="137"/>
      <c r="AP766" s="137"/>
      <c r="AQ766" s="137"/>
      <c r="AR766" s="137"/>
      <c r="AS766" s="137"/>
      <c r="AT766" s="137"/>
      <c r="AU766" s="137"/>
      <c r="AV766" s="137"/>
      <c r="AW766" s="144"/>
    </row>
    <row r="767" spans="7:49" x14ac:dyDescent="0.2">
      <c r="G767" s="43"/>
      <c r="Z767" s="143"/>
      <c r="AA767" s="137"/>
      <c r="AB767" s="137"/>
      <c r="AC767" s="137"/>
      <c r="AD767" s="137"/>
      <c r="AE767" s="137"/>
      <c r="AF767" s="137"/>
      <c r="AG767" s="137"/>
      <c r="AH767" s="137"/>
      <c r="AI767" s="137"/>
      <c r="AJ767" s="137"/>
      <c r="AK767" s="137"/>
      <c r="AL767" s="137"/>
      <c r="AM767" s="137"/>
      <c r="AN767" s="137"/>
      <c r="AO767" s="137"/>
      <c r="AP767" s="137"/>
      <c r="AQ767" s="137"/>
      <c r="AR767" s="137"/>
      <c r="AS767" s="137"/>
      <c r="AT767" s="137"/>
      <c r="AU767" s="137"/>
      <c r="AV767" s="137"/>
      <c r="AW767" s="144"/>
    </row>
    <row r="768" spans="7:49" x14ac:dyDescent="0.2">
      <c r="G768" s="43"/>
      <c r="Z768" s="143"/>
      <c r="AA768" s="137"/>
      <c r="AB768" s="137"/>
      <c r="AC768" s="137"/>
      <c r="AD768" s="137"/>
      <c r="AE768" s="137"/>
      <c r="AF768" s="137"/>
      <c r="AG768" s="137"/>
      <c r="AH768" s="137"/>
      <c r="AI768" s="137"/>
      <c r="AJ768" s="137"/>
      <c r="AK768" s="137"/>
      <c r="AL768" s="137"/>
      <c r="AM768" s="137"/>
      <c r="AN768" s="137"/>
      <c r="AO768" s="137"/>
      <c r="AP768" s="137"/>
      <c r="AQ768" s="137"/>
      <c r="AR768" s="137"/>
      <c r="AS768" s="137"/>
      <c r="AT768" s="137"/>
      <c r="AU768" s="137"/>
      <c r="AV768" s="137"/>
      <c r="AW768" s="144"/>
    </row>
    <row r="769" spans="7:49" x14ac:dyDescent="0.2">
      <c r="G769" s="43"/>
      <c r="Z769" s="143"/>
      <c r="AA769" s="137"/>
      <c r="AB769" s="137"/>
      <c r="AC769" s="137"/>
      <c r="AD769" s="137"/>
      <c r="AE769" s="137"/>
      <c r="AF769" s="137"/>
      <c r="AG769" s="137"/>
      <c r="AH769" s="137"/>
      <c r="AI769" s="137"/>
      <c r="AJ769" s="137"/>
      <c r="AK769" s="137"/>
      <c r="AL769" s="137"/>
      <c r="AM769" s="137"/>
      <c r="AN769" s="137"/>
      <c r="AO769" s="137"/>
      <c r="AP769" s="137"/>
      <c r="AQ769" s="137"/>
      <c r="AR769" s="137"/>
      <c r="AS769" s="137"/>
      <c r="AT769" s="137"/>
      <c r="AU769" s="137"/>
      <c r="AV769" s="137"/>
      <c r="AW769" s="144"/>
    </row>
    <row r="770" spans="7:49" x14ac:dyDescent="0.2">
      <c r="G770" s="43"/>
      <c r="Z770" s="143"/>
      <c r="AA770" s="137"/>
      <c r="AB770" s="137"/>
      <c r="AC770" s="137"/>
      <c r="AD770" s="137"/>
      <c r="AE770" s="137"/>
      <c r="AF770" s="137"/>
      <c r="AG770" s="137"/>
      <c r="AH770" s="137"/>
      <c r="AI770" s="137"/>
      <c r="AJ770" s="137"/>
      <c r="AK770" s="137"/>
      <c r="AL770" s="137"/>
      <c r="AM770" s="137"/>
      <c r="AN770" s="137"/>
      <c r="AO770" s="137"/>
      <c r="AP770" s="137"/>
      <c r="AQ770" s="137"/>
      <c r="AR770" s="137"/>
      <c r="AS770" s="137"/>
      <c r="AT770" s="137"/>
      <c r="AU770" s="137"/>
      <c r="AV770" s="137"/>
      <c r="AW770" s="144"/>
    </row>
    <row r="771" spans="7:49" x14ac:dyDescent="0.2">
      <c r="G771" s="43"/>
      <c r="Z771" s="143"/>
      <c r="AA771" s="137"/>
      <c r="AB771" s="137"/>
      <c r="AC771" s="137"/>
      <c r="AD771" s="137"/>
      <c r="AE771" s="137"/>
      <c r="AF771" s="137"/>
      <c r="AG771" s="137"/>
      <c r="AH771" s="137"/>
      <c r="AI771" s="137"/>
      <c r="AJ771" s="137"/>
      <c r="AK771" s="137"/>
      <c r="AL771" s="137"/>
      <c r="AM771" s="137"/>
      <c r="AN771" s="137"/>
      <c r="AO771" s="137"/>
      <c r="AP771" s="137"/>
      <c r="AQ771" s="137"/>
      <c r="AR771" s="137"/>
      <c r="AS771" s="137"/>
      <c r="AT771" s="137"/>
      <c r="AU771" s="137"/>
      <c r="AV771" s="137"/>
      <c r="AW771" s="144"/>
    </row>
    <row r="772" spans="7:49" x14ac:dyDescent="0.2">
      <c r="G772" s="43"/>
      <c r="Z772" s="143"/>
      <c r="AA772" s="137"/>
      <c r="AB772" s="137"/>
      <c r="AC772" s="137"/>
      <c r="AD772" s="137"/>
      <c r="AE772" s="137"/>
      <c r="AF772" s="137"/>
      <c r="AG772" s="137"/>
      <c r="AH772" s="137"/>
      <c r="AI772" s="137"/>
      <c r="AJ772" s="137"/>
      <c r="AK772" s="137"/>
      <c r="AL772" s="137"/>
      <c r="AM772" s="137"/>
      <c r="AN772" s="137"/>
      <c r="AO772" s="137"/>
      <c r="AP772" s="137"/>
      <c r="AQ772" s="137"/>
      <c r="AR772" s="137"/>
      <c r="AS772" s="137"/>
      <c r="AT772" s="137"/>
      <c r="AU772" s="137"/>
      <c r="AV772" s="137"/>
      <c r="AW772" s="144"/>
    </row>
    <row r="773" spans="7:49" x14ac:dyDescent="0.2">
      <c r="G773" s="43"/>
      <c r="Z773" s="143"/>
      <c r="AA773" s="137"/>
      <c r="AB773" s="137"/>
      <c r="AC773" s="137"/>
      <c r="AD773" s="137"/>
      <c r="AE773" s="137"/>
      <c r="AF773" s="137"/>
      <c r="AG773" s="137"/>
      <c r="AH773" s="137"/>
      <c r="AI773" s="137"/>
      <c r="AJ773" s="137"/>
      <c r="AK773" s="137"/>
      <c r="AL773" s="137"/>
      <c r="AM773" s="137"/>
      <c r="AN773" s="137"/>
      <c r="AO773" s="137"/>
      <c r="AP773" s="137"/>
      <c r="AQ773" s="137"/>
      <c r="AR773" s="137"/>
      <c r="AS773" s="137"/>
      <c r="AT773" s="137"/>
      <c r="AU773" s="137"/>
      <c r="AV773" s="137"/>
      <c r="AW773" s="144"/>
    </row>
    <row r="774" spans="7:49" x14ac:dyDescent="0.2">
      <c r="G774" s="43"/>
      <c r="Z774" s="143"/>
      <c r="AA774" s="137"/>
      <c r="AB774" s="137"/>
      <c r="AC774" s="137"/>
      <c r="AD774" s="137"/>
      <c r="AE774" s="137"/>
      <c r="AF774" s="137"/>
      <c r="AG774" s="137"/>
      <c r="AH774" s="137"/>
      <c r="AI774" s="137"/>
      <c r="AJ774" s="137"/>
      <c r="AK774" s="137"/>
      <c r="AL774" s="137"/>
      <c r="AM774" s="137"/>
      <c r="AN774" s="137"/>
      <c r="AO774" s="137"/>
      <c r="AP774" s="137"/>
      <c r="AQ774" s="137"/>
      <c r="AR774" s="137"/>
      <c r="AS774" s="137"/>
      <c r="AT774" s="137"/>
      <c r="AU774" s="137"/>
      <c r="AV774" s="137"/>
      <c r="AW774" s="144"/>
    </row>
    <row r="775" spans="7:49" x14ac:dyDescent="0.2">
      <c r="G775" s="43"/>
      <c r="Z775" s="143"/>
      <c r="AA775" s="137"/>
      <c r="AB775" s="137"/>
      <c r="AC775" s="137"/>
      <c r="AD775" s="137"/>
      <c r="AE775" s="137"/>
      <c r="AF775" s="137"/>
      <c r="AG775" s="137"/>
      <c r="AH775" s="137"/>
      <c r="AI775" s="137"/>
      <c r="AJ775" s="137"/>
      <c r="AK775" s="137"/>
      <c r="AL775" s="137"/>
      <c r="AM775" s="137"/>
      <c r="AN775" s="137"/>
      <c r="AO775" s="137"/>
      <c r="AP775" s="137"/>
      <c r="AQ775" s="137"/>
      <c r="AR775" s="137"/>
      <c r="AS775" s="137"/>
      <c r="AT775" s="137"/>
      <c r="AU775" s="137"/>
      <c r="AV775" s="137"/>
      <c r="AW775" s="144"/>
    </row>
    <row r="776" spans="7:49" x14ac:dyDescent="0.2">
      <c r="G776" s="43"/>
      <c r="Z776" s="143"/>
      <c r="AA776" s="137"/>
      <c r="AB776" s="137"/>
      <c r="AC776" s="137"/>
      <c r="AD776" s="137"/>
      <c r="AE776" s="137"/>
      <c r="AF776" s="137"/>
      <c r="AG776" s="137"/>
      <c r="AH776" s="137"/>
      <c r="AI776" s="137"/>
      <c r="AJ776" s="137"/>
      <c r="AK776" s="137"/>
      <c r="AL776" s="137"/>
      <c r="AM776" s="137"/>
      <c r="AN776" s="137"/>
      <c r="AO776" s="137"/>
      <c r="AP776" s="137"/>
      <c r="AQ776" s="137"/>
      <c r="AR776" s="137"/>
      <c r="AS776" s="137"/>
      <c r="AT776" s="137"/>
      <c r="AU776" s="137"/>
      <c r="AV776" s="137"/>
      <c r="AW776" s="144"/>
    </row>
    <row r="777" spans="7:49" x14ac:dyDescent="0.2">
      <c r="G777" s="43"/>
      <c r="Z777" s="143"/>
      <c r="AA777" s="137"/>
      <c r="AB777" s="137"/>
      <c r="AC777" s="137"/>
      <c r="AD777" s="137"/>
      <c r="AE777" s="137"/>
      <c r="AF777" s="137"/>
      <c r="AG777" s="137"/>
      <c r="AH777" s="137"/>
      <c r="AI777" s="137"/>
      <c r="AJ777" s="137"/>
      <c r="AK777" s="137"/>
      <c r="AL777" s="137"/>
      <c r="AM777" s="137"/>
      <c r="AN777" s="137"/>
      <c r="AO777" s="137"/>
      <c r="AP777" s="137"/>
      <c r="AQ777" s="137"/>
      <c r="AR777" s="137"/>
      <c r="AS777" s="137"/>
      <c r="AT777" s="137"/>
      <c r="AU777" s="137"/>
      <c r="AV777" s="137"/>
      <c r="AW777" s="144"/>
    </row>
    <row r="778" spans="7:49" x14ac:dyDescent="0.2">
      <c r="G778" s="43"/>
      <c r="Z778" s="143"/>
      <c r="AA778" s="137"/>
      <c r="AB778" s="137"/>
      <c r="AC778" s="137"/>
      <c r="AD778" s="137"/>
      <c r="AE778" s="137"/>
      <c r="AF778" s="137"/>
      <c r="AG778" s="137"/>
      <c r="AH778" s="137"/>
      <c r="AI778" s="137"/>
      <c r="AJ778" s="137"/>
      <c r="AK778" s="137"/>
      <c r="AL778" s="137"/>
      <c r="AM778" s="137"/>
      <c r="AN778" s="137"/>
      <c r="AO778" s="137"/>
      <c r="AP778" s="137"/>
      <c r="AQ778" s="137"/>
      <c r="AR778" s="137"/>
      <c r="AS778" s="137"/>
      <c r="AT778" s="137"/>
      <c r="AU778" s="137"/>
      <c r="AV778" s="137"/>
      <c r="AW778" s="144"/>
    </row>
    <row r="779" spans="7:49" x14ac:dyDescent="0.2">
      <c r="G779" s="43"/>
      <c r="Z779" s="143"/>
      <c r="AA779" s="137"/>
      <c r="AB779" s="137"/>
      <c r="AC779" s="137"/>
      <c r="AD779" s="137"/>
      <c r="AE779" s="137"/>
      <c r="AF779" s="137"/>
      <c r="AG779" s="137"/>
      <c r="AH779" s="137"/>
      <c r="AI779" s="137"/>
      <c r="AJ779" s="137"/>
      <c r="AK779" s="137"/>
      <c r="AL779" s="137"/>
      <c r="AM779" s="137"/>
      <c r="AN779" s="137"/>
      <c r="AO779" s="137"/>
      <c r="AP779" s="137"/>
      <c r="AQ779" s="137"/>
      <c r="AR779" s="137"/>
      <c r="AS779" s="137"/>
      <c r="AT779" s="137"/>
      <c r="AU779" s="137"/>
      <c r="AV779" s="137"/>
      <c r="AW779" s="144"/>
    </row>
    <row r="780" spans="7:49" x14ac:dyDescent="0.2">
      <c r="G780" s="43"/>
      <c r="Z780" s="143"/>
      <c r="AA780" s="137"/>
      <c r="AB780" s="137"/>
      <c r="AC780" s="137"/>
      <c r="AD780" s="137"/>
      <c r="AE780" s="137"/>
      <c r="AF780" s="137"/>
      <c r="AG780" s="137"/>
      <c r="AH780" s="137"/>
      <c r="AI780" s="137"/>
      <c r="AJ780" s="137"/>
      <c r="AK780" s="137"/>
      <c r="AL780" s="137"/>
      <c r="AM780" s="137"/>
      <c r="AN780" s="137"/>
      <c r="AO780" s="137"/>
      <c r="AP780" s="137"/>
      <c r="AQ780" s="137"/>
      <c r="AR780" s="137"/>
      <c r="AS780" s="137"/>
      <c r="AT780" s="137"/>
      <c r="AU780" s="137"/>
      <c r="AV780" s="137"/>
      <c r="AW780" s="144"/>
    </row>
    <row r="781" spans="7:49" x14ac:dyDescent="0.2">
      <c r="G781" s="43"/>
      <c r="Z781" s="143"/>
      <c r="AA781" s="137"/>
      <c r="AB781" s="137"/>
      <c r="AC781" s="137"/>
      <c r="AD781" s="137"/>
      <c r="AE781" s="137"/>
      <c r="AF781" s="137"/>
      <c r="AG781" s="137"/>
      <c r="AH781" s="137"/>
      <c r="AI781" s="137"/>
      <c r="AJ781" s="137"/>
      <c r="AK781" s="137"/>
      <c r="AL781" s="137"/>
      <c r="AM781" s="137"/>
      <c r="AN781" s="137"/>
      <c r="AO781" s="137"/>
      <c r="AP781" s="137"/>
      <c r="AQ781" s="137"/>
      <c r="AR781" s="137"/>
      <c r="AS781" s="137"/>
      <c r="AT781" s="137"/>
      <c r="AU781" s="137"/>
      <c r="AV781" s="137"/>
      <c r="AW781" s="144"/>
    </row>
    <row r="782" spans="7:49" x14ac:dyDescent="0.2">
      <c r="G782" s="43"/>
      <c r="Z782" s="143"/>
      <c r="AA782" s="137"/>
      <c r="AB782" s="137"/>
      <c r="AC782" s="137"/>
      <c r="AD782" s="137"/>
      <c r="AE782" s="137"/>
      <c r="AF782" s="137"/>
      <c r="AG782" s="137"/>
      <c r="AH782" s="137"/>
      <c r="AI782" s="137"/>
      <c r="AJ782" s="137"/>
      <c r="AK782" s="137"/>
      <c r="AL782" s="137"/>
      <c r="AM782" s="137"/>
      <c r="AN782" s="137"/>
      <c r="AO782" s="137"/>
      <c r="AP782" s="137"/>
      <c r="AQ782" s="137"/>
      <c r="AR782" s="137"/>
      <c r="AS782" s="137"/>
      <c r="AT782" s="137"/>
      <c r="AU782" s="137"/>
      <c r="AV782" s="137"/>
      <c r="AW782" s="144"/>
    </row>
    <row r="783" spans="7:49" x14ac:dyDescent="0.2">
      <c r="G783" s="43"/>
      <c r="Z783" s="143"/>
      <c r="AA783" s="137"/>
      <c r="AB783" s="137"/>
      <c r="AC783" s="137"/>
      <c r="AD783" s="137"/>
      <c r="AE783" s="137"/>
      <c r="AF783" s="137"/>
      <c r="AG783" s="137"/>
      <c r="AH783" s="137"/>
      <c r="AI783" s="137"/>
      <c r="AJ783" s="137"/>
      <c r="AK783" s="137"/>
      <c r="AL783" s="137"/>
      <c r="AM783" s="137"/>
      <c r="AN783" s="137"/>
      <c r="AO783" s="137"/>
      <c r="AP783" s="137"/>
      <c r="AQ783" s="137"/>
      <c r="AR783" s="137"/>
      <c r="AS783" s="137"/>
      <c r="AT783" s="137"/>
      <c r="AU783" s="137"/>
      <c r="AV783" s="137"/>
      <c r="AW783" s="144"/>
    </row>
    <row r="784" spans="7:49" x14ac:dyDescent="0.2">
      <c r="G784" s="43"/>
      <c r="Z784" s="143"/>
      <c r="AA784" s="137"/>
      <c r="AB784" s="137"/>
      <c r="AC784" s="137"/>
      <c r="AD784" s="137"/>
      <c r="AE784" s="137"/>
      <c r="AF784" s="137"/>
      <c r="AG784" s="137"/>
      <c r="AH784" s="137"/>
      <c r="AI784" s="137"/>
      <c r="AJ784" s="137"/>
      <c r="AK784" s="137"/>
      <c r="AL784" s="137"/>
      <c r="AM784" s="137"/>
      <c r="AN784" s="137"/>
      <c r="AO784" s="137"/>
      <c r="AP784" s="137"/>
      <c r="AQ784" s="137"/>
      <c r="AR784" s="137"/>
      <c r="AS784" s="137"/>
      <c r="AT784" s="137"/>
      <c r="AU784" s="137"/>
      <c r="AV784" s="137"/>
      <c r="AW784" s="144"/>
    </row>
    <row r="785" spans="7:49" x14ac:dyDescent="0.2">
      <c r="G785" s="43"/>
      <c r="Z785" s="143"/>
      <c r="AA785" s="137"/>
      <c r="AB785" s="137"/>
      <c r="AC785" s="137"/>
      <c r="AD785" s="137"/>
      <c r="AE785" s="137"/>
      <c r="AF785" s="137"/>
      <c r="AG785" s="137"/>
      <c r="AH785" s="137"/>
      <c r="AI785" s="137"/>
      <c r="AJ785" s="137"/>
      <c r="AK785" s="137"/>
      <c r="AL785" s="137"/>
      <c r="AM785" s="137"/>
      <c r="AN785" s="137"/>
      <c r="AO785" s="137"/>
      <c r="AP785" s="137"/>
      <c r="AQ785" s="137"/>
      <c r="AR785" s="137"/>
      <c r="AS785" s="137"/>
      <c r="AT785" s="137"/>
      <c r="AU785" s="137"/>
      <c r="AV785" s="137"/>
      <c r="AW785" s="144"/>
    </row>
    <row r="786" spans="7:49" x14ac:dyDescent="0.2">
      <c r="G786" s="43"/>
      <c r="Z786" s="143"/>
      <c r="AA786" s="137"/>
      <c r="AB786" s="137"/>
      <c r="AC786" s="137"/>
      <c r="AD786" s="137"/>
      <c r="AE786" s="137"/>
      <c r="AF786" s="137"/>
      <c r="AG786" s="137"/>
      <c r="AH786" s="137"/>
      <c r="AI786" s="137"/>
      <c r="AJ786" s="137"/>
      <c r="AK786" s="137"/>
      <c r="AL786" s="137"/>
      <c r="AM786" s="137"/>
      <c r="AN786" s="137"/>
      <c r="AO786" s="137"/>
      <c r="AP786" s="137"/>
      <c r="AQ786" s="137"/>
      <c r="AR786" s="137"/>
      <c r="AS786" s="137"/>
      <c r="AT786" s="137"/>
      <c r="AU786" s="137"/>
      <c r="AV786" s="137"/>
      <c r="AW786" s="144"/>
    </row>
    <row r="787" spans="7:49" x14ac:dyDescent="0.2">
      <c r="G787" s="43"/>
      <c r="Z787" s="143"/>
      <c r="AA787" s="137"/>
      <c r="AB787" s="137"/>
      <c r="AC787" s="137"/>
      <c r="AD787" s="137"/>
      <c r="AE787" s="137"/>
      <c r="AF787" s="137"/>
      <c r="AG787" s="137"/>
      <c r="AH787" s="137"/>
      <c r="AI787" s="137"/>
      <c r="AJ787" s="137"/>
      <c r="AK787" s="137"/>
      <c r="AL787" s="137"/>
      <c r="AM787" s="137"/>
      <c r="AN787" s="137"/>
      <c r="AO787" s="137"/>
      <c r="AP787" s="137"/>
      <c r="AQ787" s="137"/>
      <c r="AR787" s="137"/>
      <c r="AS787" s="137"/>
      <c r="AT787" s="137"/>
      <c r="AU787" s="137"/>
      <c r="AV787" s="137"/>
      <c r="AW787" s="144"/>
    </row>
    <row r="788" spans="7:49" x14ac:dyDescent="0.2">
      <c r="G788" s="43"/>
      <c r="Z788" s="143"/>
      <c r="AA788" s="137"/>
      <c r="AB788" s="137"/>
      <c r="AC788" s="137"/>
      <c r="AD788" s="137"/>
      <c r="AE788" s="137"/>
      <c r="AF788" s="137"/>
      <c r="AG788" s="137"/>
      <c r="AH788" s="137"/>
      <c r="AI788" s="137"/>
      <c r="AJ788" s="137"/>
      <c r="AK788" s="137"/>
      <c r="AL788" s="137"/>
      <c r="AM788" s="137"/>
      <c r="AN788" s="137"/>
      <c r="AO788" s="137"/>
      <c r="AP788" s="137"/>
      <c r="AQ788" s="137"/>
      <c r="AR788" s="137"/>
      <c r="AS788" s="137"/>
      <c r="AT788" s="137"/>
      <c r="AU788" s="137"/>
      <c r="AV788" s="137"/>
      <c r="AW788" s="144"/>
    </row>
    <row r="789" spans="7:49" x14ac:dyDescent="0.2">
      <c r="G789" s="43"/>
      <c r="Z789" s="143"/>
      <c r="AA789" s="137"/>
      <c r="AB789" s="137"/>
      <c r="AC789" s="137"/>
      <c r="AD789" s="137"/>
      <c r="AE789" s="137"/>
      <c r="AF789" s="137"/>
      <c r="AG789" s="137"/>
      <c r="AH789" s="137"/>
      <c r="AI789" s="137"/>
      <c r="AJ789" s="137"/>
      <c r="AK789" s="137"/>
      <c r="AL789" s="137"/>
      <c r="AM789" s="137"/>
      <c r="AN789" s="137"/>
      <c r="AO789" s="137"/>
      <c r="AP789" s="137"/>
      <c r="AQ789" s="137"/>
      <c r="AR789" s="137"/>
      <c r="AS789" s="137"/>
      <c r="AT789" s="137"/>
      <c r="AU789" s="137"/>
      <c r="AV789" s="137"/>
      <c r="AW789" s="144"/>
    </row>
    <row r="790" spans="7:49" x14ac:dyDescent="0.2">
      <c r="G790" s="43"/>
      <c r="Z790" s="143"/>
      <c r="AA790" s="137"/>
      <c r="AB790" s="137"/>
      <c r="AC790" s="137"/>
      <c r="AD790" s="137"/>
      <c r="AE790" s="137"/>
      <c r="AF790" s="137"/>
      <c r="AG790" s="137"/>
      <c r="AH790" s="137"/>
      <c r="AI790" s="137"/>
      <c r="AJ790" s="137"/>
      <c r="AK790" s="137"/>
      <c r="AL790" s="137"/>
      <c r="AM790" s="137"/>
      <c r="AN790" s="137"/>
      <c r="AO790" s="137"/>
      <c r="AP790" s="137"/>
      <c r="AQ790" s="137"/>
      <c r="AR790" s="137"/>
      <c r="AS790" s="137"/>
      <c r="AT790" s="137"/>
      <c r="AU790" s="137"/>
      <c r="AV790" s="137"/>
      <c r="AW790" s="144"/>
    </row>
    <row r="791" spans="7:49" x14ac:dyDescent="0.2">
      <c r="G791" s="43"/>
      <c r="Z791" s="143"/>
      <c r="AA791" s="137"/>
      <c r="AB791" s="137"/>
      <c r="AC791" s="137"/>
      <c r="AD791" s="137"/>
      <c r="AE791" s="137"/>
      <c r="AF791" s="137"/>
      <c r="AG791" s="137"/>
      <c r="AH791" s="137"/>
      <c r="AI791" s="137"/>
      <c r="AJ791" s="137"/>
      <c r="AK791" s="137"/>
      <c r="AL791" s="137"/>
      <c r="AM791" s="137"/>
      <c r="AN791" s="137"/>
      <c r="AO791" s="137"/>
      <c r="AP791" s="137"/>
      <c r="AQ791" s="137"/>
      <c r="AR791" s="137"/>
      <c r="AS791" s="137"/>
      <c r="AT791" s="137"/>
      <c r="AU791" s="137"/>
      <c r="AV791" s="137"/>
      <c r="AW791" s="144"/>
    </row>
    <row r="792" spans="7:49" x14ac:dyDescent="0.2">
      <c r="G792" s="43"/>
      <c r="Z792" s="143"/>
      <c r="AA792" s="137"/>
      <c r="AB792" s="137"/>
      <c r="AC792" s="137"/>
      <c r="AD792" s="137"/>
      <c r="AE792" s="137"/>
      <c r="AF792" s="137"/>
      <c r="AG792" s="137"/>
      <c r="AH792" s="137"/>
      <c r="AI792" s="137"/>
      <c r="AJ792" s="137"/>
      <c r="AK792" s="137"/>
      <c r="AL792" s="137"/>
      <c r="AM792" s="137"/>
      <c r="AN792" s="137"/>
      <c r="AO792" s="137"/>
      <c r="AP792" s="137"/>
      <c r="AQ792" s="137"/>
      <c r="AR792" s="137"/>
      <c r="AS792" s="137"/>
      <c r="AT792" s="137"/>
      <c r="AU792" s="137"/>
      <c r="AV792" s="137"/>
      <c r="AW792" s="144"/>
    </row>
    <row r="793" spans="7:49" x14ac:dyDescent="0.2">
      <c r="G793" s="43"/>
      <c r="Z793" s="143"/>
      <c r="AA793" s="137"/>
      <c r="AB793" s="137"/>
      <c r="AC793" s="137"/>
      <c r="AD793" s="137"/>
      <c r="AE793" s="137"/>
      <c r="AF793" s="137"/>
      <c r="AG793" s="137"/>
      <c r="AH793" s="137"/>
      <c r="AI793" s="137"/>
      <c r="AJ793" s="137"/>
      <c r="AK793" s="137"/>
      <c r="AL793" s="137"/>
      <c r="AM793" s="137"/>
      <c r="AN793" s="137"/>
      <c r="AO793" s="137"/>
      <c r="AP793" s="137"/>
      <c r="AQ793" s="137"/>
      <c r="AR793" s="137"/>
      <c r="AS793" s="137"/>
      <c r="AT793" s="137"/>
      <c r="AU793" s="137"/>
      <c r="AV793" s="137"/>
      <c r="AW793" s="144"/>
    </row>
    <row r="794" spans="7:49" x14ac:dyDescent="0.2">
      <c r="G794" s="43"/>
      <c r="Z794" s="143"/>
      <c r="AA794" s="137"/>
      <c r="AB794" s="137"/>
      <c r="AC794" s="137"/>
      <c r="AD794" s="137"/>
      <c r="AE794" s="137"/>
      <c r="AF794" s="137"/>
      <c r="AG794" s="137"/>
      <c r="AH794" s="137"/>
      <c r="AI794" s="137"/>
      <c r="AJ794" s="137"/>
      <c r="AK794" s="137"/>
      <c r="AL794" s="137"/>
      <c r="AM794" s="137"/>
      <c r="AN794" s="137"/>
      <c r="AO794" s="137"/>
      <c r="AP794" s="137"/>
      <c r="AQ794" s="137"/>
      <c r="AR794" s="137"/>
      <c r="AS794" s="137"/>
      <c r="AT794" s="137"/>
      <c r="AU794" s="137"/>
      <c r="AV794" s="137"/>
      <c r="AW794" s="144"/>
    </row>
    <row r="795" spans="7:49" x14ac:dyDescent="0.2">
      <c r="G795" s="43"/>
      <c r="Z795" s="143"/>
      <c r="AA795" s="137"/>
      <c r="AB795" s="137"/>
      <c r="AC795" s="137"/>
      <c r="AD795" s="137"/>
      <c r="AE795" s="137"/>
      <c r="AF795" s="137"/>
      <c r="AG795" s="137"/>
      <c r="AH795" s="137"/>
      <c r="AI795" s="137"/>
      <c r="AJ795" s="137"/>
      <c r="AK795" s="137"/>
      <c r="AL795" s="137"/>
      <c r="AM795" s="137"/>
      <c r="AN795" s="137"/>
      <c r="AO795" s="137"/>
      <c r="AP795" s="137"/>
      <c r="AQ795" s="137"/>
      <c r="AR795" s="137"/>
      <c r="AS795" s="137"/>
      <c r="AT795" s="137"/>
      <c r="AU795" s="137"/>
      <c r="AV795" s="137"/>
      <c r="AW795" s="144"/>
    </row>
    <row r="796" spans="7:49" x14ac:dyDescent="0.2">
      <c r="G796" s="43"/>
      <c r="Z796" s="143"/>
      <c r="AA796" s="137"/>
      <c r="AB796" s="137"/>
      <c r="AC796" s="137"/>
      <c r="AD796" s="137"/>
      <c r="AE796" s="137"/>
      <c r="AF796" s="137"/>
      <c r="AG796" s="137"/>
      <c r="AH796" s="137"/>
      <c r="AI796" s="137"/>
      <c r="AJ796" s="137"/>
      <c r="AK796" s="137"/>
      <c r="AL796" s="137"/>
      <c r="AM796" s="137"/>
      <c r="AN796" s="137"/>
      <c r="AO796" s="137"/>
      <c r="AP796" s="137"/>
      <c r="AQ796" s="137"/>
      <c r="AR796" s="137"/>
      <c r="AS796" s="137"/>
      <c r="AT796" s="137"/>
      <c r="AU796" s="137"/>
      <c r="AV796" s="137"/>
      <c r="AW796" s="144"/>
    </row>
    <row r="797" spans="7:49" x14ac:dyDescent="0.2">
      <c r="G797" s="43"/>
      <c r="Z797" s="143"/>
      <c r="AA797" s="137"/>
      <c r="AB797" s="137"/>
      <c r="AC797" s="137"/>
      <c r="AD797" s="137"/>
      <c r="AE797" s="137"/>
      <c r="AF797" s="137"/>
      <c r="AG797" s="137"/>
      <c r="AH797" s="137"/>
      <c r="AI797" s="137"/>
      <c r="AJ797" s="137"/>
      <c r="AK797" s="137"/>
      <c r="AL797" s="137"/>
      <c r="AM797" s="137"/>
      <c r="AN797" s="137"/>
      <c r="AO797" s="137"/>
      <c r="AP797" s="137"/>
      <c r="AQ797" s="137"/>
      <c r="AR797" s="137"/>
      <c r="AS797" s="137"/>
      <c r="AT797" s="137"/>
      <c r="AU797" s="137"/>
      <c r="AV797" s="137"/>
      <c r="AW797" s="144"/>
    </row>
    <row r="798" spans="7:49" x14ac:dyDescent="0.2">
      <c r="G798" s="43"/>
      <c r="Z798" s="143"/>
      <c r="AA798" s="137"/>
      <c r="AB798" s="137"/>
      <c r="AC798" s="137"/>
      <c r="AD798" s="137"/>
      <c r="AE798" s="137"/>
      <c r="AF798" s="137"/>
      <c r="AG798" s="137"/>
      <c r="AH798" s="137"/>
      <c r="AI798" s="137"/>
      <c r="AJ798" s="137"/>
      <c r="AK798" s="137"/>
      <c r="AL798" s="137"/>
      <c r="AM798" s="137"/>
      <c r="AN798" s="137"/>
      <c r="AO798" s="137"/>
      <c r="AP798" s="137"/>
      <c r="AQ798" s="137"/>
      <c r="AR798" s="137"/>
      <c r="AS798" s="137"/>
      <c r="AT798" s="137"/>
      <c r="AU798" s="137"/>
      <c r="AV798" s="137"/>
      <c r="AW798" s="144"/>
    </row>
    <row r="799" spans="7:49" x14ac:dyDescent="0.2">
      <c r="G799" s="43"/>
      <c r="Z799" s="143"/>
      <c r="AA799" s="137"/>
      <c r="AB799" s="137"/>
      <c r="AC799" s="137"/>
      <c r="AD799" s="137"/>
      <c r="AE799" s="137"/>
      <c r="AF799" s="137"/>
      <c r="AG799" s="137"/>
      <c r="AH799" s="137"/>
      <c r="AI799" s="137"/>
      <c r="AJ799" s="137"/>
      <c r="AK799" s="137"/>
      <c r="AL799" s="137"/>
      <c r="AM799" s="137"/>
      <c r="AN799" s="137"/>
      <c r="AO799" s="137"/>
      <c r="AP799" s="137"/>
      <c r="AQ799" s="137"/>
      <c r="AR799" s="137"/>
      <c r="AS799" s="137"/>
      <c r="AT799" s="137"/>
      <c r="AU799" s="137"/>
      <c r="AV799" s="137"/>
      <c r="AW799" s="144"/>
    </row>
    <row r="800" spans="7:49" x14ac:dyDescent="0.2">
      <c r="G800" s="43"/>
      <c r="Z800" s="143"/>
      <c r="AA800" s="137"/>
      <c r="AB800" s="137"/>
      <c r="AC800" s="137"/>
      <c r="AD800" s="137"/>
      <c r="AE800" s="137"/>
      <c r="AF800" s="137"/>
      <c r="AG800" s="137"/>
      <c r="AH800" s="137"/>
      <c r="AI800" s="137"/>
      <c r="AJ800" s="137"/>
      <c r="AK800" s="137"/>
      <c r="AL800" s="137"/>
      <c r="AM800" s="137"/>
      <c r="AN800" s="137"/>
      <c r="AO800" s="137"/>
      <c r="AP800" s="137"/>
      <c r="AQ800" s="137"/>
      <c r="AR800" s="137"/>
      <c r="AS800" s="137"/>
      <c r="AT800" s="137"/>
      <c r="AU800" s="137"/>
      <c r="AV800" s="137"/>
      <c r="AW800" s="144"/>
    </row>
    <row r="801" spans="7:49" x14ac:dyDescent="0.2">
      <c r="G801" s="43"/>
      <c r="Z801" s="143"/>
      <c r="AA801" s="137"/>
      <c r="AB801" s="137"/>
      <c r="AC801" s="137"/>
      <c r="AD801" s="137"/>
      <c r="AE801" s="137"/>
      <c r="AF801" s="137"/>
      <c r="AG801" s="137"/>
      <c r="AH801" s="137"/>
      <c r="AI801" s="137"/>
      <c r="AJ801" s="137"/>
      <c r="AK801" s="137"/>
      <c r="AL801" s="137"/>
      <c r="AM801" s="137"/>
      <c r="AN801" s="137"/>
      <c r="AO801" s="137"/>
      <c r="AP801" s="137"/>
      <c r="AQ801" s="137"/>
      <c r="AR801" s="137"/>
      <c r="AS801" s="137"/>
      <c r="AT801" s="137"/>
      <c r="AU801" s="137"/>
      <c r="AV801" s="137"/>
      <c r="AW801" s="144"/>
    </row>
    <row r="802" spans="7:49" x14ac:dyDescent="0.2">
      <c r="G802" s="43"/>
      <c r="Z802" s="143"/>
      <c r="AA802" s="137"/>
      <c r="AB802" s="137"/>
      <c r="AC802" s="137"/>
      <c r="AD802" s="137"/>
      <c r="AE802" s="137"/>
      <c r="AF802" s="137"/>
      <c r="AG802" s="137"/>
      <c r="AH802" s="137"/>
      <c r="AI802" s="137"/>
      <c r="AJ802" s="137"/>
      <c r="AK802" s="137"/>
      <c r="AL802" s="137"/>
      <c r="AM802" s="137"/>
      <c r="AN802" s="137"/>
      <c r="AO802" s="137"/>
      <c r="AP802" s="137"/>
      <c r="AQ802" s="137"/>
      <c r="AR802" s="137"/>
      <c r="AS802" s="137"/>
      <c r="AT802" s="137"/>
      <c r="AU802" s="137"/>
      <c r="AV802" s="137"/>
      <c r="AW802" s="144"/>
    </row>
    <row r="803" spans="7:49" x14ac:dyDescent="0.2">
      <c r="G803" s="43"/>
      <c r="Z803" s="143"/>
      <c r="AA803" s="137"/>
      <c r="AB803" s="137"/>
      <c r="AC803" s="137"/>
      <c r="AD803" s="137"/>
      <c r="AE803" s="137"/>
      <c r="AF803" s="137"/>
      <c r="AG803" s="137"/>
      <c r="AH803" s="137"/>
      <c r="AI803" s="137"/>
      <c r="AJ803" s="137"/>
      <c r="AK803" s="137"/>
      <c r="AL803" s="137"/>
      <c r="AM803" s="137"/>
      <c r="AN803" s="137"/>
      <c r="AO803" s="137"/>
      <c r="AP803" s="137"/>
      <c r="AQ803" s="137"/>
      <c r="AR803" s="137"/>
      <c r="AS803" s="137"/>
      <c r="AT803" s="137"/>
      <c r="AU803" s="137"/>
      <c r="AV803" s="137"/>
      <c r="AW803" s="144"/>
    </row>
    <row r="804" spans="7:49" x14ac:dyDescent="0.2">
      <c r="G804" s="43"/>
      <c r="Z804" s="143"/>
      <c r="AA804" s="137"/>
      <c r="AB804" s="137"/>
      <c r="AC804" s="137"/>
      <c r="AD804" s="137"/>
      <c r="AE804" s="137"/>
      <c r="AF804" s="137"/>
      <c r="AG804" s="137"/>
      <c r="AH804" s="137"/>
      <c r="AI804" s="137"/>
      <c r="AJ804" s="137"/>
      <c r="AK804" s="137"/>
      <c r="AL804" s="137"/>
      <c r="AM804" s="137"/>
      <c r="AN804" s="137"/>
      <c r="AO804" s="137"/>
      <c r="AP804" s="137"/>
      <c r="AQ804" s="137"/>
      <c r="AR804" s="137"/>
      <c r="AS804" s="137"/>
      <c r="AT804" s="137"/>
      <c r="AU804" s="137"/>
      <c r="AV804" s="137"/>
      <c r="AW804" s="144"/>
    </row>
    <row r="805" spans="7:49" x14ac:dyDescent="0.2">
      <c r="G805" s="43"/>
      <c r="Z805" s="143"/>
      <c r="AA805" s="137"/>
      <c r="AB805" s="137"/>
      <c r="AC805" s="137"/>
      <c r="AD805" s="137"/>
      <c r="AE805" s="137"/>
      <c r="AF805" s="137"/>
      <c r="AG805" s="137"/>
      <c r="AH805" s="137"/>
      <c r="AI805" s="137"/>
      <c r="AJ805" s="137"/>
      <c r="AK805" s="137"/>
      <c r="AL805" s="137"/>
      <c r="AM805" s="137"/>
      <c r="AN805" s="137"/>
      <c r="AO805" s="137"/>
      <c r="AP805" s="137"/>
      <c r="AQ805" s="137"/>
      <c r="AR805" s="137"/>
      <c r="AS805" s="137"/>
      <c r="AT805" s="137"/>
      <c r="AU805" s="137"/>
      <c r="AV805" s="137"/>
      <c r="AW805" s="144"/>
    </row>
    <row r="806" spans="7:49" x14ac:dyDescent="0.2">
      <c r="G806" s="43"/>
      <c r="Z806" s="143"/>
      <c r="AA806" s="137"/>
      <c r="AB806" s="137"/>
      <c r="AC806" s="137"/>
      <c r="AD806" s="137"/>
      <c r="AE806" s="137"/>
      <c r="AF806" s="137"/>
      <c r="AG806" s="137"/>
      <c r="AH806" s="137"/>
      <c r="AI806" s="137"/>
      <c r="AJ806" s="137"/>
      <c r="AK806" s="137"/>
      <c r="AL806" s="137"/>
      <c r="AM806" s="137"/>
      <c r="AN806" s="137"/>
      <c r="AO806" s="137"/>
      <c r="AP806" s="137"/>
      <c r="AQ806" s="137"/>
      <c r="AR806" s="137"/>
      <c r="AS806" s="137"/>
      <c r="AT806" s="137"/>
      <c r="AU806" s="137"/>
      <c r="AV806" s="137"/>
      <c r="AW806" s="144"/>
    </row>
    <row r="807" spans="7:49" x14ac:dyDescent="0.2">
      <c r="G807" s="43"/>
      <c r="Z807" s="143"/>
      <c r="AA807" s="137"/>
      <c r="AB807" s="137"/>
      <c r="AC807" s="137"/>
      <c r="AD807" s="137"/>
      <c r="AE807" s="137"/>
      <c r="AF807" s="137"/>
      <c r="AG807" s="137"/>
      <c r="AH807" s="137"/>
      <c r="AI807" s="137"/>
      <c r="AJ807" s="137"/>
      <c r="AK807" s="137"/>
      <c r="AL807" s="137"/>
      <c r="AM807" s="137"/>
      <c r="AN807" s="137"/>
      <c r="AO807" s="137"/>
      <c r="AP807" s="137"/>
      <c r="AQ807" s="137"/>
      <c r="AR807" s="137"/>
      <c r="AS807" s="137"/>
      <c r="AT807" s="137"/>
      <c r="AU807" s="137"/>
      <c r="AV807" s="137"/>
      <c r="AW807" s="144"/>
    </row>
    <row r="808" spans="7:49" x14ac:dyDescent="0.2">
      <c r="G808" s="43"/>
      <c r="Z808" s="143"/>
      <c r="AA808" s="137"/>
      <c r="AB808" s="137"/>
      <c r="AC808" s="137"/>
      <c r="AD808" s="137"/>
      <c r="AE808" s="137"/>
      <c r="AF808" s="137"/>
      <c r="AG808" s="137"/>
      <c r="AH808" s="137"/>
      <c r="AI808" s="137"/>
      <c r="AJ808" s="137"/>
      <c r="AK808" s="137"/>
      <c r="AL808" s="137"/>
      <c r="AM808" s="137"/>
      <c r="AN808" s="137"/>
      <c r="AO808" s="137"/>
      <c r="AP808" s="137"/>
      <c r="AQ808" s="137"/>
      <c r="AR808" s="137"/>
      <c r="AS808" s="137"/>
      <c r="AT808" s="137"/>
      <c r="AU808" s="137"/>
      <c r="AV808" s="137"/>
      <c r="AW808" s="144"/>
    </row>
    <row r="809" spans="7:49" x14ac:dyDescent="0.2">
      <c r="G809" s="43"/>
      <c r="Z809" s="143"/>
      <c r="AA809" s="137"/>
      <c r="AB809" s="137"/>
      <c r="AC809" s="137"/>
      <c r="AD809" s="137"/>
      <c r="AE809" s="137"/>
      <c r="AF809" s="137"/>
      <c r="AG809" s="137"/>
      <c r="AH809" s="137"/>
      <c r="AI809" s="137"/>
      <c r="AJ809" s="137"/>
      <c r="AK809" s="137"/>
      <c r="AL809" s="137"/>
      <c r="AM809" s="137"/>
      <c r="AN809" s="137"/>
      <c r="AO809" s="137"/>
      <c r="AP809" s="137"/>
      <c r="AQ809" s="137"/>
      <c r="AR809" s="137"/>
      <c r="AS809" s="137"/>
      <c r="AT809" s="137"/>
      <c r="AU809" s="137"/>
      <c r="AV809" s="137"/>
      <c r="AW809" s="144"/>
    </row>
    <row r="810" spans="7:49" x14ac:dyDescent="0.2">
      <c r="G810" s="43"/>
      <c r="Z810" s="143"/>
      <c r="AA810" s="137"/>
      <c r="AB810" s="137"/>
      <c r="AC810" s="137"/>
      <c r="AD810" s="137"/>
      <c r="AE810" s="137"/>
      <c r="AF810" s="137"/>
      <c r="AG810" s="137"/>
      <c r="AH810" s="137"/>
      <c r="AI810" s="137"/>
      <c r="AJ810" s="137"/>
      <c r="AK810" s="137"/>
      <c r="AL810" s="137"/>
      <c r="AM810" s="137"/>
      <c r="AN810" s="137"/>
      <c r="AO810" s="137"/>
      <c r="AP810" s="137"/>
      <c r="AQ810" s="137"/>
      <c r="AR810" s="137"/>
      <c r="AS810" s="137"/>
      <c r="AT810" s="137"/>
      <c r="AU810" s="137"/>
      <c r="AV810" s="137"/>
      <c r="AW810" s="144"/>
    </row>
    <row r="811" spans="7:49" x14ac:dyDescent="0.2">
      <c r="G811" s="43"/>
      <c r="Z811" s="143"/>
      <c r="AA811" s="137"/>
      <c r="AB811" s="137"/>
      <c r="AC811" s="137"/>
      <c r="AD811" s="137"/>
      <c r="AE811" s="137"/>
      <c r="AF811" s="137"/>
      <c r="AG811" s="137"/>
      <c r="AH811" s="137"/>
      <c r="AI811" s="137"/>
      <c r="AJ811" s="137"/>
      <c r="AK811" s="137"/>
      <c r="AL811" s="137"/>
      <c r="AM811" s="137"/>
      <c r="AN811" s="137"/>
      <c r="AO811" s="137"/>
      <c r="AP811" s="137"/>
      <c r="AQ811" s="137"/>
      <c r="AR811" s="137"/>
      <c r="AS811" s="137"/>
      <c r="AT811" s="137"/>
      <c r="AU811" s="137"/>
      <c r="AV811" s="137"/>
      <c r="AW811" s="144"/>
    </row>
    <row r="812" spans="7:49" x14ac:dyDescent="0.2">
      <c r="G812" s="43"/>
      <c r="Z812" s="143"/>
      <c r="AA812" s="137"/>
      <c r="AB812" s="137"/>
      <c r="AC812" s="137"/>
      <c r="AD812" s="137"/>
      <c r="AE812" s="137"/>
      <c r="AF812" s="137"/>
      <c r="AG812" s="137"/>
      <c r="AH812" s="137"/>
      <c r="AI812" s="137"/>
      <c r="AJ812" s="137"/>
      <c r="AK812" s="137"/>
      <c r="AL812" s="137"/>
      <c r="AM812" s="137"/>
      <c r="AN812" s="137"/>
      <c r="AO812" s="137"/>
      <c r="AP812" s="137"/>
      <c r="AQ812" s="137"/>
      <c r="AR812" s="137"/>
      <c r="AS812" s="137"/>
      <c r="AT812" s="137"/>
      <c r="AU812" s="137"/>
      <c r="AV812" s="137"/>
      <c r="AW812" s="144"/>
    </row>
    <row r="813" spans="7:49" x14ac:dyDescent="0.2">
      <c r="G813" s="43"/>
      <c r="Z813" s="143"/>
      <c r="AA813" s="137"/>
      <c r="AB813" s="137"/>
      <c r="AC813" s="137"/>
      <c r="AD813" s="137"/>
      <c r="AE813" s="137"/>
      <c r="AF813" s="137"/>
      <c r="AG813" s="137"/>
      <c r="AH813" s="137"/>
      <c r="AI813" s="137"/>
      <c r="AJ813" s="137"/>
      <c r="AK813" s="137"/>
      <c r="AL813" s="137"/>
      <c r="AM813" s="137"/>
      <c r="AN813" s="137"/>
      <c r="AO813" s="137"/>
      <c r="AP813" s="137"/>
      <c r="AQ813" s="137"/>
      <c r="AR813" s="137"/>
      <c r="AS813" s="137"/>
      <c r="AT813" s="137"/>
      <c r="AU813" s="137"/>
      <c r="AV813" s="137"/>
      <c r="AW813" s="144"/>
    </row>
    <row r="814" spans="7:49" x14ac:dyDescent="0.2">
      <c r="G814" s="43"/>
      <c r="Z814" s="143"/>
      <c r="AA814" s="137"/>
      <c r="AB814" s="137"/>
      <c r="AC814" s="137"/>
      <c r="AD814" s="137"/>
      <c r="AE814" s="137"/>
      <c r="AF814" s="137"/>
      <c r="AG814" s="137"/>
      <c r="AH814" s="137"/>
      <c r="AI814" s="137"/>
      <c r="AJ814" s="137"/>
      <c r="AK814" s="137"/>
      <c r="AL814" s="137"/>
      <c r="AM814" s="137"/>
      <c r="AN814" s="137"/>
      <c r="AO814" s="137"/>
      <c r="AP814" s="137"/>
      <c r="AQ814" s="137"/>
      <c r="AR814" s="137"/>
      <c r="AS814" s="137"/>
      <c r="AT814" s="137"/>
      <c r="AU814" s="137"/>
      <c r="AV814" s="137"/>
      <c r="AW814" s="144"/>
    </row>
    <row r="815" spans="7:49" x14ac:dyDescent="0.2">
      <c r="G815" s="43"/>
      <c r="Z815" s="143"/>
      <c r="AA815" s="137"/>
      <c r="AB815" s="137"/>
      <c r="AC815" s="137"/>
      <c r="AD815" s="137"/>
      <c r="AE815" s="137"/>
      <c r="AF815" s="137"/>
      <c r="AG815" s="137"/>
      <c r="AH815" s="137"/>
      <c r="AI815" s="137"/>
      <c r="AJ815" s="137"/>
      <c r="AK815" s="137"/>
      <c r="AL815" s="137"/>
      <c r="AM815" s="137"/>
      <c r="AN815" s="137"/>
      <c r="AO815" s="137"/>
      <c r="AP815" s="137"/>
      <c r="AQ815" s="137"/>
      <c r="AR815" s="137"/>
      <c r="AS815" s="137"/>
      <c r="AT815" s="137"/>
      <c r="AU815" s="137"/>
      <c r="AV815" s="137"/>
      <c r="AW815" s="144"/>
    </row>
    <row r="816" spans="7:49" x14ac:dyDescent="0.2">
      <c r="G816" s="43"/>
      <c r="Z816" s="143"/>
      <c r="AA816" s="137"/>
      <c r="AB816" s="137"/>
      <c r="AC816" s="137"/>
      <c r="AD816" s="137"/>
      <c r="AE816" s="137"/>
      <c r="AF816" s="137"/>
      <c r="AG816" s="137"/>
      <c r="AH816" s="137"/>
      <c r="AI816" s="137"/>
      <c r="AJ816" s="137"/>
      <c r="AK816" s="137"/>
      <c r="AL816" s="137"/>
      <c r="AM816" s="137"/>
      <c r="AN816" s="137"/>
      <c r="AO816" s="137"/>
      <c r="AP816" s="137"/>
      <c r="AQ816" s="137"/>
      <c r="AR816" s="137"/>
      <c r="AS816" s="137"/>
      <c r="AT816" s="137"/>
      <c r="AU816" s="137"/>
      <c r="AV816" s="137"/>
      <c r="AW816" s="144"/>
    </row>
    <row r="817" spans="7:49" x14ac:dyDescent="0.2">
      <c r="G817" s="43"/>
      <c r="Z817" s="143"/>
      <c r="AA817" s="137"/>
      <c r="AB817" s="137"/>
      <c r="AC817" s="137"/>
      <c r="AD817" s="137"/>
      <c r="AE817" s="137"/>
      <c r="AF817" s="137"/>
      <c r="AG817" s="137"/>
      <c r="AH817" s="137"/>
      <c r="AI817" s="137"/>
      <c r="AJ817" s="137"/>
      <c r="AK817" s="137"/>
      <c r="AL817" s="137"/>
      <c r="AM817" s="137"/>
      <c r="AN817" s="137"/>
      <c r="AO817" s="137"/>
      <c r="AP817" s="137"/>
      <c r="AQ817" s="137"/>
      <c r="AR817" s="137"/>
      <c r="AS817" s="137"/>
      <c r="AT817" s="137"/>
      <c r="AU817" s="137"/>
      <c r="AV817" s="137"/>
      <c r="AW817" s="144"/>
    </row>
    <row r="818" spans="7:49" x14ac:dyDescent="0.2">
      <c r="G818" s="43"/>
      <c r="Z818" s="143"/>
      <c r="AA818" s="137"/>
      <c r="AB818" s="137"/>
      <c r="AC818" s="137"/>
      <c r="AD818" s="137"/>
      <c r="AE818" s="137"/>
      <c r="AF818" s="137"/>
      <c r="AG818" s="137"/>
      <c r="AH818" s="137"/>
      <c r="AI818" s="137"/>
      <c r="AJ818" s="137"/>
      <c r="AK818" s="137"/>
      <c r="AL818" s="137"/>
      <c r="AM818" s="137"/>
      <c r="AN818" s="137"/>
      <c r="AO818" s="137"/>
      <c r="AP818" s="137"/>
      <c r="AQ818" s="137"/>
      <c r="AR818" s="137"/>
      <c r="AS818" s="137"/>
      <c r="AT818" s="137"/>
      <c r="AU818" s="137"/>
      <c r="AV818" s="137"/>
      <c r="AW818" s="144"/>
    </row>
    <row r="819" spans="7:49" x14ac:dyDescent="0.2">
      <c r="G819" s="43"/>
      <c r="Z819" s="143"/>
      <c r="AA819" s="137"/>
      <c r="AB819" s="137"/>
      <c r="AC819" s="137"/>
      <c r="AD819" s="137"/>
      <c r="AE819" s="137"/>
      <c r="AF819" s="137"/>
      <c r="AG819" s="137"/>
      <c r="AH819" s="137"/>
      <c r="AI819" s="137"/>
      <c r="AJ819" s="137"/>
      <c r="AK819" s="137"/>
      <c r="AL819" s="137"/>
      <c r="AM819" s="137"/>
      <c r="AN819" s="137"/>
      <c r="AO819" s="137"/>
      <c r="AP819" s="137"/>
      <c r="AQ819" s="137"/>
      <c r="AR819" s="137"/>
      <c r="AS819" s="137"/>
      <c r="AT819" s="137"/>
      <c r="AU819" s="137"/>
      <c r="AV819" s="137"/>
      <c r="AW819" s="144"/>
    </row>
    <row r="820" spans="7:49" x14ac:dyDescent="0.2">
      <c r="G820" s="43"/>
      <c r="Z820" s="143"/>
      <c r="AA820" s="137"/>
      <c r="AB820" s="137"/>
      <c r="AC820" s="137"/>
      <c r="AD820" s="137"/>
      <c r="AE820" s="137"/>
      <c r="AF820" s="137"/>
      <c r="AG820" s="137"/>
      <c r="AH820" s="137"/>
      <c r="AI820" s="137"/>
      <c r="AJ820" s="137"/>
      <c r="AK820" s="137"/>
      <c r="AL820" s="137"/>
      <c r="AM820" s="137"/>
      <c r="AN820" s="137"/>
      <c r="AO820" s="137"/>
      <c r="AP820" s="137"/>
      <c r="AQ820" s="137"/>
      <c r="AR820" s="137"/>
      <c r="AS820" s="137"/>
      <c r="AT820" s="137"/>
      <c r="AU820" s="137"/>
      <c r="AV820" s="137"/>
      <c r="AW820" s="144"/>
    </row>
    <row r="821" spans="7:49" x14ac:dyDescent="0.2">
      <c r="G821" s="43"/>
      <c r="Z821" s="143"/>
      <c r="AA821" s="137"/>
      <c r="AB821" s="137"/>
      <c r="AC821" s="137"/>
      <c r="AD821" s="137"/>
      <c r="AE821" s="137"/>
      <c r="AF821" s="137"/>
      <c r="AG821" s="137"/>
      <c r="AH821" s="137"/>
      <c r="AI821" s="137"/>
      <c r="AJ821" s="137"/>
      <c r="AK821" s="137"/>
      <c r="AL821" s="137"/>
      <c r="AM821" s="137"/>
      <c r="AN821" s="137"/>
      <c r="AO821" s="137"/>
      <c r="AP821" s="137"/>
      <c r="AQ821" s="137"/>
      <c r="AR821" s="137"/>
      <c r="AS821" s="137"/>
      <c r="AT821" s="137"/>
      <c r="AU821" s="137"/>
      <c r="AV821" s="137"/>
      <c r="AW821" s="144"/>
    </row>
    <row r="822" spans="7:49" x14ac:dyDescent="0.2">
      <c r="G822" s="43"/>
      <c r="Z822" s="143"/>
      <c r="AA822" s="137"/>
      <c r="AB822" s="137"/>
      <c r="AC822" s="137"/>
      <c r="AD822" s="137"/>
      <c r="AE822" s="137"/>
      <c r="AF822" s="137"/>
      <c r="AG822" s="137"/>
      <c r="AH822" s="137"/>
      <c r="AI822" s="137"/>
      <c r="AJ822" s="137"/>
      <c r="AK822" s="137"/>
      <c r="AL822" s="137"/>
      <c r="AM822" s="137"/>
      <c r="AN822" s="137"/>
      <c r="AO822" s="137"/>
      <c r="AP822" s="137"/>
      <c r="AQ822" s="137"/>
      <c r="AR822" s="137"/>
      <c r="AS822" s="137"/>
      <c r="AT822" s="137"/>
      <c r="AU822" s="137"/>
      <c r="AV822" s="137"/>
      <c r="AW822" s="144"/>
    </row>
    <row r="823" spans="7:49" x14ac:dyDescent="0.2">
      <c r="G823" s="43"/>
      <c r="Z823" s="143"/>
      <c r="AA823" s="137"/>
      <c r="AB823" s="137"/>
      <c r="AC823" s="137"/>
      <c r="AD823" s="137"/>
      <c r="AE823" s="137"/>
      <c r="AF823" s="137"/>
      <c r="AG823" s="137"/>
      <c r="AH823" s="137"/>
      <c r="AI823" s="137"/>
      <c r="AJ823" s="137"/>
      <c r="AK823" s="137"/>
      <c r="AL823" s="137"/>
      <c r="AM823" s="137"/>
      <c r="AN823" s="137"/>
      <c r="AO823" s="137"/>
      <c r="AP823" s="137"/>
      <c r="AQ823" s="137"/>
      <c r="AR823" s="137"/>
      <c r="AS823" s="137"/>
      <c r="AT823" s="137"/>
      <c r="AU823" s="137"/>
      <c r="AV823" s="137"/>
      <c r="AW823" s="144"/>
    </row>
    <row r="824" spans="7:49" x14ac:dyDescent="0.2">
      <c r="G824" s="43"/>
      <c r="Z824" s="143"/>
      <c r="AA824" s="137"/>
      <c r="AB824" s="137"/>
      <c r="AC824" s="137"/>
      <c r="AD824" s="137"/>
      <c r="AE824" s="137"/>
      <c r="AF824" s="137"/>
      <c r="AG824" s="137"/>
      <c r="AH824" s="137"/>
      <c r="AI824" s="137"/>
      <c r="AJ824" s="137"/>
      <c r="AK824" s="137"/>
      <c r="AL824" s="137"/>
      <c r="AM824" s="137"/>
      <c r="AN824" s="137"/>
      <c r="AO824" s="137"/>
      <c r="AP824" s="137"/>
      <c r="AQ824" s="137"/>
      <c r="AR824" s="137"/>
      <c r="AS824" s="137"/>
      <c r="AT824" s="137"/>
      <c r="AU824" s="137"/>
      <c r="AV824" s="137"/>
      <c r="AW824" s="144"/>
    </row>
    <row r="825" spans="7:49" x14ac:dyDescent="0.2">
      <c r="G825" s="43"/>
      <c r="Z825" s="143"/>
      <c r="AA825" s="137"/>
      <c r="AB825" s="137"/>
      <c r="AC825" s="137"/>
      <c r="AD825" s="137"/>
      <c r="AE825" s="137"/>
      <c r="AF825" s="137"/>
      <c r="AG825" s="137"/>
      <c r="AH825" s="137"/>
      <c r="AI825" s="137"/>
      <c r="AJ825" s="137"/>
      <c r="AK825" s="137"/>
      <c r="AL825" s="137"/>
      <c r="AM825" s="137"/>
      <c r="AN825" s="137"/>
      <c r="AO825" s="137"/>
      <c r="AP825" s="137"/>
      <c r="AQ825" s="137"/>
      <c r="AR825" s="137"/>
      <c r="AS825" s="137"/>
      <c r="AT825" s="137"/>
      <c r="AU825" s="137"/>
      <c r="AV825" s="137"/>
      <c r="AW825" s="144"/>
    </row>
    <row r="826" spans="7:49" x14ac:dyDescent="0.2">
      <c r="G826" s="43"/>
      <c r="Z826" s="143"/>
      <c r="AA826" s="137"/>
      <c r="AB826" s="137"/>
      <c r="AC826" s="137"/>
      <c r="AD826" s="137"/>
      <c r="AE826" s="137"/>
      <c r="AF826" s="137"/>
      <c r="AG826" s="137"/>
      <c r="AH826" s="137"/>
      <c r="AI826" s="137"/>
      <c r="AJ826" s="137"/>
      <c r="AK826" s="137"/>
      <c r="AL826" s="137"/>
      <c r="AM826" s="137"/>
      <c r="AN826" s="137"/>
      <c r="AO826" s="137"/>
      <c r="AP826" s="137"/>
      <c r="AQ826" s="137"/>
      <c r="AR826" s="137"/>
      <c r="AS826" s="137"/>
      <c r="AT826" s="137"/>
      <c r="AU826" s="137"/>
      <c r="AV826" s="137"/>
      <c r="AW826" s="144"/>
    </row>
    <row r="827" spans="7:49" x14ac:dyDescent="0.2">
      <c r="G827" s="43"/>
      <c r="Z827" s="143"/>
      <c r="AA827" s="137"/>
      <c r="AB827" s="137"/>
      <c r="AC827" s="137"/>
      <c r="AD827" s="137"/>
      <c r="AE827" s="137"/>
      <c r="AF827" s="137"/>
      <c r="AG827" s="137"/>
      <c r="AH827" s="137"/>
      <c r="AI827" s="137"/>
      <c r="AJ827" s="137"/>
      <c r="AK827" s="137"/>
      <c r="AL827" s="137"/>
      <c r="AM827" s="137"/>
      <c r="AN827" s="137"/>
      <c r="AO827" s="137"/>
      <c r="AP827" s="137"/>
      <c r="AQ827" s="137"/>
      <c r="AR827" s="137"/>
      <c r="AS827" s="137"/>
      <c r="AT827" s="137"/>
      <c r="AU827" s="137"/>
      <c r="AV827" s="137"/>
      <c r="AW827" s="144"/>
    </row>
    <row r="828" spans="7:49" x14ac:dyDescent="0.2">
      <c r="G828" s="43"/>
      <c r="Z828" s="143"/>
      <c r="AA828" s="137"/>
      <c r="AB828" s="137"/>
      <c r="AC828" s="137"/>
      <c r="AD828" s="137"/>
      <c r="AE828" s="137"/>
      <c r="AF828" s="137"/>
      <c r="AG828" s="137"/>
      <c r="AH828" s="137"/>
      <c r="AI828" s="137"/>
      <c r="AJ828" s="137"/>
      <c r="AK828" s="137"/>
      <c r="AL828" s="137"/>
      <c r="AM828" s="137"/>
      <c r="AN828" s="137"/>
      <c r="AO828" s="137"/>
      <c r="AP828" s="137"/>
      <c r="AQ828" s="137"/>
      <c r="AR828" s="137"/>
      <c r="AS828" s="137"/>
      <c r="AT828" s="137"/>
      <c r="AU828" s="137"/>
      <c r="AV828" s="137"/>
      <c r="AW828" s="144"/>
    </row>
    <row r="829" spans="7:49" x14ac:dyDescent="0.2">
      <c r="G829" s="43"/>
      <c r="Z829" s="143"/>
      <c r="AA829" s="137"/>
      <c r="AB829" s="137"/>
      <c r="AC829" s="137"/>
      <c r="AD829" s="137"/>
      <c r="AE829" s="137"/>
      <c r="AF829" s="137"/>
      <c r="AG829" s="137"/>
      <c r="AH829" s="137"/>
      <c r="AI829" s="137"/>
      <c r="AJ829" s="137"/>
      <c r="AK829" s="137"/>
      <c r="AL829" s="137"/>
      <c r="AM829" s="137"/>
      <c r="AN829" s="137"/>
      <c r="AO829" s="137"/>
      <c r="AP829" s="137"/>
      <c r="AQ829" s="137"/>
      <c r="AR829" s="137"/>
      <c r="AS829" s="137"/>
      <c r="AT829" s="137"/>
      <c r="AU829" s="137"/>
      <c r="AV829" s="137"/>
      <c r="AW829" s="144"/>
    </row>
    <row r="830" spans="7:49" x14ac:dyDescent="0.2">
      <c r="G830" s="43"/>
      <c r="Z830" s="143"/>
      <c r="AA830" s="137"/>
      <c r="AB830" s="137"/>
      <c r="AC830" s="137"/>
      <c r="AD830" s="137"/>
      <c r="AE830" s="137"/>
      <c r="AF830" s="137"/>
      <c r="AG830" s="137"/>
      <c r="AH830" s="137"/>
      <c r="AI830" s="137"/>
      <c r="AJ830" s="137"/>
      <c r="AK830" s="137"/>
      <c r="AL830" s="137"/>
      <c r="AM830" s="137"/>
      <c r="AN830" s="137"/>
      <c r="AO830" s="137"/>
      <c r="AP830" s="137"/>
      <c r="AQ830" s="137"/>
      <c r="AR830" s="137"/>
      <c r="AS830" s="137"/>
      <c r="AT830" s="137"/>
      <c r="AU830" s="137"/>
      <c r="AV830" s="137"/>
      <c r="AW830" s="144"/>
    </row>
    <row r="831" spans="7:49" x14ac:dyDescent="0.2">
      <c r="G831" s="43"/>
      <c r="Z831" s="143"/>
      <c r="AA831" s="137"/>
      <c r="AB831" s="137"/>
      <c r="AC831" s="137"/>
      <c r="AD831" s="137"/>
      <c r="AE831" s="137"/>
      <c r="AF831" s="137"/>
      <c r="AG831" s="137"/>
      <c r="AH831" s="137"/>
      <c r="AI831" s="137"/>
      <c r="AJ831" s="137"/>
      <c r="AK831" s="137"/>
      <c r="AL831" s="137"/>
      <c r="AM831" s="137"/>
      <c r="AN831" s="137"/>
      <c r="AO831" s="137"/>
      <c r="AP831" s="137"/>
      <c r="AQ831" s="137"/>
      <c r="AR831" s="137"/>
      <c r="AS831" s="137"/>
      <c r="AT831" s="137"/>
      <c r="AU831" s="137"/>
      <c r="AV831" s="137"/>
      <c r="AW831" s="144"/>
    </row>
    <row r="832" spans="7:49" x14ac:dyDescent="0.2">
      <c r="G832" s="43"/>
      <c r="Z832" s="143"/>
      <c r="AA832" s="137"/>
      <c r="AB832" s="137"/>
      <c r="AC832" s="137"/>
      <c r="AD832" s="137"/>
      <c r="AE832" s="137"/>
      <c r="AF832" s="137"/>
      <c r="AG832" s="137"/>
      <c r="AH832" s="137"/>
      <c r="AI832" s="137"/>
      <c r="AJ832" s="137"/>
      <c r="AK832" s="137"/>
      <c r="AL832" s="137"/>
      <c r="AM832" s="137"/>
      <c r="AN832" s="137"/>
      <c r="AO832" s="137"/>
      <c r="AP832" s="137"/>
      <c r="AQ832" s="137"/>
      <c r="AR832" s="137"/>
      <c r="AS832" s="137"/>
      <c r="AT832" s="137"/>
      <c r="AU832" s="137"/>
      <c r="AV832" s="137"/>
      <c r="AW832" s="144"/>
    </row>
    <row r="833" spans="7:49" x14ac:dyDescent="0.2">
      <c r="G833" s="43"/>
      <c r="Z833" s="143"/>
      <c r="AA833" s="137"/>
      <c r="AB833" s="137"/>
      <c r="AC833" s="137"/>
      <c r="AD833" s="137"/>
      <c r="AE833" s="137"/>
      <c r="AF833" s="137"/>
      <c r="AG833" s="137"/>
      <c r="AH833" s="137"/>
      <c r="AI833" s="137"/>
      <c r="AJ833" s="137"/>
      <c r="AK833" s="137"/>
      <c r="AL833" s="137"/>
      <c r="AM833" s="137"/>
      <c r="AN833" s="137"/>
      <c r="AO833" s="137"/>
      <c r="AP833" s="137"/>
      <c r="AQ833" s="137"/>
      <c r="AR833" s="137"/>
      <c r="AS833" s="137"/>
      <c r="AT833" s="137"/>
      <c r="AU833" s="137"/>
      <c r="AV833" s="137"/>
      <c r="AW833" s="144"/>
    </row>
    <row r="834" spans="7:49" x14ac:dyDescent="0.2">
      <c r="G834" s="43"/>
      <c r="Z834" s="143"/>
      <c r="AA834" s="137"/>
      <c r="AB834" s="137"/>
      <c r="AC834" s="137"/>
      <c r="AD834" s="137"/>
      <c r="AE834" s="137"/>
      <c r="AF834" s="137"/>
      <c r="AG834" s="137"/>
      <c r="AH834" s="137"/>
      <c r="AI834" s="137"/>
      <c r="AJ834" s="137"/>
      <c r="AK834" s="137"/>
      <c r="AL834" s="137"/>
      <c r="AM834" s="137"/>
      <c r="AN834" s="137"/>
      <c r="AO834" s="137"/>
      <c r="AP834" s="137"/>
      <c r="AQ834" s="137"/>
      <c r="AR834" s="137"/>
      <c r="AS834" s="137"/>
      <c r="AT834" s="137"/>
      <c r="AU834" s="137"/>
      <c r="AV834" s="137"/>
      <c r="AW834" s="144"/>
    </row>
    <row r="835" spans="7:49" x14ac:dyDescent="0.2">
      <c r="G835" s="43"/>
      <c r="Z835" s="143"/>
      <c r="AA835" s="137"/>
      <c r="AB835" s="137"/>
      <c r="AC835" s="137"/>
      <c r="AD835" s="137"/>
      <c r="AE835" s="137"/>
      <c r="AF835" s="137"/>
      <c r="AG835" s="137"/>
      <c r="AH835" s="137"/>
      <c r="AI835" s="137"/>
      <c r="AJ835" s="137"/>
      <c r="AK835" s="137"/>
      <c r="AL835" s="137"/>
      <c r="AM835" s="137"/>
      <c r="AN835" s="137"/>
      <c r="AO835" s="137"/>
      <c r="AP835" s="137"/>
      <c r="AQ835" s="137"/>
      <c r="AR835" s="137"/>
      <c r="AS835" s="137"/>
      <c r="AT835" s="137"/>
      <c r="AU835" s="137"/>
      <c r="AV835" s="137"/>
      <c r="AW835" s="144"/>
    </row>
    <row r="836" spans="7:49" x14ac:dyDescent="0.2">
      <c r="G836" s="43"/>
      <c r="Z836" s="143"/>
      <c r="AA836" s="137"/>
      <c r="AB836" s="137"/>
      <c r="AC836" s="137"/>
      <c r="AD836" s="137"/>
      <c r="AE836" s="137"/>
      <c r="AF836" s="137"/>
      <c r="AG836" s="137"/>
      <c r="AH836" s="137"/>
      <c r="AI836" s="137"/>
      <c r="AJ836" s="137"/>
      <c r="AK836" s="137"/>
      <c r="AL836" s="137"/>
      <c r="AM836" s="137"/>
      <c r="AN836" s="137"/>
      <c r="AO836" s="137"/>
      <c r="AP836" s="137"/>
      <c r="AQ836" s="137"/>
      <c r="AR836" s="137"/>
      <c r="AS836" s="137"/>
      <c r="AT836" s="137"/>
      <c r="AU836" s="137"/>
      <c r="AV836" s="137"/>
      <c r="AW836" s="144"/>
    </row>
    <row r="837" spans="7:49" x14ac:dyDescent="0.2">
      <c r="G837" s="43"/>
      <c r="Z837" s="143"/>
      <c r="AA837" s="137"/>
      <c r="AB837" s="137"/>
      <c r="AC837" s="137"/>
      <c r="AD837" s="137"/>
      <c r="AE837" s="137"/>
      <c r="AF837" s="137"/>
      <c r="AG837" s="137"/>
      <c r="AH837" s="137"/>
      <c r="AI837" s="137"/>
      <c r="AJ837" s="137"/>
      <c r="AK837" s="137"/>
      <c r="AL837" s="137"/>
      <c r="AM837" s="137"/>
      <c r="AN837" s="137"/>
      <c r="AO837" s="137"/>
      <c r="AP837" s="137"/>
      <c r="AQ837" s="137"/>
      <c r="AR837" s="137"/>
      <c r="AS837" s="137"/>
      <c r="AT837" s="137"/>
      <c r="AU837" s="137"/>
      <c r="AV837" s="137"/>
      <c r="AW837" s="144"/>
    </row>
    <row r="838" spans="7:49" x14ac:dyDescent="0.2">
      <c r="G838" s="43"/>
      <c r="Z838" s="143"/>
      <c r="AA838" s="137"/>
      <c r="AB838" s="137"/>
      <c r="AC838" s="137"/>
      <c r="AD838" s="137"/>
      <c r="AE838" s="137"/>
      <c r="AF838" s="137"/>
      <c r="AG838" s="137"/>
      <c r="AH838" s="137"/>
      <c r="AI838" s="137"/>
      <c r="AJ838" s="137"/>
      <c r="AK838" s="137"/>
      <c r="AL838" s="137"/>
      <c r="AM838" s="137"/>
      <c r="AN838" s="137"/>
      <c r="AO838" s="137"/>
      <c r="AP838" s="137"/>
      <c r="AQ838" s="137"/>
      <c r="AR838" s="137"/>
      <c r="AS838" s="137"/>
      <c r="AT838" s="137"/>
      <c r="AU838" s="137"/>
      <c r="AV838" s="137"/>
      <c r="AW838" s="144"/>
    </row>
    <row r="839" spans="7:49" x14ac:dyDescent="0.2">
      <c r="G839" s="43"/>
      <c r="Z839" s="143"/>
      <c r="AA839" s="137"/>
      <c r="AB839" s="137"/>
      <c r="AC839" s="137"/>
      <c r="AD839" s="137"/>
      <c r="AE839" s="137"/>
      <c r="AF839" s="137"/>
      <c r="AG839" s="137"/>
      <c r="AH839" s="137"/>
      <c r="AI839" s="137"/>
      <c r="AJ839" s="137"/>
      <c r="AK839" s="137"/>
      <c r="AL839" s="137"/>
      <c r="AM839" s="137"/>
      <c r="AN839" s="137"/>
      <c r="AO839" s="137"/>
      <c r="AP839" s="137"/>
      <c r="AQ839" s="137"/>
      <c r="AR839" s="137"/>
      <c r="AS839" s="137"/>
      <c r="AT839" s="137"/>
      <c r="AU839" s="137"/>
      <c r="AV839" s="137"/>
      <c r="AW839" s="144"/>
    </row>
    <row r="840" spans="7:49" x14ac:dyDescent="0.2">
      <c r="G840" s="43"/>
      <c r="Z840" s="143"/>
      <c r="AA840" s="137"/>
      <c r="AB840" s="137"/>
      <c r="AC840" s="137"/>
      <c r="AD840" s="137"/>
      <c r="AE840" s="137"/>
      <c r="AF840" s="137"/>
      <c r="AG840" s="137"/>
      <c r="AH840" s="137"/>
      <c r="AI840" s="137"/>
      <c r="AJ840" s="137"/>
      <c r="AK840" s="137"/>
      <c r="AL840" s="137"/>
      <c r="AM840" s="137"/>
      <c r="AN840" s="137"/>
      <c r="AO840" s="137"/>
      <c r="AP840" s="137"/>
      <c r="AQ840" s="137"/>
      <c r="AR840" s="137"/>
      <c r="AS840" s="137"/>
      <c r="AT840" s="137"/>
      <c r="AU840" s="137"/>
      <c r="AV840" s="137"/>
      <c r="AW840" s="144"/>
    </row>
    <row r="841" spans="7:49" x14ac:dyDescent="0.2">
      <c r="G841" s="43"/>
      <c r="Z841" s="143"/>
      <c r="AA841" s="137"/>
      <c r="AB841" s="137"/>
      <c r="AC841" s="137"/>
      <c r="AD841" s="137"/>
      <c r="AE841" s="137"/>
      <c r="AF841" s="137"/>
      <c r="AG841" s="137"/>
      <c r="AH841" s="137"/>
      <c r="AI841" s="137"/>
      <c r="AJ841" s="137"/>
      <c r="AK841" s="137"/>
      <c r="AL841" s="137"/>
      <c r="AM841" s="137"/>
      <c r="AN841" s="137"/>
      <c r="AO841" s="137"/>
      <c r="AP841" s="137"/>
      <c r="AQ841" s="137"/>
      <c r="AR841" s="137"/>
      <c r="AS841" s="137"/>
      <c r="AT841" s="137"/>
      <c r="AU841" s="137"/>
      <c r="AV841" s="137"/>
      <c r="AW841" s="144"/>
    </row>
    <row r="842" spans="7:49" x14ac:dyDescent="0.2">
      <c r="G842" s="43"/>
      <c r="Z842" s="143"/>
      <c r="AA842" s="137"/>
      <c r="AB842" s="137"/>
      <c r="AC842" s="137"/>
      <c r="AD842" s="137"/>
      <c r="AE842" s="137"/>
      <c r="AF842" s="137"/>
      <c r="AG842" s="137"/>
      <c r="AH842" s="137"/>
      <c r="AI842" s="137"/>
      <c r="AJ842" s="137"/>
      <c r="AK842" s="137"/>
      <c r="AL842" s="137"/>
      <c r="AM842" s="137"/>
      <c r="AN842" s="137"/>
      <c r="AO842" s="137"/>
      <c r="AP842" s="137"/>
      <c r="AQ842" s="137"/>
      <c r="AR842" s="137"/>
      <c r="AS842" s="137"/>
      <c r="AT842" s="137"/>
      <c r="AU842" s="137"/>
      <c r="AV842" s="137"/>
      <c r="AW842" s="144"/>
    </row>
    <row r="843" spans="7:49" x14ac:dyDescent="0.2">
      <c r="G843" s="43"/>
      <c r="Z843" s="143"/>
      <c r="AA843" s="137"/>
      <c r="AB843" s="137"/>
      <c r="AC843" s="137"/>
      <c r="AD843" s="137"/>
      <c r="AE843" s="137"/>
      <c r="AF843" s="137"/>
      <c r="AG843" s="137"/>
      <c r="AH843" s="137"/>
      <c r="AI843" s="137"/>
      <c r="AJ843" s="137"/>
      <c r="AK843" s="137"/>
      <c r="AL843" s="137"/>
      <c r="AM843" s="137"/>
      <c r="AN843" s="137"/>
      <c r="AO843" s="137"/>
      <c r="AP843" s="137"/>
      <c r="AQ843" s="137"/>
      <c r="AR843" s="137"/>
      <c r="AS843" s="137"/>
      <c r="AT843" s="137"/>
      <c r="AU843" s="137"/>
      <c r="AV843" s="137"/>
      <c r="AW843" s="144"/>
    </row>
    <row r="844" spans="7:49" x14ac:dyDescent="0.2">
      <c r="G844" s="43"/>
      <c r="Z844" s="143"/>
      <c r="AA844" s="137"/>
      <c r="AB844" s="137"/>
      <c r="AC844" s="137"/>
      <c r="AD844" s="137"/>
      <c r="AE844" s="137"/>
      <c r="AF844" s="137"/>
      <c r="AG844" s="137"/>
      <c r="AH844" s="137"/>
      <c r="AI844" s="137"/>
      <c r="AJ844" s="137"/>
      <c r="AK844" s="137"/>
      <c r="AL844" s="137"/>
      <c r="AM844" s="137"/>
      <c r="AN844" s="137"/>
      <c r="AO844" s="137"/>
      <c r="AP844" s="137"/>
      <c r="AQ844" s="137"/>
      <c r="AR844" s="137"/>
      <c r="AS844" s="137"/>
      <c r="AT844" s="137"/>
      <c r="AU844" s="137"/>
      <c r="AV844" s="137"/>
      <c r="AW844" s="144"/>
    </row>
    <row r="845" spans="7:49" x14ac:dyDescent="0.2">
      <c r="G845" s="43"/>
      <c r="Z845" s="143"/>
      <c r="AA845" s="137"/>
      <c r="AB845" s="137"/>
      <c r="AC845" s="137"/>
      <c r="AD845" s="137"/>
      <c r="AE845" s="137"/>
      <c r="AF845" s="137"/>
      <c r="AG845" s="137"/>
      <c r="AH845" s="137"/>
      <c r="AI845" s="137"/>
      <c r="AJ845" s="137"/>
      <c r="AK845" s="137"/>
      <c r="AL845" s="137"/>
      <c r="AM845" s="137"/>
      <c r="AN845" s="137"/>
      <c r="AO845" s="137"/>
      <c r="AP845" s="137"/>
      <c r="AQ845" s="137"/>
      <c r="AR845" s="137"/>
      <c r="AS845" s="137"/>
      <c r="AT845" s="137"/>
      <c r="AU845" s="137"/>
      <c r="AV845" s="137"/>
      <c r="AW845" s="144"/>
    </row>
    <row r="846" spans="7:49" x14ac:dyDescent="0.2">
      <c r="G846" s="43"/>
      <c r="Z846" s="143"/>
      <c r="AA846" s="137"/>
      <c r="AB846" s="137"/>
      <c r="AC846" s="137"/>
      <c r="AD846" s="137"/>
      <c r="AE846" s="137"/>
      <c r="AF846" s="137"/>
      <c r="AG846" s="137"/>
      <c r="AH846" s="137"/>
      <c r="AI846" s="137"/>
      <c r="AJ846" s="137"/>
      <c r="AK846" s="137"/>
      <c r="AL846" s="137"/>
      <c r="AM846" s="137"/>
      <c r="AN846" s="137"/>
      <c r="AO846" s="137"/>
      <c r="AP846" s="137"/>
      <c r="AQ846" s="137"/>
      <c r="AR846" s="137"/>
      <c r="AS846" s="137"/>
      <c r="AT846" s="137"/>
      <c r="AU846" s="137"/>
      <c r="AV846" s="137"/>
      <c r="AW846" s="144"/>
    </row>
    <row r="847" spans="7:49" x14ac:dyDescent="0.2">
      <c r="G847" s="43"/>
      <c r="Z847" s="143"/>
      <c r="AA847" s="137"/>
      <c r="AB847" s="137"/>
      <c r="AC847" s="137"/>
      <c r="AD847" s="137"/>
      <c r="AE847" s="137"/>
      <c r="AF847" s="137"/>
      <c r="AG847" s="137"/>
      <c r="AH847" s="137"/>
      <c r="AI847" s="137"/>
      <c r="AJ847" s="137"/>
      <c r="AK847" s="137"/>
      <c r="AL847" s="137"/>
      <c r="AM847" s="137"/>
      <c r="AN847" s="137"/>
      <c r="AO847" s="137"/>
      <c r="AP847" s="137"/>
      <c r="AQ847" s="137"/>
      <c r="AR847" s="137"/>
      <c r="AS847" s="137"/>
      <c r="AT847" s="137"/>
      <c r="AU847" s="137"/>
      <c r="AV847" s="137"/>
      <c r="AW847" s="144"/>
    </row>
    <row r="848" spans="7:49" x14ac:dyDescent="0.2">
      <c r="G848" s="43"/>
      <c r="Z848" s="143"/>
      <c r="AA848" s="137"/>
      <c r="AB848" s="137"/>
      <c r="AC848" s="137"/>
      <c r="AD848" s="137"/>
      <c r="AE848" s="137"/>
      <c r="AF848" s="137"/>
      <c r="AG848" s="137"/>
      <c r="AH848" s="137"/>
      <c r="AI848" s="137"/>
      <c r="AJ848" s="137"/>
      <c r="AK848" s="137"/>
      <c r="AL848" s="137"/>
      <c r="AM848" s="137"/>
      <c r="AN848" s="137"/>
      <c r="AO848" s="137"/>
      <c r="AP848" s="137"/>
      <c r="AQ848" s="137"/>
      <c r="AR848" s="137"/>
      <c r="AS848" s="137"/>
      <c r="AT848" s="137"/>
      <c r="AU848" s="137"/>
      <c r="AV848" s="137"/>
      <c r="AW848" s="144"/>
    </row>
    <row r="849" spans="7:49" x14ac:dyDescent="0.2">
      <c r="G849" s="43"/>
      <c r="Z849" s="143"/>
      <c r="AA849" s="137"/>
      <c r="AB849" s="137"/>
      <c r="AC849" s="137"/>
      <c r="AD849" s="137"/>
      <c r="AE849" s="137"/>
      <c r="AF849" s="137"/>
      <c r="AG849" s="137"/>
      <c r="AH849" s="137"/>
      <c r="AI849" s="137"/>
      <c r="AJ849" s="137"/>
      <c r="AK849" s="137"/>
      <c r="AL849" s="137"/>
      <c r="AM849" s="137"/>
      <c r="AN849" s="137"/>
      <c r="AO849" s="137"/>
      <c r="AP849" s="137"/>
      <c r="AQ849" s="137"/>
      <c r="AR849" s="137"/>
      <c r="AS849" s="137"/>
      <c r="AT849" s="137"/>
      <c r="AU849" s="137"/>
      <c r="AV849" s="137"/>
      <c r="AW849" s="144"/>
    </row>
    <row r="850" spans="7:49" x14ac:dyDescent="0.2">
      <c r="G850" s="43"/>
      <c r="Z850" s="143"/>
      <c r="AA850" s="137"/>
      <c r="AB850" s="137"/>
      <c r="AC850" s="137"/>
      <c r="AD850" s="137"/>
      <c r="AE850" s="137"/>
      <c r="AF850" s="137"/>
      <c r="AG850" s="137"/>
      <c r="AH850" s="137"/>
      <c r="AI850" s="137"/>
      <c r="AJ850" s="137"/>
      <c r="AK850" s="137"/>
      <c r="AL850" s="137"/>
      <c r="AM850" s="137"/>
      <c r="AN850" s="137"/>
      <c r="AO850" s="137"/>
      <c r="AP850" s="137"/>
      <c r="AQ850" s="137"/>
      <c r="AR850" s="137"/>
      <c r="AS850" s="137"/>
      <c r="AT850" s="137"/>
      <c r="AU850" s="137"/>
      <c r="AV850" s="137"/>
      <c r="AW850" s="144"/>
    </row>
    <row r="851" spans="7:49" x14ac:dyDescent="0.2">
      <c r="G851" s="43"/>
      <c r="Z851" s="143"/>
      <c r="AA851" s="137"/>
      <c r="AB851" s="137"/>
      <c r="AC851" s="137"/>
      <c r="AD851" s="137"/>
      <c r="AE851" s="137"/>
      <c r="AF851" s="137"/>
      <c r="AG851" s="137"/>
      <c r="AH851" s="137"/>
      <c r="AI851" s="137"/>
      <c r="AJ851" s="137"/>
      <c r="AK851" s="137"/>
      <c r="AL851" s="137"/>
      <c r="AM851" s="137"/>
      <c r="AN851" s="137"/>
      <c r="AO851" s="137"/>
      <c r="AP851" s="137"/>
      <c r="AQ851" s="137"/>
      <c r="AR851" s="137"/>
      <c r="AS851" s="137"/>
      <c r="AT851" s="137"/>
      <c r="AU851" s="137"/>
      <c r="AV851" s="137"/>
      <c r="AW851" s="144"/>
    </row>
    <row r="852" spans="7:49" x14ac:dyDescent="0.2">
      <c r="G852" s="43"/>
      <c r="Z852" s="143"/>
      <c r="AA852" s="137"/>
      <c r="AB852" s="137"/>
      <c r="AC852" s="137"/>
      <c r="AD852" s="137"/>
      <c r="AE852" s="137"/>
      <c r="AF852" s="137"/>
      <c r="AG852" s="137"/>
      <c r="AH852" s="137"/>
      <c r="AI852" s="137"/>
      <c r="AJ852" s="137"/>
      <c r="AK852" s="137"/>
      <c r="AL852" s="137"/>
      <c r="AM852" s="137"/>
      <c r="AN852" s="137"/>
      <c r="AO852" s="137"/>
      <c r="AP852" s="137"/>
      <c r="AQ852" s="137"/>
      <c r="AR852" s="137"/>
      <c r="AS852" s="137"/>
      <c r="AT852" s="137"/>
      <c r="AU852" s="137"/>
      <c r="AV852" s="137"/>
      <c r="AW852" s="144"/>
    </row>
    <row r="853" spans="7:49" x14ac:dyDescent="0.2">
      <c r="G853" s="43"/>
      <c r="Z853" s="143"/>
      <c r="AA853" s="137"/>
      <c r="AB853" s="137"/>
      <c r="AC853" s="137"/>
      <c r="AD853" s="137"/>
      <c r="AE853" s="137"/>
      <c r="AF853" s="137"/>
      <c r="AG853" s="137"/>
      <c r="AH853" s="137"/>
      <c r="AI853" s="137"/>
      <c r="AJ853" s="137"/>
      <c r="AK853" s="137"/>
      <c r="AL853" s="137"/>
      <c r="AM853" s="137"/>
      <c r="AN853" s="137"/>
      <c r="AO853" s="137"/>
      <c r="AP853" s="137"/>
      <c r="AQ853" s="137"/>
      <c r="AR853" s="137"/>
      <c r="AS853" s="137"/>
      <c r="AT853" s="137"/>
      <c r="AU853" s="137"/>
      <c r="AV853" s="137"/>
      <c r="AW853" s="144"/>
    </row>
    <row r="854" spans="7:49" x14ac:dyDescent="0.2">
      <c r="G854" s="43"/>
      <c r="Z854" s="143"/>
      <c r="AA854" s="137"/>
      <c r="AB854" s="137"/>
      <c r="AC854" s="137"/>
      <c r="AD854" s="137"/>
      <c r="AE854" s="137"/>
      <c r="AF854" s="137"/>
      <c r="AG854" s="137"/>
      <c r="AH854" s="137"/>
      <c r="AI854" s="137"/>
      <c r="AJ854" s="137"/>
      <c r="AK854" s="137"/>
      <c r="AL854" s="137"/>
      <c r="AM854" s="137"/>
      <c r="AN854" s="137"/>
      <c r="AO854" s="137"/>
      <c r="AP854" s="137"/>
      <c r="AQ854" s="137"/>
      <c r="AR854" s="137"/>
      <c r="AS854" s="137"/>
      <c r="AT854" s="137"/>
      <c r="AU854" s="137"/>
      <c r="AV854" s="137"/>
      <c r="AW854" s="144"/>
    </row>
    <row r="855" spans="7:49" x14ac:dyDescent="0.2">
      <c r="G855" s="43"/>
      <c r="Z855" s="143"/>
      <c r="AA855" s="137"/>
      <c r="AB855" s="137"/>
      <c r="AC855" s="137"/>
      <c r="AD855" s="137"/>
      <c r="AE855" s="137"/>
      <c r="AF855" s="137"/>
      <c r="AG855" s="137"/>
      <c r="AH855" s="137"/>
      <c r="AI855" s="137"/>
      <c r="AJ855" s="137"/>
      <c r="AK855" s="137"/>
      <c r="AL855" s="137"/>
      <c r="AM855" s="137"/>
      <c r="AN855" s="137"/>
      <c r="AO855" s="137"/>
      <c r="AP855" s="137"/>
      <c r="AQ855" s="137"/>
      <c r="AR855" s="137"/>
      <c r="AS855" s="137"/>
      <c r="AT855" s="137"/>
      <c r="AU855" s="137"/>
      <c r="AV855" s="137"/>
      <c r="AW855" s="144"/>
    </row>
    <row r="856" spans="7:49" x14ac:dyDescent="0.2">
      <c r="G856" s="43"/>
      <c r="Z856" s="143"/>
      <c r="AA856" s="137"/>
      <c r="AB856" s="137"/>
      <c r="AC856" s="137"/>
      <c r="AD856" s="137"/>
      <c r="AE856" s="137"/>
      <c r="AF856" s="137"/>
      <c r="AG856" s="137"/>
      <c r="AH856" s="137"/>
      <c r="AI856" s="137"/>
      <c r="AJ856" s="137"/>
      <c r="AK856" s="137"/>
      <c r="AL856" s="137"/>
      <c r="AM856" s="137"/>
      <c r="AN856" s="137"/>
      <c r="AO856" s="137"/>
      <c r="AP856" s="137"/>
      <c r="AQ856" s="137"/>
      <c r="AR856" s="137"/>
      <c r="AS856" s="137"/>
      <c r="AT856" s="137"/>
      <c r="AU856" s="137"/>
      <c r="AV856" s="137"/>
      <c r="AW856" s="144"/>
    </row>
    <row r="857" spans="7:49" x14ac:dyDescent="0.2">
      <c r="G857" s="43"/>
      <c r="Z857" s="143"/>
      <c r="AA857" s="137"/>
      <c r="AB857" s="137"/>
      <c r="AC857" s="137"/>
      <c r="AD857" s="137"/>
      <c r="AE857" s="137"/>
      <c r="AF857" s="137"/>
      <c r="AG857" s="137"/>
      <c r="AH857" s="137"/>
      <c r="AI857" s="137"/>
      <c r="AJ857" s="137"/>
      <c r="AK857" s="137"/>
      <c r="AL857" s="137"/>
      <c r="AM857" s="137"/>
      <c r="AN857" s="137"/>
      <c r="AO857" s="137"/>
      <c r="AP857" s="137"/>
      <c r="AQ857" s="137"/>
      <c r="AR857" s="137"/>
      <c r="AS857" s="137"/>
      <c r="AT857" s="137"/>
      <c r="AU857" s="137"/>
      <c r="AV857" s="137"/>
      <c r="AW857" s="144"/>
    </row>
    <row r="858" spans="7:49" x14ac:dyDescent="0.2">
      <c r="G858" s="43"/>
      <c r="Z858" s="143"/>
      <c r="AA858" s="137"/>
      <c r="AB858" s="137"/>
      <c r="AC858" s="137"/>
      <c r="AD858" s="137"/>
      <c r="AE858" s="137"/>
      <c r="AF858" s="137"/>
      <c r="AG858" s="137"/>
      <c r="AH858" s="137"/>
      <c r="AI858" s="137"/>
      <c r="AJ858" s="137"/>
      <c r="AK858" s="137"/>
      <c r="AL858" s="137"/>
      <c r="AM858" s="137"/>
      <c r="AN858" s="137"/>
      <c r="AO858" s="137"/>
      <c r="AP858" s="137"/>
      <c r="AQ858" s="137"/>
      <c r="AR858" s="137"/>
      <c r="AS858" s="137"/>
      <c r="AT858" s="137"/>
      <c r="AU858" s="137"/>
      <c r="AV858" s="137"/>
      <c r="AW858" s="144"/>
    </row>
    <row r="859" spans="7:49" x14ac:dyDescent="0.2">
      <c r="G859" s="43"/>
      <c r="Z859" s="143"/>
      <c r="AA859" s="137"/>
      <c r="AB859" s="137"/>
      <c r="AC859" s="137"/>
      <c r="AD859" s="137"/>
      <c r="AE859" s="137"/>
      <c r="AF859" s="137"/>
      <c r="AG859" s="137"/>
      <c r="AH859" s="137"/>
      <c r="AI859" s="137"/>
      <c r="AJ859" s="137"/>
      <c r="AK859" s="137"/>
      <c r="AL859" s="137"/>
      <c r="AM859" s="137"/>
      <c r="AN859" s="137"/>
      <c r="AO859" s="137"/>
      <c r="AP859" s="137"/>
      <c r="AQ859" s="137"/>
      <c r="AR859" s="137"/>
      <c r="AS859" s="137"/>
      <c r="AT859" s="137"/>
      <c r="AU859" s="137"/>
      <c r="AV859" s="137"/>
      <c r="AW859" s="144"/>
    </row>
    <row r="860" spans="7:49" x14ac:dyDescent="0.2">
      <c r="G860" s="43"/>
      <c r="Z860" s="143"/>
      <c r="AA860" s="137"/>
      <c r="AB860" s="137"/>
      <c r="AC860" s="137"/>
      <c r="AD860" s="137"/>
      <c r="AE860" s="137"/>
      <c r="AF860" s="137"/>
      <c r="AG860" s="137"/>
      <c r="AH860" s="137"/>
      <c r="AI860" s="137"/>
      <c r="AJ860" s="137"/>
      <c r="AK860" s="137"/>
      <c r="AL860" s="137"/>
      <c r="AM860" s="137"/>
      <c r="AN860" s="137"/>
      <c r="AO860" s="137"/>
      <c r="AP860" s="137"/>
      <c r="AQ860" s="137"/>
      <c r="AR860" s="137"/>
      <c r="AS860" s="137"/>
      <c r="AT860" s="137"/>
      <c r="AU860" s="137"/>
      <c r="AV860" s="137"/>
      <c r="AW860" s="144"/>
    </row>
    <row r="861" spans="7:49" x14ac:dyDescent="0.2">
      <c r="G861" s="43"/>
      <c r="Z861" s="143"/>
      <c r="AA861" s="137"/>
      <c r="AB861" s="137"/>
      <c r="AC861" s="137"/>
      <c r="AD861" s="137"/>
      <c r="AE861" s="137"/>
      <c r="AF861" s="137"/>
      <c r="AG861" s="137"/>
      <c r="AH861" s="137"/>
      <c r="AI861" s="137"/>
      <c r="AJ861" s="137"/>
      <c r="AK861" s="137"/>
      <c r="AL861" s="137"/>
      <c r="AM861" s="137"/>
      <c r="AN861" s="137"/>
      <c r="AO861" s="137"/>
      <c r="AP861" s="137"/>
      <c r="AQ861" s="137"/>
      <c r="AR861" s="137"/>
      <c r="AS861" s="137"/>
      <c r="AT861" s="137"/>
      <c r="AU861" s="137"/>
      <c r="AV861" s="137"/>
      <c r="AW861" s="144"/>
    </row>
    <row r="862" spans="7:49" x14ac:dyDescent="0.2">
      <c r="G862" s="43"/>
      <c r="Z862" s="143"/>
      <c r="AA862" s="137"/>
      <c r="AB862" s="137"/>
      <c r="AC862" s="137"/>
      <c r="AD862" s="137"/>
      <c r="AE862" s="137"/>
      <c r="AF862" s="137"/>
      <c r="AG862" s="137"/>
      <c r="AH862" s="137"/>
      <c r="AI862" s="137"/>
      <c r="AJ862" s="137"/>
      <c r="AK862" s="137"/>
      <c r="AL862" s="137"/>
      <c r="AM862" s="137"/>
      <c r="AN862" s="137"/>
      <c r="AO862" s="137"/>
      <c r="AP862" s="137"/>
      <c r="AQ862" s="137"/>
      <c r="AR862" s="137"/>
      <c r="AS862" s="137"/>
      <c r="AT862" s="137"/>
      <c r="AU862" s="137"/>
      <c r="AV862" s="137"/>
      <c r="AW862" s="144"/>
    </row>
    <row r="863" spans="7:49" x14ac:dyDescent="0.2">
      <c r="G863" s="43"/>
      <c r="Z863" s="143"/>
      <c r="AA863" s="137"/>
      <c r="AB863" s="137"/>
      <c r="AC863" s="137"/>
      <c r="AD863" s="137"/>
      <c r="AE863" s="137"/>
      <c r="AF863" s="137"/>
      <c r="AG863" s="137"/>
      <c r="AH863" s="137"/>
      <c r="AI863" s="137"/>
      <c r="AJ863" s="137"/>
      <c r="AK863" s="137"/>
      <c r="AL863" s="137"/>
      <c r="AM863" s="137"/>
      <c r="AN863" s="137"/>
      <c r="AO863" s="137"/>
      <c r="AP863" s="137"/>
      <c r="AQ863" s="137"/>
      <c r="AR863" s="137"/>
      <c r="AS863" s="137"/>
      <c r="AT863" s="137"/>
      <c r="AU863" s="137"/>
      <c r="AV863" s="137"/>
      <c r="AW863" s="144"/>
    </row>
    <row r="864" spans="7:49" x14ac:dyDescent="0.2">
      <c r="G864" s="43"/>
      <c r="Z864" s="143"/>
      <c r="AA864" s="137"/>
      <c r="AB864" s="137"/>
      <c r="AC864" s="137"/>
      <c r="AD864" s="137"/>
      <c r="AE864" s="137"/>
      <c r="AF864" s="137"/>
      <c r="AG864" s="137"/>
      <c r="AH864" s="137"/>
      <c r="AI864" s="137"/>
      <c r="AJ864" s="137"/>
      <c r="AK864" s="137"/>
      <c r="AL864" s="137"/>
      <c r="AM864" s="137"/>
      <c r="AN864" s="137"/>
      <c r="AO864" s="137"/>
      <c r="AP864" s="137"/>
      <c r="AQ864" s="137"/>
      <c r="AR864" s="137"/>
      <c r="AS864" s="137"/>
      <c r="AT864" s="137"/>
      <c r="AU864" s="137"/>
      <c r="AV864" s="137"/>
      <c r="AW864" s="144"/>
    </row>
    <row r="865" spans="7:49" x14ac:dyDescent="0.2">
      <c r="G865" s="43"/>
      <c r="Z865" s="143"/>
      <c r="AA865" s="137"/>
      <c r="AB865" s="137"/>
      <c r="AC865" s="137"/>
      <c r="AD865" s="137"/>
      <c r="AE865" s="137"/>
      <c r="AF865" s="137"/>
      <c r="AG865" s="137"/>
      <c r="AH865" s="137"/>
      <c r="AI865" s="137"/>
      <c r="AJ865" s="137"/>
      <c r="AK865" s="137"/>
      <c r="AL865" s="137"/>
      <c r="AM865" s="137"/>
      <c r="AN865" s="137"/>
      <c r="AO865" s="137"/>
      <c r="AP865" s="137"/>
      <c r="AQ865" s="137"/>
      <c r="AR865" s="137"/>
      <c r="AS865" s="137"/>
      <c r="AT865" s="137"/>
      <c r="AU865" s="137"/>
      <c r="AV865" s="137"/>
      <c r="AW865" s="144"/>
    </row>
    <row r="866" spans="7:49" x14ac:dyDescent="0.2">
      <c r="G866" s="43"/>
      <c r="Z866" s="143"/>
      <c r="AA866" s="137"/>
      <c r="AB866" s="137"/>
      <c r="AC866" s="137"/>
      <c r="AD866" s="137"/>
      <c r="AE866" s="137"/>
      <c r="AF866" s="137"/>
      <c r="AG866" s="137"/>
      <c r="AH866" s="137"/>
      <c r="AI866" s="137"/>
      <c r="AJ866" s="137"/>
      <c r="AK866" s="137"/>
      <c r="AL866" s="137"/>
      <c r="AM866" s="137"/>
      <c r="AN866" s="137"/>
      <c r="AO866" s="137"/>
      <c r="AP866" s="137"/>
      <c r="AQ866" s="137"/>
      <c r="AR866" s="137"/>
      <c r="AS866" s="137"/>
      <c r="AT866" s="137"/>
      <c r="AU866" s="137"/>
      <c r="AV866" s="137"/>
      <c r="AW866" s="144"/>
    </row>
    <row r="867" spans="7:49" x14ac:dyDescent="0.2">
      <c r="G867" s="43"/>
      <c r="Z867" s="143"/>
      <c r="AA867" s="137"/>
      <c r="AB867" s="137"/>
      <c r="AC867" s="137"/>
      <c r="AD867" s="137"/>
      <c r="AE867" s="137"/>
      <c r="AF867" s="137"/>
      <c r="AG867" s="137"/>
      <c r="AH867" s="137"/>
      <c r="AI867" s="137"/>
      <c r="AJ867" s="137"/>
      <c r="AK867" s="137"/>
      <c r="AL867" s="137"/>
      <c r="AM867" s="137"/>
      <c r="AN867" s="137"/>
      <c r="AO867" s="137"/>
      <c r="AP867" s="137"/>
      <c r="AQ867" s="137"/>
      <c r="AR867" s="137"/>
      <c r="AS867" s="137"/>
      <c r="AT867" s="137"/>
      <c r="AU867" s="137"/>
      <c r="AV867" s="137"/>
      <c r="AW867" s="144"/>
    </row>
    <row r="868" spans="7:49" x14ac:dyDescent="0.2">
      <c r="G868" s="43"/>
      <c r="Z868" s="143"/>
      <c r="AA868" s="137"/>
      <c r="AB868" s="137"/>
      <c r="AC868" s="137"/>
      <c r="AD868" s="137"/>
      <c r="AE868" s="137"/>
      <c r="AF868" s="137"/>
      <c r="AG868" s="137"/>
      <c r="AH868" s="137"/>
      <c r="AI868" s="137"/>
      <c r="AJ868" s="137"/>
      <c r="AK868" s="137"/>
      <c r="AL868" s="137"/>
      <c r="AM868" s="137"/>
      <c r="AN868" s="137"/>
      <c r="AO868" s="137"/>
      <c r="AP868" s="137"/>
      <c r="AQ868" s="137"/>
      <c r="AR868" s="137"/>
      <c r="AS868" s="137"/>
      <c r="AT868" s="137"/>
      <c r="AU868" s="137"/>
      <c r="AV868" s="137"/>
      <c r="AW868" s="144"/>
    </row>
    <row r="869" spans="7:49" x14ac:dyDescent="0.2">
      <c r="G869" s="43"/>
      <c r="Z869" s="143"/>
      <c r="AA869" s="137"/>
      <c r="AB869" s="137"/>
      <c r="AC869" s="137"/>
      <c r="AD869" s="137"/>
      <c r="AE869" s="137"/>
      <c r="AF869" s="137"/>
      <c r="AG869" s="137"/>
      <c r="AH869" s="137"/>
      <c r="AI869" s="137"/>
      <c r="AJ869" s="137"/>
      <c r="AK869" s="137"/>
      <c r="AL869" s="137"/>
      <c r="AM869" s="137"/>
      <c r="AN869" s="137"/>
      <c r="AO869" s="137"/>
      <c r="AP869" s="137"/>
      <c r="AQ869" s="137"/>
      <c r="AR869" s="137"/>
      <c r="AS869" s="137"/>
      <c r="AT869" s="137"/>
      <c r="AU869" s="137"/>
      <c r="AV869" s="137"/>
      <c r="AW869" s="144"/>
    </row>
    <row r="870" spans="7:49" x14ac:dyDescent="0.2">
      <c r="G870" s="43"/>
      <c r="Z870" s="143"/>
      <c r="AA870" s="137"/>
      <c r="AB870" s="137"/>
      <c r="AC870" s="137"/>
      <c r="AD870" s="137"/>
      <c r="AE870" s="137"/>
      <c r="AF870" s="137"/>
      <c r="AG870" s="137"/>
      <c r="AH870" s="137"/>
      <c r="AI870" s="137"/>
      <c r="AJ870" s="137"/>
      <c r="AK870" s="137"/>
      <c r="AL870" s="137"/>
      <c r="AM870" s="137"/>
      <c r="AN870" s="137"/>
      <c r="AO870" s="137"/>
      <c r="AP870" s="137"/>
      <c r="AQ870" s="137"/>
      <c r="AR870" s="137"/>
      <c r="AS870" s="137"/>
      <c r="AT870" s="137"/>
      <c r="AU870" s="137"/>
      <c r="AV870" s="137"/>
      <c r="AW870" s="144"/>
    </row>
    <row r="871" spans="7:49" x14ac:dyDescent="0.2">
      <c r="G871" s="43"/>
      <c r="Z871" s="143"/>
      <c r="AA871" s="137"/>
      <c r="AB871" s="137"/>
      <c r="AC871" s="137"/>
      <c r="AD871" s="137"/>
      <c r="AE871" s="137"/>
      <c r="AF871" s="137"/>
      <c r="AG871" s="137"/>
      <c r="AH871" s="137"/>
      <c r="AI871" s="137"/>
      <c r="AJ871" s="137"/>
      <c r="AK871" s="137"/>
      <c r="AL871" s="137"/>
      <c r="AM871" s="137"/>
      <c r="AN871" s="137"/>
      <c r="AO871" s="137"/>
      <c r="AP871" s="137"/>
      <c r="AQ871" s="137"/>
      <c r="AR871" s="137"/>
      <c r="AS871" s="137"/>
      <c r="AT871" s="137"/>
      <c r="AU871" s="137"/>
      <c r="AV871" s="137"/>
      <c r="AW871" s="144"/>
    </row>
    <row r="872" spans="7:49" x14ac:dyDescent="0.2">
      <c r="G872" s="43"/>
      <c r="Z872" s="143"/>
      <c r="AA872" s="137"/>
      <c r="AB872" s="137"/>
      <c r="AC872" s="137"/>
      <c r="AD872" s="137"/>
      <c r="AE872" s="137"/>
      <c r="AF872" s="137"/>
      <c r="AG872" s="137"/>
      <c r="AH872" s="137"/>
      <c r="AI872" s="137"/>
      <c r="AJ872" s="137"/>
      <c r="AK872" s="137"/>
      <c r="AL872" s="137"/>
      <c r="AM872" s="137"/>
      <c r="AN872" s="137"/>
      <c r="AO872" s="137"/>
      <c r="AP872" s="137"/>
      <c r="AQ872" s="137"/>
      <c r="AR872" s="137"/>
      <c r="AS872" s="137"/>
      <c r="AT872" s="137"/>
      <c r="AU872" s="137"/>
      <c r="AV872" s="137"/>
      <c r="AW872" s="144"/>
    </row>
    <row r="873" spans="7:49" x14ac:dyDescent="0.2">
      <c r="G873" s="43"/>
      <c r="Z873" s="143"/>
      <c r="AA873" s="137"/>
      <c r="AB873" s="137"/>
      <c r="AC873" s="137"/>
      <c r="AD873" s="137"/>
      <c r="AE873" s="137"/>
      <c r="AF873" s="137"/>
      <c r="AG873" s="137"/>
      <c r="AH873" s="137"/>
      <c r="AI873" s="137"/>
      <c r="AJ873" s="137"/>
      <c r="AK873" s="137"/>
      <c r="AL873" s="137"/>
      <c r="AM873" s="137"/>
      <c r="AN873" s="137"/>
      <c r="AO873" s="137"/>
      <c r="AP873" s="137"/>
      <c r="AQ873" s="137"/>
      <c r="AR873" s="137"/>
      <c r="AS873" s="137"/>
      <c r="AT873" s="137"/>
      <c r="AU873" s="137"/>
      <c r="AV873" s="137"/>
      <c r="AW873" s="144"/>
    </row>
    <row r="874" spans="7:49" x14ac:dyDescent="0.2">
      <c r="G874" s="43"/>
      <c r="Z874" s="143"/>
      <c r="AA874" s="137"/>
      <c r="AB874" s="137"/>
      <c r="AC874" s="137"/>
      <c r="AD874" s="137"/>
      <c r="AE874" s="137"/>
      <c r="AF874" s="137"/>
      <c r="AG874" s="137"/>
      <c r="AH874" s="137"/>
      <c r="AI874" s="137"/>
      <c r="AJ874" s="137"/>
      <c r="AK874" s="137"/>
      <c r="AL874" s="137"/>
      <c r="AM874" s="137"/>
      <c r="AN874" s="137"/>
      <c r="AO874" s="137"/>
      <c r="AP874" s="137"/>
      <c r="AQ874" s="137"/>
      <c r="AR874" s="137"/>
      <c r="AS874" s="137"/>
      <c r="AT874" s="137"/>
      <c r="AU874" s="137"/>
      <c r="AV874" s="137"/>
      <c r="AW874" s="144"/>
    </row>
    <row r="875" spans="7:49" x14ac:dyDescent="0.2">
      <c r="G875" s="43"/>
      <c r="Z875" s="143"/>
      <c r="AA875" s="137"/>
      <c r="AB875" s="137"/>
      <c r="AC875" s="137"/>
      <c r="AD875" s="137"/>
      <c r="AE875" s="137"/>
      <c r="AF875" s="137"/>
      <c r="AG875" s="137"/>
      <c r="AH875" s="137"/>
      <c r="AI875" s="137"/>
      <c r="AJ875" s="137"/>
      <c r="AK875" s="137"/>
      <c r="AL875" s="137"/>
      <c r="AM875" s="137"/>
      <c r="AN875" s="137"/>
      <c r="AO875" s="137"/>
      <c r="AP875" s="137"/>
      <c r="AQ875" s="137"/>
      <c r="AR875" s="137"/>
      <c r="AS875" s="137"/>
      <c r="AT875" s="137"/>
      <c r="AU875" s="137"/>
      <c r="AV875" s="137"/>
      <c r="AW875" s="144"/>
    </row>
    <row r="876" spans="7:49" x14ac:dyDescent="0.2">
      <c r="G876" s="43"/>
      <c r="Z876" s="143"/>
      <c r="AA876" s="137"/>
      <c r="AB876" s="137"/>
      <c r="AC876" s="137"/>
      <c r="AD876" s="137"/>
      <c r="AE876" s="137"/>
      <c r="AF876" s="137"/>
      <c r="AG876" s="137"/>
      <c r="AH876" s="137"/>
      <c r="AI876" s="137"/>
      <c r="AJ876" s="137"/>
      <c r="AK876" s="137"/>
      <c r="AL876" s="137"/>
      <c r="AM876" s="137"/>
      <c r="AN876" s="137"/>
      <c r="AO876" s="137"/>
      <c r="AP876" s="137"/>
      <c r="AQ876" s="137"/>
      <c r="AR876" s="137"/>
      <c r="AS876" s="137"/>
      <c r="AT876" s="137"/>
      <c r="AU876" s="137"/>
      <c r="AV876" s="137"/>
      <c r="AW876" s="144"/>
    </row>
    <row r="877" spans="7:49" x14ac:dyDescent="0.2">
      <c r="G877" s="43"/>
      <c r="Z877" s="143"/>
      <c r="AA877" s="137"/>
      <c r="AB877" s="137"/>
      <c r="AC877" s="137"/>
      <c r="AD877" s="137"/>
      <c r="AE877" s="137"/>
      <c r="AF877" s="137"/>
      <c r="AG877" s="137"/>
      <c r="AH877" s="137"/>
      <c r="AI877" s="137"/>
      <c r="AJ877" s="137"/>
      <c r="AK877" s="137"/>
      <c r="AL877" s="137"/>
      <c r="AM877" s="137"/>
      <c r="AN877" s="137"/>
      <c r="AO877" s="137"/>
      <c r="AP877" s="137"/>
      <c r="AQ877" s="137"/>
      <c r="AR877" s="137"/>
      <c r="AS877" s="137"/>
      <c r="AT877" s="137"/>
      <c r="AU877" s="137"/>
      <c r="AV877" s="137"/>
      <c r="AW877" s="144"/>
    </row>
    <row r="878" spans="7:49" x14ac:dyDescent="0.2">
      <c r="G878" s="43"/>
      <c r="Z878" s="143"/>
      <c r="AA878" s="137"/>
      <c r="AB878" s="137"/>
      <c r="AC878" s="137"/>
      <c r="AD878" s="137"/>
      <c r="AE878" s="137"/>
      <c r="AF878" s="137"/>
      <c r="AG878" s="137"/>
      <c r="AH878" s="137"/>
      <c r="AI878" s="137"/>
      <c r="AJ878" s="137"/>
      <c r="AK878" s="137"/>
      <c r="AL878" s="137"/>
      <c r="AM878" s="137"/>
      <c r="AN878" s="137"/>
      <c r="AO878" s="137"/>
      <c r="AP878" s="137"/>
      <c r="AQ878" s="137"/>
      <c r="AR878" s="137"/>
      <c r="AS878" s="137"/>
      <c r="AT878" s="137"/>
      <c r="AU878" s="137"/>
      <c r="AV878" s="137"/>
      <c r="AW878" s="144"/>
    </row>
    <row r="879" spans="7:49" x14ac:dyDescent="0.2">
      <c r="G879" s="43"/>
      <c r="Z879" s="143"/>
      <c r="AA879" s="137"/>
      <c r="AB879" s="137"/>
      <c r="AC879" s="137"/>
      <c r="AD879" s="137"/>
      <c r="AE879" s="137"/>
      <c r="AF879" s="137"/>
      <c r="AG879" s="137"/>
      <c r="AH879" s="137"/>
      <c r="AI879" s="137"/>
      <c r="AJ879" s="137"/>
      <c r="AK879" s="137"/>
      <c r="AL879" s="137"/>
      <c r="AM879" s="137"/>
      <c r="AN879" s="137"/>
      <c r="AO879" s="137"/>
      <c r="AP879" s="137"/>
      <c r="AQ879" s="137"/>
      <c r="AR879" s="137"/>
      <c r="AS879" s="137"/>
      <c r="AT879" s="137"/>
      <c r="AU879" s="137"/>
      <c r="AV879" s="137"/>
      <c r="AW879" s="144"/>
    </row>
    <row r="880" spans="7:49" x14ac:dyDescent="0.2">
      <c r="G880" s="43"/>
      <c r="Z880" s="143"/>
      <c r="AA880" s="137"/>
      <c r="AB880" s="137"/>
      <c r="AC880" s="137"/>
      <c r="AD880" s="137"/>
      <c r="AE880" s="137"/>
      <c r="AF880" s="137"/>
      <c r="AG880" s="137"/>
      <c r="AH880" s="137"/>
      <c r="AI880" s="137"/>
      <c r="AJ880" s="137"/>
      <c r="AK880" s="137"/>
      <c r="AL880" s="137"/>
      <c r="AM880" s="137"/>
      <c r="AN880" s="137"/>
      <c r="AO880" s="137"/>
      <c r="AP880" s="137"/>
      <c r="AQ880" s="137"/>
      <c r="AR880" s="137"/>
      <c r="AS880" s="137"/>
      <c r="AT880" s="137"/>
      <c r="AU880" s="137"/>
      <c r="AV880" s="137"/>
      <c r="AW880" s="144"/>
    </row>
    <row r="881" spans="7:49" x14ac:dyDescent="0.2">
      <c r="G881" s="43"/>
      <c r="Z881" s="143"/>
      <c r="AA881" s="137"/>
      <c r="AB881" s="137"/>
      <c r="AC881" s="137"/>
      <c r="AD881" s="137"/>
      <c r="AE881" s="137"/>
      <c r="AF881" s="137"/>
      <c r="AG881" s="137"/>
      <c r="AH881" s="137"/>
      <c r="AI881" s="137"/>
      <c r="AJ881" s="137"/>
      <c r="AK881" s="137"/>
      <c r="AL881" s="137"/>
      <c r="AM881" s="137"/>
      <c r="AN881" s="137"/>
      <c r="AO881" s="137"/>
      <c r="AP881" s="137"/>
      <c r="AQ881" s="137"/>
      <c r="AR881" s="137"/>
      <c r="AS881" s="137"/>
      <c r="AT881" s="137"/>
      <c r="AU881" s="137"/>
      <c r="AV881" s="137"/>
      <c r="AW881" s="144"/>
    </row>
    <row r="882" spans="7:49" x14ac:dyDescent="0.2">
      <c r="G882" s="43"/>
      <c r="Z882" s="143"/>
      <c r="AA882" s="137"/>
      <c r="AB882" s="137"/>
      <c r="AC882" s="137"/>
      <c r="AD882" s="137"/>
      <c r="AE882" s="137"/>
      <c r="AF882" s="137"/>
      <c r="AG882" s="137"/>
      <c r="AH882" s="137"/>
      <c r="AI882" s="137"/>
      <c r="AJ882" s="137"/>
      <c r="AK882" s="137"/>
      <c r="AL882" s="137"/>
      <c r="AM882" s="137"/>
      <c r="AN882" s="137"/>
      <c r="AO882" s="137"/>
      <c r="AP882" s="137"/>
      <c r="AQ882" s="137"/>
      <c r="AR882" s="137"/>
      <c r="AS882" s="137"/>
      <c r="AT882" s="137"/>
      <c r="AU882" s="137"/>
      <c r="AV882" s="137"/>
      <c r="AW882" s="144"/>
    </row>
    <row r="883" spans="7:49" x14ac:dyDescent="0.2">
      <c r="G883" s="43"/>
      <c r="Z883" s="143"/>
      <c r="AA883" s="137"/>
      <c r="AB883" s="137"/>
      <c r="AC883" s="137"/>
      <c r="AD883" s="137"/>
      <c r="AE883" s="137"/>
      <c r="AF883" s="137"/>
      <c r="AG883" s="137"/>
      <c r="AH883" s="137"/>
      <c r="AI883" s="137"/>
      <c r="AJ883" s="137"/>
      <c r="AK883" s="137"/>
      <c r="AL883" s="137"/>
      <c r="AM883" s="137"/>
      <c r="AN883" s="137"/>
      <c r="AO883" s="137"/>
      <c r="AP883" s="137"/>
      <c r="AQ883" s="137"/>
      <c r="AR883" s="137"/>
      <c r="AS883" s="137"/>
      <c r="AT883" s="137"/>
      <c r="AU883" s="137"/>
      <c r="AV883" s="137"/>
      <c r="AW883" s="144"/>
    </row>
    <row r="884" spans="7:49" x14ac:dyDescent="0.2">
      <c r="G884" s="43"/>
      <c r="Z884" s="143"/>
      <c r="AA884" s="137"/>
      <c r="AB884" s="137"/>
      <c r="AC884" s="137"/>
      <c r="AD884" s="137"/>
      <c r="AE884" s="137"/>
      <c r="AF884" s="137"/>
      <c r="AG884" s="137"/>
      <c r="AH884" s="137"/>
      <c r="AI884" s="137"/>
      <c r="AJ884" s="137"/>
      <c r="AK884" s="137"/>
      <c r="AL884" s="137"/>
      <c r="AM884" s="137"/>
      <c r="AN884" s="137"/>
      <c r="AO884" s="137"/>
      <c r="AP884" s="137"/>
      <c r="AQ884" s="137"/>
      <c r="AR884" s="137"/>
      <c r="AS884" s="137"/>
      <c r="AT884" s="137"/>
      <c r="AU884" s="137"/>
      <c r="AV884" s="137"/>
      <c r="AW884" s="144"/>
    </row>
    <row r="885" spans="7:49" x14ac:dyDescent="0.2">
      <c r="G885" s="43"/>
      <c r="Z885" s="143"/>
      <c r="AA885" s="137"/>
      <c r="AB885" s="137"/>
      <c r="AC885" s="137"/>
      <c r="AD885" s="137"/>
      <c r="AE885" s="137"/>
      <c r="AF885" s="137"/>
      <c r="AG885" s="137"/>
      <c r="AH885" s="137"/>
      <c r="AI885" s="137"/>
      <c r="AJ885" s="137"/>
      <c r="AK885" s="137"/>
      <c r="AL885" s="137"/>
      <c r="AM885" s="137"/>
      <c r="AN885" s="137"/>
      <c r="AO885" s="137"/>
      <c r="AP885" s="137"/>
      <c r="AQ885" s="137"/>
      <c r="AR885" s="137"/>
      <c r="AS885" s="137"/>
      <c r="AT885" s="137"/>
      <c r="AU885" s="137"/>
      <c r="AV885" s="137"/>
      <c r="AW885" s="144"/>
    </row>
    <row r="886" spans="7:49" x14ac:dyDescent="0.2">
      <c r="G886" s="43"/>
      <c r="Z886" s="143"/>
      <c r="AA886" s="137"/>
      <c r="AB886" s="137"/>
      <c r="AC886" s="137"/>
      <c r="AD886" s="137"/>
      <c r="AE886" s="137"/>
      <c r="AF886" s="137"/>
      <c r="AG886" s="137"/>
      <c r="AH886" s="137"/>
      <c r="AI886" s="137"/>
      <c r="AJ886" s="137"/>
      <c r="AK886" s="137"/>
      <c r="AL886" s="137"/>
      <c r="AM886" s="137"/>
      <c r="AN886" s="137"/>
      <c r="AO886" s="137"/>
      <c r="AP886" s="137"/>
      <c r="AQ886" s="137"/>
      <c r="AR886" s="137"/>
      <c r="AS886" s="137"/>
      <c r="AT886" s="137"/>
      <c r="AU886" s="137"/>
      <c r="AV886" s="137"/>
      <c r="AW886" s="144"/>
    </row>
    <row r="887" spans="7:49" x14ac:dyDescent="0.2">
      <c r="G887" s="43"/>
      <c r="Z887" s="143"/>
      <c r="AA887" s="137"/>
      <c r="AB887" s="137"/>
      <c r="AC887" s="137"/>
      <c r="AD887" s="137"/>
      <c r="AE887" s="137"/>
      <c r="AF887" s="137"/>
      <c r="AG887" s="137"/>
      <c r="AH887" s="137"/>
      <c r="AI887" s="137"/>
      <c r="AJ887" s="137"/>
      <c r="AK887" s="137"/>
      <c r="AL887" s="137"/>
      <c r="AM887" s="137"/>
      <c r="AN887" s="137"/>
      <c r="AO887" s="137"/>
      <c r="AP887" s="137"/>
      <c r="AQ887" s="137"/>
      <c r="AR887" s="137"/>
      <c r="AS887" s="137"/>
      <c r="AT887" s="137"/>
      <c r="AU887" s="137"/>
      <c r="AV887" s="137"/>
      <c r="AW887" s="144"/>
    </row>
    <row r="888" spans="7:49" x14ac:dyDescent="0.2">
      <c r="G888" s="43"/>
      <c r="Z888" s="143"/>
      <c r="AA888" s="137"/>
      <c r="AB888" s="137"/>
      <c r="AC888" s="137"/>
      <c r="AD888" s="137"/>
      <c r="AE888" s="137"/>
      <c r="AF888" s="137"/>
      <c r="AG888" s="137"/>
      <c r="AH888" s="137"/>
      <c r="AI888" s="137"/>
      <c r="AJ888" s="137"/>
      <c r="AK888" s="137"/>
      <c r="AL888" s="137"/>
      <c r="AM888" s="137"/>
      <c r="AN888" s="137"/>
      <c r="AO888" s="137"/>
      <c r="AP888" s="137"/>
      <c r="AQ888" s="137"/>
      <c r="AR888" s="137"/>
      <c r="AS888" s="137"/>
      <c r="AT888" s="137"/>
      <c r="AU888" s="137"/>
      <c r="AV888" s="137"/>
      <c r="AW888" s="144"/>
    </row>
    <row r="889" spans="7:49" x14ac:dyDescent="0.2">
      <c r="G889" s="43"/>
      <c r="Z889" s="143"/>
      <c r="AA889" s="137"/>
      <c r="AB889" s="137"/>
      <c r="AC889" s="137"/>
      <c r="AD889" s="137"/>
      <c r="AE889" s="137"/>
      <c r="AF889" s="137"/>
      <c r="AG889" s="137"/>
      <c r="AH889" s="137"/>
      <c r="AI889" s="137"/>
      <c r="AJ889" s="137"/>
      <c r="AK889" s="137"/>
      <c r="AL889" s="137"/>
      <c r="AM889" s="137"/>
      <c r="AN889" s="137"/>
      <c r="AO889" s="137"/>
      <c r="AP889" s="137"/>
      <c r="AQ889" s="137"/>
      <c r="AR889" s="137"/>
      <c r="AS889" s="137"/>
      <c r="AT889" s="137"/>
      <c r="AU889" s="137"/>
      <c r="AV889" s="137"/>
      <c r="AW889" s="144"/>
    </row>
    <row r="890" spans="7:49" x14ac:dyDescent="0.2">
      <c r="G890" s="43"/>
      <c r="Z890" s="143"/>
      <c r="AA890" s="137"/>
      <c r="AB890" s="137"/>
      <c r="AC890" s="137"/>
      <c r="AD890" s="137"/>
      <c r="AE890" s="137"/>
      <c r="AF890" s="137"/>
      <c r="AG890" s="137"/>
      <c r="AH890" s="137"/>
      <c r="AI890" s="137"/>
      <c r="AJ890" s="137"/>
      <c r="AK890" s="137"/>
      <c r="AL890" s="137"/>
      <c r="AM890" s="137"/>
      <c r="AN890" s="137"/>
      <c r="AO890" s="137"/>
      <c r="AP890" s="137"/>
      <c r="AQ890" s="137"/>
      <c r="AR890" s="137"/>
      <c r="AS890" s="137"/>
      <c r="AT890" s="137"/>
      <c r="AU890" s="137"/>
      <c r="AV890" s="137"/>
      <c r="AW890" s="144"/>
    </row>
    <row r="891" spans="7:49" x14ac:dyDescent="0.2">
      <c r="G891" s="43"/>
      <c r="Z891" s="143"/>
      <c r="AA891" s="137"/>
      <c r="AB891" s="137"/>
      <c r="AC891" s="137"/>
      <c r="AD891" s="137"/>
      <c r="AE891" s="137"/>
      <c r="AF891" s="137"/>
      <c r="AG891" s="137"/>
      <c r="AH891" s="137"/>
      <c r="AI891" s="137"/>
      <c r="AJ891" s="137"/>
      <c r="AK891" s="137"/>
      <c r="AL891" s="137"/>
      <c r="AM891" s="137"/>
      <c r="AN891" s="137"/>
      <c r="AO891" s="137"/>
      <c r="AP891" s="137"/>
      <c r="AQ891" s="137"/>
      <c r="AR891" s="137"/>
      <c r="AS891" s="137"/>
      <c r="AT891" s="137"/>
      <c r="AU891" s="137"/>
      <c r="AV891" s="137"/>
      <c r="AW891" s="144"/>
    </row>
    <row r="892" spans="7:49" x14ac:dyDescent="0.2">
      <c r="G892" s="43"/>
      <c r="Z892" s="143"/>
      <c r="AA892" s="137"/>
      <c r="AB892" s="137"/>
      <c r="AC892" s="137"/>
      <c r="AD892" s="137"/>
      <c r="AE892" s="137"/>
      <c r="AF892" s="137"/>
      <c r="AG892" s="137"/>
      <c r="AH892" s="137"/>
      <c r="AI892" s="137"/>
      <c r="AJ892" s="137"/>
      <c r="AK892" s="137"/>
      <c r="AL892" s="137"/>
      <c r="AM892" s="137"/>
      <c r="AN892" s="137"/>
      <c r="AO892" s="137"/>
      <c r="AP892" s="137"/>
      <c r="AQ892" s="137"/>
      <c r="AR892" s="137"/>
      <c r="AS892" s="137"/>
      <c r="AT892" s="137"/>
      <c r="AU892" s="137"/>
      <c r="AV892" s="137"/>
      <c r="AW892" s="144"/>
    </row>
    <row r="893" spans="7:49" x14ac:dyDescent="0.2">
      <c r="G893" s="43"/>
      <c r="Z893" s="143"/>
      <c r="AA893" s="137"/>
      <c r="AB893" s="137"/>
      <c r="AC893" s="137"/>
      <c r="AD893" s="137"/>
      <c r="AE893" s="137"/>
      <c r="AF893" s="137"/>
      <c r="AG893" s="137"/>
      <c r="AH893" s="137"/>
      <c r="AI893" s="137"/>
      <c r="AJ893" s="137"/>
      <c r="AK893" s="137"/>
      <c r="AL893" s="137"/>
      <c r="AM893" s="137"/>
      <c r="AN893" s="137"/>
      <c r="AO893" s="137"/>
      <c r="AP893" s="137"/>
      <c r="AQ893" s="137"/>
      <c r="AR893" s="137"/>
      <c r="AS893" s="137"/>
      <c r="AT893" s="137"/>
      <c r="AU893" s="137"/>
      <c r="AV893" s="137"/>
      <c r="AW893" s="144"/>
    </row>
    <row r="894" spans="7:49" x14ac:dyDescent="0.2">
      <c r="G894" s="43"/>
      <c r="Z894" s="143"/>
      <c r="AA894" s="137"/>
      <c r="AB894" s="137"/>
      <c r="AC894" s="137"/>
      <c r="AD894" s="137"/>
      <c r="AE894" s="137"/>
      <c r="AF894" s="137"/>
      <c r="AG894" s="137"/>
      <c r="AH894" s="137"/>
      <c r="AI894" s="137"/>
      <c r="AJ894" s="137"/>
      <c r="AK894" s="137"/>
      <c r="AL894" s="137"/>
      <c r="AM894" s="137"/>
      <c r="AN894" s="137"/>
      <c r="AO894" s="137"/>
      <c r="AP894" s="137"/>
      <c r="AQ894" s="137"/>
      <c r="AR894" s="137"/>
      <c r="AS894" s="137"/>
      <c r="AT894" s="137"/>
      <c r="AU894" s="137"/>
      <c r="AV894" s="137"/>
      <c r="AW894" s="144"/>
    </row>
    <row r="895" spans="7:49" x14ac:dyDescent="0.2">
      <c r="G895" s="43"/>
      <c r="Z895" s="143"/>
      <c r="AA895" s="137"/>
      <c r="AB895" s="137"/>
      <c r="AC895" s="137"/>
      <c r="AD895" s="137"/>
      <c r="AE895" s="137"/>
      <c r="AF895" s="137"/>
      <c r="AG895" s="137"/>
      <c r="AH895" s="137"/>
      <c r="AI895" s="137"/>
      <c r="AJ895" s="137"/>
      <c r="AK895" s="137"/>
      <c r="AL895" s="137"/>
      <c r="AM895" s="137"/>
      <c r="AN895" s="137"/>
      <c r="AO895" s="137"/>
      <c r="AP895" s="137"/>
      <c r="AQ895" s="137"/>
      <c r="AR895" s="137"/>
      <c r="AS895" s="137"/>
      <c r="AT895" s="137"/>
      <c r="AU895" s="137"/>
      <c r="AV895" s="137"/>
      <c r="AW895" s="144"/>
    </row>
    <row r="896" spans="7:49" x14ac:dyDescent="0.2">
      <c r="G896" s="43"/>
      <c r="Z896" s="143"/>
      <c r="AA896" s="137"/>
      <c r="AB896" s="137"/>
      <c r="AC896" s="137"/>
      <c r="AD896" s="137"/>
      <c r="AE896" s="137"/>
      <c r="AF896" s="137"/>
      <c r="AG896" s="137"/>
      <c r="AH896" s="137"/>
      <c r="AI896" s="137"/>
      <c r="AJ896" s="137"/>
      <c r="AK896" s="137"/>
      <c r="AL896" s="137"/>
      <c r="AM896" s="137"/>
      <c r="AN896" s="137"/>
      <c r="AO896" s="137"/>
      <c r="AP896" s="137"/>
      <c r="AQ896" s="137"/>
      <c r="AR896" s="137"/>
      <c r="AS896" s="137"/>
      <c r="AT896" s="137"/>
      <c r="AU896" s="137"/>
      <c r="AV896" s="137"/>
      <c r="AW896" s="144"/>
    </row>
    <row r="897" spans="7:49" x14ac:dyDescent="0.2">
      <c r="G897" s="43"/>
      <c r="Z897" s="143"/>
      <c r="AA897" s="137"/>
      <c r="AB897" s="137"/>
      <c r="AC897" s="137"/>
      <c r="AD897" s="137"/>
      <c r="AE897" s="137"/>
      <c r="AF897" s="137"/>
      <c r="AG897" s="137"/>
      <c r="AH897" s="137"/>
      <c r="AI897" s="137"/>
      <c r="AJ897" s="137"/>
      <c r="AK897" s="137"/>
      <c r="AL897" s="137"/>
      <c r="AM897" s="137"/>
      <c r="AN897" s="137"/>
      <c r="AO897" s="137"/>
      <c r="AP897" s="137"/>
      <c r="AQ897" s="137"/>
      <c r="AR897" s="137"/>
      <c r="AS897" s="137"/>
      <c r="AT897" s="137"/>
      <c r="AU897" s="137"/>
      <c r="AV897" s="137"/>
      <c r="AW897" s="144"/>
    </row>
    <row r="898" spans="7:49" x14ac:dyDescent="0.2">
      <c r="G898" s="43"/>
      <c r="Z898" s="143"/>
      <c r="AA898" s="137"/>
      <c r="AB898" s="137"/>
      <c r="AC898" s="137"/>
      <c r="AD898" s="137"/>
      <c r="AE898" s="137"/>
      <c r="AF898" s="137"/>
      <c r="AG898" s="137"/>
      <c r="AH898" s="137"/>
      <c r="AI898" s="137"/>
      <c r="AJ898" s="137"/>
      <c r="AK898" s="137"/>
      <c r="AL898" s="137"/>
      <c r="AM898" s="137"/>
      <c r="AN898" s="137"/>
      <c r="AO898" s="137"/>
      <c r="AP898" s="137"/>
      <c r="AQ898" s="137"/>
      <c r="AR898" s="137"/>
      <c r="AS898" s="137"/>
      <c r="AT898" s="137"/>
      <c r="AU898" s="137"/>
      <c r="AV898" s="137"/>
      <c r="AW898" s="144"/>
    </row>
    <row r="899" spans="7:49" x14ac:dyDescent="0.2">
      <c r="G899" s="43"/>
      <c r="Z899" s="143"/>
      <c r="AA899" s="137"/>
      <c r="AB899" s="137"/>
      <c r="AC899" s="137"/>
      <c r="AD899" s="137"/>
      <c r="AE899" s="137"/>
      <c r="AF899" s="137"/>
      <c r="AG899" s="137"/>
      <c r="AH899" s="137"/>
      <c r="AI899" s="137"/>
      <c r="AJ899" s="137"/>
      <c r="AK899" s="137"/>
      <c r="AL899" s="137"/>
      <c r="AM899" s="137"/>
      <c r="AN899" s="137"/>
      <c r="AO899" s="137"/>
      <c r="AP899" s="137"/>
      <c r="AQ899" s="137"/>
      <c r="AR899" s="137"/>
      <c r="AS899" s="137"/>
      <c r="AT899" s="137"/>
      <c r="AU899" s="137"/>
      <c r="AV899" s="137"/>
      <c r="AW899" s="144"/>
    </row>
    <row r="900" spans="7:49" x14ac:dyDescent="0.2">
      <c r="G900" s="43"/>
      <c r="Z900" s="143"/>
      <c r="AA900" s="137"/>
      <c r="AB900" s="137"/>
      <c r="AC900" s="137"/>
      <c r="AD900" s="137"/>
      <c r="AE900" s="137"/>
      <c r="AF900" s="137"/>
      <c r="AG900" s="137"/>
      <c r="AH900" s="137"/>
      <c r="AI900" s="137"/>
      <c r="AJ900" s="137"/>
      <c r="AK900" s="137"/>
      <c r="AL900" s="137"/>
      <c r="AM900" s="137"/>
      <c r="AN900" s="137"/>
      <c r="AO900" s="137"/>
      <c r="AP900" s="137"/>
      <c r="AQ900" s="137"/>
      <c r="AR900" s="137"/>
      <c r="AS900" s="137"/>
      <c r="AT900" s="137"/>
      <c r="AU900" s="137"/>
      <c r="AV900" s="137"/>
      <c r="AW900" s="144"/>
    </row>
    <row r="901" spans="7:49" x14ac:dyDescent="0.2">
      <c r="G901" s="43"/>
      <c r="Z901" s="143"/>
      <c r="AA901" s="137"/>
      <c r="AB901" s="137"/>
      <c r="AC901" s="137"/>
      <c r="AD901" s="137"/>
      <c r="AE901" s="137"/>
      <c r="AF901" s="137"/>
      <c r="AG901" s="137"/>
      <c r="AH901" s="137"/>
      <c r="AI901" s="137"/>
      <c r="AJ901" s="137"/>
      <c r="AK901" s="137"/>
      <c r="AL901" s="137"/>
      <c r="AM901" s="137"/>
      <c r="AN901" s="137"/>
      <c r="AO901" s="137"/>
      <c r="AP901" s="137"/>
      <c r="AQ901" s="137"/>
      <c r="AR901" s="137"/>
      <c r="AS901" s="137"/>
      <c r="AT901" s="137"/>
      <c r="AU901" s="137"/>
      <c r="AV901" s="137"/>
      <c r="AW901" s="144"/>
    </row>
    <row r="902" spans="7:49" x14ac:dyDescent="0.2">
      <c r="G902" s="43"/>
      <c r="Z902" s="143"/>
      <c r="AA902" s="137"/>
      <c r="AB902" s="137"/>
      <c r="AC902" s="137"/>
      <c r="AD902" s="137"/>
      <c r="AE902" s="137"/>
      <c r="AF902" s="137"/>
      <c r="AG902" s="137"/>
      <c r="AH902" s="137"/>
      <c r="AI902" s="137"/>
      <c r="AJ902" s="137"/>
      <c r="AK902" s="137"/>
      <c r="AL902" s="137"/>
      <c r="AM902" s="137"/>
      <c r="AN902" s="137"/>
      <c r="AO902" s="137"/>
      <c r="AP902" s="137"/>
      <c r="AQ902" s="137"/>
      <c r="AR902" s="137"/>
      <c r="AS902" s="137"/>
      <c r="AT902" s="137"/>
      <c r="AU902" s="137"/>
      <c r="AV902" s="137"/>
      <c r="AW902" s="144"/>
    </row>
    <row r="903" spans="7:49" x14ac:dyDescent="0.2">
      <c r="G903" s="43"/>
      <c r="Z903" s="143"/>
      <c r="AA903" s="137"/>
      <c r="AB903" s="137"/>
      <c r="AC903" s="137"/>
      <c r="AD903" s="137"/>
      <c r="AE903" s="137"/>
      <c r="AF903" s="137"/>
      <c r="AG903" s="137"/>
      <c r="AH903" s="137"/>
      <c r="AI903" s="137"/>
      <c r="AJ903" s="137"/>
      <c r="AK903" s="137"/>
      <c r="AL903" s="137"/>
      <c r="AM903" s="137"/>
      <c r="AN903" s="137"/>
      <c r="AO903" s="137"/>
      <c r="AP903" s="137"/>
      <c r="AQ903" s="137"/>
      <c r="AR903" s="137"/>
      <c r="AS903" s="137"/>
      <c r="AT903" s="137"/>
      <c r="AU903" s="137"/>
      <c r="AV903" s="137"/>
      <c r="AW903" s="144"/>
    </row>
    <row r="904" spans="7:49" x14ac:dyDescent="0.2">
      <c r="G904" s="43"/>
      <c r="Z904" s="143"/>
      <c r="AA904" s="137"/>
      <c r="AB904" s="137"/>
      <c r="AC904" s="137"/>
      <c r="AD904" s="137"/>
      <c r="AE904" s="137"/>
      <c r="AF904" s="137"/>
      <c r="AG904" s="137"/>
      <c r="AH904" s="137"/>
      <c r="AI904" s="137"/>
      <c r="AJ904" s="137"/>
      <c r="AK904" s="137"/>
      <c r="AL904" s="137"/>
      <c r="AM904" s="137"/>
      <c r="AN904" s="137"/>
      <c r="AO904" s="137"/>
      <c r="AP904" s="137"/>
      <c r="AQ904" s="137"/>
      <c r="AR904" s="137"/>
      <c r="AS904" s="137"/>
      <c r="AT904" s="137"/>
      <c r="AU904" s="137"/>
      <c r="AV904" s="137"/>
      <c r="AW904" s="144"/>
    </row>
    <row r="905" spans="7:49" x14ac:dyDescent="0.2">
      <c r="G905" s="43"/>
      <c r="Z905" s="143"/>
      <c r="AA905" s="137"/>
      <c r="AB905" s="137"/>
      <c r="AC905" s="137"/>
      <c r="AD905" s="137"/>
      <c r="AE905" s="137"/>
      <c r="AF905" s="137"/>
      <c r="AG905" s="137"/>
      <c r="AH905" s="137"/>
      <c r="AI905" s="137"/>
      <c r="AJ905" s="137"/>
      <c r="AK905" s="137"/>
      <c r="AL905" s="137"/>
      <c r="AM905" s="137"/>
      <c r="AN905" s="137"/>
      <c r="AO905" s="137"/>
      <c r="AP905" s="137"/>
      <c r="AQ905" s="137"/>
      <c r="AR905" s="137"/>
      <c r="AS905" s="137"/>
      <c r="AT905" s="137"/>
      <c r="AU905" s="137"/>
      <c r="AV905" s="137"/>
      <c r="AW905" s="144"/>
    </row>
    <row r="906" spans="7:49" x14ac:dyDescent="0.2">
      <c r="G906" s="43"/>
      <c r="Z906" s="143"/>
      <c r="AA906" s="137"/>
      <c r="AB906" s="137"/>
      <c r="AC906" s="137"/>
      <c r="AD906" s="137"/>
      <c r="AE906" s="137"/>
      <c r="AF906" s="137"/>
      <c r="AG906" s="137"/>
      <c r="AH906" s="137"/>
      <c r="AI906" s="137"/>
      <c r="AJ906" s="137"/>
      <c r="AK906" s="137"/>
      <c r="AL906" s="137"/>
      <c r="AM906" s="137"/>
      <c r="AN906" s="137"/>
      <c r="AO906" s="137"/>
      <c r="AP906" s="137"/>
      <c r="AQ906" s="137"/>
      <c r="AR906" s="137"/>
      <c r="AS906" s="137"/>
      <c r="AT906" s="137"/>
      <c r="AU906" s="137"/>
      <c r="AV906" s="137"/>
      <c r="AW906" s="144"/>
    </row>
    <row r="907" spans="7:49" x14ac:dyDescent="0.2">
      <c r="G907" s="43"/>
      <c r="Z907" s="143"/>
      <c r="AA907" s="137"/>
      <c r="AB907" s="137"/>
      <c r="AC907" s="137"/>
      <c r="AD907" s="137"/>
      <c r="AE907" s="137"/>
      <c r="AF907" s="137"/>
      <c r="AG907" s="137"/>
      <c r="AH907" s="137"/>
      <c r="AI907" s="137"/>
      <c r="AJ907" s="137"/>
      <c r="AK907" s="137"/>
      <c r="AL907" s="137"/>
      <c r="AM907" s="137"/>
      <c r="AN907" s="137"/>
      <c r="AO907" s="137"/>
      <c r="AP907" s="137"/>
      <c r="AQ907" s="137"/>
      <c r="AR907" s="137"/>
      <c r="AS907" s="137"/>
      <c r="AT907" s="137"/>
      <c r="AU907" s="137"/>
      <c r="AV907" s="137"/>
      <c r="AW907" s="144"/>
    </row>
    <row r="908" spans="7:49" x14ac:dyDescent="0.2">
      <c r="G908" s="43"/>
      <c r="Z908" s="143"/>
      <c r="AA908" s="137"/>
      <c r="AB908" s="137"/>
      <c r="AC908" s="137"/>
      <c r="AD908" s="137"/>
      <c r="AE908" s="137"/>
      <c r="AF908" s="137"/>
      <c r="AG908" s="137"/>
      <c r="AH908" s="137"/>
      <c r="AI908" s="137"/>
      <c r="AJ908" s="137"/>
      <c r="AK908" s="137"/>
      <c r="AL908" s="137"/>
      <c r="AM908" s="137"/>
      <c r="AN908" s="137"/>
      <c r="AO908" s="137"/>
      <c r="AP908" s="137"/>
      <c r="AQ908" s="137"/>
      <c r="AR908" s="137"/>
      <c r="AS908" s="137"/>
      <c r="AT908" s="137"/>
      <c r="AU908" s="137"/>
      <c r="AV908" s="137"/>
      <c r="AW908" s="144"/>
    </row>
    <row r="909" spans="7:49" x14ac:dyDescent="0.2">
      <c r="G909" s="43"/>
      <c r="Z909" s="143"/>
      <c r="AA909" s="137"/>
      <c r="AB909" s="137"/>
      <c r="AC909" s="137"/>
      <c r="AD909" s="137"/>
      <c r="AE909" s="137"/>
      <c r="AF909" s="137"/>
      <c r="AG909" s="137"/>
      <c r="AH909" s="137"/>
      <c r="AI909" s="137"/>
      <c r="AJ909" s="137"/>
      <c r="AK909" s="137"/>
      <c r="AL909" s="137"/>
      <c r="AM909" s="137"/>
      <c r="AN909" s="137"/>
      <c r="AO909" s="137"/>
      <c r="AP909" s="137"/>
      <c r="AQ909" s="137"/>
      <c r="AR909" s="137"/>
      <c r="AS909" s="137"/>
      <c r="AT909" s="137"/>
      <c r="AU909" s="137"/>
      <c r="AV909" s="137"/>
      <c r="AW909" s="144"/>
    </row>
    <row r="910" spans="7:49" x14ac:dyDescent="0.2">
      <c r="G910" s="43"/>
      <c r="Z910" s="143"/>
      <c r="AA910" s="137"/>
      <c r="AB910" s="137"/>
      <c r="AC910" s="137"/>
      <c r="AD910" s="137"/>
      <c r="AE910" s="137"/>
      <c r="AF910" s="137"/>
      <c r="AG910" s="137"/>
      <c r="AH910" s="137"/>
      <c r="AI910" s="137"/>
      <c r="AJ910" s="137"/>
      <c r="AK910" s="137"/>
      <c r="AL910" s="137"/>
      <c r="AM910" s="137"/>
      <c r="AN910" s="137"/>
      <c r="AO910" s="137"/>
      <c r="AP910" s="137"/>
      <c r="AQ910" s="137"/>
      <c r="AR910" s="137"/>
      <c r="AS910" s="137"/>
      <c r="AT910" s="137"/>
      <c r="AU910" s="137"/>
      <c r="AV910" s="137"/>
      <c r="AW910" s="144"/>
    </row>
    <row r="911" spans="7:49" x14ac:dyDescent="0.2">
      <c r="G911" s="43"/>
      <c r="Z911" s="143"/>
      <c r="AA911" s="137"/>
      <c r="AB911" s="137"/>
      <c r="AC911" s="137"/>
      <c r="AD911" s="137"/>
      <c r="AE911" s="137"/>
      <c r="AF911" s="137"/>
      <c r="AG911" s="137"/>
      <c r="AH911" s="137"/>
      <c r="AI911" s="137"/>
      <c r="AJ911" s="137"/>
      <c r="AK911" s="137"/>
      <c r="AL911" s="137"/>
      <c r="AM911" s="137"/>
      <c r="AN911" s="137"/>
      <c r="AO911" s="137"/>
      <c r="AP911" s="137"/>
      <c r="AQ911" s="137"/>
      <c r="AR911" s="137"/>
      <c r="AS911" s="137"/>
      <c r="AT911" s="137"/>
      <c r="AU911" s="137"/>
      <c r="AV911" s="137"/>
      <c r="AW911" s="144"/>
    </row>
    <row r="912" spans="7:49" x14ac:dyDescent="0.2">
      <c r="G912" s="43"/>
      <c r="Z912" s="143"/>
      <c r="AA912" s="137"/>
      <c r="AB912" s="137"/>
      <c r="AC912" s="137"/>
      <c r="AD912" s="137"/>
      <c r="AE912" s="137"/>
      <c r="AF912" s="137"/>
      <c r="AG912" s="137"/>
      <c r="AH912" s="137"/>
      <c r="AI912" s="137"/>
      <c r="AJ912" s="137"/>
      <c r="AK912" s="137"/>
      <c r="AL912" s="137"/>
      <c r="AM912" s="137"/>
      <c r="AN912" s="137"/>
      <c r="AO912" s="137"/>
      <c r="AP912" s="137"/>
      <c r="AQ912" s="137"/>
      <c r="AR912" s="137"/>
      <c r="AS912" s="137"/>
      <c r="AT912" s="137"/>
      <c r="AU912" s="137"/>
      <c r="AV912" s="137"/>
      <c r="AW912" s="144"/>
    </row>
    <row r="913" spans="7:49" x14ac:dyDescent="0.2">
      <c r="G913" s="43"/>
      <c r="Z913" s="143"/>
      <c r="AA913" s="137"/>
      <c r="AB913" s="137"/>
      <c r="AC913" s="137"/>
      <c r="AD913" s="137"/>
      <c r="AE913" s="137"/>
      <c r="AF913" s="137"/>
      <c r="AG913" s="137"/>
      <c r="AH913" s="137"/>
      <c r="AI913" s="137"/>
      <c r="AJ913" s="137"/>
      <c r="AK913" s="137"/>
      <c r="AL913" s="137"/>
      <c r="AM913" s="137"/>
      <c r="AN913" s="137"/>
      <c r="AO913" s="137"/>
      <c r="AP913" s="137"/>
      <c r="AQ913" s="137"/>
      <c r="AR913" s="137"/>
      <c r="AS913" s="137"/>
      <c r="AT913" s="137"/>
      <c r="AU913" s="137"/>
      <c r="AV913" s="137"/>
      <c r="AW913" s="144"/>
    </row>
    <row r="914" spans="7:49" x14ac:dyDescent="0.2">
      <c r="G914" s="43"/>
      <c r="Z914" s="143"/>
      <c r="AA914" s="137"/>
      <c r="AB914" s="137"/>
      <c r="AC914" s="137"/>
      <c r="AD914" s="137"/>
      <c r="AE914" s="137"/>
      <c r="AF914" s="137"/>
      <c r="AG914" s="137"/>
      <c r="AH914" s="137"/>
      <c r="AI914" s="137"/>
      <c r="AJ914" s="137"/>
      <c r="AK914" s="137"/>
      <c r="AL914" s="137"/>
      <c r="AM914" s="137"/>
      <c r="AN914" s="137"/>
      <c r="AO914" s="137"/>
      <c r="AP914" s="137"/>
      <c r="AQ914" s="137"/>
      <c r="AR914" s="137"/>
      <c r="AS914" s="137"/>
      <c r="AT914" s="137"/>
      <c r="AU914" s="137"/>
      <c r="AV914" s="137"/>
      <c r="AW914" s="144"/>
    </row>
    <row r="915" spans="7:49" x14ac:dyDescent="0.2">
      <c r="G915" s="43"/>
      <c r="Z915" s="143"/>
      <c r="AA915" s="137"/>
      <c r="AB915" s="137"/>
      <c r="AC915" s="137"/>
      <c r="AD915" s="137"/>
      <c r="AE915" s="137"/>
      <c r="AF915" s="137"/>
      <c r="AG915" s="137"/>
      <c r="AH915" s="137"/>
      <c r="AI915" s="137"/>
      <c r="AJ915" s="137"/>
      <c r="AK915" s="137"/>
      <c r="AL915" s="137"/>
      <c r="AM915" s="137"/>
      <c r="AN915" s="137"/>
      <c r="AO915" s="137"/>
      <c r="AP915" s="137"/>
      <c r="AQ915" s="137"/>
      <c r="AR915" s="137"/>
      <c r="AS915" s="137"/>
      <c r="AT915" s="137"/>
      <c r="AU915" s="137"/>
      <c r="AV915" s="137"/>
      <c r="AW915" s="144"/>
    </row>
    <row r="916" spans="7:49" x14ac:dyDescent="0.2">
      <c r="G916" s="43"/>
      <c r="Z916" s="143"/>
      <c r="AA916" s="137"/>
      <c r="AB916" s="137"/>
      <c r="AC916" s="137"/>
      <c r="AD916" s="137"/>
      <c r="AE916" s="137"/>
      <c r="AF916" s="137"/>
      <c r="AG916" s="137"/>
      <c r="AH916" s="137"/>
      <c r="AI916" s="137"/>
      <c r="AJ916" s="137"/>
      <c r="AK916" s="137"/>
      <c r="AL916" s="137"/>
      <c r="AM916" s="137"/>
      <c r="AN916" s="137"/>
      <c r="AO916" s="137"/>
      <c r="AP916" s="137"/>
      <c r="AQ916" s="137"/>
      <c r="AR916" s="137"/>
      <c r="AS916" s="137"/>
      <c r="AT916" s="137"/>
      <c r="AU916" s="137"/>
      <c r="AV916" s="137"/>
      <c r="AW916" s="144"/>
    </row>
    <row r="917" spans="7:49" x14ac:dyDescent="0.2">
      <c r="G917" s="43"/>
      <c r="Z917" s="143"/>
      <c r="AA917" s="137"/>
      <c r="AB917" s="137"/>
      <c r="AC917" s="137"/>
      <c r="AD917" s="137"/>
      <c r="AE917" s="137"/>
      <c r="AF917" s="137"/>
      <c r="AG917" s="137"/>
      <c r="AH917" s="137"/>
      <c r="AI917" s="137"/>
      <c r="AJ917" s="137"/>
      <c r="AK917" s="137"/>
      <c r="AL917" s="137"/>
      <c r="AM917" s="137"/>
      <c r="AN917" s="137"/>
      <c r="AO917" s="137"/>
      <c r="AP917" s="137"/>
      <c r="AQ917" s="137"/>
      <c r="AR917" s="137"/>
      <c r="AS917" s="137"/>
      <c r="AT917" s="137"/>
      <c r="AU917" s="137"/>
      <c r="AV917" s="137"/>
      <c r="AW917" s="144"/>
    </row>
    <row r="918" spans="7:49" x14ac:dyDescent="0.2">
      <c r="G918" s="43"/>
      <c r="Z918" s="143"/>
      <c r="AA918" s="137"/>
      <c r="AB918" s="137"/>
      <c r="AC918" s="137"/>
      <c r="AD918" s="137"/>
      <c r="AE918" s="137"/>
      <c r="AF918" s="137"/>
      <c r="AG918" s="137"/>
      <c r="AH918" s="137"/>
      <c r="AI918" s="137"/>
      <c r="AJ918" s="137"/>
      <c r="AK918" s="137"/>
      <c r="AL918" s="137"/>
      <c r="AM918" s="137"/>
      <c r="AN918" s="137"/>
      <c r="AO918" s="137"/>
      <c r="AP918" s="137"/>
      <c r="AQ918" s="137"/>
      <c r="AR918" s="137"/>
      <c r="AS918" s="137"/>
      <c r="AT918" s="137"/>
      <c r="AU918" s="137"/>
      <c r="AV918" s="137"/>
      <c r="AW918" s="144"/>
    </row>
    <row r="919" spans="7:49" x14ac:dyDescent="0.2">
      <c r="G919" s="43"/>
      <c r="Z919" s="143"/>
      <c r="AA919" s="137"/>
      <c r="AB919" s="137"/>
      <c r="AC919" s="137"/>
      <c r="AD919" s="137"/>
      <c r="AE919" s="137"/>
      <c r="AF919" s="137"/>
      <c r="AG919" s="137"/>
      <c r="AH919" s="137"/>
      <c r="AI919" s="137"/>
      <c r="AJ919" s="137"/>
      <c r="AK919" s="137"/>
      <c r="AL919" s="137"/>
      <c r="AM919" s="137"/>
      <c r="AN919" s="137"/>
      <c r="AO919" s="137"/>
      <c r="AP919" s="137"/>
      <c r="AQ919" s="137"/>
      <c r="AR919" s="137"/>
      <c r="AS919" s="137"/>
      <c r="AT919" s="137"/>
      <c r="AU919" s="137"/>
      <c r="AV919" s="137"/>
      <c r="AW919" s="144"/>
    </row>
    <row r="920" spans="7:49" x14ac:dyDescent="0.2">
      <c r="G920" s="43"/>
      <c r="Z920" s="143"/>
      <c r="AA920" s="137"/>
      <c r="AB920" s="137"/>
      <c r="AC920" s="137"/>
      <c r="AD920" s="137"/>
      <c r="AE920" s="137"/>
      <c r="AF920" s="137"/>
      <c r="AG920" s="137"/>
      <c r="AH920" s="137"/>
      <c r="AI920" s="137"/>
      <c r="AJ920" s="137"/>
      <c r="AK920" s="137"/>
      <c r="AL920" s="137"/>
      <c r="AM920" s="137"/>
      <c r="AN920" s="137"/>
      <c r="AO920" s="137"/>
      <c r="AP920" s="137"/>
      <c r="AQ920" s="137"/>
      <c r="AR920" s="137"/>
      <c r="AS920" s="137"/>
      <c r="AT920" s="137"/>
      <c r="AU920" s="137"/>
      <c r="AV920" s="137"/>
      <c r="AW920" s="144"/>
    </row>
    <row r="921" spans="7:49" x14ac:dyDescent="0.2">
      <c r="G921" s="43"/>
      <c r="Z921" s="143"/>
      <c r="AA921" s="137"/>
      <c r="AB921" s="137"/>
      <c r="AC921" s="137"/>
      <c r="AD921" s="137"/>
      <c r="AE921" s="137"/>
      <c r="AF921" s="137"/>
      <c r="AG921" s="137"/>
      <c r="AH921" s="137"/>
      <c r="AI921" s="137"/>
      <c r="AJ921" s="137"/>
      <c r="AK921" s="137"/>
      <c r="AL921" s="137"/>
      <c r="AM921" s="137"/>
      <c r="AN921" s="137"/>
      <c r="AO921" s="137"/>
      <c r="AP921" s="137"/>
      <c r="AQ921" s="137"/>
      <c r="AR921" s="137"/>
      <c r="AS921" s="137"/>
      <c r="AT921" s="137"/>
      <c r="AU921" s="137"/>
      <c r="AV921" s="137"/>
      <c r="AW921" s="144"/>
    </row>
    <row r="922" spans="7:49" x14ac:dyDescent="0.2">
      <c r="G922" s="43"/>
      <c r="Z922" s="143"/>
      <c r="AA922" s="137"/>
      <c r="AB922" s="137"/>
      <c r="AC922" s="137"/>
      <c r="AD922" s="137"/>
      <c r="AE922" s="137"/>
      <c r="AF922" s="137"/>
      <c r="AG922" s="137"/>
      <c r="AH922" s="137"/>
      <c r="AI922" s="137"/>
      <c r="AJ922" s="137"/>
      <c r="AK922" s="137"/>
      <c r="AL922" s="137"/>
      <c r="AM922" s="137"/>
      <c r="AN922" s="137"/>
      <c r="AO922" s="137"/>
      <c r="AP922" s="137"/>
      <c r="AQ922" s="137"/>
      <c r="AR922" s="137"/>
      <c r="AS922" s="137"/>
      <c r="AT922" s="137"/>
      <c r="AU922" s="137"/>
      <c r="AV922" s="137"/>
      <c r="AW922" s="144"/>
    </row>
    <row r="923" spans="7:49" x14ac:dyDescent="0.2">
      <c r="G923" s="43"/>
      <c r="Z923" s="143"/>
      <c r="AA923" s="137"/>
      <c r="AB923" s="137"/>
      <c r="AC923" s="137"/>
      <c r="AD923" s="137"/>
      <c r="AE923" s="137"/>
      <c r="AF923" s="137"/>
      <c r="AG923" s="137"/>
      <c r="AH923" s="137"/>
      <c r="AI923" s="137"/>
      <c r="AJ923" s="137"/>
      <c r="AK923" s="137"/>
      <c r="AL923" s="137"/>
      <c r="AM923" s="137"/>
      <c r="AN923" s="137"/>
      <c r="AO923" s="137"/>
      <c r="AP923" s="137"/>
      <c r="AQ923" s="137"/>
      <c r="AR923" s="137"/>
      <c r="AS923" s="137"/>
      <c r="AT923" s="137"/>
      <c r="AU923" s="137"/>
      <c r="AV923" s="137"/>
      <c r="AW923" s="144"/>
    </row>
    <row r="924" spans="7:49" x14ac:dyDescent="0.2">
      <c r="G924" s="43"/>
      <c r="Z924" s="143"/>
      <c r="AA924" s="137"/>
      <c r="AB924" s="137"/>
      <c r="AC924" s="137"/>
      <c r="AD924" s="137"/>
      <c r="AE924" s="137"/>
      <c r="AF924" s="137"/>
      <c r="AG924" s="137"/>
      <c r="AH924" s="137"/>
      <c r="AI924" s="137"/>
      <c r="AJ924" s="137"/>
      <c r="AK924" s="137"/>
      <c r="AL924" s="137"/>
      <c r="AM924" s="137"/>
      <c r="AN924" s="137"/>
      <c r="AO924" s="137"/>
      <c r="AP924" s="137"/>
      <c r="AQ924" s="137"/>
      <c r="AR924" s="137"/>
      <c r="AS924" s="137"/>
      <c r="AT924" s="137"/>
      <c r="AU924" s="137"/>
      <c r="AV924" s="137"/>
      <c r="AW924" s="144"/>
    </row>
    <row r="925" spans="7:49" x14ac:dyDescent="0.2">
      <c r="G925" s="43"/>
      <c r="Z925" s="143"/>
      <c r="AA925" s="137"/>
      <c r="AB925" s="137"/>
      <c r="AC925" s="137"/>
      <c r="AD925" s="137"/>
      <c r="AE925" s="137"/>
      <c r="AF925" s="137"/>
      <c r="AG925" s="137"/>
      <c r="AH925" s="137"/>
      <c r="AI925" s="137"/>
      <c r="AJ925" s="137"/>
      <c r="AK925" s="137"/>
      <c r="AL925" s="137"/>
      <c r="AM925" s="137"/>
      <c r="AN925" s="137"/>
      <c r="AO925" s="137"/>
      <c r="AP925" s="137"/>
      <c r="AQ925" s="137"/>
      <c r="AR925" s="137"/>
      <c r="AS925" s="137"/>
      <c r="AT925" s="137"/>
      <c r="AU925" s="137"/>
      <c r="AV925" s="137"/>
      <c r="AW925" s="144"/>
    </row>
    <row r="926" spans="7:49" x14ac:dyDescent="0.2">
      <c r="G926" s="43"/>
      <c r="Z926" s="143"/>
      <c r="AA926" s="137"/>
      <c r="AB926" s="137"/>
      <c r="AC926" s="137"/>
      <c r="AD926" s="137"/>
      <c r="AE926" s="137"/>
      <c r="AF926" s="137"/>
      <c r="AG926" s="137"/>
      <c r="AH926" s="137"/>
      <c r="AI926" s="137"/>
      <c r="AJ926" s="137"/>
      <c r="AK926" s="137"/>
      <c r="AL926" s="137"/>
      <c r="AM926" s="137"/>
      <c r="AN926" s="137"/>
      <c r="AO926" s="137"/>
      <c r="AP926" s="137"/>
      <c r="AQ926" s="137"/>
      <c r="AR926" s="137"/>
      <c r="AS926" s="137"/>
      <c r="AT926" s="137"/>
      <c r="AU926" s="137"/>
      <c r="AV926" s="137"/>
      <c r="AW926" s="144"/>
    </row>
    <row r="927" spans="7:49" x14ac:dyDescent="0.2">
      <c r="G927" s="43"/>
      <c r="Z927" s="143"/>
      <c r="AA927" s="137"/>
      <c r="AB927" s="137"/>
      <c r="AC927" s="137"/>
      <c r="AD927" s="137"/>
      <c r="AE927" s="137"/>
      <c r="AF927" s="137"/>
      <c r="AG927" s="137"/>
      <c r="AH927" s="137"/>
      <c r="AI927" s="137"/>
      <c r="AJ927" s="137"/>
      <c r="AK927" s="137"/>
      <c r="AL927" s="137"/>
      <c r="AM927" s="137"/>
      <c r="AN927" s="137"/>
      <c r="AO927" s="137"/>
      <c r="AP927" s="137"/>
      <c r="AQ927" s="137"/>
      <c r="AR927" s="137"/>
      <c r="AS927" s="137"/>
      <c r="AT927" s="137"/>
      <c r="AU927" s="137"/>
      <c r="AV927" s="137"/>
      <c r="AW927" s="144"/>
    </row>
    <row r="928" spans="7:49" x14ac:dyDescent="0.2">
      <c r="G928" s="43"/>
      <c r="Z928" s="143"/>
      <c r="AA928" s="137"/>
      <c r="AB928" s="137"/>
      <c r="AC928" s="137"/>
      <c r="AD928" s="137"/>
      <c r="AE928" s="137"/>
      <c r="AF928" s="137"/>
      <c r="AG928" s="137"/>
      <c r="AH928" s="137"/>
      <c r="AI928" s="137"/>
      <c r="AJ928" s="137"/>
      <c r="AK928" s="137"/>
      <c r="AL928" s="137"/>
      <c r="AM928" s="137"/>
      <c r="AN928" s="137"/>
      <c r="AO928" s="137"/>
      <c r="AP928" s="137"/>
      <c r="AQ928" s="137"/>
      <c r="AR928" s="137"/>
      <c r="AS928" s="137"/>
      <c r="AT928" s="137"/>
      <c r="AU928" s="137"/>
      <c r="AV928" s="137"/>
      <c r="AW928" s="144"/>
    </row>
    <row r="929" spans="7:49" x14ac:dyDescent="0.2">
      <c r="G929" s="43"/>
      <c r="Z929" s="143"/>
      <c r="AA929" s="137"/>
      <c r="AB929" s="137"/>
      <c r="AC929" s="137"/>
      <c r="AD929" s="137"/>
      <c r="AE929" s="137"/>
      <c r="AF929" s="137"/>
      <c r="AG929" s="137"/>
      <c r="AH929" s="137"/>
      <c r="AI929" s="137"/>
      <c r="AJ929" s="137"/>
      <c r="AK929" s="137"/>
      <c r="AL929" s="137"/>
      <c r="AM929" s="137"/>
      <c r="AN929" s="137"/>
      <c r="AO929" s="137"/>
      <c r="AP929" s="137"/>
      <c r="AQ929" s="137"/>
      <c r="AR929" s="137"/>
      <c r="AS929" s="137"/>
      <c r="AT929" s="137"/>
      <c r="AU929" s="137"/>
      <c r="AV929" s="137"/>
      <c r="AW929" s="144"/>
    </row>
    <row r="930" spans="7:49" x14ac:dyDescent="0.2">
      <c r="G930" s="43"/>
      <c r="Z930" s="143"/>
      <c r="AA930" s="137"/>
      <c r="AB930" s="137"/>
      <c r="AC930" s="137"/>
      <c r="AD930" s="137"/>
      <c r="AE930" s="137"/>
      <c r="AF930" s="137"/>
      <c r="AG930" s="137"/>
      <c r="AH930" s="137"/>
      <c r="AI930" s="137"/>
      <c r="AJ930" s="137"/>
      <c r="AK930" s="137"/>
      <c r="AL930" s="137"/>
      <c r="AM930" s="137"/>
      <c r="AN930" s="137"/>
      <c r="AO930" s="137"/>
      <c r="AP930" s="137"/>
      <c r="AQ930" s="137"/>
      <c r="AR930" s="137"/>
      <c r="AS930" s="137"/>
      <c r="AT930" s="137"/>
      <c r="AU930" s="137"/>
      <c r="AV930" s="137"/>
      <c r="AW930" s="144"/>
    </row>
    <row r="931" spans="7:49" x14ac:dyDescent="0.2">
      <c r="G931" s="43"/>
      <c r="Z931" s="143"/>
      <c r="AA931" s="137"/>
      <c r="AB931" s="137"/>
      <c r="AC931" s="137"/>
      <c r="AD931" s="137"/>
      <c r="AE931" s="137"/>
      <c r="AF931" s="137"/>
      <c r="AG931" s="137"/>
      <c r="AH931" s="137"/>
      <c r="AI931" s="137"/>
      <c r="AJ931" s="137"/>
      <c r="AK931" s="137"/>
      <c r="AL931" s="137"/>
      <c r="AM931" s="137"/>
      <c r="AN931" s="137"/>
      <c r="AO931" s="137"/>
      <c r="AP931" s="137"/>
      <c r="AQ931" s="137"/>
      <c r="AR931" s="137"/>
      <c r="AS931" s="137"/>
      <c r="AT931" s="137"/>
      <c r="AU931" s="137"/>
      <c r="AV931" s="137"/>
      <c r="AW931" s="144"/>
    </row>
    <row r="932" spans="7:49" x14ac:dyDescent="0.2">
      <c r="G932" s="43"/>
      <c r="Z932" s="143"/>
      <c r="AA932" s="137"/>
      <c r="AB932" s="137"/>
      <c r="AC932" s="137"/>
      <c r="AD932" s="137"/>
      <c r="AE932" s="137"/>
      <c r="AF932" s="137"/>
      <c r="AG932" s="137"/>
      <c r="AH932" s="137"/>
      <c r="AI932" s="137"/>
      <c r="AJ932" s="137"/>
      <c r="AK932" s="137"/>
      <c r="AL932" s="137"/>
      <c r="AM932" s="137"/>
      <c r="AN932" s="137"/>
      <c r="AO932" s="137"/>
      <c r="AP932" s="137"/>
      <c r="AQ932" s="137"/>
      <c r="AR932" s="137"/>
      <c r="AS932" s="137"/>
      <c r="AT932" s="137"/>
      <c r="AU932" s="137"/>
      <c r="AV932" s="137"/>
      <c r="AW932" s="144"/>
    </row>
    <row r="933" spans="7:49" x14ac:dyDescent="0.2">
      <c r="G933" s="43"/>
      <c r="Z933" s="143"/>
      <c r="AA933" s="137"/>
      <c r="AB933" s="137"/>
      <c r="AC933" s="137"/>
      <c r="AD933" s="137"/>
      <c r="AE933" s="137"/>
      <c r="AF933" s="137"/>
      <c r="AG933" s="137"/>
      <c r="AH933" s="137"/>
      <c r="AI933" s="137"/>
      <c r="AJ933" s="137"/>
      <c r="AK933" s="137"/>
      <c r="AL933" s="137"/>
      <c r="AM933" s="137"/>
      <c r="AN933" s="137"/>
      <c r="AO933" s="137"/>
      <c r="AP933" s="137"/>
      <c r="AQ933" s="137"/>
      <c r="AR933" s="137"/>
      <c r="AS933" s="137"/>
      <c r="AT933" s="137"/>
      <c r="AU933" s="137"/>
      <c r="AV933" s="137"/>
      <c r="AW933" s="144"/>
    </row>
    <row r="934" spans="7:49" x14ac:dyDescent="0.2">
      <c r="G934" s="43"/>
      <c r="Z934" s="143"/>
      <c r="AA934" s="137"/>
      <c r="AB934" s="137"/>
      <c r="AC934" s="137"/>
      <c r="AD934" s="137"/>
      <c r="AE934" s="137"/>
      <c r="AF934" s="137"/>
      <c r="AG934" s="137"/>
      <c r="AH934" s="137"/>
      <c r="AI934" s="137"/>
      <c r="AJ934" s="137"/>
      <c r="AK934" s="137"/>
      <c r="AL934" s="137"/>
      <c r="AM934" s="137"/>
      <c r="AN934" s="137"/>
      <c r="AO934" s="137"/>
      <c r="AP934" s="137"/>
      <c r="AQ934" s="137"/>
      <c r="AR934" s="137"/>
      <c r="AS934" s="137"/>
      <c r="AT934" s="137"/>
      <c r="AU934" s="137"/>
      <c r="AV934" s="137"/>
      <c r="AW934" s="144"/>
    </row>
    <row r="935" spans="7:49" x14ac:dyDescent="0.2">
      <c r="G935" s="43"/>
      <c r="Z935" s="143"/>
      <c r="AA935" s="137"/>
      <c r="AB935" s="137"/>
      <c r="AC935" s="137"/>
      <c r="AD935" s="137"/>
      <c r="AE935" s="137"/>
      <c r="AF935" s="137"/>
      <c r="AG935" s="137"/>
      <c r="AH935" s="137"/>
      <c r="AI935" s="137"/>
      <c r="AJ935" s="137"/>
      <c r="AK935" s="137"/>
      <c r="AL935" s="137"/>
      <c r="AM935" s="137"/>
      <c r="AN935" s="137"/>
      <c r="AO935" s="137"/>
      <c r="AP935" s="137"/>
      <c r="AQ935" s="137"/>
      <c r="AR935" s="137"/>
      <c r="AS935" s="137"/>
      <c r="AT935" s="137"/>
      <c r="AU935" s="137"/>
      <c r="AV935" s="137"/>
      <c r="AW935" s="144"/>
    </row>
    <row r="936" spans="7:49" x14ac:dyDescent="0.2">
      <c r="G936" s="43"/>
      <c r="Z936" s="143"/>
      <c r="AA936" s="137"/>
      <c r="AB936" s="137"/>
      <c r="AC936" s="137"/>
      <c r="AD936" s="137"/>
      <c r="AE936" s="137"/>
      <c r="AF936" s="137"/>
      <c r="AG936" s="137"/>
      <c r="AH936" s="137"/>
      <c r="AI936" s="137"/>
      <c r="AJ936" s="137"/>
      <c r="AK936" s="137"/>
      <c r="AL936" s="137"/>
      <c r="AM936" s="137"/>
      <c r="AN936" s="137"/>
      <c r="AO936" s="137"/>
      <c r="AP936" s="137"/>
      <c r="AQ936" s="137"/>
      <c r="AR936" s="137"/>
      <c r="AS936" s="137"/>
      <c r="AT936" s="137"/>
      <c r="AU936" s="137"/>
      <c r="AV936" s="137"/>
      <c r="AW936" s="144"/>
    </row>
    <row r="937" spans="7:49" x14ac:dyDescent="0.2">
      <c r="G937" s="43"/>
      <c r="Z937" s="143"/>
      <c r="AA937" s="137"/>
      <c r="AB937" s="137"/>
      <c r="AC937" s="137"/>
      <c r="AD937" s="137"/>
      <c r="AE937" s="137"/>
      <c r="AF937" s="137"/>
      <c r="AG937" s="137"/>
      <c r="AH937" s="137"/>
      <c r="AI937" s="137"/>
      <c r="AJ937" s="137"/>
      <c r="AK937" s="137"/>
      <c r="AL937" s="137"/>
      <c r="AM937" s="137"/>
      <c r="AN937" s="137"/>
      <c r="AO937" s="137"/>
      <c r="AP937" s="137"/>
      <c r="AQ937" s="137"/>
      <c r="AR937" s="137"/>
      <c r="AS937" s="137"/>
      <c r="AT937" s="137"/>
      <c r="AU937" s="137"/>
      <c r="AV937" s="137"/>
      <c r="AW937" s="144"/>
    </row>
    <row r="938" spans="7:49" x14ac:dyDescent="0.2">
      <c r="G938" s="43"/>
      <c r="Z938" s="143"/>
      <c r="AA938" s="137"/>
      <c r="AB938" s="137"/>
      <c r="AC938" s="137"/>
      <c r="AD938" s="137"/>
      <c r="AE938" s="137"/>
      <c r="AF938" s="137"/>
      <c r="AG938" s="137"/>
      <c r="AH938" s="137"/>
      <c r="AI938" s="137"/>
      <c r="AJ938" s="137"/>
      <c r="AK938" s="137"/>
      <c r="AL938" s="137"/>
      <c r="AM938" s="137"/>
      <c r="AN938" s="137"/>
      <c r="AO938" s="137"/>
      <c r="AP938" s="137"/>
      <c r="AQ938" s="137"/>
      <c r="AR938" s="137"/>
      <c r="AS938" s="137"/>
      <c r="AT938" s="137"/>
      <c r="AU938" s="137"/>
      <c r="AV938" s="137"/>
      <c r="AW938" s="144"/>
    </row>
    <row r="939" spans="7:49" x14ac:dyDescent="0.2">
      <c r="G939" s="43"/>
      <c r="Z939" s="143"/>
      <c r="AA939" s="137"/>
      <c r="AB939" s="137"/>
      <c r="AC939" s="137"/>
      <c r="AD939" s="137"/>
      <c r="AE939" s="137"/>
      <c r="AF939" s="137"/>
      <c r="AG939" s="137"/>
      <c r="AH939" s="137"/>
      <c r="AI939" s="137"/>
      <c r="AJ939" s="137"/>
      <c r="AK939" s="137"/>
      <c r="AL939" s="137"/>
      <c r="AM939" s="137"/>
      <c r="AN939" s="137"/>
      <c r="AO939" s="137"/>
      <c r="AP939" s="137"/>
      <c r="AQ939" s="137"/>
      <c r="AR939" s="137"/>
      <c r="AS939" s="137"/>
      <c r="AT939" s="137"/>
      <c r="AU939" s="137"/>
      <c r="AV939" s="137"/>
      <c r="AW939" s="144"/>
    </row>
    <row r="940" spans="7:49" x14ac:dyDescent="0.2">
      <c r="G940" s="43"/>
      <c r="Z940" s="143"/>
      <c r="AA940" s="137"/>
      <c r="AB940" s="137"/>
      <c r="AC940" s="137"/>
      <c r="AD940" s="137"/>
      <c r="AE940" s="137"/>
      <c r="AF940" s="137"/>
      <c r="AG940" s="137"/>
      <c r="AH940" s="137"/>
      <c r="AI940" s="137"/>
      <c r="AJ940" s="137"/>
      <c r="AK940" s="137"/>
      <c r="AL940" s="137"/>
      <c r="AM940" s="137"/>
      <c r="AN940" s="137"/>
      <c r="AO940" s="137"/>
      <c r="AP940" s="137"/>
      <c r="AQ940" s="137"/>
      <c r="AR940" s="137"/>
      <c r="AS940" s="137"/>
      <c r="AT940" s="137"/>
      <c r="AU940" s="137"/>
      <c r="AV940" s="137"/>
      <c r="AW940" s="144"/>
    </row>
    <row r="941" spans="7:49" x14ac:dyDescent="0.2">
      <c r="G941" s="43"/>
      <c r="Z941" s="143"/>
      <c r="AA941" s="137"/>
      <c r="AB941" s="137"/>
      <c r="AC941" s="137"/>
      <c r="AD941" s="137"/>
      <c r="AE941" s="137"/>
      <c r="AF941" s="137"/>
      <c r="AG941" s="137"/>
      <c r="AH941" s="137"/>
      <c r="AI941" s="137"/>
      <c r="AJ941" s="137"/>
      <c r="AK941" s="137"/>
      <c r="AL941" s="137"/>
      <c r="AM941" s="137"/>
      <c r="AN941" s="137"/>
      <c r="AO941" s="137"/>
      <c r="AP941" s="137"/>
      <c r="AQ941" s="137"/>
      <c r="AR941" s="137"/>
      <c r="AS941" s="137"/>
      <c r="AT941" s="137"/>
      <c r="AU941" s="137"/>
      <c r="AV941" s="137"/>
      <c r="AW941" s="144"/>
    </row>
    <row r="942" spans="7:49" x14ac:dyDescent="0.2">
      <c r="G942" s="43"/>
      <c r="Z942" s="143"/>
      <c r="AA942" s="137"/>
      <c r="AB942" s="137"/>
      <c r="AC942" s="137"/>
      <c r="AD942" s="137"/>
      <c r="AE942" s="137"/>
      <c r="AF942" s="137"/>
      <c r="AG942" s="137"/>
      <c r="AH942" s="137"/>
      <c r="AI942" s="137"/>
      <c r="AJ942" s="137"/>
      <c r="AK942" s="137"/>
      <c r="AL942" s="137"/>
      <c r="AM942" s="137"/>
      <c r="AN942" s="137"/>
      <c r="AO942" s="137"/>
      <c r="AP942" s="137"/>
      <c r="AQ942" s="137"/>
      <c r="AR942" s="137"/>
      <c r="AS942" s="137"/>
      <c r="AT942" s="137"/>
      <c r="AU942" s="137"/>
      <c r="AV942" s="137"/>
      <c r="AW942" s="144"/>
    </row>
    <row r="943" spans="7:49" x14ac:dyDescent="0.2">
      <c r="G943" s="43"/>
      <c r="Z943" s="143"/>
      <c r="AA943" s="137"/>
      <c r="AB943" s="137"/>
      <c r="AC943" s="137"/>
      <c r="AD943" s="137"/>
      <c r="AE943" s="137"/>
      <c r="AF943" s="137"/>
      <c r="AG943" s="137"/>
      <c r="AH943" s="137"/>
      <c r="AI943" s="137"/>
      <c r="AJ943" s="137"/>
      <c r="AK943" s="137"/>
      <c r="AL943" s="137"/>
      <c r="AM943" s="137"/>
      <c r="AN943" s="137"/>
      <c r="AO943" s="137"/>
      <c r="AP943" s="137"/>
      <c r="AQ943" s="137"/>
      <c r="AR943" s="137"/>
      <c r="AS943" s="137"/>
      <c r="AT943" s="137"/>
      <c r="AU943" s="137"/>
      <c r="AV943" s="137"/>
      <c r="AW943" s="144"/>
    </row>
    <row r="944" spans="7:49" x14ac:dyDescent="0.2">
      <c r="G944" s="43"/>
      <c r="Z944" s="143"/>
      <c r="AA944" s="137"/>
      <c r="AB944" s="137"/>
      <c r="AC944" s="137"/>
      <c r="AD944" s="137"/>
      <c r="AE944" s="137"/>
      <c r="AF944" s="137"/>
      <c r="AG944" s="137"/>
      <c r="AH944" s="137"/>
      <c r="AI944" s="137"/>
      <c r="AJ944" s="137"/>
      <c r="AK944" s="137"/>
      <c r="AL944" s="137"/>
      <c r="AM944" s="137"/>
      <c r="AN944" s="137"/>
      <c r="AO944" s="137"/>
      <c r="AP944" s="137"/>
      <c r="AQ944" s="137"/>
      <c r="AR944" s="137"/>
      <c r="AS944" s="137"/>
      <c r="AT944" s="137"/>
      <c r="AU944" s="137"/>
      <c r="AV944" s="137"/>
      <c r="AW944" s="144"/>
    </row>
    <row r="945" spans="7:49" x14ac:dyDescent="0.2">
      <c r="G945" s="43"/>
      <c r="Z945" s="143"/>
      <c r="AA945" s="137"/>
      <c r="AB945" s="137"/>
      <c r="AC945" s="137"/>
      <c r="AD945" s="137"/>
      <c r="AE945" s="137"/>
      <c r="AF945" s="137"/>
      <c r="AG945" s="137"/>
      <c r="AH945" s="137"/>
      <c r="AI945" s="137"/>
      <c r="AJ945" s="137"/>
      <c r="AK945" s="137"/>
      <c r="AL945" s="137"/>
      <c r="AM945" s="137"/>
      <c r="AN945" s="137"/>
      <c r="AO945" s="137"/>
      <c r="AP945" s="137"/>
      <c r="AQ945" s="137"/>
      <c r="AR945" s="137"/>
      <c r="AS945" s="137"/>
      <c r="AT945" s="137"/>
      <c r="AU945" s="137"/>
      <c r="AV945" s="137"/>
      <c r="AW945" s="144"/>
    </row>
    <row r="946" spans="7:49" x14ac:dyDescent="0.2">
      <c r="G946" s="43"/>
      <c r="Z946" s="143"/>
      <c r="AA946" s="137"/>
      <c r="AB946" s="137"/>
      <c r="AC946" s="137"/>
      <c r="AD946" s="137"/>
      <c r="AE946" s="137"/>
      <c r="AF946" s="137"/>
      <c r="AG946" s="137"/>
      <c r="AH946" s="137"/>
      <c r="AI946" s="137"/>
      <c r="AJ946" s="137"/>
      <c r="AK946" s="137"/>
      <c r="AL946" s="137"/>
      <c r="AM946" s="137"/>
      <c r="AN946" s="137"/>
      <c r="AO946" s="137"/>
      <c r="AP946" s="137"/>
      <c r="AQ946" s="137"/>
      <c r="AR946" s="137"/>
      <c r="AS946" s="137"/>
      <c r="AT946" s="137"/>
      <c r="AU946" s="137"/>
      <c r="AV946" s="137"/>
      <c r="AW946" s="144"/>
    </row>
    <row r="947" spans="7:49" x14ac:dyDescent="0.2">
      <c r="G947" s="43"/>
      <c r="Z947" s="143"/>
      <c r="AA947" s="137"/>
      <c r="AB947" s="137"/>
      <c r="AC947" s="137"/>
      <c r="AD947" s="137"/>
      <c r="AE947" s="137"/>
      <c r="AF947" s="137"/>
      <c r="AG947" s="137"/>
      <c r="AH947" s="137"/>
      <c r="AI947" s="137"/>
      <c r="AJ947" s="137"/>
      <c r="AK947" s="137"/>
      <c r="AL947" s="137"/>
      <c r="AM947" s="137"/>
      <c r="AN947" s="137"/>
      <c r="AO947" s="137"/>
      <c r="AP947" s="137"/>
      <c r="AQ947" s="137"/>
      <c r="AR947" s="137"/>
      <c r="AS947" s="137"/>
      <c r="AT947" s="137"/>
      <c r="AU947" s="137"/>
      <c r="AV947" s="137"/>
      <c r="AW947" s="144"/>
    </row>
    <row r="948" spans="7:49" x14ac:dyDescent="0.2">
      <c r="G948" s="43"/>
      <c r="Z948" s="143"/>
      <c r="AA948" s="137"/>
      <c r="AB948" s="137"/>
      <c r="AC948" s="137"/>
      <c r="AD948" s="137"/>
      <c r="AE948" s="137"/>
      <c r="AF948" s="137"/>
      <c r="AG948" s="137"/>
      <c r="AH948" s="137"/>
      <c r="AI948" s="137"/>
      <c r="AJ948" s="137"/>
      <c r="AK948" s="137"/>
      <c r="AL948" s="137"/>
      <c r="AM948" s="137"/>
      <c r="AN948" s="137"/>
      <c r="AO948" s="137"/>
      <c r="AP948" s="137"/>
      <c r="AQ948" s="137"/>
      <c r="AR948" s="137"/>
      <c r="AS948" s="137"/>
      <c r="AT948" s="137"/>
      <c r="AU948" s="137"/>
      <c r="AV948" s="137"/>
      <c r="AW948" s="144"/>
    </row>
    <row r="949" spans="7:49" x14ac:dyDescent="0.2">
      <c r="G949" s="43"/>
      <c r="Z949" s="143"/>
      <c r="AA949" s="137"/>
      <c r="AB949" s="137"/>
      <c r="AC949" s="137"/>
      <c r="AD949" s="137"/>
      <c r="AE949" s="137"/>
      <c r="AF949" s="137"/>
      <c r="AG949" s="137"/>
      <c r="AH949" s="137"/>
      <c r="AI949" s="137"/>
      <c r="AJ949" s="137"/>
      <c r="AK949" s="137"/>
      <c r="AL949" s="137"/>
      <c r="AM949" s="137"/>
      <c r="AN949" s="137"/>
      <c r="AO949" s="137"/>
      <c r="AP949" s="137"/>
      <c r="AQ949" s="137"/>
      <c r="AR949" s="137"/>
      <c r="AS949" s="137"/>
      <c r="AT949" s="137"/>
      <c r="AU949" s="137"/>
      <c r="AV949" s="137"/>
      <c r="AW949" s="144"/>
    </row>
    <row r="950" spans="7:49" x14ac:dyDescent="0.2">
      <c r="G950" s="43"/>
      <c r="Z950" s="143"/>
      <c r="AA950" s="137"/>
      <c r="AB950" s="137"/>
      <c r="AC950" s="137"/>
      <c r="AD950" s="137"/>
      <c r="AE950" s="137"/>
      <c r="AF950" s="137"/>
      <c r="AG950" s="137"/>
      <c r="AH950" s="137"/>
      <c r="AI950" s="137"/>
      <c r="AJ950" s="137"/>
      <c r="AK950" s="137"/>
      <c r="AL950" s="137"/>
      <c r="AM950" s="137"/>
      <c r="AN950" s="137"/>
      <c r="AO950" s="137"/>
      <c r="AP950" s="137"/>
      <c r="AQ950" s="137"/>
      <c r="AR950" s="137"/>
      <c r="AS950" s="137"/>
      <c r="AT950" s="137"/>
      <c r="AU950" s="137"/>
      <c r="AV950" s="137"/>
      <c r="AW950" s="144"/>
    </row>
    <row r="951" spans="7:49" x14ac:dyDescent="0.2">
      <c r="G951" s="43"/>
      <c r="Z951" s="143"/>
      <c r="AA951" s="137"/>
      <c r="AB951" s="137"/>
      <c r="AC951" s="137"/>
      <c r="AD951" s="137"/>
      <c r="AE951" s="137"/>
      <c r="AF951" s="137"/>
      <c r="AG951" s="137"/>
      <c r="AH951" s="137"/>
      <c r="AI951" s="137"/>
      <c r="AJ951" s="137"/>
      <c r="AK951" s="137"/>
      <c r="AL951" s="137"/>
      <c r="AM951" s="137"/>
      <c r="AN951" s="137"/>
      <c r="AO951" s="137"/>
      <c r="AP951" s="137"/>
      <c r="AQ951" s="137"/>
      <c r="AR951" s="137"/>
      <c r="AS951" s="137"/>
      <c r="AT951" s="137"/>
      <c r="AU951" s="137"/>
      <c r="AV951" s="137"/>
      <c r="AW951" s="144"/>
    </row>
    <row r="952" spans="7:49" x14ac:dyDescent="0.2">
      <c r="G952" s="43"/>
      <c r="Z952" s="143"/>
      <c r="AA952" s="137"/>
      <c r="AB952" s="137"/>
      <c r="AC952" s="137"/>
      <c r="AD952" s="137"/>
      <c r="AE952" s="137"/>
      <c r="AF952" s="137"/>
      <c r="AG952" s="137"/>
      <c r="AH952" s="137"/>
      <c r="AI952" s="137"/>
      <c r="AJ952" s="137"/>
      <c r="AK952" s="137"/>
      <c r="AL952" s="137"/>
      <c r="AM952" s="137"/>
      <c r="AN952" s="137"/>
      <c r="AO952" s="137"/>
      <c r="AP952" s="137"/>
      <c r="AQ952" s="137"/>
      <c r="AR952" s="137"/>
      <c r="AS952" s="137"/>
      <c r="AT952" s="137"/>
      <c r="AU952" s="137"/>
      <c r="AV952" s="137"/>
      <c r="AW952" s="144"/>
    </row>
    <row r="953" spans="7:49" x14ac:dyDescent="0.2">
      <c r="G953" s="43"/>
      <c r="Z953" s="143"/>
      <c r="AA953" s="137"/>
      <c r="AB953" s="137"/>
      <c r="AC953" s="137"/>
      <c r="AD953" s="137"/>
      <c r="AE953" s="137"/>
      <c r="AF953" s="137"/>
      <c r="AG953" s="137"/>
      <c r="AH953" s="137"/>
      <c r="AI953" s="137"/>
      <c r="AJ953" s="137"/>
      <c r="AK953" s="137"/>
      <c r="AL953" s="137"/>
      <c r="AM953" s="137"/>
      <c r="AN953" s="137"/>
      <c r="AO953" s="137"/>
      <c r="AP953" s="137"/>
      <c r="AQ953" s="137"/>
      <c r="AR953" s="137"/>
      <c r="AS953" s="137"/>
      <c r="AT953" s="137"/>
      <c r="AU953" s="137"/>
      <c r="AV953" s="137"/>
      <c r="AW953" s="144"/>
    </row>
    <row r="954" spans="7:49" x14ac:dyDescent="0.2">
      <c r="G954" s="43"/>
      <c r="Z954" s="143"/>
      <c r="AA954" s="137"/>
      <c r="AB954" s="137"/>
      <c r="AC954" s="137"/>
      <c r="AD954" s="137"/>
      <c r="AE954" s="137"/>
      <c r="AF954" s="137"/>
      <c r="AG954" s="137"/>
      <c r="AH954" s="137"/>
      <c r="AI954" s="137"/>
      <c r="AJ954" s="137"/>
      <c r="AK954" s="137"/>
      <c r="AL954" s="137"/>
      <c r="AM954" s="137"/>
      <c r="AN954" s="137"/>
      <c r="AO954" s="137"/>
      <c r="AP954" s="137"/>
      <c r="AQ954" s="137"/>
      <c r="AR954" s="137"/>
      <c r="AS954" s="137"/>
      <c r="AT954" s="137"/>
      <c r="AU954" s="137"/>
      <c r="AV954" s="137"/>
      <c r="AW954" s="144"/>
    </row>
    <row r="955" spans="7:49" x14ac:dyDescent="0.2">
      <c r="G955" s="43"/>
      <c r="Z955" s="143"/>
      <c r="AA955" s="137"/>
      <c r="AB955" s="137"/>
      <c r="AC955" s="137"/>
      <c r="AD955" s="137"/>
      <c r="AE955" s="137"/>
      <c r="AF955" s="137"/>
      <c r="AG955" s="137"/>
      <c r="AH955" s="137"/>
      <c r="AI955" s="137"/>
      <c r="AJ955" s="137"/>
      <c r="AK955" s="137"/>
      <c r="AL955" s="137"/>
      <c r="AM955" s="137"/>
      <c r="AN955" s="137"/>
      <c r="AO955" s="137"/>
      <c r="AP955" s="137"/>
      <c r="AQ955" s="137"/>
      <c r="AR955" s="137"/>
      <c r="AS955" s="137"/>
      <c r="AT955" s="137"/>
      <c r="AU955" s="137"/>
      <c r="AV955" s="137"/>
      <c r="AW955" s="144"/>
    </row>
    <row r="956" spans="7:49" x14ac:dyDescent="0.2">
      <c r="G956" s="43"/>
      <c r="Z956" s="143"/>
      <c r="AA956" s="137"/>
      <c r="AB956" s="137"/>
      <c r="AC956" s="137"/>
      <c r="AD956" s="137"/>
      <c r="AE956" s="137"/>
      <c r="AF956" s="137"/>
      <c r="AG956" s="137"/>
      <c r="AH956" s="137"/>
      <c r="AI956" s="137"/>
      <c r="AJ956" s="137"/>
      <c r="AK956" s="137"/>
      <c r="AL956" s="137"/>
      <c r="AM956" s="137"/>
      <c r="AN956" s="137"/>
      <c r="AO956" s="137"/>
      <c r="AP956" s="137"/>
      <c r="AQ956" s="137"/>
      <c r="AR956" s="137"/>
      <c r="AS956" s="137"/>
      <c r="AT956" s="137"/>
      <c r="AU956" s="137"/>
      <c r="AV956" s="137"/>
      <c r="AW956" s="144"/>
    </row>
    <row r="957" spans="7:49" x14ac:dyDescent="0.2">
      <c r="G957" s="43"/>
      <c r="Z957" s="143"/>
      <c r="AA957" s="137"/>
      <c r="AB957" s="137"/>
      <c r="AC957" s="137"/>
      <c r="AD957" s="137"/>
      <c r="AE957" s="137"/>
      <c r="AF957" s="137"/>
      <c r="AG957" s="137"/>
      <c r="AH957" s="137"/>
      <c r="AI957" s="137"/>
      <c r="AJ957" s="137"/>
      <c r="AK957" s="137"/>
      <c r="AL957" s="137"/>
      <c r="AM957" s="137"/>
      <c r="AN957" s="137"/>
      <c r="AO957" s="137"/>
      <c r="AP957" s="137"/>
      <c r="AQ957" s="137"/>
      <c r="AR957" s="137"/>
      <c r="AS957" s="137"/>
      <c r="AT957" s="137"/>
      <c r="AU957" s="137"/>
      <c r="AV957" s="137"/>
      <c r="AW957" s="144"/>
    </row>
    <row r="958" spans="7:49" x14ac:dyDescent="0.2">
      <c r="G958" s="43"/>
      <c r="Z958" s="143"/>
      <c r="AA958" s="137"/>
      <c r="AB958" s="137"/>
      <c r="AC958" s="137"/>
      <c r="AD958" s="137"/>
      <c r="AE958" s="137"/>
      <c r="AF958" s="137"/>
      <c r="AG958" s="137"/>
      <c r="AH958" s="137"/>
      <c r="AI958" s="137"/>
      <c r="AJ958" s="137"/>
      <c r="AK958" s="137"/>
      <c r="AL958" s="137"/>
      <c r="AM958" s="137"/>
      <c r="AN958" s="137"/>
      <c r="AO958" s="137"/>
      <c r="AP958" s="137"/>
      <c r="AQ958" s="137"/>
      <c r="AR958" s="137"/>
      <c r="AS958" s="137"/>
      <c r="AT958" s="137"/>
      <c r="AU958" s="137"/>
      <c r="AV958" s="137"/>
      <c r="AW958" s="144"/>
    </row>
    <row r="959" spans="7:49" x14ac:dyDescent="0.2">
      <c r="G959" s="43"/>
      <c r="Z959" s="143"/>
      <c r="AA959" s="137"/>
      <c r="AB959" s="137"/>
      <c r="AC959" s="137"/>
      <c r="AD959" s="137"/>
      <c r="AE959" s="137"/>
      <c r="AF959" s="137"/>
      <c r="AG959" s="137"/>
      <c r="AH959" s="137"/>
      <c r="AI959" s="137"/>
      <c r="AJ959" s="137"/>
      <c r="AK959" s="137"/>
      <c r="AL959" s="137"/>
      <c r="AM959" s="137"/>
      <c r="AN959" s="137"/>
      <c r="AO959" s="137"/>
      <c r="AP959" s="137"/>
      <c r="AQ959" s="137"/>
      <c r="AR959" s="137"/>
      <c r="AS959" s="137"/>
      <c r="AT959" s="137"/>
      <c r="AU959" s="137"/>
      <c r="AV959" s="137"/>
      <c r="AW959" s="144"/>
    </row>
    <row r="960" spans="7:49" x14ac:dyDescent="0.2">
      <c r="G960" s="43"/>
      <c r="Z960" s="143"/>
      <c r="AA960" s="137"/>
      <c r="AB960" s="137"/>
      <c r="AC960" s="137"/>
      <c r="AD960" s="137"/>
      <c r="AE960" s="137"/>
      <c r="AF960" s="137"/>
      <c r="AG960" s="137"/>
      <c r="AH960" s="137"/>
      <c r="AI960" s="137"/>
      <c r="AJ960" s="137"/>
      <c r="AK960" s="137"/>
      <c r="AL960" s="137"/>
      <c r="AM960" s="137"/>
      <c r="AN960" s="137"/>
      <c r="AO960" s="137"/>
      <c r="AP960" s="137"/>
      <c r="AQ960" s="137"/>
      <c r="AR960" s="137"/>
      <c r="AS960" s="137"/>
      <c r="AT960" s="137"/>
      <c r="AU960" s="137"/>
      <c r="AV960" s="137"/>
      <c r="AW960" s="144"/>
    </row>
    <row r="961" spans="7:49" x14ac:dyDescent="0.2">
      <c r="G961" s="43"/>
      <c r="Z961" s="143"/>
      <c r="AA961" s="137"/>
      <c r="AB961" s="137"/>
      <c r="AC961" s="137"/>
      <c r="AD961" s="137"/>
      <c r="AE961" s="137"/>
      <c r="AF961" s="137"/>
      <c r="AG961" s="137"/>
      <c r="AH961" s="137"/>
      <c r="AI961" s="137"/>
      <c r="AJ961" s="137"/>
      <c r="AK961" s="137"/>
      <c r="AL961" s="137"/>
      <c r="AM961" s="137"/>
      <c r="AN961" s="137"/>
      <c r="AO961" s="137"/>
      <c r="AP961" s="137"/>
      <c r="AQ961" s="137"/>
      <c r="AR961" s="137"/>
      <c r="AS961" s="137"/>
      <c r="AT961" s="137"/>
      <c r="AU961" s="137"/>
      <c r="AV961" s="137"/>
      <c r="AW961" s="144"/>
    </row>
    <row r="962" spans="7:49" x14ac:dyDescent="0.2">
      <c r="G962" s="43"/>
      <c r="Z962" s="143"/>
      <c r="AA962" s="137"/>
      <c r="AB962" s="137"/>
      <c r="AC962" s="137"/>
      <c r="AD962" s="137"/>
      <c r="AE962" s="137"/>
      <c r="AF962" s="137"/>
      <c r="AG962" s="137"/>
      <c r="AH962" s="137"/>
      <c r="AI962" s="137"/>
      <c r="AJ962" s="137"/>
      <c r="AK962" s="137"/>
      <c r="AL962" s="137"/>
      <c r="AM962" s="137"/>
      <c r="AN962" s="137"/>
      <c r="AO962" s="137"/>
      <c r="AP962" s="137"/>
      <c r="AQ962" s="137"/>
      <c r="AR962" s="137"/>
      <c r="AS962" s="137"/>
      <c r="AT962" s="137"/>
      <c r="AU962" s="137"/>
      <c r="AV962" s="137"/>
      <c r="AW962" s="144"/>
    </row>
    <row r="963" spans="7:49" x14ac:dyDescent="0.2">
      <c r="G963" s="43"/>
      <c r="Z963" s="143"/>
      <c r="AA963" s="137"/>
      <c r="AB963" s="137"/>
      <c r="AC963" s="137"/>
      <c r="AD963" s="137"/>
      <c r="AE963" s="137"/>
      <c r="AF963" s="137"/>
      <c r="AG963" s="137"/>
      <c r="AH963" s="137"/>
      <c r="AI963" s="137"/>
      <c r="AJ963" s="137"/>
      <c r="AK963" s="137"/>
      <c r="AL963" s="137"/>
      <c r="AM963" s="137"/>
      <c r="AN963" s="137"/>
      <c r="AO963" s="137"/>
      <c r="AP963" s="137"/>
      <c r="AQ963" s="137"/>
      <c r="AR963" s="137"/>
      <c r="AS963" s="137"/>
      <c r="AT963" s="137"/>
      <c r="AU963" s="137"/>
      <c r="AV963" s="137"/>
      <c r="AW963" s="144"/>
    </row>
    <row r="964" spans="7:49" x14ac:dyDescent="0.2">
      <c r="G964" s="43"/>
      <c r="Z964" s="143"/>
      <c r="AA964" s="137"/>
      <c r="AB964" s="137"/>
      <c r="AC964" s="137"/>
      <c r="AD964" s="137"/>
      <c r="AE964" s="137"/>
      <c r="AF964" s="137"/>
      <c r="AG964" s="137"/>
      <c r="AH964" s="137"/>
      <c r="AI964" s="137"/>
      <c r="AJ964" s="137"/>
      <c r="AK964" s="137"/>
      <c r="AL964" s="137"/>
      <c r="AM964" s="137"/>
      <c r="AN964" s="137"/>
      <c r="AO964" s="137"/>
      <c r="AP964" s="137"/>
      <c r="AQ964" s="137"/>
      <c r="AR964" s="137"/>
      <c r="AS964" s="137"/>
      <c r="AT964" s="137"/>
      <c r="AU964" s="137"/>
      <c r="AV964" s="137"/>
      <c r="AW964" s="144"/>
    </row>
    <row r="965" spans="7:49" x14ac:dyDescent="0.2">
      <c r="G965" s="43"/>
      <c r="Z965" s="143"/>
      <c r="AA965" s="137"/>
      <c r="AB965" s="137"/>
      <c r="AC965" s="137"/>
      <c r="AD965" s="137"/>
      <c r="AE965" s="137"/>
      <c r="AF965" s="137"/>
      <c r="AG965" s="137"/>
      <c r="AH965" s="137"/>
      <c r="AI965" s="137"/>
      <c r="AJ965" s="137"/>
      <c r="AK965" s="137"/>
      <c r="AL965" s="137"/>
      <c r="AM965" s="137"/>
      <c r="AN965" s="137"/>
      <c r="AO965" s="137"/>
      <c r="AP965" s="137"/>
      <c r="AQ965" s="137"/>
      <c r="AR965" s="137"/>
      <c r="AS965" s="137"/>
      <c r="AT965" s="137"/>
      <c r="AU965" s="137"/>
      <c r="AV965" s="137"/>
      <c r="AW965" s="144"/>
    </row>
    <row r="966" spans="7:49" x14ac:dyDescent="0.2">
      <c r="G966" s="43"/>
      <c r="Z966" s="143"/>
      <c r="AA966" s="137"/>
      <c r="AB966" s="137"/>
      <c r="AC966" s="137"/>
      <c r="AD966" s="137"/>
      <c r="AE966" s="137"/>
      <c r="AF966" s="137"/>
      <c r="AG966" s="137"/>
      <c r="AH966" s="137"/>
      <c r="AI966" s="137"/>
      <c r="AJ966" s="137"/>
      <c r="AK966" s="137"/>
      <c r="AL966" s="137"/>
      <c r="AM966" s="137"/>
      <c r="AN966" s="137"/>
      <c r="AO966" s="137"/>
      <c r="AP966" s="137"/>
      <c r="AQ966" s="137"/>
      <c r="AR966" s="137"/>
      <c r="AS966" s="137"/>
      <c r="AT966" s="137"/>
      <c r="AU966" s="137"/>
      <c r="AV966" s="137"/>
      <c r="AW966" s="144"/>
    </row>
    <row r="967" spans="7:49" x14ac:dyDescent="0.2">
      <c r="G967" s="43"/>
      <c r="Z967" s="143"/>
      <c r="AA967" s="137"/>
      <c r="AB967" s="137"/>
      <c r="AC967" s="137"/>
      <c r="AD967" s="137"/>
      <c r="AE967" s="137"/>
      <c r="AF967" s="137"/>
      <c r="AG967" s="137"/>
      <c r="AH967" s="137"/>
      <c r="AI967" s="137"/>
      <c r="AJ967" s="137"/>
      <c r="AK967" s="137"/>
      <c r="AL967" s="137"/>
      <c r="AM967" s="137"/>
      <c r="AN967" s="137"/>
      <c r="AO967" s="137"/>
      <c r="AP967" s="137"/>
      <c r="AQ967" s="137"/>
      <c r="AR967" s="137"/>
      <c r="AS967" s="137"/>
      <c r="AT967" s="137"/>
      <c r="AU967" s="137"/>
      <c r="AV967" s="137"/>
      <c r="AW967" s="144"/>
    </row>
    <row r="968" spans="7:49" x14ac:dyDescent="0.2">
      <c r="G968" s="43"/>
      <c r="Z968" s="143"/>
      <c r="AA968" s="137"/>
      <c r="AB968" s="137"/>
      <c r="AC968" s="137"/>
      <c r="AD968" s="137"/>
      <c r="AE968" s="137"/>
      <c r="AF968" s="137"/>
      <c r="AG968" s="137"/>
      <c r="AH968" s="137"/>
      <c r="AI968" s="137"/>
      <c r="AJ968" s="137"/>
      <c r="AK968" s="137"/>
      <c r="AL968" s="137"/>
      <c r="AM968" s="137"/>
      <c r="AN968" s="137"/>
      <c r="AO968" s="137"/>
      <c r="AP968" s="137"/>
      <c r="AQ968" s="137"/>
      <c r="AR968" s="137"/>
      <c r="AS968" s="137"/>
      <c r="AT968" s="137"/>
      <c r="AU968" s="137"/>
      <c r="AV968" s="137"/>
      <c r="AW968" s="144"/>
    </row>
    <row r="969" spans="7:49" x14ac:dyDescent="0.2">
      <c r="G969" s="43"/>
      <c r="Z969" s="143"/>
      <c r="AA969" s="137"/>
      <c r="AB969" s="137"/>
      <c r="AC969" s="137"/>
      <c r="AD969" s="137"/>
      <c r="AE969" s="137"/>
      <c r="AF969" s="137"/>
      <c r="AG969" s="137"/>
      <c r="AH969" s="137"/>
      <c r="AI969" s="137"/>
      <c r="AJ969" s="137"/>
      <c r="AK969" s="137"/>
      <c r="AL969" s="137"/>
      <c r="AM969" s="137"/>
      <c r="AN969" s="137"/>
      <c r="AO969" s="137"/>
      <c r="AP969" s="137"/>
      <c r="AQ969" s="137"/>
      <c r="AR969" s="137"/>
      <c r="AS969" s="137"/>
      <c r="AT969" s="137"/>
      <c r="AU969" s="137"/>
      <c r="AV969" s="137"/>
      <c r="AW969" s="144"/>
    </row>
    <row r="970" spans="7:49" x14ac:dyDescent="0.2">
      <c r="G970" s="43"/>
      <c r="Z970" s="143"/>
      <c r="AA970" s="137"/>
      <c r="AB970" s="137"/>
      <c r="AC970" s="137"/>
      <c r="AD970" s="137"/>
      <c r="AE970" s="137"/>
      <c r="AF970" s="137"/>
      <c r="AG970" s="137"/>
      <c r="AH970" s="137"/>
      <c r="AI970" s="137"/>
      <c r="AJ970" s="137"/>
      <c r="AK970" s="137"/>
      <c r="AL970" s="137"/>
      <c r="AM970" s="137"/>
      <c r="AN970" s="137"/>
      <c r="AO970" s="137"/>
      <c r="AP970" s="137"/>
      <c r="AQ970" s="137"/>
      <c r="AR970" s="137"/>
      <c r="AS970" s="137"/>
      <c r="AT970" s="137"/>
      <c r="AU970" s="137"/>
      <c r="AV970" s="137"/>
      <c r="AW970" s="144"/>
    </row>
    <row r="971" spans="7:49" x14ac:dyDescent="0.2">
      <c r="G971" s="43"/>
      <c r="Z971" s="143"/>
      <c r="AA971" s="137"/>
      <c r="AB971" s="137"/>
      <c r="AC971" s="137"/>
      <c r="AD971" s="137"/>
      <c r="AE971" s="137"/>
      <c r="AF971" s="137"/>
      <c r="AG971" s="137"/>
      <c r="AH971" s="137"/>
      <c r="AI971" s="137"/>
      <c r="AJ971" s="137"/>
      <c r="AK971" s="137"/>
      <c r="AL971" s="137"/>
      <c r="AM971" s="137"/>
      <c r="AN971" s="137"/>
      <c r="AO971" s="137"/>
      <c r="AP971" s="137"/>
      <c r="AQ971" s="137"/>
      <c r="AR971" s="137"/>
      <c r="AS971" s="137"/>
      <c r="AT971" s="137"/>
      <c r="AU971" s="137"/>
      <c r="AV971" s="137"/>
      <c r="AW971" s="144"/>
    </row>
    <row r="972" spans="7:49" x14ac:dyDescent="0.2">
      <c r="G972" s="43"/>
      <c r="Z972" s="143"/>
      <c r="AA972" s="137"/>
      <c r="AB972" s="137"/>
      <c r="AC972" s="137"/>
      <c r="AD972" s="137"/>
      <c r="AE972" s="137"/>
      <c r="AF972" s="137"/>
      <c r="AG972" s="137"/>
      <c r="AH972" s="137"/>
      <c r="AI972" s="137"/>
      <c r="AJ972" s="137"/>
      <c r="AK972" s="137"/>
      <c r="AL972" s="137"/>
      <c r="AM972" s="137"/>
      <c r="AN972" s="137"/>
      <c r="AO972" s="137"/>
      <c r="AP972" s="137"/>
      <c r="AQ972" s="137"/>
      <c r="AR972" s="137"/>
      <c r="AS972" s="137"/>
      <c r="AT972" s="137"/>
      <c r="AU972" s="137"/>
      <c r="AV972" s="137"/>
      <c r="AW972" s="144"/>
    </row>
    <row r="973" spans="7:49" x14ac:dyDescent="0.2">
      <c r="G973" s="43"/>
      <c r="Z973" s="143"/>
      <c r="AA973" s="137"/>
      <c r="AB973" s="137"/>
      <c r="AC973" s="137"/>
      <c r="AD973" s="137"/>
      <c r="AE973" s="137"/>
      <c r="AF973" s="137"/>
      <c r="AG973" s="137"/>
      <c r="AH973" s="137"/>
      <c r="AI973" s="137"/>
      <c r="AJ973" s="137"/>
      <c r="AK973" s="137"/>
      <c r="AL973" s="137"/>
      <c r="AM973" s="137"/>
      <c r="AN973" s="137"/>
      <c r="AO973" s="137"/>
      <c r="AP973" s="137"/>
      <c r="AQ973" s="137"/>
      <c r="AR973" s="137"/>
      <c r="AS973" s="137"/>
      <c r="AT973" s="137"/>
      <c r="AU973" s="137"/>
      <c r="AV973" s="137"/>
      <c r="AW973" s="144"/>
    </row>
    <row r="974" spans="7:49" x14ac:dyDescent="0.2">
      <c r="G974" s="43"/>
      <c r="Z974" s="143"/>
      <c r="AA974" s="137"/>
      <c r="AB974" s="137"/>
      <c r="AC974" s="137"/>
      <c r="AD974" s="137"/>
      <c r="AE974" s="137"/>
      <c r="AF974" s="137"/>
      <c r="AG974" s="137"/>
      <c r="AH974" s="137"/>
      <c r="AI974" s="137"/>
      <c r="AJ974" s="137"/>
      <c r="AK974" s="137"/>
      <c r="AL974" s="137"/>
      <c r="AM974" s="137"/>
      <c r="AN974" s="137"/>
      <c r="AO974" s="137"/>
      <c r="AP974" s="137"/>
      <c r="AQ974" s="137"/>
      <c r="AR974" s="137"/>
      <c r="AS974" s="137"/>
      <c r="AT974" s="137"/>
      <c r="AU974" s="137"/>
      <c r="AV974" s="137"/>
      <c r="AW974" s="144"/>
    </row>
    <row r="975" spans="7:49" x14ac:dyDescent="0.2">
      <c r="G975" s="43"/>
      <c r="Z975" s="143"/>
      <c r="AA975" s="137"/>
      <c r="AB975" s="137"/>
      <c r="AC975" s="137"/>
      <c r="AD975" s="137"/>
      <c r="AE975" s="137"/>
      <c r="AF975" s="137"/>
      <c r="AG975" s="137"/>
      <c r="AH975" s="137"/>
      <c r="AI975" s="137"/>
      <c r="AJ975" s="137"/>
      <c r="AK975" s="137"/>
      <c r="AL975" s="137"/>
      <c r="AM975" s="137"/>
      <c r="AN975" s="137"/>
      <c r="AO975" s="137"/>
      <c r="AP975" s="137"/>
      <c r="AQ975" s="137"/>
      <c r="AR975" s="137"/>
      <c r="AS975" s="137"/>
      <c r="AT975" s="137"/>
      <c r="AU975" s="137"/>
      <c r="AV975" s="137"/>
      <c r="AW975" s="144"/>
    </row>
    <row r="976" spans="7:49" x14ac:dyDescent="0.2">
      <c r="G976" s="43"/>
      <c r="Z976" s="143"/>
      <c r="AA976" s="137"/>
      <c r="AB976" s="137"/>
      <c r="AC976" s="137"/>
      <c r="AD976" s="137"/>
      <c r="AE976" s="137"/>
      <c r="AF976" s="137"/>
      <c r="AG976" s="137"/>
      <c r="AH976" s="137"/>
      <c r="AI976" s="137"/>
      <c r="AJ976" s="137"/>
      <c r="AK976" s="137"/>
      <c r="AL976" s="137"/>
      <c r="AM976" s="137"/>
      <c r="AN976" s="137"/>
      <c r="AO976" s="137"/>
      <c r="AP976" s="137"/>
      <c r="AQ976" s="137"/>
      <c r="AR976" s="137"/>
      <c r="AS976" s="137"/>
      <c r="AT976" s="137"/>
      <c r="AU976" s="137"/>
      <c r="AV976" s="137"/>
      <c r="AW976" s="144"/>
    </row>
    <row r="977" spans="7:49" x14ac:dyDescent="0.2">
      <c r="G977" s="43"/>
      <c r="Z977" s="143"/>
      <c r="AA977" s="137"/>
      <c r="AB977" s="137"/>
      <c r="AC977" s="137"/>
      <c r="AD977" s="137"/>
      <c r="AE977" s="137"/>
      <c r="AF977" s="137"/>
      <c r="AG977" s="137"/>
      <c r="AH977" s="137"/>
      <c r="AI977" s="137"/>
      <c r="AJ977" s="137"/>
      <c r="AK977" s="137"/>
      <c r="AL977" s="137"/>
      <c r="AM977" s="137"/>
      <c r="AN977" s="137"/>
      <c r="AO977" s="137"/>
      <c r="AP977" s="137"/>
      <c r="AQ977" s="137"/>
      <c r="AR977" s="137"/>
      <c r="AS977" s="137"/>
      <c r="AT977" s="137"/>
      <c r="AU977" s="137"/>
      <c r="AV977" s="137"/>
      <c r="AW977" s="144"/>
    </row>
    <row r="978" spans="7:49" x14ac:dyDescent="0.2">
      <c r="G978" s="43"/>
      <c r="Z978" s="143"/>
      <c r="AA978" s="137"/>
      <c r="AB978" s="137"/>
      <c r="AC978" s="137"/>
      <c r="AD978" s="137"/>
      <c r="AE978" s="137"/>
      <c r="AF978" s="137"/>
      <c r="AG978" s="137"/>
      <c r="AH978" s="137"/>
      <c r="AI978" s="137"/>
      <c r="AJ978" s="137"/>
      <c r="AK978" s="137"/>
      <c r="AL978" s="137"/>
      <c r="AM978" s="137"/>
      <c r="AN978" s="137"/>
      <c r="AO978" s="137"/>
      <c r="AP978" s="137"/>
      <c r="AQ978" s="137"/>
      <c r="AR978" s="137"/>
      <c r="AS978" s="137"/>
      <c r="AT978" s="137"/>
      <c r="AU978" s="137"/>
      <c r="AV978" s="137"/>
      <c r="AW978" s="144"/>
    </row>
    <row r="979" spans="7:49" x14ac:dyDescent="0.2">
      <c r="G979" s="43"/>
      <c r="Z979" s="143"/>
      <c r="AA979" s="137"/>
      <c r="AB979" s="137"/>
      <c r="AC979" s="137"/>
      <c r="AD979" s="137"/>
      <c r="AE979" s="137"/>
      <c r="AF979" s="137"/>
      <c r="AG979" s="137"/>
      <c r="AH979" s="137"/>
      <c r="AI979" s="137"/>
      <c r="AJ979" s="137"/>
      <c r="AK979" s="137"/>
      <c r="AL979" s="137"/>
      <c r="AM979" s="137"/>
      <c r="AN979" s="137"/>
      <c r="AO979" s="137"/>
      <c r="AP979" s="137"/>
      <c r="AQ979" s="137"/>
      <c r="AR979" s="137"/>
      <c r="AS979" s="137"/>
      <c r="AT979" s="137"/>
      <c r="AU979" s="137"/>
      <c r="AV979" s="137"/>
      <c r="AW979" s="144"/>
    </row>
    <row r="980" spans="7:49" x14ac:dyDescent="0.2">
      <c r="G980" s="43"/>
      <c r="Z980" s="143"/>
      <c r="AA980" s="137"/>
      <c r="AB980" s="137"/>
      <c r="AC980" s="137"/>
      <c r="AD980" s="137"/>
      <c r="AE980" s="137"/>
      <c r="AF980" s="137"/>
      <c r="AG980" s="137"/>
      <c r="AH980" s="137"/>
      <c r="AI980" s="137"/>
      <c r="AJ980" s="137"/>
      <c r="AK980" s="137"/>
      <c r="AL980" s="137"/>
      <c r="AM980" s="137"/>
      <c r="AN980" s="137"/>
      <c r="AO980" s="137"/>
      <c r="AP980" s="137"/>
      <c r="AQ980" s="137"/>
      <c r="AR980" s="137"/>
      <c r="AS980" s="137"/>
      <c r="AT980" s="137"/>
      <c r="AU980" s="137"/>
      <c r="AV980" s="137"/>
      <c r="AW980" s="144"/>
    </row>
    <row r="981" spans="7:49" x14ac:dyDescent="0.2">
      <c r="G981" s="43"/>
      <c r="Z981" s="143"/>
      <c r="AA981" s="137"/>
      <c r="AB981" s="137"/>
      <c r="AC981" s="137"/>
      <c r="AD981" s="137"/>
      <c r="AE981" s="137"/>
      <c r="AF981" s="137"/>
      <c r="AG981" s="137"/>
      <c r="AH981" s="137"/>
      <c r="AI981" s="137"/>
      <c r="AJ981" s="137"/>
      <c r="AK981" s="137"/>
      <c r="AL981" s="137"/>
      <c r="AM981" s="137"/>
      <c r="AN981" s="137"/>
      <c r="AO981" s="137"/>
      <c r="AP981" s="137"/>
      <c r="AQ981" s="137"/>
      <c r="AR981" s="137"/>
      <c r="AS981" s="137"/>
      <c r="AT981" s="137"/>
      <c r="AU981" s="137"/>
      <c r="AV981" s="137"/>
      <c r="AW981" s="144"/>
    </row>
    <row r="982" spans="7:49" x14ac:dyDescent="0.2">
      <c r="G982" s="43"/>
      <c r="Z982" s="143"/>
      <c r="AA982" s="137"/>
      <c r="AB982" s="137"/>
      <c r="AC982" s="137"/>
      <c r="AD982" s="137"/>
      <c r="AE982" s="137"/>
      <c r="AF982" s="137"/>
      <c r="AG982" s="137"/>
      <c r="AH982" s="137"/>
      <c r="AI982" s="137"/>
      <c r="AJ982" s="137"/>
      <c r="AK982" s="137"/>
      <c r="AL982" s="137"/>
      <c r="AM982" s="137"/>
      <c r="AN982" s="137"/>
      <c r="AO982" s="137"/>
      <c r="AP982" s="137"/>
      <c r="AQ982" s="137"/>
      <c r="AR982" s="137"/>
      <c r="AS982" s="137"/>
      <c r="AT982" s="137"/>
      <c r="AU982" s="137"/>
      <c r="AV982" s="137"/>
      <c r="AW982" s="144"/>
    </row>
    <row r="983" spans="7:49" x14ac:dyDescent="0.2">
      <c r="G983" s="43"/>
      <c r="Z983" s="143"/>
      <c r="AA983" s="137"/>
      <c r="AB983" s="137"/>
      <c r="AC983" s="137"/>
      <c r="AD983" s="137"/>
      <c r="AE983" s="137"/>
      <c r="AF983" s="137"/>
      <c r="AG983" s="137"/>
      <c r="AH983" s="137"/>
      <c r="AI983" s="137"/>
      <c r="AJ983" s="137"/>
      <c r="AK983" s="137"/>
      <c r="AL983" s="137"/>
      <c r="AM983" s="137"/>
      <c r="AN983" s="137"/>
      <c r="AO983" s="137"/>
      <c r="AP983" s="137"/>
      <c r="AQ983" s="137"/>
      <c r="AR983" s="137"/>
      <c r="AS983" s="137"/>
      <c r="AT983" s="137"/>
      <c r="AU983" s="137"/>
      <c r="AV983" s="137"/>
      <c r="AW983" s="144"/>
    </row>
    <row r="984" spans="7:49" x14ac:dyDescent="0.2">
      <c r="G984" s="43"/>
      <c r="Z984" s="143"/>
      <c r="AA984" s="137"/>
      <c r="AB984" s="137"/>
      <c r="AC984" s="137"/>
      <c r="AD984" s="137"/>
      <c r="AE984" s="137"/>
      <c r="AF984" s="137"/>
      <c r="AG984" s="137"/>
      <c r="AH984" s="137"/>
      <c r="AI984" s="137"/>
      <c r="AJ984" s="137"/>
      <c r="AK984" s="137"/>
      <c r="AL984" s="137"/>
      <c r="AM984" s="137"/>
      <c r="AN984" s="137"/>
      <c r="AO984" s="137"/>
      <c r="AP984" s="137"/>
      <c r="AQ984" s="137"/>
      <c r="AR984" s="137"/>
      <c r="AS984" s="137"/>
      <c r="AT984" s="137"/>
      <c r="AU984" s="137"/>
      <c r="AV984" s="137"/>
      <c r="AW984" s="144"/>
    </row>
    <row r="985" spans="7:49" x14ac:dyDescent="0.2">
      <c r="G985" s="43"/>
      <c r="Z985" s="143"/>
      <c r="AA985" s="137"/>
      <c r="AB985" s="137"/>
      <c r="AC985" s="137"/>
      <c r="AD985" s="137"/>
      <c r="AE985" s="137"/>
      <c r="AF985" s="137"/>
      <c r="AG985" s="137"/>
      <c r="AH985" s="137"/>
      <c r="AI985" s="137"/>
      <c r="AJ985" s="137"/>
      <c r="AK985" s="137"/>
      <c r="AL985" s="137"/>
      <c r="AM985" s="137"/>
      <c r="AN985" s="137"/>
      <c r="AO985" s="137"/>
      <c r="AP985" s="137"/>
      <c r="AQ985" s="137"/>
      <c r="AR985" s="137"/>
      <c r="AS985" s="137"/>
      <c r="AT985" s="137"/>
      <c r="AU985" s="137"/>
      <c r="AV985" s="137"/>
      <c r="AW985" s="144"/>
    </row>
    <row r="986" spans="7:49" x14ac:dyDescent="0.2">
      <c r="G986" s="43"/>
      <c r="Z986" s="143"/>
      <c r="AA986" s="137"/>
      <c r="AB986" s="137"/>
      <c r="AC986" s="137"/>
      <c r="AD986" s="137"/>
      <c r="AE986" s="137"/>
      <c r="AF986" s="137"/>
      <c r="AG986" s="137"/>
      <c r="AH986" s="137"/>
      <c r="AI986" s="137"/>
      <c r="AJ986" s="137"/>
      <c r="AK986" s="137"/>
      <c r="AL986" s="137"/>
      <c r="AM986" s="137"/>
      <c r="AN986" s="137"/>
      <c r="AO986" s="137"/>
      <c r="AP986" s="137"/>
      <c r="AQ986" s="137"/>
      <c r="AR986" s="137"/>
      <c r="AS986" s="137"/>
      <c r="AT986" s="137"/>
      <c r="AU986" s="137"/>
      <c r="AV986" s="137"/>
      <c r="AW986" s="144"/>
    </row>
    <row r="987" spans="7:49" x14ac:dyDescent="0.2">
      <c r="G987" s="43"/>
      <c r="Z987" s="143"/>
      <c r="AA987" s="137"/>
      <c r="AB987" s="137"/>
      <c r="AC987" s="137"/>
      <c r="AD987" s="137"/>
      <c r="AE987" s="137"/>
      <c r="AF987" s="137"/>
      <c r="AG987" s="137"/>
      <c r="AH987" s="137"/>
      <c r="AI987" s="137"/>
      <c r="AJ987" s="137"/>
      <c r="AK987" s="137"/>
      <c r="AL987" s="137"/>
      <c r="AM987" s="137"/>
      <c r="AN987" s="137"/>
      <c r="AO987" s="137"/>
      <c r="AP987" s="137"/>
      <c r="AQ987" s="137"/>
      <c r="AR987" s="137"/>
      <c r="AS987" s="137"/>
      <c r="AT987" s="137"/>
      <c r="AU987" s="137"/>
      <c r="AV987" s="137"/>
      <c r="AW987" s="144"/>
    </row>
    <row r="988" spans="7:49" x14ac:dyDescent="0.2">
      <c r="G988" s="43"/>
      <c r="Z988" s="143"/>
      <c r="AA988" s="137"/>
      <c r="AB988" s="137"/>
      <c r="AC988" s="137"/>
      <c r="AD988" s="137"/>
      <c r="AE988" s="137"/>
      <c r="AF988" s="137"/>
      <c r="AG988" s="137"/>
      <c r="AH988" s="137"/>
      <c r="AI988" s="137"/>
      <c r="AJ988" s="137"/>
      <c r="AK988" s="137"/>
      <c r="AL988" s="137"/>
      <c r="AM988" s="137"/>
      <c r="AN988" s="137"/>
      <c r="AO988" s="137"/>
      <c r="AP988" s="137"/>
      <c r="AQ988" s="137"/>
      <c r="AR988" s="137"/>
      <c r="AS988" s="137"/>
      <c r="AT988" s="137"/>
      <c r="AU988" s="137"/>
      <c r="AV988" s="137"/>
      <c r="AW988" s="144"/>
    </row>
    <row r="989" spans="7:49" x14ac:dyDescent="0.2">
      <c r="G989" s="43"/>
      <c r="Z989" s="143"/>
      <c r="AA989" s="137"/>
      <c r="AB989" s="137"/>
      <c r="AC989" s="137"/>
      <c r="AD989" s="137"/>
      <c r="AE989" s="137"/>
      <c r="AF989" s="137"/>
      <c r="AG989" s="137"/>
      <c r="AH989" s="137"/>
      <c r="AI989" s="137"/>
      <c r="AJ989" s="137"/>
      <c r="AK989" s="137"/>
      <c r="AL989" s="137"/>
      <c r="AM989" s="137"/>
      <c r="AN989" s="137"/>
      <c r="AO989" s="137"/>
      <c r="AP989" s="137"/>
      <c r="AQ989" s="137"/>
      <c r="AR989" s="137"/>
      <c r="AS989" s="137"/>
      <c r="AT989" s="137"/>
      <c r="AU989" s="137"/>
      <c r="AV989" s="137"/>
      <c r="AW989" s="144"/>
    </row>
    <row r="990" spans="7:49" x14ac:dyDescent="0.2">
      <c r="G990" s="43"/>
      <c r="Z990" s="143"/>
      <c r="AA990" s="137"/>
      <c r="AB990" s="137"/>
      <c r="AC990" s="137"/>
      <c r="AD990" s="137"/>
      <c r="AE990" s="137"/>
      <c r="AF990" s="137"/>
      <c r="AG990" s="137"/>
      <c r="AH990" s="137"/>
      <c r="AI990" s="137"/>
      <c r="AJ990" s="137"/>
      <c r="AK990" s="137"/>
      <c r="AL990" s="137"/>
      <c r="AM990" s="137"/>
      <c r="AN990" s="137"/>
      <c r="AO990" s="137"/>
      <c r="AP990" s="137"/>
      <c r="AQ990" s="137"/>
      <c r="AR990" s="137"/>
      <c r="AS990" s="137"/>
      <c r="AT990" s="137"/>
      <c r="AU990" s="137"/>
      <c r="AV990" s="137"/>
      <c r="AW990" s="144"/>
    </row>
    <row r="991" spans="7:49" x14ac:dyDescent="0.2">
      <c r="G991" s="43"/>
      <c r="Z991" s="143"/>
      <c r="AA991" s="137"/>
      <c r="AB991" s="137"/>
      <c r="AC991" s="137"/>
      <c r="AD991" s="137"/>
      <c r="AE991" s="137"/>
      <c r="AF991" s="137"/>
      <c r="AG991" s="137"/>
      <c r="AH991" s="137"/>
      <c r="AI991" s="137"/>
      <c r="AJ991" s="137"/>
      <c r="AK991" s="137"/>
      <c r="AL991" s="137"/>
      <c r="AM991" s="137"/>
      <c r="AN991" s="137"/>
      <c r="AO991" s="137"/>
      <c r="AP991" s="137"/>
      <c r="AQ991" s="137"/>
      <c r="AR991" s="137"/>
      <c r="AS991" s="137"/>
      <c r="AT991" s="137"/>
      <c r="AU991" s="137"/>
      <c r="AV991" s="137"/>
      <c r="AW991" s="144"/>
    </row>
    <row r="992" spans="7:49" x14ac:dyDescent="0.2">
      <c r="G992" s="43"/>
      <c r="Z992" s="143"/>
      <c r="AA992" s="137"/>
      <c r="AB992" s="137"/>
      <c r="AC992" s="137"/>
      <c r="AD992" s="137"/>
      <c r="AE992" s="137"/>
      <c r="AF992" s="137"/>
      <c r="AG992" s="137"/>
      <c r="AH992" s="137"/>
      <c r="AI992" s="137"/>
      <c r="AJ992" s="137"/>
      <c r="AK992" s="137"/>
      <c r="AL992" s="137"/>
      <c r="AM992" s="137"/>
      <c r="AN992" s="137"/>
      <c r="AO992" s="137"/>
      <c r="AP992" s="137"/>
      <c r="AQ992" s="137"/>
      <c r="AR992" s="137"/>
      <c r="AS992" s="137"/>
      <c r="AT992" s="137"/>
      <c r="AU992" s="137"/>
      <c r="AV992" s="137"/>
      <c r="AW992" s="144"/>
    </row>
    <row r="993" spans="7:49" x14ac:dyDescent="0.2">
      <c r="G993" s="43"/>
      <c r="Z993" s="143"/>
      <c r="AA993" s="137"/>
      <c r="AB993" s="137"/>
      <c r="AC993" s="137"/>
      <c r="AD993" s="137"/>
      <c r="AE993" s="137"/>
      <c r="AF993" s="137"/>
      <c r="AG993" s="137"/>
      <c r="AH993" s="137"/>
      <c r="AI993" s="137"/>
      <c r="AJ993" s="137"/>
      <c r="AK993" s="137"/>
      <c r="AL993" s="137"/>
      <c r="AM993" s="137"/>
      <c r="AN993" s="137"/>
      <c r="AO993" s="137"/>
      <c r="AP993" s="137"/>
      <c r="AQ993" s="137"/>
      <c r="AR993" s="137"/>
      <c r="AS993" s="137"/>
      <c r="AT993" s="137"/>
      <c r="AU993" s="137"/>
      <c r="AV993" s="137"/>
      <c r="AW993" s="144"/>
    </row>
    <row r="994" spans="7:49" x14ac:dyDescent="0.2">
      <c r="G994" s="43"/>
      <c r="Z994" s="143"/>
      <c r="AA994" s="137"/>
      <c r="AB994" s="137"/>
      <c r="AC994" s="137"/>
      <c r="AD994" s="137"/>
      <c r="AE994" s="137"/>
      <c r="AF994" s="137"/>
      <c r="AG994" s="137"/>
      <c r="AH994" s="137"/>
      <c r="AI994" s="137"/>
      <c r="AJ994" s="137"/>
      <c r="AK994" s="137"/>
      <c r="AL994" s="137"/>
      <c r="AM994" s="137"/>
      <c r="AN994" s="137"/>
      <c r="AO994" s="137"/>
      <c r="AP994" s="137"/>
      <c r="AQ994" s="137"/>
      <c r="AR994" s="137"/>
      <c r="AS994" s="137"/>
      <c r="AT994" s="137"/>
      <c r="AU994" s="137"/>
      <c r="AV994" s="137"/>
      <c r="AW994" s="144"/>
    </row>
    <row r="995" spans="7:49" x14ac:dyDescent="0.2">
      <c r="G995" s="43"/>
      <c r="Z995" s="143"/>
      <c r="AA995" s="137"/>
      <c r="AB995" s="137"/>
      <c r="AC995" s="137"/>
      <c r="AD995" s="137"/>
      <c r="AE995" s="137"/>
      <c r="AF995" s="137"/>
      <c r="AG995" s="137"/>
      <c r="AH995" s="137"/>
      <c r="AI995" s="137"/>
      <c r="AJ995" s="137"/>
      <c r="AK995" s="137"/>
      <c r="AL995" s="137"/>
      <c r="AM995" s="137"/>
      <c r="AN995" s="137"/>
      <c r="AO995" s="137"/>
      <c r="AP995" s="137"/>
      <c r="AQ995" s="137"/>
      <c r="AR995" s="137"/>
      <c r="AS995" s="137"/>
      <c r="AT995" s="137"/>
      <c r="AU995" s="137"/>
      <c r="AV995" s="137"/>
      <c r="AW995" s="144"/>
    </row>
    <row r="996" spans="7:49" x14ac:dyDescent="0.2">
      <c r="G996" s="43"/>
      <c r="Z996" s="143"/>
      <c r="AA996" s="137"/>
      <c r="AB996" s="137"/>
      <c r="AC996" s="137"/>
      <c r="AD996" s="137"/>
      <c r="AE996" s="137"/>
      <c r="AF996" s="137"/>
      <c r="AG996" s="137"/>
      <c r="AH996" s="137"/>
      <c r="AI996" s="137"/>
      <c r="AJ996" s="137"/>
      <c r="AK996" s="137"/>
      <c r="AL996" s="137"/>
      <c r="AM996" s="137"/>
      <c r="AN996" s="137"/>
      <c r="AO996" s="137"/>
      <c r="AP996" s="137"/>
      <c r="AQ996" s="137"/>
      <c r="AR996" s="137"/>
      <c r="AS996" s="137"/>
      <c r="AT996" s="137"/>
      <c r="AU996" s="137"/>
      <c r="AV996" s="137"/>
      <c r="AW996" s="144"/>
    </row>
    <row r="997" spans="7:49" x14ac:dyDescent="0.2">
      <c r="G997" s="43"/>
      <c r="Z997" s="143"/>
      <c r="AA997" s="137"/>
      <c r="AB997" s="137"/>
      <c r="AC997" s="137"/>
      <c r="AD997" s="137"/>
      <c r="AE997" s="137"/>
      <c r="AF997" s="137"/>
      <c r="AG997" s="137"/>
      <c r="AH997" s="137"/>
      <c r="AI997" s="137"/>
      <c r="AJ997" s="137"/>
      <c r="AK997" s="137"/>
      <c r="AL997" s="137"/>
      <c r="AM997" s="137"/>
      <c r="AN997" s="137"/>
      <c r="AO997" s="137"/>
      <c r="AP997" s="137"/>
      <c r="AQ997" s="137"/>
      <c r="AR997" s="137"/>
      <c r="AS997" s="137"/>
      <c r="AT997" s="137"/>
      <c r="AU997" s="137"/>
      <c r="AV997" s="137"/>
      <c r="AW997" s="144"/>
    </row>
    <row r="998" spans="7:49" x14ac:dyDescent="0.2">
      <c r="G998" s="43"/>
      <c r="Z998" s="143"/>
      <c r="AA998" s="137"/>
      <c r="AB998" s="137"/>
      <c r="AC998" s="137"/>
      <c r="AD998" s="137"/>
      <c r="AE998" s="137"/>
      <c r="AF998" s="137"/>
      <c r="AG998" s="137"/>
      <c r="AH998" s="137"/>
      <c r="AI998" s="137"/>
      <c r="AJ998" s="137"/>
      <c r="AK998" s="137"/>
      <c r="AL998" s="137"/>
      <c r="AM998" s="137"/>
      <c r="AN998" s="137"/>
      <c r="AO998" s="137"/>
      <c r="AP998" s="137"/>
      <c r="AQ998" s="137"/>
      <c r="AR998" s="137"/>
      <c r="AS998" s="137"/>
      <c r="AT998" s="137"/>
      <c r="AU998" s="137"/>
      <c r="AV998" s="137"/>
      <c r="AW998" s="144"/>
    </row>
    <row r="999" spans="7:49" x14ac:dyDescent="0.2">
      <c r="G999" s="43"/>
      <c r="Z999" s="143"/>
      <c r="AA999" s="137"/>
      <c r="AB999" s="137"/>
      <c r="AC999" s="137"/>
      <c r="AD999" s="137"/>
      <c r="AE999" s="137"/>
      <c r="AF999" s="137"/>
      <c r="AG999" s="137"/>
      <c r="AH999" s="137"/>
      <c r="AI999" s="137"/>
      <c r="AJ999" s="137"/>
      <c r="AK999" s="137"/>
      <c r="AL999" s="137"/>
      <c r="AM999" s="137"/>
      <c r="AN999" s="137"/>
      <c r="AO999" s="137"/>
      <c r="AP999" s="137"/>
      <c r="AQ999" s="137"/>
      <c r="AR999" s="137"/>
      <c r="AS999" s="137"/>
      <c r="AT999" s="137"/>
      <c r="AU999" s="137"/>
      <c r="AV999" s="137"/>
      <c r="AW999" s="144"/>
    </row>
    <row r="1000" spans="7:49" x14ac:dyDescent="0.2">
      <c r="G1000" s="43"/>
      <c r="Z1000" s="143"/>
      <c r="AA1000" s="137"/>
      <c r="AB1000" s="137"/>
      <c r="AC1000" s="137"/>
      <c r="AD1000" s="137"/>
      <c r="AE1000" s="137"/>
      <c r="AF1000" s="137"/>
      <c r="AG1000" s="137"/>
      <c r="AH1000" s="137"/>
      <c r="AI1000" s="137"/>
      <c r="AJ1000" s="137"/>
      <c r="AK1000" s="137"/>
      <c r="AL1000" s="137"/>
      <c r="AM1000" s="137"/>
      <c r="AN1000" s="137"/>
      <c r="AO1000" s="137"/>
      <c r="AP1000" s="137"/>
      <c r="AQ1000" s="137"/>
      <c r="AR1000" s="137"/>
      <c r="AS1000" s="137"/>
      <c r="AT1000" s="137"/>
      <c r="AU1000" s="137"/>
      <c r="AV1000" s="137"/>
      <c r="AW1000" s="144"/>
    </row>
    <row r="1001" spans="7:49" x14ac:dyDescent="0.2">
      <c r="G1001" s="43"/>
      <c r="Z1001" s="143"/>
      <c r="AA1001" s="137"/>
      <c r="AB1001" s="137"/>
      <c r="AC1001" s="137"/>
      <c r="AD1001" s="137"/>
      <c r="AE1001" s="137"/>
      <c r="AF1001" s="137"/>
      <c r="AG1001" s="137"/>
      <c r="AH1001" s="137"/>
      <c r="AI1001" s="137"/>
      <c r="AJ1001" s="137"/>
      <c r="AK1001" s="137"/>
      <c r="AL1001" s="137"/>
      <c r="AM1001" s="137"/>
      <c r="AN1001" s="137"/>
      <c r="AO1001" s="137"/>
      <c r="AP1001" s="137"/>
      <c r="AQ1001" s="137"/>
      <c r="AR1001" s="137"/>
      <c r="AS1001" s="137"/>
      <c r="AT1001" s="137"/>
      <c r="AU1001" s="137"/>
      <c r="AV1001" s="137"/>
      <c r="AW1001" s="144"/>
    </row>
    <row r="1002" spans="7:49" x14ac:dyDescent="0.2">
      <c r="G1002" s="43"/>
      <c r="Z1002" s="143"/>
      <c r="AA1002" s="137"/>
      <c r="AB1002" s="137"/>
      <c r="AC1002" s="137"/>
      <c r="AD1002" s="137"/>
      <c r="AE1002" s="137"/>
      <c r="AF1002" s="137"/>
      <c r="AG1002" s="137"/>
      <c r="AH1002" s="137"/>
      <c r="AI1002" s="137"/>
      <c r="AJ1002" s="137"/>
      <c r="AK1002" s="137"/>
      <c r="AL1002" s="137"/>
      <c r="AM1002" s="137"/>
      <c r="AN1002" s="137"/>
      <c r="AO1002" s="137"/>
      <c r="AP1002" s="137"/>
      <c r="AQ1002" s="137"/>
      <c r="AR1002" s="137"/>
      <c r="AS1002" s="137"/>
      <c r="AT1002" s="137"/>
      <c r="AU1002" s="137"/>
      <c r="AV1002" s="137"/>
      <c r="AW1002" s="144"/>
    </row>
    <row r="1003" spans="7:49" x14ac:dyDescent="0.2">
      <c r="G1003" s="43"/>
      <c r="Z1003" s="143"/>
      <c r="AA1003" s="137"/>
      <c r="AB1003" s="137"/>
      <c r="AC1003" s="137"/>
      <c r="AD1003" s="137"/>
      <c r="AE1003" s="137"/>
      <c r="AF1003" s="137"/>
      <c r="AG1003" s="137"/>
      <c r="AH1003" s="137"/>
      <c r="AI1003" s="137"/>
      <c r="AJ1003" s="137"/>
      <c r="AK1003" s="137"/>
      <c r="AL1003" s="137"/>
      <c r="AM1003" s="137"/>
      <c r="AN1003" s="137"/>
      <c r="AO1003" s="137"/>
      <c r="AP1003" s="137"/>
      <c r="AQ1003" s="137"/>
      <c r="AR1003" s="137"/>
      <c r="AS1003" s="137"/>
      <c r="AT1003" s="137"/>
      <c r="AU1003" s="137"/>
      <c r="AV1003" s="137"/>
      <c r="AW1003" s="144"/>
    </row>
    <row r="1004" spans="7:49" x14ac:dyDescent="0.2">
      <c r="G1004" s="43"/>
      <c r="Z1004" s="143"/>
      <c r="AA1004" s="137"/>
      <c r="AB1004" s="137"/>
      <c r="AC1004" s="137"/>
      <c r="AD1004" s="137"/>
      <c r="AE1004" s="137"/>
      <c r="AF1004" s="137"/>
      <c r="AG1004" s="137"/>
      <c r="AH1004" s="137"/>
      <c r="AI1004" s="137"/>
      <c r="AJ1004" s="137"/>
      <c r="AK1004" s="137"/>
      <c r="AL1004" s="137"/>
      <c r="AM1004" s="137"/>
      <c r="AN1004" s="137"/>
      <c r="AO1004" s="137"/>
      <c r="AP1004" s="137"/>
      <c r="AQ1004" s="137"/>
      <c r="AR1004" s="137"/>
      <c r="AS1004" s="137"/>
      <c r="AT1004" s="137"/>
      <c r="AU1004" s="137"/>
      <c r="AV1004" s="137"/>
      <c r="AW1004" s="144"/>
    </row>
    <row r="1005" spans="7:49" x14ac:dyDescent="0.2">
      <c r="G1005" s="43"/>
      <c r="Z1005" s="143"/>
      <c r="AA1005" s="137"/>
      <c r="AB1005" s="137"/>
      <c r="AC1005" s="137"/>
      <c r="AD1005" s="137"/>
      <c r="AE1005" s="137"/>
      <c r="AF1005" s="137"/>
      <c r="AG1005" s="137"/>
      <c r="AH1005" s="137"/>
      <c r="AI1005" s="137"/>
      <c r="AJ1005" s="137"/>
      <c r="AK1005" s="137"/>
      <c r="AL1005" s="137"/>
      <c r="AM1005" s="137"/>
      <c r="AN1005" s="137"/>
      <c r="AO1005" s="137"/>
      <c r="AP1005" s="137"/>
      <c r="AQ1005" s="137"/>
      <c r="AR1005" s="137"/>
      <c r="AS1005" s="137"/>
      <c r="AT1005" s="137"/>
      <c r="AU1005" s="137"/>
      <c r="AV1005" s="137"/>
      <c r="AW1005" s="144"/>
    </row>
    <row r="1006" spans="7:49" x14ac:dyDescent="0.2">
      <c r="G1006" s="43"/>
      <c r="Z1006" s="143"/>
      <c r="AA1006" s="137"/>
      <c r="AB1006" s="137"/>
      <c r="AC1006" s="137"/>
      <c r="AD1006" s="137"/>
      <c r="AE1006" s="137"/>
      <c r="AF1006" s="137"/>
      <c r="AG1006" s="137"/>
      <c r="AH1006" s="137"/>
      <c r="AI1006" s="137"/>
      <c r="AJ1006" s="137"/>
      <c r="AK1006" s="137"/>
      <c r="AL1006" s="137"/>
      <c r="AM1006" s="137"/>
      <c r="AN1006" s="137"/>
      <c r="AO1006" s="137"/>
      <c r="AP1006" s="137"/>
      <c r="AQ1006" s="137"/>
      <c r="AR1006" s="137"/>
      <c r="AS1006" s="137"/>
      <c r="AT1006" s="137"/>
      <c r="AU1006" s="137"/>
      <c r="AV1006" s="137"/>
      <c r="AW1006" s="144"/>
    </row>
    <row r="1007" spans="7:49" x14ac:dyDescent="0.2">
      <c r="G1007" s="43"/>
      <c r="Z1007" s="143"/>
      <c r="AA1007" s="137"/>
      <c r="AB1007" s="137"/>
      <c r="AC1007" s="137"/>
      <c r="AD1007" s="137"/>
      <c r="AE1007" s="137"/>
      <c r="AF1007" s="137"/>
      <c r="AG1007" s="137"/>
      <c r="AH1007" s="137"/>
      <c r="AI1007" s="137"/>
      <c r="AJ1007" s="137"/>
      <c r="AK1007" s="137"/>
      <c r="AL1007" s="137"/>
      <c r="AM1007" s="137"/>
      <c r="AN1007" s="137"/>
      <c r="AO1007" s="137"/>
      <c r="AP1007" s="137"/>
      <c r="AQ1007" s="137"/>
      <c r="AR1007" s="137"/>
      <c r="AS1007" s="137"/>
      <c r="AT1007" s="137"/>
      <c r="AU1007" s="137"/>
      <c r="AV1007" s="137"/>
      <c r="AW1007" s="144"/>
    </row>
    <row r="1008" spans="7:49" x14ac:dyDescent="0.2">
      <c r="G1008" s="43"/>
      <c r="Z1008" s="143"/>
      <c r="AA1008" s="137"/>
      <c r="AB1008" s="137"/>
      <c r="AC1008" s="137"/>
      <c r="AD1008" s="137"/>
      <c r="AE1008" s="137"/>
      <c r="AF1008" s="137"/>
      <c r="AG1008" s="137"/>
      <c r="AH1008" s="137"/>
      <c r="AI1008" s="137"/>
      <c r="AJ1008" s="137"/>
      <c r="AK1008" s="137"/>
      <c r="AL1008" s="137"/>
      <c r="AM1008" s="137"/>
      <c r="AN1008" s="137"/>
      <c r="AO1008" s="137"/>
      <c r="AP1008" s="137"/>
      <c r="AQ1008" s="137"/>
      <c r="AR1008" s="137"/>
      <c r="AS1008" s="137"/>
      <c r="AT1008" s="137"/>
      <c r="AU1008" s="137"/>
      <c r="AV1008" s="137"/>
      <c r="AW1008" s="144"/>
    </row>
    <row r="1009" spans="7:49" x14ac:dyDescent="0.2">
      <c r="G1009" s="43"/>
      <c r="Z1009" s="143"/>
      <c r="AA1009" s="137"/>
      <c r="AB1009" s="137"/>
      <c r="AC1009" s="137"/>
      <c r="AD1009" s="137"/>
      <c r="AE1009" s="137"/>
      <c r="AF1009" s="137"/>
      <c r="AG1009" s="137"/>
      <c r="AH1009" s="137"/>
      <c r="AI1009" s="137"/>
      <c r="AJ1009" s="137"/>
      <c r="AK1009" s="137"/>
      <c r="AL1009" s="137"/>
      <c r="AM1009" s="137"/>
      <c r="AN1009" s="137"/>
      <c r="AO1009" s="137"/>
      <c r="AP1009" s="137"/>
      <c r="AQ1009" s="137"/>
      <c r="AR1009" s="137"/>
      <c r="AS1009" s="137"/>
      <c r="AT1009" s="137"/>
      <c r="AU1009" s="137"/>
      <c r="AV1009" s="137"/>
      <c r="AW1009" s="144"/>
    </row>
    <row r="1010" spans="7:49" x14ac:dyDescent="0.2">
      <c r="G1010" s="43"/>
      <c r="Z1010" s="143"/>
      <c r="AA1010" s="137"/>
      <c r="AB1010" s="137"/>
      <c r="AC1010" s="137"/>
      <c r="AD1010" s="137"/>
      <c r="AE1010" s="137"/>
      <c r="AF1010" s="137"/>
      <c r="AG1010" s="137"/>
      <c r="AH1010" s="137"/>
      <c r="AI1010" s="137"/>
      <c r="AJ1010" s="137"/>
      <c r="AK1010" s="137"/>
      <c r="AL1010" s="137"/>
      <c r="AM1010" s="137"/>
      <c r="AN1010" s="137"/>
      <c r="AO1010" s="137"/>
      <c r="AP1010" s="137"/>
      <c r="AQ1010" s="137"/>
      <c r="AR1010" s="137"/>
      <c r="AS1010" s="137"/>
      <c r="AT1010" s="137"/>
      <c r="AU1010" s="137"/>
      <c r="AV1010" s="137"/>
      <c r="AW1010" s="144"/>
    </row>
    <row r="1011" spans="7:49" x14ac:dyDescent="0.2">
      <c r="G1011" s="43"/>
      <c r="Z1011" s="143"/>
      <c r="AA1011" s="137"/>
      <c r="AB1011" s="137"/>
      <c r="AC1011" s="137"/>
      <c r="AD1011" s="137"/>
      <c r="AE1011" s="137"/>
      <c r="AF1011" s="137"/>
      <c r="AG1011" s="137"/>
      <c r="AH1011" s="137"/>
      <c r="AI1011" s="137"/>
      <c r="AJ1011" s="137"/>
      <c r="AK1011" s="137"/>
      <c r="AL1011" s="137"/>
      <c r="AM1011" s="137"/>
      <c r="AN1011" s="137"/>
      <c r="AO1011" s="137"/>
      <c r="AP1011" s="137"/>
      <c r="AQ1011" s="137"/>
      <c r="AR1011" s="137"/>
      <c r="AS1011" s="137"/>
      <c r="AT1011" s="137"/>
      <c r="AU1011" s="137"/>
      <c r="AV1011" s="137"/>
      <c r="AW1011" s="144"/>
    </row>
    <row r="1012" spans="7:49" x14ac:dyDescent="0.2">
      <c r="G1012" s="43"/>
      <c r="Z1012" s="143"/>
      <c r="AA1012" s="137"/>
      <c r="AB1012" s="137"/>
      <c r="AC1012" s="137"/>
      <c r="AD1012" s="137"/>
      <c r="AE1012" s="137"/>
      <c r="AF1012" s="137"/>
      <c r="AG1012" s="137"/>
      <c r="AH1012" s="137"/>
      <c r="AI1012" s="137"/>
      <c r="AJ1012" s="137"/>
      <c r="AK1012" s="137"/>
      <c r="AL1012" s="137"/>
      <c r="AM1012" s="137"/>
      <c r="AN1012" s="137"/>
      <c r="AO1012" s="137"/>
      <c r="AP1012" s="137"/>
      <c r="AQ1012" s="137"/>
      <c r="AR1012" s="137"/>
      <c r="AS1012" s="137"/>
      <c r="AT1012" s="137"/>
      <c r="AU1012" s="137"/>
      <c r="AV1012" s="137"/>
      <c r="AW1012" s="144"/>
    </row>
    <row r="1013" spans="7:49" x14ac:dyDescent="0.2">
      <c r="G1013" s="43"/>
      <c r="Z1013" s="143"/>
      <c r="AA1013" s="137"/>
      <c r="AB1013" s="137"/>
      <c r="AC1013" s="137"/>
      <c r="AD1013" s="137"/>
      <c r="AE1013" s="137"/>
      <c r="AF1013" s="137"/>
      <c r="AG1013" s="137"/>
      <c r="AH1013" s="137"/>
      <c r="AI1013" s="137"/>
      <c r="AJ1013" s="137"/>
      <c r="AK1013" s="137"/>
      <c r="AL1013" s="137"/>
      <c r="AM1013" s="137"/>
      <c r="AN1013" s="137"/>
      <c r="AO1013" s="137"/>
      <c r="AP1013" s="137"/>
      <c r="AQ1013" s="137"/>
      <c r="AR1013" s="137"/>
      <c r="AS1013" s="137"/>
      <c r="AT1013" s="137"/>
      <c r="AU1013" s="137"/>
      <c r="AV1013" s="137"/>
      <c r="AW1013" s="144"/>
    </row>
    <row r="1014" spans="7:49" x14ac:dyDescent="0.2">
      <c r="G1014" s="43"/>
      <c r="Z1014" s="143"/>
      <c r="AA1014" s="137"/>
      <c r="AB1014" s="137"/>
      <c r="AC1014" s="137"/>
      <c r="AD1014" s="137"/>
      <c r="AE1014" s="137"/>
      <c r="AF1014" s="137"/>
      <c r="AG1014" s="137"/>
      <c r="AH1014" s="137"/>
      <c r="AI1014" s="137"/>
      <c r="AJ1014" s="137"/>
      <c r="AK1014" s="137"/>
      <c r="AL1014" s="137"/>
      <c r="AM1014" s="137"/>
      <c r="AN1014" s="137"/>
      <c r="AO1014" s="137"/>
      <c r="AP1014" s="137"/>
      <c r="AQ1014" s="137"/>
      <c r="AR1014" s="137"/>
      <c r="AS1014" s="137"/>
      <c r="AT1014" s="137"/>
      <c r="AU1014" s="137"/>
      <c r="AV1014" s="137"/>
      <c r="AW1014" s="144"/>
    </row>
    <row r="1015" spans="7:49" x14ac:dyDescent="0.2">
      <c r="G1015" s="43"/>
      <c r="Z1015" s="143"/>
      <c r="AA1015" s="137"/>
      <c r="AB1015" s="137"/>
      <c r="AC1015" s="137"/>
      <c r="AD1015" s="137"/>
      <c r="AE1015" s="137"/>
      <c r="AF1015" s="137"/>
      <c r="AG1015" s="137"/>
      <c r="AH1015" s="137"/>
      <c r="AI1015" s="137"/>
      <c r="AJ1015" s="137"/>
      <c r="AK1015" s="137"/>
      <c r="AL1015" s="137"/>
      <c r="AM1015" s="137"/>
      <c r="AN1015" s="137"/>
      <c r="AO1015" s="137"/>
      <c r="AP1015" s="137"/>
      <c r="AQ1015" s="137"/>
      <c r="AR1015" s="137"/>
      <c r="AS1015" s="137"/>
      <c r="AT1015" s="137"/>
      <c r="AU1015" s="137"/>
      <c r="AV1015" s="137"/>
      <c r="AW1015" s="144"/>
    </row>
    <row r="1016" spans="7:49" x14ac:dyDescent="0.2">
      <c r="G1016" s="43"/>
      <c r="Z1016" s="143"/>
      <c r="AA1016" s="137"/>
      <c r="AB1016" s="137"/>
      <c r="AC1016" s="137"/>
      <c r="AD1016" s="137"/>
      <c r="AE1016" s="137"/>
      <c r="AF1016" s="137"/>
      <c r="AG1016" s="137"/>
      <c r="AH1016" s="137"/>
      <c r="AI1016" s="137"/>
      <c r="AJ1016" s="137"/>
      <c r="AK1016" s="137"/>
      <c r="AL1016" s="137"/>
      <c r="AM1016" s="137"/>
      <c r="AN1016" s="137"/>
      <c r="AO1016" s="137"/>
      <c r="AP1016" s="137"/>
      <c r="AQ1016" s="137"/>
      <c r="AR1016" s="137"/>
      <c r="AS1016" s="137"/>
      <c r="AT1016" s="137"/>
      <c r="AU1016" s="137"/>
      <c r="AV1016" s="137"/>
      <c r="AW1016" s="144"/>
    </row>
    <row r="1017" spans="7:49" x14ac:dyDescent="0.2">
      <c r="G1017" s="43"/>
      <c r="Z1017" s="143"/>
      <c r="AA1017" s="137"/>
      <c r="AB1017" s="137"/>
      <c r="AC1017" s="137"/>
      <c r="AD1017" s="137"/>
      <c r="AE1017" s="137"/>
      <c r="AF1017" s="137"/>
      <c r="AG1017" s="137"/>
      <c r="AH1017" s="137"/>
      <c r="AI1017" s="137"/>
      <c r="AJ1017" s="137"/>
      <c r="AK1017" s="137"/>
      <c r="AL1017" s="137"/>
      <c r="AM1017" s="137"/>
      <c r="AN1017" s="137"/>
      <c r="AO1017" s="137"/>
      <c r="AP1017" s="137"/>
      <c r="AQ1017" s="137"/>
      <c r="AR1017" s="137"/>
      <c r="AS1017" s="137"/>
      <c r="AT1017" s="137"/>
      <c r="AU1017" s="137"/>
      <c r="AV1017" s="137"/>
      <c r="AW1017" s="144"/>
    </row>
    <row r="1018" spans="7:49" x14ac:dyDescent="0.2">
      <c r="G1018" s="43"/>
      <c r="Z1018" s="143"/>
      <c r="AA1018" s="137"/>
      <c r="AB1018" s="137"/>
      <c r="AC1018" s="137"/>
      <c r="AD1018" s="137"/>
      <c r="AE1018" s="137"/>
      <c r="AF1018" s="137"/>
      <c r="AG1018" s="137"/>
      <c r="AH1018" s="137"/>
      <c r="AI1018" s="137"/>
      <c r="AJ1018" s="137"/>
      <c r="AK1018" s="137"/>
      <c r="AL1018" s="137"/>
      <c r="AM1018" s="137"/>
      <c r="AN1018" s="137"/>
      <c r="AO1018" s="137"/>
      <c r="AP1018" s="137"/>
      <c r="AQ1018" s="137"/>
      <c r="AR1018" s="137"/>
      <c r="AS1018" s="137"/>
      <c r="AT1018" s="137"/>
      <c r="AU1018" s="137"/>
      <c r="AV1018" s="137"/>
      <c r="AW1018" s="144"/>
    </row>
    <row r="1019" spans="7:49" x14ac:dyDescent="0.2">
      <c r="G1019" s="43"/>
      <c r="Z1019" s="143"/>
      <c r="AA1019" s="137"/>
      <c r="AB1019" s="137"/>
      <c r="AC1019" s="137"/>
      <c r="AD1019" s="137"/>
      <c r="AE1019" s="137"/>
      <c r="AF1019" s="137"/>
      <c r="AG1019" s="137"/>
      <c r="AH1019" s="137"/>
      <c r="AI1019" s="137"/>
      <c r="AJ1019" s="137"/>
      <c r="AK1019" s="137"/>
      <c r="AL1019" s="137"/>
      <c r="AM1019" s="137"/>
      <c r="AN1019" s="137"/>
      <c r="AO1019" s="137"/>
      <c r="AP1019" s="137"/>
      <c r="AQ1019" s="137"/>
      <c r="AR1019" s="137"/>
      <c r="AS1019" s="137"/>
      <c r="AT1019" s="137"/>
      <c r="AU1019" s="137"/>
      <c r="AV1019" s="137"/>
      <c r="AW1019" s="144"/>
    </row>
    <row r="1020" spans="7:49" x14ac:dyDescent="0.2">
      <c r="G1020" s="43"/>
      <c r="Z1020" s="143"/>
      <c r="AA1020" s="137"/>
      <c r="AB1020" s="137"/>
      <c r="AC1020" s="137"/>
      <c r="AD1020" s="137"/>
      <c r="AE1020" s="137"/>
      <c r="AF1020" s="137"/>
      <c r="AG1020" s="137"/>
      <c r="AH1020" s="137"/>
      <c r="AI1020" s="137"/>
      <c r="AJ1020" s="137"/>
      <c r="AK1020" s="137"/>
      <c r="AL1020" s="137"/>
      <c r="AM1020" s="137"/>
      <c r="AN1020" s="137"/>
      <c r="AO1020" s="137"/>
      <c r="AP1020" s="137"/>
      <c r="AQ1020" s="137"/>
      <c r="AR1020" s="137"/>
      <c r="AS1020" s="137"/>
      <c r="AT1020" s="137"/>
      <c r="AU1020" s="137"/>
      <c r="AV1020" s="137"/>
      <c r="AW1020" s="144"/>
    </row>
    <row r="1021" spans="7:49" x14ac:dyDescent="0.2">
      <c r="G1021" s="43"/>
      <c r="Z1021" s="143"/>
      <c r="AA1021" s="137"/>
      <c r="AB1021" s="137"/>
      <c r="AC1021" s="137"/>
      <c r="AD1021" s="137"/>
      <c r="AE1021" s="137"/>
      <c r="AF1021" s="137"/>
      <c r="AG1021" s="137"/>
      <c r="AH1021" s="137"/>
      <c r="AI1021" s="137"/>
      <c r="AJ1021" s="137"/>
      <c r="AK1021" s="137"/>
      <c r="AL1021" s="137"/>
      <c r="AM1021" s="137"/>
      <c r="AN1021" s="137"/>
      <c r="AO1021" s="137"/>
      <c r="AP1021" s="137"/>
      <c r="AQ1021" s="137"/>
      <c r="AR1021" s="137"/>
      <c r="AS1021" s="137"/>
      <c r="AT1021" s="137"/>
      <c r="AU1021" s="137"/>
      <c r="AV1021" s="137"/>
      <c r="AW1021" s="144"/>
    </row>
    <row r="1022" spans="7:49" x14ac:dyDescent="0.2">
      <c r="G1022" s="43"/>
      <c r="Z1022" s="143"/>
      <c r="AA1022" s="137"/>
      <c r="AB1022" s="137"/>
      <c r="AC1022" s="137"/>
      <c r="AD1022" s="137"/>
      <c r="AE1022" s="137"/>
      <c r="AF1022" s="137"/>
      <c r="AG1022" s="137"/>
      <c r="AH1022" s="137"/>
      <c r="AI1022" s="137"/>
      <c r="AJ1022" s="137"/>
      <c r="AK1022" s="137"/>
      <c r="AL1022" s="137"/>
      <c r="AM1022" s="137"/>
      <c r="AN1022" s="137"/>
      <c r="AO1022" s="137"/>
      <c r="AP1022" s="137"/>
      <c r="AQ1022" s="137"/>
      <c r="AR1022" s="137"/>
      <c r="AS1022" s="137"/>
      <c r="AT1022" s="137"/>
      <c r="AU1022" s="137"/>
      <c r="AV1022" s="137"/>
      <c r="AW1022" s="144"/>
    </row>
    <row r="1023" spans="7:49" x14ac:dyDescent="0.2">
      <c r="G1023" s="43"/>
      <c r="Z1023" s="143"/>
      <c r="AA1023" s="137"/>
      <c r="AB1023" s="137"/>
      <c r="AC1023" s="137"/>
      <c r="AD1023" s="137"/>
      <c r="AE1023" s="137"/>
      <c r="AF1023" s="137"/>
      <c r="AG1023" s="137"/>
      <c r="AH1023" s="137"/>
      <c r="AI1023" s="137"/>
      <c r="AJ1023" s="137"/>
      <c r="AK1023" s="137"/>
      <c r="AL1023" s="137"/>
      <c r="AM1023" s="137"/>
      <c r="AN1023" s="137"/>
      <c r="AO1023" s="137"/>
      <c r="AP1023" s="137"/>
      <c r="AQ1023" s="137"/>
      <c r="AR1023" s="137"/>
      <c r="AS1023" s="137"/>
      <c r="AT1023" s="137"/>
      <c r="AU1023" s="137"/>
      <c r="AV1023" s="137"/>
      <c r="AW1023" s="144"/>
    </row>
    <row r="1024" spans="7:49" x14ac:dyDescent="0.2">
      <c r="G1024" s="43"/>
      <c r="Z1024" s="143"/>
      <c r="AA1024" s="137"/>
      <c r="AB1024" s="137"/>
      <c r="AC1024" s="137"/>
      <c r="AD1024" s="137"/>
      <c r="AE1024" s="137"/>
      <c r="AF1024" s="137"/>
      <c r="AG1024" s="137"/>
      <c r="AH1024" s="137"/>
      <c r="AI1024" s="137"/>
      <c r="AJ1024" s="137"/>
      <c r="AK1024" s="137"/>
      <c r="AL1024" s="137"/>
      <c r="AM1024" s="137"/>
      <c r="AN1024" s="137"/>
      <c r="AO1024" s="137"/>
      <c r="AP1024" s="137"/>
      <c r="AQ1024" s="137"/>
      <c r="AR1024" s="137"/>
      <c r="AS1024" s="137"/>
      <c r="AT1024" s="137"/>
      <c r="AU1024" s="137"/>
      <c r="AV1024" s="137"/>
      <c r="AW1024" s="144"/>
    </row>
    <row r="1025" spans="7:49" x14ac:dyDescent="0.2">
      <c r="G1025" s="43"/>
      <c r="Z1025" s="143"/>
      <c r="AA1025" s="137"/>
      <c r="AB1025" s="137"/>
      <c r="AC1025" s="137"/>
      <c r="AD1025" s="137"/>
      <c r="AE1025" s="137"/>
      <c r="AF1025" s="137"/>
      <c r="AG1025" s="137"/>
      <c r="AH1025" s="137"/>
      <c r="AI1025" s="137"/>
      <c r="AJ1025" s="137"/>
      <c r="AK1025" s="137"/>
      <c r="AL1025" s="137"/>
      <c r="AM1025" s="137"/>
      <c r="AN1025" s="137"/>
      <c r="AO1025" s="137"/>
      <c r="AP1025" s="137"/>
      <c r="AQ1025" s="137"/>
      <c r="AR1025" s="137"/>
      <c r="AS1025" s="137"/>
      <c r="AT1025" s="137"/>
      <c r="AU1025" s="137"/>
      <c r="AV1025" s="137"/>
      <c r="AW1025" s="144"/>
    </row>
    <row r="1026" spans="7:49" x14ac:dyDescent="0.2">
      <c r="G1026" s="43"/>
      <c r="Z1026" s="143"/>
      <c r="AA1026" s="137"/>
      <c r="AB1026" s="137"/>
      <c r="AC1026" s="137"/>
      <c r="AD1026" s="137"/>
      <c r="AE1026" s="137"/>
      <c r="AF1026" s="137"/>
      <c r="AG1026" s="137"/>
      <c r="AH1026" s="137"/>
      <c r="AI1026" s="137"/>
      <c r="AJ1026" s="137"/>
      <c r="AK1026" s="137"/>
      <c r="AL1026" s="137"/>
      <c r="AM1026" s="137"/>
      <c r="AN1026" s="137"/>
      <c r="AO1026" s="137"/>
      <c r="AP1026" s="137"/>
      <c r="AQ1026" s="137"/>
      <c r="AR1026" s="137"/>
      <c r="AS1026" s="137"/>
      <c r="AT1026" s="137"/>
      <c r="AU1026" s="137"/>
      <c r="AV1026" s="137"/>
      <c r="AW1026" s="144"/>
    </row>
    <row r="1027" spans="7:49" x14ac:dyDescent="0.2">
      <c r="G1027" s="43"/>
      <c r="Z1027" s="143"/>
      <c r="AA1027" s="137"/>
      <c r="AB1027" s="137"/>
      <c r="AC1027" s="137"/>
      <c r="AD1027" s="137"/>
      <c r="AE1027" s="137"/>
      <c r="AF1027" s="137"/>
      <c r="AG1027" s="137"/>
      <c r="AH1027" s="137"/>
      <c r="AI1027" s="137"/>
      <c r="AJ1027" s="137"/>
      <c r="AK1027" s="137"/>
      <c r="AL1027" s="137"/>
      <c r="AM1027" s="137"/>
      <c r="AN1027" s="137"/>
      <c r="AO1027" s="137"/>
      <c r="AP1027" s="137"/>
      <c r="AQ1027" s="137"/>
      <c r="AR1027" s="137"/>
      <c r="AS1027" s="137"/>
      <c r="AT1027" s="137"/>
      <c r="AU1027" s="137"/>
      <c r="AV1027" s="137"/>
      <c r="AW1027" s="144"/>
    </row>
    <row r="1028" spans="7:49" x14ac:dyDescent="0.2">
      <c r="G1028" s="43"/>
      <c r="Z1028" s="143"/>
      <c r="AA1028" s="137"/>
      <c r="AB1028" s="137"/>
      <c r="AC1028" s="137"/>
      <c r="AD1028" s="137"/>
      <c r="AE1028" s="137"/>
      <c r="AF1028" s="137"/>
      <c r="AG1028" s="137"/>
      <c r="AH1028" s="137"/>
      <c r="AI1028" s="137"/>
      <c r="AJ1028" s="137"/>
      <c r="AK1028" s="137"/>
      <c r="AL1028" s="137"/>
      <c r="AM1028" s="137"/>
      <c r="AN1028" s="137"/>
      <c r="AO1028" s="137"/>
      <c r="AP1028" s="137"/>
      <c r="AQ1028" s="137"/>
      <c r="AR1028" s="137"/>
      <c r="AS1028" s="137"/>
      <c r="AT1028" s="137"/>
      <c r="AU1028" s="137"/>
      <c r="AV1028" s="137"/>
      <c r="AW1028" s="144"/>
    </row>
    <row r="1029" spans="7:49" x14ac:dyDescent="0.2">
      <c r="G1029" s="43"/>
      <c r="Z1029" s="143"/>
      <c r="AA1029" s="137"/>
      <c r="AB1029" s="137"/>
      <c r="AC1029" s="137"/>
      <c r="AD1029" s="137"/>
      <c r="AE1029" s="137"/>
      <c r="AF1029" s="137"/>
      <c r="AG1029" s="137"/>
      <c r="AH1029" s="137"/>
      <c r="AI1029" s="137"/>
      <c r="AJ1029" s="137"/>
      <c r="AK1029" s="137"/>
      <c r="AL1029" s="137"/>
      <c r="AM1029" s="137"/>
      <c r="AN1029" s="137"/>
      <c r="AO1029" s="137"/>
      <c r="AP1029" s="137"/>
      <c r="AQ1029" s="137"/>
      <c r="AR1029" s="137"/>
      <c r="AS1029" s="137"/>
      <c r="AT1029" s="137"/>
      <c r="AU1029" s="137"/>
      <c r="AV1029" s="137"/>
      <c r="AW1029" s="144"/>
    </row>
    <row r="1030" spans="7:49" x14ac:dyDescent="0.2">
      <c r="G1030" s="43"/>
      <c r="Z1030" s="143"/>
      <c r="AA1030" s="137"/>
      <c r="AB1030" s="137"/>
      <c r="AC1030" s="137"/>
      <c r="AD1030" s="137"/>
      <c r="AE1030" s="137"/>
      <c r="AF1030" s="137"/>
      <c r="AG1030" s="137"/>
      <c r="AH1030" s="137"/>
      <c r="AI1030" s="137"/>
      <c r="AJ1030" s="137"/>
      <c r="AK1030" s="137"/>
      <c r="AL1030" s="137"/>
      <c r="AM1030" s="137"/>
      <c r="AN1030" s="137"/>
      <c r="AO1030" s="137"/>
      <c r="AP1030" s="137"/>
      <c r="AQ1030" s="137"/>
      <c r="AR1030" s="137"/>
      <c r="AS1030" s="137"/>
      <c r="AT1030" s="137"/>
      <c r="AU1030" s="137"/>
      <c r="AV1030" s="137"/>
      <c r="AW1030" s="144"/>
    </row>
    <row r="1031" spans="7:49" x14ac:dyDescent="0.2">
      <c r="G1031" s="43"/>
      <c r="Z1031" s="143"/>
      <c r="AA1031" s="137"/>
      <c r="AB1031" s="137"/>
      <c r="AC1031" s="137"/>
      <c r="AD1031" s="137"/>
      <c r="AE1031" s="137"/>
      <c r="AF1031" s="137"/>
      <c r="AG1031" s="137"/>
      <c r="AH1031" s="137"/>
      <c r="AI1031" s="137"/>
      <c r="AJ1031" s="137"/>
      <c r="AK1031" s="137"/>
      <c r="AL1031" s="137"/>
      <c r="AM1031" s="137"/>
      <c r="AN1031" s="137"/>
      <c r="AO1031" s="137"/>
      <c r="AP1031" s="137"/>
      <c r="AQ1031" s="137"/>
      <c r="AR1031" s="137"/>
      <c r="AS1031" s="137"/>
      <c r="AT1031" s="137"/>
      <c r="AU1031" s="137"/>
      <c r="AV1031" s="137"/>
      <c r="AW1031" s="144"/>
    </row>
    <row r="1032" spans="7:49" x14ac:dyDescent="0.2">
      <c r="G1032" s="43"/>
      <c r="Z1032" s="143"/>
      <c r="AA1032" s="137"/>
      <c r="AB1032" s="137"/>
      <c r="AC1032" s="137"/>
      <c r="AD1032" s="137"/>
      <c r="AE1032" s="137"/>
      <c r="AF1032" s="137"/>
      <c r="AG1032" s="137"/>
      <c r="AH1032" s="137"/>
      <c r="AI1032" s="137"/>
      <c r="AJ1032" s="137"/>
      <c r="AK1032" s="137"/>
      <c r="AL1032" s="137"/>
      <c r="AM1032" s="137"/>
      <c r="AN1032" s="137"/>
      <c r="AO1032" s="137"/>
      <c r="AP1032" s="137"/>
      <c r="AQ1032" s="137"/>
      <c r="AR1032" s="137"/>
      <c r="AS1032" s="137"/>
      <c r="AT1032" s="137"/>
      <c r="AU1032" s="137"/>
      <c r="AV1032" s="137"/>
      <c r="AW1032" s="144"/>
    </row>
    <row r="1033" spans="7:49" x14ac:dyDescent="0.2">
      <c r="G1033" s="43"/>
      <c r="Z1033" s="143"/>
      <c r="AA1033" s="137"/>
      <c r="AB1033" s="137"/>
      <c r="AC1033" s="137"/>
      <c r="AD1033" s="137"/>
      <c r="AE1033" s="137"/>
      <c r="AF1033" s="137"/>
      <c r="AG1033" s="137"/>
      <c r="AH1033" s="137"/>
      <c r="AI1033" s="137"/>
      <c r="AJ1033" s="137"/>
      <c r="AK1033" s="137"/>
      <c r="AL1033" s="137"/>
      <c r="AM1033" s="137"/>
      <c r="AN1033" s="137"/>
      <c r="AO1033" s="137"/>
      <c r="AP1033" s="137"/>
      <c r="AQ1033" s="137"/>
      <c r="AR1033" s="137"/>
      <c r="AS1033" s="137"/>
      <c r="AT1033" s="137"/>
      <c r="AU1033" s="137"/>
      <c r="AV1033" s="137"/>
      <c r="AW1033" s="144"/>
    </row>
    <row r="1034" spans="7:49" x14ac:dyDescent="0.2">
      <c r="G1034" s="43"/>
      <c r="Z1034" s="143"/>
      <c r="AA1034" s="137"/>
      <c r="AB1034" s="137"/>
      <c r="AC1034" s="137"/>
      <c r="AD1034" s="137"/>
      <c r="AE1034" s="137"/>
      <c r="AF1034" s="137"/>
      <c r="AG1034" s="137"/>
      <c r="AH1034" s="137"/>
      <c r="AI1034" s="137"/>
      <c r="AJ1034" s="137"/>
      <c r="AK1034" s="137"/>
      <c r="AL1034" s="137"/>
      <c r="AM1034" s="137"/>
      <c r="AN1034" s="137"/>
      <c r="AO1034" s="137"/>
      <c r="AP1034" s="137"/>
      <c r="AQ1034" s="137"/>
      <c r="AR1034" s="137"/>
      <c r="AS1034" s="137"/>
      <c r="AT1034" s="137"/>
      <c r="AU1034" s="137"/>
      <c r="AV1034" s="137"/>
      <c r="AW1034" s="144"/>
    </row>
    <row r="1035" spans="7:49" x14ac:dyDescent="0.2">
      <c r="G1035" s="43"/>
      <c r="Z1035" s="143"/>
      <c r="AA1035" s="137"/>
      <c r="AB1035" s="137"/>
      <c r="AC1035" s="137"/>
      <c r="AD1035" s="137"/>
      <c r="AE1035" s="137"/>
      <c r="AF1035" s="137"/>
      <c r="AG1035" s="137"/>
      <c r="AH1035" s="137"/>
      <c r="AI1035" s="137"/>
      <c r="AJ1035" s="137"/>
      <c r="AK1035" s="137"/>
      <c r="AL1035" s="137"/>
      <c r="AM1035" s="137"/>
      <c r="AN1035" s="137"/>
      <c r="AO1035" s="137"/>
      <c r="AP1035" s="137"/>
      <c r="AQ1035" s="137"/>
      <c r="AR1035" s="137"/>
      <c r="AS1035" s="137"/>
      <c r="AT1035" s="137"/>
      <c r="AU1035" s="137"/>
      <c r="AV1035" s="137"/>
      <c r="AW1035" s="144"/>
    </row>
    <row r="1036" spans="7:49" x14ac:dyDescent="0.2">
      <c r="G1036" s="43"/>
      <c r="Z1036" s="143"/>
      <c r="AA1036" s="137"/>
      <c r="AB1036" s="137"/>
      <c r="AC1036" s="137"/>
      <c r="AD1036" s="137"/>
      <c r="AE1036" s="137"/>
      <c r="AF1036" s="137"/>
      <c r="AG1036" s="137"/>
      <c r="AH1036" s="137"/>
      <c r="AI1036" s="137"/>
      <c r="AJ1036" s="137"/>
      <c r="AK1036" s="137"/>
      <c r="AL1036" s="137"/>
      <c r="AM1036" s="137"/>
      <c r="AN1036" s="137"/>
      <c r="AO1036" s="137"/>
      <c r="AP1036" s="137"/>
      <c r="AQ1036" s="137"/>
      <c r="AR1036" s="137"/>
      <c r="AS1036" s="137"/>
      <c r="AT1036" s="137"/>
      <c r="AU1036" s="137"/>
      <c r="AV1036" s="137"/>
      <c r="AW1036" s="144"/>
    </row>
    <row r="1037" spans="7:49" x14ac:dyDescent="0.2">
      <c r="G1037" s="43"/>
      <c r="Z1037" s="143"/>
      <c r="AA1037" s="137"/>
      <c r="AB1037" s="137"/>
      <c r="AC1037" s="137"/>
      <c r="AD1037" s="137"/>
      <c r="AE1037" s="137"/>
      <c r="AF1037" s="137"/>
      <c r="AG1037" s="137"/>
      <c r="AH1037" s="137"/>
      <c r="AI1037" s="137"/>
      <c r="AJ1037" s="137"/>
      <c r="AK1037" s="137"/>
      <c r="AL1037" s="137"/>
      <c r="AM1037" s="137"/>
      <c r="AN1037" s="137"/>
      <c r="AO1037" s="137"/>
      <c r="AP1037" s="137"/>
      <c r="AQ1037" s="137"/>
      <c r="AR1037" s="137"/>
      <c r="AS1037" s="137"/>
      <c r="AT1037" s="137"/>
      <c r="AU1037" s="137"/>
      <c r="AV1037" s="137"/>
      <c r="AW1037" s="144"/>
    </row>
    <row r="1038" spans="7:49" x14ac:dyDescent="0.2">
      <c r="G1038" s="43"/>
      <c r="Z1038" s="143"/>
      <c r="AA1038" s="137"/>
      <c r="AB1038" s="137"/>
      <c r="AC1038" s="137"/>
      <c r="AD1038" s="137"/>
      <c r="AE1038" s="137"/>
      <c r="AF1038" s="137"/>
      <c r="AG1038" s="137"/>
      <c r="AH1038" s="137"/>
      <c r="AI1038" s="137"/>
      <c r="AJ1038" s="137"/>
      <c r="AK1038" s="137"/>
      <c r="AL1038" s="137"/>
      <c r="AM1038" s="137"/>
      <c r="AN1038" s="137"/>
      <c r="AO1038" s="137"/>
      <c r="AP1038" s="137"/>
      <c r="AQ1038" s="137"/>
      <c r="AR1038" s="137"/>
      <c r="AS1038" s="137"/>
      <c r="AT1038" s="137"/>
      <c r="AU1038" s="137"/>
      <c r="AV1038" s="137"/>
      <c r="AW1038" s="144"/>
    </row>
    <row r="1039" spans="7:49" x14ac:dyDescent="0.2">
      <c r="G1039" s="43"/>
      <c r="Z1039" s="143"/>
      <c r="AA1039" s="137"/>
      <c r="AB1039" s="137"/>
      <c r="AC1039" s="137"/>
      <c r="AD1039" s="137"/>
      <c r="AE1039" s="137"/>
      <c r="AF1039" s="137"/>
      <c r="AG1039" s="137"/>
      <c r="AH1039" s="137"/>
      <c r="AI1039" s="137"/>
      <c r="AJ1039" s="137"/>
      <c r="AK1039" s="137"/>
      <c r="AL1039" s="137"/>
      <c r="AM1039" s="137"/>
      <c r="AN1039" s="137"/>
      <c r="AO1039" s="137"/>
      <c r="AP1039" s="137"/>
      <c r="AQ1039" s="137"/>
      <c r="AR1039" s="137"/>
      <c r="AS1039" s="137"/>
      <c r="AT1039" s="137"/>
      <c r="AU1039" s="137"/>
      <c r="AV1039" s="137"/>
      <c r="AW1039" s="144"/>
    </row>
    <row r="1040" spans="7:49" x14ac:dyDescent="0.2">
      <c r="G1040" s="43"/>
      <c r="Z1040" s="143"/>
      <c r="AA1040" s="137"/>
      <c r="AB1040" s="137"/>
      <c r="AC1040" s="137"/>
      <c r="AD1040" s="137"/>
      <c r="AE1040" s="137"/>
      <c r="AF1040" s="137"/>
      <c r="AG1040" s="137"/>
      <c r="AH1040" s="137"/>
      <c r="AI1040" s="137"/>
      <c r="AJ1040" s="137"/>
      <c r="AK1040" s="137"/>
      <c r="AL1040" s="137"/>
      <c r="AM1040" s="137"/>
      <c r="AN1040" s="137"/>
      <c r="AO1040" s="137"/>
      <c r="AP1040" s="137"/>
      <c r="AQ1040" s="137"/>
      <c r="AR1040" s="137"/>
      <c r="AS1040" s="137"/>
      <c r="AT1040" s="137"/>
      <c r="AU1040" s="137"/>
      <c r="AV1040" s="137"/>
      <c r="AW1040" s="144"/>
    </row>
    <row r="1041" spans="7:49" x14ac:dyDescent="0.2">
      <c r="G1041" s="43"/>
      <c r="Z1041" s="143"/>
      <c r="AA1041" s="137"/>
      <c r="AB1041" s="137"/>
      <c r="AC1041" s="137"/>
      <c r="AD1041" s="137"/>
      <c r="AE1041" s="137"/>
      <c r="AF1041" s="137"/>
      <c r="AG1041" s="137"/>
      <c r="AH1041" s="137"/>
      <c r="AI1041" s="137"/>
      <c r="AJ1041" s="137"/>
      <c r="AK1041" s="137"/>
      <c r="AL1041" s="137"/>
      <c r="AM1041" s="137"/>
      <c r="AN1041" s="137"/>
      <c r="AO1041" s="137"/>
      <c r="AP1041" s="137"/>
      <c r="AQ1041" s="137"/>
      <c r="AR1041" s="137"/>
      <c r="AS1041" s="137"/>
      <c r="AT1041" s="137"/>
      <c r="AU1041" s="137"/>
      <c r="AV1041" s="137"/>
      <c r="AW1041" s="144"/>
    </row>
    <row r="1042" spans="7:49" x14ac:dyDescent="0.2">
      <c r="G1042" s="43"/>
      <c r="Z1042" s="143"/>
      <c r="AA1042" s="137"/>
      <c r="AB1042" s="137"/>
      <c r="AC1042" s="137"/>
      <c r="AD1042" s="137"/>
      <c r="AE1042" s="137"/>
      <c r="AF1042" s="137"/>
      <c r="AG1042" s="137"/>
      <c r="AH1042" s="137"/>
      <c r="AI1042" s="137"/>
      <c r="AJ1042" s="137"/>
      <c r="AK1042" s="137"/>
      <c r="AL1042" s="137"/>
      <c r="AM1042" s="137"/>
      <c r="AN1042" s="137"/>
      <c r="AO1042" s="137"/>
      <c r="AP1042" s="137"/>
      <c r="AQ1042" s="137"/>
      <c r="AR1042" s="137"/>
      <c r="AS1042" s="137"/>
      <c r="AT1042" s="137"/>
      <c r="AU1042" s="137"/>
      <c r="AV1042" s="137"/>
      <c r="AW1042" s="144"/>
    </row>
    <row r="1043" spans="7:49" x14ac:dyDescent="0.2">
      <c r="G1043" s="43"/>
      <c r="Z1043" s="143"/>
      <c r="AA1043" s="137"/>
      <c r="AB1043" s="137"/>
      <c r="AC1043" s="137"/>
      <c r="AD1043" s="137"/>
      <c r="AE1043" s="137"/>
      <c r="AF1043" s="137"/>
      <c r="AG1043" s="137"/>
      <c r="AH1043" s="137"/>
      <c r="AI1043" s="137"/>
      <c r="AJ1043" s="137"/>
      <c r="AK1043" s="137"/>
      <c r="AL1043" s="137"/>
      <c r="AM1043" s="137"/>
      <c r="AN1043" s="137"/>
      <c r="AO1043" s="137"/>
      <c r="AP1043" s="137"/>
      <c r="AQ1043" s="137"/>
      <c r="AR1043" s="137"/>
      <c r="AS1043" s="137"/>
      <c r="AT1043" s="137"/>
      <c r="AU1043" s="137"/>
      <c r="AV1043" s="137"/>
      <c r="AW1043" s="144"/>
    </row>
    <row r="1044" spans="7:49" x14ac:dyDescent="0.2">
      <c r="G1044" s="43"/>
      <c r="Z1044" s="143"/>
      <c r="AA1044" s="137"/>
      <c r="AB1044" s="137"/>
      <c r="AC1044" s="137"/>
      <c r="AD1044" s="137"/>
      <c r="AE1044" s="137"/>
      <c r="AF1044" s="137"/>
      <c r="AG1044" s="137"/>
      <c r="AH1044" s="137"/>
      <c r="AI1044" s="137"/>
      <c r="AJ1044" s="137"/>
      <c r="AK1044" s="137"/>
      <c r="AL1044" s="137"/>
      <c r="AM1044" s="137"/>
      <c r="AN1044" s="137"/>
      <c r="AO1044" s="137"/>
      <c r="AP1044" s="137"/>
      <c r="AQ1044" s="137"/>
      <c r="AR1044" s="137"/>
      <c r="AS1044" s="137"/>
      <c r="AT1044" s="137"/>
      <c r="AU1044" s="137"/>
      <c r="AV1044" s="137"/>
      <c r="AW1044" s="144"/>
    </row>
    <row r="1045" spans="7:49" x14ac:dyDescent="0.2">
      <c r="G1045" s="43"/>
      <c r="Z1045" s="143"/>
      <c r="AA1045" s="137"/>
      <c r="AB1045" s="137"/>
      <c r="AC1045" s="137"/>
      <c r="AD1045" s="137"/>
      <c r="AE1045" s="137"/>
      <c r="AF1045" s="137"/>
      <c r="AG1045" s="137"/>
      <c r="AH1045" s="137"/>
      <c r="AI1045" s="137"/>
      <c r="AJ1045" s="137"/>
      <c r="AK1045" s="137"/>
      <c r="AL1045" s="137"/>
      <c r="AM1045" s="137"/>
      <c r="AN1045" s="137"/>
      <c r="AO1045" s="137"/>
      <c r="AP1045" s="137"/>
      <c r="AQ1045" s="137"/>
      <c r="AR1045" s="137"/>
      <c r="AS1045" s="137"/>
      <c r="AT1045" s="137"/>
      <c r="AU1045" s="137"/>
      <c r="AV1045" s="137"/>
      <c r="AW1045" s="144"/>
    </row>
    <row r="1046" spans="7:49" x14ac:dyDescent="0.2">
      <c r="G1046" s="43"/>
      <c r="Z1046" s="143"/>
      <c r="AA1046" s="137"/>
      <c r="AB1046" s="137"/>
      <c r="AC1046" s="137"/>
      <c r="AD1046" s="137"/>
      <c r="AE1046" s="137"/>
      <c r="AF1046" s="137"/>
      <c r="AG1046" s="137"/>
      <c r="AH1046" s="137"/>
      <c r="AI1046" s="137"/>
      <c r="AJ1046" s="137"/>
      <c r="AK1046" s="137"/>
      <c r="AL1046" s="137"/>
      <c r="AM1046" s="137"/>
      <c r="AN1046" s="137"/>
      <c r="AO1046" s="137"/>
      <c r="AP1046" s="137"/>
      <c r="AQ1046" s="137"/>
      <c r="AR1046" s="137"/>
      <c r="AS1046" s="137"/>
      <c r="AT1046" s="137"/>
      <c r="AU1046" s="137"/>
      <c r="AV1046" s="137"/>
      <c r="AW1046" s="144"/>
    </row>
    <row r="1047" spans="7:49" x14ac:dyDescent="0.2">
      <c r="G1047" s="43"/>
      <c r="Z1047" s="143"/>
      <c r="AA1047" s="137"/>
      <c r="AB1047" s="137"/>
      <c r="AC1047" s="137"/>
      <c r="AD1047" s="137"/>
      <c r="AE1047" s="137"/>
      <c r="AF1047" s="137"/>
      <c r="AG1047" s="137"/>
      <c r="AH1047" s="137"/>
      <c r="AI1047" s="137"/>
      <c r="AJ1047" s="137"/>
      <c r="AK1047" s="137"/>
      <c r="AL1047" s="137"/>
      <c r="AM1047" s="137"/>
      <c r="AN1047" s="137"/>
      <c r="AO1047" s="137"/>
      <c r="AP1047" s="137"/>
      <c r="AQ1047" s="137"/>
      <c r="AR1047" s="137"/>
      <c r="AS1047" s="137"/>
      <c r="AT1047" s="137"/>
      <c r="AU1047" s="137"/>
      <c r="AV1047" s="137"/>
      <c r="AW1047" s="144"/>
    </row>
    <row r="1048" spans="7:49" x14ac:dyDescent="0.2">
      <c r="G1048" s="43"/>
      <c r="Z1048" s="143"/>
      <c r="AA1048" s="137"/>
      <c r="AB1048" s="137"/>
      <c r="AC1048" s="137"/>
      <c r="AD1048" s="137"/>
      <c r="AE1048" s="137"/>
      <c r="AF1048" s="137"/>
      <c r="AG1048" s="137"/>
      <c r="AH1048" s="137"/>
      <c r="AI1048" s="137"/>
      <c r="AJ1048" s="137"/>
      <c r="AK1048" s="137"/>
      <c r="AL1048" s="137"/>
      <c r="AM1048" s="137"/>
      <c r="AN1048" s="137"/>
      <c r="AO1048" s="137"/>
      <c r="AP1048" s="137"/>
      <c r="AQ1048" s="137"/>
      <c r="AR1048" s="137"/>
      <c r="AS1048" s="137"/>
      <c r="AT1048" s="137"/>
      <c r="AU1048" s="137"/>
      <c r="AV1048" s="137"/>
      <c r="AW1048" s="144"/>
    </row>
    <row r="1049" spans="7:49" x14ac:dyDescent="0.2">
      <c r="G1049" s="43"/>
      <c r="Z1049" s="143"/>
      <c r="AA1049" s="137"/>
      <c r="AB1049" s="137"/>
      <c r="AC1049" s="137"/>
      <c r="AD1049" s="137"/>
      <c r="AE1049" s="137"/>
      <c r="AF1049" s="137"/>
      <c r="AG1049" s="137"/>
      <c r="AH1049" s="137"/>
      <c r="AI1049" s="137"/>
      <c r="AJ1049" s="137"/>
      <c r="AK1049" s="137"/>
      <c r="AL1049" s="137"/>
      <c r="AM1049" s="137"/>
      <c r="AN1049" s="137"/>
      <c r="AO1049" s="137"/>
      <c r="AP1049" s="137"/>
      <c r="AQ1049" s="137"/>
      <c r="AR1049" s="137"/>
      <c r="AS1049" s="137"/>
      <c r="AT1049" s="137"/>
      <c r="AU1049" s="137"/>
      <c r="AV1049" s="137"/>
      <c r="AW1049" s="144"/>
    </row>
    <row r="1050" spans="7:49" x14ac:dyDescent="0.2">
      <c r="G1050" s="43"/>
      <c r="Z1050" s="143"/>
      <c r="AA1050" s="137"/>
      <c r="AB1050" s="137"/>
      <c r="AC1050" s="137"/>
      <c r="AD1050" s="137"/>
      <c r="AE1050" s="137"/>
      <c r="AF1050" s="137"/>
      <c r="AG1050" s="137"/>
      <c r="AH1050" s="137"/>
      <c r="AI1050" s="137"/>
      <c r="AJ1050" s="137"/>
      <c r="AK1050" s="137"/>
      <c r="AL1050" s="137"/>
      <c r="AM1050" s="137"/>
      <c r="AN1050" s="137"/>
      <c r="AO1050" s="137"/>
      <c r="AP1050" s="137"/>
      <c r="AQ1050" s="137"/>
      <c r="AR1050" s="137"/>
      <c r="AS1050" s="137"/>
      <c r="AT1050" s="137"/>
      <c r="AU1050" s="137"/>
      <c r="AV1050" s="137"/>
      <c r="AW1050" s="144"/>
    </row>
    <row r="1051" spans="7:49" x14ac:dyDescent="0.2">
      <c r="G1051" s="43"/>
      <c r="Z1051" s="143"/>
      <c r="AA1051" s="137"/>
      <c r="AB1051" s="137"/>
      <c r="AC1051" s="137"/>
      <c r="AD1051" s="137"/>
      <c r="AE1051" s="137"/>
      <c r="AF1051" s="137"/>
      <c r="AG1051" s="137"/>
      <c r="AH1051" s="137"/>
      <c r="AI1051" s="137"/>
      <c r="AJ1051" s="137"/>
      <c r="AK1051" s="137"/>
      <c r="AL1051" s="137"/>
      <c r="AM1051" s="137"/>
      <c r="AN1051" s="137"/>
      <c r="AO1051" s="137"/>
      <c r="AP1051" s="137"/>
      <c r="AQ1051" s="137"/>
      <c r="AR1051" s="137"/>
      <c r="AS1051" s="137"/>
      <c r="AT1051" s="137"/>
      <c r="AU1051" s="137"/>
      <c r="AV1051" s="137"/>
      <c r="AW1051" s="144"/>
    </row>
    <row r="1052" spans="7:49" x14ac:dyDescent="0.2">
      <c r="G1052" s="43"/>
      <c r="Z1052" s="143"/>
      <c r="AA1052" s="137"/>
      <c r="AB1052" s="137"/>
      <c r="AC1052" s="137"/>
      <c r="AD1052" s="137"/>
      <c r="AE1052" s="137"/>
      <c r="AF1052" s="137"/>
      <c r="AG1052" s="137"/>
      <c r="AH1052" s="137"/>
      <c r="AI1052" s="137"/>
      <c r="AJ1052" s="137"/>
      <c r="AK1052" s="137"/>
      <c r="AL1052" s="137"/>
      <c r="AM1052" s="137"/>
      <c r="AN1052" s="137"/>
      <c r="AO1052" s="137"/>
      <c r="AP1052" s="137"/>
      <c r="AQ1052" s="137"/>
      <c r="AR1052" s="137"/>
      <c r="AS1052" s="137"/>
      <c r="AT1052" s="137"/>
      <c r="AU1052" s="137"/>
      <c r="AV1052" s="137"/>
      <c r="AW1052" s="144"/>
    </row>
    <row r="1053" spans="7:49" x14ac:dyDescent="0.2">
      <c r="G1053" s="43"/>
      <c r="Z1053" s="143"/>
      <c r="AA1053" s="137"/>
      <c r="AB1053" s="137"/>
      <c r="AC1053" s="137"/>
      <c r="AD1053" s="137"/>
      <c r="AE1053" s="137"/>
      <c r="AF1053" s="137"/>
      <c r="AG1053" s="137"/>
      <c r="AH1053" s="137"/>
      <c r="AI1053" s="137"/>
      <c r="AJ1053" s="137"/>
      <c r="AK1053" s="137"/>
      <c r="AL1053" s="137"/>
      <c r="AM1053" s="137"/>
      <c r="AN1053" s="137"/>
      <c r="AO1053" s="137"/>
      <c r="AP1053" s="137"/>
      <c r="AQ1053" s="137"/>
      <c r="AR1053" s="137"/>
      <c r="AS1053" s="137"/>
      <c r="AT1053" s="137"/>
      <c r="AU1053" s="137"/>
      <c r="AV1053" s="137"/>
      <c r="AW1053" s="144"/>
    </row>
    <row r="1054" spans="7:49" x14ac:dyDescent="0.2">
      <c r="G1054" s="43"/>
      <c r="Z1054" s="143"/>
      <c r="AA1054" s="137"/>
      <c r="AB1054" s="137"/>
      <c r="AC1054" s="137"/>
      <c r="AD1054" s="137"/>
      <c r="AE1054" s="137"/>
      <c r="AF1054" s="137"/>
      <c r="AG1054" s="137"/>
      <c r="AH1054" s="137"/>
      <c r="AI1054" s="137"/>
      <c r="AJ1054" s="137"/>
      <c r="AK1054" s="137"/>
      <c r="AL1054" s="137"/>
      <c r="AM1054" s="137"/>
      <c r="AN1054" s="137"/>
      <c r="AO1054" s="137"/>
      <c r="AP1054" s="137"/>
      <c r="AQ1054" s="137"/>
      <c r="AR1054" s="137"/>
      <c r="AS1054" s="137"/>
      <c r="AT1054" s="137"/>
      <c r="AU1054" s="137"/>
      <c r="AV1054" s="137"/>
      <c r="AW1054" s="144"/>
    </row>
    <row r="1055" spans="7:49" x14ac:dyDescent="0.2">
      <c r="G1055" s="43"/>
      <c r="Z1055" s="143"/>
      <c r="AA1055" s="137"/>
      <c r="AB1055" s="137"/>
      <c r="AC1055" s="137"/>
      <c r="AD1055" s="137"/>
      <c r="AE1055" s="137"/>
      <c r="AF1055" s="137"/>
      <c r="AG1055" s="137"/>
      <c r="AH1055" s="137"/>
      <c r="AI1055" s="137"/>
      <c r="AJ1055" s="137"/>
      <c r="AK1055" s="137"/>
      <c r="AL1055" s="137"/>
      <c r="AM1055" s="137"/>
      <c r="AN1055" s="137"/>
      <c r="AO1055" s="137"/>
      <c r="AP1055" s="137"/>
      <c r="AQ1055" s="137"/>
      <c r="AR1055" s="137"/>
      <c r="AS1055" s="137"/>
      <c r="AT1055" s="137"/>
      <c r="AU1055" s="137"/>
      <c r="AV1055" s="137"/>
      <c r="AW1055" s="144"/>
    </row>
    <row r="1056" spans="7:49" x14ac:dyDescent="0.2">
      <c r="G1056" s="43"/>
      <c r="Z1056" s="143"/>
      <c r="AA1056" s="137"/>
      <c r="AB1056" s="137"/>
      <c r="AC1056" s="137"/>
      <c r="AD1056" s="137"/>
      <c r="AE1056" s="137"/>
      <c r="AF1056" s="137"/>
      <c r="AG1056" s="137"/>
      <c r="AH1056" s="137"/>
      <c r="AI1056" s="137"/>
      <c r="AJ1056" s="137"/>
      <c r="AK1056" s="137"/>
      <c r="AL1056" s="137"/>
      <c r="AM1056" s="137"/>
      <c r="AN1056" s="137"/>
      <c r="AO1056" s="137"/>
      <c r="AP1056" s="137"/>
      <c r="AQ1056" s="137"/>
      <c r="AR1056" s="137"/>
      <c r="AS1056" s="137"/>
      <c r="AT1056" s="137"/>
      <c r="AU1056" s="137"/>
      <c r="AV1056" s="137"/>
      <c r="AW1056" s="144"/>
    </row>
    <row r="1057" spans="7:49" x14ac:dyDescent="0.2">
      <c r="G1057" s="43"/>
      <c r="Z1057" s="143"/>
      <c r="AA1057" s="137"/>
      <c r="AB1057" s="137"/>
      <c r="AC1057" s="137"/>
      <c r="AD1057" s="137"/>
      <c r="AE1057" s="137"/>
      <c r="AF1057" s="137"/>
      <c r="AG1057" s="137"/>
      <c r="AH1057" s="137"/>
      <c r="AI1057" s="137"/>
      <c r="AJ1057" s="137"/>
      <c r="AK1057" s="137"/>
      <c r="AL1057" s="137"/>
      <c r="AM1057" s="137"/>
      <c r="AN1057" s="137"/>
      <c r="AO1057" s="137"/>
      <c r="AP1057" s="137"/>
      <c r="AQ1057" s="137"/>
      <c r="AR1057" s="137"/>
      <c r="AS1057" s="137"/>
      <c r="AT1057" s="137"/>
      <c r="AU1057" s="137"/>
      <c r="AV1057" s="137"/>
      <c r="AW1057" s="144"/>
    </row>
    <row r="1058" spans="7:49" x14ac:dyDescent="0.2">
      <c r="G1058" s="43"/>
      <c r="Z1058" s="143"/>
      <c r="AA1058" s="137"/>
      <c r="AB1058" s="137"/>
      <c r="AC1058" s="137"/>
      <c r="AD1058" s="137"/>
      <c r="AE1058" s="137"/>
      <c r="AF1058" s="137"/>
      <c r="AG1058" s="137"/>
      <c r="AH1058" s="137"/>
      <c r="AI1058" s="137"/>
      <c r="AJ1058" s="137"/>
      <c r="AK1058" s="137"/>
      <c r="AL1058" s="137"/>
      <c r="AM1058" s="137"/>
      <c r="AN1058" s="137"/>
      <c r="AO1058" s="137"/>
      <c r="AP1058" s="137"/>
      <c r="AQ1058" s="137"/>
      <c r="AR1058" s="137"/>
      <c r="AS1058" s="137"/>
      <c r="AT1058" s="137"/>
      <c r="AU1058" s="137"/>
      <c r="AV1058" s="137"/>
      <c r="AW1058" s="144"/>
    </row>
    <row r="1059" spans="7:49" x14ac:dyDescent="0.2">
      <c r="G1059" s="43"/>
      <c r="Z1059" s="143"/>
      <c r="AA1059" s="137"/>
      <c r="AB1059" s="137"/>
      <c r="AC1059" s="137"/>
      <c r="AD1059" s="137"/>
      <c r="AE1059" s="137"/>
      <c r="AF1059" s="137"/>
      <c r="AG1059" s="137"/>
      <c r="AH1059" s="137"/>
      <c r="AI1059" s="137"/>
      <c r="AJ1059" s="137"/>
      <c r="AK1059" s="137"/>
      <c r="AL1059" s="137"/>
      <c r="AM1059" s="137"/>
      <c r="AN1059" s="137"/>
      <c r="AO1059" s="137"/>
      <c r="AP1059" s="137"/>
      <c r="AQ1059" s="137"/>
      <c r="AR1059" s="137"/>
      <c r="AS1059" s="137"/>
      <c r="AT1059" s="137"/>
      <c r="AU1059" s="137"/>
      <c r="AV1059" s="137"/>
      <c r="AW1059" s="144"/>
    </row>
    <row r="1060" spans="7:49" x14ac:dyDescent="0.2">
      <c r="G1060" s="43"/>
      <c r="Z1060" s="143"/>
      <c r="AA1060" s="137"/>
      <c r="AB1060" s="137"/>
      <c r="AC1060" s="137"/>
      <c r="AD1060" s="137"/>
      <c r="AE1060" s="137"/>
      <c r="AF1060" s="137"/>
      <c r="AG1060" s="137"/>
      <c r="AH1060" s="137"/>
      <c r="AI1060" s="137"/>
      <c r="AJ1060" s="137"/>
      <c r="AK1060" s="137"/>
      <c r="AL1060" s="137"/>
      <c r="AM1060" s="137"/>
      <c r="AN1060" s="137"/>
      <c r="AO1060" s="137"/>
      <c r="AP1060" s="137"/>
      <c r="AQ1060" s="137"/>
      <c r="AR1060" s="137"/>
      <c r="AS1060" s="137"/>
      <c r="AT1060" s="137"/>
      <c r="AU1060" s="137"/>
      <c r="AV1060" s="137"/>
      <c r="AW1060" s="144"/>
    </row>
    <row r="1061" spans="7:49" x14ac:dyDescent="0.2">
      <c r="G1061" s="43"/>
      <c r="Z1061" s="143"/>
      <c r="AA1061" s="137"/>
      <c r="AB1061" s="137"/>
      <c r="AC1061" s="137"/>
      <c r="AD1061" s="137"/>
      <c r="AE1061" s="137"/>
      <c r="AF1061" s="137"/>
      <c r="AG1061" s="137"/>
      <c r="AH1061" s="137"/>
      <c r="AI1061" s="137"/>
      <c r="AJ1061" s="137"/>
      <c r="AK1061" s="137"/>
      <c r="AL1061" s="137"/>
      <c r="AM1061" s="137"/>
      <c r="AN1061" s="137"/>
      <c r="AO1061" s="137"/>
      <c r="AP1061" s="137"/>
      <c r="AQ1061" s="137"/>
      <c r="AR1061" s="137"/>
      <c r="AS1061" s="137"/>
      <c r="AT1061" s="137"/>
      <c r="AU1061" s="137"/>
      <c r="AV1061" s="137"/>
      <c r="AW1061" s="144"/>
    </row>
    <row r="1062" spans="7:49" x14ac:dyDescent="0.2">
      <c r="G1062" s="43"/>
      <c r="Z1062" s="143"/>
      <c r="AA1062" s="137"/>
      <c r="AB1062" s="137"/>
      <c r="AC1062" s="137"/>
      <c r="AD1062" s="137"/>
      <c r="AE1062" s="137"/>
      <c r="AF1062" s="137"/>
      <c r="AG1062" s="137"/>
      <c r="AH1062" s="137"/>
      <c r="AI1062" s="137"/>
      <c r="AJ1062" s="137"/>
      <c r="AK1062" s="137"/>
      <c r="AL1062" s="137"/>
      <c r="AM1062" s="137"/>
      <c r="AN1062" s="137"/>
      <c r="AO1062" s="137"/>
      <c r="AP1062" s="137"/>
      <c r="AQ1062" s="137"/>
      <c r="AR1062" s="137"/>
      <c r="AS1062" s="137"/>
      <c r="AT1062" s="137"/>
      <c r="AU1062" s="137"/>
      <c r="AV1062" s="137"/>
      <c r="AW1062" s="144"/>
    </row>
    <row r="1063" spans="7:49" x14ac:dyDescent="0.2">
      <c r="G1063" s="43"/>
      <c r="Z1063" s="143"/>
      <c r="AA1063" s="137"/>
      <c r="AB1063" s="137"/>
      <c r="AC1063" s="137"/>
      <c r="AD1063" s="137"/>
      <c r="AE1063" s="137"/>
      <c r="AF1063" s="137"/>
      <c r="AG1063" s="137"/>
      <c r="AH1063" s="137"/>
      <c r="AI1063" s="137"/>
      <c r="AJ1063" s="137"/>
      <c r="AK1063" s="137"/>
      <c r="AL1063" s="137"/>
      <c r="AM1063" s="137"/>
      <c r="AN1063" s="137"/>
      <c r="AO1063" s="137"/>
      <c r="AP1063" s="137"/>
      <c r="AQ1063" s="137"/>
      <c r="AR1063" s="137"/>
      <c r="AS1063" s="137"/>
      <c r="AT1063" s="137"/>
      <c r="AU1063" s="137"/>
      <c r="AV1063" s="137"/>
      <c r="AW1063" s="144"/>
    </row>
    <row r="1064" spans="7:49" x14ac:dyDescent="0.2">
      <c r="G1064" s="43"/>
      <c r="Z1064" s="143"/>
      <c r="AA1064" s="137"/>
      <c r="AB1064" s="137"/>
      <c r="AC1064" s="137"/>
      <c r="AD1064" s="137"/>
      <c r="AE1064" s="137"/>
      <c r="AF1064" s="137"/>
      <c r="AG1064" s="137"/>
      <c r="AH1064" s="137"/>
      <c r="AI1064" s="137"/>
      <c r="AJ1064" s="137"/>
      <c r="AK1064" s="137"/>
      <c r="AL1064" s="137"/>
      <c r="AM1064" s="137"/>
      <c r="AN1064" s="137"/>
      <c r="AO1064" s="137"/>
      <c r="AP1064" s="137"/>
      <c r="AQ1064" s="137"/>
      <c r="AR1064" s="137"/>
      <c r="AS1064" s="137"/>
      <c r="AT1064" s="137"/>
      <c r="AU1064" s="137"/>
      <c r="AV1064" s="137"/>
      <c r="AW1064" s="144"/>
    </row>
    <row r="1065" spans="7:49" x14ac:dyDescent="0.2">
      <c r="G1065" s="43"/>
      <c r="Z1065" s="143"/>
      <c r="AA1065" s="137"/>
      <c r="AB1065" s="137"/>
      <c r="AC1065" s="137"/>
      <c r="AD1065" s="137"/>
      <c r="AE1065" s="137"/>
      <c r="AF1065" s="137"/>
      <c r="AG1065" s="137"/>
      <c r="AH1065" s="137"/>
      <c r="AI1065" s="137"/>
      <c r="AJ1065" s="137"/>
      <c r="AK1065" s="137"/>
      <c r="AL1065" s="137"/>
      <c r="AM1065" s="137"/>
      <c r="AN1065" s="137"/>
      <c r="AO1065" s="137"/>
      <c r="AP1065" s="137"/>
      <c r="AQ1065" s="137"/>
      <c r="AR1065" s="137"/>
      <c r="AS1065" s="137"/>
      <c r="AT1065" s="137"/>
      <c r="AU1065" s="137"/>
      <c r="AV1065" s="137"/>
      <c r="AW1065" s="144"/>
    </row>
    <row r="1066" spans="7:49" x14ac:dyDescent="0.2">
      <c r="G1066" s="43"/>
      <c r="Z1066" s="143"/>
      <c r="AA1066" s="137"/>
      <c r="AB1066" s="137"/>
      <c r="AC1066" s="137"/>
      <c r="AD1066" s="137"/>
      <c r="AE1066" s="137"/>
      <c r="AF1066" s="137"/>
      <c r="AG1066" s="137"/>
      <c r="AH1066" s="137"/>
      <c r="AI1066" s="137"/>
      <c r="AJ1066" s="137"/>
      <c r="AK1066" s="137"/>
      <c r="AL1066" s="137"/>
      <c r="AM1066" s="137"/>
      <c r="AN1066" s="137"/>
      <c r="AO1066" s="137"/>
      <c r="AP1066" s="137"/>
      <c r="AQ1066" s="137"/>
      <c r="AR1066" s="137"/>
      <c r="AS1066" s="137"/>
      <c r="AT1066" s="137"/>
      <c r="AU1066" s="137"/>
      <c r="AV1066" s="137"/>
      <c r="AW1066" s="144"/>
    </row>
    <row r="1067" spans="7:49" x14ac:dyDescent="0.2">
      <c r="G1067" s="43"/>
      <c r="Z1067" s="143"/>
      <c r="AA1067" s="137"/>
      <c r="AB1067" s="137"/>
      <c r="AC1067" s="137"/>
      <c r="AD1067" s="137"/>
      <c r="AE1067" s="137"/>
      <c r="AF1067" s="137"/>
      <c r="AG1067" s="137"/>
      <c r="AH1067" s="137"/>
      <c r="AI1067" s="137"/>
      <c r="AJ1067" s="137"/>
      <c r="AK1067" s="137"/>
      <c r="AL1067" s="137"/>
      <c r="AM1067" s="137"/>
      <c r="AN1067" s="137"/>
      <c r="AO1067" s="137"/>
      <c r="AP1067" s="137"/>
      <c r="AQ1067" s="137"/>
      <c r="AR1067" s="137"/>
      <c r="AS1067" s="137"/>
      <c r="AT1067" s="137"/>
      <c r="AU1067" s="137"/>
      <c r="AV1067" s="137"/>
      <c r="AW1067" s="144"/>
    </row>
    <row r="1068" spans="7:49" x14ac:dyDescent="0.2">
      <c r="G1068" s="43"/>
      <c r="Z1068" s="143"/>
      <c r="AA1068" s="137"/>
      <c r="AB1068" s="137"/>
      <c r="AC1068" s="137"/>
      <c r="AD1068" s="137"/>
      <c r="AE1068" s="137"/>
      <c r="AF1068" s="137"/>
      <c r="AG1068" s="137"/>
      <c r="AH1068" s="137"/>
      <c r="AI1068" s="137"/>
      <c r="AJ1068" s="137"/>
      <c r="AK1068" s="137"/>
      <c r="AL1068" s="137"/>
      <c r="AM1068" s="137"/>
      <c r="AN1068" s="137"/>
      <c r="AO1068" s="137"/>
      <c r="AP1068" s="137"/>
      <c r="AQ1068" s="137"/>
      <c r="AR1068" s="137"/>
      <c r="AS1068" s="137"/>
      <c r="AT1068" s="137"/>
      <c r="AU1068" s="137"/>
      <c r="AV1068" s="137"/>
      <c r="AW1068" s="144"/>
    </row>
    <row r="1069" spans="7:49" x14ac:dyDescent="0.2">
      <c r="G1069" s="43"/>
      <c r="Z1069" s="143"/>
      <c r="AA1069" s="137"/>
      <c r="AB1069" s="137"/>
      <c r="AC1069" s="137"/>
      <c r="AD1069" s="137"/>
      <c r="AE1069" s="137"/>
      <c r="AF1069" s="137"/>
      <c r="AG1069" s="137"/>
      <c r="AH1069" s="137"/>
      <c r="AI1069" s="137"/>
      <c r="AJ1069" s="137"/>
      <c r="AK1069" s="137"/>
      <c r="AL1069" s="137"/>
      <c r="AM1069" s="137"/>
      <c r="AN1069" s="137"/>
      <c r="AO1069" s="137"/>
      <c r="AP1069" s="137"/>
      <c r="AQ1069" s="137"/>
      <c r="AR1069" s="137"/>
      <c r="AS1069" s="137"/>
      <c r="AT1069" s="137"/>
      <c r="AU1069" s="137"/>
      <c r="AV1069" s="137"/>
      <c r="AW1069" s="144"/>
    </row>
    <row r="1070" spans="7:49" x14ac:dyDescent="0.2">
      <c r="G1070" s="43"/>
      <c r="Z1070" s="143"/>
      <c r="AA1070" s="137"/>
      <c r="AB1070" s="137"/>
      <c r="AC1070" s="137"/>
      <c r="AD1070" s="137"/>
      <c r="AE1070" s="137"/>
      <c r="AF1070" s="137"/>
      <c r="AG1070" s="137"/>
      <c r="AH1070" s="137"/>
      <c r="AI1070" s="137"/>
      <c r="AJ1070" s="137"/>
      <c r="AK1070" s="137"/>
      <c r="AL1070" s="137"/>
      <c r="AM1070" s="137"/>
      <c r="AN1070" s="137"/>
      <c r="AO1070" s="137"/>
      <c r="AP1070" s="137"/>
      <c r="AQ1070" s="137"/>
      <c r="AR1070" s="137"/>
      <c r="AS1070" s="137"/>
      <c r="AT1070" s="137"/>
      <c r="AU1070" s="137"/>
      <c r="AV1070" s="137"/>
      <c r="AW1070" s="144"/>
    </row>
    <row r="1071" spans="7:49" x14ac:dyDescent="0.2">
      <c r="G1071" s="43"/>
      <c r="Z1071" s="143"/>
      <c r="AA1071" s="137"/>
      <c r="AB1071" s="137"/>
      <c r="AC1071" s="137"/>
      <c r="AD1071" s="137"/>
      <c r="AE1071" s="137"/>
      <c r="AF1071" s="137"/>
      <c r="AG1071" s="137"/>
      <c r="AH1071" s="137"/>
      <c r="AI1071" s="137"/>
      <c r="AJ1071" s="137"/>
      <c r="AK1071" s="137"/>
      <c r="AL1071" s="137"/>
      <c r="AM1071" s="137"/>
      <c r="AN1071" s="137"/>
      <c r="AO1071" s="137"/>
      <c r="AP1071" s="137"/>
      <c r="AQ1071" s="137"/>
      <c r="AR1071" s="137"/>
      <c r="AS1071" s="137"/>
      <c r="AT1071" s="137"/>
      <c r="AU1071" s="137"/>
      <c r="AV1071" s="137"/>
      <c r="AW1071" s="144"/>
    </row>
    <row r="1072" spans="7:49" x14ac:dyDescent="0.2">
      <c r="G1072" s="43"/>
      <c r="Z1072" s="143"/>
      <c r="AA1072" s="137"/>
      <c r="AB1072" s="137"/>
      <c r="AC1072" s="137"/>
      <c r="AD1072" s="137"/>
      <c r="AE1072" s="137"/>
      <c r="AF1072" s="137"/>
      <c r="AG1072" s="137"/>
      <c r="AH1072" s="137"/>
      <c r="AI1072" s="137"/>
      <c r="AJ1072" s="137"/>
      <c r="AK1072" s="137"/>
      <c r="AL1072" s="137"/>
      <c r="AM1072" s="137"/>
      <c r="AN1072" s="137"/>
      <c r="AO1072" s="137"/>
      <c r="AP1072" s="137"/>
      <c r="AQ1072" s="137"/>
      <c r="AR1072" s="137"/>
      <c r="AS1072" s="137"/>
      <c r="AT1072" s="137"/>
      <c r="AU1072" s="137"/>
      <c r="AV1072" s="137"/>
      <c r="AW1072" s="144"/>
    </row>
    <row r="1073" spans="7:49" x14ac:dyDescent="0.2">
      <c r="G1073" s="43"/>
      <c r="Z1073" s="143"/>
      <c r="AA1073" s="137"/>
      <c r="AB1073" s="137"/>
      <c r="AC1073" s="137"/>
      <c r="AD1073" s="137"/>
      <c r="AE1073" s="137"/>
      <c r="AF1073" s="137"/>
      <c r="AG1073" s="137"/>
      <c r="AH1073" s="137"/>
      <c r="AI1073" s="137"/>
      <c r="AJ1073" s="137"/>
      <c r="AK1073" s="137"/>
      <c r="AL1073" s="137"/>
      <c r="AM1073" s="137"/>
      <c r="AN1073" s="137"/>
      <c r="AO1073" s="137"/>
      <c r="AP1073" s="137"/>
      <c r="AQ1073" s="137"/>
      <c r="AR1073" s="137"/>
      <c r="AS1073" s="137"/>
      <c r="AT1073" s="137"/>
      <c r="AU1073" s="137"/>
      <c r="AV1073" s="137"/>
      <c r="AW1073" s="144"/>
    </row>
    <row r="1074" spans="7:49" x14ac:dyDescent="0.2">
      <c r="G1074" s="43"/>
      <c r="Z1074" s="143"/>
      <c r="AA1074" s="137"/>
      <c r="AB1074" s="137"/>
      <c r="AC1074" s="137"/>
      <c r="AD1074" s="137"/>
      <c r="AE1074" s="137"/>
      <c r="AF1074" s="137"/>
      <c r="AG1074" s="137"/>
      <c r="AH1074" s="137"/>
      <c r="AI1074" s="137"/>
      <c r="AJ1074" s="137"/>
      <c r="AK1074" s="137"/>
      <c r="AL1074" s="137"/>
      <c r="AM1074" s="137"/>
      <c r="AN1074" s="137"/>
      <c r="AO1074" s="137"/>
      <c r="AP1074" s="137"/>
      <c r="AQ1074" s="137"/>
      <c r="AR1074" s="137"/>
      <c r="AS1074" s="137"/>
      <c r="AT1074" s="137"/>
      <c r="AU1074" s="137"/>
      <c r="AV1074" s="137"/>
      <c r="AW1074" s="144"/>
    </row>
    <row r="1075" spans="7:49" x14ac:dyDescent="0.2">
      <c r="G1075" s="43"/>
      <c r="Z1075" s="143"/>
      <c r="AA1075" s="137"/>
      <c r="AB1075" s="137"/>
      <c r="AC1075" s="137"/>
      <c r="AD1075" s="137"/>
      <c r="AE1075" s="137"/>
      <c r="AF1075" s="137"/>
      <c r="AG1075" s="137"/>
      <c r="AH1075" s="137"/>
      <c r="AI1075" s="137"/>
      <c r="AJ1075" s="137"/>
      <c r="AK1075" s="137"/>
      <c r="AL1075" s="137"/>
      <c r="AM1075" s="137"/>
      <c r="AN1075" s="137"/>
      <c r="AO1075" s="137"/>
      <c r="AP1075" s="137"/>
      <c r="AQ1075" s="137"/>
      <c r="AR1075" s="137"/>
      <c r="AS1075" s="137"/>
      <c r="AT1075" s="137"/>
      <c r="AU1075" s="137"/>
      <c r="AV1075" s="137"/>
      <c r="AW1075" s="144"/>
    </row>
    <row r="1076" spans="7:49" x14ac:dyDescent="0.2">
      <c r="G1076" s="43"/>
      <c r="Z1076" s="143"/>
      <c r="AA1076" s="137"/>
      <c r="AB1076" s="137"/>
      <c r="AC1076" s="137"/>
      <c r="AD1076" s="137"/>
      <c r="AE1076" s="137"/>
      <c r="AF1076" s="137"/>
      <c r="AG1076" s="137"/>
      <c r="AH1076" s="137"/>
      <c r="AI1076" s="137"/>
      <c r="AJ1076" s="137"/>
      <c r="AK1076" s="137"/>
      <c r="AL1076" s="137"/>
      <c r="AM1076" s="137"/>
      <c r="AN1076" s="137"/>
      <c r="AO1076" s="137"/>
      <c r="AP1076" s="137"/>
      <c r="AQ1076" s="137"/>
      <c r="AR1076" s="137"/>
      <c r="AS1076" s="137"/>
      <c r="AT1076" s="137"/>
      <c r="AU1076" s="137"/>
      <c r="AV1076" s="137"/>
      <c r="AW1076" s="144"/>
    </row>
    <row r="1077" spans="7:49" x14ac:dyDescent="0.2">
      <c r="G1077" s="43"/>
      <c r="Z1077" s="143"/>
      <c r="AA1077" s="137"/>
      <c r="AB1077" s="137"/>
      <c r="AC1077" s="137"/>
      <c r="AD1077" s="137"/>
      <c r="AE1077" s="137"/>
      <c r="AF1077" s="137"/>
      <c r="AG1077" s="137"/>
      <c r="AH1077" s="137"/>
      <c r="AI1077" s="137"/>
      <c r="AJ1077" s="137"/>
      <c r="AK1077" s="137"/>
      <c r="AL1077" s="137"/>
      <c r="AM1077" s="137"/>
      <c r="AN1077" s="137"/>
      <c r="AO1077" s="137"/>
      <c r="AP1077" s="137"/>
      <c r="AQ1077" s="137"/>
      <c r="AR1077" s="137"/>
      <c r="AS1077" s="137"/>
      <c r="AT1077" s="137"/>
      <c r="AU1077" s="137"/>
      <c r="AV1077" s="137"/>
      <c r="AW1077" s="144"/>
    </row>
    <row r="1078" spans="7:49" x14ac:dyDescent="0.2">
      <c r="G1078" s="43"/>
      <c r="Z1078" s="143"/>
      <c r="AA1078" s="137"/>
      <c r="AB1078" s="137"/>
      <c r="AC1078" s="137"/>
      <c r="AD1078" s="137"/>
      <c r="AE1078" s="137"/>
      <c r="AF1078" s="137"/>
      <c r="AG1078" s="137"/>
      <c r="AH1078" s="137"/>
      <c r="AI1078" s="137"/>
      <c r="AJ1078" s="137"/>
      <c r="AK1078" s="137"/>
      <c r="AL1078" s="137"/>
      <c r="AM1078" s="137"/>
      <c r="AN1078" s="137"/>
      <c r="AO1078" s="137"/>
      <c r="AP1078" s="137"/>
      <c r="AQ1078" s="137"/>
      <c r="AR1078" s="137"/>
      <c r="AS1078" s="137"/>
      <c r="AT1078" s="137"/>
      <c r="AU1078" s="137"/>
      <c r="AV1078" s="137"/>
      <c r="AW1078" s="144"/>
    </row>
    <row r="1079" spans="7:49" x14ac:dyDescent="0.2">
      <c r="G1079" s="43"/>
      <c r="Z1079" s="143"/>
      <c r="AA1079" s="137"/>
      <c r="AB1079" s="137"/>
      <c r="AC1079" s="137"/>
      <c r="AD1079" s="137"/>
      <c r="AE1079" s="137"/>
      <c r="AF1079" s="137"/>
      <c r="AG1079" s="137"/>
      <c r="AH1079" s="137"/>
      <c r="AI1079" s="137"/>
      <c r="AJ1079" s="137"/>
      <c r="AK1079" s="137"/>
      <c r="AL1079" s="137"/>
      <c r="AM1079" s="137"/>
      <c r="AN1079" s="137"/>
      <c r="AO1079" s="137"/>
      <c r="AP1079" s="137"/>
      <c r="AQ1079" s="137"/>
      <c r="AR1079" s="137"/>
      <c r="AS1079" s="137"/>
      <c r="AT1079" s="137"/>
      <c r="AU1079" s="137"/>
      <c r="AV1079" s="137"/>
      <c r="AW1079" s="144"/>
    </row>
    <row r="1080" spans="7:49" x14ac:dyDescent="0.2">
      <c r="G1080" s="43"/>
      <c r="Z1080" s="143"/>
      <c r="AA1080" s="137"/>
      <c r="AB1080" s="137"/>
      <c r="AC1080" s="137"/>
      <c r="AD1080" s="137"/>
      <c r="AE1080" s="137"/>
      <c r="AF1080" s="137"/>
      <c r="AG1080" s="137"/>
      <c r="AH1080" s="137"/>
      <c r="AI1080" s="137"/>
      <c r="AJ1080" s="137"/>
      <c r="AK1080" s="137"/>
      <c r="AL1080" s="137"/>
      <c r="AM1080" s="137"/>
      <c r="AN1080" s="137"/>
      <c r="AO1080" s="137"/>
      <c r="AP1080" s="137"/>
      <c r="AQ1080" s="137"/>
      <c r="AR1080" s="137"/>
      <c r="AS1080" s="137"/>
      <c r="AT1080" s="137"/>
      <c r="AU1080" s="137"/>
      <c r="AV1080" s="137"/>
      <c r="AW1080" s="144"/>
    </row>
    <row r="1081" spans="7:49" x14ac:dyDescent="0.2">
      <c r="G1081" s="43"/>
      <c r="Z1081" s="143"/>
      <c r="AA1081" s="137"/>
      <c r="AB1081" s="137"/>
      <c r="AC1081" s="137"/>
      <c r="AD1081" s="137"/>
      <c r="AE1081" s="137"/>
      <c r="AF1081" s="137"/>
      <c r="AG1081" s="137"/>
      <c r="AH1081" s="137"/>
      <c r="AI1081" s="137"/>
      <c r="AJ1081" s="137"/>
      <c r="AK1081" s="137"/>
      <c r="AL1081" s="137"/>
      <c r="AM1081" s="137"/>
      <c r="AN1081" s="137"/>
      <c r="AO1081" s="137"/>
      <c r="AP1081" s="137"/>
      <c r="AQ1081" s="137"/>
      <c r="AR1081" s="137"/>
      <c r="AS1081" s="137"/>
      <c r="AT1081" s="137"/>
      <c r="AU1081" s="137"/>
      <c r="AV1081" s="137"/>
      <c r="AW1081" s="144"/>
    </row>
    <row r="1082" spans="7:49" x14ac:dyDescent="0.2">
      <c r="G1082" s="43"/>
      <c r="Z1082" s="143"/>
      <c r="AA1082" s="137"/>
      <c r="AB1082" s="137"/>
      <c r="AC1082" s="137"/>
      <c r="AD1082" s="137"/>
      <c r="AE1082" s="137"/>
      <c r="AF1082" s="137"/>
      <c r="AG1082" s="137"/>
      <c r="AH1082" s="137"/>
      <c r="AI1082" s="137"/>
      <c r="AJ1082" s="137"/>
      <c r="AK1082" s="137"/>
      <c r="AL1082" s="137"/>
      <c r="AM1082" s="137"/>
      <c r="AN1082" s="137"/>
      <c r="AO1082" s="137"/>
      <c r="AP1082" s="137"/>
      <c r="AQ1082" s="137"/>
      <c r="AR1082" s="137"/>
      <c r="AS1082" s="137"/>
      <c r="AT1082" s="137"/>
      <c r="AU1082" s="137"/>
      <c r="AV1082" s="137"/>
      <c r="AW1082" s="144"/>
    </row>
    <row r="1083" spans="7:49" x14ac:dyDescent="0.2">
      <c r="G1083" s="43"/>
      <c r="Z1083" s="143"/>
      <c r="AA1083" s="137"/>
      <c r="AB1083" s="137"/>
      <c r="AC1083" s="137"/>
      <c r="AD1083" s="137"/>
      <c r="AE1083" s="137"/>
      <c r="AF1083" s="137"/>
      <c r="AG1083" s="137"/>
      <c r="AH1083" s="137"/>
      <c r="AI1083" s="137"/>
      <c r="AJ1083" s="137"/>
      <c r="AK1083" s="137"/>
      <c r="AL1083" s="137"/>
      <c r="AM1083" s="137"/>
      <c r="AN1083" s="137"/>
      <c r="AO1083" s="137"/>
      <c r="AP1083" s="137"/>
      <c r="AQ1083" s="137"/>
      <c r="AR1083" s="137"/>
      <c r="AS1083" s="137"/>
      <c r="AT1083" s="137"/>
      <c r="AU1083" s="137"/>
      <c r="AV1083" s="137"/>
      <c r="AW1083" s="144"/>
    </row>
    <row r="1084" spans="7:49" x14ac:dyDescent="0.2">
      <c r="G1084" s="43"/>
      <c r="Z1084" s="143"/>
      <c r="AA1084" s="137"/>
      <c r="AB1084" s="137"/>
      <c r="AC1084" s="137"/>
      <c r="AD1084" s="137"/>
      <c r="AE1084" s="137"/>
      <c r="AF1084" s="137"/>
      <c r="AG1084" s="137"/>
      <c r="AH1084" s="137"/>
      <c r="AI1084" s="137"/>
      <c r="AJ1084" s="137"/>
      <c r="AK1084" s="137"/>
      <c r="AL1084" s="137"/>
      <c r="AM1084" s="137"/>
      <c r="AN1084" s="137"/>
      <c r="AO1084" s="137"/>
      <c r="AP1084" s="137"/>
      <c r="AQ1084" s="137"/>
      <c r="AR1084" s="137"/>
      <c r="AS1084" s="137"/>
      <c r="AT1084" s="137"/>
      <c r="AU1084" s="137"/>
      <c r="AV1084" s="137"/>
      <c r="AW1084" s="144"/>
    </row>
    <row r="1085" spans="7:49" x14ac:dyDescent="0.2">
      <c r="G1085" s="43"/>
      <c r="Z1085" s="143"/>
      <c r="AA1085" s="137"/>
      <c r="AB1085" s="137"/>
      <c r="AC1085" s="137"/>
      <c r="AD1085" s="137"/>
      <c r="AE1085" s="137"/>
      <c r="AF1085" s="137"/>
      <c r="AG1085" s="137"/>
      <c r="AH1085" s="137"/>
      <c r="AI1085" s="137"/>
      <c r="AJ1085" s="137"/>
      <c r="AK1085" s="137"/>
      <c r="AL1085" s="137"/>
      <c r="AM1085" s="137"/>
      <c r="AN1085" s="137"/>
      <c r="AO1085" s="137"/>
      <c r="AP1085" s="137"/>
      <c r="AQ1085" s="137"/>
      <c r="AR1085" s="137"/>
      <c r="AS1085" s="137"/>
      <c r="AT1085" s="137"/>
      <c r="AU1085" s="137"/>
      <c r="AV1085" s="137"/>
      <c r="AW1085" s="144"/>
    </row>
    <row r="1086" spans="7:49" x14ac:dyDescent="0.2">
      <c r="G1086" s="43"/>
      <c r="Z1086" s="143"/>
      <c r="AA1086" s="137"/>
      <c r="AB1086" s="137"/>
      <c r="AC1086" s="137"/>
      <c r="AD1086" s="137"/>
      <c r="AE1086" s="137"/>
      <c r="AF1086" s="137"/>
      <c r="AG1086" s="137"/>
      <c r="AH1086" s="137"/>
      <c r="AI1086" s="137"/>
      <c r="AJ1086" s="137"/>
      <c r="AK1086" s="137"/>
      <c r="AL1086" s="137"/>
      <c r="AM1086" s="137"/>
      <c r="AN1086" s="137"/>
      <c r="AO1086" s="137"/>
      <c r="AP1086" s="137"/>
      <c r="AQ1086" s="137"/>
      <c r="AR1086" s="137"/>
      <c r="AS1086" s="137"/>
      <c r="AT1086" s="137"/>
      <c r="AU1086" s="137"/>
      <c r="AV1086" s="137"/>
      <c r="AW1086" s="144"/>
    </row>
    <row r="1087" spans="7:49" x14ac:dyDescent="0.2">
      <c r="G1087" s="43"/>
      <c r="Z1087" s="143"/>
      <c r="AA1087" s="137"/>
      <c r="AB1087" s="137"/>
      <c r="AC1087" s="137"/>
      <c r="AD1087" s="137"/>
      <c r="AE1087" s="137"/>
      <c r="AF1087" s="137"/>
      <c r="AG1087" s="137"/>
      <c r="AH1087" s="137"/>
      <c r="AI1087" s="137"/>
      <c r="AJ1087" s="137"/>
      <c r="AK1087" s="137"/>
      <c r="AL1087" s="137"/>
      <c r="AM1087" s="137"/>
      <c r="AN1087" s="137"/>
      <c r="AO1087" s="137"/>
      <c r="AP1087" s="137"/>
      <c r="AQ1087" s="137"/>
      <c r="AR1087" s="137"/>
      <c r="AS1087" s="137"/>
      <c r="AT1087" s="137"/>
      <c r="AU1087" s="137"/>
      <c r="AV1087" s="137"/>
      <c r="AW1087" s="144"/>
    </row>
    <row r="1088" spans="7:49" x14ac:dyDescent="0.2">
      <c r="G1088" s="43"/>
      <c r="Z1088" s="143"/>
      <c r="AA1088" s="137"/>
      <c r="AB1088" s="137"/>
      <c r="AC1088" s="137"/>
      <c r="AD1088" s="137"/>
      <c r="AE1088" s="137"/>
      <c r="AF1088" s="137"/>
      <c r="AG1088" s="137"/>
      <c r="AH1088" s="137"/>
      <c r="AI1088" s="137"/>
      <c r="AJ1088" s="137"/>
      <c r="AK1088" s="137"/>
      <c r="AL1088" s="137"/>
      <c r="AM1088" s="137"/>
      <c r="AN1088" s="137"/>
      <c r="AO1088" s="137"/>
      <c r="AP1088" s="137"/>
      <c r="AQ1088" s="137"/>
      <c r="AR1088" s="137"/>
      <c r="AS1088" s="137"/>
      <c r="AT1088" s="137"/>
      <c r="AU1088" s="137"/>
      <c r="AV1088" s="137"/>
      <c r="AW1088" s="144"/>
    </row>
    <row r="1089" spans="7:49" x14ac:dyDescent="0.2">
      <c r="G1089" s="43"/>
      <c r="Z1089" s="143"/>
      <c r="AA1089" s="137"/>
      <c r="AB1089" s="137"/>
      <c r="AC1089" s="137"/>
      <c r="AD1089" s="137"/>
      <c r="AE1089" s="137"/>
      <c r="AF1089" s="137"/>
      <c r="AG1089" s="137"/>
      <c r="AH1089" s="137"/>
      <c r="AI1089" s="137"/>
      <c r="AJ1089" s="137"/>
      <c r="AK1089" s="137"/>
      <c r="AL1089" s="137"/>
      <c r="AM1089" s="137"/>
      <c r="AN1089" s="137"/>
      <c r="AO1089" s="137"/>
      <c r="AP1089" s="137"/>
      <c r="AQ1089" s="137"/>
      <c r="AR1089" s="137"/>
      <c r="AS1089" s="137"/>
      <c r="AT1089" s="137"/>
      <c r="AU1089" s="137"/>
      <c r="AV1089" s="137"/>
      <c r="AW1089" s="144"/>
    </row>
    <row r="1090" spans="7:49" x14ac:dyDescent="0.2">
      <c r="G1090" s="43"/>
      <c r="Z1090" s="143"/>
      <c r="AA1090" s="137"/>
      <c r="AB1090" s="137"/>
      <c r="AC1090" s="137"/>
      <c r="AD1090" s="137"/>
      <c r="AE1090" s="137"/>
      <c r="AF1090" s="137"/>
      <c r="AG1090" s="137"/>
      <c r="AH1090" s="137"/>
      <c r="AI1090" s="137"/>
      <c r="AJ1090" s="137"/>
      <c r="AK1090" s="137"/>
      <c r="AL1090" s="137"/>
      <c r="AM1090" s="137"/>
      <c r="AN1090" s="137"/>
      <c r="AO1090" s="137"/>
      <c r="AP1090" s="137"/>
      <c r="AQ1090" s="137"/>
      <c r="AR1090" s="137"/>
      <c r="AS1090" s="137"/>
      <c r="AT1090" s="137"/>
      <c r="AU1090" s="137"/>
      <c r="AV1090" s="137"/>
      <c r="AW1090" s="144"/>
    </row>
    <row r="1091" spans="7:49" x14ac:dyDescent="0.2">
      <c r="G1091" s="43"/>
      <c r="Z1091" s="143"/>
      <c r="AA1091" s="137"/>
      <c r="AB1091" s="137"/>
      <c r="AC1091" s="137"/>
      <c r="AD1091" s="137"/>
      <c r="AE1091" s="137"/>
      <c r="AF1091" s="137"/>
      <c r="AG1091" s="137"/>
      <c r="AH1091" s="137"/>
      <c r="AI1091" s="137"/>
      <c r="AJ1091" s="137"/>
      <c r="AK1091" s="137"/>
      <c r="AL1091" s="137"/>
      <c r="AM1091" s="137"/>
      <c r="AN1091" s="137"/>
      <c r="AO1091" s="137"/>
      <c r="AP1091" s="137"/>
      <c r="AQ1091" s="137"/>
      <c r="AR1091" s="137"/>
      <c r="AS1091" s="137"/>
      <c r="AT1091" s="137"/>
      <c r="AU1091" s="137"/>
      <c r="AV1091" s="137"/>
      <c r="AW1091" s="144"/>
    </row>
    <row r="1092" spans="7:49" x14ac:dyDescent="0.2">
      <c r="G1092" s="43"/>
      <c r="Z1092" s="143"/>
      <c r="AA1092" s="137"/>
      <c r="AB1092" s="137"/>
      <c r="AC1092" s="137"/>
      <c r="AD1092" s="137"/>
      <c r="AE1092" s="137"/>
      <c r="AF1092" s="137"/>
      <c r="AG1092" s="137"/>
      <c r="AH1092" s="137"/>
      <c r="AI1092" s="137"/>
      <c r="AJ1092" s="137"/>
      <c r="AK1092" s="137"/>
      <c r="AL1092" s="137"/>
      <c r="AM1092" s="137"/>
      <c r="AN1092" s="137"/>
      <c r="AO1092" s="137"/>
      <c r="AP1092" s="137"/>
      <c r="AQ1092" s="137"/>
      <c r="AR1092" s="137"/>
      <c r="AS1092" s="137"/>
      <c r="AT1092" s="137"/>
      <c r="AU1092" s="137"/>
      <c r="AV1092" s="137"/>
      <c r="AW1092" s="144"/>
    </row>
    <row r="1093" spans="7:49" x14ac:dyDescent="0.2">
      <c r="G1093" s="43"/>
      <c r="Z1093" s="143"/>
      <c r="AA1093" s="137"/>
      <c r="AB1093" s="137"/>
      <c r="AC1093" s="137"/>
      <c r="AD1093" s="137"/>
      <c r="AE1093" s="137"/>
      <c r="AF1093" s="137"/>
      <c r="AG1093" s="137"/>
      <c r="AH1093" s="137"/>
      <c r="AI1093" s="137"/>
      <c r="AJ1093" s="137"/>
      <c r="AK1093" s="137"/>
      <c r="AL1093" s="137"/>
      <c r="AM1093" s="137"/>
      <c r="AN1093" s="137"/>
      <c r="AO1093" s="137"/>
      <c r="AP1093" s="137"/>
      <c r="AQ1093" s="137"/>
      <c r="AR1093" s="137"/>
      <c r="AS1093" s="137"/>
      <c r="AT1093" s="137"/>
      <c r="AU1093" s="137"/>
      <c r="AV1093" s="137"/>
      <c r="AW1093" s="144"/>
    </row>
    <row r="1094" spans="7:49" x14ac:dyDescent="0.2">
      <c r="G1094" s="43"/>
      <c r="Z1094" s="143"/>
      <c r="AA1094" s="137"/>
      <c r="AB1094" s="137"/>
      <c r="AC1094" s="137"/>
      <c r="AD1094" s="137"/>
      <c r="AE1094" s="137"/>
      <c r="AF1094" s="137"/>
      <c r="AG1094" s="137"/>
      <c r="AH1094" s="137"/>
      <c r="AI1094" s="137"/>
      <c r="AJ1094" s="137"/>
      <c r="AK1094" s="137"/>
      <c r="AL1094" s="137"/>
      <c r="AM1094" s="137"/>
      <c r="AN1094" s="137"/>
      <c r="AO1094" s="137"/>
      <c r="AP1094" s="137"/>
      <c r="AQ1094" s="137"/>
      <c r="AR1094" s="137"/>
      <c r="AS1094" s="137"/>
      <c r="AT1094" s="137"/>
      <c r="AU1094" s="137"/>
      <c r="AV1094" s="137"/>
      <c r="AW1094" s="144"/>
    </row>
    <row r="1095" spans="7:49" x14ac:dyDescent="0.2">
      <c r="G1095" s="43"/>
      <c r="Z1095" s="143"/>
      <c r="AA1095" s="137"/>
      <c r="AB1095" s="137"/>
      <c r="AC1095" s="137"/>
      <c r="AD1095" s="137"/>
      <c r="AE1095" s="137"/>
      <c r="AF1095" s="137"/>
      <c r="AG1095" s="137"/>
      <c r="AH1095" s="137"/>
      <c r="AI1095" s="137"/>
      <c r="AJ1095" s="137"/>
      <c r="AK1095" s="137"/>
      <c r="AL1095" s="137"/>
      <c r="AM1095" s="137"/>
      <c r="AN1095" s="137"/>
      <c r="AO1095" s="137"/>
      <c r="AP1095" s="137"/>
      <c r="AQ1095" s="137"/>
      <c r="AR1095" s="137"/>
      <c r="AS1095" s="137"/>
      <c r="AT1095" s="137"/>
      <c r="AU1095" s="137"/>
      <c r="AV1095" s="137"/>
      <c r="AW1095" s="144"/>
    </row>
    <row r="1096" spans="7:49" x14ac:dyDescent="0.2">
      <c r="G1096" s="43"/>
      <c r="Z1096" s="143"/>
      <c r="AA1096" s="137"/>
      <c r="AB1096" s="137"/>
      <c r="AC1096" s="137"/>
      <c r="AD1096" s="137"/>
      <c r="AE1096" s="137"/>
      <c r="AF1096" s="137"/>
      <c r="AG1096" s="137"/>
      <c r="AH1096" s="137"/>
      <c r="AI1096" s="137"/>
      <c r="AJ1096" s="137"/>
      <c r="AK1096" s="137"/>
      <c r="AL1096" s="137"/>
      <c r="AM1096" s="137"/>
      <c r="AN1096" s="137"/>
      <c r="AO1096" s="137"/>
      <c r="AP1096" s="137"/>
      <c r="AQ1096" s="137"/>
      <c r="AR1096" s="137"/>
      <c r="AS1096" s="137"/>
      <c r="AT1096" s="137"/>
      <c r="AU1096" s="137"/>
      <c r="AV1096" s="137"/>
      <c r="AW1096" s="144"/>
    </row>
    <row r="1097" spans="7:49" x14ac:dyDescent="0.2">
      <c r="G1097" s="43"/>
      <c r="Z1097" s="143"/>
      <c r="AA1097" s="137"/>
      <c r="AB1097" s="137"/>
      <c r="AC1097" s="137"/>
      <c r="AD1097" s="137"/>
      <c r="AE1097" s="137"/>
      <c r="AF1097" s="137"/>
      <c r="AG1097" s="137"/>
      <c r="AH1097" s="137"/>
      <c r="AI1097" s="137"/>
      <c r="AJ1097" s="137"/>
      <c r="AK1097" s="137"/>
      <c r="AL1097" s="137"/>
      <c r="AM1097" s="137"/>
      <c r="AN1097" s="137"/>
      <c r="AO1097" s="137"/>
      <c r="AP1097" s="137"/>
      <c r="AQ1097" s="137"/>
      <c r="AR1097" s="137"/>
      <c r="AS1097" s="137"/>
      <c r="AT1097" s="137"/>
      <c r="AU1097" s="137"/>
      <c r="AV1097" s="137"/>
      <c r="AW1097" s="144"/>
    </row>
    <row r="1098" spans="7:49" x14ac:dyDescent="0.2">
      <c r="G1098" s="43"/>
      <c r="Z1098" s="143"/>
      <c r="AA1098" s="137"/>
      <c r="AB1098" s="137"/>
      <c r="AC1098" s="137"/>
      <c r="AD1098" s="137"/>
      <c r="AE1098" s="137"/>
      <c r="AF1098" s="137"/>
      <c r="AG1098" s="137"/>
      <c r="AH1098" s="137"/>
      <c r="AI1098" s="137"/>
      <c r="AJ1098" s="137"/>
      <c r="AK1098" s="137"/>
      <c r="AL1098" s="137"/>
      <c r="AM1098" s="137"/>
      <c r="AN1098" s="137"/>
      <c r="AO1098" s="137"/>
      <c r="AP1098" s="137"/>
      <c r="AQ1098" s="137"/>
      <c r="AR1098" s="137"/>
      <c r="AS1098" s="137"/>
      <c r="AT1098" s="137"/>
      <c r="AU1098" s="137"/>
      <c r="AV1098" s="137"/>
      <c r="AW1098" s="144"/>
    </row>
    <row r="1099" spans="7:49" x14ac:dyDescent="0.2">
      <c r="G1099" s="43"/>
      <c r="Z1099" s="143"/>
      <c r="AA1099" s="137"/>
      <c r="AB1099" s="137"/>
      <c r="AC1099" s="137"/>
      <c r="AD1099" s="137"/>
      <c r="AE1099" s="137"/>
      <c r="AF1099" s="137"/>
      <c r="AG1099" s="137"/>
      <c r="AH1099" s="137"/>
      <c r="AI1099" s="137"/>
      <c r="AJ1099" s="137"/>
      <c r="AK1099" s="137"/>
      <c r="AL1099" s="137"/>
      <c r="AM1099" s="137"/>
      <c r="AN1099" s="137"/>
      <c r="AO1099" s="137"/>
      <c r="AP1099" s="137"/>
      <c r="AQ1099" s="137"/>
      <c r="AR1099" s="137"/>
      <c r="AS1099" s="137"/>
      <c r="AT1099" s="137"/>
      <c r="AU1099" s="137"/>
      <c r="AV1099" s="137"/>
      <c r="AW1099" s="144"/>
    </row>
    <row r="1100" spans="7:49" x14ac:dyDescent="0.2">
      <c r="G1100" s="43"/>
      <c r="Z1100" s="143"/>
      <c r="AA1100" s="137"/>
      <c r="AB1100" s="137"/>
      <c r="AC1100" s="137"/>
      <c r="AD1100" s="137"/>
      <c r="AE1100" s="137"/>
      <c r="AF1100" s="137"/>
      <c r="AG1100" s="137"/>
      <c r="AH1100" s="137"/>
      <c r="AI1100" s="137"/>
      <c r="AJ1100" s="137"/>
      <c r="AK1100" s="137"/>
      <c r="AL1100" s="137"/>
      <c r="AM1100" s="137"/>
      <c r="AN1100" s="137"/>
      <c r="AO1100" s="137"/>
      <c r="AP1100" s="137"/>
      <c r="AQ1100" s="137"/>
      <c r="AR1100" s="137"/>
      <c r="AS1100" s="137"/>
      <c r="AT1100" s="137"/>
      <c r="AU1100" s="137"/>
      <c r="AV1100" s="137"/>
      <c r="AW1100" s="144"/>
    </row>
    <row r="1101" spans="7:49" x14ac:dyDescent="0.2">
      <c r="G1101" s="43"/>
      <c r="Z1101" s="143"/>
      <c r="AA1101" s="137"/>
      <c r="AB1101" s="137"/>
      <c r="AC1101" s="137"/>
      <c r="AD1101" s="137"/>
      <c r="AE1101" s="137"/>
      <c r="AF1101" s="137"/>
      <c r="AG1101" s="137"/>
      <c r="AH1101" s="137"/>
      <c r="AI1101" s="137"/>
      <c r="AJ1101" s="137"/>
      <c r="AK1101" s="137"/>
      <c r="AL1101" s="137"/>
      <c r="AM1101" s="137"/>
      <c r="AN1101" s="137"/>
      <c r="AO1101" s="137"/>
      <c r="AP1101" s="137"/>
      <c r="AQ1101" s="137"/>
      <c r="AR1101" s="137"/>
      <c r="AS1101" s="137"/>
      <c r="AT1101" s="137"/>
      <c r="AU1101" s="137"/>
      <c r="AV1101" s="137"/>
      <c r="AW1101" s="144"/>
    </row>
    <row r="1102" spans="7:49" x14ac:dyDescent="0.2">
      <c r="G1102" s="43"/>
      <c r="Z1102" s="143"/>
      <c r="AA1102" s="137"/>
      <c r="AB1102" s="137"/>
      <c r="AC1102" s="137"/>
      <c r="AD1102" s="137"/>
      <c r="AE1102" s="137"/>
      <c r="AF1102" s="137"/>
      <c r="AG1102" s="137"/>
      <c r="AH1102" s="137"/>
      <c r="AI1102" s="137"/>
      <c r="AJ1102" s="137"/>
      <c r="AK1102" s="137"/>
      <c r="AL1102" s="137"/>
      <c r="AM1102" s="137"/>
      <c r="AN1102" s="137"/>
      <c r="AO1102" s="137"/>
      <c r="AP1102" s="137"/>
      <c r="AQ1102" s="137"/>
      <c r="AR1102" s="137"/>
      <c r="AS1102" s="137"/>
      <c r="AT1102" s="137"/>
      <c r="AU1102" s="137"/>
      <c r="AV1102" s="137"/>
      <c r="AW1102" s="144"/>
    </row>
    <row r="1103" spans="7:49" x14ac:dyDescent="0.2">
      <c r="G1103" s="43"/>
      <c r="Z1103" s="143"/>
      <c r="AA1103" s="137"/>
      <c r="AB1103" s="137"/>
      <c r="AC1103" s="137"/>
      <c r="AD1103" s="137"/>
      <c r="AE1103" s="137"/>
      <c r="AF1103" s="137"/>
      <c r="AG1103" s="137"/>
      <c r="AH1103" s="137"/>
      <c r="AI1103" s="137"/>
      <c r="AJ1103" s="137"/>
      <c r="AK1103" s="137"/>
      <c r="AL1103" s="137"/>
      <c r="AM1103" s="137"/>
      <c r="AN1103" s="137"/>
      <c r="AO1103" s="137"/>
      <c r="AP1103" s="137"/>
      <c r="AQ1103" s="137"/>
      <c r="AR1103" s="137"/>
      <c r="AS1103" s="137"/>
      <c r="AT1103" s="137"/>
      <c r="AU1103" s="137"/>
      <c r="AV1103" s="137"/>
      <c r="AW1103" s="144"/>
    </row>
    <row r="1104" spans="7:49" x14ac:dyDescent="0.2">
      <c r="G1104" s="43"/>
      <c r="Z1104" s="143"/>
      <c r="AA1104" s="137"/>
      <c r="AB1104" s="137"/>
      <c r="AC1104" s="137"/>
      <c r="AD1104" s="137"/>
      <c r="AE1104" s="137"/>
      <c r="AF1104" s="137"/>
      <c r="AG1104" s="137"/>
      <c r="AH1104" s="137"/>
      <c r="AI1104" s="137"/>
      <c r="AJ1104" s="137"/>
      <c r="AK1104" s="137"/>
      <c r="AL1104" s="137"/>
      <c r="AM1104" s="137"/>
      <c r="AN1104" s="137"/>
      <c r="AO1104" s="137"/>
      <c r="AP1104" s="137"/>
      <c r="AQ1104" s="137"/>
      <c r="AR1104" s="137"/>
      <c r="AS1104" s="137"/>
      <c r="AT1104" s="137"/>
      <c r="AU1104" s="137"/>
      <c r="AV1104" s="137"/>
      <c r="AW1104" s="144"/>
    </row>
    <row r="1105" spans="7:49" x14ac:dyDescent="0.2">
      <c r="G1105" s="43"/>
      <c r="Z1105" s="143"/>
      <c r="AA1105" s="137"/>
      <c r="AB1105" s="137"/>
      <c r="AC1105" s="137"/>
      <c r="AD1105" s="137"/>
      <c r="AE1105" s="137"/>
      <c r="AF1105" s="137"/>
      <c r="AG1105" s="137"/>
      <c r="AH1105" s="137"/>
      <c r="AI1105" s="137"/>
      <c r="AJ1105" s="137"/>
      <c r="AK1105" s="137"/>
      <c r="AL1105" s="137"/>
      <c r="AM1105" s="137"/>
      <c r="AN1105" s="137"/>
      <c r="AO1105" s="137"/>
      <c r="AP1105" s="137"/>
      <c r="AQ1105" s="137"/>
      <c r="AR1105" s="137"/>
      <c r="AS1105" s="137"/>
      <c r="AT1105" s="137"/>
      <c r="AU1105" s="137"/>
      <c r="AV1105" s="137"/>
      <c r="AW1105" s="144"/>
    </row>
    <row r="1106" spans="7:49" x14ac:dyDescent="0.2">
      <c r="G1106" s="43"/>
      <c r="Z1106" s="143"/>
      <c r="AA1106" s="137"/>
      <c r="AB1106" s="137"/>
      <c r="AC1106" s="137"/>
      <c r="AD1106" s="137"/>
      <c r="AE1106" s="137"/>
      <c r="AF1106" s="137"/>
      <c r="AG1106" s="137"/>
      <c r="AH1106" s="137"/>
      <c r="AI1106" s="137"/>
      <c r="AJ1106" s="137"/>
      <c r="AK1106" s="137"/>
      <c r="AL1106" s="137"/>
      <c r="AM1106" s="137"/>
      <c r="AN1106" s="137"/>
      <c r="AO1106" s="137"/>
      <c r="AP1106" s="137"/>
      <c r="AQ1106" s="137"/>
      <c r="AR1106" s="137"/>
      <c r="AS1106" s="137"/>
      <c r="AT1106" s="137"/>
      <c r="AU1106" s="137"/>
      <c r="AV1106" s="137"/>
      <c r="AW1106" s="144"/>
    </row>
    <row r="1107" spans="7:49" x14ac:dyDescent="0.2">
      <c r="G1107" s="43"/>
      <c r="Z1107" s="143"/>
      <c r="AA1107" s="137"/>
      <c r="AB1107" s="137"/>
      <c r="AC1107" s="137"/>
      <c r="AD1107" s="137"/>
      <c r="AE1107" s="137"/>
      <c r="AF1107" s="137"/>
      <c r="AG1107" s="137"/>
      <c r="AH1107" s="137"/>
      <c r="AI1107" s="137"/>
      <c r="AJ1107" s="137"/>
      <c r="AK1107" s="137"/>
      <c r="AL1107" s="137"/>
      <c r="AM1107" s="137"/>
      <c r="AN1107" s="137"/>
      <c r="AO1107" s="137"/>
      <c r="AP1107" s="137"/>
      <c r="AQ1107" s="137"/>
      <c r="AR1107" s="137"/>
      <c r="AS1107" s="137"/>
      <c r="AT1107" s="137"/>
      <c r="AU1107" s="137"/>
      <c r="AV1107" s="137"/>
      <c r="AW1107" s="144"/>
    </row>
    <row r="1108" spans="7:49" x14ac:dyDescent="0.2">
      <c r="G1108" s="43"/>
      <c r="Z1108" s="143"/>
      <c r="AA1108" s="137"/>
      <c r="AB1108" s="137"/>
      <c r="AC1108" s="137"/>
      <c r="AD1108" s="137"/>
      <c r="AE1108" s="137"/>
      <c r="AF1108" s="137"/>
      <c r="AG1108" s="137"/>
      <c r="AH1108" s="137"/>
      <c r="AI1108" s="137"/>
      <c r="AJ1108" s="137"/>
      <c r="AK1108" s="137"/>
      <c r="AL1108" s="137"/>
      <c r="AM1108" s="137"/>
      <c r="AN1108" s="137"/>
      <c r="AO1108" s="137"/>
      <c r="AP1108" s="137"/>
      <c r="AQ1108" s="137"/>
      <c r="AR1108" s="137"/>
      <c r="AS1108" s="137"/>
      <c r="AT1108" s="137"/>
      <c r="AU1108" s="137"/>
      <c r="AV1108" s="137"/>
      <c r="AW1108" s="144"/>
    </row>
    <row r="1109" spans="7:49" x14ac:dyDescent="0.2">
      <c r="G1109" s="43"/>
      <c r="Z1109" s="143"/>
      <c r="AA1109" s="137"/>
      <c r="AB1109" s="137"/>
      <c r="AC1109" s="137"/>
      <c r="AD1109" s="137"/>
      <c r="AE1109" s="137"/>
      <c r="AF1109" s="137"/>
      <c r="AG1109" s="137"/>
      <c r="AH1109" s="137"/>
      <c r="AI1109" s="137"/>
      <c r="AJ1109" s="137"/>
      <c r="AK1109" s="137"/>
      <c r="AL1109" s="137"/>
      <c r="AM1109" s="137"/>
      <c r="AN1109" s="137"/>
      <c r="AO1109" s="137"/>
      <c r="AP1109" s="137"/>
      <c r="AQ1109" s="137"/>
      <c r="AR1109" s="137"/>
      <c r="AS1109" s="137"/>
      <c r="AT1109" s="137"/>
      <c r="AU1109" s="137"/>
      <c r="AV1109" s="137"/>
      <c r="AW1109" s="144"/>
    </row>
    <row r="1110" spans="7:49" x14ac:dyDescent="0.2">
      <c r="G1110" s="43"/>
      <c r="Z1110" s="143"/>
      <c r="AA1110" s="137"/>
      <c r="AB1110" s="137"/>
      <c r="AC1110" s="137"/>
      <c r="AD1110" s="137"/>
      <c r="AE1110" s="137"/>
      <c r="AF1110" s="137"/>
      <c r="AG1110" s="137"/>
      <c r="AH1110" s="137"/>
      <c r="AI1110" s="137"/>
      <c r="AJ1110" s="137"/>
      <c r="AK1110" s="137"/>
      <c r="AL1110" s="137"/>
      <c r="AM1110" s="137"/>
      <c r="AN1110" s="137"/>
      <c r="AO1110" s="137"/>
      <c r="AP1110" s="137"/>
      <c r="AQ1110" s="137"/>
      <c r="AR1110" s="137"/>
      <c r="AS1110" s="137"/>
      <c r="AT1110" s="137"/>
      <c r="AU1110" s="137"/>
      <c r="AV1110" s="137"/>
      <c r="AW1110" s="144"/>
    </row>
    <row r="1111" spans="7:49" x14ac:dyDescent="0.2">
      <c r="G1111" s="43"/>
      <c r="Z1111" s="143"/>
      <c r="AA1111" s="137"/>
      <c r="AB1111" s="137"/>
      <c r="AC1111" s="137"/>
      <c r="AD1111" s="137"/>
      <c r="AE1111" s="137"/>
      <c r="AF1111" s="137"/>
      <c r="AG1111" s="137"/>
      <c r="AH1111" s="137"/>
      <c r="AI1111" s="137"/>
      <c r="AJ1111" s="137"/>
      <c r="AK1111" s="137"/>
      <c r="AL1111" s="137"/>
      <c r="AM1111" s="137"/>
      <c r="AN1111" s="137"/>
      <c r="AO1111" s="137"/>
      <c r="AP1111" s="137"/>
      <c r="AQ1111" s="137"/>
      <c r="AR1111" s="137"/>
      <c r="AS1111" s="137"/>
      <c r="AT1111" s="137"/>
      <c r="AU1111" s="137"/>
      <c r="AV1111" s="137"/>
      <c r="AW1111" s="144"/>
    </row>
    <row r="1112" spans="7:49" x14ac:dyDescent="0.2">
      <c r="G1112" s="43"/>
      <c r="Z1112" s="143"/>
      <c r="AA1112" s="137"/>
      <c r="AB1112" s="137"/>
      <c r="AC1112" s="137"/>
      <c r="AD1112" s="137"/>
      <c r="AE1112" s="137"/>
      <c r="AF1112" s="137"/>
      <c r="AG1112" s="137"/>
      <c r="AH1112" s="137"/>
      <c r="AI1112" s="137"/>
      <c r="AJ1112" s="137"/>
      <c r="AK1112" s="137"/>
      <c r="AL1112" s="137"/>
      <c r="AM1112" s="137"/>
      <c r="AN1112" s="137"/>
      <c r="AO1112" s="137"/>
      <c r="AP1112" s="137"/>
      <c r="AQ1112" s="137"/>
      <c r="AR1112" s="137"/>
      <c r="AS1112" s="137"/>
      <c r="AT1112" s="137"/>
      <c r="AU1112" s="137"/>
      <c r="AV1112" s="137"/>
      <c r="AW1112" s="144"/>
    </row>
    <row r="1113" spans="7:49" x14ac:dyDescent="0.2">
      <c r="G1113" s="43"/>
      <c r="Z1113" s="143"/>
      <c r="AA1113" s="137"/>
      <c r="AB1113" s="137"/>
      <c r="AC1113" s="137"/>
      <c r="AD1113" s="137"/>
      <c r="AE1113" s="137"/>
      <c r="AF1113" s="137"/>
      <c r="AG1113" s="137"/>
      <c r="AH1113" s="137"/>
      <c r="AI1113" s="137"/>
      <c r="AJ1113" s="137"/>
      <c r="AK1113" s="137"/>
      <c r="AL1113" s="137"/>
      <c r="AM1113" s="137"/>
      <c r="AN1113" s="137"/>
      <c r="AO1113" s="137"/>
      <c r="AP1113" s="137"/>
      <c r="AQ1113" s="137"/>
      <c r="AR1113" s="137"/>
      <c r="AS1113" s="137"/>
      <c r="AT1113" s="137"/>
      <c r="AU1113" s="137"/>
      <c r="AV1113" s="137"/>
      <c r="AW1113" s="144"/>
    </row>
    <row r="1114" spans="7:49" x14ac:dyDescent="0.2">
      <c r="G1114" s="43"/>
      <c r="Z1114" s="143"/>
      <c r="AA1114" s="137"/>
      <c r="AB1114" s="137"/>
      <c r="AC1114" s="137"/>
      <c r="AD1114" s="137"/>
      <c r="AE1114" s="137"/>
      <c r="AF1114" s="137"/>
      <c r="AG1114" s="137"/>
      <c r="AH1114" s="137"/>
      <c r="AI1114" s="137"/>
      <c r="AJ1114" s="137"/>
      <c r="AK1114" s="137"/>
      <c r="AL1114" s="137"/>
      <c r="AM1114" s="137"/>
      <c r="AN1114" s="137"/>
      <c r="AO1114" s="137"/>
      <c r="AP1114" s="137"/>
      <c r="AQ1114" s="137"/>
      <c r="AR1114" s="137"/>
      <c r="AS1114" s="137"/>
      <c r="AT1114" s="137"/>
      <c r="AU1114" s="137"/>
      <c r="AV1114" s="137"/>
      <c r="AW1114" s="144"/>
    </row>
    <row r="1115" spans="7:49" x14ac:dyDescent="0.2">
      <c r="G1115" s="43"/>
      <c r="Z1115" s="143"/>
      <c r="AA1115" s="137"/>
      <c r="AB1115" s="137"/>
      <c r="AC1115" s="137"/>
      <c r="AD1115" s="137"/>
      <c r="AE1115" s="137"/>
      <c r="AF1115" s="137"/>
      <c r="AG1115" s="137"/>
      <c r="AH1115" s="137"/>
      <c r="AI1115" s="137"/>
      <c r="AJ1115" s="137"/>
      <c r="AK1115" s="137"/>
      <c r="AL1115" s="137"/>
      <c r="AM1115" s="137"/>
      <c r="AN1115" s="137"/>
      <c r="AO1115" s="137"/>
      <c r="AP1115" s="137"/>
      <c r="AQ1115" s="137"/>
      <c r="AR1115" s="137"/>
      <c r="AS1115" s="137"/>
      <c r="AT1115" s="137"/>
      <c r="AU1115" s="137"/>
      <c r="AV1115" s="137"/>
      <c r="AW1115" s="144"/>
    </row>
    <row r="1116" spans="7:49" x14ac:dyDescent="0.2">
      <c r="G1116" s="43"/>
      <c r="Z1116" s="143"/>
      <c r="AA1116" s="137"/>
      <c r="AB1116" s="137"/>
      <c r="AC1116" s="137"/>
      <c r="AD1116" s="137"/>
      <c r="AE1116" s="137"/>
      <c r="AF1116" s="137"/>
      <c r="AG1116" s="137"/>
      <c r="AH1116" s="137"/>
      <c r="AI1116" s="137"/>
      <c r="AJ1116" s="137"/>
      <c r="AK1116" s="137"/>
      <c r="AL1116" s="137"/>
      <c r="AM1116" s="137"/>
      <c r="AN1116" s="137"/>
      <c r="AO1116" s="137"/>
      <c r="AP1116" s="137"/>
      <c r="AQ1116" s="137"/>
      <c r="AR1116" s="137"/>
      <c r="AS1116" s="137"/>
      <c r="AT1116" s="137"/>
      <c r="AU1116" s="137"/>
      <c r="AV1116" s="137"/>
      <c r="AW1116" s="144"/>
    </row>
    <row r="1117" spans="7:49" x14ac:dyDescent="0.2">
      <c r="G1117" s="43"/>
      <c r="Z1117" s="143"/>
      <c r="AA1117" s="137"/>
      <c r="AB1117" s="137"/>
      <c r="AC1117" s="137"/>
      <c r="AD1117" s="137"/>
      <c r="AE1117" s="137"/>
      <c r="AF1117" s="137"/>
      <c r="AG1117" s="137"/>
      <c r="AH1117" s="137"/>
      <c r="AI1117" s="137"/>
      <c r="AJ1117" s="137"/>
      <c r="AK1117" s="137"/>
      <c r="AL1117" s="137"/>
      <c r="AM1117" s="137"/>
      <c r="AN1117" s="137"/>
      <c r="AO1117" s="137"/>
      <c r="AP1117" s="137"/>
      <c r="AQ1117" s="137"/>
      <c r="AR1117" s="137"/>
      <c r="AS1117" s="137"/>
      <c r="AT1117" s="137"/>
      <c r="AU1117" s="137"/>
      <c r="AV1117" s="137"/>
      <c r="AW1117" s="144"/>
    </row>
    <row r="1118" spans="7:49" x14ac:dyDescent="0.2">
      <c r="G1118" s="43"/>
      <c r="Z1118" s="143"/>
      <c r="AA1118" s="137"/>
      <c r="AB1118" s="137"/>
      <c r="AC1118" s="137"/>
      <c r="AD1118" s="137"/>
      <c r="AE1118" s="137"/>
      <c r="AF1118" s="137"/>
      <c r="AG1118" s="137"/>
      <c r="AH1118" s="137"/>
      <c r="AI1118" s="137"/>
      <c r="AJ1118" s="137"/>
      <c r="AK1118" s="137"/>
      <c r="AL1118" s="137"/>
      <c r="AM1118" s="137"/>
      <c r="AN1118" s="137"/>
      <c r="AO1118" s="137"/>
      <c r="AP1118" s="137"/>
      <c r="AQ1118" s="137"/>
      <c r="AR1118" s="137"/>
      <c r="AS1118" s="137"/>
      <c r="AT1118" s="137"/>
      <c r="AU1118" s="137"/>
      <c r="AV1118" s="137"/>
      <c r="AW1118" s="144"/>
    </row>
    <row r="1119" spans="7:49" x14ac:dyDescent="0.2">
      <c r="G1119" s="43"/>
      <c r="Z1119" s="143"/>
      <c r="AA1119" s="137"/>
      <c r="AB1119" s="137"/>
      <c r="AC1119" s="137"/>
      <c r="AD1119" s="137"/>
      <c r="AE1119" s="137"/>
      <c r="AF1119" s="137"/>
      <c r="AG1119" s="137"/>
      <c r="AH1119" s="137"/>
      <c r="AI1119" s="137"/>
      <c r="AJ1119" s="137"/>
      <c r="AK1119" s="137"/>
      <c r="AL1119" s="137"/>
      <c r="AM1119" s="137"/>
      <c r="AN1119" s="137"/>
      <c r="AO1119" s="137"/>
      <c r="AP1119" s="137"/>
      <c r="AQ1119" s="137"/>
      <c r="AR1119" s="137"/>
      <c r="AS1119" s="137"/>
      <c r="AT1119" s="137"/>
      <c r="AU1119" s="137"/>
      <c r="AV1119" s="137"/>
      <c r="AW1119" s="144"/>
    </row>
    <row r="1120" spans="7:49" x14ac:dyDescent="0.2">
      <c r="G1120" s="43"/>
      <c r="Z1120" s="143"/>
      <c r="AA1120" s="137"/>
      <c r="AB1120" s="137"/>
      <c r="AC1120" s="137"/>
      <c r="AD1120" s="137"/>
      <c r="AE1120" s="137"/>
      <c r="AF1120" s="137"/>
      <c r="AG1120" s="137"/>
      <c r="AH1120" s="137"/>
      <c r="AI1120" s="137"/>
      <c r="AJ1120" s="137"/>
      <c r="AK1120" s="137"/>
      <c r="AL1120" s="137"/>
      <c r="AM1120" s="137"/>
      <c r="AN1120" s="137"/>
      <c r="AO1120" s="137"/>
      <c r="AP1120" s="137"/>
      <c r="AQ1120" s="137"/>
      <c r="AR1120" s="137"/>
      <c r="AS1120" s="137"/>
      <c r="AT1120" s="137"/>
      <c r="AU1120" s="137"/>
      <c r="AV1120" s="137"/>
      <c r="AW1120" s="144"/>
    </row>
    <row r="1121" spans="7:49" x14ac:dyDescent="0.2">
      <c r="G1121" s="43"/>
      <c r="Z1121" s="143"/>
      <c r="AA1121" s="137"/>
      <c r="AB1121" s="137"/>
      <c r="AC1121" s="137"/>
      <c r="AD1121" s="137"/>
      <c r="AE1121" s="137"/>
      <c r="AF1121" s="137"/>
      <c r="AG1121" s="137"/>
      <c r="AH1121" s="137"/>
      <c r="AI1121" s="137"/>
      <c r="AJ1121" s="137"/>
      <c r="AK1121" s="137"/>
      <c r="AL1121" s="137"/>
      <c r="AM1121" s="137"/>
      <c r="AN1121" s="137"/>
      <c r="AO1121" s="137"/>
      <c r="AP1121" s="137"/>
      <c r="AQ1121" s="137"/>
      <c r="AR1121" s="137"/>
      <c r="AS1121" s="137"/>
      <c r="AT1121" s="137"/>
      <c r="AU1121" s="137"/>
      <c r="AV1121" s="137"/>
      <c r="AW1121" s="144"/>
    </row>
    <row r="1122" spans="7:49" x14ac:dyDescent="0.2">
      <c r="G1122" s="43"/>
      <c r="Z1122" s="143"/>
      <c r="AA1122" s="137"/>
      <c r="AB1122" s="137"/>
      <c r="AC1122" s="137"/>
      <c r="AD1122" s="137"/>
      <c r="AE1122" s="137"/>
      <c r="AF1122" s="137"/>
      <c r="AG1122" s="137"/>
      <c r="AH1122" s="137"/>
      <c r="AI1122" s="137"/>
      <c r="AJ1122" s="137"/>
      <c r="AK1122" s="137"/>
      <c r="AL1122" s="137"/>
      <c r="AM1122" s="137"/>
      <c r="AN1122" s="137"/>
      <c r="AO1122" s="137"/>
      <c r="AP1122" s="137"/>
      <c r="AQ1122" s="137"/>
      <c r="AR1122" s="137"/>
      <c r="AS1122" s="137"/>
      <c r="AT1122" s="137"/>
      <c r="AU1122" s="137"/>
      <c r="AV1122" s="137"/>
      <c r="AW1122" s="144"/>
    </row>
    <row r="1123" spans="7:49" x14ac:dyDescent="0.2">
      <c r="G1123" s="43"/>
      <c r="Z1123" s="143"/>
      <c r="AA1123" s="137"/>
      <c r="AB1123" s="137"/>
      <c r="AC1123" s="137"/>
      <c r="AD1123" s="137"/>
      <c r="AE1123" s="137"/>
      <c r="AF1123" s="137"/>
      <c r="AG1123" s="137"/>
      <c r="AH1123" s="137"/>
      <c r="AI1123" s="137"/>
      <c r="AJ1123" s="137"/>
      <c r="AK1123" s="137"/>
      <c r="AL1123" s="137"/>
      <c r="AM1123" s="137"/>
      <c r="AN1123" s="137"/>
      <c r="AO1123" s="137"/>
      <c r="AP1123" s="137"/>
      <c r="AQ1123" s="137"/>
      <c r="AR1123" s="137"/>
      <c r="AS1123" s="137"/>
      <c r="AT1123" s="137"/>
      <c r="AU1123" s="137"/>
      <c r="AV1123" s="137"/>
      <c r="AW1123" s="144"/>
    </row>
    <row r="1124" spans="7:49" x14ac:dyDescent="0.2">
      <c r="G1124" s="43"/>
      <c r="Z1124" s="143"/>
      <c r="AA1124" s="137"/>
      <c r="AB1124" s="137"/>
      <c r="AC1124" s="137"/>
      <c r="AD1124" s="137"/>
      <c r="AE1124" s="137"/>
      <c r="AF1124" s="137"/>
      <c r="AG1124" s="137"/>
      <c r="AH1124" s="137"/>
      <c r="AI1124" s="137"/>
      <c r="AJ1124" s="137"/>
      <c r="AK1124" s="137"/>
      <c r="AL1124" s="137"/>
      <c r="AM1124" s="137"/>
      <c r="AN1124" s="137"/>
      <c r="AO1124" s="137"/>
      <c r="AP1124" s="137"/>
      <c r="AQ1124" s="137"/>
      <c r="AR1124" s="137"/>
      <c r="AS1124" s="137"/>
      <c r="AT1124" s="137"/>
      <c r="AU1124" s="137"/>
      <c r="AV1124" s="137"/>
      <c r="AW1124" s="144"/>
    </row>
    <row r="1125" spans="7:49" x14ac:dyDescent="0.2">
      <c r="G1125" s="43"/>
      <c r="Z1125" s="143"/>
      <c r="AA1125" s="137"/>
      <c r="AB1125" s="137"/>
      <c r="AC1125" s="137"/>
      <c r="AD1125" s="137"/>
      <c r="AE1125" s="137"/>
      <c r="AF1125" s="137"/>
      <c r="AG1125" s="137"/>
      <c r="AH1125" s="137"/>
      <c r="AI1125" s="137"/>
      <c r="AJ1125" s="137"/>
      <c r="AK1125" s="137"/>
      <c r="AL1125" s="137"/>
      <c r="AM1125" s="137"/>
      <c r="AN1125" s="137"/>
      <c r="AO1125" s="137"/>
      <c r="AP1125" s="137"/>
      <c r="AQ1125" s="137"/>
      <c r="AR1125" s="137"/>
      <c r="AS1125" s="137"/>
      <c r="AT1125" s="137"/>
      <c r="AU1125" s="137"/>
      <c r="AV1125" s="137"/>
      <c r="AW1125" s="144"/>
    </row>
    <row r="1126" spans="7:49" x14ac:dyDescent="0.2">
      <c r="G1126" s="43"/>
      <c r="Z1126" s="143"/>
      <c r="AA1126" s="137"/>
      <c r="AB1126" s="137"/>
      <c r="AC1126" s="137"/>
      <c r="AD1126" s="137"/>
      <c r="AE1126" s="137"/>
      <c r="AF1126" s="137"/>
      <c r="AG1126" s="137"/>
      <c r="AH1126" s="137"/>
      <c r="AI1126" s="137"/>
      <c r="AJ1126" s="137"/>
      <c r="AK1126" s="137"/>
      <c r="AL1126" s="137"/>
      <c r="AM1126" s="137"/>
      <c r="AN1126" s="137"/>
      <c r="AO1126" s="137"/>
      <c r="AP1126" s="137"/>
      <c r="AQ1126" s="137"/>
      <c r="AR1126" s="137"/>
      <c r="AS1126" s="137"/>
      <c r="AT1126" s="137"/>
      <c r="AU1126" s="137"/>
      <c r="AV1126" s="137"/>
      <c r="AW1126" s="144"/>
    </row>
    <row r="1127" spans="7:49" x14ac:dyDescent="0.2">
      <c r="G1127" s="43"/>
      <c r="Z1127" s="143"/>
      <c r="AA1127" s="137"/>
      <c r="AB1127" s="137"/>
      <c r="AC1127" s="137"/>
      <c r="AD1127" s="137"/>
      <c r="AE1127" s="137"/>
      <c r="AF1127" s="137"/>
      <c r="AG1127" s="137"/>
      <c r="AH1127" s="137"/>
      <c r="AI1127" s="137"/>
      <c r="AJ1127" s="137"/>
      <c r="AK1127" s="137"/>
      <c r="AL1127" s="137"/>
      <c r="AM1127" s="137"/>
      <c r="AN1127" s="137"/>
      <c r="AO1127" s="137"/>
      <c r="AP1127" s="137"/>
      <c r="AQ1127" s="137"/>
      <c r="AR1127" s="137"/>
      <c r="AS1127" s="137"/>
      <c r="AT1127" s="137"/>
      <c r="AU1127" s="137"/>
      <c r="AV1127" s="137"/>
      <c r="AW1127" s="144"/>
    </row>
    <row r="1128" spans="7:49" x14ac:dyDescent="0.2">
      <c r="G1128" s="43"/>
      <c r="Z1128" s="143"/>
      <c r="AA1128" s="137"/>
      <c r="AB1128" s="137"/>
      <c r="AC1128" s="137"/>
      <c r="AD1128" s="137"/>
      <c r="AE1128" s="137"/>
      <c r="AF1128" s="137"/>
      <c r="AG1128" s="137"/>
      <c r="AH1128" s="137"/>
      <c r="AI1128" s="137"/>
      <c r="AJ1128" s="137"/>
      <c r="AK1128" s="137"/>
      <c r="AL1128" s="137"/>
      <c r="AM1128" s="137"/>
      <c r="AN1128" s="137"/>
      <c r="AO1128" s="137"/>
      <c r="AP1128" s="137"/>
      <c r="AQ1128" s="137"/>
      <c r="AR1128" s="137"/>
      <c r="AS1128" s="137"/>
      <c r="AT1128" s="137"/>
      <c r="AU1128" s="137"/>
      <c r="AV1128" s="137"/>
      <c r="AW1128" s="144"/>
    </row>
    <row r="1129" spans="7:49" x14ac:dyDescent="0.2">
      <c r="G1129" s="43"/>
      <c r="Z1129" s="143"/>
      <c r="AA1129" s="137"/>
      <c r="AB1129" s="137"/>
      <c r="AC1129" s="137"/>
      <c r="AD1129" s="137"/>
      <c r="AE1129" s="137"/>
      <c r="AF1129" s="137"/>
      <c r="AG1129" s="137"/>
      <c r="AH1129" s="137"/>
      <c r="AI1129" s="137"/>
      <c r="AJ1129" s="137"/>
      <c r="AK1129" s="137"/>
      <c r="AL1129" s="137"/>
      <c r="AM1129" s="137"/>
      <c r="AN1129" s="137"/>
      <c r="AO1129" s="137"/>
      <c r="AP1129" s="137"/>
      <c r="AQ1129" s="137"/>
      <c r="AR1129" s="137"/>
      <c r="AS1129" s="137"/>
      <c r="AT1129" s="137"/>
      <c r="AU1129" s="137"/>
      <c r="AV1129" s="137"/>
      <c r="AW1129" s="144"/>
    </row>
    <row r="1130" spans="7:49" x14ac:dyDescent="0.2">
      <c r="G1130" s="43"/>
      <c r="Z1130" s="143"/>
      <c r="AA1130" s="137"/>
      <c r="AB1130" s="137"/>
      <c r="AC1130" s="137"/>
      <c r="AD1130" s="137"/>
      <c r="AE1130" s="137"/>
      <c r="AF1130" s="137"/>
      <c r="AG1130" s="137"/>
      <c r="AH1130" s="137"/>
      <c r="AI1130" s="137"/>
      <c r="AJ1130" s="137"/>
      <c r="AK1130" s="137"/>
      <c r="AL1130" s="137"/>
      <c r="AM1130" s="137"/>
      <c r="AN1130" s="137"/>
      <c r="AO1130" s="137"/>
      <c r="AP1130" s="137"/>
      <c r="AQ1130" s="137"/>
      <c r="AR1130" s="137"/>
      <c r="AS1130" s="137"/>
      <c r="AT1130" s="137"/>
      <c r="AU1130" s="137"/>
      <c r="AV1130" s="137"/>
      <c r="AW1130" s="144"/>
    </row>
    <row r="1131" spans="7:49" x14ac:dyDescent="0.2">
      <c r="G1131" s="43"/>
      <c r="Z1131" s="143"/>
      <c r="AA1131" s="137"/>
      <c r="AB1131" s="137"/>
      <c r="AC1131" s="137"/>
      <c r="AD1131" s="137"/>
      <c r="AE1131" s="137"/>
      <c r="AF1131" s="137"/>
      <c r="AG1131" s="137"/>
      <c r="AH1131" s="137"/>
      <c r="AI1131" s="137"/>
      <c r="AJ1131" s="137"/>
      <c r="AK1131" s="137"/>
      <c r="AL1131" s="137"/>
      <c r="AM1131" s="137"/>
      <c r="AN1131" s="137"/>
      <c r="AO1131" s="137"/>
      <c r="AP1131" s="137"/>
      <c r="AQ1131" s="137"/>
      <c r="AR1131" s="137"/>
      <c r="AS1131" s="137"/>
      <c r="AT1131" s="137"/>
      <c r="AU1131" s="137"/>
      <c r="AV1131" s="137"/>
      <c r="AW1131" s="144"/>
    </row>
    <row r="1132" spans="7:49" x14ac:dyDescent="0.2">
      <c r="G1132" s="43"/>
      <c r="Z1132" s="143"/>
      <c r="AA1132" s="137"/>
      <c r="AB1132" s="137"/>
      <c r="AC1132" s="137"/>
      <c r="AD1132" s="137"/>
      <c r="AE1132" s="137"/>
      <c r="AF1132" s="137"/>
      <c r="AG1132" s="137"/>
      <c r="AH1132" s="137"/>
      <c r="AI1132" s="137"/>
      <c r="AJ1132" s="137"/>
      <c r="AK1132" s="137"/>
      <c r="AL1132" s="137"/>
      <c r="AM1132" s="137"/>
      <c r="AN1132" s="137"/>
      <c r="AO1132" s="137"/>
      <c r="AP1132" s="137"/>
      <c r="AQ1132" s="137"/>
      <c r="AR1132" s="137"/>
      <c r="AS1132" s="137"/>
      <c r="AT1132" s="137"/>
      <c r="AU1132" s="137"/>
      <c r="AV1132" s="137"/>
      <c r="AW1132" s="144"/>
    </row>
    <row r="1133" spans="7:49" x14ac:dyDescent="0.2">
      <c r="G1133" s="43"/>
      <c r="Z1133" s="143"/>
      <c r="AA1133" s="137"/>
      <c r="AB1133" s="137"/>
      <c r="AC1133" s="137"/>
      <c r="AD1133" s="137"/>
      <c r="AE1133" s="137"/>
      <c r="AF1133" s="137"/>
      <c r="AG1133" s="137"/>
      <c r="AH1133" s="137"/>
      <c r="AI1133" s="137"/>
      <c r="AJ1133" s="137"/>
      <c r="AK1133" s="137"/>
      <c r="AL1133" s="137"/>
      <c r="AM1133" s="137"/>
      <c r="AN1133" s="137"/>
      <c r="AO1133" s="137"/>
      <c r="AP1133" s="137"/>
      <c r="AQ1133" s="137"/>
      <c r="AR1133" s="137"/>
      <c r="AS1133" s="137"/>
      <c r="AT1133" s="137"/>
      <c r="AU1133" s="137"/>
      <c r="AV1133" s="137"/>
      <c r="AW1133" s="144"/>
    </row>
    <row r="1134" spans="7:49" x14ac:dyDescent="0.2">
      <c r="G1134" s="43"/>
      <c r="Z1134" s="143"/>
      <c r="AA1134" s="137"/>
      <c r="AB1134" s="137"/>
      <c r="AC1134" s="137"/>
      <c r="AD1134" s="137"/>
      <c r="AE1134" s="137"/>
      <c r="AF1134" s="137"/>
      <c r="AG1134" s="137"/>
      <c r="AH1134" s="137"/>
      <c r="AI1134" s="137"/>
      <c r="AJ1134" s="137"/>
      <c r="AK1134" s="137"/>
      <c r="AL1134" s="137"/>
      <c r="AM1134" s="137"/>
      <c r="AN1134" s="137"/>
      <c r="AO1134" s="137"/>
      <c r="AP1134" s="137"/>
      <c r="AQ1134" s="137"/>
      <c r="AR1134" s="137"/>
      <c r="AS1134" s="137"/>
      <c r="AT1134" s="137"/>
      <c r="AU1134" s="137"/>
      <c r="AV1134" s="137"/>
      <c r="AW1134" s="144"/>
    </row>
    <row r="1135" spans="7:49" x14ac:dyDescent="0.2">
      <c r="G1135" s="43"/>
      <c r="Z1135" s="143"/>
      <c r="AA1135" s="137"/>
      <c r="AB1135" s="137"/>
      <c r="AC1135" s="137"/>
      <c r="AD1135" s="137"/>
      <c r="AE1135" s="137"/>
      <c r="AF1135" s="137"/>
      <c r="AG1135" s="137"/>
      <c r="AH1135" s="137"/>
      <c r="AI1135" s="137"/>
      <c r="AJ1135" s="137"/>
      <c r="AK1135" s="137"/>
      <c r="AL1135" s="137"/>
      <c r="AM1135" s="137"/>
      <c r="AN1135" s="137"/>
      <c r="AO1135" s="137"/>
      <c r="AP1135" s="137"/>
      <c r="AQ1135" s="137"/>
      <c r="AR1135" s="137"/>
      <c r="AS1135" s="137"/>
      <c r="AT1135" s="137"/>
      <c r="AU1135" s="137"/>
      <c r="AV1135" s="137"/>
      <c r="AW1135" s="144"/>
    </row>
    <row r="1136" spans="7:49" x14ac:dyDescent="0.2">
      <c r="G1136" s="43"/>
      <c r="Z1136" s="143"/>
      <c r="AA1136" s="137"/>
      <c r="AB1136" s="137"/>
      <c r="AC1136" s="137"/>
      <c r="AD1136" s="137"/>
      <c r="AE1136" s="137"/>
      <c r="AF1136" s="137"/>
      <c r="AG1136" s="137"/>
      <c r="AH1136" s="137"/>
      <c r="AI1136" s="137"/>
      <c r="AJ1136" s="137"/>
      <c r="AK1136" s="137"/>
      <c r="AL1136" s="137"/>
      <c r="AM1136" s="137"/>
      <c r="AN1136" s="137"/>
      <c r="AO1136" s="137"/>
      <c r="AP1136" s="137"/>
      <c r="AQ1136" s="137"/>
      <c r="AR1136" s="137"/>
      <c r="AS1136" s="137"/>
      <c r="AT1136" s="137"/>
      <c r="AU1136" s="137"/>
      <c r="AV1136" s="137"/>
      <c r="AW1136" s="144"/>
    </row>
    <row r="1137" spans="7:49" x14ac:dyDescent="0.2">
      <c r="G1137" s="43"/>
      <c r="Z1137" s="143"/>
      <c r="AA1137" s="137"/>
      <c r="AB1137" s="137"/>
      <c r="AC1137" s="137"/>
      <c r="AD1137" s="137"/>
      <c r="AE1137" s="137"/>
      <c r="AF1137" s="137"/>
      <c r="AG1137" s="137"/>
      <c r="AH1137" s="137"/>
      <c r="AI1137" s="137"/>
      <c r="AJ1137" s="137"/>
      <c r="AK1137" s="137"/>
      <c r="AL1137" s="137"/>
      <c r="AM1137" s="137"/>
      <c r="AN1137" s="137"/>
      <c r="AO1137" s="137"/>
      <c r="AP1137" s="137"/>
      <c r="AQ1137" s="137"/>
      <c r="AR1137" s="137"/>
      <c r="AS1137" s="137"/>
      <c r="AT1137" s="137"/>
      <c r="AU1137" s="137"/>
      <c r="AV1137" s="137"/>
      <c r="AW1137" s="144"/>
    </row>
    <row r="1138" spans="7:49" x14ac:dyDescent="0.2">
      <c r="G1138" s="43"/>
      <c r="Z1138" s="143"/>
      <c r="AA1138" s="137"/>
      <c r="AB1138" s="137"/>
      <c r="AC1138" s="137"/>
      <c r="AD1138" s="137"/>
      <c r="AE1138" s="137"/>
      <c r="AF1138" s="137"/>
      <c r="AG1138" s="137"/>
      <c r="AH1138" s="137"/>
      <c r="AI1138" s="137"/>
      <c r="AJ1138" s="137"/>
      <c r="AK1138" s="137"/>
      <c r="AL1138" s="137"/>
      <c r="AM1138" s="137"/>
      <c r="AN1138" s="137"/>
      <c r="AO1138" s="137"/>
      <c r="AP1138" s="137"/>
      <c r="AQ1138" s="137"/>
      <c r="AR1138" s="137"/>
      <c r="AS1138" s="137"/>
      <c r="AT1138" s="137"/>
      <c r="AU1138" s="137"/>
      <c r="AV1138" s="137"/>
      <c r="AW1138" s="144"/>
    </row>
    <row r="1139" spans="7:49" x14ac:dyDescent="0.2">
      <c r="G1139" s="43"/>
      <c r="Z1139" s="143"/>
      <c r="AA1139" s="137"/>
      <c r="AB1139" s="137"/>
      <c r="AC1139" s="137"/>
      <c r="AD1139" s="137"/>
      <c r="AE1139" s="137"/>
      <c r="AF1139" s="137"/>
      <c r="AG1139" s="137"/>
      <c r="AH1139" s="137"/>
      <c r="AI1139" s="137"/>
      <c r="AJ1139" s="137"/>
      <c r="AK1139" s="137"/>
      <c r="AL1139" s="137"/>
      <c r="AM1139" s="137"/>
      <c r="AN1139" s="137"/>
      <c r="AO1139" s="137"/>
      <c r="AP1139" s="137"/>
      <c r="AQ1139" s="137"/>
      <c r="AR1139" s="137"/>
      <c r="AS1139" s="137"/>
      <c r="AT1139" s="137"/>
      <c r="AU1139" s="137"/>
      <c r="AV1139" s="137"/>
      <c r="AW1139" s="144"/>
    </row>
    <row r="1140" spans="7:49" x14ac:dyDescent="0.2">
      <c r="G1140" s="43"/>
      <c r="Z1140" s="143"/>
      <c r="AA1140" s="137"/>
      <c r="AB1140" s="137"/>
      <c r="AC1140" s="137"/>
      <c r="AD1140" s="137"/>
      <c r="AE1140" s="137"/>
      <c r="AF1140" s="137"/>
      <c r="AG1140" s="137"/>
      <c r="AH1140" s="137"/>
      <c r="AI1140" s="137"/>
      <c r="AJ1140" s="137"/>
      <c r="AK1140" s="137"/>
      <c r="AL1140" s="137"/>
      <c r="AM1140" s="137"/>
      <c r="AN1140" s="137"/>
      <c r="AO1140" s="137"/>
      <c r="AP1140" s="137"/>
      <c r="AQ1140" s="137"/>
      <c r="AR1140" s="137"/>
      <c r="AS1140" s="137"/>
      <c r="AT1140" s="137"/>
      <c r="AU1140" s="137"/>
      <c r="AV1140" s="137"/>
      <c r="AW1140" s="144"/>
    </row>
    <row r="1141" spans="7:49" x14ac:dyDescent="0.2">
      <c r="G1141" s="43"/>
      <c r="Z1141" s="143"/>
      <c r="AA1141" s="137"/>
      <c r="AB1141" s="137"/>
      <c r="AC1141" s="137"/>
      <c r="AD1141" s="137"/>
      <c r="AE1141" s="137"/>
      <c r="AF1141" s="137"/>
      <c r="AG1141" s="137"/>
      <c r="AH1141" s="137"/>
      <c r="AI1141" s="137"/>
      <c r="AJ1141" s="137"/>
      <c r="AK1141" s="137"/>
      <c r="AL1141" s="137"/>
      <c r="AM1141" s="137"/>
      <c r="AN1141" s="137"/>
      <c r="AO1141" s="137"/>
      <c r="AP1141" s="137"/>
      <c r="AQ1141" s="137"/>
      <c r="AR1141" s="137"/>
      <c r="AS1141" s="137"/>
      <c r="AT1141" s="137"/>
      <c r="AU1141" s="137"/>
      <c r="AV1141" s="137"/>
      <c r="AW1141" s="144"/>
    </row>
    <row r="1142" spans="7:49" x14ac:dyDescent="0.2">
      <c r="G1142" s="43"/>
      <c r="Z1142" s="143"/>
      <c r="AA1142" s="137"/>
      <c r="AB1142" s="137"/>
      <c r="AC1142" s="137"/>
      <c r="AD1142" s="137"/>
      <c r="AE1142" s="137"/>
      <c r="AF1142" s="137"/>
      <c r="AG1142" s="137"/>
      <c r="AH1142" s="137"/>
      <c r="AI1142" s="137"/>
      <c r="AJ1142" s="137"/>
      <c r="AK1142" s="137"/>
      <c r="AL1142" s="137"/>
      <c r="AM1142" s="137"/>
      <c r="AN1142" s="137"/>
      <c r="AO1142" s="137"/>
      <c r="AP1142" s="137"/>
      <c r="AQ1142" s="137"/>
      <c r="AR1142" s="137"/>
      <c r="AS1142" s="137"/>
      <c r="AT1142" s="137"/>
      <c r="AU1142" s="137"/>
      <c r="AV1142" s="137"/>
      <c r="AW1142" s="144"/>
    </row>
    <row r="1143" spans="7:49" x14ac:dyDescent="0.2">
      <c r="G1143" s="43"/>
      <c r="Z1143" s="143"/>
      <c r="AA1143" s="137"/>
      <c r="AB1143" s="137"/>
      <c r="AC1143" s="137"/>
      <c r="AD1143" s="137"/>
      <c r="AE1143" s="137"/>
      <c r="AF1143" s="137"/>
      <c r="AG1143" s="137"/>
      <c r="AH1143" s="137"/>
      <c r="AI1143" s="137"/>
      <c r="AJ1143" s="137"/>
      <c r="AK1143" s="137"/>
      <c r="AL1143" s="137"/>
      <c r="AM1143" s="137"/>
      <c r="AN1143" s="137"/>
      <c r="AO1143" s="137"/>
      <c r="AP1143" s="137"/>
      <c r="AQ1143" s="137"/>
      <c r="AR1143" s="137"/>
      <c r="AS1143" s="137"/>
      <c r="AT1143" s="137"/>
      <c r="AU1143" s="137"/>
      <c r="AV1143" s="137"/>
      <c r="AW1143" s="144"/>
    </row>
    <row r="1144" spans="7:49" x14ac:dyDescent="0.2">
      <c r="G1144" s="43"/>
      <c r="Z1144" s="143"/>
      <c r="AA1144" s="137"/>
      <c r="AB1144" s="137"/>
      <c r="AC1144" s="137"/>
      <c r="AD1144" s="137"/>
      <c r="AE1144" s="137"/>
      <c r="AF1144" s="137"/>
      <c r="AG1144" s="137"/>
      <c r="AH1144" s="137"/>
      <c r="AI1144" s="137"/>
      <c r="AJ1144" s="137"/>
      <c r="AK1144" s="137"/>
      <c r="AL1144" s="137"/>
      <c r="AM1144" s="137"/>
      <c r="AN1144" s="137"/>
      <c r="AO1144" s="137"/>
      <c r="AP1144" s="137"/>
      <c r="AQ1144" s="137"/>
      <c r="AR1144" s="137"/>
      <c r="AS1144" s="137"/>
      <c r="AT1144" s="137"/>
      <c r="AU1144" s="137"/>
      <c r="AV1144" s="137"/>
      <c r="AW1144" s="144"/>
    </row>
    <row r="1145" spans="7:49" x14ac:dyDescent="0.2">
      <c r="G1145" s="43"/>
      <c r="Z1145" s="143"/>
      <c r="AA1145" s="137"/>
      <c r="AB1145" s="137"/>
      <c r="AC1145" s="137"/>
      <c r="AD1145" s="137"/>
      <c r="AE1145" s="137"/>
      <c r="AF1145" s="137"/>
      <c r="AG1145" s="137"/>
      <c r="AH1145" s="137"/>
      <c r="AI1145" s="137"/>
      <c r="AJ1145" s="137"/>
      <c r="AK1145" s="137"/>
      <c r="AL1145" s="137"/>
      <c r="AM1145" s="137"/>
      <c r="AN1145" s="137"/>
      <c r="AO1145" s="137"/>
      <c r="AP1145" s="137"/>
      <c r="AQ1145" s="137"/>
      <c r="AR1145" s="137"/>
      <c r="AS1145" s="137"/>
      <c r="AT1145" s="137"/>
      <c r="AU1145" s="137"/>
      <c r="AV1145" s="137"/>
      <c r="AW1145" s="144"/>
    </row>
    <row r="1146" spans="7:49" x14ac:dyDescent="0.2">
      <c r="G1146" s="43"/>
      <c r="Z1146" s="143"/>
      <c r="AA1146" s="137"/>
      <c r="AB1146" s="137"/>
      <c r="AC1146" s="137"/>
      <c r="AD1146" s="137"/>
      <c r="AE1146" s="137"/>
      <c r="AF1146" s="137"/>
      <c r="AG1146" s="137"/>
      <c r="AH1146" s="137"/>
      <c r="AI1146" s="137"/>
      <c r="AJ1146" s="137"/>
      <c r="AK1146" s="137"/>
      <c r="AL1146" s="137"/>
      <c r="AM1146" s="137"/>
      <c r="AN1146" s="137"/>
      <c r="AO1146" s="137"/>
      <c r="AP1146" s="137"/>
      <c r="AQ1146" s="137"/>
      <c r="AR1146" s="137"/>
      <c r="AS1146" s="137"/>
      <c r="AT1146" s="137"/>
      <c r="AU1146" s="137"/>
      <c r="AV1146" s="137"/>
      <c r="AW1146" s="144"/>
    </row>
    <row r="1147" spans="7:49" x14ac:dyDescent="0.2">
      <c r="G1147" s="43"/>
      <c r="Z1147" s="143"/>
      <c r="AA1147" s="137"/>
      <c r="AB1147" s="137"/>
      <c r="AC1147" s="137"/>
      <c r="AD1147" s="137"/>
      <c r="AE1147" s="137"/>
      <c r="AF1147" s="137"/>
      <c r="AG1147" s="137"/>
      <c r="AH1147" s="137"/>
      <c r="AI1147" s="137"/>
      <c r="AJ1147" s="137"/>
      <c r="AK1147" s="137"/>
      <c r="AL1147" s="137"/>
      <c r="AM1147" s="137"/>
      <c r="AN1147" s="137"/>
      <c r="AO1147" s="137"/>
      <c r="AP1147" s="137"/>
      <c r="AQ1147" s="137"/>
      <c r="AR1147" s="137"/>
      <c r="AS1147" s="137"/>
      <c r="AT1147" s="137"/>
      <c r="AU1147" s="137"/>
      <c r="AV1147" s="137"/>
      <c r="AW1147" s="144"/>
    </row>
    <row r="1148" spans="7:49" x14ac:dyDescent="0.2">
      <c r="G1148" s="43"/>
      <c r="Z1148" s="143"/>
      <c r="AA1148" s="137"/>
      <c r="AB1148" s="137"/>
      <c r="AC1148" s="137"/>
      <c r="AD1148" s="137"/>
      <c r="AE1148" s="137"/>
      <c r="AF1148" s="137"/>
      <c r="AG1148" s="137"/>
      <c r="AH1148" s="137"/>
      <c r="AI1148" s="137"/>
      <c r="AJ1148" s="137"/>
      <c r="AK1148" s="137"/>
      <c r="AL1148" s="137"/>
      <c r="AM1148" s="137"/>
      <c r="AN1148" s="137"/>
      <c r="AO1148" s="137"/>
      <c r="AP1148" s="137"/>
      <c r="AQ1148" s="137"/>
      <c r="AR1148" s="137"/>
      <c r="AS1148" s="137"/>
      <c r="AT1148" s="137"/>
      <c r="AU1148" s="137"/>
      <c r="AV1148" s="137"/>
      <c r="AW1148" s="144"/>
    </row>
    <row r="1149" spans="7:49" x14ac:dyDescent="0.2">
      <c r="G1149" s="43"/>
      <c r="Z1149" s="143"/>
      <c r="AA1149" s="137"/>
      <c r="AB1149" s="137"/>
      <c r="AC1149" s="137"/>
      <c r="AD1149" s="137"/>
      <c r="AE1149" s="137"/>
      <c r="AF1149" s="137"/>
      <c r="AG1149" s="137"/>
      <c r="AH1149" s="137"/>
      <c r="AI1149" s="137"/>
      <c r="AJ1149" s="137"/>
      <c r="AK1149" s="137"/>
      <c r="AL1149" s="137"/>
      <c r="AM1149" s="137"/>
      <c r="AN1149" s="137"/>
      <c r="AO1149" s="137"/>
      <c r="AP1149" s="137"/>
      <c r="AQ1149" s="137"/>
      <c r="AR1149" s="137"/>
      <c r="AS1149" s="137"/>
      <c r="AT1149" s="137"/>
      <c r="AU1149" s="137"/>
      <c r="AV1149" s="137"/>
      <c r="AW1149" s="144"/>
    </row>
    <row r="1150" spans="7:49" x14ac:dyDescent="0.2">
      <c r="G1150" s="43"/>
      <c r="Z1150" s="143"/>
      <c r="AA1150" s="137"/>
      <c r="AB1150" s="137"/>
      <c r="AC1150" s="137"/>
      <c r="AD1150" s="137"/>
      <c r="AE1150" s="137"/>
      <c r="AF1150" s="137"/>
      <c r="AG1150" s="137"/>
      <c r="AH1150" s="137"/>
      <c r="AI1150" s="137"/>
      <c r="AJ1150" s="137"/>
      <c r="AK1150" s="137"/>
      <c r="AL1150" s="137"/>
      <c r="AM1150" s="137"/>
      <c r="AN1150" s="137"/>
      <c r="AO1150" s="137"/>
      <c r="AP1150" s="137"/>
      <c r="AQ1150" s="137"/>
      <c r="AR1150" s="137"/>
      <c r="AS1150" s="137"/>
      <c r="AT1150" s="137"/>
      <c r="AU1150" s="137"/>
      <c r="AV1150" s="137"/>
      <c r="AW1150" s="144"/>
    </row>
    <row r="1151" spans="7:49" x14ac:dyDescent="0.2">
      <c r="G1151" s="43"/>
      <c r="Z1151" s="143"/>
      <c r="AA1151" s="137"/>
      <c r="AB1151" s="137"/>
      <c r="AC1151" s="137"/>
      <c r="AD1151" s="137"/>
      <c r="AE1151" s="137"/>
      <c r="AF1151" s="137"/>
      <c r="AG1151" s="137"/>
      <c r="AH1151" s="137"/>
      <c r="AI1151" s="137"/>
      <c r="AJ1151" s="137"/>
      <c r="AK1151" s="137"/>
      <c r="AL1151" s="137"/>
      <c r="AM1151" s="137"/>
      <c r="AN1151" s="137"/>
      <c r="AO1151" s="137"/>
      <c r="AP1151" s="137"/>
      <c r="AQ1151" s="137"/>
      <c r="AR1151" s="137"/>
      <c r="AS1151" s="137"/>
      <c r="AT1151" s="137"/>
      <c r="AU1151" s="137"/>
      <c r="AV1151" s="137"/>
      <c r="AW1151" s="144"/>
    </row>
    <row r="1152" spans="7:49" x14ac:dyDescent="0.2">
      <c r="G1152" s="43"/>
      <c r="Z1152" s="143"/>
      <c r="AA1152" s="137"/>
      <c r="AB1152" s="137"/>
      <c r="AC1152" s="137"/>
      <c r="AD1152" s="137"/>
      <c r="AE1152" s="137"/>
      <c r="AF1152" s="137"/>
      <c r="AG1152" s="137"/>
      <c r="AH1152" s="137"/>
      <c r="AI1152" s="137"/>
      <c r="AJ1152" s="137"/>
      <c r="AK1152" s="137"/>
      <c r="AL1152" s="137"/>
      <c r="AM1152" s="137"/>
      <c r="AN1152" s="137"/>
      <c r="AO1152" s="137"/>
      <c r="AP1152" s="137"/>
      <c r="AQ1152" s="137"/>
      <c r="AR1152" s="137"/>
      <c r="AS1152" s="137"/>
      <c r="AT1152" s="137"/>
      <c r="AU1152" s="137"/>
      <c r="AV1152" s="137"/>
      <c r="AW1152" s="144"/>
    </row>
    <row r="1153" spans="7:49" x14ac:dyDescent="0.2">
      <c r="G1153" s="43"/>
      <c r="Z1153" s="143"/>
      <c r="AA1153" s="137"/>
      <c r="AB1153" s="137"/>
      <c r="AC1153" s="137"/>
      <c r="AD1153" s="137"/>
      <c r="AE1153" s="137"/>
      <c r="AF1153" s="137"/>
      <c r="AG1153" s="137"/>
      <c r="AH1153" s="137"/>
      <c r="AI1153" s="137"/>
      <c r="AJ1153" s="137"/>
      <c r="AK1153" s="137"/>
      <c r="AL1153" s="137"/>
      <c r="AM1153" s="137"/>
      <c r="AN1153" s="137"/>
      <c r="AO1153" s="137"/>
      <c r="AP1153" s="137"/>
      <c r="AQ1153" s="137"/>
      <c r="AR1153" s="137"/>
      <c r="AS1153" s="137"/>
      <c r="AT1153" s="137"/>
      <c r="AU1153" s="137"/>
      <c r="AV1153" s="137"/>
      <c r="AW1153" s="144"/>
    </row>
    <row r="1154" spans="7:49" x14ac:dyDescent="0.2">
      <c r="G1154" s="43"/>
      <c r="Z1154" s="143"/>
      <c r="AA1154" s="137"/>
      <c r="AB1154" s="137"/>
      <c r="AC1154" s="137"/>
      <c r="AD1154" s="137"/>
      <c r="AE1154" s="137"/>
      <c r="AF1154" s="137"/>
      <c r="AG1154" s="137"/>
      <c r="AH1154" s="137"/>
      <c r="AI1154" s="137"/>
      <c r="AJ1154" s="137"/>
      <c r="AK1154" s="137"/>
      <c r="AL1154" s="137"/>
      <c r="AM1154" s="137"/>
      <c r="AN1154" s="137"/>
      <c r="AO1154" s="137"/>
      <c r="AP1154" s="137"/>
      <c r="AQ1154" s="137"/>
      <c r="AR1154" s="137"/>
      <c r="AS1154" s="137"/>
      <c r="AT1154" s="137"/>
      <c r="AU1154" s="137"/>
      <c r="AV1154" s="137"/>
      <c r="AW1154" s="144"/>
    </row>
    <row r="1155" spans="7:49" x14ac:dyDescent="0.2">
      <c r="G1155" s="43"/>
      <c r="Z1155" s="143"/>
      <c r="AA1155" s="137"/>
      <c r="AB1155" s="137"/>
      <c r="AC1155" s="137"/>
      <c r="AD1155" s="137"/>
      <c r="AE1155" s="137"/>
      <c r="AF1155" s="137"/>
      <c r="AG1155" s="137"/>
      <c r="AH1155" s="137"/>
      <c r="AI1155" s="137"/>
      <c r="AJ1155" s="137"/>
      <c r="AK1155" s="137"/>
      <c r="AL1155" s="137"/>
      <c r="AM1155" s="137"/>
      <c r="AN1155" s="137"/>
      <c r="AO1155" s="137"/>
      <c r="AP1155" s="137"/>
      <c r="AQ1155" s="137"/>
      <c r="AR1155" s="137"/>
      <c r="AS1155" s="137"/>
      <c r="AT1155" s="137"/>
      <c r="AU1155" s="137"/>
      <c r="AV1155" s="137"/>
      <c r="AW1155" s="144"/>
    </row>
    <row r="1156" spans="7:49" x14ac:dyDescent="0.2">
      <c r="G1156" s="43"/>
      <c r="Z1156" s="143"/>
      <c r="AA1156" s="137"/>
      <c r="AB1156" s="137"/>
      <c r="AC1156" s="137"/>
      <c r="AD1156" s="137"/>
      <c r="AE1156" s="137"/>
      <c r="AF1156" s="137"/>
      <c r="AG1156" s="137"/>
      <c r="AH1156" s="137"/>
      <c r="AI1156" s="137"/>
      <c r="AJ1156" s="137"/>
      <c r="AK1156" s="137"/>
      <c r="AL1156" s="137"/>
      <c r="AM1156" s="137"/>
      <c r="AN1156" s="137"/>
      <c r="AO1156" s="137"/>
      <c r="AP1156" s="137"/>
      <c r="AQ1156" s="137"/>
      <c r="AR1156" s="137"/>
      <c r="AS1156" s="137"/>
      <c r="AT1156" s="137"/>
      <c r="AU1156" s="137"/>
      <c r="AV1156" s="137"/>
      <c r="AW1156" s="144"/>
    </row>
    <row r="1157" spans="7:49" x14ac:dyDescent="0.2">
      <c r="G1157" s="43"/>
      <c r="Z1157" s="143"/>
      <c r="AA1157" s="137"/>
      <c r="AB1157" s="137"/>
      <c r="AC1157" s="137"/>
      <c r="AD1157" s="137"/>
      <c r="AE1157" s="137"/>
      <c r="AF1157" s="137"/>
      <c r="AG1157" s="137"/>
      <c r="AH1157" s="137"/>
      <c r="AI1157" s="137"/>
      <c r="AJ1157" s="137"/>
      <c r="AK1157" s="137"/>
      <c r="AL1157" s="137"/>
      <c r="AM1157" s="137"/>
      <c r="AN1157" s="137"/>
      <c r="AO1157" s="137"/>
      <c r="AP1157" s="137"/>
      <c r="AQ1157" s="137"/>
      <c r="AR1157" s="137"/>
      <c r="AS1157" s="137"/>
      <c r="AT1157" s="137"/>
      <c r="AU1157" s="137"/>
      <c r="AV1157" s="137"/>
      <c r="AW1157" s="144"/>
    </row>
    <row r="1158" spans="7:49" x14ac:dyDescent="0.2">
      <c r="G1158" s="43"/>
      <c r="Z1158" s="143"/>
      <c r="AA1158" s="137"/>
      <c r="AB1158" s="137"/>
      <c r="AC1158" s="137"/>
      <c r="AD1158" s="137"/>
      <c r="AE1158" s="137"/>
      <c r="AF1158" s="137"/>
      <c r="AG1158" s="137"/>
      <c r="AH1158" s="137"/>
      <c r="AI1158" s="137"/>
      <c r="AJ1158" s="137"/>
      <c r="AK1158" s="137"/>
      <c r="AL1158" s="137"/>
      <c r="AM1158" s="137"/>
      <c r="AN1158" s="137"/>
      <c r="AO1158" s="137"/>
      <c r="AP1158" s="137"/>
      <c r="AQ1158" s="137"/>
      <c r="AR1158" s="137"/>
      <c r="AS1158" s="137"/>
      <c r="AT1158" s="137"/>
      <c r="AU1158" s="137"/>
      <c r="AV1158" s="137"/>
      <c r="AW1158" s="144"/>
    </row>
    <row r="1159" spans="7:49" x14ac:dyDescent="0.2">
      <c r="G1159" s="43"/>
      <c r="Z1159" s="143"/>
      <c r="AA1159" s="137"/>
      <c r="AB1159" s="137"/>
      <c r="AC1159" s="137"/>
      <c r="AD1159" s="137"/>
      <c r="AE1159" s="137"/>
      <c r="AF1159" s="137"/>
      <c r="AG1159" s="137"/>
      <c r="AH1159" s="137"/>
      <c r="AI1159" s="137"/>
      <c r="AJ1159" s="137"/>
      <c r="AK1159" s="137"/>
      <c r="AL1159" s="137"/>
      <c r="AM1159" s="137"/>
      <c r="AN1159" s="137"/>
      <c r="AO1159" s="137"/>
      <c r="AP1159" s="137"/>
      <c r="AQ1159" s="137"/>
      <c r="AR1159" s="137"/>
      <c r="AS1159" s="137"/>
      <c r="AT1159" s="137"/>
      <c r="AU1159" s="137"/>
      <c r="AV1159" s="137"/>
      <c r="AW1159" s="144"/>
    </row>
    <row r="1160" spans="7:49" x14ac:dyDescent="0.2">
      <c r="G1160" s="43"/>
      <c r="Z1160" s="143"/>
      <c r="AA1160" s="137"/>
      <c r="AB1160" s="137"/>
      <c r="AC1160" s="137"/>
      <c r="AD1160" s="137"/>
      <c r="AE1160" s="137"/>
      <c r="AF1160" s="137"/>
      <c r="AG1160" s="137"/>
      <c r="AH1160" s="137"/>
      <c r="AI1160" s="137"/>
      <c r="AJ1160" s="137"/>
      <c r="AK1160" s="137"/>
      <c r="AL1160" s="137"/>
      <c r="AM1160" s="137"/>
      <c r="AN1160" s="137"/>
      <c r="AO1160" s="137"/>
      <c r="AP1160" s="137"/>
      <c r="AQ1160" s="137"/>
      <c r="AR1160" s="137"/>
      <c r="AS1160" s="137"/>
      <c r="AT1160" s="137"/>
      <c r="AU1160" s="137"/>
      <c r="AV1160" s="137"/>
      <c r="AW1160" s="144"/>
    </row>
    <row r="1161" spans="7:49" x14ac:dyDescent="0.2">
      <c r="G1161" s="43"/>
      <c r="Z1161" s="143"/>
      <c r="AA1161" s="137"/>
      <c r="AB1161" s="137"/>
      <c r="AC1161" s="137"/>
      <c r="AD1161" s="137"/>
      <c r="AE1161" s="137"/>
      <c r="AF1161" s="137"/>
      <c r="AG1161" s="137"/>
      <c r="AH1161" s="137"/>
      <c r="AI1161" s="137"/>
      <c r="AJ1161" s="137"/>
      <c r="AK1161" s="137"/>
      <c r="AL1161" s="137"/>
      <c r="AM1161" s="137"/>
      <c r="AN1161" s="137"/>
      <c r="AO1161" s="137"/>
      <c r="AP1161" s="137"/>
      <c r="AQ1161" s="137"/>
      <c r="AR1161" s="137"/>
      <c r="AS1161" s="137"/>
      <c r="AT1161" s="137"/>
      <c r="AU1161" s="137"/>
      <c r="AV1161" s="137"/>
      <c r="AW1161" s="144"/>
    </row>
    <row r="1162" spans="7:49" x14ac:dyDescent="0.2">
      <c r="G1162" s="43"/>
      <c r="Z1162" s="143"/>
      <c r="AA1162" s="137"/>
      <c r="AB1162" s="137"/>
      <c r="AC1162" s="137"/>
      <c r="AD1162" s="137"/>
      <c r="AE1162" s="137"/>
      <c r="AF1162" s="137"/>
      <c r="AG1162" s="137"/>
      <c r="AH1162" s="137"/>
      <c r="AI1162" s="137"/>
      <c r="AJ1162" s="137"/>
      <c r="AK1162" s="137"/>
      <c r="AL1162" s="137"/>
      <c r="AM1162" s="137"/>
      <c r="AN1162" s="137"/>
      <c r="AO1162" s="137"/>
      <c r="AP1162" s="137"/>
      <c r="AQ1162" s="137"/>
      <c r="AR1162" s="137"/>
      <c r="AS1162" s="137"/>
      <c r="AT1162" s="137"/>
      <c r="AU1162" s="137"/>
      <c r="AV1162" s="137"/>
      <c r="AW1162" s="144"/>
    </row>
    <row r="1163" spans="7:49" x14ac:dyDescent="0.2">
      <c r="G1163" s="43"/>
      <c r="Z1163" s="143"/>
      <c r="AA1163" s="137"/>
      <c r="AB1163" s="137"/>
      <c r="AC1163" s="137"/>
      <c r="AD1163" s="137"/>
      <c r="AE1163" s="137"/>
      <c r="AF1163" s="137"/>
      <c r="AG1163" s="137"/>
      <c r="AH1163" s="137"/>
      <c r="AI1163" s="137"/>
      <c r="AJ1163" s="137"/>
      <c r="AK1163" s="137"/>
      <c r="AL1163" s="137"/>
      <c r="AM1163" s="137"/>
      <c r="AN1163" s="137"/>
      <c r="AO1163" s="137"/>
      <c r="AP1163" s="137"/>
      <c r="AQ1163" s="137"/>
      <c r="AR1163" s="137"/>
      <c r="AS1163" s="137"/>
      <c r="AT1163" s="137"/>
      <c r="AU1163" s="137"/>
      <c r="AV1163" s="137"/>
      <c r="AW1163" s="144"/>
    </row>
    <row r="1164" spans="7:49" x14ac:dyDescent="0.2">
      <c r="G1164" s="43"/>
      <c r="Z1164" s="143"/>
      <c r="AA1164" s="137"/>
      <c r="AB1164" s="137"/>
      <c r="AC1164" s="137"/>
      <c r="AD1164" s="137"/>
      <c r="AE1164" s="137"/>
      <c r="AF1164" s="137"/>
      <c r="AG1164" s="137"/>
      <c r="AH1164" s="137"/>
      <c r="AI1164" s="137"/>
      <c r="AJ1164" s="137"/>
      <c r="AK1164" s="137"/>
      <c r="AL1164" s="137"/>
      <c r="AM1164" s="137"/>
      <c r="AN1164" s="137"/>
      <c r="AO1164" s="137"/>
      <c r="AP1164" s="137"/>
      <c r="AQ1164" s="137"/>
      <c r="AR1164" s="137"/>
      <c r="AS1164" s="137"/>
      <c r="AT1164" s="137"/>
      <c r="AU1164" s="137"/>
      <c r="AV1164" s="137"/>
      <c r="AW1164" s="144"/>
    </row>
    <row r="1165" spans="7:49" x14ac:dyDescent="0.2">
      <c r="G1165" s="43"/>
      <c r="Z1165" s="143"/>
      <c r="AA1165" s="137"/>
      <c r="AB1165" s="137"/>
      <c r="AC1165" s="137"/>
      <c r="AD1165" s="137"/>
      <c r="AE1165" s="137"/>
      <c r="AF1165" s="137"/>
      <c r="AG1165" s="137"/>
      <c r="AH1165" s="137"/>
      <c r="AI1165" s="137"/>
      <c r="AJ1165" s="137"/>
      <c r="AK1165" s="137"/>
      <c r="AL1165" s="137"/>
      <c r="AM1165" s="137"/>
      <c r="AN1165" s="137"/>
      <c r="AO1165" s="137"/>
      <c r="AP1165" s="137"/>
      <c r="AQ1165" s="137"/>
      <c r="AR1165" s="137"/>
      <c r="AS1165" s="137"/>
      <c r="AT1165" s="137"/>
      <c r="AU1165" s="137"/>
      <c r="AV1165" s="137"/>
      <c r="AW1165" s="144"/>
    </row>
    <row r="1166" spans="7:49" x14ac:dyDescent="0.2">
      <c r="G1166" s="43"/>
      <c r="Z1166" s="143"/>
      <c r="AA1166" s="137"/>
      <c r="AB1166" s="137"/>
      <c r="AC1166" s="137"/>
      <c r="AD1166" s="137"/>
      <c r="AE1166" s="137"/>
      <c r="AF1166" s="137"/>
      <c r="AG1166" s="137"/>
      <c r="AH1166" s="137"/>
      <c r="AI1166" s="137"/>
      <c r="AJ1166" s="137"/>
      <c r="AK1166" s="137"/>
      <c r="AL1166" s="137"/>
      <c r="AM1166" s="137"/>
      <c r="AN1166" s="137"/>
      <c r="AO1166" s="137"/>
      <c r="AP1166" s="137"/>
      <c r="AQ1166" s="137"/>
      <c r="AR1166" s="137"/>
      <c r="AS1166" s="137"/>
      <c r="AT1166" s="137"/>
      <c r="AU1166" s="137"/>
      <c r="AV1166" s="137"/>
      <c r="AW1166" s="144"/>
    </row>
    <row r="1167" spans="7:49" x14ac:dyDescent="0.2">
      <c r="G1167" s="43"/>
      <c r="Z1167" s="143"/>
      <c r="AA1167" s="137"/>
      <c r="AB1167" s="137"/>
      <c r="AC1167" s="137"/>
      <c r="AD1167" s="137"/>
      <c r="AE1167" s="137"/>
      <c r="AF1167" s="137"/>
      <c r="AG1167" s="137"/>
      <c r="AH1167" s="137"/>
      <c r="AI1167" s="137"/>
      <c r="AJ1167" s="137"/>
      <c r="AK1167" s="137"/>
      <c r="AL1167" s="137"/>
      <c r="AM1167" s="137"/>
      <c r="AN1167" s="137"/>
      <c r="AO1167" s="137"/>
      <c r="AP1167" s="137"/>
      <c r="AQ1167" s="137"/>
      <c r="AR1167" s="137"/>
      <c r="AS1167" s="137"/>
      <c r="AT1167" s="137"/>
      <c r="AU1167" s="137"/>
      <c r="AV1167" s="137"/>
      <c r="AW1167" s="144"/>
    </row>
    <row r="1168" spans="7:49" x14ac:dyDescent="0.2">
      <c r="G1168" s="43"/>
      <c r="Z1168" s="143"/>
      <c r="AA1168" s="137"/>
      <c r="AB1168" s="137"/>
      <c r="AC1168" s="137"/>
      <c r="AD1168" s="137"/>
      <c r="AE1168" s="137"/>
      <c r="AF1168" s="137"/>
      <c r="AG1168" s="137"/>
      <c r="AH1168" s="137"/>
      <c r="AI1168" s="137"/>
      <c r="AJ1168" s="137"/>
      <c r="AK1168" s="137"/>
      <c r="AL1168" s="137"/>
      <c r="AM1168" s="137"/>
      <c r="AN1168" s="137"/>
      <c r="AO1168" s="137"/>
      <c r="AP1168" s="137"/>
      <c r="AQ1168" s="137"/>
      <c r="AR1168" s="137"/>
      <c r="AS1168" s="137"/>
      <c r="AT1168" s="137"/>
      <c r="AU1168" s="137"/>
      <c r="AV1168" s="137"/>
      <c r="AW1168" s="144"/>
    </row>
    <row r="1169" spans="7:49" x14ac:dyDescent="0.2">
      <c r="G1169" s="43"/>
      <c r="Z1169" s="143"/>
      <c r="AA1169" s="137"/>
      <c r="AB1169" s="137"/>
      <c r="AC1169" s="137"/>
      <c r="AD1169" s="137"/>
      <c r="AE1169" s="137"/>
      <c r="AF1169" s="137"/>
      <c r="AG1169" s="137"/>
      <c r="AH1169" s="137"/>
      <c r="AI1169" s="137"/>
      <c r="AJ1169" s="137"/>
      <c r="AK1169" s="137"/>
      <c r="AL1169" s="137"/>
      <c r="AM1169" s="137"/>
      <c r="AN1169" s="137"/>
      <c r="AO1169" s="137"/>
      <c r="AP1169" s="137"/>
      <c r="AQ1169" s="137"/>
      <c r="AR1169" s="137"/>
      <c r="AS1169" s="137"/>
      <c r="AT1169" s="137"/>
      <c r="AU1169" s="137"/>
      <c r="AV1169" s="137"/>
      <c r="AW1169" s="144"/>
    </row>
    <row r="1170" spans="7:49" x14ac:dyDescent="0.2">
      <c r="G1170" s="43"/>
      <c r="Z1170" s="143"/>
      <c r="AA1170" s="137"/>
      <c r="AB1170" s="137"/>
      <c r="AC1170" s="137"/>
      <c r="AD1170" s="137"/>
      <c r="AE1170" s="137"/>
      <c r="AF1170" s="137"/>
      <c r="AG1170" s="137"/>
      <c r="AH1170" s="137"/>
      <c r="AI1170" s="137"/>
      <c r="AJ1170" s="137"/>
      <c r="AK1170" s="137"/>
      <c r="AL1170" s="137"/>
      <c r="AM1170" s="137"/>
      <c r="AN1170" s="137"/>
      <c r="AO1170" s="137"/>
      <c r="AP1170" s="137"/>
      <c r="AQ1170" s="137"/>
      <c r="AR1170" s="137"/>
      <c r="AS1170" s="137"/>
      <c r="AT1170" s="137"/>
      <c r="AU1170" s="137"/>
      <c r="AV1170" s="137"/>
      <c r="AW1170" s="144"/>
    </row>
    <row r="1171" spans="7:49" x14ac:dyDescent="0.2">
      <c r="G1171" s="43"/>
      <c r="Z1171" s="143"/>
      <c r="AA1171" s="137"/>
      <c r="AB1171" s="137"/>
      <c r="AC1171" s="137"/>
      <c r="AD1171" s="137"/>
      <c r="AE1171" s="137"/>
      <c r="AF1171" s="137"/>
      <c r="AG1171" s="137"/>
      <c r="AH1171" s="137"/>
      <c r="AI1171" s="137"/>
      <c r="AJ1171" s="137"/>
      <c r="AK1171" s="137"/>
      <c r="AL1171" s="137"/>
      <c r="AM1171" s="137"/>
      <c r="AN1171" s="137"/>
      <c r="AO1171" s="137"/>
      <c r="AP1171" s="137"/>
      <c r="AQ1171" s="137"/>
      <c r="AR1171" s="137"/>
      <c r="AS1171" s="137"/>
      <c r="AT1171" s="137"/>
      <c r="AU1171" s="137"/>
      <c r="AV1171" s="137"/>
      <c r="AW1171" s="144"/>
    </row>
    <row r="1172" spans="7:49" x14ac:dyDescent="0.2">
      <c r="G1172" s="43"/>
      <c r="Z1172" s="143"/>
      <c r="AA1172" s="137"/>
      <c r="AB1172" s="137"/>
      <c r="AC1172" s="137"/>
      <c r="AD1172" s="137"/>
      <c r="AE1172" s="137"/>
      <c r="AF1172" s="137"/>
      <c r="AG1172" s="137"/>
      <c r="AH1172" s="137"/>
      <c r="AI1172" s="137"/>
      <c r="AJ1172" s="137"/>
      <c r="AK1172" s="137"/>
      <c r="AL1172" s="137"/>
      <c r="AM1172" s="137"/>
      <c r="AN1172" s="137"/>
      <c r="AO1172" s="137"/>
      <c r="AP1172" s="137"/>
      <c r="AQ1172" s="137"/>
      <c r="AR1172" s="137"/>
      <c r="AS1172" s="137"/>
      <c r="AT1172" s="137"/>
      <c r="AU1172" s="137"/>
      <c r="AV1172" s="137"/>
      <c r="AW1172" s="144"/>
    </row>
    <row r="1173" spans="7:49" x14ac:dyDescent="0.2">
      <c r="G1173" s="43"/>
      <c r="Z1173" s="143"/>
      <c r="AA1173" s="137"/>
      <c r="AB1173" s="137"/>
      <c r="AC1173" s="137"/>
      <c r="AD1173" s="137"/>
      <c r="AE1173" s="137"/>
      <c r="AF1173" s="137"/>
      <c r="AG1173" s="137"/>
      <c r="AH1173" s="137"/>
      <c r="AI1173" s="137"/>
      <c r="AJ1173" s="137"/>
      <c r="AK1173" s="137"/>
      <c r="AL1173" s="137"/>
      <c r="AM1173" s="137"/>
      <c r="AN1173" s="137"/>
      <c r="AO1173" s="137"/>
      <c r="AP1173" s="137"/>
      <c r="AQ1173" s="137"/>
      <c r="AR1173" s="137"/>
      <c r="AS1173" s="137"/>
      <c r="AT1173" s="137"/>
      <c r="AU1173" s="137"/>
      <c r="AV1173" s="137"/>
      <c r="AW1173" s="144"/>
    </row>
    <row r="1174" spans="7:49" x14ac:dyDescent="0.2">
      <c r="G1174" s="43"/>
      <c r="Z1174" s="143"/>
      <c r="AA1174" s="137"/>
      <c r="AB1174" s="137"/>
      <c r="AC1174" s="137"/>
      <c r="AD1174" s="137"/>
      <c r="AE1174" s="137"/>
      <c r="AF1174" s="137"/>
      <c r="AG1174" s="137"/>
      <c r="AH1174" s="137"/>
      <c r="AI1174" s="137"/>
      <c r="AJ1174" s="137"/>
      <c r="AK1174" s="137"/>
      <c r="AL1174" s="137"/>
      <c r="AM1174" s="137"/>
      <c r="AN1174" s="137"/>
      <c r="AO1174" s="137"/>
      <c r="AP1174" s="137"/>
      <c r="AQ1174" s="137"/>
      <c r="AR1174" s="137"/>
      <c r="AS1174" s="137"/>
      <c r="AT1174" s="137"/>
      <c r="AU1174" s="137"/>
      <c r="AV1174" s="137"/>
      <c r="AW1174" s="144"/>
    </row>
    <row r="1175" spans="7:49" x14ac:dyDescent="0.2">
      <c r="G1175" s="43"/>
      <c r="Z1175" s="143"/>
      <c r="AA1175" s="137"/>
      <c r="AB1175" s="137"/>
      <c r="AC1175" s="137"/>
      <c r="AD1175" s="137"/>
      <c r="AE1175" s="137"/>
      <c r="AF1175" s="137"/>
      <c r="AG1175" s="137"/>
      <c r="AH1175" s="137"/>
      <c r="AI1175" s="137"/>
      <c r="AJ1175" s="137"/>
      <c r="AK1175" s="137"/>
      <c r="AL1175" s="137"/>
      <c r="AM1175" s="137"/>
      <c r="AN1175" s="137"/>
      <c r="AO1175" s="137"/>
      <c r="AP1175" s="137"/>
      <c r="AQ1175" s="137"/>
      <c r="AR1175" s="137"/>
      <c r="AS1175" s="137"/>
      <c r="AT1175" s="137"/>
      <c r="AU1175" s="137"/>
      <c r="AV1175" s="137"/>
      <c r="AW1175" s="144"/>
    </row>
    <row r="1176" spans="7:49" x14ac:dyDescent="0.2">
      <c r="G1176" s="43"/>
      <c r="Z1176" s="143"/>
      <c r="AA1176" s="137"/>
      <c r="AB1176" s="137"/>
      <c r="AC1176" s="137"/>
      <c r="AD1176" s="137"/>
      <c r="AE1176" s="137"/>
      <c r="AF1176" s="137"/>
      <c r="AG1176" s="137"/>
      <c r="AH1176" s="137"/>
      <c r="AI1176" s="137"/>
      <c r="AJ1176" s="137"/>
      <c r="AK1176" s="137"/>
      <c r="AL1176" s="137"/>
      <c r="AM1176" s="137"/>
      <c r="AN1176" s="137"/>
      <c r="AO1176" s="137"/>
      <c r="AP1176" s="137"/>
      <c r="AQ1176" s="137"/>
      <c r="AR1176" s="137"/>
      <c r="AS1176" s="137"/>
      <c r="AT1176" s="137"/>
      <c r="AU1176" s="137"/>
      <c r="AV1176" s="137"/>
      <c r="AW1176" s="144"/>
    </row>
    <row r="1177" spans="7:49" x14ac:dyDescent="0.2">
      <c r="G1177" s="43"/>
      <c r="Z1177" s="143"/>
      <c r="AA1177" s="137"/>
      <c r="AB1177" s="137"/>
      <c r="AC1177" s="137"/>
      <c r="AD1177" s="137"/>
      <c r="AE1177" s="137"/>
      <c r="AF1177" s="137"/>
      <c r="AG1177" s="137"/>
      <c r="AH1177" s="137"/>
      <c r="AI1177" s="137"/>
      <c r="AJ1177" s="137"/>
      <c r="AK1177" s="137"/>
      <c r="AL1177" s="137"/>
      <c r="AM1177" s="137"/>
      <c r="AN1177" s="137"/>
      <c r="AO1177" s="137"/>
      <c r="AP1177" s="137"/>
      <c r="AQ1177" s="137"/>
      <c r="AR1177" s="137"/>
      <c r="AS1177" s="137"/>
      <c r="AT1177" s="137"/>
      <c r="AU1177" s="137"/>
      <c r="AV1177" s="137"/>
      <c r="AW1177" s="144"/>
    </row>
    <row r="1178" spans="7:49" x14ac:dyDescent="0.2">
      <c r="G1178" s="43"/>
      <c r="Z1178" s="143"/>
      <c r="AA1178" s="137"/>
      <c r="AB1178" s="137"/>
      <c r="AC1178" s="137"/>
      <c r="AD1178" s="137"/>
      <c r="AE1178" s="137"/>
      <c r="AF1178" s="137"/>
      <c r="AG1178" s="137"/>
      <c r="AH1178" s="137"/>
      <c r="AI1178" s="137"/>
      <c r="AJ1178" s="137"/>
      <c r="AK1178" s="137"/>
      <c r="AL1178" s="137"/>
      <c r="AM1178" s="137"/>
      <c r="AN1178" s="137"/>
      <c r="AO1178" s="137"/>
      <c r="AP1178" s="137"/>
      <c r="AQ1178" s="137"/>
      <c r="AR1178" s="137"/>
      <c r="AS1178" s="137"/>
      <c r="AT1178" s="137"/>
      <c r="AU1178" s="137"/>
      <c r="AV1178" s="137"/>
      <c r="AW1178" s="144"/>
    </row>
    <row r="1179" spans="7:49" x14ac:dyDescent="0.2">
      <c r="G1179" s="43"/>
      <c r="Z1179" s="143"/>
      <c r="AA1179" s="137"/>
      <c r="AB1179" s="137"/>
      <c r="AC1179" s="137"/>
      <c r="AD1179" s="137"/>
      <c r="AE1179" s="137"/>
      <c r="AF1179" s="137"/>
      <c r="AG1179" s="137"/>
      <c r="AH1179" s="137"/>
      <c r="AI1179" s="137"/>
      <c r="AJ1179" s="137"/>
      <c r="AK1179" s="137"/>
      <c r="AL1179" s="137"/>
      <c r="AM1179" s="137"/>
      <c r="AN1179" s="137"/>
      <c r="AO1179" s="137"/>
      <c r="AP1179" s="137"/>
      <c r="AQ1179" s="137"/>
      <c r="AR1179" s="137"/>
      <c r="AS1179" s="137"/>
      <c r="AT1179" s="137"/>
      <c r="AU1179" s="137"/>
      <c r="AV1179" s="137"/>
      <c r="AW1179" s="144"/>
    </row>
    <row r="1180" spans="7:49" x14ac:dyDescent="0.2">
      <c r="G1180" s="43"/>
      <c r="Z1180" s="143"/>
      <c r="AA1180" s="137"/>
      <c r="AB1180" s="137"/>
      <c r="AC1180" s="137"/>
      <c r="AD1180" s="137"/>
      <c r="AE1180" s="137"/>
      <c r="AF1180" s="137"/>
      <c r="AG1180" s="137"/>
      <c r="AH1180" s="137"/>
      <c r="AI1180" s="137"/>
      <c r="AJ1180" s="137"/>
      <c r="AK1180" s="137"/>
      <c r="AL1180" s="137"/>
      <c r="AM1180" s="137"/>
      <c r="AN1180" s="137"/>
      <c r="AO1180" s="137"/>
      <c r="AP1180" s="137"/>
      <c r="AQ1180" s="137"/>
      <c r="AR1180" s="137"/>
      <c r="AS1180" s="137"/>
      <c r="AT1180" s="137"/>
      <c r="AU1180" s="137"/>
      <c r="AV1180" s="137"/>
      <c r="AW1180" s="144"/>
    </row>
    <row r="1181" spans="7:49" x14ac:dyDescent="0.2">
      <c r="G1181" s="43"/>
      <c r="Z1181" s="143"/>
      <c r="AA1181" s="137"/>
      <c r="AB1181" s="137"/>
      <c r="AC1181" s="137"/>
      <c r="AD1181" s="137"/>
      <c r="AE1181" s="137"/>
      <c r="AF1181" s="137"/>
      <c r="AG1181" s="137"/>
      <c r="AH1181" s="137"/>
      <c r="AI1181" s="137"/>
      <c r="AJ1181" s="137"/>
      <c r="AK1181" s="137"/>
      <c r="AL1181" s="137"/>
      <c r="AM1181" s="137"/>
      <c r="AN1181" s="137"/>
      <c r="AO1181" s="137"/>
      <c r="AP1181" s="137"/>
      <c r="AQ1181" s="137"/>
      <c r="AR1181" s="137"/>
      <c r="AS1181" s="137"/>
      <c r="AT1181" s="137"/>
      <c r="AU1181" s="137"/>
      <c r="AV1181" s="137"/>
      <c r="AW1181" s="144"/>
    </row>
    <row r="1182" spans="7:49" x14ac:dyDescent="0.2">
      <c r="G1182" s="43"/>
      <c r="Z1182" s="143"/>
      <c r="AA1182" s="137"/>
      <c r="AB1182" s="137"/>
      <c r="AC1182" s="137"/>
      <c r="AD1182" s="137"/>
      <c r="AE1182" s="137"/>
      <c r="AF1182" s="137"/>
      <c r="AG1182" s="137"/>
      <c r="AH1182" s="137"/>
      <c r="AI1182" s="137"/>
      <c r="AJ1182" s="137"/>
      <c r="AK1182" s="137"/>
      <c r="AL1182" s="137"/>
      <c r="AM1182" s="137"/>
      <c r="AN1182" s="137"/>
      <c r="AO1182" s="137"/>
      <c r="AP1182" s="137"/>
      <c r="AQ1182" s="137"/>
      <c r="AR1182" s="137"/>
      <c r="AS1182" s="137"/>
      <c r="AT1182" s="137"/>
      <c r="AU1182" s="137"/>
      <c r="AV1182" s="137"/>
      <c r="AW1182" s="144"/>
    </row>
    <row r="1183" spans="7:49" x14ac:dyDescent="0.2">
      <c r="G1183" s="43"/>
      <c r="Z1183" s="143"/>
      <c r="AA1183" s="137"/>
      <c r="AB1183" s="137"/>
      <c r="AC1183" s="137"/>
      <c r="AD1183" s="137"/>
      <c r="AE1183" s="137"/>
      <c r="AF1183" s="137"/>
      <c r="AG1183" s="137"/>
      <c r="AH1183" s="137"/>
      <c r="AI1183" s="137"/>
      <c r="AJ1183" s="137"/>
      <c r="AK1183" s="137"/>
      <c r="AL1183" s="137"/>
      <c r="AM1183" s="137"/>
      <c r="AN1183" s="137"/>
      <c r="AO1183" s="137"/>
      <c r="AP1183" s="137"/>
      <c r="AQ1183" s="137"/>
      <c r="AR1183" s="137"/>
      <c r="AS1183" s="137"/>
      <c r="AT1183" s="137"/>
      <c r="AU1183" s="137"/>
      <c r="AV1183" s="137"/>
      <c r="AW1183" s="144"/>
    </row>
    <row r="1184" spans="7:49" x14ac:dyDescent="0.2">
      <c r="G1184" s="43"/>
      <c r="Z1184" s="143"/>
      <c r="AA1184" s="137"/>
      <c r="AB1184" s="137"/>
      <c r="AC1184" s="137"/>
      <c r="AD1184" s="137"/>
      <c r="AE1184" s="137"/>
      <c r="AF1184" s="137"/>
      <c r="AG1184" s="137"/>
      <c r="AH1184" s="137"/>
      <c r="AI1184" s="137"/>
      <c r="AJ1184" s="137"/>
      <c r="AK1184" s="137"/>
      <c r="AL1184" s="137"/>
      <c r="AM1184" s="137"/>
      <c r="AN1184" s="137"/>
      <c r="AO1184" s="137"/>
      <c r="AP1184" s="137"/>
      <c r="AQ1184" s="137"/>
      <c r="AR1184" s="137"/>
      <c r="AS1184" s="137"/>
      <c r="AT1184" s="137"/>
      <c r="AU1184" s="137"/>
      <c r="AV1184" s="137"/>
      <c r="AW1184" s="144"/>
    </row>
    <row r="1185" spans="7:49" x14ac:dyDescent="0.2">
      <c r="G1185" s="43"/>
      <c r="Z1185" s="143"/>
      <c r="AA1185" s="137"/>
      <c r="AB1185" s="137"/>
      <c r="AC1185" s="137"/>
      <c r="AD1185" s="137"/>
      <c r="AE1185" s="137"/>
      <c r="AF1185" s="137"/>
      <c r="AG1185" s="137"/>
      <c r="AH1185" s="137"/>
      <c r="AI1185" s="137"/>
      <c r="AJ1185" s="137"/>
      <c r="AK1185" s="137"/>
      <c r="AL1185" s="137"/>
      <c r="AM1185" s="137"/>
      <c r="AN1185" s="137"/>
      <c r="AO1185" s="137"/>
      <c r="AP1185" s="137"/>
      <c r="AQ1185" s="137"/>
      <c r="AR1185" s="137"/>
      <c r="AS1185" s="137"/>
      <c r="AT1185" s="137"/>
      <c r="AU1185" s="137"/>
      <c r="AV1185" s="137"/>
      <c r="AW1185" s="144"/>
    </row>
    <row r="1186" spans="7:49" x14ac:dyDescent="0.2">
      <c r="G1186" s="43"/>
      <c r="Z1186" s="143"/>
      <c r="AA1186" s="137"/>
      <c r="AB1186" s="137"/>
      <c r="AC1186" s="137"/>
      <c r="AD1186" s="137"/>
      <c r="AE1186" s="137"/>
      <c r="AF1186" s="137"/>
      <c r="AG1186" s="137"/>
      <c r="AH1186" s="137"/>
      <c r="AI1186" s="137"/>
      <c r="AJ1186" s="137"/>
      <c r="AK1186" s="137"/>
      <c r="AL1186" s="137"/>
      <c r="AM1186" s="137"/>
      <c r="AN1186" s="137"/>
      <c r="AO1186" s="137"/>
      <c r="AP1186" s="137"/>
      <c r="AQ1186" s="137"/>
      <c r="AR1186" s="137"/>
      <c r="AS1186" s="137"/>
      <c r="AT1186" s="137"/>
      <c r="AU1186" s="137"/>
      <c r="AV1186" s="137"/>
      <c r="AW1186" s="144"/>
    </row>
    <row r="1187" spans="7:49" x14ac:dyDescent="0.2">
      <c r="G1187" s="43"/>
      <c r="Z1187" s="143"/>
      <c r="AA1187" s="137"/>
      <c r="AB1187" s="137"/>
      <c r="AC1187" s="137"/>
      <c r="AD1187" s="137"/>
      <c r="AE1187" s="137"/>
      <c r="AF1187" s="137"/>
      <c r="AG1187" s="137"/>
      <c r="AH1187" s="137"/>
      <c r="AI1187" s="137"/>
      <c r="AJ1187" s="137"/>
      <c r="AK1187" s="137"/>
      <c r="AL1187" s="137"/>
      <c r="AM1187" s="137"/>
      <c r="AN1187" s="137"/>
      <c r="AO1187" s="137"/>
      <c r="AP1187" s="137"/>
      <c r="AQ1187" s="137"/>
      <c r="AR1187" s="137"/>
      <c r="AS1187" s="137"/>
      <c r="AT1187" s="137"/>
      <c r="AU1187" s="137"/>
      <c r="AV1187" s="137"/>
      <c r="AW1187" s="144"/>
    </row>
    <row r="1188" spans="7:49" x14ac:dyDescent="0.2">
      <c r="G1188" s="43"/>
      <c r="Z1188" s="143"/>
      <c r="AA1188" s="137"/>
      <c r="AB1188" s="137"/>
      <c r="AC1188" s="137"/>
      <c r="AD1188" s="137"/>
      <c r="AE1188" s="137"/>
      <c r="AF1188" s="137"/>
      <c r="AG1188" s="137"/>
      <c r="AH1188" s="137"/>
      <c r="AI1188" s="137"/>
      <c r="AJ1188" s="137"/>
      <c r="AK1188" s="137"/>
      <c r="AL1188" s="137"/>
      <c r="AM1188" s="137"/>
      <c r="AN1188" s="137"/>
      <c r="AO1188" s="137"/>
      <c r="AP1188" s="137"/>
      <c r="AQ1188" s="137"/>
      <c r="AR1188" s="137"/>
      <c r="AS1188" s="137"/>
      <c r="AT1188" s="137"/>
      <c r="AU1188" s="137"/>
      <c r="AV1188" s="137"/>
      <c r="AW1188" s="144"/>
    </row>
    <row r="1189" spans="7:49" x14ac:dyDescent="0.2">
      <c r="G1189" s="43"/>
      <c r="Z1189" s="143"/>
      <c r="AA1189" s="137"/>
      <c r="AB1189" s="137"/>
      <c r="AC1189" s="137"/>
      <c r="AD1189" s="137"/>
      <c r="AE1189" s="137"/>
      <c r="AF1189" s="137"/>
      <c r="AG1189" s="137"/>
      <c r="AH1189" s="137"/>
      <c r="AI1189" s="137"/>
      <c r="AJ1189" s="137"/>
      <c r="AK1189" s="137"/>
      <c r="AL1189" s="137"/>
      <c r="AM1189" s="137"/>
      <c r="AN1189" s="137"/>
      <c r="AO1189" s="137"/>
      <c r="AP1189" s="137"/>
      <c r="AQ1189" s="137"/>
      <c r="AR1189" s="137"/>
      <c r="AS1189" s="137"/>
      <c r="AT1189" s="137"/>
      <c r="AU1189" s="137"/>
      <c r="AV1189" s="137"/>
      <c r="AW1189" s="144"/>
    </row>
    <row r="1190" spans="7:49" x14ac:dyDescent="0.2">
      <c r="G1190" s="43"/>
      <c r="Z1190" s="143"/>
      <c r="AA1190" s="137"/>
      <c r="AB1190" s="137"/>
      <c r="AC1190" s="137"/>
      <c r="AD1190" s="137"/>
      <c r="AE1190" s="137"/>
      <c r="AF1190" s="137"/>
      <c r="AG1190" s="137"/>
      <c r="AH1190" s="137"/>
      <c r="AI1190" s="137"/>
      <c r="AJ1190" s="137"/>
      <c r="AK1190" s="137"/>
      <c r="AL1190" s="137"/>
      <c r="AM1190" s="137"/>
      <c r="AN1190" s="137"/>
      <c r="AO1190" s="137"/>
      <c r="AP1190" s="137"/>
      <c r="AQ1190" s="137"/>
      <c r="AR1190" s="137"/>
      <c r="AS1190" s="137"/>
      <c r="AT1190" s="137"/>
      <c r="AU1190" s="137"/>
      <c r="AV1190" s="137"/>
      <c r="AW1190" s="144"/>
    </row>
    <row r="1191" spans="7:49" x14ac:dyDescent="0.2">
      <c r="G1191" s="43"/>
      <c r="Z1191" s="143"/>
      <c r="AA1191" s="137"/>
      <c r="AB1191" s="137"/>
      <c r="AC1191" s="137"/>
      <c r="AD1191" s="137"/>
      <c r="AE1191" s="137"/>
      <c r="AF1191" s="137"/>
      <c r="AG1191" s="137"/>
      <c r="AH1191" s="137"/>
      <c r="AI1191" s="137"/>
      <c r="AJ1191" s="137"/>
      <c r="AK1191" s="137"/>
      <c r="AL1191" s="137"/>
      <c r="AM1191" s="137"/>
      <c r="AN1191" s="137"/>
      <c r="AO1191" s="137"/>
      <c r="AP1191" s="137"/>
      <c r="AQ1191" s="137"/>
      <c r="AR1191" s="137"/>
      <c r="AS1191" s="137"/>
      <c r="AT1191" s="137"/>
      <c r="AU1191" s="137"/>
      <c r="AV1191" s="137"/>
      <c r="AW1191" s="144"/>
    </row>
    <row r="1192" spans="7:49" x14ac:dyDescent="0.2">
      <c r="G1192" s="43"/>
      <c r="Z1192" s="143"/>
      <c r="AA1192" s="137"/>
      <c r="AB1192" s="137"/>
      <c r="AC1192" s="137"/>
      <c r="AD1192" s="137"/>
      <c r="AE1192" s="137"/>
      <c r="AF1192" s="137"/>
      <c r="AG1192" s="137"/>
      <c r="AH1192" s="137"/>
      <c r="AI1192" s="137"/>
      <c r="AJ1192" s="137"/>
      <c r="AK1192" s="137"/>
      <c r="AL1192" s="137"/>
      <c r="AM1192" s="137"/>
      <c r="AN1192" s="137"/>
      <c r="AO1192" s="137"/>
      <c r="AP1192" s="137"/>
      <c r="AQ1192" s="137"/>
      <c r="AR1192" s="137"/>
      <c r="AS1192" s="137"/>
      <c r="AT1192" s="137"/>
      <c r="AU1192" s="137"/>
      <c r="AV1192" s="137"/>
      <c r="AW1192" s="144"/>
    </row>
    <row r="1193" spans="7:49" x14ac:dyDescent="0.2">
      <c r="G1193" s="43"/>
      <c r="Z1193" s="143"/>
      <c r="AA1193" s="137"/>
      <c r="AB1193" s="137"/>
      <c r="AC1193" s="137"/>
      <c r="AD1193" s="137"/>
      <c r="AE1193" s="137"/>
      <c r="AF1193" s="137"/>
      <c r="AG1193" s="137"/>
      <c r="AH1193" s="137"/>
      <c r="AI1193" s="137"/>
      <c r="AJ1193" s="137"/>
      <c r="AK1193" s="137"/>
      <c r="AL1193" s="137"/>
      <c r="AM1193" s="137"/>
      <c r="AN1193" s="137"/>
      <c r="AO1193" s="137"/>
      <c r="AP1193" s="137"/>
      <c r="AQ1193" s="137"/>
      <c r="AR1193" s="137"/>
      <c r="AS1193" s="137"/>
      <c r="AT1193" s="137"/>
      <c r="AU1193" s="137"/>
      <c r="AV1193" s="137"/>
      <c r="AW1193" s="144"/>
    </row>
    <row r="1194" spans="7:49" x14ac:dyDescent="0.2">
      <c r="G1194" s="43"/>
      <c r="Z1194" s="143"/>
      <c r="AA1194" s="137"/>
      <c r="AB1194" s="137"/>
      <c r="AC1194" s="137"/>
      <c r="AD1194" s="137"/>
      <c r="AE1194" s="137"/>
      <c r="AF1194" s="137"/>
      <c r="AG1194" s="137"/>
      <c r="AH1194" s="137"/>
      <c r="AI1194" s="137"/>
      <c r="AJ1194" s="137"/>
      <c r="AK1194" s="137"/>
      <c r="AL1194" s="137"/>
      <c r="AM1194" s="137"/>
      <c r="AN1194" s="137"/>
      <c r="AO1194" s="137"/>
      <c r="AP1194" s="137"/>
      <c r="AQ1194" s="137"/>
      <c r="AR1194" s="137"/>
      <c r="AS1194" s="137"/>
      <c r="AT1194" s="137"/>
      <c r="AU1194" s="137"/>
      <c r="AV1194" s="137"/>
      <c r="AW1194" s="144"/>
    </row>
    <row r="1195" spans="7:49" x14ac:dyDescent="0.2">
      <c r="G1195" s="43"/>
      <c r="Z1195" s="143"/>
      <c r="AA1195" s="137"/>
      <c r="AB1195" s="137"/>
      <c r="AC1195" s="137"/>
      <c r="AD1195" s="137"/>
      <c r="AE1195" s="137"/>
      <c r="AF1195" s="137"/>
      <c r="AG1195" s="137"/>
      <c r="AH1195" s="137"/>
      <c r="AI1195" s="137"/>
      <c r="AJ1195" s="137"/>
      <c r="AK1195" s="137"/>
      <c r="AL1195" s="137"/>
      <c r="AM1195" s="137"/>
      <c r="AN1195" s="137"/>
      <c r="AO1195" s="137"/>
      <c r="AP1195" s="137"/>
      <c r="AQ1195" s="137"/>
      <c r="AR1195" s="137"/>
      <c r="AS1195" s="137"/>
      <c r="AT1195" s="137"/>
      <c r="AU1195" s="137"/>
      <c r="AV1195" s="137"/>
      <c r="AW1195" s="144"/>
    </row>
    <row r="1196" spans="7:49" x14ac:dyDescent="0.2">
      <c r="G1196" s="43"/>
      <c r="Z1196" s="143"/>
      <c r="AA1196" s="137"/>
      <c r="AB1196" s="137"/>
      <c r="AC1196" s="137"/>
      <c r="AD1196" s="137"/>
      <c r="AE1196" s="137"/>
      <c r="AF1196" s="137"/>
      <c r="AG1196" s="137"/>
      <c r="AH1196" s="137"/>
      <c r="AI1196" s="137"/>
      <c r="AJ1196" s="137"/>
      <c r="AK1196" s="137"/>
      <c r="AL1196" s="137"/>
      <c r="AM1196" s="137"/>
      <c r="AN1196" s="137"/>
      <c r="AO1196" s="137"/>
      <c r="AP1196" s="137"/>
      <c r="AQ1196" s="137"/>
      <c r="AR1196" s="137"/>
      <c r="AS1196" s="137"/>
      <c r="AT1196" s="137"/>
      <c r="AU1196" s="137"/>
      <c r="AV1196" s="137"/>
      <c r="AW1196" s="144"/>
    </row>
    <row r="1197" spans="7:49" x14ac:dyDescent="0.2">
      <c r="G1197" s="43"/>
      <c r="Z1197" s="143"/>
      <c r="AA1197" s="137"/>
      <c r="AB1197" s="137"/>
      <c r="AC1197" s="137"/>
      <c r="AD1197" s="137"/>
      <c r="AE1197" s="137"/>
      <c r="AF1197" s="137"/>
      <c r="AG1197" s="137"/>
      <c r="AH1197" s="137"/>
      <c r="AI1197" s="137"/>
      <c r="AJ1197" s="137"/>
      <c r="AK1197" s="137"/>
      <c r="AL1197" s="137"/>
      <c r="AM1197" s="137"/>
      <c r="AN1197" s="137"/>
      <c r="AO1197" s="137"/>
      <c r="AP1197" s="137"/>
      <c r="AQ1197" s="137"/>
      <c r="AR1197" s="137"/>
      <c r="AS1197" s="137"/>
      <c r="AT1197" s="137"/>
      <c r="AU1197" s="137"/>
      <c r="AV1197" s="137"/>
      <c r="AW1197" s="144"/>
    </row>
    <row r="1198" spans="7:49" x14ac:dyDescent="0.2">
      <c r="G1198" s="43"/>
      <c r="Z1198" s="143"/>
      <c r="AA1198" s="137"/>
      <c r="AB1198" s="137"/>
      <c r="AC1198" s="137"/>
      <c r="AD1198" s="137"/>
      <c r="AE1198" s="137"/>
      <c r="AF1198" s="137"/>
      <c r="AG1198" s="137"/>
      <c r="AH1198" s="137"/>
      <c r="AI1198" s="137"/>
      <c r="AJ1198" s="137"/>
      <c r="AK1198" s="137"/>
      <c r="AL1198" s="137"/>
      <c r="AM1198" s="137"/>
      <c r="AN1198" s="137"/>
      <c r="AO1198" s="137"/>
      <c r="AP1198" s="137"/>
      <c r="AQ1198" s="137"/>
      <c r="AR1198" s="137"/>
      <c r="AS1198" s="137"/>
      <c r="AT1198" s="137"/>
      <c r="AU1198" s="137"/>
      <c r="AV1198" s="137"/>
      <c r="AW1198" s="144"/>
    </row>
    <row r="1199" spans="7:49" x14ac:dyDescent="0.2">
      <c r="G1199" s="43"/>
      <c r="Z1199" s="143"/>
      <c r="AA1199" s="137"/>
      <c r="AB1199" s="137"/>
      <c r="AC1199" s="137"/>
      <c r="AD1199" s="137"/>
      <c r="AE1199" s="137"/>
      <c r="AF1199" s="137"/>
      <c r="AG1199" s="137"/>
      <c r="AH1199" s="137"/>
      <c r="AI1199" s="137"/>
      <c r="AJ1199" s="137"/>
      <c r="AK1199" s="137"/>
      <c r="AL1199" s="137"/>
      <c r="AM1199" s="137"/>
      <c r="AN1199" s="137"/>
      <c r="AO1199" s="137"/>
      <c r="AP1199" s="137"/>
      <c r="AQ1199" s="137"/>
      <c r="AR1199" s="137"/>
      <c r="AS1199" s="137"/>
      <c r="AT1199" s="137"/>
      <c r="AU1199" s="137"/>
      <c r="AV1199" s="137"/>
      <c r="AW1199" s="144"/>
    </row>
    <row r="1200" spans="7:49" x14ac:dyDescent="0.2">
      <c r="G1200" s="43"/>
      <c r="Z1200" s="143"/>
      <c r="AA1200" s="137"/>
      <c r="AB1200" s="137"/>
      <c r="AC1200" s="137"/>
      <c r="AD1200" s="137"/>
      <c r="AE1200" s="137"/>
      <c r="AF1200" s="137"/>
      <c r="AG1200" s="137"/>
      <c r="AH1200" s="137"/>
      <c r="AI1200" s="137"/>
      <c r="AJ1200" s="137"/>
      <c r="AK1200" s="137"/>
      <c r="AL1200" s="137"/>
      <c r="AM1200" s="137"/>
      <c r="AN1200" s="137"/>
      <c r="AO1200" s="137"/>
      <c r="AP1200" s="137"/>
      <c r="AQ1200" s="137"/>
      <c r="AR1200" s="137"/>
      <c r="AS1200" s="137"/>
      <c r="AT1200" s="137"/>
      <c r="AU1200" s="137"/>
      <c r="AV1200" s="137"/>
      <c r="AW1200" s="144"/>
    </row>
    <row r="1201" spans="7:49" x14ac:dyDescent="0.2">
      <c r="G1201" s="43"/>
      <c r="Z1201" s="143"/>
      <c r="AA1201" s="137"/>
      <c r="AB1201" s="137"/>
      <c r="AC1201" s="137"/>
      <c r="AD1201" s="137"/>
      <c r="AE1201" s="137"/>
      <c r="AF1201" s="137"/>
      <c r="AG1201" s="137"/>
      <c r="AH1201" s="137"/>
      <c r="AI1201" s="137"/>
      <c r="AJ1201" s="137"/>
      <c r="AK1201" s="137"/>
      <c r="AL1201" s="137"/>
      <c r="AM1201" s="137"/>
      <c r="AN1201" s="137"/>
      <c r="AO1201" s="137"/>
      <c r="AP1201" s="137"/>
      <c r="AQ1201" s="137"/>
      <c r="AR1201" s="137"/>
      <c r="AS1201" s="137"/>
      <c r="AT1201" s="137"/>
      <c r="AU1201" s="137"/>
      <c r="AV1201" s="137"/>
      <c r="AW1201" s="144"/>
    </row>
    <row r="1202" spans="7:49" x14ac:dyDescent="0.2">
      <c r="G1202" s="43"/>
      <c r="Z1202" s="143"/>
      <c r="AA1202" s="137"/>
      <c r="AB1202" s="137"/>
      <c r="AC1202" s="137"/>
      <c r="AD1202" s="137"/>
      <c r="AE1202" s="137"/>
      <c r="AF1202" s="137"/>
      <c r="AG1202" s="137"/>
      <c r="AH1202" s="137"/>
      <c r="AI1202" s="137"/>
      <c r="AJ1202" s="137"/>
      <c r="AK1202" s="137"/>
      <c r="AL1202" s="137"/>
      <c r="AM1202" s="137"/>
      <c r="AN1202" s="137"/>
      <c r="AO1202" s="137"/>
      <c r="AP1202" s="137"/>
      <c r="AQ1202" s="137"/>
      <c r="AR1202" s="137"/>
      <c r="AS1202" s="137"/>
      <c r="AT1202" s="137"/>
      <c r="AU1202" s="137"/>
      <c r="AV1202" s="137"/>
      <c r="AW1202" s="144"/>
    </row>
    <row r="1203" spans="7:49" x14ac:dyDescent="0.2">
      <c r="G1203" s="43"/>
      <c r="Z1203" s="143"/>
      <c r="AA1203" s="137"/>
      <c r="AB1203" s="137"/>
      <c r="AC1203" s="137"/>
      <c r="AD1203" s="137"/>
      <c r="AE1203" s="137"/>
      <c r="AF1203" s="137"/>
      <c r="AG1203" s="137"/>
      <c r="AH1203" s="137"/>
      <c r="AI1203" s="137"/>
      <c r="AJ1203" s="137"/>
      <c r="AK1203" s="137"/>
      <c r="AL1203" s="137"/>
      <c r="AM1203" s="137"/>
      <c r="AN1203" s="137"/>
      <c r="AO1203" s="137"/>
      <c r="AP1203" s="137"/>
      <c r="AQ1203" s="137"/>
      <c r="AR1203" s="137"/>
      <c r="AS1203" s="137"/>
      <c r="AT1203" s="137"/>
      <c r="AU1203" s="137"/>
      <c r="AV1203" s="137"/>
      <c r="AW1203" s="144"/>
    </row>
    <row r="1204" spans="7:49" x14ac:dyDescent="0.2">
      <c r="G1204" s="43"/>
      <c r="Z1204" s="143"/>
      <c r="AA1204" s="137"/>
      <c r="AB1204" s="137"/>
      <c r="AC1204" s="137"/>
      <c r="AD1204" s="137"/>
      <c r="AE1204" s="137"/>
      <c r="AF1204" s="137"/>
      <c r="AG1204" s="137"/>
      <c r="AH1204" s="137"/>
      <c r="AI1204" s="137"/>
      <c r="AJ1204" s="137"/>
      <c r="AK1204" s="137"/>
      <c r="AL1204" s="137"/>
      <c r="AM1204" s="137"/>
      <c r="AN1204" s="137"/>
      <c r="AO1204" s="137"/>
      <c r="AP1204" s="137"/>
      <c r="AQ1204" s="137"/>
      <c r="AR1204" s="137"/>
      <c r="AS1204" s="137"/>
      <c r="AT1204" s="137"/>
      <c r="AU1204" s="137"/>
      <c r="AV1204" s="137"/>
      <c r="AW1204" s="144"/>
    </row>
    <row r="1205" spans="7:49" x14ac:dyDescent="0.2">
      <c r="G1205" s="43"/>
      <c r="Z1205" s="143"/>
      <c r="AA1205" s="137"/>
      <c r="AB1205" s="137"/>
      <c r="AC1205" s="137"/>
      <c r="AD1205" s="137"/>
      <c r="AE1205" s="137"/>
      <c r="AF1205" s="137"/>
      <c r="AG1205" s="137"/>
      <c r="AH1205" s="137"/>
      <c r="AI1205" s="137"/>
      <c r="AJ1205" s="137"/>
      <c r="AK1205" s="137"/>
      <c r="AL1205" s="137"/>
      <c r="AM1205" s="137"/>
      <c r="AN1205" s="137"/>
      <c r="AO1205" s="137"/>
      <c r="AP1205" s="137"/>
      <c r="AQ1205" s="137"/>
      <c r="AR1205" s="137"/>
      <c r="AS1205" s="137"/>
      <c r="AT1205" s="137"/>
      <c r="AU1205" s="137"/>
      <c r="AV1205" s="137"/>
      <c r="AW1205" s="144"/>
    </row>
    <row r="1206" spans="7:49" x14ac:dyDescent="0.2">
      <c r="G1206" s="43"/>
      <c r="Z1206" s="143"/>
      <c r="AA1206" s="137"/>
      <c r="AB1206" s="137"/>
      <c r="AC1206" s="137"/>
      <c r="AD1206" s="137"/>
      <c r="AE1206" s="137"/>
      <c r="AF1206" s="137"/>
      <c r="AG1206" s="137"/>
      <c r="AH1206" s="137"/>
      <c r="AI1206" s="137"/>
      <c r="AJ1206" s="137"/>
      <c r="AK1206" s="137"/>
      <c r="AL1206" s="137"/>
      <c r="AM1206" s="137"/>
      <c r="AN1206" s="137"/>
      <c r="AO1206" s="137"/>
      <c r="AP1206" s="137"/>
      <c r="AQ1206" s="137"/>
      <c r="AR1206" s="137"/>
      <c r="AS1206" s="137"/>
      <c r="AT1206" s="137"/>
      <c r="AU1206" s="137"/>
      <c r="AV1206" s="137"/>
      <c r="AW1206" s="144"/>
    </row>
    <row r="1207" spans="7:49" x14ac:dyDescent="0.2">
      <c r="G1207" s="43"/>
      <c r="Z1207" s="143"/>
      <c r="AA1207" s="137"/>
      <c r="AB1207" s="137"/>
      <c r="AC1207" s="137"/>
      <c r="AD1207" s="137"/>
      <c r="AE1207" s="137"/>
      <c r="AF1207" s="137"/>
      <c r="AG1207" s="137"/>
      <c r="AH1207" s="137"/>
      <c r="AI1207" s="137"/>
      <c r="AJ1207" s="137"/>
      <c r="AK1207" s="137"/>
      <c r="AL1207" s="137"/>
      <c r="AM1207" s="137"/>
      <c r="AN1207" s="137"/>
      <c r="AO1207" s="137"/>
      <c r="AP1207" s="137"/>
      <c r="AQ1207" s="137"/>
      <c r="AR1207" s="137"/>
      <c r="AS1207" s="137"/>
      <c r="AT1207" s="137"/>
      <c r="AU1207" s="137"/>
      <c r="AV1207" s="137"/>
      <c r="AW1207" s="144"/>
    </row>
    <row r="1208" spans="7:49" x14ac:dyDescent="0.2">
      <c r="G1208" s="43"/>
      <c r="Z1208" s="143"/>
      <c r="AA1208" s="137"/>
      <c r="AB1208" s="137"/>
      <c r="AC1208" s="137"/>
      <c r="AD1208" s="137"/>
      <c r="AE1208" s="137"/>
      <c r="AF1208" s="137"/>
      <c r="AG1208" s="137"/>
      <c r="AH1208" s="137"/>
      <c r="AI1208" s="137"/>
      <c r="AJ1208" s="137"/>
      <c r="AK1208" s="137"/>
      <c r="AL1208" s="137"/>
      <c r="AM1208" s="137"/>
      <c r="AN1208" s="137"/>
      <c r="AO1208" s="137"/>
      <c r="AP1208" s="137"/>
      <c r="AQ1208" s="137"/>
      <c r="AR1208" s="137"/>
      <c r="AS1208" s="137"/>
      <c r="AT1208" s="137"/>
      <c r="AU1208" s="137"/>
      <c r="AV1208" s="137"/>
      <c r="AW1208" s="144"/>
    </row>
    <row r="1209" spans="7:49" x14ac:dyDescent="0.2">
      <c r="G1209" s="43"/>
      <c r="Z1209" s="143"/>
      <c r="AA1209" s="137"/>
      <c r="AB1209" s="137"/>
      <c r="AC1209" s="137"/>
      <c r="AD1209" s="137"/>
      <c r="AE1209" s="137"/>
      <c r="AF1209" s="137"/>
      <c r="AG1209" s="137"/>
      <c r="AH1209" s="137"/>
      <c r="AI1209" s="137"/>
      <c r="AJ1209" s="137"/>
      <c r="AK1209" s="137"/>
      <c r="AL1209" s="137"/>
      <c r="AM1209" s="137"/>
      <c r="AN1209" s="137"/>
      <c r="AO1209" s="137"/>
      <c r="AP1209" s="137"/>
      <c r="AQ1209" s="137"/>
      <c r="AR1209" s="137"/>
      <c r="AS1209" s="137"/>
      <c r="AT1209" s="137"/>
      <c r="AU1209" s="137"/>
      <c r="AV1209" s="137"/>
      <c r="AW1209" s="144"/>
    </row>
    <row r="1210" spans="7:49" x14ac:dyDescent="0.2">
      <c r="G1210" s="43"/>
      <c r="Z1210" s="143"/>
      <c r="AA1210" s="137"/>
      <c r="AB1210" s="137"/>
      <c r="AC1210" s="137"/>
      <c r="AD1210" s="137"/>
      <c r="AE1210" s="137"/>
      <c r="AF1210" s="137"/>
      <c r="AG1210" s="137"/>
      <c r="AH1210" s="137"/>
      <c r="AI1210" s="137"/>
      <c r="AJ1210" s="137"/>
      <c r="AK1210" s="137"/>
      <c r="AL1210" s="137"/>
      <c r="AM1210" s="137"/>
      <c r="AN1210" s="137"/>
      <c r="AO1210" s="137"/>
      <c r="AP1210" s="137"/>
      <c r="AQ1210" s="137"/>
      <c r="AR1210" s="137"/>
      <c r="AS1210" s="137"/>
      <c r="AT1210" s="137"/>
      <c r="AU1210" s="137"/>
      <c r="AV1210" s="137"/>
      <c r="AW1210" s="144"/>
    </row>
    <row r="1211" spans="7:49" x14ac:dyDescent="0.2">
      <c r="G1211" s="43"/>
      <c r="Z1211" s="143"/>
      <c r="AA1211" s="137"/>
      <c r="AB1211" s="137"/>
      <c r="AC1211" s="137"/>
      <c r="AD1211" s="137"/>
      <c r="AE1211" s="137"/>
      <c r="AF1211" s="137"/>
      <c r="AG1211" s="137"/>
      <c r="AH1211" s="137"/>
      <c r="AI1211" s="137"/>
      <c r="AJ1211" s="137"/>
      <c r="AK1211" s="137"/>
      <c r="AL1211" s="137"/>
      <c r="AM1211" s="137"/>
      <c r="AN1211" s="137"/>
      <c r="AO1211" s="137"/>
      <c r="AP1211" s="137"/>
      <c r="AQ1211" s="137"/>
      <c r="AR1211" s="137"/>
      <c r="AS1211" s="137"/>
      <c r="AT1211" s="137"/>
      <c r="AU1211" s="137"/>
      <c r="AV1211" s="137"/>
      <c r="AW1211" s="144"/>
    </row>
    <row r="1212" spans="7:49" x14ac:dyDescent="0.2">
      <c r="G1212" s="43"/>
      <c r="Z1212" s="143"/>
      <c r="AA1212" s="137"/>
      <c r="AB1212" s="137"/>
      <c r="AC1212" s="137"/>
      <c r="AD1212" s="137"/>
      <c r="AE1212" s="137"/>
      <c r="AF1212" s="137"/>
      <c r="AG1212" s="137"/>
      <c r="AH1212" s="137"/>
      <c r="AI1212" s="137"/>
      <c r="AJ1212" s="137"/>
      <c r="AK1212" s="137"/>
      <c r="AL1212" s="137"/>
      <c r="AM1212" s="137"/>
      <c r="AN1212" s="137"/>
      <c r="AO1212" s="137"/>
      <c r="AP1212" s="137"/>
      <c r="AQ1212" s="137"/>
      <c r="AR1212" s="137"/>
      <c r="AS1212" s="137"/>
      <c r="AT1212" s="137"/>
      <c r="AU1212" s="137"/>
      <c r="AV1212" s="137"/>
      <c r="AW1212" s="144"/>
    </row>
    <row r="1213" spans="7:49" x14ac:dyDescent="0.2">
      <c r="G1213" s="43"/>
      <c r="Z1213" s="143"/>
      <c r="AA1213" s="137"/>
      <c r="AB1213" s="137"/>
      <c r="AC1213" s="137"/>
      <c r="AD1213" s="137"/>
      <c r="AE1213" s="137"/>
      <c r="AF1213" s="137"/>
      <c r="AG1213" s="137"/>
      <c r="AH1213" s="137"/>
      <c r="AI1213" s="137"/>
      <c r="AJ1213" s="137"/>
      <c r="AK1213" s="137"/>
      <c r="AL1213" s="137"/>
      <c r="AM1213" s="137"/>
      <c r="AN1213" s="137"/>
      <c r="AO1213" s="137"/>
      <c r="AP1213" s="137"/>
      <c r="AQ1213" s="137"/>
      <c r="AR1213" s="137"/>
      <c r="AS1213" s="137"/>
      <c r="AT1213" s="137"/>
      <c r="AU1213" s="137"/>
      <c r="AV1213" s="137"/>
      <c r="AW1213" s="144"/>
    </row>
    <row r="1214" spans="7:49" x14ac:dyDescent="0.2">
      <c r="G1214" s="43"/>
      <c r="Z1214" s="143"/>
      <c r="AA1214" s="137"/>
      <c r="AB1214" s="137"/>
      <c r="AC1214" s="137"/>
      <c r="AD1214" s="137"/>
      <c r="AE1214" s="137"/>
      <c r="AF1214" s="137"/>
      <c r="AG1214" s="137"/>
      <c r="AH1214" s="137"/>
      <c r="AI1214" s="137"/>
      <c r="AJ1214" s="137"/>
      <c r="AK1214" s="137"/>
      <c r="AL1214" s="137"/>
      <c r="AM1214" s="137"/>
      <c r="AN1214" s="137"/>
      <c r="AO1214" s="137"/>
      <c r="AP1214" s="137"/>
      <c r="AQ1214" s="137"/>
      <c r="AR1214" s="137"/>
      <c r="AS1214" s="137"/>
      <c r="AT1214" s="137"/>
      <c r="AU1214" s="137"/>
      <c r="AV1214" s="137"/>
      <c r="AW1214" s="144"/>
    </row>
    <row r="1215" spans="7:49" x14ac:dyDescent="0.2">
      <c r="G1215" s="43"/>
      <c r="Z1215" s="143"/>
      <c r="AA1215" s="137"/>
      <c r="AB1215" s="137"/>
      <c r="AC1215" s="137"/>
      <c r="AD1215" s="137"/>
      <c r="AE1215" s="137"/>
      <c r="AF1215" s="137"/>
      <c r="AG1215" s="137"/>
      <c r="AH1215" s="137"/>
      <c r="AI1215" s="137"/>
      <c r="AJ1215" s="137"/>
      <c r="AK1215" s="137"/>
      <c r="AL1215" s="137"/>
      <c r="AM1215" s="137"/>
      <c r="AN1215" s="137"/>
      <c r="AO1215" s="137"/>
      <c r="AP1215" s="137"/>
      <c r="AQ1215" s="137"/>
      <c r="AR1215" s="137"/>
      <c r="AS1215" s="137"/>
      <c r="AT1215" s="137"/>
      <c r="AU1215" s="137"/>
      <c r="AV1215" s="137"/>
      <c r="AW1215" s="144"/>
    </row>
    <row r="1216" spans="7:49" x14ac:dyDescent="0.2">
      <c r="G1216" s="43"/>
      <c r="Z1216" s="143"/>
      <c r="AA1216" s="137"/>
      <c r="AB1216" s="137"/>
      <c r="AC1216" s="137"/>
      <c r="AD1216" s="137"/>
      <c r="AE1216" s="137"/>
      <c r="AF1216" s="137"/>
      <c r="AG1216" s="137"/>
      <c r="AH1216" s="137"/>
      <c r="AI1216" s="137"/>
      <c r="AJ1216" s="137"/>
      <c r="AK1216" s="137"/>
      <c r="AL1216" s="137"/>
      <c r="AM1216" s="137"/>
      <c r="AN1216" s="137"/>
      <c r="AO1216" s="137"/>
      <c r="AP1216" s="137"/>
      <c r="AQ1216" s="137"/>
      <c r="AR1216" s="137"/>
      <c r="AS1216" s="137"/>
      <c r="AT1216" s="137"/>
      <c r="AU1216" s="137"/>
      <c r="AV1216" s="137"/>
      <c r="AW1216" s="144"/>
    </row>
    <row r="1217" spans="7:49" x14ac:dyDescent="0.2">
      <c r="G1217" s="43"/>
      <c r="Z1217" s="143"/>
      <c r="AA1217" s="137"/>
      <c r="AB1217" s="137"/>
      <c r="AC1217" s="137"/>
      <c r="AD1217" s="137"/>
      <c r="AE1217" s="137"/>
      <c r="AF1217" s="137"/>
      <c r="AG1217" s="137"/>
      <c r="AH1217" s="137"/>
      <c r="AI1217" s="137"/>
      <c r="AJ1217" s="137"/>
      <c r="AK1217" s="137"/>
      <c r="AL1217" s="137"/>
      <c r="AM1217" s="137"/>
      <c r="AN1217" s="137"/>
      <c r="AO1217" s="137"/>
      <c r="AP1217" s="137"/>
      <c r="AQ1217" s="137"/>
      <c r="AR1217" s="137"/>
      <c r="AS1217" s="137"/>
      <c r="AT1217" s="137"/>
      <c r="AU1217" s="137"/>
      <c r="AV1217" s="137"/>
      <c r="AW1217" s="144"/>
    </row>
    <row r="1218" spans="7:49" x14ac:dyDescent="0.2">
      <c r="G1218" s="43"/>
      <c r="Z1218" s="143"/>
      <c r="AA1218" s="137"/>
      <c r="AB1218" s="137"/>
      <c r="AC1218" s="137"/>
      <c r="AD1218" s="137"/>
      <c r="AE1218" s="137"/>
      <c r="AF1218" s="137"/>
      <c r="AG1218" s="137"/>
      <c r="AH1218" s="137"/>
      <c r="AI1218" s="137"/>
      <c r="AJ1218" s="137"/>
      <c r="AK1218" s="137"/>
      <c r="AL1218" s="137"/>
      <c r="AM1218" s="137"/>
      <c r="AN1218" s="137"/>
      <c r="AO1218" s="137"/>
      <c r="AP1218" s="137"/>
      <c r="AQ1218" s="137"/>
      <c r="AR1218" s="137"/>
      <c r="AS1218" s="137"/>
      <c r="AT1218" s="137"/>
      <c r="AU1218" s="137"/>
      <c r="AV1218" s="137"/>
      <c r="AW1218" s="144"/>
    </row>
    <row r="1219" spans="7:49" x14ac:dyDescent="0.2">
      <c r="G1219" s="43"/>
      <c r="Z1219" s="143"/>
      <c r="AA1219" s="137"/>
      <c r="AB1219" s="137"/>
      <c r="AC1219" s="137"/>
      <c r="AD1219" s="137"/>
      <c r="AE1219" s="137"/>
      <c r="AF1219" s="137"/>
      <c r="AG1219" s="137"/>
      <c r="AH1219" s="137"/>
      <c r="AI1219" s="137"/>
      <c r="AJ1219" s="137"/>
      <c r="AK1219" s="137"/>
      <c r="AL1219" s="137"/>
      <c r="AM1219" s="137"/>
      <c r="AN1219" s="137"/>
      <c r="AO1219" s="137"/>
      <c r="AP1219" s="137"/>
      <c r="AQ1219" s="137"/>
      <c r="AR1219" s="137"/>
      <c r="AS1219" s="137"/>
      <c r="AT1219" s="137"/>
      <c r="AU1219" s="137"/>
      <c r="AV1219" s="137"/>
      <c r="AW1219" s="144"/>
    </row>
    <row r="1220" spans="7:49" x14ac:dyDescent="0.2">
      <c r="G1220" s="43"/>
      <c r="Z1220" s="143"/>
      <c r="AA1220" s="137"/>
      <c r="AB1220" s="137"/>
      <c r="AC1220" s="137"/>
      <c r="AD1220" s="137"/>
      <c r="AE1220" s="137"/>
      <c r="AF1220" s="137"/>
      <c r="AG1220" s="137"/>
      <c r="AH1220" s="137"/>
      <c r="AI1220" s="137"/>
      <c r="AJ1220" s="137"/>
      <c r="AK1220" s="137"/>
      <c r="AL1220" s="137"/>
      <c r="AM1220" s="137"/>
      <c r="AN1220" s="137"/>
      <c r="AO1220" s="137"/>
      <c r="AP1220" s="137"/>
      <c r="AQ1220" s="137"/>
      <c r="AR1220" s="137"/>
      <c r="AS1220" s="137"/>
      <c r="AT1220" s="137"/>
      <c r="AU1220" s="137"/>
      <c r="AV1220" s="137"/>
      <c r="AW1220" s="144"/>
    </row>
    <row r="1221" spans="7:49" x14ac:dyDescent="0.2">
      <c r="G1221" s="43"/>
      <c r="Z1221" s="143"/>
      <c r="AA1221" s="137"/>
      <c r="AB1221" s="137"/>
      <c r="AC1221" s="137"/>
      <c r="AD1221" s="137"/>
      <c r="AE1221" s="137"/>
      <c r="AF1221" s="137"/>
      <c r="AG1221" s="137"/>
      <c r="AH1221" s="137"/>
      <c r="AI1221" s="137"/>
      <c r="AJ1221" s="137"/>
      <c r="AK1221" s="137"/>
      <c r="AL1221" s="137"/>
      <c r="AM1221" s="137"/>
      <c r="AN1221" s="137"/>
      <c r="AO1221" s="137"/>
      <c r="AP1221" s="137"/>
      <c r="AQ1221" s="137"/>
      <c r="AR1221" s="137"/>
      <c r="AS1221" s="137"/>
      <c r="AT1221" s="137"/>
      <c r="AU1221" s="137"/>
      <c r="AV1221" s="137"/>
      <c r="AW1221" s="144"/>
    </row>
    <row r="1222" spans="7:49" x14ac:dyDescent="0.2">
      <c r="G1222" s="43"/>
      <c r="Z1222" s="143"/>
      <c r="AA1222" s="137"/>
      <c r="AB1222" s="137"/>
      <c r="AC1222" s="137"/>
      <c r="AD1222" s="137"/>
      <c r="AE1222" s="137"/>
      <c r="AF1222" s="137"/>
      <c r="AG1222" s="137"/>
      <c r="AH1222" s="137"/>
      <c r="AI1222" s="137"/>
      <c r="AJ1222" s="137"/>
      <c r="AK1222" s="137"/>
      <c r="AL1222" s="137"/>
      <c r="AM1222" s="137"/>
      <c r="AN1222" s="137"/>
      <c r="AO1222" s="137"/>
      <c r="AP1222" s="137"/>
      <c r="AQ1222" s="137"/>
      <c r="AR1222" s="137"/>
      <c r="AS1222" s="137"/>
      <c r="AT1222" s="137"/>
      <c r="AU1222" s="137"/>
      <c r="AV1222" s="137"/>
      <c r="AW1222" s="144"/>
    </row>
    <row r="1223" spans="7:49" x14ac:dyDescent="0.2">
      <c r="G1223" s="43"/>
      <c r="Z1223" s="143"/>
      <c r="AA1223" s="137"/>
      <c r="AB1223" s="137"/>
      <c r="AC1223" s="137"/>
      <c r="AD1223" s="137"/>
      <c r="AE1223" s="137"/>
      <c r="AF1223" s="137"/>
      <c r="AG1223" s="137"/>
      <c r="AH1223" s="137"/>
      <c r="AI1223" s="137"/>
      <c r="AJ1223" s="137"/>
      <c r="AK1223" s="137"/>
      <c r="AL1223" s="137"/>
      <c r="AM1223" s="137"/>
      <c r="AN1223" s="137"/>
      <c r="AO1223" s="137"/>
      <c r="AP1223" s="137"/>
      <c r="AQ1223" s="137"/>
      <c r="AR1223" s="137"/>
      <c r="AS1223" s="137"/>
      <c r="AT1223" s="137"/>
      <c r="AU1223" s="137"/>
      <c r="AV1223" s="137"/>
      <c r="AW1223" s="144"/>
    </row>
    <row r="1224" spans="7:49" x14ac:dyDescent="0.2">
      <c r="G1224" s="43"/>
      <c r="Z1224" s="143"/>
      <c r="AA1224" s="137"/>
      <c r="AB1224" s="137"/>
      <c r="AC1224" s="137"/>
      <c r="AD1224" s="137"/>
      <c r="AE1224" s="137"/>
      <c r="AF1224" s="137"/>
      <c r="AG1224" s="137"/>
      <c r="AH1224" s="137"/>
      <c r="AI1224" s="137"/>
      <c r="AJ1224" s="137"/>
      <c r="AK1224" s="137"/>
      <c r="AL1224" s="137"/>
      <c r="AM1224" s="137"/>
      <c r="AN1224" s="137"/>
      <c r="AO1224" s="137"/>
      <c r="AP1224" s="137"/>
      <c r="AQ1224" s="137"/>
      <c r="AR1224" s="137"/>
      <c r="AS1224" s="137"/>
      <c r="AT1224" s="137"/>
      <c r="AU1224" s="137"/>
      <c r="AV1224" s="137"/>
      <c r="AW1224" s="144"/>
    </row>
    <row r="1225" spans="7:49" x14ac:dyDescent="0.2">
      <c r="G1225" s="43"/>
      <c r="Z1225" s="143"/>
      <c r="AA1225" s="137"/>
      <c r="AB1225" s="137"/>
      <c r="AC1225" s="137"/>
      <c r="AD1225" s="137"/>
      <c r="AE1225" s="137"/>
      <c r="AF1225" s="137"/>
      <c r="AG1225" s="137"/>
      <c r="AH1225" s="137"/>
      <c r="AI1225" s="137"/>
      <c r="AJ1225" s="137"/>
      <c r="AK1225" s="137"/>
      <c r="AL1225" s="137"/>
      <c r="AM1225" s="137"/>
      <c r="AN1225" s="137"/>
      <c r="AO1225" s="137"/>
      <c r="AP1225" s="137"/>
      <c r="AQ1225" s="137"/>
      <c r="AR1225" s="137"/>
      <c r="AS1225" s="137"/>
      <c r="AT1225" s="137"/>
      <c r="AU1225" s="137"/>
      <c r="AV1225" s="137"/>
      <c r="AW1225" s="144"/>
    </row>
    <row r="1226" spans="7:49" x14ac:dyDescent="0.2">
      <c r="G1226" s="43"/>
      <c r="Z1226" s="143"/>
      <c r="AA1226" s="137"/>
      <c r="AB1226" s="137"/>
      <c r="AC1226" s="137"/>
      <c r="AD1226" s="137"/>
      <c r="AE1226" s="137"/>
      <c r="AF1226" s="137"/>
      <c r="AG1226" s="137"/>
      <c r="AH1226" s="137"/>
      <c r="AI1226" s="137"/>
      <c r="AJ1226" s="137"/>
      <c r="AK1226" s="137"/>
      <c r="AL1226" s="137"/>
      <c r="AM1226" s="137"/>
      <c r="AN1226" s="137"/>
      <c r="AO1226" s="137"/>
      <c r="AP1226" s="137"/>
      <c r="AQ1226" s="137"/>
      <c r="AR1226" s="137"/>
      <c r="AS1226" s="137"/>
      <c r="AT1226" s="137"/>
      <c r="AU1226" s="137"/>
      <c r="AV1226" s="137"/>
      <c r="AW1226" s="144"/>
    </row>
    <row r="1227" spans="7:49" x14ac:dyDescent="0.2">
      <c r="G1227" s="43"/>
      <c r="Z1227" s="143"/>
      <c r="AA1227" s="137"/>
      <c r="AB1227" s="137"/>
      <c r="AC1227" s="137"/>
      <c r="AD1227" s="137"/>
      <c r="AE1227" s="137"/>
      <c r="AF1227" s="137"/>
      <c r="AG1227" s="137"/>
      <c r="AH1227" s="137"/>
      <c r="AI1227" s="137"/>
      <c r="AJ1227" s="137"/>
      <c r="AK1227" s="137"/>
      <c r="AL1227" s="137"/>
      <c r="AM1227" s="137"/>
      <c r="AN1227" s="137"/>
      <c r="AO1227" s="137"/>
      <c r="AP1227" s="137"/>
      <c r="AQ1227" s="137"/>
      <c r="AR1227" s="137"/>
      <c r="AS1227" s="137"/>
      <c r="AT1227" s="137"/>
      <c r="AU1227" s="137"/>
      <c r="AV1227" s="137"/>
      <c r="AW1227" s="144"/>
    </row>
    <row r="1228" spans="7:49" x14ac:dyDescent="0.2">
      <c r="G1228" s="43"/>
      <c r="Z1228" s="143"/>
      <c r="AA1228" s="137"/>
      <c r="AB1228" s="137"/>
      <c r="AC1228" s="137"/>
      <c r="AD1228" s="137"/>
      <c r="AE1228" s="137"/>
      <c r="AF1228" s="137"/>
      <c r="AG1228" s="137"/>
      <c r="AH1228" s="137"/>
      <c r="AI1228" s="137"/>
      <c r="AJ1228" s="137"/>
      <c r="AK1228" s="137"/>
      <c r="AL1228" s="137"/>
      <c r="AM1228" s="137"/>
      <c r="AN1228" s="137"/>
      <c r="AO1228" s="137"/>
      <c r="AP1228" s="137"/>
      <c r="AQ1228" s="137"/>
      <c r="AR1228" s="137"/>
      <c r="AS1228" s="137"/>
      <c r="AT1228" s="137"/>
      <c r="AU1228" s="137"/>
      <c r="AV1228" s="137"/>
      <c r="AW1228" s="144"/>
    </row>
    <row r="1229" spans="7:49" x14ac:dyDescent="0.2">
      <c r="G1229" s="43"/>
      <c r="Z1229" s="143"/>
      <c r="AA1229" s="137"/>
      <c r="AB1229" s="137"/>
      <c r="AC1229" s="137"/>
      <c r="AD1229" s="137"/>
      <c r="AE1229" s="137"/>
      <c r="AF1229" s="137"/>
      <c r="AG1229" s="137"/>
      <c r="AH1229" s="137"/>
      <c r="AI1229" s="137"/>
      <c r="AJ1229" s="137"/>
      <c r="AK1229" s="137"/>
      <c r="AL1229" s="137"/>
      <c r="AM1229" s="137"/>
      <c r="AN1229" s="137"/>
      <c r="AO1229" s="137"/>
      <c r="AP1229" s="137"/>
      <c r="AQ1229" s="137"/>
      <c r="AR1229" s="137"/>
      <c r="AS1229" s="137"/>
      <c r="AT1229" s="137"/>
      <c r="AU1229" s="137"/>
      <c r="AV1229" s="137"/>
      <c r="AW1229" s="144"/>
    </row>
    <row r="1230" spans="7:49" x14ac:dyDescent="0.2">
      <c r="G1230" s="43"/>
      <c r="Z1230" s="143"/>
      <c r="AA1230" s="137"/>
      <c r="AB1230" s="137"/>
      <c r="AC1230" s="137"/>
      <c r="AD1230" s="137"/>
      <c r="AE1230" s="137"/>
      <c r="AF1230" s="137"/>
      <c r="AG1230" s="137"/>
      <c r="AH1230" s="137"/>
      <c r="AI1230" s="137"/>
      <c r="AJ1230" s="137"/>
      <c r="AK1230" s="137"/>
      <c r="AL1230" s="137"/>
      <c r="AM1230" s="137"/>
      <c r="AN1230" s="137"/>
      <c r="AO1230" s="137"/>
      <c r="AP1230" s="137"/>
      <c r="AQ1230" s="137"/>
      <c r="AR1230" s="137"/>
      <c r="AS1230" s="137"/>
      <c r="AT1230" s="137"/>
      <c r="AU1230" s="137"/>
      <c r="AV1230" s="137"/>
      <c r="AW1230" s="144"/>
    </row>
    <row r="1231" spans="7:49" x14ac:dyDescent="0.2">
      <c r="G1231" s="43"/>
      <c r="Z1231" s="143"/>
      <c r="AA1231" s="137"/>
      <c r="AB1231" s="137"/>
      <c r="AC1231" s="137"/>
      <c r="AD1231" s="137"/>
      <c r="AE1231" s="137"/>
      <c r="AF1231" s="137"/>
      <c r="AG1231" s="137"/>
      <c r="AH1231" s="137"/>
      <c r="AI1231" s="137"/>
      <c r="AJ1231" s="137"/>
      <c r="AK1231" s="137"/>
      <c r="AL1231" s="137"/>
      <c r="AM1231" s="137"/>
      <c r="AN1231" s="137"/>
      <c r="AO1231" s="137"/>
      <c r="AP1231" s="137"/>
      <c r="AQ1231" s="137"/>
      <c r="AR1231" s="137"/>
      <c r="AS1231" s="137"/>
      <c r="AT1231" s="137"/>
      <c r="AU1231" s="137"/>
      <c r="AV1231" s="137"/>
      <c r="AW1231" s="144"/>
    </row>
    <row r="1232" spans="7:49" x14ac:dyDescent="0.2">
      <c r="G1232" s="43"/>
      <c r="Z1232" s="143"/>
      <c r="AA1232" s="137"/>
      <c r="AB1232" s="137"/>
      <c r="AC1232" s="137"/>
      <c r="AD1232" s="137"/>
      <c r="AE1232" s="137"/>
      <c r="AF1232" s="137"/>
      <c r="AG1232" s="137"/>
      <c r="AH1232" s="137"/>
      <c r="AI1232" s="137"/>
      <c r="AJ1232" s="137"/>
      <c r="AK1232" s="137"/>
      <c r="AL1232" s="137"/>
      <c r="AM1232" s="137"/>
      <c r="AN1232" s="137"/>
      <c r="AO1232" s="137"/>
      <c r="AP1232" s="137"/>
      <c r="AQ1232" s="137"/>
      <c r="AR1232" s="137"/>
      <c r="AS1232" s="137"/>
      <c r="AT1232" s="137"/>
      <c r="AU1232" s="137"/>
      <c r="AV1232" s="137"/>
      <c r="AW1232" s="144"/>
    </row>
    <row r="1233" spans="7:49" x14ac:dyDescent="0.2">
      <c r="G1233" s="43"/>
      <c r="Z1233" s="143"/>
      <c r="AA1233" s="137"/>
      <c r="AB1233" s="137"/>
      <c r="AC1233" s="137"/>
      <c r="AD1233" s="137"/>
      <c r="AE1233" s="137"/>
      <c r="AF1233" s="137"/>
      <c r="AG1233" s="137"/>
      <c r="AH1233" s="137"/>
      <c r="AI1233" s="137"/>
      <c r="AJ1233" s="137"/>
      <c r="AK1233" s="137"/>
      <c r="AL1233" s="137"/>
      <c r="AM1233" s="137"/>
      <c r="AN1233" s="137"/>
      <c r="AO1233" s="137"/>
      <c r="AP1233" s="137"/>
      <c r="AQ1233" s="137"/>
      <c r="AR1233" s="137"/>
      <c r="AS1233" s="137"/>
      <c r="AT1233" s="137"/>
      <c r="AU1233" s="137"/>
      <c r="AV1233" s="137"/>
      <c r="AW1233" s="144"/>
    </row>
    <row r="1234" spans="7:49" x14ac:dyDescent="0.2">
      <c r="G1234" s="43"/>
      <c r="Z1234" s="143"/>
      <c r="AA1234" s="137"/>
      <c r="AB1234" s="137"/>
      <c r="AC1234" s="137"/>
      <c r="AD1234" s="137"/>
      <c r="AE1234" s="137"/>
      <c r="AF1234" s="137"/>
      <c r="AG1234" s="137"/>
      <c r="AH1234" s="137"/>
      <c r="AI1234" s="137"/>
      <c r="AJ1234" s="137"/>
      <c r="AK1234" s="137"/>
      <c r="AL1234" s="137"/>
      <c r="AM1234" s="137"/>
      <c r="AN1234" s="137"/>
      <c r="AO1234" s="137"/>
      <c r="AP1234" s="137"/>
      <c r="AQ1234" s="137"/>
      <c r="AR1234" s="137"/>
      <c r="AS1234" s="137"/>
      <c r="AT1234" s="137"/>
      <c r="AU1234" s="137"/>
      <c r="AV1234" s="137"/>
      <c r="AW1234" s="144"/>
    </row>
    <row r="1235" spans="7:49" x14ac:dyDescent="0.2">
      <c r="G1235" s="43"/>
      <c r="Z1235" s="143"/>
      <c r="AA1235" s="137"/>
      <c r="AB1235" s="137"/>
      <c r="AC1235" s="137"/>
      <c r="AD1235" s="137"/>
      <c r="AE1235" s="137"/>
      <c r="AF1235" s="137"/>
      <c r="AG1235" s="137"/>
      <c r="AH1235" s="137"/>
      <c r="AI1235" s="137"/>
      <c r="AJ1235" s="137"/>
      <c r="AK1235" s="137"/>
      <c r="AL1235" s="137"/>
      <c r="AM1235" s="137"/>
      <c r="AN1235" s="137"/>
      <c r="AO1235" s="137"/>
      <c r="AP1235" s="137"/>
      <c r="AQ1235" s="137"/>
      <c r="AR1235" s="137"/>
      <c r="AS1235" s="137"/>
      <c r="AT1235" s="137"/>
      <c r="AU1235" s="137"/>
      <c r="AV1235" s="137"/>
      <c r="AW1235" s="144"/>
    </row>
    <row r="1236" spans="7:49" x14ac:dyDescent="0.2">
      <c r="G1236" s="43"/>
      <c r="Z1236" s="143"/>
      <c r="AA1236" s="137"/>
      <c r="AB1236" s="137"/>
      <c r="AC1236" s="137"/>
      <c r="AD1236" s="137"/>
      <c r="AE1236" s="137"/>
      <c r="AF1236" s="137"/>
      <c r="AG1236" s="137"/>
      <c r="AH1236" s="137"/>
      <c r="AI1236" s="137"/>
      <c r="AJ1236" s="137"/>
      <c r="AK1236" s="137"/>
      <c r="AL1236" s="137"/>
      <c r="AM1236" s="137"/>
      <c r="AN1236" s="137"/>
      <c r="AO1236" s="137"/>
      <c r="AP1236" s="137"/>
      <c r="AQ1236" s="137"/>
      <c r="AR1236" s="137"/>
      <c r="AS1236" s="137"/>
      <c r="AT1236" s="137"/>
      <c r="AU1236" s="137"/>
      <c r="AV1236" s="137"/>
      <c r="AW1236" s="144"/>
    </row>
    <row r="1237" spans="7:49" x14ac:dyDescent="0.2">
      <c r="G1237" s="43"/>
      <c r="Z1237" s="143"/>
      <c r="AA1237" s="137"/>
      <c r="AB1237" s="137"/>
      <c r="AC1237" s="137"/>
      <c r="AD1237" s="137"/>
      <c r="AE1237" s="137"/>
      <c r="AF1237" s="137"/>
      <c r="AG1237" s="137"/>
      <c r="AH1237" s="137"/>
      <c r="AI1237" s="137"/>
      <c r="AJ1237" s="137"/>
      <c r="AK1237" s="137"/>
      <c r="AL1237" s="137"/>
      <c r="AM1237" s="137"/>
      <c r="AN1237" s="137"/>
      <c r="AO1237" s="137"/>
      <c r="AP1237" s="137"/>
      <c r="AQ1237" s="137"/>
      <c r="AR1237" s="137"/>
      <c r="AS1237" s="137"/>
      <c r="AT1237" s="137"/>
      <c r="AU1237" s="137"/>
      <c r="AV1237" s="137"/>
      <c r="AW1237" s="144"/>
    </row>
    <row r="1238" spans="7:49" x14ac:dyDescent="0.2">
      <c r="G1238" s="43"/>
      <c r="Z1238" s="143"/>
      <c r="AA1238" s="137"/>
      <c r="AB1238" s="137"/>
      <c r="AC1238" s="137"/>
      <c r="AD1238" s="137"/>
      <c r="AE1238" s="137"/>
      <c r="AF1238" s="137"/>
      <c r="AG1238" s="137"/>
      <c r="AH1238" s="137"/>
      <c r="AI1238" s="137"/>
      <c r="AJ1238" s="137"/>
      <c r="AK1238" s="137"/>
      <c r="AL1238" s="137"/>
      <c r="AM1238" s="137"/>
      <c r="AN1238" s="137"/>
      <c r="AO1238" s="137"/>
      <c r="AP1238" s="137"/>
      <c r="AQ1238" s="137"/>
      <c r="AR1238" s="137"/>
      <c r="AS1238" s="137"/>
      <c r="AT1238" s="137"/>
      <c r="AU1238" s="137"/>
      <c r="AV1238" s="137"/>
      <c r="AW1238" s="144"/>
    </row>
    <row r="1239" spans="7:49" x14ac:dyDescent="0.2">
      <c r="G1239" s="43"/>
      <c r="Z1239" s="143"/>
      <c r="AA1239" s="137"/>
      <c r="AB1239" s="137"/>
      <c r="AC1239" s="137"/>
      <c r="AD1239" s="137"/>
      <c r="AE1239" s="137"/>
      <c r="AF1239" s="137"/>
      <c r="AG1239" s="137"/>
      <c r="AH1239" s="137"/>
      <c r="AI1239" s="137"/>
      <c r="AJ1239" s="137"/>
      <c r="AK1239" s="137"/>
      <c r="AL1239" s="137"/>
      <c r="AM1239" s="137"/>
      <c r="AN1239" s="137"/>
      <c r="AO1239" s="137"/>
      <c r="AP1239" s="137"/>
      <c r="AQ1239" s="137"/>
      <c r="AR1239" s="137"/>
      <c r="AS1239" s="137"/>
      <c r="AT1239" s="137"/>
      <c r="AU1239" s="137"/>
      <c r="AV1239" s="137"/>
      <c r="AW1239" s="144"/>
    </row>
    <row r="1240" spans="7:49" x14ac:dyDescent="0.2">
      <c r="G1240" s="43"/>
      <c r="Z1240" s="143"/>
      <c r="AA1240" s="137"/>
      <c r="AB1240" s="137"/>
      <c r="AC1240" s="137"/>
      <c r="AD1240" s="137"/>
      <c r="AE1240" s="137"/>
      <c r="AF1240" s="137"/>
      <c r="AG1240" s="137"/>
      <c r="AH1240" s="137"/>
      <c r="AI1240" s="137"/>
      <c r="AJ1240" s="137"/>
      <c r="AK1240" s="137"/>
      <c r="AL1240" s="137"/>
      <c r="AM1240" s="137"/>
      <c r="AN1240" s="137"/>
      <c r="AO1240" s="137"/>
      <c r="AP1240" s="137"/>
      <c r="AQ1240" s="137"/>
      <c r="AR1240" s="137"/>
      <c r="AS1240" s="137"/>
      <c r="AT1240" s="137"/>
      <c r="AU1240" s="137"/>
      <c r="AV1240" s="137"/>
      <c r="AW1240" s="144"/>
    </row>
    <row r="1241" spans="7:49" x14ac:dyDescent="0.2">
      <c r="G1241" s="43"/>
      <c r="Z1241" s="143"/>
      <c r="AA1241" s="137"/>
      <c r="AB1241" s="137"/>
      <c r="AC1241" s="137"/>
      <c r="AD1241" s="137"/>
      <c r="AE1241" s="137"/>
      <c r="AF1241" s="137"/>
      <c r="AG1241" s="137"/>
      <c r="AH1241" s="137"/>
      <c r="AI1241" s="137"/>
      <c r="AJ1241" s="137"/>
      <c r="AK1241" s="137"/>
      <c r="AL1241" s="137"/>
      <c r="AM1241" s="137"/>
      <c r="AN1241" s="137"/>
      <c r="AO1241" s="137"/>
      <c r="AP1241" s="137"/>
      <c r="AQ1241" s="137"/>
      <c r="AR1241" s="137"/>
      <c r="AS1241" s="137"/>
      <c r="AT1241" s="137"/>
      <c r="AU1241" s="137"/>
      <c r="AV1241" s="137"/>
      <c r="AW1241" s="144"/>
    </row>
    <row r="1242" spans="7:49" x14ac:dyDescent="0.2">
      <c r="G1242" s="43"/>
      <c r="Z1242" s="143"/>
      <c r="AA1242" s="137"/>
      <c r="AB1242" s="137"/>
      <c r="AC1242" s="137"/>
      <c r="AD1242" s="137"/>
      <c r="AE1242" s="137"/>
      <c r="AF1242" s="137"/>
      <c r="AG1242" s="137"/>
      <c r="AH1242" s="137"/>
      <c r="AI1242" s="137"/>
      <c r="AJ1242" s="137"/>
      <c r="AK1242" s="137"/>
      <c r="AL1242" s="137"/>
      <c r="AM1242" s="137"/>
      <c r="AN1242" s="137"/>
      <c r="AO1242" s="137"/>
      <c r="AP1242" s="137"/>
      <c r="AQ1242" s="137"/>
      <c r="AR1242" s="137"/>
      <c r="AS1242" s="137"/>
      <c r="AT1242" s="137"/>
      <c r="AU1242" s="137"/>
      <c r="AV1242" s="137"/>
      <c r="AW1242" s="144"/>
    </row>
    <row r="1243" spans="7:49" x14ac:dyDescent="0.2">
      <c r="G1243" s="43"/>
      <c r="Z1243" s="143"/>
      <c r="AA1243" s="137"/>
      <c r="AB1243" s="137"/>
      <c r="AC1243" s="137"/>
      <c r="AD1243" s="137"/>
      <c r="AE1243" s="137"/>
      <c r="AF1243" s="137"/>
      <c r="AG1243" s="137"/>
      <c r="AH1243" s="137"/>
      <c r="AI1243" s="137"/>
      <c r="AJ1243" s="137"/>
      <c r="AK1243" s="137"/>
      <c r="AL1243" s="137"/>
      <c r="AM1243" s="137"/>
      <c r="AN1243" s="137"/>
      <c r="AO1243" s="137"/>
      <c r="AP1243" s="137"/>
      <c r="AQ1243" s="137"/>
      <c r="AR1243" s="137"/>
      <c r="AS1243" s="137"/>
      <c r="AT1243" s="137"/>
      <c r="AU1243" s="137"/>
      <c r="AV1243" s="137"/>
      <c r="AW1243" s="144"/>
    </row>
    <row r="1244" spans="7:49" x14ac:dyDescent="0.2">
      <c r="G1244" s="43"/>
      <c r="Z1244" s="143"/>
      <c r="AA1244" s="137"/>
      <c r="AB1244" s="137"/>
      <c r="AC1244" s="137"/>
      <c r="AD1244" s="137"/>
      <c r="AE1244" s="137"/>
      <c r="AF1244" s="137"/>
      <c r="AG1244" s="137"/>
      <c r="AH1244" s="137"/>
      <c r="AI1244" s="137"/>
      <c r="AJ1244" s="137"/>
      <c r="AK1244" s="137"/>
      <c r="AL1244" s="137"/>
      <c r="AM1244" s="137"/>
      <c r="AN1244" s="137"/>
      <c r="AO1244" s="137"/>
      <c r="AP1244" s="137"/>
      <c r="AQ1244" s="137"/>
      <c r="AR1244" s="137"/>
      <c r="AS1244" s="137"/>
      <c r="AT1244" s="137"/>
      <c r="AU1244" s="137"/>
      <c r="AV1244" s="137"/>
      <c r="AW1244" s="144"/>
    </row>
    <row r="1245" spans="7:49" x14ac:dyDescent="0.2">
      <c r="G1245" s="43"/>
      <c r="Z1245" s="143"/>
      <c r="AA1245" s="137"/>
      <c r="AB1245" s="137"/>
      <c r="AC1245" s="137"/>
      <c r="AD1245" s="137"/>
      <c r="AE1245" s="137"/>
      <c r="AF1245" s="137"/>
      <c r="AG1245" s="137"/>
      <c r="AH1245" s="137"/>
      <c r="AI1245" s="137"/>
      <c r="AJ1245" s="137"/>
      <c r="AK1245" s="137"/>
      <c r="AL1245" s="137"/>
      <c r="AM1245" s="137"/>
      <c r="AN1245" s="137"/>
      <c r="AO1245" s="137"/>
      <c r="AP1245" s="137"/>
      <c r="AQ1245" s="137"/>
      <c r="AR1245" s="137"/>
      <c r="AS1245" s="137"/>
      <c r="AT1245" s="137"/>
      <c r="AU1245" s="137"/>
      <c r="AV1245" s="137"/>
      <c r="AW1245" s="144"/>
    </row>
    <row r="1246" spans="7:49" x14ac:dyDescent="0.2">
      <c r="G1246" s="43"/>
      <c r="Z1246" s="143"/>
      <c r="AA1246" s="137"/>
      <c r="AB1246" s="137"/>
      <c r="AC1246" s="137"/>
      <c r="AD1246" s="137"/>
      <c r="AE1246" s="137"/>
      <c r="AF1246" s="137"/>
      <c r="AG1246" s="137"/>
      <c r="AH1246" s="137"/>
      <c r="AI1246" s="137"/>
      <c r="AJ1246" s="137"/>
      <c r="AK1246" s="137"/>
      <c r="AL1246" s="137"/>
      <c r="AM1246" s="137"/>
      <c r="AN1246" s="137"/>
      <c r="AO1246" s="137"/>
      <c r="AP1246" s="137"/>
      <c r="AQ1246" s="137"/>
      <c r="AR1246" s="137"/>
      <c r="AS1246" s="137"/>
      <c r="AT1246" s="137"/>
      <c r="AU1246" s="137"/>
      <c r="AV1246" s="137"/>
      <c r="AW1246" s="144"/>
    </row>
    <row r="1247" spans="7:49" x14ac:dyDescent="0.2">
      <c r="G1247" s="43"/>
      <c r="Z1247" s="143"/>
      <c r="AA1247" s="137"/>
      <c r="AB1247" s="137"/>
      <c r="AC1247" s="137"/>
      <c r="AD1247" s="137"/>
      <c r="AE1247" s="137"/>
      <c r="AF1247" s="137"/>
      <c r="AG1247" s="137"/>
      <c r="AH1247" s="137"/>
      <c r="AI1247" s="137"/>
      <c r="AJ1247" s="137"/>
      <c r="AK1247" s="137"/>
      <c r="AL1247" s="137"/>
      <c r="AM1247" s="137"/>
      <c r="AN1247" s="137"/>
      <c r="AO1247" s="137"/>
      <c r="AP1247" s="137"/>
      <c r="AQ1247" s="137"/>
      <c r="AR1247" s="137"/>
      <c r="AS1247" s="137"/>
      <c r="AT1247" s="137"/>
      <c r="AU1247" s="137"/>
      <c r="AV1247" s="137"/>
      <c r="AW1247" s="144"/>
    </row>
    <row r="1248" spans="7:49" x14ac:dyDescent="0.2">
      <c r="G1248" s="43"/>
      <c r="Z1248" s="143"/>
      <c r="AA1248" s="137"/>
      <c r="AB1248" s="137"/>
      <c r="AC1248" s="137"/>
      <c r="AD1248" s="137"/>
      <c r="AE1248" s="137"/>
      <c r="AF1248" s="137"/>
      <c r="AG1248" s="137"/>
      <c r="AH1248" s="137"/>
      <c r="AI1248" s="137"/>
      <c r="AJ1248" s="137"/>
      <c r="AK1248" s="137"/>
      <c r="AL1248" s="137"/>
      <c r="AM1248" s="137"/>
      <c r="AN1248" s="137"/>
      <c r="AO1248" s="137"/>
      <c r="AP1248" s="137"/>
      <c r="AQ1248" s="137"/>
      <c r="AR1248" s="137"/>
      <c r="AS1248" s="137"/>
      <c r="AT1248" s="137"/>
      <c r="AU1248" s="137"/>
      <c r="AV1248" s="137"/>
      <c r="AW1248" s="144"/>
    </row>
    <row r="1249" spans="7:49" x14ac:dyDescent="0.2">
      <c r="G1249" s="43"/>
      <c r="Z1249" s="143"/>
      <c r="AA1249" s="137"/>
      <c r="AB1249" s="137"/>
      <c r="AC1249" s="137"/>
      <c r="AD1249" s="137"/>
      <c r="AE1249" s="137"/>
      <c r="AF1249" s="137"/>
      <c r="AG1249" s="137"/>
      <c r="AH1249" s="137"/>
      <c r="AI1249" s="137"/>
      <c r="AJ1249" s="137"/>
      <c r="AK1249" s="137"/>
      <c r="AL1249" s="137"/>
      <c r="AM1249" s="137"/>
      <c r="AN1249" s="137"/>
      <c r="AO1249" s="137"/>
      <c r="AP1249" s="137"/>
      <c r="AQ1249" s="137"/>
      <c r="AR1249" s="137"/>
      <c r="AS1249" s="137"/>
      <c r="AT1249" s="137"/>
      <c r="AU1249" s="137"/>
      <c r="AV1249" s="137"/>
      <c r="AW1249" s="144"/>
    </row>
    <row r="1250" spans="7:49" x14ac:dyDescent="0.2">
      <c r="G1250" s="43"/>
      <c r="Z1250" s="143"/>
      <c r="AA1250" s="137"/>
      <c r="AB1250" s="137"/>
      <c r="AC1250" s="137"/>
      <c r="AD1250" s="137"/>
      <c r="AE1250" s="137"/>
      <c r="AF1250" s="137"/>
      <c r="AG1250" s="137"/>
      <c r="AH1250" s="137"/>
      <c r="AI1250" s="137"/>
      <c r="AJ1250" s="137"/>
      <c r="AK1250" s="137"/>
      <c r="AL1250" s="137"/>
      <c r="AM1250" s="137"/>
      <c r="AN1250" s="137"/>
      <c r="AO1250" s="137"/>
      <c r="AP1250" s="137"/>
      <c r="AQ1250" s="137"/>
      <c r="AR1250" s="137"/>
      <c r="AS1250" s="137"/>
      <c r="AT1250" s="137"/>
      <c r="AU1250" s="137"/>
      <c r="AV1250" s="137"/>
      <c r="AW1250" s="144"/>
    </row>
    <row r="1251" spans="7:49" x14ac:dyDescent="0.2">
      <c r="G1251" s="43"/>
      <c r="Z1251" s="143"/>
      <c r="AA1251" s="137"/>
      <c r="AB1251" s="137"/>
      <c r="AC1251" s="137"/>
      <c r="AD1251" s="137"/>
      <c r="AE1251" s="137"/>
      <c r="AF1251" s="137"/>
      <c r="AG1251" s="137"/>
      <c r="AH1251" s="137"/>
      <c r="AI1251" s="137"/>
      <c r="AJ1251" s="137"/>
      <c r="AK1251" s="137"/>
      <c r="AL1251" s="137"/>
      <c r="AM1251" s="137"/>
      <c r="AN1251" s="137"/>
      <c r="AO1251" s="137"/>
      <c r="AP1251" s="137"/>
      <c r="AQ1251" s="137"/>
      <c r="AR1251" s="137"/>
      <c r="AS1251" s="137"/>
      <c r="AT1251" s="137"/>
      <c r="AU1251" s="137"/>
      <c r="AV1251" s="137"/>
      <c r="AW1251" s="144"/>
    </row>
    <row r="1252" spans="7:49" x14ac:dyDescent="0.2">
      <c r="G1252" s="43"/>
      <c r="Z1252" s="143"/>
      <c r="AA1252" s="137"/>
      <c r="AB1252" s="137"/>
      <c r="AC1252" s="137"/>
      <c r="AD1252" s="137"/>
      <c r="AE1252" s="137"/>
      <c r="AF1252" s="137"/>
      <c r="AG1252" s="137"/>
      <c r="AH1252" s="137"/>
      <c r="AI1252" s="137"/>
      <c r="AJ1252" s="137"/>
      <c r="AK1252" s="137"/>
      <c r="AL1252" s="137"/>
      <c r="AM1252" s="137"/>
      <c r="AN1252" s="137"/>
      <c r="AO1252" s="137"/>
      <c r="AP1252" s="137"/>
      <c r="AQ1252" s="137"/>
      <c r="AR1252" s="137"/>
      <c r="AS1252" s="137"/>
      <c r="AT1252" s="137"/>
      <c r="AU1252" s="137"/>
      <c r="AV1252" s="137"/>
      <c r="AW1252" s="144"/>
    </row>
    <row r="1253" spans="7:49" x14ac:dyDescent="0.2">
      <c r="G1253" s="43"/>
      <c r="Z1253" s="143"/>
      <c r="AA1253" s="137"/>
      <c r="AB1253" s="137"/>
      <c r="AC1253" s="137"/>
      <c r="AD1253" s="137"/>
      <c r="AE1253" s="137"/>
      <c r="AF1253" s="137"/>
      <c r="AG1253" s="137"/>
      <c r="AH1253" s="137"/>
      <c r="AI1253" s="137"/>
      <c r="AJ1253" s="137"/>
      <c r="AK1253" s="137"/>
      <c r="AL1253" s="137"/>
      <c r="AM1253" s="137"/>
      <c r="AN1253" s="137"/>
      <c r="AO1253" s="137"/>
      <c r="AP1253" s="137"/>
      <c r="AQ1253" s="137"/>
      <c r="AR1253" s="137"/>
      <c r="AS1253" s="137"/>
      <c r="AT1253" s="137"/>
      <c r="AU1253" s="137"/>
      <c r="AV1253" s="137"/>
      <c r="AW1253" s="144"/>
    </row>
    <row r="1254" spans="7:49" x14ac:dyDescent="0.2">
      <c r="G1254" s="43"/>
      <c r="Z1254" s="143"/>
      <c r="AA1254" s="137"/>
      <c r="AB1254" s="137"/>
      <c r="AC1254" s="137"/>
      <c r="AD1254" s="137"/>
      <c r="AE1254" s="137"/>
      <c r="AF1254" s="137"/>
      <c r="AG1254" s="137"/>
      <c r="AH1254" s="137"/>
      <c r="AI1254" s="137"/>
      <c r="AJ1254" s="137"/>
      <c r="AK1254" s="137"/>
      <c r="AL1254" s="137"/>
      <c r="AM1254" s="137"/>
      <c r="AN1254" s="137"/>
      <c r="AO1254" s="137"/>
      <c r="AP1254" s="137"/>
      <c r="AQ1254" s="137"/>
      <c r="AR1254" s="137"/>
      <c r="AS1254" s="137"/>
      <c r="AT1254" s="137"/>
      <c r="AU1254" s="137"/>
      <c r="AV1254" s="137"/>
      <c r="AW1254" s="144"/>
    </row>
    <row r="1255" spans="7:49" x14ac:dyDescent="0.2">
      <c r="G1255" s="43"/>
      <c r="Z1255" s="143"/>
      <c r="AA1255" s="137"/>
      <c r="AB1255" s="137"/>
      <c r="AC1255" s="137"/>
      <c r="AD1255" s="137"/>
      <c r="AE1255" s="137"/>
      <c r="AF1255" s="137"/>
      <c r="AG1255" s="137"/>
      <c r="AH1255" s="137"/>
      <c r="AI1255" s="137"/>
      <c r="AJ1255" s="137"/>
      <c r="AK1255" s="137"/>
      <c r="AL1255" s="137"/>
      <c r="AM1255" s="137"/>
      <c r="AN1255" s="137"/>
      <c r="AO1255" s="137"/>
      <c r="AP1255" s="137"/>
      <c r="AQ1255" s="137"/>
      <c r="AR1255" s="137"/>
      <c r="AS1255" s="137"/>
      <c r="AT1255" s="137"/>
      <c r="AU1255" s="137"/>
      <c r="AV1255" s="137"/>
      <c r="AW1255" s="144"/>
    </row>
    <row r="1256" spans="7:49" x14ac:dyDescent="0.2">
      <c r="G1256" s="43"/>
      <c r="Z1256" s="143"/>
      <c r="AA1256" s="137"/>
      <c r="AB1256" s="137"/>
      <c r="AC1256" s="137"/>
      <c r="AD1256" s="137"/>
      <c r="AE1256" s="137"/>
      <c r="AF1256" s="137"/>
      <c r="AG1256" s="137"/>
      <c r="AH1256" s="137"/>
      <c r="AI1256" s="137"/>
      <c r="AJ1256" s="137"/>
      <c r="AK1256" s="137"/>
      <c r="AL1256" s="137"/>
      <c r="AM1256" s="137"/>
      <c r="AN1256" s="137"/>
      <c r="AO1256" s="137"/>
      <c r="AP1256" s="137"/>
      <c r="AQ1256" s="137"/>
      <c r="AR1256" s="137"/>
      <c r="AS1256" s="137"/>
      <c r="AT1256" s="137"/>
      <c r="AU1256" s="137"/>
      <c r="AV1256" s="137"/>
      <c r="AW1256" s="144"/>
    </row>
    <row r="1257" spans="7:49" x14ac:dyDescent="0.2">
      <c r="G1257" s="43"/>
      <c r="Z1257" s="143"/>
      <c r="AA1257" s="137"/>
      <c r="AB1257" s="137"/>
      <c r="AC1257" s="137"/>
      <c r="AD1257" s="137"/>
      <c r="AE1257" s="137"/>
      <c r="AF1257" s="137"/>
      <c r="AG1257" s="137"/>
      <c r="AH1257" s="137"/>
      <c r="AI1257" s="137"/>
      <c r="AJ1257" s="137"/>
      <c r="AK1257" s="137"/>
      <c r="AL1257" s="137"/>
      <c r="AM1257" s="137"/>
      <c r="AN1257" s="137"/>
      <c r="AO1257" s="137"/>
      <c r="AP1257" s="137"/>
      <c r="AQ1257" s="137"/>
      <c r="AR1257" s="137"/>
      <c r="AS1257" s="137"/>
      <c r="AT1257" s="137"/>
      <c r="AU1257" s="137"/>
      <c r="AV1257" s="137"/>
      <c r="AW1257" s="144"/>
    </row>
    <row r="1258" spans="7:49" x14ac:dyDescent="0.2">
      <c r="G1258" s="43"/>
      <c r="Z1258" s="143"/>
      <c r="AA1258" s="137"/>
      <c r="AB1258" s="137"/>
      <c r="AC1258" s="137"/>
      <c r="AD1258" s="137"/>
      <c r="AE1258" s="137"/>
      <c r="AF1258" s="137"/>
      <c r="AG1258" s="137"/>
      <c r="AH1258" s="137"/>
      <c r="AI1258" s="137"/>
      <c r="AJ1258" s="137"/>
      <c r="AK1258" s="137"/>
      <c r="AL1258" s="137"/>
      <c r="AM1258" s="137"/>
      <c r="AN1258" s="137"/>
      <c r="AO1258" s="137"/>
      <c r="AP1258" s="137"/>
      <c r="AQ1258" s="137"/>
      <c r="AR1258" s="137"/>
      <c r="AS1258" s="137"/>
      <c r="AT1258" s="137"/>
      <c r="AU1258" s="137"/>
      <c r="AV1258" s="137"/>
      <c r="AW1258" s="144"/>
    </row>
    <row r="1259" spans="7:49" x14ac:dyDescent="0.2">
      <c r="G1259" s="43"/>
      <c r="Z1259" s="143"/>
      <c r="AA1259" s="137"/>
      <c r="AB1259" s="137"/>
      <c r="AC1259" s="137"/>
      <c r="AD1259" s="137"/>
      <c r="AE1259" s="137"/>
      <c r="AF1259" s="137"/>
      <c r="AG1259" s="137"/>
      <c r="AH1259" s="137"/>
      <c r="AI1259" s="137"/>
      <c r="AJ1259" s="137"/>
      <c r="AK1259" s="137"/>
      <c r="AL1259" s="137"/>
      <c r="AM1259" s="137"/>
      <c r="AN1259" s="137"/>
      <c r="AO1259" s="137"/>
      <c r="AP1259" s="137"/>
      <c r="AQ1259" s="137"/>
      <c r="AR1259" s="137"/>
      <c r="AS1259" s="137"/>
      <c r="AT1259" s="137"/>
      <c r="AU1259" s="137"/>
      <c r="AV1259" s="137"/>
      <c r="AW1259" s="144"/>
    </row>
    <row r="1260" spans="7:49" x14ac:dyDescent="0.2">
      <c r="G1260" s="43"/>
      <c r="Z1260" s="143"/>
      <c r="AA1260" s="137"/>
      <c r="AB1260" s="137"/>
      <c r="AC1260" s="137"/>
      <c r="AD1260" s="137"/>
      <c r="AE1260" s="137"/>
      <c r="AF1260" s="137"/>
      <c r="AG1260" s="137"/>
      <c r="AH1260" s="137"/>
      <c r="AI1260" s="137"/>
      <c r="AJ1260" s="137"/>
      <c r="AK1260" s="137"/>
      <c r="AL1260" s="137"/>
      <c r="AM1260" s="137"/>
      <c r="AN1260" s="137"/>
      <c r="AO1260" s="137"/>
      <c r="AP1260" s="137"/>
      <c r="AQ1260" s="137"/>
      <c r="AR1260" s="137"/>
      <c r="AS1260" s="137"/>
      <c r="AT1260" s="137"/>
      <c r="AU1260" s="137"/>
      <c r="AV1260" s="137"/>
      <c r="AW1260" s="144"/>
    </row>
    <row r="1261" spans="7:49" x14ac:dyDescent="0.2">
      <c r="G1261" s="43"/>
      <c r="Z1261" s="143"/>
      <c r="AA1261" s="137"/>
      <c r="AB1261" s="137"/>
      <c r="AC1261" s="137"/>
      <c r="AD1261" s="137"/>
      <c r="AE1261" s="137"/>
      <c r="AF1261" s="137"/>
      <c r="AG1261" s="137"/>
      <c r="AH1261" s="137"/>
      <c r="AI1261" s="137"/>
      <c r="AJ1261" s="137"/>
      <c r="AK1261" s="137"/>
      <c r="AL1261" s="137"/>
      <c r="AM1261" s="137"/>
      <c r="AN1261" s="137"/>
      <c r="AO1261" s="137"/>
      <c r="AP1261" s="137"/>
      <c r="AQ1261" s="137"/>
      <c r="AR1261" s="137"/>
      <c r="AS1261" s="137"/>
      <c r="AT1261" s="137"/>
      <c r="AU1261" s="137"/>
      <c r="AV1261" s="137"/>
      <c r="AW1261" s="144"/>
    </row>
    <row r="1262" spans="7:49" x14ac:dyDescent="0.2">
      <c r="G1262" s="43"/>
      <c r="Z1262" s="143"/>
      <c r="AA1262" s="137"/>
      <c r="AB1262" s="137"/>
      <c r="AC1262" s="137"/>
      <c r="AD1262" s="137"/>
      <c r="AE1262" s="137"/>
      <c r="AF1262" s="137"/>
      <c r="AG1262" s="137"/>
      <c r="AH1262" s="137"/>
      <c r="AI1262" s="137"/>
      <c r="AJ1262" s="137"/>
      <c r="AK1262" s="137"/>
      <c r="AL1262" s="137"/>
      <c r="AM1262" s="137"/>
      <c r="AN1262" s="137"/>
      <c r="AO1262" s="137"/>
      <c r="AP1262" s="137"/>
      <c r="AQ1262" s="137"/>
      <c r="AR1262" s="137"/>
      <c r="AS1262" s="137"/>
      <c r="AT1262" s="137"/>
      <c r="AU1262" s="137"/>
      <c r="AV1262" s="137"/>
      <c r="AW1262" s="144"/>
    </row>
    <row r="1263" spans="7:49" x14ac:dyDescent="0.2">
      <c r="G1263" s="43"/>
      <c r="Z1263" s="143"/>
      <c r="AA1263" s="137"/>
      <c r="AB1263" s="137"/>
      <c r="AC1263" s="137"/>
      <c r="AD1263" s="137"/>
      <c r="AE1263" s="137"/>
      <c r="AF1263" s="137"/>
      <c r="AG1263" s="137"/>
      <c r="AH1263" s="137"/>
      <c r="AI1263" s="137"/>
      <c r="AJ1263" s="137"/>
      <c r="AK1263" s="137"/>
      <c r="AL1263" s="137"/>
      <c r="AM1263" s="137"/>
      <c r="AN1263" s="137"/>
      <c r="AO1263" s="137"/>
      <c r="AP1263" s="137"/>
      <c r="AQ1263" s="137"/>
      <c r="AR1263" s="137"/>
      <c r="AS1263" s="137"/>
      <c r="AT1263" s="137"/>
      <c r="AU1263" s="137"/>
      <c r="AV1263" s="137"/>
      <c r="AW1263" s="144"/>
    </row>
    <row r="1264" spans="7:49" x14ac:dyDescent="0.2">
      <c r="G1264" s="43"/>
      <c r="Z1264" s="143"/>
      <c r="AA1264" s="137"/>
      <c r="AB1264" s="137"/>
      <c r="AC1264" s="137"/>
      <c r="AD1264" s="137"/>
      <c r="AE1264" s="137"/>
      <c r="AF1264" s="137"/>
      <c r="AG1264" s="137"/>
      <c r="AH1264" s="137"/>
      <c r="AI1264" s="137"/>
      <c r="AJ1264" s="137"/>
      <c r="AK1264" s="137"/>
      <c r="AL1264" s="137"/>
      <c r="AM1264" s="137"/>
      <c r="AN1264" s="137"/>
      <c r="AO1264" s="137"/>
      <c r="AP1264" s="137"/>
      <c r="AQ1264" s="137"/>
      <c r="AR1264" s="137"/>
      <c r="AS1264" s="137"/>
      <c r="AT1264" s="137"/>
      <c r="AU1264" s="137"/>
      <c r="AV1264" s="137"/>
      <c r="AW1264" s="144"/>
    </row>
    <row r="1265" spans="7:49" x14ac:dyDescent="0.2">
      <c r="G1265" s="43"/>
      <c r="Z1265" s="143"/>
      <c r="AA1265" s="137"/>
      <c r="AB1265" s="137"/>
      <c r="AC1265" s="137"/>
      <c r="AD1265" s="137"/>
      <c r="AE1265" s="137"/>
      <c r="AF1265" s="137"/>
      <c r="AG1265" s="137"/>
      <c r="AH1265" s="137"/>
      <c r="AI1265" s="137"/>
      <c r="AJ1265" s="137"/>
      <c r="AK1265" s="137"/>
      <c r="AL1265" s="137"/>
      <c r="AM1265" s="137"/>
      <c r="AN1265" s="137"/>
      <c r="AO1265" s="137"/>
      <c r="AP1265" s="137"/>
      <c r="AQ1265" s="137"/>
      <c r="AR1265" s="137"/>
      <c r="AS1265" s="137"/>
      <c r="AT1265" s="137"/>
      <c r="AU1265" s="137"/>
      <c r="AV1265" s="137"/>
      <c r="AW1265" s="144"/>
    </row>
    <row r="1266" spans="7:49" x14ac:dyDescent="0.2">
      <c r="G1266" s="43"/>
      <c r="Z1266" s="143"/>
      <c r="AA1266" s="137"/>
      <c r="AB1266" s="137"/>
      <c r="AC1266" s="137"/>
      <c r="AD1266" s="137"/>
      <c r="AE1266" s="137"/>
      <c r="AF1266" s="137"/>
      <c r="AG1266" s="137"/>
      <c r="AH1266" s="137"/>
      <c r="AI1266" s="137"/>
      <c r="AJ1266" s="137"/>
      <c r="AK1266" s="137"/>
      <c r="AL1266" s="137"/>
      <c r="AM1266" s="137"/>
      <c r="AN1266" s="137"/>
      <c r="AO1266" s="137"/>
      <c r="AP1266" s="137"/>
      <c r="AQ1266" s="137"/>
      <c r="AR1266" s="137"/>
      <c r="AS1266" s="137"/>
      <c r="AT1266" s="137"/>
      <c r="AU1266" s="137"/>
      <c r="AV1266" s="137"/>
      <c r="AW1266" s="144"/>
    </row>
    <row r="1267" spans="7:49" x14ac:dyDescent="0.2">
      <c r="G1267" s="43"/>
      <c r="Z1267" s="143"/>
      <c r="AA1267" s="137"/>
      <c r="AB1267" s="137"/>
      <c r="AC1267" s="137"/>
      <c r="AD1267" s="137"/>
      <c r="AE1267" s="137"/>
      <c r="AF1267" s="137"/>
      <c r="AG1267" s="137"/>
      <c r="AH1267" s="137"/>
      <c r="AI1267" s="137"/>
      <c r="AJ1267" s="137"/>
      <c r="AK1267" s="137"/>
      <c r="AL1267" s="137"/>
      <c r="AM1267" s="137"/>
      <c r="AN1267" s="137"/>
      <c r="AO1267" s="137"/>
      <c r="AP1267" s="137"/>
      <c r="AQ1267" s="137"/>
      <c r="AR1267" s="137"/>
      <c r="AS1267" s="137"/>
      <c r="AT1267" s="137"/>
      <c r="AU1267" s="137"/>
      <c r="AV1267" s="137"/>
      <c r="AW1267" s="144"/>
    </row>
    <row r="1268" spans="7:49" x14ac:dyDescent="0.2">
      <c r="G1268" s="43"/>
      <c r="Z1268" s="143"/>
      <c r="AA1268" s="137"/>
      <c r="AB1268" s="137"/>
      <c r="AC1268" s="137"/>
      <c r="AD1268" s="137"/>
      <c r="AE1268" s="137"/>
      <c r="AF1268" s="137"/>
      <c r="AG1268" s="137"/>
      <c r="AH1268" s="137"/>
      <c r="AI1268" s="137"/>
      <c r="AJ1268" s="137"/>
      <c r="AK1268" s="137"/>
      <c r="AL1268" s="137"/>
      <c r="AM1268" s="137"/>
      <c r="AN1268" s="137"/>
      <c r="AO1268" s="137"/>
      <c r="AP1268" s="137"/>
      <c r="AQ1268" s="137"/>
      <c r="AR1268" s="137"/>
      <c r="AS1268" s="137"/>
      <c r="AT1268" s="137"/>
      <c r="AU1268" s="137"/>
      <c r="AV1268" s="137"/>
      <c r="AW1268" s="144"/>
    </row>
    <row r="1269" spans="7:49" x14ac:dyDescent="0.2">
      <c r="G1269" s="43"/>
      <c r="Z1269" s="143"/>
      <c r="AA1269" s="137"/>
      <c r="AB1269" s="137"/>
      <c r="AC1269" s="137"/>
      <c r="AD1269" s="137"/>
      <c r="AE1269" s="137"/>
      <c r="AF1269" s="137"/>
      <c r="AG1269" s="137"/>
      <c r="AH1269" s="137"/>
      <c r="AI1269" s="137"/>
      <c r="AJ1269" s="137"/>
      <c r="AK1269" s="137"/>
      <c r="AL1269" s="137"/>
      <c r="AM1269" s="137"/>
      <c r="AN1269" s="137"/>
      <c r="AO1269" s="137"/>
      <c r="AP1269" s="137"/>
      <c r="AQ1269" s="137"/>
      <c r="AR1269" s="137"/>
      <c r="AS1269" s="137"/>
      <c r="AT1269" s="137"/>
      <c r="AU1269" s="137"/>
      <c r="AV1269" s="137"/>
      <c r="AW1269" s="144"/>
    </row>
    <row r="1270" spans="7:49" x14ac:dyDescent="0.2">
      <c r="G1270" s="43"/>
      <c r="Z1270" s="143"/>
      <c r="AA1270" s="137"/>
      <c r="AB1270" s="137"/>
      <c r="AC1270" s="137"/>
      <c r="AD1270" s="137"/>
      <c r="AE1270" s="137"/>
      <c r="AF1270" s="137"/>
      <c r="AG1270" s="137"/>
      <c r="AH1270" s="137"/>
      <c r="AI1270" s="137"/>
      <c r="AJ1270" s="137"/>
      <c r="AK1270" s="137"/>
      <c r="AL1270" s="137"/>
      <c r="AM1270" s="137"/>
      <c r="AN1270" s="137"/>
      <c r="AO1270" s="137"/>
      <c r="AP1270" s="137"/>
      <c r="AQ1270" s="137"/>
      <c r="AR1270" s="137"/>
      <c r="AS1270" s="137"/>
      <c r="AT1270" s="137"/>
      <c r="AU1270" s="137"/>
      <c r="AV1270" s="137"/>
      <c r="AW1270" s="144"/>
    </row>
    <row r="1271" spans="7:49" x14ac:dyDescent="0.2">
      <c r="G1271" s="43"/>
      <c r="Z1271" s="143"/>
      <c r="AA1271" s="137"/>
      <c r="AB1271" s="137"/>
      <c r="AC1271" s="137"/>
      <c r="AD1271" s="137"/>
      <c r="AE1271" s="137"/>
      <c r="AF1271" s="137"/>
      <c r="AG1271" s="137"/>
      <c r="AH1271" s="137"/>
      <c r="AI1271" s="137"/>
      <c r="AJ1271" s="137"/>
      <c r="AK1271" s="137"/>
      <c r="AL1271" s="137"/>
      <c r="AM1271" s="137"/>
      <c r="AN1271" s="137"/>
      <c r="AO1271" s="137"/>
      <c r="AP1271" s="137"/>
      <c r="AQ1271" s="137"/>
      <c r="AR1271" s="137"/>
      <c r="AS1271" s="137"/>
      <c r="AT1271" s="137"/>
      <c r="AU1271" s="137"/>
      <c r="AV1271" s="137"/>
      <c r="AW1271" s="144"/>
    </row>
    <row r="1272" spans="7:49" x14ac:dyDescent="0.2">
      <c r="G1272" s="43"/>
      <c r="Z1272" s="143"/>
      <c r="AA1272" s="137"/>
      <c r="AB1272" s="137"/>
      <c r="AC1272" s="137"/>
      <c r="AD1272" s="137"/>
      <c r="AE1272" s="137"/>
      <c r="AF1272" s="137"/>
      <c r="AG1272" s="137"/>
      <c r="AH1272" s="137"/>
      <c r="AI1272" s="137"/>
      <c r="AJ1272" s="137"/>
      <c r="AK1272" s="137"/>
      <c r="AL1272" s="137"/>
      <c r="AM1272" s="137"/>
      <c r="AN1272" s="137"/>
      <c r="AO1272" s="137"/>
      <c r="AP1272" s="137"/>
      <c r="AQ1272" s="137"/>
      <c r="AR1272" s="137"/>
      <c r="AS1272" s="137"/>
      <c r="AT1272" s="137"/>
      <c r="AU1272" s="137"/>
      <c r="AV1272" s="137"/>
      <c r="AW1272" s="144"/>
    </row>
    <row r="1273" spans="7:49" x14ac:dyDescent="0.2">
      <c r="G1273" s="43"/>
      <c r="Z1273" s="143"/>
      <c r="AA1273" s="137"/>
      <c r="AB1273" s="137"/>
      <c r="AC1273" s="137"/>
      <c r="AD1273" s="137"/>
      <c r="AE1273" s="137"/>
      <c r="AF1273" s="137"/>
      <c r="AG1273" s="137"/>
      <c r="AH1273" s="137"/>
      <c r="AI1273" s="137"/>
      <c r="AJ1273" s="137"/>
      <c r="AK1273" s="137"/>
      <c r="AL1273" s="137"/>
      <c r="AM1273" s="137"/>
      <c r="AN1273" s="137"/>
      <c r="AO1273" s="137"/>
      <c r="AP1273" s="137"/>
      <c r="AQ1273" s="137"/>
      <c r="AR1273" s="137"/>
      <c r="AS1273" s="137"/>
      <c r="AT1273" s="137"/>
      <c r="AU1273" s="137"/>
      <c r="AV1273" s="137"/>
      <c r="AW1273" s="144"/>
    </row>
    <row r="1274" spans="7:49" x14ac:dyDescent="0.2">
      <c r="G1274" s="43"/>
      <c r="Z1274" s="143"/>
      <c r="AA1274" s="137"/>
      <c r="AB1274" s="137"/>
      <c r="AC1274" s="137"/>
      <c r="AD1274" s="137"/>
      <c r="AE1274" s="137"/>
      <c r="AF1274" s="137"/>
      <c r="AG1274" s="137"/>
      <c r="AH1274" s="137"/>
      <c r="AI1274" s="137"/>
      <c r="AJ1274" s="137"/>
      <c r="AK1274" s="137"/>
      <c r="AL1274" s="137"/>
      <c r="AM1274" s="137"/>
      <c r="AN1274" s="137"/>
      <c r="AO1274" s="137"/>
      <c r="AP1274" s="137"/>
      <c r="AQ1274" s="137"/>
      <c r="AR1274" s="137"/>
      <c r="AS1274" s="137"/>
      <c r="AT1274" s="137"/>
      <c r="AU1274" s="137"/>
      <c r="AV1274" s="137"/>
      <c r="AW1274" s="144"/>
    </row>
    <row r="1275" spans="7:49" x14ac:dyDescent="0.2">
      <c r="G1275" s="43"/>
      <c r="Z1275" s="143"/>
      <c r="AA1275" s="137"/>
      <c r="AB1275" s="137"/>
      <c r="AC1275" s="137"/>
      <c r="AD1275" s="137"/>
      <c r="AE1275" s="137"/>
      <c r="AF1275" s="137"/>
      <c r="AG1275" s="137"/>
      <c r="AH1275" s="137"/>
      <c r="AI1275" s="137"/>
      <c r="AJ1275" s="137"/>
      <c r="AK1275" s="137"/>
      <c r="AL1275" s="137"/>
      <c r="AM1275" s="137"/>
      <c r="AN1275" s="137"/>
      <c r="AO1275" s="137"/>
      <c r="AP1275" s="137"/>
      <c r="AQ1275" s="137"/>
      <c r="AR1275" s="137"/>
      <c r="AS1275" s="137"/>
      <c r="AT1275" s="137"/>
      <c r="AU1275" s="137"/>
      <c r="AV1275" s="137"/>
      <c r="AW1275" s="144"/>
    </row>
    <row r="1276" spans="7:49" x14ac:dyDescent="0.2">
      <c r="G1276" s="43"/>
      <c r="Z1276" s="143"/>
      <c r="AA1276" s="137"/>
      <c r="AB1276" s="137"/>
      <c r="AC1276" s="137"/>
      <c r="AD1276" s="137"/>
      <c r="AE1276" s="137"/>
      <c r="AF1276" s="137"/>
      <c r="AG1276" s="137"/>
      <c r="AH1276" s="137"/>
      <c r="AI1276" s="137"/>
      <c r="AJ1276" s="137"/>
      <c r="AK1276" s="137"/>
      <c r="AL1276" s="137"/>
      <c r="AM1276" s="137"/>
      <c r="AN1276" s="137"/>
      <c r="AO1276" s="137"/>
      <c r="AP1276" s="137"/>
      <c r="AQ1276" s="137"/>
      <c r="AR1276" s="137"/>
      <c r="AS1276" s="137"/>
      <c r="AT1276" s="137"/>
      <c r="AU1276" s="137"/>
      <c r="AV1276" s="137"/>
      <c r="AW1276" s="144"/>
    </row>
    <row r="1277" spans="7:49" x14ac:dyDescent="0.2">
      <c r="G1277" s="43"/>
      <c r="Z1277" s="143"/>
      <c r="AA1277" s="137"/>
      <c r="AB1277" s="137"/>
      <c r="AC1277" s="137"/>
      <c r="AD1277" s="137"/>
      <c r="AE1277" s="137"/>
      <c r="AF1277" s="137"/>
      <c r="AG1277" s="137"/>
      <c r="AH1277" s="137"/>
      <c r="AI1277" s="137"/>
      <c r="AJ1277" s="137"/>
      <c r="AK1277" s="137"/>
      <c r="AL1277" s="137"/>
      <c r="AM1277" s="137"/>
      <c r="AN1277" s="137"/>
      <c r="AO1277" s="137"/>
      <c r="AP1277" s="137"/>
      <c r="AQ1277" s="137"/>
      <c r="AR1277" s="137"/>
      <c r="AS1277" s="137"/>
      <c r="AT1277" s="137"/>
      <c r="AU1277" s="137"/>
      <c r="AV1277" s="137"/>
      <c r="AW1277" s="144"/>
    </row>
    <row r="1278" spans="7:49" x14ac:dyDescent="0.2">
      <c r="G1278" s="43"/>
      <c r="Z1278" s="143"/>
      <c r="AA1278" s="137"/>
      <c r="AB1278" s="137"/>
      <c r="AC1278" s="137"/>
      <c r="AD1278" s="137"/>
      <c r="AE1278" s="137"/>
      <c r="AF1278" s="137"/>
      <c r="AG1278" s="137"/>
      <c r="AH1278" s="137"/>
      <c r="AI1278" s="137"/>
      <c r="AJ1278" s="137"/>
      <c r="AK1278" s="137"/>
      <c r="AL1278" s="137"/>
      <c r="AM1278" s="137"/>
      <c r="AN1278" s="137"/>
      <c r="AO1278" s="137"/>
      <c r="AP1278" s="137"/>
      <c r="AQ1278" s="137"/>
      <c r="AR1278" s="137"/>
      <c r="AS1278" s="137"/>
      <c r="AT1278" s="137"/>
      <c r="AU1278" s="137"/>
      <c r="AV1278" s="137"/>
      <c r="AW1278" s="144"/>
    </row>
    <row r="1279" spans="7:49" x14ac:dyDescent="0.2">
      <c r="G1279" s="43"/>
      <c r="Z1279" s="143"/>
      <c r="AA1279" s="137"/>
      <c r="AB1279" s="137"/>
      <c r="AC1279" s="137"/>
      <c r="AD1279" s="137"/>
      <c r="AE1279" s="137"/>
      <c r="AF1279" s="137"/>
      <c r="AG1279" s="137"/>
      <c r="AH1279" s="137"/>
      <c r="AI1279" s="137"/>
      <c r="AJ1279" s="137"/>
      <c r="AK1279" s="137"/>
      <c r="AL1279" s="137"/>
      <c r="AM1279" s="137"/>
      <c r="AN1279" s="137"/>
      <c r="AO1279" s="137"/>
      <c r="AP1279" s="137"/>
      <c r="AQ1279" s="137"/>
      <c r="AR1279" s="137"/>
      <c r="AS1279" s="137"/>
      <c r="AT1279" s="137"/>
      <c r="AU1279" s="137"/>
      <c r="AV1279" s="137"/>
      <c r="AW1279" s="144"/>
    </row>
    <row r="1280" spans="7:49" x14ac:dyDescent="0.2">
      <c r="G1280" s="43"/>
      <c r="Z1280" s="143"/>
      <c r="AA1280" s="137"/>
      <c r="AB1280" s="137"/>
      <c r="AC1280" s="137"/>
      <c r="AD1280" s="137"/>
      <c r="AE1280" s="137"/>
      <c r="AF1280" s="137"/>
      <c r="AG1280" s="137"/>
      <c r="AH1280" s="137"/>
      <c r="AI1280" s="137"/>
      <c r="AJ1280" s="137"/>
      <c r="AK1280" s="137"/>
      <c r="AL1280" s="137"/>
      <c r="AM1280" s="137"/>
      <c r="AN1280" s="137"/>
      <c r="AO1280" s="137"/>
      <c r="AP1280" s="137"/>
      <c r="AQ1280" s="137"/>
      <c r="AR1280" s="137"/>
      <c r="AS1280" s="137"/>
      <c r="AT1280" s="137"/>
      <c r="AU1280" s="137"/>
      <c r="AV1280" s="137"/>
      <c r="AW1280" s="144"/>
    </row>
    <row r="1281" spans="7:49" x14ac:dyDescent="0.2">
      <c r="G1281" s="43"/>
      <c r="Z1281" s="143"/>
      <c r="AA1281" s="137"/>
      <c r="AB1281" s="137"/>
      <c r="AC1281" s="137"/>
      <c r="AD1281" s="137"/>
      <c r="AE1281" s="137"/>
      <c r="AF1281" s="137"/>
      <c r="AG1281" s="137"/>
      <c r="AH1281" s="137"/>
      <c r="AI1281" s="137"/>
      <c r="AJ1281" s="137"/>
      <c r="AK1281" s="137"/>
      <c r="AL1281" s="137"/>
      <c r="AM1281" s="137"/>
      <c r="AN1281" s="137"/>
      <c r="AO1281" s="137"/>
      <c r="AP1281" s="137"/>
      <c r="AQ1281" s="137"/>
      <c r="AR1281" s="137"/>
      <c r="AS1281" s="137"/>
      <c r="AT1281" s="137"/>
      <c r="AU1281" s="137"/>
      <c r="AV1281" s="137"/>
      <c r="AW1281" s="144"/>
    </row>
    <row r="1282" spans="7:49" x14ac:dyDescent="0.2">
      <c r="G1282" s="43"/>
      <c r="Z1282" s="143"/>
      <c r="AA1282" s="137"/>
      <c r="AB1282" s="137"/>
      <c r="AC1282" s="137"/>
      <c r="AD1282" s="137"/>
      <c r="AE1282" s="137"/>
      <c r="AF1282" s="137"/>
      <c r="AG1282" s="137"/>
      <c r="AH1282" s="137"/>
      <c r="AI1282" s="137"/>
      <c r="AJ1282" s="137"/>
      <c r="AK1282" s="137"/>
      <c r="AL1282" s="137"/>
      <c r="AM1282" s="137"/>
      <c r="AN1282" s="137"/>
      <c r="AO1282" s="137"/>
      <c r="AP1282" s="137"/>
      <c r="AQ1282" s="137"/>
      <c r="AR1282" s="137"/>
      <c r="AS1282" s="137"/>
      <c r="AT1282" s="137"/>
      <c r="AU1282" s="137"/>
      <c r="AV1282" s="137"/>
      <c r="AW1282" s="144"/>
    </row>
    <row r="1283" spans="7:49" x14ac:dyDescent="0.2">
      <c r="G1283" s="43"/>
      <c r="Z1283" s="143"/>
      <c r="AA1283" s="137"/>
      <c r="AB1283" s="137"/>
      <c r="AC1283" s="137"/>
      <c r="AD1283" s="137"/>
      <c r="AE1283" s="137"/>
      <c r="AF1283" s="137"/>
      <c r="AG1283" s="137"/>
      <c r="AH1283" s="137"/>
      <c r="AI1283" s="137"/>
      <c r="AJ1283" s="137"/>
      <c r="AK1283" s="137"/>
      <c r="AL1283" s="137"/>
      <c r="AM1283" s="137"/>
      <c r="AN1283" s="137"/>
      <c r="AO1283" s="137"/>
      <c r="AP1283" s="137"/>
      <c r="AQ1283" s="137"/>
      <c r="AR1283" s="137"/>
      <c r="AS1283" s="137"/>
      <c r="AT1283" s="137"/>
      <c r="AU1283" s="137"/>
      <c r="AV1283" s="137"/>
      <c r="AW1283" s="144"/>
    </row>
    <row r="1284" spans="7:49" x14ac:dyDescent="0.2">
      <c r="G1284" s="43"/>
      <c r="Z1284" s="143"/>
      <c r="AA1284" s="137"/>
      <c r="AB1284" s="137"/>
      <c r="AC1284" s="137"/>
      <c r="AD1284" s="137"/>
      <c r="AE1284" s="137"/>
      <c r="AF1284" s="137"/>
      <c r="AG1284" s="137"/>
      <c r="AH1284" s="137"/>
      <c r="AI1284" s="137"/>
      <c r="AJ1284" s="137"/>
      <c r="AK1284" s="137"/>
      <c r="AL1284" s="137"/>
      <c r="AM1284" s="137"/>
      <c r="AN1284" s="137"/>
      <c r="AO1284" s="137"/>
      <c r="AP1284" s="137"/>
      <c r="AQ1284" s="137"/>
      <c r="AR1284" s="137"/>
      <c r="AS1284" s="137"/>
      <c r="AT1284" s="137"/>
      <c r="AU1284" s="137"/>
      <c r="AV1284" s="137"/>
      <c r="AW1284" s="144"/>
    </row>
    <row r="1285" spans="7:49" x14ac:dyDescent="0.2">
      <c r="G1285" s="43"/>
      <c r="Z1285" s="143"/>
      <c r="AA1285" s="137"/>
      <c r="AB1285" s="137"/>
      <c r="AC1285" s="137"/>
      <c r="AD1285" s="137"/>
      <c r="AE1285" s="137"/>
      <c r="AF1285" s="137"/>
      <c r="AG1285" s="137"/>
      <c r="AH1285" s="137"/>
      <c r="AI1285" s="137"/>
      <c r="AJ1285" s="137"/>
      <c r="AK1285" s="137"/>
      <c r="AL1285" s="137"/>
      <c r="AM1285" s="137"/>
      <c r="AN1285" s="137"/>
      <c r="AO1285" s="137"/>
      <c r="AP1285" s="137"/>
      <c r="AQ1285" s="137"/>
      <c r="AR1285" s="137"/>
      <c r="AS1285" s="137"/>
      <c r="AT1285" s="137"/>
      <c r="AU1285" s="137"/>
      <c r="AV1285" s="137"/>
      <c r="AW1285" s="144"/>
    </row>
    <row r="1286" spans="7:49" x14ac:dyDescent="0.2">
      <c r="G1286" s="43"/>
      <c r="Z1286" s="143"/>
      <c r="AA1286" s="137"/>
      <c r="AB1286" s="137"/>
      <c r="AC1286" s="137"/>
      <c r="AD1286" s="137"/>
      <c r="AE1286" s="137"/>
      <c r="AF1286" s="137"/>
      <c r="AG1286" s="137"/>
      <c r="AH1286" s="137"/>
      <c r="AI1286" s="137"/>
      <c r="AJ1286" s="137"/>
      <c r="AK1286" s="137"/>
      <c r="AL1286" s="137"/>
      <c r="AM1286" s="137"/>
      <c r="AN1286" s="137"/>
      <c r="AO1286" s="137"/>
      <c r="AP1286" s="137"/>
      <c r="AQ1286" s="137"/>
      <c r="AR1286" s="137"/>
      <c r="AS1286" s="137"/>
      <c r="AT1286" s="137"/>
      <c r="AU1286" s="137"/>
      <c r="AV1286" s="137"/>
      <c r="AW1286" s="144"/>
    </row>
    <row r="1287" spans="7:49" x14ac:dyDescent="0.2">
      <c r="G1287" s="43"/>
      <c r="Z1287" s="143"/>
      <c r="AA1287" s="137"/>
      <c r="AB1287" s="137"/>
      <c r="AC1287" s="137"/>
      <c r="AD1287" s="137"/>
      <c r="AE1287" s="137"/>
      <c r="AF1287" s="137"/>
      <c r="AG1287" s="137"/>
      <c r="AH1287" s="137"/>
      <c r="AI1287" s="137"/>
      <c r="AJ1287" s="137"/>
      <c r="AK1287" s="137"/>
      <c r="AL1287" s="137"/>
      <c r="AM1287" s="137"/>
      <c r="AN1287" s="137"/>
      <c r="AO1287" s="137"/>
      <c r="AP1287" s="137"/>
      <c r="AQ1287" s="137"/>
      <c r="AR1287" s="137"/>
      <c r="AS1287" s="137"/>
      <c r="AT1287" s="137"/>
      <c r="AU1287" s="137"/>
      <c r="AV1287" s="137"/>
      <c r="AW1287" s="144"/>
    </row>
    <row r="1288" spans="7:49" x14ac:dyDescent="0.2">
      <c r="G1288" s="43"/>
      <c r="Z1288" s="143"/>
      <c r="AA1288" s="137"/>
      <c r="AB1288" s="137"/>
      <c r="AC1288" s="137"/>
      <c r="AD1288" s="137"/>
      <c r="AE1288" s="137"/>
      <c r="AF1288" s="137"/>
      <c r="AG1288" s="137"/>
      <c r="AH1288" s="137"/>
      <c r="AI1288" s="137"/>
      <c r="AJ1288" s="137"/>
      <c r="AK1288" s="137"/>
      <c r="AL1288" s="137"/>
      <c r="AM1288" s="137"/>
      <c r="AN1288" s="137"/>
      <c r="AO1288" s="137"/>
      <c r="AP1288" s="137"/>
      <c r="AQ1288" s="137"/>
      <c r="AR1288" s="137"/>
      <c r="AS1288" s="137"/>
      <c r="AT1288" s="137"/>
      <c r="AU1288" s="137"/>
      <c r="AV1288" s="137"/>
      <c r="AW1288" s="144"/>
    </row>
    <row r="1289" spans="7:49" x14ac:dyDescent="0.2">
      <c r="G1289" s="43"/>
      <c r="Z1289" s="143"/>
      <c r="AA1289" s="137"/>
      <c r="AB1289" s="137"/>
      <c r="AC1289" s="137"/>
      <c r="AD1289" s="137"/>
      <c r="AE1289" s="137"/>
      <c r="AF1289" s="137"/>
      <c r="AG1289" s="137"/>
      <c r="AH1289" s="137"/>
      <c r="AI1289" s="137"/>
      <c r="AJ1289" s="137"/>
      <c r="AK1289" s="137"/>
      <c r="AL1289" s="137"/>
      <c r="AM1289" s="137"/>
      <c r="AN1289" s="137"/>
      <c r="AO1289" s="137"/>
      <c r="AP1289" s="137"/>
      <c r="AQ1289" s="137"/>
      <c r="AR1289" s="137"/>
      <c r="AS1289" s="137"/>
      <c r="AT1289" s="137"/>
      <c r="AU1289" s="137"/>
      <c r="AV1289" s="137"/>
      <c r="AW1289" s="144"/>
    </row>
    <row r="1290" spans="7:49" x14ac:dyDescent="0.2">
      <c r="G1290" s="43"/>
      <c r="Z1290" s="143"/>
      <c r="AA1290" s="137"/>
      <c r="AB1290" s="137"/>
      <c r="AC1290" s="137"/>
      <c r="AD1290" s="137"/>
      <c r="AE1290" s="137"/>
      <c r="AF1290" s="137"/>
      <c r="AG1290" s="137"/>
      <c r="AH1290" s="137"/>
      <c r="AI1290" s="137"/>
      <c r="AJ1290" s="137"/>
      <c r="AK1290" s="137"/>
      <c r="AL1290" s="137"/>
      <c r="AM1290" s="137"/>
      <c r="AN1290" s="137"/>
      <c r="AO1290" s="137"/>
      <c r="AP1290" s="137"/>
      <c r="AQ1290" s="137"/>
      <c r="AR1290" s="137"/>
      <c r="AS1290" s="137"/>
      <c r="AT1290" s="137"/>
      <c r="AU1290" s="137"/>
      <c r="AV1290" s="137"/>
      <c r="AW1290" s="144"/>
    </row>
    <row r="1291" spans="7:49" x14ac:dyDescent="0.2">
      <c r="G1291" s="43"/>
      <c r="Z1291" s="143"/>
      <c r="AA1291" s="137"/>
      <c r="AB1291" s="137"/>
      <c r="AC1291" s="137"/>
      <c r="AD1291" s="137"/>
      <c r="AE1291" s="137"/>
      <c r="AF1291" s="137"/>
      <c r="AG1291" s="137"/>
      <c r="AH1291" s="137"/>
      <c r="AI1291" s="137"/>
      <c r="AJ1291" s="137"/>
      <c r="AK1291" s="137"/>
      <c r="AL1291" s="137"/>
      <c r="AM1291" s="137"/>
      <c r="AN1291" s="137"/>
      <c r="AO1291" s="137"/>
      <c r="AP1291" s="137"/>
      <c r="AQ1291" s="137"/>
      <c r="AR1291" s="137"/>
      <c r="AS1291" s="137"/>
      <c r="AT1291" s="137"/>
      <c r="AU1291" s="137"/>
      <c r="AV1291" s="137"/>
      <c r="AW1291" s="144"/>
    </row>
    <row r="1292" spans="7:49" x14ac:dyDescent="0.2">
      <c r="G1292" s="43"/>
      <c r="Z1292" s="143"/>
      <c r="AA1292" s="137"/>
      <c r="AB1292" s="137"/>
      <c r="AC1292" s="137"/>
      <c r="AD1292" s="137"/>
      <c r="AE1292" s="137"/>
      <c r="AF1292" s="137"/>
      <c r="AG1292" s="137"/>
      <c r="AH1292" s="137"/>
      <c r="AI1292" s="137"/>
      <c r="AJ1292" s="137"/>
      <c r="AK1292" s="137"/>
      <c r="AL1292" s="137"/>
      <c r="AM1292" s="137"/>
      <c r="AN1292" s="137"/>
      <c r="AO1292" s="137"/>
      <c r="AP1292" s="137"/>
      <c r="AQ1292" s="137"/>
      <c r="AR1292" s="137"/>
      <c r="AS1292" s="137"/>
      <c r="AT1292" s="137"/>
      <c r="AU1292" s="137"/>
      <c r="AV1292" s="137"/>
      <c r="AW1292" s="144"/>
    </row>
    <row r="1293" spans="7:49" x14ac:dyDescent="0.2">
      <c r="G1293" s="43"/>
      <c r="Z1293" s="143"/>
      <c r="AA1293" s="137"/>
      <c r="AB1293" s="137"/>
      <c r="AC1293" s="137"/>
      <c r="AD1293" s="137"/>
      <c r="AE1293" s="137"/>
      <c r="AF1293" s="137"/>
      <c r="AG1293" s="137"/>
      <c r="AH1293" s="137"/>
      <c r="AI1293" s="137"/>
      <c r="AJ1293" s="137"/>
      <c r="AK1293" s="137"/>
      <c r="AL1293" s="137"/>
      <c r="AM1293" s="137"/>
      <c r="AN1293" s="137"/>
      <c r="AO1293" s="137"/>
      <c r="AP1293" s="137"/>
      <c r="AQ1293" s="137"/>
      <c r="AR1293" s="137"/>
      <c r="AS1293" s="137"/>
      <c r="AT1293" s="137"/>
      <c r="AU1293" s="137"/>
      <c r="AV1293" s="137"/>
      <c r="AW1293" s="144"/>
    </row>
    <row r="1294" spans="7:49" x14ac:dyDescent="0.2">
      <c r="G1294" s="43"/>
      <c r="Z1294" s="143"/>
      <c r="AA1294" s="137"/>
      <c r="AB1294" s="137"/>
      <c r="AC1294" s="137"/>
      <c r="AD1294" s="137"/>
      <c r="AE1294" s="137"/>
      <c r="AF1294" s="137"/>
      <c r="AG1294" s="137"/>
      <c r="AH1294" s="137"/>
      <c r="AI1294" s="137"/>
      <c r="AJ1294" s="137"/>
      <c r="AK1294" s="137"/>
      <c r="AL1294" s="137"/>
      <c r="AM1294" s="137"/>
      <c r="AN1294" s="137"/>
      <c r="AO1294" s="137"/>
      <c r="AP1294" s="137"/>
      <c r="AQ1294" s="137"/>
      <c r="AR1294" s="137"/>
      <c r="AS1294" s="137"/>
      <c r="AT1294" s="137"/>
      <c r="AU1294" s="137"/>
      <c r="AV1294" s="137"/>
      <c r="AW1294" s="144"/>
    </row>
    <row r="1295" spans="7:49" x14ac:dyDescent="0.2">
      <c r="G1295" s="43"/>
      <c r="Z1295" s="143"/>
      <c r="AA1295" s="137"/>
      <c r="AB1295" s="137"/>
      <c r="AC1295" s="137"/>
      <c r="AD1295" s="137"/>
      <c r="AE1295" s="137"/>
      <c r="AF1295" s="137"/>
      <c r="AG1295" s="137"/>
      <c r="AH1295" s="137"/>
      <c r="AI1295" s="137"/>
      <c r="AJ1295" s="137"/>
      <c r="AK1295" s="137"/>
      <c r="AL1295" s="137"/>
      <c r="AM1295" s="137"/>
      <c r="AN1295" s="137"/>
      <c r="AO1295" s="137"/>
      <c r="AP1295" s="137"/>
      <c r="AQ1295" s="137"/>
      <c r="AR1295" s="137"/>
      <c r="AS1295" s="137"/>
      <c r="AT1295" s="137"/>
      <c r="AU1295" s="137"/>
      <c r="AV1295" s="137"/>
      <c r="AW1295" s="144"/>
    </row>
    <row r="1296" spans="7:49" x14ac:dyDescent="0.2">
      <c r="G1296" s="43"/>
      <c r="Z1296" s="143"/>
      <c r="AA1296" s="137"/>
      <c r="AB1296" s="137"/>
      <c r="AC1296" s="137"/>
      <c r="AD1296" s="137"/>
      <c r="AE1296" s="137"/>
      <c r="AF1296" s="137"/>
      <c r="AG1296" s="137"/>
      <c r="AH1296" s="137"/>
      <c r="AI1296" s="137"/>
      <c r="AJ1296" s="137"/>
      <c r="AK1296" s="137"/>
      <c r="AL1296" s="137"/>
      <c r="AM1296" s="137"/>
      <c r="AN1296" s="137"/>
      <c r="AO1296" s="137"/>
      <c r="AP1296" s="137"/>
      <c r="AQ1296" s="137"/>
      <c r="AR1296" s="137"/>
      <c r="AS1296" s="137"/>
      <c r="AT1296" s="137"/>
      <c r="AU1296" s="137"/>
      <c r="AV1296" s="137"/>
      <c r="AW1296" s="144"/>
    </row>
    <row r="1297" spans="7:49" x14ac:dyDescent="0.2">
      <c r="G1297" s="43"/>
      <c r="Z1297" s="143"/>
      <c r="AA1297" s="137"/>
      <c r="AB1297" s="137"/>
      <c r="AC1297" s="137"/>
      <c r="AD1297" s="137"/>
      <c r="AE1297" s="137"/>
      <c r="AF1297" s="137"/>
      <c r="AG1297" s="137"/>
      <c r="AH1297" s="137"/>
      <c r="AI1297" s="137"/>
      <c r="AJ1297" s="137"/>
      <c r="AK1297" s="137"/>
      <c r="AL1297" s="137"/>
      <c r="AM1297" s="137"/>
      <c r="AN1297" s="137"/>
      <c r="AO1297" s="137"/>
      <c r="AP1297" s="137"/>
      <c r="AQ1297" s="137"/>
      <c r="AR1297" s="137"/>
      <c r="AS1297" s="137"/>
      <c r="AT1297" s="137"/>
      <c r="AU1297" s="137"/>
      <c r="AV1297" s="137"/>
      <c r="AW1297" s="144"/>
    </row>
    <row r="1298" spans="7:49" x14ac:dyDescent="0.2">
      <c r="G1298" s="43"/>
      <c r="Z1298" s="143"/>
      <c r="AA1298" s="137"/>
      <c r="AB1298" s="137"/>
      <c r="AC1298" s="137"/>
      <c r="AD1298" s="137"/>
      <c r="AE1298" s="137"/>
      <c r="AF1298" s="137"/>
      <c r="AG1298" s="137"/>
      <c r="AH1298" s="137"/>
      <c r="AI1298" s="137"/>
      <c r="AJ1298" s="137"/>
      <c r="AK1298" s="137"/>
      <c r="AL1298" s="137"/>
      <c r="AM1298" s="137"/>
      <c r="AN1298" s="137"/>
      <c r="AO1298" s="137"/>
      <c r="AP1298" s="137"/>
      <c r="AQ1298" s="137"/>
      <c r="AR1298" s="137"/>
      <c r="AS1298" s="137"/>
      <c r="AT1298" s="137"/>
      <c r="AU1298" s="137"/>
      <c r="AV1298" s="137"/>
      <c r="AW1298" s="144"/>
    </row>
    <row r="1299" spans="7:49" x14ac:dyDescent="0.2">
      <c r="G1299" s="43"/>
      <c r="Z1299" s="143"/>
      <c r="AA1299" s="137"/>
      <c r="AB1299" s="137"/>
      <c r="AC1299" s="137"/>
      <c r="AD1299" s="137"/>
      <c r="AE1299" s="137"/>
      <c r="AF1299" s="137"/>
      <c r="AG1299" s="137"/>
      <c r="AH1299" s="137"/>
      <c r="AI1299" s="137"/>
      <c r="AJ1299" s="137"/>
      <c r="AK1299" s="137"/>
      <c r="AL1299" s="137"/>
      <c r="AM1299" s="137"/>
      <c r="AN1299" s="137"/>
      <c r="AO1299" s="137"/>
      <c r="AP1299" s="137"/>
      <c r="AQ1299" s="137"/>
      <c r="AR1299" s="137"/>
      <c r="AS1299" s="137"/>
      <c r="AT1299" s="137"/>
      <c r="AU1299" s="137"/>
      <c r="AV1299" s="137"/>
      <c r="AW1299" s="144"/>
    </row>
    <row r="1300" spans="7:49" x14ac:dyDescent="0.2">
      <c r="G1300" s="43"/>
      <c r="Z1300" s="143"/>
      <c r="AA1300" s="137"/>
      <c r="AB1300" s="137"/>
      <c r="AC1300" s="137"/>
      <c r="AD1300" s="137"/>
      <c r="AE1300" s="137"/>
      <c r="AF1300" s="137"/>
      <c r="AG1300" s="137"/>
      <c r="AH1300" s="137"/>
      <c r="AI1300" s="137"/>
      <c r="AJ1300" s="137"/>
      <c r="AK1300" s="137"/>
      <c r="AL1300" s="137"/>
      <c r="AM1300" s="137"/>
      <c r="AN1300" s="137"/>
      <c r="AO1300" s="137"/>
      <c r="AP1300" s="137"/>
      <c r="AQ1300" s="137"/>
      <c r="AR1300" s="137"/>
      <c r="AS1300" s="137"/>
      <c r="AT1300" s="137"/>
      <c r="AU1300" s="137"/>
      <c r="AV1300" s="137"/>
      <c r="AW1300" s="144"/>
    </row>
    <row r="1301" spans="7:49" x14ac:dyDescent="0.2">
      <c r="G1301" s="43"/>
      <c r="Z1301" s="143"/>
      <c r="AA1301" s="137"/>
      <c r="AB1301" s="137"/>
      <c r="AC1301" s="137"/>
      <c r="AD1301" s="137"/>
      <c r="AE1301" s="137"/>
      <c r="AF1301" s="137"/>
      <c r="AG1301" s="137"/>
      <c r="AH1301" s="137"/>
      <c r="AI1301" s="137"/>
      <c r="AJ1301" s="137"/>
      <c r="AK1301" s="137"/>
      <c r="AL1301" s="137"/>
      <c r="AM1301" s="137"/>
      <c r="AN1301" s="137"/>
      <c r="AO1301" s="137"/>
      <c r="AP1301" s="137"/>
      <c r="AQ1301" s="137"/>
      <c r="AR1301" s="137"/>
      <c r="AS1301" s="137"/>
      <c r="AT1301" s="137"/>
      <c r="AU1301" s="137"/>
      <c r="AV1301" s="137"/>
      <c r="AW1301" s="144"/>
    </row>
    <row r="1302" spans="7:49" x14ac:dyDescent="0.2">
      <c r="G1302" s="43"/>
      <c r="Z1302" s="143"/>
      <c r="AA1302" s="137"/>
      <c r="AB1302" s="137"/>
      <c r="AC1302" s="137"/>
      <c r="AD1302" s="137"/>
      <c r="AE1302" s="137"/>
      <c r="AF1302" s="137"/>
      <c r="AG1302" s="137"/>
      <c r="AH1302" s="137"/>
      <c r="AI1302" s="137"/>
      <c r="AJ1302" s="137"/>
      <c r="AK1302" s="137"/>
      <c r="AL1302" s="137"/>
      <c r="AM1302" s="137"/>
      <c r="AN1302" s="137"/>
      <c r="AO1302" s="137"/>
      <c r="AP1302" s="137"/>
      <c r="AQ1302" s="137"/>
      <c r="AR1302" s="137"/>
      <c r="AS1302" s="137"/>
      <c r="AT1302" s="137"/>
      <c r="AU1302" s="137"/>
      <c r="AV1302" s="137"/>
      <c r="AW1302" s="144"/>
    </row>
    <row r="1303" spans="7:49" x14ac:dyDescent="0.2">
      <c r="G1303" s="43"/>
      <c r="Z1303" s="143"/>
      <c r="AA1303" s="137"/>
      <c r="AB1303" s="137"/>
      <c r="AC1303" s="137"/>
      <c r="AD1303" s="137"/>
      <c r="AE1303" s="137"/>
      <c r="AF1303" s="137"/>
      <c r="AG1303" s="137"/>
      <c r="AH1303" s="137"/>
      <c r="AI1303" s="137"/>
      <c r="AJ1303" s="137"/>
      <c r="AK1303" s="137"/>
      <c r="AL1303" s="137"/>
      <c r="AM1303" s="137"/>
      <c r="AN1303" s="137"/>
      <c r="AO1303" s="137"/>
      <c r="AP1303" s="137"/>
      <c r="AQ1303" s="137"/>
      <c r="AR1303" s="137"/>
      <c r="AS1303" s="137"/>
      <c r="AT1303" s="137"/>
      <c r="AU1303" s="137"/>
      <c r="AV1303" s="137"/>
      <c r="AW1303" s="144"/>
    </row>
    <row r="1304" spans="7:49" x14ac:dyDescent="0.2">
      <c r="G1304" s="43"/>
      <c r="Z1304" s="143"/>
      <c r="AA1304" s="137"/>
      <c r="AB1304" s="137"/>
      <c r="AC1304" s="137"/>
      <c r="AD1304" s="137"/>
      <c r="AE1304" s="137"/>
      <c r="AF1304" s="137"/>
      <c r="AG1304" s="137"/>
      <c r="AH1304" s="137"/>
      <c r="AI1304" s="137"/>
      <c r="AJ1304" s="137"/>
      <c r="AK1304" s="137"/>
      <c r="AL1304" s="137"/>
      <c r="AM1304" s="137"/>
      <c r="AN1304" s="137"/>
      <c r="AO1304" s="137"/>
      <c r="AP1304" s="137"/>
      <c r="AQ1304" s="137"/>
      <c r="AR1304" s="137"/>
      <c r="AS1304" s="137"/>
      <c r="AT1304" s="137"/>
      <c r="AU1304" s="137"/>
      <c r="AV1304" s="137"/>
      <c r="AW1304" s="144"/>
    </row>
    <row r="1305" spans="7:49" x14ac:dyDescent="0.2">
      <c r="G1305" s="43"/>
      <c r="Z1305" s="143"/>
      <c r="AA1305" s="137"/>
      <c r="AB1305" s="137"/>
      <c r="AC1305" s="137"/>
      <c r="AD1305" s="137"/>
      <c r="AE1305" s="137"/>
      <c r="AF1305" s="137"/>
      <c r="AG1305" s="137"/>
      <c r="AH1305" s="137"/>
      <c r="AI1305" s="137"/>
      <c r="AJ1305" s="137"/>
      <c r="AK1305" s="137"/>
      <c r="AL1305" s="137"/>
      <c r="AM1305" s="137"/>
      <c r="AN1305" s="137"/>
      <c r="AO1305" s="137"/>
      <c r="AP1305" s="137"/>
      <c r="AQ1305" s="137"/>
      <c r="AR1305" s="137"/>
      <c r="AS1305" s="137"/>
      <c r="AT1305" s="137"/>
      <c r="AU1305" s="137"/>
      <c r="AV1305" s="137"/>
      <c r="AW1305" s="144"/>
    </row>
    <row r="1306" spans="7:49" x14ac:dyDescent="0.2">
      <c r="G1306" s="43"/>
      <c r="Z1306" s="143"/>
      <c r="AA1306" s="137"/>
      <c r="AB1306" s="137"/>
      <c r="AC1306" s="137"/>
      <c r="AD1306" s="137"/>
      <c r="AE1306" s="137"/>
      <c r="AF1306" s="137"/>
      <c r="AG1306" s="137"/>
      <c r="AH1306" s="137"/>
      <c r="AI1306" s="137"/>
      <c r="AJ1306" s="137"/>
      <c r="AK1306" s="137"/>
      <c r="AL1306" s="137"/>
      <c r="AM1306" s="137"/>
      <c r="AN1306" s="137"/>
      <c r="AO1306" s="137"/>
      <c r="AP1306" s="137"/>
      <c r="AQ1306" s="137"/>
      <c r="AR1306" s="137"/>
      <c r="AS1306" s="137"/>
      <c r="AT1306" s="137"/>
      <c r="AU1306" s="137"/>
      <c r="AV1306" s="137"/>
      <c r="AW1306" s="144"/>
    </row>
    <row r="1307" spans="7:49" x14ac:dyDescent="0.2">
      <c r="G1307" s="43"/>
      <c r="Z1307" s="143"/>
      <c r="AA1307" s="137"/>
      <c r="AB1307" s="137"/>
      <c r="AC1307" s="137"/>
      <c r="AD1307" s="137"/>
      <c r="AE1307" s="137"/>
      <c r="AF1307" s="137"/>
      <c r="AG1307" s="137"/>
      <c r="AH1307" s="137"/>
      <c r="AI1307" s="137"/>
      <c r="AJ1307" s="137"/>
      <c r="AK1307" s="137"/>
      <c r="AL1307" s="137"/>
      <c r="AM1307" s="137"/>
      <c r="AN1307" s="137"/>
      <c r="AO1307" s="137"/>
      <c r="AP1307" s="137"/>
      <c r="AQ1307" s="137"/>
      <c r="AR1307" s="137"/>
      <c r="AS1307" s="137"/>
      <c r="AT1307" s="137"/>
      <c r="AU1307" s="137"/>
      <c r="AV1307" s="137"/>
      <c r="AW1307" s="144"/>
    </row>
    <row r="1308" spans="7:49" x14ac:dyDescent="0.2">
      <c r="G1308" s="43"/>
      <c r="Z1308" s="143"/>
      <c r="AA1308" s="137"/>
      <c r="AB1308" s="137"/>
      <c r="AC1308" s="137"/>
      <c r="AD1308" s="137"/>
      <c r="AE1308" s="137"/>
      <c r="AF1308" s="137"/>
      <c r="AG1308" s="137"/>
      <c r="AH1308" s="137"/>
      <c r="AI1308" s="137"/>
      <c r="AJ1308" s="137"/>
      <c r="AK1308" s="137"/>
      <c r="AL1308" s="137"/>
      <c r="AM1308" s="137"/>
      <c r="AN1308" s="137"/>
      <c r="AO1308" s="137"/>
      <c r="AP1308" s="137"/>
      <c r="AQ1308" s="137"/>
      <c r="AR1308" s="137"/>
      <c r="AS1308" s="137"/>
      <c r="AT1308" s="137"/>
      <c r="AU1308" s="137"/>
      <c r="AV1308" s="137"/>
      <c r="AW1308" s="144"/>
    </row>
    <row r="1309" spans="7:49" x14ac:dyDescent="0.2">
      <c r="G1309" s="43"/>
      <c r="Z1309" s="143"/>
      <c r="AA1309" s="137"/>
      <c r="AB1309" s="137"/>
      <c r="AC1309" s="137"/>
      <c r="AD1309" s="137"/>
      <c r="AE1309" s="137"/>
      <c r="AF1309" s="137"/>
      <c r="AG1309" s="137"/>
      <c r="AH1309" s="137"/>
      <c r="AI1309" s="137"/>
      <c r="AJ1309" s="137"/>
      <c r="AK1309" s="137"/>
      <c r="AL1309" s="137"/>
      <c r="AM1309" s="137"/>
      <c r="AN1309" s="137"/>
      <c r="AO1309" s="137"/>
      <c r="AP1309" s="137"/>
      <c r="AQ1309" s="137"/>
      <c r="AR1309" s="137"/>
      <c r="AS1309" s="137"/>
      <c r="AT1309" s="137"/>
      <c r="AU1309" s="137"/>
      <c r="AV1309" s="137"/>
      <c r="AW1309" s="144"/>
    </row>
    <row r="1310" spans="7:49" x14ac:dyDescent="0.2">
      <c r="G1310" s="43"/>
      <c r="Z1310" s="143"/>
      <c r="AA1310" s="137"/>
      <c r="AB1310" s="137"/>
      <c r="AC1310" s="137"/>
      <c r="AD1310" s="137"/>
      <c r="AE1310" s="137"/>
      <c r="AF1310" s="137"/>
      <c r="AG1310" s="137"/>
      <c r="AH1310" s="137"/>
      <c r="AI1310" s="137"/>
      <c r="AJ1310" s="137"/>
      <c r="AK1310" s="137"/>
      <c r="AL1310" s="137"/>
      <c r="AM1310" s="137"/>
      <c r="AN1310" s="137"/>
      <c r="AO1310" s="137"/>
      <c r="AP1310" s="137"/>
      <c r="AQ1310" s="137"/>
      <c r="AR1310" s="137"/>
      <c r="AS1310" s="137"/>
      <c r="AT1310" s="137"/>
      <c r="AU1310" s="137"/>
      <c r="AV1310" s="137"/>
      <c r="AW1310" s="144"/>
    </row>
    <row r="1311" spans="7:49" x14ac:dyDescent="0.2">
      <c r="G1311" s="43"/>
      <c r="Z1311" s="143"/>
      <c r="AA1311" s="137"/>
      <c r="AB1311" s="137"/>
      <c r="AC1311" s="137"/>
      <c r="AD1311" s="137"/>
      <c r="AE1311" s="137"/>
      <c r="AF1311" s="137"/>
      <c r="AG1311" s="137"/>
      <c r="AH1311" s="137"/>
      <c r="AI1311" s="137"/>
      <c r="AJ1311" s="137"/>
      <c r="AK1311" s="137"/>
      <c r="AL1311" s="137"/>
      <c r="AM1311" s="137"/>
      <c r="AN1311" s="137"/>
      <c r="AO1311" s="137"/>
      <c r="AP1311" s="137"/>
      <c r="AQ1311" s="137"/>
      <c r="AR1311" s="137"/>
      <c r="AS1311" s="137"/>
      <c r="AT1311" s="137"/>
      <c r="AU1311" s="137"/>
      <c r="AV1311" s="137"/>
      <c r="AW1311" s="144"/>
    </row>
    <row r="1312" spans="7:49" x14ac:dyDescent="0.2">
      <c r="G1312" s="43"/>
      <c r="Z1312" s="143"/>
      <c r="AA1312" s="137"/>
      <c r="AB1312" s="137"/>
      <c r="AC1312" s="137"/>
      <c r="AD1312" s="137"/>
      <c r="AE1312" s="137"/>
      <c r="AF1312" s="137"/>
      <c r="AG1312" s="137"/>
      <c r="AH1312" s="137"/>
      <c r="AI1312" s="137"/>
      <c r="AJ1312" s="137"/>
      <c r="AK1312" s="137"/>
      <c r="AL1312" s="137"/>
      <c r="AM1312" s="137"/>
      <c r="AN1312" s="137"/>
      <c r="AO1312" s="137"/>
      <c r="AP1312" s="137"/>
      <c r="AQ1312" s="137"/>
      <c r="AR1312" s="137"/>
      <c r="AS1312" s="137"/>
      <c r="AT1312" s="137"/>
      <c r="AU1312" s="137"/>
      <c r="AV1312" s="137"/>
      <c r="AW1312" s="144"/>
    </row>
    <row r="1313" spans="7:49" x14ac:dyDescent="0.2">
      <c r="G1313" s="43"/>
      <c r="Z1313" s="143"/>
      <c r="AA1313" s="137"/>
      <c r="AB1313" s="137"/>
      <c r="AC1313" s="137"/>
      <c r="AD1313" s="137"/>
      <c r="AE1313" s="137"/>
      <c r="AF1313" s="137"/>
      <c r="AG1313" s="137"/>
      <c r="AH1313" s="137"/>
      <c r="AI1313" s="137"/>
      <c r="AJ1313" s="137"/>
      <c r="AK1313" s="137"/>
      <c r="AL1313" s="137"/>
      <c r="AM1313" s="137"/>
      <c r="AN1313" s="137"/>
      <c r="AO1313" s="137"/>
      <c r="AP1313" s="137"/>
      <c r="AQ1313" s="137"/>
      <c r="AR1313" s="137"/>
      <c r="AS1313" s="137"/>
      <c r="AT1313" s="137"/>
      <c r="AU1313" s="137"/>
      <c r="AV1313" s="137"/>
      <c r="AW1313" s="144"/>
    </row>
    <row r="1314" spans="7:49" x14ac:dyDescent="0.2">
      <c r="G1314" s="43"/>
      <c r="Z1314" s="143"/>
      <c r="AA1314" s="137"/>
      <c r="AB1314" s="137"/>
      <c r="AC1314" s="137"/>
      <c r="AD1314" s="137"/>
      <c r="AE1314" s="137"/>
      <c r="AF1314" s="137"/>
      <c r="AG1314" s="137"/>
      <c r="AH1314" s="137"/>
      <c r="AI1314" s="137"/>
      <c r="AJ1314" s="137"/>
      <c r="AK1314" s="137"/>
      <c r="AL1314" s="137"/>
      <c r="AM1314" s="137"/>
      <c r="AN1314" s="137"/>
      <c r="AO1314" s="137"/>
      <c r="AP1314" s="137"/>
      <c r="AQ1314" s="137"/>
      <c r="AR1314" s="137"/>
      <c r="AS1314" s="137"/>
      <c r="AT1314" s="137"/>
      <c r="AU1314" s="137"/>
      <c r="AV1314" s="137"/>
      <c r="AW1314" s="144"/>
    </row>
    <row r="1315" spans="7:49" x14ac:dyDescent="0.2">
      <c r="G1315" s="43"/>
      <c r="Z1315" s="143"/>
      <c r="AA1315" s="137"/>
      <c r="AB1315" s="137"/>
      <c r="AC1315" s="137"/>
      <c r="AD1315" s="137"/>
      <c r="AE1315" s="137"/>
      <c r="AF1315" s="137"/>
      <c r="AG1315" s="137"/>
      <c r="AH1315" s="137"/>
      <c r="AI1315" s="137"/>
      <c r="AJ1315" s="137"/>
      <c r="AK1315" s="137"/>
      <c r="AL1315" s="137"/>
      <c r="AM1315" s="137"/>
      <c r="AN1315" s="137"/>
      <c r="AO1315" s="137"/>
      <c r="AP1315" s="137"/>
      <c r="AQ1315" s="137"/>
      <c r="AR1315" s="137"/>
      <c r="AS1315" s="137"/>
      <c r="AT1315" s="137"/>
      <c r="AU1315" s="137"/>
      <c r="AV1315" s="137"/>
      <c r="AW1315" s="144"/>
    </row>
    <row r="1316" spans="7:49" x14ac:dyDescent="0.2">
      <c r="G1316" s="43"/>
      <c r="Z1316" s="143"/>
      <c r="AA1316" s="137"/>
      <c r="AB1316" s="137"/>
      <c r="AC1316" s="137"/>
      <c r="AD1316" s="137"/>
      <c r="AE1316" s="137"/>
      <c r="AF1316" s="137"/>
      <c r="AG1316" s="137"/>
      <c r="AH1316" s="137"/>
      <c r="AI1316" s="137"/>
      <c r="AJ1316" s="137"/>
      <c r="AK1316" s="137"/>
      <c r="AL1316" s="137"/>
      <c r="AM1316" s="137"/>
      <c r="AN1316" s="137"/>
      <c r="AO1316" s="137"/>
      <c r="AP1316" s="137"/>
      <c r="AQ1316" s="137"/>
      <c r="AR1316" s="137"/>
      <c r="AS1316" s="137"/>
      <c r="AT1316" s="137"/>
      <c r="AU1316" s="137"/>
      <c r="AV1316" s="137"/>
      <c r="AW1316" s="144"/>
    </row>
    <row r="1317" spans="7:49" x14ac:dyDescent="0.2">
      <c r="G1317" s="43"/>
      <c r="Z1317" s="143"/>
      <c r="AA1317" s="137"/>
      <c r="AB1317" s="137"/>
      <c r="AC1317" s="137"/>
      <c r="AD1317" s="137"/>
      <c r="AE1317" s="137"/>
      <c r="AF1317" s="137"/>
      <c r="AG1317" s="137"/>
      <c r="AH1317" s="137"/>
      <c r="AI1317" s="137"/>
      <c r="AJ1317" s="137"/>
      <c r="AK1317" s="137"/>
      <c r="AL1317" s="137"/>
      <c r="AM1317" s="137"/>
      <c r="AN1317" s="137"/>
      <c r="AO1317" s="137"/>
      <c r="AP1317" s="137"/>
      <c r="AQ1317" s="137"/>
      <c r="AR1317" s="137"/>
      <c r="AS1317" s="137"/>
      <c r="AT1317" s="137"/>
      <c r="AU1317" s="137"/>
      <c r="AV1317" s="137"/>
      <c r="AW1317" s="144"/>
    </row>
    <row r="1318" spans="7:49" x14ac:dyDescent="0.2">
      <c r="G1318" s="43"/>
      <c r="Z1318" s="143"/>
      <c r="AA1318" s="137"/>
      <c r="AB1318" s="137"/>
      <c r="AC1318" s="137"/>
      <c r="AD1318" s="137"/>
      <c r="AE1318" s="137"/>
      <c r="AF1318" s="137"/>
      <c r="AG1318" s="137"/>
      <c r="AH1318" s="137"/>
      <c r="AI1318" s="137"/>
      <c r="AJ1318" s="137"/>
      <c r="AK1318" s="137"/>
      <c r="AL1318" s="137"/>
      <c r="AM1318" s="137"/>
      <c r="AN1318" s="137"/>
      <c r="AO1318" s="137"/>
      <c r="AP1318" s="137"/>
      <c r="AQ1318" s="137"/>
      <c r="AR1318" s="137"/>
      <c r="AS1318" s="137"/>
      <c r="AT1318" s="137"/>
      <c r="AU1318" s="137"/>
      <c r="AV1318" s="137"/>
      <c r="AW1318" s="144"/>
    </row>
    <row r="1319" spans="7:49" x14ac:dyDescent="0.2">
      <c r="G1319" s="43"/>
      <c r="Z1319" s="143"/>
      <c r="AA1319" s="137"/>
      <c r="AB1319" s="137"/>
      <c r="AC1319" s="137"/>
      <c r="AD1319" s="137"/>
      <c r="AE1319" s="137"/>
      <c r="AF1319" s="137"/>
      <c r="AG1319" s="137"/>
      <c r="AH1319" s="137"/>
      <c r="AI1319" s="137"/>
      <c r="AJ1319" s="137"/>
      <c r="AK1319" s="137"/>
      <c r="AL1319" s="137"/>
      <c r="AM1319" s="137"/>
      <c r="AN1319" s="137"/>
      <c r="AO1319" s="137"/>
      <c r="AP1319" s="137"/>
      <c r="AQ1319" s="137"/>
      <c r="AR1319" s="137"/>
      <c r="AS1319" s="137"/>
      <c r="AT1319" s="137"/>
      <c r="AU1319" s="137"/>
      <c r="AV1319" s="137"/>
      <c r="AW1319" s="144"/>
    </row>
    <row r="1320" spans="7:49" x14ac:dyDescent="0.2">
      <c r="G1320" s="43"/>
      <c r="Z1320" s="143"/>
      <c r="AA1320" s="137"/>
      <c r="AB1320" s="137"/>
      <c r="AC1320" s="137"/>
      <c r="AD1320" s="137"/>
      <c r="AE1320" s="137"/>
      <c r="AF1320" s="137"/>
      <c r="AG1320" s="137"/>
      <c r="AH1320" s="137"/>
      <c r="AI1320" s="137"/>
      <c r="AJ1320" s="137"/>
      <c r="AK1320" s="137"/>
      <c r="AL1320" s="137"/>
      <c r="AM1320" s="137"/>
      <c r="AN1320" s="137"/>
      <c r="AO1320" s="137"/>
      <c r="AP1320" s="137"/>
      <c r="AQ1320" s="137"/>
      <c r="AR1320" s="137"/>
      <c r="AS1320" s="137"/>
      <c r="AT1320" s="137"/>
      <c r="AU1320" s="137"/>
      <c r="AV1320" s="137"/>
      <c r="AW1320" s="144"/>
    </row>
    <row r="1321" spans="7:49" x14ac:dyDescent="0.2">
      <c r="G1321" s="43"/>
      <c r="Z1321" s="143"/>
      <c r="AA1321" s="137"/>
      <c r="AB1321" s="137"/>
      <c r="AC1321" s="137"/>
      <c r="AD1321" s="137"/>
      <c r="AE1321" s="137"/>
      <c r="AF1321" s="137"/>
      <c r="AG1321" s="137"/>
      <c r="AH1321" s="137"/>
      <c r="AI1321" s="137"/>
      <c r="AJ1321" s="137"/>
      <c r="AK1321" s="137"/>
      <c r="AL1321" s="137"/>
      <c r="AM1321" s="137"/>
      <c r="AN1321" s="137"/>
      <c r="AO1321" s="137"/>
      <c r="AP1321" s="137"/>
      <c r="AQ1321" s="137"/>
      <c r="AR1321" s="137"/>
      <c r="AS1321" s="137"/>
      <c r="AT1321" s="137"/>
      <c r="AU1321" s="137"/>
      <c r="AV1321" s="137"/>
      <c r="AW1321" s="144"/>
    </row>
    <row r="1322" spans="7:49" x14ac:dyDescent="0.2">
      <c r="G1322" s="43"/>
      <c r="Z1322" s="143"/>
      <c r="AA1322" s="137"/>
      <c r="AB1322" s="137"/>
      <c r="AC1322" s="137"/>
      <c r="AD1322" s="137"/>
      <c r="AE1322" s="137"/>
      <c r="AF1322" s="137"/>
      <c r="AG1322" s="137"/>
      <c r="AH1322" s="137"/>
      <c r="AI1322" s="137"/>
      <c r="AJ1322" s="137"/>
      <c r="AK1322" s="137"/>
      <c r="AL1322" s="137"/>
      <c r="AM1322" s="137"/>
      <c r="AN1322" s="137"/>
      <c r="AO1322" s="137"/>
      <c r="AP1322" s="137"/>
      <c r="AQ1322" s="137"/>
      <c r="AR1322" s="137"/>
      <c r="AS1322" s="137"/>
      <c r="AT1322" s="137"/>
      <c r="AU1322" s="137"/>
      <c r="AV1322" s="137"/>
      <c r="AW1322" s="144"/>
    </row>
    <row r="1323" spans="7:49" x14ac:dyDescent="0.2">
      <c r="G1323" s="43"/>
      <c r="Z1323" s="143"/>
      <c r="AA1323" s="137"/>
      <c r="AB1323" s="137"/>
      <c r="AC1323" s="137"/>
      <c r="AD1323" s="137"/>
      <c r="AE1323" s="137"/>
      <c r="AF1323" s="137"/>
      <c r="AG1323" s="137"/>
      <c r="AH1323" s="137"/>
      <c r="AI1323" s="137"/>
      <c r="AJ1323" s="137"/>
      <c r="AK1323" s="137"/>
      <c r="AL1323" s="137"/>
      <c r="AM1323" s="137"/>
      <c r="AN1323" s="137"/>
      <c r="AO1323" s="137"/>
      <c r="AP1323" s="137"/>
      <c r="AQ1323" s="137"/>
      <c r="AR1323" s="137"/>
      <c r="AS1323" s="137"/>
      <c r="AT1323" s="137"/>
      <c r="AU1323" s="137"/>
      <c r="AV1323" s="137"/>
      <c r="AW1323" s="144"/>
    </row>
    <row r="1324" spans="7:49" x14ac:dyDescent="0.2">
      <c r="G1324" s="43"/>
      <c r="Z1324" s="143"/>
      <c r="AA1324" s="137"/>
      <c r="AB1324" s="137"/>
      <c r="AC1324" s="137"/>
      <c r="AD1324" s="137"/>
      <c r="AE1324" s="137"/>
      <c r="AF1324" s="137"/>
      <c r="AG1324" s="137"/>
      <c r="AH1324" s="137"/>
      <c r="AI1324" s="137"/>
      <c r="AJ1324" s="137"/>
      <c r="AK1324" s="137"/>
      <c r="AL1324" s="137"/>
      <c r="AM1324" s="137"/>
      <c r="AN1324" s="137"/>
      <c r="AO1324" s="137"/>
      <c r="AP1324" s="137"/>
      <c r="AQ1324" s="137"/>
      <c r="AR1324" s="137"/>
      <c r="AS1324" s="137"/>
      <c r="AT1324" s="137"/>
      <c r="AU1324" s="137"/>
      <c r="AV1324" s="137"/>
      <c r="AW1324" s="144"/>
    </row>
    <row r="1325" spans="7:49" x14ac:dyDescent="0.2">
      <c r="G1325" s="43"/>
      <c r="Z1325" s="143"/>
      <c r="AA1325" s="137"/>
      <c r="AB1325" s="137"/>
      <c r="AC1325" s="137"/>
      <c r="AD1325" s="137"/>
      <c r="AE1325" s="137"/>
      <c r="AF1325" s="137"/>
      <c r="AG1325" s="137"/>
      <c r="AH1325" s="137"/>
      <c r="AI1325" s="137"/>
      <c r="AJ1325" s="137"/>
      <c r="AK1325" s="137"/>
      <c r="AL1325" s="137"/>
      <c r="AM1325" s="137"/>
      <c r="AN1325" s="137"/>
      <c r="AO1325" s="137"/>
      <c r="AP1325" s="137"/>
      <c r="AQ1325" s="137"/>
      <c r="AR1325" s="137"/>
      <c r="AS1325" s="137"/>
      <c r="AT1325" s="137"/>
      <c r="AU1325" s="137"/>
      <c r="AV1325" s="137"/>
      <c r="AW1325" s="144"/>
    </row>
    <row r="1326" spans="7:49" x14ac:dyDescent="0.2">
      <c r="G1326" s="43"/>
      <c r="Z1326" s="143"/>
      <c r="AA1326" s="137"/>
      <c r="AB1326" s="137"/>
      <c r="AC1326" s="137"/>
      <c r="AD1326" s="137"/>
      <c r="AE1326" s="137"/>
      <c r="AF1326" s="137"/>
      <c r="AG1326" s="137"/>
      <c r="AH1326" s="137"/>
      <c r="AI1326" s="137"/>
      <c r="AJ1326" s="137"/>
      <c r="AK1326" s="137"/>
      <c r="AL1326" s="137"/>
      <c r="AM1326" s="137"/>
      <c r="AN1326" s="137"/>
      <c r="AO1326" s="137"/>
      <c r="AP1326" s="137"/>
      <c r="AQ1326" s="137"/>
      <c r="AR1326" s="137"/>
      <c r="AS1326" s="137"/>
      <c r="AT1326" s="137"/>
      <c r="AU1326" s="137"/>
      <c r="AV1326" s="137"/>
      <c r="AW1326" s="144"/>
    </row>
    <row r="1327" spans="7:49" x14ac:dyDescent="0.2">
      <c r="G1327" s="43"/>
      <c r="Z1327" s="143"/>
      <c r="AA1327" s="137"/>
      <c r="AB1327" s="137"/>
      <c r="AC1327" s="137"/>
      <c r="AD1327" s="137"/>
      <c r="AE1327" s="137"/>
      <c r="AF1327" s="137"/>
      <c r="AG1327" s="137"/>
      <c r="AH1327" s="137"/>
      <c r="AI1327" s="137"/>
      <c r="AJ1327" s="137"/>
      <c r="AK1327" s="137"/>
      <c r="AL1327" s="137"/>
      <c r="AM1327" s="137"/>
      <c r="AN1327" s="137"/>
      <c r="AO1327" s="137"/>
      <c r="AP1327" s="137"/>
      <c r="AQ1327" s="137"/>
      <c r="AR1327" s="137"/>
      <c r="AS1327" s="137"/>
      <c r="AT1327" s="137"/>
      <c r="AU1327" s="137"/>
      <c r="AV1327" s="137"/>
      <c r="AW1327" s="144"/>
    </row>
    <row r="1328" spans="7:49" x14ac:dyDescent="0.2">
      <c r="G1328" s="43"/>
      <c r="Z1328" s="143"/>
      <c r="AA1328" s="137"/>
      <c r="AB1328" s="137"/>
      <c r="AC1328" s="137"/>
      <c r="AD1328" s="137"/>
      <c r="AE1328" s="137"/>
      <c r="AF1328" s="137"/>
      <c r="AG1328" s="137"/>
      <c r="AH1328" s="137"/>
      <c r="AI1328" s="137"/>
      <c r="AJ1328" s="137"/>
      <c r="AK1328" s="137"/>
      <c r="AL1328" s="137"/>
      <c r="AM1328" s="137"/>
      <c r="AN1328" s="137"/>
      <c r="AO1328" s="137"/>
      <c r="AP1328" s="137"/>
      <c r="AQ1328" s="137"/>
      <c r="AR1328" s="137"/>
      <c r="AS1328" s="137"/>
      <c r="AT1328" s="137"/>
      <c r="AU1328" s="137"/>
      <c r="AV1328" s="137"/>
      <c r="AW1328" s="144"/>
    </row>
    <row r="1329" spans="7:49" x14ac:dyDescent="0.2">
      <c r="G1329" s="43"/>
      <c r="Z1329" s="143"/>
      <c r="AA1329" s="137"/>
      <c r="AB1329" s="137"/>
      <c r="AC1329" s="137"/>
      <c r="AD1329" s="137"/>
      <c r="AE1329" s="137"/>
      <c r="AF1329" s="137"/>
      <c r="AG1329" s="137"/>
      <c r="AH1329" s="137"/>
      <c r="AI1329" s="137"/>
      <c r="AJ1329" s="137"/>
      <c r="AK1329" s="137"/>
      <c r="AL1329" s="137"/>
      <c r="AM1329" s="137"/>
      <c r="AN1329" s="137"/>
      <c r="AO1329" s="137"/>
      <c r="AP1329" s="137"/>
      <c r="AQ1329" s="137"/>
      <c r="AR1329" s="137"/>
      <c r="AS1329" s="137"/>
      <c r="AT1329" s="137"/>
      <c r="AU1329" s="137"/>
      <c r="AV1329" s="137"/>
      <c r="AW1329" s="144"/>
    </row>
    <row r="1330" spans="7:49" x14ac:dyDescent="0.2">
      <c r="G1330" s="43"/>
      <c r="Z1330" s="143"/>
      <c r="AA1330" s="137"/>
      <c r="AB1330" s="137"/>
      <c r="AC1330" s="137"/>
      <c r="AD1330" s="137"/>
      <c r="AE1330" s="137"/>
      <c r="AF1330" s="137"/>
      <c r="AG1330" s="137"/>
      <c r="AH1330" s="137"/>
      <c r="AI1330" s="137"/>
      <c r="AJ1330" s="137"/>
      <c r="AK1330" s="137"/>
      <c r="AL1330" s="137"/>
      <c r="AM1330" s="137"/>
      <c r="AN1330" s="137"/>
      <c r="AO1330" s="137"/>
      <c r="AP1330" s="137"/>
      <c r="AQ1330" s="137"/>
      <c r="AR1330" s="137"/>
      <c r="AS1330" s="137"/>
      <c r="AT1330" s="137"/>
      <c r="AU1330" s="137"/>
      <c r="AV1330" s="137"/>
      <c r="AW1330" s="144"/>
    </row>
    <row r="1331" spans="7:49" x14ac:dyDescent="0.2">
      <c r="G1331" s="43"/>
      <c r="Z1331" s="143"/>
      <c r="AA1331" s="137"/>
      <c r="AB1331" s="137"/>
      <c r="AC1331" s="137"/>
      <c r="AD1331" s="137"/>
      <c r="AE1331" s="137"/>
      <c r="AF1331" s="137"/>
      <c r="AG1331" s="137"/>
      <c r="AH1331" s="137"/>
      <c r="AI1331" s="137"/>
      <c r="AJ1331" s="137"/>
      <c r="AK1331" s="137"/>
      <c r="AL1331" s="137"/>
      <c r="AM1331" s="137"/>
      <c r="AN1331" s="137"/>
      <c r="AO1331" s="137"/>
      <c r="AP1331" s="137"/>
      <c r="AQ1331" s="137"/>
      <c r="AR1331" s="137"/>
      <c r="AS1331" s="137"/>
      <c r="AT1331" s="137"/>
      <c r="AU1331" s="137"/>
      <c r="AV1331" s="137"/>
      <c r="AW1331" s="144"/>
    </row>
    <row r="1332" spans="7:49" x14ac:dyDescent="0.2">
      <c r="G1332" s="43"/>
      <c r="Z1332" s="143"/>
      <c r="AA1332" s="137"/>
      <c r="AB1332" s="137"/>
      <c r="AC1332" s="137"/>
      <c r="AD1332" s="137"/>
      <c r="AE1332" s="137"/>
      <c r="AF1332" s="137"/>
      <c r="AG1332" s="137"/>
      <c r="AH1332" s="137"/>
      <c r="AI1332" s="137"/>
      <c r="AJ1332" s="137"/>
      <c r="AK1332" s="137"/>
      <c r="AL1332" s="137"/>
      <c r="AM1332" s="137"/>
      <c r="AN1332" s="137"/>
      <c r="AO1332" s="137"/>
      <c r="AP1332" s="137"/>
      <c r="AQ1332" s="137"/>
      <c r="AR1332" s="137"/>
      <c r="AS1332" s="137"/>
      <c r="AT1332" s="137"/>
      <c r="AU1332" s="137"/>
      <c r="AV1332" s="137"/>
      <c r="AW1332" s="144"/>
    </row>
    <row r="1333" spans="7:49" x14ac:dyDescent="0.2">
      <c r="G1333" s="43"/>
      <c r="Z1333" s="143"/>
      <c r="AA1333" s="137"/>
      <c r="AB1333" s="137"/>
      <c r="AC1333" s="137"/>
      <c r="AD1333" s="137"/>
      <c r="AE1333" s="137"/>
      <c r="AF1333" s="137"/>
      <c r="AG1333" s="137"/>
      <c r="AH1333" s="137"/>
      <c r="AI1333" s="137"/>
      <c r="AJ1333" s="137"/>
      <c r="AK1333" s="137"/>
      <c r="AL1333" s="137"/>
      <c r="AM1333" s="137"/>
      <c r="AN1333" s="137"/>
      <c r="AO1333" s="137"/>
      <c r="AP1333" s="137"/>
      <c r="AQ1333" s="137"/>
      <c r="AR1333" s="137"/>
      <c r="AS1333" s="137"/>
      <c r="AT1333" s="137"/>
      <c r="AU1333" s="137"/>
      <c r="AV1333" s="137"/>
      <c r="AW1333" s="144"/>
    </row>
    <row r="1334" spans="7:49" x14ac:dyDescent="0.2">
      <c r="G1334" s="43"/>
      <c r="Z1334" s="143"/>
      <c r="AA1334" s="137"/>
      <c r="AB1334" s="137"/>
      <c r="AC1334" s="137"/>
      <c r="AD1334" s="137"/>
      <c r="AE1334" s="137"/>
      <c r="AF1334" s="137"/>
      <c r="AG1334" s="137"/>
      <c r="AH1334" s="137"/>
      <c r="AI1334" s="137"/>
      <c r="AJ1334" s="137"/>
      <c r="AK1334" s="137"/>
      <c r="AL1334" s="137"/>
      <c r="AM1334" s="137"/>
      <c r="AN1334" s="137"/>
      <c r="AO1334" s="137"/>
      <c r="AP1334" s="137"/>
      <c r="AQ1334" s="137"/>
      <c r="AR1334" s="137"/>
      <c r="AS1334" s="137"/>
      <c r="AT1334" s="137"/>
      <c r="AU1334" s="137"/>
      <c r="AV1334" s="137"/>
      <c r="AW1334" s="144"/>
    </row>
    <row r="1335" spans="7:49" x14ac:dyDescent="0.2">
      <c r="G1335" s="43"/>
      <c r="Z1335" s="143"/>
      <c r="AA1335" s="137"/>
      <c r="AB1335" s="137"/>
      <c r="AC1335" s="137"/>
      <c r="AD1335" s="137"/>
      <c r="AE1335" s="137"/>
      <c r="AF1335" s="137"/>
      <c r="AG1335" s="137"/>
      <c r="AH1335" s="137"/>
      <c r="AI1335" s="137"/>
      <c r="AJ1335" s="137"/>
      <c r="AK1335" s="137"/>
      <c r="AL1335" s="137"/>
      <c r="AM1335" s="137"/>
      <c r="AN1335" s="137"/>
      <c r="AO1335" s="137"/>
      <c r="AP1335" s="137"/>
      <c r="AQ1335" s="137"/>
      <c r="AR1335" s="137"/>
      <c r="AS1335" s="137"/>
      <c r="AT1335" s="137"/>
      <c r="AU1335" s="137"/>
      <c r="AV1335" s="137"/>
      <c r="AW1335" s="144"/>
    </row>
    <row r="1336" spans="7:49" x14ac:dyDescent="0.2">
      <c r="G1336" s="43"/>
      <c r="Z1336" s="143"/>
      <c r="AA1336" s="137"/>
      <c r="AB1336" s="137"/>
      <c r="AC1336" s="137"/>
      <c r="AD1336" s="137"/>
      <c r="AE1336" s="137"/>
      <c r="AF1336" s="137"/>
      <c r="AG1336" s="137"/>
      <c r="AH1336" s="137"/>
      <c r="AI1336" s="137"/>
      <c r="AJ1336" s="137"/>
      <c r="AK1336" s="137"/>
      <c r="AL1336" s="137"/>
      <c r="AM1336" s="137"/>
      <c r="AN1336" s="137"/>
      <c r="AO1336" s="137"/>
      <c r="AP1336" s="137"/>
      <c r="AQ1336" s="137"/>
      <c r="AR1336" s="137"/>
      <c r="AS1336" s="137"/>
      <c r="AT1336" s="137"/>
      <c r="AU1336" s="137"/>
      <c r="AV1336" s="137"/>
      <c r="AW1336" s="144"/>
    </row>
    <row r="1337" spans="7:49" x14ac:dyDescent="0.2">
      <c r="G1337" s="43"/>
      <c r="Z1337" s="143"/>
      <c r="AA1337" s="137"/>
      <c r="AB1337" s="137"/>
      <c r="AC1337" s="137"/>
      <c r="AD1337" s="137"/>
      <c r="AE1337" s="137"/>
      <c r="AF1337" s="137"/>
      <c r="AG1337" s="137"/>
      <c r="AH1337" s="137"/>
      <c r="AI1337" s="137"/>
      <c r="AJ1337" s="137"/>
      <c r="AK1337" s="137"/>
      <c r="AL1337" s="137"/>
      <c r="AM1337" s="137"/>
      <c r="AN1337" s="137"/>
      <c r="AO1337" s="137"/>
      <c r="AP1337" s="137"/>
      <c r="AQ1337" s="137"/>
      <c r="AR1337" s="137"/>
      <c r="AS1337" s="137"/>
      <c r="AT1337" s="137"/>
      <c r="AU1337" s="137"/>
      <c r="AV1337" s="137"/>
      <c r="AW1337" s="144"/>
    </row>
    <row r="1338" spans="7:49" x14ac:dyDescent="0.2">
      <c r="G1338" s="43"/>
      <c r="Z1338" s="143"/>
      <c r="AA1338" s="137"/>
      <c r="AB1338" s="137"/>
      <c r="AC1338" s="137"/>
      <c r="AD1338" s="137"/>
      <c r="AE1338" s="137"/>
      <c r="AF1338" s="137"/>
      <c r="AG1338" s="137"/>
      <c r="AH1338" s="137"/>
      <c r="AI1338" s="137"/>
      <c r="AJ1338" s="137"/>
      <c r="AK1338" s="137"/>
      <c r="AL1338" s="137"/>
      <c r="AM1338" s="137"/>
      <c r="AN1338" s="137"/>
      <c r="AO1338" s="137"/>
      <c r="AP1338" s="137"/>
      <c r="AQ1338" s="137"/>
      <c r="AR1338" s="137"/>
      <c r="AS1338" s="137"/>
      <c r="AT1338" s="137"/>
      <c r="AU1338" s="137"/>
      <c r="AV1338" s="137"/>
      <c r="AW1338" s="144"/>
    </row>
    <row r="1339" spans="7:49" x14ac:dyDescent="0.2">
      <c r="G1339" s="43"/>
      <c r="Z1339" s="143"/>
      <c r="AA1339" s="137"/>
      <c r="AB1339" s="137"/>
      <c r="AC1339" s="137"/>
      <c r="AD1339" s="137"/>
      <c r="AE1339" s="137"/>
      <c r="AF1339" s="137"/>
      <c r="AG1339" s="137"/>
      <c r="AH1339" s="137"/>
      <c r="AI1339" s="137"/>
      <c r="AJ1339" s="137"/>
      <c r="AK1339" s="137"/>
      <c r="AL1339" s="137"/>
      <c r="AM1339" s="137"/>
      <c r="AN1339" s="137"/>
      <c r="AO1339" s="137"/>
      <c r="AP1339" s="137"/>
      <c r="AQ1339" s="137"/>
      <c r="AR1339" s="137"/>
      <c r="AS1339" s="137"/>
      <c r="AT1339" s="137"/>
      <c r="AU1339" s="137"/>
      <c r="AV1339" s="137"/>
      <c r="AW1339" s="144"/>
    </row>
    <row r="1340" spans="7:49" x14ac:dyDescent="0.2">
      <c r="G1340" s="43"/>
      <c r="Z1340" s="143"/>
      <c r="AA1340" s="137"/>
      <c r="AB1340" s="137"/>
      <c r="AC1340" s="137"/>
      <c r="AD1340" s="137"/>
      <c r="AE1340" s="137"/>
      <c r="AF1340" s="137"/>
      <c r="AG1340" s="137"/>
      <c r="AH1340" s="137"/>
      <c r="AI1340" s="137"/>
      <c r="AJ1340" s="137"/>
      <c r="AK1340" s="137"/>
      <c r="AL1340" s="137"/>
      <c r="AM1340" s="137"/>
      <c r="AN1340" s="137"/>
      <c r="AO1340" s="137"/>
      <c r="AP1340" s="137"/>
      <c r="AQ1340" s="137"/>
      <c r="AR1340" s="137"/>
      <c r="AS1340" s="137"/>
      <c r="AT1340" s="137"/>
      <c r="AU1340" s="137"/>
      <c r="AV1340" s="137"/>
      <c r="AW1340" s="144"/>
    </row>
    <row r="1341" spans="7:49" x14ac:dyDescent="0.2">
      <c r="G1341" s="43"/>
      <c r="Z1341" s="143"/>
      <c r="AA1341" s="137"/>
      <c r="AB1341" s="137"/>
      <c r="AC1341" s="137"/>
      <c r="AD1341" s="137"/>
      <c r="AE1341" s="137"/>
      <c r="AF1341" s="137"/>
      <c r="AG1341" s="137"/>
      <c r="AH1341" s="137"/>
      <c r="AI1341" s="137"/>
      <c r="AJ1341" s="137"/>
      <c r="AK1341" s="137"/>
      <c r="AL1341" s="137"/>
      <c r="AM1341" s="137"/>
      <c r="AN1341" s="137"/>
      <c r="AO1341" s="137"/>
      <c r="AP1341" s="137"/>
      <c r="AQ1341" s="137"/>
      <c r="AR1341" s="137"/>
      <c r="AS1341" s="137"/>
      <c r="AT1341" s="137"/>
      <c r="AU1341" s="137"/>
      <c r="AV1341" s="137"/>
      <c r="AW1341" s="144"/>
    </row>
    <row r="1342" spans="7:49" x14ac:dyDescent="0.2">
      <c r="G1342" s="43"/>
      <c r="Z1342" s="143"/>
      <c r="AA1342" s="137"/>
      <c r="AB1342" s="137"/>
      <c r="AC1342" s="137"/>
      <c r="AD1342" s="137"/>
      <c r="AE1342" s="137"/>
      <c r="AF1342" s="137"/>
      <c r="AG1342" s="137"/>
      <c r="AH1342" s="137"/>
      <c r="AI1342" s="137"/>
      <c r="AJ1342" s="137"/>
      <c r="AK1342" s="137"/>
      <c r="AL1342" s="137"/>
      <c r="AM1342" s="137"/>
      <c r="AN1342" s="137"/>
      <c r="AO1342" s="137"/>
      <c r="AP1342" s="137"/>
      <c r="AQ1342" s="137"/>
      <c r="AR1342" s="137"/>
      <c r="AS1342" s="137"/>
      <c r="AT1342" s="137"/>
      <c r="AU1342" s="137"/>
      <c r="AV1342" s="137"/>
      <c r="AW1342" s="144"/>
    </row>
    <row r="1343" spans="7:49" x14ac:dyDescent="0.2">
      <c r="G1343" s="43"/>
      <c r="Z1343" s="143"/>
      <c r="AA1343" s="137"/>
      <c r="AB1343" s="137"/>
      <c r="AC1343" s="137"/>
      <c r="AD1343" s="137"/>
      <c r="AE1343" s="137"/>
      <c r="AF1343" s="137"/>
      <c r="AG1343" s="137"/>
      <c r="AH1343" s="137"/>
      <c r="AI1343" s="137"/>
      <c r="AJ1343" s="137"/>
      <c r="AK1343" s="137"/>
      <c r="AL1343" s="137"/>
      <c r="AM1343" s="137"/>
      <c r="AN1343" s="137"/>
      <c r="AO1343" s="137"/>
      <c r="AP1343" s="137"/>
      <c r="AQ1343" s="137"/>
      <c r="AR1343" s="137"/>
      <c r="AS1343" s="137"/>
      <c r="AT1343" s="137"/>
      <c r="AU1343" s="137"/>
      <c r="AV1343" s="137"/>
      <c r="AW1343" s="144"/>
    </row>
    <row r="1344" spans="7:49" x14ac:dyDescent="0.2">
      <c r="G1344" s="43"/>
      <c r="Z1344" s="143"/>
      <c r="AA1344" s="137"/>
      <c r="AB1344" s="137"/>
      <c r="AC1344" s="137"/>
      <c r="AD1344" s="137"/>
      <c r="AE1344" s="137"/>
      <c r="AF1344" s="137"/>
      <c r="AG1344" s="137"/>
      <c r="AH1344" s="137"/>
      <c r="AI1344" s="137"/>
      <c r="AJ1344" s="137"/>
      <c r="AK1344" s="137"/>
      <c r="AL1344" s="137"/>
      <c r="AM1344" s="137"/>
      <c r="AN1344" s="137"/>
      <c r="AO1344" s="137"/>
      <c r="AP1344" s="137"/>
      <c r="AQ1344" s="137"/>
      <c r="AR1344" s="137"/>
      <c r="AS1344" s="137"/>
      <c r="AT1344" s="137"/>
      <c r="AU1344" s="137"/>
      <c r="AV1344" s="137"/>
      <c r="AW1344" s="144"/>
    </row>
    <row r="1345" spans="7:49" x14ac:dyDescent="0.2">
      <c r="G1345" s="43"/>
      <c r="Z1345" s="143"/>
      <c r="AA1345" s="137"/>
      <c r="AB1345" s="137"/>
      <c r="AC1345" s="137"/>
      <c r="AD1345" s="137"/>
      <c r="AE1345" s="137"/>
      <c r="AF1345" s="137"/>
      <c r="AG1345" s="137"/>
      <c r="AH1345" s="137"/>
      <c r="AI1345" s="137"/>
      <c r="AJ1345" s="137"/>
      <c r="AK1345" s="137"/>
      <c r="AL1345" s="137"/>
      <c r="AM1345" s="137"/>
      <c r="AN1345" s="137"/>
      <c r="AO1345" s="137"/>
      <c r="AP1345" s="137"/>
      <c r="AQ1345" s="137"/>
      <c r="AR1345" s="137"/>
      <c r="AS1345" s="137"/>
      <c r="AT1345" s="137"/>
      <c r="AU1345" s="137"/>
      <c r="AV1345" s="137"/>
      <c r="AW1345" s="144"/>
    </row>
    <row r="1346" spans="7:49" x14ac:dyDescent="0.2">
      <c r="G1346" s="43"/>
      <c r="Z1346" s="143"/>
      <c r="AA1346" s="137"/>
      <c r="AB1346" s="137"/>
      <c r="AC1346" s="137"/>
      <c r="AD1346" s="137"/>
      <c r="AE1346" s="137"/>
      <c r="AF1346" s="137"/>
      <c r="AG1346" s="137"/>
      <c r="AH1346" s="137"/>
      <c r="AI1346" s="137"/>
      <c r="AJ1346" s="137"/>
      <c r="AK1346" s="137"/>
      <c r="AL1346" s="137"/>
      <c r="AM1346" s="137"/>
      <c r="AN1346" s="137"/>
      <c r="AO1346" s="137"/>
      <c r="AP1346" s="137"/>
      <c r="AQ1346" s="137"/>
      <c r="AR1346" s="137"/>
      <c r="AS1346" s="137"/>
      <c r="AT1346" s="137"/>
      <c r="AU1346" s="137"/>
      <c r="AV1346" s="137"/>
      <c r="AW1346" s="144"/>
    </row>
    <row r="1347" spans="7:49" x14ac:dyDescent="0.2">
      <c r="G1347" s="43"/>
      <c r="Z1347" s="143"/>
      <c r="AA1347" s="137"/>
      <c r="AB1347" s="137"/>
      <c r="AC1347" s="137"/>
      <c r="AD1347" s="137"/>
      <c r="AE1347" s="137"/>
      <c r="AF1347" s="137"/>
      <c r="AG1347" s="137"/>
      <c r="AH1347" s="137"/>
      <c r="AI1347" s="137"/>
      <c r="AJ1347" s="137"/>
      <c r="AK1347" s="137"/>
      <c r="AL1347" s="137"/>
      <c r="AM1347" s="137"/>
      <c r="AN1347" s="137"/>
      <c r="AO1347" s="137"/>
      <c r="AP1347" s="137"/>
      <c r="AQ1347" s="137"/>
      <c r="AR1347" s="137"/>
      <c r="AS1347" s="137"/>
      <c r="AT1347" s="137"/>
      <c r="AU1347" s="137"/>
      <c r="AV1347" s="137"/>
      <c r="AW1347" s="144"/>
    </row>
    <row r="1348" spans="7:49" x14ac:dyDescent="0.2">
      <c r="G1348" s="43"/>
      <c r="Z1348" s="143"/>
      <c r="AA1348" s="137"/>
      <c r="AB1348" s="137"/>
      <c r="AC1348" s="137"/>
      <c r="AD1348" s="137"/>
      <c r="AE1348" s="137"/>
      <c r="AF1348" s="137"/>
      <c r="AG1348" s="137"/>
      <c r="AH1348" s="137"/>
      <c r="AI1348" s="137"/>
      <c r="AJ1348" s="137"/>
      <c r="AK1348" s="137"/>
      <c r="AL1348" s="137"/>
      <c r="AM1348" s="137"/>
      <c r="AN1348" s="137"/>
      <c r="AO1348" s="137"/>
      <c r="AP1348" s="137"/>
      <c r="AQ1348" s="137"/>
      <c r="AR1348" s="137"/>
      <c r="AS1348" s="137"/>
      <c r="AT1348" s="137"/>
      <c r="AU1348" s="137"/>
      <c r="AV1348" s="137"/>
      <c r="AW1348" s="144"/>
    </row>
    <row r="1349" spans="7:49" x14ac:dyDescent="0.2">
      <c r="G1349" s="43"/>
      <c r="Z1349" s="143"/>
      <c r="AA1349" s="137"/>
      <c r="AB1349" s="137"/>
      <c r="AC1349" s="137"/>
      <c r="AD1349" s="137"/>
      <c r="AE1349" s="137"/>
      <c r="AF1349" s="137"/>
      <c r="AG1349" s="137"/>
      <c r="AH1349" s="137"/>
      <c r="AI1349" s="137"/>
      <c r="AJ1349" s="137"/>
      <c r="AK1349" s="137"/>
      <c r="AL1349" s="137"/>
      <c r="AM1349" s="137"/>
      <c r="AN1349" s="137"/>
      <c r="AO1349" s="137"/>
      <c r="AP1349" s="137"/>
      <c r="AQ1349" s="137"/>
      <c r="AR1349" s="137"/>
      <c r="AS1349" s="137"/>
      <c r="AT1349" s="137"/>
      <c r="AU1349" s="137"/>
      <c r="AV1349" s="137"/>
      <c r="AW1349" s="144"/>
    </row>
    <row r="1350" spans="7:49" x14ac:dyDescent="0.2">
      <c r="G1350" s="43"/>
      <c r="Z1350" s="143"/>
      <c r="AA1350" s="137"/>
      <c r="AB1350" s="137"/>
      <c r="AC1350" s="137"/>
      <c r="AD1350" s="137"/>
      <c r="AE1350" s="137"/>
      <c r="AF1350" s="137"/>
      <c r="AG1350" s="137"/>
      <c r="AH1350" s="137"/>
      <c r="AI1350" s="137"/>
      <c r="AJ1350" s="137"/>
      <c r="AK1350" s="137"/>
      <c r="AL1350" s="137"/>
      <c r="AM1350" s="137"/>
      <c r="AN1350" s="137"/>
      <c r="AO1350" s="137"/>
      <c r="AP1350" s="137"/>
      <c r="AQ1350" s="137"/>
      <c r="AR1350" s="137"/>
      <c r="AS1350" s="137"/>
      <c r="AT1350" s="137"/>
      <c r="AU1350" s="137"/>
      <c r="AV1350" s="137"/>
      <c r="AW1350" s="144"/>
    </row>
    <row r="1351" spans="7:49" x14ac:dyDescent="0.2">
      <c r="G1351" s="43"/>
      <c r="Z1351" s="143"/>
      <c r="AA1351" s="137"/>
      <c r="AB1351" s="137"/>
      <c r="AC1351" s="137"/>
      <c r="AD1351" s="137"/>
      <c r="AE1351" s="137"/>
      <c r="AF1351" s="137"/>
      <c r="AG1351" s="137"/>
      <c r="AH1351" s="137"/>
      <c r="AI1351" s="137"/>
      <c r="AJ1351" s="137"/>
      <c r="AK1351" s="137"/>
      <c r="AL1351" s="137"/>
      <c r="AM1351" s="137"/>
      <c r="AN1351" s="137"/>
      <c r="AO1351" s="137"/>
      <c r="AP1351" s="137"/>
      <c r="AQ1351" s="137"/>
      <c r="AR1351" s="137"/>
      <c r="AS1351" s="137"/>
      <c r="AT1351" s="137"/>
      <c r="AU1351" s="137"/>
      <c r="AV1351" s="137"/>
      <c r="AW1351" s="144"/>
    </row>
    <row r="1352" spans="7:49" x14ac:dyDescent="0.2">
      <c r="G1352" s="43"/>
      <c r="Z1352" s="143"/>
      <c r="AA1352" s="137"/>
      <c r="AB1352" s="137"/>
      <c r="AC1352" s="137"/>
      <c r="AD1352" s="137"/>
      <c r="AE1352" s="137"/>
      <c r="AF1352" s="137"/>
      <c r="AG1352" s="137"/>
      <c r="AH1352" s="137"/>
      <c r="AI1352" s="137"/>
      <c r="AJ1352" s="137"/>
      <c r="AK1352" s="137"/>
      <c r="AL1352" s="137"/>
      <c r="AM1352" s="137"/>
      <c r="AN1352" s="137"/>
      <c r="AO1352" s="137"/>
      <c r="AP1352" s="137"/>
      <c r="AQ1352" s="137"/>
      <c r="AR1352" s="137"/>
      <c r="AS1352" s="137"/>
      <c r="AT1352" s="137"/>
      <c r="AU1352" s="137"/>
      <c r="AV1352" s="137"/>
      <c r="AW1352" s="144"/>
    </row>
    <row r="1353" spans="7:49" x14ac:dyDescent="0.2">
      <c r="G1353" s="43"/>
      <c r="Z1353" s="143"/>
      <c r="AA1353" s="137"/>
      <c r="AB1353" s="137"/>
      <c r="AC1353" s="137"/>
      <c r="AD1353" s="137"/>
      <c r="AE1353" s="137"/>
      <c r="AF1353" s="137"/>
      <c r="AG1353" s="137"/>
      <c r="AH1353" s="137"/>
      <c r="AI1353" s="137"/>
      <c r="AJ1353" s="137"/>
      <c r="AK1353" s="137"/>
      <c r="AL1353" s="137"/>
      <c r="AM1353" s="137"/>
      <c r="AN1353" s="137"/>
      <c r="AO1353" s="137"/>
      <c r="AP1353" s="137"/>
      <c r="AQ1353" s="137"/>
      <c r="AR1353" s="137"/>
      <c r="AS1353" s="137"/>
      <c r="AT1353" s="137"/>
      <c r="AU1353" s="137"/>
      <c r="AV1353" s="137"/>
      <c r="AW1353" s="144"/>
    </row>
    <row r="1354" spans="7:49" x14ac:dyDescent="0.2">
      <c r="G1354" s="43"/>
      <c r="Z1354" s="143"/>
      <c r="AA1354" s="137"/>
      <c r="AB1354" s="137"/>
      <c r="AC1354" s="137"/>
      <c r="AD1354" s="137"/>
      <c r="AE1354" s="137"/>
      <c r="AF1354" s="137"/>
      <c r="AG1354" s="137"/>
      <c r="AH1354" s="137"/>
      <c r="AI1354" s="137"/>
      <c r="AJ1354" s="137"/>
      <c r="AK1354" s="137"/>
      <c r="AL1354" s="137"/>
      <c r="AM1354" s="137"/>
      <c r="AN1354" s="137"/>
      <c r="AO1354" s="137"/>
      <c r="AP1354" s="137"/>
      <c r="AQ1354" s="137"/>
      <c r="AR1354" s="137"/>
      <c r="AS1354" s="137"/>
      <c r="AT1354" s="137"/>
      <c r="AU1354" s="137"/>
      <c r="AV1354" s="137"/>
      <c r="AW1354" s="144"/>
    </row>
    <row r="1355" spans="7:49" x14ac:dyDescent="0.2">
      <c r="G1355" s="43"/>
      <c r="Z1355" s="143"/>
      <c r="AA1355" s="137"/>
      <c r="AB1355" s="137"/>
      <c r="AC1355" s="137"/>
      <c r="AD1355" s="137"/>
      <c r="AE1355" s="137"/>
      <c r="AF1355" s="137"/>
      <c r="AG1355" s="137"/>
      <c r="AH1355" s="137"/>
      <c r="AI1355" s="137"/>
      <c r="AJ1355" s="137"/>
      <c r="AK1355" s="137"/>
      <c r="AL1355" s="137"/>
      <c r="AM1355" s="137"/>
      <c r="AN1355" s="137"/>
      <c r="AO1355" s="137"/>
      <c r="AP1355" s="137"/>
      <c r="AQ1355" s="137"/>
      <c r="AR1355" s="137"/>
      <c r="AS1355" s="137"/>
      <c r="AT1355" s="137"/>
      <c r="AU1355" s="137"/>
      <c r="AV1355" s="137"/>
      <c r="AW1355" s="144"/>
    </row>
    <row r="1356" spans="7:49" x14ac:dyDescent="0.2">
      <c r="G1356" s="43"/>
      <c r="Z1356" s="143"/>
      <c r="AA1356" s="137"/>
      <c r="AB1356" s="137"/>
      <c r="AC1356" s="137"/>
      <c r="AD1356" s="137"/>
      <c r="AE1356" s="137"/>
      <c r="AF1356" s="137"/>
      <c r="AG1356" s="137"/>
      <c r="AH1356" s="137"/>
      <c r="AI1356" s="137"/>
      <c r="AJ1356" s="137"/>
      <c r="AK1356" s="137"/>
      <c r="AL1356" s="137"/>
      <c r="AM1356" s="137"/>
      <c r="AN1356" s="137"/>
      <c r="AO1356" s="137"/>
      <c r="AP1356" s="137"/>
      <c r="AQ1356" s="137"/>
      <c r="AR1356" s="137"/>
      <c r="AS1356" s="137"/>
      <c r="AT1356" s="137"/>
      <c r="AU1356" s="137"/>
      <c r="AV1356" s="137"/>
      <c r="AW1356" s="144"/>
    </row>
    <row r="1357" spans="7:49" x14ac:dyDescent="0.2">
      <c r="G1357" s="43"/>
      <c r="Z1357" s="143"/>
      <c r="AA1357" s="137"/>
      <c r="AB1357" s="137"/>
      <c r="AC1357" s="137"/>
      <c r="AD1357" s="137"/>
      <c r="AE1357" s="137"/>
      <c r="AF1357" s="137"/>
      <c r="AG1357" s="137"/>
      <c r="AH1357" s="137"/>
      <c r="AI1357" s="137"/>
      <c r="AJ1357" s="137"/>
      <c r="AK1357" s="137"/>
      <c r="AL1357" s="137"/>
      <c r="AM1357" s="137"/>
      <c r="AN1357" s="137"/>
      <c r="AO1357" s="137"/>
      <c r="AP1357" s="137"/>
      <c r="AQ1357" s="137"/>
      <c r="AR1357" s="137"/>
      <c r="AS1357" s="137"/>
      <c r="AT1357" s="137"/>
      <c r="AU1357" s="137"/>
      <c r="AV1357" s="137"/>
      <c r="AW1357" s="144"/>
    </row>
    <row r="1358" spans="7:49" x14ac:dyDescent="0.2">
      <c r="G1358" s="43"/>
      <c r="Z1358" s="143"/>
      <c r="AA1358" s="137"/>
      <c r="AB1358" s="137"/>
      <c r="AC1358" s="137"/>
      <c r="AD1358" s="137"/>
      <c r="AE1358" s="137"/>
      <c r="AF1358" s="137"/>
      <c r="AG1358" s="137"/>
      <c r="AH1358" s="137"/>
      <c r="AI1358" s="137"/>
      <c r="AJ1358" s="137"/>
      <c r="AK1358" s="137"/>
      <c r="AL1358" s="137"/>
      <c r="AM1358" s="137"/>
      <c r="AN1358" s="137"/>
      <c r="AO1358" s="137"/>
      <c r="AP1358" s="137"/>
      <c r="AQ1358" s="137"/>
      <c r="AR1358" s="137"/>
      <c r="AS1358" s="137"/>
      <c r="AT1358" s="137"/>
      <c r="AU1358" s="137"/>
      <c r="AV1358" s="137"/>
      <c r="AW1358" s="144"/>
    </row>
    <row r="1359" spans="7:49" x14ac:dyDescent="0.2">
      <c r="G1359" s="43"/>
      <c r="Z1359" s="143"/>
      <c r="AA1359" s="137"/>
      <c r="AB1359" s="137"/>
      <c r="AC1359" s="137"/>
      <c r="AD1359" s="137"/>
      <c r="AE1359" s="137"/>
      <c r="AF1359" s="137"/>
      <c r="AG1359" s="137"/>
      <c r="AH1359" s="137"/>
      <c r="AI1359" s="137"/>
      <c r="AJ1359" s="137"/>
      <c r="AK1359" s="137"/>
      <c r="AL1359" s="137"/>
      <c r="AM1359" s="137"/>
      <c r="AN1359" s="137"/>
      <c r="AO1359" s="137"/>
      <c r="AP1359" s="137"/>
      <c r="AQ1359" s="137"/>
      <c r="AR1359" s="137"/>
      <c r="AS1359" s="137"/>
      <c r="AT1359" s="137"/>
      <c r="AU1359" s="137"/>
      <c r="AV1359" s="137"/>
      <c r="AW1359" s="144"/>
    </row>
    <row r="1360" spans="7:49" x14ac:dyDescent="0.2">
      <c r="G1360" s="43"/>
      <c r="Z1360" s="143"/>
      <c r="AA1360" s="137"/>
      <c r="AB1360" s="137"/>
      <c r="AC1360" s="137"/>
      <c r="AD1360" s="137"/>
      <c r="AE1360" s="137"/>
      <c r="AF1360" s="137"/>
      <c r="AG1360" s="137"/>
      <c r="AH1360" s="137"/>
      <c r="AI1360" s="137"/>
      <c r="AJ1360" s="137"/>
      <c r="AK1360" s="137"/>
      <c r="AL1360" s="137"/>
      <c r="AM1360" s="137"/>
      <c r="AN1360" s="137"/>
      <c r="AO1360" s="137"/>
      <c r="AP1360" s="137"/>
      <c r="AQ1360" s="137"/>
      <c r="AR1360" s="137"/>
      <c r="AS1360" s="137"/>
      <c r="AT1360" s="137"/>
      <c r="AU1360" s="137"/>
      <c r="AV1360" s="137"/>
      <c r="AW1360" s="144"/>
    </row>
    <row r="1361" spans="7:49" x14ac:dyDescent="0.2">
      <c r="G1361" s="43"/>
      <c r="Z1361" s="143"/>
      <c r="AA1361" s="137"/>
      <c r="AB1361" s="137"/>
      <c r="AC1361" s="137"/>
      <c r="AD1361" s="137"/>
      <c r="AE1361" s="137"/>
      <c r="AF1361" s="137"/>
      <c r="AG1361" s="137"/>
      <c r="AH1361" s="137"/>
      <c r="AI1361" s="137"/>
      <c r="AJ1361" s="137"/>
      <c r="AK1361" s="137"/>
      <c r="AL1361" s="137"/>
      <c r="AM1361" s="137"/>
      <c r="AN1361" s="137"/>
      <c r="AO1361" s="137"/>
      <c r="AP1361" s="137"/>
      <c r="AQ1361" s="137"/>
      <c r="AR1361" s="137"/>
      <c r="AS1361" s="137"/>
      <c r="AT1361" s="137"/>
      <c r="AU1361" s="137"/>
      <c r="AV1361" s="137"/>
      <c r="AW1361" s="144"/>
    </row>
    <row r="1362" spans="7:49" x14ac:dyDescent="0.2">
      <c r="G1362" s="43"/>
      <c r="Z1362" s="143"/>
      <c r="AA1362" s="137"/>
      <c r="AB1362" s="137"/>
      <c r="AC1362" s="137"/>
      <c r="AD1362" s="137"/>
      <c r="AE1362" s="137"/>
      <c r="AF1362" s="137"/>
      <c r="AG1362" s="137"/>
      <c r="AH1362" s="137"/>
      <c r="AI1362" s="137"/>
      <c r="AJ1362" s="137"/>
      <c r="AK1362" s="137"/>
      <c r="AL1362" s="137"/>
      <c r="AM1362" s="137"/>
      <c r="AN1362" s="137"/>
      <c r="AO1362" s="137"/>
      <c r="AP1362" s="137"/>
      <c r="AQ1362" s="137"/>
      <c r="AR1362" s="137"/>
      <c r="AS1362" s="137"/>
      <c r="AT1362" s="137"/>
      <c r="AU1362" s="137"/>
      <c r="AV1362" s="137"/>
      <c r="AW1362" s="144"/>
    </row>
    <row r="1363" spans="7:49" x14ac:dyDescent="0.2">
      <c r="G1363" s="43"/>
      <c r="Z1363" s="143"/>
      <c r="AA1363" s="137"/>
      <c r="AB1363" s="137"/>
      <c r="AC1363" s="137"/>
      <c r="AD1363" s="137"/>
      <c r="AE1363" s="137"/>
      <c r="AF1363" s="137"/>
      <c r="AG1363" s="137"/>
      <c r="AH1363" s="137"/>
      <c r="AI1363" s="137"/>
      <c r="AJ1363" s="137"/>
      <c r="AK1363" s="137"/>
      <c r="AL1363" s="137"/>
      <c r="AM1363" s="137"/>
      <c r="AN1363" s="137"/>
      <c r="AO1363" s="137"/>
      <c r="AP1363" s="137"/>
      <c r="AQ1363" s="137"/>
      <c r="AR1363" s="137"/>
      <c r="AS1363" s="137"/>
      <c r="AT1363" s="137"/>
      <c r="AU1363" s="137"/>
      <c r="AV1363" s="137"/>
      <c r="AW1363" s="144"/>
    </row>
    <row r="1364" spans="7:49" x14ac:dyDescent="0.2">
      <c r="G1364" s="43"/>
      <c r="Z1364" s="143"/>
      <c r="AA1364" s="137"/>
      <c r="AB1364" s="137"/>
      <c r="AC1364" s="137"/>
      <c r="AD1364" s="137"/>
      <c r="AE1364" s="137"/>
      <c r="AF1364" s="137"/>
      <c r="AG1364" s="137"/>
      <c r="AH1364" s="137"/>
      <c r="AI1364" s="137"/>
      <c r="AJ1364" s="137"/>
      <c r="AK1364" s="137"/>
      <c r="AL1364" s="137"/>
      <c r="AM1364" s="137"/>
      <c r="AN1364" s="137"/>
      <c r="AO1364" s="137"/>
      <c r="AP1364" s="137"/>
      <c r="AQ1364" s="137"/>
      <c r="AR1364" s="137"/>
      <c r="AS1364" s="137"/>
      <c r="AT1364" s="137"/>
      <c r="AU1364" s="137"/>
      <c r="AV1364" s="137"/>
      <c r="AW1364" s="144"/>
    </row>
    <row r="1365" spans="7:49" x14ac:dyDescent="0.2">
      <c r="G1365" s="43"/>
      <c r="Z1365" s="143"/>
      <c r="AA1365" s="137"/>
      <c r="AB1365" s="137"/>
      <c r="AC1365" s="137"/>
      <c r="AD1365" s="137"/>
      <c r="AE1365" s="137"/>
      <c r="AF1365" s="137"/>
      <c r="AG1365" s="137"/>
      <c r="AH1365" s="137"/>
      <c r="AI1365" s="137"/>
      <c r="AJ1365" s="137"/>
      <c r="AK1365" s="137"/>
      <c r="AL1365" s="137"/>
      <c r="AM1365" s="137"/>
      <c r="AN1365" s="137"/>
      <c r="AO1365" s="137"/>
      <c r="AP1365" s="137"/>
      <c r="AQ1365" s="137"/>
      <c r="AR1365" s="137"/>
      <c r="AS1365" s="137"/>
      <c r="AT1365" s="137"/>
      <c r="AU1365" s="137"/>
      <c r="AV1365" s="137"/>
      <c r="AW1365" s="144"/>
    </row>
    <row r="1366" spans="7:49" x14ac:dyDescent="0.2">
      <c r="G1366" s="43"/>
      <c r="Z1366" s="143"/>
      <c r="AA1366" s="137"/>
      <c r="AB1366" s="137"/>
      <c r="AC1366" s="137"/>
      <c r="AD1366" s="137"/>
      <c r="AE1366" s="137"/>
      <c r="AF1366" s="137"/>
      <c r="AG1366" s="137"/>
      <c r="AH1366" s="137"/>
      <c r="AI1366" s="137"/>
      <c r="AJ1366" s="137"/>
      <c r="AK1366" s="137"/>
      <c r="AL1366" s="137"/>
      <c r="AM1366" s="137"/>
      <c r="AN1366" s="137"/>
      <c r="AO1366" s="137"/>
      <c r="AP1366" s="137"/>
      <c r="AQ1366" s="137"/>
      <c r="AR1366" s="137"/>
      <c r="AS1366" s="137"/>
      <c r="AT1366" s="137"/>
      <c r="AU1366" s="137"/>
      <c r="AV1366" s="137"/>
      <c r="AW1366" s="144"/>
    </row>
    <row r="1367" spans="7:49" x14ac:dyDescent="0.2">
      <c r="G1367" s="43"/>
      <c r="Z1367" s="143"/>
      <c r="AA1367" s="137"/>
      <c r="AB1367" s="137"/>
      <c r="AC1367" s="137"/>
      <c r="AD1367" s="137"/>
      <c r="AE1367" s="137"/>
      <c r="AF1367" s="137"/>
      <c r="AG1367" s="137"/>
      <c r="AH1367" s="137"/>
      <c r="AI1367" s="137"/>
      <c r="AJ1367" s="137"/>
      <c r="AK1367" s="137"/>
      <c r="AL1367" s="137"/>
      <c r="AM1367" s="137"/>
      <c r="AN1367" s="137"/>
      <c r="AO1367" s="137"/>
      <c r="AP1367" s="137"/>
      <c r="AQ1367" s="137"/>
      <c r="AR1367" s="137"/>
      <c r="AS1367" s="137"/>
      <c r="AT1367" s="137"/>
      <c r="AU1367" s="137"/>
      <c r="AV1367" s="137"/>
      <c r="AW1367" s="144"/>
    </row>
    <row r="1368" spans="7:49" x14ac:dyDescent="0.2">
      <c r="G1368" s="43"/>
      <c r="Z1368" s="143"/>
      <c r="AA1368" s="137"/>
      <c r="AB1368" s="137"/>
      <c r="AC1368" s="137"/>
      <c r="AD1368" s="137"/>
      <c r="AE1368" s="137"/>
      <c r="AF1368" s="137"/>
      <c r="AG1368" s="137"/>
      <c r="AH1368" s="137"/>
      <c r="AI1368" s="137"/>
      <c r="AJ1368" s="137"/>
      <c r="AK1368" s="137"/>
      <c r="AL1368" s="137"/>
      <c r="AM1368" s="137"/>
      <c r="AN1368" s="137"/>
      <c r="AO1368" s="137"/>
      <c r="AP1368" s="137"/>
      <c r="AQ1368" s="137"/>
      <c r="AR1368" s="137"/>
      <c r="AS1368" s="137"/>
      <c r="AT1368" s="137"/>
      <c r="AU1368" s="137"/>
      <c r="AV1368" s="137"/>
      <c r="AW1368" s="144"/>
    </row>
    <row r="1369" spans="7:49" x14ac:dyDescent="0.2">
      <c r="G1369" s="43"/>
      <c r="Z1369" s="143"/>
      <c r="AA1369" s="137"/>
      <c r="AB1369" s="137"/>
      <c r="AC1369" s="137"/>
      <c r="AD1369" s="137"/>
      <c r="AE1369" s="137"/>
      <c r="AF1369" s="137"/>
      <c r="AG1369" s="137"/>
      <c r="AH1369" s="137"/>
      <c r="AI1369" s="137"/>
      <c r="AJ1369" s="137"/>
      <c r="AK1369" s="137"/>
      <c r="AL1369" s="137"/>
      <c r="AM1369" s="137"/>
      <c r="AN1369" s="137"/>
      <c r="AO1369" s="137"/>
      <c r="AP1369" s="137"/>
      <c r="AQ1369" s="137"/>
      <c r="AR1369" s="137"/>
      <c r="AS1369" s="137"/>
      <c r="AT1369" s="137"/>
      <c r="AU1369" s="137"/>
      <c r="AV1369" s="137"/>
      <c r="AW1369" s="144"/>
    </row>
    <row r="1370" spans="7:49" x14ac:dyDescent="0.2">
      <c r="G1370" s="43"/>
      <c r="Z1370" s="143"/>
      <c r="AA1370" s="137"/>
      <c r="AB1370" s="137"/>
      <c r="AC1370" s="137"/>
      <c r="AD1370" s="137"/>
      <c r="AE1370" s="137"/>
      <c r="AF1370" s="137"/>
      <c r="AG1370" s="137"/>
      <c r="AH1370" s="137"/>
      <c r="AI1370" s="137"/>
      <c r="AJ1370" s="137"/>
      <c r="AK1370" s="137"/>
      <c r="AL1370" s="137"/>
      <c r="AM1370" s="137"/>
      <c r="AN1370" s="137"/>
      <c r="AO1370" s="137"/>
      <c r="AP1370" s="137"/>
      <c r="AQ1370" s="137"/>
      <c r="AR1370" s="137"/>
      <c r="AS1370" s="137"/>
      <c r="AT1370" s="137"/>
      <c r="AU1370" s="137"/>
      <c r="AV1370" s="137"/>
      <c r="AW1370" s="144"/>
    </row>
    <row r="1371" spans="7:49" x14ac:dyDescent="0.2">
      <c r="G1371" s="43"/>
      <c r="Z1371" s="143"/>
      <c r="AA1371" s="137"/>
      <c r="AB1371" s="137"/>
      <c r="AC1371" s="137"/>
      <c r="AD1371" s="137"/>
      <c r="AE1371" s="137"/>
      <c r="AF1371" s="137"/>
      <c r="AG1371" s="137"/>
      <c r="AH1371" s="137"/>
      <c r="AI1371" s="137"/>
      <c r="AJ1371" s="137"/>
      <c r="AK1371" s="137"/>
      <c r="AL1371" s="137"/>
      <c r="AM1371" s="137"/>
      <c r="AN1371" s="137"/>
      <c r="AO1371" s="137"/>
      <c r="AP1371" s="137"/>
      <c r="AQ1371" s="137"/>
      <c r="AR1371" s="137"/>
      <c r="AS1371" s="137"/>
      <c r="AT1371" s="137"/>
      <c r="AU1371" s="137"/>
      <c r="AV1371" s="137"/>
      <c r="AW1371" s="144"/>
    </row>
    <row r="1372" spans="7:49" x14ac:dyDescent="0.2">
      <c r="G1372" s="43"/>
      <c r="Z1372" s="143"/>
      <c r="AA1372" s="137"/>
      <c r="AB1372" s="137"/>
      <c r="AC1372" s="137"/>
      <c r="AD1372" s="137"/>
      <c r="AE1372" s="137"/>
      <c r="AF1372" s="137"/>
      <c r="AG1372" s="137"/>
      <c r="AH1372" s="137"/>
      <c r="AI1372" s="137"/>
      <c r="AJ1372" s="137"/>
      <c r="AK1372" s="137"/>
      <c r="AL1372" s="137"/>
      <c r="AM1372" s="137"/>
      <c r="AN1372" s="137"/>
      <c r="AO1372" s="137"/>
      <c r="AP1372" s="137"/>
      <c r="AQ1372" s="137"/>
      <c r="AR1372" s="137"/>
      <c r="AS1372" s="137"/>
      <c r="AT1372" s="137"/>
      <c r="AU1372" s="137"/>
      <c r="AV1372" s="137"/>
      <c r="AW1372" s="144"/>
    </row>
    <row r="1373" spans="7:49" x14ac:dyDescent="0.2">
      <c r="G1373" s="43"/>
      <c r="Z1373" s="143"/>
      <c r="AA1373" s="137"/>
      <c r="AB1373" s="137"/>
      <c r="AC1373" s="137"/>
      <c r="AD1373" s="137"/>
      <c r="AE1373" s="137"/>
      <c r="AF1373" s="137"/>
      <c r="AG1373" s="137"/>
      <c r="AH1373" s="137"/>
      <c r="AI1373" s="137"/>
      <c r="AJ1373" s="137"/>
      <c r="AK1373" s="137"/>
      <c r="AL1373" s="137"/>
      <c r="AM1373" s="137"/>
      <c r="AN1373" s="137"/>
      <c r="AO1373" s="137"/>
      <c r="AP1373" s="137"/>
      <c r="AQ1373" s="137"/>
      <c r="AR1373" s="137"/>
      <c r="AS1373" s="137"/>
      <c r="AT1373" s="137"/>
      <c r="AU1373" s="137"/>
      <c r="AV1373" s="137"/>
      <c r="AW1373" s="144"/>
    </row>
    <row r="1374" spans="7:49" x14ac:dyDescent="0.2">
      <c r="G1374" s="43"/>
      <c r="Z1374" s="143"/>
      <c r="AA1374" s="137"/>
      <c r="AB1374" s="137"/>
      <c r="AC1374" s="137"/>
      <c r="AD1374" s="137"/>
      <c r="AE1374" s="137"/>
      <c r="AF1374" s="137"/>
      <c r="AG1374" s="137"/>
      <c r="AH1374" s="137"/>
      <c r="AI1374" s="137"/>
      <c r="AJ1374" s="137"/>
      <c r="AK1374" s="137"/>
      <c r="AL1374" s="137"/>
      <c r="AM1374" s="137"/>
      <c r="AN1374" s="137"/>
      <c r="AO1374" s="137"/>
      <c r="AP1374" s="137"/>
      <c r="AQ1374" s="137"/>
      <c r="AR1374" s="137"/>
      <c r="AS1374" s="137"/>
      <c r="AT1374" s="137"/>
      <c r="AU1374" s="137"/>
      <c r="AV1374" s="137"/>
      <c r="AW1374" s="144"/>
    </row>
    <row r="1375" spans="7:49" x14ac:dyDescent="0.2">
      <c r="G1375" s="43"/>
      <c r="Z1375" s="143"/>
      <c r="AA1375" s="137"/>
      <c r="AB1375" s="137"/>
      <c r="AC1375" s="137"/>
      <c r="AD1375" s="137"/>
      <c r="AE1375" s="137"/>
      <c r="AF1375" s="137"/>
      <c r="AG1375" s="137"/>
      <c r="AH1375" s="137"/>
      <c r="AI1375" s="137"/>
      <c r="AJ1375" s="137"/>
      <c r="AK1375" s="137"/>
      <c r="AL1375" s="137"/>
      <c r="AM1375" s="137"/>
      <c r="AN1375" s="137"/>
      <c r="AO1375" s="137"/>
      <c r="AP1375" s="137"/>
      <c r="AQ1375" s="137"/>
      <c r="AR1375" s="137"/>
      <c r="AS1375" s="137"/>
      <c r="AT1375" s="137"/>
      <c r="AU1375" s="137"/>
      <c r="AV1375" s="137"/>
      <c r="AW1375" s="144"/>
    </row>
    <row r="1376" spans="7:49" x14ac:dyDescent="0.2">
      <c r="G1376" s="43"/>
      <c r="Z1376" s="143"/>
      <c r="AA1376" s="137"/>
      <c r="AB1376" s="137"/>
      <c r="AC1376" s="137"/>
      <c r="AD1376" s="137"/>
      <c r="AE1376" s="137"/>
      <c r="AF1376" s="137"/>
      <c r="AG1376" s="137"/>
      <c r="AH1376" s="137"/>
      <c r="AI1376" s="137"/>
      <c r="AJ1376" s="137"/>
      <c r="AK1376" s="137"/>
      <c r="AL1376" s="137"/>
      <c r="AM1376" s="137"/>
      <c r="AN1376" s="137"/>
      <c r="AO1376" s="137"/>
      <c r="AP1376" s="137"/>
      <c r="AQ1376" s="137"/>
      <c r="AR1376" s="137"/>
      <c r="AS1376" s="137"/>
      <c r="AT1376" s="137"/>
      <c r="AU1376" s="137"/>
      <c r="AV1376" s="137"/>
      <c r="AW1376" s="144"/>
    </row>
    <row r="1377" spans="7:49" x14ac:dyDescent="0.2">
      <c r="G1377" s="43"/>
      <c r="Z1377" s="143"/>
      <c r="AA1377" s="137"/>
      <c r="AB1377" s="137"/>
      <c r="AC1377" s="137"/>
      <c r="AD1377" s="137"/>
      <c r="AE1377" s="137"/>
      <c r="AF1377" s="137"/>
      <c r="AG1377" s="137"/>
      <c r="AH1377" s="137"/>
      <c r="AI1377" s="137"/>
      <c r="AJ1377" s="137"/>
      <c r="AK1377" s="137"/>
      <c r="AL1377" s="137"/>
      <c r="AM1377" s="137"/>
      <c r="AN1377" s="137"/>
      <c r="AO1377" s="137"/>
      <c r="AP1377" s="137"/>
      <c r="AQ1377" s="137"/>
      <c r="AR1377" s="137"/>
      <c r="AS1377" s="137"/>
      <c r="AT1377" s="137"/>
      <c r="AU1377" s="137"/>
      <c r="AV1377" s="137"/>
      <c r="AW1377" s="144"/>
    </row>
    <row r="1378" spans="7:49" x14ac:dyDescent="0.2">
      <c r="G1378" s="43"/>
      <c r="Z1378" s="143"/>
      <c r="AA1378" s="137"/>
      <c r="AB1378" s="137"/>
      <c r="AC1378" s="137"/>
      <c r="AD1378" s="137"/>
      <c r="AE1378" s="137"/>
      <c r="AF1378" s="137"/>
      <c r="AG1378" s="137"/>
      <c r="AH1378" s="137"/>
      <c r="AI1378" s="137"/>
      <c r="AJ1378" s="137"/>
      <c r="AK1378" s="137"/>
      <c r="AL1378" s="137"/>
      <c r="AM1378" s="137"/>
      <c r="AN1378" s="137"/>
      <c r="AO1378" s="137"/>
      <c r="AP1378" s="137"/>
      <c r="AQ1378" s="137"/>
      <c r="AR1378" s="137"/>
      <c r="AS1378" s="137"/>
      <c r="AT1378" s="137"/>
      <c r="AU1378" s="137"/>
      <c r="AV1378" s="137"/>
      <c r="AW1378" s="144"/>
    </row>
    <row r="1379" spans="7:49" x14ac:dyDescent="0.2">
      <c r="G1379" s="43"/>
      <c r="Z1379" s="143"/>
      <c r="AA1379" s="137"/>
      <c r="AB1379" s="137"/>
      <c r="AC1379" s="137"/>
      <c r="AD1379" s="137"/>
      <c r="AE1379" s="137"/>
      <c r="AF1379" s="137"/>
      <c r="AG1379" s="137"/>
      <c r="AH1379" s="137"/>
      <c r="AI1379" s="137"/>
      <c r="AJ1379" s="137"/>
      <c r="AK1379" s="137"/>
      <c r="AL1379" s="137"/>
      <c r="AM1379" s="137"/>
      <c r="AN1379" s="137"/>
      <c r="AO1379" s="137"/>
      <c r="AP1379" s="137"/>
      <c r="AQ1379" s="137"/>
      <c r="AR1379" s="137"/>
      <c r="AS1379" s="137"/>
      <c r="AT1379" s="137"/>
      <c r="AU1379" s="137"/>
      <c r="AV1379" s="137"/>
      <c r="AW1379" s="144"/>
    </row>
    <row r="1380" spans="7:49" x14ac:dyDescent="0.2">
      <c r="G1380" s="43"/>
      <c r="Z1380" s="143"/>
      <c r="AA1380" s="137"/>
      <c r="AB1380" s="137"/>
      <c r="AC1380" s="137"/>
      <c r="AD1380" s="137"/>
      <c r="AE1380" s="137"/>
      <c r="AF1380" s="137"/>
      <c r="AG1380" s="137"/>
      <c r="AH1380" s="137"/>
      <c r="AI1380" s="137"/>
      <c r="AJ1380" s="137"/>
      <c r="AK1380" s="137"/>
      <c r="AL1380" s="137"/>
      <c r="AM1380" s="137"/>
      <c r="AN1380" s="137"/>
      <c r="AO1380" s="137"/>
      <c r="AP1380" s="137"/>
      <c r="AQ1380" s="137"/>
      <c r="AR1380" s="137"/>
      <c r="AS1380" s="137"/>
      <c r="AT1380" s="137"/>
      <c r="AU1380" s="137"/>
      <c r="AV1380" s="137"/>
      <c r="AW1380" s="144"/>
    </row>
    <row r="1381" spans="7:49" x14ac:dyDescent="0.2">
      <c r="G1381" s="43"/>
      <c r="Z1381" s="143"/>
      <c r="AA1381" s="137"/>
      <c r="AB1381" s="137"/>
      <c r="AC1381" s="137"/>
      <c r="AD1381" s="137"/>
      <c r="AE1381" s="137"/>
      <c r="AF1381" s="137"/>
      <c r="AG1381" s="137"/>
      <c r="AH1381" s="137"/>
      <c r="AI1381" s="137"/>
      <c r="AJ1381" s="137"/>
      <c r="AK1381" s="137"/>
      <c r="AL1381" s="137"/>
      <c r="AM1381" s="137"/>
      <c r="AN1381" s="137"/>
      <c r="AO1381" s="137"/>
      <c r="AP1381" s="137"/>
      <c r="AQ1381" s="137"/>
      <c r="AR1381" s="137"/>
      <c r="AS1381" s="137"/>
      <c r="AT1381" s="137"/>
      <c r="AU1381" s="137"/>
      <c r="AV1381" s="137"/>
      <c r="AW1381" s="144"/>
    </row>
    <row r="1382" spans="7:49" x14ac:dyDescent="0.2">
      <c r="G1382" s="43"/>
      <c r="Z1382" s="143"/>
      <c r="AA1382" s="137"/>
      <c r="AB1382" s="137"/>
      <c r="AC1382" s="137"/>
      <c r="AD1382" s="137"/>
      <c r="AE1382" s="137"/>
      <c r="AF1382" s="137"/>
      <c r="AG1382" s="137"/>
      <c r="AH1382" s="137"/>
      <c r="AI1382" s="137"/>
      <c r="AJ1382" s="137"/>
      <c r="AK1382" s="137"/>
      <c r="AL1382" s="137"/>
      <c r="AM1382" s="137"/>
      <c r="AN1382" s="137"/>
      <c r="AO1382" s="137"/>
      <c r="AP1382" s="137"/>
      <c r="AQ1382" s="137"/>
      <c r="AR1382" s="137"/>
      <c r="AS1382" s="137"/>
      <c r="AT1382" s="137"/>
      <c r="AU1382" s="137"/>
      <c r="AV1382" s="137"/>
      <c r="AW1382" s="144"/>
    </row>
    <row r="1383" spans="7:49" x14ac:dyDescent="0.2">
      <c r="G1383" s="43"/>
      <c r="Z1383" s="143"/>
      <c r="AA1383" s="137"/>
      <c r="AB1383" s="137"/>
      <c r="AC1383" s="137"/>
      <c r="AD1383" s="137"/>
      <c r="AE1383" s="137"/>
      <c r="AF1383" s="137"/>
      <c r="AG1383" s="137"/>
      <c r="AH1383" s="137"/>
      <c r="AI1383" s="137"/>
      <c r="AJ1383" s="137"/>
      <c r="AK1383" s="137"/>
      <c r="AL1383" s="137"/>
      <c r="AM1383" s="137"/>
      <c r="AN1383" s="137"/>
      <c r="AO1383" s="137"/>
      <c r="AP1383" s="137"/>
      <c r="AQ1383" s="137"/>
      <c r="AR1383" s="137"/>
      <c r="AS1383" s="137"/>
      <c r="AT1383" s="137"/>
      <c r="AU1383" s="137"/>
      <c r="AV1383" s="137"/>
      <c r="AW1383" s="144"/>
    </row>
    <row r="1384" spans="7:49" x14ac:dyDescent="0.2">
      <c r="G1384" s="43"/>
      <c r="Z1384" s="143"/>
      <c r="AA1384" s="137"/>
      <c r="AB1384" s="137"/>
      <c r="AC1384" s="137"/>
      <c r="AD1384" s="137"/>
      <c r="AE1384" s="137"/>
      <c r="AF1384" s="137"/>
      <c r="AG1384" s="137"/>
      <c r="AH1384" s="137"/>
      <c r="AI1384" s="137"/>
      <c r="AJ1384" s="137"/>
      <c r="AK1384" s="137"/>
      <c r="AL1384" s="137"/>
      <c r="AM1384" s="137"/>
      <c r="AN1384" s="137"/>
      <c r="AO1384" s="137"/>
      <c r="AP1384" s="137"/>
      <c r="AQ1384" s="137"/>
      <c r="AR1384" s="137"/>
      <c r="AS1384" s="137"/>
      <c r="AT1384" s="137"/>
      <c r="AU1384" s="137"/>
      <c r="AV1384" s="137"/>
      <c r="AW1384" s="144"/>
    </row>
    <row r="1385" spans="7:49" x14ac:dyDescent="0.2">
      <c r="G1385" s="43"/>
      <c r="Z1385" s="143"/>
      <c r="AA1385" s="137"/>
      <c r="AB1385" s="137"/>
      <c r="AC1385" s="137"/>
      <c r="AD1385" s="137"/>
      <c r="AE1385" s="137"/>
      <c r="AF1385" s="137"/>
      <c r="AG1385" s="137"/>
      <c r="AH1385" s="137"/>
      <c r="AI1385" s="137"/>
      <c r="AJ1385" s="137"/>
      <c r="AK1385" s="137"/>
      <c r="AL1385" s="137"/>
      <c r="AM1385" s="137"/>
      <c r="AN1385" s="137"/>
      <c r="AO1385" s="137"/>
      <c r="AP1385" s="137"/>
      <c r="AQ1385" s="137"/>
      <c r="AR1385" s="137"/>
      <c r="AS1385" s="137"/>
      <c r="AT1385" s="137"/>
      <c r="AU1385" s="137"/>
      <c r="AV1385" s="137"/>
      <c r="AW1385" s="144"/>
    </row>
    <row r="1386" spans="7:49" x14ac:dyDescent="0.2">
      <c r="G1386" s="43"/>
      <c r="Z1386" s="143"/>
      <c r="AA1386" s="137"/>
      <c r="AB1386" s="137"/>
      <c r="AC1386" s="137"/>
      <c r="AD1386" s="137"/>
      <c r="AE1386" s="137"/>
      <c r="AF1386" s="137"/>
      <c r="AG1386" s="137"/>
      <c r="AH1386" s="137"/>
      <c r="AI1386" s="137"/>
      <c r="AJ1386" s="137"/>
      <c r="AK1386" s="137"/>
      <c r="AL1386" s="137"/>
      <c r="AM1386" s="137"/>
      <c r="AN1386" s="137"/>
      <c r="AO1386" s="137"/>
      <c r="AP1386" s="137"/>
      <c r="AQ1386" s="137"/>
      <c r="AR1386" s="137"/>
      <c r="AS1386" s="137"/>
      <c r="AT1386" s="137"/>
      <c r="AU1386" s="137"/>
      <c r="AV1386" s="137"/>
      <c r="AW1386" s="144"/>
    </row>
    <row r="1387" spans="7:49" x14ac:dyDescent="0.2">
      <c r="G1387" s="43"/>
      <c r="Z1387" s="143"/>
      <c r="AA1387" s="137"/>
      <c r="AB1387" s="137"/>
      <c r="AC1387" s="137"/>
      <c r="AD1387" s="137"/>
      <c r="AE1387" s="137"/>
      <c r="AF1387" s="137"/>
      <c r="AG1387" s="137"/>
      <c r="AH1387" s="137"/>
      <c r="AI1387" s="137"/>
      <c r="AJ1387" s="137"/>
      <c r="AK1387" s="137"/>
      <c r="AL1387" s="137"/>
      <c r="AM1387" s="137"/>
      <c r="AN1387" s="137"/>
      <c r="AO1387" s="137"/>
      <c r="AP1387" s="137"/>
      <c r="AQ1387" s="137"/>
      <c r="AR1387" s="137"/>
      <c r="AS1387" s="137"/>
      <c r="AT1387" s="137"/>
      <c r="AU1387" s="137"/>
      <c r="AV1387" s="137"/>
      <c r="AW1387" s="144"/>
    </row>
    <row r="1388" spans="7:49" x14ac:dyDescent="0.2">
      <c r="G1388" s="43"/>
      <c r="Z1388" s="143"/>
      <c r="AA1388" s="137"/>
      <c r="AB1388" s="137"/>
      <c r="AC1388" s="137"/>
      <c r="AD1388" s="137"/>
      <c r="AE1388" s="137"/>
      <c r="AF1388" s="137"/>
      <c r="AG1388" s="137"/>
      <c r="AH1388" s="137"/>
      <c r="AI1388" s="137"/>
      <c r="AJ1388" s="137"/>
      <c r="AK1388" s="137"/>
      <c r="AL1388" s="137"/>
      <c r="AM1388" s="137"/>
      <c r="AN1388" s="137"/>
      <c r="AO1388" s="137"/>
      <c r="AP1388" s="137"/>
      <c r="AQ1388" s="137"/>
      <c r="AR1388" s="137"/>
      <c r="AS1388" s="137"/>
      <c r="AT1388" s="137"/>
      <c r="AU1388" s="137"/>
      <c r="AV1388" s="137"/>
      <c r="AW1388" s="144"/>
    </row>
    <row r="1389" spans="7:49" x14ac:dyDescent="0.2">
      <c r="G1389" s="43"/>
      <c r="Z1389" s="143"/>
      <c r="AA1389" s="137"/>
      <c r="AB1389" s="137"/>
      <c r="AC1389" s="137"/>
      <c r="AD1389" s="137"/>
      <c r="AE1389" s="137"/>
      <c r="AF1389" s="137"/>
      <c r="AG1389" s="137"/>
      <c r="AH1389" s="137"/>
      <c r="AI1389" s="137"/>
      <c r="AJ1389" s="137"/>
      <c r="AK1389" s="137"/>
      <c r="AL1389" s="137"/>
      <c r="AM1389" s="137"/>
      <c r="AN1389" s="137"/>
      <c r="AO1389" s="137"/>
      <c r="AP1389" s="137"/>
      <c r="AQ1389" s="137"/>
      <c r="AR1389" s="137"/>
      <c r="AS1389" s="137"/>
      <c r="AT1389" s="137"/>
      <c r="AU1389" s="137"/>
      <c r="AV1389" s="137"/>
      <c r="AW1389" s="144"/>
    </row>
    <row r="1390" spans="7:49" x14ac:dyDescent="0.2">
      <c r="G1390" s="43"/>
      <c r="Z1390" s="143"/>
      <c r="AA1390" s="137"/>
      <c r="AB1390" s="137"/>
      <c r="AC1390" s="137"/>
      <c r="AD1390" s="137"/>
      <c r="AE1390" s="137"/>
      <c r="AF1390" s="137"/>
      <c r="AG1390" s="137"/>
      <c r="AH1390" s="137"/>
      <c r="AI1390" s="137"/>
      <c r="AJ1390" s="137"/>
      <c r="AK1390" s="137"/>
      <c r="AL1390" s="137"/>
      <c r="AM1390" s="137"/>
      <c r="AN1390" s="137"/>
      <c r="AO1390" s="137"/>
      <c r="AP1390" s="137"/>
      <c r="AQ1390" s="137"/>
      <c r="AR1390" s="137"/>
      <c r="AS1390" s="137"/>
      <c r="AT1390" s="137"/>
      <c r="AU1390" s="137"/>
      <c r="AV1390" s="137"/>
      <c r="AW1390" s="144"/>
    </row>
    <row r="1391" spans="7:49" x14ac:dyDescent="0.2">
      <c r="G1391" s="43"/>
      <c r="Z1391" s="143"/>
      <c r="AA1391" s="137"/>
      <c r="AB1391" s="137"/>
      <c r="AC1391" s="137"/>
      <c r="AD1391" s="137"/>
      <c r="AE1391" s="137"/>
      <c r="AF1391" s="137"/>
      <c r="AG1391" s="137"/>
      <c r="AH1391" s="137"/>
      <c r="AI1391" s="137"/>
      <c r="AJ1391" s="137"/>
      <c r="AK1391" s="137"/>
      <c r="AL1391" s="137"/>
      <c r="AM1391" s="137"/>
      <c r="AN1391" s="137"/>
      <c r="AO1391" s="137"/>
      <c r="AP1391" s="137"/>
      <c r="AQ1391" s="137"/>
      <c r="AR1391" s="137"/>
      <c r="AS1391" s="137"/>
      <c r="AT1391" s="137"/>
      <c r="AU1391" s="137"/>
      <c r="AV1391" s="137"/>
      <c r="AW1391" s="144"/>
    </row>
    <row r="1392" spans="7:49" x14ac:dyDescent="0.2">
      <c r="G1392" s="43"/>
      <c r="Z1392" s="143"/>
      <c r="AA1392" s="137"/>
      <c r="AB1392" s="137"/>
      <c r="AC1392" s="137"/>
      <c r="AD1392" s="137"/>
      <c r="AE1392" s="137"/>
      <c r="AF1392" s="137"/>
      <c r="AG1392" s="137"/>
      <c r="AH1392" s="137"/>
      <c r="AI1392" s="137"/>
      <c r="AJ1392" s="137"/>
      <c r="AK1392" s="137"/>
      <c r="AL1392" s="137"/>
      <c r="AM1392" s="137"/>
      <c r="AN1392" s="137"/>
      <c r="AO1392" s="137"/>
      <c r="AP1392" s="137"/>
      <c r="AQ1392" s="137"/>
      <c r="AR1392" s="137"/>
      <c r="AS1392" s="137"/>
      <c r="AT1392" s="137"/>
      <c r="AU1392" s="137"/>
      <c r="AV1392" s="137"/>
      <c r="AW1392" s="144"/>
    </row>
    <row r="1393" spans="7:49" x14ac:dyDescent="0.2">
      <c r="G1393" s="43"/>
      <c r="Z1393" s="143"/>
      <c r="AA1393" s="137"/>
      <c r="AB1393" s="137"/>
      <c r="AC1393" s="137"/>
      <c r="AD1393" s="137"/>
      <c r="AE1393" s="137"/>
      <c r="AF1393" s="137"/>
      <c r="AG1393" s="137"/>
      <c r="AH1393" s="137"/>
      <c r="AI1393" s="137"/>
      <c r="AJ1393" s="137"/>
      <c r="AK1393" s="137"/>
      <c r="AL1393" s="137"/>
      <c r="AM1393" s="137"/>
      <c r="AN1393" s="137"/>
      <c r="AO1393" s="137"/>
      <c r="AP1393" s="137"/>
      <c r="AQ1393" s="137"/>
      <c r="AR1393" s="137"/>
      <c r="AS1393" s="137"/>
      <c r="AT1393" s="137"/>
      <c r="AU1393" s="137"/>
      <c r="AV1393" s="137"/>
      <c r="AW1393" s="144"/>
    </row>
    <row r="1394" spans="7:49" x14ac:dyDescent="0.2">
      <c r="G1394" s="43"/>
      <c r="Z1394" s="143"/>
      <c r="AA1394" s="137"/>
      <c r="AB1394" s="137"/>
      <c r="AC1394" s="137"/>
      <c r="AD1394" s="137"/>
      <c r="AE1394" s="137"/>
      <c r="AF1394" s="137"/>
      <c r="AG1394" s="137"/>
      <c r="AH1394" s="137"/>
      <c r="AI1394" s="137"/>
      <c r="AJ1394" s="137"/>
      <c r="AK1394" s="137"/>
      <c r="AL1394" s="137"/>
      <c r="AM1394" s="137"/>
      <c r="AN1394" s="137"/>
      <c r="AO1394" s="137"/>
      <c r="AP1394" s="137"/>
      <c r="AQ1394" s="137"/>
      <c r="AR1394" s="137"/>
      <c r="AS1394" s="137"/>
      <c r="AT1394" s="137"/>
      <c r="AU1394" s="137"/>
      <c r="AV1394" s="137"/>
      <c r="AW1394" s="144"/>
    </row>
    <row r="1395" spans="7:49" x14ac:dyDescent="0.2">
      <c r="G1395" s="43"/>
      <c r="Z1395" s="143"/>
      <c r="AA1395" s="137"/>
      <c r="AB1395" s="137"/>
      <c r="AC1395" s="137"/>
      <c r="AD1395" s="137"/>
      <c r="AE1395" s="137"/>
      <c r="AF1395" s="137"/>
      <c r="AG1395" s="137"/>
      <c r="AH1395" s="137"/>
      <c r="AI1395" s="137"/>
      <c r="AJ1395" s="137"/>
      <c r="AK1395" s="137"/>
      <c r="AL1395" s="137"/>
      <c r="AM1395" s="137"/>
      <c r="AN1395" s="137"/>
      <c r="AO1395" s="137"/>
      <c r="AP1395" s="137"/>
      <c r="AQ1395" s="137"/>
      <c r="AR1395" s="137"/>
      <c r="AS1395" s="137"/>
      <c r="AT1395" s="137"/>
      <c r="AU1395" s="137"/>
      <c r="AV1395" s="137"/>
      <c r="AW1395" s="144"/>
    </row>
    <row r="1396" spans="7:49" x14ac:dyDescent="0.2">
      <c r="G1396" s="43"/>
      <c r="Z1396" s="143"/>
      <c r="AA1396" s="137"/>
      <c r="AB1396" s="137"/>
      <c r="AC1396" s="137"/>
      <c r="AD1396" s="137"/>
      <c r="AE1396" s="137"/>
      <c r="AF1396" s="137"/>
      <c r="AG1396" s="137"/>
      <c r="AH1396" s="137"/>
      <c r="AI1396" s="137"/>
      <c r="AJ1396" s="137"/>
      <c r="AK1396" s="137"/>
      <c r="AL1396" s="137"/>
      <c r="AM1396" s="137"/>
      <c r="AN1396" s="137"/>
      <c r="AO1396" s="137"/>
      <c r="AP1396" s="137"/>
      <c r="AQ1396" s="137"/>
      <c r="AR1396" s="137"/>
      <c r="AS1396" s="137"/>
      <c r="AT1396" s="137"/>
      <c r="AU1396" s="137"/>
      <c r="AV1396" s="137"/>
      <c r="AW1396" s="144"/>
    </row>
    <row r="1397" spans="7:49" x14ac:dyDescent="0.2">
      <c r="G1397" s="43"/>
      <c r="Z1397" s="143"/>
      <c r="AA1397" s="137"/>
      <c r="AB1397" s="137"/>
      <c r="AC1397" s="137"/>
      <c r="AD1397" s="137"/>
      <c r="AE1397" s="137"/>
      <c r="AF1397" s="137"/>
      <c r="AG1397" s="137"/>
      <c r="AH1397" s="137"/>
      <c r="AI1397" s="137"/>
      <c r="AJ1397" s="137"/>
      <c r="AK1397" s="137"/>
      <c r="AL1397" s="137"/>
      <c r="AM1397" s="137"/>
      <c r="AN1397" s="137"/>
      <c r="AO1397" s="137"/>
      <c r="AP1397" s="137"/>
      <c r="AQ1397" s="137"/>
      <c r="AR1397" s="137"/>
      <c r="AS1397" s="137"/>
      <c r="AT1397" s="137"/>
      <c r="AU1397" s="137"/>
      <c r="AV1397" s="137"/>
      <c r="AW1397" s="144"/>
    </row>
    <row r="1398" spans="7:49" x14ac:dyDescent="0.2">
      <c r="G1398" s="43"/>
      <c r="Z1398" s="143"/>
      <c r="AA1398" s="137"/>
      <c r="AB1398" s="137"/>
      <c r="AC1398" s="137"/>
      <c r="AD1398" s="137"/>
      <c r="AE1398" s="137"/>
      <c r="AF1398" s="137"/>
      <c r="AG1398" s="137"/>
      <c r="AH1398" s="137"/>
      <c r="AI1398" s="137"/>
      <c r="AJ1398" s="137"/>
      <c r="AK1398" s="137"/>
      <c r="AL1398" s="137"/>
      <c r="AM1398" s="137"/>
      <c r="AN1398" s="137"/>
      <c r="AO1398" s="137"/>
      <c r="AP1398" s="137"/>
      <c r="AQ1398" s="137"/>
      <c r="AR1398" s="137"/>
      <c r="AS1398" s="137"/>
      <c r="AT1398" s="137"/>
      <c r="AU1398" s="137"/>
      <c r="AV1398" s="137"/>
      <c r="AW1398" s="144"/>
    </row>
    <row r="1399" spans="7:49" x14ac:dyDescent="0.2">
      <c r="G1399" s="43"/>
      <c r="Z1399" s="143"/>
      <c r="AA1399" s="137"/>
      <c r="AB1399" s="137"/>
      <c r="AC1399" s="137"/>
      <c r="AD1399" s="137"/>
      <c r="AE1399" s="137"/>
      <c r="AF1399" s="137"/>
      <c r="AG1399" s="137"/>
      <c r="AH1399" s="137"/>
      <c r="AI1399" s="137"/>
      <c r="AJ1399" s="137"/>
      <c r="AK1399" s="137"/>
      <c r="AL1399" s="137"/>
      <c r="AM1399" s="137"/>
      <c r="AN1399" s="137"/>
      <c r="AO1399" s="137"/>
      <c r="AP1399" s="137"/>
      <c r="AQ1399" s="137"/>
      <c r="AR1399" s="137"/>
      <c r="AS1399" s="137"/>
      <c r="AT1399" s="137"/>
      <c r="AU1399" s="137"/>
      <c r="AV1399" s="137"/>
      <c r="AW1399" s="144"/>
    </row>
    <row r="1400" spans="7:49" x14ac:dyDescent="0.2">
      <c r="G1400" s="43"/>
      <c r="Z1400" s="143"/>
      <c r="AA1400" s="137"/>
      <c r="AB1400" s="137"/>
      <c r="AC1400" s="137"/>
      <c r="AD1400" s="137"/>
      <c r="AE1400" s="137"/>
      <c r="AF1400" s="137"/>
      <c r="AG1400" s="137"/>
      <c r="AH1400" s="137"/>
      <c r="AI1400" s="137"/>
      <c r="AJ1400" s="137"/>
      <c r="AK1400" s="137"/>
      <c r="AL1400" s="137"/>
      <c r="AM1400" s="137"/>
      <c r="AN1400" s="137"/>
      <c r="AO1400" s="137"/>
      <c r="AP1400" s="137"/>
      <c r="AQ1400" s="137"/>
      <c r="AR1400" s="137"/>
      <c r="AS1400" s="137"/>
      <c r="AT1400" s="137"/>
      <c r="AU1400" s="137"/>
      <c r="AV1400" s="137"/>
      <c r="AW1400" s="144"/>
    </row>
    <row r="1401" spans="7:49" x14ac:dyDescent="0.2">
      <c r="G1401" s="43"/>
      <c r="Z1401" s="143"/>
      <c r="AA1401" s="137"/>
      <c r="AB1401" s="137"/>
      <c r="AC1401" s="137"/>
      <c r="AD1401" s="137"/>
      <c r="AE1401" s="137"/>
      <c r="AF1401" s="137"/>
      <c r="AG1401" s="137"/>
      <c r="AH1401" s="137"/>
      <c r="AI1401" s="137"/>
      <c r="AJ1401" s="137"/>
      <c r="AK1401" s="137"/>
      <c r="AL1401" s="137"/>
      <c r="AM1401" s="137"/>
      <c r="AN1401" s="137"/>
      <c r="AO1401" s="137"/>
      <c r="AP1401" s="137"/>
      <c r="AQ1401" s="137"/>
      <c r="AR1401" s="137"/>
      <c r="AS1401" s="137"/>
      <c r="AT1401" s="137"/>
      <c r="AU1401" s="137"/>
      <c r="AV1401" s="137"/>
      <c r="AW1401" s="144"/>
    </row>
    <row r="1402" spans="7:49" x14ac:dyDescent="0.2">
      <c r="G1402" s="43"/>
      <c r="Z1402" s="143"/>
      <c r="AA1402" s="137"/>
      <c r="AB1402" s="137"/>
      <c r="AC1402" s="137"/>
      <c r="AD1402" s="137"/>
      <c r="AE1402" s="137"/>
      <c r="AF1402" s="137"/>
      <c r="AG1402" s="137"/>
      <c r="AH1402" s="137"/>
      <c r="AI1402" s="137"/>
      <c r="AJ1402" s="137"/>
      <c r="AK1402" s="137"/>
      <c r="AL1402" s="137"/>
      <c r="AM1402" s="137"/>
      <c r="AN1402" s="137"/>
      <c r="AO1402" s="137"/>
      <c r="AP1402" s="137"/>
      <c r="AQ1402" s="137"/>
      <c r="AR1402" s="137"/>
      <c r="AS1402" s="137"/>
      <c r="AT1402" s="137"/>
      <c r="AU1402" s="137"/>
      <c r="AV1402" s="137"/>
      <c r="AW1402" s="144"/>
    </row>
    <row r="1403" spans="7:49" x14ac:dyDescent="0.2">
      <c r="G1403" s="43"/>
      <c r="Z1403" s="143"/>
      <c r="AA1403" s="137"/>
      <c r="AB1403" s="137"/>
      <c r="AC1403" s="137"/>
      <c r="AD1403" s="137"/>
      <c r="AE1403" s="137"/>
      <c r="AF1403" s="137"/>
      <c r="AG1403" s="137"/>
      <c r="AH1403" s="137"/>
      <c r="AI1403" s="137"/>
      <c r="AJ1403" s="137"/>
      <c r="AK1403" s="137"/>
      <c r="AL1403" s="137"/>
      <c r="AM1403" s="137"/>
      <c r="AN1403" s="137"/>
      <c r="AO1403" s="137"/>
      <c r="AP1403" s="137"/>
      <c r="AQ1403" s="137"/>
      <c r="AR1403" s="137"/>
      <c r="AS1403" s="137"/>
      <c r="AT1403" s="137"/>
      <c r="AU1403" s="137"/>
      <c r="AV1403" s="137"/>
      <c r="AW1403" s="144"/>
    </row>
    <row r="1404" spans="7:49" x14ac:dyDescent="0.2">
      <c r="G1404" s="43"/>
      <c r="Z1404" s="143"/>
      <c r="AA1404" s="137"/>
      <c r="AB1404" s="137"/>
      <c r="AC1404" s="137"/>
      <c r="AD1404" s="137"/>
      <c r="AE1404" s="137"/>
      <c r="AF1404" s="137"/>
      <c r="AG1404" s="137"/>
      <c r="AH1404" s="137"/>
      <c r="AI1404" s="137"/>
      <c r="AJ1404" s="137"/>
      <c r="AK1404" s="137"/>
      <c r="AL1404" s="137"/>
      <c r="AM1404" s="137"/>
      <c r="AN1404" s="137"/>
      <c r="AO1404" s="137"/>
      <c r="AP1404" s="137"/>
      <c r="AQ1404" s="137"/>
      <c r="AR1404" s="137"/>
      <c r="AS1404" s="137"/>
      <c r="AT1404" s="137"/>
      <c r="AU1404" s="137"/>
      <c r="AV1404" s="137"/>
      <c r="AW1404" s="144"/>
    </row>
    <row r="1405" spans="7:49" x14ac:dyDescent="0.2">
      <c r="G1405" s="43"/>
      <c r="Z1405" s="143"/>
      <c r="AA1405" s="137"/>
      <c r="AB1405" s="137"/>
      <c r="AC1405" s="137"/>
      <c r="AD1405" s="137"/>
      <c r="AE1405" s="137"/>
      <c r="AF1405" s="137"/>
      <c r="AG1405" s="137"/>
      <c r="AH1405" s="137"/>
      <c r="AI1405" s="137"/>
      <c r="AJ1405" s="137"/>
      <c r="AK1405" s="137"/>
      <c r="AL1405" s="137"/>
      <c r="AM1405" s="137"/>
      <c r="AN1405" s="137"/>
      <c r="AO1405" s="137"/>
      <c r="AP1405" s="137"/>
      <c r="AQ1405" s="137"/>
      <c r="AR1405" s="137"/>
      <c r="AS1405" s="137"/>
      <c r="AT1405" s="137"/>
      <c r="AU1405" s="137"/>
      <c r="AV1405" s="137"/>
      <c r="AW1405" s="144"/>
    </row>
    <row r="1406" spans="7:49" x14ac:dyDescent="0.2">
      <c r="G1406" s="43"/>
      <c r="Z1406" s="143"/>
      <c r="AA1406" s="137"/>
      <c r="AB1406" s="137"/>
      <c r="AC1406" s="137"/>
      <c r="AD1406" s="137"/>
      <c r="AE1406" s="137"/>
      <c r="AF1406" s="137"/>
      <c r="AG1406" s="137"/>
      <c r="AH1406" s="137"/>
      <c r="AI1406" s="137"/>
      <c r="AJ1406" s="137"/>
      <c r="AK1406" s="137"/>
      <c r="AL1406" s="137"/>
      <c r="AM1406" s="137"/>
      <c r="AN1406" s="137"/>
      <c r="AO1406" s="137"/>
      <c r="AP1406" s="137"/>
      <c r="AQ1406" s="137"/>
      <c r="AR1406" s="137"/>
      <c r="AS1406" s="137"/>
      <c r="AT1406" s="137"/>
      <c r="AU1406" s="137"/>
      <c r="AV1406" s="137"/>
      <c r="AW1406" s="144"/>
    </row>
    <row r="1407" spans="7:49" x14ac:dyDescent="0.2">
      <c r="G1407" s="43"/>
      <c r="Z1407" s="143"/>
      <c r="AA1407" s="137"/>
      <c r="AB1407" s="137"/>
      <c r="AC1407" s="137"/>
      <c r="AD1407" s="137"/>
      <c r="AE1407" s="137"/>
      <c r="AF1407" s="137"/>
      <c r="AG1407" s="137"/>
      <c r="AH1407" s="137"/>
      <c r="AI1407" s="137"/>
      <c r="AJ1407" s="137"/>
      <c r="AK1407" s="137"/>
      <c r="AL1407" s="137"/>
      <c r="AM1407" s="137"/>
      <c r="AN1407" s="137"/>
      <c r="AO1407" s="137"/>
      <c r="AP1407" s="137"/>
      <c r="AQ1407" s="137"/>
      <c r="AR1407" s="137"/>
      <c r="AS1407" s="137"/>
      <c r="AT1407" s="137"/>
      <c r="AU1407" s="137"/>
      <c r="AV1407" s="137"/>
      <c r="AW1407" s="144"/>
    </row>
    <row r="1408" spans="7:49" x14ac:dyDescent="0.2">
      <c r="G1408" s="43"/>
      <c r="Z1408" s="143"/>
      <c r="AA1408" s="137"/>
      <c r="AB1408" s="137"/>
      <c r="AC1408" s="137"/>
      <c r="AD1408" s="137"/>
      <c r="AE1408" s="137"/>
      <c r="AF1408" s="137"/>
      <c r="AG1408" s="137"/>
      <c r="AH1408" s="137"/>
      <c r="AI1408" s="137"/>
      <c r="AJ1408" s="137"/>
      <c r="AK1408" s="137"/>
      <c r="AL1408" s="137"/>
      <c r="AM1408" s="137"/>
      <c r="AN1408" s="137"/>
      <c r="AO1408" s="137"/>
      <c r="AP1408" s="137"/>
      <c r="AQ1408" s="137"/>
      <c r="AR1408" s="137"/>
      <c r="AS1408" s="137"/>
      <c r="AT1408" s="137"/>
      <c r="AU1408" s="137"/>
      <c r="AV1408" s="137"/>
      <c r="AW1408" s="144"/>
    </row>
    <row r="1409" spans="7:49" x14ac:dyDescent="0.2">
      <c r="G1409" s="43"/>
      <c r="Z1409" s="143"/>
      <c r="AA1409" s="137"/>
      <c r="AB1409" s="137"/>
      <c r="AC1409" s="137"/>
      <c r="AD1409" s="137"/>
      <c r="AE1409" s="137"/>
      <c r="AF1409" s="137"/>
      <c r="AG1409" s="137"/>
      <c r="AH1409" s="137"/>
      <c r="AI1409" s="137"/>
      <c r="AJ1409" s="137"/>
      <c r="AK1409" s="137"/>
      <c r="AL1409" s="137"/>
      <c r="AM1409" s="137"/>
      <c r="AN1409" s="137"/>
      <c r="AO1409" s="137"/>
      <c r="AP1409" s="137"/>
      <c r="AQ1409" s="137"/>
      <c r="AR1409" s="137"/>
      <c r="AS1409" s="137"/>
      <c r="AT1409" s="137"/>
      <c r="AU1409" s="137"/>
      <c r="AV1409" s="137"/>
      <c r="AW1409" s="144"/>
    </row>
    <row r="1410" spans="7:49" x14ac:dyDescent="0.2">
      <c r="G1410" s="43"/>
      <c r="Z1410" s="143"/>
      <c r="AA1410" s="137"/>
      <c r="AB1410" s="137"/>
      <c r="AC1410" s="137"/>
      <c r="AD1410" s="137"/>
      <c r="AE1410" s="137"/>
      <c r="AF1410" s="137"/>
      <c r="AG1410" s="137"/>
      <c r="AH1410" s="137"/>
      <c r="AI1410" s="137"/>
      <c r="AJ1410" s="137"/>
      <c r="AK1410" s="137"/>
      <c r="AL1410" s="137"/>
      <c r="AM1410" s="137"/>
      <c r="AN1410" s="137"/>
      <c r="AO1410" s="137"/>
      <c r="AP1410" s="137"/>
      <c r="AQ1410" s="137"/>
      <c r="AR1410" s="137"/>
      <c r="AS1410" s="137"/>
      <c r="AT1410" s="137"/>
      <c r="AU1410" s="137"/>
      <c r="AV1410" s="137"/>
      <c r="AW1410" s="144"/>
    </row>
    <row r="1411" spans="7:49" x14ac:dyDescent="0.2">
      <c r="G1411" s="43"/>
      <c r="Z1411" s="143"/>
      <c r="AA1411" s="137"/>
      <c r="AB1411" s="137"/>
      <c r="AC1411" s="137"/>
      <c r="AD1411" s="137"/>
      <c r="AE1411" s="137"/>
      <c r="AF1411" s="137"/>
      <c r="AG1411" s="137"/>
      <c r="AH1411" s="137"/>
      <c r="AI1411" s="137"/>
      <c r="AJ1411" s="137"/>
      <c r="AK1411" s="137"/>
      <c r="AL1411" s="137"/>
      <c r="AM1411" s="137"/>
      <c r="AN1411" s="137"/>
      <c r="AO1411" s="137"/>
      <c r="AP1411" s="137"/>
      <c r="AQ1411" s="137"/>
      <c r="AR1411" s="137"/>
      <c r="AS1411" s="137"/>
      <c r="AT1411" s="137"/>
      <c r="AU1411" s="137"/>
      <c r="AV1411" s="137"/>
      <c r="AW1411" s="144"/>
    </row>
    <row r="1412" spans="7:49" x14ac:dyDescent="0.2">
      <c r="G1412" s="43"/>
      <c r="Z1412" s="143"/>
      <c r="AA1412" s="137"/>
      <c r="AB1412" s="137"/>
      <c r="AC1412" s="137"/>
      <c r="AD1412" s="137"/>
      <c r="AE1412" s="137"/>
      <c r="AF1412" s="137"/>
      <c r="AG1412" s="137"/>
      <c r="AH1412" s="137"/>
      <c r="AI1412" s="137"/>
      <c r="AJ1412" s="137"/>
      <c r="AK1412" s="137"/>
      <c r="AL1412" s="137"/>
      <c r="AM1412" s="137"/>
      <c r="AN1412" s="137"/>
      <c r="AO1412" s="137"/>
      <c r="AP1412" s="137"/>
      <c r="AQ1412" s="137"/>
      <c r="AR1412" s="137"/>
      <c r="AS1412" s="137"/>
      <c r="AT1412" s="137"/>
      <c r="AU1412" s="137"/>
      <c r="AV1412" s="137"/>
      <c r="AW1412" s="144"/>
    </row>
    <row r="1413" spans="7:49" x14ac:dyDescent="0.2">
      <c r="G1413" s="43"/>
      <c r="Z1413" s="143"/>
      <c r="AA1413" s="137"/>
      <c r="AB1413" s="137"/>
      <c r="AC1413" s="137"/>
      <c r="AD1413" s="137"/>
      <c r="AE1413" s="137"/>
      <c r="AF1413" s="137"/>
      <c r="AG1413" s="137"/>
      <c r="AH1413" s="137"/>
      <c r="AI1413" s="137"/>
      <c r="AJ1413" s="137"/>
      <c r="AK1413" s="137"/>
      <c r="AL1413" s="137"/>
      <c r="AM1413" s="137"/>
      <c r="AN1413" s="137"/>
      <c r="AO1413" s="137"/>
      <c r="AP1413" s="137"/>
      <c r="AQ1413" s="137"/>
      <c r="AR1413" s="137"/>
      <c r="AS1413" s="137"/>
      <c r="AT1413" s="137"/>
      <c r="AU1413" s="137"/>
      <c r="AV1413" s="137"/>
      <c r="AW1413" s="144"/>
    </row>
    <row r="1414" spans="7:49" x14ac:dyDescent="0.2">
      <c r="G1414" s="43"/>
      <c r="Z1414" s="143"/>
      <c r="AA1414" s="137"/>
      <c r="AB1414" s="137"/>
      <c r="AC1414" s="137"/>
      <c r="AD1414" s="137"/>
      <c r="AE1414" s="137"/>
      <c r="AF1414" s="137"/>
      <c r="AG1414" s="137"/>
      <c r="AH1414" s="137"/>
      <c r="AI1414" s="137"/>
      <c r="AJ1414" s="137"/>
      <c r="AK1414" s="137"/>
      <c r="AL1414" s="137"/>
      <c r="AM1414" s="137"/>
      <c r="AN1414" s="137"/>
      <c r="AO1414" s="137"/>
      <c r="AP1414" s="137"/>
      <c r="AQ1414" s="137"/>
      <c r="AR1414" s="137"/>
      <c r="AS1414" s="137"/>
      <c r="AT1414" s="137"/>
      <c r="AU1414" s="137"/>
      <c r="AV1414" s="137"/>
      <c r="AW1414" s="144"/>
    </row>
    <row r="1415" spans="7:49" x14ac:dyDescent="0.2">
      <c r="G1415" s="43"/>
      <c r="Z1415" s="143"/>
      <c r="AA1415" s="137"/>
      <c r="AB1415" s="137"/>
      <c r="AC1415" s="137"/>
      <c r="AD1415" s="137"/>
      <c r="AE1415" s="137"/>
      <c r="AF1415" s="137"/>
      <c r="AG1415" s="137"/>
      <c r="AH1415" s="137"/>
      <c r="AI1415" s="137"/>
      <c r="AJ1415" s="137"/>
      <c r="AK1415" s="137"/>
      <c r="AL1415" s="137"/>
      <c r="AM1415" s="137"/>
      <c r="AN1415" s="137"/>
      <c r="AO1415" s="137"/>
      <c r="AP1415" s="137"/>
      <c r="AQ1415" s="137"/>
      <c r="AR1415" s="137"/>
      <c r="AS1415" s="137"/>
      <c r="AT1415" s="137"/>
      <c r="AU1415" s="137"/>
      <c r="AV1415" s="137"/>
      <c r="AW1415" s="144"/>
    </row>
    <row r="1416" spans="7:49" x14ac:dyDescent="0.2">
      <c r="G1416" s="43"/>
      <c r="Z1416" s="143"/>
      <c r="AA1416" s="137"/>
      <c r="AB1416" s="137"/>
      <c r="AC1416" s="137"/>
      <c r="AD1416" s="137"/>
      <c r="AE1416" s="137"/>
      <c r="AF1416" s="137"/>
      <c r="AG1416" s="137"/>
      <c r="AH1416" s="137"/>
      <c r="AI1416" s="137"/>
      <c r="AJ1416" s="137"/>
      <c r="AK1416" s="137"/>
      <c r="AL1416" s="137"/>
      <c r="AM1416" s="137"/>
      <c r="AN1416" s="137"/>
      <c r="AO1416" s="137"/>
      <c r="AP1416" s="137"/>
      <c r="AQ1416" s="137"/>
      <c r="AR1416" s="137"/>
      <c r="AS1416" s="137"/>
      <c r="AT1416" s="137"/>
      <c r="AU1416" s="137"/>
      <c r="AV1416" s="137"/>
      <c r="AW1416" s="144"/>
    </row>
    <row r="1417" spans="7:49" x14ac:dyDescent="0.2">
      <c r="G1417" s="43"/>
      <c r="Z1417" s="143"/>
      <c r="AA1417" s="137"/>
      <c r="AB1417" s="137"/>
      <c r="AC1417" s="137"/>
      <c r="AD1417" s="137"/>
      <c r="AE1417" s="137"/>
      <c r="AF1417" s="137"/>
      <c r="AG1417" s="137"/>
      <c r="AH1417" s="137"/>
      <c r="AI1417" s="137"/>
      <c r="AJ1417" s="137"/>
      <c r="AK1417" s="137"/>
      <c r="AL1417" s="137"/>
      <c r="AM1417" s="137"/>
      <c r="AN1417" s="137"/>
      <c r="AO1417" s="137"/>
      <c r="AP1417" s="137"/>
      <c r="AQ1417" s="137"/>
      <c r="AR1417" s="137"/>
      <c r="AS1417" s="137"/>
      <c r="AT1417" s="137"/>
      <c r="AU1417" s="137"/>
      <c r="AV1417" s="137"/>
      <c r="AW1417" s="144"/>
    </row>
    <row r="1418" spans="7:49" x14ac:dyDescent="0.2">
      <c r="G1418" s="43"/>
      <c r="Z1418" s="143"/>
      <c r="AA1418" s="137"/>
      <c r="AB1418" s="137"/>
      <c r="AC1418" s="137"/>
      <c r="AD1418" s="137"/>
      <c r="AE1418" s="137"/>
      <c r="AF1418" s="137"/>
      <c r="AG1418" s="137"/>
      <c r="AH1418" s="137"/>
      <c r="AI1418" s="137"/>
      <c r="AJ1418" s="137"/>
      <c r="AK1418" s="137"/>
      <c r="AL1418" s="137"/>
      <c r="AM1418" s="137"/>
      <c r="AN1418" s="137"/>
      <c r="AO1418" s="137"/>
      <c r="AP1418" s="137"/>
      <c r="AQ1418" s="137"/>
      <c r="AR1418" s="137"/>
      <c r="AS1418" s="137"/>
      <c r="AT1418" s="137"/>
      <c r="AU1418" s="137"/>
      <c r="AV1418" s="137"/>
      <c r="AW1418" s="144"/>
    </row>
    <row r="1419" spans="7:49" x14ac:dyDescent="0.2">
      <c r="G1419" s="43"/>
      <c r="Z1419" s="143"/>
      <c r="AA1419" s="137"/>
      <c r="AB1419" s="137"/>
      <c r="AC1419" s="137"/>
      <c r="AD1419" s="137"/>
      <c r="AE1419" s="137"/>
      <c r="AF1419" s="137"/>
      <c r="AG1419" s="137"/>
      <c r="AH1419" s="137"/>
      <c r="AI1419" s="137"/>
      <c r="AJ1419" s="137"/>
      <c r="AK1419" s="137"/>
      <c r="AL1419" s="137"/>
      <c r="AM1419" s="137"/>
      <c r="AN1419" s="137"/>
      <c r="AO1419" s="137"/>
      <c r="AP1419" s="137"/>
      <c r="AQ1419" s="137"/>
      <c r="AR1419" s="137"/>
      <c r="AS1419" s="137"/>
      <c r="AT1419" s="137"/>
      <c r="AU1419" s="137"/>
      <c r="AV1419" s="137"/>
      <c r="AW1419" s="144"/>
    </row>
    <row r="1420" spans="7:49" x14ac:dyDescent="0.2">
      <c r="G1420" s="43"/>
      <c r="Z1420" s="143"/>
      <c r="AA1420" s="137"/>
      <c r="AB1420" s="137"/>
      <c r="AC1420" s="137"/>
      <c r="AD1420" s="137"/>
      <c r="AE1420" s="137"/>
      <c r="AF1420" s="137"/>
      <c r="AG1420" s="137"/>
      <c r="AH1420" s="137"/>
      <c r="AI1420" s="137"/>
      <c r="AJ1420" s="137"/>
      <c r="AK1420" s="137"/>
      <c r="AL1420" s="137"/>
      <c r="AM1420" s="137"/>
      <c r="AN1420" s="137"/>
      <c r="AO1420" s="137"/>
      <c r="AP1420" s="137"/>
      <c r="AQ1420" s="137"/>
      <c r="AR1420" s="137"/>
      <c r="AS1420" s="137"/>
      <c r="AT1420" s="137"/>
      <c r="AU1420" s="137"/>
      <c r="AV1420" s="137"/>
      <c r="AW1420" s="144"/>
    </row>
    <row r="1421" spans="7:49" x14ac:dyDescent="0.2">
      <c r="G1421" s="43"/>
      <c r="Z1421" s="143"/>
      <c r="AA1421" s="137"/>
      <c r="AB1421" s="137"/>
      <c r="AC1421" s="137"/>
      <c r="AD1421" s="137"/>
      <c r="AE1421" s="137"/>
      <c r="AF1421" s="137"/>
      <c r="AG1421" s="137"/>
      <c r="AH1421" s="137"/>
      <c r="AI1421" s="137"/>
      <c r="AJ1421" s="137"/>
      <c r="AK1421" s="137"/>
      <c r="AL1421" s="137"/>
      <c r="AM1421" s="137"/>
      <c r="AN1421" s="137"/>
      <c r="AO1421" s="137"/>
      <c r="AP1421" s="137"/>
      <c r="AQ1421" s="137"/>
      <c r="AR1421" s="137"/>
      <c r="AS1421" s="137"/>
      <c r="AT1421" s="137"/>
      <c r="AU1421" s="137"/>
      <c r="AV1421" s="137"/>
      <c r="AW1421" s="144"/>
    </row>
    <row r="1422" spans="7:49" x14ac:dyDescent="0.2">
      <c r="G1422" s="43"/>
      <c r="Z1422" s="143"/>
      <c r="AA1422" s="137"/>
      <c r="AB1422" s="137"/>
      <c r="AC1422" s="137"/>
      <c r="AD1422" s="137"/>
      <c r="AE1422" s="137"/>
      <c r="AF1422" s="137"/>
      <c r="AG1422" s="137"/>
      <c r="AH1422" s="137"/>
      <c r="AI1422" s="137"/>
      <c r="AJ1422" s="137"/>
      <c r="AK1422" s="137"/>
      <c r="AL1422" s="137"/>
      <c r="AM1422" s="137"/>
      <c r="AN1422" s="137"/>
      <c r="AO1422" s="137"/>
      <c r="AP1422" s="137"/>
      <c r="AQ1422" s="137"/>
      <c r="AR1422" s="137"/>
      <c r="AS1422" s="137"/>
      <c r="AT1422" s="137"/>
      <c r="AU1422" s="137"/>
      <c r="AV1422" s="137"/>
      <c r="AW1422" s="144"/>
    </row>
    <row r="1423" spans="7:49" x14ac:dyDescent="0.2">
      <c r="G1423" s="43"/>
      <c r="Z1423" s="143"/>
      <c r="AA1423" s="137"/>
      <c r="AB1423" s="137"/>
      <c r="AC1423" s="137"/>
      <c r="AD1423" s="137"/>
      <c r="AE1423" s="137"/>
      <c r="AF1423" s="137"/>
      <c r="AG1423" s="137"/>
      <c r="AH1423" s="137"/>
      <c r="AI1423" s="137"/>
      <c r="AJ1423" s="137"/>
      <c r="AK1423" s="137"/>
      <c r="AL1423" s="137"/>
      <c r="AM1423" s="137"/>
      <c r="AN1423" s="137"/>
      <c r="AO1423" s="137"/>
      <c r="AP1423" s="137"/>
      <c r="AQ1423" s="137"/>
      <c r="AR1423" s="137"/>
      <c r="AS1423" s="137"/>
      <c r="AT1423" s="137"/>
      <c r="AU1423" s="137"/>
      <c r="AV1423" s="137"/>
      <c r="AW1423" s="144"/>
    </row>
    <row r="1424" spans="7:49" x14ac:dyDescent="0.2">
      <c r="G1424" s="43"/>
      <c r="Z1424" s="143"/>
      <c r="AA1424" s="137"/>
      <c r="AB1424" s="137"/>
      <c r="AC1424" s="137"/>
      <c r="AD1424" s="137"/>
      <c r="AE1424" s="137"/>
      <c r="AF1424" s="137"/>
      <c r="AG1424" s="137"/>
      <c r="AH1424" s="137"/>
      <c r="AI1424" s="137"/>
      <c r="AJ1424" s="137"/>
      <c r="AK1424" s="137"/>
      <c r="AL1424" s="137"/>
      <c r="AM1424" s="137"/>
      <c r="AN1424" s="137"/>
      <c r="AO1424" s="137"/>
      <c r="AP1424" s="137"/>
      <c r="AQ1424" s="137"/>
      <c r="AR1424" s="137"/>
      <c r="AS1424" s="137"/>
      <c r="AT1424" s="137"/>
      <c r="AU1424" s="137"/>
      <c r="AV1424" s="137"/>
      <c r="AW1424" s="144"/>
    </row>
    <row r="1425" spans="7:49" x14ac:dyDescent="0.2">
      <c r="G1425" s="43"/>
      <c r="Z1425" s="143"/>
      <c r="AA1425" s="137"/>
      <c r="AB1425" s="137"/>
      <c r="AC1425" s="137"/>
      <c r="AD1425" s="137"/>
      <c r="AE1425" s="137"/>
      <c r="AF1425" s="137"/>
      <c r="AG1425" s="137"/>
      <c r="AH1425" s="137"/>
      <c r="AI1425" s="137"/>
      <c r="AJ1425" s="137"/>
      <c r="AK1425" s="137"/>
      <c r="AL1425" s="137"/>
      <c r="AM1425" s="137"/>
      <c r="AN1425" s="137"/>
      <c r="AO1425" s="137"/>
      <c r="AP1425" s="137"/>
      <c r="AQ1425" s="137"/>
      <c r="AR1425" s="137"/>
      <c r="AS1425" s="137"/>
      <c r="AT1425" s="137"/>
      <c r="AU1425" s="137"/>
      <c r="AV1425" s="137"/>
      <c r="AW1425" s="144"/>
    </row>
    <row r="1426" spans="7:49" x14ac:dyDescent="0.2">
      <c r="G1426" s="43"/>
      <c r="Z1426" s="143"/>
      <c r="AA1426" s="137"/>
      <c r="AB1426" s="137"/>
      <c r="AC1426" s="137"/>
      <c r="AD1426" s="137"/>
      <c r="AE1426" s="137"/>
      <c r="AF1426" s="137"/>
      <c r="AG1426" s="137"/>
      <c r="AH1426" s="137"/>
      <c r="AI1426" s="137"/>
      <c r="AJ1426" s="137"/>
      <c r="AK1426" s="137"/>
      <c r="AL1426" s="137"/>
      <c r="AM1426" s="137"/>
      <c r="AN1426" s="137"/>
      <c r="AO1426" s="137"/>
      <c r="AP1426" s="137"/>
      <c r="AQ1426" s="137"/>
      <c r="AR1426" s="137"/>
      <c r="AS1426" s="137"/>
      <c r="AT1426" s="137"/>
      <c r="AU1426" s="137"/>
      <c r="AV1426" s="137"/>
      <c r="AW1426" s="144"/>
    </row>
    <row r="1427" spans="7:49" x14ac:dyDescent="0.2">
      <c r="G1427" s="43"/>
      <c r="Z1427" s="143"/>
      <c r="AA1427" s="137"/>
      <c r="AB1427" s="137"/>
      <c r="AC1427" s="137"/>
      <c r="AD1427" s="137"/>
      <c r="AE1427" s="137"/>
      <c r="AF1427" s="137"/>
      <c r="AG1427" s="137"/>
      <c r="AH1427" s="137"/>
      <c r="AI1427" s="137"/>
      <c r="AJ1427" s="137"/>
      <c r="AK1427" s="137"/>
      <c r="AL1427" s="137"/>
      <c r="AM1427" s="137"/>
      <c r="AN1427" s="137"/>
      <c r="AO1427" s="137"/>
      <c r="AP1427" s="137"/>
      <c r="AQ1427" s="137"/>
      <c r="AR1427" s="137"/>
      <c r="AS1427" s="137"/>
      <c r="AT1427" s="137"/>
      <c r="AU1427" s="137"/>
      <c r="AV1427" s="137"/>
      <c r="AW1427" s="144"/>
    </row>
    <row r="1428" spans="7:49" x14ac:dyDescent="0.2">
      <c r="G1428" s="43"/>
      <c r="Z1428" s="143"/>
      <c r="AA1428" s="137"/>
      <c r="AB1428" s="137"/>
      <c r="AC1428" s="137"/>
      <c r="AD1428" s="137"/>
      <c r="AE1428" s="137"/>
      <c r="AF1428" s="137"/>
      <c r="AG1428" s="137"/>
      <c r="AH1428" s="137"/>
      <c r="AI1428" s="137"/>
      <c r="AJ1428" s="137"/>
      <c r="AK1428" s="137"/>
      <c r="AL1428" s="137"/>
      <c r="AM1428" s="137"/>
      <c r="AN1428" s="137"/>
      <c r="AO1428" s="137"/>
      <c r="AP1428" s="137"/>
      <c r="AQ1428" s="137"/>
      <c r="AR1428" s="137"/>
      <c r="AS1428" s="137"/>
      <c r="AT1428" s="137"/>
      <c r="AU1428" s="137"/>
      <c r="AV1428" s="137"/>
      <c r="AW1428" s="144"/>
    </row>
    <row r="1429" spans="7:49" x14ac:dyDescent="0.2">
      <c r="G1429" s="43"/>
      <c r="Z1429" s="143"/>
      <c r="AA1429" s="137"/>
      <c r="AB1429" s="137"/>
      <c r="AC1429" s="137"/>
      <c r="AD1429" s="137"/>
      <c r="AE1429" s="137"/>
      <c r="AF1429" s="137"/>
      <c r="AG1429" s="137"/>
      <c r="AH1429" s="137"/>
      <c r="AI1429" s="137"/>
      <c r="AJ1429" s="137"/>
      <c r="AK1429" s="137"/>
      <c r="AL1429" s="137"/>
      <c r="AM1429" s="137"/>
      <c r="AN1429" s="137"/>
      <c r="AO1429" s="137"/>
      <c r="AP1429" s="137"/>
      <c r="AQ1429" s="137"/>
      <c r="AR1429" s="137"/>
      <c r="AS1429" s="137"/>
      <c r="AT1429" s="137"/>
      <c r="AU1429" s="137"/>
      <c r="AV1429" s="137"/>
      <c r="AW1429" s="144"/>
    </row>
    <row r="1430" spans="7:49" x14ac:dyDescent="0.2">
      <c r="G1430" s="43"/>
      <c r="Z1430" s="143"/>
      <c r="AA1430" s="137"/>
      <c r="AB1430" s="137"/>
      <c r="AC1430" s="137"/>
      <c r="AD1430" s="137"/>
      <c r="AE1430" s="137"/>
      <c r="AF1430" s="137"/>
      <c r="AG1430" s="137"/>
      <c r="AH1430" s="137"/>
      <c r="AI1430" s="137"/>
      <c r="AJ1430" s="137"/>
      <c r="AK1430" s="137"/>
      <c r="AL1430" s="137"/>
      <c r="AM1430" s="137"/>
      <c r="AN1430" s="137"/>
      <c r="AO1430" s="137"/>
      <c r="AP1430" s="137"/>
      <c r="AQ1430" s="137"/>
      <c r="AR1430" s="137"/>
      <c r="AS1430" s="137"/>
      <c r="AT1430" s="137"/>
      <c r="AU1430" s="137"/>
      <c r="AV1430" s="137"/>
      <c r="AW1430" s="144"/>
    </row>
    <row r="1431" spans="7:49" x14ac:dyDescent="0.2">
      <c r="G1431" s="43"/>
      <c r="Z1431" s="143"/>
      <c r="AA1431" s="137"/>
      <c r="AB1431" s="137"/>
      <c r="AC1431" s="137"/>
      <c r="AD1431" s="137"/>
      <c r="AE1431" s="137"/>
      <c r="AF1431" s="137"/>
      <c r="AG1431" s="137"/>
      <c r="AH1431" s="137"/>
      <c r="AI1431" s="137"/>
      <c r="AJ1431" s="137"/>
      <c r="AK1431" s="137"/>
      <c r="AL1431" s="137"/>
      <c r="AM1431" s="137"/>
      <c r="AN1431" s="137"/>
      <c r="AO1431" s="137"/>
      <c r="AP1431" s="137"/>
      <c r="AQ1431" s="137"/>
      <c r="AR1431" s="137"/>
      <c r="AS1431" s="137"/>
      <c r="AT1431" s="137"/>
      <c r="AU1431" s="137"/>
      <c r="AV1431" s="137"/>
      <c r="AW1431" s="144"/>
    </row>
    <row r="1432" spans="7:49" x14ac:dyDescent="0.2">
      <c r="G1432" s="43"/>
      <c r="Z1432" s="143"/>
      <c r="AA1432" s="137"/>
      <c r="AB1432" s="137"/>
      <c r="AC1432" s="137"/>
      <c r="AD1432" s="137"/>
      <c r="AE1432" s="137"/>
      <c r="AF1432" s="137"/>
      <c r="AG1432" s="137"/>
      <c r="AH1432" s="137"/>
      <c r="AI1432" s="137"/>
      <c r="AJ1432" s="137"/>
      <c r="AK1432" s="137"/>
      <c r="AL1432" s="137"/>
      <c r="AM1432" s="137"/>
      <c r="AN1432" s="137"/>
      <c r="AO1432" s="137"/>
      <c r="AP1432" s="137"/>
      <c r="AQ1432" s="137"/>
      <c r="AR1432" s="137"/>
      <c r="AS1432" s="137"/>
      <c r="AT1432" s="137"/>
      <c r="AU1432" s="137"/>
      <c r="AV1432" s="137"/>
      <c r="AW1432" s="144"/>
    </row>
    <row r="1433" spans="7:49" x14ac:dyDescent="0.2">
      <c r="G1433" s="43"/>
      <c r="Z1433" s="143"/>
      <c r="AA1433" s="137"/>
      <c r="AB1433" s="137"/>
      <c r="AC1433" s="137"/>
      <c r="AD1433" s="137"/>
      <c r="AE1433" s="137"/>
      <c r="AF1433" s="137"/>
      <c r="AG1433" s="137"/>
      <c r="AH1433" s="137"/>
      <c r="AI1433" s="137"/>
      <c r="AJ1433" s="137"/>
      <c r="AK1433" s="137"/>
      <c r="AL1433" s="137"/>
      <c r="AM1433" s="137"/>
      <c r="AN1433" s="137"/>
      <c r="AO1433" s="137"/>
      <c r="AP1433" s="137"/>
      <c r="AQ1433" s="137"/>
      <c r="AR1433" s="137"/>
      <c r="AS1433" s="137"/>
      <c r="AT1433" s="137"/>
      <c r="AU1433" s="137"/>
      <c r="AV1433" s="137"/>
      <c r="AW1433" s="144"/>
    </row>
    <row r="1434" spans="7:49" x14ac:dyDescent="0.2">
      <c r="G1434" s="43"/>
      <c r="Z1434" s="143"/>
      <c r="AA1434" s="137"/>
      <c r="AB1434" s="137"/>
      <c r="AC1434" s="137"/>
      <c r="AD1434" s="137"/>
      <c r="AE1434" s="137"/>
      <c r="AF1434" s="137"/>
      <c r="AG1434" s="137"/>
      <c r="AH1434" s="137"/>
      <c r="AI1434" s="137"/>
      <c r="AJ1434" s="137"/>
      <c r="AK1434" s="137"/>
      <c r="AL1434" s="137"/>
      <c r="AM1434" s="137"/>
      <c r="AN1434" s="137"/>
      <c r="AO1434" s="137"/>
      <c r="AP1434" s="137"/>
      <c r="AQ1434" s="137"/>
      <c r="AR1434" s="137"/>
      <c r="AS1434" s="137"/>
      <c r="AT1434" s="137"/>
      <c r="AU1434" s="137"/>
      <c r="AV1434" s="137"/>
      <c r="AW1434" s="144"/>
    </row>
    <row r="1435" spans="7:49" x14ac:dyDescent="0.2">
      <c r="G1435" s="43"/>
      <c r="Z1435" s="143"/>
      <c r="AA1435" s="137"/>
      <c r="AB1435" s="137"/>
      <c r="AC1435" s="137"/>
      <c r="AD1435" s="137"/>
      <c r="AE1435" s="137"/>
      <c r="AF1435" s="137"/>
      <c r="AG1435" s="137"/>
      <c r="AH1435" s="137"/>
      <c r="AI1435" s="137"/>
      <c r="AJ1435" s="137"/>
      <c r="AK1435" s="137"/>
      <c r="AL1435" s="137"/>
      <c r="AM1435" s="137"/>
      <c r="AN1435" s="137"/>
      <c r="AO1435" s="137"/>
      <c r="AP1435" s="137"/>
      <c r="AQ1435" s="137"/>
      <c r="AR1435" s="137"/>
      <c r="AS1435" s="137"/>
      <c r="AT1435" s="137"/>
      <c r="AU1435" s="137"/>
      <c r="AV1435" s="137"/>
      <c r="AW1435" s="144"/>
    </row>
    <row r="1436" spans="7:49" x14ac:dyDescent="0.2">
      <c r="G1436" s="43"/>
      <c r="Z1436" s="143"/>
      <c r="AA1436" s="137"/>
      <c r="AB1436" s="137"/>
      <c r="AC1436" s="137"/>
      <c r="AD1436" s="137"/>
      <c r="AE1436" s="137"/>
      <c r="AF1436" s="137"/>
      <c r="AG1436" s="137"/>
      <c r="AH1436" s="137"/>
      <c r="AI1436" s="137"/>
      <c r="AJ1436" s="137"/>
      <c r="AK1436" s="137"/>
      <c r="AL1436" s="137"/>
      <c r="AM1436" s="137"/>
      <c r="AN1436" s="137"/>
      <c r="AO1436" s="137"/>
      <c r="AP1436" s="137"/>
      <c r="AQ1436" s="137"/>
      <c r="AR1436" s="137"/>
      <c r="AS1436" s="137"/>
      <c r="AT1436" s="137"/>
      <c r="AU1436" s="137"/>
      <c r="AV1436" s="137"/>
      <c r="AW1436" s="144"/>
    </row>
    <row r="1437" spans="7:49" x14ac:dyDescent="0.2">
      <c r="G1437" s="43"/>
      <c r="Z1437" s="143"/>
      <c r="AA1437" s="137"/>
      <c r="AB1437" s="137"/>
      <c r="AC1437" s="137"/>
      <c r="AD1437" s="137"/>
      <c r="AE1437" s="137"/>
      <c r="AF1437" s="137"/>
      <c r="AG1437" s="137"/>
      <c r="AH1437" s="137"/>
      <c r="AI1437" s="137"/>
      <c r="AJ1437" s="137"/>
      <c r="AK1437" s="137"/>
      <c r="AL1437" s="137"/>
      <c r="AM1437" s="137"/>
      <c r="AN1437" s="137"/>
      <c r="AO1437" s="137"/>
      <c r="AP1437" s="137"/>
      <c r="AQ1437" s="137"/>
      <c r="AR1437" s="137"/>
      <c r="AS1437" s="137"/>
      <c r="AT1437" s="137"/>
      <c r="AU1437" s="137"/>
      <c r="AV1437" s="137"/>
      <c r="AW1437" s="144"/>
    </row>
    <row r="1438" spans="7:49" x14ac:dyDescent="0.2">
      <c r="G1438" s="43"/>
      <c r="Z1438" s="143"/>
      <c r="AA1438" s="137"/>
      <c r="AB1438" s="137"/>
      <c r="AC1438" s="137"/>
      <c r="AD1438" s="137"/>
      <c r="AE1438" s="137"/>
      <c r="AF1438" s="137"/>
      <c r="AG1438" s="137"/>
      <c r="AH1438" s="137"/>
      <c r="AI1438" s="137"/>
      <c r="AJ1438" s="137"/>
      <c r="AK1438" s="137"/>
      <c r="AL1438" s="137"/>
      <c r="AM1438" s="137"/>
      <c r="AN1438" s="137"/>
      <c r="AO1438" s="137"/>
      <c r="AP1438" s="137"/>
      <c r="AQ1438" s="137"/>
      <c r="AR1438" s="137"/>
      <c r="AS1438" s="137"/>
      <c r="AT1438" s="137"/>
      <c r="AU1438" s="137"/>
      <c r="AV1438" s="137"/>
      <c r="AW1438" s="144"/>
    </row>
    <row r="1439" spans="7:49" x14ac:dyDescent="0.2">
      <c r="G1439" s="43"/>
      <c r="Z1439" s="143"/>
      <c r="AA1439" s="137"/>
      <c r="AB1439" s="137"/>
      <c r="AC1439" s="137"/>
      <c r="AD1439" s="137"/>
      <c r="AE1439" s="137"/>
      <c r="AF1439" s="137"/>
      <c r="AG1439" s="137"/>
      <c r="AH1439" s="137"/>
      <c r="AI1439" s="137"/>
      <c r="AJ1439" s="137"/>
      <c r="AK1439" s="137"/>
      <c r="AL1439" s="137"/>
      <c r="AM1439" s="137"/>
      <c r="AN1439" s="137"/>
      <c r="AO1439" s="137"/>
      <c r="AP1439" s="137"/>
      <c r="AQ1439" s="137"/>
      <c r="AR1439" s="137"/>
      <c r="AS1439" s="137"/>
      <c r="AT1439" s="137"/>
      <c r="AU1439" s="137"/>
      <c r="AV1439" s="137"/>
      <c r="AW1439" s="144"/>
    </row>
    <row r="1440" spans="7:49" x14ac:dyDescent="0.2">
      <c r="G1440" s="43"/>
      <c r="Z1440" s="143"/>
      <c r="AA1440" s="137"/>
      <c r="AB1440" s="137"/>
      <c r="AC1440" s="137"/>
      <c r="AD1440" s="137"/>
      <c r="AE1440" s="137"/>
      <c r="AF1440" s="137"/>
      <c r="AG1440" s="137"/>
      <c r="AH1440" s="137"/>
      <c r="AI1440" s="137"/>
      <c r="AJ1440" s="137"/>
      <c r="AK1440" s="137"/>
      <c r="AL1440" s="137"/>
      <c r="AM1440" s="137"/>
      <c r="AN1440" s="137"/>
      <c r="AO1440" s="137"/>
      <c r="AP1440" s="137"/>
      <c r="AQ1440" s="137"/>
      <c r="AR1440" s="137"/>
      <c r="AS1440" s="137"/>
      <c r="AT1440" s="137"/>
      <c r="AU1440" s="137"/>
      <c r="AV1440" s="137"/>
      <c r="AW1440" s="144"/>
    </row>
    <row r="1441" spans="7:49" x14ac:dyDescent="0.2">
      <c r="G1441" s="43"/>
      <c r="Z1441" s="143"/>
      <c r="AA1441" s="137"/>
      <c r="AB1441" s="137"/>
      <c r="AC1441" s="137"/>
      <c r="AD1441" s="137"/>
      <c r="AE1441" s="137"/>
      <c r="AF1441" s="137"/>
      <c r="AG1441" s="137"/>
      <c r="AH1441" s="137"/>
      <c r="AI1441" s="137"/>
      <c r="AJ1441" s="137"/>
      <c r="AK1441" s="137"/>
      <c r="AL1441" s="137"/>
      <c r="AM1441" s="137"/>
      <c r="AN1441" s="137"/>
      <c r="AO1441" s="137"/>
      <c r="AP1441" s="137"/>
      <c r="AQ1441" s="137"/>
      <c r="AR1441" s="137"/>
      <c r="AS1441" s="137"/>
      <c r="AT1441" s="137"/>
      <c r="AU1441" s="137"/>
      <c r="AV1441" s="137"/>
      <c r="AW1441" s="144"/>
    </row>
    <row r="1442" spans="7:49" x14ac:dyDescent="0.2">
      <c r="G1442" s="43"/>
      <c r="Z1442" s="143"/>
      <c r="AA1442" s="137"/>
      <c r="AB1442" s="137"/>
      <c r="AC1442" s="137"/>
      <c r="AD1442" s="137"/>
      <c r="AE1442" s="137"/>
      <c r="AF1442" s="137"/>
      <c r="AG1442" s="137"/>
      <c r="AH1442" s="137"/>
      <c r="AI1442" s="137"/>
      <c r="AJ1442" s="137"/>
      <c r="AK1442" s="137"/>
      <c r="AL1442" s="137"/>
      <c r="AM1442" s="137"/>
      <c r="AN1442" s="137"/>
      <c r="AO1442" s="137"/>
      <c r="AP1442" s="137"/>
      <c r="AQ1442" s="137"/>
      <c r="AR1442" s="137"/>
      <c r="AS1442" s="137"/>
      <c r="AT1442" s="137"/>
      <c r="AU1442" s="137"/>
      <c r="AV1442" s="137"/>
      <c r="AW1442" s="144"/>
    </row>
    <row r="1443" spans="7:49" x14ac:dyDescent="0.2">
      <c r="G1443" s="43"/>
      <c r="Z1443" s="143"/>
      <c r="AA1443" s="137"/>
      <c r="AB1443" s="137"/>
      <c r="AC1443" s="137"/>
      <c r="AD1443" s="137"/>
      <c r="AE1443" s="137"/>
      <c r="AF1443" s="137"/>
      <c r="AG1443" s="137"/>
      <c r="AH1443" s="137"/>
      <c r="AI1443" s="137"/>
      <c r="AJ1443" s="137"/>
      <c r="AK1443" s="137"/>
      <c r="AL1443" s="137"/>
      <c r="AM1443" s="137"/>
      <c r="AN1443" s="137"/>
      <c r="AO1443" s="137"/>
      <c r="AP1443" s="137"/>
      <c r="AQ1443" s="137"/>
      <c r="AR1443" s="137"/>
      <c r="AS1443" s="137"/>
      <c r="AT1443" s="137"/>
      <c r="AU1443" s="137"/>
      <c r="AV1443" s="137"/>
      <c r="AW1443" s="144"/>
    </row>
    <row r="1444" spans="7:49" x14ac:dyDescent="0.2">
      <c r="G1444" s="43"/>
      <c r="Z1444" s="143"/>
      <c r="AA1444" s="137"/>
      <c r="AB1444" s="137"/>
      <c r="AC1444" s="137"/>
      <c r="AD1444" s="137"/>
      <c r="AE1444" s="137"/>
      <c r="AF1444" s="137"/>
      <c r="AG1444" s="137"/>
      <c r="AH1444" s="137"/>
      <c r="AI1444" s="137"/>
      <c r="AJ1444" s="137"/>
      <c r="AK1444" s="137"/>
      <c r="AL1444" s="137"/>
      <c r="AM1444" s="137"/>
      <c r="AN1444" s="137"/>
      <c r="AO1444" s="137"/>
      <c r="AP1444" s="137"/>
      <c r="AQ1444" s="137"/>
      <c r="AR1444" s="137"/>
      <c r="AS1444" s="137"/>
      <c r="AT1444" s="137"/>
      <c r="AU1444" s="137"/>
      <c r="AV1444" s="137"/>
      <c r="AW1444" s="144"/>
    </row>
    <row r="1445" spans="7:49" x14ac:dyDescent="0.2">
      <c r="G1445" s="43"/>
      <c r="Z1445" s="143"/>
      <c r="AA1445" s="137"/>
      <c r="AB1445" s="137"/>
      <c r="AC1445" s="137"/>
      <c r="AD1445" s="137"/>
      <c r="AE1445" s="137"/>
      <c r="AF1445" s="137"/>
      <c r="AG1445" s="137"/>
      <c r="AH1445" s="137"/>
      <c r="AI1445" s="137"/>
      <c r="AJ1445" s="137"/>
      <c r="AK1445" s="137"/>
      <c r="AL1445" s="137"/>
      <c r="AM1445" s="137"/>
      <c r="AN1445" s="137"/>
      <c r="AO1445" s="137"/>
      <c r="AP1445" s="137"/>
      <c r="AQ1445" s="137"/>
      <c r="AR1445" s="137"/>
      <c r="AS1445" s="137"/>
      <c r="AT1445" s="137"/>
      <c r="AU1445" s="137"/>
      <c r="AV1445" s="137"/>
      <c r="AW1445" s="144"/>
    </row>
    <row r="1446" spans="7:49" x14ac:dyDescent="0.2">
      <c r="G1446" s="43"/>
      <c r="Z1446" s="143"/>
      <c r="AA1446" s="137"/>
      <c r="AB1446" s="137"/>
      <c r="AC1446" s="137"/>
      <c r="AD1446" s="137"/>
      <c r="AE1446" s="137"/>
      <c r="AF1446" s="137"/>
      <c r="AG1446" s="137"/>
      <c r="AH1446" s="137"/>
      <c r="AI1446" s="137"/>
      <c r="AJ1446" s="137"/>
      <c r="AK1446" s="137"/>
      <c r="AL1446" s="137"/>
      <c r="AM1446" s="137"/>
      <c r="AN1446" s="137"/>
      <c r="AO1446" s="137"/>
      <c r="AP1446" s="137"/>
      <c r="AQ1446" s="137"/>
      <c r="AR1446" s="137"/>
      <c r="AS1446" s="137"/>
      <c r="AT1446" s="137"/>
      <c r="AU1446" s="137"/>
      <c r="AV1446" s="137"/>
      <c r="AW1446" s="144"/>
    </row>
    <row r="1447" spans="7:49" x14ac:dyDescent="0.2">
      <c r="G1447" s="43"/>
      <c r="Z1447" s="143"/>
      <c r="AA1447" s="137"/>
      <c r="AB1447" s="137"/>
      <c r="AC1447" s="137"/>
      <c r="AD1447" s="137"/>
      <c r="AE1447" s="137"/>
      <c r="AF1447" s="137"/>
      <c r="AG1447" s="137"/>
      <c r="AH1447" s="137"/>
      <c r="AI1447" s="137"/>
      <c r="AJ1447" s="137"/>
      <c r="AK1447" s="137"/>
      <c r="AL1447" s="137"/>
      <c r="AM1447" s="137"/>
      <c r="AN1447" s="137"/>
      <c r="AO1447" s="137"/>
      <c r="AP1447" s="137"/>
      <c r="AQ1447" s="137"/>
      <c r="AR1447" s="137"/>
      <c r="AS1447" s="137"/>
      <c r="AT1447" s="137"/>
      <c r="AU1447" s="137"/>
      <c r="AV1447" s="137"/>
      <c r="AW1447" s="144"/>
    </row>
    <row r="1448" spans="7:49" x14ac:dyDescent="0.2">
      <c r="G1448" s="43"/>
      <c r="Z1448" s="143"/>
      <c r="AA1448" s="137"/>
      <c r="AB1448" s="137"/>
      <c r="AC1448" s="137"/>
      <c r="AD1448" s="137"/>
      <c r="AE1448" s="137"/>
      <c r="AF1448" s="137"/>
      <c r="AG1448" s="137"/>
      <c r="AH1448" s="137"/>
      <c r="AI1448" s="137"/>
      <c r="AJ1448" s="137"/>
      <c r="AK1448" s="137"/>
      <c r="AL1448" s="137"/>
      <c r="AM1448" s="137"/>
      <c r="AN1448" s="137"/>
      <c r="AO1448" s="137"/>
      <c r="AP1448" s="137"/>
      <c r="AQ1448" s="137"/>
      <c r="AR1448" s="137"/>
      <c r="AS1448" s="137"/>
      <c r="AT1448" s="137"/>
      <c r="AU1448" s="137"/>
      <c r="AV1448" s="137"/>
      <c r="AW1448" s="144"/>
    </row>
    <row r="1449" spans="7:49" x14ac:dyDescent="0.2">
      <c r="G1449" s="43"/>
      <c r="Z1449" s="143"/>
      <c r="AA1449" s="137"/>
      <c r="AB1449" s="137"/>
      <c r="AC1449" s="137"/>
      <c r="AD1449" s="137"/>
      <c r="AE1449" s="137"/>
      <c r="AF1449" s="137"/>
      <c r="AG1449" s="137"/>
      <c r="AH1449" s="137"/>
      <c r="AI1449" s="137"/>
      <c r="AJ1449" s="137"/>
      <c r="AK1449" s="137"/>
      <c r="AL1449" s="137"/>
      <c r="AM1449" s="137"/>
      <c r="AN1449" s="137"/>
      <c r="AO1449" s="137"/>
      <c r="AP1449" s="137"/>
      <c r="AQ1449" s="137"/>
      <c r="AR1449" s="137"/>
      <c r="AS1449" s="137"/>
      <c r="AT1449" s="137"/>
      <c r="AU1449" s="137"/>
      <c r="AV1449" s="137"/>
      <c r="AW1449" s="144"/>
    </row>
    <row r="1450" spans="7:49" x14ac:dyDescent="0.2">
      <c r="G1450" s="43"/>
      <c r="Z1450" s="143"/>
      <c r="AA1450" s="137"/>
      <c r="AB1450" s="137"/>
      <c r="AC1450" s="137"/>
      <c r="AD1450" s="137"/>
      <c r="AE1450" s="137"/>
      <c r="AF1450" s="137"/>
      <c r="AG1450" s="137"/>
      <c r="AH1450" s="137"/>
      <c r="AI1450" s="137"/>
      <c r="AJ1450" s="137"/>
      <c r="AK1450" s="137"/>
      <c r="AL1450" s="137"/>
      <c r="AM1450" s="137"/>
      <c r="AN1450" s="137"/>
      <c r="AO1450" s="137"/>
      <c r="AP1450" s="137"/>
      <c r="AQ1450" s="137"/>
      <c r="AR1450" s="137"/>
      <c r="AS1450" s="137"/>
      <c r="AT1450" s="137"/>
      <c r="AU1450" s="137"/>
      <c r="AV1450" s="137"/>
      <c r="AW1450" s="144"/>
    </row>
    <row r="1451" spans="7:49" x14ac:dyDescent="0.2">
      <c r="G1451" s="43"/>
      <c r="Z1451" s="143"/>
      <c r="AA1451" s="137"/>
      <c r="AB1451" s="137"/>
      <c r="AC1451" s="137"/>
      <c r="AD1451" s="137"/>
      <c r="AE1451" s="137"/>
      <c r="AF1451" s="137"/>
      <c r="AG1451" s="137"/>
      <c r="AH1451" s="137"/>
      <c r="AI1451" s="137"/>
      <c r="AJ1451" s="137"/>
      <c r="AK1451" s="137"/>
      <c r="AL1451" s="137"/>
      <c r="AM1451" s="137"/>
      <c r="AN1451" s="137"/>
      <c r="AO1451" s="137"/>
      <c r="AP1451" s="137"/>
      <c r="AQ1451" s="137"/>
      <c r="AR1451" s="137"/>
      <c r="AS1451" s="137"/>
      <c r="AT1451" s="137"/>
      <c r="AU1451" s="137"/>
      <c r="AV1451" s="137"/>
      <c r="AW1451" s="144"/>
    </row>
    <row r="1452" spans="7:49" x14ac:dyDescent="0.2">
      <c r="G1452" s="43"/>
      <c r="Z1452" s="143"/>
      <c r="AA1452" s="137"/>
      <c r="AB1452" s="137"/>
      <c r="AC1452" s="137"/>
      <c r="AD1452" s="137"/>
      <c r="AE1452" s="137"/>
      <c r="AF1452" s="137"/>
      <c r="AG1452" s="137"/>
      <c r="AH1452" s="137"/>
      <c r="AI1452" s="137"/>
      <c r="AJ1452" s="137"/>
      <c r="AK1452" s="137"/>
      <c r="AL1452" s="137"/>
      <c r="AM1452" s="137"/>
      <c r="AN1452" s="137"/>
      <c r="AO1452" s="137"/>
      <c r="AP1452" s="137"/>
      <c r="AQ1452" s="137"/>
      <c r="AR1452" s="137"/>
      <c r="AS1452" s="137"/>
      <c r="AT1452" s="137"/>
      <c r="AU1452" s="137"/>
      <c r="AV1452" s="137"/>
      <c r="AW1452" s="144"/>
    </row>
    <row r="1453" spans="7:49" x14ac:dyDescent="0.2">
      <c r="G1453" s="43"/>
      <c r="Z1453" s="143"/>
      <c r="AA1453" s="137"/>
      <c r="AB1453" s="137"/>
      <c r="AC1453" s="137"/>
      <c r="AD1453" s="137"/>
      <c r="AE1453" s="137"/>
      <c r="AF1453" s="137"/>
      <c r="AG1453" s="137"/>
      <c r="AH1453" s="137"/>
      <c r="AI1453" s="137"/>
      <c r="AJ1453" s="137"/>
      <c r="AK1453" s="137"/>
      <c r="AL1453" s="137"/>
      <c r="AM1453" s="137"/>
      <c r="AN1453" s="137"/>
      <c r="AO1453" s="137"/>
      <c r="AP1453" s="137"/>
      <c r="AQ1453" s="137"/>
      <c r="AR1453" s="137"/>
      <c r="AS1453" s="137"/>
      <c r="AT1453" s="137"/>
      <c r="AU1453" s="137"/>
      <c r="AV1453" s="137"/>
      <c r="AW1453" s="144"/>
    </row>
    <row r="1454" spans="7:49" x14ac:dyDescent="0.2">
      <c r="G1454" s="43"/>
      <c r="Z1454" s="143"/>
      <c r="AA1454" s="137"/>
      <c r="AB1454" s="137"/>
      <c r="AC1454" s="137"/>
      <c r="AD1454" s="137"/>
      <c r="AE1454" s="137"/>
      <c r="AF1454" s="137"/>
      <c r="AG1454" s="137"/>
      <c r="AH1454" s="137"/>
      <c r="AI1454" s="137"/>
      <c r="AJ1454" s="137"/>
      <c r="AK1454" s="137"/>
      <c r="AL1454" s="137"/>
      <c r="AM1454" s="137"/>
      <c r="AN1454" s="137"/>
      <c r="AO1454" s="137"/>
      <c r="AP1454" s="137"/>
      <c r="AQ1454" s="137"/>
      <c r="AR1454" s="137"/>
      <c r="AS1454" s="137"/>
      <c r="AT1454" s="137"/>
      <c r="AU1454" s="137"/>
      <c r="AV1454" s="137"/>
      <c r="AW1454" s="144"/>
    </row>
    <row r="1455" spans="7:49" x14ac:dyDescent="0.2">
      <c r="G1455" s="43"/>
      <c r="Z1455" s="143"/>
      <c r="AA1455" s="137"/>
      <c r="AB1455" s="137"/>
      <c r="AC1455" s="137"/>
      <c r="AD1455" s="137"/>
      <c r="AE1455" s="137"/>
      <c r="AF1455" s="137"/>
      <c r="AG1455" s="137"/>
      <c r="AH1455" s="137"/>
      <c r="AI1455" s="137"/>
      <c r="AJ1455" s="137"/>
      <c r="AK1455" s="137"/>
      <c r="AL1455" s="137"/>
      <c r="AM1455" s="137"/>
      <c r="AN1455" s="137"/>
      <c r="AO1455" s="137"/>
      <c r="AP1455" s="137"/>
      <c r="AQ1455" s="137"/>
      <c r="AR1455" s="137"/>
      <c r="AS1455" s="137"/>
      <c r="AT1455" s="137"/>
      <c r="AU1455" s="137"/>
      <c r="AV1455" s="137"/>
      <c r="AW1455" s="144"/>
    </row>
    <row r="1456" spans="7:49" x14ac:dyDescent="0.2">
      <c r="G1456" s="43"/>
      <c r="Z1456" s="143"/>
      <c r="AA1456" s="137"/>
      <c r="AB1456" s="137"/>
      <c r="AC1456" s="137"/>
      <c r="AD1456" s="137"/>
      <c r="AE1456" s="137"/>
      <c r="AF1456" s="137"/>
      <c r="AG1456" s="137"/>
      <c r="AH1456" s="137"/>
      <c r="AI1456" s="137"/>
      <c r="AJ1456" s="137"/>
      <c r="AK1456" s="137"/>
      <c r="AL1456" s="137"/>
      <c r="AM1456" s="137"/>
      <c r="AN1456" s="137"/>
      <c r="AO1456" s="137"/>
      <c r="AP1456" s="137"/>
      <c r="AQ1456" s="137"/>
      <c r="AR1456" s="137"/>
      <c r="AS1456" s="137"/>
      <c r="AT1456" s="137"/>
      <c r="AU1456" s="137"/>
      <c r="AV1456" s="137"/>
      <c r="AW1456" s="144"/>
    </row>
    <row r="1457" spans="7:49" x14ac:dyDescent="0.2">
      <c r="G1457" s="43"/>
      <c r="Z1457" s="143"/>
      <c r="AA1457" s="137"/>
      <c r="AB1457" s="137"/>
      <c r="AC1457" s="137"/>
      <c r="AD1457" s="137"/>
      <c r="AE1457" s="137"/>
      <c r="AF1457" s="137"/>
      <c r="AG1457" s="137"/>
      <c r="AH1457" s="137"/>
      <c r="AI1457" s="137"/>
      <c r="AJ1457" s="137"/>
      <c r="AK1457" s="137"/>
      <c r="AL1457" s="137"/>
      <c r="AM1457" s="137"/>
      <c r="AN1457" s="137"/>
      <c r="AO1457" s="137"/>
      <c r="AP1457" s="137"/>
      <c r="AQ1457" s="137"/>
      <c r="AR1457" s="137"/>
      <c r="AS1457" s="137"/>
      <c r="AT1457" s="137"/>
      <c r="AU1457" s="137"/>
      <c r="AV1457" s="137"/>
      <c r="AW1457" s="144"/>
    </row>
    <row r="1458" spans="7:49" x14ac:dyDescent="0.2">
      <c r="G1458" s="43"/>
      <c r="Z1458" s="143"/>
      <c r="AA1458" s="137"/>
      <c r="AB1458" s="137"/>
      <c r="AC1458" s="137"/>
      <c r="AD1458" s="137"/>
      <c r="AE1458" s="137"/>
      <c r="AF1458" s="137"/>
      <c r="AG1458" s="137"/>
      <c r="AH1458" s="137"/>
      <c r="AI1458" s="137"/>
      <c r="AJ1458" s="137"/>
      <c r="AK1458" s="137"/>
      <c r="AL1458" s="137"/>
      <c r="AM1458" s="137"/>
      <c r="AN1458" s="137"/>
      <c r="AO1458" s="137"/>
      <c r="AP1458" s="137"/>
      <c r="AQ1458" s="137"/>
      <c r="AR1458" s="137"/>
      <c r="AS1458" s="137"/>
      <c r="AT1458" s="137"/>
      <c r="AU1458" s="137"/>
      <c r="AV1458" s="137"/>
      <c r="AW1458" s="144"/>
    </row>
    <row r="1459" spans="7:49" x14ac:dyDescent="0.2">
      <c r="G1459" s="43"/>
      <c r="Z1459" s="143"/>
      <c r="AA1459" s="137"/>
      <c r="AB1459" s="137"/>
      <c r="AC1459" s="137"/>
      <c r="AD1459" s="137"/>
      <c r="AE1459" s="137"/>
      <c r="AF1459" s="137"/>
      <c r="AG1459" s="137"/>
      <c r="AH1459" s="137"/>
      <c r="AI1459" s="137"/>
      <c r="AJ1459" s="137"/>
      <c r="AK1459" s="137"/>
      <c r="AL1459" s="137"/>
      <c r="AM1459" s="137"/>
      <c r="AN1459" s="137"/>
      <c r="AO1459" s="137"/>
      <c r="AP1459" s="137"/>
      <c r="AQ1459" s="137"/>
      <c r="AR1459" s="137"/>
      <c r="AS1459" s="137"/>
      <c r="AT1459" s="137"/>
      <c r="AU1459" s="137"/>
      <c r="AV1459" s="137"/>
      <c r="AW1459" s="144"/>
    </row>
    <row r="1460" spans="7:49" x14ac:dyDescent="0.2">
      <c r="G1460" s="43"/>
      <c r="Z1460" s="143"/>
      <c r="AA1460" s="137"/>
      <c r="AB1460" s="137"/>
      <c r="AC1460" s="137"/>
      <c r="AD1460" s="137"/>
      <c r="AE1460" s="137"/>
      <c r="AF1460" s="137"/>
      <c r="AG1460" s="137"/>
      <c r="AH1460" s="137"/>
      <c r="AI1460" s="137"/>
      <c r="AJ1460" s="137"/>
      <c r="AK1460" s="137"/>
      <c r="AL1460" s="137"/>
      <c r="AM1460" s="137"/>
      <c r="AN1460" s="137"/>
      <c r="AO1460" s="137"/>
      <c r="AP1460" s="137"/>
      <c r="AQ1460" s="137"/>
      <c r="AR1460" s="137"/>
      <c r="AS1460" s="137"/>
      <c r="AT1460" s="137"/>
      <c r="AU1460" s="137"/>
      <c r="AV1460" s="137"/>
      <c r="AW1460" s="144"/>
    </row>
    <row r="1461" spans="7:49" x14ac:dyDescent="0.2">
      <c r="G1461" s="43"/>
      <c r="Z1461" s="143"/>
      <c r="AA1461" s="137"/>
      <c r="AB1461" s="137"/>
      <c r="AC1461" s="137"/>
      <c r="AD1461" s="137"/>
      <c r="AE1461" s="137"/>
      <c r="AF1461" s="137"/>
      <c r="AG1461" s="137"/>
      <c r="AH1461" s="137"/>
      <c r="AI1461" s="137"/>
      <c r="AJ1461" s="137"/>
      <c r="AK1461" s="137"/>
      <c r="AL1461" s="137"/>
      <c r="AM1461" s="137"/>
      <c r="AN1461" s="137"/>
      <c r="AO1461" s="137"/>
      <c r="AP1461" s="137"/>
      <c r="AQ1461" s="137"/>
      <c r="AR1461" s="137"/>
      <c r="AS1461" s="137"/>
      <c r="AT1461" s="137"/>
      <c r="AU1461" s="137"/>
      <c r="AV1461" s="137"/>
      <c r="AW1461" s="144"/>
    </row>
    <row r="1462" spans="7:49" x14ac:dyDescent="0.2">
      <c r="G1462" s="43"/>
      <c r="Z1462" s="143"/>
      <c r="AA1462" s="137"/>
      <c r="AB1462" s="137"/>
      <c r="AC1462" s="137"/>
      <c r="AD1462" s="137"/>
      <c r="AE1462" s="137"/>
      <c r="AF1462" s="137"/>
      <c r="AG1462" s="137"/>
      <c r="AH1462" s="137"/>
      <c r="AI1462" s="137"/>
      <c r="AJ1462" s="137"/>
      <c r="AK1462" s="137"/>
      <c r="AL1462" s="137"/>
      <c r="AM1462" s="137"/>
      <c r="AN1462" s="137"/>
      <c r="AO1462" s="137"/>
      <c r="AP1462" s="137"/>
      <c r="AQ1462" s="137"/>
      <c r="AR1462" s="137"/>
      <c r="AS1462" s="137"/>
      <c r="AT1462" s="137"/>
      <c r="AU1462" s="137"/>
      <c r="AV1462" s="137"/>
      <c r="AW1462" s="144"/>
    </row>
    <row r="1463" spans="7:49" x14ac:dyDescent="0.2">
      <c r="G1463" s="43"/>
      <c r="Z1463" s="143"/>
      <c r="AA1463" s="137"/>
      <c r="AB1463" s="137"/>
      <c r="AC1463" s="137"/>
      <c r="AD1463" s="137"/>
      <c r="AE1463" s="137"/>
      <c r="AF1463" s="137"/>
      <c r="AG1463" s="137"/>
      <c r="AH1463" s="137"/>
      <c r="AI1463" s="137"/>
      <c r="AJ1463" s="137"/>
      <c r="AK1463" s="137"/>
      <c r="AL1463" s="137"/>
      <c r="AM1463" s="137"/>
      <c r="AN1463" s="137"/>
      <c r="AO1463" s="137"/>
      <c r="AP1463" s="137"/>
      <c r="AQ1463" s="137"/>
      <c r="AR1463" s="137"/>
      <c r="AS1463" s="137"/>
      <c r="AT1463" s="137"/>
      <c r="AU1463" s="137"/>
      <c r="AV1463" s="137"/>
      <c r="AW1463" s="144"/>
    </row>
    <row r="1464" spans="7:49" x14ac:dyDescent="0.2">
      <c r="G1464" s="43"/>
      <c r="Z1464" s="143"/>
      <c r="AA1464" s="137"/>
      <c r="AB1464" s="137"/>
      <c r="AC1464" s="137"/>
      <c r="AD1464" s="137"/>
      <c r="AE1464" s="137"/>
      <c r="AF1464" s="137"/>
      <c r="AG1464" s="137"/>
      <c r="AH1464" s="137"/>
      <c r="AI1464" s="137"/>
      <c r="AJ1464" s="137"/>
      <c r="AK1464" s="137"/>
      <c r="AL1464" s="137"/>
      <c r="AM1464" s="137"/>
      <c r="AN1464" s="137"/>
      <c r="AO1464" s="137"/>
      <c r="AP1464" s="137"/>
      <c r="AQ1464" s="137"/>
      <c r="AR1464" s="137"/>
      <c r="AS1464" s="137"/>
      <c r="AT1464" s="137"/>
      <c r="AU1464" s="137"/>
      <c r="AV1464" s="137"/>
      <c r="AW1464" s="144"/>
    </row>
    <row r="1465" spans="7:49" x14ac:dyDescent="0.2">
      <c r="G1465" s="43"/>
      <c r="Z1465" s="143"/>
      <c r="AA1465" s="137"/>
      <c r="AB1465" s="137"/>
      <c r="AC1465" s="137"/>
      <c r="AD1465" s="137"/>
      <c r="AE1465" s="137"/>
      <c r="AF1465" s="137"/>
      <c r="AG1465" s="137"/>
      <c r="AH1465" s="137"/>
      <c r="AI1465" s="137"/>
      <c r="AJ1465" s="137"/>
      <c r="AK1465" s="137"/>
      <c r="AL1465" s="137"/>
      <c r="AM1465" s="137"/>
      <c r="AN1465" s="137"/>
      <c r="AO1465" s="137"/>
      <c r="AP1465" s="137"/>
      <c r="AQ1465" s="137"/>
      <c r="AR1465" s="137"/>
      <c r="AS1465" s="137"/>
      <c r="AT1465" s="137"/>
      <c r="AU1465" s="137"/>
      <c r="AV1465" s="137"/>
      <c r="AW1465" s="144"/>
    </row>
    <row r="1466" spans="7:49" x14ac:dyDescent="0.2">
      <c r="G1466" s="43"/>
      <c r="Z1466" s="143"/>
      <c r="AA1466" s="137"/>
      <c r="AB1466" s="137"/>
      <c r="AC1466" s="137"/>
      <c r="AD1466" s="137"/>
      <c r="AE1466" s="137"/>
      <c r="AF1466" s="137"/>
      <c r="AG1466" s="137"/>
      <c r="AH1466" s="137"/>
      <c r="AI1466" s="137"/>
      <c r="AJ1466" s="137"/>
      <c r="AK1466" s="137"/>
      <c r="AL1466" s="137"/>
      <c r="AM1466" s="137"/>
      <c r="AN1466" s="137"/>
      <c r="AO1466" s="137"/>
      <c r="AP1466" s="137"/>
      <c r="AQ1466" s="137"/>
      <c r="AR1466" s="137"/>
      <c r="AS1466" s="137"/>
      <c r="AT1466" s="137"/>
      <c r="AU1466" s="137"/>
      <c r="AV1466" s="137"/>
      <c r="AW1466" s="144"/>
    </row>
    <row r="1467" spans="7:49" x14ac:dyDescent="0.2">
      <c r="G1467" s="43"/>
      <c r="Z1467" s="143"/>
      <c r="AA1467" s="137"/>
      <c r="AB1467" s="137"/>
      <c r="AC1467" s="137"/>
      <c r="AD1467" s="137"/>
      <c r="AE1467" s="137"/>
      <c r="AF1467" s="137"/>
      <c r="AG1467" s="137"/>
      <c r="AH1467" s="137"/>
      <c r="AI1467" s="137"/>
      <c r="AJ1467" s="137"/>
      <c r="AK1467" s="137"/>
      <c r="AL1467" s="137"/>
      <c r="AM1467" s="137"/>
      <c r="AN1467" s="137"/>
      <c r="AO1467" s="137"/>
      <c r="AP1467" s="137"/>
      <c r="AQ1467" s="137"/>
      <c r="AR1467" s="137"/>
      <c r="AS1467" s="137"/>
      <c r="AT1467" s="137"/>
      <c r="AU1467" s="137"/>
      <c r="AV1467" s="137"/>
      <c r="AW1467" s="144"/>
    </row>
    <row r="1468" spans="7:49" x14ac:dyDescent="0.2">
      <c r="G1468" s="43"/>
      <c r="Z1468" s="143"/>
      <c r="AA1468" s="137"/>
      <c r="AB1468" s="137"/>
      <c r="AC1468" s="137"/>
      <c r="AD1468" s="137"/>
      <c r="AE1468" s="137"/>
      <c r="AF1468" s="137"/>
      <c r="AG1468" s="137"/>
      <c r="AH1468" s="137"/>
      <c r="AI1468" s="137"/>
      <c r="AJ1468" s="137"/>
      <c r="AK1468" s="137"/>
      <c r="AL1468" s="137"/>
      <c r="AM1468" s="137"/>
      <c r="AN1468" s="137"/>
      <c r="AO1468" s="137"/>
      <c r="AP1468" s="137"/>
      <c r="AQ1468" s="137"/>
      <c r="AR1468" s="137"/>
      <c r="AS1468" s="137"/>
      <c r="AT1468" s="137"/>
      <c r="AU1468" s="137"/>
      <c r="AV1468" s="137"/>
      <c r="AW1468" s="144"/>
    </row>
    <row r="1469" spans="7:49" x14ac:dyDescent="0.2">
      <c r="G1469" s="43"/>
      <c r="Z1469" s="143"/>
      <c r="AA1469" s="137"/>
      <c r="AB1469" s="137"/>
      <c r="AC1469" s="137"/>
      <c r="AD1469" s="137"/>
      <c r="AE1469" s="137"/>
      <c r="AF1469" s="137"/>
      <c r="AG1469" s="137"/>
      <c r="AH1469" s="137"/>
      <c r="AI1469" s="137"/>
      <c r="AJ1469" s="137"/>
      <c r="AK1469" s="137"/>
      <c r="AL1469" s="137"/>
      <c r="AM1469" s="137"/>
      <c r="AN1469" s="137"/>
      <c r="AO1469" s="137"/>
      <c r="AP1469" s="137"/>
      <c r="AQ1469" s="137"/>
      <c r="AR1469" s="137"/>
      <c r="AS1469" s="137"/>
      <c r="AT1469" s="137"/>
      <c r="AU1469" s="137"/>
      <c r="AV1469" s="137"/>
      <c r="AW1469" s="144"/>
    </row>
    <row r="1470" spans="7:49" x14ac:dyDescent="0.2">
      <c r="G1470" s="43"/>
      <c r="Z1470" s="143"/>
      <c r="AA1470" s="137"/>
      <c r="AB1470" s="137"/>
      <c r="AC1470" s="137"/>
      <c r="AD1470" s="137"/>
      <c r="AE1470" s="137"/>
      <c r="AF1470" s="137"/>
      <c r="AG1470" s="137"/>
      <c r="AH1470" s="137"/>
      <c r="AI1470" s="137"/>
      <c r="AJ1470" s="137"/>
      <c r="AK1470" s="137"/>
      <c r="AL1470" s="137"/>
      <c r="AM1470" s="137"/>
      <c r="AN1470" s="137"/>
      <c r="AO1470" s="137"/>
      <c r="AP1470" s="137"/>
      <c r="AQ1470" s="137"/>
      <c r="AR1470" s="137"/>
      <c r="AS1470" s="137"/>
      <c r="AT1470" s="137"/>
      <c r="AU1470" s="137"/>
      <c r="AV1470" s="137"/>
      <c r="AW1470" s="144"/>
    </row>
    <row r="1471" spans="7:49" x14ac:dyDescent="0.2">
      <c r="G1471" s="43"/>
      <c r="Z1471" s="143"/>
      <c r="AA1471" s="137"/>
      <c r="AB1471" s="137"/>
      <c r="AC1471" s="137"/>
      <c r="AD1471" s="137"/>
      <c r="AE1471" s="137"/>
      <c r="AF1471" s="137"/>
      <c r="AG1471" s="137"/>
      <c r="AH1471" s="137"/>
      <c r="AI1471" s="137"/>
      <c r="AJ1471" s="137"/>
      <c r="AK1471" s="137"/>
      <c r="AL1471" s="137"/>
      <c r="AM1471" s="137"/>
      <c r="AN1471" s="137"/>
      <c r="AO1471" s="137"/>
      <c r="AP1471" s="137"/>
      <c r="AQ1471" s="137"/>
      <c r="AR1471" s="137"/>
      <c r="AS1471" s="137"/>
      <c r="AT1471" s="137"/>
      <c r="AU1471" s="137"/>
      <c r="AV1471" s="137"/>
      <c r="AW1471" s="144"/>
    </row>
    <row r="1472" spans="7:49" x14ac:dyDescent="0.2">
      <c r="G1472" s="43"/>
      <c r="Z1472" s="143"/>
      <c r="AA1472" s="137"/>
      <c r="AB1472" s="137"/>
      <c r="AC1472" s="137"/>
      <c r="AD1472" s="137"/>
      <c r="AE1472" s="137"/>
      <c r="AF1472" s="137"/>
      <c r="AG1472" s="137"/>
      <c r="AH1472" s="137"/>
      <c r="AI1472" s="137"/>
      <c r="AJ1472" s="137"/>
      <c r="AK1472" s="137"/>
      <c r="AL1472" s="137"/>
      <c r="AM1472" s="137"/>
      <c r="AN1472" s="137"/>
      <c r="AO1472" s="137"/>
      <c r="AP1472" s="137"/>
      <c r="AQ1472" s="137"/>
      <c r="AR1472" s="137"/>
      <c r="AS1472" s="137"/>
      <c r="AT1472" s="137"/>
      <c r="AU1472" s="137"/>
      <c r="AV1472" s="137"/>
      <c r="AW1472" s="144"/>
    </row>
    <row r="1473" spans="7:49" x14ac:dyDescent="0.2">
      <c r="G1473" s="43"/>
      <c r="Z1473" s="143"/>
      <c r="AA1473" s="137"/>
      <c r="AB1473" s="137"/>
      <c r="AC1473" s="137"/>
      <c r="AD1473" s="137"/>
      <c r="AE1473" s="137"/>
      <c r="AF1473" s="137"/>
      <c r="AG1473" s="137"/>
      <c r="AH1473" s="137"/>
      <c r="AI1473" s="137"/>
      <c r="AJ1473" s="137"/>
      <c r="AK1473" s="137"/>
      <c r="AL1473" s="137"/>
      <c r="AM1473" s="137"/>
      <c r="AN1473" s="137"/>
      <c r="AO1473" s="137"/>
      <c r="AP1473" s="137"/>
      <c r="AQ1473" s="137"/>
      <c r="AR1473" s="137"/>
      <c r="AS1473" s="137"/>
      <c r="AT1473" s="137"/>
      <c r="AU1473" s="137"/>
      <c r="AV1473" s="137"/>
      <c r="AW1473" s="144"/>
    </row>
    <row r="1474" spans="7:49" x14ac:dyDescent="0.2">
      <c r="G1474" s="43"/>
      <c r="Z1474" s="143"/>
      <c r="AA1474" s="137"/>
      <c r="AB1474" s="137"/>
      <c r="AC1474" s="137"/>
      <c r="AD1474" s="137"/>
      <c r="AE1474" s="137"/>
      <c r="AF1474" s="137"/>
      <c r="AG1474" s="137"/>
      <c r="AH1474" s="137"/>
      <c r="AI1474" s="137"/>
      <c r="AJ1474" s="137"/>
      <c r="AK1474" s="137"/>
      <c r="AL1474" s="137"/>
      <c r="AM1474" s="137"/>
      <c r="AN1474" s="137"/>
      <c r="AO1474" s="137"/>
      <c r="AP1474" s="137"/>
      <c r="AQ1474" s="137"/>
      <c r="AR1474" s="137"/>
      <c r="AS1474" s="137"/>
      <c r="AT1474" s="137"/>
      <c r="AU1474" s="137"/>
      <c r="AV1474" s="137"/>
      <c r="AW1474" s="144"/>
    </row>
    <row r="1475" spans="7:49" x14ac:dyDescent="0.2">
      <c r="G1475" s="43"/>
      <c r="Z1475" s="143"/>
      <c r="AA1475" s="137"/>
      <c r="AB1475" s="137"/>
      <c r="AC1475" s="137"/>
      <c r="AD1475" s="137"/>
      <c r="AE1475" s="137"/>
      <c r="AF1475" s="137"/>
      <c r="AG1475" s="137"/>
      <c r="AH1475" s="137"/>
      <c r="AI1475" s="137"/>
      <c r="AJ1475" s="137"/>
      <c r="AK1475" s="137"/>
      <c r="AL1475" s="137"/>
      <c r="AM1475" s="137"/>
      <c r="AN1475" s="137"/>
      <c r="AO1475" s="137"/>
      <c r="AP1475" s="137"/>
      <c r="AQ1475" s="137"/>
      <c r="AR1475" s="137"/>
      <c r="AS1475" s="137"/>
      <c r="AT1475" s="137"/>
      <c r="AU1475" s="137"/>
      <c r="AV1475" s="137"/>
      <c r="AW1475" s="144"/>
    </row>
    <row r="1476" spans="7:49" x14ac:dyDescent="0.2">
      <c r="G1476" s="43"/>
      <c r="Z1476" s="143"/>
      <c r="AA1476" s="137"/>
      <c r="AB1476" s="137"/>
      <c r="AC1476" s="137"/>
      <c r="AD1476" s="137"/>
      <c r="AE1476" s="137"/>
      <c r="AF1476" s="137"/>
      <c r="AG1476" s="137"/>
      <c r="AH1476" s="137"/>
      <c r="AI1476" s="137"/>
      <c r="AJ1476" s="137"/>
      <c r="AK1476" s="137"/>
      <c r="AL1476" s="137"/>
      <c r="AM1476" s="137"/>
      <c r="AN1476" s="137"/>
      <c r="AO1476" s="137"/>
      <c r="AP1476" s="137"/>
      <c r="AQ1476" s="137"/>
      <c r="AR1476" s="137"/>
      <c r="AS1476" s="137"/>
      <c r="AT1476" s="137"/>
      <c r="AU1476" s="137"/>
      <c r="AV1476" s="137"/>
      <c r="AW1476" s="144"/>
    </row>
    <row r="1477" spans="7:49" x14ac:dyDescent="0.2">
      <c r="G1477" s="43"/>
      <c r="Z1477" s="143"/>
      <c r="AA1477" s="137"/>
      <c r="AB1477" s="137"/>
      <c r="AC1477" s="137"/>
      <c r="AD1477" s="137"/>
      <c r="AE1477" s="137"/>
      <c r="AF1477" s="137"/>
      <c r="AG1477" s="137"/>
      <c r="AH1477" s="137"/>
      <c r="AI1477" s="137"/>
      <c r="AJ1477" s="137"/>
      <c r="AK1477" s="137"/>
      <c r="AL1477" s="137"/>
      <c r="AM1477" s="137"/>
      <c r="AN1477" s="137"/>
      <c r="AO1477" s="137"/>
      <c r="AP1477" s="137"/>
      <c r="AQ1477" s="137"/>
      <c r="AR1477" s="137"/>
      <c r="AS1477" s="137"/>
      <c r="AT1477" s="137"/>
      <c r="AU1477" s="137"/>
      <c r="AV1477" s="137"/>
      <c r="AW1477" s="144"/>
    </row>
    <row r="1478" spans="7:49" x14ac:dyDescent="0.2">
      <c r="G1478" s="43"/>
      <c r="Z1478" s="143"/>
      <c r="AA1478" s="137"/>
      <c r="AB1478" s="137"/>
      <c r="AC1478" s="137"/>
      <c r="AD1478" s="137"/>
      <c r="AE1478" s="137"/>
      <c r="AF1478" s="137"/>
      <c r="AG1478" s="137"/>
      <c r="AH1478" s="137"/>
      <c r="AI1478" s="137"/>
      <c r="AJ1478" s="137"/>
      <c r="AK1478" s="137"/>
      <c r="AL1478" s="137"/>
      <c r="AM1478" s="137"/>
      <c r="AN1478" s="137"/>
      <c r="AO1478" s="137"/>
      <c r="AP1478" s="137"/>
      <c r="AQ1478" s="137"/>
      <c r="AR1478" s="137"/>
      <c r="AS1478" s="137"/>
      <c r="AT1478" s="137"/>
      <c r="AU1478" s="137"/>
      <c r="AV1478" s="137"/>
      <c r="AW1478" s="144"/>
    </row>
    <row r="1479" spans="7:49" x14ac:dyDescent="0.2">
      <c r="G1479" s="43"/>
      <c r="Z1479" s="143"/>
      <c r="AA1479" s="137"/>
      <c r="AB1479" s="137"/>
      <c r="AC1479" s="137"/>
      <c r="AD1479" s="137"/>
      <c r="AE1479" s="137"/>
      <c r="AF1479" s="137"/>
      <c r="AG1479" s="137"/>
      <c r="AH1479" s="137"/>
      <c r="AI1479" s="137"/>
      <c r="AJ1479" s="137"/>
      <c r="AK1479" s="137"/>
      <c r="AL1479" s="137"/>
      <c r="AM1479" s="137"/>
      <c r="AN1479" s="137"/>
      <c r="AO1479" s="137"/>
      <c r="AP1479" s="137"/>
      <c r="AQ1479" s="137"/>
      <c r="AR1479" s="137"/>
      <c r="AS1479" s="137"/>
      <c r="AT1479" s="137"/>
      <c r="AU1479" s="137"/>
      <c r="AV1479" s="137"/>
      <c r="AW1479" s="144"/>
    </row>
    <row r="1480" spans="7:49" x14ac:dyDescent="0.2">
      <c r="G1480" s="43"/>
      <c r="Z1480" s="143"/>
      <c r="AA1480" s="137"/>
      <c r="AB1480" s="137"/>
      <c r="AC1480" s="137"/>
      <c r="AD1480" s="137"/>
      <c r="AE1480" s="137"/>
      <c r="AF1480" s="137"/>
      <c r="AG1480" s="137"/>
      <c r="AH1480" s="137"/>
      <c r="AI1480" s="137"/>
      <c r="AJ1480" s="137"/>
      <c r="AK1480" s="137"/>
      <c r="AL1480" s="137"/>
      <c r="AM1480" s="137"/>
      <c r="AN1480" s="137"/>
      <c r="AO1480" s="137"/>
      <c r="AP1480" s="137"/>
      <c r="AQ1480" s="137"/>
      <c r="AR1480" s="137"/>
      <c r="AS1480" s="137"/>
      <c r="AT1480" s="137"/>
      <c r="AU1480" s="137"/>
      <c r="AV1480" s="137"/>
      <c r="AW1480" s="144"/>
    </row>
    <row r="1481" spans="7:49" x14ac:dyDescent="0.2">
      <c r="G1481" s="43"/>
      <c r="Z1481" s="143"/>
      <c r="AA1481" s="137"/>
      <c r="AB1481" s="137"/>
      <c r="AC1481" s="137"/>
      <c r="AD1481" s="137"/>
      <c r="AE1481" s="137"/>
      <c r="AF1481" s="137"/>
      <c r="AG1481" s="137"/>
      <c r="AH1481" s="137"/>
      <c r="AI1481" s="137"/>
      <c r="AJ1481" s="137"/>
      <c r="AK1481" s="137"/>
      <c r="AL1481" s="137"/>
      <c r="AM1481" s="137"/>
      <c r="AN1481" s="137"/>
      <c r="AO1481" s="137"/>
      <c r="AP1481" s="137"/>
      <c r="AQ1481" s="137"/>
      <c r="AR1481" s="137"/>
      <c r="AS1481" s="137"/>
      <c r="AT1481" s="137"/>
      <c r="AU1481" s="137"/>
      <c r="AV1481" s="137"/>
      <c r="AW1481" s="144"/>
    </row>
    <row r="1482" spans="7:49" x14ac:dyDescent="0.2">
      <c r="G1482" s="43"/>
      <c r="Z1482" s="143"/>
      <c r="AA1482" s="137"/>
      <c r="AB1482" s="137"/>
      <c r="AC1482" s="137"/>
      <c r="AD1482" s="137"/>
      <c r="AE1482" s="137"/>
      <c r="AF1482" s="137"/>
      <c r="AG1482" s="137"/>
      <c r="AH1482" s="137"/>
      <c r="AI1482" s="137"/>
      <c r="AJ1482" s="137"/>
      <c r="AK1482" s="137"/>
      <c r="AL1482" s="137"/>
      <c r="AM1482" s="137"/>
      <c r="AN1482" s="137"/>
      <c r="AO1482" s="137"/>
      <c r="AP1482" s="137"/>
      <c r="AQ1482" s="137"/>
      <c r="AR1482" s="137"/>
      <c r="AS1482" s="137"/>
      <c r="AT1482" s="137"/>
      <c r="AU1482" s="137"/>
      <c r="AV1482" s="137"/>
      <c r="AW1482" s="144"/>
    </row>
    <row r="1483" spans="7:49" x14ac:dyDescent="0.2">
      <c r="G1483" s="43"/>
      <c r="Z1483" s="143"/>
      <c r="AA1483" s="137"/>
      <c r="AB1483" s="137"/>
      <c r="AC1483" s="137"/>
      <c r="AD1483" s="137"/>
      <c r="AE1483" s="137"/>
      <c r="AF1483" s="137"/>
      <c r="AG1483" s="137"/>
      <c r="AH1483" s="137"/>
      <c r="AI1483" s="137"/>
      <c r="AJ1483" s="137"/>
      <c r="AK1483" s="137"/>
      <c r="AL1483" s="137"/>
      <c r="AM1483" s="137"/>
      <c r="AN1483" s="137"/>
      <c r="AO1483" s="137"/>
      <c r="AP1483" s="137"/>
      <c r="AQ1483" s="137"/>
      <c r="AR1483" s="137"/>
      <c r="AS1483" s="137"/>
      <c r="AT1483" s="137"/>
      <c r="AU1483" s="137"/>
      <c r="AV1483" s="137"/>
      <c r="AW1483" s="144"/>
    </row>
    <row r="1484" spans="7:49" x14ac:dyDescent="0.2">
      <c r="G1484" s="43"/>
      <c r="Z1484" s="143"/>
      <c r="AA1484" s="137"/>
      <c r="AB1484" s="137"/>
      <c r="AC1484" s="137"/>
      <c r="AD1484" s="137"/>
      <c r="AE1484" s="137"/>
      <c r="AF1484" s="137"/>
      <c r="AG1484" s="137"/>
      <c r="AH1484" s="137"/>
      <c r="AI1484" s="137"/>
      <c r="AJ1484" s="137"/>
      <c r="AK1484" s="137"/>
      <c r="AL1484" s="137"/>
      <c r="AM1484" s="137"/>
      <c r="AN1484" s="137"/>
      <c r="AO1484" s="137"/>
      <c r="AP1484" s="137"/>
      <c r="AQ1484" s="137"/>
      <c r="AR1484" s="137"/>
      <c r="AS1484" s="137"/>
      <c r="AT1484" s="137"/>
      <c r="AU1484" s="137"/>
      <c r="AV1484" s="137"/>
      <c r="AW1484" s="144"/>
    </row>
    <row r="1485" spans="7:49" x14ac:dyDescent="0.2">
      <c r="G1485" s="43"/>
      <c r="Z1485" s="143"/>
      <c r="AA1485" s="137"/>
      <c r="AB1485" s="137"/>
      <c r="AC1485" s="137"/>
      <c r="AD1485" s="137"/>
      <c r="AE1485" s="137"/>
      <c r="AF1485" s="137"/>
      <c r="AG1485" s="137"/>
      <c r="AH1485" s="137"/>
      <c r="AI1485" s="137"/>
      <c r="AJ1485" s="137"/>
      <c r="AK1485" s="137"/>
      <c r="AL1485" s="137"/>
      <c r="AM1485" s="137"/>
      <c r="AN1485" s="137"/>
      <c r="AO1485" s="137"/>
      <c r="AP1485" s="137"/>
      <c r="AQ1485" s="137"/>
      <c r="AR1485" s="137"/>
      <c r="AS1485" s="137"/>
      <c r="AT1485" s="137"/>
      <c r="AU1485" s="137"/>
      <c r="AV1485" s="137"/>
      <c r="AW1485" s="144"/>
    </row>
    <row r="1486" spans="7:49" x14ac:dyDescent="0.2">
      <c r="G1486" s="43"/>
      <c r="Z1486" s="143"/>
      <c r="AA1486" s="137"/>
      <c r="AB1486" s="137"/>
      <c r="AC1486" s="137"/>
      <c r="AD1486" s="137"/>
      <c r="AE1486" s="137"/>
      <c r="AF1486" s="137"/>
      <c r="AG1486" s="137"/>
      <c r="AH1486" s="137"/>
      <c r="AI1486" s="137"/>
      <c r="AJ1486" s="137"/>
      <c r="AK1486" s="137"/>
      <c r="AL1486" s="137"/>
      <c r="AM1486" s="137"/>
      <c r="AN1486" s="137"/>
      <c r="AO1486" s="137"/>
      <c r="AP1486" s="137"/>
      <c r="AQ1486" s="137"/>
      <c r="AR1486" s="137"/>
      <c r="AS1486" s="137"/>
      <c r="AT1486" s="137"/>
      <c r="AU1486" s="137"/>
      <c r="AV1486" s="137"/>
      <c r="AW1486" s="144"/>
    </row>
    <row r="1487" spans="7:49" x14ac:dyDescent="0.2">
      <c r="G1487" s="43"/>
      <c r="Z1487" s="143"/>
      <c r="AA1487" s="137"/>
      <c r="AB1487" s="137"/>
      <c r="AC1487" s="137"/>
      <c r="AD1487" s="137"/>
      <c r="AE1487" s="137"/>
      <c r="AF1487" s="137"/>
      <c r="AG1487" s="137"/>
      <c r="AH1487" s="137"/>
      <c r="AI1487" s="137"/>
      <c r="AJ1487" s="137"/>
      <c r="AK1487" s="137"/>
      <c r="AL1487" s="137"/>
      <c r="AM1487" s="137"/>
      <c r="AN1487" s="137"/>
      <c r="AO1487" s="137"/>
      <c r="AP1487" s="137"/>
      <c r="AQ1487" s="137"/>
      <c r="AR1487" s="137"/>
      <c r="AS1487" s="137"/>
      <c r="AT1487" s="137"/>
      <c r="AU1487" s="137"/>
      <c r="AV1487" s="137"/>
      <c r="AW1487" s="144"/>
    </row>
    <row r="1488" spans="7:49" x14ac:dyDescent="0.2">
      <c r="G1488" s="43"/>
      <c r="Z1488" s="143"/>
      <c r="AA1488" s="137"/>
      <c r="AB1488" s="137"/>
      <c r="AC1488" s="137"/>
      <c r="AD1488" s="137"/>
      <c r="AE1488" s="137"/>
      <c r="AF1488" s="137"/>
      <c r="AG1488" s="137"/>
      <c r="AH1488" s="137"/>
      <c r="AI1488" s="137"/>
      <c r="AJ1488" s="137"/>
      <c r="AK1488" s="137"/>
      <c r="AL1488" s="137"/>
      <c r="AM1488" s="137"/>
      <c r="AN1488" s="137"/>
      <c r="AO1488" s="137"/>
      <c r="AP1488" s="137"/>
      <c r="AQ1488" s="137"/>
      <c r="AR1488" s="137"/>
      <c r="AS1488" s="137"/>
      <c r="AT1488" s="137"/>
      <c r="AU1488" s="137"/>
      <c r="AV1488" s="137"/>
      <c r="AW1488" s="144"/>
    </row>
    <row r="1489" spans="7:49" x14ac:dyDescent="0.2">
      <c r="G1489" s="43"/>
      <c r="Z1489" s="143"/>
      <c r="AA1489" s="137"/>
      <c r="AB1489" s="137"/>
      <c r="AC1489" s="137"/>
      <c r="AD1489" s="137"/>
      <c r="AE1489" s="137"/>
      <c r="AF1489" s="137"/>
      <c r="AG1489" s="137"/>
      <c r="AH1489" s="137"/>
      <c r="AI1489" s="137"/>
      <c r="AJ1489" s="137"/>
      <c r="AK1489" s="137"/>
      <c r="AL1489" s="137"/>
      <c r="AM1489" s="137"/>
      <c r="AN1489" s="137"/>
      <c r="AO1489" s="137"/>
      <c r="AP1489" s="137"/>
      <c r="AQ1489" s="137"/>
      <c r="AR1489" s="137"/>
      <c r="AS1489" s="137"/>
      <c r="AT1489" s="137"/>
      <c r="AU1489" s="137"/>
      <c r="AV1489" s="137"/>
      <c r="AW1489" s="144"/>
    </row>
    <row r="1490" spans="7:49" x14ac:dyDescent="0.2">
      <c r="G1490" s="43"/>
      <c r="Z1490" s="143"/>
      <c r="AA1490" s="137"/>
      <c r="AB1490" s="137"/>
      <c r="AC1490" s="137"/>
      <c r="AD1490" s="137"/>
      <c r="AE1490" s="137"/>
      <c r="AF1490" s="137"/>
      <c r="AG1490" s="137"/>
      <c r="AH1490" s="137"/>
      <c r="AI1490" s="137"/>
      <c r="AJ1490" s="137"/>
      <c r="AK1490" s="137"/>
      <c r="AL1490" s="137"/>
      <c r="AM1490" s="137"/>
      <c r="AN1490" s="137"/>
      <c r="AO1490" s="137"/>
      <c r="AP1490" s="137"/>
      <c r="AQ1490" s="137"/>
      <c r="AR1490" s="137"/>
      <c r="AS1490" s="137"/>
      <c r="AT1490" s="137"/>
      <c r="AU1490" s="137"/>
      <c r="AV1490" s="137"/>
      <c r="AW1490" s="144"/>
    </row>
    <row r="1491" spans="7:49" x14ac:dyDescent="0.2">
      <c r="G1491" s="43"/>
      <c r="Z1491" s="143"/>
      <c r="AA1491" s="137"/>
      <c r="AB1491" s="137"/>
      <c r="AC1491" s="137"/>
      <c r="AD1491" s="137"/>
      <c r="AE1491" s="137"/>
      <c r="AF1491" s="137"/>
      <c r="AG1491" s="137"/>
      <c r="AH1491" s="137"/>
      <c r="AI1491" s="137"/>
      <c r="AJ1491" s="137"/>
      <c r="AK1491" s="137"/>
      <c r="AL1491" s="137"/>
      <c r="AM1491" s="137"/>
      <c r="AN1491" s="137"/>
      <c r="AO1491" s="137"/>
      <c r="AP1491" s="137"/>
      <c r="AQ1491" s="137"/>
      <c r="AR1491" s="137"/>
      <c r="AS1491" s="137"/>
      <c r="AT1491" s="137"/>
      <c r="AU1491" s="137"/>
      <c r="AV1491" s="137"/>
      <c r="AW1491" s="144"/>
    </row>
    <row r="1492" spans="7:49" x14ac:dyDescent="0.2">
      <c r="G1492" s="43"/>
      <c r="Z1492" s="143"/>
      <c r="AA1492" s="137"/>
      <c r="AB1492" s="137"/>
      <c r="AC1492" s="137"/>
      <c r="AD1492" s="137"/>
      <c r="AE1492" s="137"/>
      <c r="AF1492" s="137"/>
      <c r="AG1492" s="137"/>
      <c r="AH1492" s="137"/>
      <c r="AI1492" s="137"/>
      <c r="AJ1492" s="137"/>
      <c r="AK1492" s="137"/>
      <c r="AL1492" s="137"/>
      <c r="AM1492" s="137"/>
      <c r="AN1492" s="137"/>
      <c r="AO1492" s="137"/>
      <c r="AP1492" s="137"/>
      <c r="AQ1492" s="137"/>
      <c r="AR1492" s="137"/>
      <c r="AS1492" s="137"/>
      <c r="AT1492" s="137"/>
      <c r="AU1492" s="137"/>
      <c r="AV1492" s="137"/>
      <c r="AW1492" s="144"/>
    </row>
    <row r="1493" spans="7:49" x14ac:dyDescent="0.2">
      <c r="G1493" s="43"/>
      <c r="Z1493" s="143"/>
      <c r="AA1493" s="137"/>
      <c r="AB1493" s="137"/>
      <c r="AC1493" s="137"/>
      <c r="AD1493" s="137"/>
      <c r="AE1493" s="137"/>
      <c r="AF1493" s="137"/>
      <c r="AG1493" s="137"/>
      <c r="AH1493" s="137"/>
      <c r="AI1493" s="137"/>
      <c r="AJ1493" s="137"/>
      <c r="AK1493" s="137"/>
      <c r="AL1493" s="137"/>
      <c r="AM1493" s="137"/>
      <c r="AN1493" s="137"/>
      <c r="AO1493" s="137"/>
      <c r="AP1493" s="137"/>
      <c r="AQ1493" s="137"/>
      <c r="AR1493" s="137"/>
      <c r="AS1493" s="137"/>
      <c r="AT1493" s="137"/>
      <c r="AU1493" s="137"/>
      <c r="AV1493" s="137"/>
      <c r="AW1493" s="144"/>
    </row>
    <row r="1494" spans="7:49" x14ac:dyDescent="0.2">
      <c r="G1494" s="43"/>
      <c r="Z1494" s="143"/>
      <c r="AA1494" s="137"/>
      <c r="AB1494" s="137"/>
      <c r="AC1494" s="137"/>
      <c r="AD1494" s="137"/>
      <c r="AE1494" s="137"/>
      <c r="AF1494" s="137"/>
      <c r="AG1494" s="137"/>
      <c r="AH1494" s="137"/>
      <c r="AI1494" s="137"/>
      <c r="AJ1494" s="137"/>
      <c r="AK1494" s="137"/>
      <c r="AL1494" s="137"/>
      <c r="AM1494" s="137"/>
      <c r="AN1494" s="137"/>
      <c r="AO1494" s="137"/>
      <c r="AP1494" s="137"/>
      <c r="AQ1494" s="137"/>
      <c r="AR1494" s="137"/>
      <c r="AS1494" s="137"/>
      <c r="AT1494" s="137"/>
      <c r="AU1494" s="137"/>
      <c r="AV1494" s="137"/>
      <c r="AW1494" s="144"/>
    </row>
    <row r="1495" spans="7:49" x14ac:dyDescent="0.2">
      <c r="G1495" s="43"/>
      <c r="Z1495" s="143"/>
      <c r="AA1495" s="137"/>
      <c r="AB1495" s="137"/>
      <c r="AC1495" s="137"/>
      <c r="AD1495" s="137"/>
      <c r="AE1495" s="137"/>
      <c r="AF1495" s="137"/>
      <c r="AG1495" s="137"/>
      <c r="AH1495" s="137"/>
      <c r="AI1495" s="137"/>
      <c r="AJ1495" s="137"/>
      <c r="AK1495" s="137"/>
      <c r="AL1495" s="137"/>
      <c r="AM1495" s="137"/>
      <c r="AN1495" s="137"/>
      <c r="AO1495" s="137"/>
      <c r="AP1495" s="137"/>
      <c r="AQ1495" s="137"/>
      <c r="AR1495" s="137"/>
      <c r="AS1495" s="137"/>
      <c r="AT1495" s="137"/>
      <c r="AU1495" s="137"/>
      <c r="AV1495" s="137"/>
      <c r="AW1495" s="144"/>
    </row>
    <row r="1496" spans="7:49" x14ac:dyDescent="0.2">
      <c r="G1496" s="43"/>
      <c r="Z1496" s="143"/>
      <c r="AA1496" s="137"/>
      <c r="AB1496" s="137"/>
      <c r="AC1496" s="137"/>
      <c r="AD1496" s="137"/>
      <c r="AE1496" s="137"/>
      <c r="AF1496" s="137"/>
      <c r="AG1496" s="137"/>
      <c r="AH1496" s="137"/>
      <c r="AI1496" s="137"/>
      <c r="AJ1496" s="137"/>
      <c r="AK1496" s="137"/>
      <c r="AL1496" s="137"/>
      <c r="AM1496" s="137"/>
      <c r="AN1496" s="137"/>
      <c r="AO1496" s="137"/>
      <c r="AP1496" s="137"/>
      <c r="AQ1496" s="137"/>
      <c r="AR1496" s="137"/>
      <c r="AS1496" s="137"/>
      <c r="AT1496" s="137"/>
      <c r="AU1496" s="137"/>
      <c r="AV1496" s="137"/>
      <c r="AW1496" s="144"/>
    </row>
    <row r="1497" spans="7:49" x14ac:dyDescent="0.2">
      <c r="G1497" s="43"/>
      <c r="Z1497" s="143"/>
      <c r="AA1497" s="137"/>
      <c r="AB1497" s="137"/>
      <c r="AC1497" s="137"/>
      <c r="AD1497" s="137"/>
      <c r="AE1497" s="137"/>
      <c r="AF1497" s="137"/>
      <c r="AG1497" s="137"/>
      <c r="AH1497" s="137"/>
      <c r="AI1497" s="137"/>
      <c r="AJ1497" s="137"/>
      <c r="AK1497" s="137"/>
      <c r="AL1497" s="137"/>
      <c r="AM1497" s="137"/>
      <c r="AN1497" s="137"/>
      <c r="AO1497" s="137"/>
      <c r="AP1497" s="137"/>
      <c r="AQ1497" s="137"/>
      <c r="AR1497" s="137"/>
      <c r="AS1497" s="137"/>
      <c r="AT1497" s="137"/>
      <c r="AU1497" s="137"/>
      <c r="AV1497" s="137"/>
      <c r="AW1497" s="144"/>
    </row>
    <row r="1498" spans="7:49" x14ac:dyDescent="0.2">
      <c r="G1498" s="43"/>
      <c r="Z1498" s="143"/>
      <c r="AA1498" s="137"/>
      <c r="AB1498" s="137"/>
      <c r="AC1498" s="137"/>
      <c r="AD1498" s="137"/>
      <c r="AE1498" s="137"/>
      <c r="AF1498" s="137"/>
      <c r="AG1498" s="137"/>
      <c r="AH1498" s="137"/>
      <c r="AI1498" s="137"/>
      <c r="AJ1498" s="137"/>
      <c r="AK1498" s="137"/>
      <c r="AL1498" s="137"/>
      <c r="AM1498" s="137"/>
      <c r="AN1498" s="137"/>
      <c r="AO1498" s="137"/>
      <c r="AP1498" s="137"/>
      <c r="AQ1498" s="137"/>
      <c r="AR1498" s="137"/>
      <c r="AS1498" s="137"/>
      <c r="AT1498" s="137"/>
      <c r="AU1498" s="137"/>
      <c r="AV1498" s="137"/>
      <c r="AW1498" s="144"/>
    </row>
    <row r="1499" spans="7:49" x14ac:dyDescent="0.2">
      <c r="G1499" s="43"/>
      <c r="Z1499" s="143"/>
      <c r="AA1499" s="137"/>
      <c r="AB1499" s="137"/>
      <c r="AC1499" s="137"/>
      <c r="AD1499" s="137"/>
      <c r="AE1499" s="137"/>
      <c r="AF1499" s="137"/>
      <c r="AG1499" s="137"/>
      <c r="AH1499" s="137"/>
      <c r="AI1499" s="137"/>
      <c r="AJ1499" s="137"/>
      <c r="AK1499" s="137"/>
      <c r="AL1499" s="137"/>
      <c r="AM1499" s="137"/>
      <c r="AN1499" s="137"/>
      <c r="AO1499" s="137"/>
      <c r="AP1499" s="137"/>
      <c r="AQ1499" s="137"/>
      <c r="AR1499" s="137"/>
      <c r="AS1499" s="137"/>
      <c r="AT1499" s="137"/>
      <c r="AU1499" s="137"/>
      <c r="AV1499" s="137"/>
      <c r="AW1499" s="144"/>
    </row>
    <row r="1500" spans="7:49" x14ac:dyDescent="0.2">
      <c r="G1500" s="43"/>
      <c r="Z1500" s="143"/>
      <c r="AA1500" s="137"/>
      <c r="AB1500" s="137"/>
      <c r="AC1500" s="137"/>
      <c r="AD1500" s="137"/>
      <c r="AE1500" s="137"/>
      <c r="AF1500" s="137"/>
      <c r="AG1500" s="137"/>
      <c r="AH1500" s="137"/>
      <c r="AI1500" s="137"/>
      <c r="AJ1500" s="137"/>
      <c r="AK1500" s="137"/>
      <c r="AL1500" s="137"/>
      <c r="AM1500" s="137"/>
      <c r="AN1500" s="137"/>
      <c r="AO1500" s="137"/>
      <c r="AP1500" s="137"/>
      <c r="AQ1500" s="137"/>
      <c r="AR1500" s="137"/>
      <c r="AS1500" s="137"/>
      <c r="AT1500" s="137"/>
      <c r="AU1500" s="137"/>
      <c r="AV1500" s="137"/>
      <c r="AW1500" s="144"/>
    </row>
    <row r="1501" spans="7:49" x14ac:dyDescent="0.2">
      <c r="G1501" s="43"/>
      <c r="Z1501" s="143"/>
      <c r="AA1501" s="137"/>
      <c r="AB1501" s="137"/>
      <c r="AC1501" s="137"/>
      <c r="AD1501" s="137"/>
      <c r="AE1501" s="137"/>
      <c r="AF1501" s="137"/>
      <c r="AG1501" s="137"/>
      <c r="AH1501" s="137"/>
      <c r="AI1501" s="137"/>
      <c r="AJ1501" s="137"/>
      <c r="AK1501" s="137"/>
      <c r="AL1501" s="137"/>
      <c r="AM1501" s="137"/>
      <c r="AN1501" s="137"/>
      <c r="AO1501" s="137"/>
      <c r="AP1501" s="137"/>
      <c r="AQ1501" s="137"/>
      <c r="AR1501" s="137"/>
      <c r="AS1501" s="137"/>
      <c r="AT1501" s="137"/>
      <c r="AU1501" s="137"/>
      <c r="AV1501" s="137"/>
      <c r="AW1501" s="144"/>
    </row>
    <row r="1502" spans="7:49" x14ac:dyDescent="0.2">
      <c r="G1502" s="43"/>
      <c r="Z1502" s="143"/>
      <c r="AA1502" s="137"/>
      <c r="AB1502" s="137"/>
      <c r="AC1502" s="137"/>
      <c r="AD1502" s="137"/>
      <c r="AE1502" s="137"/>
      <c r="AF1502" s="137"/>
      <c r="AG1502" s="137"/>
      <c r="AH1502" s="137"/>
      <c r="AI1502" s="137"/>
      <c r="AJ1502" s="137"/>
      <c r="AK1502" s="137"/>
      <c r="AL1502" s="137"/>
      <c r="AM1502" s="137"/>
      <c r="AN1502" s="137"/>
      <c r="AO1502" s="137"/>
      <c r="AP1502" s="137"/>
      <c r="AQ1502" s="137"/>
      <c r="AR1502" s="137"/>
      <c r="AS1502" s="137"/>
      <c r="AT1502" s="137"/>
      <c r="AU1502" s="137"/>
      <c r="AV1502" s="137"/>
      <c r="AW1502" s="144"/>
    </row>
    <row r="1503" spans="7:49" x14ac:dyDescent="0.2">
      <c r="G1503" s="43"/>
      <c r="Z1503" s="143"/>
      <c r="AA1503" s="137"/>
      <c r="AB1503" s="137"/>
      <c r="AC1503" s="137"/>
      <c r="AD1503" s="137"/>
      <c r="AE1503" s="137"/>
      <c r="AF1503" s="137"/>
      <c r="AG1503" s="137"/>
      <c r="AH1503" s="137"/>
      <c r="AI1503" s="137"/>
      <c r="AJ1503" s="137"/>
      <c r="AK1503" s="137"/>
      <c r="AL1503" s="137"/>
      <c r="AM1503" s="137"/>
      <c r="AN1503" s="137"/>
      <c r="AO1503" s="137"/>
      <c r="AP1503" s="137"/>
      <c r="AQ1503" s="137"/>
      <c r="AR1503" s="137"/>
      <c r="AS1503" s="137"/>
      <c r="AT1503" s="137"/>
      <c r="AU1503" s="137"/>
      <c r="AV1503" s="137"/>
      <c r="AW1503" s="144"/>
    </row>
    <row r="1504" spans="7:49" x14ac:dyDescent="0.2">
      <c r="G1504" s="43"/>
      <c r="Z1504" s="143"/>
      <c r="AA1504" s="137"/>
      <c r="AB1504" s="137"/>
      <c r="AC1504" s="137"/>
      <c r="AD1504" s="137"/>
      <c r="AE1504" s="137"/>
      <c r="AF1504" s="137"/>
      <c r="AG1504" s="137"/>
      <c r="AH1504" s="137"/>
      <c r="AI1504" s="137"/>
      <c r="AJ1504" s="137"/>
      <c r="AK1504" s="137"/>
      <c r="AL1504" s="137"/>
      <c r="AM1504" s="137"/>
      <c r="AN1504" s="137"/>
      <c r="AO1504" s="137"/>
      <c r="AP1504" s="137"/>
      <c r="AQ1504" s="137"/>
      <c r="AR1504" s="137"/>
      <c r="AS1504" s="137"/>
      <c r="AT1504" s="137"/>
      <c r="AU1504" s="137"/>
      <c r="AV1504" s="137"/>
      <c r="AW1504" s="144"/>
    </row>
    <row r="1505" spans="7:49" x14ac:dyDescent="0.2">
      <c r="G1505" s="43"/>
      <c r="Z1505" s="143"/>
      <c r="AA1505" s="137"/>
      <c r="AB1505" s="137"/>
      <c r="AC1505" s="137"/>
      <c r="AD1505" s="137"/>
      <c r="AE1505" s="137"/>
      <c r="AF1505" s="137"/>
      <c r="AG1505" s="137"/>
      <c r="AH1505" s="137"/>
      <c r="AI1505" s="137"/>
      <c r="AJ1505" s="137"/>
      <c r="AK1505" s="137"/>
      <c r="AL1505" s="137"/>
      <c r="AM1505" s="137"/>
      <c r="AN1505" s="137"/>
      <c r="AO1505" s="137"/>
      <c r="AP1505" s="137"/>
      <c r="AQ1505" s="137"/>
      <c r="AR1505" s="137"/>
      <c r="AS1505" s="137"/>
      <c r="AT1505" s="137"/>
      <c r="AU1505" s="137"/>
      <c r="AV1505" s="137"/>
      <c r="AW1505" s="144"/>
    </row>
    <row r="1506" spans="7:49" x14ac:dyDescent="0.2">
      <c r="G1506" s="43"/>
      <c r="Z1506" s="143"/>
      <c r="AA1506" s="137"/>
      <c r="AB1506" s="137"/>
      <c r="AC1506" s="137"/>
      <c r="AD1506" s="137"/>
      <c r="AE1506" s="137"/>
      <c r="AF1506" s="137"/>
      <c r="AG1506" s="137"/>
      <c r="AH1506" s="137"/>
      <c r="AI1506" s="137"/>
      <c r="AJ1506" s="137"/>
      <c r="AK1506" s="137"/>
      <c r="AL1506" s="137"/>
      <c r="AM1506" s="137"/>
      <c r="AN1506" s="137"/>
      <c r="AO1506" s="137"/>
      <c r="AP1506" s="137"/>
      <c r="AQ1506" s="137"/>
      <c r="AR1506" s="137"/>
      <c r="AS1506" s="137"/>
      <c r="AT1506" s="137"/>
      <c r="AU1506" s="137"/>
      <c r="AV1506" s="137"/>
      <c r="AW1506" s="144"/>
    </row>
    <row r="1507" spans="7:49" x14ac:dyDescent="0.2">
      <c r="G1507" s="43"/>
      <c r="Z1507" s="143"/>
      <c r="AA1507" s="137"/>
      <c r="AB1507" s="137"/>
      <c r="AC1507" s="137"/>
      <c r="AD1507" s="137"/>
      <c r="AE1507" s="137"/>
      <c r="AF1507" s="137"/>
      <c r="AG1507" s="137"/>
      <c r="AH1507" s="137"/>
      <c r="AI1507" s="137"/>
      <c r="AJ1507" s="137"/>
      <c r="AK1507" s="137"/>
      <c r="AL1507" s="137"/>
      <c r="AM1507" s="137"/>
      <c r="AN1507" s="137"/>
      <c r="AO1507" s="137"/>
      <c r="AP1507" s="137"/>
      <c r="AQ1507" s="137"/>
      <c r="AR1507" s="137"/>
      <c r="AS1507" s="137"/>
      <c r="AT1507" s="137"/>
      <c r="AU1507" s="137"/>
      <c r="AV1507" s="137"/>
      <c r="AW1507" s="144"/>
    </row>
    <row r="1508" spans="7:49" x14ac:dyDescent="0.2">
      <c r="G1508" s="43"/>
      <c r="Z1508" s="143"/>
      <c r="AA1508" s="137"/>
      <c r="AB1508" s="137"/>
      <c r="AC1508" s="137"/>
      <c r="AD1508" s="137"/>
      <c r="AE1508" s="137"/>
      <c r="AF1508" s="137"/>
      <c r="AG1508" s="137"/>
      <c r="AH1508" s="137"/>
      <c r="AI1508" s="137"/>
      <c r="AJ1508" s="137"/>
      <c r="AK1508" s="137"/>
      <c r="AL1508" s="137"/>
      <c r="AM1508" s="137"/>
      <c r="AN1508" s="137"/>
      <c r="AO1508" s="137"/>
      <c r="AP1508" s="137"/>
      <c r="AQ1508" s="137"/>
      <c r="AR1508" s="137"/>
      <c r="AS1508" s="137"/>
      <c r="AT1508" s="137"/>
      <c r="AU1508" s="137"/>
      <c r="AV1508" s="137"/>
      <c r="AW1508" s="144"/>
    </row>
    <row r="1509" spans="7:49" x14ac:dyDescent="0.2">
      <c r="G1509" s="43"/>
      <c r="Z1509" s="143"/>
      <c r="AA1509" s="137"/>
      <c r="AB1509" s="137"/>
      <c r="AC1509" s="137"/>
      <c r="AD1509" s="137"/>
      <c r="AE1509" s="137"/>
      <c r="AF1509" s="137"/>
      <c r="AG1509" s="137"/>
      <c r="AH1509" s="137"/>
      <c r="AI1509" s="137"/>
      <c r="AJ1509" s="137"/>
      <c r="AK1509" s="137"/>
      <c r="AL1509" s="137"/>
      <c r="AM1509" s="137"/>
      <c r="AN1509" s="137"/>
      <c r="AO1509" s="137"/>
      <c r="AP1509" s="137"/>
      <c r="AQ1509" s="137"/>
      <c r="AR1509" s="137"/>
      <c r="AS1509" s="137"/>
      <c r="AT1509" s="137"/>
      <c r="AU1509" s="137"/>
      <c r="AV1509" s="137"/>
      <c r="AW1509" s="144"/>
    </row>
    <row r="1510" spans="7:49" x14ac:dyDescent="0.2">
      <c r="G1510" s="43"/>
      <c r="Z1510" s="143"/>
      <c r="AA1510" s="137"/>
      <c r="AB1510" s="137"/>
      <c r="AC1510" s="137"/>
      <c r="AD1510" s="137"/>
      <c r="AE1510" s="137"/>
      <c r="AF1510" s="137"/>
      <c r="AG1510" s="137"/>
      <c r="AH1510" s="137"/>
      <c r="AI1510" s="137"/>
      <c r="AJ1510" s="137"/>
      <c r="AK1510" s="137"/>
      <c r="AL1510" s="137"/>
      <c r="AM1510" s="137"/>
      <c r="AN1510" s="137"/>
      <c r="AO1510" s="137"/>
      <c r="AP1510" s="137"/>
      <c r="AQ1510" s="137"/>
      <c r="AR1510" s="137"/>
      <c r="AS1510" s="137"/>
      <c r="AT1510" s="137"/>
      <c r="AU1510" s="137"/>
      <c r="AV1510" s="137"/>
      <c r="AW1510" s="144"/>
    </row>
    <row r="1511" spans="7:49" x14ac:dyDescent="0.2">
      <c r="G1511" s="43"/>
      <c r="Z1511" s="143"/>
      <c r="AA1511" s="137"/>
      <c r="AB1511" s="137"/>
      <c r="AC1511" s="137"/>
      <c r="AD1511" s="137"/>
      <c r="AE1511" s="137"/>
      <c r="AF1511" s="137"/>
      <c r="AG1511" s="137"/>
      <c r="AH1511" s="137"/>
      <c r="AI1511" s="137"/>
      <c r="AJ1511" s="137"/>
      <c r="AK1511" s="137"/>
      <c r="AL1511" s="137"/>
      <c r="AM1511" s="137"/>
      <c r="AN1511" s="137"/>
      <c r="AO1511" s="137"/>
      <c r="AP1511" s="137"/>
      <c r="AQ1511" s="137"/>
      <c r="AR1511" s="137"/>
      <c r="AS1511" s="137"/>
      <c r="AT1511" s="137"/>
      <c r="AU1511" s="137"/>
      <c r="AV1511" s="137"/>
      <c r="AW1511" s="144"/>
    </row>
    <row r="1512" spans="7:49" x14ac:dyDescent="0.2">
      <c r="G1512" s="43"/>
      <c r="Z1512" s="143"/>
      <c r="AA1512" s="137"/>
      <c r="AB1512" s="137"/>
      <c r="AC1512" s="137"/>
      <c r="AD1512" s="137"/>
      <c r="AE1512" s="137"/>
      <c r="AF1512" s="137"/>
      <c r="AG1512" s="137"/>
      <c r="AH1512" s="137"/>
      <c r="AI1512" s="137"/>
      <c r="AJ1512" s="137"/>
      <c r="AK1512" s="137"/>
      <c r="AL1512" s="137"/>
      <c r="AM1512" s="137"/>
      <c r="AN1512" s="137"/>
      <c r="AO1512" s="137"/>
      <c r="AP1512" s="137"/>
      <c r="AQ1512" s="137"/>
      <c r="AR1512" s="137"/>
      <c r="AS1512" s="137"/>
      <c r="AT1512" s="137"/>
      <c r="AU1512" s="137"/>
      <c r="AV1512" s="137"/>
      <c r="AW1512" s="144"/>
    </row>
    <row r="1513" spans="7:49" x14ac:dyDescent="0.2">
      <c r="G1513" s="43"/>
      <c r="Z1513" s="143"/>
      <c r="AA1513" s="137"/>
      <c r="AB1513" s="137"/>
      <c r="AC1513" s="137"/>
      <c r="AD1513" s="137"/>
      <c r="AE1513" s="137"/>
      <c r="AF1513" s="137"/>
      <c r="AG1513" s="137"/>
      <c r="AH1513" s="137"/>
      <c r="AI1513" s="137"/>
      <c r="AJ1513" s="137"/>
      <c r="AK1513" s="137"/>
      <c r="AL1513" s="137"/>
      <c r="AM1513" s="137"/>
      <c r="AN1513" s="137"/>
      <c r="AO1513" s="137"/>
      <c r="AP1513" s="137"/>
      <c r="AQ1513" s="137"/>
      <c r="AR1513" s="137"/>
      <c r="AS1513" s="137"/>
      <c r="AT1513" s="137"/>
      <c r="AU1513" s="137"/>
      <c r="AV1513" s="137"/>
      <c r="AW1513" s="144"/>
    </row>
    <row r="1514" spans="7:49" x14ac:dyDescent="0.2">
      <c r="G1514" s="43"/>
      <c r="Z1514" s="143"/>
      <c r="AA1514" s="137"/>
      <c r="AB1514" s="137"/>
      <c r="AC1514" s="137"/>
      <c r="AD1514" s="137"/>
      <c r="AE1514" s="137"/>
      <c r="AF1514" s="137"/>
      <c r="AG1514" s="137"/>
      <c r="AH1514" s="137"/>
      <c r="AI1514" s="137"/>
      <c r="AJ1514" s="137"/>
      <c r="AK1514" s="137"/>
      <c r="AL1514" s="137"/>
      <c r="AM1514" s="137"/>
      <c r="AN1514" s="137"/>
      <c r="AO1514" s="137"/>
      <c r="AP1514" s="137"/>
      <c r="AQ1514" s="137"/>
      <c r="AR1514" s="137"/>
      <c r="AS1514" s="137"/>
      <c r="AT1514" s="137"/>
      <c r="AU1514" s="137"/>
      <c r="AV1514" s="137"/>
      <c r="AW1514" s="144"/>
    </row>
    <row r="1515" spans="7:49" x14ac:dyDescent="0.2">
      <c r="G1515" s="43"/>
      <c r="Z1515" s="143"/>
      <c r="AA1515" s="137"/>
      <c r="AB1515" s="137"/>
      <c r="AC1515" s="137"/>
      <c r="AD1515" s="137"/>
      <c r="AE1515" s="137"/>
      <c r="AF1515" s="137"/>
      <c r="AG1515" s="137"/>
      <c r="AH1515" s="137"/>
      <c r="AI1515" s="137"/>
      <c r="AJ1515" s="137"/>
      <c r="AK1515" s="137"/>
      <c r="AL1515" s="137"/>
      <c r="AM1515" s="137"/>
      <c r="AN1515" s="137"/>
      <c r="AO1515" s="137"/>
      <c r="AP1515" s="137"/>
      <c r="AQ1515" s="137"/>
      <c r="AR1515" s="137"/>
      <c r="AS1515" s="137"/>
      <c r="AT1515" s="137"/>
      <c r="AU1515" s="137"/>
      <c r="AV1515" s="137"/>
      <c r="AW1515" s="144"/>
    </row>
    <row r="1516" spans="7:49" x14ac:dyDescent="0.2">
      <c r="G1516" s="43"/>
      <c r="Z1516" s="143"/>
      <c r="AA1516" s="137"/>
      <c r="AB1516" s="137"/>
      <c r="AC1516" s="137"/>
      <c r="AD1516" s="137"/>
      <c r="AE1516" s="137"/>
      <c r="AF1516" s="137"/>
      <c r="AG1516" s="137"/>
      <c r="AH1516" s="137"/>
      <c r="AI1516" s="137"/>
      <c r="AJ1516" s="137"/>
      <c r="AK1516" s="137"/>
      <c r="AL1516" s="137"/>
      <c r="AM1516" s="137"/>
      <c r="AN1516" s="137"/>
      <c r="AO1516" s="137"/>
      <c r="AP1516" s="137"/>
      <c r="AQ1516" s="137"/>
      <c r="AR1516" s="137"/>
      <c r="AS1516" s="137"/>
      <c r="AT1516" s="137"/>
      <c r="AU1516" s="137"/>
      <c r="AV1516" s="137"/>
      <c r="AW1516" s="144"/>
    </row>
    <row r="1517" spans="7:49" x14ac:dyDescent="0.2">
      <c r="G1517" s="43"/>
      <c r="Z1517" s="143"/>
      <c r="AA1517" s="137"/>
      <c r="AB1517" s="137"/>
      <c r="AC1517" s="137"/>
      <c r="AD1517" s="137"/>
      <c r="AE1517" s="137"/>
      <c r="AF1517" s="137"/>
      <c r="AG1517" s="137"/>
      <c r="AH1517" s="137"/>
      <c r="AI1517" s="137"/>
      <c r="AJ1517" s="137"/>
      <c r="AK1517" s="137"/>
      <c r="AL1517" s="137"/>
      <c r="AM1517" s="137"/>
      <c r="AN1517" s="137"/>
      <c r="AO1517" s="137"/>
      <c r="AP1517" s="137"/>
      <c r="AQ1517" s="137"/>
      <c r="AR1517" s="137"/>
      <c r="AS1517" s="137"/>
      <c r="AT1517" s="137"/>
      <c r="AU1517" s="137"/>
      <c r="AV1517" s="137"/>
      <c r="AW1517" s="144"/>
    </row>
    <row r="1518" spans="7:49" x14ac:dyDescent="0.2">
      <c r="G1518" s="43"/>
      <c r="Z1518" s="143"/>
      <c r="AA1518" s="137"/>
      <c r="AB1518" s="137"/>
      <c r="AC1518" s="137"/>
      <c r="AD1518" s="137"/>
      <c r="AE1518" s="137"/>
      <c r="AF1518" s="137"/>
      <c r="AG1518" s="137"/>
      <c r="AH1518" s="137"/>
      <c r="AI1518" s="137"/>
      <c r="AJ1518" s="137"/>
      <c r="AK1518" s="137"/>
      <c r="AL1518" s="137"/>
      <c r="AM1518" s="137"/>
      <c r="AN1518" s="137"/>
      <c r="AO1518" s="137"/>
      <c r="AP1518" s="137"/>
      <c r="AQ1518" s="137"/>
      <c r="AR1518" s="137"/>
      <c r="AS1518" s="137"/>
      <c r="AT1518" s="137"/>
      <c r="AU1518" s="137"/>
      <c r="AV1518" s="137"/>
      <c r="AW1518" s="144"/>
    </row>
    <row r="1519" spans="7:49" x14ac:dyDescent="0.2">
      <c r="G1519" s="43"/>
      <c r="Z1519" s="143"/>
      <c r="AA1519" s="137"/>
      <c r="AB1519" s="137"/>
      <c r="AC1519" s="137"/>
      <c r="AD1519" s="137"/>
      <c r="AE1519" s="137"/>
      <c r="AF1519" s="137"/>
      <c r="AG1519" s="137"/>
      <c r="AH1519" s="137"/>
      <c r="AI1519" s="137"/>
      <c r="AJ1519" s="137"/>
      <c r="AK1519" s="137"/>
      <c r="AL1519" s="137"/>
      <c r="AM1519" s="137"/>
      <c r="AN1519" s="137"/>
      <c r="AO1519" s="137"/>
      <c r="AP1519" s="137"/>
      <c r="AQ1519" s="137"/>
      <c r="AR1519" s="137"/>
      <c r="AS1519" s="137"/>
      <c r="AT1519" s="137"/>
      <c r="AU1519" s="137"/>
      <c r="AV1519" s="137"/>
      <c r="AW1519" s="144"/>
    </row>
    <row r="1520" spans="7:49" x14ac:dyDescent="0.2">
      <c r="G1520" s="43"/>
      <c r="Z1520" s="143"/>
      <c r="AA1520" s="137"/>
      <c r="AB1520" s="137"/>
      <c r="AC1520" s="137"/>
      <c r="AD1520" s="137"/>
      <c r="AE1520" s="137"/>
      <c r="AF1520" s="137"/>
      <c r="AG1520" s="137"/>
      <c r="AH1520" s="137"/>
      <c r="AI1520" s="137"/>
      <c r="AJ1520" s="137"/>
      <c r="AK1520" s="137"/>
      <c r="AL1520" s="137"/>
      <c r="AM1520" s="137"/>
      <c r="AN1520" s="137"/>
      <c r="AO1520" s="137"/>
      <c r="AP1520" s="137"/>
      <c r="AQ1520" s="137"/>
      <c r="AR1520" s="137"/>
      <c r="AS1520" s="137"/>
      <c r="AT1520" s="137"/>
      <c r="AU1520" s="137"/>
      <c r="AV1520" s="137"/>
      <c r="AW1520" s="144"/>
    </row>
    <row r="1521" spans="7:49" x14ac:dyDescent="0.2">
      <c r="G1521" s="43"/>
      <c r="Z1521" s="143"/>
      <c r="AA1521" s="137"/>
      <c r="AB1521" s="137"/>
      <c r="AC1521" s="137"/>
      <c r="AD1521" s="137"/>
      <c r="AE1521" s="137"/>
      <c r="AF1521" s="137"/>
      <c r="AG1521" s="137"/>
      <c r="AH1521" s="137"/>
      <c r="AI1521" s="137"/>
      <c r="AJ1521" s="137"/>
      <c r="AK1521" s="137"/>
      <c r="AL1521" s="137"/>
      <c r="AM1521" s="137"/>
      <c r="AN1521" s="137"/>
      <c r="AO1521" s="137"/>
      <c r="AP1521" s="137"/>
      <c r="AQ1521" s="137"/>
      <c r="AR1521" s="137"/>
      <c r="AS1521" s="137"/>
      <c r="AT1521" s="137"/>
      <c r="AU1521" s="137"/>
      <c r="AV1521" s="137"/>
      <c r="AW1521" s="144"/>
    </row>
    <row r="1522" spans="7:49" x14ac:dyDescent="0.2">
      <c r="G1522" s="43"/>
      <c r="Z1522" s="143"/>
      <c r="AA1522" s="137"/>
      <c r="AB1522" s="137"/>
      <c r="AC1522" s="137"/>
      <c r="AD1522" s="137"/>
      <c r="AE1522" s="137"/>
      <c r="AF1522" s="137"/>
      <c r="AG1522" s="137"/>
      <c r="AH1522" s="137"/>
      <c r="AI1522" s="137"/>
      <c r="AJ1522" s="137"/>
      <c r="AK1522" s="137"/>
      <c r="AL1522" s="137"/>
      <c r="AM1522" s="137"/>
      <c r="AN1522" s="137"/>
      <c r="AO1522" s="137"/>
      <c r="AP1522" s="137"/>
      <c r="AQ1522" s="137"/>
      <c r="AR1522" s="137"/>
      <c r="AS1522" s="137"/>
      <c r="AT1522" s="137"/>
      <c r="AU1522" s="137"/>
      <c r="AV1522" s="137"/>
      <c r="AW1522" s="144"/>
    </row>
    <row r="1523" spans="7:49" x14ac:dyDescent="0.2">
      <c r="G1523" s="43"/>
      <c r="Z1523" s="143"/>
      <c r="AA1523" s="137"/>
      <c r="AB1523" s="137"/>
      <c r="AC1523" s="137"/>
      <c r="AD1523" s="137"/>
      <c r="AE1523" s="137"/>
      <c r="AF1523" s="137"/>
      <c r="AG1523" s="137"/>
      <c r="AH1523" s="137"/>
      <c r="AI1523" s="137"/>
      <c r="AJ1523" s="137"/>
      <c r="AK1523" s="137"/>
      <c r="AL1523" s="137"/>
      <c r="AM1523" s="137"/>
      <c r="AN1523" s="137"/>
      <c r="AO1523" s="137"/>
      <c r="AP1523" s="137"/>
      <c r="AQ1523" s="137"/>
      <c r="AR1523" s="137"/>
      <c r="AS1523" s="137"/>
      <c r="AT1523" s="137"/>
      <c r="AU1523" s="137"/>
      <c r="AV1523" s="137"/>
      <c r="AW1523" s="144"/>
    </row>
    <row r="1524" spans="7:49" x14ac:dyDescent="0.2">
      <c r="G1524" s="43"/>
      <c r="Z1524" s="143"/>
      <c r="AA1524" s="137"/>
      <c r="AB1524" s="137"/>
      <c r="AC1524" s="137"/>
      <c r="AD1524" s="137"/>
      <c r="AE1524" s="137"/>
      <c r="AF1524" s="137"/>
      <c r="AG1524" s="137"/>
      <c r="AH1524" s="137"/>
      <c r="AI1524" s="137"/>
      <c r="AJ1524" s="137"/>
      <c r="AK1524" s="137"/>
      <c r="AL1524" s="137"/>
      <c r="AM1524" s="137"/>
      <c r="AN1524" s="137"/>
      <c r="AO1524" s="137"/>
      <c r="AP1524" s="137"/>
      <c r="AQ1524" s="137"/>
      <c r="AR1524" s="137"/>
      <c r="AS1524" s="137"/>
      <c r="AT1524" s="137"/>
      <c r="AU1524" s="137"/>
      <c r="AV1524" s="137"/>
      <c r="AW1524" s="144"/>
    </row>
    <row r="1525" spans="7:49" x14ac:dyDescent="0.2">
      <c r="G1525" s="43"/>
      <c r="Z1525" s="143"/>
      <c r="AA1525" s="137"/>
      <c r="AB1525" s="137"/>
      <c r="AC1525" s="137"/>
      <c r="AD1525" s="137"/>
      <c r="AE1525" s="137"/>
      <c r="AF1525" s="137"/>
      <c r="AG1525" s="137"/>
      <c r="AH1525" s="137"/>
      <c r="AI1525" s="137"/>
      <c r="AJ1525" s="137"/>
      <c r="AK1525" s="137"/>
      <c r="AL1525" s="137"/>
      <c r="AM1525" s="137"/>
      <c r="AN1525" s="137"/>
      <c r="AO1525" s="137"/>
      <c r="AP1525" s="137"/>
      <c r="AQ1525" s="137"/>
      <c r="AR1525" s="137"/>
      <c r="AS1525" s="137"/>
      <c r="AT1525" s="137"/>
      <c r="AU1525" s="137"/>
      <c r="AV1525" s="137"/>
      <c r="AW1525" s="144"/>
    </row>
    <row r="1526" spans="7:49" x14ac:dyDescent="0.2">
      <c r="G1526" s="43"/>
      <c r="Z1526" s="143"/>
      <c r="AA1526" s="137"/>
      <c r="AB1526" s="137"/>
      <c r="AC1526" s="137"/>
      <c r="AD1526" s="137"/>
      <c r="AE1526" s="137"/>
      <c r="AF1526" s="137"/>
      <c r="AG1526" s="137"/>
      <c r="AH1526" s="137"/>
      <c r="AI1526" s="137"/>
      <c r="AJ1526" s="137"/>
      <c r="AK1526" s="137"/>
      <c r="AL1526" s="137"/>
      <c r="AM1526" s="137"/>
      <c r="AN1526" s="137"/>
      <c r="AO1526" s="137"/>
      <c r="AP1526" s="137"/>
      <c r="AQ1526" s="137"/>
      <c r="AR1526" s="137"/>
      <c r="AS1526" s="137"/>
      <c r="AT1526" s="137"/>
      <c r="AU1526" s="137"/>
      <c r="AV1526" s="137"/>
      <c r="AW1526" s="144"/>
    </row>
    <row r="1527" spans="7:49" x14ac:dyDescent="0.2">
      <c r="G1527" s="43"/>
      <c r="Z1527" s="143"/>
      <c r="AA1527" s="137"/>
      <c r="AB1527" s="137"/>
      <c r="AC1527" s="137"/>
      <c r="AD1527" s="137"/>
      <c r="AE1527" s="137"/>
      <c r="AF1527" s="137"/>
      <c r="AG1527" s="137"/>
      <c r="AH1527" s="137"/>
      <c r="AI1527" s="137"/>
      <c r="AJ1527" s="137"/>
      <c r="AK1527" s="137"/>
      <c r="AL1527" s="137"/>
      <c r="AM1527" s="137"/>
      <c r="AN1527" s="137"/>
      <c r="AO1527" s="137"/>
      <c r="AP1527" s="137"/>
      <c r="AQ1527" s="137"/>
      <c r="AR1527" s="137"/>
      <c r="AS1527" s="137"/>
      <c r="AT1527" s="137"/>
      <c r="AU1527" s="137"/>
      <c r="AV1527" s="137"/>
      <c r="AW1527" s="144"/>
    </row>
    <row r="1528" spans="7:49" x14ac:dyDescent="0.2">
      <c r="G1528" s="43"/>
      <c r="Z1528" s="143"/>
      <c r="AA1528" s="137"/>
      <c r="AB1528" s="137"/>
      <c r="AC1528" s="137"/>
      <c r="AD1528" s="137"/>
      <c r="AE1528" s="137"/>
      <c r="AF1528" s="137"/>
      <c r="AG1528" s="137"/>
      <c r="AH1528" s="137"/>
      <c r="AI1528" s="137"/>
      <c r="AJ1528" s="137"/>
      <c r="AK1528" s="137"/>
      <c r="AL1528" s="137"/>
      <c r="AM1528" s="137"/>
      <c r="AN1528" s="137"/>
      <c r="AO1528" s="137"/>
      <c r="AP1528" s="137"/>
      <c r="AQ1528" s="137"/>
      <c r="AR1528" s="137"/>
      <c r="AS1528" s="137"/>
      <c r="AT1528" s="137"/>
      <c r="AU1528" s="137"/>
      <c r="AV1528" s="137"/>
      <c r="AW1528" s="144"/>
    </row>
    <row r="1529" spans="7:49" x14ac:dyDescent="0.2">
      <c r="G1529" s="43"/>
      <c r="Z1529" s="143"/>
      <c r="AA1529" s="137"/>
      <c r="AB1529" s="137"/>
      <c r="AC1529" s="137"/>
      <c r="AD1529" s="137"/>
      <c r="AE1529" s="137"/>
      <c r="AF1529" s="137"/>
      <c r="AG1529" s="137"/>
      <c r="AH1529" s="137"/>
      <c r="AI1529" s="137"/>
      <c r="AJ1529" s="137"/>
      <c r="AK1529" s="137"/>
      <c r="AL1529" s="137"/>
      <c r="AM1529" s="137"/>
      <c r="AN1529" s="137"/>
      <c r="AO1529" s="137"/>
      <c r="AP1529" s="137"/>
      <c r="AQ1529" s="137"/>
      <c r="AR1529" s="137"/>
      <c r="AS1529" s="137"/>
      <c r="AT1529" s="137"/>
      <c r="AU1529" s="137"/>
      <c r="AV1529" s="137"/>
      <c r="AW1529" s="144"/>
    </row>
    <row r="1530" spans="7:49" x14ac:dyDescent="0.2">
      <c r="G1530" s="43"/>
      <c r="Z1530" s="143"/>
      <c r="AA1530" s="137"/>
      <c r="AB1530" s="137"/>
      <c r="AC1530" s="137"/>
      <c r="AD1530" s="137"/>
      <c r="AE1530" s="137"/>
      <c r="AF1530" s="137"/>
      <c r="AG1530" s="137"/>
      <c r="AH1530" s="137"/>
      <c r="AI1530" s="137"/>
      <c r="AJ1530" s="137"/>
      <c r="AK1530" s="137"/>
      <c r="AL1530" s="137"/>
      <c r="AM1530" s="137"/>
      <c r="AN1530" s="137"/>
      <c r="AO1530" s="137"/>
      <c r="AP1530" s="137"/>
      <c r="AQ1530" s="137"/>
      <c r="AR1530" s="137"/>
      <c r="AS1530" s="137"/>
      <c r="AT1530" s="137"/>
      <c r="AU1530" s="137"/>
      <c r="AV1530" s="137"/>
      <c r="AW1530" s="144"/>
    </row>
    <row r="1531" spans="7:49" x14ac:dyDescent="0.2">
      <c r="G1531" s="43"/>
      <c r="Z1531" s="143"/>
      <c r="AA1531" s="137"/>
      <c r="AB1531" s="137"/>
      <c r="AC1531" s="137"/>
      <c r="AD1531" s="137"/>
      <c r="AE1531" s="137"/>
      <c r="AF1531" s="137"/>
      <c r="AG1531" s="137"/>
      <c r="AH1531" s="137"/>
      <c r="AI1531" s="137"/>
      <c r="AJ1531" s="137"/>
      <c r="AK1531" s="137"/>
      <c r="AL1531" s="137"/>
      <c r="AM1531" s="137"/>
      <c r="AN1531" s="137"/>
      <c r="AO1531" s="137"/>
      <c r="AP1531" s="137"/>
      <c r="AQ1531" s="137"/>
      <c r="AR1531" s="137"/>
      <c r="AS1531" s="137"/>
      <c r="AT1531" s="137"/>
      <c r="AU1531" s="137"/>
      <c r="AV1531" s="137"/>
      <c r="AW1531" s="144"/>
    </row>
    <row r="1532" spans="7:49" x14ac:dyDescent="0.2">
      <c r="G1532" s="43"/>
      <c r="Z1532" s="143"/>
      <c r="AA1532" s="137"/>
      <c r="AB1532" s="137"/>
      <c r="AC1532" s="137"/>
      <c r="AD1532" s="137"/>
      <c r="AE1532" s="137"/>
      <c r="AF1532" s="137"/>
      <c r="AG1532" s="137"/>
      <c r="AH1532" s="137"/>
      <c r="AI1532" s="137"/>
      <c r="AJ1532" s="137"/>
      <c r="AK1532" s="137"/>
      <c r="AL1532" s="137"/>
      <c r="AM1532" s="137"/>
      <c r="AN1532" s="137"/>
      <c r="AO1532" s="137"/>
      <c r="AP1532" s="137"/>
      <c r="AQ1532" s="137"/>
      <c r="AR1532" s="137"/>
      <c r="AS1532" s="137"/>
      <c r="AT1532" s="137"/>
      <c r="AU1532" s="137"/>
      <c r="AV1532" s="137"/>
      <c r="AW1532" s="144"/>
    </row>
    <row r="1533" spans="7:49" x14ac:dyDescent="0.2">
      <c r="G1533" s="43"/>
      <c r="Z1533" s="143"/>
      <c r="AA1533" s="137"/>
      <c r="AB1533" s="137"/>
      <c r="AC1533" s="137"/>
      <c r="AD1533" s="137"/>
      <c r="AE1533" s="137"/>
      <c r="AF1533" s="137"/>
      <c r="AG1533" s="137"/>
      <c r="AH1533" s="137"/>
      <c r="AI1533" s="137"/>
      <c r="AJ1533" s="137"/>
      <c r="AK1533" s="137"/>
      <c r="AL1533" s="137"/>
      <c r="AM1533" s="137"/>
      <c r="AN1533" s="137"/>
      <c r="AO1533" s="137"/>
      <c r="AP1533" s="137"/>
      <c r="AQ1533" s="137"/>
      <c r="AR1533" s="137"/>
      <c r="AS1533" s="137"/>
      <c r="AT1533" s="137"/>
      <c r="AU1533" s="137"/>
      <c r="AV1533" s="137"/>
      <c r="AW1533" s="144"/>
    </row>
    <row r="1534" spans="7:49" x14ac:dyDescent="0.2">
      <c r="G1534" s="43"/>
      <c r="Z1534" s="143"/>
      <c r="AA1534" s="137"/>
      <c r="AB1534" s="137"/>
      <c r="AC1534" s="137"/>
      <c r="AD1534" s="137"/>
      <c r="AE1534" s="137"/>
      <c r="AF1534" s="137"/>
      <c r="AG1534" s="137"/>
      <c r="AH1534" s="137"/>
      <c r="AI1534" s="137"/>
      <c r="AJ1534" s="137"/>
      <c r="AK1534" s="137"/>
      <c r="AL1534" s="137"/>
      <c r="AM1534" s="137"/>
      <c r="AN1534" s="137"/>
      <c r="AO1534" s="137"/>
      <c r="AP1534" s="137"/>
      <c r="AQ1534" s="137"/>
      <c r="AR1534" s="137"/>
      <c r="AS1534" s="137"/>
      <c r="AT1534" s="137"/>
      <c r="AU1534" s="137"/>
      <c r="AV1534" s="137"/>
      <c r="AW1534" s="144"/>
    </row>
    <row r="1535" spans="7:49" x14ac:dyDescent="0.2">
      <c r="G1535" s="43"/>
      <c r="Z1535" s="143"/>
      <c r="AA1535" s="137"/>
      <c r="AB1535" s="137"/>
      <c r="AC1535" s="137"/>
      <c r="AD1535" s="137"/>
      <c r="AE1535" s="137"/>
      <c r="AF1535" s="137"/>
      <c r="AG1535" s="137"/>
      <c r="AH1535" s="137"/>
      <c r="AI1535" s="137"/>
      <c r="AJ1535" s="137"/>
      <c r="AK1535" s="137"/>
      <c r="AL1535" s="137"/>
      <c r="AM1535" s="137"/>
      <c r="AN1535" s="137"/>
      <c r="AO1535" s="137"/>
      <c r="AP1535" s="137"/>
      <c r="AQ1535" s="137"/>
      <c r="AR1535" s="137"/>
      <c r="AS1535" s="137"/>
      <c r="AT1535" s="137"/>
      <c r="AU1535" s="137"/>
      <c r="AV1535" s="137"/>
      <c r="AW1535" s="144"/>
    </row>
    <row r="1536" spans="7:49" x14ac:dyDescent="0.2">
      <c r="G1536" s="43"/>
      <c r="Z1536" s="143"/>
      <c r="AA1536" s="137"/>
      <c r="AB1536" s="137"/>
      <c r="AC1536" s="137"/>
      <c r="AD1536" s="137"/>
      <c r="AE1536" s="137"/>
      <c r="AF1536" s="137"/>
      <c r="AG1536" s="137"/>
      <c r="AH1536" s="137"/>
      <c r="AI1536" s="137"/>
      <c r="AJ1536" s="137"/>
      <c r="AK1536" s="137"/>
      <c r="AL1536" s="137"/>
      <c r="AM1536" s="137"/>
      <c r="AN1536" s="137"/>
      <c r="AO1536" s="137"/>
      <c r="AP1536" s="137"/>
      <c r="AQ1536" s="137"/>
      <c r="AR1536" s="137"/>
      <c r="AS1536" s="137"/>
      <c r="AT1536" s="137"/>
      <c r="AU1536" s="137"/>
      <c r="AV1536" s="137"/>
      <c r="AW1536" s="144"/>
    </row>
    <row r="1537" spans="7:49" x14ac:dyDescent="0.2">
      <c r="G1537" s="43"/>
      <c r="Z1537" s="143"/>
      <c r="AA1537" s="137"/>
      <c r="AB1537" s="137"/>
      <c r="AC1537" s="137"/>
      <c r="AD1537" s="137"/>
      <c r="AE1537" s="137"/>
      <c r="AF1537" s="137"/>
      <c r="AG1537" s="137"/>
      <c r="AH1537" s="137"/>
      <c r="AI1537" s="137"/>
      <c r="AJ1537" s="137"/>
      <c r="AK1537" s="137"/>
      <c r="AL1537" s="137"/>
      <c r="AM1537" s="137"/>
      <c r="AN1537" s="137"/>
      <c r="AO1537" s="137"/>
      <c r="AP1537" s="137"/>
      <c r="AQ1537" s="137"/>
      <c r="AR1537" s="137"/>
      <c r="AS1537" s="137"/>
      <c r="AT1537" s="137"/>
      <c r="AU1537" s="137"/>
      <c r="AV1537" s="137"/>
      <c r="AW1537" s="144"/>
    </row>
    <row r="1538" spans="7:49" x14ac:dyDescent="0.2">
      <c r="G1538" s="43"/>
      <c r="Z1538" s="143"/>
      <c r="AA1538" s="137"/>
      <c r="AB1538" s="137"/>
      <c r="AC1538" s="137"/>
      <c r="AD1538" s="137"/>
      <c r="AE1538" s="137"/>
      <c r="AF1538" s="137"/>
      <c r="AG1538" s="137"/>
      <c r="AH1538" s="137"/>
      <c r="AI1538" s="137"/>
      <c r="AJ1538" s="137"/>
      <c r="AK1538" s="137"/>
      <c r="AL1538" s="137"/>
      <c r="AM1538" s="137"/>
      <c r="AN1538" s="137"/>
      <c r="AO1538" s="137"/>
      <c r="AP1538" s="137"/>
      <c r="AQ1538" s="137"/>
      <c r="AR1538" s="137"/>
      <c r="AS1538" s="137"/>
      <c r="AT1538" s="137"/>
      <c r="AU1538" s="137"/>
      <c r="AV1538" s="137"/>
      <c r="AW1538" s="144"/>
    </row>
    <row r="1539" spans="7:49" x14ac:dyDescent="0.2">
      <c r="G1539" s="43"/>
      <c r="Z1539" s="143"/>
      <c r="AA1539" s="137"/>
      <c r="AB1539" s="137"/>
      <c r="AC1539" s="137"/>
      <c r="AD1539" s="137"/>
      <c r="AE1539" s="137"/>
      <c r="AF1539" s="137"/>
      <c r="AG1539" s="137"/>
      <c r="AH1539" s="137"/>
      <c r="AI1539" s="137"/>
      <c r="AJ1539" s="137"/>
      <c r="AK1539" s="137"/>
      <c r="AL1539" s="137"/>
      <c r="AM1539" s="137"/>
      <c r="AN1539" s="137"/>
      <c r="AO1539" s="137"/>
      <c r="AP1539" s="137"/>
      <c r="AQ1539" s="137"/>
      <c r="AR1539" s="137"/>
      <c r="AS1539" s="137"/>
      <c r="AT1539" s="137"/>
      <c r="AU1539" s="137"/>
      <c r="AV1539" s="137"/>
      <c r="AW1539" s="144"/>
    </row>
    <row r="1540" spans="7:49" x14ac:dyDescent="0.2">
      <c r="G1540" s="43"/>
      <c r="Z1540" s="143"/>
      <c r="AA1540" s="137"/>
      <c r="AB1540" s="137"/>
      <c r="AC1540" s="137"/>
      <c r="AD1540" s="137"/>
      <c r="AE1540" s="137"/>
      <c r="AF1540" s="137"/>
      <c r="AG1540" s="137"/>
      <c r="AH1540" s="137"/>
      <c r="AI1540" s="137"/>
      <c r="AJ1540" s="137"/>
      <c r="AK1540" s="137"/>
      <c r="AL1540" s="137"/>
      <c r="AM1540" s="137"/>
      <c r="AN1540" s="137"/>
      <c r="AO1540" s="137"/>
      <c r="AP1540" s="137"/>
      <c r="AQ1540" s="137"/>
      <c r="AR1540" s="137"/>
      <c r="AS1540" s="137"/>
      <c r="AT1540" s="137"/>
      <c r="AU1540" s="137"/>
      <c r="AV1540" s="137"/>
      <c r="AW1540" s="144"/>
    </row>
    <row r="1541" spans="7:49" x14ac:dyDescent="0.2">
      <c r="G1541" s="43"/>
      <c r="Z1541" s="143"/>
      <c r="AA1541" s="137"/>
      <c r="AB1541" s="137"/>
      <c r="AC1541" s="137"/>
      <c r="AD1541" s="137"/>
      <c r="AE1541" s="137"/>
      <c r="AF1541" s="137"/>
      <c r="AG1541" s="137"/>
      <c r="AH1541" s="137"/>
      <c r="AI1541" s="137"/>
      <c r="AJ1541" s="137"/>
      <c r="AK1541" s="137"/>
      <c r="AL1541" s="137"/>
      <c r="AM1541" s="137"/>
      <c r="AN1541" s="137"/>
      <c r="AO1541" s="137"/>
      <c r="AP1541" s="137"/>
      <c r="AQ1541" s="137"/>
      <c r="AR1541" s="137"/>
      <c r="AS1541" s="137"/>
      <c r="AT1541" s="137"/>
      <c r="AU1541" s="137"/>
      <c r="AV1541" s="137"/>
      <c r="AW1541" s="144"/>
    </row>
    <row r="1542" spans="7:49" x14ac:dyDescent="0.2">
      <c r="G1542" s="43"/>
      <c r="Z1542" s="143"/>
      <c r="AA1542" s="137"/>
      <c r="AB1542" s="137"/>
      <c r="AC1542" s="137"/>
      <c r="AD1542" s="137"/>
      <c r="AE1542" s="137"/>
      <c r="AF1542" s="137"/>
      <c r="AG1542" s="137"/>
      <c r="AH1542" s="137"/>
      <c r="AI1542" s="137"/>
      <c r="AJ1542" s="137"/>
      <c r="AK1542" s="137"/>
      <c r="AL1542" s="137"/>
      <c r="AM1542" s="137"/>
      <c r="AN1542" s="137"/>
      <c r="AO1542" s="137"/>
      <c r="AP1542" s="137"/>
      <c r="AQ1542" s="137"/>
      <c r="AR1542" s="137"/>
      <c r="AS1542" s="137"/>
      <c r="AT1542" s="137"/>
      <c r="AU1542" s="137"/>
      <c r="AV1542" s="137"/>
      <c r="AW1542" s="144"/>
    </row>
    <row r="1543" spans="7:49" x14ac:dyDescent="0.2">
      <c r="G1543" s="43"/>
      <c r="Z1543" s="143"/>
      <c r="AA1543" s="137"/>
      <c r="AB1543" s="137"/>
      <c r="AC1543" s="137"/>
      <c r="AD1543" s="137"/>
      <c r="AE1543" s="137"/>
      <c r="AF1543" s="137"/>
      <c r="AG1543" s="137"/>
      <c r="AH1543" s="137"/>
      <c r="AI1543" s="137"/>
      <c r="AJ1543" s="137"/>
      <c r="AK1543" s="137"/>
      <c r="AL1543" s="137"/>
      <c r="AM1543" s="137"/>
      <c r="AN1543" s="137"/>
      <c r="AO1543" s="137"/>
      <c r="AP1543" s="137"/>
      <c r="AQ1543" s="137"/>
      <c r="AR1543" s="137"/>
      <c r="AS1543" s="137"/>
      <c r="AT1543" s="137"/>
      <c r="AU1543" s="137"/>
      <c r="AV1543" s="137"/>
      <c r="AW1543" s="144"/>
    </row>
    <row r="1544" spans="7:49" x14ac:dyDescent="0.2">
      <c r="G1544" s="43"/>
      <c r="Z1544" s="143"/>
      <c r="AA1544" s="137"/>
      <c r="AB1544" s="137"/>
      <c r="AC1544" s="137"/>
      <c r="AD1544" s="137"/>
      <c r="AE1544" s="137"/>
      <c r="AF1544" s="137"/>
      <c r="AG1544" s="137"/>
      <c r="AH1544" s="137"/>
      <c r="AI1544" s="137"/>
      <c r="AJ1544" s="137"/>
      <c r="AK1544" s="137"/>
      <c r="AL1544" s="137"/>
      <c r="AM1544" s="137"/>
      <c r="AN1544" s="137"/>
      <c r="AO1544" s="137"/>
      <c r="AP1544" s="137"/>
      <c r="AQ1544" s="137"/>
      <c r="AR1544" s="137"/>
      <c r="AS1544" s="137"/>
      <c r="AT1544" s="137"/>
      <c r="AU1544" s="137"/>
      <c r="AV1544" s="137"/>
      <c r="AW1544" s="144"/>
    </row>
    <row r="1545" spans="7:49" x14ac:dyDescent="0.2">
      <c r="G1545" s="43"/>
      <c r="Z1545" s="143"/>
      <c r="AA1545" s="137"/>
      <c r="AB1545" s="137"/>
      <c r="AC1545" s="137"/>
      <c r="AD1545" s="137"/>
      <c r="AE1545" s="137"/>
      <c r="AF1545" s="137"/>
      <c r="AG1545" s="137"/>
      <c r="AH1545" s="137"/>
      <c r="AI1545" s="137"/>
      <c r="AJ1545" s="137"/>
      <c r="AK1545" s="137"/>
      <c r="AL1545" s="137"/>
      <c r="AM1545" s="137"/>
      <c r="AN1545" s="137"/>
      <c r="AO1545" s="137"/>
      <c r="AP1545" s="137"/>
      <c r="AQ1545" s="137"/>
      <c r="AR1545" s="137"/>
      <c r="AS1545" s="137"/>
      <c r="AT1545" s="137"/>
      <c r="AU1545" s="137"/>
      <c r="AV1545" s="137"/>
      <c r="AW1545" s="144"/>
    </row>
    <row r="1546" spans="7:49" x14ac:dyDescent="0.2">
      <c r="G1546" s="43"/>
      <c r="Z1546" s="143"/>
      <c r="AA1546" s="137"/>
      <c r="AB1546" s="137"/>
      <c r="AC1546" s="137"/>
      <c r="AD1546" s="137"/>
      <c r="AE1546" s="137"/>
      <c r="AF1546" s="137"/>
      <c r="AG1546" s="137"/>
      <c r="AH1546" s="137"/>
      <c r="AI1546" s="137"/>
      <c r="AJ1546" s="137"/>
      <c r="AK1546" s="137"/>
      <c r="AL1546" s="137"/>
      <c r="AM1546" s="137"/>
      <c r="AN1546" s="137"/>
      <c r="AO1546" s="137"/>
      <c r="AP1546" s="137"/>
      <c r="AQ1546" s="137"/>
      <c r="AR1546" s="137"/>
      <c r="AS1546" s="137"/>
      <c r="AT1546" s="137"/>
      <c r="AU1546" s="137"/>
      <c r="AV1546" s="137"/>
      <c r="AW1546" s="144"/>
    </row>
    <row r="1547" spans="7:49" x14ac:dyDescent="0.2">
      <c r="G1547" s="43"/>
      <c r="Z1547" s="143"/>
      <c r="AA1547" s="137"/>
      <c r="AB1547" s="137"/>
      <c r="AC1547" s="137"/>
      <c r="AD1547" s="137"/>
      <c r="AE1547" s="137"/>
      <c r="AF1547" s="137"/>
      <c r="AG1547" s="137"/>
      <c r="AH1547" s="137"/>
      <c r="AI1547" s="137"/>
      <c r="AJ1547" s="137"/>
      <c r="AK1547" s="137"/>
      <c r="AL1547" s="137"/>
      <c r="AM1547" s="137"/>
      <c r="AN1547" s="137"/>
      <c r="AO1547" s="137"/>
      <c r="AP1547" s="137"/>
      <c r="AQ1547" s="137"/>
      <c r="AR1547" s="137"/>
      <c r="AS1547" s="137"/>
      <c r="AT1547" s="137"/>
      <c r="AU1547" s="137"/>
      <c r="AV1547" s="137"/>
      <c r="AW1547" s="144"/>
    </row>
    <row r="1548" spans="7:49" x14ac:dyDescent="0.2">
      <c r="G1548" s="43"/>
      <c r="Z1548" s="143"/>
      <c r="AA1548" s="137"/>
      <c r="AB1548" s="137"/>
      <c r="AC1548" s="137"/>
      <c r="AD1548" s="137"/>
      <c r="AE1548" s="137"/>
      <c r="AF1548" s="137"/>
      <c r="AG1548" s="137"/>
      <c r="AH1548" s="137"/>
      <c r="AI1548" s="137"/>
      <c r="AJ1548" s="137"/>
      <c r="AK1548" s="137"/>
      <c r="AL1548" s="137"/>
      <c r="AM1548" s="137"/>
      <c r="AN1548" s="137"/>
      <c r="AO1548" s="137"/>
      <c r="AP1548" s="137"/>
      <c r="AQ1548" s="137"/>
      <c r="AR1548" s="137"/>
      <c r="AS1548" s="137"/>
      <c r="AT1548" s="137"/>
      <c r="AU1548" s="137"/>
      <c r="AV1548" s="137"/>
      <c r="AW1548" s="144"/>
    </row>
    <row r="1549" spans="7:49" x14ac:dyDescent="0.2">
      <c r="G1549" s="43"/>
      <c r="Z1549" s="143"/>
      <c r="AA1549" s="137"/>
      <c r="AB1549" s="137"/>
      <c r="AC1549" s="137"/>
      <c r="AD1549" s="137"/>
      <c r="AE1549" s="137"/>
      <c r="AF1549" s="137"/>
      <c r="AG1549" s="137"/>
      <c r="AH1549" s="137"/>
      <c r="AI1549" s="137"/>
      <c r="AJ1549" s="137"/>
      <c r="AK1549" s="137"/>
      <c r="AL1549" s="137"/>
      <c r="AM1549" s="137"/>
      <c r="AN1549" s="137"/>
      <c r="AO1549" s="137"/>
      <c r="AP1549" s="137"/>
      <c r="AQ1549" s="137"/>
      <c r="AR1549" s="137"/>
      <c r="AS1549" s="137"/>
      <c r="AT1549" s="137"/>
      <c r="AU1549" s="137"/>
      <c r="AV1549" s="137"/>
      <c r="AW1549" s="144"/>
    </row>
    <row r="1550" spans="7:49" x14ac:dyDescent="0.2">
      <c r="G1550" s="43"/>
      <c r="Z1550" s="143"/>
      <c r="AA1550" s="137"/>
      <c r="AB1550" s="137"/>
      <c r="AC1550" s="137"/>
      <c r="AD1550" s="137"/>
      <c r="AE1550" s="137"/>
      <c r="AF1550" s="137"/>
      <c r="AG1550" s="137"/>
      <c r="AH1550" s="137"/>
      <c r="AI1550" s="137"/>
      <c r="AJ1550" s="137"/>
      <c r="AK1550" s="137"/>
      <c r="AL1550" s="137"/>
      <c r="AM1550" s="137"/>
      <c r="AN1550" s="137"/>
      <c r="AO1550" s="137"/>
      <c r="AP1550" s="137"/>
      <c r="AQ1550" s="137"/>
      <c r="AR1550" s="137"/>
      <c r="AS1550" s="137"/>
      <c r="AT1550" s="137"/>
      <c r="AU1550" s="137"/>
      <c r="AV1550" s="137"/>
      <c r="AW1550" s="144"/>
    </row>
    <row r="1551" spans="7:49" x14ac:dyDescent="0.2">
      <c r="G1551" s="43"/>
      <c r="Z1551" s="143"/>
      <c r="AA1551" s="137"/>
      <c r="AB1551" s="137"/>
      <c r="AC1551" s="137"/>
      <c r="AD1551" s="137"/>
      <c r="AE1551" s="137"/>
      <c r="AF1551" s="137"/>
      <c r="AG1551" s="137"/>
      <c r="AH1551" s="137"/>
      <c r="AI1551" s="137"/>
      <c r="AJ1551" s="137"/>
      <c r="AK1551" s="137"/>
      <c r="AL1551" s="137"/>
      <c r="AM1551" s="137"/>
      <c r="AN1551" s="137"/>
      <c r="AO1551" s="137"/>
      <c r="AP1551" s="137"/>
      <c r="AQ1551" s="137"/>
      <c r="AR1551" s="137"/>
      <c r="AS1551" s="137"/>
      <c r="AT1551" s="137"/>
      <c r="AU1551" s="137"/>
      <c r="AV1551" s="137"/>
      <c r="AW1551" s="144"/>
    </row>
    <row r="1552" spans="7:49" x14ac:dyDescent="0.2">
      <c r="G1552" s="43"/>
      <c r="Z1552" s="143"/>
      <c r="AA1552" s="137"/>
      <c r="AB1552" s="137"/>
      <c r="AC1552" s="137"/>
      <c r="AD1552" s="137"/>
      <c r="AE1552" s="137"/>
      <c r="AF1552" s="137"/>
      <c r="AG1552" s="137"/>
      <c r="AH1552" s="137"/>
      <c r="AI1552" s="137"/>
      <c r="AJ1552" s="137"/>
      <c r="AK1552" s="137"/>
      <c r="AL1552" s="137"/>
      <c r="AM1552" s="137"/>
      <c r="AN1552" s="137"/>
      <c r="AO1552" s="137"/>
      <c r="AP1552" s="137"/>
      <c r="AQ1552" s="137"/>
      <c r="AR1552" s="137"/>
      <c r="AS1552" s="137"/>
      <c r="AT1552" s="137"/>
      <c r="AU1552" s="137"/>
      <c r="AV1552" s="137"/>
      <c r="AW1552" s="144"/>
    </row>
    <row r="1553" spans="7:49" x14ac:dyDescent="0.2">
      <c r="G1553" s="43"/>
      <c r="Z1553" s="143"/>
      <c r="AA1553" s="137"/>
      <c r="AB1553" s="137"/>
      <c r="AC1553" s="137"/>
      <c r="AD1553" s="137"/>
      <c r="AE1553" s="137"/>
      <c r="AF1553" s="137"/>
      <c r="AG1553" s="137"/>
      <c r="AH1553" s="137"/>
      <c r="AI1553" s="137"/>
      <c r="AJ1553" s="137"/>
      <c r="AK1553" s="137"/>
      <c r="AL1553" s="137"/>
      <c r="AM1553" s="137"/>
      <c r="AN1553" s="137"/>
      <c r="AO1553" s="137"/>
      <c r="AP1553" s="137"/>
      <c r="AQ1553" s="137"/>
      <c r="AR1553" s="137"/>
      <c r="AS1553" s="137"/>
      <c r="AT1553" s="137"/>
      <c r="AU1553" s="137"/>
      <c r="AV1553" s="137"/>
      <c r="AW1553" s="144"/>
    </row>
    <row r="1554" spans="7:49" x14ac:dyDescent="0.2">
      <c r="G1554" s="43"/>
      <c r="Z1554" s="143"/>
      <c r="AA1554" s="137"/>
      <c r="AB1554" s="137"/>
      <c r="AC1554" s="137"/>
      <c r="AD1554" s="137"/>
      <c r="AE1554" s="137"/>
      <c r="AF1554" s="137"/>
      <c r="AG1554" s="137"/>
      <c r="AH1554" s="137"/>
      <c r="AI1554" s="137"/>
      <c r="AJ1554" s="137"/>
      <c r="AK1554" s="137"/>
      <c r="AL1554" s="137"/>
      <c r="AM1554" s="137"/>
      <c r="AN1554" s="137"/>
      <c r="AO1554" s="137"/>
      <c r="AP1554" s="137"/>
      <c r="AQ1554" s="137"/>
      <c r="AR1554" s="137"/>
      <c r="AS1554" s="137"/>
      <c r="AT1554" s="137"/>
      <c r="AU1554" s="137"/>
      <c r="AV1554" s="137"/>
      <c r="AW1554" s="144"/>
    </row>
    <row r="1555" spans="7:49" x14ac:dyDescent="0.2">
      <c r="G1555" s="43"/>
      <c r="Z1555" s="143"/>
      <c r="AA1555" s="137"/>
      <c r="AB1555" s="137"/>
      <c r="AC1555" s="137"/>
      <c r="AD1555" s="137"/>
      <c r="AE1555" s="137"/>
      <c r="AF1555" s="137"/>
      <c r="AG1555" s="137"/>
      <c r="AH1555" s="137"/>
      <c r="AI1555" s="137"/>
      <c r="AJ1555" s="137"/>
      <c r="AK1555" s="137"/>
      <c r="AL1555" s="137"/>
      <c r="AM1555" s="137"/>
      <c r="AN1555" s="137"/>
      <c r="AO1555" s="137"/>
      <c r="AP1555" s="137"/>
      <c r="AQ1555" s="137"/>
      <c r="AR1555" s="137"/>
      <c r="AS1555" s="137"/>
      <c r="AT1555" s="137"/>
      <c r="AU1555" s="137"/>
      <c r="AV1555" s="137"/>
      <c r="AW1555" s="144"/>
    </row>
    <row r="1556" spans="7:49" x14ac:dyDescent="0.2">
      <c r="G1556" s="43"/>
      <c r="Z1556" s="143"/>
      <c r="AA1556" s="137"/>
      <c r="AB1556" s="137"/>
      <c r="AC1556" s="137"/>
      <c r="AD1556" s="137"/>
      <c r="AE1556" s="137"/>
      <c r="AF1556" s="137"/>
      <c r="AG1556" s="137"/>
      <c r="AH1556" s="137"/>
      <c r="AI1556" s="137"/>
      <c r="AJ1556" s="137"/>
      <c r="AK1556" s="137"/>
      <c r="AL1556" s="137"/>
      <c r="AM1556" s="137"/>
      <c r="AN1556" s="137"/>
      <c r="AO1556" s="137"/>
      <c r="AP1556" s="137"/>
      <c r="AQ1556" s="137"/>
      <c r="AR1556" s="137"/>
      <c r="AS1556" s="137"/>
      <c r="AT1556" s="137"/>
      <c r="AU1556" s="137"/>
      <c r="AV1556" s="137"/>
      <c r="AW1556" s="144"/>
    </row>
    <row r="1557" spans="7:49" x14ac:dyDescent="0.2">
      <c r="G1557" s="43"/>
      <c r="Z1557" s="143"/>
      <c r="AA1557" s="137"/>
      <c r="AB1557" s="137"/>
      <c r="AC1557" s="137"/>
      <c r="AD1557" s="137"/>
      <c r="AE1557" s="137"/>
      <c r="AF1557" s="137"/>
      <c r="AG1557" s="137"/>
      <c r="AH1557" s="137"/>
      <c r="AI1557" s="137"/>
      <c r="AJ1557" s="137"/>
      <c r="AK1557" s="137"/>
      <c r="AL1557" s="137"/>
      <c r="AM1557" s="137"/>
      <c r="AN1557" s="137"/>
      <c r="AO1557" s="137"/>
      <c r="AP1557" s="137"/>
      <c r="AQ1557" s="137"/>
      <c r="AR1557" s="137"/>
      <c r="AS1557" s="137"/>
      <c r="AT1557" s="137"/>
      <c r="AU1557" s="137"/>
      <c r="AV1557" s="137"/>
      <c r="AW1557" s="144"/>
    </row>
    <row r="1558" spans="7:49" x14ac:dyDescent="0.2">
      <c r="G1558" s="43"/>
      <c r="Z1558" s="143"/>
      <c r="AA1558" s="137"/>
      <c r="AB1558" s="137"/>
      <c r="AC1558" s="137"/>
      <c r="AD1558" s="137"/>
      <c r="AE1558" s="137"/>
      <c r="AF1558" s="137"/>
      <c r="AG1558" s="137"/>
      <c r="AH1558" s="137"/>
      <c r="AI1558" s="137"/>
      <c r="AJ1558" s="137"/>
      <c r="AK1558" s="137"/>
      <c r="AL1558" s="137"/>
      <c r="AM1558" s="137"/>
      <c r="AN1558" s="137"/>
      <c r="AO1558" s="137"/>
      <c r="AP1558" s="137"/>
      <c r="AQ1558" s="137"/>
      <c r="AR1558" s="137"/>
      <c r="AS1558" s="137"/>
      <c r="AT1558" s="137"/>
      <c r="AU1558" s="137"/>
      <c r="AV1558" s="137"/>
      <c r="AW1558" s="144"/>
    </row>
    <row r="1559" spans="7:49" x14ac:dyDescent="0.2">
      <c r="G1559" s="43"/>
      <c r="Z1559" s="143"/>
      <c r="AA1559" s="137"/>
      <c r="AB1559" s="137"/>
      <c r="AC1559" s="137"/>
      <c r="AD1559" s="137"/>
      <c r="AE1559" s="137"/>
      <c r="AF1559" s="137"/>
      <c r="AG1559" s="137"/>
      <c r="AH1559" s="137"/>
      <c r="AI1559" s="137"/>
      <c r="AJ1559" s="137"/>
      <c r="AK1559" s="137"/>
      <c r="AL1559" s="137"/>
      <c r="AM1559" s="137"/>
      <c r="AN1559" s="137"/>
      <c r="AO1559" s="137"/>
      <c r="AP1559" s="137"/>
      <c r="AQ1559" s="137"/>
      <c r="AR1559" s="137"/>
      <c r="AS1559" s="137"/>
      <c r="AT1559" s="137"/>
      <c r="AU1559" s="137"/>
      <c r="AV1559" s="137"/>
      <c r="AW1559" s="144"/>
    </row>
    <row r="1560" spans="7:49" x14ac:dyDescent="0.2">
      <c r="G1560" s="43"/>
      <c r="Z1560" s="143"/>
      <c r="AA1560" s="137"/>
      <c r="AB1560" s="137"/>
      <c r="AC1560" s="137"/>
      <c r="AD1560" s="137"/>
      <c r="AE1560" s="137"/>
      <c r="AF1560" s="137"/>
      <c r="AG1560" s="137"/>
      <c r="AH1560" s="137"/>
      <c r="AI1560" s="137"/>
      <c r="AJ1560" s="137"/>
      <c r="AK1560" s="137"/>
      <c r="AL1560" s="137"/>
      <c r="AM1560" s="137"/>
      <c r="AN1560" s="137"/>
      <c r="AO1560" s="137"/>
      <c r="AP1560" s="137"/>
      <c r="AQ1560" s="137"/>
      <c r="AR1560" s="137"/>
      <c r="AS1560" s="137"/>
      <c r="AT1560" s="137"/>
      <c r="AU1560" s="137"/>
      <c r="AV1560" s="137"/>
      <c r="AW1560" s="144"/>
    </row>
    <row r="1561" spans="7:49" x14ac:dyDescent="0.2">
      <c r="G1561" s="43"/>
      <c r="Z1561" s="143"/>
      <c r="AA1561" s="137"/>
      <c r="AB1561" s="137"/>
      <c r="AC1561" s="137"/>
      <c r="AD1561" s="137"/>
      <c r="AE1561" s="137"/>
      <c r="AF1561" s="137"/>
      <c r="AG1561" s="137"/>
      <c r="AH1561" s="137"/>
      <c r="AI1561" s="137"/>
      <c r="AJ1561" s="137"/>
      <c r="AK1561" s="137"/>
      <c r="AL1561" s="137"/>
      <c r="AM1561" s="137"/>
      <c r="AN1561" s="137"/>
      <c r="AO1561" s="137"/>
      <c r="AP1561" s="137"/>
      <c r="AQ1561" s="137"/>
      <c r="AR1561" s="137"/>
      <c r="AS1561" s="137"/>
      <c r="AT1561" s="137"/>
      <c r="AU1561" s="137"/>
      <c r="AV1561" s="137"/>
      <c r="AW1561" s="144"/>
    </row>
    <row r="1562" spans="7:49" x14ac:dyDescent="0.2">
      <c r="G1562" s="43"/>
      <c r="Z1562" s="143"/>
      <c r="AA1562" s="137"/>
      <c r="AB1562" s="137"/>
      <c r="AC1562" s="137"/>
      <c r="AD1562" s="137"/>
      <c r="AE1562" s="137"/>
      <c r="AF1562" s="137"/>
      <c r="AG1562" s="137"/>
      <c r="AH1562" s="137"/>
      <c r="AI1562" s="137"/>
      <c r="AJ1562" s="137"/>
      <c r="AK1562" s="137"/>
      <c r="AL1562" s="137"/>
      <c r="AM1562" s="137"/>
      <c r="AN1562" s="137"/>
      <c r="AO1562" s="137"/>
      <c r="AP1562" s="137"/>
      <c r="AQ1562" s="137"/>
      <c r="AR1562" s="137"/>
      <c r="AS1562" s="137"/>
      <c r="AT1562" s="137"/>
      <c r="AU1562" s="137"/>
      <c r="AV1562" s="137"/>
      <c r="AW1562" s="144"/>
    </row>
    <row r="1563" spans="7:49" x14ac:dyDescent="0.2">
      <c r="G1563" s="43"/>
      <c r="Z1563" s="143"/>
      <c r="AA1563" s="137"/>
      <c r="AB1563" s="137"/>
      <c r="AC1563" s="137"/>
      <c r="AD1563" s="137"/>
      <c r="AE1563" s="137"/>
      <c r="AF1563" s="137"/>
      <c r="AG1563" s="137"/>
      <c r="AH1563" s="137"/>
      <c r="AI1563" s="137"/>
      <c r="AJ1563" s="137"/>
      <c r="AK1563" s="137"/>
      <c r="AL1563" s="137"/>
      <c r="AM1563" s="137"/>
      <c r="AN1563" s="137"/>
      <c r="AO1563" s="137"/>
      <c r="AP1563" s="137"/>
      <c r="AQ1563" s="137"/>
      <c r="AR1563" s="137"/>
      <c r="AS1563" s="137"/>
      <c r="AT1563" s="137"/>
      <c r="AU1563" s="137"/>
      <c r="AV1563" s="137"/>
      <c r="AW1563" s="144"/>
    </row>
    <row r="1564" spans="7:49" x14ac:dyDescent="0.2">
      <c r="G1564" s="43"/>
      <c r="Z1564" s="143"/>
      <c r="AA1564" s="137"/>
      <c r="AB1564" s="137"/>
      <c r="AC1564" s="137"/>
      <c r="AD1564" s="137"/>
      <c r="AE1564" s="137"/>
      <c r="AF1564" s="137"/>
      <c r="AG1564" s="137"/>
      <c r="AH1564" s="137"/>
      <c r="AI1564" s="137"/>
      <c r="AJ1564" s="137"/>
      <c r="AK1564" s="137"/>
      <c r="AL1564" s="137"/>
      <c r="AM1564" s="137"/>
      <c r="AN1564" s="137"/>
      <c r="AO1564" s="137"/>
      <c r="AP1564" s="137"/>
      <c r="AQ1564" s="137"/>
      <c r="AR1564" s="137"/>
      <c r="AS1564" s="137"/>
      <c r="AT1564" s="137"/>
      <c r="AU1564" s="137"/>
      <c r="AV1564" s="137"/>
      <c r="AW1564" s="144"/>
    </row>
    <row r="1565" spans="7:49" x14ac:dyDescent="0.2">
      <c r="G1565" s="43"/>
      <c r="Z1565" s="143"/>
      <c r="AA1565" s="137"/>
      <c r="AB1565" s="137"/>
      <c r="AC1565" s="137"/>
      <c r="AD1565" s="137"/>
      <c r="AE1565" s="137"/>
      <c r="AF1565" s="137"/>
      <c r="AG1565" s="137"/>
      <c r="AH1565" s="137"/>
      <c r="AI1565" s="137"/>
      <c r="AJ1565" s="137"/>
      <c r="AK1565" s="137"/>
      <c r="AL1565" s="137"/>
      <c r="AM1565" s="137"/>
      <c r="AN1565" s="137"/>
      <c r="AO1565" s="137"/>
      <c r="AP1565" s="137"/>
      <c r="AQ1565" s="137"/>
      <c r="AR1565" s="137"/>
      <c r="AS1565" s="137"/>
      <c r="AT1565" s="137"/>
      <c r="AU1565" s="137"/>
      <c r="AV1565" s="137"/>
      <c r="AW1565" s="144"/>
    </row>
    <row r="1566" spans="7:49" x14ac:dyDescent="0.2">
      <c r="G1566" s="43"/>
      <c r="Z1566" s="143"/>
      <c r="AA1566" s="137"/>
      <c r="AB1566" s="137"/>
      <c r="AC1566" s="137"/>
      <c r="AD1566" s="137"/>
      <c r="AE1566" s="137"/>
      <c r="AF1566" s="137"/>
      <c r="AG1566" s="137"/>
      <c r="AH1566" s="137"/>
      <c r="AI1566" s="137"/>
      <c r="AJ1566" s="137"/>
      <c r="AK1566" s="137"/>
      <c r="AL1566" s="137"/>
      <c r="AM1566" s="137"/>
      <c r="AN1566" s="137"/>
      <c r="AO1566" s="137"/>
      <c r="AP1566" s="137"/>
      <c r="AQ1566" s="137"/>
      <c r="AR1566" s="137"/>
      <c r="AS1566" s="137"/>
      <c r="AT1566" s="137"/>
      <c r="AU1566" s="137"/>
      <c r="AV1566" s="137"/>
      <c r="AW1566" s="144"/>
    </row>
    <row r="1567" spans="7:49" x14ac:dyDescent="0.2">
      <c r="G1567" s="43"/>
      <c r="Z1567" s="143"/>
      <c r="AA1567" s="137"/>
      <c r="AB1567" s="137"/>
      <c r="AC1567" s="137"/>
      <c r="AD1567" s="137"/>
      <c r="AE1567" s="137"/>
      <c r="AF1567" s="137"/>
      <c r="AG1567" s="137"/>
      <c r="AH1567" s="137"/>
      <c r="AI1567" s="137"/>
      <c r="AJ1567" s="137"/>
      <c r="AK1567" s="137"/>
      <c r="AL1567" s="137"/>
      <c r="AM1567" s="137"/>
      <c r="AN1567" s="137"/>
      <c r="AO1567" s="137"/>
      <c r="AP1567" s="137"/>
      <c r="AQ1567" s="137"/>
      <c r="AR1567" s="137"/>
      <c r="AS1567" s="137"/>
      <c r="AT1567" s="137"/>
      <c r="AU1567" s="137"/>
      <c r="AV1567" s="137"/>
      <c r="AW1567" s="144"/>
    </row>
    <row r="1568" spans="7:49" x14ac:dyDescent="0.2">
      <c r="G1568" s="43"/>
      <c r="Z1568" s="143"/>
      <c r="AA1568" s="137"/>
      <c r="AB1568" s="137"/>
      <c r="AC1568" s="137"/>
      <c r="AD1568" s="137"/>
      <c r="AE1568" s="137"/>
      <c r="AF1568" s="137"/>
      <c r="AG1568" s="137"/>
      <c r="AH1568" s="137"/>
      <c r="AI1568" s="137"/>
      <c r="AJ1568" s="137"/>
      <c r="AK1568" s="137"/>
      <c r="AL1568" s="137"/>
      <c r="AM1568" s="137"/>
      <c r="AN1568" s="137"/>
      <c r="AO1568" s="137"/>
      <c r="AP1568" s="137"/>
      <c r="AQ1568" s="137"/>
      <c r="AR1568" s="137"/>
      <c r="AS1568" s="137"/>
      <c r="AT1568" s="137"/>
      <c r="AU1568" s="137"/>
      <c r="AV1568" s="137"/>
      <c r="AW1568" s="144"/>
    </row>
    <row r="1569" spans="7:49" x14ac:dyDescent="0.2">
      <c r="G1569" s="43"/>
      <c r="Z1569" s="143"/>
      <c r="AA1569" s="137"/>
      <c r="AB1569" s="137"/>
      <c r="AC1569" s="137"/>
      <c r="AD1569" s="137"/>
      <c r="AE1569" s="137"/>
      <c r="AF1569" s="137"/>
      <c r="AG1569" s="137"/>
      <c r="AH1569" s="137"/>
      <c r="AI1569" s="137"/>
      <c r="AJ1569" s="137"/>
      <c r="AK1569" s="137"/>
      <c r="AL1569" s="137"/>
      <c r="AM1569" s="137"/>
      <c r="AN1569" s="137"/>
      <c r="AO1569" s="137"/>
      <c r="AP1569" s="137"/>
      <c r="AQ1569" s="137"/>
      <c r="AR1569" s="137"/>
      <c r="AS1569" s="137"/>
      <c r="AT1569" s="137"/>
      <c r="AU1569" s="137"/>
      <c r="AV1569" s="137"/>
      <c r="AW1569" s="144"/>
    </row>
    <row r="1570" spans="7:49" x14ac:dyDescent="0.2">
      <c r="G1570" s="43"/>
      <c r="Z1570" s="143"/>
      <c r="AA1570" s="137"/>
      <c r="AB1570" s="137"/>
      <c r="AC1570" s="137"/>
      <c r="AD1570" s="137"/>
      <c r="AE1570" s="137"/>
      <c r="AF1570" s="137"/>
      <c r="AG1570" s="137"/>
      <c r="AH1570" s="137"/>
      <c r="AI1570" s="137"/>
      <c r="AJ1570" s="137"/>
      <c r="AK1570" s="137"/>
      <c r="AL1570" s="137"/>
      <c r="AM1570" s="137"/>
      <c r="AN1570" s="137"/>
      <c r="AO1570" s="137"/>
      <c r="AP1570" s="137"/>
      <c r="AQ1570" s="137"/>
      <c r="AR1570" s="137"/>
      <c r="AS1570" s="137"/>
      <c r="AT1570" s="137"/>
      <c r="AU1570" s="137"/>
      <c r="AV1570" s="137"/>
      <c r="AW1570" s="144"/>
    </row>
    <row r="1571" spans="7:49" x14ac:dyDescent="0.2">
      <c r="G1571" s="43"/>
      <c r="Z1571" s="143"/>
      <c r="AA1571" s="137"/>
      <c r="AB1571" s="137"/>
      <c r="AC1571" s="137"/>
      <c r="AD1571" s="137"/>
      <c r="AE1571" s="137"/>
      <c r="AF1571" s="137"/>
      <c r="AG1571" s="137"/>
      <c r="AH1571" s="137"/>
      <c r="AI1571" s="137"/>
      <c r="AJ1571" s="137"/>
      <c r="AK1571" s="137"/>
      <c r="AL1571" s="137"/>
      <c r="AM1571" s="137"/>
      <c r="AN1571" s="137"/>
      <c r="AO1571" s="137"/>
      <c r="AP1571" s="137"/>
      <c r="AQ1571" s="137"/>
      <c r="AR1571" s="137"/>
      <c r="AS1571" s="137"/>
      <c r="AT1571" s="137"/>
      <c r="AU1571" s="137"/>
      <c r="AV1571" s="137"/>
      <c r="AW1571" s="144"/>
    </row>
    <row r="1572" spans="7:49" x14ac:dyDescent="0.2">
      <c r="G1572" s="43"/>
      <c r="Z1572" s="143"/>
      <c r="AA1572" s="137"/>
      <c r="AB1572" s="137"/>
      <c r="AC1572" s="137"/>
      <c r="AD1572" s="137"/>
      <c r="AE1572" s="137"/>
      <c r="AF1572" s="137"/>
      <c r="AG1572" s="137"/>
      <c r="AH1572" s="137"/>
      <c r="AI1572" s="137"/>
      <c r="AJ1572" s="137"/>
      <c r="AK1572" s="137"/>
      <c r="AL1572" s="137"/>
      <c r="AM1572" s="137"/>
      <c r="AN1572" s="137"/>
      <c r="AO1572" s="137"/>
      <c r="AP1572" s="137"/>
      <c r="AQ1572" s="137"/>
      <c r="AR1572" s="137"/>
      <c r="AS1572" s="137"/>
      <c r="AT1572" s="137"/>
      <c r="AU1572" s="137"/>
      <c r="AV1572" s="137"/>
      <c r="AW1572" s="144"/>
    </row>
    <row r="1573" spans="7:49" x14ac:dyDescent="0.2">
      <c r="G1573" s="43"/>
      <c r="Z1573" s="143"/>
      <c r="AA1573" s="137"/>
      <c r="AB1573" s="137"/>
      <c r="AC1573" s="137"/>
      <c r="AD1573" s="137"/>
      <c r="AE1573" s="137"/>
      <c r="AF1573" s="137"/>
      <c r="AG1573" s="137"/>
      <c r="AH1573" s="137"/>
      <c r="AI1573" s="137"/>
      <c r="AJ1573" s="137"/>
      <c r="AK1573" s="137"/>
      <c r="AL1573" s="137"/>
      <c r="AM1573" s="137"/>
      <c r="AN1573" s="137"/>
      <c r="AO1573" s="137"/>
      <c r="AP1573" s="137"/>
      <c r="AQ1573" s="137"/>
      <c r="AR1573" s="137"/>
      <c r="AS1573" s="137"/>
      <c r="AT1573" s="137"/>
      <c r="AU1573" s="137"/>
      <c r="AV1573" s="137"/>
      <c r="AW1573" s="144"/>
    </row>
    <row r="1574" spans="7:49" x14ac:dyDescent="0.2">
      <c r="G1574" s="43"/>
      <c r="Z1574" s="143"/>
      <c r="AA1574" s="137"/>
      <c r="AB1574" s="137"/>
      <c r="AC1574" s="137"/>
      <c r="AD1574" s="137"/>
      <c r="AE1574" s="137"/>
      <c r="AF1574" s="137"/>
      <c r="AG1574" s="137"/>
      <c r="AH1574" s="137"/>
      <c r="AI1574" s="137"/>
      <c r="AJ1574" s="137"/>
      <c r="AK1574" s="137"/>
      <c r="AL1574" s="137"/>
      <c r="AM1574" s="137"/>
      <c r="AN1574" s="137"/>
      <c r="AO1574" s="137"/>
      <c r="AP1574" s="137"/>
      <c r="AQ1574" s="137"/>
      <c r="AR1574" s="137"/>
      <c r="AS1574" s="137"/>
      <c r="AT1574" s="137"/>
      <c r="AU1574" s="137"/>
      <c r="AV1574" s="137"/>
      <c r="AW1574" s="144"/>
    </row>
    <row r="1575" spans="7:49" x14ac:dyDescent="0.2">
      <c r="G1575" s="43"/>
      <c r="Z1575" s="143"/>
      <c r="AA1575" s="137"/>
      <c r="AB1575" s="137"/>
      <c r="AC1575" s="137"/>
      <c r="AD1575" s="137"/>
      <c r="AE1575" s="137"/>
      <c r="AF1575" s="137"/>
      <c r="AG1575" s="137"/>
      <c r="AH1575" s="137"/>
      <c r="AI1575" s="137"/>
      <c r="AJ1575" s="137"/>
      <c r="AK1575" s="137"/>
      <c r="AL1575" s="137"/>
      <c r="AM1575" s="137"/>
      <c r="AN1575" s="137"/>
      <c r="AO1575" s="137"/>
      <c r="AP1575" s="137"/>
      <c r="AQ1575" s="137"/>
      <c r="AR1575" s="137"/>
      <c r="AS1575" s="137"/>
      <c r="AT1575" s="137"/>
      <c r="AU1575" s="137"/>
      <c r="AV1575" s="137"/>
      <c r="AW1575" s="144"/>
    </row>
    <row r="1576" spans="7:49" x14ac:dyDescent="0.2">
      <c r="G1576" s="43"/>
      <c r="Z1576" s="143"/>
      <c r="AA1576" s="137"/>
      <c r="AB1576" s="137"/>
      <c r="AC1576" s="137"/>
      <c r="AD1576" s="137"/>
      <c r="AE1576" s="137"/>
      <c r="AF1576" s="137"/>
      <c r="AG1576" s="137"/>
      <c r="AH1576" s="137"/>
      <c r="AI1576" s="137"/>
      <c r="AJ1576" s="137"/>
      <c r="AK1576" s="137"/>
      <c r="AL1576" s="137"/>
      <c r="AM1576" s="137"/>
      <c r="AN1576" s="137"/>
      <c r="AO1576" s="137"/>
      <c r="AP1576" s="137"/>
      <c r="AQ1576" s="137"/>
      <c r="AR1576" s="137"/>
      <c r="AS1576" s="137"/>
      <c r="AT1576" s="137"/>
      <c r="AU1576" s="137"/>
      <c r="AV1576" s="137"/>
      <c r="AW1576" s="144"/>
    </row>
    <row r="1577" spans="7:49" x14ac:dyDescent="0.2">
      <c r="G1577" s="43"/>
      <c r="Z1577" s="143"/>
      <c r="AA1577" s="137"/>
      <c r="AB1577" s="137"/>
      <c r="AC1577" s="137"/>
      <c r="AD1577" s="137"/>
      <c r="AE1577" s="137"/>
      <c r="AF1577" s="137"/>
      <c r="AG1577" s="137"/>
      <c r="AH1577" s="137"/>
      <c r="AI1577" s="137"/>
      <c r="AJ1577" s="137"/>
      <c r="AK1577" s="137"/>
      <c r="AL1577" s="137"/>
      <c r="AM1577" s="137"/>
      <c r="AN1577" s="137"/>
      <c r="AO1577" s="137"/>
      <c r="AP1577" s="137"/>
      <c r="AQ1577" s="137"/>
      <c r="AR1577" s="137"/>
      <c r="AS1577" s="137"/>
      <c r="AT1577" s="137"/>
      <c r="AU1577" s="137"/>
      <c r="AV1577" s="137"/>
      <c r="AW1577" s="144"/>
    </row>
    <row r="1578" spans="7:49" x14ac:dyDescent="0.2">
      <c r="G1578" s="43"/>
      <c r="Z1578" s="143"/>
      <c r="AA1578" s="137"/>
      <c r="AB1578" s="137"/>
      <c r="AC1578" s="137"/>
      <c r="AD1578" s="137"/>
      <c r="AE1578" s="137"/>
      <c r="AF1578" s="137"/>
      <c r="AG1578" s="137"/>
      <c r="AH1578" s="137"/>
      <c r="AI1578" s="137"/>
      <c r="AJ1578" s="137"/>
      <c r="AK1578" s="137"/>
      <c r="AL1578" s="137"/>
      <c r="AM1578" s="137"/>
      <c r="AN1578" s="137"/>
      <c r="AO1578" s="137"/>
      <c r="AP1578" s="137"/>
      <c r="AQ1578" s="137"/>
      <c r="AR1578" s="137"/>
      <c r="AS1578" s="137"/>
      <c r="AT1578" s="137"/>
      <c r="AU1578" s="137"/>
      <c r="AV1578" s="137"/>
      <c r="AW1578" s="144"/>
    </row>
    <row r="1579" spans="7:49" x14ac:dyDescent="0.2">
      <c r="G1579" s="43"/>
      <c r="Z1579" s="143"/>
      <c r="AA1579" s="137"/>
      <c r="AB1579" s="137"/>
      <c r="AC1579" s="137"/>
      <c r="AD1579" s="137"/>
      <c r="AE1579" s="137"/>
      <c r="AF1579" s="137"/>
      <c r="AG1579" s="137"/>
      <c r="AH1579" s="137"/>
      <c r="AI1579" s="137"/>
      <c r="AJ1579" s="137"/>
      <c r="AK1579" s="137"/>
      <c r="AL1579" s="137"/>
      <c r="AM1579" s="137"/>
      <c r="AN1579" s="137"/>
      <c r="AO1579" s="137"/>
      <c r="AP1579" s="137"/>
      <c r="AQ1579" s="137"/>
      <c r="AR1579" s="137"/>
      <c r="AS1579" s="137"/>
      <c r="AT1579" s="137"/>
      <c r="AU1579" s="137"/>
      <c r="AV1579" s="137"/>
      <c r="AW1579" s="144"/>
    </row>
    <row r="1580" spans="7:49" x14ac:dyDescent="0.2">
      <c r="G1580" s="43"/>
      <c r="Z1580" s="143"/>
      <c r="AA1580" s="137"/>
      <c r="AB1580" s="137"/>
      <c r="AC1580" s="137"/>
      <c r="AD1580" s="137"/>
      <c r="AE1580" s="137"/>
      <c r="AF1580" s="137"/>
      <c r="AG1580" s="137"/>
      <c r="AH1580" s="137"/>
      <c r="AI1580" s="137"/>
      <c r="AJ1580" s="137"/>
      <c r="AK1580" s="137"/>
      <c r="AL1580" s="137"/>
      <c r="AM1580" s="137"/>
      <c r="AN1580" s="137"/>
      <c r="AO1580" s="137"/>
      <c r="AP1580" s="137"/>
      <c r="AQ1580" s="137"/>
      <c r="AR1580" s="137"/>
      <c r="AS1580" s="137"/>
      <c r="AT1580" s="137"/>
      <c r="AU1580" s="137"/>
      <c r="AV1580" s="137"/>
      <c r="AW1580" s="144"/>
    </row>
    <row r="1581" spans="7:49" x14ac:dyDescent="0.2">
      <c r="G1581" s="43"/>
      <c r="Z1581" s="143"/>
      <c r="AA1581" s="137"/>
      <c r="AB1581" s="137"/>
      <c r="AC1581" s="137"/>
      <c r="AD1581" s="137"/>
      <c r="AE1581" s="137"/>
      <c r="AF1581" s="137"/>
      <c r="AG1581" s="137"/>
      <c r="AH1581" s="137"/>
      <c r="AI1581" s="137"/>
      <c r="AJ1581" s="137"/>
      <c r="AK1581" s="137"/>
      <c r="AL1581" s="137"/>
      <c r="AM1581" s="137"/>
      <c r="AN1581" s="137"/>
      <c r="AO1581" s="137"/>
      <c r="AP1581" s="137"/>
      <c r="AQ1581" s="137"/>
      <c r="AR1581" s="137"/>
      <c r="AS1581" s="137"/>
      <c r="AT1581" s="137"/>
      <c r="AU1581" s="137"/>
      <c r="AV1581" s="137"/>
      <c r="AW1581" s="144"/>
    </row>
    <row r="1582" spans="7:49" x14ac:dyDescent="0.2">
      <c r="G1582" s="43"/>
      <c r="Z1582" s="143"/>
      <c r="AA1582" s="137"/>
      <c r="AB1582" s="137"/>
      <c r="AC1582" s="137"/>
      <c r="AD1582" s="137"/>
      <c r="AE1582" s="137"/>
      <c r="AF1582" s="137"/>
      <c r="AG1582" s="137"/>
      <c r="AH1582" s="137"/>
      <c r="AI1582" s="137"/>
      <c r="AJ1582" s="137"/>
      <c r="AK1582" s="137"/>
      <c r="AL1582" s="137"/>
      <c r="AM1582" s="137"/>
      <c r="AN1582" s="137"/>
      <c r="AO1582" s="137"/>
      <c r="AP1582" s="137"/>
      <c r="AQ1582" s="137"/>
      <c r="AR1582" s="137"/>
      <c r="AS1582" s="137"/>
      <c r="AT1582" s="137"/>
      <c r="AU1582" s="137"/>
      <c r="AV1582" s="137"/>
      <c r="AW1582" s="144"/>
    </row>
    <row r="1583" spans="7:49" x14ac:dyDescent="0.2">
      <c r="G1583" s="43"/>
      <c r="Z1583" s="143"/>
      <c r="AA1583" s="137"/>
      <c r="AB1583" s="137"/>
      <c r="AC1583" s="137"/>
      <c r="AD1583" s="137"/>
      <c r="AE1583" s="137"/>
      <c r="AF1583" s="137"/>
      <c r="AG1583" s="137"/>
      <c r="AH1583" s="137"/>
      <c r="AI1583" s="137"/>
      <c r="AJ1583" s="137"/>
      <c r="AK1583" s="137"/>
      <c r="AL1583" s="137"/>
      <c r="AM1583" s="137"/>
      <c r="AN1583" s="137"/>
      <c r="AO1583" s="137"/>
      <c r="AP1583" s="137"/>
      <c r="AQ1583" s="137"/>
      <c r="AR1583" s="137"/>
      <c r="AS1583" s="137"/>
      <c r="AT1583" s="137"/>
      <c r="AU1583" s="137"/>
      <c r="AV1583" s="137"/>
      <c r="AW1583" s="144"/>
    </row>
    <row r="1584" spans="7:49" x14ac:dyDescent="0.2">
      <c r="G1584" s="43"/>
      <c r="Z1584" s="143"/>
      <c r="AA1584" s="137"/>
      <c r="AB1584" s="137"/>
      <c r="AC1584" s="137"/>
      <c r="AD1584" s="137"/>
      <c r="AE1584" s="137"/>
      <c r="AF1584" s="137"/>
      <c r="AG1584" s="137"/>
      <c r="AH1584" s="137"/>
      <c r="AI1584" s="137"/>
      <c r="AJ1584" s="137"/>
      <c r="AK1584" s="137"/>
      <c r="AL1584" s="137"/>
      <c r="AM1584" s="137"/>
      <c r="AN1584" s="137"/>
      <c r="AO1584" s="137"/>
      <c r="AP1584" s="137"/>
      <c r="AQ1584" s="137"/>
      <c r="AR1584" s="137"/>
      <c r="AS1584" s="137"/>
      <c r="AT1584" s="137"/>
      <c r="AU1584" s="137"/>
      <c r="AV1584" s="137"/>
      <c r="AW1584" s="144"/>
    </row>
    <row r="1585" spans="7:49" x14ac:dyDescent="0.2">
      <c r="G1585" s="43"/>
      <c r="Z1585" s="143"/>
      <c r="AA1585" s="137"/>
      <c r="AB1585" s="137"/>
      <c r="AC1585" s="137"/>
      <c r="AD1585" s="137"/>
      <c r="AE1585" s="137"/>
      <c r="AF1585" s="137"/>
      <c r="AG1585" s="137"/>
      <c r="AH1585" s="137"/>
      <c r="AI1585" s="137"/>
      <c r="AJ1585" s="137"/>
      <c r="AK1585" s="137"/>
      <c r="AL1585" s="137"/>
      <c r="AM1585" s="137"/>
      <c r="AN1585" s="137"/>
      <c r="AO1585" s="137"/>
      <c r="AP1585" s="137"/>
      <c r="AQ1585" s="137"/>
      <c r="AR1585" s="137"/>
      <c r="AS1585" s="137"/>
      <c r="AT1585" s="137"/>
      <c r="AU1585" s="137"/>
      <c r="AV1585" s="137"/>
      <c r="AW1585" s="144"/>
    </row>
    <row r="1586" spans="7:49" x14ac:dyDescent="0.2">
      <c r="G1586" s="43"/>
      <c r="Z1586" s="143"/>
      <c r="AA1586" s="137"/>
      <c r="AB1586" s="137"/>
      <c r="AC1586" s="137"/>
      <c r="AD1586" s="137"/>
      <c r="AE1586" s="137"/>
      <c r="AF1586" s="137"/>
      <c r="AG1586" s="137"/>
      <c r="AH1586" s="137"/>
      <c r="AI1586" s="137"/>
      <c r="AJ1586" s="137"/>
      <c r="AK1586" s="137"/>
      <c r="AL1586" s="137"/>
      <c r="AM1586" s="137"/>
      <c r="AN1586" s="137"/>
      <c r="AO1586" s="137"/>
      <c r="AP1586" s="137"/>
      <c r="AQ1586" s="137"/>
      <c r="AR1586" s="137"/>
      <c r="AS1586" s="137"/>
      <c r="AT1586" s="137"/>
      <c r="AU1586" s="137"/>
      <c r="AV1586" s="137"/>
      <c r="AW1586" s="144"/>
    </row>
    <row r="1587" spans="7:49" x14ac:dyDescent="0.2">
      <c r="G1587" s="43"/>
      <c r="Z1587" s="143"/>
      <c r="AA1587" s="137"/>
      <c r="AB1587" s="137"/>
      <c r="AC1587" s="137"/>
      <c r="AD1587" s="137"/>
      <c r="AE1587" s="137"/>
      <c r="AF1587" s="137"/>
      <c r="AG1587" s="137"/>
      <c r="AH1587" s="137"/>
      <c r="AI1587" s="137"/>
      <c r="AJ1587" s="137"/>
      <c r="AK1587" s="137"/>
      <c r="AL1587" s="137"/>
      <c r="AM1587" s="137"/>
      <c r="AN1587" s="137"/>
      <c r="AO1587" s="137"/>
      <c r="AP1587" s="137"/>
      <c r="AQ1587" s="137"/>
      <c r="AR1587" s="137"/>
      <c r="AS1587" s="137"/>
      <c r="AT1587" s="137"/>
      <c r="AU1587" s="137"/>
      <c r="AV1587" s="137"/>
      <c r="AW1587" s="144"/>
    </row>
    <row r="1588" spans="7:49" x14ac:dyDescent="0.2">
      <c r="G1588" s="43"/>
      <c r="Z1588" s="143"/>
      <c r="AA1588" s="137"/>
      <c r="AB1588" s="137"/>
      <c r="AC1588" s="137"/>
      <c r="AD1588" s="137"/>
      <c r="AE1588" s="137"/>
      <c r="AF1588" s="137"/>
      <c r="AG1588" s="137"/>
      <c r="AH1588" s="137"/>
      <c r="AI1588" s="137"/>
      <c r="AJ1588" s="137"/>
      <c r="AK1588" s="137"/>
      <c r="AL1588" s="137"/>
      <c r="AM1588" s="137"/>
      <c r="AN1588" s="137"/>
      <c r="AO1588" s="137"/>
      <c r="AP1588" s="137"/>
      <c r="AQ1588" s="137"/>
      <c r="AR1588" s="137"/>
      <c r="AS1588" s="137"/>
      <c r="AT1588" s="137"/>
      <c r="AU1588" s="137"/>
      <c r="AV1588" s="137"/>
      <c r="AW1588" s="144"/>
    </row>
    <row r="1589" spans="7:49" x14ac:dyDescent="0.2">
      <c r="G1589" s="43"/>
      <c r="Z1589" s="143"/>
      <c r="AA1589" s="137"/>
      <c r="AB1589" s="137"/>
      <c r="AC1589" s="137"/>
      <c r="AD1589" s="137"/>
      <c r="AE1589" s="137"/>
      <c r="AF1589" s="137"/>
      <c r="AG1589" s="137"/>
      <c r="AH1589" s="137"/>
      <c r="AI1589" s="137"/>
      <c r="AJ1589" s="137"/>
      <c r="AK1589" s="137"/>
      <c r="AL1589" s="137"/>
      <c r="AM1589" s="137"/>
      <c r="AN1589" s="137"/>
      <c r="AO1589" s="137"/>
      <c r="AP1589" s="137"/>
      <c r="AQ1589" s="137"/>
      <c r="AR1589" s="137"/>
      <c r="AS1589" s="137"/>
      <c r="AT1589" s="137"/>
      <c r="AU1589" s="137"/>
      <c r="AV1589" s="137"/>
      <c r="AW1589" s="144"/>
    </row>
    <row r="1590" spans="7:49" x14ac:dyDescent="0.2">
      <c r="G1590" s="43"/>
      <c r="Z1590" s="143"/>
      <c r="AA1590" s="137"/>
      <c r="AB1590" s="137"/>
      <c r="AC1590" s="137"/>
      <c r="AD1590" s="137"/>
      <c r="AE1590" s="137"/>
      <c r="AF1590" s="137"/>
      <c r="AG1590" s="137"/>
      <c r="AH1590" s="137"/>
      <c r="AI1590" s="137"/>
      <c r="AJ1590" s="137"/>
      <c r="AK1590" s="137"/>
      <c r="AL1590" s="137"/>
      <c r="AM1590" s="137"/>
      <c r="AN1590" s="137"/>
      <c r="AO1590" s="137"/>
      <c r="AP1590" s="137"/>
      <c r="AQ1590" s="137"/>
      <c r="AR1590" s="137"/>
      <c r="AS1590" s="137"/>
      <c r="AT1590" s="137"/>
      <c r="AU1590" s="137"/>
      <c r="AV1590" s="137"/>
      <c r="AW1590" s="144"/>
    </row>
    <row r="1591" spans="7:49" x14ac:dyDescent="0.2">
      <c r="G1591" s="43"/>
      <c r="Z1591" s="143"/>
      <c r="AA1591" s="137"/>
      <c r="AB1591" s="137"/>
      <c r="AC1591" s="137"/>
      <c r="AD1591" s="137"/>
      <c r="AE1591" s="137"/>
      <c r="AF1591" s="137"/>
      <c r="AG1591" s="137"/>
      <c r="AH1591" s="137"/>
      <c r="AI1591" s="137"/>
      <c r="AJ1591" s="137"/>
      <c r="AK1591" s="137"/>
      <c r="AL1591" s="137"/>
      <c r="AM1591" s="137"/>
      <c r="AN1591" s="137"/>
      <c r="AO1591" s="137"/>
      <c r="AP1591" s="137"/>
      <c r="AQ1591" s="137"/>
      <c r="AR1591" s="137"/>
      <c r="AS1591" s="137"/>
      <c r="AT1591" s="137"/>
      <c r="AU1591" s="137"/>
      <c r="AV1591" s="137"/>
      <c r="AW1591" s="144"/>
    </row>
    <row r="1592" spans="7:49" x14ac:dyDescent="0.2">
      <c r="G1592" s="43"/>
      <c r="Z1592" s="143"/>
      <c r="AA1592" s="137"/>
      <c r="AB1592" s="137"/>
      <c r="AC1592" s="137"/>
      <c r="AD1592" s="137"/>
      <c r="AE1592" s="137"/>
      <c r="AF1592" s="137"/>
      <c r="AG1592" s="137"/>
      <c r="AH1592" s="137"/>
      <c r="AI1592" s="137"/>
      <c r="AJ1592" s="137"/>
      <c r="AK1592" s="137"/>
      <c r="AL1592" s="137"/>
      <c r="AM1592" s="137"/>
      <c r="AN1592" s="137"/>
      <c r="AO1592" s="137"/>
      <c r="AP1592" s="137"/>
      <c r="AQ1592" s="137"/>
      <c r="AR1592" s="137"/>
      <c r="AS1592" s="137"/>
      <c r="AT1592" s="137"/>
      <c r="AU1592" s="137"/>
      <c r="AV1592" s="137"/>
      <c r="AW1592" s="144"/>
    </row>
    <row r="1593" spans="7:49" x14ac:dyDescent="0.2">
      <c r="G1593" s="43"/>
      <c r="Z1593" s="143"/>
      <c r="AA1593" s="137"/>
      <c r="AB1593" s="137"/>
      <c r="AC1593" s="137"/>
      <c r="AD1593" s="137"/>
      <c r="AE1593" s="137"/>
      <c r="AF1593" s="137"/>
      <c r="AG1593" s="137"/>
      <c r="AH1593" s="137"/>
      <c r="AI1593" s="137"/>
      <c r="AJ1593" s="137"/>
      <c r="AK1593" s="137"/>
      <c r="AL1593" s="137"/>
      <c r="AM1593" s="137"/>
      <c r="AN1593" s="137"/>
      <c r="AO1593" s="137"/>
      <c r="AP1593" s="137"/>
      <c r="AQ1593" s="137"/>
      <c r="AR1593" s="137"/>
      <c r="AS1593" s="137"/>
      <c r="AT1593" s="137"/>
      <c r="AU1593" s="137"/>
      <c r="AV1593" s="137"/>
      <c r="AW1593" s="144"/>
    </row>
    <row r="1594" spans="7:49" x14ac:dyDescent="0.2">
      <c r="G1594" s="43"/>
      <c r="Z1594" s="143"/>
      <c r="AA1594" s="137"/>
      <c r="AB1594" s="137"/>
      <c r="AC1594" s="137"/>
      <c r="AD1594" s="137"/>
      <c r="AE1594" s="137"/>
      <c r="AF1594" s="137"/>
      <c r="AG1594" s="137"/>
      <c r="AH1594" s="137"/>
      <c r="AI1594" s="137"/>
      <c r="AJ1594" s="137"/>
      <c r="AK1594" s="137"/>
      <c r="AL1594" s="137"/>
      <c r="AM1594" s="137"/>
      <c r="AN1594" s="137"/>
      <c r="AO1594" s="137"/>
      <c r="AP1594" s="137"/>
      <c r="AQ1594" s="137"/>
      <c r="AR1594" s="137"/>
      <c r="AS1594" s="137"/>
      <c r="AT1594" s="137"/>
      <c r="AU1594" s="137"/>
      <c r="AV1594" s="137"/>
      <c r="AW1594" s="144"/>
    </row>
    <row r="1595" spans="7:49" x14ac:dyDescent="0.2">
      <c r="G1595" s="43"/>
      <c r="Z1595" s="143"/>
      <c r="AA1595" s="137"/>
      <c r="AB1595" s="137"/>
      <c r="AC1595" s="137"/>
      <c r="AD1595" s="137"/>
      <c r="AE1595" s="137"/>
      <c r="AF1595" s="137"/>
      <c r="AG1595" s="137"/>
      <c r="AH1595" s="137"/>
      <c r="AI1595" s="137"/>
      <c r="AJ1595" s="137"/>
      <c r="AK1595" s="137"/>
      <c r="AL1595" s="137"/>
      <c r="AM1595" s="137"/>
      <c r="AN1595" s="137"/>
      <c r="AO1595" s="137"/>
      <c r="AP1595" s="137"/>
      <c r="AQ1595" s="137"/>
      <c r="AR1595" s="137"/>
      <c r="AS1595" s="137"/>
      <c r="AT1595" s="137"/>
      <c r="AU1595" s="137"/>
      <c r="AV1595" s="137"/>
      <c r="AW1595" s="144"/>
    </row>
    <row r="1596" spans="7:49" x14ac:dyDescent="0.2">
      <c r="G1596" s="43"/>
      <c r="Z1596" s="143"/>
      <c r="AA1596" s="137"/>
      <c r="AB1596" s="137"/>
      <c r="AC1596" s="137"/>
      <c r="AD1596" s="137"/>
      <c r="AE1596" s="137"/>
      <c r="AF1596" s="137"/>
      <c r="AG1596" s="137"/>
      <c r="AH1596" s="137"/>
      <c r="AI1596" s="137"/>
      <c r="AJ1596" s="137"/>
      <c r="AK1596" s="137"/>
      <c r="AL1596" s="137"/>
      <c r="AM1596" s="137"/>
      <c r="AN1596" s="137"/>
      <c r="AO1596" s="137"/>
      <c r="AP1596" s="137"/>
      <c r="AQ1596" s="137"/>
      <c r="AR1596" s="137"/>
      <c r="AS1596" s="137"/>
      <c r="AT1596" s="137"/>
      <c r="AU1596" s="137"/>
      <c r="AV1596" s="137"/>
      <c r="AW1596" s="144"/>
    </row>
    <row r="1597" spans="7:49" x14ac:dyDescent="0.2">
      <c r="G1597" s="43"/>
      <c r="Z1597" s="143"/>
      <c r="AA1597" s="137"/>
      <c r="AB1597" s="137"/>
      <c r="AC1597" s="137"/>
      <c r="AD1597" s="137"/>
      <c r="AE1597" s="137"/>
      <c r="AF1597" s="137"/>
      <c r="AG1597" s="137"/>
      <c r="AH1597" s="137"/>
      <c r="AI1597" s="137"/>
      <c r="AJ1597" s="137"/>
      <c r="AK1597" s="137"/>
      <c r="AL1597" s="137"/>
      <c r="AM1597" s="137"/>
      <c r="AN1597" s="137"/>
      <c r="AO1597" s="137"/>
      <c r="AP1597" s="137"/>
      <c r="AQ1597" s="137"/>
      <c r="AR1597" s="137"/>
      <c r="AS1597" s="137"/>
      <c r="AT1597" s="137"/>
      <c r="AU1597" s="137"/>
      <c r="AV1597" s="137"/>
      <c r="AW1597" s="144"/>
    </row>
    <row r="1598" spans="7:49" x14ac:dyDescent="0.2">
      <c r="G1598" s="43"/>
      <c r="Z1598" s="143"/>
      <c r="AA1598" s="137"/>
      <c r="AB1598" s="137"/>
      <c r="AC1598" s="137"/>
      <c r="AD1598" s="137"/>
      <c r="AE1598" s="137"/>
      <c r="AF1598" s="137"/>
      <c r="AG1598" s="137"/>
      <c r="AH1598" s="137"/>
      <c r="AI1598" s="137"/>
      <c r="AJ1598" s="137"/>
      <c r="AK1598" s="137"/>
      <c r="AL1598" s="137"/>
      <c r="AM1598" s="137"/>
      <c r="AN1598" s="137"/>
      <c r="AO1598" s="137"/>
      <c r="AP1598" s="137"/>
      <c r="AQ1598" s="137"/>
      <c r="AR1598" s="137"/>
      <c r="AS1598" s="137"/>
      <c r="AT1598" s="137"/>
      <c r="AU1598" s="137"/>
      <c r="AV1598" s="137"/>
      <c r="AW1598" s="144"/>
    </row>
    <row r="1599" spans="7:49" x14ac:dyDescent="0.2">
      <c r="G1599" s="43"/>
      <c r="Z1599" s="143"/>
      <c r="AA1599" s="137"/>
      <c r="AB1599" s="137"/>
      <c r="AC1599" s="137"/>
      <c r="AD1599" s="137"/>
      <c r="AE1599" s="137"/>
      <c r="AF1599" s="137"/>
      <c r="AG1599" s="137"/>
      <c r="AH1599" s="137"/>
      <c r="AI1599" s="137"/>
      <c r="AJ1599" s="137"/>
      <c r="AK1599" s="137"/>
      <c r="AL1599" s="137"/>
      <c r="AM1599" s="137"/>
      <c r="AN1599" s="137"/>
      <c r="AO1599" s="137"/>
      <c r="AP1599" s="137"/>
      <c r="AQ1599" s="137"/>
      <c r="AR1599" s="137"/>
      <c r="AS1599" s="137"/>
      <c r="AT1599" s="137"/>
      <c r="AU1599" s="137"/>
      <c r="AV1599" s="137"/>
      <c r="AW1599" s="144"/>
    </row>
    <row r="1600" spans="7:49" x14ac:dyDescent="0.2">
      <c r="G1600" s="43"/>
      <c r="Z1600" s="143"/>
      <c r="AA1600" s="137"/>
      <c r="AB1600" s="137"/>
      <c r="AC1600" s="137"/>
      <c r="AD1600" s="137"/>
      <c r="AE1600" s="137"/>
      <c r="AF1600" s="137"/>
      <c r="AG1600" s="137"/>
      <c r="AH1600" s="137"/>
      <c r="AI1600" s="137"/>
      <c r="AJ1600" s="137"/>
      <c r="AK1600" s="137"/>
      <c r="AL1600" s="137"/>
      <c r="AM1600" s="137"/>
      <c r="AN1600" s="137"/>
      <c r="AO1600" s="137"/>
      <c r="AP1600" s="137"/>
      <c r="AQ1600" s="137"/>
      <c r="AR1600" s="137"/>
      <c r="AS1600" s="137"/>
      <c r="AT1600" s="137"/>
      <c r="AU1600" s="137"/>
      <c r="AV1600" s="137"/>
      <c r="AW1600" s="144"/>
    </row>
    <row r="1601" spans="7:49" x14ac:dyDescent="0.2">
      <c r="G1601" s="43"/>
      <c r="Z1601" s="143"/>
      <c r="AA1601" s="137"/>
      <c r="AB1601" s="137"/>
      <c r="AC1601" s="137"/>
      <c r="AD1601" s="137"/>
      <c r="AE1601" s="137"/>
      <c r="AF1601" s="137"/>
      <c r="AG1601" s="137"/>
      <c r="AH1601" s="137"/>
      <c r="AI1601" s="137"/>
      <c r="AJ1601" s="137"/>
      <c r="AK1601" s="137"/>
      <c r="AL1601" s="137"/>
      <c r="AM1601" s="137"/>
      <c r="AN1601" s="137"/>
      <c r="AO1601" s="137"/>
      <c r="AP1601" s="137"/>
      <c r="AQ1601" s="137"/>
      <c r="AR1601" s="137"/>
      <c r="AS1601" s="137"/>
      <c r="AT1601" s="137"/>
      <c r="AU1601" s="137"/>
      <c r="AV1601" s="137"/>
      <c r="AW1601" s="144"/>
    </row>
    <row r="1602" spans="7:49" x14ac:dyDescent="0.2">
      <c r="G1602" s="43"/>
      <c r="Z1602" s="143"/>
      <c r="AA1602" s="137"/>
      <c r="AB1602" s="137"/>
      <c r="AC1602" s="137"/>
      <c r="AD1602" s="137"/>
      <c r="AE1602" s="137"/>
      <c r="AF1602" s="137"/>
      <c r="AG1602" s="137"/>
      <c r="AH1602" s="137"/>
      <c r="AI1602" s="137"/>
      <c r="AJ1602" s="137"/>
      <c r="AK1602" s="137"/>
      <c r="AL1602" s="137"/>
      <c r="AM1602" s="137"/>
      <c r="AN1602" s="137"/>
      <c r="AO1602" s="137"/>
      <c r="AP1602" s="137"/>
      <c r="AQ1602" s="137"/>
      <c r="AR1602" s="137"/>
      <c r="AS1602" s="137"/>
      <c r="AT1602" s="137"/>
      <c r="AU1602" s="137"/>
      <c r="AV1602" s="137"/>
      <c r="AW1602" s="144"/>
    </row>
    <row r="1603" spans="7:49" x14ac:dyDescent="0.2">
      <c r="G1603" s="43"/>
      <c r="Z1603" s="143"/>
      <c r="AA1603" s="137"/>
      <c r="AB1603" s="137"/>
      <c r="AC1603" s="137"/>
      <c r="AD1603" s="137"/>
      <c r="AE1603" s="137"/>
      <c r="AF1603" s="137"/>
      <c r="AG1603" s="137"/>
      <c r="AH1603" s="137"/>
      <c r="AI1603" s="137"/>
      <c r="AJ1603" s="137"/>
      <c r="AK1603" s="137"/>
      <c r="AL1603" s="137"/>
      <c r="AM1603" s="137"/>
      <c r="AN1603" s="137"/>
      <c r="AO1603" s="137"/>
      <c r="AP1603" s="137"/>
      <c r="AQ1603" s="137"/>
      <c r="AR1603" s="137"/>
      <c r="AS1603" s="137"/>
      <c r="AT1603" s="137"/>
      <c r="AU1603" s="137"/>
      <c r="AV1603" s="137"/>
      <c r="AW1603" s="144"/>
    </row>
    <row r="1604" spans="7:49" x14ac:dyDescent="0.2">
      <c r="G1604" s="43"/>
      <c r="Z1604" s="143"/>
      <c r="AA1604" s="137"/>
      <c r="AB1604" s="137"/>
      <c r="AC1604" s="137"/>
      <c r="AD1604" s="137"/>
      <c r="AE1604" s="137"/>
      <c r="AF1604" s="137"/>
      <c r="AG1604" s="137"/>
      <c r="AH1604" s="137"/>
      <c r="AI1604" s="137"/>
      <c r="AJ1604" s="137"/>
      <c r="AK1604" s="137"/>
      <c r="AL1604" s="137"/>
      <c r="AM1604" s="137"/>
      <c r="AN1604" s="137"/>
      <c r="AO1604" s="137"/>
      <c r="AP1604" s="137"/>
      <c r="AQ1604" s="137"/>
      <c r="AR1604" s="137"/>
      <c r="AS1604" s="137"/>
      <c r="AT1604" s="137"/>
      <c r="AU1604" s="137"/>
      <c r="AV1604" s="137"/>
      <c r="AW1604" s="144"/>
    </row>
    <row r="1605" spans="7:49" x14ac:dyDescent="0.2">
      <c r="G1605" s="43"/>
      <c r="Z1605" s="143"/>
      <c r="AA1605" s="137"/>
      <c r="AB1605" s="137"/>
      <c r="AC1605" s="137"/>
      <c r="AD1605" s="137"/>
      <c r="AE1605" s="137"/>
      <c r="AF1605" s="137"/>
      <c r="AG1605" s="137"/>
      <c r="AH1605" s="137"/>
      <c r="AI1605" s="137"/>
      <c r="AJ1605" s="137"/>
      <c r="AK1605" s="137"/>
      <c r="AL1605" s="137"/>
      <c r="AM1605" s="137"/>
      <c r="AN1605" s="137"/>
      <c r="AO1605" s="137"/>
      <c r="AP1605" s="137"/>
      <c r="AQ1605" s="137"/>
      <c r="AR1605" s="137"/>
      <c r="AS1605" s="137"/>
      <c r="AT1605" s="137"/>
      <c r="AU1605" s="137"/>
      <c r="AV1605" s="137"/>
      <c r="AW1605" s="144"/>
    </row>
    <row r="1606" spans="7:49" x14ac:dyDescent="0.2">
      <c r="G1606" s="43"/>
      <c r="Z1606" s="143"/>
      <c r="AA1606" s="137"/>
      <c r="AB1606" s="137"/>
      <c r="AC1606" s="137"/>
      <c r="AD1606" s="137"/>
      <c r="AE1606" s="137"/>
      <c r="AF1606" s="137"/>
      <c r="AG1606" s="137"/>
      <c r="AH1606" s="137"/>
      <c r="AI1606" s="137"/>
      <c r="AJ1606" s="137"/>
      <c r="AK1606" s="137"/>
      <c r="AL1606" s="137"/>
      <c r="AM1606" s="137"/>
      <c r="AN1606" s="137"/>
      <c r="AO1606" s="137"/>
      <c r="AP1606" s="137"/>
      <c r="AQ1606" s="137"/>
      <c r="AR1606" s="137"/>
      <c r="AS1606" s="137"/>
      <c r="AT1606" s="137"/>
      <c r="AU1606" s="137"/>
      <c r="AV1606" s="137"/>
      <c r="AW1606" s="144"/>
    </row>
    <row r="1607" spans="7:49" x14ac:dyDescent="0.2">
      <c r="G1607" s="43"/>
      <c r="Z1607" s="143"/>
      <c r="AA1607" s="137"/>
      <c r="AB1607" s="137"/>
      <c r="AC1607" s="137"/>
      <c r="AD1607" s="137"/>
      <c r="AE1607" s="137"/>
      <c r="AF1607" s="137"/>
      <c r="AG1607" s="137"/>
      <c r="AH1607" s="137"/>
      <c r="AI1607" s="137"/>
      <c r="AJ1607" s="137"/>
      <c r="AK1607" s="137"/>
      <c r="AL1607" s="137"/>
      <c r="AM1607" s="137"/>
      <c r="AN1607" s="137"/>
      <c r="AO1607" s="137"/>
      <c r="AP1607" s="137"/>
      <c r="AQ1607" s="137"/>
      <c r="AR1607" s="137"/>
      <c r="AS1607" s="137"/>
      <c r="AT1607" s="137"/>
      <c r="AU1607" s="137"/>
      <c r="AV1607" s="137"/>
      <c r="AW1607" s="144"/>
    </row>
    <row r="1608" spans="7:49" x14ac:dyDescent="0.2">
      <c r="G1608" s="43"/>
      <c r="Z1608" s="143"/>
      <c r="AA1608" s="137"/>
      <c r="AB1608" s="137"/>
      <c r="AC1608" s="137"/>
      <c r="AD1608" s="137"/>
      <c r="AE1608" s="137"/>
      <c r="AF1608" s="137"/>
      <c r="AG1608" s="137"/>
      <c r="AH1608" s="137"/>
      <c r="AI1608" s="137"/>
      <c r="AJ1608" s="137"/>
      <c r="AK1608" s="137"/>
      <c r="AL1608" s="137"/>
      <c r="AM1608" s="137"/>
      <c r="AN1608" s="137"/>
      <c r="AO1608" s="137"/>
      <c r="AP1608" s="137"/>
      <c r="AQ1608" s="137"/>
      <c r="AR1608" s="137"/>
      <c r="AS1608" s="137"/>
      <c r="AT1608" s="137"/>
      <c r="AU1608" s="137"/>
      <c r="AV1608" s="137"/>
      <c r="AW1608" s="144"/>
    </row>
    <row r="1609" spans="7:49" x14ac:dyDescent="0.2">
      <c r="G1609" s="43"/>
      <c r="Z1609" s="143"/>
      <c r="AA1609" s="137"/>
      <c r="AB1609" s="137"/>
      <c r="AC1609" s="137"/>
      <c r="AD1609" s="137"/>
      <c r="AE1609" s="137"/>
      <c r="AF1609" s="137"/>
      <c r="AG1609" s="137"/>
      <c r="AH1609" s="137"/>
      <c r="AI1609" s="137"/>
      <c r="AJ1609" s="137"/>
      <c r="AK1609" s="137"/>
      <c r="AL1609" s="137"/>
      <c r="AM1609" s="137"/>
      <c r="AN1609" s="137"/>
      <c r="AO1609" s="137"/>
      <c r="AP1609" s="137"/>
      <c r="AQ1609" s="137"/>
      <c r="AR1609" s="137"/>
      <c r="AS1609" s="137"/>
      <c r="AT1609" s="137"/>
      <c r="AU1609" s="137"/>
      <c r="AV1609" s="137"/>
      <c r="AW1609" s="144"/>
    </row>
    <row r="1610" spans="7:49" x14ac:dyDescent="0.2">
      <c r="G1610" s="43"/>
      <c r="Z1610" s="143"/>
      <c r="AA1610" s="137"/>
      <c r="AB1610" s="137"/>
      <c r="AC1610" s="137"/>
      <c r="AD1610" s="137"/>
      <c r="AE1610" s="137"/>
      <c r="AF1610" s="137"/>
      <c r="AG1610" s="137"/>
      <c r="AH1610" s="137"/>
      <c r="AI1610" s="137"/>
      <c r="AJ1610" s="137"/>
      <c r="AK1610" s="137"/>
      <c r="AL1610" s="137"/>
      <c r="AM1610" s="137"/>
      <c r="AN1610" s="137"/>
      <c r="AO1610" s="137"/>
      <c r="AP1610" s="137"/>
      <c r="AQ1610" s="137"/>
      <c r="AR1610" s="137"/>
      <c r="AS1610" s="137"/>
      <c r="AT1610" s="137"/>
      <c r="AU1610" s="137"/>
      <c r="AV1610" s="137"/>
      <c r="AW1610" s="144"/>
    </row>
    <row r="1611" spans="7:49" x14ac:dyDescent="0.2">
      <c r="G1611" s="43"/>
      <c r="Z1611" s="143"/>
      <c r="AA1611" s="137"/>
      <c r="AB1611" s="137"/>
      <c r="AC1611" s="137"/>
      <c r="AD1611" s="137"/>
      <c r="AE1611" s="137"/>
      <c r="AF1611" s="137"/>
      <c r="AG1611" s="137"/>
      <c r="AH1611" s="137"/>
      <c r="AI1611" s="137"/>
      <c r="AJ1611" s="137"/>
      <c r="AK1611" s="137"/>
      <c r="AL1611" s="137"/>
      <c r="AM1611" s="137"/>
      <c r="AN1611" s="137"/>
      <c r="AO1611" s="137"/>
      <c r="AP1611" s="137"/>
      <c r="AQ1611" s="137"/>
      <c r="AR1611" s="137"/>
      <c r="AS1611" s="137"/>
      <c r="AT1611" s="137"/>
      <c r="AU1611" s="137"/>
      <c r="AV1611" s="137"/>
      <c r="AW1611" s="144"/>
    </row>
    <row r="1612" spans="7:49" x14ac:dyDescent="0.2">
      <c r="G1612" s="43"/>
      <c r="Z1612" s="143"/>
      <c r="AA1612" s="137"/>
      <c r="AB1612" s="137"/>
      <c r="AC1612" s="137"/>
      <c r="AD1612" s="137"/>
      <c r="AE1612" s="137"/>
      <c r="AF1612" s="137"/>
      <c r="AG1612" s="137"/>
      <c r="AH1612" s="137"/>
      <c r="AI1612" s="137"/>
      <c r="AJ1612" s="137"/>
      <c r="AK1612" s="137"/>
      <c r="AL1612" s="137"/>
      <c r="AM1612" s="137"/>
      <c r="AN1612" s="137"/>
      <c r="AO1612" s="137"/>
      <c r="AP1612" s="137"/>
      <c r="AQ1612" s="137"/>
      <c r="AR1612" s="137"/>
      <c r="AS1612" s="137"/>
      <c r="AT1612" s="137"/>
      <c r="AU1612" s="137"/>
      <c r="AV1612" s="137"/>
      <c r="AW1612" s="144"/>
    </row>
    <row r="1613" spans="7:49" x14ac:dyDescent="0.2">
      <c r="G1613" s="43"/>
      <c r="Z1613" s="143"/>
      <c r="AA1613" s="137"/>
      <c r="AB1613" s="137"/>
      <c r="AC1613" s="137"/>
      <c r="AD1613" s="137"/>
      <c r="AE1613" s="137"/>
      <c r="AF1613" s="137"/>
      <c r="AG1613" s="137"/>
      <c r="AH1613" s="137"/>
      <c r="AI1613" s="137"/>
      <c r="AJ1613" s="137"/>
      <c r="AK1613" s="137"/>
      <c r="AL1613" s="137"/>
      <c r="AM1613" s="137"/>
      <c r="AN1613" s="137"/>
      <c r="AO1613" s="137"/>
      <c r="AP1613" s="137"/>
      <c r="AQ1613" s="137"/>
      <c r="AR1613" s="137"/>
      <c r="AS1613" s="137"/>
      <c r="AT1613" s="137"/>
      <c r="AU1613" s="137"/>
      <c r="AV1613" s="137"/>
      <c r="AW1613" s="144"/>
    </row>
    <row r="1614" spans="7:49" x14ac:dyDescent="0.2">
      <c r="G1614" s="43"/>
      <c r="Z1614" s="143"/>
      <c r="AA1614" s="137"/>
      <c r="AB1614" s="137"/>
      <c r="AC1614" s="137"/>
      <c r="AD1614" s="137"/>
      <c r="AE1614" s="137"/>
      <c r="AF1614" s="137"/>
      <c r="AG1614" s="137"/>
      <c r="AH1614" s="137"/>
      <c r="AI1614" s="137"/>
      <c r="AJ1614" s="137"/>
      <c r="AK1614" s="137"/>
      <c r="AL1614" s="137"/>
      <c r="AM1614" s="137"/>
      <c r="AN1614" s="137"/>
      <c r="AO1614" s="137"/>
      <c r="AP1614" s="137"/>
      <c r="AQ1614" s="137"/>
      <c r="AR1614" s="137"/>
      <c r="AS1614" s="137"/>
      <c r="AT1614" s="137"/>
      <c r="AU1614" s="137"/>
      <c r="AV1614" s="137"/>
      <c r="AW1614" s="144"/>
    </row>
    <row r="1615" spans="7:49" x14ac:dyDescent="0.2">
      <c r="G1615" s="43"/>
      <c r="Z1615" s="143"/>
      <c r="AA1615" s="137"/>
      <c r="AB1615" s="137"/>
      <c r="AC1615" s="137"/>
      <c r="AD1615" s="137"/>
      <c r="AE1615" s="137"/>
      <c r="AF1615" s="137"/>
      <c r="AG1615" s="137"/>
      <c r="AH1615" s="137"/>
      <c r="AI1615" s="137"/>
      <c r="AJ1615" s="137"/>
      <c r="AK1615" s="137"/>
      <c r="AL1615" s="137"/>
      <c r="AM1615" s="137"/>
      <c r="AN1615" s="137"/>
      <c r="AO1615" s="137"/>
      <c r="AP1615" s="137"/>
      <c r="AQ1615" s="137"/>
      <c r="AR1615" s="137"/>
      <c r="AS1615" s="137"/>
      <c r="AT1615" s="137"/>
      <c r="AU1615" s="137"/>
      <c r="AV1615" s="137"/>
      <c r="AW1615" s="144"/>
    </row>
    <row r="1616" spans="7:49" x14ac:dyDescent="0.2">
      <c r="G1616" s="43"/>
      <c r="Z1616" s="143"/>
      <c r="AA1616" s="137"/>
      <c r="AB1616" s="137"/>
      <c r="AC1616" s="137"/>
      <c r="AD1616" s="137"/>
      <c r="AE1616" s="137"/>
      <c r="AF1616" s="137"/>
      <c r="AG1616" s="137"/>
      <c r="AH1616" s="137"/>
      <c r="AI1616" s="137"/>
      <c r="AJ1616" s="137"/>
      <c r="AK1616" s="137"/>
      <c r="AL1616" s="137"/>
      <c r="AM1616" s="137"/>
      <c r="AN1616" s="137"/>
      <c r="AO1616" s="137"/>
      <c r="AP1616" s="137"/>
      <c r="AQ1616" s="137"/>
      <c r="AR1616" s="137"/>
      <c r="AS1616" s="137"/>
      <c r="AT1616" s="137"/>
      <c r="AU1616" s="137"/>
      <c r="AV1616" s="137"/>
      <c r="AW1616" s="144"/>
    </row>
    <row r="1617" spans="7:49" x14ac:dyDescent="0.2">
      <c r="G1617" s="43"/>
      <c r="Z1617" s="143"/>
      <c r="AA1617" s="137"/>
      <c r="AB1617" s="137"/>
      <c r="AC1617" s="137"/>
      <c r="AD1617" s="137"/>
      <c r="AE1617" s="137"/>
      <c r="AF1617" s="137"/>
      <c r="AG1617" s="137"/>
      <c r="AH1617" s="137"/>
      <c r="AI1617" s="137"/>
      <c r="AJ1617" s="137"/>
      <c r="AK1617" s="137"/>
      <c r="AL1617" s="137"/>
      <c r="AM1617" s="137"/>
      <c r="AN1617" s="137"/>
      <c r="AO1617" s="137"/>
      <c r="AP1617" s="137"/>
      <c r="AQ1617" s="137"/>
      <c r="AR1617" s="137"/>
      <c r="AS1617" s="137"/>
      <c r="AT1617" s="137"/>
      <c r="AU1617" s="137"/>
      <c r="AV1617" s="137"/>
      <c r="AW1617" s="144"/>
    </row>
    <row r="1618" spans="7:49" x14ac:dyDescent="0.2">
      <c r="G1618" s="43"/>
      <c r="Z1618" s="143"/>
      <c r="AA1618" s="137"/>
      <c r="AB1618" s="137"/>
      <c r="AC1618" s="137"/>
      <c r="AD1618" s="137"/>
      <c r="AE1618" s="137"/>
      <c r="AF1618" s="137"/>
      <c r="AG1618" s="137"/>
      <c r="AH1618" s="137"/>
      <c r="AI1618" s="137"/>
      <c r="AJ1618" s="137"/>
      <c r="AK1618" s="137"/>
      <c r="AL1618" s="137"/>
      <c r="AM1618" s="137"/>
      <c r="AN1618" s="137"/>
      <c r="AO1618" s="137"/>
      <c r="AP1618" s="137"/>
      <c r="AQ1618" s="137"/>
      <c r="AR1618" s="137"/>
      <c r="AS1618" s="137"/>
      <c r="AT1618" s="137"/>
      <c r="AU1618" s="137"/>
      <c r="AV1618" s="137"/>
      <c r="AW1618" s="144"/>
    </row>
    <row r="1619" spans="7:49" x14ac:dyDescent="0.2">
      <c r="G1619" s="43"/>
      <c r="Z1619" s="143"/>
      <c r="AA1619" s="137"/>
      <c r="AB1619" s="137"/>
      <c r="AC1619" s="137"/>
      <c r="AD1619" s="137"/>
      <c r="AE1619" s="137"/>
      <c r="AF1619" s="137"/>
      <c r="AG1619" s="137"/>
      <c r="AH1619" s="137"/>
      <c r="AI1619" s="137"/>
      <c r="AJ1619" s="137"/>
      <c r="AK1619" s="137"/>
      <c r="AL1619" s="137"/>
      <c r="AM1619" s="137"/>
      <c r="AN1619" s="137"/>
      <c r="AO1619" s="137"/>
      <c r="AP1619" s="137"/>
      <c r="AQ1619" s="137"/>
      <c r="AR1619" s="137"/>
      <c r="AS1619" s="137"/>
      <c r="AT1619" s="137"/>
      <c r="AU1619" s="137"/>
      <c r="AV1619" s="137"/>
      <c r="AW1619" s="144"/>
    </row>
    <row r="1620" spans="7:49" x14ac:dyDescent="0.2">
      <c r="G1620" s="43"/>
      <c r="Z1620" s="143"/>
      <c r="AA1620" s="137"/>
      <c r="AB1620" s="137"/>
      <c r="AC1620" s="137"/>
      <c r="AD1620" s="137"/>
      <c r="AE1620" s="137"/>
      <c r="AF1620" s="137"/>
      <c r="AG1620" s="137"/>
      <c r="AH1620" s="137"/>
      <c r="AI1620" s="137"/>
      <c r="AJ1620" s="137"/>
      <c r="AK1620" s="137"/>
      <c r="AL1620" s="137"/>
      <c r="AM1620" s="137"/>
      <c r="AN1620" s="137"/>
      <c r="AO1620" s="137"/>
      <c r="AP1620" s="137"/>
      <c r="AQ1620" s="137"/>
      <c r="AR1620" s="137"/>
      <c r="AS1620" s="137"/>
      <c r="AT1620" s="137"/>
      <c r="AU1620" s="137"/>
      <c r="AV1620" s="137"/>
      <c r="AW1620" s="144"/>
    </row>
    <row r="1621" spans="7:49" x14ac:dyDescent="0.2">
      <c r="G1621" s="43"/>
      <c r="Z1621" s="143"/>
      <c r="AA1621" s="137"/>
      <c r="AB1621" s="137"/>
      <c r="AC1621" s="137"/>
      <c r="AD1621" s="137"/>
      <c r="AE1621" s="137"/>
      <c r="AF1621" s="137"/>
      <c r="AG1621" s="137"/>
      <c r="AH1621" s="137"/>
      <c r="AI1621" s="137"/>
      <c r="AJ1621" s="137"/>
      <c r="AK1621" s="137"/>
      <c r="AL1621" s="137"/>
      <c r="AM1621" s="137"/>
      <c r="AN1621" s="137"/>
      <c r="AO1621" s="137"/>
      <c r="AP1621" s="137"/>
      <c r="AQ1621" s="137"/>
      <c r="AR1621" s="137"/>
      <c r="AS1621" s="137"/>
      <c r="AT1621" s="137"/>
      <c r="AU1621" s="137"/>
      <c r="AV1621" s="137"/>
      <c r="AW1621" s="144"/>
    </row>
    <row r="1622" spans="7:49" x14ac:dyDescent="0.2">
      <c r="G1622" s="43"/>
      <c r="Z1622" s="143"/>
      <c r="AA1622" s="137"/>
      <c r="AB1622" s="137"/>
      <c r="AC1622" s="137"/>
      <c r="AD1622" s="137"/>
      <c r="AE1622" s="137"/>
      <c r="AF1622" s="137"/>
      <c r="AG1622" s="137"/>
      <c r="AH1622" s="137"/>
      <c r="AI1622" s="137"/>
      <c r="AJ1622" s="137"/>
      <c r="AK1622" s="137"/>
      <c r="AL1622" s="137"/>
      <c r="AM1622" s="137"/>
      <c r="AN1622" s="137"/>
      <c r="AO1622" s="137"/>
      <c r="AP1622" s="137"/>
      <c r="AQ1622" s="137"/>
      <c r="AR1622" s="137"/>
      <c r="AS1622" s="137"/>
      <c r="AT1622" s="137"/>
      <c r="AU1622" s="137"/>
      <c r="AV1622" s="137"/>
      <c r="AW1622" s="144"/>
    </row>
    <row r="1623" spans="7:49" x14ac:dyDescent="0.2">
      <c r="G1623" s="43"/>
      <c r="Z1623" s="143"/>
      <c r="AA1623" s="137"/>
      <c r="AB1623" s="137"/>
      <c r="AC1623" s="137"/>
      <c r="AD1623" s="137"/>
      <c r="AE1623" s="137"/>
      <c r="AF1623" s="137"/>
      <c r="AG1623" s="137"/>
      <c r="AH1623" s="137"/>
      <c r="AI1623" s="137"/>
      <c r="AJ1623" s="137"/>
      <c r="AK1623" s="137"/>
      <c r="AL1623" s="137"/>
      <c r="AM1623" s="137"/>
      <c r="AN1623" s="137"/>
      <c r="AO1623" s="137"/>
      <c r="AP1623" s="137"/>
      <c r="AQ1623" s="137"/>
      <c r="AR1623" s="137"/>
      <c r="AS1623" s="137"/>
      <c r="AT1623" s="137"/>
      <c r="AU1623" s="137"/>
      <c r="AV1623" s="137"/>
      <c r="AW1623" s="144"/>
    </row>
    <row r="1624" spans="7:49" x14ac:dyDescent="0.2">
      <c r="G1624" s="43"/>
      <c r="Z1624" s="143"/>
      <c r="AA1624" s="137"/>
      <c r="AB1624" s="137"/>
      <c r="AC1624" s="137"/>
      <c r="AD1624" s="137"/>
      <c r="AE1624" s="137"/>
      <c r="AF1624" s="137"/>
      <c r="AG1624" s="137"/>
      <c r="AH1624" s="137"/>
      <c r="AI1624" s="137"/>
      <c r="AJ1624" s="137"/>
      <c r="AK1624" s="137"/>
      <c r="AL1624" s="137"/>
      <c r="AM1624" s="137"/>
      <c r="AN1624" s="137"/>
      <c r="AO1624" s="137"/>
      <c r="AP1624" s="137"/>
      <c r="AQ1624" s="137"/>
      <c r="AR1624" s="137"/>
      <c r="AS1624" s="137"/>
      <c r="AT1624" s="137"/>
      <c r="AU1624" s="137"/>
      <c r="AV1624" s="137"/>
      <c r="AW1624" s="144"/>
    </row>
    <row r="1625" spans="7:49" x14ac:dyDescent="0.2">
      <c r="G1625" s="43"/>
      <c r="Z1625" s="143"/>
      <c r="AA1625" s="137"/>
      <c r="AB1625" s="137"/>
      <c r="AC1625" s="137"/>
      <c r="AD1625" s="137"/>
      <c r="AE1625" s="137"/>
      <c r="AF1625" s="137"/>
      <c r="AG1625" s="137"/>
      <c r="AH1625" s="137"/>
      <c r="AI1625" s="137"/>
      <c r="AJ1625" s="137"/>
      <c r="AK1625" s="137"/>
      <c r="AL1625" s="137"/>
      <c r="AM1625" s="137"/>
      <c r="AN1625" s="137"/>
      <c r="AO1625" s="137"/>
      <c r="AP1625" s="137"/>
      <c r="AQ1625" s="137"/>
      <c r="AR1625" s="137"/>
      <c r="AS1625" s="137"/>
      <c r="AT1625" s="137"/>
      <c r="AU1625" s="137"/>
      <c r="AV1625" s="137"/>
      <c r="AW1625" s="144"/>
    </row>
    <row r="1626" spans="7:49" x14ac:dyDescent="0.2">
      <c r="G1626" s="43"/>
      <c r="Z1626" s="143"/>
      <c r="AA1626" s="137"/>
      <c r="AB1626" s="137"/>
      <c r="AC1626" s="137"/>
      <c r="AD1626" s="137"/>
      <c r="AE1626" s="137"/>
      <c r="AF1626" s="137"/>
      <c r="AG1626" s="137"/>
      <c r="AH1626" s="137"/>
      <c r="AI1626" s="137"/>
      <c r="AJ1626" s="137"/>
      <c r="AK1626" s="137"/>
      <c r="AL1626" s="137"/>
      <c r="AM1626" s="137"/>
      <c r="AN1626" s="137"/>
      <c r="AO1626" s="137"/>
      <c r="AP1626" s="137"/>
      <c r="AQ1626" s="137"/>
      <c r="AR1626" s="137"/>
      <c r="AS1626" s="137"/>
      <c r="AT1626" s="137"/>
      <c r="AU1626" s="137"/>
      <c r="AV1626" s="137"/>
      <c r="AW1626" s="144"/>
    </row>
    <row r="1627" spans="7:49" x14ac:dyDescent="0.2">
      <c r="G1627" s="43"/>
      <c r="Z1627" s="143"/>
      <c r="AA1627" s="137"/>
      <c r="AB1627" s="137"/>
      <c r="AC1627" s="137"/>
      <c r="AD1627" s="137"/>
      <c r="AE1627" s="137"/>
      <c r="AF1627" s="137"/>
      <c r="AG1627" s="137"/>
      <c r="AH1627" s="137"/>
      <c r="AI1627" s="137"/>
      <c r="AJ1627" s="137"/>
      <c r="AK1627" s="137"/>
      <c r="AL1627" s="137"/>
      <c r="AM1627" s="137"/>
      <c r="AN1627" s="137"/>
      <c r="AO1627" s="137"/>
      <c r="AP1627" s="137"/>
      <c r="AQ1627" s="137"/>
      <c r="AR1627" s="137"/>
      <c r="AS1627" s="137"/>
      <c r="AT1627" s="137"/>
      <c r="AU1627" s="137"/>
      <c r="AV1627" s="137"/>
      <c r="AW1627" s="144"/>
    </row>
    <row r="1628" spans="7:49" x14ac:dyDescent="0.2">
      <c r="G1628" s="43"/>
      <c r="Z1628" s="143"/>
      <c r="AA1628" s="137"/>
      <c r="AB1628" s="137"/>
      <c r="AC1628" s="137"/>
      <c r="AD1628" s="137"/>
      <c r="AE1628" s="137"/>
      <c r="AF1628" s="137"/>
      <c r="AG1628" s="137"/>
      <c r="AH1628" s="137"/>
      <c r="AI1628" s="137"/>
      <c r="AJ1628" s="137"/>
      <c r="AK1628" s="137"/>
      <c r="AL1628" s="137"/>
      <c r="AM1628" s="137"/>
      <c r="AN1628" s="137"/>
      <c r="AO1628" s="137"/>
      <c r="AP1628" s="137"/>
      <c r="AQ1628" s="137"/>
      <c r="AR1628" s="137"/>
      <c r="AS1628" s="137"/>
      <c r="AT1628" s="137"/>
      <c r="AU1628" s="137"/>
      <c r="AV1628" s="137"/>
      <c r="AW1628" s="144"/>
    </row>
    <row r="1629" spans="7:49" x14ac:dyDescent="0.2">
      <c r="G1629" s="43"/>
      <c r="Z1629" s="143"/>
      <c r="AA1629" s="137"/>
      <c r="AB1629" s="137"/>
      <c r="AC1629" s="137"/>
      <c r="AD1629" s="137"/>
      <c r="AE1629" s="137"/>
      <c r="AF1629" s="137"/>
      <c r="AG1629" s="137"/>
      <c r="AH1629" s="137"/>
      <c r="AI1629" s="137"/>
      <c r="AJ1629" s="137"/>
      <c r="AK1629" s="137"/>
      <c r="AL1629" s="137"/>
      <c r="AM1629" s="137"/>
      <c r="AN1629" s="137"/>
      <c r="AO1629" s="137"/>
      <c r="AP1629" s="137"/>
      <c r="AQ1629" s="137"/>
      <c r="AR1629" s="137"/>
      <c r="AS1629" s="137"/>
      <c r="AT1629" s="137"/>
      <c r="AU1629" s="137"/>
      <c r="AV1629" s="137"/>
      <c r="AW1629" s="144"/>
    </row>
    <row r="1630" spans="7:49" x14ac:dyDescent="0.2">
      <c r="G1630" s="43"/>
      <c r="Z1630" s="143"/>
      <c r="AA1630" s="137"/>
      <c r="AB1630" s="137"/>
      <c r="AC1630" s="137"/>
      <c r="AD1630" s="137"/>
      <c r="AE1630" s="137"/>
      <c r="AF1630" s="137"/>
      <c r="AG1630" s="137"/>
      <c r="AH1630" s="137"/>
      <c r="AI1630" s="137"/>
      <c r="AJ1630" s="137"/>
      <c r="AK1630" s="137"/>
      <c r="AL1630" s="137"/>
      <c r="AM1630" s="137"/>
      <c r="AN1630" s="137"/>
      <c r="AO1630" s="137"/>
      <c r="AP1630" s="137"/>
      <c r="AQ1630" s="137"/>
      <c r="AR1630" s="137"/>
      <c r="AS1630" s="137"/>
      <c r="AT1630" s="137"/>
      <c r="AU1630" s="137"/>
      <c r="AV1630" s="137"/>
      <c r="AW1630" s="144"/>
    </row>
    <row r="1631" spans="7:49" x14ac:dyDescent="0.2">
      <c r="G1631" s="43"/>
      <c r="Z1631" s="143"/>
      <c r="AA1631" s="137"/>
      <c r="AB1631" s="137"/>
      <c r="AC1631" s="137"/>
      <c r="AD1631" s="137"/>
      <c r="AE1631" s="137"/>
      <c r="AF1631" s="137"/>
      <c r="AG1631" s="137"/>
      <c r="AH1631" s="137"/>
      <c r="AI1631" s="137"/>
      <c r="AJ1631" s="137"/>
      <c r="AK1631" s="137"/>
      <c r="AL1631" s="137"/>
      <c r="AM1631" s="137"/>
      <c r="AN1631" s="137"/>
      <c r="AO1631" s="137"/>
      <c r="AP1631" s="137"/>
      <c r="AQ1631" s="137"/>
      <c r="AR1631" s="137"/>
      <c r="AS1631" s="137"/>
      <c r="AT1631" s="137"/>
      <c r="AU1631" s="137"/>
      <c r="AV1631" s="137"/>
      <c r="AW1631" s="144"/>
    </row>
    <row r="1632" spans="7:49" x14ac:dyDescent="0.2">
      <c r="G1632" s="43"/>
      <c r="Z1632" s="143"/>
      <c r="AA1632" s="137"/>
      <c r="AB1632" s="137"/>
      <c r="AC1632" s="137"/>
      <c r="AD1632" s="137"/>
      <c r="AE1632" s="137"/>
      <c r="AF1632" s="137"/>
      <c r="AG1632" s="137"/>
      <c r="AH1632" s="137"/>
      <c r="AI1632" s="137"/>
      <c r="AJ1632" s="137"/>
      <c r="AK1632" s="137"/>
      <c r="AL1632" s="137"/>
      <c r="AM1632" s="137"/>
      <c r="AN1632" s="137"/>
      <c r="AO1632" s="137"/>
      <c r="AP1632" s="137"/>
      <c r="AQ1632" s="137"/>
      <c r="AR1632" s="137"/>
      <c r="AS1632" s="137"/>
      <c r="AT1632" s="137"/>
      <c r="AU1632" s="137"/>
      <c r="AV1632" s="137"/>
      <c r="AW1632" s="144"/>
    </row>
    <row r="1633" spans="7:49" x14ac:dyDescent="0.2">
      <c r="G1633" s="43"/>
      <c r="Z1633" s="143"/>
      <c r="AA1633" s="137"/>
      <c r="AB1633" s="137"/>
      <c r="AC1633" s="137"/>
      <c r="AD1633" s="137"/>
      <c r="AE1633" s="137"/>
      <c r="AF1633" s="137"/>
      <c r="AG1633" s="137"/>
      <c r="AH1633" s="137"/>
      <c r="AI1633" s="137"/>
      <c r="AJ1633" s="137"/>
      <c r="AK1633" s="137"/>
      <c r="AL1633" s="137"/>
      <c r="AM1633" s="137"/>
      <c r="AN1633" s="137"/>
      <c r="AO1633" s="137"/>
      <c r="AP1633" s="137"/>
      <c r="AQ1633" s="137"/>
      <c r="AR1633" s="137"/>
      <c r="AS1633" s="137"/>
      <c r="AT1633" s="137"/>
      <c r="AU1633" s="137"/>
      <c r="AV1633" s="137"/>
      <c r="AW1633" s="144"/>
    </row>
    <row r="1634" spans="7:49" x14ac:dyDescent="0.2">
      <c r="G1634" s="43"/>
      <c r="Z1634" s="143"/>
      <c r="AA1634" s="137"/>
      <c r="AB1634" s="137"/>
      <c r="AC1634" s="137"/>
      <c r="AD1634" s="137"/>
      <c r="AE1634" s="137"/>
      <c r="AF1634" s="137"/>
      <c r="AG1634" s="137"/>
      <c r="AH1634" s="137"/>
      <c r="AI1634" s="137"/>
      <c r="AJ1634" s="137"/>
      <c r="AK1634" s="137"/>
      <c r="AL1634" s="137"/>
      <c r="AM1634" s="137"/>
      <c r="AN1634" s="137"/>
      <c r="AO1634" s="137"/>
      <c r="AP1634" s="137"/>
      <c r="AQ1634" s="137"/>
      <c r="AR1634" s="137"/>
      <c r="AS1634" s="137"/>
      <c r="AT1634" s="137"/>
      <c r="AU1634" s="137"/>
      <c r="AV1634" s="137"/>
      <c r="AW1634" s="144"/>
    </row>
    <row r="1635" spans="7:49" x14ac:dyDescent="0.2">
      <c r="G1635" s="43"/>
      <c r="Z1635" s="143"/>
      <c r="AA1635" s="137"/>
      <c r="AB1635" s="137"/>
      <c r="AC1635" s="137"/>
      <c r="AD1635" s="137"/>
      <c r="AE1635" s="137"/>
      <c r="AF1635" s="137"/>
      <c r="AG1635" s="137"/>
      <c r="AH1635" s="137"/>
      <c r="AI1635" s="137"/>
      <c r="AJ1635" s="137"/>
      <c r="AK1635" s="137"/>
      <c r="AL1635" s="137"/>
      <c r="AM1635" s="137"/>
      <c r="AN1635" s="137"/>
      <c r="AO1635" s="137"/>
      <c r="AP1635" s="137"/>
      <c r="AQ1635" s="137"/>
      <c r="AR1635" s="137"/>
      <c r="AS1635" s="137"/>
      <c r="AT1635" s="137"/>
      <c r="AU1635" s="137"/>
      <c r="AV1635" s="137"/>
      <c r="AW1635" s="144"/>
    </row>
    <row r="1636" spans="7:49" x14ac:dyDescent="0.2">
      <c r="G1636" s="43"/>
      <c r="Z1636" s="143"/>
      <c r="AA1636" s="137"/>
      <c r="AB1636" s="137"/>
      <c r="AC1636" s="137"/>
      <c r="AD1636" s="137"/>
      <c r="AE1636" s="137"/>
      <c r="AF1636" s="137"/>
      <c r="AG1636" s="137"/>
      <c r="AH1636" s="137"/>
      <c r="AI1636" s="137"/>
      <c r="AJ1636" s="137"/>
      <c r="AK1636" s="137"/>
      <c r="AL1636" s="137"/>
      <c r="AM1636" s="137"/>
      <c r="AN1636" s="137"/>
      <c r="AO1636" s="137"/>
      <c r="AP1636" s="137"/>
      <c r="AQ1636" s="137"/>
      <c r="AR1636" s="137"/>
      <c r="AS1636" s="137"/>
      <c r="AT1636" s="137"/>
      <c r="AU1636" s="137"/>
      <c r="AV1636" s="137"/>
      <c r="AW1636" s="144"/>
    </row>
    <row r="1637" spans="7:49" x14ac:dyDescent="0.2">
      <c r="G1637" s="43"/>
      <c r="Z1637" s="143"/>
      <c r="AA1637" s="137"/>
      <c r="AB1637" s="137"/>
      <c r="AC1637" s="137"/>
      <c r="AD1637" s="137"/>
      <c r="AE1637" s="137"/>
      <c r="AF1637" s="137"/>
      <c r="AG1637" s="137"/>
      <c r="AH1637" s="137"/>
      <c r="AI1637" s="137"/>
      <c r="AJ1637" s="137"/>
      <c r="AK1637" s="137"/>
      <c r="AL1637" s="137"/>
      <c r="AM1637" s="137"/>
      <c r="AN1637" s="137"/>
      <c r="AO1637" s="137"/>
      <c r="AP1637" s="137"/>
      <c r="AQ1637" s="137"/>
      <c r="AR1637" s="137"/>
      <c r="AS1637" s="137"/>
      <c r="AT1637" s="137"/>
      <c r="AU1637" s="137"/>
      <c r="AV1637" s="137"/>
      <c r="AW1637" s="144"/>
    </row>
    <row r="1638" spans="7:49" x14ac:dyDescent="0.2">
      <c r="G1638" s="43"/>
      <c r="Z1638" s="143"/>
      <c r="AA1638" s="137"/>
      <c r="AB1638" s="137"/>
      <c r="AC1638" s="137"/>
      <c r="AD1638" s="137"/>
      <c r="AE1638" s="137"/>
      <c r="AF1638" s="137"/>
      <c r="AG1638" s="137"/>
      <c r="AH1638" s="137"/>
      <c r="AI1638" s="137"/>
      <c r="AJ1638" s="137"/>
      <c r="AK1638" s="137"/>
      <c r="AL1638" s="137"/>
      <c r="AM1638" s="137"/>
      <c r="AN1638" s="137"/>
      <c r="AO1638" s="137"/>
      <c r="AP1638" s="137"/>
      <c r="AQ1638" s="137"/>
      <c r="AR1638" s="137"/>
      <c r="AS1638" s="137"/>
      <c r="AT1638" s="137"/>
      <c r="AU1638" s="137"/>
      <c r="AV1638" s="137"/>
      <c r="AW1638" s="144"/>
    </row>
    <row r="1639" spans="7:49" x14ac:dyDescent="0.2">
      <c r="G1639" s="43"/>
      <c r="Z1639" s="143"/>
      <c r="AA1639" s="137"/>
      <c r="AB1639" s="137"/>
      <c r="AC1639" s="137"/>
      <c r="AD1639" s="137"/>
      <c r="AE1639" s="137"/>
      <c r="AF1639" s="137"/>
      <c r="AG1639" s="137"/>
      <c r="AH1639" s="137"/>
      <c r="AI1639" s="137"/>
      <c r="AJ1639" s="137"/>
      <c r="AK1639" s="137"/>
      <c r="AL1639" s="137"/>
      <c r="AM1639" s="137"/>
      <c r="AN1639" s="137"/>
      <c r="AO1639" s="137"/>
      <c r="AP1639" s="137"/>
      <c r="AQ1639" s="137"/>
      <c r="AR1639" s="137"/>
      <c r="AS1639" s="137"/>
      <c r="AT1639" s="137"/>
      <c r="AU1639" s="137"/>
      <c r="AV1639" s="137"/>
      <c r="AW1639" s="144"/>
    </row>
    <row r="1640" spans="7:49" x14ac:dyDescent="0.2">
      <c r="G1640" s="43"/>
      <c r="Z1640" s="143"/>
      <c r="AA1640" s="137"/>
      <c r="AB1640" s="137"/>
      <c r="AC1640" s="137"/>
      <c r="AD1640" s="137"/>
      <c r="AE1640" s="137"/>
      <c r="AF1640" s="137"/>
      <c r="AG1640" s="137"/>
      <c r="AH1640" s="137"/>
      <c r="AI1640" s="137"/>
      <c r="AJ1640" s="137"/>
      <c r="AK1640" s="137"/>
      <c r="AL1640" s="137"/>
      <c r="AM1640" s="137"/>
      <c r="AN1640" s="137"/>
      <c r="AO1640" s="137"/>
      <c r="AP1640" s="137"/>
      <c r="AQ1640" s="137"/>
      <c r="AR1640" s="137"/>
      <c r="AS1640" s="137"/>
      <c r="AT1640" s="137"/>
      <c r="AU1640" s="137"/>
      <c r="AV1640" s="137"/>
      <c r="AW1640" s="144"/>
    </row>
    <row r="1641" spans="7:49" x14ac:dyDescent="0.2">
      <c r="G1641" s="43"/>
      <c r="Z1641" s="143"/>
      <c r="AA1641" s="137"/>
      <c r="AB1641" s="137"/>
      <c r="AC1641" s="137"/>
      <c r="AD1641" s="137"/>
      <c r="AE1641" s="137"/>
      <c r="AF1641" s="137"/>
      <c r="AG1641" s="137"/>
      <c r="AH1641" s="137"/>
      <c r="AI1641" s="137"/>
      <c r="AJ1641" s="137"/>
      <c r="AK1641" s="137"/>
      <c r="AL1641" s="137"/>
      <c r="AM1641" s="137"/>
      <c r="AN1641" s="137"/>
      <c r="AO1641" s="137"/>
      <c r="AP1641" s="137"/>
      <c r="AQ1641" s="137"/>
      <c r="AR1641" s="137"/>
      <c r="AS1641" s="137"/>
      <c r="AT1641" s="137"/>
      <c r="AU1641" s="137"/>
      <c r="AV1641" s="137"/>
      <c r="AW1641" s="144"/>
    </row>
    <row r="1642" spans="7:49" x14ac:dyDescent="0.2">
      <c r="G1642" s="43"/>
      <c r="Z1642" s="143"/>
      <c r="AA1642" s="137"/>
      <c r="AB1642" s="137"/>
      <c r="AC1642" s="137"/>
      <c r="AD1642" s="137"/>
      <c r="AE1642" s="137"/>
      <c r="AF1642" s="137"/>
      <c r="AG1642" s="137"/>
      <c r="AH1642" s="137"/>
      <c r="AI1642" s="137"/>
      <c r="AJ1642" s="137"/>
      <c r="AK1642" s="137"/>
      <c r="AL1642" s="137"/>
      <c r="AM1642" s="137"/>
      <c r="AN1642" s="137"/>
      <c r="AO1642" s="137"/>
      <c r="AP1642" s="137"/>
      <c r="AQ1642" s="137"/>
      <c r="AR1642" s="137"/>
      <c r="AS1642" s="137"/>
      <c r="AT1642" s="137"/>
      <c r="AU1642" s="137"/>
      <c r="AV1642" s="137"/>
      <c r="AW1642" s="144"/>
    </row>
    <row r="1643" spans="7:49" x14ac:dyDescent="0.2">
      <c r="G1643" s="43"/>
      <c r="Z1643" s="143"/>
      <c r="AA1643" s="137"/>
      <c r="AB1643" s="137"/>
      <c r="AC1643" s="137"/>
      <c r="AD1643" s="137"/>
      <c r="AE1643" s="137"/>
      <c r="AF1643" s="137"/>
      <c r="AG1643" s="137"/>
      <c r="AH1643" s="137"/>
      <c r="AI1643" s="137"/>
      <c r="AJ1643" s="137"/>
      <c r="AK1643" s="137"/>
      <c r="AL1643" s="137"/>
      <c r="AM1643" s="137"/>
      <c r="AN1643" s="137"/>
      <c r="AO1643" s="137"/>
      <c r="AP1643" s="137"/>
      <c r="AQ1643" s="137"/>
      <c r="AR1643" s="137"/>
      <c r="AS1643" s="137"/>
      <c r="AT1643" s="137"/>
      <c r="AU1643" s="137"/>
      <c r="AV1643" s="137"/>
      <c r="AW1643" s="144"/>
    </row>
    <row r="1644" spans="7:49" x14ac:dyDescent="0.2">
      <c r="G1644" s="43"/>
      <c r="Z1644" s="143"/>
      <c r="AA1644" s="137"/>
      <c r="AB1644" s="137"/>
      <c r="AC1644" s="137"/>
      <c r="AD1644" s="137"/>
      <c r="AE1644" s="137"/>
      <c r="AF1644" s="137"/>
      <c r="AG1644" s="137"/>
      <c r="AH1644" s="137"/>
      <c r="AI1644" s="137"/>
      <c r="AJ1644" s="137"/>
      <c r="AK1644" s="137"/>
      <c r="AL1644" s="137"/>
      <c r="AM1644" s="137"/>
      <c r="AN1644" s="137"/>
      <c r="AO1644" s="137"/>
      <c r="AP1644" s="137"/>
      <c r="AQ1644" s="137"/>
      <c r="AR1644" s="137"/>
      <c r="AS1644" s="137"/>
      <c r="AT1644" s="137"/>
      <c r="AU1644" s="137"/>
      <c r="AV1644" s="137"/>
      <c r="AW1644" s="144"/>
    </row>
    <row r="1645" spans="7:49" x14ac:dyDescent="0.2">
      <c r="G1645" s="43"/>
      <c r="Z1645" s="143"/>
      <c r="AA1645" s="137"/>
      <c r="AB1645" s="137"/>
      <c r="AC1645" s="137"/>
      <c r="AD1645" s="137"/>
      <c r="AE1645" s="137"/>
      <c r="AF1645" s="137"/>
      <c r="AG1645" s="137"/>
      <c r="AH1645" s="137"/>
      <c r="AI1645" s="137"/>
      <c r="AJ1645" s="137"/>
      <c r="AK1645" s="137"/>
      <c r="AL1645" s="137"/>
      <c r="AM1645" s="137"/>
      <c r="AN1645" s="137"/>
      <c r="AO1645" s="137"/>
      <c r="AP1645" s="137"/>
      <c r="AQ1645" s="137"/>
      <c r="AR1645" s="137"/>
      <c r="AS1645" s="137"/>
      <c r="AT1645" s="137"/>
      <c r="AU1645" s="137"/>
      <c r="AV1645" s="137"/>
      <c r="AW1645" s="144"/>
    </row>
    <row r="1646" spans="7:49" x14ac:dyDescent="0.2">
      <c r="G1646" s="43"/>
      <c r="Z1646" s="143"/>
      <c r="AA1646" s="137"/>
      <c r="AB1646" s="137"/>
      <c r="AC1646" s="137"/>
      <c r="AD1646" s="137"/>
      <c r="AE1646" s="137"/>
      <c r="AF1646" s="137"/>
      <c r="AG1646" s="137"/>
      <c r="AH1646" s="137"/>
      <c r="AI1646" s="137"/>
      <c r="AJ1646" s="137"/>
      <c r="AK1646" s="137"/>
      <c r="AL1646" s="137"/>
      <c r="AM1646" s="137"/>
      <c r="AN1646" s="137"/>
      <c r="AO1646" s="137"/>
      <c r="AP1646" s="137"/>
      <c r="AQ1646" s="137"/>
      <c r="AR1646" s="137"/>
      <c r="AS1646" s="137"/>
      <c r="AT1646" s="137"/>
      <c r="AU1646" s="137"/>
      <c r="AV1646" s="137"/>
      <c r="AW1646" s="144"/>
    </row>
    <row r="1647" spans="7:49" x14ac:dyDescent="0.2">
      <c r="G1647" s="43"/>
      <c r="Z1647" s="143"/>
      <c r="AA1647" s="137"/>
      <c r="AB1647" s="137"/>
      <c r="AC1647" s="137"/>
      <c r="AD1647" s="137"/>
      <c r="AE1647" s="137"/>
      <c r="AF1647" s="137"/>
      <c r="AG1647" s="137"/>
      <c r="AH1647" s="137"/>
      <c r="AI1647" s="137"/>
      <c r="AJ1647" s="137"/>
      <c r="AK1647" s="137"/>
      <c r="AL1647" s="137"/>
      <c r="AM1647" s="137"/>
      <c r="AN1647" s="137"/>
      <c r="AO1647" s="137"/>
      <c r="AP1647" s="137"/>
      <c r="AQ1647" s="137"/>
      <c r="AR1647" s="137"/>
      <c r="AS1647" s="137"/>
      <c r="AT1647" s="137"/>
      <c r="AU1647" s="137"/>
      <c r="AV1647" s="137"/>
      <c r="AW1647" s="144"/>
    </row>
    <row r="1648" spans="7:49" x14ac:dyDescent="0.2">
      <c r="G1648" s="43"/>
      <c r="Z1648" s="143"/>
      <c r="AA1648" s="137"/>
      <c r="AB1648" s="137"/>
      <c r="AC1648" s="137"/>
      <c r="AD1648" s="137"/>
      <c r="AE1648" s="137"/>
      <c r="AF1648" s="137"/>
      <c r="AG1648" s="137"/>
      <c r="AH1648" s="137"/>
      <c r="AI1648" s="137"/>
      <c r="AJ1648" s="137"/>
      <c r="AK1648" s="137"/>
      <c r="AL1648" s="137"/>
      <c r="AM1648" s="137"/>
      <c r="AN1648" s="137"/>
      <c r="AO1648" s="137"/>
      <c r="AP1648" s="137"/>
      <c r="AQ1648" s="137"/>
      <c r="AR1648" s="137"/>
      <c r="AS1648" s="137"/>
      <c r="AT1648" s="137"/>
      <c r="AU1648" s="137"/>
      <c r="AV1648" s="137"/>
      <c r="AW1648" s="144"/>
    </row>
    <row r="1649" spans="7:49" x14ac:dyDescent="0.2">
      <c r="G1649" s="43"/>
      <c r="Z1649" s="143"/>
      <c r="AA1649" s="137"/>
      <c r="AB1649" s="137"/>
      <c r="AC1649" s="137"/>
      <c r="AD1649" s="137"/>
      <c r="AE1649" s="137"/>
      <c r="AF1649" s="137"/>
      <c r="AG1649" s="137"/>
      <c r="AH1649" s="137"/>
      <c r="AI1649" s="137"/>
      <c r="AJ1649" s="137"/>
      <c r="AK1649" s="137"/>
      <c r="AL1649" s="137"/>
      <c r="AM1649" s="137"/>
      <c r="AN1649" s="137"/>
      <c r="AO1649" s="137"/>
      <c r="AP1649" s="137"/>
      <c r="AQ1649" s="137"/>
      <c r="AR1649" s="137"/>
      <c r="AS1649" s="137"/>
      <c r="AT1649" s="137"/>
      <c r="AU1649" s="137"/>
      <c r="AV1649" s="137"/>
      <c r="AW1649" s="144"/>
    </row>
    <row r="1650" spans="7:49" x14ac:dyDescent="0.2">
      <c r="G1650" s="43"/>
      <c r="Z1650" s="143"/>
      <c r="AA1650" s="137"/>
      <c r="AB1650" s="137"/>
      <c r="AC1650" s="137"/>
      <c r="AD1650" s="137"/>
      <c r="AE1650" s="137"/>
      <c r="AF1650" s="137"/>
      <c r="AG1650" s="137"/>
      <c r="AH1650" s="137"/>
      <c r="AI1650" s="137"/>
      <c r="AJ1650" s="137"/>
      <c r="AK1650" s="137"/>
      <c r="AL1650" s="137"/>
      <c r="AM1650" s="137"/>
      <c r="AN1650" s="137"/>
      <c r="AO1650" s="137"/>
      <c r="AP1650" s="137"/>
      <c r="AQ1650" s="137"/>
      <c r="AR1650" s="137"/>
      <c r="AS1650" s="137"/>
      <c r="AT1650" s="137"/>
      <c r="AU1650" s="137"/>
      <c r="AV1650" s="137"/>
      <c r="AW1650" s="144"/>
    </row>
    <row r="1651" spans="7:49" x14ac:dyDescent="0.2">
      <c r="G1651" s="43"/>
      <c r="Z1651" s="143"/>
      <c r="AA1651" s="137"/>
      <c r="AB1651" s="137"/>
      <c r="AC1651" s="137"/>
      <c r="AD1651" s="137"/>
      <c r="AE1651" s="137"/>
      <c r="AF1651" s="137"/>
      <c r="AG1651" s="137"/>
      <c r="AH1651" s="137"/>
      <c r="AI1651" s="137"/>
      <c r="AJ1651" s="137"/>
      <c r="AK1651" s="137"/>
      <c r="AL1651" s="137"/>
      <c r="AM1651" s="137"/>
      <c r="AN1651" s="137"/>
      <c r="AO1651" s="137"/>
      <c r="AP1651" s="137"/>
      <c r="AQ1651" s="137"/>
      <c r="AR1651" s="137"/>
      <c r="AS1651" s="137"/>
      <c r="AT1651" s="137"/>
      <c r="AU1651" s="137"/>
      <c r="AV1651" s="137"/>
      <c r="AW1651" s="144"/>
    </row>
    <row r="1652" spans="7:49" x14ac:dyDescent="0.2">
      <c r="G1652" s="43"/>
      <c r="Z1652" s="143"/>
      <c r="AA1652" s="137"/>
      <c r="AB1652" s="137"/>
      <c r="AC1652" s="137"/>
      <c r="AD1652" s="137"/>
      <c r="AE1652" s="137"/>
      <c r="AF1652" s="137"/>
      <c r="AG1652" s="137"/>
      <c r="AH1652" s="137"/>
      <c r="AI1652" s="137"/>
      <c r="AJ1652" s="137"/>
      <c r="AK1652" s="137"/>
      <c r="AL1652" s="137"/>
      <c r="AM1652" s="137"/>
      <c r="AN1652" s="137"/>
      <c r="AO1652" s="137"/>
      <c r="AP1652" s="137"/>
      <c r="AQ1652" s="137"/>
      <c r="AR1652" s="137"/>
      <c r="AS1652" s="137"/>
      <c r="AT1652" s="137"/>
      <c r="AU1652" s="137"/>
      <c r="AV1652" s="137"/>
      <c r="AW1652" s="144"/>
    </row>
    <row r="1653" spans="7:49" x14ac:dyDescent="0.2">
      <c r="G1653" s="43"/>
      <c r="Z1653" s="143"/>
      <c r="AA1653" s="137"/>
      <c r="AB1653" s="137"/>
      <c r="AC1653" s="137"/>
      <c r="AD1653" s="137"/>
      <c r="AE1653" s="137"/>
      <c r="AF1653" s="137"/>
      <c r="AG1653" s="137"/>
      <c r="AH1653" s="137"/>
      <c r="AI1653" s="137"/>
      <c r="AJ1653" s="137"/>
      <c r="AK1653" s="137"/>
      <c r="AL1653" s="137"/>
      <c r="AM1653" s="137"/>
      <c r="AN1653" s="137"/>
      <c r="AO1653" s="137"/>
      <c r="AP1653" s="137"/>
      <c r="AQ1653" s="137"/>
      <c r="AR1653" s="137"/>
      <c r="AS1653" s="137"/>
      <c r="AT1653" s="137"/>
      <c r="AU1653" s="137"/>
      <c r="AV1653" s="137"/>
      <c r="AW1653" s="144"/>
    </row>
    <row r="1654" spans="7:49" x14ac:dyDescent="0.2">
      <c r="G1654" s="43"/>
      <c r="Z1654" s="143"/>
      <c r="AA1654" s="137"/>
      <c r="AB1654" s="137"/>
      <c r="AC1654" s="137"/>
      <c r="AD1654" s="137"/>
      <c r="AE1654" s="137"/>
      <c r="AF1654" s="137"/>
      <c r="AG1654" s="137"/>
      <c r="AH1654" s="137"/>
      <c r="AI1654" s="137"/>
      <c r="AJ1654" s="137"/>
      <c r="AK1654" s="137"/>
      <c r="AL1654" s="137"/>
      <c r="AM1654" s="137"/>
      <c r="AN1654" s="137"/>
      <c r="AO1654" s="137"/>
      <c r="AP1654" s="137"/>
      <c r="AQ1654" s="137"/>
      <c r="AR1654" s="137"/>
      <c r="AS1654" s="137"/>
      <c r="AT1654" s="137"/>
      <c r="AU1654" s="137"/>
      <c r="AV1654" s="137"/>
      <c r="AW1654" s="144"/>
    </row>
    <row r="1655" spans="7:49" x14ac:dyDescent="0.2">
      <c r="G1655" s="43"/>
      <c r="Z1655" s="143"/>
      <c r="AA1655" s="137"/>
      <c r="AB1655" s="137"/>
      <c r="AC1655" s="137"/>
      <c r="AD1655" s="137"/>
      <c r="AE1655" s="137"/>
      <c r="AF1655" s="137"/>
      <c r="AG1655" s="137"/>
      <c r="AH1655" s="137"/>
      <c r="AI1655" s="137"/>
      <c r="AJ1655" s="137"/>
      <c r="AK1655" s="137"/>
      <c r="AL1655" s="137"/>
      <c r="AM1655" s="137"/>
      <c r="AN1655" s="137"/>
      <c r="AO1655" s="137"/>
      <c r="AP1655" s="137"/>
      <c r="AQ1655" s="137"/>
      <c r="AR1655" s="137"/>
      <c r="AS1655" s="137"/>
      <c r="AT1655" s="137"/>
      <c r="AU1655" s="137"/>
      <c r="AV1655" s="137"/>
      <c r="AW1655" s="144"/>
    </row>
    <row r="1656" spans="7:49" x14ac:dyDescent="0.2">
      <c r="G1656" s="43"/>
      <c r="Z1656" s="143"/>
      <c r="AA1656" s="137"/>
      <c r="AB1656" s="137"/>
      <c r="AC1656" s="137"/>
      <c r="AD1656" s="137"/>
      <c r="AE1656" s="137"/>
      <c r="AF1656" s="137"/>
      <c r="AG1656" s="137"/>
      <c r="AH1656" s="137"/>
      <c r="AI1656" s="137"/>
      <c r="AJ1656" s="137"/>
      <c r="AK1656" s="137"/>
      <c r="AL1656" s="137"/>
      <c r="AM1656" s="137"/>
      <c r="AN1656" s="137"/>
      <c r="AO1656" s="137"/>
      <c r="AP1656" s="137"/>
      <c r="AQ1656" s="137"/>
      <c r="AR1656" s="137"/>
      <c r="AS1656" s="137"/>
      <c r="AT1656" s="137"/>
      <c r="AU1656" s="137"/>
      <c r="AV1656" s="137"/>
      <c r="AW1656" s="144"/>
    </row>
    <row r="1657" spans="7:49" x14ac:dyDescent="0.2">
      <c r="G1657" s="43"/>
      <c r="Z1657" s="143"/>
      <c r="AA1657" s="137"/>
      <c r="AB1657" s="137"/>
      <c r="AC1657" s="137"/>
      <c r="AD1657" s="137"/>
      <c r="AE1657" s="137"/>
      <c r="AF1657" s="137"/>
      <c r="AG1657" s="137"/>
      <c r="AH1657" s="137"/>
      <c r="AI1657" s="137"/>
      <c r="AJ1657" s="137"/>
      <c r="AK1657" s="137"/>
      <c r="AL1657" s="137"/>
      <c r="AM1657" s="137"/>
      <c r="AN1657" s="137"/>
      <c r="AO1657" s="137"/>
      <c r="AP1657" s="137"/>
      <c r="AQ1657" s="137"/>
      <c r="AR1657" s="137"/>
      <c r="AS1657" s="137"/>
      <c r="AT1657" s="137"/>
      <c r="AU1657" s="137"/>
      <c r="AV1657" s="137"/>
      <c r="AW1657" s="144"/>
    </row>
    <row r="1658" spans="7:49" x14ac:dyDescent="0.2">
      <c r="G1658" s="43"/>
      <c r="Z1658" s="143"/>
      <c r="AA1658" s="137"/>
      <c r="AB1658" s="137"/>
      <c r="AC1658" s="137"/>
      <c r="AD1658" s="137"/>
      <c r="AE1658" s="137"/>
      <c r="AF1658" s="137"/>
      <c r="AG1658" s="137"/>
      <c r="AH1658" s="137"/>
      <c r="AI1658" s="137"/>
      <c r="AJ1658" s="137"/>
      <c r="AK1658" s="137"/>
      <c r="AL1658" s="137"/>
      <c r="AM1658" s="137"/>
      <c r="AN1658" s="137"/>
      <c r="AO1658" s="137"/>
      <c r="AP1658" s="137"/>
      <c r="AQ1658" s="137"/>
      <c r="AR1658" s="137"/>
      <c r="AS1658" s="137"/>
      <c r="AT1658" s="137"/>
      <c r="AU1658" s="137"/>
      <c r="AV1658" s="137"/>
      <c r="AW1658" s="144"/>
    </row>
    <row r="1659" spans="7:49" x14ac:dyDescent="0.2">
      <c r="G1659" s="43"/>
      <c r="Z1659" s="143"/>
      <c r="AA1659" s="137"/>
      <c r="AB1659" s="137"/>
      <c r="AC1659" s="137"/>
      <c r="AD1659" s="137"/>
      <c r="AE1659" s="137"/>
      <c r="AF1659" s="137"/>
      <c r="AG1659" s="137"/>
      <c r="AH1659" s="137"/>
      <c r="AI1659" s="137"/>
      <c r="AJ1659" s="137"/>
      <c r="AK1659" s="137"/>
      <c r="AL1659" s="137"/>
      <c r="AM1659" s="137"/>
      <c r="AN1659" s="137"/>
      <c r="AO1659" s="137"/>
      <c r="AP1659" s="137"/>
      <c r="AQ1659" s="137"/>
      <c r="AR1659" s="137"/>
      <c r="AS1659" s="137"/>
      <c r="AT1659" s="137"/>
      <c r="AU1659" s="137"/>
      <c r="AV1659" s="137"/>
      <c r="AW1659" s="144"/>
    </row>
    <row r="1660" spans="7:49" x14ac:dyDescent="0.2">
      <c r="G1660" s="43"/>
      <c r="Z1660" s="143"/>
      <c r="AA1660" s="137"/>
      <c r="AB1660" s="137"/>
      <c r="AC1660" s="137"/>
      <c r="AD1660" s="137"/>
      <c r="AE1660" s="137"/>
      <c r="AF1660" s="137"/>
      <c r="AG1660" s="137"/>
      <c r="AH1660" s="137"/>
      <c r="AI1660" s="137"/>
      <c r="AJ1660" s="137"/>
      <c r="AK1660" s="137"/>
      <c r="AL1660" s="137"/>
      <c r="AM1660" s="137"/>
      <c r="AN1660" s="137"/>
      <c r="AO1660" s="137"/>
      <c r="AP1660" s="137"/>
      <c r="AQ1660" s="137"/>
      <c r="AR1660" s="137"/>
      <c r="AS1660" s="137"/>
      <c r="AT1660" s="137"/>
      <c r="AU1660" s="137"/>
      <c r="AV1660" s="137"/>
      <c r="AW1660" s="144"/>
    </row>
    <row r="1661" spans="7:49" x14ac:dyDescent="0.2">
      <c r="G1661" s="43"/>
      <c r="Z1661" s="143"/>
      <c r="AA1661" s="137"/>
      <c r="AB1661" s="137"/>
      <c r="AC1661" s="137"/>
      <c r="AD1661" s="137"/>
      <c r="AE1661" s="137"/>
      <c r="AF1661" s="137"/>
      <c r="AG1661" s="137"/>
      <c r="AH1661" s="137"/>
      <c r="AI1661" s="137"/>
      <c r="AJ1661" s="137"/>
      <c r="AK1661" s="137"/>
      <c r="AL1661" s="137"/>
      <c r="AM1661" s="137"/>
      <c r="AN1661" s="137"/>
      <c r="AO1661" s="137"/>
      <c r="AP1661" s="137"/>
      <c r="AQ1661" s="137"/>
      <c r="AR1661" s="137"/>
      <c r="AS1661" s="137"/>
      <c r="AT1661" s="137"/>
      <c r="AU1661" s="137"/>
      <c r="AV1661" s="137"/>
      <c r="AW1661" s="144"/>
    </row>
    <row r="1662" spans="7:49" x14ac:dyDescent="0.2">
      <c r="G1662" s="43"/>
      <c r="Z1662" s="143"/>
      <c r="AA1662" s="137"/>
      <c r="AB1662" s="137"/>
      <c r="AC1662" s="137"/>
      <c r="AD1662" s="137"/>
      <c r="AE1662" s="137"/>
      <c r="AF1662" s="137"/>
      <c r="AG1662" s="137"/>
      <c r="AH1662" s="137"/>
      <c r="AI1662" s="137"/>
      <c r="AJ1662" s="137"/>
      <c r="AK1662" s="137"/>
      <c r="AL1662" s="137"/>
      <c r="AM1662" s="137"/>
      <c r="AN1662" s="137"/>
      <c r="AO1662" s="137"/>
      <c r="AP1662" s="137"/>
      <c r="AQ1662" s="137"/>
      <c r="AR1662" s="137"/>
      <c r="AS1662" s="137"/>
      <c r="AT1662" s="137"/>
      <c r="AU1662" s="137"/>
      <c r="AV1662" s="137"/>
      <c r="AW1662" s="144"/>
    </row>
    <row r="1663" spans="7:49" x14ac:dyDescent="0.2">
      <c r="G1663" s="43"/>
      <c r="Z1663" s="143"/>
      <c r="AA1663" s="137"/>
      <c r="AB1663" s="137"/>
      <c r="AC1663" s="137"/>
      <c r="AD1663" s="137"/>
      <c r="AE1663" s="137"/>
      <c r="AF1663" s="137"/>
      <c r="AG1663" s="137"/>
      <c r="AH1663" s="137"/>
      <c r="AI1663" s="137"/>
      <c r="AJ1663" s="137"/>
      <c r="AK1663" s="137"/>
      <c r="AL1663" s="137"/>
      <c r="AM1663" s="137"/>
      <c r="AN1663" s="137"/>
      <c r="AO1663" s="137"/>
      <c r="AP1663" s="137"/>
      <c r="AQ1663" s="137"/>
      <c r="AR1663" s="137"/>
      <c r="AS1663" s="137"/>
      <c r="AT1663" s="137"/>
      <c r="AU1663" s="137"/>
      <c r="AV1663" s="137"/>
      <c r="AW1663" s="144"/>
    </row>
    <row r="1664" spans="7:49" x14ac:dyDescent="0.2">
      <c r="G1664" s="43"/>
      <c r="Z1664" s="143"/>
      <c r="AA1664" s="137"/>
      <c r="AB1664" s="137"/>
      <c r="AC1664" s="137"/>
      <c r="AD1664" s="137"/>
      <c r="AE1664" s="137"/>
      <c r="AF1664" s="137"/>
      <c r="AG1664" s="137"/>
      <c r="AH1664" s="137"/>
      <c r="AI1664" s="137"/>
      <c r="AJ1664" s="137"/>
      <c r="AK1664" s="137"/>
      <c r="AL1664" s="137"/>
      <c r="AM1664" s="137"/>
      <c r="AN1664" s="137"/>
      <c r="AO1664" s="137"/>
      <c r="AP1664" s="137"/>
      <c r="AQ1664" s="137"/>
      <c r="AR1664" s="137"/>
      <c r="AS1664" s="137"/>
      <c r="AT1664" s="137"/>
      <c r="AU1664" s="137"/>
      <c r="AV1664" s="137"/>
      <c r="AW1664" s="144"/>
    </row>
    <row r="1665" spans="7:49" x14ac:dyDescent="0.2">
      <c r="G1665" s="43"/>
      <c r="Z1665" s="143"/>
      <c r="AA1665" s="137"/>
      <c r="AB1665" s="137"/>
      <c r="AC1665" s="137"/>
      <c r="AD1665" s="137"/>
      <c r="AE1665" s="137"/>
      <c r="AF1665" s="137"/>
      <c r="AG1665" s="137"/>
      <c r="AH1665" s="137"/>
      <c r="AI1665" s="137"/>
      <c r="AJ1665" s="137"/>
      <c r="AK1665" s="137"/>
      <c r="AL1665" s="137"/>
      <c r="AM1665" s="137"/>
      <c r="AN1665" s="137"/>
      <c r="AO1665" s="137"/>
      <c r="AP1665" s="137"/>
      <c r="AQ1665" s="137"/>
      <c r="AR1665" s="137"/>
      <c r="AS1665" s="137"/>
      <c r="AT1665" s="137"/>
      <c r="AU1665" s="137"/>
      <c r="AV1665" s="137"/>
      <c r="AW1665" s="144"/>
    </row>
    <row r="1666" spans="7:49" x14ac:dyDescent="0.2">
      <c r="G1666" s="43"/>
      <c r="Z1666" s="143"/>
      <c r="AA1666" s="137"/>
      <c r="AB1666" s="137"/>
      <c r="AC1666" s="137"/>
      <c r="AD1666" s="137"/>
      <c r="AE1666" s="137"/>
      <c r="AF1666" s="137"/>
      <c r="AG1666" s="137"/>
      <c r="AH1666" s="137"/>
      <c r="AI1666" s="137"/>
      <c r="AJ1666" s="137"/>
      <c r="AK1666" s="137"/>
      <c r="AL1666" s="137"/>
      <c r="AM1666" s="137"/>
      <c r="AN1666" s="137"/>
      <c r="AO1666" s="137"/>
      <c r="AP1666" s="137"/>
      <c r="AQ1666" s="137"/>
      <c r="AR1666" s="137"/>
      <c r="AS1666" s="137"/>
      <c r="AT1666" s="137"/>
      <c r="AU1666" s="137"/>
      <c r="AV1666" s="137"/>
      <c r="AW1666" s="144"/>
    </row>
    <row r="1667" spans="7:49" x14ac:dyDescent="0.2">
      <c r="G1667" s="43"/>
      <c r="Z1667" s="143"/>
      <c r="AA1667" s="137"/>
      <c r="AB1667" s="137"/>
      <c r="AC1667" s="137"/>
      <c r="AD1667" s="137"/>
      <c r="AE1667" s="137"/>
      <c r="AF1667" s="137"/>
      <c r="AG1667" s="137"/>
      <c r="AH1667" s="137"/>
      <c r="AI1667" s="137"/>
      <c r="AJ1667" s="137"/>
      <c r="AK1667" s="137"/>
      <c r="AL1667" s="137"/>
      <c r="AM1667" s="137"/>
      <c r="AN1667" s="137"/>
      <c r="AO1667" s="137"/>
      <c r="AP1667" s="137"/>
      <c r="AQ1667" s="137"/>
      <c r="AR1667" s="137"/>
      <c r="AS1667" s="137"/>
      <c r="AT1667" s="137"/>
      <c r="AU1667" s="137"/>
      <c r="AV1667" s="137"/>
      <c r="AW1667" s="144"/>
    </row>
    <row r="1668" spans="7:49" x14ac:dyDescent="0.2">
      <c r="G1668" s="43"/>
      <c r="Z1668" s="143"/>
      <c r="AA1668" s="137"/>
      <c r="AB1668" s="137"/>
      <c r="AC1668" s="137"/>
      <c r="AD1668" s="137"/>
      <c r="AE1668" s="137"/>
      <c r="AF1668" s="137"/>
      <c r="AG1668" s="137"/>
      <c r="AH1668" s="137"/>
      <c r="AI1668" s="137"/>
      <c r="AJ1668" s="137"/>
      <c r="AK1668" s="137"/>
      <c r="AL1668" s="137"/>
      <c r="AM1668" s="137"/>
      <c r="AN1668" s="137"/>
      <c r="AO1668" s="137"/>
      <c r="AP1668" s="137"/>
      <c r="AQ1668" s="137"/>
      <c r="AR1668" s="137"/>
      <c r="AS1668" s="137"/>
      <c r="AT1668" s="137"/>
      <c r="AU1668" s="137"/>
      <c r="AV1668" s="137"/>
      <c r="AW1668" s="144"/>
    </row>
    <row r="1669" spans="7:49" x14ac:dyDescent="0.2">
      <c r="G1669" s="43"/>
      <c r="Z1669" s="143"/>
      <c r="AA1669" s="137"/>
      <c r="AB1669" s="137"/>
      <c r="AC1669" s="137"/>
      <c r="AD1669" s="137"/>
      <c r="AE1669" s="137"/>
      <c r="AF1669" s="137"/>
      <c r="AG1669" s="137"/>
      <c r="AH1669" s="137"/>
      <c r="AI1669" s="137"/>
      <c r="AJ1669" s="137"/>
      <c r="AK1669" s="137"/>
      <c r="AL1669" s="137"/>
      <c r="AM1669" s="137"/>
      <c r="AN1669" s="137"/>
      <c r="AO1669" s="137"/>
      <c r="AP1669" s="137"/>
      <c r="AQ1669" s="137"/>
      <c r="AR1669" s="137"/>
      <c r="AS1669" s="137"/>
      <c r="AT1669" s="137"/>
      <c r="AU1669" s="137"/>
      <c r="AV1669" s="137"/>
      <c r="AW1669" s="144"/>
    </row>
    <row r="1670" spans="7:49" x14ac:dyDescent="0.2">
      <c r="G1670" s="43"/>
      <c r="Z1670" s="143"/>
      <c r="AA1670" s="137"/>
      <c r="AB1670" s="137"/>
      <c r="AC1670" s="137"/>
      <c r="AD1670" s="137"/>
      <c r="AE1670" s="137"/>
      <c r="AF1670" s="137"/>
      <c r="AG1670" s="137"/>
      <c r="AH1670" s="137"/>
      <c r="AI1670" s="137"/>
      <c r="AJ1670" s="137"/>
      <c r="AK1670" s="137"/>
      <c r="AL1670" s="137"/>
      <c r="AM1670" s="137"/>
      <c r="AN1670" s="137"/>
      <c r="AO1670" s="137"/>
      <c r="AP1670" s="137"/>
      <c r="AQ1670" s="137"/>
      <c r="AR1670" s="137"/>
      <c r="AS1670" s="137"/>
      <c r="AT1670" s="137"/>
      <c r="AU1670" s="137"/>
      <c r="AV1670" s="137"/>
      <c r="AW1670" s="144"/>
    </row>
    <row r="1671" spans="7:49" x14ac:dyDescent="0.2">
      <c r="G1671" s="43"/>
      <c r="Z1671" s="143"/>
      <c r="AA1671" s="137"/>
      <c r="AB1671" s="137"/>
      <c r="AC1671" s="137"/>
      <c r="AD1671" s="137"/>
      <c r="AE1671" s="137"/>
      <c r="AF1671" s="137"/>
      <c r="AG1671" s="137"/>
      <c r="AH1671" s="137"/>
      <c r="AI1671" s="137"/>
      <c r="AJ1671" s="137"/>
      <c r="AK1671" s="137"/>
      <c r="AL1671" s="137"/>
      <c r="AM1671" s="137"/>
      <c r="AN1671" s="137"/>
      <c r="AO1671" s="137"/>
      <c r="AP1671" s="137"/>
      <c r="AQ1671" s="137"/>
      <c r="AR1671" s="137"/>
      <c r="AS1671" s="137"/>
      <c r="AT1671" s="137"/>
      <c r="AU1671" s="137"/>
      <c r="AV1671" s="137"/>
      <c r="AW1671" s="144"/>
    </row>
    <row r="1672" spans="7:49" x14ac:dyDescent="0.2">
      <c r="G1672" s="43"/>
      <c r="Z1672" s="143"/>
      <c r="AA1672" s="137"/>
      <c r="AB1672" s="137"/>
      <c r="AC1672" s="137"/>
      <c r="AD1672" s="137"/>
      <c r="AE1672" s="137"/>
      <c r="AF1672" s="137"/>
      <c r="AG1672" s="137"/>
      <c r="AH1672" s="137"/>
      <c r="AI1672" s="137"/>
      <c r="AJ1672" s="137"/>
      <c r="AK1672" s="137"/>
      <c r="AL1672" s="137"/>
      <c r="AM1672" s="137"/>
      <c r="AN1672" s="137"/>
      <c r="AO1672" s="137"/>
      <c r="AP1672" s="137"/>
      <c r="AQ1672" s="137"/>
      <c r="AR1672" s="137"/>
      <c r="AS1672" s="137"/>
      <c r="AT1672" s="137"/>
      <c r="AU1672" s="137"/>
      <c r="AV1672" s="137"/>
      <c r="AW1672" s="144"/>
    </row>
    <row r="1673" spans="7:49" x14ac:dyDescent="0.2">
      <c r="G1673" s="43"/>
      <c r="Z1673" s="143"/>
      <c r="AA1673" s="137"/>
      <c r="AB1673" s="137"/>
      <c r="AC1673" s="137"/>
      <c r="AD1673" s="137"/>
      <c r="AE1673" s="137"/>
      <c r="AF1673" s="137"/>
      <c r="AG1673" s="137"/>
      <c r="AH1673" s="137"/>
      <c r="AI1673" s="137"/>
      <c r="AJ1673" s="137"/>
      <c r="AK1673" s="137"/>
      <c r="AL1673" s="137"/>
      <c r="AM1673" s="137"/>
      <c r="AN1673" s="137"/>
      <c r="AO1673" s="137"/>
      <c r="AP1673" s="137"/>
      <c r="AQ1673" s="137"/>
      <c r="AR1673" s="137"/>
      <c r="AS1673" s="137"/>
      <c r="AT1673" s="137"/>
      <c r="AU1673" s="137"/>
      <c r="AV1673" s="137"/>
      <c r="AW1673" s="144"/>
    </row>
    <row r="1674" spans="7:49" x14ac:dyDescent="0.2">
      <c r="G1674" s="43"/>
      <c r="Z1674" s="143"/>
      <c r="AA1674" s="137"/>
      <c r="AB1674" s="137"/>
      <c r="AC1674" s="137"/>
      <c r="AD1674" s="137"/>
      <c r="AE1674" s="137"/>
      <c r="AF1674" s="137"/>
      <c r="AG1674" s="137"/>
      <c r="AH1674" s="137"/>
      <c r="AI1674" s="137"/>
      <c r="AJ1674" s="137"/>
      <c r="AK1674" s="137"/>
      <c r="AL1674" s="137"/>
      <c r="AM1674" s="137"/>
      <c r="AN1674" s="137"/>
      <c r="AO1674" s="137"/>
      <c r="AP1674" s="137"/>
      <c r="AQ1674" s="137"/>
      <c r="AR1674" s="137"/>
      <c r="AS1674" s="137"/>
      <c r="AT1674" s="137"/>
      <c r="AU1674" s="137"/>
      <c r="AV1674" s="137"/>
      <c r="AW1674" s="144"/>
    </row>
    <row r="1675" spans="7:49" x14ac:dyDescent="0.2">
      <c r="G1675" s="43"/>
      <c r="Z1675" s="143"/>
      <c r="AA1675" s="137"/>
      <c r="AB1675" s="137"/>
      <c r="AC1675" s="137"/>
      <c r="AD1675" s="137"/>
      <c r="AE1675" s="137"/>
      <c r="AF1675" s="137"/>
      <c r="AG1675" s="137"/>
      <c r="AH1675" s="137"/>
      <c r="AI1675" s="137"/>
      <c r="AJ1675" s="137"/>
      <c r="AK1675" s="137"/>
      <c r="AL1675" s="137"/>
      <c r="AM1675" s="137"/>
      <c r="AN1675" s="137"/>
      <c r="AO1675" s="137"/>
      <c r="AP1675" s="137"/>
      <c r="AQ1675" s="137"/>
      <c r="AR1675" s="137"/>
      <c r="AS1675" s="137"/>
      <c r="AT1675" s="137"/>
      <c r="AU1675" s="137"/>
      <c r="AV1675" s="137"/>
      <c r="AW1675" s="144"/>
    </row>
    <row r="1676" spans="7:49" x14ac:dyDescent="0.2">
      <c r="G1676" s="43"/>
      <c r="Z1676" s="143"/>
      <c r="AA1676" s="137"/>
      <c r="AB1676" s="137"/>
      <c r="AC1676" s="137"/>
      <c r="AD1676" s="137"/>
      <c r="AE1676" s="137"/>
      <c r="AF1676" s="137"/>
      <c r="AG1676" s="137"/>
      <c r="AH1676" s="137"/>
      <c r="AI1676" s="137"/>
      <c r="AJ1676" s="137"/>
      <c r="AK1676" s="137"/>
      <c r="AL1676" s="137"/>
      <c r="AM1676" s="137"/>
      <c r="AN1676" s="137"/>
      <c r="AO1676" s="137"/>
      <c r="AP1676" s="137"/>
      <c r="AQ1676" s="137"/>
      <c r="AR1676" s="137"/>
      <c r="AS1676" s="137"/>
      <c r="AT1676" s="137"/>
      <c r="AU1676" s="137"/>
      <c r="AV1676" s="137"/>
      <c r="AW1676" s="144"/>
    </row>
    <row r="1677" spans="7:49" x14ac:dyDescent="0.2">
      <c r="G1677" s="43"/>
      <c r="Z1677" s="143"/>
      <c r="AA1677" s="137"/>
      <c r="AB1677" s="137"/>
      <c r="AC1677" s="137"/>
      <c r="AD1677" s="137"/>
      <c r="AE1677" s="137"/>
      <c r="AF1677" s="137"/>
      <c r="AG1677" s="137"/>
      <c r="AH1677" s="137"/>
      <c r="AI1677" s="137"/>
      <c r="AJ1677" s="137"/>
      <c r="AK1677" s="137"/>
      <c r="AL1677" s="137"/>
      <c r="AM1677" s="137"/>
      <c r="AN1677" s="137"/>
      <c r="AO1677" s="137"/>
      <c r="AP1677" s="137"/>
      <c r="AQ1677" s="137"/>
      <c r="AR1677" s="137"/>
      <c r="AS1677" s="137"/>
      <c r="AT1677" s="137"/>
      <c r="AU1677" s="137"/>
      <c r="AV1677" s="137"/>
      <c r="AW1677" s="144"/>
    </row>
    <row r="1678" spans="7:49" x14ac:dyDescent="0.2">
      <c r="G1678" s="43"/>
      <c r="Z1678" s="143"/>
      <c r="AA1678" s="137"/>
      <c r="AB1678" s="137"/>
      <c r="AC1678" s="137"/>
      <c r="AD1678" s="137"/>
      <c r="AE1678" s="137"/>
      <c r="AF1678" s="137"/>
      <c r="AG1678" s="137"/>
      <c r="AH1678" s="137"/>
      <c r="AI1678" s="137"/>
      <c r="AJ1678" s="137"/>
      <c r="AK1678" s="137"/>
      <c r="AL1678" s="137"/>
      <c r="AM1678" s="137"/>
      <c r="AN1678" s="137"/>
      <c r="AO1678" s="137"/>
      <c r="AP1678" s="137"/>
      <c r="AQ1678" s="137"/>
      <c r="AR1678" s="137"/>
      <c r="AS1678" s="137"/>
      <c r="AT1678" s="137"/>
      <c r="AU1678" s="137"/>
      <c r="AV1678" s="137"/>
      <c r="AW1678" s="144"/>
    </row>
    <row r="1679" spans="7:49" x14ac:dyDescent="0.2">
      <c r="G1679" s="43"/>
      <c r="Z1679" s="143"/>
      <c r="AA1679" s="137"/>
      <c r="AB1679" s="137"/>
      <c r="AC1679" s="137"/>
      <c r="AD1679" s="137"/>
      <c r="AE1679" s="137"/>
      <c r="AF1679" s="137"/>
      <c r="AG1679" s="137"/>
      <c r="AH1679" s="137"/>
      <c r="AI1679" s="137"/>
      <c r="AJ1679" s="137"/>
      <c r="AK1679" s="137"/>
      <c r="AL1679" s="137"/>
      <c r="AM1679" s="137"/>
      <c r="AN1679" s="137"/>
      <c r="AO1679" s="137"/>
      <c r="AP1679" s="137"/>
      <c r="AQ1679" s="137"/>
      <c r="AR1679" s="137"/>
      <c r="AS1679" s="137"/>
      <c r="AT1679" s="137"/>
      <c r="AU1679" s="137"/>
      <c r="AV1679" s="137"/>
      <c r="AW1679" s="144"/>
    </row>
    <row r="1680" spans="7:49" x14ac:dyDescent="0.2">
      <c r="G1680" s="43"/>
      <c r="Z1680" s="143"/>
      <c r="AA1680" s="137"/>
      <c r="AB1680" s="137"/>
      <c r="AC1680" s="137"/>
      <c r="AD1680" s="137"/>
      <c r="AE1680" s="137"/>
      <c r="AF1680" s="137"/>
      <c r="AG1680" s="137"/>
      <c r="AH1680" s="137"/>
      <c r="AI1680" s="137"/>
      <c r="AJ1680" s="137"/>
      <c r="AK1680" s="137"/>
      <c r="AL1680" s="137"/>
      <c r="AM1680" s="137"/>
      <c r="AN1680" s="137"/>
      <c r="AO1680" s="137"/>
      <c r="AP1680" s="137"/>
      <c r="AQ1680" s="137"/>
      <c r="AR1680" s="137"/>
      <c r="AS1680" s="137"/>
      <c r="AT1680" s="137"/>
      <c r="AU1680" s="137"/>
      <c r="AV1680" s="137"/>
      <c r="AW1680" s="144"/>
    </row>
    <row r="1681" spans="7:49" x14ac:dyDescent="0.2">
      <c r="G1681" s="43"/>
      <c r="Z1681" s="143"/>
      <c r="AA1681" s="137"/>
      <c r="AB1681" s="137"/>
      <c r="AC1681" s="137"/>
      <c r="AD1681" s="137"/>
      <c r="AE1681" s="137"/>
      <c r="AF1681" s="137"/>
      <c r="AG1681" s="137"/>
      <c r="AH1681" s="137"/>
      <c r="AI1681" s="137"/>
      <c r="AJ1681" s="137"/>
      <c r="AK1681" s="137"/>
      <c r="AL1681" s="137"/>
      <c r="AM1681" s="137"/>
      <c r="AN1681" s="137"/>
      <c r="AO1681" s="137"/>
      <c r="AP1681" s="137"/>
      <c r="AQ1681" s="137"/>
      <c r="AR1681" s="137"/>
      <c r="AS1681" s="137"/>
      <c r="AT1681" s="137"/>
      <c r="AU1681" s="137"/>
      <c r="AV1681" s="137"/>
      <c r="AW1681" s="144"/>
    </row>
    <row r="1682" spans="7:49" x14ac:dyDescent="0.2">
      <c r="G1682" s="43"/>
      <c r="Z1682" s="143"/>
      <c r="AA1682" s="137"/>
      <c r="AB1682" s="137"/>
      <c r="AC1682" s="137"/>
      <c r="AD1682" s="137"/>
      <c r="AE1682" s="137"/>
      <c r="AF1682" s="137"/>
      <c r="AG1682" s="137"/>
      <c r="AH1682" s="137"/>
      <c r="AI1682" s="137"/>
      <c r="AJ1682" s="137"/>
      <c r="AK1682" s="137"/>
      <c r="AL1682" s="137"/>
      <c r="AM1682" s="137"/>
      <c r="AN1682" s="137"/>
      <c r="AO1682" s="137"/>
      <c r="AP1682" s="137"/>
      <c r="AQ1682" s="137"/>
      <c r="AR1682" s="137"/>
      <c r="AS1682" s="137"/>
      <c r="AT1682" s="137"/>
      <c r="AU1682" s="137"/>
      <c r="AV1682" s="137"/>
      <c r="AW1682" s="144"/>
    </row>
    <row r="1683" spans="7:49" x14ac:dyDescent="0.2">
      <c r="G1683" s="43"/>
      <c r="Z1683" s="143"/>
      <c r="AA1683" s="137"/>
      <c r="AB1683" s="137"/>
      <c r="AC1683" s="137"/>
      <c r="AD1683" s="137"/>
      <c r="AE1683" s="137"/>
      <c r="AF1683" s="137"/>
      <c r="AG1683" s="137"/>
      <c r="AH1683" s="137"/>
      <c r="AI1683" s="137"/>
      <c r="AJ1683" s="137"/>
      <c r="AK1683" s="137"/>
      <c r="AL1683" s="137"/>
      <c r="AM1683" s="137"/>
      <c r="AN1683" s="137"/>
      <c r="AO1683" s="137"/>
      <c r="AP1683" s="137"/>
      <c r="AQ1683" s="137"/>
      <c r="AR1683" s="137"/>
      <c r="AS1683" s="137"/>
      <c r="AT1683" s="137"/>
      <c r="AU1683" s="137"/>
      <c r="AV1683" s="137"/>
      <c r="AW1683" s="144"/>
    </row>
    <row r="1684" spans="7:49" x14ac:dyDescent="0.2">
      <c r="G1684" s="43"/>
      <c r="Z1684" s="143"/>
      <c r="AA1684" s="137"/>
      <c r="AB1684" s="137"/>
      <c r="AC1684" s="137"/>
      <c r="AD1684" s="137"/>
      <c r="AE1684" s="137"/>
      <c r="AF1684" s="137"/>
      <c r="AG1684" s="137"/>
      <c r="AH1684" s="137"/>
      <c r="AI1684" s="137"/>
      <c r="AJ1684" s="137"/>
      <c r="AK1684" s="137"/>
      <c r="AL1684" s="137"/>
      <c r="AM1684" s="137"/>
      <c r="AN1684" s="137"/>
      <c r="AO1684" s="137"/>
      <c r="AP1684" s="137"/>
      <c r="AQ1684" s="137"/>
      <c r="AR1684" s="137"/>
      <c r="AS1684" s="137"/>
      <c r="AT1684" s="137"/>
      <c r="AU1684" s="137"/>
      <c r="AV1684" s="137"/>
      <c r="AW1684" s="144"/>
    </row>
    <row r="1685" spans="7:49" x14ac:dyDescent="0.2">
      <c r="G1685" s="43"/>
      <c r="Z1685" s="143"/>
      <c r="AA1685" s="137"/>
      <c r="AB1685" s="137"/>
      <c r="AC1685" s="137"/>
      <c r="AD1685" s="137"/>
      <c r="AE1685" s="137"/>
      <c r="AF1685" s="137"/>
      <c r="AG1685" s="137"/>
      <c r="AH1685" s="137"/>
      <c r="AI1685" s="137"/>
      <c r="AJ1685" s="137"/>
      <c r="AK1685" s="137"/>
      <c r="AL1685" s="137"/>
      <c r="AM1685" s="137"/>
      <c r="AN1685" s="137"/>
      <c r="AO1685" s="137"/>
      <c r="AP1685" s="137"/>
      <c r="AQ1685" s="137"/>
      <c r="AR1685" s="137"/>
      <c r="AS1685" s="137"/>
      <c r="AT1685" s="137"/>
      <c r="AU1685" s="137"/>
      <c r="AV1685" s="137"/>
      <c r="AW1685" s="144"/>
    </row>
    <row r="1686" spans="7:49" x14ac:dyDescent="0.2">
      <c r="G1686" s="43"/>
      <c r="Z1686" s="143"/>
      <c r="AA1686" s="137"/>
      <c r="AB1686" s="137"/>
      <c r="AC1686" s="137"/>
      <c r="AD1686" s="137"/>
      <c r="AE1686" s="137"/>
      <c r="AF1686" s="137"/>
      <c r="AG1686" s="137"/>
      <c r="AH1686" s="137"/>
      <c r="AI1686" s="137"/>
      <c r="AJ1686" s="137"/>
      <c r="AK1686" s="137"/>
      <c r="AL1686" s="137"/>
      <c r="AM1686" s="137"/>
      <c r="AN1686" s="137"/>
      <c r="AO1686" s="137"/>
      <c r="AP1686" s="137"/>
      <c r="AQ1686" s="137"/>
      <c r="AR1686" s="137"/>
      <c r="AS1686" s="137"/>
      <c r="AT1686" s="137"/>
      <c r="AU1686" s="137"/>
      <c r="AV1686" s="137"/>
      <c r="AW1686" s="144"/>
    </row>
    <row r="1687" spans="7:49" x14ac:dyDescent="0.2">
      <c r="G1687" s="43"/>
      <c r="Z1687" s="143"/>
      <c r="AA1687" s="137"/>
      <c r="AB1687" s="137"/>
      <c r="AC1687" s="137"/>
      <c r="AD1687" s="137"/>
      <c r="AE1687" s="137"/>
      <c r="AF1687" s="137"/>
      <c r="AG1687" s="137"/>
      <c r="AH1687" s="137"/>
      <c r="AI1687" s="137"/>
      <c r="AJ1687" s="137"/>
      <c r="AK1687" s="137"/>
      <c r="AL1687" s="137"/>
      <c r="AM1687" s="137"/>
      <c r="AN1687" s="137"/>
      <c r="AO1687" s="137"/>
      <c r="AP1687" s="137"/>
      <c r="AQ1687" s="137"/>
      <c r="AR1687" s="137"/>
      <c r="AS1687" s="137"/>
      <c r="AT1687" s="137"/>
      <c r="AU1687" s="137"/>
      <c r="AV1687" s="137"/>
      <c r="AW1687" s="144"/>
    </row>
    <row r="1688" spans="7:49" x14ac:dyDescent="0.2">
      <c r="G1688" s="43"/>
      <c r="Z1688" s="143"/>
      <c r="AA1688" s="137"/>
      <c r="AB1688" s="137"/>
      <c r="AC1688" s="137"/>
      <c r="AD1688" s="137"/>
      <c r="AE1688" s="137"/>
      <c r="AF1688" s="137"/>
      <c r="AG1688" s="137"/>
      <c r="AH1688" s="137"/>
      <c r="AI1688" s="137"/>
      <c r="AJ1688" s="137"/>
      <c r="AK1688" s="137"/>
      <c r="AL1688" s="137"/>
      <c r="AM1688" s="137"/>
      <c r="AN1688" s="137"/>
      <c r="AO1688" s="137"/>
      <c r="AP1688" s="137"/>
      <c r="AQ1688" s="137"/>
      <c r="AR1688" s="137"/>
      <c r="AS1688" s="137"/>
      <c r="AT1688" s="137"/>
      <c r="AU1688" s="137"/>
      <c r="AV1688" s="137"/>
      <c r="AW1688" s="144"/>
    </row>
    <row r="1689" spans="7:49" x14ac:dyDescent="0.2">
      <c r="G1689" s="43"/>
      <c r="Z1689" s="143"/>
      <c r="AA1689" s="137"/>
      <c r="AB1689" s="137"/>
      <c r="AC1689" s="137"/>
      <c r="AD1689" s="137"/>
      <c r="AE1689" s="137"/>
      <c r="AF1689" s="137"/>
      <c r="AG1689" s="137"/>
      <c r="AH1689" s="137"/>
      <c r="AI1689" s="137"/>
      <c r="AJ1689" s="137"/>
      <c r="AK1689" s="137"/>
      <c r="AL1689" s="137"/>
      <c r="AM1689" s="137"/>
      <c r="AN1689" s="137"/>
      <c r="AO1689" s="137"/>
      <c r="AP1689" s="137"/>
      <c r="AQ1689" s="137"/>
      <c r="AR1689" s="137"/>
      <c r="AS1689" s="137"/>
      <c r="AT1689" s="137"/>
      <c r="AU1689" s="137"/>
      <c r="AV1689" s="137"/>
      <c r="AW1689" s="144"/>
    </row>
    <row r="1690" spans="7:49" x14ac:dyDescent="0.2">
      <c r="G1690" s="43"/>
      <c r="Z1690" s="143"/>
      <c r="AA1690" s="137"/>
      <c r="AB1690" s="137"/>
      <c r="AC1690" s="137"/>
      <c r="AD1690" s="137"/>
      <c r="AE1690" s="137"/>
      <c r="AF1690" s="137"/>
      <c r="AG1690" s="137"/>
      <c r="AH1690" s="137"/>
      <c r="AI1690" s="137"/>
      <c r="AJ1690" s="137"/>
      <c r="AK1690" s="137"/>
      <c r="AL1690" s="137"/>
      <c r="AM1690" s="137"/>
      <c r="AN1690" s="137"/>
      <c r="AO1690" s="137"/>
      <c r="AP1690" s="137"/>
      <c r="AQ1690" s="137"/>
      <c r="AR1690" s="137"/>
      <c r="AS1690" s="137"/>
      <c r="AT1690" s="137"/>
      <c r="AU1690" s="137"/>
      <c r="AV1690" s="137"/>
      <c r="AW1690" s="144"/>
    </row>
    <row r="1691" spans="7:49" x14ac:dyDescent="0.2">
      <c r="G1691" s="43"/>
      <c r="Z1691" s="143"/>
      <c r="AA1691" s="137"/>
      <c r="AB1691" s="137"/>
      <c r="AC1691" s="137"/>
      <c r="AD1691" s="137"/>
      <c r="AE1691" s="137"/>
      <c r="AF1691" s="137"/>
      <c r="AG1691" s="137"/>
      <c r="AH1691" s="137"/>
      <c r="AI1691" s="137"/>
      <c r="AJ1691" s="137"/>
      <c r="AK1691" s="137"/>
      <c r="AL1691" s="137"/>
      <c r="AM1691" s="137"/>
      <c r="AN1691" s="137"/>
      <c r="AO1691" s="137"/>
      <c r="AP1691" s="137"/>
      <c r="AQ1691" s="137"/>
      <c r="AR1691" s="137"/>
      <c r="AS1691" s="137"/>
      <c r="AT1691" s="137"/>
      <c r="AU1691" s="137"/>
      <c r="AV1691" s="137"/>
      <c r="AW1691" s="144"/>
    </row>
    <row r="1692" spans="7:49" x14ac:dyDescent="0.2">
      <c r="G1692" s="43"/>
      <c r="Z1692" s="143"/>
      <c r="AA1692" s="137"/>
      <c r="AB1692" s="137"/>
      <c r="AC1692" s="137"/>
      <c r="AD1692" s="137"/>
      <c r="AE1692" s="137"/>
      <c r="AF1692" s="137"/>
      <c r="AG1692" s="137"/>
      <c r="AH1692" s="137"/>
      <c r="AI1692" s="137"/>
      <c r="AJ1692" s="137"/>
      <c r="AK1692" s="137"/>
      <c r="AL1692" s="137"/>
      <c r="AM1692" s="137"/>
      <c r="AN1692" s="137"/>
      <c r="AO1692" s="137"/>
      <c r="AP1692" s="137"/>
      <c r="AQ1692" s="137"/>
      <c r="AR1692" s="137"/>
      <c r="AS1692" s="137"/>
      <c r="AT1692" s="137"/>
      <c r="AU1692" s="137"/>
      <c r="AV1692" s="137"/>
      <c r="AW1692" s="144"/>
    </row>
    <row r="1693" spans="7:49" x14ac:dyDescent="0.2">
      <c r="G1693" s="43"/>
      <c r="Z1693" s="143"/>
      <c r="AA1693" s="137"/>
      <c r="AB1693" s="137"/>
      <c r="AC1693" s="137"/>
      <c r="AD1693" s="137"/>
      <c r="AE1693" s="137"/>
      <c r="AF1693" s="137"/>
      <c r="AG1693" s="137"/>
      <c r="AH1693" s="137"/>
      <c r="AI1693" s="137"/>
      <c r="AJ1693" s="137"/>
      <c r="AK1693" s="137"/>
      <c r="AL1693" s="137"/>
      <c r="AM1693" s="137"/>
      <c r="AN1693" s="137"/>
      <c r="AO1693" s="137"/>
      <c r="AP1693" s="137"/>
      <c r="AQ1693" s="137"/>
      <c r="AR1693" s="137"/>
      <c r="AS1693" s="137"/>
      <c r="AT1693" s="137"/>
      <c r="AU1693" s="137"/>
      <c r="AV1693" s="137"/>
      <c r="AW1693" s="144"/>
    </row>
    <row r="1694" spans="7:49" x14ac:dyDescent="0.2">
      <c r="G1694" s="43"/>
      <c r="Z1694" s="143"/>
      <c r="AA1694" s="137"/>
      <c r="AB1694" s="137"/>
      <c r="AC1694" s="137"/>
      <c r="AD1694" s="137"/>
      <c r="AE1694" s="137"/>
      <c r="AF1694" s="137"/>
      <c r="AG1694" s="137"/>
      <c r="AH1694" s="137"/>
      <c r="AI1694" s="137"/>
      <c r="AJ1694" s="137"/>
      <c r="AK1694" s="137"/>
      <c r="AL1694" s="137"/>
      <c r="AM1694" s="137"/>
      <c r="AN1694" s="137"/>
      <c r="AO1694" s="137"/>
      <c r="AP1694" s="137"/>
      <c r="AQ1694" s="137"/>
      <c r="AR1694" s="137"/>
      <c r="AS1694" s="137"/>
      <c r="AT1694" s="137"/>
      <c r="AU1694" s="137"/>
      <c r="AV1694" s="137"/>
      <c r="AW1694" s="144"/>
    </row>
    <row r="1695" spans="7:49" x14ac:dyDescent="0.2">
      <c r="G1695" s="43"/>
      <c r="Z1695" s="143"/>
      <c r="AA1695" s="137"/>
      <c r="AB1695" s="137"/>
      <c r="AC1695" s="137"/>
      <c r="AD1695" s="137"/>
      <c r="AE1695" s="137"/>
      <c r="AF1695" s="137"/>
      <c r="AG1695" s="137"/>
      <c r="AH1695" s="137"/>
      <c r="AI1695" s="137"/>
      <c r="AJ1695" s="137"/>
      <c r="AK1695" s="137"/>
      <c r="AL1695" s="137"/>
      <c r="AM1695" s="137"/>
      <c r="AN1695" s="137"/>
      <c r="AO1695" s="137"/>
      <c r="AP1695" s="137"/>
      <c r="AQ1695" s="137"/>
      <c r="AR1695" s="137"/>
      <c r="AS1695" s="137"/>
      <c r="AT1695" s="137"/>
      <c r="AU1695" s="137"/>
      <c r="AV1695" s="137"/>
      <c r="AW1695" s="144"/>
    </row>
    <row r="1696" spans="7:49" x14ac:dyDescent="0.2">
      <c r="G1696" s="43"/>
      <c r="Z1696" s="143"/>
      <c r="AA1696" s="137"/>
      <c r="AB1696" s="137"/>
      <c r="AC1696" s="137"/>
      <c r="AD1696" s="137"/>
      <c r="AE1696" s="137"/>
      <c r="AF1696" s="137"/>
      <c r="AG1696" s="137"/>
      <c r="AH1696" s="137"/>
      <c r="AI1696" s="137"/>
      <c r="AJ1696" s="137"/>
      <c r="AK1696" s="137"/>
      <c r="AL1696" s="137"/>
      <c r="AM1696" s="137"/>
      <c r="AN1696" s="137"/>
      <c r="AO1696" s="137"/>
      <c r="AP1696" s="137"/>
      <c r="AQ1696" s="137"/>
      <c r="AR1696" s="137"/>
      <c r="AS1696" s="137"/>
      <c r="AT1696" s="137"/>
      <c r="AU1696" s="137"/>
      <c r="AV1696" s="137"/>
      <c r="AW1696" s="144"/>
    </row>
    <row r="1697" spans="7:49" x14ac:dyDescent="0.2">
      <c r="G1697" s="43"/>
      <c r="Z1697" s="143"/>
      <c r="AA1697" s="137"/>
      <c r="AB1697" s="137"/>
      <c r="AC1697" s="137"/>
      <c r="AD1697" s="137"/>
      <c r="AE1697" s="137"/>
      <c r="AF1697" s="137"/>
      <c r="AG1697" s="137"/>
      <c r="AH1697" s="137"/>
      <c r="AI1697" s="137"/>
      <c r="AJ1697" s="137"/>
      <c r="AK1697" s="137"/>
      <c r="AL1697" s="137"/>
      <c r="AM1697" s="137"/>
      <c r="AN1697" s="137"/>
      <c r="AO1697" s="137"/>
      <c r="AP1697" s="137"/>
      <c r="AQ1697" s="137"/>
      <c r="AR1697" s="137"/>
      <c r="AS1697" s="137"/>
      <c r="AT1697" s="137"/>
      <c r="AU1697" s="137"/>
      <c r="AV1697" s="137"/>
      <c r="AW1697" s="144"/>
    </row>
    <row r="1698" spans="7:49" x14ac:dyDescent="0.2">
      <c r="G1698" s="43"/>
      <c r="Z1698" s="143"/>
      <c r="AA1698" s="137"/>
      <c r="AB1698" s="137"/>
      <c r="AC1698" s="137"/>
      <c r="AD1698" s="137"/>
      <c r="AE1698" s="137"/>
      <c r="AF1698" s="137"/>
      <c r="AG1698" s="137"/>
      <c r="AH1698" s="137"/>
      <c r="AI1698" s="137"/>
      <c r="AJ1698" s="137"/>
      <c r="AK1698" s="137"/>
      <c r="AL1698" s="137"/>
      <c r="AM1698" s="137"/>
      <c r="AN1698" s="137"/>
      <c r="AO1698" s="137"/>
      <c r="AP1698" s="137"/>
      <c r="AQ1698" s="137"/>
      <c r="AR1698" s="137"/>
      <c r="AS1698" s="137"/>
      <c r="AT1698" s="137"/>
      <c r="AU1698" s="137"/>
      <c r="AV1698" s="137"/>
      <c r="AW1698" s="144"/>
    </row>
    <row r="1699" spans="7:49" x14ac:dyDescent="0.2">
      <c r="G1699" s="43"/>
      <c r="Z1699" s="143"/>
      <c r="AA1699" s="137"/>
      <c r="AB1699" s="137"/>
      <c r="AC1699" s="137"/>
      <c r="AD1699" s="137"/>
      <c r="AE1699" s="137"/>
      <c r="AF1699" s="137"/>
      <c r="AG1699" s="137"/>
      <c r="AH1699" s="137"/>
      <c r="AI1699" s="137"/>
      <c r="AJ1699" s="137"/>
      <c r="AK1699" s="137"/>
      <c r="AL1699" s="137"/>
      <c r="AM1699" s="137"/>
      <c r="AN1699" s="137"/>
      <c r="AO1699" s="137"/>
      <c r="AP1699" s="137"/>
      <c r="AQ1699" s="137"/>
      <c r="AR1699" s="137"/>
      <c r="AS1699" s="137"/>
      <c r="AT1699" s="137"/>
      <c r="AU1699" s="137"/>
      <c r="AV1699" s="137"/>
      <c r="AW1699" s="144"/>
    </row>
    <row r="1700" spans="7:49" x14ac:dyDescent="0.2">
      <c r="G1700" s="43"/>
      <c r="Z1700" s="143"/>
      <c r="AA1700" s="137"/>
      <c r="AB1700" s="137"/>
      <c r="AC1700" s="137"/>
      <c r="AD1700" s="137"/>
      <c r="AE1700" s="137"/>
      <c r="AF1700" s="137"/>
      <c r="AG1700" s="137"/>
      <c r="AH1700" s="137"/>
      <c r="AI1700" s="137"/>
      <c r="AJ1700" s="137"/>
      <c r="AK1700" s="137"/>
      <c r="AL1700" s="137"/>
      <c r="AM1700" s="137"/>
      <c r="AN1700" s="137"/>
      <c r="AO1700" s="137"/>
      <c r="AP1700" s="137"/>
      <c r="AQ1700" s="137"/>
      <c r="AR1700" s="137"/>
      <c r="AS1700" s="137"/>
      <c r="AT1700" s="137"/>
      <c r="AU1700" s="137"/>
      <c r="AV1700" s="137"/>
      <c r="AW1700" s="144"/>
    </row>
    <row r="1701" spans="7:49" x14ac:dyDescent="0.2">
      <c r="G1701" s="43"/>
      <c r="Z1701" s="143"/>
      <c r="AA1701" s="137"/>
      <c r="AB1701" s="137"/>
      <c r="AC1701" s="137"/>
      <c r="AD1701" s="137"/>
      <c r="AE1701" s="137"/>
      <c r="AF1701" s="137"/>
      <c r="AG1701" s="137"/>
      <c r="AH1701" s="137"/>
      <c r="AI1701" s="137"/>
      <c r="AJ1701" s="137"/>
      <c r="AK1701" s="137"/>
      <c r="AL1701" s="137"/>
      <c r="AM1701" s="137"/>
      <c r="AN1701" s="137"/>
      <c r="AO1701" s="137"/>
      <c r="AP1701" s="137"/>
      <c r="AQ1701" s="137"/>
      <c r="AR1701" s="137"/>
      <c r="AS1701" s="137"/>
      <c r="AT1701" s="137"/>
      <c r="AU1701" s="137"/>
      <c r="AV1701" s="137"/>
      <c r="AW1701" s="144"/>
    </row>
    <row r="1702" spans="7:49" x14ac:dyDescent="0.2">
      <c r="G1702" s="43"/>
      <c r="Z1702" s="143"/>
      <c r="AA1702" s="137"/>
      <c r="AB1702" s="137"/>
      <c r="AC1702" s="137"/>
      <c r="AD1702" s="137"/>
      <c r="AE1702" s="137"/>
      <c r="AF1702" s="137"/>
      <c r="AG1702" s="137"/>
      <c r="AH1702" s="137"/>
      <c r="AI1702" s="137"/>
      <c r="AJ1702" s="137"/>
      <c r="AK1702" s="137"/>
      <c r="AL1702" s="137"/>
      <c r="AM1702" s="137"/>
      <c r="AN1702" s="137"/>
      <c r="AO1702" s="137"/>
      <c r="AP1702" s="137"/>
      <c r="AQ1702" s="137"/>
      <c r="AR1702" s="137"/>
      <c r="AS1702" s="137"/>
      <c r="AT1702" s="137"/>
      <c r="AU1702" s="137"/>
      <c r="AV1702" s="137"/>
      <c r="AW1702" s="144"/>
    </row>
    <row r="1703" spans="7:49" x14ac:dyDescent="0.2">
      <c r="G1703" s="43"/>
      <c r="Z1703" s="143"/>
      <c r="AA1703" s="137"/>
      <c r="AB1703" s="137"/>
      <c r="AC1703" s="137"/>
      <c r="AD1703" s="137"/>
      <c r="AE1703" s="137"/>
      <c r="AF1703" s="137"/>
      <c r="AG1703" s="137"/>
      <c r="AH1703" s="137"/>
      <c r="AI1703" s="137"/>
      <c r="AJ1703" s="137"/>
      <c r="AK1703" s="137"/>
      <c r="AL1703" s="137"/>
      <c r="AM1703" s="137"/>
      <c r="AN1703" s="137"/>
      <c r="AO1703" s="137"/>
      <c r="AP1703" s="137"/>
      <c r="AQ1703" s="137"/>
      <c r="AR1703" s="137"/>
      <c r="AS1703" s="137"/>
      <c r="AT1703" s="137"/>
      <c r="AU1703" s="137"/>
      <c r="AV1703" s="137"/>
      <c r="AW1703" s="144"/>
    </row>
    <row r="1704" spans="7:49" x14ac:dyDescent="0.2">
      <c r="G1704" s="43"/>
      <c r="Z1704" s="143"/>
      <c r="AA1704" s="137"/>
      <c r="AB1704" s="137"/>
      <c r="AC1704" s="137"/>
      <c r="AD1704" s="137"/>
      <c r="AE1704" s="137"/>
      <c r="AF1704" s="137"/>
      <c r="AG1704" s="137"/>
      <c r="AH1704" s="137"/>
      <c r="AI1704" s="137"/>
      <c r="AJ1704" s="137"/>
      <c r="AK1704" s="137"/>
      <c r="AL1704" s="137"/>
      <c r="AM1704" s="137"/>
      <c r="AN1704" s="137"/>
      <c r="AO1704" s="137"/>
      <c r="AP1704" s="137"/>
      <c r="AQ1704" s="137"/>
      <c r="AR1704" s="137"/>
      <c r="AS1704" s="137"/>
      <c r="AT1704" s="137"/>
      <c r="AU1704" s="137"/>
      <c r="AV1704" s="137"/>
      <c r="AW1704" s="144"/>
    </row>
    <row r="1705" spans="7:49" x14ac:dyDescent="0.2">
      <c r="G1705" s="43"/>
      <c r="Z1705" s="143"/>
      <c r="AA1705" s="137"/>
      <c r="AB1705" s="137"/>
      <c r="AC1705" s="137"/>
      <c r="AD1705" s="137"/>
      <c r="AE1705" s="137"/>
      <c r="AF1705" s="137"/>
      <c r="AG1705" s="137"/>
      <c r="AH1705" s="137"/>
      <c r="AI1705" s="137"/>
      <c r="AJ1705" s="137"/>
      <c r="AK1705" s="137"/>
      <c r="AL1705" s="137"/>
      <c r="AM1705" s="137"/>
      <c r="AN1705" s="137"/>
      <c r="AO1705" s="137"/>
      <c r="AP1705" s="137"/>
      <c r="AQ1705" s="137"/>
      <c r="AR1705" s="137"/>
      <c r="AS1705" s="137"/>
      <c r="AT1705" s="137"/>
      <c r="AU1705" s="137"/>
      <c r="AV1705" s="137"/>
      <c r="AW1705" s="144"/>
    </row>
    <row r="1706" spans="7:49" x14ac:dyDescent="0.2">
      <c r="G1706" s="43"/>
      <c r="Z1706" s="143"/>
      <c r="AA1706" s="137"/>
      <c r="AB1706" s="137"/>
      <c r="AC1706" s="137"/>
      <c r="AD1706" s="137"/>
      <c r="AE1706" s="137"/>
      <c r="AF1706" s="137"/>
      <c r="AG1706" s="137"/>
      <c r="AH1706" s="137"/>
      <c r="AI1706" s="137"/>
      <c r="AJ1706" s="137"/>
      <c r="AK1706" s="137"/>
      <c r="AL1706" s="137"/>
      <c r="AM1706" s="137"/>
      <c r="AN1706" s="137"/>
      <c r="AO1706" s="137"/>
      <c r="AP1706" s="137"/>
      <c r="AQ1706" s="137"/>
      <c r="AR1706" s="137"/>
      <c r="AS1706" s="137"/>
      <c r="AT1706" s="137"/>
      <c r="AU1706" s="137"/>
      <c r="AV1706" s="137"/>
      <c r="AW1706" s="144"/>
    </row>
    <row r="1707" spans="7:49" x14ac:dyDescent="0.2">
      <c r="G1707" s="43"/>
      <c r="Z1707" s="143"/>
      <c r="AA1707" s="137"/>
      <c r="AB1707" s="137"/>
      <c r="AC1707" s="137"/>
      <c r="AD1707" s="137"/>
      <c r="AE1707" s="137"/>
      <c r="AF1707" s="137"/>
      <c r="AG1707" s="137"/>
      <c r="AH1707" s="137"/>
      <c r="AI1707" s="137"/>
      <c r="AJ1707" s="137"/>
      <c r="AK1707" s="137"/>
      <c r="AL1707" s="137"/>
      <c r="AM1707" s="137"/>
      <c r="AN1707" s="137"/>
      <c r="AO1707" s="137"/>
      <c r="AP1707" s="137"/>
      <c r="AQ1707" s="137"/>
      <c r="AR1707" s="137"/>
      <c r="AS1707" s="137"/>
      <c r="AT1707" s="137"/>
      <c r="AU1707" s="137"/>
      <c r="AV1707" s="137"/>
      <c r="AW1707" s="144"/>
    </row>
    <row r="1708" spans="7:49" x14ac:dyDescent="0.2">
      <c r="G1708" s="43"/>
      <c r="Z1708" s="143"/>
      <c r="AA1708" s="137"/>
      <c r="AB1708" s="137"/>
      <c r="AC1708" s="137"/>
      <c r="AD1708" s="137"/>
      <c r="AE1708" s="137"/>
      <c r="AF1708" s="137"/>
      <c r="AG1708" s="137"/>
      <c r="AH1708" s="137"/>
      <c r="AI1708" s="137"/>
      <c r="AJ1708" s="137"/>
      <c r="AK1708" s="137"/>
      <c r="AL1708" s="137"/>
      <c r="AM1708" s="137"/>
      <c r="AN1708" s="137"/>
      <c r="AO1708" s="137"/>
      <c r="AP1708" s="137"/>
      <c r="AQ1708" s="137"/>
      <c r="AR1708" s="137"/>
      <c r="AS1708" s="137"/>
      <c r="AT1708" s="137"/>
      <c r="AU1708" s="137"/>
      <c r="AV1708" s="137"/>
      <c r="AW1708" s="144"/>
    </row>
    <row r="1709" spans="7:49" x14ac:dyDescent="0.2">
      <c r="G1709" s="43"/>
      <c r="Z1709" s="143"/>
      <c r="AA1709" s="137"/>
      <c r="AB1709" s="137"/>
      <c r="AC1709" s="137"/>
      <c r="AD1709" s="137"/>
      <c r="AE1709" s="137"/>
      <c r="AF1709" s="137"/>
      <c r="AG1709" s="137"/>
      <c r="AH1709" s="137"/>
      <c r="AI1709" s="137"/>
      <c r="AJ1709" s="137"/>
      <c r="AK1709" s="137"/>
      <c r="AL1709" s="137"/>
      <c r="AM1709" s="137"/>
      <c r="AN1709" s="137"/>
      <c r="AO1709" s="137"/>
      <c r="AP1709" s="137"/>
      <c r="AQ1709" s="137"/>
      <c r="AR1709" s="137"/>
      <c r="AS1709" s="137"/>
      <c r="AT1709" s="137"/>
      <c r="AU1709" s="137"/>
      <c r="AV1709" s="137"/>
      <c r="AW1709" s="144"/>
    </row>
    <row r="1710" spans="7:49" x14ac:dyDescent="0.2">
      <c r="G1710" s="43"/>
      <c r="Z1710" s="143"/>
      <c r="AA1710" s="137"/>
      <c r="AB1710" s="137"/>
      <c r="AC1710" s="137"/>
      <c r="AD1710" s="137"/>
      <c r="AE1710" s="137"/>
      <c r="AF1710" s="137"/>
      <c r="AG1710" s="137"/>
      <c r="AH1710" s="137"/>
      <c r="AI1710" s="137"/>
      <c r="AJ1710" s="137"/>
      <c r="AK1710" s="137"/>
      <c r="AL1710" s="137"/>
      <c r="AM1710" s="137"/>
      <c r="AN1710" s="137"/>
      <c r="AO1710" s="137"/>
      <c r="AP1710" s="137"/>
      <c r="AQ1710" s="137"/>
      <c r="AR1710" s="137"/>
      <c r="AS1710" s="137"/>
      <c r="AT1710" s="137"/>
      <c r="AU1710" s="137"/>
      <c r="AV1710" s="137"/>
      <c r="AW1710" s="144"/>
    </row>
    <row r="1711" spans="7:49" x14ac:dyDescent="0.2">
      <c r="G1711" s="43"/>
      <c r="Z1711" s="143"/>
      <c r="AA1711" s="137"/>
      <c r="AB1711" s="137"/>
      <c r="AC1711" s="137"/>
      <c r="AD1711" s="137"/>
      <c r="AE1711" s="137"/>
      <c r="AF1711" s="137"/>
      <c r="AG1711" s="137"/>
      <c r="AH1711" s="137"/>
      <c r="AI1711" s="137"/>
      <c r="AJ1711" s="137"/>
      <c r="AK1711" s="137"/>
      <c r="AL1711" s="137"/>
      <c r="AM1711" s="137"/>
      <c r="AN1711" s="137"/>
      <c r="AO1711" s="137"/>
      <c r="AP1711" s="137"/>
      <c r="AQ1711" s="137"/>
      <c r="AR1711" s="137"/>
      <c r="AS1711" s="137"/>
      <c r="AT1711" s="137"/>
      <c r="AU1711" s="137"/>
      <c r="AV1711" s="137"/>
      <c r="AW1711" s="144"/>
    </row>
    <row r="1712" spans="7:49" x14ac:dyDescent="0.2">
      <c r="G1712" s="43"/>
      <c r="Z1712" s="143"/>
      <c r="AA1712" s="137"/>
      <c r="AB1712" s="137"/>
      <c r="AC1712" s="137"/>
      <c r="AD1712" s="137"/>
      <c r="AE1712" s="137"/>
      <c r="AF1712" s="137"/>
      <c r="AG1712" s="137"/>
      <c r="AH1712" s="137"/>
      <c r="AI1712" s="137"/>
      <c r="AJ1712" s="137"/>
      <c r="AK1712" s="137"/>
      <c r="AL1712" s="137"/>
      <c r="AM1712" s="137"/>
      <c r="AN1712" s="137"/>
      <c r="AO1712" s="137"/>
      <c r="AP1712" s="137"/>
      <c r="AQ1712" s="137"/>
      <c r="AR1712" s="137"/>
      <c r="AS1712" s="137"/>
      <c r="AT1712" s="137"/>
      <c r="AU1712" s="137"/>
      <c r="AV1712" s="137"/>
      <c r="AW1712" s="144"/>
    </row>
    <row r="1713" spans="7:49" x14ac:dyDescent="0.2">
      <c r="G1713" s="43"/>
      <c r="Z1713" s="143"/>
      <c r="AA1713" s="137"/>
      <c r="AB1713" s="137"/>
      <c r="AC1713" s="137"/>
      <c r="AD1713" s="137"/>
      <c r="AE1713" s="137"/>
      <c r="AF1713" s="137"/>
      <c r="AG1713" s="137"/>
      <c r="AH1713" s="137"/>
      <c r="AI1713" s="137"/>
      <c r="AJ1713" s="137"/>
      <c r="AK1713" s="137"/>
      <c r="AL1713" s="137"/>
      <c r="AM1713" s="137"/>
      <c r="AN1713" s="137"/>
      <c r="AO1713" s="137"/>
      <c r="AP1713" s="137"/>
      <c r="AQ1713" s="137"/>
      <c r="AR1713" s="137"/>
      <c r="AS1713" s="137"/>
      <c r="AT1713" s="137"/>
      <c r="AU1713" s="137"/>
      <c r="AV1713" s="137"/>
      <c r="AW1713" s="144"/>
    </row>
    <row r="1714" spans="7:49" x14ac:dyDescent="0.2">
      <c r="G1714" s="43"/>
      <c r="Z1714" s="143"/>
      <c r="AA1714" s="137"/>
      <c r="AB1714" s="137"/>
      <c r="AC1714" s="137"/>
      <c r="AD1714" s="137"/>
      <c r="AE1714" s="137"/>
      <c r="AF1714" s="137"/>
      <c r="AG1714" s="137"/>
      <c r="AH1714" s="137"/>
      <c r="AI1714" s="137"/>
      <c r="AJ1714" s="137"/>
      <c r="AK1714" s="137"/>
      <c r="AL1714" s="137"/>
      <c r="AM1714" s="137"/>
      <c r="AN1714" s="137"/>
      <c r="AO1714" s="137"/>
      <c r="AP1714" s="137"/>
      <c r="AQ1714" s="137"/>
      <c r="AR1714" s="137"/>
      <c r="AS1714" s="137"/>
      <c r="AT1714" s="137"/>
      <c r="AU1714" s="137"/>
      <c r="AV1714" s="137"/>
      <c r="AW1714" s="144"/>
    </row>
    <row r="1715" spans="7:49" x14ac:dyDescent="0.2">
      <c r="G1715" s="43"/>
      <c r="Z1715" s="143"/>
      <c r="AA1715" s="137"/>
      <c r="AB1715" s="137"/>
      <c r="AC1715" s="137"/>
      <c r="AD1715" s="137"/>
      <c r="AE1715" s="137"/>
      <c r="AF1715" s="137"/>
      <c r="AG1715" s="137"/>
      <c r="AH1715" s="137"/>
      <c r="AI1715" s="137"/>
      <c r="AJ1715" s="137"/>
      <c r="AK1715" s="137"/>
      <c r="AL1715" s="137"/>
      <c r="AM1715" s="137"/>
      <c r="AN1715" s="137"/>
      <c r="AO1715" s="137"/>
      <c r="AP1715" s="137"/>
      <c r="AQ1715" s="137"/>
      <c r="AR1715" s="137"/>
      <c r="AS1715" s="137"/>
      <c r="AT1715" s="137"/>
      <c r="AU1715" s="137"/>
      <c r="AV1715" s="137"/>
      <c r="AW1715" s="144"/>
    </row>
    <row r="1716" spans="7:49" x14ac:dyDescent="0.2">
      <c r="G1716" s="43"/>
      <c r="Z1716" s="143"/>
      <c r="AA1716" s="137"/>
      <c r="AB1716" s="137"/>
      <c r="AC1716" s="137"/>
      <c r="AD1716" s="137"/>
      <c r="AE1716" s="137"/>
      <c r="AF1716" s="137"/>
      <c r="AG1716" s="137"/>
      <c r="AH1716" s="137"/>
      <c r="AI1716" s="137"/>
      <c r="AJ1716" s="137"/>
      <c r="AK1716" s="137"/>
      <c r="AL1716" s="137"/>
      <c r="AM1716" s="137"/>
      <c r="AN1716" s="137"/>
      <c r="AO1716" s="137"/>
      <c r="AP1716" s="137"/>
      <c r="AQ1716" s="137"/>
      <c r="AR1716" s="137"/>
      <c r="AS1716" s="137"/>
      <c r="AT1716" s="137"/>
      <c r="AU1716" s="137"/>
      <c r="AV1716" s="137"/>
      <c r="AW1716" s="144"/>
    </row>
    <row r="1717" spans="7:49" x14ac:dyDescent="0.2">
      <c r="G1717" s="43"/>
      <c r="Z1717" s="143"/>
      <c r="AA1717" s="137"/>
      <c r="AB1717" s="137"/>
      <c r="AC1717" s="137"/>
      <c r="AD1717" s="137"/>
      <c r="AE1717" s="137"/>
      <c r="AF1717" s="137"/>
      <c r="AG1717" s="137"/>
      <c r="AH1717" s="137"/>
      <c r="AI1717" s="137"/>
      <c r="AJ1717" s="137"/>
      <c r="AK1717" s="137"/>
      <c r="AL1717" s="137"/>
      <c r="AM1717" s="137"/>
      <c r="AN1717" s="137"/>
      <c r="AO1717" s="137"/>
      <c r="AP1717" s="137"/>
      <c r="AQ1717" s="137"/>
      <c r="AR1717" s="137"/>
      <c r="AS1717" s="137"/>
      <c r="AT1717" s="137"/>
      <c r="AU1717" s="137"/>
      <c r="AV1717" s="137"/>
      <c r="AW1717" s="144"/>
    </row>
    <row r="1718" spans="7:49" x14ac:dyDescent="0.2">
      <c r="G1718" s="43"/>
      <c r="Z1718" s="143"/>
      <c r="AA1718" s="137"/>
      <c r="AB1718" s="137"/>
      <c r="AC1718" s="137"/>
      <c r="AD1718" s="137"/>
      <c r="AE1718" s="137"/>
      <c r="AF1718" s="137"/>
      <c r="AG1718" s="137"/>
      <c r="AH1718" s="137"/>
      <c r="AI1718" s="137"/>
      <c r="AJ1718" s="137"/>
      <c r="AK1718" s="137"/>
      <c r="AL1718" s="137"/>
      <c r="AM1718" s="137"/>
      <c r="AN1718" s="137"/>
      <c r="AO1718" s="137"/>
      <c r="AP1718" s="137"/>
      <c r="AQ1718" s="137"/>
      <c r="AR1718" s="137"/>
      <c r="AS1718" s="137"/>
      <c r="AT1718" s="137"/>
      <c r="AU1718" s="137"/>
      <c r="AV1718" s="137"/>
      <c r="AW1718" s="144"/>
    </row>
    <row r="1719" spans="7:49" x14ac:dyDescent="0.2">
      <c r="G1719" s="43"/>
      <c r="Z1719" s="143"/>
      <c r="AA1719" s="137"/>
      <c r="AB1719" s="137"/>
      <c r="AC1719" s="137"/>
      <c r="AD1719" s="137"/>
      <c r="AE1719" s="137"/>
      <c r="AF1719" s="137"/>
      <c r="AG1719" s="137"/>
      <c r="AH1719" s="137"/>
      <c r="AI1719" s="137"/>
      <c r="AJ1719" s="137"/>
      <c r="AK1719" s="137"/>
      <c r="AL1719" s="137"/>
      <c r="AM1719" s="137"/>
      <c r="AN1719" s="137"/>
      <c r="AO1719" s="137"/>
      <c r="AP1719" s="137"/>
      <c r="AQ1719" s="137"/>
      <c r="AR1719" s="137"/>
      <c r="AS1719" s="137"/>
      <c r="AT1719" s="137"/>
      <c r="AU1719" s="137"/>
      <c r="AV1719" s="137"/>
      <c r="AW1719" s="144"/>
    </row>
    <row r="1720" spans="7:49" x14ac:dyDescent="0.2">
      <c r="G1720" s="43"/>
      <c r="Z1720" s="143"/>
      <c r="AA1720" s="137"/>
      <c r="AB1720" s="137"/>
      <c r="AC1720" s="137"/>
      <c r="AD1720" s="137"/>
      <c r="AE1720" s="137"/>
      <c r="AF1720" s="137"/>
      <c r="AG1720" s="137"/>
      <c r="AH1720" s="137"/>
      <c r="AI1720" s="137"/>
      <c r="AJ1720" s="137"/>
      <c r="AK1720" s="137"/>
      <c r="AL1720" s="137"/>
      <c r="AM1720" s="137"/>
      <c r="AN1720" s="137"/>
      <c r="AO1720" s="137"/>
      <c r="AP1720" s="137"/>
      <c r="AQ1720" s="137"/>
      <c r="AR1720" s="137"/>
      <c r="AS1720" s="137"/>
      <c r="AT1720" s="137"/>
      <c r="AU1720" s="137"/>
      <c r="AV1720" s="137"/>
      <c r="AW1720" s="144"/>
    </row>
    <row r="1721" spans="7:49" x14ac:dyDescent="0.2">
      <c r="G1721" s="43"/>
      <c r="Z1721" s="143"/>
      <c r="AA1721" s="137"/>
      <c r="AB1721" s="137"/>
      <c r="AC1721" s="137"/>
      <c r="AD1721" s="137"/>
      <c r="AE1721" s="137"/>
      <c r="AF1721" s="137"/>
      <c r="AG1721" s="137"/>
      <c r="AH1721" s="137"/>
      <c r="AI1721" s="137"/>
      <c r="AJ1721" s="137"/>
      <c r="AK1721" s="137"/>
      <c r="AL1721" s="137"/>
      <c r="AM1721" s="137"/>
      <c r="AN1721" s="137"/>
      <c r="AO1721" s="137"/>
      <c r="AP1721" s="137"/>
      <c r="AQ1721" s="137"/>
      <c r="AR1721" s="137"/>
      <c r="AS1721" s="137"/>
      <c r="AT1721" s="137"/>
      <c r="AU1721" s="137"/>
      <c r="AV1721" s="137"/>
      <c r="AW1721" s="144"/>
    </row>
    <row r="1722" spans="7:49" x14ac:dyDescent="0.2">
      <c r="G1722" s="43"/>
      <c r="Z1722" s="143"/>
      <c r="AA1722" s="137"/>
      <c r="AB1722" s="137"/>
      <c r="AC1722" s="137"/>
      <c r="AD1722" s="137"/>
      <c r="AE1722" s="137"/>
      <c r="AF1722" s="137"/>
      <c r="AG1722" s="137"/>
      <c r="AH1722" s="137"/>
      <c r="AI1722" s="137"/>
      <c r="AJ1722" s="137"/>
      <c r="AK1722" s="137"/>
      <c r="AL1722" s="137"/>
      <c r="AM1722" s="137"/>
      <c r="AN1722" s="137"/>
      <c r="AO1722" s="137"/>
      <c r="AP1722" s="137"/>
      <c r="AQ1722" s="137"/>
      <c r="AR1722" s="137"/>
      <c r="AS1722" s="137"/>
      <c r="AT1722" s="137"/>
      <c r="AU1722" s="137"/>
      <c r="AV1722" s="137"/>
      <c r="AW1722" s="144"/>
    </row>
    <row r="1723" spans="7:49" x14ac:dyDescent="0.2">
      <c r="G1723" s="43"/>
      <c r="Z1723" s="143"/>
      <c r="AA1723" s="137"/>
      <c r="AB1723" s="137"/>
      <c r="AC1723" s="137"/>
      <c r="AD1723" s="137"/>
      <c r="AE1723" s="137"/>
      <c r="AF1723" s="137"/>
      <c r="AG1723" s="137"/>
      <c r="AH1723" s="137"/>
      <c r="AI1723" s="137"/>
      <c r="AJ1723" s="137"/>
      <c r="AK1723" s="137"/>
      <c r="AL1723" s="137"/>
      <c r="AM1723" s="137"/>
      <c r="AN1723" s="137"/>
      <c r="AO1723" s="137"/>
      <c r="AP1723" s="137"/>
      <c r="AQ1723" s="137"/>
      <c r="AR1723" s="137"/>
      <c r="AS1723" s="137"/>
      <c r="AT1723" s="137"/>
      <c r="AU1723" s="137"/>
      <c r="AV1723" s="137"/>
      <c r="AW1723" s="144"/>
    </row>
    <row r="1724" spans="7:49" x14ac:dyDescent="0.2">
      <c r="G1724" s="43"/>
      <c r="Z1724" s="143"/>
      <c r="AA1724" s="137"/>
      <c r="AB1724" s="137"/>
      <c r="AC1724" s="137"/>
      <c r="AD1724" s="137"/>
      <c r="AE1724" s="137"/>
      <c r="AF1724" s="137"/>
      <c r="AG1724" s="137"/>
      <c r="AH1724" s="137"/>
      <c r="AI1724" s="137"/>
      <c r="AJ1724" s="137"/>
      <c r="AK1724" s="137"/>
      <c r="AL1724" s="137"/>
      <c r="AM1724" s="137"/>
      <c r="AN1724" s="137"/>
      <c r="AO1724" s="137"/>
      <c r="AP1724" s="137"/>
      <c r="AQ1724" s="137"/>
      <c r="AR1724" s="137"/>
      <c r="AS1724" s="137"/>
      <c r="AT1724" s="137"/>
      <c r="AU1724" s="137"/>
      <c r="AV1724" s="137"/>
      <c r="AW1724" s="144"/>
    </row>
    <row r="1725" spans="7:49" x14ac:dyDescent="0.2">
      <c r="G1725" s="43"/>
      <c r="Z1725" s="143"/>
      <c r="AA1725" s="137"/>
      <c r="AB1725" s="137"/>
      <c r="AC1725" s="137"/>
      <c r="AD1725" s="137"/>
      <c r="AE1725" s="137"/>
      <c r="AF1725" s="137"/>
      <c r="AG1725" s="137"/>
      <c r="AH1725" s="137"/>
      <c r="AI1725" s="137"/>
      <c r="AJ1725" s="137"/>
      <c r="AK1725" s="137"/>
      <c r="AL1725" s="137"/>
      <c r="AM1725" s="137"/>
      <c r="AN1725" s="137"/>
      <c r="AO1725" s="137"/>
      <c r="AP1725" s="137"/>
      <c r="AQ1725" s="137"/>
      <c r="AR1725" s="137"/>
      <c r="AS1725" s="137"/>
      <c r="AT1725" s="137"/>
      <c r="AU1725" s="137"/>
      <c r="AV1725" s="137"/>
      <c r="AW1725" s="144"/>
    </row>
    <row r="1726" spans="7:49" x14ac:dyDescent="0.2">
      <c r="G1726" s="43"/>
      <c r="Z1726" s="143"/>
      <c r="AA1726" s="137"/>
      <c r="AB1726" s="137"/>
      <c r="AC1726" s="137"/>
      <c r="AD1726" s="137"/>
      <c r="AE1726" s="137"/>
      <c r="AF1726" s="137"/>
      <c r="AG1726" s="137"/>
      <c r="AH1726" s="137"/>
      <c r="AI1726" s="137"/>
      <c r="AJ1726" s="137"/>
      <c r="AK1726" s="137"/>
      <c r="AL1726" s="137"/>
      <c r="AM1726" s="137"/>
      <c r="AN1726" s="137"/>
      <c r="AO1726" s="137"/>
      <c r="AP1726" s="137"/>
      <c r="AQ1726" s="137"/>
      <c r="AR1726" s="137"/>
      <c r="AS1726" s="137"/>
      <c r="AT1726" s="137"/>
      <c r="AU1726" s="137"/>
      <c r="AV1726" s="137"/>
      <c r="AW1726" s="144"/>
    </row>
    <row r="1727" spans="7:49" x14ac:dyDescent="0.2">
      <c r="G1727" s="43"/>
      <c r="Z1727" s="143"/>
      <c r="AA1727" s="137"/>
      <c r="AB1727" s="137"/>
      <c r="AC1727" s="137"/>
      <c r="AD1727" s="137"/>
      <c r="AE1727" s="137"/>
      <c r="AF1727" s="137"/>
      <c r="AG1727" s="137"/>
      <c r="AH1727" s="137"/>
      <c r="AI1727" s="137"/>
      <c r="AJ1727" s="137"/>
      <c r="AK1727" s="137"/>
      <c r="AL1727" s="137"/>
      <c r="AM1727" s="137"/>
      <c r="AN1727" s="137"/>
      <c r="AO1727" s="137"/>
      <c r="AP1727" s="137"/>
      <c r="AQ1727" s="137"/>
      <c r="AR1727" s="137"/>
      <c r="AS1727" s="137"/>
      <c r="AT1727" s="137"/>
      <c r="AU1727" s="137"/>
      <c r="AV1727" s="137"/>
      <c r="AW1727" s="144"/>
    </row>
    <row r="1728" spans="7:49" x14ac:dyDescent="0.2">
      <c r="G1728" s="43"/>
      <c r="Z1728" s="143"/>
      <c r="AA1728" s="137"/>
      <c r="AB1728" s="137"/>
      <c r="AC1728" s="137"/>
      <c r="AD1728" s="137"/>
      <c r="AE1728" s="137"/>
      <c r="AF1728" s="137"/>
      <c r="AG1728" s="137"/>
      <c r="AH1728" s="137"/>
      <c r="AI1728" s="137"/>
      <c r="AJ1728" s="137"/>
      <c r="AK1728" s="137"/>
      <c r="AL1728" s="137"/>
      <c r="AM1728" s="137"/>
      <c r="AN1728" s="137"/>
      <c r="AO1728" s="137"/>
      <c r="AP1728" s="137"/>
      <c r="AQ1728" s="137"/>
      <c r="AR1728" s="137"/>
      <c r="AS1728" s="137"/>
      <c r="AT1728" s="137"/>
      <c r="AU1728" s="137"/>
      <c r="AV1728" s="137"/>
      <c r="AW1728" s="144"/>
    </row>
    <row r="1729" spans="7:49" x14ac:dyDescent="0.2">
      <c r="G1729" s="43"/>
      <c r="Z1729" s="143"/>
      <c r="AA1729" s="137"/>
      <c r="AB1729" s="137"/>
      <c r="AC1729" s="137"/>
      <c r="AD1729" s="137"/>
      <c r="AE1729" s="137"/>
      <c r="AF1729" s="137"/>
      <c r="AG1729" s="137"/>
      <c r="AH1729" s="137"/>
      <c r="AI1729" s="137"/>
      <c r="AJ1729" s="137"/>
      <c r="AK1729" s="137"/>
      <c r="AL1729" s="137"/>
      <c r="AM1729" s="137"/>
      <c r="AN1729" s="137"/>
      <c r="AO1729" s="137"/>
      <c r="AP1729" s="137"/>
      <c r="AQ1729" s="137"/>
      <c r="AR1729" s="137"/>
      <c r="AS1729" s="137"/>
      <c r="AT1729" s="137"/>
      <c r="AU1729" s="137"/>
      <c r="AV1729" s="137"/>
      <c r="AW1729" s="144"/>
    </row>
    <row r="1730" spans="7:49" x14ac:dyDescent="0.2">
      <c r="G1730" s="43"/>
      <c r="Z1730" s="143"/>
      <c r="AA1730" s="137"/>
      <c r="AB1730" s="137"/>
      <c r="AC1730" s="137"/>
      <c r="AD1730" s="137"/>
      <c r="AE1730" s="137"/>
      <c r="AF1730" s="137"/>
      <c r="AG1730" s="137"/>
      <c r="AH1730" s="137"/>
      <c r="AI1730" s="137"/>
      <c r="AJ1730" s="137"/>
      <c r="AK1730" s="137"/>
      <c r="AL1730" s="137"/>
      <c r="AM1730" s="137"/>
      <c r="AN1730" s="137"/>
      <c r="AO1730" s="137"/>
      <c r="AP1730" s="137"/>
      <c r="AQ1730" s="137"/>
      <c r="AR1730" s="137"/>
      <c r="AS1730" s="137"/>
      <c r="AT1730" s="137"/>
      <c r="AU1730" s="137"/>
      <c r="AV1730" s="137"/>
      <c r="AW1730" s="144"/>
    </row>
    <row r="1731" spans="7:49" x14ac:dyDescent="0.2">
      <c r="G1731" s="43"/>
      <c r="Z1731" s="143"/>
      <c r="AA1731" s="137"/>
      <c r="AB1731" s="137"/>
      <c r="AC1731" s="137"/>
      <c r="AD1731" s="137"/>
      <c r="AE1731" s="137"/>
      <c r="AF1731" s="137"/>
      <c r="AG1731" s="137"/>
      <c r="AH1731" s="137"/>
      <c r="AI1731" s="137"/>
      <c r="AJ1731" s="137"/>
      <c r="AK1731" s="137"/>
      <c r="AL1731" s="137"/>
      <c r="AM1731" s="137"/>
      <c r="AN1731" s="137"/>
      <c r="AO1731" s="137"/>
      <c r="AP1731" s="137"/>
      <c r="AQ1731" s="137"/>
      <c r="AR1731" s="137"/>
      <c r="AS1731" s="137"/>
      <c r="AT1731" s="137"/>
      <c r="AU1731" s="137"/>
      <c r="AV1731" s="137"/>
      <c r="AW1731" s="144"/>
    </row>
    <row r="1732" spans="7:49" x14ac:dyDescent="0.2">
      <c r="G1732" s="43"/>
      <c r="Z1732" s="143"/>
      <c r="AA1732" s="137"/>
      <c r="AB1732" s="137"/>
      <c r="AC1732" s="137"/>
      <c r="AD1732" s="137"/>
      <c r="AE1732" s="137"/>
      <c r="AF1732" s="137"/>
      <c r="AG1732" s="137"/>
      <c r="AH1732" s="137"/>
      <c r="AI1732" s="137"/>
      <c r="AJ1732" s="137"/>
      <c r="AK1732" s="137"/>
      <c r="AL1732" s="137"/>
      <c r="AM1732" s="137"/>
      <c r="AN1732" s="137"/>
      <c r="AO1732" s="137"/>
      <c r="AP1732" s="137"/>
      <c r="AQ1732" s="137"/>
      <c r="AR1732" s="137"/>
      <c r="AS1732" s="137"/>
      <c r="AT1732" s="137"/>
      <c r="AU1732" s="137"/>
      <c r="AV1732" s="137"/>
      <c r="AW1732" s="144"/>
    </row>
    <row r="1733" spans="7:49" x14ac:dyDescent="0.2">
      <c r="G1733" s="43"/>
      <c r="Z1733" s="143"/>
      <c r="AA1733" s="137"/>
      <c r="AB1733" s="137"/>
      <c r="AC1733" s="137"/>
      <c r="AD1733" s="137"/>
      <c r="AE1733" s="137"/>
      <c r="AF1733" s="137"/>
      <c r="AG1733" s="137"/>
      <c r="AH1733" s="137"/>
      <c r="AI1733" s="137"/>
      <c r="AJ1733" s="137"/>
      <c r="AK1733" s="137"/>
      <c r="AL1733" s="137"/>
      <c r="AM1733" s="137"/>
      <c r="AN1733" s="137"/>
      <c r="AO1733" s="137"/>
      <c r="AP1733" s="137"/>
      <c r="AQ1733" s="137"/>
      <c r="AR1733" s="137"/>
      <c r="AS1733" s="137"/>
      <c r="AT1733" s="137"/>
      <c r="AU1733" s="137"/>
      <c r="AV1733" s="137"/>
      <c r="AW1733" s="144"/>
    </row>
    <row r="1734" spans="7:49" x14ac:dyDescent="0.2">
      <c r="G1734" s="43"/>
      <c r="Z1734" s="143"/>
      <c r="AA1734" s="137"/>
      <c r="AB1734" s="137"/>
      <c r="AC1734" s="137"/>
      <c r="AD1734" s="137"/>
      <c r="AE1734" s="137"/>
      <c r="AF1734" s="137"/>
      <c r="AG1734" s="137"/>
      <c r="AH1734" s="137"/>
      <c r="AI1734" s="137"/>
      <c r="AJ1734" s="137"/>
      <c r="AK1734" s="137"/>
      <c r="AL1734" s="137"/>
      <c r="AM1734" s="137"/>
      <c r="AN1734" s="137"/>
      <c r="AO1734" s="137"/>
      <c r="AP1734" s="137"/>
      <c r="AQ1734" s="137"/>
      <c r="AR1734" s="137"/>
      <c r="AS1734" s="137"/>
      <c r="AT1734" s="137"/>
      <c r="AU1734" s="137"/>
      <c r="AV1734" s="137"/>
      <c r="AW1734" s="144"/>
    </row>
    <row r="1735" spans="7:49" x14ac:dyDescent="0.2">
      <c r="G1735" s="43"/>
      <c r="Z1735" s="143"/>
      <c r="AA1735" s="137"/>
      <c r="AB1735" s="137"/>
      <c r="AC1735" s="137"/>
      <c r="AD1735" s="137"/>
      <c r="AE1735" s="137"/>
      <c r="AF1735" s="137"/>
      <c r="AG1735" s="137"/>
      <c r="AH1735" s="137"/>
      <c r="AI1735" s="137"/>
      <c r="AJ1735" s="137"/>
      <c r="AK1735" s="137"/>
      <c r="AL1735" s="137"/>
      <c r="AM1735" s="137"/>
      <c r="AN1735" s="137"/>
      <c r="AO1735" s="137"/>
      <c r="AP1735" s="137"/>
      <c r="AQ1735" s="137"/>
      <c r="AR1735" s="137"/>
      <c r="AS1735" s="137"/>
      <c r="AT1735" s="137"/>
      <c r="AU1735" s="137"/>
      <c r="AV1735" s="137"/>
      <c r="AW1735" s="144"/>
    </row>
    <row r="1736" spans="7:49" x14ac:dyDescent="0.2">
      <c r="G1736" s="43"/>
      <c r="Z1736" s="143"/>
      <c r="AA1736" s="137"/>
      <c r="AB1736" s="137"/>
      <c r="AC1736" s="137"/>
      <c r="AD1736" s="137"/>
      <c r="AE1736" s="137"/>
      <c r="AF1736" s="137"/>
      <c r="AG1736" s="137"/>
      <c r="AH1736" s="137"/>
      <c r="AI1736" s="137"/>
      <c r="AJ1736" s="137"/>
      <c r="AK1736" s="137"/>
      <c r="AL1736" s="137"/>
      <c r="AM1736" s="137"/>
      <c r="AN1736" s="137"/>
      <c r="AO1736" s="137"/>
      <c r="AP1736" s="137"/>
      <c r="AQ1736" s="137"/>
      <c r="AR1736" s="137"/>
      <c r="AS1736" s="137"/>
      <c r="AT1736" s="137"/>
      <c r="AU1736" s="137"/>
      <c r="AV1736" s="137"/>
      <c r="AW1736" s="144"/>
    </row>
    <row r="1737" spans="7:49" x14ac:dyDescent="0.2">
      <c r="G1737" s="43"/>
      <c r="Z1737" s="143"/>
      <c r="AA1737" s="137"/>
      <c r="AB1737" s="137"/>
      <c r="AC1737" s="137"/>
      <c r="AD1737" s="137"/>
      <c r="AE1737" s="137"/>
      <c r="AF1737" s="137"/>
      <c r="AG1737" s="137"/>
      <c r="AH1737" s="137"/>
      <c r="AI1737" s="137"/>
      <c r="AJ1737" s="137"/>
      <c r="AK1737" s="137"/>
      <c r="AL1737" s="137"/>
      <c r="AM1737" s="137"/>
      <c r="AN1737" s="137"/>
      <c r="AO1737" s="137"/>
      <c r="AP1737" s="137"/>
      <c r="AQ1737" s="137"/>
      <c r="AR1737" s="137"/>
      <c r="AS1737" s="137"/>
      <c r="AT1737" s="137"/>
      <c r="AU1737" s="137"/>
      <c r="AV1737" s="137"/>
      <c r="AW1737" s="144"/>
    </row>
    <row r="1738" spans="7:49" x14ac:dyDescent="0.2">
      <c r="G1738" s="43"/>
      <c r="Z1738" s="143"/>
      <c r="AA1738" s="137"/>
      <c r="AB1738" s="137"/>
      <c r="AC1738" s="137"/>
      <c r="AD1738" s="137"/>
      <c r="AE1738" s="137"/>
      <c r="AF1738" s="137"/>
      <c r="AG1738" s="137"/>
      <c r="AH1738" s="137"/>
      <c r="AI1738" s="137"/>
      <c r="AJ1738" s="137"/>
      <c r="AK1738" s="137"/>
      <c r="AL1738" s="137"/>
      <c r="AM1738" s="137"/>
      <c r="AN1738" s="137"/>
      <c r="AO1738" s="137"/>
      <c r="AP1738" s="137"/>
      <c r="AQ1738" s="137"/>
      <c r="AR1738" s="137"/>
      <c r="AS1738" s="137"/>
      <c r="AT1738" s="137"/>
      <c r="AU1738" s="137"/>
      <c r="AV1738" s="137"/>
      <c r="AW1738" s="144"/>
    </row>
    <row r="1739" spans="7:49" x14ac:dyDescent="0.2">
      <c r="G1739" s="43"/>
      <c r="Z1739" s="143"/>
      <c r="AA1739" s="137"/>
      <c r="AB1739" s="137"/>
      <c r="AC1739" s="137"/>
      <c r="AD1739" s="137"/>
      <c r="AE1739" s="137"/>
      <c r="AF1739" s="137"/>
      <c r="AG1739" s="137"/>
      <c r="AH1739" s="137"/>
      <c r="AI1739" s="137"/>
      <c r="AJ1739" s="137"/>
      <c r="AK1739" s="137"/>
      <c r="AL1739" s="137"/>
      <c r="AM1739" s="137"/>
      <c r="AN1739" s="137"/>
      <c r="AO1739" s="137"/>
      <c r="AP1739" s="137"/>
      <c r="AQ1739" s="137"/>
      <c r="AR1739" s="137"/>
      <c r="AS1739" s="137"/>
      <c r="AT1739" s="137"/>
      <c r="AU1739" s="137"/>
      <c r="AV1739" s="137"/>
      <c r="AW1739" s="144"/>
    </row>
    <row r="1740" spans="7:49" x14ac:dyDescent="0.2">
      <c r="G1740" s="43"/>
      <c r="Z1740" s="143"/>
      <c r="AA1740" s="137"/>
      <c r="AB1740" s="137"/>
      <c r="AC1740" s="137"/>
      <c r="AD1740" s="137"/>
      <c r="AE1740" s="137"/>
      <c r="AF1740" s="137"/>
      <c r="AG1740" s="137"/>
      <c r="AH1740" s="137"/>
      <c r="AI1740" s="137"/>
      <c r="AJ1740" s="137"/>
      <c r="AK1740" s="137"/>
      <c r="AL1740" s="137"/>
      <c r="AM1740" s="137"/>
      <c r="AN1740" s="137"/>
      <c r="AO1740" s="137"/>
      <c r="AP1740" s="137"/>
      <c r="AQ1740" s="137"/>
      <c r="AR1740" s="137"/>
      <c r="AS1740" s="137"/>
      <c r="AT1740" s="137"/>
      <c r="AU1740" s="137"/>
      <c r="AV1740" s="137"/>
      <c r="AW1740" s="144"/>
    </row>
    <row r="1741" spans="7:49" x14ac:dyDescent="0.2">
      <c r="G1741" s="43"/>
      <c r="Z1741" s="143"/>
      <c r="AA1741" s="137"/>
      <c r="AB1741" s="137"/>
      <c r="AC1741" s="137"/>
      <c r="AD1741" s="137"/>
      <c r="AE1741" s="137"/>
      <c r="AF1741" s="137"/>
      <c r="AG1741" s="137"/>
      <c r="AH1741" s="137"/>
      <c r="AI1741" s="137"/>
      <c r="AJ1741" s="137"/>
      <c r="AK1741" s="137"/>
      <c r="AL1741" s="137"/>
      <c r="AM1741" s="137"/>
      <c r="AN1741" s="137"/>
      <c r="AO1741" s="137"/>
      <c r="AP1741" s="137"/>
      <c r="AQ1741" s="137"/>
      <c r="AR1741" s="137"/>
      <c r="AS1741" s="137"/>
      <c r="AT1741" s="137"/>
      <c r="AU1741" s="137"/>
      <c r="AV1741" s="137"/>
      <c r="AW1741" s="144"/>
    </row>
    <row r="1742" spans="7:49" x14ac:dyDescent="0.2">
      <c r="G1742" s="43"/>
      <c r="Z1742" s="143"/>
      <c r="AA1742" s="137"/>
      <c r="AB1742" s="137"/>
      <c r="AC1742" s="137"/>
      <c r="AD1742" s="137"/>
      <c r="AE1742" s="137"/>
      <c r="AF1742" s="137"/>
      <c r="AG1742" s="137"/>
      <c r="AH1742" s="137"/>
      <c r="AI1742" s="137"/>
      <c r="AJ1742" s="137"/>
      <c r="AK1742" s="137"/>
      <c r="AL1742" s="137"/>
      <c r="AM1742" s="137"/>
      <c r="AN1742" s="137"/>
      <c r="AO1742" s="137"/>
      <c r="AP1742" s="137"/>
      <c r="AQ1742" s="137"/>
      <c r="AR1742" s="137"/>
      <c r="AS1742" s="137"/>
      <c r="AT1742" s="137"/>
      <c r="AU1742" s="137"/>
      <c r="AV1742" s="137"/>
      <c r="AW1742" s="144"/>
    </row>
    <row r="1743" spans="7:49" x14ac:dyDescent="0.2">
      <c r="G1743" s="43"/>
      <c r="Z1743" s="143"/>
      <c r="AA1743" s="137"/>
      <c r="AB1743" s="137"/>
      <c r="AC1743" s="137"/>
      <c r="AD1743" s="137"/>
      <c r="AE1743" s="137"/>
      <c r="AF1743" s="137"/>
      <c r="AG1743" s="137"/>
      <c r="AH1743" s="137"/>
      <c r="AI1743" s="137"/>
      <c r="AJ1743" s="137"/>
      <c r="AK1743" s="137"/>
      <c r="AL1743" s="137"/>
      <c r="AM1743" s="137"/>
      <c r="AN1743" s="137"/>
      <c r="AO1743" s="137"/>
      <c r="AP1743" s="137"/>
      <c r="AQ1743" s="137"/>
      <c r="AR1743" s="137"/>
      <c r="AS1743" s="137"/>
      <c r="AT1743" s="137"/>
      <c r="AU1743" s="137"/>
      <c r="AV1743" s="137"/>
      <c r="AW1743" s="144"/>
    </row>
    <row r="1744" spans="7:49" x14ac:dyDescent="0.2">
      <c r="G1744" s="43"/>
      <c r="Z1744" s="143"/>
      <c r="AA1744" s="137"/>
      <c r="AB1744" s="137"/>
      <c r="AC1744" s="137"/>
      <c r="AD1744" s="137"/>
      <c r="AE1744" s="137"/>
      <c r="AF1744" s="137"/>
      <c r="AG1744" s="137"/>
      <c r="AH1744" s="137"/>
      <c r="AI1744" s="137"/>
      <c r="AJ1744" s="137"/>
      <c r="AK1744" s="137"/>
      <c r="AL1744" s="137"/>
      <c r="AM1744" s="137"/>
      <c r="AN1744" s="137"/>
      <c r="AO1744" s="137"/>
      <c r="AP1744" s="137"/>
      <c r="AQ1744" s="137"/>
      <c r="AR1744" s="137"/>
      <c r="AS1744" s="137"/>
      <c r="AT1744" s="137"/>
      <c r="AU1744" s="137"/>
      <c r="AV1744" s="137"/>
      <c r="AW1744" s="144"/>
    </row>
    <row r="1745" spans="7:49" x14ac:dyDescent="0.2">
      <c r="G1745" s="43"/>
      <c r="Z1745" s="143"/>
      <c r="AA1745" s="137"/>
      <c r="AB1745" s="137"/>
      <c r="AC1745" s="137"/>
      <c r="AD1745" s="137"/>
      <c r="AE1745" s="137"/>
      <c r="AF1745" s="137"/>
      <c r="AG1745" s="137"/>
      <c r="AH1745" s="137"/>
      <c r="AI1745" s="137"/>
      <c r="AJ1745" s="137"/>
      <c r="AK1745" s="137"/>
      <c r="AL1745" s="137"/>
      <c r="AM1745" s="137"/>
      <c r="AN1745" s="137"/>
      <c r="AO1745" s="137"/>
      <c r="AP1745" s="137"/>
      <c r="AQ1745" s="137"/>
      <c r="AR1745" s="137"/>
      <c r="AS1745" s="137"/>
      <c r="AT1745" s="137"/>
      <c r="AU1745" s="137"/>
      <c r="AV1745" s="137"/>
      <c r="AW1745" s="144"/>
    </row>
    <row r="1746" spans="7:49" x14ac:dyDescent="0.2">
      <c r="G1746" s="43"/>
      <c r="Z1746" s="143"/>
      <c r="AA1746" s="137"/>
      <c r="AB1746" s="137"/>
      <c r="AC1746" s="137"/>
      <c r="AD1746" s="137"/>
      <c r="AE1746" s="137"/>
      <c r="AF1746" s="137"/>
      <c r="AG1746" s="137"/>
      <c r="AH1746" s="137"/>
      <c r="AI1746" s="137"/>
      <c r="AJ1746" s="137"/>
      <c r="AK1746" s="137"/>
      <c r="AL1746" s="137"/>
      <c r="AM1746" s="137"/>
      <c r="AN1746" s="137"/>
      <c r="AO1746" s="137"/>
      <c r="AP1746" s="137"/>
      <c r="AQ1746" s="137"/>
      <c r="AR1746" s="137"/>
      <c r="AS1746" s="137"/>
      <c r="AT1746" s="137"/>
      <c r="AU1746" s="137"/>
      <c r="AV1746" s="137"/>
      <c r="AW1746" s="144"/>
    </row>
    <row r="1747" spans="7:49" x14ac:dyDescent="0.2">
      <c r="G1747" s="43"/>
      <c r="Z1747" s="143"/>
      <c r="AA1747" s="137"/>
      <c r="AB1747" s="137"/>
      <c r="AC1747" s="137"/>
      <c r="AD1747" s="137"/>
      <c r="AE1747" s="137"/>
      <c r="AF1747" s="137"/>
      <c r="AG1747" s="137"/>
      <c r="AH1747" s="137"/>
      <c r="AI1747" s="137"/>
      <c r="AJ1747" s="137"/>
      <c r="AK1747" s="137"/>
      <c r="AL1747" s="137"/>
      <c r="AM1747" s="137"/>
      <c r="AN1747" s="137"/>
      <c r="AO1747" s="137"/>
      <c r="AP1747" s="137"/>
      <c r="AQ1747" s="137"/>
      <c r="AR1747" s="137"/>
      <c r="AS1747" s="137"/>
      <c r="AT1747" s="137"/>
      <c r="AU1747" s="137"/>
      <c r="AV1747" s="137"/>
      <c r="AW1747" s="144"/>
    </row>
    <row r="1748" spans="7:49" x14ac:dyDescent="0.2">
      <c r="G1748" s="43"/>
      <c r="Z1748" s="143"/>
      <c r="AA1748" s="137"/>
      <c r="AB1748" s="137"/>
      <c r="AC1748" s="137"/>
      <c r="AD1748" s="137"/>
      <c r="AE1748" s="137"/>
      <c r="AF1748" s="137"/>
      <c r="AG1748" s="137"/>
      <c r="AH1748" s="137"/>
      <c r="AI1748" s="137"/>
      <c r="AJ1748" s="137"/>
      <c r="AK1748" s="137"/>
      <c r="AL1748" s="137"/>
      <c r="AM1748" s="137"/>
      <c r="AN1748" s="137"/>
      <c r="AO1748" s="137"/>
      <c r="AP1748" s="137"/>
      <c r="AQ1748" s="137"/>
      <c r="AR1748" s="137"/>
      <c r="AS1748" s="137"/>
      <c r="AT1748" s="137"/>
      <c r="AU1748" s="137"/>
      <c r="AV1748" s="137"/>
      <c r="AW1748" s="144"/>
    </row>
    <row r="1749" spans="7:49" x14ac:dyDescent="0.2">
      <c r="G1749" s="43"/>
      <c r="Z1749" s="143"/>
      <c r="AA1749" s="137"/>
      <c r="AB1749" s="137"/>
      <c r="AC1749" s="137"/>
      <c r="AD1749" s="137"/>
      <c r="AE1749" s="137"/>
      <c r="AF1749" s="137"/>
      <c r="AG1749" s="137"/>
      <c r="AH1749" s="137"/>
      <c r="AI1749" s="137"/>
      <c r="AJ1749" s="137"/>
      <c r="AK1749" s="137"/>
      <c r="AL1749" s="137"/>
      <c r="AM1749" s="137"/>
      <c r="AN1749" s="137"/>
      <c r="AO1749" s="137"/>
      <c r="AP1749" s="137"/>
      <c r="AQ1749" s="137"/>
      <c r="AR1749" s="137"/>
      <c r="AS1749" s="137"/>
      <c r="AT1749" s="137"/>
      <c r="AU1749" s="137"/>
      <c r="AV1749" s="137"/>
      <c r="AW1749" s="144"/>
    </row>
    <row r="1750" spans="7:49" x14ac:dyDescent="0.2">
      <c r="G1750" s="43"/>
      <c r="Z1750" s="143"/>
      <c r="AA1750" s="137"/>
      <c r="AB1750" s="137"/>
      <c r="AC1750" s="137"/>
      <c r="AD1750" s="137"/>
      <c r="AE1750" s="137"/>
      <c r="AF1750" s="137"/>
      <c r="AG1750" s="137"/>
      <c r="AH1750" s="137"/>
      <c r="AI1750" s="137"/>
      <c r="AJ1750" s="137"/>
      <c r="AK1750" s="137"/>
      <c r="AL1750" s="137"/>
      <c r="AM1750" s="137"/>
      <c r="AN1750" s="137"/>
      <c r="AO1750" s="137"/>
      <c r="AP1750" s="137"/>
      <c r="AQ1750" s="137"/>
      <c r="AR1750" s="137"/>
      <c r="AS1750" s="137"/>
      <c r="AT1750" s="137"/>
      <c r="AU1750" s="137"/>
      <c r="AV1750" s="137"/>
      <c r="AW1750" s="144"/>
    </row>
    <row r="1751" spans="7:49" x14ac:dyDescent="0.2">
      <c r="G1751" s="43"/>
      <c r="Z1751" s="143"/>
      <c r="AA1751" s="137"/>
      <c r="AB1751" s="137"/>
      <c r="AC1751" s="137"/>
      <c r="AD1751" s="137"/>
      <c r="AE1751" s="137"/>
      <c r="AF1751" s="137"/>
      <c r="AG1751" s="137"/>
      <c r="AH1751" s="137"/>
      <c r="AI1751" s="137"/>
      <c r="AJ1751" s="137"/>
      <c r="AK1751" s="137"/>
      <c r="AL1751" s="137"/>
      <c r="AM1751" s="137"/>
      <c r="AN1751" s="137"/>
      <c r="AO1751" s="137"/>
      <c r="AP1751" s="137"/>
      <c r="AQ1751" s="137"/>
      <c r="AR1751" s="137"/>
      <c r="AS1751" s="137"/>
      <c r="AT1751" s="137"/>
      <c r="AU1751" s="137"/>
      <c r="AV1751" s="137"/>
      <c r="AW1751" s="144"/>
    </row>
    <row r="1752" spans="7:49" x14ac:dyDescent="0.2">
      <c r="G1752" s="43"/>
      <c r="Z1752" s="143"/>
      <c r="AA1752" s="137"/>
      <c r="AB1752" s="137"/>
      <c r="AC1752" s="137"/>
      <c r="AD1752" s="137"/>
      <c r="AE1752" s="137"/>
      <c r="AF1752" s="137"/>
      <c r="AG1752" s="137"/>
      <c r="AH1752" s="137"/>
      <c r="AI1752" s="137"/>
      <c r="AJ1752" s="137"/>
      <c r="AK1752" s="137"/>
      <c r="AL1752" s="137"/>
      <c r="AM1752" s="137"/>
      <c r="AN1752" s="137"/>
      <c r="AO1752" s="137"/>
      <c r="AP1752" s="137"/>
      <c r="AQ1752" s="137"/>
      <c r="AR1752" s="137"/>
      <c r="AS1752" s="137"/>
      <c r="AT1752" s="137"/>
      <c r="AU1752" s="137"/>
      <c r="AV1752" s="137"/>
      <c r="AW1752" s="144"/>
    </row>
    <row r="1753" spans="7:49" x14ac:dyDescent="0.2">
      <c r="G1753" s="43"/>
      <c r="Z1753" s="143"/>
      <c r="AA1753" s="137"/>
      <c r="AB1753" s="137"/>
      <c r="AC1753" s="137"/>
      <c r="AD1753" s="137"/>
      <c r="AE1753" s="137"/>
      <c r="AF1753" s="137"/>
      <c r="AG1753" s="137"/>
      <c r="AH1753" s="137"/>
      <c r="AI1753" s="137"/>
      <c r="AJ1753" s="137"/>
      <c r="AK1753" s="137"/>
      <c r="AL1753" s="137"/>
      <c r="AM1753" s="137"/>
      <c r="AN1753" s="137"/>
      <c r="AO1753" s="137"/>
      <c r="AP1753" s="137"/>
      <c r="AQ1753" s="137"/>
      <c r="AR1753" s="137"/>
      <c r="AS1753" s="137"/>
      <c r="AT1753" s="137"/>
      <c r="AU1753" s="137"/>
      <c r="AV1753" s="137"/>
      <c r="AW1753" s="144"/>
    </row>
    <row r="1754" spans="7:49" x14ac:dyDescent="0.2">
      <c r="G1754" s="43"/>
      <c r="Z1754" s="143"/>
      <c r="AA1754" s="137"/>
      <c r="AB1754" s="137"/>
      <c r="AC1754" s="137"/>
      <c r="AD1754" s="137"/>
      <c r="AE1754" s="137"/>
      <c r="AF1754" s="137"/>
      <c r="AG1754" s="137"/>
      <c r="AH1754" s="137"/>
      <c r="AI1754" s="137"/>
      <c r="AJ1754" s="137"/>
      <c r="AK1754" s="137"/>
      <c r="AL1754" s="137"/>
      <c r="AM1754" s="137"/>
      <c r="AN1754" s="137"/>
      <c r="AO1754" s="137"/>
      <c r="AP1754" s="137"/>
      <c r="AQ1754" s="137"/>
      <c r="AR1754" s="137"/>
      <c r="AS1754" s="137"/>
      <c r="AT1754" s="137"/>
      <c r="AU1754" s="137"/>
      <c r="AV1754" s="137"/>
      <c r="AW1754" s="144"/>
    </row>
    <row r="1755" spans="7:49" x14ac:dyDescent="0.2">
      <c r="G1755" s="43"/>
      <c r="Z1755" s="143"/>
      <c r="AA1755" s="137"/>
      <c r="AB1755" s="137"/>
      <c r="AC1755" s="137"/>
      <c r="AD1755" s="137"/>
      <c r="AE1755" s="137"/>
      <c r="AF1755" s="137"/>
      <c r="AG1755" s="137"/>
      <c r="AH1755" s="137"/>
      <c r="AI1755" s="137"/>
      <c r="AJ1755" s="137"/>
      <c r="AK1755" s="137"/>
      <c r="AL1755" s="137"/>
      <c r="AM1755" s="137"/>
      <c r="AN1755" s="137"/>
      <c r="AO1755" s="137"/>
      <c r="AP1755" s="137"/>
      <c r="AQ1755" s="137"/>
      <c r="AR1755" s="137"/>
      <c r="AS1755" s="137"/>
      <c r="AT1755" s="137"/>
      <c r="AU1755" s="137"/>
      <c r="AV1755" s="137"/>
      <c r="AW1755" s="144"/>
    </row>
    <row r="1756" spans="7:49" x14ac:dyDescent="0.2">
      <c r="G1756" s="43"/>
      <c r="Z1756" s="143"/>
      <c r="AA1756" s="137"/>
      <c r="AB1756" s="137"/>
      <c r="AC1756" s="137"/>
      <c r="AD1756" s="137"/>
      <c r="AE1756" s="137"/>
      <c r="AF1756" s="137"/>
      <c r="AG1756" s="137"/>
      <c r="AH1756" s="137"/>
      <c r="AI1756" s="137"/>
      <c r="AJ1756" s="137"/>
      <c r="AK1756" s="137"/>
      <c r="AL1756" s="137"/>
      <c r="AM1756" s="137"/>
      <c r="AN1756" s="137"/>
      <c r="AO1756" s="137"/>
      <c r="AP1756" s="137"/>
      <c r="AQ1756" s="137"/>
      <c r="AR1756" s="137"/>
      <c r="AS1756" s="137"/>
      <c r="AT1756" s="137"/>
      <c r="AU1756" s="137"/>
      <c r="AV1756" s="137"/>
      <c r="AW1756" s="144"/>
    </row>
    <row r="1757" spans="7:49" x14ac:dyDescent="0.2">
      <c r="G1757" s="43"/>
      <c r="Z1757" s="143"/>
      <c r="AA1757" s="137"/>
      <c r="AB1757" s="137"/>
      <c r="AC1757" s="137"/>
      <c r="AD1757" s="137"/>
      <c r="AE1757" s="137"/>
      <c r="AF1757" s="137"/>
      <c r="AG1757" s="137"/>
      <c r="AH1757" s="137"/>
      <c r="AI1757" s="137"/>
      <c r="AJ1757" s="137"/>
      <c r="AK1757" s="137"/>
      <c r="AL1757" s="137"/>
      <c r="AM1757" s="137"/>
      <c r="AN1757" s="137"/>
      <c r="AO1757" s="137"/>
      <c r="AP1757" s="137"/>
      <c r="AQ1757" s="137"/>
      <c r="AR1757" s="137"/>
      <c r="AS1757" s="137"/>
      <c r="AT1757" s="137"/>
      <c r="AU1757" s="137"/>
      <c r="AV1757" s="137"/>
      <c r="AW1757" s="144"/>
    </row>
    <row r="1758" spans="7:49" x14ac:dyDescent="0.2">
      <c r="G1758" s="43"/>
      <c r="Z1758" s="143"/>
      <c r="AA1758" s="137"/>
      <c r="AB1758" s="137"/>
      <c r="AC1758" s="137"/>
      <c r="AD1758" s="137"/>
      <c r="AE1758" s="137"/>
      <c r="AF1758" s="137"/>
      <c r="AG1758" s="137"/>
      <c r="AH1758" s="137"/>
      <c r="AI1758" s="137"/>
      <c r="AJ1758" s="137"/>
      <c r="AK1758" s="137"/>
      <c r="AL1758" s="137"/>
      <c r="AM1758" s="137"/>
      <c r="AN1758" s="137"/>
      <c r="AO1758" s="137"/>
      <c r="AP1758" s="137"/>
      <c r="AQ1758" s="137"/>
      <c r="AR1758" s="137"/>
      <c r="AS1758" s="137"/>
      <c r="AT1758" s="137"/>
      <c r="AU1758" s="137"/>
      <c r="AV1758" s="137"/>
      <c r="AW1758" s="144"/>
    </row>
    <row r="1759" spans="7:49" x14ac:dyDescent="0.2">
      <c r="G1759" s="43"/>
      <c r="Z1759" s="143"/>
      <c r="AA1759" s="137"/>
      <c r="AB1759" s="137"/>
      <c r="AC1759" s="137"/>
      <c r="AD1759" s="137"/>
      <c r="AE1759" s="137"/>
      <c r="AF1759" s="137"/>
      <c r="AG1759" s="137"/>
      <c r="AH1759" s="137"/>
      <c r="AI1759" s="137"/>
      <c r="AJ1759" s="137"/>
      <c r="AK1759" s="137"/>
      <c r="AL1759" s="137"/>
      <c r="AM1759" s="137"/>
      <c r="AN1759" s="137"/>
      <c r="AO1759" s="137"/>
      <c r="AP1759" s="137"/>
      <c r="AQ1759" s="137"/>
      <c r="AR1759" s="137"/>
      <c r="AS1759" s="137"/>
      <c r="AT1759" s="137"/>
      <c r="AU1759" s="137"/>
      <c r="AV1759" s="137"/>
      <c r="AW1759" s="144"/>
    </row>
    <row r="1760" spans="7:49" x14ac:dyDescent="0.2">
      <c r="G1760" s="43"/>
      <c r="Z1760" s="143"/>
      <c r="AA1760" s="137"/>
      <c r="AB1760" s="137"/>
      <c r="AC1760" s="137"/>
      <c r="AD1760" s="137"/>
      <c r="AE1760" s="137"/>
      <c r="AF1760" s="137"/>
      <c r="AG1760" s="137"/>
      <c r="AH1760" s="137"/>
      <c r="AI1760" s="137"/>
      <c r="AJ1760" s="137"/>
      <c r="AK1760" s="137"/>
      <c r="AL1760" s="137"/>
      <c r="AM1760" s="137"/>
      <c r="AN1760" s="137"/>
      <c r="AO1760" s="137"/>
      <c r="AP1760" s="137"/>
      <c r="AQ1760" s="137"/>
      <c r="AR1760" s="137"/>
      <c r="AS1760" s="137"/>
      <c r="AT1760" s="137"/>
      <c r="AU1760" s="137"/>
      <c r="AV1760" s="137"/>
      <c r="AW1760" s="144"/>
    </row>
    <row r="1761" spans="7:49" x14ac:dyDescent="0.2">
      <c r="G1761" s="43"/>
      <c r="Z1761" s="143"/>
      <c r="AA1761" s="137"/>
      <c r="AB1761" s="137"/>
      <c r="AC1761" s="137"/>
      <c r="AD1761" s="137"/>
      <c r="AE1761" s="137"/>
      <c r="AF1761" s="137"/>
      <c r="AG1761" s="137"/>
      <c r="AH1761" s="137"/>
      <c r="AI1761" s="137"/>
      <c r="AJ1761" s="137"/>
      <c r="AK1761" s="137"/>
      <c r="AL1761" s="137"/>
      <c r="AM1761" s="137"/>
      <c r="AN1761" s="137"/>
      <c r="AO1761" s="137"/>
      <c r="AP1761" s="137"/>
      <c r="AQ1761" s="137"/>
      <c r="AR1761" s="137"/>
      <c r="AS1761" s="137"/>
      <c r="AT1761" s="137"/>
      <c r="AU1761" s="137"/>
      <c r="AV1761" s="137"/>
      <c r="AW1761" s="144"/>
    </row>
    <row r="1762" spans="7:49" x14ac:dyDescent="0.2">
      <c r="G1762" s="43"/>
      <c r="Z1762" s="143"/>
      <c r="AA1762" s="137"/>
      <c r="AB1762" s="137"/>
      <c r="AC1762" s="137"/>
      <c r="AD1762" s="137"/>
      <c r="AE1762" s="137"/>
      <c r="AF1762" s="137"/>
      <c r="AG1762" s="137"/>
      <c r="AH1762" s="137"/>
      <c r="AI1762" s="137"/>
      <c r="AJ1762" s="137"/>
      <c r="AK1762" s="137"/>
      <c r="AL1762" s="137"/>
      <c r="AM1762" s="137"/>
      <c r="AN1762" s="137"/>
      <c r="AO1762" s="137"/>
      <c r="AP1762" s="137"/>
      <c r="AQ1762" s="137"/>
      <c r="AR1762" s="137"/>
      <c r="AS1762" s="137"/>
      <c r="AT1762" s="137"/>
      <c r="AU1762" s="137"/>
      <c r="AV1762" s="137"/>
      <c r="AW1762" s="144"/>
    </row>
    <row r="1763" spans="7:49" x14ac:dyDescent="0.2">
      <c r="G1763" s="43"/>
      <c r="Z1763" s="143"/>
      <c r="AA1763" s="137"/>
      <c r="AB1763" s="137"/>
      <c r="AC1763" s="137"/>
      <c r="AD1763" s="137"/>
      <c r="AE1763" s="137"/>
      <c r="AF1763" s="137"/>
      <c r="AG1763" s="137"/>
      <c r="AH1763" s="137"/>
      <c r="AI1763" s="137"/>
      <c r="AJ1763" s="137"/>
      <c r="AK1763" s="137"/>
      <c r="AL1763" s="137"/>
      <c r="AM1763" s="137"/>
      <c r="AN1763" s="137"/>
      <c r="AO1763" s="137"/>
      <c r="AP1763" s="137"/>
      <c r="AQ1763" s="137"/>
      <c r="AR1763" s="137"/>
      <c r="AS1763" s="137"/>
      <c r="AT1763" s="137"/>
      <c r="AU1763" s="137"/>
      <c r="AV1763" s="137"/>
      <c r="AW1763" s="144"/>
    </row>
    <row r="1764" spans="7:49" x14ac:dyDescent="0.2">
      <c r="G1764" s="43"/>
      <c r="Z1764" s="143"/>
      <c r="AA1764" s="137"/>
      <c r="AB1764" s="137"/>
      <c r="AC1764" s="137"/>
      <c r="AD1764" s="137"/>
      <c r="AE1764" s="137"/>
      <c r="AF1764" s="137"/>
      <c r="AG1764" s="137"/>
      <c r="AH1764" s="137"/>
      <c r="AI1764" s="137"/>
      <c r="AJ1764" s="137"/>
      <c r="AK1764" s="137"/>
      <c r="AL1764" s="137"/>
      <c r="AM1764" s="137"/>
      <c r="AN1764" s="137"/>
      <c r="AO1764" s="137"/>
      <c r="AP1764" s="137"/>
      <c r="AQ1764" s="137"/>
      <c r="AR1764" s="137"/>
      <c r="AS1764" s="137"/>
      <c r="AT1764" s="137"/>
      <c r="AU1764" s="137"/>
      <c r="AV1764" s="137"/>
      <c r="AW1764" s="144"/>
    </row>
    <row r="1765" spans="7:49" x14ac:dyDescent="0.2">
      <c r="G1765" s="43"/>
      <c r="Z1765" s="143"/>
      <c r="AA1765" s="137"/>
      <c r="AB1765" s="137"/>
      <c r="AC1765" s="137"/>
      <c r="AD1765" s="137"/>
      <c r="AE1765" s="137"/>
      <c r="AF1765" s="137"/>
      <c r="AG1765" s="137"/>
      <c r="AH1765" s="137"/>
      <c r="AI1765" s="137"/>
      <c r="AJ1765" s="137"/>
      <c r="AK1765" s="137"/>
      <c r="AL1765" s="137"/>
      <c r="AM1765" s="137"/>
      <c r="AN1765" s="137"/>
      <c r="AO1765" s="137"/>
      <c r="AP1765" s="137"/>
      <c r="AQ1765" s="137"/>
      <c r="AR1765" s="137"/>
      <c r="AS1765" s="137"/>
      <c r="AT1765" s="137"/>
      <c r="AU1765" s="137"/>
      <c r="AV1765" s="137"/>
      <c r="AW1765" s="144"/>
    </row>
    <row r="1766" spans="7:49" x14ac:dyDescent="0.2">
      <c r="G1766" s="43"/>
      <c r="Z1766" s="143"/>
      <c r="AA1766" s="137"/>
      <c r="AB1766" s="137"/>
      <c r="AC1766" s="137"/>
      <c r="AD1766" s="137"/>
      <c r="AE1766" s="137"/>
      <c r="AF1766" s="137"/>
      <c r="AG1766" s="137"/>
      <c r="AH1766" s="137"/>
      <c r="AI1766" s="137"/>
      <c r="AJ1766" s="137"/>
      <c r="AK1766" s="137"/>
      <c r="AL1766" s="137"/>
      <c r="AM1766" s="137"/>
      <c r="AN1766" s="137"/>
      <c r="AO1766" s="137"/>
      <c r="AP1766" s="137"/>
      <c r="AQ1766" s="137"/>
      <c r="AR1766" s="137"/>
      <c r="AS1766" s="137"/>
      <c r="AT1766" s="137"/>
      <c r="AU1766" s="137"/>
      <c r="AV1766" s="137"/>
      <c r="AW1766" s="144"/>
    </row>
    <row r="1767" spans="7:49" x14ac:dyDescent="0.2">
      <c r="G1767" s="43"/>
      <c r="Z1767" s="143"/>
      <c r="AA1767" s="137"/>
      <c r="AB1767" s="137"/>
      <c r="AC1767" s="137"/>
      <c r="AD1767" s="137"/>
      <c r="AE1767" s="137"/>
      <c r="AF1767" s="137"/>
      <c r="AG1767" s="137"/>
      <c r="AH1767" s="137"/>
      <c r="AI1767" s="137"/>
      <c r="AJ1767" s="137"/>
      <c r="AK1767" s="137"/>
      <c r="AL1767" s="137"/>
      <c r="AM1767" s="137"/>
      <c r="AN1767" s="137"/>
      <c r="AO1767" s="137"/>
      <c r="AP1767" s="137"/>
      <c r="AQ1767" s="137"/>
      <c r="AR1767" s="137"/>
      <c r="AS1767" s="137"/>
      <c r="AT1767" s="137"/>
      <c r="AU1767" s="137"/>
      <c r="AV1767" s="137"/>
      <c r="AW1767" s="144"/>
    </row>
    <row r="1768" spans="7:49" x14ac:dyDescent="0.2">
      <c r="G1768" s="43"/>
      <c r="Z1768" s="143"/>
      <c r="AA1768" s="137"/>
      <c r="AB1768" s="137"/>
      <c r="AC1768" s="137"/>
      <c r="AD1768" s="137"/>
      <c r="AE1768" s="137"/>
      <c r="AF1768" s="137"/>
      <c r="AG1768" s="137"/>
      <c r="AH1768" s="137"/>
      <c r="AI1768" s="137"/>
      <c r="AJ1768" s="137"/>
      <c r="AK1768" s="137"/>
      <c r="AL1768" s="137"/>
      <c r="AM1768" s="137"/>
      <c r="AN1768" s="137"/>
      <c r="AO1768" s="137"/>
      <c r="AP1768" s="137"/>
      <c r="AQ1768" s="137"/>
      <c r="AR1768" s="137"/>
      <c r="AS1768" s="137"/>
      <c r="AT1768" s="137"/>
      <c r="AU1768" s="137"/>
      <c r="AV1768" s="137"/>
      <c r="AW1768" s="144"/>
    </row>
    <row r="1769" spans="7:49" x14ac:dyDescent="0.2">
      <c r="G1769" s="43"/>
      <c r="Z1769" s="143"/>
      <c r="AA1769" s="137"/>
      <c r="AB1769" s="137"/>
      <c r="AC1769" s="137"/>
      <c r="AD1769" s="137"/>
      <c r="AE1769" s="137"/>
      <c r="AF1769" s="137"/>
      <c r="AG1769" s="137"/>
      <c r="AH1769" s="137"/>
      <c r="AI1769" s="137"/>
      <c r="AJ1769" s="137"/>
      <c r="AK1769" s="137"/>
      <c r="AL1769" s="137"/>
      <c r="AM1769" s="137"/>
      <c r="AN1769" s="137"/>
      <c r="AO1769" s="137"/>
      <c r="AP1769" s="137"/>
      <c r="AQ1769" s="137"/>
      <c r="AR1769" s="137"/>
      <c r="AS1769" s="137"/>
      <c r="AT1769" s="137"/>
      <c r="AU1769" s="137"/>
      <c r="AV1769" s="137"/>
      <c r="AW1769" s="144"/>
    </row>
    <row r="1770" spans="7:49" x14ac:dyDescent="0.2">
      <c r="G1770" s="43"/>
      <c r="Z1770" s="143"/>
      <c r="AA1770" s="137"/>
      <c r="AB1770" s="137"/>
      <c r="AC1770" s="137"/>
      <c r="AD1770" s="137"/>
      <c r="AE1770" s="137"/>
      <c r="AF1770" s="137"/>
      <c r="AG1770" s="137"/>
      <c r="AH1770" s="137"/>
      <c r="AI1770" s="137"/>
      <c r="AJ1770" s="137"/>
      <c r="AK1770" s="137"/>
      <c r="AL1770" s="137"/>
      <c r="AM1770" s="137"/>
      <c r="AN1770" s="137"/>
      <c r="AO1770" s="137"/>
      <c r="AP1770" s="137"/>
      <c r="AQ1770" s="137"/>
      <c r="AR1770" s="137"/>
      <c r="AS1770" s="137"/>
      <c r="AT1770" s="137"/>
      <c r="AU1770" s="137"/>
      <c r="AV1770" s="137"/>
      <c r="AW1770" s="144"/>
    </row>
    <row r="1771" spans="7:49" x14ac:dyDescent="0.2">
      <c r="G1771" s="43"/>
      <c r="Z1771" s="143"/>
      <c r="AA1771" s="137"/>
      <c r="AB1771" s="137"/>
      <c r="AC1771" s="137"/>
      <c r="AD1771" s="137"/>
      <c r="AE1771" s="137"/>
      <c r="AF1771" s="137"/>
      <c r="AG1771" s="137"/>
      <c r="AH1771" s="137"/>
      <c r="AI1771" s="137"/>
      <c r="AJ1771" s="137"/>
      <c r="AK1771" s="137"/>
      <c r="AL1771" s="137"/>
      <c r="AM1771" s="137"/>
      <c r="AN1771" s="137"/>
      <c r="AO1771" s="137"/>
      <c r="AP1771" s="137"/>
      <c r="AQ1771" s="137"/>
      <c r="AR1771" s="137"/>
      <c r="AS1771" s="137"/>
      <c r="AT1771" s="137"/>
      <c r="AU1771" s="137"/>
      <c r="AV1771" s="137"/>
      <c r="AW1771" s="144"/>
    </row>
    <row r="1772" spans="7:49" x14ac:dyDescent="0.2">
      <c r="G1772" s="43"/>
      <c r="Z1772" s="143"/>
      <c r="AA1772" s="137"/>
      <c r="AB1772" s="137"/>
      <c r="AC1772" s="137"/>
      <c r="AD1772" s="137"/>
      <c r="AE1772" s="137"/>
      <c r="AF1772" s="137"/>
      <c r="AG1772" s="137"/>
      <c r="AH1772" s="137"/>
      <c r="AI1772" s="137"/>
      <c r="AJ1772" s="137"/>
      <c r="AK1772" s="137"/>
      <c r="AL1772" s="137"/>
      <c r="AM1772" s="137"/>
      <c r="AN1772" s="137"/>
      <c r="AO1772" s="137"/>
      <c r="AP1772" s="137"/>
      <c r="AQ1772" s="137"/>
      <c r="AR1772" s="137"/>
      <c r="AS1772" s="137"/>
      <c r="AT1772" s="137"/>
      <c r="AU1772" s="137"/>
      <c r="AV1772" s="137"/>
      <c r="AW1772" s="144"/>
    </row>
    <row r="1773" spans="7:49" x14ac:dyDescent="0.2">
      <c r="G1773" s="43"/>
      <c r="Z1773" s="143"/>
      <c r="AA1773" s="137"/>
      <c r="AB1773" s="137"/>
      <c r="AC1773" s="137"/>
      <c r="AD1773" s="137"/>
      <c r="AE1773" s="137"/>
      <c r="AF1773" s="137"/>
      <c r="AG1773" s="137"/>
      <c r="AH1773" s="137"/>
      <c r="AI1773" s="137"/>
      <c r="AJ1773" s="137"/>
      <c r="AK1773" s="137"/>
      <c r="AL1773" s="137"/>
      <c r="AM1773" s="137"/>
      <c r="AN1773" s="137"/>
      <c r="AO1773" s="137"/>
      <c r="AP1773" s="137"/>
      <c r="AQ1773" s="137"/>
      <c r="AR1773" s="137"/>
      <c r="AS1773" s="137"/>
      <c r="AT1773" s="137"/>
      <c r="AU1773" s="137"/>
      <c r="AV1773" s="137"/>
      <c r="AW1773" s="144"/>
    </row>
    <row r="1774" spans="7:49" x14ac:dyDescent="0.2">
      <c r="G1774" s="43"/>
      <c r="Z1774" s="143"/>
      <c r="AA1774" s="137"/>
      <c r="AB1774" s="137"/>
      <c r="AC1774" s="137"/>
      <c r="AD1774" s="137"/>
      <c r="AE1774" s="137"/>
      <c r="AF1774" s="137"/>
      <c r="AG1774" s="137"/>
      <c r="AH1774" s="137"/>
      <c r="AI1774" s="137"/>
      <c r="AJ1774" s="137"/>
      <c r="AK1774" s="137"/>
      <c r="AL1774" s="137"/>
      <c r="AM1774" s="137"/>
      <c r="AN1774" s="137"/>
      <c r="AO1774" s="137"/>
      <c r="AP1774" s="137"/>
      <c r="AQ1774" s="137"/>
      <c r="AR1774" s="137"/>
      <c r="AS1774" s="137"/>
      <c r="AT1774" s="137"/>
      <c r="AU1774" s="137"/>
      <c r="AV1774" s="137"/>
      <c r="AW1774" s="144"/>
    </row>
    <row r="1775" spans="7:49" x14ac:dyDescent="0.2">
      <c r="G1775" s="43"/>
      <c r="Z1775" s="143"/>
      <c r="AA1775" s="137"/>
      <c r="AB1775" s="137"/>
      <c r="AC1775" s="137"/>
      <c r="AD1775" s="137"/>
      <c r="AE1775" s="137"/>
      <c r="AF1775" s="137"/>
      <c r="AG1775" s="137"/>
      <c r="AH1775" s="137"/>
      <c r="AI1775" s="137"/>
      <c r="AJ1775" s="137"/>
      <c r="AK1775" s="137"/>
      <c r="AL1775" s="137"/>
      <c r="AM1775" s="137"/>
      <c r="AN1775" s="137"/>
      <c r="AO1775" s="137"/>
      <c r="AP1775" s="137"/>
      <c r="AQ1775" s="137"/>
      <c r="AR1775" s="137"/>
      <c r="AS1775" s="137"/>
      <c r="AT1775" s="137"/>
      <c r="AU1775" s="137"/>
      <c r="AV1775" s="137"/>
      <c r="AW1775" s="144"/>
    </row>
    <row r="1776" spans="7:49" x14ac:dyDescent="0.2">
      <c r="G1776" s="43"/>
      <c r="Z1776" s="143"/>
      <c r="AA1776" s="137"/>
      <c r="AB1776" s="137"/>
      <c r="AC1776" s="137"/>
      <c r="AD1776" s="137"/>
      <c r="AE1776" s="137"/>
      <c r="AF1776" s="137"/>
      <c r="AG1776" s="137"/>
      <c r="AH1776" s="137"/>
      <c r="AI1776" s="137"/>
      <c r="AJ1776" s="137"/>
      <c r="AK1776" s="137"/>
      <c r="AL1776" s="137"/>
      <c r="AM1776" s="137"/>
      <c r="AN1776" s="137"/>
      <c r="AO1776" s="137"/>
      <c r="AP1776" s="137"/>
      <c r="AQ1776" s="137"/>
      <c r="AR1776" s="137"/>
      <c r="AS1776" s="137"/>
      <c r="AT1776" s="137"/>
      <c r="AU1776" s="137"/>
      <c r="AV1776" s="137"/>
      <c r="AW1776" s="144"/>
    </row>
    <row r="1777" spans="7:49" x14ac:dyDescent="0.2">
      <c r="G1777" s="43"/>
      <c r="Z1777" s="143"/>
      <c r="AA1777" s="137"/>
      <c r="AB1777" s="137"/>
      <c r="AC1777" s="137"/>
      <c r="AD1777" s="137"/>
      <c r="AE1777" s="137"/>
      <c r="AF1777" s="137"/>
      <c r="AG1777" s="137"/>
      <c r="AH1777" s="137"/>
      <c r="AI1777" s="137"/>
      <c r="AJ1777" s="137"/>
      <c r="AK1777" s="137"/>
      <c r="AL1777" s="137"/>
      <c r="AM1777" s="137"/>
      <c r="AN1777" s="137"/>
      <c r="AO1777" s="137"/>
      <c r="AP1777" s="137"/>
      <c r="AQ1777" s="137"/>
      <c r="AR1777" s="137"/>
      <c r="AS1777" s="137"/>
      <c r="AT1777" s="137"/>
      <c r="AU1777" s="137"/>
      <c r="AV1777" s="137"/>
      <c r="AW1777" s="144"/>
    </row>
    <row r="1778" spans="7:49" x14ac:dyDescent="0.2">
      <c r="G1778" s="43"/>
      <c r="Z1778" s="143"/>
      <c r="AA1778" s="137"/>
      <c r="AB1778" s="137"/>
      <c r="AC1778" s="137"/>
      <c r="AD1778" s="137"/>
      <c r="AE1778" s="137"/>
      <c r="AF1778" s="137"/>
      <c r="AG1778" s="137"/>
      <c r="AH1778" s="137"/>
      <c r="AI1778" s="137"/>
      <c r="AJ1778" s="137"/>
      <c r="AK1778" s="137"/>
      <c r="AL1778" s="137"/>
      <c r="AM1778" s="137"/>
      <c r="AN1778" s="137"/>
      <c r="AO1778" s="137"/>
      <c r="AP1778" s="137"/>
      <c r="AQ1778" s="137"/>
      <c r="AR1778" s="137"/>
      <c r="AS1778" s="137"/>
      <c r="AT1778" s="137"/>
      <c r="AU1778" s="137"/>
      <c r="AV1778" s="137"/>
      <c r="AW1778" s="144"/>
    </row>
    <row r="1779" spans="7:49" x14ac:dyDescent="0.2">
      <c r="G1779" s="43"/>
      <c r="Z1779" s="143"/>
      <c r="AA1779" s="137"/>
      <c r="AB1779" s="137"/>
      <c r="AC1779" s="137"/>
      <c r="AD1779" s="137"/>
      <c r="AE1779" s="137"/>
      <c r="AF1779" s="137"/>
      <c r="AG1779" s="137"/>
      <c r="AH1779" s="137"/>
      <c r="AI1779" s="137"/>
      <c r="AJ1779" s="137"/>
      <c r="AK1779" s="137"/>
      <c r="AL1779" s="137"/>
      <c r="AM1779" s="137"/>
      <c r="AN1779" s="137"/>
      <c r="AO1779" s="137"/>
      <c r="AP1779" s="137"/>
      <c r="AQ1779" s="137"/>
      <c r="AR1779" s="137"/>
      <c r="AS1779" s="137"/>
      <c r="AT1779" s="137"/>
      <c r="AU1779" s="137"/>
      <c r="AV1779" s="137"/>
      <c r="AW1779" s="144"/>
    </row>
    <row r="1780" spans="7:49" x14ac:dyDescent="0.2">
      <c r="G1780" s="43"/>
      <c r="Z1780" s="143"/>
      <c r="AA1780" s="137"/>
      <c r="AB1780" s="137"/>
      <c r="AC1780" s="137"/>
      <c r="AD1780" s="137"/>
      <c r="AE1780" s="137"/>
      <c r="AF1780" s="137"/>
      <c r="AG1780" s="137"/>
      <c r="AH1780" s="137"/>
      <c r="AI1780" s="137"/>
      <c r="AJ1780" s="137"/>
      <c r="AK1780" s="137"/>
      <c r="AL1780" s="137"/>
      <c r="AM1780" s="137"/>
      <c r="AN1780" s="137"/>
      <c r="AO1780" s="137"/>
      <c r="AP1780" s="137"/>
      <c r="AQ1780" s="137"/>
      <c r="AR1780" s="137"/>
      <c r="AS1780" s="137"/>
      <c r="AT1780" s="137"/>
      <c r="AU1780" s="137"/>
      <c r="AV1780" s="137"/>
      <c r="AW1780" s="144"/>
    </row>
    <row r="1781" spans="7:49" x14ac:dyDescent="0.2">
      <c r="G1781" s="43"/>
      <c r="Z1781" s="143"/>
      <c r="AA1781" s="137"/>
      <c r="AB1781" s="137"/>
      <c r="AC1781" s="137"/>
      <c r="AD1781" s="137"/>
      <c r="AE1781" s="137"/>
      <c r="AF1781" s="137"/>
      <c r="AG1781" s="137"/>
      <c r="AH1781" s="137"/>
      <c r="AI1781" s="137"/>
      <c r="AJ1781" s="137"/>
      <c r="AK1781" s="137"/>
      <c r="AL1781" s="137"/>
      <c r="AM1781" s="137"/>
      <c r="AN1781" s="137"/>
      <c r="AO1781" s="137"/>
      <c r="AP1781" s="137"/>
      <c r="AQ1781" s="137"/>
      <c r="AR1781" s="137"/>
      <c r="AS1781" s="137"/>
      <c r="AT1781" s="137"/>
      <c r="AU1781" s="137"/>
      <c r="AV1781" s="137"/>
      <c r="AW1781" s="144"/>
    </row>
    <row r="1782" spans="7:49" x14ac:dyDescent="0.2">
      <c r="G1782" s="43"/>
      <c r="Z1782" s="143"/>
      <c r="AA1782" s="137"/>
      <c r="AB1782" s="137"/>
      <c r="AC1782" s="137"/>
      <c r="AD1782" s="137"/>
      <c r="AE1782" s="137"/>
      <c r="AF1782" s="137"/>
      <c r="AG1782" s="137"/>
      <c r="AH1782" s="137"/>
      <c r="AI1782" s="137"/>
      <c r="AJ1782" s="137"/>
      <c r="AK1782" s="137"/>
      <c r="AL1782" s="137"/>
      <c r="AM1782" s="137"/>
      <c r="AN1782" s="137"/>
      <c r="AO1782" s="137"/>
      <c r="AP1782" s="137"/>
      <c r="AQ1782" s="137"/>
      <c r="AR1782" s="137"/>
      <c r="AS1782" s="137"/>
      <c r="AT1782" s="137"/>
      <c r="AU1782" s="137"/>
      <c r="AV1782" s="137"/>
      <c r="AW1782" s="144"/>
    </row>
    <row r="1783" spans="7:49" x14ac:dyDescent="0.2">
      <c r="G1783" s="43"/>
      <c r="Z1783" s="143"/>
      <c r="AA1783" s="137"/>
      <c r="AB1783" s="137"/>
      <c r="AC1783" s="137"/>
      <c r="AD1783" s="137"/>
      <c r="AE1783" s="137"/>
      <c r="AF1783" s="137"/>
      <c r="AG1783" s="137"/>
      <c r="AH1783" s="137"/>
      <c r="AI1783" s="137"/>
      <c r="AJ1783" s="137"/>
      <c r="AK1783" s="137"/>
      <c r="AL1783" s="137"/>
      <c r="AM1783" s="137"/>
      <c r="AN1783" s="137"/>
      <c r="AO1783" s="137"/>
      <c r="AP1783" s="137"/>
      <c r="AQ1783" s="137"/>
      <c r="AR1783" s="137"/>
      <c r="AS1783" s="137"/>
      <c r="AT1783" s="137"/>
      <c r="AU1783" s="137"/>
      <c r="AV1783" s="137"/>
      <c r="AW1783" s="144"/>
    </row>
    <row r="1784" spans="7:49" x14ac:dyDescent="0.2">
      <c r="G1784" s="43"/>
      <c r="Z1784" s="143"/>
      <c r="AA1784" s="137"/>
      <c r="AB1784" s="137"/>
      <c r="AC1784" s="137"/>
      <c r="AD1784" s="137"/>
      <c r="AE1784" s="137"/>
      <c r="AF1784" s="137"/>
      <c r="AG1784" s="137"/>
      <c r="AH1784" s="137"/>
      <c r="AI1784" s="137"/>
      <c r="AJ1784" s="137"/>
      <c r="AK1784" s="137"/>
      <c r="AL1784" s="137"/>
      <c r="AM1784" s="137"/>
      <c r="AN1784" s="137"/>
      <c r="AO1784" s="137"/>
      <c r="AP1784" s="137"/>
      <c r="AQ1784" s="137"/>
      <c r="AR1784" s="137"/>
      <c r="AS1784" s="137"/>
      <c r="AT1784" s="137"/>
      <c r="AU1784" s="137"/>
      <c r="AV1784" s="137"/>
      <c r="AW1784" s="144"/>
    </row>
    <row r="1785" spans="7:49" x14ac:dyDescent="0.2">
      <c r="G1785" s="43"/>
      <c r="Z1785" s="143"/>
      <c r="AA1785" s="137"/>
      <c r="AB1785" s="137"/>
      <c r="AC1785" s="137"/>
      <c r="AD1785" s="137"/>
      <c r="AE1785" s="137"/>
      <c r="AF1785" s="137"/>
      <c r="AG1785" s="137"/>
      <c r="AH1785" s="137"/>
      <c r="AI1785" s="137"/>
      <c r="AJ1785" s="137"/>
      <c r="AK1785" s="137"/>
      <c r="AL1785" s="137"/>
      <c r="AM1785" s="137"/>
      <c r="AN1785" s="137"/>
      <c r="AO1785" s="137"/>
      <c r="AP1785" s="137"/>
      <c r="AQ1785" s="137"/>
      <c r="AR1785" s="137"/>
      <c r="AS1785" s="137"/>
      <c r="AT1785" s="137"/>
      <c r="AU1785" s="137"/>
      <c r="AV1785" s="137"/>
      <c r="AW1785" s="144"/>
    </row>
    <row r="1786" spans="7:49" x14ac:dyDescent="0.2">
      <c r="G1786" s="43"/>
      <c r="Z1786" s="143"/>
      <c r="AA1786" s="137"/>
      <c r="AB1786" s="137"/>
      <c r="AC1786" s="137"/>
      <c r="AD1786" s="137"/>
      <c r="AE1786" s="137"/>
      <c r="AF1786" s="137"/>
      <c r="AG1786" s="137"/>
      <c r="AH1786" s="137"/>
      <c r="AI1786" s="137"/>
      <c r="AJ1786" s="137"/>
      <c r="AK1786" s="137"/>
      <c r="AL1786" s="137"/>
      <c r="AM1786" s="137"/>
      <c r="AN1786" s="137"/>
      <c r="AO1786" s="137"/>
      <c r="AP1786" s="137"/>
      <c r="AQ1786" s="137"/>
      <c r="AR1786" s="137"/>
      <c r="AS1786" s="137"/>
      <c r="AT1786" s="137"/>
      <c r="AU1786" s="137"/>
      <c r="AV1786" s="137"/>
      <c r="AW1786" s="144"/>
    </row>
    <row r="1787" spans="7:49" x14ac:dyDescent="0.2">
      <c r="G1787" s="43"/>
      <c r="Z1787" s="143"/>
      <c r="AA1787" s="137"/>
      <c r="AB1787" s="137"/>
      <c r="AC1787" s="137"/>
      <c r="AD1787" s="137"/>
      <c r="AE1787" s="137"/>
      <c r="AF1787" s="137"/>
      <c r="AG1787" s="137"/>
      <c r="AH1787" s="137"/>
      <c r="AI1787" s="137"/>
      <c r="AJ1787" s="137"/>
      <c r="AK1787" s="137"/>
      <c r="AL1787" s="137"/>
      <c r="AM1787" s="137"/>
      <c r="AN1787" s="137"/>
      <c r="AO1787" s="137"/>
      <c r="AP1787" s="137"/>
      <c r="AQ1787" s="137"/>
      <c r="AR1787" s="137"/>
      <c r="AS1787" s="137"/>
      <c r="AT1787" s="137"/>
      <c r="AU1787" s="137"/>
      <c r="AV1787" s="137"/>
      <c r="AW1787" s="144"/>
    </row>
    <row r="1788" spans="7:49" x14ac:dyDescent="0.2">
      <c r="G1788" s="43"/>
      <c r="Z1788" s="143"/>
      <c r="AA1788" s="137"/>
      <c r="AB1788" s="137"/>
      <c r="AC1788" s="137"/>
      <c r="AD1788" s="137"/>
      <c r="AE1788" s="137"/>
      <c r="AF1788" s="137"/>
      <c r="AG1788" s="137"/>
      <c r="AH1788" s="137"/>
      <c r="AI1788" s="137"/>
      <c r="AJ1788" s="137"/>
      <c r="AK1788" s="137"/>
      <c r="AL1788" s="137"/>
      <c r="AM1788" s="137"/>
      <c r="AN1788" s="137"/>
      <c r="AO1788" s="137"/>
      <c r="AP1788" s="137"/>
      <c r="AQ1788" s="137"/>
      <c r="AR1788" s="137"/>
      <c r="AS1788" s="137"/>
      <c r="AT1788" s="137"/>
      <c r="AU1788" s="137"/>
      <c r="AV1788" s="137"/>
      <c r="AW1788" s="144"/>
    </row>
    <row r="1789" spans="7:49" x14ac:dyDescent="0.2">
      <c r="G1789" s="43"/>
      <c r="Z1789" s="143"/>
      <c r="AA1789" s="137"/>
      <c r="AB1789" s="137"/>
      <c r="AC1789" s="137"/>
      <c r="AD1789" s="137"/>
      <c r="AE1789" s="137"/>
      <c r="AF1789" s="137"/>
      <c r="AG1789" s="137"/>
      <c r="AH1789" s="137"/>
      <c r="AI1789" s="137"/>
      <c r="AJ1789" s="137"/>
      <c r="AK1789" s="137"/>
      <c r="AL1789" s="137"/>
      <c r="AM1789" s="137"/>
      <c r="AN1789" s="137"/>
      <c r="AO1789" s="137"/>
      <c r="AP1789" s="137"/>
      <c r="AQ1789" s="137"/>
      <c r="AR1789" s="137"/>
      <c r="AS1789" s="137"/>
      <c r="AT1789" s="137"/>
      <c r="AU1789" s="137"/>
      <c r="AV1789" s="137"/>
      <c r="AW1789" s="144"/>
    </row>
    <row r="1790" spans="7:49" x14ac:dyDescent="0.2">
      <c r="G1790" s="43"/>
      <c r="Z1790" s="143"/>
      <c r="AA1790" s="137"/>
      <c r="AB1790" s="137"/>
      <c r="AC1790" s="137"/>
      <c r="AD1790" s="137"/>
      <c r="AE1790" s="137"/>
      <c r="AF1790" s="137"/>
      <c r="AG1790" s="137"/>
      <c r="AH1790" s="137"/>
      <c r="AI1790" s="137"/>
      <c r="AJ1790" s="137"/>
      <c r="AK1790" s="137"/>
      <c r="AL1790" s="137"/>
      <c r="AM1790" s="137"/>
      <c r="AN1790" s="137"/>
      <c r="AO1790" s="137"/>
      <c r="AP1790" s="137"/>
      <c r="AQ1790" s="137"/>
      <c r="AR1790" s="137"/>
      <c r="AS1790" s="137"/>
      <c r="AT1790" s="137"/>
      <c r="AU1790" s="137"/>
      <c r="AV1790" s="137"/>
      <c r="AW1790" s="144"/>
    </row>
    <row r="1791" spans="7:49" x14ac:dyDescent="0.2">
      <c r="G1791" s="43"/>
      <c r="Z1791" s="143"/>
      <c r="AA1791" s="137"/>
      <c r="AB1791" s="137"/>
      <c r="AC1791" s="137"/>
      <c r="AD1791" s="137"/>
      <c r="AE1791" s="137"/>
      <c r="AF1791" s="137"/>
      <c r="AG1791" s="137"/>
      <c r="AH1791" s="137"/>
      <c r="AI1791" s="137"/>
      <c r="AJ1791" s="137"/>
      <c r="AK1791" s="137"/>
      <c r="AL1791" s="137"/>
      <c r="AM1791" s="137"/>
      <c r="AN1791" s="137"/>
      <c r="AO1791" s="137"/>
      <c r="AP1791" s="137"/>
      <c r="AQ1791" s="137"/>
      <c r="AR1791" s="137"/>
      <c r="AS1791" s="137"/>
      <c r="AT1791" s="137"/>
      <c r="AU1791" s="137"/>
      <c r="AV1791" s="137"/>
      <c r="AW1791" s="144"/>
    </row>
    <row r="1792" spans="7:49" x14ac:dyDescent="0.2">
      <c r="G1792" s="43"/>
      <c r="Z1792" s="143"/>
      <c r="AA1792" s="137"/>
      <c r="AB1792" s="137"/>
      <c r="AC1792" s="137"/>
      <c r="AD1792" s="137"/>
      <c r="AE1792" s="137"/>
      <c r="AF1792" s="137"/>
      <c r="AG1792" s="137"/>
      <c r="AH1792" s="137"/>
      <c r="AI1792" s="137"/>
      <c r="AJ1792" s="137"/>
      <c r="AK1792" s="137"/>
      <c r="AL1792" s="137"/>
      <c r="AM1792" s="137"/>
      <c r="AN1792" s="137"/>
      <c r="AO1792" s="137"/>
      <c r="AP1792" s="137"/>
      <c r="AQ1792" s="137"/>
      <c r="AR1792" s="137"/>
      <c r="AS1792" s="137"/>
      <c r="AT1792" s="137"/>
      <c r="AU1792" s="137"/>
      <c r="AV1792" s="137"/>
      <c r="AW1792" s="144"/>
    </row>
    <row r="1793" spans="7:49" x14ac:dyDescent="0.2">
      <c r="G1793" s="43"/>
      <c r="Z1793" s="143"/>
      <c r="AA1793" s="137"/>
      <c r="AB1793" s="137"/>
      <c r="AC1793" s="137"/>
      <c r="AD1793" s="137"/>
      <c r="AE1793" s="137"/>
      <c r="AF1793" s="137"/>
      <c r="AG1793" s="137"/>
      <c r="AH1793" s="137"/>
      <c r="AI1793" s="137"/>
      <c r="AJ1793" s="137"/>
      <c r="AK1793" s="137"/>
      <c r="AL1793" s="137"/>
      <c r="AM1793" s="137"/>
      <c r="AN1793" s="137"/>
      <c r="AO1793" s="137"/>
      <c r="AP1793" s="137"/>
      <c r="AQ1793" s="137"/>
      <c r="AR1793" s="137"/>
      <c r="AS1793" s="137"/>
      <c r="AT1793" s="137"/>
      <c r="AU1793" s="137"/>
      <c r="AV1793" s="137"/>
      <c r="AW1793" s="144"/>
    </row>
    <row r="1794" spans="7:49" x14ac:dyDescent="0.2">
      <c r="G1794" s="43"/>
      <c r="Z1794" s="143"/>
      <c r="AA1794" s="137"/>
      <c r="AB1794" s="137"/>
      <c r="AC1794" s="137"/>
      <c r="AD1794" s="137"/>
      <c r="AE1794" s="137"/>
      <c r="AF1794" s="137"/>
      <c r="AG1794" s="137"/>
      <c r="AH1794" s="137"/>
      <c r="AI1794" s="137"/>
      <c r="AJ1794" s="137"/>
      <c r="AK1794" s="137"/>
      <c r="AL1794" s="137"/>
      <c r="AM1794" s="137"/>
      <c r="AN1794" s="137"/>
      <c r="AO1794" s="137"/>
      <c r="AP1794" s="137"/>
      <c r="AQ1794" s="137"/>
      <c r="AR1794" s="137"/>
      <c r="AS1794" s="137"/>
      <c r="AT1794" s="137"/>
      <c r="AU1794" s="137"/>
      <c r="AV1794" s="137"/>
      <c r="AW1794" s="144"/>
    </row>
    <row r="1795" spans="7:49" x14ac:dyDescent="0.2">
      <c r="G1795" s="43"/>
      <c r="Z1795" s="143"/>
      <c r="AA1795" s="137"/>
      <c r="AB1795" s="137"/>
      <c r="AC1795" s="137"/>
      <c r="AD1795" s="137"/>
      <c r="AE1795" s="137"/>
      <c r="AF1795" s="137"/>
      <c r="AG1795" s="137"/>
      <c r="AH1795" s="137"/>
      <c r="AI1795" s="137"/>
      <c r="AJ1795" s="137"/>
      <c r="AK1795" s="137"/>
      <c r="AL1795" s="137"/>
      <c r="AM1795" s="137"/>
      <c r="AN1795" s="137"/>
      <c r="AO1795" s="137"/>
      <c r="AP1795" s="137"/>
      <c r="AQ1795" s="137"/>
      <c r="AR1795" s="137"/>
      <c r="AS1795" s="137"/>
      <c r="AT1795" s="137"/>
      <c r="AU1795" s="137"/>
      <c r="AV1795" s="137"/>
      <c r="AW1795" s="144"/>
    </row>
    <row r="1796" spans="7:49" x14ac:dyDescent="0.2">
      <c r="G1796" s="43"/>
      <c r="Z1796" s="143"/>
      <c r="AA1796" s="137"/>
      <c r="AB1796" s="137"/>
      <c r="AC1796" s="137"/>
      <c r="AD1796" s="137"/>
      <c r="AE1796" s="137"/>
      <c r="AF1796" s="137"/>
      <c r="AG1796" s="137"/>
      <c r="AH1796" s="137"/>
      <c r="AI1796" s="137"/>
      <c r="AJ1796" s="137"/>
      <c r="AK1796" s="137"/>
      <c r="AL1796" s="137"/>
      <c r="AM1796" s="137"/>
      <c r="AN1796" s="137"/>
      <c r="AO1796" s="137"/>
      <c r="AP1796" s="137"/>
      <c r="AQ1796" s="137"/>
      <c r="AR1796" s="137"/>
      <c r="AS1796" s="137"/>
      <c r="AT1796" s="137"/>
      <c r="AU1796" s="137"/>
      <c r="AV1796" s="137"/>
      <c r="AW1796" s="144"/>
    </row>
    <row r="1797" spans="7:49" x14ac:dyDescent="0.2">
      <c r="G1797" s="43"/>
      <c r="Z1797" s="143"/>
      <c r="AA1797" s="137"/>
      <c r="AB1797" s="137"/>
      <c r="AC1797" s="137"/>
      <c r="AD1797" s="137"/>
      <c r="AE1797" s="137"/>
      <c r="AF1797" s="137"/>
      <c r="AG1797" s="137"/>
      <c r="AH1797" s="137"/>
      <c r="AI1797" s="137"/>
      <c r="AJ1797" s="137"/>
      <c r="AK1797" s="137"/>
      <c r="AL1797" s="137"/>
      <c r="AM1797" s="137"/>
      <c r="AN1797" s="137"/>
      <c r="AO1797" s="137"/>
      <c r="AP1797" s="137"/>
      <c r="AQ1797" s="137"/>
      <c r="AR1797" s="137"/>
      <c r="AS1797" s="137"/>
      <c r="AT1797" s="137"/>
      <c r="AU1797" s="137"/>
      <c r="AV1797" s="137"/>
      <c r="AW1797" s="144"/>
    </row>
    <row r="1798" spans="7:49" x14ac:dyDescent="0.2">
      <c r="G1798" s="43"/>
      <c r="Z1798" s="143"/>
      <c r="AA1798" s="137"/>
      <c r="AB1798" s="137"/>
      <c r="AC1798" s="137"/>
      <c r="AD1798" s="137"/>
      <c r="AE1798" s="137"/>
      <c r="AF1798" s="137"/>
      <c r="AG1798" s="137"/>
      <c r="AH1798" s="137"/>
      <c r="AI1798" s="137"/>
      <c r="AJ1798" s="137"/>
      <c r="AK1798" s="137"/>
      <c r="AL1798" s="137"/>
      <c r="AM1798" s="137"/>
      <c r="AN1798" s="137"/>
      <c r="AO1798" s="137"/>
      <c r="AP1798" s="137"/>
      <c r="AQ1798" s="137"/>
      <c r="AR1798" s="137"/>
      <c r="AS1798" s="137"/>
      <c r="AT1798" s="137"/>
      <c r="AU1798" s="137"/>
      <c r="AV1798" s="137"/>
      <c r="AW1798" s="144"/>
    </row>
    <row r="1799" spans="7:49" x14ac:dyDescent="0.2">
      <c r="G1799" s="43"/>
      <c r="Z1799" s="143"/>
      <c r="AA1799" s="137"/>
      <c r="AB1799" s="137"/>
      <c r="AC1799" s="137"/>
      <c r="AD1799" s="137"/>
      <c r="AE1799" s="137"/>
      <c r="AF1799" s="137"/>
      <c r="AG1799" s="137"/>
      <c r="AH1799" s="137"/>
      <c r="AI1799" s="137"/>
      <c r="AJ1799" s="137"/>
      <c r="AK1799" s="137"/>
      <c r="AL1799" s="137"/>
      <c r="AM1799" s="137"/>
      <c r="AN1799" s="137"/>
      <c r="AO1799" s="137"/>
      <c r="AP1799" s="137"/>
      <c r="AQ1799" s="137"/>
      <c r="AR1799" s="137"/>
      <c r="AS1799" s="137"/>
      <c r="AT1799" s="137"/>
      <c r="AU1799" s="137"/>
      <c r="AV1799" s="137"/>
      <c r="AW1799" s="144"/>
    </row>
    <row r="1800" spans="7:49" x14ac:dyDescent="0.2">
      <c r="G1800" s="43"/>
      <c r="Z1800" s="143"/>
      <c r="AA1800" s="137"/>
      <c r="AB1800" s="137"/>
      <c r="AC1800" s="137"/>
      <c r="AD1800" s="137"/>
      <c r="AE1800" s="137"/>
      <c r="AF1800" s="137"/>
      <c r="AG1800" s="137"/>
      <c r="AH1800" s="137"/>
      <c r="AI1800" s="137"/>
      <c r="AJ1800" s="137"/>
      <c r="AK1800" s="137"/>
      <c r="AL1800" s="137"/>
      <c r="AM1800" s="137"/>
      <c r="AN1800" s="137"/>
      <c r="AO1800" s="137"/>
      <c r="AP1800" s="137"/>
      <c r="AQ1800" s="137"/>
      <c r="AR1800" s="137"/>
      <c r="AS1800" s="137"/>
      <c r="AT1800" s="137"/>
      <c r="AU1800" s="137"/>
      <c r="AV1800" s="137"/>
      <c r="AW1800" s="144"/>
    </row>
    <row r="1801" spans="7:49" x14ac:dyDescent="0.2">
      <c r="G1801" s="43"/>
      <c r="Z1801" s="143"/>
      <c r="AA1801" s="137"/>
      <c r="AB1801" s="137"/>
      <c r="AC1801" s="137"/>
      <c r="AD1801" s="137"/>
      <c r="AE1801" s="137"/>
      <c r="AF1801" s="137"/>
      <c r="AG1801" s="137"/>
      <c r="AH1801" s="137"/>
      <c r="AI1801" s="137"/>
      <c r="AJ1801" s="137"/>
      <c r="AK1801" s="137"/>
      <c r="AL1801" s="137"/>
      <c r="AM1801" s="137"/>
      <c r="AN1801" s="137"/>
      <c r="AO1801" s="137"/>
      <c r="AP1801" s="137"/>
      <c r="AQ1801" s="137"/>
      <c r="AR1801" s="137"/>
      <c r="AS1801" s="137"/>
      <c r="AT1801" s="137"/>
      <c r="AU1801" s="137"/>
      <c r="AV1801" s="137"/>
      <c r="AW1801" s="144"/>
    </row>
    <row r="1802" spans="7:49" x14ac:dyDescent="0.2">
      <c r="G1802" s="43"/>
      <c r="Z1802" s="143"/>
      <c r="AA1802" s="137"/>
      <c r="AB1802" s="137"/>
      <c r="AC1802" s="137"/>
      <c r="AD1802" s="137"/>
      <c r="AE1802" s="137"/>
      <c r="AF1802" s="137"/>
      <c r="AG1802" s="137"/>
      <c r="AH1802" s="137"/>
      <c r="AI1802" s="137"/>
      <c r="AJ1802" s="137"/>
      <c r="AK1802" s="137"/>
      <c r="AL1802" s="137"/>
      <c r="AM1802" s="137"/>
      <c r="AN1802" s="137"/>
      <c r="AO1802" s="137"/>
      <c r="AP1802" s="137"/>
      <c r="AQ1802" s="137"/>
      <c r="AR1802" s="137"/>
      <c r="AS1802" s="137"/>
      <c r="AT1802" s="137"/>
      <c r="AU1802" s="137"/>
      <c r="AV1802" s="137"/>
      <c r="AW1802" s="144"/>
    </row>
    <row r="1803" spans="7:49" x14ac:dyDescent="0.2">
      <c r="G1803" s="43"/>
      <c r="Z1803" s="143"/>
      <c r="AA1803" s="137"/>
      <c r="AB1803" s="137"/>
      <c r="AC1803" s="137"/>
      <c r="AD1803" s="137"/>
      <c r="AE1803" s="137"/>
      <c r="AF1803" s="137"/>
      <c r="AG1803" s="137"/>
      <c r="AH1803" s="137"/>
      <c r="AI1803" s="137"/>
      <c r="AJ1803" s="137"/>
      <c r="AK1803" s="137"/>
      <c r="AL1803" s="137"/>
      <c r="AM1803" s="137"/>
      <c r="AN1803" s="137"/>
      <c r="AO1803" s="137"/>
      <c r="AP1803" s="137"/>
      <c r="AQ1803" s="137"/>
      <c r="AR1803" s="137"/>
      <c r="AS1803" s="137"/>
      <c r="AT1803" s="137"/>
      <c r="AU1803" s="137"/>
      <c r="AV1803" s="137"/>
      <c r="AW1803" s="144"/>
    </row>
    <row r="1804" spans="7:49" x14ac:dyDescent="0.2">
      <c r="G1804" s="43"/>
      <c r="Z1804" s="143"/>
      <c r="AA1804" s="137"/>
      <c r="AB1804" s="137"/>
      <c r="AC1804" s="137"/>
      <c r="AD1804" s="137"/>
      <c r="AE1804" s="137"/>
      <c r="AF1804" s="137"/>
      <c r="AG1804" s="137"/>
      <c r="AH1804" s="137"/>
      <c r="AI1804" s="137"/>
      <c r="AJ1804" s="137"/>
      <c r="AK1804" s="137"/>
      <c r="AL1804" s="137"/>
      <c r="AM1804" s="137"/>
      <c r="AN1804" s="137"/>
      <c r="AO1804" s="137"/>
      <c r="AP1804" s="137"/>
      <c r="AQ1804" s="137"/>
      <c r="AR1804" s="137"/>
      <c r="AS1804" s="137"/>
      <c r="AT1804" s="137"/>
      <c r="AU1804" s="137"/>
      <c r="AV1804" s="137"/>
      <c r="AW1804" s="144"/>
    </row>
    <row r="1805" spans="7:49" x14ac:dyDescent="0.2">
      <c r="G1805" s="43"/>
      <c r="Z1805" s="143"/>
      <c r="AA1805" s="137"/>
      <c r="AB1805" s="137"/>
      <c r="AC1805" s="137"/>
      <c r="AD1805" s="137"/>
      <c r="AE1805" s="137"/>
      <c r="AF1805" s="137"/>
      <c r="AG1805" s="137"/>
      <c r="AH1805" s="137"/>
      <c r="AI1805" s="137"/>
      <c r="AJ1805" s="137"/>
      <c r="AK1805" s="137"/>
      <c r="AL1805" s="137"/>
      <c r="AM1805" s="137"/>
      <c r="AN1805" s="137"/>
      <c r="AO1805" s="137"/>
      <c r="AP1805" s="137"/>
      <c r="AQ1805" s="137"/>
      <c r="AR1805" s="137"/>
      <c r="AS1805" s="137"/>
      <c r="AT1805" s="137"/>
      <c r="AU1805" s="137"/>
      <c r="AV1805" s="137"/>
      <c r="AW1805" s="144"/>
    </row>
    <row r="1806" spans="7:49" x14ac:dyDescent="0.2">
      <c r="G1806" s="43"/>
      <c r="Z1806" s="143"/>
      <c r="AA1806" s="137"/>
      <c r="AB1806" s="137"/>
      <c r="AC1806" s="137"/>
      <c r="AD1806" s="137"/>
      <c r="AE1806" s="137"/>
      <c r="AF1806" s="137"/>
      <c r="AG1806" s="137"/>
      <c r="AH1806" s="137"/>
      <c r="AI1806" s="137"/>
      <c r="AJ1806" s="137"/>
      <c r="AK1806" s="137"/>
      <c r="AL1806" s="137"/>
      <c r="AM1806" s="137"/>
      <c r="AN1806" s="137"/>
      <c r="AO1806" s="137"/>
      <c r="AP1806" s="137"/>
      <c r="AQ1806" s="137"/>
      <c r="AR1806" s="137"/>
      <c r="AS1806" s="137"/>
      <c r="AT1806" s="137"/>
      <c r="AU1806" s="137"/>
      <c r="AV1806" s="137"/>
      <c r="AW1806" s="144"/>
    </row>
    <row r="1807" spans="7:49" x14ac:dyDescent="0.2">
      <c r="G1807" s="43"/>
      <c r="Z1807" s="143"/>
      <c r="AA1807" s="137"/>
      <c r="AB1807" s="137"/>
      <c r="AC1807" s="137"/>
      <c r="AD1807" s="137"/>
      <c r="AE1807" s="137"/>
      <c r="AF1807" s="137"/>
      <c r="AG1807" s="137"/>
      <c r="AH1807" s="137"/>
      <c r="AI1807" s="137"/>
      <c r="AJ1807" s="137"/>
      <c r="AK1807" s="137"/>
      <c r="AL1807" s="137"/>
      <c r="AM1807" s="137"/>
      <c r="AN1807" s="137"/>
      <c r="AO1807" s="137"/>
      <c r="AP1807" s="137"/>
      <c r="AQ1807" s="137"/>
      <c r="AR1807" s="137"/>
      <c r="AS1807" s="137"/>
      <c r="AT1807" s="137"/>
      <c r="AU1807" s="137"/>
      <c r="AV1807" s="137"/>
      <c r="AW1807" s="144"/>
    </row>
    <row r="1808" spans="7:49" x14ac:dyDescent="0.2">
      <c r="G1808" s="43"/>
      <c r="Z1808" s="143"/>
      <c r="AA1808" s="137"/>
      <c r="AB1808" s="137"/>
      <c r="AC1808" s="137"/>
      <c r="AD1808" s="137"/>
      <c r="AE1808" s="137"/>
      <c r="AF1808" s="137"/>
      <c r="AG1808" s="137"/>
      <c r="AH1808" s="137"/>
      <c r="AI1808" s="137"/>
      <c r="AJ1808" s="137"/>
      <c r="AK1808" s="137"/>
      <c r="AL1808" s="137"/>
      <c r="AM1808" s="137"/>
      <c r="AN1808" s="137"/>
      <c r="AO1808" s="137"/>
      <c r="AP1808" s="137"/>
      <c r="AQ1808" s="137"/>
      <c r="AR1808" s="137"/>
      <c r="AS1808" s="137"/>
      <c r="AT1808" s="137"/>
      <c r="AU1808" s="137"/>
      <c r="AV1808" s="137"/>
      <c r="AW1808" s="144"/>
    </row>
    <row r="1809" spans="7:49" x14ac:dyDescent="0.2">
      <c r="G1809" s="43"/>
      <c r="Z1809" s="143"/>
      <c r="AA1809" s="137"/>
      <c r="AB1809" s="137"/>
      <c r="AC1809" s="137"/>
      <c r="AD1809" s="137"/>
      <c r="AE1809" s="137"/>
      <c r="AF1809" s="137"/>
      <c r="AG1809" s="137"/>
      <c r="AH1809" s="137"/>
      <c r="AI1809" s="137"/>
      <c r="AJ1809" s="137"/>
      <c r="AK1809" s="137"/>
      <c r="AL1809" s="137"/>
      <c r="AM1809" s="137"/>
      <c r="AN1809" s="137"/>
      <c r="AO1809" s="137"/>
      <c r="AP1809" s="137"/>
      <c r="AQ1809" s="137"/>
      <c r="AR1809" s="137"/>
      <c r="AS1809" s="137"/>
      <c r="AT1809" s="137"/>
      <c r="AU1809" s="137"/>
      <c r="AV1809" s="137"/>
      <c r="AW1809" s="144"/>
    </row>
    <row r="1810" spans="7:49" x14ac:dyDescent="0.2">
      <c r="G1810" s="43"/>
      <c r="Z1810" s="143"/>
      <c r="AA1810" s="137"/>
      <c r="AB1810" s="137"/>
      <c r="AC1810" s="137"/>
      <c r="AD1810" s="137"/>
      <c r="AE1810" s="137"/>
      <c r="AF1810" s="137"/>
      <c r="AG1810" s="137"/>
      <c r="AH1810" s="137"/>
      <c r="AI1810" s="137"/>
      <c r="AJ1810" s="137"/>
      <c r="AK1810" s="137"/>
      <c r="AL1810" s="137"/>
      <c r="AM1810" s="137"/>
      <c r="AN1810" s="137"/>
      <c r="AO1810" s="137"/>
      <c r="AP1810" s="137"/>
      <c r="AQ1810" s="137"/>
      <c r="AR1810" s="137"/>
      <c r="AS1810" s="137"/>
      <c r="AT1810" s="137"/>
      <c r="AU1810" s="137"/>
      <c r="AV1810" s="137"/>
      <c r="AW1810" s="144"/>
    </row>
    <row r="1811" spans="7:49" x14ac:dyDescent="0.2">
      <c r="G1811" s="43"/>
      <c r="Z1811" s="143"/>
      <c r="AA1811" s="137"/>
      <c r="AB1811" s="137"/>
      <c r="AC1811" s="137"/>
      <c r="AD1811" s="137"/>
      <c r="AE1811" s="137"/>
      <c r="AF1811" s="137"/>
      <c r="AG1811" s="137"/>
      <c r="AH1811" s="137"/>
      <c r="AI1811" s="137"/>
      <c r="AJ1811" s="137"/>
      <c r="AK1811" s="137"/>
      <c r="AL1811" s="137"/>
      <c r="AM1811" s="137"/>
      <c r="AN1811" s="137"/>
      <c r="AO1811" s="137"/>
      <c r="AP1811" s="137"/>
      <c r="AQ1811" s="137"/>
      <c r="AR1811" s="137"/>
      <c r="AS1811" s="137"/>
      <c r="AT1811" s="137"/>
      <c r="AU1811" s="137"/>
      <c r="AV1811" s="137"/>
      <c r="AW1811" s="144"/>
    </row>
    <row r="1812" spans="7:49" x14ac:dyDescent="0.2">
      <c r="G1812" s="43"/>
      <c r="Z1812" s="143"/>
      <c r="AA1812" s="137"/>
      <c r="AB1812" s="137"/>
      <c r="AC1812" s="137"/>
      <c r="AD1812" s="137"/>
      <c r="AE1812" s="137"/>
      <c r="AF1812" s="137"/>
      <c r="AG1812" s="137"/>
      <c r="AH1812" s="137"/>
      <c r="AI1812" s="137"/>
      <c r="AJ1812" s="137"/>
      <c r="AK1812" s="137"/>
      <c r="AL1812" s="137"/>
      <c r="AM1812" s="137"/>
      <c r="AN1812" s="137"/>
      <c r="AO1812" s="137"/>
      <c r="AP1812" s="137"/>
      <c r="AQ1812" s="137"/>
      <c r="AR1812" s="137"/>
      <c r="AS1812" s="137"/>
      <c r="AT1812" s="137"/>
      <c r="AU1812" s="137"/>
      <c r="AV1812" s="137"/>
      <c r="AW1812" s="144"/>
    </row>
    <row r="1813" spans="7:49" x14ac:dyDescent="0.2">
      <c r="G1813" s="43"/>
      <c r="Z1813" s="143"/>
      <c r="AA1813" s="137"/>
      <c r="AB1813" s="137"/>
      <c r="AC1813" s="137"/>
      <c r="AD1813" s="137"/>
      <c r="AE1813" s="137"/>
      <c r="AF1813" s="137"/>
      <c r="AG1813" s="137"/>
      <c r="AH1813" s="137"/>
      <c r="AI1813" s="137"/>
      <c r="AJ1813" s="137"/>
      <c r="AK1813" s="137"/>
      <c r="AL1813" s="137"/>
      <c r="AM1813" s="137"/>
      <c r="AN1813" s="137"/>
      <c r="AO1813" s="137"/>
      <c r="AP1813" s="137"/>
      <c r="AQ1813" s="137"/>
      <c r="AR1813" s="137"/>
      <c r="AS1813" s="137"/>
      <c r="AT1813" s="137"/>
      <c r="AU1813" s="137"/>
      <c r="AV1813" s="137"/>
      <c r="AW1813" s="144"/>
    </row>
    <row r="1814" spans="7:49" x14ac:dyDescent="0.2">
      <c r="G1814" s="43"/>
      <c r="Z1814" s="143"/>
      <c r="AA1814" s="137"/>
      <c r="AB1814" s="137"/>
      <c r="AC1814" s="137"/>
      <c r="AD1814" s="137"/>
      <c r="AE1814" s="137"/>
      <c r="AF1814" s="137"/>
      <c r="AG1814" s="137"/>
      <c r="AH1814" s="137"/>
      <c r="AI1814" s="137"/>
      <c r="AJ1814" s="137"/>
      <c r="AK1814" s="137"/>
      <c r="AL1814" s="137"/>
      <c r="AM1814" s="137"/>
      <c r="AN1814" s="137"/>
      <c r="AO1814" s="137"/>
      <c r="AP1814" s="137"/>
      <c r="AQ1814" s="137"/>
      <c r="AR1814" s="137"/>
      <c r="AS1814" s="137"/>
      <c r="AT1814" s="137"/>
      <c r="AU1814" s="137"/>
      <c r="AV1814" s="137"/>
      <c r="AW1814" s="144"/>
    </row>
    <row r="1815" spans="7:49" x14ac:dyDescent="0.2">
      <c r="G1815" s="43"/>
      <c r="Z1815" s="143"/>
      <c r="AA1815" s="137"/>
      <c r="AB1815" s="137"/>
      <c r="AC1815" s="137"/>
      <c r="AD1815" s="137"/>
      <c r="AE1815" s="137"/>
      <c r="AF1815" s="137"/>
      <c r="AG1815" s="137"/>
      <c r="AH1815" s="137"/>
      <c r="AI1815" s="137"/>
      <c r="AJ1815" s="137"/>
      <c r="AK1815" s="137"/>
      <c r="AL1815" s="137"/>
      <c r="AM1815" s="137"/>
      <c r="AN1815" s="137"/>
      <c r="AO1815" s="137"/>
      <c r="AP1815" s="137"/>
      <c r="AQ1815" s="137"/>
      <c r="AR1815" s="137"/>
      <c r="AS1815" s="137"/>
      <c r="AT1815" s="137"/>
      <c r="AU1815" s="137"/>
      <c r="AV1815" s="137"/>
      <c r="AW1815" s="144"/>
    </row>
    <row r="1816" spans="7:49" x14ac:dyDescent="0.2">
      <c r="G1816" s="43"/>
      <c r="Z1816" s="143"/>
      <c r="AA1816" s="137"/>
      <c r="AB1816" s="137"/>
      <c r="AC1816" s="137"/>
      <c r="AD1816" s="137"/>
      <c r="AE1816" s="137"/>
      <c r="AF1816" s="137"/>
      <c r="AG1816" s="137"/>
      <c r="AH1816" s="137"/>
      <c r="AI1816" s="137"/>
      <c r="AJ1816" s="137"/>
      <c r="AK1816" s="137"/>
      <c r="AL1816" s="137"/>
      <c r="AM1816" s="137"/>
      <c r="AN1816" s="137"/>
      <c r="AO1816" s="137"/>
      <c r="AP1816" s="137"/>
      <c r="AQ1816" s="137"/>
      <c r="AR1816" s="137"/>
      <c r="AS1816" s="137"/>
      <c r="AT1816" s="137"/>
      <c r="AU1816" s="137"/>
      <c r="AV1816" s="137"/>
      <c r="AW1816" s="144"/>
    </row>
    <row r="1817" spans="7:49" x14ac:dyDescent="0.2">
      <c r="G1817" s="43"/>
      <c r="Z1817" s="143"/>
      <c r="AA1817" s="137"/>
      <c r="AB1817" s="137"/>
      <c r="AC1817" s="137"/>
      <c r="AD1817" s="137"/>
      <c r="AE1817" s="137"/>
      <c r="AF1817" s="137"/>
      <c r="AG1817" s="137"/>
      <c r="AH1817" s="137"/>
      <c r="AI1817" s="137"/>
      <c r="AJ1817" s="137"/>
      <c r="AK1817" s="137"/>
      <c r="AL1817" s="137"/>
      <c r="AM1817" s="137"/>
      <c r="AN1817" s="137"/>
      <c r="AO1817" s="137"/>
      <c r="AP1817" s="137"/>
      <c r="AQ1817" s="137"/>
      <c r="AR1817" s="137"/>
      <c r="AS1817" s="137"/>
      <c r="AT1817" s="137"/>
      <c r="AU1817" s="137"/>
      <c r="AV1817" s="137"/>
      <c r="AW1817" s="144"/>
    </row>
    <row r="1818" spans="7:49" x14ac:dyDescent="0.2">
      <c r="G1818" s="43"/>
      <c r="Z1818" s="143"/>
      <c r="AA1818" s="137"/>
      <c r="AB1818" s="137"/>
      <c r="AC1818" s="137"/>
      <c r="AD1818" s="137"/>
      <c r="AE1818" s="137"/>
      <c r="AF1818" s="137"/>
      <c r="AG1818" s="137"/>
      <c r="AH1818" s="137"/>
      <c r="AI1818" s="137"/>
      <c r="AJ1818" s="137"/>
      <c r="AK1818" s="137"/>
      <c r="AL1818" s="137"/>
      <c r="AM1818" s="137"/>
      <c r="AN1818" s="137"/>
      <c r="AO1818" s="137"/>
      <c r="AP1818" s="137"/>
      <c r="AQ1818" s="137"/>
      <c r="AR1818" s="137"/>
      <c r="AS1818" s="137"/>
      <c r="AT1818" s="137"/>
      <c r="AU1818" s="137"/>
      <c r="AV1818" s="137"/>
      <c r="AW1818" s="144"/>
    </row>
    <row r="1819" spans="7:49" x14ac:dyDescent="0.2">
      <c r="G1819" s="43"/>
      <c r="Z1819" s="143"/>
      <c r="AA1819" s="137"/>
      <c r="AB1819" s="137"/>
      <c r="AC1819" s="137"/>
      <c r="AD1819" s="137"/>
      <c r="AE1819" s="137"/>
      <c r="AF1819" s="137"/>
      <c r="AG1819" s="137"/>
      <c r="AH1819" s="137"/>
      <c r="AI1819" s="137"/>
      <c r="AJ1819" s="137"/>
      <c r="AK1819" s="137"/>
      <c r="AL1819" s="137"/>
      <c r="AM1819" s="137"/>
      <c r="AN1819" s="137"/>
      <c r="AO1819" s="137"/>
      <c r="AP1819" s="137"/>
      <c r="AQ1819" s="137"/>
      <c r="AR1819" s="137"/>
      <c r="AS1819" s="137"/>
      <c r="AT1819" s="137"/>
      <c r="AU1819" s="137"/>
      <c r="AV1819" s="137"/>
      <c r="AW1819" s="144"/>
    </row>
    <row r="1820" spans="7:49" x14ac:dyDescent="0.2">
      <c r="G1820" s="43"/>
      <c r="Z1820" s="143"/>
      <c r="AA1820" s="137"/>
      <c r="AB1820" s="137"/>
      <c r="AC1820" s="137"/>
      <c r="AD1820" s="137"/>
      <c r="AE1820" s="137"/>
      <c r="AF1820" s="137"/>
      <c r="AG1820" s="137"/>
      <c r="AH1820" s="137"/>
      <c r="AI1820" s="137"/>
      <c r="AJ1820" s="137"/>
      <c r="AK1820" s="137"/>
      <c r="AL1820" s="137"/>
      <c r="AM1820" s="137"/>
      <c r="AN1820" s="137"/>
      <c r="AO1820" s="137"/>
      <c r="AP1820" s="137"/>
      <c r="AQ1820" s="137"/>
      <c r="AR1820" s="137"/>
      <c r="AS1820" s="137"/>
      <c r="AT1820" s="137"/>
      <c r="AU1820" s="137"/>
      <c r="AV1820" s="137"/>
      <c r="AW1820" s="144"/>
    </row>
    <row r="1821" spans="7:49" x14ac:dyDescent="0.2">
      <c r="G1821" s="43"/>
      <c r="Z1821" s="143"/>
      <c r="AA1821" s="137"/>
      <c r="AB1821" s="137"/>
      <c r="AC1821" s="137"/>
      <c r="AD1821" s="137"/>
      <c r="AE1821" s="137"/>
      <c r="AF1821" s="137"/>
      <c r="AG1821" s="137"/>
      <c r="AH1821" s="137"/>
      <c r="AI1821" s="137"/>
      <c r="AJ1821" s="137"/>
      <c r="AK1821" s="137"/>
      <c r="AL1821" s="137"/>
      <c r="AM1821" s="137"/>
      <c r="AN1821" s="137"/>
      <c r="AO1821" s="137"/>
      <c r="AP1821" s="137"/>
      <c r="AQ1821" s="137"/>
      <c r="AR1821" s="137"/>
      <c r="AS1821" s="137"/>
      <c r="AT1821" s="137"/>
      <c r="AU1821" s="137"/>
      <c r="AV1821" s="137"/>
      <c r="AW1821" s="144"/>
    </row>
    <row r="1822" spans="7:49" x14ac:dyDescent="0.2">
      <c r="G1822" s="43"/>
      <c r="Z1822" s="143"/>
      <c r="AA1822" s="137"/>
      <c r="AB1822" s="137"/>
      <c r="AC1822" s="137"/>
      <c r="AD1822" s="137"/>
      <c r="AE1822" s="137"/>
      <c r="AF1822" s="137"/>
      <c r="AG1822" s="137"/>
      <c r="AH1822" s="137"/>
      <c r="AI1822" s="137"/>
      <c r="AJ1822" s="137"/>
      <c r="AK1822" s="137"/>
      <c r="AL1822" s="137"/>
      <c r="AM1822" s="137"/>
      <c r="AN1822" s="137"/>
      <c r="AO1822" s="137"/>
      <c r="AP1822" s="137"/>
      <c r="AQ1822" s="137"/>
      <c r="AR1822" s="137"/>
      <c r="AS1822" s="137"/>
      <c r="AT1822" s="137"/>
      <c r="AU1822" s="137"/>
      <c r="AV1822" s="137"/>
      <c r="AW1822" s="144"/>
    </row>
    <row r="1823" spans="7:49" x14ac:dyDescent="0.2">
      <c r="G1823" s="43"/>
      <c r="Z1823" s="143"/>
      <c r="AA1823" s="137"/>
      <c r="AB1823" s="137"/>
      <c r="AC1823" s="137"/>
      <c r="AD1823" s="137"/>
      <c r="AE1823" s="137"/>
      <c r="AF1823" s="137"/>
      <c r="AG1823" s="137"/>
      <c r="AH1823" s="137"/>
      <c r="AI1823" s="137"/>
      <c r="AJ1823" s="137"/>
      <c r="AK1823" s="137"/>
      <c r="AL1823" s="137"/>
      <c r="AM1823" s="137"/>
      <c r="AN1823" s="137"/>
      <c r="AO1823" s="137"/>
      <c r="AP1823" s="137"/>
      <c r="AQ1823" s="137"/>
      <c r="AR1823" s="137"/>
      <c r="AS1823" s="137"/>
      <c r="AT1823" s="137"/>
      <c r="AU1823" s="137"/>
      <c r="AV1823" s="137"/>
      <c r="AW1823" s="144"/>
    </row>
    <row r="1824" spans="7:49" x14ac:dyDescent="0.2">
      <c r="G1824" s="43"/>
      <c r="Z1824" s="143"/>
      <c r="AA1824" s="137"/>
      <c r="AB1824" s="137"/>
      <c r="AC1824" s="137"/>
      <c r="AD1824" s="137"/>
      <c r="AE1824" s="137"/>
      <c r="AF1824" s="137"/>
      <c r="AG1824" s="137"/>
      <c r="AH1824" s="137"/>
      <c r="AI1824" s="137"/>
      <c r="AJ1824" s="137"/>
      <c r="AK1824" s="137"/>
      <c r="AL1824" s="137"/>
      <c r="AM1824" s="137"/>
      <c r="AN1824" s="137"/>
      <c r="AO1824" s="137"/>
      <c r="AP1824" s="137"/>
      <c r="AQ1824" s="137"/>
      <c r="AR1824" s="137"/>
      <c r="AS1824" s="137"/>
      <c r="AT1824" s="137"/>
      <c r="AU1824" s="137"/>
      <c r="AV1824" s="137"/>
      <c r="AW1824" s="144"/>
    </row>
    <row r="1825" spans="7:49" x14ac:dyDescent="0.2">
      <c r="G1825" s="43"/>
      <c r="Z1825" s="143"/>
      <c r="AA1825" s="137"/>
      <c r="AB1825" s="137"/>
      <c r="AC1825" s="137"/>
      <c r="AD1825" s="137"/>
      <c r="AE1825" s="137"/>
      <c r="AF1825" s="137"/>
      <c r="AG1825" s="137"/>
      <c r="AH1825" s="137"/>
      <c r="AI1825" s="137"/>
      <c r="AJ1825" s="137"/>
      <c r="AK1825" s="137"/>
      <c r="AL1825" s="137"/>
      <c r="AM1825" s="137"/>
      <c r="AN1825" s="137"/>
      <c r="AO1825" s="137"/>
      <c r="AP1825" s="137"/>
      <c r="AQ1825" s="137"/>
      <c r="AR1825" s="137"/>
      <c r="AS1825" s="137"/>
      <c r="AT1825" s="137"/>
      <c r="AU1825" s="137"/>
      <c r="AV1825" s="137"/>
      <c r="AW1825" s="144"/>
    </row>
    <row r="1826" spans="7:49" x14ac:dyDescent="0.2">
      <c r="G1826" s="43"/>
      <c r="Z1826" s="143"/>
      <c r="AA1826" s="137"/>
      <c r="AB1826" s="137"/>
      <c r="AC1826" s="137"/>
      <c r="AD1826" s="137"/>
      <c r="AE1826" s="137"/>
      <c r="AF1826" s="137"/>
      <c r="AG1826" s="137"/>
      <c r="AH1826" s="137"/>
      <c r="AI1826" s="137"/>
      <c r="AJ1826" s="137"/>
      <c r="AK1826" s="137"/>
      <c r="AL1826" s="137"/>
      <c r="AM1826" s="137"/>
      <c r="AN1826" s="137"/>
      <c r="AO1826" s="137"/>
      <c r="AP1826" s="137"/>
      <c r="AQ1826" s="137"/>
      <c r="AR1826" s="137"/>
      <c r="AS1826" s="137"/>
      <c r="AT1826" s="137"/>
      <c r="AU1826" s="137"/>
      <c r="AV1826" s="137"/>
      <c r="AW1826" s="144"/>
    </row>
    <row r="1827" spans="7:49" x14ac:dyDescent="0.2">
      <c r="G1827" s="43"/>
      <c r="Z1827" s="143"/>
      <c r="AA1827" s="137"/>
      <c r="AB1827" s="137"/>
      <c r="AC1827" s="137"/>
      <c r="AD1827" s="137"/>
      <c r="AE1827" s="137"/>
      <c r="AF1827" s="137"/>
      <c r="AG1827" s="137"/>
      <c r="AH1827" s="137"/>
      <c r="AI1827" s="137"/>
      <c r="AJ1827" s="137"/>
      <c r="AK1827" s="137"/>
      <c r="AL1827" s="137"/>
      <c r="AM1827" s="137"/>
      <c r="AN1827" s="137"/>
      <c r="AO1827" s="137"/>
      <c r="AP1827" s="137"/>
      <c r="AQ1827" s="137"/>
      <c r="AR1827" s="137"/>
      <c r="AS1827" s="137"/>
      <c r="AT1827" s="137"/>
      <c r="AU1827" s="137"/>
      <c r="AV1827" s="137"/>
      <c r="AW1827" s="144"/>
    </row>
    <row r="1828" spans="7:49" x14ac:dyDescent="0.2">
      <c r="G1828" s="43"/>
      <c r="Z1828" s="143"/>
      <c r="AA1828" s="137"/>
      <c r="AB1828" s="137"/>
      <c r="AC1828" s="137"/>
      <c r="AD1828" s="137"/>
      <c r="AE1828" s="137"/>
      <c r="AF1828" s="137"/>
      <c r="AG1828" s="137"/>
      <c r="AH1828" s="137"/>
      <c r="AI1828" s="137"/>
      <c r="AJ1828" s="137"/>
      <c r="AK1828" s="137"/>
      <c r="AL1828" s="137"/>
      <c r="AM1828" s="137"/>
      <c r="AN1828" s="137"/>
      <c r="AO1828" s="137"/>
      <c r="AP1828" s="137"/>
      <c r="AQ1828" s="137"/>
      <c r="AR1828" s="137"/>
      <c r="AS1828" s="137"/>
      <c r="AT1828" s="137"/>
      <c r="AU1828" s="137"/>
      <c r="AV1828" s="137"/>
      <c r="AW1828" s="144"/>
    </row>
    <row r="1829" spans="7:49" x14ac:dyDescent="0.2">
      <c r="G1829" s="43"/>
      <c r="Z1829" s="143"/>
      <c r="AA1829" s="137"/>
      <c r="AB1829" s="137"/>
      <c r="AC1829" s="137"/>
      <c r="AD1829" s="137"/>
      <c r="AE1829" s="137"/>
      <c r="AF1829" s="137"/>
      <c r="AG1829" s="137"/>
      <c r="AH1829" s="137"/>
      <c r="AI1829" s="137"/>
      <c r="AJ1829" s="137"/>
      <c r="AK1829" s="137"/>
      <c r="AL1829" s="137"/>
      <c r="AM1829" s="137"/>
      <c r="AN1829" s="137"/>
      <c r="AO1829" s="137"/>
      <c r="AP1829" s="137"/>
      <c r="AQ1829" s="137"/>
      <c r="AR1829" s="137"/>
      <c r="AS1829" s="137"/>
      <c r="AT1829" s="137"/>
      <c r="AU1829" s="137"/>
      <c r="AV1829" s="137"/>
      <c r="AW1829" s="144"/>
    </row>
    <row r="1830" spans="7:49" x14ac:dyDescent="0.2">
      <c r="G1830" s="43"/>
      <c r="Z1830" s="143"/>
      <c r="AA1830" s="137"/>
      <c r="AB1830" s="137"/>
      <c r="AC1830" s="137"/>
      <c r="AD1830" s="137"/>
      <c r="AE1830" s="137"/>
      <c r="AF1830" s="137"/>
      <c r="AG1830" s="137"/>
      <c r="AH1830" s="137"/>
      <c r="AI1830" s="137"/>
      <c r="AJ1830" s="137"/>
      <c r="AK1830" s="137"/>
      <c r="AL1830" s="137"/>
      <c r="AM1830" s="137"/>
      <c r="AN1830" s="137"/>
      <c r="AO1830" s="137"/>
      <c r="AP1830" s="137"/>
      <c r="AQ1830" s="137"/>
      <c r="AR1830" s="137"/>
      <c r="AS1830" s="137"/>
      <c r="AT1830" s="137"/>
      <c r="AU1830" s="137"/>
      <c r="AV1830" s="137"/>
      <c r="AW1830" s="144"/>
    </row>
    <row r="1831" spans="7:49" x14ac:dyDescent="0.2">
      <c r="G1831" s="43"/>
      <c r="Z1831" s="143"/>
      <c r="AA1831" s="137"/>
      <c r="AB1831" s="137"/>
      <c r="AC1831" s="137"/>
      <c r="AD1831" s="137"/>
      <c r="AE1831" s="137"/>
      <c r="AF1831" s="137"/>
      <c r="AG1831" s="137"/>
      <c r="AH1831" s="137"/>
      <c r="AI1831" s="137"/>
      <c r="AJ1831" s="137"/>
      <c r="AK1831" s="137"/>
      <c r="AL1831" s="137"/>
      <c r="AM1831" s="137"/>
      <c r="AN1831" s="137"/>
      <c r="AO1831" s="137"/>
      <c r="AP1831" s="137"/>
      <c r="AQ1831" s="137"/>
      <c r="AR1831" s="137"/>
      <c r="AS1831" s="137"/>
      <c r="AT1831" s="137"/>
      <c r="AU1831" s="137"/>
      <c r="AV1831" s="137"/>
      <c r="AW1831" s="144"/>
    </row>
    <row r="1832" spans="7:49" x14ac:dyDescent="0.2">
      <c r="G1832" s="43"/>
      <c r="Z1832" s="143"/>
      <c r="AA1832" s="137"/>
      <c r="AB1832" s="137"/>
      <c r="AC1832" s="137"/>
      <c r="AD1832" s="137"/>
      <c r="AE1832" s="137"/>
      <c r="AF1832" s="137"/>
      <c r="AG1832" s="137"/>
      <c r="AH1832" s="137"/>
      <c r="AI1832" s="137"/>
      <c r="AJ1832" s="137"/>
      <c r="AK1832" s="137"/>
      <c r="AL1832" s="137"/>
      <c r="AM1832" s="137"/>
      <c r="AN1832" s="137"/>
      <c r="AO1832" s="137"/>
      <c r="AP1832" s="137"/>
      <c r="AQ1832" s="137"/>
      <c r="AR1832" s="137"/>
      <c r="AS1832" s="137"/>
      <c r="AT1832" s="137"/>
      <c r="AU1832" s="137"/>
      <c r="AV1832" s="137"/>
      <c r="AW1832" s="144"/>
    </row>
    <row r="1833" spans="7:49" x14ac:dyDescent="0.2">
      <c r="G1833" s="43"/>
      <c r="Z1833" s="143"/>
      <c r="AA1833" s="137"/>
      <c r="AB1833" s="137"/>
      <c r="AC1833" s="137"/>
      <c r="AD1833" s="137"/>
      <c r="AE1833" s="137"/>
      <c r="AF1833" s="137"/>
      <c r="AG1833" s="137"/>
      <c r="AH1833" s="137"/>
      <c r="AI1833" s="137"/>
      <c r="AJ1833" s="137"/>
      <c r="AK1833" s="137"/>
      <c r="AL1833" s="137"/>
      <c r="AM1833" s="137"/>
      <c r="AN1833" s="137"/>
      <c r="AO1833" s="137"/>
      <c r="AP1833" s="137"/>
      <c r="AQ1833" s="137"/>
      <c r="AR1833" s="137"/>
      <c r="AS1833" s="137"/>
      <c r="AT1833" s="137"/>
      <c r="AU1833" s="137"/>
      <c r="AV1833" s="137"/>
      <c r="AW1833" s="144"/>
    </row>
    <row r="1834" spans="7:49" x14ac:dyDescent="0.2">
      <c r="G1834" s="43"/>
      <c r="Z1834" s="143"/>
      <c r="AA1834" s="137"/>
      <c r="AB1834" s="137"/>
      <c r="AC1834" s="137"/>
      <c r="AD1834" s="137"/>
      <c r="AE1834" s="137"/>
      <c r="AF1834" s="137"/>
      <c r="AG1834" s="137"/>
      <c r="AH1834" s="137"/>
      <c r="AI1834" s="137"/>
      <c r="AJ1834" s="137"/>
      <c r="AK1834" s="137"/>
      <c r="AL1834" s="137"/>
      <c r="AM1834" s="137"/>
      <c r="AN1834" s="137"/>
      <c r="AO1834" s="137"/>
      <c r="AP1834" s="137"/>
      <c r="AQ1834" s="137"/>
      <c r="AR1834" s="137"/>
      <c r="AS1834" s="137"/>
      <c r="AT1834" s="137"/>
      <c r="AU1834" s="137"/>
      <c r="AV1834" s="137"/>
      <c r="AW1834" s="144"/>
    </row>
    <row r="1835" spans="7:49" x14ac:dyDescent="0.2">
      <c r="G1835" s="43"/>
      <c r="Z1835" s="143"/>
      <c r="AA1835" s="137"/>
      <c r="AB1835" s="137"/>
      <c r="AC1835" s="137"/>
      <c r="AD1835" s="137"/>
      <c r="AE1835" s="137"/>
      <c r="AF1835" s="137"/>
      <c r="AG1835" s="137"/>
      <c r="AH1835" s="137"/>
      <c r="AI1835" s="137"/>
      <c r="AJ1835" s="137"/>
      <c r="AK1835" s="137"/>
      <c r="AL1835" s="137"/>
      <c r="AM1835" s="137"/>
      <c r="AN1835" s="137"/>
      <c r="AO1835" s="137"/>
      <c r="AP1835" s="137"/>
      <c r="AQ1835" s="137"/>
      <c r="AR1835" s="137"/>
      <c r="AS1835" s="137"/>
      <c r="AT1835" s="137"/>
      <c r="AU1835" s="137"/>
      <c r="AV1835" s="137"/>
      <c r="AW1835" s="144"/>
    </row>
    <row r="1836" spans="7:49" x14ac:dyDescent="0.2">
      <c r="G1836" s="43"/>
      <c r="Z1836" s="143"/>
      <c r="AA1836" s="137"/>
      <c r="AB1836" s="137"/>
      <c r="AC1836" s="137"/>
      <c r="AD1836" s="137"/>
      <c r="AE1836" s="137"/>
      <c r="AF1836" s="137"/>
      <c r="AG1836" s="137"/>
      <c r="AH1836" s="137"/>
      <c r="AI1836" s="137"/>
      <c r="AJ1836" s="137"/>
      <c r="AK1836" s="137"/>
      <c r="AL1836" s="137"/>
      <c r="AM1836" s="137"/>
      <c r="AN1836" s="137"/>
      <c r="AO1836" s="137"/>
      <c r="AP1836" s="137"/>
      <c r="AQ1836" s="137"/>
      <c r="AR1836" s="137"/>
      <c r="AS1836" s="137"/>
      <c r="AT1836" s="137"/>
      <c r="AU1836" s="137"/>
      <c r="AV1836" s="137"/>
      <c r="AW1836" s="144"/>
    </row>
    <row r="1837" spans="7:49" x14ac:dyDescent="0.2">
      <c r="G1837" s="43"/>
      <c r="Z1837" s="143"/>
      <c r="AA1837" s="137"/>
      <c r="AB1837" s="137"/>
      <c r="AC1837" s="137"/>
      <c r="AD1837" s="137"/>
      <c r="AE1837" s="137"/>
      <c r="AF1837" s="137"/>
      <c r="AG1837" s="137"/>
      <c r="AH1837" s="137"/>
      <c r="AI1837" s="137"/>
      <c r="AJ1837" s="137"/>
      <c r="AK1837" s="137"/>
      <c r="AL1837" s="137"/>
      <c r="AM1837" s="137"/>
      <c r="AN1837" s="137"/>
      <c r="AO1837" s="137"/>
      <c r="AP1837" s="137"/>
      <c r="AQ1837" s="137"/>
      <c r="AR1837" s="137"/>
      <c r="AS1837" s="137"/>
      <c r="AT1837" s="137"/>
      <c r="AU1837" s="137"/>
      <c r="AV1837" s="137"/>
      <c r="AW1837" s="144"/>
    </row>
    <row r="1838" spans="7:49" x14ac:dyDescent="0.2">
      <c r="G1838" s="43"/>
      <c r="Z1838" s="143"/>
      <c r="AA1838" s="137"/>
      <c r="AB1838" s="137"/>
      <c r="AC1838" s="137"/>
      <c r="AD1838" s="137"/>
      <c r="AE1838" s="137"/>
      <c r="AF1838" s="137"/>
      <c r="AG1838" s="137"/>
      <c r="AH1838" s="137"/>
      <c r="AI1838" s="137"/>
      <c r="AJ1838" s="137"/>
      <c r="AK1838" s="137"/>
      <c r="AL1838" s="137"/>
      <c r="AM1838" s="137"/>
      <c r="AN1838" s="137"/>
      <c r="AO1838" s="137"/>
      <c r="AP1838" s="137"/>
      <c r="AQ1838" s="137"/>
      <c r="AR1838" s="137"/>
      <c r="AS1838" s="137"/>
      <c r="AT1838" s="137"/>
      <c r="AU1838" s="137"/>
      <c r="AV1838" s="137"/>
      <c r="AW1838" s="144"/>
    </row>
    <row r="1839" spans="7:49" x14ac:dyDescent="0.2">
      <c r="G1839" s="43"/>
      <c r="Z1839" s="143"/>
      <c r="AA1839" s="137"/>
      <c r="AB1839" s="137"/>
      <c r="AC1839" s="137"/>
      <c r="AD1839" s="137"/>
      <c r="AE1839" s="137"/>
      <c r="AF1839" s="137"/>
      <c r="AG1839" s="137"/>
      <c r="AH1839" s="137"/>
      <c r="AI1839" s="137"/>
      <c r="AJ1839" s="137"/>
      <c r="AK1839" s="137"/>
      <c r="AL1839" s="137"/>
      <c r="AM1839" s="137"/>
      <c r="AN1839" s="137"/>
      <c r="AO1839" s="137"/>
      <c r="AP1839" s="137"/>
      <c r="AQ1839" s="137"/>
      <c r="AR1839" s="137"/>
      <c r="AS1839" s="137"/>
      <c r="AT1839" s="137"/>
      <c r="AU1839" s="137"/>
      <c r="AV1839" s="137"/>
      <c r="AW1839" s="144"/>
    </row>
    <row r="1840" spans="7:49" x14ac:dyDescent="0.2">
      <c r="G1840" s="43"/>
      <c r="Z1840" s="143"/>
      <c r="AA1840" s="137"/>
      <c r="AB1840" s="137"/>
      <c r="AC1840" s="137"/>
      <c r="AD1840" s="137"/>
      <c r="AE1840" s="137"/>
      <c r="AF1840" s="137"/>
      <c r="AG1840" s="137"/>
      <c r="AH1840" s="137"/>
      <c r="AI1840" s="137"/>
      <c r="AJ1840" s="137"/>
      <c r="AK1840" s="137"/>
      <c r="AL1840" s="137"/>
      <c r="AM1840" s="137"/>
      <c r="AN1840" s="137"/>
      <c r="AO1840" s="137"/>
      <c r="AP1840" s="137"/>
      <c r="AQ1840" s="137"/>
      <c r="AR1840" s="137"/>
      <c r="AS1840" s="137"/>
      <c r="AT1840" s="137"/>
      <c r="AU1840" s="137"/>
      <c r="AV1840" s="137"/>
      <c r="AW1840" s="144"/>
    </row>
    <row r="1841" spans="7:49" x14ac:dyDescent="0.2">
      <c r="G1841" s="43"/>
      <c r="Z1841" s="143"/>
      <c r="AA1841" s="137"/>
      <c r="AB1841" s="137"/>
      <c r="AC1841" s="137"/>
      <c r="AD1841" s="137"/>
      <c r="AE1841" s="137"/>
      <c r="AF1841" s="137"/>
      <c r="AG1841" s="137"/>
      <c r="AH1841" s="137"/>
      <c r="AI1841" s="137"/>
      <c r="AJ1841" s="137"/>
      <c r="AK1841" s="137"/>
      <c r="AL1841" s="137"/>
      <c r="AM1841" s="137"/>
      <c r="AN1841" s="137"/>
      <c r="AO1841" s="137"/>
      <c r="AP1841" s="137"/>
      <c r="AQ1841" s="137"/>
      <c r="AR1841" s="137"/>
      <c r="AS1841" s="137"/>
      <c r="AT1841" s="137"/>
      <c r="AU1841" s="137"/>
      <c r="AV1841" s="137"/>
      <c r="AW1841" s="144"/>
    </row>
    <row r="1842" spans="7:49" x14ac:dyDescent="0.2">
      <c r="G1842" s="43"/>
      <c r="Z1842" s="143"/>
      <c r="AA1842" s="137"/>
      <c r="AB1842" s="137"/>
      <c r="AC1842" s="137"/>
      <c r="AD1842" s="137"/>
      <c r="AE1842" s="137"/>
      <c r="AF1842" s="137"/>
      <c r="AG1842" s="137"/>
      <c r="AH1842" s="137"/>
      <c r="AI1842" s="137"/>
      <c r="AJ1842" s="137"/>
      <c r="AK1842" s="137"/>
      <c r="AL1842" s="137"/>
      <c r="AM1842" s="137"/>
      <c r="AN1842" s="137"/>
      <c r="AO1842" s="137"/>
      <c r="AP1842" s="137"/>
      <c r="AQ1842" s="137"/>
      <c r="AR1842" s="137"/>
      <c r="AS1842" s="137"/>
      <c r="AT1842" s="137"/>
      <c r="AU1842" s="137"/>
      <c r="AV1842" s="137"/>
      <c r="AW1842" s="144"/>
    </row>
    <row r="1843" spans="7:49" x14ac:dyDescent="0.2">
      <c r="G1843" s="43"/>
      <c r="Z1843" s="143"/>
      <c r="AA1843" s="137"/>
      <c r="AB1843" s="137"/>
      <c r="AC1843" s="137"/>
      <c r="AD1843" s="137"/>
      <c r="AE1843" s="137"/>
      <c r="AF1843" s="137"/>
      <c r="AG1843" s="137"/>
      <c r="AH1843" s="137"/>
      <c r="AI1843" s="137"/>
      <c r="AJ1843" s="137"/>
      <c r="AK1843" s="137"/>
      <c r="AL1843" s="137"/>
      <c r="AM1843" s="137"/>
      <c r="AN1843" s="137"/>
      <c r="AO1843" s="137"/>
      <c r="AP1843" s="137"/>
      <c r="AQ1843" s="137"/>
      <c r="AR1843" s="137"/>
      <c r="AS1843" s="137"/>
      <c r="AT1843" s="137"/>
      <c r="AU1843" s="137"/>
      <c r="AV1843" s="137"/>
      <c r="AW1843" s="144"/>
    </row>
    <row r="1844" spans="7:49" x14ac:dyDescent="0.2">
      <c r="G1844" s="43"/>
      <c r="Z1844" s="143"/>
      <c r="AA1844" s="137"/>
      <c r="AB1844" s="137"/>
      <c r="AC1844" s="137"/>
      <c r="AD1844" s="137"/>
      <c r="AE1844" s="137"/>
      <c r="AF1844" s="137"/>
      <c r="AG1844" s="137"/>
      <c r="AH1844" s="137"/>
      <c r="AI1844" s="137"/>
      <c r="AJ1844" s="137"/>
      <c r="AK1844" s="137"/>
      <c r="AL1844" s="137"/>
      <c r="AM1844" s="137"/>
      <c r="AN1844" s="137"/>
      <c r="AO1844" s="137"/>
      <c r="AP1844" s="137"/>
      <c r="AQ1844" s="137"/>
      <c r="AR1844" s="137"/>
      <c r="AS1844" s="137"/>
      <c r="AT1844" s="137"/>
      <c r="AU1844" s="137"/>
      <c r="AV1844" s="137"/>
      <c r="AW1844" s="144"/>
    </row>
    <row r="1845" spans="7:49" x14ac:dyDescent="0.2">
      <c r="G1845" s="43"/>
      <c r="Z1845" s="143"/>
      <c r="AA1845" s="137"/>
      <c r="AB1845" s="137"/>
      <c r="AC1845" s="137"/>
      <c r="AD1845" s="137"/>
      <c r="AE1845" s="137"/>
      <c r="AF1845" s="137"/>
      <c r="AG1845" s="137"/>
      <c r="AH1845" s="137"/>
      <c r="AI1845" s="137"/>
      <c r="AJ1845" s="137"/>
      <c r="AK1845" s="137"/>
      <c r="AL1845" s="137"/>
      <c r="AM1845" s="137"/>
      <c r="AN1845" s="137"/>
      <c r="AO1845" s="137"/>
      <c r="AP1845" s="137"/>
      <c r="AQ1845" s="137"/>
      <c r="AR1845" s="137"/>
      <c r="AS1845" s="137"/>
      <c r="AT1845" s="137"/>
      <c r="AU1845" s="137"/>
      <c r="AV1845" s="137"/>
      <c r="AW1845" s="144"/>
    </row>
    <row r="1846" spans="7:49" x14ac:dyDescent="0.2">
      <c r="G1846" s="43"/>
      <c r="Z1846" s="143"/>
      <c r="AA1846" s="137"/>
      <c r="AB1846" s="137"/>
      <c r="AC1846" s="137"/>
      <c r="AD1846" s="137"/>
      <c r="AE1846" s="137"/>
      <c r="AF1846" s="137"/>
      <c r="AG1846" s="137"/>
      <c r="AH1846" s="137"/>
      <c r="AI1846" s="137"/>
      <c r="AJ1846" s="137"/>
      <c r="AK1846" s="137"/>
      <c r="AL1846" s="137"/>
      <c r="AM1846" s="137"/>
      <c r="AN1846" s="137"/>
      <c r="AO1846" s="137"/>
      <c r="AP1846" s="137"/>
      <c r="AQ1846" s="137"/>
      <c r="AR1846" s="137"/>
      <c r="AS1846" s="137"/>
      <c r="AT1846" s="137"/>
      <c r="AU1846" s="137"/>
      <c r="AV1846" s="137"/>
      <c r="AW1846" s="144"/>
    </row>
    <row r="1847" spans="7:49" x14ac:dyDescent="0.2">
      <c r="G1847" s="43"/>
      <c r="Z1847" s="143"/>
      <c r="AA1847" s="137"/>
      <c r="AB1847" s="137"/>
      <c r="AC1847" s="137"/>
      <c r="AD1847" s="137"/>
      <c r="AE1847" s="137"/>
      <c r="AF1847" s="137"/>
      <c r="AG1847" s="137"/>
      <c r="AH1847" s="137"/>
      <c r="AI1847" s="137"/>
      <c r="AJ1847" s="137"/>
      <c r="AK1847" s="137"/>
      <c r="AL1847" s="137"/>
      <c r="AM1847" s="137"/>
      <c r="AN1847" s="137"/>
      <c r="AO1847" s="137"/>
      <c r="AP1847" s="137"/>
      <c r="AQ1847" s="137"/>
      <c r="AR1847" s="137"/>
      <c r="AS1847" s="137"/>
      <c r="AT1847" s="137"/>
      <c r="AU1847" s="137"/>
      <c r="AV1847" s="137"/>
      <c r="AW1847" s="144"/>
    </row>
    <row r="1848" spans="7:49" x14ac:dyDescent="0.2">
      <c r="G1848" s="43"/>
      <c r="Z1848" s="143"/>
      <c r="AA1848" s="137"/>
      <c r="AB1848" s="137"/>
      <c r="AC1848" s="137"/>
      <c r="AD1848" s="137"/>
      <c r="AE1848" s="137"/>
      <c r="AF1848" s="137"/>
      <c r="AG1848" s="137"/>
      <c r="AH1848" s="137"/>
      <c r="AI1848" s="137"/>
      <c r="AJ1848" s="137"/>
      <c r="AK1848" s="137"/>
      <c r="AL1848" s="137"/>
      <c r="AM1848" s="137"/>
      <c r="AN1848" s="137"/>
      <c r="AO1848" s="137"/>
      <c r="AP1848" s="137"/>
      <c r="AQ1848" s="137"/>
      <c r="AR1848" s="137"/>
      <c r="AS1848" s="137"/>
      <c r="AT1848" s="137"/>
      <c r="AU1848" s="137"/>
      <c r="AV1848" s="137"/>
      <c r="AW1848" s="144"/>
    </row>
    <row r="1849" spans="7:49" x14ac:dyDescent="0.2">
      <c r="G1849" s="43"/>
      <c r="Z1849" s="143"/>
      <c r="AA1849" s="137"/>
      <c r="AB1849" s="137"/>
      <c r="AC1849" s="137"/>
      <c r="AD1849" s="137"/>
      <c r="AE1849" s="137"/>
      <c r="AF1849" s="137"/>
      <c r="AG1849" s="137"/>
      <c r="AH1849" s="137"/>
      <c r="AI1849" s="137"/>
      <c r="AJ1849" s="137"/>
      <c r="AK1849" s="137"/>
      <c r="AL1849" s="137"/>
      <c r="AM1849" s="137"/>
      <c r="AN1849" s="137"/>
      <c r="AO1849" s="137"/>
      <c r="AP1849" s="137"/>
      <c r="AQ1849" s="137"/>
      <c r="AR1849" s="137"/>
      <c r="AS1849" s="137"/>
      <c r="AT1849" s="137"/>
      <c r="AU1849" s="137"/>
      <c r="AV1849" s="137"/>
      <c r="AW1849" s="144"/>
    </row>
    <row r="1850" spans="7:49" x14ac:dyDescent="0.2">
      <c r="G1850" s="43"/>
      <c r="Z1850" s="143"/>
      <c r="AA1850" s="137"/>
      <c r="AB1850" s="137"/>
      <c r="AC1850" s="137"/>
      <c r="AD1850" s="137"/>
      <c r="AE1850" s="137"/>
      <c r="AF1850" s="137"/>
      <c r="AG1850" s="137"/>
      <c r="AH1850" s="137"/>
      <c r="AI1850" s="137"/>
      <c r="AJ1850" s="137"/>
      <c r="AK1850" s="137"/>
      <c r="AL1850" s="137"/>
      <c r="AM1850" s="137"/>
      <c r="AN1850" s="137"/>
      <c r="AO1850" s="137"/>
      <c r="AP1850" s="137"/>
      <c r="AQ1850" s="137"/>
      <c r="AR1850" s="137"/>
      <c r="AS1850" s="137"/>
      <c r="AT1850" s="137"/>
      <c r="AU1850" s="137"/>
      <c r="AV1850" s="137"/>
      <c r="AW1850" s="144"/>
    </row>
    <row r="1851" spans="7:49" x14ac:dyDescent="0.2">
      <c r="G1851" s="43"/>
      <c r="Z1851" s="143"/>
      <c r="AA1851" s="137"/>
      <c r="AB1851" s="137"/>
      <c r="AC1851" s="137"/>
      <c r="AD1851" s="137"/>
      <c r="AE1851" s="137"/>
      <c r="AF1851" s="137"/>
      <c r="AG1851" s="137"/>
      <c r="AH1851" s="137"/>
      <c r="AI1851" s="137"/>
      <c r="AJ1851" s="137"/>
      <c r="AK1851" s="137"/>
      <c r="AL1851" s="137"/>
      <c r="AM1851" s="137"/>
      <c r="AN1851" s="137"/>
      <c r="AO1851" s="137"/>
      <c r="AP1851" s="137"/>
      <c r="AQ1851" s="137"/>
      <c r="AR1851" s="137"/>
      <c r="AS1851" s="137"/>
      <c r="AT1851" s="137"/>
      <c r="AU1851" s="137"/>
      <c r="AV1851" s="137"/>
      <c r="AW1851" s="144"/>
    </row>
    <row r="1852" spans="7:49" x14ac:dyDescent="0.2">
      <c r="G1852" s="43"/>
      <c r="Z1852" s="143"/>
      <c r="AA1852" s="137"/>
      <c r="AB1852" s="137"/>
      <c r="AC1852" s="137"/>
      <c r="AD1852" s="137"/>
      <c r="AE1852" s="137"/>
      <c r="AF1852" s="137"/>
      <c r="AG1852" s="137"/>
      <c r="AH1852" s="137"/>
      <c r="AI1852" s="137"/>
      <c r="AJ1852" s="137"/>
      <c r="AK1852" s="137"/>
      <c r="AL1852" s="137"/>
      <c r="AM1852" s="137"/>
      <c r="AN1852" s="137"/>
      <c r="AO1852" s="137"/>
      <c r="AP1852" s="137"/>
      <c r="AQ1852" s="137"/>
      <c r="AR1852" s="137"/>
      <c r="AS1852" s="137"/>
      <c r="AT1852" s="137"/>
      <c r="AU1852" s="137"/>
      <c r="AV1852" s="137"/>
      <c r="AW1852" s="144"/>
    </row>
    <row r="1853" spans="7:49" x14ac:dyDescent="0.2">
      <c r="G1853" s="43"/>
      <c r="Z1853" s="143"/>
      <c r="AA1853" s="137"/>
      <c r="AB1853" s="137"/>
      <c r="AC1853" s="137"/>
      <c r="AD1853" s="137"/>
      <c r="AE1853" s="137"/>
      <c r="AF1853" s="137"/>
      <c r="AG1853" s="137"/>
      <c r="AH1853" s="137"/>
      <c r="AI1853" s="137"/>
      <c r="AJ1853" s="137"/>
      <c r="AK1853" s="137"/>
      <c r="AL1853" s="137"/>
      <c r="AM1853" s="137"/>
      <c r="AN1853" s="137"/>
      <c r="AO1853" s="137"/>
      <c r="AP1853" s="137"/>
      <c r="AQ1853" s="137"/>
      <c r="AR1853" s="137"/>
      <c r="AS1853" s="137"/>
      <c r="AT1853" s="137"/>
      <c r="AU1853" s="137"/>
      <c r="AV1853" s="137"/>
      <c r="AW1853" s="144"/>
    </row>
    <row r="1854" spans="7:49" x14ac:dyDescent="0.2">
      <c r="G1854" s="43"/>
      <c r="Z1854" s="143"/>
      <c r="AA1854" s="137"/>
      <c r="AB1854" s="137"/>
      <c r="AC1854" s="137"/>
      <c r="AD1854" s="137"/>
      <c r="AE1854" s="137"/>
      <c r="AF1854" s="137"/>
      <c r="AG1854" s="137"/>
      <c r="AH1854" s="137"/>
      <c r="AI1854" s="137"/>
      <c r="AJ1854" s="137"/>
      <c r="AK1854" s="137"/>
      <c r="AL1854" s="137"/>
      <c r="AM1854" s="137"/>
      <c r="AN1854" s="137"/>
      <c r="AO1854" s="137"/>
      <c r="AP1854" s="137"/>
      <c r="AQ1854" s="137"/>
      <c r="AR1854" s="137"/>
      <c r="AS1854" s="137"/>
      <c r="AT1854" s="137"/>
      <c r="AU1854" s="137"/>
      <c r="AV1854" s="137"/>
      <c r="AW1854" s="144"/>
    </row>
    <row r="1855" spans="7:49" x14ac:dyDescent="0.2">
      <c r="G1855" s="43"/>
      <c r="Z1855" s="143"/>
      <c r="AA1855" s="137"/>
      <c r="AB1855" s="137"/>
      <c r="AC1855" s="137"/>
      <c r="AD1855" s="137"/>
      <c r="AE1855" s="137"/>
      <c r="AF1855" s="137"/>
      <c r="AG1855" s="137"/>
      <c r="AH1855" s="137"/>
      <c r="AI1855" s="137"/>
      <c r="AJ1855" s="137"/>
      <c r="AK1855" s="137"/>
      <c r="AL1855" s="137"/>
      <c r="AM1855" s="137"/>
      <c r="AN1855" s="137"/>
      <c r="AO1855" s="137"/>
      <c r="AP1855" s="137"/>
      <c r="AQ1855" s="137"/>
      <c r="AR1855" s="137"/>
      <c r="AS1855" s="137"/>
      <c r="AT1855" s="137"/>
      <c r="AU1855" s="137"/>
      <c r="AV1855" s="137"/>
      <c r="AW1855" s="144"/>
    </row>
    <row r="1856" spans="7:49" x14ac:dyDescent="0.2">
      <c r="G1856" s="43"/>
      <c r="Z1856" s="143"/>
      <c r="AA1856" s="137"/>
      <c r="AB1856" s="137"/>
      <c r="AC1856" s="137"/>
      <c r="AD1856" s="137"/>
      <c r="AE1856" s="137"/>
      <c r="AF1856" s="137"/>
      <c r="AG1856" s="137"/>
      <c r="AH1856" s="137"/>
      <c r="AI1856" s="137"/>
      <c r="AJ1856" s="137"/>
      <c r="AK1856" s="137"/>
      <c r="AL1856" s="137"/>
      <c r="AM1856" s="137"/>
      <c r="AN1856" s="137"/>
      <c r="AO1856" s="137"/>
      <c r="AP1856" s="137"/>
      <c r="AQ1856" s="137"/>
      <c r="AR1856" s="137"/>
      <c r="AS1856" s="137"/>
      <c r="AT1856" s="137"/>
      <c r="AU1856" s="137"/>
      <c r="AV1856" s="137"/>
      <c r="AW1856" s="144"/>
    </row>
    <row r="1857" spans="7:49" x14ac:dyDescent="0.2">
      <c r="G1857" s="43"/>
      <c r="Z1857" s="143"/>
      <c r="AA1857" s="137"/>
      <c r="AB1857" s="137"/>
      <c r="AC1857" s="137"/>
      <c r="AD1857" s="137"/>
      <c r="AE1857" s="137"/>
      <c r="AF1857" s="137"/>
      <c r="AG1857" s="137"/>
      <c r="AH1857" s="137"/>
      <c r="AI1857" s="137"/>
      <c r="AJ1857" s="137"/>
      <c r="AK1857" s="137"/>
      <c r="AL1857" s="137"/>
      <c r="AM1857" s="137"/>
      <c r="AN1857" s="137"/>
      <c r="AO1857" s="137"/>
      <c r="AP1857" s="137"/>
      <c r="AQ1857" s="137"/>
      <c r="AR1857" s="137"/>
      <c r="AS1857" s="137"/>
      <c r="AT1857" s="137"/>
      <c r="AU1857" s="137"/>
      <c r="AV1857" s="137"/>
      <c r="AW1857" s="144"/>
    </row>
    <row r="1858" spans="7:49" x14ac:dyDescent="0.2">
      <c r="G1858" s="43"/>
      <c r="Z1858" s="143"/>
      <c r="AA1858" s="137"/>
      <c r="AB1858" s="137"/>
      <c r="AC1858" s="137"/>
      <c r="AD1858" s="137"/>
      <c r="AE1858" s="137"/>
      <c r="AF1858" s="137"/>
      <c r="AG1858" s="137"/>
      <c r="AH1858" s="137"/>
      <c r="AI1858" s="137"/>
      <c r="AJ1858" s="137"/>
      <c r="AK1858" s="137"/>
      <c r="AL1858" s="137"/>
      <c r="AM1858" s="137"/>
      <c r="AN1858" s="137"/>
      <c r="AO1858" s="137"/>
      <c r="AP1858" s="137"/>
      <c r="AQ1858" s="137"/>
      <c r="AR1858" s="137"/>
      <c r="AS1858" s="137"/>
      <c r="AT1858" s="137"/>
      <c r="AU1858" s="137"/>
      <c r="AV1858" s="137"/>
      <c r="AW1858" s="144"/>
    </row>
    <row r="1859" spans="7:49" x14ac:dyDescent="0.2">
      <c r="G1859" s="43"/>
      <c r="Z1859" s="143"/>
      <c r="AA1859" s="137"/>
      <c r="AB1859" s="137"/>
      <c r="AC1859" s="137"/>
      <c r="AD1859" s="137"/>
      <c r="AE1859" s="137"/>
      <c r="AF1859" s="137"/>
      <c r="AG1859" s="137"/>
      <c r="AH1859" s="137"/>
      <c r="AI1859" s="137"/>
      <c r="AJ1859" s="137"/>
      <c r="AK1859" s="137"/>
      <c r="AL1859" s="137"/>
      <c r="AM1859" s="137"/>
      <c r="AN1859" s="137"/>
      <c r="AO1859" s="137"/>
      <c r="AP1859" s="137"/>
      <c r="AQ1859" s="137"/>
      <c r="AR1859" s="137"/>
      <c r="AS1859" s="137"/>
      <c r="AT1859" s="137"/>
      <c r="AU1859" s="137"/>
      <c r="AV1859" s="137"/>
      <c r="AW1859" s="144"/>
    </row>
    <row r="1860" spans="7:49" x14ac:dyDescent="0.2">
      <c r="G1860" s="43"/>
      <c r="Z1860" s="143"/>
      <c r="AA1860" s="137"/>
      <c r="AB1860" s="137"/>
      <c r="AC1860" s="137"/>
      <c r="AD1860" s="137"/>
      <c r="AE1860" s="137"/>
      <c r="AF1860" s="137"/>
      <c r="AG1860" s="137"/>
      <c r="AH1860" s="137"/>
      <c r="AI1860" s="137"/>
      <c r="AJ1860" s="137"/>
      <c r="AK1860" s="137"/>
      <c r="AL1860" s="137"/>
      <c r="AM1860" s="137"/>
      <c r="AN1860" s="137"/>
      <c r="AO1860" s="137"/>
      <c r="AP1860" s="137"/>
      <c r="AQ1860" s="137"/>
      <c r="AR1860" s="137"/>
      <c r="AS1860" s="137"/>
      <c r="AT1860" s="137"/>
      <c r="AU1860" s="137"/>
      <c r="AV1860" s="137"/>
      <c r="AW1860" s="144"/>
    </row>
    <row r="1861" spans="7:49" x14ac:dyDescent="0.2">
      <c r="G1861" s="43"/>
      <c r="Z1861" s="143"/>
      <c r="AA1861" s="137"/>
      <c r="AB1861" s="137"/>
      <c r="AC1861" s="137"/>
      <c r="AD1861" s="137"/>
      <c r="AE1861" s="137"/>
      <c r="AF1861" s="137"/>
      <c r="AG1861" s="137"/>
      <c r="AH1861" s="137"/>
      <c r="AI1861" s="137"/>
      <c r="AJ1861" s="137"/>
      <c r="AK1861" s="137"/>
      <c r="AL1861" s="137"/>
      <c r="AM1861" s="137"/>
      <c r="AN1861" s="137"/>
      <c r="AO1861" s="137"/>
      <c r="AP1861" s="137"/>
      <c r="AQ1861" s="137"/>
      <c r="AR1861" s="137"/>
      <c r="AS1861" s="137"/>
      <c r="AT1861" s="137"/>
      <c r="AU1861" s="137"/>
      <c r="AV1861" s="137"/>
      <c r="AW1861" s="144"/>
    </row>
    <row r="1862" spans="7:49" x14ac:dyDescent="0.2">
      <c r="G1862" s="43"/>
      <c r="Z1862" s="143"/>
      <c r="AA1862" s="137"/>
      <c r="AB1862" s="137"/>
      <c r="AC1862" s="137"/>
      <c r="AD1862" s="137"/>
      <c r="AE1862" s="137"/>
      <c r="AF1862" s="137"/>
      <c r="AG1862" s="137"/>
      <c r="AH1862" s="137"/>
      <c r="AI1862" s="137"/>
      <c r="AJ1862" s="137"/>
      <c r="AK1862" s="137"/>
      <c r="AL1862" s="137"/>
      <c r="AM1862" s="137"/>
      <c r="AN1862" s="137"/>
      <c r="AO1862" s="137"/>
      <c r="AP1862" s="137"/>
      <c r="AQ1862" s="137"/>
      <c r="AR1862" s="137"/>
      <c r="AS1862" s="137"/>
      <c r="AT1862" s="137"/>
      <c r="AU1862" s="137"/>
      <c r="AV1862" s="137"/>
      <c r="AW1862" s="144"/>
    </row>
    <row r="1863" spans="7:49" x14ac:dyDescent="0.2">
      <c r="G1863" s="43"/>
      <c r="Z1863" s="143"/>
      <c r="AA1863" s="137"/>
      <c r="AB1863" s="137"/>
      <c r="AC1863" s="137"/>
      <c r="AD1863" s="137"/>
      <c r="AE1863" s="137"/>
      <c r="AF1863" s="137"/>
      <c r="AG1863" s="137"/>
      <c r="AH1863" s="137"/>
      <c r="AI1863" s="137"/>
      <c r="AJ1863" s="137"/>
      <c r="AK1863" s="137"/>
      <c r="AL1863" s="137"/>
      <c r="AM1863" s="137"/>
      <c r="AN1863" s="137"/>
      <c r="AO1863" s="137"/>
      <c r="AP1863" s="137"/>
      <c r="AQ1863" s="137"/>
      <c r="AR1863" s="137"/>
      <c r="AS1863" s="137"/>
      <c r="AT1863" s="137"/>
      <c r="AU1863" s="137"/>
      <c r="AV1863" s="137"/>
      <c r="AW1863" s="144"/>
    </row>
    <row r="1864" spans="7:49" x14ac:dyDescent="0.2">
      <c r="G1864" s="43"/>
      <c r="Z1864" s="143"/>
      <c r="AA1864" s="137"/>
      <c r="AB1864" s="137"/>
      <c r="AC1864" s="137"/>
      <c r="AD1864" s="137"/>
      <c r="AE1864" s="137"/>
      <c r="AF1864" s="137"/>
      <c r="AG1864" s="137"/>
      <c r="AH1864" s="137"/>
      <c r="AI1864" s="137"/>
      <c r="AJ1864" s="137"/>
      <c r="AK1864" s="137"/>
      <c r="AL1864" s="137"/>
      <c r="AM1864" s="137"/>
      <c r="AN1864" s="137"/>
      <c r="AO1864" s="137"/>
      <c r="AP1864" s="137"/>
      <c r="AQ1864" s="137"/>
      <c r="AR1864" s="137"/>
      <c r="AS1864" s="137"/>
      <c r="AT1864" s="137"/>
      <c r="AU1864" s="137"/>
      <c r="AV1864" s="137"/>
      <c r="AW1864" s="144"/>
    </row>
    <row r="1865" spans="7:49" x14ac:dyDescent="0.2">
      <c r="G1865" s="43"/>
      <c r="Z1865" s="143"/>
      <c r="AA1865" s="137"/>
      <c r="AB1865" s="137"/>
      <c r="AC1865" s="137"/>
      <c r="AD1865" s="137"/>
      <c r="AE1865" s="137"/>
      <c r="AF1865" s="137"/>
      <c r="AG1865" s="137"/>
      <c r="AH1865" s="137"/>
      <c r="AI1865" s="137"/>
      <c r="AJ1865" s="137"/>
      <c r="AK1865" s="137"/>
      <c r="AL1865" s="137"/>
      <c r="AM1865" s="137"/>
      <c r="AN1865" s="137"/>
      <c r="AO1865" s="137"/>
      <c r="AP1865" s="137"/>
      <c r="AQ1865" s="137"/>
      <c r="AR1865" s="137"/>
      <c r="AS1865" s="137"/>
      <c r="AT1865" s="137"/>
      <c r="AU1865" s="137"/>
      <c r="AV1865" s="137"/>
      <c r="AW1865" s="144"/>
    </row>
    <row r="1866" spans="7:49" x14ac:dyDescent="0.2">
      <c r="G1866" s="43"/>
      <c r="Z1866" s="143"/>
      <c r="AA1866" s="137"/>
      <c r="AB1866" s="137"/>
      <c r="AC1866" s="137"/>
      <c r="AD1866" s="137"/>
      <c r="AE1866" s="137"/>
      <c r="AF1866" s="137"/>
      <c r="AG1866" s="137"/>
      <c r="AH1866" s="137"/>
      <c r="AI1866" s="137"/>
      <c r="AJ1866" s="137"/>
      <c r="AK1866" s="137"/>
      <c r="AL1866" s="137"/>
      <c r="AM1866" s="137"/>
      <c r="AN1866" s="137"/>
      <c r="AO1866" s="137"/>
      <c r="AP1866" s="137"/>
      <c r="AQ1866" s="137"/>
      <c r="AR1866" s="137"/>
      <c r="AS1866" s="137"/>
      <c r="AT1866" s="137"/>
      <c r="AU1866" s="137"/>
      <c r="AV1866" s="137"/>
      <c r="AW1866" s="144"/>
    </row>
    <row r="1867" spans="7:49" x14ac:dyDescent="0.2">
      <c r="G1867" s="43"/>
      <c r="Z1867" s="143"/>
      <c r="AA1867" s="137"/>
      <c r="AB1867" s="137"/>
      <c r="AC1867" s="137"/>
      <c r="AD1867" s="137"/>
      <c r="AE1867" s="137"/>
      <c r="AF1867" s="137"/>
      <c r="AG1867" s="137"/>
      <c r="AH1867" s="137"/>
      <c r="AI1867" s="137"/>
      <c r="AJ1867" s="137"/>
      <c r="AK1867" s="137"/>
      <c r="AL1867" s="137"/>
      <c r="AM1867" s="137"/>
      <c r="AN1867" s="137"/>
      <c r="AO1867" s="137"/>
      <c r="AP1867" s="137"/>
      <c r="AQ1867" s="137"/>
      <c r="AR1867" s="137"/>
      <c r="AS1867" s="137"/>
      <c r="AT1867" s="137"/>
      <c r="AU1867" s="137"/>
      <c r="AV1867" s="137"/>
      <c r="AW1867" s="144"/>
    </row>
    <row r="1868" spans="7:49" x14ac:dyDescent="0.2">
      <c r="G1868" s="43"/>
      <c r="Z1868" s="143"/>
      <c r="AA1868" s="137"/>
      <c r="AB1868" s="137"/>
      <c r="AC1868" s="137"/>
      <c r="AD1868" s="137"/>
      <c r="AE1868" s="137"/>
      <c r="AF1868" s="137"/>
      <c r="AG1868" s="137"/>
      <c r="AH1868" s="137"/>
      <c r="AI1868" s="137"/>
      <c r="AJ1868" s="137"/>
      <c r="AK1868" s="137"/>
      <c r="AL1868" s="137"/>
      <c r="AM1868" s="137"/>
      <c r="AN1868" s="137"/>
      <c r="AO1868" s="137"/>
      <c r="AP1868" s="137"/>
      <c r="AQ1868" s="137"/>
      <c r="AR1868" s="137"/>
      <c r="AS1868" s="137"/>
      <c r="AT1868" s="137"/>
      <c r="AU1868" s="137"/>
      <c r="AV1868" s="137"/>
      <c r="AW1868" s="144"/>
    </row>
    <row r="1869" spans="7:49" x14ac:dyDescent="0.2">
      <c r="G1869" s="43"/>
      <c r="Z1869" s="143"/>
      <c r="AA1869" s="137"/>
      <c r="AB1869" s="137"/>
      <c r="AC1869" s="137"/>
      <c r="AD1869" s="137"/>
      <c r="AE1869" s="137"/>
      <c r="AF1869" s="137"/>
      <c r="AG1869" s="137"/>
      <c r="AH1869" s="137"/>
      <c r="AI1869" s="137"/>
      <c r="AJ1869" s="137"/>
      <c r="AK1869" s="137"/>
      <c r="AL1869" s="137"/>
      <c r="AM1869" s="137"/>
      <c r="AN1869" s="137"/>
      <c r="AO1869" s="137"/>
      <c r="AP1869" s="137"/>
      <c r="AQ1869" s="137"/>
      <c r="AR1869" s="137"/>
      <c r="AS1869" s="137"/>
      <c r="AT1869" s="137"/>
      <c r="AU1869" s="137"/>
      <c r="AV1869" s="137"/>
      <c r="AW1869" s="144"/>
    </row>
    <row r="1870" spans="7:49" x14ac:dyDescent="0.2">
      <c r="G1870" s="43"/>
      <c r="Z1870" s="143"/>
      <c r="AA1870" s="137"/>
      <c r="AB1870" s="137"/>
      <c r="AC1870" s="137"/>
      <c r="AD1870" s="137"/>
      <c r="AE1870" s="137"/>
      <c r="AF1870" s="137"/>
      <c r="AG1870" s="137"/>
      <c r="AH1870" s="137"/>
      <c r="AI1870" s="137"/>
      <c r="AJ1870" s="137"/>
      <c r="AK1870" s="137"/>
      <c r="AL1870" s="137"/>
      <c r="AM1870" s="137"/>
      <c r="AN1870" s="137"/>
      <c r="AO1870" s="137"/>
      <c r="AP1870" s="137"/>
      <c r="AQ1870" s="137"/>
      <c r="AR1870" s="137"/>
      <c r="AS1870" s="137"/>
      <c r="AT1870" s="137"/>
      <c r="AU1870" s="137"/>
      <c r="AV1870" s="137"/>
      <c r="AW1870" s="144"/>
    </row>
    <row r="1871" spans="7:49" x14ac:dyDescent="0.2">
      <c r="G1871" s="43"/>
      <c r="Z1871" s="143"/>
      <c r="AA1871" s="137"/>
      <c r="AB1871" s="137"/>
      <c r="AC1871" s="137"/>
      <c r="AD1871" s="137"/>
      <c r="AE1871" s="137"/>
      <c r="AF1871" s="137"/>
      <c r="AG1871" s="137"/>
      <c r="AH1871" s="137"/>
      <c r="AI1871" s="137"/>
      <c r="AJ1871" s="137"/>
      <c r="AK1871" s="137"/>
      <c r="AL1871" s="137"/>
      <c r="AM1871" s="137"/>
      <c r="AN1871" s="137"/>
      <c r="AO1871" s="137"/>
      <c r="AP1871" s="137"/>
      <c r="AQ1871" s="137"/>
      <c r="AR1871" s="137"/>
      <c r="AS1871" s="137"/>
      <c r="AT1871" s="137"/>
      <c r="AU1871" s="137"/>
      <c r="AV1871" s="137"/>
      <c r="AW1871" s="144"/>
    </row>
    <row r="1872" spans="7:49" x14ac:dyDescent="0.2">
      <c r="G1872" s="43"/>
      <c r="Z1872" s="143"/>
      <c r="AA1872" s="137"/>
      <c r="AB1872" s="137"/>
      <c r="AC1872" s="137"/>
      <c r="AD1872" s="137"/>
      <c r="AE1872" s="137"/>
      <c r="AF1872" s="137"/>
      <c r="AG1872" s="137"/>
      <c r="AH1872" s="137"/>
      <c r="AI1872" s="137"/>
      <c r="AJ1872" s="137"/>
      <c r="AK1872" s="137"/>
      <c r="AL1872" s="137"/>
      <c r="AM1872" s="137"/>
      <c r="AN1872" s="137"/>
      <c r="AO1872" s="137"/>
      <c r="AP1872" s="137"/>
      <c r="AQ1872" s="137"/>
      <c r="AR1872" s="137"/>
      <c r="AS1872" s="137"/>
      <c r="AT1872" s="137"/>
      <c r="AU1872" s="137"/>
      <c r="AV1872" s="137"/>
      <c r="AW1872" s="144"/>
    </row>
    <row r="1873" spans="7:49" x14ac:dyDescent="0.2">
      <c r="G1873" s="43"/>
      <c r="Z1873" s="143"/>
      <c r="AA1873" s="137"/>
      <c r="AB1873" s="137"/>
      <c r="AC1873" s="137"/>
      <c r="AD1873" s="137"/>
      <c r="AE1873" s="137"/>
      <c r="AF1873" s="137"/>
      <c r="AG1873" s="137"/>
      <c r="AH1873" s="137"/>
      <c r="AI1873" s="137"/>
      <c r="AJ1873" s="137"/>
      <c r="AK1873" s="137"/>
      <c r="AL1873" s="137"/>
      <c r="AM1873" s="137"/>
      <c r="AN1873" s="137"/>
      <c r="AO1873" s="137"/>
      <c r="AP1873" s="137"/>
      <c r="AQ1873" s="137"/>
      <c r="AR1873" s="137"/>
      <c r="AS1873" s="137"/>
      <c r="AT1873" s="137"/>
      <c r="AU1873" s="137"/>
      <c r="AV1873" s="137"/>
      <c r="AW1873" s="144"/>
    </row>
    <row r="1874" spans="7:49" x14ac:dyDescent="0.2">
      <c r="G1874" s="43"/>
      <c r="Z1874" s="143"/>
      <c r="AA1874" s="137"/>
      <c r="AB1874" s="137"/>
      <c r="AC1874" s="137"/>
      <c r="AD1874" s="137"/>
      <c r="AE1874" s="137"/>
      <c r="AF1874" s="137"/>
      <c r="AG1874" s="137"/>
      <c r="AH1874" s="137"/>
      <c r="AI1874" s="137"/>
      <c r="AJ1874" s="137"/>
      <c r="AK1874" s="137"/>
      <c r="AL1874" s="137"/>
      <c r="AM1874" s="137"/>
      <c r="AN1874" s="137"/>
      <c r="AO1874" s="137"/>
      <c r="AP1874" s="137"/>
      <c r="AQ1874" s="137"/>
      <c r="AR1874" s="137"/>
      <c r="AS1874" s="137"/>
      <c r="AT1874" s="137"/>
      <c r="AU1874" s="137"/>
      <c r="AV1874" s="137"/>
      <c r="AW1874" s="144"/>
    </row>
    <row r="1875" spans="7:49" x14ac:dyDescent="0.2">
      <c r="G1875" s="43"/>
      <c r="Z1875" s="143"/>
      <c r="AA1875" s="137"/>
      <c r="AB1875" s="137"/>
      <c r="AC1875" s="137"/>
      <c r="AD1875" s="137"/>
      <c r="AE1875" s="137"/>
      <c r="AF1875" s="137"/>
      <c r="AG1875" s="137"/>
      <c r="AH1875" s="137"/>
      <c r="AI1875" s="137"/>
      <c r="AJ1875" s="137"/>
      <c r="AK1875" s="137"/>
      <c r="AL1875" s="137"/>
      <c r="AM1875" s="137"/>
      <c r="AN1875" s="137"/>
      <c r="AO1875" s="137"/>
      <c r="AP1875" s="137"/>
      <c r="AQ1875" s="137"/>
      <c r="AR1875" s="137"/>
      <c r="AS1875" s="137"/>
      <c r="AT1875" s="137"/>
      <c r="AU1875" s="137"/>
      <c r="AV1875" s="137"/>
      <c r="AW1875" s="144"/>
    </row>
    <row r="1876" spans="7:49" x14ac:dyDescent="0.2">
      <c r="G1876" s="43"/>
      <c r="Z1876" s="143"/>
      <c r="AA1876" s="137"/>
      <c r="AB1876" s="137"/>
      <c r="AC1876" s="137"/>
      <c r="AD1876" s="137"/>
      <c r="AE1876" s="137"/>
      <c r="AF1876" s="137"/>
      <c r="AG1876" s="137"/>
      <c r="AH1876" s="137"/>
      <c r="AI1876" s="137"/>
      <c r="AJ1876" s="137"/>
      <c r="AK1876" s="137"/>
      <c r="AL1876" s="137"/>
      <c r="AM1876" s="137"/>
      <c r="AN1876" s="137"/>
      <c r="AO1876" s="137"/>
      <c r="AP1876" s="137"/>
      <c r="AQ1876" s="137"/>
      <c r="AR1876" s="137"/>
      <c r="AS1876" s="137"/>
      <c r="AT1876" s="137"/>
      <c r="AU1876" s="137"/>
      <c r="AV1876" s="137"/>
      <c r="AW1876" s="144"/>
    </row>
    <row r="1877" spans="7:49" x14ac:dyDescent="0.2">
      <c r="G1877" s="43"/>
      <c r="Z1877" s="143"/>
      <c r="AA1877" s="137"/>
      <c r="AB1877" s="137"/>
      <c r="AC1877" s="137"/>
      <c r="AD1877" s="137"/>
      <c r="AE1877" s="137"/>
      <c r="AF1877" s="137"/>
      <c r="AG1877" s="137"/>
      <c r="AH1877" s="137"/>
      <c r="AI1877" s="137"/>
      <c r="AJ1877" s="137"/>
      <c r="AK1877" s="137"/>
      <c r="AL1877" s="137"/>
      <c r="AM1877" s="137"/>
      <c r="AN1877" s="137"/>
      <c r="AO1877" s="137"/>
      <c r="AP1877" s="137"/>
      <c r="AQ1877" s="137"/>
      <c r="AR1877" s="137"/>
      <c r="AS1877" s="137"/>
      <c r="AT1877" s="137"/>
      <c r="AU1877" s="137"/>
      <c r="AV1877" s="137"/>
      <c r="AW1877" s="144"/>
    </row>
    <row r="1878" spans="7:49" x14ac:dyDescent="0.2">
      <c r="G1878" s="43"/>
      <c r="Z1878" s="143"/>
      <c r="AA1878" s="137"/>
      <c r="AB1878" s="137"/>
      <c r="AC1878" s="137"/>
      <c r="AD1878" s="137"/>
      <c r="AE1878" s="137"/>
      <c r="AF1878" s="137"/>
      <c r="AG1878" s="137"/>
      <c r="AH1878" s="137"/>
      <c r="AI1878" s="137"/>
      <c r="AJ1878" s="137"/>
      <c r="AK1878" s="137"/>
      <c r="AL1878" s="137"/>
      <c r="AM1878" s="137"/>
      <c r="AN1878" s="137"/>
      <c r="AO1878" s="137"/>
      <c r="AP1878" s="137"/>
      <c r="AQ1878" s="137"/>
      <c r="AR1878" s="137"/>
      <c r="AS1878" s="137"/>
      <c r="AT1878" s="137"/>
      <c r="AU1878" s="137"/>
      <c r="AV1878" s="137"/>
      <c r="AW1878" s="144"/>
    </row>
    <row r="1879" spans="7:49" x14ac:dyDescent="0.2">
      <c r="G1879" s="43"/>
      <c r="Z1879" s="143"/>
      <c r="AA1879" s="137"/>
      <c r="AB1879" s="137"/>
      <c r="AC1879" s="137"/>
      <c r="AD1879" s="137"/>
      <c r="AE1879" s="137"/>
      <c r="AF1879" s="137"/>
      <c r="AG1879" s="137"/>
      <c r="AH1879" s="137"/>
      <c r="AI1879" s="137"/>
      <c r="AJ1879" s="137"/>
      <c r="AK1879" s="137"/>
      <c r="AL1879" s="137"/>
      <c r="AM1879" s="137"/>
      <c r="AN1879" s="137"/>
      <c r="AO1879" s="137"/>
      <c r="AP1879" s="137"/>
      <c r="AQ1879" s="137"/>
      <c r="AR1879" s="137"/>
      <c r="AS1879" s="137"/>
      <c r="AT1879" s="137"/>
      <c r="AU1879" s="137"/>
      <c r="AV1879" s="137"/>
      <c r="AW1879" s="144"/>
    </row>
    <row r="1880" spans="7:49" x14ac:dyDescent="0.2">
      <c r="G1880" s="43"/>
      <c r="Z1880" s="143"/>
      <c r="AA1880" s="137"/>
      <c r="AB1880" s="137"/>
      <c r="AC1880" s="137"/>
      <c r="AD1880" s="137"/>
      <c r="AE1880" s="137"/>
      <c r="AF1880" s="137"/>
      <c r="AG1880" s="137"/>
      <c r="AH1880" s="137"/>
      <c r="AI1880" s="137"/>
      <c r="AJ1880" s="137"/>
      <c r="AK1880" s="137"/>
      <c r="AL1880" s="137"/>
      <c r="AM1880" s="137"/>
      <c r="AN1880" s="137"/>
      <c r="AO1880" s="137"/>
      <c r="AP1880" s="137"/>
      <c r="AQ1880" s="137"/>
      <c r="AR1880" s="137"/>
      <c r="AS1880" s="137"/>
      <c r="AT1880" s="137"/>
      <c r="AU1880" s="137"/>
      <c r="AV1880" s="137"/>
      <c r="AW1880" s="144"/>
    </row>
    <row r="1881" spans="7:49" x14ac:dyDescent="0.2">
      <c r="G1881" s="43"/>
      <c r="Z1881" s="143"/>
      <c r="AA1881" s="137"/>
      <c r="AB1881" s="137"/>
      <c r="AC1881" s="137"/>
      <c r="AD1881" s="137"/>
      <c r="AE1881" s="137"/>
      <c r="AF1881" s="137"/>
      <c r="AG1881" s="137"/>
      <c r="AH1881" s="137"/>
      <c r="AI1881" s="137"/>
      <c r="AJ1881" s="137"/>
      <c r="AK1881" s="137"/>
      <c r="AL1881" s="137"/>
      <c r="AM1881" s="137"/>
      <c r="AN1881" s="137"/>
      <c r="AO1881" s="137"/>
      <c r="AP1881" s="137"/>
      <c r="AQ1881" s="137"/>
      <c r="AR1881" s="137"/>
      <c r="AS1881" s="137"/>
      <c r="AT1881" s="137"/>
      <c r="AU1881" s="137"/>
      <c r="AV1881" s="137"/>
      <c r="AW1881" s="144"/>
    </row>
    <row r="1882" spans="7:49" x14ac:dyDescent="0.2">
      <c r="G1882" s="43"/>
      <c r="Z1882" s="143"/>
      <c r="AA1882" s="137"/>
      <c r="AB1882" s="137"/>
      <c r="AC1882" s="137"/>
      <c r="AD1882" s="137"/>
      <c r="AE1882" s="137"/>
      <c r="AF1882" s="137"/>
      <c r="AG1882" s="137"/>
      <c r="AH1882" s="137"/>
      <c r="AI1882" s="137"/>
      <c r="AJ1882" s="137"/>
      <c r="AK1882" s="137"/>
      <c r="AL1882" s="137"/>
      <c r="AM1882" s="137"/>
      <c r="AN1882" s="137"/>
      <c r="AO1882" s="137"/>
      <c r="AP1882" s="137"/>
      <c r="AQ1882" s="137"/>
      <c r="AR1882" s="137"/>
      <c r="AS1882" s="137"/>
      <c r="AT1882" s="137"/>
      <c r="AU1882" s="137"/>
      <c r="AV1882" s="137"/>
      <c r="AW1882" s="144"/>
    </row>
    <row r="1883" spans="7:49" x14ac:dyDescent="0.2">
      <c r="G1883" s="43"/>
      <c r="Z1883" s="143"/>
      <c r="AA1883" s="137"/>
      <c r="AB1883" s="137"/>
      <c r="AC1883" s="137"/>
      <c r="AD1883" s="137"/>
      <c r="AE1883" s="137"/>
      <c r="AF1883" s="137"/>
      <c r="AG1883" s="137"/>
      <c r="AH1883" s="137"/>
      <c r="AI1883" s="137"/>
      <c r="AJ1883" s="137"/>
      <c r="AK1883" s="137"/>
      <c r="AL1883" s="137"/>
      <c r="AM1883" s="137"/>
      <c r="AN1883" s="137"/>
      <c r="AO1883" s="137"/>
      <c r="AP1883" s="137"/>
      <c r="AQ1883" s="137"/>
      <c r="AR1883" s="137"/>
      <c r="AS1883" s="137"/>
      <c r="AT1883" s="137"/>
      <c r="AU1883" s="137"/>
      <c r="AV1883" s="137"/>
      <c r="AW1883" s="144"/>
    </row>
    <row r="1884" spans="7:49" x14ac:dyDescent="0.2">
      <c r="G1884" s="43"/>
      <c r="Z1884" s="143"/>
      <c r="AA1884" s="137"/>
      <c r="AB1884" s="137"/>
      <c r="AC1884" s="137"/>
      <c r="AD1884" s="137"/>
      <c r="AE1884" s="137"/>
      <c r="AF1884" s="137"/>
      <c r="AG1884" s="137"/>
      <c r="AH1884" s="137"/>
      <c r="AI1884" s="137"/>
      <c r="AJ1884" s="137"/>
      <c r="AK1884" s="137"/>
      <c r="AL1884" s="137"/>
      <c r="AM1884" s="137"/>
      <c r="AN1884" s="137"/>
      <c r="AO1884" s="137"/>
      <c r="AP1884" s="137"/>
      <c r="AQ1884" s="137"/>
      <c r="AR1884" s="137"/>
      <c r="AS1884" s="137"/>
      <c r="AT1884" s="137"/>
      <c r="AU1884" s="137"/>
      <c r="AV1884" s="137"/>
      <c r="AW1884" s="144"/>
    </row>
    <row r="1885" spans="7:49" x14ac:dyDescent="0.2">
      <c r="G1885" s="43"/>
      <c r="Z1885" s="143"/>
      <c r="AA1885" s="137"/>
      <c r="AB1885" s="137"/>
      <c r="AC1885" s="137"/>
      <c r="AD1885" s="137"/>
      <c r="AE1885" s="137"/>
      <c r="AF1885" s="137"/>
      <c r="AG1885" s="137"/>
      <c r="AH1885" s="137"/>
      <c r="AI1885" s="137"/>
      <c r="AJ1885" s="137"/>
      <c r="AK1885" s="137"/>
      <c r="AL1885" s="137"/>
      <c r="AM1885" s="137"/>
      <c r="AN1885" s="137"/>
      <c r="AO1885" s="137"/>
      <c r="AP1885" s="137"/>
      <c r="AQ1885" s="137"/>
      <c r="AR1885" s="137"/>
      <c r="AS1885" s="137"/>
      <c r="AT1885" s="137"/>
      <c r="AU1885" s="137"/>
      <c r="AV1885" s="137"/>
      <c r="AW1885" s="144"/>
    </row>
    <row r="1886" spans="7:49" x14ac:dyDescent="0.2">
      <c r="G1886" s="43"/>
      <c r="Z1886" s="143"/>
      <c r="AA1886" s="137"/>
      <c r="AB1886" s="137"/>
      <c r="AC1886" s="137"/>
      <c r="AD1886" s="137"/>
      <c r="AE1886" s="137"/>
      <c r="AF1886" s="137"/>
      <c r="AG1886" s="137"/>
      <c r="AH1886" s="137"/>
      <c r="AI1886" s="137"/>
      <c r="AJ1886" s="137"/>
      <c r="AK1886" s="137"/>
      <c r="AL1886" s="137"/>
      <c r="AM1886" s="137"/>
      <c r="AN1886" s="137"/>
      <c r="AO1886" s="137"/>
      <c r="AP1886" s="137"/>
      <c r="AQ1886" s="137"/>
      <c r="AR1886" s="137"/>
      <c r="AS1886" s="137"/>
      <c r="AT1886" s="137"/>
      <c r="AU1886" s="137"/>
      <c r="AV1886" s="137"/>
      <c r="AW1886" s="144"/>
    </row>
    <row r="1887" spans="7:49" x14ac:dyDescent="0.2">
      <c r="G1887" s="43"/>
      <c r="Z1887" s="143"/>
      <c r="AA1887" s="137"/>
      <c r="AB1887" s="137"/>
      <c r="AC1887" s="137"/>
      <c r="AD1887" s="137"/>
      <c r="AE1887" s="137"/>
      <c r="AF1887" s="137"/>
      <c r="AG1887" s="137"/>
      <c r="AH1887" s="137"/>
      <c r="AI1887" s="137"/>
      <c r="AJ1887" s="137"/>
      <c r="AK1887" s="137"/>
      <c r="AL1887" s="137"/>
      <c r="AM1887" s="137"/>
      <c r="AN1887" s="137"/>
      <c r="AO1887" s="137"/>
      <c r="AP1887" s="137"/>
      <c r="AQ1887" s="137"/>
      <c r="AR1887" s="137"/>
      <c r="AS1887" s="137"/>
      <c r="AT1887" s="137"/>
      <c r="AU1887" s="137"/>
      <c r="AV1887" s="137"/>
      <c r="AW1887" s="144"/>
    </row>
    <row r="1888" spans="7:49" x14ac:dyDescent="0.2">
      <c r="G1888" s="43"/>
      <c r="Z1888" s="143"/>
      <c r="AA1888" s="137"/>
      <c r="AB1888" s="137"/>
      <c r="AC1888" s="137"/>
      <c r="AD1888" s="137"/>
      <c r="AE1888" s="137"/>
      <c r="AF1888" s="137"/>
      <c r="AG1888" s="137"/>
      <c r="AH1888" s="137"/>
      <c r="AI1888" s="137"/>
      <c r="AJ1888" s="137"/>
      <c r="AK1888" s="137"/>
      <c r="AL1888" s="137"/>
      <c r="AM1888" s="137"/>
      <c r="AN1888" s="137"/>
      <c r="AO1888" s="137"/>
      <c r="AP1888" s="137"/>
      <c r="AQ1888" s="137"/>
      <c r="AR1888" s="137"/>
      <c r="AS1888" s="137"/>
      <c r="AT1888" s="137"/>
      <c r="AU1888" s="137"/>
      <c r="AV1888" s="137"/>
      <c r="AW1888" s="144"/>
    </row>
    <row r="1889" spans="7:49" x14ac:dyDescent="0.2">
      <c r="G1889" s="43"/>
      <c r="Z1889" s="143"/>
      <c r="AA1889" s="137"/>
      <c r="AB1889" s="137"/>
      <c r="AC1889" s="137"/>
      <c r="AD1889" s="137"/>
      <c r="AE1889" s="137"/>
      <c r="AF1889" s="137"/>
      <c r="AG1889" s="137"/>
      <c r="AH1889" s="137"/>
      <c r="AI1889" s="137"/>
      <c r="AJ1889" s="137"/>
      <c r="AK1889" s="137"/>
      <c r="AL1889" s="137"/>
      <c r="AM1889" s="137"/>
      <c r="AN1889" s="137"/>
      <c r="AO1889" s="137"/>
      <c r="AP1889" s="137"/>
      <c r="AQ1889" s="137"/>
      <c r="AR1889" s="137"/>
      <c r="AS1889" s="137"/>
      <c r="AT1889" s="137"/>
      <c r="AU1889" s="137"/>
      <c r="AV1889" s="137"/>
      <c r="AW1889" s="144"/>
    </row>
    <row r="1890" spans="7:49" x14ac:dyDescent="0.2">
      <c r="G1890" s="43"/>
      <c r="Z1890" s="143"/>
      <c r="AA1890" s="137"/>
      <c r="AB1890" s="137"/>
      <c r="AC1890" s="137"/>
      <c r="AD1890" s="137"/>
      <c r="AE1890" s="137"/>
      <c r="AF1890" s="137"/>
      <c r="AG1890" s="137"/>
      <c r="AH1890" s="137"/>
      <c r="AI1890" s="137"/>
      <c r="AJ1890" s="137"/>
      <c r="AK1890" s="137"/>
      <c r="AL1890" s="137"/>
      <c r="AM1890" s="137"/>
      <c r="AN1890" s="137"/>
      <c r="AO1890" s="137"/>
      <c r="AP1890" s="137"/>
      <c r="AQ1890" s="137"/>
      <c r="AR1890" s="137"/>
      <c r="AS1890" s="137"/>
      <c r="AT1890" s="137"/>
      <c r="AU1890" s="137"/>
      <c r="AV1890" s="137"/>
      <c r="AW1890" s="144"/>
    </row>
    <row r="1891" spans="7:49" x14ac:dyDescent="0.2">
      <c r="G1891" s="43"/>
      <c r="Z1891" s="143"/>
      <c r="AA1891" s="137"/>
      <c r="AB1891" s="137"/>
      <c r="AC1891" s="137"/>
      <c r="AD1891" s="137"/>
      <c r="AE1891" s="137"/>
      <c r="AF1891" s="137"/>
      <c r="AG1891" s="137"/>
      <c r="AH1891" s="137"/>
      <c r="AI1891" s="137"/>
      <c r="AJ1891" s="137"/>
      <c r="AK1891" s="137"/>
      <c r="AL1891" s="137"/>
      <c r="AM1891" s="137"/>
      <c r="AN1891" s="137"/>
      <c r="AO1891" s="137"/>
      <c r="AP1891" s="137"/>
      <c r="AQ1891" s="137"/>
      <c r="AR1891" s="137"/>
      <c r="AS1891" s="137"/>
      <c r="AT1891" s="137"/>
      <c r="AU1891" s="137"/>
      <c r="AV1891" s="137"/>
      <c r="AW1891" s="144"/>
    </row>
    <row r="1892" spans="7:49" x14ac:dyDescent="0.2">
      <c r="G1892" s="43"/>
      <c r="Z1892" s="143"/>
      <c r="AA1892" s="137"/>
      <c r="AB1892" s="137"/>
      <c r="AC1892" s="137"/>
      <c r="AD1892" s="137"/>
      <c r="AE1892" s="137"/>
      <c r="AF1892" s="137"/>
      <c r="AG1892" s="137"/>
      <c r="AH1892" s="137"/>
      <c r="AI1892" s="137"/>
      <c r="AJ1892" s="137"/>
      <c r="AK1892" s="137"/>
      <c r="AL1892" s="137"/>
      <c r="AM1892" s="137"/>
      <c r="AN1892" s="137"/>
      <c r="AO1892" s="137"/>
      <c r="AP1892" s="137"/>
      <c r="AQ1892" s="137"/>
      <c r="AR1892" s="137"/>
      <c r="AS1892" s="137"/>
      <c r="AT1892" s="137"/>
      <c r="AU1892" s="137"/>
      <c r="AV1892" s="137"/>
      <c r="AW1892" s="144"/>
    </row>
    <row r="1893" spans="7:49" x14ac:dyDescent="0.2">
      <c r="G1893" s="43"/>
      <c r="Z1893" s="143"/>
      <c r="AA1893" s="137"/>
      <c r="AB1893" s="137"/>
      <c r="AC1893" s="137"/>
      <c r="AD1893" s="137"/>
      <c r="AE1893" s="137"/>
      <c r="AF1893" s="137"/>
      <c r="AG1893" s="137"/>
      <c r="AH1893" s="137"/>
      <c r="AI1893" s="137"/>
      <c r="AJ1893" s="137"/>
      <c r="AK1893" s="137"/>
      <c r="AL1893" s="137"/>
      <c r="AM1893" s="137"/>
      <c r="AN1893" s="137"/>
      <c r="AO1893" s="137"/>
      <c r="AP1893" s="137"/>
      <c r="AQ1893" s="137"/>
      <c r="AR1893" s="137"/>
      <c r="AS1893" s="137"/>
      <c r="AT1893" s="137"/>
      <c r="AU1893" s="137"/>
      <c r="AV1893" s="137"/>
      <c r="AW1893" s="144"/>
    </row>
    <row r="1894" spans="7:49" x14ac:dyDescent="0.2">
      <c r="G1894" s="43"/>
      <c r="Z1894" s="143"/>
      <c r="AA1894" s="137"/>
      <c r="AB1894" s="137"/>
      <c r="AC1894" s="137"/>
      <c r="AD1894" s="137"/>
      <c r="AE1894" s="137"/>
      <c r="AF1894" s="137"/>
      <c r="AG1894" s="137"/>
      <c r="AH1894" s="137"/>
      <c r="AI1894" s="137"/>
      <c r="AJ1894" s="137"/>
      <c r="AK1894" s="137"/>
      <c r="AL1894" s="137"/>
      <c r="AM1894" s="137"/>
      <c r="AN1894" s="137"/>
      <c r="AO1894" s="137"/>
      <c r="AP1894" s="137"/>
      <c r="AQ1894" s="137"/>
      <c r="AR1894" s="137"/>
      <c r="AS1894" s="137"/>
      <c r="AT1894" s="137"/>
      <c r="AU1894" s="137"/>
      <c r="AV1894" s="137"/>
      <c r="AW1894" s="144"/>
    </row>
    <row r="1895" spans="7:49" x14ac:dyDescent="0.2">
      <c r="G1895" s="43"/>
      <c r="Z1895" s="143"/>
      <c r="AA1895" s="137"/>
      <c r="AB1895" s="137"/>
      <c r="AC1895" s="137"/>
      <c r="AD1895" s="137"/>
      <c r="AE1895" s="137"/>
      <c r="AF1895" s="137"/>
      <c r="AG1895" s="137"/>
      <c r="AH1895" s="137"/>
      <c r="AI1895" s="137"/>
      <c r="AJ1895" s="137"/>
      <c r="AK1895" s="137"/>
      <c r="AL1895" s="137"/>
      <c r="AM1895" s="137"/>
      <c r="AN1895" s="137"/>
      <c r="AO1895" s="137"/>
      <c r="AP1895" s="137"/>
      <c r="AQ1895" s="137"/>
      <c r="AR1895" s="137"/>
      <c r="AS1895" s="137"/>
      <c r="AT1895" s="137"/>
      <c r="AU1895" s="137"/>
      <c r="AV1895" s="137"/>
      <c r="AW1895" s="144"/>
    </row>
    <row r="1896" spans="7:49" x14ac:dyDescent="0.2">
      <c r="G1896" s="43"/>
      <c r="Z1896" s="143"/>
      <c r="AA1896" s="137"/>
      <c r="AB1896" s="137"/>
      <c r="AC1896" s="137"/>
      <c r="AD1896" s="137"/>
      <c r="AE1896" s="137"/>
      <c r="AF1896" s="137"/>
      <c r="AG1896" s="137"/>
      <c r="AH1896" s="137"/>
      <c r="AI1896" s="137"/>
      <c r="AJ1896" s="137"/>
      <c r="AK1896" s="137"/>
      <c r="AL1896" s="137"/>
      <c r="AM1896" s="137"/>
      <c r="AN1896" s="137"/>
      <c r="AO1896" s="137"/>
      <c r="AP1896" s="137"/>
      <c r="AQ1896" s="137"/>
      <c r="AR1896" s="137"/>
      <c r="AS1896" s="137"/>
      <c r="AT1896" s="137"/>
      <c r="AU1896" s="137"/>
      <c r="AV1896" s="137"/>
      <c r="AW1896" s="144"/>
    </row>
    <row r="1897" spans="7:49" x14ac:dyDescent="0.2">
      <c r="G1897" s="43"/>
      <c r="Z1897" s="143"/>
      <c r="AA1897" s="137"/>
      <c r="AB1897" s="137"/>
      <c r="AC1897" s="137"/>
      <c r="AD1897" s="137"/>
      <c r="AE1897" s="137"/>
      <c r="AF1897" s="137"/>
      <c r="AG1897" s="137"/>
      <c r="AH1897" s="137"/>
      <c r="AI1897" s="137"/>
      <c r="AJ1897" s="137"/>
      <c r="AK1897" s="137"/>
      <c r="AL1897" s="137"/>
      <c r="AM1897" s="137"/>
      <c r="AN1897" s="137"/>
      <c r="AO1897" s="137"/>
      <c r="AP1897" s="137"/>
      <c r="AQ1897" s="137"/>
      <c r="AR1897" s="137"/>
      <c r="AS1897" s="137"/>
      <c r="AT1897" s="137"/>
      <c r="AU1897" s="137"/>
      <c r="AV1897" s="137"/>
      <c r="AW1897" s="144"/>
    </row>
    <row r="1898" spans="7:49" x14ac:dyDescent="0.2">
      <c r="G1898" s="43"/>
      <c r="Z1898" s="143"/>
      <c r="AA1898" s="137"/>
      <c r="AB1898" s="137"/>
      <c r="AC1898" s="137"/>
      <c r="AD1898" s="137"/>
      <c r="AE1898" s="137"/>
      <c r="AF1898" s="137"/>
      <c r="AG1898" s="137"/>
      <c r="AH1898" s="137"/>
      <c r="AI1898" s="137"/>
      <c r="AJ1898" s="137"/>
      <c r="AK1898" s="137"/>
      <c r="AL1898" s="137"/>
      <c r="AM1898" s="137"/>
      <c r="AN1898" s="137"/>
      <c r="AO1898" s="137"/>
      <c r="AP1898" s="137"/>
      <c r="AQ1898" s="137"/>
      <c r="AR1898" s="137"/>
      <c r="AS1898" s="137"/>
      <c r="AT1898" s="137"/>
      <c r="AU1898" s="137"/>
      <c r="AV1898" s="137"/>
      <c r="AW1898" s="144"/>
    </row>
    <row r="1899" spans="7:49" x14ac:dyDescent="0.2">
      <c r="G1899" s="43"/>
      <c r="Z1899" s="143"/>
      <c r="AA1899" s="137"/>
      <c r="AB1899" s="137"/>
      <c r="AC1899" s="137"/>
      <c r="AD1899" s="137"/>
      <c r="AE1899" s="137"/>
      <c r="AF1899" s="137"/>
      <c r="AG1899" s="137"/>
      <c r="AH1899" s="137"/>
      <c r="AI1899" s="137"/>
      <c r="AJ1899" s="137"/>
      <c r="AK1899" s="137"/>
      <c r="AL1899" s="137"/>
      <c r="AM1899" s="137"/>
      <c r="AN1899" s="137"/>
      <c r="AO1899" s="137"/>
      <c r="AP1899" s="137"/>
      <c r="AQ1899" s="137"/>
      <c r="AR1899" s="137"/>
      <c r="AS1899" s="137"/>
      <c r="AT1899" s="137"/>
      <c r="AU1899" s="137"/>
      <c r="AV1899" s="137"/>
      <c r="AW1899" s="144"/>
    </row>
    <row r="1900" spans="7:49" x14ac:dyDescent="0.2">
      <c r="G1900" s="43"/>
      <c r="Z1900" s="143"/>
      <c r="AA1900" s="137"/>
      <c r="AB1900" s="137"/>
      <c r="AC1900" s="137"/>
      <c r="AD1900" s="137"/>
      <c r="AE1900" s="137"/>
      <c r="AF1900" s="137"/>
      <c r="AG1900" s="137"/>
      <c r="AH1900" s="137"/>
      <c r="AI1900" s="137"/>
      <c r="AJ1900" s="137"/>
      <c r="AK1900" s="137"/>
      <c r="AL1900" s="137"/>
      <c r="AM1900" s="137"/>
      <c r="AN1900" s="137"/>
      <c r="AO1900" s="137"/>
      <c r="AP1900" s="137"/>
      <c r="AQ1900" s="137"/>
      <c r="AR1900" s="137"/>
      <c r="AS1900" s="137"/>
      <c r="AT1900" s="137"/>
      <c r="AU1900" s="137"/>
      <c r="AV1900" s="137"/>
      <c r="AW1900" s="144"/>
    </row>
    <row r="1901" spans="7:49" x14ac:dyDescent="0.2">
      <c r="G1901" s="43"/>
      <c r="Z1901" s="143"/>
      <c r="AA1901" s="137"/>
      <c r="AB1901" s="137"/>
      <c r="AC1901" s="137"/>
      <c r="AD1901" s="137"/>
      <c r="AE1901" s="137"/>
      <c r="AF1901" s="137"/>
      <c r="AG1901" s="137"/>
      <c r="AH1901" s="137"/>
      <c r="AI1901" s="137"/>
      <c r="AJ1901" s="137"/>
      <c r="AK1901" s="137"/>
      <c r="AL1901" s="137"/>
      <c r="AM1901" s="137"/>
      <c r="AN1901" s="137"/>
      <c r="AO1901" s="137"/>
      <c r="AP1901" s="137"/>
      <c r="AQ1901" s="137"/>
      <c r="AR1901" s="137"/>
      <c r="AS1901" s="137"/>
      <c r="AT1901" s="137"/>
      <c r="AU1901" s="137"/>
      <c r="AV1901" s="137"/>
      <c r="AW1901" s="144"/>
    </row>
    <row r="1902" spans="7:49" x14ac:dyDescent="0.2">
      <c r="G1902" s="43"/>
      <c r="Z1902" s="143"/>
      <c r="AA1902" s="137"/>
      <c r="AB1902" s="137"/>
      <c r="AC1902" s="137"/>
      <c r="AD1902" s="137"/>
      <c r="AE1902" s="137"/>
      <c r="AF1902" s="137"/>
      <c r="AG1902" s="137"/>
      <c r="AH1902" s="137"/>
      <c r="AI1902" s="137"/>
      <c r="AJ1902" s="137"/>
      <c r="AK1902" s="137"/>
      <c r="AL1902" s="137"/>
      <c r="AM1902" s="137"/>
      <c r="AN1902" s="137"/>
      <c r="AO1902" s="137"/>
      <c r="AP1902" s="137"/>
      <c r="AQ1902" s="137"/>
      <c r="AR1902" s="137"/>
      <c r="AS1902" s="137"/>
      <c r="AT1902" s="137"/>
      <c r="AU1902" s="137"/>
      <c r="AV1902" s="137"/>
      <c r="AW1902" s="144"/>
    </row>
    <row r="1903" spans="7:49" x14ac:dyDescent="0.2">
      <c r="G1903" s="43"/>
      <c r="Z1903" s="143"/>
      <c r="AA1903" s="137"/>
      <c r="AB1903" s="137"/>
      <c r="AC1903" s="137"/>
      <c r="AD1903" s="137"/>
      <c r="AE1903" s="137"/>
      <c r="AF1903" s="137"/>
      <c r="AG1903" s="137"/>
      <c r="AH1903" s="137"/>
      <c r="AI1903" s="137"/>
      <c r="AJ1903" s="137"/>
      <c r="AK1903" s="137"/>
      <c r="AL1903" s="137"/>
      <c r="AM1903" s="137"/>
      <c r="AN1903" s="137"/>
      <c r="AO1903" s="137"/>
      <c r="AP1903" s="137"/>
      <c r="AQ1903" s="137"/>
      <c r="AR1903" s="137"/>
      <c r="AS1903" s="137"/>
      <c r="AT1903" s="137"/>
      <c r="AU1903" s="137"/>
      <c r="AV1903" s="137"/>
      <c r="AW1903" s="144"/>
    </row>
    <row r="1904" spans="7:49" x14ac:dyDescent="0.2">
      <c r="G1904" s="43"/>
      <c r="Z1904" s="143"/>
      <c r="AA1904" s="137"/>
      <c r="AB1904" s="137"/>
      <c r="AC1904" s="137"/>
      <c r="AD1904" s="137"/>
      <c r="AE1904" s="137"/>
      <c r="AF1904" s="137"/>
      <c r="AG1904" s="137"/>
      <c r="AH1904" s="137"/>
      <c r="AI1904" s="137"/>
      <c r="AJ1904" s="137"/>
      <c r="AK1904" s="137"/>
      <c r="AL1904" s="137"/>
      <c r="AM1904" s="137"/>
      <c r="AN1904" s="137"/>
      <c r="AO1904" s="137"/>
      <c r="AP1904" s="137"/>
      <c r="AQ1904" s="137"/>
      <c r="AR1904" s="137"/>
      <c r="AS1904" s="137"/>
      <c r="AT1904" s="137"/>
      <c r="AU1904" s="137"/>
      <c r="AV1904" s="137"/>
      <c r="AW1904" s="144"/>
    </row>
    <row r="1905" spans="7:49" x14ac:dyDescent="0.2">
      <c r="G1905" s="43"/>
      <c r="Z1905" s="143"/>
      <c r="AA1905" s="137"/>
      <c r="AB1905" s="137"/>
      <c r="AC1905" s="137"/>
      <c r="AD1905" s="137"/>
      <c r="AE1905" s="137"/>
      <c r="AF1905" s="137"/>
      <c r="AG1905" s="137"/>
      <c r="AH1905" s="137"/>
      <c r="AI1905" s="137"/>
      <c r="AJ1905" s="137"/>
      <c r="AK1905" s="137"/>
      <c r="AL1905" s="137"/>
      <c r="AM1905" s="137"/>
      <c r="AN1905" s="137"/>
      <c r="AO1905" s="137"/>
      <c r="AP1905" s="137"/>
      <c r="AQ1905" s="137"/>
      <c r="AR1905" s="137"/>
      <c r="AS1905" s="137"/>
      <c r="AT1905" s="137"/>
      <c r="AU1905" s="137"/>
      <c r="AV1905" s="137"/>
      <c r="AW1905" s="144"/>
    </row>
    <row r="1906" spans="7:49" x14ac:dyDescent="0.2">
      <c r="G1906" s="43"/>
      <c r="Z1906" s="143"/>
      <c r="AA1906" s="137"/>
      <c r="AB1906" s="137"/>
      <c r="AC1906" s="137"/>
      <c r="AD1906" s="137"/>
      <c r="AE1906" s="137"/>
      <c r="AF1906" s="137"/>
      <c r="AG1906" s="137"/>
      <c r="AH1906" s="137"/>
      <c r="AI1906" s="137"/>
      <c r="AJ1906" s="137"/>
      <c r="AK1906" s="137"/>
      <c r="AL1906" s="137"/>
      <c r="AM1906" s="137"/>
      <c r="AN1906" s="137"/>
      <c r="AO1906" s="137"/>
      <c r="AP1906" s="137"/>
      <c r="AQ1906" s="137"/>
      <c r="AR1906" s="137"/>
      <c r="AS1906" s="137"/>
      <c r="AT1906" s="137"/>
      <c r="AU1906" s="137"/>
      <c r="AV1906" s="137"/>
      <c r="AW1906" s="144"/>
    </row>
    <row r="1907" spans="7:49" x14ac:dyDescent="0.2">
      <c r="G1907" s="43"/>
      <c r="Z1907" s="143"/>
      <c r="AA1907" s="137"/>
      <c r="AB1907" s="137"/>
      <c r="AC1907" s="137"/>
      <c r="AD1907" s="137"/>
      <c r="AE1907" s="137"/>
      <c r="AF1907" s="137"/>
      <c r="AG1907" s="137"/>
      <c r="AH1907" s="137"/>
      <c r="AI1907" s="137"/>
      <c r="AJ1907" s="137"/>
      <c r="AK1907" s="137"/>
      <c r="AL1907" s="137"/>
      <c r="AM1907" s="137"/>
      <c r="AN1907" s="137"/>
      <c r="AO1907" s="137"/>
      <c r="AP1907" s="137"/>
      <c r="AQ1907" s="137"/>
      <c r="AR1907" s="137"/>
      <c r="AS1907" s="137"/>
      <c r="AT1907" s="137"/>
      <c r="AU1907" s="137"/>
      <c r="AV1907" s="137"/>
      <c r="AW1907" s="144"/>
    </row>
    <row r="1908" spans="7:49" x14ac:dyDescent="0.2">
      <c r="G1908" s="43"/>
      <c r="Z1908" s="143"/>
      <c r="AA1908" s="137"/>
      <c r="AB1908" s="137"/>
      <c r="AC1908" s="137"/>
      <c r="AD1908" s="137"/>
      <c r="AE1908" s="137"/>
      <c r="AF1908" s="137"/>
      <c r="AG1908" s="137"/>
      <c r="AH1908" s="137"/>
      <c r="AI1908" s="137"/>
      <c r="AJ1908" s="137"/>
      <c r="AK1908" s="137"/>
      <c r="AL1908" s="137"/>
      <c r="AM1908" s="137"/>
      <c r="AN1908" s="137"/>
      <c r="AO1908" s="137"/>
      <c r="AP1908" s="137"/>
      <c r="AQ1908" s="137"/>
      <c r="AR1908" s="137"/>
      <c r="AS1908" s="137"/>
      <c r="AT1908" s="137"/>
      <c r="AU1908" s="137"/>
      <c r="AV1908" s="137"/>
      <c r="AW1908" s="144"/>
    </row>
    <row r="1909" spans="7:49" x14ac:dyDescent="0.2">
      <c r="G1909" s="43"/>
      <c r="Z1909" s="143"/>
      <c r="AA1909" s="137"/>
      <c r="AB1909" s="137"/>
      <c r="AC1909" s="137"/>
      <c r="AD1909" s="137"/>
      <c r="AE1909" s="137"/>
      <c r="AF1909" s="137"/>
      <c r="AG1909" s="137"/>
      <c r="AH1909" s="137"/>
      <c r="AI1909" s="137"/>
      <c r="AJ1909" s="137"/>
      <c r="AK1909" s="137"/>
      <c r="AL1909" s="137"/>
      <c r="AM1909" s="137"/>
      <c r="AN1909" s="137"/>
      <c r="AO1909" s="137"/>
      <c r="AP1909" s="137"/>
      <c r="AQ1909" s="137"/>
      <c r="AR1909" s="137"/>
      <c r="AS1909" s="137"/>
      <c r="AT1909" s="137"/>
      <c r="AU1909" s="137"/>
      <c r="AV1909" s="137"/>
      <c r="AW1909" s="144"/>
    </row>
    <row r="1910" spans="7:49" x14ac:dyDescent="0.2">
      <c r="G1910" s="43"/>
      <c r="Z1910" s="143"/>
      <c r="AA1910" s="137"/>
      <c r="AB1910" s="137"/>
      <c r="AC1910" s="137"/>
      <c r="AD1910" s="137"/>
      <c r="AE1910" s="137"/>
      <c r="AF1910" s="137"/>
      <c r="AG1910" s="137"/>
      <c r="AH1910" s="137"/>
      <c r="AI1910" s="137"/>
      <c r="AJ1910" s="137"/>
      <c r="AK1910" s="137"/>
      <c r="AL1910" s="137"/>
      <c r="AM1910" s="137"/>
      <c r="AN1910" s="137"/>
      <c r="AO1910" s="137"/>
      <c r="AP1910" s="137"/>
      <c r="AQ1910" s="137"/>
      <c r="AR1910" s="137"/>
      <c r="AS1910" s="137"/>
      <c r="AT1910" s="137"/>
      <c r="AU1910" s="137"/>
      <c r="AV1910" s="137"/>
      <c r="AW1910" s="144"/>
    </row>
    <row r="1911" spans="7:49" x14ac:dyDescent="0.2">
      <c r="G1911" s="43"/>
      <c r="Z1911" s="143"/>
      <c r="AA1911" s="137"/>
      <c r="AB1911" s="137"/>
      <c r="AC1911" s="137"/>
      <c r="AD1911" s="137"/>
      <c r="AE1911" s="137"/>
      <c r="AF1911" s="137"/>
      <c r="AG1911" s="137"/>
      <c r="AH1911" s="137"/>
      <c r="AI1911" s="137"/>
      <c r="AJ1911" s="137"/>
      <c r="AK1911" s="137"/>
      <c r="AL1911" s="137"/>
      <c r="AM1911" s="137"/>
      <c r="AN1911" s="137"/>
      <c r="AO1911" s="137"/>
      <c r="AP1911" s="137"/>
      <c r="AQ1911" s="137"/>
      <c r="AR1911" s="137"/>
      <c r="AS1911" s="137"/>
      <c r="AT1911" s="137"/>
      <c r="AU1911" s="137"/>
      <c r="AV1911" s="137"/>
      <c r="AW1911" s="144"/>
    </row>
    <row r="1912" spans="7:49" x14ac:dyDescent="0.2">
      <c r="G1912" s="43"/>
      <c r="Z1912" s="143"/>
      <c r="AA1912" s="137"/>
      <c r="AB1912" s="137"/>
      <c r="AC1912" s="137"/>
      <c r="AD1912" s="137"/>
      <c r="AE1912" s="137"/>
      <c r="AF1912" s="137"/>
      <c r="AG1912" s="137"/>
      <c r="AH1912" s="137"/>
      <c r="AI1912" s="137"/>
      <c r="AJ1912" s="137"/>
      <c r="AK1912" s="137"/>
      <c r="AL1912" s="137"/>
      <c r="AM1912" s="137"/>
      <c r="AN1912" s="137"/>
      <c r="AO1912" s="137"/>
      <c r="AP1912" s="137"/>
      <c r="AQ1912" s="137"/>
      <c r="AR1912" s="137"/>
      <c r="AS1912" s="137"/>
      <c r="AT1912" s="137"/>
      <c r="AU1912" s="137"/>
      <c r="AV1912" s="137"/>
      <c r="AW1912" s="144"/>
    </row>
    <row r="1913" spans="7:49" x14ac:dyDescent="0.2">
      <c r="G1913" s="43"/>
      <c r="Z1913" s="143"/>
      <c r="AA1913" s="137"/>
      <c r="AB1913" s="137"/>
      <c r="AC1913" s="137"/>
      <c r="AD1913" s="137"/>
      <c r="AE1913" s="137"/>
      <c r="AF1913" s="137"/>
      <c r="AG1913" s="137"/>
      <c r="AH1913" s="137"/>
      <c r="AI1913" s="137"/>
      <c r="AJ1913" s="137"/>
      <c r="AK1913" s="137"/>
      <c r="AL1913" s="137"/>
      <c r="AM1913" s="137"/>
      <c r="AN1913" s="137"/>
      <c r="AO1913" s="137"/>
      <c r="AP1913" s="137"/>
      <c r="AQ1913" s="137"/>
      <c r="AR1913" s="137"/>
      <c r="AS1913" s="137"/>
      <c r="AT1913" s="137"/>
      <c r="AU1913" s="137"/>
      <c r="AV1913" s="137"/>
      <c r="AW1913" s="144"/>
    </row>
    <row r="1914" spans="7:49" x14ac:dyDescent="0.2">
      <c r="G1914" s="43"/>
      <c r="Z1914" s="143"/>
      <c r="AA1914" s="137"/>
      <c r="AB1914" s="137"/>
      <c r="AC1914" s="137"/>
      <c r="AD1914" s="137"/>
      <c r="AE1914" s="137"/>
      <c r="AF1914" s="137"/>
      <c r="AG1914" s="137"/>
      <c r="AH1914" s="137"/>
      <c r="AI1914" s="137"/>
      <c r="AJ1914" s="137"/>
      <c r="AK1914" s="137"/>
      <c r="AL1914" s="137"/>
      <c r="AM1914" s="137"/>
      <c r="AN1914" s="137"/>
      <c r="AO1914" s="137"/>
      <c r="AP1914" s="137"/>
      <c r="AQ1914" s="137"/>
      <c r="AR1914" s="137"/>
      <c r="AS1914" s="137"/>
      <c r="AT1914" s="137"/>
      <c r="AU1914" s="137"/>
      <c r="AV1914" s="137"/>
      <c r="AW1914" s="144"/>
    </row>
    <row r="1915" spans="7:49" x14ac:dyDescent="0.2">
      <c r="G1915" s="43"/>
      <c r="Z1915" s="143"/>
      <c r="AA1915" s="137"/>
      <c r="AB1915" s="137"/>
      <c r="AC1915" s="137"/>
      <c r="AD1915" s="137"/>
      <c r="AE1915" s="137"/>
      <c r="AF1915" s="137"/>
      <c r="AG1915" s="137"/>
      <c r="AH1915" s="137"/>
      <c r="AI1915" s="137"/>
      <c r="AJ1915" s="137"/>
      <c r="AK1915" s="137"/>
      <c r="AL1915" s="137"/>
      <c r="AM1915" s="137"/>
      <c r="AN1915" s="137"/>
      <c r="AO1915" s="137"/>
      <c r="AP1915" s="137"/>
      <c r="AQ1915" s="137"/>
      <c r="AR1915" s="137"/>
      <c r="AS1915" s="137"/>
      <c r="AT1915" s="137"/>
      <c r="AU1915" s="137"/>
      <c r="AV1915" s="137"/>
      <c r="AW1915" s="144"/>
    </row>
    <row r="1916" spans="7:49" x14ac:dyDescent="0.2">
      <c r="G1916" s="43"/>
      <c r="Z1916" s="143"/>
      <c r="AA1916" s="137"/>
      <c r="AB1916" s="137"/>
      <c r="AC1916" s="137"/>
      <c r="AD1916" s="137"/>
      <c r="AE1916" s="137"/>
      <c r="AF1916" s="137"/>
      <c r="AG1916" s="137"/>
      <c r="AH1916" s="137"/>
      <c r="AI1916" s="137"/>
      <c r="AJ1916" s="137"/>
      <c r="AK1916" s="137"/>
      <c r="AL1916" s="137"/>
      <c r="AM1916" s="137"/>
      <c r="AN1916" s="137"/>
      <c r="AO1916" s="137"/>
      <c r="AP1916" s="137"/>
      <c r="AQ1916" s="137"/>
      <c r="AR1916" s="137"/>
      <c r="AS1916" s="137"/>
      <c r="AT1916" s="137"/>
      <c r="AU1916" s="137"/>
      <c r="AV1916" s="137"/>
      <c r="AW1916" s="144"/>
    </row>
    <row r="1917" spans="7:49" x14ac:dyDescent="0.2">
      <c r="G1917" s="43"/>
      <c r="Z1917" s="143"/>
      <c r="AA1917" s="137"/>
      <c r="AB1917" s="137"/>
      <c r="AC1917" s="137"/>
      <c r="AD1917" s="137"/>
      <c r="AE1917" s="137"/>
      <c r="AF1917" s="137"/>
      <c r="AG1917" s="137"/>
      <c r="AH1917" s="137"/>
      <c r="AI1917" s="137"/>
      <c r="AJ1917" s="137"/>
      <c r="AK1917" s="137"/>
      <c r="AL1917" s="137"/>
      <c r="AM1917" s="137"/>
      <c r="AN1917" s="137"/>
      <c r="AO1917" s="137"/>
      <c r="AP1917" s="137"/>
      <c r="AQ1917" s="137"/>
      <c r="AR1917" s="137"/>
      <c r="AS1917" s="137"/>
      <c r="AT1917" s="137"/>
      <c r="AU1917" s="137"/>
      <c r="AV1917" s="137"/>
      <c r="AW1917" s="144"/>
    </row>
    <row r="1918" spans="7:49" x14ac:dyDescent="0.2">
      <c r="G1918" s="43"/>
      <c r="Z1918" s="143"/>
      <c r="AA1918" s="137"/>
      <c r="AB1918" s="137"/>
      <c r="AC1918" s="137"/>
      <c r="AD1918" s="137"/>
      <c r="AE1918" s="137"/>
      <c r="AF1918" s="137"/>
      <c r="AG1918" s="137"/>
      <c r="AH1918" s="137"/>
      <c r="AI1918" s="137"/>
      <c r="AJ1918" s="137"/>
      <c r="AK1918" s="137"/>
      <c r="AL1918" s="137"/>
      <c r="AM1918" s="137"/>
      <c r="AN1918" s="137"/>
      <c r="AO1918" s="137"/>
      <c r="AP1918" s="137"/>
      <c r="AQ1918" s="137"/>
      <c r="AR1918" s="137"/>
      <c r="AS1918" s="137"/>
      <c r="AT1918" s="137"/>
      <c r="AU1918" s="137"/>
      <c r="AV1918" s="137"/>
      <c r="AW1918" s="144"/>
    </row>
    <row r="1919" spans="7:49" x14ac:dyDescent="0.2">
      <c r="G1919" s="43"/>
      <c r="Z1919" s="143"/>
      <c r="AA1919" s="137"/>
      <c r="AB1919" s="137"/>
      <c r="AC1919" s="137"/>
      <c r="AD1919" s="137"/>
      <c r="AE1919" s="137"/>
      <c r="AF1919" s="137"/>
      <c r="AG1919" s="137"/>
      <c r="AH1919" s="137"/>
      <c r="AI1919" s="137"/>
      <c r="AJ1919" s="137"/>
      <c r="AK1919" s="137"/>
      <c r="AL1919" s="137"/>
      <c r="AM1919" s="137"/>
      <c r="AN1919" s="137"/>
      <c r="AO1919" s="137"/>
      <c r="AP1919" s="137"/>
      <c r="AQ1919" s="137"/>
      <c r="AR1919" s="137"/>
      <c r="AS1919" s="137"/>
      <c r="AT1919" s="137"/>
      <c r="AU1919" s="137"/>
      <c r="AV1919" s="137"/>
      <c r="AW1919" s="144"/>
    </row>
    <row r="1920" spans="7:49" x14ac:dyDescent="0.2">
      <c r="G1920" s="43"/>
      <c r="Z1920" s="143"/>
      <c r="AA1920" s="137"/>
      <c r="AB1920" s="137"/>
      <c r="AC1920" s="137"/>
      <c r="AD1920" s="137"/>
      <c r="AE1920" s="137"/>
      <c r="AF1920" s="137"/>
      <c r="AG1920" s="137"/>
      <c r="AH1920" s="137"/>
      <c r="AI1920" s="137"/>
      <c r="AJ1920" s="137"/>
      <c r="AK1920" s="137"/>
      <c r="AL1920" s="137"/>
      <c r="AM1920" s="137"/>
      <c r="AN1920" s="137"/>
      <c r="AO1920" s="137"/>
      <c r="AP1920" s="137"/>
      <c r="AQ1920" s="137"/>
      <c r="AR1920" s="137"/>
      <c r="AS1920" s="137"/>
      <c r="AT1920" s="137"/>
      <c r="AU1920" s="137"/>
      <c r="AV1920" s="137"/>
      <c r="AW1920" s="144"/>
    </row>
    <row r="1921" spans="7:49" x14ac:dyDescent="0.2">
      <c r="G1921" s="43"/>
      <c r="Z1921" s="143"/>
      <c r="AA1921" s="137"/>
      <c r="AB1921" s="137"/>
      <c r="AC1921" s="137"/>
      <c r="AD1921" s="137"/>
      <c r="AE1921" s="137"/>
      <c r="AF1921" s="137"/>
      <c r="AG1921" s="137"/>
      <c r="AH1921" s="137"/>
      <c r="AI1921" s="137"/>
      <c r="AJ1921" s="137"/>
      <c r="AK1921" s="137"/>
      <c r="AL1921" s="137"/>
      <c r="AM1921" s="137"/>
      <c r="AN1921" s="137"/>
      <c r="AO1921" s="137"/>
      <c r="AP1921" s="137"/>
      <c r="AQ1921" s="137"/>
      <c r="AR1921" s="137"/>
      <c r="AS1921" s="137"/>
      <c r="AT1921" s="137"/>
      <c r="AU1921" s="137"/>
      <c r="AV1921" s="137"/>
      <c r="AW1921" s="144"/>
    </row>
    <row r="1922" spans="7:49" x14ac:dyDescent="0.2">
      <c r="G1922" s="43"/>
      <c r="Z1922" s="143"/>
      <c r="AA1922" s="137"/>
      <c r="AB1922" s="137"/>
      <c r="AC1922" s="137"/>
      <c r="AD1922" s="137"/>
      <c r="AE1922" s="137"/>
      <c r="AF1922" s="137"/>
      <c r="AG1922" s="137"/>
      <c r="AH1922" s="137"/>
      <c r="AI1922" s="137"/>
      <c r="AJ1922" s="137"/>
      <c r="AK1922" s="137"/>
      <c r="AL1922" s="137"/>
      <c r="AM1922" s="137"/>
      <c r="AN1922" s="137"/>
      <c r="AO1922" s="137"/>
      <c r="AP1922" s="137"/>
      <c r="AQ1922" s="137"/>
      <c r="AR1922" s="137"/>
      <c r="AS1922" s="137"/>
      <c r="AT1922" s="137"/>
      <c r="AU1922" s="137"/>
      <c r="AV1922" s="137"/>
      <c r="AW1922" s="144"/>
    </row>
    <row r="1923" spans="7:49" x14ac:dyDescent="0.2">
      <c r="G1923" s="43"/>
      <c r="Z1923" s="143"/>
      <c r="AA1923" s="137"/>
      <c r="AB1923" s="137"/>
      <c r="AC1923" s="137"/>
      <c r="AD1923" s="137"/>
      <c r="AE1923" s="137"/>
      <c r="AF1923" s="137"/>
      <c r="AG1923" s="137"/>
      <c r="AH1923" s="137"/>
      <c r="AI1923" s="137"/>
      <c r="AJ1923" s="137"/>
      <c r="AK1923" s="137"/>
      <c r="AL1923" s="137"/>
      <c r="AM1923" s="137"/>
      <c r="AN1923" s="137"/>
      <c r="AO1923" s="137"/>
      <c r="AP1923" s="137"/>
      <c r="AQ1923" s="137"/>
      <c r="AR1923" s="137"/>
      <c r="AS1923" s="137"/>
      <c r="AT1923" s="137"/>
      <c r="AU1923" s="137"/>
      <c r="AV1923" s="137"/>
      <c r="AW1923" s="144"/>
    </row>
    <row r="1924" spans="7:49" x14ac:dyDescent="0.2">
      <c r="G1924" s="43"/>
      <c r="Z1924" s="143"/>
      <c r="AA1924" s="137"/>
      <c r="AB1924" s="137"/>
      <c r="AC1924" s="137"/>
      <c r="AD1924" s="137"/>
      <c r="AE1924" s="137"/>
      <c r="AF1924" s="137"/>
      <c r="AG1924" s="137"/>
      <c r="AH1924" s="137"/>
      <c r="AI1924" s="137"/>
      <c r="AJ1924" s="137"/>
      <c r="AK1924" s="137"/>
      <c r="AL1924" s="137"/>
      <c r="AM1924" s="137"/>
      <c r="AN1924" s="137"/>
      <c r="AO1924" s="137"/>
      <c r="AP1924" s="137"/>
      <c r="AQ1924" s="137"/>
      <c r="AR1924" s="137"/>
      <c r="AS1924" s="137"/>
      <c r="AT1924" s="137"/>
      <c r="AU1924" s="137"/>
      <c r="AV1924" s="137"/>
      <c r="AW1924" s="144"/>
    </row>
    <row r="1925" spans="7:49" x14ac:dyDescent="0.2">
      <c r="G1925" s="43"/>
      <c r="Z1925" s="143"/>
      <c r="AA1925" s="137"/>
      <c r="AB1925" s="137"/>
      <c r="AC1925" s="137"/>
      <c r="AD1925" s="137"/>
      <c r="AE1925" s="137"/>
      <c r="AF1925" s="137"/>
      <c r="AG1925" s="137"/>
      <c r="AH1925" s="137"/>
      <c r="AI1925" s="137"/>
      <c r="AJ1925" s="137"/>
      <c r="AK1925" s="137"/>
      <c r="AL1925" s="137"/>
      <c r="AM1925" s="137"/>
      <c r="AN1925" s="137"/>
      <c r="AO1925" s="137"/>
      <c r="AP1925" s="137"/>
      <c r="AQ1925" s="137"/>
      <c r="AR1925" s="137"/>
      <c r="AS1925" s="137"/>
      <c r="AT1925" s="137"/>
      <c r="AU1925" s="137"/>
      <c r="AV1925" s="137"/>
      <c r="AW1925" s="144"/>
    </row>
    <row r="1926" spans="7:49" x14ac:dyDescent="0.2">
      <c r="G1926" s="43"/>
      <c r="Z1926" s="143"/>
      <c r="AA1926" s="137"/>
      <c r="AB1926" s="137"/>
      <c r="AC1926" s="137"/>
      <c r="AD1926" s="137"/>
      <c r="AE1926" s="137"/>
      <c r="AF1926" s="137"/>
      <c r="AG1926" s="137"/>
      <c r="AH1926" s="137"/>
      <c r="AI1926" s="137"/>
      <c r="AJ1926" s="137"/>
      <c r="AK1926" s="137"/>
      <c r="AL1926" s="137"/>
      <c r="AM1926" s="137"/>
      <c r="AN1926" s="137"/>
      <c r="AO1926" s="137"/>
      <c r="AP1926" s="137"/>
      <c r="AQ1926" s="137"/>
      <c r="AR1926" s="137"/>
      <c r="AS1926" s="137"/>
      <c r="AT1926" s="137"/>
      <c r="AU1926" s="137"/>
      <c r="AV1926" s="137"/>
      <c r="AW1926" s="144"/>
    </row>
    <row r="1927" spans="7:49" x14ac:dyDescent="0.2">
      <c r="G1927" s="43"/>
      <c r="Z1927" s="143"/>
      <c r="AA1927" s="137"/>
      <c r="AB1927" s="137"/>
      <c r="AC1927" s="137"/>
      <c r="AD1927" s="137"/>
      <c r="AE1927" s="137"/>
      <c r="AF1927" s="137"/>
      <c r="AG1927" s="137"/>
      <c r="AH1927" s="137"/>
      <c r="AI1927" s="137"/>
      <c r="AJ1927" s="137"/>
      <c r="AK1927" s="137"/>
      <c r="AL1927" s="137"/>
      <c r="AM1927" s="137"/>
      <c r="AN1927" s="137"/>
      <c r="AO1927" s="137"/>
      <c r="AP1927" s="137"/>
      <c r="AQ1927" s="137"/>
      <c r="AR1927" s="137"/>
      <c r="AS1927" s="137"/>
      <c r="AT1927" s="137"/>
      <c r="AU1927" s="137"/>
      <c r="AV1927" s="137"/>
      <c r="AW1927" s="144"/>
    </row>
    <row r="1928" spans="7:49" x14ac:dyDescent="0.2">
      <c r="G1928" s="43"/>
      <c r="Z1928" s="143"/>
      <c r="AA1928" s="137"/>
      <c r="AB1928" s="137"/>
      <c r="AC1928" s="137"/>
      <c r="AD1928" s="137"/>
      <c r="AE1928" s="137"/>
      <c r="AF1928" s="137"/>
      <c r="AG1928" s="137"/>
      <c r="AH1928" s="137"/>
      <c r="AI1928" s="137"/>
      <c r="AJ1928" s="137"/>
      <c r="AK1928" s="137"/>
      <c r="AL1928" s="137"/>
      <c r="AM1928" s="137"/>
      <c r="AN1928" s="137"/>
      <c r="AO1928" s="137"/>
      <c r="AP1928" s="137"/>
      <c r="AQ1928" s="137"/>
      <c r="AR1928" s="137"/>
      <c r="AS1928" s="137"/>
      <c r="AT1928" s="137"/>
      <c r="AU1928" s="137"/>
      <c r="AV1928" s="137"/>
      <c r="AW1928" s="144"/>
    </row>
    <row r="1929" spans="7:49" x14ac:dyDescent="0.2">
      <c r="G1929" s="43"/>
      <c r="Z1929" s="143"/>
      <c r="AA1929" s="137"/>
      <c r="AB1929" s="137"/>
      <c r="AC1929" s="137"/>
      <c r="AD1929" s="137"/>
      <c r="AE1929" s="137"/>
      <c r="AF1929" s="137"/>
      <c r="AG1929" s="137"/>
      <c r="AH1929" s="137"/>
      <c r="AI1929" s="137"/>
      <c r="AJ1929" s="137"/>
      <c r="AK1929" s="137"/>
      <c r="AL1929" s="137"/>
      <c r="AM1929" s="137"/>
      <c r="AN1929" s="137"/>
      <c r="AO1929" s="137"/>
      <c r="AP1929" s="137"/>
      <c r="AQ1929" s="137"/>
      <c r="AR1929" s="137"/>
      <c r="AS1929" s="137"/>
      <c r="AT1929" s="137"/>
      <c r="AU1929" s="137"/>
      <c r="AV1929" s="137"/>
      <c r="AW1929" s="144"/>
    </row>
    <row r="1930" spans="7:49" x14ac:dyDescent="0.2">
      <c r="G1930" s="43"/>
      <c r="Z1930" s="143"/>
      <c r="AA1930" s="137"/>
      <c r="AB1930" s="137"/>
      <c r="AC1930" s="137"/>
      <c r="AD1930" s="137"/>
      <c r="AE1930" s="137"/>
      <c r="AF1930" s="137"/>
      <c r="AG1930" s="137"/>
      <c r="AH1930" s="137"/>
      <c r="AI1930" s="137"/>
      <c r="AJ1930" s="137"/>
      <c r="AK1930" s="137"/>
      <c r="AL1930" s="137"/>
      <c r="AM1930" s="137"/>
      <c r="AN1930" s="137"/>
      <c r="AO1930" s="137"/>
      <c r="AP1930" s="137"/>
      <c r="AQ1930" s="137"/>
      <c r="AR1930" s="137"/>
      <c r="AS1930" s="137"/>
      <c r="AT1930" s="137"/>
      <c r="AU1930" s="137"/>
      <c r="AV1930" s="137"/>
      <c r="AW1930" s="144"/>
    </row>
    <row r="1931" spans="7:49" x14ac:dyDescent="0.2">
      <c r="G1931" s="43"/>
      <c r="Z1931" s="143"/>
      <c r="AA1931" s="137"/>
      <c r="AB1931" s="137"/>
      <c r="AC1931" s="137"/>
      <c r="AD1931" s="137"/>
      <c r="AE1931" s="137"/>
      <c r="AF1931" s="137"/>
      <c r="AG1931" s="137"/>
      <c r="AH1931" s="137"/>
      <c r="AI1931" s="137"/>
      <c r="AJ1931" s="137"/>
      <c r="AK1931" s="137"/>
      <c r="AL1931" s="137"/>
      <c r="AM1931" s="137"/>
      <c r="AN1931" s="137"/>
      <c r="AO1931" s="137"/>
      <c r="AP1931" s="137"/>
      <c r="AQ1931" s="137"/>
      <c r="AR1931" s="137"/>
      <c r="AS1931" s="137"/>
      <c r="AT1931" s="137"/>
      <c r="AU1931" s="137"/>
      <c r="AV1931" s="137"/>
      <c r="AW1931" s="144"/>
    </row>
    <row r="1932" spans="7:49" x14ac:dyDescent="0.2">
      <c r="G1932" s="43"/>
      <c r="Z1932" s="143"/>
      <c r="AA1932" s="137"/>
      <c r="AB1932" s="137"/>
      <c r="AC1932" s="137"/>
      <c r="AD1932" s="137"/>
      <c r="AE1932" s="137"/>
      <c r="AF1932" s="137"/>
      <c r="AG1932" s="137"/>
      <c r="AH1932" s="137"/>
      <c r="AI1932" s="137"/>
      <c r="AJ1932" s="137"/>
      <c r="AK1932" s="137"/>
      <c r="AL1932" s="137"/>
      <c r="AM1932" s="137"/>
      <c r="AN1932" s="137"/>
      <c r="AO1932" s="137"/>
      <c r="AP1932" s="137"/>
      <c r="AQ1932" s="137"/>
      <c r="AR1932" s="137"/>
      <c r="AS1932" s="137"/>
      <c r="AT1932" s="137"/>
      <c r="AU1932" s="137"/>
      <c r="AV1932" s="137"/>
      <c r="AW1932" s="144"/>
    </row>
    <row r="1933" spans="7:49" x14ac:dyDescent="0.2">
      <c r="G1933" s="43"/>
      <c r="Z1933" s="143"/>
      <c r="AA1933" s="137"/>
      <c r="AB1933" s="137"/>
      <c r="AC1933" s="137"/>
      <c r="AD1933" s="137"/>
      <c r="AE1933" s="137"/>
      <c r="AF1933" s="137"/>
      <c r="AG1933" s="137"/>
      <c r="AH1933" s="137"/>
      <c r="AI1933" s="137"/>
      <c r="AJ1933" s="137"/>
      <c r="AK1933" s="137"/>
      <c r="AL1933" s="137"/>
      <c r="AM1933" s="137"/>
      <c r="AN1933" s="137"/>
      <c r="AO1933" s="137"/>
      <c r="AP1933" s="137"/>
      <c r="AQ1933" s="137"/>
      <c r="AR1933" s="137"/>
      <c r="AS1933" s="137"/>
      <c r="AT1933" s="137"/>
      <c r="AU1933" s="137"/>
      <c r="AV1933" s="137"/>
      <c r="AW1933" s="144"/>
    </row>
    <row r="1934" spans="7:49" x14ac:dyDescent="0.2">
      <c r="G1934" s="43"/>
      <c r="Z1934" s="143"/>
      <c r="AA1934" s="137"/>
      <c r="AB1934" s="137"/>
      <c r="AC1934" s="137"/>
      <c r="AD1934" s="137"/>
      <c r="AE1934" s="137"/>
      <c r="AF1934" s="137"/>
      <c r="AG1934" s="137"/>
      <c r="AH1934" s="137"/>
      <c r="AI1934" s="137"/>
      <c r="AJ1934" s="137"/>
      <c r="AK1934" s="137"/>
      <c r="AL1934" s="137"/>
      <c r="AM1934" s="137"/>
      <c r="AN1934" s="137"/>
      <c r="AO1934" s="137"/>
      <c r="AP1934" s="137"/>
      <c r="AQ1934" s="137"/>
      <c r="AR1934" s="137"/>
      <c r="AS1934" s="137"/>
      <c r="AT1934" s="137"/>
      <c r="AU1934" s="137"/>
      <c r="AV1934" s="137"/>
      <c r="AW1934" s="144"/>
    </row>
    <row r="1935" spans="7:49" x14ac:dyDescent="0.2">
      <c r="G1935" s="43"/>
      <c r="Z1935" s="143"/>
      <c r="AA1935" s="137"/>
      <c r="AB1935" s="137"/>
      <c r="AC1935" s="137"/>
      <c r="AD1935" s="137"/>
      <c r="AE1935" s="137"/>
      <c r="AF1935" s="137"/>
      <c r="AG1935" s="137"/>
      <c r="AH1935" s="137"/>
      <c r="AI1935" s="137"/>
      <c r="AJ1935" s="137"/>
      <c r="AK1935" s="137"/>
      <c r="AL1935" s="137"/>
      <c r="AM1935" s="137"/>
      <c r="AN1935" s="137"/>
      <c r="AO1935" s="137"/>
      <c r="AP1935" s="137"/>
      <c r="AQ1935" s="137"/>
      <c r="AR1935" s="137"/>
      <c r="AS1935" s="137"/>
      <c r="AT1935" s="137"/>
      <c r="AU1935" s="137"/>
      <c r="AV1935" s="137"/>
      <c r="AW1935" s="144"/>
    </row>
    <row r="1936" spans="7:49" x14ac:dyDescent="0.2">
      <c r="G1936" s="43"/>
      <c r="Z1936" s="143"/>
      <c r="AA1936" s="137"/>
      <c r="AB1936" s="137"/>
      <c r="AC1936" s="137"/>
      <c r="AD1936" s="137"/>
      <c r="AE1936" s="137"/>
      <c r="AF1936" s="137"/>
      <c r="AG1936" s="137"/>
      <c r="AH1936" s="137"/>
      <c r="AI1936" s="137"/>
      <c r="AJ1936" s="137"/>
      <c r="AK1936" s="137"/>
      <c r="AL1936" s="137"/>
      <c r="AM1936" s="137"/>
      <c r="AN1936" s="137"/>
      <c r="AO1936" s="137"/>
      <c r="AP1936" s="137"/>
      <c r="AQ1936" s="137"/>
      <c r="AR1936" s="137"/>
      <c r="AS1936" s="137"/>
      <c r="AT1936" s="137"/>
      <c r="AU1936" s="137"/>
      <c r="AV1936" s="137"/>
      <c r="AW1936" s="144"/>
    </row>
    <row r="1937" spans="7:49" x14ac:dyDescent="0.2">
      <c r="G1937" s="43"/>
      <c r="Z1937" s="143"/>
      <c r="AA1937" s="137"/>
      <c r="AB1937" s="137"/>
      <c r="AC1937" s="137"/>
      <c r="AD1937" s="137"/>
      <c r="AE1937" s="137"/>
      <c r="AF1937" s="137"/>
      <c r="AG1937" s="137"/>
      <c r="AH1937" s="137"/>
      <c r="AI1937" s="137"/>
      <c r="AJ1937" s="137"/>
      <c r="AK1937" s="137"/>
      <c r="AL1937" s="137"/>
      <c r="AM1937" s="137"/>
      <c r="AN1937" s="137"/>
      <c r="AO1937" s="137"/>
      <c r="AP1937" s="137"/>
      <c r="AQ1937" s="137"/>
      <c r="AR1937" s="137"/>
      <c r="AS1937" s="137"/>
      <c r="AT1937" s="137"/>
      <c r="AU1937" s="137"/>
      <c r="AV1937" s="137"/>
      <c r="AW1937" s="144"/>
    </row>
    <row r="1938" spans="7:49" x14ac:dyDescent="0.2">
      <c r="G1938" s="43"/>
      <c r="Z1938" s="143"/>
      <c r="AA1938" s="137"/>
      <c r="AB1938" s="137"/>
      <c r="AC1938" s="137"/>
      <c r="AD1938" s="137"/>
      <c r="AE1938" s="137"/>
      <c r="AF1938" s="137"/>
      <c r="AG1938" s="137"/>
      <c r="AH1938" s="137"/>
      <c r="AI1938" s="137"/>
      <c r="AJ1938" s="137"/>
      <c r="AK1938" s="137"/>
      <c r="AL1938" s="137"/>
      <c r="AM1938" s="137"/>
      <c r="AN1938" s="137"/>
      <c r="AO1938" s="137"/>
      <c r="AP1938" s="137"/>
      <c r="AQ1938" s="137"/>
      <c r="AR1938" s="137"/>
      <c r="AS1938" s="137"/>
      <c r="AT1938" s="137"/>
      <c r="AU1938" s="137"/>
      <c r="AV1938" s="137"/>
      <c r="AW1938" s="144"/>
    </row>
    <row r="1939" spans="7:49" x14ac:dyDescent="0.2">
      <c r="G1939" s="43"/>
      <c r="Z1939" s="143"/>
      <c r="AA1939" s="137"/>
      <c r="AB1939" s="137"/>
      <c r="AC1939" s="137"/>
      <c r="AD1939" s="137"/>
      <c r="AE1939" s="137"/>
      <c r="AF1939" s="137"/>
      <c r="AG1939" s="137"/>
      <c r="AH1939" s="137"/>
      <c r="AI1939" s="137"/>
      <c r="AJ1939" s="137"/>
      <c r="AK1939" s="137"/>
      <c r="AL1939" s="137"/>
      <c r="AM1939" s="137"/>
      <c r="AN1939" s="137"/>
      <c r="AO1939" s="137"/>
      <c r="AP1939" s="137"/>
      <c r="AQ1939" s="137"/>
      <c r="AR1939" s="137"/>
      <c r="AS1939" s="137"/>
      <c r="AT1939" s="137"/>
      <c r="AU1939" s="137"/>
      <c r="AV1939" s="137"/>
      <c r="AW1939" s="144"/>
    </row>
    <row r="1940" spans="7:49" x14ac:dyDescent="0.2">
      <c r="G1940" s="43"/>
      <c r="Z1940" s="143"/>
      <c r="AA1940" s="137"/>
      <c r="AB1940" s="137"/>
      <c r="AC1940" s="137"/>
      <c r="AD1940" s="137"/>
      <c r="AE1940" s="137"/>
      <c r="AF1940" s="137"/>
      <c r="AG1940" s="137"/>
      <c r="AH1940" s="137"/>
      <c r="AI1940" s="137"/>
      <c r="AJ1940" s="137"/>
      <c r="AK1940" s="137"/>
      <c r="AL1940" s="137"/>
      <c r="AM1940" s="137"/>
      <c r="AN1940" s="137"/>
      <c r="AO1940" s="137"/>
      <c r="AP1940" s="137"/>
      <c r="AQ1940" s="137"/>
      <c r="AR1940" s="137"/>
      <c r="AS1940" s="137"/>
      <c r="AT1940" s="137"/>
      <c r="AU1940" s="137"/>
      <c r="AV1940" s="137"/>
      <c r="AW1940" s="144"/>
    </row>
    <row r="1941" spans="7:49" x14ac:dyDescent="0.2">
      <c r="G1941" s="43"/>
      <c r="Z1941" s="143"/>
      <c r="AA1941" s="137"/>
      <c r="AB1941" s="137"/>
      <c r="AC1941" s="137"/>
      <c r="AD1941" s="137"/>
      <c r="AE1941" s="137"/>
      <c r="AF1941" s="137"/>
      <c r="AG1941" s="137"/>
      <c r="AH1941" s="137"/>
      <c r="AI1941" s="137"/>
      <c r="AJ1941" s="137"/>
      <c r="AK1941" s="137"/>
      <c r="AL1941" s="137"/>
      <c r="AM1941" s="137"/>
      <c r="AN1941" s="137"/>
      <c r="AO1941" s="137"/>
      <c r="AP1941" s="137"/>
      <c r="AQ1941" s="137"/>
      <c r="AR1941" s="137"/>
      <c r="AS1941" s="137"/>
      <c r="AT1941" s="137"/>
      <c r="AU1941" s="137"/>
      <c r="AV1941" s="137"/>
      <c r="AW1941" s="144"/>
    </row>
    <row r="1942" spans="7:49" x14ac:dyDescent="0.2">
      <c r="G1942" s="43"/>
      <c r="Z1942" s="143"/>
      <c r="AA1942" s="137"/>
      <c r="AB1942" s="137"/>
      <c r="AC1942" s="137"/>
      <c r="AD1942" s="137"/>
      <c r="AE1942" s="137"/>
      <c r="AF1942" s="137"/>
      <c r="AG1942" s="137"/>
      <c r="AH1942" s="137"/>
      <c r="AI1942" s="137"/>
      <c r="AJ1942" s="137"/>
      <c r="AK1942" s="137"/>
      <c r="AL1942" s="137"/>
      <c r="AM1942" s="137"/>
      <c r="AN1942" s="137"/>
      <c r="AO1942" s="137"/>
      <c r="AP1942" s="137"/>
      <c r="AQ1942" s="137"/>
      <c r="AR1942" s="137"/>
      <c r="AS1942" s="137"/>
      <c r="AT1942" s="137"/>
      <c r="AU1942" s="137"/>
      <c r="AV1942" s="137"/>
      <c r="AW1942" s="144"/>
    </row>
    <row r="1943" spans="7:49" x14ac:dyDescent="0.2">
      <c r="G1943" s="43"/>
      <c r="Z1943" s="143"/>
      <c r="AA1943" s="137"/>
      <c r="AB1943" s="137"/>
      <c r="AC1943" s="137"/>
      <c r="AD1943" s="137"/>
      <c r="AE1943" s="137"/>
      <c r="AF1943" s="137"/>
      <c r="AG1943" s="137"/>
      <c r="AH1943" s="137"/>
      <c r="AI1943" s="137"/>
      <c r="AJ1943" s="137"/>
      <c r="AK1943" s="137"/>
      <c r="AL1943" s="137"/>
      <c r="AM1943" s="137"/>
      <c r="AN1943" s="137"/>
      <c r="AO1943" s="137"/>
      <c r="AP1943" s="137"/>
      <c r="AQ1943" s="137"/>
      <c r="AR1943" s="137"/>
      <c r="AS1943" s="137"/>
      <c r="AT1943" s="137"/>
      <c r="AU1943" s="137"/>
      <c r="AV1943" s="137"/>
      <c r="AW1943" s="144"/>
    </row>
    <row r="1944" spans="7:49" x14ac:dyDescent="0.2">
      <c r="G1944" s="43"/>
      <c r="Z1944" s="143"/>
      <c r="AA1944" s="137"/>
      <c r="AB1944" s="137"/>
      <c r="AC1944" s="137"/>
      <c r="AD1944" s="137"/>
      <c r="AE1944" s="137"/>
      <c r="AF1944" s="137"/>
      <c r="AG1944" s="137"/>
      <c r="AH1944" s="137"/>
      <c r="AI1944" s="137"/>
      <c r="AJ1944" s="137"/>
      <c r="AK1944" s="137"/>
      <c r="AL1944" s="137"/>
      <c r="AM1944" s="137"/>
      <c r="AN1944" s="137"/>
      <c r="AO1944" s="137"/>
      <c r="AP1944" s="137"/>
      <c r="AQ1944" s="137"/>
      <c r="AR1944" s="137"/>
      <c r="AS1944" s="137"/>
      <c r="AT1944" s="137"/>
      <c r="AU1944" s="137"/>
      <c r="AV1944" s="137"/>
      <c r="AW1944" s="144"/>
    </row>
    <row r="1945" spans="7:49" x14ac:dyDescent="0.2">
      <c r="G1945" s="43"/>
      <c r="Z1945" s="143"/>
      <c r="AA1945" s="137"/>
      <c r="AB1945" s="137"/>
      <c r="AC1945" s="137"/>
      <c r="AD1945" s="137"/>
      <c r="AE1945" s="137"/>
      <c r="AF1945" s="137"/>
      <c r="AG1945" s="137"/>
      <c r="AH1945" s="137"/>
      <c r="AI1945" s="137"/>
      <c r="AJ1945" s="137"/>
      <c r="AK1945" s="137"/>
      <c r="AL1945" s="137"/>
      <c r="AM1945" s="137"/>
      <c r="AN1945" s="137"/>
      <c r="AO1945" s="137"/>
      <c r="AP1945" s="137"/>
      <c r="AQ1945" s="137"/>
      <c r="AR1945" s="137"/>
      <c r="AS1945" s="137"/>
      <c r="AT1945" s="137"/>
      <c r="AU1945" s="137"/>
      <c r="AV1945" s="137"/>
      <c r="AW1945" s="144"/>
    </row>
    <row r="1946" spans="7:49" x14ac:dyDescent="0.2">
      <c r="G1946" s="43"/>
      <c r="Z1946" s="143"/>
      <c r="AA1946" s="137"/>
      <c r="AB1946" s="137"/>
      <c r="AC1946" s="137"/>
      <c r="AD1946" s="137"/>
      <c r="AE1946" s="137"/>
      <c r="AF1946" s="137"/>
      <c r="AG1946" s="137"/>
      <c r="AH1946" s="137"/>
      <c r="AI1946" s="137"/>
      <c r="AJ1946" s="137"/>
      <c r="AK1946" s="137"/>
      <c r="AL1946" s="137"/>
      <c r="AM1946" s="137"/>
      <c r="AN1946" s="137"/>
      <c r="AO1946" s="137"/>
      <c r="AP1946" s="137"/>
      <c r="AQ1946" s="137"/>
      <c r="AR1946" s="137"/>
      <c r="AS1946" s="137"/>
      <c r="AT1946" s="137"/>
      <c r="AU1946" s="137"/>
      <c r="AV1946" s="137"/>
      <c r="AW1946" s="144"/>
    </row>
    <row r="1947" spans="7:49" x14ac:dyDescent="0.2">
      <c r="G1947" s="43"/>
      <c r="Z1947" s="143"/>
      <c r="AA1947" s="137"/>
      <c r="AB1947" s="137"/>
      <c r="AC1947" s="137"/>
      <c r="AD1947" s="137"/>
      <c r="AE1947" s="137"/>
      <c r="AF1947" s="137"/>
      <c r="AG1947" s="137"/>
      <c r="AH1947" s="137"/>
      <c r="AI1947" s="137"/>
      <c r="AJ1947" s="137"/>
      <c r="AK1947" s="137"/>
      <c r="AL1947" s="137"/>
      <c r="AM1947" s="137"/>
      <c r="AN1947" s="137"/>
      <c r="AO1947" s="137"/>
      <c r="AP1947" s="137"/>
      <c r="AQ1947" s="137"/>
      <c r="AR1947" s="137"/>
      <c r="AS1947" s="137"/>
      <c r="AT1947" s="137"/>
      <c r="AU1947" s="137"/>
      <c r="AV1947" s="137"/>
      <c r="AW1947" s="144"/>
    </row>
    <row r="1948" spans="7:49" x14ac:dyDescent="0.2">
      <c r="G1948" s="43"/>
      <c r="Z1948" s="143"/>
      <c r="AA1948" s="137"/>
      <c r="AB1948" s="137"/>
      <c r="AC1948" s="137"/>
      <c r="AD1948" s="137"/>
      <c r="AE1948" s="137"/>
      <c r="AF1948" s="137"/>
      <c r="AG1948" s="137"/>
      <c r="AH1948" s="137"/>
      <c r="AI1948" s="137"/>
      <c r="AJ1948" s="137"/>
      <c r="AK1948" s="137"/>
      <c r="AL1948" s="137"/>
      <c r="AM1948" s="137"/>
      <c r="AN1948" s="137"/>
      <c r="AO1948" s="137"/>
      <c r="AP1948" s="137"/>
      <c r="AQ1948" s="137"/>
      <c r="AR1948" s="137"/>
      <c r="AS1948" s="137"/>
      <c r="AT1948" s="137"/>
      <c r="AU1948" s="137"/>
      <c r="AV1948" s="137"/>
      <c r="AW1948" s="144"/>
    </row>
    <row r="1949" spans="7:49" x14ac:dyDescent="0.2">
      <c r="G1949" s="43"/>
      <c r="Z1949" s="143"/>
      <c r="AA1949" s="137"/>
      <c r="AB1949" s="137"/>
      <c r="AC1949" s="137"/>
      <c r="AD1949" s="137"/>
      <c r="AE1949" s="137"/>
      <c r="AF1949" s="137"/>
      <c r="AG1949" s="137"/>
      <c r="AH1949" s="137"/>
      <c r="AI1949" s="137"/>
      <c r="AJ1949" s="137"/>
      <c r="AK1949" s="137"/>
      <c r="AL1949" s="137"/>
      <c r="AM1949" s="137"/>
      <c r="AN1949" s="137"/>
      <c r="AO1949" s="137"/>
      <c r="AP1949" s="137"/>
      <c r="AQ1949" s="137"/>
      <c r="AR1949" s="137"/>
      <c r="AS1949" s="137"/>
      <c r="AT1949" s="137"/>
      <c r="AU1949" s="137"/>
      <c r="AV1949" s="137"/>
      <c r="AW1949" s="144"/>
    </row>
    <row r="1950" spans="7:49" x14ac:dyDescent="0.2">
      <c r="G1950" s="43"/>
      <c r="Z1950" s="143"/>
      <c r="AA1950" s="137"/>
      <c r="AB1950" s="137"/>
      <c r="AC1950" s="137"/>
      <c r="AD1950" s="137"/>
      <c r="AE1950" s="137"/>
      <c r="AF1950" s="137"/>
      <c r="AG1950" s="137"/>
      <c r="AH1950" s="137"/>
      <c r="AI1950" s="137"/>
      <c r="AJ1950" s="137"/>
      <c r="AK1950" s="137"/>
      <c r="AL1950" s="137"/>
      <c r="AM1950" s="137"/>
      <c r="AN1950" s="137"/>
      <c r="AO1950" s="137"/>
      <c r="AP1950" s="137"/>
      <c r="AQ1950" s="137"/>
      <c r="AR1950" s="137"/>
      <c r="AS1950" s="137"/>
      <c r="AT1950" s="137"/>
      <c r="AU1950" s="137"/>
      <c r="AV1950" s="137"/>
      <c r="AW1950" s="144"/>
    </row>
    <row r="1951" spans="7:49" x14ac:dyDescent="0.2">
      <c r="G1951" s="43"/>
      <c r="Z1951" s="143"/>
      <c r="AA1951" s="137"/>
      <c r="AB1951" s="137"/>
      <c r="AC1951" s="137"/>
      <c r="AD1951" s="137"/>
      <c r="AE1951" s="137"/>
      <c r="AF1951" s="137"/>
      <c r="AG1951" s="137"/>
      <c r="AH1951" s="137"/>
      <c r="AI1951" s="137"/>
      <c r="AJ1951" s="137"/>
      <c r="AK1951" s="137"/>
      <c r="AL1951" s="137"/>
      <c r="AM1951" s="137"/>
      <c r="AN1951" s="137"/>
      <c r="AO1951" s="137"/>
      <c r="AP1951" s="137"/>
      <c r="AQ1951" s="137"/>
      <c r="AR1951" s="137"/>
      <c r="AS1951" s="137"/>
      <c r="AT1951" s="137"/>
      <c r="AU1951" s="137"/>
      <c r="AV1951" s="137"/>
      <c r="AW1951" s="144"/>
    </row>
    <row r="1952" spans="7:49" x14ac:dyDescent="0.2">
      <c r="G1952" s="43"/>
      <c r="Z1952" s="143"/>
      <c r="AA1952" s="137"/>
      <c r="AB1952" s="137"/>
      <c r="AC1952" s="137"/>
      <c r="AD1952" s="137"/>
      <c r="AE1952" s="137"/>
      <c r="AF1952" s="137"/>
      <c r="AG1952" s="137"/>
      <c r="AH1952" s="137"/>
      <c r="AI1952" s="137"/>
      <c r="AJ1952" s="137"/>
      <c r="AK1952" s="137"/>
      <c r="AL1952" s="137"/>
      <c r="AM1952" s="137"/>
      <c r="AN1952" s="137"/>
      <c r="AO1952" s="137"/>
      <c r="AP1952" s="137"/>
      <c r="AQ1952" s="137"/>
      <c r="AR1952" s="137"/>
      <c r="AS1952" s="137"/>
      <c r="AT1952" s="137"/>
      <c r="AU1952" s="137"/>
      <c r="AV1952" s="137"/>
      <c r="AW1952" s="144"/>
    </row>
    <row r="1953" spans="7:49" x14ac:dyDescent="0.2">
      <c r="G1953" s="43"/>
      <c r="Z1953" s="143"/>
      <c r="AA1953" s="137"/>
      <c r="AB1953" s="137"/>
      <c r="AC1953" s="137"/>
      <c r="AD1953" s="137"/>
      <c r="AE1953" s="137"/>
      <c r="AF1953" s="137"/>
      <c r="AG1953" s="137"/>
      <c r="AH1953" s="137"/>
      <c r="AI1953" s="137"/>
      <c r="AJ1953" s="137"/>
      <c r="AK1953" s="137"/>
      <c r="AL1953" s="137"/>
      <c r="AM1953" s="137"/>
      <c r="AN1953" s="137"/>
      <c r="AO1953" s="137"/>
      <c r="AP1953" s="137"/>
      <c r="AQ1953" s="137"/>
      <c r="AR1953" s="137"/>
      <c r="AS1953" s="137"/>
      <c r="AT1953" s="137"/>
      <c r="AU1953" s="137"/>
      <c r="AV1953" s="137"/>
      <c r="AW1953" s="144"/>
    </row>
    <row r="1954" spans="7:49" x14ac:dyDescent="0.2">
      <c r="G1954" s="43"/>
      <c r="Z1954" s="143"/>
      <c r="AA1954" s="137"/>
      <c r="AB1954" s="137"/>
      <c r="AC1954" s="137"/>
      <c r="AD1954" s="137"/>
      <c r="AE1954" s="137"/>
      <c r="AF1954" s="137"/>
      <c r="AG1954" s="137"/>
      <c r="AH1954" s="137"/>
      <c r="AI1954" s="137"/>
      <c r="AJ1954" s="137"/>
      <c r="AK1954" s="137"/>
      <c r="AL1954" s="137"/>
      <c r="AM1954" s="137"/>
      <c r="AN1954" s="137"/>
      <c r="AO1954" s="137"/>
      <c r="AP1954" s="137"/>
      <c r="AQ1954" s="137"/>
      <c r="AR1954" s="137"/>
      <c r="AS1954" s="137"/>
      <c r="AT1954" s="137"/>
      <c r="AU1954" s="137"/>
      <c r="AV1954" s="137"/>
      <c r="AW1954" s="144"/>
    </row>
    <row r="1955" spans="7:49" x14ac:dyDescent="0.2">
      <c r="G1955" s="43"/>
      <c r="Z1955" s="143"/>
      <c r="AA1955" s="137"/>
      <c r="AB1955" s="137"/>
      <c r="AC1955" s="137"/>
      <c r="AD1955" s="137"/>
      <c r="AE1955" s="137"/>
      <c r="AF1955" s="137"/>
      <c r="AG1955" s="137"/>
      <c r="AH1955" s="137"/>
      <c r="AI1955" s="137"/>
      <c r="AJ1955" s="137"/>
      <c r="AK1955" s="137"/>
      <c r="AL1955" s="137"/>
      <c r="AM1955" s="137"/>
      <c r="AN1955" s="137"/>
      <c r="AO1955" s="137"/>
      <c r="AP1955" s="137"/>
      <c r="AQ1955" s="137"/>
      <c r="AR1955" s="137"/>
      <c r="AS1955" s="137"/>
      <c r="AT1955" s="137"/>
      <c r="AU1955" s="137"/>
      <c r="AV1955" s="137"/>
      <c r="AW1955" s="144"/>
    </row>
    <row r="1956" spans="7:49" x14ac:dyDescent="0.2">
      <c r="G1956" s="43"/>
      <c r="Z1956" s="143"/>
      <c r="AA1956" s="137"/>
      <c r="AB1956" s="137"/>
      <c r="AC1956" s="137"/>
      <c r="AD1956" s="137"/>
      <c r="AE1956" s="137"/>
      <c r="AF1956" s="137"/>
      <c r="AG1956" s="137"/>
      <c r="AH1956" s="137"/>
      <c r="AI1956" s="137"/>
      <c r="AJ1956" s="137"/>
      <c r="AK1956" s="137"/>
      <c r="AL1956" s="137"/>
      <c r="AM1956" s="137"/>
      <c r="AN1956" s="137"/>
      <c r="AO1956" s="137"/>
      <c r="AP1956" s="137"/>
      <c r="AQ1956" s="137"/>
      <c r="AR1956" s="137"/>
      <c r="AS1956" s="137"/>
      <c r="AT1956" s="137"/>
      <c r="AU1956" s="137"/>
      <c r="AV1956" s="137"/>
      <c r="AW1956" s="144"/>
    </row>
    <row r="1957" spans="7:49" x14ac:dyDescent="0.2">
      <c r="G1957" s="43"/>
      <c r="Z1957" s="143"/>
      <c r="AA1957" s="137"/>
      <c r="AB1957" s="137"/>
      <c r="AC1957" s="137"/>
      <c r="AD1957" s="137"/>
      <c r="AE1957" s="137"/>
      <c r="AF1957" s="137"/>
      <c r="AG1957" s="137"/>
      <c r="AH1957" s="137"/>
      <c r="AI1957" s="137"/>
      <c r="AJ1957" s="137"/>
      <c r="AK1957" s="137"/>
      <c r="AL1957" s="137"/>
      <c r="AM1957" s="137"/>
      <c r="AN1957" s="137"/>
      <c r="AO1957" s="137"/>
      <c r="AP1957" s="137"/>
      <c r="AQ1957" s="137"/>
      <c r="AR1957" s="137"/>
      <c r="AS1957" s="137"/>
      <c r="AT1957" s="137"/>
      <c r="AU1957" s="137"/>
      <c r="AV1957" s="137"/>
      <c r="AW1957" s="144"/>
    </row>
    <row r="1958" spans="7:49" x14ac:dyDescent="0.2">
      <c r="G1958" s="43"/>
      <c r="Z1958" s="143"/>
      <c r="AA1958" s="137"/>
      <c r="AB1958" s="137"/>
      <c r="AC1958" s="137"/>
      <c r="AD1958" s="137"/>
      <c r="AE1958" s="137"/>
      <c r="AF1958" s="137"/>
      <c r="AG1958" s="137"/>
      <c r="AH1958" s="137"/>
      <c r="AI1958" s="137"/>
      <c r="AJ1958" s="137"/>
      <c r="AK1958" s="137"/>
      <c r="AL1958" s="137"/>
      <c r="AM1958" s="137"/>
      <c r="AN1958" s="137"/>
      <c r="AO1958" s="137"/>
      <c r="AP1958" s="137"/>
      <c r="AQ1958" s="137"/>
      <c r="AR1958" s="137"/>
      <c r="AS1958" s="137"/>
      <c r="AT1958" s="137"/>
      <c r="AU1958" s="137"/>
      <c r="AV1958" s="137"/>
      <c r="AW1958" s="144"/>
    </row>
    <row r="1959" spans="7:49" x14ac:dyDescent="0.2">
      <c r="G1959" s="43"/>
      <c r="Z1959" s="143"/>
      <c r="AA1959" s="137"/>
      <c r="AB1959" s="137"/>
      <c r="AC1959" s="137"/>
      <c r="AD1959" s="137"/>
      <c r="AE1959" s="137"/>
      <c r="AF1959" s="137"/>
      <c r="AG1959" s="137"/>
      <c r="AH1959" s="137"/>
      <c r="AI1959" s="137"/>
      <c r="AJ1959" s="137"/>
      <c r="AK1959" s="137"/>
      <c r="AL1959" s="137"/>
      <c r="AM1959" s="137"/>
      <c r="AN1959" s="137"/>
      <c r="AO1959" s="137"/>
      <c r="AP1959" s="137"/>
      <c r="AQ1959" s="137"/>
      <c r="AR1959" s="137"/>
      <c r="AS1959" s="137"/>
      <c r="AT1959" s="137"/>
      <c r="AU1959" s="137"/>
      <c r="AV1959" s="137"/>
      <c r="AW1959" s="144"/>
    </row>
    <row r="1960" spans="7:49" x14ac:dyDescent="0.2">
      <c r="G1960" s="43"/>
      <c r="Z1960" s="143"/>
      <c r="AA1960" s="137"/>
      <c r="AB1960" s="137"/>
      <c r="AC1960" s="137"/>
      <c r="AD1960" s="137"/>
      <c r="AE1960" s="137"/>
      <c r="AF1960" s="137"/>
      <c r="AG1960" s="137"/>
      <c r="AH1960" s="137"/>
      <c r="AI1960" s="137"/>
      <c r="AJ1960" s="137"/>
      <c r="AK1960" s="137"/>
      <c r="AL1960" s="137"/>
      <c r="AM1960" s="137"/>
      <c r="AN1960" s="137"/>
      <c r="AO1960" s="137"/>
      <c r="AP1960" s="137"/>
      <c r="AQ1960" s="137"/>
      <c r="AR1960" s="137"/>
      <c r="AS1960" s="137"/>
      <c r="AT1960" s="137"/>
      <c r="AU1960" s="137"/>
      <c r="AV1960" s="137"/>
      <c r="AW1960" s="144"/>
    </row>
    <row r="1961" spans="7:49" x14ac:dyDescent="0.2">
      <c r="G1961" s="43"/>
      <c r="Z1961" s="143"/>
      <c r="AA1961" s="137"/>
      <c r="AB1961" s="137"/>
      <c r="AC1961" s="137"/>
      <c r="AD1961" s="137"/>
      <c r="AE1961" s="137"/>
      <c r="AF1961" s="137"/>
      <c r="AG1961" s="137"/>
      <c r="AH1961" s="137"/>
      <c r="AI1961" s="137"/>
      <c r="AJ1961" s="137"/>
      <c r="AK1961" s="137"/>
      <c r="AL1961" s="137"/>
      <c r="AM1961" s="137"/>
      <c r="AN1961" s="137"/>
      <c r="AO1961" s="137"/>
      <c r="AP1961" s="137"/>
      <c r="AQ1961" s="137"/>
      <c r="AR1961" s="137"/>
      <c r="AS1961" s="137"/>
      <c r="AT1961" s="137"/>
      <c r="AU1961" s="137"/>
      <c r="AV1961" s="137"/>
      <c r="AW1961" s="144"/>
    </row>
    <row r="1962" spans="7:49" x14ac:dyDescent="0.2">
      <c r="G1962" s="43"/>
      <c r="Z1962" s="143"/>
      <c r="AA1962" s="137"/>
      <c r="AB1962" s="137"/>
      <c r="AC1962" s="137"/>
      <c r="AD1962" s="137"/>
      <c r="AE1962" s="137"/>
      <c r="AF1962" s="137"/>
      <c r="AG1962" s="137"/>
      <c r="AH1962" s="137"/>
      <c r="AI1962" s="137"/>
      <c r="AJ1962" s="137"/>
      <c r="AK1962" s="137"/>
      <c r="AL1962" s="137"/>
      <c r="AM1962" s="137"/>
      <c r="AN1962" s="137"/>
      <c r="AO1962" s="137"/>
      <c r="AP1962" s="137"/>
      <c r="AQ1962" s="137"/>
      <c r="AR1962" s="137"/>
      <c r="AS1962" s="137"/>
      <c r="AT1962" s="137"/>
      <c r="AU1962" s="137"/>
      <c r="AV1962" s="137"/>
      <c r="AW1962" s="144"/>
    </row>
    <row r="1963" spans="7:49" x14ac:dyDescent="0.2">
      <c r="G1963" s="43"/>
      <c r="Z1963" s="143"/>
      <c r="AA1963" s="137"/>
      <c r="AB1963" s="137"/>
      <c r="AC1963" s="137"/>
      <c r="AD1963" s="137"/>
      <c r="AE1963" s="137"/>
      <c r="AF1963" s="137"/>
      <c r="AG1963" s="137"/>
      <c r="AH1963" s="137"/>
      <c r="AI1963" s="137"/>
      <c r="AJ1963" s="137"/>
      <c r="AK1963" s="137"/>
      <c r="AL1963" s="137"/>
      <c r="AM1963" s="137"/>
      <c r="AN1963" s="137"/>
      <c r="AO1963" s="137"/>
      <c r="AP1963" s="137"/>
      <c r="AQ1963" s="137"/>
      <c r="AR1963" s="137"/>
      <c r="AS1963" s="137"/>
      <c r="AT1963" s="137"/>
      <c r="AU1963" s="137"/>
      <c r="AV1963" s="137"/>
      <c r="AW1963" s="144"/>
    </row>
    <row r="1964" spans="7:49" x14ac:dyDescent="0.2">
      <c r="G1964" s="43"/>
      <c r="Z1964" s="143"/>
      <c r="AA1964" s="137"/>
      <c r="AB1964" s="137"/>
      <c r="AC1964" s="137"/>
      <c r="AD1964" s="137"/>
      <c r="AE1964" s="137"/>
      <c r="AF1964" s="137"/>
      <c r="AG1964" s="137"/>
      <c r="AH1964" s="137"/>
      <c r="AI1964" s="137"/>
      <c r="AJ1964" s="137"/>
      <c r="AK1964" s="137"/>
      <c r="AL1964" s="137"/>
      <c r="AM1964" s="137"/>
      <c r="AN1964" s="137"/>
      <c r="AO1964" s="137"/>
      <c r="AP1964" s="137"/>
      <c r="AQ1964" s="137"/>
      <c r="AR1964" s="137"/>
      <c r="AS1964" s="137"/>
      <c r="AT1964" s="137"/>
      <c r="AU1964" s="137"/>
      <c r="AV1964" s="137"/>
      <c r="AW1964" s="144"/>
    </row>
    <row r="1965" spans="7:49" x14ac:dyDescent="0.2">
      <c r="G1965" s="43"/>
      <c r="Z1965" s="143"/>
      <c r="AA1965" s="137"/>
      <c r="AB1965" s="137"/>
      <c r="AC1965" s="137"/>
      <c r="AD1965" s="137"/>
      <c r="AE1965" s="137"/>
      <c r="AF1965" s="137"/>
      <c r="AG1965" s="137"/>
      <c r="AH1965" s="137"/>
      <c r="AI1965" s="137"/>
      <c r="AJ1965" s="137"/>
      <c r="AK1965" s="137"/>
      <c r="AL1965" s="137"/>
      <c r="AM1965" s="137"/>
      <c r="AN1965" s="137"/>
      <c r="AO1965" s="137"/>
      <c r="AP1965" s="137"/>
      <c r="AQ1965" s="137"/>
      <c r="AR1965" s="137"/>
      <c r="AS1965" s="137"/>
      <c r="AT1965" s="137"/>
      <c r="AU1965" s="137"/>
      <c r="AV1965" s="137"/>
      <c r="AW1965" s="144"/>
    </row>
    <row r="1966" spans="7:49" x14ac:dyDescent="0.2">
      <c r="G1966" s="43"/>
      <c r="Z1966" s="143"/>
      <c r="AA1966" s="137"/>
      <c r="AB1966" s="137"/>
      <c r="AC1966" s="137"/>
      <c r="AD1966" s="137"/>
      <c r="AE1966" s="137"/>
      <c r="AF1966" s="137"/>
      <c r="AG1966" s="137"/>
      <c r="AH1966" s="137"/>
      <c r="AI1966" s="137"/>
      <c r="AJ1966" s="137"/>
      <c r="AK1966" s="137"/>
      <c r="AL1966" s="137"/>
      <c r="AM1966" s="137"/>
      <c r="AN1966" s="137"/>
      <c r="AO1966" s="137"/>
      <c r="AP1966" s="137"/>
      <c r="AQ1966" s="137"/>
      <c r="AR1966" s="137"/>
      <c r="AS1966" s="137"/>
      <c r="AT1966" s="137"/>
      <c r="AU1966" s="137"/>
      <c r="AV1966" s="137"/>
      <c r="AW1966" s="144"/>
    </row>
    <row r="1967" spans="7:49" x14ac:dyDescent="0.2">
      <c r="G1967" s="43"/>
      <c r="Z1967" s="143"/>
      <c r="AA1967" s="137"/>
      <c r="AB1967" s="137"/>
      <c r="AC1967" s="137"/>
      <c r="AD1967" s="137"/>
      <c r="AE1967" s="137"/>
      <c r="AF1967" s="137"/>
      <c r="AG1967" s="137"/>
      <c r="AH1967" s="137"/>
      <c r="AI1967" s="137"/>
      <c r="AJ1967" s="137"/>
      <c r="AK1967" s="137"/>
      <c r="AL1967" s="137"/>
      <c r="AM1967" s="137"/>
      <c r="AN1967" s="137"/>
      <c r="AO1967" s="137"/>
      <c r="AP1967" s="137"/>
      <c r="AQ1967" s="137"/>
      <c r="AR1967" s="137"/>
      <c r="AS1967" s="137"/>
      <c r="AT1967" s="137"/>
      <c r="AU1967" s="137"/>
      <c r="AV1967" s="137"/>
      <c r="AW1967" s="144"/>
    </row>
    <row r="1968" spans="7:49" x14ac:dyDescent="0.2">
      <c r="G1968" s="43"/>
      <c r="Z1968" s="143"/>
      <c r="AA1968" s="137"/>
      <c r="AB1968" s="137"/>
      <c r="AC1968" s="137"/>
      <c r="AD1968" s="137"/>
      <c r="AE1968" s="137"/>
      <c r="AF1968" s="137"/>
      <c r="AG1968" s="137"/>
      <c r="AH1968" s="137"/>
      <c r="AI1968" s="137"/>
      <c r="AJ1968" s="137"/>
      <c r="AK1968" s="137"/>
      <c r="AL1968" s="137"/>
      <c r="AM1968" s="137"/>
      <c r="AN1968" s="137"/>
      <c r="AO1968" s="137"/>
      <c r="AP1968" s="137"/>
      <c r="AQ1968" s="137"/>
      <c r="AR1968" s="137"/>
      <c r="AS1968" s="137"/>
      <c r="AT1968" s="137"/>
      <c r="AU1968" s="137"/>
      <c r="AV1968" s="137"/>
      <c r="AW1968" s="144"/>
    </row>
    <row r="1969" spans="7:49" x14ac:dyDescent="0.2">
      <c r="G1969" s="43"/>
      <c r="Z1969" s="143"/>
      <c r="AA1969" s="137"/>
      <c r="AB1969" s="137"/>
      <c r="AC1969" s="137"/>
      <c r="AD1969" s="137"/>
      <c r="AE1969" s="137"/>
      <c r="AF1969" s="137"/>
      <c r="AG1969" s="137"/>
      <c r="AH1969" s="137"/>
      <c r="AI1969" s="137"/>
      <c r="AJ1969" s="137"/>
      <c r="AK1969" s="137"/>
      <c r="AL1969" s="137"/>
      <c r="AM1969" s="137"/>
      <c r="AN1969" s="137"/>
      <c r="AO1969" s="137"/>
      <c r="AP1969" s="137"/>
      <c r="AQ1969" s="137"/>
      <c r="AR1969" s="137"/>
      <c r="AS1969" s="137"/>
      <c r="AT1969" s="137"/>
      <c r="AU1969" s="137"/>
      <c r="AV1969" s="137"/>
      <c r="AW1969" s="144"/>
    </row>
    <row r="1970" spans="7:49" x14ac:dyDescent="0.2">
      <c r="G1970" s="43"/>
      <c r="Z1970" s="143"/>
      <c r="AA1970" s="137"/>
      <c r="AB1970" s="137"/>
      <c r="AC1970" s="137"/>
      <c r="AD1970" s="137"/>
      <c r="AE1970" s="137"/>
      <c r="AF1970" s="137"/>
      <c r="AG1970" s="137"/>
      <c r="AH1970" s="137"/>
      <c r="AI1970" s="137"/>
      <c r="AJ1970" s="137"/>
      <c r="AK1970" s="137"/>
      <c r="AL1970" s="137"/>
      <c r="AM1970" s="137"/>
      <c r="AN1970" s="137"/>
      <c r="AO1970" s="137"/>
      <c r="AP1970" s="137"/>
      <c r="AQ1970" s="137"/>
      <c r="AR1970" s="137"/>
      <c r="AS1970" s="137"/>
      <c r="AT1970" s="137"/>
      <c r="AU1970" s="137"/>
      <c r="AV1970" s="137"/>
      <c r="AW1970" s="144"/>
    </row>
    <row r="1971" spans="7:49" x14ac:dyDescent="0.2">
      <c r="G1971" s="43"/>
      <c r="Z1971" s="143"/>
      <c r="AA1971" s="137"/>
      <c r="AB1971" s="137"/>
      <c r="AC1971" s="137"/>
      <c r="AD1971" s="137"/>
      <c r="AE1971" s="137"/>
      <c r="AF1971" s="137"/>
      <c r="AG1971" s="137"/>
      <c r="AH1971" s="137"/>
      <c r="AI1971" s="137"/>
      <c r="AJ1971" s="137"/>
      <c r="AK1971" s="137"/>
      <c r="AL1971" s="137"/>
      <c r="AM1971" s="137"/>
      <c r="AN1971" s="137"/>
      <c r="AO1971" s="137"/>
      <c r="AP1971" s="137"/>
      <c r="AQ1971" s="137"/>
      <c r="AR1971" s="137"/>
      <c r="AS1971" s="137"/>
      <c r="AT1971" s="137"/>
      <c r="AU1971" s="137"/>
      <c r="AV1971" s="137"/>
      <c r="AW1971" s="144"/>
    </row>
    <row r="1972" spans="7:49" x14ac:dyDescent="0.2">
      <c r="G1972" s="43"/>
      <c r="Z1972" s="143"/>
      <c r="AA1972" s="137"/>
      <c r="AB1972" s="137"/>
      <c r="AC1972" s="137"/>
      <c r="AD1972" s="137"/>
      <c r="AE1972" s="137"/>
      <c r="AF1972" s="137"/>
      <c r="AG1972" s="137"/>
      <c r="AH1972" s="137"/>
      <c r="AI1972" s="137"/>
      <c r="AJ1972" s="137"/>
      <c r="AK1972" s="137"/>
      <c r="AL1972" s="137"/>
      <c r="AM1972" s="137"/>
      <c r="AN1972" s="137"/>
      <c r="AO1972" s="137"/>
      <c r="AP1972" s="137"/>
      <c r="AQ1972" s="137"/>
      <c r="AR1972" s="137"/>
      <c r="AS1972" s="137"/>
      <c r="AT1972" s="137"/>
      <c r="AU1972" s="137"/>
      <c r="AV1972" s="137"/>
      <c r="AW1972" s="144"/>
    </row>
    <row r="1973" spans="7:49" x14ac:dyDescent="0.2">
      <c r="G1973" s="43"/>
      <c r="Z1973" s="143"/>
      <c r="AA1973" s="137"/>
      <c r="AB1973" s="137"/>
      <c r="AC1973" s="137"/>
      <c r="AD1973" s="137"/>
      <c r="AE1973" s="137"/>
      <c r="AF1973" s="137"/>
      <c r="AG1973" s="137"/>
      <c r="AH1973" s="137"/>
      <c r="AI1973" s="137"/>
      <c r="AJ1973" s="137"/>
      <c r="AK1973" s="137"/>
      <c r="AL1973" s="137"/>
      <c r="AM1973" s="137"/>
      <c r="AN1973" s="137"/>
      <c r="AO1973" s="137"/>
      <c r="AP1973" s="137"/>
      <c r="AQ1973" s="137"/>
      <c r="AR1973" s="137"/>
      <c r="AS1973" s="137"/>
      <c r="AT1973" s="137"/>
      <c r="AU1973" s="137"/>
      <c r="AV1973" s="137"/>
      <c r="AW1973" s="144"/>
    </row>
    <row r="1974" spans="7:49" x14ac:dyDescent="0.2">
      <c r="G1974" s="43"/>
      <c r="Z1974" s="143"/>
      <c r="AA1974" s="137"/>
      <c r="AB1974" s="137"/>
      <c r="AC1974" s="137"/>
      <c r="AD1974" s="137"/>
      <c r="AE1974" s="137"/>
      <c r="AF1974" s="137"/>
      <c r="AG1974" s="137"/>
      <c r="AH1974" s="137"/>
      <c r="AI1974" s="137"/>
      <c r="AJ1974" s="137"/>
      <c r="AK1974" s="137"/>
      <c r="AL1974" s="137"/>
      <c r="AM1974" s="137"/>
      <c r="AN1974" s="137"/>
      <c r="AO1974" s="137"/>
      <c r="AP1974" s="137"/>
      <c r="AQ1974" s="137"/>
      <c r="AR1974" s="137"/>
      <c r="AS1974" s="137"/>
      <c r="AT1974" s="137"/>
      <c r="AU1974" s="137"/>
      <c r="AV1974" s="137"/>
      <c r="AW1974" s="144"/>
    </row>
    <row r="1975" spans="7:49" x14ac:dyDescent="0.2">
      <c r="G1975" s="43"/>
      <c r="Z1975" s="143"/>
      <c r="AA1975" s="137"/>
      <c r="AB1975" s="137"/>
      <c r="AC1975" s="137"/>
      <c r="AD1975" s="137"/>
      <c r="AE1975" s="137"/>
      <c r="AF1975" s="137"/>
      <c r="AG1975" s="137"/>
      <c r="AH1975" s="137"/>
      <c r="AI1975" s="137"/>
      <c r="AJ1975" s="137"/>
      <c r="AK1975" s="137"/>
      <c r="AL1975" s="137"/>
      <c r="AM1975" s="137"/>
      <c r="AN1975" s="137"/>
      <c r="AO1975" s="137"/>
      <c r="AP1975" s="137"/>
      <c r="AQ1975" s="137"/>
      <c r="AR1975" s="137"/>
      <c r="AS1975" s="137"/>
      <c r="AT1975" s="137"/>
      <c r="AU1975" s="137"/>
      <c r="AV1975" s="137"/>
      <c r="AW1975" s="144"/>
    </row>
    <row r="1976" spans="7:49" x14ac:dyDescent="0.2">
      <c r="G1976" s="43"/>
      <c r="Z1976" s="143"/>
      <c r="AA1976" s="137"/>
      <c r="AB1976" s="137"/>
      <c r="AC1976" s="137"/>
      <c r="AD1976" s="137"/>
      <c r="AE1976" s="137"/>
      <c r="AF1976" s="137"/>
      <c r="AG1976" s="137"/>
      <c r="AH1976" s="137"/>
      <c r="AI1976" s="137"/>
      <c r="AJ1976" s="137"/>
      <c r="AK1976" s="137"/>
      <c r="AL1976" s="137"/>
      <c r="AM1976" s="137"/>
      <c r="AN1976" s="137"/>
      <c r="AO1976" s="137"/>
      <c r="AP1976" s="137"/>
      <c r="AQ1976" s="137"/>
      <c r="AR1976" s="137"/>
      <c r="AS1976" s="137"/>
      <c r="AT1976" s="137"/>
      <c r="AU1976" s="137"/>
      <c r="AV1976" s="137"/>
      <c r="AW1976" s="144"/>
    </row>
    <row r="1977" spans="7:49" x14ac:dyDescent="0.2">
      <c r="G1977" s="43"/>
      <c r="Z1977" s="143"/>
      <c r="AA1977" s="137"/>
      <c r="AB1977" s="137"/>
      <c r="AC1977" s="137"/>
      <c r="AD1977" s="137"/>
      <c r="AE1977" s="137"/>
      <c r="AF1977" s="137"/>
      <c r="AG1977" s="137"/>
      <c r="AH1977" s="137"/>
      <c r="AI1977" s="137"/>
      <c r="AJ1977" s="137"/>
      <c r="AK1977" s="137"/>
      <c r="AL1977" s="137"/>
      <c r="AM1977" s="137"/>
      <c r="AN1977" s="137"/>
      <c r="AO1977" s="137"/>
      <c r="AP1977" s="137"/>
      <c r="AQ1977" s="137"/>
      <c r="AR1977" s="137"/>
      <c r="AS1977" s="137"/>
      <c r="AT1977" s="137"/>
      <c r="AU1977" s="137"/>
      <c r="AV1977" s="137"/>
      <c r="AW1977" s="144"/>
    </row>
    <row r="1978" spans="7:49" x14ac:dyDescent="0.2">
      <c r="G1978" s="43"/>
      <c r="Z1978" s="143"/>
      <c r="AA1978" s="137"/>
      <c r="AB1978" s="137"/>
      <c r="AC1978" s="137"/>
      <c r="AD1978" s="137"/>
      <c r="AE1978" s="137"/>
      <c r="AF1978" s="137"/>
      <c r="AG1978" s="137"/>
      <c r="AH1978" s="137"/>
      <c r="AI1978" s="137"/>
      <c r="AJ1978" s="137"/>
      <c r="AK1978" s="137"/>
      <c r="AL1978" s="137"/>
      <c r="AM1978" s="137"/>
      <c r="AN1978" s="137"/>
      <c r="AO1978" s="137"/>
      <c r="AP1978" s="137"/>
      <c r="AQ1978" s="137"/>
      <c r="AR1978" s="137"/>
      <c r="AS1978" s="137"/>
      <c r="AT1978" s="137"/>
      <c r="AU1978" s="137"/>
      <c r="AV1978" s="137"/>
      <c r="AW1978" s="144"/>
    </row>
    <row r="1979" spans="7:49" x14ac:dyDescent="0.2">
      <c r="G1979" s="43"/>
      <c r="Z1979" s="143"/>
      <c r="AA1979" s="137"/>
      <c r="AB1979" s="137"/>
      <c r="AC1979" s="137"/>
      <c r="AD1979" s="137"/>
      <c r="AE1979" s="137"/>
      <c r="AF1979" s="137"/>
      <c r="AG1979" s="137"/>
      <c r="AH1979" s="137"/>
      <c r="AI1979" s="137"/>
      <c r="AJ1979" s="137"/>
      <c r="AK1979" s="137"/>
      <c r="AL1979" s="137"/>
      <c r="AM1979" s="137"/>
      <c r="AN1979" s="137"/>
      <c r="AO1979" s="137"/>
      <c r="AP1979" s="137"/>
      <c r="AQ1979" s="137"/>
      <c r="AR1979" s="137"/>
      <c r="AS1979" s="137"/>
      <c r="AT1979" s="137"/>
      <c r="AU1979" s="137"/>
      <c r="AV1979" s="137"/>
      <c r="AW1979" s="144"/>
    </row>
    <row r="1980" spans="7:49" x14ac:dyDescent="0.2">
      <c r="G1980" s="43"/>
      <c r="Z1980" s="143"/>
      <c r="AA1980" s="137"/>
      <c r="AB1980" s="137"/>
      <c r="AC1980" s="137"/>
      <c r="AD1980" s="137"/>
      <c r="AE1980" s="137"/>
      <c r="AF1980" s="137"/>
      <c r="AG1980" s="137"/>
      <c r="AH1980" s="137"/>
      <c r="AI1980" s="137"/>
      <c r="AJ1980" s="137"/>
      <c r="AK1980" s="137"/>
      <c r="AL1980" s="137"/>
      <c r="AM1980" s="137"/>
      <c r="AN1980" s="137"/>
      <c r="AO1980" s="137"/>
      <c r="AP1980" s="137"/>
      <c r="AQ1980" s="137"/>
      <c r="AR1980" s="137"/>
      <c r="AS1980" s="137"/>
      <c r="AT1980" s="137"/>
      <c r="AU1980" s="137"/>
      <c r="AV1980" s="137"/>
      <c r="AW1980" s="144"/>
    </row>
    <row r="1981" spans="7:49" x14ac:dyDescent="0.2">
      <c r="G1981" s="43"/>
      <c r="Z1981" s="143"/>
      <c r="AA1981" s="137"/>
      <c r="AB1981" s="137"/>
      <c r="AC1981" s="137"/>
      <c r="AD1981" s="137"/>
      <c r="AE1981" s="137"/>
      <c r="AF1981" s="137"/>
      <c r="AG1981" s="137"/>
      <c r="AH1981" s="137"/>
      <c r="AI1981" s="137"/>
      <c r="AJ1981" s="137"/>
      <c r="AK1981" s="137"/>
      <c r="AL1981" s="137"/>
      <c r="AM1981" s="137"/>
      <c r="AN1981" s="137"/>
      <c r="AO1981" s="137"/>
      <c r="AP1981" s="137"/>
      <c r="AQ1981" s="137"/>
      <c r="AR1981" s="137"/>
      <c r="AS1981" s="137"/>
      <c r="AT1981" s="137"/>
      <c r="AU1981" s="137"/>
      <c r="AV1981" s="137"/>
      <c r="AW1981" s="144"/>
    </row>
    <row r="1982" spans="7:49" x14ac:dyDescent="0.2">
      <c r="G1982" s="43"/>
      <c r="Z1982" s="143"/>
      <c r="AA1982" s="137"/>
      <c r="AB1982" s="137"/>
      <c r="AC1982" s="137"/>
      <c r="AD1982" s="137"/>
      <c r="AE1982" s="137"/>
      <c r="AF1982" s="137"/>
      <c r="AG1982" s="137"/>
      <c r="AH1982" s="137"/>
      <c r="AI1982" s="137"/>
      <c r="AJ1982" s="137"/>
      <c r="AK1982" s="137"/>
      <c r="AL1982" s="137"/>
      <c r="AM1982" s="137"/>
      <c r="AN1982" s="137"/>
      <c r="AO1982" s="137"/>
      <c r="AP1982" s="137"/>
      <c r="AQ1982" s="137"/>
      <c r="AR1982" s="137"/>
      <c r="AS1982" s="137"/>
      <c r="AT1982" s="137"/>
      <c r="AU1982" s="137"/>
      <c r="AV1982" s="137"/>
      <c r="AW1982" s="144"/>
    </row>
    <row r="1983" spans="7:49" x14ac:dyDescent="0.2">
      <c r="G1983" s="43"/>
      <c r="Z1983" s="143"/>
      <c r="AA1983" s="137"/>
      <c r="AB1983" s="137"/>
      <c r="AC1983" s="137"/>
      <c r="AD1983" s="137"/>
      <c r="AE1983" s="137"/>
      <c r="AF1983" s="137"/>
      <c r="AG1983" s="137"/>
      <c r="AH1983" s="137"/>
      <c r="AI1983" s="137"/>
      <c r="AJ1983" s="137"/>
      <c r="AK1983" s="137"/>
      <c r="AL1983" s="137"/>
      <c r="AM1983" s="137"/>
      <c r="AN1983" s="137"/>
      <c r="AO1983" s="137"/>
      <c r="AP1983" s="137"/>
      <c r="AQ1983" s="137"/>
      <c r="AR1983" s="137"/>
      <c r="AS1983" s="137"/>
      <c r="AT1983" s="137"/>
      <c r="AU1983" s="137"/>
      <c r="AV1983" s="137"/>
      <c r="AW1983" s="144"/>
    </row>
    <row r="1984" spans="7:49" x14ac:dyDescent="0.2">
      <c r="G1984" s="43"/>
      <c r="Z1984" s="143"/>
      <c r="AA1984" s="137"/>
      <c r="AB1984" s="137"/>
      <c r="AC1984" s="137"/>
      <c r="AD1984" s="137"/>
      <c r="AE1984" s="137"/>
      <c r="AF1984" s="137"/>
      <c r="AG1984" s="137"/>
      <c r="AH1984" s="137"/>
      <c r="AI1984" s="137"/>
      <c r="AJ1984" s="137"/>
      <c r="AK1984" s="137"/>
      <c r="AL1984" s="137"/>
      <c r="AM1984" s="137"/>
      <c r="AN1984" s="137"/>
      <c r="AO1984" s="137"/>
      <c r="AP1984" s="137"/>
      <c r="AQ1984" s="137"/>
      <c r="AR1984" s="137"/>
      <c r="AS1984" s="137"/>
      <c r="AT1984" s="137"/>
      <c r="AU1984" s="137"/>
      <c r="AV1984" s="137"/>
      <c r="AW1984" s="144"/>
    </row>
    <row r="1985" spans="7:49" x14ac:dyDescent="0.2">
      <c r="G1985" s="43"/>
      <c r="Z1985" s="143"/>
      <c r="AA1985" s="137"/>
      <c r="AB1985" s="137"/>
      <c r="AC1985" s="137"/>
      <c r="AD1985" s="137"/>
      <c r="AE1985" s="137"/>
      <c r="AF1985" s="137"/>
      <c r="AG1985" s="137"/>
      <c r="AH1985" s="137"/>
      <c r="AI1985" s="137"/>
      <c r="AJ1985" s="137"/>
      <c r="AK1985" s="137"/>
      <c r="AL1985" s="137"/>
      <c r="AM1985" s="137"/>
      <c r="AN1985" s="137"/>
      <c r="AO1985" s="137"/>
      <c r="AP1985" s="137"/>
      <c r="AQ1985" s="137"/>
      <c r="AR1985" s="137"/>
      <c r="AS1985" s="137"/>
      <c r="AT1985" s="137"/>
      <c r="AU1985" s="137"/>
      <c r="AV1985" s="137"/>
      <c r="AW1985" s="144"/>
    </row>
    <row r="1986" spans="7:49" x14ac:dyDescent="0.2">
      <c r="G1986" s="43"/>
      <c r="Z1986" s="143"/>
      <c r="AA1986" s="137"/>
      <c r="AB1986" s="137"/>
      <c r="AC1986" s="137"/>
      <c r="AD1986" s="137"/>
      <c r="AE1986" s="137"/>
      <c r="AF1986" s="137"/>
      <c r="AG1986" s="137"/>
      <c r="AH1986" s="137"/>
      <c r="AI1986" s="137"/>
      <c r="AJ1986" s="137"/>
      <c r="AK1986" s="137"/>
      <c r="AL1986" s="137"/>
      <c r="AM1986" s="137"/>
      <c r="AN1986" s="137"/>
      <c r="AO1986" s="137"/>
      <c r="AP1986" s="137"/>
      <c r="AQ1986" s="137"/>
      <c r="AR1986" s="137"/>
      <c r="AS1986" s="137"/>
      <c r="AT1986" s="137"/>
      <c r="AU1986" s="137"/>
      <c r="AV1986" s="137"/>
      <c r="AW1986" s="144"/>
    </row>
    <row r="1987" spans="7:49" x14ac:dyDescent="0.2">
      <c r="G1987" s="43"/>
      <c r="Z1987" s="143"/>
      <c r="AA1987" s="137"/>
      <c r="AB1987" s="137"/>
      <c r="AC1987" s="137"/>
      <c r="AD1987" s="137"/>
      <c r="AE1987" s="137"/>
      <c r="AF1987" s="137"/>
      <c r="AG1987" s="137"/>
      <c r="AH1987" s="137"/>
      <c r="AI1987" s="137"/>
      <c r="AJ1987" s="137"/>
      <c r="AK1987" s="137"/>
      <c r="AL1987" s="137"/>
      <c r="AM1987" s="137"/>
      <c r="AN1987" s="137"/>
      <c r="AO1987" s="137"/>
      <c r="AP1987" s="137"/>
      <c r="AQ1987" s="137"/>
      <c r="AR1987" s="137"/>
      <c r="AS1987" s="137"/>
      <c r="AT1987" s="137"/>
      <c r="AU1987" s="137"/>
      <c r="AV1987" s="137"/>
      <c r="AW1987" s="144"/>
    </row>
    <row r="1988" spans="7:49" x14ac:dyDescent="0.2">
      <c r="G1988" s="43"/>
      <c r="Z1988" s="143"/>
      <c r="AA1988" s="137"/>
      <c r="AB1988" s="137"/>
      <c r="AC1988" s="137"/>
      <c r="AD1988" s="137"/>
      <c r="AE1988" s="137"/>
      <c r="AF1988" s="137"/>
      <c r="AG1988" s="137"/>
      <c r="AH1988" s="137"/>
      <c r="AI1988" s="137"/>
      <c r="AJ1988" s="137"/>
      <c r="AK1988" s="137"/>
      <c r="AL1988" s="137"/>
      <c r="AM1988" s="137"/>
      <c r="AN1988" s="137"/>
      <c r="AO1988" s="137"/>
      <c r="AP1988" s="137"/>
      <c r="AQ1988" s="137"/>
      <c r="AR1988" s="137"/>
      <c r="AS1988" s="137"/>
      <c r="AT1988" s="137"/>
      <c r="AU1988" s="137"/>
      <c r="AV1988" s="137"/>
      <c r="AW1988" s="144"/>
    </row>
    <row r="1989" spans="7:49" x14ac:dyDescent="0.2">
      <c r="G1989" s="43"/>
      <c r="Z1989" s="143"/>
      <c r="AA1989" s="137"/>
      <c r="AB1989" s="137"/>
      <c r="AC1989" s="137"/>
      <c r="AD1989" s="137"/>
      <c r="AE1989" s="137"/>
      <c r="AF1989" s="137"/>
      <c r="AG1989" s="137"/>
      <c r="AH1989" s="137"/>
      <c r="AI1989" s="137"/>
      <c r="AJ1989" s="137"/>
      <c r="AK1989" s="137"/>
      <c r="AL1989" s="137"/>
      <c r="AM1989" s="137"/>
      <c r="AN1989" s="137"/>
      <c r="AO1989" s="137"/>
      <c r="AP1989" s="137"/>
      <c r="AQ1989" s="137"/>
      <c r="AR1989" s="137"/>
      <c r="AS1989" s="137"/>
      <c r="AT1989" s="137"/>
      <c r="AU1989" s="137"/>
      <c r="AV1989" s="137"/>
      <c r="AW1989" s="144"/>
    </row>
    <row r="1990" spans="7:49" x14ac:dyDescent="0.2">
      <c r="G1990" s="43"/>
      <c r="Z1990" s="143"/>
      <c r="AA1990" s="137"/>
      <c r="AB1990" s="137"/>
      <c r="AC1990" s="137"/>
      <c r="AD1990" s="137"/>
      <c r="AE1990" s="137"/>
      <c r="AF1990" s="137"/>
      <c r="AG1990" s="137"/>
      <c r="AH1990" s="137"/>
      <c r="AI1990" s="137"/>
      <c r="AJ1990" s="137"/>
      <c r="AK1990" s="137"/>
      <c r="AL1990" s="137"/>
      <c r="AM1990" s="137"/>
      <c r="AN1990" s="137"/>
      <c r="AO1990" s="137"/>
      <c r="AP1990" s="137"/>
      <c r="AQ1990" s="137"/>
      <c r="AR1990" s="137"/>
      <c r="AS1990" s="137"/>
      <c r="AT1990" s="137"/>
      <c r="AU1990" s="137"/>
      <c r="AV1990" s="137"/>
      <c r="AW1990" s="144"/>
    </row>
    <row r="1991" spans="7:49" x14ac:dyDescent="0.2">
      <c r="G1991" s="43"/>
      <c r="Z1991" s="143"/>
      <c r="AA1991" s="137"/>
      <c r="AB1991" s="137"/>
      <c r="AC1991" s="137"/>
      <c r="AD1991" s="137"/>
      <c r="AE1991" s="137"/>
      <c r="AF1991" s="137"/>
      <c r="AG1991" s="137"/>
      <c r="AH1991" s="137"/>
      <c r="AI1991" s="137"/>
      <c r="AJ1991" s="137"/>
      <c r="AK1991" s="137"/>
      <c r="AL1991" s="137"/>
      <c r="AM1991" s="137"/>
      <c r="AN1991" s="137"/>
      <c r="AO1991" s="137"/>
      <c r="AP1991" s="137"/>
      <c r="AQ1991" s="137"/>
      <c r="AR1991" s="137"/>
      <c r="AS1991" s="137"/>
      <c r="AT1991" s="137"/>
      <c r="AU1991" s="137"/>
      <c r="AV1991" s="137"/>
      <c r="AW1991" s="144"/>
    </row>
    <row r="1992" spans="7:49" x14ac:dyDescent="0.2">
      <c r="G1992" s="43"/>
      <c r="Z1992" s="143"/>
      <c r="AA1992" s="137"/>
      <c r="AB1992" s="137"/>
      <c r="AC1992" s="137"/>
      <c r="AD1992" s="137"/>
      <c r="AE1992" s="137"/>
      <c r="AF1992" s="137"/>
      <c r="AG1992" s="137"/>
      <c r="AH1992" s="137"/>
      <c r="AI1992" s="137"/>
      <c r="AJ1992" s="137"/>
      <c r="AK1992" s="137"/>
      <c r="AL1992" s="137"/>
      <c r="AM1992" s="137"/>
      <c r="AN1992" s="137"/>
      <c r="AO1992" s="137"/>
      <c r="AP1992" s="137"/>
      <c r="AQ1992" s="137"/>
      <c r="AR1992" s="137"/>
      <c r="AS1992" s="137"/>
      <c r="AT1992" s="137"/>
      <c r="AU1992" s="137"/>
      <c r="AV1992" s="137"/>
      <c r="AW1992" s="144"/>
    </row>
    <row r="1993" spans="7:49" x14ac:dyDescent="0.2">
      <c r="G1993" s="43"/>
      <c r="Z1993" s="143"/>
      <c r="AA1993" s="137"/>
      <c r="AB1993" s="137"/>
      <c r="AC1993" s="137"/>
      <c r="AD1993" s="137"/>
      <c r="AE1993" s="137"/>
      <c r="AF1993" s="137"/>
      <c r="AG1993" s="137"/>
      <c r="AH1993" s="137"/>
      <c r="AI1993" s="137"/>
      <c r="AJ1993" s="137"/>
      <c r="AK1993" s="137"/>
      <c r="AL1993" s="137"/>
      <c r="AM1993" s="137"/>
      <c r="AN1993" s="137"/>
      <c r="AO1993" s="137"/>
      <c r="AP1993" s="137"/>
      <c r="AQ1993" s="137"/>
      <c r="AR1993" s="137"/>
      <c r="AS1993" s="137"/>
      <c r="AT1993" s="137"/>
      <c r="AU1993" s="137"/>
      <c r="AV1993" s="137"/>
      <c r="AW1993" s="144"/>
    </row>
    <row r="1994" spans="7:49" x14ac:dyDescent="0.2">
      <c r="G1994" s="43"/>
      <c r="Z1994" s="143"/>
      <c r="AA1994" s="137"/>
      <c r="AB1994" s="137"/>
      <c r="AC1994" s="137"/>
      <c r="AD1994" s="137"/>
      <c r="AE1994" s="137"/>
      <c r="AF1994" s="137"/>
      <c r="AG1994" s="137"/>
      <c r="AH1994" s="137"/>
      <c r="AI1994" s="137"/>
      <c r="AJ1994" s="137"/>
      <c r="AK1994" s="137"/>
      <c r="AL1994" s="137"/>
      <c r="AM1994" s="137"/>
      <c r="AN1994" s="137"/>
      <c r="AO1994" s="137"/>
      <c r="AP1994" s="137"/>
      <c r="AQ1994" s="137"/>
      <c r="AR1994" s="137"/>
      <c r="AS1994" s="137"/>
      <c r="AT1994" s="137"/>
      <c r="AU1994" s="137"/>
      <c r="AV1994" s="137"/>
      <c r="AW1994" s="144"/>
    </row>
    <row r="1995" spans="7:49" x14ac:dyDescent="0.2">
      <c r="G1995" s="43"/>
      <c r="Z1995" s="143"/>
      <c r="AA1995" s="137"/>
      <c r="AB1995" s="137"/>
      <c r="AC1995" s="137"/>
      <c r="AD1995" s="137"/>
      <c r="AE1995" s="137"/>
      <c r="AF1995" s="137"/>
      <c r="AG1995" s="137"/>
      <c r="AH1995" s="137"/>
      <c r="AI1995" s="137"/>
      <c r="AJ1995" s="137"/>
      <c r="AK1995" s="137"/>
      <c r="AL1995" s="137"/>
      <c r="AM1995" s="137"/>
      <c r="AN1995" s="137"/>
      <c r="AO1995" s="137"/>
      <c r="AP1995" s="137"/>
      <c r="AQ1995" s="137"/>
      <c r="AR1995" s="137"/>
      <c r="AS1995" s="137"/>
      <c r="AT1995" s="137"/>
      <c r="AU1995" s="137"/>
      <c r="AV1995" s="137"/>
      <c r="AW1995" s="144"/>
    </row>
    <row r="1996" spans="7:49" x14ac:dyDescent="0.2">
      <c r="G1996" s="43"/>
      <c r="Z1996" s="143"/>
      <c r="AA1996" s="137"/>
      <c r="AB1996" s="137"/>
      <c r="AC1996" s="137"/>
      <c r="AD1996" s="137"/>
      <c r="AE1996" s="137"/>
      <c r="AF1996" s="137"/>
      <c r="AG1996" s="137"/>
      <c r="AH1996" s="137"/>
      <c r="AI1996" s="137"/>
      <c r="AJ1996" s="137"/>
      <c r="AK1996" s="137"/>
      <c r="AL1996" s="137"/>
      <c r="AM1996" s="137"/>
      <c r="AN1996" s="137"/>
      <c r="AO1996" s="137"/>
      <c r="AP1996" s="137"/>
      <c r="AQ1996" s="137"/>
      <c r="AR1996" s="137"/>
      <c r="AS1996" s="137"/>
      <c r="AT1996" s="137"/>
      <c r="AU1996" s="137"/>
      <c r="AV1996" s="137"/>
      <c r="AW1996" s="144"/>
    </row>
    <row r="1997" spans="7:49" x14ac:dyDescent="0.2">
      <c r="G1997" s="43"/>
      <c r="Z1997" s="143"/>
      <c r="AA1997" s="137"/>
      <c r="AB1997" s="137"/>
      <c r="AC1997" s="137"/>
      <c r="AD1997" s="137"/>
      <c r="AE1997" s="137"/>
      <c r="AF1997" s="137"/>
      <c r="AG1997" s="137"/>
      <c r="AH1997" s="137"/>
      <c r="AI1997" s="137"/>
      <c r="AJ1997" s="137"/>
      <c r="AK1997" s="137"/>
      <c r="AL1997" s="137"/>
      <c r="AM1997" s="137"/>
      <c r="AN1997" s="137"/>
      <c r="AO1997" s="137"/>
      <c r="AP1997" s="137"/>
      <c r="AQ1997" s="137"/>
      <c r="AR1997" s="137"/>
      <c r="AS1997" s="137"/>
      <c r="AT1997" s="137"/>
      <c r="AU1997" s="137"/>
      <c r="AV1997" s="137"/>
      <c r="AW1997" s="144"/>
    </row>
    <row r="1998" spans="7:49" x14ac:dyDescent="0.2">
      <c r="G1998" s="43"/>
      <c r="Z1998" s="143"/>
      <c r="AA1998" s="137"/>
      <c r="AB1998" s="137"/>
      <c r="AC1998" s="137"/>
      <c r="AD1998" s="137"/>
      <c r="AE1998" s="137"/>
      <c r="AF1998" s="137"/>
      <c r="AG1998" s="137"/>
      <c r="AH1998" s="137"/>
      <c r="AI1998" s="137"/>
      <c r="AJ1998" s="137"/>
      <c r="AK1998" s="137"/>
      <c r="AL1998" s="137"/>
      <c r="AM1998" s="137"/>
      <c r="AN1998" s="137"/>
      <c r="AO1998" s="137"/>
      <c r="AP1998" s="137"/>
      <c r="AQ1998" s="137"/>
      <c r="AR1998" s="137"/>
      <c r="AS1998" s="137"/>
      <c r="AT1998" s="137"/>
      <c r="AU1998" s="137"/>
      <c r="AV1998" s="137"/>
      <c r="AW1998" s="144"/>
    </row>
    <row r="1999" spans="7:49" x14ac:dyDescent="0.2">
      <c r="G1999" s="43"/>
      <c r="Z1999" s="143"/>
      <c r="AA1999" s="137"/>
      <c r="AB1999" s="137"/>
      <c r="AC1999" s="137"/>
      <c r="AD1999" s="137"/>
      <c r="AE1999" s="137"/>
      <c r="AF1999" s="137"/>
      <c r="AG1999" s="137"/>
      <c r="AH1999" s="137"/>
      <c r="AI1999" s="137"/>
      <c r="AJ1999" s="137"/>
      <c r="AK1999" s="137"/>
      <c r="AL1999" s="137"/>
      <c r="AM1999" s="137"/>
      <c r="AN1999" s="137"/>
      <c r="AO1999" s="137"/>
      <c r="AP1999" s="137"/>
      <c r="AQ1999" s="137"/>
      <c r="AR1999" s="137"/>
      <c r="AS1999" s="137"/>
      <c r="AT1999" s="137"/>
      <c r="AU1999" s="137"/>
      <c r="AV1999" s="137"/>
      <c r="AW1999" s="144"/>
    </row>
    <row r="2000" spans="7:49" x14ac:dyDescent="0.2">
      <c r="G2000" s="43"/>
      <c r="Z2000" s="143"/>
      <c r="AA2000" s="137"/>
      <c r="AB2000" s="137"/>
      <c r="AC2000" s="137"/>
      <c r="AD2000" s="137"/>
      <c r="AE2000" s="137"/>
      <c r="AF2000" s="137"/>
      <c r="AG2000" s="137"/>
      <c r="AH2000" s="137"/>
      <c r="AI2000" s="137"/>
      <c r="AJ2000" s="137"/>
      <c r="AK2000" s="137"/>
      <c r="AL2000" s="137"/>
      <c r="AM2000" s="137"/>
      <c r="AN2000" s="137"/>
      <c r="AO2000" s="137"/>
      <c r="AP2000" s="137"/>
      <c r="AQ2000" s="137"/>
      <c r="AR2000" s="137"/>
      <c r="AS2000" s="137"/>
      <c r="AT2000" s="137"/>
      <c r="AU2000" s="137"/>
      <c r="AV2000" s="137"/>
      <c r="AW2000" s="144"/>
    </row>
    <row r="2001" spans="7:49" x14ac:dyDescent="0.2">
      <c r="G2001" s="43"/>
      <c r="Z2001" s="143"/>
      <c r="AA2001" s="137"/>
      <c r="AB2001" s="137"/>
      <c r="AC2001" s="137"/>
      <c r="AD2001" s="137"/>
      <c r="AE2001" s="137"/>
      <c r="AF2001" s="137"/>
      <c r="AG2001" s="137"/>
      <c r="AH2001" s="137"/>
      <c r="AI2001" s="137"/>
      <c r="AJ2001" s="137"/>
      <c r="AK2001" s="137"/>
      <c r="AL2001" s="137"/>
      <c r="AM2001" s="137"/>
      <c r="AN2001" s="137"/>
      <c r="AO2001" s="137"/>
      <c r="AP2001" s="137"/>
      <c r="AQ2001" s="137"/>
      <c r="AR2001" s="137"/>
      <c r="AS2001" s="137"/>
      <c r="AT2001" s="137"/>
      <c r="AU2001" s="137"/>
      <c r="AV2001" s="137"/>
      <c r="AW2001" s="144"/>
    </row>
    <row r="2002" spans="7:49" x14ac:dyDescent="0.2">
      <c r="G2002" s="43"/>
      <c r="Z2002" s="143"/>
      <c r="AA2002" s="137"/>
      <c r="AB2002" s="137"/>
      <c r="AC2002" s="137"/>
      <c r="AD2002" s="137"/>
      <c r="AE2002" s="137"/>
      <c r="AF2002" s="137"/>
      <c r="AG2002" s="137"/>
      <c r="AH2002" s="137"/>
      <c r="AI2002" s="137"/>
      <c r="AJ2002" s="137"/>
      <c r="AK2002" s="137"/>
      <c r="AL2002" s="137"/>
      <c r="AM2002" s="137"/>
      <c r="AN2002" s="137"/>
      <c r="AO2002" s="137"/>
      <c r="AP2002" s="137"/>
      <c r="AQ2002" s="137"/>
      <c r="AR2002" s="137"/>
      <c r="AS2002" s="137"/>
      <c r="AT2002" s="137"/>
      <c r="AU2002" s="137"/>
      <c r="AV2002" s="137"/>
      <c r="AW2002" s="144"/>
    </row>
    <row r="2003" spans="7:49" x14ac:dyDescent="0.2">
      <c r="G2003" s="43"/>
      <c r="Z2003" s="143"/>
      <c r="AA2003" s="137"/>
      <c r="AB2003" s="137"/>
      <c r="AC2003" s="137"/>
      <c r="AD2003" s="137"/>
      <c r="AE2003" s="137"/>
      <c r="AF2003" s="137"/>
      <c r="AG2003" s="137"/>
      <c r="AH2003" s="137"/>
      <c r="AI2003" s="137"/>
      <c r="AJ2003" s="137"/>
      <c r="AK2003" s="137"/>
      <c r="AL2003" s="137"/>
      <c r="AM2003" s="137"/>
      <c r="AN2003" s="137"/>
      <c r="AO2003" s="137"/>
      <c r="AP2003" s="137"/>
      <c r="AQ2003" s="137"/>
      <c r="AR2003" s="137"/>
      <c r="AS2003" s="137"/>
      <c r="AT2003" s="137"/>
      <c r="AU2003" s="137"/>
      <c r="AV2003" s="137"/>
      <c r="AW2003" s="144"/>
    </row>
    <row r="2004" spans="7:49" x14ac:dyDescent="0.2">
      <c r="G2004" s="43"/>
      <c r="Z2004" s="143"/>
      <c r="AA2004" s="137"/>
      <c r="AB2004" s="137"/>
      <c r="AC2004" s="137"/>
      <c r="AD2004" s="137"/>
      <c r="AE2004" s="137"/>
      <c r="AF2004" s="137"/>
      <c r="AG2004" s="137"/>
      <c r="AH2004" s="137"/>
      <c r="AI2004" s="137"/>
      <c r="AJ2004" s="137"/>
      <c r="AK2004" s="137"/>
      <c r="AL2004" s="137"/>
      <c r="AM2004" s="137"/>
      <c r="AN2004" s="137"/>
      <c r="AO2004" s="137"/>
      <c r="AP2004" s="137"/>
      <c r="AQ2004" s="137"/>
      <c r="AR2004" s="137"/>
      <c r="AS2004" s="137"/>
      <c r="AT2004" s="137"/>
      <c r="AU2004" s="137"/>
      <c r="AV2004" s="137"/>
      <c r="AW2004" s="144"/>
    </row>
    <row r="2005" spans="7:49" x14ac:dyDescent="0.2">
      <c r="G2005" s="43"/>
      <c r="Z2005" s="143"/>
      <c r="AA2005" s="137"/>
      <c r="AB2005" s="137"/>
      <c r="AC2005" s="137"/>
      <c r="AD2005" s="137"/>
      <c r="AE2005" s="137"/>
      <c r="AF2005" s="137"/>
      <c r="AG2005" s="137"/>
      <c r="AH2005" s="137"/>
      <c r="AI2005" s="137"/>
      <c r="AJ2005" s="137"/>
      <c r="AK2005" s="137"/>
      <c r="AL2005" s="137"/>
      <c r="AM2005" s="137"/>
      <c r="AN2005" s="137"/>
      <c r="AO2005" s="137"/>
      <c r="AP2005" s="137"/>
      <c r="AQ2005" s="137"/>
      <c r="AR2005" s="137"/>
      <c r="AS2005" s="137"/>
      <c r="AT2005" s="137"/>
      <c r="AU2005" s="137"/>
      <c r="AV2005" s="137"/>
      <c r="AW2005" s="144"/>
    </row>
    <row r="2006" spans="7:49" x14ac:dyDescent="0.2">
      <c r="G2006" s="43"/>
      <c r="Z2006" s="143"/>
      <c r="AA2006" s="137"/>
      <c r="AB2006" s="137"/>
      <c r="AC2006" s="137"/>
      <c r="AD2006" s="137"/>
      <c r="AE2006" s="137"/>
      <c r="AF2006" s="137"/>
      <c r="AG2006" s="137"/>
      <c r="AH2006" s="137"/>
      <c r="AI2006" s="137"/>
      <c r="AJ2006" s="137"/>
      <c r="AK2006" s="137"/>
      <c r="AL2006" s="137"/>
      <c r="AM2006" s="137"/>
      <c r="AN2006" s="137"/>
      <c r="AO2006" s="137"/>
      <c r="AP2006" s="137"/>
      <c r="AQ2006" s="137"/>
      <c r="AR2006" s="137"/>
      <c r="AS2006" s="137"/>
      <c r="AT2006" s="137"/>
      <c r="AU2006" s="137"/>
      <c r="AV2006" s="137"/>
      <c r="AW2006" s="144"/>
    </row>
    <row r="2007" spans="7:49" x14ac:dyDescent="0.2">
      <c r="G2007" s="43"/>
      <c r="Z2007" s="143"/>
      <c r="AA2007" s="137"/>
      <c r="AB2007" s="137"/>
      <c r="AC2007" s="137"/>
      <c r="AD2007" s="137"/>
      <c r="AE2007" s="137"/>
      <c r="AF2007" s="137"/>
      <c r="AG2007" s="137"/>
      <c r="AH2007" s="137"/>
      <c r="AI2007" s="137"/>
      <c r="AJ2007" s="137"/>
      <c r="AK2007" s="137"/>
      <c r="AL2007" s="137"/>
      <c r="AM2007" s="137"/>
      <c r="AN2007" s="137"/>
      <c r="AO2007" s="137"/>
      <c r="AP2007" s="137"/>
      <c r="AQ2007" s="137"/>
      <c r="AR2007" s="137"/>
      <c r="AS2007" s="137"/>
      <c r="AT2007" s="137"/>
      <c r="AU2007" s="137"/>
      <c r="AV2007" s="137"/>
      <c r="AW2007" s="144"/>
    </row>
    <row r="2008" spans="7:49" x14ac:dyDescent="0.2">
      <c r="G2008" s="43"/>
      <c r="Z2008" s="143"/>
      <c r="AA2008" s="137"/>
      <c r="AB2008" s="137"/>
      <c r="AC2008" s="137"/>
      <c r="AD2008" s="137"/>
      <c r="AE2008" s="137"/>
      <c r="AF2008" s="137"/>
      <c r="AG2008" s="137"/>
      <c r="AH2008" s="137"/>
      <c r="AI2008" s="137"/>
      <c r="AJ2008" s="137"/>
      <c r="AK2008" s="137"/>
      <c r="AL2008" s="137"/>
      <c r="AM2008" s="137"/>
      <c r="AN2008" s="137"/>
      <c r="AO2008" s="137"/>
      <c r="AP2008" s="137"/>
      <c r="AQ2008" s="137"/>
      <c r="AR2008" s="137"/>
      <c r="AS2008" s="137"/>
      <c r="AT2008" s="137"/>
      <c r="AU2008" s="137"/>
      <c r="AV2008" s="137"/>
      <c r="AW2008" s="144"/>
    </row>
    <row r="2009" spans="7:49" x14ac:dyDescent="0.2">
      <c r="G2009" s="43"/>
      <c r="Z2009" s="143"/>
      <c r="AA2009" s="137"/>
      <c r="AB2009" s="137"/>
      <c r="AC2009" s="137"/>
      <c r="AD2009" s="137"/>
      <c r="AE2009" s="137"/>
      <c r="AF2009" s="137"/>
      <c r="AG2009" s="137"/>
      <c r="AH2009" s="137"/>
      <c r="AI2009" s="137"/>
      <c r="AJ2009" s="137"/>
      <c r="AK2009" s="137"/>
      <c r="AL2009" s="137"/>
      <c r="AM2009" s="137"/>
      <c r="AN2009" s="137"/>
      <c r="AO2009" s="137"/>
      <c r="AP2009" s="137"/>
      <c r="AQ2009" s="137"/>
      <c r="AR2009" s="137"/>
      <c r="AS2009" s="137"/>
      <c r="AT2009" s="137"/>
      <c r="AU2009" s="137"/>
      <c r="AV2009" s="137"/>
      <c r="AW2009" s="144"/>
    </row>
    <row r="2010" spans="7:49" x14ac:dyDescent="0.2">
      <c r="G2010" s="43"/>
      <c r="Z2010" s="143"/>
      <c r="AA2010" s="137"/>
      <c r="AB2010" s="137"/>
      <c r="AC2010" s="137"/>
      <c r="AD2010" s="137"/>
      <c r="AE2010" s="137"/>
      <c r="AF2010" s="137"/>
      <c r="AG2010" s="137"/>
      <c r="AH2010" s="137"/>
      <c r="AI2010" s="137"/>
      <c r="AJ2010" s="137"/>
      <c r="AK2010" s="137"/>
      <c r="AL2010" s="137"/>
      <c r="AM2010" s="137"/>
      <c r="AN2010" s="137"/>
      <c r="AO2010" s="137"/>
      <c r="AP2010" s="137"/>
      <c r="AQ2010" s="137"/>
      <c r="AR2010" s="137"/>
      <c r="AS2010" s="137"/>
      <c r="AT2010" s="137"/>
      <c r="AU2010" s="137"/>
      <c r="AV2010" s="137"/>
      <c r="AW2010" s="144"/>
    </row>
    <row r="2011" spans="7:49" x14ac:dyDescent="0.2">
      <c r="G2011" s="43"/>
      <c r="Z2011" s="143"/>
      <c r="AA2011" s="137"/>
      <c r="AB2011" s="137"/>
      <c r="AC2011" s="137"/>
      <c r="AD2011" s="137"/>
      <c r="AE2011" s="137"/>
      <c r="AF2011" s="137"/>
      <c r="AG2011" s="137"/>
      <c r="AH2011" s="137"/>
      <c r="AI2011" s="137"/>
      <c r="AJ2011" s="137"/>
      <c r="AK2011" s="137"/>
      <c r="AL2011" s="137"/>
      <c r="AM2011" s="137"/>
      <c r="AN2011" s="137"/>
      <c r="AO2011" s="137"/>
      <c r="AP2011" s="137"/>
      <c r="AQ2011" s="137"/>
      <c r="AR2011" s="137"/>
      <c r="AS2011" s="137"/>
      <c r="AT2011" s="137"/>
      <c r="AU2011" s="137"/>
      <c r="AV2011" s="137"/>
      <c r="AW2011" s="144"/>
    </row>
    <row r="2012" spans="7:49" x14ac:dyDescent="0.2">
      <c r="G2012" s="43"/>
      <c r="Z2012" s="143"/>
      <c r="AA2012" s="137"/>
      <c r="AB2012" s="137"/>
      <c r="AC2012" s="137"/>
      <c r="AD2012" s="137"/>
      <c r="AE2012" s="137"/>
      <c r="AF2012" s="137"/>
      <c r="AG2012" s="137"/>
      <c r="AH2012" s="137"/>
      <c r="AI2012" s="137"/>
      <c r="AJ2012" s="137"/>
      <c r="AK2012" s="137"/>
      <c r="AL2012" s="137"/>
      <c r="AM2012" s="137"/>
      <c r="AN2012" s="137"/>
      <c r="AO2012" s="137"/>
      <c r="AP2012" s="137"/>
      <c r="AQ2012" s="137"/>
      <c r="AR2012" s="137"/>
      <c r="AS2012" s="137"/>
      <c r="AT2012" s="137"/>
      <c r="AU2012" s="137"/>
      <c r="AV2012" s="137"/>
      <c r="AW2012" s="144"/>
    </row>
    <row r="2013" spans="7:49" x14ac:dyDescent="0.2">
      <c r="G2013" s="43"/>
      <c r="Z2013" s="143"/>
      <c r="AA2013" s="137"/>
      <c r="AB2013" s="137"/>
      <c r="AC2013" s="137"/>
      <c r="AD2013" s="137"/>
      <c r="AE2013" s="137"/>
      <c r="AF2013" s="137"/>
      <c r="AG2013" s="137"/>
      <c r="AH2013" s="137"/>
      <c r="AI2013" s="137"/>
      <c r="AJ2013" s="137"/>
      <c r="AK2013" s="137"/>
      <c r="AL2013" s="137"/>
      <c r="AM2013" s="137"/>
      <c r="AN2013" s="137"/>
      <c r="AO2013" s="137"/>
      <c r="AP2013" s="137"/>
      <c r="AQ2013" s="137"/>
      <c r="AR2013" s="137"/>
      <c r="AS2013" s="137"/>
      <c r="AT2013" s="137"/>
      <c r="AU2013" s="137"/>
      <c r="AV2013" s="137"/>
      <c r="AW2013" s="144"/>
    </row>
    <row r="2014" spans="7:49" x14ac:dyDescent="0.2">
      <c r="G2014" s="43"/>
      <c r="Z2014" s="143"/>
      <c r="AA2014" s="137"/>
      <c r="AB2014" s="137"/>
      <c r="AC2014" s="137"/>
      <c r="AD2014" s="137"/>
      <c r="AE2014" s="137"/>
      <c r="AF2014" s="137"/>
      <c r="AG2014" s="137"/>
      <c r="AH2014" s="137"/>
      <c r="AI2014" s="137"/>
      <c r="AJ2014" s="137"/>
      <c r="AK2014" s="137"/>
      <c r="AL2014" s="137"/>
      <c r="AM2014" s="137"/>
      <c r="AN2014" s="137"/>
      <c r="AO2014" s="137"/>
      <c r="AP2014" s="137"/>
      <c r="AQ2014" s="137"/>
      <c r="AR2014" s="137"/>
      <c r="AS2014" s="137"/>
      <c r="AT2014" s="137"/>
      <c r="AU2014" s="137"/>
      <c r="AV2014" s="137"/>
      <c r="AW2014" s="144"/>
    </row>
    <row r="2015" spans="7:49" x14ac:dyDescent="0.2">
      <c r="G2015" s="43"/>
      <c r="Z2015" s="143"/>
      <c r="AA2015" s="137"/>
      <c r="AB2015" s="137"/>
      <c r="AC2015" s="137"/>
      <c r="AD2015" s="137"/>
      <c r="AE2015" s="137"/>
      <c r="AF2015" s="137"/>
      <c r="AG2015" s="137"/>
      <c r="AH2015" s="137"/>
      <c r="AI2015" s="137"/>
      <c r="AJ2015" s="137"/>
      <c r="AK2015" s="137"/>
      <c r="AL2015" s="137"/>
      <c r="AM2015" s="137"/>
      <c r="AN2015" s="137"/>
      <c r="AO2015" s="137"/>
      <c r="AP2015" s="137"/>
      <c r="AQ2015" s="137"/>
      <c r="AR2015" s="137"/>
      <c r="AS2015" s="137"/>
      <c r="AT2015" s="137"/>
      <c r="AU2015" s="137"/>
      <c r="AV2015" s="137"/>
      <c r="AW2015" s="144"/>
    </row>
    <row r="2016" spans="7:49" x14ac:dyDescent="0.2">
      <c r="G2016" s="43"/>
      <c r="Z2016" s="143"/>
      <c r="AA2016" s="137"/>
      <c r="AB2016" s="137"/>
      <c r="AC2016" s="137"/>
      <c r="AD2016" s="137"/>
      <c r="AE2016" s="137"/>
      <c r="AF2016" s="137"/>
      <c r="AG2016" s="137"/>
      <c r="AH2016" s="137"/>
      <c r="AI2016" s="137"/>
      <c r="AJ2016" s="137"/>
      <c r="AK2016" s="137"/>
      <c r="AL2016" s="137"/>
      <c r="AM2016" s="137"/>
      <c r="AN2016" s="137"/>
      <c r="AO2016" s="137"/>
      <c r="AP2016" s="137"/>
      <c r="AQ2016" s="137"/>
      <c r="AR2016" s="137"/>
      <c r="AS2016" s="137"/>
      <c r="AT2016" s="137"/>
      <c r="AU2016" s="137"/>
      <c r="AV2016" s="137"/>
      <c r="AW2016" s="144"/>
    </row>
    <row r="2017" spans="7:49" x14ac:dyDescent="0.2">
      <c r="G2017" s="43"/>
      <c r="Z2017" s="143"/>
      <c r="AA2017" s="137"/>
      <c r="AB2017" s="137"/>
      <c r="AC2017" s="137"/>
      <c r="AD2017" s="137"/>
      <c r="AE2017" s="137"/>
      <c r="AF2017" s="137"/>
      <c r="AG2017" s="137"/>
      <c r="AH2017" s="137"/>
      <c r="AI2017" s="137"/>
      <c r="AJ2017" s="137"/>
      <c r="AK2017" s="137"/>
      <c r="AL2017" s="137"/>
      <c r="AM2017" s="137"/>
      <c r="AN2017" s="137"/>
      <c r="AO2017" s="137"/>
      <c r="AP2017" s="137"/>
      <c r="AQ2017" s="137"/>
      <c r="AR2017" s="137"/>
      <c r="AS2017" s="137"/>
      <c r="AT2017" s="137"/>
      <c r="AU2017" s="137"/>
      <c r="AV2017" s="137"/>
      <c r="AW2017" s="144"/>
    </row>
    <row r="2018" spans="7:49" x14ac:dyDescent="0.2">
      <c r="G2018" s="43"/>
      <c r="Z2018" s="143"/>
      <c r="AA2018" s="137"/>
      <c r="AB2018" s="137"/>
      <c r="AC2018" s="137"/>
      <c r="AD2018" s="137"/>
      <c r="AE2018" s="137"/>
      <c r="AF2018" s="137"/>
      <c r="AG2018" s="137"/>
      <c r="AH2018" s="137"/>
      <c r="AI2018" s="137"/>
      <c r="AJ2018" s="137"/>
      <c r="AK2018" s="137"/>
      <c r="AL2018" s="137"/>
      <c r="AM2018" s="137"/>
      <c r="AN2018" s="137"/>
      <c r="AO2018" s="137"/>
      <c r="AP2018" s="137"/>
      <c r="AQ2018" s="137"/>
      <c r="AR2018" s="137"/>
      <c r="AS2018" s="137"/>
      <c r="AT2018" s="137"/>
      <c r="AU2018" s="137"/>
      <c r="AV2018" s="137"/>
      <c r="AW2018" s="144"/>
    </row>
    <row r="2019" spans="7:49" x14ac:dyDescent="0.2">
      <c r="G2019" s="43"/>
      <c r="Z2019" s="143"/>
      <c r="AA2019" s="137"/>
      <c r="AB2019" s="137"/>
      <c r="AC2019" s="137"/>
      <c r="AD2019" s="137"/>
      <c r="AE2019" s="137"/>
      <c r="AF2019" s="137"/>
      <c r="AG2019" s="137"/>
      <c r="AH2019" s="137"/>
      <c r="AI2019" s="137"/>
      <c r="AJ2019" s="137"/>
      <c r="AK2019" s="137"/>
      <c r="AL2019" s="137"/>
      <c r="AM2019" s="137"/>
      <c r="AN2019" s="137"/>
      <c r="AO2019" s="137"/>
      <c r="AP2019" s="137"/>
      <c r="AQ2019" s="137"/>
      <c r="AR2019" s="137"/>
      <c r="AS2019" s="137"/>
      <c r="AT2019" s="137"/>
      <c r="AU2019" s="137"/>
      <c r="AV2019" s="137"/>
      <c r="AW2019" s="144"/>
    </row>
    <row r="2020" spans="7:49" x14ac:dyDescent="0.2">
      <c r="G2020" s="43"/>
      <c r="Z2020" s="143"/>
      <c r="AA2020" s="137"/>
      <c r="AB2020" s="137"/>
      <c r="AC2020" s="137"/>
      <c r="AD2020" s="137"/>
      <c r="AE2020" s="137"/>
      <c r="AF2020" s="137"/>
      <c r="AG2020" s="137"/>
      <c r="AH2020" s="137"/>
      <c r="AI2020" s="137"/>
      <c r="AJ2020" s="137"/>
      <c r="AK2020" s="137"/>
      <c r="AL2020" s="137"/>
      <c r="AM2020" s="137"/>
      <c r="AN2020" s="137"/>
      <c r="AO2020" s="137"/>
      <c r="AP2020" s="137"/>
      <c r="AQ2020" s="137"/>
      <c r="AR2020" s="137"/>
      <c r="AS2020" s="137"/>
      <c r="AT2020" s="137"/>
      <c r="AU2020" s="137"/>
      <c r="AV2020" s="137"/>
      <c r="AW2020" s="144"/>
    </row>
    <row r="2021" spans="7:49" x14ac:dyDescent="0.2">
      <c r="G2021" s="43"/>
      <c r="Z2021" s="143"/>
      <c r="AA2021" s="137"/>
      <c r="AB2021" s="137"/>
      <c r="AC2021" s="137"/>
      <c r="AD2021" s="137"/>
      <c r="AE2021" s="137"/>
      <c r="AF2021" s="137"/>
      <c r="AG2021" s="137"/>
      <c r="AH2021" s="137"/>
      <c r="AI2021" s="137"/>
      <c r="AJ2021" s="137"/>
      <c r="AK2021" s="137"/>
      <c r="AL2021" s="137"/>
      <c r="AM2021" s="137"/>
      <c r="AN2021" s="137"/>
      <c r="AO2021" s="137"/>
      <c r="AP2021" s="137"/>
      <c r="AQ2021" s="137"/>
      <c r="AR2021" s="137"/>
      <c r="AS2021" s="137"/>
      <c r="AT2021" s="137"/>
      <c r="AU2021" s="137"/>
      <c r="AV2021" s="137"/>
      <c r="AW2021" s="144"/>
    </row>
    <row r="2022" spans="7:49" x14ac:dyDescent="0.2">
      <c r="G2022" s="43"/>
      <c r="Z2022" s="143"/>
      <c r="AA2022" s="137"/>
      <c r="AB2022" s="137"/>
      <c r="AC2022" s="137"/>
      <c r="AD2022" s="137"/>
      <c r="AE2022" s="137"/>
      <c r="AF2022" s="137"/>
      <c r="AG2022" s="137"/>
      <c r="AH2022" s="137"/>
      <c r="AI2022" s="137"/>
      <c r="AJ2022" s="137"/>
      <c r="AK2022" s="137"/>
      <c r="AL2022" s="137"/>
      <c r="AM2022" s="137"/>
      <c r="AN2022" s="137"/>
      <c r="AO2022" s="137"/>
      <c r="AP2022" s="137"/>
      <c r="AQ2022" s="137"/>
      <c r="AR2022" s="137"/>
      <c r="AS2022" s="137"/>
      <c r="AT2022" s="137"/>
      <c r="AU2022" s="137"/>
      <c r="AV2022" s="137"/>
      <c r="AW2022" s="144"/>
    </row>
    <row r="2023" spans="7:49" x14ac:dyDescent="0.2">
      <c r="G2023" s="43"/>
      <c r="Z2023" s="143"/>
      <c r="AA2023" s="137"/>
      <c r="AB2023" s="137"/>
      <c r="AC2023" s="137"/>
      <c r="AD2023" s="137"/>
      <c r="AE2023" s="137"/>
      <c r="AF2023" s="137"/>
      <c r="AG2023" s="137"/>
      <c r="AH2023" s="137"/>
      <c r="AI2023" s="137"/>
      <c r="AJ2023" s="137"/>
      <c r="AK2023" s="137"/>
      <c r="AL2023" s="137"/>
      <c r="AM2023" s="137"/>
      <c r="AN2023" s="137"/>
      <c r="AO2023" s="137"/>
      <c r="AP2023" s="137"/>
      <c r="AQ2023" s="137"/>
      <c r="AR2023" s="137"/>
      <c r="AS2023" s="137"/>
      <c r="AT2023" s="137"/>
      <c r="AU2023" s="137"/>
      <c r="AV2023" s="137"/>
      <c r="AW2023" s="144"/>
    </row>
    <row r="2024" spans="7:49" x14ac:dyDescent="0.2">
      <c r="G2024" s="43"/>
      <c r="Z2024" s="143"/>
      <c r="AA2024" s="137"/>
      <c r="AB2024" s="137"/>
      <c r="AC2024" s="137"/>
      <c r="AD2024" s="137"/>
      <c r="AE2024" s="137"/>
      <c r="AF2024" s="137"/>
      <c r="AG2024" s="137"/>
      <c r="AH2024" s="137"/>
      <c r="AI2024" s="137"/>
      <c r="AJ2024" s="137"/>
      <c r="AK2024" s="137"/>
      <c r="AL2024" s="137"/>
      <c r="AM2024" s="137"/>
      <c r="AN2024" s="137"/>
      <c r="AO2024" s="137"/>
      <c r="AP2024" s="137"/>
      <c r="AQ2024" s="137"/>
      <c r="AR2024" s="137"/>
      <c r="AS2024" s="137"/>
      <c r="AT2024" s="137"/>
      <c r="AU2024" s="137"/>
      <c r="AV2024" s="137"/>
      <c r="AW2024" s="144"/>
    </row>
    <row r="2025" spans="7:49" x14ac:dyDescent="0.2">
      <c r="G2025" s="43"/>
      <c r="Z2025" s="143"/>
      <c r="AA2025" s="137"/>
      <c r="AB2025" s="137"/>
      <c r="AC2025" s="137"/>
      <c r="AD2025" s="137"/>
      <c r="AE2025" s="137"/>
      <c r="AF2025" s="137"/>
      <c r="AG2025" s="137"/>
      <c r="AH2025" s="137"/>
      <c r="AI2025" s="137"/>
      <c r="AJ2025" s="137"/>
      <c r="AK2025" s="137"/>
      <c r="AL2025" s="137"/>
      <c r="AM2025" s="137"/>
      <c r="AN2025" s="137"/>
      <c r="AO2025" s="137"/>
      <c r="AP2025" s="137"/>
      <c r="AQ2025" s="137"/>
      <c r="AR2025" s="137"/>
      <c r="AS2025" s="137"/>
      <c r="AT2025" s="137"/>
      <c r="AU2025" s="137"/>
      <c r="AV2025" s="137"/>
      <c r="AW2025" s="144"/>
    </row>
    <row r="2026" spans="7:49" x14ac:dyDescent="0.2">
      <c r="G2026" s="43"/>
      <c r="Z2026" s="143"/>
      <c r="AA2026" s="137"/>
      <c r="AB2026" s="137"/>
      <c r="AC2026" s="137"/>
      <c r="AD2026" s="137"/>
      <c r="AE2026" s="137"/>
      <c r="AF2026" s="137"/>
      <c r="AG2026" s="137"/>
      <c r="AH2026" s="137"/>
      <c r="AI2026" s="137"/>
      <c r="AJ2026" s="137"/>
      <c r="AK2026" s="137"/>
      <c r="AL2026" s="137"/>
      <c r="AM2026" s="137"/>
      <c r="AN2026" s="137"/>
      <c r="AO2026" s="137"/>
      <c r="AP2026" s="137"/>
      <c r="AQ2026" s="137"/>
      <c r="AR2026" s="137"/>
      <c r="AS2026" s="137"/>
      <c r="AT2026" s="137"/>
      <c r="AU2026" s="137"/>
      <c r="AV2026" s="137"/>
      <c r="AW2026" s="144"/>
    </row>
    <row r="2027" spans="7:49" x14ac:dyDescent="0.2">
      <c r="G2027" s="43"/>
      <c r="Z2027" s="143"/>
      <c r="AA2027" s="137"/>
      <c r="AB2027" s="137"/>
      <c r="AC2027" s="137"/>
      <c r="AD2027" s="137"/>
      <c r="AE2027" s="137"/>
      <c r="AF2027" s="137"/>
      <c r="AG2027" s="137"/>
      <c r="AH2027" s="137"/>
      <c r="AI2027" s="137"/>
      <c r="AJ2027" s="137"/>
      <c r="AK2027" s="137"/>
      <c r="AL2027" s="137"/>
      <c r="AM2027" s="137"/>
      <c r="AN2027" s="137"/>
      <c r="AO2027" s="137"/>
      <c r="AP2027" s="137"/>
      <c r="AQ2027" s="137"/>
      <c r="AR2027" s="137"/>
      <c r="AS2027" s="137"/>
      <c r="AT2027" s="137"/>
      <c r="AU2027" s="137"/>
      <c r="AV2027" s="137"/>
      <c r="AW2027" s="144"/>
    </row>
    <row r="2028" spans="7:49" x14ac:dyDescent="0.2">
      <c r="G2028" s="43"/>
      <c r="Z2028" s="143"/>
      <c r="AA2028" s="137"/>
      <c r="AB2028" s="137"/>
      <c r="AC2028" s="137"/>
      <c r="AD2028" s="137"/>
      <c r="AE2028" s="137"/>
      <c r="AF2028" s="137"/>
      <c r="AG2028" s="137"/>
      <c r="AH2028" s="137"/>
      <c r="AI2028" s="137"/>
      <c r="AJ2028" s="137"/>
      <c r="AK2028" s="137"/>
      <c r="AL2028" s="137"/>
      <c r="AM2028" s="137"/>
      <c r="AN2028" s="137"/>
      <c r="AO2028" s="137"/>
      <c r="AP2028" s="137"/>
      <c r="AQ2028" s="137"/>
      <c r="AR2028" s="137"/>
      <c r="AS2028" s="137"/>
      <c r="AT2028" s="137"/>
      <c r="AU2028" s="137"/>
      <c r="AV2028" s="137"/>
      <c r="AW2028" s="144"/>
    </row>
    <row r="2029" spans="7:49" x14ac:dyDescent="0.2">
      <c r="G2029" s="43"/>
      <c r="Z2029" s="143"/>
      <c r="AA2029" s="137"/>
      <c r="AB2029" s="137"/>
      <c r="AC2029" s="137"/>
      <c r="AD2029" s="137"/>
      <c r="AE2029" s="137"/>
      <c r="AF2029" s="137"/>
      <c r="AG2029" s="137"/>
      <c r="AH2029" s="137"/>
      <c r="AI2029" s="137"/>
      <c r="AJ2029" s="137"/>
      <c r="AK2029" s="137"/>
      <c r="AL2029" s="137"/>
      <c r="AM2029" s="137"/>
      <c r="AN2029" s="137"/>
      <c r="AO2029" s="137"/>
      <c r="AP2029" s="137"/>
      <c r="AQ2029" s="137"/>
      <c r="AR2029" s="137"/>
      <c r="AS2029" s="137"/>
      <c r="AT2029" s="137"/>
      <c r="AU2029" s="137"/>
      <c r="AV2029" s="137"/>
      <c r="AW2029" s="144"/>
    </row>
    <row r="2030" spans="7:49" x14ac:dyDescent="0.2">
      <c r="G2030" s="43"/>
      <c r="Z2030" s="143"/>
      <c r="AA2030" s="137"/>
      <c r="AB2030" s="137"/>
      <c r="AC2030" s="137"/>
      <c r="AD2030" s="137"/>
      <c r="AE2030" s="137"/>
      <c r="AF2030" s="137"/>
      <c r="AG2030" s="137"/>
      <c r="AH2030" s="137"/>
      <c r="AI2030" s="137"/>
      <c r="AJ2030" s="137"/>
      <c r="AK2030" s="137"/>
      <c r="AL2030" s="137"/>
      <c r="AM2030" s="137"/>
      <c r="AN2030" s="137"/>
      <c r="AO2030" s="137"/>
      <c r="AP2030" s="137"/>
      <c r="AQ2030" s="137"/>
      <c r="AR2030" s="137"/>
      <c r="AS2030" s="137"/>
      <c r="AT2030" s="137"/>
      <c r="AU2030" s="137"/>
      <c r="AV2030" s="137"/>
      <c r="AW2030" s="144"/>
    </row>
    <row r="2031" spans="7:49" x14ac:dyDescent="0.2">
      <c r="G2031" s="43"/>
      <c r="Z2031" s="143"/>
      <c r="AA2031" s="137"/>
      <c r="AB2031" s="137"/>
      <c r="AC2031" s="137"/>
      <c r="AD2031" s="137"/>
      <c r="AE2031" s="137"/>
      <c r="AF2031" s="137"/>
      <c r="AG2031" s="137"/>
      <c r="AH2031" s="137"/>
      <c r="AI2031" s="137"/>
      <c r="AJ2031" s="137"/>
      <c r="AK2031" s="137"/>
      <c r="AL2031" s="137"/>
      <c r="AM2031" s="137"/>
      <c r="AN2031" s="137"/>
      <c r="AO2031" s="137"/>
      <c r="AP2031" s="137"/>
      <c r="AQ2031" s="137"/>
      <c r="AR2031" s="137"/>
      <c r="AS2031" s="137"/>
      <c r="AT2031" s="137"/>
      <c r="AU2031" s="137"/>
      <c r="AV2031" s="137"/>
      <c r="AW2031" s="144"/>
    </row>
    <row r="2032" spans="7:49" x14ac:dyDescent="0.2">
      <c r="G2032" s="43"/>
      <c r="Z2032" s="143"/>
      <c r="AA2032" s="137"/>
      <c r="AB2032" s="137"/>
      <c r="AC2032" s="137"/>
      <c r="AD2032" s="137"/>
      <c r="AE2032" s="137"/>
      <c r="AF2032" s="137"/>
      <c r="AG2032" s="137"/>
      <c r="AH2032" s="137"/>
      <c r="AI2032" s="137"/>
      <c r="AJ2032" s="137"/>
      <c r="AK2032" s="137"/>
      <c r="AL2032" s="137"/>
      <c r="AM2032" s="137"/>
      <c r="AN2032" s="137"/>
      <c r="AO2032" s="137"/>
      <c r="AP2032" s="137"/>
      <c r="AQ2032" s="137"/>
      <c r="AR2032" s="137"/>
      <c r="AS2032" s="137"/>
      <c r="AT2032" s="137"/>
      <c r="AU2032" s="137"/>
      <c r="AV2032" s="137"/>
      <c r="AW2032" s="144"/>
    </row>
    <row r="2033" spans="7:49" x14ac:dyDescent="0.2">
      <c r="G2033" s="43"/>
      <c r="Z2033" s="143"/>
      <c r="AA2033" s="137"/>
      <c r="AB2033" s="137"/>
      <c r="AC2033" s="137"/>
      <c r="AD2033" s="137"/>
      <c r="AE2033" s="137"/>
      <c r="AF2033" s="137"/>
      <c r="AG2033" s="137"/>
      <c r="AH2033" s="137"/>
      <c r="AI2033" s="137"/>
      <c r="AJ2033" s="137"/>
      <c r="AK2033" s="137"/>
      <c r="AL2033" s="137"/>
      <c r="AM2033" s="137"/>
      <c r="AN2033" s="137"/>
      <c r="AO2033" s="137"/>
      <c r="AP2033" s="137"/>
      <c r="AQ2033" s="137"/>
      <c r="AR2033" s="137"/>
      <c r="AS2033" s="137"/>
      <c r="AT2033" s="137"/>
      <c r="AU2033" s="137"/>
      <c r="AV2033" s="137"/>
      <c r="AW2033" s="144"/>
    </row>
    <row r="2034" spans="7:49" x14ac:dyDescent="0.2">
      <c r="G2034" s="43"/>
      <c r="Z2034" s="143"/>
      <c r="AA2034" s="137"/>
      <c r="AB2034" s="137"/>
      <c r="AC2034" s="137"/>
      <c r="AD2034" s="137"/>
      <c r="AE2034" s="137"/>
      <c r="AF2034" s="137"/>
      <c r="AG2034" s="137"/>
      <c r="AH2034" s="137"/>
      <c r="AI2034" s="137"/>
      <c r="AJ2034" s="137"/>
      <c r="AK2034" s="137"/>
      <c r="AL2034" s="137"/>
      <c r="AM2034" s="137"/>
      <c r="AN2034" s="137"/>
      <c r="AO2034" s="137"/>
      <c r="AP2034" s="137"/>
      <c r="AQ2034" s="137"/>
      <c r="AR2034" s="137"/>
      <c r="AS2034" s="137"/>
      <c r="AT2034" s="137"/>
      <c r="AU2034" s="137"/>
      <c r="AV2034" s="137"/>
      <c r="AW2034" s="144"/>
    </row>
    <row r="2035" spans="7:49" x14ac:dyDescent="0.2">
      <c r="G2035" s="43"/>
      <c r="Z2035" s="143"/>
      <c r="AA2035" s="137"/>
      <c r="AB2035" s="137"/>
      <c r="AC2035" s="137"/>
      <c r="AD2035" s="137"/>
      <c r="AE2035" s="137"/>
      <c r="AF2035" s="137"/>
      <c r="AG2035" s="137"/>
      <c r="AH2035" s="137"/>
      <c r="AI2035" s="137"/>
      <c r="AJ2035" s="137"/>
      <c r="AK2035" s="137"/>
      <c r="AL2035" s="137"/>
      <c r="AM2035" s="137"/>
      <c r="AN2035" s="137"/>
      <c r="AO2035" s="137"/>
      <c r="AP2035" s="137"/>
      <c r="AQ2035" s="137"/>
      <c r="AR2035" s="137"/>
      <c r="AS2035" s="137"/>
      <c r="AT2035" s="137"/>
      <c r="AU2035" s="137"/>
      <c r="AV2035" s="137"/>
      <c r="AW2035" s="144"/>
    </row>
    <row r="2036" spans="7:49" x14ac:dyDescent="0.2">
      <c r="G2036" s="43"/>
      <c r="Z2036" s="143"/>
      <c r="AA2036" s="137"/>
      <c r="AB2036" s="137"/>
      <c r="AC2036" s="137"/>
      <c r="AD2036" s="137"/>
      <c r="AE2036" s="137"/>
      <c r="AF2036" s="137"/>
      <c r="AG2036" s="137"/>
      <c r="AH2036" s="137"/>
      <c r="AI2036" s="137"/>
      <c r="AJ2036" s="137"/>
      <c r="AK2036" s="137"/>
      <c r="AL2036" s="137"/>
      <c r="AM2036" s="137"/>
      <c r="AN2036" s="137"/>
      <c r="AO2036" s="137"/>
      <c r="AP2036" s="137"/>
      <c r="AQ2036" s="137"/>
      <c r="AR2036" s="137"/>
      <c r="AS2036" s="137"/>
      <c r="AT2036" s="137"/>
      <c r="AU2036" s="137"/>
      <c r="AV2036" s="137"/>
      <c r="AW2036" s="144"/>
    </row>
    <row r="2037" spans="7:49" x14ac:dyDescent="0.2">
      <c r="G2037" s="43"/>
      <c r="Z2037" s="143"/>
      <c r="AA2037" s="137"/>
      <c r="AB2037" s="137"/>
      <c r="AC2037" s="137"/>
      <c r="AD2037" s="137"/>
      <c r="AE2037" s="137"/>
      <c r="AF2037" s="137"/>
      <c r="AG2037" s="137"/>
      <c r="AH2037" s="137"/>
      <c r="AI2037" s="137"/>
      <c r="AJ2037" s="137"/>
      <c r="AK2037" s="137"/>
      <c r="AL2037" s="137"/>
      <c r="AM2037" s="137"/>
      <c r="AN2037" s="137"/>
      <c r="AO2037" s="137"/>
      <c r="AP2037" s="137"/>
      <c r="AQ2037" s="137"/>
      <c r="AR2037" s="137"/>
      <c r="AS2037" s="137"/>
      <c r="AT2037" s="137"/>
      <c r="AU2037" s="137"/>
      <c r="AV2037" s="137"/>
      <c r="AW2037" s="144"/>
    </row>
    <row r="2038" spans="7:49" x14ac:dyDescent="0.2">
      <c r="G2038" s="43"/>
      <c r="Z2038" s="143"/>
      <c r="AA2038" s="137"/>
      <c r="AB2038" s="137"/>
      <c r="AC2038" s="137"/>
      <c r="AD2038" s="137"/>
      <c r="AE2038" s="137"/>
      <c r="AF2038" s="137"/>
      <c r="AG2038" s="137"/>
      <c r="AH2038" s="137"/>
      <c r="AI2038" s="137"/>
      <c r="AJ2038" s="137"/>
      <c r="AK2038" s="137"/>
      <c r="AL2038" s="137"/>
      <c r="AM2038" s="137"/>
      <c r="AN2038" s="137"/>
      <c r="AO2038" s="137"/>
      <c r="AP2038" s="137"/>
      <c r="AQ2038" s="137"/>
      <c r="AR2038" s="137"/>
      <c r="AS2038" s="137"/>
      <c r="AT2038" s="137"/>
      <c r="AU2038" s="137"/>
      <c r="AV2038" s="137"/>
      <c r="AW2038" s="144"/>
    </row>
    <row r="2039" spans="7:49" x14ac:dyDescent="0.2">
      <c r="G2039" s="43"/>
      <c r="Z2039" s="143"/>
      <c r="AA2039" s="137"/>
      <c r="AB2039" s="137"/>
      <c r="AC2039" s="137"/>
      <c r="AD2039" s="137"/>
      <c r="AE2039" s="137"/>
      <c r="AF2039" s="137"/>
      <c r="AG2039" s="137"/>
      <c r="AH2039" s="137"/>
      <c r="AI2039" s="137"/>
      <c r="AJ2039" s="137"/>
      <c r="AK2039" s="137"/>
      <c r="AL2039" s="137"/>
      <c r="AM2039" s="137"/>
      <c r="AN2039" s="137"/>
      <c r="AO2039" s="137"/>
      <c r="AP2039" s="137"/>
      <c r="AQ2039" s="137"/>
      <c r="AR2039" s="137"/>
      <c r="AS2039" s="137"/>
      <c r="AT2039" s="137"/>
      <c r="AU2039" s="137"/>
      <c r="AV2039" s="137"/>
      <c r="AW2039" s="144"/>
    </row>
    <row r="2040" spans="7:49" x14ac:dyDescent="0.2">
      <c r="G2040" s="43"/>
      <c r="Z2040" s="143"/>
      <c r="AA2040" s="137"/>
      <c r="AB2040" s="137"/>
      <c r="AC2040" s="137"/>
      <c r="AD2040" s="137"/>
      <c r="AE2040" s="137"/>
      <c r="AF2040" s="137"/>
      <c r="AG2040" s="137"/>
      <c r="AH2040" s="137"/>
      <c r="AI2040" s="137"/>
      <c r="AJ2040" s="137"/>
      <c r="AK2040" s="137"/>
      <c r="AL2040" s="137"/>
      <c r="AM2040" s="137"/>
      <c r="AN2040" s="137"/>
      <c r="AO2040" s="137"/>
      <c r="AP2040" s="137"/>
      <c r="AQ2040" s="137"/>
      <c r="AR2040" s="137"/>
      <c r="AS2040" s="137"/>
      <c r="AT2040" s="137"/>
      <c r="AU2040" s="137"/>
      <c r="AV2040" s="137"/>
      <c r="AW2040" s="144"/>
    </row>
    <row r="2041" spans="7:49" x14ac:dyDescent="0.2">
      <c r="G2041" s="43"/>
      <c r="Z2041" s="143"/>
      <c r="AA2041" s="137"/>
      <c r="AB2041" s="137"/>
      <c r="AC2041" s="137"/>
      <c r="AD2041" s="137"/>
      <c r="AE2041" s="137"/>
      <c r="AF2041" s="137"/>
      <c r="AG2041" s="137"/>
      <c r="AH2041" s="137"/>
      <c r="AI2041" s="137"/>
      <c r="AJ2041" s="137"/>
      <c r="AK2041" s="137"/>
      <c r="AL2041" s="137"/>
      <c r="AM2041" s="137"/>
      <c r="AN2041" s="137"/>
      <c r="AO2041" s="137"/>
      <c r="AP2041" s="137"/>
      <c r="AQ2041" s="137"/>
      <c r="AR2041" s="137"/>
      <c r="AS2041" s="137"/>
      <c r="AT2041" s="137"/>
      <c r="AU2041" s="137"/>
      <c r="AV2041" s="137"/>
      <c r="AW2041" s="144"/>
    </row>
    <row r="2042" spans="7:49" x14ac:dyDescent="0.2">
      <c r="G2042" s="43"/>
      <c r="Z2042" s="143"/>
      <c r="AA2042" s="137"/>
      <c r="AB2042" s="137"/>
      <c r="AC2042" s="137"/>
      <c r="AD2042" s="137"/>
      <c r="AE2042" s="137"/>
      <c r="AF2042" s="137"/>
      <c r="AG2042" s="137"/>
      <c r="AH2042" s="137"/>
      <c r="AI2042" s="137"/>
      <c r="AJ2042" s="137"/>
      <c r="AK2042" s="137"/>
      <c r="AL2042" s="137"/>
      <c r="AM2042" s="137"/>
      <c r="AN2042" s="137"/>
      <c r="AO2042" s="137"/>
      <c r="AP2042" s="137"/>
      <c r="AQ2042" s="137"/>
      <c r="AR2042" s="137"/>
      <c r="AS2042" s="137"/>
      <c r="AT2042" s="137"/>
      <c r="AU2042" s="137"/>
      <c r="AV2042" s="137"/>
      <c r="AW2042" s="144"/>
    </row>
    <row r="2043" spans="7:49" x14ac:dyDescent="0.2">
      <c r="G2043" s="43"/>
      <c r="Z2043" s="143"/>
      <c r="AA2043" s="137"/>
      <c r="AB2043" s="137"/>
      <c r="AC2043" s="137"/>
      <c r="AD2043" s="137"/>
      <c r="AE2043" s="137"/>
      <c r="AF2043" s="137"/>
      <c r="AG2043" s="137"/>
      <c r="AH2043" s="137"/>
      <c r="AI2043" s="137"/>
      <c r="AJ2043" s="137"/>
      <c r="AK2043" s="137"/>
      <c r="AL2043" s="137"/>
      <c r="AM2043" s="137"/>
      <c r="AN2043" s="137"/>
      <c r="AO2043" s="137"/>
      <c r="AP2043" s="137"/>
      <c r="AQ2043" s="137"/>
      <c r="AR2043" s="137"/>
      <c r="AS2043" s="137"/>
      <c r="AT2043" s="137"/>
      <c r="AU2043" s="137"/>
      <c r="AV2043" s="137"/>
      <c r="AW2043" s="144"/>
    </row>
    <row r="2044" spans="7:49" x14ac:dyDescent="0.2">
      <c r="G2044" s="43"/>
      <c r="Z2044" s="143"/>
      <c r="AA2044" s="137"/>
      <c r="AB2044" s="137"/>
      <c r="AC2044" s="137"/>
      <c r="AD2044" s="137"/>
      <c r="AE2044" s="137"/>
      <c r="AF2044" s="137"/>
      <c r="AG2044" s="137"/>
      <c r="AH2044" s="137"/>
      <c r="AI2044" s="137"/>
      <c r="AJ2044" s="137"/>
      <c r="AK2044" s="137"/>
      <c r="AL2044" s="137"/>
      <c r="AM2044" s="137"/>
      <c r="AN2044" s="137"/>
      <c r="AO2044" s="137"/>
      <c r="AP2044" s="137"/>
      <c r="AQ2044" s="137"/>
      <c r="AR2044" s="137"/>
      <c r="AS2044" s="137"/>
      <c r="AT2044" s="137"/>
      <c r="AU2044" s="137"/>
      <c r="AV2044" s="137"/>
      <c r="AW2044" s="144"/>
    </row>
    <row r="2045" spans="7:49" x14ac:dyDescent="0.2">
      <c r="G2045" s="43"/>
      <c r="Z2045" s="143"/>
      <c r="AA2045" s="137"/>
      <c r="AB2045" s="137"/>
      <c r="AC2045" s="137"/>
      <c r="AD2045" s="137"/>
      <c r="AE2045" s="137"/>
      <c r="AF2045" s="137"/>
      <c r="AG2045" s="137"/>
      <c r="AH2045" s="137"/>
      <c r="AI2045" s="137"/>
      <c r="AJ2045" s="137"/>
      <c r="AK2045" s="137"/>
      <c r="AL2045" s="137"/>
      <c r="AM2045" s="137"/>
      <c r="AN2045" s="137"/>
      <c r="AO2045" s="137"/>
      <c r="AP2045" s="137"/>
      <c r="AQ2045" s="137"/>
      <c r="AR2045" s="137"/>
      <c r="AS2045" s="137"/>
      <c r="AT2045" s="137"/>
      <c r="AU2045" s="137"/>
      <c r="AV2045" s="137"/>
      <c r="AW2045" s="144"/>
    </row>
    <row r="2046" spans="7:49" x14ac:dyDescent="0.2">
      <c r="G2046" s="43"/>
      <c r="Z2046" s="143"/>
      <c r="AA2046" s="137"/>
      <c r="AB2046" s="137"/>
      <c r="AC2046" s="137"/>
      <c r="AD2046" s="137"/>
      <c r="AE2046" s="137"/>
      <c r="AF2046" s="137"/>
      <c r="AG2046" s="137"/>
      <c r="AH2046" s="137"/>
      <c r="AI2046" s="137"/>
      <c r="AJ2046" s="137"/>
      <c r="AK2046" s="137"/>
      <c r="AL2046" s="137"/>
      <c r="AM2046" s="137"/>
      <c r="AN2046" s="137"/>
      <c r="AO2046" s="137"/>
      <c r="AP2046" s="137"/>
      <c r="AQ2046" s="137"/>
      <c r="AR2046" s="137"/>
      <c r="AS2046" s="137"/>
      <c r="AT2046" s="137"/>
      <c r="AU2046" s="137"/>
      <c r="AV2046" s="137"/>
      <c r="AW2046" s="144"/>
    </row>
    <row r="2047" spans="7:49" x14ac:dyDescent="0.2">
      <c r="G2047" s="43"/>
      <c r="Z2047" s="143"/>
      <c r="AA2047" s="137"/>
      <c r="AB2047" s="137"/>
      <c r="AC2047" s="137"/>
      <c r="AD2047" s="137"/>
      <c r="AE2047" s="137"/>
      <c r="AF2047" s="137"/>
      <c r="AG2047" s="137"/>
      <c r="AH2047" s="137"/>
      <c r="AI2047" s="137"/>
      <c r="AJ2047" s="137"/>
      <c r="AK2047" s="137"/>
      <c r="AL2047" s="137"/>
      <c r="AM2047" s="137"/>
      <c r="AN2047" s="137"/>
      <c r="AO2047" s="137"/>
      <c r="AP2047" s="137"/>
      <c r="AQ2047" s="137"/>
      <c r="AR2047" s="137"/>
      <c r="AS2047" s="137"/>
      <c r="AT2047" s="137"/>
      <c r="AU2047" s="137"/>
      <c r="AV2047" s="137"/>
      <c r="AW2047" s="144"/>
    </row>
    <row r="2048" spans="7:49" x14ac:dyDescent="0.2">
      <c r="G2048" s="43"/>
      <c r="Z2048" s="143"/>
      <c r="AA2048" s="137"/>
      <c r="AB2048" s="137"/>
      <c r="AC2048" s="137"/>
      <c r="AD2048" s="137"/>
      <c r="AE2048" s="137"/>
      <c r="AF2048" s="137"/>
      <c r="AG2048" s="137"/>
      <c r="AH2048" s="137"/>
      <c r="AI2048" s="137"/>
      <c r="AJ2048" s="137"/>
      <c r="AK2048" s="137"/>
      <c r="AL2048" s="137"/>
      <c r="AM2048" s="137"/>
      <c r="AN2048" s="137"/>
      <c r="AO2048" s="137"/>
      <c r="AP2048" s="137"/>
      <c r="AQ2048" s="137"/>
      <c r="AR2048" s="137"/>
      <c r="AS2048" s="137"/>
      <c r="AT2048" s="137"/>
      <c r="AU2048" s="137"/>
      <c r="AV2048" s="137"/>
      <c r="AW2048" s="144"/>
    </row>
    <row r="2049" spans="7:49" x14ac:dyDescent="0.2">
      <c r="G2049" s="43"/>
      <c r="Z2049" s="143"/>
      <c r="AA2049" s="137"/>
      <c r="AB2049" s="137"/>
      <c r="AC2049" s="137"/>
      <c r="AD2049" s="137"/>
      <c r="AE2049" s="137"/>
      <c r="AF2049" s="137"/>
      <c r="AG2049" s="137"/>
      <c r="AH2049" s="137"/>
      <c r="AI2049" s="137"/>
      <c r="AJ2049" s="137"/>
      <c r="AK2049" s="137"/>
      <c r="AL2049" s="137"/>
      <c r="AM2049" s="137"/>
      <c r="AN2049" s="137"/>
      <c r="AO2049" s="137"/>
      <c r="AP2049" s="137"/>
      <c r="AQ2049" s="137"/>
      <c r="AR2049" s="137"/>
      <c r="AS2049" s="137"/>
      <c r="AT2049" s="137"/>
      <c r="AU2049" s="137"/>
      <c r="AV2049" s="137"/>
      <c r="AW2049" s="144"/>
    </row>
    <row r="2050" spans="7:49" x14ac:dyDescent="0.2">
      <c r="G2050" s="43"/>
      <c r="Z2050" s="143"/>
      <c r="AA2050" s="137"/>
      <c r="AB2050" s="137"/>
      <c r="AC2050" s="137"/>
      <c r="AD2050" s="137"/>
      <c r="AE2050" s="137"/>
      <c r="AF2050" s="137"/>
      <c r="AG2050" s="137"/>
      <c r="AH2050" s="137"/>
      <c r="AI2050" s="137"/>
      <c r="AJ2050" s="137"/>
      <c r="AK2050" s="137"/>
      <c r="AL2050" s="137"/>
      <c r="AM2050" s="137"/>
      <c r="AN2050" s="137"/>
      <c r="AO2050" s="137"/>
      <c r="AP2050" s="137"/>
      <c r="AQ2050" s="137"/>
      <c r="AR2050" s="137"/>
      <c r="AS2050" s="137"/>
      <c r="AT2050" s="137"/>
      <c r="AU2050" s="137"/>
      <c r="AV2050" s="137"/>
      <c r="AW2050" s="144"/>
    </row>
    <row r="2051" spans="7:49" x14ac:dyDescent="0.2">
      <c r="G2051" s="43"/>
      <c r="Z2051" s="143"/>
      <c r="AA2051" s="137"/>
      <c r="AB2051" s="137"/>
      <c r="AC2051" s="137"/>
      <c r="AD2051" s="137"/>
      <c r="AE2051" s="137"/>
      <c r="AF2051" s="137"/>
      <c r="AG2051" s="137"/>
      <c r="AH2051" s="137"/>
      <c r="AI2051" s="137"/>
      <c r="AJ2051" s="137"/>
      <c r="AK2051" s="137"/>
      <c r="AL2051" s="137"/>
      <c r="AM2051" s="137"/>
      <c r="AN2051" s="137"/>
      <c r="AO2051" s="137"/>
      <c r="AP2051" s="137"/>
      <c r="AQ2051" s="137"/>
      <c r="AR2051" s="137"/>
      <c r="AS2051" s="137"/>
      <c r="AT2051" s="137"/>
      <c r="AU2051" s="137"/>
      <c r="AV2051" s="137"/>
      <c r="AW2051" s="144"/>
    </row>
    <row r="2052" spans="7:49" x14ac:dyDescent="0.2">
      <c r="G2052" s="43"/>
      <c r="Z2052" s="143"/>
      <c r="AA2052" s="137"/>
      <c r="AB2052" s="137"/>
      <c r="AC2052" s="137"/>
      <c r="AD2052" s="137"/>
      <c r="AE2052" s="137"/>
      <c r="AF2052" s="137"/>
      <c r="AG2052" s="137"/>
      <c r="AH2052" s="137"/>
      <c r="AI2052" s="137"/>
      <c r="AJ2052" s="137"/>
      <c r="AK2052" s="137"/>
      <c r="AL2052" s="137"/>
      <c r="AM2052" s="137"/>
      <c r="AN2052" s="137"/>
      <c r="AO2052" s="137"/>
      <c r="AP2052" s="137"/>
      <c r="AQ2052" s="137"/>
      <c r="AR2052" s="137"/>
      <c r="AS2052" s="137"/>
      <c r="AT2052" s="137"/>
      <c r="AU2052" s="137"/>
      <c r="AV2052" s="137"/>
      <c r="AW2052" s="144"/>
    </row>
    <row r="2053" spans="7:49" x14ac:dyDescent="0.2">
      <c r="G2053" s="43"/>
      <c r="Z2053" s="143"/>
      <c r="AA2053" s="137"/>
      <c r="AB2053" s="137"/>
      <c r="AC2053" s="137"/>
      <c r="AD2053" s="137"/>
      <c r="AE2053" s="137"/>
      <c r="AF2053" s="137"/>
      <c r="AG2053" s="137"/>
      <c r="AH2053" s="137"/>
      <c r="AI2053" s="137"/>
      <c r="AJ2053" s="137"/>
      <c r="AK2053" s="137"/>
      <c r="AL2053" s="137"/>
      <c r="AM2053" s="137"/>
      <c r="AN2053" s="137"/>
      <c r="AO2053" s="137"/>
      <c r="AP2053" s="137"/>
      <c r="AQ2053" s="137"/>
      <c r="AR2053" s="137"/>
      <c r="AS2053" s="137"/>
      <c r="AT2053" s="137"/>
      <c r="AU2053" s="137"/>
      <c r="AV2053" s="137"/>
      <c r="AW2053" s="144"/>
    </row>
    <row r="2054" spans="7:49" x14ac:dyDescent="0.2">
      <c r="G2054" s="43"/>
      <c r="Z2054" s="143"/>
      <c r="AA2054" s="137"/>
      <c r="AB2054" s="137"/>
      <c r="AC2054" s="137"/>
      <c r="AD2054" s="137"/>
      <c r="AE2054" s="137"/>
      <c r="AF2054" s="137"/>
      <c r="AG2054" s="137"/>
      <c r="AH2054" s="137"/>
      <c r="AI2054" s="137"/>
      <c r="AJ2054" s="137"/>
      <c r="AK2054" s="137"/>
      <c r="AL2054" s="137"/>
      <c r="AM2054" s="137"/>
      <c r="AN2054" s="137"/>
      <c r="AO2054" s="137"/>
      <c r="AP2054" s="137"/>
      <c r="AQ2054" s="137"/>
      <c r="AR2054" s="137"/>
      <c r="AS2054" s="137"/>
      <c r="AT2054" s="137"/>
      <c r="AU2054" s="137"/>
      <c r="AV2054" s="137"/>
      <c r="AW2054" s="144"/>
    </row>
    <row r="2055" spans="7:49" x14ac:dyDescent="0.2">
      <c r="G2055" s="43"/>
      <c r="Z2055" s="143"/>
      <c r="AA2055" s="137"/>
      <c r="AB2055" s="137"/>
      <c r="AC2055" s="137"/>
      <c r="AD2055" s="137"/>
      <c r="AE2055" s="137"/>
      <c r="AF2055" s="137"/>
      <c r="AG2055" s="137"/>
      <c r="AH2055" s="137"/>
      <c r="AI2055" s="137"/>
      <c r="AJ2055" s="137"/>
      <c r="AK2055" s="137"/>
      <c r="AL2055" s="137"/>
      <c r="AM2055" s="137"/>
      <c r="AN2055" s="137"/>
      <c r="AO2055" s="137"/>
      <c r="AP2055" s="137"/>
      <c r="AQ2055" s="137"/>
      <c r="AR2055" s="137"/>
      <c r="AS2055" s="137"/>
      <c r="AT2055" s="137"/>
      <c r="AU2055" s="137"/>
      <c r="AV2055" s="137"/>
      <c r="AW2055" s="144"/>
    </row>
    <row r="2056" spans="7:49" x14ac:dyDescent="0.2">
      <c r="G2056" s="43"/>
      <c r="Z2056" s="143"/>
      <c r="AA2056" s="137"/>
      <c r="AB2056" s="137"/>
      <c r="AC2056" s="137"/>
      <c r="AD2056" s="137"/>
      <c r="AE2056" s="137"/>
      <c r="AF2056" s="137"/>
      <c r="AG2056" s="137"/>
      <c r="AH2056" s="137"/>
      <c r="AI2056" s="137"/>
      <c r="AJ2056" s="137"/>
      <c r="AK2056" s="137"/>
      <c r="AL2056" s="137"/>
      <c r="AM2056" s="137"/>
      <c r="AN2056" s="137"/>
      <c r="AO2056" s="137"/>
      <c r="AP2056" s="137"/>
      <c r="AQ2056" s="137"/>
      <c r="AR2056" s="137"/>
      <c r="AS2056" s="137"/>
      <c r="AT2056" s="137"/>
      <c r="AU2056" s="137"/>
      <c r="AV2056" s="137"/>
      <c r="AW2056" s="144"/>
    </row>
    <row r="2057" spans="7:49" x14ac:dyDescent="0.2">
      <c r="G2057" s="43"/>
      <c r="Z2057" s="143"/>
      <c r="AA2057" s="137"/>
      <c r="AB2057" s="137"/>
      <c r="AC2057" s="137"/>
      <c r="AD2057" s="137"/>
      <c r="AE2057" s="137"/>
      <c r="AF2057" s="137"/>
      <c r="AG2057" s="137"/>
      <c r="AH2057" s="137"/>
      <c r="AI2057" s="137"/>
      <c r="AJ2057" s="137"/>
      <c r="AK2057" s="137"/>
      <c r="AL2057" s="137"/>
      <c r="AM2057" s="137"/>
      <c r="AN2057" s="137"/>
      <c r="AO2057" s="137"/>
      <c r="AP2057" s="137"/>
      <c r="AQ2057" s="137"/>
      <c r="AR2057" s="137"/>
      <c r="AS2057" s="137"/>
      <c r="AT2057" s="137"/>
      <c r="AU2057" s="137"/>
      <c r="AV2057" s="137"/>
      <c r="AW2057" s="144"/>
    </row>
    <row r="2058" spans="7:49" x14ac:dyDescent="0.2">
      <c r="G2058" s="43"/>
      <c r="Z2058" s="143"/>
      <c r="AA2058" s="137"/>
      <c r="AB2058" s="137"/>
      <c r="AC2058" s="137"/>
      <c r="AD2058" s="137"/>
      <c r="AE2058" s="137"/>
      <c r="AF2058" s="137"/>
      <c r="AG2058" s="137"/>
      <c r="AH2058" s="137"/>
      <c r="AI2058" s="137"/>
      <c r="AJ2058" s="137"/>
      <c r="AK2058" s="137"/>
      <c r="AL2058" s="137"/>
      <c r="AM2058" s="137"/>
      <c r="AN2058" s="137"/>
      <c r="AO2058" s="137"/>
      <c r="AP2058" s="137"/>
      <c r="AQ2058" s="137"/>
      <c r="AR2058" s="137"/>
      <c r="AS2058" s="137"/>
      <c r="AT2058" s="137"/>
      <c r="AU2058" s="137"/>
      <c r="AV2058" s="137"/>
      <c r="AW2058" s="144"/>
    </row>
    <row r="2059" spans="7:49" x14ac:dyDescent="0.2">
      <c r="G2059" s="43"/>
      <c r="Z2059" s="143"/>
      <c r="AA2059" s="137"/>
      <c r="AB2059" s="137"/>
      <c r="AC2059" s="137"/>
      <c r="AD2059" s="137"/>
      <c r="AE2059" s="137"/>
      <c r="AF2059" s="137"/>
      <c r="AG2059" s="137"/>
      <c r="AH2059" s="137"/>
      <c r="AI2059" s="137"/>
      <c r="AJ2059" s="137"/>
      <c r="AK2059" s="137"/>
      <c r="AL2059" s="137"/>
      <c r="AM2059" s="137"/>
      <c r="AN2059" s="137"/>
      <c r="AO2059" s="137"/>
      <c r="AP2059" s="137"/>
      <c r="AQ2059" s="137"/>
      <c r="AR2059" s="137"/>
      <c r="AS2059" s="137"/>
      <c r="AT2059" s="137"/>
      <c r="AU2059" s="137"/>
      <c r="AV2059" s="137"/>
      <c r="AW2059" s="144"/>
    </row>
    <row r="2060" spans="7:49" x14ac:dyDescent="0.2">
      <c r="G2060" s="43"/>
      <c r="Z2060" s="143"/>
      <c r="AA2060" s="137"/>
      <c r="AB2060" s="137"/>
      <c r="AC2060" s="137"/>
      <c r="AD2060" s="137"/>
      <c r="AE2060" s="137"/>
      <c r="AF2060" s="137"/>
      <c r="AG2060" s="137"/>
      <c r="AH2060" s="137"/>
      <c r="AI2060" s="137"/>
      <c r="AJ2060" s="137"/>
      <c r="AK2060" s="137"/>
      <c r="AL2060" s="137"/>
      <c r="AM2060" s="137"/>
      <c r="AN2060" s="137"/>
      <c r="AO2060" s="137"/>
      <c r="AP2060" s="137"/>
      <c r="AQ2060" s="137"/>
      <c r="AR2060" s="137"/>
      <c r="AS2060" s="137"/>
      <c r="AT2060" s="137"/>
      <c r="AU2060" s="137"/>
      <c r="AV2060" s="137"/>
      <c r="AW2060" s="144"/>
    </row>
    <row r="2061" spans="7:49" x14ac:dyDescent="0.2">
      <c r="G2061" s="43"/>
      <c r="Z2061" s="143"/>
      <c r="AA2061" s="137"/>
      <c r="AB2061" s="137"/>
      <c r="AC2061" s="137"/>
      <c r="AD2061" s="137"/>
      <c r="AE2061" s="137"/>
      <c r="AF2061" s="137"/>
      <c r="AG2061" s="137"/>
      <c r="AH2061" s="137"/>
      <c r="AI2061" s="137"/>
      <c r="AJ2061" s="137"/>
      <c r="AK2061" s="137"/>
      <c r="AL2061" s="137"/>
      <c r="AM2061" s="137"/>
      <c r="AN2061" s="137"/>
      <c r="AO2061" s="137"/>
      <c r="AP2061" s="137"/>
      <c r="AQ2061" s="137"/>
      <c r="AR2061" s="137"/>
      <c r="AS2061" s="137"/>
      <c r="AT2061" s="137"/>
      <c r="AU2061" s="137"/>
      <c r="AV2061" s="137"/>
      <c r="AW2061" s="144"/>
    </row>
    <row r="2062" spans="7:49" x14ac:dyDescent="0.2">
      <c r="G2062" s="43"/>
      <c r="Z2062" s="143"/>
      <c r="AA2062" s="137"/>
      <c r="AB2062" s="137"/>
      <c r="AC2062" s="137"/>
      <c r="AD2062" s="137"/>
      <c r="AE2062" s="137"/>
      <c r="AF2062" s="137"/>
      <c r="AG2062" s="137"/>
      <c r="AH2062" s="137"/>
      <c r="AI2062" s="137"/>
      <c r="AJ2062" s="137"/>
      <c r="AK2062" s="137"/>
      <c r="AL2062" s="137"/>
      <c r="AM2062" s="137"/>
      <c r="AN2062" s="137"/>
      <c r="AO2062" s="137"/>
      <c r="AP2062" s="137"/>
      <c r="AQ2062" s="137"/>
      <c r="AR2062" s="137"/>
      <c r="AS2062" s="137"/>
      <c r="AT2062" s="137"/>
      <c r="AU2062" s="137"/>
      <c r="AV2062" s="137"/>
      <c r="AW2062" s="144"/>
    </row>
    <row r="2063" spans="7:49" x14ac:dyDescent="0.2">
      <c r="G2063" s="43"/>
      <c r="Z2063" s="143"/>
      <c r="AA2063" s="137"/>
      <c r="AB2063" s="137"/>
      <c r="AC2063" s="137"/>
      <c r="AD2063" s="137"/>
      <c r="AE2063" s="137"/>
      <c r="AF2063" s="137"/>
      <c r="AG2063" s="137"/>
      <c r="AH2063" s="137"/>
      <c r="AI2063" s="137"/>
      <c r="AJ2063" s="137"/>
      <c r="AK2063" s="137"/>
      <c r="AL2063" s="137"/>
      <c r="AM2063" s="137"/>
      <c r="AN2063" s="137"/>
      <c r="AO2063" s="137"/>
      <c r="AP2063" s="137"/>
      <c r="AQ2063" s="137"/>
      <c r="AR2063" s="137"/>
      <c r="AS2063" s="137"/>
      <c r="AT2063" s="137"/>
      <c r="AU2063" s="137"/>
      <c r="AV2063" s="137"/>
      <c r="AW2063" s="144"/>
    </row>
    <row r="2064" spans="7:49" x14ac:dyDescent="0.2">
      <c r="G2064" s="43"/>
      <c r="Z2064" s="143"/>
      <c r="AA2064" s="137"/>
      <c r="AB2064" s="137"/>
      <c r="AC2064" s="137"/>
      <c r="AD2064" s="137"/>
      <c r="AE2064" s="137"/>
      <c r="AF2064" s="137"/>
      <c r="AG2064" s="137"/>
      <c r="AH2064" s="137"/>
      <c r="AI2064" s="137"/>
      <c r="AJ2064" s="137"/>
      <c r="AK2064" s="137"/>
      <c r="AL2064" s="137"/>
      <c r="AM2064" s="137"/>
      <c r="AN2064" s="137"/>
      <c r="AO2064" s="137"/>
      <c r="AP2064" s="137"/>
      <c r="AQ2064" s="137"/>
      <c r="AR2064" s="137"/>
      <c r="AS2064" s="137"/>
      <c r="AT2064" s="137"/>
      <c r="AU2064" s="137"/>
      <c r="AV2064" s="137"/>
      <c r="AW2064" s="144"/>
    </row>
    <row r="2065" spans="7:49" x14ac:dyDescent="0.2">
      <c r="G2065" s="43"/>
      <c r="Z2065" s="143"/>
      <c r="AA2065" s="137"/>
      <c r="AB2065" s="137"/>
      <c r="AC2065" s="137"/>
      <c r="AD2065" s="137"/>
      <c r="AE2065" s="137"/>
      <c r="AF2065" s="137"/>
      <c r="AG2065" s="137"/>
      <c r="AH2065" s="137"/>
      <c r="AI2065" s="137"/>
      <c r="AJ2065" s="137"/>
      <c r="AK2065" s="137"/>
      <c r="AL2065" s="137"/>
      <c r="AM2065" s="137"/>
      <c r="AN2065" s="137"/>
      <c r="AO2065" s="137"/>
      <c r="AP2065" s="137"/>
      <c r="AQ2065" s="137"/>
      <c r="AR2065" s="137"/>
      <c r="AS2065" s="137"/>
      <c r="AT2065" s="137"/>
      <c r="AU2065" s="137"/>
      <c r="AV2065" s="137"/>
      <c r="AW2065" s="144"/>
    </row>
    <row r="2066" spans="7:49" x14ac:dyDescent="0.2">
      <c r="G2066" s="43"/>
      <c r="Z2066" s="143"/>
      <c r="AA2066" s="137"/>
      <c r="AB2066" s="137"/>
      <c r="AC2066" s="137"/>
      <c r="AD2066" s="137"/>
      <c r="AE2066" s="137"/>
      <c r="AF2066" s="137"/>
      <c r="AG2066" s="137"/>
      <c r="AH2066" s="137"/>
      <c r="AI2066" s="137"/>
      <c r="AJ2066" s="137"/>
      <c r="AK2066" s="137"/>
      <c r="AL2066" s="137"/>
      <c r="AM2066" s="137"/>
      <c r="AN2066" s="137"/>
      <c r="AO2066" s="137"/>
      <c r="AP2066" s="137"/>
      <c r="AQ2066" s="137"/>
      <c r="AR2066" s="137"/>
      <c r="AS2066" s="137"/>
      <c r="AT2066" s="137"/>
      <c r="AU2066" s="137"/>
      <c r="AV2066" s="137"/>
      <c r="AW2066" s="144"/>
    </row>
    <row r="2067" spans="7:49" x14ac:dyDescent="0.2">
      <c r="G2067" s="43"/>
      <c r="Z2067" s="143"/>
      <c r="AA2067" s="137"/>
      <c r="AB2067" s="137"/>
      <c r="AC2067" s="137"/>
      <c r="AD2067" s="137"/>
      <c r="AE2067" s="137"/>
      <c r="AF2067" s="137"/>
      <c r="AG2067" s="137"/>
      <c r="AH2067" s="137"/>
      <c r="AI2067" s="137"/>
      <c r="AJ2067" s="137"/>
      <c r="AK2067" s="137"/>
      <c r="AL2067" s="137"/>
      <c r="AM2067" s="137"/>
      <c r="AN2067" s="137"/>
      <c r="AO2067" s="137"/>
      <c r="AP2067" s="137"/>
      <c r="AQ2067" s="137"/>
      <c r="AR2067" s="137"/>
      <c r="AS2067" s="137"/>
      <c r="AT2067" s="137"/>
      <c r="AU2067" s="137"/>
      <c r="AV2067" s="137"/>
      <c r="AW2067" s="144"/>
    </row>
    <row r="2068" spans="7:49" x14ac:dyDescent="0.2">
      <c r="G2068" s="43"/>
      <c r="Z2068" s="143"/>
      <c r="AA2068" s="137"/>
      <c r="AB2068" s="137"/>
      <c r="AC2068" s="137"/>
      <c r="AD2068" s="137"/>
      <c r="AE2068" s="137"/>
      <c r="AF2068" s="137"/>
      <c r="AG2068" s="137"/>
      <c r="AH2068" s="137"/>
      <c r="AI2068" s="137"/>
      <c r="AJ2068" s="137"/>
      <c r="AK2068" s="137"/>
      <c r="AL2068" s="137"/>
      <c r="AM2068" s="137"/>
      <c r="AN2068" s="137"/>
      <c r="AO2068" s="137"/>
      <c r="AP2068" s="137"/>
      <c r="AQ2068" s="137"/>
      <c r="AR2068" s="137"/>
      <c r="AS2068" s="137"/>
      <c r="AT2068" s="137"/>
      <c r="AU2068" s="137"/>
      <c r="AV2068" s="137"/>
      <c r="AW2068" s="144"/>
    </row>
    <row r="2069" spans="7:49" x14ac:dyDescent="0.2">
      <c r="G2069" s="43"/>
      <c r="Z2069" s="143"/>
      <c r="AA2069" s="137"/>
      <c r="AB2069" s="137"/>
      <c r="AC2069" s="137"/>
      <c r="AD2069" s="137"/>
      <c r="AE2069" s="137"/>
      <c r="AF2069" s="137"/>
      <c r="AG2069" s="137"/>
      <c r="AH2069" s="137"/>
      <c r="AI2069" s="137"/>
      <c r="AJ2069" s="137"/>
      <c r="AK2069" s="137"/>
      <c r="AL2069" s="137"/>
      <c r="AM2069" s="137"/>
      <c r="AN2069" s="137"/>
      <c r="AO2069" s="137"/>
      <c r="AP2069" s="137"/>
      <c r="AQ2069" s="137"/>
      <c r="AR2069" s="137"/>
      <c r="AS2069" s="137"/>
      <c r="AT2069" s="137"/>
      <c r="AU2069" s="137"/>
      <c r="AV2069" s="137"/>
      <c r="AW2069" s="144"/>
    </row>
    <row r="2070" spans="7:49" x14ac:dyDescent="0.2">
      <c r="G2070" s="43"/>
      <c r="Z2070" s="143"/>
      <c r="AA2070" s="137"/>
      <c r="AB2070" s="137"/>
      <c r="AC2070" s="137"/>
      <c r="AD2070" s="137"/>
      <c r="AE2070" s="137"/>
      <c r="AF2070" s="137"/>
      <c r="AG2070" s="137"/>
      <c r="AH2070" s="137"/>
      <c r="AI2070" s="137"/>
      <c r="AJ2070" s="137"/>
      <c r="AK2070" s="137"/>
      <c r="AL2070" s="137"/>
      <c r="AM2070" s="137"/>
      <c r="AN2070" s="137"/>
      <c r="AO2070" s="137"/>
      <c r="AP2070" s="137"/>
      <c r="AQ2070" s="137"/>
      <c r="AR2070" s="137"/>
      <c r="AS2070" s="137"/>
      <c r="AT2070" s="137"/>
      <c r="AU2070" s="137"/>
      <c r="AV2070" s="137"/>
      <c r="AW2070" s="144"/>
    </row>
    <row r="2071" spans="7:49" x14ac:dyDescent="0.2">
      <c r="G2071" s="43"/>
      <c r="Z2071" s="143"/>
      <c r="AA2071" s="137"/>
      <c r="AB2071" s="137"/>
      <c r="AC2071" s="137"/>
      <c r="AD2071" s="137"/>
      <c r="AE2071" s="137"/>
      <c r="AF2071" s="137"/>
      <c r="AG2071" s="137"/>
      <c r="AH2071" s="137"/>
      <c r="AI2071" s="137"/>
      <c r="AJ2071" s="137"/>
      <c r="AK2071" s="137"/>
      <c r="AL2071" s="137"/>
      <c r="AM2071" s="137"/>
      <c r="AN2071" s="137"/>
      <c r="AO2071" s="137"/>
      <c r="AP2071" s="137"/>
      <c r="AQ2071" s="137"/>
      <c r="AR2071" s="137"/>
      <c r="AS2071" s="137"/>
      <c r="AT2071" s="137"/>
      <c r="AU2071" s="137"/>
      <c r="AV2071" s="137"/>
      <c r="AW2071" s="144"/>
    </row>
    <row r="2072" spans="7:49" x14ac:dyDescent="0.2">
      <c r="G2072" s="43"/>
      <c r="Z2072" s="143"/>
      <c r="AA2072" s="137"/>
      <c r="AB2072" s="137"/>
      <c r="AC2072" s="137"/>
      <c r="AD2072" s="137"/>
      <c r="AE2072" s="137"/>
      <c r="AF2072" s="137"/>
      <c r="AG2072" s="137"/>
      <c r="AH2072" s="137"/>
      <c r="AI2072" s="137"/>
      <c r="AJ2072" s="137"/>
      <c r="AK2072" s="137"/>
      <c r="AL2072" s="137"/>
      <c r="AM2072" s="137"/>
      <c r="AN2072" s="137"/>
      <c r="AO2072" s="137"/>
      <c r="AP2072" s="137"/>
      <c r="AQ2072" s="137"/>
      <c r="AR2072" s="137"/>
      <c r="AS2072" s="137"/>
      <c r="AT2072" s="137"/>
      <c r="AU2072" s="137"/>
      <c r="AV2072" s="137"/>
      <c r="AW2072" s="144"/>
    </row>
    <row r="2073" spans="7:49" x14ac:dyDescent="0.2">
      <c r="G2073" s="43"/>
      <c r="Z2073" s="143"/>
      <c r="AA2073" s="137"/>
      <c r="AB2073" s="137"/>
      <c r="AC2073" s="137"/>
      <c r="AD2073" s="137"/>
      <c r="AE2073" s="137"/>
      <c r="AF2073" s="137"/>
      <c r="AG2073" s="137"/>
      <c r="AH2073" s="137"/>
      <c r="AI2073" s="137"/>
      <c r="AJ2073" s="137"/>
      <c r="AK2073" s="137"/>
      <c r="AL2073" s="137"/>
      <c r="AM2073" s="137"/>
      <c r="AN2073" s="137"/>
      <c r="AO2073" s="137"/>
      <c r="AP2073" s="137"/>
      <c r="AQ2073" s="137"/>
      <c r="AR2073" s="137"/>
      <c r="AS2073" s="137"/>
      <c r="AT2073" s="137"/>
      <c r="AU2073" s="137"/>
      <c r="AV2073" s="137"/>
      <c r="AW2073" s="144"/>
    </row>
    <row r="2074" spans="7:49" x14ac:dyDescent="0.2">
      <c r="G2074" s="43"/>
      <c r="Z2074" s="143"/>
      <c r="AA2074" s="137"/>
      <c r="AB2074" s="137"/>
      <c r="AC2074" s="137"/>
      <c r="AD2074" s="137"/>
      <c r="AE2074" s="137"/>
      <c r="AF2074" s="137"/>
      <c r="AG2074" s="137"/>
      <c r="AH2074" s="137"/>
      <c r="AI2074" s="137"/>
      <c r="AJ2074" s="137"/>
      <c r="AK2074" s="137"/>
      <c r="AL2074" s="137"/>
      <c r="AM2074" s="137"/>
      <c r="AN2074" s="137"/>
      <c r="AO2074" s="137"/>
      <c r="AP2074" s="137"/>
      <c r="AQ2074" s="137"/>
      <c r="AR2074" s="137"/>
      <c r="AS2074" s="137"/>
      <c r="AT2074" s="137"/>
      <c r="AU2074" s="137"/>
      <c r="AV2074" s="137"/>
      <c r="AW2074" s="144"/>
    </row>
    <row r="2075" spans="7:49" x14ac:dyDescent="0.2">
      <c r="G2075" s="43"/>
      <c r="Z2075" s="143"/>
      <c r="AA2075" s="137"/>
      <c r="AB2075" s="137"/>
      <c r="AC2075" s="137"/>
      <c r="AD2075" s="137"/>
      <c r="AE2075" s="137"/>
      <c r="AF2075" s="137"/>
      <c r="AG2075" s="137"/>
      <c r="AH2075" s="137"/>
      <c r="AI2075" s="137"/>
      <c r="AJ2075" s="137"/>
      <c r="AK2075" s="137"/>
      <c r="AL2075" s="137"/>
      <c r="AM2075" s="137"/>
      <c r="AN2075" s="137"/>
      <c r="AO2075" s="137"/>
      <c r="AP2075" s="137"/>
      <c r="AQ2075" s="137"/>
      <c r="AR2075" s="137"/>
      <c r="AS2075" s="137"/>
      <c r="AT2075" s="137"/>
      <c r="AU2075" s="137"/>
      <c r="AV2075" s="137"/>
      <c r="AW2075" s="144"/>
    </row>
    <row r="2076" spans="7:49" x14ac:dyDescent="0.2">
      <c r="G2076" s="43"/>
      <c r="Z2076" s="143"/>
      <c r="AA2076" s="137"/>
      <c r="AB2076" s="137"/>
      <c r="AC2076" s="137"/>
      <c r="AD2076" s="137"/>
      <c r="AE2076" s="137"/>
      <c r="AF2076" s="137"/>
      <c r="AG2076" s="137"/>
      <c r="AH2076" s="137"/>
      <c r="AI2076" s="137"/>
      <c r="AJ2076" s="137"/>
      <c r="AK2076" s="137"/>
      <c r="AL2076" s="137"/>
      <c r="AM2076" s="137"/>
      <c r="AN2076" s="137"/>
      <c r="AO2076" s="137"/>
      <c r="AP2076" s="137"/>
      <c r="AQ2076" s="137"/>
      <c r="AR2076" s="137"/>
      <c r="AS2076" s="137"/>
      <c r="AT2076" s="137"/>
      <c r="AU2076" s="137"/>
      <c r="AV2076" s="137"/>
      <c r="AW2076" s="144"/>
    </row>
    <row r="2077" spans="7:49" x14ac:dyDescent="0.2">
      <c r="G2077" s="43"/>
      <c r="Z2077" s="143"/>
      <c r="AA2077" s="137"/>
      <c r="AB2077" s="137"/>
      <c r="AC2077" s="137"/>
      <c r="AD2077" s="137"/>
      <c r="AE2077" s="137"/>
      <c r="AF2077" s="137"/>
      <c r="AG2077" s="137"/>
      <c r="AH2077" s="137"/>
      <c r="AI2077" s="137"/>
      <c r="AJ2077" s="137"/>
      <c r="AK2077" s="137"/>
      <c r="AL2077" s="137"/>
      <c r="AM2077" s="137"/>
      <c r="AN2077" s="137"/>
      <c r="AO2077" s="137"/>
      <c r="AP2077" s="137"/>
      <c r="AQ2077" s="137"/>
      <c r="AR2077" s="137"/>
      <c r="AS2077" s="137"/>
      <c r="AT2077" s="137"/>
      <c r="AU2077" s="137"/>
      <c r="AV2077" s="137"/>
      <c r="AW2077" s="144"/>
    </row>
    <row r="2078" spans="7:49" x14ac:dyDescent="0.2">
      <c r="G2078" s="43"/>
      <c r="Z2078" s="143"/>
      <c r="AA2078" s="137"/>
      <c r="AB2078" s="137"/>
      <c r="AC2078" s="137"/>
      <c r="AD2078" s="137"/>
      <c r="AE2078" s="137"/>
      <c r="AF2078" s="137"/>
      <c r="AG2078" s="137"/>
      <c r="AH2078" s="137"/>
      <c r="AI2078" s="137"/>
      <c r="AJ2078" s="137"/>
      <c r="AK2078" s="137"/>
      <c r="AL2078" s="137"/>
      <c r="AM2078" s="137"/>
      <c r="AN2078" s="137"/>
      <c r="AO2078" s="137"/>
      <c r="AP2078" s="137"/>
      <c r="AQ2078" s="137"/>
      <c r="AR2078" s="137"/>
      <c r="AS2078" s="137"/>
      <c r="AT2078" s="137"/>
      <c r="AU2078" s="137"/>
      <c r="AV2078" s="137"/>
      <c r="AW2078" s="144"/>
    </row>
    <row r="2079" spans="7:49" x14ac:dyDescent="0.2">
      <c r="G2079" s="43"/>
      <c r="Z2079" s="143"/>
      <c r="AA2079" s="137"/>
      <c r="AB2079" s="137"/>
      <c r="AC2079" s="137"/>
      <c r="AD2079" s="137"/>
      <c r="AE2079" s="137"/>
      <c r="AF2079" s="137"/>
      <c r="AG2079" s="137"/>
      <c r="AH2079" s="137"/>
      <c r="AI2079" s="137"/>
      <c r="AJ2079" s="137"/>
      <c r="AK2079" s="137"/>
      <c r="AL2079" s="137"/>
      <c r="AM2079" s="137"/>
      <c r="AN2079" s="137"/>
      <c r="AO2079" s="137"/>
      <c r="AP2079" s="137"/>
      <c r="AQ2079" s="137"/>
      <c r="AR2079" s="137"/>
      <c r="AS2079" s="137"/>
      <c r="AT2079" s="137"/>
      <c r="AU2079" s="137"/>
      <c r="AV2079" s="137"/>
      <c r="AW2079" s="144"/>
    </row>
    <row r="2080" spans="7:49" x14ac:dyDescent="0.2">
      <c r="G2080" s="43"/>
      <c r="Z2080" s="143"/>
      <c r="AA2080" s="137"/>
      <c r="AB2080" s="137"/>
      <c r="AC2080" s="137"/>
      <c r="AD2080" s="137"/>
      <c r="AE2080" s="137"/>
      <c r="AF2080" s="137"/>
      <c r="AG2080" s="137"/>
      <c r="AH2080" s="137"/>
      <c r="AI2080" s="137"/>
      <c r="AJ2080" s="137"/>
      <c r="AK2080" s="137"/>
      <c r="AL2080" s="137"/>
      <c r="AM2080" s="137"/>
      <c r="AN2080" s="137"/>
      <c r="AO2080" s="137"/>
      <c r="AP2080" s="137"/>
      <c r="AQ2080" s="137"/>
      <c r="AR2080" s="137"/>
      <c r="AS2080" s="137"/>
      <c r="AT2080" s="137"/>
      <c r="AU2080" s="137"/>
      <c r="AV2080" s="137"/>
      <c r="AW2080" s="144"/>
    </row>
    <row r="2081" spans="7:49" x14ac:dyDescent="0.2">
      <c r="G2081" s="43"/>
      <c r="Z2081" s="143"/>
      <c r="AA2081" s="137"/>
      <c r="AB2081" s="137"/>
      <c r="AC2081" s="137"/>
      <c r="AD2081" s="137"/>
      <c r="AE2081" s="137"/>
      <c r="AF2081" s="137"/>
      <c r="AG2081" s="137"/>
      <c r="AH2081" s="137"/>
      <c r="AI2081" s="137"/>
      <c r="AJ2081" s="137"/>
      <c r="AK2081" s="137"/>
      <c r="AL2081" s="137"/>
      <c r="AM2081" s="137"/>
      <c r="AN2081" s="137"/>
      <c r="AO2081" s="137"/>
      <c r="AP2081" s="137"/>
      <c r="AQ2081" s="137"/>
      <c r="AR2081" s="137"/>
      <c r="AS2081" s="137"/>
      <c r="AT2081" s="137"/>
      <c r="AU2081" s="137"/>
      <c r="AV2081" s="137"/>
      <c r="AW2081" s="144"/>
    </row>
    <row r="2082" spans="7:49" x14ac:dyDescent="0.2">
      <c r="G2082" s="43"/>
      <c r="Z2082" s="143"/>
      <c r="AA2082" s="137"/>
      <c r="AB2082" s="137"/>
      <c r="AC2082" s="137"/>
      <c r="AD2082" s="137"/>
      <c r="AE2082" s="137"/>
      <c r="AF2082" s="137"/>
      <c r="AG2082" s="137"/>
      <c r="AH2082" s="137"/>
      <c r="AI2082" s="137"/>
      <c r="AJ2082" s="137"/>
      <c r="AK2082" s="137"/>
      <c r="AL2082" s="137"/>
      <c r="AM2082" s="137"/>
      <c r="AN2082" s="137"/>
      <c r="AO2082" s="137"/>
      <c r="AP2082" s="137"/>
      <c r="AQ2082" s="137"/>
      <c r="AR2082" s="137"/>
      <c r="AS2082" s="137"/>
      <c r="AT2082" s="137"/>
      <c r="AU2082" s="137"/>
      <c r="AV2082" s="137"/>
      <c r="AW2082" s="144"/>
    </row>
    <row r="2083" spans="7:49" x14ac:dyDescent="0.2">
      <c r="G2083" s="43"/>
      <c r="Z2083" s="143"/>
      <c r="AA2083" s="137"/>
      <c r="AB2083" s="137"/>
      <c r="AC2083" s="137"/>
      <c r="AD2083" s="137"/>
      <c r="AE2083" s="137"/>
      <c r="AF2083" s="137"/>
      <c r="AG2083" s="137"/>
      <c r="AH2083" s="137"/>
      <c r="AI2083" s="137"/>
      <c r="AJ2083" s="137"/>
      <c r="AK2083" s="137"/>
      <c r="AL2083" s="137"/>
      <c r="AM2083" s="137"/>
      <c r="AN2083" s="137"/>
      <c r="AO2083" s="137"/>
      <c r="AP2083" s="137"/>
      <c r="AQ2083" s="137"/>
      <c r="AR2083" s="137"/>
      <c r="AS2083" s="137"/>
      <c r="AT2083" s="137"/>
      <c r="AU2083" s="137"/>
      <c r="AV2083" s="137"/>
      <c r="AW2083" s="144"/>
    </row>
    <row r="2084" spans="7:49" x14ac:dyDescent="0.2">
      <c r="G2084" s="43"/>
      <c r="Z2084" s="143"/>
      <c r="AA2084" s="137"/>
      <c r="AB2084" s="137"/>
      <c r="AC2084" s="137"/>
      <c r="AD2084" s="137"/>
      <c r="AE2084" s="137"/>
      <c r="AF2084" s="137"/>
      <c r="AG2084" s="137"/>
      <c r="AH2084" s="137"/>
      <c r="AI2084" s="137"/>
      <c r="AJ2084" s="137"/>
      <c r="AK2084" s="137"/>
      <c r="AL2084" s="137"/>
      <c r="AM2084" s="137"/>
      <c r="AN2084" s="137"/>
      <c r="AO2084" s="137"/>
      <c r="AP2084" s="137"/>
      <c r="AQ2084" s="137"/>
      <c r="AR2084" s="137"/>
      <c r="AS2084" s="137"/>
      <c r="AT2084" s="137"/>
      <c r="AU2084" s="137"/>
      <c r="AV2084" s="137"/>
      <c r="AW2084" s="144"/>
    </row>
    <row r="2085" spans="7:49" x14ac:dyDescent="0.2">
      <c r="G2085" s="43"/>
      <c r="Z2085" s="143"/>
      <c r="AA2085" s="137"/>
      <c r="AB2085" s="137"/>
      <c r="AC2085" s="137"/>
      <c r="AD2085" s="137"/>
      <c r="AE2085" s="137"/>
      <c r="AF2085" s="137"/>
      <c r="AG2085" s="137"/>
      <c r="AH2085" s="137"/>
      <c r="AI2085" s="137"/>
      <c r="AJ2085" s="137"/>
      <c r="AK2085" s="137"/>
      <c r="AL2085" s="137"/>
      <c r="AM2085" s="137"/>
      <c r="AN2085" s="137"/>
      <c r="AO2085" s="137"/>
      <c r="AP2085" s="137"/>
      <c r="AQ2085" s="137"/>
      <c r="AR2085" s="137"/>
      <c r="AS2085" s="137"/>
      <c r="AT2085" s="137"/>
      <c r="AU2085" s="137"/>
      <c r="AV2085" s="137"/>
      <c r="AW2085" s="144"/>
    </row>
    <row r="2086" spans="7:49" x14ac:dyDescent="0.2">
      <c r="G2086" s="43"/>
      <c r="Z2086" s="143"/>
      <c r="AA2086" s="137"/>
      <c r="AB2086" s="137"/>
      <c r="AC2086" s="137"/>
      <c r="AD2086" s="137"/>
      <c r="AE2086" s="137"/>
      <c r="AF2086" s="137"/>
      <c r="AG2086" s="137"/>
      <c r="AH2086" s="137"/>
      <c r="AI2086" s="137"/>
      <c r="AJ2086" s="137"/>
      <c r="AK2086" s="137"/>
      <c r="AL2086" s="137"/>
      <c r="AM2086" s="137"/>
      <c r="AN2086" s="137"/>
      <c r="AO2086" s="137"/>
      <c r="AP2086" s="137"/>
      <c r="AQ2086" s="137"/>
      <c r="AR2086" s="137"/>
      <c r="AS2086" s="137"/>
      <c r="AT2086" s="137"/>
      <c r="AU2086" s="137"/>
      <c r="AV2086" s="137"/>
      <c r="AW2086" s="144"/>
    </row>
    <row r="2087" spans="7:49" x14ac:dyDescent="0.2">
      <c r="G2087" s="43"/>
      <c r="Z2087" s="143"/>
      <c r="AA2087" s="137"/>
      <c r="AB2087" s="137"/>
      <c r="AC2087" s="137"/>
      <c r="AD2087" s="137"/>
      <c r="AE2087" s="137"/>
      <c r="AF2087" s="137"/>
      <c r="AG2087" s="137"/>
      <c r="AH2087" s="137"/>
      <c r="AI2087" s="137"/>
      <c r="AJ2087" s="137"/>
      <c r="AK2087" s="137"/>
      <c r="AL2087" s="137"/>
      <c r="AM2087" s="137"/>
      <c r="AN2087" s="137"/>
      <c r="AO2087" s="137"/>
      <c r="AP2087" s="137"/>
      <c r="AQ2087" s="137"/>
      <c r="AR2087" s="137"/>
      <c r="AS2087" s="137"/>
      <c r="AT2087" s="137"/>
      <c r="AU2087" s="137"/>
      <c r="AV2087" s="137"/>
      <c r="AW2087" s="144"/>
    </row>
    <row r="2088" spans="7:49" x14ac:dyDescent="0.2">
      <c r="G2088" s="43"/>
      <c r="Z2088" s="143"/>
      <c r="AA2088" s="137"/>
      <c r="AB2088" s="137"/>
      <c r="AC2088" s="137"/>
      <c r="AD2088" s="137"/>
      <c r="AE2088" s="137"/>
      <c r="AF2088" s="137"/>
      <c r="AG2088" s="137"/>
      <c r="AH2088" s="137"/>
      <c r="AI2088" s="137"/>
      <c r="AJ2088" s="137"/>
      <c r="AK2088" s="137"/>
      <c r="AL2088" s="137"/>
      <c r="AM2088" s="137"/>
      <c r="AN2088" s="137"/>
      <c r="AO2088" s="137"/>
      <c r="AP2088" s="137"/>
      <c r="AQ2088" s="137"/>
      <c r="AR2088" s="137"/>
      <c r="AS2088" s="137"/>
      <c r="AT2088" s="137"/>
      <c r="AU2088" s="137"/>
      <c r="AV2088" s="137"/>
      <c r="AW2088" s="144"/>
    </row>
    <row r="2089" spans="7:49" x14ac:dyDescent="0.2">
      <c r="G2089" s="43"/>
      <c r="Z2089" s="143"/>
      <c r="AA2089" s="137"/>
      <c r="AB2089" s="137"/>
      <c r="AC2089" s="137"/>
      <c r="AD2089" s="137"/>
      <c r="AE2089" s="137"/>
      <c r="AF2089" s="137"/>
      <c r="AG2089" s="137"/>
      <c r="AH2089" s="137"/>
      <c r="AI2089" s="137"/>
      <c r="AJ2089" s="137"/>
      <c r="AK2089" s="137"/>
      <c r="AL2089" s="137"/>
      <c r="AM2089" s="137"/>
      <c r="AN2089" s="137"/>
      <c r="AO2089" s="137"/>
      <c r="AP2089" s="137"/>
      <c r="AQ2089" s="137"/>
      <c r="AR2089" s="137"/>
      <c r="AS2089" s="137"/>
      <c r="AT2089" s="137"/>
      <c r="AU2089" s="137"/>
      <c r="AV2089" s="137"/>
      <c r="AW2089" s="144"/>
    </row>
    <row r="2090" spans="7:49" x14ac:dyDescent="0.2">
      <c r="G2090" s="43"/>
      <c r="Z2090" s="143"/>
      <c r="AA2090" s="137"/>
      <c r="AB2090" s="137"/>
      <c r="AC2090" s="137"/>
      <c r="AD2090" s="137"/>
      <c r="AE2090" s="137"/>
      <c r="AF2090" s="137"/>
      <c r="AG2090" s="137"/>
      <c r="AH2090" s="137"/>
      <c r="AI2090" s="137"/>
      <c r="AJ2090" s="137"/>
      <c r="AK2090" s="137"/>
      <c r="AL2090" s="137"/>
      <c r="AM2090" s="137"/>
      <c r="AN2090" s="137"/>
      <c r="AO2090" s="137"/>
      <c r="AP2090" s="137"/>
      <c r="AQ2090" s="137"/>
      <c r="AR2090" s="137"/>
      <c r="AS2090" s="137"/>
      <c r="AT2090" s="137"/>
      <c r="AU2090" s="137"/>
      <c r="AV2090" s="137"/>
      <c r="AW2090" s="144"/>
    </row>
    <row r="2091" spans="7:49" x14ac:dyDescent="0.2">
      <c r="G2091" s="43"/>
      <c r="Z2091" s="143"/>
      <c r="AA2091" s="137"/>
      <c r="AB2091" s="137"/>
      <c r="AC2091" s="137"/>
      <c r="AD2091" s="137"/>
      <c r="AE2091" s="137"/>
      <c r="AF2091" s="137"/>
      <c r="AG2091" s="137"/>
      <c r="AH2091" s="137"/>
      <c r="AI2091" s="137"/>
      <c r="AJ2091" s="137"/>
      <c r="AK2091" s="137"/>
      <c r="AL2091" s="137"/>
      <c r="AM2091" s="137"/>
      <c r="AN2091" s="137"/>
      <c r="AO2091" s="137"/>
      <c r="AP2091" s="137"/>
      <c r="AQ2091" s="137"/>
      <c r="AR2091" s="137"/>
      <c r="AS2091" s="137"/>
      <c r="AT2091" s="137"/>
      <c r="AU2091" s="137"/>
      <c r="AV2091" s="137"/>
      <c r="AW2091" s="144"/>
    </row>
    <row r="2092" spans="7:49" x14ac:dyDescent="0.2">
      <c r="G2092" s="43"/>
      <c r="Z2092" s="143"/>
      <c r="AA2092" s="137"/>
      <c r="AB2092" s="137"/>
      <c r="AC2092" s="137"/>
      <c r="AD2092" s="137"/>
      <c r="AE2092" s="137"/>
      <c r="AF2092" s="137"/>
      <c r="AG2092" s="137"/>
      <c r="AH2092" s="137"/>
      <c r="AI2092" s="137"/>
      <c r="AJ2092" s="137"/>
      <c r="AK2092" s="137"/>
      <c r="AL2092" s="137"/>
      <c r="AM2092" s="137"/>
      <c r="AN2092" s="137"/>
      <c r="AO2092" s="137"/>
      <c r="AP2092" s="137"/>
      <c r="AQ2092" s="137"/>
      <c r="AR2092" s="137"/>
      <c r="AS2092" s="137"/>
      <c r="AT2092" s="137"/>
      <c r="AU2092" s="137"/>
      <c r="AV2092" s="137"/>
      <c r="AW2092" s="144"/>
    </row>
    <row r="2093" spans="7:49" x14ac:dyDescent="0.2">
      <c r="G2093" s="43"/>
      <c r="Z2093" s="143"/>
      <c r="AA2093" s="137"/>
      <c r="AB2093" s="137"/>
      <c r="AC2093" s="137"/>
      <c r="AD2093" s="137"/>
      <c r="AE2093" s="137"/>
      <c r="AF2093" s="137"/>
      <c r="AG2093" s="137"/>
      <c r="AH2093" s="137"/>
      <c r="AI2093" s="137"/>
      <c r="AJ2093" s="137"/>
      <c r="AK2093" s="137"/>
      <c r="AL2093" s="137"/>
      <c r="AM2093" s="137"/>
      <c r="AN2093" s="137"/>
      <c r="AO2093" s="137"/>
      <c r="AP2093" s="137"/>
      <c r="AQ2093" s="137"/>
      <c r="AR2093" s="137"/>
      <c r="AS2093" s="137"/>
      <c r="AT2093" s="137"/>
      <c r="AU2093" s="137"/>
      <c r="AV2093" s="137"/>
      <c r="AW2093" s="144"/>
    </row>
    <row r="2094" spans="7:49" x14ac:dyDescent="0.2">
      <c r="G2094" s="43"/>
      <c r="Z2094" s="143"/>
      <c r="AA2094" s="137"/>
      <c r="AB2094" s="137"/>
      <c r="AC2094" s="137"/>
      <c r="AD2094" s="137"/>
      <c r="AE2094" s="137"/>
      <c r="AF2094" s="137"/>
      <c r="AG2094" s="137"/>
      <c r="AH2094" s="137"/>
      <c r="AI2094" s="137"/>
      <c r="AJ2094" s="137"/>
      <c r="AK2094" s="137"/>
      <c r="AL2094" s="137"/>
      <c r="AM2094" s="137"/>
      <c r="AN2094" s="137"/>
      <c r="AO2094" s="137"/>
      <c r="AP2094" s="137"/>
      <c r="AQ2094" s="137"/>
      <c r="AR2094" s="137"/>
      <c r="AS2094" s="137"/>
      <c r="AT2094" s="137"/>
      <c r="AU2094" s="137"/>
      <c r="AV2094" s="137"/>
      <c r="AW2094" s="144"/>
    </row>
    <row r="2095" spans="7:49" x14ac:dyDescent="0.2">
      <c r="G2095" s="43"/>
      <c r="Z2095" s="143"/>
      <c r="AA2095" s="137"/>
      <c r="AB2095" s="137"/>
      <c r="AC2095" s="137"/>
      <c r="AD2095" s="137"/>
      <c r="AE2095" s="137"/>
      <c r="AF2095" s="137"/>
      <c r="AG2095" s="137"/>
      <c r="AH2095" s="137"/>
      <c r="AI2095" s="137"/>
      <c r="AJ2095" s="137"/>
      <c r="AK2095" s="137"/>
      <c r="AL2095" s="137"/>
      <c r="AM2095" s="137"/>
      <c r="AN2095" s="137"/>
      <c r="AO2095" s="137"/>
      <c r="AP2095" s="137"/>
      <c r="AQ2095" s="137"/>
      <c r="AR2095" s="137"/>
      <c r="AS2095" s="137"/>
      <c r="AT2095" s="137"/>
      <c r="AU2095" s="137"/>
      <c r="AV2095" s="137"/>
      <c r="AW2095" s="144"/>
    </row>
    <row r="2096" spans="7:49" x14ac:dyDescent="0.2">
      <c r="G2096" s="43"/>
      <c r="Z2096" s="143"/>
      <c r="AA2096" s="137"/>
      <c r="AB2096" s="137"/>
      <c r="AC2096" s="137"/>
      <c r="AD2096" s="137"/>
      <c r="AE2096" s="137"/>
      <c r="AF2096" s="137"/>
      <c r="AG2096" s="137"/>
      <c r="AH2096" s="137"/>
      <c r="AI2096" s="137"/>
      <c r="AJ2096" s="137"/>
      <c r="AK2096" s="137"/>
      <c r="AL2096" s="137"/>
      <c r="AM2096" s="137"/>
      <c r="AN2096" s="137"/>
      <c r="AO2096" s="137"/>
      <c r="AP2096" s="137"/>
      <c r="AQ2096" s="137"/>
      <c r="AR2096" s="137"/>
      <c r="AS2096" s="137"/>
      <c r="AT2096" s="137"/>
      <c r="AU2096" s="137"/>
      <c r="AV2096" s="137"/>
      <c r="AW2096" s="144"/>
    </row>
    <row r="2097" spans="7:49" x14ac:dyDescent="0.2">
      <c r="G2097" s="43"/>
      <c r="Z2097" s="143"/>
      <c r="AA2097" s="137"/>
      <c r="AB2097" s="137"/>
      <c r="AC2097" s="137"/>
      <c r="AD2097" s="137"/>
      <c r="AE2097" s="137"/>
      <c r="AF2097" s="137"/>
      <c r="AG2097" s="137"/>
      <c r="AH2097" s="137"/>
      <c r="AI2097" s="137"/>
      <c r="AJ2097" s="137"/>
      <c r="AK2097" s="137"/>
      <c r="AL2097" s="137"/>
      <c r="AM2097" s="137"/>
      <c r="AN2097" s="137"/>
      <c r="AO2097" s="137"/>
      <c r="AP2097" s="137"/>
      <c r="AQ2097" s="137"/>
      <c r="AR2097" s="137"/>
      <c r="AS2097" s="137"/>
      <c r="AT2097" s="137"/>
      <c r="AU2097" s="137"/>
      <c r="AV2097" s="137"/>
      <c r="AW2097" s="144"/>
    </row>
    <row r="2098" spans="7:49" x14ac:dyDescent="0.2">
      <c r="G2098" s="43"/>
      <c r="Z2098" s="143"/>
      <c r="AA2098" s="137"/>
      <c r="AB2098" s="137"/>
      <c r="AC2098" s="137"/>
      <c r="AD2098" s="137"/>
      <c r="AE2098" s="137"/>
      <c r="AF2098" s="137"/>
      <c r="AG2098" s="137"/>
      <c r="AH2098" s="137"/>
      <c r="AI2098" s="137"/>
      <c r="AJ2098" s="137"/>
      <c r="AK2098" s="137"/>
      <c r="AL2098" s="137"/>
      <c r="AM2098" s="137"/>
      <c r="AN2098" s="137"/>
      <c r="AO2098" s="137"/>
      <c r="AP2098" s="137"/>
      <c r="AQ2098" s="137"/>
      <c r="AR2098" s="137"/>
      <c r="AS2098" s="137"/>
      <c r="AT2098" s="137"/>
      <c r="AU2098" s="137"/>
      <c r="AV2098" s="137"/>
      <c r="AW2098" s="144"/>
    </row>
    <row r="2099" spans="7:49" x14ac:dyDescent="0.2">
      <c r="G2099" s="43"/>
      <c r="Z2099" s="143"/>
      <c r="AA2099" s="137"/>
      <c r="AB2099" s="137"/>
      <c r="AC2099" s="137"/>
      <c r="AD2099" s="137"/>
      <c r="AE2099" s="137"/>
      <c r="AF2099" s="137"/>
      <c r="AG2099" s="137"/>
      <c r="AH2099" s="137"/>
      <c r="AI2099" s="137"/>
      <c r="AJ2099" s="137"/>
      <c r="AK2099" s="137"/>
      <c r="AL2099" s="137"/>
      <c r="AM2099" s="137"/>
      <c r="AN2099" s="137"/>
      <c r="AO2099" s="137"/>
      <c r="AP2099" s="137"/>
      <c r="AQ2099" s="137"/>
      <c r="AR2099" s="137"/>
      <c r="AS2099" s="137"/>
      <c r="AT2099" s="137"/>
      <c r="AU2099" s="137"/>
      <c r="AV2099" s="137"/>
      <c r="AW2099" s="144"/>
    </row>
    <row r="2100" spans="7:49" x14ac:dyDescent="0.2">
      <c r="G2100" s="43"/>
      <c r="Z2100" s="143"/>
      <c r="AA2100" s="137"/>
      <c r="AB2100" s="137"/>
      <c r="AC2100" s="137"/>
      <c r="AD2100" s="137"/>
      <c r="AE2100" s="137"/>
      <c r="AF2100" s="137"/>
      <c r="AG2100" s="137"/>
      <c r="AH2100" s="137"/>
      <c r="AI2100" s="137"/>
      <c r="AJ2100" s="137"/>
      <c r="AK2100" s="137"/>
      <c r="AL2100" s="137"/>
      <c r="AM2100" s="137"/>
      <c r="AN2100" s="137"/>
      <c r="AO2100" s="137"/>
      <c r="AP2100" s="137"/>
      <c r="AQ2100" s="137"/>
      <c r="AR2100" s="137"/>
      <c r="AS2100" s="137"/>
      <c r="AT2100" s="137"/>
      <c r="AU2100" s="137"/>
      <c r="AV2100" s="137"/>
      <c r="AW2100" s="144"/>
    </row>
    <row r="2101" spans="7:49" x14ac:dyDescent="0.2">
      <c r="G2101" s="43"/>
      <c r="Z2101" s="143"/>
      <c r="AA2101" s="137"/>
      <c r="AB2101" s="137"/>
      <c r="AC2101" s="137"/>
      <c r="AD2101" s="137"/>
      <c r="AE2101" s="137"/>
      <c r="AF2101" s="137"/>
      <c r="AG2101" s="137"/>
      <c r="AH2101" s="137"/>
      <c r="AI2101" s="137"/>
      <c r="AJ2101" s="137"/>
      <c r="AK2101" s="137"/>
      <c r="AL2101" s="137"/>
      <c r="AM2101" s="137"/>
      <c r="AN2101" s="137"/>
      <c r="AO2101" s="137"/>
      <c r="AP2101" s="137"/>
      <c r="AQ2101" s="137"/>
      <c r="AR2101" s="137"/>
      <c r="AS2101" s="137"/>
      <c r="AT2101" s="137"/>
      <c r="AU2101" s="137"/>
      <c r="AV2101" s="137"/>
      <c r="AW2101" s="144"/>
    </row>
    <row r="2102" spans="7:49" x14ac:dyDescent="0.2">
      <c r="G2102" s="43"/>
      <c r="Z2102" s="143"/>
      <c r="AA2102" s="137"/>
      <c r="AB2102" s="137"/>
      <c r="AC2102" s="137"/>
      <c r="AD2102" s="137"/>
      <c r="AE2102" s="137"/>
      <c r="AF2102" s="137"/>
      <c r="AG2102" s="137"/>
      <c r="AH2102" s="137"/>
      <c r="AI2102" s="137"/>
      <c r="AJ2102" s="137"/>
      <c r="AK2102" s="137"/>
      <c r="AL2102" s="137"/>
      <c r="AM2102" s="137"/>
      <c r="AN2102" s="137"/>
      <c r="AO2102" s="137"/>
      <c r="AP2102" s="137"/>
      <c r="AQ2102" s="137"/>
      <c r="AR2102" s="137"/>
      <c r="AS2102" s="137"/>
      <c r="AT2102" s="137"/>
      <c r="AU2102" s="137"/>
      <c r="AV2102" s="137"/>
      <c r="AW2102" s="144"/>
    </row>
    <row r="2103" spans="7:49" x14ac:dyDescent="0.2">
      <c r="G2103" s="43"/>
      <c r="Z2103" s="143"/>
      <c r="AA2103" s="137"/>
      <c r="AB2103" s="137"/>
      <c r="AC2103" s="137"/>
      <c r="AD2103" s="137"/>
      <c r="AE2103" s="137"/>
      <c r="AF2103" s="137"/>
      <c r="AG2103" s="137"/>
      <c r="AH2103" s="137"/>
      <c r="AI2103" s="137"/>
      <c r="AJ2103" s="137"/>
      <c r="AK2103" s="137"/>
      <c r="AL2103" s="137"/>
      <c r="AM2103" s="137"/>
      <c r="AN2103" s="137"/>
      <c r="AO2103" s="137"/>
      <c r="AP2103" s="137"/>
      <c r="AQ2103" s="137"/>
      <c r="AR2103" s="137"/>
      <c r="AS2103" s="137"/>
      <c r="AT2103" s="137"/>
      <c r="AU2103" s="137"/>
      <c r="AV2103" s="137"/>
      <c r="AW2103" s="144"/>
    </row>
    <row r="2104" spans="7:49" x14ac:dyDescent="0.2">
      <c r="G2104" s="43"/>
      <c r="Z2104" s="143"/>
      <c r="AA2104" s="137"/>
      <c r="AB2104" s="137"/>
      <c r="AC2104" s="137"/>
      <c r="AD2104" s="137"/>
      <c r="AE2104" s="137"/>
      <c r="AF2104" s="137"/>
      <c r="AG2104" s="137"/>
      <c r="AH2104" s="137"/>
      <c r="AI2104" s="137"/>
      <c r="AJ2104" s="137"/>
      <c r="AK2104" s="137"/>
      <c r="AL2104" s="137"/>
      <c r="AM2104" s="137"/>
      <c r="AN2104" s="137"/>
      <c r="AO2104" s="137"/>
      <c r="AP2104" s="137"/>
      <c r="AQ2104" s="137"/>
      <c r="AR2104" s="137"/>
      <c r="AS2104" s="137"/>
      <c r="AT2104" s="137"/>
      <c r="AU2104" s="137"/>
      <c r="AV2104" s="137"/>
      <c r="AW2104" s="144"/>
    </row>
    <row r="2105" spans="7:49" x14ac:dyDescent="0.2">
      <c r="G2105" s="43"/>
      <c r="Z2105" s="143"/>
      <c r="AA2105" s="137"/>
      <c r="AB2105" s="137"/>
      <c r="AC2105" s="137"/>
      <c r="AD2105" s="137"/>
      <c r="AE2105" s="137"/>
      <c r="AF2105" s="137"/>
      <c r="AG2105" s="137"/>
      <c r="AH2105" s="137"/>
      <c r="AI2105" s="137"/>
      <c r="AJ2105" s="137"/>
      <c r="AK2105" s="137"/>
      <c r="AL2105" s="137"/>
      <c r="AM2105" s="137"/>
      <c r="AN2105" s="137"/>
      <c r="AO2105" s="137"/>
      <c r="AP2105" s="137"/>
      <c r="AQ2105" s="137"/>
      <c r="AR2105" s="137"/>
      <c r="AS2105" s="137"/>
      <c r="AT2105" s="137"/>
      <c r="AU2105" s="137"/>
      <c r="AV2105" s="137"/>
      <c r="AW2105" s="144"/>
    </row>
    <row r="2106" spans="7:49" x14ac:dyDescent="0.2">
      <c r="G2106" s="43"/>
      <c r="Z2106" s="143"/>
      <c r="AA2106" s="137"/>
      <c r="AB2106" s="137"/>
      <c r="AC2106" s="137"/>
      <c r="AD2106" s="137"/>
      <c r="AE2106" s="137"/>
      <c r="AF2106" s="137"/>
      <c r="AG2106" s="137"/>
      <c r="AH2106" s="137"/>
      <c r="AI2106" s="137"/>
      <c r="AJ2106" s="137"/>
      <c r="AK2106" s="137"/>
      <c r="AL2106" s="137"/>
      <c r="AM2106" s="137"/>
      <c r="AN2106" s="137"/>
      <c r="AO2106" s="137"/>
      <c r="AP2106" s="137"/>
      <c r="AQ2106" s="137"/>
      <c r="AR2106" s="137"/>
      <c r="AS2106" s="137"/>
      <c r="AT2106" s="137"/>
      <c r="AU2106" s="137"/>
      <c r="AV2106" s="137"/>
      <c r="AW2106" s="144"/>
    </row>
    <row r="2107" spans="7:49" x14ac:dyDescent="0.2">
      <c r="G2107" s="43"/>
      <c r="Z2107" s="143"/>
      <c r="AA2107" s="137"/>
      <c r="AB2107" s="137"/>
      <c r="AC2107" s="137"/>
      <c r="AD2107" s="137"/>
      <c r="AE2107" s="137"/>
      <c r="AF2107" s="137"/>
      <c r="AG2107" s="137"/>
      <c r="AH2107" s="137"/>
      <c r="AI2107" s="137"/>
      <c r="AJ2107" s="137"/>
      <c r="AK2107" s="137"/>
      <c r="AL2107" s="137"/>
      <c r="AM2107" s="137"/>
      <c r="AN2107" s="137"/>
      <c r="AO2107" s="137"/>
      <c r="AP2107" s="137"/>
      <c r="AQ2107" s="137"/>
      <c r="AR2107" s="137"/>
      <c r="AS2107" s="137"/>
      <c r="AT2107" s="137"/>
      <c r="AU2107" s="137"/>
      <c r="AV2107" s="137"/>
      <c r="AW2107" s="144"/>
    </row>
    <row r="2108" spans="7:49" x14ac:dyDescent="0.2">
      <c r="G2108" s="43"/>
      <c r="Z2108" s="143"/>
      <c r="AA2108" s="137"/>
      <c r="AB2108" s="137"/>
      <c r="AC2108" s="137"/>
      <c r="AD2108" s="137"/>
      <c r="AE2108" s="137"/>
      <c r="AF2108" s="137"/>
      <c r="AG2108" s="137"/>
      <c r="AH2108" s="137"/>
      <c r="AI2108" s="137"/>
      <c r="AJ2108" s="137"/>
      <c r="AK2108" s="137"/>
      <c r="AL2108" s="137"/>
      <c r="AM2108" s="137"/>
      <c r="AN2108" s="137"/>
      <c r="AO2108" s="137"/>
      <c r="AP2108" s="137"/>
      <c r="AQ2108" s="137"/>
      <c r="AR2108" s="137"/>
      <c r="AS2108" s="137"/>
      <c r="AT2108" s="137"/>
      <c r="AU2108" s="137"/>
      <c r="AV2108" s="137"/>
      <c r="AW2108" s="144"/>
    </row>
    <row r="2109" spans="7:49" x14ac:dyDescent="0.2">
      <c r="G2109" s="43"/>
      <c r="Z2109" s="143"/>
      <c r="AA2109" s="137"/>
      <c r="AB2109" s="137"/>
      <c r="AC2109" s="137"/>
      <c r="AD2109" s="137"/>
      <c r="AE2109" s="137"/>
      <c r="AF2109" s="137"/>
      <c r="AG2109" s="137"/>
      <c r="AH2109" s="137"/>
      <c r="AI2109" s="137"/>
      <c r="AJ2109" s="137"/>
      <c r="AK2109" s="137"/>
      <c r="AL2109" s="137"/>
      <c r="AM2109" s="137"/>
      <c r="AN2109" s="137"/>
      <c r="AO2109" s="137"/>
      <c r="AP2109" s="137"/>
      <c r="AQ2109" s="137"/>
      <c r="AR2109" s="137"/>
      <c r="AS2109" s="137"/>
      <c r="AT2109" s="137"/>
      <c r="AU2109" s="137"/>
      <c r="AV2109" s="137"/>
      <c r="AW2109" s="144"/>
    </row>
    <row r="2110" spans="7:49" x14ac:dyDescent="0.2">
      <c r="G2110" s="43"/>
      <c r="Z2110" s="143"/>
      <c r="AA2110" s="137"/>
      <c r="AB2110" s="137"/>
      <c r="AC2110" s="137"/>
      <c r="AD2110" s="137"/>
      <c r="AE2110" s="137"/>
      <c r="AF2110" s="137"/>
      <c r="AG2110" s="137"/>
      <c r="AH2110" s="137"/>
      <c r="AI2110" s="137"/>
      <c r="AJ2110" s="137"/>
      <c r="AK2110" s="137"/>
      <c r="AL2110" s="137"/>
      <c r="AM2110" s="137"/>
      <c r="AN2110" s="137"/>
      <c r="AO2110" s="137"/>
      <c r="AP2110" s="137"/>
      <c r="AQ2110" s="137"/>
      <c r="AR2110" s="137"/>
      <c r="AS2110" s="137"/>
      <c r="AT2110" s="137"/>
      <c r="AU2110" s="137"/>
      <c r="AV2110" s="137"/>
      <c r="AW2110" s="144"/>
    </row>
    <row r="2111" spans="7:49" x14ac:dyDescent="0.2">
      <c r="G2111" s="43"/>
      <c r="Z2111" s="143"/>
      <c r="AA2111" s="137"/>
      <c r="AB2111" s="137"/>
      <c r="AC2111" s="137"/>
      <c r="AD2111" s="137"/>
      <c r="AE2111" s="137"/>
      <c r="AF2111" s="137"/>
      <c r="AG2111" s="137"/>
      <c r="AH2111" s="137"/>
      <c r="AI2111" s="137"/>
      <c r="AJ2111" s="137"/>
      <c r="AK2111" s="137"/>
      <c r="AL2111" s="137"/>
      <c r="AM2111" s="137"/>
      <c r="AN2111" s="137"/>
      <c r="AO2111" s="137"/>
      <c r="AP2111" s="137"/>
      <c r="AQ2111" s="137"/>
      <c r="AR2111" s="137"/>
      <c r="AS2111" s="137"/>
      <c r="AT2111" s="137"/>
      <c r="AU2111" s="137"/>
      <c r="AV2111" s="137"/>
      <c r="AW2111" s="144"/>
    </row>
    <row r="2112" spans="7:49" x14ac:dyDescent="0.2">
      <c r="G2112" s="43"/>
      <c r="Z2112" s="143"/>
      <c r="AA2112" s="137"/>
      <c r="AB2112" s="137"/>
      <c r="AC2112" s="137"/>
      <c r="AD2112" s="137"/>
      <c r="AE2112" s="137"/>
      <c r="AF2112" s="137"/>
      <c r="AG2112" s="137"/>
      <c r="AH2112" s="137"/>
      <c r="AI2112" s="137"/>
      <c r="AJ2112" s="137"/>
      <c r="AK2112" s="137"/>
      <c r="AL2112" s="137"/>
      <c r="AM2112" s="137"/>
      <c r="AN2112" s="137"/>
      <c r="AO2112" s="137"/>
      <c r="AP2112" s="137"/>
      <c r="AQ2112" s="137"/>
      <c r="AR2112" s="137"/>
      <c r="AS2112" s="137"/>
      <c r="AT2112" s="137"/>
      <c r="AU2112" s="137"/>
      <c r="AV2112" s="137"/>
      <c r="AW2112" s="144"/>
    </row>
    <row r="2113" spans="7:49" x14ac:dyDescent="0.2">
      <c r="G2113" s="43"/>
      <c r="Z2113" s="143"/>
      <c r="AA2113" s="137"/>
      <c r="AB2113" s="137"/>
      <c r="AC2113" s="137"/>
      <c r="AD2113" s="137"/>
      <c r="AE2113" s="137"/>
      <c r="AF2113" s="137"/>
      <c r="AG2113" s="137"/>
      <c r="AH2113" s="137"/>
      <c r="AI2113" s="137"/>
      <c r="AJ2113" s="137"/>
      <c r="AK2113" s="137"/>
      <c r="AL2113" s="137"/>
      <c r="AM2113" s="137"/>
      <c r="AN2113" s="137"/>
      <c r="AO2113" s="137"/>
      <c r="AP2113" s="137"/>
      <c r="AQ2113" s="137"/>
      <c r="AR2113" s="137"/>
      <c r="AS2113" s="137"/>
      <c r="AT2113" s="137"/>
      <c r="AU2113" s="137"/>
      <c r="AV2113" s="137"/>
      <c r="AW2113" s="144"/>
    </row>
    <row r="2114" spans="7:49" x14ac:dyDescent="0.2">
      <c r="G2114" s="43"/>
      <c r="Z2114" s="143"/>
      <c r="AA2114" s="137"/>
      <c r="AB2114" s="137"/>
      <c r="AC2114" s="137"/>
      <c r="AD2114" s="137"/>
      <c r="AE2114" s="137"/>
      <c r="AF2114" s="137"/>
      <c r="AG2114" s="137"/>
      <c r="AH2114" s="137"/>
      <c r="AI2114" s="137"/>
      <c r="AJ2114" s="137"/>
      <c r="AK2114" s="137"/>
      <c r="AL2114" s="137"/>
      <c r="AM2114" s="137"/>
      <c r="AN2114" s="137"/>
      <c r="AO2114" s="137"/>
      <c r="AP2114" s="137"/>
      <c r="AQ2114" s="137"/>
      <c r="AR2114" s="137"/>
      <c r="AS2114" s="137"/>
      <c r="AT2114" s="137"/>
      <c r="AU2114" s="137"/>
      <c r="AV2114" s="137"/>
      <c r="AW2114" s="144"/>
    </row>
    <row r="2115" spans="7:49" x14ac:dyDescent="0.2">
      <c r="G2115" s="43"/>
      <c r="Z2115" s="143"/>
      <c r="AA2115" s="137"/>
      <c r="AB2115" s="137"/>
      <c r="AC2115" s="137"/>
      <c r="AD2115" s="137"/>
      <c r="AE2115" s="137"/>
      <c r="AF2115" s="137"/>
      <c r="AG2115" s="137"/>
      <c r="AH2115" s="137"/>
      <c r="AI2115" s="137"/>
      <c r="AJ2115" s="137"/>
      <c r="AK2115" s="137"/>
      <c r="AL2115" s="137"/>
      <c r="AM2115" s="137"/>
      <c r="AN2115" s="137"/>
      <c r="AO2115" s="137"/>
      <c r="AP2115" s="137"/>
      <c r="AQ2115" s="137"/>
      <c r="AR2115" s="137"/>
      <c r="AS2115" s="137"/>
      <c r="AT2115" s="137"/>
      <c r="AU2115" s="137"/>
      <c r="AV2115" s="137"/>
      <c r="AW2115" s="144"/>
    </row>
    <row r="2116" spans="7:49" x14ac:dyDescent="0.2">
      <c r="G2116" s="43"/>
      <c r="Z2116" s="143"/>
      <c r="AA2116" s="137"/>
      <c r="AB2116" s="137"/>
      <c r="AC2116" s="137"/>
      <c r="AD2116" s="137"/>
      <c r="AE2116" s="137"/>
      <c r="AF2116" s="137"/>
      <c r="AG2116" s="137"/>
      <c r="AH2116" s="137"/>
      <c r="AI2116" s="137"/>
      <c r="AJ2116" s="137"/>
      <c r="AK2116" s="137"/>
      <c r="AL2116" s="137"/>
      <c r="AM2116" s="137"/>
      <c r="AN2116" s="137"/>
      <c r="AO2116" s="137"/>
      <c r="AP2116" s="137"/>
      <c r="AQ2116" s="137"/>
      <c r="AR2116" s="137"/>
      <c r="AS2116" s="137"/>
      <c r="AT2116" s="137"/>
      <c r="AU2116" s="137"/>
      <c r="AV2116" s="137"/>
      <c r="AW2116" s="144"/>
    </row>
    <row r="2117" spans="7:49" x14ac:dyDescent="0.2">
      <c r="G2117" s="43"/>
      <c r="Z2117" s="143"/>
      <c r="AA2117" s="137"/>
      <c r="AB2117" s="137"/>
      <c r="AC2117" s="137"/>
      <c r="AD2117" s="137"/>
      <c r="AE2117" s="137"/>
      <c r="AF2117" s="137"/>
      <c r="AG2117" s="137"/>
      <c r="AH2117" s="137"/>
      <c r="AI2117" s="137"/>
      <c r="AJ2117" s="137"/>
      <c r="AK2117" s="137"/>
      <c r="AL2117" s="137"/>
      <c r="AM2117" s="137"/>
      <c r="AN2117" s="137"/>
      <c r="AO2117" s="137"/>
      <c r="AP2117" s="137"/>
      <c r="AQ2117" s="137"/>
      <c r="AR2117" s="137"/>
      <c r="AS2117" s="137"/>
      <c r="AT2117" s="137"/>
      <c r="AU2117" s="137"/>
      <c r="AV2117" s="137"/>
      <c r="AW2117" s="144"/>
    </row>
    <row r="2118" spans="7:49" x14ac:dyDescent="0.2">
      <c r="G2118" s="43"/>
      <c r="Z2118" s="143"/>
      <c r="AA2118" s="137"/>
      <c r="AB2118" s="137"/>
      <c r="AC2118" s="137"/>
      <c r="AD2118" s="137"/>
      <c r="AE2118" s="137"/>
      <c r="AF2118" s="137"/>
      <c r="AG2118" s="137"/>
      <c r="AH2118" s="137"/>
      <c r="AI2118" s="137"/>
      <c r="AJ2118" s="137"/>
      <c r="AK2118" s="137"/>
      <c r="AL2118" s="137"/>
      <c r="AM2118" s="137"/>
      <c r="AN2118" s="137"/>
      <c r="AO2118" s="137"/>
      <c r="AP2118" s="137"/>
      <c r="AQ2118" s="137"/>
      <c r="AR2118" s="137"/>
      <c r="AS2118" s="137"/>
      <c r="AT2118" s="137"/>
      <c r="AU2118" s="137"/>
      <c r="AV2118" s="137"/>
      <c r="AW2118" s="144"/>
    </row>
    <row r="2119" spans="7:49" x14ac:dyDescent="0.2">
      <c r="G2119" s="43"/>
      <c r="Z2119" s="143"/>
      <c r="AA2119" s="137"/>
      <c r="AB2119" s="137"/>
      <c r="AC2119" s="137"/>
      <c r="AD2119" s="137"/>
      <c r="AE2119" s="137"/>
      <c r="AF2119" s="137"/>
      <c r="AG2119" s="137"/>
      <c r="AH2119" s="137"/>
      <c r="AI2119" s="137"/>
      <c r="AJ2119" s="137"/>
      <c r="AK2119" s="137"/>
      <c r="AL2119" s="137"/>
      <c r="AM2119" s="137"/>
      <c r="AN2119" s="137"/>
      <c r="AO2119" s="137"/>
      <c r="AP2119" s="137"/>
      <c r="AQ2119" s="137"/>
      <c r="AR2119" s="137"/>
      <c r="AS2119" s="137"/>
      <c r="AT2119" s="137"/>
      <c r="AU2119" s="137"/>
      <c r="AV2119" s="137"/>
      <c r="AW2119" s="144"/>
    </row>
    <row r="2120" spans="7:49" x14ac:dyDescent="0.2">
      <c r="G2120" s="43"/>
      <c r="Z2120" s="143"/>
      <c r="AA2120" s="137"/>
      <c r="AB2120" s="137"/>
      <c r="AC2120" s="137"/>
      <c r="AD2120" s="137"/>
      <c r="AE2120" s="137"/>
      <c r="AF2120" s="137"/>
      <c r="AG2120" s="137"/>
      <c r="AH2120" s="137"/>
      <c r="AI2120" s="137"/>
      <c r="AJ2120" s="137"/>
      <c r="AK2120" s="137"/>
      <c r="AL2120" s="137"/>
      <c r="AM2120" s="137"/>
      <c r="AN2120" s="137"/>
      <c r="AO2120" s="137"/>
      <c r="AP2120" s="137"/>
      <c r="AQ2120" s="137"/>
      <c r="AR2120" s="137"/>
      <c r="AS2120" s="137"/>
      <c r="AT2120" s="137"/>
      <c r="AU2120" s="137"/>
      <c r="AV2120" s="137"/>
      <c r="AW2120" s="144"/>
    </row>
    <row r="2121" spans="7:49" x14ac:dyDescent="0.2">
      <c r="G2121" s="43"/>
      <c r="Z2121" s="143"/>
      <c r="AA2121" s="137"/>
      <c r="AB2121" s="137"/>
      <c r="AC2121" s="137"/>
      <c r="AD2121" s="137"/>
      <c r="AE2121" s="137"/>
      <c r="AF2121" s="137"/>
      <c r="AG2121" s="137"/>
      <c r="AH2121" s="137"/>
      <c r="AI2121" s="137"/>
      <c r="AJ2121" s="137"/>
      <c r="AK2121" s="137"/>
      <c r="AL2121" s="137"/>
      <c r="AM2121" s="137"/>
      <c r="AN2121" s="137"/>
      <c r="AO2121" s="137"/>
      <c r="AP2121" s="137"/>
      <c r="AQ2121" s="137"/>
      <c r="AR2121" s="137"/>
      <c r="AS2121" s="137"/>
      <c r="AT2121" s="137"/>
      <c r="AU2121" s="137"/>
      <c r="AV2121" s="137"/>
      <c r="AW2121" s="144"/>
    </row>
    <row r="2122" spans="7:49" x14ac:dyDescent="0.2">
      <c r="G2122" s="43"/>
      <c r="Z2122" s="143"/>
      <c r="AA2122" s="137"/>
      <c r="AB2122" s="137"/>
      <c r="AC2122" s="137"/>
      <c r="AD2122" s="137"/>
      <c r="AE2122" s="137"/>
      <c r="AF2122" s="137"/>
      <c r="AG2122" s="137"/>
      <c r="AH2122" s="137"/>
      <c r="AI2122" s="137"/>
      <c r="AJ2122" s="137"/>
      <c r="AK2122" s="137"/>
      <c r="AL2122" s="137"/>
      <c r="AM2122" s="137"/>
      <c r="AN2122" s="137"/>
      <c r="AO2122" s="137"/>
      <c r="AP2122" s="137"/>
      <c r="AQ2122" s="137"/>
      <c r="AR2122" s="137"/>
      <c r="AS2122" s="137"/>
      <c r="AT2122" s="137"/>
      <c r="AU2122" s="137"/>
      <c r="AV2122" s="137"/>
      <c r="AW2122" s="144"/>
    </row>
    <row r="2123" spans="7:49" x14ac:dyDescent="0.2">
      <c r="G2123" s="43"/>
      <c r="Z2123" s="143"/>
      <c r="AA2123" s="137"/>
      <c r="AB2123" s="137"/>
      <c r="AC2123" s="137"/>
      <c r="AD2123" s="137"/>
      <c r="AE2123" s="137"/>
      <c r="AF2123" s="137"/>
      <c r="AG2123" s="137"/>
      <c r="AH2123" s="137"/>
      <c r="AI2123" s="137"/>
      <c r="AJ2123" s="137"/>
      <c r="AK2123" s="137"/>
      <c r="AL2123" s="137"/>
      <c r="AM2123" s="137"/>
      <c r="AN2123" s="137"/>
      <c r="AO2123" s="137"/>
      <c r="AP2123" s="137"/>
      <c r="AQ2123" s="137"/>
      <c r="AR2123" s="137"/>
      <c r="AS2123" s="137"/>
      <c r="AT2123" s="137"/>
      <c r="AU2123" s="137"/>
      <c r="AV2123" s="137"/>
      <c r="AW2123" s="144"/>
    </row>
    <row r="2124" spans="7:49" x14ac:dyDescent="0.2">
      <c r="G2124" s="43"/>
      <c r="Z2124" s="143"/>
      <c r="AA2124" s="137"/>
      <c r="AB2124" s="137"/>
      <c r="AC2124" s="137"/>
      <c r="AD2124" s="137"/>
      <c r="AE2124" s="137"/>
      <c r="AF2124" s="137"/>
      <c r="AG2124" s="137"/>
      <c r="AH2124" s="137"/>
      <c r="AI2124" s="137"/>
      <c r="AJ2124" s="137"/>
      <c r="AK2124" s="137"/>
      <c r="AL2124" s="137"/>
      <c r="AM2124" s="137"/>
      <c r="AN2124" s="137"/>
      <c r="AO2124" s="137"/>
      <c r="AP2124" s="137"/>
      <c r="AQ2124" s="137"/>
      <c r="AR2124" s="137"/>
      <c r="AS2124" s="137"/>
      <c r="AT2124" s="137"/>
      <c r="AU2124" s="137"/>
      <c r="AV2124" s="137"/>
      <c r="AW2124" s="144"/>
    </row>
    <row r="2125" spans="7:49" x14ac:dyDescent="0.2">
      <c r="G2125" s="43"/>
      <c r="Z2125" s="143"/>
      <c r="AA2125" s="137"/>
      <c r="AB2125" s="137"/>
      <c r="AC2125" s="137"/>
      <c r="AD2125" s="137"/>
      <c r="AE2125" s="137"/>
      <c r="AF2125" s="137"/>
      <c r="AG2125" s="137"/>
      <c r="AH2125" s="137"/>
      <c r="AI2125" s="137"/>
      <c r="AJ2125" s="137"/>
      <c r="AK2125" s="137"/>
      <c r="AL2125" s="137"/>
      <c r="AM2125" s="137"/>
      <c r="AN2125" s="137"/>
      <c r="AO2125" s="137"/>
      <c r="AP2125" s="137"/>
      <c r="AQ2125" s="137"/>
      <c r="AR2125" s="137"/>
      <c r="AS2125" s="137"/>
      <c r="AT2125" s="137"/>
      <c r="AU2125" s="137"/>
      <c r="AV2125" s="137"/>
      <c r="AW2125" s="144"/>
    </row>
    <row r="2126" spans="7:49" x14ac:dyDescent="0.2">
      <c r="G2126" s="43"/>
      <c r="Z2126" s="143"/>
      <c r="AA2126" s="137"/>
      <c r="AB2126" s="137"/>
      <c r="AC2126" s="137"/>
      <c r="AD2126" s="137"/>
      <c r="AE2126" s="137"/>
      <c r="AF2126" s="137"/>
      <c r="AG2126" s="137"/>
      <c r="AH2126" s="137"/>
      <c r="AI2126" s="137"/>
      <c r="AJ2126" s="137"/>
      <c r="AK2126" s="137"/>
      <c r="AL2126" s="137"/>
      <c r="AM2126" s="137"/>
      <c r="AN2126" s="137"/>
      <c r="AO2126" s="137"/>
      <c r="AP2126" s="137"/>
      <c r="AQ2126" s="137"/>
      <c r="AR2126" s="137"/>
      <c r="AS2126" s="137"/>
      <c r="AT2126" s="137"/>
      <c r="AU2126" s="137"/>
      <c r="AV2126" s="137"/>
      <c r="AW2126" s="144"/>
    </row>
    <row r="2127" spans="7:49" x14ac:dyDescent="0.2">
      <c r="G2127" s="43"/>
      <c r="Z2127" s="143"/>
      <c r="AA2127" s="137"/>
      <c r="AB2127" s="137"/>
      <c r="AC2127" s="137"/>
      <c r="AD2127" s="137"/>
      <c r="AE2127" s="137"/>
      <c r="AF2127" s="137"/>
      <c r="AG2127" s="137"/>
      <c r="AH2127" s="137"/>
      <c r="AI2127" s="137"/>
      <c r="AJ2127" s="137"/>
      <c r="AK2127" s="137"/>
      <c r="AL2127" s="137"/>
      <c r="AM2127" s="137"/>
      <c r="AN2127" s="137"/>
      <c r="AO2127" s="137"/>
      <c r="AP2127" s="137"/>
      <c r="AQ2127" s="137"/>
      <c r="AR2127" s="137"/>
      <c r="AS2127" s="137"/>
      <c r="AT2127" s="137"/>
      <c r="AU2127" s="137"/>
      <c r="AV2127" s="137"/>
      <c r="AW2127" s="144"/>
    </row>
    <row r="2128" spans="7:49" x14ac:dyDescent="0.2">
      <c r="G2128" s="43"/>
      <c r="Z2128" s="143"/>
      <c r="AA2128" s="137"/>
      <c r="AB2128" s="137"/>
      <c r="AC2128" s="137"/>
      <c r="AD2128" s="137"/>
      <c r="AE2128" s="137"/>
      <c r="AF2128" s="137"/>
      <c r="AG2128" s="137"/>
      <c r="AH2128" s="137"/>
      <c r="AI2128" s="137"/>
      <c r="AJ2128" s="137"/>
      <c r="AK2128" s="137"/>
      <c r="AL2128" s="137"/>
      <c r="AM2128" s="137"/>
      <c r="AN2128" s="137"/>
      <c r="AO2128" s="137"/>
      <c r="AP2128" s="137"/>
      <c r="AQ2128" s="137"/>
      <c r="AR2128" s="137"/>
      <c r="AS2128" s="137"/>
      <c r="AT2128" s="137"/>
      <c r="AU2128" s="137"/>
      <c r="AV2128" s="137"/>
      <c r="AW2128" s="144"/>
    </row>
    <row r="2129" spans="7:49" x14ac:dyDescent="0.2">
      <c r="G2129" s="43"/>
      <c r="Z2129" s="143"/>
      <c r="AA2129" s="137"/>
      <c r="AB2129" s="137"/>
      <c r="AC2129" s="137"/>
      <c r="AD2129" s="137"/>
      <c r="AE2129" s="137"/>
      <c r="AF2129" s="137"/>
      <c r="AG2129" s="137"/>
      <c r="AH2129" s="137"/>
      <c r="AI2129" s="137"/>
      <c r="AJ2129" s="137"/>
      <c r="AK2129" s="137"/>
      <c r="AL2129" s="137"/>
      <c r="AM2129" s="137"/>
      <c r="AN2129" s="137"/>
      <c r="AO2129" s="137"/>
      <c r="AP2129" s="137"/>
      <c r="AQ2129" s="137"/>
      <c r="AR2129" s="137"/>
      <c r="AS2129" s="137"/>
      <c r="AT2129" s="137"/>
      <c r="AU2129" s="137"/>
      <c r="AV2129" s="137"/>
      <c r="AW2129" s="144"/>
    </row>
    <row r="2130" spans="7:49" x14ac:dyDescent="0.2">
      <c r="G2130" s="43"/>
      <c r="Z2130" s="143"/>
      <c r="AA2130" s="137"/>
      <c r="AB2130" s="137"/>
      <c r="AC2130" s="137"/>
      <c r="AD2130" s="137"/>
      <c r="AE2130" s="137"/>
      <c r="AF2130" s="137"/>
      <c r="AG2130" s="137"/>
      <c r="AH2130" s="137"/>
      <c r="AI2130" s="137"/>
      <c r="AJ2130" s="137"/>
      <c r="AK2130" s="137"/>
      <c r="AL2130" s="137"/>
      <c r="AM2130" s="137"/>
      <c r="AN2130" s="137"/>
      <c r="AO2130" s="137"/>
      <c r="AP2130" s="137"/>
      <c r="AQ2130" s="137"/>
      <c r="AR2130" s="137"/>
      <c r="AS2130" s="137"/>
      <c r="AT2130" s="137"/>
      <c r="AU2130" s="137"/>
      <c r="AV2130" s="137"/>
      <c r="AW2130" s="144"/>
    </row>
    <row r="2131" spans="7:49" x14ac:dyDescent="0.2">
      <c r="G2131" s="43"/>
      <c r="Z2131" s="143"/>
      <c r="AA2131" s="137"/>
      <c r="AB2131" s="137"/>
      <c r="AC2131" s="137"/>
      <c r="AD2131" s="137"/>
      <c r="AE2131" s="137"/>
      <c r="AF2131" s="137"/>
      <c r="AG2131" s="137"/>
      <c r="AH2131" s="137"/>
      <c r="AI2131" s="137"/>
      <c r="AJ2131" s="137"/>
      <c r="AK2131" s="137"/>
      <c r="AL2131" s="137"/>
      <c r="AM2131" s="137"/>
      <c r="AN2131" s="137"/>
      <c r="AO2131" s="137"/>
      <c r="AP2131" s="137"/>
      <c r="AQ2131" s="137"/>
      <c r="AR2131" s="137"/>
      <c r="AS2131" s="137"/>
      <c r="AT2131" s="137"/>
      <c r="AU2131" s="137"/>
      <c r="AV2131" s="137"/>
      <c r="AW2131" s="144"/>
    </row>
    <row r="2132" spans="7:49" x14ac:dyDescent="0.2">
      <c r="G2132" s="43"/>
      <c r="Z2132" s="143"/>
      <c r="AA2132" s="137"/>
      <c r="AB2132" s="137"/>
      <c r="AC2132" s="137"/>
      <c r="AD2132" s="137"/>
      <c r="AE2132" s="137"/>
      <c r="AF2132" s="137"/>
      <c r="AG2132" s="137"/>
      <c r="AH2132" s="137"/>
      <c r="AI2132" s="137"/>
      <c r="AJ2132" s="137"/>
      <c r="AK2132" s="137"/>
      <c r="AL2132" s="137"/>
      <c r="AM2132" s="137"/>
      <c r="AN2132" s="137"/>
      <c r="AO2132" s="137"/>
      <c r="AP2132" s="137"/>
      <c r="AQ2132" s="137"/>
      <c r="AR2132" s="137"/>
      <c r="AS2132" s="137"/>
      <c r="AT2132" s="137"/>
      <c r="AU2132" s="137"/>
      <c r="AV2132" s="137"/>
      <c r="AW2132" s="144"/>
    </row>
    <row r="2133" spans="7:49" x14ac:dyDescent="0.2">
      <c r="G2133" s="43"/>
      <c r="Z2133" s="143"/>
      <c r="AA2133" s="137"/>
      <c r="AB2133" s="137"/>
      <c r="AC2133" s="137"/>
      <c r="AD2133" s="137"/>
      <c r="AE2133" s="137"/>
      <c r="AF2133" s="137"/>
      <c r="AG2133" s="137"/>
      <c r="AH2133" s="137"/>
      <c r="AI2133" s="137"/>
      <c r="AJ2133" s="137"/>
      <c r="AK2133" s="137"/>
      <c r="AL2133" s="137"/>
      <c r="AM2133" s="137"/>
      <c r="AN2133" s="137"/>
      <c r="AO2133" s="137"/>
      <c r="AP2133" s="137"/>
      <c r="AQ2133" s="137"/>
      <c r="AR2133" s="137"/>
      <c r="AS2133" s="137"/>
      <c r="AT2133" s="137"/>
      <c r="AU2133" s="137"/>
      <c r="AV2133" s="137"/>
      <c r="AW2133" s="144"/>
    </row>
    <row r="2134" spans="7:49" x14ac:dyDescent="0.2">
      <c r="G2134" s="43"/>
      <c r="Z2134" s="143"/>
      <c r="AA2134" s="137"/>
      <c r="AB2134" s="137"/>
      <c r="AC2134" s="137"/>
      <c r="AD2134" s="137"/>
      <c r="AE2134" s="137"/>
      <c r="AF2134" s="137"/>
      <c r="AG2134" s="137"/>
      <c r="AH2134" s="137"/>
      <c r="AI2134" s="137"/>
      <c r="AJ2134" s="137"/>
      <c r="AK2134" s="137"/>
      <c r="AL2134" s="137"/>
      <c r="AM2134" s="137"/>
      <c r="AN2134" s="137"/>
      <c r="AO2134" s="137"/>
      <c r="AP2134" s="137"/>
      <c r="AQ2134" s="137"/>
      <c r="AR2134" s="137"/>
      <c r="AS2134" s="137"/>
      <c r="AT2134" s="137"/>
      <c r="AU2134" s="137"/>
      <c r="AV2134" s="137"/>
      <c r="AW2134" s="144"/>
    </row>
    <row r="2135" spans="7:49" x14ac:dyDescent="0.2">
      <c r="G2135" s="43"/>
      <c r="Z2135" s="143"/>
      <c r="AA2135" s="137"/>
      <c r="AB2135" s="137"/>
      <c r="AC2135" s="137"/>
      <c r="AD2135" s="137"/>
      <c r="AE2135" s="137"/>
      <c r="AF2135" s="137"/>
      <c r="AG2135" s="137"/>
      <c r="AH2135" s="137"/>
      <c r="AI2135" s="137"/>
      <c r="AJ2135" s="137"/>
      <c r="AK2135" s="137"/>
      <c r="AL2135" s="137"/>
      <c r="AM2135" s="137"/>
      <c r="AN2135" s="137"/>
      <c r="AO2135" s="137"/>
      <c r="AP2135" s="137"/>
      <c r="AQ2135" s="137"/>
      <c r="AR2135" s="137"/>
      <c r="AS2135" s="137"/>
      <c r="AT2135" s="137"/>
      <c r="AU2135" s="137"/>
      <c r="AV2135" s="137"/>
      <c r="AW2135" s="144"/>
    </row>
    <row r="2136" spans="7:49" x14ac:dyDescent="0.2">
      <c r="G2136" s="43"/>
      <c r="Z2136" s="143"/>
      <c r="AA2136" s="137"/>
      <c r="AB2136" s="137"/>
      <c r="AC2136" s="137"/>
      <c r="AD2136" s="137"/>
      <c r="AE2136" s="137"/>
      <c r="AF2136" s="137"/>
      <c r="AG2136" s="137"/>
      <c r="AH2136" s="137"/>
      <c r="AI2136" s="137"/>
      <c r="AJ2136" s="137"/>
      <c r="AK2136" s="137"/>
      <c r="AL2136" s="137"/>
      <c r="AM2136" s="137"/>
      <c r="AN2136" s="137"/>
      <c r="AO2136" s="137"/>
      <c r="AP2136" s="137"/>
      <c r="AQ2136" s="137"/>
      <c r="AR2136" s="137"/>
      <c r="AS2136" s="137"/>
      <c r="AT2136" s="137"/>
      <c r="AU2136" s="137"/>
      <c r="AV2136" s="137"/>
      <c r="AW2136" s="144"/>
    </row>
    <row r="2137" spans="7:49" x14ac:dyDescent="0.2">
      <c r="G2137" s="43"/>
      <c r="Z2137" s="143"/>
      <c r="AA2137" s="137"/>
      <c r="AB2137" s="137"/>
      <c r="AC2137" s="137"/>
      <c r="AD2137" s="137"/>
      <c r="AE2137" s="137"/>
      <c r="AF2137" s="137"/>
      <c r="AG2137" s="137"/>
      <c r="AH2137" s="137"/>
      <c r="AI2137" s="137"/>
      <c r="AJ2137" s="137"/>
      <c r="AK2137" s="137"/>
      <c r="AL2137" s="137"/>
      <c r="AM2137" s="137"/>
      <c r="AN2137" s="137"/>
      <c r="AO2137" s="137"/>
      <c r="AP2137" s="137"/>
      <c r="AQ2137" s="137"/>
      <c r="AR2137" s="137"/>
      <c r="AS2137" s="137"/>
      <c r="AT2137" s="137"/>
      <c r="AU2137" s="137"/>
      <c r="AV2137" s="137"/>
      <c r="AW2137" s="144"/>
    </row>
    <row r="2138" spans="7:49" x14ac:dyDescent="0.2">
      <c r="G2138" s="43"/>
      <c r="Z2138" s="143"/>
      <c r="AA2138" s="137"/>
      <c r="AB2138" s="137"/>
      <c r="AC2138" s="137"/>
      <c r="AD2138" s="137"/>
      <c r="AE2138" s="137"/>
      <c r="AF2138" s="137"/>
      <c r="AG2138" s="137"/>
      <c r="AH2138" s="137"/>
      <c r="AI2138" s="137"/>
      <c r="AJ2138" s="137"/>
      <c r="AK2138" s="137"/>
      <c r="AL2138" s="137"/>
      <c r="AM2138" s="137"/>
      <c r="AN2138" s="137"/>
      <c r="AO2138" s="137"/>
      <c r="AP2138" s="137"/>
      <c r="AQ2138" s="137"/>
      <c r="AR2138" s="137"/>
      <c r="AS2138" s="137"/>
      <c r="AT2138" s="137"/>
      <c r="AU2138" s="137"/>
      <c r="AV2138" s="137"/>
      <c r="AW2138" s="144"/>
    </row>
    <row r="2139" spans="7:49" x14ac:dyDescent="0.2">
      <c r="G2139" s="43"/>
      <c r="Z2139" s="143"/>
      <c r="AA2139" s="137"/>
      <c r="AB2139" s="137"/>
      <c r="AC2139" s="137"/>
      <c r="AD2139" s="137"/>
      <c r="AE2139" s="137"/>
      <c r="AF2139" s="137"/>
      <c r="AG2139" s="137"/>
      <c r="AH2139" s="137"/>
      <c r="AI2139" s="137"/>
      <c r="AJ2139" s="137"/>
      <c r="AK2139" s="137"/>
      <c r="AL2139" s="137"/>
      <c r="AM2139" s="137"/>
      <c r="AN2139" s="137"/>
      <c r="AO2139" s="137"/>
      <c r="AP2139" s="137"/>
      <c r="AQ2139" s="137"/>
      <c r="AR2139" s="137"/>
      <c r="AS2139" s="137"/>
      <c r="AT2139" s="137"/>
      <c r="AU2139" s="137"/>
      <c r="AV2139" s="137"/>
      <c r="AW2139" s="144"/>
    </row>
    <row r="2140" spans="7:49" x14ac:dyDescent="0.2">
      <c r="G2140" s="43"/>
      <c r="Z2140" s="143"/>
      <c r="AA2140" s="137"/>
      <c r="AB2140" s="137"/>
      <c r="AC2140" s="137"/>
      <c r="AD2140" s="137"/>
      <c r="AE2140" s="137"/>
      <c r="AF2140" s="137"/>
      <c r="AG2140" s="137"/>
      <c r="AH2140" s="137"/>
      <c r="AI2140" s="137"/>
      <c r="AJ2140" s="137"/>
      <c r="AK2140" s="137"/>
      <c r="AL2140" s="137"/>
      <c r="AM2140" s="137"/>
      <c r="AN2140" s="137"/>
      <c r="AO2140" s="137"/>
      <c r="AP2140" s="137"/>
      <c r="AQ2140" s="137"/>
      <c r="AR2140" s="137"/>
      <c r="AS2140" s="137"/>
      <c r="AT2140" s="137"/>
      <c r="AU2140" s="137"/>
      <c r="AV2140" s="137"/>
      <c r="AW2140" s="144"/>
    </row>
    <row r="2141" spans="7:49" x14ac:dyDescent="0.2">
      <c r="G2141" s="43"/>
      <c r="Z2141" s="143"/>
      <c r="AA2141" s="137"/>
      <c r="AB2141" s="137"/>
      <c r="AC2141" s="137"/>
      <c r="AD2141" s="137"/>
      <c r="AE2141" s="137"/>
      <c r="AF2141" s="137"/>
      <c r="AG2141" s="137"/>
      <c r="AH2141" s="137"/>
      <c r="AI2141" s="137"/>
      <c r="AJ2141" s="137"/>
      <c r="AK2141" s="137"/>
      <c r="AL2141" s="137"/>
      <c r="AM2141" s="137"/>
      <c r="AN2141" s="137"/>
      <c r="AO2141" s="137"/>
      <c r="AP2141" s="137"/>
      <c r="AQ2141" s="137"/>
      <c r="AR2141" s="137"/>
      <c r="AS2141" s="137"/>
      <c r="AT2141" s="137"/>
      <c r="AU2141" s="137"/>
      <c r="AV2141" s="137"/>
      <c r="AW2141" s="144"/>
    </row>
    <row r="2142" spans="7:49" x14ac:dyDescent="0.2">
      <c r="G2142" s="43"/>
      <c r="Z2142" s="143"/>
      <c r="AA2142" s="137"/>
      <c r="AB2142" s="137"/>
      <c r="AC2142" s="137"/>
      <c r="AD2142" s="137"/>
      <c r="AE2142" s="137"/>
      <c r="AF2142" s="137"/>
      <c r="AG2142" s="137"/>
      <c r="AH2142" s="137"/>
      <c r="AI2142" s="137"/>
      <c r="AJ2142" s="137"/>
      <c r="AK2142" s="137"/>
      <c r="AL2142" s="137"/>
      <c r="AM2142" s="137"/>
      <c r="AN2142" s="137"/>
      <c r="AO2142" s="137"/>
      <c r="AP2142" s="137"/>
      <c r="AQ2142" s="137"/>
      <c r="AR2142" s="137"/>
      <c r="AS2142" s="137"/>
      <c r="AT2142" s="137"/>
      <c r="AU2142" s="137"/>
      <c r="AV2142" s="137"/>
      <c r="AW2142" s="144"/>
    </row>
    <row r="2143" spans="7:49" x14ac:dyDescent="0.2">
      <c r="G2143" s="43"/>
      <c r="Z2143" s="143"/>
      <c r="AA2143" s="137"/>
      <c r="AB2143" s="137"/>
      <c r="AC2143" s="137"/>
      <c r="AD2143" s="137"/>
      <c r="AE2143" s="137"/>
      <c r="AF2143" s="137"/>
      <c r="AG2143" s="137"/>
      <c r="AH2143" s="137"/>
      <c r="AI2143" s="137"/>
      <c r="AJ2143" s="137"/>
      <c r="AK2143" s="137"/>
      <c r="AL2143" s="137"/>
      <c r="AM2143" s="137"/>
      <c r="AN2143" s="137"/>
      <c r="AO2143" s="137"/>
      <c r="AP2143" s="137"/>
      <c r="AQ2143" s="137"/>
      <c r="AR2143" s="137"/>
      <c r="AS2143" s="137"/>
      <c r="AT2143" s="137"/>
      <c r="AU2143" s="137"/>
      <c r="AV2143" s="137"/>
      <c r="AW2143" s="144"/>
    </row>
    <row r="2144" spans="7:49" x14ac:dyDescent="0.2">
      <c r="G2144" s="43"/>
      <c r="Z2144" s="143"/>
      <c r="AA2144" s="137"/>
      <c r="AB2144" s="137"/>
      <c r="AC2144" s="137"/>
      <c r="AD2144" s="137"/>
      <c r="AE2144" s="137"/>
      <c r="AF2144" s="137"/>
      <c r="AG2144" s="137"/>
      <c r="AH2144" s="137"/>
      <c r="AI2144" s="137"/>
      <c r="AJ2144" s="137"/>
      <c r="AK2144" s="137"/>
      <c r="AL2144" s="137"/>
      <c r="AM2144" s="137"/>
      <c r="AN2144" s="137"/>
      <c r="AO2144" s="137"/>
      <c r="AP2144" s="137"/>
      <c r="AQ2144" s="137"/>
      <c r="AR2144" s="137"/>
      <c r="AS2144" s="137"/>
      <c r="AT2144" s="137"/>
      <c r="AU2144" s="137"/>
      <c r="AV2144" s="137"/>
      <c r="AW2144" s="144"/>
    </row>
    <row r="2145" spans="7:49" x14ac:dyDescent="0.2">
      <c r="G2145" s="43"/>
      <c r="Z2145" s="143"/>
      <c r="AA2145" s="137"/>
      <c r="AB2145" s="137"/>
      <c r="AC2145" s="137"/>
      <c r="AD2145" s="137"/>
      <c r="AE2145" s="137"/>
      <c r="AF2145" s="137"/>
      <c r="AG2145" s="137"/>
      <c r="AH2145" s="137"/>
      <c r="AI2145" s="137"/>
      <c r="AJ2145" s="137"/>
      <c r="AK2145" s="137"/>
      <c r="AL2145" s="137"/>
      <c r="AM2145" s="137"/>
      <c r="AN2145" s="137"/>
      <c r="AO2145" s="137"/>
      <c r="AP2145" s="137"/>
      <c r="AQ2145" s="137"/>
      <c r="AR2145" s="137"/>
      <c r="AS2145" s="137"/>
      <c r="AT2145" s="137"/>
      <c r="AU2145" s="137"/>
      <c r="AV2145" s="137"/>
      <c r="AW2145" s="144"/>
    </row>
    <row r="2146" spans="7:49" x14ac:dyDescent="0.2">
      <c r="G2146" s="43"/>
      <c r="Z2146" s="143"/>
      <c r="AA2146" s="137"/>
      <c r="AB2146" s="137"/>
      <c r="AC2146" s="137"/>
      <c r="AD2146" s="137"/>
      <c r="AE2146" s="137"/>
      <c r="AF2146" s="137"/>
      <c r="AG2146" s="137"/>
      <c r="AH2146" s="137"/>
      <c r="AI2146" s="137"/>
      <c r="AJ2146" s="137"/>
      <c r="AK2146" s="137"/>
      <c r="AL2146" s="137"/>
      <c r="AM2146" s="137"/>
      <c r="AN2146" s="137"/>
      <c r="AO2146" s="137"/>
      <c r="AP2146" s="137"/>
      <c r="AQ2146" s="137"/>
      <c r="AR2146" s="137"/>
      <c r="AS2146" s="137"/>
      <c r="AT2146" s="137"/>
      <c r="AU2146" s="137"/>
      <c r="AV2146" s="137"/>
      <c r="AW2146" s="144"/>
    </row>
    <row r="2147" spans="7:49" x14ac:dyDescent="0.2">
      <c r="G2147" s="43"/>
      <c r="Z2147" s="143"/>
      <c r="AA2147" s="137"/>
      <c r="AB2147" s="137"/>
      <c r="AC2147" s="137"/>
      <c r="AD2147" s="137"/>
      <c r="AE2147" s="137"/>
      <c r="AF2147" s="137"/>
      <c r="AG2147" s="137"/>
      <c r="AH2147" s="137"/>
      <c r="AI2147" s="137"/>
      <c r="AJ2147" s="137"/>
      <c r="AK2147" s="137"/>
      <c r="AL2147" s="137"/>
      <c r="AM2147" s="137"/>
      <c r="AN2147" s="137"/>
      <c r="AO2147" s="137"/>
      <c r="AP2147" s="137"/>
      <c r="AQ2147" s="137"/>
      <c r="AR2147" s="137"/>
      <c r="AS2147" s="137"/>
      <c r="AT2147" s="137"/>
      <c r="AU2147" s="137"/>
      <c r="AV2147" s="137"/>
      <c r="AW2147" s="144"/>
    </row>
    <row r="2148" spans="7:49" x14ac:dyDescent="0.2">
      <c r="G2148" s="43"/>
      <c r="Z2148" s="143"/>
      <c r="AA2148" s="137"/>
      <c r="AB2148" s="137"/>
      <c r="AC2148" s="137"/>
      <c r="AD2148" s="137"/>
      <c r="AE2148" s="137"/>
      <c r="AF2148" s="137"/>
      <c r="AG2148" s="137"/>
      <c r="AH2148" s="137"/>
      <c r="AI2148" s="137"/>
      <c r="AJ2148" s="137"/>
      <c r="AK2148" s="137"/>
      <c r="AL2148" s="137"/>
      <c r="AM2148" s="137"/>
      <c r="AN2148" s="137"/>
      <c r="AO2148" s="137"/>
      <c r="AP2148" s="137"/>
      <c r="AQ2148" s="137"/>
      <c r="AR2148" s="137"/>
      <c r="AS2148" s="137"/>
      <c r="AT2148" s="137"/>
      <c r="AU2148" s="137"/>
      <c r="AV2148" s="137"/>
      <c r="AW2148" s="144"/>
    </row>
    <row r="2149" spans="7:49" x14ac:dyDescent="0.2">
      <c r="G2149" s="43"/>
      <c r="Z2149" s="143"/>
      <c r="AA2149" s="137"/>
      <c r="AB2149" s="137"/>
      <c r="AC2149" s="137"/>
      <c r="AD2149" s="137"/>
      <c r="AE2149" s="137"/>
      <c r="AF2149" s="137"/>
      <c r="AG2149" s="137"/>
      <c r="AH2149" s="137"/>
      <c r="AI2149" s="137"/>
      <c r="AJ2149" s="137"/>
      <c r="AK2149" s="137"/>
      <c r="AL2149" s="137"/>
      <c r="AM2149" s="137"/>
      <c r="AN2149" s="137"/>
      <c r="AO2149" s="137"/>
      <c r="AP2149" s="137"/>
      <c r="AQ2149" s="137"/>
      <c r="AR2149" s="137"/>
      <c r="AS2149" s="137"/>
      <c r="AT2149" s="137"/>
      <c r="AU2149" s="137"/>
      <c r="AV2149" s="137"/>
      <c r="AW2149" s="144"/>
    </row>
    <row r="2150" spans="7:49" x14ac:dyDescent="0.2">
      <c r="G2150" s="43"/>
      <c r="Z2150" s="143"/>
      <c r="AA2150" s="137"/>
      <c r="AB2150" s="137"/>
      <c r="AC2150" s="137"/>
      <c r="AD2150" s="137"/>
      <c r="AE2150" s="137"/>
      <c r="AF2150" s="137"/>
      <c r="AG2150" s="137"/>
      <c r="AH2150" s="137"/>
      <c r="AI2150" s="137"/>
      <c r="AJ2150" s="137"/>
      <c r="AK2150" s="137"/>
      <c r="AL2150" s="137"/>
      <c r="AM2150" s="137"/>
      <c r="AN2150" s="137"/>
      <c r="AO2150" s="137"/>
      <c r="AP2150" s="137"/>
      <c r="AQ2150" s="137"/>
      <c r="AR2150" s="137"/>
      <c r="AS2150" s="137"/>
      <c r="AT2150" s="137"/>
      <c r="AU2150" s="137"/>
      <c r="AV2150" s="137"/>
      <c r="AW2150" s="144"/>
    </row>
    <row r="2151" spans="7:49" x14ac:dyDescent="0.2">
      <c r="G2151" s="43"/>
      <c r="Z2151" s="143"/>
      <c r="AA2151" s="137"/>
      <c r="AB2151" s="137"/>
      <c r="AC2151" s="137"/>
      <c r="AD2151" s="137"/>
      <c r="AE2151" s="137"/>
      <c r="AF2151" s="137"/>
      <c r="AG2151" s="137"/>
      <c r="AH2151" s="137"/>
      <c r="AI2151" s="137"/>
      <c r="AJ2151" s="137"/>
      <c r="AK2151" s="137"/>
      <c r="AL2151" s="137"/>
      <c r="AM2151" s="137"/>
      <c r="AN2151" s="137"/>
      <c r="AO2151" s="137"/>
      <c r="AP2151" s="137"/>
      <c r="AQ2151" s="137"/>
      <c r="AR2151" s="137"/>
      <c r="AS2151" s="137"/>
      <c r="AT2151" s="137"/>
      <c r="AU2151" s="137"/>
      <c r="AV2151" s="137"/>
      <c r="AW2151" s="144"/>
    </row>
    <row r="2152" spans="7:49" x14ac:dyDescent="0.2">
      <c r="G2152" s="43"/>
      <c r="Z2152" s="143"/>
      <c r="AA2152" s="137"/>
      <c r="AB2152" s="137"/>
      <c r="AC2152" s="137"/>
      <c r="AD2152" s="137"/>
      <c r="AE2152" s="137"/>
      <c r="AF2152" s="137"/>
      <c r="AG2152" s="137"/>
      <c r="AH2152" s="137"/>
      <c r="AI2152" s="137"/>
      <c r="AJ2152" s="137"/>
      <c r="AK2152" s="137"/>
      <c r="AL2152" s="137"/>
      <c r="AM2152" s="137"/>
      <c r="AN2152" s="137"/>
      <c r="AO2152" s="137"/>
      <c r="AP2152" s="137"/>
      <c r="AQ2152" s="137"/>
      <c r="AR2152" s="137"/>
      <c r="AS2152" s="137"/>
      <c r="AT2152" s="137"/>
      <c r="AU2152" s="137"/>
      <c r="AV2152" s="137"/>
      <c r="AW2152" s="144"/>
    </row>
    <row r="2153" spans="7:49" x14ac:dyDescent="0.2">
      <c r="G2153" s="43"/>
      <c r="Z2153" s="143"/>
      <c r="AA2153" s="137"/>
      <c r="AB2153" s="137"/>
      <c r="AC2153" s="137"/>
      <c r="AD2153" s="137"/>
      <c r="AE2153" s="137"/>
      <c r="AF2153" s="137"/>
      <c r="AG2153" s="137"/>
      <c r="AH2153" s="137"/>
      <c r="AI2153" s="137"/>
      <c r="AJ2153" s="137"/>
      <c r="AK2153" s="137"/>
      <c r="AL2153" s="137"/>
      <c r="AM2153" s="137"/>
      <c r="AN2153" s="137"/>
      <c r="AO2153" s="137"/>
      <c r="AP2153" s="137"/>
      <c r="AQ2153" s="137"/>
      <c r="AR2153" s="137"/>
      <c r="AS2153" s="137"/>
      <c r="AT2153" s="137"/>
      <c r="AU2153" s="137"/>
      <c r="AV2153" s="137"/>
      <c r="AW2153" s="144"/>
    </row>
    <row r="2154" spans="7:49" x14ac:dyDescent="0.2">
      <c r="G2154" s="43"/>
      <c r="Z2154" s="143"/>
      <c r="AA2154" s="137"/>
      <c r="AB2154" s="137"/>
      <c r="AC2154" s="137"/>
      <c r="AD2154" s="137"/>
      <c r="AE2154" s="137"/>
      <c r="AF2154" s="137"/>
      <c r="AG2154" s="137"/>
      <c r="AH2154" s="137"/>
      <c r="AI2154" s="137"/>
      <c r="AJ2154" s="137"/>
      <c r="AK2154" s="137"/>
      <c r="AL2154" s="137"/>
      <c r="AM2154" s="137"/>
      <c r="AN2154" s="137"/>
      <c r="AO2154" s="137"/>
      <c r="AP2154" s="137"/>
      <c r="AQ2154" s="137"/>
      <c r="AR2154" s="137"/>
      <c r="AS2154" s="137"/>
      <c r="AT2154" s="137"/>
      <c r="AU2154" s="137"/>
      <c r="AV2154" s="137"/>
      <c r="AW2154" s="144"/>
    </row>
    <row r="2155" spans="7:49" x14ac:dyDescent="0.2">
      <c r="G2155" s="43"/>
      <c r="Z2155" s="143"/>
      <c r="AA2155" s="137"/>
      <c r="AB2155" s="137"/>
      <c r="AC2155" s="137"/>
      <c r="AD2155" s="137"/>
      <c r="AE2155" s="137"/>
      <c r="AF2155" s="137"/>
      <c r="AG2155" s="137"/>
      <c r="AH2155" s="137"/>
      <c r="AI2155" s="137"/>
      <c r="AJ2155" s="137"/>
      <c r="AK2155" s="137"/>
      <c r="AL2155" s="137"/>
      <c r="AM2155" s="137"/>
      <c r="AN2155" s="137"/>
      <c r="AO2155" s="137"/>
      <c r="AP2155" s="137"/>
      <c r="AQ2155" s="137"/>
      <c r="AR2155" s="137"/>
      <c r="AS2155" s="137"/>
      <c r="AT2155" s="137"/>
      <c r="AU2155" s="137"/>
      <c r="AV2155" s="137"/>
      <c r="AW2155" s="144"/>
    </row>
    <row r="2156" spans="7:49" x14ac:dyDescent="0.2">
      <c r="G2156" s="43"/>
      <c r="Z2156" s="143"/>
      <c r="AA2156" s="137"/>
      <c r="AB2156" s="137"/>
      <c r="AC2156" s="137"/>
      <c r="AD2156" s="137"/>
      <c r="AE2156" s="137"/>
      <c r="AF2156" s="137"/>
      <c r="AG2156" s="137"/>
      <c r="AH2156" s="137"/>
      <c r="AI2156" s="137"/>
      <c r="AJ2156" s="137"/>
      <c r="AK2156" s="137"/>
      <c r="AL2156" s="137"/>
      <c r="AM2156" s="137"/>
      <c r="AN2156" s="137"/>
      <c r="AO2156" s="137"/>
      <c r="AP2156" s="137"/>
      <c r="AQ2156" s="137"/>
      <c r="AR2156" s="137"/>
      <c r="AS2156" s="137"/>
      <c r="AT2156" s="137"/>
      <c r="AU2156" s="137"/>
      <c r="AV2156" s="137"/>
      <c r="AW2156" s="144"/>
    </row>
    <row r="2157" spans="7:49" x14ac:dyDescent="0.2">
      <c r="G2157" s="43"/>
      <c r="Z2157" s="143"/>
      <c r="AA2157" s="137"/>
      <c r="AB2157" s="137"/>
      <c r="AC2157" s="137"/>
      <c r="AD2157" s="137"/>
      <c r="AE2157" s="137"/>
      <c r="AF2157" s="137"/>
      <c r="AG2157" s="137"/>
      <c r="AH2157" s="137"/>
      <c r="AI2157" s="137"/>
      <c r="AJ2157" s="137"/>
      <c r="AK2157" s="137"/>
      <c r="AL2157" s="137"/>
      <c r="AM2157" s="137"/>
      <c r="AN2157" s="137"/>
      <c r="AO2157" s="137"/>
      <c r="AP2157" s="137"/>
      <c r="AQ2157" s="137"/>
      <c r="AR2157" s="137"/>
      <c r="AS2157" s="137"/>
      <c r="AT2157" s="137"/>
      <c r="AU2157" s="137"/>
      <c r="AV2157" s="137"/>
      <c r="AW2157" s="144"/>
    </row>
    <row r="2158" spans="7:49" x14ac:dyDescent="0.2">
      <c r="G2158" s="43"/>
      <c r="Z2158" s="143"/>
      <c r="AA2158" s="137"/>
      <c r="AB2158" s="137"/>
      <c r="AC2158" s="137"/>
      <c r="AD2158" s="137"/>
      <c r="AE2158" s="137"/>
      <c r="AF2158" s="137"/>
      <c r="AG2158" s="137"/>
      <c r="AH2158" s="137"/>
      <c r="AI2158" s="137"/>
      <c r="AJ2158" s="137"/>
      <c r="AK2158" s="137"/>
      <c r="AL2158" s="137"/>
      <c r="AM2158" s="137"/>
      <c r="AN2158" s="137"/>
      <c r="AO2158" s="137"/>
      <c r="AP2158" s="137"/>
      <c r="AQ2158" s="137"/>
      <c r="AR2158" s="137"/>
      <c r="AS2158" s="137"/>
      <c r="AT2158" s="137"/>
      <c r="AU2158" s="137"/>
      <c r="AV2158" s="137"/>
      <c r="AW2158" s="144"/>
    </row>
    <row r="2159" spans="7:49" x14ac:dyDescent="0.2">
      <c r="G2159" s="43"/>
      <c r="Z2159" s="143"/>
      <c r="AA2159" s="137"/>
      <c r="AB2159" s="137"/>
      <c r="AC2159" s="137"/>
      <c r="AD2159" s="137"/>
      <c r="AE2159" s="137"/>
      <c r="AF2159" s="137"/>
      <c r="AG2159" s="137"/>
      <c r="AH2159" s="137"/>
      <c r="AI2159" s="137"/>
      <c r="AJ2159" s="137"/>
      <c r="AK2159" s="137"/>
      <c r="AL2159" s="137"/>
      <c r="AM2159" s="137"/>
      <c r="AN2159" s="137"/>
      <c r="AO2159" s="137"/>
      <c r="AP2159" s="137"/>
      <c r="AQ2159" s="137"/>
      <c r="AR2159" s="137"/>
      <c r="AS2159" s="137"/>
      <c r="AT2159" s="137"/>
      <c r="AU2159" s="137"/>
      <c r="AV2159" s="137"/>
      <c r="AW2159" s="144"/>
    </row>
    <row r="2160" spans="7:49" x14ac:dyDescent="0.2">
      <c r="G2160" s="43"/>
      <c r="Z2160" s="143"/>
      <c r="AA2160" s="137"/>
      <c r="AB2160" s="137"/>
      <c r="AC2160" s="137"/>
      <c r="AD2160" s="137"/>
      <c r="AE2160" s="137"/>
      <c r="AF2160" s="137"/>
      <c r="AG2160" s="137"/>
      <c r="AH2160" s="137"/>
      <c r="AI2160" s="137"/>
      <c r="AJ2160" s="137"/>
      <c r="AK2160" s="137"/>
      <c r="AL2160" s="137"/>
      <c r="AM2160" s="137"/>
      <c r="AN2160" s="137"/>
      <c r="AO2160" s="137"/>
      <c r="AP2160" s="137"/>
      <c r="AQ2160" s="137"/>
      <c r="AR2160" s="137"/>
      <c r="AS2160" s="137"/>
      <c r="AT2160" s="137"/>
      <c r="AU2160" s="137"/>
      <c r="AV2160" s="137"/>
      <c r="AW2160" s="144"/>
    </row>
    <row r="2161" spans="7:49" x14ac:dyDescent="0.2">
      <c r="G2161" s="43"/>
      <c r="Z2161" s="143"/>
      <c r="AA2161" s="137"/>
      <c r="AB2161" s="137"/>
      <c r="AC2161" s="137"/>
      <c r="AD2161" s="137"/>
      <c r="AE2161" s="137"/>
      <c r="AF2161" s="137"/>
      <c r="AG2161" s="137"/>
      <c r="AH2161" s="137"/>
      <c r="AI2161" s="137"/>
      <c r="AJ2161" s="137"/>
      <c r="AK2161" s="137"/>
      <c r="AL2161" s="137"/>
      <c r="AM2161" s="137"/>
      <c r="AN2161" s="137"/>
      <c r="AO2161" s="137"/>
      <c r="AP2161" s="137"/>
      <c r="AQ2161" s="137"/>
      <c r="AR2161" s="137"/>
      <c r="AS2161" s="137"/>
      <c r="AT2161" s="137"/>
      <c r="AU2161" s="137"/>
      <c r="AV2161" s="137"/>
      <c r="AW2161" s="144"/>
    </row>
    <row r="2162" spans="7:49" x14ac:dyDescent="0.2">
      <c r="G2162" s="43"/>
      <c r="Z2162" s="143"/>
      <c r="AA2162" s="137"/>
      <c r="AB2162" s="137"/>
      <c r="AC2162" s="137"/>
      <c r="AD2162" s="137"/>
      <c r="AE2162" s="137"/>
      <c r="AF2162" s="137"/>
      <c r="AG2162" s="137"/>
      <c r="AH2162" s="137"/>
      <c r="AI2162" s="137"/>
      <c r="AJ2162" s="137"/>
      <c r="AK2162" s="137"/>
      <c r="AL2162" s="137"/>
      <c r="AM2162" s="137"/>
      <c r="AN2162" s="137"/>
      <c r="AO2162" s="137"/>
      <c r="AP2162" s="137"/>
      <c r="AQ2162" s="137"/>
      <c r="AR2162" s="137"/>
      <c r="AS2162" s="137"/>
      <c r="AT2162" s="137"/>
      <c r="AU2162" s="137"/>
      <c r="AV2162" s="137"/>
      <c r="AW2162" s="144"/>
    </row>
    <row r="2163" spans="7:49" x14ac:dyDescent="0.2">
      <c r="G2163" s="43"/>
      <c r="Z2163" s="143"/>
      <c r="AA2163" s="137"/>
      <c r="AB2163" s="137"/>
      <c r="AC2163" s="137"/>
      <c r="AD2163" s="137"/>
      <c r="AE2163" s="137"/>
      <c r="AF2163" s="137"/>
      <c r="AG2163" s="137"/>
      <c r="AH2163" s="137"/>
      <c r="AI2163" s="137"/>
      <c r="AJ2163" s="137"/>
      <c r="AK2163" s="137"/>
      <c r="AL2163" s="137"/>
      <c r="AM2163" s="137"/>
      <c r="AN2163" s="137"/>
      <c r="AO2163" s="137"/>
      <c r="AP2163" s="137"/>
      <c r="AQ2163" s="137"/>
      <c r="AR2163" s="137"/>
      <c r="AS2163" s="137"/>
      <c r="AT2163" s="137"/>
      <c r="AU2163" s="137"/>
      <c r="AV2163" s="137"/>
      <c r="AW2163" s="144"/>
    </row>
    <row r="2164" spans="7:49" x14ac:dyDescent="0.2">
      <c r="G2164" s="43"/>
      <c r="Z2164" s="143"/>
      <c r="AA2164" s="137"/>
      <c r="AB2164" s="137"/>
      <c r="AC2164" s="137"/>
      <c r="AD2164" s="137"/>
      <c r="AE2164" s="137"/>
      <c r="AF2164" s="137"/>
      <c r="AG2164" s="137"/>
      <c r="AH2164" s="137"/>
      <c r="AI2164" s="137"/>
      <c r="AJ2164" s="137"/>
      <c r="AK2164" s="137"/>
      <c r="AL2164" s="137"/>
      <c r="AM2164" s="137"/>
      <c r="AN2164" s="137"/>
      <c r="AO2164" s="137"/>
      <c r="AP2164" s="137"/>
      <c r="AQ2164" s="137"/>
      <c r="AR2164" s="137"/>
      <c r="AS2164" s="137"/>
      <c r="AT2164" s="137"/>
      <c r="AU2164" s="137"/>
      <c r="AV2164" s="137"/>
      <c r="AW2164" s="144"/>
    </row>
    <row r="2165" spans="7:49" x14ac:dyDescent="0.2">
      <c r="G2165" s="43"/>
      <c r="Z2165" s="143"/>
      <c r="AA2165" s="137"/>
      <c r="AB2165" s="137"/>
      <c r="AC2165" s="137"/>
      <c r="AD2165" s="137"/>
      <c r="AE2165" s="137"/>
      <c r="AF2165" s="137"/>
      <c r="AG2165" s="137"/>
      <c r="AH2165" s="137"/>
      <c r="AI2165" s="137"/>
      <c r="AJ2165" s="137"/>
      <c r="AK2165" s="137"/>
      <c r="AL2165" s="137"/>
      <c r="AM2165" s="137"/>
      <c r="AN2165" s="137"/>
      <c r="AO2165" s="137"/>
      <c r="AP2165" s="137"/>
      <c r="AQ2165" s="137"/>
      <c r="AR2165" s="137"/>
      <c r="AS2165" s="137"/>
      <c r="AT2165" s="137"/>
      <c r="AU2165" s="137"/>
      <c r="AV2165" s="137"/>
      <c r="AW2165" s="144"/>
    </row>
    <row r="2166" spans="7:49" x14ac:dyDescent="0.2">
      <c r="G2166" s="43"/>
      <c r="Z2166" s="143"/>
      <c r="AA2166" s="137"/>
      <c r="AB2166" s="137"/>
      <c r="AC2166" s="137"/>
      <c r="AD2166" s="137"/>
      <c r="AE2166" s="137"/>
      <c r="AF2166" s="137"/>
      <c r="AG2166" s="137"/>
      <c r="AH2166" s="137"/>
      <c r="AI2166" s="137"/>
      <c r="AJ2166" s="137"/>
      <c r="AK2166" s="137"/>
      <c r="AL2166" s="137"/>
      <c r="AM2166" s="137"/>
      <c r="AN2166" s="137"/>
      <c r="AO2166" s="137"/>
      <c r="AP2166" s="137"/>
      <c r="AQ2166" s="137"/>
      <c r="AR2166" s="137"/>
      <c r="AS2166" s="137"/>
      <c r="AT2166" s="137"/>
      <c r="AU2166" s="137"/>
      <c r="AV2166" s="137"/>
      <c r="AW2166" s="144"/>
    </row>
    <row r="2167" spans="7:49" x14ac:dyDescent="0.2">
      <c r="G2167" s="43"/>
      <c r="Z2167" s="143"/>
      <c r="AA2167" s="137"/>
      <c r="AB2167" s="137"/>
      <c r="AC2167" s="137"/>
      <c r="AD2167" s="137"/>
      <c r="AE2167" s="137"/>
      <c r="AF2167" s="137"/>
      <c r="AG2167" s="137"/>
      <c r="AH2167" s="137"/>
      <c r="AI2167" s="137"/>
      <c r="AJ2167" s="137"/>
      <c r="AK2167" s="137"/>
      <c r="AL2167" s="137"/>
      <c r="AM2167" s="137"/>
      <c r="AN2167" s="137"/>
      <c r="AO2167" s="137"/>
      <c r="AP2167" s="137"/>
      <c r="AQ2167" s="137"/>
      <c r="AR2167" s="137"/>
      <c r="AS2167" s="137"/>
      <c r="AT2167" s="137"/>
      <c r="AU2167" s="137"/>
      <c r="AV2167" s="137"/>
      <c r="AW2167" s="144"/>
    </row>
    <row r="2168" spans="7:49" x14ac:dyDescent="0.2">
      <c r="G2168" s="43"/>
      <c r="Z2168" s="143"/>
      <c r="AA2168" s="137"/>
      <c r="AB2168" s="137"/>
      <c r="AC2168" s="137"/>
      <c r="AD2168" s="137"/>
      <c r="AE2168" s="137"/>
      <c r="AF2168" s="137"/>
      <c r="AG2168" s="137"/>
      <c r="AH2168" s="137"/>
      <c r="AI2168" s="137"/>
      <c r="AJ2168" s="137"/>
      <c r="AK2168" s="137"/>
      <c r="AL2168" s="137"/>
      <c r="AM2168" s="137"/>
      <c r="AN2168" s="137"/>
      <c r="AO2168" s="137"/>
      <c r="AP2168" s="137"/>
      <c r="AQ2168" s="137"/>
      <c r="AR2168" s="137"/>
      <c r="AS2168" s="137"/>
      <c r="AT2168" s="137"/>
      <c r="AU2168" s="137"/>
      <c r="AV2168" s="137"/>
      <c r="AW2168" s="144"/>
    </row>
    <row r="2169" spans="7:49" x14ac:dyDescent="0.2">
      <c r="G2169" s="43"/>
      <c r="Z2169" s="143"/>
      <c r="AA2169" s="137"/>
      <c r="AB2169" s="137"/>
      <c r="AC2169" s="137"/>
      <c r="AD2169" s="137"/>
      <c r="AE2169" s="137"/>
      <c r="AF2169" s="137"/>
      <c r="AG2169" s="137"/>
      <c r="AH2169" s="137"/>
      <c r="AI2169" s="137"/>
      <c r="AJ2169" s="137"/>
      <c r="AK2169" s="137"/>
      <c r="AL2169" s="137"/>
      <c r="AM2169" s="137"/>
      <c r="AN2169" s="137"/>
      <c r="AO2169" s="137"/>
      <c r="AP2169" s="137"/>
      <c r="AQ2169" s="137"/>
      <c r="AR2169" s="137"/>
      <c r="AS2169" s="137"/>
      <c r="AT2169" s="137"/>
      <c r="AU2169" s="137"/>
      <c r="AV2169" s="137"/>
      <c r="AW2169" s="144"/>
    </row>
    <row r="2170" spans="7:49" x14ac:dyDescent="0.2">
      <c r="G2170" s="43"/>
      <c r="Z2170" s="143"/>
      <c r="AA2170" s="137"/>
      <c r="AB2170" s="137"/>
      <c r="AC2170" s="137"/>
      <c r="AD2170" s="137"/>
      <c r="AE2170" s="137"/>
      <c r="AF2170" s="137"/>
      <c r="AG2170" s="137"/>
      <c r="AH2170" s="137"/>
      <c r="AI2170" s="137"/>
      <c r="AJ2170" s="137"/>
      <c r="AK2170" s="137"/>
      <c r="AL2170" s="137"/>
      <c r="AM2170" s="137"/>
      <c r="AN2170" s="137"/>
      <c r="AO2170" s="137"/>
      <c r="AP2170" s="137"/>
      <c r="AQ2170" s="137"/>
      <c r="AR2170" s="137"/>
      <c r="AS2170" s="137"/>
      <c r="AT2170" s="137"/>
      <c r="AU2170" s="137"/>
      <c r="AV2170" s="137"/>
      <c r="AW2170" s="144"/>
    </row>
    <row r="2171" spans="7:49" x14ac:dyDescent="0.2">
      <c r="G2171" s="43"/>
      <c r="Z2171" s="143"/>
      <c r="AA2171" s="137"/>
      <c r="AB2171" s="137"/>
      <c r="AC2171" s="137"/>
      <c r="AD2171" s="137"/>
      <c r="AE2171" s="137"/>
      <c r="AF2171" s="137"/>
      <c r="AG2171" s="137"/>
      <c r="AH2171" s="137"/>
      <c r="AI2171" s="137"/>
      <c r="AJ2171" s="137"/>
      <c r="AK2171" s="137"/>
      <c r="AL2171" s="137"/>
      <c r="AM2171" s="137"/>
      <c r="AN2171" s="137"/>
      <c r="AO2171" s="137"/>
      <c r="AP2171" s="137"/>
      <c r="AQ2171" s="137"/>
      <c r="AR2171" s="137"/>
      <c r="AS2171" s="137"/>
      <c r="AT2171" s="137"/>
      <c r="AU2171" s="137"/>
      <c r="AV2171" s="137"/>
      <c r="AW2171" s="144"/>
    </row>
    <row r="2172" spans="7:49" x14ac:dyDescent="0.2">
      <c r="G2172" s="43"/>
      <c r="Z2172" s="143"/>
      <c r="AA2172" s="137"/>
      <c r="AB2172" s="137"/>
      <c r="AC2172" s="137"/>
      <c r="AD2172" s="137"/>
      <c r="AE2172" s="137"/>
      <c r="AF2172" s="137"/>
      <c r="AG2172" s="137"/>
      <c r="AH2172" s="137"/>
      <c r="AI2172" s="137"/>
      <c r="AJ2172" s="137"/>
      <c r="AK2172" s="137"/>
      <c r="AL2172" s="137"/>
      <c r="AM2172" s="137"/>
      <c r="AN2172" s="137"/>
      <c r="AO2172" s="137"/>
      <c r="AP2172" s="137"/>
      <c r="AQ2172" s="137"/>
      <c r="AR2172" s="137"/>
      <c r="AS2172" s="137"/>
      <c r="AT2172" s="137"/>
      <c r="AU2172" s="137"/>
      <c r="AV2172" s="137"/>
      <c r="AW2172" s="144"/>
    </row>
    <row r="2173" spans="7:49" x14ac:dyDescent="0.2">
      <c r="G2173" s="43"/>
      <c r="Z2173" s="143"/>
      <c r="AA2173" s="137"/>
      <c r="AB2173" s="137"/>
      <c r="AC2173" s="137"/>
      <c r="AD2173" s="137"/>
      <c r="AE2173" s="137"/>
      <c r="AF2173" s="137"/>
      <c r="AG2173" s="137"/>
      <c r="AH2173" s="137"/>
      <c r="AI2173" s="137"/>
      <c r="AJ2173" s="137"/>
      <c r="AK2173" s="137"/>
      <c r="AL2173" s="137"/>
      <c r="AM2173" s="137"/>
      <c r="AN2173" s="137"/>
      <c r="AO2173" s="137"/>
      <c r="AP2173" s="137"/>
      <c r="AQ2173" s="137"/>
      <c r="AR2173" s="137"/>
      <c r="AS2173" s="137"/>
      <c r="AT2173" s="137"/>
      <c r="AU2173" s="137"/>
      <c r="AV2173" s="137"/>
      <c r="AW2173" s="144"/>
    </row>
    <row r="2174" spans="7:49" x14ac:dyDescent="0.2">
      <c r="G2174" s="43"/>
      <c r="Z2174" s="143"/>
      <c r="AA2174" s="137"/>
      <c r="AB2174" s="137"/>
      <c r="AC2174" s="137"/>
      <c r="AD2174" s="137"/>
      <c r="AE2174" s="137"/>
      <c r="AF2174" s="137"/>
      <c r="AG2174" s="137"/>
      <c r="AH2174" s="137"/>
      <c r="AI2174" s="137"/>
      <c r="AJ2174" s="137"/>
      <c r="AK2174" s="137"/>
      <c r="AL2174" s="137"/>
      <c r="AM2174" s="137"/>
      <c r="AN2174" s="137"/>
      <c r="AO2174" s="137"/>
      <c r="AP2174" s="137"/>
      <c r="AQ2174" s="137"/>
      <c r="AR2174" s="137"/>
      <c r="AS2174" s="137"/>
      <c r="AT2174" s="137"/>
      <c r="AU2174" s="137"/>
      <c r="AV2174" s="137"/>
      <c r="AW2174" s="144"/>
    </row>
    <row r="2175" spans="7:49" x14ac:dyDescent="0.2">
      <c r="G2175" s="43"/>
      <c r="Z2175" s="143"/>
      <c r="AA2175" s="137"/>
      <c r="AB2175" s="137"/>
      <c r="AC2175" s="137"/>
      <c r="AD2175" s="137"/>
      <c r="AE2175" s="137"/>
      <c r="AF2175" s="137"/>
      <c r="AG2175" s="137"/>
      <c r="AH2175" s="137"/>
      <c r="AI2175" s="137"/>
      <c r="AJ2175" s="137"/>
      <c r="AK2175" s="137"/>
      <c r="AL2175" s="137"/>
      <c r="AM2175" s="137"/>
      <c r="AN2175" s="137"/>
      <c r="AO2175" s="137"/>
      <c r="AP2175" s="137"/>
      <c r="AQ2175" s="137"/>
      <c r="AR2175" s="137"/>
      <c r="AS2175" s="137"/>
      <c r="AT2175" s="137"/>
      <c r="AU2175" s="137"/>
      <c r="AV2175" s="137"/>
      <c r="AW2175" s="144"/>
    </row>
    <row r="2176" spans="7:49" x14ac:dyDescent="0.2">
      <c r="G2176" s="43"/>
      <c r="Z2176" s="143"/>
      <c r="AA2176" s="137"/>
      <c r="AB2176" s="137"/>
      <c r="AC2176" s="137"/>
      <c r="AD2176" s="137"/>
      <c r="AE2176" s="137"/>
      <c r="AF2176" s="137"/>
      <c r="AG2176" s="137"/>
      <c r="AH2176" s="137"/>
      <c r="AI2176" s="137"/>
      <c r="AJ2176" s="137"/>
      <c r="AK2176" s="137"/>
      <c r="AL2176" s="137"/>
      <c r="AM2176" s="137"/>
      <c r="AN2176" s="137"/>
      <c r="AO2176" s="137"/>
      <c r="AP2176" s="137"/>
      <c r="AQ2176" s="137"/>
      <c r="AR2176" s="137"/>
      <c r="AS2176" s="137"/>
      <c r="AT2176" s="137"/>
      <c r="AU2176" s="137"/>
      <c r="AV2176" s="137"/>
      <c r="AW2176" s="144"/>
    </row>
    <row r="2177" spans="7:49" x14ac:dyDescent="0.2">
      <c r="G2177" s="43"/>
      <c r="Z2177" s="143"/>
      <c r="AA2177" s="137"/>
      <c r="AB2177" s="137"/>
      <c r="AC2177" s="137"/>
      <c r="AD2177" s="137"/>
      <c r="AE2177" s="137"/>
      <c r="AF2177" s="137"/>
      <c r="AG2177" s="137"/>
      <c r="AH2177" s="137"/>
      <c r="AI2177" s="137"/>
      <c r="AJ2177" s="137"/>
      <c r="AK2177" s="137"/>
      <c r="AL2177" s="137"/>
      <c r="AM2177" s="137"/>
      <c r="AN2177" s="137"/>
      <c r="AO2177" s="137"/>
      <c r="AP2177" s="137"/>
      <c r="AQ2177" s="137"/>
      <c r="AR2177" s="137"/>
      <c r="AS2177" s="137"/>
      <c r="AT2177" s="137"/>
      <c r="AU2177" s="137"/>
      <c r="AV2177" s="137"/>
      <c r="AW2177" s="144"/>
    </row>
    <row r="2178" spans="7:49" x14ac:dyDescent="0.2">
      <c r="G2178" s="43"/>
      <c r="Z2178" s="143"/>
      <c r="AA2178" s="137"/>
      <c r="AB2178" s="137"/>
      <c r="AC2178" s="137"/>
      <c r="AD2178" s="137"/>
      <c r="AE2178" s="137"/>
      <c r="AF2178" s="137"/>
      <c r="AG2178" s="137"/>
      <c r="AH2178" s="137"/>
      <c r="AI2178" s="137"/>
      <c r="AJ2178" s="137"/>
      <c r="AK2178" s="137"/>
      <c r="AL2178" s="137"/>
      <c r="AM2178" s="137"/>
      <c r="AN2178" s="137"/>
      <c r="AO2178" s="137"/>
      <c r="AP2178" s="137"/>
      <c r="AQ2178" s="137"/>
      <c r="AR2178" s="137"/>
      <c r="AS2178" s="137"/>
      <c r="AT2178" s="137"/>
      <c r="AU2178" s="137"/>
      <c r="AV2178" s="137"/>
      <c r="AW2178" s="144"/>
    </row>
    <row r="2179" spans="7:49" x14ac:dyDescent="0.2">
      <c r="G2179" s="43"/>
      <c r="Z2179" s="143"/>
      <c r="AA2179" s="137"/>
      <c r="AB2179" s="137"/>
      <c r="AC2179" s="137"/>
      <c r="AD2179" s="137"/>
      <c r="AE2179" s="137"/>
      <c r="AF2179" s="137"/>
      <c r="AG2179" s="137"/>
      <c r="AH2179" s="137"/>
      <c r="AI2179" s="137"/>
      <c r="AJ2179" s="137"/>
      <c r="AK2179" s="137"/>
      <c r="AL2179" s="137"/>
      <c r="AM2179" s="137"/>
      <c r="AN2179" s="137"/>
      <c r="AO2179" s="137"/>
      <c r="AP2179" s="137"/>
      <c r="AQ2179" s="137"/>
      <c r="AR2179" s="137"/>
      <c r="AS2179" s="137"/>
      <c r="AT2179" s="137"/>
      <c r="AU2179" s="137"/>
      <c r="AV2179" s="137"/>
      <c r="AW2179" s="144"/>
    </row>
    <row r="2180" spans="7:49" x14ac:dyDescent="0.2">
      <c r="G2180" s="43"/>
      <c r="Z2180" s="143"/>
      <c r="AA2180" s="137"/>
      <c r="AB2180" s="137"/>
      <c r="AC2180" s="137"/>
      <c r="AD2180" s="137"/>
      <c r="AE2180" s="137"/>
      <c r="AF2180" s="137"/>
      <c r="AG2180" s="137"/>
      <c r="AH2180" s="137"/>
      <c r="AI2180" s="137"/>
      <c r="AJ2180" s="137"/>
      <c r="AK2180" s="137"/>
      <c r="AL2180" s="137"/>
      <c r="AM2180" s="137"/>
      <c r="AN2180" s="137"/>
      <c r="AO2180" s="137"/>
      <c r="AP2180" s="137"/>
      <c r="AQ2180" s="137"/>
      <c r="AR2180" s="137"/>
      <c r="AS2180" s="137"/>
      <c r="AT2180" s="137"/>
      <c r="AU2180" s="137"/>
      <c r="AV2180" s="137"/>
      <c r="AW2180" s="144"/>
    </row>
    <row r="2181" spans="7:49" x14ac:dyDescent="0.2">
      <c r="G2181" s="43"/>
      <c r="Z2181" s="143"/>
      <c r="AA2181" s="137"/>
      <c r="AB2181" s="137"/>
      <c r="AC2181" s="137"/>
      <c r="AD2181" s="137"/>
      <c r="AE2181" s="137"/>
      <c r="AF2181" s="137"/>
      <c r="AG2181" s="137"/>
      <c r="AH2181" s="137"/>
      <c r="AI2181" s="137"/>
      <c r="AJ2181" s="137"/>
      <c r="AK2181" s="137"/>
      <c r="AL2181" s="137"/>
      <c r="AM2181" s="137"/>
      <c r="AN2181" s="137"/>
      <c r="AO2181" s="137"/>
      <c r="AP2181" s="137"/>
      <c r="AQ2181" s="137"/>
      <c r="AR2181" s="137"/>
      <c r="AS2181" s="137"/>
      <c r="AT2181" s="137"/>
      <c r="AU2181" s="137"/>
      <c r="AV2181" s="137"/>
      <c r="AW2181" s="144"/>
    </row>
    <row r="2182" spans="7:49" x14ac:dyDescent="0.2">
      <c r="G2182" s="43"/>
      <c r="Z2182" s="143"/>
      <c r="AA2182" s="137"/>
      <c r="AB2182" s="137"/>
      <c r="AC2182" s="137"/>
      <c r="AD2182" s="137"/>
      <c r="AE2182" s="137"/>
      <c r="AF2182" s="137"/>
      <c r="AG2182" s="137"/>
      <c r="AH2182" s="137"/>
      <c r="AI2182" s="137"/>
      <c r="AJ2182" s="137"/>
      <c r="AK2182" s="137"/>
      <c r="AL2182" s="137"/>
      <c r="AM2182" s="137"/>
      <c r="AN2182" s="137"/>
      <c r="AO2182" s="137"/>
      <c r="AP2182" s="137"/>
      <c r="AQ2182" s="137"/>
      <c r="AR2182" s="137"/>
      <c r="AS2182" s="137"/>
      <c r="AT2182" s="137"/>
      <c r="AU2182" s="137"/>
      <c r="AV2182" s="137"/>
      <c r="AW2182" s="144"/>
    </row>
    <row r="2183" spans="7:49" x14ac:dyDescent="0.2">
      <c r="G2183" s="43"/>
      <c r="Z2183" s="143"/>
      <c r="AA2183" s="137"/>
      <c r="AB2183" s="137"/>
      <c r="AC2183" s="137"/>
      <c r="AD2183" s="137"/>
      <c r="AE2183" s="137"/>
      <c r="AF2183" s="137"/>
      <c r="AG2183" s="137"/>
      <c r="AH2183" s="137"/>
      <c r="AI2183" s="137"/>
      <c r="AJ2183" s="137"/>
      <c r="AK2183" s="137"/>
      <c r="AL2183" s="137"/>
      <c r="AM2183" s="137"/>
      <c r="AN2183" s="137"/>
      <c r="AO2183" s="137"/>
      <c r="AP2183" s="137"/>
      <c r="AQ2183" s="137"/>
      <c r="AR2183" s="137"/>
      <c r="AS2183" s="137"/>
      <c r="AT2183" s="137"/>
      <c r="AU2183" s="137"/>
      <c r="AV2183" s="137"/>
      <c r="AW2183" s="144"/>
    </row>
    <row r="2184" spans="7:49" x14ac:dyDescent="0.2">
      <c r="G2184" s="43"/>
      <c r="Z2184" s="143"/>
      <c r="AA2184" s="137"/>
      <c r="AB2184" s="137"/>
      <c r="AC2184" s="137"/>
      <c r="AD2184" s="137"/>
      <c r="AE2184" s="137"/>
      <c r="AF2184" s="137"/>
      <c r="AG2184" s="137"/>
      <c r="AH2184" s="137"/>
      <c r="AI2184" s="137"/>
      <c r="AJ2184" s="137"/>
      <c r="AK2184" s="137"/>
      <c r="AL2184" s="137"/>
      <c r="AM2184" s="137"/>
      <c r="AN2184" s="137"/>
      <c r="AO2184" s="137"/>
      <c r="AP2184" s="137"/>
      <c r="AQ2184" s="137"/>
      <c r="AR2184" s="137"/>
      <c r="AS2184" s="137"/>
      <c r="AT2184" s="137"/>
      <c r="AU2184" s="137"/>
      <c r="AV2184" s="137"/>
      <c r="AW2184" s="144"/>
    </row>
    <row r="2185" spans="7:49" x14ac:dyDescent="0.2">
      <c r="G2185" s="43"/>
      <c r="Z2185" s="143"/>
      <c r="AA2185" s="137"/>
      <c r="AB2185" s="137"/>
      <c r="AC2185" s="137"/>
      <c r="AD2185" s="137"/>
      <c r="AE2185" s="137"/>
      <c r="AF2185" s="137"/>
      <c r="AG2185" s="137"/>
      <c r="AH2185" s="137"/>
      <c r="AI2185" s="137"/>
      <c r="AJ2185" s="137"/>
      <c r="AK2185" s="137"/>
      <c r="AL2185" s="137"/>
      <c r="AM2185" s="137"/>
      <c r="AN2185" s="137"/>
      <c r="AO2185" s="137"/>
      <c r="AP2185" s="137"/>
      <c r="AQ2185" s="137"/>
      <c r="AR2185" s="137"/>
      <c r="AS2185" s="137"/>
      <c r="AT2185" s="137"/>
      <c r="AU2185" s="137"/>
      <c r="AV2185" s="137"/>
      <c r="AW2185" s="144"/>
    </row>
    <row r="2186" spans="7:49" x14ac:dyDescent="0.2">
      <c r="G2186" s="43"/>
      <c r="Z2186" s="143"/>
      <c r="AA2186" s="137"/>
      <c r="AB2186" s="137"/>
      <c r="AC2186" s="137"/>
      <c r="AD2186" s="137"/>
      <c r="AE2186" s="137"/>
      <c r="AF2186" s="137"/>
      <c r="AG2186" s="137"/>
      <c r="AH2186" s="137"/>
      <c r="AI2186" s="137"/>
      <c r="AJ2186" s="137"/>
      <c r="AK2186" s="137"/>
      <c r="AL2186" s="137"/>
      <c r="AM2186" s="137"/>
      <c r="AN2186" s="137"/>
      <c r="AO2186" s="137"/>
      <c r="AP2186" s="137"/>
      <c r="AQ2186" s="137"/>
      <c r="AR2186" s="137"/>
      <c r="AS2186" s="137"/>
      <c r="AT2186" s="137"/>
      <c r="AU2186" s="137"/>
      <c r="AV2186" s="137"/>
      <c r="AW2186" s="144"/>
    </row>
    <row r="2187" spans="7:49" x14ac:dyDescent="0.2">
      <c r="G2187" s="43"/>
      <c r="Z2187" s="143"/>
      <c r="AA2187" s="137"/>
      <c r="AB2187" s="137"/>
      <c r="AC2187" s="137"/>
      <c r="AD2187" s="137"/>
      <c r="AE2187" s="137"/>
      <c r="AF2187" s="137"/>
      <c r="AG2187" s="137"/>
      <c r="AH2187" s="137"/>
      <c r="AI2187" s="137"/>
      <c r="AJ2187" s="137"/>
      <c r="AK2187" s="137"/>
      <c r="AL2187" s="137"/>
      <c r="AM2187" s="137"/>
      <c r="AN2187" s="137"/>
      <c r="AO2187" s="137"/>
      <c r="AP2187" s="137"/>
      <c r="AQ2187" s="137"/>
      <c r="AR2187" s="137"/>
      <c r="AS2187" s="137"/>
      <c r="AT2187" s="137"/>
      <c r="AU2187" s="137"/>
      <c r="AV2187" s="137"/>
      <c r="AW2187" s="144"/>
    </row>
    <row r="2188" spans="7:49" x14ac:dyDescent="0.2">
      <c r="G2188" s="43"/>
      <c r="Z2188" s="143"/>
      <c r="AA2188" s="137"/>
      <c r="AB2188" s="137"/>
      <c r="AC2188" s="137"/>
      <c r="AD2188" s="137"/>
      <c r="AE2188" s="137"/>
      <c r="AF2188" s="137"/>
      <c r="AG2188" s="137"/>
      <c r="AH2188" s="137"/>
      <c r="AI2188" s="137"/>
      <c r="AJ2188" s="137"/>
      <c r="AK2188" s="137"/>
      <c r="AL2188" s="137"/>
      <c r="AM2188" s="137"/>
      <c r="AN2188" s="137"/>
      <c r="AO2188" s="137"/>
      <c r="AP2188" s="137"/>
      <c r="AQ2188" s="137"/>
      <c r="AR2188" s="137"/>
      <c r="AS2188" s="137"/>
      <c r="AT2188" s="137"/>
      <c r="AU2188" s="137"/>
      <c r="AV2188" s="137"/>
      <c r="AW2188" s="144"/>
    </row>
    <row r="2189" spans="7:49" x14ac:dyDescent="0.2">
      <c r="G2189" s="43"/>
      <c r="Z2189" s="143"/>
      <c r="AA2189" s="137"/>
      <c r="AB2189" s="137"/>
      <c r="AC2189" s="137"/>
      <c r="AD2189" s="137"/>
      <c r="AE2189" s="137"/>
      <c r="AF2189" s="137"/>
      <c r="AG2189" s="137"/>
      <c r="AH2189" s="137"/>
      <c r="AI2189" s="137"/>
      <c r="AJ2189" s="137"/>
      <c r="AK2189" s="137"/>
      <c r="AL2189" s="137"/>
      <c r="AM2189" s="137"/>
      <c r="AN2189" s="137"/>
      <c r="AO2189" s="137"/>
      <c r="AP2189" s="137"/>
      <c r="AQ2189" s="137"/>
      <c r="AR2189" s="137"/>
      <c r="AS2189" s="137"/>
      <c r="AT2189" s="137"/>
      <c r="AU2189" s="137"/>
      <c r="AV2189" s="137"/>
      <c r="AW2189" s="144"/>
    </row>
    <row r="2190" spans="7:49" x14ac:dyDescent="0.2">
      <c r="G2190" s="43"/>
      <c r="Z2190" s="143"/>
      <c r="AA2190" s="137"/>
      <c r="AB2190" s="137"/>
      <c r="AC2190" s="137"/>
      <c r="AD2190" s="137"/>
      <c r="AE2190" s="137"/>
      <c r="AF2190" s="137"/>
      <c r="AG2190" s="137"/>
      <c r="AH2190" s="137"/>
      <c r="AI2190" s="137"/>
      <c r="AJ2190" s="137"/>
      <c r="AK2190" s="137"/>
      <c r="AL2190" s="137"/>
      <c r="AM2190" s="137"/>
      <c r="AN2190" s="137"/>
      <c r="AO2190" s="137"/>
      <c r="AP2190" s="137"/>
      <c r="AQ2190" s="137"/>
      <c r="AR2190" s="137"/>
      <c r="AS2190" s="137"/>
      <c r="AT2190" s="137"/>
      <c r="AU2190" s="137"/>
      <c r="AV2190" s="137"/>
      <c r="AW2190" s="144"/>
    </row>
    <row r="2191" spans="7:49" x14ac:dyDescent="0.2">
      <c r="G2191" s="43"/>
      <c r="Z2191" s="143"/>
      <c r="AA2191" s="137"/>
      <c r="AB2191" s="137"/>
      <c r="AC2191" s="137"/>
      <c r="AD2191" s="137"/>
      <c r="AE2191" s="137"/>
      <c r="AF2191" s="137"/>
      <c r="AG2191" s="137"/>
      <c r="AH2191" s="137"/>
      <c r="AI2191" s="137"/>
      <c r="AJ2191" s="137"/>
      <c r="AK2191" s="137"/>
      <c r="AL2191" s="137"/>
      <c r="AM2191" s="137"/>
      <c r="AN2191" s="137"/>
      <c r="AO2191" s="137"/>
      <c r="AP2191" s="137"/>
      <c r="AQ2191" s="137"/>
      <c r="AR2191" s="137"/>
      <c r="AS2191" s="137"/>
      <c r="AT2191" s="137"/>
      <c r="AU2191" s="137"/>
      <c r="AV2191" s="137"/>
      <c r="AW2191" s="144"/>
    </row>
    <row r="2192" spans="7:49" x14ac:dyDescent="0.2">
      <c r="G2192" s="43"/>
      <c r="Z2192" s="143"/>
      <c r="AA2192" s="137"/>
      <c r="AB2192" s="137"/>
      <c r="AC2192" s="137"/>
      <c r="AD2192" s="137"/>
      <c r="AE2192" s="137"/>
      <c r="AF2192" s="137"/>
      <c r="AG2192" s="137"/>
      <c r="AH2192" s="137"/>
      <c r="AI2192" s="137"/>
      <c r="AJ2192" s="137"/>
      <c r="AK2192" s="137"/>
      <c r="AL2192" s="137"/>
      <c r="AM2192" s="137"/>
      <c r="AN2192" s="137"/>
      <c r="AO2192" s="137"/>
      <c r="AP2192" s="137"/>
      <c r="AQ2192" s="137"/>
      <c r="AR2192" s="137"/>
      <c r="AS2192" s="137"/>
      <c r="AT2192" s="137"/>
      <c r="AU2192" s="137"/>
      <c r="AV2192" s="137"/>
      <c r="AW2192" s="144"/>
    </row>
    <row r="2193" spans="7:49" x14ac:dyDescent="0.2">
      <c r="G2193" s="43"/>
      <c r="Z2193" s="143"/>
      <c r="AA2193" s="137"/>
      <c r="AB2193" s="137"/>
      <c r="AC2193" s="137"/>
      <c r="AD2193" s="137"/>
      <c r="AE2193" s="137"/>
      <c r="AF2193" s="137"/>
      <c r="AG2193" s="137"/>
      <c r="AH2193" s="137"/>
      <c r="AI2193" s="137"/>
      <c r="AJ2193" s="137"/>
      <c r="AK2193" s="137"/>
      <c r="AL2193" s="137"/>
      <c r="AM2193" s="137"/>
      <c r="AN2193" s="137"/>
      <c r="AO2193" s="137"/>
      <c r="AP2193" s="137"/>
      <c r="AQ2193" s="137"/>
      <c r="AR2193" s="137"/>
      <c r="AS2193" s="137"/>
      <c r="AT2193" s="137"/>
      <c r="AU2193" s="137"/>
      <c r="AV2193" s="137"/>
      <c r="AW2193" s="144"/>
    </row>
    <row r="2194" spans="7:49" x14ac:dyDescent="0.2">
      <c r="G2194" s="43"/>
      <c r="Z2194" s="143"/>
      <c r="AA2194" s="137"/>
      <c r="AB2194" s="137"/>
      <c r="AC2194" s="137"/>
      <c r="AD2194" s="137"/>
      <c r="AE2194" s="137"/>
      <c r="AF2194" s="137"/>
      <c r="AG2194" s="137"/>
      <c r="AH2194" s="137"/>
      <c r="AI2194" s="137"/>
      <c r="AJ2194" s="137"/>
      <c r="AK2194" s="137"/>
      <c r="AL2194" s="137"/>
      <c r="AM2194" s="137"/>
      <c r="AN2194" s="137"/>
      <c r="AO2194" s="137"/>
      <c r="AP2194" s="137"/>
      <c r="AQ2194" s="137"/>
      <c r="AR2194" s="137"/>
      <c r="AS2194" s="137"/>
      <c r="AT2194" s="137"/>
      <c r="AU2194" s="137"/>
      <c r="AV2194" s="137"/>
      <c r="AW2194" s="144"/>
    </row>
    <row r="2195" spans="7:49" x14ac:dyDescent="0.2">
      <c r="G2195" s="43"/>
      <c r="Z2195" s="143"/>
      <c r="AA2195" s="137"/>
      <c r="AB2195" s="137"/>
      <c r="AC2195" s="137"/>
      <c r="AD2195" s="137"/>
      <c r="AE2195" s="137"/>
      <c r="AF2195" s="137"/>
      <c r="AG2195" s="137"/>
      <c r="AH2195" s="137"/>
      <c r="AI2195" s="137"/>
      <c r="AJ2195" s="137"/>
      <c r="AK2195" s="137"/>
      <c r="AL2195" s="137"/>
      <c r="AM2195" s="137"/>
      <c r="AN2195" s="137"/>
      <c r="AO2195" s="137"/>
      <c r="AP2195" s="137"/>
      <c r="AQ2195" s="137"/>
      <c r="AR2195" s="137"/>
      <c r="AS2195" s="137"/>
      <c r="AT2195" s="137"/>
      <c r="AU2195" s="137"/>
      <c r="AV2195" s="137"/>
      <c r="AW2195" s="144"/>
    </row>
    <row r="2196" spans="7:49" x14ac:dyDescent="0.2">
      <c r="G2196" s="43"/>
      <c r="Z2196" s="143"/>
      <c r="AA2196" s="137"/>
      <c r="AB2196" s="137"/>
      <c r="AC2196" s="137"/>
      <c r="AD2196" s="137"/>
      <c r="AE2196" s="137"/>
      <c r="AF2196" s="137"/>
      <c r="AG2196" s="137"/>
      <c r="AH2196" s="137"/>
      <c r="AI2196" s="137"/>
      <c r="AJ2196" s="137"/>
      <c r="AK2196" s="137"/>
      <c r="AL2196" s="137"/>
      <c r="AM2196" s="137"/>
      <c r="AN2196" s="137"/>
      <c r="AO2196" s="137"/>
      <c r="AP2196" s="137"/>
      <c r="AQ2196" s="137"/>
      <c r="AR2196" s="137"/>
      <c r="AS2196" s="137"/>
      <c r="AT2196" s="137"/>
      <c r="AU2196" s="137"/>
      <c r="AV2196" s="137"/>
      <c r="AW2196" s="144"/>
    </row>
    <row r="2197" spans="7:49" x14ac:dyDescent="0.2">
      <c r="G2197" s="43"/>
      <c r="Z2197" s="143"/>
      <c r="AA2197" s="137"/>
      <c r="AB2197" s="137"/>
      <c r="AC2197" s="137"/>
      <c r="AD2197" s="137"/>
      <c r="AE2197" s="137"/>
      <c r="AF2197" s="137"/>
      <c r="AG2197" s="137"/>
      <c r="AH2197" s="137"/>
      <c r="AI2197" s="137"/>
      <c r="AJ2197" s="137"/>
      <c r="AK2197" s="137"/>
      <c r="AL2197" s="137"/>
      <c r="AM2197" s="137"/>
      <c r="AN2197" s="137"/>
      <c r="AO2197" s="137"/>
      <c r="AP2197" s="137"/>
      <c r="AQ2197" s="137"/>
      <c r="AR2197" s="137"/>
      <c r="AS2197" s="137"/>
      <c r="AT2197" s="137"/>
      <c r="AU2197" s="137"/>
      <c r="AV2197" s="137"/>
      <c r="AW2197" s="144"/>
    </row>
    <row r="2198" spans="7:49" x14ac:dyDescent="0.2">
      <c r="G2198" s="43"/>
      <c r="Z2198" s="143"/>
      <c r="AA2198" s="137"/>
      <c r="AB2198" s="137"/>
      <c r="AC2198" s="137"/>
      <c r="AD2198" s="137"/>
      <c r="AE2198" s="137"/>
      <c r="AF2198" s="137"/>
      <c r="AG2198" s="137"/>
      <c r="AH2198" s="137"/>
      <c r="AI2198" s="137"/>
      <c r="AJ2198" s="137"/>
      <c r="AK2198" s="137"/>
      <c r="AL2198" s="137"/>
      <c r="AM2198" s="137"/>
      <c r="AN2198" s="137"/>
      <c r="AO2198" s="137"/>
      <c r="AP2198" s="137"/>
      <c r="AQ2198" s="137"/>
      <c r="AR2198" s="137"/>
      <c r="AS2198" s="137"/>
      <c r="AT2198" s="137"/>
      <c r="AU2198" s="137"/>
      <c r="AV2198" s="137"/>
      <c r="AW2198" s="144"/>
    </row>
    <row r="2199" spans="7:49" x14ac:dyDescent="0.2">
      <c r="G2199" s="43"/>
      <c r="Z2199" s="143"/>
      <c r="AA2199" s="137"/>
      <c r="AB2199" s="137"/>
      <c r="AC2199" s="137"/>
      <c r="AD2199" s="137"/>
      <c r="AE2199" s="137"/>
      <c r="AF2199" s="137"/>
      <c r="AG2199" s="137"/>
      <c r="AH2199" s="137"/>
      <c r="AI2199" s="137"/>
      <c r="AJ2199" s="137"/>
      <c r="AK2199" s="137"/>
      <c r="AL2199" s="137"/>
      <c r="AM2199" s="137"/>
      <c r="AN2199" s="137"/>
      <c r="AO2199" s="137"/>
      <c r="AP2199" s="137"/>
      <c r="AQ2199" s="137"/>
      <c r="AR2199" s="137"/>
      <c r="AS2199" s="137"/>
      <c r="AT2199" s="137"/>
      <c r="AU2199" s="137"/>
      <c r="AV2199" s="137"/>
      <c r="AW2199" s="144"/>
    </row>
    <row r="2200" spans="7:49" x14ac:dyDescent="0.2">
      <c r="G2200" s="43"/>
      <c r="Z2200" s="143"/>
      <c r="AA2200" s="137"/>
      <c r="AB2200" s="137"/>
      <c r="AC2200" s="137"/>
      <c r="AD2200" s="137"/>
      <c r="AE2200" s="137"/>
      <c r="AF2200" s="137"/>
      <c r="AG2200" s="137"/>
      <c r="AH2200" s="137"/>
      <c r="AI2200" s="137"/>
      <c r="AJ2200" s="137"/>
      <c r="AK2200" s="137"/>
      <c r="AL2200" s="137"/>
      <c r="AM2200" s="137"/>
      <c r="AN2200" s="137"/>
      <c r="AO2200" s="137"/>
      <c r="AP2200" s="137"/>
      <c r="AQ2200" s="137"/>
      <c r="AR2200" s="137"/>
      <c r="AS2200" s="137"/>
      <c r="AT2200" s="137"/>
      <c r="AU2200" s="137"/>
      <c r="AV2200" s="137"/>
      <c r="AW2200" s="144"/>
    </row>
    <row r="2201" spans="7:49" x14ac:dyDescent="0.2">
      <c r="G2201" s="43"/>
      <c r="Z2201" s="143"/>
      <c r="AA2201" s="137"/>
      <c r="AB2201" s="137"/>
      <c r="AC2201" s="137"/>
      <c r="AD2201" s="137"/>
      <c r="AE2201" s="137"/>
      <c r="AF2201" s="137"/>
      <c r="AG2201" s="137"/>
      <c r="AH2201" s="137"/>
      <c r="AI2201" s="137"/>
      <c r="AJ2201" s="137"/>
      <c r="AK2201" s="137"/>
      <c r="AL2201" s="137"/>
      <c r="AM2201" s="137"/>
      <c r="AN2201" s="137"/>
      <c r="AO2201" s="137"/>
      <c r="AP2201" s="137"/>
      <c r="AQ2201" s="137"/>
      <c r="AR2201" s="137"/>
      <c r="AS2201" s="137"/>
      <c r="AT2201" s="137"/>
      <c r="AU2201" s="137"/>
      <c r="AV2201" s="137"/>
      <c r="AW2201" s="144"/>
    </row>
    <row r="2202" spans="7:49" x14ac:dyDescent="0.2">
      <c r="G2202" s="43"/>
      <c r="Z2202" s="143"/>
      <c r="AA2202" s="137"/>
      <c r="AB2202" s="137"/>
      <c r="AC2202" s="137"/>
      <c r="AD2202" s="137"/>
      <c r="AE2202" s="137"/>
      <c r="AF2202" s="137"/>
      <c r="AG2202" s="137"/>
      <c r="AH2202" s="137"/>
      <c r="AI2202" s="137"/>
      <c r="AJ2202" s="137"/>
      <c r="AK2202" s="137"/>
      <c r="AL2202" s="137"/>
      <c r="AM2202" s="137"/>
      <c r="AN2202" s="137"/>
      <c r="AO2202" s="137"/>
      <c r="AP2202" s="137"/>
      <c r="AQ2202" s="137"/>
      <c r="AR2202" s="137"/>
      <c r="AS2202" s="137"/>
      <c r="AT2202" s="137"/>
      <c r="AU2202" s="137"/>
      <c r="AV2202" s="137"/>
      <c r="AW2202" s="144"/>
    </row>
    <row r="2203" spans="7:49" x14ac:dyDescent="0.2">
      <c r="G2203" s="43"/>
      <c r="Z2203" s="143"/>
      <c r="AA2203" s="137"/>
      <c r="AB2203" s="137"/>
      <c r="AC2203" s="137"/>
      <c r="AD2203" s="137"/>
      <c r="AE2203" s="137"/>
      <c r="AF2203" s="137"/>
      <c r="AG2203" s="137"/>
      <c r="AH2203" s="137"/>
      <c r="AI2203" s="137"/>
      <c r="AJ2203" s="137"/>
      <c r="AK2203" s="137"/>
      <c r="AL2203" s="137"/>
      <c r="AM2203" s="137"/>
      <c r="AN2203" s="137"/>
      <c r="AO2203" s="137"/>
      <c r="AP2203" s="137"/>
      <c r="AQ2203" s="137"/>
      <c r="AR2203" s="137"/>
      <c r="AS2203" s="137"/>
      <c r="AT2203" s="137"/>
      <c r="AU2203" s="137"/>
      <c r="AV2203" s="137"/>
      <c r="AW2203" s="144"/>
    </row>
    <row r="2204" spans="7:49" x14ac:dyDescent="0.2">
      <c r="G2204" s="43"/>
      <c r="Z2204" s="143"/>
      <c r="AA2204" s="137"/>
      <c r="AB2204" s="137"/>
      <c r="AC2204" s="137"/>
      <c r="AD2204" s="137"/>
      <c r="AE2204" s="137"/>
      <c r="AF2204" s="137"/>
      <c r="AG2204" s="137"/>
      <c r="AH2204" s="137"/>
      <c r="AI2204" s="137"/>
      <c r="AJ2204" s="137"/>
      <c r="AK2204" s="137"/>
      <c r="AL2204" s="137"/>
      <c r="AM2204" s="137"/>
      <c r="AN2204" s="137"/>
      <c r="AO2204" s="137"/>
      <c r="AP2204" s="137"/>
      <c r="AQ2204" s="137"/>
      <c r="AR2204" s="137"/>
      <c r="AS2204" s="137"/>
      <c r="AT2204" s="137"/>
      <c r="AU2204" s="137"/>
      <c r="AV2204" s="137"/>
      <c r="AW2204" s="144"/>
    </row>
    <row r="2205" spans="7:49" x14ac:dyDescent="0.2">
      <c r="G2205" s="43"/>
      <c r="Z2205" s="143"/>
      <c r="AA2205" s="137"/>
      <c r="AB2205" s="137"/>
      <c r="AC2205" s="137"/>
      <c r="AD2205" s="137"/>
      <c r="AE2205" s="137"/>
      <c r="AF2205" s="137"/>
      <c r="AG2205" s="137"/>
      <c r="AH2205" s="137"/>
      <c r="AI2205" s="137"/>
      <c r="AJ2205" s="137"/>
      <c r="AK2205" s="137"/>
      <c r="AL2205" s="137"/>
      <c r="AM2205" s="137"/>
      <c r="AN2205" s="137"/>
      <c r="AO2205" s="137"/>
      <c r="AP2205" s="137"/>
      <c r="AQ2205" s="137"/>
      <c r="AR2205" s="137"/>
      <c r="AS2205" s="137"/>
      <c r="AT2205" s="137"/>
      <c r="AU2205" s="137"/>
      <c r="AV2205" s="137"/>
      <c r="AW2205" s="144"/>
    </row>
    <row r="2206" spans="7:49" x14ac:dyDescent="0.2">
      <c r="G2206" s="43"/>
      <c r="Z2206" s="143"/>
      <c r="AA2206" s="137"/>
      <c r="AB2206" s="137"/>
      <c r="AC2206" s="137"/>
      <c r="AD2206" s="137"/>
      <c r="AE2206" s="137"/>
      <c r="AF2206" s="137"/>
      <c r="AG2206" s="137"/>
      <c r="AH2206" s="137"/>
      <c r="AI2206" s="137"/>
      <c r="AJ2206" s="137"/>
      <c r="AK2206" s="137"/>
      <c r="AL2206" s="137"/>
      <c r="AM2206" s="137"/>
      <c r="AN2206" s="137"/>
      <c r="AO2206" s="137"/>
      <c r="AP2206" s="137"/>
      <c r="AQ2206" s="137"/>
      <c r="AR2206" s="137"/>
      <c r="AS2206" s="137"/>
      <c r="AT2206" s="137"/>
      <c r="AU2206" s="137"/>
      <c r="AV2206" s="137"/>
      <c r="AW2206" s="144"/>
    </row>
    <row r="2207" spans="7:49" x14ac:dyDescent="0.2">
      <c r="G2207" s="43"/>
      <c r="Z2207" s="143"/>
      <c r="AA2207" s="137"/>
      <c r="AB2207" s="137"/>
      <c r="AC2207" s="137"/>
      <c r="AD2207" s="137"/>
      <c r="AE2207" s="137"/>
      <c r="AF2207" s="137"/>
      <c r="AG2207" s="137"/>
      <c r="AH2207" s="137"/>
      <c r="AI2207" s="137"/>
      <c r="AJ2207" s="137"/>
      <c r="AK2207" s="137"/>
      <c r="AL2207" s="137"/>
      <c r="AM2207" s="137"/>
      <c r="AN2207" s="137"/>
      <c r="AO2207" s="137"/>
      <c r="AP2207" s="137"/>
      <c r="AQ2207" s="137"/>
      <c r="AR2207" s="137"/>
      <c r="AS2207" s="137"/>
      <c r="AT2207" s="137"/>
      <c r="AU2207" s="137"/>
      <c r="AV2207" s="137"/>
      <c r="AW2207" s="144"/>
    </row>
    <row r="2208" spans="7:49" x14ac:dyDescent="0.2">
      <c r="G2208" s="43"/>
      <c r="Z2208" s="143"/>
      <c r="AA2208" s="137"/>
      <c r="AB2208" s="137"/>
      <c r="AC2208" s="137"/>
      <c r="AD2208" s="137"/>
      <c r="AE2208" s="137"/>
      <c r="AF2208" s="137"/>
      <c r="AG2208" s="137"/>
      <c r="AH2208" s="137"/>
      <c r="AI2208" s="137"/>
      <c r="AJ2208" s="137"/>
      <c r="AK2208" s="137"/>
      <c r="AL2208" s="137"/>
      <c r="AM2208" s="137"/>
      <c r="AN2208" s="137"/>
      <c r="AO2208" s="137"/>
      <c r="AP2208" s="137"/>
      <c r="AQ2208" s="137"/>
      <c r="AR2208" s="137"/>
      <c r="AS2208" s="137"/>
      <c r="AT2208" s="137"/>
      <c r="AU2208" s="137"/>
      <c r="AV2208" s="137"/>
      <c r="AW2208" s="144"/>
    </row>
    <row r="2209" spans="7:49" x14ac:dyDescent="0.2">
      <c r="G2209" s="43"/>
      <c r="Z2209" s="143"/>
      <c r="AA2209" s="137"/>
      <c r="AB2209" s="137"/>
      <c r="AC2209" s="137"/>
      <c r="AD2209" s="137"/>
      <c r="AE2209" s="137"/>
      <c r="AF2209" s="137"/>
      <c r="AG2209" s="137"/>
      <c r="AH2209" s="137"/>
      <c r="AI2209" s="137"/>
      <c r="AJ2209" s="137"/>
      <c r="AK2209" s="137"/>
      <c r="AL2209" s="137"/>
      <c r="AM2209" s="137"/>
      <c r="AN2209" s="137"/>
      <c r="AO2209" s="137"/>
      <c r="AP2209" s="137"/>
      <c r="AQ2209" s="137"/>
      <c r="AR2209" s="137"/>
      <c r="AS2209" s="137"/>
      <c r="AT2209" s="137"/>
      <c r="AU2209" s="137"/>
      <c r="AV2209" s="137"/>
      <c r="AW2209" s="144"/>
    </row>
    <row r="2210" spans="7:49" x14ac:dyDescent="0.2">
      <c r="G2210" s="43"/>
      <c r="Z2210" s="143"/>
      <c r="AA2210" s="137"/>
      <c r="AB2210" s="137"/>
      <c r="AC2210" s="137"/>
      <c r="AD2210" s="137"/>
      <c r="AE2210" s="137"/>
      <c r="AF2210" s="137"/>
      <c r="AG2210" s="137"/>
      <c r="AH2210" s="137"/>
      <c r="AI2210" s="137"/>
      <c r="AJ2210" s="137"/>
      <c r="AK2210" s="137"/>
      <c r="AL2210" s="137"/>
      <c r="AM2210" s="137"/>
      <c r="AN2210" s="137"/>
      <c r="AO2210" s="137"/>
      <c r="AP2210" s="137"/>
      <c r="AQ2210" s="137"/>
      <c r="AR2210" s="137"/>
      <c r="AS2210" s="137"/>
      <c r="AT2210" s="137"/>
      <c r="AU2210" s="137"/>
      <c r="AV2210" s="137"/>
      <c r="AW2210" s="144"/>
    </row>
    <row r="2211" spans="7:49" x14ac:dyDescent="0.2">
      <c r="G2211" s="43"/>
      <c r="Z2211" s="143"/>
      <c r="AA2211" s="137"/>
      <c r="AB2211" s="137"/>
      <c r="AC2211" s="137"/>
      <c r="AD2211" s="137"/>
      <c r="AE2211" s="137"/>
      <c r="AF2211" s="137"/>
      <c r="AG2211" s="137"/>
      <c r="AH2211" s="137"/>
      <c r="AI2211" s="137"/>
      <c r="AJ2211" s="137"/>
      <c r="AK2211" s="137"/>
      <c r="AL2211" s="137"/>
      <c r="AM2211" s="137"/>
      <c r="AN2211" s="137"/>
      <c r="AO2211" s="137"/>
      <c r="AP2211" s="137"/>
      <c r="AQ2211" s="137"/>
      <c r="AR2211" s="137"/>
      <c r="AS2211" s="137"/>
      <c r="AT2211" s="137"/>
      <c r="AU2211" s="137"/>
      <c r="AV2211" s="137"/>
      <c r="AW2211" s="144"/>
    </row>
    <row r="2212" spans="7:49" x14ac:dyDescent="0.2">
      <c r="G2212" s="43"/>
      <c r="Z2212" s="143"/>
      <c r="AA2212" s="137"/>
      <c r="AB2212" s="137"/>
      <c r="AC2212" s="137"/>
      <c r="AD2212" s="137"/>
      <c r="AE2212" s="137"/>
      <c r="AF2212" s="137"/>
      <c r="AG2212" s="137"/>
      <c r="AH2212" s="137"/>
      <c r="AI2212" s="137"/>
      <c r="AJ2212" s="137"/>
      <c r="AK2212" s="137"/>
      <c r="AL2212" s="137"/>
      <c r="AM2212" s="137"/>
      <c r="AN2212" s="137"/>
      <c r="AO2212" s="137"/>
      <c r="AP2212" s="137"/>
      <c r="AQ2212" s="137"/>
      <c r="AR2212" s="137"/>
      <c r="AS2212" s="137"/>
      <c r="AT2212" s="137"/>
      <c r="AU2212" s="137"/>
      <c r="AV2212" s="137"/>
      <c r="AW2212" s="144"/>
    </row>
    <row r="2213" spans="7:49" x14ac:dyDescent="0.2">
      <c r="G2213" s="43"/>
      <c r="Z2213" s="143"/>
      <c r="AA2213" s="137"/>
      <c r="AB2213" s="137"/>
      <c r="AC2213" s="137"/>
      <c r="AD2213" s="137"/>
      <c r="AE2213" s="137"/>
      <c r="AF2213" s="137"/>
      <c r="AG2213" s="137"/>
      <c r="AH2213" s="137"/>
      <c r="AI2213" s="137"/>
      <c r="AJ2213" s="137"/>
      <c r="AK2213" s="137"/>
      <c r="AL2213" s="137"/>
      <c r="AM2213" s="137"/>
      <c r="AN2213" s="137"/>
      <c r="AO2213" s="137"/>
      <c r="AP2213" s="137"/>
      <c r="AQ2213" s="137"/>
      <c r="AR2213" s="137"/>
      <c r="AS2213" s="137"/>
      <c r="AT2213" s="137"/>
      <c r="AU2213" s="137"/>
      <c r="AV2213" s="137"/>
      <c r="AW2213" s="144"/>
    </row>
    <row r="2214" spans="7:49" x14ac:dyDescent="0.2">
      <c r="G2214" s="43"/>
      <c r="Z2214" s="143"/>
      <c r="AA2214" s="137"/>
      <c r="AB2214" s="137"/>
      <c r="AC2214" s="137"/>
      <c r="AD2214" s="137"/>
      <c r="AE2214" s="137"/>
      <c r="AF2214" s="137"/>
      <c r="AG2214" s="137"/>
      <c r="AH2214" s="137"/>
      <c r="AI2214" s="137"/>
      <c r="AJ2214" s="137"/>
      <c r="AK2214" s="137"/>
      <c r="AL2214" s="137"/>
      <c r="AM2214" s="137"/>
      <c r="AN2214" s="137"/>
      <c r="AO2214" s="137"/>
      <c r="AP2214" s="137"/>
      <c r="AQ2214" s="137"/>
      <c r="AR2214" s="137"/>
      <c r="AS2214" s="137"/>
      <c r="AT2214" s="137"/>
      <c r="AU2214" s="137"/>
      <c r="AV2214" s="137"/>
      <c r="AW2214" s="144"/>
    </row>
    <row r="2215" spans="7:49" x14ac:dyDescent="0.2">
      <c r="G2215" s="43"/>
      <c r="Z2215" s="143"/>
      <c r="AA2215" s="137"/>
      <c r="AB2215" s="137"/>
      <c r="AC2215" s="137"/>
      <c r="AD2215" s="137"/>
      <c r="AE2215" s="137"/>
      <c r="AF2215" s="137"/>
      <c r="AG2215" s="137"/>
      <c r="AH2215" s="137"/>
      <c r="AI2215" s="137"/>
      <c r="AJ2215" s="137"/>
      <c r="AK2215" s="137"/>
      <c r="AL2215" s="137"/>
      <c r="AM2215" s="137"/>
      <c r="AN2215" s="137"/>
      <c r="AO2215" s="137"/>
      <c r="AP2215" s="137"/>
      <c r="AQ2215" s="137"/>
      <c r="AR2215" s="137"/>
      <c r="AS2215" s="137"/>
      <c r="AT2215" s="137"/>
      <c r="AU2215" s="137"/>
      <c r="AV2215" s="137"/>
      <c r="AW2215" s="144"/>
    </row>
    <row r="2216" spans="7:49" x14ac:dyDescent="0.2">
      <c r="G2216" s="43"/>
      <c r="Z2216" s="143"/>
      <c r="AA2216" s="137"/>
      <c r="AB2216" s="137"/>
      <c r="AC2216" s="137"/>
      <c r="AD2216" s="137"/>
      <c r="AE2216" s="137"/>
      <c r="AF2216" s="137"/>
      <c r="AG2216" s="137"/>
      <c r="AH2216" s="137"/>
      <c r="AI2216" s="137"/>
      <c r="AJ2216" s="137"/>
      <c r="AK2216" s="137"/>
      <c r="AL2216" s="137"/>
      <c r="AM2216" s="137"/>
      <c r="AN2216" s="137"/>
      <c r="AO2216" s="137"/>
      <c r="AP2216" s="137"/>
      <c r="AQ2216" s="137"/>
      <c r="AR2216" s="137"/>
      <c r="AS2216" s="137"/>
      <c r="AT2216" s="137"/>
      <c r="AU2216" s="137"/>
      <c r="AV2216" s="137"/>
      <c r="AW2216" s="144"/>
    </row>
    <row r="2217" spans="7:49" x14ac:dyDescent="0.2">
      <c r="G2217" s="43"/>
      <c r="Z2217" s="143"/>
      <c r="AA2217" s="137"/>
      <c r="AB2217" s="137"/>
      <c r="AC2217" s="137"/>
      <c r="AD2217" s="137"/>
      <c r="AE2217" s="137"/>
      <c r="AF2217" s="137"/>
      <c r="AG2217" s="137"/>
      <c r="AH2217" s="137"/>
      <c r="AI2217" s="137"/>
      <c r="AJ2217" s="137"/>
      <c r="AK2217" s="137"/>
      <c r="AL2217" s="137"/>
      <c r="AM2217" s="137"/>
      <c r="AN2217" s="137"/>
      <c r="AO2217" s="137"/>
      <c r="AP2217" s="137"/>
      <c r="AQ2217" s="137"/>
      <c r="AR2217" s="137"/>
      <c r="AS2217" s="137"/>
      <c r="AT2217" s="137"/>
      <c r="AU2217" s="137"/>
      <c r="AV2217" s="137"/>
      <c r="AW2217" s="144"/>
    </row>
    <row r="2218" spans="7:49" x14ac:dyDescent="0.2">
      <c r="G2218" s="43"/>
      <c r="Z2218" s="143"/>
      <c r="AA2218" s="137"/>
      <c r="AB2218" s="137"/>
      <c r="AC2218" s="137"/>
      <c r="AD2218" s="137"/>
      <c r="AE2218" s="137"/>
      <c r="AF2218" s="137"/>
      <c r="AG2218" s="137"/>
      <c r="AH2218" s="137"/>
      <c r="AI2218" s="137"/>
      <c r="AJ2218" s="137"/>
      <c r="AK2218" s="137"/>
      <c r="AL2218" s="137"/>
      <c r="AM2218" s="137"/>
      <c r="AN2218" s="137"/>
      <c r="AO2218" s="137"/>
      <c r="AP2218" s="137"/>
      <c r="AQ2218" s="137"/>
      <c r="AR2218" s="137"/>
      <c r="AS2218" s="137"/>
      <c r="AT2218" s="137"/>
      <c r="AU2218" s="137"/>
      <c r="AV2218" s="137"/>
      <c r="AW2218" s="144"/>
    </row>
    <row r="2219" spans="7:49" x14ac:dyDescent="0.2">
      <c r="G2219" s="43"/>
      <c r="Z2219" s="143"/>
      <c r="AA2219" s="137"/>
      <c r="AB2219" s="137"/>
      <c r="AC2219" s="137"/>
      <c r="AD2219" s="137"/>
      <c r="AE2219" s="137"/>
      <c r="AF2219" s="137"/>
      <c r="AG2219" s="137"/>
      <c r="AH2219" s="137"/>
      <c r="AI2219" s="137"/>
      <c r="AJ2219" s="137"/>
      <c r="AK2219" s="137"/>
      <c r="AL2219" s="137"/>
      <c r="AM2219" s="137"/>
      <c r="AN2219" s="137"/>
      <c r="AO2219" s="137"/>
      <c r="AP2219" s="137"/>
      <c r="AQ2219" s="137"/>
      <c r="AR2219" s="137"/>
      <c r="AS2219" s="137"/>
      <c r="AT2219" s="137"/>
      <c r="AU2219" s="137"/>
      <c r="AV2219" s="137"/>
      <c r="AW2219" s="144"/>
    </row>
    <row r="2220" spans="7:49" x14ac:dyDescent="0.2">
      <c r="G2220" s="43"/>
      <c r="Z2220" s="143"/>
      <c r="AA2220" s="137"/>
      <c r="AB2220" s="137"/>
      <c r="AC2220" s="137"/>
      <c r="AD2220" s="137"/>
      <c r="AE2220" s="137"/>
      <c r="AF2220" s="137"/>
      <c r="AG2220" s="137"/>
      <c r="AH2220" s="137"/>
      <c r="AI2220" s="137"/>
      <c r="AJ2220" s="137"/>
      <c r="AK2220" s="137"/>
      <c r="AL2220" s="137"/>
      <c r="AM2220" s="137"/>
      <c r="AN2220" s="137"/>
      <c r="AO2220" s="137"/>
      <c r="AP2220" s="137"/>
      <c r="AQ2220" s="137"/>
      <c r="AR2220" s="137"/>
      <c r="AS2220" s="137"/>
      <c r="AT2220" s="137"/>
      <c r="AU2220" s="137"/>
      <c r="AV2220" s="137"/>
      <c r="AW2220" s="144"/>
    </row>
    <row r="2221" spans="7:49" x14ac:dyDescent="0.2">
      <c r="G2221" s="43"/>
      <c r="Z2221" s="143"/>
      <c r="AA2221" s="137"/>
      <c r="AB2221" s="137"/>
      <c r="AC2221" s="137"/>
      <c r="AD2221" s="137"/>
      <c r="AE2221" s="137"/>
      <c r="AF2221" s="137"/>
      <c r="AG2221" s="137"/>
      <c r="AH2221" s="137"/>
      <c r="AI2221" s="137"/>
      <c r="AJ2221" s="137"/>
      <c r="AK2221" s="137"/>
      <c r="AL2221" s="137"/>
      <c r="AM2221" s="137"/>
      <c r="AN2221" s="137"/>
      <c r="AO2221" s="137"/>
      <c r="AP2221" s="137"/>
      <c r="AQ2221" s="137"/>
      <c r="AR2221" s="137"/>
      <c r="AS2221" s="137"/>
      <c r="AT2221" s="137"/>
      <c r="AU2221" s="137"/>
      <c r="AV2221" s="137"/>
      <c r="AW2221" s="144"/>
    </row>
    <row r="2222" spans="7:49" x14ac:dyDescent="0.2">
      <c r="G2222" s="43"/>
      <c r="Z2222" s="143"/>
      <c r="AA2222" s="137"/>
      <c r="AB2222" s="137"/>
      <c r="AC2222" s="137"/>
      <c r="AD2222" s="137"/>
      <c r="AE2222" s="137"/>
      <c r="AF2222" s="137"/>
      <c r="AG2222" s="137"/>
      <c r="AH2222" s="137"/>
      <c r="AI2222" s="137"/>
      <c r="AJ2222" s="137"/>
      <c r="AK2222" s="137"/>
      <c r="AL2222" s="137"/>
      <c r="AM2222" s="137"/>
      <c r="AN2222" s="137"/>
      <c r="AO2222" s="137"/>
      <c r="AP2222" s="137"/>
      <c r="AQ2222" s="137"/>
      <c r="AR2222" s="137"/>
      <c r="AS2222" s="137"/>
      <c r="AT2222" s="137"/>
      <c r="AU2222" s="137"/>
      <c r="AV2222" s="137"/>
      <c r="AW2222" s="144"/>
    </row>
    <row r="2223" spans="7:49" x14ac:dyDescent="0.2">
      <c r="G2223" s="43"/>
      <c r="Z2223" s="143"/>
      <c r="AA2223" s="137"/>
      <c r="AB2223" s="137"/>
      <c r="AC2223" s="137"/>
      <c r="AD2223" s="137"/>
      <c r="AE2223" s="137"/>
      <c r="AF2223" s="137"/>
      <c r="AG2223" s="137"/>
      <c r="AH2223" s="137"/>
      <c r="AI2223" s="137"/>
      <c r="AJ2223" s="137"/>
      <c r="AK2223" s="137"/>
      <c r="AL2223" s="137"/>
      <c r="AM2223" s="137"/>
      <c r="AN2223" s="137"/>
      <c r="AO2223" s="137"/>
      <c r="AP2223" s="137"/>
      <c r="AQ2223" s="137"/>
      <c r="AR2223" s="137"/>
      <c r="AS2223" s="137"/>
      <c r="AT2223" s="137"/>
      <c r="AU2223" s="137"/>
      <c r="AV2223" s="137"/>
      <c r="AW2223" s="144"/>
    </row>
    <row r="2224" spans="7:49" x14ac:dyDescent="0.2">
      <c r="G2224" s="43"/>
      <c r="Z2224" s="143"/>
      <c r="AA2224" s="137"/>
      <c r="AB2224" s="137"/>
      <c r="AC2224" s="137"/>
      <c r="AD2224" s="137"/>
      <c r="AE2224" s="137"/>
      <c r="AF2224" s="137"/>
      <c r="AG2224" s="137"/>
      <c r="AH2224" s="137"/>
      <c r="AI2224" s="137"/>
      <c r="AJ2224" s="137"/>
      <c r="AK2224" s="137"/>
      <c r="AL2224" s="137"/>
      <c r="AM2224" s="137"/>
      <c r="AN2224" s="137"/>
      <c r="AO2224" s="137"/>
      <c r="AP2224" s="137"/>
      <c r="AQ2224" s="137"/>
      <c r="AR2224" s="137"/>
      <c r="AS2224" s="137"/>
      <c r="AT2224" s="137"/>
      <c r="AU2224" s="137"/>
      <c r="AV2224" s="137"/>
      <c r="AW2224" s="144"/>
    </row>
    <row r="2225" spans="7:49" x14ac:dyDescent="0.2">
      <c r="G2225" s="43"/>
      <c r="Z2225" s="143"/>
      <c r="AA2225" s="137"/>
      <c r="AB2225" s="137"/>
      <c r="AC2225" s="137"/>
      <c r="AD2225" s="137"/>
      <c r="AE2225" s="137"/>
      <c r="AF2225" s="137"/>
      <c r="AG2225" s="137"/>
      <c r="AH2225" s="137"/>
      <c r="AI2225" s="137"/>
      <c r="AJ2225" s="137"/>
      <c r="AK2225" s="137"/>
      <c r="AL2225" s="137"/>
      <c r="AM2225" s="137"/>
      <c r="AN2225" s="137"/>
      <c r="AO2225" s="137"/>
      <c r="AP2225" s="137"/>
      <c r="AQ2225" s="137"/>
      <c r="AR2225" s="137"/>
      <c r="AS2225" s="137"/>
      <c r="AT2225" s="137"/>
      <c r="AU2225" s="137"/>
      <c r="AV2225" s="137"/>
      <c r="AW2225" s="144"/>
    </row>
    <row r="2226" spans="7:49" x14ac:dyDescent="0.2">
      <c r="G2226" s="43"/>
      <c r="Z2226" s="143"/>
      <c r="AA2226" s="137"/>
      <c r="AB2226" s="137"/>
      <c r="AC2226" s="137"/>
      <c r="AD2226" s="137"/>
      <c r="AE2226" s="137"/>
      <c r="AF2226" s="137"/>
      <c r="AG2226" s="137"/>
      <c r="AH2226" s="137"/>
      <c r="AI2226" s="137"/>
      <c r="AJ2226" s="137"/>
      <c r="AK2226" s="137"/>
      <c r="AL2226" s="137"/>
      <c r="AM2226" s="137"/>
      <c r="AN2226" s="137"/>
      <c r="AO2226" s="137"/>
      <c r="AP2226" s="137"/>
      <c r="AQ2226" s="137"/>
      <c r="AR2226" s="137"/>
      <c r="AS2226" s="137"/>
      <c r="AT2226" s="137"/>
      <c r="AU2226" s="137"/>
      <c r="AV2226" s="137"/>
      <c r="AW2226" s="144"/>
    </row>
    <row r="2227" spans="7:49" x14ac:dyDescent="0.2">
      <c r="G2227" s="43"/>
      <c r="Z2227" s="143"/>
      <c r="AA2227" s="137"/>
      <c r="AB2227" s="137"/>
      <c r="AC2227" s="137"/>
      <c r="AD2227" s="137"/>
      <c r="AE2227" s="137"/>
      <c r="AF2227" s="137"/>
      <c r="AG2227" s="137"/>
      <c r="AH2227" s="137"/>
      <c r="AI2227" s="137"/>
      <c r="AJ2227" s="137"/>
      <c r="AK2227" s="137"/>
      <c r="AL2227" s="137"/>
      <c r="AM2227" s="137"/>
      <c r="AN2227" s="137"/>
      <c r="AO2227" s="137"/>
      <c r="AP2227" s="137"/>
      <c r="AQ2227" s="137"/>
      <c r="AR2227" s="137"/>
      <c r="AS2227" s="137"/>
      <c r="AT2227" s="137"/>
      <c r="AU2227" s="137"/>
      <c r="AV2227" s="137"/>
      <c r="AW2227" s="144"/>
    </row>
    <row r="2228" spans="7:49" x14ac:dyDescent="0.2">
      <c r="G2228" s="43"/>
      <c r="Z2228" s="143"/>
      <c r="AA2228" s="137"/>
      <c r="AB2228" s="137"/>
      <c r="AC2228" s="137"/>
      <c r="AD2228" s="137"/>
      <c r="AE2228" s="137"/>
      <c r="AF2228" s="137"/>
      <c r="AG2228" s="137"/>
      <c r="AH2228" s="137"/>
      <c r="AI2228" s="137"/>
      <c r="AJ2228" s="137"/>
      <c r="AK2228" s="137"/>
      <c r="AL2228" s="137"/>
      <c r="AM2228" s="137"/>
      <c r="AN2228" s="137"/>
      <c r="AO2228" s="137"/>
      <c r="AP2228" s="137"/>
      <c r="AQ2228" s="137"/>
      <c r="AR2228" s="137"/>
      <c r="AS2228" s="137"/>
      <c r="AT2228" s="137"/>
      <c r="AU2228" s="137"/>
      <c r="AV2228" s="137"/>
      <c r="AW2228" s="144"/>
    </row>
    <row r="2229" spans="7:49" x14ac:dyDescent="0.2">
      <c r="G2229" s="43"/>
      <c r="Z2229" s="143"/>
      <c r="AA2229" s="137"/>
      <c r="AB2229" s="137"/>
      <c r="AC2229" s="137"/>
      <c r="AD2229" s="137"/>
      <c r="AE2229" s="137"/>
      <c r="AF2229" s="137"/>
      <c r="AG2229" s="137"/>
      <c r="AH2229" s="137"/>
      <c r="AI2229" s="137"/>
      <c r="AJ2229" s="137"/>
      <c r="AK2229" s="137"/>
      <c r="AL2229" s="137"/>
      <c r="AM2229" s="137"/>
      <c r="AN2229" s="137"/>
      <c r="AO2229" s="137"/>
      <c r="AP2229" s="137"/>
      <c r="AQ2229" s="137"/>
      <c r="AR2229" s="137"/>
      <c r="AS2229" s="137"/>
      <c r="AT2229" s="137"/>
      <c r="AU2229" s="137"/>
      <c r="AV2229" s="137"/>
      <c r="AW2229" s="144"/>
    </row>
    <row r="2230" spans="7:49" x14ac:dyDescent="0.2">
      <c r="G2230" s="43"/>
      <c r="Z2230" s="143"/>
      <c r="AA2230" s="137"/>
      <c r="AB2230" s="137"/>
      <c r="AC2230" s="137"/>
      <c r="AD2230" s="137"/>
      <c r="AE2230" s="137"/>
      <c r="AF2230" s="137"/>
      <c r="AG2230" s="137"/>
      <c r="AH2230" s="137"/>
      <c r="AI2230" s="137"/>
      <c r="AJ2230" s="137"/>
      <c r="AK2230" s="137"/>
      <c r="AL2230" s="137"/>
      <c r="AM2230" s="137"/>
      <c r="AN2230" s="137"/>
      <c r="AO2230" s="137"/>
      <c r="AP2230" s="137"/>
      <c r="AQ2230" s="137"/>
      <c r="AR2230" s="137"/>
      <c r="AS2230" s="137"/>
      <c r="AT2230" s="137"/>
      <c r="AU2230" s="137"/>
      <c r="AV2230" s="137"/>
      <c r="AW2230" s="144"/>
    </row>
    <row r="2231" spans="7:49" x14ac:dyDescent="0.2">
      <c r="G2231" s="43"/>
      <c r="Z2231" s="143"/>
      <c r="AA2231" s="137"/>
      <c r="AB2231" s="137"/>
      <c r="AC2231" s="137"/>
      <c r="AD2231" s="137"/>
      <c r="AE2231" s="137"/>
      <c r="AF2231" s="137"/>
      <c r="AG2231" s="137"/>
      <c r="AH2231" s="137"/>
      <c r="AI2231" s="137"/>
      <c r="AJ2231" s="137"/>
      <c r="AK2231" s="137"/>
      <c r="AL2231" s="137"/>
      <c r="AM2231" s="137"/>
      <c r="AN2231" s="137"/>
      <c r="AO2231" s="137"/>
      <c r="AP2231" s="137"/>
      <c r="AQ2231" s="137"/>
      <c r="AR2231" s="137"/>
      <c r="AS2231" s="137"/>
      <c r="AT2231" s="137"/>
      <c r="AU2231" s="137"/>
      <c r="AV2231" s="137"/>
      <c r="AW2231" s="144"/>
    </row>
    <row r="2232" spans="7:49" x14ac:dyDescent="0.2">
      <c r="G2232" s="43"/>
      <c r="Z2232" s="143"/>
      <c r="AA2232" s="137"/>
      <c r="AB2232" s="137"/>
      <c r="AC2232" s="137"/>
      <c r="AD2232" s="137"/>
      <c r="AE2232" s="137"/>
      <c r="AF2232" s="137"/>
      <c r="AG2232" s="137"/>
      <c r="AH2232" s="137"/>
      <c r="AI2232" s="137"/>
      <c r="AJ2232" s="137"/>
      <c r="AK2232" s="137"/>
      <c r="AL2232" s="137"/>
      <c r="AM2232" s="137"/>
      <c r="AN2232" s="137"/>
      <c r="AO2232" s="137"/>
      <c r="AP2232" s="137"/>
      <c r="AQ2232" s="137"/>
      <c r="AR2232" s="137"/>
      <c r="AS2232" s="137"/>
      <c r="AT2232" s="137"/>
      <c r="AU2232" s="137"/>
      <c r="AV2232" s="137"/>
      <c r="AW2232" s="144"/>
    </row>
    <row r="2233" spans="7:49" x14ac:dyDescent="0.2">
      <c r="G2233" s="43"/>
      <c r="Z2233" s="143"/>
      <c r="AA2233" s="137"/>
      <c r="AB2233" s="137"/>
      <c r="AC2233" s="137"/>
      <c r="AD2233" s="137"/>
      <c r="AE2233" s="137"/>
      <c r="AF2233" s="137"/>
      <c r="AG2233" s="137"/>
      <c r="AH2233" s="137"/>
      <c r="AI2233" s="137"/>
      <c r="AJ2233" s="137"/>
      <c r="AK2233" s="137"/>
      <c r="AL2233" s="137"/>
      <c r="AM2233" s="137"/>
      <c r="AN2233" s="137"/>
      <c r="AO2233" s="137"/>
      <c r="AP2233" s="137"/>
      <c r="AQ2233" s="137"/>
      <c r="AR2233" s="137"/>
      <c r="AS2233" s="137"/>
      <c r="AT2233" s="137"/>
      <c r="AU2233" s="137"/>
      <c r="AV2233" s="137"/>
      <c r="AW2233" s="144"/>
    </row>
    <row r="2234" spans="7:49" x14ac:dyDescent="0.2">
      <c r="G2234" s="43"/>
      <c r="Z2234" s="143"/>
      <c r="AA2234" s="137"/>
      <c r="AB2234" s="137"/>
      <c r="AC2234" s="137"/>
      <c r="AD2234" s="137"/>
      <c r="AE2234" s="137"/>
      <c r="AF2234" s="137"/>
      <c r="AG2234" s="137"/>
      <c r="AH2234" s="137"/>
      <c r="AI2234" s="137"/>
      <c r="AJ2234" s="137"/>
      <c r="AK2234" s="137"/>
      <c r="AL2234" s="137"/>
      <c r="AM2234" s="137"/>
      <c r="AN2234" s="137"/>
      <c r="AO2234" s="137"/>
      <c r="AP2234" s="137"/>
      <c r="AQ2234" s="137"/>
      <c r="AR2234" s="137"/>
      <c r="AS2234" s="137"/>
      <c r="AT2234" s="137"/>
      <c r="AU2234" s="137"/>
      <c r="AV2234" s="137"/>
      <c r="AW2234" s="144"/>
    </row>
    <row r="2235" spans="7:49" x14ac:dyDescent="0.2">
      <c r="G2235" s="43"/>
      <c r="Z2235" s="143"/>
      <c r="AA2235" s="137"/>
      <c r="AB2235" s="137"/>
      <c r="AC2235" s="137"/>
      <c r="AD2235" s="137"/>
      <c r="AE2235" s="137"/>
      <c r="AF2235" s="137"/>
      <c r="AG2235" s="137"/>
      <c r="AH2235" s="137"/>
      <c r="AI2235" s="137"/>
      <c r="AJ2235" s="137"/>
      <c r="AK2235" s="137"/>
      <c r="AL2235" s="137"/>
      <c r="AM2235" s="137"/>
      <c r="AN2235" s="137"/>
      <c r="AO2235" s="137"/>
      <c r="AP2235" s="137"/>
      <c r="AQ2235" s="137"/>
      <c r="AR2235" s="137"/>
      <c r="AS2235" s="137"/>
      <c r="AT2235" s="137"/>
      <c r="AU2235" s="137"/>
      <c r="AV2235" s="137"/>
      <c r="AW2235" s="144"/>
    </row>
    <row r="2236" spans="7:49" x14ac:dyDescent="0.2">
      <c r="G2236" s="43"/>
      <c r="Z2236" s="143"/>
      <c r="AA2236" s="137"/>
      <c r="AB2236" s="137"/>
      <c r="AC2236" s="137"/>
      <c r="AD2236" s="137"/>
      <c r="AE2236" s="137"/>
      <c r="AF2236" s="137"/>
      <c r="AG2236" s="137"/>
      <c r="AH2236" s="137"/>
      <c r="AI2236" s="137"/>
      <c r="AJ2236" s="137"/>
      <c r="AK2236" s="137"/>
      <c r="AL2236" s="137"/>
      <c r="AM2236" s="137"/>
      <c r="AN2236" s="137"/>
      <c r="AO2236" s="137"/>
      <c r="AP2236" s="137"/>
      <c r="AQ2236" s="137"/>
      <c r="AR2236" s="137"/>
      <c r="AS2236" s="137"/>
      <c r="AT2236" s="137"/>
      <c r="AU2236" s="137"/>
      <c r="AV2236" s="137"/>
      <c r="AW2236" s="144"/>
    </row>
    <row r="2237" spans="7:49" x14ac:dyDescent="0.2">
      <c r="G2237" s="43"/>
      <c r="Z2237" s="143"/>
      <c r="AA2237" s="137"/>
      <c r="AB2237" s="137"/>
      <c r="AC2237" s="137"/>
      <c r="AD2237" s="137"/>
      <c r="AE2237" s="137"/>
      <c r="AF2237" s="137"/>
      <c r="AG2237" s="137"/>
      <c r="AH2237" s="137"/>
      <c r="AI2237" s="137"/>
      <c r="AJ2237" s="137"/>
      <c r="AK2237" s="137"/>
      <c r="AL2237" s="137"/>
      <c r="AM2237" s="137"/>
      <c r="AN2237" s="137"/>
      <c r="AO2237" s="137"/>
      <c r="AP2237" s="137"/>
      <c r="AQ2237" s="137"/>
      <c r="AR2237" s="137"/>
      <c r="AS2237" s="137"/>
      <c r="AT2237" s="137"/>
      <c r="AU2237" s="137"/>
      <c r="AV2237" s="137"/>
      <c r="AW2237" s="144"/>
    </row>
    <row r="2238" spans="7:49" x14ac:dyDescent="0.2">
      <c r="G2238" s="43"/>
      <c r="Z2238" s="143"/>
      <c r="AA2238" s="137"/>
      <c r="AB2238" s="137"/>
      <c r="AC2238" s="137"/>
      <c r="AD2238" s="137"/>
      <c r="AE2238" s="137"/>
      <c r="AF2238" s="137"/>
      <c r="AG2238" s="137"/>
      <c r="AH2238" s="137"/>
      <c r="AI2238" s="137"/>
      <c r="AJ2238" s="137"/>
      <c r="AK2238" s="137"/>
      <c r="AL2238" s="137"/>
      <c r="AM2238" s="137"/>
      <c r="AN2238" s="137"/>
      <c r="AO2238" s="137"/>
      <c r="AP2238" s="137"/>
      <c r="AQ2238" s="137"/>
      <c r="AR2238" s="137"/>
      <c r="AS2238" s="137"/>
      <c r="AT2238" s="137"/>
      <c r="AU2238" s="137"/>
      <c r="AV2238" s="137"/>
      <c r="AW2238" s="144"/>
    </row>
    <row r="2239" spans="7:49" x14ac:dyDescent="0.2">
      <c r="G2239" s="43"/>
      <c r="Z2239" s="143"/>
      <c r="AA2239" s="137"/>
      <c r="AB2239" s="137"/>
      <c r="AC2239" s="137"/>
      <c r="AD2239" s="137"/>
      <c r="AE2239" s="137"/>
      <c r="AF2239" s="137"/>
      <c r="AG2239" s="137"/>
      <c r="AH2239" s="137"/>
      <c r="AI2239" s="137"/>
      <c r="AJ2239" s="137"/>
      <c r="AK2239" s="137"/>
      <c r="AL2239" s="137"/>
      <c r="AM2239" s="137"/>
      <c r="AN2239" s="137"/>
      <c r="AO2239" s="137"/>
      <c r="AP2239" s="137"/>
      <c r="AQ2239" s="137"/>
      <c r="AR2239" s="137"/>
      <c r="AS2239" s="137"/>
      <c r="AT2239" s="137"/>
      <c r="AU2239" s="137"/>
      <c r="AV2239" s="137"/>
      <c r="AW2239" s="144"/>
    </row>
    <row r="2240" spans="7:49" x14ac:dyDescent="0.2">
      <c r="G2240" s="43"/>
      <c r="Z2240" s="143"/>
      <c r="AA2240" s="137"/>
      <c r="AB2240" s="137"/>
      <c r="AC2240" s="137"/>
      <c r="AD2240" s="137"/>
      <c r="AE2240" s="137"/>
      <c r="AF2240" s="137"/>
      <c r="AG2240" s="137"/>
      <c r="AH2240" s="137"/>
      <c r="AI2240" s="137"/>
      <c r="AJ2240" s="137"/>
      <c r="AK2240" s="137"/>
      <c r="AL2240" s="137"/>
      <c r="AM2240" s="137"/>
      <c r="AN2240" s="137"/>
      <c r="AO2240" s="137"/>
      <c r="AP2240" s="137"/>
      <c r="AQ2240" s="137"/>
      <c r="AR2240" s="137"/>
      <c r="AS2240" s="137"/>
      <c r="AT2240" s="137"/>
      <c r="AU2240" s="137"/>
      <c r="AV2240" s="137"/>
      <c r="AW2240" s="144"/>
    </row>
    <row r="2241" spans="7:49" x14ac:dyDescent="0.2">
      <c r="G2241" s="43"/>
      <c r="Z2241" s="143"/>
      <c r="AA2241" s="137"/>
      <c r="AB2241" s="137"/>
      <c r="AC2241" s="137"/>
      <c r="AD2241" s="137"/>
      <c r="AE2241" s="137"/>
      <c r="AF2241" s="137"/>
      <c r="AG2241" s="137"/>
      <c r="AH2241" s="137"/>
      <c r="AI2241" s="137"/>
      <c r="AJ2241" s="137"/>
      <c r="AK2241" s="137"/>
      <c r="AL2241" s="137"/>
      <c r="AM2241" s="137"/>
      <c r="AN2241" s="137"/>
      <c r="AO2241" s="137"/>
      <c r="AP2241" s="137"/>
      <c r="AQ2241" s="137"/>
      <c r="AR2241" s="137"/>
      <c r="AS2241" s="137"/>
      <c r="AT2241" s="137"/>
      <c r="AU2241" s="137"/>
      <c r="AV2241" s="137"/>
      <c r="AW2241" s="144"/>
    </row>
    <row r="2242" spans="7:49" x14ac:dyDescent="0.2">
      <c r="G2242" s="43"/>
      <c r="Z2242" s="143"/>
      <c r="AA2242" s="137"/>
      <c r="AB2242" s="137"/>
      <c r="AC2242" s="137"/>
      <c r="AD2242" s="137"/>
      <c r="AE2242" s="137"/>
      <c r="AF2242" s="137"/>
      <c r="AG2242" s="137"/>
      <c r="AH2242" s="137"/>
      <c r="AI2242" s="137"/>
      <c r="AJ2242" s="137"/>
      <c r="AK2242" s="137"/>
      <c r="AL2242" s="137"/>
      <c r="AM2242" s="137"/>
      <c r="AN2242" s="137"/>
      <c r="AO2242" s="137"/>
      <c r="AP2242" s="137"/>
      <c r="AQ2242" s="137"/>
      <c r="AR2242" s="137"/>
      <c r="AS2242" s="137"/>
      <c r="AT2242" s="137"/>
      <c r="AU2242" s="137"/>
      <c r="AV2242" s="137"/>
      <c r="AW2242" s="144"/>
    </row>
    <row r="2243" spans="7:49" x14ac:dyDescent="0.2">
      <c r="G2243" s="43"/>
      <c r="Z2243" s="143"/>
      <c r="AA2243" s="137"/>
      <c r="AB2243" s="137"/>
      <c r="AC2243" s="137"/>
      <c r="AD2243" s="137"/>
      <c r="AE2243" s="137"/>
      <c r="AF2243" s="137"/>
      <c r="AG2243" s="137"/>
      <c r="AH2243" s="137"/>
      <c r="AI2243" s="137"/>
      <c r="AJ2243" s="137"/>
      <c r="AK2243" s="137"/>
      <c r="AL2243" s="137"/>
      <c r="AM2243" s="137"/>
      <c r="AN2243" s="137"/>
      <c r="AO2243" s="137"/>
      <c r="AP2243" s="137"/>
      <c r="AQ2243" s="137"/>
      <c r="AR2243" s="137"/>
      <c r="AS2243" s="137"/>
      <c r="AT2243" s="137"/>
      <c r="AU2243" s="137"/>
      <c r="AV2243" s="137"/>
      <c r="AW2243" s="144"/>
    </row>
    <row r="2244" spans="7:49" x14ac:dyDescent="0.2">
      <c r="G2244" s="43"/>
      <c r="Z2244" s="143"/>
      <c r="AA2244" s="137"/>
      <c r="AB2244" s="137"/>
      <c r="AC2244" s="137"/>
      <c r="AD2244" s="137"/>
      <c r="AE2244" s="137"/>
      <c r="AF2244" s="137"/>
      <c r="AG2244" s="137"/>
      <c r="AH2244" s="137"/>
      <c r="AI2244" s="137"/>
      <c r="AJ2244" s="137"/>
      <c r="AK2244" s="137"/>
      <c r="AL2244" s="137"/>
      <c r="AM2244" s="137"/>
      <c r="AN2244" s="137"/>
      <c r="AO2244" s="137"/>
      <c r="AP2244" s="137"/>
      <c r="AQ2244" s="137"/>
      <c r="AR2244" s="137"/>
      <c r="AS2244" s="137"/>
      <c r="AT2244" s="137"/>
      <c r="AU2244" s="137"/>
      <c r="AV2244" s="137"/>
      <c r="AW2244" s="144"/>
    </row>
    <row r="2245" spans="7:49" x14ac:dyDescent="0.2">
      <c r="G2245" s="43"/>
      <c r="Z2245" s="143"/>
      <c r="AA2245" s="137"/>
      <c r="AB2245" s="137"/>
      <c r="AC2245" s="137"/>
      <c r="AD2245" s="137"/>
      <c r="AE2245" s="137"/>
      <c r="AF2245" s="137"/>
      <c r="AG2245" s="137"/>
      <c r="AH2245" s="137"/>
      <c r="AI2245" s="137"/>
      <c r="AJ2245" s="137"/>
      <c r="AK2245" s="137"/>
      <c r="AL2245" s="137"/>
      <c r="AM2245" s="137"/>
      <c r="AN2245" s="137"/>
      <c r="AO2245" s="137"/>
      <c r="AP2245" s="137"/>
      <c r="AQ2245" s="137"/>
      <c r="AR2245" s="137"/>
      <c r="AS2245" s="137"/>
      <c r="AT2245" s="137"/>
      <c r="AU2245" s="137"/>
      <c r="AV2245" s="137"/>
      <c r="AW2245" s="144"/>
    </row>
    <row r="2246" spans="7:49" x14ac:dyDescent="0.2">
      <c r="G2246" s="43"/>
      <c r="Z2246" s="143"/>
      <c r="AA2246" s="137"/>
      <c r="AB2246" s="137"/>
      <c r="AC2246" s="137"/>
      <c r="AD2246" s="137"/>
      <c r="AE2246" s="137"/>
      <c r="AF2246" s="137"/>
      <c r="AG2246" s="137"/>
      <c r="AH2246" s="137"/>
      <c r="AI2246" s="137"/>
      <c r="AJ2246" s="137"/>
      <c r="AK2246" s="137"/>
      <c r="AL2246" s="137"/>
      <c r="AM2246" s="137"/>
      <c r="AN2246" s="137"/>
      <c r="AO2246" s="137"/>
      <c r="AP2246" s="137"/>
      <c r="AQ2246" s="137"/>
      <c r="AR2246" s="137"/>
      <c r="AS2246" s="137"/>
      <c r="AT2246" s="137"/>
      <c r="AU2246" s="137"/>
      <c r="AV2246" s="137"/>
      <c r="AW2246" s="144"/>
    </row>
    <row r="2247" spans="7:49" x14ac:dyDescent="0.2">
      <c r="G2247" s="43"/>
      <c r="Z2247" s="143"/>
      <c r="AA2247" s="137"/>
      <c r="AB2247" s="137"/>
      <c r="AC2247" s="137"/>
      <c r="AD2247" s="137"/>
      <c r="AE2247" s="137"/>
      <c r="AF2247" s="137"/>
      <c r="AG2247" s="137"/>
      <c r="AH2247" s="137"/>
      <c r="AI2247" s="137"/>
      <c r="AJ2247" s="137"/>
      <c r="AK2247" s="137"/>
      <c r="AL2247" s="137"/>
      <c r="AM2247" s="137"/>
      <c r="AN2247" s="137"/>
      <c r="AO2247" s="137"/>
      <c r="AP2247" s="137"/>
      <c r="AQ2247" s="137"/>
      <c r="AR2247" s="137"/>
      <c r="AS2247" s="137"/>
      <c r="AT2247" s="137"/>
      <c r="AU2247" s="137"/>
      <c r="AV2247" s="137"/>
      <c r="AW2247" s="144"/>
    </row>
    <row r="2248" spans="7:49" x14ac:dyDescent="0.2">
      <c r="G2248" s="43"/>
      <c r="Z2248" s="143"/>
      <c r="AA2248" s="137"/>
      <c r="AB2248" s="137"/>
      <c r="AC2248" s="137"/>
      <c r="AD2248" s="137"/>
      <c r="AE2248" s="137"/>
      <c r="AF2248" s="137"/>
      <c r="AG2248" s="137"/>
      <c r="AH2248" s="137"/>
      <c r="AI2248" s="137"/>
      <c r="AJ2248" s="137"/>
      <c r="AK2248" s="137"/>
      <c r="AL2248" s="137"/>
      <c r="AM2248" s="137"/>
      <c r="AN2248" s="137"/>
      <c r="AO2248" s="137"/>
      <c r="AP2248" s="137"/>
      <c r="AQ2248" s="137"/>
      <c r="AR2248" s="137"/>
      <c r="AS2248" s="137"/>
      <c r="AT2248" s="137"/>
      <c r="AU2248" s="137"/>
      <c r="AV2248" s="137"/>
      <c r="AW2248" s="144"/>
    </row>
    <row r="2249" spans="7:49" x14ac:dyDescent="0.2">
      <c r="G2249" s="43"/>
      <c r="Z2249" s="143"/>
      <c r="AA2249" s="137"/>
      <c r="AB2249" s="137"/>
      <c r="AC2249" s="137"/>
      <c r="AD2249" s="137"/>
      <c r="AE2249" s="137"/>
      <c r="AF2249" s="137"/>
      <c r="AG2249" s="137"/>
      <c r="AH2249" s="137"/>
      <c r="AI2249" s="137"/>
      <c r="AJ2249" s="137"/>
      <c r="AK2249" s="137"/>
      <c r="AL2249" s="137"/>
      <c r="AM2249" s="137"/>
      <c r="AN2249" s="137"/>
      <c r="AO2249" s="137"/>
      <c r="AP2249" s="137"/>
      <c r="AQ2249" s="137"/>
      <c r="AR2249" s="137"/>
      <c r="AS2249" s="137"/>
      <c r="AT2249" s="137"/>
      <c r="AU2249" s="137"/>
      <c r="AV2249" s="137"/>
      <c r="AW2249" s="144"/>
    </row>
    <row r="2250" spans="7:49" x14ac:dyDescent="0.2">
      <c r="G2250" s="43"/>
      <c r="Z2250" s="143"/>
      <c r="AA2250" s="137"/>
      <c r="AB2250" s="137"/>
      <c r="AC2250" s="137"/>
      <c r="AD2250" s="137"/>
      <c r="AE2250" s="137"/>
      <c r="AF2250" s="137"/>
      <c r="AG2250" s="137"/>
      <c r="AH2250" s="137"/>
      <c r="AI2250" s="137"/>
      <c r="AJ2250" s="137"/>
      <c r="AK2250" s="137"/>
      <c r="AL2250" s="137"/>
      <c r="AM2250" s="137"/>
      <c r="AN2250" s="137"/>
      <c r="AO2250" s="137"/>
      <c r="AP2250" s="137"/>
      <c r="AQ2250" s="137"/>
      <c r="AR2250" s="137"/>
      <c r="AS2250" s="137"/>
      <c r="AT2250" s="137"/>
      <c r="AU2250" s="137"/>
      <c r="AV2250" s="137"/>
      <c r="AW2250" s="144"/>
    </row>
    <row r="2251" spans="7:49" x14ac:dyDescent="0.2">
      <c r="G2251" s="43"/>
      <c r="Z2251" s="143"/>
      <c r="AA2251" s="137"/>
      <c r="AB2251" s="137"/>
      <c r="AC2251" s="137"/>
      <c r="AD2251" s="137"/>
      <c r="AE2251" s="137"/>
      <c r="AF2251" s="137"/>
      <c r="AG2251" s="137"/>
      <c r="AH2251" s="137"/>
      <c r="AI2251" s="137"/>
      <c r="AJ2251" s="137"/>
      <c r="AK2251" s="137"/>
      <c r="AL2251" s="137"/>
      <c r="AM2251" s="137"/>
      <c r="AN2251" s="137"/>
      <c r="AO2251" s="137"/>
      <c r="AP2251" s="137"/>
      <c r="AQ2251" s="137"/>
      <c r="AR2251" s="137"/>
      <c r="AS2251" s="137"/>
      <c r="AT2251" s="137"/>
      <c r="AU2251" s="137"/>
      <c r="AV2251" s="137"/>
      <c r="AW2251" s="144"/>
    </row>
    <row r="2252" spans="7:49" x14ac:dyDescent="0.2">
      <c r="G2252" s="43"/>
      <c r="Z2252" s="143"/>
      <c r="AA2252" s="137"/>
      <c r="AB2252" s="137"/>
      <c r="AC2252" s="137"/>
      <c r="AD2252" s="137"/>
      <c r="AE2252" s="137"/>
      <c r="AF2252" s="137"/>
      <c r="AG2252" s="137"/>
      <c r="AH2252" s="137"/>
      <c r="AI2252" s="137"/>
      <c r="AJ2252" s="137"/>
      <c r="AK2252" s="137"/>
      <c r="AL2252" s="137"/>
      <c r="AM2252" s="137"/>
      <c r="AN2252" s="137"/>
      <c r="AO2252" s="137"/>
      <c r="AP2252" s="137"/>
      <c r="AQ2252" s="137"/>
      <c r="AR2252" s="137"/>
      <c r="AS2252" s="137"/>
      <c r="AT2252" s="137"/>
      <c r="AU2252" s="137"/>
      <c r="AV2252" s="137"/>
      <c r="AW2252" s="144"/>
    </row>
    <row r="2253" spans="7:49" x14ac:dyDescent="0.2">
      <c r="G2253" s="43"/>
      <c r="Z2253" s="143"/>
      <c r="AA2253" s="137"/>
      <c r="AB2253" s="137"/>
      <c r="AC2253" s="137"/>
      <c r="AD2253" s="137"/>
      <c r="AE2253" s="137"/>
      <c r="AF2253" s="137"/>
      <c r="AG2253" s="137"/>
      <c r="AH2253" s="137"/>
      <c r="AI2253" s="137"/>
      <c r="AJ2253" s="137"/>
      <c r="AK2253" s="137"/>
      <c r="AL2253" s="137"/>
      <c r="AM2253" s="137"/>
      <c r="AN2253" s="137"/>
      <c r="AO2253" s="137"/>
      <c r="AP2253" s="137"/>
      <c r="AQ2253" s="137"/>
      <c r="AR2253" s="137"/>
      <c r="AS2253" s="137"/>
      <c r="AT2253" s="137"/>
      <c r="AU2253" s="137"/>
      <c r="AV2253" s="137"/>
      <c r="AW2253" s="144"/>
    </row>
    <row r="2254" spans="7:49" x14ac:dyDescent="0.2">
      <c r="G2254" s="43"/>
      <c r="Z2254" s="143"/>
      <c r="AA2254" s="137"/>
      <c r="AB2254" s="137"/>
      <c r="AC2254" s="137"/>
      <c r="AD2254" s="137"/>
      <c r="AE2254" s="137"/>
      <c r="AF2254" s="137"/>
      <c r="AG2254" s="137"/>
      <c r="AH2254" s="137"/>
      <c r="AI2254" s="137"/>
      <c r="AJ2254" s="137"/>
      <c r="AK2254" s="137"/>
      <c r="AL2254" s="137"/>
      <c r="AM2254" s="137"/>
      <c r="AN2254" s="137"/>
      <c r="AO2254" s="137"/>
      <c r="AP2254" s="137"/>
      <c r="AQ2254" s="137"/>
      <c r="AR2254" s="137"/>
      <c r="AS2254" s="137"/>
      <c r="AT2254" s="137"/>
      <c r="AU2254" s="137"/>
      <c r="AV2254" s="137"/>
      <c r="AW2254" s="144"/>
    </row>
    <row r="2255" spans="7:49" x14ac:dyDescent="0.2">
      <c r="G2255" s="43"/>
      <c r="Z2255" s="143"/>
      <c r="AA2255" s="137"/>
      <c r="AB2255" s="137"/>
      <c r="AC2255" s="137"/>
      <c r="AD2255" s="137"/>
      <c r="AE2255" s="137"/>
      <c r="AF2255" s="137"/>
      <c r="AG2255" s="137"/>
      <c r="AH2255" s="137"/>
      <c r="AI2255" s="137"/>
      <c r="AJ2255" s="137"/>
      <c r="AK2255" s="137"/>
      <c r="AL2255" s="137"/>
      <c r="AM2255" s="137"/>
      <c r="AN2255" s="137"/>
      <c r="AO2255" s="137"/>
      <c r="AP2255" s="137"/>
      <c r="AQ2255" s="137"/>
      <c r="AR2255" s="137"/>
      <c r="AS2255" s="137"/>
      <c r="AT2255" s="137"/>
      <c r="AU2255" s="137"/>
      <c r="AV2255" s="137"/>
      <c r="AW2255" s="144"/>
    </row>
    <row r="2256" spans="7:49" x14ac:dyDescent="0.2">
      <c r="G2256" s="43"/>
      <c r="Z2256" s="143"/>
      <c r="AA2256" s="137"/>
      <c r="AB2256" s="137"/>
      <c r="AC2256" s="137"/>
      <c r="AD2256" s="137"/>
      <c r="AE2256" s="137"/>
      <c r="AF2256" s="137"/>
      <c r="AG2256" s="137"/>
      <c r="AH2256" s="137"/>
      <c r="AI2256" s="137"/>
      <c r="AJ2256" s="137"/>
      <c r="AK2256" s="137"/>
      <c r="AL2256" s="137"/>
      <c r="AM2256" s="137"/>
      <c r="AN2256" s="137"/>
      <c r="AO2256" s="137"/>
      <c r="AP2256" s="137"/>
      <c r="AQ2256" s="137"/>
      <c r="AR2256" s="137"/>
      <c r="AS2256" s="137"/>
      <c r="AT2256" s="137"/>
      <c r="AU2256" s="137"/>
      <c r="AV2256" s="137"/>
      <c r="AW2256" s="144"/>
    </row>
    <row r="2257" spans="7:49" x14ac:dyDescent="0.2">
      <c r="G2257" s="43"/>
      <c r="Z2257" s="143"/>
      <c r="AA2257" s="137"/>
      <c r="AB2257" s="137"/>
      <c r="AC2257" s="137"/>
      <c r="AD2257" s="137"/>
      <c r="AE2257" s="137"/>
      <c r="AF2257" s="137"/>
      <c r="AG2257" s="137"/>
      <c r="AH2257" s="137"/>
      <c r="AI2257" s="137"/>
      <c r="AJ2257" s="137"/>
      <c r="AK2257" s="137"/>
      <c r="AL2257" s="137"/>
      <c r="AM2257" s="137"/>
      <c r="AN2257" s="137"/>
      <c r="AO2257" s="137"/>
      <c r="AP2257" s="137"/>
      <c r="AQ2257" s="137"/>
      <c r="AR2257" s="137"/>
      <c r="AS2257" s="137"/>
      <c r="AT2257" s="137"/>
      <c r="AU2257" s="137"/>
      <c r="AV2257" s="137"/>
      <c r="AW2257" s="144"/>
    </row>
    <row r="2258" spans="7:49" x14ac:dyDescent="0.2">
      <c r="G2258" s="43"/>
      <c r="Z2258" s="143"/>
      <c r="AA2258" s="137"/>
      <c r="AB2258" s="137"/>
      <c r="AC2258" s="137"/>
      <c r="AD2258" s="137"/>
      <c r="AE2258" s="137"/>
      <c r="AF2258" s="137"/>
      <c r="AG2258" s="137"/>
      <c r="AH2258" s="137"/>
      <c r="AI2258" s="137"/>
      <c r="AJ2258" s="137"/>
      <c r="AK2258" s="137"/>
      <c r="AL2258" s="137"/>
      <c r="AM2258" s="137"/>
      <c r="AN2258" s="137"/>
      <c r="AO2258" s="137"/>
      <c r="AP2258" s="137"/>
      <c r="AQ2258" s="137"/>
      <c r="AR2258" s="137"/>
      <c r="AS2258" s="137"/>
      <c r="AT2258" s="137"/>
      <c r="AU2258" s="137"/>
      <c r="AV2258" s="137"/>
      <c r="AW2258" s="144"/>
    </row>
    <row r="2259" spans="7:49" x14ac:dyDescent="0.2">
      <c r="G2259" s="43"/>
      <c r="Z2259" s="143"/>
      <c r="AA2259" s="137"/>
      <c r="AB2259" s="137"/>
      <c r="AC2259" s="137"/>
      <c r="AD2259" s="137"/>
      <c r="AE2259" s="137"/>
      <c r="AF2259" s="137"/>
      <c r="AG2259" s="137"/>
      <c r="AH2259" s="137"/>
      <c r="AI2259" s="137"/>
      <c r="AJ2259" s="137"/>
      <c r="AK2259" s="137"/>
      <c r="AL2259" s="137"/>
      <c r="AM2259" s="137"/>
      <c r="AN2259" s="137"/>
      <c r="AO2259" s="137"/>
      <c r="AP2259" s="137"/>
      <c r="AQ2259" s="137"/>
      <c r="AR2259" s="137"/>
      <c r="AS2259" s="137"/>
      <c r="AT2259" s="137"/>
      <c r="AU2259" s="137"/>
      <c r="AV2259" s="137"/>
      <c r="AW2259" s="144"/>
    </row>
    <row r="2260" spans="7:49" x14ac:dyDescent="0.2">
      <c r="G2260" s="43"/>
      <c r="Z2260" s="143"/>
      <c r="AA2260" s="137"/>
      <c r="AB2260" s="137"/>
      <c r="AC2260" s="137"/>
      <c r="AD2260" s="137"/>
      <c r="AE2260" s="137"/>
      <c r="AF2260" s="137"/>
      <c r="AG2260" s="137"/>
      <c r="AH2260" s="137"/>
      <c r="AI2260" s="137"/>
      <c r="AJ2260" s="137"/>
      <c r="AK2260" s="137"/>
      <c r="AL2260" s="137"/>
      <c r="AM2260" s="137"/>
      <c r="AN2260" s="137"/>
      <c r="AO2260" s="137"/>
      <c r="AP2260" s="137"/>
      <c r="AQ2260" s="137"/>
      <c r="AR2260" s="137"/>
      <c r="AS2260" s="137"/>
      <c r="AT2260" s="137"/>
      <c r="AU2260" s="137"/>
      <c r="AV2260" s="137"/>
      <c r="AW2260" s="144"/>
    </row>
    <row r="2261" spans="7:49" x14ac:dyDescent="0.2">
      <c r="G2261" s="43"/>
      <c r="Z2261" s="143"/>
      <c r="AA2261" s="137"/>
      <c r="AB2261" s="137"/>
      <c r="AC2261" s="137"/>
      <c r="AD2261" s="137"/>
      <c r="AE2261" s="137"/>
      <c r="AF2261" s="137"/>
      <c r="AG2261" s="137"/>
      <c r="AH2261" s="137"/>
      <c r="AI2261" s="137"/>
      <c r="AJ2261" s="137"/>
      <c r="AK2261" s="137"/>
      <c r="AL2261" s="137"/>
      <c r="AM2261" s="137"/>
      <c r="AN2261" s="137"/>
      <c r="AO2261" s="137"/>
      <c r="AP2261" s="137"/>
      <c r="AQ2261" s="137"/>
      <c r="AR2261" s="137"/>
      <c r="AS2261" s="137"/>
      <c r="AT2261" s="137"/>
      <c r="AU2261" s="137"/>
      <c r="AV2261" s="137"/>
      <c r="AW2261" s="144"/>
    </row>
    <row r="2262" spans="7:49" x14ac:dyDescent="0.2">
      <c r="G2262" s="43"/>
      <c r="Z2262" s="143"/>
      <c r="AA2262" s="137"/>
      <c r="AB2262" s="137"/>
      <c r="AC2262" s="137"/>
      <c r="AD2262" s="137"/>
      <c r="AE2262" s="137"/>
      <c r="AF2262" s="137"/>
      <c r="AG2262" s="137"/>
      <c r="AH2262" s="137"/>
      <c r="AI2262" s="137"/>
      <c r="AJ2262" s="137"/>
      <c r="AK2262" s="137"/>
      <c r="AL2262" s="137"/>
      <c r="AM2262" s="137"/>
      <c r="AN2262" s="137"/>
      <c r="AO2262" s="137"/>
      <c r="AP2262" s="137"/>
      <c r="AQ2262" s="137"/>
      <c r="AR2262" s="137"/>
      <c r="AS2262" s="137"/>
      <c r="AT2262" s="137"/>
      <c r="AU2262" s="137"/>
      <c r="AV2262" s="137"/>
      <c r="AW2262" s="144"/>
    </row>
    <row r="2263" spans="7:49" x14ac:dyDescent="0.2">
      <c r="G2263" s="43"/>
      <c r="Z2263" s="143"/>
      <c r="AA2263" s="137"/>
      <c r="AB2263" s="137"/>
      <c r="AC2263" s="137"/>
      <c r="AD2263" s="137"/>
      <c r="AE2263" s="137"/>
      <c r="AF2263" s="137"/>
      <c r="AG2263" s="137"/>
      <c r="AH2263" s="137"/>
      <c r="AI2263" s="137"/>
      <c r="AJ2263" s="137"/>
      <c r="AK2263" s="137"/>
      <c r="AL2263" s="137"/>
      <c r="AM2263" s="137"/>
      <c r="AN2263" s="137"/>
      <c r="AO2263" s="137"/>
      <c r="AP2263" s="137"/>
      <c r="AQ2263" s="137"/>
      <c r="AR2263" s="137"/>
      <c r="AS2263" s="137"/>
      <c r="AT2263" s="137"/>
      <c r="AU2263" s="137"/>
      <c r="AV2263" s="137"/>
      <c r="AW2263" s="144"/>
    </row>
    <row r="2264" spans="7:49" x14ac:dyDescent="0.2">
      <c r="G2264" s="43"/>
      <c r="Z2264" s="143"/>
      <c r="AA2264" s="137"/>
      <c r="AB2264" s="137"/>
      <c r="AC2264" s="137"/>
      <c r="AD2264" s="137"/>
      <c r="AE2264" s="137"/>
      <c r="AF2264" s="137"/>
      <c r="AG2264" s="137"/>
      <c r="AH2264" s="137"/>
      <c r="AI2264" s="137"/>
      <c r="AJ2264" s="137"/>
      <c r="AK2264" s="137"/>
      <c r="AL2264" s="137"/>
      <c r="AM2264" s="137"/>
      <c r="AN2264" s="137"/>
      <c r="AO2264" s="137"/>
      <c r="AP2264" s="137"/>
      <c r="AQ2264" s="137"/>
      <c r="AR2264" s="137"/>
      <c r="AS2264" s="137"/>
      <c r="AT2264" s="137"/>
      <c r="AU2264" s="137"/>
      <c r="AV2264" s="137"/>
      <c r="AW2264" s="144"/>
    </row>
    <row r="2265" spans="7:49" x14ac:dyDescent="0.2">
      <c r="G2265" s="43"/>
      <c r="Z2265" s="143"/>
      <c r="AA2265" s="137"/>
      <c r="AB2265" s="137"/>
      <c r="AC2265" s="137"/>
      <c r="AD2265" s="137"/>
      <c r="AE2265" s="137"/>
      <c r="AF2265" s="137"/>
      <c r="AG2265" s="137"/>
      <c r="AH2265" s="137"/>
      <c r="AI2265" s="137"/>
      <c r="AJ2265" s="137"/>
      <c r="AK2265" s="137"/>
      <c r="AL2265" s="137"/>
      <c r="AM2265" s="137"/>
      <c r="AN2265" s="137"/>
      <c r="AO2265" s="137"/>
      <c r="AP2265" s="137"/>
      <c r="AQ2265" s="137"/>
      <c r="AR2265" s="137"/>
      <c r="AS2265" s="137"/>
      <c r="AT2265" s="137"/>
      <c r="AU2265" s="137"/>
      <c r="AV2265" s="137"/>
      <c r="AW2265" s="144"/>
    </row>
    <row r="2266" spans="7:49" x14ac:dyDescent="0.2">
      <c r="G2266" s="43"/>
      <c r="Z2266" s="143"/>
      <c r="AA2266" s="137"/>
      <c r="AB2266" s="137"/>
      <c r="AC2266" s="137"/>
      <c r="AD2266" s="137"/>
      <c r="AE2266" s="137"/>
      <c r="AF2266" s="137"/>
      <c r="AG2266" s="137"/>
      <c r="AH2266" s="137"/>
      <c r="AI2266" s="137"/>
      <c r="AJ2266" s="137"/>
      <c r="AK2266" s="137"/>
      <c r="AL2266" s="137"/>
      <c r="AM2266" s="137"/>
      <c r="AN2266" s="137"/>
      <c r="AO2266" s="137"/>
      <c r="AP2266" s="137"/>
      <c r="AQ2266" s="137"/>
      <c r="AR2266" s="137"/>
      <c r="AS2266" s="137"/>
      <c r="AT2266" s="137"/>
      <c r="AU2266" s="137"/>
      <c r="AV2266" s="137"/>
      <c r="AW2266" s="144"/>
    </row>
    <row r="2267" spans="7:49" x14ac:dyDescent="0.2">
      <c r="G2267" s="43"/>
      <c r="Z2267" s="143"/>
      <c r="AA2267" s="137"/>
      <c r="AB2267" s="137"/>
      <c r="AC2267" s="137"/>
      <c r="AD2267" s="137"/>
      <c r="AE2267" s="137"/>
      <c r="AF2267" s="137"/>
      <c r="AG2267" s="137"/>
      <c r="AH2267" s="137"/>
      <c r="AI2267" s="137"/>
      <c r="AJ2267" s="137"/>
      <c r="AK2267" s="137"/>
      <c r="AL2267" s="137"/>
      <c r="AM2267" s="137"/>
      <c r="AN2267" s="137"/>
      <c r="AO2267" s="137"/>
      <c r="AP2267" s="137"/>
      <c r="AQ2267" s="137"/>
      <c r="AR2267" s="137"/>
      <c r="AS2267" s="137"/>
      <c r="AT2267" s="137"/>
      <c r="AU2267" s="137"/>
      <c r="AV2267" s="137"/>
      <c r="AW2267" s="144"/>
    </row>
    <row r="2268" spans="7:49" x14ac:dyDescent="0.2">
      <c r="G2268" s="43"/>
      <c r="Z2268" s="143"/>
      <c r="AA2268" s="137"/>
      <c r="AB2268" s="137"/>
      <c r="AC2268" s="137"/>
      <c r="AD2268" s="137"/>
      <c r="AE2268" s="137"/>
      <c r="AF2268" s="137"/>
      <c r="AG2268" s="137"/>
      <c r="AH2268" s="137"/>
      <c r="AI2268" s="137"/>
      <c r="AJ2268" s="137"/>
      <c r="AK2268" s="137"/>
      <c r="AL2268" s="137"/>
      <c r="AM2268" s="137"/>
      <c r="AN2268" s="137"/>
      <c r="AO2268" s="137"/>
      <c r="AP2268" s="137"/>
      <c r="AQ2268" s="137"/>
      <c r="AR2268" s="137"/>
      <c r="AS2268" s="137"/>
      <c r="AT2268" s="137"/>
      <c r="AU2268" s="137"/>
      <c r="AV2268" s="137"/>
      <c r="AW2268" s="144"/>
    </row>
    <row r="2269" spans="7:49" x14ac:dyDescent="0.2">
      <c r="G2269" s="43"/>
      <c r="Z2269" s="143"/>
      <c r="AA2269" s="137"/>
      <c r="AB2269" s="137"/>
      <c r="AC2269" s="137"/>
      <c r="AD2269" s="137"/>
      <c r="AE2269" s="137"/>
      <c r="AF2269" s="137"/>
      <c r="AG2269" s="137"/>
      <c r="AH2269" s="137"/>
      <c r="AI2269" s="137"/>
      <c r="AJ2269" s="137"/>
      <c r="AK2269" s="137"/>
      <c r="AL2269" s="137"/>
      <c r="AM2269" s="137"/>
      <c r="AN2269" s="137"/>
      <c r="AO2269" s="137"/>
      <c r="AP2269" s="137"/>
      <c r="AQ2269" s="137"/>
      <c r="AR2269" s="137"/>
      <c r="AS2269" s="137"/>
      <c r="AT2269" s="137"/>
      <c r="AU2269" s="137"/>
      <c r="AV2269" s="137"/>
      <c r="AW2269" s="144"/>
    </row>
    <row r="2270" spans="7:49" x14ac:dyDescent="0.2">
      <c r="G2270" s="43"/>
      <c r="Z2270" s="143"/>
      <c r="AA2270" s="137"/>
      <c r="AB2270" s="137"/>
      <c r="AC2270" s="137"/>
      <c r="AD2270" s="137"/>
      <c r="AE2270" s="137"/>
      <c r="AF2270" s="137"/>
      <c r="AG2270" s="137"/>
      <c r="AH2270" s="137"/>
      <c r="AI2270" s="137"/>
      <c r="AJ2270" s="137"/>
      <c r="AK2270" s="137"/>
      <c r="AL2270" s="137"/>
      <c r="AM2270" s="137"/>
      <c r="AN2270" s="137"/>
      <c r="AO2270" s="137"/>
      <c r="AP2270" s="137"/>
      <c r="AQ2270" s="137"/>
      <c r="AR2270" s="137"/>
      <c r="AS2270" s="137"/>
      <c r="AT2270" s="137"/>
      <c r="AU2270" s="137"/>
      <c r="AV2270" s="137"/>
      <c r="AW2270" s="144"/>
    </row>
    <row r="2271" spans="7:49" x14ac:dyDescent="0.2">
      <c r="G2271" s="43"/>
      <c r="Z2271" s="143"/>
      <c r="AA2271" s="137"/>
      <c r="AB2271" s="137"/>
      <c r="AC2271" s="137"/>
      <c r="AD2271" s="137"/>
      <c r="AE2271" s="137"/>
      <c r="AF2271" s="137"/>
      <c r="AG2271" s="137"/>
      <c r="AH2271" s="137"/>
      <c r="AI2271" s="137"/>
      <c r="AJ2271" s="137"/>
      <c r="AK2271" s="137"/>
      <c r="AL2271" s="137"/>
      <c r="AM2271" s="137"/>
      <c r="AN2271" s="137"/>
      <c r="AO2271" s="137"/>
      <c r="AP2271" s="137"/>
      <c r="AQ2271" s="137"/>
      <c r="AR2271" s="137"/>
      <c r="AS2271" s="137"/>
      <c r="AT2271" s="137"/>
      <c r="AU2271" s="137"/>
      <c r="AV2271" s="137"/>
      <c r="AW2271" s="144"/>
    </row>
    <row r="2272" spans="7:49" x14ac:dyDescent="0.2">
      <c r="G2272" s="43"/>
      <c r="Z2272" s="143"/>
      <c r="AA2272" s="137"/>
      <c r="AB2272" s="137"/>
      <c r="AC2272" s="137"/>
      <c r="AD2272" s="137"/>
      <c r="AE2272" s="137"/>
      <c r="AF2272" s="137"/>
      <c r="AG2272" s="137"/>
      <c r="AH2272" s="137"/>
      <c r="AI2272" s="137"/>
      <c r="AJ2272" s="137"/>
      <c r="AK2272" s="137"/>
      <c r="AL2272" s="137"/>
      <c r="AM2272" s="137"/>
      <c r="AN2272" s="137"/>
      <c r="AO2272" s="137"/>
      <c r="AP2272" s="137"/>
      <c r="AQ2272" s="137"/>
      <c r="AR2272" s="137"/>
      <c r="AS2272" s="137"/>
      <c r="AT2272" s="137"/>
      <c r="AU2272" s="137"/>
      <c r="AV2272" s="137"/>
      <c r="AW2272" s="144"/>
    </row>
    <row r="2273" spans="7:49" x14ac:dyDescent="0.2">
      <c r="G2273" s="43"/>
      <c r="Z2273" s="143"/>
      <c r="AA2273" s="137"/>
      <c r="AB2273" s="137"/>
      <c r="AC2273" s="137"/>
      <c r="AD2273" s="137"/>
      <c r="AE2273" s="137"/>
      <c r="AF2273" s="137"/>
      <c r="AG2273" s="137"/>
      <c r="AH2273" s="137"/>
      <c r="AI2273" s="137"/>
      <c r="AJ2273" s="137"/>
      <c r="AK2273" s="137"/>
      <c r="AL2273" s="137"/>
      <c r="AM2273" s="137"/>
      <c r="AN2273" s="137"/>
      <c r="AO2273" s="137"/>
      <c r="AP2273" s="137"/>
      <c r="AQ2273" s="137"/>
      <c r="AR2273" s="137"/>
      <c r="AS2273" s="137"/>
      <c r="AT2273" s="137"/>
      <c r="AU2273" s="137"/>
      <c r="AV2273" s="137"/>
      <c r="AW2273" s="144"/>
    </row>
    <row r="2274" spans="7:49" x14ac:dyDescent="0.2">
      <c r="G2274" s="43"/>
      <c r="Z2274" s="143"/>
      <c r="AA2274" s="137"/>
      <c r="AB2274" s="137"/>
      <c r="AC2274" s="137"/>
      <c r="AD2274" s="137"/>
      <c r="AE2274" s="137"/>
      <c r="AF2274" s="137"/>
      <c r="AG2274" s="137"/>
      <c r="AH2274" s="137"/>
      <c r="AI2274" s="137"/>
      <c r="AJ2274" s="137"/>
      <c r="AK2274" s="137"/>
      <c r="AL2274" s="137"/>
      <c r="AM2274" s="137"/>
      <c r="AN2274" s="137"/>
      <c r="AO2274" s="137"/>
      <c r="AP2274" s="137"/>
      <c r="AQ2274" s="137"/>
      <c r="AR2274" s="137"/>
      <c r="AS2274" s="137"/>
      <c r="AT2274" s="137"/>
      <c r="AU2274" s="137"/>
      <c r="AV2274" s="137"/>
      <c r="AW2274" s="144"/>
    </row>
    <row r="2275" spans="7:49" x14ac:dyDescent="0.2">
      <c r="G2275" s="43"/>
      <c r="Z2275" s="143"/>
      <c r="AA2275" s="137"/>
      <c r="AB2275" s="137"/>
      <c r="AC2275" s="137"/>
      <c r="AD2275" s="137"/>
      <c r="AE2275" s="137"/>
      <c r="AF2275" s="137"/>
      <c r="AG2275" s="137"/>
      <c r="AH2275" s="137"/>
      <c r="AI2275" s="137"/>
      <c r="AJ2275" s="137"/>
      <c r="AK2275" s="137"/>
      <c r="AL2275" s="137"/>
      <c r="AM2275" s="137"/>
      <c r="AN2275" s="137"/>
      <c r="AO2275" s="137"/>
      <c r="AP2275" s="137"/>
      <c r="AQ2275" s="137"/>
      <c r="AR2275" s="137"/>
      <c r="AS2275" s="137"/>
      <c r="AT2275" s="137"/>
      <c r="AU2275" s="137"/>
      <c r="AV2275" s="137"/>
      <c r="AW2275" s="144"/>
    </row>
    <row r="2276" spans="7:49" x14ac:dyDescent="0.2">
      <c r="G2276" s="43"/>
      <c r="Z2276" s="143"/>
      <c r="AA2276" s="137"/>
      <c r="AB2276" s="137"/>
      <c r="AC2276" s="137"/>
      <c r="AD2276" s="137"/>
      <c r="AE2276" s="137"/>
      <c r="AF2276" s="137"/>
      <c r="AG2276" s="137"/>
      <c r="AH2276" s="137"/>
      <c r="AI2276" s="137"/>
      <c r="AJ2276" s="137"/>
      <c r="AK2276" s="137"/>
      <c r="AL2276" s="137"/>
      <c r="AM2276" s="137"/>
      <c r="AN2276" s="137"/>
      <c r="AO2276" s="137"/>
      <c r="AP2276" s="137"/>
      <c r="AQ2276" s="137"/>
      <c r="AR2276" s="137"/>
      <c r="AS2276" s="137"/>
      <c r="AT2276" s="137"/>
      <c r="AU2276" s="137"/>
      <c r="AV2276" s="137"/>
      <c r="AW2276" s="144"/>
    </row>
    <row r="2277" spans="7:49" x14ac:dyDescent="0.2">
      <c r="G2277" s="43"/>
      <c r="Z2277" s="143"/>
      <c r="AA2277" s="137"/>
      <c r="AB2277" s="137"/>
      <c r="AC2277" s="137"/>
      <c r="AD2277" s="137"/>
      <c r="AE2277" s="137"/>
      <c r="AF2277" s="137"/>
      <c r="AG2277" s="137"/>
      <c r="AH2277" s="137"/>
      <c r="AI2277" s="137"/>
      <c r="AJ2277" s="137"/>
      <c r="AK2277" s="137"/>
      <c r="AL2277" s="137"/>
      <c r="AM2277" s="137"/>
      <c r="AN2277" s="137"/>
      <c r="AO2277" s="137"/>
      <c r="AP2277" s="137"/>
      <c r="AQ2277" s="137"/>
      <c r="AR2277" s="137"/>
      <c r="AS2277" s="137"/>
      <c r="AT2277" s="137"/>
      <c r="AU2277" s="137"/>
      <c r="AV2277" s="137"/>
      <c r="AW2277" s="144"/>
    </row>
    <row r="2278" spans="7:49" x14ac:dyDescent="0.2">
      <c r="G2278" s="43"/>
      <c r="Z2278" s="143"/>
      <c r="AA2278" s="137"/>
      <c r="AB2278" s="137"/>
      <c r="AC2278" s="137"/>
      <c r="AD2278" s="137"/>
      <c r="AE2278" s="137"/>
      <c r="AF2278" s="137"/>
      <c r="AG2278" s="137"/>
      <c r="AH2278" s="137"/>
      <c r="AI2278" s="137"/>
      <c r="AJ2278" s="137"/>
      <c r="AK2278" s="137"/>
      <c r="AL2278" s="137"/>
      <c r="AM2278" s="137"/>
      <c r="AN2278" s="137"/>
      <c r="AO2278" s="137"/>
      <c r="AP2278" s="137"/>
      <c r="AQ2278" s="137"/>
      <c r="AR2278" s="137"/>
      <c r="AS2278" s="137"/>
      <c r="AT2278" s="137"/>
      <c r="AU2278" s="137"/>
      <c r="AV2278" s="137"/>
      <c r="AW2278" s="144"/>
    </row>
    <row r="2279" spans="7:49" x14ac:dyDescent="0.2">
      <c r="G2279" s="43"/>
      <c r="Z2279" s="143"/>
      <c r="AA2279" s="137"/>
      <c r="AB2279" s="137"/>
      <c r="AC2279" s="137"/>
      <c r="AD2279" s="137"/>
      <c r="AE2279" s="137"/>
      <c r="AF2279" s="137"/>
      <c r="AG2279" s="137"/>
      <c r="AH2279" s="137"/>
      <c r="AI2279" s="137"/>
      <c r="AJ2279" s="137"/>
      <c r="AK2279" s="137"/>
      <c r="AL2279" s="137"/>
      <c r="AM2279" s="137"/>
      <c r="AN2279" s="137"/>
      <c r="AO2279" s="137"/>
      <c r="AP2279" s="137"/>
      <c r="AQ2279" s="137"/>
      <c r="AR2279" s="137"/>
      <c r="AS2279" s="137"/>
      <c r="AT2279" s="137"/>
      <c r="AU2279" s="137"/>
      <c r="AV2279" s="137"/>
      <c r="AW2279" s="144"/>
    </row>
    <row r="2280" spans="7:49" x14ac:dyDescent="0.2">
      <c r="G2280" s="43"/>
      <c r="Z2280" s="143"/>
      <c r="AA2280" s="137"/>
      <c r="AB2280" s="137"/>
      <c r="AC2280" s="137"/>
      <c r="AD2280" s="137"/>
      <c r="AE2280" s="137"/>
      <c r="AF2280" s="137"/>
      <c r="AG2280" s="137"/>
      <c r="AH2280" s="137"/>
      <c r="AI2280" s="137"/>
      <c r="AJ2280" s="137"/>
      <c r="AK2280" s="137"/>
      <c r="AL2280" s="137"/>
      <c r="AM2280" s="137"/>
      <c r="AN2280" s="137"/>
      <c r="AO2280" s="137"/>
      <c r="AP2280" s="137"/>
      <c r="AQ2280" s="137"/>
      <c r="AR2280" s="137"/>
      <c r="AS2280" s="137"/>
      <c r="AT2280" s="137"/>
      <c r="AU2280" s="137"/>
      <c r="AV2280" s="137"/>
      <c r="AW2280" s="144"/>
    </row>
    <row r="2281" spans="7:49" x14ac:dyDescent="0.2">
      <c r="G2281" s="43"/>
      <c r="Z2281" s="143"/>
      <c r="AA2281" s="137"/>
      <c r="AB2281" s="137"/>
      <c r="AC2281" s="137"/>
      <c r="AD2281" s="137"/>
      <c r="AE2281" s="137"/>
      <c r="AF2281" s="137"/>
      <c r="AG2281" s="137"/>
      <c r="AH2281" s="137"/>
      <c r="AI2281" s="137"/>
      <c r="AJ2281" s="137"/>
      <c r="AK2281" s="137"/>
      <c r="AL2281" s="137"/>
      <c r="AM2281" s="137"/>
      <c r="AN2281" s="137"/>
      <c r="AO2281" s="137"/>
      <c r="AP2281" s="137"/>
      <c r="AQ2281" s="137"/>
      <c r="AR2281" s="137"/>
      <c r="AS2281" s="137"/>
      <c r="AT2281" s="137"/>
      <c r="AU2281" s="137"/>
      <c r="AV2281" s="137"/>
      <c r="AW2281" s="144"/>
    </row>
    <row r="2282" spans="7:49" x14ac:dyDescent="0.2">
      <c r="G2282" s="43"/>
      <c r="Z2282" s="143"/>
      <c r="AA2282" s="137"/>
      <c r="AB2282" s="137"/>
      <c r="AC2282" s="137"/>
      <c r="AD2282" s="137"/>
      <c r="AE2282" s="137"/>
      <c r="AF2282" s="137"/>
      <c r="AG2282" s="137"/>
      <c r="AH2282" s="137"/>
      <c r="AI2282" s="137"/>
      <c r="AJ2282" s="137"/>
      <c r="AK2282" s="137"/>
      <c r="AL2282" s="137"/>
      <c r="AM2282" s="137"/>
      <c r="AN2282" s="137"/>
      <c r="AO2282" s="137"/>
      <c r="AP2282" s="137"/>
      <c r="AQ2282" s="137"/>
      <c r="AR2282" s="137"/>
      <c r="AS2282" s="137"/>
      <c r="AT2282" s="137"/>
      <c r="AU2282" s="137"/>
      <c r="AV2282" s="137"/>
      <c r="AW2282" s="144"/>
    </row>
    <row r="2283" spans="7:49" x14ac:dyDescent="0.2">
      <c r="G2283" s="43"/>
      <c r="Z2283" s="143"/>
      <c r="AA2283" s="137"/>
      <c r="AB2283" s="137"/>
      <c r="AC2283" s="137"/>
      <c r="AD2283" s="137"/>
      <c r="AE2283" s="137"/>
      <c r="AF2283" s="137"/>
      <c r="AG2283" s="137"/>
      <c r="AH2283" s="137"/>
      <c r="AI2283" s="137"/>
      <c r="AJ2283" s="137"/>
      <c r="AK2283" s="137"/>
      <c r="AL2283" s="137"/>
      <c r="AM2283" s="137"/>
      <c r="AN2283" s="137"/>
      <c r="AO2283" s="137"/>
      <c r="AP2283" s="137"/>
      <c r="AQ2283" s="137"/>
      <c r="AR2283" s="137"/>
      <c r="AS2283" s="137"/>
      <c r="AT2283" s="137"/>
      <c r="AU2283" s="137"/>
      <c r="AV2283" s="137"/>
      <c r="AW2283" s="144"/>
    </row>
    <row r="2284" spans="7:49" x14ac:dyDescent="0.2">
      <c r="G2284" s="43"/>
      <c r="Z2284" s="143"/>
      <c r="AA2284" s="137"/>
      <c r="AB2284" s="137"/>
      <c r="AC2284" s="137"/>
      <c r="AD2284" s="137"/>
      <c r="AE2284" s="137"/>
      <c r="AF2284" s="137"/>
      <c r="AG2284" s="137"/>
      <c r="AH2284" s="137"/>
      <c r="AI2284" s="137"/>
      <c r="AJ2284" s="137"/>
      <c r="AK2284" s="137"/>
      <c r="AL2284" s="137"/>
      <c r="AM2284" s="137"/>
      <c r="AN2284" s="137"/>
      <c r="AO2284" s="137"/>
      <c r="AP2284" s="137"/>
      <c r="AQ2284" s="137"/>
      <c r="AR2284" s="137"/>
      <c r="AS2284" s="137"/>
      <c r="AT2284" s="137"/>
      <c r="AU2284" s="137"/>
      <c r="AV2284" s="137"/>
      <c r="AW2284" s="144"/>
    </row>
    <row r="2285" spans="7:49" x14ac:dyDescent="0.2">
      <c r="G2285" s="43"/>
      <c r="Z2285" s="143"/>
      <c r="AA2285" s="137"/>
      <c r="AB2285" s="137"/>
      <c r="AC2285" s="137"/>
      <c r="AD2285" s="137"/>
      <c r="AE2285" s="137"/>
      <c r="AF2285" s="137"/>
      <c r="AG2285" s="137"/>
      <c r="AH2285" s="137"/>
      <c r="AI2285" s="137"/>
      <c r="AJ2285" s="137"/>
      <c r="AK2285" s="137"/>
      <c r="AL2285" s="137"/>
      <c r="AM2285" s="137"/>
      <c r="AN2285" s="137"/>
      <c r="AO2285" s="137"/>
      <c r="AP2285" s="137"/>
      <c r="AQ2285" s="137"/>
      <c r="AR2285" s="137"/>
      <c r="AS2285" s="137"/>
      <c r="AT2285" s="137"/>
      <c r="AU2285" s="137"/>
      <c r="AV2285" s="137"/>
      <c r="AW2285" s="144"/>
    </row>
    <row r="2286" spans="7:49" x14ac:dyDescent="0.2">
      <c r="G2286" s="43"/>
      <c r="Z2286" s="143"/>
      <c r="AA2286" s="137"/>
      <c r="AB2286" s="137"/>
      <c r="AC2286" s="137"/>
      <c r="AD2286" s="137"/>
      <c r="AE2286" s="137"/>
      <c r="AF2286" s="137"/>
      <c r="AG2286" s="137"/>
      <c r="AH2286" s="137"/>
      <c r="AI2286" s="137"/>
      <c r="AJ2286" s="137"/>
      <c r="AK2286" s="137"/>
      <c r="AL2286" s="137"/>
      <c r="AM2286" s="137"/>
      <c r="AN2286" s="137"/>
      <c r="AO2286" s="137"/>
      <c r="AP2286" s="137"/>
      <c r="AQ2286" s="137"/>
      <c r="AR2286" s="137"/>
      <c r="AS2286" s="137"/>
      <c r="AT2286" s="137"/>
      <c r="AU2286" s="137"/>
      <c r="AV2286" s="137"/>
      <c r="AW2286" s="144"/>
    </row>
    <row r="2287" spans="7:49" x14ac:dyDescent="0.2">
      <c r="G2287" s="43"/>
      <c r="Z2287" s="143"/>
      <c r="AA2287" s="137"/>
      <c r="AB2287" s="137"/>
      <c r="AC2287" s="137"/>
      <c r="AD2287" s="137"/>
      <c r="AE2287" s="137"/>
      <c r="AF2287" s="137"/>
      <c r="AG2287" s="137"/>
      <c r="AH2287" s="137"/>
      <c r="AI2287" s="137"/>
      <c r="AJ2287" s="137"/>
      <c r="AK2287" s="137"/>
      <c r="AL2287" s="137"/>
      <c r="AM2287" s="137"/>
      <c r="AN2287" s="137"/>
      <c r="AO2287" s="137"/>
      <c r="AP2287" s="137"/>
      <c r="AQ2287" s="137"/>
      <c r="AR2287" s="137"/>
      <c r="AS2287" s="137"/>
      <c r="AT2287" s="137"/>
      <c r="AU2287" s="137"/>
      <c r="AV2287" s="137"/>
      <c r="AW2287" s="144"/>
    </row>
    <row r="2288" spans="7:49" x14ac:dyDescent="0.2">
      <c r="G2288" s="43"/>
      <c r="Z2288" s="143"/>
      <c r="AA2288" s="137"/>
      <c r="AB2288" s="137"/>
      <c r="AC2288" s="137"/>
      <c r="AD2288" s="137"/>
      <c r="AE2288" s="137"/>
      <c r="AF2288" s="137"/>
      <c r="AG2288" s="137"/>
      <c r="AH2288" s="137"/>
      <c r="AI2288" s="137"/>
      <c r="AJ2288" s="137"/>
      <c r="AK2288" s="137"/>
      <c r="AL2288" s="137"/>
      <c r="AM2288" s="137"/>
      <c r="AN2288" s="137"/>
      <c r="AO2288" s="137"/>
      <c r="AP2288" s="137"/>
      <c r="AQ2288" s="137"/>
      <c r="AR2288" s="137"/>
      <c r="AS2288" s="137"/>
      <c r="AT2288" s="137"/>
      <c r="AU2288" s="137"/>
      <c r="AV2288" s="137"/>
      <c r="AW2288" s="144"/>
    </row>
    <row r="2289" spans="7:49" x14ac:dyDescent="0.2">
      <c r="G2289" s="43"/>
      <c r="Z2289" s="143"/>
      <c r="AA2289" s="137"/>
      <c r="AB2289" s="137"/>
      <c r="AC2289" s="137"/>
      <c r="AD2289" s="137"/>
      <c r="AE2289" s="137"/>
      <c r="AF2289" s="137"/>
      <c r="AG2289" s="137"/>
      <c r="AH2289" s="137"/>
      <c r="AI2289" s="137"/>
      <c r="AJ2289" s="137"/>
      <c r="AK2289" s="137"/>
      <c r="AL2289" s="137"/>
      <c r="AM2289" s="137"/>
      <c r="AN2289" s="137"/>
      <c r="AO2289" s="137"/>
      <c r="AP2289" s="137"/>
      <c r="AQ2289" s="137"/>
      <c r="AR2289" s="137"/>
      <c r="AS2289" s="137"/>
      <c r="AT2289" s="137"/>
      <c r="AU2289" s="137"/>
      <c r="AV2289" s="137"/>
      <c r="AW2289" s="144"/>
    </row>
    <row r="2290" spans="7:49" x14ac:dyDescent="0.2">
      <c r="G2290" s="43"/>
      <c r="Z2290" s="143"/>
      <c r="AA2290" s="137"/>
      <c r="AB2290" s="137"/>
      <c r="AC2290" s="137"/>
      <c r="AD2290" s="137"/>
      <c r="AE2290" s="137"/>
      <c r="AF2290" s="137"/>
      <c r="AG2290" s="137"/>
      <c r="AH2290" s="137"/>
      <c r="AI2290" s="137"/>
      <c r="AJ2290" s="137"/>
      <c r="AK2290" s="137"/>
      <c r="AL2290" s="137"/>
      <c r="AM2290" s="137"/>
      <c r="AN2290" s="137"/>
      <c r="AO2290" s="137"/>
      <c r="AP2290" s="137"/>
      <c r="AQ2290" s="137"/>
      <c r="AR2290" s="137"/>
      <c r="AS2290" s="137"/>
      <c r="AT2290" s="137"/>
      <c r="AU2290" s="137"/>
      <c r="AV2290" s="137"/>
      <c r="AW2290" s="144"/>
    </row>
    <row r="2291" spans="7:49" x14ac:dyDescent="0.2">
      <c r="G2291" s="43"/>
      <c r="Z2291" s="143"/>
      <c r="AA2291" s="137"/>
      <c r="AB2291" s="137"/>
      <c r="AC2291" s="137"/>
      <c r="AD2291" s="137"/>
      <c r="AE2291" s="137"/>
      <c r="AF2291" s="137"/>
      <c r="AG2291" s="137"/>
      <c r="AH2291" s="137"/>
      <c r="AI2291" s="137"/>
      <c r="AJ2291" s="137"/>
      <c r="AK2291" s="137"/>
      <c r="AL2291" s="137"/>
      <c r="AM2291" s="137"/>
      <c r="AN2291" s="137"/>
      <c r="AO2291" s="137"/>
      <c r="AP2291" s="137"/>
      <c r="AQ2291" s="137"/>
      <c r="AR2291" s="137"/>
      <c r="AS2291" s="137"/>
      <c r="AT2291" s="137"/>
      <c r="AU2291" s="137"/>
      <c r="AV2291" s="137"/>
      <c r="AW2291" s="144"/>
    </row>
    <row r="2292" spans="7:49" x14ac:dyDescent="0.2">
      <c r="G2292" s="43"/>
      <c r="Z2292" s="143"/>
      <c r="AA2292" s="137"/>
      <c r="AB2292" s="137"/>
      <c r="AC2292" s="137"/>
      <c r="AD2292" s="137"/>
      <c r="AE2292" s="137"/>
      <c r="AF2292" s="137"/>
      <c r="AG2292" s="137"/>
      <c r="AH2292" s="137"/>
      <c r="AI2292" s="137"/>
      <c r="AJ2292" s="137"/>
      <c r="AK2292" s="137"/>
      <c r="AL2292" s="137"/>
      <c r="AM2292" s="137"/>
      <c r="AN2292" s="137"/>
      <c r="AO2292" s="137"/>
      <c r="AP2292" s="137"/>
      <c r="AQ2292" s="137"/>
      <c r="AR2292" s="137"/>
      <c r="AS2292" s="137"/>
      <c r="AT2292" s="137"/>
      <c r="AU2292" s="137"/>
      <c r="AV2292" s="137"/>
      <c r="AW2292" s="144"/>
    </row>
    <row r="2293" spans="7:49" x14ac:dyDescent="0.2">
      <c r="G2293" s="43"/>
      <c r="Z2293" s="143"/>
      <c r="AA2293" s="137"/>
      <c r="AB2293" s="137"/>
      <c r="AC2293" s="137"/>
      <c r="AD2293" s="137"/>
      <c r="AE2293" s="137"/>
      <c r="AF2293" s="137"/>
      <c r="AG2293" s="137"/>
      <c r="AH2293" s="137"/>
      <c r="AI2293" s="137"/>
      <c r="AJ2293" s="137"/>
      <c r="AK2293" s="137"/>
      <c r="AL2293" s="137"/>
      <c r="AM2293" s="137"/>
      <c r="AN2293" s="137"/>
      <c r="AO2293" s="137"/>
      <c r="AP2293" s="137"/>
      <c r="AQ2293" s="137"/>
      <c r="AR2293" s="137"/>
      <c r="AS2293" s="137"/>
      <c r="AT2293" s="137"/>
      <c r="AU2293" s="137"/>
      <c r="AV2293" s="137"/>
      <c r="AW2293" s="144"/>
    </row>
    <row r="2294" spans="7:49" x14ac:dyDescent="0.2">
      <c r="G2294" s="43"/>
      <c r="Z2294" s="143"/>
      <c r="AA2294" s="137"/>
      <c r="AB2294" s="137"/>
      <c r="AC2294" s="137"/>
      <c r="AD2294" s="137"/>
      <c r="AE2294" s="137"/>
      <c r="AF2294" s="137"/>
      <c r="AG2294" s="137"/>
      <c r="AH2294" s="137"/>
      <c r="AI2294" s="137"/>
      <c r="AJ2294" s="137"/>
      <c r="AK2294" s="137"/>
      <c r="AL2294" s="137"/>
      <c r="AM2294" s="137"/>
      <c r="AN2294" s="137"/>
      <c r="AO2294" s="137"/>
      <c r="AP2294" s="137"/>
      <c r="AQ2294" s="137"/>
      <c r="AR2294" s="137"/>
      <c r="AS2294" s="137"/>
      <c r="AT2294" s="137"/>
      <c r="AU2294" s="137"/>
      <c r="AV2294" s="137"/>
      <c r="AW2294" s="144"/>
    </row>
    <row r="2295" spans="7:49" x14ac:dyDescent="0.2">
      <c r="G2295" s="43"/>
      <c r="Z2295" s="143"/>
      <c r="AA2295" s="137"/>
      <c r="AB2295" s="137"/>
      <c r="AC2295" s="137"/>
      <c r="AD2295" s="137"/>
      <c r="AE2295" s="137"/>
      <c r="AF2295" s="137"/>
      <c r="AG2295" s="137"/>
      <c r="AH2295" s="137"/>
      <c r="AI2295" s="137"/>
      <c r="AJ2295" s="137"/>
      <c r="AK2295" s="137"/>
      <c r="AL2295" s="137"/>
      <c r="AM2295" s="137"/>
      <c r="AN2295" s="137"/>
      <c r="AO2295" s="137"/>
      <c r="AP2295" s="137"/>
      <c r="AQ2295" s="137"/>
      <c r="AR2295" s="137"/>
      <c r="AS2295" s="137"/>
      <c r="AT2295" s="137"/>
      <c r="AU2295" s="137"/>
      <c r="AV2295" s="137"/>
      <c r="AW2295" s="144"/>
    </row>
    <row r="2296" spans="7:49" x14ac:dyDescent="0.2">
      <c r="G2296" s="43"/>
      <c r="Z2296" s="143"/>
      <c r="AA2296" s="137"/>
      <c r="AB2296" s="137"/>
      <c r="AC2296" s="137"/>
      <c r="AD2296" s="137"/>
      <c r="AE2296" s="137"/>
      <c r="AF2296" s="137"/>
      <c r="AG2296" s="137"/>
      <c r="AH2296" s="137"/>
      <c r="AI2296" s="137"/>
      <c r="AJ2296" s="137"/>
      <c r="AK2296" s="137"/>
      <c r="AL2296" s="137"/>
      <c r="AM2296" s="137"/>
      <c r="AN2296" s="137"/>
      <c r="AO2296" s="137"/>
      <c r="AP2296" s="137"/>
      <c r="AQ2296" s="137"/>
      <c r="AR2296" s="137"/>
      <c r="AS2296" s="137"/>
      <c r="AT2296" s="137"/>
      <c r="AU2296" s="137"/>
      <c r="AV2296" s="137"/>
      <c r="AW2296" s="144"/>
    </row>
    <row r="2297" spans="7:49" x14ac:dyDescent="0.2">
      <c r="G2297" s="43"/>
      <c r="Z2297" s="143"/>
      <c r="AA2297" s="137"/>
      <c r="AB2297" s="137"/>
      <c r="AC2297" s="137"/>
      <c r="AD2297" s="137"/>
      <c r="AE2297" s="137"/>
      <c r="AF2297" s="137"/>
      <c r="AG2297" s="137"/>
      <c r="AH2297" s="137"/>
      <c r="AI2297" s="137"/>
      <c r="AJ2297" s="137"/>
      <c r="AK2297" s="137"/>
      <c r="AL2297" s="137"/>
      <c r="AM2297" s="137"/>
      <c r="AN2297" s="137"/>
      <c r="AO2297" s="137"/>
      <c r="AP2297" s="137"/>
      <c r="AQ2297" s="137"/>
      <c r="AR2297" s="137"/>
      <c r="AS2297" s="137"/>
      <c r="AT2297" s="137"/>
      <c r="AU2297" s="137"/>
      <c r="AV2297" s="137"/>
      <c r="AW2297" s="144"/>
    </row>
    <row r="2298" spans="7:49" x14ac:dyDescent="0.2">
      <c r="G2298" s="43"/>
      <c r="Z2298" s="143"/>
      <c r="AA2298" s="137"/>
      <c r="AB2298" s="137"/>
      <c r="AC2298" s="137"/>
      <c r="AD2298" s="137"/>
      <c r="AE2298" s="137"/>
      <c r="AF2298" s="137"/>
      <c r="AG2298" s="137"/>
      <c r="AH2298" s="137"/>
      <c r="AI2298" s="137"/>
      <c r="AJ2298" s="137"/>
      <c r="AK2298" s="137"/>
      <c r="AL2298" s="137"/>
      <c r="AM2298" s="137"/>
      <c r="AN2298" s="137"/>
      <c r="AO2298" s="137"/>
      <c r="AP2298" s="137"/>
      <c r="AQ2298" s="137"/>
      <c r="AR2298" s="137"/>
      <c r="AS2298" s="137"/>
      <c r="AT2298" s="137"/>
      <c r="AU2298" s="137"/>
      <c r="AV2298" s="137"/>
      <c r="AW2298" s="144"/>
    </row>
    <row r="2299" spans="7:49" x14ac:dyDescent="0.2">
      <c r="G2299" s="43"/>
      <c r="Z2299" s="143"/>
      <c r="AA2299" s="137"/>
      <c r="AB2299" s="137"/>
      <c r="AC2299" s="137"/>
      <c r="AD2299" s="137"/>
      <c r="AE2299" s="137"/>
      <c r="AF2299" s="137"/>
      <c r="AG2299" s="137"/>
      <c r="AH2299" s="137"/>
      <c r="AI2299" s="137"/>
      <c r="AJ2299" s="137"/>
      <c r="AK2299" s="137"/>
      <c r="AL2299" s="137"/>
      <c r="AM2299" s="137"/>
      <c r="AN2299" s="137"/>
      <c r="AO2299" s="137"/>
      <c r="AP2299" s="137"/>
      <c r="AQ2299" s="137"/>
      <c r="AR2299" s="137"/>
      <c r="AS2299" s="137"/>
      <c r="AT2299" s="137"/>
      <c r="AU2299" s="137"/>
      <c r="AV2299" s="137"/>
      <c r="AW2299" s="144"/>
    </row>
    <row r="2300" spans="7:49" x14ac:dyDescent="0.2">
      <c r="G2300" s="43"/>
      <c r="Z2300" s="143"/>
      <c r="AA2300" s="137"/>
      <c r="AB2300" s="137"/>
      <c r="AC2300" s="137"/>
      <c r="AD2300" s="137"/>
      <c r="AE2300" s="137"/>
      <c r="AF2300" s="137"/>
      <c r="AG2300" s="137"/>
      <c r="AH2300" s="137"/>
      <c r="AI2300" s="137"/>
      <c r="AJ2300" s="137"/>
      <c r="AK2300" s="137"/>
      <c r="AL2300" s="137"/>
      <c r="AM2300" s="137"/>
      <c r="AN2300" s="137"/>
      <c r="AO2300" s="137"/>
      <c r="AP2300" s="137"/>
      <c r="AQ2300" s="137"/>
      <c r="AR2300" s="137"/>
      <c r="AS2300" s="137"/>
      <c r="AT2300" s="137"/>
      <c r="AU2300" s="137"/>
      <c r="AV2300" s="137"/>
      <c r="AW2300" s="144"/>
    </row>
    <row r="2301" spans="7:49" x14ac:dyDescent="0.2">
      <c r="G2301" s="43"/>
      <c r="Z2301" s="143"/>
      <c r="AA2301" s="137"/>
      <c r="AB2301" s="137"/>
      <c r="AC2301" s="137"/>
      <c r="AD2301" s="137"/>
      <c r="AE2301" s="137"/>
      <c r="AF2301" s="137"/>
      <c r="AG2301" s="137"/>
      <c r="AH2301" s="137"/>
      <c r="AI2301" s="137"/>
      <c r="AJ2301" s="137"/>
      <c r="AK2301" s="137"/>
      <c r="AL2301" s="137"/>
      <c r="AM2301" s="137"/>
      <c r="AN2301" s="137"/>
      <c r="AO2301" s="137"/>
      <c r="AP2301" s="137"/>
      <c r="AQ2301" s="137"/>
      <c r="AR2301" s="137"/>
      <c r="AS2301" s="137"/>
      <c r="AT2301" s="137"/>
      <c r="AU2301" s="137"/>
      <c r="AV2301" s="137"/>
      <c r="AW2301" s="144"/>
    </row>
    <row r="2302" spans="7:49" x14ac:dyDescent="0.2">
      <c r="G2302" s="43"/>
      <c r="Z2302" s="143"/>
      <c r="AA2302" s="137"/>
      <c r="AB2302" s="137"/>
      <c r="AC2302" s="137"/>
      <c r="AD2302" s="137"/>
      <c r="AE2302" s="137"/>
      <c r="AF2302" s="137"/>
      <c r="AG2302" s="137"/>
      <c r="AH2302" s="137"/>
      <c r="AI2302" s="137"/>
      <c r="AJ2302" s="137"/>
      <c r="AK2302" s="137"/>
      <c r="AL2302" s="137"/>
      <c r="AM2302" s="137"/>
      <c r="AN2302" s="137"/>
      <c r="AO2302" s="137"/>
      <c r="AP2302" s="137"/>
      <c r="AQ2302" s="137"/>
      <c r="AR2302" s="137"/>
      <c r="AS2302" s="137"/>
      <c r="AT2302" s="137"/>
      <c r="AU2302" s="137"/>
      <c r="AV2302" s="137"/>
      <c r="AW2302" s="144"/>
    </row>
    <row r="2303" spans="7:49" x14ac:dyDescent="0.2">
      <c r="G2303" s="43"/>
      <c r="Z2303" s="143"/>
      <c r="AA2303" s="137"/>
      <c r="AB2303" s="137"/>
      <c r="AC2303" s="137"/>
      <c r="AD2303" s="137"/>
      <c r="AE2303" s="137"/>
      <c r="AF2303" s="137"/>
      <c r="AG2303" s="137"/>
      <c r="AH2303" s="137"/>
      <c r="AI2303" s="137"/>
      <c r="AJ2303" s="137"/>
      <c r="AK2303" s="137"/>
      <c r="AL2303" s="137"/>
      <c r="AM2303" s="137"/>
      <c r="AN2303" s="137"/>
      <c r="AO2303" s="137"/>
      <c r="AP2303" s="137"/>
      <c r="AQ2303" s="137"/>
      <c r="AR2303" s="137"/>
      <c r="AS2303" s="137"/>
      <c r="AT2303" s="137"/>
      <c r="AU2303" s="137"/>
      <c r="AV2303" s="137"/>
      <c r="AW2303" s="144"/>
    </row>
    <row r="2304" spans="7:49" x14ac:dyDescent="0.2">
      <c r="G2304" s="43"/>
      <c r="Z2304" s="143"/>
      <c r="AA2304" s="137"/>
      <c r="AB2304" s="137"/>
      <c r="AC2304" s="137"/>
      <c r="AD2304" s="137"/>
      <c r="AE2304" s="137"/>
      <c r="AF2304" s="137"/>
      <c r="AG2304" s="137"/>
      <c r="AH2304" s="137"/>
      <c r="AI2304" s="137"/>
      <c r="AJ2304" s="137"/>
      <c r="AK2304" s="137"/>
      <c r="AL2304" s="137"/>
      <c r="AM2304" s="137"/>
      <c r="AN2304" s="137"/>
      <c r="AO2304" s="137"/>
      <c r="AP2304" s="137"/>
      <c r="AQ2304" s="137"/>
      <c r="AR2304" s="137"/>
      <c r="AS2304" s="137"/>
      <c r="AT2304" s="137"/>
      <c r="AU2304" s="137"/>
      <c r="AV2304" s="137"/>
      <c r="AW2304" s="144"/>
    </row>
    <row r="2305" spans="7:49" x14ac:dyDescent="0.2">
      <c r="G2305" s="43"/>
      <c r="Z2305" s="143"/>
      <c r="AA2305" s="137"/>
      <c r="AB2305" s="137"/>
      <c r="AC2305" s="137"/>
      <c r="AD2305" s="137"/>
      <c r="AE2305" s="137"/>
      <c r="AF2305" s="137"/>
      <c r="AG2305" s="137"/>
      <c r="AH2305" s="137"/>
      <c r="AI2305" s="137"/>
      <c r="AJ2305" s="137"/>
      <c r="AK2305" s="137"/>
      <c r="AL2305" s="137"/>
      <c r="AM2305" s="137"/>
      <c r="AN2305" s="137"/>
      <c r="AO2305" s="137"/>
      <c r="AP2305" s="137"/>
      <c r="AQ2305" s="137"/>
      <c r="AR2305" s="137"/>
      <c r="AS2305" s="137"/>
      <c r="AT2305" s="137"/>
      <c r="AU2305" s="137"/>
      <c r="AV2305" s="137"/>
      <c r="AW2305" s="144"/>
    </row>
    <row r="2306" spans="7:49" x14ac:dyDescent="0.2">
      <c r="G2306" s="43"/>
      <c r="Z2306" s="143"/>
      <c r="AA2306" s="137"/>
      <c r="AB2306" s="137"/>
      <c r="AC2306" s="137"/>
      <c r="AD2306" s="137"/>
      <c r="AE2306" s="137"/>
      <c r="AF2306" s="137"/>
      <c r="AG2306" s="137"/>
      <c r="AH2306" s="137"/>
      <c r="AI2306" s="137"/>
      <c r="AJ2306" s="137"/>
      <c r="AK2306" s="137"/>
      <c r="AL2306" s="137"/>
      <c r="AM2306" s="137"/>
      <c r="AN2306" s="137"/>
      <c r="AO2306" s="137"/>
      <c r="AP2306" s="137"/>
      <c r="AQ2306" s="137"/>
      <c r="AR2306" s="137"/>
      <c r="AS2306" s="137"/>
      <c r="AT2306" s="137"/>
      <c r="AU2306" s="137"/>
      <c r="AV2306" s="137"/>
      <c r="AW2306" s="144"/>
    </row>
    <row r="2307" spans="7:49" x14ac:dyDescent="0.2">
      <c r="G2307" s="43"/>
      <c r="Z2307" s="143"/>
      <c r="AA2307" s="137"/>
      <c r="AB2307" s="137"/>
      <c r="AC2307" s="137"/>
      <c r="AD2307" s="137"/>
      <c r="AE2307" s="137"/>
      <c r="AF2307" s="137"/>
      <c r="AG2307" s="137"/>
      <c r="AH2307" s="137"/>
      <c r="AI2307" s="137"/>
      <c r="AJ2307" s="137"/>
      <c r="AK2307" s="137"/>
      <c r="AL2307" s="137"/>
      <c r="AM2307" s="137"/>
      <c r="AN2307" s="137"/>
      <c r="AO2307" s="137"/>
      <c r="AP2307" s="137"/>
      <c r="AQ2307" s="137"/>
      <c r="AR2307" s="137"/>
      <c r="AS2307" s="137"/>
      <c r="AT2307" s="137"/>
      <c r="AU2307" s="137"/>
      <c r="AV2307" s="137"/>
      <c r="AW2307" s="144"/>
    </row>
    <row r="2308" spans="7:49" x14ac:dyDescent="0.2">
      <c r="G2308" s="43"/>
      <c r="Z2308" s="143"/>
      <c r="AA2308" s="137"/>
      <c r="AB2308" s="137"/>
      <c r="AC2308" s="137"/>
      <c r="AD2308" s="137"/>
      <c r="AE2308" s="137"/>
      <c r="AF2308" s="137"/>
      <c r="AG2308" s="137"/>
      <c r="AH2308" s="137"/>
      <c r="AI2308" s="137"/>
      <c r="AJ2308" s="137"/>
      <c r="AK2308" s="137"/>
      <c r="AL2308" s="137"/>
      <c r="AM2308" s="137"/>
      <c r="AN2308" s="137"/>
      <c r="AO2308" s="137"/>
      <c r="AP2308" s="137"/>
      <c r="AQ2308" s="137"/>
      <c r="AR2308" s="137"/>
      <c r="AS2308" s="137"/>
      <c r="AT2308" s="137"/>
      <c r="AU2308" s="137"/>
      <c r="AV2308" s="137"/>
      <c r="AW2308" s="144"/>
    </row>
    <row r="2309" spans="7:49" x14ac:dyDescent="0.2">
      <c r="G2309" s="43"/>
      <c r="Z2309" s="143"/>
      <c r="AA2309" s="137"/>
      <c r="AB2309" s="137"/>
      <c r="AC2309" s="137"/>
      <c r="AD2309" s="137"/>
      <c r="AE2309" s="137"/>
      <c r="AF2309" s="137"/>
      <c r="AG2309" s="137"/>
      <c r="AH2309" s="137"/>
      <c r="AI2309" s="137"/>
      <c r="AJ2309" s="137"/>
      <c r="AK2309" s="137"/>
      <c r="AL2309" s="137"/>
      <c r="AM2309" s="137"/>
      <c r="AN2309" s="137"/>
      <c r="AO2309" s="137"/>
      <c r="AP2309" s="137"/>
      <c r="AQ2309" s="137"/>
      <c r="AR2309" s="137"/>
      <c r="AS2309" s="137"/>
      <c r="AT2309" s="137"/>
      <c r="AU2309" s="137"/>
      <c r="AV2309" s="137"/>
      <c r="AW2309" s="144"/>
    </row>
    <row r="2310" spans="7:49" x14ac:dyDescent="0.2">
      <c r="G2310" s="43"/>
      <c r="Z2310" s="143"/>
      <c r="AA2310" s="137"/>
      <c r="AB2310" s="137"/>
      <c r="AC2310" s="137"/>
      <c r="AD2310" s="137"/>
      <c r="AE2310" s="137"/>
      <c r="AF2310" s="137"/>
      <c r="AG2310" s="137"/>
      <c r="AH2310" s="137"/>
      <c r="AI2310" s="137"/>
      <c r="AJ2310" s="137"/>
      <c r="AK2310" s="137"/>
      <c r="AL2310" s="137"/>
      <c r="AM2310" s="137"/>
      <c r="AN2310" s="137"/>
      <c r="AO2310" s="137"/>
      <c r="AP2310" s="137"/>
      <c r="AQ2310" s="137"/>
      <c r="AR2310" s="137"/>
      <c r="AS2310" s="137"/>
      <c r="AT2310" s="137"/>
      <c r="AU2310" s="137"/>
      <c r="AV2310" s="137"/>
      <c r="AW2310" s="144"/>
    </row>
    <row r="2311" spans="7:49" x14ac:dyDescent="0.2">
      <c r="G2311" s="43"/>
      <c r="Z2311" s="143"/>
      <c r="AA2311" s="137"/>
      <c r="AB2311" s="137"/>
      <c r="AC2311" s="137"/>
      <c r="AD2311" s="137"/>
      <c r="AE2311" s="137"/>
      <c r="AF2311" s="137"/>
      <c r="AG2311" s="137"/>
      <c r="AH2311" s="137"/>
      <c r="AI2311" s="137"/>
      <c r="AJ2311" s="137"/>
      <c r="AK2311" s="137"/>
      <c r="AL2311" s="137"/>
      <c r="AM2311" s="137"/>
      <c r="AN2311" s="137"/>
      <c r="AO2311" s="137"/>
      <c r="AP2311" s="137"/>
      <c r="AQ2311" s="137"/>
      <c r="AR2311" s="137"/>
      <c r="AS2311" s="137"/>
      <c r="AT2311" s="137"/>
      <c r="AU2311" s="137"/>
      <c r="AV2311" s="137"/>
      <c r="AW2311" s="144"/>
    </row>
    <row r="2312" spans="7:49" x14ac:dyDescent="0.2">
      <c r="G2312" s="43"/>
      <c r="Z2312" s="143"/>
      <c r="AA2312" s="137"/>
      <c r="AB2312" s="137"/>
      <c r="AC2312" s="137"/>
      <c r="AD2312" s="137"/>
      <c r="AE2312" s="137"/>
      <c r="AF2312" s="137"/>
      <c r="AG2312" s="137"/>
      <c r="AH2312" s="137"/>
      <c r="AI2312" s="137"/>
      <c r="AJ2312" s="137"/>
      <c r="AK2312" s="137"/>
      <c r="AL2312" s="137"/>
      <c r="AM2312" s="137"/>
      <c r="AN2312" s="137"/>
      <c r="AO2312" s="137"/>
      <c r="AP2312" s="137"/>
      <c r="AQ2312" s="137"/>
      <c r="AR2312" s="137"/>
      <c r="AS2312" s="137"/>
      <c r="AT2312" s="137"/>
      <c r="AU2312" s="137"/>
      <c r="AV2312" s="137"/>
      <c r="AW2312" s="144"/>
    </row>
    <row r="2313" spans="7:49" x14ac:dyDescent="0.2">
      <c r="G2313" s="43"/>
      <c r="Z2313" s="143"/>
      <c r="AA2313" s="137"/>
      <c r="AB2313" s="137"/>
      <c r="AC2313" s="137"/>
      <c r="AD2313" s="137"/>
      <c r="AE2313" s="137"/>
      <c r="AF2313" s="137"/>
      <c r="AG2313" s="137"/>
      <c r="AH2313" s="137"/>
      <c r="AI2313" s="137"/>
      <c r="AJ2313" s="137"/>
      <c r="AK2313" s="137"/>
      <c r="AL2313" s="137"/>
      <c r="AM2313" s="137"/>
      <c r="AN2313" s="137"/>
      <c r="AO2313" s="137"/>
      <c r="AP2313" s="137"/>
      <c r="AQ2313" s="137"/>
      <c r="AR2313" s="137"/>
      <c r="AS2313" s="137"/>
      <c r="AT2313" s="137"/>
      <c r="AU2313" s="137"/>
      <c r="AV2313" s="137"/>
      <c r="AW2313" s="144"/>
    </row>
    <row r="2314" spans="7:49" x14ac:dyDescent="0.2">
      <c r="G2314" s="43"/>
      <c r="Z2314" s="143"/>
      <c r="AA2314" s="137"/>
      <c r="AB2314" s="137"/>
      <c r="AC2314" s="137"/>
      <c r="AD2314" s="137"/>
      <c r="AE2314" s="137"/>
      <c r="AF2314" s="137"/>
      <c r="AG2314" s="137"/>
      <c r="AH2314" s="137"/>
      <c r="AI2314" s="137"/>
      <c r="AJ2314" s="137"/>
      <c r="AK2314" s="137"/>
      <c r="AL2314" s="137"/>
      <c r="AM2314" s="137"/>
      <c r="AN2314" s="137"/>
      <c r="AO2314" s="137"/>
      <c r="AP2314" s="137"/>
      <c r="AQ2314" s="137"/>
      <c r="AR2314" s="137"/>
      <c r="AS2314" s="137"/>
      <c r="AT2314" s="137"/>
      <c r="AU2314" s="137"/>
      <c r="AV2314" s="137"/>
      <c r="AW2314" s="144"/>
    </row>
    <row r="2315" spans="7:49" x14ac:dyDescent="0.2">
      <c r="G2315" s="43"/>
      <c r="Z2315" s="143"/>
      <c r="AA2315" s="137"/>
      <c r="AB2315" s="137"/>
      <c r="AC2315" s="137"/>
      <c r="AD2315" s="137"/>
      <c r="AE2315" s="137"/>
      <c r="AF2315" s="137"/>
      <c r="AG2315" s="137"/>
      <c r="AH2315" s="137"/>
      <c r="AI2315" s="137"/>
      <c r="AJ2315" s="137"/>
      <c r="AK2315" s="137"/>
      <c r="AL2315" s="137"/>
      <c r="AM2315" s="137"/>
      <c r="AN2315" s="137"/>
      <c r="AO2315" s="137"/>
      <c r="AP2315" s="137"/>
      <c r="AQ2315" s="137"/>
      <c r="AR2315" s="137"/>
      <c r="AS2315" s="137"/>
      <c r="AT2315" s="137"/>
      <c r="AU2315" s="137"/>
      <c r="AV2315" s="137"/>
      <c r="AW2315" s="144"/>
    </row>
    <row r="2316" spans="7:49" x14ac:dyDescent="0.2">
      <c r="G2316" s="43"/>
      <c r="Z2316" s="143"/>
      <c r="AA2316" s="137"/>
      <c r="AB2316" s="137"/>
      <c r="AC2316" s="137"/>
      <c r="AD2316" s="137"/>
      <c r="AE2316" s="137"/>
      <c r="AF2316" s="137"/>
      <c r="AG2316" s="137"/>
      <c r="AH2316" s="137"/>
      <c r="AI2316" s="137"/>
      <c r="AJ2316" s="137"/>
      <c r="AK2316" s="137"/>
      <c r="AL2316" s="137"/>
      <c r="AM2316" s="137"/>
      <c r="AN2316" s="137"/>
      <c r="AO2316" s="137"/>
      <c r="AP2316" s="137"/>
      <c r="AQ2316" s="137"/>
      <c r="AR2316" s="137"/>
      <c r="AS2316" s="137"/>
      <c r="AT2316" s="137"/>
      <c r="AU2316" s="137"/>
      <c r="AV2316" s="137"/>
      <c r="AW2316" s="144"/>
    </row>
    <row r="2317" spans="7:49" x14ac:dyDescent="0.2">
      <c r="G2317" s="43"/>
      <c r="Z2317" s="143"/>
      <c r="AA2317" s="137"/>
      <c r="AB2317" s="137"/>
      <c r="AC2317" s="137"/>
      <c r="AD2317" s="137"/>
      <c r="AE2317" s="137"/>
      <c r="AF2317" s="137"/>
      <c r="AG2317" s="137"/>
      <c r="AH2317" s="137"/>
      <c r="AI2317" s="137"/>
      <c r="AJ2317" s="137"/>
      <c r="AK2317" s="137"/>
      <c r="AL2317" s="137"/>
      <c r="AM2317" s="137"/>
      <c r="AN2317" s="137"/>
      <c r="AO2317" s="137"/>
      <c r="AP2317" s="137"/>
      <c r="AQ2317" s="137"/>
      <c r="AR2317" s="137"/>
      <c r="AS2317" s="137"/>
      <c r="AT2317" s="137"/>
      <c r="AU2317" s="137"/>
      <c r="AV2317" s="137"/>
      <c r="AW2317" s="144"/>
    </row>
    <row r="2318" spans="7:49" x14ac:dyDescent="0.2">
      <c r="G2318" s="43"/>
      <c r="Z2318" s="143"/>
      <c r="AA2318" s="137"/>
      <c r="AB2318" s="137"/>
      <c r="AC2318" s="137"/>
      <c r="AD2318" s="137"/>
      <c r="AE2318" s="137"/>
      <c r="AF2318" s="137"/>
      <c r="AG2318" s="137"/>
      <c r="AH2318" s="137"/>
      <c r="AI2318" s="137"/>
      <c r="AJ2318" s="137"/>
      <c r="AK2318" s="137"/>
      <c r="AL2318" s="137"/>
      <c r="AM2318" s="137"/>
      <c r="AN2318" s="137"/>
      <c r="AO2318" s="137"/>
      <c r="AP2318" s="137"/>
      <c r="AQ2318" s="137"/>
      <c r="AR2318" s="137"/>
      <c r="AS2318" s="137"/>
      <c r="AT2318" s="137"/>
      <c r="AU2318" s="137"/>
      <c r="AV2318" s="137"/>
      <c r="AW2318" s="144"/>
    </row>
    <row r="2319" spans="7:49" x14ac:dyDescent="0.2">
      <c r="G2319" s="43"/>
      <c r="Z2319" s="143"/>
      <c r="AA2319" s="137"/>
      <c r="AB2319" s="137"/>
      <c r="AC2319" s="137"/>
      <c r="AD2319" s="137"/>
      <c r="AE2319" s="137"/>
      <c r="AF2319" s="137"/>
      <c r="AG2319" s="137"/>
      <c r="AH2319" s="137"/>
      <c r="AI2319" s="137"/>
      <c r="AJ2319" s="137"/>
      <c r="AK2319" s="137"/>
      <c r="AL2319" s="137"/>
      <c r="AM2319" s="137"/>
      <c r="AN2319" s="137"/>
      <c r="AO2319" s="137"/>
      <c r="AP2319" s="137"/>
      <c r="AQ2319" s="137"/>
      <c r="AR2319" s="137"/>
      <c r="AS2319" s="137"/>
      <c r="AT2319" s="137"/>
      <c r="AU2319" s="137"/>
      <c r="AV2319" s="137"/>
      <c r="AW2319" s="144"/>
    </row>
    <row r="2320" spans="7:49" x14ac:dyDescent="0.2">
      <c r="G2320" s="43"/>
      <c r="Z2320" s="143"/>
      <c r="AA2320" s="137"/>
      <c r="AB2320" s="137"/>
      <c r="AC2320" s="137"/>
      <c r="AD2320" s="137"/>
      <c r="AE2320" s="137"/>
      <c r="AF2320" s="137"/>
      <c r="AG2320" s="137"/>
      <c r="AH2320" s="137"/>
      <c r="AI2320" s="137"/>
      <c r="AJ2320" s="137"/>
      <c r="AK2320" s="137"/>
      <c r="AL2320" s="137"/>
      <c r="AM2320" s="137"/>
      <c r="AN2320" s="137"/>
      <c r="AO2320" s="137"/>
      <c r="AP2320" s="137"/>
      <c r="AQ2320" s="137"/>
      <c r="AR2320" s="137"/>
      <c r="AS2320" s="137"/>
      <c r="AT2320" s="137"/>
      <c r="AU2320" s="137"/>
      <c r="AV2320" s="137"/>
      <c r="AW2320" s="144"/>
    </row>
    <row r="2321" spans="7:49" x14ac:dyDescent="0.2">
      <c r="G2321" s="43"/>
      <c r="Z2321" s="143"/>
      <c r="AA2321" s="137"/>
      <c r="AB2321" s="137"/>
      <c r="AC2321" s="137"/>
      <c r="AD2321" s="137"/>
      <c r="AE2321" s="137"/>
      <c r="AF2321" s="137"/>
      <c r="AG2321" s="137"/>
      <c r="AH2321" s="137"/>
      <c r="AI2321" s="137"/>
      <c r="AJ2321" s="137"/>
      <c r="AK2321" s="137"/>
      <c r="AL2321" s="137"/>
      <c r="AM2321" s="137"/>
      <c r="AN2321" s="137"/>
      <c r="AO2321" s="137"/>
      <c r="AP2321" s="137"/>
      <c r="AQ2321" s="137"/>
      <c r="AR2321" s="137"/>
      <c r="AS2321" s="137"/>
      <c r="AT2321" s="137"/>
      <c r="AU2321" s="137"/>
      <c r="AV2321" s="137"/>
      <c r="AW2321" s="144"/>
    </row>
    <row r="2322" spans="7:49" x14ac:dyDescent="0.2">
      <c r="G2322" s="43"/>
      <c r="Z2322" s="143"/>
      <c r="AA2322" s="137"/>
      <c r="AB2322" s="137"/>
      <c r="AC2322" s="137"/>
      <c r="AD2322" s="137"/>
      <c r="AE2322" s="137"/>
      <c r="AF2322" s="137"/>
      <c r="AG2322" s="137"/>
      <c r="AH2322" s="137"/>
      <c r="AI2322" s="137"/>
      <c r="AJ2322" s="137"/>
      <c r="AK2322" s="137"/>
      <c r="AL2322" s="137"/>
      <c r="AM2322" s="137"/>
      <c r="AN2322" s="137"/>
      <c r="AO2322" s="137"/>
      <c r="AP2322" s="137"/>
      <c r="AQ2322" s="137"/>
      <c r="AR2322" s="137"/>
      <c r="AS2322" s="137"/>
      <c r="AT2322" s="137"/>
      <c r="AU2322" s="137"/>
      <c r="AV2322" s="137"/>
      <c r="AW2322" s="144"/>
    </row>
    <row r="2323" spans="7:49" x14ac:dyDescent="0.2">
      <c r="G2323" s="43"/>
      <c r="Z2323" s="143"/>
      <c r="AA2323" s="137"/>
      <c r="AB2323" s="137"/>
      <c r="AC2323" s="137"/>
      <c r="AD2323" s="137"/>
      <c r="AE2323" s="137"/>
      <c r="AF2323" s="137"/>
      <c r="AG2323" s="137"/>
      <c r="AH2323" s="137"/>
      <c r="AI2323" s="137"/>
      <c r="AJ2323" s="137"/>
      <c r="AK2323" s="137"/>
      <c r="AL2323" s="137"/>
      <c r="AM2323" s="137"/>
      <c r="AN2323" s="137"/>
      <c r="AO2323" s="137"/>
      <c r="AP2323" s="137"/>
      <c r="AQ2323" s="137"/>
      <c r="AR2323" s="137"/>
      <c r="AS2323" s="137"/>
      <c r="AT2323" s="137"/>
      <c r="AU2323" s="137"/>
      <c r="AV2323" s="137"/>
      <c r="AW2323" s="144"/>
    </row>
    <row r="2324" spans="7:49" x14ac:dyDescent="0.2">
      <c r="G2324" s="43"/>
      <c r="Z2324" s="143"/>
      <c r="AA2324" s="137"/>
      <c r="AB2324" s="137"/>
      <c r="AC2324" s="137"/>
      <c r="AD2324" s="137"/>
      <c r="AE2324" s="137"/>
      <c r="AF2324" s="137"/>
      <c r="AG2324" s="137"/>
      <c r="AH2324" s="137"/>
      <c r="AI2324" s="137"/>
      <c r="AJ2324" s="137"/>
      <c r="AK2324" s="137"/>
      <c r="AL2324" s="137"/>
      <c r="AM2324" s="137"/>
      <c r="AN2324" s="137"/>
      <c r="AO2324" s="137"/>
      <c r="AP2324" s="137"/>
      <c r="AQ2324" s="137"/>
      <c r="AR2324" s="137"/>
      <c r="AS2324" s="137"/>
      <c r="AT2324" s="137"/>
      <c r="AU2324" s="137"/>
      <c r="AV2324" s="137"/>
      <c r="AW2324" s="144"/>
    </row>
    <row r="2325" spans="7:49" x14ac:dyDescent="0.2">
      <c r="G2325" s="43"/>
      <c r="Z2325" s="143"/>
      <c r="AA2325" s="137"/>
      <c r="AB2325" s="137"/>
      <c r="AC2325" s="137"/>
      <c r="AD2325" s="137"/>
      <c r="AE2325" s="137"/>
      <c r="AF2325" s="137"/>
      <c r="AG2325" s="137"/>
      <c r="AH2325" s="137"/>
      <c r="AI2325" s="137"/>
      <c r="AJ2325" s="137"/>
      <c r="AK2325" s="137"/>
      <c r="AL2325" s="137"/>
      <c r="AM2325" s="137"/>
      <c r="AN2325" s="137"/>
      <c r="AO2325" s="137"/>
      <c r="AP2325" s="137"/>
      <c r="AQ2325" s="137"/>
      <c r="AR2325" s="137"/>
      <c r="AS2325" s="137"/>
      <c r="AT2325" s="137"/>
      <c r="AU2325" s="137"/>
      <c r="AV2325" s="137"/>
      <c r="AW2325" s="144"/>
    </row>
    <row r="2326" spans="7:49" x14ac:dyDescent="0.2">
      <c r="G2326" s="43"/>
      <c r="Z2326" s="143"/>
      <c r="AA2326" s="137"/>
      <c r="AB2326" s="137"/>
      <c r="AC2326" s="137"/>
      <c r="AD2326" s="137"/>
      <c r="AE2326" s="137"/>
      <c r="AF2326" s="137"/>
      <c r="AG2326" s="137"/>
      <c r="AH2326" s="137"/>
      <c r="AI2326" s="137"/>
      <c r="AJ2326" s="137"/>
      <c r="AK2326" s="137"/>
      <c r="AL2326" s="137"/>
      <c r="AM2326" s="137"/>
      <c r="AN2326" s="137"/>
      <c r="AO2326" s="137"/>
      <c r="AP2326" s="137"/>
      <c r="AQ2326" s="137"/>
      <c r="AR2326" s="137"/>
      <c r="AS2326" s="137"/>
      <c r="AT2326" s="137"/>
      <c r="AU2326" s="137"/>
      <c r="AV2326" s="137"/>
      <c r="AW2326" s="144"/>
    </row>
    <row r="2327" spans="7:49" x14ac:dyDescent="0.2">
      <c r="G2327" s="43"/>
      <c r="Z2327" s="143"/>
      <c r="AA2327" s="137"/>
      <c r="AB2327" s="137"/>
      <c r="AC2327" s="137"/>
      <c r="AD2327" s="137"/>
      <c r="AE2327" s="137"/>
      <c r="AF2327" s="137"/>
      <c r="AG2327" s="137"/>
      <c r="AH2327" s="137"/>
      <c r="AI2327" s="137"/>
      <c r="AJ2327" s="137"/>
      <c r="AK2327" s="137"/>
      <c r="AL2327" s="137"/>
      <c r="AM2327" s="137"/>
      <c r="AN2327" s="137"/>
      <c r="AO2327" s="137"/>
      <c r="AP2327" s="137"/>
      <c r="AQ2327" s="137"/>
      <c r="AR2327" s="137"/>
      <c r="AS2327" s="137"/>
      <c r="AT2327" s="137"/>
      <c r="AU2327" s="137"/>
      <c r="AV2327" s="137"/>
      <c r="AW2327" s="144"/>
    </row>
    <row r="2328" spans="7:49" x14ac:dyDescent="0.2">
      <c r="G2328" s="43"/>
      <c r="Z2328" s="143"/>
      <c r="AA2328" s="137"/>
      <c r="AB2328" s="137"/>
      <c r="AC2328" s="137"/>
      <c r="AD2328" s="137"/>
      <c r="AE2328" s="137"/>
      <c r="AF2328" s="137"/>
      <c r="AG2328" s="137"/>
      <c r="AH2328" s="137"/>
      <c r="AI2328" s="137"/>
      <c r="AJ2328" s="137"/>
      <c r="AK2328" s="137"/>
      <c r="AL2328" s="137"/>
      <c r="AM2328" s="137"/>
      <c r="AN2328" s="137"/>
      <c r="AO2328" s="137"/>
      <c r="AP2328" s="137"/>
      <c r="AQ2328" s="137"/>
      <c r="AR2328" s="137"/>
      <c r="AS2328" s="137"/>
      <c r="AT2328" s="137"/>
      <c r="AU2328" s="137"/>
      <c r="AV2328" s="137"/>
      <c r="AW2328" s="144"/>
    </row>
    <row r="2329" spans="7:49" x14ac:dyDescent="0.2">
      <c r="G2329" s="43"/>
      <c r="Z2329" s="143"/>
      <c r="AA2329" s="137"/>
      <c r="AB2329" s="137"/>
      <c r="AC2329" s="137"/>
      <c r="AD2329" s="137"/>
      <c r="AE2329" s="137"/>
      <c r="AF2329" s="137"/>
      <c r="AG2329" s="137"/>
      <c r="AH2329" s="137"/>
      <c r="AI2329" s="137"/>
      <c r="AJ2329" s="137"/>
      <c r="AK2329" s="137"/>
      <c r="AL2329" s="137"/>
      <c r="AM2329" s="137"/>
      <c r="AN2329" s="137"/>
      <c r="AO2329" s="137"/>
      <c r="AP2329" s="137"/>
      <c r="AQ2329" s="137"/>
      <c r="AR2329" s="137"/>
      <c r="AS2329" s="137"/>
      <c r="AT2329" s="137"/>
      <c r="AU2329" s="137"/>
      <c r="AV2329" s="137"/>
      <c r="AW2329" s="144"/>
    </row>
    <row r="2330" spans="7:49" x14ac:dyDescent="0.2">
      <c r="G2330" s="43"/>
      <c r="Z2330" s="143"/>
      <c r="AA2330" s="137"/>
      <c r="AB2330" s="137"/>
      <c r="AC2330" s="137"/>
      <c r="AD2330" s="137"/>
      <c r="AE2330" s="137"/>
      <c r="AF2330" s="137"/>
      <c r="AG2330" s="137"/>
      <c r="AH2330" s="137"/>
      <c r="AI2330" s="137"/>
      <c r="AJ2330" s="137"/>
      <c r="AK2330" s="137"/>
      <c r="AL2330" s="137"/>
      <c r="AM2330" s="137"/>
      <c r="AN2330" s="137"/>
      <c r="AO2330" s="137"/>
      <c r="AP2330" s="137"/>
      <c r="AQ2330" s="137"/>
      <c r="AR2330" s="137"/>
      <c r="AS2330" s="137"/>
      <c r="AT2330" s="137"/>
      <c r="AU2330" s="137"/>
      <c r="AV2330" s="137"/>
      <c r="AW2330" s="144"/>
    </row>
    <row r="2331" spans="7:49" x14ac:dyDescent="0.2">
      <c r="G2331" s="43"/>
      <c r="Z2331" s="143"/>
      <c r="AA2331" s="137"/>
      <c r="AB2331" s="137"/>
      <c r="AC2331" s="137"/>
      <c r="AD2331" s="137"/>
      <c r="AE2331" s="137"/>
      <c r="AF2331" s="137"/>
      <c r="AG2331" s="137"/>
      <c r="AH2331" s="137"/>
      <c r="AI2331" s="137"/>
      <c r="AJ2331" s="137"/>
      <c r="AK2331" s="137"/>
      <c r="AL2331" s="137"/>
      <c r="AM2331" s="137"/>
      <c r="AN2331" s="137"/>
      <c r="AO2331" s="137"/>
      <c r="AP2331" s="137"/>
      <c r="AQ2331" s="137"/>
      <c r="AR2331" s="137"/>
      <c r="AS2331" s="137"/>
      <c r="AT2331" s="137"/>
      <c r="AU2331" s="137"/>
      <c r="AV2331" s="137"/>
      <c r="AW2331" s="144"/>
    </row>
    <row r="2332" spans="7:49" x14ac:dyDescent="0.2">
      <c r="G2332" s="43"/>
      <c r="Z2332" s="143"/>
      <c r="AA2332" s="137"/>
      <c r="AB2332" s="137"/>
      <c r="AC2332" s="137"/>
      <c r="AD2332" s="137"/>
      <c r="AE2332" s="137"/>
      <c r="AF2332" s="137"/>
      <c r="AG2332" s="137"/>
      <c r="AH2332" s="137"/>
      <c r="AI2332" s="137"/>
      <c r="AJ2332" s="137"/>
      <c r="AK2332" s="137"/>
      <c r="AL2332" s="137"/>
      <c r="AM2332" s="137"/>
      <c r="AN2332" s="137"/>
      <c r="AO2332" s="137"/>
      <c r="AP2332" s="137"/>
      <c r="AQ2332" s="137"/>
      <c r="AR2332" s="137"/>
      <c r="AS2332" s="137"/>
      <c r="AT2332" s="137"/>
      <c r="AU2332" s="137"/>
      <c r="AV2332" s="137"/>
      <c r="AW2332" s="144"/>
    </row>
    <row r="2333" spans="7:49" x14ac:dyDescent="0.2">
      <c r="G2333" s="43"/>
      <c r="Z2333" s="143"/>
      <c r="AA2333" s="137"/>
      <c r="AB2333" s="137"/>
      <c r="AC2333" s="137"/>
      <c r="AD2333" s="137"/>
      <c r="AE2333" s="137"/>
      <c r="AF2333" s="137"/>
      <c r="AG2333" s="137"/>
      <c r="AH2333" s="137"/>
      <c r="AI2333" s="137"/>
      <c r="AJ2333" s="137"/>
      <c r="AK2333" s="137"/>
      <c r="AL2333" s="137"/>
      <c r="AM2333" s="137"/>
      <c r="AN2333" s="137"/>
      <c r="AO2333" s="137"/>
      <c r="AP2333" s="137"/>
      <c r="AQ2333" s="137"/>
      <c r="AR2333" s="137"/>
      <c r="AS2333" s="137"/>
      <c r="AT2333" s="137"/>
      <c r="AU2333" s="137"/>
      <c r="AV2333" s="137"/>
      <c r="AW2333" s="144"/>
    </row>
    <row r="2334" spans="7:49" x14ac:dyDescent="0.2">
      <c r="G2334" s="43"/>
      <c r="Z2334" s="143"/>
      <c r="AA2334" s="137"/>
      <c r="AB2334" s="137"/>
      <c r="AC2334" s="137"/>
      <c r="AD2334" s="137"/>
      <c r="AE2334" s="137"/>
      <c r="AF2334" s="137"/>
      <c r="AG2334" s="137"/>
      <c r="AH2334" s="137"/>
      <c r="AI2334" s="137"/>
      <c r="AJ2334" s="137"/>
      <c r="AK2334" s="137"/>
      <c r="AL2334" s="137"/>
      <c r="AM2334" s="137"/>
      <c r="AN2334" s="137"/>
      <c r="AO2334" s="137"/>
      <c r="AP2334" s="137"/>
      <c r="AQ2334" s="137"/>
      <c r="AR2334" s="137"/>
      <c r="AS2334" s="137"/>
      <c r="AT2334" s="137"/>
      <c r="AU2334" s="137"/>
      <c r="AV2334" s="137"/>
      <c r="AW2334" s="144"/>
    </row>
    <row r="2335" spans="7:49" x14ac:dyDescent="0.2">
      <c r="G2335" s="43"/>
      <c r="Z2335" s="143"/>
      <c r="AA2335" s="137"/>
      <c r="AB2335" s="137"/>
      <c r="AC2335" s="137"/>
      <c r="AD2335" s="137"/>
      <c r="AE2335" s="137"/>
      <c r="AF2335" s="137"/>
      <c r="AG2335" s="137"/>
      <c r="AH2335" s="137"/>
      <c r="AI2335" s="137"/>
      <c r="AJ2335" s="137"/>
      <c r="AK2335" s="137"/>
      <c r="AL2335" s="137"/>
      <c r="AM2335" s="137"/>
      <c r="AN2335" s="137"/>
      <c r="AO2335" s="137"/>
      <c r="AP2335" s="137"/>
      <c r="AQ2335" s="137"/>
      <c r="AR2335" s="137"/>
      <c r="AS2335" s="137"/>
      <c r="AT2335" s="137"/>
      <c r="AU2335" s="137"/>
      <c r="AV2335" s="137"/>
      <c r="AW2335" s="144"/>
    </row>
    <row r="2336" spans="7:49" x14ac:dyDescent="0.2">
      <c r="G2336" s="43"/>
      <c r="Z2336" s="143"/>
      <c r="AA2336" s="137"/>
      <c r="AB2336" s="137"/>
      <c r="AC2336" s="137"/>
      <c r="AD2336" s="137"/>
      <c r="AE2336" s="137"/>
      <c r="AF2336" s="137"/>
      <c r="AG2336" s="137"/>
      <c r="AH2336" s="137"/>
      <c r="AI2336" s="137"/>
      <c r="AJ2336" s="137"/>
      <c r="AK2336" s="137"/>
      <c r="AL2336" s="137"/>
      <c r="AM2336" s="137"/>
      <c r="AN2336" s="137"/>
      <c r="AO2336" s="137"/>
      <c r="AP2336" s="137"/>
      <c r="AQ2336" s="137"/>
      <c r="AR2336" s="137"/>
      <c r="AS2336" s="137"/>
      <c r="AT2336" s="137"/>
      <c r="AU2336" s="137"/>
      <c r="AV2336" s="137"/>
      <c r="AW2336" s="144"/>
    </row>
    <row r="2337" spans="7:49" x14ac:dyDescent="0.2">
      <c r="G2337" s="43"/>
      <c r="Z2337" s="143"/>
      <c r="AA2337" s="137"/>
      <c r="AB2337" s="137"/>
      <c r="AC2337" s="137"/>
      <c r="AD2337" s="137"/>
      <c r="AE2337" s="137"/>
      <c r="AF2337" s="137"/>
      <c r="AG2337" s="137"/>
      <c r="AH2337" s="137"/>
      <c r="AI2337" s="137"/>
      <c r="AJ2337" s="137"/>
      <c r="AK2337" s="137"/>
      <c r="AL2337" s="137"/>
      <c r="AM2337" s="137"/>
      <c r="AN2337" s="137"/>
      <c r="AO2337" s="137"/>
      <c r="AP2337" s="137"/>
      <c r="AQ2337" s="137"/>
      <c r="AR2337" s="137"/>
      <c r="AS2337" s="137"/>
      <c r="AT2337" s="137"/>
      <c r="AU2337" s="137"/>
      <c r="AV2337" s="137"/>
      <c r="AW2337" s="144"/>
    </row>
    <row r="2338" spans="7:49" x14ac:dyDescent="0.2">
      <c r="G2338" s="43"/>
      <c r="Z2338" s="143"/>
      <c r="AA2338" s="137"/>
      <c r="AB2338" s="137"/>
      <c r="AC2338" s="137"/>
      <c r="AD2338" s="137"/>
      <c r="AE2338" s="137"/>
      <c r="AF2338" s="137"/>
      <c r="AG2338" s="137"/>
      <c r="AH2338" s="137"/>
      <c r="AI2338" s="137"/>
      <c r="AJ2338" s="137"/>
      <c r="AK2338" s="137"/>
      <c r="AL2338" s="137"/>
      <c r="AM2338" s="137"/>
      <c r="AN2338" s="137"/>
      <c r="AO2338" s="137"/>
      <c r="AP2338" s="137"/>
      <c r="AQ2338" s="137"/>
      <c r="AR2338" s="137"/>
      <c r="AS2338" s="137"/>
      <c r="AT2338" s="137"/>
      <c r="AU2338" s="137"/>
      <c r="AV2338" s="137"/>
      <c r="AW2338" s="144"/>
    </row>
    <row r="2339" spans="7:49" x14ac:dyDescent="0.2">
      <c r="G2339" s="43"/>
      <c r="Z2339" s="143"/>
      <c r="AA2339" s="137"/>
      <c r="AB2339" s="137"/>
      <c r="AC2339" s="137"/>
      <c r="AD2339" s="137"/>
      <c r="AE2339" s="137"/>
      <c r="AF2339" s="137"/>
      <c r="AG2339" s="137"/>
      <c r="AH2339" s="137"/>
      <c r="AI2339" s="137"/>
      <c r="AJ2339" s="137"/>
      <c r="AK2339" s="137"/>
      <c r="AL2339" s="137"/>
      <c r="AM2339" s="137"/>
      <c r="AN2339" s="137"/>
      <c r="AO2339" s="137"/>
      <c r="AP2339" s="137"/>
      <c r="AQ2339" s="137"/>
      <c r="AR2339" s="137"/>
      <c r="AS2339" s="137"/>
      <c r="AT2339" s="137"/>
      <c r="AU2339" s="137"/>
      <c r="AV2339" s="137"/>
      <c r="AW2339" s="144"/>
    </row>
    <row r="2340" spans="7:49" x14ac:dyDescent="0.2">
      <c r="G2340" s="43"/>
      <c r="Z2340" s="143"/>
      <c r="AA2340" s="137"/>
      <c r="AB2340" s="137"/>
      <c r="AC2340" s="137"/>
      <c r="AD2340" s="137"/>
      <c r="AE2340" s="137"/>
      <c r="AF2340" s="137"/>
      <c r="AG2340" s="137"/>
      <c r="AH2340" s="137"/>
      <c r="AI2340" s="137"/>
      <c r="AJ2340" s="137"/>
      <c r="AK2340" s="137"/>
      <c r="AL2340" s="137"/>
      <c r="AM2340" s="137"/>
      <c r="AN2340" s="137"/>
      <c r="AO2340" s="137"/>
      <c r="AP2340" s="137"/>
      <c r="AQ2340" s="137"/>
      <c r="AR2340" s="137"/>
      <c r="AS2340" s="137"/>
      <c r="AT2340" s="137"/>
      <c r="AU2340" s="137"/>
      <c r="AV2340" s="137"/>
      <c r="AW2340" s="144"/>
    </row>
    <row r="2341" spans="7:49" x14ac:dyDescent="0.2">
      <c r="G2341" s="43"/>
      <c r="Z2341" s="143"/>
      <c r="AA2341" s="137"/>
      <c r="AB2341" s="137"/>
      <c r="AC2341" s="137"/>
      <c r="AD2341" s="137"/>
      <c r="AE2341" s="137"/>
      <c r="AF2341" s="137"/>
      <c r="AG2341" s="137"/>
      <c r="AH2341" s="137"/>
      <c r="AI2341" s="137"/>
      <c r="AJ2341" s="137"/>
      <c r="AK2341" s="137"/>
      <c r="AL2341" s="137"/>
      <c r="AM2341" s="137"/>
      <c r="AN2341" s="137"/>
      <c r="AO2341" s="137"/>
      <c r="AP2341" s="137"/>
      <c r="AQ2341" s="137"/>
      <c r="AR2341" s="137"/>
      <c r="AS2341" s="137"/>
      <c r="AT2341" s="137"/>
      <c r="AU2341" s="137"/>
      <c r="AV2341" s="137"/>
      <c r="AW2341" s="144"/>
    </row>
    <row r="2342" spans="7:49" x14ac:dyDescent="0.2">
      <c r="G2342" s="43"/>
      <c r="Z2342" s="143"/>
      <c r="AA2342" s="137"/>
      <c r="AB2342" s="137"/>
      <c r="AC2342" s="137"/>
      <c r="AD2342" s="137"/>
      <c r="AE2342" s="137"/>
      <c r="AF2342" s="137"/>
      <c r="AG2342" s="137"/>
      <c r="AH2342" s="137"/>
      <c r="AI2342" s="137"/>
      <c r="AJ2342" s="137"/>
      <c r="AK2342" s="137"/>
      <c r="AL2342" s="137"/>
      <c r="AM2342" s="137"/>
      <c r="AN2342" s="137"/>
      <c r="AO2342" s="137"/>
      <c r="AP2342" s="137"/>
      <c r="AQ2342" s="137"/>
      <c r="AR2342" s="137"/>
      <c r="AS2342" s="137"/>
      <c r="AT2342" s="137"/>
      <c r="AU2342" s="137"/>
      <c r="AV2342" s="137"/>
      <c r="AW2342" s="144"/>
    </row>
    <row r="2343" spans="7:49" x14ac:dyDescent="0.2">
      <c r="G2343" s="43"/>
      <c r="Z2343" s="143"/>
      <c r="AA2343" s="137"/>
      <c r="AB2343" s="137"/>
      <c r="AC2343" s="137"/>
      <c r="AD2343" s="137"/>
      <c r="AE2343" s="137"/>
      <c r="AF2343" s="137"/>
      <c r="AG2343" s="137"/>
      <c r="AH2343" s="137"/>
      <c r="AI2343" s="137"/>
      <c r="AJ2343" s="137"/>
      <c r="AK2343" s="137"/>
      <c r="AL2343" s="137"/>
      <c r="AM2343" s="137"/>
      <c r="AN2343" s="137"/>
      <c r="AO2343" s="137"/>
      <c r="AP2343" s="137"/>
      <c r="AQ2343" s="137"/>
      <c r="AR2343" s="137"/>
      <c r="AS2343" s="137"/>
      <c r="AT2343" s="137"/>
      <c r="AU2343" s="137"/>
      <c r="AV2343" s="137"/>
      <c r="AW2343" s="144"/>
    </row>
    <row r="2344" spans="7:49" x14ac:dyDescent="0.2">
      <c r="G2344" s="43"/>
      <c r="Z2344" s="143"/>
      <c r="AA2344" s="137"/>
      <c r="AB2344" s="137"/>
      <c r="AC2344" s="137"/>
      <c r="AD2344" s="137"/>
      <c r="AE2344" s="137"/>
      <c r="AF2344" s="137"/>
      <c r="AG2344" s="137"/>
      <c r="AH2344" s="137"/>
      <c r="AI2344" s="137"/>
      <c r="AJ2344" s="137"/>
      <c r="AK2344" s="137"/>
      <c r="AL2344" s="137"/>
      <c r="AM2344" s="137"/>
      <c r="AN2344" s="137"/>
      <c r="AO2344" s="137"/>
      <c r="AP2344" s="137"/>
      <c r="AQ2344" s="137"/>
      <c r="AR2344" s="137"/>
      <c r="AS2344" s="137"/>
      <c r="AT2344" s="137"/>
      <c r="AU2344" s="137"/>
      <c r="AV2344" s="137"/>
      <c r="AW2344" s="144"/>
    </row>
    <row r="2345" spans="7:49" x14ac:dyDescent="0.2">
      <c r="G2345" s="43"/>
      <c r="Z2345" s="143"/>
      <c r="AA2345" s="137"/>
      <c r="AB2345" s="137"/>
      <c r="AC2345" s="137"/>
      <c r="AD2345" s="137"/>
      <c r="AE2345" s="137"/>
      <c r="AF2345" s="137"/>
      <c r="AG2345" s="137"/>
      <c r="AH2345" s="137"/>
      <c r="AI2345" s="137"/>
      <c r="AJ2345" s="137"/>
      <c r="AK2345" s="137"/>
      <c r="AL2345" s="137"/>
      <c r="AM2345" s="137"/>
      <c r="AN2345" s="137"/>
      <c r="AO2345" s="137"/>
      <c r="AP2345" s="137"/>
      <c r="AQ2345" s="137"/>
      <c r="AR2345" s="137"/>
      <c r="AS2345" s="137"/>
      <c r="AT2345" s="137"/>
      <c r="AU2345" s="137"/>
      <c r="AV2345" s="137"/>
      <c r="AW2345" s="144"/>
    </row>
    <row r="2346" spans="7:49" x14ac:dyDescent="0.2">
      <c r="G2346" s="43"/>
      <c r="Z2346" s="143"/>
      <c r="AA2346" s="137"/>
      <c r="AB2346" s="137"/>
      <c r="AC2346" s="137"/>
      <c r="AD2346" s="137"/>
      <c r="AE2346" s="137"/>
      <c r="AF2346" s="137"/>
      <c r="AG2346" s="137"/>
      <c r="AH2346" s="137"/>
      <c r="AI2346" s="137"/>
      <c r="AJ2346" s="137"/>
      <c r="AK2346" s="137"/>
      <c r="AL2346" s="137"/>
      <c r="AM2346" s="137"/>
      <c r="AN2346" s="137"/>
      <c r="AO2346" s="137"/>
      <c r="AP2346" s="137"/>
      <c r="AQ2346" s="137"/>
      <c r="AR2346" s="137"/>
      <c r="AS2346" s="137"/>
      <c r="AT2346" s="137"/>
      <c r="AU2346" s="137"/>
      <c r="AV2346" s="137"/>
      <c r="AW2346" s="144"/>
    </row>
    <row r="2347" spans="7:49" x14ac:dyDescent="0.2">
      <c r="G2347" s="43"/>
      <c r="Z2347" s="143"/>
      <c r="AA2347" s="137"/>
      <c r="AB2347" s="137"/>
      <c r="AC2347" s="137"/>
      <c r="AD2347" s="137"/>
      <c r="AE2347" s="137"/>
      <c r="AF2347" s="137"/>
      <c r="AG2347" s="137"/>
      <c r="AH2347" s="137"/>
      <c r="AI2347" s="137"/>
      <c r="AJ2347" s="137"/>
      <c r="AK2347" s="137"/>
      <c r="AL2347" s="137"/>
      <c r="AM2347" s="137"/>
      <c r="AN2347" s="137"/>
      <c r="AO2347" s="137"/>
      <c r="AP2347" s="137"/>
      <c r="AQ2347" s="137"/>
      <c r="AR2347" s="137"/>
      <c r="AS2347" s="137"/>
      <c r="AT2347" s="137"/>
      <c r="AU2347" s="137"/>
      <c r="AV2347" s="137"/>
      <c r="AW2347" s="144"/>
    </row>
    <row r="2348" spans="7:49" x14ac:dyDescent="0.2">
      <c r="G2348" s="43"/>
      <c r="Z2348" s="143"/>
      <c r="AA2348" s="137"/>
      <c r="AB2348" s="137"/>
      <c r="AC2348" s="137"/>
      <c r="AD2348" s="137"/>
      <c r="AE2348" s="137"/>
      <c r="AF2348" s="137"/>
      <c r="AG2348" s="137"/>
      <c r="AH2348" s="137"/>
      <c r="AI2348" s="137"/>
      <c r="AJ2348" s="137"/>
      <c r="AK2348" s="137"/>
      <c r="AL2348" s="137"/>
      <c r="AM2348" s="137"/>
      <c r="AN2348" s="137"/>
      <c r="AO2348" s="137"/>
      <c r="AP2348" s="137"/>
      <c r="AQ2348" s="137"/>
      <c r="AR2348" s="137"/>
      <c r="AS2348" s="137"/>
      <c r="AT2348" s="137"/>
      <c r="AU2348" s="137"/>
      <c r="AV2348" s="137"/>
      <c r="AW2348" s="144"/>
    </row>
    <row r="2349" spans="7:49" x14ac:dyDescent="0.2">
      <c r="G2349" s="43"/>
      <c r="Z2349" s="143"/>
      <c r="AA2349" s="137"/>
      <c r="AB2349" s="137"/>
      <c r="AC2349" s="137"/>
      <c r="AD2349" s="137"/>
      <c r="AE2349" s="137"/>
      <c r="AF2349" s="137"/>
      <c r="AG2349" s="137"/>
      <c r="AH2349" s="137"/>
      <c r="AI2349" s="137"/>
      <c r="AJ2349" s="137"/>
      <c r="AK2349" s="137"/>
      <c r="AL2349" s="137"/>
      <c r="AM2349" s="137"/>
      <c r="AN2349" s="137"/>
      <c r="AO2349" s="137"/>
      <c r="AP2349" s="137"/>
      <c r="AQ2349" s="137"/>
      <c r="AR2349" s="137"/>
      <c r="AS2349" s="137"/>
      <c r="AT2349" s="137"/>
      <c r="AU2349" s="137"/>
      <c r="AV2349" s="137"/>
      <c r="AW2349" s="144"/>
    </row>
    <row r="2350" spans="7:49" x14ac:dyDescent="0.2">
      <c r="G2350" s="43"/>
      <c r="Z2350" s="143"/>
      <c r="AA2350" s="137"/>
      <c r="AB2350" s="137"/>
      <c r="AC2350" s="137"/>
      <c r="AD2350" s="137"/>
      <c r="AE2350" s="137"/>
      <c r="AF2350" s="137"/>
      <c r="AG2350" s="137"/>
      <c r="AH2350" s="137"/>
      <c r="AI2350" s="137"/>
      <c r="AJ2350" s="137"/>
      <c r="AK2350" s="137"/>
      <c r="AL2350" s="137"/>
      <c r="AM2350" s="137"/>
      <c r="AN2350" s="137"/>
      <c r="AO2350" s="137"/>
      <c r="AP2350" s="137"/>
      <c r="AQ2350" s="137"/>
      <c r="AR2350" s="137"/>
      <c r="AS2350" s="137"/>
      <c r="AT2350" s="137"/>
      <c r="AU2350" s="137"/>
      <c r="AV2350" s="137"/>
      <c r="AW2350" s="144"/>
    </row>
    <row r="2351" spans="7:49" x14ac:dyDescent="0.2">
      <c r="G2351" s="43"/>
      <c r="Z2351" s="143"/>
      <c r="AA2351" s="137"/>
      <c r="AB2351" s="137"/>
      <c r="AC2351" s="137"/>
      <c r="AD2351" s="137"/>
      <c r="AE2351" s="137"/>
      <c r="AF2351" s="137"/>
      <c r="AG2351" s="137"/>
      <c r="AH2351" s="137"/>
      <c r="AI2351" s="137"/>
      <c r="AJ2351" s="137"/>
      <c r="AK2351" s="137"/>
      <c r="AL2351" s="137"/>
      <c r="AM2351" s="137"/>
      <c r="AN2351" s="137"/>
      <c r="AO2351" s="137"/>
      <c r="AP2351" s="137"/>
      <c r="AQ2351" s="137"/>
      <c r="AR2351" s="137"/>
      <c r="AS2351" s="137"/>
      <c r="AT2351" s="137"/>
      <c r="AU2351" s="137"/>
      <c r="AV2351" s="137"/>
      <c r="AW2351" s="144"/>
    </row>
    <row r="2352" spans="7:49" x14ac:dyDescent="0.2">
      <c r="G2352" s="43"/>
      <c r="Z2352" s="143"/>
      <c r="AA2352" s="137"/>
      <c r="AB2352" s="137"/>
      <c r="AC2352" s="137"/>
      <c r="AD2352" s="137"/>
      <c r="AE2352" s="137"/>
      <c r="AF2352" s="137"/>
      <c r="AG2352" s="137"/>
      <c r="AH2352" s="137"/>
      <c r="AI2352" s="137"/>
      <c r="AJ2352" s="137"/>
      <c r="AK2352" s="137"/>
      <c r="AL2352" s="137"/>
      <c r="AM2352" s="137"/>
      <c r="AN2352" s="137"/>
      <c r="AO2352" s="137"/>
      <c r="AP2352" s="137"/>
      <c r="AQ2352" s="137"/>
      <c r="AR2352" s="137"/>
      <c r="AS2352" s="137"/>
      <c r="AT2352" s="137"/>
      <c r="AU2352" s="137"/>
      <c r="AV2352" s="137"/>
      <c r="AW2352" s="144"/>
    </row>
    <row r="2353" spans="7:49" x14ac:dyDescent="0.2">
      <c r="G2353" s="43"/>
      <c r="Z2353" s="143"/>
      <c r="AA2353" s="137"/>
      <c r="AB2353" s="137"/>
      <c r="AC2353" s="137"/>
      <c r="AD2353" s="137"/>
      <c r="AE2353" s="137"/>
      <c r="AF2353" s="137"/>
      <c r="AG2353" s="137"/>
      <c r="AH2353" s="137"/>
      <c r="AI2353" s="137"/>
      <c r="AJ2353" s="137"/>
      <c r="AK2353" s="137"/>
      <c r="AL2353" s="137"/>
      <c r="AM2353" s="137"/>
      <c r="AN2353" s="137"/>
      <c r="AO2353" s="137"/>
      <c r="AP2353" s="137"/>
      <c r="AQ2353" s="137"/>
      <c r="AR2353" s="137"/>
      <c r="AS2353" s="137"/>
      <c r="AT2353" s="137"/>
      <c r="AU2353" s="137"/>
      <c r="AV2353" s="137"/>
      <c r="AW2353" s="144"/>
    </row>
    <row r="2354" spans="7:49" x14ac:dyDescent="0.2">
      <c r="G2354" s="43"/>
      <c r="Z2354" s="143"/>
      <c r="AA2354" s="137"/>
      <c r="AB2354" s="137"/>
      <c r="AC2354" s="137"/>
      <c r="AD2354" s="137"/>
      <c r="AE2354" s="137"/>
      <c r="AF2354" s="137"/>
      <c r="AG2354" s="137"/>
      <c r="AH2354" s="137"/>
      <c r="AI2354" s="137"/>
      <c r="AJ2354" s="137"/>
      <c r="AK2354" s="137"/>
      <c r="AL2354" s="137"/>
      <c r="AM2354" s="137"/>
      <c r="AN2354" s="137"/>
      <c r="AO2354" s="137"/>
      <c r="AP2354" s="137"/>
      <c r="AQ2354" s="137"/>
      <c r="AR2354" s="137"/>
      <c r="AS2354" s="137"/>
      <c r="AT2354" s="137"/>
      <c r="AU2354" s="137"/>
      <c r="AV2354" s="137"/>
      <c r="AW2354" s="144"/>
    </row>
    <row r="2355" spans="7:49" x14ac:dyDescent="0.2">
      <c r="G2355" s="43"/>
      <c r="Z2355" s="143"/>
      <c r="AA2355" s="137"/>
      <c r="AB2355" s="137"/>
      <c r="AC2355" s="137"/>
      <c r="AD2355" s="137"/>
      <c r="AE2355" s="137"/>
      <c r="AF2355" s="137"/>
      <c r="AG2355" s="137"/>
      <c r="AH2355" s="137"/>
      <c r="AI2355" s="137"/>
      <c r="AJ2355" s="137"/>
      <c r="AK2355" s="137"/>
      <c r="AL2355" s="137"/>
      <c r="AM2355" s="137"/>
      <c r="AN2355" s="137"/>
      <c r="AO2355" s="137"/>
      <c r="AP2355" s="137"/>
      <c r="AQ2355" s="137"/>
      <c r="AR2355" s="137"/>
      <c r="AS2355" s="137"/>
      <c r="AT2355" s="137"/>
      <c r="AU2355" s="137"/>
      <c r="AV2355" s="137"/>
      <c r="AW2355" s="144"/>
    </row>
    <row r="2356" spans="7:49" x14ac:dyDescent="0.2">
      <c r="G2356" s="43"/>
      <c r="Z2356" s="143"/>
      <c r="AA2356" s="137"/>
      <c r="AB2356" s="137"/>
      <c r="AC2356" s="137"/>
      <c r="AD2356" s="137"/>
      <c r="AE2356" s="137"/>
      <c r="AF2356" s="137"/>
      <c r="AG2356" s="137"/>
      <c r="AH2356" s="137"/>
      <c r="AI2356" s="137"/>
      <c r="AJ2356" s="137"/>
      <c r="AK2356" s="137"/>
      <c r="AL2356" s="137"/>
      <c r="AM2356" s="137"/>
      <c r="AN2356" s="137"/>
      <c r="AO2356" s="137"/>
      <c r="AP2356" s="137"/>
      <c r="AQ2356" s="137"/>
      <c r="AR2356" s="137"/>
      <c r="AS2356" s="137"/>
      <c r="AT2356" s="137"/>
      <c r="AU2356" s="137"/>
      <c r="AV2356" s="137"/>
      <c r="AW2356" s="144"/>
    </row>
    <row r="2357" spans="7:49" x14ac:dyDescent="0.2">
      <c r="G2357" s="43"/>
      <c r="Z2357" s="143"/>
      <c r="AA2357" s="137"/>
      <c r="AB2357" s="137"/>
      <c r="AC2357" s="137"/>
      <c r="AD2357" s="137"/>
      <c r="AE2357" s="137"/>
      <c r="AF2357" s="137"/>
      <c r="AG2357" s="137"/>
      <c r="AH2357" s="137"/>
      <c r="AI2357" s="137"/>
      <c r="AJ2357" s="137"/>
      <c r="AK2357" s="137"/>
      <c r="AL2357" s="137"/>
      <c r="AM2357" s="137"/>
      <c r="AN2357" s="137"/>
      <c r="AO2357" s="137"/>
      <c r="AP2357" s="137"/>
      <c r="AQ2357" s="137"/>
      <c r="AR2357" s="137"/>
      <c r="AS2357" s="137"/>
      <c r="AT2357" s="137"/>
      <c r="AU2357" s="137"/>
      <c r="AV2357" s="137"/>
      <c r="AW2357" s="144"/>
    </row>
    <row r="2358" spans="7:49" x14ac:dyDescent="0.2">
      <c r="G2358" s="43"/>
      <c r="Z2358" s="143"/>
      <c r="AA2358" s="137"/>
      <c r="AB2358" s="137"/>
      <c r="AC2358" s="137"/>
      <c r="AD2358" s="137"/>
      <c r="AE2358" s="137"/>
      <c r="AF2358" s="137"/>
      <c r="AG2358" s="137"/>
      <c r="AH2358" s="137"/>
      <c r="AI2358" s="137"/>
      <c r="AJ2358" s="137"/>
      <c r="AK2358" s="137"/>
      <c r="AL2358" s="137"/>
      <c r="AM2358" s="137"/>
      <c r="AN2358" s="137"/>
      <c r="AO2358" s="137"/>
      <c r="AP2358" s="137"/>
      <c r="AQ2358" s="137"/>
      <c r="AR2358" s="137"/>
      <c r="AS2358" s="137"/>
      <c r="AT2358" s="137"/>
      <c r="AU2358" s="137"/>
      <c r="AV2358" s="137"/>
      <c r="AW2358" s="144"/>
    </row>
    <row r="2359" spans="7:49" x14ac:dyDescent="0.2">
      <c r="G2359" s="43"/>
      <c r="Z2359" s="143"/>
      <c r="AA2359" s="137"/>
      <c r="AB2359" s="137"/>
      <c r="AC2359" s="137"/>
      <c r="AD2359" s="137"/>
      <c r="AE2359" s="137"/>
      <c r="AF2359" s="137"/>
      <c r="AG2359" s="137"/>
      <c r="AH2359" s="137"/>
      <c r="AI2359" s="137"/>
      <c r="AJ2359" s="137"/>
      <c r="AK2359" s="137"/>
      <c r="AL2359" s="137"/>
      <c r="AM2359" s="137"/>
      <c r="AN2359" s="137"/>
      <c r="AO2359" s="137"/>
      <c r="AP2359" s="137"/>
      <c r="AQ2359" s="137"/>
      <c r="AR2359" s="137"/>
      <c r="AS2359" s="137"/>
      <c r="AT2359" s="137"/>
      <c r="AU2359" s="137"/>
      <c r="AV2359" s="137"/>
      <c r="AW2359" s="144"/>
    </row>
    <row r="2360" spans="7:49" x14ac:dyDescent="0.2">
      <c r="G2360" s="43"/>
      <c r="Z2360" s="143"/>
      <c r="AA2360" s="137"/>
      <c r="AB2360" s="137"/>
      <c r="AC2360" s="137"/>
      <c r="AD2360" s="137"/>
      <c r="AE2360" s="137"/>
      <c r="AF2360" s="137"/>
      <c r="AG2360" s="137"/>
      <c r="AH2360" s="137"/>
      <c r="AI2360" s="137"/>
      <c r="AJ2360" s="137"/>
      <c r="AK2360" s="137"/>
      <c r="AL2360" s="137"/>
      <c r="AM2360" s="137"/>
      <c r="AN2360" s="137"/>
      <c r="AO2360" s="137"/>
      <c r="AP2360" s="137"/>
      <c r="AQ2360" s="137"/>
      <c r="AR2360" s="137"/>
      <c r="AS2360" s="137"/>
      <c r="AT2360" s="137"/>
      <c r="AU2360" s="137"/>
      <c r="AV2360" s="137"/>
      <c r="AW2360" s="144"/>
    </row>
    <row r="2361" spans="7:49" x14ac:dyDescent="0.2">
      <c r="G2361" s="43"/>
      <c r="Z2361" s="143"/>
      <c r="AA2361" s="137"/>
      <c r="AB2361" s="137"/>
      <c r="AC2361" s="137"/>
      <c r="AD2361" s="137"/>
      <c r="AE2361" s="137"/>
      <c r="AF2361" s="137"/>
      <c r="AG2361" s="137"/>
      <c r="AH2361" s="137"/>
      <c r="AI2361" s="137"/>
      <c r="AJ2361" s="137"/>
      <c r="AK2361" s="137"/>
      <c r="AL2361" s="137"/>
      <c r="AM2361" s="137"/>
      <c r="AN2361" s="137"/>
      <c r="AO2361" s="137"/>
      <c r="AP2361" s="137"/>
      <c r="AQ2361" s="137"/>
      <c r="AR2361" s="137"/>
      <c r="AS2361" s="137"/>
      <c r="AT2361" s="137"/>
      <c r="AU2361" s="137"/>
      <c r="AV2361" s="137"/>
      <c r="AW2361" s="144"/>
    </row>
    <row r="2362" spans="7:49" x14ac:dyDescent="0.2">
      <c r="G2362" s="43"/>
      <c r="Z2362" s="143"/>
      <c r="AA2362" s="137"/>
      <c r="AB2362" s="137"/>
      <c r="AC2362" s="137"/>
      <c r="AD2362" s="137"/>
      <c r="AE2362" s="137"/>
      <c r="AF2362" s="137"/>
      <c r="AG2362" s="137"/>
      <c r="AH2362" s="137"/>
      <c r="AI2362" s="137"/>
      <c r="AJ2362" s="137"/>
      <c r="AK2362" s="137"/>
      <c r="AL2362" s="137"/>
      <c r="AM2362" s="137"/>
      <c r="AN2362" s="137"/>
      <c r="AO2362" s="137"/>
      <c r="AP2362" s="137"/>
      <c r="AQ2362" s="137"/>
      <c r="AR2362" s="137"/>
      <c r="AS2362" s="137"/>
      <c r="AT2362" s="137"/>
      <c r="AU2362" s="137"/>
      <c r="AV2362" s="137"/>
      <c r="AW2362" s="144"/>
    </row>
    <row r="2363" spans="7:49" x14ac:dyDescent="0.2">
      <c r="G2363" s="43"/>
      <c r="Z2363" s="143"/>
      <c r="AA2363" s="137"/>
      <c r="AB2363" s="137"/>
      <c r="AC2363" s="137"/>
      <c r="AD2363" s="137"/>
      <c r="AE2363" s="137"/>
      <c r="AF2363" s="137"/>
      <c r="AG2363" s="137"/>
      <c r="AH2363" s="137"/>
      <c r="AI2363" s="137"/>
      <c r="AJ2363" s="137"/>
      <c r="AK2363" s="137"/>
      <c r="AL2363" s="137"/>
      <c r="AM2363" s="137"/>
      <c r="AN2363" s="137"/>
      <c r="AO2363" s="137"/>
      <c r="AP2363" s="137"/>
      <c r="AQ2363" s="137"/>
      <c r="AR2363" s="137"/>
      <c r="AS2363" s="137"/>
      <c r="AT2363" s="137"/>
      <c r="AU2363" s="137"/>
      <c r="AV2363" s="137"/>
      <c r="AW2363" s="144"/>
    </row>
    <row r="2364" spans="7:49" x14ac:dyDescent="0.2">
      <c r="G2364" s="43"/>
      <c r="Z2364" s="143"/>
      <c r="AA2364" s="137"/>
      <c r="AB2364" s="137"/>
      <c r="AC2364" s="137"/>
      <c r="AD2364" s="137"/>
      <c r="AE2364" s="137"/>
      <c r="AF2364" s="137"/>
      <c r="AG2364" s="137"/>
      <c r="AH2364" s="137"/>
      <c r="AI2364" s="137"/>
      <c r="AJ2364" s="137"/>
      <c r="AK2364" s="137"/>
      <c r="AL2364" s="137"/>
      <c r="AM2364" s="137"/>
      <c r="AN2364" s="137"/>
      <c r="AO2364" s="137"/>
      <c r="AP2364" s="137"/>
      <c r="AQ2364" s="137"/>
      <c r="AR2364" s="137"/>
      <c r="AS2364" s="137"/>
      <c r="AT2364" s="137"/>
      <c r="AU2364" s="137"/>
      <c r="AV2364" s="137"/>
      <c r="AW2364" s="144"/>
    </row>
    <row r="2365" spans="7:49" x14ac:dyDescent="0.2">
      <c r="G2365" s="43"/>
      <c r="Z2365" s="143"/>
      <c r="AA2365" s="137"/>
      <c r="AB2365" s="137"/>
      <c r="AC2365" s="137"/>
      <c r="AD2365" s="137"/>
      <c r="AE2365" s="137"/>
      <c r="AF2365" s="137"/>
      <c r="AG2365" s="137"/>
      <c r="AH2365" s="137"/>
      <c r="AI2365" s="137"/>
      <c r="AJ2365" s="137"/>
      <c r="AK2365" s="137"/>
      <c r="AL2365" s="137"/>
      <c r="AM2365" s="137"/>
      <c r="AN2365" s="137"/>
      <c r="AO2365" s="137"/>
      <c r="AP2365" s="137"/>
      <c r="AQ2365" s="137"/>
      <c r="AR2365" s="137"/>
      <c r="AS2365" s="137"/>
      <c r="AT2365" s="137"/>
      <c r="AU2365" s="137"/>
      <c r="AV2365" s="137"/>
      <c r="AW2365" s="144"/>
    </row>
    <row r="2366" spans="7:49" x14ac:dyDescent="0.2">
      <c r="G2366" s="43"/>
      <c r="Z2366" s="143"/>
      <c r="AA2366" s="137"/>
      <c r="AB2366" s="137"/>
      <c r="AC2366" s="137"/>
      <c r="AD2366" s="137"/>
      <c r="AE2366" s="137"/>
      <c r="AF2366" s="137"/>
      <c r="AG2366" s="137"/>
      <c r="AH2366" s="137"/>
      <c r="AI2366" s="137"/>
      <c r="AJ2366" s="137"/>
      <c r="AK2366" s="137"/>
      <c r="AL2366" s="137"/>
      <c r="AM2366" s="137"/>
      <c r="AN2366" s="137"/>
      <c r="AO2366" s="137"/>
      <c r="AP2366" s="137"/>
      <c r="AQ2366" s="137"/>
      <c r="AR2366" s="137"/>
      <c r="AS2366" s="137"/>
      <c r="AT2366" s="137"/>
      <c r="AU2366" s="137"/>
      <c r="AV2366" s="137"/>
      <c r="AW2366" s="144"/>
    </row>
    <row r="2367" spans="7:49" x14ac:dyDescent="0.2">
      <c r="G2367" s="43"/>
      <c r="Z2367" s="143"/>
      <c r="AA2367" s="137"/>
      <c r="AB2367" s="137"/>
      <c r="AC2367" s="137"/>
      <c r="AD2367" s="137"/>
      <c r="AE2367" s="137"/>
      <c r="AF2367" s="137"/>
      <c r="AG2367" s="137"/>
      <c r="AH2367" s="137"/>
      <c r="AI2367" s="137"/>
      <c r="AJ2367" s="137"/>
      <c r="AK2367" s="137"/>
      <c r="AL2367" s="137"/>
      <c r="AM2367" s="137"/>
      <c r="AN2367" s="137"/>
      <c r="AO2367" s="137"/>
      <c r="AP2367" s="137"/>
      <c r="AQ2367" s="137"/>
      <c r="AR2367" s="137"/>
      <c r="AS2367" s="137"/>
      <c r="AT2367" s="137"/>
      <c r="AU2367" s="137"/>
      <c r="AV2367" s="137"/>
      <c r="AW2367" s="144"/>
    </row>
    <row r="2368" spans="7:49" x14ac:dyDescent="0.2">
      <c r="G2368" s="43"/>
      <c r="Z2368" s="143"/>
      <c r="AA2368" s="137"/>
      <c r="AB2368" s="137"/>
      <c r="AC2368" s="137"/>
      <c r="AD2368" s="137"/>
      <c r="AE2368" s="137"/>
      <c r="AF2368" s="137"/>
      <c r="AG2368" s="137"/>
      <c r="AH2368" s="137"/>
      <c r="AI2368" s="137"/>
      <c r="AJ2368" s="137"/>
      <c r="AK2368" s="137"/>
      <c r="AL2368" s="137"/>
      <c r="AM2368" s="137"/>
      <c r="AN2368" s="137"/>
      <c r="AO2368" s="137"/>
      <c r="AP2368" s="137"/>
      <c r="AQ2368" s="137"/>
      <c r="AR2368" s="137"/>
      <c r="AS2368" s="137"/>
      <c r="AT2368" s="137"/>
      <c r="AU2368" s="137"/>
      <c r="AV2368" s="137"/>
      <c r="AW2368" s="144"/>
    </row>
    <row r="2369" spans="7:49" x14ac:dyDescent="0.2">
      <c r="G2369" s="43"/>
      <c r="Z2369" s="143"/>
      <c r="AA2369" s="137"/>
      <c r="AB2369" s="137"/>
      <c r="AC2369" s="137"/>
      <c r="AD2369" s="137"/>
      <c r="AE2369" s="137"/>
      <c r="AF2369" s="137"/>
      <c r="AG2369" s="137"/>
      <c r="AH2369" s="137"/>
      <c r="AI2369" s="137"/>
      <c r="AJ2369" s="137"/>
      <c r="AK2369" s="137"/>
      <c r="AL2369" s="137"/>
      <c r="AM2369" s="137"/>
      <c r="AN2369" s="137"/>
      <c r="AO2369" s="137"/>
      <c r="AP2369" s="137"/>
      <c r="AQ2369" s="137"/>
      <c r="AR2369" s="137"/>
      <c r="AS2369" s="137"/>
      <c r="AT2369" s="137"/>
      <c r="AU2369" s="137"/>
      <c r="AV2369" s="137"/>
      <c r="AW2369" s="144"/>
    </row>
    <row r="2370" spans="7:49" x14ac:dyDescent="0.2">
      <c r="G2370" s="43"/>
      <c r="Z2370" s="143"/>
      <c r="AA2370" s="137"/>
      <c r="AB2370" s="137"/>
      <c r="AC2370" s="137"/>
      <c r="AD2370" s="137"/>
      <c r="AE2370" s="137"/>
      <c r="AF2370" s="137"/>
      <c r="AG2370" s="137"/>
      <c r="AH2370" s="137"/>
      <c r="AI2370" s="137"/>
      <c r="AJ2370" s="137"/>
      <c r="AK2370" s="137"/>
      <c r="AL2370" s="137"/>
      <c r="AM2370" s="137"/>
      <c r="AN2370" s="137"/>
      <c r="AO2370" s="137"/>
      <c r="AP2370" s="137"/>
      <c r="AQ2370" s="137"/>
      <c r="AR2370" s="137"/>
      <c r="AS2370" s="137"/>
      <c r="AT2370" s="137"/>
      <c r="AU2370" s="137"/>
      <c r="AV2370" s="137"/>
      <c r="AW2370" s="144"/>
    </row>
    <row r="2371" spans="7:49" x14ac:dyDescent="0.2">
      <c r="G2371" s="43"/>
      <c r="Z2371" s="143"/>
      <c r="AA2371" s="137"/>
      <c r="AB2371" s="137"/>
      <c r="AC2371" s="137"/>
      <c r="AD2371" s="137"/>
      <c r="AE2371" s="137"/>
      <c r="AF2371" s="137"/>
      <c r="AG2371" s="137"/>
      <c r="AH2371" s="137"/>
      <c r="AI2371" s="137"/>
      <c r="AJ2371" s="137"/>
      <c r="AK2371" s="137"/>
      <c r="AL2371" s="137"/>
      <c r="AM2371" s="137"/>
      <c r="AN2371" s="137"/>
      <c r="AO2371" s="137"/>
      <c r="AP2371" s="137"/>
      <c r="AQ2371" s="137"/>
      <c r="AR2371" s="137"/>
      <c r="AS2371" s="137"/>
      <c r="AT2371" s="137"/>
      <c r="AU2371" s="137"/>
      <c r="AV2371" s="137"/>
      <c r="AW2371" s="144"/>
    </row>
    <row r="2372" spans="7:49" x14ac:dyDescent="0.2">
      <c r="G2372" s="43"/>
      <c r="Z2372" s="143"/>
      <c r="AA2372" s="137"/>
      <c r="AB2372" s="137"/>
      <c r="AC2372" s="137"/>
      <c r="AD2372" s="137"/>
      <c r="AE2372" s="137"/>
      <c r="AF2372" s="137"/>
      <c r="AG2372" s="137"/>
      <c r="AH2372" s="137"/>
      <c r="AI2372" s="137"/>
      <c r="AJ2372" s="137"/>
      <c r="AK2372" s="137"/>
      <c r="AL2372" s="137"/>
      <c r="AM2372" s="137"/>
      <c r="AN2372" s="137"/>
      <c r="AO2372" s="137"/>
      <c r="AP2372" s="137"/>
      <c r="AQ2372" s="137"/>
      <c r="AR2372" s="137"/>
      <c r="AS2372" s="137"/>
      <c r="AT2372" s="137"/>
      <c r="AU2372" s="137"/>
      <c r="AV2372" s="137"/>
      <c r="AW2372" s="144"/>
    </row>
    <row r="2373" spans="7:49" x14ac:dyDescent="0.2">
      <c r="G2373" s="43"/>
      <c r="Z2373" s="143"/>
      <c r="AA2373" s="137"/>
      <c r="AB2373" s="137"/>
      <c r="AC2373" s="137"/>
      <c r="AD2373" s="137"/>
      <c r="AE2373" s="137"/>
      <c r="AF2373" s="137"/>
      <c r="AG2373" s="137"/>
      <c r="AH2373" s="137"/>
      <c r="AI2373" s="137"/>
      <c r="AJ2373" s="137"/>
      <c r="AK2373" s="137"/>
      <c r="AL2373" s="137"/>
      <c r="AM2373" s="137"/>
      <c r="AN2373" s="137"/>
      <c r="AO2373" s="137"/>
      <c r="AP2373" s="137"/>
      <c r="AQ2373" s="137"/>
      <c r="AR2373" s="137"/>
      <c r="AS2373" s="137"/>
      <c r="AT2373" s="137"/>
      <c r="AU2373" s="137"/>
      <c r="AV2373" s="137"/>
      <c r="AW2373" s="144"/>
    </row>
    <row r="2374" spans="7:49" x14ac:dyDescent="0.2">
      <c r="G2374" s="43"/>
      <c r="Z2374" s="143"/>
      <c r="AA2374" s="137"/>
      <c r="AB2374" s="137"/>
      <c r="AC2374" s="137"/>
      <c r="AD2374" s="137"/>
      <c r="AE2374" s="137"/>
      <c r="AF2374" s="137"/>
      <c r="AG2374" s="137"/>
      <c r="AH2374" s="137"/>
      <c r="AI2374" s="137"/>
      <c r="AJ2374" s="137"/>
      <c r="AK2374" s="137"/>
      <c r="AL2374" s="137"/>
      <c r="AM2374" s="137"/>
      <c r="AN2374" s="137"/>
      <c r="AO2374" s="137"/>
      <c r="AP2374" s="137"/>
      <c r="AQ2374" s="137"/>
      <c r="AR2374" s="137"/>
      <c r="AS2374" s="137"/>
      <c r="AT2374" s="137"/>
      <c r="AU2374" s="137"/>
      <c r="AV2374" s="137"/>
      <c r="AW2374" s="144"/>
    </row>
    <row r="2375" spans="7:49" x14ac:dyDescent="0.2">
      <c r="G2375" s="43"/>
      <c r="Z2375" s="143"/>
      <c r="AA2375" s="137"/>
      <c r="AB2375" s="137"/>
      <c r="AC2375" s="137"/>
      <c r="AD2375" s="137"/>
      <c r="AE2375" s="137"/>
      <c r="AF2375" s="137"/>
      <c r="AG2375" s="137"/>
      <c r="AH2375" s="137"/>
      <c r="AI2375" s="137"/>
      <c r="AJ2375" s="137"/>
      <c r="AK2375" s="137"/>
      <c r="AL2375" s="137"/>
      <c r="AM2375" s="137"/>
      <c r="AN2375" s="137"/>
      <c r="AO2375" s="137"/>
      <c r="AP2375" s="137"/>
      <c r="AQ2375" s="137"/>
      <c r="AR2375" s="137"/>
      <c r="AS2375" s="137"/>
      <c r="AT2375" s="137"/>
      <c r="AU2375" s="137"/>
      <c r="AV2375" s="137"/>
      <c r="AW2375" s="144"/>
    </row>
    <row r="2376" spans="7:49" x14ac:dyDescent="0.2">
      <c r="G2376" s="43"/>
      <c r="Z2376" s="143"/>
      <c r="AA2376" s="137"/>
      <c r="AB2376" s="137"/>
      <c r="AC2376" s="137"/>
      <c r="AD2376" s="137"/>
      <c r="AE2376" s="137"/>
      <c r="AF2376" s="137"/>
      <c r="AG2376" s="137"/>
      <c r="AH2376" s="137"/>
      <c r="AI2376" s="137"/>
      <c r="AJ2376" s="137"/>
      <c r="AK2376" s="137"/>
      <c r="AL2376" s="137"/>
      <c r="AM2376" s="137"/>
      <c r="AN2376" s="137"/>
      <c r="AO2376" s="137"/>
      <c r="AP2376" s="137"/>
      <c r="AQ2376" s="137"/>
      <c r="AR2376" s="137"/>
      <c r="AS2376" s="137"/>
      <c r="AT2376" s="137"/>
      <c r="AU2376" s="137"/>
      <c r="AV2376" s="137"/>
      <c r="AW2376" s="144"/>
    </row>
    <row r="2377" spans="7:49" x14ac:dyDescent="0.2">
      <c r="G2377" s="43"/>
      <c r="Z2377" s="143"/>
      <c r="AA2377" s="137"/>
      <c r="AB2377" s="137"/>
      <c r="AC2377" s="137"/>
      <c r="AD2377" s="137"/>
      <c r="AE2377" s="137"/>
      <c r="AF2377" s="137"/>
      <c r="AG2377" s="137"/>
      <c r="AH2377" s="137"/>
      <c r="AI2377" s="137"/>
      <c r="AJ2377" s="137"/>
      <c r="AK2377" s="137"/>
      <c r="AL2377" s="137"/>
      <c r="AM2377" s="137"/>
      <c r="AN2377" s="137"/>
      <c r="AO2377" s="137"/>
      <c r="AP2377" s="137"/>
      <c r="AQ2377" s="137"/>
      <c r="AR2377" s="137"/>
      <c r="AS2377" s="137"/>
      <c r="AT2377" s="137"/>
      <c r="AU2377" s="137"/>
      <c r="AV2377" s="137"/>
      <c r="AW2377" s="144"/>
    </row>
    <row r="2378" spans="7:49" x14ac:dyDescent="0.2">
      <c r="G2378" s="43"/>
      <c r="Z2378" s="143"/>
      <c r="AA2378" s="137"/>
      <c r="AB2378" s="137"/>
      <c r="AC2378" s="137"/>
      <c r="AD2378" s="137"/>
      <c r="AE2378" s="137"/>
      <c r="AF2378" s="137"/>
      <c r="AG2378" s="137"/>
      <c r="AH2378" s="137"/>
      <c r="AI2378" s="137"/>
      <c r="AJ2378" s="137"/>
      <c r="AK2378" s="137"/>
      <c r="AL2378" s="137"/>
      <c r="AM2378" s="137"/>
      <c r="AN2378" s="137"/>
      <c r="AO2378" s="137"/>
      <c r="AP2378" s="137"/>
      <c r="AQ2378" s="137"/>
      <c r="AR2378" s="137"/>
      <c r="AS2378" s="137"/>
      <c r="AT2378" s="137"/>
      <c r="AU2378" s="137"/>
      <c r="AV2378" s="137"/>
      <c r="AW2378" s="144"/>
    </row>
    <row r="2379" spans="7:49" x14ac:dyDescent="0.2">
      <c r="G2379" s="43"/>
      <c r="Z2379" s="143"/>
      <c r="AA2379" s="137"/>
      <c r="AB2379" s="137"/>
      <c r="AC2379" s="137"/>
      <c r="AD2379" s="137"/>
      <c r="AE2379" s="137"/>
      <c r="AF2379" s="137"/>
      <c r="AG2379" s="137"/>
      <c r="AH2379" s="137"/>
      <c r="AI2379" s="137"/>
      <c r="AJ2379" s="137"/>
      <c r="AK2379" s="137"/>
      <c r="AL2379" s="137"/>
      <c r="AM2379" s="137"/>
      <c r="AN2379" s="137"/>
      <c r="AO2379" s="137"/>
      <c r="AP2379" s="137"/>
      <c r="AQ2379" s="137"/>
      <c r="AR2379" s="137"/>
      <c r="AS2379" s="137"/>
      <c r="AT2379" s="137"/>
      <c r="AU2379" s="137"/>
      <c r="AV2379" s="137"/>
      <c r="AW2379" s="144"/>
    </row>
    <row r="2380" spans="7:49" x14ac:dyDescent="0.2">
      <c r="G2380" s="43"/>
      <c r="Z2380" s="143"/>
      <c r="AA2380" s="137"/>
      <c r="AB2380" s="137"/>
      <c r="AC2380" s="137"/>
      <c r="AD2380" s="137"/>
      <c r="AE2380" s="137"/>
      <c r="AF2380" s="137"/>
      <c r="AG2380" s="137"/>
      <c r="AH2380" s="137"/>
      <c r="AI2380" s="137"/>
      <c r="AJ2380" s="137"/>
      <c r="AK2380" s="137"/>
      <c r="AL2380" s="137"/>
      <c r="AM2380" s="137"/>
      <c r="AN2380" s="137"/>
      <c r="AO2380" s="137"/>
      <c r="AP2380" s="137"/>
      <c r="AQ2380" s="137"/>
      <c r="AR2380" s="137"/>
      <c r="AS2380" s="137"/>
      <c r="AT2380" s="137"/>
      <c r="AU2380" s="137"/>
      <c r="AV2380" s="137"/>
      <c r="AW2380" s="144"/>
    </row>
    <row r="2381" spans="7:49" x14ac:dyDescent="0.2">
      <c r="G2381" s="43"/>
      <c r="Z2381" s="143"/>
      <c r="AA2381" s="137"/>
      <c r="AB2381" s="137"/>
      <c r="AC2381" s="137"/>
      <c r="AD2381" s="137"/>
      <c r="AE2381" s="137"/>
      <c r="AF2381" s="137"/>
      <c r="AG2381" s="137"/>
      <c r="AH2381" s="137"/>
      <c r="AI2381" s="137"/>
      <c r="AJ2381" s="137"/>
      <c r="AK2381" s="137"/>
      <c r="AL2381" s="137"/>
      <c r="AM2381" s="137"/>
      <c r="AN2381" s="137"/>
      <c r="AO2381" s="137"/>
      <c r="AP2381" s="137"/>
      <c r="AQ2381" s="137"/>
      <c r="AR2381" s="137"/>
      <c r="AS2381" s="137"/>
      <c r="AT2381" s="137"/>
      <c r="AU2381" s="137"/>
      <c r="AV2381" s="137"/>
      <c r="AW2381" s="144"/>
    </row>
    <row r="2382" spans="7:49" x14ac:dyDescent="0.2">
      <c r="G2382" s="43"/>
      <c r="Z2382" s="143"/>
      <c r="AA2382" s="137"/>
      <c r="AB2382" s="137"/>
      <c r="AC2382" s="137"/>
      <c r="AD2382" s="137"/>
      <c r="AE2382" s="137"/>
      <c r="AF2382" s="137"/>
      <c r="AG2382" s="137"/>
      <c r="AH2382" s="137"/>
      <c r="AI2382" s="137"/>
      <c r="AJ2382" s="137"/>
      <c r="AK2382" s="137"/>
      <c r="AL2382" s="137"/>
      <c r="AM2382" s="137"/>
      <c r="AN2382" s="137"/>
      <c r="AO2382" s="137"/>
      <c r="AP2382" s="137"/>
      <c r="AQ2382" s="137"/>
      <c r="AR2382" s="137"/>
      <c r="AS2382" s="137"/>
      <c r="AT2382" s="137"/>
      <c r="AU2382" s="137"/>
      <c r="AV2382" s="137"/>
      <c r="AW2382" s="144"/>
    </row>
    <row r="2383" spans="7:49" x14ac:dyDescent="0.2">
      <c r="G2383" s="43"/>
      <c r="Z2383" s="143"/>
      <c r="AA2383" s="137"/>
      <c r="AB2383" s="137"/>
      <c r="AC2383" s="137"/>
      <c r="AD2383" s="137"/>
      <c r="AE2383" s="137"/>
      <c r="AF2383" s="137"/>
      <c r="AG2383" s="137"/>
      <c r="AH2383" s="137"/>
      <c r="AI2383" s="137"/>
      <c r="AJ2383" s="137"/>
      <c r="AK2383" s="137"/>
      <c r="AL2383" s="137"/>
      <c r="AM2383" s="137"/>
      <c r="AN2383" s="137"/>
      <c r="AO2383" s="137"/>
      <c r="AP2383" s="137"/>
      <c r="AQ2383" s="137"/>
      <c r="AR2383" s="137"/>
      <c r="AS2383" s="137"/>
      <c r="AT2383" s="137"/>
      <c r="AU2383" s="137"/>
      <c r="AV2383" s="137"/>
      <c r="AW2383" s="144"/>
    </row>
    <row r="2384" spans="7:49" x14ac:dyDescent="0.2">
      <c r="G2384" s="43"/>
      <c r="Z2384" s="143"/>
      <c r="AA2384" s="137"/>
      <c r="AB2384" s="137"/>
      <c r="AC2384" s="137"/>
      <c r="AD2384" s="137"/>
      <c r="AE2384" s="137"/>
      <c r="AF2384" s="137"/>
      <c r="AG2384" s="137"/>
      <c r="AH2384" s="137"/>
      <c r="AI2384" s="137"/>
      <c r="AJ2384" s="137"/>
      <c r="AK2384" s="137"/>
      <c r="AL2384" s="137"/>
      <c r="AM2384" s="137"/>
      <c r="AN2384" s="137"/>
      <c r="AO2384" s="137"/>
      <c r="AP2384" s="137"/>
      <c r="AQ2384" s="137"/>
      <c r="AR2384" s="137"/>
      <c r="AS2384" s="137"/>
      <c r="AT2384" s="137"/>
      <c r="AU2384" s="137"/>
      <c r="AV2384" s="137"/>
      <c r="AW2384" s="144"/>
    </row>
    <row r="2385" spans="7:49" x14ac:dyDescent="0.2">
      <c r="G2385" s="43"/>
      <c r="Z2385" s="143"/>
      <c r="AA2385" s="137"/>
      <c r="AB2385" s="137"/>
      <c r="AC2385" s="137"/>
      <c r="AD2385" s="137"/>
      <c r="AE2385" s="137"/>
      <c r="AF2385" s="137"/>
      <c r="AG2385" s="137"/>
      <c r="AH2385" s="137"/>
      <c r="AI2385" s="137"/>
      <c r="AJ2385" s="137"/>
      <c r="AK2385" s="137"/>
      <c r="AL2385" s="137"/>
      <c r="AM2385" s="137"/>
      <c r="AN2385" s="137"/>
      <c r="AO2385" s="137"/>
      <c r="AP2385" s="137"/>
      <c r="AQ2385" s="137"/>
      <c r="AR2385" s="137"/>
      <c r="AS2385" s="137"/>
      <c r="AT2385" s="137"/>
      <c r="AU2385" s="137"/>
      <c r="AV2385" s="137"/>
      <c r="AW2385" s="144"/>
    </row>
    <row r="2386" spans="7:49" x14ac:dyDescent="0.2">
      <c r="G2386" s="43"/>
      <c r="Z2386" s="143"/>
      <c r="AA2386" s="137"/>
      <c r="AB2386" s="137"/>
      <c r="AC2386" s="137"/>
      <c r="AD2386" s="137"/>
      <c r="AE2386" s="137"/>
      <c r="AF2386" s="137"/>
      <c r="AG2386" s="137"/>
      <c r="AH2386" s="137"/>
      <c r="AI2386" s="137"/>
      <c r="AJ2386" s="137"/>
      <c r="AK2386" s="137"/>
      <c r="AL2386" s="137"/>
      <c r="AM2386" s="137"/>
      <c r="AN2386" s="137"/>
      <c r="AO2386" s="137"/>
      <c r="AP2386" s="137"/>
      <c r="AQ2386" s="137"/>
      <c r="AR2386" s="137"/>
      <c r="AS2386" s="137"/>
      <c r="AT2386" s="137"/>
      <c r="AU2386" s="137"/>
      <c r="AV2386" s="137"/>
      <c r="AW2386" s="144"/>
    </row>
    <row r="2387" spans="7:49" x14ac:dyDescent="0.2">
      <c r="G2387" s="43"/>
      <c r="Z2387" s="143"/>
      <c r="AA2387" s="137"/>
      <c r="AB2387" s="137"/>
      <c r="AC2387" s="137"/>
      <c r="AD2387" s="137"/>
      <c r="AE2387" s="137"/>
      <c r="AF2387" s="137"/>
      <c r="AG2387" s="137"/>
      <c r="AH2387" s="137"/>
      <c r="AI2387" s="137"/>
      <c r="AJ2387" s="137"/>
      <c r="AK2387" s="137"/>
      <c r="AL2387" s="137"/>
      <c r="AM2387" s="137"/>
      <c r="AN2387" s="137"/>
      <c r="AO2387" s="137"/>
      <c r="AP2387" s="137"/>
      <c r="AQ2387" s="137"/>
      <c r="AR2387" s="137"/>
      <c r="AS2387" s="137"/>
      <c r="AT2387" s="137"/>
      <c r="AU2387" s="137"/>
      <c r="AV2387" s="137"/>
      <c r="AW2387" s="144"/>
    </row>
    <row r="2388" spans="7:49" x14ac:dyDescent="0.2">
      <c r="G2388" s="43"/>
      <c r="Z2388" s="143"/>
      <c r="AA2388" s="137"/>
      <c r="AB2388" s="137"/>
      <c r="AC2388" s="137"/>
      <c r="AD2388" s="137"/>
      <c r="AE2388" s="137"/>
      <c r="AF2388" s="137"/>
      <c r="AG2388" s="137"/>
      <c r="AH2388" s="137"/>
      <c r="AI2388" s="137"/>
      <c r="AJ2388" s="137"/>
      <c r="AK2388" s="137"/>
      <c r="AL2388" s="137"/>
      <c r="AM2388" s="137"/>
      <c r="AN2388" s="137"/>
      <c r="AO2388" s="137"/>
      <c r="AP2388" s="137"/>
      <c r="AQ2388" s="137"/>
      <c r="AR2388" s="137"/>
      <c r="AS2388" s="137"/>
      <c r="AT2388" s="137"/>
      <c r="AU2388" s="137"/>
      <c r="AV2388" s="137"/>
      <c r="AW2388" s="144"/>
    </row>
    <row r="2389" spans="7:49" x14ac:dyDescent="0.2">
      <c r="G2389" s="43"/>
      <c r="Z2389" s="143"/>
      <c r="AA2389" s="137"/>
      <c r="AB2389" s="137"/>
      <c r="AC2389" s="137"/>
      <c r="AD2389" s="137"/>
      <c r="AE2389" s="137"/>
      <c r="AF2389" s="137"/>
      <c r="AG2389" s="137"/>
      <c r="AH2389" s="137"/>
      <c r="AI2389" s="137"/>
      <c r="AJ2389" s="137"/>
      <c r="AK2389" s="137"/>
      <c r="AL2389" s="137"/>
      <c r="AM2389" s="137"/>
      <c r="AN2389" s="137"/>
      <c r="AO2389" s="137"/>
      <c r="AP2389" s="137"/>
      <c r="AQ2389" s="137"/>
      <c r="AR2389" s="137"/>
      <c r="AS2389" s="137"/>
      <c r="AT2389" s="137"/>
      <c r="AU2389" s="137"/>
      <c r="AV2389" s="137"/>
      <c r="AW2389" s="144"/>
    </row>
    <row r="2390" spans="7:49" x14ac:dyDescent="0.2">
      <c r="G2390" s="43"/>
      <c r="Z2390" s="143"/>
      <c r="AA2390" s="137"/>
      <c r="AB2390" s="137"/>
      <c r="AC2390" s="137"/>
      <c r="AD2390" s="137"/>
      <c r="AE2390" s="137"/>
      <c r="AF2390" s="137"/>
      <c r="AG2390" s="137"/>
      <c r="AH2390" s="137"/>
      <c r="AI2390" s="137"/>
      <c r="AJ2390" s="137"/>
      <c r="AK2390" s="137"/>
      <c r="AL2390" s="137"/>
      <c r="AM2390" s="137"/>
      <c r="AN2390" s="137"/>
      <c r="AO2390" s="137"/>
      <c r="AP2390" s="137"/>
      <c r="AQ2390" s="137"/>
      <c r="AR2390" s="137"/>
      <c r="AS2390" s="137"/>
      <c r="AT2390" s="137"/>
      <c r="AU2390" s="137"/>
      <c r="AV2390" s="137"/>
      <c r="AW2390" s="144"/>
    </row>
    <row r="2391" spans="7:49" x14ac:dyDescent="0.2">
      <c r="G2391" s="43"/>
      <c r="Z2391" s="143"/>
      <c r="AA2391" s="137"/>
      <c r="AB2391" s="137"/>
      <c r="AC2391" s="137"/>
      <c r="AD2391" s="137"/>
      <c r="AE2391" s="137"/>
      <c r="AF2391" s="137"/>
      <c r="AG2391" s="137"/>
      <c r="AH2391" s="137"/>
      <c r="AI2391" s="137"/>
      <c r="AJ2391" s="137"/>
      <c r="AK2391" s="137"/>
      <c r="AL2391" s="137"/>
      <c r="AM2391" s="137"/>
      <c r="AN2391" s="137"/>
      <c r="AO2391" s="137"/>
      <c r="AP2391" s="137"/>
      <c r="AQ2391" s="137"/>
      <c r="AR2391" s="137"/>
      <c r="AS2391" s="137"/>
      <c r="AT2391" s="137"/>
      <c r="AU2391" s="137"/>
      <c r="AV2391" s="137"/>
      <c r="AW2391" s="144"/>
    </row>
    <row r="2392" spans="7:49" x14ac:dyDescent="0.2">
      <c r="G2392" s="43"/>
      <c r="Z2392" s="143"/>
      <c r="AA2392" s="137"/>
      <c r="AB2392" s="137"/>
      <c r="AC2392" s="137"/>
      <c r="AD2392" s="137"/>
      <c r="AE2392" s="137"/>
      <c r="AF2392" s="137"/>
      <c r="AG2392" s="137"/>
      <c r="AH2392" s="137"/>
      <c r="AI2392" s="137"/>
      <c r="AJ2392" s="137"/>
      <c r="AK2392" s="137"/>
      <c r="AL2392" s="137"/>
      <c r="AM2392" s="137"/>
      <c r="AN2392" s="137"/>
      <c r="AO2392" s="137"/>
      <c r="AP2392" s="137"/>
      <c r="AQ2392" s="137"/>
      <c r="AR2392" s="137"/>
      <c r="AS2392" s="137"/>
      <c r="AT2392" s="137"/>
      <c r="AU2392" s="137"/>
      <c r="AV2392" s="137"/>
      <c r="AW2392" s="144"/>
    </row>
    <row r="2393" spans="7:49" x14ac:dyDescent="0.2">
      <c r="G2393" s="43"/>
      <c r="Z2393" s="143"/>
      <c r="AA2393" s="137"/>
      <c r="AB2393" s="137"/>
      <c r="AC2393" s="137"/>
      <c r="AD2393" s="137"/>
      <c r="AE2393" s="137"/>
      <c r="AF2393" s="137"/>
      <c r="AG2393" s="137"/>
      <c r="AH2393" s="137"/>
      <c r="AI2393" s="137"/>
      <c r="AJ2393" s="137"/>
      <c r="AK2393" s="137"/>
      <c r="AL2393" s="137"/>
      <c r="AM2393" s="137"/>
      <c r="AN2393" s="137"/>
      <c r="AO2393" s="137"/>
      <c r="AP2393" s="137"/>
      <c r="AQ2393" s="137"/>
      <c r="AR2393" s="137"/>
      <c r="AS2393" s="137"/>
      <c r="AT2393" s="137"/>
      <c r="AU2393" s="137"/>
      <c r="AV2393" s="137"/>
      <c r="AW2393" s="144"/>
    </row>
    <row r="2394" spans="7:49" x14ac:dyDescent="0.2">
      <c r="G2394" s="43"/>
      <c r="Z2394" s="143"/>
      <c r="AA2394" s="137"/>
      <c r="AB2394" s="137"/>
      <c r="AC2394" s="137"/>
      <c r="AD2394" s="137"/>
      <c r="AE2394" s="137"/>
      <c r="AF2394" s="137"/>
      <c r="AG2394" s="137"/>
      <c r="AH2394" s="137"/>
      <c r="AI2394" s="137"/>
      <c r="AJ2394" s="137"/>
      <c r="AK2394" s="137"/>
      <c r="AL2394" s="137"/>
      <c r="AM2394" s="137"/>
      <c r="AN2394" s="137"/>
      <c r="AO2394" s="137"/>
      <c r="AP2394" s="137"/>
      <c r="AQ2394" s="137"/>
      <c r="AR2394" s="137"/>
      <c r="AS2394" s="137"/>
      <c r="AT2394" s="137"/>
      <c r="AU2394" s="137"/>
      <c r="AV2394" s="137"/>
      <c r="AW2394" s="144"/>
    </row>
    <row r="2395" spans="7:49" x14ac:dyDescent="0.2">
      <c r="G2395" s="43"/>
      <c r="Z2395" s="143"/>
      <c r="AA2395" s="137"/>
      <c r="AB2395" s="137"/>
      <c r="AC2395" s="137"/>
      <c r="AD2395" s="137"/>
      <c r="AE2395" s="137"/>
      <c r="AF2395" s="137"/>
      <c r="AG2395" s="137"/>
      <c r="AH2395" s="137"/>
      <c r="AI2395" s="137"/>
      <c r="AJ2395" s="137"/>
      <c r="AK2395" s="137"/>
      <c r="AL2395" s="137"/>
      <c r="AM2395" s="137"/>
      <c r="AN2395" s="137"/>
      <c r="AO2395" s="137"/>
      <c r="AP2395" s="137"/>
      <c r="AQ2395" s="137"/>
      <c r="AR2395" s="137"/>
      <c r="AS2395" s="137"/>
      <c r="AT2395" s="137"/>
      <c r="AU2395" s="137"/>
      <c r="AV2395" s="137"/>
      <c r="AW2395" s="144"/>
    </row>
    <row r="2396" spans="7:49" x14ac:dyDescent="0.2">
      <c r="G2396" s="43"/>
      <c r="Z2396" s="143"/>
      <c r="AA2396" s="137"/>
      <c r="AB2396" s="137"/>
      <c r="AC2396" s="137"/>
      <c r="AD2396" s="137"/>
      <c r="AE2396" s="137"/>
      <c r="AF2396" s="137"/>
      <c r="AG2396" s="137"/>
      <c r="AH2396" s="137"/>
      <c r="AI2396" s="137"/>
      <c r="AJ2396" s="137"/>
      <c r="AK2396" s="137"/>
      <c r="AL2396" s="137"/>
      <c r="AM2396" s="137"/>
      <c r="AN2396" s="137"/>
      <c r="AO2396" s="137"/>
      <c r="AP2396" s="137"/>
      <c r="AQ2396" s="137"/>
      <c r="AR2396" s="137"/>
      <c r="AS2396" s="137"/>
      <c r="AT2396" s="137"/>
      <c r="AU2396" s="137"/>
      <c r="AV2396" s="137"/>
      <c r="AW2396" s="144"/>
    </row>
    <row r="2397" spans="7:49" x14ac:dyDescent="0.2">
      <c r="G2397" s="43"/>
      <c r="Z2397" s="143"/>
      <c r="AA2397" s="137"/>
      <c r="AB2397" s="137"/>
      <c r="AC2397" s="137"/>
      <c r="AD2397" s="137"/>
      <c r="AE2397" s="137"/>
      <c r="AF2397" s="137"/>
      <c r="AG2397" s="137"/>
      <c r="AH2397" s="137"/>
      <c r="AI2397" s="137"/>
      <c r="AJ2397" s="137"/>
      <c r="AK2397" s="137"/>
      <c r="AL2397" s="137"/>
      <c r="AM2397" s="137"/>
      <c r="AN2397" s="137"/>
      <c r="AO2397" s="137"/>
      <c r="AP2397" s="137"/>
      <c r="AQ2397" s="137"/>
      <c r="AR2397" s="137"/>
      <c r="AS2397" s="137"/>
      <c r="AT2397" s="137"/>
      <c r="AU2397" s="137"/>
      <c r="AV2397" s="137"/>
      <c r="AW2397" s="144"/>
    </row>
    <row r="2398" spans="7:49" x14ac:dyDescent="0.2">
      <c r="G2398" s="43"/>
      <c r="Z2398" s="143"/>
      <c r="AA2398" s="137"/>
      <c r="AB2398" s="137"/>
      <c r="AC2398" s="137"/>
      <c r="AD2398" s="137"/>
      <c r="AE2398" s="137"/>
      <c r="AF2398" s="137"/>
      <c r="AG2398" s="137"/>
      <c r="AH2398" s="137"/>
      <c r="AI2398" s="137"/>
      <c r="AJ2398" s="137"/>
      <c r="AK2398" s="137"/>
      <c r="AL2398" s="137"/>
      <c r="AM2398" s="137"/>
      <c r="AN2398" s="137"/>
      <c r="AO2398" s="137"/>
      <c r="AP2398" s="137"/>
      <c r="AQ2398" s="137"/>
      <c r="AR2398" s="137"/>
      <c r="AS2398" s="137"/>
      <c r="AT2398" s="137"/>
      <c r="AU2398" s="137"/>
      <c r="AV2398" s="137"/>
      <c r="AW2398" s="144"/>
    </row>
    <row r="2399" spans="7:49" x14ac:dyDescent="0.2">
      <c r="G2399" s="43"/>
      <c r="Z2399" s="143"/>
      <c r="AA2399" s="137"/>
      <c r="AB2399" s="137"/>
      <c r="AC2399" s="137"/>
      <c r="AD2399" s="137"/>
      <c r="AE2399" s="137"/>
      <c r="AF2399" s="137"/>
      <c r="AG2399" s="137"/>
      <c r="AH2399" s="137"/>
      <c r="AI2399" s="137"/>
      <c r="AJ2399" s="137"/>
      <c r="AK2399" s="137"/>
      <c r="AL2399" s="137"/>
      <c r="AM2399" s="137"/>
      <c r="AN2399" s="137"/>
      <c r="AO2399" s="137"/>
      <c r="AP2399" s="137"/>
      <c r="AQ2399" s="137"/>
      <c r="AR2399" s="137"/>
      <c r="AS2399" s="137"/>
      <c r="AT2399" s="137"/>
      <c r="AU2399" s="137"/>
      <c r="AV2399" s="137"/>
      <c r="AW2399" s="144"/>
    </row>
    <row r="2400" spans="7:49" x14ac:dyDescent="0.2">
      <c r="G2400" s="43"/>
      <c r="Z2400" s="143"/>
      <c r="AA2400" s="137"/>
      <c r="AB2400" s="137"/>
      <c r="AC2400" s="137"/>
      <c r="AD2400" s="137"/>
      <c r="AE2400" s="137"/>
      <c r="AF2400" s="137"/>
      <c r="AG2400" s="137"/>
      <c r="AH2400" s="137"/>
      <c r="AI2400" s="137"/>
      <c r="AJ2400" s="137"/>
      <c r="AK2400" s="137"/>
      <c r="AL2400" s="137"/>
      <c r="AM2400" s="137"/>
      <c r="AN2400" s="137"/>
      <c r="AO2400" s="137"/>
      <c r="AP2400" s="137"/>
      <c r="AQ2400" s="137"/>
      <c r="AR2400" s="137"/>
      <c r="AS2400" s="137"/>
      <c r="AT2400" s="137"/>
      <c r="AU2400" s="137"/>
      <c r="AV2400" s="137"/>
      <c r="AW2400" s="144"/>
    </row>
    <row r="2401" spans="7:49" x14ac:dyDescent="0.2">
      <c r="G2401" s="43"/>
      <c r="Z2401" s="143"/>
      <c r="AA2401" s="137"/>
      <c r="AB2401" s="137"/>
      <c r="AC2401" s="137"/>
      <c r="AD2401" s="137"/>
      <c r="AE2401" s="137"/>
      <c r="AF2401" s="137"/>
      <c r="AG2401" s="137"/>
      <c r="AH2401" s="137"/>
      <c r="AI2401" s="137"/>
      <c r="AJ2401" s="137"/>
      <c r="AK2401" s="137"/>
      <c r="AL2401" s="137"/>
      <c r="AM2401" s="137"/>
      <c r="AN2401" s="137"/>
      <c r="AO2401" s="137"/>
      <c r="AP2401" s="137"/>
      <c r="AQ2401" s="137"/>
      <c r="AR2401" s="137"/>
      <c r="AS2401" s="137"/>
      <c r="AT2401" s="137"/>
      <c r="AU2401" s="137"/>
      <c r="AV2401" s="137"/>
      <c r="AW2401" s="144"/>
    </row>
    <row r="2402" spans="7:49" x14ac:dyDescent="0.2">
      <c r="G2402" s="43"/>
      <c r="Z2402" s="143"/>
      <c r="AA2402" s="137"/>
      <c r="AB2402" s="137"/>
      <c r="AC2402" s="137"/>
      <c r="AD2402" s="137"/>
      <c r="AE2402" s="137"/>
      <c r="AF2402" s="137"/>
      <c r="AG2402" s="137"/>
      <c r="AH2402" s="137"/>
      <c r="AI2402" s="137"/>
      <c r="AJ2402" s="137"/>
      <c r="AK2402" s="137"/>
      <c r="AL2402" s="137"/>
      <c r="AM2402" s="137"/>
      <c r="AN2402" s="137"/>
      <c r="AO2402" s="137"/>
      <c r="AP2402" s="137"/>
      <c r="AQ2402" s="137"/>
      <c r="AR2402" s="137"/>
      <c r="AS2402" s="137"/>
      <c r="AT2402" s="137"/>
      <c r="AU2402" s="137"/>
      <c r="AV2402" s="137"/>
      <c r="AW2402" s="144"/>
    </row>
    <row r="2403" spans="7:49" x14ac:dyDescent="0.2">
      <c r="G2403" s="43"/>
      <c r="Z2403" s="143"/>
      <c r="AA2403" s="137"/>
      <c r="AB2403" s="137"/>
      <c r="AC2403" s="137"/>
      <c r="AD2403" s="137"/>
      <c r="AE2403" s="137"/>
      <c r="AF2403" s="137"/>
      <c r="AG2403" s="137"/>
      <c r="AH2403" s="137"/>
      <c r="AI2403" s="137"/>
      <c r="AJ2403" s="137"/>
      <c r="AK2403" s="137"/>
      <c r="AL2403" s="137"/>
      <c r="AM2403" s="137"/>
      <c r="AN2403" s="137"/>
      <c r="AO2403" s="137"/>
      <c r="AP2403" s="137"/>
      <c r="AQ2403" s="137"/>
      <c r="AR2403" s="137"/>
      <c r="AS2403" s="137"/>
      <c r="AT2403" s="137"/>
      <c r="AU2403" s="137"/>
      <c r="AV2403" s="137"/>
      <c r="AW2403" s="144"/>
    </row>
    <row r="2404" spans="7:49" x14ac:dyDescent="0.2">
      <c r="G2404" s="43"/>
      <c r="Z2404" s="143"/>
      <c r="AA2404" s="137"/>
      <c r="AB2404" s="137"/>
      <c r="AC2404" s="137"/>
      <c r="AD2404" s="137"/>
      <c r="AE2404" s="137"/>
      <c r="AF2404" s="137"/>
      <c r="AG2404" s="137"/>
      <c r="AH2404" s="137"/>
      <c r="AI2404" s="137"/>
      <c r="AJ2404" s="137"/>
      <c r="AK2404" s="137"/>
      <c r="AL2404" s="137"/>
      <c r="AM2404" s="137"/>
      <c r="AN2404" s="137"/>
      <c r="AO2404" s="137"/>
      <c r="AP2404" s="137"/>
      <c r="AQ2404" s="137"/>
      <c r="AR2404" s="137"/>
      <c r="AS2404" s="137"/>
      <c r="AT2404" s="137"/>
      <c r="AU2404" s="137"/>
      <c r="AV2404" s="137"/>
      <c r="AW2404" s="144"/>
    </row>
    <row r="2405" spans="7:49" x14ac:dyDescent="0.2">
      <c r="G2405" s="43"/>
      <c r="Z2405" s="143"/>
      <c r="AA2405" s="137"/>
      <c r="AB2405" s="137"/>
      <c r="AC2405" s="137"/>
      <c r="AD2405" s="137"/>
      <c r="AE2405" s="137"/>
      <c r="AF2405" s="137"/>
      <c r="AG2405" s="137"/>
      <c r="AH2405" s="137"/>
      <c r="AI2405" s="137"/>
      <c r="AJ2405" s="137"/>
      <c r="AK2405" s="137"/>
      <c r="AL2405" s="137"/>
      <c r="AM2405" s="137"/>
      <c r="AN2405" s="137"/>
      <c r="AO2405" s="137"/>
      <c r="AP2405" s="137"/>
      <c r="AQ2405" s="137"/>
      <c r="AR2405" s="137"/>
      <c r="AS2405" s="137"/>
      <c r="AT2405" s="137"/>
      <c r="AU2405" s="137"/>
      <c r="AV2405" s="137"/>
      <c r="AW2405" s="144"/>
    </row>
    <row r="2406" spans="7:49" x14ac:dyDescent="0.2">
      <c r="G2406" s="43"/>
      <c r="Z2406" s="143"/>
      <c r="AA2406" s="137"/>
      <c r="AB2406" s="137"/>
      <c r="AC2406" s="137"/>
      <c r="AD2406" s="137"/>
      <c r="AE2406" s="137"/>
      <c r="AF2406" s="137"/>
      <c r="AG2406" s="137"/>
      <c r="AH2406" s="137"/>
      <c r="AI2406" s="137"/>
      <c r="AJ2406" s="137"/>
      <c r="AK2406" s="137"/>
      <c r="AL2406" s="137"/>
      <c r="AM2406" s="137"/>
      <c r="AN2406" s="137"/>
      <c r="AO2406" s="137"/>
      <c r="AP2406" s="137"/>
      <c r="AQ2406" s="137"/>
      <c r="AR2406" s="137"/>
      <c r="AS2406" s="137"/>
      <c r="AT2406" s="137"/>
      <c r="AU2406" s="137"/>
      <c r="AV2406" s="137"/>
      <c r="AW2406" s="144"/>
    </row>
    <row r="2407" spans="7:49" x14ac:dyDescent="0.2">
      <c r="G2407" s="43"/>
      <c r="Z2407" s="143"/>
      <c r="AA2407" s="137"/>
      <c r="AB2407" s="137"/>
      <c r="AC2407" s="137"/>
      <c r="AD2407" s="137"/>
      <c r="AE2407" s="137"/>
      <c r="AF2407" s="137"/>
      <c r="AG2407" s="137"/>
      <c r="AH2407" s="137"/>
      <c r="AI2407" s="137"/>
      <c r="AJ2407" s="137"/>
      <c r="AK2407" s="137"/>
      <c r="AL2407" s="137"/>
      <c r="AM2407" s="137"/>
      <c r="AN2407" s="137"/>
      <c r="AO2407" s="137"/>
      <c r="AP2407" s="137"/>
      <c r="AQ2407" s="137"/>
      <c r="AR2407" s="137"/>
      <c r="AS2407" s="137"/>
      <c r="AT2407" s="137"/>
      <c r="AU2407" s="137"/>
      <c r="AV2407" s="137"/>
      <c r="AW2407" s="144"/>
    </row>
    <row r="2408" spans="7:49" x14ac:dyDescent="0.2">
      <c r="G2408" s="43"/>
      <c r="Z2408" s="143"/>
      <c r="AA2408" s="137"/>
      <c r="AB2408" s="137"/>
      <c r="AC2408" s="137"/>
      <c r="AD2408" s="137"/>
      <c r="AE2408" s="137"/>
      <c r="AF2408" s="137"/>
      <c r="AG2408" s="137"/>
      <c r="AH2408" s="137"/>
      <c r="AI2408" s="137"/>
      <c r="AJ2408" s="137"/>
      <c r="AK2408" s="137"/>
      <c r="AL2408" s="137"/>
      <c r="AM2408" s="137"/>
      <c r="AN2408" s="137"/>
      <c r="AO2408" s="137"/>
      <c r="AP2408" s="137"/>
      <c r="AQ2408" s="137"/>
      <c r="AR2408" s="137"/>
      <c r="AS2408" s="137"/>
      <c r="AT2408" s="137"/>
      <c r="AU2408" s="137"/>
      <c r="AV2408" s="137"/>
      <c r="AW2408" s="144"/>
    </row>
    <row r="2409" spans="7:49" x14ac:dyDescent="0.2">
      <c r="G2409" s="43"/>
      <c r="Z2409" s="143"/>
      <c r="AA2409" s="137"/>
      <c r="AB2409" s="137"/>
      <c r="AC2409" s="137"/>
      <c r="AD2409" s="137"/>
      <c r="AE2409" s="137"/>
      <c r="AF2409" s="137"/>
      <c r="AG2409" s="137"/>
      <c r="AH2409" s="137"/>
      <c r="AI2409" s="137"/>
      <c r="AJ2409" s="137"/>
      <c r="AK2409" s="137"/>
      <c r="AL2409" s="137"/>
      <c r="AM2409" s="137"/>
      <c r="AN2409" s="137"/>
      <c r="AO2409" s="137"/>
      <c r="AP2409" s="137"/>
      <c r="AQ2409" s="137"/>
      <c r="AR2409" s="137"/>
      <c r="AS2409" s="137"/>
      <c r="AT2409" s="137"/>
      <c r="AU2409" s="137"/>
      <c r="AV2409" s="137"/>
      <c r="AW2409" s="144"/>
    </row>
    <row r="2410" spans="7:49" x14ac:dyDescent="0.2">
      <c r="G2410" s="43"/>
      <c r="Z2410" s="143"/>
      <c r="AA2410" s="137"/>
      <c r="AB2410" s="137"/>
      <c r="AC2410" s="137"/>
      <c r="AD2410" s="137"/>
      <c r="AE2410" s="137"/>
      <c r="AF2410" s="137"/>
      <c r="AG2410" s="137"/>
      <c r="AH2410" s="137"/>
      <c r="AI2410" s="137"/>
      <c r="AJ2410" s="137"/>
      <c r="AK2410" s="137"/>
      <c r="AL2410" s="137"/>
      <c r="AM2410" s="137"/>
      <c r="AN2410" s="137"/>
      <c r="AO2410" s="137"/>
      <c r="AP2410" s="137"/>
      <c r="AQ2410" s="137"/>
      <c r="AR2410" s="137"/>
      <c r="AS2410" s="137"/>
      <c r="AT2410" s="137"/>
      <c r="AU2410" s="137"/>
      <c r="AV2410" s="137"/>
      <c r="AW2410" s="144"/>
    </row>
    <row r="2411" spans="7:49" x14ac:dyDescent="0.2">
      <c r="G2411" s="43"/>
      <c r="Z2411" s="143"/>
      <c r="AA2411" s="137"/>
      <c r="AB2411" s="137"/>
      <c r="AC2411" s="137"/>
      <c r="AD2411" s="137"/>
      <c r="AE2411" s="137"/>
      <c r="AF2411" s="137"/>
      <c r="AG2411" s="137"/>
      <c r="AH2411" s="137"/>
      <c r="AI2411" s="137"/>
      <c r="AJ2411" s="137"/>
      <c r="AK2411" s="137"/>
      <c r="AL2411" s="137"/>
      <c r="AM2411" s="137"/>
      <c r="AN2411" s="137"/>
      <c r="AO2411" s="137"/>
      <c r="AP2411" s="137"/>
      <c r="AQ2411" s="137"/>
      <c r="AR2411" s="137"/>
      <c r="AS2411" s="137"/>
      <c r="AT2411" s="137"/>
      <c r="AU2411" s="137"/>
      <c r="AV2411" s="137"/>
      <c r="AW2411" s="144"/>
    </row>
    <row r="2412" spans="7:49" x14ac:dyDescent="0.2">
      <c r="G2412" s="43"/>
      <c r="Z2412" s="143"/>
      <c r="AA2412" s="137"/>
      <c r="AB2412" s="137"/>
      <c r="AC2412" s="137"/>
      <c r="AD2412" s="137"/>
      <c r="AE2412" s="137"/>
      <c r="AF2412" s="137"/>
      <c r="AG2412" s="137"/>
      <c r="AH2412" s="137"/>
      <c r="AI2412" s="137"/>
      <c r="AJ2412" s="137"/>
      <c r="AK2412" s="137"/>
      <c r="AL2412" s="137"/>
      <c r="AM2412" s="137"/>
      <c r="AN2412" s="137"/>
      <c r="AO2412" s="137"/>
      <c r="AP2412" s="137"/>
      <c r="AQ2412" s="137"/>
      <c r="AR2412" s="137"/>
      <c r="AS2412" s="137"/>
      <c r="AT2412" s="137"/>
      <c r="AU2412" s="137"/>
      <c r="AV2412" s="137"/>
      <c r="AW2412" s="144"/>
    </row>
    <row r="2413" spans="7:49" x14ac:dyDescent="0.2">
      <c r="G2413" s="43"/>
      <c r="Z2413" s="143"/>
      <c r="AA2413" s="137"/>
      <c r="AB2413" s="137"/>
      <c r="AC2413" s="137"/>
      <c r="AD2413" s="137"/>
      <c r="AE2413" s="137"/>
      <c r="AF2413" s="137"/>
      <c r="AG2413" s="137"/>
      <c r="AH2413" s="137"/>
      <c r="AI2413" s="137"/>
      <c r="AJ2413" s="137"/>
      <c r="AK2413" s="137"/>
      <c r="AL2413" s="137"/>
      <c r="AM2413" s="137"/>
      <c r="AN2413" s="137"/>
      <c r="AO2413" s="137"/>
      <c r="AP2413" s="137"/>
      <c r="AQ2413" s="137"/>
      <c r="AR2413" s="137"/>
      <c r="AS2413" s="137"/>
      <c r="AT2413" s="137"/>
      <c r="AU2413" s="137"/>
      <c r="AV2413" s="137"/>
      <c r="AW2413" s="144"/>
    </row>
    <row r="2414" spans="7:49" x14ac:dyDescent="0.2">
      <c r="G2414" s="43"/>
      <c r="Z2414" s="143"/>
      <c r="AA2414" s="137"/>
      <c r="AB2414" s="137"/>
      <c r="AC2414" s="137"/>
      <c r="AD2414" s="137"/>
      <c r="AE2414" s="137"/>
      <c r="AF2414" s="137"/>
      <c r="AG2414" s="137"/>
      <c r="AH2414" s="137"/>
      <c r="AI2414" s="137"/>
      <c r="AJ2414" s="137"/>
      <c r="AK2414" s="137"/>
      <c r="AL2414" s="137"/>
      <c r="AM2414" s="137"/>
      <c r="AN2414" s="137"/>
      <c r="AO2414" s="137"/>
      <c r="AP2414" s="137"/>
      <c r="AQ2414" s="137"/>
      <c r="AR2414" s="137"/>
      <c r="AS2414" s="137"/>
      <c r="AT2414" s="137"/>
      <c r="AU2414" s="137"/>
      <c r="AV2414" s="137"/>
      <c r="AW2414" s="144"/>
    </row>
    <row r="2415" spans="7:49" x14ac:dyDescent="0.2">
      <c r="G2415" s="43"/>
      <c r="Z2415" s="143"/>
      <c r="AA2415" s="137"/>
      <c r="AB2415" s="137"/>
      <c r="AC2415" s="137"/>
      <c r="AD2415" s="137"/>
      <c r="AE2415" s="137"/>
      <c r="AF2415" s="137"/>
      <c r="AG2415" s="137"/>
      <c r="AH2415" s="137"/>
      <c r="AI2415" s="137"/>
      <c r="AJ2415" s="137"/>
      <c r="AK2415" s="137"/>
      <c r="AL2415" s="137"/>
      <c r="AM2415" s="137"/>
      <c r="AN2415" s="137"/>
      <c r="AO2415" s="137"/>
      <c r="AP2415" s="137"/>
      <c r="AQ2415" s="137"/>
      <c r="AR2415" s="137"/>
      <c r="AS2415" s="137"/>
      <c r="AT2415" s="137"/>
      <c r="AU2415" s="137"/>
      <c r="AV2415" s="137"/>
      <c r="AW2415" s="144"/>
    </row>
    <row r="2416" spans="7:49" x14ac:dyDescent="0.2">
      <c r="G2416" s="43"/>
      <c r="Z2416" s="143"/>
      <c r="AA2416" s="137"/>
      <c r="AB2416" s="137"/>
      <c r="AC2416" s="137"/>
      <c r="AD2416" s="137"/>
      <c r="AE2416" s="137"/>
      <c r="AF2416" s="137"/>
      <c r="AG2416" s="137"/>
      <c r="AH2416" s="137"/>
      <c r="AI2416" s="137"/>
      <c r="AJ2416" s="137"/>
      <c r="AK2416" s="137"/>
      <c r="AL2416" s="137"/>
      <c r="AM2416" s="137"/>
      <c r="AN2416" s="137"/>
      <c r="AO2416" s="137"/>
      <c r="AP2416" s="137"/>
      <c r="AQ2416" s="137"/>
      <c r="AR2416" s="137"/>
      <c r="AS2416" s="137"/>
      <c r="AT2416" s="137"/>
      <c r="AU2416" s="137"/>
      <c r="AV2416" s="137"/>
      <c r="AW2416" s="144"/>
    </row>
    <row r="2417" spans="7:49" x14ac:dyDescent="0.2">
      <c r="G2417" s="43"/>
      <c r="Z2417" s="143"/>
      <c r="AA2417" s="137"/>
      <c r="AB2417" s="137"/>
      <c r="AC2417" s="137"/>
      <c r="AD2417" s="137"/>
      <c r="AE2417" s="137"/>
      <c r="AF2417" s="137"/>
      <c r="AG2417" s="137"/>
      <c r="AH2417" s="137"/>
      <c r="AI2417" s="137"/>
      <c r="AJ2417" s="137"/>
      <c r="AK2417" s="137"/>
      <c r="AL2417" s="137"/>
      <c r="AM2417" s="137"/>
      <c r="AN2417" s="137"/>
      <c r="AO2417" s="137"/>
      <c r="AP2417" s="137"/>
      <c r="AQ2417" s="137"/>
      <c r="AR2417" s="137"/>
      <c r="AS2417" s="137"/>
      <c r="AT2417" s="137"/>
      <c r="AU2417" s="137"/>
      <c r="AV2417" s="137"/>
      <c r="AW2417" s="144"/>
    </row>
    <row r="2418" spans="7:49" x14ac:dyDescent="0.2">
      <c r="G2418" s="43"/>
      <c r="Z2418" s="143"/>
      <c r="AA2418" s="137"/>
      <c r="AB2418" s="137"/>
      <c r="AC2418" s="137"/>
      <c r="AD2418" s="137"/>
      <c r="AE2418" s="137"/>
      <c r="AF2418" s="137"/>
      <c r="AG2418" s="137"/>
      <c r="AH2418" s="137"/>
      <c r="AI2418" s="137"/>
      <c r="AJ2418" s="137"/>
      <c r="AK2418" s="137"/>
      <c r="AL2418" s="137"/>
      <c r="AM2418" s="137"/>
      <c r="AN2418" s="137"/>
      <c r="AO2418" s="137"/>
      <c r="AP2418" s="137"/>
      <c r="AQ2418" s="137"/>
      <c r="AR2418" s="137"/>
      <c r="AS2418" s="137"/>
      <c r="AT2418" s="137"/>
      <c r="AU2418" s="137"/>
      <c r="AV2418" s="137"/>
      <c r="AW2418" s="144"/>
    </row>
    <row r="2419" spans="7:49" x14ac:dyDescent="0.2">
      <c r="G2419" s="43"/>
      <c r="Z2419" s="143"/>
      <c r="AA2419" s="137"/>
      <c r="AB2419" s="137"/>
      <c r="AC2419" s="137"/>
      <c r="AD2419" s="137"/>
      <c r="AE2419" s="137"/>
      <c r="AF2419" s="137"/>
      <c r="AG2419" s="137"/>
      <c r="AH2419" s="137"/>
      <c r="AI2419" s="137"/>
      <c r="AJ2419" s="137"/>
      <c r="AK2419" s="137"/>
      <c r="AL2419" s="137"/>
      <c r="AM2419" s="137"/>
      <c r="AN2419" s="137"/>
      <c r="AO2419" s="137"/>
      <c r="AP2419" s="137"/>
      <c r="AQ2419" s="137"/>
      <c r="AR2419" s="137"/>
      <c r="AS2419" s="137"/>
      <c r="AT2419" s="137"/>
      <c r="AU2419" s="137"/>
      <c r="AV2419" s="137"/>
      <c r="AW2419" s="144"/>
    </row>
    <row r="2420" spans="7:49" x14ac:dyDescent="0.2">
      <c r="G2420" s="43"/>
      <c r="Z2420" s="143"/>
      <c r="AA2420" s="137"/>
      <c r="AB2420" s="137"/>
      <c r="AC2420" s="137"/>
      <c r="AD2420" s="137"/>
      <c r="AE2420" s="137"/>
      <c r="AF2420" s="137"/>
      <c r="AG2420" s="137"/>
      <c r="AH2420" s="137"/>
      <c r="AI2420" s="137"/>
      <c r="AJ2420" s="137"/>
      <c r="AK2420" s="137"/>
      <c r="AL2420" s="137"/>
      <c r="AM2420" s="137"/>
      <c r="AN2420" s="137"/>
      <c r="AO2420" s="137"/>
      <c r="AP2420" s="137"/>
      <c r="AQ2420" s="137"/>
      <c r="AR2420" s="137"/>
      <c r="AS2420" s="137"/>
      <c r="AT2420" s="137"/>
      <c r="AU2420" s="137"/>
      <c r="AV2420" s="137"/>
      <c r="AW2420" s="144"/>
    </row>
    <row r="2421" spans="7:49" x14ac:dyDescent="0.2">
      <c r="G2421" s="43"/>
      <c r="Z2421" s="143"/>
      <c r="AA2421" s="137"/>
      <c r="AB2421" s="137"/>
      <c r="AC2421" s="137"/>
      <c r="AD2421" s="137"/>
      <c r="AE2421" s="137"/>
      <c r="AF2421" s="137"/>
      <c r="AG2421" s="137"/>
      <c r="AH2421" s="137"/>
      <c r="AI2421" s="137"/>
      <c r="AJ2421" s="137"/>
      <c r="AK2421" s="137"/>
      <c r="AL2421" s="137"/>
      <c r="AM2421" s="137"/>
      <c r="AN2421" s="137"/>
      <c r="AO2421" s="137"/>
      <c r="AP2421" s="137"/>
      <c r="AQ2421" s="137"/>
      <c r="AR2421" s="137"/>
      <c r="AS2421" s="137"/>
      <c r="AT2421" s="137"/>
      <c r="AU2421" s="137"/>
      <c r="AV2421" s="137"/>
      <c r="AW2421" s="144"/>
    </row>
    <row r="2422" spans="7:49" x14ac:dyDescent="0.2">
      <c r="G2422" s="43"/>
      <c r="Z2422" s="143"/>
      <c r="AA2422" s="137"/>
      <c r="AB2422" s="137"/>
      <c r="AC2422" s="137"/>
      <c r="AD2422" s="137"/>
      <c r="AE2422" s="137"/>
      <c r="AF2422" s="137"/>
      <c r="AG2422" s="137"/>
      <c r="AH2422" s="137"/>
      <c r="AI2422" s="137"/>
      <c r="AJ2422" s="137"/>
      <c r="AK2422" s="137"/>
      <c r="AL2422" s="137"/>
      <c r="AM2422" s="137"/>
      <c r="AN2422" s="137"/>
      <c r="AO2422" s="137"/>
      <c r="AP2422" s="137"/>
      <c r="AQ2422" s="137"/>
      <c r="AR2422" s="137"/>
      <c r="AS2422" s="137"/>
      <c r="AT2422" s="137"/>
      <c r="AU2422" s="137"/>
      <c r="AV2422" s="137"/>
      <c r="AW2422" s="144"/>
    </row>
    <row r="2423" spans="7:49" x14ac:dyDescent="0.2">
      <c r="G2423" s="43"/>
      <c r="Z2423" s="143"/>
      <c r="AA2423" s="137"/>
      <c r="AB2423" s="137"/>
      <c r="AC2423" s="137"/>
      <c r="AD2423" s="137"/>
      <c r="AE2423" s="137"/>
      <c r="AF2423" s="137"/>
      <c r="AG2423" s="137"/>
      <c r="AH2423" s="137"/>
      <c r="AI2423" s="137"/>
      <c r="AJ2423" s="137"/>
      <c r="AK2423" s="137"/>
      <c r="AL2423" s="137"/>
      <c r="AM2423" s="137"/>
      <c r="AN2423" s="137"/>
      <c r="AO2423" s="137"/>
      <c r="AP2423" s="137"/>
      <c r="AQ2423" s="137"/>
      <c r="AR2423" s="137"/>
      <c r="AS2423" s="137"/>
      <c r="AT2423" s="137"/>
      <c r="AU2423" s="137"/>
      <c r="AV2423" s="137"/>
      <c r="AW2423" s="144"/>
    </row>
    <row r="2424" spans="7:49" x14ac:dyDescent="0.2">
      <c r="G2424" s="43"/>
      <c r="Z2424" s="143"/>
      <c r="AA2424" s="137"/>
      <c r="AB2424" s="137"/>
      <c r="AC2424" s="137"/>
      <c r="AD2424" s="137"/>
      <c r="AE2424" s="137"/>
      <c r="AF2424" s="137"/>
      <c r="AG2424" s="137"/>
      <c r="AH2424" s="137"/>
      <c r="AI2424" s="137"/>
      <c r="AJ2424" s="137"/>
      <c r="AK2424" s="137"/>
      <c r="AL2424" s="137"/>
      <c r="AM2424" s="137"/>
      <c r="AN2424" s="137"/>
      <c r="AO2424" s="137"/>
      <c r="AP2424" s="137"/>
      <c r="AQ2424" s="137"/>
      <c r="AR2424" s="137"/>
      <c r="AS2424" s="137"/>
      <c r="AT2424" s="137"/>
      <c r="AU2424" s="137"/>
      <c r="AV2424" s="137"/>
      <c r="AW2424" s="144"/>
    </row>
    <row r="2425" spans="7:49" x14ac:dyDescent="0.2">
      <c r="G2425" s="43"/>
      <c r="Z2425" s="143"/>
      <c r="AA2425" s="137"/>
      <c r="AB2425" s="137"/>
      <c r="AC2425" s="137"/>
      <c r="AD2425" s="137"/>
      <c r="AE2425" s="137"/>
      <c r="AF2425" s="137"/>
      <c r="AG2425" s="137"/>
      <c r="AH2425" s="137"/>
      <c r="AI2425" s="137"/>
      <c r="AJ2425" s="137"/>
      <c r="AK2425" s="137"/>
      <c r="AL2425" s="137"/>
      <c r="AM2425" s="137"/>
      <c r="AN2425" s="137"/>
      <c r="AO2425" s="137"/>
      <c r="AP2425" s="137"/>
      <c r="AQ2425" s="137"/>
      <c r="AR2425" s="137"/>
      <c r="AS2425" s="137"/>
      <c r="AT2425" s="137"/>
      <c r="AU2425" s="137"/>
      <c r="AV2425" s="137"/>
      <c r="AW2425" s="144"/>
    </row>
    <row r="2426" spans="7:49" x14ac:dyDescent="0.2">
      <c r="G2426" s="43"/>
      <c r="Z2426" s="143"/>
      <c r="AA2426" s="137"/>
      <c r="AB2426" s="137"/>
      <c r="AC2426" s="137"/>
      <c r="AD2426" s="137"/>
      <c r="AE2426" s="137"/>
      <c r="AF2426" s="137"/>
      <c r="AG2426" s="137"/>
      <c r="AH2426" s="137"/>
      <c r="AI2426" s="137"/>
      <c r="AJ2426" s="137"/>
      <c r="AK2426" s="137"/>
      <c r="AL2426" s="137"/>
      <c r="AM2426" s="137"/>
      <c r="AN2426" s="137"/>
      <c r="AO2426" s="137"/>
      <c r="AP2426" s="137"/>
      <c r="AQ2426" s="137"/>
      <c r="AR2426" s="137"/>
      <c r="AS2426" s="137"/>
      <c r="AT2426" s="137"/>
      <c r="AU2426" s="137"/>
      <c r="AV2426" s="137"/>
      <c r="AW2426" s="144"/>
    </row>
    <row r="2427" spans="7:49" x14ac:dyDescent="0.2">
      <c r="G2427" s="43"/>
      <c r="Z2427" s="143"/>
      <c r="AA2427" s="137"/>
      <c r="AB2427" s="137"/>
      <c r="AC2427" s="137"/>
      <c r="AD2427" s="137"/>
      <c r="AE2427" s="137"/>
      <c r="AF2427" s="137"/>
      <c r="AG2427" s="137"/>
      <c r="AH2427" s="137"/>
      <c r="AI2427" s="137"/>
      <c r="AJ2427" s="137"/>
      <c r="AK2427" s="137"/>
      <c r="AL2427" s="137"/>
      <c r="AM2427" s="137"/>
      <c r="AN2427" s="137"/>
      <c r="AO2427" s="137"/>
      <c r="AP2427" s="137"/>
      <c r="AQ2427" s="137"/>
      <c r="AR2427" s="137"/>
      <c r="AS2427" s="137"/>
      <c r="AT2427" s="137"/>
      <c r="AU2427" s="137"/>
      <c r="AV2427" s="137"/>
      <c r="AW2427" s="144"/>
    </row>
    <row r="2428" spans="7:49" x14ac:dyDescent="0.2">
      <c r="G2428" s="43"/>
      <c r="Z2428" s="143"/>
      <c r="AA2428" s="137"/>
      <c r="AB2428" s="137"/>
      <c r="AC2428" s="137"/>
      <c r="AD2428" s="137"/>
      <c r="AE2428" s="137"/>
      <c r="AF2428" s="137"/>
      <c r="AG2428" s="137"/>
      <c r="AH2428" s="137"/>
      <c r="AI2428" s="137"/>
      <c r="AJ2428" s="137"/>
      <c r="AK2428" s="137"/>
      <c r="AL2428" s="137"/>
      <c r="AM2428" s="137"/>
      <c r="AN2428" s="137"/>
      <c r="AO2428" s="137"/>
      <c r="AP2428" s="137"/>
      <c r="AQ2428" s="137"/>
      <c r="AR2428" s="137"/>
      <c r="AS2428" s="137"/>
      <c r="AT2428" s="137"/>
      <c r="AU2428" s="137"/>
      <c r="AV2428" s="137"/>
      <c r="AW2428" s="144"/>
    </row>
    <row r="2429" spans="7:49" x14ac:dyDescent="0.2">
      <c r="G2429" s="43"/>
      <c r="Z2429" s="143"/>
      <c r="AA2429" s="137"/>
      <c r="AB2429" s="137"/>
      <c r="AC2429" s="137"/>
      <c r="AD2429" s="137"/>
      <c r="AE2429" s="137"/>
      <c r="AF2429" s="137"/>
      <c r="AG2429" s="137"/>
      <c r="AH2429" s="137"/>
      <c r="AI2429" s="137"/>
      <c r="AJ2429" s="137"/>
      <c r="AK2429" s="137"/>
      <c r="AL2429" s="137"/>
      <c r="AM2429" s="137"/>
      <c r="AN2429" s="137"/>
      <c r="AO2429" s="137"/>
      <c r="AP2429" s="137"/>
      <c r="AQ2429" s="137"/>
      <c r="AR2429" s="137"/>
      <c r="AS2429" s="137"/>
      <c r="AT2429" s="137"/>
      <c r="AU2429" s="137"/>
      <c r="AV2429" s="137"/>
      <c r="AW2429" s="144"/>
    </row>
    <row r="2430" spans="7:49" x14ac:dyDescent="0.2">
      <c r="G2430" s="43"/>
      <c r="Z2430" s="143"/>
      <c r="AA2430" s="137"/>
      <c r="AB2430" s="137"/>
      <c r="AC2430" s="137"/>
      <c r="AD2430" s="137"/>
      <c r="AE2430" s="137"/>
      <c r="AF2430" s="137"/>
      <c r="AG2430" s="137"/>
      <c r="AH2430" s="137"/>
      <c r="AI2430" s="137"/>
      <c r="AJ2430" s="137"/>
      <c r="AK2430" s="137"/>
      <c r="AL2430" s="137"/>
      <c r="AM2430" s="137"/>
      <c r="AN2430" s="137"/>
      <c r="AO2430" s="137"/>
      <c r="AP2430" s="137"/>
      <c r="AQ2430" s="137"/>
      <c r="AR2430" s="137"/>
      <c r="AS2430" s="137"/>
      <c r="AT2430" s="137"/>
      <c r="AU2430" s="137"/>
      <c r="AV2430" s="137"/>
      <c r="AW2430" s="144"/>
    </row>
    <row r="2431" spans="7:49" x14ac:dyDescent="0.2">
      <c r="G2431" s="43"/>
      <c r="Z2431" s="143"/>
      <c r="AA2431" s="137"/>
      <c r="AB2431" s="137"/>
      <c r="AC2431" s="137"/>
      <c r="AD2431" s="137"/>
      <c r="AE2431" s="137"/>
      <c r="AF2431" s="137"/>
      <c r="AG2431" s="137"/>
      <c r="AH2431" s="137"/>
      <c r="AI2431" s="137"/>
      <c r="AJ2431" s="137"/>
      <c r="AK2431" s="137"/>
      <c r="AL2431" s="137"/>
      <c r="AM2431" s="137"/>
      <c r="AN2431" s="137"/>
      <c r="AO2431" s="137"/>
      <c r="AP2431" s="137"/>
      <c r="AQ2431" s="137"/>
      <c r="AR2431" s="137"/>
      <c r="AS2431" s="137"/>
      <c r="AT2431" s="137"/>
      <c r="AU2431" s="137"/>
      <c r="AV2431" s="137"/>
      <c r="AW2431" s="144"/>
    </row>
    <row r="2432" spans="7:49" x14ac:dyDescent="0.2">
      <c r="G2432" s="43"/>
      <c r="Z2432" s="143"/>
      <c r="AA2432" s="137"/>
      <c r="AB2432" s="137"/>
      <c r="AC2432" s="137"/>
      <c r="AD2432" s="137"/>
      <c r="AE2432" s="137"/>
      <c r="AF2432" s="137"/>
      <c r="AG2432" s="137"/>
      <c r="AH2432" s="137"/>
      <c r="AI2432" s="137"/>
      <c r="AJ2432" s="137"/>
      <c r="AK2432" s="137"/>
      <c r="AL2432" s="137"/>
      <c r="AM2432" s="137"/>
      <c r="AN2432" s="137"/>
      <c r="AO2432" s="137"/>
      <c r="AP2432" s="137"/>
      <c r="AQ2432" s="137"/>
      <c r="AR2432" s="137"/>
      <c r="AS2432" s="137"/>
      <c r="AT2432" s="137"/>
      <c r="AU2432" s="137"/>
      <c r="AV2432" s="137"/>
      <c r="AW2432" s="144"/>
    </row>
    <row r="2433" spans="7:49" x14ac:dyDescent="0.2">
      <c r="G2433" s="43"/>
      <c r="Z2433" s="143"/>
      <c r="AA2433" s="137"/>
      <c r="AB2433" s="137"/>
      <c r="AC2433" s="137"/>
      <c r="AD2433" s="137"/>
      <c r="AE2433" s="137"/>
      <c r="AF2433" s="137"/>
      <c r="AG2433" s="137"/>
      <c r="AH2433" s="137"/>
      <c r="AI2433" s="137"/>
      <c r="AJ2433" s="137"/>
      <c r="AK2433" s="137"/>
      <c r="AL2433" s="137"/>
      <c r="AM2433" s="137"/>
      <c r="AN2433" s="137"/>
      <c r="AO2433" s="137"/>
      <c r="AP2433" s="137"/>
      <c r="AQ2433" s="137"/>
      <c r="AR2433" s="137"/>
      <c r="AS2433" s="137"/>
      <c r="AT2433" s="137"/>
      <c r="AU2433" s="137"/>
      <c r="AV2433" s="137"/>
      <c r="AW2433" s="144"/>
    </row>
    <row r="2434" spans="7:49" x14ac:dyDescent="0.2">
      <c r="G2434" s="43"/>
      <c r="Z2434" s="143"/>
      <c r="AA2434" s="137"/>
      <c r="AB2434" s="137"/>
      <c r="AC2434" s="137"/>
      <c r="AD2434" s="137"/>
      <c r="AE2434" s="137"/>
      <c r="AF2434" s="137"/>
      <c r="AG2434" s="137"/>
      <c r="AH2434" s="137"/>
      <c r="AI2434" s="137"/>
      <c r="AJ2434" s="137"/>
      <c r="AK2434" s="137"/>
      <c r="AL2434" s="137"/>
      <c r="AM2434" s="137"/>
      <c r="AN2434" s="137"/>
      <c r="AO2434" s="137"/>
      <c r="AP2434" s="137"/>
      <c r="AQ2434" s="137"/>
      <c r="AR2434" s="137"/>
      <c r="AS2434" s="137"/>
      <c r="AT2434" s="137"/>
      <c r="AU2434" s="137"/>
      <c r="AV2434" s="137"/>
      <c r="AW2434" s="144"/>
    </row>
    <row r="2435" spans="7:49" x14ac:dyDescent="0.2">
      <c r="G2435" s="43"/>
      <c r="Z2435" s="143"/>
      <c r="AA2435" s="137"/>
      <c r="AB2435" s="137"/>
      <c r="AC2435" s="137"/>
      <c r="AD2435" s="137"/>
      <c r="AE2435" s="137"/>
      <c r="AF2435" s="137"/>
      <c r="AG2435" s="137"/>
      <c r="AH2435" s="137"/>
      <c r="AI2435" s="137"/>
      <c r="AJ2435" s="137"/>
      <c r="AK2435" s="137"/>
      <c r="AL2435" s="137"/>
      <c r="AM2435" s="137"/>
      <c r="AN2435" s="137"/>
      <c r="AO2435" s="137"/>
      <c r="AP2435" s="137"/>
      <c r="AQ2435" s="137"/>
      <c r="AR2435" s="137"/>
      <c r="AS2435" s="137"/>
      <c r="AT2435" s="137"/>
      <c r="AU2435" s="137"/>
      <c r="AV2435" s="137"/>
      <c r="AW2435" s="144"/>
    </row>
    <row r="2436" spans="7:49" x14ac:dyDescent="0.2">
      <c r="G2436" s="43"/>
      <c r="Z2436" s="143"/>
      <c r="AA2436" s="137"/>
      <c r="AB2436" s="137"/>
      <c r="AC2436" s="137"/>
      <c r="AD2436" s="137"/>
      <c r="AE2436" s="137"/>
      <c r="AF2436" s="137"/>
      <c r="AG2436" s="137"/>
      <c r="AH2436" s="137"/>
      <c r="AI2436" s="137"/>
      <c r="AJ2436" s="137"/>
      <c r="AK2436" s="137"/>
      <c r="AL2436" s="137"/>
      <c r="AM2436" s="137"/>
      <c r="AN2436" s="137"/>
      <c r="AO2436" s="137"/>
      <c r="AP2436" s="137"/>
      <c r="AQ2436" s="137"/>
      <c r="AR2436" s="137"/>
      <c r="AS2436" s="137"/>
      <c r="AT2436" s="137"/>
      <c r="AU2436" s="137"/>
      <c r="AV2436" s="137"/>
      <c r="AW2436" s="144"/>
    </row>
    <row r="2437" spans="7:49" x14ac:dyDescent="0.2">
      <c r="G2437" s="43"/>
      <c r="Z2437" s="143"/>
      <c r="AA2437" s="137"/>
      <c r="AB2437" s="137"/>
      <c r="AC2437" s="137"/>
      <c r="AD2437" s="137"/>
      <c r="AE2437" s="137"/>
      <c r="AF2437" s="137"/>
      <c r="AG2437" s="137"/>
      <c r="AH2437" s="137"/>
      <c r="AI2437" s="137"/>
      <c r="AJ2437" s="137"/>
      <c r="AK2437" s="137"/>
      <c r="AL2437" s="137"/>
      <c r="AM2437" s="137"/>
      <c r="AN2437" s="137"/>
      <c r="AO2437" s="137"/>
      <c r="AP2437" s="137"/>
      <c r="AQ2437" s="137"/>
      <c r="AR2437" s="137"/>
      <c r="AS2437" s="137"/>
      <c r="AT2437" s="137"/>
      <c r="AU2437" s="137"/>
      <c r="AV2437" s="137"/>
      <c r="AW2437" s="144"/>
    </row>
    <row r="2438" spans="7:49" x14ac:dyDescent="0.2">
      <c r="G2438" s="43"/>
      <c r="Z2438" s="143"/>
      <c r="AA2438" s="137"/>
      <c r="AB2438" s="137"/>
      <c r="AC2438" s="137"/>
      <c r="AD2438" s="137"/>
      <c r="AE2438" s="137"/>
      <c r="AF2438" s="137"/>
      <c r="AG2438" s="137"/>
      <c r="AH2438" s="137"/>
      <c r="AI2438" s="137"/>
      <c r="AJ2438" s="137"/>
      <c r="AK2438" s="137"/>
      <c r="AL2438" s="137"/>
      <c r="AM2438" s="137"/>
      <c r="AN2438" s="137"/>
      <c r="AO2438" s="137"/>
      <c r="AP2438" s="137"/>
      <c r="AQ2438" s="137"/>
      <c r="AR2438" s="137"/>
      <c r="AS2438" s="137"/>
      <c r="AT2438" s="137"/>
      <c r="AU2438" s="137"/>
      <c r="AV2438" s="137"/>
      <c r="AW2438" s="144"/>
    </row>
    <row r="2439" spans="7:49" x14ac:dyDescent="0.2">
      <c r="G2439" s="43"/>
      <c r="Z2439" s="143"/>
      <c r="AA2439" s="137"/>
      <c r="AB2439" s="137"/>
      <c r="AC2439" s="137"/>
      <c r="AD2439" s="137"/>
      <c r="AE2439" s="137"/>
      <c r="AF2439" s="137"/>
      <c r="AG2439" s="137"/>
      <c r="AH2439" s="137"/>
      <c r="AI2439" s="137"/>
      <c r="AJ2439" s="137"/>
      <c r="AK2439" s="137"/>
      <c r="AL2439" s="137"/>
      <c r="AM2439" s="137"/>
      <c r="AN2439" s="137"/>
      <c r="AO2439" s="137"/>
      <c r="AP2439" s="137"/>
      <c r="AQ2439" s="137"/>
      <c r="AR2439" s="137"/>
      <c r="AS2439" s="137"/>
      <c r="AT2439" s="137"/>
      <c r="AU2439" s="137"/>
      <c r="AV2439" s="137"/>
      <c r="AW2439" s="144"/>
    </row>
    <row r="2440" spans="7:49" x14ac:dyDescent="0.2">
      <c r="G2440" s="43"/>
      <c r="Z2440" s="143"/>
      <c r="AA2440" s="137"/>
      <c r="AB2440" s="137"/>
      <c r="AC2440" s="137"/>
      <c r="AD2440" s="137"/>
      <c r="AE2440" s="137"/>
      <c r="AF2440" s="137"/>
      <c r="AG2440" s="137"/>
      <c r="AH2440" s="137"/>
      <c r="AI2440" s="137"/>
      <c r="AJ2440" s="137"/>
      <c r="AK2440" s="137"/>
      <c r="AL2440" s="137"/>
      <c r="AM2440" s="137"/>
      <c r="AN2440" s="137"/>
      <c r="AO2440" s="137"/>
      <c r="AP2440" s="137"/>
      <c r="AQ2440" s="137"/>
      <c r="AR2440" s="137"/>
      <c r="AS2440" s="137"/>
      <c r="AT2440" s="137"/>
      <c r="AU2440" s="137"/>
      <c r="AV2440" s="137"/>
      <c r="AW2440" s="144"/>
    </row>
    <row r="2441" spans="7:49" x14ac:dyDescent="0.2">
      <c r="G2441" s="43"/>
      <c r="Z2441" s="143"/>
      <c r="AA2441" s="137"/>
      <c r="AB2441" s="137"/>
      <c r="AC2441" s="137"/>
      <c r="AD2441" s="137"/>
      <c r="AE2441" s="137"/>
      <c r="AF2441" s="137"/>
      <c r="AG2441" s="137"/>
      <c r="AH2441" s="137"/>
      <c r="AI2441" s="137"/>
      <c r="AJ2441" s="137"/>
      <c r="AK2441" s="137"/>
      <c r="AL2441" s="137"/>
      <c r="AM2441" s="137"/>
      <c r="AN2441" s="137"/>
      <c r="AO2441" s="137"/>
      <c r="AP2441" s="137"/>
      <c r="AQ2441" s="137"/>
      <c r="AR2441" s="137"/>
      <c r="AS2441" s="137"/>
      <c r="AT2441" s="137"/>
      <c r="AU2441" s="137"/>
      <c r="AV2441" s="137"/>
      <c r="AW2441" s="144"/>
    </row>
    <row r="2442" spans="7:49" x14ac:dyDescent="0.2">
      <c r="G2442" s="43"/>
      <c r="Z2442" s="143"/>
      <c r="AA2442" s="137"/>
      <c r="AB2442" s="137"/>
      <c r="AC2442" s="137"/>
      <c r="AD2442" s="137"/>
      <c r="AE2442" s="137"/>
      <c r="AF2442" s="137"/>
      <c r="AG2442" s="137"/>
      <c r="AH2442" s="137"/>
      <c r="AI2442" s="137"/>
      <c r="AJ2442" s="137"/>
      <c r="AK2442" s="137"/>
      <c r="AL2442" s="137"/>
      <c r="AM2442" s="137"/>
      <c r="AN2442" s="137"/>
      <c r="AO2442" s="137"/>
      <c r="AP2442" s="137"/>
      <c r="AQ2442" s="137"/>
      <c r="AR2442" s="137"/>
      <c r="AS2442" s="137"/>
      <c r="AT2442" s="137"/>
      <c r="AU2442" s="137"/>
      <c r="AV2442" s="137"/>
      <c r="AW2442" s="144"/>
    </row>
    <row r="2443" spans="7:49" x14ac:dyDescent="0.2">
      <c r="G2443" s="43"/>
      <c r="Z2443" s="143"/>
      <c r="AA2443" s="137"/>
      <c r="AB2443" s="137"/>
      <c r="AC2443" s="137"/>
      <c r="AD2443" s="137"/>
      <c r="AE2443" s="137"/>
      <c r="AF2443" s="137"/>
      <c r="AG2443" s="137"/>
      <c r="AH2443" s="137"/>
      <c r="AI2443" s="137"/>
      <c r="AJ2443" s="137"/>
      <c r="AK2443" s="137"/>
      <c r="AL2443" s="137"/>
      <c r="AM2443" s="137"/>
      <c r="AN2443" s="137"/>
      <c r="AO2443" s="137"/>
      <c r="AP2443" s="137"/>
      <c r="AQ2443" s="137"/>
      <c r="AR2443" s="137"/>
      <c r="AS2443" s="137"/>
      <c r="AT2443" s="137"/>
      <c r="AU2443" s="137"/>
      <c r="AV2443" s="137"/>
      <c r="AW2443" s="144"/>
    </row>
    <row r="2444" spans="7:49" x14ac:dyDescent="0.2">
      <c r="G2444" s="43"/>
      <c r="Z2444" s="143"/>
      <c r="AA2444" s="137"/>
      <c r="AB2444" s="137"/>
      <c r="AC2444" s="137"/>
      <c r="AD2444" s="137"/>
      <c r="AE2444" s="137"/>
      <c r="AF2444" s="137"/>
      <c r="AG2444" s="137"/>
      <c r="AH2444" s="137"/>
      <c r="AI2444" s="137"/>
      <c r="AJ2444" s="137"/>
      <c r="AK2444" s="137"/>
      <c r="AL2444" s="137"/>
      <c r="AM2444" s="137"/>
      <c r="AN2444" s="137"/>
      <c r="AO2444" s="137"/>
      <c r="AP2444" s="137"/>
      <c r="AQ2444" s="137"/>
      <c r="AR2444" s="137"/>
      <c r="AS2444" s="137"/>
      <c r="AT2444" s="137"/>
      <c r="AU2444" s="137"/>
      <c r="AV2444" s="137"/>
      <c r="AW2444" s="144"/>
    </row>
    <row r="2445" spans="7:49" x14ac:dyDescent="0.2">
      <c r="G2445" s="43"/>
      <c r="Z2445" s="143"/>
      <c r="AA2445" s="137"/>
      <c r="AB2445" s="137"/>
      <c r="AC2445" s="137"/>
      <c r="AD2445" s="137"/>
      <c r="AE2445" s="137"/>
      <c r="AF2445" s="137"/>
      <c r="AG2445" s="137"/>
      <c r="AH2445" s="137"/>
      <c r="AI2445" s="137"/>
      <c r="AJ2445" s="137"/>
      <c r="AK2445" s="137"/>
      <c r="AL2445" s="137"/>
      <c r="AM2445" s="137"/>
      <c r="AN2445" s="137"/>
      <c r="AO2445" s="137"/>
      <c r="AP2445" s="137"/>
      <c r="AQ2445" s="137"/>
      <c r="AR2445" s="137"/>
      <c r="AS2445" s="137"/>
      <c r="AT2445" s="137"/>
      <c r="AU2445" s="137"/>
      <c r="AV2445" s="137"/>
      <c r="AW2445" s="144"/>
    </row>
    <row r="2446" spans="7:49" x14ac:dyDescent="0.2">
      <c r="G2446" s="43"/>
      <c r="Z2446" s="143"/>
      <c r="AA2446" s="137"/>
      <c r="AB2446" s="137"/>
      <c r="AC2446" s="137"/>
      <c r="AD2446" s="137"/>
      <c r="AE2446" s="137"/>
      <c r="AF2446" s="137"/>
      <c r="AG2446" s="137"/>
      <c r="AH2446" s="137"/>
      <c r="AI2446" s="137"/>
      <c r="AJ2446" s="137"/>
      <c r="AK2446" s="137"/>
      <c r="AL2446" s="137"/>
      <c r="AM2446" s="137"/>
      <c r="AN2446" s="137"/>
      <c r="AO2446" s="137"/>
      <c r="AP2446" s="137"/>
      <c r="AQ2446" s="137"/>
      <c r="AR2446" s="137"/>
      <c r="AS2446" s="137"/>
      <c r="AT2446" s="137"/>
      <c r="AU2446" s="137"/>
      <c r="AV2446" s="137"/>
      <c r="AW2446" s="144"/>
    </row>
    <row r="2447" spans="7:49" x14ac:dyDescent="0.2">
      <c r="G2447" s="43"/>
      <c r="Z2447" s="143"/>
      <c r="AA2447" s="137"/>
      <c r="AB2447" s="137"/>
      <c r="AC2447" s="137"/>
      <c r="AD2447" s="137"/>
      <c r="AE2447" s="137"/>
      <c r="AF2447" s="137"/>
      <c r="AG2447" s="137"/>
      <c r="AH2447" s="137"/>
      <c r="AI2447" s="137"/>
      <c r="AJ2447" s="137"/>
      <c r="AK2447" s="137"/>
      <c r="AL2447" s="137"/>
      <c r="AM2447" s="137"/>
      <c r="AN2447" s="137"/>
      <c r="AO2447" s="137"/>
      <c r="AP2447" s="137"/>
      <c r="AQ2447" s="137"/>
      <c r="AR2447" s="137"/>
      <c r="AS2447" s="137"/>
      <c r="AT2447" s="137"/>
      <c r="AU2447" s="137"/>
      <c r="AV2447" s="137"/>
      <c r="AW2447" s="144"/>
    </row>
    <row r="2448" spans="7:49" x14ac:dyDescent="0.2">
      <c r="G2448" s="43"/>
      <c r="Z2448" s="143"/>
      <c r="AA2448" s="137"/>
      <c r="AB2448" s="137"/>
      <c r="AC2448" s="137"/>
      <c r="AD2448" s="137"/>
      <c r="AE2448" s="137"/>
      <c r="AF2448" s="137"/>
      <c r="AG2448" s="137"/>
      <c r="AH2448" s="137"/>
      <c r="AI2448" s="137"/>
      <c r="AJ2448" s="137"/>
      <c r="AK2448" s="137"/>
      <c r="AL2448" s="137"/>
      <c r="AM2448" s="137"/>
      <c r="AN2448" s="137"/>
      <c r="AO2448" s="137"/>
      <c r="AP2448" s="137"/>
      <c r="AQ2448" s="137"/>
      <c r="AR2448" s="137"/>
      <c r="AS2448" s="137"/>
      <c r="AT2448" s="137"/>
      <c r="AU2448" s="137"/>
      <c r="AV2448" s="137"/>
      <c r="AW2448" s="144"/>
    </row>
    <row r="2449" spans="7:49" x14ac:dyDescent="0.2">
      <c r="G2449" s="43"/>
      <c r="Z2449" s="143"/>
      <c r="AA2449" s="137"/>
      <c r="AB2449" s="137"/>
      <c r="AC2449" s="137"/>
      <c r="AD2449" s="137"/>
      <c r="AE2449" s="137"/>
      <c r="AF2449" s="137"/>
      <c r="AG2449" s="137"/>
      <c r="AH2449" s="137"/>
      <c r="AI2449" s="137"/>
      <c r="AJ2449" s="137"/>
      <c r="AK2449" s="137"/>
      <c r="AL2449" s="137"/>
      <c r="AM2449" s="137"/>
      <c r="AN2449" s="137"/>
      <c r="AO2449" s="137"/>
      <c r="AP2449" s="137"/>
      <c r="AQ2449" s="137"/>
      <c r="AR2449" s="137"/>
      <c r="AS2449" s="137"/>
      <c r="AT2449" s="137"/>
      <c r="AU2449" s="137"/>
      <c r="AV2449" s="137"/>
      <c r="AW2449" s="144"/>
    </row>
    <row r="2450" spans="7:49" x14ac:dyDescent="0.2">
      <c r="G2450" s="43"/>
      <c r="Z2450" s="143"/>
      <c r="AA2450" s="137"/>
      <c r="AB2450" s="137"/>
      <c r="AC2450" s="137"/>
      <c r="AD2450" s="137"/>
      <c r="AE2450" s="137"/>
      <c r="AF2450" s="137"/>
      <c r="AG2450" s="137"/>
      <c r="AH2450" s="137"/>
      <c r="AI2450" s="137"/>
      <c r="AJ2450" s="137"/>
      <c r="AK2450" s="137"/>
      <c r="AL2450" s="137"/>
      <c r="AM2450" s="137"/>
      <c r="AN2450" s="137"/>
      <c r="AO2450" s="137"/>
      <c r="AP2450" s="137"/>
      <c r="AQ2450" s="137"/>
      <c r="AR2450" s="137"/>
      <c r="AS2450" s="137"/>
      <c r="AT2450" s="137"/>
      <c r="AU2450" s="137"/>
      <c r="AV2450" s="137"/>
      <c r="AW2450" s="144"/>
    </row>
    <row r="2451" spans="7:49" x14ac:dyDescent="0.2">
      <c r="G2451" s="43"/>
      <c r="Z2451" s="143"/>
      <c r="AA2451" s="137"/>
      <c r="AB2451" s="137"/>
      <c r="AC2451" s="137"/>
      <c r="AD2451" s="137"/>
      <c r="AE2451" s="137"/>
      <c r="AF2451" s="137"/>
      <c r="AG2451" s="137"/>
      <c r="AH2451" s="137"/>
      <c r="AI2451" s="137"/>
      <c r="AJ2451" s="137"/>
      <c r="AK2451" s="137"/>
      <c r="AL2451" s="137"/>
      <c r="AM2451" s="137"/>
      <c r="AN2451" s="137"/>
      <c r="AO2451" s="137"/>
      <c r="AP2451" s="137"/>
      <c r="AQ2451" s="137"/>
      <c r="AR2451" s="137"/>
      <c r="AS2451" s="137"/>
      <c r="AT2451" s="137"/>
      <c r="AU2451" s="137"/>
      <c r="AV2451" s="137"/>
      <c r="AW2451" s="144"/>
    </row>
    <row r="2452" spans="7:49" x14ac:dyDescent="0.2">
      <c r="G2452" s="43"/>
      <c r="Z2452" s="143"/>
      <c r="AA2452" s="137"/>
      <c r="AB2452" s="137"/>
      <c r="AC2452" s="137"/>
      <c r="AD2452" s="137"/>
      <c r="AE2452" s="137"/>
      <c r="AF2452" s="137"/>
      <c r="AG2452" s="137"/>
      <c r="AH2452" s="137"/>
      <c r="AI2452" s="137"/>
      <c r="AJ2452" s="137"/>
      <c r="AK2452" s="137"/>
      <c r="AL2452" s="137"/>
      <c r="AM2452" s="137"/>
      <c r="AN2452" s="137"/>
      <c r="AO2452" s="137"/>
      <c r="AP2452" s="137"/>
      <c r="AQ2452" s="137"/>
      <c r="AR2452" s="137"/>
      <c r="AS2452" s="137"/>
      <c r="AT2452" s="137"/>
      <c r="AU2452" s="137"/>
      <c r="AV2452" s="137"/>
      <c r="AW2452" s="144"/>
    </row>
    <row r="2453" spans="7:49" x14ac:dyDescent="0.2">
      <c r="G2453" s="43"/>
      <c r="Z2453" s="143"/>
      <c r="AA2453" s="137"/>
      <c r="AB2453" s="137"/>
      <c r="AC2453" s="137"/>
      <c r="AD2453" s="137"/>
      <c r="AE2453" s="137"/>
      <c r="AF2453" s="137"/>
      <c r="AG2453" s="137"/>
      <c r="AH2453" s="137"/>
      <c r="AI2453" s="137"/>
      <c r="AJ2453" s="137"/>
      <c r="AK2453" s="137"/>
      <c r="AL2453" s="137"/>
      <c r="AM2453" s="137"/>
      <c r="AN2453" s="137"/>
      <c r="AO2453" s="137"/>
      <c r="AP2453" s="137"/>
      <c r="AQ2453" s="137"/>
      <c r="AR2453" s="137"/>
      <c r="AS2453" s="137"/>
      <c r="AT2453" s="137"/>
      <c r="AU2453" s="137"/>
      <c r="AV2453" s="137"/>
      <c r="AW2453" s="144"/>
    </row>
    <row r="2454" spans="7:49" x14ac:dyDescent="0.2">
      <c r="G2454" s="43"/>
      <c r="Z2454" s="143"/>
      <c r="AA2454" s="137"/>
      <c r="AB2454" s="137"/>
      <c r="AC2454" s="137"/>
      <c r="AD2454" s="137"/>
      <c r="AE2454" s="137"/>
      <c r="AF2454" s="137"/>
      <c r="AG2454" s="137"/>
      <c r="AH2454" s="137"/>
      <c r="AI2454" s="137"/>
      <c r="AJ2454" s="137"/>
      <c r="AK2454" s="137"/>
      <c r="AL2454" s="137"/>
      <c r="AM2454" s="137"/>
      <c r="AN2454" s="137"/>
      <c r="AO2454" s="137"/>
      <c r="AP2454" s="137"/>
      <c r="AQ2454" s="137"/>
      <c r="AR2454" s="137"/>
      <c r="AS2454" s="137"/>
      <c r="AT2454" s="137"/>
      <c r="AU2454" s="137"/>
      <c r="AV2454" s="137"/>
      <c r="AW2454" s="144"/>
    </row>
    <row r="2455" spans="7:49" x14ac:dyDescent="0.2">
      <c r="G2455" s="43"/>
      <c r="Z2455" s="143"/>
      <c r="AA2455" s="137"/>
      <c r="AB2455" s="137"/>
      <c r="AC2455" s="137"/>
      <c r="AD2455" s="137"/>
      <c r="AE2455" s="137"/>
      <c r="AF2455" s="137"/>
      <c r="AG2455" s="137"/>
      <c r="AH2455" s="137"/>
      <c r="AI2455" s="137"/>
      <c r="AJ2455" s="137"/>
      <c r="AK2455" s="137"/>
      <c r="AL2455" s="137"/>
      <c r="AM2455" s="137"/>
      <c r="AN2455" s="137"/>
      <c r="AO2455" s="137"/>
      <c r="AP2455" s="137"/>
      <c r="AQ2455" s="137"/>
      <c r="AR2455" s="137"/>
      <c r="AS2455" s="137"/>
      <c r="AT2455" s="137"/>
      <c r="AU2455" s="137"/>
      <c r="AV2455" s="137"/>
      <c r="AW2455" s="144"/>
    </row>
    <row r="2456" spans="7:49" x14ac:dyDescent="0.2">
      <c r="G2456" s="43"/>
      <c r="Z2456" s="143"/>
      <c r="AA2456" s="137"/>
      <c r="AB2456" s="137"/>
      <c r="AC2456" s="137"/>
      <c r="AD2456" s="137"/>
      <c r="AE2456" s="137"/>
      <c r="AF2456" s="137"/>
      <c r="AG2456" s="137"/>
      <c r="AH2456" s="137"/>
      <c r="AI2456" s="137"/>
      <c r="AJ2456" s="137"/>
      <c r="AK2456" s="137"/>
      <c r="AL2456" s="137"/>
      <c r="AM2456" s="137"/>
      <c r="AN2456" s="137"/>
      <c r="AO2456" s="137"/>
      <c r="AP2456" s="137"/>
      <c r="AQ2456" s="137"/>
      <c r="AR2456" s="137"/>
      <c r="AS2456" s="137"/>
      <c r="AT2456" s="137"/>
      <c r="AU2456" s="137"/>
      <c r="AV2456" s="137"/>
      <c r="AW2456" s="144"/>
    </row>
    <row r="2457" spans="7:49" x14ac:dyDescent="0.2">
      <c r="G2457" s="43"/>
      <c r="Z2457" s="143"/>
      <c r="AA2457" s="137"/>
      <c r="AB2457" s="137"/>
      <c r="AC2457" s="137"/>
      <c r="AD2457" s="137"/>
      <c r="AE2457" s="137"/>
      <c r="AF2457" s="137"/>
      <c r="AG2457" s="137"/>
      <c r="AH2457" s="137"/>
      <c r="AI2457" s="137"/>
      <c r="AJ2457" s="137"/>
      <c r="AK2457" s="137"/>
      <c r="AL2457" s="137"/>
      <c r="AM2457" s="137"/>
      <c r="AN2457" s="137"/>
      <c r="AO2457" s="137"/>
      <c r="AP2457" s="137"/>
      <c r="AQ2457" s="137"/>
      <c r="AR2457" s="137"/>
      <c r="AS2457" s="137"/>
      <c r="AT2457" s="137"/>
      <c r="AU2457" s="137"/>
      <c r="AV2457" s="137"/>
      <c r="AW2457" s="144"/>
    </row>
    <row r="2458" spans="7:49" x14ac:dyDescent="0.2">
      <c r="G2458" s="43"/>
      <c r="Z2458" s="143"/>
      <c r="AA2458" s="137"/>
      <c r="AB2458" s="137"/>
      <c r="AC2458" s="137"/>
      <c r="AD2458" s="137"/>
      <c r="AE2458" s="137"/>
      <c r="AF2458" s="137"/>
      <c r="AG2458" s="137"/>
      <c r="AH2458" s="137"/>
      <c r="AI2458" s="137"/>
      <c r="AJ2458" s="137"/>
      <c r="AK2458" s="137"/>
      <c r="AL2458" s="137"/>
      <c r="AM2458" s="137"/>
      <c r="AN2458" s="137"/>
      <c r="AO2458" s="137"/>
      <c r="AP2458" s="137"/>
      <c r="AQ2458" s="137"/>
      <c r="AR2458" s="137"/>
      <c r="AS2458" s="137"/>
      <c r="AT2458" s="137"/>
      <c r="AU2458" s="137"/>
      <c r="AV2458" s="137"/>
      <c r="AW2458" s="144"/>
    </row>
    <row r="2459" spans="7:49" x14ac:dyDescent="0.2">
      <c r="G2459" s="43"/>
      <c r="Z2459" s="143"/>
      <c r="AA2459" s="137"/>
      <c r="AB2459" s="137"/>
      <c r="AC2459" s="137"/>
      <c r="AD2459" s="137"/>
      <c r="AE2459" s="137"/>
      <c r="AF2459" s="137"/>
      <c r="AG2459" s="137"/>
      <c r="AH2459" s="137"/>
      <c r="AI2459" s="137"/>
      <c r="AJ2459" s="137"/>
      <c r="AK2459" s="137"/>
      <c r="AL2459" s="137"/>
      <c r="AM2459" s="137"/>
      <c r="AN2459" s="137"/>
      <c r="AO2459" s="137"/>
      <c r="AP2459" s="137"/>
      <c r="AQ2459" s="137"/>
      <c r="AR2459" s="137"/>
      <c r="AS2459" s="137"/>
      <c r="AT2459" s="137"/>
      <c r="AU2459" s="137"/>
      <c r="AV2459" s="137"/>
      <c r="AW2459" s="144"/>
    </row>
    <row r="2460" spans="7:49" x14ac:dyDescent="0.2">
      <c r="G2460" s="43"/>
      <c r="Z2460" s="143"/>
      <c r="AA2460" s="137"/>
      <c r="AB2460" s="137"/>
      <c r="AC2460" s="137"/>
      <c r="AD2460" s="137"/>
      <c r="AE2460" s="137"/>
      <c r="AF2460" s="137"/>
      <c r="AG2460" s="137"/>
      <c r="AH2460" s="137"/>
      <c r="AI2460" s="137"/>
      <c r="AJ2460" s="137"/>
      <c r="AK2460" s="137"/>
      <c r="AL2460" s="137"/>
      <c r="AM2460" s="137"/>
      <c r="AN2460" s="137"/>
      <c r="AO2460" s="137"/>
      <c r="AP2460" s="137"/>
      <c r="AQ2460" s="137"/>
      <c r="AR2460" s="137"/>
      <c r="AS2460" s="137"/>
      <c r="AT2460" s="137"/>
      <c r="AU2460" s="137"/>
      <c r="AV2460" s="137"/>
      <c r="AW2460" s="144"/>
    </row>
    <row r="2461" spans="7:49" x14ac:dyDescent="0.2">
      <c r="G2461" s="43"/>
      <c r="Z2461" s="143"/>
      <c r="AA2461" s="137"/>
      <c r="AB2461" s="137"/>
      <c r="AC2461" s="137"/>
      <c r="AD2461" s="137"/>
      <c r="AE2461" s="137"/>
      <c r="AF2461" s="137"/>
      <c r="AG2461" s="137"/>
      <c r="AH2461" s="137"/>
      <c r="AI2461" s="137"/>
      <c r="AJ2461" s="137"/>
      <c r="AK2461" s="137"/>
      <c r="AL2461" s="137"/>
      <c r="AM2461" s="137"/>
      <c r="AN2461" s="137"/>
      <c r="AO2461" s="137"/>
      <c r="AP2461" s="137"/>
      <c r="AQ2461" s="137"/>
      <c r="AR2461" s="137"/>
      <c r="AS2461" s="137"/>
      <c r="AT2461" s="137"/>
      <c r="AU2461" s="137"/>
      <c r="AV2461" s="137"/>
      <c r="AW2461" s="144"/>
    </row>
    <row r="2462" spans="7:49" x14ac:dyDescent="0.2">
      <c r="G2462" s="43"/>
      <c r="Z2462" s="143"/>
      <c r="AA2462" s="137"/>
      <c r="AB2462" s="137"/>
      <c r="AC2462" s="137"/>
      <c r="AD2462" s="137"/>
      <c r="AE2462" s="137"/>
      <c r="AF2462" s="137"/>
      <c r="AG2462" s="137"/>
      <c r="AH2462" s="137"/>
      <c r="AI2462" s="137"/>
      <c r="AJ2462" s="137"/>
      <c r="AK2462" s="137"/>
      <c r="AL2462" s="137"/>
      <c r="AM2462" s="137"/>
      <c r="AN2462" s="137"/>
      <c r="AO2462" s="137"/>
      <c r="AP2462" s="137"/>
      <c r="AQ2462" s="137"/>
      <c r="AR2462" s="137"/>
      <c r="AS2462" s="137"/>
      <c r="AT2462" s="137"/>
      <c r="AU2462" s="137"/>
      <c r="AV2462" s="137"/>
      <c r="AW2462" s="144"/>
    </row>
    <row r="2463" spans="7:49" x14ac:dyDescent="0.2">
      <c r="G2463" s="43"/>
      <c r="Z2463" s="143"/>
      <c r="AA2463" s="137"/>
      <c r="AB2463" s="137"/>
      <c r="AC2463" s="137"/>
      <c r="AD2463" s="137"/>
      <c r="AE2463" s="137"/>
      <c r="AF2463" s="137"/>
      <c r="AG2463" s="137"/>
      <c r="AH2463" s="137"/>
      <c r="AI2463" s="137"/>
      <c r="AJ2463" s="137"/>
      <c r="AK2463" s="137"/>
      <c r="AL2463" s="137"/>
      <c r="AM2463" s="137"/>
      <c r="AN2463" s="137"/>
      <c r="AO2463" s="137"/>
      <c r="AP2463" s="137"/>
      <c r="AQ2463" s="137"/>
      <c r="AR2463" s="137"/>
      <c r="AS2463" s="137"/>
      <c r="AT2463" s="137"/>
      <c r="AU2463" s="137"/>
      <c r="AV2463" s="137"/>
      <c r="AW2463" s="144"/>
    </row>
    <row r="2464" spans="7:49" x14ac:dyDescent="0.2">
      <c r="G2464" s="43"/>
      <c r="Z2464" s="143"/>
      <c r="AA2464" s="137"/>
      <c r="AB2464" s="137"/>
      <c r="AC2464" s="137"/>
      <c r="AD2464" s="137"/>
      <c r="AE2464" s="137"/>
      <c r="AF2464" s="137"/>
      <c r="AG2464" s="137"/>
      <c r="AH2464" s="137"/>
      <c r="AI2464" s="137"/>
      <c r="AJ2464" s="137"/>
      <c r="AK2464" s="137"/>
      <c r="AL2464" s="137"/>
      <c r="AM2464" s="137"/>
      <c r="AN2464" s="137"/>
      <c r="AO2464" s="137"/>
      <c r="AP2464" s="137"/>
      <c r="AQ2464" s="137"/>
      <c r="AR2464" s="137"/>
      <c r="AS2464" s="137"/>
      <c r="AT2464" s="137"/>
      <c r="AU2464" s="137"/>
      <c r="AV2464" s="137"/>
      <c r="AW2464" s="144"/>
    </row>
    <row r="2465" spans="7:49" x14ac:dyDescent="0.2">
      <c r="G2465" s="43"/>
      <c r="Z2465" s="143"/>
      <c r="AA2465" s="137"/>
      <c r="AB2465" s="137"/>
      <c r="AC2465" s="137"/>
      <c r="AD2465" s="137"/>
      <c r="AE2465" s="137"/>
      <c r="AF2465" s="137"/>
      <c r="AG2465" s="137"/>
      <c r="AH2465" s="137"/>
      <c r="AI2465" s="137"/>
      <c r="AJ2465" s="137"/>
      <c r="AK2465" s="137"/>
      <c r="AL2465" s="137"/>
      <c r="AM2465" s="137"/>
      <c r="AN2465" s="137"/>
      <c r="AO2465" s="137"/>
      <c r="AP2465" s="137"/>
      <c r="AQ2465" s="137"/>
      <c r="AR2465" s="137"/>
      <c r="AS2465" s="137"/>
      <c r="AT2465" s="137"/>
      <c r="AU2465" s="137"/>
      <c r="AV2465" s="137"/>
      <c r="AW2465" s="144"/>
    </row>
    <row r="2466" spans="7:49" x14ac:dyDescent="0.2">
      <c r="G2466" s="43"/>
      <c r="Z2466" s="143"/>
      <c r="AA2466" s="137"/>
      <c r="AB2466" s="137"/>
      <c r="AC2466" s="137"/>
      <c r="AD2466" s="137"/>
      <c r="AE2466" s="137"/>
      <c r="AF2466" s="137"/>
      <c r="AG2466" s="137"/>
      <c r="AH2466" s="137"/>
      <c r="AI2466" s="137"/>
      <c r="AJ2466" s="137"/>
      <c r="AK2466" s="137"/>
      <c r="AL2466" s="137"/>
      <c r="AM2466" s="137"/>
      <c r="AN2466" s="137"/>
      <c r="AO2466" s="137"/>
      <c r="AP2466" s="137"/>
      <c r="AQ2466" s="137"/>
      <c r="AR2466" s="137"/>
      <c r="AS2466" s="137"/>
      <c r="AT2466" s="137"/>
      <c r="AU2466" s="137"/>
      <c r="AV2466" s="137"/>
      <c r="AW2466" s="144"/>
    </row>
    <row r="2467" spans="7:49" x14ac:dyDescent="0.2">
      <c r="G2467" s="43"/>
      <c r="Z2467" s="143"/>
      <c r="AA2467" s="137"/>
      <c r="AB2467" s="137"/>
      <c r="AC2467" s="137"/>
      <c r="AD2467" s="137"/>
      <c r="AE2467" s="137"/>
      <c r="AF2467" s="137"/>
      <c r="AG2467" s="137"/>
      <c r="AH2467" s="137"/>
      <c r="AI2467" s="137"/>
      <c r="AJ2467" s="137"/>
      <c r="AK2467" s="137"/>
      <c r="AL2467" s="137"/>
      <c r="AM2467" s="137"/>
      <c r="AN2467" s="137"/>
      <c r="AO2467" s="137"/>
      <c r="AP2467" s="137"/>
      <c r="AQ2467" s="137"/>
      <c r="AR2467" s="137"/>
      <c r="AS2467" s="137"/>
      <c r="AT2467" s="137"/>
      <c r="AU2467" s="137"/>
      <c r="AV2467" s="137"/>
      <c r="AW2467" s="144"/>
    </row>
    <row r="2468" spans="7:49" x14ac:dyDescent="0.2">
      <c r="G2468" s="43"/>
      <c r="Z2468" s="143"/>
      <c r="AA2468" s="137"/>
      <c r="AB2468" s="137"/>
      <c r="AC2468" s="137"/>
      <c r="AD2468" s="137"/>
      <c r="AE2468" s="137"/>
      <c r="AF2468" s="137"/>
      <c r="AG2468" s="137"/>
      <c r="AH2468" s="137"/>
      <c r="AI2468" s="137"/>
      <c r="AJ2468" s="137"/>
      <c r="AK2468" s="137"/>
      <c r="AL2468" s="137"/>
      <c r="AM2468" s="137"/>
      <c r="AN2468" s="137"/>
      <c r="AO2468" s="137"/>
      <c r="AP2468" s="137"/>
      <c r="AQ2468" s="137"/>
      <c r="AR2468" s="137"/>
      <c r="AS2468" s="137"/>
      <c r="AT2468" s="137"/>
      <c r="AU2468" s="137"/>
      <c r="AV2468" s="137"/>
      <c r="AW2468" s="144"/>
    </row>
    <row r="2469" spans="7:49" x14ac:dyDescent="0.2">
      <c r="G2469" s="43"/>
      <c r="Z2469" s="143"/>
      <c r="AA2469" s="137"/>
      <c r="AB2469" s="137"/>
      <c r="AC2469" s="137"/>
      <c r="AD2469" s="137"/>
      <c r="AE2469" s="137"/>
      <c r="AF2469" s="137"/>
      <c r="AG2469" s="137"/>
      <c r="AH2469" s="137"/>
      <c r="AI2469" s="137"/>
      <c r="AJ2469" s="137"/>
      <c r="AK2469" s="137"/>
      <c r="AL2469" s="137"/>
      <c r="AM2469" s="137"/>
      <c r="AN2469" s="137"/>
      <c r="AO2469" s="137"/>
      <c r="AP2469" s="137"/>
      <c r="AQ2469" s="137"/>
      <c r="AR2469" s="137"/>
      <c r="AS2469" s="137"/>
      <c r="AT2469" s="137"/>
      <c r="AU2469" s="137"/>
      <c r="AV2469" s="137"/>
      <c r="AW2469" s="144"/>
    </row>
    <row r="2470" spans="7:49" x14ac:dyDescent="0.2">
      <c r="G2470" s="43"/>
      <c r="Z2470" s="143"/>
      <c r="AA2470" s="137"/>
      <c r="AB2470" s="137"/>
      <c r="AC2470" s="137"/>
      <c r="AD2470" s="137"/>
      <c r="AE2470" s="137"/>
      <c r="AF2470" s="137"/>
      <c r="AG2470" s="137"/>
      <c r="AH2470" s="137"/>
      <c r="AI2470" s="137"/>
      <c r="AJ2470" s="137"/>
      <c r="AK2470" s="137"/>
      <c r="AL2470" s="137"/>
      <c r="AM2470" s="137"/>
      <c r="AN2470" s="137"/>
      <c r="AO2470" s="137"/>
      <c r="AP2470" s="137"/>
      <c r="AQ2470" s="137"/>
      <c r="AR2470" s="137"/>
      <c r="AS2470" s="137"/>
      <c r="AT2470" s="137"/>
      <c r="AU2470" s="137"/>
      <c r="AV2470" s="137"/>
      <c r="AW2470" s="144"/>
    </row>
    <row r="2471" spans="7:49" x14ac:dyDescent="0.2">
      <c r="G2471" s="43"/>
      <c r="Z2471" s="143"/>
      <c r="AA2471" s="137"/>
      <c r="AB2471" s="137"/>
      <c r="AC2471" s="137"/>
      <c r="AD2471" s="137"/>
      <c r="AE2471" s="137"/>
      <c r="AF2471" s="137"/>
      <c r="AG2471" s="137"/>
      <c r="AH2471" s="137"/>
      <c r="AI2471" s="137"/>
      <c r="AJ2471" s="137"/>
      <c r="AK2471" s="137"/>
      <c r="AL2471" s="137"/>
      <c r="AM2471" s="137"/>
      <c r="AN2471" s="137"/>
      <c r="AO2471" s="137"/>
      <c r="AP2471" s="137"/>
      <c r="AQ2471" s="137"/>
      <c r="AR2471" s="137"/>
      <c r="AS2471" s="137"/>
      <c r="AT2471" s="137"/>
      <c r="AU2471" s="137"/>
      <c r="AV2471" s="137"/>
      <c r="AW2471" s="144"/>
    </row>
    <row r="2472" spans="7:49" x14ac:dyDescent="0.2">
      <c r="G2472" s="43"/>
      <c r="Z2472" s="143"/>
      <c r="AA2472" s="137"/>
      <c r="AB2472" s="137"/>
      <c r="AC2472" s="137"/>
      <c r="AD2472" s="137"/>
      <c r="AE2472" s="137"/>
      <c r="AF2472" s="137"/>
      <c r="AG2472" s="137"/>
      <c r="AH2472" s="137"/>
      <c r="AI2472" s="137"/>
      <c r="AJ2472" s="137"/>
      <c r="AK2472" s="137"/>
      <c r="AL2472" s="137"/>
      <c r="AM2472" s="137"/>
      <c r="AN2472" s="137"/>
      <c r="AO2472" s="137"/>
      <c r="AP2472" s="137"/>
      <c r="AQ2472" s="137"/>
      <c r="AR2472" s="137"/>
      <c r="AS2472" s="137"/>
      <c r="AT2472" s="137"/>
      <c r="AU2472" s="137"/>
      <c r="AV2472" s="137"/>
      <c r="AW2472" s="144"/>
    </row>
    <row r="2473" spans="7:49" x14ac:dyDescent="0.2">
      <c r="G2473" s="43"/>
      <c r="Z2473" s="143"/>
      <c r="AA2473" s="137"/>
      <c r="AB2473" s="137"/>
      <c r="AC2473" s="137"/>
      <c r="AD2473" s="137"/>
      <c r="AE2473" s="137"/>
      <c r="AF2473" s="137"/>
      <c r="AG2473" s="137"/>
      <c r="AH2473" s="137"/>
      <c r="AI2473" s="137"/>
      <c r="AJ2473" s="137"/>
      <c r="AK2473" s="137"/>
      <c r="AL2473" s="137"/>
      <c r="AM2473" s="137"/>
      <c r="AN2473" s="137"/>
      <c r="AO2473" s="137"/>
      <c r="AP2473" s="137"/>
      <c r="AQ2473" s="137"/>
      <c r="AR2473" s="137"/>
      <c r="AS2473" s="137"/>
      <c r="AT2473" s="137"/>
      <c r="AU2473" s="137"/>
      <c r="AV2473" s="137"/>
      <c r="AW2473" s="144"/>
    </row>
    <row r="2474" spans="7:49" x14ac:dyDescent="0.2">
      <c r="G2474" s="43"/>
      <c r="Z2474" s="143"/>
      <c r="AA2474" s="137"/>
      <c r="AB2474" s="137"/>
      <c r="AC2474" s="137"/>
      <c r="AD2474" s="137"/>
      <c r="AE2474" s="137"/>
      <c r="AF2474" s="137"/>
      <c r="AG2474" s="137"/>
      <c r="AH2474" s="137"/>
      <c r="AI2474" s="137"/>
      <c r="AJ2474" s="137"/>
      <c r="AK2474" s="137"/>
      <c r="AL2474" s="137"/>
      <c r="AM2474" s="137"/>
      <c r="AN2474" s="137"/>
      <c r="AO2474" s="137"/>
      <c r="AP2474" s="137"/>
      <c r="AQ2474" s="137"/>
      <c r="AR2474" s="137"/>
      <c r="AS2474" s="137"/>
      <c r="AT2474" s="137"/>
      <c r="AU2474" s="137"/>
      <c r="AV2474" s="137"/>
      <c r="AW2474" s="144"/>
    </row>
    <row r="2475" spans="7:49" x14ac:dyDescent="0.2">
      <c r="G2475" s="43"/>
      <c r="Z2475" s="143"/>
      <c r="AA2475" s="137"/>
      <c r="AB2475" s="137"/>
      <c r="AC2475" s="137"/>
      <c r="AD2475" s="137"/>
      <c r="AE2475" s="137"/>
      <c r="AF2475" s="137"/>
      <c r="AG2475" s="137"/>
      <c r="AH2475" s="137"/>
      <c r="AI2475" s="137"/>
      <c r="AJ2475" s="137"/>
      <c r="AK2475" s="137"/>
      <c r="AL2475" s="137"/>
      <c r="AM2475" s="137"/>
      <c r="AN2475" s="137"/>
      <c r="AO2475" s="137"/>
      <c r="AP2475" s="137"/>
      <c r="AQ2475" s="137"/>
      <c r="AR2475" s="137"/>
      <c r="AS2475" s="137"/>
      <c r="AT2475" s="137"/>
      <c r="AU2475" s="137"/>
      <c r="AV2475" s="137"/>
      <c r="AW2475" s="144"/>
    </row>
    <row r="2476" spans="7:49" x14ac:dyDescent="0.2">
      <c r="G2476" s="43"/>
      <c r="Z2476" s="143"/>
      <c r="AA2476" s="137"/>
      <c r="AB2476" s="137"/>
      <c r="AC2476" s="137"/>
      <c r="AD2476" s="137"/>
      <c r="AE2476" s="137"/>
      <c r="AF2476" s="137"/>
      <c r="AG2476" s="137"/>
      <c r="AH2476" s="137"/>
      <c r="AI2476" s="137"/>
      <c r="AJ2476" s="137"/>
      <c r="AK2476" s="137"/>
      <c r="AL2476" s="137"/>
      <c r="AM2476" s="137"/>
      <c r="AN2476" s="137"/>
      <c r="AO2476" s="137"/>
      <c r="AP2476" s="137"/>
      <c r="AQ2476" s="137"/>
      <c r="AR2476" s="137"/>
      <c r="AS2476" s="137"/>
      <c r="AT2476" s="137"/>
      <c r="AU2476" s="137"/>
      <c r="AV2476" s="137"/>
      <c r="AW2476" s="144"/>
    </row>
    <row r="2477" spans="7:49" x14ac:dyDescent="0.2">
      <c r="G2477" s="43"/>
      <c r="Z2477" s="143"/>
      <c r="AA2477" s="137"/>
      <c r="AB2477" s="137"/>
      <c r="AC2477" s="137"/>
      <c r="AD2477" s="137"/>
      <c r="AE2477" s="137"/>
      <c r="AF2477" s="137"/>
      <c r="AG2477" s="137"/>
      <c r="AH2477" s="137"/>
      <c r="AI2477" s="137"/>
      <c r="AJ2477" s="137"/>
      <c r="AK2477" s="137"/>
      <c r="AL2477" s="137"/>
      <c r="AM2477" s="137"/>
      <c r="AN2477" s="137"/>
      <c r="AO2477" s="137"/>
      <c r="AP2477" s="137"/>
      <c r="AQ2477" s="137"/>
      <c r="AR2477" s="137"/>
      <c r="AS2477" s="137"/>
      <c r="AT2477" s="137"/>
      <c r="AU2477" s="137"/>
      <c r="AV2477" s="137"/>
      <c r="AW2477" s="144"/>
    </row>
    <row r="2478" spans="7:49" x14ac:dyDescent="0.2">
      <c r="G2478" s="43"/>
      <c r="Z2478" s="143"/>
      <c r="AA2478" s="137"/>
      <c r="AB2478" s="137"/>
      <c r="AC2478" s="137"/>
      <c r="AD2478" s="137"/>
      <c r="AE2478" s="137"/>
      <c r="AF2478" s="137"/>
      <c r="AG2478" s="137"/>
      <c r="AH2478" s="137"/>
      <c r="AI2478" s="137"/>
      <c r="AJ2478" s="137"/>
      <c r="AK2478" s="137"/>
      <c r="AL2478" s="137"/>
      <c r="AM2478" s="137"/>
      <c r="AN2478" s="137"/>
      <c r="AO2478" s="137"/>
      <c r="AP2478" s="137"/>
      <c r="AQ2478" s="137"/>
      <c r="AR2478" s="137"/>
      <c r="AS2478" s="137"/>
      <c r="AT2478" s="137"/>
      <c r="AU2478" s="137"/>
      <c r="AV2478" s="137"/>
      <c r="AW2478" s="144"/>
    </row>
    <row r="2479" spans="7:49" x14ac:dyDescent="0.2">
      <c r="G2479" s="43"/>
      <c r="Z2479" s="143"/>
      <c r="AA2479" s="137"/>
      <c r="AB2479" s="137"/>
      <c r="AC2479" s="137"/>
      <c r="AD2479" s="137"/>
      <c r="AE2479" s="137"/>
      <c r="AF2479" s="137"/>
      <c r="AG2479" s="137"/>
      <c r="AH2479" s="137"/>
      <c r="AI2479" s="137"/>
      <c r="AJ2479" s="137"/>
      <c r="AK2479" s="137"/>
      <c r="AL2479" s="137"/>
      <c r="AM2479" s="137"/>
      <c r="AN2479" s="137"/>
      <c r="AO2479" s="137"/>
      <c r="AP2479" s="137"/>
      <c r="AQ2479" s="137"/>
      <c r="AR2479" s="137"/>
      <c r="AS2479" s="137"/>
      <c r="AT2479" s="137"/>
      <c r="AU2479" s="137"/>
      <c r="AV2479" s="137"/>
      <c r="AW2479" s="144"/>
    </row>
    <row r="2480" spans="7:49" x14ac:dyDescent="0.2">
      <c r="G2480" s="43"/>
      <c r="Z2480" s="143"/>
      <c r="AA2480" s="137"/>
      <c r="AB2480" s="137"/>
      <c r="AC2480" s="137"/>
      <c r="AD2480" s="137"/>
      <c r="AE2480" s="137"/>
      <c r="AF2480" s="137"/>
      <c r="AG2480" s="137"/>
      <c r="AH2480" s="137"/>
      <c r="AI2480" s="137"/>
      <c r="AJ2480" s="137"/>
      <c r="AK2480" s="137"/>
      <c r="AL2480" s="137"/>
      <c r="AM2480" s="137"/>
      <c r="AN2480" s="137"/>
      <c r="AO2480" s="137"/>
      <c r="AP2480" s="137"/>
      <c r="AQ2480" s="137"/>
      <c r="AR2480" s="137"/>
      <c r="AS2480" s="137"/>
      <c r="AT2480" s="137"/>
      <c r="AU2480" s="137"/>
      <c r="AV2480" s="137"/>
      <c r="AW2480" s="144"/>
    </row>
    <row r="2481" spans="7:49" x14ac:dyDescent="0.2">
      <c r="G2481" s="43"/>
      <c r="Z2481" s="143"/>
      <c r="AA2481" s="137"/>
      <c r="AB2481" s="137"/>
      <c r="AC2481" s="137"/>
      <c r="AD2481" s="137"/>
      <c r="AE2481" s="137"/>
      <c r="AF2481" s="137"/>
      <c r="AG2481" s="137"/>
      <c r="AH2481" s="137"/>
      <c r="AI2481" s="137"/>
      <c r="AJ2481" s="137"/>
      <c r="AK2481" s="137"/>
      <c r="AL2481" s="137"/>
      <c r="AM2481" s="137"/>
      <c r="AN2481" s="137"/>
      <c r="AO2481" s="137"/>
      <c r="AP2481" s="137"/>
      <c r="AQ2481" s="137"/>
      <c r="AR2481" s="137"/>
      <c r="AS2481" s="137"/>
      <c r="AT2481" s="137"/>
      <c r="AU2481" s="137"/>
      <c r="AV2481" s="137"/>
      <c r="AW2481" s="144"/>
    </row>
    <row r="2482" spans="7:49" x14ac:dyDescent="0.2">
      <c r="G2482" s="43"/>
      <c r="Z2482" s="143"/>
      <c r="AA2482" s="137"/>
      <c r="AB2482" s="137"/>
      <c r="AC2482" s="137"/>
      <c r="AD2482" s="137"/>
      <c r="AE2482" s="137"/>
      <c r="AF2482" s="137"/>
      <c r="AG2482" s="137"/>
      <c r="AH2482" s="137"/>
      <c r="AI2482" s="137"/>
      <c r="AJ2482" s="137"/>
      <c r="AK2482" s="137"/>
      <c r="AL2482" s="137"/>
      <c r="AM2482" s="137"/>
      <c r="AN2482" s="137"/>
      <c r="AO2482" s="137"/>
      <c r="AP2482" s="137"/>
      <c r="AQ2482" s="137"/>
      <c r="AR2482" s="137"/>
      <c r="AS2482" s="137"/>
      <c r="AT2482" s="137"/>
      <c r="AU2482" s="137"/>
      <c r="AV2482" s="137"/>
      <c r="AW2482" s="144"/>
    </row>
    <row r="2483" spans="7:49" x14ac:dyDescent="0.2">
      <c r="G2483" s="43"/>
      <c r="Z2483" s="143"/>
      <c r="AA2483" s="137"/>
      <c r="AB2483" s="137"/>
      <c r="AC2483" s="137"/>
      <c r="AD2483" s="137"/>
      <c r="AE2483" s="137"/>
      <c r="AF2483" s="137"/>
      <c r="AG2483" s="137"/>
      <c r="AH2483" s="137"/>
      <c r="AI2483" s="137"/>
      <c r="AJ2483" s="137"/>
      <c r="AK2483" s="137"/>
      <c r="AL2483" s="137"/>
      <c r="AM2483" s="137"/>
      <c r="AN2483" s="137"/>
      <c r="AO2483" s="137"/>
      <c r="AP2483" s="137"/>
      <c r="AQ2483" s="137"/>
      <c r="AR2483" s="137"/>
      <c r="AS2483" s="137"/>
      <c r="AT2483" s="137"/>
      <c r="AU2483" s="137"/>
      <c r="AV2483" s="137"/>
      <c r="AW2483" s="144"/>
    </row>
    <row r="2484" spans="7:49" x14ac:dyDescent="0.2">
      <c r="G2484" s="43"/>
      <c r="Z2484" s="143"/>
      <c r="AA2484" s="137"/>
      <c r="AB2484" s="137"/>
      <c r="AC2484" s="137"/>
      <c r="AD2484" s="137"/>
      <c r="AE2484" s="137"/>
      <c r="AF2484" s="137"/>
      <c r="AG2484" s="137"/>
      <c r="AH2484" s="137"/>
      <c r="AI2484" s="137"/>
      <c r="AJ2484" s="137"/>
      <c r="AK2484" s="137"/>
      <c r="AL2484" s="137"/>
      <c r="AM2484" s="137"/>
      <c r="AN2484" s="137"/>
      <c r="AO2484" s="137"/>
      <c r="AP2484" s="137"/>
      <c r="AQ2484" s="137"/>
      <c r="AR2484" s="137"/>
      <c r="AS2484" s="137"/>
      <c r="AT2484" s="137"/>
      <c r="AU2484" s="137"/>
      <c r="AV2484" s="137"/>
      <c r="AW2484" s="144"/>
    </row>
    <row r="2485" spans="7:49" x14ac:dyDescent="0.2">
      <c r="G2485" s="43"/>
      <c r="Z2485" s="143"/>
      <c r="AA2485" s="137"/>
      <c r="AB2485" s="137"/>
      <c r="AC2485" s="137"/>
      <c r="AD2485" s="137"/>
      <c r="AE2485" s="137"/>
      <c r="AF2485" s="137"/>
      <c r="AG2485" s="137"/>
      <c r="AH2485" s="137"/>
      <c r="AI2485" s="137"/>
      <c r="AJ2485" s="137"/>
      <c r="AK2485" s="137"/>
      <c r="AL2485" s="137"/>
      <c r="AM2485" s="137"/>
      <c r="AN2485" s="137"/>
      <c r="AO2485" s="137"/>
      <c r="AP2485" s="137"/>
      <c r="AQ2485" s="137"/>
      <c r="AR2485" s="137"/>
      <c r="AS2485" s="137"/>
      <c r="AT2485" s="137"/>
      <c r="AU2485" s="137"/>
      <c r="AV2485" s="137"/>
      <c r="AW2485" s="144"/>
    </row>
    <row r="2486" spans="7:49" x14ac:dyDescent="0.2">
      <c r="G2486" s="43"/>
      <c r="Z2486" s="143"/>
      <c r="AA2486" s="137"/>
      <c r="AB2486" s="137"/>
      <c r="AC2486" s="137"/>
      <c r="AD2486" s="137"/>
      <c r="AE2486" s="137"/>
      <c r="AF2486" s="137"/>
      <c r="AG2486" s="137"/>
      <c r="AH2486" s="137"/>
      <c r="AI2486" s="137"/>
      <c r="AJ2486" s="137"/>
      <c r="AK2486" s="137"/>
      <c r="AL2486" s="137"/>
      <c r="AM2486" s="137"/>
      <c r="AN2486" s="137"/>
      <c r="AO2486" s="137"/>
      <c r="AP2486" s="137"/>
      <c r="AQ2486" s="137"/>
      <c r="AR2486" s="137"/>
      <c r="AS2486" s="137"/>
      <c r="AT2486" s="137"/>
      <c r="AU2486" s="137"/>
      <c r="AV2486" s="137"/>
      <c r="AW2486" s="144"/>
    </row>
    <row r="2487" spans="7:49" x14ac:dyDescent="0.2">
      <c r="G2487" s="43"/>
      <c r="Z2487" s="143"/>
      <c r="AA2487" s="137"/>
      <c r="AB2487" s="137"/>
      <c r="AC2487" s="137"/>
      <c r="AD2487" s="137"/>
      <c r="AE2487" s="137"/>
      <c r="AF2487" s="137"/>
      <c r="AG2487" s="137"/>
      <c r="AH2487" s="137"/>
      <c r="AI2487" s="137"/>
      <c r="AJ2487" s="137"/>
      <c r="AK2487" s="137"/>
      <c r="AL2487" s="137"/>
      <c r="AM2487" s="137"/>
      <c r="AN2487" s="137"/>
      <c r="AO2487" s="137"/>
      <c r="AP2487" s="137"/>
      <c r="AQ2487" s="137"/>
      <c r="AR2487" s="137"/>
      <c r="AS2487" s="137"/>
      <c r="AT2487" s="137"/>
      <c r="AU2487" s="137"/>
      <c r="AV2487" s="137"/>
      <c r="AW2487" s="144"/>
    </row>
    <row r="2488" spans="7:49" x14ac:dyDescent="0.2">
      <c r="G2488" s="43"/>
      <c r="Z2488" s="143"/>
      <c r="AA2488" s="137"/>
      <c r="AB2488" s="137"/>
      <c r="AC2488" s="137"/>
      <c r="AD2488" s="137"/>
      <c r="AE2488" s="137"/>
      <c r="AF2488" s="137"/>
      <c r="AG2488" s="137"/>
      <c r="AH2488" s="137"/>
      <c r="AI2488" s="137"/>
      <c r="AJ2488" s="137"/>
      <c r="AK2488" s="137"/>
      <c r="AL2488" s="137"/>
      <c r="AM2488" s="137"/>
      <c r="AN2488" s="137"/>
      <c r="AO2488" s="137"/>
      <c r="AP2488" s="137"/>
      <c r="AQ2488" s="137"/>
      <c r="AR2488" s="137"/>
      <c r="AS2488" s="137"/>
      <c r="AT2488" s="137"/>
      <c r="AU2488" s="137"/>
      <c r="AV2488" s="137"/>
      <c r="AW2488" s="144"/>
    </row>
    <row r="2489" spans="7:49" x14ac:dyDescent="0.2">
      <c r="G2489" s="43"/>
      <c r="Z2489" s="143"/>
      <c r="AA2489" s="137"/>
      <c r="AB2489" s="137"/>
      <c r="AC2489" s="137"/>
      <c r="AD2489" s="137"/>
      <c r="AE2489" s="137"/>
      <c r="AF2489" s="137"/>
      <c r="AG2489" s="137"/>
      <c r="AH2489" s="137"/>
      <c r="AI2489" s="137"/>
      <c r="AJ2489" s="137"/>
      <c r="AK2489" s="137"/>
      <c r="AL2489" s="137"/>
      <c r="AM2489" s="137"/>
      <c r="AN2489" s="137"/>
      <c r="AO2489" s="137"/>
      <c r="AP2489" s="137"/>
      <c r="AQ2489" s="137"/>
      <c r="AR2489" s="137"/>
      <c r="AS2489" s="137"/>
      <c r="AT2489" s="137"/>
      <c r="AU2489" s="137"/>
      <c r="AV2489" s="137"/>
      <c r="AW2489" s="144"/>
    </row>
    <row r="2490" spans="7:49" x14ac:dyDescent="0.2">
      <c r="G2490" s="43"/>
      <c r="Z2490" s="143"/>
      <c r="AA2490" s="137"/>
      <c r="AB2490" s="137"/>
      <c r="AC2490" s="137"/>
      <c r="AD2490" s="137"/>
      <c r="AE2490" s="137"/>
      <c r="AF2490" s="137"/>
      <c r="AG2490" s="137"/>
      <c r="AH2490" s="137"/>
      <c r="AI2490" s="137"/>
      <c r="AJ2490" s="137"/>
      <c r="AK2490" s="137"/>
      <c r="AL2490" s="137"/>
      <c r="AM2490" s="137"/>
      <c r="AN2490" s="137"/>
      <c r="AO2490" s="137"/>
      <c r="AP2490" s="137"/>
      <c r="AQ2490" s="137"/>
      <c r="AR2490" s="137"/>
      <c r="AS2490" s="137"/>
      <c r="AT2490" s="137"/>
      <c r="AU2490" s="137"/>
      <c r="AV2490" s="137"/>
      <c r="AW2490" s="144"/>
    </row>
    <row r="2491" spans="7:49" x14ac:dyDescent="0.2">
      <c r="G2491" s="43"/>
      <c r="Z2491" s="143"/>
      <c r="AA2491" s="137"/>
      <c r="AB2491" s="137"/>
      <c r="AC2491" s="137"/>
      <c r="AD2491" s="137"/>
      <c r="AE2491" s="137"/>
      <c r="AF2491" s="137"/>
      <c r="AG2491" s="137"/>
      <c r="AH2491" s="137"/>
      <c r="AI2491" s="137"/>
      <c r="AJ2491" s="137"/>
      <c r="AK2491" s="137"/>
      <c r="AL2491" s="137"/>
      <c r="AM2491" s="137"/>
      <c r="AN2491" s="137"/>
      <c r="AO2491" s="137"/>
      <c r="AP2491" s="137"/>
      <c r="AQ2491" s="137"/>
      <c r="AR2491" s="137"/>
      <c r="AS2491" s="137"/>
      <c r="AT2491" s="137"/>
      <c r="AU2491" s="137"/>
      <c r="AV2491" s="137"/>
      <c r="AW2491" s="144"/>
    </row>
    <row r="2492" spans="7:49" x14ac:dyDescent="0.2">
      <c r="G2492" s="43"/>
      <c r="Z2492" s="143"/>
      <c r="AA2492" s="137"/>
      <c r="AB2492" s="137"/>
      <c r="AC2492" s="137"/>
      <c r="AD2492" s="137"/>
      <c r="AE2492" s="137"/>
      <c r="AF2492" s="137"/>
      <c r="AG2492" s="137"/>
      <c r="AH2492" s="137"/>
      <c r="AI2492" s="137"/>
      <c r="AJ2492" s="137"/>
      <c r="AK2492" s="137"/>
      <c r="AL2492" s="137"/>
      <c r="AM2492" s="137"/>
      <c r="AN2492" s="137"/>
      <c r="AO2492" s="137"/>
      <c r="AP2492" s="137"/>
      <c r="AQ2492" s="137"/>
      <c r="AR2492" s="137"/>
      <c r="AS2492" s="137"/>
      <c r="AT2492" s="137"/>
      <c r="AU2492" s="137"/>
      <c r="AV2492" s="137"/>
      <c r="AW2492" s="144"/>
    </row>
    <row r="2493" spans="7:49" x14ac:dyDescent="0.2">
      <c r="G2493" s="43"/>
      <c r="Z2493" s="143"/>
      <c r="AA2493" s="137"/>
      <c r="AB2493" s="137"/>
      <c r="AC2493" s="137"/>
      <c r="AD2493" s="137"/>
      <c r="AE2493" s="137"/>
      <c r="AF2493" s="137"/>
      <c r="AG2493" s="137"/>
      <c r="AH2493" s="137"/>
      <c r="AI2493" s="137"/>
      <c r="AJ2493" s="137"/>
      <c r="AK2493" s="137"/>
      <c r="AL2493" s="137"/>
      <c r="AM2493" s="137"/>
      <c r="AN2493" s="137"/>
      <c r="AO2493" s="137"/>
      <c r="AP2493" s="137"/>
      <c r="AQ2493" s="137"/>
      <c r="AR2493" s="137"/>
      <c r="AS2493" s="137"/>
      <c r="AT2493" s="137"/>
      <c r="AU2493" s="137"/>
      <c r="AV2493" s="137"/>
      <c r="AW2493" s="144"/>
    </row>
    <row r="2494" spans="7:49" x14ac:dyDescent="0.2">
      <c r="G2494" s="43"/>
      <c r="Z2494" s="143"/>
      <c r="AA2494" s="137"/>
      <c r="AB2494" s="137"/>
      <c r="AC2494" s="137"/>
      <c r="AD2494" s="137"/>
      <c r="AE2494" s="137"/>
      <c r="AF2494" s="137"/>
      <c r="AG2494" s="137"/>
      <c r="AH2494" s="137"/>
      <c r="AI2494" s="137"/>
      <c r="AJ2494" s="137"/>
      <c r="AK2494" s="137"/>
      <c r="AL2494" s="137"/>
      <c r="AM2494" s="137"/>
      <c r="AN2494" s="137"/>
      <c r="AO2494" s="137"/>
      <c r="AP2494" s="137"/>
      <c r="AQ2494" s="137"/>
      <c r="AR2494" s="137"/>
      <c r="AS2494" s="137"/>
      <c r="AT2494" s="137"/>
      <c r="AU2494" s="137"/>
      <c r="AV2494" s="137"/>
      <c r="AW2494" s="144"/>
    </row>
    <row r="2495" spans="7:49" x14ac:dyDescent="0.2">
      <c r="G2495" s="43"/>
      <c r="Z2495" s="143"/>
      <c r="AA2495" s="137"/>
      <c r="AB2495" s="137"/>
      <c r="AC2495" s="137"/>
      <c r="AD2495" s="137"/>
      <c r="AE2495" s="137"/>
      <c r="AF2495" s="137"/>
      <c r="AG2495" s="137"/>
      <c r="AH2495" s="137"/>
      <c r="AI2495" s="137"/>
      <c r="AJ2495" s="137"/>
      <c r="AK2495" s="137"/>
      <c r="AL2495" s="137"/>
      <c r="AM2495" s="137"/>
      <c r="AN2495" s="137"/>
      <c r="AO2495" s="137"/>
      <c r="AP2495" s="137"/>
      <c r="AQ2495" s="137"/>
      <c r="AR2495" s="137"/>
      <c r="AS2495" s="137"/>
      <c r="AT2495" s="137"/>
      <c r="AU2495" s="137"/>
      <c r="AV2495" s="137"/>
      <c r="AW2495" s="144"/>
    </row>
    <row r="2496" spans="7:49" x14ac:dyDescent="0.2">
      <c r="G2496" s="43"/>
      <c r="Z2496" s="143"/>
      <c r="AA2496" s="137"/>
      <c r="AB2496" s="137"/>
      <c r="AC2496" s="137"/>
      <c r="AD2496" s="137"/>
      <c r="AE2496" s="137"/>
      <c r="AF2496" s="137"/>
      <c r="AG2496" s="137"/>
      <c r="AH2496" s="137"/>
      <c r="AI2496" s="137"/>
      <c r="AJ2496" s="137"/>
      <c r="AK2496" s="137"/>
      <c r="AL2496" s="137"/>
      <c r="AM2496" s="137"/>
      <c r="AN2496" s="137"/>
      <c r="AO2496" s="137"/>
      <c r="AP2496" s="137"/>
      <c r="AQ2496" s="137"/>
      <c r="AR2496" s="137"/>
      <c r="AS2496" s="137"/>
      <c r="AT2496" s="137"/>
      <c r="AU2496" s="137"/>
      <c r="AV2496" s="137"/>
      <c r="AW2496" s="144"/>
    </row>
    <row r="2497" spans="7:49" x14ac:dyDescent="0.2">
      <c r="G2497" s="43"/>
      <c r="Z2497" s="143"/>
      <c r="AA2497" s="137"/>
      <c r="AB2497" s="137"/>
      <c r="AC2497" s="137"/>
      <c r="AD2497" s="137"/>
      <c r="AE2497" s="137"/>
      <c r="AF2497" s="137"/>
      <c r="AG2497" s="137"/>
      <c r="AH2497" s="137"/>
      <c r="AI2497" s="137"/>
      <c r="AJ2497" s="137"/>
      <c r="AK2497" s="137"/>
      <c r="AL2497" s="137"/>
      <c r="AM2497" s="137"/>
      <c r="AN2497" s="137"/>
      <c r="AO2497" s="137"/>
      <c r="AP2497" s="137"/>
      <c r="AQ2497" s="137"/>
      <c r="AR2497" s="137"/>
      <c r="AS2497" s="137"/>
      <c r="AT2497" s="137"/>
      <c r="AU2497" s="137"/>
      <c r="AV2497" s="137"/>
      <c r="AW2497" s="144"/>
    </row>
    <row r="2498" spans="7:49" x14ac:dyDescent="0.2">
      <c r="G2498" s="43"/>
      <c r="Z2498" s="143"/>
      <c r="AA2498" s="137"/>
      <c r="AB2498" s="137"/>
      <c r="AC2498" s="137"/>
      <c r="AD2498" s="137"/>
      <c r="AE2498" s="137"/>
      <c r="AF2498" s="137"/>
      <c r="AG2498" s="137"/>
      <c r="AH2498" s="137"/>
      <c r="AI2498" s="137"/>
      <c r="AJ2498" s="137"/>
      <c r="AK2498" s="137"/>
      <c r="AL2498" s="137"/>
      <c r="AM2498" s="137"/>
      <c r="AN2498" s="137"/>
      <c r="AO2498" s="137"/>
      <c r="AP2498" s="137"/>
      <c r="AQ2498" s="137"/>
      <c r="AR2498" s="137"/>
      <c r="AS2498" s="137"/>
      <c r="AT2498" s="137"/>
      <c r="AU2498" s="137"/>
      <c r="AV2498" s="137"/>
      <c r="AW2498" s="144"/>
    </row>
    <row r="2499" spans="7:49" x14ac:dyDescent="0.2">
      <c r="G2499" s="43"/>
      <c r="Z2499" s="143"/>
      <c r="AA2499" s="137"/>
      <c r="AB2499" s="137"/>
      <c r="AC2499" s="137"/>
      <c r="AD2499" s="137"/>
      <c r="AE2499" s="137"/>
      <c r="AF2499" s="137"/>
      <c r="AG2499" s="137"/>
      <c r="AH2499" s="137"/>
      <c r="AI2499" s="137"/>
      <c r="AJ2499" s="137"/>
      <c r="AK2499" s="137"/>
      <c r="AL2499" s="137"/>
      <c r="AM2499" s="137"/>
      <c r="AN2499" s="137"/>
      <c r="AO2499" s="137"/>
      <c r="AP2499" s="137"/>
      <c r="AQ2499" s="137"/>
      <c r="AR2499" s="137"/>
      <c r="AS2499" s="137"/>
      <c r="AT2499" s="137"/>
      <c r="AU2499" s="137"/>
      <c r="AV2499" s="137"/>
      <c r="AW2499" s="144"/>
    </row>
    <row r="2500" spans="7:49" x14ac:dyDescent="0.2">
      <c r="G2500" s="43"/>
      <c r="Z2500" s="143"/>
      <c r="AA2500" s="137"/>
      <c r="AB2500" s="137"/>
      <c r="AC2500" s="137"/>
      <c r="AD2500" s="137"/>
      <c r="AE2500" s="137"/>
      <c r="AF2500" s="137"/>
      <c r="AG2500" s="137"/>
      <c r="AH2500" s="137"/>
      <c r="AI2500" s="137"/>
      <c r="AJ2500" s="137"/>
      <c r="AK2500" s="137"/>
      <c r="AL2500" s="137"/>
      <c r="AM2500" s="137"/>
      <c r="AN2500" s="137"/>
      <c r="AO2500" s="137"/>
      <c r="AP2500" s="137"/>
      <c r="AQ2500" s="137"/>
      <c r="AR2500" s="137"/>
      <c r="AS2500" s="137"/>
      <c r="AT2500" s="137"/>
      <c r="AU2500" s="137"/>
      <c r="AV2500" s="137"/>
      <c r="AW2500" s="144"/>
    </row>
    <row r="2501" spans="7:49" x14ac:dyDescent="0.2">
      <c r="G2501" s="43"/>
      <c r="Z2501" s="143"/>
      <c r="AA2501" s="137"/>
      <c r="AB2501" s="137"/>
      <c r="AC2501" s="137"/>
      <c r="AD2501" s="137"/>
      <c r="AE2501" s="137"/>
      <c r="AF2501" s="137"/>
      <c r="AG2501" s="137"/>
      <c r="AH2501" s="137"/>
      <c r="AI2501" s="137"/>
      <c r="AJ2501" s="137"/>
      <c r="AK2501" s="137"/>
      <c r="AL2501" s="137"/>
      <c r="AM2501" s="137"/>
      <c r="AN2501" s="137"/>
      <c r="AO2501" s="137"/>
      <c r="AP2501" s="137"/>
      <c r="AQ2501" s="137"/>
      <c r="AR2501" s="137"/>
      <c r="AS2501" s="137"/>
      <c r="AT2501" s="137"/>
      <c r="AU2501" s="137"/>
      <c r="AV2501" s="137"/>
      <c r="AW2501" s="144"/>
    </row>
    <row r="2502" spans="7:49" x14ac:dyDescent="0.2">
      <c r="G2502" s="43"/>
      <c r="Z2502" s="143"/>
      <c r="AA2502" s="137"/>
      <c r="AB2502" s="137"/>
      <c r="AC2502" s="137"/>
      <c r="AD2502" s="137"/>
      <c r="AE2502" s="137"/>
      <c r="AF2502" s="137"/>
      <c r="AG2502" s="137"/>
      <c r="AH2502" s="137"/>
      <c r="AI2502" s="137"/>
      <c r="AJ2502" s="137"/>
      <c r="AK2502" s="137"/>
      <c r="AL2502" s="137"/>
      <c r="AM2502" s="137"/>
      <c r="AN2502" s="137"/>
      <c r="AO2502" s="137"/>
      <c r="AP2502" s="137"/>
      <c r="AQ2502" s="137"/>
      <c r="AR2502" s="137"/>
      <c r="AS2502" s="137"/>
      <c r="AT2502" s="137"/>
      <c r="AU2502" s="137"/>
      <c r="AV2502" s="137"/>
      <c r="AW2502" s="144"/>
    </row>
    <row r="2503" spans="7:49" x14ac:dyDescent="0.2">
      <c r="G2503" s="43"/>
      <c r="Z2503" s="143"/>
      <c r="AA2503" s="137"/>
      <c r="AB2503" s="137"/>
      <c r="AC2503" s="137"/>
      <c r="AD2503" s="137"/>
      <c r="AE2503" s="137"/>
      <c r="AF2503" s="137"/>
      <c r="AG2503" s="137"/>
      <c r="AH2503" s="137"/>
      <c r="AI2503" s="137"/>
      <c r="AJ2503" s="137"/>
      <c r="AK2503" s="137"/>
      <c r="AL2503" s="137"/>
      <c r="AM2503" s="137"/>
      <c r="AN2503" s="137"/>
      <c r="AO2503" s="137"/>
      <c r="AP2503" s="137"/>
      <c r="AQ2503" s="137"/>
      <c r="AR2503" s="137"/>
      <c r="AS2503" s="137"/>
      <c r="AT2503" s="137"/>
      <c r="AU2503" s="137"/>
      <c r="AV2503" s="137"/>
      <c r="AW2503" s="144"/>
    </row>
    <row r="2504" spans="7:49" x14ac:dyDescent="0.2">
      <c r="G2504" s="43"/>
      <c r="Z2504" s="143"/>
      <c r="AA2504" s="137"/>
      <c r="AB2504" s="137"/>
      <c r="AC2504" s="137"/>
      <c r="AD2504" s="137"/>
      <c r="AE2504" s="137"/>
      <c r="AF2504" s="137"/>
      <c r="AG2504" s="137"/>
      <c r="AH2504" s="137"/>
      <c r="AI2504" s="137"/>
      <c r="AJ2504" s="137"/>
      <c r="AK2504" s="137"/>
      <c r="AL2504" s="137"/>
      <c r="AM2504" s="137"/>
      <c r="AN2504" s="137"/>
      <c r="AO2504" s="137"/>
      <c r="AP2504" s="137"/>
      <c r="AQ2504" s="137"/>
      <c r="AR2504" s="137"/>
      <c r="AS2504" s="137"/>
      <c r="AT2504" s="137"/>
      <c r="AU2504" s="137"/>
      <c r="AV2504" s="137"/>
      <c r="AW2504" s="144"/>
    </row>
    <row r="2505" spans="7:49" x14ac:dyDescent="0.2">
      <c r="G2505" s="43"/>
      <c r="Z2505" s="143"/>
      <c r="AA2505" s="137"/>
      <c r="AB2505" s="137"/>
      <c r="AC2505" s="137"/>
      <c r="AD2505" s="137"/>
      <c r="AE2505" s="137"/>
      <c r="AF2505" s="137"/>
      <c r="AG2505" s="137"/>
      <c r="AH2505" s="137"/>
      <c r="AI2505" s="137"/>
      <c r="AJ2505" s="137"/>
      <c r="AK2505" s="137"/>
      <c r="AL2505" s="137"/>
      <c r="AM2505" s="137"/>
      <c r="AN2505" s="137"/>
      <c r="AO2505" s="137"/>
      <c r="AP2505" s="137"/>
      <c r="AQ2505" s="137"/>
      <c r="AR2505" s="137"/>
      <c r="AS2505" s="137"/>
      <c r="AT2505" s="137"/>
      <c r="AU2505" s="137"/>
      <c r="AV2505" s="137"/>
      <c r="AW2505" s="144"/>
    </row>
    <row r="2506" spans="7:49" x14ac:dyDescent="0.2">
      <c r="G2506" s="43"/>
      <c r="Z2506" s="143"/>
      <c r="AA2506" s="137"/>
      <c r="AB2506" s="137"/>
      <c r="AC2506" s="137"/>
      <c r="AD2506" s="137"/>
      <c r="AE2506" s="137"/>
      <c r="AF2506" s="137"/>
      <c r="AG2506" s="137"/>
      <c r="AH2506" s="137"/>
      <c r="AI2506" s="137"/>
      <c r="AJ2506" s="137"/>
      <c r="AK2506" s="137"/>
      <c r="AL2506" s="137"/>
      <c r="AM2506" s="137"/>
      <c r="AN2506" s="137"/>
      <c r="AO2506" s="137"/>
      <c r="AP2506" s="137"/>
      <c r="AQ2506" s="137"/>
      <c r="AR2506" s="137"/>
      <c r="AS2506" s="137"/>
      <c r="AT2506" s="137"/>
      <c r="AU2506" s="137"/>
      <c r="AV2506" s="137"/>
      <c r="AW2506" s="144"/>
    </row>
    <row r="2507" spans="7:49" x14ac:dyDescent="0.2">
      <c r="G2507" s="43"/>
      <c r="Z2507" s="143"/>
      <c r="AA2507" s="137"/>
      <c r="AB2507" s="137"/>
      <c r="AC2507" s="137"/>
      <c r="AD2507" s="137"/>
      <c r="AE2507" s="137"/>
      <c r="AF2507" s="137"/>
      <c r="AG2507" s="137"/>
      <c r="AH2507" s="137"/>
      <c r="AI2507" s="137"/>
      <c r="AJ2507" s="137"/>
      <c r="AK2507" s="137"/>
      <c r="AL2507" s="137"/>
      <c r="AM2507" s="137"/>
      <c r="AN2507" s="137"/>
      <c r="AO2507" s="137"/>
      <c r="AP2507" s="137"/>
      <c r="AQ2507" s="137"/>
      <c r="AR2507" s="137"/>
      <c r="AS2507" s="137"/>
      <c r="AT2507" s="137"/>
      <c r="AU2507" s="137"/>
      <c r="AV2507" s="137"/>
      <c r="AW2507" s="144"/>
    </row>
    <row r="2508" spans="7:49" x14ac:dyDescent="0.2">
      <c r="G2508" s="43"/>
      <c r="Z2508" s="143"/>
      <c r="AA2508" s="137"/>
      <c r="AB2508" s="137"/>
      <c r="AC2508" s="137"/>
      <c r="AD2508" s="137"/>
      <c r="AE2508" s="137"/>
      <c r="AF2508" s="137"/>
      <c r="AG2508" s="137"/>
      <c r="AH2508" s="137"/>
      <c r="AI2508" s="137"/>
      <c r="AJ2508" s="137"/>
      <c r="AK2508" s="137"/>
      <c r="AL2508" s="137"/>
      <c r="AM2508" s="137"/>
      <c r="AN2508" s="137"/>
      <c r="AO2508" s="137"/>
      <c r="AP2508" s="137"/>
      <c r="AQ2508" s="137"/>
      <c r="AR2508" s="137"/>
      <c r="AS2508" s="137"/>
      <c r="AT2508" s="137"/>
      <c r="AU2508" s="137"/>
      <c r="AV2508" s="137"/>
      <c r="AW2508" s="144"/>
    </row>
    <row r="2509" spans="7:49" x14ac:dyDescent="0.2">
      <c r="G2509" s="43"/>
      <c r="Z2509" s="143"/>
      <c r="AA2509" s="137"/>
      <c r="AB2509" s="137"/>
      <c r="AC2509" s="137"/>
      <c r="AD2509" s="137"/>
      <c r="AE2509" s="137"/>
      <c r="AF2509" s="137"/>
      <c r="AG2509" s="137"/>
      <c r="AH2509" s="137"/>
      <c r="AI2509" s="137"/>
      <c r="AJ2509" s="137"/>
      <c r="AK2509" s="137"/>
      <c r="AL2509" s="137"/>
      <c r="AM2509" s="137"/>
      <c r="AN2509" s="137"/>
      <c r="AO2509" s="137"/>
      <c r="AP2509" s="137"/>
      <c r="AQ2509" s="137"/>
      <c r="AR2509" s="137"/>
      <c r="AS2509" s="137"/>
      <c r="AT2509" s="137"/>
      <c r="AU2509" s="137"/>
      <c r="AV2509" s="137"/>
      <c r="AW2509" s="144"/>
    </row>
    <row r="2510" spans="7:49" x14ac:dyDescent="0.2">
      <c r="G2510" s="43"/>
      <c r="Z2510" s="143"/>
      <c r="AA2510" s="137"/>
      <c r="AB2510" s="137"/>
      <c r="AC2510" s="137"/>
      <c r="AD2510" s="137"/>
      <c r="AE2510" s="137"/>
      <c r="AF2510" s="137"/>
      <c r="AG2510" s="137"/>
      <c r="AH2510" s="137"/>
      <c r="AI2510" s="137"/>
      <c r="AJ2510" s="137"/>
      <c r="AK2510" s="137"/>
      <c r="AL2510" s="137"/>
      <c r="AM2510" s="137"/>
      <c r="AN2510" s="137"/>
      <c r="AO2510" s="137"/>
      <c r="AP2510" s="137"/>
      <c r="AQ2510" s="137"/>
      <c r="AR2510" s="137"/>
      <c r="AS2510" s="137"/>
      <c r="AT2510" s="137"/>
      <c r="AU2510" s="137"/>
      <c r="AV2510" s="137"/>
      <c r="AW2510" s="144"/>
    </row>
    <row r="2511" spans="7:49" x14ac:dyDescent="0.2">
      <c r="G2511" s="43"/>
      <c r="Z2511" s="143"/>
      <c r="AA2511" s="137"/>
      <c r="AB2511" s="137"/>
      <c r="AC2511" s="137"/>
      <c r="AD2511" s="137"/>
      <c r="AE2511" s="137"/>
      <c r="AF2511" s="137"/>
      <c r="AG2511" s="137"/>
      <c r="AH2511" s="137"/>
      <c r="AI2511" s="137"/>
      <c r="AJ2511" s="137"/>
      <c r="AK2511" s="137"/>
      <c r="AL2511" s="137"/>
      <c r="AM2511" s="137"/>
      <c r="AN2511" s="137"/>
      <c r="AO2511" s="137"/>
      <c r="AP2511" s="137"/>
      <c r="AQ2511" s="137"/>
      <c r="AR2511" s="137"/>
      <c r="AS2511" s="137"/>
      <c r="AT2511" s="137"/>
      <c r="AU2511" s="137"/>
      <c r="AV2511" s="137"/>
      <c r="AW2511" s="144"/>
    </row>
    <row r="2512" spans="7:49" x14ac:dyDescent="0.2">
      <c r="G2512" s="43"/>
      <c r="Z2512" s="143"/>
      <c r="AA2512" s="137"/>
      <c r="AB2512" s="137"/>
      <c r="AC2512" s="137"/>
      <c r="AD2512" s="137"/>
      <c r="AE2512" s="137"/>
      <c r="AF2512" s="137"/>
      <c r="AG2512" s="137"/>
      <c r="AH2512" s="137"/>
      <c r="AI2512" s="137"/>
      <c r="AJ2512" s="137"/>
      <c r="AK2512" s="137"/>
      <c r="AL2512" s="137"/>
      <c r="AM2512" s="137"/>
      <c r="AN2512" s="137"/>
      <c r="AO2512" s="137"/>
      <c r="AP2512" s="137"/>
      <c r="AQ2512" s="137"/>
      <c r="AR2512" s="137"/>
      <c r="AS2512" s="137"/>
      <c r="AT2512" s="137"/>
      <c r="AU2512" s="137"/>
      <c r="AV2512" s="137"/>
      <c r="AW2512" s="144"/>
    </row>
    <row r="2513" spans="7:49" x14ac:dyDescent="0.2">
      <c r="G2513" s="43"/>
      <c r="Z2513" s="143"/>
      <c r="AA2513" s="137"/>
      <c r="AB2513" s="137"/>
      <c r="AC2513" s="137"/>
      <c r="AD2513" s="137"/>
      <c r="AE2513" s="137"/>
      <c r="AF2513" s="137"/>
      <c r="AG2513" s="137"/>
      <c r="AH2513" s="137"/>
      <c r="AI2513" s="137"/>
      <c r="AJ2513" s="137"/>
      <c r="AK2513" s="137"/>
      <c r="AL2513" s="137"/>
      <c r="AM2513" s="137"/>
      <c r="AN2513" s="137"/>
      <c r="AO2513" s="137"/>
      <c r="AP2513" s="137"/>
      <c r="AQ2513" s="137"/>
      <c r="AR2513" s="137"/>
      <c r="AS2513" s="137"/>
      <c r="AT2513" s="137"/>
      <c r="AU2513" s="137"/>
      <c r="AV2513" s="137"/>
      <c r="AW2513" s="144"/>
    </row>
    <row r="2514" spans="7:49" x14ac:dyDescent="0.2">
      <c r="G2514" s="43"/>
      <c r="Z2514" s="143"/>
      <c r="AA2514" s="137"/>
      <c r="AB2514" s="137"/>
      <c r="AC2514" s="137"/>
      <c r="AD2514" s="137"/>
      <c r="AE2514" s="137"/>
      <c r="AF2514" s="137"/>
      <c r="AG2514" s="137"/>
      <c r="AH2514" s="137"/>
      <c r="AI2514" s="137"/>
      <c r="AJ2514" s="137"/>
      <c r="AK2514" s="137"/>
      <c r="AL2514" s="137"/>
      <c r="AM2514" s="137"/>
      <c r="AN2514" s="137"/>
      <c r="AO2514" s="137"/>
      <c r="AP2514" s="137"/>
      <c r="AQ2514" s="137"/>
      <c r="AR2514" s="137"/>
      <c r="AS2514" s="137"/>
      <c r="AT2514" s="137"/>
      <c r="AU2514" s="137"/>
      <c r="AV2514" s="137"/>
      <c r="AW2514" s="144"/>
    </row>
    <row r="2515" spans="7:49" x14ac:dyDescent="0.2">
      <c r="G2515" s="43"/>
      <c r="Z2515" s="143"/>
      <c r="AA2515" s="137"/>
      <c r="AB2515" s="137"/>
      <c r="AC2515" s="137"/>
      <c r="AD2515" s="137"/>
      <c r="AE2515" s="137"/>
      <c r="AF2515" s="137"/>
      <c r="AG2515" s="137"/>
      <c r="AH2515" s="137"/>
      <c r="AI2515" s="137"/>
      <c r="AJ2515" s="137"/>
      <c r="AK2515" s="137"/>
      <c r="AL2515" s="137"/>
      <c r="AM2515" s="137"/>
      <c r="AN2515" s="137"/>
      <c r="AO2515" s="137"/>
      <c r="AP2515" s="137"/>
      <c r="AQ2515" s="137"/>
      <c r="AR2515" s="137"/>
      <c r="AS2515" s="137"/>
      <c r="AT2515" s="137"/>
      <c r="AU2515" s="137"/>
      <c r="AV2515" s="137"/>
      <c r="AW2515" s="144"/>
    </row>
    <row r="2516" spans="7:49" x14ac:dyDescent="0.2">
      <c r="G2516" s="43"/>
      <c r="Z2516" s="143"/>
      <c r="AA2516" s="137"/>
      <c r="AB2516" s="137"/>
      <c r="AC2516" s="137"/>
      <c r="AD2516" s="137"/>
      <c r="AE2516" s="137"/>
      <c r="AF2516" s="137"/>
      <c r="AG2516" s="137"/>
      <c r="AH2516" s="137"/>
      <c r="AI2516" s="137"/>
      <c r="AJ2516" s="137"/>
      <c r="AK2516" s="137"/>
      <c r="AL2516" s="137"/>
      <c r="AM2516" s="137"/>
      <c r="AN2516" s="137"/>
      <c r="AO2516" s="137"/>
      <c r="AP2516" s="137"/>
      <c r="AQ2516" s="137"/>
      <c r="AR2516" s="137"/>
      <c r="AS2516" s="137"/>
      <c r="AT2516" s="137"/>
      <c r="AU2516" s="137"/>
      <c r="AV2516" s="137"/>
      <c r="AW2516" s="144"/>
    </row>
    <row r="2517" spans="7:49" x14ac:dyDescent="0.2">
      <c r="G2517" s="43"/>
      <c r="Z2517" s="143"/>
      <c r="AA2517" s="137"/>
      <c r="AB2517" s="137"/>
      <c r="AC2517" s="137"/>
      <c r="AD2517" s="137"/>
      <c r="AE2517" s="137"/>
      <c r="AF2517" s="137"/>
      <c r="AG2517" s="137"/>
      <c r="AH2517" s="137"/>
      <c r="AI2517" s="137"/>
      <c r="AJ2517" s="137"/>
      <c r="AK2517" s="137"/>
      <c r="AL2517" s="137"/>
      <c r="AM2517" s="137"/>
      <c r="AN2517" s="137"/>
      <c r="AO2517" s="137"/>
      <c r="AP2517" s="137"/>
      <c r="AQ2517" s="137"/>
      <c r="AR2517" s="137"/>
      <c r="AS2517" s="137"/>
      <c r="AT2517" s="137"/>
      <c r="AU2517" s="137"/>
      <c r="AV2517" s="137"/>
      <c r="AW2517" s="144"/>
    </row>
    <row r="2518" spans="7:49" x14ac:dyDescent="0.2">
      <c r="G2518" s="43"/>
      <c r="Z2518" s="143"/>
      <c r="AA2518" s="137"/>
      <c r="AB2518" s="137"/>
      <c r="AC2518" s="137"/>
      <c r="AD2518" s="137"/>
      <c r="AE2518" s="137"/>
      <c r="AF2518" s="137"/>
      <c r="AG2518" s="137"/>
      <c r="AH2518" s="137"/>
      <c r="AI2518" s="137"/>
      <c r="AJ2518" s="137"/>
      <c r="AK2518" s="137"/>
      <c r="AL2518" s="137"/>
      <c r="AM2518" s="137"/>
      <c r="AN2518" s="137"/>
      <c r="AO2518" s="137"/>
      <c r="AP2518" s="137"/>
      <c r="AQ2518" s="137"/>
      <c r="AR2518" s="137"/>
      <c r="AS2518" s="137"/>
      <c r="AT2518" s="137"/>
      <c r="AU2518" s="137"/>
      <c r="AV2518" s="137"/>
      <c r="AW2518" s="144"/>
    </row>
    <row r="2519" spans="7:49" x14ac:dyDescent="0.2">
      <c r="G2519" s="43"/>
      <c r="Z2519" s="143"/>
      <c r="AA2519" s="137"/>
      <c r="AB2519" s="137"/>
      <c r="AC2519" s="137"/>
      <c r="AD2519" s="137"/>
      <c r="AE2519" s="137"/>
      <c r="AF2519" s="137"/>
      <c r="AG2519" s="137"/>
      <c r="AH2519" s="137"/>
      <c r="AI2519" s="137"/>
      <c r="AJ2519" s="137"/>
      <c r="AK2519" s="137"/>
      <c r="AL2519" s="137"/>
      <c r="AM2519" s="137"/>
      <c r="AN2519" s="137"/>
      <c r="AO2519" s="137"/>
      <c r="AP2519" s="137"/>
      <c r="AQ2519" s="137"/>
      <c r="AR2519" s="137"/>
      <c r="AS2519" s="137"/>
      <c r="AT2519" s="137"/>
      <c r="AU2519" s="137"/>
      <c r="AV2519" s="137"/>
      <c r="AW2519" s="144"/>
    </row>
    <row r="2520" spans="7:49" x14ac:dyDescent="0.2">
      <c r="G2520" s="43"/>
      <c r="Z2520" s="143"/>
      <c r="AA2520" s="137"/>
      <c r="AB2520" s="137"/>
      <c r="AC2520" s="137"/>
      <c r="AD2520" s="137"/>
      <c r="AE2520" s="137"/>
      <c r="AF2520" s="137"/>
      <c r="AG2520" s="137"/>
      <c r="AH2520" s="137"/>
      <c r="AI2520" s="137"/>
      <c r="AJ2520" s="137"/>
      <c r="AK2520" s="137"/>
      <c r="AL2520" s="137"/>
      <c r="AM2520" s="137"/>
      <c r="AN2520" s="137"/>
      <c r="AO2520" s="137"/>
      <c r="AP2520" s="137"/>
      <c r="AQ2520" s="137"/>
      <c r="AR2520" s="137"/>
      <c r="AS2520" s="137"/>
      <c r="AT2520" s="137"/>
      <c r="AU2520" s="137"/>
      <c r="AV2520" s="137"/>
      <c r="AW2520" s="144"/>
    </row>
    <row r="2521" spans="7:49" x14ac:dyDescent="0.2">
      <c r="G2521" s="43"/>
      <c r="Z2521" s="143"/>
      <c r="AA2521" s="137"/>
      <c r="AB2521" s="137"/>
      <c r="AC2521" s="137"/>
      <c r="AD2521" s="137"/>
      <c r="AE2521" s="137"/>
      <c r="AF2521" s="137"/>
      <c r="AG2521" s="137"/>
      <c r="AH2521" s="137"/>
      <c r="AI2521" s="137"/>
      <c r="AJ2521" s="137"/>
      <c r="AK2521" s="137"/>
      <c r="AL2521" s="137"/>
      <c r="AM2521" s="137"/>
      <c r="AN2521" s="137"/>
      <c r="AO2521" s="137"/>
      <c r="AP2521" s="137"/>
      <c r="AQ2521" s="137"/>
      <c r="AR2521" s="137"/>
      <c r="AS2521" s="137"/>
      <c r="AT2521" s="137"/>
      <c r="AU2521" s="137"/>
      <c r="AV2521" s="137"/>
      <c r="AW2521" s="144"/>
    </row>
    <row r="2522" spans="7:49" x14ac:dyDescent="0.2">
      <c r="G2522" s="43"/>
      <c r="Z2522" s="143"/>
      <c r="AA2522" s="137"/>
      <c r="AB2522" s="137"/>
      <c r="AC2522" s="137"/>
      <c r="AD2522" s="137"/>
      <c r="AE2522" s="137"/>
      <c r="AF2522" s="137"/>
      <c r="AG2522" s="137"/>
      <c r="AH2522" s="137"/>
      <c r="AI2522" s="137"/>
      <c r="AJ2522" s="137"/>
      <c r="AK2522" s="137"/>
      <c r="AL2522" s="137"/>
      <c r="AM2522" s="137"/>
      <c r="AN2522" s="137"/>
      <c r="AO2522" s="137"/>
      <c r="AP2522" s="137"/>
      <c r="AQ2522" s="137"/>
      <c r="AR2522" s="137"/>
      <c r="AS2522" s="137"/>
      <c r="AT2522" s="137"/>
      <c r="AU2522" s="137"/>
      <c r="AV2522" s="137"/>
      <c r="AW2522" s="144"/>
    </row>
    <row r="2523" spans="7:49" x14ac:dyDescent="0.2">
      <c r="G2523" s="43"/>
      <c r="Z2523" s="143"/>
      <c r="AA2523" s="137"/>
      <c r="AB2523" s="137"/>
      <c r="AC2523" s="137"/>
      <c r="AD2523" s="137"/>
      <c r="AE2523" s="137"/>
      <c r="AF2523" s="137"/>
      <c r="AG2523" s="137"/>
      <c r="AH2523" s="137"/>
      <c r="AI2523" s="137"/>
      <c r="AJ2523" s="137"/>
      <c r="AK2523" s="137"/>
      <c r="AL2523" s="137"/>
      <c r="AM2523" s="137"/>
      <c r="AN2523" s="137"/>
      <c r="AO2523" s="137"/>
      <c r="AP2523" s="137"/>
      <c r="AQ2523" s="137"/>
      <c r="AR2523" s="137"/>
      <c r="AS2523" s="137"/>
      <c r="AT2523" s="137"/>
      <c r="AU2523" s="137"/>
      <c r="AV2523" s="137"/>
      <c r="AW2523" s="144"/>
    </row>
    <row r="2524" spans="7:49" x14ac:dyDescent="0.2">
      <c r="G2524" s="43"/>
      <c r="Z2524" s="143"/>
      <c r="AA2524" s="137"/>
      <c r="AB2524" s="137"/>
      <c r="AC2524" s="137"/>
      <c r="AD2524" s="137"/>
      <c r="AE2524" s="137"/>
      <c r="AF2524" s="137"/>
      <c r="AG2524" s="137"/>
      <c r="AH2524" s="137"/>
      <c r="AI2524" s="137"/>
      <c r="AJ2524" s="137"/>
      <c r="AK2524" s="137"/>
      <c r="AL2524" s="137"/>
      <c r="AM2524" s="137"/>
      <c r="AN2524" s="137"/>
      <c r="AO2524" s="137"/>
      <c r="AP2524" s="137"/>
      <c r="AQ2524" s="137"/>
      <c r="AR2524" s="137"/>
      <c r="AS2524" s="137"/>
      <c r="AT2524" s="137"/>
      <c r="AU2524" s="137"/>
      <c r="AV2524" s="137"/>
      <c r="AW2524" s="144"/>
    </row>
    <row r="2525" spans="7:49" x14ac:dyDescent="0.2">
      <c r="G2525" s="43"/>
      <c r="Z2525" s="143"/>
      <c r="AA2525" s="137"/>
      <c r="AB2525" s="137"/>
      <c r="AC2525" s="137"/>
      <c r="AD2525" s="137"/>
      <c r="AE2525" s="137"/>
      <c r="AF2525" s="137"/>
      <c r="AG2525" s="137"/>
      <c r="AH2525" s="137"/>
      <c r="AI2525" s="137"/>
      <c r="AJ2525" s="137"/>
      <c r="AK2525" s="137"/>
      <c r="AL2525" s="137"/>
      <c r="AM2525" s="137"/>
      <c r="AN2525" s="137"/>
      <c r="AO2525" s="137"/>
      <c r="AP2525" s="137"/>
      <c r="AQ2525" s="137"/>
      <c r="AR2525" s="137"/>
      <c r="AS2525" s="137"/>
      <c r="AT2525" s="137"/>
      <c r="AU2525" s="137"/>
      <c r="AV2525" s="137"/>
      <c r="AW2525" s="144"/>
    </row>
    <row r="2526" spans="7:49" x14ac:dyDescent="0.2">
      <c r="G2526" s="43"/>
      <c r="Z2526" s="143"/>
      <c r="AA2526" s="137"/>
      <c r="AB2526" s="137"/>
      <c r="AC2526" s="137"/>
      <c r="AD2526" s="137"/>
      <c r="AE2526" s="137"/>
      <c r="AF2526" s="137"/>
      <c r="AG2526" s="137"/>
      <c r="AH2526" s="137"/>
      <c r="AI2526" s="137"/>
      <c r="AJ2526" s="137"/>
      <c r="AK2526" s="137"/>
      <c r="AL2526" s="137"/>
      <c r="AM2526" s="137"/>
      <c r="AN2526" s="137"/>
      <c r="AO2526" s="137"/>
      <c r="AP2526" s="137"/>
      <c r="AQ2526" s="137"/>
      <c r="AR2526" s="137"/>
      <c r="AS2526" s="137"/>
      <c r="AT2526" s="137"/>
      <c r="AU2526" s="137"/>
      <c r="AV2526" s="137"/>
      <c r="AW2526" s="144"/>
    </row>
    <row r="2527" spans="7:49" x14ac:dyDescent="0.2">
      <c r="G2527" s="43"/>
      <c r="Z2527" s="143"/>
      <c r="AA2527" s="137"/>
      <c r="AB2527" s="137"/>
      <c r="AC2527" s="137"/>
      <c r="AD2527" s="137"/>
      <c r="AE2527" s="137"/>
      <c r="AF2527" s="137"/>
      <c r="AG2527" s="137"/>
      <c r="AH2527" s="137"/>
      <c r="AI2527" s="137"/>
      <c r="AJ2527" s="137"/>
      <c r="AK2527" s="137"/>
      <c r="AL2527" s="137"/>
      <c r="AM2527" s="137"/>
      <c r="AN2527" s="137"/>
      <c r="AO2527" s="137"/>
      <c r="AP2527" s="137"/>
      <c r="AQ2527" s="137"/>
      <c r="AR2527" s="137"/>
      <c r="AS2527" s="137"/>
      <c r="AT2527" s="137"/>
      <c r="AU2527" s="137"/>
      <c r="AV2527" s="137"/>
      <c r="AW2527" s="144"/>
    </row>
    <row r="2528" spans="7:49" x14ac:dyDescent="0.2">
      <c r="G2528" s="43"/>
      <c r="Z2528" s="143"/>
      <c r="AA2528" s="137"/>
      <c r="AB2528" s="137"/>
      <c r="AC2528" s="137"/>
      <c r="AD2528" s="137"/>
      <c r="AE2528" s="137"/>
      <c r="AF2528" s="137"/>
      <c r="AG2528" s="137"/>
      <c r="AH2528" s="137"/>
      <c r="AI2528" s="137"/>
      <c r="AJ2528" s="137"/>
      <c r="AK2528" s="137"/>
      <c r="AL2528" s="137"/>
      <c r="AM2528" s="137"/>
      <c r="AN2528" s="137"/>
      <c r="AO2528" s="137"/>
      <c r="AP2528" s="137"/>
      <c r="AQ2528" s="137"/>
      <c r="AR2528" s="137"/>
      <c r="AS2528" s="137"/>
      <c r="AT2528" s="137"/>
      <c r="AU2528" s="137"/>
      <c r="AV2528" s="137"/>
      <c r="AW2528" s="144"/>
    </row>
    <row r="2529" spans="7:49" x14ac:dyDescent="0.2">
      <c r="G2529" s="43"/>
      <c r="Z2529" s="143"/>
      <c r="AA2529" s="137"/>
      <c r="AB2529" s="137"/>
      <c r="AC2529" s="137"/>
      <c r="AD2529" s="137"/>
      <c r="AE2529" s="137"/>
      <c r="AF2529" s="137"/>
      <c r="AG2529" s="137"/>
      <c r="AH2529" s="137"/>
      <c r="AI2529" s="137"/>
      <c r="AJ2529" s="137"/>
      <c r="AK2529" s="137"/>
      <c r="AL2529" s="137"/>
      <c r="AM2529" s="137"/>
      <c r="AN2529" s="137"/>
      <c r="AO2529" s="137"/>
      <c r="AP2529" s="137"/>
      <c r="AQ2529" s="137"/>
      <c r="AR2529" s="137"/>
      <c r="AS2529" s="137"/>
      <c r="AT2529" s="137"/>
      <c r="AU2529" s="137"/>
      <c r="AV2529" s="137"/>
      <c r="AW2529" s="144"/>
    </row>
    <row r="2530" spans="7:49" x14ac:dyDescent="0.2">
      <c r="G2530" s="43"/>
      <c r="Z2530" s="143"/>
      <c r="AA2530" s="137"/>
      <c r="AB2530" s="137"/>
      <c r="AC2530" s="137"/>
      <c r="AD2530" s="137"/>
      <c r="AE2530" s="137"/>
      <c r="AF2530" s="137"/>
      <c r="AG2530" s="137"/>
      <c r="AH2530" s="137"/>
      <c r="AI2530" s="137"/>
      <c r="AJ2530" s="137"/>
      <c r="AK2530" s="137"/>
      <c r="AL2530" s="137"/>
      <c r="AM2530" s="137"/>
      <c r="AN2530" s="137"/>
      <c r="AO2530" s="137"/>
      <c r="AP2530" s="137"/>
      <c r="AQ2530" s="137"/>
      <c r="AR2530" s="137"/>
      <c r="AS2530" s="137"/>
      <c r="AT2530" s="137"/>
      <c r="AU2530" s="137"/>
      <c r="AV2530" s="137"/>
      <c r="AW2530" s="144"/>
    </row>
    <row r="2531" spans="7:49" x14ac:dyDescent="0.2">
      <c r="G2531" s="43"/>
      <c r="Z2531" s="143"/>
      <c r="AA2531" s="137"/>
      <c r="AB2531" s="137"/>
      <c r="AC2531" s="137"/>
      <c r="AD2531" s="137"/>
      <c r="AE2531" s="137"/>
      <c r="AF2531" s="137"/>
      <c r="AG2531" s="137"/>
      <c r="AH2531" s="137"/>
      <c r="AI2531" s="137"/>
      <c r="AJ2531" s="137"/>
      <c r="AK2531" s="137"/>
      <c r="AL2531" s="137"/>
      <c r="AM2531" s="137"/>
      <c r="AN2531" s="137"/>
      <c r="AO2531" s="137"/>
      <c r="AP2531" s="137"/>
      <c r="AQ2531" s="137"/>
      <c r="AR2531" s="137"/>
      <c r="AS2531" s="137"/>
      <c r="AT2531" s="137"/>
      <c r="AU2531" s="137"/>
      <c r="AV2531" s="137"/>
      <c r="AW2531" s="144"/>
    </row>
    <row r="2532" spans="7:49" x14ac:dyDescent="0.2">
      <c r="G2532" s="43"/>
      <c r="Z2532" s="143"/>
      <c r="AA2532" s="137"/>
      <c r="AB2532" s="137"/>
      <c r="AC2532" s="137"/>
      <c r="AD2532" s="137"/>
      <c r="AE2532" s="137"/>
      <c r="AF2532" s="137"/>
      <c r="AG2532" s="137"/>
      <c r="AH2532" s="137"/>
      <c r="AI2532" s="137"/>
      <c r="AJ2532" s="137"/>
      <c r="AK2532" s="137"/>
      <c r="AL2532" s="137"/>
      <c r="AM2532" s="137"/>
      <c r="AN2532" s="137"/>
      <c r="AO2532" s="137"/>
      <c r="AP2532" s="137"/>
      <c r="AQ2532" s="137"/>
      <c r="AR2532" s="137"/>
      <c r="AS2532" s="137"/>
      <c r="AT2532" s="137"/>
      <c r="AU2532" s="137"/>
      <c r="AV2532" s="137"/>
      <c r="AW2532" s="144"/>
    </row>
    <row r="2533" spans="7:49" x14ac:dyDescent="0.2">
      <c r="G2533" s="43"/>
      <c r="Z2533" s="143"/>
      <c r="AA2533" s="137"/>
      <c r="AB2533" s="137"/>
      <c r="AC2533" s="137"/>
      <c r="AD2533" s="137"/>
      <c r="AE2533" s="137"/>
      <c r="AF2533" s="137"/>
      <c r="AG2533" s="137"/>
      <c r="AH2533" s="137"/>
      <c r="AI2533" s="137"/>
      <c r="AJ2533" s="137"/>
      <c r="AK2533" s="137"/>
      <c r="AL2533" s="137"/>
      <c r="AM2533" s="137"/>
      <c r="AN2533" s="137"/>
      <c r="AO2533" s="137"/>
      <c r="AP2533" s="137"/>
      <c r="AQ2533" s="137"/>
      <c r="AR2533" s="137"/>
      <c r="AS2533" s="137"/>
      <c r="AT2533" s="137"/>
      <c r="AU2533" s="137"/>
      <c r="AV2533" s="137"/>
      <c r="AW2533" s="144"/>
    </row>
    <row r="2534" spans="7:49" x14ac:dyDescent="0.2">
      <c r="G2534" s="43"/>
      <c r="Z2534" s="143"/>
      <c r="AA2534" s="137"/>
      <c r="AB2534" s="137"/>
      <c r="AC2534" s="137"/>
      <c r="AD2534" s="137"/>
      <c r="AE2534" s="137"/>
      <c r="AF2534" s="137"/>
      <c r="AG2534" s="137"/>
      <c r="AH2534" s="137"/>
      <c r="AI2534" s="137"/>
      <c r="AJ2534" s="137"/>
      <c r="AK2534" s="137"/>
      <c r="AL2534" s="137"/>
      <c r="AM2534" s="137"/>
      <c r="AN2534" s="137"/>
      <c r="AO2534" s="137"/>
      <c r="AP2534" s="137"/>
      <c r="AQ2534" s="137"/>
      <c r="AR2534" s="137"/>
      <c r="AS2534" s="137"/>
      <c r="AT2534" s="137"/>
      <c r="AU2534" s="137"/>
      <c r="AV2534" s="137"/>
      <c r="AW2534" s="144"/>
    </row>
    <row r="2535" spans="7:49" x14ac:dyDescent="0.2">
      <c r="G2535" s="43"/>
      <c r="Z2535" s="143"/>
      <c r="AA2535" s="137"/>
      <c r="AB2535" s="137"/>
      <c r="AC2535" s="137"/>
      <c r="AD2535" s="137"/>
      <c r="AE2535" s="137"/>
      <c r="AF2535" s="137"/>
      <c r="AG2535" s="137"/>
      <c r="AH2535" s="137"/>
      <c r="AI2535" s="137"/>
      <c r="AJ2535" s="137"/>
      <c r="AK2535" s="137"/>
      <c r="AL2535" s="137"/>
      <c r="AM2535" s="137"/>
      <c r="AN2535" s="137"/>
      <c r="AO2535" s="137"/>
      <c r="AP2535" s="137"/>
      <c r="AQ2535" s="137"/>
      <c r="AR2535" s="137"/>
      <c r="AS2535" s="137"/>
      <c r="AT2535" s="137"/>
      <c r="AU2535" s="137"/>
      <c r="AV2535" s="137"/>
      <c r="AW2535" s="144"/>
    </row>
    <row r="2536" spans="7:49" x14ac:dyDescent="0.2">
      <c r="G2536" s="43"/>
      <c r="Z2536" s="143"/>
      <c r="AA2536" s="137"/>
      <c r="AB2536" s="137"/>
      <c r="AC2536" s="137"/>
      <c r="AD2536" s="137"/>
      <c r="AE2536" s="137"/>
      <c r="AF2536" s="137"/>
      <c r="AG2536" s="137"/>
      <c r="AH2536" s="137"/>
      <c r="AI2536" s="137"/>
      <c r="AJ2536" s="137"/>
      <c r="AK2536" s="137"/>
      <c r="AL2536" s="137"/>
      <c r="AM2536" s="137"/>
      <c r="AN2536" s="137"/>
      <c r="AO2536" s="137"/>
      <c r="AP2536" s="137"/>
      <c r="AQ2536" s="137"/>
      <c r="AR2536" s="137"/>
      <c r="AS2536" s="137"/>
      <c r="AT2536" s="137"/>
      <c r="AU2536" s="137"/>
      <c r="AV2536" s="137"/>
      <c r="AW2536" s="144"/>
    </row>
    <row r="2537" spans="7:49" x14ac:dyDescent="0.2">
      <c r="G2537" s="43"/>
      <c r="Z2537" s="143"/>
      <c r="AA2537" s="137"/>
      <c r="AB2537" s="137"/>
      <c r="AC2537" s="137"/>
      <c r="AD2537" s="137"/>
      <c r="AE2537" s="137"/>
      <c r="AF2537" s="137"/>
      <c r="AG2537" s="137"/>
      <c r="AH2537" s="137"/>
      <c r="AI2537" s="137"/>
      <c r="AJ2537" s="137"/>
      <c r="AK2537" s="137"/>
      <c r="AL2537" s="137"/>
      <c r="AM2537" s="137"/>
      <c r="AN2537" s="137"/>
      <c r="AO2537" s="137"/>
      <c r="AP2537" s="137"/>
      <c r="AQ2537" s="137"/>
      <c r="AR2537" s="137"/>
      <c r="AS2537" s="137"/>
      <c r="AT2537" s="137"/>
      <c r="AU2537" s="137"/>
      <c r="AV2537" s="137"/>
      <c r="AW2537" s="144"/>
    </row>
    <row r="2538" spans="7:49" x14ac:dyDescent="0.2">
      <c r="G2538" s="43"/>
      <c r="Z2538" s="143"/>
      <c r="AA2538" s="137"/>
      <c r="AB2538" s="137"/>
      <c r="AC2538" s="137"/>
      <c r="AD2538" s="137"/>
      <c r="AE2538" s="137"/>
      <c r="AF2538" s="137"/>
      <c r="AG2538" s="137"/>
      <c r="AH2538" s="137"/>
      <c r="AI2538" s="137"/>
      <c r="AJ2538" s="137"/>
      <c r="AK2538" s="137"/>
      <c r="AL2538" s="137"/>
      <c r="AM2538" s="137"/>
      <c r="AN2538" s="137"/>
      <c r="AO2538" s="137"/>
      <c r="AP2538" s="137"/>
      <c r="AQ2538" s="137"/>
      <c r="AR2538" s="137"/>
      <c r="AS2538" s="137"/>
      <c r="AT2538" s="137"/>
      <c r="AU2538" s="137"/>
      <c r="AV2538" s="137"/>
      <c r="AW2538" s="144"/>
    </row>
    <row r="2539" spans="7:49" x14ac:dyDescent="0.2">
      <c r="G2539" s="43"/>
      <c r="Z2539" s="143"/>
      <c r="AA2539" s="137"/>
      <c r="AB2539" s="137"/>
      <c r="AC2539" s="137"/>
      <c r="AD2539" s="137"/>
      <c r="AE2539" s="137"/>
      <c r="AF2539" s="137"/>
      <c r="AG2539" s="137"/>
      <c r="AH2539" s="137"/>
      <c r="AI2539" s="137"/>
      <c r="AJ2539" s="137"/>
      <c r="AK2539" s="137"/>
      <c r="AL2539" s="137"/>
      <c r="AM2539" s="137"/>
      <c r="AN2539" s="137"/>
      <c r="AO2539" s="137"/>
      <c r="AP2539" s="137"/>
      <c r="AQ2539" s="137"/>
      <c r="AR2539" s="137"/>
      <c r="AS2539" s="137"/>
      <c r="AT2539" s="137"/>
      <c r="AU2539" s="137"/>
      <c r="AV2539" s="137"/>
      <c r="AW2539" s="144"/>
    </row>
    <row r="2540" spans="7:49" x14ac:dyDescent="0.2">
      <c r="G2540" s="43"/>
      <c r="Z2540" s="143"/>
      <c r="AA2540" s="137"/>
      <c r="AB2540" s="137"/>
      <c r="AC2540" s="137"/>
      <c r="AD2540" s="137"/>
      <c r="AE2540" s="137"/>
      <c r="AF2540" s="137"/>
      <c r="AG2540" s="137"/>
      <c r="AH2540" s="137"/>
      <c r="AI2540" s="137"/>
      <c r="AJ2540" s="137"/>
      <c r="AK2540" s="137"/>
      <c r="AL2540" s="137"/>
      <c r="AM2540" s="137"/>
      <c r="AN2540" s="137"/>
      <c r="AO2540" s="137"/>
      <c r="AP2540" s="137"/>
      <c r="AQ2540" s="137"/>
      <c r="AR2540" s="137"/>
      <c r="AS2540" s="137"/>
      <c r="AT2540" s="137"/>
      <c r="AU2540" s="137"/>
      <c r="AV2540" s="137"/>
      <c r="AW2540" s="144"/>
    </row>
    <row r="2541" spans="7:49" x14ac:dyDescent="0.2">
      <c r="G2541" s="43"/>
      <c r="Z2541" s="143"/>
      <c r="AA2541" s="137"/>
      <c r="AB2541" s="137"/>
      <c r="AC2541" s="137"/>
      <c r="AD2541" s="137"/>
      <c r="AE2541" s="137"/>
      <c r="AF2541" s="137"/>
      <c r="AG2541" s="137"/>
      <c r="AH2541" s="137"/>
      <c r="AI2541" s="137"/>
      <c r="AJ2541" s="137"/>
      <c r="AK2541" s="137"/>
      <c r="AL2541" s="137"/>
      <c r="AM2541" s="137"/>
      <c r="AN2541" s="137"/>
      <c r="AO2541" s="137"/>
      <c r="AP2541" s="137"/>
      <c r="AQ2541" s="137"/>
      <c r="AR2541" s="137"/>
      <c r="AS2541" s="137"/>
      <c r="AT2541" s="137"/>
      <c r="AU2541" s="137"/>
      <c r="AV2541" s="137"/>
      <c r="AW2541" s="144"/>
    </row>
    <row r="2542" spans="7:49" x14ac:dyDescent="0.2">
      <c r="G2542" s="43"/>
      <c r="Z2542" s="143"/>
      <c r="AA2542" s="137"/>
      <c r="AB2542" s="137"/>
      <c r="AC2542" s="137"/>
      <c r="AD2542" s="137"/>
      <c r="AE2542" s="137"/>
      <c r="AF2542" s="137"/>
      <c r="AG2542" s="137"/>
      <c r="AH2542" s="137"/>
      <c r="AI2542" s="137"/>
      <c r="AJ2542" s="137"/>
      <c r="AK2542" s="137"/>
      <c r="AL2542" s="137"/>
      <c r="AM2542" s="137"/>
      <c r="AN2542" s="137"/>
      <c r="AO2542" s="137"/>
      <c r="AP2542" s="137"/>
      <c r="AQ2542" s="137"/>
      <c r="AR2542" s="137"/>
      <c r="AS2542" s="137"/>
      <c r="AT2542" s="137"/>
      <c r="AU2542" s="137"/>
      <c r="AV2542" s="137"/>
      <c r="AW2542" s="144"/>
    </row>
    <row r="2543" spans="7:49" x14ac:dyDescent="0.2">
      <c r="G2543" s="43"/>
      <c r="Z2543" s="143"/>
      <c r="AA2543" s="137"/>
      <c r="AB2543" s="137"/>
      <c r="AC2543" s="137"/>
      <c r="AD2543" s="137"/>
      <c r="AE2543" s="137"/>
      <c r="AF2543" s="137"/>
      <c r="AG2543" s="137"/>
      <c r="AH2543" s="137"/>
      <c r="AI2543" s="137"/>
      <c r="AJ2543" s="137"/>
      <c r="AK2543" s="137"/>
      <c r="AL2543" s="137"/>
      <c r="AM2543" s="137"/>
      <c r="AN2543" s="137"/>
      <c r="AO2543" s="137"/>
      <c r="AP2543" s="137"/>
      <c r="AQ2543" s="137"/>
      <c r="AR2543" s="137"/>
      <c r="AS2543" s="137"/>
      <c r="AT2543" s="137"/>
      <c r="AU2543" s="137"/>
      <c r="AV2543" s="137"/>
      <c r="AW2543" s="144"/>
    </row>
    <row r="2544" spans="7:49" x14ac:dyDescent="0.2">
      <c r="G2544" s="43"/>
      <c r="Z2544" s="143"/>
      <c r="AA2544" s="137"/>
      <c r="AB2544" s="137"/>
      <c r="AC2544" s="137"/>
      <c r="AD2544" s="137"/>
      <c r="AE2544" s="137"/>
      <c r="AF2544" s="137"/>
      <c r="AG2544" s="137"/>
      <c r="AH2544" s="137"/>
      <c r="AI2544" s="137"/>
      <c r="AJ2544" s="137"/>
      <c r="AK2544" s="137"/>
      <c r="AL2544" s="137"/>
      <c r="AM2544" s="137"/>
      <c r="AN2544" s="137"/>
      <c r="AO2544" s="137"/>
      <c r="AP2544" s="137"/>
      <c r="AQ2544" s="137"/>
      <c r="AR2544" s="137"/>
      <c r="AS2544" s="137"/>
      <c r="AT2544" s="137"/>
      <c r="AU2544" s="137"/>
      <c r="AV2544" s="137"/>
      <c r="AW2544" s="144"/>
    </row>
    <row r="2545" spans="7:49" x14ac:dyDescent="0.2">
      <c r="G2545" s="43"/>
      <c r="Z2545" s="143"/>
      <c r="AA2545" s="137"/>
      <c r="AB2545" s="137"/>
      <c r="AC2545" s="137"/>
      <c r="AD2545" s="137"/>
      <c r="AE2545" s="137"/>
      <c r="AF2545" s="137"/>
      <c r="AG2545" s="137"/>
      <c r="AH2545" s="137"/>
      <c r="AI2545" s="137"/>
      <c r="AJ2545" s="137"/>
      <c r="AK2545" s="137"/>
      <c r="AL2545" s="137"/>
      <c r="AM2545" s="137"/>
      <c r="AN2545" s="137"/>
      <c r="AO2545" s="137"/>
      <c r="AP2545" s="137"/>
      <c r="AQ2545" s="137"/>
      <c r="AR2545" s="137"/>
      <c r="AS2545" s="137"/>
      <c r="AT2545" s="137"/>
      <c r="AU2545" s="137"/>
      <c r="AV2545" s="137"/>
      <c r="AW2545" s="144"/>
    </row>
    <row r="2546" spans="7:49" x14ac:dyDescent="0.2">
      <c r="G2546" s="43"/>
      <c r="Z2546" s="143"/>
      <c r="AA2546" s="137"/>
      <c r="AB2546" s="137"/>
      <c r="AC2546" s="137"/>
      <c r="AD2546" s="137"/>
      <c r="AE2546" s="137"/>
      <c r="AF2546" s="137"/>
      <c r="AG2546" s="137"/>
      <c r="AH2546" s="137"/>
      <c r="AI2546" s="137"/>
      <c r="AJ2546" s="137"/>
      <c r="AK2546" s="137"/>
      <c r="AL2546" s="137"/>
      <c r="AM2546" s="137"/>
      <c r="AN2546" s="137"/>
      <c r="AO2546" s="137"/>
      <c r="AP2546" s="137"/>
      <c r="AQ2546" s="137"/>
      <c r="AR2546" s="137"/>
      <c r="AS2546" s="137"/>
      <c r="AT2546" s="137"/>
      <c r="AU2546" s="137"/>
      <c r="AV2546" s="137"/>
      <c r="AW2546" s="144"/>
    </row>
    <row r="2547" spans="7:49" x14ac:dyDescent="0.2">
      <c r="G2547" s="43"/>
      <c r="Z2547" s="143"/>
      <c r="AA2547" s="137"/>
      <c r="AB2547" s="137"/>
      <c r="AC2547" s="137"/>
      <c r="AD2547" s="137"/>
      <c r="AE2547" s="137"/>
      <c r="AF2547" s="137"/>
      <c r="AG2547" s="137"/>
      <c r="AH2547" s="137"/>
      <c r="AI2547" s="137"/>
      <c r="AJ2547" s="137"/>
      <c r="AK2547" s="137"/>
      <c r="AL2547" s="137"/>
      <c r="AM2547" s="137"/>
      <c r="AN2547" s="137"/>
      <c r="AO2547" s="137"/>
      <c r="AP2547" s="137"/>
      <c r="AQ2547" s="137"/>
      <c r="AR2547" s="137"/>
      <c r="AS2547" s="137"/>
      <c r="AT2547" s="137"/>
      <c r="AU2547" s="137"/>
      <c r="AV2547" s="137"/>
      <c r="AW2547" s="144"/>
    </row>
    <row r="2548" spans="7:49" x14ac:dyDescent="0.2">
      <c r="G2548" s="43"/>
      <c r="Z2548" s="143"/>
      <c r="AA2548" s="137"/>
      <c r="AB2548" s="137"/>
      <c r="AC2548" s="137"/>
      <c r="AD2548" s="137"/>
      <c r="AE2548" s="137"/>
      <c r="AF2548" s="137"/>
      <c r="AG2548" s="137"/>
      <c r="AH2548" s="137"/>
      <c r="AI2548" s="137"/>
      <c r="AJ2548" s="137"/>
      <c r="AK2548" s="137"/>
      <c r="AL2548" s="137"/>
      <c r="AM2548" s="137"/>
      <c r="AN2548" s="137"/>
      <c r="AO2548" s="137"/>
      <c r="AP2548" s="137"/>
      <c r="AQ2548" s="137"/>
      <c r="AR2548" s="137"/>
      <c r="AS2548" s="137"/>
      <c r="AT2548" s="137"/>
      <c r="AU2548" s="137"/>
      <c r="AV2548" s="137"/>
      <c r="AW2548" s="144"/>
    </row>
    <row r="2549" spans="7:49" x14ac:dyDescent="0.2">
      <c r="G2549" s="43"/>
      <c r="Z2549" s="143"/>
      <c r="AA2549" s="137"/>
      <c r="AB2549" s="137"/>
      <c r="AC2549" s="137"/>
      <c r="AD2549" s="137"/>
      <c r="AE2549" s="137"/>
      <c r="AF2549" s="137"/>
      <c r="AG2549" s="137"/>
      <c r="AH2549" s="137"/>
      <c r="AI2549" s="137"/>
      <c r="AJ2549" s="137"/>
      <c r="AK2549" s="137"/>
      <c r="AL2549" s="137"/>
      <c r="AM2549" s="137"/>
      <c r="AN2549" s="137"/>
      <c r="AO2549" s="137"/>
      <c r="AP2549" s="137"/>
      <c r="AQ2549" s="137"/>
      <c r="AR2549" s="137"/>
      <c r="AS2549" s="137"/>
      <c r="AT2549" s="137"/>
      <c r="AU2549" s="137"/>
      <c r="AV2549" s="137"/>
      <c r="AW2549" s="144"/>
    </row>
    <row r="2550" spans="7:49" x14ac:dyDescent="0.2">
      <c r="G2550" s="43"/>
      <c r="Z2550" s="143"/>
      <c r="AA2550" s="137"/>
      <c r="AB2550" s="137"/>
      <c r="AC2550" s="137"/>
      <c r="AD2550" s="137"/>
      <c r="AE2550" s="137"/>
      <c r="AF2550" s="137"/>
      <c r="AG2550" s="137"/>
      <c r="AH2550" s="137"/>
      <c r="AI2550" s="137"/>
      <c r="AJ2550" s="137"/>
      <c r="AK2550" s="137"/>
      <c r="AL2550" s="137"/>
      <c r="AM2550" s="137"/>
      <c r="AN2550" s="137"/>
      <c r="AO2550" s="137"/>
      <c r="AP2550" s="137"/>
      <c r="AQ2550" s="137"/>
      <c r="AR2550" s="137"/>
      <c r="AS2550" s="137"/>
      <c r="AT2550" s="137"/>
      <c r="AU2550" s="137"/>
      <c r="AV2550" s="137"/>
      <c r="AW2550" s="144"/>
    </row>
    <row r="2551" spans="7:49" x14ac:dyDescent="0.2">
      <c r="G2551" s="43"/>
      <c r="Z2551" s="143"/>
      <c r="AA2551" s="137"/>
      <c r="AB2551" s="137"/>
      <c r="AC2551" s="137"/>
      <c r="AD2551" s="137"/>
      <c r="AE2551" s="137"/>
      <c r="AF2551" s="137"/>
      <c r="AG2551" s="137"/>
      <c r="AH2551" s="137"/>
      <c r="AI2551" s="137"/>
      <c r="AJ2551" s="137"/>
      <c r="AK2551" s="137"/>
      <c r="AL2551" s="137"/>
      <c r="AM2551" s="137"/>
      <c r="AN2551" s="137"/>
      <c r="AO2551" s="137"/>
      <c r="AP2551" s="137"/>
      <c r="AQ2551" s="137"/>
      <c r="AR2551" s="137"/>
      <c r="AS2551" s="137"/>
      <c r="AT2551" s="137"/>
      <c r="AU2551" s="137"/>
      <c r="AV2551" s="137"/>
      <c r="AW2551" s="144"/>
    </row>
    <row r="2552" spans="7:49" x14ac:dyDescent="0.2">
      <c r="G2552" s="43"/>
      <c r="Z2552" s="143"/>
      <c r="AA2552" s="137"/>
      <c r="AB2552" s="137"/>
      <c r="AC2552" s="137"/>
      <c r="AD2552" s="137"/>
      <c r="AE2552" s="137"/>
      <c r="AF2552" s="137"/>
      <c r="AG2552" s="137"/>
      <c r="AH2552" s="137"/>
      <c r="AI2552" s="137"/>
      <c r="AJ2552" s="137"/>
      <c r="AK2552" s="137"/>
      <c r="AL2552" s="137"/>
      <c r="AM2552" s="137"/>
      <c r="AN2552" s="137"/>
      <c r="AO2552" s="137"/>
      <c r="AP2552" s="137"/>
      <c r="AQ2552" s="137"/>
      <c r="AR2552" s="137"/>
      <c r="AS2552" s="137"/>
      <c r="AT2552" s="137"/>
      <c r="AU2552" s="137"/>
      <c r="AV2552" s="137"/>
      <c r="AW2552" s="144"/>
    </row>
    <row r="2553" spans="7:49" x14ac:dyDescent="0.2">
      <c r="G2553" s="43"/>
      <c r="Z2553" s="143"/>
      <c r="AA2553" s="137"/>
      <c r="AB2553" s="137"/>
      <c r="AC2553" s="137"/>
      <c r="AD2553" s="137"/>
      <c r="AE2553" s="137"/>
      <c r="AF2553" s="137"/>
      <c r="AG2553" s="137"/>
      <c r="AH2553" s="137"/>
      <c r="AI2553" s="137"/>
      <c r="AJ2553" s="137"/>
      <c r="AK2553" s="137"/>
      <c r="AL2553" s="137"/>
      <c r="AM2553" s="137"/>
      <c r="AN2553" s="137"/>
      <c r="AO2553" s="137"/>
      <c r="AP2553" s="137"/>
      <c r="AQ2553" s="137"/>
      <c r="AR2553" s="137"/>
      <c r="AS2553" s="137"/>
      <c r="AT2553" s="137"/>
      <c r="AU2553" s="137"/>
      <c r="AV2553" s="137"/>
      <c r="AW2553" s="144"/>
    </row>
    <row r="2554" spans="7:49" x14ac:dyDescent="0.2">
      <c r="G2554" s="43"/>
      <c r="Z2554" s="143"/>
      <c r="AA2554" s="137"/>
      <c r="AB2554" s="137"/>
      <c r="AC2554" s="137"/>
      <c r="AD2554" s="137"/>
      <c r="AE2554" s="137"/>
      <c r="AF2554" s="137"/>
      <c r="AG2554" s="137"/>
      <c r="AH2554" s="137"/>
      <c r="AI2554" s="137"/>
      <c r="AJ2554" s="137"/>
      <c r="AK2554" s="137"/>
      <c r="AL2554" s="137"/>
      <c r="AM2554" s="137"/>
      <c r="AN2554" s="137"/>
      <c r="AO2554" s="137"/>
      <c r="AP2554" s="137"/>
      <c r="AQ2554" s="137"/>
      <c r="AR2554" s="137"/>
      <c r="AS2554" s="137"/>
      <c r="AT2554" s="137"/>
      <c r="AU2554" s="137"/>
      <c r="AV2554" s="137"/>
      <c r="AW2554" s="144"/>
    </row>
    <row r="2555" spans="7:49" x14ac:dyDescent="0.2">
      <c r="G2555" s="43"/>
      <c r="Z2555" s="143"/>
      <c r="AA2555" s="137"/>
      <c r="AB2555" s="137"/>
      <c r="AC2555" s="137"/>
      <c r="AD2555" s="137"/>
      <c r="AE2555" s="137"/>
      <c r="AF2555" s="137"/>
      <c r="AG2555" s="137"/>
      <c r="AH2555" s="137"/>
      <c r="AI2555" s="137"/>
      <c r="AJ2555" s="137"/>
      <c r="AK2555" s="137"/>
      <c r="AL2555" s="137"/>
      <c r="AM2555" s="137"/>
      <c r="AN2555" s="137"/>
      <c r="AO2555" s="137"/>
      <c r="AP2555" s="137"/>
      <c r="AQ2555" s="137"/>
      <c r="AR2555" s="137"/>
      <c r="AS2555" s="137"/>
      <c r="AT2555" s="137"/>
      <c r="AU2555" s="137"/>
      <c r="AV2555" s="137"/>
      <c r="AW2555" s="144"/>
    </row>
    <row r="2556" spans="7:49" x14ac:dyDescent="0.2">
      <c r="G2556" s="43"/>
      <c r="Z2556" s="143"/>
      <c r="AA2556" s="137"/>
      <c r="AB2556" s="137"/>
      <c r="AC2556" s="137"/>
      <c r="AD2556" s="137"/>
      <c r="AE2556" s="137"/>
      <c r="AF2556" s="137"/>
      <c r="AG2556" s="137"/>
      <c r="AH2556" s="137"/>
      <c r="AI2556" s="137"/>
      <c r="AJ2556" s="137"/>
      <c r="AK2556" s="137"/>
      <c r="AL2556" s="137"/>
      <c r="AM2556" s="137"/>
      <c r="AN2556" s="137"/>
      <c r="AO2556" s="137"/>
      <c r="AP2556" s="137"/>
      <c r="AQ2556" s="137"/>
      <c r="AR2556" s="137"/>
      <c r="AS2556" s="137"/>
      <c r="AT2556" s="137"/>
      <c r="AU2556" s="137"/>
      <c r="AV2556" s="137"/>
      <c r="AW2556" s="144"/>
    </row>
    <row r="2557" spans="7:49" x14ac:dyDescent="0.2">
      <c r="G2557" s="43"/>
      <c r="Z2557" s="143"/>
      <c r="AA2557" s="137"/>
      <c r="AB2557" s="137"/>
      <c r="AC2557" s="137"/>
      <c r="AD2557" s="137"/>
      <c r="AE2557" s="137"/>
      <c r="AF2557" s="137"/>
      <c r="AG2557" s="137"/>
      <c r="AH2557" s="137"/>
      <c r="AI2557" s="137"/>
      <c r="AJ2557" s="137"/>
      <c r="AK2557" s="137"/>
      <c r="AL2557" s="137"/>
      <c r="AM2557" s="137"/>
      <c r="AN2557" s="137"/>
      <c r="AO2557" s="137"/>
      <c r="AP2557" s="137"/>
      <c r="AQ2557" s="137"/>
      <c r="AR2557" s="137"/>
      <c r="AS2557" s="137"/>
      <c r="AT2557" s="137"/>
      <c r="AU2557" s="137"/>
      <c r="AV2557" s="137"/>
      <c r="AW2557" s="144"/>
    </row>
    <row r="2558" spans="7:49" x14ac:dyDescent="0.2">
      <c r="G2558" s="43"/>
      <c r="Z2558" s="143"/>
      <c r="AA2558" s="137"/>
      <c r="AB2558" s="137"/>
      <c r="AC2558" s="137"/>
      <c r="AD2558" s="137"/>
      <c r="AE2558" s="137"/>
      <c r="AF2558" s="137"/>
      <c r="AG2558" s="137"/>
      <c r="AH2558" s="137"/>
      <c r="AI2558" s="137"/>
      <c r="AJ2558" s="137"/>
      <c r="AK2558" s="137"/>
      <c r="AL2558" s="137"/>
      <c r="AM2558" s="137"/>
      <c r="AN2558" s="137"/>
      <c r="AO2558" s="137"/>
      <c r="AP2558" s="137"/>
      <c r="AQ2558" s="137"/>
      <c r="AR2558" s="137"/>
      <c r="AS2558" s="137"/>
      <c r="AT2558" s="137"/>
      <c r="AU2558" s="137"/>
      <c r="AV2558" s="137"/>
      <c r="AW2558" s="144"/>
    </row>
    <row r="2559" spans="7:49" x14ac:dyDescent="0.2">
      <c r="G2559" s="43"/>
      <c r="Z2559" s="143"/>
      <c r="AA2559" s="137"/>
      <c r="AB2559" s="137"/>
      <c r="AC2559" s="137"/>
      <c r="AD2559" s="137"/>
      <c r="AE2559" s="137"/>
      <c r="AF2559" s="137"/>
      <c r="AG2559" s="137"/>
      <c r="AH2559" s="137"/>
      <c r="AI2559" s="137"/>
      <c r="AJ2559" s="137"/>
      <c r="AK2559" s="137"/>
      <c r="AL2559" s="137"/>
      <c r="AM2559" s="137"/>
      <c r="AN2559" s="137"/>
      <c r="AO2559" s="137"/>
      <c r="AP2559" s="137"/>
      <c r="AQ2559" s="137"/>
      <c r="AR2559" s="137"/>
      <c r="AS2559" s="137"/>
      <c r="AT2559" s="137"/>
      <c r="AU2559" s="137"/>
      <c r="AV2559" s="137"/>
      <c r="AW2559" s="144"/>
    </row>
    <row r="2560" spans="7:49" x14ac:dyDescent="0.2">
      <c r="G2560" s="43"/>
      <c r="Z2560" s="143"/>
      <c r="AA2560" s="137"/>
      <c r="AB2560" s="137"/>
      <c r="AC2560" s="137"/>
      <c r="AD2560" s="137"/>
      <c r="AE2560" s="137"/>
      <c r="AF2560" s="137"/>
      <c r="AG2560" s="137"/>
      <c r="AH2560" s="137"/>
      <c r="AI2560" s="137"/>
      <c r="AJ2560" s="137"/>
      <c r="AK2560" s="137"/>
      <c r="AL2560" s="137"/>
      <c r="AM2560" s="137"/>
      <c r="AN2560" s="137"/>
      <c r="AO2560" s="137"/>
      <c r="AP2560" s="137"/>
      <c r="AQ2560" s="137"/>
      <c r="AR2560" s="137"/>
      <c r="AS2560" s="137"/>
      <c r="AT2560" s="137"/>
      <c r="AU2560" s="137"/>
      <c r="AV2560" s="137"/>
      <c r="AW2560" s="144"/>
    </row>
    <row r="2561" spans="7:49" x14ac:dyDescent="0.2">
      <c r="G2561" s="43"/>
      <c r="Z2561" s="143"/>
      <c r="AA2561" s="137"/>
      <c r="AB2561" s="137"/>
      <c r="AC2561" s="137"/>
      <c r="AD2561" s="137"/>
      <c r="AE2561" s="137"/>
      <c r="AF2561" s="137"/>
      <c r="AG2561" s="137"/>
      <c r="AH2561" s="137"/>
      <c r="AI2561" s="137"/>
      <c r="AJ2561" s="137"/>
      <c r="AK2561" s="137"/>
      <c r="AL2561" s="137"/>
      <c r="AM2561" s="137"/>
      <c r="AN2561" s="137"/>
      <c r="AO2561" s="137"/>
      <c r="AP2561" s="137"/>
      <c r="AQ2561" s="137"/>
      <c r="AR2561" s="137"/>
      <c r="AS2561" s="137"/>
      <c r="AT2561" s="137"/>
      <c r="AU2561" s="137"/>
      <c r="AV2561" s="137"/>
      <c r="AW2561" s="144"/>
    </row>
    <row r="2562" spans="7:49" x14ac:dyDescent="0.2">
      <c r="G2562" s="43"/>
      <c r="Z2562" s="143"/>
      <c r="AA2562" s="137"/>
      <c r="AB2562" s="137"/>
      <c r="AC2562" s="137"/>
      <c r="AD2562" s="137"/>
      <c r="AE2562" s="137"/>
      <c r="AF2562" s="137"/>
      <c r="AG2562" s="137"/>
      <c r="AH2562" s="137"/>
      <c r="AI2562" s="137"/>
      <c r="AJ2562" s="137"/>
      <c r="AK2562" s="137"/>
      <c r="AL2562" s="137"/>
      <c r="AM2562" s="137"/>
      <c r="AN2562" s="137"/>
      <c r="AO2562" s="137"/>
      <c r="AP2562" s="137"/>
      <c r="AQ2562" s="137"/>
      <c r="AR2562" s="137"/>
      <c r="AS2562" s="137"/>
      <c r="AT2562" s="137"/>
      <c r="AU2562" s="137"/>
      <c r="AV2562" s="137"/>
      <c r="AW2562" s="144"/>
    </row>
    <row r="2563" spans="7:49" x14ac:dyDescent="0.2">
      <c r="G2563" s="43"/>
      <c r="Z2563" s="143"/>
      <c r="AA2563" s="137"/>
      <c r="AB2563" s="137"/>
      <c r="AC2563" s="137"/>
      <c r="AD2563" s="137"/>
      <c r="AE2563" s="137"/>
      <c r="AF2563" s="137"/>
      <c r="AG2563" s="137"/>
      <c r="AH2563" s="137"/>
      <c r="AI2563" s="137"/>
      <c r="AJ2563" s="137"/>
      <c r="AK2563" s="137"/>
      <c r="AL2563" s="137"/>
      <c r="AM2563" s="137"/>
      <c r="AN2563" s="137"/>
      <c r="AO2563" s="137"/>
      <c r="AP2563" s="137"/>
      <c r="AQ2563" s="137"/>
      <c r="AR2563" s="137"/>
      <c r="AS2563" s="137"/>
      <c r="AT2563" s="137"/>
      <c r="AU2563" s="137"/>
      <c r="AV2563" s="137"/>
      <c r="AW2563" s="144"/>
    </row>
    <row r="2564" spans="7:49" x14ac:dyDescent="0.2">
      <c r="G2564" s="43"/>
      <c r="Z2564" s="143"/>
      <c r="AA2564" s="137"/>
      <c r="AB2564" s="137"/>
      <c r="AC2564" s="137"/>
      <c r="AD2564" s="137"/>
      <c r="AE2564" s="137"/>
      <c r="AF2564" s="137"/>
      <c r="AG2564" s="137"/>
      <c r="AH2564" s="137"/>
      <c r="AI2564" s="137"/>
      <c r="AJ2564" s="137"/>
      <c r="AK2564" s="137"/>
      <c r="AL2564" s="137"/>
      <c r="AM2564" s="137"/>
      <c r="AN2564" s="137"/>
      <c r="AO2564" s="137"/>
      <c r="AP2564" s="137"/>
      <c r="AQ2564" s="137"/>
      <c r="AR2564" s="137"/>
      <c r="AS2564" s="137"/>
      <c r="AT2564" s="137"/>
      <c r="AU2564" s="137"/>
      <c r="AV2564" s="137"/>
      <c r="AW2564" s="144"/>
    </row>
    <row r="2565" spans="7:49" x14ac:dyDescent="0.2">
      <c r="G2565" s="43"/>
      <c r="Z2565" s="143"/>
      <c r="AA2565" s="137"/>
      <c r="AB2565" s="137"/>
      <c r="AC2565" s="137"/>
      <c r="AD2565" s="137"/>
      <c r="AE2565" s="137"/>
      <c r="AF2565" s="137"/>
      <c r="AG2565" s="137"/>
      <c r="AH2565" s="137"/>
      <c r="AI2565" s="137"/>
      <c r="AJ2565" s="137"/>
      <c r="AK2565" s="137"/>
      <c r="AL2565" s="137"/>
      <c r="AM2565" s="137"/>
      <c r="AN2565" s="137"/>
      <c r="AO2565" s="137"/>
      <c r="AP2565" s="137"/>
      <c r="AQ2565" s="137"/>
      <c r="AR2565" s="137"/>
      <c r="AS2565" s="137"/>
      <c r="AT2565" s="137"/>
      <c r="AU2565" s="137"/>
      <c r="AV2565" s="137"/>
      <c r="AW2565" s="144"/>
    </row>
    <row r="2566" spans="7:49" x14ac:dyDescent="0.2">
      <c r="G2566" s="43"/>
      <c r="Z2566" s="143"/>
      <c r="AA2566" s="137"/>
      <c r="AB2566" s="137"/>
      <c r="AC2566" s="137"/>
      <c r="AD2566" s="137"/>
      <c r="AE2566" s="137"/>
      <c r="AF2566" s="137"/>
      <c r="AG2566" s="137"/>
      <c r="AH2566" s="137"/>
      <c r="AI2566" s="137"/>
      <c r="AJ2566" s="137"/>
      <c r="AK2566" s="137"/>
      <c r="AL2566" s="137"/>
      <c r="AM2566" s="137"/>
      <c r="AN2566" s="137"/>
      <c r="AO2566" s="137"/>
      <c r="AP2566" s="137"/>
      <c r="AQ2566" s="137"/>
      <c r="AR2566" s="137"/>
      <c r="AS2566" s="137"/>
      <c r="AT2566" s="137"/>
      <c r="AU2566" s="137"/>
      <c r="AV2566" s="137"/>
      <c r="AW2566" s="144"/>
    </row>
    <row r="2567" spans="7:49" x14ac:dyDescent="0.2">
      <c r="G2567" s="43"/>
      <c r="Z2567" s="143"/>
      <c r="AA2567" s="137"/>
      <c r="AB2567" s="137"/>
      <c r="AC2567" s="137"/>
      <c r="AD2567" s="137"/>
      <c r="AE2567" s="137"/>
      <c r="AF2567" s="137"/>
      <c r="AG2567" s="137"/>
      <c r="AH2567" s="137"/>
      <c r="AI2567" s="137"/>
      <c r="AJ2567" s="137"/>
      <c r="AK2567" s="137"/>
      <c r="AL2567" s="137"/>
      <c r="AM2567" s="137"/>
      <c r="AN2567" s="137"/>
      <c r="AO2567" s="137"/>
      <c r="AP2567" s="137"/>
      <c r="AQ2567" s="137"/>
      <c r="AR2567" s="137"/>
      <c r="AS2567" s="137"/>
      <c r="AT2567" s="137"/>
      <c r="AU2567" s="137"/>
      <c r="AV2567" s="137"/>
      <c r="AW2567" s="144"/>
    </row>
    <row r="2568" spans="7:49" x14ac:dyDescent="0.2">
      <c r="G2568" s="43"/>
      <c r="Z2568" s="143"/>
      <c r="AA2568" s="137"/>
      <c r="AB2568" s="137"/>
      <c r="AC2568" s="137"/>
      <c r="AD2568" s="137"/>
      <c r="AE2568" s="137"/>
      <c r="AF2568" s="137"/>
      <c r="AG2568" s="137"/>
      <c r="AH2568" s="137"/>
      <c r="AI2568" s="137"/>
      <c r="AJ2568" s="137"/>
      <c r="AK2568" s="137"/>
      <c r="AL2568" s="137"/>
      <c r="AM2568" s="137"/>
      <c r="AN2568" s="137"/>
      <c r="AO2568" s="137"/>
      <c r="AP2568" s="137"/>
      <c r="AQ2568" s="137"/>
      <c r="AR2568" s="137"/>
      <c r="AS2568" s="137"/>
      <c r="AT2568" s="137"/>
      <c r="AU2568" s="137"/>
      <c r="AV2568" s="137"/>
      <c r="AW2568" s="144"/>
    </row>
    <row r="2569" spans="7:49" x14ac:dyDescent="0.2">
      <c r="G2569" s="43"/>
      <c r="Z2569" s="143"/>
      <c r="AA2569" s="137"/>
      <c r="AB2569" s="137"/>
      <c r="AC2569" s="137"/>
      <c r="AD2569" s="137"/>
      <c r="AE2569" s="137"/>
      <c r="AF2569" s="137"/>
      <c r="AG2569" s="137"/>
      <c r="AH2569" s="137"/>
      <c r="AI2569" s="137"/>
      <c r="AJ2569" s="137"/>
      <c r="AK2569" s="137"/>
      <c r="AL2569" s="137"/>
      <c r="AM2569" s="137"/>
      <c r="AN2569" s="137"/>
      <c r="AO2569" s="137"/>
      <c r="AP2569" s="137"/>
      <c r="AQ2569" s="137"/>
      <c r="AR2569" s="137"/>
      <c r="AS2569" s="137"/>
      <c r="AT2569" s="137"/>
      <c r="AU2569" s="137"/>
      <c r="AV2569" s="137"/>
      <c r="AW2569" s="144"/>
    </row>
    <row r="2570" spans="7:49" x14ac:dyDescent="0.2">
      <c r="G2570" s="43"/>
      <c r="Z2570" s="143"/>
      <c r="AA2570" s="137"/>
      <c r="AB2570" s="137"/>
      <c r="AC2570" s="137"/>
      <c r="AD2570" s="137"/>
      <c r="AE2570" s="137"/>
      <c r="AF2570" s="137"/>
      <c r="AG2570" s="137"/>
      <c r="AH2570" s="137"/>
      <c r="AI2570" s="137"/>
      <c r="AJ2570" s="137"/>
      <c r="AK2570" s="137"/>
      <c r="AL2570" s="137"/>
      <c r="AM2570" s="137"/>
      <c r="AN2570" s="137"/>
      <c r="AO2570" s="137"/>
      <c r="AP2570" s="137"/>
      <c r="AQ2570" s="137"/>
      <c r="AR2570" s="137"/>
      <c r="AS2570" s="137"/>
      <c r="AT2570" s="137"/>
      <c r="AU2570" s="137"/>
      <c r="AV2570" s="137"/>
      <c r="AW2570" s="144"/>
    </row>
    <row r="2571" spans="7:49" x14ac:dyDescent="0.2">
      <c r="G2571" s="43"/>
      <c r="Z2571" s="143"/>
      <c r="AA2571" s="137"/>
      <c r="AB2571" s="137"/>
      <c r="AC2571" s="137"/>
      <c r="AD2571" s="137"/>
      <c r="AE2571" s="137"/>
      <c r="AF2571" s="137"/>
      <c r="AG2571" s="137"/>
      <c r="AH2571" s="137"/>
      <c r="AI2571" s="137"/>
      <c r="AJ2571" s="137"/>
      <c r="AK2571" s="137"/>
      <c r="AL2571" s="137"/>
      <c r="AM2571" s="137"/>
      <c r="AN2571" s="137"/>
      <c r="AO2571" s="137"/>
      <c r="AP2571" s="137"/>
      <c r="AQ2571" s="137"/>
      <c r="AR2571" s="137"/>
      <c r="AS2571" s="137"/>
      <c r="AT2571" s="137"/>
      <c r="AU2571" s="137"/>
      <c r="AV2571" s="137"/>
      <c r="AW2571" s="144"/>
    </row>
    <row r="2572" spans="7:49" x14ac:dyDescent="0.2">
      <c r="G2572" s="43"/>
      <c r="Z2572" s="143"/>
      <c r="AA2572" s="137"/>
      <c r="AB2572" s="137"/>
      <c r="AC2572" s="137"/>
      <c r="AD2572" s="137"/>
      <c r="AE2572" s="137"/>
      <c r="AF2572" s="137"/>
      <c r="AG2572" s="137"/>
      <c r="AH2572" s="137"/>
      <c r="AI2572" s="137"/>
      <c r="AJ2572" s="137"/>
      <c r="AK2572" s="137"/>
      <c r="AL2572" s="137"/>
      <c r="AM2572" s="137"/>
      <c r="AN2572" s="137"/>
      <c r="AO2572" s="137"/>
      <c r="AP2572" s="137"/>
      <c r="AQ2572" s="137"/>
      <c r="AR2572" s="137"/>
      <c r="AS2572" s="137"/>
      <c r="AT2572" s="137"/>
      <c r="AU2572" s="137"/>
      <c r="AV2572" s="137"/>
      <c r="AW2572" s="144"/>
    </row>
    <row r="2573" spans="7:49" x14ac:dyDescent="0.2">
      <c r="G2573" s="43"/>
      <c r="Z2573" s="143"/>
      <c r="AA2573" s="137"/>
      <c r="AB2573" s="137"/>
      <c r="AC2573" s="137"/>
      <c r="AD2573" s="137"/>
      <c r="AE2573" s="137"/>
      <c r="AF2573" s="137"/>
      <c r="AG2573" s="137"/>
      <c r="AH2573" s="137"/>
      <c r="AI2573" s="137"/>
      <c r="AJ2573" s="137"/>
      <c r="AK2573" s="137"/>
      <c r="AL2573" s="137"/>
      <c r="AM2573" s="137"/>
      <c r="AN2573" s="137"/>
      <c r="AO2573" s="137"/>
      <c r="AP2573" s="137"/>
      <c r="AQ2573" s="137"/>
      <c r="AR2573" s="137"/>
      <c r="AS2573" s="137"/>
      <c r="AT2573" s="137"/>
      <c r="AU2573" s="137"/>
      <c r="AV2573" s="137"/>
      <c r="AW2573" s="144"/>
    </row>
    <row r="2574" spans="7:49" x14ac:dyDescent="0.2">
      <c r="G2574" s="43"/>
      <c r="Z2574" s="143"/>
      <c r="AA2574" s="137"/>
      <c r="AB2574" s="137"/>
      <c r="AC2574" s="137"/>
      <c r="AD2574" s="137"/>
      <c r="AE2574" s="137"/>
      <c r="AF2574" s="137"/>
      <c r="AG2574" s="137"/>
      <c r="AH2574" s="137"/>
      <c r="AI2574" s="137"/>
      <c r="AJ2574" s="137"/>
      <c r="AK2574" s="137"/>
      <c r="AL2574" s="137"/>
      <c r="AM2574" s="137"/>
      <c r="AN2574" s="137"/>
      <c r="AO2574" s="137"/>
      <c r="AP2574" s="137"/>
      <c r="AQ2574" s="137"/>
      <c r="AR2574" s="137"/>
      <c r="AS2574" s="137"/>
      <c r="AT2574" s="137"/>
      <c r="AU2574" s="137"/>
      <c r="AV2574" s="137"/>
      <c r="AW2574" s="144"/>
    </row>
    <row r="2575" spans="7:49" x14ac:dyDescent="0.2">
      <c r="G2575" s="43"/>
      <c r="Z2575" s="143"/>
      <c r="AA2575" s="137"/>
      <c r="AB2575" s="137"/>
      <c r="AC2575" s="137"/>
      <c r="AD2575" s="137"/>
      <c r="AE2575" s="137"/>
      <c r="AF2575" s="137"/>
      <c r="AG2575" s="137"/>
      <c r="AH2575" s="137"/>
      <c r="AI2575" s="137"/>
      <c r="AJ2575" s="137"/>
      <c r="AK2575" s="137"/>
      <c r="AL2575" s="137"/>
      <c r="AM2575" s="137"/>
      <c r="AN2575" s="137"/>
      <c r="AO2575" s="137"/>
      <c r="AP2575" s="137"/>
      <c r="AQ2575" s="137"/>
      <c r="AR2575" s="137"/>
      <c r="AS2575" s="137"/>
      <c r="AT2575" s="137"/>
      <c r="AU2575" s="137"/>
      <c r="AV2575" s="137"/>
      <c r="AW2575" s="144"/>
    </row>
    <row r="2576" spans="7:49" x14ac:dyDescent="0.2">
      <c r="G2576" s="43"/>
      <c r="Z2576" s="143"/>
      <c r="AA2576" s="137"/>
      <c r="AB2576" s="137"/>
      <c r="AC2576" s="137"/>
      <c r="AD2576" s="137"/>
      <c r="AE2576" s="137"/>
      <c r="AF2576" s="137"/>
      <c r="AG2576" s="137"/>
      <c r="AH2576" s="137"/>
      <c r="AI2576" s="137"/>
      <c r="AJ2576" s="137"/>
      <c r="AK2576" s="137"/>
      <c r="AL2576" s="137"/>
      <c r="AM2576" s="137"/>
      <c r="AN2576" s="137"/>
      <c r="AO2576" s="137"/>
      <c r="AP2576" s="137"/>
      <c r="AQ2576" s="137"/>
      <c r="AR2576" s="137"/>
      <c r="AS2576" s="137"/>
      <c r="AT2576" s="137"/>
      <c r="AU2576" s="137"/>
      <c r="AV2576" s="137"/>
      <c r="AW2576" s="144"/>
    </row>
    <row r="2577" spans="7:49" x14ac:dyDescent="0.2">
      <c r="G2577" s="43"/>
      <c r="Z2577" s="143"/>
      <c r="AA2577" s="137"/>
      <c r="AB2577" s="137"/>
      <c r="AC2577" s="137"/>
      <c r="AD2577" s="137"/>
      <c r="AE2577" s="137"/>
      <c r="AF2577" s="137"/>
      <c r="AG2577" s="137"/>
      <c r="AH2577" s="137"/>
      <c r="AI2577" s="137"/>
      <c r="AJ2577" s="137"/>
      <c r="AK2577" s="137"/>
      <c r="AL2577" s="137"/>
      <c r="AM2577" s="137"/>
      <c r="AN2577" s="137"/>
      <c r="AO2577" s="137"/>
      <c r="AP2577" s="137"/>
      <c r="AQ2577" s="137"/>
      <c r="AR2577" s="137"/>
      <c r="AS2577" s="137"/>
      <c r="AT2577" s="137"/>
      <c r="AU2577" s="137"/>
      <c r="AV2577" s="137"/>
      <c r="AW2577" s="144"/>
    </row>
    <row r="2578" spans="7:49" x14ac:dyDescent="0.2">
      <c r="G2578" s="43"/>
      <c r="Z2578" s="143"/>
      <c r="AA2578" s="137"/>
      <c r="AB2578" s="137"/>
      <c r="AC2578" s="137"/>
      <c r="AD2578" s="137"/>
      <c r="AE2578" s="137"/>
      <c r="AF2578" s="137"/>
      <c r="AG2578" s="137"/>
      <c r="AH2578" s="137"/>
      <c r="AI2578" s="137"/>
      <c r="AJ2578" s="137"/>
      <c r="AK2578" s="137"/>
      <c r="AL2578" s="137"/>
      <c r="AM2578" s="137"/>
      <c r="AN2578" s="137"/>
      <c r="AO2578" s="137"/>
      <c r="AP2578" s="137"/>
      <c r="AQ2578" s="137"/>
      <c r="AR2578" s="137"/>
      <c r="AS2578" s="137"/>
      <c r="AT2578" s="137"/>
      <c r="AU2578" s="137"/>
      <c r="AV2578" s="137"/>
      <c r="AW2578" s="144"/>
    </row>
    <row r="2579" spans="7:49" x14ac:dyDescent="0.2">
      <c r="G2579" s="43"/>
      <c r="Z2579" s="143"/>
      <c r="AA2579" s="137"/>
      <c r="AB2579" s="137"/>
      <c r="AC2579" s="137"/>
      <c r="AD2579" s="137"/>
      <c r="AE2579" s="137"/>
      <c r="AF2579" s="137"/>
      <c r="AG2579" s="137"/>
      <c r="AH2579" s="137"/>
      <c r="AI2579" s="137"/>
      <c r="AJ2579" s="137"/>
      <c r="AK2579" s="137"/>
      <c r="AL2579" s="137"/>
      <c r="AM2579" s="137"/>
      <c r="AN2579" s="137"/>
      <c r="AO2579" s="137"/>
      <c r="AP2579" s="137"/>
      <c r="AQ2579" s="137"/>
      <c r="AR2579" s="137"/>
      <c r="AS2579" s="137"/>
      <c r="AT2579" s="137"/>
      <c r="AU2579" s="137"/>
      <c r="AV2579" s="137"/>
      <c r="AW2579" s="144"/>
    </row>
    <row r="2580" spans="7:49" x14ac:dyDescent="0.2">
      <c r="G2580" s="43"/>
      <c r="Z2580" s="143"/>
      <c r="AA2580" s="137"/>
      <c r="AB2580" s="137"/>
      <c r="AC2580" s="137"/>
      <c r="AD2580" s="137"/>
      <c r="AE2580" s="137"/>
      <c r="AF2580" s="137"/>
      <c r="AG2580" s="137"/>
      <c r="AH2580" s="137"/>
      <c r="AI2580" s="137"/>
      <c r="AJ2580" s="137"/>
      <c r="AK2580" s="137"/>
      <c r="AL2580" s="137"/>
      <c r="AM2580" s="137"/>
      <c r="AN2580" s="137"/>
      <c r="AO2580" s="137"/>
      <c r="AP2580" s="137"/>
      <c r="AQ2580" s="137"/>
      <c r="AR2580" s="137"/>
      <c r="AS2580" s="137"/>
      <c r="AT2580" s="137"/>
      <c r="AU2580" s="137"/>
      <c r="AV2580" s="137"/>
      <c r="AW2580" s="144"/>
    </row>
    <row r="2581" spans="7:49" x14ac:dyDescent="0.2">
      <c r="G2581" s="43"/>
      <c r="Z2581" s="143"/>
      <c r="AA2581" s="137"/>
      <c r="AB2581" s="137"/>
      <c r="AC2581" s="137"/>
      <c r="AD2581" s="137"/>
      <c r="AE2581" s="137"/>
      <c r="AF2581" s="137"/>
      <c r="AG2581" s="137"/>
      <c r="AH2581" s="137"/>
      <c r="AI2581" s="137"/>
      <c r="AJ2581" s="137"/>
      <c r="AK2581" s="137"/>
      <c r="AL2581" s="137"/>
      <c r="AM2581" s="137"/>
      <c r="AN2581" s="137"/>
      <c r="AO2581" s="137"/>
      <c r="AP2581" s="137"/>
      <c r="AQ2581" s="137"/>
      <c r="AR2581" s="137"/>
      <c r="AS2581" s="137"/>
      <c r="AT2581" s="137"/>
      <c r="AU2581" s="137"/>
      <c r="AV2581" s="137"/>
      <c r="AW2581" s="144"/>
    </row>
    <row r="2582" spans="7:49" x14ac:dyDescent="0.2">
      <c r="G2582" s="43"/>
      <c r="Z2582" s="143"/>
      <c r="AA2582" s="137"/>
      <c r="AB2582" s="137"/>
      <c r="AC2582" s="137"/>
      <c r="AD2582" s="137"/>
      <c r="AE2582" s="137"/>
      <c r="AF2582" s="137"/>
      <c r="AG2582" s="137"/>
      <c r="AH2582" s="137"/>
      <c r="AI2582" s="137"/>
      <c r="AJ2582" s="137"/>
      <c r="AK2582" s="137"/>
      <c r="AL2582" s="137"/>
      <c r="AM2582" s="137"/>
      <c r="AN2582" s="137"/>
      <c r="AO2582" s="137"/>
      <c r="AP2582" s="137"/>
      <c r="AQ2582" s="137"/>
      <c r="AR2582" s="137"/>
      <c r="AS2582" s="137"/>
      <c r="AT2582" s="137"/>
      <c r="AU2582" s="137"/>
      <c r="AV2582" s="137"/>
      <c r="AW2582" s="144"/>
    </row>
    <row r="2583" spans="7:49" x14ac:dyDescent="0.2">
      <c r="G2583" s="43"/>
      <c r="Z2583" s="143"/>
      <c r="AA2583" s="137"/>
      <c r="AB2583" s="137"/>
      <c r="AC2583" s="137"/>
      <c r="AD2583" s="137"/>
      <c r="AE2583" s="137"/>
      <c r="AF2583" s="137"/>
      <c r="AG2583" s="137"/>
      <c r="AH2583" s="137"/>
      <c r="AI2583" s="137"/>
      <c r="AJ2583" s="137"/>
      <c r="AK2583" s="137"/>
      <c r="AL2583" s="137"/>
      <c r="AM2583" s="137"/>
      <c r="AN2583" s="137"/>
      <c r="AO2583" s="137"/>
      <c r="AP2583" s="137"/>
      <c r="AQ2583" s="137"/>
      <c r="AR2583" s="137"/>
      <c r="AS2583" s="137"/>
      <c r="AT2583" s="137"/>
      <c r="AU2583" s="137"/>
      <c r="AV2583" s="137"/>
      <c r="AW2583" s="144"/>
    </row>
    <row r="2584" spans="7:49" x14ac:dyDescent="0.2">
      <c r="G2584" s="43"/>
      <c r="Z2584" s="143"/>
      <c r="AA2584" s="137"/>
      <c r="AB2584" s="137"/>
      <c r="AC2584" s="137"/>
      <c r="AD2584" s="137"/>
      <c r="AE2584" s="137"/>
      <c r="AF2584" s="137"/>
      <c r="AG2584" s="137"/>
      <c r="AH2584" s="137"/>
      <c r="AI2584" s="137"/>
      <c r="AJ2584" s="137"/>
      <c r="AK2584" s="137"/>
      <c r="AL2584" s="137"/>
      <c r="AM2584" s="137"/>
      <c r="AN2584" s="137"/>
      <c r="AO2584" s="137"/>
      <c r="AP2584" s="137"/>
      <c r="AQ2584" s="137"/>
      <c r="AR2584" s="137"/>
      <c r="AS2584" s="137"/>
      <c r="AT2584" s="137"/>
      <c r="AU2584" s="137"/>
      <c r="AV2584" s="137"/>
      <c r="AW2584" s="144"/>
    </row>
    <row r="2585" spans="7:49" x14ac:dyDescent="0.2">
      <c r="G2585" s="43"/>
      <c r="Z2585" s="143"/>
      <c r="AA2585" s="137"/>
      <c r="AB2585" s="137"/>
      <c r="AC2585" s="137"/>
      <c r="AD2585" s="137"/>
      <c r="AE2585" s="137"/>
      <c r="AF2585" s="137"/>
      <c r="AG2585" s="137"/>
      <c r="AH2585" s="137"/>
      <c r="AI2585" s="137"/>
      <c r="AJ2585" s="137"/>
      <c r="AK2585" s="137"/>
      <c r="AL2585" s="137"/>
      <c r="AM2585" s="137"/>
      <c r="AN2585" s="137"/>
      <c r="AO2585" s="137"/>
      <c r="AP2585" s="137"/>
      <c r="AQ2585" s="137"/>
      <c r="AR2585" s="137"/>
      <c r="AS2585" s="137"/>
      <c r="AT2585" s="137"/>
      <c r="AU2585" s="137"/>
      <c r="AV2585" s="137"/>
      <c r="AW2585" s="144"/>
    </row>
    <row r="2586" spans="7:49" x14ac:dyDescent="0.2">
      <c r="G2586" s="43"/>
      <c r="Z2586" s="143"/>
      <c r="AA2586" s="137"/>
      <c r="AB2586" s="137"/>
      <c r="AC2586" s="137"/>
      <c r="AD2586" s="137"/>
      <c r="AE2586" s="137"/>
      <c r="AF2586" s="137"/>
      <c r="AG2586" s="137"/>
      <c r="AH2586" s="137"/>
      <c r="AI2586" s="137"/>
      <c r="AJ2586" s="137"/>
      <c r="AK2586" s="137"/>
      <c r="AL2586" s="137"/>
      <c r="AM2586" s="137"/>
      <c r="AN2586" s="137"/>
      <c r="AO2586" s="137"/>
      <c r="AP2586" s="137"/>
      <c r="AQ2586" s="137"/>
      <c r="AR2586" s="137"/>
      <c r="AS2586" s="137"/>
      <c r="AT2586" s="137"/>
      <c r="AU2586" s="137"/>
      <c r="AV2586" s="137"/>
      <c r="AW2586" s="144"/>
    </row>
    <row r="2587" spans="7:49" x14ac:dyDescent="0.2">
      <c r="G2587" s="43"/>
      <c r="Z2587" s="143"/>
      <c r="AA2587" s="137"/>
      <c r="AB2587" s="137"/>
      <c r="AC2587" s="137"/>
      <c r="AD2587" s="137"/>
      <c r="AE2587" s="137"/>
      <c r="AF2587" s="137"/>
      <c r="AG2587" s="137"/>
      <c r="AH2587" s="137"/>
      <c r="AI2587" s="137"/>
      <c r="AJ2587" s="137"/>
      <c r="AK2587" s="137"/>
      <c r="AL2587" s="137"/>
      <c r="AM2587" s="137"/>
      <c r="AN2587" s="137"/>
      <c r="AO2587" s="137"/>
      <c r="AP2587" s="137"/>
      <c r="AQ2587" s="137"/>
      <c r="AR2587" s="137"/>
      <c r="AS2587" s="137"/>
      <c r="AT2587" s="137"/>
      <c r="AU2587" s="137"/>
      <c r="AV2587" s="137"/>
      <c r="AW2587" s="144"/>
    </row>
    <row r="2588" spans="7:49" x14ac:dyDescent="0.2">
      <c r="G2588" s="43"/>
      <c r="Z2588" s="143"/>
      <c r="AA2588" s="137"/>
      <c r="AB2588" s="137"/>
      <c r="AC2588" s="137"/>
      <c r="AD2588" s="137"/>
      <c r="AE2588" s="137"/>
      <c r="AF2588" s="137"/>
      <c r="AG2588" s="137"/>
      <c r="AH2588" s="137"/>
      <c r="AI2588" s="137"/>
      <c r="AJ2588" s="137"/>
      <c r="AK2588" s="137"/>
      <c r="AL2588" s="137"/>
      <c r="AM2588" s="137"/>
      <c r="AN2588" s="137"/>
      <c r="AO2588" s="137"/>
      <c r="AP2588" s="137"/>
      <c r="AQ2588" s="137"/>
      <c r="AR2588" s="137"/>
      <c r="AS2588" s="137"/>
      <c r="AT2588" s="137"/>
      <c r="AU2588" s="137"/>
      <c r="AV2588" s="137"/>
      <c r="AW2588" s="144"/>
    </row>
    <row r="2589" spans="7:49" x14ac:dyDescent="0.2">
      <c r="G2589" s="43"/>
      <c r="Z2589" s="143"/>
      <c r="AA2589" s="137"/>
      <c r="AB2589" s="137"/>
      <c r="AC2589" s="137"/>
      <c r="AD2589" s="137"/>
      <c r="AE2589" s="137"/>
      <c r="AF2589" s="137"/>
      <c r="AG2589" s="137"/>
      <c r="AH2589" s="137"/>
      <c r="AI2589" s="137"/>
      <c r="AJ2589" s="137"/>
      <c r="AK2589" s="137"/>
      <c r="AL2589" s="137"/>
      <c r="AM2589" s="137"/>
      <c r="AN2589" s="137"/>
      <c r="AO2589" s="137"/>
      <c r="AP2589" s="137"/>
      <c r="AQ2589" s="137"/>
      <c r="AR2589" s="137"/>
      <c r="AS2589" s="137"/>
      <c r="AT2589" s="137"/>
      <c r="AU2589" s="137"/>
      <c r="AV2589" s="137"/>
      <c r="AW2589" s="144"/>
    </row>
    <row r="2590" spans="7:49" x14ac:dyDescent="0.2">
      <c r="G2590" s="43"/>
      <c r="Z2590" s="143"/>
      <c r="AA2590" s="137"/>
      <c r="AB2590" s="137"/>
      <c r="AC2590" s="137"/>
      <c r="AD2590" s="137"/>
      <c r="AE2590" s="137"/>
      <c r="AF2590" s="137"/>
      <c r="AG2590" s="137"/>
      <c r="AH2590" s="137"/>
      <c r="AI2590" s="137"/>
      <c r="AJ2590" s="137"/>
      <c r="AK2590" s="137"/>
      <c r="AL2590" s="137"/>
      <c r="AM2590" s="137"/>
      <c r="AN2590" s="137"/>
      <c r="AO2590" s="137"/>
      <c r="AP2590" s="137"/>
      <c r="AQ2590" s="137"/>
      <c r="AR2590" s="137"/>
      <c r="AS2590" s="137"/>
      <c r="AT2590" s="137"/>
      <c r="AU2590" s="137"/>
      <c r="AV2590" s="137"/>
      <c r="AW2590" s="144"/>
    </row>
    <row r="2591" spans="7:49" x14ac:dyDescent="0.2">
      <c r="G2591" s="43"/>
      <c r="Z2591" s="143"/>
      <c r="AA2591" s="137"/>
      <c r="AB2591" s="137"/>
      <c r="AC2591" s="137"/>
      <c r="AD2591" s="137"/>
      <c r="AE2591" s="137"/>
      <c r="AF2591" s="137"/>
      <c r="AG2591" s="137"/>
      <c r="AH2591" s="137"/>
      <c r="AI2591" s="137"/>
      <c r="AJ2591" s="137"/>
      <c r="AK2591" s="137"/>
      <c r="AL2591" s="137"/>
      <c r="AM2591" s="137"/>
      <c r="AN2591" s="137"/>
      <c r="AO2591" s="137"/>
      <c r="AP2591" s="137"/>
      <c r="AQ2591" s="137"/>
      <c r="AR2591" s="137"/>
      <c r="AS2591" s="137"/>
      <c r="AT2591" s="137"/>
      <c r="AU2591" s="137"/>
      <c r="AV2591" s="137"/>
      <c r="AW2591" s="144"/>
    </row>
    <row r="2592" spans="7:49" x14ac:dyDescent="0.2">
      <c r="G2592" s="43"/>
      <c r="Z2592" s="143"/>
      <c r="AA2592" s="137"/>
      <c r="AB2592" s="137"/>
      <c r="AC2592" s="137"/>
      <c r="AD2592" s="137"/>
      <c r="AE2592" s="137"/>
      <c r="AF2592" s="137"/>
      <c r="AG2592" s="137"/>
      <c r="AH2592" s="137"/>
      <c r="AI2592" s="137"/>
      <c r="AJ2592" s="137"/>
      <c r="AK2592" s="137"/>
      <c r="AL2592" s="137"/>
      <c r="AM2592" s="137"/>
      <c r="AN2592" s="137"/>
      <c r="AO2592" s="137"/>
      <c r="AP2592" s="137"/>
      <c r="AQ2592" s="137"/>
      <c r="AR2592" s="137"/>
      <c r="AS2592" s="137"/>
      <c r="AT2592" s="137"/>
      <c r="AU2592" s="137"/>
      <c r="AV2592" s="137"/>
      <c r="AW2592" s="144"/>
    </row>
    <row r="2593" spans="7:49" x14ac:dyDescent="0.2">
      <c r="G2593" s="43"/>
      <c r="Z2593" s="143"/>
      <c r="AA2593" s="137"/>
      <c r="AB2593" s="137"/>
      <c r="AC2593" s="137"/>
      <c r="AD2593" s="137"/>
      <c r="AE2593" s="137"/>
      <c r="AF2593" s="137"/>
      <c r="AG2593" s="137"/>
      <c r="AH2593" s="137"/>
      <c r="AI2593" s="137"/>
      <c r="AJ2593" s="137"/>
      <c r="AK2593" s="137"/>
      <c r="AL2593" s="137"/>
      <c r="AM2593" s="137"/>
      <c r="AN2593" s="137"/>
      <c r="AO2593" s="137"/>
      <c r="AP2593" s="137"/>
      <c r="AQ2593" s="137"/>
      <c r="AR2593" s="137"/>
      <c r="AS2593" s="137"/>
      <c r="AT2593" s="137"/>
      <c r="AU2593" s="137"/>
      <c r="AV2593" s="137"/>
      <c r="AW2593" s="144"/>
    </row>
    <row r="2594" spans="7:49" x14ac:dyDescent="0.2">
      <c r="G2594" s="43"/>
      <c r="Z2594" s="143"/>
      <c r="AA2594" s="137"/>
      <c r="AB2594" s="137"/>
      <c r="AC2594" s="137"/>
      <c r="AD2594" s="137"/>
      <c r="AE2594" s="137"/>
      <c r="AF2594" s="137"/>
      <c r="AG2594" s="137"/>
      <c r="AH2594" s="137"/>
      <c r="AI2594" s="137"/>
      <c r="AJ2594" s="137"/>
      <c r="AK2594" s="137"/>
      <c r="AL2594" s="137"/>
      <c r="AM2594" s="137"/>
      <c r="AN2594" s="137"/>
      <c r="AO2594" s="137"/>
      <c r="AP2594" s="137"/>
      <c r="AQ2594" s="137"/>
      <c r="AR2594" s="137"/>
      <c r="AS2594" s="137"/>
      <c r="AT2594" s="137"/>
      <c r="AU2594" s="137"/>
      <c r="AV2594" s="137"/>
      <c r="AW2594" s="144"/>
    </row>
    <row r="2595" spans="7:49" x14ac:dyDescent="0.2">
      <c r="G2595" s="43"/>
      <c r="Z2595" s="143"/>
      <c r="AA2595" s="137"/>
      <c r="AB2595" s="137"/>
      <c r="AC2595" s="137"/>
      <c r="AD2595" s="137"/>
      <c r="AE2595" s="137"/>
      <c r="AF2595" s="137"/>
      <c r="AG2595" s="137"/>
      <c r="AH2595" s="137"/>
      <c r="AI2595" s="137"/>
      <c r="AJ2595" s="137"/>
      <c r="AK2595" s="137"/>
      <c r="AL2595" s="137"/>
      <c r="AM2595" s="137"/>
      <c r="AN2595" s="137"/>
      <c r="AO2595" s="137"/>
      <c r="AP2595" s="137"/>
      <c r="AQ2595" s="137"/>
      <c r="AR2595" s="137"/>
      <c r="AS2595" s="137"/>
      <c r="AT2595" s="137"/>
      <c r="AU2595" s="137"/>
      <c r="AV2595" s="137"/>
      <c r="AW2595" s="144"/>
    </row>
    <row r="2596" spans="7:49" x14ac:dyDescent="0.2">
      <c r="G2596" s="43"/>
      <c r="Z2596" s="143"/>
      <c r="AA2596" s="137"/>
      <c r="AB2596" s="137"/>
      <c r="AC2596" s="137"/>
      <c r="AD2596" s="137"/>
      <c r="AE2596" s="137"/>
      <c r="AF2596" s="137"/>
      <c r="AG2596" s="137"/>
      <c r="AH2596" s="137"/>
      <c r="AI2596" s="137"/>
      <c r="AJ2596" s="137"/>
      <c r="AK2596" s="137"/>
      <c r="AL2596" s="137"/>
      <c r="AM2596" s="137"/>
      <c r="AN2596" s="137"/>
      <c r="AO2596" s="137"/>
      <c r="AP2596" s="137"/>
      <c r="AQ2596" s="137"/>
      <c r="AR2596" s="137"/>
      <c r="AS2596" s="137"/>
      <c r="AT2596" s="137"/>
      <c r="AU2596" s="137"/>
      <c r="AV2596" s="137"/>
      <c r="AW2596" s="144"/>
    </row>
    <row r="2597" spans="7:49" x14ac:dyDescent="0.2">
      <c r="G2597" s="43"/>
      <c r="Z2597" s="143"/>
      <c r="AA2597" s="137"/>
      <c r="AB2597" s="137"/>
      <c r="AC2597" s="137"/>
      <c r="AD2597" s="137"/>
      <c r="AE2597" s="137"/>
      <c r="AF2597" s="137"/>
      <c r="AG2597" s="137"/>
      <c r="AH2597" s="137"/>
      <c r="AI2597" s="137"/>
      <c r="AJ2597" s="137"/>
      <c r="AK2597" s="137"/>
      <c r="AL2597" s="137"/>
      <c r="AM2597" s="137"/>
      <c r="AN2597" s="137"/>
      <c r="AO2597" s="137"/>
      <c r="AP2597" s="137"/>
      <c r="AQ2597" s="137"/>
      <c r="AR2597" s="137"/>
      <c r="AS2597" s="137"/>
      <c r="AT2597" s="137"/>
      <c r="AU2597" s="137"/>
      <c r="AV2597" s="137"/>
      <c r="AW2597" s="144"/>
    </row>
    <row r="2598" spans="7:49" x14ac:dyDescent="0.2">
      <c r="G2598" s="43"/>
      <c r="Z2598" s="143"/>
      <c r="AA2598" s="137"/>
      <c r="AB2598" s="137"/>
      <c r="AC2598" s="137"/>
      <c r="AD2598" s="137"/>
      <c r="AE2598" s="137"/>
      <c r="AF2598" s="137"/>
      <c r="AG2598" s="137"/>
      <c r="AH2598" s="137"/>
      <c r="AI2598" s="137"/>
      <c r="AJ2598" s="137"/>
      <c r="AK2598" s="137"/>
      <c r="AL2598" s="137"/>
      <c r="AM2598" s="137"/>
      <c r="AN2598" s="137"/>
      <c r="AO2598" s="137"/>
      <c r="AP2598" s="137"/>
      <c r="AQ2598" s="137"/>
      <c r="AR2598" s="137"/>
      <c r="AS2598" s="137"/>
      <c r="AT2598" s="137"/>
      <c r="AU2598" s="137"/>
      <c r="AV2598" s="137"/>
      <c r="AW2598" s="144"/>
    </row>
    <row r="2599" spans="7:49" x14ac:dyDescent="0.2">
      <c r="G2599" s="43"/>
      <c r="Z2599" s="143"/>
      <c r="AA2599" s="137"/>
      <c r="AB2599" s="137"/>
      <c r="AC2599" s="137"/>
      <c r="AD2599" s="137"/>
      <c r="AE2599" s="137"/>
      <c r="AF2599" s="137"/>
      <c r="AG2599" s="137"/>
      <c r="AH2599" s="137"/>
      <c r="AI2599" s="137"/>
      <c r="AJ2599" s="137"/>
      <c r="AK2599" s="137"/>
      <c r="AL2599" s="137"/>
      <c r="AM2599" s="137"/>
      <c r="AN2599" s="137"/>
      <c r="AO2599" s="137"/>
      <c r="AP2599" s="137"/>
      <c r="AQ2599" s="137"/>
      <c r="AR2599" s="137"/>
      <c r="AS2599" s="137"/>
      <c r="AT2599" s="137"/>
      <c r="AU2599" s="137"/>
      <c r="AV2599" s="137"/>
      <c r="AW2599" s="144"/>
    </row>
    <row r="2600" spans="7:49" x14ac:dyDescent="0.2">
      <c r="G2600" s="43"/>
      <c r="Z2600" s="143"/>
      <c r="AA2600" s="137"/>
      <c r="AB2600" s="137"/>
      <c r="AC2600" s="137"/>
      <c r="AD2600" s="137"/>
      <c r="AE2600" s="137"/>
      <c r="AF2600" s="137"/>
      <c r="AG2600" s="137"/>
      <c r="AH2600" s="137"/>
      <c r="AI2600" s="137"/>
      <c r="AJ2600" s="137"/>
      <c r="AK2600" s="137"/>
      <c r="AL2600" s="137"/>
      <c r="AM2600" s="137"/>
      <c r="AN2600" s="137"/>
      <c r="AO2600" s="137"/>
      <c r="AP2600" s="137"/>
      <c r="AQ2600" s="137"/>
      <c r="AR2600" s="137"/>
      <c r="AS2600" s="137"/>
      <c r="AT2600" s="137"/>
      <c r="AU2600" s="137"/>
      <c r="AV2600" s="137"/>
      <c r="AW2600" s="144"/>
    </row>
    <row r="2601" spans="7:49" x14ac:dyDescent="0.2">
      <c r="G2601" s="43"/>
      <c r="Z2601" s="143"/>
      <c r="AA2601" s="137"/>
      <c r="AB2601" s="137"/>
      <c r="AC2601" s="137"/>
      <c r="AD2601" s="137"/>
      <c r="AE2601" s="137"/>
      <c r="AF2601" s="137"/>
      <c r="AG2601" s="137"/>
      <c r="AH2601" s="137"/>
      <c r="AI2601" s="137"/>
      <c r="AJ2601" s="137"/>
      <c r="AK2601" s="137"/>
      <c r="AL2601" s="137"/>
      <c r="AM2601" s="137"/>
      <c r="AN2601" s="137"/>
      <c r="AO2601" s="137"/>
      <c r="AP2601" s="137"/>
      <c r="AQ2601" s="137"/>
      <c r="AR2601" s="137"/>
      <c r="AS2601" s="137"/>
      <c r="AT2601" s="137"/>
      <c r="AU2601" s="137"/>
      <c r="AV2601" s="137"/>
      <c r="AW2601" s="144"/>
    </row>
    <row r="2602" spans="7:49" x14ac:dyDescent="0.2">
      <c r="G2602" s="43"/>
      <c r="Z2602" s="143"/>
      <c r="AA2602" s="137"/>
      <c r="AB2602" s="137"/>
      <c r="AC2602" s="137"/>
      <c r="AD2602" s="137"/>
      <c r="AE2602" s="137"/>
      <c r="AF2602" s="137"/>
      <c r="AG2602" s="137"/>
      <c r="AH2602" s="137"/>
      <c r="AI2602" s="137"/>
      <c r="AJ2602" s="137"/>
      <c r="AK2602" s="137"/>
      <c r="AL2602" s="137"/>
      <c r="AM2602" s="137"/>
      <c r="AN2602" s="137"/>
      <c r="AO2602" s="137"/>
      <c r="AP2602" s="137"/>
      <c r="AQ2602" s="137"/>
      <c r="AR2602" s="137"/>
      <c r="AS2602" s="137"/>
      <c r="AT2602" s="137"/>
      <c r="AU2602" s="137"/>
      <c r="AV2602" s="137"/>
      <c r="AW2602" s="144"/>
    </row>
    <row r="2603" spans="7:49" x14ac:dyDescent="0.2">
      <c r="G2603" s="43"/>
      <c r="Z2603" s="143"/>
      <c r="AA2603" s="137"/>
      <c r="AB2603" s="137"/>
      <c r="AC2603" s="137"/>
      <c r="AD2603" s="137"/>
      <c r="AE2603" s="137"/>
      <c r="AF2603" s="137"/>
      <c r="AG2603" s="137"/>
      <c r="AH2603" s="137"/>
      <c r="AI2603" s="137"/>
      <c r="AJ2603" s="137"/>
      <c r="AK2603" s="137"/>
      <c r="AL2603" s="137"/>
      <c r="AM2603" s="137"/>
      <c r="AN2603" s="137"/>
      <c r="AO2603" s="137"/>
      <c r="AP2603" s="137"/>
      <c r="AQ2603" s="137"/>
      <c r="AR2603" s="137"/>
      <c r="AS2603" s="137"/>
      <c r="AT2603" s="137"/>
      <c r="AU2603" s="137"/>
      <c r="AV2603" s="137"/>
      <c r="AW2603" s="144"/>
    </row>
    <row r="2604" spans="7:49" x14ac:dyDescent="0.2">
      <c r="G2604" s="43"/>
      <c r="Z2604" s="143"/>
      <c r="AA2604" s="137"/>
      <c r="AB2604" s="137"/>
      <c r="AC2604" s="137"/>
      <c r="AD2604" s="137"/>
      <c r="AE2604" s="137"/>
      <c r="AF2604" s="137"/>
      <c r="AG2604" s="137"/>
      <c r="AH2604" s="137"/>
      <c r="AI2604" s="137"/>
      <c r="AJ2604" s="137"/>
      <c r="AK2604" s="137"/>
      <c r="AL2604" s="137"/>
      <c r="AM2604" s="137"/>
      <c r="AN2604" s="137"/>
      <c r="AO2604" s="137"/>
      <c r="AP2604" s="137"/>
      <c r="AQ2604" s="137"/>
      <c r="AR2604" s="137"/>
      <c r="AS2604" s="137"/>
      <c r="AT2604" s="137"/>
      <c r="AU2604" s="137"/>
      <c r="AV2604" s="137"/>
      <c r="AW2604" s="144"/>
    </row>
    <row r="2605" spans="7:49" x14ac:dyDescent="0.2">
      <c r="G2605" s="43"/>
      <c r="Z2605" s="143"/>
      <c r="AA2605" s="137"/>
      <c r="AB2605" s="137"/>
      <c r="AC2605" s="137"/>
      <c r="AD2605" s="137"/>
      <c r="AE2605" s="137"/>
      <c r="AF2605" s="137"/>
      <c r="AG2605" s="137"/>
      <c r="AH2605" s="137"/>
      <c r="AI2605" s="137"/>
      <c r="AJ2605" s="137"/>
      <c r="AK2605" s="137"/>
      <c r="AL2605" s="137"/>
      <c r="AM2605" s="137"/>
      <c r="AN2605" s="137"/>
      <c r="AO2605" s="137"/>
      <c r="AP2605" s="137"/>
      <c r="AQ2605" s="137"/>
      <c r="AR2605" s="137"/>
      <c r="AS2605" s="137"/>
      <c r="AT2605" s="137"/>
      <c r="AU2605" s="137"/>
      <c r="AV2605" s="137"/>
      <c r="AW2605" s="144"/>
    </row>
    <row r="2606" spans="7:49" x14ac:dyDescent="0.2">
      <c r="G2606" s="43"/>
      <c r="Z2606" s="143"/>
      <c r="AA2606" s="137"/>
      <c r="AB2606" s="137"/>
      <c r="AC2606" s="137"/>
      <c r="AD2606" s="137"/>
      <c r="AE2606" s="137"/>
      <c r="AF2606" s="137"/>
      <c r="AG2606" s="137"/>
      <c r="AH2606" s="137"/>
      <c r="AI2606" s="137"/>
      <c r="AJ2606" s="137"/>
      <c r="AK2606" s="137"/>
      <c r="AL2606" s="137"/>
      <c r="AM2606" s="137"/>
      <c r="AN2606" s="137"/>
      <c r="AO2606" s="137"/>
      <c r="AP2606" s="137"/>
      <c r="AQ2606" s="137"/>
      <c r="AR2606" s="137"/>
      <c r="AS2606" s="137"/>
      <c r="AT2606" s="137"/>
      <c r="AU2606" s="137"/>
      <c r="AV2606" s="137"/>
      <c r="AW2606" s="144"/>
    </row>
    <row r="2607" spans="7:49" x14ac:dyDescent="0.2">
      <c r="G2607" s="43"/>
      <c r="Z2607" s="143"/>
      <c r="AA2607" s="137"/>
      <c r="AB2607" s="137"/>
      <c r="AC2607" s="137"/>
      <c r="AD2607" s="137"/>
      <c r="AE2607" s="137"/>
      <c r="AF2607" s="137"/>
      <c r="AG2607" s="137"/>
      <c r="AH2607" s="137"/>
      <c r="AI2607" s="137"/>
      <c r="AJ2607" s="137"/>
      <c r="AK2607" s="137"/>
      <c r="AL2607" s="137"/>
      <c r="AM2607" s="137"/>
      <c r="AN2607" s="137"/>
      <c r="AO2607" s="137"/>
      <c r="AP2607" s="137"/>
      <c r="AQ2607" s="137"/>
      <c r="AR2607" s="137"/>
      <c r="AS2607" s="137"/>
      <c r="AT2607" s="137"/>
      <c r="AU2607" s="137"/>
      <c r="AV2607" s="137"/>
      <c r="AW2607" s="144"/>
    </row>
    <row r="2608" spans="7:49" x14ac:dyDescent="0.2">
      <c r="G2608" s="43"/>
      <c r="Z2608" s="143"/>
      <c r="AA2608" s="137"/>
      <c r="AB2608" s="137"/>
      <c r="AC2608" s="137"/>
      <c r="AD2608" s="137"/>
      <c r="AE2608" s="137"/>
      <c r="AF2608" s="137"/>
      <c r="AG2608" s="137"/>
      <c r="AH2608" s="137"/>
      <c r="AI2608" s="137"/>
      <c r="AJ2608" s="137"/>
      <c r="AK2608" s="137"/>
      <c r="AL2608" s="137"/>
      <c r="AM2608" s="137"/>
      <c r="AN2608" s="137"/>
      <c r="AO2608" s="137"/>
      <c r="AP2608" s="137"/>
      <c r="AQ2608" s="137"/>
      <c r="AR2608" s="137"/>
      <c r="AS2608" s="137"/>
      <c r="AT2608" s="137"/>
      <c r="AU2608" s="137"/>
      <c r="AV2608" s="137"/>
      <c r="AW2608" s="144"/>
    </row>
    <row r="2609" spans="7:49" x14ac:dyDescent="0.2">
      <c r="G2609" s="43"/>
      <c r="Z2609" s="143"/>
      <c r="AA2609" s="137"/>
      <c r="AB2609" s="137"/>
      <c r="AC2609" s="137"/>
      <c r="AD2609" s="137"/>
      <c r="AE2609" s="137"/>
      <c r="AF2609" s="137"/>
      <c r="AG2609" s="137"/>
      <c r="AH2609" s="137"/>
      <c r="AI2609" s="137"/>
      <c r="AJ2609" s="137"/>
      <c r="AK2609" s="137"/>
      <c r="AL2609" s="137"/>
      <c r="AM2609" s="137"/>
      <c r="AN2609" s="137"/>
      <c r="AO2609" s="137"/>
      <c r="AP2609" s="137"/>
      <c r="AQ2609" s="137"/>
      <c r="AR2609" s="137"/>
      <c r="AS2609" s="137"/>
      <c r="AT2609" s="137"/>
      <c r="AU2609" s="137"/>
      <c r="AV2609" s="137"/>
      <c r="AW2609" s="144"/>
    </row>
    <row r="2610" spans="7:49" x14ac:dyDescent="0.2">
      <c r="G2610" s="43"/>
      <c r="Z2610" s="143"/>
      <c r="AA2610" s="137"/>
      <c r="AB2610" s="137"/>
      <c r="AC2610" s="137"/>
      <c r="AD2610" s="137"/>
      <c r="AE2610" s="137"/>
      <c r="AF2610" s="137"/>
      <c r="AG2610" s="137"/>
      <c r="AH2610" s="137"/>
      <c r="AI2610" s="137"/>
      <c r="AJ2610" s="137"/>
      <c r="AK2610" s="137"/>
      <c r="AL2610" s="137"/>
      <c r="AM2610" s="137"/>
      <c r="AN2610" s="137"/>
      <c r="AO2610" s="137"/>
      <c r="AP2610" s="137"/>
      <c r="AQ2610" s="137"/>
      <c r="AR2610" s="137"/>
      <c r="AS2610" s="137"/>
      <c r="AT2610" s="137"/>
      <c r="AU2610" s="137"/>
      <c r="AV2610" s="137"/>
      <c r="AW2610" s="144"/>
    </row>
    <row r="2611" spans="7:49" x14ac:dyDescent="0.2">
      <c r="G2611" s="43"/>
      <c r="Z2611" s="143"/>
      <c r="AA2611" s="137"/>
      <c r="AB2611" s="137"/>
      <c r="AC2611" s="137"/>
      <c r="AD2611" s="137"/>
      <c r="AE2611" s="137"/>
      <c r="AF2611" s="137"/>
      <c r="AG2611" s="137"/>
      <c r="AH2611" s="137"/>
      <c r="AI2611" s="137"/>
      <c r="AJ2611" s="137"/>
      <c r="AK2611" s="137"/>
      <c r="AL2611" s="137"/>
      <c r="AM2611" s="137"/>
      <c r="AN2611" s="137"/>
      <c r="AO2611" s="137"/>
      <c r="AP2611" s="137"/>
      <c r="AQ2611" s="137"/>
      <c r="AR2611" s="137"/>
      <c r="AS2611" s="137"/>
      <c r="AT2611" s="137"/>
      <c r="AU2611" s="137"/>
      <c r="AV2611" s="137"/>
      <c r="AW2611" s="144"/>
    </row>
    <row r="2612" spans="7:49" x14ac:dyDescent="0.2">
      <c r="G2612" s="43"/>
      <c r="Z2612" s="143"/>
      <c r="AA2612" s="137"/>
      <c r="AB2612" s="137"/>
      <c r="AC2612" s="137"/>
      <c r="AD2612" s="137"/>
      <c r="AE2612" s="137"/>
      <c r="AF2612" s="137"/>
      <c r="AG2612" s="137"/>
      <c r="AH2612" s="137"/>
      <c r="AI2612" s="137"/>
      <c r="AJ2612" s="137"/>
      <c r="AK2612" s="137"/>
      <c r="AL2612" s="137"/>
      <c r="AM2612" s="137"/>
      <c r="AN2612" s="137"/>
      <c r="AO2612" s="137"/>
      <c r="AP2612" s="137"/>
      <c r="AQ2612" s="137"/>
      <c r="AR2612" s="137"/>
      <c r="AS2612" s="137"/>
      <c r="AT2612" s="137"/>
      <c r="AU2612" s="137"/>
      <c r="AV2612" s="137"/>
      <c r="AW2612" s="144"/>
    </row>
    <row r="2613" spans="7:49" x14ac:dyDescent="0.2">
      <c r="G2613" s="43"/>
      <c r="Z2613" s="143"/>
      <c r="AA2613" s="137"/>
      <c r="AB2613" s="137"/>
      <c r="AC2613" s="137"/>
      <c r="AD2613" s="137"/>
      <c r="AE2613" s="137"/>
      <c r="AF2613" s="137"/>
      <c r="AG2613" s="137"/>
      <c r="AH2613" s="137"/>
      <c r="AI2613" s="137"/>
      <c r="AJ2613" s="137"/>
      <c r="AK2613" s="137"/>
      <c r="AL2613" s="137"/>
      <c r="AM2613" s="137"/>
      <c r="AN2613" s="137"/>
      <c r="AO2613" s="137"/>
      <c r="AP2613" s="137"/>
      <c r="AQ2613" s="137"/>
      <c r="AR2613" s="137"/>
      <c r="AS2613" s="137"/>
      <c r="AT2613" s="137"/>
      <c r="AU2613" s="137"/>
      <c r="AV2613" s="137"/>
      <c r="AW2613" s="144"/>
    </row>
    <row r="2614" spans="7:49" x14ac:dyDescent="0.2">
      <c r="G2614" s="43"/>
      <c r="Z2614" s="143"/>
      <c r="AA2614" s="137"/>
      <c r="AB2614" s="137"/>
      <c r="AC2614" s="137"/>
      <c r="AD2614" s="137"/>
      <c r="AE2614" s="137"/>
      <c r="AF2614" s="137"/>
      <c r="AG2614" s="137"/>
      <c r="AH2614" s="137"/>
      <c r="AI2614" s="137"/>
      <c r="AJ2614" s="137"/>
      <c r="AK2614" s="137"/>
      <c r="AL2614" s="137"/>
      <c r="AM2614" s="137"/>
      <c r="AN2614" s="137"/>
      <c r="AO2614" s="137"/>
      <c r="AP2614" s="137"/>
      <c r="AQ2614" s="137"/>
      <c r="AR2614" s="137"/>
      <c r="AS2614" s="137"/>
      <c r="AT2614" s="137"/>
      <c r="AU2614" s="137"/>
      <c r="AV2614" s="137"/>
      <c r="AW2614" s="144"/>
    </row>
    <row r="2615" spans="7:49" x14ac:dyDescent="0.2">
      <c r="G2615" s="43"/>
      <c r="Z2615" s="143"/>
      <c r="AA2615" s="137"/>
      <c r="AB2615" s="137"/>
      <c r="AC2615" s="137"/>
      <c r="AD2615" s="137"/>
      <c r="AE2615" s="137"/>
      <c r="AF2615" s="137"/>
      <c r="AG2615" s="137"/>
      <c r="AH2615" s="137"/>
      <c r="AI2615" s="137"/>
      <c r="AJ2615" s="137"/>
      <c r="AK2615" s="137"/>
      <c r="AL2615" s="137"/>
      <c r="AM2615" s="137"/>
      <c r="AN2615" s="137"/>
      <c r="AO2615" s="137"/>
      <c r="AP2615" s="137"/>
      <c r="AQ2615" s="137"/>
      <c r="AR2615" s="137"/>
      <c r="AS2615" s="137"/>
      <c r="AT2615" s="137"/>
      <c r="AU2615" s="137"/>
      <c r="AV2615" s="137"/>
      <c r="AW2615" s="144"/>
    </row>
    <row r="2616" spans="7:49" x14ac:dyDescent="0.2">
      <c r="G2616" s="43"/>
      <c r="Z2616" s="143"/>
      <c r="AA2616" s="137"/>
      <c r="AB2616" s="137"/>
      <c r="AC2616" s="137"/>
      <c r="AD2616" s="137"/>
      <c r="AE2616" s="137"/>
      <c r="AF2616" s="137"/>
      <c r="AG2616" s="137"/>
      <c r="AH2616" s="137"/>
      <c r="AI2616" s="137"/>
      <c r="AJ2616" s="137"/>
      <c r="AK2616" s="137"/>
      <c r="AL2616" s="137"/>
      <c r="AM2616" s="137"/>
      <c r="AN2616" s="137"/>
      <c r="AO2616" s="137"/>
      <c r="AP2616" s="137"/>
      <c r="AQ2616" s="137"/>
      <c r="AR2616" s="137"/>
      <c r="AS2616" s="137"/>
      <c r="AT2616" s="137"/>
      <c r="AU2616" s="137"/>
      <c r="AV2616" s="137"/>
      <c r="AW2616" s="144"/>
    </row>
    <row r="2617" spans="7:49" x14ac:dyDescent="0.2">
      <c r="G2617" s="43"/>
      <c r="Z2617" s="143"/>
      <c r="AA2617" s="137"/>
      <c r="AB2617" s="137"/>
      <c r="AC2617" s="137"/>
      <c r="AD2617" s="137"/>
      <c r="AE2617" s="137"/>
      <c r="AF2617" s="137"/>
      <c r="AG2617" s="137"/>
      <c r="AH2617" s="137"/>
      <c r="AI2617" s="137"/>
      <c r="AJ2617" s="137"/>
      <c r="AK2617" s="137"/>
      <c r="AL2617" s="137"/>
      <c r="AM2617" s="137"/>
      <c r="AN2617" s="137"/>
      <c r="AO2617" s="137"/>
      <c r="AP2617" s="137"/>
      <c r="AQ2617" s="137"/>
      <c r="AR2617" s="137"/>
      <c r="AS2617" s="137"/>
      <c r="AT2617" s="137"/>
      <c r="AU2617" s="137"/>
      <c r="AV2617" s="137"/>
      <c r="AW2617" s="144"/>
    </row>
    <row r="2618" spans="7:49" x14ac:dyDescent="0.2">
      <c r="G2618" s="43"/>
      <c r="Z2618" s="143"/>
      <c r="AA2618" s="137"/>
      <c r="AB2618" s="137"/>
      <c r="AC2618" s="137"/>
      <c r="AD2618" s="137"/>
      <c r="AE2618" s="137"/>
      <c r="AF2618" s="137"/>
      <c r="AG2618" s="137"/>
      <c r="AH2618" s="137"/>
      <c r="AI2618" s="137"/>
      <c r="AJ2618" s="137"/>
      <c r="AK2618" s="137"/>
      <c r="AL2618" s="137"/>
      <c r="AM2618" s="137"/>
      <c r="AN2618" s="137"/>
      <c r="AO2618" s="137"/>
      <c r="AP2618" s="137"/>
      <c r="AQ2618" s="137"/>
      <c r="AR2618" s="137"/>
      <c r="AS2618" s="137"/>
      <c r="AT2618" s="137"/>
      <c r="AU2618" s="137"/>
      <c r="AV2618" s="137"/>
      <c r="AW2618" s="144"/>
    </row>
    <row r="2619" spans="7:49" x14ac:dyDescent="0.2">
      <c r="G2619" s="43"/>
      <c r="Z2619" s="143"/>
      <c r="AA2619" s="137"/>
      <c r="AB2619" s="137"/>
      <c r="AC2619" s="137"/>
      <c r="AD2619" s="137"/>
      <c r="AE2619" s="137"/>
      <c r="AF2619" s="137"/>
      <c r="AG2619" s="137"/>
      <c r="AH2619" s="137"/>
      <c r="AI2619" s="137"/>
      <c r="AJ2619" s="137"/>
      <c r="AK2619" s="137"/>
      <c r="AL2619" s="137"/>
      <c r="AM2619" s="137"/>
      <c r="AN2619" s="137"/>
      <c r="AO2619" s="137"/>
      <c r="AP2619" s="137"/>
      <c r="AQ2619" s="137"/>
      <c r="AR2619" s="137"/>
      <c r="AS2619" s="137"/>
      <c r="AT2619" s="137"/>
      <c r="AU2619" s="137"/>
      <c r="AV2619" s="137"/>
      <c r="AW2619" s="144"/>
    </row>
    <row r="2620" spans="7:49" x14ac:dyDescent="0.2">
      <c r="G2620" s="43"/>
      <c r="Z2620" s="143"/>
      <c r="AA2620" s="137"/>
      <c r="AB2620" s="137"/>
      <c r="AC2620" s="137"/>
      <c r="AD2620" s="137"/>
      <c r="AE2620" s="137"/>
      <c r="AF2620" s="137"/>
      <c r="AG2620" s="137"/>
      <c r="AH2620" s="137"/>
      <c r="AI2620" s="137"/>
      <c r="AJ2620" s="137"/>
      <c r="AK2620" s="137"/>
      <c r="AL2620" s="137"/>
      <c r="AM2620" s="137"/>
      <c r="AN2620" s="137"/>
      <c r="AO2620" s="137"/>
      <c r="AP2620" s="137"/>
      <c r="AQ2620" s="137"/>
      <c r="AR2620" s="137"/>
      <c r="AS2620" s="137"/>
      <c r="AT2620" s="137"/>
      <c r="AU2620" s="137"/>
      <c r="AV2620" s="137"/>
      <c r="AW2620" s="144"/>
    </row>
    <row r="2621" spans="7:49" x14ac:dyDescent="0.2">
      <c r="G2621" s="43"/>
      <c r="Z2621" s="143"/>
      <c r="AA2621" s="137"/>
      <c r="AB2621" s="137"/>
      <c r="AC2621" s="137"/>
      <c r="AD2621" s="137"/>
      <c r="AE2621" s="137"/>
      <c r="AF2621" s="137"/>
      <c r="AG2621" s="137"/>
      <c r="AH2621" s="137"/>
      <c r="AI2621" s="137"/>
      <c r="AJ2621" s="137"/>
      <c r="AK2621" s="137"/>
      <c r="AL2621" s="137"/>
      <c r="AM2621" s="137"/>
      <c r="AN2621" s="137"/>
      <c r="AO2621" s="137"/>
      <c r="AP2621" s="137"/>
      <c r="AQ2621" s="137"/>
      <c r="AR2621" s="137"/>
      <c r="AS2621" s="137"/>
      <c r="AT2621" s="137"/>
      <c r="AU2621" s="137"/>
      <c r="AV2621" s="137"/>
      <c r="AW2621" s="144"/>
    </row>
    <row r="2622" spans="7:49" x14ac:dyDescent="0.2">
      <c r="G2622" s="43"/>
      <c r="Z2622" s="143"/>
      <c r="AA2622" s="137"/>
      <c r="AB2622" s="137"/>
      <c r="AC2622" s="137"/>
      <c r="AD2622" s="137"/>
      <c r="AE2622" s="137"/>
      <c r="AF2622" s="137"/>
      <c r="AG2622" s="137"/>
      <c r="AH2622" s="137"/>
      <c r="AI2622" s="137"/>
      <c r="AJ2622" s="137"/>
      <c r="AK2622" s="137"/>
      <c r="AL2622" s="137"/>
      <c r="AM2622" s="137"/>
      <c r="AN2622" s="137"/>
      <c r="AO2622" s="137"/>
      <c r="AP2622" s="137"/>
      <c r="AQ2622" s="137"/>
      <c r="AR2622" s="137"/>
      <c r="AS2622" s="137"/>
      <c r="AT2622" s="137"/>
      <c r="AU2622" s="137"/>
      <c r="AV2622" s="137"/>
      <c r="AW2622" s="144"/>
    </row>
    <row r="2623" spans="7:49" x14ac:dyDescent="0.2">
      <c r="G2623" s="43"/>
      <c r="Z2623" s="143"/>
      <c r="AA2623" s="137"/>
      <c r="AB2623" s="137"/>
      <c r="AC2623" s="137"/>
      <c r="AD2623" s="137"/>
      <c r="AE2623" s="137"/>
      <c r="AF2623" s="137"/>
      <c r="AG2623" s="137"/>
      <c r="AH2623" s="137"/>
      <c r="AI2623" s="137"/>
      <c r="AJ2623" s="137"/>
      <c r="AK2623" s="137"/>
      <c r="AL2623" s="137"/>
      <c r="AM2623" s="137"/>
      <c r="AN2623" s="137"/>
      <c r="AO2623" s="137"/>
      <c r="AP2623" s="137"/>
      <c r="AQ2623" s="137"/>
      <c r="AR2623" s="137"/>
      <c r="AS2623" s="137"/>
      <c r="AT2623" s="137"/>
      <c r="AU2623" s="137"/>
      <c r="AV2623" s="137"/>
      <c r="AW2623" s="144"/>
    </row>
    <row r="2624" spans="7:49" x14ac:dyDescent="0.2">
      <c r="G2624" s="43"/>
      <c r="Z2624" s="143"/>
      <c r="AA2624" s="137"/>
      <c r="AB2624" s="137"/>
      <c r="AC2624" s="137"/>
      <c r="AD2624" s="137"/>
      <c r="AE2624" s="137"/>
      <c r="AF2624" s="137"/>
      <c r="AG2624" s="137"/>
      <c r="AH2624" s="137"/>
      <c r="AI2624" s="137"/>
      <c r="AJ2624" s="137"/>
      <c r="AK2624" s="137"/>
      <c r="AL2624" s="137"/>
      <c r="AM2624" s="137"/>
      <c r="AN2624" s="137"/>
      <c r="AO2624" s="137"/>
      <c r="AP2624" s="137"/>
      <c r="AQ2624" s="137"/>
      <c r="AR2624" s="137"/>
      <c r="AS2624" s="137"/>
      <c r="AT2624" s="137"/>
      <c r="AU2624" s="137"/>
      <c r="AV2624" s="137"/>
      <c r="AW2624" s="144"/>
    </row>
    <row r="2625" spans="7:49" x14ac:dyDescent="0.2">
      <c r="G2625" s="43"/>
      <c r="Z2625" s="143"/>
      <c r="AA2625" s="137"/>
      <c r="AB2625" s="137"/>
      <c r="AC2625" s="137"/>
      <c r="AD2625" s="137"/>
      <c r="AE2625" s="137"/>
      <c r="AF2625" s="137"/>
      <c r="AG2625" s="137"/>
      <c r="AH2625" s="137"/>
      <c r="AI2625" s="137"/>
      <c r="AJ2625" s="137"/>
      <c r="AK2625" s="137"/>
      <c r="AL2625" s="137"/>
      <c r="AM2625" s="137"/>
      <c r="AN2625" s="137"/>
      <c r="AO2625" s="137"/>
      <c r="AP2625" s="137"/>
      <c r="AQ2625" s="137"/>
      <c r="AR2625" s="137"/>
      <c r="AS2625" s="137"/>
      <c r="AT2625" s="137"/>
      <c r="AU2625" s="137"/>
      <c r="AV2625" s="137"/>
      <c r="AW2625" s="144"/>
    </row>
    <row r="2626" spans="7:49" x14ac:dyDescent="0.2">
      <c r="G2626" s="43"/>
      <c r="Z2626" s="143"/>
      <c r="AA2626" s="137"/>
      <c r="AB2626" s="137"/>
      <c r="AC2626" s="137"/>
      <c r="AD2626" s="137"/>
      <c r="AE2626" s="137"/>
      <c r="AF2626" s="137"/>
      <c r="AG2626" s="137"/>
      <c r="AH2626" s="137"/>
      <c r="AI2626" s="137"/>
      <c r="AJ2626" s="137"/>
      <c r="AK2626" s="137"/>
      <c r="AL2626" s="137"/>
      <c r="AM2626" s="137"/>
      <c r="AN2626" s="137"/>
      <c r="AO2626" s="137"/>
      <c r="AP2626" s="137"/>
      <c r="AQ2626" s="137"/>
      <c r="AR2626" s="137"/>
      <c r="AS2626" s="137"/>
      <c r="AT2626" s="137"/>
      <c r="AU2626" s="137"/>
      <c r="AV2626" s="137"/>
      <c r="AW2626" s="144"/>
    </row>
    <row r="2627" spans="7:49" x14ac:dyDescent="0.2">
      <c r="G2627" s="43"/>
      <c r="Z2627" s="143"/>
      <c r="AA2627" s="137"/>
      <c r="AB2627" s="137"/>
      <c r="AC2627" s="137"/>
      <c r="AD2627" s="137"/>
      <c r="AE2627" s="137"/>
      <c r="AF2627" s="137"/>
      <c r="AG2627" s="137"/>
      <c r="AH2627" s="137"/>
      <c r="AI2627" s="137"/>
      <c r="AJ2627" s="137"/>
      <c r="AK2627" s="137"/>
      <c r="AL2627" s="137"/>
      <c r="AM2627" s="137"/>
      <c r="AN2627" s="137"/>
      <c r="AO2627" s="137"/>
      <c r="AP2627" s="137"/>
      <c r="AQ2627" s="137"/>
      <c r="AR2627" s="137"/>
      <c r="AS2627" s="137"/>
      <c r="AT2627" s="137"/>
      <c r="AU2627" s="137"/>
      <c r="AV2627" s="137"/>
      <c r="AW2627" s="144"/>
    </row>
    <row r="2628" spans="7:49" x14ac:dyDescent="0.2">
      <c r="G2628" s="43"/>
      <c r="Z2628" s="143"/>
      <c r="AA2628" s="137"/>
      <c r="AB2628" s="137"/>
      <c r="AC2628" s="137"/>
      <c r="AD2628" s="137"/>
      <c r="AE2628" s="137"/>
      <c r="AF2628" s="137"/>
      <c r="AG2628" s="137"/>
      <c r="AH2628" s="137"/>
      <c r="AI2628" s="137"/>
      <c r="AJ2628" s="137"/>
      <c r="AK2628" s="137"/>
      <c r="AL2628" s="137"/>
      <c r="AM2628" s="137"/>
      <c r="AN2628" s="137"/>
      <c r="AO2628" s="137"/>
      <c r="AP2628" s="137"/>
      <c r="AQ2628" s="137"/>
      <c r="AR2628" s="137"/>
      <c r="AS2628" s="137"/>
      <c r="AT2628" s="137"/>
      <c r="AU2628" s="137"/>
      <c r="AV2628" s="137"/>
      <c r="AW2628" s="144"/>
    </row>
    <row r="2629" spans="7:49" x14ac:dyDescent="0.2">
      <c r="G2629" s="43"/>
      <c r="Z2629" s="143"/>
      <c r="AA2629" s="137"/>
      <c r="AB2629" s="137"/>
      <c r="AC2629" s="137"/>
      <c r="AD2629" s="137"/>
      <c r="AE2629" s="137"/>
      <c r="AF2629" s="137"/>
      <c r="AG2629" s="137"/>
      <c r="AH2629" s="137"/>
      <c r="AI2629" s="137"/>
      <c r="AJ2629" s="137"/>
      <c r="AK2629" s="137"/>
      <c r="AL2629" s="137"/>
      <c r="AM2629" s="137"/>
      <c r="AN2629" s="137"/>
      <c r="AO2629" s="137"/>
      <c r="AP2629" s="137"/>
      <c r="AQ2629" s="137"/>
      <c r="AR2629" s="137"/>
      <c r="AS2629" s="137"/>
      <c r="AT2629" s="137"/>
      <c r="AU2629" s="137"/>
      <c r="AV2629" s="137"/>
      <c r="AW2629" s="144"/>
    </row>
    <row r="2630" spans="7:49" x14ac:dyDescent="0.2">
      <c r="G2630" s="43"/>
      <c r="Z2630" s="143"/>
      <c r="AA2630" s="137"/>
      <c r="AB2630" s="137"/>
      <c r="AC2630" s="137"/>
      <c r="AD2630" s="137"/>
      <c r="AE2630" s="137"/>
      <c r="AF2630" s="137"/>
      <c r="AG2630" s="137"/>
      <c r="AH2630" s="137"/>
      <c r="AI2630" s="137"/>
      <c r="AJ2630" s="137"/>
      <c r="AK2630" s="137"/>
      <c r="AL2630" s="137"/>
      <c r="AM2630" s="137"/>
      <c r="AN2630" s="137"/>
      <c r="AO2630" s="137"/>
      <c r="AP2630" s="137"/>
      <c r="AQ2630" s="137"/>
      <c r="AR2630" s="137"/>
      <c r="AS2630" s="137"/>
      <c r="AT2630" s="137"/>
      <c r="AU2630" s="137"/>
      <c r="AV2630" s="137"/>
      <c r="AW2630" s="144"/>
    </row>
    <row r="2631" spans="7:49" x14ac:dyDescent="0.2">
      <c r="G2631" s="43"/>
      <c r="Z2631" s="143"/>
      <c r="AA2631" s="137"/>
      <c r="AB2631" s="137"/>
      <c r="AC2631" s="137"/>
      <c r="AD2631" s="137"/>
      <c r="AE2631" s="137"/>
      <c r="AF2631" s="137"/>
      <c r="AG2631" s="137"/>
      <c r="AH2631" s="137"/>
      <c r="AI2631" s="137"/>
      <c r="AJ2631" s="137"/>
      <c r="AK2631" s="137"/>
      <c r="AL2631" s="137"/>
      <c r="AM2631" s="137"/>
      <c r="AN2631" s="137"/>
      <c r="AO2631" s="137"/>
      <c r="AP2631" s="137"/>
      <c r="AQ2631" s="137"/>
      <c r="AR2631" s="137"/>
      <c r="AS2631" s="137"/>
      <c r="AT2631" s="137"/>
      <c r="AU2631" s="137"/>
      <c r="AV2631" s="137"/>
      <c r="AW2631" s="144"/>
    </row>
    <row r="2632" spans="7:49" x14ac:dyDescent="0.2">
      <c r="G2632" s="43"/>
      <c r="Z2632" s="143"/>
      <c r="AA2632" s="137"/>
      <c r="AB2632" s="137"/>
      <c r="AC2632" s="137"/>
      <c r="AD2632" s="137"/>
      <c r="AE2632" s="137"/>
      <c r="AF2632" s="137"/>
      <c r="AG2632" s="137"/>
      <c r="AH2632" s="137"/>
      <c r="AI2632" s="137"/>
      <c r="AJ2632" s="137"/>
      <c r="AK2632" s="137"/>
      <c r="AL2632" s="137"/>
      <c r="AM2632" s="137"/>
      <c r="AN2632" s="137"/>
      <c r="AO2632" s="137"/>
      <c r="AP2632" s="137"/>
      <c r="AQ2632" s="137"/>
      <c r="AR2632" s="137"/>
      <c r="AS2632" s="137"/>
      <c r="AT2632" s="137"/>
      <c r="AU2632" s="137"/>
      <c r="AV2632" s="137"/>
      <c r="AW2632" s="144"/>
    </row>
    <row r="2633" spans="7:49" x14ac:dyDescent="0.2">
      <c r="G2633" s="43"/>
      <c r="Z2633" s="143"/>
      <c r="AA2633" s="137"/>
      <c r="AB2633" s="137"/>
      <c r="AC2633" s="137"/>
      <c r="AD2633" s="137"/>
      <c r="AE2633" s="137"/>
      <c r="AF2633" s="137"/>
      <c r="AG2633" s="137"/>
      <c r="AH2633" s="137"/>
      <c r="AI2633" s="137"/>
      <c r="AJ2633" s="137"/>
      <c r="AK2633" s="137"/>
      <c r="AL2633" s="137"/>
      <c r="AM2633" s="137"/>
      <c r="AN2633" s="137"/>
      <c r="AO2633" s="137"/>
      <c r="AP2633" s="137"/>
      <c r="AQ2633" s="137"/>
      <c r="AR2633" s="137"/>
      <c r="AS2633" s="137"/>
      <c r="AT2633" s="137"/>
      <c r="AU2633" s="137"/>
      <c r="AV2633" s="137"/>
      <c r="AW2633" s="144"/>
    </row>
    <row r="2634" spans="7:49" x14ac:dyDescent="0.2">
      <c r="G2634" s="43"/>
      <c r="Z2634" s="143"/>
      <c r="AA2634" s="137"/>
      <c r="AB2634" s="137"/>
      <c r="AC2634" s="137"/>
      <c r="AD2634" s="137"/>
      <c r="AE2634" s="137"/>
      <c r="AF2634" s="137"/>
      <c r="AG2634" s="137"/>
      <c r="AH2634" s="137"/>
      <c r="AI2634" s="137"/>
      <c r="AJ2634" s="137"/>
      <c r="AK2634" s="137"/>
      <c r="AL2634" s="137"/>
      <c r="AM2634" s="137"/>
      <c r="AN2634" s="137"/>
      <c r="AO2634" s="137"/>
      <c r="AP2634" s="137"/>
      <c r="AQ2634" s="137"/>
      <c r="AR2634" s="137"/>
      <c r="AS2634" s="137"/>
      <c r="AT2634" s="137"/>
      <c r="AU2634" s="137"/>
      <c r="AV2634" s="137"/>
      <c r="AW2634" s="144"/>
    </row>
    <row r="2635" spans="7:49" x14ac:dyDescent="0.2">
      <c r="G2635" s="43"/>
      <c r="Z2635" s="143"/>
      <c r="AA2635" s="137"/>
      <c r="AB2635" s="137"/>
      <c r="AC2635" s="137"/>
      <c r="AD2635" s="137"/>
      <c r="AE2635" s="137"/>
      <c r="AF2635" s="137"/>
      <c r="AG2635" s="137"/>
      <c r="AH2635" s="137"/>
      <c r="AI2635" s="137"/>
      <c r="AJ2635" s="137"/>
      <c r="AK2635" s="137"/>
      <c r="AL2635" s="137"/>
      <c r="AM2635" s="137"/>
      <c r="AN2635" s="137"/>
      <c r="AO2635" s="137"/>
      <c r="AP2635" s="137"/>
      <c r="AQ2635" s="137"/>
      <c r="AR2635" s="137"/>
      <c r="AS2635" s="137"/>
      <c r="AT2635" s="137"/>
      <c r="AU2635" s="137"/>
      <c r="AV2635" s="137"/>
      <c r="AW2635" s="144"/>
    </row>
    <row r="2636" spans="7:49" x14ac:dyDescent="0.2">
      <c r="G2636" s="43"/>
      <c r="Z2636" s="143"/>
      <c r="AA2636" s="137"/>
      <c r="AB2636" s="137"/>
      <c r="AC2636" s="137"/>
      <c r="AD2636" s="137"/>
      <c r="AE2636" s="137"/>
      <c r="AF2636" s="137"/>
      <c r="AG2636" s="137"/>
      <c r="AH2636" s="137"/>
      <c r="AI2636" s="137"/>
      <c r="AJ2636" s="137"/>
      <c r="AK2636" s="137"/>
      <c r="AL2636" s="137"/>
      <c r="AM2636" s="137"/>
      <c r="AN2636" s="137"/>
      <c r="AO2636" s="137"/>
      <c r="AP2636" s="137"/>
      <c r="AQ2636" s="137"/>
      <c r="AR2636" s="137"/>
      <c r="AS2636" s="137"/>
      <c r="AT2636" s="137"/>
      <c r="AU2636" s="137"/>
      <c r="AV2636" s="137"/>
      <c r="AW2636" s="144"/>
    </row>
    <row r="2637" spans="7:49" x14ac:dyDescent="0.2">
      <c r="G2637" s="43"/>
      <c r="Z2637" s="143"/>
      <c r="AA2637" s="137"/>
      <c r="AB2637" s="137"/>
      <c r="AC2637" s="137"/>
      <c r="AD2637" s="137"/>
      <c r="AE2637" s="137"/>
      <c r="AF2637" s="137"/>
      <c r="AG2637" s="137"/>
      <c r="AH2637" s="137"/>
      <c r="AI2637" s="137"/>
      <c r="AJ2637" s="137"/>
      <c r="AK2637" s="137"/>
      <c r="AL2637" s="137"/>
      <c r="AM2637" s="137"/>
      <c r="AN2637" s="137"/>
      <c r="AO2637" s="137"/>
      <c r="AP2637" s="137"/>
      <c r="AQ2637" s="137"/>
      <c r="AR2637" s="137"/>
      <c r="AS2637" s="137"/>
      <c r="AT2637" s="137"/>
      <c r="AU2637" s="137"/>
      <c r="AV2637" s="137"/>
      <c r="AW2637" s="144"/>
    </row>
    <row r="2638" spans="7:49" x14ac:dyDescent="0.2">
      <c r="G2638" s="43"/>
      <c r="Z2638" s="143"/>
      <c r="AA2638" s="137"/>
      <c r="AB2638" s="137"/>
      <c r="AC2638" s="137"/>
      <c r="AD2638" s="137"/>
      <c r="AE2638" s="137"/>
      <c r="AF2638" s="137"/>
      <c r="AG2638" s="137"/>
      <c r="AH2638" s="137"/>
      <c r="AI2638" s="137"/>
      <c r="AJ2638" s="137"/>
      <c r="AK2638" s="137"/>
      <c r="AL2638" s="137"/>
      <c r="AM2638" s="137"/>
      <c r="AN2638" s="137"/>
      <c r="AO2638" s="137"/>
      <c r="AP2638" s="137"/>
      <c r="AQ2638" s="137"/>
      <c r="AR2638" s="137"/>
      <c r="AS2638" s="137"/>
      <c r="AT2638" s="137"/>
      <c r="AU2638" s="137"/>
      <c r="AV2638" s="137"/>
      <c r="AW2638" s="144"/>
    </row>
    <row r="2639" spans="7:49" x14ac:dyDescent="0.2">
      <c r="G2639" s="43"/>
      <c r="Z2639" s="143"/>
      <c r="AA2639" s="137"/>
      <c r="AB2639" s="137"/>
      <c r="AC2639" s="137"/>
      <c r="AD2639" s="137"/>
      <c r="AE2639" s="137"/>
      <c r="AF2639" s="137"/>
      <c r="AG2639" s="137"/>
      <c r="AH2639" s="137"/>
      <c r="AI2639" s="137"/>
      <c r="AJ2639" s="137"/>
      <c r="AK2639" s="137"/>
      <c r="AL2639" s="137"/>
      <c r="AM2639" s="137"/>
      <c r="AN2639" s="137"/>
      <c r="AO2639" s="137"/>
      <c r="AP2639" s="137"/>
      <c r="AQ2639" s="137"/>
      <c r="AR2639" s="137"/>
      <c r="AS2639" s="137"/>
      <c r="AT2639" s="137"/>
      <c r="AU2639" s="137"/>
      <c r="AV2639" s="137"/>
      <c r="AW2639" s="144"/>
    </row>
    <row r="2640" spans="7:49" x14ac:dyDescent="0.2">
      <c r="G2640" s="43"/>
      <c r="Z2640" s="143"/>
      <c r="AA2640" s="137"/>
      <c r="AB2640" s="137"/>
      <c r="AC2640" s="137"/>
      <c r="AD2640" s="137"/>
      <c r="AE2640" s="137"/>
      <c r="AF2640" s="137"/>
      <c r="AG2640" s="137"/>
      <c r="AH2640" s="137"/>
      <c r="AI2640" s="137"/>
      <c r="AJ2640" s="137"/>
      <c r="AK2640" s="137"/>
      <c r="AL2640" s="137"/>
      <c r="AM2640" s="137"/>
      <c r="AN2640" s="137"/>
      <c r="AO2640" s="137"/>
      <c r="AP2640" s="137"/>
      <c r="AQ2640" s="137"/>
      <c r="AR2640" s="137"/>
      <c r="AS2640" s="137"/>
      <c r="AT2640" s="137"/>
      <c r="AU2640" s="137"/>
      <c r="AV2640" s="137"/>
      <c r="AW2640" s="144"/>
    </row>
    <row r="2641" spans="7:49" x14ac:dyDescent="0.2">
      <c r="G2641" s="43"/>
      <c r="Z2641" s="143"/>
      <c r="AA2641" s="137"/>
      <c r="AB2641" s="137"/>
      <c r="AC2641" s="137"/>
      <c r="AD2641" s="137"/>
      <c r="AE2641" s="137"/>
      <c r="AF2641" s="137"/>
      <c r="AG2641" s="137"/>
      <c r="AH2641" s="137"/>
      <c r="AI2641" s="137"/>
      <c r="AJ2641" s="137"/>
      <c r="AK2641" s="137"/>
      <c r="AL2641" s="137"/>
      <c r="AM2641" s="137"/>
      <c r="AN2641" s="137"/>
      <c r="AO2641" s="137"/>
      <c r="AP2641" s="137"/>
      <c r="AQ2641" s="137"/>
      <c r="AR2641" s="137"/>
      <c r="AS2641" s="137"/>
      <c r="AT2641" s="137"/>
      <c r="AU2641" s="137"/>
      <c r="AV2641" s="137"/>
      <c r="AW2641" s="144"/>
    </row>
    <row r="2642" spans="7:49" x14ac:dyDescent="0.2">
      <c r="G2642" s="43"/>
      <c r="Z2642" s="143"/>
      <c r="AA2642" s="137"/>
      <c r="AB2642" s="137"/>
      <c r="AC2642" s="137"/>
      <c r="AD2642" s="137"/>
      <c r="AE2642" s="137"/>
      <c r="AF2642" s="137"/>
      <c r="AG2642" s="137"/>
      <c r="AH2642" s="137"/>
      <c r="AI2642" s="137"/>
      <c r="AJ2642" s="137"/>
      <c r="AK2642" s="137"/>
      <c r="AL2642" s="137"/>
      <c r="AM2642" s="137"/>
      <c r="AN2642" s="137"/>
      <c r="AO2642" s="137"/>
      <c r="AP2642" s="137"/>
      <c r="AQ2642" s="137"/>
      <c r="AR2642" s="137"/>
      <c r="AS2642" s="137"/>
      <c r="AT2642" s="137"/>
      <c r="AU2642" s="137"/>
      <c r="AV2642" s="137"/>
      <c r="AW2642" s="144"/>
    </row>
    <row r="2643" spans="7:49" x14ac:dyDescent="0.2">
      <c r="G2643" s="43"/>
      <c r="Z2643" s="143"/>
      <c r="AA2643" s="137"/>
      <c r="AB2643" s="137"/>
      <c r="AC2643" s="137"/>
      <c r="AD2643" s="137"/>
      <c r="AE2643" s="137"/>
      <c r="AF2643" s="137"/>
      <c r="AG2643" s="137"/>
      <c r="AH2643" s="137"/>
      <c r="AI2643" s="137"/>
      <c r="AJ2643" s="137"/>
      <c r="AK2643" s="137"/>
      <c r="AL2643" s="137"/>
      <c r="AM2643" s="137"/>
      <c r="AN2643" s="137"/>
      <c r="AO2643" s="137"/>
      <c r="AP2643" s="137"/>
      <c r="AQ2643" s="137"/>
      <c r="AR2643" s="137"/>
      <c r="AS2643" s="137"/>
      <c r="AT2643" s="137"/>
      <c r="AU2643" s="137"/>
      <c r="AV2643" s="137"/>
      <c r="AW2643" s="144"/>
    </row>
    <row r="2644" spans="7:49" x14ac:dyDescent="0.2">
      <c r="G2644" s="43"/>
      <c r="Z2644" s="143"/>
      <c r="AA2644" s="137"/>
      <c r="AB2644" s="137"/>
      <c r="AC2644" s="137"/>
      <c r="AD2644" s="137"/>
      <c r="AE2644" s="137"/>
      <c r="AF2644" s="137"/>
      <c r="AG2644" s="137"/>
      <c r="AH2644" s="137"/>
      <c r="AI2644" s="137"/>
      <c r="AJ2644" s="137"/>
      <c r="AK2644" s="137"/>
      <c r="AL2644" s="137"/>
      <c r="AM2644" s="137"/>
      <c r="AN2644" s="137"/>
      <c r="AO2644" s="137"/>
      <c r="AP2644" s="137"/>
      <c r="AQ2644" s="137"/>
      <c r="AR2644" s="137"/>
      <c r="AS2644" s="137"/>
      <c r="AT2644" s="137"/>
      <c r="AU2644" s="137"/>
      <c r="AV2644" s="137"/>
      <c r="AW2644" s="144"/>
    </row>
    <row r="2645" spans="7:49" x14ac:dyDescent="0.2">
      <c r="G2645" s="43"/>
      <c r="Z2645" s="143"/>
      <c r="AA2645" s="137"/>
      <c r="AB2645" s="137"/>
      <c r="AC2645" s="137"/>
      <c r="AD2645" s="137"/>
      <c r="AE2645" s="137"/>
      <c r="AF2645" s="137"/>
      <c r="AG2645" s="137"/>
      <c r="AH2645" s="137"/>
      <c r="AI2645" s="137"/>
      <c r="AJ2645" s="137"/>
      <c r="AK2645" s="137"/>
      <c r="AL2645" s="137"/>
      <c r="AM2645" s="137"/>
      <c r="AN2645" s="137"/>
      <c r="AO2645" s="137"/>
      <c r="AP2645" s="137"/>
      <c r="AQ2645" s="137"/>
      <c r="AR2645" s="137"/>
      <c r="AS2645" s="137"/>
      <c r="AT2645" s="137"/>
      <c r="AU2645" s="137"/>
      <c r="AV2645" s="137"/>
      <c r="AW2645" s="144"/>
    </row>
    <row r="2646" spans="7:49" x14ac:dyDescent="0.2">
      <c r="G2646" s="43"/>
      <c r="Z2646" s="143"/>
      <c r="AA2646" s="137"/>
      <c r="AB2646" s="137"/>
      <c r="AC2646" s="137"/>
      <c r="AD2646" s="137"/>
      <c r="AE2646" s="137"/>
      <c r="AF2646" s="137"/>
      <c r="AG2646" s="137"/>
      <c r="AH2646" s="137"/>
      <c r="AI2646" s="137"/>
      <c r="AJ2646" s="137"/>
      <c r="AK2646" s="137"/>
      <c r="AL2646" s="137"/>
      <c r="AM2646" s="137"/>
      <c r="AN2646" s="137"/>
      <c r="AO2646" s="137"/>
      <c r="AP2646" s="137"/>
      <c r="AQ2646" s="137"/>
      <c r="AR2646" s="137"/>
      <c r="AS2646" s="137"/>
      <c r="AT2646" s="137"/>
      <c r="AU2646" s="137"/>
      <c r="AV2646" s="137"/>
      <c r="AW2646" s="144"/>
    </row>
    <row r="2647" spans="7:49" x14ac:dyDescent="0.2">
      <c r="G2647" s="43"/>
      <c r="Z2647" s="143"/>
      <c r="AA2647" s="137"/>
      <c r="AB2647" s="137"/>
      <c r="AC2647" s="137"/>
      <c r="AD2647" s="137"/>
      <c r="AE2647" s="137"/>
      <c r="AF2647" s="137"/>
      <c r="AG2647" s="137"/>
      <c r="AH2647" s="137"/>
      <c r="AI2647" s="137"/>
      <c r="AJ2647" s="137"/>
      <c r="AK2647" s="137"/>
      <c r="AL2647" s="137"/>
      <c r="AM2647" s="137"/>
      <c r="AN2647" s="137"/>
      <c r="AO2647" s="137"/>
      <c r="AP2647" s="137"/>
      <c r="AQ2647" s="137"/>
      <c r="AR2647" s="137"/>
      <c r="AS2647" s="137"/>
      <c r="AT2647" s="137"/>
      <c r="AU2647" s="137"/>
      <c r="AV2647" s="137"/>
      <c r="AW2647" s="144"/>
    </row>
    <row r="2648" spans="7:49" x14ac:dyDescent="0.2">
      <c r="G2648" s="43"/>
      <c r="Z2648" s="143"/>
      <c r="AA2648" s="137"/>
      <c r="AB2648" s="137"/>
      <c r="AC2648" s="137"/>
      <c r="AD2648" s="137"/>
      <c r="AE2648" s="137"/>
      <c r="AF2648" s="137"/>
      <c r="AG2648" s="137"/>
      <c r="AH2648" s="137"/>
      <c r="AI2648" s="137"/>
      <c r="AJ2648" s="137"/>
      <c r="AK2648" s="137"/>
      <c r="AL2648" s="137"/>
      <c r="AM2648" s="137"/>
      <c r="AN2648" s="137"/>
      <c r="AO2648" s="137"/>
      <c r="AP2648" s="137"/>
      <c r="AQ2648" s="137"/>
      <c r="AR2648" s="137"/>
      <c r="AS2648" s="137"/>
      <c r="AT2648" s="137"/>
      <c r="AU2648" s="137"/>
      <c r="AV2648" s="137"/>
      <c r="AW2648" s="144"/>
    </row>
    <row r="2649" spans="7:49" x14ac:dyDescent="0.2">
      <c r="G2649" s="43"/>
      <c r="Z2649" s="143"/>
      <c r="AA2649" s="137"/>
      <c r="AB2649" s="137"/>
      <c r="AC2649" s="137"/>
      <c r="AD2649" s="137"/>
      <c r="AE2649" s="137"/>
      <c r="AF2649" s="137"/>
      <c r="AG2649" s="137"/>
      <c r="AH2649" s="137"/>
      <c r="AI2649" s="137"/>
      <c r="AJ2649" s="137"/>
      <c r="AK2649" s="137"/>
      <c r="AL2649" s="137"/>
      <c r="AM2649" s="137"/>
      <c r="AN2649" s="137"/>
      <c r="AO2649" s="137"/>
      <c r="AP2649" s="137"/>
      <c r="AQ2649" s="137"/>
      <c r="AR2649" s="137"/>
      <c r="AS2649" s="137"/>
      <c r="AT2649" s="137"/>
      <c r="AU2649" s="137"/>
      <c r="AV2649" s="137"/>
      <c r="AW2649" s="144"/>
    </row>
    <row r="2650" spans="7:49" x14ac:dyDescent="0.2">
      <c r="G2650" s="43"/>
      <c r="Z2650" s="143"/>
      <c r="AA2650" s="137"/>
      <c r="AB2650" s="137"/>
      <c r="AC2650" s="137"/>
      <c r="AD2650" s="137"/>
      <c r="AE2650" s="137"/>
      <c r="AF2650" s="137"/>
      <c r="AG2650" s="137"/>
      <c r="AH2650" s="137"/>
      <c r="AI2650" s="137"/>
      <c r="AJ2650" s="137"/>
      <c r="AK2650" s="137"/>
      <c r="AL2650" s="137"/>
      <c r="AM2650" s="137"/>
      <c r="AN2650" s="137"/>
      <c r="AO2650" s="137"/>
      <c r="AP2650" s="137"/>
      <c r="AQ2650" s="137"/>
      <c r="AR2650" s="137"/>
      <c r="AS2650" s="137"/>
      <c r="AT2650" s="137"/>
      <c r="AU2650" s="137"/>
      <c r="AV2650" s="137"/>
      <c r="AW2650" s="144"/>
    </row>
    <row r="2651" spans="7:49" x14ac:dyDescent="0.2">
      <c r="G2651" s="43"/>
      <c r="Z2651" s="143"/>
      <c r="AA2651" s="137"/>
      <c r="AB2651" s="137"/>
      <c r="AC2651" s="137"/>
      <c r="AD2651" s="137"/>
      <c r="AE2651" s="137"/>
      <c r="AF2651" s="137"/>
      <c r="AG2651" s="137"/>
      <c r="AH2651" s="137"/>
      <c r="AI2651" s="137"/>
      <c r="AJ2651" s="137"/>
      <c r="AK2651" s="137"/>
      <c r="AL2651" s="137"/>
      <c r="AM2651" s="137"/>
      <c r="AN2651" s="137"/>
      <c r="AO2651" s="137"/>
      <c r="AP2651" s="137"/>
      <c r="AQ2651" s="137"/>
      <c r="AR2651" s="137"/>
      <c r="AS2651" s="137"/>
      <c r="AT2651" s="137"/>
      <c r="AU2651" s="137"/>
      <c r="AV2651" s="137"/>
      <c r="AW2651" s="144"/>
    </row>
    <row r="2652" spans="7:49" x14ac:dyDescent="0.2">
      <c r="G2652" s="43"/>
      <c r="Z2652" s="143"/>
      <c r="AA2652" s="137"/>
      <c r="AB2652" s="137"/>
      <c r="AC2652" s="137"/>
      <c r="AD2652" s="137"/>
      <c r="AE2652" s="137"/>
      <c r="AF2652" s="137"/>
      <c r="AG2652" s="137"/>
      <c r="AH2652" s="137"/>
      <c r="AI2652" s="137"/>
      <c r="AJ2652" s="137"/>
      <c r="AK2652" s="137"/>
      <c r="AL2652" s="137"/>
      <c r="AM2652" s="137"/>
      <c r="AN2652" s="137"/>
      <c r="AO2652" s="137"/>
      <c r="AP2652" s="137"/>
      <c r="AQ2652" s="137"/>
      <c r="AR2652" s="137"/>
      <c r="AS2652" s="137"/>
      <c r="AT2652" s="137"/>
      <c r="AU2652" s="137"/>
      <c r="AV2652" s="137"/>
      <c r="AW2652" s="144"/>
    </row>
    <row r="2653" spans="7:49" x14ac:dyDescent="0.2">
      <c r="G2653" s="43"/>
      <c r="Z2653" s="143"/>
      <c r="AA2653" s="137"/>
      <c r="AB2653" s="137"/>
      <c r="AC2653" s="137"/>
      <c r="AD2653" s="137"/>
      <c r="AE2653" s="137"/>
      <c r="AF2653" s="137"/>
      <c r="AG2653" s="137"/>
      <c r="AH2653" s="137"/>
      <c r="AI2653" s="137"/>
      <c r="AJ2653" s="137"/>
      <c r="AK2653" s="137"/>
      <c r="AL2653" s="137"/>
      <c r="AM2653" s="137"/>
      <c r="AN2653" s="137"/>
      <c r="AO2653" s="137"/>
      <c r="AP2653" s="137"/>
      <c r="AQ2653" s="137"/>
      <c r="AR2653" s="137"/>
      <c r="AS2653" s="137"/>
      <c r="AT2653" s="137"/>
      <c r="AU2653" s="137"/>
      <c r="AV2653" s="137"/>
      <c r="AW2653" s="144"/>
    </row>
    <row r="2654" spans="7:49" x14ac:dyDescent="0.2">
      <c r="G2654" s="43"/>
      <c r="Z2654" s="143"/>
      <c r="AA2654" s="137"/>
      <c r="AB2654" s="137"/>
      <c r="AC2654" s="137"/>
      <c r="AD2654" s="137"/>
      <c r="AE2654" s="137"/>
      <c r="AF2654" s="137"/>
      <c r="AG2654" s="137"/>
      <c r="AH2654" s="137"/>
      <c r="AI2654" s="137"/>
      <c r="AJ2654" s="137"/>
      <c r="AK2654" s="137"/>
      <c r="AL2654" s="137"/>
      <c r="AM2654" s="137"/>
      <c r="AN2654" s="137"/>
      <c r="AO2654" s="137"/>
      <c r="AP2654" s="137"/>
      <c r="AQ2654" s="137"/>
      <c r="AR2654" s="137"/>
      <c r="AS2654" s="137"/>
      <c r="AT2654" s="137"/>
      <c r="AU2654" s="137"/>
      <c r="AV2654" s="137"/>
      <c r="AW2654" s="144"/>
    </row>
    <row r="2655" spans="7:49" x14ac:dyDescent="0.2">
      <c r="G2655" s="43"/>
      <c r="Z2655" s="143"/>
      <c r="AA2655" s="137"/>
      <c r="AB2655" s="137"/>
      <c r="AC2655" s="137"/>
      <c r="AD2655" s="137"/>
      <c r="AE2655" s="137"/>
      <c r="AF2655" s="137"/>
      <c r="AG2655" s="137"/>
      <c r="AH2655" s="137"/>
      <c r="AI2655" s="137"/>
      <c r="AJ2655" s="137"/>
      <c r="AK2655" s="137"/>
      <c r="AL2655" s="137"/>
      <c r="AM2655" s="137"/>
      <c r="AN2655" s="137"/>
      <c r="AO2655" s="137"/>
      <c r="AP2655" s="137"/>
      <c r="AQ2655" s="137"/>
      <c r="AR2655" s="137"/>
      <c r="AS2655" s="137"/>
      <c r="AT2655" s="137"/>
      <c r="AU2655" s="137"/>
      <c r="AV2655" s="137"/>
      <c r="AW2655" s="144"/>
    </row>
    <row r="2656" spans="7:49" x14ac:dyDescent="0.2">
      <c r="G2656" s="43"/>
      <c r="Z2656" s="143"/>
      <c r="AA2656" s="137"/>
      <c r="AB2656" s="137"/>
      <c r="AC2656" s="137"/>
      <c r="AD2656" s="137"/>
      <c r="AE2656" s="137"/>
      <c r="AF2656" s="137"/>
      <c r="AG2656" s="137"/>
      <c r="AH2656" s="137"/>
      <c r="AI2656" s="137"/>
      <c r="AJ2656" s="137"/>
      <c r="AK2656" s="137"/>
      <c r="AL2656" s="137"/>
      <c r="AM2656" s="137"/>
      <c r="AN2656" s="137"/>
      <c r="AO2656" s="137"/>
      <c r="AP2656" s="137"/>
      <c r="AQ2656" s="137"/>
      <c r="AR2656" s="137"/>
      <c r="AS2656" s="137"/>
      <c r="AT2656" s="137"/>
      <c r="AU2656" s="137"/>
      <c r="AV2656" s="137"/>
      <c r="AW2656" s="144"/>
    </row>
    <row r="2657" spans="7:49" x14ac:dyDescent="0.2">
      <c r="G2657" s="43"/>
      <c r="Z2657" s="143"/>
      <c r="AA2657" s="137"/>
      <c r="AB2657" s="137"/>
      <c r="AC2657" s="137"/>
      <c r="AD2657" s="137"/>
      <c r="AE2657" s="137"/>
      <c r="AF2657" s="137"/>
      <c r="AG2657" s="137"/>
      <c r="AH2657" s="137"/>
      <c r="AI2657" s="137"/>
      <c r="AJ2657" s="137"/>
      <c r="AK2657" s="137"/>
      <c r="AL2657" s="137"/>
      <c r="AM2657" s="137"/>
      <c r="AN2657" s="137"/>
      <c r="AO2657" s="137"/>
      <c r="AP2657" s="137"/>
      <c r="AQ2657" s="137"/>
      <c r="AR2657" s="137"/>
      <c r="AS2657" s="137"/>
      <c r="AT2657" s="137"/>
      <c r="AU2657" s="137"/>
      <c r="AV2657" s="137"/>
      <c r="AW2657" s="144"/>
    </row>
    <row r="2658" spans="7:49" x14ac:dyDescent="0.2">
      <c r="G2658" s="43"/>
      <c r="Z2658" s="143"/>
      <c r="AA2658" s="137"/>
      <c r="AB2658" s="137"/>
      <c r="AC2658" s="137"/>
      <c r="AD2658" s="137"/>
      <c r="AE2658" s="137"/>
      <c r="AF2658" s="137"/>
      <c r="AG2658" s="137"/>
      <c r="AH2658" s="137"/>
      <c r="AI2658" s="137"/>
      <c r="AJ2658" s="137"/>
      <c r="AK2658" s="137"/>
      <c r="AL2658" s="137"/>
      <c r="AM2658" s="137"/>
      <c r="AN2658" s="137"/>
      <c r="AO2658" s="137"/>
      <c r="AP2658" s="137"/>
      <c r="AQ2658" s="137"/>
      <c r="AR2658" s="137"/>
      <c r="AS2658" s="137"/>
      <c r="AT2658" s="137"/>
      <c r="AU2658" s="137"/>
      <c r="AV2658" s="137"/>
      <c r="AW2658" s="144"/>
    </row>
    <row r="2659" spans="7:49" x14ac:dyDescent="0.2">
      <c r="G2659" s="43"/>
      <c r="Z2659" s="143"/>
      <c r="AA2659" s="137"/>
      <c r="AB2659" s="137"/>
      <c r="AC2659" s="137"/>
      <c r="AD2659" s="137"/>
      <c r="AE2659" s="137"/>
      <c r="AF2659" s="137"/>
      <c r="AG2659" s="137"/>
      <c r="AH2659" s="137"/>
      <c r="AI2659" s="137"/>
      <c r="AJ2659" s="137"/>
      <c r="AK2659" s="137"/>
      <c r="AL2659" s="137"/>
      <c r="AM2659" s="137"/>
      <c r="AN2659" s="137"/>
      <c r="AO2659" s="137"/>
      <c r="AP2659" s="137"/>
      <c r="AQ2659" s="137"/>
      <c r="AR2659" s="137"/>
      <c r="AS2659" s="137"/>
      <c r="AT2659" s="137"/>
      <c r="AU2659" s="137"/>
      <c r="AV2659" s="137"/>
      <c r="AW2659" s="144"/>
    </row>
    <row r="2660" spans="7:49" x14ac:dyDescent="0.2">
      <c r="G2660" s="43"/>
      <c r="Z2660" s="143"/>
      <c r="AA2660" s="137"/>
      <c r="AB2660" s="137"/>
      <c r="AC2660" s="137"/>
      <c r="AD2660" s="137"/>
      <c r="AE2660" s="137"/>
      <c r="AF2660" s="137"/>
      <c r="AG2660" s="137"/>
      <c r="AH2660" s="137"/>
      <c r="AI2660" s="137"/>
      <c r="AJ2660" s="137"/>
      <c r="AK2660" s="137"/>
      <c r="AL2660" s="137"/>
      <c r="AM2660" s="137"/>
      <c r="AN2660" s="137"/>
      <c r="AO2660" s="137"/>
      <c r="AP2660" s="137"/>
      <c r="AQ2660" s="137"/>
      <c r="AR2660" s="137"/>
      <c r="AS2660" s="137"/>
      <c r="AT2660" s="137"/>
      <c r="AU2660" s="137"/>
      <c r="AV2660" s="137"/>
      <c r="AW2660" s="144"/>
    </row>
    <row r="2661" spans="7:49" x14ac:dyDescent="0.2">
      <c r="G2661" s="43"/>
      <c r="Z2661" s="143"/>
      <c r="AA2661" s="137"/>
      <c r="AB2661" s="137"/>
      <c r="AC2661" s="137"/>
      <c r="AD2661" s="137"/>
      <c r="AE2661" s="137"/>
      <c r="AF2661" s="137"/>
      <c r="AG2661" s="137"/>
      <c r="AH2661" s="137"/>
      <c r="AI2661" s="137"/>
      <c r="AJ2661" s="137"/>
      <c r="AK2661" s="137"/>
      <c r="AL2661" s="137"/>
      <c r="AM2661" s="137"/>
      <c r="AN2661" s="137"/>
      <c r="AO2661" s="137"/>
      <c r="AP2661" s="137"/>
      <c r="AQ2661" s="137"/>
      <c r="AR2661" s="137"/>
      <c r="AS2661" s="137"/>
      <c r="AT2661" s="137"/>
      <c r="AU2661" s="137"/>
      <c r="AV2661" s="137"/>
      <c r="AW2661" s="144"/>
    </row>
    <row r="2662" spans="7:49" x14ac:dyDescent="0.2">
      <c r="G2662" s="43"/>
      <c r="Z2662" s="143"/>
      <c r="AA2662" s="137"/>
      <c r="AB2662" s="137"/>
      <c r="AC2662" s="137"/>
      <c r="AD2662" s="137"/>
      <c r="AE2662" s="137"/>
      <c r="AF2662" s="137"/>
      <c r="AG2662" s="137"/>
      <c r="AH2662" s="137"/>
      <c r="AI2662" s="137"/>
      <c r="AJ2662" s="137"/>
      <c r="AK2662" s="137"/>
      <c r="AL2662" s="137"/>
      <c r="AM2662" s="137"/>
      <c r="AN2662" s="137"/>
      <c r="AO2662" s="137"/>
      <c r="AP2662" s="137"/>
      <c r="AQ2662" s="137"/>
      <c r="AR2662" s="137"/>
      <c r="AS2662" s="137"/>
      <c r="AT2662" s="137"/>
      <c r="AU2662" s="137"/>
      <c r="AV2662" s="137"/>
      <c r="AW2662" s="144"/>
    </row>
    <row r="2663" spans="7:49" x14ac:dyDescent="0.2">
      <c r="G2663" s="43"/>
      <c r="Z2663" s="143"/>
      <c r="AA2663" s="137"/>
      <c r="AB2663" s="137"/>
      <c r="AC2663" s="137"/>
      <c r="AD2663" s="137"/>
      <c r="AE2663" s="137"/>
      <c r="AF2663" s="137"/>
      <c r="AG2663" s="137"/>
      <c r="AH2663" s="137"/>
      <c r="AI2663" s="137"/>
      <c r="AJ2663" s="137"/>
      <c r="AK2663" s="137"/>
      <c r="AL2663" s="137"/>
      <c r="AM2663" s="137"/>
      <c r="AN2663" s="137"/>
      <c r="AO2663" s="137"/>
      <c r="AP2663" s="137"/>
      <c r="AQ2663" s="137"/>
      <c r="AR2663" s="137"/>
      <c r="AS2663" s="137"/>
      <c r="AT2663" s="137"/>
      <c r="AU2663" s="137"/>
      <c r="AV2663" s="137"/>
      <c r="AW2663" s="144"/>
    </row>
    <row r="2664" spans="7:49" x14ac:dyDescent="0.2">
      <c r="G2664" s="43"/>
      <c r="Z2664" s="143"/>
      <c r="AA2664" s="137"/>
      <c r="AB2664" s="137"/>
      <c r="AC2664" s="137"/>
      <c r="AD2664" s="137"/>
      <c r="AE2664" s="137"/>
      <c r="AF2664" s="137"/>
      <c r="AG2664" s="137"/>
      <c r="AH2664" s="137"/>
      <c r="AI2664" s="137"/>
      <c r="AJ2664" s="137"/>
      <c r="AK2664" s="137"/>
      <c r="AL2664" s="137"/>
      <c r="AM2664" s="137"/>
      <c r="AN2664" s="137"/>
      <c r="AO2664" s="137"/>
      <c r="AP2664" s="137"/>
      <c r="AQ2664" s="137"/>
      <c r="AR2664" s="137"/>
      <c r="AS2664" s="137"/>
      <c r="AT2664" s="137"/>
      <c r="AU2664" s="137"/>
      <c r="AV2664" s="137"/>
      <c r="AW2664" s="144"/>
    </row>
    <row r="2665" spans="7:49" x14ac:dyDescent="0.2">
      <c r="G2665" s="43"/>
      <c r="Z2665" s="143"/>
      <c r="AA2665" s="137"/>
      <c r="AB2665" s="137"/>
      <c r="AC2665" s="137"/>
      <c r="AD2665" s="137"/>
      <c r="AE2665" s="137"/>
      <c r="AF2665" s="137"/>
      <c r="AG2665" s="137"/>
      <c r="AH2665" s="137"/>
      <c r="AI2665" s="137"/>
      <c r="AJ2665" s="137"/>
      <c r="AK2665" s="137"/>
      <c r="AL2665" s="137"/>
      <c r="AM2665" s="137"/>
      <c r="AN2665" s="137"/>
      <c r="AO2665" s="137"/>
      <c r="AP2665" s="137"/>
      <c r="AQ2665" s="137"/>
      <c r="AR2665" s="137"/>
      <c r="AS2665" s="137"/>
      <c r="AT2665" s="137"/>
      <c r="AU2665" s="137"/>
      <c r="AV2665" s="137"/>
      <c r="AW2665" s="144"/>
    </row>
    <row r="2666" spans="7:49" x14ac:dyDescent="0.2">
      <c r="G2666" s="43"/>
      <c r="Z2666" s="143"/>
      <c r="AA2666" s="137"/>
      <c r="AB2666" s="137"/>
      <c r="AC2666" s="137"/>
      <c r="AD2666" s="137"/>
      <c r="AE2666" s="137"/>
      <c r="AF2666" s="137"/>
      <c r="AG2666" s="137"/>
      <c r="AH2666" s="137"/>
      <c r="AI2666" s="137"/>
      <c r="AJ2666" s="137"/>
      <c r="AK2666" s="137"/>
      <c r="AL2666" s="137"/>
      <c r="AM2666" s="137"/>
      <c r="AN2666" s="137"/>
      <c r="AO2666" s="137"/>
      <c r="AP2666" s="137"/>
      <c r="AQ2666" s="137"/>
      <c r="AR2666" s="137"/>
      <c r="AS2666" s="137"/>
      <c r="AT2666" s="137"/>
      <c r="AU2666" s="137"/>
      <c r="AV2666" s="137"/>
      <c r="AW2666" s="144"/>
    </row>
    <row r="2667" spans="7:49" x14ac:dyDescent="0.2">
      <c r="G2667" s="43"/>
      <c r="Z2667" s="143"/>
      <c r="AA2667" s="137"/>
      <c r="AB2667" s="137"/>
      <c r="AC2667" s="137"/>
      <c r="AD2667" s="137"/>
      <c r="AE2667" s="137"/>
      <c r="AF2667" s="137"/>
      <c r="AG2667" s="137"/>
      <c r="AH2667" s="137"/>
      <c r="AI2667" s="137"/>
      <c r="AJ2667" s="137"/>
      <c r="AK2667" s="137"/>
      <c r="AL2667" s="137"/>
      <c r="AM2667" s="137"/>
      <c r="AN2667" s="137"/>
      <c r="AO2667" s="137"/>
      <c r="AP2667" s="137"/>
      <c r="AQ2667" s="137"/>
      <c r="AR2667" s="137"/>
      <c r="AS2667" s="137"/>
      <c r="AT2667" s="137"/>
      <c r="AU2667" s="137"/>
      <c r="AV2667" s="137"/>
      <c r="AW2667" s="144"/>
    </row>
    <row r="2668" spans="7:49" x14ac:dyDescent="0.2">
      <c r="G2668" s="43"/>
      <c r="Z2668" s="143"/>
      <c r="AA2668" s="137"/>
      <c r="AB2668" s="137"/>
      <c r="AC2668" s="137"/>
      <c r="AD2668" s="137"/>
      <c r="AE2668" s="137"/>
      <c r="AF2668" s="137"/>
      <c r="AG2668" s="137"/>
      <c r="AH2668" s="137"/>
      <c r="AI2668" s="137"/>
      <c r="AJ2668" s="137"/>
      <c r="AK2668" s="137"/>
      <c r="AL2668" s="137"/>
      <c r="AM2668" s="137"/>
      <c r="AN2668" s="137"/>
      <c r="AO2668" s="137"/>
      <c r="AP2668" s="137"/>
      <c r="AQ2668" s="137"/>
      <c r="AR2668" s="137"/>
      <c r="AS2668" s="137"/>
      <c r="AT2668" s="137"/>
      <c r="AU2668" s="137"/>
      <c r="AV2668" s="137"/>
      <c r="AW2668" s="144"/>
    </row>
    <row r="2669" spans="7:49" x14ac:dyDescent="0.2">
      <c r="G2669" s="43"/>
      <c r="Z2669" s="143"/>
      <c r="AA2669" s="137"/>
      <c r="AB2669" s="137"/>
      <c r="AC2669" s="137"/>
      <c r="AD2669" s="137"/>
      <c r="AE2669" s="137"/>
      <c r="AF2669" s="137"/>
      <c r="AG2669" s="137"/>
      <c r="AH2669" s="137"/>
      <c r="AI2669" s="137"/>
      <c r="AJ2669" s="137"/>
      <c r="AK2669" s="137"/>
      <c r="AL2669" s="137"/>
      <c r="AM2669" s="137"/>
      <c r="AN2669" s="137"/>
      <c r="AO2669" s="137"/>
      <c r="AP2669" s="137"/>
      <c r="AQ2669" s="137"/>
      <c r="AR2669" s="137"/>
      <c r="AS2669" s="137"/>
      <c r="AT2669" s="137"/>
      <c r="AU2669" s="137"/>
      <c r="AV2669" s="137"/>
      <c r="AW2669" s="144"/>
    </row>
    <row r="2670" spans="7:49" x14ac:dyDescent="0.2">
      <c r="G2670" s="43"/>
      <c r="Z2670" s="143"/>
      <c r="AA2670" s="137"/>
      <c r="AB2670" s="137"/>
      <c r="AC2670" s="137"/>
      <c r="AD2670" s="137"/>
      <c r="AE2670" s="137"/>
      <c r="AF2670" s="137"/>
      <c r="AG2670" s="137"/>
      <c r="AH2670" s="137"/>
      <c r="AI2670" s="137"/>
      <c r="AJ2670" s="137"/>
      <c r="AK2670" s="137"/>
      <c r="AL2670" s="137"/>
      <c r="AM2670" s="137"/>
      <c r="AN2670" s="137"/>
      <c r="AO2670" s="137"/>
      <c r="AP2670" s="137"/>
      <c r="AQ2670" s="137"/>
      <c r="AR2670" s="137"/>
      <c r="AS2670" s="137"/>
      <c r="AT2670" s="137"/>
      <c r="AU2670" s="137"/>
      <c r="AV2670" s="137"/>
      <c r="AW2670" s="144"/>
    </row>
    <row r="2671" spans="7:49" x14ac:dyDescent="0.2">
      <c r="G2671" s="43"/>
      <c r="Z2671" s="143"/>
      <c r="AA2671" s="137"/>
      <c r="AB2671" s="137"/>
      <c r="AC2671" s="137"/>
      <c r="AD2671" s="137"/>
      <c r="AE2671" s="137"/>
      <c r="AF2671" s="137"/>
      <c r="AG2671" s="137"/>
      <c r="AH2671" s="137"/>
      <c r="AI2671" s="137"/>
      <c r="AJ2671" s="137"/>
      <c r="AK2671" s="137"/>
      <c r="AL2671" s="137"/>
      <c r="AM2671" s="137"/>
      <c r="AN2671" s="137"/>
      <c r="AO2671" s="137"/>
      <c r="AP2671" s="137"/>
      <c r="AQ2671" s="137"/>
      <c r="AR2671" s="137"/>
      <c r="AS2671" s="137"/>
      <c r="AT2671" s="137"/>
      <c r="AU2671" s="137"/>
      <c r="AV2671" s="137"/>
      <c r="AW2671" s="144"/>
    </row>
    <row r="2672" spans="7:49" x14ac:dyDescent="0.2">
      <c r="G2672" s="43"/>
      <c r="Z2672" s="143"/>
      <c r="AA2672" s="137"/>
      <c r="AB2672" s="137"/>
      <c r="AC2672" s="137"/>
      <c r="AD2672" s="137"/>
      <c r="AE2672" s="137"/>
      <c r="AF2672" s="137"/>
      <c r="AG2672" s="137"/>
      <c r="AH2672" s="137"/>
      <c r="AI2672" s="137"/>
      <c r="AJ2672" s="137"/>
      <c r="AK2672" s="137"/>
      <c r="AL2672" s="137"/>
      <c r="AM2672" s="137"/>
      <c r="AN2672" s="137"/>
      <c r="AO2672" s="137"/>
      <c r="AP2672" s="137"/>
      <c r="AQ2672" s="137"/>
      <c r="AR2672" s="137"/>
      <c r="AS2672" s="137"/>
      <c r="AT2672" s="137"/>
      <c r="AU2672" s="137"/>
      <c r="AV2672" s="137"/>
      <c r="AW2672" s="144"/>
    </row>
    <row r="2673" spans="7:49" x14ac:dyDescent="0.2">
      <c r="G2673" s="43"/>
      <c r="Z2673" s="143"/>
      <c r="AA2673" s="137"/>
      <c r="AB2673" s="137"/>
      <c r="AC2673" s="137"/>
      <c r="AD2673" s="137"/>
      <c r="AE2673" s="137"/>
      <c r="AF2673" s="137"/>
      <c r="AG2673" s="137"/>
      <c r="AH2673" s="137"/>
      <c r="AI2673" s="137"/>
      <c r="AJ2673" s="137"/>
      <c r="AK2673" s="137"/>
      <c r="AL2673" s="137"/>
      <c r="AM2673" s="137"/>
      <c r="AN2673" s="137"/>
      <c r="AO2673" s="137"/>
      <c r="AP2673" s="137"/>
      <c r="AQ2673" s="137"/>
      <c r="AR2673" s="137"/>
      <c r="AS2673" s="137"/>
      <c r="AT2673" s="137"/>
      <c r="AU2673" s="137"/>
      <c r="AV2673" s="137"/>
      <c r="AW2673" s="144"/>
    </row>
    <row r="2674" spans="7:49" x14ac:dyDescent="0.2">
      <c r="G2674" s="43"/>
      <c r="Z2674" s="143"/>
      <c r="AA2674" s="137"/>
      <c r="AB2674" s="137"/>
      <c r="AC2674" s="137"/>
      <c r="AD2674" s="137"/>
      <c r="AE2674" s="137"/>
      <c r="AF2674" s="137"/>
      <c r="AG2674" s="137"/>
      <c r="AH2674" s="137"/>
      <c r="AI2674" s="137"/>
      <c r="AJ2674" s="137"/>
      <c r="AK2674" s="137"/>
      <c r="AL2674" s="137"/>
      <c r="AM2674" s="137"/>
      <c r="AN2674" s="137"/>
      <c r="AO2674" s="137"/>
      <c r="AP2674" s="137"/>
      <c r="AQ2674" s="137"/>
      <c r="AR2674" s="137"/>
      <c r="AS2674" s="137"/>
      <c r="AT2674" s="137"/>
      <c r="AU2674" s="137"/>
      <c r="AV2674" s="137"/>
      <c r="AW2674" s="144"/>
    </row>
    <row r="2675" spans="7:49" x14ac:dyDescent="0.2">
      <c r="G2675" s="43"/>
      <c r="Z2675" s="143"/>
      <c r="AA2675" s="137"/>
      <c r="AB2675" s="137"/>
      <c r="AC2675" s="137"/>
      <c r="AD2675" s="137"/>
      <c r="AE2675" s="137"/>
      <c r="AF2675" s="137"/>
      <c r="AG2675" s="137"/>
      <c r="AH2675" s="137"/>
      <c r="AI2675" s="137"/>
      <c r="AJ2675" s="137"/>
      <c r="AK2675" s="137"/>
      <c r="AL2675" s="137"/>
      <c r="AM2675" s="137"/>
      <c r="AN2675" s="137"/>
      <c r="AO2675" s="137"/>
      <c r="AP2675" s="137"/>
      <c r="AQ2675" s="137"/>
      <c r="AR2675" s="137"/>
      <c r="AS2675" s="137"/>
      <c r="AT2675" s="137"/>
      <c r="AU2675" s="137"/>
      <c r="AV2675" s="137"/>
      <c r="AW2675" s="144"/>
    </row>
    <row r="2676" spans="7:49" x14ac:dyDescent="0.2">
      <c r="G2676" s="43"/>
      <c r="Z2676" s="143"/>
      <c r="AA2676" s="137"/>
      <c r="AB2676" s="137"/>
      <c r="AC2676" s="137"/>
      <c r="AD2676" s="137"/>
      <c r="AE2676" s="137"/>
      <c r="AF2676" s="137"/>
      <c r="AG2676" s="137"/>
      <c r="AH2676" s="137"/>
      <c r="AI2676" s="137"/>
      <c r="AJ2676" s="137"/>
      <c r="AK2676" s="137"/>
      <c r="AL2676" s="137"/>
      <c r="AM2676" s="137"/>
      <c r="AN2676" s="137"/>
      <c r="AO2676" s="137"/>
      <c r="AP2676" s="137"/>
      <c r="AQ2676" s="137"/>
      <c r="AR2676" s="137"/>
      <c r="AS2676" s="137"/>
      <c r="AT2676" s="137"/>
      <c r="AU2676" s="137"/>
      <c r="AV2676" s="137"/>
      <c r="AW2676" s="144"/>
    </row>
    <row r="2677" spans="7:49" x14ac:dyDescent="0.2">
      <c r="G2677" s="43"/>
      <c r="Z2677" s="143"/>
      <c r="AA2677" s="137"/>
      <c r="AB2677" s="137"/>
      <c r="AC2677" s="137"/>
      <c r="AD2677" s="137"/>
      <c r="AE2677" s="137"/>
      <c r="AF2677" s="137"/>
      <c r="AG2677" s="137"/>
      <c r="AH2677" s="137"/>
      <c r="AI2677" s="137"/>
      <c r="AJ2677" s="137"/>
      <c r="AK2677" s="137"/>
      <c r="AL2677" s="137"/>
      <c r="AM2677" s="137"/>
      <c r="AN2677" s="137"/>
      <c r="AO2677" s="137"/>
      <c r="AP2677" s="137"/>
      <c r="AQ2677" s="137"/>
      <c r="AR2677" s="137"/>
      <c r="AS2677" s="137"/>
      <c r="AT2677" s="137"/>
      <c r="AU2677" s="137"/>
      <c r="AV2677" s="137"/>
      <c r="AW2677" s="144"/>
    </row>
    <row r="2678" spans="7:49" x14ac:dyDescent="0.2">
      <c r="G2678" s="43"/>
      <c r="Z2678" s="143"/>
      <c r="AA2678" s="137"/>
      <c r="AB2678" s="137"/>
      <c r="AC2678" s="137"/>
      <c r="AD2678" s="137"/>
      <c r="AE2678" s="137"/>
      <c r="AF2678" s="137"/>
      <c r="AG2678" s="137"/>
      <c r="AH2678" s="137"/>
      <c r="AI2678" s="137"/>
      <c r="AJ2678" s="137"/>
      <c r="AK2678" s="137"/>
      <c r="AL2678" s="137"/>
      <c r="AM2678" s="137"/>
      <c r="AN2678" s="137"/>
      <c r="AO2678" s="137"/>
      <c r="AP2678" s="137"/>
      <c r="AQ2678" s="137"/>
      <c r="AR2678" s="137"/>
      <c r="AS2678" s="137"/>
      <c r="AT2678" s="137"/>
      <c r="AU2678" s="137"/>
      <c r="AV2678" s="137"/>
      <c r="AW2678" s="144"/>
    </row>
    <row r="2679" spans="7:49" x14ac:dyDescent="0.2">
      <c r="G2679" s="43"/>
      <c r="Z2679" s="143"/>
      <c r="AA2679" s="137"/>
      <c r="AB2679" s="137"/>
      <c r="AC2679" s="137"/>
      <c r="AD2679" s="137"/>
      <c r="AE2679" s="137"/>
      <c r="AF2679" s="137"/>
      <c r="AG2679" s="137"/>
      <c r="AH2679" s="137"/>
      <c r="AI2679" s="137"/>
      <c r="AJ2679" s="137"/>
      <c r="AK2679" s="137"/>
      <c r="AL2679" s="137"/>
      <c r="AM2679" s="137"/>
      <c r="AN2679" s="137"/>
      <c r="AO2679" s="137"/>
      <c r="AP2679" s="137"/>
      <c r="AQ2679" s="137"/>
      <c r="AR2679" s="137"/>
      <c r="AS2679" s="137"/>
      <c r="AT2679" s="137"/>
      <c r="AU2679" s="137"/>
      <c r="AV2679" s="137"/>
      <c r="AW2679" s="144"/>
    </row>
    <row r="2680" spans="7:49" x14ac:dyDescent="0.2">
      <c r="G2680" s="43"/>
      <c r="Z2680" s="143"/>
      <c r="AA2680" s="137"/>
      <c r="AB2680" s="137"/>
      <c r="AC2680" s="137"/>
      <c r="AD2680" s="137"/>
      <c r="AE2680" s="137"/>
      <c r="AF2680" s="137"/>
      <c r="AG2680" s="137"/>
      <c r="AH2680" s="137"/>
      <c r="AI2680" s="137"/>
      <c r="AJ2680" s="137"/>
      <c r="AK2680" s="137"/>
      <c r="AL2680" s="137"/>
      <c r="AM2680" s="137"/>
      <c r="AN2680" s="137"/>
      <c r="AO2680" s="137"/>
      <c r="AP2680" s="137"/>
      <c r="AQ2680" s="137"/>
      <c r="AR2680" s="137"/>
      <c r="AS2680" s="137"/>
      <c r="AT2680" s="137"/>
      <c r="AU2680" s="137"/>
      <c r="AV2680" s="137"/>
      <c r="AW2680" s="144"/>
    </row>
    <row r="2681" spans="7:49" x14ac:dyDescent="0.2">
      <c r="G2681" s="43"/>
      <c r="Z2681" s="143"/>
      <c r="AA2681" s="137"/>
      <c r="AB2681" s="137"/>
      <c r="AC2681" s="137"/>
      <c r="AD2681" s="137"/>
      <c r="AE2681" s="137"/>
      <c r="AF2681" s="137"/>
      <c r="AG2681" s="137"/>
      <c r="AH2681" s="137"/>
      <c r="AI2681" s="137"/>
      <c r="AJ2681" s="137"/>
      <c r="AK2681" s="137"/>
      <c r="AL2681" s="137"/>
      <c r="AM2681" s="137"/>
      <c r="AN2681" s="137"/>
      <c r="AO2681" s="137"/>
      <c r="AP2681" s="137"/>
      <c r="AQ2681" s="137"/>
      <c r="AR2681" s="137"/>
      <c r="AS2681" s="137"/>
      <c r="AT2681" s="137"/>
      <c r="AU2681" s="137"/>
      <c r="AV2681" s="137"/>
      <c r="AW2681" s="144"/>
    </row>
    <row r="2682" spans="7:49" x14ac:dyDescent="0.2">
      <c r="G2682" s="43"/>
      <c r="Z2682" s="143"/>
      <c r="AA2682" s="137"/>
      <c r="AB2682" s="137"/>
      <c r="AC2682" s="137"/>
      <c r="AD2682" s="137"/>
      <c r="AE2682" s="137"/>
      <c r="AF2682" s="137"/>
      <c r="AG2682" s="137"/>
      <c r="AH2682" s="137"/>
      <c r="AI2682" s="137"/>
      <c r="AJ2682" s="137"/>
      <c r="AK2682" s="137"/>
      <c r="AL2682" s="137"/>
      <c r="AM2682" s="137"/>
      <c r="AN2682" s="137"/>
      <c r="AO2682" s="137"/>
      <c r="AP2682" s="137"/>
      <c r="AQ2682" s="137"/>
      <c r="AR2682" s="137"/>
      <c r="AS2682" s="137"/>
      <c r="AT2682" s="137"/>
      <c r="AU2682" s="137"/>
      <c r="AV2682" s="137"/>
      <c r="AW2682" s="144"/>
    </row>
    <row r="2683" spans="7:49" x14ac:dyDescent="0.2">
      <c r="G2683" s="43"/>
      <c r="Z2683" s="143"/>
      <c r="AA2683" s="137"/>
      <c r="AB2683" s="137"/>
      <c r="AC2683" s="137"/>
      <c r="AD2683" s="137"/>
      <c r="AE2683" s="137"/>
      <c r="AF2683" s="137"/>
      <c r="AG2683" s="137"/>
      <c r="AH2683" s="137"/>
      <c r="AI2683" s="137"/>
      <c r="AJ2683" s="137"/>
      <c r="AK2683" s="137"/>
      <c r="AL2683" s="137"/>
      <c r="AM2683" s="137"/>
      <c r="AN2683" s="137"/>
      <c r="AO2683" s="137"/>
      <c r="AP2683" s="137"/>
      <c r="AQ2683" s="137"/>
      <c r="AR2683" s="137"/>
      <c r="AS2683" s="137"/>
      <c r="AT2683" s="137"/>
      <c r="AU2683" s="137"/>
      <c r="AV2683" s="137"/>
      <c r="AW2683" s="144"/>
    </row>
    <row r="2684" spans="7:49" x14ac:dyDescent="0.2">
      <c r="G2684" s="43"/>
      <c r="Z2684" s="143"/>
      <c r="AA2684" s="137"/>
      <c r="AB2684" s="137"/>
      <c r="AC2684" s="137"/>
      <c r="AD2684" s="137"/>
      <c r="AE2684" s="137"/>
      <c r="AF2684" s="137"/>
      <c r="AG2684" s="137"/>
      <c r="AH2684" s="137"/>
      <c r="AI2684" s="137"/>
      <c r="AJ2684" s="137"/>
      <c r="AK2684" s="137"/>
      <c r="AL2684" s="137"/>
      <c r="AM2684" s="137"/>
      <c r="AN2684" s="137"/>
      <c r="AO2684" s="137"/>
      <c r="AP2684" s="137"/>
      <c r="AQ2684" s="137"/>
      <c r="AR2684" s="137"/>
      <c r="AS2684" s="137"/>
      <c r="AT2684" s="137"/>
      <c r="AU2684" s="137"/>
      <c r="AV2684" s="137"/>
      <c r="AW2684" s="144"/>
    </row>
    <row r="2685" spans="7:49" x14ac:dyDescent="0.2">
      <c r="G2685" s="43"/>
      <c r="Z2685" s="143"/>
      <c r="AA2685" s="137"/>
      <c r="AB2685" s="137"/>
      <c r="AC2685" s="137"/>
      <c r="AD2685" s="137"/>
      <c r="AE2685" s="137"/>
      <c r="AF2685" s="137"/>
      <c r="AG2685" s="137"/>
      <c r="AH2685" s="137"/>
      <c r="AI2685" s="137"/>
      <c r="AJ2685" s="137"/>
      <c r="AK2685" s="137"/>
      <c r="AL2685" s="137"/>
      <c r="AM2685" s="137"/>
      <c r="AN2685" s="137"/>
      <c r="AO2685" s="137"/>
      <c r="AP2685" s="137"/>
      <c r="AQ2685" s="137"/>
      <c r="AR2685" s="137"/>
      <c r="AS2685" s="137"/>
      <c r="AT2685" s="137"/>
      <c r="AU2685" s="137"/>
      <c r="AV2685" s="137"/>
      <c r="AW2685" s="144"/>
    </row>
    <row r="2686" spans="7:49" x14ac:dyDescent="0.2">
      <c r="G2686" s="43"/>
      <c r="Z2686" s="143"/>
      <c r="AA2686" s="137"/>
      <c r="AB2686" s="137"/>
      <c r="AC2686" s="137"/>
      <c r="AD2686" s="137"/>
      <c r="AE2686" s="137"/>
      <c r="AF2686" s="137"/>
      <c r="AG2686" s="137"/>
      <c r="AH2686" s="137"/>
      <c r="AI2686" s="137"/>
      <c r="AJ2686" s="137"/>
      <c r="AK2686" s="137"/>
      <c r="AL2686" s="137"/>
      <c r="AM2686" s="137"/>
      <c r="AN2686" s="137"/>
      <c r="AO2686" s="137"/>
      <c r="AP2686" s="137"/>
      <c r="AQ2686" s="137"/>
      <c r="AR2686" s="137"/>
      <c r="AS2686" s="137"/>
      <c r="AT2686" s="137"/>
      <c r="AU2686" s="137"/>
      <c r="AV2686" s="137"/>
      <c r="AW2686" s="144"/>
    </row>
    <row r="2687" spans="7:49" x14ac:dyDescent="0.2">
      <c r="G2687" s="43"/>
      <c r="Z2687" s="143"/>
      <c r="AA2687" s="137"/>
      <c r="AB2687" s="137"/>
      <c r="AC2687" s="137"/>
      <c r="AD2687" s="137"/>
      <c r="AE2687" s="137"/>
      <c r="AF2687" s="137"/>
      <c r="AG2687" s="137"/>
      <c r="AH2687" s="137"/>
      <c r="AI2687" s="137"/>
      <c r="AJ2687" s="137"/>
      <c r="AK2687" s="137"/>
      <c r="AL2687" s="137"/>
      <c r="AM2687" s="137"/>
      <c r="AN2687" s="137"/>
      <c r="AO2687" s="137"/>
      <c r="AP2687" s="137"/>
      <c r="AQ2687" s="137"/>
      <c r="AR2687" s="137"/>
      <c r="AS2687" s="137"/>
      <c r="AT2687" s="137"/>
      <c r="AU2687" s="137"/>
      <c r="AV2687" s="137"/>
      <c r="AW2687" s="144"/>
    </row>
    <row r="2688" spans="7:49" x14ac:dyDescent="0.2">
      <c r="G2688" s="43"/>
      <c r="Z2688" s="143"/>
      <c r="AA2688" s="137"/>
      <c r="AB2688" s="137"/>
      <c r="AC2688" s="137"/>
      <c r="AD2688" s="137"/>
      <c r="AE2688" s="137"/>
      <c r="AF2688" s="137"/>
      <c r="AG2688" s="137"/>
      <c r="AH2688" s="137"/>
      <c r="AI2688" s="137"/>
      <c r="AJ2688" s="137"/>
      <c r="AK2688" s="137"/>
      <c r="AL2688" s="137"/>
      <c r="AM2688" s="137"/>
      <c r="AN2688" s="137"/>
      <c r="AO2688" s="137"/>
      <c r="AP2688" s="137"/>
      <c r="AQ2688" s="137"/>
      <c r="AR2688" s="137"/>
      <c r="AS2688" s="137"/>
      <c r="AT2688" s="137"/>
      <c r="AU2688" s="137"/>
      <c r="AV2688" s="137"/>
      <c r="AW2688" s="144"/>
    </row>
    <row r="2689" spans="7:49" x14ac:dyDescent="0.2">
      <c r="G2689" s="43"/>
      <c r="Z2689" s="143"/>
      <c r="AA2689" s="137"/>
      <c r="AB2689" s="137"/>
      <c r="AC2689" s="137"/>
      <c r="AD2689" s="137"/>
      <c r="AE2689" s="137"/>
      <c r="AF2689" s="137"/>
      <c r="AG2689" s="137"/>
      <c r="AH2689" s="137"/>
      <c r="AI2689" s="137"/>
      <c r="AJ2689" s="137"/>
      <c r="AK2689" s="137"/>
      <c r="AL2689" s="137"/>
      <c r="AM2689" s="137"/>
      <c r="AN2689" s="137"/>
      <c r="AO2689" s="137"/>
      <c r="AP2689" s="137"/>
      <c r="AQ2689" s="137"/>
      <c r="AR2689" s="137"/>
      <c r="AS2689" s="137"/>
      <c r="AT2689" s="137"/>
      <c r="AU2689" s="137"/>
      <c r="AV2689" s="137"/>
      <c r="AW2689" s="144"/>
    </row>
    <row r="2690" spans="7:49" x14ac:dyDescent="0.2">
      <c r="G2690" s="43"/>
      <c r="Z2690" s="143"/>
      <c r="AA2690" s="137"/>
      <c r="AB2690" s="137"/>
      <c r="AC2690" s="137"/>
      <c r="AD2690" s="137"/>
      <c r="AE2690" s="137"/>
      <c r="AF2690" s="137"/>
      <c r="AG2690" s="137"/>
      <c r="AH2690" s="137"/>
      <c r="AI2690" s="137"/>
      <c r="AJ2690" s="137"/>
      <c r="AK2690" s="137"/>
      <c r="AL2690" s="137"/>
      <c r="AM2690" s="137"/>
      <c r="AN2690" s="137"/>
      <c r="AO2690" s="137"/>
      <c r="AP2690" s="137"/>
      <c r="AQ2690" s="137"/>
      <c r="AR2690" s="137"/>
      <c r="AS2690" s="137"/>
      <c r="AT2690" s="137"/>
      <c r="AU2690" s="137"/>
      <c r="AV2690" s="137"/>
      <c r="AW2690" s="144"/>
    </row>
    <row r="2691" spans="7:49" x14ac:dyDescent="0.2">
      <c r="G2691" s="43"/>
      <c r="Z2691" s="143"/>
      <c r="AA2691" s="137"/>
      <c r="AB2691" s="137"/>
      <c r="AC2691" s="137"/>
      <c r="AD2691" s="137"/>
      <c r="AE2691" s="137"/>
      <c r="AF2691" s="137"/>
      <c r="AG2691" s="137"/>
      <c r="AH2691" s="137"/>
      <c r="AI2691" s="137"/>
      <c r="AJ2691" s="137"/>
      <c r="AK2691" s="137"/>
      <c r="AL2691" s="137"/>
      <c r="AM2691" s="137"/>
      <c r="AN2691" s="137"/>
      <c r="AO2691" s="137"/>
      <c r="AP2691" s="137"/>
      <c r="AQ2691" s="137"/>
      <c r="AR2691" s="137"/>
      <c r="AS2691" s="137"/>
      <c r="AT2691" s="137"/>
      <c r="AU2691" s="137"/>
      <c r="AV2691" s="137"/>
      <c r="AW2691" s="144"/>
    </row>
    <row r="2692" spans="7:49" x14ac:dyDescent="0.2">
      <c r="G2692" s="43"/>
      <c r="Z2692" s="143"/>
      <c r="AA2692" s="137"/>
      <c r="AB2692" s="137"/>
      <c r="AC2692" s="137"/>
      <c r="AD2692" s="137"/>
      <c r="AE2692" s="137"/>
      <c r="AF2692" s="137"/>
      <c r="AG2692" s="137"/>
      <c r="AH2692" s="137"/>
      <c r="AI2692" s="137"/>
      <c r="AJ2692" s="137"/>
      <c r="AK2692" s="137"/>
      <c r="AL2692" s="137"/>
      <c r="AM2692" s="137"/>
      <c r="AN2692" s="137"/>
      <c r="AO2692" s="137"/>
      <c r="AP2692" s="137"/>
      <c r="AQ2692" s="137"/>
      <c r="AR2692" s="137"/>
      <c r="AS2692" s="137"/>
      <c r="AT2692" s="137"/>
      <c r="AU2692" s="137"/>
      <c r="AV2692" s="137"/>
      <c r="AW2692" s="144"/>
    </row>
    <row r="2693" spans="7:49" x14ac:dyDescent="0.2">
      <c r="G2693" s="43"/>
      <c r="Z2693" s="143"/>
      <c r="AA2693" s="137"/>
      <c r="AB2693" s="137"/>
      <c r="AC2693" s="137"/>
      <c r="AD2693" s="137"/>
      <c r="AE2693" s="137"/>
      <c r="AF2693" s="137"/>
      <c r="AG2693" s="137"/>
      <c r="AH2693" s="137"/>
      <c r="AI2693" s="137"/>
      <c r="AJ2693" s="137"/>
      <c r="AK2693" s="137"/>
      <c r="AL2693" s="137"/>
      <c r="AM2693" s="137"/>
      <c r="AN2693" s="137"/>
      <c r="AO2693" s="137"/>
      <c r="AP2693" s="137"/>
      <c r="AQ2693" s="137"/>
      <c r="AR2693" s="137"/>
      <c r="AS2693" s="137"/>
      <c r="AT2693" s="137"/>
      <c r="AU2693" s="137"/>
      <c r="AV2693" s="137"/>
      <c r="AW2693" s="144"/>
    </row>
    <row r="2694" spans="7:49" x14ac:dyDescent="0.2">
      <c r="G2694" s="43"/>
      <c r="Z2694" s="143"/>
      <c r="AA2694" s="137"/>
      <c r="AB2694" s="137"/>
      <c r="AC2694" s="137"/>
      <c r="AD2694" s="137"/>
      <c r="AE2694" s="137"/>
      <c r="AF2694" s="137"/>
      <c r="AG2694" s="137"/>
      <c r="AH2694" s="137"/>
      <c r="AI2694" s="137"/>
      <c r="AJ2694" s="137"/>
      <c r="AK2694" s="137"/>
      <c r="AL2694" s="137"/>
      <c r="AM2694" s="137"/>
      <c r="AN2694" s="137"/>
      <c r="AO2694" s="137"/>
      <c r="AP2694" s="137"/>
      <c r="AQ2694" s="137"/>
      <c r="AR2694" s="137"/>
      <c r="AS2694" s="137"/>
      <c r="AT2694" s="137"/>
      <c r="AU2694" s="137"/>
      <c r="AV2694" s="137"/>
      <c r="AW2694" s="144"/>
    </row>
    <row r="2695" spans="7:49" x14ac:dyDescent="0.2">
      <c r="G2695" s="43"/>
      <c r="Z2695" s="143"/>
      <c r="AA2695" s="137"/>
      <c r="AB2695" s="137"/>
      <c r="AC2695" s="137"/>
      <c r="AD2695" s="137"/>
      <c r="AE2695" s="137"/>
      <c r="AF2695" s="137"/>
      <c r="AG2695" s="137"/>
      <c r="AH2695" s="137"/>
      <c r="AI2695" s="137"/>
      <c r="AJ2695" s="137"/>
      <c r="AK2695" s="137"/>
      <c r="AL2695" s="137"/>
      <c r="AM2695" s="137"/>
      <c r="AN2695" s="137"/>
      <c r="AO2695" s="137"/>
      <c r="AP2695" s="137"/>
      <c r="AQ2695" s="137"/>
      <c r="AR2695" s="137"/>
      <c r="AS2695" s="137"/>
      <c r="AT2695" s="137"/>
      <c r="AU2695" s="137"/>
      <c r="AV2695" s="137"/>
      <c r="AW2695" s="144"/>
    </row>
    <row r="2696" spans="7:49" x14ac:dyDescent="0.2">
      <c r="G2696" s="43"/>
      <c r="Z2696" s="143"/>
      <c r="AA2696" s="137"/>
      <c r="AB2696" s="137"/>
      <c r="AC2696" s="137"/>
      <c r="AD2696" s="137"/>
      <c r="AE2696" s="137"/>
      <c r="AF2696" s="137"/>
      <c r="AG2696" s="137"/>
      <c r="AH2696" s="137"/>
      <c r="AI2696" s="137"/>
      <c r="AJ2696" s="137"/>
      <c r="AK2696" s="137"/>
      <c r="AL2696" s="137"/>
      <c r="AM2696" s="137"/>
      <c r="AN2696" s="137"/>
      <c r="AO2696" s="137"/>
      <c r="AP2696" s="137"/>
      <c r="AQ2696" s="137"/>
      <c r="AR2696" s="137"/>
      <c r="AS2696" s="137"/>
      <c r="AT2696" s="137"/>
      <c r="AU2696" s="137"/>
      <c r="AV2696" s="137"/>
      <c r="AW2696" s="144"/>
    </row>
    <row r="2697" spans="7:49" x14ac:dyDescent="0.2">
      <c r="G2697" s="43"/>
      <c r="Z2697" s="143"/>
      <c r="AA2697" s="137"/>
      <c r="AB2697" s="137"/>
      <c r="AC2697" s="137"/>
      <c r="AD2697" s="137"/>
      <c r="AE2697" s="137"/>
      <c r="AF2697" s="137"/>
      <c r="AG2697" s="137"/>
      <c r="AH2697" s="137"/>
      <c r="AI2697" s="137"/>
      <c r="AJ2697" s="137"/>
      <c r="AK2697" s="137"/>
      <c r="AL2697" s="137"/>
      <c r="AM2697" s="137"/>
      <c r="AN2697" s="137"/>
      <c r="AO2697" s="137"/>
      <c r="AP2697" s="137"/>
      <c r="AQ2697" s="137"/>
      <c r="AR2697" s="137"/>
      <c r="AS2697" s="137"/>
      <c r="AT2697" s="137"/>
      <c r="AU2697" s="137"/>
      <c r="AV2697" s="137"/>
      <c r="AW2697" s="144"/>
    </row>
    <row r="2698" spans="7:49" x14ac:dyDescent="0.2">
      <c r="G2698" s="43"/>
      <c r="Z2698" s="143"/>
      <c r="AA2698" s="137"/>
      <c r="AB2698" s="137"/>
      <c r="AC2698" s="137"/>
      <c r="AD2698" s="137"/>
      <c r="AE2698" s="137"/>
      <c r="AF2698" s="137"/>
      <c r="AG2698" s="137"/>
      <c r="AH2698" s="137"/>
      <c r="AI2698" s="137"/>
      <c r="AJ2698" s="137"/>
      <c r="AK2698" s="137"/>
      <c r="AL2698" s="137"/>
      <c r="AM2698" s="137"/>
      <c r="AN2698" s="137"/>
      <c r="AO2698" s="137"/>
      <c r="AP2698" s="137"/>
      <c r="AQ2698" s="137"/>
      <c r="AR2698" s="137"/>
      <c r="AS2698" s="137"/>
      <c r="AT2698" s="137"/>
      <c r="AU2698" s="137"/>
      <c r="AV2698" s="137"/>
      <c r="AW2698" s="144"/>
    </row>
    <row r="2699" spans="7:49" x14ac:dyDescent="0.2">
      <c r="G2699" s="43"/>
      <c r="Z2699" s="143"/>
      <c r="AA2699" s="137"/>
      <c r="AB2699" s="137"/>
      <c r="AC2699" s="137"/>
      <c r="AD2699" s="137"/>
      <c r="AE2699" s="137"/>
      <c r="AF2699" s="137"/>
      <c r="AG2699" s="137"/>
      <c r="AH2699" s="137"/>
      <c r="AI2699" s="137"/>
      <c r="AJ2699" s="137"/>
      <c r="AK2699" s="137"/>
      <c r="AL2699" s="137"/>
      <c r="AM2699" s="137"/>
      <c r="AN2699" s="137"/>
      <c r="AO2699" s="137"/>
      <c r="AP2699" s="137"/>
      <c r="AQ2699" s="137"/>
      <c r="AR2699" s="137"/>
      <c r="AS2699" s="137"/>
      <c r="AT2699" s="137"/>
      <c r="AU2699" s="137"/>
      <c r="AV2699" s="137"/>
      <c r="AW2699" s="144"/>
    </row>
    <row r="2700" spans="7:49" x14ac:dyDescent="0.2">
      <c r="G2700" s="43"/>
      <c r="Z2700" s="143"/>
      <c r="AA2700" s="137"/>
      <c r="AB2700" s="137"/>
      <c r="AC2700" s="137"/>
      <c r="AD2700" s="137"/>
      <c r="AE2700" s="137"/>
      <c r="AF2700" s="137"/>
      <c r="AG2700" s="137"/>
      <c r="AH2700" s="137"/>
      <c r="AI2700" s="137"/>
      <c r="AJ2700" s="137"/>
      <c r="AK2700" s="137"/>
      <c r="AL2700" s="137"/>
      <c r="AM2700" s="137"/>
      <c r="AN2700" s="137"/>
      <c r="AO2700" s="137"/>
      <c r="AP2700" s="137"/>
      <c r="AQ2700" s="137"/>
      <c r="AR2700" s="137"/>
      <c r="AS2700" s="137"/>
      <c r="AT2700" s="137"/>
      <c r="AU2700" s="137"/>
      <c r="AV2700" s="137"/>
      <c r="AW2700" s="144"/>
    </row>
    <row r="2701" spans="7:49" x14ac:dyDescent="0.2">
      <c r="G2701" s="43"/>
      <c r="Z2701" s="143"/>
      <c r="AA2701" s="137"/>
      <c r="AB2701" s="137"/>
      <c r="AC2701" s="137"/>
      <c r="AD2701" s="137"/>
      <c r="AE2701" s="137"/>
      <c r="AF2701" s="137"/>
      <c r="AG2701" s="137"/>
      <c r="AH2701" s="137"/>
      <c r="AI2701" s="137"/>
      <c r="AJ2701" s="137"/>
      <c r="AK2701" s="137"/>
      <c r="AL2701" s="137"/>
      <c r="AM2701" s="137"/>
      <c r="AN2701" s="137"/>
      <c r="AO2701" s="137"/>
      <c r="AP2701" s="137"/>
      <c r="AQ2701" s="137"/>
      <c r="AR2701" s="137"/>
      <c r="AS2701" s="137"/>
      <c r="AT2701" s="137"/>
      <c r="AU2701" s="137"/>
      <c r="AV2701" s="137"/>
      <c r="AW2701" s="144"/>
    </row>
    <row r="2702" spans="7:49" x14ac:dyDescent="0.2">
      <c r="G2702" s="43"/>
      <c r="Z2702" s="143"/>
      <c r="AA2702" s="137"/>
      <c r="AB2702" s="137"/>
      <c r="AC2702" s="137"/>
      <c r="AD2702" s="137"/>
      <c r="AE2702" s="137"/>
      <c r="AF2702" s="137"/>
      <c r="AG2702" s="137"/>
      <c r="AH2702" s="137"/>
      <c r="AI2702" s="137"/>
      <c r="AJ2702" s="137"/>
      <c r="AK2702" s="137"/>
      <c r="AL2702" s="137"/>
      <c r="AM2702" s="137"/>
      <c r="AN2702" s="137"/>
      <c r="AO2702" s="137"/>
      <c r="AP2702" s="137"/>
      <c r="AQ2702" s="137"/>
      <c r="AR2702" s="137"/>
      <c r="AS2702" s="137"/>
      <c r="AT2702" s="137"/>
      <c r="AU2702" s="137"/>
      <c r="AV2702" s="137"/>
      <c r="AW2702" s="144"/>
    </row>
    <row r="2703" spans="7:49" x14ac:dyDescent="0.2">
      <c r="G2703" s="43"/>
      <c r="Z2703" s="143"/>
      <c r="AA2703" s="137"/>
      <c r="AB2703" s="137"/>
      <c r="AC2703" s="137"/>
      <c r="AD2703" s="137"/>
      <c r="AE2703" s="137"/>
      <c r="AF2703" s="137"/>
      <c r="AG2703" s="137"/>
      <c r="AH2703" s="137"/>
      <c r="AI2703" s="137"/>
      <c r="AJ2703" s="137"/>
      <c r="AK2703" s="137"/>
      <c r="AL2703" s="137"/>
      <c r="AM2703" s="137"/>
      <c r="AN2703" s="137"/>
      <c r="AO2703" s="137"/>
      <c r="AP2703" s="137"/>
      <c r="AQ2703" s="137"/>
      <c r="AR2703" s="137"/>
      <c r="AS2703" s="137"/>
      <c r="AT2703" s="137"/>
      <c r="AU2703" s="137"/>
      <c r="AV2703" s="137"/>
      <c r="AW2703" s="144"/>
    </row>
    <row r="2704" spans="7:49" x14ac:dyDescent="0.2">
      <c r="G2704" s="43"/>
      <c r="Z2704" s="143"/>
      <c r="AA2704" s="137"/>
      <c r="AB2704" s="137"/>
      <c r="AC2704" s="137"/>
      <c r="AD2704" s="137"/>
      <c r="AE2704" s="137"/>
      <c r="AF2704" s="137"/>
      <c r="AG2704" s="137"/>
      <c r="AH2704" s="137"/>
      <c r="AI2704" s="137"/>
      <c r="AJ2704" s="137"/>
      <c r="AK2704" s="137"/>
      <c r="AL2704" s="137"/>
      <c r="AM2704" s="137"/>
      <c r="AN2704" s="137"/>
      <c r="AO2704" s="137"/>
      <c r="AP2704" s="137"/>
      <c r="AQ2704" s="137"/>
      <c r="AR2704" s="137"/>
      <c r="AS2704" s="137"/>
      <c r="AT2704" s="137"/>
      <c r="AU2704" s="137"/>
      <c r="AV2704" s="137"/>
      <c r="AW2704" s="144"/>
    </row>
    <row r="2705" spans="7:49" x14ac:dyDescent="0.2">
      <c r="G2705" s="43"/>
      <c r="Z2705" s="143"/>
      <c r="AA2705" s="137"/>
      <c r="AB2705" s="137"/>
      <c r="AC2705" s="137"/>
      <c r="AD2705" s="137"/>
      <c r="AE2705" s="137"/>
      <c r="AF2705" s="137"/>
      <c r="AG2705" s="137"/>
      <c r="AH2705" s="137"/>
      <c r="AI2705" s="137"/>
      <c r="AJ2705" s="137"/>
      <c r="AK2705" s="137"/>
      <c r="AL2705" s="137"/>
      <c r="AM2705" s="137"/>
      <c r="AN2705" s="137"/>
      <c r="AO2705" s="137"/>
      <c r="AP2705" s="137"/>
      <c r="AQ2705" s="137"/>
      <c r="AR2705" s="137"/>
      <c r="AS2705" s="137"/>
      <c r="AT2705" s="137"/>
      <c r="AU2705" s="137"/>
      <c r="AV2705" s="137"/>
      <c r="AW2705" s="144"/>
    </row>
    <row r="2706" spans="7:49" x14ac:dyDescent="0.2">
      <c r="G2706" s="43"/>
      <c r="Z2706" s="143"/>
      <c r="AA2706" s="137"/>
      <c r="AB2706" s="137"/>
      <c r="AC2706" s="137"/>
      <c r="AD2706" s="137"/>
      <c r="AE2706" s="137"/>
      <c r="AF2706" s="137"/>
      <c r="AG2706" s="137"/>
      <c r="AH2706" s="137"/>
      <c r="AI2706" s="137"/>
      <c r="AJ2706" s="137"/>
      <c r="AK2706" s="137"/>
      <c r="AL2706" s="137"/>
      <c r="AM2706" s="137"/>
      <c r="AN2706" s="137"/>
      <c r="AO2706" s="137"/>
      <c r="AP2706" s="137"/>
      <c r="AQ2706" s="137"/>
      <c r="AR2706" s="137"/>
      <c r="AS2706" s="137"/>
      <c r="AT2706" s="137"/>
      <c r="AU2706" s="137"/>
      <c r="AV2706" s="137"/>
      <c r="AW2706" s="144"/>
    </row>
    <row r="2707" spans="7:49" x14ac:dyDescent="0.2">
      <c r="G2707" s="43"/>
      <c r="Z2707" s="143"/>
      <c r="AA2707" s="137"/>
      <c r="AB2707" s="137"/>
      <c r="AC2707" s="137"/>
      <c r="AD2707" s="137"/>
      <c r="AE2707" s="137"/>
      <c r="AF2707" s="137"/>
      <c r="AG2707" s="137"/>
      <c r="AH2707" s="137"/>
      <c r="AI2707" s="137"/>
      <c r="AJ2707" s="137"/>
      <c r="AK2707" s="137"/>
      <c r="AL2707" s="137"/>
      <c r="AM2707" s="137"/>
      <c r="AN2707" s="137"/>
      <c r="AO2707" s="137"/>
      <c r="AP2707" s="137"/>
      <c r="AQ2707" s="137"/>
      <c r="AR2707" s="137"/>
      <c r="AS2707" s="137"/>
      <c r="AT2707" s="137"/>
      <c r="AU2707" s="137"/>
      <c r="AV2707" s="137"/>
      <c r="AW2707" s="144"/>
    </row>
    <row r="2708" spans="7:49" x14ac:dyDescent="0.2">
      <c r="G2708" s="43"/>
      <c r="Z2708" s="143"/>
      <c r="AA2708" s="137"/>
      <c r="AB2708" s="137"/>
      <c r="AC2708" s="137"/>
      <c r="AD2708" s="137"/>
      <c r="AE2708" s="137"/>
      <c r="AF2708" s="137"/>
      <c r="AG2708" s="137"/>
      <c r="AH2708" s="137"/>
      <c r="AI2708" s="137"/>
      <c r="AJ2708" s="137"/>
      <c r="AK2708" s="137"/>
      <c r="AL2708" s="137"/>
      <c r="AM2708" s="137"/>
      <c r="AN2708" s="137"/>
      <c r="AO2708" s="137"/>
      <c r="AP2708" s="137"/>
      <c r="AQ2708" s="137"/>
      <c r="AR2708" s="137"/>
      <c r="AS2708" s="137"/>
      <c r="AT2708" s="137"/>
      <c r="AU2708" s="137"/>
      <c r="AV2708" s="137"/>
      <c r="AW2708" s="144"/>
    </row>
    <row r="2709" spans="7:49" x14ac:dyDescent="0.2">
      <c r="G2709" s="43"/>
      <c r="Z2709" s="143"/>
      <c r="AA2709" s="137"/>
      <c r="AB2709" s="137"/>
      <c r="AC2709" s="137"/>
      <c r="AD2709" s="137"/>
      <c r="AE2709" s="137"/>
      <c r="AF2709" s="137"/>
      <c r="AG2709" s="137"/>
      <c r="AH2709" s="137"/>
      <c r="AI2709" s="137"/>
      <c r="AJ2709" s="137"/>
      <c r="AK2709" s="137"/>
      <c r="AL2709" s="137"/>
      <c r="AM2709" s="137"/>
      <c r="AN2709" s="137"/>
      <c r="AO2709" s="137"/>
      <c r="AP2709" s="137"/>
      <c r="AQ2709" s="137"/>
      <c r="AR2709" s="137"/>
      <c r="AS2709" s="137"/>
      <c r="AT2709" s="137"/>
      <c r="AU2709" s="137"/>
      <c r="AV2709" s="137"/>
      <c r="AW2709" s="144"/>
    </row>
    <row r="2710" spans="7:49" x14ac:dyDescent="0.2">
      <c r="G2710" s="43"/>
      <c r="Z2710" s="143"/>
      <c r="AA2710" s="137"/>
      <c r="AB2710" s="137"/>
      <c r="AC2710" s="137"/>
      <c r="AD2710" s="137"/>
      <c r="AE2710" s="137"/>
      <c r="AF2710" s="137"/>
      <c r="AG2710" s="137"/>
      <c r="AH2710" s="137"/>
      <c r="AI2710" s="137"/>
      <c r="AJ2710" s="137"/>
      <c r="AK2710" s="137"/>
      <c r="AL2710" s="137"/>
      <c r="AM2710" s="137"/>
      <c r="AN2710" s="137"/>
      <c r="AO2710" s="137"/>
      <c r="AP2710" s="137"/>
      <c r="AQ2710" s="137"/>
      <c r="AR2710" s="137"/>
      <c r="AS2710" s="137"/>
      <c r="AT2710" s="137"/>
      <c r="AU2710" s="137"/>
      <c r="AV2710" s="137"/>
      <c r="AW2710" s="144"/>
    </row>
    <row r="2711" spans="7:49" x14ac:dyDescent="0.2">
      <c r="G2711" s="43"/>
      <c r="Z2711" s="143"/>
      <c r="AA2711" s="137"/>
      <c r="AB2711" s="137"/>
      <c r="AC2711" s="137"/>
      <c r="AD2711" s="137"/>
      <c r="AE2711" s="137"/>
      <c r="AF2711" s="137"/>
      <c r="AG2711" s="137"/>
      <c r="AH2711" s="137"/>
      <c r="AI2711" s="137"/>
      <c r="AJ2711" s="137"/>
      <c r="AK2711" s="137"/>
      <c r="AL2711" s="137"/>
      <c r="AM2711" s="137"/>
      <c r="AN2711" s="137"/>
      <c r="AO2711" s="137"/>
      <c r="AP2711" s="137"/>
      <c r="AQ2711" s="137"/>
      <c r="AR2711" s="137"/>
      <c r="AS2711" s="137"/>
      <c r="AT2711" s="137"/>
      <c r="AU2711" s="137"/>
      <c r="AV2711" s="137"/>
      <c r="AW2711" s="144"/>
    </row>
    <row r="2712" spans="7:49" x14ac:dyDescent="0.2">
      <c r="G2712" s="43"/>
      <c r="Z2712" s="143"/>
      <c r="AA2712" s="137"/>
      <c r="AB2712" s="137"/>
      <c r="AC2712" s="137"/>
      <c r="AD2712" s="137"/>
      <c r="AE2712" s="137"/>
      <c r="AF2712" s="137"/>
      <c r="AG2712" s="137"/>
      <c r="AH2712" s="137"/>
      <c r="AI2712" s="137"/>
      <c r="AJ2712" s="137"/>
      <c r="AK2712" s="137"/>
      <c r="AL2712" s="137"/>
      <c r="AM2712" s="137"/>
      <c r="AN2712" s="137"/>
      <c r="AO2712" s="137"/>
      <c r="AP2712" s="137"/>
      <c r="AQ2712" s="137"/>
      <c r="AR2712" s="137"/>
      <c r="AS2712" s="137"/>
      <c r="AT2712" s="137"/>
      <c r="AU2712" s="137"/>
      <c r="AV2712" s="137"/>
      <c r="AW2712" s="144"/>
    </row>
    <row r="2713" spans="7:49" x14ac:dyDescent="0.2">
      <c r="G2713" s="43"/>
      <c r="Z2713" s="143"/>
      <c r="AA2713" s="137"/>
      <c r="AB2713" s="137"/>
      <c r="AC2713" s="137"/>
      <c r="AD2713" s="137"/>
      <c r="AE2713" s="137"/>
      <c r="AF2713" s="137"/>
      <c r="AG2713" s="137"/>
      <c r="AH2713" s="137"/>
      <c r="AI2713" s="137"/>
      <c r="AJ2713" s="137"/>
      <c r="AK2713" s="137"/>
      <c r="AL2713" s="137"/>
      <c r="AM2713" s="137"/>
      <c r="AN2713" s="137"/>
      <c r="AO2713" s="137"/>
      <c r="AP2713" s="137"/>
      <c r="AQ2713" s="137"/>
      <c r="AR2713" s="137"/>
      <c r="AS2713" s="137"/>
      <c r="AT2713" s="137"/>
      <c r="AU2713" s="137"/>
      <c r="AV2713" s="137"/>
      <c r="AW2713" s="144"/>
    </row>
    <row r="2714" spans="7:49" x14ac:dyDescent="0.2">
      <c r="G2714" s="43"/>
      <c r="Z2714" s="143"/>
      <c r="AA2714" s="137"/>
      <c r="AB2714" s="137"/>
      <c r="AC2714" s="137"/>
      <c r="AD2714" s="137"/>
      <c r="AE2714" s="137"/>
      <c r="AF2714" s="137"/>
      <c r="AG2714" s="137"/>
      <c r="AH2714" s="137"/>
      <c r="AI2714" s="137"/>
      <c r="AJ2714" s="137"/>
      <c r="AK2714" s="137"/>
      <c r="AL2714" s="137"/>
      <c r="AM2714" s="137"/>
      <c r="AN2714" s="137"/>
      <c r="AO2714" s="137"/>
      <c r="AP2714" s="137"/>
      <c r="AQ2714" s="137"/>
      <c r="AR2714" s="137"/>
      <c r="AS2714" s="137"/>
      <c r="AT2714" s="137"/>
      <c r="AU2714" s="137"/>
      <c r="AV2714" s="137"/>
      <c r="AW2714" s="144"/>
    </row>
    <row r="2715" spans="7:49" x14ac:dyDescent="0.2">
      <c r="G2715" s="43"/>
      <c r="Z2715" s="143"/>
      <c r="AA2715" s="137"/>
      <c r="AB2715" s="137"/>
      <c r="AC2715" s="137"/>
      <c r="AD2715" s="137"/>
      <c r="AE2715" s="137"/>
      <c r="AF2715" s="137"/>
      <c r="AG2715" s="137"/>
      <c r="AH2715" s="137"/>
      <c r="AI2715" s="137"/>
      <c r="AJ2715" s="137"/>
      <c r="AK2715" s="137"/>
      <c r="AL2715" s="137"/>
      <c r="AM2715" s="137"/>
      <c r="AN2715" s="137"/>
      <c r="AO2715" s="137"/>
      <c r="AP2715" s="137"/>
      <c r="AQ2715" s="137"/>
      <c r="AR2715" s="137"/>
      <c r="AS2715" s="137"/>
      <c r="AT2715" s="137"/>
      <c r="AU2715" s="137"/>
      <c r="AV2715" s="137"/>
      <c r="AW2715" s="144"/>
    </row>
    <row r="2716" spans="7:49" x14ac:dyDescent="0.2">
      <c r="G2716" s="43"/>
      <c r="Z2716" s="143"/>
      <c r="AA2716" s="137"/>
      <c r="AB2716" s="137"/>
      <c r="AC2716" s="137"/>
      <c r="AD2716" s="137"/>
      <c r="AE2716" s="137"/>
      <c r="AF2716" s="137"/>
      <c r="AG2716" s="137"/>
      <c r="AH2716" s="137"/>
      <c r="AI2716" s="137"/>
      <c r="AJ2716" s="137"/>
      <c r="AK2716" s="137"/>
      <c r="AL2716" s="137"/>
      <c r="AM2716" s="137"/>
      <c r="AN2716" s="137"/>
      <c r="AO2716" s="137"/>
      <c r="AP2716" s="137"/>
      <c r="AQ2716" s="137"/>
      <c r="AR2716" s="137"/>
      <c r="AS2716" s="137"/>
      <c r="AT2716" s="137"/>
      <c r="AU2716" s="137"/>
      <c r="AV2716" s="137"/>
      <c r="AW2716" s="144"/>
    </row>
    <row r="2717" spans="7:49" x14ac:dyDescent="0.2">
      <c r="G2717" s="43"/>
      <c r="Z2717" s="143"/>
      <c r="AA2717" s="137"/>
      <c r="AB2717" s="137"/>
      <c r="AC2717" s="137"/>
      <c r="AD2717" s="137"/>
      <c r="AE2717" s="137"/>
      <c r="AF2717" s="137"/>
      <c r="AG2717" s="137"/>
      <c r="AH2717" s="137"/>
      <c r="AI2717" s="137"/>
      <c r="AJ2717" s="137"/>
      <c r="AK2717" s="137"/>
      <c r="AL2717" s="137"/>
      <c r="AM2717" s="137"/>
      <c r="AN2717" s="137"/>
      <c r="AO2717" s="137"/>
      <c r="AP2717" s="137"/>
      <c r="AQ2717" s="137"/>
      <c r="AR2717" s="137"/>
      <c r="AS2717" s="137"/>
      <c r="AT2717" s="137"/>
      <c r="AU2717" s="137"/>
      <c r="AV2717" s="137"/>
      <c r="AW2717" s="144"/>
    </row>
    <row r="2718" spans="7:49" x14ac:dyDescent="0.2">
      <c r="G2718" s="43"/>
      <c r="Z2718" s="143"/>
      <c r="AA2718" s="137"/>
      <c r="AB2718" s="137"/>
      <c r="AC2718" s="137"/>
      <c r="AD2718" s="137"/>
      <c r="AE2718" s="137"/>
      <c r="AF2718" s="137"/>
      <c r="AG2718" s="137"/>
      <c r="AH2718" s="137"/>
      <c r="AI2718" s="137"/>
      <c r="AJ2718" s="137"/>
      <c r="AK2718" s="137"/>
      <c r="AL2718" s="137"/>
      <c r="AM2718" s="137"/>
      <c r="AN2718" s="137"/>
      <c r="AO2718" s="137"/>
      <c r="AP2718" s="137"/>
      <c r="AQ2718" s="137"/>
      <c r="AR2718" s="137"/>
      <c r="AS2718" s="137"/>
      <c r="AT2718" s="137"/>
      <c r="AU2718" s="137"/>
      <c r="AV2718" s="137"/>
      <c r="AW2718" s="144"/>
    </row>
    <row r="2719" spans="7:49" x14ac:dyDescent="0.2">
      <c r="G2719" s="43"/>
      <c r="Z2719" s="143"/>
      <c r="AA2719" s="137"/>
      <c r="AB2719" s="137"/>
      <c r="AC2719" s="137"/>
      <c r="AD2719" s="137"/>
      <c r="AE2719" s="137"/>
      <c r="AF2719" s="137"/>
      <c r="AG2719" s="137"/>
      <c r="AH2719" s="137"/>
      <c r="AI2719" s="137"/>
      <c r="AJ2719" s="137"/>
      <c r="AK2719" s="137"/>
      <c r="AL2719" s="137"/>
      <c r="AM2719" s="137"/>
      <c r="AN2719" s="137"/>
      <c r="AO2719" s="137"/>
      <c r="AP2719" s="137"/>
      <c r="AQ2719" s="137"/>
      <c r="AR2719" s="137"/>
      <c r="AS2719" s="137"/>
      <c r="AT2719" s="137"/>
      <c r="AU2719" s="137"/>
      <c r="AV2719" s="137"/>
      <c r="AW2719" s="144"/>
    </row>
    <row r="2720" spans="7:49" x14ac:dyDescent="0.2">
      <c r="G2720" s="43"/>
      <c r="Z2720" s="143"/>
      <c r="AA2720" s="137"/>
      <c r="AB2720" s="137"/>
      <c r="AC2720" s="137"/>
      <c r="AD2720" s="137"/>
      <c r="AE2720" s="137"/>
      <c r="AF2720" s="137"/>
      <c r="AG2720" s="137"/>
      <c r="AH2720" s="137"/>
      <c r="AI2720" s="137"/>
      <c r="AJ2720" s="137"/>
      <c r="AK2720" s="137"/>
      <c r="AL2720" s="137"/>
      <c r="AM2720" s="137"/>
      <c r="AN2720" s="137"/>
      <c r="AO2720" s="137"/>
      <c r="AP2720" s="137"/>
      <c r="AQ2720" s="137"/>
      <c r="AR2720" s="137"/>
      <c r="AS2720" s="137"/>
      <c r="AT2720" s="137"/>
      <c r="AU2720" s="137"/>
      <c r="AV2720" s="137"/>
      <c r="AW2720" s="144"/>
    </row>
    <row r="2721" spans="7:49" x14ac:dyDescent="0.2">
      <c r="G2721" s="43"/>
      <c r="Z2721" s="143"/>
      <c r="AA2721" s="137"/>
      <c r="AB2721" s="137"/>
      <c r="AC2721" s="137"/>
      <c r="AD2721" s="137"/>
      <c r="AE2721" s="137"/>
      <c r="AF2721" s="137"/>
      <c r="AG2721" s="137"/>
      <c r="AH2721" s="137"/>
      <c r="AI2721" s="137"/>
      <c r="AJ2721" s="137"/>
      <c r="AK2721" s="137"/>
      <c r="AL2721" s="137"/>
      <c r="AM2721" s="137"/>
      <c r="AN2721" s="137"/>
      <c r="AO2721" s="137"/>
      <c r="AP2721" s="137"/>
      <c r="AQ2721" s="137"/>
      <c r="AR2721" s="137"/>
      <c r="AS2721" s="137"/>
      <c r="AT2721" s="137"/>
      <c r="AU2721" s="137"/>
      <c r="AV2721" s="137"/>
      <c r="AW2721" s="144"/>
    </row>
    <row r="2722" spans="7:49" x14ac:dyDescent="0.2">
      <c r="G2722" s="43"/>
      <c r="Z2722" s="143"/>
      <c r="AA2722" s="137"/>
      <c r="AB2722" s="137"/>
      <c r="AC2722" s="137"/>
      <c r="AD2722" s="137"/>
      <c r="AE2722" s="137"/>
      <c r="AF2722" s="137"/>
      <c r="AG2722" s="137"/>
      <c r="AH2722" s="137"/>
      <c r="AI2722" s="137"/>
      <c r="AJ2722" s="137"/>
      <c r="AK2722" s="137"/>
      <c r="AL2722" s="137"/>
      <c r="AM2722" s="137"/>
      <c r="AN2722" s="137"/>
      <c r="AO2722" s="137"/>
      <c r="AP2722" s="137"/>
      <c r="AQ2722" s="137"/>
      <c r="AR2722" s="137"/>
      <c r="AS2722" s="137"/>
      <c r="AT2722" s="137"/>
      <c r="AU2722" s="137"/>
      <c r="AV2722" s="137"/>
      <c r="AW2722" s="144"/>
    </row>
    <row r="2723" spans="7:49" x14ac:dyDescent="0.2">
      <c r="G2723" s="43"/>
      <c r="Z2723" s="143"/>
      <c r="AA2723" s="137"/>
      <c r="AB2723" s="137"/>
      <c r="AC2723" s="137"/>
      <c r="AD2723" s="137"/>
      <c r="AE2723" s="137"/>
      <c r="AF2723" s="137"/>
      <c r="AG2723" s="137"/>
      <c r="AH2723" s="137"/>
      <c r="AI2723" s="137"/>
      <c r="AJ2723" s="137"/>
      <c r="AK2723" s="137"/>
      <c r="AL2723" s="137"/>
      <c r="AM2723" s="137"/>
      <c r="AN2723" s="137"/>
      <c r="AO2723" s="137"/>
      <c r="AP2723" s="137"/>
      <c r="AQ2723" s="137"/>
      <c r="AR2723" s="137"/>
      <c r="AS2723" s="137"/>
      <c r="AT2723" s="137"/>
      <c r="AU2723" s="137"/>
      <c r="AV2723" s="137"/>
      <c r="AW2723" s="144"/>
    </row>
    <row r="2724" spans="7:49" x14ac:dyDescent="0.2">
      <c r="G2724" s="43"/>
      <c r="Z2724" s="143"/>
      <c r="AA2724" s="137"/>
      <c r="AB2724" s="137"/>
      <c r="AC2724" s="137"/>
      <c r="AD2724" s="137"/>
      <c r="AE2724" s="137"/>
      <c r="AF2724" s="137"/>
      <c r="AG2724" s="137"/>
      <c r="AH2724" s="137"/>
      <c r="AI2724" s="137"/>
      <c r="AJ2724" s="137"/>
      <c r="AK2724" s="137"/>
      <c r="AL2724" s="137"/>
      <c r="AM2724" s="137"/>
      <c r="AN2724" s="137"/>
      <c r="AO2724" s="137"/>
      <c r="AP2724" s="137"/>
      <c r="AQ2724" s="137"/>
      <c r="AR2724" s="137"/>
      <c r="AS2724" s="137"/>
      <c r="AT2724" s="137"/>
      <c r="AU2724" s="137"/>
      <c r="AV2724" s="137"/>
      <c r="AW2724" s="144"/>
    </row>
    <row r="2725" spans="7:49" x14ac:dyDescent="0.2">
      <c r="G2725" s="43"/>
      <c r="Z2725" s="143"/>
      <c r="AA2725" s="137"/>
      <c r="AB2725" s="137"/>
      <c r="AC2725" s="137"/>
      <c r="AD2725" s="137"/>
      <c r="AE2725" s="137"/>
      <c r="AF2725" s="137"/>
      <c r="AG2725" s="137"/>
      <c r="AH2725" s="137"/>
      <c r="AI2725" s="137"/>
      <c r="AJ2725" s="137"/>
      <c r="AK2725" s="137"/>
      <c r="AL2725" s="137"/>
      <c r="AM2725" s="137"/>
      <c r="AN2725" s="137"/>
      <c r="AO2725" s="137"/>
      <c r="AP2725" s="137"/>
      <c r="AQ2725" s="137"/>
      <c r="AR2725" s="137"/>
      <c r="AS2725" s="137"/>
      <c r="AT2725" s="137"/>
      <c r="AU2725" s="137"/>
      <c r="AV2725" s="137"/>
      <c r="AW2725" s="144"/>
    </row>
    <row r="2726" spans="7:49" x14ac:dyDescent="0.2">
      <c r="G2726" s="43"/>
      <c r="Z2726" s="143"/>
      <c r="AA2726" s="137"/>
      <c r="AB2726" s="137"/>
      <c r="AC2726" s="137"/>
      <c r="AD2726" s="137"/>
      <c r="AE2726" s="137"/>
      <c r="AF2726" s="137"/>
      <c r="AG2726" s="137"/>
      <c r="AH2726" s="137"/>
      <c r="AI2726" s="137"/>
      <c r="AJ2726" s="137"/>
      <c r="AK2726" s="137"/>
      <c r="AL2726" s="137"/>
      <c r="AM2726" s="137"/>
      <c r="AN2726" s="137"/>
      <c r="AO2726" s="137"/>
      <c r="AP2726" s="137"/>
      <c r="AQ2726" s="137"/>
      <c r="AR2726" s="137"/>
      <c r="AS2726" s="137"/>
      <c r="AT2726" s="137"/>
      <c r="AU2726" s="137"/>
      <c r="AV2726" s="137"/>
      <c r="AW2726" s="144"/>
    </row>
    <row r="2727" spans="7:49" x14ac:dyDescent="0.2">
      <c r="G2727" s="43"/>
      <c r="Z2727" s="143"/>
      <c r="AA2727" s="137"/>
      <c r="AB2727" s="137"/>
      <c r="AC2727" s="137"/>
      <c r="AD2727" s="137"/>
      <c r="AE2727" s="137"/>
      <c r="AF2727" s="137"/>
      <c r="AG2727" s="137"/>
      <c r="AH2727" s="137"/>
      <c r="AI2727" s="137"/>
      <c r="AJ2727" s="137"/>
      <c r="AK2727" s="137"/>
      <c r="AL2727" s="137"/>
      <c r="AM2727" s="137"/>
      <c r="AN2727" s="137"/>
      <c r="AO2727" s="137"/>
      <c r="AP2727" s="137"/>
      <c r="AQ2727" s="137"/>
      <c r="AR2727" s="137"/>
      <c r="AS2727" s="137"/>
      <c r="AT2727" s="137"/>
      <c r="AU2727" s="137"/>
      <c r="AV2727" s="137"/>
      <c r="AW2727" s="144"/>
    </row>
    <row r="2728" spans="7:49" x14ac:dyDescent="0.2">
      <c r="G2728" s="43"/>
      <c r="Z2728" s="143"/>
      <c r="AA2728" s="137"/>
      <c r="AB2728" s="137"/>
      <c r="AC2728" s="137"/>
      <c r="AD2728" s="137"/>
      <c r="AE2728" s="137"/>
      <c r="AF2728" s="137"/>
      <c r="AG2728" s="137"/>
      <c r="AH2728" s="137"/>
      <c r="AI2728" s="137"/>
      <c r="AJ2728" s="137"/>
      <c r="AK2728" s="137"/>
      <c r="AL2728" s="137"/>
      <c r="AM2728" s="137"/>
      <c r="AN2728" s="137"/>
      <c r="AO2728" s="137"/>
      <c r="AP2728" s="137"/>
      <c r="AQ2728" s="137"/>
      <c r="AR2728" s="137"/>
      <c r="AS2728" s="137"/>
      <c r="AT2728" s="137"/>
      <c r="AU2728" s="137"/>
      <c r="AV2728" s="137"/>
      <c r="AW2728" s="144"/>
    </row>
    <row r="2729" spans="7:49" x14ac:dyDescent="0.2">
      <c r="G2729" s="43"/>
      <c r="Z2729" s="143"/>
      <c r="AA2729" s="137"/>
      <c r="AB2729" s="137"/>
      <c r="AC2729" s="137"/>
      <c r="AD2729" s="137"/>
      <c r="AE2729" s="137"/>
      <c r="AF2729" s="137"/>
      <c r="AG2729" s="137"/>
      <c r="AH2729" s="137"/>
      <c r="AI2729" s="137"/>
      <c r="AJ2729" s="137"/>
      <c r="AK2729" s="137"/>
      <c r="AL2729" s="137"/>
      <c r="AM2729" s="137"/>
      <c r="AN2729" s="137"/>
      <c r="AO2729" s="137"/>
      <c r="AP2729" s="137"/>
      <c r="AQ2729" s="137"/>
      <c r="AR2729" s="137"/>
      <c r="AS2729" s="137"/>
      <c r="AT2729" s="137"/>
      <c r="AU2729" s="137"/>
      <c r="AV2729" s="137"/>
      <c r="AW2729" s="144"/>
    </row>
    <row r="2730" spans="7:49" x14ac:dyDescent="0.2">
      <c r="G2730" s="43"/>
      <c r="Z2730" s="143"/>
      <c r="AA2730" s="137"/>
      <c r="AB2730" s="137"/>
      <c r="AC2730" s="137"/>
      <c r="AD2730" s="137"/>
      <c r="AE2730" s="137"/>
      <c r="AF2730" s="137"/>
      <c r="AG2730" s="137"/>
      <c r="AH2730" s="137"/>
      <c r="AI2730" s="137"/>
      <c r="AJ2730" s="137"/>
      <c r="AK2730" s="137"/>
      <c r="AL2730" s="137"/>
      <c r="AM2730" s="137"/>
      <c r="AN2730" s="137"/>
      <c r="AO2730" s="137"/>
      <c r="AP2730" s="137"/>
      <c r="AQ2730" s="137"/>
      <c r="AR2730" s="137"/>
      <c r="AS2730" s="137"/>
      <c r="AT2730" s="137"/>
      <c r="AU2730" s="137"/>
      <c r="AV2730" s="137"/>
      <c r="AW2730" s="144"/>
    </row>
    <row r="2731" spans="7:49" x14ac:dyDescent="0.2">
      <c r="G2731" s="43"/>
      <c r="Z2731" s="143"/>
      <c r="AA2731" s="137"/>
      <c r="AB2731" s="137"/>
      <c r="AC2731" s="137"/>
      <c r="AD2731" s="137"/>
      <c r="AE2731" s="137"/>
      <c r="AF2731" s="137"/>
      <c r="AG2731" s="137"/>
      <c r="AH2731" s="137"/>
      <c r="AI2731" s="137"/>
      <c r="AJ2731" s="137"/>
      <c r="AK2731" s="137"/>
      <c r="AL2731" s="137"/>
      <c r="AM2731" s="137"/>
      <c r="AN2731" s="137"/>
      <c r="AO2731" s="137"/>
      <c r="AP2731" s="137"/>
      <c r="AQ2731" s="137"/>
      <c r="AR2731" s="137"/>
      <c r="AS2731" s="137"/>
      <c r="AT2731" s="137"/>
      <c r="AU2731" s="137"/>
      <c r="AV2731" s="137"/>
      <c r="AW2731" s="144"/>
    </row>
    <row r="2732" spans="7:49" x14ac:dyDescent="0.2">
      <c r="G2732" s="43"/>
      <c r="Z2732" s="143"/>
      <c r="AA2732" s="137"/>
      <c r="AB2732" s="137"/>
      <c r="AC2732" s="137"/>
      <c r="AD2732" s="137"/>
      <c r="AE2732" s="137"/>
      <c r="AF2732" s="137"/>
      <c r="AG2732" s="137"/>
      <c r="AH2732" s="137"/>
      <c r="AI2732" s="137"/>
      <c r="AJ2732" s="137"/>
      <c r="AK2732" s="137"/>
      <c r="AL2732" s="137"/>
      <c r="AM2732" s="137"/>
      <c r="AN2732" s="137"/>
      <c r="AO2732" s="137"/>
      <c r="AP2732" s="137"/>
      <c r="AQ2732" s="137"/>
      <c r="AR2732" s="137"/>
      <c r="AS2732" s="137"/>
      <c r="AT2732" s="137"/>
      <c r="AU2732" s="137"/>
      <c r="AV2732" s="137"/>
      <c r="AW2732" s="144"/>
    </row>
    <row r="2733" spans="7:49" x14ac:dyDescent="0.2">
      <c r="G2733" s="43"/>
      <c r="Z2733" s="143"/>
      <c r="AA2733" s="137"/>
      <c r="AB2733" s="137"/>
      <c r="AC2733" s="137"/>
      <c r="AD2733" s="137"/>
      <c r="AE2733" s="137"/>
      <c r="AF2733" s="137"/>
      <c r="AG2733" s="137"/>
      <c r="AH2733" s="137"/>
      <c r="AI2733" s="137"/>
      <c r="AJ2733" s="137"/>
      <c r="AK2733" s="137"/>
      <c r="AL2733" s="137"/>
      <c r="AM2733" s="137"/>
      <c r="AN2733" s="137"/>
      <c r="AO2733" s="137"/>
      <c r="AP2733" s="137"/>
      <c r="AQ2733" s="137"/>
      <c r="AR2733" s="137"/>
      <c r="AS2733" s="137"/>
      <c r="AT2733" s="137"/>
      <c r="AU2733" s="137"/>
      <c r="AV2733" s="137"/>
      <c r="AW2733" s="144"/>
    </row>
    <row r="2734" spans="7:49" x14ac:dyDescent="0.2">
      <c r="G2734" s="43"/>
      <c r="Z2734" s="143"/>
      <c r="AA2734" s="137"/>
      <c r="AB2734" s="137"/>
      <c r="AC2734" s="137"/>
      <c r="AD2734" s="137"/>
      <c r="AE2734" s="137"/>
      <c r="AF2734" s="137"/>
      <c r="AG2734" s="137"/>
      <c r="AH2734" s="137"/>
      <c r="AI2734" s="137"/>
      <c r="AJ2734" s="137"/>
      <c r="AK2734" s="137"/>
      <c r="AL2734" s="137"/>
      <c r="AM2734" s="137"/>
      <c r="AN2734" s="137"/>
      <c r="AO2734" s="137"/>
      <c r="AP2734" s="137"/>
      <c r="AQ2734" s="137"/>
      <c r="AR2734" s="137"/>
      <c r="AS2734" s="137"/>
      <c r="AT2734" s="137"/>
      <c r="AU2734" s="137"/>
      <c r="AV2734" s="137"/>
      <c r="AW2734" s="144"/>
    </row>
    <row r="2735" spans="7:49" x14ac:dyDescent="0.2">
      <c r="G2735" s="43"/>
      <c r="Z2735" s="143"/>
      <c r="AA2735" s="137"/>
      <c r="AB2735" s="137"/>
      <c r="AC2735" s="137"/>
      <c r="AD2735" s="137"/>
      <c r="AE2735" s="137"/>
      <c r="AF2735" s="137"/>
      <c r="AG2735" s="137"/>
      <c r="AH2735" s="137"/>
      <c r="AI2735" s="137"/>
      <c r="AJ2735" s="137"/>
      <c r="AK2735" s="137"/>
      <c r="AL2735" s="137"/>
      <c r="AM2735" s="137"/>
      <c r="AN2735" s="137"/>
      <c r="AO2735" s="137"/>
      <c r="AP2735" s="137"/>
      <c r="AQ2735" s="137"/>
      <c r="AR2735" s="137"/>
      <c r="AS2735" s="137"/>
      <c r="AT2735" s="137"/>
      <c r="AU2735" s="137"/>
      <c r="AV2735" s="137"/>
      <c r="AW2735" s="144"/>
    </row>
    <row r="2736" spans="7:49" x14ac:dyDescent="0.2">
      <c r="G2736" s="43"/>
      <c r="Z2736" s="143"/>
      <c r="AA2736" s="137"/>
      <c r="AB2736" s="137"/>
      <c r="AC2736" s="137"/>
      <c r="AD2736" s="137"/>
      <c r="AE2736" s="137"/>
      <c r="AF2736" s="137"/>
      <c r="AG2736" s="137"/>
      <c r="AH2736" s="137"/>
      <c r="AI2736" s="137"/>
      <c r="AJ2736" s="137"/>
      <c r="AK2736" s="137"/>
      <c r="AL2736" s="137"/>
      <c r="AM2736" s="137"/>
      <c r="AN2736" s="137"/>
      <c r="AO2736" s="137"/>
      <c r="AP2736" s="137"/>
      <c r="AQ2736" s="137"/>
      <c r="AR2736" s="137"/>
      <c r="AS2736" s="137"/>
      <c r="AT2736" s="137"/>
      <c r="AU2736" s="137"/>
      <c r="AV2736" s="137"/>
      <c r="AW2736" s="144"/>
    </row>
    <row r="2737" spans="7:49" x14ac:dyDescent="0.2">
      <c r="G2737" s="43"/>
      <c r="Z2737" s="143"/>
      <c r="AA2737" s="137"/>
      <c r="AB2737" s="137"/>
      <c r="AC2737" s="137"/>
      <c r="AD2737" s="137"/>
      <c r="AE2737" s="137"/>
      <c r="AF2737" s="137"/>
      <c r="AG2737" s="137"/>
      <c r="AH2737" s="137"/>
      <c r="AI2737" s="137"/>
      <c r="AJ2737" s="137"/>
      <c r="AK2737" s="137"/>
      <c r="AL2737" s="137"/>
      <c r="AM2737" s="137"/>
      <c r="AN2737" s="137"/>
      <c r="AO2737" s="137"/>
      <c r="AP2737" s="137"/>
      <c r="AQ2737" s="137"/>
      <c r="AR2737" s="137"/>
      <c r="AS2737" s="137"/>
      <c r="AT2737" s="137"/>
      <c r="AU2737" s="137"/>
      <c r="AV2737" s="137"/>
      <c r="AW2737" s="144"/>
    </row>
    <row r="2738" spans="7:49" x14ac:dyDescent="0.2">
      <c r="G2738" s="43"/>
      <c r="Z2738" s="143"/>
      <c r="AA2738" s="137"/>
      <c r="AB2738" s="137"/>
      <c r="AC2738" s="137"/>
      <c r="AD2738" s="137"/>
      <c r="AE2738" s="137"/>
      <c r="AF2738" s="137"/>
      <c r="AG2738" s="137"/>
      <c r="AH2738" s="137"/>
      <c r="AI2738" s="137"/>
      <c r="AJ2738" s="137"/>
      <c r="AK2738" s="137"/>
      <c r="AL2738" s="137"/>
      <c r="AM2738" s="137"/>
      <c r="AN2738" s="137"/>
      <c r="AO2738" s="137"/>
      <c r="AP2738" s="137"/>
      <c r="AQ2738" s="137"/>
      <c r="AR2738" s="137"/>
      <c r="AS2738" s="137"/>
      <c r="AT2738" s="137"/>
      <c r="AU2738" s="137"/>
      <c r="AV2738" s="137"/>
      <c r="AW2738" s="144"/>
    </row>
    <row r="2739" spans="7:49" x14ac:dyDescent="0.2">
      <c r="G2739" s="43"/>
      <c r="Z2739" s="143"/>
      <c r="AA2739" s="137"/>
      <c r="AB2739" s="137"/>
      <c r="AC2739" s="137"/>
      <c r="AD2739" s="137"/>
      <c r="AE2739" s="137"/>
      <c r="AF2739" s="137"/>
      <c r="AG2739" s="137"/>
      <c r="AH2739" s="137"/>
      <c r="AI2739" s="137"/>
      <c r="AJ2739" s="137"/>
      <c r="AK2739" s="137"/>
      <c r="AL2739" s="137"/>
      <c r="AM2739" s="137"/>
      <c r="AN2739" s="137"/>
      <c r="AO2739" s="137"/>
      <c r="AP2739" s="137"/>
      <c r="AQ2739" s="137"/>
      <c r="AR2739" s="137"/>
      <c r="AS2739" s="137"/>
      <c r="AT2739" s="137"/>
      <c r="AU2739" s="137"/>
      <c r="AV2739" s="137"/>
      <c r="AW2739" s="144"/>
    </row>
    <row r="2740" spans="7:49" x14ac:dyDescent="0.2">
      <c r="G2740" s="43"/>
      <c r="Z2740" s="143"/>
      <c r="AA2740" s="137"/>
      <c r="AB2740" s="137"/>
      <c r="AC2740" s="137"/>
      <c r="AD2740" s="137"/>
      <c r="AE2740" s="137"/>
      <c r="AF2740" s="137"/>
      <c r="AG2740" s="137"/>
      <c r="AH2740" s="137"/>
      <c r="AI2740" s="137"/>
      <c r="AJ2740" s="137"/>
      <c r="AK2740" s="137"/>
      <c r="AL2740" s="137"/>
      <c r="AM2740" s="137"/>
      <c r="AN2740" s="137"/>
      <c r="AO2740" s="137"/>
      <c r="AP2740" s="137"/>
      <c r="AQ2740" s="137"/>
      <c r="AR2740" s="137"/>
      <c r="AS2740" s="137"/>
      <c r="AT2740" s="137"/>
      <c r="AU2740" s="137"/>
      <c r="AV2740" s="137"/>
      <c r="AW2740" s="144"/>
    </row>
    <row r="2741" spans="7:49" x14ac:dyDescent="0.2">
      <c r="G2741" s="43"/>
      <c r="Z2741" s="143"/>
      <c r="AA2741" s="137"/>
      <c r="AB2741" s="137"/>
      <c r="AC2741" s="137"/>
      <c r="AD2741" s="137"/>
      <c r="AE2741" s="137"/>
      <c r="AF2741" s="137"/>
      <c r="AG2741" s="137"/>
      <c r="AH2741" s="137"/>
      <c r="AI2741" s="137"/>
      <c r="AJ2741" s="137"/>
      <c r="AK2741" s="137"/>
      <c r="AL2741" s="137"/>
      <c r="AM2741" s="137"/>
      <c r="AN2741" s="137"/>
      <c r="AO2741" s="137"/>
      <c r="AP2741" s="137"/>
      <c r="AQ2741" s="137"/>
      <c r="AR2741" s="137"/>
      <c r="AS2741" s="137"/>
      <c r="AT2741" s="137"/>
      <c r="AU2741" s="137"/>
      <c r="AV2741" s="137"/>
      <c r="AW2741" s="144"/>
    </row>
    <row r="2742" spans="7:49" x14ac:dyDescent="0.2">
      <c r="G2742" s="43"/>
      <c r="Z2742" s="143"/>
      <c r="AA2742" s="137"/>
      <c r="AB2742" s="137"/>
      <c r="AC2742" s="137"/>
      <c r="AD2742" s="137"/>
      <c r="AE2742" s="137"/>
      <c r="AF2742" s="137"/>
      <c r="AG2742" s="137"/>
      <c r="AH2742" s="137"/>
      <c r="AI2742" s="137"/>
      <c r="AJ2742" s="137"/>
      <c r="AK2742" s="137"/>
      <c r="AL2742" s="137"/>
      <c r="AM2742" s="137"/>
      <c r="AN2742" s="137"/>
      <c r="AO2742" s="137"/>
      <c r="AP2742" s="137"/>
      <c r="AQ2742" s="137"/>
      <c r="AR2742" s="137"/>
      <c r="AS2742" s="137"/>
      <c r="AT2742" s="137"/>
      <c r="AU2742" s="137"/>
      <c r="AV2742" s="137"/>
      <c r="AW2742" s="144"/>
    </row>
    <row r="2743" spans="7:49" x14ac:dyDescent="0.2">
      <c r="G2743" s="43"/>
      <c r="Z2743" s="143"/>
      <c r="AA2743" s="137"/>
      <c r="AB2743" s="137"/>
      <c r="AC2743" s="137"/>
      <c r="AD2743" s="137"/>
      <c r="AE2743" s="137"/>
      <c r="AF2743" s="137"/>
      <c r="AG2743" s="137"/>
      <c r="AH2743" s="137"/>
      <c r="AI2743" s="137"/>
      <c r="AJ2743" s="137"/>
      <c r="AK2743" s="137"/>
      <c r="AL2743" s="137"/>
      <c r="AM2743" s="137"/>
      <c r="AN2743" s="137"/>
      <c r="AO2743" s="137"/>
      <c r="AP2743" s="137"/>
      <c r="AQ2743" s="137"/>
      <c r="AR2743" s="137"/>
      <c r="AS2743" s="137"/>
      <c r="AT2743" s="137"/>
      <c r="AU2743" s="137"/>
      <c r="AV2743" s="137"/>
      <c r="AW2743" s="144"/>
    </row>
    <row r="2744" spans="7:49" x14ac:dyDescent="0.2">
      <c r="G2744" s="43"/>
      <c r="Z2744" s="143"/>
      <c r="AA2744" s="137"/>
      <c r="AB2744" s="137"/>
      <c r="AC2744" s="137"/>
      <c r="AD2744" s="137"/>
      <c r="AE2744" s="137"/>
      <c r="AF2744" s="137"/>
      <c r="AG2744" s="137"/>
      <c r="AH2744" s="137"/>
      <c r="AI2744" s="137"/>
      <c r="AJ2744" s="137"/>
      <c r="AK2744" s="137"/>
      <c r="AL2744" s="137"/>
      <c r="AM2744" s="137"/>
      <c r="AN2744" s="137"/>
      <c r="AO2744" s="137"/>
      <c r="AP2744" s="137"/>
      <c r="AQ2744" s="137"/>
      <c r="AR2744" s="137"/>
      <c r="AS2744" s="137"/>
      <c r="AT2744" s="137"/>
      <c r="AU2744" s="137"/>
      <c r="AV2744" s="137"/>
      <c r="AW2744" s="144"/>
    </row>
    <row r="2745" spans="7:49" x14ac:dyDescent="0.2">
      <c r="G2745" s="43"/>
      <c r="Z2745" s="143"/>
      <c r="AA2745" s="137"/>
      <c r="AB2745" s="137"/>
      <c r="AC2745" s="137"/>
      <c r="AD2745" s="137"/>
      <c r="AE2745" s="137"/>
      <c r="AF2745" s="137"/>
      <c r="AG2745" s="137"/>
      <c r="AH2745" s="137"/>
      <c r="AI2745" s="137"/>
      <c r="AJ2745" s="137"/>
      <c r="AK2745" s="137"/>
      <c r="AL2745" s="137"/>
      <c r="AM2745" s="137"/>
      <c r="AN2745" s="137"/>
      <c r="AO2745" s="137"/>
      <c r="AP2745" s="137"/>
      <c r="AQ2745" s="137"/>
      <c r="AR2745" s="137"/>
      <c r="AS2745" s="137"/>
      <c r="AT2745" s="137"/>
      <c r="AU2745" s="137"/>
      <c r="AV2745" s="137"/>
      <c r="AW2745" s="144"/>
    </row>
    <row r="2746" spans="7:49" x14ac:dyDescent="0.2">
      <c r="G2746" s="43"/>
      <c r="Z2746" s="143"/>
      <c r="AA2746" s="137"/>
      <c r="AB2746" s="137"/>
      <c r="AC2746" s="137"/>
      <c r="AD2746" s="137"/>
      <c r="AE2746" s="137"/>
      <c r="AF2746" s="137"/>
      <c r="AG2746" s="137"/>
      <c r="AH2746" s="137"/>
      <c r="AI2746" s="137"/>
      <c r="AJ2746" s="137"/>
      <c r="AK2746" s="137"/>
      <c r="AL2746" s="137"/>
      <c r="AM2746" s="137"/>
      <c r="AN2746" s="137"/>
      <c r="AO2746" s="137"/>
      <c r="AP2746" s="137"/>
      <c r="AQ2746" s="137"/>
      <c r="AR2746" s="137"/>
      <c r="AS2746" s="137"/>
      <c r="AT2746" s="137"/>
      <c r="AU2746" s="137"/>
      <c r="AV2746" s="137"/>
      <c r="AW2746" s="144"/>
    </row>
    <row r="2747" spans="7:49" x14ac:dyDescent="0.2">
      <c r="G2747" s="43"/>
      <c r="Z2747" s="143"/>
      <c r="AA2747" s="137"/>
      <c r="AB2747" s="137"/>
      <c r="AC2747" s="137"/>
      <c r="AD2747" s="137"/>
      <c r="AE2747" s="137"/>
      <c r="AF2747" s="137"/>
      <c r="AG2747" s="137"/>
      <c r="AH2747" s="137"/>
      <c r="AI2747" s="137"/>
      <c r="AJ2747" s="137"/>
      <c r="AK2747" s="137"/>
      <c r="AL2747" s="137"/>
      <c r="AM2747" s="137"/>
      <c r="AN2747" s="137"/>
      <c r="AO2747" s="137"/>
      <c r="AP2747" s="137"/>
      <c r="AQ2747" s="137"/>
      <c r="AR2747" s="137"/>
      <c r="AS2747" s="137"/>
      <c r="AT2747" s="137"/>
      <c r="AU2747" s="137"/>
      <c r="AV2747" s="137"/>
      <c r="AW2747" s="144"/>
    </row>
    <row r="2748" spans="7:49" x14ac:dyDescent="0.2">
      <c r="G2748" s="43"/>
      <c r="Z2748" s="143"/>
      <c r="AA2748" s="137"/>
      <c r="AB2748" s="137"/>
      <c r="AC2748" s="137"/>
      <c r="AD2748" s="137"/>
      <c r="AE2748" s="137"/>
      <c r="AF2748" s="137"/>
      <c r="AG2748" s="137"/>
      <c r="AH2748" s="137"/>
      <c r="AI2748" s="137"/>
      <c r="AJ2748" s="137"/>
      <c r="AK2748" s="137"/>
      <c r="AL2748" s="137"/>
      <c r="AM2748" s="137"/>
      <c r="AN2748" s="137"/>
      <c r="AO2748" s="137"/>
      <c r="AP2748" s="137"/>
      <c r="AQ2748" s="137"/>
      <c r="AR2748" s="137"/>
      <c r="AS2748" s="137"/>
      <c r="AT2748" s="137"/>
      <c r="AU2748" s="137"/>
      <c r="AV2748" s="137"/>
      <c r="AW2748" s="144"/>
    </row>
    <row r="2749" spans="7:49" x14ac:dyDescent="0.2">
      <c r="G2749" s="43"/>
      <c r="Z2749" s="143"/>
      <c r="AA2749" s="137"/>
      <c r="AB2749" s="137"/>
      <c r="AC2749" s="137"/>
      <c r="AD2749" s="137"/>
      <c r="AE2749" s="137"/>
      <c r="AF2749" s="137"/>
      <c r="AG2749" s="137"/>
      <c r="AH2749" s="137"/>
      <c r="AI2749" s="137"/>
      <c r="AJ2749" s="137"/>
      <c r="AK2749" s="137"/>
      <c r="AL2749" s="137"/>
      <c r="AM2749" s="137"/>
      <c r="AN2749" s="137"/>
      <c r="AO2749" s="137"/>
      <c r="AP2749" s="137"/>
      <c r="AQ2749" s="137"/>
      <c r="AR2749" s="137"/>
      <c r="AS2749" s="137"/>
      <c r="AT2749" s="137"/>
      <c r="AU2749" s="137"/>
      <c r="AV2749" s="137"/>
      <c r="AW2749" s="144"/>
    </row>
    <row r="2750" spans="7:49" x14ac:dyDescent="0.2">
      <c r="G2750" s="43"/>
      <c r="Z2750" s="143"/>
      <c r="AA2750" s="137"/>
      <c r="AB2750" s="137"/>
      <c r="AC2750" s="137"/>
      <c r="AD2750" s="137"/>
      <c r="AE2750" s="137"/>
      <c r="AF2750" s="137"/>
      <c r="AG2750" s="137"/>
      <c r="AH2750" s="137"/>
      <c r="AI2750" s="137"/>
      <c r="AJ2750" s="137"/>
      <c r="AK2750" s="137"/>
      <c r="AL2750" s="137"/>
      <c r="AM2750" s="137"/>
      <c r="AN2750" s="137"/>
      <c r="AO2750" s="137"/>
      <c r="AP2750" s="137"/>
      <c r="AQ2750" s="137"/>
      <c r="AR2750" s="137"/>
      <c r="AS2750" s="137"/>
      <c r="AT2750" s="137"/>
      <c r="AU2750" s="137"/>
      <c r="AV2750" s="137"/>
      <c r="AW2750" s="144"/>
    </row>
    <row r="2751" spans="7:49" x14ac:dyDescent="0.2">
      <c r="G2751" s="43"/>
      <c r="Z2751" s="143"/>
      <c r="AA2751" s="137"/>
      <c r="AB2751" s="137"/>
      <c r="AC2751" s="137"/>
      <c r="AD2751" s="137"/>
      <c r="AE2751" s="137"/>
      <c r="AF2751" s="137"/>
      <c r="AG2751" s="137"/>
      <c r="AH2751" s="137"/>
      <c r="AI2751" s="137"/>
      <c r="AJ2751" s="137"/>
      <c r="AK2751" s="137"/>
      <c r="AL2751" s="137"/>
      <c r="AM2751" s="137"/>
      <c r="AN2751" s="137"/>
      <c r="AO2751" s="137"/>
      <c r="AP2751" s="137"/>
      <c r="AQ2751" s="137"/>
      <c r="AR2751" s="137"/>
      <c r="AS2751" s="137"/>
      <c r="AT2751" s="137"/>
      <c r="AU2751" s="137"/>
      <c r="AV2751" s="137"/>
      <c r="AW2751" s="144"/>
    </row>
    <row r="2752" spans="7:49" x14ac:dyDescent="0.2">
      <c r="G2752" s="43"/>
      <c r="Z2752" s="143"/>
      <c r="AA2752" s="137"/>
      <c r="AB2752" s="137"/>
      <c r="AC2752" s="137"/>
      <c r="AD2752" s="137"/>
      <c r="AE2752" s="137"/>
      <c r="AF2752" s="137"/>
      <c r="AG2752" s="137"/>
      <c r="AH2752" s="137"/>
      <c r="AI2752" s="137"/>
      <c r="AJ2752" s="137"/>
      <c r="AK2752" s="137"/>
      <c r="AL2752" s="137"/>
      <c r="AM2752" s="137"/>
      <c r="AN2752" s="137"/>
      <c r="AO2752" s="137"/>
      <c r="AP2752" s="137"/>
      <c r="AQ2752" s="137"/>
      <c r="AR2752" s="137"/>
      <c r="AS2752" s="137"/>
      <c r="AT2752" s="137"/>
      <c r="AU2752" s="137"/>
      <c r="AV2752" s="137"/>
      <c r="AW2752" s="144"/>
    </row>
    <row r="2753" spans="7:49" x14ac:dyDescent="0.2">
      <c r="G2753" s="43"/>
      <c r="Z2753" s="143"/>
      <c r="AA2753" s="137"/>
      <c r="AB2753" s="137"/>
      <c r="AC2753" s="137"/>
      <c r="AD2753" s="137"/>
      <c r="AE2753" s="137"/>
      <c r="AF2753" s="137"/>
      <c r="AG2753" s="137"/>
      <c r="AH2753" s="137"/>
      <c r="AI2753" s="137"/>
      <c r="AJ2753" s="137"/>
      <c r="AK2753" s="137"/>
      <c r="AL2753" s="137"/>
      <c r="AM2753" s="137"/>
      <c r="AN2753" s="137"/>
      <c r="AO2753" s="137"/>
      <c r="AP2753" s="137"/>
      <c r="AQ2753" s="137"/>
      <c r="AR2753" s="137"/>
      <c r="AS2753" s="137"/>
      <c r="AT2753" s="137"/>
      <c r="AU2753" s="137"/>
      <c r="AV2753" s="137"/>
      <c r="AW2753" s="144"/>
    </row>
    <row r="2754" spans="7:49" x14ac:dyDescent="0.2">
      <c r="G2754" s="43"/>
      <c r="Z2754" s="143"/>
      <c r="AA2754" s="137"/>
      <c r="AB2754" s="137"/>
      <c r="AC2754" s="137"/>
      <c r="AD2754" s="137"/>
      <c r="AE2754" s="137"/>
      <c r="AF2754" s="137"/>
      <c r="AG2754" s="137"/>
      <c r="AH2754" s="137"/>
      <c r="AI2754" s="137"/>
      <c r="AJ2754" s="137"/>
      <c r="AK2754" s="137"/>
      <c r="AL2754" s="137"/>
      <c r="AM2754" s="137"/>
      <c r="AN2754" s="137"/>
      <c r="AO2754" s="137"/>
      <c r="AP2754" s="137"/>
      <c r="AQ2754" s="137"/>
      <c r="AR2754" s="137"/>
      <c r="AS2754" s="137"/>
      <c r="AT2754" s="137"/>
      <c r="AU2754" s="137"/>
      <c r="AV2754" s="137"/>
      <c r="AW2754" s="144"/>
    </row>
    <row r="2755" spans="7:49" x14ac:dyDescent="0.2">
      <c r="G2755" s="43"/>
      <c r="Z2755" s="143"/>
      <c r="AA2755" s="137"/>
      <c r="AB2755" s="137"/>
      <c r="AC2755" s="137"/>
      <c r="AD2755" s="137"/>
      <c r="AE2755" s="137"/>
      <c r="AF2755" s="137"/>
      <c r="AG2755" s="137"/>
      <c r="AH2755" s="137"/>
      <c r="AI2755" s="137"/>
      <c r="AJ2755" s="137"/>
      <c r="AK2755" s="137"/>
      <c r="AL2755" s="137"/>
      <c r="AM2755" s="137"/>
      <c r="AN2755" s="137"/>
      <c r="AO2755" s="137"/>
      <c r="AP2755" s="137"/>
      <c r="AQ2755" s="137"/>
      <c r="AR2755" s="137"/>
      <c r="AS2755" s="137"/>
      <c r="AT2755" s="137"/>
      <c r="AU2755" s="137"/>
      <c r="AV2755" s="137"/>
      <c r="AW2755" s="144"/>
    </row>
    <row r="2756" spans="7:49" x14ac:dyDescent="0.2">
      <c r="G2756" s="43"/>
      <c r="Z2756" s="143"/>
      <c r="AA2756" s="137"/>
      <c r="AB2756" s="137"/>
      <c r="AC2756" s="137"/>
      <c r="AD2756" s="137"/>
      <c r="AE2756" s="137"/>
      <c r="AF2756" s="137"/>
      <c r="AG2756" s="137"/>
      <c r="AH2756" s="137"/>
      <c r="AI2756" s="137"/>
      <c r="AJ2756" s="137"/>
      <c r="AK2756" s="137"/>
      <c r="AL2756" s="137"/>
      <c r="AM2756" s="137"/>
      <c r="AN2756" s="137"/>
      <c r="AO2756" s="137"/>
      <c r="AP2756" s="137"/>
      <c r="AQ2756" s="137"/>
      <c r="AR2756" s="137"/>
      <c r="AS2756" s="137"/>
      <c r="AT2756" s="137"/>
      <c r="AU2756" s="137"/>
      <c r="AV2756" s="137"/>
      <c r="AW2756" s="144"/>
    </row>
    <row r="2757" spans="7:49" x14ac:dyDescent="0.2">
      <c r="G2757" s="43"/>
      <c r="Z2757" s="143"/>
      <c r="AA2757" s="137"/>
      <c r="AB2757" s="137"/>
      <c r="AC2757" s="137"/>
      <c r="AD2757" s="137"/>
      <c r="AE2757" s="137"/>
      <c r="AF2757" s="137"/>
      <c r="AG2757" s="137"/>
      <c r="AH2757" s="137"/>
      <c r="AI2757" s="137"/>
      <c r="AJ2757" s="137"/>
      <c r="AK2757" s="137"/>
      <c r="AL2757" s="137"/>
      <c r="AM2757" s="137"/>
      <c r="AN2757" s="137"/>
      <c r="AO2757" s="137"/>
      <c r="AP2757" s="137"/>
      <c r="AQ2757" s="137"/>
      <c r="AR2757" s="137"/>
      <c r="AS2757" s="137"/>
      <c r="AT2757" s="137"/>
      <c r="AU2757" s="137"/>
      <c r="AV2757" s="137"/>
      <c r="AW2757" s="144"/>
    </row>
    <row r="2758" spans="7:49" x14ac:dyDescent="0.2">
      <c r="G2758" s="43"/>
      <c r="Z2758" s="143"/>
      <c r="AA2758" s="137"/>
      <c r="AB2758" s="137"/>
      <c r="AC2758" s="137"/>
      <c r="AD2758" s="137"/>
      <c r="AE2758" s="137"/>
      <c r="AF2758" s="137"/>
      <c r="AG2758" s="137"/>
      <c r="AH2758" s="137"/>
      <c r="AI2758" s="137"/>
      <c r="AJ2758" s="137"/>
      <c r="AK2758" s="137"/>
      <c r="AL2758" s="137"/>
      <c r="AM2758" s="137"/>
      <c r="AN2758" s="137"/>
      <c r="AO2758" s="137"/>
      <c r="AP2758" s="137"/>
      <c r="AQ2758" s="137"/>
      <c r="AR2758" s="137"/>
      <c r="AS2758" s="137"/>
      <c r="AT2758" s="137"/>
      <c r="AU2758" s="137"/>
      <c r="AV2758" s="137"/>
      <c r="AW2758" s="144"/>
    </row>
    <row r="2759" spans="7:49" x14ac:dyDescent="0.2">
      <c r="G2759" s="43"/>
      <c r="Z2759" s="143"/>
      <c r="AA2759" s="137"/>
      <c r="AB2759" s="137"/>
      <c r="AC2759" s="137"/>
      <c r="AD2759" s="137"/>
      <c r="AE2759" s="137"/>
      <c r="AF2759" s="137"/>
      <c r="AG2759" s="137"/>
      <c r="AH2759" s="137"/>
      <c r="AI2759" s="137"/>
      <c r="AJ2759" s="137"/>
      <c r="AK2759" s="137"/>
      <c r="AL2759" s="137"/>
      <c r="AM2759" s="137"/>
      <c r="AN2759" s="137"/>
      <c r="AO2759" s="137"/>
      <c r="AP2759" s="137"/>
      <c r="AQ2759" s="137"/>
      <c r="AR2759" s="137"/>
      <c r="AS2759" s="137"/>
      <c r="AT2759" s="137"/>
      <c r="AU2759" s="137"/>
      <c r="AV2759" s="137"/>
      <c r="AW2759" s="144"/>
    </row>
    <row r="2760" spans="7:49" x14ac:dyDescent="0.2">
      <c r="G2760" s="43"/>
      <c r="Z2760" s="143"/>
      <c r="AA2760" s="137"/>
      <c r="AB2760" s="137"/>
      <c r="AC2760" s="137"/>
      <c r="AD2760" s="137"/>
      <c r="AE2760" s="137"/>
      <c r="AF2760" s="137"/>
      <c r="AG2760" s="137"/>
      <c r="AH2760" s="137"/>
      <c r="AI2760" s="137"/>
      <c r="AJ2760" s="137"/>
      <c r="AK2760" s="137"/>
      <c r="AL2760" s="137"/>
      <c r="AM2760" s="137"/>
      <c r="AN2760" s="137"/>
      <c r="AO2760" s="137"/>
      <c r="AP2760" s="137"/>
      <c r="AQ2760" s="137"/>
      <c r="AR2760" s="137"/>
      <c r="AS2760" s="137"/>
      <c r="AT2760" s="137"/>
      <c r="AU2760" s="137"/>
      <c r="AV2760" s="137"/>
      <c r="AW2760" s="144"/>
    </row>
    <row r="2761" spans="7:49" x14ac:dyDescent="0.2">
      <c r="G2761" s="43"/>
      <c r="Z2761" s="143"/>
      <c r="AA2761" s="137"/>
      <c r="AB2761" s="137"/>
      <c r="AC2761" s="137"/>
      <c r="AD2761" s="137"/>
      <c r="AE2761" s="137"/>
      <c r="AF2761" s="137"/>
      <c r="AG2761" s="137"/>
      <c r="AH2761" s="137"/>
      <c r="AI2761" s="137"/>
      <c r="AJ2761" s="137"/>
      <c r="AK2761" s="137"/>
      <c r="AL2761" s="137"/>
      <c r="AM2761" s="137"/>
      <c r="AN2761" s="137"/>
      <c r="AO2761" s="137"/>
      <c r="AP2761" s="137"/>
      <c r="AQ2761" s="137"/>
      <c r="AR2761" s="137"/>
      <c r="AS2761" s="137"/>
      <c r="AT2761" s="137"/>
      <c r="AU2761" s="137"/>
      <c r="AV2761" s="137"/>
      <c r="AW2761" s="144"/>
    </row>
    <row r="2762" spans="7:49" x14ac:dyDescent="0.2">
      <c r="G2762" s="43"/>
      <c r="Z2762" s="143"/>
      <c r="AA2762" s="137"/>
      <c r="AB2762" s="137"/>
      <c r="AC2762" s="137"/>
      <c r="AD2762" s="137"/>
      <c r="AE2762" s="137"/>
      <c r="AF2762" s="137"/>
      <c r="AG2762" s="137"/>
      <c r="AH2762" s="137"/>
      <c r="AI2762" s="137"/>
      <c r="AJ2762" s="137"/>
      <c r="AK2762" s="137"/>
      <c r="AL2762" s="137"/>
      <c r="AM2762" s="137"/>
      <c r="AN2762" s="137"/>
      <c r="AO2762" s="137"/>
      <c r="AP2762" s="137"/>
      <c r="AQ2762" s="137"/>
      <c r="AR2762" s="137"/>
      <c r="AS2762" s="137"/>
      <c r="AT2762" s="137"/>
      <c r="AU2762" s="137"/>
      <c r="AV2762" s="137"/>
      <c r="AW2762" s="144"/>
    </row>
    <row r="2763" spans="7:49" x14ac:dyDescent="0.2">
      <c r="G2763" s="43"/>
      <c r="Z2763" s="143"/>
      <c r="AA2763" s="137"/>
      <c r="AB2763" s="137"/>
      <c r="AC2763" s="137"/>
      <c r="AD2763" s="137"/>
      <c r="AE2763" s="137"/>
      <c r="AF2763" s="137"/>
      <c r="AG2763" s="137"/>
      <c r="AH2763" s="137"/>
      <c r="AI2763" s="137"/>
      <c r="AJ2763" s="137"/>
      <c r="AK2763" s="137"/>
      <c r="AL2763" s="137"/>
      <c r="AM2763" s="137"/>
      <c r="AN2763" s="137"/>
      <c r="AO2763" s="137"/>
      <c r="AP2763" s="137"/>
      <c r="AQ2763" s="137"/>
      <c r="AR2763" s="137"/>
      <c r="AS2763" s="137"/>
      <c r="AT2763" s="137"/>
      <c r="AU2763" s="137"/>
      <c r="AV2763" s="137"/>
      <c r="AW2763" s="144"/>
    </row>
    <row r="2764" spans="7:49" x14ac:dyDescent="0.2">
      <c r="G2764" s="43"/>
      <c r="Z2764" s="143"/>
      <c r="AA2764" s="137"/>
      <c r="AB2764" s="137"/>
      <c r="AC2764" s="137"/>
      <c r="AD2764" s="137"/>
      <c r="AE2764" s="137"/>
      <c r="AF2764" s="137"/>
      <c r="AG2764" s="137"/>
      <c r="AH2764" s="137"/>
      <c r="AI2764" s="137"/>
      <c r="AJ2764" s="137"/>
      <c r="AK2764" s="137"/>
      <c r="AL2764" s="137"/>
      <c r="AM2764" s="137"/>
      <c r="AN2764" s="137"/>
      <c r="AO2764" s="137"/>
      <c r="AP2764" s="137"/>
      <c r="AQ2764" s="137"/>
      <c r="AR2764" s="137"/>
      <c r="AS2764" s="137"/>
      <c r="AT2764" s="137"/>
      <c r="AU2764" s="137"/>
      <c r="AV2764" s="137"/>
      <c r="AW2764" s="144"/>
    </row>
    <row r="2765" spans="7:49" x14ac:dyDescent="0.2">
      <c r="G2765" s="43"/>
      <c r="Z2765" s="143"/>
      <c r="AA2765" s="137"/>
      <c r="AB2765" s="137"/>
      <c r="AC2765" s="137"/>
      <c r="AD2765" s="137"/>
      <c r="AE2765" s="137"/>
      <c r="AF2765" s="137"/>
      <c r="AG2765" s="137"/>
      <c r="AH2765" s="137"/>
      <c r="AI2765" s="137"/>
      <c r="AJ2765" s="137"/>
      <c r="AK2765" s="137"/>
      <c r="AL2765" s="137"/>
      <c r="AM2765" s="137"/>
      <c r="AN2765" s="137"/>
      <c r="AO2765" s="137"/>
      <c r="AP2765" s="137"/>
      <c r="AQ2765" s="137"/>
      <c r="AR2765" s="137"/>
      <c r="AS2765" s="137"/>
      <c r="AT2765" s="137"/>
      <c r="AU2765" s="137"/>
      <c r="AV2765" s="137"/>
      <c r="AW2765" s="144"/>
    </row>
    <row r="2766" spans="7:49" x14ac:dyDescent="0.2">
      <c r="G2766" s="43"/>
      <c r="Z2766" s="143"/>
      <c r="AA2766" s="137"/>
      <c r="AB2766" s="137"/>
      <c r="AC2766" s="137"/>
      <c r="AD2766" s="137"/>
      <c r="AE2766" s="137"/>
      <c r="AF2766" s="137"/>
      <c r="AG2766" s="137"/>
      <c r="AH2766" s="137"/>
      <c r="AI2766" s="137"/>
      <c r="AJ2766" s="137"/>
      <c r="AK2766" s="137"/>
      <c r="AL2766" s="137"/>
      <c r="AM2766" s="137"/>
      <c r="AN2766" s="137"/>
      <c r="AO2766" s="137"/>
      <c r="AP2766" s="137"/>
      <c r="AQ2766" s="137"/>
      <c r="AR2766" s="137"/>
      <c r="AS2766" s="137"/>
      <c r="AT2766" s="137"/>
      <c r="AU2766" s="137"/>
      <c r="AV2766" s="137"/>
      <c r="AW2766" s="144"/>
    </row>
    <row r="2767" spans="7:49" x14ac:dyDescent="0.2">
      <c r="G2767" s="43"/>
      <c r="Z2767" s="143"/>
      <c r="AA2767" s="137"/>
      <c r="AB2767" s="137"/>
      <c r="AC2767" s="137"/>
      <c r="AD2767" s="137"/>
      <c r="AE2767" s="137"/>
      <c r="AF2767" s="137"/>
      <c r="AG2767" s="137"/>
      <c r="AH2767" s="137"/>
      <c r="AI2767" s="137"/>
      <c r="AJ2767" s="137"/>
      <c r="AK2767" s="137"/>
      <c r="AL2767" s="137"/>
      <c r="AM2767" s="137"/>
      <c r="AN2767" s="137"/>
      <c r="AO2767" s="137"/>
      <c r="AP2767" s="137"/>
      <c r="AQ2767" s="137"/>
      <c r="AR2767" s="137"/>
      <c r="AS2767" s="137"/>
      <c r="AT2767" s="137"/>
      <c r="AU2767" s="137"/>
      <c r="AV2767" s="137"/>
      <c r="AW2767" s="144"/>
    </row>
    <row r="2768" spans="7:49" x14ac:dyDescent="0.2">
      <c r="G2768" s="43"/>
      <c r="Z2768" s="143"/>
      <c r="AA2768" s="137"/>
      <c r="AB2768" s="137"/>
      <c r="AC2768" s="137"/>
      <c r="AD2768" s="137"/>
      <c r="AE2768" s="137"/>
      <c r="AF2768" s="137"/>
      <c r="AG2768" s="137"/>
      <c r="AH2768" s="137"/>
      <c r="AI2768" s="137"/>
      <c r="AJ2768" s="137"/>
      <c r="AK2768" s="137"/>
      <c r="AL2768" s="137"/>
      <c r="AM2768" s="137"/>
      <c r="AN2768" s="137"/>
      <c r="AO2768" s="137"/>
      <c r="AP2768" s="137"/>
      <c r="AQ2768" s="137"/>
      <c r="AR2768" s="137"/>
      <c r="AS2768" s="137"/>
      <c r="AT2768" s="137"/>
      <c r="AU2768" s="137"/>
      <c r="AV2768" s="137"/>
      <c r="AW2768" s="144"/>
    </row>
    <row r="2769" spans="7:49" x14ac:dyDescent="0.2">
      <c r="G2769" s="43"/>
      <c r="Z2769" s="143"/>
      <c r="AA2769" s="137"/>
      <c r="AB2769" s="137"/>
      <c r="AC2769" s="137"/>
      <c r="AD2769" s="137"/>
      <c r="AE2769" s="137"/>
      <c r="AF2769" s="137"/>
      <c r="AG2769" s="137"/>
      <c r="AH2769" s="137"/>
      <c r="AI2769" s="137"/>
      <c r="AJ2769" s="137"/>
      <c r="AK2769" s="137"/>
      <c r="AL2769" s="137"/>
      <c r="AM2769" s="137"/>
      <c r="AN2769" s="137"/>
      <c r="AO2769" s="137"/>
      <c r="AP2769" s="137"/>
      <c r="AQ2769" s="137"/>
      <c r="AR2769" s="137"/>
      <c r="AS2769" s="137"/>
      <c r="AT2769" s="137"/>
      <c r="AU2769" s="137"/>
      <c r="AV2769" s="137"/>
      <c r="AW2769" s="144"/>
    </row>
    <row r="2770" spans="7:49" x14ac:dyDescent="0.2">
      <c r="G2770" s="43"/>
      <c r="Z2770" s="143"/>
      <c r="AA2770" s="137"/>
      <c r="AB2770" s="137"/>
      <c r="AC2770" s="137"/>
      <c r="AD2770" s="137"/>
      <c r="AE2770" s="137"/>
      <c r="AF2770" s="137"/>
      <c r="AG2770" s="137"/>
      <c r="AH2770" s="137"/>
      <c r="AI2770" s="137"/>
      <c r="AJ2770" s="137"/>
      <c r="AK2770" s="137"/>
      <c r="AL2770" s="137"/>
      <c r="AM2770" s="137"/>
      <c r="AN2770" s="137"/>
      <c r="AO2770" s="137"/>
      <c r="AP2770" s="137"/>
      <c r="AQ2770" s="137"/>
      <c r="AR2770" s="137"/>
      <c r="AS2770" s="137"/>
      <c r="AT2770" s="137"/>
      <c r="AU2770" s="137"/>
      <c r="AV2770" s="137"/>
      <c r="AW2770" s="144"/>
    </row>
    <row r="2771" spans="7:49" x14ac:dyDescent="0.2">
      <c r="G2771" s="43"/>
      <c r="Z2771" s="143"/>
      <c r="AA2771" s="137"/>
      <c r="AB2771" s="137"/>
      <c r="AC2771" s="137"/>
      <c r="AD2771" s="137"/>
      <c r="AE2771" s="137"/>
      <c r="AF2771" s="137"/>
      <c r="AG2771" s="137"/>
      <c r="AH2771" s="137"/>
      <c r="AI2771" s="137"/>
      <c r="AJ2771" s="137"/>
      <c r="AK2771" s="137"/>
      <c r="AL2771" s="137"/>
      <c r="AM2771" s="137"/>
      <c r="AN2771" s="137"/>
      <c r="AO2771" s="137"/>
      <c r="AP2771" s="137"/>
      <c r="AQ2771" s="137"/>
      <c r="AR2771" s="137"/>
      <c r="AS2771" s="137"/>
      <c r="AT2771" s="137"/>
      <c r="AU2771" s="137"/>
      <c r="AV2771" s="137"/>
      <c r="AW2771" s="144"/>
    </row>
    <row r="2772" spans="7:49" x14ac:dyDescent="0.2">
      <c r="G2772" s="43"/>
      <c r="Z2772" s="143"/>
      <c r="AA2772" s="137"/>
      <c r="AB2772" s="137"/>
      <c r="AC2772" s="137"/>
      <c r="AD2772" s="137"/>
      <c r="AE2772" s="137"/>
      <c r="AF2772" s="137"/>
      <c r="AG2772" s="137"/>
      <c r="AH2772" s="137"/>
      <c r="AI2772" s="137"/>
      <c r="AJ2772" s="137"/>
      <c r="AK2772" s="137"/>
      <c r="AL2772" s="137"/>
      <c r="AM2772" s="137"/>
      <c r="AN2772" s="137"/>
      <c r="AO2772" s="137"/>
      <c r="AP2772" s="137"/>
      <c r="AQ2772" s="137"/>
      <c r="AR2772" s="137"/>
      <c r="AS2772" s="137"/>
      <c r="AT2772" s="137"/>
      <c r="AU2772" s="137"/>
      <c r="AV2772" s="137"/>
      <c r="AW2772" s="144"/>
    </row>
    <row r="2773" spans="7:49" x14ac:dyDescent="0.2">
      <c r="G2773" s="43"/>
      <c r="Z2773" s="143"/>
      <c r="AA2773" s="137"/>
      <c r="AB2773" s="137"/>
      <c r="AC2773" s="137"/>
      <c r="AD2773" s="137"/>
      <c r="AE2773" s="137"/>
      <c r="AF2773" s="137"/>
      <c r="AG2773" s="137"/>
      <c r="AH2773" s="137"/>
      <c r="AI2773" s="137"/>
      <c r="AJ2773" s="137"/>
      <c r="AK2773" s="137"/>
      <c r="AL2773" s="137"/>
      <c r="AM2773" s="137"/>
      <c r="AN2773" s="137"/>
      <c r="AO2773" s="137"/>
      <c r="AP2773" s="137"/>
      <c r="AQ2773" s="137"/>
      <c r="AR2773" s="137"/>
      <c r="AS2773" s="137"/>
      <c r="AT2773" s="137"/>
      <c r="AU2773" s="137"/>
      <c r="AV2773" s="137"/>
      <c r="AW2773" s="144"/>
    </row>
    <row r="2774" spans="7:49" x14ac:dyDescent="0.2">
      <c r="G2774" s="43"/>
      <c r="Z2774" s="143"/>
      <c r="AA2774" s="137"/>
      <c r="AB2774" s="137"/>
      <c r="AC2774" s="137"/>
      <c r="AD2774" s="137"/>
      <c r="AE2774" s="137"/>
      <c r="AF2774" s="137"/>
      <c r="AG2774" s="137"/>
      <c r="AH2774" s="137"/>
      <c r="AI2774" s="137"/>
      <c r="AJ2774" s="137"/>
      <c r="AK2774" s="137"/>
      <c r="AL2774" s="137"/>
      <c r="AM2774" s="137"/>
      <c r="AN2774" s="137"/>
      <c r="AO2774" s="137"/>
      <c r="AP2774" s="137"/>
      <c r="AQ2774" s="137"/>
      <c r="AR2774" s="137"/>
      <c r="AS2774" s="137"/>
      <c r="AT2774" s="137"/>
      <c r="AU2774" s="137"/>
      <c r="AV2774" s="137"/>
      <c r="AW2774" s="144"/>
    </row>
    <row r="2775" spans="7:49" x14ac:dyDescent="0.2">
      <c r="G2775" s="43"/>
      <c r="Z2775" s="143"/>
      <c r="AA2775" s="137"/>
      <c r="AB2775" s="137"/>
      <c r="AC2775" s="137"/>
      <c r="AD2775" s="137"/>
      <c r="AE2775" s="137"/>
      <c r="AF2775" s="137"/>
      <c r="AG2775" s="137"/>
      <c r="AH2775" s="137"/>
      <c r="AI2775" s="137"/>
      <c r="AJ2775" s="137"/>
      <c r="AK2775" s="137"/>
      <c r="AL2775" s="137"/>
      <c r="AM2775" s="137"/>
      <c r="AN2775" s="137"/>
      <c r="AO2775" s="137"/>
      <c r="AP2775" s="137"/>
      <c r="AQ2775" s="137"/>
      <c r="AR2775" s="137"/>
      <c r="AS2775" s="137"/>
      <c r="AT2775" s="137"/>
      <c r="AU2775" s="137"/>
      <c r="AV2775" s="137"/>
      <c r="AW2775" s="144"/>
    </row>
    <row r="2776" spans="7:49" x14ac:dyDescent="0.2">
      <c r="G2776" s="43"/>
      <c r="Z2776" s="143"/>
      <c r="AA2776" s="137"/>
      <c r="AB2776" s="137"/>
      <c r="AC2776" s="137"/>
      <c r="AD2776" s="137"/>
      <c r="AE2776" s="137"/>
      <c r="AF2776" s="137"/>
      <c r="AG2776" s="137"/>
      <c r="AH2776" s="137"/>
      <c r="AI2776" s="137"/>
      <c r="AJ2776" s="137"/>
      <c r="AK2776" s="137"/>
      <c r="AL2776" s="137"/>
      <c r="AM2776" s="137"/>
      <c r="AN2776" s="137"/>
      <c r="AO2776" s="137"/>
      <c r="AP2776" s="137"/>
      <c r="AQ2776" s="137"/>
      <c r="AR2776" s="137"/>
      <c r="AS2776" s="137"/>
      <c r="AT2776" s="137"/>
      <c r="AU2776" s="137"/>
      <c r="AV2776" s="137"/>
      <c r="AW2776" s="144"/>
    </row>
    <row r="2777" spans="7:49" x14ac:dyDescent="0.2">
      <c r="G2777" s="43"/>
      <c r="Z2777" s="143"/>
      <c r="AA2777" s="137"/>
      <c r="AB2777" s="137"/>
      <c r="AC2777" s="137"/>
      <c r="AD2777" s="137"/>
      <c r="AE2777" s="137"/>
      <c r="AF2777" s="137"/>
      <c r="AG2777" s="137"/>
      <c r="AH2777" s="137"/>
      <c r="AI2777" s="137"/>
      <c r="AJ2777" s="137"/>
      <c r="AK2777" s="137"/>
      <c r="AL2777" s="137"/>
      <c r="AM2777" s="137"/>
      <c r="AN2777" s="137"/>
      <c r="AO2777" s="137"/>
      <c r="AP2777" s="137"/>
      <c r="AQ2777" s="137"/>
      <c r="AR2777" s="137"/>
      <c r="AS2777" s="137"/>
      <c r="AT2777" s="137"/>
      <c r="AU2777" s="137"/>
      <c r="AV2777" s="137"/>
      <c r="AW2777" s="144"/>
    </row>
    <row r="2778" spans="7:49" x14ac:dyDescent="0.2">
      <c r="G2778" s="43"/>
      <c r="Z2778" s="143"/>
      <c r="AA2778" s="137"/>
      <c r="AB2778" s="137"/>
      <c r="AC2778" s="137"/>
      <c r="AD2778" s="137"/>
      <c r="AE2778" s="137"/>
      <c r="AF2778" s="137"/>
      <c r="AG2778" s="137"/>
      <c r="AH2778" s="137"/>
      <c r="AI2778" s="137"/>
      <c r="AJ2778" s="137"/>
      <c r="AK2778" s="137"/>
      <c r="AL2778" s="137"/>
      <c r="AM2778" s="137"/>
      <c r="AN2778" s="137"/>
      <c r="AO2778" s="137"/>
      <c r="AP2778" s="137"/>
      <c r="AQ2778" s="137"/>
      <c r="AR2778" s="137"/>
      <c r="AS2778" s="137"/>
      <c r="AT2778" s="137"/>
      <c r="AU2778" s="137"/>
      <c r="AV2778" s="137"/>
      <c r="AW2778" s="144"/>
    </row>
    <row r="2779" spans="7:49" x14ac:dyDescent="0.2">
      <c r="G2779" s="43"/>
      <c r="Z2779" s="143"/>
      <c r="AA2779" s="137"/>
      <c r="AB2779" s="137"/>
      <c r="AC2779" s="137"/>
      <c r="AD2779" s="137"/>
      <c r="AE2779" s="137"/>
      <c r="AF2779" s="137"/>
      <c r="AG2779" s="137"/>
      <c r="AH2779" s="137"/>
      <c r="AI2779" s="137"/>
      <c r="AJ2779" s="137"/>
      <c r="AK2779" s="137"/>
      <c r="AL2779" s="137"/>
      <c r="AM2779" s="137"/>
      <c r="AN2779" s="137"/>
      <c r="AO2779" s="137"/>
      <c r="AP2779" s="137"/>
      <c r="AQ2779" s="137"/>
      <c r="AR2779" s="137"/>
      <c r="AS2779" s="137"/>
      <c r="AT2779" s="137"/>
      <c r="AU2779" s="137"/>
      <c r="AV2779" s="137"/>
      <c r="AW2779" s="144"/>
    </row>
    <row r="2780" spans="7:49" x14ac:dyDescent="0.2">
      <c r="G2780" s="43"/>
      <c r="Z2780" s="143"/>
      <c r="AA2780" s="137"/>
      <c r="AB2780" s="137"/>
      <c r="AC2780" s="137"/>
      <c r="AD2780" s="137"/>
      <c r="AE2780" s="137"/>
      <c r="AF2780" s="137"/>
      <c r="AG2780" s="137"/>
      <c r="AH2780" s="137"/>
      <c r="AI2780" s="137"/>
      <c r="AJ2780" s="137"/>
      <c r="AK2780" s="137"/>
      <c r="AL2780" s="137"/>
      <c r="AM2780" s="137"/>
      <c r="AN2780" s="137"/>
      <c r="AO2780" s="137"/>
      <c r="AP2780" s="137"/>
      <c r="AQ2780" s="137"/>
      <c r="AR2780" s="137"/>
      <c r="AS2780" s="137"/>
      <c r="AT2780" s="137"/>
      <c r="AU2780" s="137"/>
      <c r="AV2780" s="137"/>
      <c r="AW2780" s="144"/>
    </row>
    <row r="2781" spans="7:49" x14ac:dyDescent="0.2">
      <c r="G2781" s="43"/>
      <c r="Z2781" s="143"/>
      <c r="AA2781" s="137"/>
      <c r="AB2781" s="137"/>
      <c r="AC2781" s="137"/>
      <c r="AD2781" s="137"/>
      <c r="AE2781" s="137"/>
      <c r="AF2781" s="137"/>
      <c r="AG2781" s="137"/>
      <c r="AH2781" s="137"/>
      <c r="AI2781" s="137"/>
      <c r="AJ2781" s="137"/>
      <c r="AK2781" s="137"/>
      <c r="AL2781" s="137"/>
      <c r="AM2781" s="137"/>
      <c r="AN2781" s="137"/>
      <c r="AO2781" s="137"/>
      <c r="AP2781" s="137"/>
      <c r="AQ2781" s="137"/>
      <c r="AR2781" s="137"/>
      <c r="AS2781" s="137"/>
      <c r="AT2781" s="137"/>
      <c r="AU2781" s="137"/>
      <c r="AV2781" s="137"/>
      <c r="AW2781" s="144"/>
    </row>
    <row r="2782" spans="7:49" x14ac:dyDescent="0.2">
      <c r="G2782" s="43"/>
      <c r="Z2782" s="143"/>
      <c r="AA2782" s="137"/>
      <c r="AB2782" s="137"/>
      <c r="AC2782" s="137"/>
      <c r="AD2782" s="137"/>
      <c r="AE2782" s="137"/>
      <c r="AF2782" s="137"/>
      <c r="AG2782" s="137"/>
      <c r="AH2782" s="137"/>
      <c r="AI2782" s="137"/>
      <c r="AJ2782" s="137"/>
      <c r="AK2782" s="137"/>
      <c r="AL2782" s="137"/>
      <c r="AM2782" s="137"/>
      <c r="AN2782" s="137"/>
      <c r="AO2782" s="137"/>
      <c r="AP2782" s="137"/>
      <c r="AQ2782" s="137"/>
      <c r="AR2782" s="137"/>
      <c r="AS2782" s="137"/>
      <c r="AT2782" s="137"/>
      <c r="AU2782" s="137"/>
      <c r="AV2782" s="137"/>
      <c r="AW2782" s="144"/>
    </row>
    <row r="2783" spans="7:49" x14ac:dyDescent="0.2">
      <c r="G2783" s="43"/>
      <c r="Z2783" s="143"/>
      <c r="AA2783" s="137"/>
      <c r="AB2783" s="137"/>
      <c r="AC2783" s="137"/>
      <c r="AD2783" s="137"/>
      <c r="AE2783" s="137"/>
      <c r="AF2783" s="137"/>
      <c r="AG2783" s="137"/>
      <c r="AH2783" s="137"/>
      <c r="AI2783" s="137"/>
      <c r="AJ2783" s="137"/>
      <c r="AK2783" s="137"/>
      <c r="AL2783" s="137"/>
      <c r="AM2783" s="137"/>
      <c r="AN2783" s="137"/>
      <c r="AO2783" s="137"/>
      <c r="AP2783" s="137"/>
      <c r="AQ2783" s="137"/>
      <c r="AR2783" s="137"/>
      <c r="AS2783" s="137"/>
      <c r="AT2783" s="137"/>
      <c r="AU2783" s="137"/>
      <c r="AV2783" s="137"/>
      <c r="AW2783" s="144"/>
    </row>
    <row r="2784" spans="7:49" x14ac:dyDescent="0.2">
      <c r="G2784" s="43"/>
      <c r="Z2784" s="143"/>
      <c r="AA2784" s="137"/>
      <c r="AB2784" s="137"/>
      <c r="AC2784" s="137"/>
      <c r="AD2784" s="137"/>
      <c r="AE2784" s="137"/>
      <c r="AF2784" s="137"/>
      <c r="AG2784" s="137"/>
      <c r="AH2784" s="137"/>
      <c r="AI2784" s="137"/>
      <c r="AJ2784" s="137"/>
      <c r="AK2784" s="137"/>
      <c r="AL2784" s="137"/>
      <c r="AM2784" s="137"/>
      <c r="AN2784" s="137"/>
      <c r="AO2784" s="137"/>
      <c r="AP2784" s="137"/>
      <c r="AQ2784" s="137"/>
      <c r="AR2784" s="137"/>
      <c r="AS2784" s="137"/>
      <c r="AT2784" s="137"/>
      <c r="AU2784" s="137"/>
      <c r="AV2784" s="137"/>
      <c r="AW2784" s="144"/>
    </row>
    <row r="2785" spans="7:49" x14ac:dyDescent="0.2">
      <c r="G2785" s="43"/>
      <c r="Z2785" s="143"/>
      <c r="AA2785" s="137"/>
      <c r="AB2785" s="137"/>
      <c r="AC2785" s="137"/>
      <c r="AD2785" s="137"/>
      <c r="AE2785" s="137"/>
      <c r="AF2785" s="137"/>
      <c r="AG2785" s="137"/>
      <c r="AH2785" s="137"/>
      <c r="AI2785" s="137"/>
      <c r="AJ2785" s="137"/>
      <c r="AK2785" s="137"/>
      <c r="AL2785" s="137"/>
      <c r="AM2785" s="137"/>
      <c r="AN2785" s="137"/>
      <c r="AO2785" s="137"/>
      <c r="AP2785" s="137"/>
      <c r="AQ2785" s="137"/>
      <c r="AR2785" s="137"/>
      <c r="AS2785" s="137"/>
      <c r="AT2785" s="137"/>
      <c r="AU2785" s="137"/>
      <c r="AV2785" s="137"/>
      <c r="AW2785" s="144"/>
    </row>
    <row r="2786" spans="7:49" x14ac:dyDescent="0.2">
      <c r="G2786" s="43"/>
      <c r="Z2786" s="143"/>
      <c r="AA2786" s="137"/>
      <c r="AB2786" s="137"/>
      <c r="AC2786" s="137"/>
      <c r="AD2786" s="137"/>
      <c r="AE2786" s="137"/>
      <c r="AF2786" s="137"/>
      <c r="AG2786" s="137"/>
      <c r="AH2786" s="137"/>
      <c r="AI2786" s="137"/>
      <c r="AJ2786" s="137"/>
      <c r="AK2786" s="137"/>
      <c r="AL2786" s="137"/>
      <c r="AM2786" s="137"/>
      <c r="AN2786" s="137"/>
      <c r="AO2786" s="137"/>
      <c r="AP2786" s="137"/>
      <c r="AQ2786" s="137"/>
      <c r="AR2786" s="137"/>
      <c r="AS2786" s="137"/>
      <c r="AT2786" s="137"/>
      <c r="AU2786" s="137"/>
      <c r="AV2786" s="137"/>
      <c r="AW2786" s="144"/>
    </row>
    <row r="2787" spans="7:49" x14ac:dyDescent="0.2">
      <c r="G2787" s="43"/>
      <c r="Z2787" s="143"/>
      <c r="AA2787" s="137"/>
      <c r="AB2787" s="137"/>
      <c r="AC2787" s="137"/>
      <c r="AD2787" s="137"/>
      <c r="AE2787" s="137"/>
      <c r="AF2787" s="137"/>
      <c r="AG2787" s="137"/>
      <c r="AH2787" s="137"/>
      <c r="AI2787" s="137"/>
      <c r="AJ2787" s="137"/>
      <c r="AK2787" s="137"/>
      <c r="AL2787" s="137"/>
      <c r="AM2787" s="137"/>
      <c r="AN2787" s="137"/>
      <c r="AO2787" s="137"/>
      <c r="AP2787" s="137"/>
      <c r="AQ2787" s="137"/>
      <c r="AR2787" s="137"/>
      <c r="AS2787" s="137"/>
      <c r="AT2787" s="137"/>
      <c r="AU2787" s="137"/>
      <c r="AV2787" s="137"/>
      <c r="AW2787" s="144"/>
    </row>
    <row r="2788" spans="7:49" x14ac:dyDescent="0.2">
      <c r="G2788" s="43"/>
      <c r="Z2788" s="143"/>
      <c r="AA2788" s="137"/>
      <c r="AB2788" s="137"/>
      <c r="AC2788" s="137"/>
      <c r="AD2788" s="137"/>
      <c r="AE2788" s="137"/>
      <c r="AF2788" s="137"/>
      <c r="AG2788" s="137"/>
      <c r="AH2788" s="137"/>
      <c r="AI2788" s="137"/>
      <c r="AJ2788" s="137"/>
      <c r="AK2788" s="137"/>
      <c r="AL2788" s="137"/>
      <c r="AM2788" s="137"/>
      <c r="AN2788" s="137"/>
      <c r="AO2788" s="137"/>
      <c r="AP2788" s="137"/>
      <c r="AQ2788" s="137"/>
      <c r="AR2788" s="137"/>
      <c r="AS2788" s="137"/>
      <c r="AT2788" s="137"/>
      <c r="AU2788" s="137"/>
      <c r="AV2788" s="137"/>
      <c r="AW2788" s="144"/>
    </row>
    <row r="2789" spans="7:49" x14ac:dyDescent="0.2">
      <c r="G2789" s="43"/>
      <c r="Z2789" s="143"/>
      <c r="AA2789" s="137"/>
      <c r="AB2789" s="137"/>
      <c r="AC2789" s="137"/>
      <c r="AD2789" s="137"/>
      <c r="AE2789" s="137"/>
      <c r="AF2789" s="137"/>
      <c r="AG2789" s="137"/>
      <c r="AH2789" s="137"/>
      <c r="AI2789" s="137"/>
      <c r="AJ2789" s="137"/>
      <c r="AK2789" s="137"/>
      <c r="AL2789" s="137"/>
      <c r="AM2789" s="137"/>
      <c r="AN2789" s="137"/>
      <c r="AO2789" s="137"/>
      <c r="AP2789" s="137"/>
      <c r="AQ2789" s="137"/>
      <c r="AR2789" s="137"/>
      <c r="AS2789" s="137"/>
      <c r="AT2789" s="137"/>
      <c r="AU2789" s="137"/>
      <c r="AV2789" s="137"/>
      <c r="AW2789" s="144"/>
    </row>
    <row r="2790" spans="7:49" x14ac:dyDescent="0.2">
      <c r="G2790" s="43"/>
      <c r="Z2790" s="143"/>
      <c r="AA2790" s="137"/>
      <c r="AB2790" s="137"/>
      <c r="AC2790" s="137"/>
      <c r="AD2790" s="137"/>
      <c r="AE2790" s="137"/>
      <c r="AF2790" s="137"/>
      <c r="AG2790" s="137"/>
      <c r="AH2790" s="137"/>
      <c r="AI2790" s="137"/>
      <c r="AJ2790" s="137"/>
      <c r="AK2790" s="137"/>
      <c r="AL2790" s="137"/>
      <c r="AM2790" s="137"/>
      <c r="AN2790" s="137"/>
      <c r="AO2790" s="137"/>
      <c r="AP2790" s="137"/>
      <c r="AQ2790" s="137"/>
      <c r="AR2790" s="137"/>
      <c r="AS2790" s="137"/>
      <c r="AT2790" s="137"/>
      <c r="AU2790" s="137"/>
      <c r="AV2790" s="137"/>
      <c r="AW2790" s="144"/>
    </row>
    <row r="2791" spans="7:49" x14ac:dyDescent="0.2">
      <c r="G2791" s="43"/>
      <c r="Z2791" s="143"/>
      <c r="AA2791" s="137"/>
      <c r="AB2791" s="137"/>
      <c r="AC2791" s="137"/>
      <c r="AD2791" s="137"/>
      <c r="AE2791" s="137"/>
      <c r="AF2791" s="137"/>
      <c r="AG2791" s="137"/>
      <c r="AH2791" s="137"/>
      <c r="AI2791" s="137"/>
      <c r="AJ2791" s="137"/>
      <c r="AK2791" s="137"/>
      <c r="AL2791" s="137"/>
      <c r="AM2791" s="137"/>
      <c r="AN2791" s="137"/>
      <c r="AO2791" s="137"/>
      <c r="AP2791" s="137"/>
      <c r="AQ2791" s="137"/>
      <c r="AR2791" s="137"/>
      <c r="AS2791" s="137"/>
      <c r="AT2791" s="137"/>
      <c r="AU2791" s="137"/>
      <c r="AV2791" s="137"/>
      <c r="AW2791" s="144"/>
    </row>
    <row r="2792" spans="7:49" x14ac:dyDescent="0.2">
      <c r="G2792" s="43"/>
      <c r="Z2792" s="143"/>
      <c r="AA2792" s="137"/>
      <c r="AB2792" s="137"/>
      <c r="AC2792" s="137"/>
      <c r="AD2792" s="137"/>
      <c r="AE2792" s="137"/>
      <c r="AF2792" s="137"/>
      <c r="AG2792" s="137"/>
      <c r="AH2792" s="137"/>
      <c r="AI2792" s="137"/>
      <c r="AJ2792" s="137"/>
      <c r="AK2792" s="137"/>
      <c r="AL2792" s="137"/>
      <c r="AM2792" s="137"/>
      <c r="AN2792" s="137"/>
      <c r="AO2792" s="137"/>
      <c r="AP2792" s="137"/>
      <c r="AQ2792" s="137"/>
      <c r="AR2792" s="137"/>
      <c r="AS2792" s="137"/>
      <c r="AT2792" s="137"/>
      <c r="AU2792" s="137"/>
      <c r="AV2792" s="137"/>
      <c r="AW2792" s="144"/>
    </row>
    <row r="2793" spans="7:49" x14ac:dyDescent="0.2">
      <c r="G2793" s="43"/>
      <c r="Z2793" s="143"/>
      <c r="AA2793" s="137"/>
      <c r="AB2793" s="137"/>
      <c r="AC2793" s="137"/>
      <c r="AD2793" s="137"/>
      <c r="AE2793" s="137"/>
      <c r="AF2793" s="137"/>
      <c r="AG2793" s="137"/>
      <c r="AH2793" s="137"/>
      <c r="AI2793" s="137"/>
      <c r="AJ2793" s="137"/>
      <c r="AK2793" s="137"/>
      <c r="AL2793" s="137"/>
      <c r="AM2793" s="137"/>
      <c r="AN2793" s="137"/>
      <c r="AO2793" s="137"/>
      <c r="AP2793" s="137"/>
      <c r="AQ2793" s="137"/>
      <c r="AR2793" s="137"/>
      <c r="AS2793" s="137"/>
      <c r="AT2793" s="137"/>
      <c r="AU2793" s="137"/>
      <c r="AV2793" s="137"/>
      <c r="AW2793" s="144"/>
    </row>
    <row r="2794" spans="7:49" x14ac:dyDescent="0.2">
      <c r="G2794" s="43"/>
      <c r="Z2794" s="143"/>
      <c r="AA2794" s="137"/>
      <c r="AB2794" s="137"/>
      <c r="AC2794" s="137"/>
      <c r="AD2794" s="137"/>
      <c r="AE2794" s="137"/>
      <c r="AF2794" s="137"/>
      <c r="AG2794" s="137"/>
      <c r="AH2794" s="137"/>
      <c r="AI2794" s="137"/>
      <c r="AJ2794" s="137"/>
      <c r="AK2794" s="137"/>
      <c r="AL2794" s="137"/>
      <c r="AM2794" s="137"/>
      <c r="AN2794" s="137"/>
      <c r="AO2794" s="137"/>
      <c r="AP2794" s="137"/>
      <c r="AQ2794" s="137"/>
      <c r="AR2794" s="137"/>
      <c r="AS2794" s="137"/>
      <c r="AT2794" s="137"/>
      <c r="AU2794" s="137"/>
      <c r="AV2794" s="137"/>
      <c r="AW2794" s="144"/>
    </row>
    <row r="2795" spans="7:49" x14ac:dyDescent="0.2">
      <c r="G2795" s="43"/>
      <c r="Z2795" s="143"/>
      <c r="AA2795" s="137"/>
      <c r="AB2795" s="137"/>
      <c r="AC2795" s="137"/>
      <c r="AD2795" s="137"/>
      <c r="AE2795" s="137"/>
      <c r="AF2795" s="137"/>
      <c r="AG2795" s="137"/>
      <c r="AH2795" s="137"/>
      <c r="AI2795" s="137"/>
      <c r="AJ2795" s="137"/>
      <c r="AK2795" s="137"/>
      <c r="AL2795" s="137"/>
      <c r="AM2795" s="137"/>
      <c r="AN2795" s="137"/>
      <c r="AO2795" s="137"/>
      <c r="AP2795" s="137"/>
      <c r="AQ2795" s="137"/>
      <c r="AR2795" s="137"/>
      <c r="AS2795" s="137"/>
      <c r="AT2795" s="137"/>
      <c r="AU2795" s="137"/>
      <c r="AV2795" s="137"/>
      <c r="AW2795" s="144"/>
    </row>
    <row r="2796" spans="7:49" x14ac:dyDescent="0.2">
      <c r="G2796" s="43"/>
      <c r="Z2796" s="143"/>
      <c r="AA2796" s="137"/>
      <c r="AB2796" s="137"/>
      <c r="AC2796" s="137"/>
      <c r="AD2796" s="137"/>
      <c r="AE2796" s="137"/>
      <c r="AF2796" s="137"/>
      <c r="AG2796" s="137"/>
      <c r="AH2796" s="137"/>
      <c r="AI2796" s="137"/>
      <c r="AJ2796" s="137"/>
      <c r="AK2796" s="137"/>
      <c r="AL2796" s="137"/>
      <c r="AM2796" s="137"/>
      <c r="AN2796" s="137"/>
      <c r="AO2796" s="137"/>
      <c r="AP2796" s="137"/>
      <c r="AQ2796" s="137"/>
      <c r="AR2796" s="137"/>
      <c r="AS2796" s="137"/>
      <c r="AT2796" s="137"/>
      <c r="AU2796" s="137"/>
      <c r="AV2796" s="137"/>
      <c r="AW2796" s="144"/>
    </row>
    <row r="2797" spans="7:49" x14ac:dyDescent="0.2">
      <c r="G2797" s="43"/>
      <c r="Z2797" s="143"/>
      <c r="AA2797" s="137"/>
      <c r="AB2797" s="137"/>
      <c r="AC2797" s="137"/>
      <c r="AD2797" s="137"/>
      <c r="AE2797" s="137"/>
      <c r="AF2797" s="137"/>
      <c r="AG2797" s="137"/>
      <c r="AH2797" s="137"/>
      <c r="AI2797" s="137"/>
      <c r="AJ2797" s="137"/>
      <c r="AK2797" s="137"/>
      <c r="AL2797" s="137"/>
      <c r="AM2797" s="137"/>
      <c r="AN2797" s="137"/>
      <c r="AO2797" s="137"/>
      <c r="AP2797" s="137"/>
      <c r="AQ2797" s="137"/>
      <c r="AR2797" s="137"/>
      <c r="AS2797" s="137"/>
      <c r="AT2797" s="137"/>
      <c r="AU2797" s="137"/>
      <c r="AV2797" s="137"/>
      <c r="AW2797" s="144"/>
    </row>
    <row r="2798" spans="7:49" x14ac:dyDescent="0.2">
      <c r="G2798" s="43"/>
      <c r="Z2798" s="143"/>
      <c r="AA2798" s="137"/>
      <c r="AB2798" s="137"/>
      <c r="AC2798" s="137"/>
      <c r="AD2798" s="137"/>
      <c r="AE2798" s="137"/>
      <c r="AF2798" s="137"/>
      <c r="AG2798" s="137"/>
      <c r="AH2798" s="137"/>
      <c r="AI2798" s="137"/>
      <c r="AJ2798" s="137"/>
      <c r="AK2798" s="137"/>
      <c r="AL2798" s="137"/>
      <c r="AM2798" s="137"/>
      <c r="AN2798" s="137"/>
      <c r="AO2798" s="137"/>
      <c r="AP2798" s="137"/>
      <c r="AQ2798" s="137"/>
      <c r="AR2798" s="137"/>
      <c r="AS2798" s="137"/>
      <c r="AT2798" s="137"/>
      <c r="AU2798" s="137"/>
      <c r="AV2798" s="137"/>
      <c r="AW2798" s="144"/>
    </row>
    <row r="2799" spans="7:49" x14ac:dyDescent="0.2">
      <c r="G2799" s="43"/>
      <c r="Z2799" s="143"/>
      <c r="AA2799" s="137"/>
      <c r="AB2799" s="137"/>
      <c r="AC2799" s="137"/>
      <c r="AD2799" s="137"/>
      <c r="AE2799" s="137"/>
      <c r="AF2799" s="137"/>
      <c r="AG2799" s="137"/>
      <c r="AH2799" s="137"/>
      <c r="AI2799" s="137"/>
      <c r="AJ2799" s="137"/>
      <c r="AK2799" s="137"/>
      <c r="AL2799" s="137"/>
      <c r="AM2799" s="137"/>
      <c r="AN2799" s="137"/>
      <c r="AO2799" s="137"/>
      <c r="AP2799" s="137"/>
      <c r="AQ2799" s="137"/>
      <c r="AR2799" s="137"/>
      <c r="AS2799" s="137"/>
      <c r="AT2799" s="137"/>
      <c r="AU2799" s="137"/>
      <c r="AV2799" s="137"/>
      <c r="AW2799" s="144"/>
    </row>
    <row r="2800" spans="7:49" x14ac:dyDescent="0.2">
      <c r="G2800" s="43"/>
      <c r="Z2800" s="143"/>
      <c r="AA2800" s="137"/>
      <c r="AB2800" s="137"/>
      <c r="AC2800" s="137"/>
      <c r="AD2800" s="137"/>
      <c r="AE2800" s="137"/>
      <c r="AF2800" s="137"/>
      <c r="AG2800" s="137"/>
      <c r="AH2800" s="137"/>
      <c r="AI2800" s="137"/>
      <c r="AJ2800" s="137"/>
      <c r="AK2800" s="137"/>
      <c r="AL2800" s="137"/>
      <c r="AM2800" s="137"/>
      <c r="AN2800" s="137"/>
      <c r="AO2800" s="137"/>
      <c r="AP2800" s="137"/>
      <c r="AQ2800" s="137"/>
      <c r="AR2800" s="137"/>
      <c r="AS2800" s="137"/>
      <c r="AT2800" s="137"/>
      <c r="AU2800" s="137"/>
      <c r="AV2800" s="137"/>
      <c r="AW2800" s="144"/>
    </row>
    <row r="2801" spans="7:49" x14ac:dyDescent="0.2">
      <c r="G2801" s="43"/>
      <c r="Z2801" s="143"/>
      <c r="AA2801" s="137"/>
      <c r="AB2801" s="137"/>
      <c r="AC2801" s="137"/>
      <c r="AD2801" s="137"/>
      <c r="AE2801" s="137"/>
      <c r="AF2801" s="137"/>
      <c r="AG2801" s="137"/>
      <c r="AH2801" s="137"/>
      <c r="AI2801" s="137"/>
      <c r="AJ2801" s="137"/>
      <c r="AK2801" s="137"/>
      <c r="AL2801" s="137"/>
      <c r="AM2801" s="137"/>
      <c r="AN2801" s="137"/>
      <c r="AO2801" s="137"/>
      <c r="AP2801" s="137"/>
      <c r="AQ2801" s="137"/>
      <c r="AR2801" s="137"/>
      <c r="AS2801" s="137"/>
      <c r="AT2801" s="137"/>
      <c r="AU2801" s="137"/>
      <c r="AV2801" s="137"/>
      <c r="AW2801" s="144"/>
    </row>
    <row r="2802" spans="7:49" x14ac:dyDescent="0.2">
      <c r="G2802" s="43"/>
      <c r="Z2802" s="143"/>
      <c r="AA2802" s="137"/>
      <c r="AB2802" s="137"/>
      <c r="AC2802" s="137"/>
      <c r="AD2802" s="137"/>
      <c r="AE2802" s="137"/>
      <c r="AF2802" s="137"/>
      <c r="AG2802" s="137"/>
      <c r="AH2802" s="137"/>
      <c r="AI2802" s="137"/>
      <c r="AJ2802" s="137"/>
      <c r="AK2802" s="137"/>
      <c r="AL2802" s="137"/>
      <c r="AM2802" s="137"/>
      <c r="AN2802" s="137"/>
      <c r="AO2802" s="137"/>
      <c r="AP2802" s="137"/>
      <c r="AQ2802" s="137"/>
      <c r="AR2802" s="137"/>
      <c r="AS2802" s="137"/>
      <c r="AT2802" s="137"/>
      <c r="AU2802" s="137"/>
      <c r="AV2802" s="137"/>
      <c r="AW2802" s="144"/>
    </row>
    <row r="2803" spans="7:49" x14ac:dyDescent="0.2">
      <c r="G2803" s="43"/>
      <c r="Z2803" s="143"/>
      <c r="AA2803" s="137"/>
      <c r="AB2803" s="137"/>
      <c r="AC2803" s="137"/>
      <c r="AD2803" s="137"/>
      <c r="AE2803" s="137"/>
      <c r="AF2803" s="137"/>
      <c r="AG2803" s="137"/>
      <c r="AH2803" s="137"/>
      <c r="AI2803" s="137"/>
      <c r="AJ2803" s="137"/>
      <c r="AK2803" s="137"/>
      <c r="AL2803" s="137"/>
      <c r="AM2803" s="137"/>
      <c r="AN2803" s="137"/>
      <c r="AO2803" s="137"/>
      <c r="AP2803" s="137"/>
      <c r="AQ2803" s="137"/>
      <c r="AR2803" s="137"/>
      <c r="AS2803" s="137"/>
      <c r="AT2803" s="137"/>
      <c r="AU2803" s="137"/>
      <c r="AV2803" s="137"/>
      <c r="AW2803" s="144"/>
    </row>
    <row r="2804" spans="7:49" x14ac:dyDescent="0.2">
      <c r="G2804" s="43"/>
      <c r="Z2804" s="143"/>
      <c r="AA2804" s="137"/>
      <c r="AB2804" s="137"/>
      <c r="AC2804" s="137"/>
      <c r="AD2804" s="137"/>
      <c r="AE2804" s="137"/>
      <c r="AF2804" s="137"/>
      <c r="AG2804" s="137"/>
      <c r="AH2804" s="137"/>
      <c r="AI2804" s="137"/>
      <c r="AJ2804" s="137"/>
      <c r="AK2804" s="137"/>
      <c r="AL2804" s="137"/>
      <c r="AM2804" s="137"/>
      <c r="AN2804" s="137"/>
      <c r="AO2804" s="137"/>
      <c r="AP2804" s="137"/>
      <c r="AQ2804" s="137"/>
      <c r="AR2804" s="137"/>
      <c r="AS2804" s="137"/>
      <c r="AT2804" s="137"/>
      <c r="AU2804" s="137"/>
      <c r="AV2804" s="137"/>
      <c r="AW2804" s="144"/>
    </row>
    <row r="2805" spans="7:49" x14ac:dyDescent="0.2">
      <c r="G2805" s="43"/>
      <c r="Z2805" s="143"/>
      <c r="AA2805" s="137"/>
      <c r="AB2805" s="137"/>
      <c r="AC2805" s="137"/>
      <c r="AD2805" s="137"/>
      <c r="AE2805" s="137"/>
      <c r="AF2805" s="137"/>
      <c r="AG2805" s="137"/>
      <c r="AH2805" s="137"/>
      <c r="AI2805" s="137"/>
      <c r="AJ2805" s="137"/>
      <c r="AK2805" s="137"/>
      <c r="AL2805" s="137"/>
      <c r="AM2805" s="137"/>
      <c r="AN2805" s="137"/>
      <c r="AO2805" s="137"/>
      <c r="AP2805" s="137"/>
      <c r="AQ2805" s="137"/>
      <c r="AR2805" s="137"/>
      <c r="AS2805" s="137"/>
      <c r="AT2805" s="137"/>
      <c r="AU2805" s="137"/>
      <c r="AV2805" s="137"/>
      <c r="AW2805" s="144"/>
    </row>
    <row r="2806" spans="7:49" x14ac:dyDescent="0.2">
      <c r="G2806" s="43"/>
      <c r="Z2806" s="143"/>
      <c r="AA2806" s="137"/>
      <c r="AB2806" s="137"/>
      <c r="AC2806" s="137"/>
      <c r="AD2806" s="137"/>
      <c r="AE2806" s="137"/>
      <c r="AF2806" s="137"/>
      <c r="AG2806" s="137"/>
      <c r="AH2806" s="137"/>
      <c r="AI2806" s="137"/>
      <c r="AJ2806" s="137"/>
      <c r="AK2806" s="137"/>
      <c r="AL2806" s="137"/>
      <c r="AM2806" s="137"/>
      <c r="AN2806" s="137"/>
      <c r="AO2806" s="137"/>
      <c r="AP2806" s="137"/>
      <c r="AQ2806" s="137"/>
      <c r="AR2806" s="137"/>
      <c r="AS2806" s="137"/>
      <c r="AT2806" s="137"/>
      <c r="AU2806" s="137"/>
      <c r="AV2806" s="137"/>
      <c r="AW2806" s="144"/>
    </row>
    <row r="2807" spans="7:49" x14ac:dyDescent="0.2">
      <c r="G2807" s="43"/>
      <c r="Z2807" s="143"/>
      <c r="AA2807" s="137"/>
      <c r="AB2807" s="137"/>
      <c r="AC2807" s="137"/>
      <c r="AD2807" s="137"/>
      <c r="AE2807" s="137"/>
      <c r="AF2807" s="137"/>
      <c r="AG2807" s="137"/>
      <c r="AH2807" s="137"/>
      <c r="AI2807" s="137"/>
      <c r="AJ2807" s="137"/>
      <c r="AK2807" s="137"/>
      <c r="AL2807" s="137"/>
      <c r="AM2807" s="137"/>
      <c r="AN2807" s="137"/>
      <c r="AO2807" s="137"/>
      <c r="AP2807" s="137"/>
      <c r="AQ2807" s="137"/>
      <c r="AR2807" s="137"/>
      <c r="AS2807" s="137"/>
      <c r="AT2807" s="137"/>
      <c r="AU2807" s="137"/>
      <c r="AV2807" s="137"/>
      <c r="AW2807" s="144"/>
    </row>
    <row r="2808" spans="7:49" x14ac:dyDescent="0.2">
      <c r="G2808" s="43"/>
      <c r="Z2808" s="143"/>
      <c r="AA2808" s="137"/>
      <c r="AB2808" s="137"/>
      <c r="AC2808" s="137"/>
      <c r="AD2808" s="137"/>
      <c r="AE2808" s="137"/>
      <c r="AF2808" s="137"/>
      <c r="AG2808" s="137"/>
      <c r="AH2808" s="137"/>
      <c r="AI2808" s="137"/>
      <c r="AJ2808" s="137"/>
      <c r="AK2808" s="137"/>
      <c r="AL2808" s="137"/>
      <c r="AM2808" s="137"/>
      <c r="AN2808" s="137"/>
      <c r="AO2808" s="137"/>
      <c r="AP2808" s="137"/>
      <c r="AQ2808" s="137"/>
      <c r="AR2808" s="137"/>
      <c r="AS2808" s="137"/>
      <c r="AT2808" s="137"/>
      <c r="AU2808" s="137"/>
      <c r="AV2808" s="137"/>
      <c r="AW2808" s="144"/>
    </row>
    <row r="2809" spans="7:49" x14ac:dyDescent="0.2">
      <c r="G2809" s="43"/>
      <c r="Z2809" s="143"/>
      <c r="AA2809" s="137"/>
      <c r="AB2809" s="137"/>
      <c r="AC2809" s="137"/>
      <c r="AD2809" s="137"/>
      <c r="AE2809" s="137"/>
      <c r="AF2809" s="137"/>
      <c r="AG2809" s="137"/>
      <c r="AH2809" s="137"/>
      <c r="AI2809" s="137"/>
      <c r="AJ2809" s="137"/>
      <c r="AK2809" s="137"/>
      <c r="AL2809" s="137"/>
      <c r="AM2809" s="137"/>
      <c r="AN2809" s="137"/>
      <c r="AO2809" s="137"/>
      <c r="AP2809" s="137"/>
      <c r="AQ2809" s="137"/>
      <c r="AR2809" s="137"/>
      <c r="AS2809" s="137"/>
      <c r="AT2809" s="137"/>
      <c r="AU2809" s="137"/>
      <c r="AV2809" s="137"/>
      <c r="AW2809" s="144"/>
    </row>
    <row r="2810" spans="7:49" x14ac:dyDescent="0.2">
      <c r="G2810" s="43"/>
      <c r="Z2810" s="143"/>
      <c r="AA2810" s="137"/>
      <c r="AB2810" s="137"/>
      <c r="AC2810" s="137"/>
      <c r="AD2810" s="137"/>
      <c r="AE2810" s="137"/>
      <c r="AF2810" s="137"/>
      <c r="AG2810" s="137"/>
      <c r="AH2810" s="137"/>
      <c r="AI2810" s="137"/>
      <c r="AJ2810" s="137"/>
      <c r="AK2810" s="137"/>
      <c r="AL2810" s="137"/>
      <c r="AM2810" s="137"/>
      <c r="AN2810" s="137"/>
      <c r="AO2810" s="137"/>
      <c r="AP2810" s="137"/>
      <c r="AQ2810" s="137"/>
      <c r="AR2810" s="137"/>
      <c r="AS2810" s="137"/>
      <c r="AT2810" s="137"/>
      <c r="AU2810" s="137"/>
      <c r="AV2810" s="137"/>
      <c r="AW2810" s="144"/>
    </row>
    <row r="2811" spans="7:49" x14ac:dyDescent="0.2">
      <c r="G2811" s="43"/>
      <c r="Z2811" s="143"/>
      <c r="AA2811" s="137"/>
      <c r="AB2811" s="137"/>
      <c r="AC2811" s="137"/>
      <c r="AD2811" s="137"/>
      <c r="AE2811" s="137"/>
      <c r="AF2811" s="137"/>
      <c r="AG2811" s="137"/>
      <c r="AH2811" s="137"/>
      <c r="AI2811" s="137"/>
      <c r="AJ2811" s="137"/>
      <c r="AK2811" s="137"/>
      <c r="AL2811" s="137"/>
      <c r="AM2811" s="137"/>
      <c r="AN2811" s="137"/>
      <c r="AO2811" s="137"/>
      <c r="AP2811" s="137"/>
      <c r="AQ2811" s="137"/>
      <c r="AR2811" s="137"/>
      <c r="AS2811" s="137"/>
      <c r="AT2811" s="137"/>
      <c r="AU2811" s="137"/>
      <c r="AV2811" s="137"/>
      <c r="AW2811" s="144"/>
    </row>
    <row r="2812" spans="7:49" x14ac:dyDescent="0.2">
      <c r="G2812" s="43"/>
      <c r="Z2812" s="143"/>
      <c r="AA2812" s="137"/>
      <c r="AB2812" s="137"/>
      <c r="AC2812" s="137"/>
      <c r="AD2812" s="137"/>
      <c r="AE2812" s="137"/>
      <c r="AF2812" s="137"/>
      <c r="AG2812" s="137"/>
      <c r="AH2812" s="137"/>
      <c r="AI2812" s="137"/>
      <c r="AJ2812" s="137"/>
      <c r="AK2812" s="137"/>
      <c r="AL2812" s="137"/>
      <c r="AM2812" s="137"/>
      <c r="AN2812" s="137"/>
      <c r="AO2812" s="137"/>
      <c r="AP2812" s="137"/>
      <c r="AQ2812" s="137"/>
      <c r="AR2812" s="137"/>
      <c r="AS2812" s="137"/>
      <c r="AT2812" s="137"/>
      <c r="AU2812" s="137"/>
      <c r="AV2812" s="137"/>
      <c r="AW2812" s="144"/>
    </row>
    <row r="2813" spans="7:49" x14ac:dyDescent="0.2">
      <c r="G2813" s="43"/>
      <c r="Z2813" s="143"/>
      <c r="AA2813" s="137"/>
      <c r="AB2813" s="137"/>
      <c r="AC2813" s="137"/>
      <c r="AD2813" s="137"/>
      <c r="AE2813" s="137"/>
      <c r="AF2813" s="137"/>
      <c r="AG2813" s="137"/>
      <c r="AH2813" s="137"/>
      <c r="AI2813" s="137"/>
      <c r="AJ2813" s="137"/>
      <c r="AK2813" s="137"/>
      <c r="AL2813" s="137"/>
      <c r="AM2813" s="137"/>
      <c r="AN2813" s="137"/>
      <c r="AO2813" s="137"/>
      <c r="AP2813" s="137"/>
      <c r="AQ2813" s="137"/>
      <c r="AR2813" s="137"/>
      <c r="AS2813" s="137"/>
      <c r="AT2813" s="137"/>
      <c r="AU2813" s="137"/>
      <c r="AV2813" s="137"/>
      <c r="AW2813" s="144"/>
    </row>
    <row r="2814" spans="7:49" x14ac:dyDescent="0.2">
      <c r="G2814" s="43"/>
      <c r="Z2814" s="143"/>
      <c r="AA2814" s="137"/>
      <c r="AB2814" s="137"/>
      <c r="AC2814" s="137"/>
      <c r="AD2814" s="137"/>
      <c r="AE2814" s="137"/>
      <c r="AF2814" s="137"/>
      <c r="AG2814" s="137"/>
      <c r="AH2814" s="137"/>
      <c r="AI2814" s="137"/>
      <c r="AJ2814" s="137"/>
      <c r="AK2814" s="137"/>
      <c r="AL2814" s="137"/>
      <c r="AM2814" s="137"/>
      <c r="AN2814" s="137"/>
      <c r="AO2814" s="137"/>
      <c r="AP2814" s="137"/>
      <c r="AQ2814" s="137"/>
      <c r="AR2814" s="137"/>
      <c r="AS2814" s="137"/>
      <c r="AT2814" s="137"/>
      <c r="AU2814" s="137"/>
      <c r="AV2814" s="137"/>
      <c r="AW2814" s="144"/>
    </row>
    <row r="2815" spans="7:49" x14ac:dyDescent="0.2">
      <c r="G2815" s="43"/>
      <c r="Z2815" s="143"/>
      <c r="AA2815" s="137"/>
      <c r="AB2815" s="137"/>
      <c r="AC2815" s="137"/>
      <c r="AD2815" s="137"/>
      <c r="AE2815" s="137"/>
      <c r="AF2815" s="137"/>
      <c r="AG2815" s="137"/>
      <c r="AH2815" s="137"/>
      <c r="AI2815" s="137"/>
      <c r="AJ2815" s="137"/>
      <c r="AK2815" s="137"/>
      <c r="AL2815" s="137"/>
      <c r="AM2815" s="137"/>
      <c r="AN2815" s="137"/>
      <c r="AO2815" s="137"/>
      <c r="AP2815" s="137"/>
      <c r="AQ2815" s="137"/>
      <c r="AR2815" s="137"/>
      <c r="AS2815" s="137"/>
      <c r="AT2815" s="137"/>
      <c r="AU2815" s="137"/>
      <c r="AV2815" s="137"/>
      <c r="AW2815" s="144"/>
    </row>
    <row r="2816" spans="7:49" x14ac:dyDescent="0.2">
      <c r="G2816" s="43"/>
      <c r="Z2816" s="143"/>
      <c r="AA2816" s="137"/>
      <c r="AB2816" s="137"/>
      <c r="AC2816" s="137"/>
      <c r="AD2816" s="137"/>
      <c r="AE2816" s="137"/>
      <c r="AF2816" s="137"/>
      <c r="AG2816" s="137"/>
      <c r="AH2816" s="137"/>
      <c r="AI2816" s="137"/>
      <c r="AJ2816" s="137"/>
      <c r="AK2816" s="137"/>
      <c r="AL2816" s="137"/>
      <c r="AM2816" s="137"/>
      <c r="AN2816" s="137"/>
      <c r="AO2816" s="137"/>
      <c r="AP2816" s="137"/>
      <c r="AQ2816" s="137"/>
      <c r="AR2816" s="137"/>
      <c r="AS2816" s="137"/>
      <c r="AT2816" s="137"/>
      <c r="AU2816" s="137"/>
      <c r="AV2816" s="137"/>
      <c r="AW2816" s="144"/>
    </row>
    <row r="2817" spans="7:49" x14ac:dyDescent="0.2">
      <c r="G2817" s="43"/>
      <c r="Z2817" s="143"/>
      <c r="AA2817" s="137"/>
      <c r="AB2817" s="137"/>
      <c r="AC2817" s="137"/>
      <c r="AD2817" s="137"/>
      <c r="AE2817" s="137"/>
      <c r="AF2817" s="137"/>
      <c r="AG2817" s="137"/>
      <c r="AH2817" s="137"/>
      <c r="AI2817" s="137"/>
      <c r="AJ2817" s="137"/>
      <c r="AK2817" s="137"/>
      <c r="AL2817" s="137"/>
      <c r="AM2817" s="137"/>
      <c r="AN2817" s="137"/>
      <c r="AO2817" s="137"/>
      <c r="AP2817" s="137"/>
      <c r="AQ2817" s="137"/>
      <c r="AR2817" s="137"/>
      <c r="AS2817" s="137"/>
      <c r="AT2817" s="137"/>
      <c r="AU2817" s="137"/>
      <c r="AV2817" s="137"/>
      <c r="AW2817" s="144"/>
    </row>
    <row r="2818" spans="7:49" x14ac:dyDescent="0.2">
      <c r="G2818" s="43"/>
      <c r="Z2818" s="143"/>
      <c r="AA2818" s="137"/>
      <c r="AB2818" s="137"/>
      <c r="AC2818" s="137"/>
      <c r="AD2818" s="137"/>
      <c r="AE2818" s="137"/>
      <c r="AF2818" s="137"/>
      <c r="AG2818" s="137"/>
      <c r="AH2818" s="137"/>
      <c r="AI2818" s="137"/>
      <c r="AJ2818" s="137"/>
      <c r="AK2818" s="137"/>
      <c r="AL2818" s="137"/>
      <c r="AM2818" s="137"/>
      <c r="AN2818" s="137"/>
      <c r="AO2818" s="137"/>
      <c r="AP2818" s="137"/>
      <c r="AQ2818" s="137"/>
      <c r="AR2818" s="137"/>
      <c r="AS2818" s="137"/>
      <c r="AT2818" s="137"/>
      <c r="AU2818" s="137"/>
      <c r="AV2818" s="137"/>
      <c r="AW2818" s="144"/>
    </row>
    <row r="2819" spans="7:49" x14ac:dyDescent="0.2">
      <c r="G2819" s="43"/>
      <c r="Z2819" s="143"/>
      <c r="AA2819" s="137"/>
      <c r="AB2819" s="137"/>
      <c r="AC2819" s="137"/>
      <c r="AD2819" s="137"/>
      <c r="AE2819" s="137"/>
      <c r="AF2819" s="137"/>
      <c r="AG2819" s="137"/>
      <c r="AH2819" s="137"/>
      <c r="AI2819" s="137"/>
      <c r="AJ2819" s="137"/>
      <c r="AK2819" s="137"/>
      <c r="AL2819" s="137"/>
      <c r="AM2819" s="137"/>
      <c r="AN2819" s="137"/>
      <c r="AO2819" s="137"/>
      <c r="AP2819" s="137"/>
      <c r="AQ2819" s="137"/>
      <c r="AR2819" s="137"/>
      <c r="AS2819" s="137"/>
      <c r="AT2819" s="137"/>
      <c r="AU2819" s="137"/>
      <c r="AV2819" s="137"/>
      <c r="AW2819" s="144"/>
    </row>
    <row r="2820" spans="7:49" x14ac:dyDescent="0.2">
      <c r="G2820" s="43"/>
      <c r="Z2820" s="143"/>
      <c r="AA2820" s="137"/>
      <c r="AB2820" s="137"/>
      <c r="AC2820" s="137"/>
      <c r="AD2820" s="137"/>
      <c r="AE2820" s="137"/>
      <c r="AF2820" s="137"/>
      <c r="AG2820" s="137"/>
      <c r="AH2820" s="137"/>
      <c r="AI2820" s="137"/>
      <c r="AJ2820" s="137"/>
      <c r="AK2820" s="137"/>
      <c r="AL2820" s="137"/>
      <c r="AM2820" s="137"/>
      <c r="AN2820" s="137"/>
      <c r="AO2820" s="137"/>
      <c r="AP2820" s="137"/>
      <c r="AQ2820" s="137"/>
      <c r="AR2820" s="137"/>
      <c r="AS2820" s="137"/>
      <c r="AT2820" s="137"/>
      <c r="AU2820" s="137"/>
      <c r="AV2820" s="137"/>
      <c r="AW2820" s="144"/>
    </row>
    <row r="2821" spans="7:49" x14ac:dyDescent="0.2">
      <c r="G2821" s="43"/>
      <c r="Z2821" s="143"/>
      <c r="AA2821" s="137"/>
      <c r="AB2821" s="137"/>
      <c r="AC2821" s="137"/>
      <c r="AD2821" s="137"/>
      <c r="AE2821" s="137"/>
      <c r="AF2821" s="137"/>
      <c r="AG2821" s="137"/>
      <c r="AH2821" s="137"/>
      <c r="AI2821" s="137"/>
      <c r="AJ2821" s="137"/>
      <c r="AK2821" s="137"/>
      <c r="AL2821" s="137"/>
      <c r="AM2821" s="137"/>
      <c r="AN2821" s="137"/>
      <c r="AO2821" s="137"/>
      <c r="AP2821" s="137"/>
      <c r="AQ2821" s="137"/>
      <c r="AR2821" s="137"/>
      <c r="AS2821" s="137"/>
      <c r="AT2821" s="137"/>
      <c r="AU2821" s="137"/>
      <c r="AV2821" s="137"/>
      <c r="AW2821" s="144"/>
    </row>
    <row r="2822" spans="7:49" x14ac:dyDescent="0.2">
      <c r="G2822" s="43"/>
      <c r="Z2822" s="143"/>
      <c r="AA2822" s="137"/>
      <c r="AB2822" s="137"/>
      <c r="AC2822" s="137"/>
      <c r="AD2822" s="137"/>
      <c r="AE2822" s="137"/>
      <c r="AF2822" s="137"/>
      <c r="AG2822" s="137"/>
      <c r="AH2822" s="137"/>
      <c r="AI2822" s="137"/>
      <c r="AJ2822" s="137"/>
      <c r="AK2822" s="137"/>
      <c r="AL2822" s="137"/>
      <c r="AM2822" s="137"/>
      <c r="AN2822" s="137"/>
      <c r="AO2822" s="137"/>
      <c r="AP2822" s="137"/>
      <c r="AQ2822" s="137"/>
      <c r="AR2822" s="137"/>
      <c r="AS2822" s="137"/>
      <c r="AT2822" s="137"/>
      <c r="AU2822" s="137"/>
      <c r="AV2822" s="137"/>
      <c r="AW2822" s="144"/>
    </row>
    <row r="2823" spans="7:49" x14ac:dyDescent="0.2">
      <c r="G2823" s="43"/>
      <c r="Z2823" s="143"/>
      <c r="AA2823" s="137"/>
      <c r="AB2823" s="137"/>
      <c r="AC2823" s="137"/>
      <c r="AD2823" s="137"/>
      <c r="AE2823" s="137"/>
      <c r="AF2823" s="137"/>
      <c r="AG2823" s="137"/>
      <c r="AH2823" s="137"/>
      <c r="AI2823" s="137"/>
      <c r="AJ2823" s="137"/>
      <c r="AK2823" s="137"/>
      <c r="AL2823" s="137"/>
      <c r="AM2823" s="137"/>
      <c r="AN2823" s="137"/>
      <c r="AO2823" s="137"/>
      <c r="AP2823" s="137"/>
      <c r="AQ2823" s="137"/>
      <c r="AR2823" s="137"/>
      <c r="AS2823" s="137"/>
      <c r="AT2823" s="137"/>
      <c r="AU2823" s="137"/>
      <c r="AV2823" s="137"/>
      <c r="AW2823" s="144"/>
    </row>
    <row r="2824" spans="7:49" x14ac:dyDescent="0.2">
      <c r="G2824" s="43"/>
      <c r="Z2824" s="143"/>
      <c r="AA2824" s="137"/>
      <c r="AB2824" s="137"/>
      <c r="AC2824" s="137"/>
      <c r="AD2824" s="137"/>
      <c r="AE2824" s="137"/>
      <c r="AF2824" s="137"/>
      <c r="AG2824" s="137"/>
      <c r="AH2824" s="137"/>
      <c r="AI2824" s="137"/>
      <c r="AJ2824" s="137"/>
      <c r="AK2824" s="137"/>
      <c r="AL2824" s="137"/>
      <c r="AM2824" s="137"/>
      <c r="AN2824" s="137"/>
      <c r="AO2824" s="137"/>
      <c r="AP2824" s="137"/>
      <c r="AQ2824" s="137"/>
      <c r="AR2824" s="137"/>
      <c r="AS2824" s="137"/>
      <c r="AT2824" s="137"/>
      <c r="AU2824" s="137"/>
      <c r="AV2824" s="137"/>
      <c r="AW2824" s="144"/>
    </row>
    <row r="2825" spans="7:49" x14ac:dyDescent="0.2">
      <c r="G2825" s="43"/>
      <c r="Z2825" s="143"/>
      <c r="AA2825" s="137"/>
      <c r="AB2825" s="137"/>
      <c r="AC2825" s="137"/>
      <c r="AD2825" s="137"/>
      <c r="AE2825" s="137"/>
      <c r="AF2825" s="137"/>
      <c r="AG2825" s="137"/>
      <c r="AH2825" s="137"/>
      <c r="AI2825" s="137"/>
      <c r="AJ2825" s="137"/>
      <c r="AK2825" s="137"/>
      <c r="AL2825" s="137"/>
      <c r="AM2825" s="137"/>
      <c r="AN2825" s="137"/>
      <c r="AO2825" s="137"/>
      <c r="AP2825" s="137"/>
      <c r="AQ2825" s="137"/>
      <c r="AR2825" s="137"/>
      <c r="AS2825" s="137"/>
      <c r="AT2825" s="137"/>
      <c r="AU2825" s="137"/>
      <c r="AV2825" s="137"/>
      <c r="AW2825" s="144"/>
    </row>
    <row r="2826" spans="7:49" x14ac:dyDescent="0.2">
      <c r="G2826" s="43"/>
      <c r="Z2826" s="143"/>
      <c r="AA2826" s="137"/>
      <c r="AB2826" s="137"/>
      <c r="AC2826" s="137"/>
      <c r="AD2826" s="137"/>
      <c r="AE2826" s="137"/>
      <c r="AF2826" s="137"/>
      <c r="AG2826" s="137"/>
      <c r="AH2826" s="137"/>
      <c r="AI2826" s="137"/>
      <c r="AJ2826" s="137"/>
      <c r="AK2826" s="137"/>
      <c r="AL2826" s="137"/>
      <c r="AM2826" s="137"/>
      <c r="AN2826" s="137"/>
      <c r="AO2826" s="137"/>
      <c r="AP2826" s="137"/>
      <c r="AQ2826" s="137"/>
      <c r="AR2826" s="137"/>
      <c r="AS2826" s="137"/>
      <c r="AT2826" s="137"/>
      <c r="AU2826" s="137"/>
      <c r="AV2826" s="137"/>
      <c r="AW2826" s="144"/>
    </row>
    <row r="2827" spans="7:49" x14ac:dyDescent="0.2">
      <c r="G2827" s="43"/>
      <c r="Z2827" s="143"/>
      <c r="AA2827" s="137"/>
      <c r="AB2827" s="137"/>
      <c r="AC2827" s="137"/>
      <c r="AD2827" s="137"/>
      <c r="AE2827" s="137"/>
      <c r="AF2827" s="137"/>
      <c r="AG2827" s="137"/>
      <c r="AH2827" s="137"/>
      <c r="AI2827" s="137"/>
      <c r="AJ2827" s="137"/>
      <c r="AK2827" s="137"/>
      <c r="AL2827" s="137"/>
      <c r="AM2827" s="137"/>
      <c r="AN2827" s="137"/>
      <c r="AO2827" s="137"/>
      <c r="AP2827" s="137"/>
      <c r="AQ2827" s="137"/>
      <c r="AR2827" s="137"/>
      <c r="AS2827" s="137"/>
      <c r="AT2827" s="137"/>
      <c r="AU2827" s="137"/>
      <c r="AV2827" s="137"/>
      <c r="AW2827" s="144"/>
    </row>
    <row r="2828" spans="7:49" x14ac:dyDescent="0.2">
      <c r="G2828" s="43"/>
      <c r="Z2828" s="143"/>
      <c r="AA2828" s="137"/>
      <c r="AB2828" s="137"/>
      <c r="AC2828" s="137"/>
      <c r="AD2828" s="137"/>
      <c r="AE2828" s="137"/>
      <c r="AF2828" s="137"/>
      <c r="AG2828" s="137"/>
      <c r="AH2828" s="137"/>
      <c r="AI2828" s="137"/>
      <c r="AJ2828" s="137"/>
      <c r="AK2828" s="137"/>
      <c r="AL2828" s="137"/>
      <c r="AM2828" s="137"/>
      <c r="AN2828" s="137"/>
      <c r="AO2828" s="137"/>
      <c r="AP2828" s="137"/>
      <c r="AQ2828" s="137"/>
      <c r="AR2828" s="137"/>
      <c r="AS2828" s="137"/>
      <c r="AT2828" s="137"/>
      <c r="AU2828" s="137"/>
      <c r="AV2828" s="137"/>
      <c r="AW2828" s="144"/>
    </row>
    <row r="2829" spans="7:49" x14ac:dyDescent="0.2">
      <c r="G2829" s="43"/>
      <c r="Z2829" s="143"/>
      <c r="AA2829" s="137"/>
      <c r="AB2829" s="137"/>
      <c r="AC2829" s="137"/>
      <c r="AD2829" s="137"/>
      <c r="AE2829" s="137"/>
      <c r="AF2829" s="137"/>
      <c r="AG2829" s="137"/>
      <c r="AH2829" s="137"/>
      <c r="AI2829" s="137"/>
      <c r="AJ2829" s="137"/>
      <c r="AK2829" s="137"/>
      <c r="AL2829" s="137"/>
      <c r="AM2829" s="137"/>
      <c r="AN2829" s="137"/>
      <c r="AO2829" s="137"/>
      <c r="AP2829" s="137"/>
      <c r="AQ2829" s="137"/>
      <c r="AR2829" s="137"/>
      <c r="AS2829" s="137"/>
      <c r="AT2829" s="137"/>
      <c r="AU2829" s="137"/>
      <c r="AV2829" s="137"/>
      <c r="AW2829" s="144"/>
    </row>
    <row r="2830" spans="7:49" x14ac:dyDescent="0.2">
      <c r="G2830" s="43"/>
      <c r="Z2830" s="143"/>
      <c r="AA2830" s="137"/>
      <c r="AB2830" s="137"/>
      <c r="AC2830" s="137"/>
      <c r="AD2830" s="137"/>
      <c r="AE2830" s="137"/>
      <c r="AF2830" s="137"/>
      <c r="AG2830" s="137"/>
      <c r="AH2830" s="137"/>
      <c r="AI2830" s="137"/>
      <c r="AJ2830" s="137"/>
      <c r="AK2830" s="137"/>
      <c r="AL2830" s="137"/>
      <c r="AM2830" s="137"/>
      <c r="AN2830" s="137"/>
      <c r="AO2830" s="137"/>
      <c r="AP2830" s="137"/>
      <c r="AQ2830" s="137"/>
      <c r="AR2830" s="137"/>
      <c r="AS2830" s="137"/>
      <c r="AT2830" s="137"/>
      <c r="AU2830" s="137"/>
      <c r="AV2830" s="137"/>
      <c r="AW2830" s="144"/>
    </row>
    <row r="2831" spans="7:49" x14ac:dyDescent="0.2">
      <c r="G2831" s="43"/>
      <c r="Z2831" s="143"/>
      <c r="AA2831" s="137"/>
      <c r="AB2831" s="137"/>
      <c r="AC2831" s="137"/>
      <c r="AD2831" s="137"/>
      <c r="AE2831" s="137"/>
      <c r="AF2831" s="137"/>
      <c r="AG2831" s="137"/>
      <c r="AH2831" s="137"/>
      <c r="AI2831" s="137"/>
      <c r="AJ2831" s="137"/>
      <c r="AK2831" s="137"/>
      <c r="AL2831" s="137"/>
      <c r="AM2831" s="137"/>
      <c r="AN2831" s="137"/>
      <c r="AO2831" s="137"/>
      <c r="AP2831" s="137"/>
      <c r="AQ2831" s="137"/>
      <c r="AR2831" s="137"/>
      <c r="AS2831" s="137"/>
      <c r="AT2831" s="137"/>
      <c r="AU2831" s="137"/>
      <c r="AV2831" s="137"/>
      <c r="AW2831" s="144"/>
    </row>
    <row r="2832" spans="7:49" x14ac:dyDescent="0.2">
      <c r="G2832" s="43"/>
      <c r="Z2832" s="143"/>
      <c r="AA2832" s="137"/>
      <c r="AB2832" s="137"/>
      <c r="AC2832" s="137"/>
      <c r="AD2832" s="137"/>
      <c r="AE2832" s="137"/>
      <c r="AF2832" s="137"/>
      <c r="AG2832" s="137"/>
      <c r="AH2832" s="137"/>
      <c r="AI2832" s="137"/>
      <c r="AJ2832" s="137"/>
      <c r="AK2832" s="137"/>
      <c r="AL2832" s="137"/>
      <c r="AM2832" s="137"/>
      <c r="AN2832" s="137"/>
      <c r="AO2832" s="137"/>
      <c r="AP2832" s="137"/>
      <c r="AQ2832" s="137"/>
      <c r="AR2832" s="137"/>
      <c r="AS2832" s="137"/>
      <c r="AT2832" s="137"/>
      <c r="AU2832" s="137"/>
      <c r="AV2832" s="137"/>
      <c r="AW2832" s="144"/>
    </row>
    <row r="2833" spans="7:49" x14ac:dyDescent="0.2">
      <c r="G2833" s="43"/>
      <c r="Z2833" s="143"/>
      <c r="AA2833" s="137"/>
      <c r="AB2833" s="137"/>
      <c r="AC2833" s="137"/>
      <c r="AD2833" s="137"/>
      <c r="AE2833" s="137"/>
      <c r="AF2833" s="137"/>
      <c r="AG2833" s="137"/>
      <c r="AH2833" s="137"/>
      <c r="AI2833" s="137"/>
      <c r="AJ2833" s="137"/>
      <c r="AK2833" s="137"/>
      <c r="AL2833" s="137"/>
      <c r="AM2833" s="137"/>
      <c r="AN2833" s="137"/>
      <c r="AO2833" s="137"/>
      <c r="AP2833" s="137"/>
      <c r="AQ2833" s="137"/>
      <c r="AR2833" s="137"/>
      <c r="AS2833" s="137"/>
      <c r="AT2833" s="137"/>
      <c r="AU2833" s="137"/>
      <c r="AV2833" s="137"/>
      <c r="AW2833" s="144"/>
    </row>
    <row r="2834" spans="7:49" x14ac:dyDescent="0.2">
      <c r="G2834" s="43"/>
      <c r="Z2834" s="143"/>
      <c r="AA2834" s="137"/>
      <c r="AB2834" s="137"/>
      <c r="AC2834" s="137"/>
      <c r="AD2834" s="137"/>
      <c r="AE2834" s="137"/>
      <c r="AF2834" s="137"/>
      <c r="AG2834" s="137"/>
      <c r="AH2834" s="137"/>
      <c r="AI2834" s="137"/>
      <c r="AJ2834" s="137"/>
      <c r="AK2834" s="137"/>
      <c r="AL2834" s="137"/>
      <c r="AM2834" s="137"/>
      <c r="AN2834" s="137"/>
      <c r="AO2834" s="137"/>
      <c r="AP2834" s="137"/>
      <c r="AQ2834" s="137"/>
      <c r="AR2834" s="137"/>
      <c r="AS2834" s="137"/>
      <c r="AT2834" s="137"/>
      <c r="AU2834" s="137"/>
      <c r="AV2834" s="137"/>
      <c r="AW2834" s="144"/>
    </row>
    <row r="2835" spans="7:49" x14ac:dyDescent="0.2">
      <c r="G2835" s="43"/>
      <c r="Z2835" s="143"/>
      <c r="AA2835" s="137"/>
      <c r="AB2835" s="137"/>
      <c r="AC2835" s="137"/>
      <c r="AD2835" s="137"/>
      <c r="AE2835" s="137"/>
      <c r="AF2835" s="137"/>
      <c r="AG2835" s="137"/>
      <c r="AH2835" s="137"/>
      <c r="AI2835" s="137"/>
      <c r="AJ2835" s="137"/>
      <c r="AK2835" s="137"/>
      <c r="AL2835" s="137"/>
      <c r="AM2835" s="137"/>
      <c r="AN2835" s="137"/>
      <c r="AO2835" s="137"/>
      <c r="AP2835" s="137"/>
      <c r="AQ2835" s="137"/>
      <c r="AR2835" s="137"/>
      <c r="AS2835" s="137"/>
      <c r="AT2835" s="137"/>
      <c r="AU2835" s="137"/>
      <c r="AV2835" s="137"/>
      <c r="AW2835" s="144"/>
    </row>
    <row r="2836" spans="7:49" x14ac:dyDescent="0.2">
      <c r="G2836" s="43"/>
      <c r="Z2836" s="143"/>
      <c r="AA2836" s="137"/>
      <c r="AB2836" s="137"/>
      <c r="AC2836" s="137"/>
      <c r="AD2836" s="137"/>
      <c r="AE2836" s="137"/>
      <c r="AF2836" s="137"/>
      <c r="AG2836" s="137"/>
      <c r="AH2836" s="137"/>
      <c r="AI2836" s="137"/>
      <c r="AJ2836" s="137"/>
      <c r="AK2836" s="137"/>
      <c r="AL2836" s="137"/>
      <c r="AM2836" s="137"/>
      <c r="AN2836" s="137"/>
      <c r="AO2836" s="137"/>
      <c r="AP2836" s="137"/>
      <c r="AQ2836" s="137"/>
      <c r="AR2836" s="137"/>
      <c r="AS2836" s="137"/>
      <c r="AT2836" s="137"/>
      <c r="AU2836" s="137"/>
      <c r="AV2836" s="137"/>
      <c r="AW2836" s="144"/>
    </row>
    <row r="2837" spans="7:49" x14ac:dyDescent="0.2">
      <c r="G2837" s="43"/>
      <c r="Z2837" s="143"/>
      <c r="AA2837" s="137"/>
      <c r="AB2837" s="137"/>
      <c r="AC2837" s="137"/>
      <c r="AD2837" s="137"/>
      <c r="AE2837" s="137"/>
      <c r="AF2837" s="137"/>
      <c r="AG2837" s="137"/>
      <c r="AH2837" s="137"/>
      <c r="AI2837" s="137"/>
      <c r="AJ2837" s="137"/>
      <c r="AK2837" s="137"/>
      <c r="AL2837" s="137"/>
      <c r="AM2837" s="137"/>
      <c r="AN2837" s="137"/>
      <c r="AO2837" s="137"/>
      <c r="AP2837" s="137"/>
      <c r="AQ2837" s="137"/>
      <c r="AR2837" s="137"/>
      <c r="AS2837" s="137"/>
      <c r="AT2837" s="137"/>
      <c r="AU2837" s="137"/>
      <c r="AV2837" s="137"/>
      <c r="AW2837" s="144"/>
    </row>
    <row r="2838" spans="7:49" x14ac:dyDescent="0.2">
      <c r="G2838" s="43"/>
      <c r="Z2838" s="143"/>
      <c r="AA2838" s="137"/>
      <c r="AB2838" s="137"/>
      <c r="AC2838" s="137"/>
      <c r="AD2838" s="137"/>
      <c r="AE2838" s="137"/>
      <c r="AF2838" s="137"/>
      <c r="AG2838" s="137"/>
      <c r="AH2838" s="137"/>
      <c r="AI2838" s="137"/>
      <c r="AJ2838" s="137"/>
      <c r="AK2838" s="137"/>
      <c r="AL2838" s="137"/>
      <c r="AM2838" s="137"/>
      <c r="AN2838" s="137"/>
      <c r="AO2838" s="137"/>
      <c r="AP2838" s="137"/>
      <c r="AQ2838" s="137"/>
      <c r="AR2838" s="137"/>
      <c r="AS2838" s="137"/>
      <c r="AT2838" s="137"/>
      <c r="AU2838" s="137"/>
      <c r="AV2838" s="137"/>
      <c r="AW2838" s="144"/>
    </row>
    <row r="2839" spans="7:49" x14ac:dyDescent="0.2">
      <c r="G2839" s="43"/>
      <c r="Z2839" s="143"/>
      <c r="AA2839" s="137"/>
      <c r="AB2839" s="137"/>
      <c r="AC2839" s="137"/>
      <c r="AD2839" s="137"/>
      <c r="AE2839" s="137"/>
      <c r="AF2839" s="137"/>
      <c r="AG2839" s="137"/>
      <c r="AH2839" s="137"/>
      <c r="AI2839" s="137"/>
      <c r="AJ2839" s="137"/>
      <c r="AK2839" s="137"/>
      <c r="AL2839" s="137"/>
      <c r="AM2839" s="137"/>
      <c r="AN2839" s="137"/>
      <c r="AO2839" s="137"/>
      <c r="AP2839" s="137"/>
      <c r="AQ2839" s="137"/>
      <c r="AR2839" s="137"/>
      <c r="AS2839" s="137"/>
      <c r="AT2839" s="137"/>
      <c r="AU2839" s="137"/>
      <c r="AV2839" s="137"/>
      <c r="AW2839" s="144"/>
    </row>
    <row r="2840" spans="7:49" x14ac:dyDescent="0.2">
      <c r="G2840" s="43"/>
      <c r="Z2840" s="143"/>
      <c r="AA2840" s="137"/>
      <c r="AB2840" s="137"/>
      <c r="AC2840" s="137"/>
      <c r="AD2840" s="137"/>
      <c r="AE2840" s="137"/>
      <c r="AF2840" s="137"/>
      <c r="AG2840" s="137"/>
      <c r="AH2840" s="137"/>
      <c r="AI2840" s="137"/>
      <c r="AJ2840" s="137"/>
      <c r="AK2840" s="137"/>
      <c r="AL2840" s="137"/>
      <c r="AM2840" s="137"/>
      <c r="AN2840" s="137"/>
      <c r="AO2840" s="137"/>
      <c r="AP2840" s="137"/>
      <c r="AQ2840" s="137"/>
      <c r="AR2840" s="137"/>
      <c r="AS2840" s="137"/>
      <c r="AT2840" s="137"/>
      <c r="AU2840" s="137"/>
      <c r="AV2840" s="137"/>
      <c r="AW2840" s="144"/>
    </row>
    <row r="2841" spans="7:49" x14ac:dyDescent="0.2">
      <c r="G2841" s="43"/>
      <c r="Z2841" s="143"/>
      <c r="AA2841" s="137"/>
      <c r="AB2841" s="137"/>
      <c r="AC2841" s="137"/>
      <c r="AD2841" s="137"/>
      <c r="AE2841" s="137"/>
      <c r="AF2841" s="137"/>
      <c r="AG2841" s="137"/>
      <c r="AH2841" s="137"/>
      <c r="AI2841" s="137"/>
      <c r="AJ2841" s="137"/>
      <c r="AK2841" s="137"/>
      <c r="AL2841" s="137"/>
      <c r="AM2841" s="137"/>
      <c r="AN2841" s="137"/>
      <c r="AO2841" s="137"/>
      <c r="AP2841" s="137"/>
      <c r="AQ2841" s="137"/>
      <c r="AR2841" s="137"/>
      <c r="AS2841" s="137"/>
      <c r="AT2841" s="137"/>
      <c r="AU2841" s="137"/>
      <c r="AV2841" s="137"/>
      <c r="AW2841" s="144"/>
    </row>
    <row r="2842" spans="7:49" x14ac:dyDescent="0.2">
      <c r="G2842" s="43"/>
      <c r="Z2842" s="143"/>
      <c r="AA2842" s="137"/>
      <c r="AB2842" s="137"/>
      <c r="AC2842" s="137"/>
      <c r="AD2842" s="137"/>
      <c r="AE2842" s="137"/>
      <c r="AF2842" s="137"/>
      <c r="AG2842" s="137"/>
      <c r="AH2842" s="137"/>
      <c r="AI2842" s="137"/>
      <c r="AJ2842" s="137"/>
      <c r="AK2842" s="137"/>
      <c r="AL2842" s="137"/>
      <c r="AM2842" s="137"/>
      <c r="AN2842" s="137"/>
      <c r="AO2842" s="137"/>
      <c r="AP2842" s="137"/>
      <c r="AQ2842" s="137"/>
      <c r="AR2842" s="137"/>
      <c r="AS2842" s="137"/>
      <c r="AT2842" s="137"/>
      <c r="AU2842" s="137"/>
      <c r="AV2842" s="137"/>
      <c r="AW2842" s="144"/>
    </row>
    <row r="2843" spans="7:49" x14ac:dyDescent="0.2">
      <c r="G2843" s="43"/>
      <c r="Z2843" s="143"/>
      <c r="AA2843" s="137"/>
      <c r="AB2843" s="137"/>
      <c r="AC2843" s="137"/>
      <c r="AD2843" s="137"/>
      <c r="AE2843" s="137"/>
      <c r="AF2843" s="137"/>
      <c r="AG2843" s="137"/>
      <c r="AH2843" s="137"/>
      <c r="AI2843" s="137"/>
      <c r="AJ2843" s="137"/>
      <c r="AK2843" s="137"/>
      <c r="AL2843" s="137"/>
      <c r="AM2843" s="137"/>
      <c r="AN2843" s="137"/>
      <c r="AO2843" s="137"/>
      <c r="AP2843" s="137"/>
      <c r="AQ2843" s="137"/>
      <c r="AR2843" s="137"/>
      <c r="AS2843" s="137"/>
      <c r="AT2843" s="137"/>
      <c r="AU2843" s="137"/>
      <c r="AV2843" s="137"/>
      <c r="AW2843" s="144"/>
    </row>
    <row r="2844" spans="7:49" x14ac:dyDescent="0.2">
      <c r="G2844" s="43"/>
      <c r="Z2844" s="143"/>
      <c r="AA2844" s="137"/>
      <c r="AB2844" s="137"/>
      <c r="AC2844" s="137"/>
      <c r="AD2844" s="137"/>
      <c r="AE2844" s="137"/>
      <c r="AF2844" s="137"/>
      <c r="AG2844" s="137"/>
      <c r="AH2844" s="137"/>
      <c r="AI2844" s="137"/>
      <c r="AJ2844" s="137"/>
      <c r="AK2844" s="137"/>
      <c r="AL2844" s="137"/>
      <c r="AM2844" s="137"/>
      <c r="AN2844" s="137"/>
      <c r="AO2844" s="137"/>
      <c r="AP2844" s="137"/>
      <c r="AQ2844" s="137"/>
      <c r="AR2844" s="137"/>
      <c r="AS2844" s="137"/>
      <c r="AT2844" s="137"/>
      <c r="AU2844" s="137"/>
      <c r="AV2844" s="137"/>
      <c r="AW2844" s="144"/>
    </row>
    <row r="2845" spans="7:49" x14ac:dyDescent="0.2">
      <c r="G2845" s="43"/>
      <c r="Z2845" s="143"/>
      <c r="AA2845" s="137"/>
      <c r="AB2845" s="137"/>
      <c r="AC2845" s="137"/>
      <c r="AD2845" s="137"/>
      <c r="AE2845" s="137"/>
      <c r="AF2845" s="137"/>
      <c r="AG2845" s="137"/>
      <c r="AH2845" s="137"/>
      <c r="AI2845" s="137"/>
      <c r="AJ2845" s="137"/>
      <c r="AK2845" s="137"/>
      <c r="AL2845" s="137"/>
      <c r="AM2845" s="137"/>
      <c r="AN2845" s="137"/>
      <c r="AO2845" s="137"/>
      <c r="AP2845" s="137"/>
      <c r="AQ2845" s="137"/>
      <c r="AR2845" s="137"/>
      <c r="AS2845" s="137"/>
      <c r="AT2845" s="137"/>
      <c r="AU2845" s="137"/>
      <c r="AV2845" s="137"/>
      <c r="AW2845" s="144"/>
    </row>
    <row r="2846" spans="7:49" x14ac:dyDescent="0.2">
      <c r="G2846" s="43"/>
      <c r="Z2846" s="143"/>
      <c r="AA2846" s="137"/>
      <c r="AB2846" s="137"/>
      <c r="AC2846" s="137"/>
      <c r="AD2846" s="137"/>
      <c r="AE2846" s="137"/>
      <c r="AF2846" s="137"/>
      <c r="AG2846" s="137"/>
      <c r="AH2846" s="137"/>
      <c r="AI2846" s="137"/>
      <c r="AJ2846" s="137"/>
      <c r="AK2846" s="137"/>
      <c r="AL2846" s="137"/>
      <c r="AM2846" s="137"/>
      <c r="AN2846" s="137"/>
      <c r="AO2846" s="137"/>
      <c r="AP2846" s="137"/>
      <c r="AQ2846" s="137"/>
      <c r="AR2846" s="137"/>
      <c r="AS2846" s="137"/>
      <c r="AT2846" s="137"/>
      <c r="AU2846" s="137"/>
      <c r="AV2846" s="137"/>
      <c r="AW2846" s="144"/>
    </row>
    <row r="2847" spans="7:49" x14ac:dyDescent="0.2">
      <c r="G2847" s="43"/>
      <c r="Z2847" s="143"/>
      <c r="AA2847" s="137"/>
      <c r="AB2847" s="137"/>
      <c r="AC2847" s="137"/>
      <c r="AD2847" s="137"/>
      <c r="AE2847" s="137"/>
      <c r="AF2847" s="137"/>
      <c r="AG2847" s="137"/>
      <c r="AH2847" s="137"/>
      <c r="AI2847" s="137"/>
      <c r="AJ2847" s="137"/>
      <c r="AK2847" s="137"/>
      <c r="AL2847" s="137"/>
      <c r="AM2847" s="137"/>
      <c r="AN2847" s="137"/>
      <c r="AO2847" s="137"/>
      <c r="AP2847" s="137"/>
      <c r="AQ2847" s="137"/>
      <c r="AR2847" s="137"/>
      <c r="AS2847" s="137"/>
      <c r="AT2847" s="137"/>
      <c r="AU2847" s="137"/>
      <c r="AV2847" s="137"/>
      <c r="AW2847" s="144"/>
    </row>
    <row r="2848" spans="7:49" x14ac:dyDescent="0.2">
      <c r="G2848" s="43"/>
      <c r="Z2848" s="143"/>
      <c r="AA2848" s="137"/>
      <c r="AB2848" s="137"/>
      <c r="AC2848" s="137"/>
      <c r="AD2848" s="137"/>
      <c r="AE2848" s="137"/>
      <c r="AF2848" s="137"/>
      <c r="AG2848" s="137"/>
      <c r="AH2848" s="137"/>
      <c r="AI2848" s="137"/>
      <c r="AJ2848" s="137"/>
      <c r="AK2848" s="137"/>
      <c r="AL2848" s="137"/>
      <c r="AM2848" s="137"/>
      <c r="AN2848" s="137"/>
      <c r="AO2848" s="137"/>
      <c r="AP2848" s="137"/>
      <c r="AQ2848" s="137"/>
      <c r="AR2848" s="137"/>
      <c r="AS2848" s="137"/>
      <c r="AT2848" s="137"/>
      <c r="AU2848" s="137"/>
      <c r="AV2848" s="137"/>
      <c r="AW2848" s="144"/>
    </row>
    <row r="2849" spans="7:49" x14ac:dyDescent="0.2">
      <c r="G2849" s="43"/>
      <c r="Z2849" s="143"/>
      <c r="AA2849" s="137"/>
      <c r="AB2849" s="137"/>
      <c r="AC2849" s="137"/>
      <c r="AD2849" s="137"/>
      <c r="AE2849" s="137"/>
      <c r="AF2849" s="137"/>
      <c r="AG2849" s="137"/>
      <c r="AH2849" s="137"/>
      <c r="AI2849" s="137"/>
      <c r="AJ2849" s="137"/>
      <c r="AK2849" s="137"/>
      <c r="AL2849" s="137"/>
      <c r="AM2849" s="137"/>
      <c r="AN2849" s="137"/>
      <c r="AO2849" s="137"/>
      <c r="AP2849" s="137"/>
      <c r="AQ2849" s="137"/>
      <c r="AR2849" s="137"/>
      <c r="AS2849" s="137"/>
      <c r="AT2849" s="137"/>
      <c r="AU2849" s="137"/>
      <c r="AV2849" s="137"/>
      <c r="AW2849" s="144"/>
    </row>
    <row r="2850" spans="7:49" x14ac:dyDescent="0.2">
      <c r="G2850" s="43"/>
      <c r="Z2850" s="143"/>
      <c r="AA2850" s="137"/>
      <c r="AB2850" s="137"/>
      <c r="AC2850" s="137"/>
      <c r="AD2850" s="137"/>
      <c r="AE2850" s="137"/>
      <c r="AF2850" s="137"/>
      <c r="AG2850" s="137"/>
      <c r="AH2850" s="137"/>
      <c r="AI2850" s="137"/>
      <c r="AJ2850" s="137"/>
      <c r="AK2850" s="137"/>
      <c r="AL2850" s="137"/>
      <c r="AM2850" s="137"/>
      <c r="AN2850" s="137"/>
      <c r="AO2850" s="137"/>
      <c r="AP2850" s="137"/>
      <c r="AQ2850" s="137"/>
      <c r="AR2850" s="137"/>
      <c r="AS2850" s="137"/>
      <c r="AT2850" s="137"/>
      <c r="AU2850" s="137"/>
      <c r="AV2850" s="137"/>
      <c r="AW2850" s="144"/>
    </row>
    <row r="2851" spans="7:49" x14ac:dyDescent="0.2">
      <c r="G2851" s="43"/>
      <c r="Z2851" s="143"/>
      <c r="AA2851" s="137"/>
      <c r="AB2851" s="137"/>
      <c r="AC2851" s="137"/>
      <c r="AD2851" s="137"/>
      <c r="AE2851" s="137"/>
      <c r="AF2851" s="137"/>
      <c r="AG2851" s="137"/>
      <c r="AH2851" s="137"/>
      <c r="AI2851" s="137"/>
      <c r="AJ2851" s="137"/>
      <c r="AK2851" s="137"/>
      <c r="AL2851" s="137"/>
      <c r="AM2851" s="137"/>
      <c r="AN2851" s="137"/>
      <c r="AO2851" s="137"/>
      <c r="AP2851" s="137"/>
      <c r="AQ2851" s="137"/>
      <c r="AR2851" s="137"/>
      <c r="AS2851" s="137"/>
      <c r="AT2851" s="137"/>
      <c r="AU2851" s="137"/>
      <c r="AV2851" s="137"/>
      <c r="AW2851" s="144"/>
    </row>
    <row r="2852" spans="7:49" x14ac:dyDescent="0.2">
      <c r="G2852" s="43"/>
      <c r="Z2852" s="143"/>
      <c r="AA2852" s="137"/>
      <c r="AB2852" s="137"/>
      <c r="AC2852" s="137"/>
      <c r="AD2852" s="137"/>
      <c r="AE2852" s="137"/>
      <c r="AF2852" s="137"/>
      <c r="AG2852" s="137"/>
      <c r="AH2852" s="137"/>
      <c r="AI2852" s="137"/>
      <c r="AJ2852" s="137"/>
      <c r="AK2852" s="137"/>
      <c r="AL2852" s="137"/>
      <c r="AM2852" s="137"/>
      <c r="AN2852" s="137"/>
      <c r="AO2852" s="137"/>
      <c r="AP2852" s="137"/>
      <c r="AQ2852" s="137"/>
      <c r="AR2852" s="137"/>
      <c r="AS2852" s="137"/>
      <c r="AT2852" s="137"/>
      <c r="AU2852" s="137"/>
      <c r="AV2852" s="137"/>
      <c r="AW2852" s="144"/>
    </row>
    <row r="2853" spans="7:49" x14ac:dyDescent="0.2">
      <c r="G2853" s="43"/>
      <c r="Z2853" s="143"/>
      <c r="AA2853" s="137"/>
      <c r="AB2853" s="137"/>
      <c r="AC2853" s="137"/>
      <c r="AD2853" s="137"/>
      <c r="AE2853" s="137"/>
      <c r="AF2853" s="137"/>
      <c r="AG2853" s="137"/>
      <c r="AH2853" s="137"/>
      <c r="AI2853" s="137"/>
      <c r="AJ2853" s="137"/>
      <c r="AK2853" s="137"/>
      <c r="AL2853" s="137"/>
      <c r="AM2853" s="137"/>
      <c r="AN2853" s="137"/>
      <c r="AO2853" s="137"/>
      <c r="AP2853" s="137"/>
      <c r="AQ2853" s="137"/>
      <c r="AR2853" s="137"/>
      <c r="AS2853" s="137"/>
      <c r="AT2853" s="137"/>
      <c r="AU2853" s="137"/>
      <c r="AV2853" s="137"/>
      <c r="AW2853" s="144"/>
    </row>
    <row r="2854" spans="7:49" x14ac:dyDescent="0.2">
      <c r="G2854" s="43"/>
      <c r="Z2854" s="143"/>
      <c r="AA2854" s="137"/>
      <c r="AB2854" s="137"/>
      <c r="AC2854" s="137"/>
      <c r="AD2854" s="137"/>
      <c r="AE2854" s="137"/>
      <c r="AF2854" s="137"/>
      <c r="AG2854" s="137"/>
      <c r="AH2854" s="137"/>
      <c r="AI2854" s="137"/>
      <c r="AJ2854" s="137"/>
      <c r="AK2854" s="137"/>
      <c r="AL2854" s="137"/>
      <c r="AM2854" s="137"/>
      <c r="AN2854" s="137"/>
      <c r="AO2854" s="137"/>
      <c r="AP2854" s="137"/>
      <c r="AQ2854" s="137"/>
      <c r="AR2854" s="137"/>
      <c r="AS2854" s="137"/>
      <c r="AT2854" s="137"/>
      <c r="AU2854" s="137"/>
      <c r="AV2854" s="137"/>
      <c r="AW2854" s="144"/>
    </row>
    <row r="2855" spans="7:49" x14ac:dyDescent="0.2">
      <c r="G2855" s="43"/>
      <c r="Z2855" s="143"/>
      <c r="AA2855" s="137"/>
      <c r="AB2855" s="137"/>
      <c r="AC2855" s="137"/>
      <c r="AD2855" s="137"/>
      <c r="AE2855" s="137"/>
      <c r="AF2855" s="137"/>
      <c r="AG2855" s="137"/>
      <c r="AH2855" s="137"/>
      <c r="AI2855" s="137"/>
      <c r="AJ2855" s="137"/>
      <c r="AK2855" s="137"/>
      <c r="AL2855" s="137"/>
      <c r="AM2855" s="137"/>
      <c r="AN2855" s="137"/>
      <c r="AO2855" s="137"/>
      <c r="AP2855" s="137"/>
      <c r="AQ2855" s="137"/>
      <c r="AR2855" s="137"/>
      <c r="AS2855" s="137"/>
      <c r="AT2855" s="137"/>
      <c r="AU2855" s="137"/>
      <c r="AV2855" s="137"/>
      <c r="AW2855" s="144"/>
    </row>
    <row r="2856" spans="7:49" x14ac:dyDescent="0.2">
      <c r="G2856" s="43"/>
      <c r="Z2856" s="143"/>
      <c r="AA2856" s="137"/>
      <c r="AB2856" s="137"/>
      <c r="AC2856" s="137"/>
      <c r="AD2856" s="137"/>
      <c r="AE2856" s="137"/>
      <c r="AF2856" s="137"/>
      <c r="AG2856" s="137"/>
      <c r="AH2856" s="137"/>
      <c r="AI2856" s="137"/>
      <c r="AJ2856" s="137"/>
      <c r="AK2856" s="137"/>
      <c r="AL2856" s="137"/>
      <c r="AM2856" s="137"/>
      <c r="AN2856" s="137"/>
      <c r="AO2856" s="137"/>
      <c r="AP2856" s="137"/>
      <c r="AQ2856" s="137"/>
      <c r="AR2856" s="137"/>
      <c r="AS2856" s="137"/>
      <c r="AT2856" s="137"/>
      <c r="AU2856" s="137"/>
      <c r="AV2856" s="137"/>
      <c r="AW2856" s="144"/>
    </row>
    <row r="2857" spans="7:49" x14ac:dyDescent="0.2">
      <c r="G2857" s="43"/>
      <c r="Z2857" s="143"/>
      <c r="AA2857" s="137"/>
      <c r="AB2857" s="137"/>
      <c r="AC2857" s="137"/>
      <c r="AD2857" s="137"/>
      <c r="AE2857" s="137"/>
      <c r="AF2857" s="137"/>
      <c r="AG2857" s="137"/>
      <c r="AH2857" s="137"/>
      <c r="AI2857" s="137"/>
      <c r="AJ2857" s="137"/>
      <c r="AK2857" s="137"/>
      <c r="AL2857" s="137"/>
      <c r="AM2857" s="137"/>
      <c r="AN2857" s="137"/>
      <c r="AO2857" s="137"/>
      <c r="AP2857" s="137"/>
      <c r="AQ2857" s="137"/>
      <c r="AR2857" s="137"/>
      <c r="AS2857" s="137"/>
      <c r="AT2857" s="137"/>
      <c r="AU2857" s="137"/>
      <c r="AV2857" s="137"/>
      <c r="AW2857" s="144"/>
    </row>
    <row r="2858" spans="7:49" x14ac:dyDescent="0.2">
      <c r="G2858" s="43"/>
      <c r="Z2858" s="143"/>
      <c r="AA2858" s="137"/>
      <c r="AB2858" s="137"/>
      <c r="AC2858" s="137"/>
      <c r="AD2858" s="137"/>
      <c r="AE2858" s="137"/>
      <c r="AF2858" s="137"/>
      <c r="AG2858" s="137"/>
      <c r="AH2858" s="137"/>
      <c r="AI2858" s="137"/>
      <c r="AJ2858" s="137"/>
      <c r="AK2858" s="137"/>
      <c r="AL2858" s="137"/>
      <c r="AM2858" s="137"/>
      <c r="AN2858" s="137"/>
      <c r="AO2858" s="137"/>
      <c r="AP2858" s="137"/>
      <c r="AQ2858" s="137"/>
      <c r="AR2858" s="137"/>
      <c r="AS2858" s="137"/>
      <c r="AT2858" s="137"/>
      <c r="AU2858" s="137"/>
      <c r="AV2858" s="137"/>
      <c r="AW2858" s="144"/>
    </row>
    <row r="2859" spans="7:49" x14ac:dyDescent="0.2">
      <c r="G2859" s="43"/>
      <c r="Z2859" s="143"/>
      <c r="AA2859" s="137"/>
      <c r="AB2859" s="137"/>
      <c r="AC2859" s="137"/>
      <c r="AD2859" s="137"/>
      <c r="AE2859" s="137"/>
      <c r="AF2859" s="137"/>
      <c r="AG2859" s="137"/>
      <c r="AH2859" s="137"/>
      <c r="AI2859" s="137"/>
      <c r="AJ2859" s="137"/>
      <c r="AK2859" s="137"/>
      <c r="AL2859" s="137"/>
      <c r="AM2859" s="137"/>
      <c r="AN2859" s="137"/>
      <c r="AO2859" s="137"/>
      <c r="AP2859" s="137"/>
      <c r="AQ2859" s="137"/>
      <c r="AR2859" s="137"/>
      <c r="AS2859" s="137"/>
      <c r="AT2859" s="137"/>
      <c r="AU2859" s="137"/>
      <c r="AV2859" s="137"/>
      <c r="AW2859" s="144"/>
    </row>
    <row r="2860" spans="7:49" x14ac:dyDescent="0.2">
      <c r="G2860" s="43"/>
      <c r="Z2860" s="143"/>
      <c r="AA2860" s="137"/>
      <c r="AB2860" s="137"/>
      <c r="AC2860" s="137"/>
      <c r="AD2860" s="137"/>
      <c r="AE2860" s="137"/>
      <c r="AF2860" s="137"/>
      <c r="AG2860" s="137"/>
      <c r="AH2860" s="137"/>
      <c r="AI2860" s="137"/>
      <c r="AJ2860" s="137"/>
      <c r="AK2860" s="137"/>
      <c r="AL2860" s="137"/>
      <c r="AM2860" s="137"/>
      <c r="AN2860" s="137"/>
      <c r="AO2860" s="137"/>
      <c r="AP2860" s="137"/>
      <c r="AQ2860" s="137"/>
      <c r="AR2860" s="137"/>
      <c r="AS2860" s="137"/>
      <c r="AT2860" s="137"/>
      <c r="AU2860" s="137"/>
      <c r="AV2860" s="137"/>
      <c r="AW2860" s="144"/>
    </row>
    <row r="2861" spans="7:49" x14ac:dyDescent="0.2">
      <c r="G2861" s="43"/>
      <c r="Z2861" s="143"/>
      <c r="AA2861" s="137"/>
      <c r="AB2861" s="137"/>
      <c r="AC2861" s="137"/>
      <c r="AD2861" s="137"/>
      <c r="AE2861" s="137"/>
      <c r="AF2861" s="137"/>
      <c r="AG2861" s="137"/>
      <c r="AH2861" s="137"/>
      <c r="AI2861" s="137"/>
      <c r="AJ2861" s="137"/>
      <c r="AK2861" s="137"/>
      <c r="AL2861" s="137"/>
      <c r="AM2861" s="137"/>
      <c r="AN2861" s="137"/>
      <c r="AO2861" s="137"/>
      <c r="AP2861" s="137"/>
      <c r="AQ2861" s="137"/>
      <c r="AR2861" s="137"/>
      <c r="AS2861" s="137"/>
      <c r="AT2861" s="137"/>
      <c r="AU2861" s="137"/>
      <c r="AV2861" s="137"/>
      <c r="AW2861" s="144"/>
    </row>
    <row r="2862" spans="7:49" x14ac:dyDescent="0.2">
      <c r="G2862" s="43"/>
      <c r="Z2862" s="143"/>
      <c r="AA2862" s="137"/>
      <c r="AB2862" s="137"/>
      <c r="AC2862" s="137"/>
      <c r="AD2862" s="137"/>
      <c r="AE2862" s="137"/>
      <c r="AF2862" s="137"/>
      <c r="AG2862" s="137"/>
      <c r="AH2862" s="137"/>
      <c r="AI2862" s="137"/>
      <c r="AJ2862" s="137"/>
      <c r="AK2862" s="137"/>
      <c r="AL2862" s="137"/>
      <c r="AM2862" s="137"/>
      <c r="AN2862" s="137"/>
      <c r="AO2862" s="137"/>
      <c r="AP2862" s="137"/>
      <c r="AQ2862" s="137"/>
      <c r="AR2862" s="137"/>
      <c r="AS2862" s="137"/>
      <c r="AT2862" s="137"/>
      <c r="AU2862" s="137"/>
      <c r="AV2862" s="137"/>
      <c r="AW2862" s="144"/>
    </row>
    <row r="2863" spans="7:49" x14ac:dyDescent="0.2">
      <c r="G2863" s="43"/>
      <c r="Z2863" s="143"/>
      <c r="AA2863" s="137"/>
      <c r="AB2863" s="137"/>
      <c r="AC2863" s="137"/>
      <c r="AD2863" s="137"/>
      <c r="AE2863" s="137"/>
      <c r="AF2863" s="137"/>
      <c r="AG2863" s="137"/>
      <c r="AH2863" s="137"/>
      <c r="AI2863" s="137"/>
      <c r="AJ2863" s="137"/>
      <c r="AK2863" s="137"/>
      <c r="AL2863" s="137"/>
      <c r="AM2863" s="137"/>
      <c r="AN2863" s="137"/>
      <c r="AO2863" s="137"/>
      <c r="AP2863" s="137"/>
      <c r="AQ2863" s="137"/>
      <c r="AR2863" s="137"/>
      <c r="AS2863" s="137"/>
      <c r="AT2863" s="137"/>
      <c r="AU2863" s="137"/>
      <c r="AV2863" s="137"/>
      <c r="AW2863" s="144"/>
    </row>
    <row r="2864" spans="7:49" x14ac:dyDescent="0.2">
      <c r="G2864" s="43"/>
      <c r="Z2864" s="143"/>
      <c r="AA2864" s="137"/>
      <c r="AB2864" s="137"/>
      <c r="AC2864" s="137"/>
      <c r="AD2864" s="137"/>
      <c r="AE2864" s="137"/>
      <c r="AF2864" s="137"/>
      <c r="AG2864" s="137"/>
      <c r="AH2864" s="137"/>
      <c r="AI2864" s="137"/>
      <c r="AJ2864" s="137"/>
      <c r="AK2864" s="137"/>
      <c r="AL2864" s="137"/>
      <c r="AM2864" s="137"/>
      <c r="AN2864" s="137"/>
      <c r="AO2864" s="137"/>
      <c r="AP2864" s="137"/>
      <c r="AQ2864" s="137"/>
      <c r="AR2864" s="137"/>
      <c r="AS2864" s="137"/>
      <c r="AT2864" s="137"/>
      <c r="AU2864" s="137"/>
      <c r="AV2864" s="137"/>
      <c r="AW2864" s="144"/>
    </row>
    <row r="2865" spans="7:49" x14ac:dyDescent="0.2">
      <c r="G2865" s="43"/>
      <c r="Z2865" s="143"/>
      <c r="AA2865" s="137"/>
      <c r="AB2865" s="137"/>
      <c r="AC2865" s="137"/>
      <c r="AD2865" s="137"/>
      <c r="AE2865" s="137"/>
      <c r="AF2865" s="137"/>
      <c r="AG2865" s="137"/>
      <c r="AH2865" s="137"/>
      <c r="AI2865" s="137"/>
      <c r="AJ2865" s="137"/>
      <c r="AK2865" s="137"/>
      <c r="AL2865" s="137"/>
      <c r="AM2865" s="137"/>
      <c r="AN2865" s="137"/>
      <c r="AO2865" s="137"/>
      <c r="AP2865" s="137"/>
      <c r="AQ2865" s="137"/>
      <c r="AR2865" s="137"/>
      <c r="AS2865" s="137"/>
      <c r="AT2865" s="137"/>
      <c r="AU2865" s="137"/>
      <c r="AV2865" s="137"/>
      <c r="AW2865" s="144"/>
    </row>
    <row r="2866" spans="7:49" x14ac:dyDescent="0.2">
      <c r="G2866" s="43"/>
      <c r="Z2866" s="143"/>
      <c r="AA2866" s="137"/>
      <c r="AB2866" s="137"/>
      <c r="AC2866" s="137"/>
      <c r="AD2866" s="137"/>
      <c r="AE2866" s="137"/>
      <c r="AF2866" s="137"/>
      <c r="AG2866" s="137"/>
      <c r="AH2866" s="137"/>
      <c r="AI2866" s="137"/>
      <c r="AJ2866" s="137"/>
      <c r="AK2866" s="137"/>
      <c r="AL2866" s="137"/>
      <c r="AM2866" s="137"/>
      <c r="AN2866" s="137"/>
      <c r="AO2866" s="137"/>
      <c r="AP2866" s="137"/>
      <c r="AQ2866" s="137"/>
      <c r="AR2866" s="137"/>
      <c r="AS2866" s="137"/>
      <c r="AT2866" s="137"/>
      <c r="AU2866" s="137"/>
      <c r="AV2866" s="137"/>
      <c r="AW2866" s="144"/>
    </row>
    <row r="2867" spans="7:49" x14ac:dyDescent="0.2">
      <c r="G2867" s="43"/>
      <c r="Z2867" s="143"/>
      <c r="AA2867" s="137"/>
      <c r="AB2867" s="137"/>
      <c r="AC2867" s="137"/>
      <c r="AD2867" s="137"/>
      <c r="AE2867" s="137"/>
      <c r="AF2867" s="137"/>
      <c r="AG2867" s="137"/>
      <c r="AH2867" s="137"/>
      <c r="AI2867" s="137"/>
      <c r="AJ2867" s="137"/>
      <c r="AK2867" s="137"/>
      <c r="AL2867" s="137"/>
      <c r="AM2867" s="137"/>
      <c r="AN2867" s="137"/>
      <c r="AO2867" s="137"/>
      <c r="AP2867" s="137"/>
      <c r="AQ2867" s="137"/>
      <c r="AR2867" s="137"/>
      <c r="AS2867" s="137"/>
      <c r="AT2867" s="137"/>
      <c r="AU2867" s="137"/>
      <c r="AV2867" s="137"/>
      <c r="AW2867" s="144"/>
    </row>
    <row r="2868" spans="7:49" x14ac:dyDescent="0.2">
      <c r="G2868" s="43"/>
      <c r="Z2868" s="143"/>
      <c r="AA2868" s="137"/>
      <c r="AB2868" s="137"/>
      <c r="AC2868" s="137"/>
      <c r="AD2868" s="137"/>
      <c r="AE2868" s="137"/>
      <c r="AF2868" s="137"/>
      <c r="AG2868" s="137"/>
      <c r="AH2868" s="137"/>
      <c r="AI2868" s="137"/>
      <c r="AJ2868" s="137"/>
      <c r="AK2868" s="137"/>
      <c r="AL2868" s="137"/>
      <c r="AM2868" s="137"/>
      <c r="AN2868" s="137"/>
      <c r="AO2868" s="137"/>
      <c r="AP2868" s="137"/>
      <c r="AQ2868" s="137"/>
      <c r="AR2868" s="137"/>
      <c r="AS2868" s="137"/>
      <c r="AT2868" s="137"/>
      <c r="AU2868" s="137"/>
      <c r="AV2868" s="137"/>
      <c r="AW2868" s="144"/>
    </row>
    <row r="2869" spans="7:49" x14ac:dyDescent="0.2">
      <c r="G2869" s="43"/>
      <c r="Z2869" s="143"/>
      <c r="AA2869" s="137"/>
      <c r="AB2869" s="137"/>
      <c r="AC2869" s="137"/>
      <c r="AD2869" s="137"/>
      <c r="AE2869" s="137"/>
      <c r="AF2869" s="137"/>
      <c r="AG2869" s="137"/>
      <c r="AH2869" s="137"/>
      <c r="AI2869" s="137"/>
      <c r="AJ2869" s="137"/>
      <c r="AK2869" s="137"/>
      <c r="AL2869" s="137"/>
      <c r="AM2869" s="137"/>
      <c r="AN2869" s="137"/>
      <c r="AO2869" s="137"/>
      <c r="AP2869" s="137"/>
      <c r="AQ2869" s="137"/>
      <c r="AR2869" s="137"/>
      <c r="AS2869" s="137"/>
      <c r="AT2869" s="137"/>
      <c r="AU2869" s="137"/>
      <c r="AV2869" s="137"/>
      <c r="AW2869" s="144"/>
    </row>
    <row r="2870" spans="7:49" x14ac:dyDescent="0.2">
      <c r="G2870" s="43"/>
      <c r="Z2870" s="143"/>
      <c r="AA2870" s="137"/>
      <c r="AB2870" s="137"/>
      <c r="AC2870" s="137"/>
      <c r="AD2870" s="137"/>
      <c r="AE2870" s="137"/>
      <c r="AF2870" s="137"/>
      <c r="AG2870" s="137"/>
      <c r="AH2870" s="137"/>
      <c r="AI2870" s="137"/>
      <c r="AJ2870" s="137"/>
      <c r="AK2870" s="137"/>
      <c r="AL2870" s="137"/>
      <c r="AM2870" s="137"/>
      <c r="AN2870" s="137"/>
      <c r="AO2870" s="137"/>
      <c r="AP2870" s="137"/>
      <c r="AQ2870" s="137"/>
      <c r="AR2870" s="137"/>
      <c r="AS2870" s="137"/>
      <c r="AT2870" s="137"/>
      <c r="AU2870" s="137"/>
      <c r="AV2870" s="137"/>
      <c r="AW2870" s="144"/>
    </row>
    <row r="2871" spans="7:49" x14ac:dyDescent="0.2">
      <c r="G2871" s="43"/>
      <c r="Z2871" s="143"/>
      <c r="AA2871" s="137"/>
      <c r="AB2871" s="137"/>
      <c r="AC2871" s="137"/>
      <c r="AD2871" s="137"/>
      <c r="AE2871" s="137"/>
      <c r="AF2871" s="137"/>
      <c r="AG2871" s="137"/>
      <c r="AH2871" s="137"/>
      <c r="AI2871" s="137"/>
      <c r="AJ2871" s="137"/>
      <c r="AK2871" s="137"/>
      <c r="AL2871" s="137"/>
      <c r="AM2871" s="137"/>
      <c r="AN2871" s="137"/>
      <c r="AO2871" s="137"/>
      <c r="AP2871" s="137"/>
      <c r="AQ2871" s="137"/>
      <c r="AR2871" s="137"/>
      <c r="AS2871" s="137"/>
      <c r="AT2871" s="137"/>
      <c r="AU2871" s="137"/>
      <c r="AV2871" s="137"/>
      <c r="AW2871" s="144"/>
    </row>
    <row r="2872" spans="7:49" x14ac:dyDescent="0.2">
      <c r="G2872" s="43"/>
      <c r="Z2872" s="143"/>
      <c r="AA2872" s="137"/>
      <c r="AB2872" s="137"/>
      <c r="AC2872" s="137"/>
      <c r="AD2872" s="137"/>
      <c r="AE2872" s="137"/>
      <c r="AF2872" s="137"/>
      <c r="AG2872" s="137"/>
      <c r="AH2872" s="137"/>
      <c r="AI2872" s="137"/>
      <c r="AJ2872" s="137"/>
      <c r="AK2872" s="137"/>
      <c r="AL2872" s="137"/>
      <c r="AM2872" s="137"/>
      <c r="AN2872" s="137"/>
      <c r="AO2872" s="137"/>
      <c r="AP2872" s="137"/>
      <c r="AQ2872" s="137"/>
      <c r="AR2872" s="137"/>
      <c r="AS2872" s="137"/>
      <c r="AT2872" s="137"/>
      <c r="AU2872" s="137"/>
      <c r="AV2872" s="137"/>
      <c r="AW2872" s="144"/>
    </row>
    <row r="2873" spans="7:49" x14ac:dyDescent="0.2">
      <c r="G2873" s="43"/>
      <c r="Z2873" s="143"/>
      <c r="AA2873" s="137"/>
      <c r="AB2873" s="137"/>
      <c r="AC2873" s="137"/>
      <c r="AD2873" s="137"/>
      <c r="AE2873" s="137"/>
      <c r="AF2873" s="137"/>
      <c r="AG2873" s="137"/>
      <c r="AH2873" s="137"/>
      <c r="AI2873" s="137"/>
      <c r="AJ2873" s="137"/>
      <c r="AK2873" s="137"/>
      <c r="AL2873" s="137"/>
      <c r="AM2873" s="137"/>
      <c r="AN2873" s="137"/>
      <c r="AO2873" s="137"/>
      <c r="AP2873" s="137"/>
      <c r="AQ2873" s="137"/>
      <c r="AR2873" s="137"/>
      <c r="AS2873" s="137"/>
      <c r="AT2873" s="137"/>
      <c r="AU2873" s="137"/>
      <c r="AV2873" s="137"/>
      <c r="AW2873" s="144"/>
    </row>
    <row r="2874" spans="7:49" x14ac:dyDescent="0.2">
      <c r="G2874" s="43"/>
      <c r="Z2874" s="143"/>
      <c r="AA2874" s="137"/>
      <c r="AB2874" s="137"/>
      <c r="AC2874" s="137"/>
      <c r="AD2874" s="137"/>
      <c r="AE2874" s="137"/>
      <c r="AF2874" s="137"/>
      <c r="AG2874" s="137"/>
      <c r="AH2874" s="137"/>
      <c r="AI2874" s="137"/>
      <c r="AJ2874" s="137"/>
      <c r="AK2874" s="137"/>
      <c r="AL2874" s="137"/>
      <c r="AM2874" s="137"/>
      <c r="AN2874" s="137"/>
      <c r="AO2874" s="137"/>
      <c r="AP2874" s="137"/>
      <c r="AQ2874" s="137"/>
      <c r="AR2874" s="137"/>
      <c r="AS2874" s="137"/>
      <c r="AT2874" s="137"/>
      <c r="AU2874" s="137"/>
      <c r="AV2874" s="137"/>
      <c r="AW2874" s="144"/>
    </row>
    <row r="2875" spans="7:49" x14ac:dyDescent="0.2">
      <c r="G2875" s="43"/>
      <c r="Z2875" s="143"/>
      <c r="AA2875" s="137"/>
      <c r="AB2875" s="137"/>
      <c r="AC2875" s="137"/>
      <c r="AD2875" s="137"/>
      <c r="AE2875" s="137"/>
      <c r="AF2875" s="137"/>
      <c r="AG2875" s="137"/>
      <c r="AH2875" s="137"/>
      <c r="AI2875" s="137"/>
      <c r="AJ2875" s="137"/>
      <c r="AK2875" s="137"/>
      <c r="AL2875" s="137"/>
      <c r="AM2875" s="137"/>
      <c r="AN2875" s="137"/>
      <c r="AO2875" s="137"/>
      <c r="AP2875" s="137"/>
      <c r="AQ2875" s="137"/>
      <c r="AR2875" s="137"/>
      <c r="AS2875" s="137"/>
      <c r="AT2875" s="137"/>
      <c r="AU2875" s="137"/>
      <c r="AV2875" s="137"/>
      <c r="AW2875" s="144"/>
    </row>
    <row r="2876" spans="7:49" x14ac:dyDescent="0.2">
      <c r="G2876" s="43"/>
      <c r="Z2876" s="143"/>
      <c r="AA2876" s="137"/>
      <c r="AB2876" s="137"/>
      <c r="AC2876" s="137"/>
      <c r="AD2876" s="137"/>
      <c r="AE2876" s="137"/>
      <c r="AF2876" s="137"/>
      <c r="AG2876" s="137"/>
      <c r="AH2876" s="137"/>
      <c r="AI2876" s="137"/>
      <c r="AJ2876" s="137"/>
      <c r="AK2876" s="137"/>
      <c r="AL2876" s="137"/>
      <c r="AM2876" s="137"/>
      <c r="AN2876" s="137"/>
      <c r="AO2876" s="137"/>
      <c r="AP2876" s="137"/>
      <c r="AQ2876" s="137"/>
      <c r="AR2876" s="137"/>
      <c r="AS2876" s="137"/>
      <c r="AT2876" s="137"/>
      <c r="AU2876" s="137"/>
      <c r="AV2876" s="137"/>
      <c r="AW2876" s="144"/>
    </row>
    <row r="2877" spans="7:49" x14ac:dyDescent="0.2">
      <c r="G2877" s="43"/>
      <c r="Z2877" s="143"/>
      <c r="AA2877" s="137"/>
      <c r="AB2877" s="137"/>
      <c r="AC2877" s="137"/>
      <c r="AD2877" s="137"/>
      <c r="AE2877" s="137"/>
      <c r="AF2877" s="137"/>
      <c r="AG2877" s="137"/>
      <c r="AH2877" s="137"/>
      <c r="AI2877" s="137"/>
      <c r="AJ2877" s="137"/>
      <c r="AK2877" s="137"/>
      <c r="AL2877" s="137"/>
      <c r="AM2877" s="137"/>
      <c r="AN2877" s="137"/>
      <c r="AO2877" s="137"/>
      <c r="AP2877" s="137"/>
      <c r="AQ2877" s="137"/>
      <c r="AR2877" s="137"/>
      <c r="AS2877" s="137"/>
      <c r="AT2877" s="137"/>
      <c r="AU2877" s="137"/>
      <c r="AV2877" s="137"/>
      <c r="AW2877" s="144"/>
    </row>
    <row r="2878" spans="7:49" x14ac:dyDescent="0.2">
      <c r="G2878" s="43"/>
      <c r="Z2878" s="143"/>
      <c r="AA2878" s="137"/>
      <c r="AB2878" s="137"/>
      <c r="AC2878" s="137"/>
      <c r="AD2878" s="137"/>
      <c r="AE2878" s="137"/>
      <c r="AF2878" s="137"/>
      <c r="AG2878" s="137"/>
      <c r="AH2878" s="137"/>
      <c r="AI2878" s="137"/>
      <c r="AJ2878" s="137"/>
      <c r="AK2878" s="137"/>
      <c r="AL2878" s="137"/>
      <c r="AM2878" s="137"/>
      <c r="AN2878" s="137"/>
      <c r="AO2878" s="137"/>
      <c r="AP2878" s="137"/>
      <c r="AQ2878" s="137"/>
      <c r="AR2878" s="137"/>
      <c r="AS2878" s="137"/>
      <c r="AT2878" s="137"/>
      <c r="AU2878" s="137"/>
      <c r="AV2878" s="137"/>
      <c r="AW2878" s="144"/>
    </row>
    <row r="2879" spans="7:49" x14ac:dyDescent="0.2">
      <c r="G2879" s="43"/>
      <c r="Z2879" s="143"/>
      <c r="AA2879" s="137"/>
      <c r="AB2879" s="137"/>
      <c r="AC2879" s="137"/>
      <c r="AD2879" s="137"/>
      <c r="AE2879" s="137"/>
      <c r="AF2879" s="137"/>
      <c r="AG2879" s="137"/>
      <c r="AH2879" s="137"/>
      <c r="AI2879" s="137"/>
      <c r="AJ2879" s="137"/>
      <c r="AK2879" s="137"/>
      <c r="AL2879" s="137"/>
      <c r="AM2879" s="137"/>
      <c r="AN2879" s="137"/>
      <c r="AO2879" s="137"/>
      <c r="AP2879" s="137"/>
      <c r="AQ2879" s="137"/>
      <c r="AR2879" s="137"/>
      <c r="AS2879" s="137"/>
      <c r="AT2879" s="137"/>
      <c r="AU2879" s="137"/>
      <c r="AV2879" s="137"/>
      <c r="AW2879" s="144"/>
    </row>
    <row r="2880" spans="7:49" x14ac:dyDescent="0.2">
      <c r="G2880" s="43"/>
      <c r="Z2880" s="143"/>
      <c r="AA2880" s="137"/>
      <c r="AB2880" s="137"/>
      <c r="AC2880" s="137"/>
      <c r="AD2880" s="137"/>
      <c r="AE2880" s="137"/>
      <c r="AF2880" s="137"/>
      <c r="AG2880" s="137"/>
      <c r="AH2880" s="137"/>
      <c r="AI2880" s="137"/>
      <c r="AJ2880" s="137"/>
      <c r="AK2880" s="137"/>
      <c r="AL2880" s="137"/>
      <c r="AM2880" s="137"/>
      <c r="AN2880" s="137"/>
      <c r="AO2880" s="137"/>
      <c r="AP2880" s="137"/>
      <c r="AQ2880" s="137"/>
      <c r="AR2880" s="137"/>
      <c r="AS2880" s="137"/>
      <c r="AT2880" s="137"/>
      <c r="AU2880" s="137"/>
      <c r="AV2880" s="137"/>
      <c r="AW2880" s="144"/>
    </row>
    <row r="2881" spans="7:49" x14ac:dyDescent="0.2">
      <c r="G2881" s="43"/>
      <c r="Z2881" s="143"/>
      <c r="AA2881" s="137"/>
      <c r="AB2881" s="137"/>
      <c r="AC2881" s="137"/>
      <c r="AD2881" s="137"/>
      <c r="AE2881" s="137"/>
      <c r="AF2881" s="137"/>
      <c r="AG2881" s="137"/>
      <c r="AH2881" s="137"/>
      <c r="AI2881" s="137"/>
      <c r="AJ2881" s="137"/>
      <c r="AK2881" s="137"/>
      <c r="AL2881" s="137"/>
      <c r="AM2881" s="137"/>
      <c r="AN2881" s="137"/>
      <c r="AO2881" s="137"/>
      <c r="AP2881" s="137"/>
      <c r="AQ2881" s="137"/>
      <c r="AR2881" s="137"/>
      <c r="AS2881" s="137"/>
      <c r="AT2881" s="137"/>
      <c r="AU2881" s="137"/>
      <c r="AV2881" s="137"/>
      <c r="AW2881" s="144"/>
    </row>
    <row r="2882" spans="7:49" x14ac:dyDescent="0.2">
      <c r="G2882" s="43"/>
      <c r="Z2882" s="143"/>
      <c r="AA2882" s="137"/>
      <c r="AB2882" s="137"/>
      <c r="AC2882" s="137"/>
      <c r="AD2882" s="137"/>
      <c r="AE2882" s="137"/>
      <c r="AF2882" s="137"/>
      <c r="AG2882" s="137"/>
      <c r="AH2882" s="137"/>
      <c r="AI2882" s="137"/>
      <c r="AJ2882" s="137"/>
      <c r="AK2882" s="137"/>
      <c r="AL2882" s="137"/>
      <c r="AM2882" s="137"/>
      <c r="AN2882" s="137"/>
      <c r="AO2882" s="137"/>
      <c r="AP2882" s="137"/>
      <c r="AQ2882" s="137"/>
      <c r="AR2882" s="137"/>
      <c r="AS2882" s="137"/>
      <c r="AT2882" s="137"/>
      <c r="AU2882" s="137"/>
      <c r="AV2882" s="137"/>
      <c r="AW2882" s="144"/>
    </row>
    <row r="2883" spans="7:49" x14ac:dyDescent="0.2">
      <c r="G2883" s="43"/>
      <c r="Z2883" s="143"/>
      <c r="AA2883" s="137"/>
      <c r="AB2883" s="137"/>
      <c r="AC2883" s="137"/>
      <c r="AD2883" s="137"/>
      <c r="AE2883" s="137"/>
      <c r="AF2883" s="137"/>
      <c r="AG2883" s="137"/>
      <c r="AH2883" s="137"/>
      <c r="AI2883" s="137"/>
      <c r="AJ2883" s="137"/>
      <c r="AK2883" s="137"/>
      <c r="AL2883" s="137"/>
      <c r="AM2883" s="137"/>
      <c r="AN2883" s="137"/>
      <c r="AO2883" s="137"/>
      <c r="AP2883" s="137"/>
      <c r="AQ2883" s="137"/>
      <c r="AR2883" s="137"/>
      <c r="AS2883" s="137"/>
      <c r="AT2883" s="137"/>
      <c r="AU2883" s="137"/>
      <c r="AV2883" s="137"/>
      <c r="AW2883" s="144"/>
    </row>
    <row r="2884" spans="7:49" x14ac:dyDescent="0.2">
      <c r="G2884" s="43"/>
      <c r="Z2884" s="143"/>
      <c r="AA2884" s="137"/>
      <c r="AB2884" s="137"/>
      <c r="AC2884" s="137"/>
      <c r="AD2884" s="137"/>
      <c r="AE2884" s="137"/>
      <c r="AF2884" s="137"/>
      <c r="AG2884" s="137"/>
      <c r="AH2884" s="137"/>
      <c r="AI2884" s="137"/>
      <c r="AJ2884" s="137"/>
      <c r="AK2884" s="137"/>
      <c r="AL2884" s="137"/>
      <c r="AM2884" s="137"/>
      <c r="AN2884" s="137"/>
      <c r="AO2884" s="137"/>
      <c r="AP2884" s="137"/>
      <c r="AQ2884" s="137"/>
      <c r="AR2884" s="137"/>
      <c r="AS2884" s="137"/>
      <c r="AT2884" s="137"/>
      <c r="AU2884" s="137"/>
      <c r="AV2884" s="137"/>
      <c r="AW2884" s="144"/>
    </row>
    <row r="2885" spans="7:49" x14ac:dyDescent="0.2">
      <c r="G2885" s="43"/>
      <c r="Z2885" s="143"/>
      <c r="AA2885" s="137"/>
      <c r="AB2885" s="137"/>
      <c r="AC2885" s="137"/>
      <c r="AD2885" s="137"/>
      <c r="AE2885" s="137"/>
      <c r="AF2885" s="137"/>
      <c r="AG2885" s="137"/>
      <c r="AH2885" s="137"/>
      <c r="AI2885" s="137"/>
      <c r="AJ2885" s="137"/>
      <c r="AK2885" s="137"/>
      <c r="AL2885" s="137"/>
      <c r="AM2885" s="137"/>
      <c r="AN2885" s="137"/>
      <c r="AO2885" s="137"/>
      <c r="AP2885" s="137"/>
      <c r="AQ2885" s="137"/>
      <c r="AR2885" s="137"/>
      <c r="AS2885" s="137"/>
      <c r="AT2885" s="137"/>
      <c r="AU2885" s="137"/>
      <c r="AV2885" s="137"/>
      <c r="AW2885" s="144"/>
    </row>
    <row r="2886" spans="7:49" x14ac:dyDescent="0.2">
      <c r="G2886" s="43"/>
      <c r="Z2886" s="143"/>
      <c r="AA2886" s="137"/>
      <c r="AB2886" s="137"/>
      <c r="AC2886" s="137"/>
      <c r="AD2886" s="137"/>
      <c r="AE2886" s="137"/>
      <c r="AF2886" s="137"/>
      <c r="AG2886" s="137"/>
      <c r="AH2886" s="137"/>
      <c r="AI2886" s="137"/>
      <c r="AJ2886" s="137"/>
      <c r="AK2886" s="137"/>
      <c r="AL2886" s="137"/>
      <c r="AM2886" s="137"/>
      <c r="AN2886" s="137"/>
      <c r="AO2886" s="137"/>
      <c r="AP2886" s="137"/>
      <c r="AQ2886" s="137"/>
      <c r="AR2886" s="137"/>
      <c r="AS2886" s="137"/>
      <c r="AT2886" s="137"/>
      <c r="AU2886" s="137"/>
      <c r="AV2886" s="137"/>
      <c r="AW2886" s="144"/>
    </row>
    <row r="2887" spans="7:49" x14ac:dyDescent="0.2">
      <c r="G2887" s="43"/>
      <c r="Z2887" s="143"/>
      <c r="AA2887" s="137"/>
      <c r="AB2887" s="137"/>
      <c r="AC2887" s="137"/>
      <c r="AD2887" s="137"/>
      <c r="AE2887" s="137"/>
      <c r="AF2887" s="137"/>
      <c r="AG2887" s="137"/>
      <c r="AH2887" s="137"/>
      <c r="AI2887" s="137"/>
      <c r="AJ2887" s="137"/>
      <c r="AK2887" s="137"/>
      <c r="AL2887" s="137"/>
      <c r="AM2887" s="137"/>
      <c r="AN2887" s="137"/>
      <c r="AO2887" s="137"/>
      <c r="AP2887" s="137"/>
      <c r="AQ2887" s="137"/>
      <c r="AR2887" s="137"/>
      <c r="AS2887" s="137"/>
      <c r="AT2887" s="137"/>
      <c r="AU2887" s="137"/>
      <c r="AV2887" s="137"/>
      <c r="AW2887" s="144"/>
    </row>
    <row r="2888" spans="7:49" x14ac:dyDescent="0.2">
      <c r="G2888" s="43"/>
      <c r="Z2888" s="143"/>
      <c r="AA2888" s="137"/>
      <c r="AB2888" s="137"/>
      <c r="AC2888" s="137"/>
      <c r="AD2888" s="137"/>
      <c r="AE2888" s="137"/>
      <c r="AF2888" s="137"/>
      <c r="AG2888" s="137"/>
      <c r="AH2888" s="137"/>
      <c r="AI2888" s="137"/>
      <c r="AJ2888" s="137"/>
      <c r="AK2888" s="137"/>
      <c r="AL2888" s="137"/>
      <c r="AM2888" s="137"/>
      <c r="AN2888" s="137"/>
      <c r="AO2888" s="137"/>
      <c r="AP2888" s="137"/>
      <c r="AQ2888" s="137"/>
      <c r="AR2888" s="137"/>
      <c r="AS2888" s="137"/>
      <c r="AT2888" s="137"/>
      <c r="AU2888" s="137"/>
      <c r="AV2888" s="137"/>
      <c r="AW2888" s="144"/>
    </row>
    <row r="2889" spans="7:49" x14ac:dyDescent="0.2">
      <c r="G2889" s="43"/>
      <c r="Z2889" s="143"/>
      <c r="AA2889" s="137"/>
      <c r="AB2889" s="137"/>
      <c r="AC2889" s="137"/>
      <c r="AD2889" s="137"/>
      <c r="AE2889" s="137"/>
      <c r="AF2889" s="137"/>
      <c r="AG2889" s="137"/>
      <c r="AH2889" s="137"/>
      <c r="AI2889" s="137"/>
      <c r="AJ2889" s="137"/>
      <c r="AK2889" s="137"/>
      <c r="AL2889" s="137"/>
      <c r="AM2889" s="137"/>
      <c r="AN2889" s="137"/>
      <c r="AO2889" s="137"/>
      <c r="AP2889" s="137"/>
      <c r="AQ2889" s="137"/>
      <c r="AR2889" s="137"/>
      <c r="AS2889" s="137"/>
      <c r="AT2889" s="137"/>
      <c r="AU2889" s="137"/>
      <c r="AV2889" s="137"/>
      <c r="AW2889" s="144"/>
    </row>
    <row r="2890" spans="7:49" x14ac:dyDescent="0.2">
      <c r="G2890" s="43"/>
      <c r="Z2890" s="143"/>
      <c r="AA2890" s="137"/>
      <c r="AB2890" s="137"/>
      <c r="AC2890" s="137"/>
      <c r="AD2890" s="137"/>
      <c r="AE2890" s="137"/>
      <c r="AF2890" s="137"/>
      <c r="AG2890" s="137"/>
      <c r="AH2890" s="137"/>
      <c r="AI2890" s="137"/>
      <c r="AJ2890" s="137"/>
      <c r="AK2890" s="137"/>
      <c r="AL2890" s="137"/>
      <c r="AM2890" s="137"/>
      <c r="AN2890" s="137"/>
      <c r="AO2890" s="137"/>
      <c r="AP2890" s="137"/>
      <c r="AQ2890" s="137"/>
      <c r="AR2890" s="137"/>
      <c r="AS2890" s="137"/>
      <c r="AT2890" s="137"/>
      <c r="AU2890" s="137"/>
      <c r="AV2890" s="137"/>
      <c r="AW2890" s="144"/>
    </row>
    <row r="2891" spans="7:49" x14ac:dyDescent="0.2">
      <c r="G2891" s="43"/>
      <c r="Z2891" s="143"/>
      <c r="AA2891" s="137"/>
      <c r="AB2891" s="137"/>
      <c r="AC2891" s="137"/>
      <c r="AD2891" s="137"/>
      <c r="AE2891" s="137"/>
      <c r="AF2891" s="137"/>
      <c r="AG2891" s="137"/>
      <c r="AH2891" s="137"/>
      <c r="AI2891" s="137"/>
      <c r="AJ2891" s="137"/>
      <c r="AK2891" s="137"/>
      <c r="AL2891" s="137"/>
      <c r="AM2891" s="137"/>
      <c r="AN2891" s="137"/>
      <c r="AO2891" s="137"/>
      <c r="AP2891" s="137"/>
      <c r="AQ2891" s="137"/>
      <c r="AR2891" s="137"/>
      <c r="AS2891" s="137"/>
      <c r="AT2891" s="137"/>
      <c r="AU2891" s="137"/>
      <c r="AV2891" s="137"/>
      <c r="AW2891" s="144"/>
    </row>
    <row r="2892" spans="7:49" x14ac:dyDescent="0.2">
      <c r="G2892" s="43"/>
      <c r="Z2892" s="143"/>
      <c r="AA2892" s="137"/>
      <c r="AB2892" s="137"/>
      <c r="AC2892" s="137"/>
      <c r="AD2892" s="137"/>
      <c r="AE2892" s="137"/>
      <c r="AF2892" s="137"/>
      <c r="AG2892" s="137"/>
      <c r="AH2892" s="137"/>
      <c r="AI2892" s="137"/>
      <c r="AJ2892" s="137"/>
      <c r="AK2892" s="137"/>
      <c r="AL2892" s="137"/>
      <c r="AM2892" s="137"/>
      <c r="AN2892" s="137"/>
      <c r="AO2892" s="137"/>
      <c r="AP2892" s="137"/>
      <c r="AQ2892" s="137"/>
      <c r="AR2892" s="137"/>
      <c r="AS2892" s="137"/>
      <c r="AT2892" s="137"/>
      <c r="AU2892" s="137"/>
      <c r="AV2892" s="137"/>
      <c r="AW2892" s="144"/>
    </row>
    <row r="2893" spans="7:49" x14ac:dyDescent="0.2">
      <c r="G2893" s="43"/>
      <c r="Z2893" s="143"/>
      <c r="AA2893" s="137"/>
      <c r="AB2893" s="137"/>
      <c r="AC2893" s="137"/>
      <c r="AD2893" s="137"/>
      <c r="AE2893" s="137"/>
      <c r="AF2893" s="137"/>
      <c r="AG2893" s="137"/>
      <c r="AH2893" s="137"/>
      <c r="AI2893" s="137"/>
      <c r="AJ2893" s="137"/>
      <c r="AK2893" s="137"/>
      <c r="AL2893" s="137"/>
      <c r="AM2893" s="137"/>
      <c r="AN2893" s="137"/>
      <c r="AO2893" s="137"/>
      <c r="AP2893" s="137"/>
      <c r="AQ2893" s="137"/>
      <c r="AR2893" s="137"/>
      <c r="AS2893" s="137"/>
      <c r="AT2893" s="137"/>
      <c r="AU2893" s="137"/>
      <c r="AV2893" s="137"/>
      <c r="AW2893" s="144"/>
    </row>
    <row r="2894" spans="7:49" x14ac:dyDescent="0.2">
      <c r="G2894" s="43"/>
      <c r="Z2894" s="143"/>
      <c r="AA2894" s="137"/>
      <c r="AB2894" s="137"/>
      <c r="AC2894" s="137"/>
      <c r="AD2894" s="137"/>
      <c r="AE2894" s="137"/>
      <c r="AF2894" s="137"/>
      <c r="AG2894" s="137"/>
      <c r="AH2894" s="137"/>
      <c r="AI2894" s="137"/>
      <c r="AJ2894" s="137"/>
      <c r="AK2894" s="137"/>
      <c r="AL2894" s="137"/>
      <c r="AM2894" s="137"/>
      <c r="AN2894" s="137"/>
      <c r="AO2894" s="137"/>
      <c r="AP2894" s="137"/>
      <c r="AQ2894" s="137"/>
      <c r="AR2894" s="137"/>
      <c r="AS2894" s="137"/>
      <c r="AT2894" s="137"/>
      <c r="AU2894" s="137"/>
      <c r="AV2894" s="137"/>
      <c r="AW2894" s="144"/>
    </row>
    <row r="2895" spans="7:49" x14ac:dyDescent="0.2">
      <c r="G2895" s="43"/>
      <c r="Z2895" s="143"/>
      <c r="AA2895" s="137"/>
      <c r="AB2895" s="137"/>
      <c r="AC2895" s="137"/>
      <c r="AD2895" s="137"/>
      <c r="AE2895" s="137"/>
      <c r="AF2895" s="137"/>
      <c r="AG2895" s="137"/>
      <c r="AH2895" s="137"/>
      <c r="AI2895" s="137"/>
      <c r="AJ2895" s="137"/>
      <c r="AK2895" s="137"/>
      <c r="AL2895" s="137"/>
      <c r="AM2895" s="137"/>
      <c r="AN2895" s="137"/>
      <c r="AO2895" s="137"/>
      <c r="AP2895" s="137"/>
      <c r="AQ2895" s="137"/>
      <c r="AR2895" s="137"/>
      <c r="AS2895" s="137"/>
      <c r="AT2895" s="137"/>
      <c r="AU2895" s="137"/>
      <c r="AV2895" s="137"/>
      <c r="AW2895" s="144"/>
    </row>
    <row r="2896" spans="7:49" x14ac:dyDescent="0.2">
      <c r="G2896" s="43"/>
      <c r="Z2896" s="143"/>
      <c r="AA2896" s="137"/>
      <c r="AB2896" s="137"/>
      <c r="AC2896" s="137"/>
      <c r="AD2896" s="137"/>
      <c r="AE2896" s="137"/>
      <c r="AF2896" s="137"/>
      <c r="AG2896" s="137"/>
      <c r="AH2896" s="137"/>
      <c r="AI2896" s="137"/>
      <c r="AJ2896" s="137"/>
      <c r="AK2896" s="137"/>
      <c r="AL2896" s="137"/>
      <c r="AM2896" s="137"/>
      <c r="AN2896" s="137"/>
      <c r="AO2896" s="137"/>
      <c r="AP2896" s="137"/>
      <c r="AQ2896" s="137"/>
      <c r="AR2896" s="137"/>
      <c r="AS2896" s="137"/>
      <c r="AT2896" s="137"/>
      <c r="AU2896" s="137"/>
      <c r="AV2896" s="137"/>
      <c r="AW2896" s="144"/>
    </row>
    <row r="2897" spans="7:49" x14ac:dyDescent="0.2">
      <c r="G2897" s="43"/>
      <c r="Z2897" s="143"/>
      <c r="AA2897" s="137"/>
      <c r="AB2897" s="137"/>
      <c r="AC2897" s="137"/>
      <c r="AD2897" s="137"/>
      <c r="AE2897" s="137"/>
      <c r="AF2897" s="137"/>
      <c r="AG2897" s="137"/>
      <c r="AH2897" s="137"/>
      <c r="AI2897" s="137"/>
      <c r="AJ2897" s="137"/>
      <c r="AK2897" s="137"/>
      <c r="AL2897" s="137"/>
      <c r="AM2897" s="137"/>
      <c r="AN2897" s="137"/>
      <c r="AO2897" s="137"/>
      <c r="AP2897" s="137"/>
      <c r="AQ2897" s="137"/>
      <c r="AR2897" s="137"/>
      <c r="AS2897" s="137"/>
      <c r="AT2897" s="137"/>
      <c r="AU2897" s="137"/>
      <c r="AV2897" s="137"/>
      <c r="AW2897" s="144"/>
    </row>
    <row r="2898" spans="7:49" x14ac:dyDescent="0.2">
      <c r="G2898" s="43"/>
      <c r="Z2898" s="143"/>
      <c r="AA2898" s="137"/>
      <c r="AB2898" s="137"/>
      <c r="AC2898" s="137"/>
      <c r="AD2898" s="137"/>
      <c r="AE2898" s="137"/>
      <c r="AF2898" s="137"/>
      <c r="AG2898" s="137"/>
      <c r="AH2898" s="137"/>
      <c r="AI2898" s="137"/>
      <c r="AJ2898" s="137"/>
      <c r="AK2898" s="137"/>
      <c r="AL2898" s="137"/>
      <c r="AM2898" s="137"/>
      <c r="AN2898" s="137"/>
      <c r="AO2898" s="137"/>
      <c r="AP2898" s="137"/>
      <c r="AQ2898" s="137"/>
      <c r="AR2898" s="137"/>
      <c r="AS2898" s="137"/>
      <c r="AT2898" s="137"/>
      <c r="AU2898" s="137"/>
      <c r="AV2898" s="137"/>
      <c r="AW2898" s="144"/>
    </row>
    <row r="2899" spans="7:49" x14ac:dyDescent="0.2">
      <c r="G2899" s="43"/>
      <c r="Z2899" s="143"/>
      <c r="AA2899" s="137"/>
      <c r="AB2899" s="137"/>
      <c r="AC2899" s="137"/>
      <c r="AD2899" s="137"/>
      <c r="AE2899" s="137"/>
      <c r="AF2899" s="137"/>
      <c r="AG2899" s="137"/>
      <c r="AH2899" s="137"/>
      <c r="AI2899" s="137"/>
      <c r="AJ2899" s="137"/>
      <c r="AK2899" s="137"/>
      <c r="AL2899" s="137"/>
      <c r="AM2899" s="137"/>
      <c r="AN2899" s="137"/>
      <c r="AO2899" s="137"/>
      <c r="AP2899" s="137"/>
      <c r="AQ2899" s="137"/>
      <c r="AR2899" s="137"/>
      <c r="AS2899" s="137"/>
      <c r="AT2899" s="137"/>
      <c r="AU2899" s="137"/>
      <c r="AV2899" s="137"/>
      <c r="AW2899" s="144"/>
    </row>
    <row r="2900" spans="7:49" x14ac:dyDescent="0.2">
      <c r="G2900" s="43"/>
      <c r="Z2900" s="143"/>
      <c r="AA2900" s="137"/>
      <c r="AB2900" s="137"/>
      <c r="AC2900" s="137"/>
      <c r="AD2900" s="137"/>
      <c r="AE2900" s="137"/>
      <c r="AF2900" s="137"/>
      <c r="AG2900" s="137"/>
      <c r="AH2900" s="137"/>
      <c r="AI2900" s="137"/>
      <c r="AJ2900" s="137"/>
      <c r="AK2900" s="137"/>
      <c r="AL2900" s="137"/>
      <c r="AM2900" s="137"/>
      <c r="AN2900" s="137"/>
      <c r="AO2900" s="137"/>
      <c r="AP2900" s="137"/>
      <c r="AQ2900" s="137"/>
      <c r="AR2900" s="137"/>
      <c r="AS2900" s="137"/>
      <c r="AT2900" s="137"/>
      <c r="AU2900" s="137"/>
      <c r="AV2900" s="137"/>
      <c r="AW2900" s="144"/>
    </row>
    <row r="2901" spans="7:49" x14ac:dyDescent="0.2">
      <c r="G2901" s="43"/>
      <c r="Z2901" s="143"/>
      <c r="AA2901" s="137"/>
      <c r="AB2901" s="137"/>
      <c r="AC2901" s="137"/>
      <c r="AD2901" s="137"/>
      <c r="AE2901" s="137"/>
      <c r="AF2901" s="137"/>
      <c r="AG2901" s="137"/>
      <c r="AH2901" s="137"/>
      <c r="AI2901" s="137"/>
      <c r="AJ2901" s="137"/>
      <c r="AK2901" s="137"/>
      <c r="AL2901" s="137"/>
      <c r="AM2901" s="137"/>
      <c r="AN2901" s="137"/>
      <c r="AO2901" s="137"/>
      <c r="AP2901" s="137"/>
      <c r="AQ2901" s="137"/>
      <c r="AR2901" s="137"/>
      <c r="AS2901" s="137"/>
      <c r="AT2901" s="137"/>
      <c r="AU2901" s="137"/>
      <c r="AV2901" s="137"/>
      <c r="AW2901" s="144"/>
    </row>
    <row r="2902" spans="7:49" x14ac:dyDescent="0.2">
      <c r="G2902" s="43"/>
      <c r="Z2902" s="143"/>
      <c r="AA2902" s="137"/>
      <c r="AB2902" s="137"/>
      <c r="AC2902" s="137"/>
      <c r="AD2902" s="137"/>
      <c r="AE2902" s="137"/>
      <c r="AF2902" s="137"/>
      <c r="AG2902" s="137"/>
      <c r="AH2902" s="137"/>
      <c r="AI2902" s="137"/>
      <c r="AJ2902" s="137"/>
      <c r="AK2902" s="137"/>
      <c r="AL2902" s="137"/>
      <c r="AM2902" s="137"/>
      <c r="AN2902" s="137"/>
      <c r="AO2902" s="137"/>
      <c r="AP2902" s="137"/>
      <c r="AQ2902" s="137"/>
      <c r="AR2902" s="137"/>
      <c r="AS2902" s="137"/>
      <c r="AT2902" s="137"/>
      <c r="AU2902" s="137"/>
      <c r="AV2902" s="137"/>
      <c r="AW2902" s="144"/>
    </row>
    <row r="2903" spans="7:49" x14ac:dyDescent="0.2">
      <c r="G2903" s="43"/>
      <c r="Z2903" s="143"/>
      <c r="AA2903" s="137"/>
      <c r="AB2903" s="137"/>
      <c r="AC2903" s="137"/>
      <c r="AD2903" s="137"/>
      <c r="AE2903" s="137"/>
      <c r="AF2903" s="137"/>
      <c r="AG2903" s="137"/>
      <c r="AH2903" s="137"/>
      <c r="AI2903" s="137"/>
      <c r="AJ2903" s="137"/>
      <c r="AK2903" s="137"/>
      <c r="AL2903" s="137"/>
      <c r="AM2903" s="137"/>
      <c r="AN2903" s="137"/>
      <c r="AO2903" s="137"/>
      <c r="AP2903" s="137"/>
      <c r="AQ2903" s="137"/>
      <c r="AR2903" s="137"/>
      <c r="AS2903" s="137"/>
      <c r="AT2903" s="137"/>
      <c r="AU2903" s="137"/>
      <c r="AV2903" s="137"/>
      <c r="AW2903" s="144"/>
    </row>
    <row r="2904" spans="7:49" x14ac:dyDescent="0.2">
      <c r="G2904" s="43"/>
      <c r="Z2904" s="143"/>
      <c r="AA2904" s="137"/>
      <c r="AB2904" s="137"/>
      <c r="AC2904" s="137"/>
      <c r="AD2904" s="137"/>
      <c r="AE2904" s="137"/>
      <c r="AF2904" s="137"/>
      <c r="AG2904" s="137"/>
      <c r="AH2904" s="137"/>
      <c r="AI2904" s="137"/>
      <c r="AJ2904" s="137"/>
      <c r="AK2904" s="137"/>
      <c r="AL2904" s="137"/>
      <c r="AM2904" s="137"/>
      <c r="AN2904" s="137"/>
      <c r="AO2904" s="137"/>
      <c r="AP2904" s="137"/>
      <c r="AQ2904" s="137"/>
      <c r="AR2904" s="137"/>
      <c r="AS2904" s="137"/>
      <c r="AT2904" s="137"/>
      <c r="AU2904" s="137"/>
      <c r="AV2904" s="137"/>
      <c r="AW2904" s="144"/>
    </row>
    <row r="2905" spans="7:49" x14ac:dyDescent="0.2">
      <c r="G2905" s="43"/>
      <c r="Z2905" s="143"/>
      <c r="AA2905" s="137"/>
      <c r="AB2905" s="137"/>
      <c r="AC2905" s="137"/>
      <c r="AD2905" s="137"/>
      <c r="AE2905" s="137"/>
      <c r="AF2905" s="137"/>
      <c r="AG2905" s="137"/>
      <c r="AH2905" s="137"/>
      <c r="AI2905" s="137"/>
      <c r="AJ2905" s="137"/>
      <c r="AK2905" s="137"/>
      <c r="AL2905" s="137"/>
      <c r="AM2905" s="137"/>
      <c r="AN2905" s="137"/>
      <c r="AO2905" s="137"/>
      <c r="AP2905" s="137"/>
      <c r="AQ2905" s="137"/>
      <c r="AR2905" s="137"/>
      <c r="AS2905" s="137"/>
      <c r="AT2905" s="137"/>
      <c r="AU2905" s="137"/>
      <c r="AV2905" s="137"/>
      <c r="AW2905" s="144"/>
    </row>
    <row r="2906" spans="7:49" x14ac:dyDescent="0.2">
      <c r="G2906" s="43"/>
      <c r="Z2906" s="143"/>
      <c r="AA2906" s="137"/>
      <c r="AB2906" s="137"/>
      <c r="AC2906" s="137"/>
      <c r="AD2906" s="137"/>
      <c r="AE2906" s="137"/>
      <c r="AF2906" s="137"/>
      <c r="AG2906" s="137"/>
      <c r="AH2906" s="137"/>
      <c r="AI2906" s="137"/>
      <c r="AJ2906" s="137"/>
      <c r="AK2906" s="137"/>
      <c r="AL2906" s="137"/>
      <c r="AM2906" s="137"/>
      <c r="AN2906" s="137"/>
      <c r="AO2906" s="137"/>
      <c r="AP2906" s="137"/>
      <c r="AQ2906" s="137"/>
      <c r="AR2906" s="137"/>
      <c r="AS2906" s="137"/>
      <c r="AT2906" s="137"/>
      <c r="AU2906" s="137"/>
      <c r="AV2906" s="137"/>
      <c r="AW2906" s="144"/>
    </row>
    <row r="2907" spans="7:49" x14ac:dyDescent="0.2">
      <c r="G2907" s="43"/>
      <c r="Z2907" s="143"/>
      <c r="AA2907" s="137"/>
      <c r="AB2907" s="137"/>
      <c r="AC2907" s="137"/>
      <c r="AD2907" s="137"/>
      <c r="AE2907" s="137"/>
      <c r="AF2907" s="137"/>
      <c r="AG2907" s="137"/>
      <c r="AH2907" s="137"/>
      <c r="AI2907" s="137"/>
      <c r="AJ2907" s="137"/>
      <c r="AK2907" s="137"/>
      <c r="AL2907" s="137"/>
      <c r="AM2907" s="137"/>
      <c r="AN2907" s="137"/>
      <c r="AO2907" s="137"/>
      <c r="AP2907" s="137"/>
      <c r="AQ2907" s="137"/>
      <c r="AR2907" s="137"/>
      <c r="AS2907" s="137"/>
      <c r="AT2907" s="137"/>
      <c r="AU2907" s="137"/>
      <c r="AV2907" s="137"/>
      <c r="AW2907" s="144"/>
    </row>
    <row r="2908" spans="7:49" x14ac:dyDescent="0.2">
      <c r="G2908" s="43"/>
      <c r="Z2908" s="143"/>
      <c r="AA2908" s="137"/>
      <c r="AB2908" s="137"/>
      <c r="AC2908" s="137"/>
      <c r="AD2908" s="137"/>
      <c r="AE2908" s="137"/>
      <c r="AF2908" s="137"/>
      <c r="AG2908" s="137"/>
      <c r="AH2908" s="137"/>
      <c r="AI2908" s="137"/>
      <c r="AJ2908" s="137"/>
      <c r="AK2908" s="137"/>
      <c r="AL2908" s="137"/>
      <c r="AM2908" s="137"/>
      <c r="AN2908" s="137"/>
      <c r="AO2908" s="137"/>
      <c r="AP2908" s="137"/>
      <c r="AQ2908" s="137"/>
      <c r="AR2908" s="137"/>
      <c r="AS2908" s="137"/>
      <c r="AT2908" s="137"/>
      <c r="AU2908" s="137"/>
      <c r="AV2908" s="137"/>
      <c r="AW2908" s="144"/>
    </row>
    <row r="2909" spans="7:49" x14ac:dyDescent="0.2">
      <c r="G2909" s="43"/>
      <c r="Z2909" s="143"/>
      <c r="AA2909" s="137"/>
      <c r="AB2909" s="137"/>
      <c r="AC2909" s="137"/>
      <c r="AD2909" s="137"/>
      <c r="AE2909" s="137"/>
      <c r="AF2909" s="137"/>
      <c r="AG2909" s="137"/>
      <c r="AH2909" s="137"/>
      <c r="AI2909" s="137"/>
      <c r="AJ2909" s="137"/>
      <c r="AK2909" s="137"/>
      <c r="AL2909" s="137"/>
      <c r="AM2909" s="137"/>
      <c r="AN2909" s="137"/>
      <c r="AO2909" s="137"/>
      <c r="AP2909" s="137"/>
      <c r="AQ2909" s="137"/>
      <c r="AR2909" s="137"/>
      <c r="AS2909" s="137"/>
      <c r="AT2909" s="137"/>
      <c r="AU2909" s="137"/>
      <c r="AV2909" s="137"/>
      <c r="AW2909" s="144"/>
    </row>
    <row r="2910" spans="7:49" x14ac:dyDescent="0.2">
      <c r="G2910" s="43"/>
      <c r="Z2910" s="143"/>
      <c r="AA2910" s="137"/>
      <c r="AB2910" s="137"/>
      <c r="AC2910" s="137"/>
      <c r="AD2910" s="137"/>
      <c r="AE2910" s="137"/>
      <c r="AF2910" s="137"/>
      <c r="AG2910" s="137"/>
      <c r="AH2910" s="137"/>
      <c r="AI2910" s="137"/>
      <c r="AJ2910" s="137"/>
      <c r="AK2910" s="137"/>
      <c r="AL2910" s="137"/>
      <c r="AM2910" s="137"/>
      <c r="AN2910" s="137"/>
      <c r="AO2910" s="137"/>
      <c r="AP2910" s="137"/>
      <c r="AQ2910" s="137"/>
      <c r="AR2910" s="137"/>
      <c r="AS2910" s="137"/>
      <c r="AT2910" s="137"/>
      <c r="AU2910" s="137"/>
      <c r="AV2910" s="137"/>
      <c r="AW2910" s="144"/>
    </row>
    <row r="2911" spans="7:49" x14ac:dyDescent="0.2">
      <c r="G2911" s="43"/>
      <c r="Z2911" s="143"/>
      <c r="AA2911" s="137"/>
      <c r="AB2911" s="137"/>
      <c r="AC2911" s="137"/>
      <c r="AD2911" s="137"/>
      <c r="AE2911" s="137"/>
      <c r="AF2911" s="137"/>
      <c r="AG2911" s="137"/>
      <c r="AH2911" s="137"/>
      <c r="AI2911" s="137"/>
      <c r="AJ2911" s="137"/>
      <c r="AK2911" s="137"/>
      <c r="AL2911" s="137"/>
      <c r="AM2911" s="137"/>
      <c r="AN2911" s="137"/>
      <c r="AO2911" s="137"/>
      <c r="AP2911" s="137"/>
      <c r="AQ2911" s="137"/>
      <c r="AR2911" s="137"/>
      <c r="AS2911" s="137"/>
      <c r="AT2911" s="137"/>
      <c r="AU2911" s="137"/>
      <c r="AV2911" s="137"/>
      <c r="AW2911" s="144"/>
    </row>
    <row r="2912" spans="7:49" x14ac:dyDescent="0.2">
      <c r="G2912" s="43"/>
      <c r="Z2912" s="143"/>
      <c r="AA2912" s="137"/>
      <c r="AB2912" s="137"/>
      <c r="AC2912" s="137"/>
      <c r="AD2912" s="137"/>
      <c r="AE2912" s="137"/>
      <c r="AF2912" s="137"/>
      <c r="AG2912" s="137"/>
      <c r="AH2912" s="137"/>
      <c r="AI2912" s="137"/>
      <c r="AJ2912" s="137"/>
      <c r="AK2912" s="137"/>
      <c r="AL2912" s="137"/>
      <c r="AM2912" s="137"/>
      <c r="AN2912" s="137"/>
      <c r="AO2912" s="137"/>
      <c r="AP2912" s="137"/>
      <c r="AQ2912" s="137"/>
      <c r="AR2912" s="137"/>
      <c r="AS2912" s="137"/>
      <c r="AT2912" s="137"/>
      <c r="AU2912" s="137"/>
      <c r="AV2912" s="137"/>
      <c r="AW2912" s="144"/>
    </row>
    <row r="2913" spans="7:49" x14ac:dyDescent="0.2">
      <c r="G2913" s="43"/>
      <c r="Z2913" s="143"/>
      <c r="AA2913" s="137"/>
      <c r="AB2913" s="137"/>
      <c r="AC2913" s="137"/>
      <c r="AD2913" s="137"/>
      <c r="AE2913" s="137"/>
      <c r="AF2913" s="137"/>
      <c r="AG2913" s="137"/>
      <c r="AH2913" s="137"/>
      <c r="AI2913" s="137"/>
      <c r="AJ2913" s="137"/>
      <c r="AK2913" s="137"/>
      <c r="AL2913" s="137"/>
      <c r="AM2913" s="137"/>
      <c r="AN2913" s="137"/>
      <c r="AO2913" s="137"/>
      <c r="AP2913" s="137"/>
      <c r="AQ2913" s="137"/>
      <c r="AR2913" s="137"/>
      <c r="AS2913" s="137"/>
      <c r="AT2913" s="137"/>
      <c r="AU2913" s="137"/>
      <c r="AV2913" s="137"/>
      <c r="AW2913" s="144"/>
    </row>
    <row r="2914" spans="7:49" x14ac:dyDescent="0.2">
      <c r="G2914" s="43"/>
      <c r="Z2914" s="143"/>
      <c r="AA2914" s="137"/>
      <c r="AB2914" s="137"/>
      <c r="AC2914" s="137"/>
      <c r="AD2914" s="137"/>
      <c r="AE2914" s="137"/>
      <c r="AF2914" s="137"/>
      <c r="AG2914" s="137"/>
      <c r="AH2914" s="137"/>
      <c r="AI2914" s="137"/>
      <c r="AJ2914" s="137"/>
      <c r="AK2914" s="137"/>
      <c r="AL2914" s="137"/>
      <c r="AM2914" s="137"/>
      <c r="AN2914" s="137"/>
      <c r="AO2914" s="137"/>
      <c r="AP2914" s="137"/>
      <c r="AQ2914" s="137"/>
      <c r="AR2914" s="137"/>
      <c r="AS2914" s="137"/>
      <c r="AT2914" s="137"/>
      <c r="AU2914" s="137"/>
      <c r="AV2914" s="137"/>
      <c r="AW2914" s="144"/>
    </row>
    <row r="2915" spans="7:49" x14ac:dyDescent="0.2">
      <c r="G2915" s="43"/>
      <c r="Z2915" s="143"/>
      <c r="AA2915" s="137"/>
      <c r="AB2915" s="137"/>
      <c r="AC2915" s="137"/>
      <c r="AD2915" s="137"/>
      <c r="AE2915" s="137"/>
      <c r="AF2915" s="137"/>
      <c r="AG2915" s="137"/>
      <c r="AH2915" s="137"/>
      <c r="AI2915" s="137"/>
      <c r="AJ2915" s="137"/>
      <c r="AK2915" s="137"/>
      <c r="AL2915" s="137"/>
      <c r="AM2915" s="137"/>
      <c r="AN2915" s="137"/>
      <c r="AO2915" s="137"/>
      <c r="AP2915" s="137"/>
      <c r="AQ2915" s="137"/>
      <c r="AR2915" s="137"/>
      <c r="AS2915" s="137"/>
      <c r="AT2915" s="137"/>
      <c r="AU2915" s="137"/>
      <c r="AV2915" s="137"/>
      <c r="AW2915" s="144"/>
    </row>
    <row r="2916" spans="7:49" x14ac:dyDescent="0.2">
      <c r="G2916" s="43"/>
      <c r="Z2916" s="143"/>
      <c r="AA2916" s="137"/>
      <c r="AB2916" s="137"/>
      <c r="AC2916" s="137"/>
      <c r="AD2916" s="137"/>
      <c r="AE2916" s="137"/>
      <c r="AF2916" s="137"/>
      <c r="AG2916" s="137"/>
      <c r="AH2916" s="137"/>
      <c r="AI2916" s="137"/>
      <c r="AJ2916" s="137"/>
      <c r="AK2916" s="137"/>
      <c r="AL2916" s="137"/>
      <c r="AM2916" s="137"/>
      <c r="AN2916" s="137"/>
      <c r="AO2916" s="137"/>
      <c r="AP2916" s="137"/>
      <c r="AQ2916" s="137"/>
      <c r="AR2916" s="137"/>
      <c r="AS2916" s="137"/>
      <c r="AT2916" s="137"/>
      <c r="AU2916" s="137"/>
      <c r="AV2916" s="137"/>
      <c r="AW2916" s="144"/>
    </row>
    <row r="2917" spans="7:49" x14ac:dyDescent="0.2">
      <c r="G2917" s="43"/>
      <c r="Z2917" s="143"/>
      <c r="AA2917" s="137"/>
      <c r="AB2917" s="137"/>
      <c r="AC2917" s="137"/>
      <c r="AD2917" s="137"/>
      <c r="AE2917" s="137"/>
      <c r="AF2917" s="137"/>
      <c r="AG2917" s="137"/>
      <c r="AH2917" s="137"/>
      <c r="AI2917" s="137"/>
      <c r="AJ2917" s="137"/>
      <c r="AK2917" s="137"/>
      <c r="AL2917" s="137"/>
      <c r="AM2917" s="137"/>
      <c r="AN2917" s="137"/>
      <c r="AO2917" s="137"/>
      <c r="AP2917" s="137"/>
      <c r="AQ2917" s="137"/>
      <c r="AR2917" s="137"/>
      <c r="AS2917" s="137"/>
      <c r="AT2917" s="137"/>
      <c r="AU2917" s="137"/>
      <c r="AV2917" s="137"/>
      <c r="AW2917" s="144"/>
    </row>
    <row r="2918" spans="7:49" x14ac:dyDescent="0.2">
      <c r="G2918" s="43"/>
      <c r="Z2918" s="143"/>
      <c r="AA2918" s="137"/>
      <c r="AB2918" s="137"/>
      <c r="AC2918" s="137"/>
      <c r="AD2918" s="137"/>
      <c r="AE2918" s="137"/>
      <c r="AF2918" s="137"/>
      <c r="AG2918" s="137"/>
      <c r="AH2918" s="137"/>
      <c r="AI2918" s="137"/>
      <c r="AJ2918" s="137"/>
      <c r="AK2918" s="137"/>
      <c r="AL2918" s="137"/>
      <c r="AM2918" s="137"/>
      <c r="AN2918" s="137"/>
      <c r="AO2918" s="137"/>
      <c r="AP2918" s="137"/>
      <c r="AQ2918" s="137"/>
      <c r="AR2918" s="137"/>
      <c r="AS2918" s="137"/>
      <c r="AT2918" s="137"/>
      <c r="AU2918" s="137"/>
      <c r="AV2918" s="137"/>
      <c r="AW2918" s="144"/>
    </row>
    <row r="2919" spans="7:49" x14ac:dyDescent="0.2">
      <c r="G2919" s="43"/>
      <c r="Z2919" s="143"/>
      <c r="AA2919" s="137"/>
      <c r="AB2919" s="137"/>
      <c r="AC2919" s="137"/>
      <c r="AD2919" s="137"/>
      <c r="AE2919" s="137"/>
      <c r="AF2919" s="137"/>
      <c r="AG2919" s="137"/>
      <c r="AH2919" s="137"/>
      <c r="AI2919" s="137"/>
      <c r="AJ2919" s="137"/>
      <c r="AK2919" s="137"/>
      <c r="AL2919" s="137"/>
      <c r="AM2919" s="137"/>
      <c r="AN2919" s="137"/>
      <c r="AO2919" s="137"/>
      <c r="AP2919" s="137"/>
      <c r="AQ2919" s="137"/>
      <c r="AR2919" s="137"/>
      <c r="AS2919" s="137"/>
      <c r="AT2919" s="137"/>
      <c r="AU2919" s="137"/>
      <c r="AV2919" s="137"/>
      <c r="AW2919" s="144"/>
    </row>
    <row r="2920" spans="7:49" x14ac:dyDescent="0.2">
      <c r="G2920" s="43"/>
      <c r="Z2920" s="143"/>
      <c r="AA2920" s="137"/>
      <c r="AB2920" s="137"/>
      <c r="AC2920" s="137"/>
      <c r="AD2920" s="137"/>
      <c r="AE2920" s="137"/>
      <c r="AF2920" s="137"/>
      <c r="AG2920" s="137"/>
      <c r="AH2920" s="137"/>
      <c r="AI2920" s="137"/>
      <c r="AJ2920" s="137"/>
      <c r="AK2920" s="137"/>
      <c r="AL2920" s="137"/>
      <c r="AM2920" s="137"/>
      <c r="AN2920" s="137"/>
      <c r="AO2920" s="137"/>
      <c r="AP2920" s="137"/>
      <c r="AQ2920" s="137"/>
      <c r="AR2920" s="137"/>
      <c r="AS2920" s="137"/>
      <c r="AT2920" s="137"/>
      <c r="AU2920" s="137"/>
      <c r="AV2920" s="137"/>
      <c r="AW2920" s="144"/>
    </row>
    <row r="2921" spans="7:49" x14ac:dyDescent="0.2">
      <c r="G2921" s="43"/>
      <c r="Z2921" s="143"/>
      <c r="AA2921" s="137"/>
      <c r="AB2921" s="137"/>
      <c r="AC2921" s="137"/>
      <c r="AD2921" s="137"/>
      <c r="AE2921" s="137"/>
      <c r="AF2921" s="137"/>
      <c r="AG2921" s="137"/>
      <c r="AH2921" s="137"/>
      <c r="AI2921" s="137"/>
      <c r="AJ2921" s="137"/>
      <c r="AK2921" s="137"/>
      <c r="AL2921" s="137"/>
      <c r="AM2921" s="137"/>
      <c r="AN2921" s="137"/>
      <c r="AO2921" s="137"/>
      <c r="AP2921" s="137"/>
      <c r="AQ2921" s="137"/>
      <c r="AR2921" s="137"/>
      <c r="AS2921" s="137"/>
      <c r="AT2921" s="137"/>
      <c r="AU2921" s="137"/>
      <c r="AV2921" s="137"/>
      <c r="AW2921" s="144"/>
    </row>
    <row r="2922" spans="7:49" x14ac:dyDescent="0.2">
      <c r="G2922" s="43"/>
      <c r="Z2922" s="143"/>
      <c r="AA2922" s="137"/>
      <c r="AB2922" s="137"/>
      <c r="AC2922" s="137"/>
      <c r="AD2922" s="137"/>
      <c r="AE2922" s="137"/>
      <c r="AF2922" s="137"/>
      <c r="AG2922" s="137"/>
      <c r="AH2922" s="137"/>
      <c r="AI2922" s="137"/>
      <c r="AJ2922" s="137"/>
      <c r="AK2922" s="137"/>
      <c r="AL2922" s="137"/>
      <c r="AM2922" s="137"/>
      <c r="AN2922" s="137"/>
      <c r="AO2922" s="137"/>
      <c r="AP2922" s="137"/>
      <c r="AQ2922" s="137"/>
      <c r="AR2922" s="137"/>
      <c r="AS2922" s="137"/>
      <c r="AT2922" s="137"/>
      <c r="AU2922" s="137"/>
      <c r="AV2922" s="137"/>
      <c r="AW2922" s="144"/>
    </row>
    <row r="2923" spans="7:49" x14ac:dyDescent="0.2">
      <c r="G2923" s="43"/>
      <c r="Z2923" s="143"/>
      <c r="AA2923" s="137"/>
      <c r="AB2923" s="137"/>
      <c r="AC2923" s="137"/>
      <c r="AD2923" s="137"/>
      <c r="AE2923" s="137"/>
      <c r="AF2923" s="137"/>
      <c r="AG2923" s="137"/>
      <c r="AH2923" s="137"/>
      <c r="AI2923" s="137"/>
      <c r="AJ2923" s="137"/>
      <c r="AK2923" s="137"/>
      <c r="AL2923" s="137"/>
      <c r="AM2923" s="137"/>
      <c r="AN2923" s="137"/>
      <c r="AO2923" s="137"/>
      <c r="AP2923" s="137"/>
      <c r="AQ2923" s="137"/>
      <c r="AR2923" s="137"/>
      <c r="AS2923" s="137"/>
      <c r="AT2923" s="137"/>
      <c r="AU2923" s="137"/>
      <c r="AV2923" s="137"/>
      <c r="AW2923" s="144"/>
    </row>
    <row r="2924" spans="7:49" x14ac:dyDescent="0.2">
      <c r="G2924" s="43"/>
      <c r="Z2924" s="143"/>
      <c r="AA2924" s="137"/>
      <c r="AB2924" s="137"/>
      <c r="AC2924" s="137"/>
      <c r="AD2924" s="137"/>
      <c r="AE2924" s="137"/>
      <c r="AF2924" s="137"/>
      <c r="AG2924" s="137"/>
      <c r="AH2924" s="137"/>
      <c r="AI2924" s="137"/>
      <c r="AJ2924" s="137"/>
      <c r="AK2924" s="137"/>
      <c r="AL2924" s="137"/>
      <c r="AM2924" s="137"/>
      <c r="AN2924" s="137"/>
      <c r="AO2924" s="137"/>
      <c r="AP2924" s="137"/>
      <c r="AQ2924" s="137"/>
      <c r="AR2924" s="137"/>
      <c r="AS2924" s="137"/>
      <c r="AT2924" s="137"/>
      <c r="AU2924" s="137"/>
      <c r="AV2924" s="137"/>
      <c r="AW2924" s="144"/>
    </row>
    <row r="2925" spans="7:49" x14ac:dyDescent="0.2">
      <c r="G2925" s="43"/>
      <c r="Z2925" s="143"/>
      <c r="AA2925" s="137"/>
      <c r="AB2925" s="137"/>
      <c r="AC2925" s="137"/>
      <c r="AD2925" s="137"/>
      <c r="AE2925" s="137"/>
      <c r="AF2925" s="137"/>
      <c r="AG2925" s="137"/>
      <c r="AH2925" s="137"/>
      <c r="AI2925" s="137"/>
      <c r="AJ2925" s="137"/>
      <c r="AK2925" s="137"/>
      <c r="AL2925" s="137"/>
      <c r="AM2925" s="137"/>
      <c r="AN2925" s="137"/>
      <c r="AO2925" s="137"/>
      <c r="AP2925" s="137"/>
      <c r="AQ2925" s="137"/>
      <c r="AR2925" s="137"/>
      <c r="AS2925" s="137"/>
      <c r="AT2925" s="137"/>
      <c r="AU2925" s="137"/>
      <c r="AV2925" s="137"/>
      <c r="AW2925" s="144"/>
    </row>
    <row r="2926" spans="7:49" x14ac:dyDescent="0.2">
      <c r="G2926" s="43"/>
      <c r="Z2926" s="143"/>
      <c r="AA2926" s="137"/>
      <c r="AB2926" s="137"/>
      <c r="AC2926" s="137"/>
      <c r="AD2926" s="137"/>
      <c r="AE2926" s="137"/>
      <c r="AF2926" s="137"/>
      <c r="AG2926" s="137"/>
      <c r="AH2926" s="137"/>
      <c r="AI2926" s="137"/>
      <c r="AJ2926" s="137"/>
      <c r="AK2926" s="137"/>
      <c r="AL2926" s="137"/>
      <c r="AM2926" s="137"/>
      <c r="AN2926" s="137"/>
      <c r="AO2926" s="137"/>
      <c r="AP2926" s="137"/>
      <c r="AQ2926" s="137"/>
      <c r="AR2926" s="137"/>
      <c r="AS2926" s="137"/>
      <c r="AT2926" s="137"/>
      <c r="AU2926" s="137"/>
      <c r="AV2926" s="137"/>
      <c r="AW2926" s="144"/>
    </row>
    <row r="2927" spans="7:49" x14ac:dyDescent="0.2">
      <c r="G2927" s="43"/>
      <c r="Z2927" s="143"/>
      <c r="AA2927" s="137"/>
      <c r="AB2927" s="137"/>
      <c r="AC2927" s="137"/>
      <c r="AD2927" s="137"/>
      <c r="AE2927" s="137"/>
      <c r="AF2927" s="137"/>
      <c r="AG2927" s="137"/>
      <c r="AH2927" s="137"/>
      <c r="AI2927" s="137"/>
      <c r="AJ2927" s="137"/>
      <c r="AK2927" s="137"/>
      <c r="AL2927" s="137"/>
      <c r="AM2927" s="137"/>
      <c r="AN2927" s="137"/>
      <c r="AO2927" s="137"/>
      <c r="AP2927" s="137"/>
      <c r="AQ2927" s="137"/>
      <c r="AR2927" s="137"/>
      <c r="AS2927" s="137"/>
      <c r="AT2927" s="137"/>
      <c r="AU2927" s="137"/>
      <c r="AV2927" s="137"/>
      <c r="AW2927" s="144"/>
    </row>
    <row r="2928" spans="7:49" x14ac:dyDescent="0.2">
      <c r="G2928" s="43"/>
      <c r="Z2928" s="143"/>
      <c r="AA2928" s="137"/>
      <c r="AB2928" s="137"/>
      <c r="AC2928" s="137"/>
      <c r="AD2928" s="137"/>
      <c r="AE2928" s="137"/>
      <c r="AF2928" s="137"/>
      <c r="AG2928" s="137"/>
      <c r="AH2928" s="137"/>
      <c r="AI2928" s="137"/>
      <c r="AJ2928" s="137"/>
      <c r="AK2928" s="137"/>
      <c r="AL2928" s="137"/>
      <c r="AM2928" s="137"/>
      <c r="AN2928" s="137"/>
      <c r="AO2928" s="137"/>
      <c r="AP2928" s="137"/>
      <c r="AQ2928" s="137"/>
      <c r="AR2928" s="137"/>
      <c r="AS2928" s="137"/>
      <c r="AT2928" s="137"/>
      <c r="AU2928" s="137"/>
      <c r="AV2928" s="137"/>
      <c r="AW2928" s="144"/>
    </row>
    <row r="2929" spans="7:49" x14ac:dyDescent="0.2">
      <c r="G2929" s="43"/>
      <c r="Z2929" s="143"/>
      <c r="AA2929" s="137"/>
      <c r="AB2929" s="137"/>
      <c r="AC2929" s="137"/>
      <c r="AD2929" s="137"/>
      <c r="AE2929" s="137"/>
      <c r="AF2929" s="137"/>
      <c r="AG2929" s="137"/>
      <c r="AH2929" s="137"/>
      <c r="AI2929" s="137"/>
      <c r="AJ2929" s="137"/>
      <c r="AK2929" s="137"/>
      <c r="AL2929" s="137"/>
      <c r="AM2929" s="137"/>
      <c r="AN2929" s="137"/>
      <c r="AO2929" s="137"/>
      <c r="AP2929" s="137"/>
      <c r="AQ2929" s="137"/>
      <c r="AR2929" s="137"/>
      <c r="AS2929" s="137"/>
      <c r="AT2929" s="137"/>
      <c r="AU2929" s="137"/>
      <c r="AV2929" s="137"/>
      <c r="AW2929" s="144"/>
    </row>
    <row r="2930" spans="7:49" x14ac:dyDescent="0.2">
      <c r="G2930" s="43"/>
      <c r="Z2930" s="143"/>
      <c r="AA2930" s="137"/>
      <c r="AB2930" s="137"/>
      <c r="AC2930" s="137"/>
      <c r="AD2930" s="137"/>
      <c r="AE2930" s="137"/>
      <c r="AF2930" s="137"/>
      <c r="AG2930" s="137"/>
      <c r="AH2930" s="137"/>
      <c r="AI2930" s="137"/>
      <c r="AJ2930" s="137"/>
      <c r="AK2930" s="137"/>
      <c r="AL2930" s="137"/>
      <c r="AM2930" s="137"/>
      <c r="AN2930" s="137"/>
      <c r="AO2930" s="137"/>
      <c r="AP2930" s="137"/>
      <c r="AQ2930" s="137"/>
      <c r="AR2930" s="137"/>
      <c r="AS2930" s="137"/>
      <c r="AT2930" s="137"/>
      <c r="AU2930" s="137"/>
      <c r="AV2930" s="137"/>
      <c r="AW2930" s="144"/>
    </row>
    <row r="2931" spans="7:49" x14ac:dyDescent="0.2">
      <c r="G2931" s="43"/>
      <c r="Z2931" s="143"/>
      <c r="AA2931" s="137"/>
      <c r="AB2931" s="137"/>
      <c r="AC2931" s="137"/>
      <c r="AD2931" s="137"/>
      <c r="AE2931" s="137"/>
      <c r="AF2931" s="137"/>
      <c r="AG2931" s="137"/>
      <c r="AH2931" s="137"/>
      <c r="AI2931" s="137"/>
      <c r="AJ2931" s="137"/>
      <c r="AK2931" s="137"/>
      <c r="AL2931" s="137"/>
      <c r="AM2931" s="137"/>
      <c r="AN2931" s="137"/>
      <c r="AO2931" s="137"/>
      <c r="AP2931" s="137"/>
      <c r="AQ2931" s="137"/>
      <c r="AR2931" s="137"/>
      <c r="AS2931" s="137"/>
      <c r="AT2931" s="137"/>
      <c r="AU2931" s="137"/>
      <c r="AV2931" s="137"/>
      <c r="AW2931" s="144"/>
    </row>
    <row r="2932" spans="7:49" x14ac:dyDescent="0.2">
      <c r="G2932" s="43"/>
      <c r="Z2932" s="143"/>
      <c r="AA2932" s="137"/>
      <c r="AB2932" s="137"/>
      <c r="AC2932" s="137"/>
      <c r="AD2932" s="137"/>
      <c r="AE2932" s="137"/>
      <c r="AF2932" s="137"/>
      <c r="AG2932" s="137"/>
      <c r="AH2932" s="137"/>
      <c r="AI2932" s="137"/>
      <c r="AJ2932" s="137"/>
      <c r="AK2932" s="137"/>
      <c r="AL2932" s="137"/>
      <c r="AM2932" s="137"/>
      <c r="AN2932" s="137"/>
      <c r="AO2932" s="137"/>
      <c r="AP2932" s="137"/>
      <c r="AQ2932" s="137"/>
      <c r="AR2932" s="137"/>
      <c r="AS2932" s="137"/>
      <c r="AT2932" s="137"/>
      <c r="AU2932" s="137"/>
      <c r="AV2932" s="137"/>
      <c r="AW2932" s="144"/>
    </row>
    <row r="2933" spans="7:49" x14ac:dyDescent="0.2">
      <c r="G2933" s="43"/>
      <c r="Z2933" s="143"/>
      <c r="AA2933" s="137"/>
      <c r="AB2933" s="137"/>
      <c r="AC2933" s="137"/>
      <c r="AD2933" s="137"/>
      <c r="AE2933" s="137"/>
      <c r="AF2933" s="137"/>
      <c r="AG2933" s="137"/>
      <c r="AH2933" s="137"/>
      <c r="AI2933" s="137"/>
      <c r="AJ2933" s="137"/>
      <c r="AK2933" s="137"/>
      <c r="AL2933" s="137"/>
      <c r="AM2933" s="137"/>
      <c r="AN2933" s="137"/>
      <c r="AO2933" s="137"/>
      <c r="AP2933" s="137"/>
      <c r="AQ2933" s="137"/>
      <c r="AR2933" s="137"/>
      <c r="AS2933" s="137"/>
      <c r="AT2933" s="137"/>
      <c r="AU2933" s="137"/>
      <c r="AV2933" s="137"/>
      <c r="AW2933" s="144"/>
    </row>
    <row r="2934" spans="7:49" x14ac:dyDescent="0.2">
      <c r="G2934" s="43"/>
      <c r="Z2934" s="143"/>
      <c r="AA2934" s="137"/>
      <c r="AB2934" s="137"/>
      <c r="AC2934" s="137"/>
      <c r="AD2934" s="137"/>
      <c r="AE2934" s="137"/>
      <c r="AF2934" s="137"/>
      <c r="AG2934" s="137"/>
      <c r="AH2934" s="137"/>
      <c r="AI2934" s="137"/>
      <c r="AJ2934" s="137"/>
      <c r="AK2934" s="137"/>
      <c r="AL2934" s="137"/>
      <c r="AM2934" s="137"/>
      <c r="AN2934" s="137"/>
      <c r="AO2934" s="137"/>
      <c r="AP2934" s="137"/>
      <c r="AQ2934" s="137"/>
      <c r="AR2934" s="137"/>
      <c r="AS2934" s="137"/>
      <c r="AT2934" s="137"/>
      <c r="AU2934" s="137"/>
      <c r="AV2934" s="137"/>
      <c r="AW2934" s="144"/>
    </row>
    <row r="2935" spans="7:49" x14ac:dyDescent="0.2">
      <c r="G2935" s="43"/>
      <c r="Z2935" s="143"/>
      <c r="AA2935" s="137"/>
      <c r="AB2935" s="137"/>
      <c r="AC2935" s="137"/>
      <c r="AD2935" s="137"/>
      <c r="AE2935" s="137"/>
      <c r="AF2935" s="137"/>
      <c r="AG2935" s="137"/>
      <c r="AH2935" s="137"/>
      <c r="AI2935" s="137"/>
      <c r="AJ2935" s="137"/>
      <c r="AK2935" s="137"/>
      <c r="AL2935" s="137"/>
      <c r="AM2935" s="137"/>
      <c r="AN2935" s="137"/>
      <c r="AO2935" s="137"/>
      <c r="AP2935" s="137"/>
      <c r="AQ2935" s="137"/>
      <c r="AR2935" s="137"/>
      <c r="AS2935" s="137"/>
      <c r="AT2935" s="137"/>
      <c r="AU2935" s="137"/>
      <c r="AV2935" s="137"/>
      <c r="AW2935" s="144"/>
    </row>
    <row r="2936" spans="7:49" x14ac:dyDescent="0.2">
      <c r="G2936" s="43"/>
      <c r="Z2936" s="143"/>
      <c r="AA2936" s="137"/>
      <c r="AB2936" s="137"/>
      <c r="AC2936" s="137"/>
      <c r="AD2936" s="137"/>
      <c r="AE2936" s="137"/>
      <c r="AF2936" s="137"/>
      <c r="AG2936" s="137"/>
      <c r="AH2936" s="137"/>
      <c r="AI2936" s="137"/>
      <c r="AJ2936" s="137"/>
      <c r="AK2936" s="137"/>
      <c r="AL2936" s="137"/>
      <c r="AM2936" s="137"/>
      <c r="AN2936" s="137"/>
      <c r="AO2936" s="137"/>
      <c r="AP2936" s="137"/>
      <c r="AQ2936" s="137"/>
      <c r="AR2936" s="137"/>
      <c r="AS2936" s="137"/>
      <c r="AT2936" s="137"/>
      <c r="AU2936" s="137"/>
      <c r="AV2936" s="137"/>
      <c r="AW2936" s="144"/>
    </row>
    <row r="2937" spans="7:49" x14ac:dyDescent="0.2">
      <c r="G2937" s="43"/>
      <c r="Z2937" s="143"/>
      <c r="AA2937" s="137"/>
      <c r="AB2937" s="137"/>
      <c r="AC2937" s="137"/>
      <c r="AD2937" s="137"/>
      <c r="AE2937" s="137"/>
      <c r="AF2937" s="137"/>
      <c r="AG2937" s="137"/>
      <c r="AH2937" s="137"/>
      <c r="AI2937" s="137"/>
      <c r="AJ2937" s="137"/>
      <c r="AK2937" s="137"/>
      <c r="AL2937" s="137"/>
      <c r="AM2937" s="137"/>
      <c r="AN2937" s="137"/>
      <c r="AO2937" s="137"/>
      <c r="AP2937" s="137"/>
      <c r="AQ2937" s="137"/>
      <c r="AR2937" s="137"/>
      <c r="AS2937" s="137"/>
      <c r="AT2937" s="137"/>
      <c r="AU2937" s="137"/>
      <c r="AV2937" s="137"/>
      <c r="AW2937" s="144"/>
    </row>
    <row r="2938" spans="7:49" x14ac:dyDescent="0.2">
      <c r="G2938" s="43"/>
      <c r="Z2938" s="143"/>
      <c r="AA2938" s="137"/>
      <c r="AB2938" s="137"/>
      <c r="AC2938" s="137"/>
      <c r="AD2938" s="137"/>
      <c r="AE2938" s="137"/>
      <c r="AF2938" s="137"/>
      <c r="AG2938" s="137"/>
      <c r="AH2938" s="137"/>
      <c r="AI2938" s="137"/>
      <c r="AJ2938" s="137"/>
      <c r="AK2938" s="137"/>
      <c r="AL2938" s="137"/>
      <c r="AM2938" s="137"/>
      <c r="AN2938" s="137"/>
      <c r="AO2938" s="137"/>
      <c r="AP2938" s="137"/>
      <c r="AQ2938" s="137"/>
      <c r="AR2938" s="137"/>
      <c r="AS2938" s="137"/>
      <c r="AT2938" s="137"/>
      <c r="AU2938" s="137"/>
      <c r="AV2938" s="137"/>
      <c r="AW2938" s="144"/>
    </row>
    <row r="2939" spans="7:49" x14ac:dyDescent="0.2">
      <c r="G2939" s="43"/>
      <c r="Z2939" s="143"/>
      <c r="AA2939" s="137"/>
      <c r="AB2939" s="137"/>
      <c r="AC2939" s="137"/>
      <c r="AD2939" s="137"/>
      <c r="AE2939" s="137"/>
      <c r="AF2939" s="137"/>
      <c r="AG2939" s="137"/>
      <c r="AH2939" s="137"/>
      <c r="AI2939" s="137"/>
      <c r="AJ2939" s="137"/>
      <c r="AK2939" s="137"/>
      <c r="AL2939" s="137"/>
      <c r="AM2939" s="137"/>
      <c r="AN2939" s="137"/>
      <c r="AO2939" s="137"/>
      <c r="AP2939" s="137"/>
      <c r="AQ2939" s="137"/>
      <c r="AR2939" s="137"/>
      <c r="AS2939" s="137"/>
      <c r="AT2939" s="137"/>
      <c r="AU2939" s="137"/>
      <c r="AV2939" s="137"/>
      <c r="AW2939" s="144"/>
    </row>
    <row r="2940" spans="7:49" x14ac:dyDescent="0.2">
      <c r="G2940" s="43"/>
      <c r="Z2940" s="143"/>
      <c r="AA2940" s="137"/>
      <c r="AB2940" s="137"/>
      <c r="AC2940" s="137"/>
      <c r="AD2940" s="137"/>
      <c r="AE2940" s="137"/>
      <c r="AF2940" s="137"/>
      <c r="AG2940" s="137"/>
      <c r="AH2940" s="137"/>
      <c r="AI2940" s="137"/>
      <c r="AJ2940" s="137"/>
      <c r="AK2940" s="137"/>
      <c r="AL2940" s="137"/>
      <c r="AM2940" s="137"/>
      <c r="AN2940" s="137"/>
      <c r="AO2940" s="137"/>
      <c r="AP2940" s="137"/>
      <c r="AQ2940" s="137"/>
      <c r="AR2940" s="137"/>
      <c r="AS2940" s="137"/>
      <c r="AT2940" s="137"/>
      <c r="AU2940" s="137"/>
      <c r="AV2940" s="137"/>
      <c r="AW2940" s="144"/>
    </row>
    <row r="2941" spans="7:49" x14ac:dyDescent="0.2">
      <c r="G2941" s="43"/>
      <c r="Z2941" s="143"/>
      <c r="AA2941" s="137"/>
      <c r="AB2941" s="137"/>
      <c r="AC2941" s="137"/>
      <c r="AD2941" s="137"/>
      <c r="AE2941" s="137"/>
      <c r="AF2941" s="137"/>
      <c r="AG2941" s="137"/>
      <c r="AH2941" s="137"/>
      <c r="AI2941" s="137"/>
      <c r="AJ2941" s="137"/>
      <c r="AK2941" s="137"/>
      <c r="AL2941" s="137"/>
      <c r="AM2941" s="137"/>
      <c r="AN2941" s="137"/>
      <c r="AO2941" s="137"/>
      <c r="AP2941" s="137"/>
      <c r="AQ2941" s="137"/>
      <c r="AR2941" s="137"/>
      <c r="AS2941" s="137"/>
      <c r="AT2941" s="137"/>
      <c r="AU2941" s="137"/>
      <c r="AV2941" s="137"/>
      <c r="AW2941" s="144"/>
    </row>
    <row r="2942" spans="7:49" x14ac:dyDescent="0.2">
      <c r="G2942" s="43"/>
      <c r="Z2942" s="143"/>
      <c r="AA2942" s="137"/>
      <c r="AB2942" s="137"/>
      <c r="AC2942" s="137"/>
      <c r="AD2942" s="137"/>
      <c r="AE2942" s="137"/>
      <c r="AF2942" s="137"/>
      <c r="AG2942" s="137"/>
      <c r="AH2942" s="137"/>
      <c r="AI2942" s="137"/>
      <c r="AJ2942" s="137"/>
      <c r="AK2942" s="137"/>
      <c r="AL2942" s="137"/>
      <c r="AM2942" s="137"/>
      <c r="AN2942" s="137"/>
      <c r="AO2942" s="137"/>
      <c r="AP2942" s="137"/>
      <c r="AQ2942" s="137"/>
      <c r="AR2942" s="137"/>
      <c r="AS2942" s="137"/>
      <c r="AT2942" s="137"/>
      <c r="AU2942" s="137"/>
      <c r="AV2942" s="137"/>
      <c r="AW2942" s="144"/>
    </row>
    <row r="2943" spans="7:49" x14ac:dyDescent="0.2">
      <c r="G2943" s="43"/>
      <c r="Z2943" s="143"/>
      <c r="AA2943" s="137"/>
      <c r="AB2943" s="137"/>
      <c r="AC2943" s="137"/>
      <c r="AD2943" s="137"/>
      <c r="AE2943" s="137"/>
      <c r="AF2943" s="137"/>
      <c r="AG2943" s="137"/>
      <c r="AH2943" s="137"/>
      <c r="AI2943" s="137"/>
      <c r="AJ2943" s="137"/>
      <c r="AK2943" s="137"/>
      <c r="AL2943" s="137"/>
      <c r="AM2943" s="137"/>
      <c r="AN2943" s="137"/>
      <c r="AO2943" s="137"/>
      <c r="AP2943" s="137"/>
      <c r="AQ2943" s="137"/>
      <c r="AR2943" s="137"/>
      <c r="AS2943" s="137"/>
      <c r="AT2943" s="137"/>
      <c r="AU2943" s="137"/>
      <c r="AV2943" s="137"/>
      <c r="AW2943" s="144"/>
    </row>
    <row r="2944" spans="7:49" x14ac:dyDescent="0.2">
      <c r="G2944" s="43"/>
      <c r="Z2944" s="143"/>
      <c r="AA2944" s="137"/>
      <c r="AB2944" s="137"/>
      <c r="AC2944" s="137"/>
      <c r="AD2944" s="137"/>
      <c r="AE2944" s="137"/>
      <c r="AF2944" s="137"/>
      <c r="AG2944" s="137"/>
      <c r="AH2944" s="137"/>
      <c r="AI2944" s="137"/>
      <c r="AJ2944" s="137"/>
      <c r="AK2944" s="137"/>
      <c r="AL2944" s="137"/>
      <c r="AM2944" s="137"/>
      <c r="AN2944" s="137"/>
      <c r="AO2944" s="137"/>
      <c r="AP2944" s="137"/>
      <c r="AQ2944" s="137"/>
      <c r="AR2944" s="137"/>
      <c r="AS2944" s="137"/>
      <c r="AT2944" s="137"/>
      <c r="AU2944" s="137"/>
      <c r="AV2944" s="137"/>
      <c r="AW2944" s="144"/>
    </row>
    <row r="2945" spans="7:49" x14ac:dyDescent="0.2">
      <c r="G2945" s="43"/>
      <c r="Z2945" s="143"/>
      <c r="AA2945" s="137"/>
      <c r="AB2945" s="137"/>
      <c r="AC2945" s="137"/>
      <c r="AD2945" s="137"/>
      <c r="AE2945" s="137"/>
      <c r="AF2945" s="137"/>
      <c r="AG2945" s="137"/>
      <c r="AH2945" s="137"/>
      <c r="AI2945" s="137"/>
      <c r="AJ2945" s="137"/>
      <c r="AK2945" s="137"/>
      <c r="AL2945" s="137"/>
      <c r="AM2945" s="137"/>
      <c r="AN2945" s="137"/>
      <c r="AO2945" s="137"/>
      <c r="AP2945" s="137"/>
      <c r="AQ2945" s="137"/>
      <c r="AR2945" s="137"/>
      <c r="AS2945" s="137"/>
      <c r="AT2945" s="137"/>
      <c r="AU2945" s="137"/>
      <c r="AV2945" s="137"/>
      <c r="AW2945" s="144"/>
    </row>
    <row r="2946" spans="7:49" x14ac:dyDescent="0.2">
      <c r="G2946" s="43"/>
      <c r="Z2946" s="143"/>
      <c r="AA2946" s="137"/>
      <c r="AB2946" s="137"/>
      <c r="AC2946" s="137"/>
      <c r="AD2946" s="137"/>
      <c r="AE2946" s="137"/>
      <c r="AF2946" s="137"/>
      <c r="AG2946" s="137"/>
      <c r="AH2946" s="137"/>
      <c r="AI2946" s="137"/>
      <c r="AJ2946" s="137"/>
      <c r="AK2946" s="137"/>
      <c r="AL2946" s="137"/>
      <c r="AM2946" s="137"/>
      <c r="AN2946" s="137"/>
      <c r="AO2946" s="137"/>
      <c r="AP2946" s="137"/>
      <c r="AQ2946" s="137"/>
      <c r="AR2946" s="137"/>
      <c r="AS2946" s="137"/>
      <c r="AT2946" s="137"/>
      <c r="AU2946" s="137"/>
      <c r="AV2946" s="137"/>
      <c r="AW2946" s="144"/>
    </row>
    <row r="2947" spans="7:49" x14ac:dyDescent="0.2">
      <c r="G2947" s="43"/>
      <c r="Z2947" s="143"/>
      <c r="AA2947" s="137"/>
      <c r="AB2947" s="137"/>
      <c r="AC2947" s="137"/>
      <c r="AD2947" s="137"/>
      <c r="AE2947" s="137"/>
      <c r="AF2947" s="137"/>
      <c r="AG2947" s="137"/>
      <c r="AH2947" s="137"/>
      <c r="AI2947" s="137"/>
      <c r="AJ2947" s="137"/>
      <c r="AK2947" s="137"/>
      <c r="AL2947" s="137"/>
      <c r="AM2947" s="137"/>
      <c r="AN2947" s="137"/>
      <c r="AO2947" s="137"/>
      <c r="AP2947" s="137"/>
      <c r="AQ2947" s="137"/>
      <c r="AR2947" s="137"/>
      <c r="AS2947" s="137"/>
      <c r="AT2947" s="137"/>
      <c r="AU2947" s="137"/>
      <c r="AV2947" s="137"/>
      <c r="AW2947" s="144"/>
    </row>
    <row r="2948" spans="7:49" x14ac:dyDescent="0.2">
      <c r="G2948" s="43"/>
      <c r="Z2948" s="143"/>
      <c r="AA2948" s="137"/>
      <c r="AB2948" s="137"/>
      <c r="AC2948" s="137"/>
      <c r="AD2948" s="137"/>
      <c r="AE2948" s="137"/>
      <c r="AF2948" s="137"/>
      <c r="AG2948" s="137"/>
      <c r="AH2948" s="137"/>
      <c r="AI2948" s="137"/>
      <c r="AJ2948" s="137"/>
      <c r="AK2948" s="137"/>
      <c r="AL2948" s="137"/>
      <c r="AM2948" s="137"/>
      <c r="AN2948" s="137"/>
      <c r="AO2948" s="137"/>
      <c r="AP2948" s="137"/>
      <c r="AQ2948" s="137"/>
      <c r="AR2948" s="137"/>
      <c r="AS2948" s="137"/>
      <c r="AT2948" s="137"/>
      <c r="AU2948" s="137"/>
      <c r="AV2948" s="137"/>
      <c r="AW2948" s="144"/>
    </row>
    <row r="2949" spans="7:49" x14ac:dyDescent="0.2">
      <c r="G2949" s="43"/>
      <c r="Z2949" s="143"/>
      <c r="AA2949" s="137"/>
      <c r="AB2949" s="137"/>
      <c r="AC2949" s="137"/>
      <c r="AD2949" s="137"/>
      <c r="AE2949" s="137"/>
      <c r="AF2949" s="137"/>
      <c r="AG2949" s="137"/>
      <c r="AH2949" s="137"/>
      <c r="AI2949" s="137"/>
      <c r="AJ2949" s="137"/>
      <c r="AK2949" s="137"/>
      <c r="AL2949" s="137"/>
      <c r="AM2949" s="137"/>
      <c r="AN2949" s="137"/>
      <c r="AO2949" s="137"/>
      <c r="AP2949" s="137"/>
      <c r="AQ2949" s="137"/>
      <c r="AR2949" s="137"/>
      <c r="AS2949" s="137"/>
      <c r="AT2949" s="137"/>
      <c r="AU2949" s="137"/>
      <c r="AV2949" s="137"/>
      <c r="AW2949" s="144"/>
    </row>
    <row r="2950" spans="7:49" x14ac:dyDescent="0.2">
      <c r="G2950" s="43"/>
      <c r="Z2950" s="143"/>
      <c r="AA2950" s="137"/>
      <c r="AB2950" s="137"/>
      <c r="AC2950" s="137"/>
      <c r="AD2950" s="137"/>
      <c r="AE2950" s="137"/>
      <c r="AF2950" s="137"/>
      <c r="AG2950" s="137"/>
      <c r="AH2950" s="137"/>
      <c r="AI2950" s="137"/>
      <c r="AJ2950" s="137"/>
      <c r="AK2950" s="137"/>
      <c r="AL2950" s="137"/>
      <c r="AM2950" s="137"/>
      <c r="AN2950" s="137"/>
      <c r="AO2950" s="137"/>
      <c r="AP2950" s="137"/>
      <c r="AQ2950" s="137"/>
      <c r="AR2950" s="137"/>
      <c r="AS2950" s="137"/>
      <c r="AT2950" s="137"/>
      <c r="AU2950" s="137"/>
      <c r="AV2950" s="137"/>
      <c r="AW2950" s="144"/>
    </row>
    <row r="2951" spans="7:49" x14ac:dyDescent="0.2">
      <c r="G2951" s="43"/>
      <c r="Z2951" s="143"/>
      <c r="AA2951" s="137"/>
      <c r="AB2951" s="137"/>
      <c r="AC2951" s="137"/>
      <c r="AD2951" s="137"/>
      <c r="AE2951" s="137"/>
      <c r="AF2951" s="137"/>
      <c r="AG2951" s="137"/>
      <c r="AH2951" s="137"/>
      <c r="AI2951" s="137"/>
      <c r="AJ2951" s="137"/>
      <c r="AK2951" s="137"/>
      <c r="AL2951" s="137"/>
      <c r="AM2951" s="137"/>
      <c r="AN2951" s="137"/>
      <c r="AO2951" s="137"/>
      <c r="AP2951" s="137"/>
      <c r="AQ2951" s="137"/>
      <c r="AR2951" s="137"/>
      <c r="AS2951" s="137"/>
      <c r="AT2951" s="137"/>
      <c r="AU2951" s="137"/>
      <c r="AV2951" s="137"/>
      <c r="AW2951" s="144"/>
    </row>
    <row r="2952" spans="7:49" x14ac:dyDescent="0.2">
      <c r="G2952" s="43"/>
      <c r="Z2952" s="143"/>
      <c r="AA2952" s="137"/>
      <c r="AB2952" s="137"/>
      <c r="AC2952" s="137"/>
      <c r="AD2952" s="137"/>
      <c r="AE2952" s="137"/>
      <c r="AF2952" s="137"/>
      <c r="AG2952" s="137"/>
      <c r="AH2952" s="137"/>
      <c r="AI2952" s="137"/>
      <c r="AJ2952" s="137"/>
      <c r="AK2952" s="137"/>
      <c r="AL2952" s="137"/>
      <c r="AM2952" s="137"/>
      <c r="AN2952" s="137"/>
      <c r="AO2952" s="137"/>
      <c r="AP2952" s="137"/>
      <c r="AQ2952" s="137"/>
      <c r="AR2952" s="137"/>
      <c r="AS2952" s="137"/>
      <c r="AT2952" s="137"/>
      <c r="AU2952" s="137"/>
      <c r="AV2952" s="137"/>
      <c r="AW2952" s="144"/>
    </row>
    <row r="2953" spans="7:49" x14ac:dyDescent="0.2">
      <c r="G2953" s="43"/>
      <c r="Z2953" s="143"/>
      <c r="AA2953" s="137"/>
      <c r="AB2953" s="137"/>
      <c r="AC2953" s="137"/>
      <c r="AD2953" s="137"/>
      <c r="AE2953" s="137"/>
      <c r="AF2953" s="137"/>
      <c r="AG2953" s="137"/>
      <c r="AH2953" s="137"/>
      <c r="AI2953" s="137"/>
      <c r="AJ2953" s="137"/>
      <c r="AK2953" s="137"/>
      <c r="AL2953" s="137"/>
      <c r="AM2953" s="137"/>
      <c r="AN2953" s="137"/>
      <c r="AO2953" s="137"/>
      <c r="AP2953" s="137"/>
      <c r="AQ2953" s="137"/>
      <c r="AR2953" s="137"/>
      <c r="AS2953" s="137"/>
      <c r="AT2953" s="137"/>
      <c r="AU2953" s="137"/>
      <c r="AV2953" s="137"/>
      <c r="AW2953" s="144"/>
    </row>
    <row r="2954" spans="7:49" x14ac:dyDescent="0.2">
      <c r="G2954" s="43"/>
      <c r="Z2954" s="143"/>
      <c r="AA2954" s="137"/>
      <c r="AB2954" s="137"/>
      <c r="AC2954" s="137"/>
      <c r="AD2954" s="137"/>
      <c r="AE2954" s="137"/>
      <c r="AF2954" s="137"/>
      <c r="AG2954" s="137"/>
      <c r="AH2954" s="137"/>
      <c r="AI2954" s="137"/>
      <c r="AJ2954" s="137"/>
      <c r="AK2954" s="137"/>
      <c r="AL2954" s="137"/>
      <c r="AM2954" s="137"/>
      <c r="AN2954" s="137"/>
      <c r="AO2954" s="137"/>
      <c r="AP2954" s="137"/>
      <c r="AQ2954" s="137"/>
      <c r="AR2954" s="137"/>
      <c r="AS2954" s="137"/>
      <c r="AT2954" s="137"/>
      <c r="AU2954" s="137"/>
      <c r="AV2954" s="137"/>
      <c r="AW2954" s="144"/>
    </row>
    <row r="2955" spans="7:49" x14ac:dyDescent="0.2">
      <c r="G2955" s="43"/>
      <c r="Z2955" s="143"/>
      <c r="AA2955" s="137"/>
      <c r="AB2955" s="137"/>
      <c r="AC2955" s="137"/>
      <c r="AD2955" s="137"/>
      <c r="AE2955" s="137"/>
      <c r="AF2955" s="137"/>
      <c r="AG2955" s="137"/>
      <c r="AH2955" s="137"/>
      <c r="AI2955" s="137"/>
      <c r="AJ2955" s="137"/>
      <c r="AK2955" s="137"/>
      <c r="AL2955" s="137"/>
      <c r="AM2955" s="137"/>
      <c r="AN2955" s="137"/>
      <c r="AO2955" s="137"/>
      <c r="AP2955" s="137"/>
      <c r="AQ2955" s="137"/>
      <c r="AR2955" s="137"/>
      <c r="AS2955" s="137"/>
      <c r="AT2955" s="137"/>
      <c r="AU2955" s="137"/>
      <c r="AV2955" s="137"/>
      <c r="AW2955" s="144"/>
    </row>
    <row r="2956" spans="7:49" x14ac:dyDescent="0.2">
      <c r="G2956" s="43"/>
      <c r="Z2956" s="143"/>
      <c r="AA2956" s="137"/>
      <c r="AB2956" s="137"/>
      <c r="AC2956" s="137"/>
      <c r="AD2956" s="137"/>
      <c r="AE2956" s="137"/>
      <c r="AF2956" s="137"/>
      <c r="AG2956" s="137"/>
      <c r="AH2956" s="137"/>
      <c r="AI2956" s="137"/>
      <c r="AJ2956" s="137"/>
      <c r="AK2956" s="137"/>
      <c r="AL2956" s="137"/>
      <c r="AM2956" s="137"/>
      <c r="AN2956" s="137"/>
      <c r="AO2956" s="137"/>
      <c r="AP2956" s="137"/>
      <c r="AQ2956" s="137"/>
      <c r="AR2956" s="137"/>
      <c r="AS2956" s="137"/>
      <c r="AT2956" s="137"/>
      <c r="AU2956" s="137"/>
      <c r="AV2956" s="137"/>
      <c r="AW2956" s="144"/>
    </row>
    <row r="2957" spans="7:49" x14ac:dyDescent="0.2">
      <c r="G2957" s="43"/>
      <c r="Z2957" s="143"/>
      <c r="AA2957" s="137"/>
      <c r="AB2957" s="137"/>
      <c r="AC2957" s="137"/>
      <c r="AD2957" s="137"/>
      <c r="AE2957" s="137"/>
      <c r="AF2957" s="137"/>
      <c r="AG2957" s="137"/>
      <c r="AH2957" s="137"/>
      <c r="AI2957" s="137"/>
      <c r="AJ2957" s="137"/>
      <c r="AK2957" s="137"/>
      <c r="AL2957" s="137"/>
      <c r="AM2957" s="137"/>
      <c r="AN2957" s="137"/>
      <c r="AO2957" s="137"/>
      <c r="AP2957" s="137"/>
      <c r="AQ2957" s="137"/>
      <c r="AR2957" s="137"/>
      <c r="AS2957" s="137"/>
      <c r="AT2957" s="137"/>
      <c r="AU2957" s="137"/>
      <c r="AV2957" s="137"/>
      <c r="AW2957" s="144"/>
    </row>
    <row r="2958" spans="7:49" x14ac:dyDescent="0.2">
      <c r="G2958" s="43"/>
      <c r="Z2958" s="143"/>
      <c r="AA2958" s="137"/>
      <c r="AB2958" s="137"/>
      <c r="AC2958" s="137"/>
      <c r="AD2958" s="137"/>
      <c r="AE2958" s="137"/>
      <c r="AF2958" s="137"/>
      <c r="AG2958" s="137"/>
      <c r="AH2958" s="137"/>
      <c r="AI2958" s="137"/>
      <c r="AJ2958" s="137"/>
      <c r="AK2958" s="137"/>
      <c r="AL2958" s="137"/>
      <c r="AM2958" s="137"/>
      <c r="AN2958" s="137"/>
      <c r="AO2958" s="137"/>
      <c r="AP2958" s="137"/>
      <c r="AQ2958" s="137"/>
      <c r="AR2958" s="137"/>
      <c r="AS2958" s="137"/>
      <c r="AT2958" s="137"/>
      <c r="AU2958" s="137"/>
      <c r="AV2958" s="137"/>
      <c r="AW2958" s="144"/>
    </row>
    <row r="2959" spans="7:49" x14ac:dyDescent="0.2">
      <c r="G2959" s="43"/>
      <c r="Z2959" s="143"/>
      <c r="AA2959" s="137"/>
      <c r="AB2959" s="137"/>
      <c r="AC2959" s="137"/>
      <c r="AD2959" s="137"/>
      <c r="AE2959" s="137"/>
      <c r="AF2959" s="137"/>
      <c r="AG2959" s="137"/>
      <c r="AH2959" s="137"/>
      <c r="AI2959" s="137"/>
      <c r="AJ2959" s="137"/>
      <c r="AK2959" s="137"/>
      <c r="AL2959" s="137"/>
      <c r="AM2959" s="137"/>
      <c r="AN2959" s="137"/>
      <c r="AO2959" s="137"/>
      <c r="AP2959" s="137"/>
      <c r="AQ2959" s="137"/>
      <c r="AR2959" s="137"/>
      <c r="AS2959" s="137"/>
      <c r="AT2959" s="137"/>
      <c r="AU2959" s="137"/>
      <c r="AV2959" s="137"/>
      <c r="AW2959" s="144"/>
    </row>
    <row r="2960" spans="7:49" x14ac:dyDescent="0.2">
      <c r="G2960" s="43"/>
      <c r="Z2960" s="143"/>
      <c r="AA2960" s="137"/>
      <c r="AB2960" s="137"/>
      <c r="AC2960" s="137"/>
      <c r="AD2960" s="137"/>
      <c r="AE2960" s="137"/>
      <c r="AF2960" s="137"/>
      <c r="AG2960" s="137"/>
      <c r="AH2960" s="137"/>
      <c r="AI2960" s="137"/>
      <c r="AJ2960" s="137"/>
      <c r="AK2960" s="137"/>
      <c r="AL2960" s="137"/>
      <c r="AM2960" s="137"/>
      <c r="AN2960" s="137"/>
      <c r="AO2960" s="137"/>
      <c r="AP2960" s="137"/>
      <c r="AQ2960" s="137"/>
      <c r="AR2960" s="137"/>
      <c r="AS2960" s="137"/>
      <c r="AT2960" s="137"/>
      <c r="AU2960" s="137"/>
      <c r="AV2960" s="137"/>
      <c r="AW2960" s="144"/>
    </row>
    <row r="2961" spans="7:49" x14ac:dyDescent="0.2">
      <c r="G2961" s="43"/>
      <c r="Z2961" s="143"/>
      <c r="AA2961" s="137"/>
      <c r="AB2961" s="137"/>
      <c r="AC2961" s="137"/>
      <c r="AD2961" s="137"/>
      <c r="AE2961" s="137"/>
      <c r="AF2961" s="137"/>
      <c r="AG2961" s="137"/>
      <c r="AH2961" s="137"/>
      <c r="AI2961" s="137"/>
      <c r="AJ2961" s="137"/>
      <c r="AK2961" s="137"/>
      <c r="AL2961" s="137"/>
      <c r="AM2961" s="137"/>
      <c r="AN2961" s="137"/>
      <c r="AO2961" s="137"/>
      <c r="AP2961" s="137"/>
      <c r="AQ2961" s="137"/>
      <c r="AR2961" s="137"/>
      <c r="AS2961" s="137"/>
      <c r="AT2961" s="137"/>
      <c r="AU2961" s="137"/>
      <c r="AV2961" s="137"/>
      <c r="AW2961" s="144"/>
    </row>
    <row r="2962" spans="7:49" x14ac:dyDescent="0.2">
      <c r="G2962" s="43"/>
      <c r="Z2962" s="143"/>
      <c r="AA2962" s="137"/>
      <c r="AB2962" s="137"/>
      <c r="AC2962" s="137"/>
      <c r="AD2962" s="137"/>
      <c r="AE2962" s="137"/>
      <c r="AF2962" s="137"/>
      <c r="AG2962" s="137"/>
      <c r="AH2962" s="137"/>
      <c r="AI2962" s="137"/>
      <c r="AJ2962" s="137"/>
      <c r="AK2962" s="137"/>
      <c r="AL2962" s="137"/>
      <c r="AM2962" s="137"/>
      <c r="AN2962" s="137"/>
      <c r="AO2962" s="137"/>
      <c r="AP2962" s="137"/>
      <c r="AQ2962" s="137"/>
      <c r="AR2962" s="137"/>
      <c r="AS2962" s="137"/>
      <c r="AT2962" s="137"/>
      <c r="AU2962" s="137"/>
      <c r="AV2962" s="137"/>
      <c r="AW2962" s="144"/>
    </row>
    <row r="2963" spans="7:49" x14ac:dyDescent="0.2">
      <c r="G2963" s="43"/>
      <c r="Z2963" s="143"/>
      <c r="AA2963" s="137"/>
      <c r="AB2963" s="137"/>
      <c r="AC2963" s="137"/>
      <c r="AD2963" s="137"/>
      <c r="AE2963" s="137"/>
      <c r="AF2963" s="137"/>
      <c r="AG2963" s="137"/>
      <c r="AH2963" s="137"/>
      <c r="AI2963" s="137"/>
      <c r="AJ2963" s="137"/>
      <c r="AK2963" s="137"/>
      <c r="AL2963" s="137"/>
      <c r="AM2963" s="137"/>
      <c r="AN2963" s="137"/>
      <c r="AO2963" s="137"/>
      <c r="AP2963" s="137"/>
      <c r="AQ2963" s="137"/>
      <c r="AR2963" s="137"/>
      <c r="AS2963" s="137"/>
      <c r="AT2963" s="137"/>
      <c r="AU2963" s="137"/>
      <c r="AV2963" s="137"/>
      <c r="AW2963" s="144"/>
    </row>
    <row r="2964" spans="7:49" x14ac:dyDescent="0.2">
      <c r="G2964" s="43"/>
      <c r="Z2964" s="143"/>
      <c r="AA2964" s="137"/>
      <c r="AB2964" s="137"/>
      <c r="AC2964" s="137"/>
      <c r="AD2964" s="137"/>
      <c r="AE2964" s="137"/>
      <c r="AF2964" s="137"/>
      <c r="AG2964" s="137"/>
      <c r="AH2964" s="137"/>
      <c r="AI2964" s="137"/>
      <c r="AJ2964" s="137"/>
      <c r="AK2964" s="137"/>
      <c r="AL2964" s="137"/>
      <c r="AM2964" s="137"/>
      <c r="AN2964" s="137"/>
      <c r="AO2964" s="137"/>
      <c r="AP2964" s="137"/>
      <c r="AQ2964" s="137"/>
      <c r="AR2964" s="137"/>
      <c r="AS2964" s="137"/>
      <c r="AT2964" s="137"/>
      <c r="AU2964" s="137"/>
      <c r="AV2964" s="137"/>
      <c r="AW2964" s="144"/>
    </row>
    <row r="2965" spans="7:49" x14ac:dyDescent="0.2">
      <c r="G2965" s="43"/>
      <c r="Z2965" s="143"/>
      <c r="AA2965" s="137"/>
      <c r="AB2965" s="137"/>
      <c r="AC2965" s="137"/>
      <c r="AD2965" s="137"/>
      <c r="AE2965" s="137"/>
      <c r="AF2965" s="137"/>
      <c r="AG2965" s="137"/>
      <c r="AH2965" s="137"/>
      <c r="AI2965" s="137"/>
      <c r="AJ2965" s="137"/>
      <c r="AK2965" s="137"/>
      <c r="AL2965" s="137"/>
      <c r="AM2965" s="137"/>
      <c r="AN2965" s="137"/>
      <c r="AO2965" s="137"/>
      <c r="AP2965" s="137"/>
      <c r="AQ2965" s="137"/>
      <c r="AR2965" s="137"/>
      <c r="AS2965" s="137"/>
      <c r="AT2965" s="137"/>
      <c r="AU2965" s="137"/>
      <c r="AV2965" s="137"/>
      <c r="AW2965" s="144"/>
    </row>
    <row r="2966" spans="7:49" x14ac:dyDescent="0.2">
      <c r="G2966" s="43"/>
      <c r="Z2966" s="143"/>
      <c r="AA2966" s="137"/>
      <c r="AB2966" s="137"/>
      <c r="AC2966" s="137"/>
      <c r="AD2966" s="137"/>
      <c r="AE2966" s="137"/>
      <c r="AF2966" s="137"/>
      <c r="AG2966" s="137"/>
      <c r="AH2966" s="137"/>
      <c r="AI2966" s="137"/>
      <c r="AJ2966" s="137"/>
      <c r="AK2966" s="137"/>
      <c r="AL2966" s="137"/>
      <c r="AM2966" s="137"/>
      <c r="AN2966" s="137"/>
      <c r="AO2966" s="137"/>
      <c r="AP2966" s="137"/>
      <c r="AQ2966" s="137"/>
      <c r="AR2966" s="137"/>
      <c r="AS2966" s="137"/>
      <c r="AT2966" s="137"/>
      <c r="AU2966" s="137"/>
      <c r="AV2966" s="137"/>
      <c r="AW2966" s="144"/>
    </row>
    <row r="2967" spans="7:49" x14ac:dyDescent="0.2">
      <c r="G2967" s="43"/>
      <c r="Z2967" s="143"/>
      <c r="AA2967" s="137"/>
      <c r="AB2967" s="137"/>
      <c r="AC2967" s="137"/>
      <c r="AD2967" s="137"/>
      <c r="AE2967" s="137"/>
      <c r="AF2967" s="137"/>
      <c r="AG2967" s="137"/>
      <c r="AH2967" s="137"/>
      <c r="AI2967" s="137"/>
      <c r="AJ2967" s="137"/>
      <c r="AK2967" s="137"/>
      <c r="AL2967" s="137"/>
      <c r="AM2967" s="137"/>
      <c r="AN2967" s="137"/>
      <c r="AO2967" s="137"/>
      <c r="AP2967" s="137"/>
      <c r="AQ2967" s="137"/>
      <c r="AR2967" s="137"/>
      <c r="AS2967" s="137"/>
      <c r="AT2967" s="137"/>
      <c r="AU2967" s="137"/>
      <c r="AV2967" s="137"/>
      <c r="AW2967" s="144"/>
    </row>
    <row r="2968" spans="7:49" x14ac:dyDescent="0.2">
      <c r="G2968" s="43"/>
      <c r="Z2968" s="143"/>
      <c r="AA2968" s="137"/>
      <c r="AB2968" s="137"/>
      <c r="AC2968" s="137"/>
      <c r="AD2968" s="137"/>
      <c r="AE2968" s="137"/>
      <c r="AF2968" s="137"/>
      <c r="AG2968" s="137"/>
      <c r="AH2968" s="137"/>
      <c r="AI2968" s="137"/>
      <c r="AJ2968" s="137"/>
      <c r="AK2968" s="137"/>
      <c r="AL2968" s="137"/>
      <c r="AM2968" s="137"/>
      <c r="AN2968" s="137"/>
      <c r="AO2968" s="137"/>
      <c r="AP2968" s="137"/>
      <c r="AQ2968" s="137"/>
      <c r="AR2968" s="137"/>
      <c r="AS2968" s="137"/>
      <c r="AT2968" s="137"/>
      <c r="AU2968" s="137"/>
      <c r="AV2968" s="137"/>
      <c r="AW2968" s="144"/>
    </row>
    <row r="2969" spans="7:49" x14ac:dyDescent="0.2">
      <c r="G2969" s="43"/>
      <c r="Z2969" s="143"/>
      <c r="AA2969" s="137"/>
      <c r="AB2969" s="137"/>
      <c r="AC2969" s="137"/>
      <c r="AD2969" s="137"/>
      <c r="AE2969" s="137"/>
      <c r="AF2969" s="137"/>
      <c r="AG2969" s="137"/>
      <c r="AH2969" s="137"/>
      <c r="AI2969" s="137"/>
      <c r="AJ2969" s="137"/>
      <c r="AK2969" s="137"/>
      <c r="AL2969" s="137"/>
      <c r="AM2969" s="137"/>
      <c r="AN2969" s="137"/>
      <c r="AO2969" s="137"/>
      <c r="AP2969" s="137"/>
      <c r="AQ2969" s="137"/>
      <c r="AR2969" s="137"/>
      <c r="AS2969" s="137"/>
      <c r="AT2969" s="137"/>
      <c r="AU2969" s="137"/>
      <c r="AV2969" s="137"/>
      <c r="AW2969" s="144"/>
    </row>
    <row r="2970" spans="7:49" x14ac:dyDescent="0.2">
      <c r="G2970" s="43"/>
      <c r="Z2970" s="143"/>
      <c r="AA2970" s="137"/>
      <c r="AB2970" s="137"/>
      <c r="AC2970" s="137"/>
      <c r="AD2970" s="137"/>
      <c r="AE2970" s="137"/>
      <c r="AF2970" s="137"/>
      <c r="AG2970" s="137"/>
      <c r="AH2970" s="137"/>
      <c r="AI2970" s="137"/>
      <c r="AJ2970" s="137"/>
      <c r="AK2970" s="137"/>
      <c r="AL2970" s="137"/>
      <c r="AM2970" s="137"/>
      <c r="AN2970" s="137"/>
      <c r="AO2970" s="137"/>
      <c r="AP2970" s="137"/>
      <c r="AQ2970" s="137"/>
      <c r="AR2970" s="137"/>
      <c r="AS2970" s="137"/>
      <c r="AT2970" s="137"/>
      <c r="AU2970" s="137"/>
      <c r="AV2970" s="137"/>
      <c r="AW2970" s="144"/>
    </row>
    <row r="2971" spans="7:49" x14ac:dyDescent="0.2">
      <c r="G2971" s="43"/>
      <c r="Z2971" s="143"/>
      <c r="AA2971" s="137"/>
      <c r="AB2971" s="137"/>
      <c r="AC2971" s="137"/>
      <c r="AD2971" s="137"/>
      <c r="AE2971" s="137"/>
      <c r="AF2971" s="137"/>
      <c r="AG2971" s="137"/>
      <c r="AH2971" s="137"/>
      <c r="AI2971" s="137"/>
      <c r="AJ2971" s="137"/>
      <c r="AK2971" s="137"/>
      <c r="AL2971" s="137"/>
      <c r="AM2971" s="137"/>
      <c r="AN2971" s="137"/>
      <c r="AO2971" s="137"/>
      <c r="AP2971" s="137"/>
      <c r="AQ2971" s="137"/>
      <c r="AR2971" s="137"/>
      <c r="AS2971" s="137"/>
      <c r="AT2971" s="137"/>
      <c r="AU2971" s="137"/>
      <c r="AV2971" s="137"/>
      <c r="AW2971" s="144"/>
    </row>
    <row r="2972" spans="7:49" x14ac:dyDescent="0.2">
      <c r="G2972" s="43"/>
      <c r="Z2972" s="143"/>
      <c r="AA2972" s="137"/>
      <c r="AB2972" s="137"/>
      <c r="AC2972" s="137"/>
      <c r="AD2972" s="137"/>
      <c r="AE2972" s="137"/>
      <c r="AF2972" s="137"/>
      <c r="AG2972" s="137"/>
      <c r="AH2972" s="137"/>
      <c r="AI2972" s="137"/>
      <c r="AJ2972" s="137"/>
      <c r="AK2972" s="137"/>
      <c r="AL2972" s="137"/>
      <c r="AM2972" s="137"/>
      <c r="AN2972" s="137"/>
      <c r="AO2972" s="137"/>
      <c r="AP2972" s="137"/>
      <c r="AQ2972" s="137"/>
      <c r="AR2972" s="137"/>
      <c r="AS2972" s="137"/>
      <c r="AT2972" s="137"/>
      <c r="AU2972" s="137"/>
      <c r="AV2972" s="137"/>
      <c r="AW2972" s="144"/>
    </row>
    <row r="2973" spans="7:49" x14ac:dyDescent="0.2">
      <c r="G2973" s="43"/>
      <c r="Z2973" s="143"/>
      <c r="AA2973" s="137"/>
      <c r="AB2973" s="137"/>
      <c r="AC2973" s="137"/>
      <c r="AD2973" s="137"/>
      <c r="AE2973" s="137"/>
      <c r="AF2973" s="137"/>
      <c r="AG2973" s="137"/>
      <c r="AH2973" s="137"/>
      <c r="AI2973" s="137"/>
      <c r="AJ2973" s="137"/>
      <c r="AK2973" s="137"/>
      <c r="AL2973" s="137"/>
      <c r="AM2973" s="137"/>
      <c r="AN2973" s="137"/>
      <c r="AO2973" s="137"/>
      <c r="AP2973" s="137"/>
      <c r="AQ2973" s="137"/>
      <c r="AR2973" s="137"/>
      <c r="AS2973" s="137"/>
      <c r="AT2973" s="137"/>
      <c r="AU2973" s="137"/>
      <c r="AV2973" s="137"/>
      <c r="AW2973" s="144"/>
    </row>
    <row r="2974" spans="7:49" x14ac:dyDescent="0.2">
      <c r="G2974" s="43"/>
      <c r="Z2974" s="143"/>
      <c r="AA2974" s="137"/>
      <c r="AB2974" s="137"/>
      <c r="AC2974" s="137"/>
      <c r="AD2974" s="137"/>
      <c r="AE2974" s="137"/>
      <c r="AF2974" s="137"/>
      <c r="AG2974" s="137"/>
      <c r="AH2974" s="137"/>
      <c r="AI2974" s="137"/>
      <c r="AJ2974" s="137"/>
      <c r="AK2974" s="137"/>
      <c r="AL2974" s="137"/>
      <c r="AM2974" s="137"/>
      <c r="AN2974" s="137"/>
      <c r="AO2974" s="137"/>
      <c r="AP2974" s="137"/>
      <c r="AQ2974" s="137"/>
      <c r="AR2974" s="137"/>
      <c r="AS2974" s="137"/>
      <c r="AT2974" s="137"/>
      <c r="AU2974" s="137"/>
      <c r="AV2974" s="137"/>
      <c r="AW2974" s="144"/>
    </row>
    <row r="2975" spans="7:49" x14ac:dyDescent="0.2">
      <c r="G2975" s="43"/>
      <c r="Z2975" s="143"/>
      <c r="AA2975" s="137"/>
      <c r="AB2975" s="137"/>
      <c r="AC2975" s="137"/>
      <c r="AD2975" s="137"/>
      <c r="AE2975" s="137"/>
      <c r="AF2975" s="137"/>
      <c r="AG2975" s="137"/>
      <c r="AH2975" s="137"/>
      <c r="AI2975" s="137"/>
      <c r="AJ2975" s="137"/>
      <c r="AK2975" s="137"/>
      <c r="AL2975" s="137"/>
      <c r="AM2975" s="137"/>
      <c r="AN2975" s="137"/>
      <c r="AO2975" s="137"/>
      <c r="AP2975" s="137"/>
      <c r="AQ2975" s="137"/>
      <c r="AR2975" s="137"/>
      <c r="AS2975" s="137"/>
      <c r="AT2975" s="137"/>
      <c r="AU2975" s="137"/>
      <c r="AV2975" s="137"/>
      <c r="AW2975" s="144"/>
    </row>
    <row r="2976" spans="7:49" x14ac:dyDescent="0.2">
      <c r="G2976" s="43"/>
      <c r="Z2976" s="143"/>
      <c r="AA2976" s="137"/>
      <c r="AB2976" s="137"/>
      <c r="AC2976" s="137"/>
      <c r="AD2976" s="137"/>
      <c r="AE2976" s="137"/>
      <c r="AF2976" s="137"/>
      <c r="AG2976" s="137"/>
      <c r="AH2976" s="137"/>
      <c r="AI2976" s="137"/>
      <c r="AJ2976" s="137"/>
      <c r="AK2976" s="137"/>
      <c r="AL2976" s="137"/>
      <c r="AM2976" s="137"/>
      <c r="AN2976" s="137"/>
      <c r="AO2976" s="137"/>
      <c r="AP2976" s="137"/>
      <c r="AQ2976" s="137"/>
      <c r="AR2976" s="137"/>
      <c r="AS2976" s="137"/>
      <c r="AT2976" s="137"/>
      <c r="AU2976" s="137"/>
      <c r="AV2976" s="137"/>
      <c r="AW2976" s="144"/>
    </row>
    <row r="2977" spans="7:49" x14ac:dyDescent="0.2">
      <c r="G2977" s="43"/>
      <c r="Z2977" s="143"/>
      <c r="AA2977" s="137"/>
      <c r="AB2977" s="137"/>
      <c r="AC2977" s="137"/>
      <c r="AD2977" s="137"/>
      <c r="AE2977" s="137"/>
      <c r="AF2977" s="137"/>
      <c r="AG2977" s="137"/>
      <c r="AH2977" s="137"/>
      <c r="AI2977" s="137"/>
      <c r="AJ2977" s="137"/>
      <c r="AK2977" s="137"/>
      <c r="AL2977" s="137"/>
      <c r="AM2977" s="137"/>
      <c r="AN2977" s="137"/>
      <c r="AO2977" s="137"/>
      <c r="AP2977" s="137"/>
      <c r="AQ2977" s="137"/>
      <c r="AR2977" s="137"/>
      <c r="AS2977" s="137"/>
      <c r="AT2977" s="137"/>
      <c r="AU2977" s="137"/>
      <c r="AV2977" s="137"/>
      <c r="AW2977" s="144"/>
    </row>
    <row r="2978" spans="7:49" x14ac:dyDescent="0.2">
      <c r="G2978" s="43"/>
      <c r="Z2978" s="143"/>
      <c r="AA2978" s="137"/>
      <c r="AB2978" s="137"/>
      <c r="AC2978" s="137"/>
      <c r="AD2978" s="137"/>
      <c r="AE2978" s="137"/>
      <c r="AF2978" s="137"/>
      <c r="AG2978" s="137"/>
      <c r="AH2978" s="137"/>
      <c r="AI2978" s="137"/>
      <c r="AJ2978" s="137"/>
      <c r="AK2978" s="137"/>
      <c r="AL2978" s="137"/>
      <c r="AM2978" s="137"/>
      <c r="AN2978" s="137"/>
      <c r="AO2978" s="137"/>
      <c r="AP2978" s="137"/>
      <c r="AQ2978" s="137"/>
      <c r="AR2978" s="137"/>
      <c r="AS2978" s="137"/>
      <c r="AT2978" s="137"/>
      <c r="AU2978" s="137"/>
      <c r="AV2978" s="137"/>
      <c r="AW2978" s="144"/>
    </row>
    <row r="2979" spans="7:49" x14ac:dyDescent="0.2">
      <c r="G2979" s="43"/>
      <c r="Z2979" s="143"/>
      <c r="AA2979" s="137"/>
      <c r="AB2979" s="137"/>
      <c r="AC2979" s="137"/>
      <c r="AD2979" s="137"/>
      <c r="AE2979" s="137"/>
      <c r="AF2979" s="137"/>
      <c r="AG2979" s="137"/>
      <c r="AH2979" s="137"/>
      <c r="AI2979" s="137"/>
      <c r="AJ2979" s="137"/>
      <c r="AK2979" s="137"/>
      <c r="AL2979" s="137"/>
      <c r="AM2979" s="137"/>
      <c r="AN2979" s="137"/>
      <c r="AO2979" s="137"/>
      <c r="AP2979" s="137"/>
      <c r="AQ2979" s="137"/>
      <c r="AR2979" s="137"/>
      <c r="AS2979" s="137"/>
      <c r="AT2979" s="137"/>
      <c r="AU2979" s="137"/>
      <c r="AV2979" s="137"/>
      <c r="AW2979" s="144"/>
    </row>
    <row r="2980" spans="7:49" x14ac:dyDescent="0.2">
      <c r="G2980" s="43"/>
      <c r="Z2980" s="143"/>
      <c r="AA2980" s="137"/>
      <c r="AB2980" s="137"/>
      <c r="AC2980" s="137"/>
      <c r="AD2980" s="137"/>
      <c r="AE2980" s="137"/>
      <c r="AF2980" s="137"/>
      <c r="AG2980" s="137"/>
      <c r="AH2980" s="137"/>
      <c r="AI2980" s="137"/>
      <c r="AJ2980" s="137"/>
      <c r="AK2980" s="137"/>
      <c r="AL2980" s="137"/>
      <c r="AM2980" s="137"/>
      <c r="AN2980" s="137"/>
      <c r="AO2980" s="137"/>
      <c r="AP2980" s="137"/>
      <c r="AQ2980" s="137"/>
      <c r="AR2980" s="137"/>
      <c r="AS2980" s="137"/>
      <c r="AT2980" s="137"/>
      <c r="AU2980" s="137"/>
      <c r="AV2980" s="137"/>
      <c r="AW2980" s="144"/>
    </row>
    <row r="2981" spans="7:49" x14ac:dyDescent="0.2">
      <c r="G2981" s="43"/>
      <c r="Z2981" s="143"/>
      <c r="AA2981" s="137"/>
      <c r="AB2981" s="137"/>
      <c r="AC2981" s="137"/>
      <c r="AD2981" s="137"/>
      <c r="AE2981" s="137"/>
      <c r="AF2981" s="137"/>
      <c r="AG2981" s="137"/>
      <c r="AH2981" s="137"/>
      <c r="AI2981" s="137"/>
      <c r="AJ2981" s="137"/>
      <c r="AK2981" s="137"/>
      <c r="AL2981" s="137"/>
      <c r="AM2981" s="137"/>
      <c r="AN2981" s="137"/>
      <c r="AO2981" s="137"/>
      <c r="AP2981" s="137"/>
      <c r="AQ2981" s="137"/>
      <c r="AR2981" s="137"/>
      <c r="AS2981" s="137"/>
      <c r="AT2981" s="137"/>
      <c r="AU2981" s="137"/>
      <c r="AV2981" s="137"/>
      <c r="AW2981" s="144"/>
    </row>
    <row r="2982" spans="7:49" x14ac:dyDescent="0.2">
      <c r="G2982" s="43"/>
      <c r="Z2982" s="143"/>
      <c r="AA2982" s="137"/>
      <c r="AB2982" s="137"/>
      <c r="AC2982" s="137"/>
      <c r="AD2982" s="137"/>
      <c r="AE2982" s="137"/>
      <c r="AF2982" s="137"/>
      <c r="AG2982" s="137"/>
      <c r="AH2982" s="137"/>
      <c r="AI2982" s="137"/>
      <c r="AJ2982" s="137"/>
      <c r="AK2982" s="137"/>
      <c r="AL2982" s="137"/>
      <c r="AM2982" s="137"/>
      <c r="AN2982" s="137"/>
      <c r="AO2982" s="137"/>
      <c r="AP2982" s="137"/>
      <c r="AQ2982" s="137"/>
      <c r="AR2982" s="137"/>
      <c r="AS2982" s="137"/>
      <c r="AT2982" s="137"/>
      <c r="AU2982" s="137"/>
      <c r="AV2982" s="137"/>
      <c r="AW2982" s="144"/>
    </row>
    <row r="2983" spans="7:49" x14ac:dyDescent="0.2">
      <c r="G2983" s="43"/>
      <c r="Z2983" s="143"/>
      <c r="AA2983" s="137"/>
      <c r="AB2983" s="137"/>
      <c r="AC2983" s="137"/>
      <c r="AD2983" s="137"/>
      <c r="AE2983" s="137"/>
      <c r="AF2983" s="137"/>
      <c r="AG2983" s="137"/>
      <c r="AH2983" s="137"/>
      <c r="AI2983" s="137"/>
      <c r="AJ2983" s="137"/>
      <c r="AK2983" s="137"/>
      <c r="AL2983" s="137"/>
      <c r="AM2983" s="137"/>
      <c r="AN2983" s="137"/>
      <c r="AO2983" s="137"/>
      <c r="AP2983" s="137"/>
      <c r="AQ2983" s="137"/>
      <c r="AR2983" s="137"/>
      <c r="AS2983" s="137"/>
      <c r="AT2983" s="137"/>
      <c r="AU2983" s="137"/>
      <c r="AV2983" s="137"/>
      <c r="AW2983" s="144"/>
    </row>
    <row r="2984" spans="7:49" x14ac:dyDescent="0.2">
      <c r="G2984" s="43"/>
      <c r="Z2984" s="143"/>
      <c r="AA2984" s="137"/>
      <c r="AB2984" s="137"/>
      <c r="AC2984" s="137"/>
      <c r="AD2984" s="137"/>
      <c r="AE2984" s="137"/>
      <c r="AF2984" s="137"/>
      <c r="AG2984" s="137"/>
      <c r="AH2984" s="137"/>
      <c r="AI2984" s="137"/>
      <c r="AJ2984" s="137"/>
      <c r="AK2984" s="137"/>
      <c r="AL2984" s="137"/>
      <c r="AM2984" s="137"/>
      <c r="AN2984" s="137"/>
      <c r="AO2984" s="137"/>
      <c r="AP2984" s="137"/>
      <c r="AQ2984" s="137"/>
      <c r="AR2984" s="137"/>
      <c r="AS2984" s="137"/>
      <c r="AT2984" s="137"/>
      <c r="AU2984" s="137"/>
      <c r="AV2984" s="137"/>
      <c r="AW2984" s="144"/>
    </row>
    <row r="2985" spans="7:49" x14ac:dyDescent="0.2">
      <c r="G2985" s="43"/>
      <c r="Z2985" s="143"/>
      <c r="AA2985" s="137"/>
      <c r="AB2985" s="137"/>
      <c r="AC2985" s="137"/>
      <c r="AD2985" s="137"/>
      <c r="AE2985" s="137"/>
      <c r="AF2985" s="137"/>
      <c r="AG2985" s="137"/>
      <c r="AH2985" s="137"/>
      <c r="AI2985" s="137"/>
      <c r="AJ2985" s="137"/>
      <c r="AK2985" s="137"/>
      <c r="AL2985" s="137"/>
      <c r="AM2985" s="137"/>
      <c r="AN2985" s="137"/>
      <c r="AO2985" s="137"/>
      <c r="AP2985" s="137"/>
      <c r="AQ2985" s="137"/>
      <c r="AR2985" s="137"/>
      <c r="AS2985" s="137"/>
      <c r="AT2985" s="137"/>
      <c r="AU2985" s="137"/>
      <c r="AV2985" s="137"/>
      <c r="AW2985" s="144"/>
    </row>
    <row r="2986" spans="7:49" x14ac:dyDescent="0.2">
      <c r="G2986" s="43"/>
      <c r="Z2986" s="143"/>
      <c r="AA2986" s="137"/>
      <c r="AB2986" s="137"/>
      <c r="AC2986" s="137"/>
      <c r="AD2986" s="137"/>
      <c r="AE2986" s="137"/>
      <c r="AF2986" s="137"/>
      <c r="AG2986" s="137"/>
      <c r="AH2986" s="137"/>
      <c r="AI2986" s="137"/>
      <c r="AJ2986" s="137"/>
      <c r="AK2986" s="137"/>
      <c r="AL2986" s="137"/>
      <c r="AM2986" s="137"/>
      <c r="AN2986" s="137"/>
      <c r="AO2986" s="137"/>
      <c r="AP2986" s="137"/>
      <c r="AQ2986" s="137"/>
      <c r="AR2986" s="137"/>
      <c r="AS2986" s="137"/>
      <c r="AT2986" s="137"/>
      <c r="AU2986" s="137"/>
      <c r="AV2986" s="137"/>
      <c r="AW2986" s="144"/>
    </row>
    <row r="2987" spans="7:49" x14ac:dyDescent="0.2">
      <c r="G2987" s="43"/>
      <c r="Z2987" s="143"/>
      <c r="AA2987" s="137"/>
      <c r="AB2987" s="137"/>
      <c r="AC2987" s="137"/>
      <c r="AD2987" s="137"/>
      <c r="AE2987" s="137"/>
      <c r="AF2987" s="137"/>
      <c r="AG2987" s="137"/>
      <c r="AH2987" s="137"/>
      <c r="AI2987" s="137"/>
      <c r="AJ2987" s="137"/>
      <c r="AK2987" s="137"/>
      <c r="AL2987" s="137"/>
      <c r="AM2987" s="137"/>
      <c r="AN2987" s="137"/>
      <c r="AO2987" s="137"/>
      <c r="AP2987" s="137"/>
      <c r="AQ2987" s="137"/>
      <c r="AR2987" s="137"/>
      <c r="AS2987" s="137"/>
      <c r="AT2987" s="137"/>
      <c r="AU2987" s="137"/>
      <c r="AV2987" s="137"/>
      <c r="AW2987" s="144"/>
    </row>
    <row r="2988" spans="7:49" x14ac:dyDescent="0.2">
      <c r="G2988" s="43"/>
      <c r="Z2988" s="143"/>
      <c r="AA2988" s="137"/>
      <c r="AB2988" s="137"/>
      <c r="AC2988" s="137"/>
      <c r="AD2988" s="137"/>
      <c r="AE2988" s="137"/>
      <c r="AF2988" s="137"/>
      <c r="AG2988" s="137"/>
      <c r="AH2988" s="137"/>
      <c r="AI2988" s="137"/>
      <c r="AJ2988" s="137"/>
      <c r="AK2988" s="137"/>
      <c r="AL2988" s="137"/>
      <c r="AM2988" s="137"/>
      <c r="AN2988" s="137"/>
      <c r="AO2988" s="137"/>
      <c r="AP2988" s="137"/>
      <c r="AQ2988" s="137"/>
      <c r="AR2988" s="137"/>
      <c r="AS2988" s="137"/>
      <c r="AT2988" s="137"/>
      <c r="AU2988" s="137"/>
      <c r="AV2988" s="137"/>
      <c r="AW2988" s="144"/>
    </row>
    <row r="2989" spans="7:49" x14ac:dyDescent="0.2">
      <c r="G2989" s="43"/>
      <c r="Z2989" s="143"/>
      <c r="AA2989" s="137"/>
      <c r="AB2989" s="137"/>
      <c r="AC2989" s="137"/>
      <c r="AD2989" s="137"/>
      <c r="AE2989" s="137"/>
      <c r="AF2989" s="137"/>
      <c r="AG2989" s="137"/>
      <c r="AH2989" s="137"/>
      <c r="AI2989" s="137"/>
      <c r="AJ2989" s="137"/>
      <c r="AK2989" s="137"/>
      <c r="AL2989" s="137"/>
      <c r="AM2989" s="137"/>
      <c r="AN2989" s="137"/>
      <c r="AO2989" s="137"/>
      <c r="AP2989" s="137"/>
      <c r="AQ2989" s="137"/>
      <c r="AR2989" s="137"/>
      <c r="AS2989" s="137"/>
      <c r="AT2989" s="137"/>
      <c r="AU2989" s="137"/>
      <c r="AV2989" s="137"/>
      <c r="AW2989" s="144"/>
    </row>
    <row r="2990" spans="7:49" x14ac:dyDescent="0.2">
      <c r="G2990" s="43"/>
      <c r="Z2990" s="143"/>
      <c r="AA2990" s="137"/>
      <c r="AB2990" s="137"/>
      <c r="AC2990" s="137"/>
      <c r="AD2990" s="137"/>
      <c r="AE2990" s="137"/>
      <c r="AF2990" s="137"/>
      <c r="AG2990" s="137"/>
      <c r="AH2990" s="137"/>
      <c r="AI2990" s="137"/>
      <c r="AJ2990" s="137"/>
      <c r="AK2990" s="137"/>
      <c r="AL2990" s="137"/>
      <c r="AM2990" s="137"/>
      <c r="AN2990" s="137"/>
      <c r="AO2990" s="137"/>
      <c r="AP2990" s="137"/>
      <c r="AQ2990" s="137"/>
      <c r="AR2990" s="137"/>
      <c r="AS2990" s="137"/>
      <c r="AT2990" s="137"/>
      <c r="AU2990" s="137"/>
      <c r="AV2990" s="137"/>
      <c r="AW2990" s="144"/>
    </row>
    <row r="2991" spans="7:49" x14ac:dyDescent="0.2">
      <c r="G2991" s="43"/>
      <c r="Z2991" s="143"/>
      <c r="AA2991" s="137"/>
      <c r="AB2991" s="137"/>
      <c r="AC2991" s="137"/>
      <c r="AD2991" s="137"/>
      <c r="AE2991" s="137"/>
      <c r="AF2991" s="137"/>
      <c r="AG2991" s="137"/>
      <c r="AH2991" s="137"/>
      <c r="AI2991" s="137"/>
      <c r="AJ2991" s="137"/>
      <c r="AK2991" s="137"/>
      <c r="AL2991" s="137"/>
      <c r="AM2991" s="137"/>
      <c r="AN2991" s="137"/>
      <c r="AO2991" s="137"/>
      <c r="AP2991" s="137"/>
      <c r="AQ2991" s="137"/>
      <c r="AR2991" s="137"/>
      <c r="AS2991" s="137"/>
      <c r="AT2991" s="137"/>
      <c r="AU2991" s="137"/>
      <c r="AV2991" s="137"/>
      <c r="AW2991" s="144"/>
    </row>
    <row r="2992" spans="7:49" x14ac:dyDescent="0.2">
      <c r="G2992" s="43"/>
      <c r="Z2992" s="143"/>
      <c r="AA2992" s="137"/>
      <c r="AB2992" s="137"/>
      <c r="AC2992" s="137"/>
      <c r="AD2992" s="137"/>
      <c r="AE2992" s="137"/>
      <c r="AF2992" s="137"/>
      <c r="AG2992" s="137"/>
      <c r="AH2992" s="137"/>
      <c r="AI2992" s="137"/>
      <c r="AJ2992" s="137"/>
      <c r="AK2992" s="137"/>
      <c r="AL2992" s="137"/>
      <c r="AM2992" s="137"/>
      <c r="AN2992" s="137"/>
      <c r="AO2992" s="137"/>
      <c r="AP2992" s="137"/>
      <c r="AQ2992" s="137"/>
      <c r="AR2992" s="137"/>
      <c r="AS2992" s="137"/>
      <c r="AT2992" s="137"/>
      <c r="AU2992" s="137"/>
      <c r="AV2992" s="137"/>
      <c r="AW2992" s="144"/>
    </row>
    <row r="2993" spans="7:49" x14ac:dyDescent="0.2">
      <c r="G2993" s="43"/>
      <c r="Z2993" s="143"/>
      <c r="AA2993" s="137"/>
      <c r="AB2993" s="137"/>
      <c r="AC2993" s="137"/>
      <c r="AD2993" s="137"/>
      <c r="AE2993" s="137"/>
      <c r="AF2993" s="137"/>
      <c r="AG2993" s="137"/>
      <c r="AH2993" s="137"/>
      <c r="AI2993" s="137"/>
      <c r="AJ2993" s="137"/>
      <c r="AK2993" s="137"/>
      <c r="AL2993" s="137"/>
      <c r="AM2993" s="137"/>
      <c r="AN2993" s="137"/>
      <c r="AO2993" s="137"/>
      <c r="AP2993" s="137"/>
      <c r="AQ2993" s="137"/>
      <c r="AR2993" s="137"/>
      <c r="AS2993" s="137"/>
      <c r="AT2993" s="137"/>
      <c r="AU2993" s="137"/>
      <c r="AV2993" s="137"/>
      <c r="AW2993" s="144"/>
    </row>
    <row r="2994" spans="7:49" x14ac:dyDescent="0.2">
      <c r="G2994" s="43"/>
      <c r="Z2994" s="143"/>
      <c r="AA2994" s="137"/>
      <c r="AB2994" s="137"/>
      <c r="AC2994" s="137"/>
      <c r="AD2994" s="137"/>
      <c r="AE2994" s="137"/>
      <c r="AF2994" s="137"/>
      <c r="AG2994" s="137"/>
      <c r="AH2994" s="137"/>
      <c r="AI2994" s="137"/>
      <c r="AJ2994" s="137"/>
      <c r="AK2994" s="137"/>
      <c r="AL2994" s="137"/>
      <c r="AM2994" s="137"/>
      <c r="AN2994" s="137"/>
      <c r="AO2994" s="137"/>
      <c r="AP2994" s="137"/>
      <c r="AQ2994" s="137"/>
      <c r="AR2994" s="137"/>
      <c r="AS2994" s="137"/>
      <c r="AT2994" s="137"/>
      <c r="AU2994" s="137"/>
      <c r="AV2994" s="137"/>
      <c r="AW2994" s="144"/>
    </row>
    <row r="2995" spans="7:49" x14ac:dyDescent="0.2">
      <c r="G2995" s="43"/>
      <c r="Z2995" s="143"/>
      <c r="AA2995" s="137"/>
      <c r="AB2995" s="137"/>
      <c r="AC2995" s="137"/>
      <c r="AD2995" s="137"/>
      <c r="AE2995" s="137"/>
      <c r="AF2995" s="137"/>
      <c r="AG2995" s="137"/>
      <c r="AH2995" s="137"/>
      <c r="AI2995" s="137"/>
      <c r="AJ2995" s="137"/>
      <c r="AK2995" s="137"/>
      <c r="AL2995" s="137"/>
      <c r="AM2995" s="137"/>
      <c r="AN2995" s="137"/>
      <c r="AO2995" s="137"/>
      <c r="AP2995" s="137"/>
      <c r="AQ2995" s="137"/>
      <c r="AR2995" s="137"/>
      <c r="AS2995" s="137"/>
      <c r="AT2995" s="137"/>
      <c r="AU2995" s="137"/>
      <c r="AV2995" s="137"/>
      <c r="AW2995" s="144"/>
    </row>
    <row r="2996" spans="7:49" x14ac:dyDescent="0.2">
      <c r="G2996" s="43"/>
      <c r="Z2996" s="143"/>
      <c r="AA2996" s="137"/>
      <c r="AB2996" s="137"/>
      <c r="AC2996" s="137"/>
      <c r="AD2996" s="137"/>
      <c r="AE2996" s="137"/>
      <c r="AF2996" s="137"/>
      <c r="AG2996" s="137"/>
      <c r="AH2996" s="137"/>
      <c r="AI2996" s="137"/>
      <c r="AJ2996" s="137"/>
      <c r="AK2996" s="137"/>
      <c r="AL2996" s="137"/>
      <c r="AM2996" s="137"/>
      <c r="AN2996" s="137"/>
      <c r="AO2996" s="137"/>
      <c r="AP2996" s="137"/>
      <c r="AQ2996" s="137"/>
      <c r="AR2996" s="137"/>
      <c r="AS2996" s="137"/>
      <c r="AT2996" s="137"/>
      <c r="AU2996" s="137"/>
      <c r="AV2996" s="137"/>
      <c r="AW2996" s="144"/>
    </row>
    <row r="2997" spans="7:49" x14ac:dyDescent="0.2">
      <c r="G2997" s="43"/>
      <c r="Z2997" s="143"/>
      <c r="AA2997" s="137"/>
      <c r="AB2997" s="137"/>
      <c r="AC2997" s="137"/>
      <c r="AD2997" s="137"/>
      <c r="AE2997" s="137"/>
      <c r="AF2997" s="137"/>
      <c r="AG2997" s="137"/>
      <c r="AH2997" s="137"/>
      <c r="AI2997" s="137"/>
      <c r="AJ2997" s="137"/>
      <c r="AK2997" s="137"/>
      <c r="AL2997" s="137"/>
      <c r="AM2997" s="137"/>
      <c r="AN2997" s="137"/>
      <c r="AO2997" s="137"/>
      <c r="AP2997" s="137"/>
      <c r="AQ2997" s="137"/>
      <c r="AR2997" s="137"/>
      <c r="AS2997" s="137"/>
      <c r="AT2997" s="137"/>
      <c r="AU2997" s="137"/>
      <c r="AV2997" s="137"/>
      <c r="AW2997" s="144"/>
    </row>
    <row r="2998" spans="7:49" x14ac:dyDescent="0.2">
      <c r="G2998" s="43"/>
      <c r="Z2998" s="143"/>
      <c r="AA2998" s="137"/>
      <c r="AB2998" s="137"/>
      <c r="AC2998" s="137"/>
      <c r="AD2998" s="137"/>
      <c r="AE2998" s="137"/>
      <c r="AF2998" s="137"/>
      <c r="AG2998" s="137"/>
      <c r="AH2998" s="137"/>
      <c r="AI2998" s="137"/>
      <c r="AJ2998" s="137"/>
      <c r="AK2998" s="137"/>
      <c r="AL2998" s="137"/>
      <c r="AM2998" s="137"/>
      <c r="AN2998" s="137"/>
      <c r="AO2998" s="137"/>
      <c r="AP2998" s="137"/>
      <c r="AQ2998" s="137"/>
      <c r="AR2998" s="137"/>
      <c r="AS2998" s="137"/>
      <c r="AT2998" s="137"/>
      <c r="AU2998" s="137"/>
      <c r="AV2998" s="137"/>
      <c r="AW2998" s="144"/>
    </row>
    <row r="2999" spans="7:49" x14ac:dyDescent="0.2">
      <c r="G2999" s="43"/>
      <c r="Z2999" s="143"/>
      <c r="AA2999" s="137"/>
      <c r="AB2999" s="137"/>
      <c r="AC2999" s="137"/>
      <c r="AD2999" s="137"/>
      <c r="AE2999" s="137"/>
      <c r="AF2999" s="137"/>
      <c r="AG2999" s="137"/>
      <c r="AH2999" s="137"/>
      <c r="AI2999" s="137"/>
      <c r="AJ2999" s="137"/>
      <c r="AK2999" s="137"/>
      <c r="AL2999" s="137"/>
      <c r="AM2999" s="137"/>
      <c r="AN2999" s="137"/>
      <c r="AO2999" s="137"/>
      <c r="AP2999" s="137"/>
      <c r="AQ2999" s="137"/>
      <c r="AR2999" s="137"/>
      <c r="AS2999" s="137"/>
      <c r="AT2999" s="137"/>
      <c r="AU2999" s="137"/>
      <c r="AV2999" s="137"/>
      <c r="AW2999" s="144"/>
    </row>
    <row r="3000" spans="7:49" x14ac:dyDescent="0.2">
      <c r="G3000" s="43"/>
      <c r="Z3000" s="143"/>
      <c r="AA3000" s="137"/>
      <c r="AB3000" s="137"/>
      <c r="AC3000" s="137"/>
      <c r="AD3000" s="137"/>
      <c r="AE3000" s="137"/>
      <c r="AF3000" s="137"/>
      <c r="AG3000" s="137"/>
      <c r="AH3000" s="137"/>
      <c r="AI3000" s="137"/>
      <c r="AJ3000" s="137"/>
      <c r="AK3000" s="137"/>
      <c r="AL3000" s="137"/>
      <c r="AM3000" s="137"/>
      <c r="AN3000" s="137"/>
      <c r="AO3000" s="137"/>
      <c r="AP3000" s="137"/>
      <c r="AQ3000" s="137"/>
      <c r="AR3000" s="137"/>
      <c r="AS3000" s="137"/>
      <c r="AT3000" s="137"/>
      <c r="AU3000" s="137"/>
      <c r="AV3000" s="137"/>
      <c r="AW3000" s="144"/>
    </row>
    <row r="3001" spans="7:49" x14ac:dyDescent="0.2">
      <c r="G3001" s="43"/>
      <c r="Z3001" s="143"/>
      <c r="AA3001" s="137"/>
      <c r="AB3001" s="137"/>
      <c r="AC3001" s="137"/>
      <c r="AD3001" s="137"/>
      <c r="AE3001" s="137"/>
      <c r="AF3001" s="137"/>
      <c r="AG3001" s="137"/>
      <c r="AH3001" s="137"/>
      <c r="AI3001" s="137"/>
      <c r="AJ3001" s="137"/>
      <c r="AK3001" s="137"/>
      <c r="AL3001" s="137"/>
      <c r="AM3001" s="137"/>
      <c r="AN3001" s="137"/>
      <c r="AO3001" s="137"/>
      <c r="AP3001" s="137"/>
      <c r="AQ3001" s="137"/>
      <c r="AR3001" s="137"/>
      <c r="AS3001" s="137"/>
      <c r="AT3001" s="137"/>
      <c r="AU3001" s="137"/>
      <c r="AV3001" s="137"/>
      <c r="AW3001" s="144"/>
    </row>
    <row r="3002" spans="7:49" x14ac:dyDescent="0.2">
      <c r="G3002" s="43"/>
      <c r="Z3002" s="143"/>
      <c r="AA3002" s="137"/>
      <c r="AB3002" s="137"/>
      <c r="AC3002" s="137"/>
      <c r="AD3002" s="137"/>
      <c r="AE3002" s="137"/>
      <c r="AF3002" s="137"/>
      <c r="AG3002" s="137"/>
      <c r="AH3002" s="137"/>
      <c r="AI3002" s="137"/>
      <c r="AJ3002" s="137"/>
      <c r="AK3002" s="137"/>
      <c r="AL3002" s="137"/>
      <c r="AM3002" s="137"/>
      <c r="AN3002" s="137"/>
      <c r="AO3002" s="137"/>
      <c r="AP3002" s="137"/>
      <c r="AQ3002" s="137"/>
      <c r="AR3002" s="137"/>
      <c r="AS3002" s="137"/>
      <c r="AT3002" s="137"/>
      <c r="AU3002" s="137"/>
      <c r="AV3002" s="137"/>
      <c r="AW3002" s="144"/>
    </row>
    <row r="3003" spans="7:49" x14ac:dyDescent="0.2">
      <c r="G3003" s="43"/>
      <c r="Z3003" s="143"/>
      <c r="AA3003" s="137"/>
      <c r="AB3003" s="137"/>
      <c r="AC3003" s="137"/>
      <c r="AD3003" s="137"/>
      <c r="AE3003" s="137"/>
      <c r="AF3003" s="137"/>
      <c r="AG3003" s="137"/>
      <c r="AH3003" s="137"/>
      <c r="AI3003" s="137"/>
      <c r="AJ3003" s="137"/>
      <c r="AK3003" s="137"/>
      <c r="AL3003" s="137"/>
      <c r="AM3003" s="137"/>
      <c r="AN3003" s="137"/>
      <c r="AO3003" s="137"/>
      <c r="AP3003" s="137"/>
      <c r="AQ3003" s="137"/>
      <c r="AR3003" s="137"/>
      <c r="AS3003" s="137"/>
      <c r="AT3003" s="137"/>
      <c r="AU3003" s="137"/>
      <c r="AV3003" s="137"/>
      <c r="AW3003" s="144"/>
    </row>
    <row r="3004" spans="7:49" x14ac:dyDescent="0.2">
      <c r="G3004" s="43"/>
      <c r="Z3004" s="143"/>
      <c r="AA3004" s="137"/>
      <c r="AB3004" s="137"/>
      <c r="AC3004" s="137"/>
      <c r="AD3004" s="137"/>
      <c r="AE3004" s="137"/>
      <c r="AF3004" s="137"/>
      <c r="AG3004" s="137"/>
      <c r="AH3004" s="137"/>
      <c r="AI3004" s="137"/>
      <c r="AJ3004" s="137"/>
      <c r="AK3004" s="137"/>
      <c r="AL3004" s="137"/>
      <c r="AM3004" s="137"/>
      <c r="AN3004" s="137"/>
      <c r="AO3004" s="137"/>
      <c r="AP3004" s="137"/>
      <c r="AQ3004" s="137"/>
      <c r="AR3004" s="137"/>
      <c r="AS3004" s="137"/>
      <c r="AT3004" s="137"/>
      <c r="AU3004" s="137"/>
      <c r="AV3004" s="137"/>
      <c r="AW3004" s="144"/>
    </row>
    <row r="3005" spans="7:49" x14ac:dyDescent="0.2">
      <c r="G3005" s="43"/>
      <c r="Z3005" s="143"/>
      <c r="AA3005" s="137"/>
      <c r="AB3005" s="137"/>
      <c r="AC3005" s="137"/>
      <c r="AD3005" s="137"/>
      <c r="AE3005" s="137"/>
      <c r="AF3005" s="137"/>
      <c r="AG3005" s="137"/>
      <c r="AH3005" s="137"/>
      <c r="AI3005" s="137"/>
      <c r="AJ3005" s="137"/>
      <c r="AK3005" s="137"/>
      <c r="AL3005" s="137"/>
      <c r="AM3005" s="137"/>
      <c r="AN3005" s="137"/>
      <c r="AO3005" s="137"/>
      <c r="AP3005" s="137"/>
      <c r="AQ3005" s="137"/>
      <c r="AR3005" s="137"/>
      <c r="AS3005" s="137"/>
      <c r="AT3005" s="137"/>
      <c r="AU3005" s="137"/>
      <c r="AV3005" s="137"/>
      <c r="AW3005" s="144"/>
    </row>
    <row r="3006" spans="7:49" x14ac:dyDescent="0.2">
      <c r="G3006" s="43"/>
      <c r="Z3006" s="143"/>
      <c r="AA3006" s="137"/>
      <c r="AB3006" s="137"/>
      <c r="AC3006" s="137"/>
      <c r="AD3006" s="137"/>
      <c r="AE3006" s="137"/>
      <c r="AF3006" s="137"/>
      <c r="AG3006" s="137"/>
      <c r="AH3006" s="137"/>
      <c r="AI3006" s="137"/>
      <c r="AJ3006" s="137"/>
      <c r="AK3006" s="137"/>
      <c r="AL3006" s="137"/>
      <c r="AM3006" s="137"/>
      <c r="AN3006" s="137"/>
      <c r="AO3006" s="137"/>
      <c r="AP3006" s="137"/>
      <c r="AQ3006" s="137"/>
      <c r="AR3006" s="137"/>
      <c r="AS3006" s="137"/>
      <c r="AT3006" s="137"/>
      <c r="AU3006" s="137"/>
      <c r="AV3006" s="137"/>
      <c r="AW3006" s="144"/>
    </row>
    <row r="3007" spans="7:49" x14ac:dyDescent="0.2">
      <c r="G3007" s="43"/>
      <c r="Z3007" s="143"/>
      <c r="AA3007" s="137"/>
      <c r="AB3007" s="137"/>
      <c r="AC3007" s="137"/>
      <c r="AD3007" s="137"/>
      <c r="AE3007" s="137"/>
      <c r="AF3007" s="137"/>
      <c r="AG3007" s="137"/>
      <c r="AH3007" s="137"/>
      <c r="AI3007" s="137"/>
      <c r="AJ3007" s="137"/>
      <c r="AK3007" s="137"/>
      <c r="AL3007" s="137"/>
      <c r="AM3007" s="137"/>
      <c r="AN3007" s="137"/>
      <c r="AO3007" s="137"/>
      <c r="AP3007" s="137"/>
      <c r="AQ3007" s="137"/>
      <c r="AR3007" s="137"/>
      <c r="AS3007" s="137"/>
      <c r="AT3007" s="137"/>
      <c r="AU3007" s="137"/>
      <c r="AV3007" s="137"/>
      <c r="AW3007" s="144"/>
    </row>
    <row r="3008" spans="7:49" x14ac:dyDescent="0.2">
      <c r="G3008" s="43"/>
      <c r="Z3008" s="143"/>
      <c r="AA3008" s="137"/>
      <c r="AB3008" s="137"/>
      <c r="AC3008" s="137"/>
      <c r="AD3008" s="137"/>
      <c r="AE3008" s="137"/>
      <c r="AF3008" s="137"/>
      <c r="AG3008" s="137"/>
      <c r="AH3008" s="137"/>
      <c r="AI3008" s="137"/>
      <c r="AJ3008" s="137"/>
      <c r="AK3008" s="137"/>
      <c r="AL3008" s="137"/>
      <c r="AM3008" s="137"/>
      <c r="AN3008" s="137"/>
      <c r="AO3008" s="137"/>
      <c r="AP3008" s="137"/>
      <c r="AQ3008" s="137"/>
      <c r="AR3008" s="137"/>
      <c r="AS3008" s="137"/>
      <c r="AT3008" s="137"/>
      <c r="AU3008" s="137"/>
      <c r="AV3008" s="137"/>
      <c r="AW3008" s="144"/>
    </row>
    <row r="3009" spans="7:49" x14ac:dyDescent="0.2">
      <c r="G3009" s="43"/>
      <c r="Z3009" s="143"/>
      <c r="AA3009" s="137"/>
      <c r="AB3009" s="137"/>
      <c r="AC3009" s="137"/>
      <c r="AD3009" s="137"/>
      <c r="AE3009" s="137"/>
      <c r="AF3009" s="137"/>
      <c r="AG3009" s="137"/>
      <c r="AH3009" s="137"/>
      <c r="AI3009" s="137"/>
      <c r="AJ3009" s="137"/>
      <c r="AK3009" s="137"/>
      <c r="AL3009" s="137"/>
      <c r="AM3009" s="137"/>
      <c r="AN3009" s="137"/>
      <c r="AO3009" s="137"/>
      <c r="AP3009" s="137"/>
      <c r="AQ3009" s="137"/>
      <c r="AR3009" s="137"/>
      <c r="AS3009" s="137"/>
      <c r="AT3009" s="137"/>
      <c r="AU3009" s="137"/>
      <c r="AV3009" s="137"/>
      <c r="AW3009" s="144"/>
    </row>
    <row r="3010" spans="7:49" x14ac:dyDescent="0.2">
      <c r="G3010" s="43"/>
      <c r="Z3010" s="143"/>
      <c r="AA3010" s="137"/>
      <c r="AB3010" s="137"/>
      <c r="AC3010" s="137"/>
      <c r="AD3010" s="137"/>
      <c r="AE3010" s="137"/>
      <c r="AF3010" s="137"/>
      <c r="AG3010" s="137"/>
      <c r="AH3010" s="137"/>
      <c r="AI3010" s="137"/>
      <c r="AJ3010" s="137"/>
      <c r="AK3010" s="137"/>
      <c r="AL3010" s="137"/>
      <c r="AM3010" s="137"/>
      <c r="AN3010" s="137"/>
      <c r="AO3010" s="137"/>
      <c r="AP3010" s="137"/>
      <c r="AQ3010" s="137"/>
      <c r="AR3010" s="137"/>
      <c r="AS3010" s="137"/>
      <c r="AT3010" s="137"/>
      <c r="AU3010" s="137"/>
      <c r="AV3010" s="137"/>
      <c r="AW3010" s="144"/>
    </row>
    <row r="3011" spans="7:49" x14ac:dyDescent="0.2">
      <c r="G3011" s="43"/>
      <c r="Z3011" s="143"/>
      <c r="AA3011" s="137"/>
      <c r="AB3011" s="137"/>
      <c r="AC3011" s="137"/>
      <c r="AD3011" s="137"/>
      <c r="AE3011" s="137"/>
      <c r="AF3011" s="137"/>
      <c r="AG3011" s="137"/>
      <c r="AH3011" s="137"/>
      <c r="AI3011" s="137"/>
      <c r="AJ3011" s="137"/>
      <c r="AK3011" s="137"/>
      <c r="AL3011" s="137"/>
      <c r="AM3011" s="137"/>
      <c r="AN3011" s="137"/>
      <c r="AO3011" s="137"/>
      <c r="AP3011" s="137"/>
      <c r="AQ3011" s="137"/>
      <c r="AR3011" s="137"/>
      <c r="AS3011" s="137"/>
      <c r="AT3011" s="137"/>
      <c r="AU3011" s="137"/>
      <c r="AV3011" s="137"/>
      <c r="AW3011" s="144"/>
    </row>
    <row r="3012" spans="7:49" x14ac:dyDescent="0.2">
      <c r="G3012" s="43"/>
      <c r="Z3012" s="143"/>
      <c r="AA3012" s="137"/>
      <c r="AB3012" s="137"/>
      <c r="AC3012" s="137"/>
      <c r="AD3012" s="137"/>
      <c r="AE3012" s="137"/>
      <c r="AF3012" s="137"/>
      <c r="AG3012" s="137"/>
      <c r="AH3012" s="137"/>
      <c r="AI3012" s="137"/>
      <c r="AJ3012" s="137"/>
      <c r="AK3012" s="137"/>
      <c r="AL3012" s="137"/>
      <c r="AM3012" s="137"/>
      <c r="AN3012" s="137"/>
      <c r="AO3012" s="137"/>
      <c r="AP3012" s="137"/>
      <c r="AQ3012" s="137"/>
      <c r="AR3012" s="137"/>
      <c r="AS3012" s="137"/>
      <c r="AT3012" s="137"/>
      <c r="AU3012" s="137"/>
      <c r="AV3012" s="137"/>
      <c r="AW3012" s="144"/>
    </row>
    <row r="3013" spans="7:49" x14ac:dyDescent="0.2">
      <c r="G3013" s="43"/>
      <c r="Z3013" s="143"/>
      <c r="AA3013" s="137"/>
      <c r="AB3013" s="137"/>
      <c r="AC3013" s="137"/>
      <c r="AD3013" s="137"/>
      <c r="AE3013" s="137"/>
      <c r="AF3013" s="137"/>
      <c r="AG3013" s="137"/>
      <c r="AH3013" s="137"/>
      <c r="AI3013" s="137"/>
      <c r="AJ3013" s="137"/>
      <c r="AK3013" s="137"/>
      <c r="AL3013" s="137"/>
      <c r="AM3013" s="137"/>
      <c r="AN3013" s="137"/>
      <c r="AO3013" s="137"/>
      <c r="AP3013" s="137"/>
      <c r="AQ3013" s="137"/>
      <c r="AR3013" s="137"/>
      <c r="AS3013" s="137"/>
      <c r="AT3013" s="137"/>
      <c r="AU3013" s="137"/>
      <c r="AV3013" s="137"/>
      <c r="AW3013" s="144"/>
    </row>
    <row r="3014" spans="7:49" x14ac:dyDescent="0.2">
      <c r="G3014" s="43"/>
      <c r="Z3014" s="143"/>
      <c r="AA3014" s="137"/>
      <c r="AB3014" s="137"/>
      <c r="AC3014" s="137"/>
      <c r="AD3014" s="137"/>
      <c r="AE3014" s="137"/>
      <c r="AF3014" s="137"/>
      <c r="AG3014" s="137"/>
      <c r="AH3014" s="137"/>
      <c r="AI3014" s="137"/>
      <c r="AJ3014" s="137"/>
      <c r="AK3014" s="137"/>
      <c r="AL3014" s="137"/>
      <c r="AM3014" s="137"/>
      <c r="AN3014" s="137"/>
      <c r="AO3014" s="137"/>
      <c r="AP3014" s="137"/>
      <c r="AQ3014" s="137"/>
      <c r="AR3014" s="137"/>
      <c r="AS3014" s="137"/>
      <c r="AT3014" s="137"/>
      <c r="AU3014" s="137"/>
      <c r="AV3014" s="137"/>
      <c r="AW3014" s="144"/>
    </row>
    <row r="3015" spans="7:49" x14ac:dyDescent="0.2">
      <c r="G3015" s="43"/>
      <c r="Z3015" s="143"/>
      <c r="AA3015" s="137"/>
      <c r="AB3015" s="137"/>
      <c r="AC3015" s="137"/>
      <c r="AD3015" s="137"/>
      <c r="AE3015" s="137"/>
      <c r="AF3015" s="137"/>
      <c r="AG3015" s="137"/>
      <c r="AH3015" s="137"/>
      <c r="AI3015" s="137"/>
      <c r="AJ3015" s="137"/>
      <c r="AK3015" s="137"/>
      <c r="AL3015" s="137"/>
      <c r="AM3015" s="137"/>
      <c r="AN3015" s="137"/>
      <c r="AO3015" s="137"/>
      <c r="AP3015" s="137"/>
      <c r="AQ3015" s="137"/>
      <c r="AR3015" s="137"/>
      <c r="AS3015" s="137"/>
      <c r="AT3015" s="137"/>
      <c r="AU3015" s="137"/>
      <c r="AV3015" s="137"/>
      <c r="AW3015" s="144"/>
    </row>
    <row r="3016" spans="7:49" x14ac:dyDescent="0.2">
      <c r="G3016" s="43"/>
      <c r="Z3016" s="143"/>
      <c r="AA3016" s="137"/>
      <c r="AB3016" s="137"/>
      <c r="AC3016" s="137"/>
      <c r="AD3016" s="137"/>
      <c r="AE3016" s="137"/>
      <c r="AF3016" s="137"/>
      <c r="AG3016" s="137"/>
      <c r="AH3016" s="137"/>
      <c r="AI3016" s="137"/>
      <c r="AJ3016" s="137"/>
      <c r="AK3016" s="137"/>
      <c r="AL3016" s="137"/>
      <c r="AM3016" s="137"/>
      <c r="AN3016" s="137"/>
      <c r="AO3016" s="137"/>
      <c r="AP3016" s="137"/>
      <c r="AQ3016" s="137"/>
      <c r="AR3016" s="137"/>
      <c r="AS3016" s="137"/>
      <c r="AT3016" s="137"/>
      <c r="AU3016" s="137"/>
      <c r="AV3016" s="137"/>
      <c r="AW3016" s="144"/>
    </row>
    <row r="3017" spans="7:49" x14ac:dyDescent="0.2">
      <c r="G3017" s="43"/>
      <c r="Z3017" s="143"/>
      <c r="AA3017" s="137"/>
      <c r="AB3017" s="137"/>
      <c r="AC3017" s="137"/>
      <c r="AD3017" s="137"/>
      <c r="AE3017" s="137"/>
      <c r="AF3017" s="137"/>
      <c r="AG3017" s="137"/>
      <c r="AH3017" s="137"/>
      <c r="AI3017" s="137"/>
      <c r="AJ3017" s="137"/>
      <c r="AK3017" s="137"/>
      <c r="AL3017" s="137"/>
      <c r="AM3017" s="137"/>
      <c r="AN3017" s="137"/>
      <c r="AO3017" s="137"/>
      <c r="AP3017" s="137"/>
      <c r="AQ3017" s="137"/>
      <c r="AR3017" s="137"/>
      <c r="AS3017" s="137"/>
      <c r="AT3017" s="137"/>
      <c r="AU3017" s="137"/>
      <c r="AV3017" s="137"/>
      <c r="AW3017" s="144"/>
    </row>
    <row r="3018" spans="7:49" x14ac:dyDescent="0.2">
      <c r="G3018" s="43"/>
      <c r="Z3018" s="143"/>
      <c r="AA3018" s="137"/>
      <c r="AB3018" s="137"/>
      <c r="AC3018" s="137"/>
      <c r="AD3018" s="137"/>
      <c r="AE3018" s="137"/>
      <c r="AF3018" s="137"/>
      <c r="AG3018" s="137"/>
      <c r="AH3018" s="137"/>
      <c r="AI3018" s="137"/>
      <c r="AJ3018" s="137"/>
      <c r="AK3018" s="137"/>
      <c r="AL3018" s="137"/>
      <c r="AM3018" s="137"/>
      <c r="AN3018" s="137"/>
      <c r="AO3018" s="137"/>
      <c r="AP3018" s="137"/>
      <c r="AQ3018" s="137"/>
      <c r="AR3018" s="137"/>
      <c r="AS3018" s="137"/>
      <c r="AT3018" s="137"/>
      <c r="AU3018" s="137"/>
      <c r="AV3018" s="137"/>
      <c r="AW3018" s="144"/>
    </row>
    <row r="3019" spans="7:49" x14ac:dyDescent="0.2">
      <c r="G3019" s="43"/>
      <c r="Z3019" s="143"/>
      <c r="AA3019" s="137"/>
      <c r="AB3019" s="137"/>
      <c r="AC3019" s="137"/>
      <c r="AD3019" s="137"/>
      <c r="AE3019" s="137"/>
      <c r="AF3019" s="137"/>
      <c r="AG3019" s="137"/>
      <c r="AH3019" s="137"/>
      <c r="AI3019" s="137"/>
      <c r="AJ3019" s="137"/>
      <c r="AK3019" s="137"/>
      <c r="AL3019" s="137"/>
      <c r="AM3019" s="137"/>
      <c r="AN3019" s="137"/>
      <c r="AO3019" s="137"/>
      <c r="AP3019" s="137"/>
      <c r="AQ3019" s="137"/>
      <c r="AR3019" s="137"/>
      <c r="AS3019" s="137"/>
      <c r="AT3019" s="137"/>
      <c r="AU3019" s="137"/>
      <c r="AV3019" s="137"/>
      <c r="AW3019" s="144"/>
    </row>
    <row r="3020" spans="7:49" x14ac:dyDescent="0.2">
      <c r="G3020" s="43"/>
      <c r="Z3020" s="143"/>
      <c r="AA3020" s="137"/>
      <c r="AB3020" s="137"/>
      <c r="AC3020" s="137"/>
      <c r="AD3020" s="137"/>
      <c r="AE3020" s="137"/>
      <c r="AF3020" s="137"/>
      <c r="AG3020" s="137"/>
      <c r="AH3020" s="137"/>
      <c r="AI3020" s="137"/>
      <c r="AJ3020" s="137"/>
      <c r="AK3020" s="137"/>
      <c r="AL3020" s="137"/>
      <c r="AM3020" s="137"/>
      <c r="AN3020" s="137"/>
      <c r="AO3020" s="137"/>
      <c r="AP3020" s="137"/>
      <c r="AQ3020" s="137"/>
      <c r="AR3020" s="137"/>
      <c r="AS3020" s="137"/>
      <c r="AT3020" s="137"/>
      <c r="AU3020" s="137"/>
      <c r="AV3020" s="137"/>
      <c r="AW3020" s="144"/>
    </row>
    <row r="3021" spans="7:49" x14ac:dyDescent="0.2">
      <c r="G3021" s="43"/>
      <c r="Z3021" s="143"/>
      <c r="AA3021" s="137"/>
      <c r="AB3021" s="137"/>
      <c r="AC3021" s="137"/>
      <c r="AD3021" s="137"/>
      <c r="AE3021" s="137"/>
      <c r="AF3021" s="137"/>
      <c r="AG3021" s="137"/>
      <c r="AH3021" s="137"/>
      <c r="AI3021" s="137"/>
      <c r="AJ3021" s="137"/>
      <c r="AK3021" s="137"/>
      <c r="AL3021" s="137"/>
      <c r="AM3021" s="137"/>
      <c r="AN3021" s="137"/>
      <c r="AO3021" s="137"/>
      <c r="AP3021" s="137"/>
      <c r="AQ3021" s="137"/>
      <c r="AR3021" s="137"/>
      <c r="AS3021" s="137"/>
      <c r="AT3021" s="137"/>
      <c r="AU3021" s="137"/>
      <c r="AV3021" s="137"/>
      <c r="AW3021" s="144"/>
    </row>
    <row r="3022" spans="7:49" x14ac:dyDescent="0.2">
      <c r="G3022" s="43"/>
      <c r="Z3022" s="143"/>
      <c r="AA3022" s="137"/>
      <c r="AB3022" s="137"/>
      <c r="AC3022" s="137"/>
      <c r="AD3022" s="137"/>
      <c r="AE3022" s="137"/>
      <c r="AF3022" s="137"/>
      <c r="AG3022" s="137"/>
      <c r="AH3022" s="137"/>
      <c r="AI3022" s="137"/>
      <c r="AJ3022" s="137"/>
      <c r="AK3022" s="137"/>
      <c r="AL3022" s="137"/>
      <c r="AM3022" s="137"/>
      <c r="AN3022" s="137"/>
      <c r="AO3022" s="137"/>
      <c r="AP3022" s="137"/>
      <c r="AQ3022" s="137"/>
      <c r="AR3022" s="137"/>
      <c r="AS3022" s="137"/>
      <c r="AT3022" s="137"/>
      <c r="AU3022" s="137"/>
      <c r="AV3022" s="137"/>
      <c r="AW3022" s="144"/>
    </row>
    <row r="3023" spans="7:49" x14ac:dyDescent="0.2">
      <c r="G3023" s="43"/>
      <c r="Z3023" s="143"/>
      <c r="AA3023" s="137"/>
      <c r="AB3023" s="137"/>
      <c r="AC3023" s="137"/>
      <c r="AD3023" s="137"/>
      <c r="AE3023" s="137"/>
      <c r="AF3023" s="137"/>
      <c r="AG3023" s="137"/>
      <c r="AH3023" s="137"/>
      <c r="AI3023" s="137"/>
      <c r="AJ3023" s="137"/>
      <c r="AK3023" s="137"/>
      <c r="AL3023" s="137"/>
      <c r="AM3023" s="137"/>
      <c r="AN3023" s="137"/>
      <c r="AO3023" s="137"/>
      <c r="AP3023" s="137"/>
      <c r="AQ3023" s="137"/>
      <c r="AR3023" s="137"/>
      <c r="AS3023" s="137"/>
      <c r="AT3023" s="137"/>
      <c r="AU3023" s="137"/>
      <c r="AV3023" s="137"/>
      <c r="AW3023" s="144"/>
    </row>
    <row r="3024" spans="7:49" x14ac:dyDescent="0.2">
      <c r="G3024" s="43"/>
      <c r="Z3024" s="143"/>
      <c r="AA3024" s="137"/>
      <c r="AB3024" s="137"/>
      <c r="AC3024" s="137"/>
      <c r="AD3024" s="137"/>
      <c r="AE3024" s="137"/>
      <c r="AF3024" s="137"/>
      <c r="AG3024" s="137"/>
      <c r="AH3024" s="137"/>
      <c r="AI3024" s="137"/>
      <c r="AJ3024" s="137"/>
      <c r="AK3024" s="137"/>
      <c r="AL3024" s="137"/>
      <c r="AM3024" s="137"/>
      <c r="AN3024" s="137"/>
      <c r="AO3024" s="137"/>
      <c r="AP3024" s="137"/>
      <c r="AQ3024" s="137"/>
      <c r="AR3024" s="137"/>
      <c r="AS3024" s="137"/>
      <c r="AT3024" s="137"/>
      <c r="AU3024" s="137"/>
      <c r="AV3024" s="137"/>
      <c r="AW3024" s="144"/>
    </row>
    <row r="3025" spans="7:49" x14ac:dyDescent="0.2">
      <c r="G3025" s="43"/>
      <c r="Z3025" s="143"/>
      <c r="AA3025" s="137"/>
      <c r="AB3025" s="137"/>
      <c r="AC3025" s="137"/>
      <c r="AD3025" s="137"/>
      <c r="AE3025" s="137"/>
      <c r="AF3025" s="137"/>
      <c r="AG3025" s="137"/>
      <c r="AH3025" s="137"/>
      <c r="AI3025" s="137"/>
      <c r="AJ3025" s="137"/>
      <c r="AK3025" s="137"/>
      <c r="AL3025" s="137"/>
      <c r="AM3025" s="137"/>
      <c r="AN3025" s="137"/>
      <c r="AO3025" s="137"/>
      <c r="AP3025" s="137"/>
      <c r="AQ3025" s="137"/>
      <c r="AR3025" s="137"/>
      <c r="AS3025" s="137"/>
      <c r="AT3025" s="137"/>
      <c r="AU3025" s="137"/>
      <c r="AV3025" s="137"/>
      <c r="AW3025" s="144"/>
    </row>
    <row r="3026" spans="7:49" x14ac:dyDescent="0.2">
      <c r="G3026" s="43"/>
      <c r="Z3026" s="143"/>
      <c r="AA3026" s="137"/>
      <c r="AB3026" s="137"/>
      <c r="AC3026" s="137"/>
      <c r="AD3026" s="137"/>
      <c r="AE3026" s="137"/>
      <c r="AF3026" s="137"/>
      <c r="AG3026" s="137"/>
      <c r="AH3026" s="137"/>
      <c r="AI3026" s="137"/>
      <c r="AJ3026" s="137"/>
      <c r="AK3026" s="137"/>
      <c r="AL3026" s="137"/>
      <c r="AM3026" s="137"/>
      <c r="AN3026" s="137"/>
      <c r="AO3026" s="137"/>
      <c r="AP3026" s="137"/>
      <c r="AQ3026" s="137"/>
      <c r="AR3026" s="137"/>
      <c r="AS3026" s="137"/>
      <c r="AT3026" s="137"/>
      <c r="AU3026" s="137"/>
      <c r="AV3026" s="137"/>
      <c r="AW3026" s="144"/>
    </row>
    <row r="3027" spans="7:49" x14ac:dyDescent="0.2">
      <c r="G3027" s="43"/>
      <c r="Z3027" s="143"/>
      <c r="AA3027" s="137"/>
      <c r="AB3027" s="137"/>
      <c r="AC3027" s="137"/>
      <c r="AD3027" s="137"/>
      <c r="AE3027" s="137"/>
      <c r="AF3027" s="137"/>
      <c r="AG3027" s="137"/>
      <c r="AH3027" s="137"/>
      <c r="AI3027" s="137"/>
      <c r="AJ3027" s="137"/>
      <c r="AK3027" s="137"/>
      <c r="AL3027" s="137"/>
      <c r="AM3027" s="137"/>
      <c r="AN3027" s="137"/>
      <c r="AO3027" s="137"/>
      <c r="AP3027" s="137"/>
      <c r="AQ3027" s="137"/>
      <c r="AR3027" s="137"/>
      <c r="AS3027" s="137"/>
      <c r="AT3027" s="137"/>
      <c r="AU3027" s="137"/>
      <c r="AV3027" s="137"/>
      <c r="AW3027" s="144"/>
    </row>
    <row r="3028" spans="7:49" x14ac:dyDescent="0.2">
      <c r="G3028" s="43"/>
      <c r="Z3028" s="143"/>
      <c r="AA3028" s="137"/>
      <c r="AB3028" s="137"/>
      <c r="AC3028" s="137"/>
      <c r="AD3028" s="137"/>
      <c r="AE3028" s="137"/>
      <c r="AF3028" s="137"/>
      <c r="AG3028" s="137"/>
      <c r="AH3028" s="137"/>
      <c r="AI3028" s="137"/>
      <c r="AJ3028" s="137"/>
      <c r="AK3028" s="137"/>
      <c r="AL3028" s="137"/>
      <c r="AM3028" s="137"/>
      <c r="AN3028" s="137"/>
      <c r="AO3028" s="137"/>
      <c r="AP3028" s="137"/>
      <c r="AQ3028" s="137"/>
      <c r="AR3028" s="137"/>
      <c r="AS3028" s="137"/>
      <c r="AT3028" s="137"/>
      <c r="AU3028" s="137"/>
      <c r="AV3028" s="137"/>
      <c r="AW3028" s="144"/>
    </row>
    <row r="3029" spans="7:49" x14ac:dyDescent="0.2">
      <c r="G3029" s="43"/>
      <c r="Z3029" s="143"/>
      <c r="AA3029" s="137"/>
      <c r="AB3029" s="137"/>
      <c r="AC3029" s="137"/>
      <c r="AD3029" s="137"/>
      <c r="AE3029" s="137"/>
      <c r="AF3029" s="137"/>
      <c r="AG3029" s="137"/>
      <c r="AH3029" s="137"/>
      <c r="AI3029" s="137"/>
      <c r="AJ3029" s="137"/>
      <c r="AK3029" s="137"/>
      <c r="AL3029" s="137"/>
      <c r="AM3029" s="137"/>
      <c r="AN3029" s="137"/>
      <c r="AO3029" s="137"/>
      <c r="AP3029" s="137"/>
      <c r="AQ3029" s="137"/>
      <c r="AR3029" s="137"/>
      <c r="AS3029" s="137"/>
      <c r="AT3029" s="137"/>
      <c r="AU3029" s="137"/>
      <c r="AV3029" s="137"/>
      <c r="AW3029" s="144"/>
    </row>
    <row r="3030" spans="7:49" x14ac:dyDescent="0.2">
      <c r="G3030" s="43"/>
      <c r="Z3030" s="143"/>
      <c r="AA3030" s="137"/>
      <c r="AB3030" s="137"/>
      <c r="AC3030" s="137"/>
      <c r="AD3030" s="137"/>
      <c r="AE3030" s="137"/>
      <c r="AF3030" s="137"/>
      <c r="AG3030" s="137"/>
      <c r="AH3030" s="137"/>
      <c r="AI3030" s="137"/>
      <c r="AJ3030" s="137"/>
      <c r="AK3030" s="137"/>
      <c r="AL3030" s="137"/>
      <c r="AM3030" s="137"/>
      <c r="AN3030" s="137"/>
      <c r="AO3030" s="137"/>
      <c r="AP3030" s="137"/>
      <c r="AQ3030" s="137"/>
      <c r="AR3030" s="137"/>
      <c r="AS3030" s="137"/>
      <c r="AT3030" s="137"/>
      <c r="AU3030" s="137"/>
      <c r="AV3030" s="137"/>
      <c r="AW3030" s="144"/>
    </row>
    <row r="3031" spans="7:49" x14ac:dyDescent="0.2">
      <c r="G3031" s="43"/>
      <c r="Z3031" s="143"/>
      <c r="AA3031" s="137"/>
      <c r="AB3031" s="137"/>
      <c r="AC3031" s="137"/>
      <c r="AD3031" s="137"/>
      <c r="AE3031" s="137"/>
      <c r="AF3031" s="137"/>
      <c r="AG3031" s="137"/>
      <c r="AH3031" s="137"/>
      <c r="AI3031" s="137"/>
      <c r="AJ3031" s="137"/>
      <c r="AK3031" s="137"/>
      <c r="AL3031" s="137"/>
      <c r="AM3031" s="137"/>
      <c r="AN3031" s="137"/>
      <c r="AO3031" s="137"/>
      <c r="AP3031" s="137"/>
      <c r="AQ3031" s="137"/>
      <c r="AR3031" s="137"/>
      <c r="AS3031" s="137"/>
      <c r="AT3031" s="137"/>
      <c r="AU3031" s="137"/>
      <c r="AV3031" s="137"/>
      <c r="AW3031" s="144"/>
    </row>
    <row r="3032" spans="7:49" x14ac:dyDescent="0.2">
      <c r="G3032" s="43"/>
      <c r="Z3032" s="143"/>
      <c r="AA3032" s="137"/>
      <c r="AB3032" s="137"/>
      <c r="AC3032" s="137"/>
      <c r="AD3032" s="137"/>
      <c r="AE3032" s="137"/>
      <c r="AF3032" s="137"/>
      <c r="AG3032" s="137"/>
      <c r="AH3032" s="137"/>
      <c r="AI3032" s="137"/>
      <c r="AJ3032" s="137"/>
      <c r="AK3032" s="137"/>
      <c r="AL3032" s="137"/>
      <c r="AM3032" s="137"/>
      <c r="AN3032" s="137"/>
      <c r="AO3032" s="137"/>
      <c r="AP3032" s="137"/>
      <c r="AQ3032" s="137"/>
      <c r="AR3032" s="137"/>
      <c r="AS3032" s="137"/>
      <c r="AT3032" s="137"/>
      <c r="AU3032" s="137"/>
      <c r="AV3032" s="137"/>
      <c r="AW3032" s="144"/>
    </row>
    <row r="3033" spans="7:49" x14ac:dyDescent="0.2">
      <c r="G3033" s="43"/>
      <c r="Z3033" s="143"/>
      <c r="AA3033" s="137"/>
      <c r="AB3033" s="137"/>
      <c r="AC3033" s="137"/>
      <c r="AD3033" s="137"/>
      <c r="AE3033" s="137"/>
      <c r="AF3033" s="137"/>
      <c r="AG3033" s="137"/>
      <c r="AH3033" s="137"/>
      <c r="AI3033" s="137"/>
      <c r="AJ3033" s="137"/>
      <c r="AK3033" s="137"/>
      <c r="AL3033" s="137"/>
      <c r="AM3033" s="137"/>
      <c r="AN3033" s="137"/>
      <c r="AO3033" s="137"/>
      <c r="AP3033" s="137"/>
      <c r="AQ3033" s="137"/>
      <c r="AR3033" s="137"/>
      <c r="AS3033" s="137"/>
      <c r="AT3033" s="137"/>
      <c r="AU3033" s="137"/>
      <c r="AV3033" s="137"/>
      <c r="AW3033" s="144"/>
    </row>
    <row r="3034" spans="7:49" x14ac:dyDescent="0.2">
      <c r="G3034" s="43"/>
      <c r="Z3034" s="143"/>
      <c r="AA3034" s="137"/>
      <c r="AB3034" s="137"/>
      <c r="AC3034" s="137"/>
      <c r="AD3034" s="137"/>
      <c r="AE3034" s="137"/>
      <c r="AF3034" s="137"/>
      <c r="AG3034" s="137"/>
      <c r="AH3034" s="137"/>
      <c r="AI3034" s="137"/>
      <c r="AJ3034" s="137"/>
      <c r="AK3034" s="137"/>
      <c r="AL3034" s="137"/>
      <c r="AM3034" s="137"/>
      <c r="AN3034" s="137"/>
      <c r="AO3034" s="137"/>
      <c r="AP3034" s="137"/>
      <c r="AQ3034" s="137"/>
      <c r="AR3034" s="137"/>
      <c r="AS3034" s="137"/>
      <c r="AT3034" s="137"/>
      <c r="AU3034" s="137"/>
      <c r="AV3034" s="137"/>
      <c r="AW3034" s="144"/>
    </row>
    <row r="3035" spans="7:49" x14ac:dyDescent="0.2">
      <c r="G3035" s="43"/>
      <c r="Z3035" s="143"/>
      <c r="AA3035" s="137"/>
      <c r="AB3035" s="137"/>
      <c r="AC3035" s="137"/>
      <c r="AD3035" s="137"/>
      <c r="AE3035" s="137"/>
      <c r="AF3035" s="137"/>
      <c r="AG3035" s="137"/>
      <c r="AH3035" s="137"/>
      <c r="AI3035" s="137"/>
      <c r="AJ3035" s="137"/>
      <c r="AK3035" s="137"/>
      <c r="AL3035" s="137"/>
      <c r="AM3035" s="137"/>
      <c r="AN3035" s="137"/>
      <c r="AO3035" s="137"/>
      <c r="AP3035" s="137"/>
      <c r="AQ3035" s="137"/>
      <c r="AR3035" s="137"/>
      <c r="AS3035" s="137"/>
      <c r="AT3035" s="137"/>
      <c r="AU3035" s="137"/>
      <c r="AV3035" s="137"/>
      <c r="AW3035" s="144"/>
    </row>
    <row r="3036" spans="7:49" x14ac:dyDescent="0.2">
      <c r="G3036" s="43"/>
      <c r="Z3036" s="143"/>
      <c r="AA3036" s="137"/>
      <c r="AB3036" s="137"/>
      <c r="AC3036" s="137"/>
      <c r="AD3036" s="137"/>
      <c r="AE3036" s="137"/>
      <c r="AF3036" s="137"/>
      <c r="AG3036" s="137"/>
      <c r="AH3036" s="137"/>
      <c r="AI3036" s="137"/>
      <c r="AJ3036" s="137"/>
      <c r="AK3036" s="137"/>
      <c r="AL3036" s="137"/>
      <c r="AM3036" s="137"/>
      <c r="AN3036" s="137"/>
      <c r="AO3036" s="137"/>
      <c r="AP3036" s="137"/>
      <c r="AQ3036" s="137"/>
      <c r="AR3036" s="137"/>
      <c r="AS3036" s="137"/>
      <c r="AT3036" s="137"/>
      <c r="AU3036" s="137"/>
      <c r="AV3036" s="137"/>
      <c r="AW3036" s="144"/>
    </row>
    <row r="3037" spans="7:49" x14ac:dyDescent="0.2">
      <c r="G3037" s="43"/>
      <c r="Z3037" s="143"/>
      <c r="AA3037" s="137"/>
      <c r="AB3037" s="137"/>
      <c r="AC3037" s="137"/>
      <c r="AD3037" s="137"/>
      <c r="AE3037" s="137"/>
      <c r="AF3037" s="137"/>
      <c r="AG3037" s="137"/>
      <c r="AH3037" s="137"/>
      <c r="AI3037" s="137"/>
      <c r="AJ3037" s="137"/>
      <c r="AK3037" s="137"/>
      <c r="AL3037" s="137"/>
      <c r="AM3037" s="137"/>
      <c r="AN3037" s="137"/>
      <c r="AO3037" s="137"/>
      <c r="AP3037" s="137"/>
      <c r="AQ3037" s="137"/>
      <c r="AR3037" s="137"/>
      <c r="AS3037" s="137"/>
      <c r="AT3037" s="137"/>
      <c r="AU3037" s="137"/>
      <c r="AV3037" s="137"/>
      <c r="AW3037" s="144"/>
    </row>
    <row r="3038" spans="7:49" x14ac:dyDescent="0.2">
      <c r="G3038" s="43"/>
      <c r="Z3038" s="143"/>
      <c r="AA3038" s="137"/>
      <c r="AB3038" s="137"/>
      <c r="AC3038" s="137"/>
      <c r="AD3038" s="137"/>
      <c r="AE3038" s="137"/>
      <c r="AF3038" s="137"/>
      <c r="AG3038" s="137"/>
      <c r="AH3038" s="137"/>
      <c r="AI3038" s="137"/>
      <c r="AJ3038" s="137"/>
      <c r="AK3038" s="137"/>
      <c r="AL3038" s="137"/>
      <c r="AM3038" s="137"/>
      <c r="AN3038" s="137"/>
      <c r="AO3038" s="137"/>
      <c r="AP3038" s="137"/>
      <c r="AQ3038" s="137"/>
      <c r="AR3038" s="137"/>
      <c r="AS3038" s="137"/>
      <c r="AT3038" s="137"/>
      <c r="AU3038" s="137"/>
      <c r="AV3038" s="137"/>
      <c r="AW3038" s="144"/>
    </row>
    <row r="3039" spans="7:49" x14ac:dyDescent="0.2">
      <c r="G3039" s="43"/>
      <c r="Z3039" s="143"/>
      <c r="AA3039" s="137"/>
      <c r="AB3039" s="137"/>
      <c r="AC3039" s="137"/>
      <c r="AD3039" s="137"/>
      <c r="AE3039" s="137"/>
      <c r="AF3039" s="137"/>
      <c r="AG3039" s="137"/>
      <c r="AH3039" s="137"/>
      <c r="AI3039" s="137"/>
      <c r="AJ3039" s="137"/>
      <c r="AK3039" s="137"/>
      <c r="AL3039" s="137"/>
      <c r="AM3039" s="137"/>
      <c r="AN3039" s="137"/>
      <c r="AO3039" s="137"/>
      <c r="AP3039" s="137"/>
      <c r="AQ3039" s="137"/>
      <c r="AR3039" s="137"/>
      <c r="AS3039" s="137"/>
      <c r="AT3039" s="137"/>
      <c r="AU3039" s="137"/>
      <c r="AV3039" s="137"/>
      <c r="AW3039" s="144"/>
    </row>
    <row r="3040" spans="7:49" x14ac:dyDescent="0.2">
      <c r="G3040" s="43"/>
      <c r="Z3040" s="143"/>
      <c r="AA3040" s="137"/>
      <c r="AB3040" s="137"/>
      <c r="AC3040" s="137"/>
      <c r="AD3040" s="137"/>
      <c r="AE3040" s="137"/>
      <c r="AF3040" s="137"/>
      <c r="AG3040" s="137"/>
      <c r="AH3040" s="137"/>
      <c r="AI3040" s="137"/>
      <c r="AJ3040" s="137"/>
      <c r="AK3040" s="137"/>
      <c r="AL3040" s="137"/>
      <c r="AM3040" s="137"/>
      <c r="AN3040" s="137"/>
      <c r="AO3040" s="137"/>
      <c r="AP3040" s="137"/>
      <c r="AQ3040" s="137"/>
      <c r="AR3040" s="137"/>
      <c r="AS3040" s="137"/>
      <c r="AT3040" s="137"/>
      <c r="AU3040" s="137"/>
      <c r="AV3040" s="137"/>
      <c r="AW3040" s="144"/>
    </row>
    <row r="3041" spans="7:49" x14ac:dyDescent="0.2">
      <c r="G3041" s="43"/>
      <c r="Z3041" s="143"/>
      <c r="AA3041" s="137"/>
      <c r="AB3041" s="137"/>
      <c r="AC3041" s="137"/>
      <c r="AD3041" s="137"/>
      <c r="AE3041" s="137"/>
      <c r="AF3041" s="137"/>
      <c r="AG3041" s="137"/>
      <c r="AH3041" s="137"/>
      <c r="AI3041" s="137"/>
      <c r="AJ3041" s="137"/>
      <c r="AK3041" s="137"/>
      <c r="AL3041" s="137"/>
      <c r="AM3041" s="137"/>
      <c r="AN3041" s="137"/>
      <c r="AO3041" s="137"/>
      <c r="AP3041" s="137"/>
      <c r="AQ3041" s="137"/>
      <c r="AR3041" s="137"/>
      <c r="AS3041" s="137"/>
      <c r="AT3041" s="137"/>
      <c r="AU3041" s="137"/>
      <c r="AV3041" s="137"/>
      <c r="AW3041" s="144"/>
    </row>
    <row r="3042" spans="7:49" x14ac:dyDescent="0.2">
      <c r="G3042" s="43"/>
      <c r="Z3042" s="143"/>
      <c r="AA3042" s="137"/>
      <c r="AB3042" s="137"/>
      <c r="AC3042" s="137"/>
      <c r="AD3042" s="137"/>
      <c r="AE3042" s="137"/>
      <c r="AF3042" s="137"/>
      <c r="AG3042" s="137"/>
      <c r="AH3042" s="137"/>
      <c r="AI3042" s="137"/>
      <c r="AJ3042" s="137"/>
      <c r="AK3042" s="137"/>
      <c r="AL3042" s="137"/>
      <c r="AM3042" s="137"/>
      <c r="AN3042" s="137"/>
      <c r="AO3042" s="137"/>
      <c r="AP3042" s="137"/>
      <c r="AQ3042" s="137"/>
      <c r="AR3042" s="137"/>
      <c r="AS3042" s="137"/>
      <c r="AT3042" s="137"/>
      <c r="AU3042" s="137"/>
      <c r="AV3042" s="137"/>
      <c r="AW3042" s="144"/>
    </row>
    <row r="3043" spans="7:49" x14ac:dyDescent="0.2">
      <c r="G3043" s="43"/>
      <c r="Z3043" s="143"/>
      <c r="AA3043" s="137"/>
      <c r="AB3043" s="137"/>
      <c r="AC3043" s="137"/>
      <c r="AD3043" s="137"/>
      <c r="AE3043" s="137"/>
      <c r="AF3043" s="137"/>
      <c r="AG3043" s="137"/>
      <c r="AH3043" s="137"/>
      <c r="AI3043" s="137"/>
      <c r="AJ3043" s="137"/>
      <c r="AK3043" s="137"/>
      <c r="AL3043" s="137"/>
      <c r="AM3043" s="137"/>
      <c r="AN3043" s="137"/>
      <c r="AO3043" s="137"/>
      <c r="AP3043" s="137"/>
      <c r="AQ3043" s="137"/>
      <c r="AR3043" s="137"/>
      <c r="AS3043" s="137"/>
      <c r="AT3043" s="137"/>
      <c r="AU3043" s="137"/>
      <c r="AV3043" s="137"/>
      <c r="AW3043" s="144"/>
    </row>
    <row r="3044" spans="7:49" x14ac:dyDescent="0.2">
      <c r="G3044" s="43"/>
      <c r="Z3044" s="143"/>
      <c r="AA3044" s="137"/>
      <c r="AB3044" s="137"/>
      <c r="AC3044" s="137"/>
      <c r="AD3044" s="137"/>
      <c r="AE3044" s="137"/>
      <c r="AF3044" s="137"/>
      <c r="AG3044" s="137"/>
      <c r="AH3044" s="137"/>
      <c r="AI3044" s="137"/>
      <c r="AJ3044" s="137"/>
      <c r="AK3044" s="137"/>
      <c r="AL3044" s="137"/>
      <c r="AM3044" s="137"/>
      <c r="AN3044" s="137"/>
      <c r="AO3044" s="137"/>
      <c r="AP3044" s="137"/>
      <c r="AQ3044" s="137"/>
      <c r="AR3044" s="137"/>
      <c r="AS3044" s="137"/>
      <c r="AT3044" s="137"/>
      <c r="AU3044" s="137"/>
      <c r="AV3044" s="137"/>
      <c r="AW3044" s="144"/>
    </row>
    <row r="3045" spans="7:49" x14ac:dyDescent="0.2">
      <c r="G3045" s="43"/>
      <c r="Z3045" s="143"/>
      <c r="AA3045" s="137"/>
      <c r="AB3045" s="137"/>
      <c r="AC3045" s="137"/>
      <c r="AD3045" s="137"/>
      <c r="AE3045" s="137"/>
      <c r="AF3045" s="137"/>
      <c r="AG3045" s="137"/>
      <c r="AH3045" s="137"/>
      <c r="AI3045" s="137"/>
      <c r="AJ3045" s="137"/>
      <c r="AK3045" s="137"/>
      <c r="AL3045" s="137"/>
      <c r="AM3045" s="137"/>
      <c r="AN3045" s="137"/>
      <c r="AO3045" s="137"/>
      <c r="AP3045" s="137"/>
      <c r="AQ3045" s="137"/>
      <c r="AR3045" s="137"/>
      <c r="AS3045" s="137"/>
      <c r="AT3045" s="137"/>
      <c r="AU3045" s="137"/>
      <c r="AV3045" s="137"/>
      <c r="AW3045" s="144"/>
    </row>
    <row r="3046" spans="7:49" x14ac:dyDescent="0.2">
      <c r="G3046" s="43"/>
      <c r="Z3046" s="143"/>
      <c r="AA3046" s="137"/>
      <c r="AB3046" s="137"/>
      <c r="AC3046" s="137"/>
      <c r="AD3046" s="137"/>
      <c r="AE3046" s="137"/>
      <c r="AF3046" s="137"/>
      <c r="AG3046" s="137"/>
      <c r="AH3046" s="137"/>
      <c r="AI3046" s="137"/>
      <c r="AJ3046" s="137"/>
      <c r="AK3046" s="137"/>
      <c r="AL3046" s="137"/>
      <c r="AM3046" s="137"/>
      <c r="AN3046" s="137"/>
      <c r="AO3046" s="137"/>
      <c r="AP3046" s="137"/>
      <c r="AQ3046" s="137"/>
      <c r="AR3046" s="137"/>
      <c r="AS3046" s="137"/>
      <c r="AT3046" s="137"/>
      <c r="AU3046" s="137"/>
      <c r="AV3046" s="137"/>
      <c r="AW3046" s="144"/>
    </row>
    <row r="3047" spans="7:49" x14ac:dyDescent="0.2">
      <c r="G3047" s="43"/>
      <c r="Z3047" s="143"/>
      <c r="AA3047" s="137"/>
      <c r="AB3047" s="137"/>
      <c r="AC3047" s="137"/>
      <c r="AD3047" s="137"/>
      <c r="AE3047" s="137"/>
      <c r="AF3047" s="137"/>
      <c r="AG3047" s="137"/>
      <c r="AH3047" s="137"/>
      <c r="AI3047" s="137"/>
      <c r="AJ3047" s="137"/>
      <c r="AK3047" s="137"/>
      <c r="AL3047" s="137"/>
      <c r="AM3047" s="137"/>
      <c r="AN3047" s="137"/>
      <c r="AO3047" s="137"/>
      <c r="AP3047" s="137"/>
      <c r="AQ3047" s="137"/>
      <c r="AR3047" s="137"/>
      <c r="AS3047" s="137"/>
      <c r="AT3047" s="137"/>
      <c r="AU3047" s="137"/>
      <c r="AV3047" s="137"/>
      <c r="AW3047" s="144"/>
    </row>
    <row r="3048" spans="7:49" x14ac:dyDescent="0.2">
      <c r="G3048" s="43"/>
      <c r="Z3048" s="143"/>
      <c r="AA3048" s="137"/>
      <c r="AB3048" s="137"/>
      <c r="AC3048" s="137"/>
      <c r="AD3048" s="137"/>
      <c r="AE3048" s="137"/>
      <c r="AF3048" s="137"/>
      <c r="AG3048" s="137"/>
      <c r="AH3048" s="137"/>
      <c r="AI3048" s="137"/>
      <c r="AJ3048" s="137"/>
      <c r="AK3048" s="137"/>
      <c r="AL3048" s="137"/>
      <c r="AM3048" s="137"/>
      <c r="AN3048" s="137"/>
      <c r="AO3048" s="137"/>
      <c r="AP3048" s="137"/>
      <c r="AQ3048" s="137"/>
      <c r="AR3048" s="137"/>
      <c r="AS3048" s="137"/>
      <c r="AT3048" s="137"/>
      <c r="AU3048" s="137"/>
      <c r="AV3048" s="137"/>
      <c r="AW3048" s="144"/>
    </row>
    <row r="3049" spans="7:49" x14ac:dyDescent="0.2">
      <c r="G3049" s="43"/>
      <c r="Z3049" s="143"/>
      <c r="AA3049" s="137"/>
      <c r="AB3049" s="137"/>
      <c r="AC3049" s="137"/>
      <c r="AD3049" s="137"/>
      <c r="AE3049" s="137"/>
      <c r="AF3049" s="137"/>
      <c r="AG3049" s="137"/>
      <c r="AH3049" s="137"/>
      <c r="AI3049" s="137"/>
      <c r="AJ3049" s="137"/>
      <c r="AK3049" s="137"/>
      <c r="AL3049" s="137"/>
      <c r="AM3049" s="137"/>
      <c r="AN3049" s="137"/>
      <c r="AO3049" s="137"/>
      <c r="AP3049" s="137"/>
      <c r="AQ3049" s="137"/>
      <c r="AR3049" s="137"/>
      <c r="AS3049" s="137"/>
      <c r="AT3049" s="137"/>
      <c r="AU3049" s="137"/>
      <c r="AV3049" s="137"/>
      <c r="AW3049" s="144"/>
    </row>
    <row r="3050" spans="7:49" x14ac:dyDescent="0.2">
      <c r="G3050" s="43"/>
      <c r="Z3050" s="143"/>
      <c r="AA3050" s="137"/>
      <c r="AB3050" s="137"/>
      <c r="AC3050" s="137"/>
      <c r="AD3050" s="137"/>
      <c r="AE3050" s="137"/>
      <c r="AF3050" s="137"/>
      <c r="AG3050" s="137"/>
      <c r="AH3050" s="137"/>
      <c r="AI3050" s="137"/>
      <c r="AJ3050" s="137"/>
      <c r="AK3050" s="137"/>
      <c r="AL3050" s="137"/>
      <c r="AM3050" s="137"/>
      <c r="AN3050" s="137"/>
      <c r="AO3050" s="137"/>
      <c r="AP3050" s="137"/>
      <c r="AQ3050" s="137"/>
      <c r="AR3050" s="137"/>
      <c r="AS3050" s="137"/>
      <c r="AT3050" s="137"/>
      <c r="AU3050" s="137"/>
      <c r="AV3050" s="137"/>
      <c r="AW3050" s="144"/>
    </row>
    <row r="3051" spans="7:49" x14ac:dyDescent="0.2">
      <c r="G3051" s="43"/>
      <c r="Z3051" s="143"/>
      <c r="AA3051" s="137"/>
      <c r="AB3051" s="137"/>
      <c r="AC3051" s="137"/>
      <c r="AD3051" s="137"/>
      <c r="AE3051" s="137"/>
      <c r="AF3051" s="137"/>
      <c r="AG3051" s="137"/>
      <c r="AH3051" s="137"/>
      <c r="AI3051" s="137"/>
      <c r="AJ3051" s="137"/>
      <c r="AK3051" s="137"/>
      <c r="AL3051" s="137"/>
      <c r="AM3051" s="137"/>
      <c r="AN3051" s="137"/>
      <c r="AO3051" s="137"/>
      <c r="AP3051" s="137"/>
      <c r="AQ3051" s="137"/>
      <c r="AR3051" s="137"/>
      <c r="AS3051" s="137"/>
      <c r="AT3051" s="137"/>
      <c r="AU3051" s="137"/>
      <c r="AV3051" s="137"/>
      <c r="AW3051" s="144"/>
    </row>
    <row r="3052" spans="7:49" x14ac:dyDescent="0.2">
      <c r="G3052" s="43"/>
      <c r="Z3052" s="143"/>
      <c r="AA3052" s="137"/>
      <c r="AB3052" s="137"/>
      <c r="AC3052" s="137"/>
      <c r="AD3052" s="137"/>
      <c r="AE3052" s="137"/>
      <c r="AF3052" s="137"/>
      <c r="AG3052" s="137"/>
      <c r="AH3052" s="137"/>
      <c r="AI3052" s="137"/>
      <c r="AJ3052" s="137"/>
      <c r="AK3052" s="137"/>
      <c r="AL3052" s="137"/>
      <c r="AM3052" s="137"/>
      <c r="AN3052" s="137"/>
      <c r="AO3052" s="137"/>
      <c r="AP3052" s="137"/>
      <c r="AQ3052" s="137"/>
      <c r="AR3052" s="137"/>
      <c r="AS3052" s="137"/>
      <c r="AT3052" s="137"/>
      <c r="AU3052" s="137"/>
      <c r="AV3052" s="137"/>
      <c r="AW3052" s="144"/>
    </row>
    <row r="3053" spans="7:49" x14ac:dyDescent="0.2">
      <c r="G3053" s="43"/>
      <c r="Z3053" s="143"/>
      <c r="AA3053" s="137"/>
      <c r="AB3053" s="137"/>
      <c r="AC3053" s="137"/>
      <c r="AD3053" s="137"/>
      <c r="AE3053" s="137"/>
      <c r="AF3053" s="137"/>
      <c r="AG3053" s="137"/>
      <c r="AH3053" s="137"/>
      <c r="AI3053" s="137"/>
      <c r="AJ3053" s="137"/>
      <c r="AK3053" s="137"/>
      <c r="AL3053" s="137"/>
      <c r="AM3053" s="137"/>
      <c r="AN3053" s="137"/>
      <c r="AO3053" s="137"/>
      <c r="AP3053" s="137"/>
      <c r="AQ3053" s="137"/>
      <c r="AR3053" s="137"/>
      <c r="AS3053" s="137"/>
      <c r="AT3053" s="137"/>
      <c r="AU3053" s="137"/>
      <c r="AV3053" s="137"/>
      <c r="AW3053" s="144"/>
    </row>
    <row r="3054" spans="7:49" x14ac:dyDescent="0.2">
      <c r="G3054" s="43"/>
      <c r="Z3054" s="143"/>
      <c r="AA3054" s="137"/>
      <c r="AB3054" s="137"/>
      <c r="AC3054" s="137"/>
      <c r="AD3054" s="137"/>
      <c r="AE3054" s="137"/>
      <c r="AF3054" s="137"/>
      <c r="AG3054" s="137"/>
      <c r="AH3054" s="137"/>
      <c r="AI3054" s="137"/>
      <c r="AJ3054" s="137"/>
      <c r="AK3054" s="137"/>
      <c r="AL3054" s="137"/>
      <c r="AM3054" s="137"/>
      <c r="AN3054" s="137"/>
      <c r="AO3054" s="137"/>
      <c r="AP3054" s="137"/>
      <c r="AQ3054" s="137"/>
      <c r="AR3054" s="137"/>
      <c r="AS3054" s="137"/>
      <c r="AT3054" s="137"/>
      <c r="AU3054" s="137"/>
      <c r="AV3054" s="137"/>
      <c r="AW3054" s="144"/>
    </row>
    <row r="3055" spans="7:49" x14ac:dyDescent="0.2">
      <c r="G3055" s="43"/>
      <c r="Z3055" s="143"/>
      <c r="AA3055" s="137"/>
      <c r="AB3055" s="137"/>
      <c r="AC3055" s="137"/>
      <c r="AD3055" s="137"/>
      <c r="AE3055" s="137"/>
      <c r="AF3055" s="137"/>
      <c r="AG3055" s="137"/>
      <c r="AH3055" s="137"/>
      <c r="AI3055" s="137"/>
      <c r="AJ3055" s="137"/>
      <c r="AK3055" s="137"/>
      <c r="AL3055" s="137"/>
      <c r="AM3055" s="137"/>
      <c r="AN3055" s="137"/>
      <c r="AO3055" s="137"/>
      <c r="AP3055" s="137"/>
      <c r="AQ3055" s="137"/>
      <c r="AR3055" s="137"/>
      <c r="AS3055" s="137"/>
      <c r="AT3055" s="137"/>
      <c r="AU3055" s="137"/>
      <c r="AV3055" s="137"/>
      <c r="AW3055" s="144"/>
    </row>
    <row r="3056" spans="7:49" x14ac:dyDescent="0.2">
      <c r="G3056" s="43"/>
      <c r="Z3056" s="143"/>
      <c r="AA3056" s="137"/>
      <c r="AB3056" s="137"/>
      <c r="AC3056" s="137"/>
      <c r="AD3056" s="137"/>
      <c r="AE3056" s="137"/>
      <c r="AF3056" s="137"/>
      <c r="AG3056" s="137"/>
      <c r="AH3056" s="137"/>
      <c r="AI3056" s="137"/>
      <c r="AJ3056" s="137"/>
      <c r="AK3056" s="137"/>
      <c r="AL3056" s="137"/>
      <c r="AM3056" s="137"/>
      <c r="AN3056" s="137"/>
      <c r="AO3056" s="137"/>
      <c r="AP3056" s="137"/>
      <c r="AQ3056" s="137"/>
      <c r="AR3056" s="137"/>
      <c r="AS3056" s="137"/>
      <c r="AT3056" s="137"/>
      <c r="AU3056" s="137"/>
      <c r="AV3056" s="137"/>
      <c r="AW3056" s="144"/>
    </row>
    <row r="3057" spans="7:49" x14ac:dyDescent="0.2">
      <c r="G3057" s="43"/>
      <c r="Z3057" s="143"/>
      <c r="AA3057" s="137"/>
      <c r="AB3057" s="137"/>
      <c r="AC3057" s="137"/>
      <c r="AD3057" s="137"/>
      <c r="AE3057" s="137"/>
      <c r="AF3057" s="137"/>
      <c r="AG3057" s="137"/>
      <c r="AH3057" s="137"/>
      <c r="AI3057" s="137"/>
      <c r="AJ3057" s="137"/>
      <c r="AK3057" s="137"/>
      <c r="AL3057" s="137"/>
      <c r="AM3057" s="137"/>
      <c r="AN3057" s="137"/>
      <c r="AO3057" s="137"/>
      <c r="AP3057" s="137"/>
      <c r="AQ3057" s="137"/>
      <c r="AR3057" s="137"/>
      <c r="AS3057" s="137"/>
      <c r="AT3057" s="137"/>
      <c r="AU3057" s="137"/>
      <c r="AV3057" s="137"/>
      <c r="AW3057" s="144"/>
    </row>
    <row r="3058" spans="7:49" x14ac:dyDescent="0.2">
      <c r="G3058" s="43"/>
      <c r="Z3058" s="143"/>
      <c r="AA3058" s="137"/>
      <c r="AB3058" s="137"/>
      <c r="AC3058" s="137"/>
      <c r="AD3058" s="137"/>
      <c r="AE3058" s="137"/>
      <c r="AF3058" s="137"/>
      <c r="AG3058" s="137"/>
      <c r="AH3058" s="137"/>
      <c r="AI3058" s="137"/>
      <c r="AJ3058" s="137"/>
      <c r="AK3058" s="137"/>
      <c r="AL3058" s="137"/>
      <c r="AM3058" s="137"/>
      <c r="AN3058" s="137"/>
      <c r="AO3058" s="137"/>
      <c r="AP3058" s="137"/>
      <c r="AQ3058" s="137"/>
      <c r="AR3058" s="137"/>
      <c r="AS3058" s="137"/>
      <c r="AT3058" s="137"/>
      <c r="AU3058" s="137"/>
      <c r="AV3058" s="137"/>
      <c r="AW3058" s="144"/>
    </row>
    <row r="3059" spans="7:49" x14ac:dyDescent="0.2">
      <c r="G3059" s="43"/>
      <c r="Z3059" s="143"/>
      <c r="AA3059" s="137"/>
      <c r="AB3059" s="137"/>
      <c r="AC3059" s="137"/>
      <c r="AD3059" s="137"/>
      <c r="AE3059" s="137"/>
      <c r="AF3059" s="137"/>
      <c r="AG3059" s="137"/>
      <c r="AH3059" s="137"/>
      <c r="AI3059" s="137"/>
      <c r="AJ3059" s="137"/>
      <c r="AK3059" s="137"/>
      <c r="AL3059" s="137"/>
      <c r="AM3059" s="137"/>
      <c r="AN3059" s="137"/>
      <c r="AO3059" s="137"/>
      <c r="AP3059" s="137"/>
      <c r="AQ3059" s="137"/>
      <c r="AR3059" s="137"/>
      <c r="AS3059" s="137"/>
      <c r="AT3059" s="137"/>
      <c r="AU3059" s="137"/>
      <c r="AV3059" s="137"/>
      <c r="AW3059" s="144"/>
    </row>
    <row r="3060" spans="7:49" x14ac:dyDescent="0.2">
      <c r="G3060" s="43"/>
      <c r="Z3060" s="143"/>
      <c r="AA3060" s="137"/>
      <c r="AB3060" s="137"/>
      <c r="AC3060" s="137"/>
      <c r="AD3060" s="137"/>
      <c r="AE3060" s="137"/>
      <c r="AF3060" s="137"/>
      <c r="AG3060" s="137"/>
      <c r="AH3060" s="137"/>
      <c r="AI3060" s="137"/>
      <c r="AJ3060" s="137"/>
      <c r="AK3060" s="137"/>
      <c r="AL3060" s="137"/>
      <c r="AM3060" s="137"/>
      <c r="AN3060" s="137"/>
      <c r="AO3060" s="137"/>
      <c r="AP3060" s="137"/>
      <c r="AQ3060" s="137"/>
      <c r="AR3060" s="137"/>
      <c r="AS3060" s="137"/>
      <c r="AT3060" s="137"/>
      <c r="AU3060" s="137"/>
      <c r="AV3060" s="137"/>
      <c r="AW3060" s="144"/>
    </row>
    <row r="3061" spans="7:49" x14ac:dyDescent="0.2">
      <c r="G3061" s="43"/>
      <c r="Z3061" s="143"/>
      <c r="AA3061" s="137"/>
      <c r="AB3061" s="137"/>
      <c r="AC3061" s="137"/>
      <c r="AD3061" s="137"/>
      <c r="AE3061" s="137"/>
      <c r="AF3061" s="137"/>
      <c r="AG3061" s="137"/>
      <c r="AH3061" s="137"/>
      <c r="AI3061" s="137"/>
      <c r="AJ3061" s="137"/>
      <c r="AK3061" s="137"/>
      <c r="AL3061" s="137"/>
      <c r="AM3061" s="137"/>
      <c r="AN3061" s="137"/>
      <c r="AO3061" s="137"/>
      <c r="AP3061" s="137"/>
      <c r="AQ3061" s="137"/>
      <c r="AR3061" s="137"/>
      <c r="AS3061" s="137"/>
      <c r="AT3061" s="137"/>
      <c r="AU3061" s="137"/>
      <c r="AV3061" s="137"/>
      <c r="AW3061" s="144"/>
    </row>
    <row r="3062" spans="7:49" x14ac:dyDescent="0.2">
      <c r="G3062" s="43"/>
      <c r="Z3062" s="143"/>
      <c r="AA3062" s="137"/>
      <c r="AB3062" s="137"/>
      <c r="AC3062" s="137"/>
      <c r="AD3062" s="137"/>
      <c r="AE3062" s="137"/>
      <c r="AF3062" s="137"/>
      <c r="AG3062" s="137"/>
      <c r="AH3062" s="137"/>
      <c r="AI3062" s="137"/>
      <c r="AJ3062" s="137"/>
      <c r="AK3062" s="137"/>
      <c r="AL3062" s="137"/>
      <c r="AM3062" s="137"/>
      <c r="AN3062" s="137"/>
      <c r="AO3062" s="137"/>
      <c r="AP3062" s="137"/>
      <c r="AQ3062" s="137"/>
      <c r="AR3062" s="137"/>
      <c r="AS3062" s="137"/>
      <c r="AT3062" s="137"/>
      <c r="AU3062" s="137"/>
      <c r="AV3062" s="137"/>
      <c r="AW3062" s="144"/>
    </row>
    <row r="3063" spans="7:49" x14ac:dyDescent="0.2">
      <c r="G3063" s="43"/>
      <c r="Z3063" s="143"/>
      <c r="AA3063" s="137"/>
      <c r="AB3063" s="137"/>
      <c r="AC3063" s="137"/>
      <c r="AD3063" s="137"/>
      <c r="AE3063" s="137"/>
      <c r="AF3063" s="137"/>
      <c r="AG3063" s="137"/>
      <c r="AH3063" s="137"/>
      <c r="AI3063" s="137"/>
      <c r="AJ3063" s="137"/>
      <c r="AK3063" s="137"/>
      <c r="AL3063" s="137"/>
      <c r="AM3063" s="137"/>
      <c r="AN3063" s="137"/>
      <c r="AO3063" s="137"/>
      <c r="AP3063" s="137"/>
      <c r="AQ3063" s="137"/>
      <c r="AR3063" s="137"/>
      <c r="AS3063" s="137"/>
      <c r="AT3063" s="137"/>
      <c r="AU3063" s="137"/>
      <c r="AV3063" s="137"/>
      <c r="AW3063" s="144"/>
    </row>
    <row r="3064" spans="7:49" x14ac:dyDescent="0.2">
      <c r="G3064" s="43"/>
      <c r="Z3064" s="143"/>
      <c r="AA3064" s="137"/>
      <c r="AB3064" s="137"/>
      <c r="AC3064" s="137"/>
      <c r="AD3064" s="137"/>
      <c r="AE3064" s="137"/>
      <c r="AF3064" s="137"/>
      <c r="AG3064" s="137"/>
      <c r="AH3064" s="137"/>
      <c r="AI3064" s="137"/>
      <c r="AJ3064" s="137"/>
      <c r="AK3064" s="137"/>
      <c r="AL3064" s="137"/>
      <c r="AM3064" s="137"/>
      <c r="AN3064" s="137"/>
      <c r="AO3064" s="137"/>
      <c r="AP3064" s="137"/>
      <c r="AQ3064" s="137"/>
      <c r="AR3064" s="137"/>
      <c r="AS3064" s="137"/>
      <c r="AT3064" s="137"/>
      <c r="AU3064" s="137"/>
      <c r="AV3064" s="137"/>
      <c r="AW3064" s="144"/>
    </row>
    <row r="3065" spans="7:49" x14ac:dyDescent="0.2">
      <c r="G3065" s="43"/>
      <c r="Z3065" s="143"/>
      <c r="AA3065" s="137"/>
      <c r="AB3065" s="137"/>
      <c r="AC3065" s="137"/>
      <c r="AD3065" s="137"/>
      <c r="AE3065" s="137"/>
      <c r="AF3065" s="137"/>
      <c r="AG3065" s="137"/>
      <c r="AH3065" s="137"/>
      <c r="AI3065" s="137"/>
      <c r="AJ3065" s="137"/>
      <c r="AK3065" s="137"/>
      <c r="AL3065" s="137"/>
      <c r="AM3065" s="137"/>
      <c r="AN3065" s="137"/>
      <c r="AO3065" s="137"/>
      <c r="AP3065" s="137"/>
      <c r="AQ3065" s="137"/>
      <c r="AR3065" s="137"/>
      <c r="AS3065" s="137"/>
      <c r="AT3065" s="137"/>
      <c r="AU3065" s="137"/>
      <c r="AV3065" s="137"/>
      <c r="AW3065" s="144"/>
    </row>
    <row r="3066" spans="7:49" x14ac:dyDescent="0.2">
      <c r="G3066" s="43"/>
      <c r="Z3066" s="143"/>
      <c r="AA3066" s="137"/>
      <c r="AB3066" s="137"/>
      <c r="AC3066" s="137"/>
      <c r="AD3066" s="137"/>
      <c r="AE3066" s="137"/>
      <c r="AF3066" s="137"/>
      <c r="AG3066" s="137"/>
      <c r="AH3066" s="137"/>
      <c r="AI3066" s="137"/>
      <c r="AJ3066" s="137"/>
      <c r="AK3066" s="137"/>
      <c r="AL3066" s="137"/>
      <c r="AM3066" s="137"/>
      <c r="AN3066" s="137"/>
      <c r="AO3066" s="137"/>
      <c r="AP3066" s="137"/>
      <c r="AQ3066" s="137"/>
      <c r="AR3066" s="137"/>
      <c r="AS3066" s="137"/>
      <c r="AT3066" s="137"/>
      <c r="AU3066" s="137"/>
      <c r="AV3066" s="137"/>
      <c r="AW3066" s="144"/>
    </row>
    <row r="3067" spans="7:49" x14ac:dyDescent="0.2">
      <c r="G3067" s="43"/>
      <c r="Z3067" s="143"/>
      <c r="AA3067" s="137"/>
      <c r="AB3067" s="137"/>
      <c r="AC3067" s="137"/>
      <c r="AD3067" s="137"/>
      <c r="AE3067" s="137"/>
      <c r="AF3067" s="137"/>
      <c r="AG3067" s="137"/>
      <c r="AH3067" s="137"/>
      <c r="AI3067" s="137"/>
      <c r="AJ3067" s="137"/>
      <c r="AK3067" s="137"/>
      <c r="AL3067" s="137"/>
      <c r="AM3067" s="137"/>
      <c r="AN3067" s="137"/>
      <c r="AO3067" s="137"/>
      <c r="AP3067" s="137"/>
      <c r="AQ3067" s="137"/>
      <c r="AR3067" s="137"/>
      <c r="AS3067" s="137"/>
      <c r="AT3067" s="137"/>
      <c r="AU3067" s="137"/>
      <c r="AV3067" s="137"/>
      <c r="AW3067" s="144"/>
    </row>
    <row r="3068" spans="7:49" x14ac:dyDescent="0.2">
      <c r="G3068" s="43"/>
      <c r="Z3068" s="143"/>
      <c r="AA3068" s="137"/>
      <c r="AB3068" s="137"/>
      <c r="AC3068" s="137"/>
      <c r="AD3068" s="137"/>
      <c r="AE3068" s="137"/>
      <c r="AF3068" s="137"/>
      <c r="AG3068" s="137"/>
      <c r="AH3068" s="137"/>
      <c r="AI3068" s="137"/>
      <c r="AJ3068" s="137"/>
      <c r="AK3068" s="137"/>
      <c r="AL3068" s="137"/>
      <c r="AM3068" s="137"/>
      <c r="AN3068" s="137"/>
      <c r="AO3068" s="137"/>
      <c r="AP3068" s="137"/>
      <c r="AQ3068" s="137"/>
      <c r="AR3068" s="137"/>
      <c r="AS3068" s="137"/>
      <c r="AT3068" s="137"/>
      <c r="AU3068" s="137"/>
      <c r="AV3068" s="137"/>
      <c r="AW3068" s="144"/>
    </row>
    <row r="3069" spans="7:49" x14ac:dyDescent="0.2">
      <c r="G3069" s="43"/>
      <c r="Z3069" s="143"/>
      <c r="AA3069" s="137"/>
      <c r="AB3069" s="137"/>
      <c r="AC3069" s="137"/>
      <c r="AD3069" s="137"/>
      <c r="AE3069" s="137"/>
      <c r="AF3069" s="137"/>
      <c r="AG3069" s="137"/>
      <c r="AH3069" s="137"/>
      <c r="AI3069" s="137"/>
      <c r="AJ3069" s="137"/>
      <c r="AK3069" s="137"/>
      <c r="AL3069" s="137"/>
      <c r="AM3069" s="137"/>
      <c r="AN3069" s="137"/>
      <c r="AO3069" s="137"/>
      <c r="AP3069" s="137"/>
      <c r="AQ3069" s="137"/>
      <c r="AR3069" s="137"/>
      <c r="AS3069" s="137"/>
      <c r="AT3069" s="137"/>
      <c r="AU3069" s="137"/>
      <c r="AV3069" s="137"/>
      <c r="AW3069" s="144"/>
    </row>
    <row r="3070" spans="7:49" x14ac:dyDescent="0.2">
      <c r="G3070" s="43"/>
      <c r="Z3070" s="143"/>
      <c r="AA3070" s="137"/>
      <c r="AB3070" s="137"/>
      <c r="AC3070" s="137"/>
      <c r="AD3070" s="137"/>
      <c r="AE3070" s="137"/>
      <c r="AF3070" s="137"/>
      <c r="AG3070" s="137"/>
      <c r="AH3070" s="137"/>
      <c r="AI3070" s="137"/>
      <c r="AJ3070" s="137"/>
      <c r="AK3070" s="137"/>
      <c r="AL3070" s="137"/>
      <c r="AM3070" s="137"/>
      <c r="AN3070" s="137"/>
      <c r="AO3070" s="137"/>
      <c r="AP3070" s="137"/>
      <c r="AQ3070" s="137"/>
      <c r="AR3070" s="137"/>
      <c r="AS3070" s="137"/>
      <c r="AT3070" s="137"/>
      <c r="AU3070" s="137"/>
      <c r="AV3070" s="137"/>
      <c r="AW3070" s="144"/>
    </row>
    <row r="3071" spans="7:49" x14ac:dyDescent="0.2">
      <c r="G3071" s="43"/>
      <c r="Z3071" s="143"/>
      <c r="AA3071" s="137"/>
      <c r="AB3071" s="137"/>
      <c r="AC3071" s="137"/>
      <c r="AD3071" s="137"/>
      <c r="AE3071" s="137"/>
      <c r="AF3071" s="137"/>
      <c r="AG3071" s="137"/>
      <c r="AH3071" s="137"/>
      <c r="AI3071" s="137"/>
      <c r="AJ3071" s="137"/>
      <c r="AK3071" s="137"/>
      <c r="AL3071" s="137"/>
      <c r="AM3071" s="137"/>
      <c r="AN3071" s="137"/>
      <c r="AO3071" s="137"/>
      <c r="AP3071" s="137"/>
      <c r="AQ3071" s="137"/>
      <c r="AR3071" s="137"/>
      <c r="AS3071" s="137"/>
      <c r="AT3071" s="137"/>
      <c r="AU3071" s="137"/>
      <c r="AV3071" s="137"/>
      <c r="AW3071" s="144"/>
    </row>
    <row r="3072" spans="7:49" x14ac:dyDescent="0.2">
      <c r="G3072" s="43"/>
      <c r="Z3072" s="143"/>
      <c r="AA3072" s="137"/>
      <c r="AB3072" s="137"/>
      <c r="AC3072" s="137"/>
      <c r="AD3072" s="137"/>
      <c r="AE3072" s="137"/>
      <c r="AF3072" s="137"/>
      <c r="AG3072" s="137"/>
      <c r="AH3072" s="137"/>
      <c r="AI3072" s="137"/>
      <c r="AJ3072" s="137"/>
      <c r="AK3072" s="137"/>
      <c r="AL3072" s="137"/>
      <c r="AM3072" s="137"/>
      <c r="AN3072" s="137"/>
      <c r="AO3072" s="137"/>
      <c r="AP3072" s="137"/>
      <c r="AQ3072" s="137"/>
      <c r="AR3072" s="137"/>
      <c r="AS3072" s="137"/>
      <c r="AT3072" s="137"/>
      <c r="AU3072" s="137"/>
      <c r="AV3072" s="137"/>
      <c r="AW3072" s="144"/>
    </row>
    <row r="3073" spans="7:49" x14ac:dyDescent="0.2">
      <c r="G3073" s="43"/>
      <c r="Z3073" s="143"/>
      <c r="AA3073" s="137"/>
      <c r="AB3073" s="137"/>
      <c r="AC3073" s="137"/>
      <c r="AD3073" s="137"/>
      <c r="AE3073" s="137"/>
      <c r="AF3073" s="137"/>
      <c r="AG3073" s="137"/>
      <c r="AH3073" s="137"/>
      <c r="AI3073" s="137"/>
      <c r="AJ3073" s="137"/>
      <c r="AK3073" s="137"/>
      <c r="AL3073" s="137"/>
      <c r="AM3073" s="137"/>
      <c r="AN3073" s="137"/>
      <c r="AO3073" s="137"/>
      <c r="AP3073" s="137"/>
      <c r="AQ3073" s="137"/>
      <c r="AR3073" s="137"/>
      <c r="AS3073" s="137"/>
      <c r="AT3073" s="137"/>
      <c r="AU3073" s="137"/>
      <c r="AV3073" s="137"/>
      <c r="AW3073" s="144"/>
    </row>
    <row r="3074" spans="7:49" x14ac:dyDescent="0.2">
      <c r="G3074" s="43"/>
      <c r="Z3074" s="143"/>
      <c r="AA3074" s="137"/>
      <c r="AB3074" s="137"/>
      <c r="AC3074" s="137"/>
      <c r="AD3074" s="137"/>
      <c r="AE3074" s="137"/>
      <c r="AF3074" s="137"/>
      <c r="AG3074" s="137"/>
      <c r="AH3074" s="137"/>
      <c r="AI3074" s="137"/>
      <c r="AJ3074" s="137"/>
      <c r="AK3074" s="137"/>
      <c r="AL3074" s="137"/>
      <c r="AM3074" s="137"/>
      <c r="AN3074" s="137"/>
      <c r="AO3074" s="137"/>
      <c r="AP3074" s="137"/>
      <c r="AQ3074" s="137"/>
      <c r="AR3074" s="137"/>
      <c r="AS3074" s="137"/>
      <c r="AT3074" s="137"/>
      <c r="AU3074" s="137"/>
      <c r="AV3074" s="137"/>
      <c r="AW3074" s="144"/>
    </row>
    <row r="3075" spans="7:49" x14ac:dyDescent="0.2">
      <c r="G3075" s="43"/>
      <c r="Z3075" s="143"/>
      <c r="AA3075" s="137"/>
      <c r="AB3075" s="137"/>
      <c r="AC3075" s="137"/>
      <c r="AD3075" s="137"/>
      <c r="AE3075" s="137"/>
      <c r="AF3075" s="137"/>
      <c r="AG3075" s="137"/>
      <c r="AH3075" s="137"/>
      <c r="AI3075" s="137"/>
      <c r="AJ3075" s="137"/>
      <c r="AK3075" s="137"/>
      <c r="AL3075" s="137"/>
      <c r="AM3075" s="137"/>
      <c r="AN3075" s="137"/>
      <c r="AO3075" s="137"/>
      <c r="AP3075" s="137"/>
      <c r="AQ3075" s="137"/>
      <c r="AR3075" s="137"/>
      <c r="AS3075" s="137"/>
      <c r="AT3075" s="137"/>
      <c r="AU3075" s="137"/>
      <c r="AV3075" s="137"/>
      <c r="AW3075" s="144"/>
    </row>
    <row r="3076" spans="7:49" x14ac:dyDescent="0.2">
      <c r="G3076" s="43"/>
      <c r="Z3076" s="143"/>
      <c r="AA3076" s="137"/>
      <c r="AB3076" s="137"/>
      <c r="AC3076" s="137"/>
      <c r="AD3076" s="137"/>
      <c r="AE3076" s="137"/>
      <c r="AF3076" s="137"/>
      <c r="AG3076" s="137"/>
      <c r="AH3076" s="137"/>
      <c r="AI3076" s="137"/>
      <c r="AJ3076" s="137"/>
      <c r="AK3076" s="137"/>
      <c r="AL3076" s="137"/>
      <c r="AM3076" s="137"/>
      <c r="AN3076" s="137"/>
      <c r="AO3076" s="137"/>
      <c r="AP3076" s="137"/>
      <c r="AQ3076" s="137"/>
      <c r="AR3076" s="137"/>
      <c r="AS3076" s="137"/>
      <c r="AT3076" s="137"/>
      <c r="AU3076" s="137"/>
      <c r="AV3076" s="137"/>
      <c r="AW3076" s="144"/>
    </row>
    <row r="3077" spans="7:49" x14ac:dyDescent="0.2">
      <c r="G3077" s="43"/>
      <c r="Z3077" s="143"/>
      <c r="AA3077" s="137"/>
      <c r="AB3077" s="137"/>
      <c r="AC3077" s="137"/>
      <c r="AD3077" s="137"/>
      <c r="AE3077" s="137"/>
      <c r="AF3077" s="137"/>
      <c r="AG3077" s="137"/>
      <c r="AH3077" s="137"/>
      <c r="AI3077" s="137"/>
      <c r="AJ3077" s="137"/>
      <c r="AK3077" s="137"/>
      <c r="AL3077" s="137"/>
      <c r="AM3077" s="137"/>
      <c r="AN3077" s="137"/>
      <c r="AO3077" s="137"/>
      <c r="AP3077" s="137"/>
      <c r="AQ3077" s="137"/>
      <c r="AR3077" s="137"/>
      <c r="AS3077" s="137"/>
      <c r="AT3077" s="137"/>
      <c r="AU3077" s="137"/>
      <c r="AV3077" s="137"/>
      <c r="AW3077" s="144"/>
    </row>
    <row r="3078" spans="7:49" x14ac:dyDescent="0.2">
      <c r="G3078" s="43"/>
      <c r="Z3078" s="143"/>
      <c r="AA3078" s="137"/>
      <c r="AB3078" s="137"/>
      <c r="AC3078" s="137"/>
      <c r="AD3078" s="137"/>
      <c r="AE3078" s="137"/>
      <c r="AF3078" s="137"/>
      <c r="AG3078" s="137"/>
      <c r="AH3078" s="137"/>
      <c r="AI3078" s="137"/>
      <c r="AJ3078" s="137"/>
      <c r="AK3078" s="137"/>
      <c r="AL3078" s="137"/>
      <c r="AM3078" s="137"/>
      <c r="AN3078" s="137"/>
      <c r="AO3078" s="137"/>
      <c r="AP3078" s="137"/>
      <c r="AQ3078" s="137"/>
      <c r="AR3078" s="137"/>
      <c r="AS3078" s="137"/>
      <c r="AT3078" s="137"/>
      <c r="AU3078" s="137"/>
      <c r="AV3078" s="137"/>
      <c r="AW3078" s="144"/>
    </row>
    <row r="3079" spans="7:49" x14ac:dyDescent="0.2">
      <c r="G3079" s="43"/>
      <c r="Z3079" s="143"/>
      <c r="AA3079" s="137"/>
      <c r="AB3079" s="137"/>
      <c r="AC3079" s="137"/>
      <c r="AD3079" s="137"/>
      <c r="AE3079" s="137"/>
      <c r="AF3079" s="137"/>
      <c r="AG3079" s="137"/>
      <c r="AH3079" s="137"/>
      <c r="AI3079" s="137"/>
      <c r="AJ3079" s="137"/>
      <c r="AK3079" s="137"/>
      <c r="AL3079" s="137"/>
      <c r="AM3079" s="137"/>
      <c r="AN3079" s="137"/>
      <c r="AO3079" s="137"/>
      <c r="AP3079" s="137"/>
      <c r="AQ3079" s="137"/>
      <c r="AR3079" s="137"/>
      <c r="AS3079" s="137"/>
      <c r="AT3079" s="137"/>
      <c r="AU3079" s="137"/>
      <c r="AV3079" s="137"/>
      <c r="AW3079" s="144"/>
    </row>
    <row r="3080" spans="7:49" x14ac:dyDescent="0.2">
      <c r="G3080" s="43"/>
      <c r="Z3080" s="143"/>
      <c r="AA3080" s="137"/>
      <c r="AB3080" s="137"/>
      <c r="AC3080" s="137"/>
      <c r="AD3080" s="137"/>
      <c r="AE3080" s="137"/>
      <c r="AF3080" s="137"/>
      <c r="AG3080" s="137"/>
      <c r="AH3080" s="137"/>
      <c r="AI3080" s="137"/>
      <c r="AJ3080" s="137"/>
      <c r="AK3080" s="137"/>
      <c r="AL3080" s="137"/>
      <c r="AM3080" s="137"/>
      <c r="AN3080" s="137"/>
      <c r="AO3080" s="137"/>
      <c r="AP3080" s="137"/>
      <c r="AQ3080" s="137"/>
      <c r="AR3080" s="137"/>
      <c r="AS3080" s="137"/>
      <c r="AT3080" s="137"/>
      <c r="AU3080" s="137"/>
      <c r="AV3080" s="137"/>
      <c r="AW3080" s="144"/>
    </row>
    <row r="3081" spans="7:49" x14ac:dyDescent="0.2">
      <c r="G3081" s="43"/>
      <c r="Z3081" s="143"/>
      <c r="AA3081" s="137"/>
      <c r="AB3081" s="137"/>
      <c r="AC3081" s="137"/>
      <c r="AD3081" s="137"/>
      <c r="AE3081" s="137"/>
      <c r="AF3081" s="137"/>
      <c r="AG3081" s="137"/>
      <c r="AH3081" s="137"/>
      <c r="AI3081" s="137"/>
      <c r="AJ3081" s="137"/>
      <c r="AK3081" s="137"/>
      <c r="AL3081" s="137"/>
      <c r="AM3081" s="137"/>
      <c r="AN3081" s="137"/>
      <c r="AO3081" s="137"/>
      <c r="AP3081" s="137"/>
      <c r="AQ3081" s="137"/>
      <c r="AR3081" s="137"/>
      <c r="AS3081" s="137"/>
      <c r="AT3081" s="137"/>
      <c r="AU3081" s="137"/>
      <c r="AV3081" s="137"/>
      <c r="AW3081" s="144"/>
    </row>
    <row r="3082" spans="7:49" x14ac:dyDescent="0.2">
      <c r="G3082" s="43"/>
      <c r="Z3082" s="143"/>
      <c r="AA3082" s="137"/>
      <c r="AB3082" s="137"/>
      <c r="AC3082" s="137"/>
      <c r="AD3082" s="137"/>
      <c r="AE3082" s="137"/>
      <c r="AF3082" s="137"/>
      <c r="AG3082" s="137"/>
      <c r="AH3082" s="137"/>
      <c r="AI3082" s="137"/>
      <c r="AJ3082" s="137"/>
      <c r="AK3082" s="137"/>
      <c r="AL3082" s="137"/>
      <c r="AM3082" s="137"/>
      <c r="AN3082" s="137"/>
      <c r="AO3082" s="137"/>
      <c r="AP3082" s="137"/>
      <c r="AQ3082" s="137"/>
      <c r="AR3082" s="137"/>
      <c r="AS3082" s="137"/>
      <c r="AT3082" s="137"/>
      <c r="AU3082" s="137"/>
      <c r="AV3082" s="137"/>
      <c r="AW3082" s="144"/>
    </row>
    <row r="3083" spans="7:49" x14ac:dyDescent="0.2">
      <c r="G3083" s="43"/>
      <c r="Z3083" s="143"/>
      <c r="AA3083" s="137"/>
      <c r="AB3083" s="137"/>
      <c r="AC3083" s="137"/>
      <c r="AD3083" s="137"/>
      <c r="AE3083" s="137"/>
      <c r="AF3083" s="137"/>
      <c r="AG3083" s="137"/>
      <c r="AH3083" s="137"/>
      <c r="AI3083" s="137"/>
      <c r="AJ3083" s="137"/>
      <c r="AK3083" s="137"/>
      <c r="AL3083" s="137"/>
      <c r="AM3083" s="137"/>
      <c r="AN3083" s="137"/>
      <c r="AO3083" s="137"/>
      <c r="AP3083" s="137"/>
      <c r="AQ3083" s="137"/>
      <c r="AR3083" s="137"/>
      <c r="AS3083" s="137"/>
      <c r="AT3083" s="137"/>
      <c r="AU3083" s="137"/>
      <c r="AV3083" s="137"/>
      <c r="AW3083" s="144"/>
    </row>
    <row r="3084" spans="7:49" x14ac:dyDescent="0.2">
      <c r="G3084" s="43"/>
      <c r="Z3084" s="143"/>
      <c r="AA3084" s="137"/>
      <c r="AB3084" s="137"/>
      <c r="AC3084" s="137"/>
      <c r="AD3084" s="137"/>
      <c r="AE3084" s="137"/>
      <c r="AF3084" s="137"/>
      <c r="AG3084" s="137"/>
      <c r="AH3084" s="137"/>
      <c r="AI3084" s="137"/>
      <c r="AJ3084" s="137"/>
      <c r="AK3084" s="137"/>
      <c r="AL3084" s="137"/>
      <c r="AM3084" s="137"/>
      <c r="AN3084" s="137"/>
      <c r="AO3084" s="137"/>
      <c r="AP3084" s="137"/>
      <c r="AQ3084" s="137"/>
      <c r="AR3084" s="137"/>
      <c r="AS3084" s="137"/>
      <c r="AT3084" s="137"/>
      <c r="AU3084" s="137"/>
      <c r="AV3084" s="137"/>
      <c r="AW3084" s="144"/>
    </row>
    <row r="3085" spans="7:49" x14ac:dyDescent="0.2">
      <c r="G3085" s="43"/>
      <c r="Z3085" s="143"/>
      <c r="AA3085" s="137"/>
      <c r="AB3085" s="137"/>
      <c r="AC3085" s="137"/>
      <c r="AD3085" s="137"/>
      <c r="AE3085" s="137"/>
      <c r="AF3085" s="137"/>
      <c r="AG3085" s="137"/>
      <c r="AH3085" s="137"/>
      <c r="AI3085" s="137"/>
      <c r="AJ3085" s="137"/>
      <c r="AK3085" s="137"/>
      <c r="AL3085" s="137"/>
      <c r="AM3085" s="137"/>
      <c r="AN3085" s="137"/>
      <c r="AO3085" s="137"/>
      <c r="AP3085" s="137"/>
      <c r="AQ3085" s="137"/>
      <c r="AR3085" s="137"/>
      <c r="AS3085" s="137"/>
      <c r="AT3085" s="137"/>
      <c r="AU3085" s="137"/>
      <c r="AV3085" s="137"/>
      <c r="AW3085" s="144"/>
    </row>
    <row r="3086" spans="7:49" x14ac:dyDescent="0.2">
      <c r="G3086" s="43"/>
      <c r="Z3086" s="143"/>
      <c r="AA3086" s="137"/>
      <c r="AB3086" s="137"/>
      <c r="AC3086" s="137"/>
      <c r="AD3086" s="137"/>
      <c r="AE3086" s="137"/>
      <c r="AF3086" s="137"/>
      <c r="AG3086" s="137"/>
      <c r="AH3086" s="137"/>
      <c r="AI3086" s="137"/>
      <c r="AJ3086" s="137"/>
      <c r="AK3086" s="137"/>
      <c r="AL3086" s="137"/>
      <c r="AM3086" s="137"/>
      <c r="AN3086" s="137"/>
      <c r="AO3086" s="137"/>
      <c r="AP3086" s="137"/>
      <c r="AQ3086" s="137"/>
      <c r="AR3086" s="137"/>
      <c r="AS3086" s="137"/>
      <c r="AT3086" s="137"/>
      <c r="AU3086" s="137"/>
      <c r="AV3086" s="137"/>
      <c r="AW3086" s="144"/>
    </row>
    <row r="3087" spans="7:49" x14ac:dyDescent="0.2">
      <c r="G3087" s="43"/>
      <c r="Z3087" s="143"/>
      <c r="AA3087" s="137"/>
      <c r="AB3087" s="137"/>
      <c r="AC3087" s="137"/>
      <c r="AD3087" s="137"/>
      <c r="AE3087" s="137"/>
      <c r="AF3087" s="137"/>
      <c r="AG3087" s="137"/>
      <c r="AH3087" s="137"/>
      <c r="AI3087" s="137"/>
      <c r="AJ3087" s="137"/>
      <c r="AK3087" s="137"/>
      <c r="AL3087" s="137"/>
      <c r="AM3087" s="137"/>
      <c r="AN3087" s="137"/>
      <c r="AO3087" s="137"/>
      <c r="AP3087" s="137"/>
      <c r="AQ3087" s="137"/>
      <c r="AR3087" s="137"/>
      <c r="AS3087" s="137"/>
      <c r="AT3087" s="137"/>
      <c r="AU3087" s="137"/>
      <c r="AV3087" s="137"/>
      <c r="AW3087" s="144"/>
    </row>
    <row r="3088" spans="7:49" x14ac:dyDescent="0.2">
      <c r="G3088" s="43"/>
      <c r="Z3088" s="143"/>
      <c r="AA3088" s="137"/>
      <c r="AB3088" s="137"/>
      <c r="AC3088" s="137"/>
      <c r="AD3088" s="137"/>
      <c r="AE3088" s="137"/>
      <c r="AF3088" s="137"/>
      <c r="AG3088" s="137"/>
      <c r="AH3088" s="137"/>
      <c r="AI3088" s="137"/>
      <c r="AJ3088" s="137"/>
      <c r="AK3088" s="137"/>
      <c r="AL3088" s="137"/>
      <c r="AM3088" s="137"/>
      <c r="AN3088" s="137"/>
      <c r="AO3088" s="137"/>
      <c r="AP3088" s="137"/>
      <c r="AQ3088" s="137"/>
      <c r="AR3088" s="137"/>
      <c r="AS3088" s="137"/>
      <c r="AT3088" s="137"/>
      <c r="AU3088" s="137"/>
      <c r="AV3088" s="137"/>
      <c r="AW3088" s="144"/>
    </row>
    <row r="3089" spans="7:49" x14ac:dyDescent="0.2">
      <c r="G3089" s="43"/>
      <c r="Z3089" s="143"/>
      <c r="AA3089" s="137"/>
      <c r="AB3089" s="137"/>
      <c r="AC3089" s="137"/>
      <c r="AD3089" s="137"/>
      <c r="AE3089" s="137"/>
      <c r="AF3089" s="137"/>
      <c r="AG3089" s="137"/>
      <c r="AH3089" s="137"/>
      <c r="AI3089" s="137"/>
      <c r="AJ3089" s="137"/>
      <c r="AK3089" s="137"/>
      <c r="AL3089" s="137"/>
      <c r="AM3089" s="137"/>
      <c r="AN3089" s="137"/>
      <c r="AO3089" s="137"/>
      <c r="AP3089" s="137"/>
      <c r="AQ3089" s="137"/>
      <c r="AR3089" s="137"/>
      <c r="AS3089" s="137"/>
      <c r="AT3089" s="137"/>
      <c r="AU3089" s="137"/>
      <c r="AV3089" s="137"/>
      <c r="AW3089" s="144"/>
    </row>
    <row r="3090" spans="7:49" x14ac:dyDescent="0.2">
      <c r="G3090" s="43"/>
      <c r="Z3090" s="143"/>
      <c r="AA3090" s="137"/>
      <c r="AB3090" s="137"/>
      <c r="AC3090" s="137"/>
      <c r="AD3090" s="137"/>
      <c r="AE3090" s="137"/>
      <c r="AF3090" s="137"/>
      <c r="AG3090" s="137"/>
      <c r="AH3090" s="137"/>
      <c r="AI3090" s="137"/>
      <c r="AJ3090" s="137"/>
      <c r="AK3090" s="137"/>
      <c r="AL3090" s="137"/>
      <c r="AM3090" s="137"/>
      <c r="AN3090" s="137"/>
      <c r="AO3090" s="137"/>
      <c r="AP3090" s="137"/>
      <c r="AQ3090" s="137"/>
      <c r="AR3090" s="137"/>
      <c r="AS3090" s="137"/>
      <c r="AT3090" s="137"/>
      <c r="AU3090" s="137"/>
      <c r="AV3090" s="137"/>
      <c r="AW3090" s="144"/>
    </row>
    <row r="3091" spans="7:49" x14ac:dyDescent="0.2">
      <c r="G3091" s="43"/>
      <c r="Z3091" s="143"/>
      <c r="AA3091" s="137"/>
      <c r="AB3091" s="137"/>
      <c r="AC3091" s="137"/>
      <c r="AD3091" s="137"/>
      <c r="AE3091" s="137"/>
      <c r="AF3091" s="137"/>
      <c r="AG3091" s="137"/>
      <c r="AH3091" s="137"/>
      <c r="AI3091" s="137"/>
      <c r="AJ3091" s="137"/>
      <c r="AK3091" s="137"/>
      <c r="AL3091" s="137"/>
      <c r="AM3091" s="137"/>
      <c r="AN3091" s="137"/>
      <c r="AO3091" s="137"/>
      <c r="AP3091" s="137"/>
      <c r="AQ3091" s="137"/>
      <c r="AR3091" s="137"/>
      <c r="AS3091" s="137"/>
      <c r="AT3091" s="137"/>
      <c r="AU3091" s="137"/>
      <c r="AV3091" s="137"/>
      <c r="AW3091" s="144"/>
    </row>
    <row r="3092" spans="7:49" x14ac:dyDescent="0.2">
      <c r="G3092" s="43"/>
      <c r="Z3092" s="143"/>
      <c r="AA3092" s="137"/>
      <c r="AB3092" s="137"/>
      <c r="AC3092" s="137"/>
      <c r="AD3092" s="137"/>
      <c r="AE3092" s="137"/>
      <c r="AF3092" s="137"/>
      <c r="AG3092" s="137"/>
      <c r="AH3092" s="137"/>
      <c r="AI3092" s="137"/>
      <c r="AJ3092" s="137"/>
      <c r="AK3092" s="137"/>
      <c r="AL3092" s="137"/>
      <c r="AM3092" s="137"/>
      <c r="AN3092" s="137"/>
      <c r="AO3092" s="137"/>
      <c r="AP3092" s="137"/>
      <c r="AQ3092" s="137"/>
      <c r="AR3092" s="137"/>
      <c r="AS3092" s="137"/>
      <c r="AT3092" s="137"/>
      <c r="AU3092" s="137"/>
      <c r="AV3092" s="137"/>
      <c r="AW3092" s="144"/>
    </row>
    <row r="3093" spans="7:49" x14ac:dyDescent="0.2">
      <c r="G3093" s="43"/>
      <c r="Z3093" s="143"/>
      <c r="AA3093" s="137"/>
      <c r="AB3093" s="137"/>
      <c r="AC3093" s="137"/>
      <c r="AD3093" s="137"/>
      <c r="AE3093" s="137"/>
      <c r="AF3093" s="137"/>
      <c r="AG3093" s="137"/>
      <c r="AH3093" s="137"/>
      <c r="AI3093" s="137"/>
      <c r="AJ3093" s="137"/>
      <c r="AK3093" s="137"/>
      <c r="AL3093" s="137"/>
      <c r="AM3093" s="137"/>
      <c r="AN3093" s="137"/>
      <c r="AO3093" s="137"/>
      <c r="AP3093" s="137"/>
      <c r="AQ3093" s="137"/>
      <c r="AR3093" s="137"/>
      <c r="AS3093" s="137"/>
      <c r="AT3093" s="137"/>
      <c r="AU3093" s="137"/>
      <c r="AV3093" s="137"/>
      <c r="AW3093" s="144"/>
    </row>
    <row r="3094" spans="7:49" x14ac:dyDescent="0.2">
      <c r="G3094" s="43"/>
      <c r="Z3094" s="143"/>
      <c r="AA3094" s="137"/>
      <c r="AB3094" s="137"/>
      <c r="AC3094" s="137"/>
      <c r="AD3094" s="137"/>
      <c r="AE3094" s="137"/>
      <c r="AF3094" s="137"/>
      <c r="AG3094" s="137"/>
      <c r="AH3094" s="137"/>
      <c r="AI3094" s="137"/>
      <c r="AJ3094" s="137"/>
      <c r="AK3094" s="137"/>
      <c r="AL3094" s="137"/>
      <c r="AM3094" s="137"/>
      <c r="AN3094" s="137"/>
      <c r="AO3094" s="137"/>
      <c r="AP3094" s="137"/>
      <c r="AQ3094" s="137"/>
      <c r="AR3094" s="137"/>
      <c r="AS3094" s="137"/>
      <c r="AT3094" s="137"/>
      <c r="AU3094" s="137"/>
      <c r="AV3094" s="137"/>
      <c r="AW3094" s="144"/>
    </row>
    <row r="3095" spans="7:49" x14ac:dyDescent="0.2">
      <c r="G3095" s="43"/>
      <c r="Z3095" s="143"/>
      <c r="AA3095" s="137"/>
      <c r="AB3095" s="137"/>
      <c r="AC3095" s="137"/>
      <c r="AD3095" s="137"/>
      <c r="AE3095" s="137"/>
      <c r="AF3095" s="137"/>
      <c r="AG3095" s="137"/>
      <c r="AH3095" s="137"/>
      <c r="AI3095" s="137"/>
      <c r="AJ3095" s="137"/>
      <c r="AK3095" s="137"/>
      <c r="AL3095" s="137"/>
      <c r="AM3095" s="137"/>
      <c r="AN3095" s="137"/>
      <c r="AO3095" s="137"/>
      <c r="AP3095" s="137"/>
      <c r="AQ3095" s="137"/>
      <c r="AR3095" s="137"/>
      <c r="AS3095" s="137"/>
      <c r="AT3095" s="137"/>
      <c r="AU3095" s="137"/>
      <c r="AV3095" s="137"/>
      <c r="AW3095" s="144"/>
    </row>
    <row r="3096" spans="7:49" x14ac:dyDescent="0.2">
      <c r="G3096" s="43"/>
      <c r="Z3096" s="143"/>
      <c r="AA3096" s="137"/>
      <c r="AB3096" s="137"/>
      <c r="AC3096" s="137"/>
      <c r="AD3096" s="137"/>
      <c r="AE3096" s="137"/>
      <c r="AF3096" s="137"/>
      <c r="AG3096" s="137"/>
      <c r="AH3096" s="137"/>
      <c r="AI3096" s="137"/>
      <c r="AJ3096" s="137"/>
      <c r="AK3096" s="137"/>
      <c r="AL3096" s="137"/>
      <c r="AM3096" s="137"/>
      <c r="AN3096" s="137"/>
      <c r="AO3096" s="137"/>
      <c r="AP3096" s="137"/>
      <c r="AQ3096" s="137"/>
      <c r="AR3096" s="137"/>
      <c r="AS3096" s="137"/>
      <c r="AT3096" s="137"/>
      <c r="AU3096" s="137"/>
      <c r="AV3096" s="137"/>
      <c r="AW3096" s="144"/>
    </row>
    <row r="3097" spans="7:49" x14ac:dyDescent="0.2">
      <c r="G3097" s="43"/>
      <c r="Z3097" s="143"/>
      <c r="AA3097" s="137"/>
      <c r="AB3097" s="137"/>
      <c r="AC3097" s="137"/>
      <c r="AD3097" s="137"/>
      <c r="AE3097" s="137"/>
      <c r="AF3097" s="137"/>
      <c r="AG3097" s="137"/>
      <c r="AH3097" s="137"/>
      <c r="AI3097" s="137"/>
      <c r="AJ3097" s="137"/>
      <c r="AK3097" s="137"/>
      <c r="AL3097" s="137"/>
      <c r="AM3097" s="137"/>
      <c r="AN3097" s="137"/>
      <c r="AO3097" s="137"/>
      <c r="AP3097" s="137"/>
      <c r="AQ3097" s="137"/>
      <c r="AR3097" s="137"/>
      <c r="AS3097" s="137"/>
      <c r="AT3097" s="137"/>
      <c r="AU3097" s="137"/>
      <c r="AV3097" s="137"/>
      <c r="AW3097" s="144"/>
    </row>
    <row r="3098" spans="7:49" x14ac:dyDescent="0.2">
      <c r="G3098" s="43"/>
      <c r="Z3098" s="143"/>
      <c r="AA3098" s="137"/>
      <c r="AB3098" s="137"/>
      <c r="AC3098" s="137"/>
      <c r="AD3098" s="137"/>
      <c r="AE3098" s="137"/>
      <c r="AF3098" s="137"/>
      <c r="AG3098" s="137"/>
      <c r="AH3098" s="137"/>
      <c r="AI3098" s="137"/>
      <c r="AJ3098" s="137"/>
      <c r="AK3098" s="137"/>
      <c r="AL3098" s="137"/>
      <c r="AM3098" s="137"/>
      <c r="AN3098" s="137"/>
      <c r="AO3098" s="137"/>
      <c r="AP3098" s="137"/>
      <c r="AQ3098" s="137"/>
      <c r="AR3098" s="137"/>
      <c r="AS3098" s="137"/>
      <c r="AT3098" s="137"/>
      <c r="AU3098" s="137"/>
      <c r="AV3098" s="137"/>
      <c r="AW3098" s="144"/>
    </row>
    <row r="3099" spans="7:49" x14ac:dyDescent="0.2">
      <c r="G3099" s="43"/>
      <c r="Z3099" s="143"/>
      <c r="AA3099" s="137"/>
      <c r="AB3099" s="137"/>
      <c r="AC3099" s="137"/>
      <c r="AD3099" s="137"/>
      <c r="AE3099" s="137"/>
      <c r="AF3099" s="137"/>
      <c r="AG3099" s="137"/>
      <c r="AH3099" s="137"/>
      <c r="AI3099" s="137"/>
      <c r="AJ3099" s="137"/>
      <c r="AK3099" s="137"/>
      <c r="AL3099" s="137"/>
      <c r="AM3099" s="137"/>
      <c r="AN3099" s="137"/>
      <c r="AO3099" s="137"/>
      <c r="AP3099" s="137"/>
      <c r="AQ3099" s="137"/>
      <c r="AR3099" s="137"/>
      <c r="AS3099" s="137"/>
      <c r="AT3099" s="137"/>
      <c r="AU3099" s="137"/>
      <c r="AV3099" s="137"/>
      <c r="AW3099" s="144"/>
    </row>
    <row r="3100" spans="7:49" x14ac:dyDescent="0.2">
      <c r="G3100" s="43"/>
      <c r="Z3100" s="143"/>
      <c r="AA3100" s="137"/>
      <c r="AB3100" s="137"/>
      <c r="AC3100" s="137"/>
      <c r="AD3100" s="137"/>
      <c r="AE3100" s="137"/>
      <c r="AF3100" s="137"/>
      <c r="AG3100" s="137"/>
      <c r="AH3100" s="137"/>
      <c r="AI3100" s="137"/>
      <c r="AJ3100" s="137"/>
      <c r="AK3100" s="137"/>
      <c r="AL3100" s="137"/>
      <c r="AM3100" s="137"/>
      <c r="AN3100" s="137"/>
      <c r="AO3100" s="137"/>
      <c r="AP3100" s="137"/>
      <c r="AQ3100" s="137"/>
      <c r="AR3100" s="137"/>
      <c r="AS3100" s="137"/>
      <c r="AT3100" s="137"/>
      <c r="AU3100" s="137"/>
      <c r="AV3100" s="137"/>
      <c r="AW3100" s="144"/>
    </row>
    <row r="3101" spans="7:49" x14ac:dyDescent="0.2">
      <c r="G3101" s="43"/>
      <c r="Z3101" s="143"/>
      <c r="AA3101" s="137"/>
      <c r="AB3101" s="137"/>
      <c r="AC3101" s="137"/>
      <c r="AD3101" s="137"/>
      <c r="AE3101" s="137"/>
      <c r="AF3101" s="137"/>
      <c r="AG3101" s="137"/>
      <c r="AH3101" s="137"/>
      <c r="AI3101" s="137"/>
      <c r="AJ3101" s="137"/>
      <c r="AK3101" s="137"/>
      <c r="AL3101" s="137"/>
      <c r="AM3101" s="137"/>
      <c r="AN3101" s="137"/>
      <c r="AO3101" s="137"/>
      <c r="AP3101" s="137"/>
      <c r="AQ3101" s="137"/>
      <c r="AR3101" s="137"/>
      <c r="AS3101" s="137"/>
      <c r="AT3101" s="137"/>
      <c r="AU3101" s="137"/>
      <c r="AV3101" s="137"/>
      <c r="AW3101" s="144"/>
    </row>
    <row r="3102" spans="7:49" x14ac:dyDescent="0.2">
      <c r="G3102" s="43"/>
      <c r="Z3102" s="143"/>
      <c r="AA3102" s="137"/>
      <c r="AB3102" s="137"/>
      <c r="AC3102" s="137"/>
      <c r="AD3102" s="137"/>
      <c r="AE3102" s="137"/>
      <c r="AF3102" s="137"/>
      <c r="AG3102" s="137"/>
      <c r="AH3102" s="137"/>
      <c r="AI3102" s="137"/>
      <c r="AJ3102" s="137"/>
      <c r="AK3102" s="137"/>
      <c r="AL3102" s="137"/>
      <c r="AM3102" s="137"/>
      <c r="AN3102" s="137"/>
      <c r="AO3102" s="137"/>
      <c r="AP3102" s="137"/>
      <c r="AQ3102" s="137"/>
      <c r="AR3102" s="137"/>
      <c r="AS3102" s="137"/>
      <c r="AT3102" s="137"/>
      <c r="AU3102" s="137"/>
      <c r="AV3102" s="137"/>
      <c r="AW3102" s="144"/>
    </row>
    <row r="3103" spans="7:49" x14ac:dyDescent="0.2">
      <c r="G3103" s="43"/>
      <c r="Z3103" s="143"/>
      <c r="AA3103" s="137"/>
      <c r="AB3103" s="137"/>
      <c r="AC3103" s="137"/>
      <c r="AD3103" s="137"/>
      <c r="AE3103" s="137"/>
      <c r="AF3103" s="137"/>
      <c r="AG3103" s="137"/>
      <c r="AH3103" s="137"/>
      <c r="AI3103" s="137"/>
      <c r="AJ3103" s="137"/>
      <c r="AK3103" s="137"/>
      <c r="AL3103" s="137"/>
      <c r="AM3103" s="137"/>
      <c r="AN3103" s="137"/>
      <c r="AO3103" s="137"/>
      <c r="AP3103" s="137"/>
      <c r="AQ3103" s="137"/>
      <c r="AR3103" s="137"/>
      <c r="AS3103" s="137"/>
      <c r="AT3103" s="137"/>
      <c r="AU3103" s="137"/>
      <c r="AV3103" s="137"/>
      <c r="AW3103" s="144"/>
    </row>
    <row r="3104" spans="7:49" x14ac:dyDescent="0.2">
      <c r="G3104" s="43"/>
      <c r="Z3104" s="143"/>
      <c r="AA3104" s="137"/>
      <c r="AB3104" s="137"/>
      <c r="AC3104" s="137"/>
      <c r="AD3104" s="137"/>
      <c r="AE3104" s="137"/>
      <c r="AF3104" s="137"/>
      <c r="AG3104" s="137"/>
      <c r="AH3104" s="137"/>
      <c r="AI3104" s="137"/>
      <c r="AJ3104" s="137"/>
      <c r="AK3104" s="137"/>
      <c r="AL3104" s="137"/>
      <c r="AM3104" s="137"/>
      <c r="AN3104" s="137"/>
      <c r="AO3104" s="137"/>
      <c r="AP3104" s="137"/>
      <c r="AQ3104" s="137"/>
      <c r="AR3104" s="137"/>
      <c r="AS3104" s="137"/>
      <c r="AT3104" s="137"/>
      <c r="AU3104" s="137"/>
      <c r="AV3104" s="137"/>
      <c r="AW3104" s="144"/>
    </row>
    <row r="3105" spans="7:49" x14ac:dyDescent="0.2">
      <c r="G3105" s="43"/>
      <c r="Z3105" s="143"/>
      <c r="AA3105" s="137"/>
      <c r="AB3105" s="137"/>
      <c r="AC3105" s="137"/>
      <c r="AD3105" s="137"/>
      <c r="AE3105" s="137"/>
      <c r="AF3105" s="137"/>
      <c r="AG3105" s="137"/>
      <c r="AH3105" s="137"/>
      <c r="AI3105" s="137"/>
      <c r="AJ3105" s="137"/>
      <c r="AK3105" s="137"/>
      <c r="AL3105" s="137"/>
      <c r="AM3105" s="137"/>
      <c r="AN3105" s="137"/>
      <c r="AO3105" s="137"/>
      <c r="AP3105" s="137"/>
      <c r="AQ3105" s="137"/>
      <c r="AR3105" s="137"/>
      <c r="AS3105" s="137"/>
      <c r="AT3105" s="137"/>
      <c r="AU3105" s="137"/>
      <c r="AV3105" s="137"/>
      <c r="AW3105" s="144"/>
    </row>
    <row r="3106" spans="7:49" x14ac:dyDescent="0.2">
      <c r="G3106" s="43"/>
      <c r="Z3106" s="143"/>
      <c r="AA3106" s="137"/>
      <c r="AB3106" s="137"/>
      <c r="AC3106" s="137"/>
      <c r="AD3106" s="137"/>
      <c r="AE3106" s="137"/>
      <c r="AF3106" s="137"/>
      <c r="AG3106" s="137"/>
      <c r="AH3106" s="137"/>
      <c r="AI3106" s="137"/>
      <c r="AJ3106" s="137"/>
      <c r="AK3106" s="137"/>
      <c r="AL3106" s="137"/>
      <c r="AM3106" s="137"/>
      <c r="AN3106" s="137"/>
      <c r="AO3106" s="137"/>
      <c r="AP3106" s="137"/>
      <c r="AQ3106" s="137"/>
      <c r="AR3106" s="137"/>
      <c r="AS3106" s="137"/>
      <c r="AT3106" s="137"/>
      <c r="AU3106" s="137"/>
      <c r="AV3106" s="137"/>
      <c r="AW3106" s="144"/>
    </row>
    <row r="3107" spans="7:49" x14ac:dyDescent="0.2">
      <c r="G3107" s="43"/>
      <c r="Z3107" s="143"/>
      <c r="AA3107" s="137"/>
      <c r="AB3107" s="137"/>
      <c r="AC3107" s="137"/>
      <c r="AD3107" s="137"/>
      <c r="AE3107" s="137"/>
      <c r="AF3107" s="137"/>
      <c r="AG3107" s="137"/>
      <c r="AH3107" s="137"/>
      <c r="AI3107" s="137"/>
      <c r="AJ3107" s="137"/>
      <c r="AK3107" s="137"/>
      <c r="AL3107" s="137"/>
      <c r="AM3107" s="137"/>
      <c r="AN3107" s="137"/>
      <c r="AO3107" s="137"/>
      <c r="AP3107" s="137"/>
      <c r="AQ3107" s="137"/>
      <c r="AR3107" s="137"/>
      <c r="AS3107" s="137"/>
      <c r="AT3107" s="137"/>
      <c r="AU3107" s="137"/>
      <c r="AV3107" s="137"/>
      <c r="AW3107" s="144"/>
    </row>
    <row r="3108" spans="7:49" x14ac:dyDescent="0.2">
      <c r="G3108" s="43"/>
      <c r="Z3108" s="143"/>
      <c r="AA3108" s="137"/>
      <c r="AB3108" s="137"/>
      <c r="AC3108" s="137"/>
      <c r="AD3108" s="137"/>
      <c r="AE3108" s="137"/>
      <c r="AF3108" s="137"/>
      <c r="AG3108" s="137"/>
      <c r="AH3108" s="137"/>
      <c r="AI3108" s="137"/>
      <c r="AJ3108" s="137"/>
      <c r="AK3108" s="137"/>
      <c r="AL3108" s="137"/>
      <c r="AM3108" s="137"/>
      <c r="AN3108" s="137"/>
      <c r="AO3108" s="137"/>
      <c r="AP3108" s="137"/>
      <c r="AQ3108" s="137"/>
      <c r="AR3108" s="137"/>
      <c r="AS3108" s="137"/>
      <c r="AT3108" s="137"/>
      <c r="AU3108" s="137"/>
      <c r="AV3108" s="137"/>
      <c r="AW3108" s="144"/>
    </row>
    <row r="3109" spans="7:49" x14ac:dyDescent="0.2">
      <c r="G3109" s="43"/>
      <c r="Z3109" s="143"/>
      <c r="AA3109" s="137"/>
      <c r="AB3109" s="137"/>
      <c r="AC3109" s="137"/>
      <c r="AD3109" s="137"/>
      <c r="AE3109" s="137"/>
      <c r="AF3109" s="137"/>
      <c r="AG3109" s="137"/>
      <c r="AH3109" s="137"/>
      <c r="AI3109" s="137"/>
      <c r="AJ3109" s="137"/>
      <c r="AK3109" s="137"/>
      <c r="AL3109" s="137"/>
      <c r="AM3109" s="137"/>
      <c r="AN3109" s="137"/>
      <c r="AO3109" s="137"/>
      <c r="AP3109" s="137"/>
      <c r="AQ3109" s="137"/>
      <c r="AR3109" s="137"/>
      <c r="AS3109" s="137"/>
      <c r="AT3109" s="137"/>
      <c r="AU3109" s="137"/>
      <c r="AV3109" s="137"/>
      <c r="AW3109" s="144"/>
    </row>
    <row r="3110" spans="7:49" x14ac:dyDescent="0.2">
      <c r="G3110" s="43"/>
      <c r="Z3110" s="143"/>
      <c r="AA3110" s="137"/>
      <c r="AB3110" s="137"/>
      <c r="AC3110" s="137"/>
      <c r="AD3110" s="137"/>
      <c r="AE3110" s="137"/>
      <c r="AF3110" s="137"/>
      <c r="AG3110" s="137"/>
      <c r="AH3110" s="137"/>
      <c r="AI3110" s="137"/>
      <c r="AJ3110" s="137"/>
      <c r="AK3110" s="137"/>
      <c r="AL3110" s="137"/>
      <c r="AM3110" s="137"/>
      <c r="AN3110" s="137"/>
      <c r="AO3110" s="137"/>
      <c r="AP3110" s="137"/>
      <c r="AQ3110" s="137"/>
      <c r="AR3110" s="137"/>
      <c r="AS3110" s="137"/>
      <c r="AT3110" s="137"/>
      <c r="AU3110" s="137"/>
      <c r="AV3110" s="137"/>
      <c r="AW3110" s="144"/>
    </row>
    <row r="3111" spans="7:49" x14ac:dyDescent="0.2">
      <c r="G3111" s="43"/>
      <c r="Z3111" s="143"/>
      <c r="AA3111" s="137"/>
      <c r="AB3111" s="137"/>
      <c r="AC3111" s="137"/>
      <c r="AD3111" s="137"/>
      <c r="AE3111" s="137"/>
      <c r="AF3111" s="137"/>
      <c r="AG3111" s="137"/>
      <c r="AH3111" s="137"/>
      <c r="AI3111" s="137"/>
      <c r="AJ3111" s="137"/>
      <c r="AK3111" s="137"/>
      <c r="AL3111" s="137"/>
      <c r="AM3111" s="137"/>
      <c r="AN3111" s="137"/>
      <c r="AO3111" s="137"/>
      <c r="AP3111" s="137"/>
      <c r="AQ3111" s="137"/>
      <c r="AR3111" s="137"/>
      <c r="AS3111" s="137"/>
      <c r="AT3111" s="137"/>
      <c r="AU3111" s="137"/>
      <c r="AV3111" s="137"/>
      <c r="AW3111" s="144"/>
    </row>
    <row r="3112" spans="7:49" x14ac:dyDescent="0.2">
      <c r="G3112" s="43"/>
      <c r="Z3112" s="143"/>
      <c r="AA3112" s="137"/>
      <c r="AB3112" s="137"/>
      <c r="AC3112" s="137"/>
      <c r="AD3112" s="137"/>
      <c r="AE3112" s="137"/>
      <c r="AF3112" s="137"/>
      <c r="AG3112" s="137"/>
      <c r="AH3112" s="137"/>
      <c r="AI3112" s="137"/>
      <c r="AJ3112" s="137"/>
      <c r="AK3112" s="137"/>
      <c r="AL3112" s="137"/>
      <c r="AM3112" s="137"/>
      <c r="AN3112" s="137"/>
      <c r="AO3112" s="137"/>
      <c r="AP3112" s="137"/>
      <c r="AQ3112" s="137"/>
      <c r="AR3112" s="137"/>
      <c r="AS3112" s="137"/>
      <c r="AT3112" s="137"/>
      <c r="AU3112" s="137"/>
      <c r="AV3112" s="137"/>
      <c r="AW3112" s="144"/>
    </row>
    <row r="3113" spans="7:49" x14ac:dyDescent="0.2">
      <c r="G3113" s="43"/>
      <c r="Z3113" s="143"/>
      <c r="AA3113" s="137"/>
      <c r="AB3113" s="137"/>
      <c r="AC3113" s="137"/>
      <c r="AD3113" s="137"/>
      <c r="AE3113" s="137"/>
      <c r="AF3113" s="137"/>
      <c r="AG3113" s="137"/>
      <c r="AH3113" s="137"/>
      <c r="AI3113" s="137"/>
      <c r="AJ3113" s="137"/>
      <c r="AK3113" s="137"/>
      <c r="AL3113" s="137"/>
      <c r="AM3113" s="137"/>
      <c r="AN3113" s="137"/>
      <c r="AO3113" s="137"/>
      <c r="AP3113" s="137"/>
      <c r="AQ3113" s="137"/>
      <c r="AR3113" s="137"/>
      <c r="AS3113" s="137"/>
      <c r="AT3113" s="137"/>
      <c r="AU3113" s="137"/>
      <c r="AV3113" s="137"/>
      <c r="AW3113" s="144"/>
    </row>
    <row r="3114" spans="7:49" x14ac:dyDescent="0.2">
      <c r="G3114" s="43"/>
      <c r="Z3114" s="143"/>
      <c r="AA3114" s="137"/>
      <c r="AB3114" s="137"/>
      <c r="AC3114" s="137"/>
      <c r="AD3114" s="137"/>
      <c r="AE3114" s="137"/>
      <c r="AF3114" s="137"/>
      <c r="AG3114" s="137"/>
      <c r="AH3114" s="137"/>
      <c r="AI3114" s="137"/>
      <c r="AJ3114" s="137"/>
      <c r="AK3114" s="137"/>
      <c r="AL3114" s="137"/>
      <c r="AM3114" s="137"/>
      <c r="AN3114" s="137"/>
      <c r="AO3114" s="137"/>
      <c r="AP3114" s="137"/>
      <c r="AQ3114" s="137"/>
      <c r="AR3114" s="137"/>
      <c r="AS3114" s="137"/>
      <c r="AT3114" s="137"/>
      <c r="AU3114" s="137"/>
      <c r="AV3114" s="137"/>
      <c r="AW3114" s="144"/>
    </row>
    <row r="3115" spans="7:49" x14ac:dyDescent="0.2">
      <c r="G3115" s="43"/>
      <c r="Z3115" s="143"/>
      <c r="AA3115" s="137"/>
      <c r="AB3115" s="137"/>
      <c r="AC3115" s="137"/>
      <c r="AD3115" s="137"/>
      <c r="AE3115" s="137"/>
      <c r="AF3115" s="137"/>
      <c r="AG3115" s="137"/>
      <c r="AH3115" s="137"/>
      <c r="AI3115" s="137"/>
      <c r="AJ3115" s="137"/>
      <c r="AK3115" s="137"/>
      <c r="AL3115" s="137"/>
      <c r="AM3115" s="137"/>
      <c r="AN3115" s="137"/>
      <c r="AO3115" s="137"/>
      <c r="AP3115" s="137"/>
      <c r="AQ3115" s="137"/>
      <c r="AR3115" s="137"/>
      <c r="AS3115" s="137"/>
      <c r="AT3115" s="137"/>
      <c r="AU3115" s="137"/>
      <c r="AV3115" s="137"/>
      <c r="AW3115" s="144"/>
    </row>
    <row r="3116" spans="7:49" x14ac:dyDescent="0.2">
      <c r="G3116" s="43"/>
      <c r="Z3116" s="143"/>
      <c r="AA3116" s="137"/>
      <c r="AB3116" s="137"/>
      <c r="AC3116" s="137"/>
      <c r="AD3116" s="137"/>
      <c r="AE3116" s="137"/>
      <c r="AF3116" s="137"/>
      <c r="AG3116" s="137"/>
      <c r="AH3116" s="137"/>
      <c r="AI3116" s="137"/>
      <c r="AJ3116" s="137"/>
      <c r="AK3116" s="137"/>
      <c r="AL3116" s="137"/>
      <c r="AM3116" s="137"/>
      <c r="AN3116" s="137"/>
      <c r="AO3116" s="137"/>
      <c r="AP3116" s="137"/>
      <c r="AQ3116" s="137"/>
      <c r="AR3116" s="137"/>
      <c r="AS3116" s="137"/>
      <c r="AT3116" s="137"/>
      <c r="AU3116" s="137"/>
      <c r="AV3116" s="137"/>
      <c r="AW3116" s="144"/>
    </row>
    <row r="3117" spans="7:49" x14ac:dyDescent="0.2">
      <c r="G3117" s="43"/>
      <c r="Z3117" s="143"/>
      <c r="AA3117" s="137"/>
      <c r="AB3117" s="137"/>
      <c r="AC3117" s="137"/>
      <c r="AD3117" s="137"/>
      <c r="AE3117" s="137"/>
      <c r="AF3117" s="137"/>
      <c r="AG3117" s="137"/>
      <c r="AH3117" s="137"/>
      <c r="AI3117" s="137"/>
      <c r="AJ3117" s="137"/>
      <c r="AK3117" s="137"/>
      <c r="AL3117" s="137"/>
      <c r="AM3117" s="137"/>
      <c r="AN3117" s="137"/>
      <c r="AO3117" s="137"/>
      <c r="AP3117" s="137"/>
      <c r="AQ3117" s="137"/>
      <c r="AR3117" s="137"/>
      <c r="AS3117" s="137"/>
      <c r="AT3117" s="137"/>
      <c r="AU3117" s="137"/>
      <c r="AV3117" s="137"/>
      <c r="AW3117" s="144"/>
    </row>
    <row r="3118" spans="7:49" x14ac:dyDescent="0.2">
      <c r="G3118" s="43"/>
      <c r="Z3118" s="143"/>
      <c r="AA3118" s="137"/>
      <c r="AB3118" s="137"/>
      <c r="AC3118" s="137"/>
      <c r="AD3118" s="137"/>
      <c r="AE3118" s="137"/>
      <c r="AF3118" s="137"/>
      <c r="AG3118" s="137"/>
      <c r="AH3118" s="137"/>
      <c r="AI3118" s="137"/>
      <c r="AJ3118" s="137"/>
      <c r="AK3118" s="137"/>
      <c r="AL3118" s="137"/>
      <c r="AM3118" s="137"/>
      <c r="AN3118" s="137"/>
      <c r="AO3118" s="137"/>
      <c r="AP3118" s="137"/>
      <c r="AQ3118" s="137"/>
      <c r="AR3118" s="137"/>
      <c r="AS3118" s="137"/>
      <c r="AT3118" s="137"/>
      <c r="AU3118" s="137"/>
      <c r="AV3118" s="137"/>
      <c r="AW3118" s="144"/>
    </row>
    <row r="3119" spans="7:49" x14ac:dyDescent="0.2">
      <c r="G3119" s="43"/>
      <c r="Z3119" s="143"/>
      <c r="AA3119" s="137"/>
      <c r="AB3119" s="137"/>
      <c r="AC3119" s="137"/>
      <c r="AD3119" s="137"/>
      <c r="AE3119" s="137"/>
      <c r="AF3119" s="137"/>
      <c r="AG3119" s="137"/>
      <c r="AH3119" s="137"/>
      <c r="AI3119" s="137"/>
      <c r="AJ3119" s="137"/>
      <c r="AK3119" s="137"/>
      <c r="AL3119" s="137"/>
      <c r="AM3119" s="137"/>
      <c r="AN3119" s="137"/>
      <c r="AO3119" s="137"/>
      <c r="AP3119" s="137"/>
      <c r="AQ3119" s="137"/>
      <c r="AR3119" s="137"/>
      <c r="AS3119" s="137"/>
      <c r="AT3119" s="137"/>
      <c r="AU3119" s="137"/>
      <c r="AV3119" s="137"/>
      <c r="AW3119" s="144"/>
    </row>
    <row r="3120" spans="7:49" x14ac:dyDescent="0.2">
      <c r="G3120" s="43"/>
      <c r="Z3120" s="143"/>
      <c r="AA3120" s="137"/>
      <c r="AB3120" s="137"/>
      <c r="AC3120" s="137"/>
      <c r="AD3120" s="137"/>
      <c r="AE3120" s="137"/>
      <c r="AF3120" s="137"/>
      <c r="AG3120" s="137"/>
      <c r="AH3120" s="137"/>
      <c r="AI3120" s="137"/>
      <c r="AJ3120" s="137"/>
      <c r="AK3120" s="137"/>
      <c r="AL3120" s="137"/>
      <c r="AM3120" s="137"/>
      <c r="AN3120" s="137"/>
      <c r="AO3120" s="137"/>
      <c r="AP3120" s="137"/>
      <c r="AQ3120" s="137"/>
      <c r="AR3120" s="137"/>
      <c r="AS3120" s="137"/>
      <c r="AT3120" s="137"/>
      <c r="AU3120" s="137"/>
      <c r="AV3120" s="137"/>
      <c r="AW3120" s="144"/>
    </row>
    <row r="3121" spans="7:49" x14ac:dyDescent="0.2">
      <c r="G3121" s="43"/>
      <c r="Z3121" s="143"/>
      <c r="AA3121" s="137"/>
      <c r="AB3121" s="137"/>
      <c r="AC3121" s="137"/>
      <c r="AD3121" s="137"/>
      <c r="AE3121" s="137"/>
      <c r="AF3121" s="137"/>
      <c r="AG3121" s="137"/>
      <c r="AH3121" s="137"/>
      <c r="AI3121" s="137"/>
      <c r="AJ3121" s="137"/>
      <c r="AK3121" s="137"/>
      <c r="AL3121" s="137"/>
      <c r="AM3121" s="137"/>
      <c r="AN3121" s="137"/>
      <c r="AO3121" s="137"/>
      <c r="AP3121" s="137"/>
      <c r="AQ3121" s="137"/>
      <c r="AR3121" s="137"/>
      <c r="AS3121" s="137"/>
      <c r="AT3121" s="137"/>
      <c r="AU3121" s="137"/>
      <c r="AV3121" s="137"/>
      <c r="AW3121" s="144"/>
    </row>
    <row r="3122" spans="7:49" x14ac:dyDescent="0.2">
      <c r="G3122" s="43"/>
      <c r="Z3122" s="143"/>
      <c r="AA3122" s="137"/>
      <c r="AB3122" s="137"/>
      <c r="AC3122" s="137"/>
      <c r="AD3122" s="137"/>
      <c r="AE3122" s="137"/>
      <c r="AF3122" s="137"/>
      <c r="AG3122" s="137"/>
      <c r="AH3122" s="137"/>
      <c r="AI3122" s="137"/>
      <c r="AJ3122" s="137"/>
      <c r="AK3122" s="137"/>
      <c r="AL3122" s="137"/>
      <c r="AM3122" s="137"/>
      <c r="AN3122" s="137"/>
      <c r="AO3122" s="137"/>
      <c r="AP3122" s="137"/>
      <c r="AQ3122" s="137"/>
      <c r="AR3122" s="137"/>
      <c r="AS3122" s="137"/>
      <c r="AT3122" s="137"/>
      <c r="AU3122" s="137"/>
      <c r="AV3122" s="137"/>
      <c r="AW3122" s="144"/>
    </row>
    <row r="3123" spans="7:49" x14ac:dyDescent="0.2">
      <c r="G3123" s="43"/>
      <c r="Z3123" s="143"/>
      <c r="AA3123" s="137"/>
      <c r="AB3123" s="137"/>
      <c r="AC3123" s="137"/>
      <c r="AD3123" s="137"/>
      <c r="AE3123" s="137"/>
      <c r="AF3123" s="137"/>
      <c r="AG3123" s="137"/>
      <c r="AH3123" s="137"/>
      <c r="AI3123" s="137"/>
      <c r="AJ3123" s="137"/>
      <c r="AK3123" s="137"/>
      <c r="AL3123" s="137"/>
      <c r="AM3123" s="137"/>
      <c r="AN3123" s="137"/>
      <c r="AO3123" s="137"/>
      <c r="AP3123" s="137"/>
      <c r="AQ3123" s="137"/>
      <c r="AR3123" s="137"/>
      <c r="AS3123" s="137"/>
      <c r="AT3123" s="137"/>
      <c r="AU3123" s="137"/>
      <c r="AV3123" s="137"/>
      <c r="AW3123" s="144"/>
    </row>
    <row r="3124" spans="7:49" x14ac:dyDescent="0.2">
      <c r="G3124" s="43"/>
      <c r="Z3124" s="143"/>
      <c r="AA3124" s="137"/>
      <c r="AB3124" s="137"/>
      <c r="AC3124" s="137"/>
      <c r="AD3124" s="137"/>
      <c r="AE3124" s="137"/>
      <c r="AF3124" s="137"/>
      <c r="AG3124" s="137"/>
      <c r="AH3124" s="137"/>
      <c r="AI3124" s="137"/>
      <c r="AJ3124" s="137"/>
      <c r="AK3124" s="137"/>
      <c r="AL3124" s="137"/>
      <c r="AM3124" s="137"/>
      <c r="AN3124" s="137"/>
      <c r="AO3124" s="137"/>
      <c r="AP3124" s="137"/>
      <c r="AQ3124" s="137"/>
      <c r="AR3124" s="137"/>
      <c r="AS3124" s="137"/>
      <c r="AT3124" s="137"/>
      <c r="AU3124" s="137"/>
      <c r="AV3124" s="137"/>
      <c r="AW3124" s="144"/>
    </row>
    <row r="3125" spans="7:49" x14ac:dyDescent="0.2">
      <c r="G3125" s="43"/>
      <c r="Z3125" s="143"/>
      <c r="AA3125" s="137"/>
      <c r="AB3125" s="137"/>
      <c r="AC3125" s="137"/>
      <c r="AD3125" s="137"/>
      <c r="AE3125" s="137"/>
      <c r="AF3125" s="137"/>
      <c r="AG3125" s="137"/>
      <c r="AH3125" s="137"/>
      <c r="AI3125" s="137"/>
      <c r="AJ3125" s="137"/>
      <c r="AK3125" s="137"/>
      <c r="AL3125" s="137"/>
      <c r="AM3125" s="137"/>
      <c r="AN3125" s="137"/>
      <c r="AO3125" s="137"/>
      <c r="AP3125" s="137"/>
      <c r="AQ3125" s="137"/>
      <c r="AR3125" s="137"/>
      <c r="AS3125" s="137"/>
      <c r="AT3125" s="137"/>
      <c r="AU3125" s="137"/>
      <c r="AV3125" s="137"/>
      <c r="AW3125" s="144"/>
    </row>
    <row r="3126" spans="7:49" x14ac:dyDescent="0.2">
      <c r="G3126" s="43"/>
      <c r="Z3126" s="143"/>
      <c r="AA3126" s="137"/>
      <c r="AB3126" s="137"/>
      <c r="AC3126" s="137"/>
      <c r="AD3126" s="137"/>
      <c r="AE3126" s="137"/>
      <c r="AF3126" s="137"/>
      <c r="AG3126" s="137"/>
      <c r="AH3126" s="137"/>
      <c r="AI3126" s="137"/>
      <c r="AJ3126" s="137"/>
      <c r="AK3126" s="137"/>
      <c r="AL3126" s="137"/>
      <c r="AM3126" s="137"/>
      <c r="AN3126" s="137"/>
      <c r="AO3126" s="137"/>
      <c r="AP3126" s="137"/>
      <c r="AQ3126" s="137"/>
      <c r="AR3126" s="137"/>
      <c r="AS3126" s="137"/>
      <c r="AT3126" s="137"/>
      <c r="AU3126" s="137"/>
      <c r="AV3126" s="137"/>
      <c r="AW3126" s="144"/>
    </row>
    <row r="3127" spans="7:49" x14ac:dyDescent="0.2">
      <c r="G3127" s="43"/>
      <c r="Z3127" s="143"/>
      <c r="AA3127" s="137"/>
      <c r="AB3127" s="137"/>
      <c r="AC3127" s="137"/>
      <c r="AD3127" s="137"/>
      <c r="AE3127" s="137"/>
      <c r="AF3127" s="137"/>
      <c r="AG3127" s="137"/>
      <c r="AH3127" s="137"/>
      <c r="AI3127" s="137"/>
      <c r="AJ3127" s="137"/>
      <c r="AK3127" s="137"/>
      <c r="AL3127" s="137"/>
      <c r="AM3127" s="137"/>
      <c r="AN3127" s="137"/>
      <c r="AO3127" s="137"/>
      <c r="AP3127" s="137"/>
      <c r="AQ3127" s="137"/>
      <c r="AR3127" s="137"/>
      <c r="AS3127" s="137"/>
      <c r="AT3127" s="137"/>
      <c r="AU3127" s="137"/>
      <c r="AV3127" s="137"/>
      <c r="AW3127" s="144"/>
    </row>
    <row r="3128" spans="7:49" x14ac:dyDescent="0.2">
      <c r="G3128" s="43"/>
      <c r="Z3128" s="143"/>
      <c r="AA3128" s="137"/>
      <c r="AB3128" s="137"/>
      <c r="AC3128" s="137"/>
      <c r="AD3128" s="137"/>
      <c r="AE3128" s="137"/>
      <c r="AF3128" s="137"/>
      <c r="AG3128" s="137"/>
      <c r="AH3128" s="137"/>
      <c r="AI3128" s="137"/>
      <c r="AJ3128" s="137"/>
      <c r="AK3128" s="137"/>
      <c r="AL3128" s="137"/>
      <c r="AM3128" s="137"/>
      <c r="AN3128" s="137"/>
      <c r="AO3128" s="137"/>
      <c r="AP3128" s="137"/>
      <c r="AQ3128" s="137"/>
      <c r="AR3128" s="137"/>
      <c r="AS3128" s="137"/>
      <c r="AT3128" s="137"/>
      <c r="AU3128" s="137"/>
      <c r="AV3128" s="137"/>
      <c r="AW3128" s="144"/>
    </row>
    <row r="3129" spans="7:49" x14ac:dyDescent="0.2">
      <c r="G3129" s="43"/>
      <c r="Z3129" s="143"/>
      <c r="AA3129" s="137"/>
      <c r="AB3129" s="137"/>
      <c r="AC3129" s="137"/>
      <c r="AD3129" s="137"/>
      <c r="AE3129" s="137"/>
      <c r="AF3129" s="137"/>
      <c r="AG3129" s="137"/>
      <c r="AH3129" s="137"/>
      <c r="AI3129" s="137"/>
      <c r="AJ3129" s="137"/>
      <c r="AK3129" s="137"/>
      <c r="AL3129" s="137"/>
      <c r="AM3129" s="137"/>
      <c r="AN3129" s="137"/>
      <c r="AO3129" s="137"/>
      <c r="AP3129" s="137"/>
      <c r="AQ3129" s="137"/>
      <c r="AR3129" s="137"/>
      <c r="AS3129" s="137"/>
      <c r="AT3129" s="137"/>
      <c r="AU3129" s="137"/>
      <c r="AV3129" s="137"/>
      <c r="AW3129" s="144"/>
    </row>
    <row r="3130" spans="7:49" x14ac:dyDescent="0.2">
      <c r="G3130" s="43"/>
      <c r="Z3130" s="143"/>
      <c r="AA3130" s="137"/>
      <c r="AB3130" s="137"/>
      <c r="AC3130" s="137"/>
      <c r="AD3130" s="137"/>
      <c r="AE3130" s="137"/>
      <c r="AF3130" s="137"/>
      <c r="AG3130" s="137"/>
      <c r="AH3130" s="137"/>
      <c r="AI3130" s="137"/>
      <c r="AJ3130" s="137"/>
      <c r="AK3130" s="137"/>
      <c r="AL3130" s="137"/>
      <c r="AM3130" s="137"/>
      <c r="AN3130" s="137"/>
      <c r="AO3130" s="137"/>
      <c r="AP3130" s="137"/>
      <c r="AQ3130" s="137"/>
      <c r="AR3130" s="137"/>
      <c r="AS3130" s="137"/>
      <c r="AT3130" s="137"/>
      <c r="AU3130" s="137"/>
      <c r="AV3130" s="137"/>
      <c r="AW3130" s="144"/>
    </row>
    <row r="3131" spans="7:49" x14ac:dyDescent="0.2">
      <c r="G3131" s="43"/>
      <c r="Z3131" s="143"/>
      <c r="AA3131" s="137"/>
      <c r="AB3131" s="137"/>
      <c r="AC3131" s="137"/>
      <c r="AD3131" s="137"/>
      <c r="AE3131" s="137"/>
      <c r="AF3131" s="137"/>
      <c r="AG3131" s="137"/>
      <c r="AH3131" s="137"/>
      <c r="AI3131" s="137"/>
      <c r="AJ3131" s="137"/>
      <c r="AK3131" s="137"/>
      <c r="AL3131" s="137"/>
      <c r="AM3131" s="137"/>
      <c r="AN3131" s="137"/>
      <c r="AO3131" s="137"/>
      <c r="AP3131" s="137"/>
      <c r="AQ3131" s="137"/>
      <c r="AR3131" s="137"/>
      <c r="AS3131" s="137"/>
      <c r="AT3131" s="137"/>
      <c r="AU3131" s="137"/>
      <c r="AV3131" s="137"/>
      <c r="AW3131" s="144"/>
    </row>
    <row r="3132" spans="7:49" x14ac:dyDescent="0.2">
      <c r="G3132" s="43"/>
      <c r="Z3132" s="143"/>
      <c r="AA3132" s="137"/>
      <c r="AB3132" s="137"/>
      <c r="AC3132" s="137"/>
      <c r="AD3132" s="137"/>
      <c r="AE3132" s="137"/>
      <c r="AF3132" s="137"/>
      <c r="AG3132" s="137"/>
      <c r="AH3132" s="137"/>
      <c r="AI3132" s="137"/>
      <c r="AJ3132" s="137"/>
      <c r="AK3132" s="137"/>
      <c r="AL3132" s="137"/>
      <c r="AM3132" s="137"/>
      <c r="AN3132" s="137"/>
      <c r="AO3132" s="137"/>
      <c r="AP3132" s="137"/>
      <c r="AQ3132" s="137"/>
      <c r="AR3132" s="137"/>
      <c r="AS3132" s="137"/>
      <c r="AT3132" s="137"/>
      <c r="AU3132" s="137"/>
      <c r="AV3132" s="137"/>
      <c r="AW3132" s="144"/>
    </row>
    <row r="3133" spans="7:49" x14ac:dyDescent="0.2">
      <c r="G3133" s="43"/>
      <c r="Z3133" s="143"/>
      <c r="AA3133" s="137"/>
      <c r="AB3133" s="137"/>
      <c r="AC3133" s="137"/>
      <c r="AD3133" s="137"/>
      <c r="AE3133" s="137"/>
      <c r="AF3133" s="137"/>
      <c r="AG3133" s="137"/>
      <c r="AH3133" s="137"/>
      <c r="AI3133" s="137"/>
      <c r="AJ3133" s="137"/>
      <c r="AK3133" s="137"/>
      <c r="AL3133" s="137"/>
      <c r="AM3133" s="137"/>
      <c r="AN3133" s="137"/>
      <c r="AO3133" s="137"/>
      <c r="AP3133" s="137"/>
      <c r="AQ3133" s="137"/>
      <c r="AR3133" s="137"/>
      <c r="AS3133" s="137"/>
      <c r="AT3133" s="137"/>
      <c r="AU3133" s="137"/>
      <c r="AV3133" s="137"/>
      <c r="AW3133" s="144"/>
    </row>
    <row r="3134" spans="7:49" x14ac:dyDescent="0.2">
      <c r="G3134" s="43"/>
      <c r="Z3134" s="143"/>
      <c r="AA3134" s="137"/>
      <c r="AB3134" s="137"/>
      <c r="AC3134" s="137"/>
      <c r="AD3134" s="137"/>
      <c r="AE3134" s="137"/>
      <c r="AF3134" s="137"/>
      <c r="AG3134" s="137"/>
      <c r="AH3134" s="137"/>
      <c r="AI3134" s="137"/>
      <c r="AJ3134" s="137"/>
      <c r="AK3134" s="137"/>
      <c r="AL3134" s="137"/>
      <c r="AM3134" s="137"/>
      <c r="AN3134" s="137"/>
      <c r="AO3134" s="137"/>
      <c r="AP3134" s="137"/>
      <c r="AQ3134" s="137"/>
      <c r="AR3134" s="137"/>
      <c r="AS3134" s="137"/>
      <c r="AT3134" s="137"/>
      <c r="AU3134" s="137"/>
      <c r="AV3134" s="137"/>
      <c r="AW3134" s="144"/>
    </row>
    <row r="3135" spans="7:49" x14ac:dyDescent="0.2">
      <c r="G3135" s="43"/>
      <c r="Z3135" s="143"/>
      <c r="AA3135" s="137"/>
      <c r="AB3135" s="137"/>
      <c r="AC3135" s="137"/>
      <c r="AD3135" s="137"/>
      <c r="AE3135" s="137"/>
      <c r="AF3135" s="137"/>
      <c r="AG3135" s="137"/>
      <c r="AH3135" s="137"/>
      <c r="AI3135" s="137"/>
      <c r="AJ3135" s="137"/>
      <c r="AK3135" s="137"/>
      <c r="AL3135" s="137"/>
      <c r="AM3135" s="137"/>
      <c r="AN3135" s="137"/>
      <c r="AO3135" s="137"/>
      <c r="AP3135" s="137"/>
      <c r="AQ3135" s="137"/>
      <c r="AR3135" s="137"/>
      <c r="AS3135" s="137"/>
      <c r="AT3135" s="137"/>
      <c r="AU3135" s="137"/>
      <c r="AV3135" s="137"/>
      <c r="AW3135" s="144"/>
    </row>
    <row r="3136" spans="7:49" x14ac:dyDescent="0.2">
      <c r="G3136" s="43"/>
      <c r="Z3136" s="143"/>
      <c r="AA3136" s="137"/>
      <c r="AB3136" s="137"/>
      <c r="AC3136" s="137"/>
      <c r="AD3136" s="137"/>
      <c r="AE3136" s="137"/>
      <c r="AF3136" s="137"/>
      <c r="AG3136" s="137"/>
      <c r="AH3136" s="137"/>
      <c r="AI3136" s="137"/>
      <c r="AJ3136" s="137"/>
      <c r="AK3136" s="137"/>
      <c r="AL3136" s="137"/>
      <c r="AM3136" s="137"/>
      <c r="AN3136" s="137"/>
      <c r="AO3136" s="137"/>
      <c r="AP3136" s="137"/>
      <c r="AQ3136" s="137"/>
      <c r="AR3136" s="137"/>
      <c r="AS3136" s="137"/>
      <c r="AT3136" s="137"/>
      <c r="AU3136" s="137"/>
      <c r="AV3136" s="137"/>
      <c r="AW3136" s="144"/>
    </row>
    <row r="3137" spans="7:49" x14ac:dyDescent="0.2">
      <c r="G3137" s="43"/>
      <c r="Z3137" s="143"/>
      <c r="AA3137" s="137"/>
      <c r="AB3137" s="137"/>
      <c r="AC3137" s="137"/>
      <c r="AD3137" s="137"/>
      <c r="AE3137" s="137"/>
      <c r="AF3137" s="137"/>
      <c r="AG3137" s="137"/>
      <c r="AH3137" s="137"/>
      <c r="AI3137" s="137"/>
      <c r="AJ3137" s="137"/>
      <c r="AK3137" s="137"/>
      <c r="AL3137" s="137"/>
      <c r="AM3137" s="137"/>
      <c r="AN3137" s="137"/>
      <c r="AO3137" s="137"/>
      <c r="AP3137" s="137"/>
      <c r="AQ3137" s="137"/>
      <c r="AR3137" s="137"/>
      <c r="AS3137" s="137"/>
      <c r="AT3137" s="137"/>
      <c r="AU3137" s="137"/>
      <c r="AV3137" s="137"/>
      <c r="AW3137" s="144"/>
    </row>
    <row r="3138" spans="7:49" x14ac:dyDescent="0.2">
      <c r="G3138" s="43"/>
      <c r="Z3138" s="143"/>
      <c r="AA3138" s="137"/>
      <c r="AB3138" s="137"/>
      <c r="AC3138" s="137"/>
      <c r="AD3138" s="137"/>
      <c r="AE3138" s="137"/>
      <c r="AF3138" s="137"/>
      <c r="AG3138" s="137"/>
      <c r="AH3138" s="137"/>
      <c r="AI3138" s="137"/>
      <c r="AJ3138" s="137"/>
      <c r="AK3138" s="137"/>
      <c r="AL3138" s="137"/>
      <c r="AM3138" s="137"/>
      <c r="AN3138" s="137"/>
      <c r="AO3138" s="137"/>
      <c r="AP3138" s="137"/>
      <c r="AQ3138" s="137"/>
      <c r="AR3138" s="137"/>
      <c r="AS3138" s="137"/>
      <c r="AT3138" s="137"/>
      <c r="AU3138" s="137"/>
      <c r="AV3138" s="137"/>
      <c r="AW3138" s="144"/>
    </row>
    <row r="3139" spans="7:49" x14ac:dyDescent="0.2">
      <c r="G3139" s="43"/>
      <c r="Z3139" s="143"/>
      <c r="AA3139" s="137"/>
      <c r="AB3139" s="137"/>
      <c r="AC3139" s="137"/>
      <c r="AD3139" s="137"/>
      <c r="AE3139" s="137"/>
      <c r="AF3139" s="137"/>
      <c r="AG3139" s="137"/>
      <c r="AH3139" s="137"/>
      <c r="AI3139" s="137"/>
      <c r="AJ3139" s="137"/>
      <c r="AK3139" s="137"/>
      <c r="AL3139" s="137"/>
      <c r="AM3139" s="137"/>
      <c r="AN3139" s="137"/>
      <c r="AO3139" s="137"/>
      <c r="AP3139" s="137"/>
      <c r="AQ3139" s="137"/>
      <c r="AR3139" s="137"/>
      <c r="AS3139" s="137"/>
      <c r="AT3139" s="137"/>
      <c r="AU3139" s="137"/>
      <c r="AV3139" s="137"/>
      <c r="AW3139" s="144"/>
    </row>
    <row r="3140" spans="7:49" x14ac:dyDescent="0.2">
      <c r="G3140" s="43"/>
      <c r="Z3140" s="143"/>
      <c r="AA3140" s="137"/>
      <c r="AB3140" s="137"/>
      <c r="AC3140" s="137"/>
      <c r="AD3140" s="137"/>
      <c r="AE3140" s="137"/>
      <c r="AF3140" s="137"/>
      <c r="AG3140" s="137"/>
      <c r="AH3140" s="137"/>
      <c r="AI3140" s="137"/>
      <c r="AJ3140" s="137"/>
      <c r="AK3140" s="137"/>
      <c r="AL3140" s="137"/>
      <c r="AM3140" s="137"/>
      <c r="AN3140" s="137"/>
      <c r="AO3140" s="137"/>
      <c r="AP3140" s="137"/>
      <c r="AQ3140" s="137"/>
      <c r="AR3140" s="137"/>
      <c r="AS3140" s="137"/>
      <c r="AT3140" s="137"/>
      <c r="AU3140" s="137"/>
      <c r="AV3140" s="137"/>
      <c r="AW3140" s="144"/>
    </row>
    <row r="3141" spans="7:49" x14ac:dyDescent="0.2">
      <c r="G3141" s="43"/>
      <c r="Z3141" s="143"/>
      <c r="AA3141" s="137"/>
      <c r="AB3141" s="137"/>
      <c r="AC3141" s="137"/>
      <c r="AD3141" s="137"/>
      <c r="AE3141" s="137"/>
      <c r="AF3141" s="137"/>
      <c r="AG3141" s="137"/>
      <c r="AH3141" s="137"/>
      <c r="AI3141" s="137"/>
      <c r="AJ3141" s="137"/>
      <c r="AK3141" s="137"/>
      <c r="AL3141" s="137"/>
      <c r="AM3141" s="137"/>
      <c r="AN3141" s="137"/>
      <c r="AO3141" s="137"/>
      <c r="AP3141" s="137"/>
      <c r="AQ3141" s="137"/>
      <c r="AR3141" s="137"/>
      <c r="AS3141" s="137"/>
      <c r="AT3141" s="137"/>
      <c r="AU3141" s="137"/>
      <c r="AV3141" s="137"/>
      <c r="AW3141" s="144"/>
    </row>
    <row r="3142" spans="7:49" x14ac:dyDescent="0.2">
      <c r="G3142" s="43"/>
      <c r="Z3142" s="143"/>
      <c r="AA3142" s="137"/>
      <c r="AB3142" s="137"/>
      <c r="AC3142" s="137"/>
      <c r="AD3142" s="137"/>
      <c r="AE3142" s="137"/>
      <c r="AF3142" s="137"/>
      <c r="AG3142" s="137"/>
      <c r="AH3142" s="137"/>
      <c r="AI3142" s="137"/>
      <c r="AJ3142" s="137"/>
      <c r="AK3142" s="137"/>
      <c r="AL3142" s="137"/>
      <c r="AM3142" s="137"/>
      <c r="AN3142" s="137"/>
      <c r="AO3142" s="137"/>
      <c r="AP3142" s="137"/>
      <c r="AQ3142" s="137"/>
      <c r="AR3142" s="137"/>
      <c r="AS3142" s="137"/>
      <c r="AT3142" s="137"/>
      <c r="AU3142" s="137"/>
      <c r="AV3142" s="137"/>
      <c r="AW3142" s="144"/>
    </row>
    <row r="3143" spans="7:49" x14ac:dyDescent="0.2">
      <c r="G3143" s="43"/>
      <c r="Z3143" s="143"/>
      <c r="AA3143" s="137"/>
      <c r="AB3143" s="137"/>
      <c r="AC3143" s="137"/>
      <c r="AD3143" s="137"/>
      <c r="AE3143" s="137"/>
      <c r="AF3143" s="137"/>
      <c r="AG3143" s="137"/>
      <c r="AH3143" s="137"/>
      <c r="AI3143" s="137"/>
      <c r="AJ3143" s="137"/>
      <c r="AK3143" s="137"/>
      <c r="AL3143" s="137"/>
      <c r="AM3143" s="137"/>
      <c r="AN3143" s="137"/>
      <c r="AO3143" s="137"/>
      <c r="AP3143" s="137"/>
      <c r="AQ3143" s="137"/>
      <c r="AR3143" s="137"/>
      <c r="AS3143" s="137"/>
      <c r="AT3143" s="137"/>
      <c r="AU3143" s="137"/>
      <c r="AV3143" s="137"/>
      <c r="AW3143" s="144"/>
    </row>
    <row r="3144" spans="7:49" x14ac:dyDescent="0.2">
      <c r="G3144" s="43"/>
      <c r="Z3144" s="143"/>
      <c r="AA3144" s="137"/>
      <c r="AB3144" s="137"/>
      <c r="AC3144" s="137"/>
      <c r="AD3144" s="137"/>
      <c r="AE3144" s="137"/>
      <c r="AF3144" s="137"/>
      <c r="AG3144" s="137"/>
      <c r="AH3144" s="137"/>
      <c r="AI3144" s="137"/>
      <c r="AJ3144" s="137"/>
      <c r="AK3144" s="137"/>
      <c r="AL3144" s="137"/>
      <c r="AM3144" s="137"/>
      <c r="AN3144" s="137"/>
      <c r="AO3144" s="137"/>
      <c r="AP3144" s="137"/>
      <c r="AQ3144" s="137"/>
      <c r="AR3144" s="137"/>
      <c r="AS3144" s="137"/>
      <c r="AT3144" s="137"/>
      <c r="AU3144" s="137"/>
      <c r="AV3144" s="137"/>
      <c r="AW3144" s="144"/>
    </row>
    <row r="3145" spans="7:49" x14ac:dyDescent="0.2">
      <c r="G3145" s="43"/>
      <c r="Z3145" s="143"/>
      <c r="AA3145" s="137"/>
      <c r="AB3145" s="137"/>
      <c r="AC3145" s="137"/>
      <c r="AD3145" s="137"/>
      <c r="AE3145" s="137"/>
      <c r="AF3145" s="137"/>
      <c r="AG3145" s="137"/>
      <c r="AH3145" s="137"/>
      <c r="AI3145" s="137"/>
      <c r="AJ3145" s="137"/>
      <c r="AK3145" s="137"/>
      <c r="AL3145" s="137"/>
      <c r="AM3145" s="137"/>
      <c r="AN3145" s="137"/>
      <c r="AO3145" s="137"/>
      <c r="AP3145" s="137"/>
      <c r="AQ3145" s="137"/>
      <c r="AR3145" s="137"/>
      <c r="AS3145" s="137"/>
      <c r="AT3145" s="137"/>
      <c r="AU3145" s="137"/>
      <c r="AV3145" s="137"/>
      <c r="AW3145" s="144"/>
    </row>
    <row r="3146" spans="7:49" x14ac:dyDescent="0.2">
      <c r="G3146" s="43"/>
      <c r="Z3146" s="143"/>
      <c r="AA3146" s="137"/>
      <c r="AB3146" s="137"/>
      <c r="AC3146" s="137"/>
      <c r="AD3146" s="137"/>
      <c r="AE3146" s="137"/>
      <c r="AF3146" s="137"/>
      <c r="AG3146" s="137"/>
      <c r="AH3146" s="137"/>
      <c r="AI3146" s="137"/>
      <c r="AJ3146" s="137"/>
      <c r="AK3146" s="137"/>
      <c r="AL3146" s="137"/>
      <c r="AM3146" s="137"/>
      <c r="AN3146" s="137"/>
      <c r="AO3146" s="137"/>
      <c r="AP3146" s="137"/>
      <c r="AQ3146" s="137"/>
      <c r="AR3146" s="137"/>
      <c r="AS3146" s="137"/>
      <c r="AT3146" s="137"/>
      <c r="AU3146" s="137"/>
      <c r="AV3146" s="137"/>
      <c r="AW3146" s="144"/>
    </row>
    <row r="3147" spans="7:49" x14ac:dyDescent="0.2">
      <c r="G3147" s="43"/>
      <c r="Z3147" s="143"/>
      <c r="AA3147" s="137"/>
      <c r="AB3147" s="137"/>
      <c r="AC3147" s="137"/>
      <c r="AD3147" s="137"/>
      <c r="AE3147" s="137"/>
      <c r="AF3147" s="137"/>
      <c r="AG3147" s="137"/>
      <c r="AH3147" s="137"/>
      <c r="AI3147" s="137"/>
      <c r="AJ3147" s="137"/>
      <c r="AK3147" s="137"/>
      <c r="AL3147" s="137"/>
      <c r="AM3147" s="137"/>
      <c r="AN3147" s="137"/>
      <c r="AO3147" s="137"/>
      <c r="AP3147" s="137"/>
      <c r="AQ3147" s="137"/>
      <c r="AR3147" s="137"/>
      <c r="AS3147" s="137"/>
      <c r="AT3147" s="137"/>
      <c r="AU3147" s="137"/>
      <c r="AV3147" s="137"/>
      <c r="AW3147" s="144"/>
    </row>
    <row r="3148" spans="7:49" x14ac:dyDescent="0.2">
      <c r="G3148" s="43"/>
      <c r="Z3148" s="143"/>
      <c r="AA3148" s="137"/>
      <c r="AB3148" s="137"/>
      <c r="AC3148" s="137"/>
      <c r="AD3148" s="137"/>
      <c r="AE3148" s="137"/>
      <c r="AF3148" s="137"/>
      <c r="AG3148" s="137"/>
      <c r="AH3148" s="137"/>
      <c r="AI3148" s="137"/>
      <c r="AJ3148" s="137"/>
      <c r="AK3148" s="137"/>
      <c r="AL3148" s="137"/>
      <c r="AM3148" s="137"/>
      <c r="AN3148" s="137"/>
      <c r="AO3148" s="137"/>
      <c r="AP3148" s="137"/>
      <c r="AQ3148" s="137"/>
      <c r="AR3148" s="137"/>
      <c r="AS3148" s="137"/>
      <c r="AT3148" s="137"/>
      <c r="AU3148" s="137"/>
      <c r="AV3148" s="137"/>
      <c r="AW3148" s="144"/>
    </row>
    <row r="3149" spans="7:49" x14ac:dyDescent="0.2">
      <c r="G3149" s="43"/>
      <c r="Z3149" s="143"/>
      <c r="AA3149" s="137"/>
      <c r="AB3149" s="137"/>
      <c r="AC3149" s="137"/>
      <c r="AD3149" s="137"/>
      <c r="AE3149" s="137"/>
      <c r="AF3149" s="137"/>
      <c r="AG3149" s="137"/>
      <c r="AH3149" s="137"/>
      <c r="AI3149" s="137"/>
      <c r="AJ3149" s="137"/>
      <c r="AK3149" s="137"/>
      <c r="AL3149" s="137"/>
      <c r="AM3149" s="137"/>
      <c r="AN3149" s="137"/>
      <c r="AO3149" s="137"/>
      <c r="AP3149" s="137"/>
      <c r="AQ3149" s="137"/>
      <c r="AR3149" s="137"/>
      <c r="AS3149" s="137"/>
      <c r="AT3149" s="137"/>
      <c r="AU3149" s="137"/>
      <c r="AV3149" s="137"/>
      <c r="AW3149" s="144"/>
    </row>
    <row r="3150" spans="7:49" x14ac:dyDescent="0.2">
      <c r="G3150" s="43"/>
      <c r="Z3150" s="143"/>
      <c r="AA3150" s="137"/>
      <c r="AB3150" s="137"/>
      <c r="AC3150" s="137"/>
      <c r="AD3150" s="137"/>
      <c r="AE3150" s="137"/>
      <c r="AF3150" s="137"/>
      <c r="AG3150" s="137"/>
      <c r="AH3150" s="137"/>
      <c r="AI3150" s="137"/>
      <c r="AJ3150" s="137"/>
      <c r="AK3150" s="137"/>
      <c r="AL3150" s="137"/>
      <c r="AM3150" s="137"/>
      <c r="AN3150" s="137"/>
      <c r="AO3150" s="137"/>
      <c r="AP3150" s="137"/>
      <c r="AQ3150" s="137"/>
      <c r="AR3150" s="137"/>
      <c r="AS3150" s="137"/>
      <c r="AT3150" s="137"/>
      <c r="AU3150" s="137"/>
      <c r="AV3150" s="137"/>
      <c r="AW3150" s="144"/>
    </row>
    <row r="3151" spans="7:49" x14ac:dyDescent="0.2">
      <c r="G3151" s="43"/>
      <c r="Z3151" s="143"/>
      <c r="AA3151" s="137"/>
      <c r="AB3151" s="137"/>
      <c r="AC3151" s="137"/>
      <c r="AD3151" s="137"/>
      <c r="AE3151" s="137"/>
      <c r="AF3151" s="137"/>
      <c r="AG3151" s="137"/>
      <c r="AH3151" s="137"/>
      <c r="AI3151" s="137"/>
      <c r="AJ3151" s="137"/>
      <c r="AK3151" s="137"/>
      <c r="AL3151" s="137"/>
      <c r="AM3151" s="137"/>
      <c r="AN3151" s="137"/>
      <c r="AO3151" s="137"/>
      <c r="AP3151" s="137"/>
      <c r="AQ3151" s="137"/>
      <c r="AR3151" s="137"/>
      <c r="AS3151" s="137"/>
      <c r="AT3151" s="137"/>
      <c r="AU3151" s="137"/>
      <c r="AV3151" s="137"/>
      <c r="AW3151" s="144"/>
    </row>
    <row r="3152" spans="7:49" x14ac:dyDescent="0.2">
      <c r="G3152" s="43"/>
      <c r="Z3152" s="143"/>
      <c r="AA3152" s="137"/>
      <c r="AB3152" s="137"/>
      <c r="AC3152" s="137"/>
      <c r="AD3152" s="137"/>
      <c r="AE3152" s="137"/>
      <c r="AF3152" s="137"/>
      <c r="AG3152" s="137"/>
      <c r="AH3152" s="137"/>
      <c r="AI3152" s="137"/>
      <c r="AJ3152" s="137"/>
      <c r="AK3152" s="137"/>
      <c r="AL3152" s="137"/>
      <c r="AM3152" s="137"/>
      <c r="AN3152" s="137"/>
      <c r="AO3152" s="137"/>
      <c r="AP3152" s="137"/>
      <c r="AQ3152" s="137"/>
      <c r="AR3152" s="137"/>
      <c r="AS3152" s="137"/>
      <c r="AT3152" s="137"/>
      <c r="AU3152" s="137"/>
      <c r="AV3152" s="137"/>
      <c r="AW3152" s="144"/>
    </row>
    <row r="3153" spans="7:49" x14ac:dyDescent="0.2">
      <c r="G3153" s="43"/>
      <c r="Z3153" s="143"/>
      <c r="AA3153" s="137"/>
      <c r="AB3153" s="137"/>
      <c r="AC3153" s="137"/>
      <c r="AD3153" s="137"/>
      <c r="AE3153" s="137"/>
      <c r="AF3153" s="137"/>
      <c r="AG3153" s="137"/>
      <c r="AH3153" s="137"/>
      <c r="AI3153" s="137"/>
      <c r="AJ3153" s="137"/>
      <c r="AK3153" s="137"/>
      <c r="AL3153" s="137"/>
      <c r="AM3153" s="137"/>
      <c r="AN3153" s="137"/>
      <c r="AO3153" s="137"/>
      <c r="AP3153" s="137"/>
      <c r="AQ3153" s="137"/>
      <c r="AR3153" s="137"/>
      <c r="AS3153" s="137"/>
      <c r="AT3153" s="137"/>
      <c r="AU3153" s="137"/>
      <c r="AV3153" s="137"/>
      <c r="AW3153" s="144"/>
    </row>
    <row r="3154" spans="7:49" x14ac:dyDescent="0.2">
      <c r="G3154" s="43"/>
      <c r="Z3154" s="143"/>
      <c r="AA3154" s="137"/>
      <c r="AB3154" s="137"/>
      <c r="AC3154" s="137"/>
      <c r="AD3154" s="137"/>
      <c r="AE3154" s="137"/>
      <c r="AF3154" s="137"/>
      <c r="AG3154" s="137"/>
      <c r="AH3154" s="137"/>
      <c r="AI3154" s="137"/>
      <c r="AJ3154" s="137"/>
      <c r="AK3154" s="137"/>
      <c r="AL3154" s="137"/>
      <c r="AM3154" s="137"/>
      <c r="AN3154" s="137"/>
      <c r="AO3154" s="137"/>
      <c r="AP3154" s="137"/>
      <c r="AQ3154" s="137"/>
      <c r="AR3154" s="137"/>
      <c r="AS3154" s="137"/>
      <c r="AT3154" s="137"/>
      <c r="AU3154" s="137"/>
      <c r="AV3154" s="137"/>
      <c r="AW3154" s="144"/>
    </row>
    <row r="3155" spans="7:49" x14ac:dyDescent="0.2">
      <c r="G3155" s="43"/>
      <c r="Z3155" s="143"/>
      <c r="AA3155" s="137"/>
      <c r="AB3155" s="137"/>
      <c r="AC3155" s="137"/>
      <c r="AD3155" s="137"/>
      <c r="AE3155" s="137"/>
      <c r="AF3155" s="137"/>
      <c r="AG3155" s="137"/>
      <c r="AH3155" s="137"/>
      <c r="AI3155" s="137"/>
      <c r="AJ3155" s="137"/>
      <c r="AK3155" s="137"/>
      <c r="AL3155" s="137"/>
      <c r="AM3155" s="137"/>
      <c r="AN3155" s="137"/>
      <c r="AO3155" s="137"/>
      <c r="AP3155" s="137"/>
      <c r="AQ3155" s="137"/>
      <c r="AR3155" s="137"/>
      <c r="AS3155" s="137"/>
      <c r="AT3155" s="137"/>
      <c r="AU3155" s="137"/>
      <c r="AV3155" s="137"/>
      <c r="AW3155" s="144"/>
    </row>
    <row r="3156" spans="7:49" x14ac:dyDescent="0.2">
      <c r="G3156" s="43"/>
      <c r="Z3156" s="143"/>
      <c r="AA3156" s="137"/>
      <c r="AB3156" s="137"/>
      <c r="AC3156" s="137"/>
      <c r="AD3156" s="137"/>
      <c r="AE3156" s="137"/>
      <c r="AF3156" s="137"/>
      <c r="AG3156" s="137"/>
      <c r="AH3156" s="137"/>
      <c r="AI3156" s="137"/>
      <c r="AJ3156" s="137"/>
      <c r="AK3156" s="137"/>
      <c r="AL3156" s="137"/>
      <c r="AM3156" s="137"/>
      <c r="AN3156" s="137"/>
      <c r="AO3156" s="137"/>
      <c r="AP3156" s="137"/>
      <c r="AQ3156" s="137"/>
      <c r="AR3156" s="137"/>
      <c r="AS3156" s="137"/>
      <c r="AT3156" s="137"/>
      <c r="AU3156" s="137"/>
      <c r="AV3156" s="137"/>
      <c r="AW3156" s="144"/>
    </row>
    <row r="3157" spans="7:49" x14ac:dyDescent="0.2">
      <c r="G3157" s="43"/>
      <c r="Z3157" s="143"/>
      <c r="AA3157" s="137"/>
      <c r="AB3157" s="137"/>
      <c r="AC3157" s="137"/>
      <c r="AD3157" s="137"/>
      <c r="AE3157" s="137"/>
      <c r="AF3157" s="137"/>
      <c r="AG3157" s="137"/>
      <c r="AH3157" s="137"/>
      <c r="AI3157" s="137"/>
      <c r="AJ3157" s="137"/>
      <c r="AK3157" s="137"/>
      <c r="AL3157" s="137"/>
      <c r="AM3157" s="137"/>
      <c r="AN3157" s="137"/>
      <c r="AO3157" s="137"/>
      <c r="AP3157" s="137"/>
      <c r="AQ3157" s="137"/>
      <c r="AR3157" s="137"/>
      <c r="AS3157" s="137"/>
      <c r="AT3157" s="137"/>
      <c r="AU3157" s="137"/>
      <c r="AV3157" s="137"/>
      <c r="AW3157" s="144"/>
    </row>
    <row r="3158" spans="7:49" x14ac:dyDescent="0.2">
      <c r="G3158" s="43"/>
      <c r="Z3158" s="143"/>
      <c r="AA3158" s="137"/>
      <c r="AB3158" s="137"/>
      <c r="AC3158" s="137"/>
      <c r="AD3158" s="137"/>
      <c r="AE3158" s="137"/>
      <c r="AF3158" s="137"/>
      <c r="AG3158" s="137"/>
      <c r="AH3158" s="137"/>
      <c r="AI3158" s="137"/>
      <c r="AJ3158" s="137"/>
      <c r="AK3158" s="137"/>
      <c r="AL3158" s="137"/>
      <c r="AM3158" s="137"/>
      <c r="AN3158" s="137"/>
      <c r="AO3158" s="137"/>
      <c r="AP3158" s="137"/>
      <c r="AQ3158" s="137"/>
      <c r="AR3158" s="137"/>
      <c r="AS3158" s="137"/>
      <c r="AT3158" s="137"/>
      <c r="AU3158" s="137"/>
      <c r="AV3158" s="137"/>
      <c r="AW3158" s="144"/>
    </row>
    <row r="3159" spans="7:49" x14ac:dyDescent="0.2">
      <c r="G3159" s="43"/>
      <c r="Z3159" s="143"/>
      <c r="AA3159" s="137"/>
      <c r="AB3159" s="137"/>
      <c r="AC3159" s="137"/>
      <c r="AD3159" s="137"/>
      <c r="AE3159" s="137"/>
      <c r="AF3159" s="137"/>
      <c r="AG3159" s="137"/>
      <c r="AH3159" s="137"/>
      <c r="AI3159" s="137"/>
      <c r="AJ3159" s="137"/>
      <c r="AK3159" s="137"/>
      <c r="AL3159" s="137"/>
      <c r="AM3159" s="137"/>
      <c r="AN3159" s="137"/>
      <c r="AO3159" s="137"/>
      <c r="AP3159" s="137"/>
      <c r="AQ3159" s="137"/>
      <c r="AR3159" s="137"/>
      <c r="AS3159" s="137"/>
      <c r="AT3159" s="137"/>
      <c r="AU3159" s="137"/>
      <c r="AV3159" s="137"/>
      <c r="AW3159" s="144"/>
    </row>
    <row r="3160" spans="7:49" x14ac:dyDescent="0.2">
      <c r="G3160" s="43"/>
      <c r="Z3160" s="143"/>
      <c r="AA3160" s="137"/>
      <c r="AB3160" s="137"/>
      <c r="AC3160" s="137"/>
      <c r="AD3160" s="137"/>
      <c r="AE3160" s="137"/>
      <c r="AF3160" s="137"/>
      <c r="AG3160" s="137"/>
      <c r="AH3160" s="137"/>
      <c r="AI3160" s="137"/>
      <c r="AJ3160" s="137"/>
      <c r="AK3160" s="137"/>
      <c r="AL3160" s="137"/>
      <c r="AM3160" s="137"/>
      <c r="AN3160" s="137"/>
      <c r="AO3160" s="137"/>
      <c r="AP3160" s="137"/>
      <c r="AQ3160" s="137"/>
      <c r="AR3160" s="137"/>
      <c r="AS3160" s="137"/>
      <c r="AT3160" s="137"/>
      <c r="AU3160" s="137"/>
      <c r="AV3160" s="137"/>
      <c r="AW3160" s="144"/>
    </row>
    <row r="3161" spans="7:49" x14ac:dyDescent="0.2">
      <c r="G3161" s="43"/>
      <c r="Z3161" s="143"/>
      <c r="AA3161" s="137"/>
      <c r="AB3161" s="137"/>
      <c r="AC3161" s="137"/>
      <c r="AD3161" s="137"/>
      <c r="AE3161" s="137"/>
      <c r="AF3161" s="137"/>
      <c r="AG3161" s="137"/>
      <c r="AH3161" s="137"/>
      <c r="AI3161" s="137"/>
      <c r="AJ3161" s="137"/>
      <c r="AK3161" s="137"/>
      <c r="AL3161" s="137"/>
      <c r="AM3161" s="137"/>
      <c r="AN3161" s="137"/>
      <c r="AO3161" s="137"/>
      <c r="AP3161" s="137"/>
      <c r="AQ3161" s="137"/>
      <c r="AR3161" s="137"/>
      <c r="AS3161" s="137"/>
      <c r="AT3161" s="137"/>
      <c r="AU3161" s="137"/>
      <c r="AV3161" s="137"/>
      <c r="AW3161" s="144"/>
    </row>
    <row r="3162" spans="7:49" x14ac:dyDescent="0.2">
      <c r="G3162" s="43"/>
      <c r="Z3162" s="143"/>
      <c r="AA3162" s="137"/>
      <c r="AB3162" s="137"/>
      <c r="AC3162" s="137"/>
      <c r="AD3162" s="137"/>
      <c r="AE3162" s="137"/>
      <c r="AF3162" s="137"/>
      <c r="AG3162" s="137"/>
      <c r="AH3162" s="137"/>
      <c r="AI3162" s="137"/>
      <c r="AJ3162" s="137"/>
      <c r="AK3162" s="137"/>
      <c r="AL3162" s="137"/>
      <c r="AM3162" s="137"/>
      <c r="AN3162" s="137"/>
      <c r="AO3162" s="137"/>
      <c r="AP3162" s="137"/>
      <c r="AQ3162" s="137"/>
      <c r="AR3162" s="137"/>
      <c r="AS3162" s="137"/>
      <c r="AT3162" s="137"/>
      <c r="AU3162" s="137"/>
      <c r="AV3162" s="137"/>
      <c r="AW3162" s="144"/>
    </row>
    <row r="3163" spans="7:49" x14ac:dyDescent="0.2">
      <c r="G3163" s="43"/>
      <c r="Z3163" s="143"/>
      <c r="AA3163" s="137"/>
      <c r="AB3163" s="137"/>
      <c r="AC3163" s="137"/>
      <c r="AD3163" s="137"/>
      <c r="AE3163" s="137"/>
      <c r="AF3163" s="137"/>
      <c r="AG3163" s="137"/>
      <c r="AH3163" s="137"/>
      <c r="AI3163" s="137"/>
      <c r="AJ3163" s="137"/>
      <c r="AK3163" s="137"/>
      <c r="AL3163" s="137"/>
      <c r="AM3163" s="137"/>
      <c r="AN3163" s="137"/>
      <c r="AO3163" s="137"/>
      <c r="AP3163" s="137"/>
      <c r="AQ3163" s="137"/>
      <c r="AR3163" s="137"/>
      <c r="AS3163" s="137"/>
      <c r="AT3163" s="137"/>
      <c r="AU3163" s="137"/>
      <c r="AV3163" s="137"/>
      <c r="AW3163" s="144"/>
    </row>
    <row r="3164" spans="7:49" x14ac:dyDescent="0.2">
      <c r="G3164" s="43"/>
      <c r="Z3164" s="143"/>
      <c r="AA3164" s="137"/>
      <c r="AB3164" s="137"/>
      <c r="AC3164" s="137"/>
      <c r="AD3164" s="137"/>
      <c r="AE3164" s="137"/>
      <c r="AF3164" s="137"/>
      <c r="AG3164" s="137"/>
      <c r="AH3164" s="137"/>
      <c r="AI3164" s="137"/>
      <c r="AJ3164" s="137"/>
      <c r="AK3164" s="137"/>
      <c r="AL3164" s="137"/>
      <c r="AM3164" s="137"/>
      <c r="AN3164" s="137"/>
      <c r="AO3164" s="137"/>
      <c r="AP3164" s="137"/>
      <c r="AQ3164" s="137"/>
      <c r="AR3164" s="137"/>
      <c r="AS3164" s="137"/>
      <c r="AT3164" s="137"/>
      <c r="AU3164" s="137"/>
      <c r="AV3164" s="137"/>
      <c r="AW3164" s="144"/>
    </row>
    <row r="3165" spans="7:49" x14ac:dyDescent="0.2">
      <c r="G3165" s="43"/>
      <c r="Z3165" s="143"/>
      <c r="AA3165" s="137"/>
      <c r="AB3165" s="137"/>
      <c r="AC3165" s="137"/>
      <c r="AD3165" s="137"/>
      <c r="AE3165" s="137"/>
      <c r="AF3165" s="137"/>
      <c r="AG3165" s="137"/>
      <c r="AH3165" s="137"/>
      <c r="AI3165" s="137"/>
      <c r="AJ3165" s="137"/>
      <c r="AK3165" s="137"/>
      <c r="AL3165" s="137"/>
      <c r="AM3165" s="137"/>
      <c r="AN3165" s="137"/>
      <c r="AO3165" s="137"/>
      <c r="AP3165" s="137"/>
      <c r="AQ3165" s="137"/>
      <c r="AR3165" s="137"/>
      <c r="AS3165" s="137"/>
      <c r="AT3165" s="137"/>
      <c r="AU3165" s="137"/>
      <c r="AV3165" s="137"/>
      <c r="AW3165" s="144"/>
    </row>
    <row r="3166" spans="7:49" x14ac:dyDescent="0.2">
      <c r="G3166" s="43"/>
      <c r="Z3166" s="143"/>
      <c r="AA3166" s="137"/>
      <c r="AB3166" s="137"/>
      <c r="AC3166" s="137"/>
      <c r="AD3166" s="137"/>
      <c r="AE3166" s="137"/>
      <c r="AF3166" s="137"/>
      <c r="AG3166" s="137"/>
      <c r="AH3166" s="137"/>
      <c r="AI3166" s="137"/>
      <c r="AJ3166" s="137"/>
      <c r="AK3166" s="137"/>
      <c r="AL3166" s="137"/>
      <c r="AM3166" s="137"/>
      <c r="AN3166" s="137"/>
      <c r="AO3166" s="137"/>
      <c r="AP3166" s="137"/>
      <c r="AQ3166" s="137"/>
      <c r="AR3166" s="137"/>
      <c r="AS3166" s="137"/>
      <c r="AT3166" s="137"/>
      <c r="AU3166" s="137"/>
      <c r="AV3166" s="137"/>
      <c r="AW3166" s="144"/>
    </row>
    <row r="3167" spans="7:49" x14ac:dyDescent="0.2">
      <c r="G3167" s="43"/>
      <c r="Z3167" s="143"/>
      <c r="AA3167" s="137"/>
      <c r="AB3167" s="137"/>
      <c r="AC3167" s="137"/>
      <c r="AD3167" s="137"/>
      <c r="AE3167" s="137"/>
      <c r="AF3167" s="137"/>
      <c r="AG3167" s="137"/>
      <c r="AH3167" s="137"/>
      <c r="AI3167" s="137"/>
      <c r="AJ3167" s="137"/>
      <c r="AK3167" s="137"/>
      <c r="AL3167" s="137"/>
      <c r="AM3167" s="137"/>
      <c r="AN3167" s="137"/>
      <c r="AO3167" s="137"/>
      <c r="AP3167" s="137"/>
      <c r="AQ3167" s="137"/>
      <c r="AR3167" s="137"/>
      <c r="AS3167" s="137"/>
      <c r="AT3167" s="137"/>
      <c r="AU3167" s="137"/>
      <c r="AV3167" s="137"/>
      <c r="AW3167" s="144"/>
    </row>
    <row r="3168" spans="7:49" x14ac:dyDescent="0.2">
      <c r="G3168" s="43"/>
      <c r="Z3168" s="143"/>
      <c r="AA3168" s="137"/>
      <c r="AB3168" s="137"/>
      <c r="AC3168" s="137"/>
      <c r="AD3168" s="137"/>
      <c r="AE3168" s="137"/>
      <c r="AF3168" s="137"/>
      <c r="AG3168" s="137"/>
      <c r="AH3168" s="137"/>
      <c r="AI3168" s="137"/>
      <c r="AJ3168" s="137"/>
      <c r="AK3168" s="137"/>
      <c r="AL3168" s="137"/>
      <c r="AM3168" s="137"/>
      <c r="AN3168" s="137"/>
      <c r="AO3168" s="137"/>
      <c r="AP3168" s="137"/>
      <c r="AQ3168" s="137"/>
      <c r="AR3168" s="137"/>
      <c r="AS3168" s="137"/>
      <c r="AT3168" s="137"/>
      <c r="AU3168" s="137"/>
      <c r="AV3168" s="137"/>
      <c r="AW3168" s="144"/>
    </row>
    <row r="3169" spans="7:49" x14ac:dyDescent="0.2">
      <c r="G3169" s="43"/>
      <c r="Z3169" s="143"/>
      <c r="AA3169" s="137"/>
      <c r="AB3169" s="137"/>
      <c r="AC3169" s="137"/>
      <c r="AD3169" s="137"/>
      <c r="AE3169" s="137"/>
      <c r="AF3169" s="137"/>
      <c r="AG3169" s="137"/>
      <c r="AH3169" s="137"/>
      <c r="AI3169" s="137"/>
      <c r="AJ3169" s="137"/>
      <c r="AK3169" s="137"/>
      <c r="AL3169" s="137"/>
      <c r="AM3169" s="137"/>
      <c r="AN3169" s="137"/>
      <c r="AO3169" s="137"/>
      <c r="AP3169" s="137"/>
      <c r="AQ3169" s="137"/>
      <c r="AR3169" s="137"/>
      <c r="AS3169" s="137"/>
      <c r="AT3169" s="137"/>
      <c r="AU3169" s="137"/>
      <c r="AV3169" s="137"/>
      <c r="AW3169" s="144"/>
    </row>
    <row r="3170" spans="7:49" x14ac:dyDescent="0.2">
      <c r="G3170" s="43"/>
      <c r="Z3170" s="143"/>
      <c r="AA3170" s="137"/>
      <c r="AB3170" s="137"/>
      <c r="AC3170" s="137"/>
      <c r="AD3170" s="137"/>
      <c r="AE3170" s="137"/>
      <c r="AF3170" s="137"/>
      <c r="AG3170" s="137"/>
      <c r="AH3170" s="137"/>
      <c r="AI3170" s="137"/>
      <c r="AJ3170" s="137"/>
      <c r="AK3170" s="137"/>
      <c r="AL3170" s="137"/>
      <c r="AM3170" s="137"/>
      <c r="AN3170" s="137"/>
      <c r="AO3170" s="137"/>
      <c r="AP3170" s="137"/>
      <c r="AQ3170" s="137"/>
      <c r="AR3170" s="137"/>
      <c r="AS3170" s="137"/>
      <c r="AT3170" s="137"/>
      <c r="AU3170" s="137"/>
      <c r="AV3170" s="137"/>
      <c r="AW3170" s="144"/>
    </row>
    <row r="3171" spans="7:49" x14ac:dyDescent="0.2">
      <c r="G3171" s="43"/>
      <c r="Z3171" s="143"/>
      <c r="AA3171" s="137"/>
      <c r="AB3171" s="137"/>
      <c r="AC3171" s="137"/>
      <c r="AD3171" s="137"/>
      <c r="AE3171" s="137"/>
      <c r="AF3171" s="137"/>
      <c r="AG3171" s="137"/>
      <c r="AH3171" s="137"/>
      <c r="AI3171" s="137"/>
      <c r="AJ3171" s="137"/>
      <c r="AK3171" s="137"/>
      <c r="AL3171" s="137"/>
      <c r="AM3171" s="137"/>
      <c r="AN3171" s="137"/>
      <c r="AO3171" s="137"/>
      <c r="AP3171" s="137"/>
      <c r="AQ3171" s="137"/>
      <c r="AR3171" s="137"/>
      <c r="AS3171" s="137"/>
      <c r="AT3171" s="137"/>
      <c r="AU3171" s="137"/>
      <c r="AV3171" s="137"/>
      <c r="AW3171" s="144"/>
    </row>
    <row r="3172" spans="7:49" x14ac:dyDescent="0.2">
      <c r="G3172" s="43"/>
      <c r="Z3172" s="143"/>
      <c r="AA3172" s="137"/>
      <c r="AB3172" s="137"/>
      <c r="AC3172" s="137"/>
      <c r="AD3172" s="137"/>
      <c r="AE3172" s="137"/>
      <c r="AF3172" s="137"/>
      <c r="AG3172" s="137"/>
      <c r="AH3172" s="137"/>
      <c r="AI3172" s="137"/>
      <c r="AJ3172" s="137"/>
      <c r="AK3172" s="137"/>
      <c r="AL3172" s="137"/>
      <c r="AM3172" s="137"/>
      <c r="AN3172" s="137"/>
      <c r="AO3172" s="137"/>
      <c r="AP3172" s="137"/>
      <c r="AQ3172" s="137"/>
      <c r="AR3172" s="137"/>
      <c r="AS3172" s="137"/>
      <c r="AT3172" s="137"/>
      <c r="AU3172" s="137"/>
      <c r="AV3172" s="137"/>
      <c r="AW3172" s="144"/>
    </row>
    <row r="3173" spans="7:49" x14ac:dyDescent="0.2">
      <c r="G3173" s="43"/>
      <c r="Z3173" s="143"/>
      <c r="AA3173" s="137"/>
      <c r="AB3173" s="137"/>
      <c r="AC3173" s="137"/>
      <c r="AD3173" s="137"/>
      <c r="AE3173" s="137"/>
      <c r="AF3173" s="137"/>
      <c r="AG3173" s="137"/>
      <c r="AH3173" s="137"/>
      <c r="AI3173" s="137"/>
      <c r="AJ3173" s="137"/>
      <c r="AK3173" s="137"/>
      <c r="AL3173" s="137"/>
      <c r="AM3173" s="137"/>
      <c r="AN3173" s="137"/>
      <c r="AO3173" s="137"/>
      <c r="AP3173" s="137"/>
      <c r="AQ3173" s="137"/>
      <c r="AR3173" s="137"/>
      <c r="AS3173" s="137"/>
      <c r="AT3173" s="137"/>
      <c r="AU3173" s="137"/>
      <c r="AV3173" s="137"/>
      <c r="AW3173" s="144"/>
    </row>
    <row r="3174" spans="7:49" x14ac:dyDescent="0.2">
      <c r="G3174" s="43"/>
      <c r="Z3174" s="143"/>
      <c r="AA3174" s="137"/>
      <c r="AB3174" s="137"/>
      <c r="AC3174" s="137"/>
      <c r="AD3174" s="137"/>
      <c r="AE3174" s="137"/>
      <c r="AF3174" s="137"/>
      <c r="AG3174" s="137"/>
      <c r="AH3174" s="137"/>
      <c r="AI3174" s="137"/>
      <c r="AJ3174" s="137"/>
      <c r="AK3174" s="137"/>
      <c r="AL3174" s="137"/>
      <c r="AM3174" s="137"/>
      <c r="AN3174" s="137"/>
      <c r="AO3174" s="137"/>
      <c r="AP3174" s="137"/>
      <c r="AQ3174" s="137"/>
      <c r="AR3174" s="137"/>
      <c r="AS3174" s="137"/>
      <c r="AT3174" s="137"/>
      <c r="AU3174" s="137"/>
      <c r="AV3174" s="137"/>
      <c r="AW3174" s="144"/>
    </row>
    <row r="3175" spans="7:49" x14ac:dyDescent="0.2">
      <c r="G3175" s="43"/>
      <c r="Z3175" s="143"/>
      <c r="AA3175" s="137"/>
      <c r="AB3175" s="137"/>
      <c r="AC3175" s="137"/>
      <c r="AD3175" s="137"/>
      <c r="AE3175" s="137"/>
      <c r="AF3175" s="137"/>
      <c r="AG3175" s="137"/>
      <c r="AH3175" s="137"/>
      <c r="AI3175" s="137"/>
      <c r="AJ3175" s="137"/>
      <c r="AK3175" s="137"/>
      <c r="AL3175" s="137"/>
      <c r="AM3175" s="137"/>
      <c r="AN3175" s="137"/>
      <c r="AO3175" s="137"/>
      <c r="AP3175" s="137"/>
      <c r="AQ3175" s="137"/>
      <c r="AR3175" s="137"/>
      <c r="AS3175" s="137"/>
      <c r="AT3175" s="137"/>
      <c r="AU3175" s="137"/>
      <c r="AV3175" s="137"/>
      <c r="AW3175" s="144"/>
    </row>
    <row r="3176" spans="7:49" x14ac:dyDescent="0.2">
      <c r="G3176" s="43"/>
      <c r="Z3176" s="143"/>
      <c r="AA3176" s="137"/>
      <c r="AB3176" s="137"/>
      <c r="AC3176" s="137"/>
      <c r="AD3176" s="137"/>
      <c r="AE3176" s="137"/>
      <c r="AF3176" s="137"/>
      <c r="AG3176" s="137"/>
      <c r="AH3176" s="137"/>
      <c r="AI3176" s="137"/>
      <c r="AJ3176" s="137"/>
      <c r="AK3176" s="137"/>
      <c r="AL3176" s="137"/>
      <c r="AM3176" s="137"/>
      <c r="AN3176" s="137"/>
      <c r="AO3176" s="137"/>
      <c r="AP3176" s="137"/>
      <c r="AQ3176" s="137"/>
      <c r="AR3176" s="137"/>
      <c r="AS3176" s="137"/>
      <c r="AT3176" s="137"/>
      <c r="AU3176" s="137"/>
      <c r="AV3176" s="137"/>
      <c r="AW3176" s="144"/>
    </row>
    <row r="3177" spans="7:49" x14ac:dyDescent="0.2">
      <c r="G3177" s="43"/>
      <c r="Z3177" s="143"/>
      <c r="AA3177" s="137"/>
      <c r="AB3177" s="137"/>
      <c r="AC3177" s="137"/>
      <c r="AD3177" s="137"/>
      <c r="AE3177" s="137"/>
      <c r="AF3177" s="137"/>
      <c r="AG3177" s="137"/>
      <c r="AH3177" s="137"/>
      <c r="AI3177" s="137"/>
      <c r="AJ3177" s="137"/>
      <c r="AK3177" s="137"/>
      <c r="AL3177" s="137"/>
      <c r="AM3177" s="137"/>
      <c r="AN3177" s="137"/>
      <c r="AO3177" s="137"/>
      <c r="AP3177" s="137"/>
      <c r="AQ3177" s="137"/>
      <c r="AR3177" s="137"/>
      <c r="AS3177" s="137"/>
      <c r="AT3177" s="137"/>
      <c r="AU3177" s="137"/>
      <c r="AV3177" s="137"/>
      <c r="AW3177" s="144"/>
    </row>
    <row r="3178" spans="7:49" x14ac:dyDescent="0.2">
      <c r="G3178" s="43"/>
      <c r="Z3178" s="143"/>
      <c r="AA3178" s="137"/>
      <c r="AB3178" s="137"/>
      <c r="AC3178" s="137"/>
      <c r="AD3178" s="137"/>
      <c r="AE3178" s="137"/>
      <c r="AF3178" s="137"/>
      <c r="AG3178" s="137"/>
      <c r="AH3178" s="137"/>
      <c r="AI3178" s="137"/>
      <c r="AJ3178" s="137"/>
      <c r="AK3178" s="137"/>
      <c r="AL3178" s="137"/>
      <c r="AM3178" s="137"/>
      <c r="AN3178" s="137"/>
      <c r="AO3178" s="137"/>
      <c r="AP3178" s="137"/>
      <c r="AQ3178" s="137"/>
      <c r="AR3178" s="137"/>
      <c r="AS3178" s="137"/>
      <c r="AT3178" s="137"/>
      <c r="AU3178" s="137"/>
      <c r="AV3178" s="137"/>
      <c r="AW3178" s="144"/>
    </row>
    <row r="3179" spans="7:49" x14ac:dyDescent="0.2">
      <c r="G3179" s="43"/>
      <c r="Z3179" s="143"/>
      <c r="AA3179" s="137"/>
      <c r="AB3179" s="137"/>
      <c r="AC3179" s="137"/>
      <c r="AD3179" s="137"/>
      <c r="AE3179" s="137"/>
      <c r="AF3179" s="137"/>
      <c r="AG3179" s="137"/>
      <c r="AH3179" s="137"/>
      <c r="AI3179" s="137"/>
      <c r="AJ3179" s="137"/>
      <c r="AK3179" s="137"/>
      <c r="AL3179" s="137"/>
      <c r="AM3179" s="137"/>
      <c r="AN3179" s="137"/>
      <c r="AO3179" s="137"/>
      <c r="AP3179" s="137"/>
      <c r="AQ3179" s="137"/>
      <c r="AR3179" s="137"/>
      <c r="AS3179" s="137"/>
      <c r="AT3179" s="137"/>
      <c r="AU3179" s="137"/>
      <c r="AV3179" s="137"/>
      <c r="AW3179" s="144"/>
    </row>
    <row r="3180" spans="7:49" x14ac:dyDescent="0.2">
      <c r="G3180" s="43"/>
      <c r="Z3180" s="143"/>
      <c r="AA3180" s="137"/>
      <c r="AB3180" s="137"/>
      <c r="AC3180" s="137"/>
      <c r="AD3180" s="137"/>
      <c r="AE3180" s="137"/>
      <c r="AF3180" s="137"/>
      <c r="AG3180" s="137"/>
      <c r="AH3180" s="137"/>
      <c r="AI3180" s="137"/>
      <c r="AJ3180" s="137"/>
      <c r="AK3180" s="137"/>
      <c r="AL3180" s="137"/>
      <c r="AM3180" s="137"/>
      <c r="AN3180" s="137"/>
      <c r="AO3180" s="137"/>
      <c r="AP3180" s="137"/>
      <c r="AQ3180" s="137"/>
      <c r="AR3180" s="137"/>
      <c r="AS3180" s="137"/>
      <c r="AT3180" s="137"/>
      <c r="AU3180" s="137"/>
      <c r="AV3180" s="137"/>
      <c r="AW3180" s="144"/>
    </row>
    <row r="3181" spans="7:49" x14ac:dyDescent="0.2">
      <c r="G3181" s="43"/>
      <c r="Z3181" s="143"/>
      <c r="AA3181" s="137"/>
      <c r="AB3181" s="137"/>
      <c r="AC3181" s="137"/>
      <c r="AD3181" s="137"/>
      <c r="AE3181" s="137"/>
      <c r="AF3181" s="137"/>
      <c r="AG3181" s="137"/>
      <c r="AH3181" s="137"/>
      <c r="AI3181" s="137"/>
      <c r="AJ3181" s="137"/>
      <c r="AK3181" s="137"/>
      <c r="AL3181" s="137"/>
      <c r="AM3181" s="137"/>
      <c r="AN3181" s="137"/>
      <c r="AO3181" s="137"/>
      <c r="AP3181" s="137"/>
      <c r="AQ3181" s="137"/>
      <c r="AR3181" s="137"/>
      <c r="AS3181" s="137"/>
      <c r="AT3181" s="137"/>
      <c r="AU3181" s="137"/>
      <c r="AV3181" s="137"/>
      <c r="AW3181" s="144"/>
    </row>
    <row r="3182" spans="7:49" x14ac:dyDescent="0.2">
      <c r="G3182" s="43"/>
      <c r="Z3182" s="143"/>
      <c r="AA3182" s="137"/>
      <c r="AB3182" s="137"/>
      <c r="AC3182" s="137"/>
      <c r="AD3182" s="137"/>
      <c r="AE3182" s="137"/>
      <c r="AF3182" s="137"/>
      <c r="AG3182" s="137"/>
      <c r="AH3182" s="137"/>
      <c r="AI3182" s="137"/>
      <c r="AJ3182" s="137"/>
      <c r="AK3182" s="137"/>
      <c r="AL3182" s="137"/>
      <c r="AM3182" s="137"/>
      <c r="AN3182" s="137"/>
      <c r="AO3182" s="137"/>
      <c r="AP3182" s="137"/>
      <c r="AQ3182" s="137"/>
      <c r="AR3182" s="137"/>
      <c r="AS3182" s="137"/>
      <c r="AT3182" s="137"/>
      <c r="AU3182" s="137"/>
      <c r="AV3182" s="137"/>
      <c r="AW3182" s="144"/>
    </row>
    <row r="3183" spans="7:49" x14ac:dyDescent="0.2">
      <c r="G3183" s="43"/>
      <c r="Z3183" s="143"/>
      <c r="AA3183" s="137"/>
      <c r="AB3183" s="137"/>
      <c r="AC3183" s="137"/>
      <c r="AD3183" s="137"/>
      <c r="AE3183" s="137"/>
      <c r="AF3183" s="137"/>
      <c r="AG3183" s="137"/>
      <c r="AH3183" s="137"/>
      <c r="AI3183" s="137"/>
      <c r="AJ3183" s="137"/>
      <c r="AK3183" s="137"/>
      <c r="AL3183" s="137"/>
      <c r="AM3183" s="137"/>
      <c r="AN3183" s="137"/>
      <c r="AO3183" s="137"/>
      <c r="AP3183" s="137"/>
      <c r="AQ3183" s="137"/>
      <c r="AR3183" s="137"/>
      <c r="AS3183" s="137"/>
      <c r="AT3183" s="137"/>
      <c r="AU3183" s="137"/>
      <c r="AV3183" s="137"/>
      <c r="AW3183" s="144"/>
    </row>
    <row r="3184" spans="7:49" x14ac:dyDescent="0.2">
      <c r="G3184" s="43"/>
      <c r="Z3184" s="143"/>
      <c r="AA3184" s="137"/>
      <c r="AB3184" s="137"/>
      <c r="AC3184" s="137"/>
      <c r="AD3184" s="137"/>
      <c r="AE3184" s="137"/>
      <c r="AF3184" s="137"/>
      <c r="AG3184" s="137"/>
      <c r="AH3184" s="137"/>
      <c r="AI3184" s="137"/>
      <c r="AJ3184" s="137"/>
      <c r="AK3184" s="137"/>
      <c r="AL3184" s="137"/>
      <c r="AM3184" s="137"/>
      <c r="AN3184" s="137"/>
      <c r="AO3184" s="137"/>
      <c r="AP3184" s="137"/>
      <c r="AQ3184" s="137"/>
      <c r="AR3184" s="137"/>
      <c r="AS3184" s="137"/>
      <c r="AT3184" s="137"/>
      <c r="AU3184" s="137"/>
      <c r="AV3184" s="137"/>
      <c r="AW3184" s="144"/>
    </row>
    <row r="3185" spans="7:49" x14ac:dyDescent="0.2">
      <c r="G3185" s="43"/>
      <c r="Z3185" s="143"/>
      <c r="AA3185" s="137"/>
      <c r="AB3185" s="137"/>
      <c r="AC3185" s="137"/>
      <c r="AD3185" s="137"/>
      <c r="AE3185" s="137"/>
      <c r="AF3185" s="137"/>
      <c r="AG3185" s="137"/>
      <c r="AH3185" s="137"/>
      <c r="AI3185" s="137"/>
      <c r="AJ3185" s="137"/>
      <c r="AK3185" s="137"/>
      <c r="AL3185" s="137"/>
      <c r="AM3185" s="137"/>
      <c r="AN3185" s="137"/>
      <c r="AO3185" s="137"/>
      <c r="AP3185" s="137"/>
      <c r="AQ3185" s="137"/>
      <c r="AR3185" s="137"/>
      <c r="AS3185" s="137"/>
      <c r="AT3185" s="137"/>
      <c r="AU3185" s="137"/>
      <c r="AV3185" s="137"/>
      <c r="AW3185" s="144"/>
    </row>
    <row r="3186" spans="7:49" x14ac:dyDescent="0.2">
      <c r="G3186" s="43"/>
      <c r="Z3186" s="143"/>
      <c r="AA3186" s="137"/>
      <c r="AB3186" s="137"/>
      <c r="AC3186" s="137"/>
      <c r="AD3186" s="137"/>
      <c r="AE3186" s="137"/>
      <c r="AF3186" s="137"/>
      <c r="AG3186" s="137"/>
      <c r="AH3186" s="137"/>
      <c r="AI3186" s="137"/>
      <c r="AJ3186" s="137"/>
      <c r="AK3186" s="137"/>
      <c r="AL3186" s="137"/>
      <c r="AM3186" s="137"/>
      <c r="AN3186" s="137"/>
      <c r="AO3186" s="137"/>
      <c r="AP3186" s="137"/>
      <c r="AQ3186" s="137"/>
      <c r="AR3186" s="137"/>
      <c r="AS3186" s="137"/>
      <c r="AT3186" s="137"/>
      <c r="AU3186" s="137"/>
      <c r="AV3186" s="137"/>
      <c r="AW3186" s="144"/>
    </row>
    <row r="3187" spans="7:49" x14ac:dyDescent="0.2">
      <c r="G3187" s="43"/>
      <c r="Z3187" s="143"/>
      <c r="AA3187" s="137"/>
      <c r="AB3187" s="137"/>
      <c r="AC3187" s="137"/>
      <c r="AD3187" s="137"/>
      <c r="AE3187" s="137"/>
      <c r="AF3187" s="137"/>
      <c r="AG3187" s="137"/>
      <c r="AH3187" s="137"/>
      <c r="AI3187" s="137"/>
      <c r="AJ3187" s="137"/>
      <c r="AK3187" s="137"/>
      <c r="AL3187" s="137"/>
      <c r="AM3187" s="137"/>
      <c r="AN3187" s="137"/>
      <c r="AO3187" s="137"/>
      <c r="AP3187" s="137"/>
      <c r="AQ3187" s="137"/>
      <c r="AR3187" s="137"/>
      <c r="AS3187" s="137"/>
      <c r="AT3187" s="137"/>
      <c r="AU3187" s="137"/>
      <c r="AV3187" s="137"/>
      <c r="AW3187" s="144"/>
    </row>
    <row r="3188" spans="7:49" x14ac:dyDescent="0.2">
      <c r="G3188" s="43"/>
      <c r="Z3188" s="143"/>
      <c r="AA3188" s="137"/>
      <c r="AB3188" s="137"/>
      <c r="AC3188" s="137"/>
      <c r="AD3188" s="137"/>
      <c r="AE3188" s="137"/>
      <c r="AF3188" s="137"/>
      <c r="AG3188" s="137"/>
      <c r="AH3188" s="137"/>
      <c r="AI3188" s="137"/>
      <c r="AJ3188" s="137"/>
      <c r="AK3188" s="137"/>
      <c r="AL3188" s="137"/>
      <c r="AM3188" s="137"/>
      <c r="AN3188" s="137"/>
      <c r="AO3188" s="137"/>
      <c r="AP3188" s="137"/>
      <c r="AQ3188" s="137"/>
      <c r="AR3188" s="137"/>
      <c r="AS3188" s="137"/>
      <c r="AT3188" s="137"/>
      <c r="AU3188" s="137"/>
      <c r="AV3188" s="137"/>
      <c r="AW3188" s="144"/>
    </row>
    <row r="3189" spans="7:49" x14ac:dyDescent="0.2">
      <c r="G3189" s="43"/>
      <c r="Z3189" s="143"/>
      <c r="AA3189" s="137"/>
      <c r="AB3189" s="137"/>
      <c r="AC3189" s="137"/>
      <c r="AD3189" s="137"/>
      <c r="AE3189" s="137"/>
      <c r="AF3189" s="137"/>
      <c r="AG3189" s="137"/>
      <c r="AH3189" s="137"/>
      <c r="AI3189" s="137"/>
      <c r="AJ3189" s="137"/>
      <c r="AK3189" s="137"/>
      <c r="AL3189" s="137"/>
      <c r="AM3189" s="137"/>
      <c r="AN3189" s="137"/>
      <c r="AO3189" s="137"/>
      <c r="AP3189" s="137"/>
      <c r="AQ3189" s="137"/>
      <c r="AR3189" s="137"/>
      <c r="AS3189" s="137"/>
      <c r="AT3189" s="137"/>
      <c r="AU3189" s="137"/>
      <c r="AV3189" s="137"/>
      <c r="AW3189" s="144"/>
    </row>
    <row r="3190" spans="7:49" x14ac:dyDescent="0.2">
      <c r="G3190" s="43"/>
      <c r="Z3190" s="143"/>
      <c r="AA3190" s="137"/>
      <c r="AB3190" s="137"/>
      <c r="AC3190" s="137"/>
      <c r="AD3190" s="137"/>
      <c r="AE3190" s="137"/>
      <c r="AF3190" s="137"/>
      <c r="AG3190" s="137"/>
      <c r="AH3190" s="137"/>
      <c r="AI3190" s="137"/>
      <c r="AJ3190" s="137"/>
      <c r="AK3190" s="137"/>
      <c r="AL3190" s="137"/>
      <c r="AM3190" s="137"/>
      <c r="AN3190" s="137"/>
      <c r="AO3190" s="137"/>
      <c r="AP3190" s="137"/>
      <c r="AQ3190" s="137"/>
      <c r="AR3190" s="137"/>
      <c r="AS3190" s="137"/>
      <c r="AT3190" s="137"/>
      <c r="AU3190" s="137"/>
      <c r="AV3190" s="137"/>
      <c r="AW3190" s="144"/>
    </row>
    <row r="3191" spans="7:49" x14ac:dyDescent="0.2">
      <c r="G3191" s="43"/>
      <c r="Z3191" s="143"/>
      <c r="AA3191" s="137"/>
      <c r="AB3191" s="137"/>
      <c r="AC3191" s="137"/>
      <c r="AD3191" s="137"/>
      <c r="AE3191" s="137"/>
      <c r="AF3191" s="137"/>
      <c r="AG3191" s="137"/>
      <c r="AH3191" s="137"/>
      <c r="AI3191" s="137"/>
      <c r="AJ3191" s="137"/>
      <c r="AK3191" s="137"/>
      <c r="AL3191" s="137"/>
      <c r="AM3191" s="137"/>
      <c r="AN3191" s="137"/>
      <c r="AO3191" s="137"/>
      <c r="AP3191" s="137"/>
      <c r="AQ3191" s="137"/>
      <c r="AR3191" s="137"/>
      <c r="AS3191" s="137"/>
      <c r="AT3191" s="137"/>
      <c r="AU3191" s="137"/>
      <c r="AV3191" s="137"/>
      <c r="AW3191" s="144"/>
    </row>
    <row r="3192" spans="7:49" x14ac:dyDescent="0.2">
      <c r="G3192" s="43"/>
      <c r="Z3192" s="143"/>
      <c r="AA3192" s="137"/>
      <c r="AB3192" s="137"/>
      <c r="AC3192" s="137"/>
      <c r="AD3192" s="137"/>
      <c r="AE3192" s="137"/>
      <c r="AF3192" s="137"/>
      <c r="AG3192" s="137"/>
      <c r="AH3192" s="137"/>
      <c r="AI3192" s="137"/>
      <c r="AJ3192" s="137"/>
      <c r="AK3192" s="137"/>
      <c r="AL3192" s="137"/>
      <c r="AM3192" s="137"/>
      <c r="AN3192" s="137"/>
      <c r="AO3192" s="137"/>
      <c r="AP3192" s="137"/>
      <c r="AQ3192" s="137"/>
      <c r="AR3192" s="137"/>
      <c r="AS3192" s="137"/>
      <c r="AT3192" s="137"/>
      <c r="AU3192" s="137"/>
      <c r="AV3192" s="137"/>
      <c r="AW3192" s="144"/>
    </row>
    <row r="3193" spans="7:49" x14ac:dyDescent="0.2">
      <c r="G3193" s="43"/>
      <c r="Z3193" s="143"/>
      <c r="AA3193" s="137"/>
      <c r="AB3193" s="137"/>
      <c r="AC3193" s="137"/>
      <c r="AD3193" s="137"/>
      <c r="AE3193" s="137"/>
      <c r="AF3193" s="137"/>
      <c r="AG3193" s="137"/>
      <c r="AH3193" s="137"/>
      <c r="AI3193" s="137"/>
      <c r="AJ3193" s="137"/>
      <c r="AK3193" s="137"/>
      <c r="AL3193" s="137"/>
      <c r="AM3193" s="137"/>
      <c r="AN3193" s="137"/>
      <c r="AO3193" s="137"/>
      <c r="AP3193" s="137"/>
      <c r="AQ3193" s="137"/>
      <c r="AR3193" s="137"/>
      <c r="AS3193" s="137"/>
      <c r="AT3193" s="137"/>
      <c r="AU3193" s="137"/>
      <c r="AV3193" s="137"/>
      <c r="AW3193" s="144"/>
    </row>
    <row r="3194" spans="7:49" x14ac:dyDescent="0.2">
      <c r="G3194" s="43"/>
      <c r="Z3194" s="143"/>
      <c r="AA3194" s="137"/>
      <c r="AB3194" s="137"/>
      <c r="AC3194" s="137"/>
      <c r="AD3194" s="137"/>
      <c r="AE3194" s="137"/>
      <c r="AF3194" s="137"/>
      <c r="AG3194" s="137"/>
      <c r="AH3194" s="137"/>
      <c r="AI3194" s="137"/>
      <c r="AJ3194" s="137"/>
      <c r="AK3194" s="137"/>
      <c r="AL3194" s="137"/>
      <c r="AM3194" s="137"/>
      <c r="AN3194" s="137"/>
      <c r="AO3194" s="137"/>
      <c r="AP3194" s="137"/>
      <c r="AQ3194" s="137"/>
      <c r="AR3194" s="137"/>
      <c r="AS3194" s="137"/>
      <c r="AT3194" s="137"/>
      <c r="AU3194" s="137"/>
      <c r="AV3194" s="137"/>
      <c r="AW3194" s="144"/>
    </row>
    <row r="3195" spans="7:49" x14ac:dyDescent="0.2">
      <c r="G3195" s="43"/>
      <c r="Z3195" s="143"/>
      <c r="AA3195" s="137"/>
      <c r="AB3195" s="137"/>
      <c r="AC3195" s="137"/>
      <c r="AD3195" s="137"/>
      <c r="AE3195" s="137"/>
      <c r="AF3195" s="137"/>
      <c r="AG3195" s="137"/>
      <c r="AH3195" s="137"/>
      <c r="AI3195" s="137"/>
      <c r="AJ3195" s="137"/>
      <c r="AK3195" s="137"/>
      <c r="AL3195" s="137"/>
      <c r="AM3195" s="137"/>
      <c r="AN3195" s="137"/>
      <c r="AO3195" s="137"/>
      <c r="AP3195" s="137"/>
      <c r="AQ3195" s="137"/>
      <c r="AR3195" s="137"/>
      <c r="AS3195" s="137"/>
      <c r="AT3195" s="137"/>
      <c r="AU3195" s="137"/>
      <c r="AV3195" s="137"/>
      <c r="AW3195" s="144"/>
    </row>
    <row r="3196" spans="7:49" x14ac:dyDescent="0.2">
      <c r="G3196" s="43"/>
      <c r="Z3196" s="143"/>
      <c r="AA3196" s="137"/>
      <c r="AB3196" s="137"/>
      <c r="AC3196" s="137"/>
      <c r="AD3196" s="137"/>
      <c r="AE3196" s="137"/>
      <c r="AF3196" s="137"/>
      <c r="AG3196" s="137"/>
      <c r="AH3196" s="137"/>
      <c r="AI3196" s="137"/>
      <c r="AJ3196" s="137"/>
      <c r="AK3196" s="137"/>
      <c r="AL3196" s="137"/>
      <c r="AM3196" s="137"/>
      <c r="AN3196" s="137"/>
      <c r="AO3196" s="137"/>
      <c r="AP3196" s="137"/>
      <c r="AQ3196" s="137"/>
      <c r="AR3196" s="137"/>
      <c r="AS3196" s="137"/>
      <c r="AT3196" s="137"/>
      <c r="AU3196" s="137"/>
      <c r="AV3196" s="137"/>
      <c r="AW3196" s="144"/>
    </row>
    <row r="3197" spans="7:49" x14ac:dyDescent="0.2">
      <c r="G3197" s="43"/>
      <c r="Z3197" s="143"/>
      <c r="AA3197" s="137"/>
      <c r="AB3197" s="137"/>
      <c r="AC3197" s="137"/>
      <c r="AD3197" s="137"/>
      <c r="AE3197" s="137"/>
      <c r="AF3197" s="137"/>
      <c r="AG3197" s="137"/>
      <c r="AH3197" s="137"/>
      <c r="AI3197" s="137"/>
      <c r="AJ3197" s="137"/>
      <c r="AK3197" s="137"/>
      <c r="AL3197" s="137"/>
      <c r="AM3197" s="137"/>
      <c r="AN3197" s="137"/>
      <c r="AO3197" s="137"/>
      <c r="AP3197" s="137"/>
      <c r="AQ3197" s="137"/>
      <c r="AR3197" s="137"/>
      <c r="AS3197" s="137"/>
      <c r="AT3197" s="137"/>
      <c r="AU3197" s="137"/>
      <c r="AV3197" s="137"/>
      <c r="AW3197" s="144"/>
    </row>
    <row r="3198" spans="7:49" x14ac:dyDescent="0.2">
      <c r="G3198" s="43"/>
      <c r="Z3198" s="143"/>
      <c r="AA3198" s="137"/>
      <c r="AB3198" s="137"/>
      <c r="AC3198" s="137"/>
      <c r="AD3198" s="137"/>
      <c r="AE3198" s="137"/>
      <c r="AF3198" s="137"/>
      <c r="AG3198" s="137"/>
      <c r="AH3198" s="137"/>
      <c r="AI3198" s="137"/>
      <c r="AJ3198" s="137"/>
      <c r="AK3198" s="137"/>
      <c r="AL3198" s="137"/>
      <c r="AM3198" s="137"/>
      <c r="AN3198" s="137"/>
      <c r="AO3198" s="137"/>
      <c r="AP3198" s="137"/>
      <c r="AQ3198" s="137"/>
      <c r="AR3198" s="137"/>
      <c r="AS3198" s="137"/>
      <c r="AT3198" s="137"/>
      <c r="AU3198" s="137"/>
      <c r="AV3198" s="137"/>
      <c r="AW3198" s="144"/>
    </row>
    <row r="3199" spans="7:49" x14ac:dyDescent="0.2">
      <c r="G3199" s="43"/>
      <c r="Z3199" s="143"/>
      <c r="AA3199" s="137"/>
      <c r="AB3199" s="137"/>
      <c r="AC3199" s="137"/>
      <c r="AD3199" s="137"/>
      <c r="AE3199" s="137"/>
      <c r="AF3199" s="137"/>
      <c r="AG3199" s="137"/>
      <c r="AH3199" s="137"/>
      <c r="AI3199" s="137"/>
      <c r="AJ3199" s="137"/>
      <c r="AK3199" s="137"/>
      <c r="AL3199" s="137"/>
      <c r="AM3199" s="137"/>
      <c r="AN3199" s="137"/>
      <c r="AO3199" s="137"/>
      <c r="AP3199" s="137"/>
      <c r="AQ3199" s="137"/>
      <c r="AR3199" s="137"/>
      <c r="AS3199" s="137"/>
      <c r="AT3199" s="137"/>
      <c r="AU3199" s="137"/>
      <c r="AV3199" s="137"/>
      <c r="AW3199" s="144"/>
    </row>
    <row r="3200" spans="7:49" x14ac:dyDescent="0.2">
      <c r="G3200" s="43"/>
      <c r="Z3200" s="143"/>
      <c r="AA3200" s="137"/>
      <c r="AB3200" s="137"/>
      <c r="AC3200" s="137"/>
      <c r="AD3200" s="137"/>
      <c r="AE3200" s="137"/>
      <c r="AF3200" s="137"/>
      <c r="AG3200" s="137"/>
      <c r="AH3200" s="137"/>
      <c r="AI3200" s="137"/>
      <c r="AJ3200" s="137"/>
      <c r="AK3200" s="137"/>
      <c r="AL3200" s="137"/>
      <c r="AM3200" s="137"/>
      <c r="AN3200" s="137"/>
      <c r="AO3200" s="137"/>
      <c r="AP3200" s="137"/>
      <c r="AQ3200" s="137"/>
      <c r="AR3200" s="137"/>
      <c r="AS3200" s="137"/>
      <c r="AT3200" s="137"/>
      <c r="AU3200" s="137"/>
      <c r="AV3200" s="137"/>
      <c r="AW3200" s="144"/>
    </row>
    <row r="3201" spans="7:49" x14ac:dyDescent="0.2">
      <c r="G3201" s="43"/>
      <c r="Z3201" s="143"/>
      <c r="AA3201" s="137"/>
      <c r="AB3201" s="137"/>
      <c r="AC3201" s="137"/>
      <c r="AD3201" s="137"/>
      <c r="AE3201" s="137"/>
      <c r="AF3201" s="137"/>
      <c r="AG3201" s="137"/>
      <c r="AH3201" s="137"/>
      <c r="AI3201" s="137"/>
      <c r="AJ3201" s="137"/>
      <c r="AK3201" s="137"/>
      <c r="AL3201" s="137"/>
      <c r="AM3201" s="137"/>
      <c r="AN3201" s="137"/>
      <c r="AO3201" s="137"/>
      <c r="AP3201" s="137"/>
      <c r="AQ3201" s="137"/>
      <c r="AR3201" s="137"/>
      <c r="AS3201" s="137"/>
      <c r="AT3201" s="137"/>
      <c r="AU3201" s="137"/>
      <c r="AV3201" s="137"/>
      <c r="AW3201" s="144"/>
    </row>
    <row r="3202" spans="7:49" x14ac:dyDescent="0.2">
      <c r="G3202" s="43"/>
      <c r="Z3202" s="143"/>
      <c r="AA3202" s="137"/>
      <c r="AB3202" s="137"/>
      <c r="AC3202" s="137"/>
      <c r="AD3202" s="137"/>
      <c r="AE3202" s="137"/>
      <c r="AF3202" s="137"/>
      <c r="AG3202" s="137"/>
      <c r="AH3202" s="137"/>
      <c r="AI3202" s="137"/>
      <c r="AJ3202" s="137"/>
      <c r="AK3202" s="137"/>
      <c r="AL3202" s="137"/>
      <c r="AM3202" s="137"/>
      <c r="AN3202" s="137"/>
      <c r="AO3202" s="137"/>
      <c r="AP3202" s="137"/>
      <c r="AQ3202" s="137"/>
      <c r="AR3202" s="137"/>
      <c r="AS3202" s="137"/>
      <c r="AT3202" s="137"/>
      <c r="AU3202" s="137"/>
      <c r="AV3202" s="137"/>
      <c r="AW3202" s="144"/>
    </row>
    <row r="3203" spans="7:49" x14ac:dyDescent="0.2">
      <c r="G3203" s="43"/>
      <c r="Z3203" s="143"/>
      <c r="AA3203" s="137"/>
      <c r="AB3203" s="137"/>
      <c r="AC3203" s="137"/>
      <c r="AD3203" s="137"/>
      <c r="AE3203" s="137"/>
      <c r="AF3203" s="137"/>
      <c r="AG3203" s="137"/>
      <c r="AH3203" s="137"/>
      <c r="AI3203" s="137"/>
      <c r="AJ3203" s="137"/>
      <c r="AK3203" s="137"/>
      <c r="AL3203" s="137"/>
      <c r="AM3203" s="137"/>
      <c r="AN3203" s="137"/>
      <c r="AO3203" s="137"/>
      <c r="AP3203" s="137"/>
      <c r="AQ3203" s="137"/>
      <c r="AR3203" s="137"/>
      <c r="AS3203" s="137"/>
      <c r="AT3203" s="137"/>
      <c r="AU3203" s="137"/>
      <c r="AV3203" s="137"/>
      <c r="AW3203" s="144"/>
    </row>
    <row r="3204" spans="7:49" x14ac:dyDescent="0.2">
      <c r="G3204" s="43"/>
      <c r="Z3204" s="143"/>
      <c r="AA3204" s="137"/>
      <c r="AB3204" s="137"/>
      <c r="AC3204" s="137"/>
      <c r="AD3204" s="137"/>
      <c r="AE3204" s="137"/>
      <c r="AF3204" s="137"/>
      <c r="AG3204" s="137"/>
      <c r="AH3204" s="137"/>
      <c r="AI3204" s="137"/>
      <c r="AJ3204" s="137"/>
      <c r="AK3204" s="137"/>
      <c r="AL3204" s="137"/>
      <c r="AM3204" s="137"/>
      <c r="AN3204" s="137"/>
      <c r="AO3204" s="137"/>
      <c r="AP3204" s="137"/>
      <c r="AQ3204" s="137"/>
      <c r="AR3204" s="137"/>
      <c r="AS3204" s="137"/>
      <c r="AT3204" s="137"/>
      <c r="AU3204" s="137"/>
      <c r="AV3204" s="137"/>
      <c r="AW3204" s="144"/>
    </row>
    <row r="3205" spans="7:49" x14ac:dyDescent="0.2">
      <c r="G3205" s="43"/>
      <c r="Z3205" s="143"/>
      <c r="AA3205" s="137"/>
      <c r="AB3205" s="137"/>
      <c r="AC3205" s="137"/>
      <c r="AD3205" s="137"/>
      <c r="AE3205" s="137"/>
      <c r="AF3205" s="137"/>
      <c r="AG3205" s="137"/>
      <c r="AH3205" s="137"/>
      <c r="AI3205" s="137"/>
      <c r="AJ3205" s="137"/>
      <c r="AK3205" s="137"/>
      <c r="AL3205" s="137"/>
      <c r="AM3205" s="137"/>
      <c r="AN3205" s="137"/>
      <c r="AO3205" s="137"/>
      <c r="AP3205" s="137"/>
      <c r="AQ3205" s="137"/>
      <c r="AR3205" s="137"/>
      <c r="AS3205" s="137"/>
      <c r="AT3205" s="137"/>
      <c r="AU3205" s="137"/>
      <c r="AV3205" s="137"/>
      <c r="AW3205" s="144"/>
    </row>
    <row r="3206" spans="7:49" x14ac:dyDescent="0.2">
      <c r="G3206" s="43"/>
      <c r="Z3206" s="143"/>
      <c r="AA3206" s="137"/>
      <c r="AB3206" s="137"/>
      <c r="AC3206" s="137"/>
      <c r="AD3206" s="137"/>
      <c r="AE3206" s="137"/>
      <c r="AF3206" s="137"/>
      <c r="AG3206" s="137"/>
      <c r="AH3206" s="137"/>
      <c r="AI3206" s="137"/>
      <c r="AJ3206" s="137"/>
      <c r="AK3206" s="137"/>
      <c r="AL3206" s="137"/>
      <c r="AM3206" s="137"/>
      <c r="AN3206" s="137"/>
      <c r="AO3206" s="137"/>
      <c r="AP3206" s="137"/>
      <c r="AQ3206" s="137"/>
      <c r="AR3206" s="137"/>
      <c r="AS3206" s="137"/>
      <c r="AT3206" s="137"/>
      <c r="AU3206" s="137"/>
      <c r="AV3206" s="137"/>
      <c r="AW3206" s="144"/>
    </row>
    <row r="3207" spans="7:49" x14ac:dyDescent="0.2">
      <c r="G3207" s="43"/>
      <c r="Z3207" s="143"/>
      <c r="AA3207" s="137"/>
      <c r="AB3207" s="137"/>
      <c r="AC3207" s="137"/>
      <c r="AD3207" s="137"/>
      <c r="AE3207" s="137"/>
      <c r="AF3207" s="137"/>
      <c r="AG3207" s="137"/>
      <c r="AH3207" s="137"/>
      <c r="AI3207" s="137"/>
      <c r="AJ3207" s="137"/>
      <c r="AK3207" s="137"/>
      <c r="AL3207" s="137"/>
      <c r="AM3207" s="137"/>
      <c r="AN3207" s="137"/>
      <c r="AO3207" s="137"/>
      <c r="AP3207" s="137"/>
      <c r="AQ3207" s="137"/>
      <c r="AR3207" s="137"/>
      <c r="AS3207" s="137"/>
      <c r="AT3207" s="137"/>
      <c r="AU3207" s="137"/>
      <c r="AV3207" s="137"/>
      <c r="AW3207" s="144"/>
    </row>
    <row r="3208" spans="7:49" x14ac:dyDescent="0.2">
      <c r="G3208" s="43"/>
      <c r="Z3208" s="143"/>
      <c r="AA3208" s="137"/>
      <c r="AB3208" s="137"/>
      <c r="AC3208" s="137"/>
      <c r="AD3208" s="137"/>
      <c r="AE3208" s="137"/>
      <c r="AF3208" s="137"/>
      <c r="AG3208" s="137"/>
      <c r="AH3208" s="137"/>
      <c r="AI3208" s="137"/>
      <c r="AJ3208" s="137"/>
      <c r="AK3208" s="137"/>
      <c r="AL3208" s="137"/>
      <c r="AM3208" s="137"/>
      <c r="AN3208" s="137"/>
      <c r="AO3208" s="137"/>
      <c r="AP3208" s="137"/>
      <c r="AQ3208" s="137"/>
      <c r="AR3208" s="137"/>
      <c r="AS3208" s="137"/>
      <c r="AT3208" s="137"/>
      <c r="AU3208" s="137"/>
      <c r="AV3208" s="137"/>
      <c r="AW3208" s="144"/>
    </row>
    <row r="3209" spans="7:49" x14ac:dyDescent="0.2">
      <c r="G3209" s="43"/>
      <c r="Z3209" s="143"/>
      <c r="AA3209" s="137"/>
      <c r="AB3209" s="137"/>
      <c r="AC3209" s="137"/>
      <c r="AD3209" s="137"/>
      <c r="AE3209" s="137"/>
      <c r="AF3209" s="137"/>
      <c r="AG3209" s="137"/>
      <c r="AH3209" s="137"/>
      <c r="AI3209" s="137"/>
      <c r="AJ3209" s="137"/>
      <c r="AK3209" s="137"/>
      <c r="AL3209" s="137"/>
      <c r="AM3209" s="137"/>
      <c r="AN3209" s="137"/>
      <c r="AO3209" s="137"/>
      <c r="AP3209" s="137"/>
      <c r="AQ3209" s="137"/>
      <c r="AR3209" s="137"/>
      <c r="AS3209" s="137"/>
      <c r="AT3209" s="137"/>
      <c r="AU3209" s="137"/>
      <c r="AV3209" s="137"/>
      <c r="AW3209" s="144"/>
    </row>
    <row r="3210" spans="7:49" x14ac:dyDescent="0.2">
      <c r="G3210" s="43"/>
      <c r="Z3210" s="143"/>
      <c r="AA3210" s="137"/>
      <c r="AB3210" s="137"/>
      <c r="AC3210" s="137"/>
      <c r="AD3210" s="137"/>
      <c r="AE3210" s="137"/>
      <c r="AF3210" s="137"/>
      <c r="AG3210" s="137"/>
      <c r="AH3210" s="137"/>
      <c r="AI3210" s="137"/>
      <c r="AJ3210" s="137"/>
      <c r="AK3210" s="137"/>
      <c r="AL3210" s="137"/>
      <c r="AM3210" s="137"/>
      <c r="AN3210" s="137"/>
      <c r="AO3210" s="137"/>
      <c r="AP3210" s="137"/>
      <c r="AQ3210" s="137"/>
      <c r="AR3210" s="137"/>
      <c r="AS3210" s="137"/>
      <c r="AT3210" s="137"/>
      <c r="AU3210" s="137"/>
      <c r="AV3210" s="137"/>
      <c r="AW3210" s="144"/>
    </row>
    <row r="3211" spans="7:49" x14ac:dyDescent="0.2">
      <c r="G3211" s="43"/>
      <c r="Z3211" s="143"/>
      <c r="AA3211" s="137"/>
      <c r="AB3211" s="137"/>
      <c r="AC3211" s="137"/>
      <c r="AD3211" s="137"/>
      <c r="AE3211" s="137"/>
      <c r="AF3211" s="137"/>
      <c r="AG3211" s="137"/>
      <c r="AH3211" s="137"/>
      <c r="AI3211" s="137"/>
      <c r="AJ3211" s="137"/>
      <c r="AK3211" s="137"/>
      <c r="AL3211" s="137"/>
      <c r="AM3211" s="137"/>
      <c r="AN3211" s="137"/>
      <c r="AO3211" s="137"/>
      <c r="AP3211" s="137"/>
      <c r="AQ3211" s="137"/>
      <c r="AR3211" s="137"/>
      <c r="AS3211" s="137"/>
      <c r="AT3211" s="137"/>
      <c r="AU3211" s="137"/>
      <c r="AV3211" s="137"/>
      <c r="AW3211" s="144"/>
    </row>
    <row r="3212" spans="7:49" x14ac:dyDescent="0.2">
      <c r="G3212" s="43"/>
      <c r="Z3212" s="143"/>
      <c r="AA3212" s="137"/>
      <c r="AB3212" s="137"/>
      <c r="AC3212" s="137"/>
      <c r="AD3212" s="137"/>
      <c r="AE3212" s="137"/>
      <c r="AF3212" s="137"/>
      <c r="AG3212" s="137"/>
      <c r="AH3212" s="137"/>
      <c r="AI3212" s="137"/>
      <c r="AJ3212" s="137"/>
      <c r="AK3212" s="137"/>
      <c r="AL3212" s="137"/>
      <c r="AM3212" s="137"/>
      <c r="AN3212" s="137"/>
      <c r="AO3212" s="137"/>
      <c r="AP3212" s="137"/>
      <c r="AQ3212" s="137"/>
      <c r="AR3212" s="137"/>
      <c r="AS3212" s="137"/>
      <c r="AT3212" s="137"/>
      <c r="AU3212" s="137"/>
      <c r="AV3212" s="137"/>
      <c r="AW3212" s="144"/>
    </row>
    <row r="3213" spans="7:49" x14ac:dyDescent="0.2">
      <c r="G3213" s="43"/>
      <c r="Z3213" s="143"/>
      <c r="AA3213" s="137"/>
      <c r="AB3213" s="137"/>
      <c r="AC3213" s="137"/>
      <c r="AD3213" s="137"/>
      <c r="AE3213" s="137"/>
      <c r="AF3213" s="137"/>
      <c r="AG3213" s="137"/>
      <c r="AH3213" s="137"/>
      <c r="AI3213" s="137"/>
      <c r="AJ3213" s="137"/>
      <c r="AK3213" s="137"/>
      <c r="AL3213" s="137"/>
      <c r="AM3213" s="137"/>
      <c r="AN3213" s="137"/>
      <c r="AO3213" s="137"/>
      <c r="AP3213" s="137"/>
      <c r="AQ3213" s="137"/>
      <c r="AR3213" s="137"/>
      <c r="AS3213" s="137"/>
      <c r="AT3213" s="137"/>
      <c r="AU3213" s="137"/>
      <c r="AV3213" s="137"/>
      <c r="AW3213" s="144"/>
    </row>
    <row r="3214" spans="7:49" x14ac:dyDescent="0.2">
      <c r="G3214" s="43"/>
      <c r="Z3214" s="143"/>
      <c r="AA3214" s="137"/>
      <c r="AB3214" s="137"/>
      <c r="AC3214" s="137"/>
      <c r="AD3214" s="137"/>
      <c r="AE3214" s="137"/>
      <c r="AF3214" s="137"/>
      <c r="AG3214" s="137"/>
      <c r="AH3214" s="137"/>
      <c r="AI3214" s="137"/>
      <c r="AJ3214" s="137"/>
      <c r="AK3214" s="137"/>
      <c r="AL3214" s="137"/>
      <c r="AM3214" s="137"/>
      <c r="AN3214" s="137"/>
      <c r="AO3214" s="137"/>
      <c r="AP3214" s="137"/>
      <c r="AQ3214" s="137"/>
      <c r="AR3214" s="137"/>
      <c r="AS3214" s="137"/>
      <c r="AT3214" s="137"/>
      <c r="AU3214" s="137"/>
      <c r="AV3214" s="137"/>
      <c r="AW3214" s="144"/>
    </row>
    <row r="3215" spans="7:49" x14ac:dyDescent="0.2">
      <c r="G3215" s="43"/>
      <c r="Z3215" s="143"/>
      <c r="AA3215" s="137"/>
      <c r="AB3215" s="137"/>
      <c r="AC3215" s="137"/>
      <c r="AD3215" s="137"/>
      <c r="AE3215" s="137"/>
      <c r="AF3215" s="137"/>
      <c r="AG3215" s="137"/>
      <c r="AH3215" s="137"/>
      <c r="AI3215" s="137"/>
      <c r="AJ3215" s="137"/>
      <c r="AK3215" s="137"/>
      <c r="AL3215" s="137"/>
      <c r="AM3215" s="137"/>
      <c r="AN3215" s="137"/>
      <c r="AO3215" s="137"/>
      <c r="AP3215" s="137"/>
      <c r="AQ3215" s="137"/>
      <c r="AR3215" s="137"/>
      <c r="AS3215" s="137"/>
      <c r="AT3215" s="137"/>
      <c r="AU3215" s="137"/>
      <c r="AV3215" s="137"/>
      <c r="AW3215" s="144"/>
    </row>
    <row r="3216" spans="7:49" x14ac:dyDescent="0.2">
      <c r="G3216" s="43"/>
      <c r="Z3216" s="143"/>
      <c r="AA3216" s="137"/>
      <c r="AB3216" s="137"/>
      <c r="AC3216" s="137"/>
      <c r="AD3216" s="137"/>
      <c r="AE3216" s="137"/>
      <c r="AF3216" s="137"/>
      <c r="AG3216" s="137"/>
      <c r="AH3216" s="137"/>
      <c r="AI3216" s="137"/>
      <c r="AJ3216" s="137"/>
      <c r="AK3216" s="137"/>
      <c r="AL3216" s="137"/>
      <c r="AM3216" s="137"/>
      <c r="AN3216" s="137"/>
      <c r="AO3216" s="137"/>
      <c r="AP3216" s="137"/>
      <c r="AQ3216" s="137"/>
      <c r="AR3216" s="137"/>
      <c r="AS3216" s="137"/>
      <c r="AT3216" s="137"/>
      <c r="AU3216" s="137"/>
      <c r="AV3216" s="137"/>
      <c r="AW3216" s="144"/>
    </row>
    <row r="3217" spans="7:49" x14ac:dyDescent="0.2">
      <c r="G3217" s="43"/>
      <c r="Z3217" s="143"/>
      <c r="AA3217" s="137"/>
      <c r="AB3217" s="137"/>
      <c r="AC3217" s="137"/>
      <c r="AD3217" s="137"/>
      <c r="AE3217" s="137"/>
      <c r="AF3217" s="137"/>
      <c r="AG3217" s="137"/>
      <c r="AH3217" s="137"/>
      <c r="AI3217" s="137"/>
      <c r="AJ3217" s="137"/>
      <c r="AK3217" s="137"/>
      <c r="AL3217" s="137"/>
      <c r="AM3217" s="137"/>
      <c r="AN3217" s="137"/>
      <c r="AO3217" s="137"/>
      <c r="AP3217" s="137"/>
      <c r="AQ3217" s="137"/>
      <c r="AR3217" s="137"/>
      <c r="AS3217" s="137"/>
      <c r="AT3217" s="137"/>
      <c r="AU3217" s="137"/>
      <c r="AV3217" s="137"/>
      <c r="AW3217" s="144"/>
    </row>
    <row r="3218" spans="7:49" x14ac:dyDescent="0.2">
      <c r="G3218" s="43"/>
      <c r="Z3218" s="143"/>
      <c r="AA3218" s="137"/>
      <c r="AB3218" s="137"/>
      <c r="AC3218" s="137"/>
      <c r="AD3218" s="137"/>
      <c r="AE3218" s="137"/>
      <c r="AF3218" s="137"/>
      <c r="AG3218" s="137"/>
      <c r="AH3218" s="137"/>
      <c r="AI3218" s="137"/>
      <c r="AJ3218" s="137"/>
      <c r="AK3218" s="137"/>
      <c r="AL3218" s="137"/>
      <c r="AM3218" s="137"/>
      <c r="AN3218" s="137"/>
      <c r="AO3218" s="137"/>
      <c r="AP3218" s="137"/>
      <c r="AQ3218" s="137"/>
      <c r="AR3218" s="137"/>
      <c r="AS3218" s="137"/>
      <c r="AT3218" s="137"/>
      <c r="AU3218" s="137"/>
      <c r="AV3218" s="137"/>
      <c r="AW3218" s="144"/>
    </row>
    <row r="3219" spans="7:49" x14ac:dyDescent="0.2">
      <c r="G3219" s="43"/>
      <c r="Z3219" s="143"/>
      <c r="AA3219" s="137"/>
      <c r="AB3219" s="137"/>
      <c r="AC3219" s="137"/>
      <c r="AD3219" s="137"/>
      <c r="AE3219" s="137"/>
      <c r="AF3219" s="137"/>
      <c r="AG3219" s="137"/>
      <c r="AH3219" s="137"/>
      <c r="AI3219" s="137"/>
      <c r="AJ3219" s="137"/>
      <c r="AK3219" s="137"/>
      <c r="AL3219" s="137"/>
      <c r="AM3219" s="137"/>
      <c r="AN3219" s="137"/>
      <c r="AO3219" s="137"/>
      <c r="AP3219" s="137"/>
      <c r="AQ3219" s="137"/>
      <c r="AR3219" s="137"/>
      <c r="AS3219" s="137"/>
      <c r="AT3219" s="137"/>
      <c r="AU3219" s="137"/>
      <c r="AV3219" s="137"/>
      <c r="AW3219" s="144"/>
    </row>
    <row r="3220" spans="7:49" x14ac:dyDescent="0.2">
      <c r="G3220" s="43"/>
      <c r="Z3220" s="143"/>
      <c r="AA3220" s="137"/>
      <c r="AB3220" s="137"/>
      <c r="AC3220" s="137"/>
      <c r="AD3220" s="137"/>
      <c r="AE3220" s="137"/>
      <c r="AF3220" s="137"/>
      <c r="AG3220" s="137"/>
      <c r="AH3220" s="137"/>
      <c r="AI3220" s="137"/>
      <c r="AJ3220" s="137"/>
      <c r="AK3220" s="137"/>
      <c r="AL3220" s="137"/>
      <c r="AM3220" s="137"/>
      <c r="AN3220" s="137"/>
      <c r="AO3220" s="137"/>
      <c r="AP3220" s="137"/>
      <c r="AQ3220" s="137"/>
      <c r="AR3220" s="137"/>
      <c r="AS3220" s="137"/>
      <c r="AT3220" s="137"/>
      <c r="AU3220" s="137"/>
      <c r="AV3220" s="137"/>
      <c r="AW3220" s="144"/>
    </row>
    <row r="3221" spans="7:49" x14ac:dyDescent="0.2">
      <c r="G3221" s="43"/>
      <c r="Z3221" s="143"/>
      <c r="AA3221" s="137"/>
      <c r="AB3221" s="137"/>
      <c r="AC3221" s="137"/>
      <c r="AD3221" s="137"/>
      <c r="AE3221" s="137"/>
      <c r="AF3221" s="137"/>
      <c r="AG3221" s="137"/>
      <c r="AH3221" s="137"/>
      <c r="AI3221" s="137"/>
      <c r="AJ3221" s="137"/>
      <c r="AK3221" s="137"/>
      <c r="AL3221" s="137"/>
      <c r="AM3221" s="137"/>
      <c r="AN3221" s="137"/>
      <c r="AO3221" s="137"/>
      <c r="AP3221" s="137"/>
      <c r="AQ3221" s="137"/>
      <c r="AR3221" s="137"/>
      <c r="AS3221" s="137"/>
      <c r="AT3221" s="137"/>
      <c r="AU3221" s="137"/>
      <c r="AV3221" s="137"/>
      <c r="AW3221" s="144"/>
    </row>
    <row r="3222" spans="7:49" x14ac:dyDescent="0.2">
      <c r="G3222" s="43"/>
      <c r="Z3222" s="143"/>
      <c r="AA3222" s="137"/>
      <c r="AB3222" s="137"/>
      <c r="AC3222" s="137"/>
      <c r="AD3222" s="137"/>
      <c r="AE3222" s="137"/>
      <c r="AF3222" s="137"/>
      <c r="AG3222" s="137"/>
      <c r="AH3222" s="137"/>
      <c r="AI3222" s="137"/>
      <c r="AJ3222" s="137"/>
      <c r="AK3222" s="137"/>
      <c r="AL3222" s="137"/>
      <c r="AM3222" s="137"/>
      <c r="AN3222" s="137"/>
      <c r="AO3222" s="137"/>
      <c r="AP3222" s="137"/>
      <c r="AQ3222" s="137"/>
      <c r="AR3222" s="137"/>
      <c r="AS3222" s="137"/>
      <c r="AT3222" s="137"/>
      <c r="AU3222" s="137"/>
      <c r="AV3222" s="137"/>
      <c r="AW3222" s="144"/>
    </row>
    <row r="3223" spans="7:49" x14ac:dyDescent="0.2">
      <c r="G3223" s="43"/>
      <c r="Z3223" s="143"/>
      <c r="AA3223" s="137"/>
      <c r="AB3223" s="137"/>
      <c r="AC3223" s="137"/>
      <c r="AD3223" s="137"/>
      <c r="AE3223" s="137"/>
      <c r="AF3223" s="137"/>
      <c r="AG3223" s="137"/>
      <c r="AH3223" s="137"/>
      <c r="AI3223" s="137"/>
      <c r="AJ3223" s="137"/>
      <c r="AK3223" s="137"/>
      <c r="AL3223" s="137"/>
      <c r="AM3223" s="137"/>
      <c r="AN3223" s="137"/>
      <c r="AO3223" s="137"/>
      <c r="AP3223" s="137"/>
      <c r="AQ3223" s="137"/>
      <c r="AR3223" s="137"/>
      <c r="AS3223" s="137"/>
      <c r="AT3223" s="137"/>
      <c r="AU3223" s="137"/>
      <c r="AV3223" s="137"/>
      <c r="AW3223" s="144"/>
    </row>
    <row r="3224" spans="7:49" x14ac:dyDescent="0.2">
      <c r="G3224" s="43"/>
      <c r="Z3224" s="143"/>
      <c r="AA3224" s="137"/>
      <c r="AB3224" s="137"/>
      <c r="AC3224" s="137"/>
      <c r="AD3224" s="137"/>
      <c r="AE3224" s="137"/>
      <c r="AF3224" s="137"/>
      <c r="AG3224" s="137"/>
      <c r="AH3224" s="137"/>
      <c r="AI3224" s="137"/>
      <c r="AJ3224" s="137"/>
      <c r="AK3224" s="137"/>
      <c r="AL3224" s="137"/>
      <c r="AM3224" s="137"/>
      <c r="AN3224" s="137"/>
      <c r="AO3224" s="137"/>
      <c r="AP3224" s="137"/>
      <c r="AQ3224" s="137"/>
      <c r="AR3224" s="137"/>
      <c r="AS3224" s="137"/>
      <c r="AT3224" s="137"/>
      <c r="AU3224" s="137"/>
      <c r="AV3224" s="137"/>
      <c r="AW3224" s="144"/>
    </row>
    <row r="3225" spans="7:49" x14ac:dyDescent="0.2">
      <c r="G3225" s="43"/>
      <c r="Z3225" s="143"/>
      <c r="AA3225" s="137"/>
      <c r="AB3225" s="137"/>
      <c r="AC3225" s="137"/>
      <c r="AD3225" s="137"/>
      <c r="AE3225" s="137"/>
      <c r="AF3225" s="137"/>
      <c r="AG3225" s="137"/>
      <c r="AH3225" s="137"/>
      <c r="AI3225" s="137"/>
      <c r="AJ3225" s="137"/>
      <c r="AK3225" s="137"/>
      <c r="AL3225" s="137"/>
      <c r="AM3225" s="137"/>
      <c r="AN3225" s="137"/>
      <c r="AO3225" s="137"/>
      <c r="AP3225" s="137"/>
      <c r="AQ3225" s="137"/>
      <c r="AR3225" s="137"/>
      <c r="AS3225" s="137"/>
      <c r="AT3225" s="137"/>
      <c r="AU3225" s="137"/>
      <c r="AV3225" s="137"/>
      <c r="AW3225" s="144"/>
    </row>
    <row r="3226" spans="7:49" x14ac:dyDescent="0.2">
      <c r="G3226" s="43"/>
      <c r="Z3226" s="143"/>
      <c r="AA3226" s="137"/>
      <c r="AB3226" s="137"/>
      <c r="AC3226" s="137"/>
      <c r="AD3226" s="137"/>
      <c r="AE3226" s="137"/>
      <c r="AF3226" s="137"/>
      <c r="AG3226" s="137"/>
      <c r="AH3226" s="137"/>
      <c r="AI3226" s="137"/>
      <c r="AJ3226" s="137"/>
      <c r="AK3226" s="137"/>
      <c r="AL3226" s="137"/>
      <c r="AM3226" s="137"/>
      <c r="AN3226" s="137"/>
      <c r="AO3226" s="137"/>
      <c r="AP3226" s="137"/>
      <c r="AQ3226" s="137"/>
      <c r="AR3226" s="137"/>
      <c r="AS3226" s="137"/>
      <c r="AT3226" s="137"/>
      <c r="AU3226" s="137"/>
      <c r="AV3226" s="137"/>
      <c r="AW3226" s="144"/>
    </row>
    <row r="3227" spans="7:49" x14ac:dyDescent="0.2">
      <c r="G3227" s="43"/>
      <c r="Z3227" s="143"/>
      <c r="AA3227" s="137"/>
      <c r="AB3227" s="137"/>
      <c r="AC3227" s="137"/>
      <c r="AD3227" s="137"/>
      <c r="AE3227" s="137"/>
      <c r="AF3227" s="137"/>
      <c r="AG3227" s="137"/>
      <c r="AH3227" s="137"/>
      <c r="AI3227" s="137"/>
      <c r="AJ3227" s="137"/>
      <c r="AK3227" s="137"/>
      <c r="AL3227" s="137"/>
      <c r="AM3227" s="137"/>
      <c r="AN3227" s="137"/>
      <c r="AO3227" s="137"/>
      <c r="AP3227" s="137"/>
      <c r="AQ3227" s="137"/>
      <c r="AR3227" s="137"/>
      <c r="AS3227" s="137"/>
      <c r="AT3227" s="137"/>
      <c r="AU3227" s="137"/>
      <c r="AV3227" s="137"/>
      <c r="AW3227" s="144"/>
    </row>
    <row r="3228" spans="7:49" x14ac:dyDescent="0.2">
      <c r="G3228" s="43"/>
      <c r="Z3228" s="143"/>
      <c r="AA3228" s="137"/>
      <c r="AB3228" s="137"/>
      <c r="AC3228" s="137"/>
      <c r="AD3228" s="137"/>
      <c r="AE3228" s="137"/>
      <c r="AF3228" s="137"/>
      <c r="AG3228" s="137"/>
      <c r="AH3228" s="137"/>
      <c r="AI3228" s="137"/>
      <c r="AJ3228" s="137"/>
      <c r="AK3228" s="137"/>
      <c r="AL3228" s="137"/>
      <c r="AM3228" s="137"/>
      <c r="AN3228" s="137"/>
      <c r="AO3228" s="137"/>
      <c r="AP3228" s="137"/>
      <c r="AQ3228" s="137"/>
      <c r="AR3228" s="137"/>
      <c r="AS3228" s="137"/>
      <c r="AT3228" s="137"/>
      <c r="AU3228" s="137"/>
      <c r="AV3228" s="137"/>
      <c r="AW3228" s="144"/>
    </row>
    <row r="3229" spans="7:49" x14ac:dyDescent="0.2">
      <c r="G3229" s="43"/>
      <c r="Z3229" s="143"/>
      <c r="AA3229" s="137"/>
      <c r="AB3229" s="137"/>
      <c r="AC3229" s="137"/>
      <c r="AD3229" s="137"/>
      <c r="AE3229" s="137"/>
      <c r="AF3229" s="137"/>
      <c r="AG3229" s="137"/>
      <c r="AH3229" s="137"/>
      <c r="AI3229" s="137"/>
      <c r="AJ3229" s="137"/>
      <c r="AK3229" s="137"/>
      <c r="AL3229" s="137"/>
      <c r="AM3229" s="137"/>
      <c r="AN3229" s="137"/>
      <c r="AO3229" s="137"/>
      <c r="AP3229" s="137"/>
      <c r="AQ3229" s="137"/>
      <c r="AR3229" s="137"/>
      <c r="AS3229" s="137"/>
      <c r="AT3229" s="137"/>
      <c r="AU3229" s="137"/>
      <c r="AV3229" s="137"/>
      <c r="AW3229" s="144"/>
    </row>
    <row r="3230" spans="7:49" x14ac:dyDescent="0.2">
      <c r="G3230" s="43"/>
      <c r="Z3230" s="143"/>
      <c r="AA3230" s="137"/>
      <c r="AB3230" s="137"/>
      <c r="AC3230" s="137"/>
      <c r="AD3230" s="137"/>
      <c r="AE3230" s="137"/>
      <c r="AF3230" s="137"/>
      <c r="AG3230" s="137"/>
      <c r="AH3230" s="137"/>
      <c r="AI3230" s="137"/>
      <c r="AJ3230" s="137"/>
      <c r="AK3230" s="137"/>
      <c r="AL3230" s="137"/>
      <c r="AM3230" s="137"/>
      <c r="AN3230" s="137"/>
      <c r="AO3230" s="137"/>
      <c r="AP3230" s="137"/>
      <c r="AQ3230" s="137"/>
      <c r="AR3230" s="137"/>
      <c r="AS3230" s="137"/>
      <c r="AT3230" s="137"/>
      <c r="AU3230" s="137"/>
      <c r="AV3230" s="137"/>
      <c r="AW3230" s="144"/>
    </row>
    <row r="3231" spans="7:49" x14ac:dyDescent="0.2">
      <c r="G3231" s="43"/>
      <c r="Z3231" s="143"/>
      <c r="AA3231" s="137"/>
      <c r="AB3231" s="137"/>
      <c r="AC3231" s="137"/>
      <c r="AD3231" s="137"/>
      <c r="AE3231" s="137"/>
      <c r="AF3231" s="137"/>
      <c r="AG3231" s="137"/>
      <c r="AH3231" s="137"/>
      <c r="AI3231" s="137"/>
      <c r="AJ3231" s="137"/>
      <c r="AK3231" s="137"/>
      <c r="AL3231" s="137"/>
      <c r="AM3231" s="137"/>
      <c r="AN3231" s="137"/>
      <c r="AO3231" s="137"/>
      <c r="AP3231" s="137"/>
      <c r="AQ3231" s="137"/>
      <c r="AR3231" s="137"/>
      <c r="AS3231" s="137"/>
      <c r="AT3231" s="137"/>
      <c r="AU3231" s="137"/>
      <c r="AV3231" s="137"/>
      <c r="AW3231" s="144"/>
    </row>
    <row r="3232" spans="7:49" x14ac:dyDescent="0.2">
      <c r="G3232" s="43"/>
      <c r="Z3232" s="143"/>
      <c r="AA3232" s="137"/>
      <c r="AB3232" s="137"/>
      <c r="AC3232" s="137"/>
      <c r="AD3232" s="137"/>
      <c r="AE3232" s="137"/>
      <c r="AF3232" s="137"/>
      <c r="AG3232" s="137"/>
      <c r="AH3232" s="137"/>
      <c r="AI3232" s="137"/>
      <c r="AJ3232" s="137"/>
      <c r="AK3232" s="137"/>
      <c r="AL3232" s="137"/>
      <c r="AM3232" s="137"/>
      <c r="AN3232" s="137"/>
      <c r="AO3232" s="137"/>
      <c r="AP3232" s="137"/>
      <c r="AQ3232" s="137"/>
      <c r="AR3232" s="137"/>
      <c r="AS3232" s="137"/>
      <c r="AT3232" s="137"/>
      <c r="AU3232" s="137"/>
      <c r="AV3232" s="137"/>
      <c r="AW3232" s="144"/>
    </row>
    <row r="3233" spans="7:49" x14ac:dyDescent="0.2">
      <c r="G3233" s="43"/>
      <c r="Z3233" s="143"/>
      <c r="AA3233" s="137"/>
      <c r="AB3233" s="137"/>
      <c r="AC3233" s="137"/>
      <c r="AD3233" s="137"/>
      <c r="AE3233" s="137"/>
      <c r="AF3233" s="137"/>
      <c r="AG3233" s="137"/>
      <c r="AH3233" s="137"/>
      <c r="AI3233" s="137"/>
      <c r="AJ3233" s="137"/>
      <c r="AK3233" s="137"/>
      <c r="AL3233" s="137"/>
      <c r="AM3233" s="137"/>
      <c r="AN3233" s="137"/>
      <c r="AO3233" s="137"/>
      <c r="AP3233" s="137"/>
      <c r="AQ3233" s="137"/>
      <c r="AR3233" s="137"/>
      <c r="AS3233" s="137"/>
      <c r="AT3233" s="137"/>
      <c r="AU3233" s="137"/>
      <c r="AV3233" s="137"/>
      <c r="AW3233" s="144"/>
    </row>
    <row r="3234" spans="7:49" x14ac:dyDescent="0.2">
      <c r="G3234" s="43"/>
      <c r="Z3234" s="143"/>
      <c r="AA3234" s="137"/>
      <c r="AB3234" s="137"/>
      <c r="AC3234" s="137"/>
      <c r="AD3234" s="137"/>
      <c r="AE3234" s="137"/>
      <c r="AF3234" s="137"/>
      <c r="AG3234" s="137"/>
      <c r="AH3234" s="137"/>
      <c r="AI3234" s="137"/>
      <c r="AJ3234" s="137"/>
      <c r="AK3234" s="137"/>
      <c r="AL3234" s="137"/>
      <c r="AM3234" s="137"/>
      <c r="AN3234" s="137"/>
      <c r="AO3234" s="137"/>
      <c r="AP3234" s="137"/>
      <c r="AQ3234" s="137"/>
      <c r="AR3234" s="137"/>
      <c r="AS3234" s="137"/>
      <c r="AT3234" s="137"/>
      <c r="AU3234" s="137"/>
      <c r="AV3234" s="137"/>
      <c r="AW3234" s="144"/>
    </row>
    <row r="3235" spans="7:49" x14ac:dyDescent="0.2">
      <c r="G3235" s="43"/>
      <c r="Z3235" s="143"/>
      <c r="AA3235" s="137"/>
      <c r="AB3235" s="137"/>
      <c r="AC3235" s="137"/>
      <c r="AD3235" s="137"/>
      <c r="AE3235" s="137"/>
      <c r="AF3235" s="137"/>
      <c r="AG3235" s="137"/>
      <c r="AH3235" s="137"/>
      <c r="AI3235" s="137"/>
      <c r="AJ3235" s="137"/>
      <c r="AK3235" s="137"/>
      <c r="AL3235" s="137"/>
      <c r="AM3235" s="137"/>
      <c r="AN3235" s="137"/>
      <c r="AO3235" s="137"/>
      <c r="AP3235" s="137"/>
      <c r="AQ3235" s="137"/>
      <c r="AR3235" s="137"/>
      <c r="AS3235" s="137"/>
      <c r="AT3235" s="137"/>
      <c r="AU3235" s="137"/>
      <c r="AV3235" s="137"/>
      <c r="AW3235" s="144"/>
    </row>
    <row r="3236" spans="7:49" x14ac:dyDescent="0.2">
      <c r="G3236" s="43"/>
      <c r="Z3236" s="143"/>
      <c r="AA3236" s="137"/>
      <c r="AB3236" s="137"/>
      <c r="AC3236" s="137"/>
      <c r="AD3236" s="137"/>
      <c r="AE3236" s="137"/>
      <c r="AF3236" s="137"/>
      <c r="AG3236" s="137"/>
      <c r="AH3236" s="137"/>
      <c r="AI3236" s="137"/>
      <c r="AJ3236" s="137"/>
      <c r="AK3236" s="137"/>
      <c r="AL3236" s="137"/>
      <c r="AM3236" s="137"/>
      <c r="AN3236" s="137"/>
      <c r="AO3236" s="137"/>
      <c r="AP3236" s="137"/>
      <c r="AQ3236" s="137"/>
      <c r="AR3236" s="137"/>
      <c r="AS3236" s="137"/>
      <c r="AT3236" s="137"/>
      <c r="AU3236" s="137"/>
      <c r="AV3236" s="137"/>
      <c r="AW3236" s="144"/>
    </row>
    <row r="3237" spans="7:49" x14ac:dyDescent="0.2">
      <c r="G3237" s="43"/>
      <c r="Z3237" s="143"/>
      <c r="AA3237" s="137"/>
      <c r="AB3237" s="137"/>
      <c r="AC3237" s="137"/>
      <c r="AD3237" s="137"/>
      <c r="AE3237" s="137"/>
      <c r="AF3237" s="137"/>
      <c r="AG3237" s="137"/>
      <c r="AH3237" s="137"/>
      <c r="AI3237" s="137"/>
      <c r="AJ3237" s="137"/>
      <c r="AK3237" s="137"/>
      <c r="AL3237" s="137"/>
      <c r="AM3237" s="137"/>
      <c r="AN3237" s="137"/>
      <c r="AO3237" s="137"/>
      <c r="AP3237" s="137"/>
      <c r="AQ3237" s="137"/>
      <c r="AR3237" s="137"/>
      <c r="AS3237" s="137"/>
      <c r="AT3237" s="137"/>
      <c r="AU3237" s="137"/>
      <c r="AV3237" s="137"/>
      <c r="AW3237" s="144"/>
    </row>
    <row r="3238" spans="7:49" x14ac:dyDescent="0.2">
      <c r="G3238" s="43"/>
      <c r="Z3238" s="143"/>
      <c r="AA3238" s="137"/>
      <c r="AB3238" s="137"/>
      <c r="AC3238" s="137"/>
      <c r="AD3238" s="137"/>
      <c r="AE3238" s="137"/>
      <c r="AF3238" s="137"/>
      <c r="AG3238" s="137"/>
      <c r="AH3238" s="137"/>
      <c r="AI3238" s="137"/>
      <c r="AJ3238" s="137"/>
      <c r="AK3238" s="137"/>
      <c r="AL3238" s="137"/>
      <c r="AM3238" s="137"/>
      <c r="AN3238" s="137"/>
      <c r="AO3238" s="137"/>
      <c r="AP3238" s="137"/>
      <c r="AQ3238" s="137"/>
      <c r="AR3238" s="137"/>
      <c r="AS3238" s="137"/>
      <c r="AT3238" s="137"/>
      <c r="AU3238" s="137"/>
      <c r="AV3238" s="137"/>
      <c r="AW3238" s="144"/>
    </row>
    <row r="3239" spans="7:49" x14ac:dyDescent="0.2">
      <c r="G3239" s="43"/>
      <c r="Z3239" s="143"/>
      <c r="AA3239" s="137"/>
      <c r="AB3239" s="137"/>
      <c r="AC3239" s="137"/>
      <c r="AD3239" s="137"/>
      <c r="AE3239" s="137"/>
      <c r="AF3239" s="137"/>
      <c r="AG3239" s="137"/>
      <c r="AH3239" s="137"/>
      <c r="AI3239" s="137"/>
      <c r="AJ3239" s="137"/>
      <c r="AK3239" s="137"/>
      <c r="AL3239" s="137"/>
      <c r="AM3239" s="137"/>
      <c r="AN3239" s="137"/>
      <c r="AO3239" s="137"/>
      <c r="AP3239" s="137"/>
      <c r="AQ3239" s="137"/>
      <c r="AR3239" s="137"/>
      <c r="AS3239" s="137"/>
      <c r="AT3239" s="137"/>
      <c r="AU3239" s="137"/>
      <c r="AV3239" s="137"/>
      <c r="AW3239" s="144"/>
    </row>
    <row r="3240" spans="7:49" x14ac:dyDescent="0.2">
      <c r="G3240" s="43"/>
      <c r="Z3240" s="143"/>
      <c r="AA3240" s="137"/>
      <c r="AB3240" s="137"/>
      <c r="AC3240" s="137"/>
      <c r="AD3240" s="137"/>
      <c r="AE3240" s="137"/>
      <c r="AF3240" s="137"/>
      <c r="AG3240" s="137"/>
      <c r="AH3240" s="137"/>
      <c r="AI3240" s="137"/>
      <c r="AJ3240" s="137"/>
      <c r="AK3240" s="137"/>
      <c r="AL3240" s="137"/>
      <c r="AM3240" s="137"/>
      <c r="AN3240" s="137"/>
      <c r="AO3240" s="137"/>
      <c r="AP3240" s="137"/>
      <c r="AQ3240" s="137"/>
      <c r="AR3240" s="137"/>
      <c r="AS3240" s="137"/>
      <c r="AT3240" s="137"/>
      <c r="AU3240" s="137"/>
      <c r="AV3240" s="137"/>
      <c r="AW3240" s="144"/>
    </row>
    <row r="3241" spans="7:49" x14ac:dyDescent="0.2">
      <c r="G3241" s="43"/>
      <c r="Z3241" s="143"/>
      <c r="AA3241" s="137"/>
      <c r="AB3241" s="137"/>
      <c r="AC3241" s="137"/>
      <c r="AD3241" s="137"/>
      <c r="AE3241" s="137"/>
      <c r="AF3241" s="137"/>
      <c r="AG3241" s="137"/>
      <c r="AH3241" s="137"/>
      <c r="AI3241" s="137"/>
      <c r="AJ3241" s="137"/>
      <c r="AK3241" s="137"/>
      <c r="AL3241" s="137"/>
      <c r="AM3241" s="137"/>
      <c r="AN3241" s="137"/>
      <c r="AO3241" s="137"/>
      <c r="AP3241" s="137"/>
      <c r="AQ3241" s="137"/>
      <c r="AR3241" s="137"/>
      <c r="AS3241" s="137"/>
      <c r="AT3241" s="137"/>
      <c r="AU3241" s="137"/>
      <c r="AV3241" s="137"/>
      <c r="AW3241" s="144"/>
    </row>
    <row r="3242" spans="7:49" x14ac:dyDescent="0.2">
      <c r="G3242" s="43"/>
      <c r="Z3242" s="143"/>
      <c r="AA3242" s="137"/>
      <c r="AB3242" s="137"/>
      <c r="AC3242" s="137"/>
      <c r="AD3242" s="137"/>
      <c r="AE3242" s="137"/>
      <c r="AF3242" s="137"/>
      <c r="AG3242" s="137"/>
      <c r="AH3242" s="137"/>
      <c r="AI3242" s="137"/>
      <c r="AJ3242" s="137"/>
      <c r="AK3242" s="137"/>
      <c r="AL3242" s="137"/>
      <c r="AM3242" s="137"/>
      <c r="AN3242" s="137"/>
      <c r="AO3242" s="137"/>
      <c r="AP3242" s="137"/>
      <c r="AQ3242" s="137"/>
      <c r="AR3242" s="137"/>
      <c r="AS3242" s="137"/>
      <c r="AT3242" s="137"/>
      <c r="AU3242" s="137"/>
      <c r="AV3242" s="137"/>
      <c r="AW3242" s="144"/>
    </row>
    <row r="3243" spans="7:49" x14ac:dyDescent="0.2">
      <c r="G3243" s="43"/>
      <c r="Z3243" s="143"/>
      <c r="AA3243" s="137"/>
      <c r="AB3243" s="137"/>
      <c r="AC3243" s="137"/>
      <c r="AD3243" s="137"/>
      <c r="AE3243" s="137"/>
      <c r="AF3243" s="137"/>
      <c r="AG3243" s="137"/>
      <c r="AH3243" s="137"/>
      <c r="AI3243" s="137"/>
      <c r="AJ3243" s="137"/>
      <c r="AK3243" s="137"/>
      <c r="AL3243" s="137"/>
      <c r="AM3243" s="137"/>
      <c r="AN3243" s="137"/>
      <c r="AO3243" s="137"/>
      <c r="AP3243" s="137"/>
      <c r="AQ3243" s="137"/>
      <c r="AR3243" s="137"/>
      <c r="AS3243" s="137"/>
      <c r="AT3243" s="137"/>
      <c r="AU3243" s="137"/>
      <c r="AV3243" s="137"/>
      <c r="AW3243" s="144"/>
    </row>
    <row r="3244" spans="7:49" x14ac:dyDescent="0.2">
      <c r="G3244" s="43"/>
      <c r="Z3244" s="143"/>
      <c r="AA3244" s="137"/>
      <c r="AB3244" s="137"/>
      <c r="AC3244" s="137"/>
      <c r="AD3244" s="137"/>
      <c r="AE3244" s="137"/>
      <c r="AF3244" s="137"/>
      <c r="AG3244" s="137"/>
      <c r="AH3244" s="137"/>
      <c r="AI3244" s="137"/>
      <c r="AJ3244" s="137"/>
      <c r="AK3244" s="137"/>
      <c r="AL3244" s="137"/>
      <c r="AM3244" s="137"/>
      <c r="AN3244" s="137"/>
      <c r="AO3244" s="137"/>
      <c r="AP3244" s="137"/>
      <c r="AQ3244" s="137"/>
      <c r="AR3244" s="137"/>
      <c r="AS3244" s="137"/>
      <c r="AT3244" s="137"/>
      <c r="AU3244" s="137"/>
      <c r="AV3244" s="137"/>
      <c r="AW3244" s="144"/>
    </row>
    <row r="3245" spans="7:49" x14ac:dyDescent="0.2">
      <c r="G3245" s="43"/>
      <c r="Z3245" s="143"/>
      <c r="AA3245" s="137"/>
      <c r="AB3245" s="137"/>
      <c r="AC3245" s="137"/>
      <c r="AD3245" s="137"/>
      <c r="AE3245" s="137"/>
      <c r="AF3245" s="137"/>
      <c r="AG3245" s="137"/>
      <c r="AH3245" s="137"/>
      <c r="AI3245" s="137"/>
      <c r="AJ3245" s="137"/>
      <c r="AK3245" s="137"/>
      <c r="AL3245" s="137"/>
      <c r="AM3245" s="137"/>
      <c r="AN3245" s="137"/>
      <c r="AO3245" s="137"/>
      <c r="AP3245" s="137"/>
      <c r="AQ3245" s="137"/>
      <c r="AR3245" s="137"/>
      <c r="AS3245" s="137"/>
      <c r="AT3245" s="137"/>
      <c r="AU3245" s="137"/>
      <c r="AV3245" s="137"/>
      <c r="AW3245" s="144"/>
    </row>
    <row r="3246" spans="7:49" x14ac:dyDescent="0.2">
      <c r="G3246" s="43"/>
      <c r="Z3246" s="143"/>
      <c r="AA3246" s="137"/>
      <c r="AB3246" s="137"/>
      <c r="AC3246" s="137"/>
      <c r="AD3246" s="137"/>
      <c r="AE3246" s="137"/>
      <c r="AF3246" s="137"/>
      <c r="AG3246" s="137"/>
      <c r="AH3246" s="137"/>
      <c r="AI3246" s="137"/>
      <c r="AJ3246" s="137"/>
      <c r="AK3246" s="137"/>
      <c r="AL3246" s="137"/>
      <c r="AM3246" s="137"/>
      <c r="AN3246" s="137"/>
      <c r="AO3246" s="137"/>
      <c r="AP3246" s="137"/>
      <c r="AQ3246" s="137"/>
      <c r="AR3246" s="137"/>
      <c r="AS3246" s="137"/>
      <c r="AT3246" s="137"/>
      <c r="AU3246" s="137"/>
      <c r="AV3246" s="137"/>
      <c r="AW3246" s="144"/>
    </row>
    <row r="3247" spans="7:49" x14ac:dyDescent="0.2">
      <c r="G3247" s="43"/>
      <c r="Z3247" s="143"/>
      <c r="AA3247" s="137"/>
      <c r="AB3247" s="137"/>
      <c r="AC3247" s="137"/>
      <c r="AD3247" s="137"/>
      <c r="AE3247" s="137"/>
      <c r="AF3247" s="137"/>
      <c r="AG3247" s="137"/>
      <c r="AH3247" s="137"/>
      <c r="AI3247" s="137"/>
      <c r="AJ3247" s="137"/>
      <c r="AK3247" s="137"/>
      <c r="AL3247" s="137"/>
      <c r="AM3247" s="137"/>
      <c r="AN3247" s="137"/>
      <c r="AO3247" s="137"/>
      <c r="AP3247" s="137"/>
      <c r="AQ3247" s="137"/>
      <c r="AR3247" s="137"/>
      <c r="AS3247" s="137"/>
      <c r="AT3247" s="137"/>
      <c r="AU3247" s="137"/>
      <c r="AV3247" s="137"/>
      <c r="AW3247" s="144"/>
    </row>
    <row r="3248" spans="7:49" x14ac:dyDescent="0.2">
      <c r="G3248" s="43"/>
      <c r="Z3248" s="143"/>
      <c r="AA3248" s="137"/>
      <c r="AB3248" s="137"/>
      <c r="AC3248" s="137"/>
      <c r="AD3248" s="137"/>
      <c r="AE3248" s="137"/>
      <c r="AF3248" s="137"/>
      <c r="AG3248" s="137"/>
      <c r="AH3248" s="137"/>
      <c r="AI3248" s="137"/>
      <c r="AJ3248" s="137"/>
      <c r="AK3248" s="137"/>
      <c r="AL3248" s="137"/>
      <c r="AM3248" s="137"/>
      <c r="AN3248" s="137"/>
      <c r="AO3248" s="137"/>
      <c r="AP3248" s="137"/>
      <c r="AQ3248" s="137"/>
      <c r="AR3248" s="137"/>
      <c r="AS3248" s="137"/>
      <c r="AT3248" s="137"/>
      <c r="AU3248" s="137"/>
      <c r="AV3248" s="137"/>
      <c r="AW3248" s="144"/>
    </row>
    <row r="3249" spans="7:49" x14ac:dyDescent="0.2">
      <c r="G3249" s="43"/>
      <c r="Z3249" s="143"/>
      <c r="AA3249" s="137"/>
      <c r="AB3249" s="137"/>
      <c r="AC3249" s="137"/>
      <c r="AD3249" s="137"/>
      <c r="AE3249" s="137"/>
      <c r="AF3249" s="137"/>
      <c r="AG3249" s="137"/>
      <c r="AH3249" s="137"/>
      <c r="AI3249" s="137"/>
      <c r="AJ3249" s="137"/>
      <c r="AK3249" s="137"/>
      <c r="AL3249" s="137"/>
      <c r="AM3249" s="137"/>
      <c r="AN3249" s="137"/>
      <c r="AO3249" s="137"/>
      <c r="AP3249" s="137"/>
      <c r="AQ3249" s="137"/>
      <c r="AR3249" s="137"/>
      <c r="AS3249" s="137"/>
      <c r="AT3249" s="137"/>
      <c r="AU3249" s="137"/>
      <c r="AV3249" s="137"/>
      <c r="AW3249" s="144"/>
    </row>
    <row r="3250" spans="7:49" x14ac:dyDescent="0.2">
      <c r="G3250" s="43"/>
      <c r="Z3250" s="143"/>
      <c r="AA3250" s="137"/>
      <c r="AB3250" s="137"/>
      <c r="AC3250" s="137"/>
      <c r="AD3250" s="137"/>
      <c r="AE3250" s="137"/>
      <c r="AF3250" s="137"/>
      <c r="AG3250" s="137"/>
      <c r="AH3250" s="137"/>
      <c r="AI3250" s="137"/>
      <c r="AJ3250" s="137"/>
      <c r="AK3250" s="137"/>
      <c r="AL3250" s="137"/>
      <c r="AM3250" s="137"/>
      <c r="AN3250" s="137"/>
      <c r="AO3250" s="137"/>
      <c r="AP3250" s="137"/>
      <c r="AQ3250" s="137"/>
      <c r="AR3250" s="137"/>
      <c r="AS3250" s="137"/>
      <c r="AT3250" s="137"/>
      <c r="AU3250" s="137"/>
      <c r="AV3250" s="137"/>
      <c r="AW3250" s="144"/>
    </row>
    <row r="3251" spans="7:49" x14ac:dyDescent="0.2">
      <c r="G3251" s="43"/>
      <c r="Z3251" s="143"/>
      <c r="AA3251" s="137"/>
      <c r="AB3251" s="137"/>
      <c r="AC3251" s="137"/>
      <c r="AD3251" s="137"/>
      <c r="AE3251" s="137"/>
      <c r="AF3251" s="137"/>
      <c r="AG3251" s="137"/>
      <c r="AH3251" s="137"/>
      <c r="AI3251" s="137"/>
      <c r="AJ3251" s="137"/>
      <c r="AK3251" s="137"/>
      <c r="AL3251" s="137"/>
      <c r="AM3251" s="137"/>
      <c r="AN3251" s="137"/>
      <c r="AO3251" s="137"/>
      <c r="AP3251" s="137"/>
      <c r="AQ3251" s="137"/>
      <c r="AR3251" s="137"/>
      <c r="AS3251" s="137"/>
      <c r="AT3251" s="137"/>
      <c r="AU3251" s="137"/>
      <c r="AV3251" s="137"/>
      <c r="AW3251" s="144"/>
    </row>
    <row r="3252" spans="7:49" x14ac:dyDescent="0.2">
      <c r="G3252" s="43"/>
      <c r="Z3252" s="143"/>
      <c r="AA3252" s="137"/>
      <c r="AB3252" s="137"/>
      <c r="AC3252" s="137"/>
      <c r="AD3252" s="137"/>
      <c r="AE3252" s="137"/>
      <c r="AF3252" s="137"/>
      <c r="AG3252" s="137"/>
      <c r="AH3252" s="137"/>
      <c r="AI3252" s="137"/>
      <c r="AJ3252" s="137"/>
      <c r="AK3252" s="137"/>
      <c r="AL3252" s="137"/>
      <c r="AM3252" s="137"/>
      <c r="AN3252" s="137"/>
      <c r="AO3252" s="137"/>
      <c r="AP3252" s="137"/>
      <c r="AQ3252" s="137"/>
      <c r="AR3252" s="137"/>
      <c r="AS3252" s="137"/>
      <c r="AT3252" s="137"/>
      <c r="AU3252" s="137"/>
      <c r="AV3252" s="137"/>
      <c r="AW3252" s="144"/>
    </row>
    <row r="3253" spans="7:49" x14ac:dyDescent="0.2">
      <c r="G3253" s="43"/>
      <c r="Z3253" s="143"/>
      <c r="AA3253" s="137"/>
      <c r="AB3253" s="137"/>
      <c r="AC3253" s="137"/>
      <c r="AD3253" s="137"/>
      <c r="AE3253" s="137"/>
      <c r="AF3253" s="137"/>
      <c r="AG3253" s="137"/>
      <c r="AH3253" s="137"/>
      <c r="AI3253" s="137"/>
      <c r="AJ3253" s="137"/>
      <c r="AK3253" s="137"/>
      <c r="AL3253" s="137"/>
      <c r="AM3253" s="137"/>
      <c r="AN3253" s="137"/>
      <c r="AO3253" s="137"/>
      <c r="AP3253" s="137"/>
      <c r="AQ3253" s="137"/>
      <c r="AR3253" s="137"/>
      <c r="AS3253" s="137"/>
      <c r="AT3253" s="137"/>
      <c r="AU3253" s="137"/>
      <c r="AV3253" s="137"/>
      <c r="AW3253" s="144"/>
    </row>
    <row r="3254" spans="7:49" x14ac:dyDescent="0.2">
      <c r="G3254" s="43"/>
      <c r="Z3254" s="143"/>
      <c r="AA3254" s="137"/>
      <c r="AB3254" s="137"/>
      <c r="AC3254" s="137"/>
      <c r="AD3254" s="137"/>
      <c r="AE3254" s="137"/>
      <c r="AF3254" s="137"/>
      <c r="AG3254" s="137"/>
      <c r="AH3254" s="137"/>
      <c r="AI3254" s="137"/>
      <c r="AJ3254" s="137"/>
      <c r="AK3254" s="137"/>
      <c r="AL3254" s="137"/>
      <c r="AM3254" s="137"/>
      <c r="AN3254" s="137"/>
      <c r="AO3254" s="137"/>
      <c r="AP3254" s="137"/>
      <c r="AQ3254" s="137"/>
      <c r="AR3254" s="137"/>
      <c r="AS3254" s="137"/>
      <c r="AT3254" s="137"/>
      <c r="AU3254" s="137"/>
      <c r="AV3254" s="137"/>
      <c r="AW3254" s="144"/>
    </row>
    <row r="3255" spans="7:49" x14ac:dyDescent="0.2">
      <c r="G3255" s="43"/>
      <c r="Z3255" s="143"/>
      <c r="AA3255" s="137"/>
      <c r="AB3255" s="137"/>
      <c r="AC3255" s="137"/>
      <c r="AD3255" s="137"/>
      <c r="AE3255" s="137"/>
      <c r="AF3255" s="137"/>
      <c r="AG3255" s="137"/>
      <c r="AH3255" s="137"/>
      <c r="AI3255" s="137"/>
      <c r="AJ3255" s="137"/>
      <c r="AK3255" s="137"/>
      <c r="AL3255" s="137"/>
      <c r="AM3255" s="137"/>
      <c r="AN3255" s="137"/>
      <c r="AO3255" s="137"/>
      <c r="AP3255" s="137"/>
      <c r="AQ3255" s="137"/>
      <c r="AR3255" s="137"/>
      <c r="AS3255" s="137"/>
      <c r="AT3255" s="137"/>
      <c r="AU3255" s="137"/>
      <c r="AV3255" s="137"/>
      <c r="AW3255" s="144"/>
    </row>
    <row r="3256" spans="7:49" x14ac:dyDescent="0.2">
      <c r="G3256" s="43"/>
      <c r="Z3256" s="143"/>
      <c r="AA3256" s="137"/>
      <c r="AB3256" s="137"/>
      <c r="AC3256" s="137"/>
      <c r="AD3256" s="137"/>
      <c r="AE3256" s="137"/>
      <c r="AF3256" s="137"/>
      <c r="AG3256" s="137"/>
      <c r="AH3256" s="137"/>
      <c r="AI3256" s="137"/>
      <c r="AJ3256" s="137"/>
      <c r="AK3256" s="137"/>
      <c r="AL3256" s="137"/>
      <c r="AM3256" s="137"/>
      <c r="AN3256" s="137"/>
      <c r="AO3256" s="137"/>
      <c r="AP3256" s="137"/>
      <c r="AQ3256" s="137"/>
      <c r="AR3256" s="137"/>
      <c r="AS3256" s="137"/>
      <c r="AT3256" s="137"/>
      <c r="AU3256" s="137"/>
      <c r="AV3256" s="137"/>
      <c r="AW3256" s="144"/>
    </row>
    <row r="3257" spans="7:49" x14ac:dyDescent="0.2">
      <c r="G3257" s="43"/>
      <c r="Z3257" s="143"/>
      <c r="AA3257" s="137"/>
      <c r="AB3257" s="137"/>
      <c r="AC3257" s="137"/>
      <c r="AD3257" s="137"/>
      <c r="AE3257" s="137"/>
      <c r="AF3257" s="137"/>
      <c r="AG3257" s="137"/>
      <c r="AH3257" s="137"/>
      <c r="AI3257" s="137"/>
      <c r="AJ3257" s="137"/>
      <c r="AK3257" s="137"/>
      <c r="AL3257" s="137"/>
      <c r="AM3257" s="137"/>
      <c r="AN3257" s="137"/>
      <c r="AO3257" s="137"/>
      <c r="AP3257" s="137"/>
      <c r="AQ3257" s="137"/>
      <c r="AR3257" s="137"/>
      <c r="AS3257" s="137"/>
      <c r="AT3257" s="137"/>
      <c r="AU3257" s="137"/>
      <c r="AV3257" s="137"/>
      <c r="AW3257" s="144"/>
    </row>
    <row r="3258" spans="7:49" x14ac:dyDescent="0.2">
      <c r="G3258" s="43"/>
      <c r="Z3258" s="143"/>
      <c r="AA3258" s="137"/>
      <c r="AB3258" s="137"/>
      <c r="AC3258" s="137"/>
      <c r="AD3258" s="137"/>
      <c r="AE3258" s="137"/>
      <c r="AF3258" s="137"/>
      <c r="AG3258" s="137"/>
      <c r="AH3258" s="137"/>
      <c r="AI3258" s="137"/>
      <c r="AJ3258" s="137"/>
      <c r="AK3258" s="137"/>
      <c r="AL3258" s="137"/>
      <c r="AM3258" s="137"/>
      <c r="AN3258" s="137"/>
      <c r="AO3258" s="137"/>
      <c r="AP3258" s="137"/>
      <c r="AQ3258" s="137"/>
      <c r="AR3258" s="137"/>
      <c r="AS3258" s="137"/>
      <c r="AT3258" s="137"/>
      <c r="AU3258" s="137"/>
      <c r="AV3258" s="137"/>
      <c r="AW3258" s="144"/>
    </row>
    <row r="3259" spans="7:49" x14ac:dyDescent="0.2">
      <c r="G3259" s="43"/>
      <c r="Z3259" s="143"/>
      <c r="AA3259" s="137"/>
      <c r="AB3259" s="137"/>
      <c r="AC3259" s="137"/>
      <c r="AD3259" s="137"/>
      <c r="AE3259" s="137"/>
      <c r="AF3259" s="137"/>
      <c r="AG3259" s="137"/>
      <c r="AH3259" s="137"/>
      <c r="AI3259" s="137"/>
      <c r="AJ3259" s="137"/>
      <c r="AK3259" s="137"/>
      <c r="AL3259" s="137"/>
      <c r="AM3259" s="137"/>
      <c r="AN3259" s="137"/>
      <c r="AO3259" s="137"/>
      <c r="AP3259" s="137"/>
      <c r="AQ3259" s="137"/>
      <c r="AR3259" s="137"/>
      <c r="AS3259" s="137"/>
      <c r="AT3259" s="137"/>
      <c r="AU3259" s="137"/>
      <c r="AV3259" s="137"/>
      <c r="AW3259" s="144"/>
    </row>
    <row r="3260" spans="7:49" x14ac:dyDescent="0.2">
      <c r="G3260" s="43"/>
      <c r="Z3260" s="143"/>
      <c r="AA3260" s="137"/>
      <c r="AB3260" s="137"/>
      <c r="AC3260" s="137"/>
      <c r="AD3260" s="137"/>
      <c r="AE3260" s="137"/>
      <c r="AF3260" s="137"/>
      <c r="AG3260" s="137"/>
      <c r="AH3260" s="137"/>
      <c r="AI3260" s="137"/>
      <c r="AJ3260" s="137"/>
      <c r="AK3260" s="137"/>
      <c r="AL3260" s="137"/>
      <c r="AM3260" s="137"/>
      <c r="AN3260" s="137"/>
      <c r="AO3260" s="137"/>
      <c r="AP3260" s="137"/>
      <c r="AQ3260" s="137"/>
      <c r="AR3260" s="137"/>
      <c r="AS3260" s="137"/>
      <c r="AT3260" s="137"/>
      <c r="AU3260" s="137"/>
      <c r="AV3260" s="137"/>
      <c r="AW3260" s="144"/>
    </row>
    <row r="3261" spans="7:49" x14ac:dyDescent="0.2">
      <c r="G3261" s="43"/>
      <c r="Z3261" s="143"/>
      <c r="AA3261" s="137"/>
      <c r="AB3261" s="137"/>
      <c r="AC3261" s="137"/>
      <c r="AD3261" s="137"/>
      <c r="AE3261" s="137"/>
      <c r="AF3261" s="137"/>
      <c r="AG3261" s="137"/>
      <c r="AH3261" s="137"/>
      <c r="AI3261" s="137"/>
      <c r="AJ3261" s="137"/>
      <c r="AK3261" s="137"/>
      <c r="AL3261" s="137"/>
      <c r="AM3261" s="137"/>
      <c r="AN3261" s="137"/>
      <c r="AO3261" s="137"/>
      <c r="AP3261" s="137"/>
      <c r="AQ3261" s="137"/>
      <c r="AR3261" s="137"/>
      <c r="AS3261" s="137"/>
      <c r="AT3261" s="137"/>
      <c r="AU3261" s="137"/>
      <c r="AV3261" s="137"/>
      <c r="AW3261" s="144"/>
    </row>
    <row r="3262" spans="7:49" x14ac:dyDescent="0.2">
      <c r="G3262" s="43"/>
      <c r="Z3262" s="143"/>
      <c r="AA3262" s="137"/>
      <c r="AB3262" s="137"/>
      <c r="AC3262" s="137"/>
      <c r="AD3262" s="137"/>
      <c r="AE3262" s="137"/>
      <c r="AF3262" s="137"/>
      <c r="AG3262" s="137"/>
      <c r="AH3262" s="137"/>
      <c r="AI3262" s="137"/>
      <c r="AJ3262" s="137"/>
      <c r="AK3262" s="137"/>
      <c r="AL3262" s="137"/>
      <c r="AM3262" s="137"/>
      <c r="AN3262" s="137"/>
      <c r="AO3262" s="137"/>
      <c r="AP3262" s="137"/>
      <c r="AQ3262" s="137"/>
      <c r="AR3262" s="137"/>
      <c r="AS3262" s="137"/>
      <c r="AT3262" s="137"/>
      <c r="AU3262" s="137"/>
      <c r="AV3262" s="137"/>
      <c r="AW3262" s="144"/>
    </row>
    <row r="3263" spans="7:49" x14ac:dyDescent="0.2">
      <c r="G3263" s="43"/>
      <c r="Z3263" s="143"/>
      <c r="AA3263" s="137"/>
      <c r="AB3263" s="137"/>
      <c r="AC3263" s="137"/>
      <c r="AD3263" s="137"/>
      <c r="AE3263" s="137"/>
      <c r="AF3263" s="137"/>
      <c r="AG3263" s="137"/>
      <c r="AH3263" s="137"/>
      <c r="AI3263" s="137"/>
      <c r="AJ3263" s="137"/>
      <c r="AK3263" s="137"/>
      <c r="AL3263" s="137"/>
      <c r="AM3263" s="137"/>
      <c r="AN3263" s="137"/>
      <c r="AO3263" s="137"/>
      <c r="AP3263" s="137"/>
      <c r="AQ3263" s="137"/>
      <c r="AR3263" s="137"/>
      <c r="AS3263" s="137"/>
      <c r="AT3263" s="137"/>
      <c r="AU3263" s="137"/>
      <c r="AV3263" s="137"/>
      <c r="AW3263" s="144"/>
    </row>
    <row r="3264" spans="7:49" x14ac:dyDescent="0.2">
      <c r="G3264" s="43"/>
      <c r="Z3264" s="143"/>
      <c r="AA3264" s="137"/>
      <c r="AB3264" s="137"/>
      <c r="AC3264" s="137"/>
      <c r="AD3264" s="137"/>
      <c r="AE3264" s="137"/>
      <c r="AF3264" s="137"/>
      <c r="AG3264" s="137"/>
      <c r="AH3264" s="137"/>
      <c r="AI3264" s="137"/>
      <c r="AJ3264" s="137"/>
      <c r="AK3264" s="137"/>
      <c r="AL3264" s="137"/>
      <c r="AM3264" s="137"/>
      <c r="AN3264" s="137"/>
      <c r="AO3264" s="137"/>
      <c r="AP3264" s="137"/>
      <c r="AQ3264" s="137"/>
      <c r="AR3264" s="137"/>
      <c r="AS3264" s="137"/>
      <c r="AT3264" s="137"/>
      <c r="AU3264" s="137"/>
      <c r="AV3264" s="137"/>
      <c r="AW3264" s="144"/>
    </row>
    <row r="3265" spans="7:49" x14ac:dyDescent="0.2">
      <c r="G3265" s="43"/>
      <c r="Z3265" s="143"/>
      <c r="AA3265" s="137"/>
      <c r="AB3265" s="137"/>
      <c r="AC3265" s="137"/>
      <c r="AD3265" s="137"/>
      <c r="AE3265" s="137"/>
      <c r="AF3265" s="137"/>
      <c r="AG3265" s="137"/>
      <c r="AH3265" s="137"/>
      <c r="AI3265" s="137"/>
      <c r="AJ3265" s="137"/>
      <c r="AK3265" s="137"/>
      <c r="AL3265" s="137"/>
      <c r="AM3265" s="137"/>
      <c r="AN3265" s="137"/>
      <c r="AO3265" s="137"/>
      <c r="AP3265" s="137"/>
      <c r="AQ3265" s="137"/>
      <c r="AR3265" s="137"/>
      <c r="AS3265" s="137"/>
      <c r="AT3265" s="137"/>
      <c r="AU3265" s="137"/>
      <c r="AV3265" s="137"/>
      <c r="AW3265" s="144"/>
    </row>
    <row r="3266" spans="7:49" x14ac:dyDescent="0.2">
      <c r="G3266" s="43"/>
      <c r="Z3266" s="143"/>
      <c r="AA3266" s="137"/>
      <c r="AB3266" s="137"/>
      <c r="AC3266" s="137"/>
      <c r="AD3266" s="137"/>
      <c r="AE3266" s="137"/>
      <c r="AF3266" s="137"/>
      <c r="AG3266" s="137"/>
      <c r="AH3266" s="137"/>
      <c r="AI3266" s="137"/>
      <c r="AJ3266" s="137"/>
      <c r="AK3266" s="137"/>
      <c r="AL3266" s="137"/>
      <c r="AM3266" s="137"/>
      <c r="AN3266" s="137"/>
      <c r="AO3266" s="137"/>
      <c r="AP3266" s="137"/>
      <c r="AQ3266" s="137"/>
      <c r="AR3266" s="137"/>
      <c r="AS3266" s="137"/>
      <c r="AT3266" s="137"/>
      <c r="AU3266" s="137"/>
      <c r="AV3266" s="137"/>
      <c r="AW3266" s="144"/>
    </row>
    <row r="3267" spans="7:49" x14ac:dyDescent="0.2">
      <c r="G3267" s="43"/>
      <c r="Z3267" s="143"/>
      <c r="AA3267" s="137"/>
      <c r="AB3267" s="137"/>
      <c r="AC3267" s="137"/>
      <c r="AD3267" s="137"/>
      <c r="AE3267" s="137"/>
      <c r="AF3267" s="137"/>
      <c r="AG3267" s="137"/>
      <c r="AH3267" s="137"/>
      <c r="AI3267" s="137"/>
      <c r="AJ3267" s="137"/>
      <c r="AK3267" s="137"/>
      <c r="AL3267" s="137"/>
      <c r="AM3267" s="137"/>
      <c r="AN3267" s="137"/>
      <c r="AO3267" s="137"/>
      <c r="AP3267" s="137"/>
      <c r="AQ3267" s="137"/>
      <c r="AR3267" s="137"/>
      <c r="AS3267" s="137"/>
      <c r="AT3267" s="137"/>
      <c r="AU3267" s="137"/>
      <c r="AV3267" s="137"/>
      <c r="AW3267" s="144"/>
    </row>
    <row r="3268" spans="7:49" x14ac:dyDescent="0.2">
      <c r="G3268" s="43"/>
      <c r="Z3268" s="143"/>
      <c r="AA3268" s="137"/>
      <c r="AB3268" s="137"/>
      <c r="AC3268" s="137"/>
      <c r="AD3268" s="137"/>
      <c r="AE3268" s="137"/>
      <c r="AF3268" s="137"/>
      <c r="AG3268" s="137"/>
      <c r="AH3268" s="137"/>
      <c r="AI3268" s="137"/>
      <c r="AJ3268" s="137"/>
      <c r="AK3268" s="137"/>
      <c r="AL3268" s="137"/>
      <c r="AM3268" s="137"/>
      <c r="AN3268" s="137"/>
      <c r="AO3268" s="137"/>
      <c r="AP3268" s="137"/>
      <c r="AQ3268" s="137"/>
      <c r="AR3268" s="137"/>
      <c r="AS3268" s="137"/>
      <c r="AT3268" s="137"/>
      <c r="AU3268" s="137"/>
      <c r="AV3268" s="137"/>
      <c r="AW3268" s="144"/>
    </row>
    <row r="3269" spans="7:49" x14ac:dyDescent="0.2">
      <c r="G3269" s="43"/>
      <c r="Z3269" s="143"/>
      <c r="AA3269" s="137"/>
      <c r="AB3269" s="137"/>
      <c r="AC3269" s="137"/>
      <c r="AD3269" s="137"/>
      <c r="AE3269" s="137"/>
      <c r="AF3269" s="137"/>
      <c r="AG3269" s="137"/>
      <c r="AH3269" s="137"/>
      <c r="AI3269" s="137"/>
      <c r="AJ3269" s="137"/>
      <c r="AK3269" s="137"/>
      <c r="AL3269" s="137"/>
      <c r="AM3269" s="137"/>
      <c r="AN3269" s="137"/>
      <c r="AO3269" s="137"/>
      <c r="AP3269" s="137"/>
      <c r="AQ3269" s="137"/>
      <c r="AR3269" s="137"/>
      <c r="AS3269" s="137"/>
      <c r="AT3269" s="137"/>
      <c r="AU3269" s="137"/>
      <c r="AV3269" s="137"/>
      <c r="AW3269" s="144"/>
    </row>
    <row r="3270" spans="7:49" x14ac:dyDescent="0.2">
      <c r="G3270" s="43"/>
      <c r="Z3270" s="143"/>
      <c r="AA3270" s="137"/>
      <c r="AB3270" s="137"/>
      <c r="AC3270" s="137"/>
      <c r="AD3270" s="137"/>
      <c r="AE3270" s="137"/>
      <c r="AF3270" s="137"/>
      <c r="AG3270" s="137"/>
      <c r="AH3270" s="137"/>
      <c r="AI3270" s="137"/>
      <c r="AJ3270" s="137"/>
      <c r="AK3270" s="137"/>
      <c r="AL3270" s="137"/>
      <c r="AM3270" s="137"/>
      <c r="AN3270" s="137"/>
      <c r="AO3270" s="137"/>
      <c r="AP3270" s="137"/>
      <c r="AQ3270" s="137"/>
      <c r="AR3270" s="137"/>
      <c r="AS3270" s="137"/>
      <c r="AT3270" s="137"/>
      <c r="AU3270" s="137"/>
      <c r="AV3270" s="137"/>
      <c r="AW3270" s="144"/>
    </row>
    <row r="3271" spans="7:49" x14ac:dyDescent="0.2">
      <c r="G3271" s="43"/>
      <c r="Z3271" s="143"/>
      <c r="AA3271" s="137"/>
      <c r="AB3271" s="137"/>
      <c r="AC3271" s="137"/>
      <c r="AD3271" s="137"/>
      <c r="AE3271" s="137"/>
      <c r="AF3271" s="137"/>
      <c r="AG3271" s="137"/>
      <c r="AH3271" s="137"/>
      <c r="AI3271" s="137"/>
      <c r="AJ3271" s="137"/>
      <c r="AK3271" s="137"/>
      <c r="AL3271" s="137"/>
      <c r="AM3271" s="137"/>
      <c r="AN3271" s="137"/>
      <c r="AO3271" s="137"/>
      <c r="AP3271" s="137"/>
      <c r="AQ3271" s="137"/>
      <c r="AR3271" s="137"/>
      <c r="AS3271" s="137"/>
      <c r="AT3271" s="137"/>
      <c r="AU3271" s="137"/>
      <c r="AV3271" s="137"/>
      <c r="AW3271" s="144"/>
    </row>
    <row r="3272" spans="7:49" x14ac:dyDescent="0.2">
      <c r="G3272" s="43"/>
      <c r="Z3272" s="143"/>
      <c r="AA3272" s="137"/>
      <c r="AB3272" s="137"/>
      <c r="AC3272" s="137"/>
      <c r="AD3272" s="137"/>
      <c r="AE3272" s="137"/>
      <c r="AF3272" s="137"/>
      <c r="AG3272" s="137"/>
      <c r="AH3272" s="137"/>
      <c r="AI3272" s="137"/>
      <c r="AJ3272" s="137"/>
      <c r="AK3272" s="137"/>
      <c r="AL3272" s="137"/>
      <c r="AM3272" s="137"/>
      <c r="AN3272" s="137"/>
      <c r="AO3272" s="137"/>
      <c r="AP3272" s="137"/>
      <c r="AQ3272" s="137"/>
      <c r="AR3272" s="137"/>
      <c r="AS3272" s="137"/>
      <c r="AT3272" s="137"/>
      <c r="AU3272" s="137"/>
      <c r="AV3272" s="137"/>
      <c r="AW3272" s="144"/>
    </row>
    <row r="3273" spans="7:49" x14ac:dyDescent="0.2">
      <c r="G3273" s="43"/>
      <c r="Z3273" s="143"/>
      <c r="AA3273" s="137"/>
      <c r="AB3273" s="137"/>
      <c r="AC3273" s="137"/>
      <c r="AD3273" s="137"/>
      <c r="AE3273" s="137"/>
      <c r="AF3273" s="137"/>
      <c r="AG3273" s="137"/>
      <c r="AH3273" s="137"/>
      <c r="AI3273" s="137"/>
      <c r="AJ3273" s="137"/>
      <c r="AK3273" s="137"/>
      <c r="AL3273" s="137"/>
      <c r="AM3273" s="137"/>
      <c r="AN3273" s="137"/>
      <c r="AO3273" s="137"/>
      <c r="AP3273" s="137"/>
      <c r="AQ3273" s="137"/>
      <c r="AR3273" s="137"/>
      <c r="AS3273" s="137"/>
      <c r="AT3273" s="137"/>
      <c r="AU3273" s="137"/>
      <c r="AV3273" s="137"/>
      <c r="AW3273" s="144"/>
    </row>
    <row r="3274" spans="7:49" x14ac:dyDescent="0.2">
      <c r="G3274" s="43"/>
      <c r="Z3274" s="143"/>
      <c r="AA3274" s="137"/>
      <c r="AB3274" s="137"/>
      <c r="AC3274" s="137"/>
      <c r="AD3274" s="137"/>
      <c r="AE3274" s="137"/>
      <c r="AF3274" s="137"/>
      <c r="AG3274" s="137"/>
      <c r="AH3274" s="137"/>
      <c r="AI3274" s="137"/>
      <c r="AJ3274" s="137"/>
      <c r="AK3274" s="137"/>
      <c r="AL3274" s="137"/>
      <c r="AM3274" s="137"/>
      <c r="AN3274" s="137"/>
      <c r="AO3274" s="137"/>
      <c r="AP3274" s="137"/>
      <c r="AQ3274" s="137"/>
      <c r="AR3274" s="137"/>
      <c r="AS3274" s="137"/>
      <c r="AT3274" s="137"/>
      <c r="AU3274" s="137"/>
      <c r="AV3274" s="137"/>
      <c r="AW3274" s="144"/>
    </row>
    <row r="3275" spans="7:49" x14ac:dyDescent="0.2">
      <c r="G3275" s="43"/>
      <c r="Z3275" s="143"/>
      <c r="AA3275" s="137"/>
      <c r="AB3275" s="137"/>
      <c r="AC3275" s="137"/>
      <c r="AD3275" s="137"/>
      <c r="AE3275" s="137"/>
      <c r="AF3275" s="137"/>
      <c r="AG3275" s="137"/>
      <c r="AH3275" s="137"/>
      <c r="AI3275" s="137"/>
      <c r="AJ3275" s="137"/>
      <c r="AK3275" s="137"/>
      <c r="AL3275" s="137"/>
      <c r="AM3275" s="137"/>
      <c r="AN3275" s="137"/>
      <c r="AO3275" s="137"/>
      <c r="AP3275" s="137"/>
      <c r="AQ3275" s="137"/>
      <c r="AR3275" s="137"/>
      <c r="AS3275" s="137"/>
      <c r="AT3275" s="137"/>
      <c r="AU3275" s="137"/>
      <c r="AV3275" s="137"/>
      <c r="AW3275" s="144"/>
    </row>
    <row r="3276" spans="7:49" x14ac:dyDescent="0.2">
      <c r="G3276" s="43"/>
      <c r="Z3276" s="143"/>
      <c r="AA3276" s="137"/>
      <c r="AB3276" s="137"/>
      <c r="AC3276" s="137"/>
      <c r="AD3276" s="137"/>
      <c r="AE3276" s="137"/>
      <c r="AF3276" s="137"/>
      <c r="AG3276" s="137"/>
      <c r="AH3276" s="137"/>
      <c r="AI3276" s="137"/>
      <c r="AJ3276" s="137"/>
      <c r="AK3276" s="137"/>
      <c r="AL3276" s="137"/>
      <c r="AM3276" s="137"/>
      <c r="AN3276" s="137"/>
      <c r="AO3276" s="137"/>
      <c r="AP3276" s="137"/>
      <c r="AQ3276" s="137"/>
      <c r="AR3276" s="137"/>
      <c r="AS3276" s="137"/>
      <c r="AT3276" s="137"/>
      <c r="AU3276" s="137"/>
      <c r="AV3276" s="137"/>
      <c r="AW3276" s="144"/>
    </row>
    <row r="3277" spans="7:49" x14ac:dyDescent="0.2">
      <c r="G3277" s="43"/>
      <c r="Z3277" s="143"/>
      <c r="AA3277" s="137"/>
      <c r="AB3277" s="137"/>
      <c r="AC3277" s="137"/>
      <c r="AD3277" s="137"/>
      <c r="AE3277" s="137"/>
      <c r="AF3277" s="137"/>
      <c r="AG3277" s="137"/>
      <c r="AH3277" s="137"/>
      <c r="AI3277" s="137"/>
      <c r="AJ3277" s="137"/>
      <c r="AK3277" s="137"/>
      <c r="AL3277" s="137"/>
      <c r="AM3277" s="137"/>
      <c r="AN3277" s="137"/>
      <c r="AO3277" s="137"/>
      <c r="AP3277" s="137"/>
      <c r="AQ3277" s="137"/>
      <c r="AR3277" s="137"/>
      <c r="AS3277" s="137"/>
      <c r="AT3277" s="137"/>
      <c r="AU3277" s="137"/>
      <c r="AV3277" s="137"/>
      <c r="AW3277" s="144"/>
    </row>
    <row r="3278" spans="7:49" x14ac:dyDescent="0.2">
      <c r="G3278" s="43"/>
      <c r="Z3278" s="143"/>
      <c r="AA3278" s="137"/>
      <c r="AB3278" s="137"/>
      <c r="AC3278" s="137"/>
      <c r="AD3278" s="137"/>
      <c r="AE3278" s="137"/>
      <c r="AF3278" s="137"/>
      <c r="AG3278" s="137"/>
      <c r="AH3278" s="137"/>
      <c r="AI3278" s="137"/>
      <c r="AJ3278" s="137"/>
      <c r="AK3278" s="137"/>
      <c r="AL3278" s="137"/>
      <c r="AM3278" s="137"/>
      <c r="AN3278" s="137"/>
      <c r="AO3278" s="137"/>
      <c r="AP3278" s="137"/>
      <c r="AQ3278" s="137"/>
      <c r="AR3278" s="137"/>
      <c r="AS3278" s="137"/>
      <c r="AT3278" s="137"/>
      <c r="AU3278" s="137"/>
      <c r="AV3278" s="137"/>
      <c r="AW3278" s="144"/>
    </row>
    <row r="3279" spans="7:49" x14ac:dyDescent="0.2">
      <c r="G3279" s="43"/>
      <c r="Z3279" s="143"/>
      <c r="AA3279" s="137"/>
      <c r="AB3279" s="137"/>
      <c r="AC3279" s="137"/>
      <c r="AD3279" s="137"/>
      <c r="AE3279" s="137"/>
      <c r="AF3279" s="137"/>
      <c r="AG3279" s="137"/>
      <c r="AH3279" s="137"/>
      <c r="AI3279" s="137"/>
      <c r="AJ3279" s="137"/>
      <c r="AK3279" s="137"/>
      <c r="AL3279" s="137"/>
      <c r="AM3279" s="137"/>
      <c r="AN3279" s="137"/>
      <c r="AO3279" s="137"/>
      <c r="AP3279" s="137"/>
      <c r="AQ3279" s="137"/>
      <c r="AR3279" s="137"/>
      <c r="AS3279" s="137"/>
      <c r="AT3279" s="137"/>
      <c r="AU3279" s="137"/>
      <c r="AV3279" s="137"/>
      <c r="AW3279" s="144"/>
    </row>
    <row r="3280" spans="7:49" x14ac:dyDescent="0.2">
      <c r="G3280" s="43"/>
      <c r="Z3280" s="143"/>
      <c r="AA3280" s="137"/>
      <c r="AB3280" s="137"/>
      <c r="AC3280" s="137"/>
      <c r="AD3280" s="137"/>
      <c r="AE3280" s="137"/>
      <c r="AF3280" s="137"/>
      <c r="AG3280" s="137"/>
      <c r="AH3280" s="137"/>
      <c r="AI3280" s="137"/>
      <c r="AJ3280" s="137"/>
      <c r="AK3280" s="137"/>
      <c r="AL3280" s="137"/>
      <c r="AM3280" s="137"/>
      <c r="AN3280" s="137"/>
      <c r="AO3280" s="137"/>
      <c r="AP3280" s="137"/>
      <c r="AQ3280" s="137"/>
      <c r="AR3280" s="137"/>
      <c r="AS3280" s="137"/>
      <c r="AT3280" s="137"/>
      <c r="AU3280" s="137"/>
      <c r="AV3280" s="137"/>
      <c r="AW3280" s="144"/>
    </row>
    <row r="3281" spans="7:49" x14ac:dyDescent="0.2">
      <c r="G3281" s="43"/>
      <c r="Z3281" s="143"/>
      <c r="AA3281" s="137"/>
      <c r="AB3281" s="137"/>
      <c r="AC3281" s="137"/>
      <c r="AD3281" s="137"/>
      <c r="AE3281" s="137"/>
      <c r="AF3281" s="137"/>
      <c r="AG3281" s="137"/>
      <c r="AH3281" s="137"/>
      <c r="AI3281" s="137"/>
      <c r="AJ3281" s="137"/>
      <c r="AK3281" s="137"/>
      <c r="AL3281" s="137"/>
      <c r="AM3281" s="137"/>
      <c r="AN3281" s="137"/>
      <c r="AO3281" s="137"/>
      <c r="AP3281" s="137"/>
      <c r="AQ3281" s="137"/>
      <c r="AR3281" s="137"/>
      <c r="AS3281" s="137"/>
      <c r="AT3281" s="137"/>
      <c r="AU3281" s="137"/>
      <c r="AV3281" s="137"/>
      <c r="AW3281" s="144"/>
    </row>
    <row r="3282" spans="7:49" x14ac:dyDescent="0.2">
      <c r="G3282" s="43"/>
      <c r="Z3282" s="143"/>
      <c r="AA3282" s="137"/>
      <c r="AB3282" s="137"/>
      <c r="AC3282" s="137"/>
      <c r="AD3282" s="137"/>
      <c r="AE3282" s="137"/>
      <c r="AF3282" s="137"/>
      <c r="AG3282" s="137"/>
      <c r="AH3282" s="137"/>
      <c r="AI3282" s="137"/>
      <c r="AJ3282" s="137"/>
      <c r="AK3282" s="137"/>
      <c r="AL3282" s="137"/>
      <c r="AM3282" s="137"/>
      <c r="AN3282" s="137"/>
      <c r="AO3282" s="137"/>
      <c r="AP3282" s="137"/>
      <c r="AQ3282" s="137"/>
      <c r="AR3282" s="137"/>
      <c r="AS3282" s="137"/>
      <c r="AT3282" s="137"/>
      <c r="AU3282" s="137"/>
      <c r="AV3282" s="137"/>
      <c r="AW3282" s="144"/>
    </row>
    <row r="3283" spans="7:49" x14ac:dyDescent="0.2">
      <c r="G3283" s="43"/>
      <c r="Z3283" s="143"/>
      <c r="AA3283" s="137"/>
      <c r="AB3283" s="137"/>
      <c r="AC3283" s="137"/>
      <c r="AD3283" s="137"/>
      <c r="AE3283" s="137"/>
      <c r="AF3283" s="137"/>
      <c r="AG3283" s="137"/>
      <c r="AH3283" s="137"/>
      <c r="AI3283" s="137"/>
      <c r="AJ3283" s="137"/>
      <c r="AK3283" s="137"/>
      <c r="AL3283" s="137"/>
      <c r="AM3283" s="137"/>
      <c r="AN3283" s="137"/>
      <c r="AO3283" s="137"/>
      <c r="AP3283" s="137"/>
      <c r="AQ3283" s="137"/>
      <c r="AR3283" s="137"/>
      <c r="AS3283" s="137"/>
      <c r="AT3283" s="137"/>
      <c r="AU3283" s="137"/>
      <c r="AV3283" s="137"/>
      <c r="AW3283" s="144"/>
    </row>
    <row r="3284" spans="7:49" x14ac:dyDescent="0.2">
      <c r="G3284" s="43"/>
      <c r="Z3284" s="143"/>
      <c r="AA3284" s="137"/>
      <c r="AB3284" s="137"/>
      <c r="AC3284" s="137"/>
      <c r="AD3284" s="137"/>
      <c r="AE3284" s="137"/>
      <c r="AF3284" s="137"/>
      <c r="AG3284" s="137"/>
      <c r="AH3284" s="137"/>
      <c r="AI3284" s="137"/>
      <c r="AJ3284" s="137"/>
      <c r="AK3284" s="137"/>
      <c r="AL3284" s="137"/>
      <c r="AM3284" s="137"/>
      <c r="AN3284" s="137"/>
      <c r="AO3284" s="137"/>
      <c r="AP3284" s="137"/>
      <c r="AQ3284" s="137"/>
      <c r="AR3284" s="137"/>
      <c r="AS3284" s="137"/>
      <c r="AT3284" s="137"/>
      <c r="AU3284" s="137"/>
      <c r="AV3284" s="137"/>
      <c r="AW3284" s="144"/>
    </row>
    <row r="3285" spans="7:49" x14ac:dyDescent="0.2">
      <c r="G3285" s="43"/>
      <c r="Z3285" s="143"/>
      <c r="AA3285" s="137"/>
      <c r="AB3285" s="137"/>
      <c r="AC3285" s="137"/>
      <c r="AD3285" s="137"/>
      <c r="AE3285" s="137"/>
      <c r="AF3285" s="137"/>
      <c r="AG3285" s="137"/>
      <c r="AH3285" s="137"/>
      <c r="AI3285" s="137"/>
      <c r="AJ3285" s="137"/>
      <c r="AK3285" s="137"/>
      <c r="AL3285" s="137"/>
      <c r="AM3285" s="137"/>
      <c r="AN3285" s="137"/>
      <c r="AO3285" s="137"/>
      <c r="AP3285" s="137"/>
      <c r="AQ3285" s="137"/>
      <c r="AR3285" s="137"/>
      <c r="AS3285" s="137"/>
      <c r="AT3285" s="137"/>
      <c r="AU3285" s="137"/>
      <c r="AV3285" s="137"/>
      <c r="AW3285" s="144"/>
    </row>
    <row r="3286" spans="7:49" x14ac:dyDescent="0.2">
      <c r="G3286" s="43"/>
      <c r="Z3286" s="143"/>
      <c r="AA3286" s="137"/>
      <c r="AB3286" s="137"/>
      <c r="AC3286" s="137"/>
      <c r="AD3286" s="137"/>
      <c r="AE3286" s="137"/>
      <c r="AF3286" s="137"/>
      <c r="AG3286" s="137"/>
      <c r="AH3286" s="137"/>
      <c r="AI3286" s="137"/>
      <c r="AJ3286" s="137"/>
      <c r="AK3286" s="137"/>
      <c r="AL3286" s="137"/>
      <c r="AM3286" s="137"/>
      <c r="AN3286" s="137"/>
      <c r="AO3286" s="137"/>
      <c r="AP3286" s="137"/>
      <c r="AQ3286" s="137"/>
      <c r="AR3286" s="137"/>
      <c r="AS3286" s="137"/>
      <c r="AT3286" s="137"/>
      <c r="AU3286" s="137"/>
      <c r="AV3286" s="137"/>
      <c r="AW3286" s="144"/>
    </row>
    <row r="3287" spans="7:49" x14ac:dyDescent="0.2">
      <c r="G3287" s="43"/>
      <c r="Z3287" s="143"/>
      <c r="AA3287" s="137"/>
      <c r="AB3287" s="137"/>
      <c r="AC3287" s="137"/>
      <c r="AD3287" s="137"/>
      <c r="AE3287" s="137"/>
      <c r="AF3287" s="137"/>
      <c r="AG3287" s="137"/>
      <c r="AH3287" s="137"/>
      <c r="AI3287" s="137"/>
      <c r="AJ3287" s="137"/>
      <c r="AK3287" s="137"/>
      <c r="AL3287" s="137"/>
      <c r="AM3287" s="137"/>
      <c r="AN3287" s="137"/>
      <c r="AO3287" s="137"/>
      <c r="AP3287" s="137"/>
      <c r="AQ3287" s="137"/>
      <c r="AR3287" s="137"/>
      <c r="AS3287" s="137"/>
      <c r="AT3287" s="137"/>
      <c r="AU3287" s="137"/>
      <c r="AV3287" s="137"/>
      <c r="AW3287" s="144"/>
    </row>
    <row r="3288" spans="7:49" x14ac:dyDescent="0.2">
      <c r="G3288" s="43"/>
      <c r="Z3288" s="143"/>
      <c r="AA3288" s="137"/>
      <c r="AB3288" s="137"/>
      <c r="AC3288" s="137"/>
      <c r="AD3288" s="137"/>
      <c r="AE3288" s="137"/>
      <c r="AF3288" s="137"/>
      <c r="AG3288" s="137"/>
      <c r="AH3288" s="137"/>
      <c r="AI3288" s="137"/>
      <c r="AJ3288" s="137"/>
      <c r="AK3288" s="137"/>
      <c r="AL3288" s="137"/>
      <c r="AM3288" s="137"/>
      <c r="AN3288" s="137"/>
      <c r="AO3288" s="137"/>
      <c r="AP3288" s="137"/>
      <c r="AQ3288" s="137"/>
      <c r="AR3288" s="137"/>
      <c r="AS3288" s="137"/>
      <c r="AT3288" s="137"/>
      <c r="AU3288" s="137"/>
      <c r="AV3288" s="137"/>
      <c r="AW3288" s="144"/>
    </row>
    <row r="3289" spans="7:49" x14ac:dyDescent="0.2">
      <c r="G3289" s="43"/>
      <c r="Z3289" s="143"/>
      <c r="AA3289" s="137"/>
      <c r="AB3289" s="137"/>
      <c r="AC3289" s="137"/>
      <c r="AD3289" s="137"/>
      <c r="AE3289" s="137"/>
      <c r="AF3289" s="137"/>
      <c r="AG3289" s="137"/>
      <c r="AH3289" s="137"/>
      <c r="AI3289" s="137"/>
      <c r="AJ3289" s="137"/>
      <c r="AK3289" s="137"/>
      <c r="AL3289" s="137"/>
      <c r="AM3289" s="137"/>
      <c r="AN3289" s="137"/>
      <c r="AO3289" s="137"/>
      <c r="AP3289" s="137"/>
      <c r="AQ3289" s="137"/>
      <c r="AR3289" s="137"/>
      <c r="AS3289" s="137"/>
      <c r="AT3289" s="137"/>
      <c r="AU3289" s="137"/>
      <c r="AV3289" s="137"/>
      <c r="AW3289" s="144"/>
    </row>
    <row r="3290" spans="7:49" x14ac:dyDescent="0.2">
      <c r="G3290" s="43"/>
      <c r="Z3290" s="143"/>
      <c r="AA3290" s="137"/>
      <c r="AB3290" s="137"/>
      <c r="AC3290" s="137"/>
      <c r="AD3290" s="137"/>
      <c r="AE3290" s="137"/>
      <c r="AF3290" s="137"/>
      <c r="AG3290" s="137"/>
      <c r="AH3290" s="137"/>
      <c r="AI3290" s="137"/>
      <c r="AJ3290" s="137"/>
      <c r="AK3290" s="137"/>
      <c r="AL3290" s="137"/>
      <c r="AM3290" s="137"/>
      <c r="AN3290" s="137"/>
      <c r="AO3290" s="137"/>
      <c r="AP3290" s="137"/>
      <c r="AQ3290" s="137"/>
      <c r="AR3290" s="137"/>
      <c r="AS3290" s="137"/>
      <c r="AT3290" s="137"/>
      <c r="AU3290" s="137"/>
      <c r="AV3290" s="137"/>
      <c r="AW3290" s="144"/>
    </row>
    <row r="3291" spans="7:49" x14ac:dyDescent="0.2">
      <c r="G3291" s="43"/>
      <c r="Z3291" s="143"/>
      <c r="AA3291" s="137"/>
      <c r="AB3291" s="137"/>
      <c r="AC3291" s="137"/>
      <c r="AD3291" s="137"/>
      <c r="AE3291" s="137"/>
      <c r="AF3291" s="137"/>
      <c r="AG3291" s="137"/>
      <c r="AH3291" s="137"/>
      <c r="AI3291" s="137"/>
      <c r="AJ3291" s="137"/>
      <c r="AK3291" s="137"/>
      <c r="AL3291" s="137"/>
      <c r="AM3291" s="137"/>
      <c r="AN3291" s="137"/>
      <c r="AO3291" s="137"/>
      <c r="AP3291" s="137"/>
      <c r="AQ3291" s="137"/>
      <c r="AR3291" s="137"/>
      <c r="AS3291" s="137"/>
      <c r="AT3291" s="137"/>
      <c r="AU3291" s="137"/>
      <c r="AV3291" s="137"/>
      <c r="AW3291" s="144"/>
    </row>
    <row r="3292" spans="7:49" x14ac:dyDescent="0.2">
      <c r="G3292" s="43"/>
      <c r="Z3292" s="143"/>
      <c r="AA3292" s="137"/>
      <c r="AB3292" s="137"/>
      <c r="AC3292" s="137"/>
      <c r="AD3292" s="137"/>
      <c r="AE3292" s="137"/>
      <c r="AF3292" s="137"/>
      <c r="AG3292" s="137"/>
      <c r="AH3292" s="137"/>
      <c r="AI3292" s="137"/>
      <c r="AJ3292" s="137"/>
      <c r="AK3292" s="137"/>
      <c r="AL3292" s="137"/>
      <c r="AM3292" s="137"/>
      <c r="AN3292" s="137"/>
      <c r="AO3292" s="137"/>
      <c r="AP3292" s="137"/>
      <c r="AQ3292" s="137"/>
      <c r="AR3292" s="137"/>
      <c r="AS3292" s="137"/>
      <c r="AT3292" s="137"/>
      <c r="AU3292" s="137"/>
      <c r="AV3292" s="137"/>
      <c r="AW3292" s="144"/>
    </row>
    <row r="3293" spans="7:49" x14ac:dyDescent="0.2">
      <c r="G3293" s="43"/>
      <c r="Z3293" s="143"/>
      <c r="AA3293" s="137"/>
      <c r="AB3293" s="137"/>
      <c r="AC3293" s="137"/>
      <c r="AD3293" s="137"/>
      <c r="AE3293" s="137"/>
      <c r="AF3293" s="137"/>
      <c r="AG3293" s="137"/>
      <c r="AH3293" s="137"/>
      <c r="AI3293" s="137"/>
      <c r="AJ3293" s="137"/>
      <c r="AK3293" s="137"/>
      <c r="AL3293" s="137"/>
      <c r="AM3293" s="137"/>
      <c r="AN3293" s="137"/>
      <c r="AO3293" s="137"/>
      <c r="AP3293" s="137"/>
      <c r="AQ3293" s="137"/>
      <c r="AR3293" s="137"/>
      <c r="AS3293" s="137"/>
      <c r="AT3293" s="137"/>
      <c r="AU3293" s="137"/>
      <c r="AV3293" s="137"/>
      <c r="AW3293" s="144"/>
    </row>
    <row r="3294" spans="7:49" x14ac:dyDescent="0.2">
      <c r="G3294" s="43"/>
      <c r="Z3294" s="143"/>
      <c r="AA3294" s="137"/>
      <c r="AB3294" s="137"/>
      <c r="AC3294" s="137"/>
      <c r="AD3294" s="137"/>
      <c r="AE3294" s="137"/>
      <c r="AF3294" s="137"/>
      <c r="AG3294" s="137"/>
      <c r="AH3294" s="137"/>
      <c r="AI3294" s="137"/>
      <c r="AJ3294" s="137"/>
      <c r="AK3294" s="137"/>
      <c r="AL3294" s="137"/>
      <c r="AM3294" s="137"/>
      <c r="AN3294" s="137"/>
      <c r="AO3294" s="137"/>
      <c r="AP3294" s="137"/>
      <c r="AQ3294" s="137"/>
      <c r="AR3294" s="137"/>
      <c r="AS3294" s="137"/>
      <c r="AT3294" s="137"/>
      <c r="AU3294" s="137"/>
      <c r="AV3294" s="137"/>
      <c r="AW3294" s="144"/>
    </row>
    <row r="3295" spans="7:49" x14ac:dyDescent="0.2">
      <c r="G3295" s="43"/>
      <c r="Z3295" s="143"/>
      <c r="AA3295" s="137"/>
      <c r="AB3295" s="137"/>
      <c r="AC3295" s="137"/>
      <c r="AD3295" s="137"/>
      <c r="AE3295" s="137"/>
      <c r="AF3295" s="137"/>
      <c r="AG3295" s="137"/>
      <c r="AH3295" s="137"/>
      <c r="AI3295" s="137"/>
      <c r="AJ3295" s="137"/>
      <c r="AK3295" s="137"/>
      <c r="AL3295" s="137"/>
      <c r="AM3295" s="137"/>
      <c r="AN3295" s="137"/>
      <c r="AO3295" s="137"/>
      <c r="AP3295" s="137"/>
      <c r="AQ3295" s="137"/>
      <c r="AR3295" s="137"/>
      <c r="AS3295" s="137"/>
      <c r="AT3295" s="137"/>
      <c r="AU3295" s="137"/>
      <c r="AV3295" s="137"/>
      <c r="AW3295" s="144"/>
    </row>
    <row r="3296" spans="7:49" x14ac:dyDescent="0.2">
      <c r="G3296" s="43"/>
      <c r="Z3296" s="143"/>
      <c r="AA3296" s="137"/>
      <c r="AB3296" s="137"/>
      <c r="AC3296" s="137"/>
      <c r="AD3296" s="137"/>
      <c r="AE3296" s="137"/>
      <c r="AF3296" s="137"/>
      <c r="AG3296" s="137"/>
      <c r="AH3296" s="137"/>
      <c r="AI3296" s="137"/>
      <c r="AJ3296" s="137"/>
      <c r="AK3296" s="137"/>
      <c r="AL3296" s="137"/>
      <c r="AM3296" s="137"/>
      <c r="AN3296" s="137"/>
      <c r="AO3296" s="137"/>
      <c r="AP3296" s="137"/>
      <c r="AQ3296" s="137"/>
      <c r="AR3296" s="137"/>
      <c r="AS3296" s="137"/>
      <c r="AT3296" s="137"/>
      <c r="AU3296" s="137"/>
      <c r="AV3296" s="137"/>
      <c r="AW3296" s="144"/>
    </row>
    <row r="3297" spans="7:49" x14ac:dyDescent="0.2">
      <c r="G3297" s="43"/>
      <c r="Z3297" s="143"/>
      <c r="AA3297" s="137"/>
      <c r="AB3297" s="137"/>
      <c r="AC3297" s="137"/>
      <c r="AD3297" s="137"/>
      <c r="AE3297" s="137"/>
      <c r="AF3297" s="137"/>
      <c r="AG3297" s="137"/>
      <c r="AH3297" s="137"/>
      <c r="AI3297" s="137"/>
      <c r="AJ3297" s="137"/>
      <c r="AK3297" s="137"/>
      <c r="AL3297" s="137"/>
      <c r="AM3297" s="137"/>
      <c r="AN3297" s="137"/>
      <c r="AO3297" s="137"/>
      <c r="AP3297" s="137"/>
      <c r="AQ3297" s="137"/>
      <c r="AR3297" s="137"/>
      <c r="AS3297" s="137"/>
      <c r="AT3297" s="137"/>
      <c r="AU3297" s="137"/>
      <c r="AV3297" s="137"/>
      <c r="AW3297" s="144"/>
    </row>
    <row r="3298" spans="7:49" x14ac:dyDescent="0.2">
      <c r="G3298" s="43"/>
      <c r="Z3298" s="143"/>
      <c r="AA3298" s="137"/>
      <c r="AB3298" s="137"/>
      <c r="AC3298" s="137"/>
      <c r="AD3298" s="137"/>
      <c r="AE3298" s="137"/>
      <c r="AF3298" s="137"/>
      <c r="AG3298" s="137"/>
      <c r="AH3298" s="137"/>
      <c r="AI3298" s="137"/>
      <c r="AJ3298" s="137"/>
      <c r="AK3298" s="137"/>
      <c r="AL3298" s="137"/>
      <c r="AM3298" s="137"/>
      <c r="AN3298" s="137"/>
      <c r="AO3298" s="137"/>
      <c r="AP3298" s="137"/>
      <c r="AQ3298" s="137"/>
      <c r="AR3298" s="137"/>
      <c r="AS3298" s="137"/>
      <c r="AT3298" s="137"/>
      <c r="AU3298" s="137"/>
      <c r="AV3298" s="137"/>
      <c r="AW3298" s="144"/>
    </row>
    <row r="3299" spans="7:49" x14ac:dyDescent="0.2">
      <c r="G3299" s="43"/>
      <c r="Z3299" s="143"/>
      <c r="AA3299" s="137"/>
      <c r="AB3299" s="137"/>
      <c r="AC3299" s="137"/>
      <c r="AD3299" s="137"/>
      <c r="AE3299" s="137"/>
      <c r="AF3299" s="137"/>
      <c r="AG3299" s="137"/>
      <c r="AH3299" s="137"/>
      <c r="AI3299" s="137"/>
      <c r="AJ3299" s="137"/>
      <c r="AK3299" s="137"/>
      <c r="AL3299" s="137"/>
      <c r="AM3299" s="137"/>
      <c r="AN3299" s="137"/>
      <c r="AO3299" s="137"/>
      <c r="AP3299" s="137"/>
      <c r="AQ3299" s="137"/>
      <c r="AR3299" s="137"/>
      <c r="AS3299" s="137"/>
      <c r="AT3299" s="137"/>
      <c r="AU3299" s="137"/>
      <c r="AV3299" s="137"/>
      <c r="AW3299" s="144"/>
    </row>
    <row r="3300" spans="7:49" x14ac:dyDescent="0.2">
      <c r="G3300" s="43"/>
      <c r="Z3300" s="143"/>
      <c r="AA3300" s="137"/>
      <c r="AB3300" s="137"/>
      <c r="AC3300" s="137"/>
      <c r="AD3300" s="137"/>
      <c r="AE3300" s="137"/>
      <c r="AF3300" s="137"/>
      <c r="AG3300" s="137"/>
      <c r="AH3300" s="137"/>
      <c r="AI3300" s="137"/>
      <c r="AJ3300" s="137"/>
      <c r="AK3300" s="137"/>
      <c r="AL3300" s="137"/>
      <c r="AM3300" s="137"/>
      <c r="AN3300" s="137"/>
      <c r="AO3300" s="137"/>
      <c r="AP3300" s="137"/>
      <c r="AQ3300" s="137"/>
      <c r="AR3300" s="137"/>
      <c r="AS3300" s="137"/>
      <c r="AT3300" s="137"/>
      <c r="AU3300" s="137"/>
      <c r="AV3300" s="137"/>
      <c r="AW3300" s="144"/>
    </row>
    <row r="3301" spans="7:49" x14ac:dyDescent="0.2">
      <c r="G3301" s="43"/>
      <c r="Z3301" s="143"/>
      <c r="AA3301" s="137"/>
      <c r="AB3301" s="137"/>
      <c r="AC3301" s="137"/>
      <c r="AD3301" s="137"/>
      <c r="AE3301" s="137"/>
      <c r="AF3301" s="137"/>
      <c r="AG3301" s="137"/>
      <c r="AH3301" s="137"/>
      <c r="AI3301" s="137"/>
      <c r="AJ3301" s="137"/>
      <c r="AK3301" s="137"/>
      <c r="AL3301" s="137"/>
      <c r="AM3301" s="137"/>
      <c r="AN3301" s="137"/>
      <c r="AO3301" s="137"/>
      <c r="AP3301" s="137"/>
      <c r="AQ3301" s="137"/>
      <c r="AR3301" s="137"/>
      <c r="AS3301" s="137"/>
      <c r="AT3301" s="137"/>
      <c r="AU3301" s="137"/>
      <c r="AV3301" s="137"/>
      <c r="AW3301" s="144"/>
    </row>
    <row r="3302" spans="7:49" x14ac:dyDescent="0.2">
      <c r="G3302" s="43"/>
      <c r="Z3302" s="143"/>
      <c r="AA3302" s="137"/>
      <c r="AB3302" s="137"/>
      <c r="AC3302" s="137"/>
      <c r="AD3302" s="137"/>
      <c r="AE3302" s="137"/>
      <c r="AF3302" s="137"/>
      <c r="AG3302" s="137"/>
      <c r="AH3302" s="137"/>
      <c r="AI3302" s="137"/>
      <c r="AJ3302" s="137"/>
      <c r="AK3302" s="137"/>
      <c r="AL3302" s="137"/>
      <c r="AM3302" s="137"/>
      <c r="AN3302" s="137"/>
      <c r="AO3302" s="137"/>
      <c r="AP3302" s="137"/>
      <c r="AQ3302" s="137"/>
      <c r="AR3302" s="137"/>
      <c r="AS3302" s="137"/>
      <c r="AT3302" s="137"/>
      <c r="AU3302" s="137"/>
      <c r="AV3302" s="137"/>
      <c r="AW3302" s="144"/>
    </row>
    <row r="3303" spans="7:49" x14ac:dyDescent="0.2">
      <c r="G3303" s="43"/>
      <c r="Z3303" s="143"/>
      <c r="AA3303" s="137"/>
      <c r="AB3303" s="137"/>
      <c r="AC3303" s="137"/>
      <c r="AD3303" s="137"/>
      <c r="AE3303" s="137"/>
      <c r="AF3303" s="137"/>
      <c r="AG3303" s="137"/>
      <c r="AH3303" s="137"/>
      <c r="AI3303" s="137"/>
      <c r="AJ3303" s="137"/>
      <c r="AK3303" s="137"/>
      <c r="AL3303" s="137"/>
      <c r="AM3303" s="137"/>
      <c r="AN3303" s="137"/>
      <c r="AO3303" s="137"/>
      <c r="AP3303" s="137"/>
      <c r="AQ3303" s="137"/>
      <c r="AR3303" s="137"/>
      <c r="AS3303" s="137"/>
      <c r="AT3303" s="137"/>
      <c r="AU3303" s="137"/>
      <c r="AV3303" s="137"/>
      <c r="AW3303" s="144"/>
    </row>
    <row r="3304" spans="7:49" x14ac:dyDescent="0.2">
      <c r="G3304" s="43"/>
      <c r="Z3304" s="143"/>
      <c r="AA3304" s="137"/>
      <c r="AB3304" s="137"/>
      <c r="AC3304" s="137"/>
      <c r="AD3304" s="137"/>
      <c r="AE3304" s="137"/>
      <c r="AF3304" s="137"/>
      <c r="AG3304" s="137"/>
      <c r="AH3304" s="137"/>
      <c r="AI3304" s="137"/>
      <c r="AJ3304" s="137"/>
      <c r="AK3304" s="137"/>
      <c r="AL3304" s="137"/>
      <c r="AM3304" s="137"/>
      <c r="AN3304" s="137"/>
      <c r="AO3304" s="137"/>
      <c r="AP3304" s="137"/>
      <c r="AQ3304" s="137"/>
      <c r="AR3304" s="137"/>
      <c r="AS3304" s="137"/>
      <c r="AT3304" s="137"/>
      <c r="AU3304" s="137"/>
      <c r="AV3304" s="137"/>
      <c r="AW3304" s="144"/>
    </row>
    <row r="3305" spans="7:49" x14ac:dyDescent="0.2">
      <c r="G3305" s="43"/>
      <c r="Z3305" s="143"/>
      <c r="AA3305" s="137"/>
      <c r="AB3305" s="137"/>
      <c r="AC3305" s="137"/>
      <c r="AD3305" s="137"/>
      <c r="AE3305" s="137"/>
      <c r="AF3305" s="137"/>
      <c r="AG3305" s="137"/>
      <c r="AH3305" s="137"/>
      <c r="AI3305" s="137"/>
      <c r="AJ3305" s="137"/>
      <c r="AK3305" s="137"/>
      <c r="AL3305" s="137"/>
      <c r="AM3305" s="137"/>
      <c r="AN3305" s="137"/>
      <c r="AO3305" s="137"/>
      <c r="AP3305" s="137"/>
      <c r="AQ3305" s="137"/>
      <c r="AR3305" s="137"/>
      <c r="AS3305" s="137"/>
      <c r="AT3305" s="137"/>
      <c r="AU3305" s="137"/>
      <c r="AV3305" s="137"/>
      <c r="AW3305" s="144"/>
    </row>
    <row r="3306" spans="7:49" x14ac:dyDescent="0.2">
      <c r="G3306" s="43"/>
      <c r="Z3306" s="143"/>
      <c r="AA3306" s="137"/>
      <c r="AB3306" s="137"/>
      <c r="AC3306" s="137"/>
      <c r="AD3306" s="137"/>
      <c r="AE3306" s="137"/>
      <c r="AF3306" s="137"/>
      <c r="AG3306" s="137"/>
      <c r="AH3306" s="137"/>
      <c r="AI3306" s="137"/>
      <c r="AJ3306" s="137"/>
      <c r="AK3306" s="137"/>
      <c r="AL3306" s="137"/>
      <c r="AM3306" s="137"/>
      <c r="AN3306" s="137"/>
      <c r="AO3306" s="137"/>
      <c r="AP3306" s="137"/>
      <c r="AQ3306" s="137"/>
      <c r="AR3306" s="137"/>
      <c r="AS3306" s="137"/>
      <c r="AT3306" s="137"/>
      <c r="AU3306" s="137"/>
      <c r="AV3306" s="137"/>
      <c r="AW3306" s="144"/>
    </row>
    <row r="3307" spans="7:49" x14ac:dyDescent="0.2">
      <c r="G3307" s="43"/>
      <c r="Z3307" s="143"/>
      <c r="AA3307" s="137"/>
      <c r="AB3307" s="137"/>
      <c r="AC3307" s="137"/>
      <c r="AD3307" s="137"/>
      <c r="AE3307" s="137"/>
      <c r="AF3307" s="137"/>
      <c r="AG3307" s="137"/>
      <c r="AH3307" s="137"/>
      <c r="AI3307" s="137"/>
      <c r="AJ3307" s="137"/>
      <c r="AK3307" s="137"/>
      <c r="AL3307" s="137"/>
      <c r="AM3307" s="137"/>
      <c r="AN3307" s="137"/>
      <c r="AO3307" s="137"/>
      <c r="AP3307" s="137"/>
      <c r="AQ3307" s="137"/>
      <c r="AR3307" s="137"/>
      <c r="AS3307" s="137"/>
      <c r="AT3307" s="137"/>
      <c r="AU3307" s="137"/>
      <c r="AV3307" s="137"/>
      <c r="AW3307" s="144"/>
    </row>
    <row r="3308" spans="7:49" x14ac:dyDescent="0.2">
      <c r="G3308" s="43"/>
      <c r="Z3308" s="143"/>
      <c r="AA3308" s="137"/>
      <c r="AB3308" s="137"/>
      <c r="AC3308" s="137"/>
      <c r="AD3308" s="137"/>
      <c r="AE3308" s="137"/>
      <c r="AF3308" s="137"/>
      <c r="AG3308" s="137"/>
      <c r="AH3308" s="137"/>
      <c r="AI3308" s="137"/>
      <c r="AJ3308" s="137"/>
      <c r="AK3308" s="137"/>
      <c r="AL3308" s="137"/>
      <c r="AM3308" s="137"/>
      <c r="AN3308" s="137"/>
      <c r="AO3308" s="137"/>
      <c r="AP3308" s="137"/>
      <c r="AQ3308" s="137"/>
      <c r="AR3308" s="137"/>
      <c r="AS3308" s="137"/>
      <c r="AT3308" s="137"/>
      <c r="AU3308" s="137"/>
      <c r="AV3308" s="137"/>
      <c r="AW3308" s="144"/>
    </row>
    <row r="3309" spans="7:49" x14ac:dyDescent="0.2">
      <c r="G3309" s="43"/>
      <c r="Z3309" s="143"/>
      <c r="AA3309" s="137"/>
      <c r="AB3309" s="137"/>
      <c r="AC3309" s="137"/>
      <c r="AD3309" s="137"/>
      <c r="AE3309" s="137"/>
      <c r="AF3309" s="137"/>
      <c r="AG3309" s="137"/>
      <c r="AH3309" s="137"/>
      <c r="AI3309" s="137"/>
      <c r="AJ3309" s="137"/>
      <c r="AK3309" s="137"/>
      <c r="AL3309" s="137"/>
      <c r="AM3309" s="137"/>
      <c r="AN3309" s="137"/>
      <c r="AO3309" s="137"/>
      <c r="AP3309" s="137"/>
      <c r="AQ3309" s="137"/>
      <c r="AR3309" s="137"/>
      <c r="AS3309" s="137"/>
      <c r="AT3309" s="137"/>
      <c r="AU3309" s="137"/>
      <c r="AV3309" s="137"/>
      <c r="AW3309" s="144"/>
    </row>
    <row r="3310" spans="7:49" x14ac:dyDescent="0.2">
      <c r="G3310" s="43"/>
      <c r="Z3310" s="143"/>
      <c r="AA3310" s="137"/>
      <c r="AB3310" s="137"/>
      <c r="AC3310" s="137"/>
      <c r="AD3310" s="137"/>
      <c r="AE3310" s="137"/>
      <c r="AF3310" s="137"/>
      <c r="AG3310" s="137"/>
      <c r="AH3310" s="137"/>
      <c r="AI3310" s="137"/>
      <c r="AJ3310" s="137"/>
      <c r="AK3310" s="137"/>
      <c r="AL3310" s="137"/>
      <c r="AM3310" s="137"/>
      <c r="AN3310" s="137"/>
      <c r="AO3310" s="137"/>
      <c r="AP3310" s="137"/>
      <c r="AQ3310" s="137"/>
      <c r="AR3310" s="137"/>
      <c r="AS3310" s="137"/>
      <c r="AT3310" s="137"/>
      <c r="AU3310" s="137"/>
      <c r="AV3310" s="137"/>
      <c r="AW3310" s="144"/>
    </row>
    <row r="3311" spans="7:49" x14ac:dyDescent="0.2">
      <c r="G3311" s="43"/>
      <c r="Z3311" s="143"/>
      <c r="AA3311" s="137"/>
      <c r="AB3311" s="137"/>
      <c r="AC3311" s="137"/>
      <c r="AD3311" s="137"/>
      <c r="AE3311" s="137"/>
      <c r="AF3311" s="137"/>
      <c r="AG3311" s="137"/>
      <c r="AH3311" s="137"/>
      <c r="AI3311" s="137"/>
      <c r="AJ3311" s="137"/>
      <c r="AK3311" s="137"/>
      <c r="AL3311" s="137"/>
      <c r="AM3311" s="137"/>
      <c r="AN3311" s="137"/>
      <c r="AO3311" s="137"/>
      <c r="AP3311" s="137"/>
      <c r="AQ3311" s="137"/>
      <c r="AR3311" s="137"/>
      <c r="AS3311" s="137"/>
      <c r="AT3311" s="137"/>
      <c r="AU3311" s="137"/>
      <c r="AV3311" s="137"/>
      <c r="AW3311" s="144"/>
    </row>
    <row r="3312" spans="7:49" x14ac:dyDescent="0.2">
      <c r="G3312" s="43"/>
      <c r="Z3312" s="143"/>
      <c r="AA3312" s="137"/>
      <c r="AB3312" s="137"/>
      <c r="AC3312" s="137"/>
      <c r="AD3312" s="137"/>
      <c r="AE3312" s="137"/>
      <c r="AF3312" s="137"/>
      <c r="AG3312" s="137"/>
      <c r="AH3312" s="137"/>
      <c r="AI3312" s="137"/>
      <c r="AJ3312" s="137"/>
      <c r="AK3312" s="137"/>
      <c r="AL3312" s="137"/>
      <c r="AM3312" s="137"/>
      <c r="AN3312" s="137"/>
      <c r="AO3312" s="137"/>
      <c r="AP3312" s="137"/>
      <c r="AQ3312" s="137"/>
      <c r="AR3312" s="137"/>
      <c r="AS3312" s="137"/>
      <c r="AT3312" s="137"/>
      <c r="AU3312" s="137"/>
      <c r="AV3312" s="137"/>
      <c r="AW3312" s="144"/>
    </row>
    <row r="3313" spans="7:49" x14ac:dyDescent="0.2">
      <c r="G3313" s="43"/>
      <c r="Z3313" s="143"/>
      <c r="AA3313" s="137"/>
      <c r="AB3313" s="137"/>
      <c r="AC3313" s="137"/>
      <c r="AD3313" s="137"/>
      <c r="AE3313" s="137"/>
      <c r="AF3313" s="137"/>
      <c r="AG3313" s="137"/>
      <c r="AH3313" s="137"/>
      <c r="AI3313" s="137"/>
      <c r="AJ3313" s="137"/>
      <c r="AK3313" s="137"/>
      <c r="AL3313" s="137"/>
      <c r="AM3313" s="137"/>
      <c r="AN3313" s="137"/>
      <c r="AO3313" s="137"/>
      <c r="AP3313" s="137"/>
      <c r="AQ3313" s="137"/>
      <c r="AR3313" s="137"/>
      <c r="AS3313" s="137"/>
      <c r="AT3313" s="137"/>
      <c r="AU3313" s="137"/>
      <c r="AV3313" s="137"/>
      <c r="AW3313" s="144"/>
    </row>
    <row r="3314" spans="7:49" x14ac:dyDescent="0.2">
      <c r="G3314" s="43"/>
      <c r="Z3314" s="143"/>
      <c r="AA3314" s="137"/>
      <c r="AB3314" s="137"/>
      <c r="AC3314" s="137"/>
      <c r="AD3314" s="137"/>
      <c r="AE3314" s="137"/>
      <c r="AF3314" s="137"/>
      <c r="AG3314" s="137"/>
      <c r="AH3314" s="137"/>
      <c r="AI3314" s="137"/>
      <c r="AJ3314" s="137"/>
      <c r="AK3314" s="137"/>
      <c r="AL3314" s="137"/>
      <c r="AM3314" s="137"/>
      <c r="AN3314" s="137"/>
      <c r="AO3314" s="137"/>
      <c r="AP3314" s="137"/>
      <c r="AQ3314" s="137"/>
      <c r="AR3314" s="137"/>
      <c r="AS3314" s="137"/>
      <c r="AT3314" s="137"/>
      <c r="AU3314" s="137"/>
      <c r="AV3314" s="137"/>
      <c r="AW3314" s="144"/>
    </row>
    <row r="3315" spans="7:49" x14ac:dyDescent="0.2">
      <c r="G3315" s="43"/>
      <c r="Z3315" s="143"/>
      <c r="AA3315" s="137"/>
      <c r="AB3315" s="137"/>
      <c r="AC3315" s="137"/>
      <c r="AD3315" s="137"/>
      <c r="AE3315" s="137"/>
      <c r="AF3315" s="137"/>
      <c r="AG3315" s="137"/>
      <c r="AH3315" s="137"/>
      <c r="AI3315" s="137"/>
      <c r="AJ3315" s="137"/>
      <c r="AK3315" s="137"/>
      <c r="AL3315" s="137"/>
      <c r="AM3315" s="137"/>
      <c r="AN3315" s="137"/>
      <c r="AO3315" s="137"/>
      <c r="AP3315" s="137"/>
      <c r="AQ3315" s="137"/>
      <c r="AR3315" s="137"/>
      <c r="AS3315" s="137"/>
      <c r="AT3315" s="137"/>
      <c r="AU3315" s="137"/>
      <c r="AV3315" s="137"/>
      <c r="AW3315" s="144"/>
    </row>
    <row r="3316" spans="7:49" x14ac:dyDescent="0.2">
      <c r="G3316" s="43"/>
      <c r="Z3316" s="143"/>
      <c r="AA3316" s="137"/>
      <c r="AB3316" s="137"/>
      <c r="AC3316" s="137"/>
      <c r="AD3316" s="137"/>
      <c r="AE3316" s="137"/>
      <c r="AF3316" s="137"/>
      <c r="AG3316" s="137"/>
      <c r="AH3316" s="137"/>
      <c r="AI3316" s="137"/>
      <c r="AJ3316" s="137"/>
      <c r="AK3316" s="137"/>
      <c r="AL3316" s="137"/>
      <c r="AM3316" s="137"/>
      <c r="AN3316" s="137"/>
      <c r="AO3316" s="137"/>
      <c r="AP3316" s="137"/>
      <c r="AQ3316" s="137"/>
      <c r="AR3316" s="137"/>
      <c r="AS3316" s="137"/>
      <c r="AT3316" s="137"/>
      <c r="AU3316" s="137"/>
      <c r="AV3316" s="137"/>
      <c r="AW3316" s="144"/>
    </row>
    <row r="3317" spans="7:49" x14ac:dyDescent="0.2">
      <c r="G3317" s="43"/>
      <c r="Z3317" s="143"/>
      <c r="AA3317" s="137"/>
      <c r="AB3317" s="137"/>
      <c r="AC3317" s="137"/>
      <c r="AD3317" s="137"/>
      <c r="AE3317" s="137"/>
      <c r="AF3317" s="137"/>
      <c r="AG3317" s="137"/>
      <c r="AH3317" s="137"/>
      <c r="AI3317" s="137"/>
      <c r="AJ3317" s="137"/>
      <c r="AK3317" s="137"/>
      <c r="AL3317" s="137"/>
      <c r="AM3317" s="137"/>
      <c r="AN3317" s="137"/>
      <c r="AO3317" s="137"/>
      <c r="AP3317" s="137"/>
      <c r="AQ3317" s="137"/>
      <c r="AR3317" s="137"/>
      <c r="AS3317" s="137"/>
      <c r="AT3317" s="137"/>
      <c r="AU3317" s="137"/>
      <c r="AV3317" s="137"/>
      <c r="AW3317" s="144"/>
    </row>
    <row r="3318" spans="7:49" x14ac:dyDescent="0.2">
      <c r="G3318" s="43"/>
      <c r="Z3318" s="143"/>
      <c r="AA3318" s="137"/>
      <c r="AB3318" s="137"/>
      <c r="AC3318" s="137"/>
      <c r="AD3318" s="137"/>
      <c r="AE3318" s="137"/>
      <c r="AF3318" s="137"/>
      <c r="AG3318" s="137"/>
      <c r="AH3318" s="137"/>
      <c r="AI3318" s="137"/>
      <c r="AJ3318" s="137"/>
      <c r="AK3318" s="137"/>
      <c r="AL3318" s="137"/>
      <c r="AM3318" s="137"/>
      <c r="AN3318" s="137"/>
      <c r="AO3318" s="137"/>
      <c r="AP3318" s="137"/>
      <c r="AQ3318" s="137"/>
      <c r="AR3318" s="137"/>
      <c r="AS3318" s="137"/>
      <c r="AT3318" s="137"/>
      <c r="AU3318" s="137"/>
      <c r="AV3318" s="137"/>
      <c r="AW3318" s="144"/>
    </row>
    <row r="3319" spans="7:49" x14ac:dyDescent="0.2">
      <c r="G3319" s="43"/>
      <c r="Z3319" s="143"/>
      <c r="AA3319" s="137"/>
      <c r="AB3319" s="137"/>
      <c r="AC3319" s="137"/>
      <c r="AD3319" s="137"/>
      <c r="AE3319" s="137"/>
      <c r="AF3319" s="137"/>
      <c r="AG3319" s="137"/>
      <c r="AH3319" s="137"/>
      <c r="AI3319" s="137"/>
      <c r="AJ3319" s="137"/>
      <c r="AK3319" s="137"/>
      <c r="AL3319" s="137"/>
      <c r="AM3319" s="137"/>
      <c r="AN3319" s="137"/>
      <c r="AO3319" s="137"/>
      <c r="AP3319" s="137"/>
      <c r="AQ3319" s="137"/>
      <c r="AR3319" s="137"/>
      <c r="AS3319" s="137"/>
      <c r="AT3319" s="137"/>
      <c r="AU3319" s="137"/>
      <c r="AV3319" s="137"/>
      <c r="AW3319" s="144"/>
    </row>
    <row r="3320" spans="7:49" x14ac:dyDescent="0.2">
      <c r="G3320" s="43"/>
      <c r="Z3320" s="143"/>
      <c r="AA3320" s="137"/>
      <c r="AB3320" s="137"/>
      <c r="AC3320" s="137"/>
      <c r="AD3320" s="137"/>
      <c r="AE3320" s="137"/>
      <c r="AF3320" s="137"/>
      <c r="AG3320" s="137"/>
      <c r="AH3320" s="137"/>
      <c r="AI3320" s="137"/>
      <c r="AJ3320" s="137"/>
      <c r="AK3320" s="137"/>
      <c r="AL3320" s="137"/>
      <c r="AM3320" s="137"/>
      <c r="AN3320" s="137"/>
      <c r="AO3320" s="137"/>
      <c r="AP3320" s="137"/>
      <c r="AQ3320" s="137"/>
      <c r="AR3320" s="137"/>
      <c r="AS3320" s="137"/>
      <c r="AT3320" s="137"/>
      <c r="AU3320" s="137"/>
      <c r="AV3320" s="137"/>
      <c r="AW3320" s="144"/>
    </row>
    <row r="3321" spans="7:49" x14ac:dyDescent="0.2">
      <c r="G3321" s="43"/>
      <c r="Z3321" s="143"/>
      <c r="AA3321" s="137"/>
      <c r="AB3321" s="137"/>
      <c r="AC3321" s="137"/>
      <c r="AD3321" s="137"/>
      <c r="AE3321" s="137"/>
      <c r="AF3321" s="137"/>
      <c r="AG3321" s="137"/>
      <c r="AH3321" s="137"/>
      <c r="AI3321" s="137"/>
      <c r="AJ3321" s="137"/>
      <c r="AK3321" s="137"/>
      <c r="AL3321" s="137"/>
      <c r="AM3321" s="137"/>
      <c r="AN3321" s="137"/>
      <c r="AO3321" s="137"/>
      <c r="AP3321" s="137"/>
      <c r="AQ3321" s="137"/>
      <c r="AR3321" s="137"/>
      <c r="AS3321" s="137"/>
      <c r="AT3321" s="137"/>
      <c r="AU3321" s="137"/>
      <c r="AV3321" s="137"/>
      <c r="AW3321" s="144"/>
    </row>
    <row r="3322" spans="7:49" x14ac:dyDescent="0.2">
      <c r="G3322" s="43"/>
      <c r="Z3322" s="143"/>
      <c r="AA3322" s="137"/>
      <c r="AB3322" s="137"/>
      <c r="AC3322" s="137"/>
      <c r="AD3322" s="137"/>
      <c r="AE3322" s="137"/>
      <c r="AF3322" s="137"/>
      <c r="AG3322" s="137"/>
      <c r="AH3322" s="137"/>
      <c r="AI3322" s="137"/>
      <c r="AJ3322" s="137"/>
      <c r="AK3322" s="137"/>
      <c r="AL3322" s="137"/>
      <c r="AM3322" s="137"/>
      <c r="AN3322" s="137"/>
      <c r="AO3322" s="137"/>
      <c r="AP3322" s="137"/>
      <c r="AQ3322" s="137"/>
      <c r="AR3322" s="137"/>
      <c r="AS3322" s="137"/>
      <c r="AT3322" s="137"/>
      <c r="AU3322" s="137"/>
      <c r="AV3322" s="137"/>
      <c r="AW3322" s="144"/>
    </row>
    <row r="3323" spans="7:49" x14ac:dyDescent="0.2">
      <c r="G3323" s="43"/>
      <c r="Z3323" s="143"/>
      <c r="AA3323" s="137"/>
      <c r="AB3323" s="137"/>
      <c r="AC3323" s="137"/>
      <c r="AD3323" s="137"/>
      <c r="AE3323" s="137"/>
      <c r="AF3323" s="137"/>
      <c r="AG3323" s="137"/>
      <c r="AH3323" s="137"/>
      <c r="AI3323" s="137"/>
      <c r="AJ3323" s="137"/>
      <c r="AK3323" s="137"/>
      <c r="AL3323" s="137"/>
      <c r="AM3323" s="137"/>
      <c r="AN3323" s="137"/>
      <c r="AO3323" s="137"/>
      <c r="AP3323" s="137"/>
      <c r="AQ3323" s="137"/>
      <c r="AR3323" s="137"/>
      <c r="AS3323" s="137"/>
      <c r="AT3323" s="137"/>
      <c r="AU3323" s="137"/>
      <c r="AV3323" s="137"/>
      <c r="AW3323" s="144"/>
    </row>
    <row r="3324" spans="7:49" x14ac:dyDescent="0.2">
      <c r="G3324" s="43"/>
      <c r="Z3324" s="143"/>
      <c r="AA3324" s="137"/>
      <c r="AB3324" s="137"/>
      <c r="AC3324" s="137"/>
      <c r="AD3324" s="137"/>
      <c r="AE3324" s="137"/>
      <c r="AF3324" s="137"/>
      <c r="AG3324" s="137"/>
      <c r="AH3324" s="137"/>
      <c r="AI3324" s="137"/>
      <c r="AJ3324" s="137"/>
      <c r="AK3324" s="137"/>
      <c r="AL3324" s="137"/>
      <c r="AM3324" s="137"/>
      <c r="AN3324" s="137"/>
      <c r="AO3324" s="137"/>
      <c r="AP3324" s="137"/>
      <c r="AQ3324" s="137"/>
      <c r="AR3324" s="137"/>
      <c r="AS3324" s="137"/>
      <c r="AT3324" s="137"/>
      <c r="AU3324" s="137"/>
      <c r="AV3324" s="137"/>
      <c r="AW3324" s="144"/>
    </row>
    <row r="3325" spans="7:49" x14ac:dyDescent="0.2">
      <c r="G3325" s="43"/>
      <c r="Z3325" s="143"/>
      <c r="AA3325" s="137"/>
      <c r="AB3325" s="137"/>
      <c r="AC3325" s="137"/>
      <c r="AD3325" s="137"/>
      <c r="AE3325" s="137"/>
      <c r="AF3325" s="137"/>
      <c r="AG3325" s="137"/>
      <c r="AH3325" s="137"/>
      <c r="AI3325" s="137"/>
      <c r="AJ3325" s="137"/>
      <c r="AK3325" s="137"/>
      <c r="AL3325" s="137"/>
      <c r="AM3325" s="137"/>
      <c r="AN3325" s="137"/>
      <c r="AO3325" s="137"/>
      <c r="AP3325" s="137"/>
      <c r="AQ3325" s="137"/>
      <c r="AR3325" s="137"/>
      <c r="AS3325" s="137"/>
      <c r="AT3325" s="137"/>
      <c r="AU3325" s="137"/>
      <c r="AV3325" s="137"/>
      <c r="AW3325" s="144"/>
    </row>
    <row r="3326" spans="7:49" x14ac:dyDescent="0.2">
      <c r="G3326" s="43"/>
      <c r="Z3326" s="143"/>
      <c r="AA3326" s="137"/>
      <c r="AB3326" s="137"/>
      <c r="AC3326" s="137"/>
      <c r="AD3326" s="137"/>
      <c r="AE3326" s="137"/>
      <c r="AF3326" s="137"/>
      <c r="AG3326" s="137"/>
      <c r="AH3326" s="137"/>
      <c r="AI3326" s="137"/>
      <c r="AJ3326" s="137"/>
      <c r="AK3326" s="137"/>
      <c r="AL3326" s="137"/>
      <c r="AM3326" s="137"/>
      <c r="AN3326" s="137"/>
      <c r="AO3326" s="137"/>
      <c r="AP3326" s="137"/>
      <c r="AQ3326" s="137"/>
      <c r="AR3326" s="137"/>
      <c r="AS3326" s="137"/>
      <c r="AT3326" s="137"/>
      <c r="AU3326" s="137"/>
      <c r="AV3326" s="137"/>
      <c r="AW3326" s="144"/>
    </row>
    <row r="3327" spans="7:49" x14ac:dyDescent="0.2">
      <c r="G3327" s="43"/>
      <c r="Z3327" s="143"/>
      <c r="AA3327" s="137"/>
      <c r="AB3327" s="137"/>
      <c r="AC3327" s="137"/>
      <c r="AD3327" s="137"/>
      <c r="AE3327" s="137"/>
      <c r="AF3327" s="137"/>
      <c r="AG3327" s="137"/>
      <c r="AH3327" s="137"/>
      <c r="AI3327" s="137"/>
      <c r="AJ3327" s="137"/>
      <c r="AK3327" s="137"/>
      <c r="AL3327" s="137"/>
      <c r="AM3327" s="137"/>
      <c r="AN3327" s="137"/>
      <c r="AO3327" s="137"/>
      <c r="AP3327" s="137"/>
      <c r="AQ3327" s="137"/>
      <c r="AR3327" s="137"/>
      <c r="AS3327" s="137"/>
      <c r="AT3327" s="137"/>
      <c r="AU3327" s="137"/>
      <c r="AV3327" s="137"/>
      <c r="AW3327" s="144"/>
    </row>
    <row r="3328" spans="7:49" x14ac:dyDescent="0.2">
      <c r="G3328" s="43"/>
      <c r="Z3328" s="143"/>
      <c r="AA3328" s="137"/>
      <c r="AB3328" s="137"/>
      <c r="AC3328" s="137"/>
      <c r="AD3328" s="137"/>
      <c r="AE3328" s="137"/>
      <c r="AF3328" s="137"/>
      <c r="AG3328" s="137"/>
      <c r="AH3328" s="137"/>
      <c r="AI3328" s="137"/>
      <c r="AJ3328" s="137"/>
      <c r="AK3328" s="137"/>
      <c r="AL3328" s="137"/>
      <c r="AM3328" s="137"/>
      <c r="AN3328" s="137"/>
      <c r="AO3328" s="137"/>
      <c r="AP3328" s="137"/>
      <c r="AQ3328" s="137"/>
      <c r="AR3328" s="137"/>
      <c r="AS3328" s="137"/>
      <c r="AT3328" s="137"/>
      <c r="AU3328" s="137"/>
      <c r="AV3328" s="137"/>
      <c r="AW3328" s="144"/>
    </row>
    <row r="3329" spans="7:49" x14ac:dyDescent="0.2">
      <c r="G3329" s="43"/>
      <c r="Z3329" s="143"/>
      <c r="AA3329" s="137"/>
      <c r="AB3329" s="137"/>
      <c r="AC3329" s="137"/>
      <c r="AD3329" s="137"/>
      <c r="AE3329" s="137"/>
      <c r="AF3329" s="137"/>
      <c r="AG3329" s="137"/>
      <c r="AH3329" s="137"/>
      <c r="AI3329" s="137"/>
      <c r="AJ3329" s="137"/>
      <c r="AK3329" s="137"/>
      <c r="AL3329" s="137"/>
      <c r="AM3329" s="137"/>
      <c r="AN3329" s="137"/>
      <c r="AO3329" s="137"/>
      <c r="AP3329" s="137"/>
      <c r="AQ3329" s="137"/>
      <c r="AR3329" s="137"/>
      <c r="AS3329" s="137"/>
      <c r="AT3329" s="137"/>
      <c r="AU3329" s="137"/>
      <c r="AV3329" s="137"/>
      <c r="AW3329" s="144"/>
    </row>
    <row r="3330" spans="7:49" x14ac:dyDescent="0.2">
      <c r="G3330" s="43"/>
      <c r="Z3330" s="143"/>
      <c r="AA3330" s="137"/>
      <c r="AB3330" s="137"/>
      <c r="AC3330" s="137"/>
      <c r="AD3330" s="137"/>
      <c r="AE3330" s="137"/>
      <c r="AF3330" s="137"/>
      <c r="AG3330" s="137"/>
      <c r="AH3330" s="137"/>
      <c r="AI3330" s="137"/>
      <c r="AJ3330" s="137"/>
      <c r="AK3330" s="137"/>
      <c r="AL3330" s="137"/>
      <c r="AM3330" s="137"/>
      <c r="AN3330" s="137"/>
      <c r="AO3330" s="137"/>
      <c r="AP3330" s="137"/>
      <c r="AQ3330" s="137"/>
      <c r="AR3330" s="137"/>
      <c r="AS3330" s="137"/>
      <c r="AT3330" s="137"/>
      <c r="AU3330" s="137"/>
      <c r="AV3330" s="137"/>
      <c r="AW3330" s="144"/>
    </row>
    <row r="3331" spans="7:49" x14ac:dyDescent="0.2">
      <c r="G3331" s="43"/>
      <c r="Z3331" s="143"/>
      <c r="AA3331" s="137"/>
      <c r="AB3331" s="137"/>
      <c r="AC3331" s="137"/>
      <c r="AD3331" s="137"/>
      <c r="AE3331" s="137"/>
      <c r="AF3331" s="137"/>
      <c r="AG3331" s="137"/>
      <c r="AH3331" s="137"/>
      <c r="AI3331" s="137"/>
      <c r="AJ3331" s="137"/>
      <c r="AK3331" s="137"/>
      <c r="AL3331" s="137"/>
      <c r="AM3331" s="137"/>
      <c r="AN3331" s="137"/>
      <c r="AO3331" s="137"/>
      <c r="AP3331" s="137"/>
      <c r="AQ3331" s="137"/>
      <c r="AR3331" s="137"/>
      <c r="AS3331" s="137"/>
      <c r="AT3331" s="137"/>
      <c r="AU3331" s="137"/>
      <c r="AV3331" s="137"/>
      <c r="AW3331" s="144"/>
    </row>
    <row r="3332" spans="7:49" x14ac:dyDescent="0.2">
      <c r="G3332" s="43"/>
      <c r="Z3332" s="143"/>
      <c r="AA3332" s="137"/>
      <c r="AB3332" s="137"/>
      <c r="AC3332" s="137"/>
      <c r="AD3332" s="137"/>
      <c r="AE3332" s="137"/>
      <c r="AF3332" s="137"/>
      <c r="AG3332" s="137"/>
      <c r="AH3332" s="137"/>
      <c r="AI3332" s="137"/>
      <c r="AJ3332" s="137"/>
      <c r="AK3332" s="137"/>
      <c r="AL3332" s="137"/>
      <c r="AM3332" s="137"/>
      <c r="AN3332" s="137"/>
      <c r="AO3332" s="137"/>
      <c r="AP3332" s="137"/>
      <c r="AQ3332" s="137"/>
      <c r="AR3332" s="137"/>
      <c r="AS3332" s="137"/>
      <c r="AT3332" s="137"/>
      <c r="AU3332" s="137"/>
      <c r="AV3332" s="137"/>
      <c r="AW3332" s="144"/>
    </row>
    <row r="3333" spans="7:49" x14ac:dyDescent="0.2">
      <c r="G3333" s="43"/>
      <c r="Z3333" s="143"/>
      <c r="AA3333" s="137"/>
      <c r="AB3333" s="137"/>
      <c r="AC3333" s="137"/>
      <c r="AD3333" s="137"/>
      <c r="AE3333" s="137"/>
      <c r="AF3333" s="137"/>
      <c r="AG3333" s="137"/>
      <c r="AH3333" s="137"/>
      <c r="AI3333" s="137"/>
      <c r="AJ3333" s="137"/>
      <c r="AK3333" s="137"/>
      <c r="AL3333" s="137"/>
      <c r="AM3333" s="137"/>
      <c r="AN3333" s="137"/>
      <c r="AO3333" s="137"/>
      <c r="AP3333" s="137"/>
      <c r="AQ3333" s="137"/>
      <c r="AR3333" s="137"/>
      <c r="AS3333" s="137"/>
      <c r="AT3333" s="137"/>
      <c r="AU3333" s="137"/>
      <c r="AV3333" s="137"/>
      <c r="AW3333" s="144"/>
    </row>
    <row r="3334" spans="7:49" x14ac:dyDescent="0.2">
      <c r="G3334" s="43"/>
      <c r="Z3334" s="143"/>
      <c r="AA3334" s="137"/>
      <c r="AB3334" s="137"/>
      <c r="AC3334" s="137"/>
      <c r="AD3334" s="137"/>
      <c r="AE3334" s="137"/>
      <c r="AF3334" s="137"/>
      <c r="AG3334" s="137"/>
      <c r="AH3334" s="137"/>
      <c r="AI3334" s="137"/>
      <c r="AJ3334" s="137"/>
      <c r="AK3334" s="137"/>
      <c r="AL3334" s="137"/>
      <c r="AM3334" s="137"/>
      <c r="AN3334" s="137"/>
      <c r="AO3334" s="137"/>
      <c r="AP3334" s="137"/>
      <c r="AQ3334" s="137"/>
      <c r="AR3334" s="137"/>
      <c r="AS3334" s="137"/>
      <c r="AT3334" s="137"/>
      <c r="AU3334" s="137"/>
      <c r="AV3334" s="137"/>
      <c r="AW3334" s="144"/>
    </row>
    <row r="3335" spans="7:49" x14ac:dyDescent="0.2">
      <c r="G3335" s="43"/>
      <c r="Z3335" s="143"/>
      <c r="AA3335" s="137"/>
      <c r="AB3335" s="137"/>
      <c r="AC3335" s="137"/>
      <c r="AD3335" s="137"/>
      <c r="AE3335" s="137"/>
      <c r="AF3335" s="137"/>
      <c r="AG3335" s="137"/>
      <c r="AH3335" s="137"/>
      <c r="AI3335" s="137"/>
      <c r="AJ3335" s="137"/>
      <c r="AK3335" s="137"/>
      <c r="AL3335" s="137"/>
      <c r="AM3335" s="137"/>
      <c r="AN3335" s="137"/>
      <c r="AO3335" s="137"/>
      <c r="AP3335" s="137"/>
      <c r="AQ3335" s="137"/>
      <c r="AR3335" s="137"/>
      <c r="AS3335" s="137"/>
      <c r="AT3335" s="137"/>
      <c r="AU3335" s="137"/>
      <c r="AV3335" s="137"/>
      <c r="AW3335" s="144"/>
    </row>
    <row r="3336" spans="7:49" x14ac:dyDescent="0.2">
      <c r="G3336" s="43"/>
      <c r="Z3336" s="143"/>
      <c r="AA3336" s="137"/>
      <c r="AB3336" s="137"/>
      <c r="AC3336" s="137"/>
      <c r="AD3336" s="137"/>
      <c r="AE3336" s="137"/>
      <c r="AF3336" s="137"/>
      <c r="AG3336" s="137"/>
      <c r="AH3336" s="137"/>
      <c r="AI3336" s="137"/>
      <c r="AJ3336" s="137"/>
      <c r="AK3336" s="137"/>
      <c r="AL3336" s="137"/>
      <c r="AM3336" s="137"/>
      <c r="AN3336" s="137"/>
      <c r="AO3336" s="137"/>
      <c r="AP3336" s="137"/>
      <c r="AQ3336" s="137"/>
      <c r="AR3336" s="137"/>
      <c r="AS3336" s="137"/>
      <c r="AT3336" s="137"/>
      <c r="AU3336" s="137"/>
      <c r="AV3336" s="137"/>
      <c r="AW3336" s="144"/>
    </row>
    <row r="3337" spans="7:49" x14ac:dyDescent="0.2">
      <c r="G3337" s="43"/>
      <c r="Z3337" s="143"/>
      <c r="AA3337" s="137"/>
      <c r="AB3337" s="137"/>
      <c r="AC3337" s="137"/>
      <c r="AD3337" s="137"/>
      <c r="AE3337" s="137"/>
      <c r="AF3337" s="137"/>
      <c r="AG3337" s="137"/>
      <c r="AH3337" s="137"/>
      <c r="AI3337" s="137"/>
      <c r="AJ3337" s="137"/>
      <c r="AK3337" s="137"/>
      <c r="AL3337" s="137"/>
      <c r="AM3337" s="137"/>
      <c r="AN3337" s="137"/>
      <c r="AO3337" s="137"/>
      <c r="AP3337" s="137"/>
      <c r="AQ3337" s="137"/>
      <c r="AR3337" s="137"/>
      <c r="AS3337" s="137"/>
      <c r="AT3337" s="137"/>
      <c r="AU3337" s="137"/>
      <c r="AV3337" s="137"/>
      <c r="AW3337" s="144"/>
    </row>
    <row r="3338" spans="7:49" x14ac:dyDescent="0.2">
      <c r="G3338" s="43"/>
      <c r="Z3338" s="143"/>
      <c r="AA3338" s="137"/>
      <c r="AB3338" s="137"/>
      <c r="AC3338" s="137"/>
      <c r="AD3338" s="137"/>
      <c r="AE3338" s="137"/>
      <c r="AF3338" s="137"/>
      <c r="AG3338" s="137"/>
      <c r="AH3338" s="137"/>
      <c r="AI3338" s="137"/>
      <c r="AJ3338" s="137"/>
      <c r="AK3338" s="137"/>
      <c r="AL3338" s="137"/>
      <c r="AM3338" s="137"/>
      <c r="AN3338" s="137"/>
      <c r="AO3338" s="137"/>
      <c r="AP3338" s="137"/>
      <c r="AQ3338" s="137"/>
      <c r="AR3338" s="137"/>
      <c r="AS3338" s="137"/>
      <c r="AT3338" s="137"/>
      <c r="AU3338" s="137"/>
      <c r="AV3338" s="137"/>
      <c r="AW3338" s="144"/>
    </row>
    <row r="3339" spans="7:49" x14ac:dyDescent="0.2">
      <c r="G3339" s="43"/>
      <c r="Z3339" s="143"/>
      <c r="AA3339" s="137"/>
      <c r="AB3339" s="137"/>
      <c r="AC3339" s="137"/>
      <c r="AD3339" s="137"/>
      <c r="AE3339" s="137"/>
      <c r="AF3339" s="137"/>
      <c r="AG3339" s="137"/>
      <c r="AH3339" s="137"/>
      <c r="AI3339" s="137"/>
      <c r="AJ3339" s="137"/>
      <c r="AK3339" s="137"/>
      <c r="AL3339" s="137"/>
      <c r="AM3339" s="137"/>
      <c r="AN3339" s="137"/>
      <c r="AO3339" s="137"/>
      <c r="AP3339" s="137"/>
      <c r="AQ3339" s="137"/>
      <c r="AR3339" s="137"/>
      <c r="AS3339" s="137"/>
      <c r="AT3339" s="137"/>
      <c r="AU3339" s="137"/>
      <c r="AV3339" s="137"/>
      <c r="AW3339" s="144"/>
    </row>
    <row r="3340" spans="7:49" x14ac:dyDescent="0.2">
      <c r="G3340" s="43"/>
      <c r="Z3340" s="143"/>
      <c r="AA3340" s="137"/>
      <c r="AB3340" s="137"/>
      <c r="AC3340" s="137"/>
      <c r="AD3340" s="137"/>
      <c r="AE3340" s="137"/>
      <c r="AF3340" s="137"/>
      <c r="AG3340" s="137"/>
      <c r="AH3340" s="137"/>
      <c r="AI3340" s="137"/>
      <c r="AJ3340" s="137"/>
      <c r="AK3340" s="137"/>
      <c r="AL3340" s="137"/>
      <c r="AM3340" s="137"/>
      <c r="AN3340" s="137"/>
      <c r="AO3340" s="137"/>
      <c r="AP3340" s="137"/>
      <c r="AQ3340" s="137"/>
      <c r="AR3340" s="137"/>
      <c r="AS3340" s="137"/>
      <c r="AT3340" s="137"/>
      <c r="AU3340" s="137"/>
      <c r="AV3340" s="137"/>
      <c r="AW3340" s="144"/>
    </row>
    <row r="3341" spans="7:49" x14ac:dyDescent="0.2">
      <c r="G3341" s="43"/>
      <c r="Z3341" s="143"/>
      <c r="AA3341" s="137"/>
      <c r="AB3341" s="137"/>
      <c r="AC3341" s="137"/>
      <c r="AD3341" s="137"/>
      <c r="AE3341" s="137"/>
      <c r="AF3341" s="137"/>
      <c r="AG3341" s="137"/>
      <c r="AH3341" s="137"/>
      <c r="AI3341" s="137"/>
      <c r="AJ3341" s="137"/>
      <c r="AK3341" s="137"/>
      <c r="AL3341" s="137"/>
      <c r="AM3341" s="137"/>
      <c r="AN3341" s="137"/>
      <c r="AO3341" s="137"/>
      <c r="AP3341" s="137"/>
      <c r="AQ3341" s="137"/>
      <c r="AR3341" s="137"/>
      <c r="AS3341" s="137"/>
      <c r="AT3341" s="137"/>
      <c r="AU3341" s="137"/>
      <c r="AV3341" s="137"/>
      <c r="AW3341" s="144"/>
    </row>
    <row r="3342" spans="7:49" x14ac:dyDescent="0.2">
      <c r="G3342" s="43"/>
      <c r="Z3342" s="143"/>
      <c r="AA3342" s="137"/>
      <c r="AB3342" s="137"/>
      <c r="AC3342" s="137"/>
      <c r="AD3342" s="137"/>
      <c r="AE3342" s="137"/>
      <c r="AF3342" s="137"/>
      <c r="AG3342" s="137"/>
      <c r="AH3342" s="137"/>
      <c r="AI3342" s="137"/>
      <c r="AJ3342" s="137"/>
      <c r="AK3342" s="137"/>
      <c r="AL3342" s="137"/>
      <c r="AM3342" s="137"/>
      <c r="AN3342" s="137"/>
      <c r="AO3342" s="137"/>
      <c r="AP3342" s="137"/>
      <c r="AQ3342" s="137"/>
      <c r="AR3342" s="137"/>
      <c r="AS3342" s="137"/>
      <c r="AT3342" s="137"/>
      <c r="AU3342" s="137"/>
      <c r="AV3342" s="137"/>
      <c r="AW3342" s="144"/>
    </row>
    <row r="3343" spans="7:49" x14ac:dyDescent="0.2">
      <c r="G3343" s="43"/>
      <c r="Z3343" s="143"/>
      <c r="AA3343" s="137"/>
      <c r="AB3343" s="137"/>
      <c r="AC3343" s="137"/>
      <c r="AD3343" s="137"/>
      <c r="AE3343" s="137"/>
      <c r="AF3343" s="137"/>
      <c r="AG3343" s="137"/>
      <c r="AH3343" s="137"/>
      <c r="AI3343" s="137"/>
      <c r="AJ3343" s="137"/>
      <c r="AK3343" s="137"/>
      <c r="AL3343" s="137"/>
      <c r="AM3343" s="137"/>
      <c r="AN3343" s="137"/>
      <c r="AO3343" s="137"/>
      <c r="AP3343" s="137"/>
      <c r="AQ3343" s="137"/>
      <c r="AR3343" s="137"/>
      <c r="AS3343" s="137"/>
      <c r="AT3343" s="137"/>
      <c r="AU3343" s="137"/>
      <c r="AV3343" s="137"/>
      <c r="AW3343" s="144"/>
    </row>
    <row r="3344" spans="7:49" x14ac:dyDescent="0.2">
      <c r="G3344" s="43"/>
      <c r="Z3344" s="143"/>
      <c r="AA3344" s="137"/>
      <c r="AB3344" s="137"/>
      <c r="AC3344" s="137"/>
      <c r="AD3344" s="137"/>
      <c r="AE3344" s="137"/>
      <c r="AF3344" s="137"/>
      <c r="AG3344" s="137"/>
      <c r="AH3344" s="137"/>
      <c r="AI3344" s="137"/>
      <c r="AJ3344" s="137"/>
      <c r="AK3344" s="137"/>
      <c r="AL3344" s="137"/>
      <c r="AM3344" s="137"/>
      <c r="AN3344" s="137"/>
      <c r="AO3344" s="137"/>
      <c r="AP3344" s="137"/>
      <c r="AQ3344" s="137"/>
      <c r="AR3344" s="137"/>
      <c r="AS3344" s="137"/>
      <c r="AT3344" s="137"/>
      <c r="AU3344" s="137"/>
      <c r="AV3344" s="137"/>
      <c r="AW3344" s="144"/>
    </row>
    <row r="3345" spans="7:49" x14ac:dyDescent="0.2">
      <c r="G3345" s="43"/>
      <c r="Z3345" s="143"/>
      <c r="AA3345" s="137"/>
      <c r="AB3345" s="137"/>
      <c r="AC3345" s="137"/>
      <c r="AD3345" s="137"/>
      <c r="AE3345" s="137"/>
      <c r="AF3345" s="137"/>
      <c r="AG3345" s="137"/>
      <c r="AH3345" s="137"/>
      <c r="AI3345" s="137"/>
      <c r="AJ3345" s="137"/>
      <c r="AK3345" s="137"/>
      <c r="AL3345" s="137"/>
      <c r="AM3345" s="137"/>
      <c r="AN3345" s="137"/>
      <c r="AO3345" s="137"/>
      <c r="AP3345" s="137"/>
      <c r="AQ3345" s="137"/>
      <c r="AR3345" s="137"/>
      <c r="AS3345" s="137"/>
      <c r="AT3345" s="137"/>
      <c r="AU3345" s="137"/>
      <c r="AV3345" s="137"/>
      <c r="AW3345" s="144"/>
    </row>
    <row r="3346" spans="7:49" x14ac:dyDescent="0.2">
      <c r="G3346" s="43"/>
      <c r="Z3346" s="143"/>
      <c r="AA3346" s="137"/>
      <c r="AB3346" s="137"/>
      <c r="AC3346" s="137"/>
      <c r="AD3346" s="137"/>
      <c r="AE3346" s="137"/>
      <c r="AF3346" s="137"/>
      <c r="AG3346" s="137"/>
      <c r="AH3346" s="137"/>
      <c r="AI3346" s="137"/>
      <c r="AJ3346" s="137"/>
      <c r="AK3346" s="137"/>
      <c r="AL3346" s="137"/>
      <c r="AM3346" s="137"/>
      <c r="AN3346" s="137"/>
      <c r="AO3346" s="137"/>
      <c r="AP3346" s="137"/>
      <c r="AQ3346" s="137"/>
      <c r="AR3346" s="137"/>
      <c r="AS3346" s="137"/>
      <c r="AT3346" s="137"/>
      <c r="AU3346" s="137"/>
      <c r="AV3346" s="137"/>
      <c r="AW3346" s="144"/>
    </row>
    <row r="3347" spans="7:49" x14ac:dyDescent="0.2">
      <c r="G3347" s="43"/>
      <c r="Z3347" s="143"/>
      <c r="AA3347" s="137"/>
      <c r="AB3347" s="137"/>
      <c r="AC3347" s="137"/>
      <c r="AD3347" s="137"/>
      <c r="AE3347" s="137"/>
      <c r="AF3347" s="137"/>
      <c r="AG3347" s="137"/>
      <c r="AH3347" s="137"/>
      <c r="AI3347" s="137"/>
      <c r="AJ3347" s="137"/>
      <c r="AK3347" s="137"/>
      <c r="AL3347" s="137"/>
      <c r="AM3347" s="137"/>
      <c r="AN3347" s="137"/>
      <c r="AO3347" s="137"/>
      <c r="AP3347" s="137"/>
      <c r="AQ3347" s="137"/>
      <c r="AR3347" s="137"/>
      <c r="AS3347" s="137"/>
      <c r="AT3347" s="137"/>
      <c r="AU3347" s="137"/>
      <c r="AV3347" s="137"/>
      <c r="AW3347" s="144"/>
    </row>
    <row r="3348" spans="7:49" x14ac:dyDescent="0.2">
      <c r="G3348" s="43"/>
      <c r="Z3348" s="143"/>
      <c r="AA3348" s="137"/>
      <c r="AB3348" s="137"/>
      <c r="AC3348" s="137"/>
      <c r="AD3348" s="137"/>
      <c r="AE3348" s="137"/>
      <c r="AF3348" s="137"/>
      <c r="AG3348" s="137"/>
      <c r="AH3348" s="137"/>
      <c r="AI3348" s="137"/>
      <c r="AJ3348" s="137"/>
      <c r="AK3348" s="137"/>
      <c r="AL3348" s="137"/>
      <c r="AM3348" s="137"/>
      <c r="AN3348" s="137"/>
      <c r="AO3348" s="137"/>
      <c r="AP3348" s="137"/>
      <c r="AQ3348" s="137"/>
      <c r="AR3348" s="137"/>
      <c r="AS3348" s="137"/>
      <c r="AT3348" s="137"/>
      <c r="AU3348" s="137"/>
      <c r="AV3348" s="137"/>
      <c r="AW3348" s="144"/>
    </row>
    <row r="3349" spans="7:49" x14ac:dyDescent="0.2">
      <c r="G3349" s="43"/>
      <c r="Z3349" s="143"/>
      <c r="AA3349" s="137"/>
      <c r="AB3349" s="137"/>
      <c r="AC3349" s="137"/>
      <c r="AD3349" s="137"/>
      <c r="AE3349" s="137"/>
      <c r="AF3349" s="137"/>
      <c r="AG3349" s="137"/>
      <c r="AH3349" s="137"/>
      <c r="AI3349" s="137"/>
      <c r="AJ3349" s="137"/>
      <c r="AK3349" s="137"/>
      <c r="AL3349" s="137"/>
      <c r="AM3349" s="137"/>
      <c r="AN3349" s="137"/>
      <c r="AO3349" s="137"/>
      <c r="AP3349" s="137"/>
      <c r="AQ3349" s="137"/>
      <c r="AR3349" s="137"/>
      <c r="AS3349" s="137"/>
      <c r="AT3349" s="137"/>
      <c r="AU3349" s="137"/>
      <c r="AV3349" s="137"/>
      <c r="AW3349" s="144"/>
    </row>
    <row r="3350" spans="7:49" x14ac:dyDescent="0.2">
      <c r="G3350" s="43"/>
      <c r="Z3350" s="143"/>
      <c r="AA3350" s="137"/>
      <c r="AB3350" s="137"/>
      <c r="AC3350" s="137"/>
      <c r="AD3350" s="137"/>
      <c r="AE3350" s="137"/>
      <c r="AF3350" s="137"/>
      <c r="AG3350" s="137"/>
      <c r="AH3350" s="137"/>
      <c r="AI3350" s="137"/>
      <c r="AJ3350" s="137"/>
      <c r="AK3350" s="137"/>
      <c r="AL3350" s="137"/>
      <c r="AM3350" s="137"/>
      <c r="AN3350" s="137"/>
      <c r="AO3350" s="137"/>
      <c r="AP3350" s="137"/>
      <c r="AQ3350" s="137"/>
      <c r="AR3350" s="137"/>
      <c r="AS3350" s="137"/>
      <c r="AT3350" s="137"/>
      <c r="AU3350" s="137"/>
      <c r="AV3350" s="137"/>
      <c r="AW3350" s="144"/>
    </row>
    <row r="3351" spans="7:49" x14ac:dyDescent="0.2">
      <c r="G3351" s="43"/>
      <c r="Z3351" s="143"/>
      <c r="AA3351" s="137"/>
      <c r="AB3351" s="137"/>
      <c r="AC3351" s="137"/>
      <c r="AD3351" s="137"/>
      <c r="AE3351" s="137"/>
      <c r="AF3351" s="137"/>
      <c r="AG3351" s="137"/>
      <c r="AH3351" s="137"/>
      <c r="AI3351" s="137"/>
      <c r="AJ3351" s="137"/>
      <c r="AK3351" s="137"/>
      <c r="AL3351" s="137"/>
      <c r="AM3351" s="137"/>
      <c r="AN3351" s="137"/>
      <c r="AO3351" s="137"/>
      <c r="AP3351" s="137"/>
      <c r="AQ3351" s="137"/>
      <c r="AR3351" s="137"/>
      <c r="AS3351" s="137"/>
      <c r="AT3351" s="137"/>
      <c r="AU3351" s="137"/>
      <c r="AV3351" s="137"/>
      <c r="AW3351" s="144"/>
    </row>
    <row r="3352" spans="7:49" x14ac:dyDescent="0.2">
      <c r="G3352" s="43"/>
      <c r="Z3352" s="143"/>
      <c r="AA3352" s="137"/>
      <c r="AB3352" s="137"/>
      <c r="AC3352" s="137"/>
      <c r="AD3352" s="137"/>
      <c r="AE3352" s="137"/>
      <c r="AF3352" s="137"/>
      <c r="AG3352" s="137"/>
      <c r="AH3352" s="137"/>
      <c r="AI3352" s="137"/>
      <c r="AJ3352" s="137"/>
      <c r="AK3352" s="137"/>
      <c r="AL3352" s="137"/>
      <c r="AM3352" s="137"/>
      <c r="AN3352" s="137"/>
      <c r="AO3352" s="137"/>
      <c r="AP3352" s="137"/>
      <c r="AQ3352" s="137"/>
      <c r="AR3352" s="137"/>
      <c r="AS3352" s="137"/>
      <c r="AT3352" s="137"/>
      <c r="AU3352" s="137"/>
      <c r="AV3352" s="137"/>
      <c r="AW3352" s="144"/>
    </row>
    <row r="3353" spans="7:49" x14ac:dyDescent="0.2">
      <c r="G3353" s="43"/>
      <c r="Z3353" s="143"/>
      <c r="AA3353" s="137"/>
      <c r="AB3353" s="137"/>
      <c r="AC3353" s="137"/>
      <c r="AD3353" s="137"/>
      <c r="AE3353" s="137"/>
      <c r="AF3353" s="137"/>
      <c r="AG3353" s="137"/>
      <c r="AH3353" s="137"/>
      <c r="AI3353" s="137"/>
      <c r="AJ3353" s="137"/>
      <c r="AK3353" s="137"/>
      <c r="AL3353" s="137"/>
      <c r="AM3353" s="137"/>
      <c r="AN3353" s="137"/>
      <c r="AO3353" s="137"/>
      <c r="AP3353" s="137"/>
      <c r="AQ3353" s="137"/>
      <c r="AR3353" s="137"/>
      <c r="AS3353" s="137"/>
      <c r="AT3353" s="137"/>
      <c r="AU3353" s="137"/>
      <c r="AV3353" s="137"/>
      <c r="AW3353" s="144"/>
    </row>
    <row r="3354" spans="7:49" x14ac:dyDescent="0.2">
      <c r="G3354" s="43"/>
      <c r="Z3354" s="143"/>
      <c r="AA3354" s="137"/>
      <c r="AB3354" s="137"/>
      <c r="AC3354" s="137"/>
      <c r="AD3354" s="137"/>
      <c r="AE3354" s="137"/>
      <c r="AF3354" s="137"/>
      <c r="AG3354" s="137"/>
      <c r="AH3354" s="137"/>
      <c r="AI3354" s="137"/>
      <c r="AJ3354" s="137"/>
      <c r="AK3354" s="137"/>
      <c r="AL3354" s="137"/>
      <c r="AM3354" s="137"/>
      <c r="AN3354" s="137"/>
      <c r="AO3354" s="137"/>
      <c r="AP3354" s="137"/>
      <c r="AQ3354" s="137"/>
      <c r="AR3354" s="137"/>
      <c r="AS3354" s="137"/>
      <c r="AT3354" s="137"/>
      <c r="AU3354" s="137"/>
      <c r="AV3354" s="137"/>
      <c r="AW3354" s="144"/>
    </row>
    <row r="3355" spans="7:49" x14ac:dyDescent="0.2">
      <c r="G3355" s="43"/>
      <c r="Z3355" s="143"/>
      <c r="AA3355" s="137"/>
      <c r="AB3355" s="137"/>
      <c r="AC3355" s="137"/>
      <c r="AD3355" s="137"/>
      <c r="AE3355" s="137"/>
      <c r="AF3355" s="137"/>
      <c r="AG3355" s="137"/>
      <c r="AH3355" s="137"/>
      <c r="AI3355" s="137"/>
      <c r="AJ3355" s="137"/>
      <c r="AK3355" s="137"/>
      <c r="AL3355" s="137"/>
      <c r="AM3355" s="137"/>
      <c r="AN3355" s="137"/>
      <c r="AO3355" s="137"/>
      <c r="AP3355" s="137"/>
      <c r="AQ3355" s="137"/>
      <c r="AR3355" s="137"/>
      <c r="AS3355" s="137"/>
      <c r="AT3355" s="137"/>
      <c r="AU3355" s="137"/>
      <c r="AV3355" s="137"/>
      <c r="AW3355" s="144"/>
    </row>
    <row r="3356" spans="7:49" x14ac:dyDescent="0.2">
      <c r="G3356" s="43"/>
      <c r="Z3356" s="143"/>
      <c r="AA3356" s="137"/>
      <c r="AB3356" s="137"/>
      <c r="AC3356" s="137"/>
      <c r="AD3356" s="137"/>
      <c r="AE3356" s="137"/>
      <c r="AF3356" s="137"/>
      <c r="AG3356" s="137"/>
      <c r="AH3356" s="137"/>
      <c r="AI3356" s="137"/>
      <c r="AJ3356" s="137"/>
      <c r="AK3356" s="137"/>
      <c r="AL3356" s="137"/>
      <c r="AM3356" s="137"/>
      <c r="AN3356" s="137"/>
      <c r="AO3356" s="137"/>
      <c r="AP3356" s="137"/>
      <c r="AQ3356" s="137"/>
      <c r="AR3356" s="137"/>
      <c r="AS3356" s="137"/>
      <c r="AT3356" s="137"/>
      <c r="AU3356" s="137"/>
      <c r="AV3356" s="137"/>
      <c r="AW3356" s="144"/>
    </row>
    <row r="3357" spans="7:49" x14ac:dyDescent="0.2">
      <c r="G3357" s="43"/>
      <c r="Z3357" s="143"/>
      <c r="AA3357" s="137"/>
      <c r="AB3357" s="137"/>
      <c r="AC3357" s="137"/>
      <c r="AD3357" s="137"/>
      <c r="AE3357" s="137"/>
      <c r="AF3357" s="137"/>
      <c r="AG3357" s="137"/>
      <c r="AH3357" s="137"/>
      <c r="AI3357" s="137"/>
      <c r="AJ3357" s="137"/>
      <c r="AK3357" s="137"/>
      <c r="AL3357" s="137"/>
      <c r="AM3357" s="137"/>
      <c r="AN3357" s="137"/>
      <c r="AO3357" s="137"/>
      <c r="AP3357" s="137"/>
      <c r="AQ3357" s="137"/>
      <c r="AR3357" s="137"/>
      <c r="AS3357" s="137"/>
      <c r="AT3357" s="137"/>
      <c r="AU3357" s="137"/>
      <c r="AV3357" s="137"/>
      <c r="AW3357" s="144"/>
    </row>
    <row r="3358" spans="7:49" x14ac:dyDescent="0.2">
      <c r="G3358" s="43"/>
      <c r="Z3358" s="143"/>
      <c r="AA3358" s="137"/>
      <c r="AB3358" s="137"/>
      <c r="AC3358" s="137"/>
      <c r="AD3358" s="137"/>
      <c r="AE3358" s="137"/>
      <c r="AF3358" s="137"/>
      <c r="AG3358" s="137"/>
      <c r="AH3358" s="137"/>
      <c r="AI3358" s="137"/>
      <c r="AJ3358" s="137"/>
      <c r="AK3358" s="137"/>
      <c r="AL3358" s="137"/>
      <c r="AM3358" s="137"/>
      <c r="AN3358" s="137"/>
      <c r="AO3358" s="137"/>
      <c r="AP3358" s="137"/>
      <c r="AQ3358" s="137"/>
      <c r="AR3358" s="137"/>
      <c r="AS3358" s="137"/>
      <c r="AT3358" s="137"/>
      <c r="AU3358" s="137"/>
      <c r="AV3358" s="137"/>
      <c r="AW3358" s="144"/>
    </row>
    <row r="3359" spans="7:49" x14ac:dyDescent="0.2">
      <c r="G3359" s="43"/>
      <c r="Z3359" s="143"/>
      <c r="AA3359" s="137"/>
      <c r="AB3359" s="137"/>
      <c r="AC3359" s="137"/>
      <c r="AD3359" s="137"/>
      <c r="AE3359" s="137"/>
      <c r="AF3359" s="137"/>
      <c r="AG3359" s="137"/>
      <c r="AH3359" s="137"/>
      <c r="AI3359" s="137"/>
      <c r="AJ3359" s="137"/>
      <c r="AK3359" s="137"/>
      <c r="AL3359" s="137"/>
      <c r="AM3359" s="137"/>
      <c r="AN3359" s="137"/>
      <c r="AO3359" s="137"/>
      <c r="AP3359" s="137"/>
      <c r="AQ3359" s="137"/>
      <c r="AR3359" s="137"/>
      <c r="AS3359" s="137"/>
      <c r="AT3359" s="137"/>
      <c r="AU3359" s="137"/>
      <c r="AV3359" s="137"/>
      <c r="AW3359" s="144"/>
    </row>
    <row r="3360" spans="7:49" x14ac:dyDescent="0.2">
      <c r="G3360" s="43"/>
      <c r="Z3360" s="143"/>
      <c r="AA3360" s="137"/>
      <c r="AB3360" s="137"/>
      <c r="AC3360" s="137"/>
      <c r="AD3360" s="137"/>
      <c r="AE3360" s="137"/>
      <c r="AF3360" s="137"/>
      <c r="AG3360" s="137"/>
      <c r="AH3360" s="137"/>
      <c r="AI3360" s="137"/>
      <c r="AJ3360" s="137"/>
      <c r="AK3360" s="137"/>
      <c r="AL3360" s="137"/>
      <c r="AM3360" s="137"/>
      <c r="AN3360" s="137"/>
      <c r="AO3360" s="137"/>
      <c r="AP3360" s="137"/>
      <c r="AQ3360" s="137"/>
      <c r="AR3360" s="137"/>
      <c r="AS3360" s="137"/>
      <c r="AT3360" s="137"/>
      <c r="AU3360" s="137"/>
      <c r="AV3360" s="137"/>
      <c r="AW3360" s="144"/>
    </row>
    <row r="3361" spans="7:49" x14ac:dyDescent="0.2">
      <c r="G3361" s="43"/>
      <c r="Z3361" s="143"/>
      <c r="AA3361" s="137"/>
      <c r="AB3361" s="137"/>
      <c r="AC3361" s="137"/>
      <c r="AD3361" s="137"/>
      <c r="AE3361" s="137"/>
      <c r="AF3361" s="137"/>
      <c r="AG3361" s="137"/>
      <c r="AH3361" s="137"/>
      <c r="AI3361" s="137"/>
      <c r="AJ3361" s="137"/>
      <c r="AK3361" s="137"/>
      <c r="AL3361" s="137"/>
      <c r="AM3361" s="137"/>
      <c r="AN3361" s="137"/>
      <c r="AO3361" s="137"/>
      <c r="AP3361" s="137"/>
      <c r="AQ3361" s="137"/>
      <c r="AR3361" s="137"/>
      <c r="AS3361" s="137"/>
      <c r="AT3361" s="137"/>
      <c r="AU3361" s="137"/>
      <c r="AV3361" s="137"/>
      <c r="AW3361" s="144"/>
    </row>
    <row r="3362" spans="7:49" x14ac:dyDescent="0.2">
      <c r="G3362" s="43"/>
      <c r="Z3362" s="143"/>
      <c r="AA3362" s="137"/>
      <c r="AB3362" s="137"/>
      <c r="AC3362" s="137"/>
      <c r="AD3362" s="137"/>
      <c r="AE3362" s="137"/>
      <c r="AF3362" s="137"/>
      <c r="AG3362" s="137"/>
      <c r="AH3362" s="137"/>
      <c r="AI3362" s="137"/>
      <c r="AJ3362" s="137"/>
      <c r="AK3362" s="137"/>
      <c r="AL3362" s="137"/>
      <c r="AM3362" s="137"/>
      <c r="AN3362" s="137"/>
      <c r="AO3362" s="137"/>
      <c r="AP3362" s="137"/>
      <c r="AQ3362" s="137"/>
      <c r="AR3362" s="137"/>
      <c r="AS3362" s="137"/>
      <c r="AT3362" s="137"/>
      <c r="AU3362" s="137"/>
      <c r="AV3362" s="137"/>
      <c r="AW3362" s="144"/>
    </row>
    <row r="3363" spans="7:49" x14ac:dyDescent="0.2">
      <c r="G3363" s="43"/>
      <c r="Z3363" s="143"/>
      <c r="AA3363" s="137"/>
      <c r="AB3363" s="137"/>
      <c r="AC3363" s="137"/>
      <c r="AD3363" s="137"/>
      <c r="AE3363" s="137"/>
      <c r="AF3363" s="137"/>
      <c r="AG3363" s="137"/>
      <c r="AH3363" s="137"/>
      <c r="AI3363" s="137"/>
      <c r="AJ3363" s="137"/>
      <c r="AK3363" s="137"/>
      <c r="AL3363" s="137"/>
      <c r="AM3363" s="137"/>
      <c r="AN3363" s="137"/>
      <c r="AO3363" s="137"/>
      <c r="AP3363" s="137"/>
      <c r="AQ3363" s="137"/>
      <c r="AR3363" s="137"/>
      <c r="AS3363" s="137"/>
      <c r="AT3363" s="137"/>
      <c r="AU3363" s="137"/>
      <c r="AV3363" s="137"/>
      <c r="AW3363" s="144"/>
    </row>
    <row r="3364" spans="7:49" x14ac:dyDescent="0.2">
      <c r="G3364" s="43"/>
      <c r="Z3364" s="143"/>
      <c r="AA3364" s="137"/>
      <c r="AB3364" s="137"/>
      <c r="AC3364" s="137"/>
      <c r="AD3364" s="137"/>
      <c r="AE3364" s="137"/>
      <c r="AF3364" s="137"/>
      <c r="AG3364" s="137"/>
      <c r="AH3364" s="137"/>
      <c r="AI3364" s="137"/>
      <c r="AJ3364" s="137"/>
      <c r="AK3364" s="137"/>
      <c r="AL3364" s="137"/>
      <c r="AM3364" s="137"/>
      <c r="AN3364" s="137"/>
      <c r="AO3364" s="137"/>
      <c r="AP3364" s="137"/>
      <c r="AQ3364" s="137"/>
      <c r="AR3364" s="137"/>
      <c r="AS3364" s="137"/>
      <c r="AT3364" s="137"/>
      <c r="AU3364" s="137"/>
      <c r="AV3364" s="137"/>
      <c r="AW3364" s="144"/>
    </row>
    <row r="3365" spans="7:49" x14ac:dyDescent="0.2">
      <c r="G3365" s="43"/>
      <c r="Z3365" s="143"/>
      <c r="AA3365" s="137"/>
      <c r="AB3365" s="137"/>
      <c r="AC3365" s="137"/>
      <c r="AD3365" s="137"/>
      <c r="AE3365" s="137"/>
      <c r="AF3365" s="137"/>
      <c r="AG3365" s="137"/>
      <c r="AH3365" s="137"/>
      <c r="AI3365" s="137"/>
      <c r="AJ3365" s="137"/>
      <c r="AK3365" s="137"/>
      <c r="AL3365" s="137"/>
      <c r="AM3365" s="137"/>
      <c r="AN3365" s="137"/>
      <c r="AO3365" s="137"/>
      <c r="AP3365" s="137"/>
      <c r="AQ3365" s="137"/>
      <c r="AR3365" s="137"/>
      <c r="AS3365" s="137"/>
      <c r="AT3365" s="137"/>
      <c r="AU3365" s="137"/>
      <c r="AV3365" s="137"/>
      <c r="AW3365" s="144"/>
    </row>
    <row r="3366" spans="7:49" x14ac:dyDescent="0.2">
      <c r="G3366" s="43"/>
      <c r="Z3366" s="143"/>
      <c r="AA3366" s="137"/>
      <c r="AB3366" s="137"/>
      <c r="AC3366" s="137"/>
      <c r="AD3366" s="137"/>
      <c r="AE3366" s="137"/>
      <c r="AF3366" s="137"/>
      <c r="AG3366" s="137"/>
      <c r="AH3366" s="137"/>
      <c r="AI3366" s="137"/>
      <c r="AJ3366" s="137"/>
      <c r="AK3366" s="137"/>
      <c r="AL3366" s="137"/>
      <c r="AM3366" s="137"/>
      <c r="AN3366" s="137"/>
      <c r="AO3366" s="137"/>
      <c r="AP3366" s="137"/>
      <c r="AQ3366" s="137"/>
      <c r="AR3366" s="137"/>
      <c r="AS3366" s="137"/>
      <c r="AT3366" s="137"/>
      <c r="AU3366" s="137"/>
      <c r="AV3366" s="137"/>
      <c r="AW3366" s="144"/>
    </row>
    <row r="3367" spans="7:49" x14ac:dyDescent="0.2">
      <c r="G3367" s="43"/>
      <c r="Z3367" s="143"/>
      <c r="AA3367" s="137"/>
      <c r="AB3367" s="137"/>
      <c r="AC3367" s="137"/>
      <c r="AD3367" s="137"/>
      <c r="AE3367" s="137"/>
      <c r="AF3367" s="137"/>
      <c r="AG3367" s="137"/>
      <c r="AH3367" s="137"/>
      <c r="AI3367" s="137"/>
      <c r="AJ3367" s="137"/>
      <c r="AK3367" s="137"/>
      <c r="AL3367" s="137"/>
      <c r="AM3367" s="137"/>
      <c r="AN3367" s="137"/>
      <c r="AO3367" s="137"/>
      <c r="AP3367" s="137"/>
      <c r="AQ3367" s="137"/>
      <c r="AR3367" s="137"/>
      <c r="AS3367" s="137"/>
      <c r="AT3367" s="137"/>
      <c r="AU3367" s="137"/>
      <c r="AV3367" s="137"/>
      <c r="AW3367" s="144"/>
    </row>
    <row r="3368" spans="7:49" x14ac:dyDescent="0.2">
      <c r="G3368" s="43"/>
      <c r="Z3368" s="143"/>
      <c r="AA3368" s="137"/>
      <c r="AB3368" s="137"/>
      <c r="AC3368" s="137"/>
      <c r="AD3368" s="137"/>
      <c r="AE3368" s="137"/>
      <c r="AF3368" s="137"/>
      <c r="AG3368" s="137"/>
      <c r="AH3368" s="137"/>
      <c r="AI3368" s="137"/>
      <c r="AJ3368" s="137"/>
      <c r="AK3368" s="137"/>
      <c r="AL3368" s="137"/>
      <c r="AM3368" s="137"/>
      <c r="AN3368" s="137"/>
      <c r="AO3368" s="137"/>
      <c r="AP3368" s="137"/>
      <c r="AQ3368" s="137"/>
      <c r="AR3368" s="137"/>
      <c r="AS3368" s="137"/>
      <c r="AT3368" s="137"/>
      <c r="AU3368" s="137"/>
      <c r="AV3368" s="137"/>
      <c r="AW3368" s="144"/>
    </row>
    <row r="3369" spans="7:49" x14ac:dyDescent="0.2">
      <c r="G3369" s="43"/>
      <c r="Z3369" s="143"/>
      <c r="AA3369" s="137"/>
      <c r="AB3369" s="137"/>
      <c r="AC3369" s="137"/>
      <c r="AD3369" s="137"/>
      <c r="AE3369" s="137"/>
      <c r="AF3369" s="137"/>
      <c r="AG3369" s="137"/>
      <c r="AH3369" s="137"/>
      <c r="AI3369" s="137"/>
      <c r="AJ3369" s="137"/>
      <c r="AK3369" s="137"/>
      <c r="AL3369" s="137"/>
      <c r="AM3369" s="137"/>
      <c r="AN3369" s="137"/>
      <c r="AO3369" s="137"/>
      <c r="AP3369" s="137"/>
      <c r="AQ3369" s="137"/>
      <c r="AR3369" s="137"/>
      <c r="AS3369" s="137"/>
      <c r="AT3369" s="137"/>
      <c r="AU3369" s="137"/>
      <c r="AV3369" s="137"/>
      <c r="AW3369" s="144"/>
    </row>
    <row r="3370" spans="7:49" x14ac:dyDescent="0.2">
      <c r="G3370" s="43"/>
      <c r="Z3370" s="143"/>
      <c r="AA3370" s="137"/>
      <c r="AB3370" s="137"/>
      <c r="AC3370" s="137"/>
      <c r="AD3370" s="137"/>
      <c r="AE3370" s="137"/>
      <c r="AF3370" s="137"/>
      <c r="AG3370" s="137"/>
      <c r="AH3370" s="137"/>
      <c r="AI3370" s="137"/>
      <c r="AJ3370" s="137"/>
      <c r="AK3370" s="137"/>
      <c r="AL3370" s="137"/>
      <c r="AM3370" s="137"/>
      <c r="AN3370" s="137"/>
      <c r="AO3370" s="137"/>
      <c r="AP3370" s="137"/>
      <c r="AQ3370" s="137"/>
      <c r="AR3370" s="137"/>
      <c r="AS3370" s="137"/>
      <c r="AT3370" s="137"/>
      <c r="AU3370" s="137"/>
      <c r="AV3370" s="137"/>
      <c r="AW3370" s="144"/>
    </row>
    <row r="3371" spans="7:49" x14ac:dyDescent="0.2">
      <c r="G3371" s="43"/>
      <c r="Z3371" s="143"/>
      <c r="AA3371" s="137"/>
      <c r="AB3371" s="137"/>
      <c r="AC3371" s="137"/>
      <c r="AD3371" s="137"/>
      <c r="AE3371" s="137"/>
      <c r="AF3371" s="137"/>
      <c r="AG3371" s="137"/>
      <c r="AH3371" s="137"/>
      <c r="AI3371" s="137"/>
      <c r="AJ3371" s="137"/>
      <c r="AK3371" s="137"/>
      <c r="AL3371" s="137"/>
      <c r="AM3371" s="137"/>
      <c r="AN3371" s="137"/>
      <c r="AO3371" s="137"/>
      <c r="AP3371" s="137"/>
      <c r="AQ3371" s="137"/>
      <c r="AR3371" s="137"/>
      <c r="AS3371" s="137"/>
      <c r="AT3371" s="137"/>
      <c r="AU3371" s="137"/>
      <c r="AV3371" s="137"/>
      <c r="AW3371" s="144"/>
    </row>
    <row r="3372" spans="7:49" x14ac:dyDescent="0.2">
      <c r="G3372" s="43"/>
      <c r="Z3372" s="143"/>
      <c r="AA3372" s="137"/>
      <c r="AB3372" s="137"/>
      <c r="AC3372" s="137"/>
      <c r="AD3372" s="137"/>
      <c r="AE3372" s="137"/>
      <c r="AF3372" s="137"/>
      <c r="AG3372" s="137"/>
      <c r="AH3372" s="137"/>
      <c r="AI3372" s="137"/>
      <c r="AJ3372" s="137"/>
      <c r="AK3372" s="137"/>
      <c r="AL3372" s="137"/>
      <c r="AM3372" s="137"/>
      <c r="AN3372" s="137"/>
      <c r="AO3372" s="137"/>
      <c r="AP3372" s="137"/>
      <c r="AQ3372" s="137"/>
      <c r="AR3372" s="137"/>
      <c r="AS3372" s="137"/>
      <c r="AT3372" s="137"/>
      <c r="AU3372" s="137"/>
      <c r="AV3372" s="137"/>
      <c r="AW3372" s="144"/>
    </row>
    <row r="3373" spans="7:49" x14ac:dyDescent="0.2">
      <c r="G3373" s="43"/>
      <c r="Z3373" s="143"/>
      <c r="AA3373" s="137"/>
      <c r="AB3373" s="137"/>
      <c r="AC3373" s="137"/>
      <c r="AD3373" s="137"/>
      <c r="AE3373" s="137"/>
      <c r="AF3373" s="137"/>
      <c r="AG3373" s="137"/>
      <c r="AH3373" s="137"/>
      <c r="AI3373" s="137"/>
      <c r="AJ3373" s="137"/>
      <c r="AK3373" s="137"/>
      <c r="AL3373" s="137"/>
      <c r="AM3373" s="137"/>
      <c r="AN3373" s="137"/>
      <c r="AO3373" s="137"/>
      <c r="AP3373" s="137"/>
      <c r="AQ3373" s="137"/>
      <c r="AR3373" s="137"/>
      <c r="AS3373" s="137"/>
      <c r="AT3373" s="137"/>
      <c r="AU3373" s="137"/>
      <c r="AV3373" s="137"/>
      <c r="AW3373" s="144"/>
    </row>
    <row r="3374" spans="7:49" x14ac:dyDescent="0.2">
      <c r="G3374" s="43"/>
      <c r="Z3374" s="143"/>
      <c r="AA3374" s="137"/>
      <c r="AB3374" s="137"/>
      <c r="AC3374" s="137"/>
      <c r="AD3374" s="137"/>
      <c r="AE3374" s="137"/>
      <c r="AF3374" s="137"/>
      <c r="AG3374" s="137"/>
      <c r="AH3374" s="137"/>
      <c r="AI3374" s="137"/>
      <c r="AJ3374" s="137"/>
      <c r="AK3374" s="137"/>
      <c r="AL3374" s="137"/>
      <c r="AM3374" s="137"/>
      <c r="AN3374" s="137"/>
      <c r="AO3374" s="137"/>
      <c r="AP3374" s="137"/>
      <c r="AQ3374" s="137"/>
      <c r="AR3374" s="137"/>
      <c r="AS3374" s="137"/>
      <c r="AT3374" s="137"/>
      <c r="AU3374" s="137"/>
      <c r="AV3374" s="137"/>
      <c r="AW3374" s="144"/>
    </row>
    <row r="3375" spans="7:49" x14ac:dyDescent="0.2">
      <c r="G3375" s="43"/>
      <c r="Z3375" s="143"/>
      <c r="AA3375" s="137"/>
      <c r="AB3375" s="137"/>
      <c r="AC3375" s="137"/>
      <c r="AD3375" s="137"/>
      <c r="AE3375" s="137"/>
      <c r="AF3375" s="137"/>
      <c r="AG3375" s="137"/>
      <c r="AH3375" s="137"/>
      <c r="AI3375" s="137"/>
      <c r="AJ3375" s="137"/>
      <c r="AK3375" s="137"/>
      <c r="AL3375" s="137"/>
      <c r="AM3375" s="137"/>
      <c r="AN3375" s="137"/>
      <c r="AO3375" s="137"/>
      <c r="AP3375" s="137"/>
      <c r="AQ3375" s="137"/>
      <c r="AR3375" s="137"/>
      <c r="AS3375" s="137"/>
      <c r="AT3375" s="137"/>
      <c r="AU3375" s="137"/>
      <c r="AV3375" s="137"/>
      <c r="AW3375" s="144"/>
    </row>
    <row r="3376" spans="7:49" x14ac:dyDescent="0.2">
      <c r="G3376" s="43"/>
      <c r="Z3376" s="143"/>
      <c r="AA3376" s="137"/>
      <c r="AB3376" s="137"/>
      <c r="AC3376" s="137"/>
      <c r="AD3376" s="137"/>
      <c r="AE3376" s="137"/>
      <c r="AF3376" s="137"/>
      <c r="AG3376" s="137"/>
      <c r="AH3376" s="137"/>
      <c r="AI3376" s="137"/>
      <c r="AJ3376" s="137"/>
      <c r="AK3376" s="137"/>
      <c r="AL3376" s="137"/>
      <c r="AM3376" s="137"/>
      <c r="AN3376" s="137"/>
      <c r="AO3376" s="137"/>
      <c r="AP3376" s="137"/>
      <c r="AQ3376" s="137"/>
      <c r="AR3376" s="137"/>
      <c r="AS3376" s="137"/>
      <c r="AT3376" s="137"/>
      <c r="AU3376" s="137"/>
      <c r="AV3376" s="137"/>
      <c r="AW3376" s="144"/>
    </row>
    <row r="3377" spans="7:49" x14ac:dyDescent="0.2">
      <c r="G3377" s="43"/>
      <c r="Z3377" s="143"/>
      <c r="AA3377" s="137"/>
      <c r="AB3377" s="137"/>
      <c r="AC3377" s="137"/>
      <c r="AD3377" s="137"/>
      <c r="AE3377" s="137"/>
      <c r="AF3377" s="137"/>
      <c r="AG3377" s="137"/>
      <c r="AH3377" s="137"/>
      <c r="AI3377" s="137"/>
      <c r="AJ3377" s="137"/>
      <c r="AK3377" s="137"/>
      <c r="AL3377" s="137"/>
      <c r="AM3377" s="137"/>
      <c r="AN3377" s="137"/>
      <c r="AO3377" s="137"/>
      <c r="AP3377" s="137"/>
      <c r="AQ3377" s="137"/>
      <c r="AR3377" s="137"/>
      <c r="AS3377" s="137"/>
      <c r="AT3377" s="137"/>
      <c r="AU3377" s="137"/>
      <c r="AV3377" s="137"/>
      <c r="AW3377" s="144"/>
    </row>
    <row r="3378" spans="7:49" x14ac:dyDescent="0.2">
      <c r="G3378" s="43"/>
      <c r="Z3378" s="143"/>
      <c r="AA3378" s="137"/>
      <c r="AB3378" s="137"/>
      <c r="AC3378" s="137"/>
      <c r="AD3378" s="137"/>
      <c r="AE3378" s="137"/>
      <c r="AF3378" s="137"/>
      <c r="AG3378" s="137"/>
      <c r="AH3378" s="137"/>
      <c r="AI3378" s="137"/>
      <c r="AJ3378" s="137"/>
      <c r="AK3378" s="137"/>
      <c r="AL3378" s="137"/>
      <c r="AM3378" s="137"/>
      <c r="AN3378" s="137"/>
      <c r="AO3378" s="137"/>
      <c r="AP3378" s="137"/>
      <c r="AQ3378" s="137"/>
      <c r="AR3378" s="137"/>
      <c r="AS3378" s="137"/>
      <c r="AT3378" s="137"/>
      <c r="AU3378" s="137"/>
      <c r="AV3378" s="137"/>
      <c r="AW3378" s="144"/>
    </row>
    <row r="3379" spans="7:49" x14ac:dyDescent="0.2">
      <c r="G3379" s="43"/>
      <c r="Z3379" s="143"/>
      <c r="AA3379" s="137"/>
      <c r="AB3379" s="137"/>
      <c r="AC3379" s="137"/>
      <c r="AD3379" s="137"/>
      <c r="AE3379" s="137"/>
      <c r="AF3379" s="137"/>
      <c r="AG3379" s="137"/>
      <c r="AH3379" s="137"/>
      <c r="AI3379" s="137"/>
      <c r="AJ3379" s="137"/>
      <c r="AK3379" s="137"/>
      <c r="AL3379" s="137"/>
      <c r="AM3379" s="137"/>
      <c r="AN3379" s="137"/>
      <c r="AO3379" s="137"/>
      <c r="AP3379" s="137"/>
      <c r="AQ3379" s="137"/>
      <c r="AR3379" s="137"/>
      <c r="AS3379" s="137"/>
      <c r="AT3379" s="137"/>
      <c r="AU3379" s="137"/>
      <c r="AV3379" s="137"/>
      <c r="AW3379" s="144"/>
    </row>
    <row r="3380" spans="7:49" x14ac:dyDescent="0.2">
      <c r="G3380" s="43"/>
      <c r="Z3380" s="143"/>
      <c r="AA3380" s="137"/>
      <c r="AB3380" s="137"/>
      <c r="AC3380" s="137"/>
      <c r="AD3380" s="137"/>
      <c r="AE3380" s="137"/>
      <c r="AF3380" s="137"/>
      <c r="AG3380" s="137"/>
      <c r="AH3380" s="137"/>
      <c r="AI3380" s="137"/>
      <c r="AJ3380" s="137"/>
      <c r="AK3380" s="137"/>
      <c r="AL3380" s="137"/>
      <c r="AM3380" s="137"/>
      <c r="AN3380" s="137"/>
      <c r="AO3380" s="137"/>
      <c r="AP3380" s="137"/>
      <c r="AQ3380" s="137"/>
      <c r="AR3380" s="137"/>
      <c r="AS3380" s="137"/>
      <c r="AT3380" s="137"/>
      <c r="AU3380" s="137"/>
      <c r="AV3380" s="137"/>
      <c r="AW3380" s="144"/>
    </row>
    <row r="3381" spans="7:49" x14ac:dyDescent="0.2">
      <c r="G3381" s="43"/>
      <c r="Z3381" s="143"/>
      <c r="AA3381" s="137"/>
      <c r="AB3381" s="137"/>
      <c r="AC3381" s="137"/>
      <c r="AD3381" s="137"/>
      <c r="AE3381" s="137"/>
      <c r="AF3381" s="137"/>
      <c r="AG3381" s="137"/>
      <c r="AH3381" s="137"/>
      <c r="AI3381" s="137"/>
      <c r="AJ3381" s="137"/>
      <c r="AK3381" s="137"/>
      <c r="AL3381" s="137"/>
      <c r="AM3381" s="137"/>
      <c r="AN3381" s="137"/>
      <c r="AO3381" s="137"/>
      <c r="AP3381" s="137"/>
      <c r="AQ3381" s="137"/>
      <c r="AR3381" s="137"/>
      <c r="AS3381" s="137"/>
      <c r="AT3381" s="137"/>
      <c r="AU3381" s="137"/>
      <c r="AV3381" s="137"/>
      <c r="AW3381" s="144"/>
    </row>
    <row r="3382" spans="7:49" x14ac:dyDescent="0.2">
      <c r="G3382" s="43"/>
      <c r="Z3382" s="143"/>
      <c r="AA3382" s="137"/>
      <c r="AB3382" s="137"/>
      <c r="AC3382" s="137"/>
      <c r="AD3382" s="137"/>
      <c r="AE3382" s="137"/>
      <c r="AF3382" s="137"/>
      <c r="AG3382" s="137"/>
      <c r="AH3382" s="137"/>
      <c r="AI3382" s="137"/>
      <c r="AJ3382" s="137"/>
      <c r="AK3382" s="137"/>
      <c r="AL3382" s="137"/>
      <c r="AM3382" s="137"/>
      <c r="AN3382" s="137"/>
      <c r="AO3382" s="137"/>
      <c r="AP3382" s="137"/>
      <c r="AQ3382" s="137"/>
      <c r="AR3382" s="137"/>
      <c r="AS3382" s="137"/>
      <c r="AT3382" s="137"/>
      <c r="AU3382" s="137"/>
      <c r="AV3382" s="137"/>
      <c r="AW3382" s="144"/>
    </row>
    <row r="3383" spans="7:49" x14ac:dyDescent="0.2">
      <c r="G3383" s="43"/>
      <c r="Z3383" s="143"/>
      <c r="AA3383" s="137"/>
      <c r="AB3383" s="137"/>
      <c r="AC3383" s="137"/>
      <c r="AD3383" s="137"/>
      <c r="AE3383" s="137"/>
      <c r="AF3383" s="137"/>
      <c r="AG3383" s="137"/>
      <c r="AH3383" s="137"/>
      <c r="AI3383" s="137"/>
      <c r="AJ3383" s="137"/>
      <c r="AK3383" s="137"/>
      <c r="AL3383" s="137"/>
      <c r="AM3383" s="137"/>
      <c r="AN3383" s="137"/>
      <c r="AO3383" s="137"/>
      <c r="AP3383" s="137"/>
      <c r="AQ3383" s="137"/>
      <c r="AR3383" s="137"/>
      <c r="AS3383" s="137"/>
      <c r="AT3383" s="137"/>
      <c r="AU3383" s="137"/>
      <c r="AV3383" s="137"/>
      <c r="AW3383" s="144"/>
    </row>
    <row r="3384" spans="7:49" x14ac:dyDescent="0.2">
      <c r="G3384" s="43"/>
      <c r="Z3384" s="143"/>
      <c r="AA3384" s="137"/>
      <c r="AB3384" s="137"/>
      <c r="AC3384" s="137"/>
      <c r="AD3384" s="137"/>
      <c r="AE3384" s="137"/>
      <c r="AF3384" s="137"/>
      <c r="AG3384" s="137"/>
      <c r="AH3384" s="137"/>
      <c r="AI3384" s="137"/>
      <c r="AJ3384" s="137"/>
      <c r="AK3384" s="137"/>
      <c r="AL3384" s="137"/>
      <c r="AM3384" s="137"/>
      <c r="AN3384" s="137"/>
      <c r="AO3384" s="137"/>
      <c r="AP3384" s="137"/>
      <c r="AQ3384" s="137"/>
      <c r="AR3384" s="137"/>
      <c r="AS3384" s="137"/>
      <c r="AT3384" s="137"/>
      <c r="AU3384" s="137"/>
      <c r="AV3384" s="137"/>
      <c r="AW3384" s="144"/>
    </row>
    <row r="3385" spans="7:49" x14ac:dyDescent="0.2">
      <c r="G3385" s="43"/>
      <c r="Z3385" s="143"/>
      <c r="AA3385" s="137"/>
      <c r="AB3385" s="137"/>
      <c r="AC3385" s="137"/>
      <c r="AD3385" s="137"/>
      <c r="AE3385" s="137"/>
      <c r="AF3385" s="137"/>
      <c r="AG3385" s="137"/>
      <c r="AH3385" s="137"/>
      <c r="AI3385" s="137"/>
      <c r="AJ3385" s="137"/>
      <c r="AK3385" s="137"/>
      <c r="AL3385" s="137"/>
      <c r="AM3385" s="137"/>
      <c r="AN3385" s="137"/>
      <c r="AO3385" s="137"/>
      <c r="AP3385" s="137"/>
      <c r="AQ3385" s="137"/>
      <c r="AR3385" s="137"/>
      <c r="AS3385" s="137"/>
      <c r="AT3385" s="137"/>
      <c r="AU3385" s="137"/>
      <c r="AV3385" s="137"/>
      <c r="AW3385" s="144"/>
    </row>
    <row r="3386" spans="7:49" x14ac:dyDescent="0.2">
      <c r="G3386" s="43"/>
      <c r="Z3386" s="143"/>
      <c r="AA3386" s="137"/>
      <c r="AB3386" s="137"/>
      <c r="AC3386" s="137"/>
      <c r="AD3386" s="137"/>
      <c r="AE3386" s="137"/>
      <c r="AF3386" s="137"/>
      <c r="AG3386" s="137"/>
      <c r="AH3386" s="137"/>
      <c r="AI3386" s="137"/>
      <c r="AJ3386" s="137"/>
      <c r="AK3386" s="137"/>
      <c r="AL3386" s="137"/>
      <c r="AM3386" s="137"/>
      <c r="AN3386" s="137"/>
      <c r="AO3386" s="137"/>
      <c r="AP3386" s="137"/>
      <c r="AQ3386" s="137"/>
      <c r="AR3386" s="137"/>
      <c r="AS3386" s="137"/>
      <c r="AT3386" s="137"/>
      <c r="AU3386" s="137"/>
      <c r="AV3386" s="137"/>
      <c r="AW3386" s="144"/>
    </row>
    <row r="3387" spans="7:49" x14ac:dyDescent="0.2">
      <c r="G3387" s="43"/>
      <c r="Z3387" s="143"/>
      <c r="AA3387" s="137"/>
      <c r="AB3387" s="137"/>
      <c r="AC3387" s="137"/>
      <c r="AD3387" s="137"/>
      <c r="AE3387" s="137"/>
      <c r="AF3387" s="137"/>
      <c r="AG3387" s="137"/>
      <c r="AH3387" s="137"/>
      <c r="AI3387" s="137"/>
      <c r="AJ3387" s="137"/>
      <c r="AK3387" s="137"/>
      <c r="AL3387" s="137"/>
      <c r="AM3387" s="137"/>
      <c r="AN3387" s="137"/>
      <c r="AO3387" s="137"/>
      <c r="AP3387" s="137"/>
      <c r="AQ3387" s="137"/>
      <c r="AR3387" s="137"/>
      <c r="AS3387" s="137"/>
      <c r="AT3387" s="137"/>
      <c r="AU3387" s="137"/>
      <c r="AV3387" s="137"/>
      <c r="AW3387" s="144"/>
    </row>
    <row r="3388" spans="7:49" x14ac:dyDescent="0.2">
      <c r="G3388" s="43"/>
      <c r="Z3388" s="143"/>
      <c r="AA3388" s="137"/>
      <c r="AB3388" s="137"/>
      <c r="AC3388" s="137"/>
      <c r="AD3388" s="137"/>
      <c r="AE3388" s="137"/>
      <c r="AF3388" s="137"/>
      <c r="AG3388" s="137"/>
      <c r="AH3388" s="137"/>
      <c r="AI3388" s="137"/>
      <c r="AJ3388" s="137"/>
      <c r="AK3388" s="137"/>
      <c r="AL3388" s="137"/>
      <c r="AM3388" s="137"/>
      <c r="AN3388" s="137"/>
      <c r="AO3388" s="137"/>
      <c r="AP3388" s="137"/>
      <c r="AQ3388" s="137"/>
      <c r="AR3388" s="137"/>
      <c r="AS3388" s="137"/>
      <c r="AT3388" s="137"/>
      <c r="AU3388" s="137"/>
      <c r="AV3388" s="137"/>
      <c r="AW3388" s="144"/>
    </row>
    <row r="3389" spans="7:49" x14ac:dyDescent="0.2">
      <c r="G3389" s="43"/>
      <c r="Z3389" s="143"/>
      <c r="AA3389" s="137"/>
      <c r="AB3389" s="137"/>
      <c r="AC3389" s="137"/>
      <c r="AD3389" s="137"/>
      <c r="AE3389" s="137"/>
      <c r="AF3389" s="137"/>
      <c r="AG3389" s="137"/>
      <c r="AH3389" s="137"/>
      <c r="AI3389" s="137"/>
      <c r="AJ3389" s="137"/>
      <c r="AK3389" s="137"/>
      <c r="AL3389" s="137"/>
      <c r="AM3389" s="137"/>
      <c r="AN3389" s="137"/>
      <c r="AO3389" s="137"/>
      <c r="AP3389" s="137"/>
      <c r="AQ3389" s="137"/>
      <c r="AR3389" s="137"/>
      <c r="AS3389" s="137"/>
      <c r="AT3389" s="137"/>
      <c r="AU3389" s="137"/>
      <c r="AV3389" s="137"/>
      <c r="AW3389" s="144"/>
    </row>
    <row r="3390" spans="7:49" x14ac:dyDescent="0.2">
      <c r="G3390" s="43"/>
      <c r="Z3390" s="143"/>
      <c r="AA3390" s="137"/>
      <c r="AB3390" s="137"/>
      <c r="AC3390" s="137"/>
      <c r="AD3390" s="137"/>
      <c r="AE3390" s="137"/>
      <c r="AF3390" s="137"/>
      <c r="AG3390" s="137"/>
      <c r="AH3390" s="137"/>
      <c r="AI3390" s="137"/>
      <c r="AJ3390" s="137"/>
      <c r="AK3390" s="137"/>
      <c r="AL3390" s="137"/>
      <c r="AM3390" s="137"/>
      <c r="AN3390" s="137"/>
      <c r="AO3390" s="137"/>
      <c r="AP3390" s="137"/>
      <c r="AQ3390" s="137"/>
      <c r="AR3390" s="137"/>
      <c r="AS3390" s="137"/>
      <c r="AT3390" s="137"/>
      <c r="AU3390" s="137"/>
      <c r="AV3390" s="137"/>
      <c r="AW3390" s="144"/>
    </row>
    <row r="3391" spans="7:49" x14ac:dyDescent="0.2">
      <c r="G3391" s="43"/>
      <c r="Z3391" s="143"/>
      <c r="AA3391" s="137"/>
      <c r="AB3391" s="137"/>
      <c r="AC3391" s="137"/>
      <c r="AD3391" s="137"/>
      <c r="AE3391" s="137"/>
      <c r="AF3391" s="137"/>
      <c r="AG3391" s="137"/>
      <c r="AH3391" s="137"/>
      <c r="AI3391" s="137"/>
      <c r="AJ3391" s="137"/>
      <c r="AK3391" s="137"/>
      <c r="AL3391" s="137"/>
      <c r="AM3391" s="137"/>
      <c r="AN3391" s="137"/>
      <c r="AO3391" s="137"/>
      <c r="AP3391" s="137"/>
      <c r="AQ3391" s="137"/>
      <c r="AR3391" s="137"/>
      <c r="AS3391" s="137"/>
      <c r="AT3391" s="137"/>
      <c r="AU3391" s="137"/>
      <c r="AV3391" s="137"/>
      <c r="AW3391" s="144"/>
    </row>
    <row r="3392" spans="7:49" x14ac:dyDescent="0.2">
      <c r="G3392" s="43"/>
      <c r="Z3392" s="143"/>
      <c r="AA3392" s="137"/>
      <c r="AB3392" s="137"/>
      <c r="AC3392" s="137"/>
      <c r="AD3392" s="137"/>
      <c r="AE3392" s="137"/>
      <c r="AF3392" s="137"/>
      <c r="AG3392" s="137"/>
      <c r="AH3392" s="137"/>
      <c r="AI3392" s="137"/>
      <c r="AJ3392" s="137"/>
      <c r="AK3392" s="137"/>
      <c r="AL3392" s="137"/>
      <c r="AM3392" s="137"/>
      <c r="AN3392" s="137"/>
      <c r="AO3392" s="137"/>
      <c r="AP3392" s="137"/>
      <c r="AQ3392" s="137"/>
      <c r="AR3392" s="137"/>
      <c r="AS3392" s="137"/>
      <c r="AT3392" s="137"/>
      <c r="AU3392" s="137"/>
      <c r="AV3392" s="137"/>
      <c r="AW3392" s="144"/>
    </row>
    <row r="3393" spans="7:49" x14ac:dyDescent="0.2">
      <c r="G3393" s="43"/>
      <c r="Z3393" s="143"/>
      <c r="AA3393" s="137"/>
      <c r="AB3393" s="137"/>
      <c r="AC3393" s="137"/>
      <c r="AD3393" s="137"/>
      <c r="AE3393" s="137"/>
      <c r="AF3393" s="137"/>
      <c r="AG3393" s="137"/>
      <c r="AH3393" s="137"/>
      <c r="AI3393" s="137"/>
      <c r="AJ3393" s="137"/>
      <c r="AK3393" s="137"/>
      <c r="AL3393" s="137"/>
      <c r="AM3393" s="137"/>
      <c r="AN3393" s="137"/>
      <c r="AO3393" s="137"/>
      <c r="AP3393" s="137"/>
      <c r="AQ3393" s="137"/>
      <c r="AR3393" s="137"/>
      <c r="AS3393" s="137"/>
      <c r="AT3393" s="137"/>
      <c r="AU3393" s="137"/>
      <c r="AV3393" s="137"/>
      <c r="AW3393" s="144"/>
    </row>
    <row r="3394" spans="7:49" x14ac:dyDescent="0.2">
      <c r="G3394" s="43"/>
      <c r="Z3394" s="143"/>
      <c r="AA3394" s="137"/>
      <c r="AB3394" s="137"/>
      <c r="AC3394" s="137"/>
      <c r="AD3394" s="137"/>
      <c r="AE3394" s="137"/>
      <c r="AF3394" s="137"/>
      <c r="AG3394" s="137"/>
      <c r="AH3394" s="137"/>
      <c r="AI3394" s="137"/>
      <c r="AJ3394" s="137"/>
      <c r="AK3394" s="137"/>
      <c r="AL3394" s="137"/>
      <c r="AM3394" s="137"/>
      <c r="AN3394" s="137"/>
      <c r="AO3394" s="137"/>
      <c r="AP3394" s="137"/>
      <c r="AQ3394" s="137"/>
      <c r="AR3394" s="137"/>
      <c r="AS3394" s="137"/>
      <c r="AT3394" s="137"/>
      <c r="AU3394" s="137"/>
      <c r="AV3394" s="137"/>
      <c r="AW3394" s="144"/>
    </row>
    <row r="3395" spans="7:49" x14ac:dyDescent="0.2">
      <c r="G3395" s="43"/>
      <c r="Z3395" s="143"/>
      <c r="AA3395" s="137"/>
      <c r="AB3395" s="137"/>
      <c r="AC3395" s="137"/>
      <c r="AD3395" s="137"/>
      <c r="AE3395" s="137"/>
      <c r="AF3395" s="137"/>
      <c r="AG3395" s="137"/>
      <c r="AH3395" s="137"/>
      <c r="AI3395" s="137"/>
      <c r="AJ3395" s="137"/>
      <c r="AK3395" s="137"/>
      <c r="AL3395" s="137"/>
      <c r="AM3395" s="137"/>
      <c r="AN3395" s="137"/>
      <c r="AO3395" s="137"/>
      <c r="AP3395" s="137"/>
      <c r="AQ3395" s="137"/>
      <c r="AR3395" s="137"/>
      <c r="AS3395" s="137"/>
      <c r="AT3395" s="137"/>
      <c r="AU3395" s="137"/>
      <c r="AV3395" s="137"/>
      <c r="AW3395" s="144"/>
    </row>
    <row r="3396" spans="7:49" x14ac:dyDescent="0.2">
      <c r="G3396" s="43"/>
      <c r="Z3396" s="143"/>
      <c r="AA3396" s="137"/>
      <c r="AB3396" s="137"/>
      <c r="AC3396" s="137"/>
      <c r="AD3396" s="137"/>
      <c r="AE3396" s="137"/>
      <c r="AF3396" s="137"/>
      <c r="AG3396" s="137"/>
      <c r="AH3396" s="137"/>
      <c r="AI3396" s="137"/>
      <c r="AJ3396" s="137"/>
      <c r="AK3396" s="137"/>
      <c r="AL3396" s="137"/>
      <c r="AM3396" s="137"/>
      <c r="AN3396" s="137"/>
      <c r="AO3396" s="137"/>
      <c r="AP3396" s="137"/>
      <c r="AQ3396" s="137"/>
      <c r="AR3396" s="137"/>
      <c r="AS3396" s="137"/>
      <c r="AT3396" s="137"/>
      <c r="AU3396" s="137"/>
      <c r="AV3396" s="137"/>
      <c r="AW3396" s="144"/>
    </row>
    <row r="3397" spans="7:49" x14ac:dyDescent="0.2">
      <c r="G3397" s="43"/>
      <c r="Z3397" s="143"/>
      <c r="AA3397" s="137"/>
      <c r="AB3397" s="137"/>
      <c r="AC3397" s="137"/>
      <c r="AD3397" s="137"/>
      <c r="AE3397" s="137"/>
      <c r="AF3397" s="137"/>
      <c r="AG3397" s="137"/>
      <c r="AH3397" s="137"/>
      <c r="AI3397" s="137"/>
      <c r="AJ3397" s="137"/>
      <c r="AK3397" s="137"/>
      <c r="AL3397" s="137"/>
      <c r="AM3397" s="137"/>
      <c r="AN3397" s="137"/>
      <c r="AO3397" s="137"/>
      <c r="AP3397" s="137"/>
      <c r="AQ3397" s="137"/>
      <c r="AR3397" s="137"/>
      <c r="AS3397" s="137"/>
      <c r="AT3397" s="137"/>
      <c r="AU3397" s="137"/>
      <c r="AV3397" s="137"/>
      <c r="AW3397" s="144"/>
    </row>
    <row r="3398" spans="7:49" x14ac:dyDescent="0.2">
      <c r="G3398" s="43"/>
      <c r="Z3398" s="143"/>
      <c r="AA3398" s="137"/>
      <c r="AB3398" s="137"/>
      <c r="AC3398" s="137"/>
      <c r="AD3398" s="137"/>
      <c r="AE3398" s="137"/>
      <c r="AF3398" s="137"/>
      <c r="AG3398" s="137"/>
      <c r="AH3398" s="137"/>
      <c r="AI3398" s="137"/>
      <c r="AJ3398" s="137"/>
      <c r="AK3398" s="137"/>
      <c r="AL3398" s="137"/>
      <c r="AM3398" s="137"/>
      <c r="AN3398" s="137"/>
      <c r="AO3398" s="137"/>
      <c r="AP3398" s="137"/>
      <c r="AQ3398" s="137"/>
      <c r="AR3398" s="137"/>
      <c r="AS3398" s="137"/>
      <c r="AT3398" s="137"/>
      <c r="AU3398" s="137"/>
      <c r="AV3398" s="137"/>
      <c r="AW3398" s="144"/>
    </row>
    <row r="3399" spans="7:49" x14ac:dyDescent="0.2">
      <c r="G3399" s="43"/>
      <c r="Z3399" s="143"/>
      <c r="AA3399" s="137"/>
      <c r="AB3399" s="137"/>
      <c r="AC3399" s="137"/>
      <c r="AD3399" s="137"/>
      <c r="AE3399" s="137"/>
      <c r="AF3399" s="137"/>
      <c r="AG3399" s="137"/>
      <c r="AH3399" s="137"/>
      <c r="AI3399" s="137"/>
      <c r="AJ3399" s="137"/>
      <c r="AK3399" s="137"/>
      <c r="AL3399" s="137"/>
      <c r="AM3399" s="137"/>
      <c r="AN3399" s="137"/>
      <c r="AO3399" s="137"/>
      <c r="AP3399" s="137"/>
      <c r="AQ3399" s="137"/>
      <c r="AR3399" s="137"/>
      <c r="AS3399" s="137"/>
      <c r="AT3399" s="137"/>
      <c r="AU3399" s="137"/>
      <c r="AV3399" s="137"/>
      <c r="AW3399" s="144"/>
    </row>
    <row r="3400" spans="7:49" x14ac:dyDescent="0.2">
      <c r="G3400" s="43"/>
      <c r="Z3400" s="143"/>
      <c r="AA3400" s="137"/>
      <c r="AB3400" s="137"/>
      <c r="AC3400" s="137"/>
      <c r="AD3400" s="137"/>
      <c r="AE3400" s="137"/>
      <c r="AF3400" s="137"/>
      <c r="AG3400" s="137"/>
      <c r="AH3400" s="137"/>
      <c r="AI3400" s="137"/>
      <c r="AJ3400" s="137"/>
      <c r="AK3400" s="137"/>
      <c r="AL3400" s="137"/>
      <c r="AM3400" s="137"/>
      <c r="AN3400" s="137"/>
      <c r="AO3400" s="137"/>
      <c r="AP3400" s="137"/>
      <c r="AQ3400" s="137"/>
      <c r="AR3400" s="137"/>
      <c r="AS3400" s="137"/>
      <c r="AT3400" s="137"/>
      <c r="AU3400" s="137"/>
      <c r="AV3400" s="137"/>
      <c r="AW3400" s="144"/>
    </row>
    <row r="3401" spans="7:49" x14ac:dyDescent="0.2">
      <c r="G3401" s="43"/>
      <c r="Z3401" s="143"/>
      <c r="AA3401" s="137"/>
      <c r="AB3401" s="137"/>
      <c r="AC3401" s="137"/>
      <c r="AD3401" s="137"/>
      <c r="AE3401" s="137"/>
      <c r="AF3401" s="137"/>
      <c r="AG3401" s="137"/>
      <c r="AH3401" s="137"/>
      <c r="AI3401" s="137"/>
      <c r="AJ3401" s="137"/>
      <c r="AK3401" s="137"/>
      <c r="AL3401" s="137"/>
      <c r="AM3401" s="137"/>
      <c r="AN3401" s="137"/>
      <c r="AO3401" s="137"/>
      <c r="AP3401" s="137"/>
      <c r="AQ3401" s="137"/>
      <c r="AR3401" s="137"/>
      <c r="AS3401" s="137"/>
      <c r="AT3401" s="137"/>
      <c r="AU3401" s="137"/>
      <c r="AV3401" s="137"/>
      <c r="AW3401" s="144"/>
    </row>
    <row r="3402" spans="7:49" x14ac:dyDescent="0.2">
      <c r="G3402" s="43"/>
      <c r="Z3402" s="143"/>
      <c r="AA3402" s="137"/>
      <c r="AB3402" s="137"/>
      <c r="AC3402" s="137"/>
      <c r="AD3402" s="137"/>
      <c r="AE3402" s="137"/>
      <c r="AF3402" s="137"/>
      <c r="AG3402" s="137"/>
      <c r="AH3402" s="137"/>
      <c r="AI3402" s="137"/>
      <c r="AJ3402" s="137"/>
      <c r="AK3402" s="137"/>
      <c r="AL3402" s="137"/>
      <c r="AM3402" s="137"/>
      <c r="AN3402" s="137"/>
      <c r="AO3402" s="137"/>
      <c r="AP3402" s="137"/>
      <c r="AQ3402" s="137"/>
      <c r="AR3402" s="137"/>
      <c r="AS3402" s="137"/>
      <c r="AT3402" s="137"/>
      <c r="AU3402" s="137"/>
      <c r="AV3402" s="137"/>
      <c r="AW3402" s="144"/>
    </row>
    <row r="3403" spans="7:49" x14ac:dyDescent="0.2">
      <c r="G3403" s="43"/>
      <c r="Z3403" s="143"/>
      <c r="AA3403" s="137"/>
      <c r="AB3403" s="137"/>
      <c r="AC3403" s="137"/>
      <c r="AD3403" s="137"/>
      <c r="AE3403" s="137"/>
      <c r="AF3403" s="137"/>
      <c r="AG3403" s="137"/>
      <c r="AH3403" s="137"/>
      <c r="AI3403" s="137"/>
      <c r="AJ3403" s="137"/>
      <c r="AK3403" s="137"/>
      <c r="AL3403" s="137"/>
      <c r="AM3403" s="137"/>
      <c r="AN3403" s="137"/>
      <c r="AO3403" s="137"/>
      <c r="AP3403" s="137"/>
      <c r="AQ3403" s="137"/>
      <c r="AR3403" s="137"/>
      <c r="AS3403" s="137"/>
      <c r="AT3403" s="137"/>
      <c r="AU3403" s="137"/>
      <c r="AV3403" s="137"/>
      <c r="AW3403" s="144"/>
    </row>
    <row r="3404" spans="7:49" x14ac:dyDescent="0.2">
      <c r="G3404" s="43"/>
      <c r="Z3404" s="143"/>
      <c r="AA3404" s="137"/>
      <c r="AB3404" s="137"/>
      <c r="AC3404" s="137"/>
      <c r="AD3404" s="137"/>
      <c r="AE3404" s="137"/>
      <c r="AF3404" s="137"/>
      <c r="AG3404" s="137"/>
      <c r="AH3404" s="137"/>
      <c r="AI3404" s="137"/>
      <c r="AJ3404" s="137"/>
      <c r="AK3404" s="137"/>
      <c r="AL3404" s="137"/>
      <c r="AM3404" s="137"/>
      <c r="AN3404" s="137"/>
      <c r="AO3404" s="137"/>
      <c r="AP3404" s="137"/>
      <c r="AQ3404" s="137"/>
      <c r="AR3404" s="137"/>
      <c r="AS3404" s="137"/>
      <c r="AT3404" s="137"/>
      <c r="AU3404" s="137"/>
      <c r="AV3404" s="137"/>
      <c r="AW3404" s="144"/>
    </row>
    <row r="3405" spans="7:49" x14ac:dyDescent="0.2">
      <c r="G3405" s="43"/>
      <c r="Z3405" s="143"/>
      <c r="AA3405" s="137"/>
      <c r="AB3405" s="137"/>
      <c r="AC3405" s="137"/>
      <c r="AD3405" s="137"/>
      <c r="AE3405" s="137"/>
      <c r="AF3405" s="137"/>
      <c r="AG3405" s="137"/>
      <c r="AH3405" s="137"/>
      <c r="AI3405" s="137"/>
      <c r="AJ3405" s="137"/>
      <c r="AK3405" s="137"/>
      <c r="AL3405" s="137"/>
      <c r="AM3405" s="137"/>
      <c r="AN3405" s="137"/>
      <c r="AO3405" s="137"/>
      <c r="AP3405" s="137"/>
      <c r="AQ3405" s="137"/>
      <c r="AR3405" s="137"/>
      <c r="AS3405" s="137"/>
      <c r="AT3405" s="137"/>
      <c r="AU3405" s="137"/>
      <c r="AV3405" s="137"/>
      <c r="AW3405" s="144"/>
    </row>
    <row r="3406" spans="7:49" x14ac:dyDescent="0.2">
      <c r="G3406" s="43"/>
      <c r="Z3406" s="143"/>
      <c r="AA3406" s="137"/>
      <c r="AB3406" s="137"/>
      <c r="AC3406" s="137"/>
      <c r="AD3406" s="137"/>
      <c r="AE3406" s="137"/>
      <c r="AF3406" s="137"/>
      <c r="AG3406" s="137"/>
      <c r="AH3406" s="137"/>
      <c r="AI3406" s="137"/>
      <c r="AJ3406" s="137"/>
      <c r="AK3406" s="137"/>
      <c r="AL3406" s="137"/>
      <c r="AM3406" s="137"/>
      <c r="AN3406" s="137"/>
      <c r="AO3406" s="137"/>
      <c r="AP3406" s="137"/>
      <c r="AQ3406" s="137"/>
      <c r="AR3406" s="137"/>
      <c r="AS3406" s="137"/>
      <c r="AT3406" s="137"/>
      <c r="AU3406" s="137"/>
      <c r="AV3406" s="137"/>
      <c r="AW3406" s="144"/>
    </row>
    <row r="3407" spans="7:49" x14ac:dyDescent="0.2">
      <c r="G3407" s="43"/>
      <c r="Z3407" s="143"/>
      <c r="AA3407" s="137"/>
      <c r="AB3407" s="137"/>
      <c r="AC3407" s="137"/>
      <c r="AD3407" s="137"/>
      <c r="AE3407" s="137"/>
      <c r="AF3407" s="137"/>
      <c r="AG3407" s="137"/>
      <c r="AH3407" s="137"/>
      <c r="AI3407" s="137"/>
      <c r="AJ3407" s="137"/>
      <c r="AK3407" s="137"/>
      <c r="AL3407" s="137"/>
      <c r="AM3407" s="137"/>
      <c r="AN3407" s="137"/>
      <c r="AO3407" s="137"/>
      <c r="AP3407" s="137"/>
      <c r="AQ3407" s="137"/>
      <c r="AR3407" s="137"/>
      <c r="AS3407" s="137"/>
      <c r="AT3407" s="137"/>
      <c r="AU3407" s="137"/>
      <c r="AV3407" s="137"/>
      <c r="AW3407" s="144"/>
    </row>
    <row r="3408" spans="7:49" x14ac:dyDescent="0.2">
      <c r="G3408" s="43"/>
      <c r="Z3408" s="143"/>
      <c r="AA3408" s="137"/>
      <c r="AB3408" s="137"/>
      <c r="AC3408" s="137"/>
      <c r="AD3408" s="137"/>
      <c r="AE3408" s="137"/>
      <c r="AF3408" s="137"/>
      <c r="AG3408" s="137"/>
      <c r="AH3408" s="137"/>
      <c r="AI3408" s="137"/>
      <c r="AJ3408" s="137"/>
      <c r="AK3408" s="137"/>
      <c r="AL3408" s="137"/>
      <c r="AM3408" s="137"/>
      <c r="AN3408" s="137"/>
      <c r="AO3408" s="137"/>
      <c r="AP3408" s="137"/>
      <c r="AQ3408" s="137"/>
      <c r="AR3408" s="137"/>
      <c r="AS3408" s="137"/>
      <c r="AT3408" s="137"/>
      <c r="AU3408" s="137"/>
      <c r="AV3408" s="137"/>
      <c r="AW3408" s="144"/>
    </row>
    <row r="3409" spans="7:49" x14ac:dyDescent="0.2">
      <c r="G3409" s="43"/>
      <c r="Z3409" s="143"/>
      <c r="AA3409" s="137"/>
      <c r="AB3409" s="137"/>
      <c r="AC3409" s="137"/>
      <c r="AD3409" s="137"/>
      <c r="AE3409" s="137"/>
      <c r="AF3409" s="137"/>
      <c r="AG3409" s="137"/>
      <c r="AH3409" s="137"/>
      <c r="AI3409" s="137"/>
      <c r="AJ3409" s="137"/>
      <c r="AK3409" s="137"/>
      <c r="AL3409" s="137"/>
      <c r="AM3409" s="137"/>
      <c r="AN3409" s="137"/>
      <c r="AO3409" s="137"/>
      <c r="AP3409" s="137"/>
      <c r="AQ3409" s="137"/>
      <c r="AR3409" s="137"/>
      <c r="AS3409" s="137"/>
      <c r="AT3409" s="137"/>
      <c r="AU3409" s="137"/>
      <c r="AV3409" s="137"/>
      <c r="AW3409" s="144"/>
    </row>
    <row r="3410" spans="7:49" x14ac:dyDescent="0.2">
      <c r="G3410" s="43"/>
      <c r="Z3410" s="143"/>
      <c r="AA3410" s="137"/>
      <c r="AB3410" s="137"/>
      <c r="AC3410" s="137"/>
      <c r="AD3410" s="137"/>
      <c r="AE3410" s="137"/>
      <c r="AF3410" s="137"/>
      <c r="AG3410" s="137"/>
      <c r="AH3410" s="137"/>
      <c r="AI3410" s="137"/>
      <c r="AJ3410" s="137"/>
      <c r="AK3410" s="137"/>
      <c r="AL3410" s="137"/>
      <c r="AM3410" s="137"/>
      <c r="AN3410" s="137"/>
      <c r="AO3410" s="137"/>
      <c r="AP3410" s="137"/>
      <c r="AQ3410" s="137"/>
      <c r="AR3410" s="137"/>
      <c r="AS3410" s="137"/>
      <c r="AT3410" s="137"/>
      <c r="AU3410" s="137"/>
      <c r="AV3410" s="137"/>
      <c r="AW3410" s="144"/>
    </row>
    <row r="3411" spans="7:49" x14ac:dyDescent="0.2">
      <c r="G3411" s="43"/>
      <c r="Z3411" s="143"/>
      <c r="AA3411" s="137"/>
      <c r="AB3411" s="137"/>
      <c r="AC3411" s="137"/>
      <c r="AD3411" s="137"/>
      <c r="AE3411" s="137"/>
      <c r="AF3411" s="137"/>
      <c r="AG3411" s="137"/>
      <c r="AH3411" s="137"/>
      <c r="AI3411" s="137"/>
      <c r="AJ3411" s="137"/>
      <c r="AK3411" s="137"/>
      <c r="AL3411" s="137"/>
      <c r="AM3411" s="137"/>
      <c r="AN3411" s="137"/>
      <c r="AO3411" s="137"/>
      <c r="AP3411" s="137"/>
      <c r="AQ3411" s="137"/>
      <c r="AR3411" s="137"/>
      <c r="AS3411" s="137"/>
      <c r="AT3411" s="137"/>
      <c r="AU3411" s="137"/>
      <c r="AV3411" s="137"/>
      <c r="AW3411" s="144"/>
    </row>
    <row r="3412" spans="7:49" x14ac:dyDescent="0.2">
      <c r="G3412" s="43"/>
      <c r="Z3412" s="143"/>
      <c r="AA3412" s="137"/>
      <c r="AB3412" s="137"/>
      <c r="AC3412" s="137"/>
      <c r="AD3412" s="137"/>
      <c r="AE3412" s="137"/>
      <c r="AF3412" s="137"/>
      <c r="AG3412" s="137"/>
      <c r="AH3412" s="137"/>
      <c r="AI3412" s="137"/>
      <c r="AJ3412" s="137"/>
      <c r="AK3412" s="137"/>
      <c r="AL3412" s="137"/>
      <c r="AM3412" s="137"/>
      <c r="AN3412" s="137"/>
      <c r="AO3412" s="137"/>
      <c r="AP3412" s="137"/>
      <c r="AQ3412" s="137"/>
      <c r="AR3412" s="137"/>
      <c r="AS3412" s="137"/>
      <c r="AT3412" s="137"/>
      <c r="AU3412" s="137"/>
      <c r="AV3412" s="137"/>
      <c r="AW3412" s="144"/>
    </row>
    <row r="3413" spans="7:49" x14ac:dyDescent="0.2">
      <c r="G3413" s="43"/>
      <c r="Z3413" s="143"/>
      <c r="AA3413" s="137"/>
      <c r="AB3413" s="137"/>
      <c r="AC3413" s="137"/>
      <c r="AD3413" s="137"/>
      <c r="AE3413" s="137"/>
      <c r="AF3413" s="137"/>
      <c r="AG3413" s="137"/>
      <c r="AH3413" s="137"/>
      <c r="AI3413" s="137"/>
      <c r="AJ3413" s="137"/>
      <c r="AK3413" s="137"/>
      <c r="AL3413" s="137"/>
      <c r="AM3413" s="137"/>
      <c r="AN3413" s="137"/>
      <c r="AO3413" s="137"/>
      <c r="AP3413" s="137"/>
      <c r="AQ3413" s="137"/>
      <c r="AR3413" s="137"/>
      <c r="AS3413" s="137"/>
      <c r="AT3413" s="137"/>
      <c r="AU3413" s="137"/>
      <c r="AV3413" s="137"/>
      <c r="AW3413" s="144"/>
    </row>
    <row r="3414" spans="7:49" x14ac:dyDescent="0.2">
      <c r="G3414" s="43"/>
      <c r="Z3414" s="143"/>
      <c r="AA3414" s="137"/>
      <c r="AB3414" s="137"/>
      <c r="AC3414" s="137"/>
      <c r="AD3414" s="137"/>
      <c r="AE3414" s="137"/>
      <c r="AF3414" s="137"/>
      <c r="AG3414" s="137"/>
      <c r="AH3414" s="137"/>
      <c r="AI3414" s="137"/>
      <c r="AJ3414" s="137"/>
      <c r="AK3414" s="137"/>
      <c r="AL3414" s="137"/>
      <c r="AM3414" s="137"/>
      <c r="AN3414" s="137"/>
      <c r="AO3414" s="137"/>
      <c r="AP3414" s="137"/>
      <c r="AQ3414" s="137"/>
      <c r="AR3414" s="137"/>
      <c r="AS3414" s="137"/>
      <c r="AT3414" s="137"/>
      <c r="AU3414" s="137"/>
      <c r="AV3414" s="137"/>
      <c r="AW3414" s="144"/>
    </row>
    <row r="3415" spans="7:49" x14ac:dyDescent="0.2">
      <c r="G3415" s="43"/>
      <c r="Z3415" s="143"/>
      <c r="AA3415" s="137"/>
      <c r="AB3415" s="137"/>
      <c r="AC3415" s="137"/>
      <c r="AD3415" s="137"/>
      <c r="AE3415" s="137"/>
      <c r="AF3415" s="137"/>
      <c r="AG3415" s="137"/>
      <c r="AH3415" s="137"/>
      <c r="AI3415" s="137"/>
      <c r="AJ3415" s="137"/>
      <c r="AK3415" s="137"/>
      <c r="AL3415" s="137"/>
      <c r="AM3415" s="137"/>
      <c r="AN3415" s="137"/>
      <c r="AO3415" s="137"/>
      <c r="AP3415" s="137"/>
      <c r="AQ3415" s="137"/>
      <c r="AR3415" s="137"/>
      <c r="AS3415" s="137"/>
      <c r="AT3415" s="137"/>
      <c r="AU3415" s="137"/>
      <c r="AV3415" s="137"/>
      <c r="AW3415" s="144"/>
    </row>
    <row r="3416" spans="7:49" x14ac:dyDescent="0.2">
      <c r="G3416" s="43"/>
      <c r="Z3416" s="143"/>
      <c r="AA3416" s="137"/>
      <c r="AB3416" s="137"/>
      <c r="AC3416" s="137"/>
      <c r="AD3416" s="137"/>
      <c r="AE3416" s="137"/>
      <c r="AF3416" s="137"/>
      <c r="AG3416" s="137"/>
      <c r="AH3416" s="137"/>
      <c r="AI3416" s="137"/>
      <c r="AJ3416" s="137"/>
      <c r="AK3416" s="137"/>
      <c r="AL3416" s="137"/>
      <c r="AM3416" s="137"/>
      <c r="AN3416" s="137"/>
      <c r="AO3416" s="137"/>
      <c r="AP3416" s="137"/>
      <c r="AQ3416" s="137"/>
      <c r="AR3416" s="137"/>
      <c r="AS3416" s="137"/>
      <c r="AT3416" s="137"/>
      <c r="AU3416" s="137"/>
      <c r="AV3416" s="137"/>
      <c r="AW3416" s="144"/>
    </row>
    <row r="3417" spans="7:49" x14ac:dyDescent="0.2">
      <c r="G3417" s="43"/>
      <c r="Z3417" s="143"/>
      <c r="AA3417" s="137"/>
      <c r="AB3417" s="137"/>
      <c r="AC3417" s="137"/>
      <c r="AD3417" s="137"/>
      <c r="AE3417" s="137"/>
      <c r="AF3417" s="137"/>
      <c r="AG3417" s="137"/>
      <c r="AH3417" s="137"/>
      <c r="AI3417" s="137"/>
      <c r="AJ3417" s="137"/>
      <c r="AK3417" s="137"/>
      <c r="AL3417" s="137"/>
      <c r="AM3417" s="137"/>
      <c r="AN3417" s="137"/>
      <c r="AO3417" s="137"/>
      <c r="AP3417" s="137"/>
      <c r="AQ3417" s="137"/>
      <c r="AR3417" s="137"/>
      <c r="AS3417" s="137"/>
      <c r="AT3417" s="137"/>
      <c r="AU3417" s="137"/>
      <c r="AV3417" s="137"/>
      <c r="AW3417" s="144"/>
    </row>
    <row r="3418" spans="7:49" x14ac:dyDescent="0.2">
      <c r="G3418" s="43"/>
      <c r="Z3418" s="143"/>
      <c r="AA3418" s="137"/>
      <c r="AB3418" s="137"/>
      <c r="AC3418" s="137"/>
      <c r="AD3418" s="137"/>
      <c r="AE3418" s="137"/>
      <c r="AF3418" s="137"/>
      <c r="AG3418" s="137"/>
      <c r="AH3418" s="137"/>
      <c r="AI3418" s="137"/>
      <c r="AJ3418" s="137"/>
      <c r="AK3418" s="137"/>
      <c r="AL3418" s="137"/>
      <c r="AM3418" s="137"/>
      <c r="AN3418" s="137"/>
      <c r="AO3418" s="137"/>
      <c r="AP3418" s="137"/>
      <c r="AQ3418" s="137"/>
      <c r="AR3418" s="137"/>
      <c r="AS3418" s="137"/>
      <c r="AT3418" s="137"/>
      <c r="AU3418" s="137"/>
      <c r="AV3418" s="137"/>
      <c r="AW3418" s="144"/>
    </row>
    <row r="3419" spans="7:49" x14ac:dyDescent="0.2">
      <c r="G3419" s="43"/>
      <c r="Z3419" s="143"/>
      <c r="AA3419" s="137"/>
      <c r="AB3419" s="137"/>
      <c r="AC3419" s="137"/>
      <c r="AD3419" s="137"/>
      <c r="AE3419" s="137"/>
      <c r="AF3419" s="137"/>
      <c r="AG3419" s="137"/>
      <c r="AH3419" s="137"/>
      <c r="AI3419" s="137"/>
      <c r="AJ3419" s="137"/>
      <c r="AK3419" s="137"/>
      <c r="AL3419" s="137"/>
      <c r="AM3419" s="137"/>
      <c r="AN3419" s="137"/>
      <c r="AO3419" s="137"/>
      <c r="AP3419" s="137"/>
      <c r="AQ3419" s="137"/>
      <c r="AR3419" s="137"/>
      <c r="AS3419" s="137"/>
      <c r="AT3419" s="137"/>
      <c r="AU3419" s="137"/>
      <c r="AV3419" s="137"/>
      <c r="AW3419" s="144"/>
    </row>
    <row r="3420" spans="7:49" x14ac:dyDescent="0.2">
      <c r="G3420" s="43"/>
      <c r="Z3420" s="143"/>
      <c r="AA3420" s="137"/>
      <c r="AB3420" s="137"/>
      <c r="AC3420" s="137"/>
      <c r="AD3420" s="137"/>
      <c r="AE3420" s="137"/>
      <c r="AF3420" s="137"/>
      <c r="AG3420" s="137"/>
      <c r="AH3420" s="137"/>
      <c r="AI3420" s="137"/>
      <c r="AJ3420" s="137"/>
      <c r="AK3420" s="137"/>
      <c r="AL3420" s="137"/>
      <c r="AM3420" s="137"/>
      <c r="AN3420" s="137"/>
      <c r="AO3420" s="137"/>
      <c r="AP3420" s="137"/>
      <c r="AQ3420" s="137"/>
      <c r="AR3420" s="137"/>
      <c r="AS3420" s="137"/>
      <c r="AT3420" s="137"/>
      <c r="AU3420" s="137"/>
      <c r="AV3420" s="137"/>
      <c r="AW3420" s="144"/>
    </row>
    <row r="3421" spans="7:49" x14ac:dyDescent="0.2">
      <c r="G3421" s="43"/>
      <c r="Z3421" s="143"/>
      <c r="AA3421" s="137"/>
      <c r="AB3421" s="137"/>
      <c r="AC3421" s="137"/>
      <c r="AD3421" s="137"/>
      <c r="AE3421" s="137"/>
      <c r="AF3421" s="137"/>
      <c r="AG3421" s="137"/>
      <c r="AH3421" s="137"/>
      <c r="AI3421" s="137"/>
      <c r="AJ3421" s="137"/>
      <c r="AK3421" s="137"/>
      <c r="AL3421" s="137"/>
      <c r="AM3421" s="137"/>
      <c r="AN3421" s="137"/>
      <c r="AO3421" s="137"/>
      <c r="AP3421" s="137"/>
      <c r="AQ3421" s="137"/>
      <c r="AR3421" s="137"/>
      <c r="AS3421" s="137"/>
      <c r="AT3421" s="137"/>
      <c r="AU3421" s="137"/>
      <c r="AV3421" s="137"/>
      <c r="AW3421" s="144"/>
    </row>
    <row r="3422" spans="7:49" x14ac:dyDescent="0.2">
      <c r="G3422" s="43"/>
      <c r="Z3422" s="143"/>
      <c r="AA3422" s="137"/>
      <c r="AB3422" s="137"/>
      <c r="AC3422" s="137"/>
      <c r="AD3422" s="137"/>
      <c r="AE3422" s="137"/>
      <c r="AF3422" s="137"/>
      <c r="AG3422" s="137"/>
      <c r="AH3422" s="137"/>
      <c r="AI3422" s="137"/>
      <c r="AJ3422" s="137"/>
      <c r="AK3422" s="137"/>
      <c r="AL3422" s="137"/>
      <c r="AM3422" s="137"/>
      <c r="AN3422" s="137"/>
      <c r="AO3422" s="137"/>
      <c r="AP3422" s="137"/>
      <c r="AQ3422" s="137"/>
      <c r="AR3422" s="137"/>
      <c r="AS3422" s="137"/>
      <c r="AT3422" s="137"/>
      <c r="AU3422" s="137"/>
      <c r="AV3422" s="137"/>
      <c r="AW3422" s="144"/>
    </row>
    <row r="3423" spans="7:49" x14ac:dyDescent="0.2">
      <c r="G3423" s="43"/>
      <c r="Z3423" s="143"/>
      <c r="AA3423" s="137"/>
      <c r="AB3423" s="137"/>
      <c r="AC3423" s="137"/>
      <c r="AD3423" s="137"/>
      <c r="AE3423" s="137"/>
      <c r="AF3423" s="137"/>
      <c r="AG3423" s="137"/>
      <c r="AH3423" s="137"/>
      <c r="AI3423" s="137"/>
      <c r="AJ3423" s="137"/>
      <c r="AK3423" s="137"/>
      <c r="AL3423" s="137"/>
      <c r="AM3423" s="137"/>
      <c r="AN3423" s="137"/>
      <c r="AO3423" s="137"/>
      <c r="AP3423" s="137"/>
      <c r="AQ3423" s="137"/>
      <c r="AR3423" s="137"/>
      <c r="AS3423" s="137"/>
      <c r="AT3423" s="137"/>
      <c r="AU3423" s="137"/>
      <c r="AV3423" s="137"/>
      <c r="AW3423" s="144"/>
    </row>
    <row r="3424" spans="7:49" x14ac:dyDescent="0.2">
      <c r="G3424" s="43"/>
      <c r="Z3424" s="143"/>
      <c r="AA3424" s="137"/>
      <c r="AB3424" s="137"/>
      <c r="AC3424" s="137"/>
      <c r="AD3424" s="137"/>
      <c r="AE3424" s="137"/>
      <c r="AF3424" s="137"/>
      <c r="AG3424" s="137"/>
      <c r="AH3424" s="137"/>
      <c r="AI3424" s="137"/>
      <c r="AJ3424" s="137"/>
      <c r="AK3424" s="137"/>
      <c r="AL3424" s="137"/>
      <c r="AM3424" s="137"/>
      <c r="AN3424" s="137"/>
      <c r="AO3424" s="137"/>
      <c r="AP3424" s="137"/>
      <c r="AQ3424" s="137"/>
      <c r="AR3424" s="137"/>
      <c r="AS3424" s="137"/>
      <c r="AT3424" s="137"/>
      <c r="AU3424" s="137"/>
      <c r="AV3424" s="137"/>
      <c r="AW3424" s="144"/>
    </row>
    <row r="3425" spans="7:49" x14ac:dyDescent="0.2">
      <c r="G3425" s="43"/>
      <c r="Z3425" s="143"/>
      <c r="AA3425" s="137"/>
      <c r="AB3425" s="137"/>
      <c r="AC3425" s="137"/>
      <c r="AD3425" s="137"/>
      <c r="AE3425" s="137"/>
      <c r="AF3425" s="137"/>
      <c r="AG3425" s="137"/>
      <c r="AH3425" s="137"/>
      <c r="AI3425" s="137"/>
      <c r="AJ3425" s="137"/>
      <c r="AK3425" s="137"/>
      <c r="AL3425" s="137"/>
      <c r="AM3425" s="137"/>
      <c r="AN3425" s="137"/>
      <c r="AO3425" s="137"/>
      <c r="AP3425" s="137"/>
      <c r="AQ3425" s="137"/>
      <c r="AR3425" s="137"/>
      <c r="AS3425" s="137"/>
      <c r="AT3425" s="137"/>
      <c r="AU3425" s="137"/>
      <c r="AV3425" s="137"/>
      <c r="AW3425" s="144"/>
    </row>
    <row r="3426" spans="7:49" x14ac:dyDescent="0.2">
      <c r="G3426" s="43"/>
      <c r="Z3426" s="143"/>
      <c r="AA3426" s="137"/>
      <c r="AB3426" s="137"/>
      <c r="AC3426" s="137"/>
      <c r="AD3426" s="137"/>
      <c r="AE3426" s="137"/>
      <c r="AF3426" s="137"/>
      <c r="AG3426" s="137"/>
      <c r="AH3426" s="137"/>
      <c r="AI3426" s="137"/>
      <c r="AJ3426" s="137"/>
      <c r="AK3426" s="137"/>
      <c r="AL3426" s="137"/>
      <c r="AM3426" s="137"/>
      <c r="AN3426" s="137"/>
      <c r="AO3426" s="137"/>
      <c r="AP3426" s="137"/>
      <c r="AQ3426" s="137"/>
      <c r="AR3426" s="137"/>
      <c r="AS3426" s="137"/>
      <c r="AT3426" s="137"/>
      <c r="AU3426" s="137"/>
      <c r="AV3426" s="137"/>
      <c r="AW3426" s="144"/>
    </row>
    <row r="3427" spans="7:49" x14ac:dyDescent="0.2">
      <c r="G3427" s="43"/>
      <c r="Z3427" s="143"/>
      <c r="AA3427" s="137"/>
      <c r="AB3427" s="137"/>
      <c r="AC3427" s="137"/>
      <c r="AD3427" s="137"/>
      <c r="AE3427" s="137"/>
      <c r="AF3427" s="137"/>
      <c r="AG3427" s="137"/>
      <c r="AH3427" s="137"/>
      <c r="AI3427" s="137"/>
      <c r="AJ3427" s="137"/>
      <c r="AK3427" s="137"/>
      <c r="AL3427" s="137"/>
      <c r="AM3427" s="137"/>
      <c r="AN3427" s="137"/>
      <c r="AO3427" s="137"/>
      <c r="AP3427" s="137"/>
      <c r="AQ3427" s="137"/>
      <c r="AR3427" s="137"/>
      <c r="AS3427" s="137"/>
      <c r="AT3427" s="137"/>
      <c r="AU3427" s="137"/>
      <c r="AV3427" s="137"/>
      <c r="AW3427" s="144"/>
    </row>
    <row r="3428" spans="7:49" x14ac:dyDescent="0.2">
      <c r="G3428" s="43"/>
      <c r="Z3428" s="143"/>
      <c r="AA3428" s="137"/>
      <c r="AB3428" s="137"/>
      <c r="AC3428" s="137"/>
      <c r="AD3428" s="137"/>
      <c r="AE3428" s="137"/>
      <c r="AF3428" s="137"/>
      <c r="AG3428" s="137"/>
      <c r="AH3428" s="137"/>
      <c r="AI3428" s="137"/>
      <c r="AJ3428" s="137"/>
      <c r="AK3428" s="137"/>
      <c r="AL3428" s="137"/>
      <c r="AM3428" s="137"/>
      <c r="AN3428" s="137"/>
      <c r="AO3428" s="137"/>
      <c r="AP3428" s="137"/>
      <c r="AQ3428" s="137"/>
      <c r="AR3428" s="137"/>
      <c r="AS3428" s="137"/>
      <c r="AT3428" s="137"/>
      <c r="AU3428" s="137"/>
      <c r="AV3428" s="137"/>
      <c r="AW3428" s="144"/>
    </row>
    <row r="3429" spans="7:49" x14ac:dyDescent="0.2">
      <c r="G3429" s="43"/>
      <c r="Z3429" s="143"/>
      <c r="AA3429" s="137"/>
      <c r="AB3429" s="137"/>
      <c r="AC3429" s="137"/>
      <c r="AD3429" s="137"/>
      <c r="AE3429" s="137"/>
      <c r="AF3429" s="137"/>
      <c r="AG3429" s="137"/>
      <c r="AH3429" s="137"/>
      <c r="AI3429" s="137"/>
      <c r="AJ3429" s="137"/>
      <c r="AK3429" s="137"/>
      <c r="AL3429" s="137"/>
      <c r="AM3429" s="137"/>
      <c r="AN3429" s="137"/>
      <c r="AO3429" s="137"/>
      <c r="AP3429" s="137"/>
      <c r="AQ3429" s="137"/>
      <c r="AR3429" s="137"/>
      <c r="AS3429" s="137"/>
      <c r="AT3429" s="137"/>
      <c r="AU3429" s="137"/>
      <c r="AV3429" s="137"/>
      <c r="AW3429" s="144"/>
    </row>
    <row r="3430" spans="7:49" x14ac:dyDescent="0.2">
      <c r="G3430" s="43"/>
      <c r="Z3430" s="143"/>
      <c r="AA3430" s="137"/>
      <c r="AB3430" s="137"/>
      <c r="AC3430" s="137"/>
      <c r="AD3430" s="137"/>
      <c r="AE3430" s="137"/>
      <c r="AF3430" s="137"/>
      <c r="AG3430" s="137"/>
      <c r="AH3430" s="137"/>
      <c r="AI3430" s="137"/>
      <c r="AJ3430" s="137"/>
      <c r="AK3430" s="137"/>
      <c r="AL3430" s="137"/>
      <c r="AM3430" s="137"/>
      <c r="AN3430" s="137"/>
      <c r="AO3430" s="137"/>
      <c r="AP3430" s="137"/>
      <c r="AQ3430" s="137"/>
      <c r="AR3430" s="137"/>
      <c r="AS3430" s="137"/>
      <c r="AT3430" s="137"/>
      <c r="AU3430" s="137"/>
      <c r="AV3430" s="137"/>
      <c r="AW3430" s="144"/>
    </row>
    <row r="3431" spans="7:49" x14ac:dyDescent="0.2">
      <c r="G3431" s="43"/>
      <c r="Z3431" s="143"/>
      <c r="AA3431" s="137"/>
      <c r="AB3431" s="137"/>
      <c r="AC3431" s="137"/>
      <c r="AD3431" s="137"/>
      <c r="AE3431" s="137"/>
      <c r="AF3431" s="137"/>
      <c r="AG3431" s="137"/>
      <c r="AH3431" s="137"/>
      <c r="AI3431" s="137"/>
      <c r="AJ3431" s="137"/>
      <c r="AK3431" s="137"/>
      <c r="AL3431" s="137"/>
      <c r="AM3431" s="137"/>
      <c r="AN3431" s="137"/>
      <c r="AO3431" s="137"/>
      <c r="AP3431" s="137"/>
      <c r="AQ3431" s="137"/>
      <c r="AR3431" s="137"/>
      <c r="AS3431" s="137"/>
      <c r="AT3431" s="137"/>
      <c r="AU3431" s="137"/>
      <c r="AV3431" s="137"/>
      <c r="AW3431" s="144"/>
    </row>
    <row r="3432" spans="7:49" x14ac:dyDescent="0.2">
      <c r="G3432" s="43"/>
      <c r="Z3432" s="143"/>
      <c r="AA3432" s="137"/>
      <c r="AB3432" s="137"/>
      <c r="AC3432" s="137"/>
      <c r="AD3432" s="137"/>
      <c r="AE3432" s="137"/>
      <c r="AF3432" s="137"/>
      <c r="AG3432" s="137"/>
      <c r="AH3432" s="137"/>
      <c r="AI3432" s="137"/>
      <c r="AJ3432" s="137"/>
      <c r="AK3432" s="137"/>
      <c r="AL3432" s="137"/>
      <c r="AM3432" s="137"/>
      <c r="AN3432" s="137"/>
      <c r="AO3432" s="137"/>
      <c r="AP3432" s="137"/>
      <c r="AQ3432" s="137"/>
      <c r="AR3432" s="137"/>
      <c r="AS3432" s="137"/>
      <c r="AT3432" s="137"/>
      <c r="AU3432" s="137"/>
      <c r="AV3432" s="137"/>
      <c r="AW3432" s="144"/>
    </row>
    <row r="3433" spans="7:49" x14ac:dyDescent="0.2">
      <c r="G3433" s="43"/>
      <c r="Z3433" s="143"/>
      <c r="AA3433" s="137"/>
      <c r="AB3433" s="137"/>
      <c r="AC3433" s="137"/>
      <c r="AD3433" s="137"/>
      <c r="AE3433" s="137"/>
      <c r="AF3433" s="137"/>
      <c r="AG3433" s="137"/>
      <c r="AH3433" s="137"/>
      <c r="AI3433" s="137"/>
      <c r="AJ3433" s="137"/>
      <c r="AK3433" s="137"/>
      <c r="AL3433" s="137"/>
      <c r="AM3433" s="137"/>
      <c r="AN3433" s="137"/>
      <c r="AO3433" s="137"/>
      <c r="AP3433" s="137"/>
      <c r="AQ3433" s="137"/>
      <c r="AR3433" s="137"/>
      <c r="AS3433" s="137"/>
      <c r="AT3433" s="137"/>
      <c r="AU3433" s="137"/>
      <c r="AV3433" s="137"/>
      <c r="AW3433" s="144"/>
    </row>
    <row r="3434" spans="7:49" x14ac:dyDescent="0.2">
      <c r="G3434" s="43"/>
      <c r="Z3434" s="143"/>
      <c r="AA3434" s="137"/>
      <c r="AB3434" s="137"/>
      <c r="AC3434" s="137"/>
      <c r="AD3434" s="137"/>
      <c r="AE3434" s="137"/>
      <c r="AF3434" s="137"/>
      <c r="AG3434" s="137"/>
      <c r="AH3434" s="137"/>
      <c r="AI3434" s="137"/>
      <c r="AJ3434" s="137"/>
      <c r="AK3434" s="137"/>
      <c r="AL3434" s="137"/>
      <c r="AM3434" s="137"/>
      <c r="AN3434" s="137"/>
      <c r="AO3434" s="137"/>
      <c r="AP3434" s="137"/>
      <c r="AQ3434" s="137"/>
      <c r="AR3434" s="137"/>
      <c r="AS3434" s="137"/>
      <c r="AT3434" s="137"/>
      <c r="AU3434" s="137"/>
      <c r="AV3434" s="137"/>
      <c r="AW3434" s="144"/>
    </row>
    <row r="3435" spans="7:49" x14ac:dyDescent="0.2">
      <c r="G3435" s="43"/>
      <c r="Z3435" s="143"/>
      <c r="AA3435" s="137"/>
      <c r="AB3435" s="137"/>
      <c r="AC3435" s="137"/>
      <c r="AD3435" s="137"/>
      <c r="AE3435" s="137"/>
      <c r="AF3435" s="137"/>
      <c r="AG3435" s="137"/>
      <c r="AH3435" s="137"/>
      <c r="AI3435" s="137"/>
      <c r="AJ3435" s="137"/>
      <c r="AK3435" s="137"/>
      <c r="AL3435" s="137"/>
      <c r="AM3435" s="137"/>
      <c r="AN3435" s="137"/>
      <c r="AO3435" s="137"/>
      <c r="AP3435" s="137"/>
      <c r="AQ3435" s="137"/>
      <c r="AR3435" s="137"/>
      <c r="AS3435" s="137"/>
      <c r="AT3435" s="137"/>
      <c r="AU3435" s="137"/>
      <c r="AV3435" s="137"/>
      <c r="AW3435" s="144"/>
    </row>
    <row r="3436" spans="7:49" x14ac:dyDescent="0.2">
      <c r="G3436" s="43"/>
      <c r="Z3436" s="143"/>
      <c r="AA3436" s="137"/>
      <c r="AB3436" s="137"/>
      <c r="AC3436" s="137"/>
      <c r="AD3436" s="137"/>
      <c r="AE3436" s="137"/>
      <c r="AF3436" s="137"/>
      <c r="AG3436" s="137"/>
      <c r="AH3436" s="137"/>
      <c r="AI3436" s="137"/>
      <c r="AJ3436" s="137"/>
      <c r="AK3436" s="137"/>
      <c r="AL3436" s="137"/>
      <c r="AM3436" s="137"/>
      <c r="AN3436" s="137"/>
      <c r="AO3436" s="137"/>
      <c r="AP3436" s="137"/>
      <c r="AQ3436" s="137"/>
      <c r="AR3436" s="137"/>
      <c r="AS3436" s="137"/>
      <c r="AT3436" s="137"/>
      <c r="AU3436" s="137"/>
      <c r="AV3436" s="137"/>
      <c r="AW3436" s="144"/>
    </row>
    <row r="3437" spans="7:49" x14ac:dyDescent="0.2">
      <c r="G3437" s="43"/>
      <c r="Z3437" s="143"/>
      <c r="AA3437" s="137"/>
      <c r="AB3437" s="137"/>
      <c r="AC3437" s="137"/>
      <c r="AD3437" s="137"/>
      <c r="AE3437" s="137"/>
      <c r="AF3437" s="137"/>
      <c r="AG3437" s="137"/>
      <c r="AH3437" s="137"/>
      <c r="AI3437" s="137"/>
      <c r="AJ3437" s="137"/>
      <c r="AK3437" s="137"/>
      <c r="AL3437" s="137"/>
      <c r="AM3437" s="137"/>
      <c r="AN3437" s="137"/>
      <c r="AO3437" s="137"/>
      <c r="AP3437" s="137"/>
      <c r="AQ3437" s="137"/>
      <c r="AR3437" s="137"/>
      <c r="AS3437" s="137"/>
      <c r="AT3437" s="137"/>
      <c r="AU3437" s="137"/>
      <c r="AV3437" s="137"/>
      <c r="AW3437" s="144"/>
    </row>
    <row r="3438" spans="7:49" x14ac:dyDescent="0.2">
      <c r="G3438" s="43"/>
      <c r="Z3438" s="143"/>
      <c r="AA3438" s="137"/>
      <c r="AB3438" s="137"/>
      <c r="AC3438" s="137"/>
      <c r="AD3438" s="137"/>
      <c r="AE3438" s="137"/>
      <c r="AF3438" s="137"/>
      <c r="AG3438" s="137"/>
      <c r="AH3438" s="137"/>
      <c r="AI3438" s="137"/>
      <c r="AJ3438" s="137"/>
      <c r="AK3438" s="137"/>
      <c r="AL3438" s="137"/>
      <c r="AM3438" s="137"/>
      <c r="AN3438" s="137"/>
      <c r="AO3438" s="137"/>
      <c r="AP3438" s="137"/>
      <c r="AQ3438" s="137"/>
      <c r="AR3438" s="137"/>
      <c r="AS3438" s="137"/>
      <c r="AT3438" s="137"/>
      <c r="AU3438" s="137"/>
      <c r="AV3438" s="137"/>
      <c r="AW3438" s="144"/>
    </row>
    <row r="3439" spans="7:49" x14ac:dyDescent="0.2">
      <c r="G3439" s="43"/>
      <c r="Z3439" s="143"/>
      <c r="AA3439" s="137"/>
      <c r="AB3439" s="137"/>
      <c r="AC3439" s="137"/>
      <c r="AD3439" s="137"/>
      <c r="AE3439" s="137"/>
      <c r="AF3439" s="137"/>
      <c r="AG3439" s="137"/>
      <c r="AH3439" s="137"/>
      <c r="AI3439" s="137"/>
      <c r="AJ3439" s="137"/>
      <c r="AK3439" s="137"/>
      <c r="AL3439" s="137"/>
      <c r="AM3439" s="137"/>
      <c r="AN3439" s="137"/>
      <c r="AO3439" s="137"/>
      <c r="AP3439" s="137"/>
      <c r="AQ3439" s="137"/>
      <c r="AR3439" s="137"/>
      <c r="AS3439" s="137"/>
      <c r="AT3439" s="137"/>
      <c r="AU3439" s="137"/>
      <c r="AV3439" s="137"/>
      <c r="AW3439" s="144"/>
    </row>
    <row r="3440" spans="7:49" x14ac:dyDescent="0.2">
      <c r="G3440" s="43"/>
      <c r="Z3440" s="143"/>
      <c r="AA3440" s="137"/>
      <c r="AB3440" s="137"/>
      <c r="AC3440" s="137"/>
      <c r="AD3440" s="137"/>
      <c r="AE3440" s="137"/>
      <c r="AF3440" s="137"/>
      <c r="AG3440" s="137"/>
      <c r="AH3440" s="137"/>
      <c r="AI3440" s="137"/>
      <c r="AJ3440" s="137"/>
      <c r="AK3440" s="137"/>
      <c r="AL3440" s="137"/>
      <c r="AM3440" s="137"/>
      <c r="AN3440" s="137"/>
      <c r="AO3440" s="137"/>
      <c r="AP3440" s="137"/>
      <c r="AQ3440" s="137"/>
      <c r="AR3440" s="137"/>
      <c r="AS3440" s="137"/>
      <c r="AT3440" s="137"/>
      <c r="AU3440" s="137"/>
      <c r="AV3440" s="137"/>
      <c r="AW3440" s="144"/>
    </row>
    <row r="3441" spans="7:49" x14ac:dyDescent="0.2">
      <c r="G3441" s="43"/>
      <c r="Z3441" s="143"/>
      <c r="AA3441" s="137"/>
      <c r="AB3441" s="137"/>
      <c r="AC3441" s="137"/>
      <c r="AD3441" s="137"/>
      <c r="AE3441" s="137"/>
      <c r="AF3441" s="137"/>
      <c r="AG3441" s="137"/>
      <c r="AH3441" s="137"/>
      <c r="AI3441" s="137"/>
      <c r="AJ3441" s="137"/>
      <c r="AK3441" s="137"/>
      <c r="AL3441" s="137"/>
      <c r="AM3441" s="137"/>
      <c r="AN3441" s="137"/>
      <c r="AO3441" s="137"/>
      <c r="AP3441" s="137"/>
      <c r="AQ3441" s="137"/>
      <c r="AR3441" s="137"/>
      <c r="AS3441" s="137"/>
      <c r="AT3441" s="137"/>
      <c r="AU3441" s="137"/>
      <c r="AV3441" s="137"/>
      <c r="AW3441" s="144"/>
    </row>
    <row r="3442" spans="7:49" x14ac:dyDescent="0.2">
      <c r="G3442" s="43"/>
      <c r="Z3442" s="143"/>
      <c r="AA3442" s="137"/>
      <c r="AB3442" s="137"/>
      <c r="AC3442" s="137"/>
      <c r="AD3442" s="137"/>
      <c r="AE3442" s="137"/>
      <c r="AF3442" s="137"/>
      <c r="AG3442" s="137"/>
      <c r="AH3442" s="137"/>
      <c r="AI3442" s="137"/>
      <c r="AJ3442" s="137"/>
      <c r="AK3442" s="137"/>
      <c r="AL3442" s="137"/>
      <c r="AM3442" s="137"/>
      <c r="AN3442" s="137"/>
      <c r="AO3442" s="137"/>
      <c r="AP3442" s="137"/>
      <c r="AQ3442" s="137"/>
      <c r="AR3442" s="137"/>
      <c r="AS3442" s="137"/>
      <c r="AT3442" s="137"/>
      <c r="AU3442" s="137"/>
      <c r="AV3442" s="137"/>
      <c r="AW3442" s="144"/>
    </row>
    <row r="3443" spans="7:49" x14ac:dyDescent="0.2">
      <c r="G3443" s="43"/>
      <c r="Z3443" s="143"/>
      <c r="AA3443" s="137"/>
      <c r="AB3443" s="137"/>
      <c r="AC3443" s="137"/>
      <c r="AD3443" s="137"/>
      <c r="AE3443" s="137"/>
      <c r="AF3443" s="137"/>
      <c r="AG3443" s="137"/>
      <c r="AH3443" s="137"/>
      <c r="AI3443" s="137"/>
      <c r="AJ3443" s="137"/>
      <c r="AK3443" s="137"/>
      <c r="AL3443" s="137"/>
      <c r="AM3443" s="137"/>
      <c r="AN3443" s="137"/>
      <c r="AO3443" s="137"/>
      <c r="AP3443" s="137"/>
      <c r="AQ3443" s="137"/>
      <c r="AR3443" s="137"/>
      <c r="AS3443" s="137"/>
      <c r="AT3443" s="137"/>
      <c r="AU3443" s="137"/>
      <c r="AV3443" s="137"/>
      <c r="AW3443" s="144"/>
    </row>
    <row r="3444" spans="7:49" x14ac:dyDescent="0.2">
      <c r="G3444" s="43"/>
      <c r="Z3444" s="143"/>
      <c r="AA3444" s="137"/>
      <c r="AB3444" s="137"/>
      <c r="AC3444" s="137"/>
      <c r="AD3444" s="137"/>
      <c r="AE3444" s="137"/>
      <c r="AF3444" s="137"/>
      <c r="AG3444" s="137"/>
      <c r="AH3444" s="137"/>
      <c r="AI3444" s="137"/>
      <c r="AJ3444" s="137"/>
      <c r="AK3444" s="137"/>
      <c r="AL3444" s="137"/>
      <c r="AM3444" s="137"/>
      <c r="AN3444" s="137"/>
      <c r="AO3444" s="137"/>
      <c r="AP3444" s="137"/>
      <c r="AQ3444" s="137"/>
      <c r="AR3444" s="137"/>
      <c r="AS3444" s="137"/>
      <c r="AT3444" s="137"/>
      <c r="AU3444" s="137"/>
      <c r="AV3444" s="137"/>
      <c r="AW3444" s="144"/>
    </row>
    <row r="3445" spans="7:49" x14ac:dyDescent="0.2">
      <c r="G3445" s="43"/>
      <c r="Z3445" s="143"/>
      <c r="AA3445" s="137"/>
      <c r="AB3445" s="137"/>
      <c r="AC3445" s="137"/>
      <c r="AD3445" s="137"/>
      <c r="AE3445" s="137"/>
      <c r="AF3445" s="137"/>
      <c r="AG3445" s="137"/>
      <c r="AH3445" s="137"/>
      <c r="AI3445" s="137"/>
      <c r="AJ3445" s="137"/>
      <c r="AK3445" s="137"/>
      <c r="AL3445" s="137"/>
      <c r="AM3445" s="137"/>
      <c r="AN3445" s="137"/>
      <c r="AO3445" s="137"/>
      <c r="AP3445" s="137"/>
      <c r="AQ3445" s="137"/>
      <c r="AR3445" s="137"/>
      <c r="AS3445" s="137"/>
      <c r="AT3445" s="137"/>
      <c r="AU3445" s="137"/>
      <c r="AV3445" s="137"/>
      <c r="AW3445" s="144"/>
    </row>
    <row r="3446" spans="7:49" x14ac:dyDescent="0.2">
      <c r="G3446" s="43"/>
      <c r="Z3446" s="143"/>
      <c r="AA3446" s="137"/>
      <c r="AB3446" s="137"/>
      <c r="AC3446" s="137"/>
      <c r="AD3446" s="137"/>
      <c r="AE3446" s="137"/>
      <c r="AF3446" s="137"/>
      <c r="AG3446" s="137"/>
      <c r="AH3446" s="137"/>
      <c r="AI3446" s="137"/>
      <c r="AJ3446" s="137"/>
      <c r="AK3446" s="137"/>
      <c r="AL3446" s="137"/>
      <c r="AM3446" s="137"/>
      <c r="AN3446" s="137"/>
      <c r="AO3446" s="137"/>
      <c r="AP3446" s="137"/>
      <c r="AQ3446" s="137"/>
      <c r="AR3446" s="137"/>
      <c r="AS3446" s="137"/>
      <c r="AT3446" s="137"/>
      <c r="AU3446" s="137"/>
      <c r="AV3446" s="137"/>
      <c r="AW3446" s="144"/>
    </row>
    <row r="3447" spans="7:49" x14ac:dyDescent="0.2">
      <c r="G3447" s="43"/>
      <c r="Z3447" s="143"/>
      <c r="AA3447" s="137"/>
      <c r="AB3447" s="137"/>
      <c r="AC3447" s="137"/>
      <c r="AD3447" s="137"/>
      <c r="AE3447" s="137"/>
      <c r="AF3447" s="137"/>
      <c r="AG3447" s="137"/>
      <c r="AH3447" s="137"/>
      <c r="AI3447" s="137"/>
      <c r="AJ3447" s="137"/>
      <c r="AK3447" s="137"/>
      <c r="AL3447" s="137"/>
      <c r="AM3447" s="137"/>
      <c r="AN3447" s="137"/>
      <c r="AO3447" s="137"/>
      <c r="AP3447" s="137"/>
      <c r="AQ3447" s="137"/>
      <c r="AR3447" s="137"/>
      <c r="AS3447" s="137"/>
      <c r="AT3447" s="137"/>
      <c r="AU3447" s="137"/>
      <c r="AV3447" s="137"/>
      <c r="AW3447" s="144"/>
    </row>
    <row r="3448" spans="7:49" x14ac:dyDescent="0.2">
      <c r="G3448" s="43"/>
      <c r="Z3448" s="143"/>
      <c r="AA3448" s="137"/>
      <c r="AB3448" s="137"/>
      <c r="AC3448" s="137"/>
      <c r="AD3448" s="137"/>
      <c r="AE3448" s="137"/>
      <c r="AF3448" s="137"/>
      <c r="AG3448" s="137"/>
      <c r="AH3448" s="137"/>
      <c r="AI3448" s="137"/>
      <c r="AJ3448" s="137"/>
      <c r="AK3448" s="137"/>
      <c r="AL3448" s="137"/>
      <c r="AM3448" s="137"/>
      <c r="AN3448" s="137"/>
      <c r="AO3448" s="137"/>
      <c r="AP3448" s="137"/>
      <c r="AQ3448" s="137"/>
      <c r="AR3448" s="137"/>
      <c r="AS3448" s="137"/>
      <c r="AT3448" s="137"/>
      <c r="AU3448" s="137"/>
      <c r="AV3448" s="137"/>
      <c r="AW3448" s="144"/>
    </row>
    <row r="3449" spans="7:49" x14ac:dyDescent="0.2">
      <c r="G3449" s="43"/>
      <c r="Z3449" s="143"/>
      <c r="AA3449" s="137"/>
      <c r="AB3449" s="137"/>
      <c r="AC3449" s="137"/>
      <c r="AD3449" s="137"/>
      <c r="AE3449" s="137"/>
      <c r="AF3449" s="137"/>
      <c r="AG3449" s="137"/>
      <c r="AH3449" s="137"/>
      <c r="AI3449" s="137"/>
      <c r="AJ3449" s="137"/>
      <c r="AK3449" s="137"/>
      <c r="AL3449" s="137"/>
      <c r="AM3449" s="137"/>
      <c r="AN3449" s="137"/>
      <c r="AO3449" s="137"/>
      <c r="AP3449" s="137"/>
      <c r="AQ3449" s="137"/>
      <c r="AR3449" s="137"/>
      <c r="AS3449" s="137"/>
      <c r="AT3449" s="137"/>
      <c r="AU3449" s="137"/>
      <c r="AV3449" s="137"/>
      <c r="AW3449" s="144"/>
    </row>
    <row r="3450" spans="7:49" x14ac:dyDescent="0.2">
      <c r="G3450" s="43"/>
      <c r="Z3450" s="143"/>
      <c r="AA3450" s="137"/>
      <c r="AB3450" s="137"/>
      <c r="AC3450" s="137"/>
      <c r="AD3450" s="137"/>
      <c r="AE3450" s="137"/>
      <c r="AF3450" s="137"/>
      <c r="AG3450" s="137"/>
      <c r="AH3450" s="137"/>
      <c r="AI3450" s="137"/>
      <c r="AJ3450" s="137"/>
      <c r="AK3450" s="137"/>
      <c r="AL3450" s="137"/>
      <c r="AM3450" s="137"/>
      <c r="AN3450" s="137"/>
      <c r="AO3450" s="137"/>
      <c r="AP3450" s="137"/>
      <c r="AQ3450" s="137"/>
      <c r="AR3450" s="137"/>
      <c r="AS3450" s="137"/>
      <c r="AT3450" s="137"/>
      <c r="AU3450" s="137"/>
      <c r="AV3450" s="137"/>
      <c r="AW3450" s="144"/>
    </row>
    <row r="3451" spans="7:49" x14ac:dyDescent="0.2">
      <c r="G3451" s="43"/>
      <c r="Z3451" s="143"/>
      <c r="AA3451" s="137"/>
      <c r="AB3451" s="137"/>
      <c r="AC3451" s="137"/>
      <c r="AD3451" s="137"/>
      <c r="AE3451" s="137"/>
      <c r="AF3451" s="137"/>
      <c r="AG3451" s="137"/>
      <c r="AH3451" s="137"/>
      <c r="AI3451" s="137"/>
      <c r="AJ3451" s="137"/>
      <c r="AK3451" s="137"/>
      <c r="AL3451" s="137"/>
      <c r="AM3451" s="137"/>
      <c r="AN3451" s="137"/>
      <c r="AO3451" s="137"/>
      <c r="AP3451" s="137"/>
      <c r="AQ3451" s="137"/>
      <c r="AR3451" s="137"/>
      <c r="AS3451" s="137"/>
      <c r="AT3451" s="137"/>
      <c r="AU3451" s="137"/>
      <c r="AV3451" s="137"/>
      <c r="AW3451" s="144"/>
    </row>
    <row r="3452" spans="7:49" x14ac:dyDescent="0.2">
      <c r="G3452" s="43"/>
      <c r="Z3452" s="143"/>
      <c r="AA3452" s="137"/>
      <c r="AB3452" s="137"/>
      <c r="AC3452" s="137"/>
      <c r="AD3452" s="137"/>
      <c r="AE3452" s="137"/>
      <c r="AF3452" s="137"/>
      <c r="AG3452" s="137"/>
      <c r="AH3452" s="137"/>
      <c r="AI3452" s="137"/>
      <c r="AJ3452" s="137"/>
      <c r="AK3452" s="137"/>
      <c r="AL3452" s="137"/>
      <c r="AM3452" s="137"/>
      <c r="AN3452" s="137"/>
      <c r="AO3452" s="137"/>
      <c r="AP3452" s="137"/>
      <c r="AQ3452" s="137"/>
      <c r="AR3452" s="137"/>
      <c r="AS3452" s="137"/>
      <c r="AT3452" s="137"/>
      <c r="AU3452" s="137"/>
      <c r="AV3452" s="137"/>
      <c r="AW3452" s="144"/>
    </row>
    <row r="3453" spans="7:49" x14ac:dyDescent="0.2">
      <c r="G3453" s="43"/>
      <c r="Z3453" s="143"/>
      <c r="AA3453" s="137"/>
      <c r="AB3453" s="137"/>
      <c r="AC3453" s="137"/>
      <c r="AD3453" s="137"/>
      <c r="AE3453" s="137"/>
      <c r="AF3453" s="137"/>
      <c r="AG3453" s="137"/>
      <c r="AH3453" s="137"/>
      <c r="AI3453" s="137"/>
      <c r="AJ3453" s="137"/>
      <c r="AK3453" s="137"/>
      <c r="AL3453" s="137"/>
      <c r="AM3453" s="137"/>
      <c r="AN3453" s="137"/>
      <c r="AO3453" s="137"/>
      <c r="AP3453" s="137"/>
      <c r="AQ3453" s="137"/>
      <c r="AR3453" s="137"/>
      <c r="AS3453" s="137"/>
      <c r="AT3453" s="137"/>
      <c r="AU3453" s="137"/>
      <c r="AV3453" s="137"/>
      <c r="AW3453" s="144"/>
    </row>
    <row r="3454" spans="7:49" x14ac:dyDescent="0.2">
      <c r="G3454" s="43"/>
      <c r="Z3454" s="143"/>
      <c r="AA3454" s="137"/>
      <c r="AB3454" s="137"/>
      <c r="AC3454" s="137"/>
      <c r="AD3454" s="137"/>
      <c r="AE3454" s="137"/>
      <c r="AF3454" s="137"/>
      <c r="AG3454" s="137"/>
      <c r="AH3454" s="137"/>
      <c r="AI3454" s="137"/>
      <c r="AJ3454" s="137"/>
      <c r="AK3454" s="137"/>
      <c r="AL3454" s="137"/>
      <c r="AM3454" s="137"/>
      <c r="AN3454" s="137"/>
      <c r="AO3454" s="137"/>
      <c r="AP3454" s="137"/>
      <c r="AQ3454" s="137"/>
      <c r="AR3454" s="137"/>
      <c r="AS3454" s="137"/>
      <c r="AT3454" s="137"/>
      <c r="AU3454" s="137"/>
      <c r="AV3454" s="137"/>
      <c r="AW3454" s="144"/>
    </row>
    <row r="3455" spans="7:49" x14ac:dyDescent="0.2">
      <c r="G3455" s="43"/>
      <c r="Z3455" s="143"/>
      <c r="AA3455" s="137"/>
      <c r="AB3455" s="137"/>
      <c r="AC3455" s="137"/>
      <c r="AD3455" s="137"/>
      <c r="AE3455" s="137"/>
      <c r="AF3455" s="137"/>
      <c r="AG3455" s="137"/>
      <c r="AH3455" s="137"/>
      <c r="AI3455" s="137"/>
      <c r="AJ3455" s="137"/>
      <c r="AK3455" s="137"/>
      <c r="AL3455" s="137"/>
      <c r="AM3455" s="137"/>
      <c r="AN3455" s="137"/>
      <c r="AO3455" s="137"/>
      <c r="AP3455" s="137"/>
      <c r="AQ3455" s="137"/>
      <c r="AR3455" s="137"/>
      <c r="AS3455" s="137"/>
      <c r="AT3455" s="137"/>
      <c r="AU3455" s="137"/>
      <c r="AV3455" s="137"/>
      <c r="AW3455" s="144"/>
    </row>
    <row r="3456" spans="7:49" x14ac:dyDescent="0.2">
      <c r="G3456" s="43"/>
      <c r="Z3456" s="143"/>
      <c r="AA3456" s="137"/>
      <c r="AB3456" s="137"/>
      <c r="AC3456" s="137"/>
      <c r="AD3456" s="137"/>
      <c r="AE3456" s="137"/>
      <c r="AF3456" s="137"/>
      <c r="AG3456" s="137"/>
      <c r="AH3456" s="137"/>
      <c r="AI3456" s="137"/>
      <c r="AJ3456" s="137"/>
      <c r="AK3456" s="137"/>
      <c r="AL3456" s="137"/>
      <c r="AM3456" s="137"/>
      <c r="AN3456" s="137"/>
      <c r="AO3456" s="137"/>
      <c r="AP3456" s="137"/>
      <c r="AQ3456" s="137"/>
      <c r="AR3456" s="137"/>
      <c r="AS3456" s="137"/>
      <c r="AT3456" s="137"/>
      <c r="AU3456" s="137"/>
      <c r="AV3456" s="137"/>
      <c r="AW3456" s="144"/>
    </row>
    <row r="3457" spans="7:49" x14ac:dyDescent="0.2">
      <c r="G3457" s="43"/>
      <c r="Z3457" s="143"/>
      <c r="AA3457" s="137"/>
      <c r="AB3457" s="137"/>
      <c r="AC3457" s="137"/>
      <c r="AD3457" s="137"/>
      <c r="AE3457" s="137"/>
      <c r="AF3457" s="137"/>
      <c r="AG3457" s="137"/>
      <c r="AH3457" s="137"/>
      <c r="AI3457" s="137"/>
      <c r="AJ3457" s="137"/>
      <c r="AK3457" s="137"/>
      <c r="AL3457" s="137"/>
      <c r="AM3457" s="137"/>
      <c r="AN3457" s="137"/>
      <c r="AO3457" s="137"/>
      <c r="AP3457" s="137"/>
      <c r="AQ3457" s="137"/>
      <c r="AR3457" s="137"/>
      <c r="AS3457" s="137"/>
      <c r="AT3457" s="137"/>
      <c r="AU3457" s="137"/>
      <c r="AV3457" s="137"/>
      <c r="AW3457" s="144"/>
    </row>
    <row r="3458" spans="7:49" x14ac:dyDescent="0.2">
      <c r="G3458" s="43"/>
      <c r="Z3458" s="143"/>
      <c r="AA3458" s="137"/>
      <c r="AB3458" s="137"/>
      <c r="AC3458" s="137"/>
      <c r="AD3458" s="137"/>
      <c r="AE3458" s="137"/>
      <c r="AF3458" s="137"/>
      <c r="AG3458" s="137"/>
      <c r="AH3458" s="137"/>
      <c r="AI3458" s="137"/>
      <c r="AJ3458" s="137"/>
      <c r="AK3458" s="137"/>
      <c r="AL3458" s="137"/>
      <c r="AM3458" s="137"/>
      <c r="AN3458" s="137"/>
      <c r="AO3458" s="137"/>
      <c r="AP3458" s="137"/>
      <c r="AQ3458" s="137"/>
      <c r="AR3458" s="137"/>
      <c r="AS3458" s="137"/>
      <c r="AT3458" s="137"/>
      <c r="AU3458" s="137"/>
      <c r="AV3458" s="137"/>
      <c r="AW3458" s="144"/>
    </row>
    <row r="3459" spans="7:49" x14ac:dyDescent="0.2">
      <c r="G3459" s="43"/>
      <c r="Z3459" s="143"/>
      <c r="AA3459" s="137"/>
      <c r="AB3459" s="137"/>
      <c r="AC3459" s="137"/>
      <c r="AD3459" s="137"/>
      <c r="AE3459" s="137"/>
      <c r="AF3459" s="137"/>
      <c r="AG3459" s="137"/>
      <c r="AH3459" s="137"/>
      <c r="AI3459" s="137"/>
      <c r="AJ3459" s="137"/>
      <c r="AK3459" s="137"/>
      <c r="AL3459" s="137"/>
      <c r="AM3459" s="137"/>
      <c r="AN3459" s="137"/>
      <c r="AO3459" s="137"/>
      <c r="AP3459" s="137"/>
      <c r="AQ3459" s="137"/>
      <c r="AR3459" s="137"/>
      <c r="AS3459" s="137"/>
      <c r="AT3459" s="137"/>
      <c r="AU3459" s="137"/>
      <c r="AV3459" s="137"/>
      <c r="AW3459" s="144"/>
    </row>
    <row r="3460" spans="7:49" x14ac:dyDescent="0.2">
      <c r="G3460" s="43"/>
      <c r="Z3460" s="143"/>
      <c r="AA3460" s="137"/>
      <c r="AB3460" s="137"/>
      <c r="AC3460" s="137"/>
      <c r="AD3460" s="137"/>
      <c r="AE3460" s="137"/>
      <c r="AF3460" s="137"/>
      <c r="AG3460" s="137"/>
      <c r="AH3460" s="137"/>
      <c r="AI3460" s="137"/>
      <c r="AJ3460" s="137"/>
      <c r="AK3460" s="137"/>
      <c r="AL3460" s="137"/>
      <c r="AM3460" s="137"/>
      <c r="AN3460" s="137"/>
      <c r="AO3460" s="137"/>
      <c r="AP3460" s="137"/>
      <c r="AQ3460" s="137"/>
      <c r="AR3460" s="137"/>
      <c r="AS3460" s="137"/>
      <c r="AT3460" s="137"/>
      <c r="AU3460" s="137"/>
      <c r="AV3460" s="137"/>
      <c r="AW3460" s="144"/>
    </row>
    <row r="3461" spans="7:49" x14ac:dyDescent="0.2">
      <c r="G3461" s="43"/>
      <c r="Z3461" s="143"/>
      <c r="AA3461" s="137"/>
      <c r="AB3461" s="137"/>
      <c r="AC3461" s="137"/>
      <c r="AD3461" s="137"/>
      <c r="AE3461" s="137"/>
      <c r="AF3461" s="137"/>
      <c r="AG3461" s="137"/>
      <c r="AH3461" s="137"/>
      <c r="AI3461" s="137"/>
      <c r="AJ3461" s="137"/>
      <c r="AK3461" s="137"/>
      <c r="AL3461" s="137"/>
      <c r="AM3461" s="137"/>
      <c r="AN3461" s="137"/>
      <c r="AO3461" s="137"/>
      <c r="AP3461" s="137"/>
      <c r="AQ3461" s="137"/>
      <c r="AR3461" s="137"/>
      <c r="AS3461" s="137"/>
      <c r="AT3461" s="137"/>
      <c r="AU3461" s="137"/>
      <c r="AV3461" s="137"/>
      <c r="AW3461" s="144"/>
    </row>
    <row r="3462" spans="7:49" x14ac:dyDescent="0.2">
      <c r="G3462" s="43"/>
      <c r="Z3462" s="143"/>
      <c r="AA3462" s="137"/>
      <c r="AB3462" s="137"/>
      <c r="AC3462" s="137"/>
      <c r="AD3462" s="137"/>
      <c r="AE3462" s="137"/>
      <c r="AF3462" s="137"/>
      <c r="AG3462" s="137"/>
      <c r="AH3462" s="137"/>
      <c r="AI3462" s="137"/>
      <c r="AJ3462" s="137"/>
      <c r="AK3462" s="137"/>
      <c r="AL3462" s="137"/>
      <c r="AM3462" s="137"/>
      <c r="AN3462" s="137"/>
      <c r="AO3462" s="137"/>
      <c r="AP3462" s="137"/>
      <c r="AQ3462" s="137"/>
      <c r="AR3462" s="137"/>
      <c r="AS3462" s="137"/>
      <c r="AT3462" s="137"/>
      <c r="AU3462" s="137"/>
      <c r="AV3462" s="137"/>
      <c r="AW3462" s="144"/>
    </row>
    <row r="3463" spans="7:49" x14ac:dyDescent="0.2">
      <c r="G3463" s="43"/>
      <c r="Z3463" s="143"/>
      <c r="AA3463" s="137"/>
      <c r="AB3463" s="137"/>
      <c r="AC3463" s="137"/>
      <c r="AD3463" s="137"/>
      <c r="AE3463" s="137"/>
      <c r="AF3463" s="137"/>
      <c r="AG3463" s="137"/>
      <c r="AH3463" s="137"/>
      <c r="AI3463" s="137"/>
      <c r="AJ3463" s="137"/>
      <c r="AK3463" s="137"/>
      <c r="AL3463" s="137"/>
      <c r="AM3463" s="137"/>
      <c r="AN3463" s="137"/>
      <c r="AO3463" s="137"/>
      <c r="AP3463" s="137"/>
      <c r="AQ3463" s="137"/>
      <c r="AR3463" s="137"/>
      <c r="AS3463" s="137"/>
      <c r="AT3463" s="137"/>
      <c r="AU3463" s="137"/>
      <c r="AV3463" s="137"/>
      <c r="AW3463" s="144"/>
    </row>
    <row r="3464" spans="7:49" x14ac:dyDescent="0.2">
      <c r="G3464" s="43"/>
      <c r="Z3464" s="143"/>
      <c r="AA3464" s="137"/>
      <c r="AB3464" s="137"/>
      <c r="AC3464" s="137"/>
      <c r="AD3464" s="137"/>
      <c r="AE3464" s="137"/>
      <c r="AF3464" s="137"/>
      <c r="AG3464" s="137"/>
      <c r="AH3464" s="137"/>
      <c r="AI3464" s="137"/>
      <c r="AJ3464" s="137"/>
      <c r="AK3464" s="137"/>
      <c r="AL3464" s="137"/>
      <c r="AM3464" s="137"/>
      <c r="AN3464" s="137"/>
      <c r="AO3464" s="137"/>
      <c r="AP3464" s="137"/>
      <c r="AQ3464" s="137"/>
      <c r="AR3464" s="137"/>
      <c r="AS3464" s="137"/>
      <c r="AT3464" s="137"/>
      <c r="AU3464" s="137"/>
      <c r="AV3464" s="137"/>
      <c r="AW3464" s="144"/>
    </row>
    <row r="3465" spans="7:49" x14ac:dyDescent="0.2">
      <c r="G3465" s="43"/>
      <c r="Z3465" s="143"/>
      <c r="AA3465" s="137"/>
      <c r="AB3465" s="137"/>
      <c r="AC3465" s="137"/>
      <c r="AD3465" s="137"/>
      <c r="AE3465" s="137"/>
      <c r="AF3465" s="137"/>
      <c r="AG3465" s="137"/>
      <c r="AH3465" s="137"/>
      <c r="AI3465" s="137"/>
      <c r="AJ3465" s="137"/>
      <c r="AK3465" s="137"/>
      <c r="AL3465" s="137"/>
      <c r="AM3465" s="137"/>
      <c r="AN3465" s="137"/>
      <c r="AO3465" s="137"/>
      <c r="AP3465" s="137"/>
      <c r="AQ3465" s="137"/>
      <c r="AR3465" s="137"/>
      <c r="AS3465" s="137"/>
      <c r="AT3465" s="137"/>
      <c r="AU3465" s="137"/>
      <c r="AV3465" s="137"/>
      <c r="AW3465" s="144"/>
    </row>
    <row r="3466" spans="7:49" x14ac:dyDescent="0.2">
      <c r="G3466" s="43"/>
      <c r="Z3466" s="143"/>
      <c r="AA3466" s="137"/>
      <c r="AB3466" s="137"/>
      <c r="AC3466" s="137"/>
      <c r="AD3466" s="137"/>
      <c r="AE3466" s="137"/>
      <c r="AF3466" s="137"/>
      <c r="AG3466" s="137"/>
      <c r="AH3466" s="137"/>
      <c r="AI3466" s="137"/>
      <c r="AJ3466" s="137"/>
      <c r="AK3466" s="137"/>
      <c r="AL3466" s="137"/>
      <c r="AM3466" s="137"/>
      <c r="AN3466" s="137"/>
      <c r="AO3466" s="137"/>
      <c r="AP3466" s="137"/>
      <c r="AQ3466" s="137"/>
      <c r="AR3466" s="137"/>
      <c r="AS3466" s="137"/>
      <c r="AT3466" s="137"/>
      <c r="AU3466" s="137"/>
      <c r="AV3466" s="137"/>
      <c r="AW3466" s="144"/>
    </row>
    <row r="3467" spans="7:49" x14ac:dyDescent="0.2">
      <c r="G3467" s="43"/>
      <c r="Z3467" s="143"/>
      <c r="AA3467" s="137"/>
      <c r="AB3467" s="137"/>
      <c r="AC3467" s="137"/>
      <c r="AD3467" s="137"/>
      <c r="AE3467" s="137"/>
      <c r="AF3467" s="137"/>
      <c r="AG3467" s="137"/>
      <c r="AH3467" s="137"/>
      <c r="AI3467" s="137"/>
      <c r="AJ3467" s="137"/>
      <c r="AK3467" s="137"/>
      <c r="AL3467" s="137"/>
      <c r="AM3467" s="137"/>
      <c r="AN3467" s="137"/>
      <c r="AO3467" s="137"/>
      <c r="AP3467" s="137"/>
      <c r="AQ3467" s="137"/>
      <c r="AR3467" s="137"/>
      <c r="AS3467" s="137"/>
      <c r="AT3467" s="137"/>
      <c r="AU3467" s="137"/>
      <c r="AV3467" s="137"/>
      <c r="AW3467" s="144"/>
    </row>
    <row r="3468" spans="7:49" x14ac:dyDescent="0.2">
      <c r="G3468" s="43"/>
      <c r="Z3468" s="143"/>
      <c r="AA3468" s="137"/>
      <c r="AB3468" s="137"/>
      <c r="AC3468" s="137"/>
      <c r="AD3468" s="137"/>
      <c r="AE3468" s="137"/>
      <c r="AF3468" s="137"/>
      <c r="AG3468" s="137"/>
      <c r="AH3468" s="137"/>
      <c r="AI3468" s="137"/>
      <c r="AJ3468" s="137"/>
      <c r="AK3468" s="137"/>
      <c r="AL3468" s="137"/>
      <c r="AM3468" s="137"/>
      <c r="AN3468" s="137"/>
      <c r="AO3468" s="137"/>
      <c r="AP3468" s="137"/>
      <c r="AQ3468" s="137"/>
      <c r="AR3468" s="137"/>
      <c r="AS3468" s="137"/>
      <c r="AT3468" s="137"/>
      <c r="AU3468" s="137"/>
      <c r="AV3468" s="137"/>
      <c r="AW3468" s="144"/>
    </row>
    <row r="3469" spans="7:49" x14ac:dyDescent="0.2">
      <c r="G3469" s="43"/>
      <c r="Z3469" s="143"/>
      <c r="AA3469" s="137"/>
      <c r="AB3469" s="137"/>
      <c r="AC3469" s="137"/>
      <c r="AD3469" s="137"/>
      <c r="AE3469" s="137"/>
      <c r="AF3469" s="137"/>
      <c r="AG3469" s="137"/>
      <c r="AH3469" s="137"/>
      <c r="AI3469" s="137"/>
      <c r="AJ3469" s="137"/>
      <c r="AK3469" s="137"/>
      <c r="AL3469" s="137"/>
      <c r="AM3469" s="137"/>
      <c r="AN3469" s="137"/>
      <c r="AO3469" s="137"/>
      <c r="AP3469" s="137"/>
      <c r="AQ3469" s="137"/>
      <c r="AR3469" s="137"/>
      <c r="AS3469" s="137"/>
      <c r="AT3469" s="137"/>
      <c r="AU3469" s="137"/>
      <c r="AV3469" s="137"/>
      <c r="AW3469" s="144"/>
    </row>
    <row r="3470" spans="7:49" x14ac:dyDescent="0.2">
      <c r="G3470" s="43"/>
      <c r="Z3470" s="143"/>
      <c r="AA3470" s="137"/>
      <c r="AB3470" s="137"/>
      <c r="AC3470" s="137"/>
      <c r="AD3470" s="137"/>
      <c r="AE3470" s="137"/>
      <c r="AF3470" s="137"/>
      <c r="AG3470" s="137"/>
      <c r="AH3470" s="137"/>
      <c r="AI3470" s="137"/>
      <c r="AJ3470" s="137"/>
      <c r="AK3470" s="137"/>
      <c r="AL3470" s="137"/>
      <c r="AM3470" s="137"/>
      <c r="AN3470" s="137"/>
      <c r="AO3470" s="137"/>
      <c r="AP3470" s="137"/>
      <c r="AQ3470" s="137"/>
      <c r="AR3470" s="137"/>
      <c r="AS3470" s="137"/>
      <c r="AT3470" s="137"/>
      <c r="AU3470" s="137"/>
      <c r="AV3470" s="137"/>
      <c r="AW3470" s="144"/>
    </row>
    <row r="3471" spans="7:49" x14ac:dyDescent="0.2">
      <c r="G3471" s="43"/>
      <c r="Z3471" s="143"/>
      <c r="AA3471" s="137"/>
      <c r="AB3471" s="137"/>
      <c r="AC3471" s="137"/>
      <c r="AD3471" s="137"/>
      <c r="AE3471" s="137"/>
      <c r="AF3471" s="137"/>
      <c r="AG3471" s="137"/>
      <c r="AH3471" s="137"/>
      <c r="AI3471" s="137"/>
      <c r="AJ3471" s="137"/>
      <c r="AK3471" s="137"/>
      <c r="AL3471" s="137"/>
      <c r="AM3471" s="137"/>
      <c r="AN3471" s="137"/>
      <c r="AO3471" s="137"/>
      <c r="AP3471" s="137"/>
      <c r="AQ3471" s="137"/>
      <c r="AR3471" s="137"/>
      <c r="AS3471" s="137"/>
      <c r="AT3471" s="137"/>
      <c r="AU3471" s="137"/>
      <c r="AV3471" s="137"/>
      <c r="AW3471" s="144"/>
    </row>
    <row r="3472" spans="7:49" x14ac:dyDescent="0.2">
      <c r="G3472" s="43"/>
      <c r="Z3472" s="143"/>
      <c r="AA3472" s="137"/>
      <c r="AB3472" s="137"/>
      <c r="AC3472" s="137"/>
      <c r="AD3472" s="137"/>
      <c r="AE3472" s="137"/>
      <c r="AF3472" s="137"/>
      <c r="AG3472" s="137"/>
      <c r="AH3472" s="137"/>
      <c r="AI3472" s="137"/>
      <c r="AJ3472" s="137"/>
      <c r="AK3472" s="137"/>
      <c r="AL3472" s="137"/>
      <c r="AM3472" s="137"/>
      <c r="AN3472" s="137"/>
      <c r="AO3472" s="137"/>
      <c r="AP3472" s="137"/>
      <c r="AQ3472" s="137"/>
      <c r="AR3472" s="137"/>
      <c r="AS3472" s="137"/>
      <c r="AT3472" s="137"/>
      <c r="AU3472" s="137"/>
      <c r="AV3472" s="137"/>
      <c r="AW3472" s="144"/>
    </row>
    <row r="3473" spans="7:49" x14ac:dyDescent="0.2">
      <c r="G3473" s="43"/>
      <c r="Z3473" s="143"/>
      <c r="AA3473" s="137"/>
      <c r="AB3473" s="137"/>
      <c r="AC3473" s="137"/>
      <c r="AD3473" s="137"/>
      <c r="AE3473" s="137"/>
      <c r="AF3473" s="137"/>
      <c r="AG3473" s="137"/>
      <c r="AH3473" s="137"/>
      <c r="AI3473" s="137"/>
      <c r="AJ3473" s="137"/>
      <c r="AK3473" s="137"/>
      <c r="AL3473" s="137"/>
      <c r="AM3473" s="137"/>
      <c r="AN3473" s="137"/>
      <c r="AO3473" s="137"/>
      <c r="AP3473" s="137"/>
      <c r="AQ3473" s="137"/>
      <c r="AR3473" s="137"/>
      <c r="AS3473" s="137"/>
      <c r="AT3473" s="137"/>
      <c r="AU3473" s="137"/>
      <c r="AV3473" s="137"/>
      <c r="AW3473" s="144"/>
    </row>
    <row r="3474" spans="7:49" x14ac:dyDescent="0.2">
      <c r="G3474" s="43"/>
      <c r="Z3474" s="143"/>
      <c r="AA3474" s="137"/>
      <c r="AB3474" s="137"/>
      <c r="AC3474" s="137"/>
      <c r="AD3474" s="137"/>
      <c r="AE3474" s="137"/>
      <c r="AF3474" s="137"/>
      <c r="AG3474" s="137"/>
      <c r="AH3474" s="137"/>
      <c r="AI3474" s="137"/>
      <c r="AJ3474" s="137"/>
      <c r="AK3474" s="137"/>
      <c r="AL3474" s="137"/>
      <c r="AM3474" s="137"/>
      <c r="AN3474" s="137"/>
      <c r="AO3474" s="137"/>
      <c r="AP3474" s="137"/>
      <c r="AQ3474" s="137"/>
      <c r="AR3474" s="137"/>
      <c r="AS3474" s="137"/>
      <c r="AT3474" s="137"/>
      <c r="AU3474" s="137"/>
      <c r="AV3474" s="137"/>
      <c r="AW3474" s="144"/>
    </row>
    <row r="3475" spans="7:49" x14ac:dyDescent="0.2">
      <c r="G3475" s="43"/>
      <c r="Z3475" s="143"/>
      <c r="AA3475" s="137"/>
      <c r="AB3475" s="137"/>
      <c r="AC3475" s="137"/>
      <c r="AD3475" s="137"/>
      <c r="AE3475" s="137"/>
      <c r="AF3475" s="137"/>
      <c r="AG3475" s="137"/>
      <c r="AH3475" s="137"/>
      <c r="AI3475" s="137"/>
      <c r="AJ3475" s="137"/>
      <c r="AK3475" s="137"/>
      <c r="AL3475" s="137"/>
      <c r="AM3475" s="137"/>
      <c r="AN3475" s="137"/>
      <c r="AO3475" s="137"/>
      <c r="AP3475" s="137"/>
      <c r="AQ3475" s="137"/>
      <c r="AR3475" s="137"/>
      <c r="AS3475" s="137"/>
      <c r="AT3475" s="137"/>
      <c r="AU3475" s="137"/>
      <c r="AV3475" s="137"/>
      <c r="AW3475" s="144"/>
    </row>
    <row r="3476" spans="7:49" x14ac:dyDescent="0.2">
      <c r="G3476" s="43"/>
      <c r="Z3476" s="143"/>
      <c r="AA3476" s="137"/>
      <c r="AB3476" s="137"/>
      <c r="AC3476" s="137"/>
      <c r="AD3476" s="137"/>
      <c r="AE3476" s="137"/>
      <c r="AF3476" s="137"/>
      <c r="AG3476" s="137"/>
      <c r="AH3476" s="137"/>
      <c r="AI3476" s="137"/>
      <c r="AJ3476" s="137"/>
      <c r="AK3476" s="137"/>
      <c r="AL3476" s="137"/>
      <c r="AM3476" s="137"/>
      <c r="AN3476" s="137"/>
      <c r="AO3476" s="137"/>
      <c r="AP3476" s="137"/>
      <c r="AQ3476" s="137"/>
      <c r="AR3476" s="137"/>
      <c r="AS3476" s="137"/>
      <c r="AT3476" s="137"/>
      <c r="AU3476" s="137"/>
      <c r="AV3476" s="137"/>
      <c r="AW3476" s="144"/>
    </row>
    <row r="3477" spans="7:49" x14ac:dyDescent="0.2">
      <c r="G3477" s="43"/>
      <c r="Z3477" s="143"/>
      <c r="AA3477" s="137"/>
      <c r="AB3477" s="137"/>
      <c r="AC3477" s="137"/>
      <c r="AD3477" s="137"/>
      <c r="AE3477" s="137"/>
      <c r="AF3477" s="137"/>
      <c r="AG3477" s="137"/>
      <c r="AH3477" s="137"/>
      <c r="AI3477" s="137"/>
      <c r="AJ3477" s="137"/>
      <c r="AK3477" s="137"/>
      <c r="AL3477" s="137"/>
      <c r="AM3477" s="137"/>
      <c r="AN3477" s="137"/>
      <c r="AO3477" s="137"/>
      <c r="AP3477" s="137"/>
      <c r="AQ3477" s="137"/>
      <c r="AR3477" s="137"/>
      <c r="AS3477" s="137"/>
      <c r="AT3477" s="137"/>
      <c r="AU3477" s="137"/>
      <c r="AV3477" s="137"/>
      <c r="AW3477" s="144"/>
    </row>
    <row r="3478" spans="7:49" x14ac:dyDescent="0.2">
      <c r="G3478" s="43"/>
      <c r="Z3478" s="143"/>
      <c r="AA3478" s="137"/>
      <c r="AB3478" s="137"/>
      <c r="AC3478" s="137"/>
      <c r="AD3478" s="137"/>
      <c r="AE3478" s="137"/>
      <c r="AF3478" s="137"/>
      <c r="AG3478" s="137"/>
      <c r="AH3478" s="137"/>
      <c r="AI3478" s="137"/>
      <c r="AJ3478" s="137"/>
      <c r="AK3478" s="137"/>
      <c r="AL3478" s="137"/>
      <c r="AM3478" s="137"/>
      <c r="AN3478" s="137"/>
      <c r="AO3478" s="137"/>
      <c r="AP3478" s="137"/>
      <c r="AQ3478" s="137"/>
      <c r="AR3478" s="137"/>
      <c r="AS3478" s="137"/>
      <c r="AT3478" s="137"/>
      <c r="AU3478" s="137"/>
      <c r="AV3478" s="137"/>
      <c r="AW3478" s="144"/>
    </row>
    <row r="3479" spans="7:49" x14ac:dyDescent="0.2">
      <c r="G3479" s="43"/>
      <c r="Z3479" s="143"/>
      <c r="AA3479" s="137"/>
      <c r="AB3479" s="137"/>
      <c r="AC3479" s="137"/>
      <c r="AD3479" s="137"/>
      <c r="AE3479" s="137"/>
      <c r="AF3479" s="137"/>
      <c r="AG3479" s="137"/>
      <c r="AH3479" s="137"/>
      <c r="AI3479" s="137"/>
      <c r="AJ3479" s="137"/>
      <c r="AK3479" s="137"/>
      <c r="AL3479" s="137"/>
      <c r="AM3479" s="137"/>
      <c r="AN3479" s="137"/>
      <c r="AO3479" s="137"/>
      <c r="AP3479" s="137"/>
      <c r="AQ3479" s="137"/>
      <c r="AR3479" s="137"/>
      <c r="AS3479" s="137"/>
      <c r="AT3479" s="137"/>
      <c r="AU3479" s="137"/>
      <c r="AV3479" s="137"/>
      <c r="AW3479" s="144"/>
    </row>
    <row r="3480" spans="7:49" x14ac:dyDescent="0.2">
      <c r="G3480" s="43"/>
      <c r="Z3480" s="143"/>
      <c r="AA3480" s="137"/>
      <c r="AB3480" s="137"/>
      <c r="AC3480" s="137"/>
      <c r="AD3480" s="137"/>
      <c r="AE3480" s="137"/>
      <c r="AF3480" s="137"/>
      <c r="AG3480" s="137"/>
      <c r="AH3480" s="137"/>
      <c r="AI3480" s="137"/>
      <c r="AJ3480" s="137"/>
      <c r="AK3480" s="137"/>
      <c r="AL3480" s="137"/>
      <c r="AM3480" s="137"/>
      <c r="AN3480" s="137"/>
      <c r="AO3480" s="137"/>
      <c r="AP3480" s="137"/>
      <c r="AQ3480" s="137"/>
      <c r="AR3480" s="137"/>
      <c r="AS3480" s="137"/>
      <c r="AT3480" s="137"/>
      <c r="AU3480" s="137"/>
      <c r="AV3480" s="137"/>
      <c r="AW3480" s="144"/>
    </row>
    <row r="3481" spans="7:49" x14ac:dyDescent="0.2">
      <c r="G3481" s="43"/>
      <c r="Z3481" s="143"/>
      <c r="AA3481" s="137"/>
      <c r="AB3481" s="137"/>
      <c r="AC3481" s="137"/>
      <c r="AD3481" s="137"/>
      <c r="AE3481" s="137"/>
      <c r="AF3481" s="137"/>
      <c r="AG3481" s="137"/>
      <c r="AH3481" s="137"/>
      <c r="AI3481" s="137"/>
      <c r="AJ3481" s="137"/>
      <c r="AK3481" s="137"/>
      <c r="AL3481" s="137"/>
      <c r="AM3481" s="137"/>
      <c r="AN3481" s="137"/>
      <c r="AO3481" s="137"/>
      <c r="AP3481" s="137"/>
      <c r="AQ3481" s="137"/>
      <c r="AR3481" s="137"/>
      <c r="AS3481" s="137"/>
      <c r="AT3481" s="137"/>
      <c r="AU3481" s="137"/>
      <c r="AV3481" s="137"/>
      <c r="AW3481" s="144"/>
    </row>
    <row r="3482" spans="7:49" x14ac:dyDescent="0.2">
      <c r="G3482" s="43"/>
      <c r="Z3482" s="143"/>
      <c r="AA3482" s="137"/>
      <c r="AB3482" s="137"/>
      <c r="AC3482" s="137"/>
      <c r="AD3482" s="137"/>
      <c r="AE3482" s="137"/>
      <c r="AF3482" s="137"/>
      <c r="AG3482" s="137"/>
      <c r="AH3482" s="137"/>
      <c r="AI3482" s="137"/>
      <c r="AJ3482" s="137"/>
      <c r="AK3482" s="137"/>
      <c r="AL3482" s="137"/>
      <c r="AM3482" s="137"/>
      <c r="AN3482" s="137"/>
      <c r="AO3482" s="137"/>
      <c r="AP3482" s="137"/>
      <c r="AQ3482" s="137"/>
      <c r="AR3482" s="137"/>
      <c r="AS3482" s="137"/>
      <c r="AT3482" s="137"/>
      <c r="AU3482" s="137"/>
      <c r="AV3482" s="137"/>
      <c r="AW3482" s="144"/>
    </row>
    <row r="3483" spans="7:49" x14ac:dyDescent="0.2">
      <c r="G3483" s="43"/>
      <c r="Z3483" s="143"/>
      <c r="AA3483" s="137"/>
      <c r="AB3483" s="137"/>
      <c r="AC3483" s="137"/>
      <c r="AD3483" s="137"/>
      <c r="AE3483" s="137"/>
      <c r="AF3483" s="137"/>
      <c r="AG3483" s="137"/>
      <c r="AH3483" s="137"/>
      <c r="AI3483" s="137"/>
      <c r="AJ3483" s="137"/>
      <c r="AK3483" s="137"/>
      <c r="AL3483" s="137"/>
      <c r="AM3483" s="137"/>
      <c r="AN3483" s="137"/>
      <c r="AO3483" s="137"/>
      <c r="AP3483" s="137"/>
      <c r="AQ3483" s="137"/>
      <c r="AR3483" s="137"/>
      <c r="AS3483" s="137"/>
      <c r="AT3483" s="137"/>
      <c r="AU3483" s="137"/>
      <c r="AV3483" s="137"/>
      <c r="AW3483" s="144"/>
    </row>
    <row r="3484" spans="7:49" x14ac:dyDescent="0.2">
      <c r="G3484" s="43"/>
      <c r="Z3484" s="143"/>
      <c r="AA3484" s="137"/>
      <c r="AB3484" s="137"/>
      <c r="AC3484" s="137"/>
      <c r="AD3484" s="137"/>
      <c r="AE3484" s="137"/>
      <c r="AF3484" s="137"/>
      <c r="AG3484" s="137"/>
      <c r="AH3484" s="137"/>
      <c r="AI3484" s="137"/>
      <c r="AJ3484" s="137"/>
      <c r="AK3484" s="137"/>
      <c r="AL3484" s="137"/>
      <c r="AM3484" s="137"/>
      <c r="AN3484" s="137"/>
      <c r="AO3484" s="137"/>
      <c r="AP3484" s="137"/>
      <c r="AQ3484" s="137"/>
      <c r="AR3484" s="137"/>
      <c r="AS3484" s="137"/>
      <c r="AT3484" s="137"/>
      <c r="AU3484" s="137"/>
      <c r="AV3484" s="137"/>
      <c r="AW3484" s="144"/>
    </row>
    <row r="3485" spans="7:49" x14ac:dyDescent="0.2">
      <c r="G3485" s="43"/>
      <c r="Z3485" s="143"/>
      <c r="AA3485" s="137"/>
      <c r="AB3485" s="137"/>
      <c r="AC3485" s="137"/>
      <c r="AD3485" s="137"/>
      <c r="AE3485" s="137"/>
      <c r="AF3485" s="137"/>
      <c r="AG3485" s="137"/>
      <c r="AH3485" s="137"/>
      <c r="AI3485" s="137"/>
      <c r="AJ3485" s="137"/>
      <c r="AK3485" s="137"/>
      <c r="AL3485" s="137"/>
      <c r="AM3485" s="137"/>
      <c r="AN3485" s="137"/>
      <c r="AO3485" s="137"/>
      <c r="AP3485" s="137"/>
      <c r="AQ3485" s="137"/>
      <c r="AR3485" s="137"/>
      <c r="AS3485" s="137"/>
      <c r="AT3485" s="137"/>
      <c r="AU3485" s="137"/>
      <c r="AV3485" s="137"/>
      <c r="AW3485" s="144"/>
    </row>
    <row r="3486" spans="7:49" x14ac:dyDescent="0.2">
      <c r="G3486" s="43"/>
      <c r="Z3486" s="143"/>
      <c r="AA3486" s="137"/>
      <c r="AB3486" s="137"/>
      <c r="AC3486" s="137"/>
      <c r="AD3486" s="137"/>
      <c r="AE3486" s="137"/>
      <c r="AF3486" s="137"/>
      <c r="AG3486" s="137"/>
      <c r="AH3486" s="137"/>
      <c r="AI3486" s="137"/>
      <c r="AJ3486" s="137"/>
      <c r="AK3486" s="137"/>
      <c r="AL3486" s="137"/>
      <c r="AM3486" s="137"/>
      <c r="AN3486" s="137"/>
      <c r="AO3486" s="137"/>
      <c r="AP3486" s="137"/>
      <c r="AQ3486" s="137"/>
      <c r="AR3486" s="137"/>
      <c r="AS3486" s="137"/>
      <c r="AT3486" s="137"/>
      <c r="AU3486" s="137"/>
      <c r="AV3486" s="137"/>
      <c r="AW3486" s="144"/>
    </row>
    <row r="3487" spans="7:49" x14ac:dyDescent="0.2">
      <c r="G3487" s="43"/>
      <c r="Z3487" s="143"/>
      <c r="AA3487" s="137"/>
      <c r="AB3487" s="137"/>
      <c r="AC3487" s="137"/>
      <c r="AD3487" s="137"/>
      <c r="AE3487" s="137"/>
      <c r="AF3487" s="137"/>
      <c r="AG3487" s="137"/>
      <c r="AH3487" s="137"/>
      <c r="AI3487" s="137"/>
      <c r="AJ3487" s="137"/>
      <c r="AK3487" s="137"/>
      <c r="AL3487" s="137"/>
      <c r="AM3487" s="137"/>
      <c r="AN3487" s="137"/>
      <c r="AO3487" s="137"/>
      <c r="AP3487" s="137"/>
      <c r="AQ3487" s="137"/>
      <c r="AR3487" s="137"/>
      <c r="AS3487" s="137"/>
      <c r="AT3487" s="137"/>
      <c r="AU3487" s="137"/>
      <c r="AV3487" s="137"/>
      <c r="AW3487" s="144"/>
    </row>
    <row r="3488" spans="7:49" x14ac:dyDescent="0.2">
      <c r="G3488" s="43"/>
      <c r="Z3488" s="143"/>
      <c r="AA3488" s="137"/>
      <c r="AB3488" s="137"/>
      <c r="AC3488" s="137"/>
      <c r="AD3488" s="137"/>
      <c r="AE3488" s="137"/>
      <c r="AF3488" s="137"/>
      <c r="AG3488" s="137"/>
      <c r="AH3488" s="137"/>
      <c r="AI3488" s="137"/>
      <c r="AJ3488" s="137"/>
      <c r="AK3488" s="137"/>
      <c r="AL3488" s="137"/>
      <c r="AM3488" s="137"/>
      <c r="AN3488" s="137"/>
      <c r="AO3488" s="137"/>
      <c r="AP3488" s="137"/>
      <c r="AQ3488" s="137"/>
      <c r="AR3488" s="137"/>
      <c r="AS3488" s="137"/>
      <c r="AT3488" s="137"/>
      <c r="AU3488" s="137"/>
      <c r="AV3488" s="137"/>
      <c r="AW3488" s="144"/>
    </row>
    <row r="3489" spans="7:49" x14ac:dyDescent="0.2">
      <c r="G3489" s="43"/>
      <c r="Z3489" s="143"/>
      <c r="AA3489" s="137"/>
      <c r="AB3489" s="137"/>
      <c r="AC3489" s="137"/>
      <c r="AD3489" s="137"/>
      <c r="AE3489" s="137"/>
      <c r="AF3489" s="137"/>
      <c r="AG3489" s="137"/>
      <c r="AH3489" s="137"/>
      <c r="AI3489" s="137"/>
      <c r="AJ3489" s="137"/>
      <c r="AK3489" s="137"/>
      <c r="AL3489" s="137"/>
      <c r="AM3489" s="137"/>
      <c r="AN3489" s="137"/>
      <c r="AO3489" s="137"/>
      <c r="AP3489" s="137"/>
      <c r="AQ3489" s="137"/>
      <c r="AR3489" s="137"/>
      <c r="AS3489" s="137"/>
      <c r="AT3489" s="137"/>
      <c r="AU3489" s="137"/>
      <c r="AV3489" s="137"/>
      <c r="AW3489" s="144"/>
    </row>
    <row r="3490" spans="7:49" x14ac:dyDescent="0.2">
      <c r="G3490" s="43"/>
      <c r="Z3490" s="143"/>
      <c r="AA3490" s="137"/>
      <c r="AB3490" s="137"/>
      <c r="AC3490" s="137"/>
      <c r="AD3490" s="137"/>
      <c r="AE3490" s="137"/>
      <c r="AF3490" s="137"/>
      <c r="AG3490" s="137"/>
      <c r="AH3490" s="137"/>
      <c r="AI3490" s="137"/>
      <c r="AJ3490" s="137"/>
      <c r="AK3490" s="137"/>
      <c r="AL3490" s="137"/>
      <c r="AM3490" s="137"/>
      <c r="AN3490" s="137"/>
      <c r="AO3490" s="137"/>
      <c r="AP3490" s="137"/>
      <c r="AQ3490" s="137"/>
      <c r="AR3490" s="137"/>
      <c r="AS3490" s="137"/>
      <c r="AT3490" s="137"/>
      <c r="AU3490" s="137"/>
      <c r="AV3490" s="137"/>
      <c r="AW3490" s="144"/>
    </row>
    <row r="3491" spans="7:49" x14ac:dyDescent="0.2">
      <c r="G3491" s="43"/>
      <c r="Z3491" s="143"/>
      <c r="AA3491" s="137"/>
      <c r="AB3491" s="137"/>
      <c r="AC3491" s="137"/>
      <c r="AD3491" s="137"/>
      <c r="AE3491" s="137"/>
      <c r="AF3491" s="137"/>
      <c r="AG3491" s="137"/>
      <c r="AH3491" s="137"/>
      <c r="AI3491" s="137"/>
      <c r="AJ3491" s="137"/>
      <c r="AK3491" s="137"/>
      <c r="AL3491" s="137"/>
      <c r="AM3491" s="137"/>
      <c r="AN3491" s="137"/>
      <c r="AO3491" s="137"/>
      <c r="AP3491" s="137"/>
      <c r="AQ3491" s="137"/>
      <c r="AR3491" s="137"/>
      <c r="AS3491" s="137"/>
      <c r="AT3491" s="137"/>
      <c r="AU3491" s="137"/>
      <c r="AV3491" s="137"/>
      <c r="AW3491" s="144"/>
    </row>
    <row r="3492" spans="7:49" x14ac:dyDescent="0.2">
      <c r="G3492" s="43"/>
      <c r="Z3492" s="143"/>
      <c r="AA3492" s="137"/>
      <c r="AB3492" s="137"/>
      <c r="AC3492" s="137"/>
      <c r="AD3492" s="137"/>
      <c r="AE3492" s="137"/>
      <c r="AF3492" s="137"/>
      <c r="AG3492" s="137"/>
      <c r="AH3492" s="137"/>
      <c r="AI3492" s="137"/>
      <c r="AJ3492" s="137"/>
      <c r="AK3492" s="137"/>
      <c r="AL3492" s="137"/>
      <c r="AM3492" s="137"/>
      <c r="AN3492" s="137"/>
      <c r="AO3492" s="137"/>
      <c r="AP3492" s="137"/>
      <c r="AQ3492" s="137"/>
      <c r="AR3492" s="137"/>
      <c r="AS3492" s="137"/>
      <c r="AT3492" s="137"/>
      <c r="AU3492" s="137"/>
      <c r="AV3492" s="137"/>
      <c r="AW3492" s="144"/>
    </row>
    <row r="3493" spans="7:49" x14ac:dyDescent="0.2">
      <c r="G3493" s="43"/>
      <c r="Z3493" s="143"/>
      <c r="AA3493" s="137"/>
      <c r="AB3493" s="137"/>
      <c r="AC3493" s="137"/>
      <c r="AD3493" s="137"/>
      <c r="AE3493" s="137"/>
      <c r="AF3493" s="137"/>
      <c r="AG3493" s="137"/>
      <c r="AH3493" s="137"/>
      <c r="AI3493" s="137"/>
      <c r="AJ3493" s="137"/>
      <c r="AK3493" s="137"/>
      <c r="AL3493" s="137"/>
      <c r="AM3493" s="137"/>
      <c r="AN3493" s="137"/>
      <c r="AO3493" s="137"/>
      <c r="AP3493" s="137"/>
      <c r="AQ3493" s="137"/>
      <c r="AR3493" s="137"/>
      <c r="AS3493" s="137"/>
      <c r="AT3493" s="137"/>
      <c r="AU3493" s="137"/>
      <c r="AV3493" s="137"/>
      <c r="AW3493" s="144"/>
    </row>
    <row r="3494" spans="7:49" x14ac:dyDescent="0.2">
      <c r="G3494" s="43"/>
      <c r="Z3494" s="143"/>
      <c r="AA3494" s="137"/>
      <c r="AB3494" s="137"/>
      <c r="AC3494" s="137"/>
      <c r="AD3494" s="137"/>
      <c r="AE3494" s="137"/>
      <c r="AF3494" s="137"/>
      <c r="AG3494" s="137"/>
      <c r="AH3494" s="137"/>
      <c r="AI3494" s="137"/>
      <c r="AJ3494" s="137"/>
      <c r="AK3494" s="137"/>
      <c r="AL3494" s="137"/>
      <c r="AM3494" s="137"/>
      <c r="AN3494" s="137"/>
      <c r="AO3494" s="137"/>
      <c r="AP3494" s="137"/>
      <c r="AQ3494" s="137"/>
      <c r="AR3494" s="137"/>
      <c r="AS3494" s="137"/>
      <c r="AT3494" s="137"/>
      <c r="AU3494" s="137"/>
      <c r="AV3494" s="137"/>
      <c r="AW3494" s="144"/>
    </row>
    <row r="3495" spans="7:49" x14ac:dyDescent="0.2">
      <c r="G3495" s="43"/>
      <c r="Z3495" s="143"/>
      <c r="AA3495" s="137"/>
      <c r="AB3495" s="137"/>
      <c r="AC3495" s="137"/>
      <c r="AD3495" s="137"/>
      <c r="AE3495" s="137"/>
      <c r="AF3495" s="137"/>
      <c r="AG3495" s="137"/>
      <c r="AH3495" s="137"/>
      <c r="AI3495" s="137"/>
      <c r="AJ3495" s="137"/>
      <c r="AK3495" s="137"/>
      <c r="AL3495" s="137"/>
      <c r="AM3495" s="137"/>
      <c r="AN3495" s="137"/>
      <c r="AO3495" s="137"/>
      <c r="AP3495" s="137"/>
      <c r="AQ3495" s="137"/>
      <c r="AR3495" s="137"/>
      <c r="AS3495" s="137"/>
      <c r="AT3495" s="137"/>
      <c r="AU3495" s="137"/>
      <c r="AV3495" s="137"/>
      <c r="AW3495" s="144"/>
    </row>
    <row r="3496" spans="7:49" x14ac:dyDescent="0.2">
      <c r="G3496" s="43"/>
      <c r="Z3496" s="143"/>
      <c r="AA3496" s="137"/>
      <c r="AB3496" s="137"/>
      <c r="AC3496" s="137"/>
      <c r="AD3496" s="137"/>
      <c r="AE3496" s="137"/>
      <c r="AF3496" s="137"/>
      <c r="AG3496" s="137"/>
      <c r="AH3496" s="137"/>
      <c r="AI3496" s="137"/>
      <c r="AJ3496" s="137"/>
      <c r="AK3496" s="137"/>
      <c r="AL3496" s="137"/>
      <c r="AM3496" s="137"/>
      <c r="AN3496" s="137"/>
      <c r="AO3496" s="137"/>
      <c r="AP3496" s="137"/>
      <c r="AQ3496" s="137"/>
      <c r="AR3496" s="137"/>
      <c r="AS3496" s="137"/>
      <c r="AT3496" s="137"/>
      <c r="AU3496" s="137"/>
      <c r="AV3496" s="137"/>
      <c r="AW3496" s="144"/>
    </row>
    <row r="3497" spans="7:49" x14ac:dyDescent="0.2">
      <c r="G3497" s="43"/>
      <c r="Z3497" s="143"/>
      <c r="AA3497" s="137"/>
      <c r="AB3497" s="137"/>
      <c r="AC3497" s="137"/>
      <c r="AD3497" s="137"/>
      <c r="AE3497" s="137"/>
      <c r="AF3497" s="137"/>
      <c r="AG3497" s="137"/>
      <c r="AH3497" s="137"/>
      <c r="AI3497" s="137"/>
      <c r="AJ3497" s="137"/>
      <c r="AK3497" s="137"/>
      <c r="AL3497" s="137"/>
      <c r="AM3497" s="137"/>
      <c r="AN3497" s="137"/>
      <c r="AO3497" s="137"/>
      <c r="AP3497" s="137"/>
      <c r="AQ3497" s="137"/>
      <c r="AR3497" s="137"/>
      <c r="AS3497" s="137"/>
      <c r="AT3497" s="137"/>
      <c r="AU3497" s="137"/>
      <c r="AV3497" s="137"/>
      <c r="AW3497" s="144"/>
    </row>
    <row r="3498" spans="7:49" x14ac:dyDescent="0.2">
      <c r="G3498" s="43"/>
      <c r="Z3498" s="143"/>
      <c r="AA3498" s="137"/>
      <c r="AB3498" s="137"/>
      <c r="AC3498" s="137"/>
      <c r="AD3498" s="137"/>
      <c r="AE3498" s="137"/>
      <c r="AF3498" s="137"/>
      <c r="AG3498" s="137"/>
      <c r="AH3498" s="137"/>
      <c r="AI3498" s="137"/>
      <c r="AJ3498" s="137"/>
      <c r="AK3498" s="137"/>
      <c r="AL3498" s="137"/>
      <c r="AM3498" s="137"/>
      <c r="AN3498" s="137"/>
      <c r="AO3498" s="137"/>
      <c r="AP3498" s="137"/>
      <c r="AQ3498" s="137"/>
      <c r="AR3498" s="137"/>
      <c r="AS3498" s="137"/>
      <c r="AT3498" s="137"/>
      <c r="AU3498" s="137"/>
      <c r="AV3498" s="137"/>
      <c r="AW3498" s="144"/>
    </row>
    <row r="3499" spans="7:49" x14ac:dyDescent="0.2">
      <c r="G3499" s="43"/>
      <c r="Z3499" s="143"/>
      <c r="AA3499" s="137"/>
      <c r="AB3499" s="137"/>
      <c r="AC3499" s="137"/>
      <c r="AD3499" s="137"/>
      <c r="AE3499" s="137"/>
      <c r="AF3499" s="137"/>
      <c r="AG3499" s="137"/>
      <c r="AH3499" s="137"/>
      <c r="AI3499" s="137"/>
      <c r="AJ3499" s="137"/>
      <c r="AK3499" s="137"/>
      <c r="AL3499" s="137"/>
      <c r="AM3499" s="137"/>
      <c r="AN3499" s="137"/>
      <c r="AO3499" s="137"/>
      <c r="AP3499" s="137"/>
      <c r="AQ3499" s="137"/>
      <c r="AR3499" s="137"/>
      <c r="AS3499" s="137"/>
      <c r="AT3499" s="137"/>
      <c r="AU3499" s="137"/>
      <c r="AV3499" s="137"/>
      <c r="AW3499" s="144"/>
    </row>
    <row r="3500" spans="7:49" x14ac:dyDescent="0.2">
      <c r="G3500" s="43"/>
      <c r="Z3500" s="143"/>
      <c r="AA3500" s="137"/>
      <c r="AB3500" s="137"/>
      <c r="AC3500" s="137"/>
      <c r="AD3500" s="137"/>
      <c r="AE3500" s="137"/>
      <c r="AF3500" s="137"/>
      <c r="AG3500" s="137"/>
      <c r="AH3500" s="137"/>
      <c r="AI3500" s="137"/>
      <c r="AJ3500" s="137"/>
      <c r="AK3500" s="137"/>
      <c r="AL3500" s="137"/>
      <c r="AM3500" s="137"/>
      <c r="AN3500" s="137"/>
      <c r="AO3500" s="137"/>
      <c r="AP3500" s="137"/>
      <c r="AQ3500" s="137"/>
      <c r="AR3500" s="137"/>
      <c r="AS3500" s="137"/>
      <c r="AT3500" s="137"/>
      <c r="AU3500" s="137"/>
      <c r="AV3500" s="137"/>
      <c r="AW3500" s="144"/>
    </row>
    <row r="3501" spans="7:49" x14ac:dyDescent="0.2">
      <c r="G3501" s="43"/>
      <c r="Z3501" s="143"/>
      <c r="AA3501" s="137"/>
      <c r="AB3501" s="137"/>
      <c r="AC3501" s="137"/>
      <c r="AD3501" s="137"/>
      <c r="AE3501" s="137"/>
      <c r="AF3501" s="137"/>
      <c r="AG3501" s="137"/>
      <c r="AH3501" s="137"/>
      <c r="AI3501" s="137"/>
      <c r="AJ3501" s="137"/>
      <c r="AK3501" s="137"/>
      <c r="AL3501" s="137"/>
      <c r="AM3501" s="137"/>
      <c r="AN3501" s="137"/>
      <c r="AO3501" s="137"/>
      <c r="AP3501" s="137"/>
      <c r="AQ3501" s="137"/>
      <c r="AR3501" s="137"/>
      <c r="AS3501" s="137"/>
      <c r="AT3501" s="137"/>
      <c r="AU3501" s="137"/>
      <c r="AV3501" s="137"/>
      <c r="AW3501" s="144"/>
    </row>
    <row r="3502" spans="7:49" x14ac:dyDescent="0.2">
      <c r="G3502" s="43"/>
      <c r="Z3502" s="143"/>
      <c r="AA3502" s="137"/>
      <c r="AB3502" s="137"/>
      <c r="AC3502" s="137"/>
      <c r="AD3502" s="137"/>
      <c r="AE3502" s="137"/>
      <c r="AF3502" s="137"/>
      <c r="AG3502" s="137"/>
      <c r="AH3502" s="137"/>
      <c r="AI3502" s="137"/>
      <c r="AJ3502" s="137"/>
      <c r="AK3502" s="137"/>
      <c r="AL3502" s="137"/>
      <c r="AM3502" s="137"/>
      <c r="AN3502" s="137"/>
      <c r="AO3502" s="137"/>
      <c r="AP3502" s="137"/>
      <c r="AQ3502" s="137"/>
      <c r="AR3502" s="137"/>
      <c r="AS3502" s="137"/>
      <c r="AT3502" s="137"/>
      <c r="AU3502" s="137"/>
      <c r="AV3502" s="137"/>
      <c r="AW3502" s="144"/>
    </row>
    <row r="3503" spans="7:49" x14ac:dyDescent="0.2">
      <c r="G3503" s="43"/>
      <c r="Z3503" s="143"/>
      <c r="AA3503" s="137"/>
      <c r="AB3503" s="137"/>
      <c r="AC3503" s="137"/>
      <c r="AD3503" s="137"/>
      <c r="AE3503" s="137"/>
      <c r="AF3503" s="137"/>
      <c r="AG3503" s="137"/>
      <c r="AH3503" s="137"/>
      <c r="AI3503" s="137"/>
      <c r="AJ3503" s="137"/>
      <c r="AK3503" s="137"/>
      <c r="AL3503" s="137"/>
      <c r="AM3503" s="137"/>
      <c r="AN3503" s="137"/>
      <c r="AO3503" s="137"/>
      <c r="AP3503" s="137"/>
      <c r="AQ3503" s="137"/>
      <c r="AR3503" s="137"/>
      <c r="AS3503" s="137"/>
      <c r="AT3503" s="137"/>
      <c r="AU3503" s="137"/>
      <c r="AV3503" s="137"/>
      <c r="AW3503" s="144"/>
    </row>
    <row r="3504" spans="7:49" x14ac:dyDescent="0.2">
      <c r="G3504" s="43"/>
      <c r="Z3504" s="143"/>
      <c r="AA3504" s="137"/>
      <c r="AB3504" s="137"/>
      <c r="AC3504" s="137"/>
      <c r="AD3504" s="137"/>
      <c r="AE3504" s="137"/>
      <c r="AF3504" s="137"/>
      <c r="AG3504" s="137"/>
      <c r="AH3504" s="137"/>
      <c r="AI3504" s="137"/>
      <c r="AJ3504" s="137"/>
      <c r="AK3504" s="137"/>
      <c r="AL3504" s="137"/>
      <c r="AM3504" s="137"/>
      <c r="AN3504" s="137"/>
      <c r="AO3504" s="137"/>
      <c r="AP3504" s="137"/>
      <c r="AQ3504" s="137"/>
      <c r="AR3504" s="137"/>
      <c r="AS3504" s="137"/>
      <c r="AT3504" s="137"/>
      <c r="AU3504" s="137"/>
      <c r="AV3504" s="137"/>
      <c r="AW3504" s="144"/>
    </row>
    <row r="3505" spans="7:49" x14ac:dyDescent="0.2">
      <c r="G3505" s="43"/>
      <c r="Z3505" s="143"/>
      <c r="AA3505" s="137"/>
      <c r="AB3505" s="137"/>
      <c r="AC3505" s="137"/>
      <c r="AD3505" s="137"/>
      <c r="AE3505" s="137"/>
      <c r="AF3505" s="137"/>
      <c r="AG3505" s="137"/>
      <c r="AH3505" s="137"/>
      <c r="AI3505" s="137"/>
      <c r="AJ3505" s="137"/>
      <c r="AK3505" s="137"/>
      <c r="AL3505" s="137"/>
      <c r="AM3505" s="137"/>
      <c r="AN3505" s="137"/>
      <c r="AO3505" s="137"/>
      <c r="AP3505" s="137"/>
      <c r="AQ3505" s="137"/>
      <c r="AR3505" s="137"/>
      <c r="AS3505" s="137"/>
      <c r="AT3505" s="137"/>
      <c r="AU3505" s="137"/>
      <c r="AV3505" s="137"/>
      <c r="AW3505" s="144"/>
    </row>
    <row r="3506" spans="7:49" x14ac:dyDescent="0.2">
      <c r="G3506" s="43"/>
      <c r="Z3506" s="143"/>
      <c r="AA3506" s="137"/>
      <c r="AB3506" s="137"/>
      <c r="AC3506" s="137"/>
      <c r="AD3506" s="137"/>
      <c r="AE3506" s="137"/>
      <c r="AF3506" s="137"/>
      <c r="AG3506" s="137"/>
      <c r="AH3506" s="137"/>
      <c r="AI3506" s="137"/>
      <c r="AJ3506" s="137"/>
      <c r="AK3506" s="137"/>
      <c r="AL3506" s="137"/>
      <c r="AM3506" s="137"/>
      <c r="AN3506" s="137"/>
      <c r="AO3506" s="137"/>
      <c r="AP3506" s="137"/>
      <c r="AQ3506" s="137"/>
      <c r="AR3506" s="137"/>
      <c r="AS3506" s="137"/>
      <c r="AT3506" s="137"/>
      <c r="AU3506" s="137"/>
      <c r="AV3506" s="137"/>
      <c r="AW3506" s="144"/>
    </row>
    <row r="3507" spans="7:49" x14ac:dyDescent="0.2">
      <c r="G3507" s="43"/>
      <c r="Z3507" s="143"/>
      <c r="AA3507" s="137"/>
      <c r="AB3507" s="137"/>
      <c r="AC3507" s="137"/>
      <c r="AD3507" s="137"/>
      <c r="AE3507" s="137"/>
      <c r="AF3507" s="137"/>
      <c r="AG3507" s="137"/>
      <c r="AH3507" s="137"/>
      <c r="AI3507" s="137"/>
      <c r="AJ3507" s="137"/>
      <c r="AK3507" s="137"/>
      <c r="AL3507" s="137"/>
      <c r="AM3507" s="137"/>
      <c r="AN3507" s="137"/>
      <c r="AO3507" s="137"/>
      <c r="AP3507" s="137"/>
      <c r="AQ3507" s="137"/>
      <c r="AR3507" s="137"/>
      <c r="AS3507" s="137"/>
      <c r="AT3507" s="137"/>
      <c r="AU3507" s="137"/>
      <c r="AV3507" s="137"/>
      <c r="AW3507" s="144"/>
    </row>
    <row r="3508" spans="7:49" x14ac:dyDescent="0.2">
      <c r="G3508" s="43"/>
      <c r="Z3508" s="143"/>
      <c r="AA3508" s="137"/>
      <c r="AB3508" s="137"/>
      <c r="AC3508" s="137"/>
      <c r="AD3508" s="137"/>
      <c r="AE3508" s="137"/>
      <c r="AF3508" s="137"/>
      <c r="AG3508" s="137"/>
      <c r="AH3508" s="137"/>
      <c r="AI3508" s="137"/>
      <c r="AJ3508" s="137"/>
      <c r="AK3508" s="137"/>
      <c r="AL3508" s="137"/>
      <c r="AM3508" s="137"/>
      <c r="AN3508" s="137"/>
      <c r="AO3508" s="137"/>
      <c r="AP3508" s="137"/>
      <c r="AQ3508" s="137"/>
      <c r="AR3508" s="137"/>
      <c r="AS3508" s="137"/>
      <c r="AT3508" s="137"/>
      <c r="AU3508" s="137"/>
      <c r="AV3508" s="137"/>
      <c r="AW3508" s="144"/>
    </row>
    <row r="3509" spans="7:49" x14ac:dyDescent="0.2">
      <c r="G3509" s="43"/>
      <c r="Z3509" s="143"/>
      <c r="AA3509" s="137"/>
      <c r="AB3509" s="137"/>
      <c r="AC3509" s="137"/>
      <c r="AD3509" s="137"/>
      <c r="AE3509" s="137"/>
      <c r="AF3509" s="137"/>
      <c r="AG3509" s="137"/>
      <c r="AH3509" s="137"/>
      <c r="AI3509" s="137"/>
      <c r="AJ3509" s="137"/>
      <c r="AK3509" s="137"/>
      <c r="AL3509" s="137"/>
      <c r="AM3509" s="137"/>
      <c r="AN3509" s="137"/>
      <c r="AO3509" s="137"/>
      <c r="AP3509" s="137"/>
      <c r="AQ3509" s="137"/>
      <c r="AR3509" s="137"/>
      <c r="AS3509" s="137"/>
      <c r="AT3509" s="137"/>
      <c r="AU3509" s="137"/>
      <c r="AV3509" s="137"/>
      <c r="AW3509" s="144"/>
    </row>
    <row r="3510" spans="7:49" x14ac:dyDescent="0.2">
      <c r="G3510" s="43"/>
      <c r="Z3510" s="143"/>
      <c r="AA3510" s="137"/>
      <c r="AB3510" s="137"/>
      <c r="AC3510" s="137"/>
      <c r="AD3510" s="137"/>
      <c r="AE3510" s="137"/>
      <c r="AF3510" s="137"/>
      <c r="AG3510" s="137"/>
      <c r="AH3510" s="137"/>
      <c r="AI3510" s="137"/>
      <c r="AJ3510" s="137"/>
      <c r="AK3510" s="137"/>
      <c r="AL3510" s="137"/>
      <c r="AM3510" s="137"/>
      <c r="AN3510" s="137"/>
      <c r="AO3510" s="137"/>
      <c r="AP3510" s="137"/>
      <c r="AQ3510" s="137"/>
      <c r="AR3510" s="137"/>
      <c r="AS3510" s="137"/>
      <c r="AT3510" s="137"/>
      <c r="AU3510" s="137"/>
      <c r="AV3510" s="137"/>
      <c r="AW3510" s="144"/>
    </row>
    <row r="3511" spans="7:49" x14ac:dyDescent="0.2">
      <c r="G3511" s="43"/>
      <c r="Z3511" s="143"/>
      <c r="AA3511" s="137"/>
      <c r="AB3511" s="137"/>
      <c r="AC3511" s="137"/>
      <c r="AD3511" s="137"/>
      <c r="AE3511" s="137"/>
      <c r="AF3511" s="137"/>
      <c r="AG3511" s="137"/>
      <c r="AH3511" s="137"/>
      <c r="AI3511" s="137"/>
      <c r="AJ3511" s="137"/>
      <c r="AK3511" s="137"/>
      <c r="AL3511" s="137"/>
      <c r="AM3511" s="137"/>
      <c r="AN3511" s="137"/>
      <c r="AO3511" s="137"/>
      <c r="AP3511" s="137"/>
      <c r="AQ3511" s="137"/>
      <c r="AR3511" s="137"/>
      <c r="AS3511" s="137"/>
      <c r="AT3511" s="137"/>
      <c r="AU3511" s="137"/>
      <c r="AV3511" s="137"/>
      <c r="AW3511" s="144"/>
    </row>
    <row r="3512" spans="7:49" x14ac:dyDescent="0.2">
      <c r="G3512" s="43"/>
      <c r="Z3512" s="143"/>
      <c r="AA3512" s="137"/>
      <c r="AB3512" s="137"/>
      <c r="AC3512" s="137"/>
      <c r="AD3512" s="137"/>
      <c r="AE3512" s="137"/>
      <c r="AF3512" s="137"/>
      <c r="AG3512" s="137"/>
      <c r="AH3512" s="137"/>
      <c r="AI3512" s="137"/>
      <c r="AJ3512" s="137"/>
      <c r="AK3512" s="137"/>
      <c r="AL3512" s="137"/>
      <c r="AM3512" s="137"/>
      <c r="AN3512" s="137"/>
      <c r="AO3512" s="137"/>
      <c r="AP3512" s="137"/>
      <c r="AQ3512" s="137"/>
      <c r="AR3512" s="137"/>
      <c r="AS3512" s="137"/>
      <c r="AT3512" s="137"/>
      <c r="AU3512" s="137"/>
      <c r="AV3512" s="137"/>
      <c r="AW3512" s="144"/>
    </row>
    <row r="3513" spans="7:49" x14ac:dyDescent="0.2">
      <c r="G3513" s="43"/>
      <c r="Z3513" s="143"/>
      <c r="AA3513" s="137"/>
      <c r="AB3513" s="137"/>
      <c r="AC3513" s="137"/>
      <c r="AD3513" s="137"/>
      <c r="AE3513" s="137"/>
      <c r="AF3513" s="137"/>
      <c r="AG3513" s="137"/>
      <c r="AH3513" s="137"/>
      <c r="AI3513" s="137"/>
      <c r="AJ3513" s="137"/>
      <c r="AK3513" s="137"/>
      <c r="AL3513" s="137"/>
      <c r="AM3513" s="137"/>
      <c r="AN3513" s="137"/>
      <c r="AO3513" s="137"/>
      <c r="AP3513" s="137"/>
      <c r="AQ3513" s="137"/>
      <c r="AR3513" s="137"/>
      <c r="AS3513" s="137"/>
      <c r="AT3513" s="137"/>
      <c r="AU3513" s="137"/>
      <c r="AV3513" s="137"/>
      <c r="AW3513" s="144"/>
    </row>
    <row r="3514" spans="7:49" x14ac:dyDescent="0.2">
      <c r="G3514" s="43"/>
      <c r="Z3514" s="143"/>
      <c r="AA3514" s="137"/>
      <c r="AB3514" s="137"/>
      <c r="AC3514" s="137"/>
      <c r="AD3514" s="137"/>
      <c r="AE3514" s="137"/>
      <c r="AF3514" s="137"/>
      <c r="AG3514" s="137"/>
      <c r="AH3514" s="137"/>
      <c r="AI3514" s="137"/>
      <c r="AJ3514" s="137"/>
      <c r="AK3514" s="137"/>
      <c r="AL3514" s="137"/>
      <c r="AM3514" s="137"/>
      <c r="AN3514" s="137"/>
      <c r="AO3514" s="137"/>
      <c r="AP3514" s="137"/>
      <c r="AQ3514" s="137"/>
      <c r="AR3514" s="137"/>
      <c r="AS3514" s="137"/>
      <c r="AT3514" s="137"/>
      <c r="AU3514" s="137"/>
      <c r="AV3514" s="137"/>
      <c r="AW3514" s="144"/>
    </row>
    <row r="3515" spans="7:49" x14ac:dyDescent="0.2">
      <c r="G3515" s="43"/>
      <c r="Z3515" s="143"/>
      <c r="AA3515" s="137"/>
      <c r="AB3515" s="137"/>
      <c r="AC3515" s="137"/>
      <c r="AD3515" s="137"/>
      <c r="AE3515" s="137"/>
      <c r="AF3515" s="137"/>
      <c r="AG3515" s="137"/>
      <c r="AH3515" s="137"/>
      <c r="AI3515" s="137"/>
      <c r="AJ3515" s="137"/>
      <c r="AK3515" s="137"/>
      <c r="AL3515" s="137"/>
      <c r="AM3515" s="137"/>
      <c r="AN3515" s="137"/>
      <c r="AO3515" s="137"/>
      <c r="AP3515" s="137"/>
      <c r="AQ3515" s="137"/>
      <c r="AR3515" s="137"/>
      <c r="AS3515" s="137"/>
      <c r="AT3515" s="137"/>
      <c r="AU3515" s="137"/>
      <c r="AV3515" s="137"/>
      <c r="AW3515" s="144"/>
    </row>
    <row r="3516" spans="7:49" x14ac:dyDescent="0.2">
      <c r="G3516" s="43"/>
      <c r="Z3516" s="143"/>
      <c r="AA3516" s="137"/>
      <c r="AB3516" s="137"/>
      <c r="AC3516" s="137"/>
      <c r="AD3516" s="137"/>
      <c r="AE3516" s="137"/>
      <c r="AF3516" s="137"/>
      <c r="AG3516" s="137"/>
      <c r="AH3516" s="137"/>
      <c r="AI3516" s="137"/>
      <c r="AJ3516" s="137"/>
      <c r="AK3516" s="137"/>
      <c r="AL3516" s="137"/>
      <c r="AM3516" s="137"/>
      <c r="AN3516" s="137"/>
      <c r="AO3516" s="137"/>
      <c r="AP3516" s="137"/>
      <c r="AQ3516" s="137"/>
      <c r="AR3516" s="137"/>
      <c r="AS3516" s="137"/>
      <c r="AT3516" s="137"/>
      <c r="AU3516" s="137"/>
      <c r="AV3516" s="137"/>
      <c r="AW3516" s="144"/>
    </row>
    <row r="3517" spans="7:49" x14ac:dyDescent="0.2">
      <c r="G3517" s="43"/>
      <c r="Z3517" s="143"/>
      <c r="AA3517" s="137"/>
      <c r="AB3517" s="137"/>
      <c r="AC3517" s="137"/>
      <c r="AD3517" s="137"/>
      <c r="AE3517" s="137"/>
      <c r="AF3517" s="137"/>
      <c r="AG3517" s="137"/>
      <c r="AH3517" s="137"/>
      <c r="AI3517" s="137"/>
      <c r="AJ3517" s="137"/>
      <c r="AK3517" s="137"/>
      <c r="AL3517" s="137"/>
      <c r="AM3517" s="137"/>
      <c r="AN3517" s="137"/>
      <c r="AO3517" s="137"/>
      <c r="AP3517" s="137"/>
      <c r="AQ3517" s="137"/>
      <c r="AR3517" s="137"/>
      <c r="AS3517" s="137"/>
      <c r="AT3517" s="137"/>
      <c r="AU3517" s="137"/>
      <c r="AV3517" s="137"/>
      <c r="AW3517" s="144"/>
    </row>
    <row r="3518" spans="7:49" x14ac:dyDescent="0.2">
      <c r="G3518" s="43"/>
      <c r="Z3518" s="143"/>
      <c r="AA3518" s="137"/>
      <c r="AB3518" s="137"/>
      <c r="AC3518" s="137"/>
      <c r="AD3518" s="137"/>
      <c r="AE3518" s="137"/>
      <c r="AF3518" s="137"/>
      <c r="AG3518" s="137"/>
      <c r="AH3518" s="137"/>
      <c r="AI3518" s="137"/>
      <c r="AJ3518" s="137"/>
      <c r="AK3518" s="137"/>
      <c r="AL3518" s="137"/>
      <c r="AM3518" s="137"/>
      <c r="AN3518" s="137"/>
      <c r="AO3518" s="137"/>
      <c r="AP3518" s="137"/>
      <c r="AQ3518" s="137"/>
      <c r="AR3518" s="137"/>
      <c r="AS3518" s="137"/>
      <c r="AT3518" s="137"/>
      <c r="AU3518" s="137"/>
      <c r="AV3518" s="137"/>
      <c r="AW3518" s="144"/>
    </row>
    <row r="3519" spans="7:49" x14ac:dyDescent="0.2">
      <c r="G3519" s="43"/>
      <c r="Z3519" s="143"/>
      <c r="AA3519" s="137"/>
      <c r="AB3519" s="137"/>
      <c r="AC3519" s="137"/>
      <c r="AD3519" s="137"/>
      <c r="AE3519" s="137"/>
      <c r="AF3519" s="137"/>
      <c r="AG3519" s="137"/>
      <c r="AH3519" s="137"/>
      <c r="AI3519" s="137"/>
      <c r="AJ3519" s="137"/>
      <c r="AK3519" s="137"/>
      <c r="AL3519" s="137"/>
      <c r="AM3519" s="137"/>
      <c r="AN3519" s="137"/>
      <c r="AO3519" s="137"/>
      <c r="AP3519" s="137"/>
      <c r="AQ3519" s="137"/>
      <c r="AR3519" s="137"/>
      <c r="AS3519" s="137"/>
      <c r="AT3519" s="137"/>
      <c r="AU3519" s="137"/>
      <c r="AV3519" s="137"/>
      <c r="AW3519" s="144"/>
    </row>
    <row r="3520" spans="7:49" x14ac:dyDescent="0.2">
      <c r="G3520" s="43"/>
      <c r="Z3520" s="143"/>
      <c r="AA3520" s="137"/>
      <c r="AB3520" s="137"/>
      <c r="AC3520" s="137"/>
      <c r="AD3520" s="137"/>
      <c r="AE3520" s="137"/>
      <c r="AF3520" s="137"/>
      <c r="AG3520" s="137"/>
      <c r="AH3520" s="137"/>
      <c r="AI3520" s="137"/>
      <c r="AJ3520" s="137"/>
      <c r="AK3520" s="137"/>
      <c r="AL3520" s="137"/>
      <c r="AM3520" s="137"/>
      <c r="AN3520" s="137"/>
      <c r="AO3520" s="137"/>
      <c r="AP3520" s="137"/>
      <c r="AQ3520" s="137"/>
      <c r="AR3520" s="137"/>
      <c r="AS3520" s="137"/>
      <c r="AT3520" s="137"/>
      <c r="AU3520" s="137"/>
      <c r="AV3520" s="137"/>
      <c r="AW3520" s="144"/>
    </row>
    <row r="3521" spans="7:49" x14ac:dyDescent="0.2">
      <c r="G3521" s="43"/>
      <c r="Z3521" s="143"/>
      <c r="AA3521" s="137"/>
      <c r="AB3521" s="137"/>
      <c r="AC3521" s="137"/>
      <c r="AD3521" s="137"/>
      <c r="AE3521" s="137"/>
      <c r="AF3521" s="137"/>
      <c r="AG3521" s="137"/>
      <c r="AH3521" s="137"/>
      <c r="AI3521" s="137"/>
      <c r="AJ3521" s="137"/>
      <c r="AK3521" s="137"/>
      <c r="AL3521" s="137"/>
      <c r="AM3521" s="137"/>
      <c r="AN3521" s="137"/>
      <c r="AO3521" s="137"/>
      <c r="AP3521" s="137"/>
      <c r="AQ3521" s="137"/>
      <c r="AR3521" s="137"/>
      <c r="AS3521" s="137"/>
      <c r="AT3521" s="137"/>
      <c r="AU3521" s="137"/>
      <c r="AV3521" s="137"/>
      <c r="AW3521" s="144"/>
    </row>
    <row r="3522" spans="7:49" x14ac:dyDescent="0.2">
      <c r="G3522" s="43"/>
      <c r="Z3522" s="143"/>
      <c r="AA3522" s="137"/>
      <c r="AB3522" s="137"/>
      <c r="AC3522" s="137"/>
      <c r="AD3522" s="137"/>
      <c r="AE3522" s="137"/>
      <c r="AF3522" s="137"/>
      <c r="AG3522" s="137"/>
      <c r="AH3522" s="137"/>
      <c r="AI3522" s="137"/>
      <c r="AJ3522" s="137"/>
      <c r="AK3522" s="137"/>
      <c r="AL3522" s="137"/>
      <c r="AM3522" s="137"/>
      <c r="AN3522" s="137"/>
      <c r="AO3522" s="137"/>
      <c r="AP3522" s="137"/>
      <c r="AQ3522" s="137"/>
      <c r="AR3522" s="137"/>
      <c r="AS3522" s="137"/>
      <c r="AT3522" s="137"/>
      <c r="AU3522" s="137"/>
      <c r="AV3522" s="137"/>
      <c r="AW3522" s="144"/>
    </row>
    <row r="3523" spans="7:49" x14ac:dyDescent="0.2">
      <c r="G3523" s="43"/>
      <c r="Z3523" s="143"/>
      <c r="AA3523" s="137"/>
      <c r="AB3523" s="137"/>
      <c r="AC3523" s="137"/>
      <c r="AD3523" s="137"/>
      <c r="AE3523" s="137"/>
      <c r="AF3523" s="137"/>
      <c r="AG3523" s="137"/>
      <c r="AH3523" s="137"/>
      <c r="AI3523" s="137"/>
      <c r="AJ3523" s="137"/>
      <c r="AK3523" s="137"/>
      <c r="AL3523" s="137"/>
      <c r="AM3523" s="137"/>
      <c r="AN3523" s="137"/>
      <c r="AO3523" s="137"/>
      <c r="AP3523" s="137"/>
      <c r="AQ3523" s="137"/>
      <c r="AR3523" s="137"/>
      <c r="AS3523" s="137"/>
      <c r="AT3523" s="137"/>
      <c r="AU3523" s="137"/>
      <c r="AV3523" s="137"/>
      <c r="AW3523" s="144"/>
    </row>
    <row r="3524" spans="7:49" x14ac:dyDescent="0.2">
      <c r="G3524" s="43"/>
      <c r="Z3524" s="143"/>
      <c r="AA3524" s="137"/>
      <c r="AB3524" s="137"/>
      <c r="AC3524" s="137"/>
      <c r="AD3524" s="137"/>
      <c r="AE3524" s="137"/>
      <c r="AF3524" s="137"/>
      <c r="AG3524" s="137"/>
      <c r="AH3524" s="137"/>
      <c r="AI3524" s="137"/>
      <c r="AJ3524" s="137"/>
      <c r="AK3524" s="137"/>
      <c r="AL3524" s="137"/>
      <c r="AM3524" s="137"/>
      <c r="AN3524" s="137"/>
      <c r="AO3524" s="137"/>
      <c r="AP3524" s="137"/>
      <c r="AQ3524" s="137"/>
      <c r="AR3524" s="137"/>
      <c r="AS3524" s="137"/>
      <c r="AT3524" s="137"/>
      <c r="AU3524" s="137"/>
      <c r="AV3524" s="137"/>
      <c r="AW3524" s="144"/>
    </row>
    <row r="3525" spans="7:49" x14ac:dyDescent="0.2">
      <c r="G3525" s="43"/>
      <c r="Z3525" s="143"/>
      <c r="AA3525" s="137"/>
      <c r="AB3525" s="137"/>
      <c r="AC3525" s="137"/>
      <c r="AD3525" s="137"/>
      <c r="AE3525" s="137"/>
      <c r="AF3525" s="137"/>
      <c r="AG3525" s="137"/>
      <c r="AH3525" s="137"/>
      <c r="AI3525" s="137"/>
      <c r="AJ3525" s="137"/>
      <c r="AK3525" s="137"/>
      <c r="AL3525" s="137"/>
      <c r="AM3525" s="137"/>
      <c r="AN3525" s="137"/>
      <c r="AO3525" s="137"/>
      <c r="AP3525" s="137"/>
      <c r="AQ3525" s="137"/>
      <c r="AR3525" s="137"/>
      <c r="AS3525" s="137"/>
      <c r="AT3525" s="137"/>
      <c r="AU3525" s="137"/>
      <c r="AV3525" s="137"/>
      <c r="AW3525" s="144"/>
    </row>
    <row r="3526" spans="7:49" x14ac:dyDescent="0.2">
      <c r="G3526" s="43"/>
      <c r="Z3526" s="143"/>
      <c r="AA3526" s="137"/>
      <c r="AB3526" s="137"/>
      <c r="AC3526" s="137"/>
      <c r="AD3526" s="137"/>
      <c r="AE3526" s="137"/>
      <c r="AF3526" s="137"/>
      <c r="AG3526" s="137"/>
      <c r="AH3526" s="137"/>
      <c r="AI3526" s="137"/>
      <c r="AJ3526" s="137"/>
      <c r="AK3526" s="137"/>
      <c r="AL3526" s="137"/>
      <c r="AM3526" s="137"/>
      <c r="AN3526" s="137"/>
      <c r="AO3526" s="137"/>
      <c r="AP3526" s="137"/>
      <c r="AQ3526" s="137"/>
      <c r="AR3526" s="137"/>
      <c r="AS3526" s="137"/>
      <c r="AT3526" s="137"/>
      <c r="AU3526" s="137"/>
      <c r="AV3526" s="137"/>
      <c r="AW3526" s="144"/>
    </row>
    <row r="3527" spans="7:49" x14ac:dyDescent="0.2">
      <c r="G3527" s="43"/>
      <c r="Z3527" s="143"/>
      <c r="AA3527" s="137"/>
      <c r="AB3527" s="137"/>
      <c r="AC3527" s="137"/>
      <c r="AD3527" s="137"/>
      <c r="AE3527" s="137"/>
      <c r="AF3527" s="137"/>
      <c r="AG3527" s="137"/>
      <c r="AH3527" s="137"/>
      <c r="AI3527" s="137"/>
      <c r="AJ3527" s="137"/>
      <c r="AK3527" s="137"/>
      <c r="AL3527" s="137"/>
      <c r="AM3527" s="137"/>
      <c r="AN3527" s="137"/>
      <c r="AO3527" s="137"/>
      <c r="AP3527" s="137"/>
      <c r="AQ3527" s="137"/>
      <c r="AR3527" s="137"/>
      <c r="AS3527" s="137"/>
      <c r="AT3527" s="137"/>
      <c r="AU3527" s="137"/>
      <c r="AV3527" s="137"/>
      <c r="AW3527" s="144"/>
    </row>
    <row r="3528" spans="7:49" x14ac:dyDescent="0.2">
      <c r="G3528" s="43"/>
      <c r="Z3528" s="143"/>
      <c r="AA3528" s="137"/>
      <c r="AB3528" s="137"/>
      <c r="AC3528" s="137"/>
      <c r="AD3528" s="137"/>
      <c r="AE3528" s="137"/>
      <c r="AF3528" s="137"/>
      <c r="AG3528" s="137"/>
      <c r="AH3528" s="137"/>
      <c r="AI3528" s="137"/>
      <c r="AJ3528" s="137"/>
      <c r="AK3528" s="137"/>
      <c r="AL3528" s="137"/>
      <c r="AM3528" s="137"/>
      <c r="AN3528" s="137"/>
      <c r="AO3528" s="137"/>
      <c r="AP3528" s="137"/>
      <c r="AQ3528" s="137"/>
      <c r="AR3528" s="137"/>
      <c r="AS3528" s="137"/>
      <c r="AT3528" s="137"/>
      <c r="AU3528" s="137"/>
      <c r="AV3528" s="137"/>
      <c r="AW3528" s="144"/>
    </row>
    <row r="3529" spans="7:49" x14ac:dyDescent="0.2">
      <c r="G3529" s="43"/>
      <c r="Z3529" s="143"/>
      <c r="AA3529" s="137"/>
      <c r="AB3529" s="137"/>
      <c r="AC3529" s="137"/>
      <c r="AD3529" s="137"/>
      <c r="AE3529" s="137"/>
      <c r="AF3529" s="137"/>
      <c r="AG3529" s="137"/>
      <c r="AH3529" s="137"/>
      <c r="AI3529" s="137"/>
      <c r="AJ3529" s="137"/>
      <c r="AK3529" s="137"/>
      <c r="AL3529" s="137"/>
      <c r="AM3529" s="137"/>
      <c r="AN3529" s="137"/>
      <c r="AO3529" s="137"/>
      <c r="AP3529" s="137"/>
      <c r="AQ3529" s="137"/>
      <c r="AR3529" s="137"/>
      <c r="AS3529" s="137"/>
      <c r="AT3529" s="137"/>
      <c r="AU3529" s="137"/>
      <c r="AV3529" s="137"/>
      <c r="AW3529" s="144"/>
    </row>
    <row r="3530" spans="7:49" x14ac:dyDescent="0.2">
      <c r="G3530" s="43"/>
      <c r="Z3530" s="143"/>
      <c r="AA3530" s="137"/>
      <c r="AB3530" s="137"/>
      <c r="AC3530" s="137"/>
      <c r="AD3530" s="137"/>
      <c r="AE3530" s="137"/>
      <c r="AF3530" s="137"/>
      <c r="AG3530" s="137"/>
      <c r="AH3530" s="137"/>
      <c r="AI3530" s="137"/>
      <c r="AJ3530" s="137"/>
      <c r="AK3530" s="137"/>
      <c r="AL3530" s="137"/>
      <c r="AM3530" s="137"/>
      <c r="AN3530" s="137"/>
      <c r="AO3530" s="137"/>
      <c r="AP3530" s="137"/>
      <c r="AQ3530" s="137"/>
      <c r="AR3530" s="137"/>
      <c r="AS3530" s="137"/>
      <c r="AT3530" s="137"/>
      <c r="AU3530" s="137"/>
      <c r="AV3530" s="137"/>
      <c r="AW3530" s="144"/>
    </row>
    <row r="3531" spans="7:49" x14ac:dyDescent="0.2">
      <c r="G3531" s="43"/>
      <c r="Z3531" s="143"/>
      <c r="AA3531" s="137"/>
      <c r="AB3531" s="137"/>
      <c r="AC3531" s="137"/>
      <c r="AD3531" s="137"/>
      <c r="AE3531" s="137"/>
      <c r="AF3531" s="137"/>
      <c r="AG3531" s="137"/>
      <c r="AH3531" s="137"/>
      <c r="AI3531" s="137"/>
      <c r="AJ3531" s="137"/>
      <c r="AK3531" s="137"/>
      <c r="AL3531" s="137"/>
      <c r="AM3531" s="137"/>
      <c r="AN3531" s="137"/>
      <c r="AO3531" s="137"/>
      <c r="AP3531" s="137"/>
      <c r="AQ3531" s="137"/>
      <c r="AR3531" s="137"/>
      <c r="AS3531" s="137"/>
      <c r="AT3531" s="137"/>
      <c r="AU3531" s="137"/>
      <c r="AV3531" s="137"/>
      <c r="AW3531" s="144"/>
    </row>
    <row r="3532" spans="7:49" x14ac:dyDescent="0.2">
      <c r="G3532" s="43"/>
      <c r="Z3532" s="143"/>
      <c r="AA3532" s="137"/>
      <c r="AB3532" s="137"/>
      <c r="AC3532" s="137"/>
      <c r="AD3532" s="137"/>
      <c r="AE3532" s="137"/>
      <c r="AF3532" s="137"/>
      <c r="AG3532" s="137"/>
      <c r="AH3532" s="137"/>
      <c r="AI3532" s="137"/>
      <c r="AJ3532" s="137"/>
      <c r="AK3532" s="137"/>
      <c r="AL3532" s="137"/>
      <c r="AM3532" s="137"/>
      <c r="AN3532" s="137"/>
      <c r="AO3532" s="137"/>
      <c r="AP3532" s="137"/>
      <c r="AQ3532" s="137"/>
      <c r="AR3532" s="137"/>
      <c r="AS3532" s="137"/>
      <c r="AT3532" s="137"/>
      <c r="AU3532" s="137"/>
      <c r="AV3532" s="137"/>
      <c r="AW3532" s="144"/>
    </row>
    <row r="3533" spans="7:49" x14ac:dyDescent="0.2">
      <c r="G3533" s="43"/>
      <c r="Z3533" s="143"/>
      <c r="AA3533" s="137"/>
      <c r="AB3533" s="137"/>
      <c r="AC3533" s="137"/>
      <c r="AD3533" s="137"/>
      <c r="AE3533" s="137"/>
      <c r="AF3533" s="137"/>
      <c r="AG3533" s="137"/>
      <c r="AH3533" s="137"/>
      <c r="AI3533" s="137"/>
      <c r="AJ3533" s="137"/>
      <c r="AK3533" s="137"/>
      <c r="AL3533" s="137"/>
      <c r="AM3533" s="137"/>
      <c r="AN3533" s="137"/>
      <c r="AO3533" s="137"/>
      <c r="AP3533" s="137"/>
      <c r="AQ3533" s="137"/>
      <c r="AR3533" s="137"/>
      <c r="AS3533" s="137"/>
      <c r="AT3533" s="137"/>
      <c r="AU3533" s="137"/>
      <c r="AV3533" s="137"/>
      <c r="AW3533" s="144"/>
    </row>
    <row r="3534" spans="7:49" x14ac:dyDescent="0.2">
      <c r="G3534" s="43"/>
      <c r="Z3534" s="143"/>
      <c r="AA3534" s="137"/>
      <c r="AB3534" s="137"/>
      <c r="AC3534" s="137"/>
      <c r="AD3534" s="137"/>
      <c r="AE3534" s="137"/>
      <c r="AF3534" s="137"/>
      <c r="AG3534" s="137"/>
      <c r="AH3534" s="137"/>
      <c r="AI3534" s="137"/>
      <c r="AJ3534" s="137"/>
      <c r="AK3534" s="137"/>
      <c r="AL3534" s="137"/>
      <c r="AM3534" s="137"/>
      <c r="AN3534" s="137"/>
      <c r="AO3534" s="137"/>
      <c r="AP3534" s="137"/>
      <c r="AQ3534" s="137"/>
      <c r="AR3534" s="137"/>
      <c r="AS3534" s="137"/>
      <c r="AT3534" s="137"/>
      <c r="AU3534" s="137"/>
      <c r="AV3534" s="137"/>
      <c r="AW3534" s="144"/>
    </row>
    <row r="3535" spans="7:49" x14ac:dyDescent="0.2">
      <c r="G3535" s="43"/>
      <c r="Z3535" s="143"/>
      <c r="AA3535" s="137"/>
      <c r="AB3535" s="137"/>
      <c r="AC3535" s="137"/>
      <c r="AD3535" s="137"/>
      <c r="AE3535" s="137"/>
      <c r="AF3535" s="137"/>
      <c r="AG3535" s="137"/>
      <c r="AH3535" s="137"/>
      <c r="AI3535" s="137"/>
      <c r="AJ3535" s="137"/>
      <c r="AK3535" s="137"/>
      <c r="AL3535" s="137"/>
      <c r="AM3535" s="137"/>
      <c r="AN3535" s="137"/>
      <c r="AO3535" s="137"/>
      <c r="AP3535" s="137"/>
      <c r="AQ3535" s="137"/>
      <c r="AR3535" s="137"/>
      <c r="AS3535" s="137"/>
      <c r="AT3535" s="137"/>
      <c r="AU3535" s="137"/>
      <c r="AV3535" s="137"/>
      <c r="AW3535" s="144"/>
    </row>
    <row r="3536" spans="7:49" x14ac:dyDescent="0.2">
      <c r="G3536" s="43"/>
      <c r="Z3536" s="143"/>
      <c r="AA3536" s="137"/>
      <c r="AB3536" s="137"/>
      <c r="AC3536" s="137"/>
      <c r="AD3536" s="137"/>
      <c r="AE3536" s="137"/>
      <c r="AF3536" s="137"/>
      <c r="AG3536" s="137"/>
      <c r="AH3536" s="137"/>
      <c r="AI3536" s="137"/>
      <c r="AJ3536" s="137"/>
      <c r="AK3536" s="137"/>
      <c r="AL3536" s="137"/>
      <c r="AM3536" s="137"/>
      <c r="AN3536" s="137"/>
      <c r="AO3536" s="137"/>
      <c r="AP3536" s="137"/>
      <c r="AQ3536" s="137"/>
      <c r="AR3536" s="137"/>
      <c r="AS3536" s="137"/>
      <c r="AT3536" s="137"/>
      <c r="AU3536" s="137"/>
      <c r="AV3536" s="137"/>
      <c r="AW3536" s="144"/>
    </row>
    <row r="3537" spans="7:49" x14ac:dyDescent="0.2">
      <c r="G3537" s="43"/>
      <c r="Z3537" s="143"/>
      <c r="AA3537" s="137"/>
      <c r="AB3537" s="137"/>
      <c r="AC3537" s="137"/>
      <c r="AD3537" s="137"/>
      <c r="AE3537" s="137"/>
      <c r="AF3537" s="137"/>
      <c r="AG3537" s="137"/>
      <c r="AH3537" s="137"/>
      <c r="AI3537" s="137"/>
      <c r="AJ3537" s="137"/>
      <c r="AK3537" s="137"/>
      <c r="AL3537" s="137"/>
      <c r="AM3537" s="137"/>
      <c r="AN3537" s="137"/>
      <c r="AO3537" s="137"/>
      <c r="AP3537" s="137"/>
      <c r="AQ3537" s="137"/>
      <c r="AR3537" s="137"/>
      <c r="AS3537" s="137"/>
      <c r="AT3537" s="137"/>
      <c r="AU3537" s="137"/>
      <c r="AV3537" s="137"/>
      <c r="AW3537" s="144"/>
    </row>
    <row r="3538" spans="7:49" x14ac:dyDescent="0.2">
      <c r="G3538" s="43"/>
      <c r="Z3538" s="143"/>
      <c r="AA3538" s="137"/>
      <c r="AB3538" s="137"/>
      <c r="AC3538" s="137"/>
      <c r="AD3538" s="137"/>
      <c r="AE3538" s="137"/>
      <c r="AF3538" s="137"/>
      <c r="AG3538" s="137"/>
      <c r="AH3538" s="137"/>
      <c r="AI3538" s="137"/>
      <c r="AJ3538" s="137"/>
      <c r="AK3538" s="137"/>
      <c r="AL3538" s="137"/>
      <c r="AM3538" s="137"/>
      <c r="AN3538" s="137"/>
      <c r="AO3538" s="137"/>
      <c r="AP3538" s="137"/>
      <c r="AQ3538" s="137"/>
      <c r="AR3538" s="137"/>
      <c r="AS3538" s="137"/>
      <c r="AT3538" s="137"/>
      <c r="AU3538" s="137"/>
      <c r="AV3538" s="137"/>
      <c r="AW3538" s="144"/>
    </row>
    <row r="3539" spans="7:49" x14ac:dyDescent="0.2">
      <c r="G3539" s="43"/>
      <c r="Z3539" s="143"/>
      <c r="AA3539" s="137"/>
      <c r="AB3539" s="137"/>
      <c r="AC3539" s="137"/>
      <c r="AD3539" s="137"/>
      <c r="AE3539" s="137"/>
      <c r="AF3539" s="137"/>
      <c r="AG3539" s="137"/>
      <c r="AH3539" s="137"/>
      <c r="AI3539" s="137"/>
      <c r="AJ3539" s="137"/>
      <c r="AK3539" s="137"/>
      <c r="AL3539" s="137"/>
      <c r="AM3539" s="137"/>
      <c r="AN3539" s="137"/>
      <c r="AO3539" s="137"/>
      <c r="AP3539" s="137"/>
      <c r="AQ3539" s="137"/>
      <c r="AR3539" s="137"/>
      <c r="AS3539" s="137"/>
      <c r="AT3539" s="137"/>
      <c r="AU3539" s="137"/>
      <c r="AV3539" s="137"/>
      <c r="AW3539" s="144"/>
    </row>
    <row r="3540" spans="7:49" x14ac:dyDescent="0.2">
      <c r="G3540" s="43"/>
      <c r="Z3540" s="143"/>
      <c r="AA3540" s="137"/>
      <c r="AB3540" s="137"/>
      <c r="AC3540" s="137"/>
      <c r="AD3540" s="137"/>
      <c r="AE3540" s="137"/>
      <c r="AF3540" s="137"/>
      <c r="AG3540" s="137"/>
      <c r="AH3540" s="137"/>
      <c r="AI3540" s="137"/>
      <c r="AJ3540" s="137"/>
      <c r="AK3540" s="137"/>
      <c r="AL3540" s="137"/>
      <c r="AM3540" s="137"/>
      <c r="AN3540" s="137"/>
      <c r="AO3540" s="137"/>
      <c r="AP3540" s="137"/>
      <c r="AQ3540" s="137"/>
      <c r="AR3540" s="137"/>
      <c r="AS3540" s="137"/>
      <c r="AT3540" s="137"/>
      <c r="AU3540" s="137"/>
      <c r="AV3540" s="137"/>
      <c r="AW3540" s="144"/>
    </row>
    <row r="3541" spans="7:49" x14ac:dyDescent="0.2">
      <c r="G3541" s="43"/>
      <c r="Z3541" s="143"/>
      <c r="AA3541" s="137"/>
      <c r="AB3541" s="137"/>
      <c r="AC3541" s="137"/>
      <c r="AD3541" s="137"/>
      <c r="AE3541" s="137"/>
      <c r="AF3541" s="137"/>
      <c r="AG3541" s="137"/>
      <c r="AH3541" s="137"/>
      <c r="AI3541" s="137"/>
      <c r="AJ3541" s="137"/>
      <c r="AK3541" s="137"/>
      <c r="AL3541" s="137"/>
      <c r="AM3541" s="137"/>
      <c r="AN3541" s="137"/>
      <c r="AO3541" s="137"/>
      <c r="AP3541" s="137"/>
      <c r="AQ3541" s="137"/>
      <c r="AR3541" s="137"/>
      <c r="AS3541" s="137"/>
      <c r="AT3541" s="137"/>
      <c r="AU3541" s="137"/>
      <c r="AV3541" s="137"/>
      <c r="AW3541" s="144"/>
    </row>
    <row r="3542" spans="7:49" x14ac:dyDescent="0.2">
      <c r="G3542" s="43"/>
      <c r="Z3542" s="143"/>
      <c r="AA3542" s="137"/>
      <c r="AB3542" s="137"/>
      <c r="AC3542" s="137"/>
      <c r="AD3542" s="137"/>
      <c r="AE3542" s="137"/>
      <c r="AF3542" s="137"/>
      <c r="AG3542" s="137"/>
      <c r="AH3542" s="137"/>
      <c r="AI3542" s="137"/>
      <c r="AJ3542" s="137"/>
      <c r="AK3542" s="137"/>
      <c r="AL3542" s="137"/>
      <c r="AM3542" s="137"/>
      <c r="AN3542" s="137"/>
      <c r="AO3542" s="137"/>
      <c r="AP3542" s="137"/>
      <c r="AQ3542" s="137"/>
      <c r="AR3542" s="137"/>
      <c r="AS3542" s="137"/>
      <c r="AT3542" s="137"/>
      <c r="AU3542" s="137"/>
      <c r="AV3542" s="137"/>
      <c r="AW3542" s="144"/>
    </row>
    <row r="3543" spans="7:49" x14ac:dyDescent="0.2">
      <c r="G3543" s="43"/>
      <c r="Z3543" s="143"/>
      <c r="AA3543" s="137"/>
      <c r="AB3543" s="137"/>
      <c r="AC3543" s="137"/>
      <c r="AD3543" s="137"/>
      <c r="AE3543" s="137"/>
      <c r="AF3543" s="137"/>
      <c r="AG3543" s="137"/>
      <c r="AH3543" s="137"/>
      <c r="AI3543" s="137"/>
      <c r="AJ3543" s="137"/>
      <c r="AK3543" s="137"/>
      <c r="AL3543" s="137"/>
      <c r="AM3543" s="137"/>
      <c r="AN3543" s="137"/>
      <c r="AO3543" s="137"/>
      <c r="AP3543" s="137"/>
      <c r="AQ3543" s="137"/>
      <c r="AR3543" s="137"/>
      <c r="AS3543" s="137"/>
      <c r="AT3543" s="137"/>
      <c r="AU3543" s="137"/>
      <c r="AV3543" s="137"/>
      <c r="AW3543" s="144"/>
    </row>
    <row r="3544" spans="7:49" x14ac:dyDescent="0.2">
      <c r="G3544" s="43"/>
      <c r="Z3544" s="143"/>
      <c r="AA3544" s="137"/>
      <c r="AB3544" s="137"/>
      <c r="AC3544" s="137"/>
      <c r="AD3544" s="137"/>
      <c r="AE3544" s="137"/>
      <c r="AF3544" s="137"/>
      <c r="AG3544" s="137"/>
      <c r="AH3544" s="137"/>
      <c r="AI3544" s="137"/>
      <c r="AJ3544" s="137"/>
      <c r="AK3544" s="137"/>
      <c r="AL3544" s="137"/>
      <c r="AM3544" s="137"/>
      <c r="AN3544" s="137"/>
      <c r="AO3544" s="137"/>
      <c r="AP3544" s="137"/>
      <c r="AQ3544" s="137"/>
      <c r="AR3544" s="137"/>
      <c r="AS3544" s="137"/>
      <c r="AT3544" s="137"/>
      <c r="AU3544" s="137"/>
      <c r="AV3544" s="137"/>
      <c r="AW3544" s="144"/>
    </row>
    <row r="3545" spans="7:49" x14ac:dyDescent="0.2">
      <c r="G3545" s="43"/>
      <c r="Z3545" s="143"/>
      <c r="AA3545" s="137"/>
      <c r="AB3545" s="137"/>
      <c r="AC3545" s="137"/>
      <c r="AD3545" s="137"/>
      <c r="AE3545" s="137"/>
      <c r="AF3545" s="137"/>
      <c r="AG3545" s="137"/>
      <c r="AH3545" s="137"/>
      <c r="AI3545" s="137"/>
      <c r="AJ3545" s="137"/>
      <c r="AK3545" s="137"/>
      <c r="AL3545" s="137"/>
      <c r="AM3545" s="137"/>
      <c r="AN3545" s="137"/>
      <c r="AO3545" s="137"/>
      <c r="AP3545" s="137"/>
      <c r="AQ3545" s="137"/>
      <c r="AR3545" s="137"/>
      <c r="AS3545" s="137"/>
      <c r="AT3545" s="137"/>
      <c r="AU3545" s="137"/>
      <c r="AV3545" s="137"/>
      <c r="AW3545" s="144"/>
    </row>
    <row r="3546" spans="7:49" x14ac:dyDescent="0.2">
      <c r="G3546" s="43"/>
      <c r="Z3546" s="143"/>
      <c r="AA3546" s="137"/>
      <c r="AB3546" s="137"/>
      <c r="AC3546" s="137"/>
      <c r="AD3546" s="137"/>
      <c r="AE3546" s="137"/>
      <c r="AF3546" s="137"/>
      <c r="AG3546" s="137"/>
      <c r="AH3546" s="137"/>
      <c r="AI3546" s="137"/>
      <c r="AJ3546" s="137"/>
      <c r="AK3546" s="137"/>
      <c r="AL3546" s="137"/>
      <c r="AM3546" s="137"/>
      <c r="AN3546" s="137"/>
      <c r="AO3546" s="137"/>
      <c r="AP3546" s="137"/>
      <c r="AQ3546" s="137"/>
      <c r="AR3546" s="137"/>
      <c r="AS3546" s="137"/>
      <c r="AT3546" s="137"/>
      <c r="AU3546" s="137"/>
      <c r="AV3546" s="137"/>
      <c r="AW3546" s="144"/>
    </row>
    <row r="3547" spans="7:49" x14ac:dyDescent="0.2">
      <c r="G3547" s="43"/>
      <c r="Z3547" s="143"/>
      <c r="AA3547" s="137"/>
      <c r="AB3547" s="137"/>
      <c r="AC3547" s="137"/>
      <c r="AD3547" s="137"/>
      <c r="AE3547" s="137"/>
      <c r="AF3547" s="137"/>
      <c r="AG3547" s="137"/>
      <c r="AH3547" s="137"/>
      <c r="AI3547" s="137"/>
      <c r="AJ3547" s="137"/>
      <c r="AK3547" s="137"/>
      <c r="AL3547" s="137"/>
      <c r="AM3547" s="137"/>
      <c r="AN3547" s="137"/>
      <c r="AO3547" s="137"/>
      <c r="AP3547" s="137"/>
      <c r="AQ3547" s="137"/>
      <c r="AR3547" s="137"/>
      <c r="AS3547" s="137"/>
      <c r="AT3547" s="137"/>
      <c r="AU3547" s="137"/>
      <c r="AV3547" s="137"/>
      <c r="AW3547" s="144"/>
    </row>
    <row r="3548" spans="7:49" x14ac:dyDescent="0.2">
      <c r="G3548" s="43"/>
      <c r="Z3548" s="143"/>
      <c r="AA3548" s="137"/>
      <c r="AB3548" s="137"/>
      <c r="AC3548" s="137"/>
      <c r="AD3548" s="137"/>
      <c r="AE3548" s="137"/>
      <c r="AF3548" s="137"/>
      <c r="AG3548" s="137"/>
      <c r="AH3548" s="137"/>
      <c r="AI3548" s="137"/>
      <c r="AJ3548" s="137"/>
      <c r="AK3548" s="137"/>
      <c r="AL3548" s="137"/>
      <c r="AM3548" s="137"/>
      <c r="AN3548" s="137"/>
      <c r="AO3548" s="137"/>
      <c r="AP3548" s="137"/>
      <c r="AQ3548" s="137"/>
      <c r="AR3548" s="137"/>
      <c r="AS3548" s="137"/>
      <c r="AT3548" s="137"/>
      <c r="AU3548" s="137"/>
      <c r="AV3548" s="137"/>
      <c r="AW3548" s="144"/>
    </row>
    <row r="3549" spans="7:49" x14ac:dyDescent="0.2">
      <c r="G3549" s="43"/>
      <c r="Z3549" s="143"/>
      <c r="AA3549" s="137"/>
      <c r="AB3549" s="137"/>
      <c r="AC3549" s="137"/>
      <c r="AD3549" s="137"/>
      <c r="AE3549" s="137"/>
      <c r="AF3549" s="137"/>
      <c r="AG3549" s="137"/>
      <c r="AH3549" s="137"/>
      <c r="AI3549" s="137"/>
      <c r="AJ3549" s="137"/>
      <c r="AK3549" s="137"/>
      <c r="AL3549" s="137"/>
      <c r="AM3549" s="137"/>
      <c r="AN3549" s="137"/>
      <c r="AO3549" s="137"/>
      <c r="AP3549" s="137"/>
      <c r="AQ3549" s="137"/>
      <c r="AR3549" s="137"/>
      <c r="AS3549" s="137"/>
      <c r="AT3549" s="137"/>
      <c r="AU3549" s="137"/>
      <c r="AV3549" s="137"/>
      <c r="AW3549" s="144"/>
    </row>
    <row r="3550" spans="7:49" x14ac:dyDescent="0.2">
      <c r="G3550" s="43"/>
      <c r="Z3550" s="143"/>
      <c r="AA3550" s="137"/>
      <c r="AB3550" s="137"/>
      <c r="AC3550" s="137"/>
      <c r="AD3550" s="137"/>
      <c r="AE3550" s="137"/>
      <c r="AF3550" s="137"/>
      <c r="AG3550" s="137"/>
      <c r="AH3550" s="137"/>
      <c r="AI3550" s="137"/>
      <c r="AJ3550" s="137"/>
      <c r="AK3550" s="137"/>
      <c r="AL3550" s="137"/>
      <c r="AM3550" s="137"/>
      <c r="AN3550" s="137"/>
      <c r="AO3550" s="137"/>
      <c r="AP3550" s="137"/>
      <c r="AQ3550" s="137"/>
      <c r="AR3550" s="137"/>
      <c r="AS3550" s="137"/>
      <c r="AT3550" s="137"/>
      <c r="AU3550" s="137"/>
      <c r="AV3550" s="137"/>
      <c r="AW3550" s="144"/>
    </row>
    <row r="3551" spans="7:49" x14ac:dyDescent="0.2">
      <c r="G3551" s="43"/>
      <c r="Z3551" s="143"/>
      <c r="AA3551" s="137"/>
      <c r="AB3551" s="137"/>
      <c r="AC3551" s="137"/>
      <c r="AD3551" s="137"/>
      <c r="AE3551" s="137"/>
      <c r="AF3551" s="137"/>
      <c r="AG3551" s="137"/>
      <c r="AH3551" s="137"/>
      <c r="AI3551" s="137"/>
      <c r="AJ3551" s="137"/>
      <c r="AK3551" s="137"/>
      <c r="AL3551" s="137"/>
      <c r="AM3551" s="137"/>
      <c r="AN3551" s="137"/>
      <c r="AO3551" s="137"/>
      <c r="AP3551" s="137"/>
      <c r="AQ3551" s="137"/>
      <c r="AR3551" s="137"/>
      <c r="AS3551" s="137"/>
      <c r="AT3551" s="137"/>
      <c r="AU3551" s="137"/>
      <c r="AV3551" s="137"/>
      <c r="AW3551" s="144"/>
    </row>
    <row r="3552" spans="7:49" x14ac:dyDescent="0.2">
      <c r="G3552" s="43"/>
      <c r="Z3552" s="143"/>
      <c r="AA3552" s="137"/>
      <c r="AB3552" s="137"/>
      <c r="AC3552" s="137"/>
      <c r="AD3552" s="137"/>
      <c r="AE3552" s="137"/>
      <c r="AF3552" s="137"/>
      <c r="AG3552" s="137"/>
      <c r="AH3552" s="137"/>
      <c r="AI3552" s="137"/>
      <c r="AJ3552" s="137"/>
      <c r="AK3552" s="137"/>
      <c r="AL3552" s="137"/>
      <c r="AM3552" s="137"/>
      <c r="AN3552" s="137"/>
      <c r="AO3552" s="137"/>
      <c r="AP3552" s="137"/>
      <c r="AQ3552" s="137"/>
      <c r="AR3552" s="137"/>
      <c r="AS3552" s="137"/>
      <c r="AT3552" s="137"/>
      <c r="AU3552" s="137"/>
      <c r="AV3552" s="137"/>
      <c r="AW3552" s="144"/>
    </row>
    <row r="3553" spans="7:49" x14ac:dyDescent="0.2">
      <c r="G3553" s="43"/>
      <c r="Z3553" s="143"/>
      <c r="AA3553" s="137"/>
      <c r="AB3553" s="137"/>
      <c r="AC3553" s="137"/>
      <c r="AD3553" s="137"/>
      <c r="AE3553" s="137"/>
      <c r="AF3553" s="137"/>
      <c r="AG3553" s="137"/>
      <c r="AH3553" s="137"/>
      <c r="AI3553" s="137"/>
      <c r="AJ3553" s="137"/>
      <c r="AK3553" s="137"/>
      <c r="AL3553" s="137"/>
      <c r="AM3553" s="137"/>
      <c r="AN3553" s="137"/>
      <c r="AO3553" s="137"/>
      <c r="AP3553" s="137"/>
      <c r="AQ3553" s="137"/>
      <c r="AR3553" s="137"/>
      <c r="AS3553" s="137"/>
      <c r="AT3553" s="137"/>
      <c r="AU3553" s="137"/>
      <c r="AV3553" s="137"/>
      <c r="AW3553" s="144"/>
    </row>
    <row r="3554" spans="7:49" x14ac:dyDescent="0.2">
      <c r="G3554" s="43"/>
      <c r="Z3554" s="143"/>
      <c r="AA3554" s="137"/>
      <c r="AB3554" s="137"/>
      <c r="AC3554" s="137"/>
      <c r="AD3554" s="137"/>
      <c r="AE3554" s="137"/>
      <c r="AF3554" s="137"/>
      <c r="AG3554" s="137"/>
      <c r="AH3554" s="137"/>
      <c r="AI3554" s="137"/>
      <c r="AJ3554" s="137"/>
      <c r="AK3554" s="137"/>
      <c r="AL3554" s="137"/>
      <c r="AM3554" s="137"/>
      <c r="AN3554" s="137"/>
      <c r="AO3554" s="137"/>
      <c r="AP3554" s="137"/>
      <c r="AQ3554" s="137"/>
      <c r="AR3554" s="137"/>
      <c r="AS3554" s="137"/>
      <c r="AT3554" s="137"/>
      <c r="AU3554" s="137"/>
      <c r="AV3554" s="137"/>
      <c r="AW3554" s="144"/>
    </row>
    <row r="3555" spans="7:49" x14ac:dyDescent="0.2">
      <c r="G3555" s="43"/>
      <c r="Z3555" s="143"/>
      <c r="AA3555" s="137"/>
      <c r="AB3555" s="137"/>
      <c r="AC3555" s="137"/>
      <c r="AD3555" s="137"/>
      <c r="AE3555" s="137"/>
      <c r="AF3555" s="137"/>
      <c r="AG3555" s="137"/>
      <c r="AH3555" s="137"/>
      <c r="AI3555" s="137"/>
      <c r="AJ3555" s="137"/>
      <c r="AK3555" s="137"/>
      <c r="AL3555" s="137"/>
      <c r="AM3555" s="137"/>
      <c r="AN3555" s="137"/>
      <c r="AO3555" s="137"/>
      <c r="AP3555" s="137"/>
      <c r="AQ3555" s="137"/>
      <c r="AR3555" s="137"/>
      <c r="AS3555" s="137"/>
      <c r="AT3555" s="137"/>
      <c r="AU3555" s="137"/>
      <c r="AV3555" s="137"/>
      <c r="AW3555" s="144"/>
    </row>
    <row r="3556" spans="7:49" x14ac:dyDescent="0.2">
      <c r="G3556" s="43"/>
      <c r="Z3556" s="143"/>
      <c r="AA3556" s="137"/>
      <c r="AB3556" s="137"/>
      <c r="AC3556" s="137"/>
      <c r="AD3556" s="137"/>
      <c r="AE3556" s="137"/>
      <c r="AF3556" s="137"/>
      <c r="AG3556" s="137"/>
      <c r="AH3556" s="137"/>
      <c r="AI3556" s="137"/>
      <c r="AJ3556" s="137"/>
      <c r="AK3556" s="137"/>
      <c r="AL3556" s="137"/>
      <c r="AM3556" s="137"/>
      <c r="AN3556" s="137"/>
      <c r="AO3556" s="137"/>
      <c r="AP3556" s="137"/>
      <c r="AQ3556" s="137"/>
      <c r="AR3556" s="137"/>
      <c r="AS3556" s="137"/>
      <c r="AT3556" s="137"/>
      <c r="AU3556" s="137"/>
      <c r="AV3556" s="137"/>
      <c r="AW3556" s="144"/>
    </row>
    <row r="3557" spans="7:49" x14ac:dyDescent="0.2">
      <c r="G3557" s="43"/>
      <c r="Z3557" s="143"/>
      <c r="AA3557" s="137"/>
      <c r="AB3557" s="137"/>
      <c r="AC3557" s="137"/>
      <c r="AD3557" s="137"/>
      <c r="AE3557" s="137"/>
      <c r="AF3557" s="137"/>
      <c r="AG3557" s="137"/>
      <c r="AH3557" s="137"/>
      <c r="AI3557" s="137"/>
      <c r="AJ3557" s="137"/>
      <c r="AK3557" s="137"/>
      <c r="AL3557" s="137"/>
      <c r="AM3557" s="137"/>
      <c r="AN3557" s="137"/>
      <c r="AO3557" s="137"/>
      <c r="AP3557" s="137"/>
      <c r="AQ3557" s="137"/>
      <c r="AR3557" s="137"/>
      <c r="AS3557" s="137"/>
      <c r="AT3557" s="137"/>
      <c r="AU3557" s="137"/>
      <c r="AV3557" s="137"/>
      <c r="AW3557" s="144"/>
    </row>
    <row r="3558" spans="7:49" x14ac:dyDescent="0.2">
      <c r="G3558" s="43"/>
      <c r="Z3558" s="143"/>
      <c r="AA3558" s="137"/>
      <c r="AB3558" s="137"/>
      <c r="AC3558" s="137"/>
      <c r="AD3558" s="137"/>
      <c r="AE3558" s="137"/>
      <c r="AF3558" s="137"/>
      <c r="AG3558" s="137"/>
      <c r="AH3558" s="137"/>
      <c r="AI3558" s="137"/>
      <c r="AJ3558" s="137"/>
      <c r="AK3558" s="137"/>
      <c r="AL3558" s="137"/>
      <c r="AM3558" s="137"/>
      <c r="AN3558" s="137"/>
      <c r="AO3558" s="137"/>
      <c r="AP3558" s="137"/>
      <c r="AQ3558" s="137"/>
      <c r="AR3558" s="137"/>
      <c r="AS3558" s="137"/>
      <c r="AT3558" s="137"/>
      <c r="AU3558" s="137"/>
      <c r="AV3558" s="137"/>
      <c r="AW3558" s="144"/>
    </row>
    <row r="3559" spans="7:49" x14ac:dyDescent="0.2">
      <c r="G3559" s="43"/>
      <c r="Z3559" s="143"/>
      <c r="AA3559" s="137"/>
      <c r="AB3559" s="137"/>
      <c r="AC3559" s="137"/>
      <c r="AD3559" s="137"/>
      <c r="AE3559" s="137"/>
      <c r="AF3559" s="137"/>
      <c r="AG3559" s="137"/>
      <c r="AH3559" s="137"/>
      <c r="AI3559" s="137"/>
      <c r="AJ3559" s="137"/>
      <c r="AK3559" s="137"/>
      <c r="AL3559" s="137"/>
      <c r="AM3559" s="137"/>
      <c r="AN3559" s="137"/>
      <c r="AO3559" s="137"/>
      <c r="AP3559" s="137"/>
      <c r="AQ3559" s="137"/>
      <c r="AR3559" s="137"/>
      <c r="AS3559" s="137"/>
      <c r="AT3559" s="137"/>
      <c r="AU3559" s="137"/>
      <c r="AV3559" s="137"/>
      <c r="AW3559" s="144"/>
    </row>
    <row r="3560" spans="7:49" x14ac:dyDescent="0.2">
      <c r="G3560" s="43"/>
      <c r="Z3560" s="143"/>
      <c r="AA3560" s="137"/>
      <c r="AB3560" s="137"/>
      <c r="AC3560" s="137"/>
      <c r="AD3560" s="137"/>
      <c r="AE3560" s="137"/>
      <c r="AF3560" s="137"/>
      <c r="AG3560" s="137"/>
      <c r="AH3560" s="137"/>
      <c r="AI3560" s="137"/>
      <c r="AJ3560" s="137"/>
      <c r="AK3560" s="137"/>
      <c r="AL3560" s="137"/>
      <c r="AM3560" s="137"/>
      <c r="AN3560" s="137"/>
      <c r="AO3560" s="137"/>
      <c r="AP3560" s="137"/>
      <c r="AQ3560" s="137"/>
      <c r="AR3560" s="137"/>
      <c r="AS3560" s="137"/>
      <c r="AT3560" s="137"/>
      <c r="AU3560" s="137"/>
      <c r="AV3560" s="137"/>
      <c r="AW3560" s="144"/>
    </row>
    <row r="3561" spans="7:49" x14ac:dyDescent="0.2">
      <c r="G3561" s="43"/>
      <c r="Z3561" s="143"/>
      <c r="AA3561" s="137"/>
      <c r="AB3561" s="137"/>
      <c r="AC3561" s="137"/>
      <c r="AD3561" s="137"/>
      <c r="AE3561" s="137"/>
      <c r="AF3561" s="137"/>
      <c r="AG3561" s="137"/>
      <c r="AH3561" s="137"/>
      <c r="AI3561" s="137"/>
      <c r="AJ3561" s="137"/>
      <c r="AK3561" s="137"/>
      <c r="AL3561" s="137"/>
      <c r="AM3561" s="137"/>
      <c r="AN3561" s="137"/>
      <c r="AO3561" s="137"/>
      <c r="AP3561" s="137"/>
      <c r="AQ3561" s="137"/>
      <c r="AR3561" s="137"/>
      <c r="AS3561" s="137"/>
      <c r="AT3561" s="137"/>
      <c r="AU3561" s="137"/>
      <c r="AV3561" s="137"/>
      <c r="AW3561" s="144"/>
    </row>
    <row r="3562" spans="7:49" x14ac:dyDescent="0.2">
      <c r="G3562" s="43"/>
      <c r="Z3562" s="143"/>
      <c r="AA3562" s="137"/>
      <c r="AB3562" s="137"/>
      <c r="AC3562" s="137"/>
      <c r="AD3562" s="137"/>
      <c r="AE3562" s="137"/>
      <c r="AF3562" s="137"/>
      <c r="AG3562" s="137"/>
      <c r="AH3562" s="137"/>
      <c r="AI3562" s="137"/>
      <c r="AJ3562" s="137"/>
      <c r="AK3562" s="137"/>
      <c r="AL3562" s="137"/>
      <c r="AM3562" s="137"/>
      <c r="AN3562" s="137"/>
      <c r="AO3562" s="137"/>
      <c r="AP3562" s="137"/>
      <c r="AQ3562" s="137"/>
      <c r="AR3562" s="137"/>
      <c r="AS3562" s="137"/>
      <c r="AT3562" s="137"/>
      <c r="AU3562" s="137"/>
      <c r="AV3562" s="137"/>
      <c r="AW3562" s="144"/>
    </row>
    <row r="3563" spans="7:49" x14ac:dyDescent="0.2">
      <c r="G3563" s="43"/>
      <c r="Z3563" s="143"/>
      <c r="AA3563" s="137"/>
      <c r="AB3563" s="137"/>
      <c r="AC3563" s="137"/>
      <c r="AD3563" s="137"/>
      <c r="AE3563" s="137"/>
      <c r="AF3563" s="137"/>
      <c r="AG3563" s="137"/>
      <c r="AH3563" s="137"/>
      <c r="AI3563" s="137"/>
      <c r="AJ3563" s="137"/>
      <c r="AK3563" s="137"/>
      <c r="AL3563" s="137"/>
      <c r="AM3563" s="137"/>
      <c r="AN3563" s="137"/>
      <c r="AO3563" s="137"/>
      <c r="AP3563" s="137"/>
      <c r="AQ3563" s="137"/>
      <c r="AR3563" s="137"/>
      <c r="AS3563" s="137"/>
      <c r="AT3563" s="137"/>
      <c r="AU3563" s="137"/>
      <c r="AV3563" s="137"/>
      <c r="AW3563" s="144"/>
    </row>
    <row r="3564" spans="7:49" x14ac:dyDescent="0.2">
      <c r="G3564" s="43"/>
      <c r="Z3564" s="143"/>
      <c r="AA3564" s="137"/>
      <c r="AB3564" s="137"/>
      <c r="AC3564" s="137"/>
      <c r="AD3564" s="137"/>
      <c r="AE3564" s="137"/>
      <c r="AF3564" s="137"/>
      <c r="AG3564" s="137"/>
      <c r="AH3564" s="137"/>
      <c r="AI3564" s="137"/>
      <c r="AJ3564" s="137"/>
      <c r="AK3564" s="137"/>
      <c r="AL3564" s="137"/>
      <c r="AM3564" s="137"/>
      <c r="AN3564" s="137"/>
      <c r="AO3564" s="137"/>
      <c r="AP3564" s="137"/>
      <c r="AQ3564" s="137"/>
      <c r="AR3564" s="137"/>
      <c r="AS3564" s="137"/>
      <c r="AT3564" s="137"/>
      <c r="AU3564" s="137"/>
      <c r="AV3564" s="137"/>
      <c r="AW3564" s="144"/>
    </row>
    <row r="3565" spans="7:49" x14ac:dyDescent="0.2">
      <c r="G3565" s="43"/>
      <c r="Z3565" s="143"/>
      <c r="AA3565" s="137"/>
      <c r="AB3565" s="137"/>
      <c r="AC3565" s="137"/>
      <c r="AD3565" s="137"/>
      <c r="AE3565" s="137"/>
      <c r="AF3565" s="137"/>
      <c r="AG3565" s="137"/>
      <c r="AH3565" s="137"/>
      <c r="AI3565" s="137"/>
      <c r="AJ3565" s="137"/>
      <c r="AK3565" s="137"/>
      <c r="AL3565" s="137"/>
      <c r="AM3565" s="137"/>
      <c r="AN3565" s="137"/>
      <c r="AO3565" s="137"/>
      <c r="AP3565" s="137"/>
      <c r="AQ3565" s="137"/>
      <c r="AR3565" s="137"/>
      <c r="AS3565" s="137"/>
      <c r="AT3565" s="137"/>
      <c r="AU3565" s="137"/>
      <c r="AV3565" s="137"/>
      <c r="AW3565" s="144"/>
    </row>
    <row r="3566" spans="7:49" x14ac:dyDescent="0.2">
      <c r="G3566" s="43"/>
      <c r="Z3566" s="143"/>
      <c r="AA3566" s="137"/>
      <c r="AB3566" s="137"/>
      <c r="AC3566" s="137"/>
      <c r="AD3566" s="137"/>
      <c r="AE3566" s="137"/>
      <c r="AF3566" s="137"/>
      <c r="AG3566" s="137"/>
      <c r="AH3566" s="137"/>
      <c r="AI3566" s="137"/>
      <c r="AJ3566" s="137"/>
      <c r="AK3566" s="137"/>
      <c r="AL3566" s="137"/>
      <c r="AM3566" s="137"/>
      <c r="AN3566" s="137"/>
      <c r="AO3566" s="137"/>
      <c r="AP3566" s="137"/>
      <c r="AQ3566" s="137"/>
      <c r="AR3566" s="137"/>
      <c r="AS3566" s="137"/>
      <c r="AT3566" s="137"/>
      <c r="AU3566" s="137"/>
      <c r="AV3566" s="137"/>
      <c r="AW3566" s="144"/>
    </row>
    <row r="3567" spans="7:49" x14ac:dyDescent="0.2">
      <c r="G3567" s="43"/>
      <c r="Z3567" s="143"/>
      <c r="AA3567" s="137"/>
      <c r="AB3567" s="137"/>
      <c r="AC3567" s="137"/>
      <c r="AD3567" s="137"/>
      <c r="AE3567" s="137"/>
      <c r="AF3567" s="137"/>
      <c r="AG3567" s="137"/>
      <c r="AH3567" s="137"/>
      <c r="AI3567" s="137"/>
      <c r="AJ3567" s="137"/>
      <c r="AK3567" s="137"/>
      <c r="AL3567" s="137"/>
      <c r="AM3567" s="137"/>
      <c r="AN3567" s="137"/>
      <c r="AO3567" s="137"/>
      <c r="AP3567" s="137"/>
      <c r="AQ3567" s="137"/>
      <c r="AR3567" s="137"/>
      <c r="AS3567" s="137"/>
      <c r="AT3567" s="137"/>
      <c r="AU3567" s="137"/>
      <c r="AV3567" s="137"/>
      <c r="AW3567" s="144"/>
    </row>
    <row r="3568" spans="7:49" x14ac:dyDescent="0.2">
      <c r="G3568" s="43"/>
      <c r="Z3568" s="143"/>
      <c r="AA3568" s="137"/>
      <c r="AB3568" s="137"/>
      <c r="AC3568" s="137"/>
      <c r="AD3568" s="137"/>
      <c r="AE3568" s="137"/>
      <c r="AF3568" s="137"/>
      <c r="AG3568" s="137"/>
      <c r="AH3568" s="137"/>
      <c r="AI3568" s="137"/>
      <c r="AJ3568" s="137"/>
      <c r="AK3568" s="137"/>
      <c r="AL3568" s="137"/>
      <c r="AM3568" s="137"/>
      <c r="AN3568" s="137"/>
      <c r="AO3568" s="137"/>
      <c r="AP3568" s="137"/>
      <c r="AQ3568" s="137"/>
      <c r="AR3568" s="137"/>
      <c r="AS3568" s="137"/>
      <c r="AT3568" s="137"/>
      <c r="AU3568" s="137"/>
      <c r="AV3568" s="137"/>
      <c r="AW3568" s="144"/>
    </row>
    <row r="3569" spans="7:49" x14ac:dyDescent="0.2">
      <c r="G3569" s="43"/>
      <c r="Z3569" s="143"/>
      <c r="AA3569" s="137"/>
      <c r="AB3569" s="137"/>
      <c r="AC3569" s="137"/>
      <c r="AD3569" s="137"/>
      <c r="AE3569" s="137"/>
      <c r="AF3569" s="137"/>
      <c r="AG3569" s="137"/>
      <c r="AH3569" s="137"/>
      <c r="AI3569" s="137"/>
      <c r="AJ3569" s="137"/>
      <c r="AK3569" s="137"/>
      <c r="AL3569" s="137"/>
      <c r="AM3569" s="137"/>
      <c r="AN3569" s="137"/>
      <c r="AO3569" s="137"/>
      <c r="AP3569" s="137"/>
      <c r="AQ3569" s="137"/>
      <c r="AR3569" s="137"/>
      <c r="AS3569" s="137"/>
      <c r="AT3569" s="137"/>
      <c r="AU3569" s="137"/>
      <c r="AV3569" s="137"/>
      <c r="AW3569" s="144"/>
    </row>
    <row r="3570" spans="7:49" x14ac:dyDescent="0.2">
      <c r="G3570" s="43"/>
      <c r="Z3570" s="143"/>
      <c r="AA3570" s="137"/>
      <c r="AB3570" s="137"/>
      <c r="AC3570" s="137"/>
      <c r="AD3570" s="137"/>
      <c r="AE3570" s="137"/>
      <c r="AF3570" s="137"/>
      <c r="AG3570" s="137"/>
      <c r="AH3570" s="137"/>
      <c r="AI3570" s="137"/>
      <c r="AJ3570" s="137"/>
      <c r="AK3570" s="137"/>
      <c r="AL3570" s="137"/>
      <c r="AM3570" s="137"/>
      <c r="AN3570" s="137"/>
      <c r="AO3570" s="137"/>
      <c r="AP3570" s="137"/>
      <c r="AQ3570" s="137"/>
      <c r="AR3570" s="137"/>
      <c r="AS3570" s="137"/>
      <c r="AT3570" s="137"/>
      <c r="AU3570" s="137"/>
      <c r="AV3570" s="137"/>
      <c r="AW3570" s="144"/>
    </row>
    <row r="3571" spans="7:49" x14ac:dyDescent="0.2">
      <c r="G3571" s="43"/>
      <c r="Z3571" s="143"/>
      <c r="AA3571" s="137"/>
      <c r="AB3571" s="137"/>
      <c r="AC3571" s="137"/>
      <c r="AD3571" s="137"/>
      <c r="AE3571" s="137"/>
      <c r="AF3571" s="137"/>
      <c r="AG3571" s="137"/>
      <c r="AH3571" s="137"/>
      <c r="AI3571" s="137"/>
      <c r="AJ3571" s="137"/>
      <c r="AK3571" s="137"/>
      <c r="AL3571" s="137"/>
      <c r="AM3571" s="137"/>
      <c r="AN3571" s="137"/>
      <c r="AO3571" s="137"/>
      <c r="AP3571" s="137"/>
      <c r="AQ3571" s="137"/>
      <c r="AR3571" s="137"/>
      <c r="AS3571" s="137"/>
      <c r="AT3571" s="137"/>
      <c r="AU3571" s="137"/>
      <c r="AV3571" s="137"/>
      <c r="AW3571" s="144"/>
    </row>
    <row r="3572" spans="7:49" x14ac:dyDescent="0.2">
      <c r="G3572" s="43"/>
      <c r="Z3572" s="143"/>
      <c r="AA3572" s="137"/>
      <c r="AB3572" s="137"/>
      <c r="AC3572" s="137"/>
      <c r="AD3572" s="137"/>
      <c r="AE3572" s="137"/>
      <c r="AF3572" s="137"/>
      <c r="AG3572" s="137"/>
      <c r="AH3572" s="137"/>
      <c r="AI3572" s="137"/>
      <c r="AJ3572" s="137"/>
      <c r="AK3572" s="137"/>
      <c r="AL3572" s="137"/>
      <c r="AM3572" s="137"/>
      <c r="AN3572" s="137"/>
      <c r="AO3572" s="137"/>
      <c r="AP3572" s="137"/>
      <c r="AQ3572" s="137"/>
      <c r="AR3572" s="137"/>
      <c r="AS3572" s="137"/>
      <c r="AT3572" s="137"/>
      <c r="AU3572" s="137"/>
      <c r="AV3572" s="137"/>
      <c r="AW3572" s="144"/>
    </row>
    <row r="3573" spans="7:49" x14ac:dyDescent="0.2">
      <c r="G3573" s="43"/>
      <c r="Z3573" s="143"/>
      <c r="AA3573" s="137"/>
      <c r="AB3573" s="137"/>
      <c r="AC3573" s="137"/>
      <c r="AD3573" s="137"/>
      <c r="AE3573" s="137"/>
      <c r="AF3573" s="137"/>
      <c r="AG3573" s="137"/>
      <c r="AH3573" s="137"/>
      <c r="AI3573" s="137"/>
      <c r="AJ3573" s="137"/>
      <c r="AK3573" s="137"/>
      <c r="AL3573" s="137"/>
      <c r="AM3573" s="137"/>
      <c r="AN3573" s="137"/>
      <c r="AO3573" s="137"/>
      <c r="AP3573" s="137"/>
      <c r="AQ3573" s="137"/>
      <c r="AR3573" s="137"/>
      <c r="AS3573" s="137"/>
      <c r="AT3573" s="137"/>
      <c r="AU3573" s="137"/>
      <c r="AV3573" s="137"/>
      <c r="AW3573" s="144"/>
    </row>
    <row r="3574" spans="7:49" x14ac:dyDescent="0.2">
      <c r="G3574" s="43"/>
      <c r="Z3574" s="143"/>
      <c r="AA3574" s="137"/>
      <c r="AB3574" s="137"/>
      <c r="AC3574" s="137"/>
      <c r="AD3574" s="137"/>
      <c r="AE3574" s="137"/>
      <c r="AF3574" s="137"/>
      <c r="AG3574" s="137"/>
      <c r="AH3574" s="137"/>
      <c r="AI3574" s="137"/>
      <c r="AJ3574" s="137"/>
      <c r="AK3574" s="137"/>
      <c r="AL3574" s="137"/>
      <c r="AM3574" s="137"/>
      <c r="AN3574" s="137"/>
      <c r="AO3574" s="137"/>
      <c r="AP3574" s="137"/>
      <c r="AQ3574" s="137"/>
      <c r="AR3574" s="137"/>
      <c r="AS3574" s="137"/>
      <c r="AT3574" s="137"/>
      <c r="AU3574" s="137"/>
      <c r="AV3574" s="137"/>
      <c r="AW3574" s="144"/>
    </row>
    <row r="3575" spans="7:49" x14ac:dyDescent="0.2">
      <c r="G3575" s="43"/>
      <c r="Z3575" s="143"/>
      <c r="AA3575" s="137"/>
      <c r="AB3575" s="137"/>
      <c r="AC3575" s="137"/>
      <c r="AD3575" s="137"/>
      <c r="AE3575" s="137"/>
      <c r="AF3575" s="137"/>
      <c r="AG3575" s="137"/>
      <c r="AH3575" s="137"/>
      <c r="AI3575" s="137"/>
      <c r="AJ3575" s="137"/>
      <c r="AK3575" s="137"/>
      <c r="AL3575" s="137"/>
      <c r="AM3575" s="137"/>
      <c r="AN3575" s="137"/>
      <c r="AO3575" s="137"/>
      <c r="AP3575" s="137"/>
      <c r="AQ3575" s="137"/>
      <c r="AR3575" s="137"/>
      <c r="AS3575" s="137"/>
      <c r="AT3575" s="137"/>
      <c r="AU3575" s="137"/>
      <c r="AV3575" s="137"/>
      <c r="AW3575" s="144"/>
    </row>
    <row r="3576" spans="7:49" x14ac:dyDescent="0.2">
      <c r="G3576" s="43"/>
      <c r="Z3576" s="143"/>
      <c r="AA3576" s="137"/>
      <c r="AB3576" s="137"/>
      <c r="AC3576" s="137"/>
      <c r="AD3576" s="137"/>
      <c r="AE3576" s="137"/>
      <c r="AF3576" s="137"/>
      <c r="AG3576" s="137"/>
      <c r="AH3576" s="137"/>
      <c r="AI3576" s="137"/>
      <c r="AJ3576" s="137"/>
      <c r="AK3576" s="137"/>
      <c r="AL3576" s="137"/>
      <c r="AM3576" s="137"/>
      <c r="AN3576" s="137"/>
      <c r="AO3576" s="137"/>
      <c r="AP3576" s="137"/>
      <c r="AQ3576" s="137"/>
      <c r="AR3576" s="137"/>
      <c r="AS3576" s="137"/>
      <c r="AT3576" s="137"/>
      <c r="AU3576" s="137"/>
      <c r="AV3576" s="137"/>
      <c r="AW3576" s="144"/>
    </row>
    <row r="3577" spans="7:49" x14ac:dyDescent="0.2">
      <c r="G3577" s="43"/>
      <c r="Z3577" s="143"/>
      <c r="AA3577" s="137"/>
      <c r="AB3577" s="137"/>
      <c r="AC3577" s="137"/>
      <c r="AD3577" s="137"/>
      <c r="AE3577" s="137"/>
      <c r="AF3577" s="137"/>
      <c r="AG3577" s="137"/>
      <c r="AH3577" s="137"/>
      <c r="AI3577" s="137"/>
      <c r="AJ3577" s="137"/>
      <c r="AK3577" s="137"/>
      <c r="AL3577" s="137"/>
      <c r="AM3577" s="137"/>
      <c r="AN3577" s="137"/>
      <c r="AO3577" s="137"/>
      <c r="AP3577" s="137"/>
      <c r="AQ3577" s="137"/>
      <c r="AR3577" s="137"/>
      <c r="AS3577" s="137"/>
      <c r="AT3577" s="137"/>
      <c r="AU3577" s="137"/>
      <c r="AV3577" s="137"/>
      <c r="AW3577" s="144"/>
    </row>
    <row r="3578" spans="7:49" x14ac:dyDescent="0.2">
      <c r="G3578" s="43"/>
      <c r="Z3578" s="143"/>
      <c r="AA3578" s="137"/>
      <c r="AB3578" s="137"/>
      <c r="AC3578" s="137"/>
      <c r="AD3578" s="137"/>
      <c r="AE3578" s="137"/>
      <c r="AF3578" s="137"/>
      <c r="AG3578" s="137"/>
      <c r="AH3578" s="137"/>
      <c r="AI3578" s="137"/>
      <c r="AJ3578" s="137"/>
      <c r="AK3578" s="137"/>
      <c r="AL3578" s="137"/>
      <c r="AM3578" s="137"/>
      <c r="AN3578" s="137"/>
      <c r="AO3578" s="137"/>
      <c r="AP3578" s="137"/>
      <c r="AQ3578" s="137"/>
      <c r="AR3578" s="137"/>
      <c r="AS3578" s="137"/>
      <c r="AT3578" s="137"/>
      <c r="AU3578" s="137"/>
      <c r="AV3578" s="137"/>
      <c r="AW3578" s="144"/>
    </row>
    <row r="3579" spans="7:49" x14ac:dyDescent="0.2">
      <c r="G3579" s="43"/>
      <c r="Z3579" s="143"/>
      <c r="AA3579" s="137"/>
      <c r="AB3579" s="137"/>
      <c r="AC3579" s="137"/>
      <c r="AD3579" s="137"/>
      <c r="AE3579" s="137"/>
      <c r="AF3579" s="137"/>
      <c r="AG3579" s="137"/>
      <c r="AH3579" s="137"/>
      <c r="AI3579" s="137"/>
      <c r="AJ3579" s="137"/>
      <c r="AK3579" s="137"/>
      <c r="AL3579" s="137"/>
      <c r="AM3579" s="137"/>
      <c r="AN3579" s="137"/>
      <c r="AO3579" s="137"/>
      <c r="AP3579" s="137"/>
      <c r="AQ3579" s="137"/>
      <c r="AR3579" s="137"/>
      <c r="AS3579" s="137"/>
      <c r="AT3579" s="137"/>
      <c r="AU3579" s="137"/>
      <c r="AV3579" s="137"/>
      <c r="AW3579" s="144"/>
    </row>
    <row r="3580" spans="7:49" x14ac:dyDescent="0.2">
      <c r="G3580" s="43"/>
      <c r="Z3580" s="143"/>
      <c r="AA3580" s="137"/>
      <c r="AB3580" s="137"/>
      <c r="AC3580" s="137"/>
      <c r="AD3580" s="137"/>
      <c r="AE3580" s="137"/>
      <c r="AF3580" s="137"/>
      <c r="AG3580" s="137"/>
      <c r="AH3580" s="137"/>
      <c r="AI3580" s="137"/>
      <c r="AJ3580" s="137"/>
      <c r="AK3580" s="137"/>
      <c r="AL3580" s="137"/>
      <c r="AM3580" s="137"/>
      <c r="AN3580" s="137"/>
      <c r="AO3580" s="137"/>
      <c r="AP3580" s="137"/>
      <c r="AQ3580" s="137"/>
      <c r="AR3580" s="137"/>
      <c r="AS3580" s="137"/>
      <c r="AT3580" s="137"/>
      <c r="AU3580" s="137"/>
      <c r="AV3580" s="137"/>
      <c r="AW3580" s="144"/>
    </row>
    <row r="3581" spans="7:49" x14ac:dyDescent="0.2">
      <c r="G3581" s="43"/>
      <c r="Z3581" s="143"/>
      <c r="AA3581" s="137"/>
      <c r="AB3581" s="137"/>
      <c r="AC3581" s="137"/>
      <c r="AD3581" s="137"/>
      <c r="AE3581" s="137"/>
      <c r="AF3581" s="137"/>
      <c r="AG3581" s="137"/>
      <c r="AH3581" s="137"/>
      <c r="AI3581" s="137"/>
      <c r="AJ3581" s="137"/>
      <c r="AK3581" s="137"/>
      <c r="AL3581" s="137"/>
      <c r="AM3581" s="137"/>
      <c r="AN3581" s="137"/>
      <c r="AO3581" s="137"/>
      <c r="AP3581" s="137"/>
      <c r="AQ3581" s="137"/>
      <c r="AR3581" s="137"/>
      <c r="AS3581" s="137"/>
      <c r="AT3581" s="137"/>
      <c r="AU3581" s="137"/>
      <c r="AV3581" s="137"/>
      <c r="AW3581" s="144"/>
    </row>
    <row r="3582" spans="7:49" x14ac:dyDescent="0.2">
      <c r="G3582" s="43"/>
      <c r="Z3582" s="143"/>
      <c r="AA3582" s="137"/>
      <c r="AB3582" s="137"/>
      <c r="AC3582" s="137"/>
      <c r="AD3582" s="137"/>
      <c r="AE3582" s="137"/>
      <c r="AF3582" s="137"/>
      <c r="AG3582" s="137"/>
      <c r="AH3582" s="137"/>
      <c r="AI3582" s="137"/>
      <c r="AJ3582" s="137"/>
      <c r="AK3582" s="137"/>
      <c r="AL3582" s="137"/>
      <c r="AM3582" s="137"/>
      <c r="AN3582" s="137"/>
      <c r="AO3582" s="137"/>
      <c r="AP3582" s="137"/>
      <c r="AQ3582" s="137"/>
      <c r="AR3582" s="137"/>
      <c r="AS3582" s="137"/>
      <c r="AT3582" s="137"/>
      <c r="AU3582" s="137"/>
      <c r="AV3582" s="137"/>
      <c r="AW3582" s="144"/>
    </row>
    <row r="3583" spans="7:49" x14ac:dyDescent="0.2">
      <c r="G3583" s="43"/>
      <c r="Z3583" s="143"/>
      <c r="AA3583" s="137"/>
      <c r="AB3583" s="137"/>
      <c r="AC3583" s="137"/>
      <c r="AD3583" s="137"/>
      <c r="AE3583" s="137"/>
      <c r="AF3583" s="137"/>
      <c r="AG3583" s="137"/>
      <c r="AH3583" s="137"/>
      <c r="AI3583" s="137"/>
      <c r="AJ3583" s="137"/>
      <c r="AK3583" s="137"/>
      <c r="AL3583" s="137"/>
      <c r="AM3583" s="137"/>
      <c r="AN3583" s="137"/>
      <c r="AO3583" s="137"/>
      <c r="AP3583" s="137"/>
      <c r="AQ3583" s="137"/>
      <c r="AR3583" s="137"/>
      <c r="AS3583" s="137"/>
      <c r="AT3583" s="137"/>
      <c r="AU3583" s="137"/>
      <c r="AV3583" s="137"/>
      <c r="AW3583" s="144"/>
    </row>
    <row r="3584" spans="7:49" x14ac:dyDescent="0.2">
      <c r="G3584" s="43"/>
      <c r="Z3584" s="143"/>
      <c r="AA3584" s="137"/>
      <c r="AB3584" s="137"/>
      <c r="AC3584" s="137"/>
      <c r="AD3584" s="137"/>
      <c r="AE3584" s="137"/>
      <c r="AF3584" s="137"/>
      <c r="AG3584" s="137"/>
      <c r="AH3584" s="137"/>
      <c r="AI3584" s="137"/>
      <c r="AJ3584" s="137"/>
      <c r="AK3584" s="137"/>
      <c r="AL3584" s="137"/>
      <c r="AM3584" s="137"/>
      <c r="AN3584" s="137"/>
      <c r="AO3584" s="137"/>
      <c r="AP3584" s="137"/>
      <c r="AQ3584" s="137"/>
      <c r="AR3584" s="137"/>
      <c r="AS3584" s="137"/>
      <c r="AT3584" s="137"/>
      <c r="AU3584" s="137"/>
      <c r="AV3584" s="137"/>
      <c r="AW3584" s="144"/>
    </row>
    <row r="3585" spans="7:49" x14ac:dyDescent="0.2">
      <c r="G3585" s="43"/>
      <c r="Z3585" s="143"/>
      <c r="AA3585" s="137"/>
      <c r="AB3585" s="137"/>
      <c r="AC3585" s="137"/>
      <c r="AD3585" s="137"/>
      <c r="AE3585" s="137"/>
      <c r="AF3585" s="137"/>
      <c r="AG3585" s="137"/>
      <c r="AH3585" s="137"/>
      <c r="AI3585" s="137"/>
      <c r="AJ3585" s="137"/>
      <c r="AK3585" s="137"/>
      <c r="AL3585" s="137"/>
      <c r="AM3585" s="137"/>
      <c r="AN3585" s="137"/>
      <c r="AO3585" s="137"/>
      <c r="AP3585" s="137"/>
      <c r="AQ3585" s="137"/>
      <c r="AR3585" s="137"/>
      <c r="AS3585" s="137"/>
      <c r="AT3585" s="137"/>
      <c r="AU3585" s="137"/>
      <c r="AV3585" s="137"/>
      <c r="AW3585" s="144"/>
    </row>
    <row r="3586" spans="7:49" x14ac:dyDescent="0.2">
      <c r="G3586" s="43"/>
      <c r="Z3586" s="143"/>
      <c r="AA3586" s="137"/>
      <c r="AB3586" s="137"/>
      <c r="AC3586" s="137"/>
      <c r="AD3586" s="137"/>
      <c r="AE3586" s="137"/>
      <c r="AF3586" s="137"/>
      <c r="AG3586" s="137"/>
      <c r="AH3586" s="137"/>
      <c r="AI3586" s="137"/>
      <c r="AJ3586" s="137"/>
      <c r="AK3586" s="137"/>
      <c r="AL3586" s="137"/>
      <c r="AM3586" s="137"/>
      <c r="AN3586" s="137"/>
      <c r="AO3586" s="137"/>
      <c r="AP3586" s="137"/>
      <c r="AQ3586" s="137"/>
      <c r="AR3586" s="137"/>
      <c r="AS3586" s="137"/>
      <c r="AT3586" s="137"/>
      <c r="AU3586" s="137"/>
      <c r="AV3586" s="137"/>
      <c r="AW3586" s="144"/>
    </row>
    <row r="3587" spans="7:49" x14ac:dyDescent="0.2">
      <c r="G3587" s="43"/>
      <c r="Z3587" s="143"/>
      <c r="AA3587" s="137"/>
      <c r="AB3587" s="137"/>
      <c r="AC3587" s="137"/>
      <c r="AD3587" s="137"/>
      <c r="AE3587" s="137"/>
      <c r="AF3587" s="137"/>
      <c r="AG3587" s="137"/>
      <c r="AH3587" s="137"/>
      <c r="AI3587" s="137"/>
      <c r="AJ3587" s="137"/>
      <c r="AK3587" s="137"/>
      <c r="AL3587" s="137"/>
      <c r="AM3587" s="137"/>
      <c r="AN3587" s="137"/>
      <c r="AO3587" s="137"/>
      <c r="AP3587" s="137"/>
      <c r="AQ3587" s="137"/>
      <c r="AR3587" s="137"/>
      <c r="AS3587" s="137"/>
      <c r="AT3587" s="137"/>
      <c r="AU3587" s="137"/>
      <c r="AV3587" s="137"/>
      <c r="AW3587" s="144"/>
    </row>
    <row r="3588" spans="7:49" x14ac:dyDescent="0.2">
      <c r="G3588" s="43"/>
      <c r="Z3588" s="143"/>
      <c r="AA3588" s="137"/>
      <c r="AB3588" s="137"/>
      <c r="AC3588" s="137"/>
      <c r="AD3588" s="137"/>
      <c r="AE3588" s="137"/>
      <c r="AF3588" s="137"/>
      <c r="AG3588" s="137"/>
      <c r="AH3588" s="137"/>
      <c r="AI3588" s="137"/>
      <c r="AJ3588" s="137"/>
      <c r="AK3588" s="137"/>
      <c r="AL3588" s="137"/>
      <c r="AM3588" s="137"/>
      <c r="AN3588" s="137"/>
      <c r="AO3588" s="137"/>
      <c r="AP3588" s="137"/>
      <c r="AQ3588" s="137"/>
      <c r="AR3588" s="137"/>
      <c r="AS3588" s="137"/>
      <c r="AT3588" s="137"/>
      <c r="AU3588" s="137"/>
      <c r="AV3588" s="137"/>
      <c r="AW3588" s="144"/>
    </row>
    <row r="3589" spans="7:49" x14ac:dyDescent="0.2">
      <c r="G3589" s="43"/>
      <c r="Z3589" s="143"/>
      <c r="AA3589" s="137"/>
      <c r="AB3589" s="137"/>
      <c r="AC3589" s="137"/>
      <c r="AD3589" s="137"/>
      <c r="AE3589" s="137"/>
      <c r="AF3589" s="137"/>
      <c r="AG3589" s="137"/>
      <c r="AH3589" s="137"/>
      <c r="AI3589" s="137"/>
      <c r="AJ3589" s="137"/>
      <c r="AK3589" s="137"/>
      <c r="AL3589" s="137"/>
      <c r="AM3589" s="137"/>
      <c r="AN3589" s="137"/>
      <c r="AO3589" s="137"/>
      <c r="AP3589" s="137"/>
      <c r="AQ3589" s="137"/>
      <c r="AR3589" s="137"/>
      <c r="AS3589" s="137"/>
      <c r="AT3589" s="137"/>
      <c r="AU3589" s="137"/>
      <c r="AV3589" s="137"/>
      <c r="AW3589" s="144"/>
    </row>
    <row r="3590" spans="7:49" x14ac:dyDescent="0.2">
      <c r="G3590" s="43"/>
      <c r="Z3590" s="143"/>
      <c r="AA3590" s="137"/>
      <c r="AB3590" s="137"/>
      <c r="AC3590" s="137"/>
      <c r="AD3590" s="137"/>
      <c r="AE3590" s="137"/>
      <c r="AF3590" s="137"/>
      <c r="AG3590" s="137"/>
      <c r="AH3590" s="137"/>
      <c r="AI3590" s="137"/>
      <c r="AJ3590" s="137"/>
      <c r="AK3590" s="137"/>
      <c r="AL3590" s="137"/>
      <c r="AM3590" s="137"/>
      <c r="AN3590" s="137"/>
      <c r="AO3590" s="137"/>
      <c r="AP3590" s="137"/>
      <c r="AQ3590" s="137"/>
      <c r="AR3590" s="137"/>
      <c r="AS3590" s="137"/>
      <c r="AT3590" s="137"/>
      <c r="AU3590" s="137"/>
      <c r="AV3590" s="137"/>
      <c r="AW3590" s="144"/>
    </row>
    <row r="3591" spans="7:49" x14ac:dyDescent="0.2">
      <c r="G3591" s="43"/>
      <c r="Z3591" s="143"/>
      <c r="AA3591" s="137"/>
      <c r="AB3591" s="137"/>
      <c r="AC3591" s="137"/>
      <c r="AD3591" s="137"/>
      <c r="AE3591" s="137"/>
      <c r="AF3591" s="137"/>
      <c r="AG3591" s="137"/>
      <c r="AH3591" s="137"/>
      <c r="AI3591" s="137"/>
      <c r="AJ3591" s="137"/>
      <c r="AK3591" s="137"/>
      <c r="AL3591" s="137"/>
      <c r="AM3591" s="137"/>
      <c r="AN3591" s="137"/>
      <c r="AO3591" s="137"/>
      <c r="AP3591" s="137"/>
      <c r="AQ3591" s="137"/>
      <c r="AR3591" s="137"/>
      <c r="AS3591" s="137"/>
      <c r="AT3591" s="137"/>
      <c r="AU3591" s="137"/>
      <c r="AV3591" s="137"/>
      <c r="AW3591" s="144"/>
    </row>
    <row r="3592" spans="7:49" x14ac:dyDescent="0.2">
      <c r="G3592" s="43"/>
      <c r="Z3592" s="143"/>
      <c r="AA3592" s="137"/>
      <c r="AB3592" s="137"/>
      <c r="AC3592" s="137"/>
      <c r="AD3592" s="137"/>
      <c r="AE3592" s="137"/>
      <c r="AF3592" s="137"/>
      <c r="AG3592" s="137"/>
      <c r="AH3592" s="137"/>
      <c r="AI3592" s="137"/>
      <c r="AJ3592" s="137"/>
      <c r="AK3592" s="137"/>
      <c r="AL3592" s="137"/>
      <c r="AM3592" s="137"/>
      <c r="AN3592" s="137"/>
      <c r="AO3592" s="137"/>
      <c r="AP3592" s="137"/>
      <c r="AQ3592" s="137"/>
      <c r="AR3592" s="137"/>
      <c r="AS3592" s="137"/>
      <c r="AT3592" s="137"/>
      <c r="AU3592" s="137"/>
      <c r="AV3592" s="137"/>
      <c r="AW3592" s="144"/>
    </row>
    <row r="3593" spans="7:49" x14ac:dyDescent="0.2">
      <c r="G3593" s="43"/>
      <c r="Z3593" s="143"/>
      <c r="AA3593" s="137"/>
      <c r="AB3593" s="137"/>
      <c r="AC3593" s="137"/>
      <c r="AD3593" s="137"/>
      <c r="AE3593" s="137"/>
      <c r="AF3593" s="137"/>
      <c r="AG3593" s="137"/>
      <c r="AH3593" s="137"/>
      <c r="AI3593" s="137"/>
      <c r="AJ3593" s="137"/>
      <c r="AK3593" s="137"/>
      <c r="AL3593" s="137"/>
      <c r="AM3593" s="137"/>
      <c r="AN3593" s="137"/>
      <c r="AO3593" s="137"/>
      <c r="AP3593" s="137"/>
      <c r="AQ3593" s="137"/>
      <c r="AR3593" s="137"/>
      <c r="AS3593" s="137"/>
      <c r="AT3593" s="137"/>
      <c r="AU3593" s="137"/>
      <c r="AV3593" s="137"/>
      <c r="AW3593" s="144"/>
    </row>
    <row r="3594" spans="7:49" x14ac:dyDescent="0.2">
      <c r="G3594" s="43"/>
      <c r="Z3594" s="143"/>
      <c r="AA3594" s="137"/>
      <c r="AB3594" s="137"/>
      <c r="AC3594" s="137"/>
      <c r="AD3594" s="137"/>
      <c r="AE3594" s="137"/>
      <c r="AF3594" s="137"/>
      <c r="AG3594" s="137"/>
      <c r="AH3594" s="137"/>
      <c r="AI3594" s="137"/>
      <c r="AJ3594" s="137"/>
      <c r="AK3594" s="137"/>
      <c r="AL3594" s="137"/>
      <c r="AM3594" s="137"/>
      <c r="AN3594" s="137"/>
      <c r="AO3594" s="137"/>
      <c r="AP3594" s="137"/>
      <c r="AQ3594" s="137"/>
      <c r="AR3594" s="137"/>
      <c r="AS3594" s="137"/>
      <c r="AT3594" s="137"/>
      <c r="AU3594" s="137"/>
      <c r="AV3594" s="137"/>
      <c r="AW3594" s="144"/>
    </row>
    <row r="3595" spans="7:49" x14ac:dyDescent="0.2">
      <c r="G3595" s="43"/>
      <c r="Z3595" s="143"/>
      <c r="AA3595" s="137"/>
      <c r="AB3595" s="137"/>
      <c r="AC3595" s="137"/>
      <c r="AD3595" s="137"/>
      <c r="AE3595" s="137"/>
      <c r="AF3595" s="137"/>
      <c r="AG3595" s="137"/>
      <c r="AH3595" s="137"/>
      <c r="AI3595" s="137"/>
      <c r="AJ3595" s="137"/>
      <c r="AK3595" s="137"/>
      <c r="AL3595" s="137"/>
      <c r="AM3595" s="137"/>
      <c r="AN3595" s="137"/>
      <c r="AO3595" s="137"/>
      <c r="AP3595" s="137"/>
      <c r="AQ3595" s="137"/>
      <c r="AR3595" s="137"/>
      <c r="AS3595" s="137"/>
      <c r="AT3595" s="137"/>
      <c r="AU3595" s="137"/>
      <c r="AV3595" s="137"/>
      <c r="AW3595" s="144"/>
    </row>
    <row r="3596" spans="7:49" x14ac:dyDescent="0.2">
      <c r="G3596" s="43"/>
      <c r="Z3596" s="143"/>
      <c r="AA3596" s="137"/>
      <c r="AB3596" s="137"/>
      <c r="AC3596" s="137"/>
      <c r="AD3596" s="137"/>
      <c r="AE3596" s="137"/>
      <c r="AF3596" s="137"/>
      <c r="AG3596" s="137"/>
      <c r="AH3596" s="137"/>
      <c r="AI3596" s="137"/>
      <c r="AJ3596" s="137"/>
      <c r="AK3596" s="137"/>
      <c r="AL3596" s="137"/>
      <c r="AM3596" s="137"/>
      <c r="AN3596" s="137"/>
      <c r="AO3596" s="137"/>
      <c r="AP3596" s="137"/>
      <c r="AQ3596" s="137"/>
      <c r="AR3596" s="137"/>
      <c r="AS3596" s="137"/>
      <c r="AT3596" s="137"/>
      <c r="AU3596" s="137"/>
      <c r="AV3596" s="137"/>
      <c r="AW3596" s="144"/>
    </row>
    <row r="3597" spans="7:49" x14ac:dyDescent="0.2">
      <c r="G3597" s="43"/>
      <c r="Z3597" s="143"/>
      <c r="AA3597" s="137"/>
      <c r="AB3597" s="137"/>
      <c r="AC3597" s="137"/>
      <c r="AD3597" s="137"/>
      <c r="AE3597" s="137"/>
      <c r="AF3597" s="137"/>
      <c r="AG3597" s="137"/>
      <c r="AH3597" s="137"/>
      <c r="AI3597" s="137"/>
      <c r="AJ3597" s="137"/>
      <c r="AK3597" s="137"/>
      <c r="AL3597" s="137"/>
      <c r="AM3597" s="137"/>
      <c r="AN3597" s="137"/>
      <c r="AO3597" s="137"/>
      <c r="AP3597" s="137"/>
      <c r="AQ3597" s="137"/>
      <c r="AR3597" s="137"/>
      <c r="AS3597" s="137"/>
      <c r="AT3597" s="137"/>
      <c r="AU3597" s="137"/>
      <c r="AV3597" s="137"/>
      <c r="AW3597" s="144"/>
    </row>
    <row r="3598" spans="7:49" x14ac:dyDescent="0.2">
      <c r="G3598" s="43"/>
      <c r="Z3598" s="143"/>
      <c r="AA3598" s="137"/>
      <c r="AB3598" s="137"/>
      <c r="AC3598" s="137"/>
      <c r="AD3598" s="137"/>
      <c r="AE3598" s="137"/>
      <c r="AF3598" s="137"/>
      <c r="AG3598" s="137"/>
      <c r="AH3598" s="137"/>
      <c r="AI3598" s="137"/>
      <c r="AJ3598" s="137"/>
      <c r="AK3598" s="137"/>
      <c r="AL3598" s="137"/>
      <c r="AM3598" s="137"/>
      <c r="AN3598" s="137"/>
      <c r="AO3598" s="137"/>
      <c r="AP3598" s="137"/>
      <c r="AQ3598" s="137"/>
      <c r="AR3598" s="137"/>
      <c r="AS3598" s="137"/>
      <c r="AT3598" s="137"/>
      <c r="AU3598" s="137"/>
      <c r="AV3598" s="137"/>
      <c r="AW3598" s="144"/>
    </row>
    <row r="3599" spans="7:49" x14ac:dyDescent="0.2">
      <c r="G3599" s="43"/>
      <c r="Z3599" s="143"/>
      <c r="AA3599" s="137"/>
      <c r="AB3599" s="137"/>
      <c r="AC3599" s="137"/>
      <c r="AD3599" s="137"/>
      <c r="AE3599" s="137"/>
      <c r="AF3599" s="137"/>
      <c r="AG3599" s="137"/>
      <c r="AH3599" s="137"/>
      <c r="AI3599" s="137"/>
      <c r="AJ3599" s="137"/>
      <c r="AK3599" s="137"/>
      <c r="AL3599" s="137"/>
      <c r="AM3599" s="137"/>
      <c r="AN3599" s="137"/>
      <c r="AO3599" s="137"/>
      <c r="AP3599" s="137"/>
      <c r="AQ3599" s="137"/>
      <c r="AR3599" s="137"/>
      <c r="AS3599" s="137"/>
      <c r="AT3599" s="137"/>
      <c r="AU3599" s="137"/>
      <c r="AV3599" s="137"/>
      <c r="AW3599" s="144"/>
    </row>
    <row r="3600" spans="7:49" x14ac:dyDescent="0.2">
      <c r="G3600" s="43"/>
      <c r="Z3600" s="143"/>
      <c r="AA3600" s="137"/>
      <c r="AB3600" s="137"/>
      <c r="AC3600" s="137"/>
      <c r="AD3600" s="137"/>
      <c r="AE3600" s="137"/>
      <c r="AF3600" s="137"/>
      <c r="AG3600" s="137"/>
      <c r="AH3600" s="137"/>
      <c r="AI3600" s="137"/>
      <c r="AJ3600" s="137"/>
      <c r="AK3600" s="137"/>
      <c r="AL3600" s="137"/>
      <c r="AM3600" s="137"/>
      <c r="AN3600" s="137"/>
      <c r="AO3600" s="137"/>
      <c r="AP3600" s="137"/>
      <c r="AQ3600" s="137"/>
      <c r="AR3600" s="137"/>
      <c r="AS3600" s="137"/>
      <c r="AT3600" s="137"/>
      <c r="AU3600" s="137"/>
      <c r="AV3600" s="137"/>
      <c r="AW3600" s="144"/>
    </row>
    <row r="3601" spans="7:49" x14ac:dyDescent="0.2">
      <c r="G3601" s="43"/>
      <c r="Z3601" s="143"/>
      <c r="AA3601" s="137"/>
      <c r="AB3601" s="137"/>
      <c r="AC3601" s="137"/>
      <c r="AD3601" s="137"/>
      <c r="AE3601" s="137"/>
      <c r="AF3601" s="137"/>
      <c r="AG3601" s="137"/>
      <c r="AH3601" s="137"/>
      <c r="AI3601" s="137"/>
      <c r="AJ3601" s="137"/>
      <c r="AK3601" s="137"/>
      <c r="AL3601" s="137"/>
      <c r="AM3601" s="137"/>
      <c r="AN3601" s="137"/>
      <c r="AO3601" s="137"/>
      <c r="AP3601" s="137"/>
      <c r="AQ3601" s="137"/>
      <c r="AR3601" s="137"/>
      <c r="AS3601" s="137"/>
      <c r="AT3601" s="137"/>
      <c r="AU3601" s="137"/>
      <c r="AV3601" s="137"/>
      <c r="AW3601" s="144"/>
    </row>
    <row r="3602" spans="7:49" x14ac:dyDescent="0.2">
      <c r="G3602" s="43"/>
      <c r="Z3602" s="143"/>
      <c r="AA3602" s="137"/>
      <c r="AB3602" s="137"/>
      <c r="AC3602" s="137"/>
      <c r="AD3602" s="137"/>
      <c r="AE3602" s="137"/>
      <c r="AF3602" s="137"/>
      <c r="AG3602" s="137"/>
      <c r="AH3602" s="137"/>
      <c r="AI3602" s="137"/>
      <c r="AJ3602" s="137"/>
      <c r="AK3602" s="137"/>
      <c r="AL3602" s="137"/>
      <c r="AM3602" s="137"/>
      <c r="AN3602" s="137"/>
      <c r="AO3602" s="137"/>
      <c r="AP3602" s="137"/>
      <c r="AQ3602" s="137"/>
      <c r="AR3602" s="137"/>
      <c r="AS3602" s="137"/>
      <c r="AT3602" s="137"/>
      <c r="AU3602" s="137"/>
      <c r="AV3602" s="137"/>
      <c r="AW3602" s="144"/>
    </row>
    <row r="3603" spans="7:49" x14ac:dyDescent="0.2">
      <c r="G3603" s="43"/>
      <c r="Z3603" s="143"/>
      <c r="AA3603" s="137"/>
      <c r="AB3603" s="137"/>
      <c r="AC3603" s="137"/>
      <c r="AD3603" s="137"/>
      <c r="AE3603" s="137"/>
      <c r="AF3603" s="137"/>
      <c r="AG3603" s="137"/>
      <c r="AH3603" s="137"/>
      <c r="AI3603" s="137"/>
      <c r="AJ3603" s="137"/>
      <c r="AK3603" s="137"/>
      <c r="AL3603" s="137"/>
      <c r="AM3603" s="137"/>
      <c r="AN3603" s="137"/>
      <c r="AO3603" s="137"/>
      <c r="AP3603" s="137"/>
      <c r="AQ3603" s="137"/>
      <c r="AR3603" s="137"/>
      <c r="AS3603" s="137"/>
      <c r="AT3603" s="137"/>
      <c r="AU3603" s="137"/>
      <c r="AV3603" s="137"/>
      <c r="AW3603" s="144"/>
    </row>
    <row r="3604" spans="7:49" x14ac:dyDescent="0.2">
      <c r="G3604" s="43"/>
      <c r="Z3604" s="143"/>
      <c r="AA3604" s="137"/>
      <c r="AB3604" s="137"/>
      <c r="AC3604" s="137"/>
      <c r="AD3604" s="137"/>
      <c r="AE3604" s="137"/>
      <c r="AF3604" s="137"/>
      <c r="AG3604" s="137"/>
      <c r="AH3604" s="137"/>
      <c r="AI3604" s="137"/>
      <c r="AJ3604" s="137"/>
      <c r="AK3604" s="137"/>
      <c r="AL3604" s="137"/>
      <c r="AM3604" s="137"/>
      <c r="AN3604" s="137"/>
      <c r="AO3604" s="137"/>
      <c r="AP3604" s="137"/>
      <c r="AQ3604" s="137"/>
      <c r="AR3604" s="137"/>
      <c r="AS3604" s="137"/>
      <c r="AT3604" s="137"/>
      <c r="AU3604" s="137"/>
      <c r="AV3604" s="137"/>
      <c r="AW3604" s="144"/>
    </row>
    <row r="3605" spans="7:49" x14ac:dyDescent="0.2">
      <c r="G3605" s="43"/>
      <c r="Z3605" s="143"/>
      <c r="AA3605" s="137"/>
      <c r="AB3605" s="137"/>
      <c r="AC3605" s="137"/>
      <c r="AD3605" s="137"/>
      <c r="AE3605" s="137"/>
      <c r="AF3605" s="137"/>
      <c r="AG3605" s="137"/>
      <c r="AH3605" s="137"/>
      <c r="AI3605" s="137"/>
      <c r="AJ3605" s="137"/>
      <c r="AK3605" s="137"/>
      <c r="AL3605" s="137"/>
      <c r="AM3605" s="137"/>
      <c r="AN3605" s="137"/>
      <c r="AO3605" s="137"/>
      <c r="AP3605" s="137"/>
      <c r="AQ3605" s="137"/>
      <c r="AR3605" s="137"/>
      <c r="AS3605" s="137"/>
      <c r="AT3605" s="137"/>
      <c r="AU3605" s="137"/>
      <c r="AV3605" s="137"/>
      <c r="AW3605" s="144"/>
    </row>
    <row r="3606" spans="7:49" x14ac:dyDescent="0.2">
      <c r="G3606" s="43"/>
      <c r="Z3606" s="143"/>
      <c r="AA3606" s="137"/>
      <c r="AB3606" s="137"/>
      <c r="AC3606" s="137"/>
      <c r="AD3606" s="137"/>
      <c r="AE3606" s="137"/>
      <c r="AF3606" s="137"/>
      <c r="AG3606" s="137"/>
      <c r="AH3606" s="137"/>
      <c r="AI3606" s="137"/>
      <c r="AJ3606" s="137"/>
      <c r="AK3606" s="137"/>
      <c r="AL3606" s="137"/>
      <c r="AM3606" s="137"/>
      <c r="AN3606" s="137"/>
      <c r="AO3606" s="137"/>
      <c r="AP3606" s="137"/>
      <c r="AQ3606" s="137"/>
      <c r="AR3606" s="137"/>
      <c r="AS3606" s="137"/>
      <c r="AT3606" s="137"/>
      <c r="AU3606" s="137"/>
      <c r="AV3606" s="137"/>
      <c r="AW3606" s="144"/>
    </row>
    <row r="3607" spans="7:49" x14ac:dyDescent="0.2">
      <c r="G3607" s="43"/>
      <c r="Z3607" s="143"/>
      <c r="AA3607" s="137"/>
      <c r="AB3607" s="137"/>
      <c r="AC3607" s="137"/>
      <c r="AD3607" s="137"/>
      <c r="AE3607" s="137"/>
      <c r="AF3607" s="137"/>
      <c r="AG3607" s="137"/>
      <c r="AH3607" s="137"/>
      <c r="AI3607" s="137"/>
      <c r="AJ3607" s="137"/>
      <c r="AK3607" s="137"/>
      <c r="AL3607" s="137"/>
      <c r="AM3607" s="137"/>
      <c r="AN3607" s="137"/>
      <c r="AO3607" s="137"/>
      <c r="AP3607" s="137"/>
      <c r="AQ3607" s="137"/>
      <c r="AR3607" s="137"/>
      <c r="AS3607" s="137"/>
      <c r="AT3607" s="137"/>
      <c r="AU3607" s="137"/>
      <c r="AV3607" s="137"/>
      <c r="AW3607" s="144"/>
    </row>
    <row r="3608" spans="7:49" x14ac:dyDescent="0.2">
      <c r="G3608" s="43"/>
      <c r="Z3608" s="143"/>
      <c r="AA3608" s="137"/>
      <c r="AB3608" s="137"/>
      <c r="AC3608" s="137"/>
      <c r="AD3608" s="137"/>
      <c r="AE3608" s="137"/>
      <c r="AF3608" s="137"/>
      <c r="AG3608" s="137"/>
      <c r="AH3608" s="137"/>
      <c r="AI3608" s="137"/>
      <c r="AJ3608" s="137"/>
      <c r="AK3608" s="137"/>
      <c r="AL3608" s="137"/>
      <c r="AM3608" s="137"/>
      <c r="AN3608" s="137"/>
      <c r="AO3608" s="137"/>
      <c r="AP3608" s="137"/>
      <c r="AQ3608" s="137"/>
      <c r="AR3608" s="137"/>
      <c r="AS3608" s="137"/>
      <c r="AT3608" s="137"/>
      <c r="AU3608" s="137"/>
      <c r="AV3608" s="137"/>
      <c r="AW3608" s="144"/>
    </row>
    <row r="3609" spans="7:49" x14ac:dyDescent="0.2">
      <c r="G3609" s="43"/>
      <c r="Z3609" s="143"/>
      <c r="AA3609" s="137"/>
      <c r="AB3609" s="137"/>
      <c r="AC3609" s="137"/>
      <c r="AD3609" s="137"/>
      <c r="AE3609" s="137"/>
      <c r="AF3609" s="137"/>
      <c r="AG3609" s="137"/>
      <c r="AH3609" s="137"/>
      <c r="AI3609" s="137"/>
      <c r="AJ3609" s="137"/>
      <c r="AK3609" s="137"/>
      <c r="AL3609" s="137"/>
      <c r="AM3609" s="137"/>
      <c r="AN3609" s="137"/>
      <c r="AO3609" s="137"/>
      <c r="AP3609" s="137"/>
      <c r="AQ3609" s="137"/>
      <c r="AR3609" s="137"/>
      <c r="AS3609" s="137"/>
      <c r="AT3609" s="137"/>
      <c r="AU3609" s="137"/>
      <c r="AV3609" s="137"/>
      <c r="AW3609" s="144"/>
    </row>
    <row r="3610" spans="7:49" x14ac:dyDescent="0.2">
      <c r="G3610" s="43"/>
      <c r="Z3610" s="143"/>
      <c r="AA3610" s="137"/>
      <c r="AB3610" s="137"/>
      <c r="AC3610" s="137"/>
      <c r="AD3610" s="137"/>
      <c r="AE3610" s="137"/>
      <c r="AF3610" s="137"/>
      <c r="AG3610" s="137"/>
      <c r="AH3610" s="137"/>
      <c r="AI3610" s="137"/>
      <c r="AJ3610" s="137"/>
      <c r="AK3610" s="137"/>
      <c r="AL3610" s="137"/>
      <c r="AM3610" s="137"/>
      <c r="AN3610" s="137"/>
      <c r="AO3610" s="137"/>
      <c r="AP3610" s="137"/>
      <c r="AQ3610" s="137"/>
      <c r="AR3610" s="137"/>
      <c r="AS3610" s="137"/>
      <c r="AT3610" s="137"/>
      <c r="AU3610" s="137"/>
      <c r="AV3610" s="137"/>
      <c r="AW3610" s="144"/>
    </row>
    <row r="3611" spans="7:49" x14ac:dyDescent="0.2">
      <c r="G3611" s="43"/>
      <c r="Z3611" s="143"/>
      <c r="AA3611" s="137"/>
      <c r="AB3611" s="137"/>
      <c r="AC3611" s="137"/>
      <c r="AD3611" s="137"/>
      <c r="AE3611" s="137"/>
      <c r="AF3611" s="137"/>
      <c r="AG3611" s="137"/>
      <c r="AH3611" s="137"/>
      <c r="AI3611" s="137"/>
      <c r="AJ3611" s="137"/>
      <c r="AK3611" s="137"/>
      <c r="AL3611" s="137"/>
      <c r="AM3611" s="137"/>
      <c r="AN3611" s="137"/>
      <c r="AO3611" s="137"/>
      <c r="AP3611" s="137"/>
      <c r="AQ3611" s="137"/>
      <c r="AR3611" s="137"/>
      <c r="AS3611" s="137"/>
      <c r="AT3611" s="137"/>
      <c r="AU3611" s="137"/>
      <c r="AV3611" s="137"/>
      <c r="AW3611" s="144"/>
    </row>
    <row r="3612" spans="7:49" x14ac:dyDescent="0.2">
      <c r="G3612" s="43"/>
      <c r="Z3612" s="143"/>
      <c r="AA3612" s="137"/>
      <c r="AB3612" s="137"/>
      <c r="AC3612" s="137"/>
      <c r="AD3612" s="137"/>
      <c r="AE3612" s="137"/>
      <c r="AF3612" s="137"/>
      <c r="AG3612" s="137"/>
      <c r="AH3612" s="137"/>
      <c r="AI3612" s="137"/>
      <c r="AJ3612" s="137"/>
      <c r="AK3612" s="137"/>
      <c r="AL3612" s="137"/>
      <c r="AM3612" s="137"/>
      <c r="AN3612" s="137"/>
      <c r="AO3612" s="137"/>
      <c r="AP3612" s="137"/>
      <c r="AQ3612" s="137"/>
      <c r="AR3612" s="137"/>
      <c r="AS3612" s="137"/>
      <c r="AT3612" s="137"/>
      <c r="AU3612" s="137"/>
      <c r="AV3612" s="137"/>
      <c r="AW3612" s="144"/>
    </row>
    <row r="3613" spans="7:49" x14ac:dyDescent="0.2">
      <c r="G3613" s="43"/>
      <c r="Z3613" s="143"/>
      <c r="AA3613" s="137"/>
      <c r="AB3613" s="137"/>
      <c r="AC3613" s="137"/>
      <c r="AD3613" s="137"/>
      <c r="AE3613" s="137"/>
      <c r="AF3613" s="137"/>
      <c r="AG3613" s="137"/>
      <c r="AH3613" s="137"/>
      <c r="AI3613" s="137"/>
      <c r="AJ3613" s="137"/>
      <c r="AK3613" s="137"/>
      <c r="AL3613" s="137"/>
      <c r="AM3613" s="137"/>
      <c r="AN3613" s="137"/>
      <c r="AO3613" s="137"/>
      <c r="AP3613" s="137"/>
      <c r="AQ3613" s="137"/>
      <c r="AR3613" s="137"/>
      <c r="AS3613" s="137"/>
      <c r="AT3613" s="137"/>
      <c r="AU3613" s="137"/>
      <c r="AV3613" s="137"/>
      <c r="AW3613" s="144"/>
    </row>
    <row r="3614" spans="7:49" x14ac:dyDescent="0.2">
      <c r="G3614" s="43"/>
      <c r="Z3614" s="143"/>
      <c r="AA3614" s="137"/>
      <c r="AB3614" s="137"/>
      <c r="AC3614" s="137"/>
      <c r="AD3614" s="137"/>
      <c r="AE3614" s="137"/>
      <c r="AF3614" s="137"/>
      <c r="AG3614" s="137"/>
      <c r="AH3614" s="137"/>
      <c r="AI3614" s="137"/>
      <c r="AJ3614" s="137"/>
      <c r="AK3614" s="137"/>
      <c r="AL3614" s="137"/>
      <c r="AM3614" s="137"/>
      <c r="AN3614" s="137"/>
      <c r="AO3614" s="137"/>
      <c r="AP3614" s="137"/>
      <c r="AQ3614" s="137"/>
      <c r="AR3614" s="137"/>
      <c r="AS3614" s="137"/>
      <c r="AT3614" s="137"/>
      <c r="AU3614" s="137"/>
      <c r="AV3614" s="137"/>
      <c r="AW3614" s="144"/>
    </row>
    <row r="3615" spans="7:49" x14ac:dyDescent="0.2">
      <c r="G3615" s="43"/>
      <c r="Z3615" s="143"/>
      <c r="AA3615" s="137"/>
      <c r="AB3615" s="137"/>
      <c r="AC3615" s="137"/>
      <c r="AD3615" s="137"/>
      <c r="AE3615" s="137"/>
      <c r="AF3615" s="137"/>
      <c r="AG3615" s="137"/>
      <c r="AH3615" s="137"/>
      <c r="AI3615" s="137"/>
      <c r="AJ3615" s="137"/>
      <c r="AK3615" s="137"/>
      <c r="AL3615" s="137"/>
      <c r="AM3615" s="137"/>
      <c r="AN3615" s="137"/>
      <c r="AO3615" s="137"/>
      <c r="AP3615" s="137"/>
      <c r="AQ3615" s="137"/>
      <c r="AR3615" s="137"/>
      <c r="AS3615" s="137"/>
      <c r="AT3615" s="137"/>
      <c r="AU3615" s="137"/>
      <c r="AV3615" s="137"/>
      <c r="AW3615" s="144"/>
    </row>
    <row r="3616" spans="7:49" x14ac:dyDescent="0.2">
      <c r="G3616" s="43"/>
      <c r="Z3616" s="143"/>
      <c r="AA3616" s="137"/>
      <c r="AB3616" s="137"/>
      <c r="AC3616" s="137"/>
      <c r="AD3616" s="137"/>
      <c r="AE3616" s="137"/>
      <c r="AF3616" s="137"/>
      <c r="AG3616" s="137"/>
      <c r="AH3616" s="137"/>
      <c r="AI3616" s="137"/>
      <c r="AJ3616" s="137"/>
      <c r="AK3616" s="137"/>
      <c r="AL3616" s="137"/>
      <c r="AM3616" s="137"/>
      <c r="AN3616" s="137"/>
      <c r="AO3616" s="137"/>
      <c r="AP3616" s="137"/>
      <c r="AQ3616" s="137"/>
      <c r="AR3616" s="137"/>
      <c r="AS3616" s="137"/>
      <c r="AT3616" s="137"/>
      <c r="AU3616" s="137"/>
      <c r="AV3616" s="137"/>
      <c r="AW3616" s="144"/>
    </row>
    <row r="3617" spans="7:49" x14ac:dyDescent="0.2">
      <c r="G3617" s="43"/>
      <c r="Z3617" s="143"/>
      <c r="AA3617" s="137"/>
      <c r="AB3617" s="137"/>
      <c r="AC3617" s="137"/>
      <c r="AD3617" s="137"/>
      <c r="AE3617" s="137"/>
      <c r="AF3617" s="137"/>
      <c r="AG3617" s="137"/>
      <c r="AH3617" s="137"/>
      <c r="AI3617" s="137"/>
      <c r="AJ3617" s="137"/>
      <c r="AK3617" s="137"/>
      <c r="AL3617" s="137"/>
      <c r="AM3617" s="137"/>
      <c r="AN3617" s="137"/>
      <c r="AO3617" s="137"/>
      <c r="AP3617" s="137"/>
      <c r="AQ3617" s="137"/>
      <c r="AR3617" s="137"/>
      <c r="AS3617" s="137"/>
      <c r="AT3617" s="137"/>
      <c r="AU3617" s="137"/>
      <c r="AV3617" s="137"/>
      <c r="AW3617" s="144"/>
    </row>
    <row r="3618" spans="7:49" x14ac:dyDescent="0.2">
      <c r="G3618" s="43"/>
      <c r="Z3618" s="143"/>
      <c r="AA3618" s="137"/>
      <c r="AB3618" s="137"/>
      <c r="AC3618" s="137"/>
      <c r="AD3618" s="137"/>
      <c r="AE3618" s="137"/>
      <c r="AF3618" s="137"/>
      <c r="AG3618" s="137"/>
      <c r="AH3618" s="137"/>
      <c r="AI3618" s="137"/>
      <c r="AJ3618" s="137"/>
      <c r="AK3618" s="137"/>
      <c r="AL3618" s="137"/>
      <c r="AM3618" s="137"/>
      <c r="AN3618" s="137"/>
      <c r="AO3618" s="137"/>
      <c r="AP3618" s="137"/>
      <c r="AQ3618" s="137"/>
      <c r="AR3618" s="137"/>
      <c r="AS3618" s="137"/>
      <c r="AT3618" s="137"/>
      <c r="AU3618" s="137"/>
      <c r="AV3618" s="137"/>
      <c r="AW3618" s="144"/>
    </row>
    <row r="3619" spans="7:49" x14ac:dyDescent="0.2">
      <c r="G3619" s="43"/>
      <c r="Z3619" s="143"/>
      <c r="AA3619" s="137"/>
      <c r="AB3619" s="137"/>
      <c r="AC3619" s="137"/>
      <c r="AD3619" s="137"/>
      <c r="AE3619" s="137"/>
      <c r="AF3619" s="137"/>
      <c r="AG3619" s="137"/>
      <c r="AH3619" s="137"/>
      <c r="AI3619" s="137"/>
      <c r="AJ3619" s="137"/>
      <c r="AK3619" s="137"/>
      <c r="AL3619" s="137"/>
      <c r="AM3619" s="137"/>
      <c r="AN3619" s="137"/>
      <c r="AO3619" s="137"/>
      <c r="AP3619" s="137"/>
      <c r="AQ3619" s="137"/>
      <c r="AR3619" s="137"/>
      <c r="AS3619" s="137"/>
      <c r="AT3619" s="137"/>
      <c r="AU3619" s="137"/>
      <c r="AV3619" s="137"/>
      <c r="AW3619" s="144"/>
    </row>
    <row r="3620" spans="7:49" x14ac:dyDescent="0.2">
      <c r="G3620" s="43"/>
      <c r="Z3620" s="143"/>
      <c r="AA3620" s="137"/>
      <c r="AB3620" s="137"/>
      <c r="AC3620" s="137"/>
      <c r="AD3620" s="137"/>
      <c r="AE3620" s="137"/>
      <c r="AF3620" s="137"/>
      <c r="AG3620" s="137"/>
      <c r="AH3620" s="137"/>
      <c r="AI3620" s="137"/>
      <c r="AJ3620" s="137"/>
      <c r="AK3620" s="137"/>
      <c r="AL3620" s="137"/>
      <c r="AM3620" s="137"/>
      <c r="AN3620" s="137"/>
      <c r="AO3620" s="137"/>
      <c r="AP3620" s="137"/>
      <c r="AQ3620" s="137"/>
      <c r="AR3620" s="137"/>
      <c r="AS3620" s="137"/>
      <c r="AT3620" s="137"/>
      <c r="AU3620" s="137"/>
      <c r="AV3620" s="137"/>
      <c r="AW3620" s="144"/>
    </row>
    <row r="3621" spans="7:49" x14ac:dyDescent="0.2">
      <c r="G3621" s="43"/>
      <c r="Z3621" s="143"/>
      <c r="AA3621" s="137"/>
      <c r="AB3621" s="137"/>
      <c r="AC3621" s="137"/>
      <c r="AD3621" s="137"/>
      <c r="AE3621" s="137"/>
      <c r="AF3621" s="137"/>
      <c r="AG3621" s="137"/>
      <c r="AH3621" s="137"/>
      <c r="AI3621" s="137"/>
      <c r="AJ3621" s="137"/>
      <c r="AK3621" s="137"/>
      <c r="AL3621" s="137"/>
      <c r="AM3621" s="137"/>
      <c r="AN3621" s="137"/>
      <c r="AO3621" s="137"/>
      <c r="AP3621" s="137"/>
      <c r="AQ3621" s="137"/>
      <c r="AR3621" s="137"/>
      <c r="AS3621" s="137"/>
      <c r="AT3621" s="137"/>
      <c r="AU3621" s="137"/>
      <c r="AV3621" s="137"/>
      <c r="AW3621" s="144"/>
    </row>
    <row r="3622" spans="7:49" x14ac:dyDescent="0.2">
      <c r="G3622" s="43"/>
      <c r="Z3622" s="143"/>
      <c r="AA3622" s="137"/>
      <c r="AB3622" s="137"/>
      <c r="AC3622" s="137"/>
      <c r="AD3622" s="137"/>
      <c r="AE3622" s="137"/>
      <c r="AF3622" s="137"/>
      <c r="AG3622" s="137"/>
      <c r="AH3622" s="137"/>
      <c r="AI3622" s="137"/>
      <c r="AJ3622" s="137"/>
      <c r="AK3622" s="137"/>
      <c r="AL3622" s="137"/>
      <c r="AM3622" s="137"/>
      <c r="AN3622" s="137"/>
      <c r="AO3622" s="137"/>
      <c r="AP3622" s="137"/>
      <c r="AQ3622" s="137"/>
      <c r="AR3622" s="137"/>
      <c r="AS3622" s="137"/>
      <c r="AT3622" s="137"/>
      <c r="AU3622" s="137"/>
      <c r="AV3622" s="137"/>
      <c r="AW3622" s="144"/>
    </row>
    <row r="3623" spans="7:49" x14ac:dyDescent="0.2">
      <c r="G3623" s="43"/>
      <c r="Z3623" s="143"/>
      <c r="AA3623" s="137"/>
      <c r="AB3623" s="137"/>
      <c r="AC3623" s="137"/>
      <c r="AD3623" s="137"/>
      <c r="AE3623" s="137"/>
      <c r="AF3623" s="137"/>
      <c r="AG3623" s="137"/>
      <c r="AH3623" s="137"/>
      <c r="AI3623" s="137"/>
      <c r="AJ3623" s="137"/>
      <c r="AK3623" s="137"/>
      <c r="AL3623" s="137"/>
      <c r="AM3623" s="137"/>
      <c r="AN3623" s="137"/>
      <c r="AO3623" s="137"/>
      <c r="AP3623" s="137"/>
      <c r="AQ3623" s="137"/>
      <c r="AR3623" s="137"/>
      <c r="AS3623" s="137"/>
      <c r="AT3623" s="137"/>
      <c r="AU3623" s="137"/>
      <c r="AV3623" s="137"/>
      <c r="AW3623" s="144"/>
    </row>
    <row r="3624" spans="7:49" x14ac:dyDescent="0.2">
      <c r="G3624" s="43"/>
      <c r="Z3624" s="143"/>
      <c r="AA3624" s="137"/>
      <c r="AB3624" s="137"/>
      <c r="AC3624" s="137"/>
      <c r="AD3624" s="137"/>
      <c r="AE3624" s="137"/>
      <c r="AF3624" s="137"/>
      <c r="AG3624" s="137"/>
      <c r="AH3624" s="137"/>
      <c r="AI3624" s="137"/>
      <c r="AJ3624" s="137"/>
      <c r="AK3624" s="137"/>
      <c r="AL3624" s="137"/>
      <c r="AM3624" s="137"/>
      <c r="AN3624" s="137"/>
      <c r="AO3624" s="137"/>
      <c r="AP3624" s="137"/>
      <c r="AQ3624" s="137"/>
      <c r="AR3624" s="137"/>
      <c r="AS3624" s="137"/>
      <c r="AT3624" s="137"/>
      <c r="AU3624" s="137"/>
      <c r="AV3624" s="137"/>
      <c r="AW3624" s="144"/>
    </row>
    <row r="3625" spans="7:49" x14ac:dyDescent="0.2">
      <c r="G3625" s="43"/>
      <c r="Z3625" s="143"/>
      <c r="AA3625" s="137"/>
      <c r="AB3625" s="137"/>
      <c r="AC3625" s="137"/>
      <c r="AD3625" s="137"/>
      <c r="AE3625" s="137"/>
      <c r="AF3625" s="137"/>
      <c r="AG3625" s="137"/>
      <c r="AH3625" s="137"/>
      <c r="AI3625" s="137"/>
      <c r="AJ3625" s="137"/>
      <c r="AK3625" s="137"/>
      <c r="AL3625" s="137"/>
      <c r="AM3625" s="137"/>
      <c r="AN3625" s="137"/>
      <c r="AO3625" s="137"/>
      <c r="AP3625" s="137"/>
      <c r="AQ3625" s="137"/>
      <c r="AR3625" s="137"/>
      <c r="AS3625" s="137"/>
      <c r="AT3625" s="137"/>
      <c r="AU3625" s="137"/>
      <c r="AV3625" s="137"/>
      <c r="AW3625" s="144"/>
    </row>
    <row r="3626" spans="7:49" x14ac:dyDescent="0.2">
      <c r="G3626" s="43"/>
      <c r="Z3626" s="143"/>
      <c r="AA3626" s="137"/>
      <c r="AB3626" s="137"/>
      <c r="AC3626" s="137"/>
      <c r="AD3626" s="137"/>
      <c r="AE3626" s="137"/>
      <c r="AF3626" s="137"/>
      <c r="AG3626" s="137"/>
      <c r="AH3626" s="137"/>
      <c r="AI3626" s="137"/>
      <c r="AJ3626" s="137"/>
      <c r="AK3626" s="137"/>
      <c r="AL3626" s="137"/>
      <c r="AM3626" s="137"/>
      <c r="AN3626" s="137"/>
      <c r="AO3626" s="137"/>
      <c r="AP3626" s="137"/>
      <c r="AQ3626" s="137"/>
      <c r="AR3626" s="137"/>
      <c r="AS3626" s="137"/>
      <c r="AT3626" s="137"/>
      <c r="AU3626" s="137"/>
      <c r="AV3626" s="137"/>
      <c r="AW3626" s="144"/>
    </row>
    <row r="3627" spans="7:49" x14ac:dyDescent="0.2">
      <c r="G3627" s="43"/>
      <c r="Z3627" s="143"/>
      <c r="AA3627" s="137"/>
      <c r="AB3627" s="137"/>
      <c r="AC3627" s="137"/>
      <c r="AD3627" s="137"/>
      <c r="AE3627" s="137"/>
      <c r="AF3627" s="137"/>
      <c r="AG3627" s="137"/>
      <c r="AH3627" s="137"/>
      <c r="AI3627" s="137"/>
      <c r="AJ3627" s="137"/>
      <c r="AK3627" s="137"/>
      <c r="AL3627" s="137"/>
      <c r="AM3627" s="137"/>
      <c r="AN3627" s="137"/>
      <c r="AO3627" s="137"/>
      <c r="AP3627" s="137"/>
      <c r="AQ3627" s="137"/>
      <c r="AR3627" s="137"/>
      <c r="AS3627" s="137"/>
      <c r="AT3627" s="137"/>
      <c r="AU3627" s="137"/>
      <c r="AV3627" s="137"/>
      <c r="AW3627" s="144"/>
    </row>
    <row r="3628" spans="7:49" x14ac:dyDescent="0.2">
      <c r="G3628" s="43"/>
      <c r="Z3628" s="143"/>
      <c r="AA3628" s="137"/>
      <c r="AB3628" s="137"/>
      <c r="AC3628" s="137"/>
      <c r="AD3628" s="137"/>
      <c r="AE3628" s="137"/>
      <c r="AF3628" s="137"/>
      <c r="AG3628" s="137"/>
      <c r="AH3628" s="137"/>
      <c r="AI3628" s="137"/>
      <c r="AJ3628" s="137"/>
      <c r="AK3628" s="137"/>
      <c r="AL3628" s="137"/>
      <c r="AM3628" s="137"/>
      <c r="AN3628" s="137"/>
      <c r="AO3628" s="137"/>
      <c r="AP3628" s="137"/>
      <c r="AQ3628" s="137"/>
      <c r="AR3628" s="137"/>
      <c r="AS3628" s="137"/>
      <c r="AT3628" s="137"/>
      <c r="AU3628" s="137"/>
      <c r="AV3628" s="137"/>
      <c r="AW3628" s="144"/>
    </row>
    <row r="3629" spans="7:49" x14ac:dyDescent="0.2">
      <c r="G3629" s="43"/>
      <c r="Z3629" s="143"/>
      <c r="AA3629" s="137"/>
      <c r="AB3629" s="137"/>
      <c r="AC3629" s="137"/>
      <c r="AD3629" s="137"/>
      <c r="AE3629" s="137"/>
      <c r="AF3629" s="137"/>
      <c r="AG3629" s="137"/>
      <c r="AH3629" s="137"/>
      <c r="AI3629" s="137"/>
      <c r="AJ3629" s="137"/>
      <c r="AK3629" s="137"/>
      <c r="AL3629" s="137"/>
      <c r="AM3629" s="137"/>
      <c r="AN3629" s="137"/>
      <c r="AO3629" s="137"/>
      <c r="AP3629" s="137"/>
      <c r="AQ3629" s="137"/>
      <c r="AR3629" s="137"/>
      <c r="AS3629" s="137"/>
      <c r="AT3629" s="137"/>
      <c r="AU3629" s="137"/>
      <c r="AV3629" s="137"/>
      <c r="AW3629" s="144"/>
    </row>
    <row r="3630" spans="7:49" x14ac:dyDescent="0.2">
      <c r="G3630" s="43"/>
      <c r="Z3630" s="143"/>
      <c r="AA3630" s="137"/>
      <c r="AB3630" s="137"/>
      <c r="AC3630" s="137"/>
      <c r="AD3630" s="137"/>
      <c r="AE3630" s="137"/>
      <c r="AF3630" s="137"/>
      <c r="AG3630" s="137"/>
      <c r="AH3630" s="137"/>
      <c r="AI3630" s="137"/>
      <c r="AJ3630" s="137"/>
      <c r="AK3630" s="137"/>
      <c r="AL3630" s="137"/>
      <c r="AM3630" s="137"/>
      <c r="AN3630" s="137"/>
      <c r="AO3630" s="137"/>
      <c r="AP3630" s="137"/>
      <c r="AQ3630" s="137"/>
      <c r="AR3630" s="137"/>
      <c r="AS3630" s="137"/>
      <c r="AT3630" s="137"/>
      <c r="AU3630" s="137"/>
      <c r="AV3630" s="137"/>
      <c r="AW3630" s="144"/>
    </row>
    <row r="3631" spans="7:49" x14ac:dyDescent="0.2">
      <c r="G3631" s="43"/>
      <c r="Z3631" s="143"/>
      <c r="AA3631" s="137"/>
      <c r="AB3631" s="137"/>
      <c r="AC3631" s="137"/>
      <c r="AD3631" s="137"/>
      <c r="AE3631" s="137"/>
      <c r="AF3631" s="137"/>
      <c r="AG3631" s="137"/>
      <c r="AH3631" s="137"/>
      <c r="AI3631" s="137"/>
      <c r="AJ3631" s="137"/>
      <c r="AK3631" s="137"/>
      <c r="AL3631" s="137"/>
      <c r="AM3631" s="137"/>
      <c r="AN3631" s="137"/>
      <c r="AO3631" s="137"/>
      <c r="AP3631" s="137"/>
      <c r="AQ3631" s="137"/>
      <c r="AR3631" s="137"/>
      <c r="AS3631" s="137"/>
      <c r="AT3631" s="137"/>
      <c r="AU3631" s="137"/>
      <c r="AV3631" s="137"/>
      <c r="AW3631" s="144"/>
    </row>
    <row r="3632" spans="7:49" x14ac:dyDescent="0.2">
      <c r="G3632" s="43"/>
      <c r="Z3632" s="143"/>
      <c r="AA3632" s="137"/>
      <c r="AB3632" s="137"/>
      <c r="AC3632" s="137"/>
      <c r="AD3632" s="137"/>
      <c r="AE3632" s="137"/>
      <c r="AF3632" s="137"/>
      <c r="AG3632" s="137"/>
      <c r="AH3632" s="137"/>
      <c r="AI3632" s="137"/>
      <c r="AJ3632" s="137"/>
      <c r="AK3632" s="137"/>
      <c r="AL3632" s="137"/>
      <c r="AM3632" s="137"/>
      <c r="AN3632" s="137"/>
      <c r="AO3632" s="137"/>
      <c r="AP3632" s="137"/>
      <c r="AQ3632" s="137"/>
      <c r="AR3632" s="137"/>
      <c r="AS3632" s="137"/>
      <c r="AT3632" s="137"/>
      <c r="AU3632" s="137"/>
      <c r="AV3632" s="137"/>
      <c r="AW3632" s="144"/>
    </row>
    <row r="3633" spans="7:49" x14ac:dyDescent="0.2">
      <c r="G3633" s="43"/>
      <c r="Z3633" s="143"/>
      <c r="AA3633" s="137"/>
      <c r="AB3633" s="137"/>
      <c r="AC3633" s="137"/>
      <c r="AD3633" s="137"/>
      <c r="AE3633" s="137"/>
      <c r="AF3633" s="137"/>
      <c r="AG3633" s="137"/>
      <c r="AH3633" s="137"/>
      <c r="AI3633" s="137"/>
      <c r="AJ3633" s="137"/>
      <c r="AK3633" s="137"/>
      <c r="AL3633" s="137"/>
      <c r="AM3633" s="137"/>
      <c r="AN3633" s="137"/>
      <c r="AO3633" s="137"/>
      <c r="AP3633" s="137"/>
      <c r="AQ3633" s="137"/>
      <c r="AR3633" s="137"/>
      <c r="AS3633" s="137"/>
      <c r="AT3633" s="137"/>
      <c r="AU3633" s="137"/>
      <c r="AV3633" s="137"/>
      <c r="AW3633" s="144"/>
    </row>
    <row r="3634" spans="7:49" x14ac:dyDescent="0.2">
      <c r="G3634" s="43"/>
      <c r="Z3634" s="143"/>
      <c r="AA3634" s="137"/>
      <c r="AB3634" s="137"/>
      <c r="AC3634" s="137"/>
      <c r="AD3634" s="137"/>
      <c r="AE3634" s="137"/>
      <c r="AF3634" s="137"/>
      <c r="AG3634" s="137"/>
      <c r="AH3634" s="137"/>
      <c r="AI3634" s="137"/>
      <c r="AJ3634" s="137"/>
      <c r="AK3634" s="137"/>
      <c r="AL3634" s="137"/>
      <c r="AM3634" s="137"/>
      <c r="AN3634" s="137"/>
      <c r="AO3634" s="137"/>
      <c r="AP3634" s="137"/>
      <c r="AQ3634" s="137"/>
      <c r="AR3634" s="137"/>
      <c r="AS3634" s="137"/>
      <c r="AT3634" s="137"/>
      <c r="AU3634" s="137"/>
      <c r="AV3634" s="137"/>
      <c r="AW3634" s="144"/>
    </row>
    <row r="3635" spans="7:49" x14ac:dyDescent="0.2">
      <c r="G3635" s="43"/>
      <c r="Z3635" s="143"/>
      <c r="AA3635" s="137"/>
      <c r="AB3635" s="137"/>
      <c r="AC3635" s="137"/>
      <c r="AD3635" s="137"/>
      <c r="AE3635" s="137"/>
      <c r="AF3635" s="137"/>
      <c r="AG3635" s="137"/>
      <c r="AH3635" s="137"/>
      <c r="AI3635" s="137"/>
      <c r="AJ3635" s="137"/>
      <c r="AK3635" s="137"/>
      <c r="AL3635" s="137"/>
      <c r="AM3635" s="137"/>
      <c r="AN3635" s="137"/>
      <c r="AO3635" s="137"/>
      <c r="AP3635" s="137"/>
      <c r="AQ3635" s="137"/>
      <c r="AR3635" s="137"/>
      <c r="AS3635" s="137"/>
      <c r="AT3635" s="137"/>
      <c r="AU3635" s="137"/>
      <c r="AV3635" s="137"/>
      <c r="AW3635" s="144"/>
    </row>
    <row r="3636" spans="7:49" x14ac:dyDescent="0.2">
      <c r="G3636" s="43"/>
      <c r="Z3636" s="143"/>
      <c r="AA3636" s="137"/>
      <c r="AB3636" s="137"/>
      <c r="AC3636" s="137"/>
      <c r="AD3636" s="137"/>
      <c r="AE3636" s="137"/>
      <c r="AF3636" s="137"/>
      <c r="AG3636" s="137"/>
      <c r="AH3636" s="137"/>
      <c r="AI3636" s="137"/>
      <c r="AJ3636" s="137"/>
      <c r="AK3636" s="137"/>
      <c r="AL3636" s="137"/>
      <c r="AM3636" s="137"/>
      <c r="AN3636" s="137"/>
      <c r="AO3636" s="137"/>
      <c r="AP3636" s="137"/>
      <c r="AQ3636" s="137"/>
      <c r="AR3636" s="137"/>
      <c r="AS3636" s="137"/>
      <c r="AT3636" s="137"/>
      <c r="AU3636" s="137"/>
      <c r="AV3636" s="137"/>
      <c r="AW3636" s="144"/>
    </row>
    <row r="3637" spans="7:49" x14ac:dyDescent="0.2">
      <c r="G3637" s="43"/>
      <c r="Z3637" s="143"/>
      <c r="AA3637" s="137"/>
      <c r="AB3637" s="137"/>
      <c r="AC3637" s="137"/>
      <c r="AD3637" s="137"/>
      <c r="AE3637" s="137"/>
      <c r="AF3637" s="137"/>
      <c r="AG3637" s="137"/>
      <c r="AH3637" s="137"/>
      <c r="AI3637" s="137"/>
      <c r="AJ3637" s="137"/>
      <c r="AK3637" s="137"/>
      <c r="AL3637" s="137"/>
      <c r="AM3637" s="137"/>
      <c r="AN3637" s="137"/>
      <c r="AO3637" s="137"/>
      <c r="AP3637" s="137"/>
      <c r="AQ3637" s="137"/>
      <c r="AR3637" s="137"/>
      <c r="AS3637" s="137"/>
      <c r="AT3637" s="137"/>
      <c r="AU3637" s="137"/>
      <c r="AV3637" s="137"/>
      <c r="AW3637" s="144"/>
    </row>
    <row r="3638" spans="7:49" x14ac:dyDescent="0.2">
      <c r="G3638" s="43"/>
      <c r="Z3638" s="143"/>
      <c r="AA3638" s="137"/>
      <c r="AB3638" s="137"/>
      <c r="AC3638" s="137"/>
      <c r="AD3638" s="137"/>
      <c r="AE3638" s="137"/>
      <c r="AF3638" s="137"/>
      <c r="AG3638" s="137"/>
      <c r="AH3638" s="137"/>
      <c r="AI3638" s="137"/>
      <c r="AJ3638" s="137"/>
      <c r="AK3638" s="137"/>
      <c r="AL3638" s="137"/>
      <c r="AM3638" s="137"/>
      <c r="AN3638" s="137"/>
      <c r="AO3638" s="137"/>
      <c r="AP3638" s="137"/>
      <c r="AQ3638" s="137"/>
      <c r="AR3638" s="137"/>
      <c r="AS3638" s="137"/>
      <c r="AT3638" s="137"/>
      <c r="AU3638" s="137"/>
      <c r="AV3638" s="137"/>
      <c r="AW3638" s="144"/>
    </row>
    <row r="3639" spans="7:49" x14ac:dyDescent="0.2">
      <c r="G3639" s="43"/>
      <c r="Z3639" s="143"/>
      <c r="AA3639" s="137"/>
      <c r="AB3639" s="137"/>
      <c r="AC3639" s="137"/>
      <c r="AD3639" s="137"/>
      <c r="AE3639" s="137"/>
      <c r="AF3639" s="137"/>
      <c r="AG3639" s="137"/>
      <c r="AH3639" s="137"/>
      <c r="AI3639" s="137"/>
      <c r="AJ3639" s="137"/>
      <c r="AK3639" s="137"/>
      <c r="AL3639" s="137"/>
      <c r="AM3639" s="137"/>
      <c r="AN3639" s="137"/>
      <c r="AO3639" s="137"/>
      <c r="AP3639" s="137"/>
      <c r="AQ3639" s="137"/>
      <c r="AR3639" s="137"/>
      <c r="AS3639" s="137"/>
      <c r="AT3639" s="137"/>
      <c r="AU3639" s="137"/>
      <c r="AV3639" s="137"/>
      <c r="AW3639" s="144"/>
    </row>
    <row r="3640" spans="7:49" x14ac:dyDescent="0.2">
      <c r="G3640" s="43"/>
      <c r="Z3640" s="143"/>
      <c r="AA3640" s="137"/>
      <c r="AB3640" s="137"/>
      <c r="AC3640" s="137"/>
      <c r="AD3640" s="137"/>
      <c r="AE3640" s="137"/>
      <c r="AF3640" s="137"/>
      <c r="AG3640" s="137"/>
      <c r="AH3640" s="137"/>
      <c r="AI3640" s="137"/>
      <c r="AJ3640" s="137"/>
      <c r="AK3640" s="137"/>
      <c r="AL3640" s="137"/>
      <c r="AM3640" s="137"/>
      <c r="AN3640" s="137"/>
      <c r="AO3640" s="137"/>
      <c r="AP3640" s="137"/>
      <c r="AQ3640" s="137"/>
      <c r="AR3640" s="137"/>
      <c r="AS3640" s="137"/>
      <c r="AT3640" s="137"/>
      <c r="AU3640" s="137"/>
      <c r="AV3640" s="137"/>
      <c r="AW3640" s="144"/>
    </row>
    <row r="3641" spans="7:49" x14ac:dyDescent="0.2">
      <c r="G3641" s="43"/>
      <c r="Z3641" s="143"/>
      <c r="AA3641" s="137"/>
      <c r="AB3641" s="137"/>
      <c r="AC3641" s="137"/>
      <c r="AD3641" s="137"/>
      <c r="AE3641" s="137"/>
      <c r="AF3641" s="137"/>
      <c r="AG3641" s="137"/>
      <c r="AH3641" s="137"/>
      <c r="AI3641" s="137"/>
      <c r="AJ3641" s="137"/>
      <c r="AK3641" s="137"/>
      <c r="AL3641" s="137"/>
      <c r="AM3641" s="137"/>
      <c r="AN3641" s="137"/>
      <c r="AO3641" s="137"/>
      <c r="AP3641" s="137"/>
      <c r="AQ3641" s="137"/>
      <c r="AR3641" s="137"/>
      <c r="AS3641" s="137"/>
      <c r="AT3641" s="137"/>
      <c r="AU3641" s="137"/>
      <c r="AV3641" s="137"/>
      <c r="AW3641" s="144"/>
    </row>
    <row r="3642" spans="7:49" x14ac:dyDescent="0.2">
      <c r="G3642" s="43"/>
      <c r="Z3642" s="143"/>
      <c r="AA3642" s="137"/>
      <c r="AB3642" s="137"/>
      <c r="AC3642" s="137"/>
      <c r="AD3642" s="137"/>
      <c r="AE3642" s="137"/>
      <c r="AF3642" s="137"/>
      <c r="AG3642" s="137"/>
      <c r="AH3642" s="137"/>
      <c r="AI3642" s="137"/>
      <c r="AJ3642" s="137"/>
      <c r="AK3642" s="137"/>
      <c r="AL3642" s="137"/>
      <c r="AM3642" s="137"/>
      <c r="AN3642" s="137"/>
      <c r="AO3642" s="137"/>
      <c r="AP3642" s="137"/>
      <c r="AQ3642" s="137"/>
      <c r="AR3642" s="137"/>
      <c r="AS3642" s="137"/>
      <c r="AT3642" s="137"/>
      <c r="AU3642" s="137"/>
      <c r="AV3642" s="137"/>
      <c r="AW3642" s="144"/>
    </row>
    <row r="3643" spans="7:49" x14ac:dyDescent="0.2">
      <c r="G3643" s="43"/>
      <c r="Z3643" s="143"/>
      <c r="AA3643" s="137"/>
      <c r="AB3643" s="137"/>
      <c r="AC3643" s="137"/>
      <c r="AD3643" s="137"/>
      <c r="AE3643" s="137"/>
      <c r="AF3643" s="137"/>
      <c r="AG3643" s="137"/>
      <c r="AH3643" s="137"/>
      <c r="AI3643" s="137"/>
      <c r="AJ3643" s="137"/>
      <c r="AK3643" s="137"/>
      <c r="AL3643" s="137"/>
      <c r="AM3643" s="137"/>
      <c r="AN3643" s="137"/>
      <c r="AO3643" s="137"/>
      <c r="AP3643" s="137"/>
      <c r="AQ3643" s="137"/>
      <c r="AR3643" s="137"/>
      <c r="AS3643" s="137"/>
      <c r="AT3643" s="137"/>
      <c r="AU3643" s="137"/>
      <c r="AV3643" s="137"/>
      <c r="AW3643" s="144"/>
    </row>
    <row r="3644" spans="7:49" x14ac:dyDescent="0.2">
      <c r="G3644" s="43"/>
      <c r="Z3644" s="143"/>
      <c r="AA3644" s="137"/>
      <c r="AB3644" s="137"/>
      <c r="AC3644" s="137"/>
      <c r="AD3644" s="137"/>
      <c r="AE3644" s="137"/>
      <c r="AF3644" s="137"/>
      <c r="AG3644" s="137"/>
      <c r="AH3644" s="137"/>
      <c r="AI3644" s="137"/>
      <c r="AJ3644" s="137"/>
      <c r="AK3644" s="137"/>
      <c r="AL3644" s="137"/>
      <c r="AM3644" s="137"/>
      <c r="AN3644" s="137"/>
      <c r="AO3644" s="137"/>
      <c r="AP3644" s="137"/>
      <c r="AQ3644" s="137"/>
      <c r="AR3644" s="137"/>
      <c r="AS3644" s="137"/>
      <c r="AT3644" s="137"/>
      <c r="AU3644" s="137"/>
      <c r="AV3644" s="137"/>
      <c r="AW3644" s="144"/>
    </row>
    <row r="3645" spans="7:49" x14ac:dyDescent="0.2">
      <c r="G3645" s="43"/>
      <c r="Z3645" s="143"/>
      <c r="AA3645" s="137"/>
      <c r="AB3645" s="137"/>
      <c r="AC3645" s="137"/>
      <c r="AD3645" s="137"/>
      <c r="AE3645" s="137"/>
      <c r="AF3645" s="137"/>
      <c r="AG3645" s="137"/>
      <c r="AH3645" s="137"/>
      <c r="AI3645" s="137"/>
      <c r="AJ3645" s="137"/>
      <c r="AK3645" s="137"/>
      <c r="AL3645" s="137"/>
      <c r="AM3645" s="137"/>
      <c r="AN3645" s="137"/>
      <c r="AO3645" s="137"/>
      <c r="AP3645" s="137"/>
      <c r="AQ3645" s="137"/>
      <c r="AR3645" s="137"/>
      <c r="AS3645" s="137"/>
      <c r="AT3645" s="137"/>
      <c r="AU3645" s="137"/>
      <c r="AV3645" s="137"/>
      <c r="AW3645" s="144"/>
    </row>
    <row r="3646" spans="7:49" x14ac:dyDescent="0.2">
      <c r="G3646" s="43"/>
      <c r="Z3646" s="143"/>
      <c r="AA3646" s="137"/>
      <c r="AB3646" s="137"/>
      <c r="AC3646" s="137"/>
      <c r="AD3646" s="137"/>
      <c r="AE3646" s="137"/>
      <c r="AF3646" s="137"/>
      <c r="AG3646" s="137"/>
      <c r="AH3646" s="137"/>
      <c r="AI3646" s="137"/>
      <c r="AJ3646" s="137"/>
      <c r="AK3646" s="137"/>
      <c r="AL3646" s="137"/>
      <c r="AM3646" s="137"/>
      <c r="AN3646" s="137"/>
      <c r="AO3646" s="137"/>
      <c r="AP3646" s="137"/>
      <c r="AQ3646" s="137"/>
      <c r="AR3646" s="137"/>
      <c r="AS3646" s="137"/>
      <c r="AT3646" s="137"/>
      <c r="AU3646" s="137"/>
      <c r="AV3646" s="137"/>
      <c r="AW3646" s="144"/>
    </row>
    <row r="3647" spans="7:49" x14ac:dyDescent="0.2">
      <c r="G3647" s="43"/>
      <c r="Z3647" s="143"/>
      <c r="AA3647" s="137"/>
      <c r="AB3647" s="137"/>
      <c r="AC3647" s="137"/>
      <c r="AD3647" s="137"/>
      <c r="AE3647" s="137"/>
      <c r="AF3647" s="137"/>
      <c r="AG3647" s="137"/>
      <c r="AH3647" s="137"/>
      <c r="AI3647" s="137"/>
      <c r="AJ3647" s="137"/>
      <c r="AK3647" s="137"/>
      <c r="AL3647" s="137"/>
      <c r="AM3647" s="137"/>
      <c r="AN3647" s="137"/>
      <c r="AO3647" s="137"/>
      <c r="AP3647" s="137"/>
      <c r="AQ3647" s="137"/>
      <c r="AR3647" s="137"/>
      <c r="AS3647" s="137"/>
      <c r="AT3647" s="137"/>
      <c r="AU3647" s="137"/>
      <c r="AV3647" s="137"/>
      <c r="AW3647" s="144"/>
    </row>
    <row r="3648" spans="7:49" x14ac:dyDescent="0.2">
      <c r="G3648" s="43"/>
      <c r="Z3648" s="143"/>
      <c r="AA3648" s="137"/>
      <c r="AB3648" s="137"/>
      <c r="AC3648" s="137"/>
      <c r="AD3648" s="137"/>
      <c r="AE3648" s="137"/>
      <c r="AF3648" s="137"/>
      <c r="AG3648" s="137"/>
      <c r="AH3648" s="137"/>
      <c r="AI3648" s="137"/>
      <c r="AJ3648" s="137"/>
      <c r="AK3648" s="137"/>
      <c r="AL3648" s="137"/>
      <c r="AM3648" s="137"/>
      <c r="AN3648" s="137"/>
      <c r="AO3648" s="137"/>
      <c r="AP3648" s="137"/>
      <c r="AQ3648" s="137"/>
      <c r="AR3648" s="137"/>
      <c r="AS3648" s="137"/>
      <c r="AT3648" s="137"/>
      <c r="AU3648" s="137"/>
      <c r="AV3648" s="137"/>
      <c r="AW3648" s="144"/>
    </row>
    <row r="3649" spans="7:49" x14ac:dyDescent="0.2">
      <c r="G3649" s="43"/>
      <c r="Z3649" s="143"/>
      <c r="AA3649" s="137"/>
      <c r="AB3649" s="137"/>
      <c r="AC3649" s="137"/>
      <c r="AD3649" s="137"/>
      <c r="AE3649" s="137"/>
      <c r="AF3649" s="137"/>
      <c r="AG3649" s="137"/>
      <c r="AH3649" s="137"/>
      <c r="AI3649" s="137"/>
      <c r="AJ3649" s="137"/>
      <c r="AK3649" s="137"/>
      <c r="AL3649" s="137"/>
      <c r="AM3649" s="137"/>
      <c r="AN3649" s="137"/>
      <c r="AO3649" s="137"/>
      <c r="AP3649" s="137"/>
      <c r="AQ3649" s="137"/>
      <c r="AR3649" s="137"/>
      <c r="AS3649" s="137"/>
      <c r="AT3649" s="137"/>
      <c r="AU3649" s="137"/>
      <c r="AV3649" s="137"/>
      <c r="AW3649" s="144"/>
    </row>
    <row r="3650" spans="7:49" x14ac:dyDescent="0.2">
      <c r="G3650" s="43"/>
      <c r="Z3650" s="143"/>
      <c r="AA3650" s="137"/>
      <c r="AB3650" s="137"/>
      <c r="AC3650" s="137"/>
      <c r="AD3650" s="137"/>
      <c r="AE3650" s="137"/>
      <c r="AF3650" s="137"/>
      <c r="AG3650" s="137"/>
      <c r="AH3650" s="137"/>
      <c r="AI3650" s="137"/>
      <c r="AJ3650" s="137"/>
      <c r="AK3650" s="137"/>
      <c r="AL3650" s="137"/>
      <c r="AM3650" s="137"/>
      <c r="AN3650" s="137"/>
      <c r="AO3650" s="137"/>
      <c r="AP3650" s="137"/>
      <c r="AQ3650" s="137"/>
      <c r="AR3650" s="137"/>
      <c r="AS3650" s="137"/>
      <c r="AT3650" s="137"/>
      <c r="AU3650" s="137"/>
      <c r="AV3650" s="137"/>
      <c r="AW3650" s="144"/>
    </row>
    <row r="3651" spans="7:49" x14ac:dyDescent="0.2">
      <c r="G3651" s="43"/>
      <c r="Z3651" s="143"/>
      <c r="AA3651" s="137"/>
      <c r="AB3651" s="137"/>
      <c r="AC3651" s="137"/>
      <c r="AD3651" s="137"/>
      <c r="AE3651" s="137"/>
      <c r="AF3651" s="137"/>
      <c r="AG3651" s="137"/>
      <c r="AH3651" s="137"/>
      <c r="AI3651" s="137"/>
      <c r="AJ3651" s="137"/>
      <c r="AK3651" s="137"/>
      <c r="AL3651" s="137"/>
      <c r="AM3651" s="137"/>
      <c r="AN3651" s="137"/>
      <c r="AO3651" s="137"/>
      <c r="AP3651" s="137"/>
      <c r="AQ3651" s="137"/>
      <c r="AR3651" s="137"/>
      <c r="AS3651" s="137"/>
      <c r="AT3651" s="137"/>
      <c r="AU3651" s="137"/>
      <c r="AV3651" s="137"/>
      <c r="AW3651" s="144"/>
    </row>
    <row r="3652" spans="7:49" x14ac:dyDescent="0.2">
      <c r="G3652" s="43"/>
      <c r="Z3652" s="143"/>
      <c r="AA3652" s="137"/>
      <c r="AB3652" s="137"/>
      <c r="AC3652" s="137"/>
      <c r="AD3652" s="137"/>
      <c r="AE3652" s="137"/>
      <c r="AF3652" s="137"/>
      <c r="AG3652" s="137"/>
      <c r="AH3652" s="137"/>
      <c r="AI3652" s="137"/>
      <c r="AJ3652" s="137"/>
      <c r="AK3652" s="137"/>
      <c r="AL3652" s="137"/>
      <c r="AM3652" s="137"/>
      <c r="AN3652" s="137"/>
      <c r="AO3652" s="137"/>
      <c r="AP3652" s="137"/>
      <c r="AQ3652" s="137"/>
      <c r="AR3652" s="137"/>
      <c r="AS3652" s="137"/>
      <c r="AT3652" s="137"/>
      <c r="AU3652" s="137"/>
      <c r="AV3652" s="137"/>
      <c r="AW3652" s="144"/>
    </row>
    <row r="3653" spans="7:49" x14ac:dyDescent="0.2">
      <c r="G3653" s="43"/>
      <c r="Z3653" s="143"/>
      <c r="AA3653" s="137"/>
      <c r="AB3653" s="137"/>
      <c r="AC3653" s="137"/>
      <c r="AD3653" s="137"/>
      <c r="AE3653" s="137"/>
      <c r="AF3653" s="137"/>
      <c r="AG3653" s="137"/>
      <c r="AH3653" s="137"/>
      <c r="AI3653" s="137"/>
      <c r="AJ3653" s="137"/>
      <c r="AK3653" s="137"/>
      <c r="AL3653" s="137"/>
      <c r="AM3653" s="137"/>
      <c r="AN3653" s="137"/>
      <c r="AO3653" s="137"/>
      <c r="AP3653" s="137"/>
      <c r="AQ3653" s="137"/>
      <c r="AR3653" s="137"/>
      <c r="AS3653" s="137"/>
      <c r="AT3653" s="137"/>
      <c r="AU3653" s="137"/>
      <c r="AV3653" s="137"/>
      <c r="AW3653" s="144"/>
    </row>
    <row r="3654" spans="7:49" x14ac:dyDescent="0.2">
      <c r="G3654" s="43"/>
      <c r="Z3654" s="143"/>
      <c r="AA3654" s="137"/>
      <c r="AB3654" s="137"/>
      <c r="AC3654" s="137"/>
      <c r="AD3654" s="137"/>
      <c r="AE3654" s="137"/>
      <c r="AF3654" s="137"/>
      <c r="AG3654" s="137"/>
      <c r="AH3654" s="137"/>
      <c r="AI3654" s="137"/>
      <c r="AJ3654" s="137"/>
      <c r="AK3654" s="137"/>
      <c r="AL3654" s="137"/>
      <c r="AM3654" s="137"/>
      <c r="AN3654" s="137"/>
      <c r="AO3654" s="137"/>
      <c r="AP3654" s="137"/>
      <c r="AQ3654" s="137"/>
      <c r="AR3654" s="137"/>
      <c r="AS3654" s="137"/>
      <c r="AT3654" s="137"/>
      <c r="AU3654" s="137"/>
      <c r="AV3654" s="137"/>
      <c r="AW3654" s="144"/>
    </row>
    <row r="3655" spans="7:49" x14ac:dyDescent="0.2">
      <c r="G3655" s="43"/>
      <c r="Z3655" s="143"/>
      <c r="AA3655" s="137"/>
      <c r="AB3655" s="137"/>
      <c r="AC3655" s="137"/>
      <c r="AD3655" s="137"/>
      <c r="AE3655" s="137"/>
      <c r="AF3655" s="137"/>
      <c r="AG3655" s="137"/>
      <c r="AH3655" s="137"/>
      <c r="AI3655" s="137"/>
      <c r="AJ3655" s="137"/>
      <c r="AK3655" s="137"/>
      <c r="AL3655" s="137"/>
      <c r="AM3655" s="137"/>
      <c r="AN3655" s="137"/>
      <c r="AO3655" s="137"/>
      <c r="AP3655" s="137"/>
      <c r="AQ3655" s="137"/>
      <c r="AR3655" s="137"/>
      <c r="AS3655" s="137"/>
      <c r="AT3655" s="137"/>
      <c r="AU3655" s="137"/>
      <c r="AV3655" s="137"/>
      <c r="AW3655" s="144"/>
    </row>
    <row r="3656" spans="7:49" x14ac:dyDescent="0.2">
      <c r="G3656" s="43"/>
      <c r="Z3656" s="143"/>
      <c r="AA3656" s="137"/>
      <c r="AB3656" s="137"/>
      <c r="AC3656" s="137"/>
      <c r="AD3656" s="137"/>
      <c r="AE3656" s="137"/>
      <c r="AF3656" s="137"/>
      <c r="AG3656" s="137"/>
      <c r="AH3656" s="137"/>
      <c r="AI3656" s="137"/>
      <c r="AJ3656" s="137"/>
      <c r="AK3656" s="137"/>
      <c r="AL3656" s="137"/>
      <c r="AM3656" s="137"/>
      <c r="AN3656" s="137"/>
      <c r="AO3656" s="137"/>
      <c r="AP3656" s="137"/>
      <c r="AQ3656" s="137"/>
      <c r="AR3656" s="137"/>
      <c r="AS3656" s="137"/>
      <c r="AT3656" s="137"/>
      <c r="AU3656" s="137"/>
      <c r="AV3656" s="137"/>
      <c r="AW3656" s="144"/>
    </row>
    <row r="3657" spans="7:49" x14ac:dyDescent="0.2">
      <c r="G3657" s="43"/>
      <c r="Z3657" s="143"/>
      <c r="AA3657" s="137"/>
      <c r="AB3657" s="137"/>
      <c r="AC3657" s="137"/>
      <c r="AD3657" s="137"/>
      <c r="AE3657" s="137"/>
      <c r="AF3657" s="137"/>
      <c r="AG3657" s="137"/>
      <c r="AH3657" s="137"/>
      <c r="AI3657" s="137"/>
      <c r="AJ3657" s="137"/>
      <c r="AK3657" s="137"/>
      <c r="AL3657" s="137"/>
      <c r="AM3657" s="137"/>
      <c r="AN3657" s="137"/>
      <c r="AO3657" s="137"/>
      <c r="AP3657" s="137"/>
      <c r="AQ3657" s="137"/>
      <c r="AR3657" s="137"/>
      <c r="AS3657" s="137"/>
      <c r="AT3657" s="137"/>
      <c r="AU3657" s="137"/>
      <c r="AV3657" s="137"/>
      <c r="AW3657" s="144"/>
    </row>
    <row r="3658" spans="7:49" x14ac:dyDescent="0.2">
      <c r="G3658" s="43"/>
      <c r="Z3658" s="143"/>
      <c r="AA3658" s="137"/>
      <c r="AB3658" s="137"/>
      <c r="AC3658" s="137"/>
      <c r="AD3658" s="137"/>
      <c r="AE3658" s="137"/>
      <c r="AF3658" s="137"/>
      <c r="AG3658" s="137"/>
      <c r="AH3658" s="137"/>
      <c r="AI3658" s="137"/>
      <c r="AJ3658" s="137"/>
      <c r="AK3658" s="137"/>
      <c r="AL3658" s="137"/>
      <c r="AM3658" s="137"/>
      <c r="AN3658" s="137"/>
      <c r="AO3658" s="137"/>
      <c r="AP3658" s="137"/>
      <c r="AQ3658" s="137"/>
      <c r="AR3658" s="137"/>
      <c r="AS3658" s="137"/>
      <c r="AT3658" s="137"/>
      <c r="AU3658" s="137"/>
      <c r="AV3658" s="137"/>
      <c r="AW3658" s="144"/>
    </row>
    <row r="3659" spans="7:49" x14ac:dyDescent="0.2">
      <c r="G3659" s="43"/>
      <c r="Z3659" s="143"/>
      <c r="AA3659" s="137"/>
      <c r="AB3659" s="137"/>
      <c r="AC3659" s="137"/>
      <c r="AD3659" s="137"/>
      <c r="AE3659" s="137"/>
      <c r="AF3659" s="137"/>
      <c r="AG3659" s="137"/>
      <c r="AH3659" s="137"/>
      <c r="AI3659" s="137"/>
      <c r="AJ3659" s="137"/>
      <c r="AK3659" s="137"/>
      <c r="AL3659" s="137"/>
      <c r="AM3659" s="137"/>
      <c r="AN3659" s="137"/>
      <c r="AO3659" s="137"/>
      <c r="AP3659" s="137"/>
      <c r="AQ3659" s="137"/>
      <c r="AR3659" s="137"/>
      <c r="AS3659" s="137"/>
      <c r="AT3659" s="137"/>
      <c r="AU3659" s="137"/>
      <c r="AV3659" s="137"/>
      <c r="AW3659" s="144"/>
    </row>
    <row r="3660" spans="7:49" x14ac:dyDescent="0.2">
      <c r="G3660" s="43"/>
      <c r="Z3660" s="143"/>
      <c r="AA3660" s="137"/>
      <c r="AB3660" s="137"/>
      <c r="AC3660" s="137"/>
      <c r="AD3660" s="137"/>
      <c r="AE3660" s="137"/>
      <c r="AF3660" s="137"/>
      <c r="AG3660" s="137"/>
      <c r="AH3660" s="137"/>
      <c r="AI3660" s="137"/>
      <c r="AJ3660" s="137"/>
      <c r="AK3660" s="137"/>
      <c r="AL3660" s="137"/>
      <c r="AM3660" s="137"/>
      <c r="AN3660" s="137"/>
      <c r="AO3660" s="137"/>
      <c r="AP3660" s="137"/>
      <c r="AQ3660" s="137"/>
      <c r="AR3660" s="137"/>
      <c r="AS3660" s="137"/>
      <c r="AT3660" s="137"/>
      <c r="AU3660" s="137"/>
      <c r="AV3660" s="137"/>
      <c r="AW3660" s="144"/>
    </row>
    <row r="3661" spans="7:49" x14ac:dyDescent="0.2">
      <c r="G3661" s="43"/>
      <c r="Z3661" s="143"/>
      <c r="AA3661" s="137"/>
      <c r="AB3661" s="137"/>
      <c r="AC3661" s="137"/>
      <c r="AD3661" s="137"/>
      <c r="AE3661" s="137"/>
      <c r="AF3661" s="137"/>
      <c r="AG3661" s="137"/>
      <c r="AH3661" s="137"/>
      <c r="AI3661" s="137"/>
      <c r="AJ3661" s="137"/>
      <c r="AK3661" s="137"/>
      <c r="AL3661" s="137"/>
      <c r="AM3661" s="137"/>
      <c r="AN3661" s="137"/>
      <c r="AO3661" s="137"/>
      <c r="AP3661" s="137"/>
      <c r="AQ3661" s="137"/>
      <c r="AR3661" s="137"/>
      <c r="AS3661" s="137"/>
      <c r="AT3661" s="137"/>
      <c r="AU3661" s="137"/>
      <c r="AV3661" s="137"/>
      <c r="AW3661" s="144"/>
    </row>
    <row r="3662" spans="7:49" x14ac:dyDescent="0.2">
      <c r="G3662" s="43"/>
      <c r="Z3662" s="143"/>
      <c r="AA3662" s="137"/>
      <c r="AB3662" s="137"/>
      <c r="AC3662" s="137"/>
      <c r="AD3662" s="137"/>
      <c r="AE3662" s="137"/>
      <c r="AF3662" s="137"/>
      <c r="AG3662" s="137"/>
      <c r="AH3662" s="137"/>
      <c r="AI3662" s="137"/>
      <c r="AJ3662" s="137"/>
      <c r="AK3662" s="137"/>
      <c r="AL3662" s="137"/>
      <c r="AM3662" s="137"/>
      <c r="AN3662" s="137"/>
      <c r="AO3662" s="137"/>
      <c r="AP3662" s="137"/>
      <c r="AQ3662" s="137"/>
      <c r="AR3662" s="137"/>
      <c r="AS3662" s="137"/>
      <c r="AT3662" s="137"/>
      <c r="AU3662" s="137"/>
      <c r="AV3662" s="137"/>
      <c r="AW3662" s="144"/>
    </row>
    <row r="3663" spans="7:49" x14ac:dyDescent="0.2">
      <c r="G3663" s="43"/>
      <c r="Z3663" s="143"/>
      <c r="AA3663" s="137"/>
      <c r="AB3663" s="137"/>
      <c r="AC3663" s="137"/>
      <c r="AD3663" s="137"/>
      <c r="AE3663" s="137"/>
      <c r="AF3663" s="137"/>
      <c r="AG3663" s="137"/>
      <c r="AH3663" s="137"/>
      <c r="AI3663" s="137"/>
      <c r="AJ3663" s="137"/>
      <c r="AK3663" s="137"/>
      <c r="AL3663" s="137"/>
      <c r="AM3663" s="137"/>
      <c r="AN3663" s="137"/>
      <c r="AO3663" s="137"/>
      <c r="AP3663" s="137"/>
      <c r="AQ3663" s="137"/>
      <c r="AR3663" s="137"/>
      <c r="AS3663" s="137"/>
      <c r="AT3663" s="137"/>
      <c r="AU3663" s="137"/>
      <c r="AV3663" s="137"/>
      <c r="AW3663" s="144"/>
    </row>
    <row r="3664" spans="7:49" x14ac:dyDescent="0.2">
      <c r="G3664" s="43"/>
      <c r="Z3664" s="143"/>
      <c r="AA3664" s="137"/>
      <c r="AB3664" s="137"/>
      <c r="AC3664" s="137"/>
      <c r="AD3664" s="137"/>
      <c r="AE3664" s="137"/>
      <c r="AF3664" s="137"/>
      <c r="AG3664" s="137"/>
      <c r="AH3664" s="137"/>
      <c r="AI3664" s="137"/>
      <c r="AJ3664" s="137"/>
      <c r="AK3664" s="137"/>
      <c r="AL3664" s="137"/>
      <c r="AM3664" s="137"/>
      <c r="AN3664" s="137"/>
      <c r="AO3664" s="137"/>
      <c r="AP3664" s="137"/>
      <c r="AQ3664" s="137"/>
      <c r="AR3664" s="137"/>
      <c r="AS3664" s="137"/>
      <c r="AT3664" s="137"/>
      <c r="AU3664" s="137"/>
      <c r="AV3664" s="137"/>
      <c r="AW3664" s="144"/>
    </row>
    <row r="3665" spans="7:49" x14ac:dyDescent="0.2">
      <c r="G3665" s="43"/>
      <c r="Z3665" s="143"/>
      <c r="AA3665" s="137"/>
      <c r="AB3665" s="137"/>
      <c r="AC3665" s="137"/>
      <c r="AD3665" s="137"/>
      <c r="AE3665" s="137"/>
      <c r="AF3665" s="137"/>
      <c r="AG3665" s="137"/>
      <c r="AH3665" s="137"/>
      <c r="AI3665" s="137"/>
      <c r="AJ3665" s="137"/>
      <c r="AK3665" s="137"/>
      <c r="AL3665" s="137"/>
      <c r="AM3665" s="137"/>
      <c r="AN3665" s="137"/>
      <c r="AO3665" s="137"/>
      <c r="AP3665" s="137"/>
      <c r="AQ3665" s="137"/>
      <c r="AR3665" s="137"/>
      <c r="AS3665" s="137"/>
      <c r="AT3665" s="137"/>
      <c r="AU3665" s="137"/>
      <c r="AV3665" s="137"/>
      <c r="AW3665" s="144"/>
    </row>
    <row r="3666" spans="7:49" x14ac:dyDescent="0.2">
      <c r="G3666" s="43"/>
      <c r="Z3666" s="143"/>
      <c r="AA3666" s="137"/>
      <c r="AB3666" s="137"/>
      <c r="AC3666" s="137"/>
      <c r="AD3666" s="137"/>
      <c r="AE3666" s="137"/>
      <c r="AF3666" s="137"/>
      <c r="AG3666" s="137"/>
      <c r="AH3666" s="137"/>
      <c r="AI3666" s="137"/>
      <c r="AJ3666" s="137"/>
      <c r="AK3666" s="137"/>
      <c r="AL3666" s="137"/>
      <c r="AM3666" s="137"/>
      <c r="AN3666" s="137"/>
      <c r="AO3666" s="137"/>
      <c r="AP3666" s="137"/>
      <c r="AQ3666" s="137"/>
      <c r="AR3666" s="137"/>
      <c r="AS3666" s="137"/>
      <c r="AT3666" s="137"/>
      <c r="AU3666" s="137"/>
      <c r="AV3666" s="137"/>
      <c r="AW3666" s="144"/>
    </row>
    <row r="3667" spans="7:49" x14ac:dyDescent="0.2">
      <c r="G3667" s="43"/>
      <c r="Z3667" s="143"/>
      <c r="AA3667" s="137"/>
      <c r="AB3667" s="137"/>
      <c r="AC3667" s="137"/>
      <c r="AD3667" s="137"/>
      <c r="AE3667" s="137"/>
      <c r="AF3667" s="137"/>
      <c r="AG3667" s="137"/>
      <c r="AH3667" s="137"/>
      <c r="AI3667" s="137"/>
      <c r="AJ3667" s="137"/>
      <c r="AK3667" s="137"/>
      <c r="AL3667" s="137"/>
      <c r="AM3667" s="137"/>
      <c r="AN3667" s="137"/>
      <c r="AO3667" s="137"/>
      <c r="AP3667" s="137"/>
      <c r="AQ3667" s="137"/>
      <c r="AR3667" s="137"/>
      <c r="AS3667" s="137"/>
      <c r="AT3667" s="137"/>
      <c r="AU3667" s="137"/>
      <c r="AV3667" s="137"/>
      <c r="AW3667" s="144"/>
    </row>
    <row r="3668" spans="7:49" x14ac:dyDescent="0.2">
      <c r="G3668" s="43"/>
      <c r="Z3668" s="143"/>
      <c r="AA3668" s="137"/>
      <c r="AB3668" s="137"/>
      <c r="AC3668" s="137"/>
      <c r="AD3668" s="137"/>
      <c r="AE3668" s="137"/>
      <c r="AF3668" s="137"/>
      <c r="AG3668" s="137"/>
      <c r="AH3668" s="137"/>
      <c r="AI3668" s="137"/>
      <c r="AJ3668" s="137"/>
      <c r="AK3668" s="137"/>
      <c r="AL3668" s="137"/>
      <c r="AM3668" s="137"/>
      <c r="AN3668" s="137"/>
      <c r="AO3668" s="137"/>
      <c r="AP3668" s="137"/>
      <c r="AQ3668" s="137"/>
      <c r="AR3668" s="137"/>
      <c r="AS3668" s="137"/>
      <c r="AT3668" s="137"/>
      <c r="AU3668" s="137"/>
      <c r="AV3668" s="137"/>
      <c r="AW3668" s="144"/>
    </row>
    <row r="3669" spans="7:49" x14ac:dyDescent="0.2">
      <c r="G3669" s="43"/>
      <c r="Z3669" s="143"/>
      <c r="AA3669" s="137"/>
      <c r="AB3669" s="137"/>
      <c r="AC3669" s="137"/>
      <c r="AD3669" s="137"/>
      <c r="AE3669" s="137"/>
      <c r="AF3669" s="137"/>
      <c r="AG3669" s="137"/>
      <c r="AH3669" s="137"/>
      <c r="AI3669" s="137"/>
      <c r="AJ3669" s="137"/>
      <c r="AK3669" s="137"/>
      <c r="AL3669" s="137"/>
      <c r="AM3669" s="137"/>
      <c r="AN3669" s="137"/>
      <c r="AO3669" s="137"/>
      <c r="AP3669" s="137"/>
      <c r="AQ3669" s="137"/>
      <c r="AR3669" s="137"/>
      <c r="AS3669" s="137"/>
      <c r="AT3669" s="137"/>
      <c r="AU3669" s="137"/>
      <c r="AV3669" s="137"/>
      <c r="AW3669" s="144"/>
    </row>
    <row r="3670" spans="7:49" x14ac:dyDescent="0.2">
      <c r="G3670" s="43"/>
      <c r="Z3670" s="143"/>
      <c r="AA3670" s="137"/>
      <c r="AB3670" s="137"/>
      <c r="AC3670" s="137"/>
      <c r="AD3670" s="137"/>
      <c r="AE3670" s="137"/>
      <c r="AF3670" s="137"/>
      <c r="AG3670" s="137"/>
      <c r="AH3670" s="137"/>
      <c r="AI3670" s="137"/>
      <c r="AJ3670" s="137"/>
      <c r="AK3670" s="137"/>
      <c r="AL3670" s="137"/>
      <c r="AM3670" s="137"/>
      <c r="AN3670" s="137"/>
      <c r="AO3670" s="137"/>
      <c r="AP3670" s="137"/>
      <c r="AQ3670" s="137"/>
      <c r="AR3670" s="137"/>
      <c r="AS3670" s="137"/>
      <c r="AT3670" s="137"/>
      <c r="AU3670" s="137"/>
      <c r="AV3670" s="137"/>
      <c r="AW3670" s="144"/>
    </row>
    <row r="3671" spans="7:49" x14ac:dyDescent="0.2">
      <c r="G3671" s="43"/>
      <c r="Z3671" s="143"/>
      <c r="AA3671" s="137"/>
      <c r="AB3671" s="137"/>
      <c r="AC3671" s="137"/>
      <c r="AD3671" s="137"/>
      <c r="AE3671" s="137"/>
      <c r="AF3671" s="137"/>
      <c r="AG3671" s="137"/>
      <c r="AH3671" s="137"/>
      <c r="AI3671" s="137"/>
      <c r="AJ3671" s="137"/>
      <c r="AK3671" s="137"/>
      <c r="AL3671" s="137"/>
      <c r="AM3671" s="137"/>
      <c r="AN3671" s="137"/>
      <c r="AO3671" s="137"/>
      <c r="AP3671" s="137"/>
      <c r="AQ3671" s="137"/>
      <c r="AR3671" s="137"/>
      <c r="AS3671" s="137"/>
      <c r="AT3671" s="137"/>
      <c r="AU3671" s="137"/>
      <c r="AV3671" s="137"/>
      <c r="AW3671" s="144"/>
    </row>
    <row r="3672" spans="7:49" x14ac:dyDescent="0.2">
      <c r="G3672" s="43"/>
      <c r="Z3672" s="143"/>
      <c r="AA3672" s="137"/>
      <c r="AB3672" s="137"/>
      <c r="AC3672" s="137"/>
      <c r="AD3672" s="137"/>
      <c r="AE3672" s="137"/>
      <c r="AF3672" s="137"/>
      <c r="AG3672" s="137"/>
      <c r="AH3672" s="137"/>
      <c r="AI3672" s="137"/>
      <c r="AJ3672" s="137"/>
      <c r="AK3672" s="137"/>
      <c r="AL3672" s="137"/>
      <c r="AM3672" s="137"/>
      <c r="AN3672" s="137"/>
      <c r="AO3672" s="137"/>
      <c r="AP3672" s="137"/>
      <c r="AQ3672" s="137"/>
      <c r="AR3672" s="137"/>
      <c r="AS3672" s="137"/>
      <c r="AT3672" s="137"/>
      <c r="AU3672" s="137"/>
      <c r="AV3672" s="137"/>
      <c r="AW3672" s="144"/>
    </row>
    <row r="3673" spans="7:49" x14ac:dyDescent="0.2">
      <c r="G3673" s="43"/>
      <c r="Z3673" s="143"/>
      <c r="AA3673" s="137"/>
      <c r="AB3673" s="137"/>
      <c r="AC3673" s="137"/>
      <c r="AD3673" s="137"/>
      <c r="AE3673" s="137"/>
      <c r="AF3673" s="137"/>
      <c r="AG3673" s="137"/>
      <c r="AH3673" s="137"/>
      <c r="AI3673" s="137"/>
      <c r="AJ3673" s="137"/>
      <c r="AK3673" s="137"/>
      <c r="AL3673" s="137"/>
      <c r="AM3673" s="137"/>
      <c r="AN3673" s="137"/>
      <c r="AO3673" s="137"/>
      <c r="AP3673" s="137"/>
      <c r="AQ3673" s="137"/>
      <c r="AR3673" s="137"/>
      <c r="AS3673" s="137"/>
      <c r="AT3673" s="137"/>
      <c r="AU3673" s="137"/>
      <c r="AV3673" s="137"/>
      <c r="AW3673" s="144"/>
    </row>
    <row r="3674" spans="7:49" x14ac:dyDescent="0.2">
      <c r="G3674" s="43"/>
      <c r="Z3674" s="143"/>
      <c r="AA3674" s="137"/>
      <c r="AB3674" s="137"/>
      <c r="AC3674" s="137"/>
      <c r="AD3674" s="137"/>
      <c r="AE3674" s="137"/>
      <c r="AF3674" s="137"/>
      <c r="AG3674" s="137"/>
      <c r="AH3674" s="137"/>
      <c r="AI3674" s="137"/>
      <c r="AJ3674" s="137"/>
      <c r="AK3674" s="137"/>
      <c r="AL3674" s="137"/>
      <c r="AM3674" s="137"/>
      <c r="AN3674" s="137"/>
      <c r="AO3674" s="137"/>
      <c r="AP3674" s="137"/>
      <c r="AQ3674" s="137"/>
      <c r="AR3674" s="137"/>
      <c r="AS3674" s="137"/>
      <c r="AT3674" s="137"/>
      <c r="AU3674" s="137"/>
      <c r="AV3674" s="137"/>
      <c r="AW3674" s="144"/>
    </row>
    <row r="3675" spans="7:49" x14ac:dyDescent="0.2">
      <c r="G3675" s="43"/>
      <c r="Z3675" s="143"/>
      <c r="AA3675" s="137"/>
      <c r="AB3675" s="137"/>
      <c r="AC3675" s="137"/>
      <c r="AD3675" s="137"/>
      <c r="AE3675" s="137"/>
      <c r="AF3675" s="137"/>
      <c r="AG3675" s="137"/>
      <c r="AH3675" s="137"/>
      <c r="AI3675" s="137"/>
      <c r="AJ3675" s="137"/>
      <c r="AK3675" s="137"/>
      <c r="AL3675" s="137"/>
      <c r="AM3675" s="137"/>
      <c r="AN3675" s="137"/>
      <c r="AO3675" s="137"/>
      <c r="AP3675" s="137"/>
      <c r="AQ3675" s="137"/>
      <c r="AR3675" s="137"/>
      <c r="AS3675" s="137"/>
      <c r="AT3675" s="137"/>
      <c r="AU3675" s="137"/>
      <c r="AV3675" s="137"/>
      <c r="AW3675" s="144"/>
    </row>
    <row r="3676" spans="7:49" x14ac:dyDescent="0.2">
      <c r="G3676" s="43"/>
      <c r="Z3676" s="143"/>
      <c r="AA3676" s="137"/>
      <c r="AB3676" s="137"/>
      <c r="AC3676" s="137"/>
      <c r="AD3676" s="137"/>
      <c r="AE3676" s="137"/>
      <c r="AF3676" s="137"/>
      <c r="AG3676" s="137"/>
      <c r="AH3676" s="137"/>
      <c r="AI3676" s="137"/>
      <c r="AJ3676" s="137"/>
      <c r="AK3676" s="137"/>
      <c r="AL3676" s="137"/>
      <c r="AM3676" s="137"/>
      <c r="AN3676" s="137"/>
      <c r="AO3676" s="137"/>
      <c r="AP3676" s="137"/>
      <c r="AQ3676" s="137"/>
      <c r="AR3676" s="137"/>
      <c r="AS3676" s="137"/>
      <c r="AT3676" s="137"/>
      <c r="AU3676" s="137"/>
      <c r="AV3676" s="137"/>
      <c r="AW3676" s="144"/>
    </row>
    <row r="3677" spans="7:49" x14ac:dyDescent="0.2">
      <c r="G3677" s="43"/>
      <c r="Z3677" s="143"/>
      <c r="AA3677" s="137"/>
      <c r="AB3677" s="137"/>
      <c r="AC3677" s="137"/>
      <c r="AD3677" s="137"/>
      <c r="AE3677" s="137"/>
      <c r="AF3677" s="137"/>
      <c r="AG3677" s="137"/>
      <c r="AH3677" s="137"/>
      <c r="AI3677" s="137"/>
      <c r="AJ3677" s="137"/>
      <c r="AK3677" s="137"/>
      <c r="AL3677" s="137"/>
      <c r="AM3677" s="137"/>
      <c r="AN3677" s="137"/>
      <c r="AO3677" s="137"/>
      <c r="AP3677" s="137"/>
      <c r="AQ3677" s="137"/>
      <c r="AR3677" s="137"/>
      <c r="AS3677" s="137"/>
      <c r="AT3677" s="137"/>
      <c r="AU3677" s="137"/>
      <c r="AV3677" s="137"/>
      <c r="AW3677" s="144"/>
    </row>
    <row r="3678" spans="7:49" x14ac:dyDescent="0.2">
      <c r="G3678" s="43"/>
      <c r="Z3678" s="143"/>
      <c r="AA3678" s="137"/>
      <c r="AB3678" s="137"/>
      <c r="AC3678" s="137"/>
      <c r="AD3678" s="137"/>
      <c r="AE3678" s="137"/>
      <c r="AF3678" s="137"/>
      <c r="AG3678" s="137"/>
      <c r="AH3678" s="137"/>
      <c r="AI3678" s="137"/>
      <c r="AJ3678" s="137"/>
      <c r="AK3678" s="137"/>
      <c r="AL3678" s="137"/>
      <c r="AM3678" s="137"/>
      <c r="AN3678" s="137"/>
      <c r="AO3678" s="137"/>
      <c r="AP3678" s="137"/>
      <c r="AQ3678" s="137"/>
      <c r="AR3678" s="137"/>
      <c r="AS3678" s="137"/>
      <c r="AT3678" s="137"/>
      <c r="AU3678" s="137"/>
      <c r="AV3678" s="137"/>
      <c r="AW3678" s="144"/>
    </row>
    <row r="3679" spans="7:49" x14ac:dyDescent="0.2">
      <c r="G3679" s="43"/>
      <c r="Z3679" s="143"/>
      <c r="AA3679" s="137"/>
      <c r="AB3679" s="137"/>
      <c r="AC3679" s="137"/>
      <c r="AD3679" s="137"/>
      <c r="AE3679" s="137"/>
      <c r="AF3679" s="137"/>
      <c r="AG3679" s="137"/>
      <c r="AH3679" s="137"/>
      <c r="AI3679" s="137"/>
      <c r="AJ3679" s="137"/>
      <c r="AK3679" s="137"/>
      <c r="AL3679" s="137"/>
      <c r="AM3679" s="137"/>
      <c r="AN3679" s="137"/>
      <c r="AO3679" s="137"/>
      <c r="AP3679" s="137"/>
      <c r="AQ3679" s="137"/>
      <c r="AR3679" s="137"/>
      <c r="AS3679" s="137"/>
      <c r="AT3679" s="137"/>
      <c r="AU3679" s="137"/>
      <c r="AV3679" s="137"/>
      <c r="AW3679" s="144"/>
    </row>
    <row r="3680" spans="7:49" x14ac:dyDescent="0.2">
      <c r="G3680" s="43"/>
      <c r="Z3680" s="143"/>
      <c r="AA3680" s="137"/>
      <c r="AB3680" s="137"/>
      <c r="AC3680" s="137"/>
      <c r="AD3680" s="137"/>
      <c r="AE3680" s="137"/>
      <c r="AF3680" s="137"/>
      <c r="AG3680" s="137"/>
      <c r="AH3680" s="137"/>
      <c r="AI3680" s="137"/>
      <c r="AJ3680" s="137"/>
      <c r="AK3680" s="137"/>
      <c r="AL3680" s="137"/>
      <c r="AM3680" s="137"/>
      <c r="AN3680" s="137"/>
      <c r="AO3680" s="137"/>
      <c r="AP3680" s="137"/>
      <c r="AQ3680" s="137"/>
      <c r="AR3680" s="137"/>
      <c r="AS3680" s="137"/>
      <c r="AT3680" s="137"/>
      <c r="AU3680" s="137"/>
      <c r="AV3680" s="137"/>
      <c r="AW3680" s="144"/>
    </row>
    <row r="3681" spans="7:49" x14ac:dyDescent="0.2">
      <c r="G3681" s="43"/>
      <c r="Z3681" s="143"/>
      <c r="AA3681" s="137"/>
      <c r="AB3681" s="137"/>
      <c r="AC3681" s="137"/>
      <c r="AD3681" s="137"/>
      <c r="AE3681" s="137"/>
      <c r="AF3681" s="137"/>
      <c r="AG3681" s="137"/>
      <c r="AH3681" s="137"/>
      <c r="AI3681" s="137"/>
      <c r="AJ3681" s="137"/>
      <c r="AK3681" s="137"/>
      <c r="AL3681" s="137"/>
      <c r="AM3681" s="137"/>
      <c r="AN3681" s="137"/>
      <c r="AO3681" s="137"/>
      <c r="AP3681" s="137"/>
      <c r="AQ3681" s="137"/>
      <c r="AR3681" s="137"/>
      <c r="AS3681" s="137"/>
      <c r="AT3681" s="137"/>
      <c r="AU3681" s="137"/>
      <c r="AV3681" s="137"/>
      <c r="AW3681" s="144"/>
    </row>
    <row r="3682" spans="7:49" x14ac:dyDescent="0.2">
      <c r="G3682" s="43"/>
      <c r="Z3682" s="143"/>
      <c r="AA3682" s="137"/>
      <c r="AB3682" s="137"/>
      <c r="AC3682" s="137"/>
      <c r="AD3682" s="137"/>
      <c r="AE3682" s="137"/>
      <c r="AF3682" s="137"/>
      <c r="AG3682" s="137"/>
      <c r="AH3682" s="137"/>
      <c r="AI3682" s="137"/>
      <c r="AJ3682" s="137"/>
      <c r="AK3682" s="137"/>
      <c r="AL3682" s="137"/>
      <c r="AM3682" s="137"/>
      <c r="AN3682" s="137"/>
      <c r="AO3682" s="137"/>
      <c r="AP3682" s="137"/>
      <c r="AQ3682" s="137"/>
      <c r="AR3682" s="137"/>
      <c r="AS3682" s="137"/>
      <c r="AT3682" s="137"/>
      <c r="AU3682" s="137"/>
      <c r="AV3682" s="137"/>
      <c r="AW3682" s="144"/>
    </row>
    <row r="3683" spans="7:49" x14ac:dyDescent="0.2">
      <c r="G3683" s="43"/>
      <c r="Z3683" s="143"/>
      <c r="AA3683" s="137"/>
      <c r="AB3683" s="137"/>
      <c r="AC3683" s="137"/>
      <c r="AD3683" s="137"/>
      <c r="AE3683" s="137"/>
      <c r="AF3683" s="137"/>
      <c r="AG3683" s="137"/>
      <c r="AH3683" s="137"/>
      <c r="AI3683" s="137"/>
      <c r="AJ3683" s="137"/>
      <c r="AK3683" s="137"/>
      <c r="AL3683" s="137"/>
      <c r="AM3683" s="137"/>
      <c r="AN3683" s="137"/>
      <c r="AO3683" s="137"/>
      <c r="AP3683" s="137"/>
      <c r="AQ3683" s="137"/>
      <c r="AR3683" s="137"/>
      <c r="AS3683" s="137"/>
      <c r="AT3683" s="137"/>
      <c r="AU3683" s="137"/>
      <c r="AV3683" s="137"/>
      <c r="AW3683" s="144"/>
    </row>
    <row r="3684" spans="7:49" x14ac:dyDescent="0.2">
      <c r="G3684" s="43"/>
      <c r="Z3684" s="143"/>
      <c r="AA3684" s="137"/>
      <c r="AB3684" s="137"/>
      <c r="AC3684" s="137"/>
      <c r="AD3684" s="137"/>
      <c r="AE3684" s="137"/>
      <c r="AF3684" s="137"/>
      <c r="AG3684" s="137"/>
      <c r="AH3684" s="137"/>
      <c r="AI3684" s="137"/>
      <c r="AJ3684" s="137"/>
      <c r="AK3684" s="137"/>
      <c r="AL3684" s="137"/>
      <c r="AM3684" s="137"/>
      <c r="AN3684" s="137"/>
      <c r="AO3684" s="137"/>
      <c r="AP3684" s="137"/>
      <c r="AQ3684" s="137"/>
      <c r="AR3684" s="137"/>
      <c r="AS3684" s="137"/>
      <c r="AT3684" s="137"/>
      <c r="AU3684" s="137"/>
      <c r="AV3684" s="137"/>
      <c r="AW3684" s="144"/>
    </row>
    <row r="3685" spans="7:49" x14ac:dyDescent="0.2">
      <c r="G3685" s="43"/>
      <c r="Z3685" s="143"/>
      <c r="AA3685" s="137"/>
      <c r="AB3685" s="137"/>
      <c r="AC3685" s="137"/>
      <c r="AD3685" s="137"/>
      <c r="AE3685" s="137"/>
      <c r="AF3685" s="137"/>
      <c r="AG3685" s="137"/>
      <c r="AH3685" s="137"/>
      <c r="AI3685" s="137"/>
      <c r="AJ3685" s="137"/>
      <c r="AK3685" s="137"/>
      <c r="AL3685" s="137"/>
      <c r="AM3685" s="137"/>
      <c r="AN3685" s="137"/>
      <c r="AO3685" s="137"/>
      <c r="AP3685" s="137"/>
      <c r="AQ3685" s="137"/>
      <c r="AR3685" s="137"/>
      <c r="AS3685" s="137"/>
      <c r="AT3685" s="137"/>
      <c r="AU3685" s="137"/>
      <c r="AV3685" s="137"/>
      <c r="AW3685" s="144"/>
    </row>
    <row r="3686" spans="7:49" x14ac:dyDescent="0.2">
      <c r="G3686" s="43"/>
      <c r="Z3686" s="143"/>
      <c r="AA3686" s="137"/>
      <c r="AB3686" s="137"/>
      <c r="AC3686" s="137"/>
      <c r="AD3686" s="137"/>
      <c r="AE3686" s="137"/>
      <c r="AF3686" s="137"/>
      <c r="AG3686" s="137"/>
      <c r="AH3686" s="137"/>
      <c r="AI3686" s="137"/>
      <c r="AJ3686" s="137"/>
      <c r="AK3686" s="137"/>
      <c r="AL3686" s="137"/>
      <c r="AM3686" s="137"/>
      <c r="AN3686" s="137"/>
      <c r="AO3686" s="137"/>
      <c r="AP3686" s="137"/>
      <c r="AQ3686" s="137"/>
      <c r="AR3686" s="137"/>
      <c r="AS3686" s="137"/>
      <c r="AT3686" s="137"/>
      <c r="AU3686" s="137"/>
      <c r="AV3686" s="137"/>
      <c r="AW3686" s="144"/>
    </row>
    <row r="3687" spans="7:49" x14ac:dyDescent="0.2">
      <c r="G3687" s="43"/>
      <c r="Z3687" s="143"/>
      <c r="AA3687" s="137"/>
      <c r="AB3687" s="137"/>
      <c r="AC3687" s="137"/>
      <c r="AD3687" s="137"/>
      <c r="AE3687" s="137"/>
      <c r="AF3687" s="137"/>
      <c r="AG3687" s="137"/>
      <c r="AH3687" s="137"/>
      <c r="AI3687" s="137"/>
      <c r="AJ3687" s="137"/>
      <c r="AK3687" s="137"/>
      <c r="AL3687" s="137"/>
      <c r="AM3687" s="137"/>
      <c r="AN3687" s="137"/>
      <c r="AO3687" s="137"/>
      <c r="AP3687" s="137"/>
      <c r="AQ3687" s="137"/>
      <c r="AR3687" s="137"/>
      <c r="AS3687" s="137"/>
      <c r="AT3687" s="137"/>
      <c r="AU3687" s="137"/>
      <c r="AV3687" s="137"/>
      <c r="AW3687" s="144"/>
    </row>
    <row r="3688" spans="7:49" x14ac:dyDescent="0.2">
      <c r="G3688" s="43"/>
      <c r="Z3688" s="143"/>
      <c r="AA3688" s="137"/>
      <c r="AB3688" s="137"/>
      <c r="AC3688" s="137"/>
      <c r="AD3688" s="137"/>
      <c r="AE3688" s="137"/>
      <c r="AF3688" s="137"/>
      <c r="AG3688" s="137"/>
      <c r="AH3688" s="137"/>
      <c r="AI3688" s="137"/>
      <c r="AJ3688" s="137"/>
      <c r="AK3688" s="137"/>
      <c r="AL3688" s="137"/>
      <c r="AM3688" s="137"/>
      <c r="AN3688" s="137"/>
      <c r="AO3688" s="137"/>
      <c r="AP3688" s="137"/>
      <c r="AQ3688" s="137"/>
      <c r="AR3688" s="137"/>
      <c r="AS3688" s="137"/>
      <c r="AT3688" s="137"/>
      <c r="AU3688" s="137"/>
      <c r="AV3688" s="137"/>
      <c r="AW3688" s="144"/>
    </row>
    <row r="3689" spans="7:49" x14ac:dyDescent="0.2">
      <c r="G3689" s="43"/>
      <c r="Z3689" s="143"/>
      <c r="AA3689" s="137"/>
      <c r="AB3689" s="137"/>
      <c r="AC3689" s="137"/>
      <c r="AD3689" s="137"/>
      <c r="AE3689" s="137"/>
      <c r="AF3689" s="137"/>
      <c r="AG3689" s="137"/>
      <c r="AH3689" s="137"/>
      <c r="AI3689" s="137"/>
      <c r="AJ3689" s="137"/>
      <c r="AK3689" s="137"/>
      <c r="AL3689" s="137"/>
      <c r="AM3689" s="137"/>
      <c r="AN3689" s="137"/>
      <c r="AO3689" s="137"/>
      <c r="AP3689" s="137"/>
      <c r="AQ3689" s="137"/>
      <c r="AR3689" s="137"/>
      <c r="AS3689" s="137"/>
      <c r="AT3689" s="137"/>
      <c r="AU3689" s="137"/>
      <c r="AV3689" s="137"/>
      <c r="AW3689" s="144"/>
    </row>
    <row r="3690" spans="7:49" x14ac:dyDescent="0.2">
      <c r="G3690" s="43"/>
      <c r="Z3690" s="143"/>
      <c r="AA3690" s="137"/>
      <c r="AB3690" s="137"/>
      <c r="AC3690" s="137"/>
      <c r="AD3690" s="137"/>
      <c r="AE3690" s="137"/>
      <c r="AF3690" s="137"/>
      <c r="AG3690" s="137"/>
      <c r="AH3690" s="137"/>
      <c r="AI3690" s="137"/>
      <c r="AJ3690" s="137"/>
      <c r="AK3690" s="137"/>
      <c r="AL3690" s="137"/>
      <c r="AM3690" s="137"/>
      <c r="AN3690" s="137"/>
      <c r="AO3690" s="137"/>
      <c r="AP3690" s="137"/>
      <c r="AQ3690" s="137"/>
      <c r="AR3690" s="137"/>
      <c r="AS3690" s="137"/>
      <c r="AT3690" s="137"/>
      <c r="AU3690" s="137"/>
      <c r="AV3690" s="137"/>
      <c r="AW3690" s="144"/>
    </row>
    <row r="3691" spans="7:49" x14ac:dyDescent="0.2">
      <c r="G3691" s="43"/>
      <c r="Z3691" s="143"/>
      <c r="AA3691" s="137"/>
      <c r="AB3691" s="137"/>
      <c r="AC3691" s="137"/>
      <c r="AD3691" s="137"/>
      <c r="AE3691" s="137"/>
      <c r="AF3691" s="137"/>
      <c r="AG3691" s="137"/>
      <c r="AH3691" s="137"/>
      <c r="AI3691" s="137"/>
      <c r="AJ3691" s="137"/>
      <c r="AK3691" s="137"/>
      <c r="AL3691" s="137"/>
      <c r="AM3691" s="137"/>
      <c r="AN3691" s="137"/>
      <c r="AO3691" s="137"/>
      <c r="AP3691" s="137"/>
      <c r="AQ3691" s="137"/>
      <c r="AR3691" s="137"/>
      <c r="AS3691" s="137"/>
      <c r="AT3691" s="137"/>
      <c r="AU3691" s="137"/>
      <c r="AV3691" s="137"/>
      <c r="AW3691" s="144"/>
    </row>
    <row r="3692" spans="7:49" x14ac:dyDescent="0.2">
      <c r="G3692" s="43"/>
      <c r="Z3692" s="143"/>
      <c r="AA3692" s="137"/>
      <c r="AB3692" s="137"/>
      <c r="AC3692" s="137"/>
      <c r="AD3692" s="137"/>
      <c r="AE3692" s="137"/>
      <c r="AF3692" s="137"/>
      <c r="AG3692" s="137"/>
      <c r="AH3692" s="137"/>
      <c r="AI3692" s="137"/>
      <c r="AJ3692" s="137"/>
      <c r="AK3692" s="137"/>
      <c r="AL3692" s="137"/>
      <c r="AM3692" s="137"/>
      <c r="AN3692" s="137"/>
      <c r="AO3692" s="137"/>
      <c r="AP3692" s="137"/>
      <c r="AQ3692" s="137"/>
      <c r="AR3692" s="137"/>
      <c r="AS3692" s="137"/>
      <c r="AT3692" s="137"/>
      <c r="AU3692" s="137"/>
      <c r="AV3692" s="137"/>
      <c r="AW3692" s="144"/>
    </row>
    <row r="3693" spans="7:49" x14ac:dyDescent="0.2">
      <c r="G3693" s="43"/>
      <c r="Z3693" s="143"/>
      <c r="AA3693" s="137"/>
      <c r="AB3693" s="137"/>
      <c r="AC3693" s="137"/>
      <c r="AD3693" s="137"/>
      <c r="AE3693" s="137"/>
      <c r="AF3693" s="137"/>
      <c r="AG3693" s="137"/>
      <c r="AH3693" s="137"/>
      <c r="AI3693" s="137"/>
      <c r="AJ3693" s="137"/>
      <c r="AK3693" s="137"/>
      <c r="AL3693" s="137"/>
      <c r="AM3693" s="137"/>
      <c r="AN3693" s="137"/>
      <c r="AO3693" s="137"/>
      <c r="AP3693" s="137"/>
      <c r="AQ3693" s="137"/>
      <c r="AR3693" s="137"/>
      <c r="AS3693" s="137"/>
      <c r="AT3693" s="137"/>
      <c r="AU3693" s="137"/>
      <c r="AV3693" s="137"/>
      <c r="AW3693" s="144"/>
    </row>
    <row r="3694" spans="7:49" x14ac:dyDescent="0.2">
      <c r="G3694" s="43"/>
      <c r="Z3694" s="143"/>
      <c r="AA3694" s="137"/>
      <c r="AB3694" s="137"/>
      <c r="AC3694" s="137"/>
      <c r="AD3694" s="137"/>
      <c r="AE3694" s="137"/>
      <c r="AF3694" s="137"/>
      <c r="AG3694" s="137"/>
      <c r="AH3694" s="137"/>
      <c r="AI3694" s="137"/>
      <c r="AJ3694" s="137"/>
      <c r="AK3694" s="137"/>
      <c r="AL3694" s="137"/>
      <c r="AM3694" s="137"/>
      <c r="AN3694" s="137"/>
      <c r="AO3694" s="137"/>
      <c r="AP3694" s="137"/>
      <c r="AQ3694" s="137"/>
      <c r="AR3694" s="137"/>
      <c r="AS3694" s="137"/>
      <c r="AT3694" s="137"/>
      <c r="AU3694" s="137"/>
      <c r="AV3694" s="137"/>
      <c r="AW3694" s="144"/>
    </row>
    <row r="3695" spans="7:49" x14ac:dyDescent="0.2">
      <c r="G3695" s="43"/>
      <c r="Z3695" s="143"/>
      <c r="AA3695" s="137"/>
      <c r="AB3695" s="137"/>
      <c r="AC3695" s="137"/>
      <c r="AD3695" s="137"/>
      <c r="AE3695" s="137"/>
      <c r="AF3695" s="137"/>
      <c r="AG3695" s="137"/>
      <c r="AH3695" s="137"/>
      <c r="AI3695" s="137"/>
      <c r="AJ3695" s="137"/>
      <c r="AK3695" s="137"/>
      <c r="AL3695" s="137"/>
      <c r="AM3695" s="137"/>
      <c r="AN3695" s="137"/>
      <c r="AO3695" s="137"/>
      <c r="AP3695" s="137"/>
      <c r="AQ3695" s="137"/>
      <c r="AR3695" s="137"/>
      <c r="AS3695" s="137"/>
      <c r="AT3695" s="137"/>
      <c r="AU3695" s="137"/>
      <c r="AV3695" s="137"/>
      <c r="AW3695" s="144"/>
    </row>
    <row r="3696" spans="7:49" x14ac:dyDescent="0.2">
      <c r="G3696" s="43"/>
      <c r="Z3696" s="143"/>
      <c r="AA3696" s="137"/>
      <c r="AB3696" s="137"/>
      <c r="AC3696" s="137"/>
      <c r="AD3696" s="137"/>
      <c r="AE3696" s="137"/>
      <c r="AF3696" s="137"/>
      <c r="AG3696" s="137"/>
      <c r="AH3696" s="137"/>
      <c r="AI3696" s="137"/>
      <c r="AJ3696" s="137"/>
      <c r="AK3696" s="137"/>
      <c r="AL3696" s="137"/>
      <c r="AM3696" s="137"/>
      <c r="AN3696" s="137"/>
      <c r="AO3696" s="137"/>
      <c r="AP3696" s="137"/>
      <c r="AQ3696" s="137"/>
      <c r="AR3696" s="137"/>
      <c r="AS3696" s="137"/>
      <c r="AT3696" s="137"/>
      <c r="AU3696" s="137"/>
      <c r="AV3696" s="137"/>
      <c r="AW3696" s="144"/>
    </row>
    <row r="3697" spans="7:49" x14ac:dyDescent="0.2">
      <c r="G3697" s="43"/>
      <c r="Z3697" s="143"/>
      <c r="AA3697" s="137"/>
      <c r="AB3697" s="137"/>
      <c r="AC3697" s="137"/>
      <c r="AD3697" s="137"/>
      <c r="AE3697" s="137"/>
      <c r="AF3697" s="137"/>
      <c r="AG3697" s="137"/>
      <c r="AH3697" s="137"/>
      <c r="AI3697" s="137"/>
      <c r="AJ3697" s="137"/>
      <c r="AK3697" s="137"/>
      <c r="AL3697" s="137"/>
      <c r="AM3697" s="137"/>
      <c r="AN3697" s="137"/>
      <c r="AO3697" s="137"/>
      <c r="AP3697" s="137"/>
      <c r="AQ3697" s="137"/>
      <c r="AR3697" s="137"/>
      <c r="AS3697" s="137"/>
      <c r="AT3697" s="137"/>
      <c r="AU3697" s="137"/>
      <c r="AV3697" s="137"/>
      <c r="AW3697" s="144"/>
    </row>
    <row r="3698" spans="7:49" x14ac:dyDescent="0.2">
      <c r="G3698" s="43"/>
      <c r="Z3698" s="143"/>
      <c r="AA3698" s="137"/>
      <c r="AB3698" s="137"/>
      <c r="AC3698" s="137"/>
      <c r="AD3698" s="137"/>
      <c r="AE3698" s="137"/>
      <c r="AF3698" s="137"/>
      <c r="AG3698" s="137"/>
      <c r="AH3698" s="137"/>
      <c r="AI3698" s="137"/>
      <c r="AJ3698" s="137"/>
      <c r="AK3698" s="137"/>
      <c r="AL3698" s="137"/>
      <c r="AM3698" s="137"/>
      <c r="AN3698" s="137"/>
      <c r="AO3698" s="137"/>
      <c r="AP3698" s="137"/>
      <c r="AQ3698" s="137"/>
      <c r="AR3698" s="137"/>
      <c r="AS3698" s="137"/>
      <c r="AT3698" s="137"/>
      <c r="AU3698" s="137"/>
      <c r="AV3698" s="137"/>
      <c r="AW3698" s="144"/>
    </row>
    <row r="3699" spans="7:49" x14ac:dyDescent="0.2">
      <c r="G3699" s="43"/>
      <c r="Z3699" s="143"/>
      <c r="AA3699" s="137"/>
      <c r="AB3699" s="137"/>
      <c r="AC3699" s="137"/>
      <c r="AD3699" s="137"/>
      <c r="AE3699" s="137"/>
      <c r="AF3699" s="137"/>
      <c r="AG3699" s="137"/>
      <c r="AH3699" s="137"/>
      <c r="AI3699" s="137"/>
      <c r="AJ3699" s="137"/>
      <c r="AK3699" s="137"/>
      <c r="AL3699" s="137"/>
      <c r="AM3699" s="137"/>
      <c r="AN3699" s="137"/>
      <c r="AO3699" s="137"/>
      <c r="AP3699" s="137"/>
      <c r="AQ3699" s="137"/>
      <c r="AR3699" s="137"/>
      <c r="AS3699" s="137"/>
      <c r="AT3699" s="137"/>
      <c r="AU3699" s="137"/>
      <c r="AV3699" s="137"/>
      <c r="AW3699" s="144"/>
    </row>
    <row r="3700" spans="7:49" x14ac:dyDescent="0.2">
      <c r="G3700" s="43"/>
      <c r="Z3700" s="143"/>
      <c r="AA3700" s="137"/>
      <c r="AB3700" s="137"/>
      <c r="AC3700" s="137"/>
      <c r="AD3700" s="137"/>
      <c r="AE3700" s="137"/>
      <c r="AF3700" s="137"/>
      <c r="AG3700" s="137"/>
      <c r="AH3700" s="137"/>
      <c r="AI3700" s="137"/>
      <c r="AJ3700" s="137"/>
      <c r="AK3700" s="137"/>
      <c r="AL3700" s="137"/>
      <c r="AM3700" s="137"/>
      <c r="AN3700" s="137"/>
      <c r="AO3700" s="137"/>
      <c r="AP3700" s="137"/>
      <c r="AQ3700" s="137"/>
      <c r="AR3700" s="137"/>
      <c r="AS3700" s="137"/>
      <c r="AT3700" s="137"/>
      <c r="AU3700" s="137"/>
      <c r="AV3700" s="137"/>
      <c r="AW3700" s="144"/>
    </row>
    <row r="3701" spans="7:49" x14ac:dyDescent="0.2">
      <c r="G3701" s="43"/>
      <c r="Z3701" s="143"/>
      <c r="AA3701" s="137"/>
      <c r="AB3701" s="137"/>
      <c r="AC3701" s="137"/>
      <c r="AD3701" s="137"/>
      <c r="AE3701" s="137"/>
      <c r="AF3701" s="137"/>
      <c r="AG3701" s="137"/>
      <c r="AH3701" s="137"/>
      <c r="AI3701" s="137"/>
      <c r="AJ3701" s="137"/>
      <c r="AK3701" s="137"/>
      <c r="AL3701" s="137"/>
      <c r="AM3701" s="137"/>
      <c r="AN3701" s="137"/>
      <c r="AO3701" s="137"/>
      <c r="AP3701" s="137"/>
      <c r="AQ3701" s="137"/>
      <c r="AR3701" s="137"/>
      <c r="AS3701" s="137"/>
      <c r="AT3701" s="137"/>
      <c r="AU3701" s="137"/>
      <c r="AV3701" s="137"/>
      <c r="AW3701" s="144"/>
    </row>
    <row r="3702" spans="7:49" x14ac:dyDescent="0.2">
      <c r="G3702" s="43"/>
      <c r="Z3702" s="143"/>
      <c r="AA3702" s="137"/>
      <c r="AB3702" s="137"/>
      <c r="AC3702" s="137"/>
      <c r="AD3702" s="137"/>
      <c r="AE3702" s="137"/>
      <c r="AF3702" s="137"/>
      <c r="AG3702" s="137"/>
      <c r="AH3702" s="137"/>
      <c r="AI3702" s="137"/>
      <c r="AJ3702" s="137"/>
      <c r="AK3702" s="137"/>
      <c r="AL3702" s="137"/>
      <c r="AM3702" s="137"/>
      <c r="AN3702" s="137"/>
      <c r="AO3702" s="137"/>
      <c r="AP3702" s="137"/>
      <c r="AQ3702" s="137"/>
      <c r="AR3702" s="137"/>
      <c r="AS3702" s="137"/>
      <c r="AT3702" s="137"/>
      <c r="AU3702" s="137"/>
      <c r="AV3702" s="137"/>
      <c r="AW3702" s="144"/>
    </row>
    <row r="3703" spans="7:49" x14ac:dyDescent="0.2">
      <c r="G3703" s="43"/>
      <c r="Z3703" s="143"/>
      <c r="AA3703" s="137"/>
      <c r="AB3703" s="137"/>
      <c r="AC3703" s="137"/>
      <c r="AD3703" s="137"/>
      <c r="AE3703" s="137"/>
      <c r="AF3703" s="137"/>
      <c r="AG3703" s="137"/>
      <c r="AH3703" s="137"/>
      <c r="AI3703" s="137"/>
      <c r="AJ3703" s="137"/>
      <c r="AK3703" s="137"/>
      <c r="AL3703" s="137"/>
      <c r="AM3703" s="137"/>
      <c r="AN3703" s="137"/>
      <c r="AO3703" s="137"/>
      <c r="AP3703" s="137"/>
      <c r="AQ3703" s="137"/>
      <c r="AR3703" s="137"/>
      <c r="AS3703" s="137"/>
      <c r="AT3703" s="137"/>
      <c r="AU3703" s="137"/>
      <c r="AV3703" s="137"/>
      <c r="AW3703" s="144"/>
    </row>
    <row r="3704" spans="7:49" x14ac:dyDescent="0.2">
      <c r="G3704" s="43"/>
      <c r="Z3704" s="143"/>
      <c r="AA3704" s="137"/>
      <c r="AB3704" s="137"/>
      <c r="AC3704" s="137"/>
      <c r="AD3704" s="137"/>
      <c r="AE3704" s="137"/>
      <c r="AF3704" s="137"/>
      <c r="AG3704" s="137"/>
      <c r="AH3704" s="137"/>
      <c r="AI3704" s="137"/>
      <c r="AJ3704" s="137"/>
      <c r="AK3704" s="137"/>
      <c r="AL3704" s="137"/>
      <c r="AM3704" s="137"/>
      <c r="AN3704" s="137"/>
      <c r="AO3704" s="137"/>
      <c r="AP3704" s="137"/>
      <c r="AQ3704" s="137"/>
      <c r="AR3704" s="137"/>
      <c r="AS3704" s="137"/>
      <c r="AT3704" s="137"/>
      <c r="AU3704" s="137"/>
      <c r="AV3704" s="137"/>
      <c r="AW3704" s="144"/>
    </row>
    <row r="3705" spans="7:49" x14ac:dyDescent="0.2">
      <c r="G3705" s="43"/>
      <c r="Z3705" s="143"/>
      <c r="AA3705" s="137"/>
      <c r="AB3705" s="137"/>
      <c r="AC3705" s="137"/>
      <c r="AD3705" s="137"/>
      <c r="AE3705" s="137"/>
      <c r="AF3705" s="137"/>
      <c r="AG3705" s="137"/>
      <c r="AH3705" s="137"/>
      <c r="AI3705" s="137"/>
      <c r="AJ3705" s="137"/>
      <c r="AK3705" s="137"/>
      <c r="AL3705" s="137"/>
      <c r="AM3705" s="137"/>
      <c r="AN3705" s="137"/>
      <c r="AO3705" s="137"/>
      <c r="AP3705" s="137"/>
      <c r="AQ3705" s="137"/>
      <c r="AR3705" s="137"/>
      <c r="AS3705" s="137"/>
      <c r="AT3705" s="137"/>
      <c r="AU3705" s="137"/>
      <c r="AV3705" s="137"/>
      <c r="AW3705" s="144"/>
    </row>
    <row r="3706" spans="7:49" x14ac:dyDescent="0.2">
      <c r="G3706" s="43"/>
      <c r="Z3706" s="143"/>
      <c r="AA3706" s="137"/>
      <c r="AB3706" s="137"/>
      <c r="AC3706" s="137"/>
      <c r="AD3706" s="137"/>
      <c r="AE3706" s="137"/>
      <c r="AF3706" s="137"/>
      <c r="AG3706" s="137"/>
      <c r="AH3706" s="137"/>
      <c r="AI3706" s="137"/>
      <c r="AJ3706" s="137"/>
      <c r="AK3706" s="137"/>
      <c r="AL3706" s="137"/>
      <c r="AM3706" s="137"/>
      <c r="AN3706" s="137"/>
      <c r="AO3706" s="137"/>
      <c r="AP3706" s="137"/>
      <c r="AQ3706" s="137"/>
      <c r="AR3706" s="137"/>
      <c r="AS3706" s="137"/>
      <c r="AT3706" s="137"/>
      <c r="AU3706" s="137"/>
      <c r="AV3706" s="137"/>
      <c r="AW3706" s="144"/>
    </row>
    <row r="3707" spans="7:49" x14ac:dyDescent="0.2">
      <c r="G3707" s="43"/>
      <c r="Z3707" s="143"/>
      <c r="AA3707" s="137"/>
      <c r="AB3707" s="137"/>
      <c r="AC3707" s="137"/>
      <c r="AD3707" s="137"/>
      <c r="AE3707" s="137"/>
      <c r="AF3707" s="137"/>
      <c r="AG3707" s="137"/>
      <c r="AH3707" s="137"/>
      <c r="AI3707" s="137"/>
      <c r="AJ3707" s="137"/>
      <c r="AK3707" s="137"/>
      <c r="AL3707" s="137"/>
      <c r="AM3707" s="137"/>
      <c r="AN3707" s="137"/>
      <c r="AO3707" s="137"/>
      <c r="AP3707" s="137"/>
      <c r="AQ3707" s="137"/>
      <c r="AR3707" s="137"/>
      <c r="AS3707" s="137"/>
      <c r="AT3707" s="137"/>
      <c r="AU3707" s="137"/>
      <c r="AV3707" s="137"/>
      <c r="AW3707" s="144"/>
    </row>
    <row r="3708" spans="7:49" x14ac:dyDescent="0.2">
      <c r="G3708" s="43"/>
      <c r="Z3708" s="143"/>
      <c r="AA3708" s="137"/>
      <c r="AB3708" s="137"/>
      <c r="AC3708" s="137"/>
      <c r="AD3708" s="137"/>
      <c r="AE3708" s="137"/>
      <c r="AF3708" s="137"/>
      <c r="AG3708" s="137"/>
      <c r="AH3708" s="137"/>
      <c r="AI3708" s="137"/>
      <c r="AJ3708" s="137"/>
      <c r="AK3708" s="137"/>
      <c r="AL3708" s="137"/>
      <c r="AM3708" s="137"/>
      <c r="AN3708" s="137"/>
      <c r="AO3708" s="137"/>
      <c r="AP3708" s="137"/>
      <c r="AQ3708" s="137"/>
      <c r="AR3708" s="137"/>
      <c r="AS3708" s="137"/>
      <c r="AT3708" s="137"/>
      <c r="AU3708" s="137"/>
      <c r="AV3708" s="137"/>
      <c r="AW3708" s="144"/>
    </row>
    <row r="3709" spans="7:49" x14ac:dyDescent="0.2">
      <c r="G3709" s="43"/>
      <c r="Z3709" s="143"/>
      <c r="AA3709" s="137"/>
      <c r="AB3709" s="137"/>
      <c r="AC3709" s="137"/>
      <c r="AD3709" s="137"/>
      <c r="AE3709" s="137"/>
      <c r="AF3709" s="137"/>
      <c r="AG3709" s="137"/>
      <c r="AH3709" s="137"/>
      <c r="AI3709" s="137"/>
      <c r="AJ3709" s="137"/>
      <c r="AK3709" s="137"/>
      <c r="AL3709" s="137"/>
      <c r="AM3709" s="137"/>
      <c r="AN3709" s="137"/>
      <c r="AO3709" s="137"/>
      <c r="AP3709" s="137"/>
      <c r="AQ3709" s="137"/>
      <c r="AR3709" s="137"/>
      <c r="AS3709" s="137"/>
      <c r="AT3709" s="137"/>
      <c r="AU3709" s="137"/>
      <c r="AV3709" s="137"/>
      <c r="AW3709" s="144"/>
    </row>
    <row r="3710" spans="7:49" x14ac:dyDescent="0.2">
      <c r="G3710" s="43"/>
      <c r="Z3710" s="143"/>
      <c r="AA3710" s="137"/>
      <c r="AB3710" s="137"/>
      <c r="AC3710" s="137"/>
      <c r="AD3710" s="137"/>
      <c r="AE3710" s="137"/>
      <c r="AF3710" s="137"/>
      <c r="AG3710" s="137"/>
      <c r="AH3710" s="137"/>
      <c r="AI3710" s="137"/>
      <c r="AJ3710" s="137"/>
      <c r="AK3710" s="137"/>
      <c r="AL3710" s="137"/>
      <c r="AM3710" s="137"/>
      <c r="AN3710" s="137"/>
      <c r="AO3710" s="137"/>
      <c r="AP3710" s="137"/>
      <c r="AQ3710" s="137"/>
      <c r="AR3710" s="137"/>
      <c r="AS3710" s="137"/>
      <c r="AT3710" s="137"/>
      <c r="AU3710" s="137"/>
      <c r="AV3710" s="137"/>
      <c r="AW3710" s="144"/>
    </row>
    <row r="3711" spans="7:49" x14ac:dyDescent="0.2">
      <c r="G3711" s="43"/>
      <c r="Z3711" s="143"/>
      <c r="AA3711" s="137"/>
      <c r="AB3711" s="137"/>
      <c r="AC3711" s="137"/>
      <c r="AD3711" s="137"/>
      <c r="AE3711" s="137"/>
      <c r="AF3711" s="137"/>
      <c r="AG3711" s="137"/>
      <c r="AH3711" s="137"/>
      <c r="AI3711" s="137"/>
      <c r="AJ3711" s="137"/>
      <c r="AK3711" s="137"/>
      <c r="AL3711" s="137"/>
      <c r="AM3711" s="137"/>
      <c r="AN3711" s="137"/>
      <c r="AO3711" s="137"/>
      <c r="AP3711" s="137"/>
      <c r="AQ3711" s="137"/>
      <c r="AR3711" s="137"/>
      <c r="AS3711" s="137"/>
      <c r="AT3711" s="137"/>
      <c r="AU3711" s="137"/>
      <c r="AV3711" s="137"/>
      <c r="AW3711" s="144"/>
    </row>
    <row r="3712" spans="7:49" x14ac:dyDescent="0.2">
      <c r="G3712" s="43"/>
      <c r="Z3712" s="143"/>
      <c r="AA3712" s="137"/>
      <c r="AB3712" s="137"/>
      <c r="AC3712" s="137"/>
      <c r="AD3712" s="137"/>
      <c r="AE3712" s="137"/>
      <c r="AF3712" s="137"/>
      <c r="AG3712" s="137"/>
      <c r="AH3712" s="137"/>
      <c r="AI3712" s="137"/>
      <c r="AJ3712" s="137"/>
      <c r="AK3712" s="137"/>
      <c r="AL3712" s="137"/>
      <c r="AM3712" s="137"/>
      <c r="AN3712" s="137"/>
      <c r="AO3712" s="137"/>
      <c r="AP3712" s="137"/>
      <c r="AQ3712" s="137"/>
      <c r="AR3712" s="137"/>
      <c r="AS3712" s="137"/>
      <c r="AT3712" s="137"/>
      <c r="AU3712" s="137"/>
      <c r="AV3712" s="137"/>
      <c r="AW3712" s="144"/>
    </row>
    <row r="3713" spans="7:49" x14ac:dyDescent="0.2">
      <c r="G3713" s="43"/>
      <c r="Z3713" s="143"/>
      <c r="AA3713" s="137"/>
      <c r="AB3713" s="137"/>
      <c r="AC3713" s="137"/>
      <c r="AD3713" s="137"/>
      <c r="AE3713" s="137"/>
      <c r="AF3713" s="137"/>
      <c r="AG3713" s="137"/>
      <c r="AH3713" s="137"/>
      <c r="AI3713" s="137"/>
      <c r="AJ3713" s="137"/>
      <c r="AK3713" s="137"/>
      <c r="AL3713" s="137"/>
      <c r="AM3713" s="137"/>
      <c r="AN3713" s="137"/>
      <c r="AO3713" s="137"/>
      <c r="AP3713" s="137"/>
      <c r="AQ3713" s="137"/>
      <c r="AR3713" s="137"/>
      <c r="AS3713" s="137"/>
      <c r="AT3713" s="137"/>
      <c r="AU3713" s="137"/>
      <c r="AV3713" s="137"/>
      <c r="AW3713" s="144"/>
    </row>
    <row r="3714" spans="7:49" x14ac:dyDescent="0.2">
      <c r="G3714" s="43"/>
      <c r="Z3714" s="143"/>
      <c r="AA3714" s="137"/>
      <c r="AB3714" s="137"/>
      <c r="AC3714" s="137"/>
      <c r="AD3714" s="137"/>
      <c r="AE3714" s="137"/>
      <c r="AF3714" s="137"/>
      <c r="AG3714" s="137"/>
      <c r="AH3714" s="137"/>
      <c r="AI3714" s="137"/>
      <c r="AJ3714" s="137"/>
      <c r="AK3714" s="137"/>
      <c r="AL3714" s="137"/>
      <c r="AM3714" s="137"/>
      <c r="AN3714" s="137"/>
      <c r="AO3714" s="137"/>
      <c r="AP3714" s="137"/>
      <c r="AQ3714" s="137"/>
      <c r="AR3714" s="137"/>
      <c r="AS3714" s="137"/>
      <c r="AT3714" s="137"/>
      <c r="AU3714" s="137"/>
      <c r="AV3714" s="137"/>
      <c r="AW3714" s="144"/>
    </row>
    <row r="3715" spans="7:49" x14ac:dyDescent="0.2">
      <c r="G3715" s="43"/>
      <c r="Z3715" s="143"/>
      <c r="AA3715" s="137"/>
      <c r="AB3715" s="137"/>
      <c r="AC3715" s="137"/>
      <c r="AD3715" s="137"/>
      <c r="AE3715" s="137"/>
      <c r="AF3715" s="137"/>
      <c r="AG3715" s="137"/>
      <c r="AH3715" s="137"/>
      <c r="AI3715" s="137"/>
      <c r="AJ3715" s="137"/>
      <c r="AK3715" s="137"/>
      <c r="AL3715" s="137"/>
      <c r="AM3715" s="137"/>
      <c r="AN3715" s="137"/>
      <c r="AO3715" s="137"/>
      <c r="AP3715" s="137"/>
      <c r="AQ3715" s="137"/>
      <c r="AR3715" s="137"/>
      <c r="AS3715" s="137"/>
      <c r="AT3715" s="137"/>
      <c r="AU3715" s="137"/>
      <c r="AV3715" s="137"/>
      <c r="AW3715" s="144"/>
    </row>
    <row r="3716" spans="7:49" x14ac:dyDescent="0.2">
      <c r="G3716" s="43"/>
      <c r="Z3716" s="143"/>
      <c r="AA3716" s="137"/>
      <c r="AB3716" s="137"/>
      <c r="AC3716" s="137"/>
      <c r="AD3716" s="137"/>
      <c r="AE3716" s="137"/>
      <c r="AF3716" s="137"/>
      <c r="AG3716" s="137"/>
      <c r="AH3716" s="137"/>
      <c r="AI3716" s="137"/>
      <c r="AJ3716" s="137"/>
      <c r="AK3716" s="137"/>
      <c r="AL3716" s="137"/>
      <c r="AM3716" s="137"/>
      <c r="AN3716" s="137"/>
      <c r="AO3716" s="137"/>
      <c r="AP3716" s="137"/>
      <c r="AQ3716" s="137"/>
      <c r="AR3716" s="137"/>
      <c r="AS3716" s="137"/>
      <c r="AT3716" s="137"/>
      <c r="AU3716" s="137"/>
      <c r="AV3716" s="137"/>
      <c r="AW3716" s="144"/>
    </row>
    <row r="3717" spans="7:49" x14ac:dyDescent="0.2">
      <c r="G3717" s="43"/>
      <c r="Z3717" s="143"/>
      <c r="AA3717" s="137"/>
      <c r="AB3717" s="137"/>
      <c r="AC3717" s="137"/>
      <c r="AD3717" s="137"/>
      <c r="AE3717" s="137"/>
      <c r="AF3717" s="137"/>
      <c r="AG3717" s="137"/>
      <c r="AH3717" s="137"/>
      <c r="AI3717" s="137"/>
      <c r="AJ3717" s="137"/>
      <c r="AK3717" s="137"/>
      <c r="AL3717" s="137"/>
      <c r="AM3717" s="137"/>
      <c r="AN3717" s="137"/>
      <c r="AO3717" s="137"/>
      <c r="AP3717" s="137"/>
      <c r="AQ3717" s="137"/>
      <c r="AR3717" s="137"/>
      <c r="AS3717" s="137"/>
      <c r="AT3717" s="137"/>
      <c r="AU3717" s="137"/>
      <c r="AV3717" s="137"/>
      <c r="AW3717" s="144"/>
    </row>
    <row r="3718" spans="7:49" x14ac:dyDescent="0.2">
      <c r="G3718" s="43"/>
      <c r="Z3718" s="143"/>
      <c r="AA3718" s="137"/>
      <c r="AB3718" s="137"/>
      <c r="AC3718" s="137"/>
      <c r="AD3718" s="137"/>
      <c r="AE3718" s="137"/>
      <c r="AF3718" s="137"/>
      <c r="AG3718" s="137"/>
      <c r="AH3718" s="137"/>
      <c r="AI3718" s="137"/>
      <c r="AJ3718" s="137"/>
      <c r="AK3718" s="137"/>
      <c r="AL3718" s="137"/>
      <c r="AM3718" s="137"/>
      <c r="AN3718" s="137"/>
      <c r="AO3718" s="137"/>
      <c r="AP3718" s="137"/>
      <c r="AQ3718" s="137"/>
      <c r="AR3718" s="137"/>
      <c r="AS3718" s="137"/>
      <c r="AT3718" s="137"/>
      <c r="AU3718" s="137"/>
      <c r="AV3718" s="137"/>
      <c r="AW3718" s="144"/>
    </row>
    <row r="3719" spans="7:49" x14ac:dyDescent="0.2">
      <c r="G3719" s="43"/>
      <c r="Z3719" s="143"/>
      <c r="AA3719" s="137"/>
      <c r="AB3719" s="137"/>
      <c r="AC3719" s="137"/>
      <c r="AD3719" s="137"/>
      <c r="AE3719" s="137"/>
      <c r="AF3719" s="137"/>
      <c r="AG3719" s="137"/>
      <c r="AH3719" s="137"/>
      <c r="AI3719" s="137"/>
      <c r="AJ3719" s="137"/>
      <c r="AK3719" s="137"/>
      <c r="AL3719" s="137"/>
      <c r="AM3719" s="137"/>
      <c r="AN3719" s="137"/>
      <c r="AO3719" s="137"/>
      <c r="AP3719" s="137"/>
      <c r="AQ3719" s="137"/>
      <c r="AR3719" s="137"/>
      <c r="AS3719" s="137"/>
      <c r="AT3719" s="137"/>
      <c r="AU3719" s="137"/>
      <c r="AV3719" s="137"/>
      <c r="AW3719" s="144"/>
    </row>
    <row r="3720" spans="7:49" x14ac:dyDescent="0.2">
      <c r="G3720" s="43"/>
      <c r="Z3720" s="143"/>
      <c r="AA3720" s="137"/>
      <c r="AB3720" s="137"/>
      <c r="AC3720" s="137"/>
      <c r="AD3720" s="137"/>
      <c r="AE3720" s="137"/>
      <c r="AF3720" s="137"/>
      <c r="AG3720" s="137"/>
      <c r="AH3720" s="137"/>
      <c r="AI3720" s="137"/>
      <c r="AJ3720" s="137"/>
      <c r="AK3720" s="137"/>
      <c r="AL3720" s="137"/>
      <c r="AM3720" s="137"/>
      <c r="AN3720" s="137"/>
      <c r="AO3720" s="137"/>
      <c r="AP3720" s="137"/>
      <c r="AQ3720" s="137"/>
      <c r="AR3720" s="137"/>
      <c r="AS3720" s="137"/>
      <c r="AT3720" s="137"/>
      <c r="AU3720" s="137"/>
      <c r="AV3720" s="137"/>
      <c r="AW3720" s="144"/>
    </row>
    <row r="3721" spans="7:49" x14ac:dyDescent="0.2">
      <c r="G3721" s="43"/>
      <c r="Z3721" s="143"/>
      <c r="AA3721" s="137"/>
      <c r="AB3721" s="137"/>
      <c r="AC3721" s="137"/>
      <c r="AD3721" s="137"/>
      <c r="AE3721" s="137"/>
      <c r="AF3721" s="137"/>
      <c r="AG3721" s="137"/>
      <c r="AH3721" s="137"/>
      <c r="AI3721" s="137"/>
      <c r="AJ3721" s="137"/>
      <c r="AK3721" s="137"/>
      <c r="AL3721" s="137"/>
      <c r="AM3721" s="137"/>
      <c r="AN3721" s="137"/>
      <c r="AO3721" s="137"/>
      <c r="AP3721" s="137"/>
      <c r="AQ3721" s="137"/>
      <c r="AR3721" s="137"/>
      <c r="AS3721" s="137"/>
      <c r="AT3721" s="137"/>
      <c r="AU3721" s="137"/>
      <c r="AV3721" s="137"/>
      <c r="AW3721" s="144"/>
    </row>
    <row r="3722" spans="7:49" x14ac:dyDescent="0.2">
      <c r="G3722" s="43"/>
      <c r="Z3722" s="143"/>
      <c r="AA3722" s="137"/>
      <c r="AB3722" s="137"/>
      <c r="AC3722" s="137"/>
      <c r="AD3722" s="137"/>
      <c r="AE3722" s="137"/>
      <c r="AF3722" s="137"/>
      <c r="AG3722" s="137"/>
      <c r="AH3722" s="137"/>
      <c r="AI3722" s="137"/>
      <c r="AJ3722" s="137"/>
      <c r="AK3722" s="137"/>
      <c r="AL3722" s="137"/>
      <c r="AM3722" s="137"/>
      <c r="AN3722" s="137"/>
      <c r="AO3722" s="137"/>
      <c r="AP3722" s="137"/>
      <c r="AQ3722" s="137"/>
      <c r="AR3722" s="137"/>
      <c r="AS3722" s="137"/>
      <c r="AT3722" s="137"/>
      <c r="AU3722" s="137"/>
      <c r="AV3722" s="137"/>
      <c r="AW3722" s="144"/>
    </row>
    <row r="3723" spans="7:49" x14ac:dyDescent="0.2">
      <c r="G3723" s="43"/>
      <c r="Z3723" s="143"/>
      <c r="AA3723" s="137"/>
      <c r="AB3723" s="137"/>
      <c r="AC3723" s="137"/>
      <c r="AD3723" s="137"/>
      <c r="AE3723" s="137"/>
      <c r="AF3723" s="137"/>
      <c r="AG3723" s="137"/>
      <c r="AH3723" s="137"/>
      <c r="AI3723" s="137"/>
      <c r="AJ3723" s="137"/>
      <c r="AK3723" s="137"/>
      <c r="AL3723" s="137"/>
      <c r="AM3723" s="137"/>
      <c r="AN3723" s="137"/>
      <c r="AO3723" s="137"/>
      <c r="AP3723" s="137"/>
      <c r="AQ3723" s="137"/>
      <c r="AR3723" s="137"/>
      <c r="AS3723" s="137"/>
      <c r="AT3723" s="137"/>
      <c r="AU3723" s="137"/>
      <c r="AV3723" s="137"/>
      <c r="AW3723" s="144"/>
    </row>
    <row r="3724" spans="7:49" x14ac:dyDescent="0.2">
      <c r="G3724" s="43"/>
      <c r="Z3724" s="143"/>
      <c r="AA3724" s="137"/>
      <c r="AB3724" s="137"/>
      <c r="AC3724" s="137"/>
      <c r="AD3724" s="137"/>
      <c r="AE3724" s="137"/>
      <c r="AF3724" s="137"/>
      <c r="AG3724" s="137"/>
      <c r="AH3724" s="137"/>
      <c r="AI3724" s="137"/>
      <c r="AJ3724" s="137"/>
      <c r="AK3724" s="137"/>
      <c r="AL3724" s="137"/>
      <c r="AM3724" s="137"/>
      <c r="AN3724" s="137"/>
      <c r="AO3724" s="137"/>
      <c r="AP3724" s="137"/>
      <c r="AQ3724" s="137"/>
      <c r="AR3724" s="137"/>
      <c r="AS3724" s="137"/>
      <c r="AT3724" s="137"/>
      <c r="AU3724" s="137"/>
      <c r="AV3724" s="137"/>
      <c r="AW3724" s="144"/>
    </row>
    <row r="3725" spans="7:49" x14ac:dyDescent="0.2">
      <c r="G3725" s="43"/>
      <c r="Z3725" s="143"/>
      <c r="AA3725" s="137"/>
      <c r="AB3725" s="137"/>
      <c r="AC3725" s="137"/>
      <c r="AD3725" s="137"/>
      <c r="AE3725" s="137"/>
      <c r="AF3725" s="137"/>
      <c r="AG3725" s="137"/>
      <c r="AH3725" s="137"/>
      <c r="AI3725" s="137"/>
      <c r="AJ3725" s="137"/>
      <c r="AK3725" s="137"/>
      <c r="AL3725" s="137"/>
      <c r="AM3725" s="137"/>
      <c r="AN3725" s="137"/>
      <c r="AO3725" s="137"/>
      <c r="AP3725" s="137"/>
      <c r="AQ3725" s="137"/>
      <c r="AR3725" s="137"/>
      <c r="AS3725" s="137"/>
      <c r="AT3725" s="137"/>
      <c r="AU3725" s="137"/>
      <c r="AV3725" s="137"/>
      <c r="AW3725" s="144"/>
    </row>
    <row r="3726" spans="7:49" x14ac:dyDescent="0.2">
      <c r="G3726" s="43"/>
      <c r="Z3726" s="143"/>
      <c r="AA3726" s="137"/>
      <c r="AB3726" s="137"/>
      <c r="AC3726" s="137"/>
      <c r="AD3726" s="137"/>
      <c r="AE3726" s="137"/>
      <c r="AF3726" s="137"/>
      <c r="AG3726" s="137"/>
      <c r="AH3726" s="137"/>
      <c r="AI3726" s="137"/>
      <c r="AJ3726" s="137"/>
      <c r="AK3726" s="137"/>
      <c r="AL3726" s="137"/>
      <c r="AM3726" s="137"/>
      <c r="AN3726" s="137"/>
      <c r="AO3726" s="137"/>
      <c r="AP3726" s="137"/>
      <c r="AQ3726" s="137"/>
      <c r="AR3726" s="137"/>
      <c r="AS3726" s="137"/>
      <c r="AT3726" s="137"/>
      <c r="AU3726" s="137"/>
      <c r="AV3726" s="137"/>
      <c r="AW3726" s="144"/>
    </row>
    <row r="3727" spans="7:49" x14ac:dyDescent="0.2">
      <c r="G3727" s="43"/>
      <c r="Z3727" s="143"/>
      <c r="AA3727" s="137"/>
      <c r="AB3727" s="137"/>
      <c r="AC3727" s="137"/>
      <c r="AD3727" s="137"/>
      <c r="AE3727" s="137"/>
      <c r="AF3727" s="137"/>
      <c r="AG3727" s="137"/>
      <c r="AH3727" s="137"/>
      <c r="AI3727" s="137"/>
      <c r="AJ3727" s="137"/>
      <c r="AK3727" s="137"/>
      <c r="AL3727" s="137"/>
      <c r="AM3727" s="137"/>
      <c r="AN3727" s="137"/>
      <c r="AO3727" s="137"/>
      <c r="AP3727" s="137"/>
      <c r="AQ3727" s="137"/>
      <c r="AR3727" s="137"/>
      <c r="AS3727" s="137"/>
      <c r="AT3727" s="137"/>
      <c r="AU3727" s="137"/>
      <c r="AV3727" s="137"/>
      <c r="AW3727" s="144"/>
    </row>
    <row r="3728" spans="7:49" x14ac:dyDescent="0.2">
      <c r="G3728" s="43"/>
      <c r="Z3728" s="143"/>
      <c r="AA3728" s="137"/>
      <c r="AB3728" s="137"/>
      <c r="AC3728" s="137"/>
      <c r="AD3728" s="137"/>
      <c r="AE3728" s="137"/>
      <c r="AF3728" s="137"/>
      <c r="AG3728" s="137"/>
      <c r="AH3728" s="137"/>
      <c r="AI3728" s="137"/>
      <c r="AJ3728" s="137"/>
      <c r="AK3728" s="137"/>
      <c r="AL3728" s="137"/>
      <c r="AM3728" s="137"/>
      <c r="AN3728" s="137"/>
      <c r="AO3728" s="137"/>
      <c r="AP3728" s="137"/>
      <c r="AQ3728" s="137"/>
      <c r="AR3728" s="137"/>
      <c r="AS3728" s="137"/>
      <c r="AT3728" s="137"/>
      <c r="AU3728" s="137"/>
      <c r="AV3728" s="137"/>
      <c r="AW3728" s="144"/>
    </row>
    <row r="3729" spans="7:49" x14ac:dyDescent="0.2">
      <c r="G3729" s="43"/>
      <c r="Z3729" s="143"/>
      <c r="AA3729" s="137"/>
      <c r="AB3729" s="137"/>
      <c r="AC3729" s="137"/>
      <c r="AD3729" s="137"/>
      <c r="AE3729" s="137"/>
      <c r="AF3729" s="137"/>
      <c r="AG3729" s="137"/>
      <c r="AH3729" s="137"/>
      <c r="AI3729" s="137"/>
      <c r="AJ3729" s="137"/>
      <c r="AK3729" s="137"/>
      <c r="AL3729" s="137"/>
      <c r="AM3729" s="137"/>
      <c r="AN3729" s="137"/>
      <c r="AO3729" s="137"/>
      <c r="AP3729" s="137"/>
      <c r="AQ3729" s="137"/>
      <c r="AR3729" s="137"/>
      <c r="AS3729" s="137"/>
      <c r="AT3729" s="137"/>
      <c r="AU3729" s="137"/>
      <c r="AV3729" s="137"/>
      <c r="AW3729" s="144"/>
    </row>
    <row r="3730" spans="7:49" x14ac:dyDescent="0.2">
      <c r="G3730" s="43"/>
      <c r="Z3730" s="143"/>
      <c r="AA3730" s="137"/>
      <c r="AB3730" s="137"/>
      <c r="AC3730" s="137"/>
      <c r="AD3730" s="137"/>
      <c r="AE3730" s="137"/>
      <c r="AF3730" s="137"/>
      <c r="AG3730" s="137"/>
      <c r="AH3730" s="137"/>
      <c r="AI3730" s="137"/>
      <c r="AJ3730" s="137"/>
      <c r="AK3730" s="137"/>
      <c r="AL3730" s="137"/>
      <c r="AM3730" s="137"/>
      <c r="AN3730" s="137"/>
      <c r="AO3730" s="137"/>
      <c r="AP3730" s="137"/>
      <c r="AQ3730" s="137"/>
      <c r="AR3730" s="137"/>
      <c r="AS3730" s="137"/>
      <c r="AT3730" s="137"/>
      <c r="AU3730" s="137"/>
      <c r="AV3730" s="137"/>
      <c r="AW3730" s="144"/>
    </row>
    <row r="3731" spans="7:49" x14ac:dyDescent="0.2">
      <c r="G3731" s="43"/>
      <c r="Z3731" s="143"/>
      <c r="AA3731" s="137"/>
      <c r="AB3731" s="137"/>
      <c r="AC3731" s="137"/>
      <c r="AD3731" s="137"/>
      <c r="AE3731" s="137"/>
      <c r="AF3731" s="137"/>
      <c r="AG3731" s="137"/>
      <c r="AH3731" s="137"/>
      <c r="AI3731" s="137"/>
      <c r="AJ3731" s="137"/>
      <c r="AK3731" s="137"/>
      <c r="AL3731" s="137"/>
      <c r="AM3731" s="137"/>
      <c r="AN3731" s="137"/>
      <c r="AO3731" s="137"/>
      <c r="AP3731" s="137"/>
      <c r="AQ3731" s="137"/>
      <c r="AR3731" s="137"/>
      <c r="AS3731" s="137"/>
      <c r="AT3731" s="137"/>
      <c r="AU3731" s="137"/>
      <c r="AV3731" s="137"/>
      <c r="AW3731" s="144"/>
    </row>
    <row r="3732" spans="7:49" x14ac:dyDescent="0.2">
      <c r="G3732" s="43"/>
      <c r="Z3732" s="143"/>
      <c r="AA3732" s="137"/>
      <c r="AB3732" s="137"/>
      <c r="AC3732" s="137"/>
      <c r="AD3732" s="137"/>
      <c r="AE3732" s="137"/>
      <c r="AF3732" s="137"/>
      <c r="AG3732" s="137"/>
      <c r="AH3732" s="137"/>
      <c r="AI3732" s="137"/>
      <c r="AJ3732" s="137"/>
      <c r="AK3732" s="137"/>
      <c r="AL3732" s="137"/>
      <c r="AM3732" s="137"/>
      <c r="AN3732" s="137"/>
      <c r="AO3732" s="137"/>
      <c r="AP3732" s="137"/>
      <c r="AQ3732" s="137"/>
      <c r="AR3732" s="137"/>
      <c r="AS3732" s="137"/>
      <c r="AT3732" s="137"/>
      <c r="AU3732" s="137"/>
      <c r="AV3732" s="137"/>
      <c r="AW3732" s="144"/>
    </row>
    <row r="3733" spans="7:49" x14ac:dyDescent="0.2">
      <c r="G3733" s="43"/>
      <c r="Z3733" s="143"/>
      <c r="AA3733" s="137"/>
      <c r="AB3733" s="137"/>
      <c r="AC3733" s="137"/>
      <c r="AD3733" s="137"/>
      <c r="AE3733" s="137"/>
      <c r="AF3733" s="137"/>
      <c r="AG3733" s="137"/>
      <c r="AH3733" s="137"/>
      <c r="AI3733" s="137"/>
      <c r="AJ3733" s="137"/>
      <c r="AK3733" s="137"/>
      <c r="AL3733" s="137"/>
      <c r="AM3733" s="137"/>
      <c r="AN3733" s="137"/>
      <c r="AO3733" s="137"/>
      <c r="AP3733" s="137"/>
      <c r="AQ3733" s="137"/>
      <c r="AR3733" s="137"/>
      <c r="AS3733" s="137"/>
      <c r="AT3733" s="137"/>
      <c r="AU3733" s="137"/>
      <c r="AV3733" s="137"/>
      <c r="AW3733" s="144"/>
    </row>
    <row r="3734" spans="7:49" x14ac:dyDescent="0.2">
      <c r="G3734" s="43"/>
      <c r="Z3734" s="143"/>
      <c r="AA3734" s="137"/>
      <c r="AB3734" s="137"/>
      <c r="AC3734" s="137"/>
      <c r="AD3734" s="137"/>
      <c r="AE3734" s="137"/>
      <c r="AF3734" s="137"/>
      <c r="AG3734" s="137"/>
      <c r="AH3734" s="137"/>
      <c r="AI3734" s="137"/>
      <c r="AJ3734" s="137"/>
      <c r="AK3734" s="137"/>
      <c r="AL3734" s="137"/>
      <c r="AM3734" s="137"/>
      <c r="AN3734" s="137"/>
      <c r="AO3734" s="137"/>
      <c r="AP3734" s="137"/>
      <c r="AQ3734" s="137"/>
      <c r="AR3734" s="137"/>
      <c r="AS3734" s="137"/>
      <c r="AT3734" s="137"/>
      <c r="AU3734" s="137"/>
      <c r="AV3734" s="137"/>
      <c r="AW3734" s="144"/>
    </row>
    <row r="3735" spans="7:49" x14ac:dyDescent="0.2">
      <c r="G3735" s="43"/>
      <c r="Z3735" s="143"/>
      <c r="AA3735" s="137"/>
      <c r="AB3735" s="137"/>
      <c r="AC3735" s="137"/>
      <c r="AD3735" s="137"/>
      <c r="AE3735" s="137"/>
      <c r="AF3735" s="137"/>
      <c r="AG3735" s="137"/>
      <c r="AH3735" s="137"/>
      <c r="AI3735" s="137"/>
      <c r="AJ3735" s="137"/>
      <c r="AK3735" s="137"/>
      <c r="AL3735" s="137"/>
      <c r="AM3735" s="137"/>
      <c r="AN3735" s="137"/>
      <c r="AO3735" s="137"/>
      <c r="AP3735" s="137"/>
      <c r="AQ3735" s="137"/>
      <c r="AR3735" s="137"/>
      <c r="AS3735" s="137"/>
      <c r="AT3735" s="137"/>
      <c r="AU3735" s="137"/>
      <c r="AV3735" s="137"/>
      <c r="AW3735" s="144"/>
    </row>
    <row r="3736" spans="7:49" x14ac:dyDescent="0.2">
      <c r="G3736" s="43"/>
      <c r="Z3736" s="143"/>
      <c r="AA3736" s="137"/>
      <c r="AB3736" s="137"/>
      <c r="AC3736" s="137"/>
      <c r="AD3736" s="137"/>
      <c r="AE3736" s="137"/>
      <c r="AF3736" s="137"/>
      <c r="AG3736" s="137"/>
      <c r="AH3736" s="137"/>
      <c r="AI3736" s="137"/>
      <c r="AJ3736" s="137"/>
      <c r="AK3736" s="137"/>
      <c r="AL3736" s="137"/>
      <c r="AM3736" s="137"/>
      <c r="AN3736" s="137"/>
      <c r="AO3736" s="137"/>
      <c r="AP3736" s="137"/>
      <c r="AQ3736" s="137"/>
      <c r="AR3736" s="137"/>
      <c r="AS3736" s="137"/>
      <c r="AT3736" s="137"/>
      <c r="AU3736" s="137"/>
      <c r="AV3736" s="137"/>
      <c r="AW3736" s="144"/>
    </row>
    <row r="3737" spans="7:49" x14ac:dyDescent="0.2">
      <c r="G3737" s="43"/>
      <c r="Z3737" s="143"/>
      <c r="AA3737" s="137"/>
      <c r="AB3737" s="137"/>
      <c r="AC3737" s="137"/>
      <c r="AD3737" s="137"/>
      <c r="AE3737" s="137"/>
      <c r="AF3737" s="137"/>
      <c r="AG3737" s="137"/>
      <c r="AH3737" s="137"/>
      <c r="AI3737" s="137"/>
      <c r="AJ3737" s="137"/>
      <c r="AK3737" s="137"/>
      <c r="AL3737" s="137"/>
      <c r="AM3737" s="137"/>
      <c r="AN3737" s="137"/>
      <c r="AO3737" s="137"/>
      <c r="AP3737" s="137"/>
      <c r="AQ3737" s="137"/>
      <c r="AR3737" s="137"/>
      <c r="AS3737" s="137"/>
      <c r="AT3737" s="137"/>
      <c r="AU3737" s="137"/>
      <c r="AV3737" s="137"/>
      <c r="AW3737" s="144"/>
    </row>
    <row r="3738" spans="7:49" x14ac:dyDescent="0.2">
      <c r="G3738" s="43"/>
      <c r="Z3738" s="143"/>
      <c r="AA3738" s="137"/>
      <c r="AB3738" s="137"/>
      <c r="AC3738" s="137"/>
      <c r="AD3738" s="137"/>
      <c r="AE3738" s="137"/>
      <c r="AF3738" s="137"/>
      <c r="AG3738" s="137"/>
      <c r="AH3738" s="137"/>
      <c r="AI3738" s="137"/>
      <c r="AJ3738" s="137"/>
      <c r="AK3738" s="137"/>
      <c r="AL3738" s="137"/>
      <c r="AM3738" s="137"/>
      <c r="AN3738" s="137"/>
      <c r="AO3738" s="137"/>
      <c r="AP3738" s="137"/>
      <c r="AQ3738" s="137"/>
      <c r="AR3738" s="137"/>
      <c r="AS3738" s="137"/>
      <c r="AT3738" s="137"/>
      <c r="AU3738" s="137"/>
      <c r="AV3738" s="137"/>
      <c r="AW3738" s="144"/>
    </row>
    <row r="3739" spans="7:49" x14ac:dyDescent="0.2">
      <c r="G3739" s="43"/>
      <c r="Z3739" s="143"/>
      <c r="AA3739" s="137"/>
      <c r="AB3739" s="137"/>
      <c r="AC3739" s="137"/>
      <c r="AD3739" s="137"/>
      <c r="AE3739" s="137"/>
      <c r="AF3739" s="137"/>
      <c r="AG3739" s="137"/>
      <c r="AH3739" s="137"/>
      <c r="AI3739" s="137"/>
      <c r="AJ3739" s="137"/>
      <c r="AK3739" s="137"/>
      <c r="AL3739" s="137"/>
      <c r="AM3739" s="137"/>
      <c r="AN3739" s="137"/>
      <c r="AO3739" s="137"/>
      <c r="AP3739" s="137"/>
      <c r="AQ3739" s="137"/>
      <c r="AR3739" s="137"/>
      <c r="AS3739" s="137"/>
      <c r="AT3739" s="137"/>
      <c r="AU3739" s="137"/>
      <c r="AV3739" s="137"/>
      <c r="AW3739" s="144"/>
    </row>
    <row r="3740" spans="7:49" x14ac:dyDescent="0.2">
      <c r="G3740" s="43"/>
      <c r="Z3740" s="143"/>
      <c r="AA3740" s="137"/>
      <c r="AB3740" s="137"/>
      <c r="AC3740" s="137"/>
      <c r="AD3740" s="137"/>
      <c r="AE3740" s="137"/>
      <c r="AF3740" s="137"/>
      <c r="AG3740" s="137"/>
      <c r="AH3740" s="137"/>
      <c r="AI3740" s="137"/>
      <c r="AJ3740" s="137"/>
      <c r="AK3740" s="137"/>
      <c r="AL3740" s="137"/>
      <c r="AM3740" s="137"/>
      <c r="AN3740" s="137"/>
      <c r="AO3740" s="137"/>
      <c r="AP3740" s="137"/>
      <c r="AQ3740" s="137"/>
      <c r="AR3740" s="137"/>
      <c r="AS3740" s="137"/>
      <c r="AT3740" s="137"/>
      <c r="AU3740" s="137"/>
      <c r="AV3740" s="137"/>
      <c r="AW3740" s="144"/>
    </row>
    <row r="3741" spans="7:49" x14ac:dyDescent="0.2">
      <c r="G3741" s="43"/>
      <c r="Z3741" s="143"/>
      <c r="AA3741" s="137"/>
      <c r="AB3741" s="137"/>
      <c r="AC3741" s="137"/>
      <c r="AD3741" s="137"/>
      <c r="AE3741" s="137"/>
      <c r="AF3741" s="137"/>
      <c r="AG3741" s="137"/>
      <c r="AH3741" s="137"/>
      <c r="AI3741" s="137"/>
      <c r="AJ3741" s="137"/>
      <c r="AK3741" s="137"/>
      <c r="AL3741" s="137"/>
      <c r="AM3741" s="137"/>
      <c r="AN3741" s="137"/>
      <c r="AO3741" s="137"/>
      <c r="AP3741" s="137"/>
      <c r="AQ3741" s="137"/>
      <c r="AR3741" s="137"/>
      <c r="AS3741" s="137"/>
      <c r="AT3741" s="137"/>
      <c r="AU3741" s="137"/>
      <c r="AV3741" s="137"/>
      <c r="AW3741" s="144"/>
    </row>
    <row r="3742" spans="7:49" x14ac:dyDescent="0.2">
      <c r="G3742" s="43"/>
      <c r="Z3742" s="143"/>
      <c r="AA3742" s="137"/>
      <c r="AB3742" s="137"/>
      <c r="AC3742" s="137"/>
      <c r="AD3742" s="137"/>
      <c r="AE3742" s="137"/>
      <c r="AF3742" s="137"/>
      <c r="AG3742" s="137"/>
      <c r="AH3742" s="137"/>
      <c r="AI3742" s="137"/>
      <c r="AJ3742" s="137"/>
      <c r="AK3742" s="137"/>
      <c r="AL3742" s="137"/>
      <c r="AM3742" s="137"/>
      <c r="AN3742" s="137"/>
      <c r="AO3742" s="137"/>
      <c r="AP3742" s="137"/>
      <c r="AQ3742" s="137"/>
      <c r="AR3742" s="137"/>
      <c r="AS3742" s="137"/>
      <c r="AT3742" s="137"/>
      <c r="AU3742" s="137"/>
      <c r="AV3742" s="137"/>
      <c r="AW3742" s="144"/>
    </row>
    <row r="3743" spans="7:49" x14ac:dyDescent="0.2">
      <c r="G3743" s="43"/>
      <c r="Z3743" s="143"/>
      <c r="AA3743" s="137"/>
      <c r="AB3743" s="137"/>
      <c r="AC3743" s="137"/>
      <c r="AD3743" s="137"/>
      <c r="AE3743" s="137"/>
      <c r="AF3743" s="137"/>
      <c r="AG3743" s="137"/>
      <c r="AH3743" s="137"/>
      <c r="AI3743" s="137"/>
      <c r="AJ3743" s="137"/>
      <c r="AK3743" s="137"/>
      <c r="AL3743" s="137"/>
      <c r="AM3743" s="137"/>
      <c r="AN3743" s="137"/>
      <c r="AO3743" s="137"/>
      <c r="AP3743" s="137"/>
      <c r="AQ3743" s="137"/>
      <c r="AR3743" s="137"/>
      <c r="AS3743" s="137"/>
      <c r="AT3743" s="137"/>
      <c r="AU3743" s="137"/>
      <c r="AV3743" s="137"/>
      <c r="AW3743" s="144"/>
    </row>
    <row r="3744" spans="7:49" x14ac:dyDescent="0.2">
      <c r="G3744" s="43"/>
      <c r="Z3744" s="143"/>
      <c r="AA3744" s="137"/>
      <c r="AB3744" s="137"/>
      <c r="AC3744" s="137"/>
      <c r="AD3744" s="137"/>
      <c r="AE3744" s="137"/>
      <c r="AF3744" s="137"/>
      <c r="AG3744" s="137"/>
      <c r="AH3744" s="137"/>
      <c r="AI3744" s="137"/>
      <c r="AJ3744" s="137"/>
      <c r="AK3744" s="137"/>
      <c r="AL3744" s="137"/>
      <c r="AM3744" s="137"/>
      <c r="AN3744" s="137"/>
      <c r="AO3744" s="137"/>
      <c r="AP3744" s="137"/>
      <c r="AQ3744" s="137"/>
      <c r="AR3744" s="137"/>
      <c r="AS3744" s="137"/>
      <c r="AT3744" s="137"/>
      <c r="AU3744" s="137"/>
      <c r="AV3744" s="137"/>
      <c r="AW3744" s="144"/>
    </row>
    <row r="3745" spans="7:49" x14ac:dyDescent="0.2">
      <c r="G3745" s="43"/>
      <c r="Z3745" s="143"/>
      <c r="AA3745" s="137"/>
      <c r="AB3745" s="137"/>
      <c r="AC3745" s="137"/>
      <c r="AD3745" s="137"/>
      <c r="AE3745" s="137"/>
      <c r="AF3745" s="137"/>
      <c r="AG3745" s="137"/>
      <c r="AH3745" s="137"/>
      <c r="AI3745" s="137"/>
      <c r="AJ3745" s="137"/>
      <c r="AK3745" s="137"/>
      <c r="AL3745" s="137"/>
      <c r="AM3745" s="137"/>
      <c r="AN3745" s="137"/>
      <c r="AO3745" s="137"/>
      <c r="AP3745" s="137"/>
      <c r="AQ3745" s="137"/>
      <c r="AR3745" s="137"/>
      <c r="AS3745" s="137"/>
      <c r="AT3745" s="137"/>
      <c r="AU3745" s="137"/>
      <c r="AV3745" s="137"/>
      <c r="AW3745" s="144"/>
    </row>
    <row r="3746" spans="7:49" x14ac:dyDescent="0.2">
      <c r="G3746" s="43"/>
      <c r="Z3746" s="143"/>
      <c r="AA3746" s="137"/>
      <c r="AB3746" s="137"/>
      <c r="AC3746" s="137"/>
      <c r="AD3746" s="137"/>
      <c r="AE3746" s="137"/>
      <c r="AF3746" s="137"/>
      <c r="AG3746" s="137"/>
      <c r="AH3746" s="137"/>
      <c r="AI3746" s="137"/>
      <c r="AJ3746" s="137"/>
      <c r="AK3746" s="137"/>
      <c r="AL3746" s="137"/>
      <c r="AM3746" s="137"/>
      <c r="AN3746" s="137"/>
      <c r="AO3746" s="137"/>
      <c r="AP3746" s="137"/>
      <c r="AQ3746" s="137"/>
      <c r="AR3746" s="137"/>
      <c r="AS3746" s="137"/>
      <c r="AT3746" s="137"/>
      <c r="AU3746" s="137"/>
      <c r="AV3746" s="137"/>
      <c r="AW3746" s="144"/>
    </row>
    <row r="3747" spans="7:49" x14ac:dyDescent="0.2">
      <c r="G3747" s="43"/>
      <c r="Z3747" s="143"/>
      <c r="AA3747" s="137"/>
      <c r="AB3747" s="137"/>
      <c r="AC3747" s="137"/>
      <c r="AD3747" s="137"/>
      <c r="AE3747" s="137"/>
      <c r="AF3747" s="137"/>
      <c r="AG3747" s="137"/>
      <c r="AH3747" s="137"/>
      <c r="AI3747" s="137"/>
      <c r="AJ3747" s="137"/>
      <c r="AK3747" s="137"/>
      <c r="AL3747" s="137"/>
      <c r="AM3747" s="137"/>
      <c r="AN3747" s="137"/>
      <c r="AO3747" s="137"/>
      <c r="AP3747" s="137"/>
      <c r="AQ3747" s="137"/>
      <c r="AR3747" s="137"/>
      <c r="AS3747" s="137"/>
      <c r="AT3747" s="137"/>
      <c r="AU3747" s="137"/>
      <c r="AV3747" s="137"/>
      <c r="AW3747" s="144"/>
    </row>
    <row r="3748" spans="7:49" x14ac:dyDescent="0.2">
      <c r="G3748" s="43"/>
      <c r="Z3748" s="143"/>
      <c r="AA3748" s="137"/>
      <c r="AB3748" s="137"/>
      <c r="AC3748" s="137"/>
      <c r="AD3748" s="137"/>
      <c r="AE3748" s="137"/>
      <c r="AF3748" s="137"/>
      <c r="AG3748" s="137"/>
      <c r="AH3748" s="137"/>
      <c r="AI3748" s="137"/>
      <c r="AJ3748" s="137"/>
      <c r="AK3748" s="137"/>
      <c r="AL3748" s="137"/>
      <c r="AM3748" s="137"/>
      <c r="AN3748" s="137"/>
      <c r="AO3748" s="137"/>
      <c r="AP3748" s="137"/>
      <c r="AQ3748" s="137"/>
      <c r="AR3748" s="137"/>
      <c r="AS3748" s="137"/>
      <c r="AT3748" s="137"/>
      <c r="AU3748" s="137"/>
      <c r="AV3748" s="137"/>
      <c r="AW3748" s="144"/>
    </row>
    <row r="3749" spans="7:49" x14ac:dyDescent="0.2">
      <c r="G3749" s="43"/>
      <c r="Z3749" s="143"/>
      <c r="AA3749" s="137"/>
      <c r="AB3749" s="137"/>
      <c r="AC3749" s="137"/>
      <c r="AD3749" s="137"/>
      <c r="AE3749" s="137"/>
      <c r="AF3749" s="137"/>
      <c r="AG3749" s="137"/>
      <c r="AH3749" s="137"/>
      <c r="AI3749" s="137"/>
      <c r="AJ3749" s="137"/>
      <c r="AK3749" s="137"/>
      <c r="AL3749" s="137"/>
      <c r="AM3749" s="137"/>
      <c r="AN3749" s="137"/>
      <c r="AO3749" s="137"/>
      <c r="AP3749" s="137"/>
      <c r="AQ3749" s="137"/>
      <c r="AR3749" s="137"/>
      <c r="AS3749" s="137"/>
      <c r="AT3749" s="137"/>
      <c r="AU3749" s="137"/>
      <c r="AV3749" s="137"/>
      <c r="AW3749" s="144"/>
    </row>
    <row r="3750" spans="7:49" x14ac:dyDescent="0.2">
      <c r="G3750" s="43"/>
      <c r="Z3750" s="143"/>
      <c r="AA3750" s="137"/>
      <c r="AB3750" s="137"/>
      <c r="AC3750" s="137"/>
      <c r="AD3750" s="137"/>
      <c r="AE3750" s="137"/>
      <c r="AF3750" s="137"/>
      <c r="AG3750" s="137"/>
      <c r="AH3750" s="137"/>
      <c r="AI3750" s="137"/>
      <c r="AJ3750" s="137"/>
      <c r="AK3750" s="137"/>
      <c r="AL3750" s="137"/>
      <c r="AM3750" s="137"/>
      <c r="AN3750" s="137"/>
      <c r="AO3750" s="137"/>
      <c r="AP3750" s="137"/>
      <c r="AQ3750" s="137"/>
      <c r="AR3750" s="137"/>
      <c r="AS3750" s="137"/>
      <c r="AT3750" s="137"/>
      <c r="AU3750" s="137"/>
      <c r="AV3750" s="137"/>
      <c r="AW3750" s="144"/>
    </row>
    <row r="3751" spans="7:49" x14ac:dyDescent="0.2">
      <c r="G3751" s="43"/>
      <c r="Z3751" s="143"/>
      <c r="AA3751" s="137"/>
      <c r="AB3751" s="137"/>
      <c r="AC3751" s="137"/>
      <c r="AD3751" s="137"/>
      <c r="AE3751" s="137"/>
      <c r="AF3751" s="137"/>
      <c r="AG3751" s="137"/>
      <c r="AH3751" s="137"/>
      <c r="AI3751" s="137"/>
      <c r="AJ3751" s="137"/>
      <c r="AK3751" s="137"/>
      <c r="AL3751" s="137"/>
      <c r="AM3751" s="137"/>
      <c r="AN3751" s="137"/>
      <c r="AO3751" s="137"/>
      <c r="AP3751" s="137"/>
      <c r="AQ3751" s="137"/>
      <c r="AR3751" s="137"/>
      <c r="AS3751" s="137"/>
      <c r="AT3751" s="137"/>
      <c r="AU3751" s="137"/>
      <c r="AV3751" s="137"/>
      <c r="AW3751" s="144"/>
    </row>
    <row r="3752" spans="7:49" x14ac:dyDescent="0.2">
      <c r="G3752" s="43"/>
      <c r="Z3752" s="143"/>
      <c r="AA3752" s="137"/>
      <c r="AB3752" s="137"/>
      <c r="AC3752" s="137"/>
      <c r="AD3752" s="137"/>
      <c r="AE3752" s="137"/>
      <c r="AF3752" s="137"/>
      <c r="AG3752" s="137"/>
      <c r="AH3752" s="137"/>
      <c r="AI3752" s="137"/>
      <c r="AJ3752" s="137"/>
      <c r="AK3752" s="137"/>
      <c r="AL3752" s="137"/>
      <c r="AM3752" s="137"/>
      <c r="AN3752" s="137"/>
      <c r="AO3752" s="137"/>
      <c r="AP3752" s="137"/>
      <c r="AQ3752" s="137"/>
      <c r="AR3752" s="137"/>
      <c r="AS3752" s="137"/>
      <c r="AT3752" s="137"/>
      <c r="AU3752" s="137"/>
      <c r="AV3752" s="137"/>
      <c r="AW3752" s="144"/>
    </row>
    <row r="3753" spans="7:49" x14ac:dyDescent="0.2">
      <c r="G3753" s="43"/>
      <c r="Z3753" s="143"/>
      <c r="AA3753" s="137"/>
      <c r="AB3753" s="137"/>
      <c r="AC3753" s="137"/>
      <c r="AD3753" s="137"/>
      <c r="AE3753" s="137"/>
      <c r="AF3753" s="137"/>
      <c r="AG3753" s="137"/>
      <c r="AH3753" s="137"/>
      <c r="AI3753" s="137"/>
      <c r="AJ3753" s="137"/>
      <c r="AK3753" s="137"/>
      <c r="AL3753" s="137"/>
      <c r="AM3753" s="137"/>
      <c r="AN3753" s="137"/>
      <c r="AO3753" s="137"/>
      <c r="AP3753" s="137"/>
      <c r="AQ3753" s="137"/>
      <c r="AR3753" s="137"/>
      <c r="AS3753" s="137"/>
      <c r="AT3753" s="137"/>
      <c r="AU3753" s="137"/>
      <c r="AV3753" s="137"/>
      <c r="AW3753" s="144"/>
    </row>
    <row r="3754" spans="7:49" x14ac:dyDescent="0.2">
      <c r="G3754" s="43"/>
      <c r="Z3754" s="143"/>
      <c r="AA3754" s="137"/>
      <c r="AB3754" s="137"/>
      <c r="AC3754" s="137"/>
      <c r="AD3754" s="137"/>
      <c r="AE3754" s="137"/>
      <c r="AF3754" s="137"/>
      <c r="AG3754" s="137"/>
      <c r="AH3754" s="137"/>
      <c r="AI3754" s="137"/>
      <c r="AJ3754" s="137"/>
      <c r="AK3754" s="137"/>
      <c r="AL3754" s="137"/>
      <c r="AM3754" s="137"/>
      <c r="AN3754" s="137"/>
      <c r="AO3754" s="137"/>
      <c r="AP3754" s="137"/>
      <c r="AQ3754" s="137"/>
      <c r="AR3754" s="137"/>
      <c r="AS3754" s="137"/>
      <c r="AT3754" s="137"/>
      <c r="AU3754" s="137"/>
      <c r="AV3754" s="137"/>
      <c r="AW3754" s="144"/>
    </row>
    <row r="3755" spans="7:49" x14ac:dyDescent="0.2">
      <c r="G3755" s="43"/>
      <c r="Z3755" s="143"/>
      <c r="AA3755" s="137"/>
      <c r="AB3755" s="137"/>
      <c r="AC3755" s="137"/>
      <c r="AD3755" s="137"/>
      <c r="AE3755" s="137"/>
      <c r="AF3755" s="137"/>
      <c r="AG3755" s="137"/>
      <c r="AH3755" s="137"/>
      <c r="AI3755" s="137"/>
      <c r="AJ3755" s="137"/>
      <c r="AK3755" s="137"/>
      <c r="AL3755" s="137"/>
      <c r="AM3755" s="137"/>
      <c r="AN3755" s="137"/>
      <c r="AO3755" s="137"/>
      <c r="AP3755" s="137"/>
      <c r="AQ3755" s="137"/>
      <c r="AR3755" s="137"/>
      <c r="AS3755" s="137"/>
      <c r="AT3755" s="137"/>
      <c r="AU3755" s="137"/>
      <c r="AV3755" s="137"/>
      <c r="AW3755" s="144"/>
    </row>
    <row r="3756" spans="7:49" x14ac:dyDescent="0.2">
      <c r="G3756" s="43"/>
      <c r="Z3756" s="143"/>
      <c r="AA3756" s="137"/>
      <c r="AB3756" s="137"/>
      <c r="AC3756" s="137"/>
      <c r="AD3756" s="137"/>
      <c r="AE3756" s="137"/>
      <c r="AF3756" s="137"/>
      <c r="AG3756" s="137"/>
      <c r="AH3756" s="137"/>
      <c r="AI3756" s="137"/>
      <c r="AJ3756" s="137"/>
      <c r="AK3756" s="137"/>
      <c r="AL3756" s="137"/>
      <c r="AM3756" s="137"/>
      <c r="AN3756" s="137"/>
      <c r="AO3756" s="137"/>
      <c r="AP3756" s="137"/>
      <c r="AQ3756" s="137"/>
      <c r="AR3756" s="137"/>
      <c r="AS3756" s="137"/>
      <c r="AT3756" s="137"/>
      <c r="AU3756" s="137"/>
      <c r="AV3756" s="137"/>
      <c r="AW3756" s="144"/>
    </row>
    <row r="3757" spans="7:49" x14ac:dyDescent="0.2">
      <c r="G3757" s="43"/>
      <c r="Z3757" s="143"/>
      <c r="AA3757" s="137"/>
      <c r="AB3757" s="137"/>
      <c r="AC3757" s="137"/>
      <c r="AD3757" s="137"/>
      <c r="AE3757" s="137"/>
      <c r="AF3757" s="137"/>
      <c r="AG3757" s="137"/>
      <c r="AH3757" s="137"/>
      <c r="AI3757" s="137"/>
      <c r="AJ3757" s="137"/>
      <c r="AK3757" s="137"/>
      <c r="AL3757" s="137"/>
      <c r="AM3757" s="137"/>
      <c r="AN3757" s="137"/>
      <c r="AO3757" s="137"/>
      <c r="AP3757" s="137"/>
      <c r="AQ3757" s="137"/>
      <c r="AR3757" s="137"/>
      <c r="AS3757" s="137"/>
      <c r="AT3757" s="137"/>
      <c r="AU3757" s="137"/>
      <c r="AV3757" s="137"/>
      <c r="AW3757" s="144"/>
    </row>
    <row r="3758" spans="7:49" x14ac:dyDescent="0.2">
      <c r="G3758" s="43"/>
      <c r="Z3758" s="143"/>
      <c r="AA3758" s="137"/>
      <c r="AB3758" s="137"/>
      <c r="AC3758" s="137"/>
      <c r="AD3758" s="137"/>
      <c r="AE3758" s="137"/>
      <c r="AF3758" s="137"/>
      <c r="AG3758" s="137"/>
      <c r="AH3758" s="137"/>
      <c r="AI3758" s="137"/>
      <c r="AJ3758" s="137"/>
      <c r="AK3758" s="137"/>
      <c r="AL3758" s="137"/>
      <c r="AM3758" s="137"/>
      <c r="AN3758" s="137"/>
      <c r="AO3758" s="137"/>
      <c r="AP3758" s="137"/>
      <c r="AQ3758" s="137"/>
      <c r="AR3758" s="137"/>
      <c r="AS3758" s="137"/>
      <c r="AT3758" s="137"/>
      <c r="AU3758" s="137"/>
      <c r="AV3758" s="137"/>
      <c r="AW3758" s="144"/>
    </row>
    <row r="3759" spans="7:49" x14ac:dyDescent="0.2">
      <c r="G3759" s="43"/>
      <c r="Z3759" s="143"/>
      <c r="AA3759" s="137"/>
      <c r="AB3759" s="137"/>
      <c r="AC3759" s="137"/>
      <c r="AD3759" s="137"/>
      <c r="AE3759" s="137"/>
      <c r="AF3759" s="137"/>
      <c r="AG3759" s="137"/>
      <c r="AH3759" s="137"/>
      <c r="AI3759" s="137"/>
      <c r="AJ3759" s="137"/>
      <c r="AK3759" s="137"/>
      <c r="AL3759" s="137"/>
      <c r="AM3759" s="137"/>
      <c r="AN3759" s="137"/>
      <c r="AO3759" s="137"/>
      <c r="AP3759" s="137"/>
      <c r="AQ3759" s="137"/>
      <c r="AR3759" s="137"/>
      <c r="AS3759" s="137"/>
      <c r="AT3759" s="137"/>
      <c r="AU3759" s="137"/>
      <c r="AV3759" s="137"/>
      <c r="AW3759" s="144"/>
    </row>
    <row r="3760" spans="7:49" x14ac:dyDescent="0.2">
      <c r="G3760" s="43"/>
      <c r="Z3760" s="143"/>
      <c r="AA3760" s="137"/>
      <c r="AB3760" s="137"/>
      <c r="AC3760" s="137"/>
      <c r="AD3760" s="137"/>
      <c r="AE3760" s="137"/>
      <c r="AF3760" s="137"/>
      <c r="AG3760" s="137"/>
      <c r="AH3760" s="137"/>
      <c r="AI3760" s="137"/>
      <c r="AJ3760" s="137"/>
      <c r="AK3760" s="137"/>
      <c r="AL3760" s="137"/>
      <c r="AM3760" s="137"/>
      <c r="AN3760" s="137"/>
      <c r="AO3760" s="137"/>
      <c r="AP3760" s="137"/>
      <c r="AQ3760" s="137"/>
      <c r="AR3760" s="137"/>
      <c r="AS3760" s="137"/>
      <c r="AT3760" s="137"/>
      <c r="AU3760" s="137"/>
      <c r="AV3760" s="137"/>
      <c r="AW3760" s="144"/>
    </row>
    <row r="3761" spans="7:49" x14ac:dyDescent="0.2">
      <c r="G3761" s="43"/>
      <c r="Z3761" s="143"/>
      <c r="AA3761" s="137"/>
      <c r="AB3761" s="137"/>
      <c r="AC3761" s="137"/>
      <c r="AD3761" s="137"/>
      <c r="AE3761" s="137"/>
      <c r="AF3761" s="137"/>
      <c r="AG3761" s="137"/>
      <c r="AH3761" s="137"/>
      <c r="AI3761" s="137"/>
      <c r="AJ3761" s="137"/>
      <c r="AK3761" s="137"/>
      <c r="AL3761" s="137"/>
      <c r="AM3761" s="137"/>
      <c r="AN3761" s="137"/>
      <c r="AO3761" s="137"/>
      <c r="AP3761" s="137"/>
      <c r="AQ3761" s="137"/>
      <c r="AR3761" s="137"/>
      <c r="AS3761" s="137"/>
      <c r="AT3761" s="137"/>
      <c r="AU3761" s="137"/>
      <c r="AV3761" s="137"/>
      <c r="AW3761" s="144"/>
    </row>
    <row r="3762" spans="7:49" x14ac:dyDescent="0.2">
      <c r="G3762" s="43"/>
      <c r="Z3762" s="143"/>
      <c r="AA3762" s="137"/>
      <c r="AB3762" s="137"/>
      <c r="AC3762" s="137"/>
      <c r="AD3762" s="137"/>
      <c r="AE3762" s="137"/>
      <c r="AF3762" s="137"/>
      <c r="AG3762" s="137"/>
      <c r="AH3762" s="137"/>
      <c r="AI3762" s="137"/>
      <c r="AJ3762" s="137"/>
      <c r="AK3762" s="137"/>
      <c r="AL3762" s="137"/>
      <c r="AM3762" s="137"/>
      <c r="AN3762" s="137"/>
      <c r="AO3762" s="137"/>
      <c r="AP3762" s="137"/>
      <c r="AQ3762" s="137"/>
      <c r="AR3762" s="137"/>
      <c r="AS3762" s="137"/>
      <c r="AT3762" s="137"/>
      <c r="AU3762" s="137"/>
      <c r="AV3762" s="137"/>
      <c r="AW3762" s="144"/>
    </row>
    <row r="3763" spans="7:49" x14ac:dyDescent="0.2">
      <c r="G3763" s="43"/>
      <c r="Z3763" s="143"/>
      <c r="AA3763" s="137"/>
      <c r="AB3763" s="137"/>
      <c r="AC3763" s="137"/>
      <c r="AD3763" s="137"/>
      <c r="AE3763" s="137"/>
      <c r="AF3763" s="137"/>
      <c r="AG3763" s="137"/>
      <c r="AH3763" s="137"/>
      <c r="AI3763" s="137"/>
      <c r="AJ3763" s="137"/>
      <c r="AK3763" s="137"/>
      <c r="AL3763" s="137"/>
      <c r="AM3763" s="137"/>
      <c r="AN3763" s="137"/>
      <c r="AO3763" s="137"/>
      <c r="AP3763" s="137"/>
      <c r="AQ3763" s="137"/>
      <c r="AR3763" s="137"/>
      <c r="AS3763" s="137"/>
      <c r="AT3763" s="137"/>
      <c r="AU3763" s="137"/>
      <c r="AV3763" s="137"/>
      <c r="AW3763" s="144"/>
    </row>
    <row r="3764" spans="7:49" x14ac:dyDescent="0.2">
      <c r="G3764" s="43"/>
      <c r="Z3764" s="143"/>
      <c r="AA3764" s="137"/>
      <c r="AB3764" s="137"/>
      <c r="AC3764" s="137"/>
      <c r="AD3764" s="137"/>
      <c r="AE3764" s="137"/>
      <c r="AF3764" s="137"/>
      <c r="AG3764" s="137"/>
      <c r="AH3764" s="137"/>
      <c r="AI3764" s="137"/>
      <c r="AJ3764" s="137"/>
      <c r="AK3764" s="137"/>
      <c r="AL3764" s="137"/>
      <c r="AM3764" s="137"/>
      <c r="AN3764" s="137"/>
      <c r="AO3764" s="137"/>
      <c r="AP3764" s="137"/>
      <c r="AQ3764" s="137"/>
      <c r="AR3764" s="137"/>
      <c r="AS3764" s="137"/>
      <c r="AT3764" s="137"/>
      <c r="AU3764" s="137"/>
      <c r="AV3764" s="137"/>
      <c r="AW3764" s="144"/>
    </row>
    <row r="3765" spans="7:49" x14ac:dyDescent="0.2">
      <c r="G3765" s="43"/>
      <c r="Z3765" s="143"/>
      <c r="AA3765" s="137"/>
      <c r="AB3765" s="137"/>
      <c r="AC3765" s="137"/>
      <c r="AD3765" s="137"/>
      <c r="AE3765" s="137"/>
      <c r="AF3765" s="137"/>
      <c r="AG3765" s="137"/>
      <c r="AH3765" s="137"/>
      <c r="AI3765" s="137"/>
      <c r="AJ3765" s="137"/>
      <c r="AK3765" s="137"/>
      <c r="AL3765" s="137"/>
      <c r="AM3765" s="137"/>
      <c r="AN3765" s="137"/>
      <c r="AO3765" s="137"/>
      <c r="AP3765" s="137"/>
      <c r="AQ3765" s="137"/>
      <c r="AR3765" s="137"/>
      <c r="AS3765" s="137"/>
      <c r="AT3765" s="137"/>
      <c r="AU3765" s="137"/>
      <c r="AV3765" s="137"/>
      <c r="AW3765" s="144"/>
    </row>
    <row r="3766" spans="7:49" x14ac:dyDescent="0.2">
      <c r="G3766" s="43"/>
      <c r="Z3766" s="143"/>
      <c r="AA3766" s="137"/>
      <c r="AB3766" s="137"/>
      <c r="AC3766" s="137"/>
      <c r="AD3766" s="137"/>
      <c r="AE3766" s="137"/>
      <c r="AF3766" s="137"/>
      <c r="AG3766" s="137"/>
      <c r="AH3766" s="137"/>
      <c r="AI3766" s="137"/>
      <c r="AJ3766" s="137"/>
      <c r="AK3766" s="137"/>
      <c r="AL3766" s="137"/>
      <c r="AM3766" s="137"/>
      <c r="AN3766" s="137"/>
      <c r="AO3766" s="137"/>
      <c r="AP3766" s="137"/>
      <c r="AQ3766" s="137"/>
      <c r="AR3766" s="137"/>
      <c r="AS3766" s="137"/>
      <c r="AT3766" s="137"/>
      <c r="AU3766" s="137"/>
      <c r="AV3766" s="137"/>
      <c r="AW3766" s="144"/>
    </row>
    <row r="3767" spans="7:49" x14ac:dyDescent="0.2">
      <c r="G3767" s="43"/>
      <c r="Z3767" s="143"/>
      <c r="AA3767" s="137"/>
      <c r="AB3767" s="137"/>
      <c r="AC3767" s="137"/>
      <c r="AD3767" s="137"/>
      <c r="AE3767" s="137"/>
      <c r="AF3767" s="137"/>
      <c r="AG3767" s="137"/>
      <c r="AH3767" s="137"/>
      <c r="AI3767" s="137"/>
      <c r="AJ3767" s="137"/>
      <c r="AK3767" s="137"/>
      <c r="AL3767" s="137"/>
      <c r="AM3767" s="137"/>
      <c r="AN3767" s="137"/>
      <c r="AO3767" s="137"/>
      <c r="AP3767" s="137"/>
      <c r="AQ3767" s="137"/>
      <c r="AR3767" s="137"/>
      <c r="AS3767" s="137"/>
      <c r="AT3767" s="137"/>
      <c r="AU3767" s="137"/>
      <c r="AV3767" s="137"/>
      <c r="AW3767" s="144"/>
    </row>
    <row r="3768" spans="7:49" x14ac:dyDescent="0.2">
      <c r="G3768" s="43"/>
      <c r="Z3768" s="143"/>
      <c r="AA3768" s="137"/>
      <c r="AB3768" s="137"/>
      <c r="AC3768" s="137"/>
      <c r="AD3768" s="137"/>
      <c r="AE3768" s="137"/>
      <c r="AF3768" s="137"/>
      <c r="AG3768" s="137"/>
      <c r="AH3768" s="137"/>
      <c r="AI3768" s="137"/>
      <c r="AJ3768" s="137"/>
      <c r="AK3768" s="137"/>
      <c r="AL3768" s="137"/>
      <c r="AM3768" s="137"/>
      <c r="AN3768" s="137"/>
      <c r="AO3768" s="137"/>
      <c r="AP3768" s="137"/>
      <c r="AQ3768" s="137"/>
      <c r="AR3768" s="137"/>
      <c r="AS3768" s="137"/>
      <c r="AT3768" s="137"/>
      <c r="AU3768" s="137"/>
      <c r="AV3768" s="137"/>
      <c r="AW3768" s="144"/>
    </row>
    <row r="3769" spans="7:49" x14ac:dyDescent="0.2">
      <c r="G3769" s="43"/>
      <c r="Z3769" s="143"/>
      <c r="AA3769" s="137"/>
      <c r="AB3769" s="137"/>
      <c r="AC3769" s="137"/>
      <c r="AD3769" s="137"/>
      <c r="AE3769" s="137"/>
      <c r="AF3769" s="137"/>
      <c r="AG3769" s="137"/>
      <c r="AH3769" s="137"/>
      <c r="AI3769" s="137"/>
      <c r="AJ3769" s="137"/>
      <c r="AK3769" s="137"/>
      <c r="AL3769" s="137"/>
      <c r="AM3769" s="137"/>
      <c r="AN3769" s="137"/>
      <c r="AO3769" s="137"/>
      <c r="AP3769" s="137"/>
      <c r="AQ3769" s="137"/>
      <c r="AR3769" s="137"/>
      <c r="AS3769" s="137"/>
      <c r="AT3769" s="137"/>
      <c r="AU3769" s="137"/>
      <c r="AV3769" s="137"/>
      <c r="AW3769" s="144"/>
    </row>
    <row r="3770" spans="7:49" x14ac:dyDescent="0.2">
      <c r="G3770" s="43"/>
      <c r="Z3770" s="143"/>
      <c r="AA3770" s="137"/>
      <c r="AB3770" s="137"/>
      <c r="AC3770" s="137"/>
      <c r="AD3770" s="137"/>
      <c r="AE3770" s="137"/>
      <c r="AF3770" s="137"/>
      <c r="AG3770" s="137"/>
      <c r="AH3770" s="137"/>
      <c r="AI3770" s="137"/>
      <c r="AJ3770" s="137"/>
      <c r="AK3770" s="137"/>
      <c r="AL3770" s="137"/>
      <c r="AM3770" s="137"/>
      <c r="AN3770" s="137"/>
      <c r="AO3770" s="137"/>
      <c r="AP3770" s="137"/>
      <c r="AQ3770" s="137"/>
      <c r="AR3770" s="137"/>
      <c r="AS3770" s="137"/>
      <c r="AT3770" s="137"/>
      <c r="AU3770" s="137"/>
      <c r="AV3770" s="137"/>
      <c r="AW3770" s="144"/>
    </row>
    <row r="3771" spans="7:49" x14ac:dyDescent="0.2">
      <c r="G3771" s="43"/>
      <c r="Z3771" s="143"/>
      <c r="AA3771" s="137"/>
      <c r="AB3771" s="137"/>
      <c r="AC3771" s="137"/>
      <c r="AD3771" s="137"/>
      <c r="AE3771" s="137"/>
      <c r="AF3771" s="137"/>
      <c r="AG3771" s="137"/>
      <c r="AH3771" s="137"/>
      <c r="AI3771" s="137"/>
      <c r="AJ3771" s="137"/>
      <c r="AK3771" s="137"/>
      <c r="AL3771" s="137"/>
      <c r="AM3771" s="137"/>
      <c r="AN3771" s="137"/>
      <c r="AO3771" s="137"/>
      <c r="AP3771" s="137"/>
      <c r="AQ3771" s="137"/>
      <c r="AR3771" s="137"/>
      <c r="AS3771" s="137"/>
      <c r="AT3771" s="137"/>
      <c r="AU3771" s="137"/>
      <c r="AV3771" s="137"/>
      <c r="AW3771" s="144"/>
    </row>
    <row r="3772" spans="7:49" x14ac:dyDescent="0.2">
      <c r="G3772" s="43"/>
      <c r="Z3772" s="143"/>
      <c r="AA3772" s="137"/>
      <c r="AB3772" s="137"/>
      <c r="AC3772" s="137"/>
      <c r="AD3772" s="137"/>
      <c r="AE3772" s="137"/>
      <c r="AF3772" s="137"/>
      <c r="AG3772" s="137"/>
      <c r="AH3772" s="137"/>
      <c r="AI3772" s="137"/>
      <c r="AJ3772" s="137"/>
      <c r="AK3772" s="137"/>
      <c r="AL3772" s="137"/>
      <c r="AM3772" s="137"/>
      <c r="AN3772" s="137"/>
      <c r="AO3772" s="137"/>
      <c r="AP3772" s="137"/>
      <c r="AQ3772" s="137"/>
      <c r="AR3772" s="137"/>
      <c r="AS3772" s="137"/>
      <c r="AT3772" s="137"/>
      <c r="AU3772" s="137"/>
      <c r="AV3772" s="137"/>
      <c r="AW3772" s="144"/>
    </row>
    <row r="3773" spans="7:49" x14ac:dyDescent="0.2">
      <c r="G3773" s="43"/>
      <c r="Z3773" s="143"/>
      <c r="AA3773" s="137"/>
      <c r="AB3773" s="137"/>
      <c r="AC3773" s="137"/>
      <c r="AD3773" s="137"/>
      <c r="AE3773" s="137"/>
      <c r="AF3773" s="137"/>
      <c r="AG3773" s="137"/>
      <c r="AH3773" s="137"/>
      <c r="AI3773" s="137"/>
      <c r="AJ3773" s="137"/>
      <c r="AK3773" s="137"/>
      <c r="AL3773" s="137"/>
      <c r="AM3773" s="137"/>
      <c r="AN3773" s="137"/>
      <c r="AO3773" s="137"/>
      <c r="AP3773" s="137"/>
      <c r="AQ3773" s="137"/>
      <c r="AR3773" s="137"/>
      <c r="AS3773" s="137"/>
      <c r="AT3773" s="137"/>
      <c r="AU3773" s="137"/>
      <c r="AV3773" s="137"/>
      <c r="AW3773" s="144"/>
    </row>
    <row r="3774" spans="7:49" x14ac:dyDescent="0.2">
      <c r="G3774" s="43"/>
      <c r="Z3774" s="143"/>
      <c r="AA3774" s="137"/>
      <c r="AB3774" s="137"/>
      <c r="AC3774" s="137"/>
      <c r="AD3774" s="137"/>
      <c r="AE3774" s="137"/>
      <c r="AF3774" s="137"/>
      <c r="AG3774" s="137"/>
      <c r="AH3774" s="137"/>
      <c r="AI3774" s="137"/>
      <c r="AJ3774" s="137"/>
      <c r="AK3774" s="137"/>
      <c r="AL3774" s="137"/>
      <c r="AM3774" s="137"/>
      <c r="AN3774" s="137"/>
      <c r="AO3774" s="137"/>
      <c r="AP3774" s="137"/>
      <c r="AQ3774" s="137"/>
      <c r="AR3774" s="137"/>
      <c r="AS3774" s="137"/>
      <c r="AT3774" s="137"/>
      <c r="AU3774" s="137"/>
      <c r="AV3774" s="137"/>
      <c r="AW3774" s="144"/>
    </row>
    <row r="3775" spans="7:49" x14ac:dyDescent="0.2">
      <c r="G3775" s="43"/>
      <c r="Z3775" s="143"/>
      <c r="AA3775" s="137"/>
      <c r="AB3775" s="137"/>
      <c r="AC3775" s="137"/>
      <c r="AD3775" s="137"/>
      <c r="AE3775" s="137"/>
      <c r="AF3775" s="137"/>
      <c r="AG3775" s="137"/>
      <c r="AH3775" s="137"/>
      <c r="AI3775" s="137"/>
      <c r="AJ3775" s="137"/>
      <c r="AK3775" s="137"/>
      <c r="AL3775" s="137"/>
      <c r="AM3775" s="137"/>
      <c r="AN3775" s="137"/>
      <c r="AO3775" s="137"/>
      <c r="AP3775" s="137"/>
      <c r="AQ3775" s="137"/>
      <c r="AR3775" s="137"/>
      <c r="AS3775" s="137"/>
      <c r="AT3775" s="137"/>
      <c r="AU3775" s="137"/>
      <c r="AV3775" s="137"/>
      <c r="AW3775" s="144"/>
    </row>
    <row r="3776" spans="7:49" x14ac:dyDescent="0.2">
      <c r="G3776" s="43"/>
      <c r="Z3776" s="143"/>
      <c r="AA3776" s="137"/>
      <c r="AB3776" s="137"/>
      <c r="AC3776" s="137"/>
      <c r="AD3776" s="137"/>
      <c r="AE3776" s="137"/>
      <c r="AF3776" s="137"/>
      <c r="AG3776" s="137"/>
      <c r="AH3776" s="137"/>
      <c r="AI3776" s="137"/>
      <c r="AJ3776" s="137"/>
      <c r="AK3776" s="137"/>
      <c r="AL3776" s="137"/>
      <c r="AM3776" s="137"/>
      <c r="AN3776" s="137"/>
      <c r="AO3776" s="137"/>
      <c r="AP3776" s="137"/>
      <c r="AQ3776" s="137"/>
      <c r="AR3776" s="137"/>
      <c r="AS3776" s="137"/>
      <c r="AT3776" s="137"/>
      <c r="AU3776" s="137"/>
      <c r="AV3776" s="137"/>
      <c r="AW3776" s="144"/>
    </row>
    <row r="3777" spans="7:49" x14ac:dyDescent="0.2">
      <c r="G3777" s="43"/>
      <c r="Z3777" s="143"/>
      <c r="AA3777" s="137"/>
      <c r="AB3777" s="137"/>
      <c r="AC3777" s="137"/>
      <c r="AD3777" s="137"/>
      <c r="AE3777" s="137"/>
      <c r="AF3777" s="137"/>
      <c r="AG3777" s="137"/>
      <c r="AH3777" s="137"/>
      <c r="AI3777" s="137"/>
      <c r="AJ3777" s="137"/>
      <c r="AK3777" s="137"/>
      <c r="AL3777" s="137"/>
      <c r="AM3777" s="137"/>
      <c r="AN3777" s="137"/>
      <c r="AO3777" s="137"/>
      <c r="AP3777" s="137"/>
      <c r="AQ3777" s="137"/>
      <c r="AR3777" s="137"/>
      <c r="AS3777" s="137"/>
      <c r="AT3777" s="137"/>
      <c r="AU3777" s="137"/>
      <c r="AV3777" s="137"/>
      <c r="AW3777" s="144"/>
    </row>
    <row r="3778" spans="7:49" x14ac:dyDescent="0.2">
      <c r="G3778" s="43"/>
      <c r="Z3778" s="143"/>
      <c r="AA3778" s="137"/>
      <c r="AB3778" s="137"/>
      <c r="AC3778" s="137"/>
      <c r="AD3778" s="137"/>
      <c r="AE3778" s="137"/>
      <c r="AF3778" s="137"/>
      <c r="AG3778" s="137"/>
      <c r="AH3778" s="137"/>
      <c r="AI3778" s="137"/>
      <c r="AJ3778" s="137"/>
      <c r="AK3778" s="137"/>
      <c r="AL3778" s="137"/>
      <c r="AM3778" s="137"/>
      <c r="AN3778" s="137"/>
      <c r="AO3778" s="137"/>
      <c r="AP3778" s="137"/>
      <c r="AQ3778" s="137"/>
      <c r="AR3778" s="137"/>
      <c r="AS3778" s="137"/>
      <c r="AT3778" s="137"/>
      <c r="AU3778" s="137"/>
      <c r="AV3778" s="137"/>
      <c r="AW3778" s="144"/>
    </row>
    <row r="3779" spans="7:49" x14ac:dyDescent="0.2">
      <c r="G3779" s="43"/>
      <c r="Z3779" s="143"/>
      <c r="AA3779" s="137"/>
      <c r="AB3779" s="137"/>
      <c r="AC3779" s="137"/>
      <c r="AD3779" s="137"/>
      <c r="AE3779" s="137"/>
      <c r="AF3779" s="137"/>
      <c r="AG3779" s="137"/>
      <c r="AH3779" s="137"/>
      <c r="AI3779" s="137"/>
      <c r="AJ3779" s="137"/>
      <c r="AK3779" s="137"/>
      <c r="AL3779" s="137"/>
      <c r="AM3779" s="137"/>
      <c r="AN3779" s="137"/>
      <c r="AO3779" s="137"/>
      <c r="AP3779" s="137"/>
      <c r="AQ3779" s="137"/>
      <c r="AR3779" s="137"/>
      <c r="AS3779" s="137"/>
      <c r="AT3779" s="137"/>
      <c r="AU3779" s="137"/>
      <c r="AV3779" s="137"/>
      <c r="AW3779" s="144"/>
    </row>
    <row r="3780" spans="7:49" x14ac:dyDescent="0.2">
      <c r="G3780" s="43"/>
      <c r="Z3780" s="143"/>
      <c r="AA3780" s="137"/>
      <c r="AB3780" s="137"/>
      <c r="AC3780" s="137"/>
      <c r="AD3780" s="137"/>
      <c r="AE3780" s="137"/>
      <c r="AF3780" s="137"/>
      <c r="AG3780" s="137"/>
      <c r="AH3780" s="137"/>
      <c r="AI3780" s="137"/>
      <c r="AJ3780" s="137"/>
      <c r="AK3780" s="137"/>
      <c r="AL3780" s="137"/>
      <c r="AM3780" s="137"/>
      <c r="AN3780" s="137"/>
      <c r="AO3780" s="137"/>
      <c r="AP3780" s="137"/>
      <c r="AQ3780" s="137"/>
      <c r="AR3780" s="137"/>
      <c r="AS3780" s="137"/>
      <c r="AT3780" s="137"/>
      <c r="AU3780" s="137"/>
      <c r="AV3780" s="137"/>
      <c r="AW3780" s="144"/>
    </row>
    <row r="3781" spans="7:49" x14ac:dyDescent="0.2">
      <c r="G3781" s="43"/>
      <c r="Z3781" s="143"/>
      <c r="AA3781" s="137"/>
      <c r="AB3781" s="137"/>
      <c r="AC3781" s="137"/>
      <c r="AD3781" s="137"/>
      <c r="AE3781" s="137"/>
      <c r="AF3781" s="137"/>
      <c r="AG3781" s="137"/>
      <c r="AH3781" s="137"/>
      <c r="AI3781" s="137"/>
      <c r="AJ3781" s="137"/>
      <c r="AK3781" s="137"/>
      <c r="AL3781" s="137"/>
      <c r="AM3781" s="137"/>
      <c r="AN3781" s="137"/>
      <c r="AO3781" s="137"/>
      <c r="AP3781" s="137"/>
      <c r="AQ3781" s="137"/>
      <c r="AR3781" s="137"/>
      <c r="AS3781" s="137"/>
      <c r="AT3781" s="137"/>
      <c r="AU3781" s="137"/>
      <c r="AV3781" s="137"/>
      <c r="AW3781" s="144"/>
    </row>
    <row r="3782" spans="7:49" x14ac:dyDescent="0.2">
      <c r="G3782" s="43"/>
      <c r="Z3782" s="143"/>
      <c r="AA3782" s="137"/>
      <c r="AB3782" s="137"/>
      <c r="AC3782" s="137"/>
      <c r="AD3782" s="137"/>
      <c r="AE3782" s="137"/>
      <c r="AF3782" s="137"/>
      <c r="AG3782" s="137"/>
      <c r="AH3782" s="137"/>
      <c r="AI3782" s="137"/>
      <c r="AJ3782" s="137"/>
      <c r="AK3782" s="137"/>
      <c r="AL3782" s="137"/>
      <c r="AM3782" s="137"/>
      <c r="AN3782" s="137"/>
      <c r="AO3782" s="137"/>
      <c r="AP3782" s="137"/>
      <c r="AQ3782" s="137"/>
      <c r="AR3782" s="137"/>
      <c r="AS3782" s="137"/>
      <c r="AT3782" s="137"/>
      <c r="AU3782" s="137"/>
      <c r="AV3782" s="137"/>
      <c r="AW3782" s="144"/>
    </row>
    <row r="3783" spans="7:49" x14ac:dyDescent="0.2">
      <c r="G3783" s="43"/>
      <c r="Z3783" s="143"/>
      <c r="AA3783" s="137"/>
      <c r="AB3783" s="137"/>
      <c r="AC3783" s="137"/>
      <c r="AD3783" s="137"/>
      <c r="AE3783" s="137"/>
      <c r="AF3783" s="137"/>
      <c r="AG3783" s="137"/>
      <c r="AH3783" s="137"/>
      <c r="AI3783" s="137"/>
      <c r="AJ3783" s="137"/>
      <c r="AK3783" s="137"/>
      <c r="AL3783" s="137"/>
      <c r="AM3783" s="137"/>
      <c r="AN3783" s="137"/>
      <c r="AO3783" s="137"/>
      <c r="AP3783" s="137"/>
      <c r="AQ3783" s="137"/>
      <c r="AR3783" s="137"/>
      <c r="AS3783" s="137"/>
      <c r="AT3783" s="137"/>
      <c r="AU3783" s="137"/>
      <c r="AV3783" s="137"/>
      <c r="AW3783" s="144"/>
    </row>
    <row r="3784" spans="7:49" x14ac:dyDescent="0.2">
      <c r="G3784" s="43"/>
      <c r="Z3784" s="143"/>
      <c r="AA3784" s="137"/>
      <c r="AB3784" s="137"/>
      <c r="AC3784" s="137"/>
      <c r="AD3784" s="137"/>
      <c r="AE3784" s="137"/>
      <c r="AF3784" s="137"/>
      <c r="AG3784" s="137"/>
      <c r="AH3784" s="137"/>
      <c r="AI3784" s="137"/>
      <c r="AJ3784" s="137"/>
      <c r="AK3784" s="137"/>
      <c r="AL3784" s="137"/>
      <c r="AM3784" s="137"/>
      <c r="AN3784" s="137"/>
      <c r="AO3784" s="137"/>
      <c r="AP3784" s="137"/>
      <c r="AQ3784" s="137"/>
      <c r="AR3784" s="137"/>
      <c r="AS3784" s="137"/>
      <c r="AT3784" s="137"/>
      <c r="AU3784" s="137"/>
      <c r="AV3784" s="137"/>
      <c r="AW3784" s="144"/>
    </row>
    <row r="3785" spans="7:49" x14ac:dyDescent="0.2">
      <c r="G3785" s="43"/>
      <c r="Z3785" s="143"/>
      <c r="AA3785" s="137"/>
      <c r="AB3785" s="137"/>
      <c r="AC3785" s="137"/>
      <c r="AD3785" s="137"/>
      <c r="AE3785" s="137"/>
      <c r="AF3785" s="137"/>
      <c r="AG3785" s="137"/>
      <c r="AH3785" s="137"/>
      <c r="AI3785" s="137"/>
      <c r="AJ3785" s="137"/>
      <c r="AK3785" s="137"/>
      <c r="AL3785" s="137"/>
      <c r="AM3785" s="137"/>
      <c r="AN3785" s="137"/>
      <c r="AO3785" s="137"/>
      <c r="AP3785" s="137"/>
      <c r="AQ3785" s="137"/>
      <c r="AR3785" s="137"/>
      <c r="AS3785" s="137"/>
      <c r="AT3785" s="137"/>
      <c r="AU3785" s="137"/>
      <c r="AV3785" s="137"/>
      <c r="AW3785" s="144"/>
    </row>
    <row r="3786" spans="7:49" x14ac:dyDescent="0.2">
      <c r="G3786" s="43"/>
      <c r="Z3786" s="143"/>
      <c r="AA3786" s="137"/>
      <c r="AB3786" s="137"/>
      <c r="AC3786" s="137"/>
      <c r="AD3786" s="137"/>
      <c r="AE3786" s="137"/>
      <c r="AF3786" s="137"/>
      <c r="AG3786" s="137"/>
      <c r="AH3786" s="137"/>
      <c r="AI3786" s="137"/>
      <c r="AJ3786" s="137"/>
      <c r="AK3786" s="137"/>
      <c r="AL3786" s="137"/>
      <c r="AM3786" s="137"/>
      <c r="AN3786" s="137"/>
      <c r="AO3786" s="137"/>
      <c r="AP3786" s="137"/>
      <c r="AQ3786" s="137"/>
      <c r="AR3786" s="137"/>
      <c r="AS3786" s="137"/>
      <c r="AT3786" s="137"/>
      <c r="AU3786" s="137"/>
      <c r="AV3786" s="137"/>
      <c r="AW3786" s="144"/>
    </row>
    <row r="3787" spans="7:49" x14ac:dyDescent="0.2">
      <c r="G3787" s="43"/>
      <c r="Z3787" s="143"/>
      <c r="AA3787" s="137"/>
      <c r="AB3787" s="137"/>
      <c r="AC3787" s="137"/>
      <c r="AD3787" s="137"/>
      <c r="AE3787" s="137"/>
      <c r="AF3787" s="137"/>
      <c r="AG3787" s="137"/>
      <c r="AH3787" s="137"/>
      <c r="AI3787" s="137"/>
      <c r="AJ3787" s="137"/>
      <c r="AK3787" s="137"/>
      <c r="AL3787" s="137"/>
      <c r="AM3787" s="137"/>
      <c r="AN3787" s="137"/>
      <c r="AO3787" s="137"/>
      <c r="AP3787" s="137"/>
      <c r="AQ3787" s="137"/>
      <c r="AR3787" s="137"/>
      <c r="AS3787" s="137"/>
      <c r="AT3787" s="137"/>
      <c r="AU3787" s="137"/>
      <c r="AV3787" s="137"/>
      <c r="AW3787" s="144"/>
    </row>
    <row r="3788" spans="7:49" x14ac:dyDescent="0.2">
      <c r="G3788" s="43"/>
      <c r="Z3788" s="143"/>
      <c r="AA3788" s="137"/>
      <c r="AB3788" s="137"/>
      <c r="AC3788" s="137"/>
      <c r="AD3788" s="137"/>
      <c r="AE3788" s="137"/>
      <c r="AF3788" s="137"/>
      <c r="AG3788" s="137"/>
      <c r="AH3788" s="137"/>
      <c r="AI3788" s="137"/>
      <c r="AJ3788" s="137"/>
      <c r="AK3788" s="137"/>
      <c r="AL3788" s="137"/>
      <c r="AM3788" s="137"/>
      <c r="AN3788" s="137"/>
      <c r="AO3788" s="137"/>
      <c r="AP3788" s="137"/>
      <c r="AQ3788" s="137"/>
      <c r="AR3788" s="137"/>
      <c r="AS3788" s="137"/>
      <c r="AT3788" s="137"/>
      <c r="AU3788" s="137"/>
      <c r="AV3788" s="137"/>
      <c r="AW3788" s="144"/>
    </row>
    <row r="3789" spans="7:49" x14ac:dyDescent="0.2">
      <c r="G3789" s="43"/>
      <c r="Z3789" s="143"/>
      <c r="AA3789" s="137"/>
      <c r="AB3789" s="137"/>
      <c r="AC3789" s="137"/>
      <c r="AD3789" s="137"/>
      <c r="AE3789" s="137"/>
      <c r="AF3789" s="137"/>
      <c r="AG3789" s="137"/>
      <c r="AH3789" s="137"/>
      <c r="AI3789" s="137"/>
      <c r="AJ3789" s="137"/>
      <c r="AK3789" s="137"/>
      <c r="AL3789" s="137"/>
      <c r="AM3789" s="137"/>
      <c r="AN3789" s="137"/>
      <c r="AO3789" s="137"/>
      <c r="AP3789" s="137"/>
      <c r="AQ3789" s="137"/>
      <c r="AR3789" s="137"/>
      <c r="AS3789" s="137"/>
      <c r="AT3789" s="137"/>
      <c r="AU3789" s="137"/>
      <c r="AV3789" s="137"/>
      <c r="AW3789" s="144"/>
    </row>
    <row r="3790" spans="7:49" x14ac:dyDescent="0.2">
      <c r="G3790" s="43"/>
      <c r="Z3790" s="143"/>
      <c r="AA3790" s="137"/>
      <c r="AB3790" s="137"/>
      <c r="AC3790" s="137"/>
      <c r="AD3790" s="137"/>
      <c r="AE3790" s="137"/>
      <c r="AF3790" s="137"/>
      <c r="AG3790" s="137"/>
      <c r="AH3790" s="137"/>
      <c r="AI3790" s="137"/>
      <c r="AJ3790" s="137"/>
      <c r="AK3790" s="137"/>
      <c r="AL3790" s="137"/>
      <c r="AM3790" s="137"/>
      <c r="AN3790" s="137"/>
      <c r="AO3790" s="137"/>
      <c r="AP3790" s="137"/>
      <c r="AQ3790" s="137"/>
      <c r="AR3790" s="137"/>
      <c r="AS3790" s="137"/>
      <c r="AT3790" s="137"/>
      <c r="AU3790" s="137"/>
      <c r="AV3790" s="137"/>
      <c r="AW3790" s="144"/>
    </row>
    <row r="3791" spans="7:49" x14ac:dyDescent="0.2">
      <c r="G3791" s="43"/>
      <c r="Z3791" s="143"/>
      <c r="AA3791" s="137"/>
      <c r="AB3791" s="137"/>
      <c r="AC3791" s="137"/>
      <c r="AD3791" s="137"/>
      <c r="AE3791" s="137"/>
      <c r="AF3791" s="137"/>
      <c r="AG3791" s="137"/>
      <c r="AH3791" s="137"/>
      <c r="AI3791" s="137"/>
      <c r="AJ3791" s="137"/>
      <c r="AK3791" s="137"/>
      <c r="AL3791" s="137"/>
      <c r="AM3791" s="137"/>
      <c r="AN3791" s="137"/>
      <c r="AO3791" s="137"/>
      <c r="AP3791" s="137"/>
      <c r="AQ3791" s="137"/>
      <c r="AR3791" s="137"/>
      <c r="AS3791" s="137"/>
      <c r="AT3791" s="137"/>
      <c r="AU3791" s="137"/>
      <c r="AV3791" s="137"/>
      <c r="AW3791" s="144"/>
    </row>
    <row r="3792" spans="7:49" x14ac:dyDescent="0.2">
      <c r="G3792" s="43"/>
      <c r="Z3792" s="143"/>
      <c r="AA3792" s="137"/>
      <c r="AB3792" s="137"/>
      <c r="AC3792" s="137"/>
      <c r="AD3792" s="137"/>
      <c r="AE3792" s="137"/>
      <c r="AF3792" s="137"/>
      <c r="AG3792" s="137"/>
      <c r="AH3792" s="137"/>
      <c r="AI3792" s="137"/>
      <c r="AJ3792" s="137"/>
      <c r="AK3792" s="137"/>
      <c r="AL3792" s="137"/>
      <c r="AM3792" s="137"/>
      <c r="AN3792" s="137"/>
      <c r="AO3792" s="137"/>
      <c r="AP3792" s="137"/>
      <c r="AQ3792" s="137"/>
      <c r="AR3792" s="137"/>
      <c r="AS3792" s="137"/>
      <c r="AT3792" s="137"/>
      <c r="AU3792" s="137"/>
      <c r="AV3792" s="137"/>
      <c r="AW3792" s="144"/>
    </row>
    <row r="3793" spans="7:49" x14ac:dyDescent="0.2">
      <c r="G3793" s="43"/>
      <c r="Z3793" s="143"/>
      <c r="AA3793" s="137"/>
      <c r="AB3793" s="137"/>
      <c r="AC3793" s="137"/>
      <c r="AD3793" s="137"/>
      <c r="AE3793" s="137"/>
      <c r="AF3793" s="137"/>
      <c r="AG3793" s="137"/>
      <c r="AH3793" s="137"/>
      <c r="AI3793" s="137"/>
      <c r="AJ3793" s="137"/>
      <c r="AK3793" s="137"/>
      <c r="AL3793" s="137"/>
      <c r="AM3793" s="137"/>
      <c r="AN3793" s="137"/>
      <c r="AO3793" s="137"/>
      <c r="AP3793" s="137"/>
      <c r="AQ3793" s="137"/>
      <c r="AR3793" s="137"/>
      <c r="AS3793" s="137"/>
      <c r="AT3793" s="137"/>
      <c r="AU3793" s="137"/>
      <c r="AV3793" s="137"/>
      <c r="AW3793" s="144"/>
    </row>
    <row r="3794" spans="7:49" x14ac:dyDescent="0.2">
      <c r="G3794" s="43"/>
      <c r="Z3794" s="143"/>
      <c r="AA3794" s="137"/>
      <c r="AB3794" s="137"/>
      <c r="AC3794" s="137"/>
      <c r="AD3794" s="137"/>
      <c r="AE3794" s="137"/>
      <c r="AF3794" s="137"/>
      <c r="AG3794" s="137"/>
      <c r="AH3794" s="137"/>
      <c r="AI3794" s="137"/>
      <c r="AJ3794" s="137"/>
      <c r="AK3794" s="137"/>
      <c r="AL3794" s="137"/>
      <c r="AM3794" s="137"/>
      <c r="AN3794" s="137"/>
      <c r="AO3794" s="137"/>
      <c r="AP3794" s="137"/>
      <c r="AQ3794" s="137"/>
      <c r="AR3794" s="137"/>
      <c r="AS3794" s="137"/>
      <c r="AT3794" s="137"/>
      <c r="AU3794" s="137"/>
      <c r="AV3794" s="137"/>
      <c r="AW3794" s="144"/>
    </row>
    <row r="3795" spans="7:49" x14ac:dyDescent="0.2">
      <c r="G3795" s="43"/>
      <c r="Z3795" s="143"/>
      <c r="AA3795" s="137"/>
      <c r="AB3795" s="137"/>
      <c r="AC3795" s="137"/>
      <c r="AD3795" s="137"/>
      <c r="AE3795" s="137"/>
      <c r="AF3795" s="137"/>
      <c r="AG3795" s="137"/>
      <c r="AH3795" s="137"/>
      <c r="AI3795" s="137"/>
      <c r="AJ3795" s="137"/>
      <c r="AK3795" s="137"/>
      <c r="AL3795" s="137"/>
      <c r="AM3795" s="137"/>
      <c r="AN3795" s="137"/>
      <c r="AO3795" s="137"/>
      <c r="AP3795" s="137"/>
      <c r="AQ3795" s="137"/>
      <c r="AR3795" s="137"/>
      <c r="AS3795" s="137"/>
      <c r="AT3795" s="137"/>
      <c r="AU3795" s="137"/>
      <c r="AV3795" s="137"/>
      <c r="AW3795" s="144"/>
    </row>
    <row r="3796" spans="7:49" x14ac:dyDescent="0.2">
      <c r="G3796" s="43"/>
      <c r="Z3796" s="143"/>
      <c r="AA3796" s="137"/>
      <c r="AB3796" s="137"/>
      <c r="AC3796" s="137"/>
      <c r="AD3796" s="137"/>
      <c r="AE3796" s="137"/>
      <c r="AF3796" s="137"/>
      <c r="AG3796" s="137"/>
      <c r="AH3796" s="137"/>
      <c r="AI3796" s="137"/>
      <c r="AJ3796" s="137"/>
      <c r="AK3796" s="137"/>
      <c r="AL3796" s="137"/>
      <c r="AM3796" s="137"/>
      <c r="AN3796" s="137"/>
      <c r="AO3796" s="137"/>
      <c r="AP3796" s="137"/>
      <c r="AQ3796" s="137"/>
      <c r="AR3796" s="137"/>
      <c r="AS3796" s="137"/>
      <c r="AT3796" s="137"/>
      <c r="AU3796" s="137"/>
      <c r="AV3796" s="137"/>
      <c r="AW3796" s="144"/>
    </row>
    <row r="3797" spans="7:49" x14ac:dyDescent="0.2">
      <c r="G3797" s="43"/>
      <c r="Z3797" s="143"/>
      <c r="AA3797" s="137"/>
      <c r="AB3797" s="137"/>
      <c r="AC3797" s="137"/>
      <c r="AD3797" s="137"/>
      <c r="AE3797" s="137"/>
      <c r="AF3797" s="137"/>
      <c r="AG3797" s="137"/>
      <c r="AH3797" s="137"/>
      <c r="AI3797" s="137"/>
      <c r="AJ3797" s="137"/>
      <c r="AK3797" s="137"/>
      <c r="AL3797" s="137"/>
      <c r="AM3797" s="137"/>
      <c r="AN3797" s="137"/>
      <c r="AO3797" s="137"/>
      <c r="AP3797" s="137"/>
      <c r="AQ3797" s="137"/>
      <c r="AR3797" s="137"/>
      <c r="AS3797" s="137"/>
      <c r="AT3797" s="137"/>
      <c r="AU3797" s="137"/>
      <c r="AV3797" s="137"/>
      <c r="AW3797" s="144"/>
    </row>
    <row r="3798" spans="7:49" x14ac:dyDescent="0.2">
      <c r="G3798" s="43"/>
      <c r="Z3798" s="143"/>
      <c r="AA3798" s="137"/>
      <c r="AB3798" s="137"/>
      <c r="AC3798" s="137"/>
      <c r="AD3798" s="137"/>
      <c r="AE3798" s="137"/>
      <c r="AF3798" s="137"/>
      <c r="AG3798" s="137"/>
      <c r="AH3798" s="137"/>
      <c r="AI3798" s="137"/>
      <c r="AJ3798" s="137"/>
      <c r="AK3798" s="137"/>
      <c r="AL3798" s="137"/>
      <c r="AM3798" s="137"/>
      <c r="AN3798" s="137"/>
      <c r="AO3798" s="137"/>
      <c r="AP3798" s="137"/>
      <c r="AQ3798" s="137"/>
      <c r="AR3798" s="137"/>
      <c r="AS3798" s="137"/>
      <c r="AT3798" s="137"/>
      <c r="AU3798" s="137"/>
      <c r="AV3798" s="137"/>
      <c r="AW3798" s="144"/>
    </row>
    <row r="3799" spans="7:49" x14ac:dyDescent="0.2">
      <c r="G3799" s="43"/>
      <c r="Z3799" s="143"/>
      <c r="AA3799" s="137"/>
      <c r="AB3799" s="137"/>
      <c r="AC3799" s="137"/>
      <c r="AD3799" s="137"/>
      <c r="AE3799" s="137"/>
      <c r="AF3799" s="137"/>
      <c r="AG3799" s="137"/>
      <c r="AH3799" s="137"/>
      <c r="AI3799" s="137"/>
      <c r="AJ3799" s="137"/>
      <c r="AK3799" s="137"/>
      <c r="AL3799" s="137"/>
      <c r="AM3799" s="137"/>
      <c r="AN3799" s="137"/>
      <c r="AO3799" s="137"/>
      <c r="AP3799" s="137"/>
      <c r="AQ3799" s="137"/>
      <c r="AR3799" s="137"/>
      <c r="AS3799" s="137"/>
      <c r="AT3799" s="137"/>
      <c r="AU3799" s="137"/>
      <c r="AV3799" s="137"/>
      <c r="AW3799" s="144"/>
    </row>
    <row r="3800" spans="7:49" x14ac:dyDescent="0.2">
      <c r="G3800" s="43"/>
      <c r="Z3800" s="143"/>
      <c r="AA3800" s="137"/>
      <c r="AB3800" s="137"/>
      <c r="AC3800" s="137"/>
      <c r="AD3800" s="137"/>
      <c r="AE3800" s="137"/>
      <c r="AF3800" s="137"/>
      <c r="AG3800" s="137"/>
      <c r="AH3800" s="137"/>
      <c r="AI3800" s="137"/>
      <c r="AJ3800" s="137"/>
      <c r="AK3800" s="137"/>
      <c r="AL3800" s="137"/>
      <c r="AM3800" s="137"/>
      <c r="AN3800" s="137"/>
      <c r="AO3800" s="137"/>
      <c r="AP3800" s="137"/>
      <c r="AQ3800" s="137"/>
      <c r="AR3800" s="137"/>
      <c r="AS3800" s="137"/>
      <c r="AT3800" s="137"/>
      <c r="AU3800" s="137"/>
      <c r="AV3800" s="137"/>
      <c r="AW3800" s="144"/>
    </row>
    <row r="3801" spans="7:49" x14ac:dyDescent="0.2">
      <c r="G3801" s="43"/>
      <c r="Z3801" s="143"/>
      <c r="AA3801" s="137"/>
      <c r="AB3801" s="137"/>
      <c r="AC3801" s="137"/>
      <c r="AD3801" s="137"/>
      <c r="AE3801" s="137"/>
      <c r="AF3801" s="137"/>
      <c r="AG3801" s="137"/>
      <c r="AH3801" s="137"/>
      <c r="AI3801" s="137"/>
      <c r="AJ3801" s="137"/>
      <c r="AK3801" s="137"/>
      <c r="AL3801" s="137"/>
      <c r="AM3801" s="137"/>
      <c r="AN3801" s="137"/>
      <c r="AO3801" s="137"/>
      <c r="AP3801" s="137"/>
      <c r="AQ3801" s="137"/>
      <c r="AR3801" s="137"/>
      <c r="AS3801" s="137"/>
      <c r="AT3801" s="137"/>
      <c r="AU3801" s="137"/>
      <c r="AV3801" s="137"/>
      <c r="AW3801" s="144"/>
    </row>
    <row r="3802" spans="7:49" x14ac:dyDescent="0.2">
      <c r="G3802" s="43"/>
      <c r="Z3802" s="143"/>
      <c r="AA3802" s="137"/>
      <c r="AB3802" s="137"/>
      <c r="AC3802" s="137"/>
      <c r="AD3802" s="137"/>
      <c r="AE3802" s="137"/>
      <c r="AF3802" s="137"/>
      <c r="AG3802" s="137"/>
      <c r="AH3802" s="137"/>
      <c r="AI3802" s="137"/>
      <c r="AJ3802" s="137"/>
      <c r="AK3802" s="137"/>
      <c r="AL3802" s="137"/>
      <c r="AM3802" s="137"/>
      <c r="AN3802" s="137"/>
      <c r="AO3802" s="137"/>
      <c r="AP3802" s="137"/>
      <c r="AQ3802" s="137"/>
      <c r="AR3802" s="137"/>
      <c r="AS3802" s="137"/>
      <c r="AT3802" s="137"/>
      <c r="AU3802" s="137"/>
      <c r="AV3802" s="137"/>
      <c r="AW3802" s="144"/>
    </row>
    <row r="3803" spans="7:49" x14ac:dyDescent="0.2">
      <c r="G3803" s="43"/>
      <c r="Z3803" s="143"/>
      <c r="AA3803" s="137"/>
      <c r="AB3803" s="137"/>
      <c r="AC3803" s="137"/>
      <c r="AD3803" s="137"/>
      <c r="AE3803" s="137"/>
      <c r="AF3803" s="137"/>
      <c r="AG3803" s="137"/>
      <c r="AH3803" s="137"/>
      <c r="AI3803" s="137"/>
      <c r="AJ3803" s="137"/>
      <c r="AK3803" s="137"/>
      <c r="AL3803" s="137"/>
      <c r="AM3803" s="137"/>
      <c r="AN3803" s="137"/>
      <c r="AO3803" s="137"/>
      <c r="AP3803" s="137"/>
      <c r="AQ3803" s="137"/>
      <c r="AR3803" s="137"/>
      <c r="AS3803" s="137"/>
      <c r="AT3803" s="137"/>
      <c r="AU3803" s="137"/>
      <c r="AV3803" s="137"/>
      <c r="AW3803" s="144"/>
    </row>
    <row r="3804" spans="7:49" x14ac:dyDescent="0.2">
      <c r="G3804" s="43"/>
      <c r="Z3804" s="143"/>
      <c r="AA3804" s="137"/>
      <c r="AB3804" s="137"/>
      <c r="AC3804" s="137"/>
      <c r="AD3804" s="137"/>
      <c r="AE3804" s="137"/>
      <c r="AF3804" s="137"/>
      <c r="AG3804" s="137"/>
      <c r="AH3804" s="137"/>
      <c r="AI3804" s="137"/>
      <c r="AJ3804" s="137"/>
      <c r="AK3804" s="137"/>
      <c r="AL3804" s="137"/>
      <c r="AM3804" s="137"/>
      <c r="AN3804" s="137"/>
      <c r="AO3804" s="137"/>
      <c r="AP3804" s="137"/>
      <c r="AQ3804" s="137"/>
      <c r="AR3804" s="137"/>
      <c r="AS3804" s="137"/>
      <c r="AT3804" s="137"/>
      <c r="AU3804" s="137"/>
      <c r="AV3804" s="137"/>
      <c r="AW3804" s="144"/>
    </row>
    <row r="3805" spans="7:49" x14ac:dyDescent="0.2">
      <c r="G3805" s="43"/>
      <c r="Z3805" s="143"/>
      <c r="AA3805" s="137"/>
      <c r="AB3805" s="137"/>
      <c r="AC3805" s="137"/>
      <c r="AD3805" s="137"/>
      <c r="AE3805" s="137"/>
      <c r="AF3805" s="137"/>
      <c r="AG3805" s="137"/>
      <c r="AH3805" s="137"/>
      <c r="AI3805" s="137"/>
      <c r="AJ3805" s="137"/>
      <c r="AK3805" s="137"/>
      <c r="AL3805" s="137"/>
      <c r="AM3805" s="137"/>
      <c r="AN3805" s="137"/>
      <c r="AO3805" s="137"/>
      <c r="AP3805" s="137"/>
      <c r="AQ3805" s="137"/>
      <c r="AR3805" s="137"/>
      <c r="AS3805" s="137"/>
      <c r="AT3805" s="137"/>
      <c r="AU3805" s="137"/>
      <c r="AV3805" s="137"/>
      <c r="AW3805" s="144"/>
    </row>
    <row r="3806" spans="7:49" x14ac:dyDescent="0.2">
      <c r="G3806" s="43"/>
      <c r="Z3806" s="143"/>
      <c r="AA3806" s="137"/>
      <c r="AB3806" s="137"/>
      <c r="AC3806" s="137"/>
      <c r="AD3806" s="137"/>
      <c r="AE3806" s="137"/>
      <c r="AF3806" s="137"/>
      <c r="AG3806" s="137"/>
      <c r="AH3806" s="137"/>
      <c r="AI3806" s="137"/>
      <c r="AJ3806" s="137"/>
      <c r="AK3806" s="137"/>
      <c r="AL3806" s="137"/>
      <c r="AM3806" s="137"/>
      <c r="AN3806" s="137"/>
      <c r="AO3806" s="137"/>
      <c r="AP3806" s="137"/>
      <c r="AQ3806" s="137"/>
      <c r="AR3806" s="137"/>
      <c r="AS3806" s="137"/>
      <c r="AT3806" s="137"/>
      <c r="AU3806" s="137"/>
      <c r="AV3806" s="137"/>
      <c r="AW3806" s="144"/>
    </row>
    <row r="3807" spans="7:49" x14ac:dyDescent="0.2">
      <c r="G3807" s="43"/>
      <c r="Z3807" s="143"/>
      <c r="AA3807" s="137"/>
      <c r="AB3807" s="137"/>
      <c r="AC3807" s="137"/>
      <c r="AD3807" s="137"/>
      <c r="AE3807" s="137"/>
      <c r="AF3807" s="137"/>
      <c r="AG3807" s="137"/>
      <c r="AH3807" s="137"/>
      <c r="AI3807" s="137"/>
      <c r="AJ3807" s="137"/>
      <c r="AK3807" s="137"/>
      <c r="AL3807" s="137"/>
      <c r="AM3807" s="137"/>
      <c r="AN3807" s="137"/>
      <c r="AO3807" s="137"/>
      <c r="AP3807" s="137"/>
      <c r="AQ3807" s="137"/>
      <c r="AR3807" s="137"/>
      <c r="AS3807" s="137"/>
      <c r="AT3807" s="137"/>
      <c r="AU3807" s="137"/>
      <c r="AV3807" s="137"/>
      <c r="AW3807" s="144"/>
    </row>
    <row r="3808" spans="7:49" x14ac:dyDescent="0.2">
      <c r="G3808" s="43"/>
      <c r="Z3808" s="143"/>
      <c r="AA3808" s="137"/>
      <c r="AB3808" s="137"/>
      <c r="AC3808" s="137"/>
      <c r="AD3808" s="137"/>
      <c r="AE3808" s="137"/>
      <c r="AF3808" s="137"/>
      <c r="AG3808" s="137"/>
      <c r="AH3808" s="137"/>
      <c r="AI3808" s="137"/>
      <c r="AJ3808" s="137"/>
      <c r="AK3808" s="137"/>
      <c r="AL3808" s="137"/>
      <c r="AM3808" s="137"/>
      <c r="AN3808" s="137"/>
      <c r="AO3808" s="137"/>
      <c r="AP3808" s="137"/>
      <c r="AQ3808" s="137"/>
      <c r="AR3808" s="137"/>
      <c r="AS3808" s="137"/>
      <c r="AT3808" s="137"/>
      <c r="AU3808" s="137"/>
      <c r="AV3808" s="137"/>
      <c r="AW3808" s="144"/>
    </row>
    <row r="3809" spans="7:49" x14ac:dyDescent="0.2">
      <c r="G3809" s="43"/>
      <c r="Z3809" s="143"/>
      <c r="AA3809" s="137"/>
      <c r="AB3809" s="137"/>
      <c r="AC3809" s="137"/>
      <c r="AD3809" s="137"/>
      <c r="AE3809" s="137"/>
      <c r="AF3809" s="137"/>
      <c r="AG3809" s="137"/>
      <c r="AH3809" s="137"/>
      <c r="AI3809" s="137"/>
      <c r="AJ3809" s="137"/>
      <c r="AK3809" s="137"/>
      <c r="AL3809" s="137"/>
      <c r="AM3809" s="137"/>
      <c r="AN3809" s="137"/>
      <c r="AO3809" s="137"/>
      <c r="AP3809" s="137"/>
      <c r="AQ3809" s="137"/>
      <c r="AR3809" s="137"/>
      <c r="AS3809" s="137"/>
      <c r="AT3809" s="137"/>
      <c r="AU3809" s="137"/>
      <c r="AV3809" s="137"/>
      <c r="AW3809" s="144"/>
    </row>
    <row r="3810" spans="7:49" x14ac:dyDescent="0.2">
      <c r="G3810" s="43"/>
      <c r="Z3810" s="143"/>
      <c r="AA3810" s="137"/>
      <c r="AB3810" s="137"/>
      <c r="AC3810" s="137"/>
      <c r="AD3810" s="137"/>
      <c r="AE3810" s="137"/>
      <c r="AF3810" s="137"/>
      <c r="AG3810" s="137"/>
      <c r="AH3810" s="137"/>
      <c r="AI3810" s="137"/>
      <c r="AJ3810" s="137"/>
      <c r="AK3810" s="137"/>
      <c r="AL3810" s="137"/>
      <c r="AM3810" s="137"/>
      <c r="AN3810" s="137"/>
      <c r="AO3810" s="137"/>
      <c r="AP3810" s="137"/>
      <c r="AQ3810" s="137"/>
      <c r="AR3810" s="137"/>
      <c r="AS3810" s="137"/>
      <c r="AT3810" s="137"/>
      <c r="AU3810" s="137"/>
      <c r="AV3810" s="137"/>
      <c r="AW3810" s="144"/>
    </row>
    <row r="3811" spans="7:49" x14ac:dyDescent="0.2">
      <c r="G3811" s="43"/>
      <c r="Z3811" s="143"/>
      <c r="AA3811" s="137"/>
      <c r="AB3811" s="137"/>
      <c r="AC3811" s="137"/>
      <c r="AD3811" s="137"/>
      <c r="AE3811" s="137"/>
      <c r="AF3811" s="137"/>
      <c r="AG3811" s="137"/>
      <c r="AH3811" s="137"/>
      <c r="AI3811" s="137"/>
      <c r="AJ3811" s="137"/>
      <c r="AK3811" s="137"/>
      <c r="AL3811" s="137"/>
      <c r="AM3811" s="137"/>
      <c r="AN3811" s="137"/>
      <c r="AO3811" s="137"/>
      <c r="AP3811" s="137"/>
      <c r="AQ3811" s="137"/>
      <c r="AR3811" s="137"/>
      <c r="AS3811" s="137"/>
      <c r="AT3811" s="137"/>
      <c r="AU3811" s="137"/>
      <c r="AV3811" s="137"/>
      <c r="AW3811" s="144"/>
    </row>
    <row r="3812" spans="7:49" x14ac:dyDescent="0.2">
      <c r="G3812" s="43"/>
      <c r="Z3812" s="143"/>
      <c r="AA3812" s="137"/>
      <c r="AB3812" s="137"/>
      <c r="AC3812" s="137"/>
      <c r="AD3812" s="137"/>
      <c r="AE3812" s="137"/>
      <c r="AF3812" s="137"/>
      <c r="AG3812" s="137"/>
      <c r="AH3812" s="137"/>
      <c r="AI3812" s="137"/>
      <c r="AJ3812" s="137"/>
      <c r="AK3812" s="137"/>
      <c r="AL3812" s="137"/>
      <c r="AM3812" s="137"/>
      <c r="AN3812" s="137"/>
      <c r="AO3812" s="137"/>
      <c r="AP3812" s="137"/>
      <c r="AQ3812" s="137"/>
      <c r="AR3812" s="137"/>
      <c r="AS3812" s="137"/>
      <c r="AT3812" s="137"/>
      <c r="AU3812" s="137"/>
      <c r="AV3812" s="137"/>
      <c r="AW3812" s="144"/>
    </row>
    <row r="3813" spans="7:49" x14ac:dyDescent="0.2">
      <c r="G3813" s="43"/>
      <c r="Z3813" s="143"/>
      <c r="AA3813" s="137"/>
      <c r="AB3813" s="137"/>
      <c r="AC3813" s="137"/>
      <c r="AD3813" s="137"/>
      <c r="AE3813" s="137"/>
      <c r="AF3813" s="137"/>
      <c r="AG3813" s="137"/>
      <c r="AH3813" s="137"/>
      <c r="AI3813" s="137"/>
      <c r="AJ3813" s="137"/>
      <c r="AK3813" s="137"/>
      <c r="AL3813" s="137"/>
      <c r="AM3813" s="137"/>
      <c r="AN3813" s="137"/>
      <c r="AO3813" s="137"/>
      <c r="AP3813" s="137"/>
      <c r="AQ3813" s="137"/>
      <c r="AR3813" s="137"/>
      <c r="AS3813" s="137"/>
      <c r="AT3813" s="137"/>
      <c r="AU3813" s="137"/>
      <c r="AV3813" s="137"/>
      <c r="AW3813" s="144"/>
    </row>
    <row r="3814" spans="7:49" x14ac:dyDescent="0.2">
      <c r="G3814" s="43"/>
      <c r="Z3814" s="143"/>
      <c r="AA3814" s="137"/>
      <c r="AB3814" s="137"/>
      <c r="AC3814" s="137"/>
      <c r="AD3814" s="137"/>
      <c r="AE3814" s="137"/>
      <c r="AF3814" s="137"/>
      <c r="AG3814" s="137"/>
      <c r="AH3814" s="137"/>
      <c r="AI3814" s="137"/>
      <c r="AJ3814" s="137"/>
      <c r="AK3814" s="137"/>
      <c r="AL3814" s="137"/>
      <c r="AM3814" s="137"/>
      <c r="AN3814" s="137"/>
      <c r="AO3814" s="137"/>
      <c r="AP3814" s="137"/>
      <c r="AQ3814" s="137"/>
      <c r="AR3814" s="137"/>
      <c r="AS3814" s="137"/>
      <c r="AT3814" s="137"/>
      <c r="AU3814" s="137"/>
      <c r="AV3814" s="137"/>
      <c r="AW3814" s="144"/>
    </row>
    <row r="3815" spans="7:49" x14ac:dyDescent="0.2">
      <c r="G3815" s="43"/>
      <c r="Z3815" s="143"/>
      <c r="AA3815" s="137"/>
      <c r="AB3815" s="137"/>
      <c r="AC3815" s="137"/>
      <c r="AD3815" s="137"/>
      <c r="AE3815" s="137"/>
      <c r="AF3815" s="137"/>
      <c r="AG3815" s="137"/>
      <c r="AH3815" s="137"/>
      <c r="AI3815" s="137"/>
      <c r="AJ3815" s="137"/>
      <c r="AK3815" s="137"/>
      <c r="AL3815" s="137"/>
      <c r="AM3815" s="137"/>
      <c r="AN3815" s="137"/>
      <c r="AO3815" s="137"/>
      <c r="AP3815" s="137"/>
      <c r="AQ3815" s="137"/>
      <c r="AR3815" s="137"/>
      <c r="AS3815" s="137"/>
      <c r="AT3815" s="137"/>
      <c r="AU3815" s="137"/>
      <c r="AV3815" s="137"/>
      <c r="AW3815" s="144"/>
    </row>
    <row r="3816" spans="7:49" x14ac:dyDescent="0.2">
      <c r="G3816" s="43"/>
      <c r="Z3816" s="143"/>
      <c r="AA3816" s="137"/>
      <c r="AB3816" s="137"/>
      <c r="AC3816" s="137"/>
      <c r="AD3816" s="137"/>
      <c r="AE3816" s="137"/>
      <c r="AF3816" s="137"/>
      <c r="AG3816" s="137"/>
      <c r="AH3816" s="137"/>
      <c r="AI3816" s="137"/>
      <c r="AJ3816" s="137"/>
      <c r="AK3816" s="137"/>
      <c r="AL3816" s="137"/>
      <c r="AM3816" s="137"/>
      <c r="AN3816" s="137"/>
      <c r="AO3816" s="137"/>
      <c r="AP3816" s="137"/>
      <c r="AQ3816" s="137"/>
      <c r="AR3816" s="137"/>
      <c r="AS3816" s="137"/>
      <c r="AT3816" s="137"/>
      <c r="AU3816" s="137"/>
      <c r="AV3816" s="137"/>
      <c r="AW3816" s="144"/>
    </row>
    <row r="3817" spans="7:49" x14ac:dyDescent="0.2">
      <c r="G3817" s="43"/>
      <c r="Z3817" s="143"/>
      <c r="AA3817" s="137"/>
      <c r="AB3817" s="137"/>
      <c r="AC3817" s="137"/>
      <c r="AD3817" s="137"/>
      <c r="AE3817" s="137"/>
      <c r="AF3817" s="137"/>
      <c r="AG3817" s="137"/>
      <c r="AH3817" s="137"/>
      <c r="AI3817" s="137"/>
      <c r="AJ3817" s="137"/>
      <c r="AK3817" s="137"/>
      <c r="AL3817" s="137"/>
      <c r="AM3817" s="137"/>
      <c r="AN3817" s="137"/>
      <c r="AO3817" s="137"/>
      <c r="AP3817" s="137"/>
      <c r="AQ3817" s="137"/>
      <c r="AR3817" s="137"/>
      <c r="AS3817" s="137"/>
      <c r="AT3817" s="137"/>
      <c r="AU3817" s="137"/>
      <c r="AV3817" s="137"/>
      <c r="AW3817" s="144"/>
    </row>
    <row r="3818" spans="7:49" x14ac:dyDescent="0.2">
      <c r="G3818" s="43"/>
      <c r="Z3818" s="143"/>
      <c r="AA3818" s="137"/>
      <c r="AB3818" s="137"/>
      <c r="AC3818" s="137"/>
      <c r="AD3818" s="137"/>
      <c r="AE3818" s="137"/>
      <c r="AF3818" s="137"/>
      <c r="AG3818" s="137"/>
      <c r="AH3818" s="137"/>
      <c r="AI3818" s="137"/>
      <c r="AJ3818" s="137"/>
      <c r="AK3818" s="137"/>
      <c r="AL3818" s="137"/>
      <c r="AM3818" s="137"/>
      <c r="AN3818" s="137"/>
      <c r="AO3818" s="137"/>
      <c r="AP3818" s="137"/>
      <c r="AQ3818" s="137"/>
      <c r="AR3818" s="137"/>
      <c r="AS3818" s="137"/>
      <c r="AT3818" s="137"/>
      <c r="AU3818" s="137"/>
      <c r="AV3818" s="137"/>
      <c r="AW3818" s="144"/>
    </row>
    <row r="3819" spans="7:49" x14ac:dyDescent="0.2">
      <c r="G3819" s="43"/>
      <c r="Z3819" s="143"/>
      <c r="AA3819" s="137"/>
      <c r="AB3819" s="137"/>
      <c r="AC3819" s="137"/>
      <c r="AD3819" s="137"/>
      <c r="AE3819" s="137"/>
      <c r="AF3819" s="137"/>
      <c r="AG3819" s="137"/>
      <c r="AH3819" s="137"/>
      <c r="AI3819" s="137"/>
      <c r="AJ3819" s="137"/>
      <c r="AK3819" s="137"/>
      <c r="AL3819" s="137"/>
      <c r="AM3819" s="137"/>
      <c r="AN3819" s="137"/>
      <c r="AO3819" s="137"/>
      <c r="AP3819" s="137"/>
      <c r="AQ3819" s="137"/>
      <c r="AR3819" s="137"/>
      <c r="AS3819" s="137"/>
      <c r="AT3819" s="137"/>
      <c r="AU3819" s="137"/>
      <c r="AV3819" s="137"/>
      <c r="AW3819" s="144"/>
    </row>
    <row r="3820" spans="7:49" x14ac:dyDescent="0.2">
      <c r="G3820" s="43"/>
      <c r="Z3820" s="143"/>
      <c r="AA3820" s="137"/>
      <c r="AB3820" s="137"/>
      <c r="AC3820" s="137"/>
      <c r="AD3820" s="137"/>
      <c r="AE3820" s="137"/>
      <c r="AF3820" s="137"/>
      <c r="AG3820" s="137"/>
      <c r="AH3820" s="137"/>
      <c r="AI3820" s="137"/>
      <c r="AJ3820" s="137"/>
      <c r="AK3820" s="137"/>
      <c r="AL3820" s="137"/>
      <c r="AM3820" s="137"/>
      <c r="AN3820" s="137"/>
      <c r="AO3820" s="137"/>
      <c r="AP3820" s="137"/>
      <c r="AQ3820" s="137"/>
      <c r="AR3820" s="137"/>
      <c r="AS3820" s="137"/>
      <c r="AT3820" s="137"/>
      <c r="AU3820" s="137"/>
      <c r="AV3820" s="137"/>
      <c r="AW3820" s="144"/>
    </row>
    <row r="3821" spans="7:49" x14ac:dyDescent="0.2">
      <c r="G3821" s="43"/>
      <c r="Z3821" s="143"/>
      <c r="AA3821" s="137"/>
      <c r="AB3821" s="137"/>
      <c r="AC3821" s="137"/>
      <c r="AD3821" s="137"/>
      <c r="AE3821" s="137"/>
      <c r="AF3821" s="137"/>
      <c r="AG3821" s="137"/>
      <c r="AH3821" s="137"/>
      <c r="AI3821" s="137"/>
      <c r="AJ3821" s="137"/>
      <c r="AK3821" s="137"/>
      <c r="AL3821" s="137"/>
      <c r="AM3821" s="137"/>
      <c r="AN3821" s="137"/>
      <c r="AO3821" s="137"/>
      <c r="AP3821" s="137"/>
      <c r="AQ3821" s="137"/>
      <c r="AR3821" s="137"/>
      <c r="AS3821" s="137"/>
      <c r="AT3821" s="137"/>
      <c r="AU3821" s="137"/>
      <c r="AV3821" s="137"/>
      <c r="AW3821" s="144"/>
    </row>
    <row r="3822" spans="7:49" x14ac:dyDescent="0.2">
      <c r="G3822" s="43"/>
      <c r="Z3822" s="143"/>
      <c r="AA3822" s="137"/>
      <c r="AB3822" s="137"/>
      <c r="AC3822" s="137"/>
      <c r="AD3822" s="137"/>
      <c r="AE3822" s="137"/>
      <c r="AF3822" s="137"/>
      <c r="AG3822" s="137"/>
      <c r="AH3822" s="137"/>
      <c r="AI3822" s="137"/>
      <c r="AJ3822" s="137"/>
      <c r="AK3822" s="137"/>
      <c r="AL3822" s="137"/>
      <c r="AM3822" s="137"/>
      <c r="AN3822" s="137"/>
      <c r="AO3822" s="137"/>
      <c r="AP3822" s="137"/>
      <c r="AQ3822" s="137"/>
      <c r="AR3822" s="137"/>
      <c r="AS3822" s="137"/>
      <c r="AT3822" s="137"/>
      <c r="AU3822" s="137"/>
      <c r="AV3822" s="137"/>
      <c r="AW3822" s="144"/>
    </row>
    <row r="3823" spans="7:49" x14ac:dyDescent="0.2">
      <c r="G3823" s="43"/>
      <c r="Z3823" s="143"/>
      <c r="AA3823" s="137"/>
      <c r="AB3823" s="137"/>
      <c r="AC3823" s="137"/>
      <c r="AD3823" s="137"/>
      <c r="AE3823" s="137"/>
      <c r="AF3823" s="137"/>
      <c r="AG3823" s="137"/>
      <c r="AH3823" s="137"/>
      <c r="AI3823" s="137"/>
      <c r="AJ3823" s="137"/>
      <c r="AK3823" s="137"/>
      <c r="AL3823" s="137"/>
      <c r="AM3823" s="137"/>
      <c r="AN3823" s="137"/>
      <c r="AO3823" s="137"/>
      <c r="AP3823" s="137"/>
      <c r="AQ3823" s="137"/>
      <c r="AR3823" s="137"/>
      <c r="AS3823" s="137"/>
      <c r="AT3823" s="137"/>
      <c r="AU3823" s="137"/>
      <c r="AV3823" s="137"/>
      <c r="AW3823" s="144"/>
    </row>
    <row r="3824" spans="7:49" x14ac:dyDescent="0.2">
      <c r="G3824" s="43"/>
      <c r="Z3824" s="143"/>
      <c r="AA3824" s="137"/>
      <c r="AB3824" s="137"/>
      <c r="AC3824" s="137"/>
      <c r="AD3824" s="137"/>
      <c r="AE3824" s="137"/>
      <c r="AF3824" s="137"/>
      <c r="AG3824" s="137"/>
      <c r="AH3824" s="137"/>
      <c r="AI3824" s="137"/>
      <c r="AJ3824" s="137"/>
      <c r="AK3824" s="137"/>
      <c r="AL3824" s="137"/>
      <c r="AM3824" s="137"/>
      <c r="AN3824" s="137"/>
      <c r="AO3824" s="137"/>
      <c r="AP3824" s="137"/>
      <c r="AQ3824" s="137"/>
      <c r="AR3824" s="137"/>
      <c r="AS3824" s="137"/>
      <c r="AT3824" s="137"/>
      <c r="AU3824" s="137"/>
      <c r="AV3824" s="137"/>
      <c r="AW3824" s="144"/>
    </row>
    <row r="3825" spans="7:49" x14ac:dyDescent="0.2">
      <c r="G3825" s="43"/>
      <c r="Z3825" s="143"/>
      <c r="AA3825" s="137"/>
      <c r="AB3825" s="137"/>
      <c r="AC3825" s="137"/>
      <c r="AD3825" s="137"/>
      <c r="AE3825" s="137"/>
      <c r="AF3825" s="137"/>
      <c r="AG3825" s="137"/>
      <c r="AH3825" s="137"/>
      <c r="AI3825" s="137"/>
      <c r="AJ3825" s="137"/>
      <c r="AK3825" s="137"/>
      <c r="AL3825" s="137"/>
      <c r="AM3825" s="137"/>
      <c r="AN3825" s="137"/>
      <c r="AO3825" s="137"/>
      <c r="AP3825" s="137"/>
      <c r="AQ3825" s="137"/>
      <c r="AR3825" s="137"/>
      <c r="AS3825" s="137"/>
      <c r="AT3825" s="137"/>
      <c r="AU3825" s="137"/>
      <c r="AV3825" s="137"/>
      <c r="AW3825" s="144"/>
    </row>
    <row r="3826" spans="7:49" x14ac:dyDescent="0.2">
      <c r="G3826" s="43"/>
      <c r="Z3826" s="143"/>
      <c r="AA3826" s="137"/>
      <c r="AB3826" s="137"/>
      <c r="AC3826" s="137"/>
      <c r="AD3826" s="137"/>
      <c r="AE3826" s="137"/>
      <c r="AF3826" s="137"/>
      <c r="AG3826" s="137"/>
      <c r="AH3826" s="137"/>
      <c r="AI3826" s="137"/>
      <c r="AJ3826" s="137"/>
      <c r="AK3826" s="137"/>
      <c r="AL3826" s="137"/>
      <c r="AM3826" s="137"/>
      <c r="AN3826" s="137"/>
      <c r="AO3826" s="137"/>
      <c r="AP3826" s="137"/>
      <c r="AQ3826" s="137"/>
      <c r="AR3826" s="137"/>
      <c r="AS3826" s="137"/>
      <c r="AT3826" s="137"/>
      <c r="AU3826" s="137"/>
      <c r="AV3826" s="137"/>
      <c r="AW3826" s="144"/>
    </row>
    <row r="3827" spans="7:49" x14ac:dyDescent="0.2">
      <c r="G3827" s="43"/>
      <c r="Z3827" s="143"/>
      <c r="AA3827" s="137"/>
      <c r="AB3827" s="137"/>
      <c r="AC3827" s="137"/>
      <c r="AD3827" s="137"/>
      <c r="AE3827" s="137"/>
      <c r="AF3827" s="137"/>
      <c r="AG3827" s="137"/>
      <c r="AH3827" s="137"/>
      <c r="AI3827" s="137"/>
      <c r="AJ3827" s="137"/>
      <c r="AK3827" s="137"/>
      <c r="AL3827" s="137"/>
      <c r="AM3827" s="137"/>
      <c r="AN3827" s="137"/>
      <c r="AO3827" s="137"/>
      <c r="AP3827" s="137"/>
      <c r="AQ3827" s="137"/>
      <c r="AR3827" s="137"/>
      <c r="AS3827" s="137"/>
      <c r="AT3827" s="137"/>
      <c r="AU3827" s="137"/>
      <c r="AV3827" s="137"/>
      <c r="AW3827" s="144"/>
    </row>
    <row r="3828" spans="7:49" x14ac:dyDescent="0.2">
      <c r="G3828" s="43"/>
      <c r="Z3828" s="143"/>
      <c r="AA3828" s="137"/>
      <c r="AB3828" s="137"/>
      <c r="AC3828" s="137"/>
      <c r="AD3828" s="137"/>
      <c r="AE3828" s="137"/>
      <c r="AF3828" s="137"/>
      <c r="AG3828" s="137"/>
      <c r="AH3828" s="137"/>
      <c r="AI3828" s="137"/>
      <c r="AJ3828" s="137"/>
      <c r="AK3828" s="137"/>
      <c r="AL3828" s="137"/>
      <c r="AM3828" s="137"/>
      <c r="AN3828" s="137"/>
      <c r="AO3828" s="137"/>
      <c r="AP3828" s="137"/>
      <c r="AQ3828" s="137"/>
      <c r="AR3828" s="137"/>
      <c r="AS3828" s="137"/>
      <c r="AT3828" s="137"/>
      <c r="AU3828" s="137"/>
      <c r="AV3828" s="137"/>
      <c r="AW3828" s="144"/>
    </row>
    <row r="3829" spans="7:49" x14ac:dyDescent="0.2">
      <c r="G3829" s="43"/>
      <c r="Z3829" s="143"/>
      <c r="AA3829" s="137"/>
      <c r="AB3829" s="137"/>
      <c r="AC3829" s="137"/>
      <c r="AD3829" s="137"/>
      <c r="AE3829" s="137"/>
      <c r="AF3829" s="137"/>
      <c r="AG3829" s="137"/>
      <c r="AH3829" s="137"/>
      <c r="AI3829" s="137"/>
      <c r="AJ3829" s="137"/>
      <c r="AK3829" s="137"/>
      <c r="AL3829" s="137"/>
      <c r="AM3829" s="137"/>
      <c r="AN3829" s="137"/>
      <c r="AO3829" s="137"/>
      <c r="AP3829" s="137"/>
      <c r="AQ3829" s="137"/>
      <c r="AR3829" s="137"/>
      <c r="AS3829" s="137"/>
      <c r="AT3829" s="137"/>
      <c r="AU3829" s="137"/>
      <c r="AV3829" s="137"/>
      <c r="AW3829" s="144"/>
    </row>
    <row r="3830" spans="7:49" x14ac:dyDescent="0.2">
      <c r="G3830" s="43"/>
      <c r="Z3830" s="143"/>
      <c r="AA3830" s="137"/>
      <c r="AB3830" s="137"/>
      <c r="AC3830" s="137"/>
      <c r="AD3830" s="137"/>
      <c r="AE3830" s="137"/>
      <c r="AF3830" s="137"/>
      <c r="AG3830" s="137"/>
      <c r="AH3830" s="137"/>
      <c r="AI3830" s="137"/>
      <c r="AJ3830" s="137"/>
      <c r="AK3830" s="137"/>
      <c r="AL3830" s="137"/>
      <c r="AM3830" s="137"/>
      <c r="AN3830" s="137"/>
      <c r="AO3830" s="137"/>
      <c r="AP3830" s="137"/>
      <c r="AQ3830" s="137"/>
      <c r="AR3830" s="137"/>
      <c r="AS3830" s="137"/>
      <c r="AT3830" s="137"/>
      <c r="AU3830" s="137"/>
      <c r="AV3830" s="137"/>
      <c r="AW3830" s="144"/>
    </row>
    <row r="3831" spans="7:49" x14ac:dyDescent="0.2">
      <c r="G3831" s="43"/>
      <c r="Z3831" s="143"/>
      <c r="AA3831" s="137"/>
      <c r="AB3831" s="137"/>
      <c r="AC3831" s="137"/>
      <c r="AD3831" s="137"/>
      <c r="AE3831" s="137"/>
      <c r="AF3831" s="137"/>
      <c r="AG3831" s="137"/>
      <c r="AH3831" s="137"/>
      <c r="AI3831" s="137"/>
      <c r="AJ3831" s="137"/>
      <c r="AK3831" s="137"/>
      <c r="AL3831" s="137"/>
      <c r="AM3831" s="137"/>
      <c r="AN3831" s="137"/>
      <c r="AO3831" s="137"/>
      <c r="AP3831" s="137"/>
      <c r="AQ3831" s="137"/>
      <c r="AR3831" s="137"/>
      <c r="AS3831" s="137"/>
      <c r="AT3831" s="137"/>
      <c r="AU3831" s="137"/>
      <c r="AV3831" s="137"/>
      <c r="AW3831" s="144"/>
    </row>
    <row r="3832" spans="7:49" x14ac:dyDescent="0.2">
      <c r="G3832" s="43"/>
      <c r="Z3832" s="143"/>
      <c r="AA3832" s="137"/>
      <c r="AB3832" s="137"/>
      <c r="AC3832" s="137"/>
      <c r="AD3832" s="137"/>
      <c r="AE3832" s="137"/>
      <c r="AF3832" s="137"/>
      <c r="AG3832" s="137"/>
      <c r="AH3832" s="137"/>
      <c r="AI3832" s="137"/>
      <c r="AJ3832" s="137"/>
      <c r="AK3832" s="137"/>
      <c r="AL3832" s="137"/>
      <c r="AM3832" s="137"/>
      <c r="AN3832" s="137"/>
      <c r="AO3832" s="137"/>
      <c r="AP3832" s="137"/>
      <c r="AQ3832" s="137"/>
      <c r="AR3832" s="137"/>
      <c r="AS3832" s="137"/>
      <c r="AT3832" s="137"/>
      <c r="AU3832" s="137"/>
      <c r="AV3832" s="137"/>
      <c r="AW3832" s="144"/>
    </row>
    <row r="3833" spans="7:49" x14ac:dyDescent="0.2">
      <c r="G3833" s="43"/>
      <c r="Z3833" s="143"/>
      <c r="AA3833" s="137"/>
      <c r="AB3833" s="137"/>
      <c r="AC3833" s="137"/>
      <c r="AD3833" s="137"/>
      <c r="AE3833" s="137"/>
      <c r="AF3833" s="137"/>
      <c r="AG3833" s="137"/>
      <c r="AH3833" s="137"/>
      <c r="AI3833" s="137"/>
      <c r="AJ3833" s="137"/>
      <c r="AK3833" s="137"/>
      <c r="AL3833" s="137"/>
      <c r="AM3833" s="137"/>
      <c r="AN3833" s="137"/>
      <c r="AO3833" s="137"/>
      <c r="AP3833" s="137"/>
      <c r="AQ3833" s="137"/>
      <c r="AR3833" s="137"/>
      <c r="AS3833" s="137"/>
      <c r="AT3833" s="137"/>
      <c r="AU3833" s="137"/>
      <c r="AV3833" s="137"/>
      <c r="AW3833" s="144"/>
    </row>
    <row r="3834" spans="7:49" x14ac:dyDescent="0.2">
      <c r="G3834" s="43"/>
      <c r="Z3834" s="143"/>
      <c r="AA3834" s="137"/>
      <c r="AB3834" s="137"/>
      <c r="AC3834" s="137"/>
      <c r="AD3834" s="137"/>
      <c r="AE3834" s="137"/>
      <c r="AF3834" s="137"/>
      <c r="AG3834" s="137"/>
      <c r="AH3834" s="137"/>
      <c r="AI3834" s="137"/>
      <c r="AJ3834" s="137"/>
      <c r="AK3834" s="137"/>
      <c r="AL3834" s="137"/>
      <c r="AM3834" s="137"/>
      <c r="AN3834" s="137"/>
      <c r="AO3834" s="137"/>
      <c r="AP3834" s="137"/>
      <c r="AQ3834" s="137"/>
      <c r="AR3834" s="137"/>
      <c r="AS3834" s="137"/>
      <c r="AT3834" s="137"/>
      <c r="AU3834" s="137"/>
      <c r="AV3834" s="137"/>
      <c r="AW3834" s="144"/>
    </row>
    <row r="3835" spans="7:49" x14ac:dyDescent="0.2">
      <c r="G3835" s="43"/>
      <c r="Z3835" s="143"/>
      <c r="AA3835" s="137"/>
      <c r="AB3835" s="137"/>
      <c r="AC3835" s="137"/>
      <c r="AD3835" s="137"/>
      <c r="AE3835" s="137"/>
      <c r="AF3835" s="137"/>
      <c r="AG3835" s="137"/>
      <c r="AH3835" s="137"/>
      <c r="AI3835" s="137"/>
      <c r="AJ3835" s="137"/>
      <c r="AK3835" s="137"/>
      <c r="AL3835" s="137"/>
      <c r="AM3835" s="137"/>
      <c r="AN3835" s="137"/>
      <c r="AO3835" s="137"/>
      <c r="AP3835" s="137"/>
      <c r="AQ3835" s="137"/>
      <c r="AR3835" s="137"/>
      <c r="AS3835" s="137"/>
      <c r="AT3835" s="137"/>
      <c r="AU3835" s="137"/>
      <c r="AV3835" s="137"/>
      <c r="AW3835" s="144"/>
    </row>
    <row r="3836" spans="7:49" x14ac:dyDescent="0.2">
      <c r="G3836" s="43"/>
      <c r="Z3836" s="143"/>
      <c r="AA3836" s="137"/>
      <c r="AB3836" s="137"/>
      <c r="AC3836" s="137"/>
      <c r="AD3836" s="137"/>
      <c r="AE3836" s="137"/>
      <c r="AF3836" s="137"/>
      <c r="AG3836" s="137"/>
      <c r="AH3836" s="137"/>
      <c r="AI3836" s="137"/>
      <c r="AJ3836" s="137"/>
      <c r="AK3836" s="137"/>
      <c r="AL3836" s="137"/>
      <c r="AM3836" s="137"/>
      <c r="AN3836" s="137"/>
      <c r="AO3836" s="137"/>
      <c r="AP3836" s="137"/>
      <c r="AQ3836" s="137"/>
      <c r="AR3836" s="137"/>
      <c r="AS3836" s="137"/>
      <c r="AT3836" s="137"/>
      <c r="AU3836" s="137"/>
      <c r="AV3836" s="137"/>
      <c r="AW3836" s="144"/>
    </row>
    <row r="3837" spans="7:49" x14ac:dyDescent="0.2">
      <c r="G3837" s="43"/>
      <c r="Z3837" s="143"/>
      <c r="AA3837" s="137"/>
      <c r="AB3837" s="137"/>
      <c r="AC3837" s="137"/>
      <c r="AD3837" s="137"/>
      <c r="AE3837" s="137"/>
      <c r="AF3837" s="137"/>
      <c r="AG3837" s="137"/>
      <c r="AH3837" s="137"/>
      <c r="AI3837" s="137"/>
      <c r="AJ3837" s="137"/>
      <c r="AK3837" s="137"/>
      <c r="AL3837" s="137"/>
      <c r="AM3837" s="137"/>
      <c r="AN3837" s="137"/>
      <c r="AO3837" s="137"/>
      <c r="AP3837" s="137"/>
      <c r="AQ3837" s="137"/>
      <c r="AR3837" s="137"/>
      <c r="AS3837" s="137"/>
      <c r="AT3837" s="137"/>
      <c r="AU3837" s="137"/>
      <c r="AV3837" s="137"/>
      <c r="AW3837" s="144"/>
    </row>
    <row r="3838" spans="7:49" x14ac:dyDescent="0.2">
      <c r="G3838" s="43"/>
      <c r="Z3838" s="143"/>
      <c r="AA3838" s="137"/>
      <c r="AB3838" s="137"/>
      <c r="AC3838" s="137"/>
      <c r="AD3838" s="137"/>
      <c r="AE3838" s="137"/>
      <c r="AF3838" s="137"/>
      <c r="AG3838" s="137"/>
      <c r="AH3838" s="137"/>
      <c r="AI3838" s="137"/>
      <c r="AJ3838" s="137"/>
      <c r="AK3838" s="137"/>
      <c r="AL3838" s="137"/>
      <c r="AM3838" s="137"/>
      <c r="AN3838" s="137"/>
      <c r="AO3838" s="137"/>
      <c r="AP3838" s="137"/>
      <c r="AQ3838" s="137"/>
      <c r="AR3838" s="137"/>
      <c r="AS3838" s="137"/>
      <c r="AT3838" s="137"/>
      <c r="AU3838" s="137"/>
      <c r="AV3838" s="137"/>
      <c r="AW3838" s="144"/>
    </row>
    <row r="3839" spans="7:49" x14ac:dyDescent="0.2">
      <c r="G3839" s="43"/>
      <c r="Z3839" s="143"/>
      <c r="AA3839" s="137"/>
      <c r="AB3839" s="137"/>
      <c r="AC3839" s="137"/>
      <c r="AD3839" s="137"/>
      <c r="AE3839" s="137"/>
      <c r="AF3839" s="137"/>
      <c r="AG3839" s="137"/>
      <c r="AH3839" s="137"/>
      <c r="AI3839" s="137"/>
      <c r="AJ3839" s="137"/>
      <c r="AK3839" s="137"/>
      <c r="AL3839" s="137"/>
      <c r="AM3839" s="137"/>
      <c r="AN3839" s="137"/>
      <c r="AO3839" s="137"/>
      <c r="AP3839" s="137"/>
      <c r="AQ3839" s="137"/>
      <c r="AR3839" s="137"/>
      <c r="AS3839" s="137"/>
      <c r="AT3839" s="137"/>
      <c r="AU3839" s="137"/>
      <c r="AV3839" s="137"/>
      <c r="AW3839" s="144"/>
    </row>
    <row r="3840" spans="7:49" x14ac:dyDescent="0.2">
      <c r="G3840" s="43"/>
      <c r="Z3840" s="143"/>
      <c r="AA3840" s="137"/>
      <c r="AB3840" s="137"/>
      <c r="AC3840" s="137"/>
      <c r="AD3840" s="137"/>
      <c r="AE3840" s="137"/>
      <c r="AF3840" s="137"/>
      <c r="AG3840" s="137"/>
      <c r="AH3840" s="137"/>
      <c r="AI3840" s="137"/>
      <c r="AJ3840" s="137"/>
      <c r="AK3840" s="137"/>
      <c r="AL3840" s="137"/>
      <c r="AM3840" s="137"/>
      <c r="AN3840" s="137"/>
      <c r="AO3840" s="137"/>
      <c r="AP3840" s="137"/>
      <c r="AQ3840" s="137"/>
      <c r="AR3840" s="137"/>
      <c r="AS3840" s="137"/>
      <c r="AT3840" s="137"/>
      <c r="AU3840" s="137"/>
      <c r="AV3840" s="137"/>
      <c r="AW3840" s="144"/>
    </row>
    <row r="3841" spans="7:49" x14ac:dyDescent="0.2">
      <c r="G3841" s="43"/>
      <c r="Z3841" s="143"/>
      <c r="AA3841" s="137"/>
      <c r="AB3841" s="137"/>
      <c r="AC3841" s="137"/>
      <c r="AD3841" s="137"/>
      <c r="AE3841" s="137"/>
      <c r="AF3841" s="137"/>
      <c r="AG3841" s="137"/>
      <c r="AH3841" s="137"/>
      <c r="AI3841" s="137"/>
      <c r="AJ3841" s="137"/>
      <c r="AK3841" s="137"/>
      <c r="AL3841" s="137"/>
      <c r="AM3841" s="137"/>
      <c r="AN3841" s="137"/>
      <c r="AO3841" s="137"/>
      <c r="AP3841" s="137"/>
      <c r="AQ3841" s="137"/>
      <c r="AR3841" s="137"/>
      <c r="AS3841" s="137"/>
      <c r="AT3841" s="137"/>
      <c r="AU3841" s="137"/>
      <c r="AV3841" s="137"/>
      <c r="AW3841" s="144"/>
    </row>
    <row r="3842" spans="7:49" x14ac:dyDescent="0.2">
      <c r="G3842" s="43"/>
      <c r="Z3842" s="143"/>
      <c r="AA3842" s="137"/>
      <c r="AB3842" s="137"/>
      <c r="AC3842" s="137"/>
      <c r="AD3842" s="137"/>
      <c r="AE3842" s="137"/>
      <c r="AF3842" s="137"/>
      <c r="AG3842" s="137"/>
      <c r="AH3842" s="137"/>
      <c r="AI3842" s="137"/>
      <c r="AJ3842" s="137"/>
      <c r="AK3842" s="137"/>
      <c r="AL3842" s="137"/>
      <c r="AM3842" s="137"/>
      <c r="AN3842" s="137"/>
      <c r="AO3842" s="137"/>
      <c r="AP3842" s="137"/>
      <c r="AQ3842" s="137"/>
      <c r="AR3842" s="137"/>
      <c r="AS3842" s="137"/>
      <c r="AT3842" s="137"/>
      <c r="AU3842" s="137"/>
      <c r="AV3842" s="137"/>
      <c r="AW3842" s="144"/>
    </row>
    <row r="3843" spans="7:49" x14ac:dyDescent="0.2">
      <c r="G3843" s="43"/>
      <c r="Z3843" s="143"/>
      <c r="AA3843" s="137"/>
      <c r="AB3843" s="137"/>
      <c r="AC3843" s="137"/>
      <c r="AD3843" s="137"/>
      <c r="AE3843" s="137"/>
      <c r="AF3843" s="137"/>
      <c r="AG3843" s="137"/>
      <c r="AH3843" s="137"/>
      <c r="AI3843" s="137"/>
      <c r="AJ3843" s="137"/>
      <c r="AK3843" s="137"/>
      <c r="AL3843" s="137"/>
      <c r="AM3843" s="137"/>
      <c r="AN3843" s="137"/>
      <c r="AO3843" s="137"/>
      <c r="AP3843" s="137"/>
      <c r="AQ3843" s="137"/>
      <c r="AR3843" s="137"/>
      <c r="AS3843" s="137"/>
      <c r="AT3843" s="137"/>
      <c r="AU3843" s="137"/>
      <c r="AV3843" s="137"/>
      <c r="AW3843" s="144"/>
    </row>
    <row r="3844" spans="7:49" x14ac:dyDescent="0.2">
      <c r="G3844" s="43"/>
      <c r="Z3844" s="143"/>
      <c r="AA3844" s="137"/>
      <c r="AB3844" s="137"/>
      <c r="AC3844" s="137"/>
      <c r="AD3844" s="137"/>
      <c r="AE3844" s="137"/>
      <c r="AF3844" s="137"/>
      <c r="AG3844" s="137"/>
      <c r="AH3844" s="137"/>
      <c r="AI3844" s="137"/>
      <c r="AJ3844" s="137"/>
      <c r="AK3844" s="137"/>
      <c r="AL3844" s="137"/>
      <c r="AM3844" s="137"/>
      <c r="AN3844" s="137"/>
      <c r="AO3844" s="137"/>
      <c r="AP3844" s="137"/>
      <c r="AQ3844" s="137"/>
      <c r="AR3844" s="137"/>
      <c r="AS3844" s="137"/>
      <c r="AT3844" s="137"/>
      <c r="AU3844" s="137"/>
      <c r="AV3844" s="137"/>
      <c r="AW3844" s="144"/>
    </row>
    <row r="3845" spans="7:49" x14ac:dyDescent="0.2">
      <c r="G3845" s="43"/>
      <c r="Z3845" s="143"/>
      <c r="AA3845" s="137"/>
      <c r="AB3845" s="137"/>
      <c r="AC3845" s="137"/>
      <c r="AD3845" s="137"/>
      <c r="AE3845" s="137"/>
      <c r="AF3845" s="137"/>
      <c r="AG3845" s="137"/>
      <c r="AH3845" s="137"/>
      <c r="AI3845" s="137"/>
      <c r="AJ3845" s="137"/>
      <c r="AK3845" s="137"/>
      <c r="AL3845" s="137"/>
      <c r="AM3845" s="137"/>
      <c r="AN3845" s="137"/>
      <c r="AO3845" s="137"/>
      <c r="AP3845" s="137"/>
      <c r="AQ3845" s="137"/>
      <c r="AR3845" s="137"/>
      <c r="AS3845" s="137"/>
      <c r="AT3845" s="137"/>
      <c r="AU3845" s="137"/>
      <c r="AV3845" s="137"/>
      <c r="AW3845" s="144"/>
    </row>
    <row r="3846" spans="7:49" x14ac:dyDescent="0.2">
      <c r="G3846" s="43"/>
      <c r="Z3846" s="143"/>
      <c r="AA3846" s="137"/>
      <c r="AB3846" s="137"/>
      <c r="AC3846" s="137"/>
      <c r="AD3846" s="137"/>
      <c r="AE3846" s="137"/>
      <c r="AF3846" s="137"/>
      <c r="AG3846" s="137"/>
      <c r="AH3846" s="137"/>
      <c r="AI3846" s="137"/>
      <c r="AJ3846" s="137"/>
      <c r="AK3846" s="137"/>
      <c r="AL3846" s="137"/>
      <c r="AM3846" s="137"/>
      <c r="AN3846" s="137"/>
      <c r="AO3846" s="137"/>
      <c r="AP3846" s="137"/>
      <c r="AQ3846" s="137"/>
      <c r="AR3846" s="137"/>
      <c r="AS3846" s="137"/>
      <c r="AT3846" s="137"/>
      <c r="AU3846" s="137"/>
      <c r="AV3846" s="137"/>
      <c r="AW3846" s="144"/>
    </row>
    <row r="3847" spans="7:49" x14ac:dyDescent="0.2">
      <c r="G3847" s="43"/>
      <c r="Z3847" s="143"/>
      <c r="AA3847" s="137"/>
      <c r="AB3847" s="137"/>
      <c r="AC3847" s="137"/>
      <c r="AD3847" s="137"/>
      <c r="AE3847" s="137"/>
      <c r="AF3847" s="137"/>
      <c r="AG3847" s="137"/>
      <c r="AH3847" s="137"/>
      <c r="AI3847" s="137"/>
      <c r="AJ3847" s="137"/>
      <c r="AK3847" s="137"/>
      <c r="AL3847" s="137"/>
      <c r="AM3847" s="137"/>
      <c r="AN3847" s="137"/>
      <c r="AO3847" s="137"/>
      <c r="AP3847" s="137"/>
      <c r="AQ3847" s="137"/>
      <c r="AR3847" s="137"/>
      <c r="AS3847" s="137"/>
      <c r="AT3847" s="137"/>
      <c r="AU3847" s="137"/>
      <c r="AV3847" s="137"/>
      <c r="AW3847" s="144"/>
    </row>
    <row r="3848" spans="7:49" x14ac:dyDescent="0.2">
      <c r="G3848" s="43"/>
      <c r="Z3848" s="143"/>
      <c r="AA3848" s="137"/>
      <c r="AB3848" s="137"/>
      <c r="AC3848" s="137"/>
      <c r="AD3848" s="137"/>
      <c r="AE3848" s="137"/>
      <c r="AF3848" s="137"/>
      <c r="AG3848" s="137"/>
      <c r="AH3848" s="137"/>
      <c r="AI3848" s="137"/>
      <c r="AJ3848" s="137"/>
      <c r="AK3848" s="137"/>
      <c r="AL3848" s="137"/>
      <c r="AM3848" s="137"/>
      <c r="AN3848" s="137"/>
      <c r="AO3848" s="137"/>
      <c r="AP3848" s="137"/>
      <c r="AQ3848" s="137"/>
      <c r="AR3848" s="137"/>
      <c r="AS3848" s="137"/>
      <c r="AT3848" s="137"/>
      <c r="AU3848" s="137"/>
      <c r="AV3848" s="137"/>
      <c r="AW3848" s="144"/>
    </row>
    <row r="3849" spans="7:49" x14ac:dyDescent="0.2">
      <c r="G3849" s="43"/>
      <c r="Z3849" s="143"/>
      <c r="AA3849" s="137"/>
      <c r="AB3849" s="137"/>
      <c r="AC3849" s="137"/>
      <c r="AD3849" s="137"/>
      <c r="AE3849" s="137"/>
      <c r="AF3849" s="137"/>
      <c r="AG3849" s="137"/>
      <c r="AH3849" s="137"/>
      <c r="AI3849" s="137"/>
      <c r="AJ3849" s="137"/>
      <c r="AK3849" s="137"/>
      <c r="AL3849" s="137"/>
      <c r="AM3849" s="137"/>
      <c r="AN3849" s="137"/>
      <c r="AO3849" s="137"/>
      <c r="AP3849" s="137"/>
      <c r="AQ3849" s="137"/>
      <c r="AR3849" s="137"/>
      <c r="AS3849" s="137"/>
      <c r="AT3849" s="137"/>
      <c r="AU3849" s="137"/>
      <c r="AV3849" s="137"/>
      <c r="AW3849" s="144"/>
    </row>
    <row r="3850" spans="7:49" x14ac:dyDescent="0.2">
      <c r="G3850" s="43"/>
      <c r="Z3850" s="143"/>
      <c r="AA3850" s="137"/>
      <c r="AB3850" s="137"/>
      <c r="AC3850" s="137"/>
      <c r="AD3850" s="137"/>
      <c r="AE3850" s="137"/>
      <c r="AF3850" s="137"/>
      <c r="AG3850" s="137"/>
      <c r="AH3850" s="137"/>
      <c r="AI3850" s="137"/>
      <c r="AJ3850" s="137"/>
      <c r="AK3850" s="137"/>
      <c r="AL3850" s="137"/>
      <c r="AM3850" s="137"/>
      <c r="AN3850" s="137"/>
      <c r="AO3850" s="137"/>
      <c r="AP3850" s="137"/>
      <c r="AQ3850" s="137"/>
      <c r="AR3850" s="137"/>
      <c r="AS3850" s="137"/>
      <c r="AT3850" s="137"/>
      <c r="AU3850" s="137"/>
      <c r="AV3850" s="137"/>
      <c r="AW3850" s="144"/>
    </row>
    <row r="3851" spans="7:49" x14ac:dyDescent="0.2">
      <c r="G3851" s="43"/>
      <c r="Z3851" s="143"/>
      <c r="AA3851" s="137"/>
      <c r="AB3851" s="137"/>
      <c r="AC3851" s="137"/>
      <c r="AD3851" s="137"/>
      <c r="AE3851" s="137"/>
      <c r="AF3851" s="137"/>
      <c r="AG3851" s="137"/>
      <c r="AH3851" s="137"/>
      <c r="AI3851" s="137"/>
      <c r="AJ3851" s="137"/>
      <c r="AK3851" s="137"/>
      <c r="AL3851" s="137"/>
      <c r="AM3851" s="137"/>
      <c r="AN3851" s="137"/>
      <c r="AO3851" s="137"/>
      <c r="AP3851" s="137"/>
      <c r="AQ3851" s="137"/>
      <c r="AR3851" s="137"/>
      <c r="AS3851" s="137"/>
      <c r="AT3851" s="137"/>
      <c r="AU3851" s="137"/>
      <c r="AV3851" s="137"/>
      <c r="AW3851" s="144"/>
    </row>
    <row r="3852" spans="7:49" x14ac:dyDescent="0.2">
      <c r="G3852" s="43"/>
      <c r="Z3852" s="143"/>
      <c r="AA3852" s="137"/>
      <c r="AB3852" s="137"/>
      <c r="AC3852" s="137"/>
      <c r="AD3852" s="137"/>
      <c r="AE3852" s="137"/>
      <c r="AF3852" s="137"/>
      <c r="AG3852" s="137"/>
      <c r="AH3852" s="137"/>
      <c r="AI3852" s="137"/>
      <c r="AJ3852" s="137"/>
      <c r="AK3852" s="137"/>
      <c r="AL3852" s="137"/>
      <c r="AM3852" s="137"/>
      <c r="AN3852" s="137"/>
      <c r="AO3852" s="137"/>
      <c r="AP3852" s="137"/>
      <c r="AQ3852" s="137"/>
      <c r="AR3852" s="137"/>
      <c r="AS3852" s="137"/>
      <c r="AT3852" s="137"/>
      <c r="AU3852" s="137"/>
      <c r="AV3852" s="137"/>
      <c r="AW3852" s="144"/>
    </row>
    <row r="3853" spans="7:49" x14ac:dyDescent="0.2">
      <c r="G3853" s="43"/>
      <c r="Z3853" s="143"/>
      <c r="AA3853" s="137"/>
      <c r="AB3853" s="137"/>
      <c r="AC3853" s="137"/>
      <c r="AD3853" s="137"/>
      <c r="AE3853" s="137"/>
      <c r="AF3853" s="137"/>
      <c r="AG3853" s="137"/>
      <c r="AH3853" s="137"/>
      <c r="AI3853" s="137"/>
      <c r="AJ3853" s="137"/>
      <c r="AK3853" s="137"/>
      <c r="AL3853" s="137"/>
      <c r="AM3853" s="137"/>
      <c r="AN3853" s="137"/>
      <c r="AO3853" s="137"/>
      <c r="AP3853" s="137"/>
      <c r="AQ3853" s="137"/>
      <c r="AR3853" s="137"/>
      <c r="AS3853" s="137"/>
      <c r="AT3853" s="137"/>
      <c r="AU3853" s="137"/>
      <c r="AV3853" s="137"/>
      <c r="AW3853" s="144"/>
    </row>
    <row r="3854" spans="7:49" x14ac:dyDescent="0.2">
      <c r="G3854" s="43"/>
      <c r="Z3854" s="143"/>
      <c r="AA3854" s="137"/>
      <c r="AB3854" s="137"/>
      <c r="AC3854" s="137"/>
      <c r="AD3854" s="137"/>
      <c r="AE3854" s="137"/>
      <c r="AF3854" s="137"/>
      <c r="AG3854" s="137"/>
      <c r="AH3854" s="137"/>
      <c r="AI3854" s="137"/>
      <c r="AJ3854" s="137"/>
      <c r="AK3854" s="137"/>
      <c r="AL3854" s="137"/>
      <c r="AM3854" s="137"/>
      <c r="AN3854" s="137"/>
      <c r="AO3854" s="137"/>
      <c r="AP3854" s="137"/>
      <c r="AQ3854" s="137"/>
      <c r="AR3854" s="137"/>
      <c r="AS3854" s="137"/>
      <c r="AT3854" s="137"/>
      <c r="AU3854" s="137"/>
      <c r="AV3854" s="137"/>
      <c r="AW3854" s="144"/>
    </row>
    <row r="3855" spans="7:49" x14ac:dyDescent="0.2">
      <c r="G3855" s="43"/>
      <c r="Z3855" s="143"/>
      <c r="AA3855" s="137"/>
      <c r="AB3855" s="137"/>
      <c r="AC3855" s="137"/>
      <c r="AD3855" s="137"/>
      <c r="AE3855" s="137"/>
      <c r="AF3855" s="137"/>
      <c r="AG3855" s="137"/>
      <c r="AH3855" s="137"/>
      <c r="AI3855" s="137"/>
      <c r="AJ3855" s="137"/>
      <c r="AK3855" s="137"/>
      <c r="AL3855" s="137"/>
      <c r="AM3855" s="137"/>
      <c r="AN3855" s="137"/>
      <c r="AO3855" s="137"/>
      <c r="AP3855" s="137"/>
      <c r="AQ3855" s="137"/>
      <c r="AR3855" s="137"/>
      <c r="AS3855" s="137"/>
      <c r="AT3855" s="137"/>
      <c r="AU3855" s="137"/>
      <c r="AV3855" s="137"/>
      <c r="AW3855" s="144"/>
    </row>
    <row r="3856" spans="7:49" x14ac:dyDescent="0.2">
      <c r="G3856" s="43"/>
      <c r="Z3856" s="143"/>
      <c r="AA3856" s="137"/>
      <c r="AB3856" s="137"/>
      <c r="AC3856" s="137"/>
      <c r="AD3856" s="137"/>
      <c r="AE3856" s="137"/>
      <c r="AF3856" s="137"/>
      <c r="AG3856" s="137"/>
      <c r="AH3856" s="137"/>
      <c r="AI3856" s="137"/>
      <c r="AJ3856" s="137"/>
      <c r="AK3856" s="137"/>
      <c r="AL3856" s="137"/>
      <c r="AM3856" s="137"/>
      <c r="AN3856" s="137"/>
      <c r="AO3856" s="137"/>
      <c r="AP3856" s="137"/>
      <c r="AQ3856" s="137"/>
      <c r="AR3856" s="137"/>
      <c r="AS3856" s="137"/>
      <c r="AT3856" s="137"/>
      <c r="AU3856" s="137"/>
      <c r="AV3856" s="137"/>
      <c r="AW3856" s="144"/>
    </row>
    <row r="3857" spans="7:49" x14ac:dyDescent="0.2">
      <c r="G3857" s="43"/>
      <c r="Z3857" s="143"/>
      <c r="AA3857" s="137"/>
      <c r="AB3857" s="137"/>
      <c r="AC3857" s="137"/>
      <c r="AD3857" s="137"/>
      <c r="AE3857" s="137"/>
      <c r="AF3857" s="137"/>
      <c r="AG3857" s="137"/>
      <c r="AH3857" s="137"/>
      <c r="AI3857" s="137"/>
      <c r="AJ3857" s="137"/>
      <c r="AK3857" s="137"/>
      <c r="AL3857" s="137"/>
      <c r="AM3857" s="137"/>
      <c r="AN3857" s="137"/>
      <c r="AO3857" s="137"/>
      <c r="AP3857" s="137"/>
      <c r="AQ3857" s="137"/>
      <c r="AR3857" s="137"/>
      <c r="AS3857" s="137"/>
      <c r="AT3857" s="137"/>
      <c r="AU3857" s="137"/>
      <c r="AV3857" s="137"/>
      <c r="AW3857" s="144"/>
    </row>
    <row r="3858" spans="7:49" x14ac:dyDescent="0.2">
      <c r="G3858" s="43"/>
      <c r="Z3858" s="143"/>
      <c r="AA3858" s="137"/>
      <c r="AB3858" s="137"/>
      <c r="AC3858" s="137"/>
      <c r="AD3858" s="137"/>
      <c r="AE3858" s="137"/>
      <c r="AF3858" s="137"/>
      <c r="AG3858" s="137"/>
      <c r="AH3858" s="137"/>
      <c r="AI3858" s="137"/>
      <c r="AJ3858" s="137"/>
      <c r="AK3858" s="137"/>
      <c r="AL3858" s="137"/>
      <c r="AM3858" s="137"/>
      <c r="AN3858" s="137"/>
      <c r="AO3858" s="137"/>
      <c r="AP3858" s="137"/>
      <c r="AQ3858" s="137"/>
      <c r="AR3858" s="137"/>
      <c r="AS3858" s="137"/>
      <c r="AT3858" s="137"/>
      <c r="AU3858" s="137"/>
      <c r="AV3858" s="137"/>
      <c r="AW3858" s="144"/>
    </row>
    <row r="3859" spans="7:49" x14ac:dyDescent="0.2">
      <c r="G3859" s="43"/>
      <c r="Z3859" s="143"/>
      <c r="AA3859" s="137"/>
      <c r="AB3859" s="137"/>
      <c r="AC3859" s="137"/>
      <c r="AD3859" s="137"/>
      <c r="AE3859" s="137"/>
      <c r="AF3859" s="137"/>
      <c r="AG3859" s="137"/>
      <c r="AH3859" s="137"/>
      <c r="AI3859" s="137"/>
      <c r="AJ3859" s="137"/>
      <c r="AK3859" s="137"/>
      <c r="AL3859" s="137"/>
      <c r="AM3859" s="137"/>
      <c r="AN3859" s="137"/>
      <c r="AO3859" s="137"/>
      <c r="AP3859" s="137"/>
      <c r="AQ3859" s="137"/>
      <c r="AR3859" s="137"/>
      <c r="AS3859" s="137"/>
      <c r="AT3859" s="137"/>
      <c r="AU3859" s="137"/>
      <c r="AV3859" s="137"/>
      <c r="AW3859" s="144"/>
    </row>
    <row r="3860" spans="7:49" x14ac:dyDescent="0.2">
      <c r="G3860" s="43"/>
      <c r="Z3860" s="143"/>
      <c r="AA3860" s="137"/>
      <c r="AB3860" s="137"/>
      <c r="AC3860" s="137"/>
      <c r="AD3860" s="137"/>
      <c r="AE3860" s="137"/>
      <c r="AF3860" s="137"/>
      <c r="AG3860" s="137"/>
      <c r="AH3860" s="137"/>
      <c r="AI3860" s="137"/>
      <c r="AJ3860" s="137"/>
      <c r="AK3860" s="137"/>
      <c r="AL3860" s="137"/>
      <c r="AM3860" s="137"/>
      <c r="AN3860" s="137"/>
      <c r="AO3860" s="137"/>
      <c r="AP3860" s="137"/>
      <c r="AQ3860" s="137"/>
      <c r="AR3860" s="137"/>
      <c r="AS3860" s="137"/>
      <c r="AT3860" s="137"/>
      <c r="AU3860" s="137"/>
      <c r="AV3860" s="137"/>
      <c r="AW3860" s="144"/>
    </row>
    <row r="3861" spans="7:49" x14ac:dyDescent="0.2">
      <c r="G3861" s="43"/>
      <c r="Z3861" s="143"/>
      <c r="AA3861" s="137"/>
      <c r="AB3861" s="137"/>
      <c r="AC3861" s="137"/>
      <c r="AD3861" s="137"/>
      <c r="AE3861" s="137"/>
      <c r="AF3861" s="137"/>
      <c r="AG3861" s="137"/>
      <c r="AH3861" s="137"/>
      <c r="AI3861" s="137"/>
      <c r="AJ3861" s="137"/>
      <c r="AK3861" s="137"/>
      <c r="AL3861" s="137"/>
      <c r="AM3861" s="137"/>
      <c r="AN3861" s="137"/>
      <c r="AO3861" s="137"/>
      <c r="AP3861" s="137"/>
      <c r="AQ3861" s="137"/>
      <c r="AR3861" s="137"/>
      <c r="AS3861" s="137"/>
      <c r="AT3861" s="137"/>
      <c r="AU3861" s="137"/>
      <c r="AV3861" s="137"/>
      <c r="AW3861" s="144"/>
    </row>
    <row r="3862" spans="7:49" x14ac:dyDescent="0.2">
      <c r="G3862" s="43"/>
      <c r="Z3862" s="143"/>
      <c r="AA3862" s="137"/>
      <c r="AB3862" s="137"/>
      <c r="AC3862" s="137"/>
      <c r="AD3862" s="137"/>
      <c r="AE3862" s="137"/>
      <c r="AF3862" s="137"/>
      <c r="AG3862" s="137"/>
      <c r="AH3862" s="137"/>
      <c r="AI3862" s="137"/>
      <c r="AJ3862" s="137"/>
      <c r="AK3862" s="137"/>
      <c r="AL3862" s="137"/>
      <c r="AM3862" s="137"/>
      <c r="AN3862" s="137"/>
      <c r="AO3862" s="137"/>
      <c r="AP3862" s="137"/>
      <c r="AQ3862" s="137"/>
      <c r="AR3862" s="137"/>
      <c r="AS3862" s="137"/>
      <c r="AT3862" s="137"/>
      <c r="AU3862" s="137"/>
      <c r="AV3862" s="137"/>
      <c r="AW3862" s="144"/>
    </row>
    <row r="3863" spans="7:49" x14ac:dyDescent="0.2">
      <c r="G3863" s="43"/>
      <c r="Z3863" s="143"/>
      <c r="AA3863" s="137"/>
      <c r="AB3863" s="137"/>
      <c r="AC3863" s="137"/>
      <c r="AD3863" s="137"/>
      <c r="AE3863" s="137"/>
      <c r="AF3863" s="137"/>
      <c r="AG3863" s="137"/>
      <c r="AH3863" s="137"/>
      <c r="AI3863" s="137"/>
      <c r="AJ3863" s="137"/>
      <c r="AK3863" s="137"/>
      <c r="AL3863" s="137"/>
      <c r="AM3863" s="137"/>
      <c r="AN3863" s="137"/>
      <c r="AO3863" s="137"/>
      <c r="AP3863" s="137"/>
      <c r="AQ3863" s="137"/>
      <c r="AR3863" s="137"/>
      <c r="AS3863" s="137"/>
      <c r="AT3863" s="137"/>
      <c r="AU3863" s="137"/>
      <c r="AV3863" s="137"/>
      <c r="AW3863" s="144"/>
    </row>
    <row r="3864" spans="7:49" x14ac:dyDescent="0.2">
      <c r="G3864" s="43"/>
      <c r="Z3864" s="143"/>
      <c r="AA3864" s="137"/>
      <c r="AB3864" s="137"/>
      <c r="AC3864" s="137"/>
      <c r="AD3864" s="137"/>
      <c r="AE3864" s="137"/>
      <c r="AF3864" s="137"/>
      <c r="AG3864" s="137"/>
      <c r="AH3864" s="137"/>
      <c r="AI3864" s="137"/>
      <c r="AJ3864" s="137"/>
      <c r="AK3864" s="137"/>
      <c r="AL3864" s="137"/>
      <c r="AM3864" s="137"/>
      <c r="AN3864" s="137"/>
      <c r="AO3864" s="137"/>
      <c r="AP3864" s="137"/>
      <c r="AQ3864" s="137"/>
      <c r="AR3864" s="137"/>
      <c r="AS3864" s="137"/>
      <c r="AT3864" s="137"/>
      <c r="AU3864" s="137"/>
      <c r="AV3864" s="137"/>
      <c r="AW3864" s="144"/>
    </row>
    <row r="3865" spans="7:49" x14ac:dyDescent="0.2">
      <c r="G3865" s="43"/>
      <c r="Z3865" s="143"/>
      <c r="AA3865" s="137"/>
      <c r="AB3865" s="137"/>
      <c r="AC3865" s="137"/>
      <c r="AD3865" s="137"/>
      <c r="AE3865" s="137"/>
      <c r="AF3865" s="137"/>
      <c r="AG3865" s="137"/>
      <c r="AH3865" s="137"/>
      <c r="AI3865" s="137"/>
      <c r="AJ3865" s="137"/>
      <c r="AK3865" s="137"/>
      <c r="AL3865" s="137"/>
      <c r="AM3865" s="137"/>
      <c r="AN3865" s="137"/>
      <c r="AO3865" s="137"/>
      <c r="AP3865" s="137"/>
      <c r="AQ3865" s="137"/>
      <c r="AR3865" s="137"/>
      <c r="AS3865" s="137"/>
      <c r="AT3865" s="137"/>
      <c r="AU3865" s="137"/>
      <c r="AV3865" s="137"/>
      <c r="AW3865" s="144"/>
    </row>
    <row r="3866" spans="7:49" x14ac:dyDescent="0.2">
      <c r="G3866" s="43"/>
      <c r="Z3866" s="143"/>
      <c r="AA3866" s="137"/>
      <c r="AB3866" s="137"/>
      <c r="AC3866" s="137"/>
      <c r="AD3866" s="137"/>
      <c r="AE3866" s="137"/>
      <c r="AF3866" s="137"/>
      <c r="AG3866" s="137"/>
      <c r="AH3866" s="137"/>
      <c r="AI3866" s="137"/>
      <c r="AJ3866" s="137"/>
      <c r="AK3866" s="137"/>
      <c r="AL3866" s="137"/>
      <c r="AM3866" s="137"/>
      <c r="AN3866" s="137"/>
      <c r="AO3866" s="137"/>
      <c r="AP3866" s="137"/>
      <c r="AQ3866" s="137"/>
      <c r="AR3866" s="137"/>
      <c r="AS3866" s="137"/>
      <c r="AT3866" s="137"/>
      <c r="AU3866" s="137"/>
      <c r="AV3866" s="137"/>
      <c r="AW3866" s="144"/>
    </row>
    <row r="3867" spans="7:49" x14ac:dyDescent="0.2">
      <c r="G3867" s="43"/>
      <c r="Z3867" s="143"/>
      <c r="AA3867" s="137"/>
      <c r="AB3867" s="137"/>
      <c r="AC3867" s="137"/>
      <c r="AD3867" s="137"/>
      <c r="AE3867" s="137"/>
      <c r="AF3867" s="137"/>
      <c r="AG3867" s="137"/>
      <c r="AH3867" s="137"/>
      <c r="AI3867" s="137"/>
      <c r="AJ3867" s="137"/>
      <c r="AK3867" s="137"/>
      <c r="AL3867" s="137"/>
      <c r="AM3867" s="137"/>
      <c r="AN3867" s="137"/>
      <c r="AO3867" s="137"/>
      <c r="AP3867" s="137"/>
      <c r="AQ3867" s="137"/>
      <c r="AR3867" s="137"/>
      <c r="AS3867" s="137"/>
      <c r="AT3867" s="137"/>
      <c r="AU3867" s="137"/>
      <c r="AV3867" s="137"/>
      <c r="AW3867" s="144"/>
    </row>
    <row r="3868" spans="7:49" x14ac:dyDescent="0.2">
      <c r="G3868" s="43"/>
      <c r="Z3868" s="143"/>
      <c r="AA3868" s="137"/>
      <c r="AB3868" s="137"/>
      <c r="AC3868" s="137"/>
      <c r="AD3868" s="137"/>
      <c r="AE3868" s="137"/>
      <c r="AF3868" s="137"/>
      <c r="AG3868" s="137"/>
      <c r="AH3868" s="137"/>
      <c r="AI3868" s="137"/>
      <c r="AJ3868" s="137"/>
      <c r="AK3868" s="137"/>
      <c r="AL3868" s="137"/>
      <c r="AM3868" s="137"/>
      <c r="AN3868" s="137"/>
      <c r="AO3868" s="137"/>
      <c r="AP3868" s="137"/>
      <c r="AQ3868" s="137"/>
      <c r="AR3868" s="137"/>
      <c r="AS3868" s="137"/>
      <c r="AT3868" s="137"/>
      <c r="AU3868" s="137"/>
      <c r="AV3868" s="137"/>
      <c r="AW3868" s="144"/>
    </row>
    <row r="3869" spans="7:49" x14ac:dyDescent="0.2">
      <c r="G3869" s="43"/>
      <c r="Z3869" s="143"/>
      <c r="AA3869" s="137"/>
      <c r="AB3869" s="137"/>
      <c r="AC3869" s="137"/>
      <c r="AD3869" s="137"/>
      <c r="AE3869" s="137"/>
      <c r="AF3869" s="137"/>
      <c r="AG3869" s="137"/>
      <c r="AH3869" s="137"/>
      <c r="AI3869" s="137"/>
      <c r="AJ3869" s="137"/>
      <c r="AK3869" s="137"/>
      <c r="AL3869" s="137"/>
      <c r="AM3869" s="137"/>
      <c r="AN3869" s="137"/>
      <c r="AO3869" s="137"/>
      <c r="AP3869" s="137"/>
      <c r="AQ3869" s="137"/>
      <c r="AR3869" s="137"/>
      <c r="AS3869" s="137"/>
      <c r="AT3869" s="137"/>
      <c r="AU3869" s="137"/>
      <c r="AV3869" s="137"/>
      <c r="AW3869" s="144"/>
    </row>
    <row r="3870" spans="7:49" x14ac:dyDescent="0.2">
      <c r="G3870" s="43"/>
      <c r="Z3870" s="143"/>
      <c r="AA3870" s="137"/>
      <c r="AB3870" s="137"/>
      <c r="AC3870" s="137"/>
      <c r="AD3870" s="137"/>
      <c r="AE3870" s="137"/>
      <c r="AF3870" s="137"/>
      <c r="AG3870" s="137"/>
      <c r="AH3870" s="137"/>
      <c r="AI3870" s="137"/>
      <c r="AJ3870" s="137"/>
      <c r="AK3870" s="137"/>
      <c r="AL3870" s="137"/>
      <c r="AM3870" s="137"/>
      <c r="AN3870" s="137"/>
      <c r="AO3870" s="137"/>
      <c r="AP3870" s="137"/>
      <c r="AQ3870" s="137"/>
      <c r="AR3870" s="137"/>
      <c r="AS3870" s="137"/>
      <c r="AT3870" s="137"/>
      <c r="AU3870" s="137"/>
      <c r="AV3870" s="137"/>
      <c r="AW3870" s="144"/>
    </row>
    <row r="3871" spans="7:49" x14ac:dyDescent="0.2">
      <c r="G3871" s="43"/>
      <c r="Z3871" s="143"/>
      <c r="AA3871" s="137"/>
      <c r="AB3871" s="137"/>
      <c r="AC3871" s="137"/>
      <c r="AD3871" s="137"/>
      <c r="AE3871" s="137"/>
      <c r="AF3871" s="137"/>
      <c r="AG3871" s="137"/>
      <c r="AH3871" s="137"/>
      <c r="AI3871" s="137"/>
      <c r="AJ3871" s="137"/>
      <c r="AK3871" s="137"/>
      <c r="AL3871" s="137"/>
      <c r="AM3871" s="137"/>
      <c r="AN3871" s="137"/>
      <c r="AO3871" s="137"/>
      <c r="AP3871" s="137"/>
      <c r="AQ3871" s="137"/>
      <c r="AR3871" s="137"/>
      <c r="AS3871" s="137"/>
      <c r="AT3871" s="137"/>
      <c r="AU3871" s="137"/>
      <c r="AV3871" s="137"/>
      <c r="AW3871" s="144"/>
    </row>
    <row r="3872" spans="7:49" x14ac:dyDescent="0.2">
      <c r="G3872" s="43"/>
      <c r="Z3872" s="143"/>
      <c r="AA3872" s="137"/>
      <c r="AB3872" s="137"/>
      <c r="AC3872" s="137"/>
      <c r="AD3872" s="137"/>
      <c r="AE3872" s="137"/>
      <c r="AF3872" s="137"/>
      <c r="AG3872" s="137"/>
      <c r="AH3872" s="137"/>
      <c r="AI3872" s="137"/>
      <c r="AJ3872" s="137"/>
      <c r="AK3872" s="137"/>
      <c r="AL3872" s="137"/>
      <c r="AM3872" s="137"/>
      <c r="AN3872" s="137"/>
      <c r="AO3872" s="137"/>
      <c r="AP3872" s="137"/>
      <c r="AQ3872" s="137"/>
      <c r="AR3872" s="137"/>
      <c r="AS3872" s="137"/>
      <c r="AT3872" s="137"/>
      <c r="AU3872" s="137"/>
      <c r="AV3872" s="137"/>
      <c r="AW3872" s="144"/>
    </row>
    <row r="3873" spans="7:49" x14ac:dyDescent="0.2">
      <c r="G3873" s="43"/>
      <c r="Z3873" s="143"/>
      <c r="AA3873" s="137"/>
      <c r="AB3873" s="137"/>
      <c r="AC3873" s="137"/>
      <c r="AD3873" s="137"/>
      <c r="AE3873" s="137"/>
      <c r="AF3873" s="137"/>
      <c r="AG3873" s="137"/>
      <c r="AH3873" s="137"/>
      <c r="AI3873" s="137"/>
      <c r="AJ3873" s="137"/>
      <c r="AK3873" s="137"/>
      <c r="AL3873" s="137"/>
      <c r="AM3873" s="137"/>
      <c r="AN3873" s="137"/>
      <c r="AO3873" s="137"/>
      <c r="AP3873" s="137"/>
      <c r="AQ3873" s="137"/>
      <c r="AR3873" s="137"/>
      <c r="AS3873" s="137"/>
      <c r="AT3873" s="137"/>
      <c r="AU3873" s="137"/>
      <c r="AV3873" s="137"/>
      <c r="AW3873" s="144"/>
    </row>
    <row r="3874" spans="7:49" x14ac:dyDescent="0.2">
      <c r="G3874" s="43"/>
      <c r="Z3874" s="143"/>
      <c r="AA3874" s="137"/>
      <c r="AB3874" s="137"/>
      <c r="AC3874" s="137"/>
      <c r="AD3874" s="137"/>
      <c r="AE3874" s="137"/>
      <c r="AF3874" s="137"/>
      <c r="AG3874" s="137"/>
      <c r="AH3874" s="137"/>
      <c r="AI3874" s="137"/>
      <c r="AJ3874" s="137"/>
      <c r="AK3874" s="137"/>
      <c r="AL3874" s="137"/>
      <c r="AM3874" s="137"/>
      <c r="AN3874" s="137"/>
      <c r="AO3874" s="137"/>
      <c r="AP3874" s="137"/>
      <c r="AQ3874" s="137"/>
      <c r="AR3874" s="137"/>
      <c r="AS3874" s="137"/>
      <c r="AT3874" s="137"/>
      <c r="AU3874" s="137"/>
      <c r="AV3874" s="137"/>
      <c r="AW3874" s="144"/>
    </row>
    <row r="3875" spans="7:49" x14ac:dyDescent="0.2">
      <c r="G3875" s="43"/>
      <c r="Z3875" s="143"/>
      <c r="AA3875" s="137"/>
      <c r="AB3875" s="137"/>
      <c r="AC3875" s="137"/>
      <c r="AD3875" s="137"/>
      <c r="AE3875" s="137"/>
      <c r="AF3875" s="137"/>
      <c r="AG3875" s="137"/>
      <c r="AH3875" s="137"/>
      <c r="AI3875" s="137"/>
      <c r="AJ3875" s="137"/>
      <c r="AK3875" s="137"/>
      <c r="AL3875" s="137"/>
      <c r="AM3875" s="137"/>
      <c r="AN3875" s="137"/>
      <c r="AO3875" s="137"/>
      <c r="AP3875" s="137"/>
      <c r="AQ3875" s="137"/>
      <c r="AR3875" s="137"/>
      <c r="AS3875" s="137"/>
      <c r="AT3875" s="137"/>
      <c r="AU3875" s="137"/>
      <c r="AV3875" s="137"/>
      <c r="AW3875" s="144"/>
    </row>
    <row r="3876" spans="7:49" x14ac:dyDescent="0.2">
      <c r="G3876" s="43"/>
      <c r="Z3876" s="143"/>
      <c r="AA3876" s="137"/>
      <c r="AB3876" s="137"/>
      <c r="AC3876" s="137"/>
      <c r="AD3876" s="137"/>
      <c r="AE3876" s="137"/>
      <c r="AF3876" s="137"/>
      <c r="AG3876" s="137"/>
      <c r="AH3876" s="137"/>
      <c r="AI3876" s="137"/>
      <c r="AJ3876" s="137"/>
      <c r="AK3876" s="137"/>
      <c r="AL3876" s="137"/>
      <c r="AM3876" s="137"/>
      <c r="AN3876" s="137"/>
      <c r="AO3876" s="137"/>
      <c r="AP3876" s="137"/>
      <c r="AQ3876" s="137"/>
      <c r="AR3876" s="137"/>
      <c r="AS3876" s="137"/>
      <c r="AT3876" s="137"/>
      <c r="AU3876" s="137"/>
      <c r="AV3876" s="137"/>
      <c r="AW3876" s="144"/>
    </row>
    <row r="3877" spans="7:49" x14ac:dyDescent="0.2">
      <c r="G3877" s="43"/>
      <c r="Z3877" s="143"/>
      <c r="AA3877" s="137"/>
      <c r="AB3877" s="137"/>
      <c r="AC3877" s="137"/>
      <c r="AD3877" s="137"/>
      <c r="AE3877" s="137"/>
      <c r="AF3877" s="137"/>
      <c r="AG3877" s="137"/>
      <c r="AH3877" s="137"/>
      <c r="AI3877" s="137"/>
      <c r="AJ3877" s="137"/>
      <c r="AK3877" s="137"/>
      <c r="AL3877" s="137"/>
      <c r="AM3877" s="137"/>
      <c r="AN3877" s="137"/>
      <c r="AO3877" s="137"/>
      <c r="AP3877" s="137"/>
      <c r="AQ3877" s="137"/>
      <c r="AR3877" s="137"/>
      <c r="AS3877" s="137"/>
      <c r="AT3877" s="137"/>
      <c r="AU3877" s="137"/>
      <c r="AV3877" s="137"/>
      <c r="AW3877" s="144"/>
    </row>
    <row r="3878" spans="7:49" x14ac:dyDescent="0.2">
      <c r="G3878" s="43"/>
      <c r="Z3878" s="143"/>
      <c r="AA3878" s="137"/>
      <c r="AB3878" s="137"/>
      <c r="AC3878" s="137"/>
      <c r="AD3878" s="137"/>
      <c r="AE3878" s="137"/>
      <c r="AF3878" s="137"/>
      <c r="AG3878" s="137"/>
      <c r="AH3878" s="137"/>
      <c r="AI3878" s="137"/>
      <c r="AJ3878" s="137"/>
      <c r="AK3878" s="137"/>
      <c r="AL3878" s="137"/>
      <c r="AM3878" s="137"/>
      <c r="AN3878" s="137"/>
      <c r="AO3878" s="137"/>
      <c r="AP3878" s="137"/>
      <c r="AQ3878" s="137"/>
      <c r="AR3878" s="137"/>
      <c r="AS3878" s="137"/>
      <c r="AT3878" s="137"/>
      <c r="AU3878" s="137"/>
      <c r="AV3878" s="137"/>
      <c r="AW3878" s="144"/>
    </row>
    <row r="3879" spans="7:49" x14ac:dyDescent="0.2">
      <c r="G3879" s="43"/>
      <c r="Z3879" s="143"/>
      <c r="AA3879" s="137"/>
      <c r="AB3879" s="137"/>
      <c r="AC3879" s="137"/>
      <c r="AD3879" s="137"/>
      <c r="AE3879" s="137"/>
      <c r="AF3879" s="137"/>
      <c r="AG3879" s="137"/>
      <c r="AH3879" s="137"/>
      <c r="AI3879" s="137"/>
      <c r="AJ3879" s="137"/>
      <c r="AK3879" s="137"/>
      <c r="AL3879" s="137"/>
      <c r="AM3879" s="137"/>
      <c r="AN3879" s="137"/>
      <c r="AO3879" s="137"/>
      <c r="AP3879" s="137"/>
      <c r="AQ3879" s="137"/>
      <c r="AR3879" s="137"/>
      <c r="AS3879" s="137"/>
      <c r="AT3879" s="137"/>
      <c r="AU3879" s="137"/>
      <c r="AV3879" s="137"/>
      <c r="AW3879" s="144"/>
    </row>
    <row r="3880" spans="7:49" x14ac:dyDescent="0.2">
      <c r="G3880" s="43"/>
      <c r="Z3880" s="143"/>
      <c r="AA3880" s="137"/>
      <c r="AB3880" s="137"/>
      <c r="AC3880" s="137"/>
      <c r="AD3880" s="137"/>
      <c r="AE3880" s="137"/>
      <c r="AF3880" s="137"/>
      <c r="AG3880" s="137"/>
      <c r="AH3880" s="137"/>
      <c r="AI3880" s="137"/>
      <c r="AJ3880" s="137"/>
      <c r="AK3880" s="137"/>
      <c r="AL3880" s="137"/>
      <c r="AM3880" s="137"/>
      <c r="AN3880" s="137"/>
      <c r="AO3880" s="137"/>
      <c r="AP3880" s="137"/>
      <c r="AQ3880" s="137"/>
      <c r="AR3880" s="137"/>
      <c r="AS3880" s="137"/>
      <c r="AT3880" s="137"/>
      <c r="AU3880" s="137"/>
      <c r="AV3880" s="137"/>
      <c r="AW3880" s="144"/>
    </row>
    <row r="3881" spans="7:49" x14ac:dyDescent="0.2">
      <c r="G3881" s="43"/>
      <c r="Z3881" s="143"/>
      <c r="AA3881" s="137"/>
      <c r="AB3881" s="137"/>
      <c r="AC3881" s="137"/>
      <c r="AD3881" s="137"/>
      <c r="AE3881" s="137"/>
      <c r="AF3881" s="137"/>
      <c r="AG3881" s="137"/>
      <c r="AH3881" s="137"/>
      <c r="AI3881" s="137"/>
      <c r="AJ3881" s="137"/>
      <c r="AK3881" s="137"/>
      <c r="AL3881" s="137"/>
      <c r="AM3881" s="137"/>
      <c r="AN3881" s="137"/>
      <c r="AO3881" s="137"/>
      <c r="AP3881" s="137"/>
      <c r="AQ3881" s="137"/>
      <c r="AR3881" s="137"/>
      <c r="AS3881" s="137"/>
      <c r="AT3881" s="137"/>
      <c r="AU3881" s="137"/>
      <c r="AV3881" s="137"/>
      <c r="AW3881" s="144"/>
    </row>
    <row r="3882" spans="7:49" x14ac:dyDescent="0.2">
      <c r="G3882" s="43"/>
      <c r="Z3882" s="143"/>
      <c r="AA3882" s="137"/>
      <c r="AB3882" s="137"/>
      <c r="AC3882" s="137"/>
      <c r="AD3882" s="137"/>
      <c r="AE3882" s="137"/>
      <c r="AF3882" s="137"/>
      <c r="AG3882" s="137"/>
      <c r="AH3882" s="137"/>
      <c r="AI3882" s="137"/>
      <c r="AJ3882" s="137"/>
      <c r="AK3882" s="137"/>
      <c r="AL3882" s="137"/>
      <c r="AM3882" s="137"/>
      <c r="AN3882" s="137"/>
      <c r="AO3882" s="137"/>
      <c r="AP3882" s="137"/>
      <c r="AQ3882" s="137"/>
      <c r="AR3882" s="137"/>
      <c r="AS3882" s="137"/>
      <c r="AT3882" s="137"/>
      <c r="AU3882" s="137"/>
      <c r="AV3882" s="137"/>
      <c r="AW3882" s="144"/>
    </row>
    <row r="3883" spans="7:49" x14ac:dyDescent="0.2">
      <c r="G3883" s="43"/>
      <c r="Z3883" s="143"/>
      <c r="AA3883" s="137"/>
      <c r="AB3883" s="137"/>
      <c r="AC3883" s="137"/>
      <c r="AD3883" s="137"/>
      <c r="AE3883" s="137"/>
      <c r="AF3883" s="137"/>
      <c r="AG3883" s="137"/>
      <c r="AH3883" s="137"/>
      <c r="AI3883" s="137"/>
      <c r="AJ3883" s="137"/>
      <c r="AK3883" s="137"/>
      <c r="AL3883" s="137"/>
      <c r="AM3883" s="137"/>
      <c r="AN3883" s="137"/>
      <c r="AO3883" s="137"/>
      <c r="AP3883" s="137"/>
      <c r="AQ3883" s="137"/>
      <c r="AR3883" s="137"/>
      <c r="AS3883" s="137"/>
      <c r="AT3883" s="137"/>
      <c r="AU3883" s="137"/>
      <c r="AV3883" s="137"/>
      <c r="AW3883" s="144"/>
    </row>
    <row r="3884" spans="7:49" x14ac:dyDescent="0.2">
      <c r="G3884" s="43"/>
      <c r="Z3884" s="143"/>
      <c r="AA3884" s="137"/>
      <c r="AB3884" s="137"/>
      <c r="AC3884" s="137"/>
      <c r="AD3884" s="137"/>
      <c r="AE3884" s="137"/>
      <c r="AF3884" s="137"/>
      <c r="AG3884" s="137"/>
      <c r="AH3884" s="137"/>
      <c r="AI3884" s="137"/>
      <c r="AJ3884" s="137"/>
      <c r="AK3884" s="137"/>
      <c r="AL3884" s="137"/>
      <c r="AM3884" s="137"/>
      <c r="AN3884" s="137"/>
      <c r="AO3884" s="137"/>
      <c r="AP3884" s="137"/>
      <c r="AQ3884" s="137"/>
      <c r="AR3884" s="137"/>
      <c r="AS3884" s="137"/>
      <c r="AT3884" s="137"/>
      <c r="AU3884" s="137"/>
      <c r="AV3884" s="137"/>
      <c r="AW3884" s="144"/>
    </row>
    <row r="3885" spans="7:49" x14ac:dyDescent="0.2">
      <c r="G3885" s="43"/>
      <c r="Z3885" s="143"/>
      <c r="AA3885" s="137"/>
      <c r="AB3885" s="137"/>
      <c r="AC3885" s="137"/>
      <c r="AD3885" s="137"/>
      <c r="AE3885" s="137"/>
      <c r="AF3885" s="137"/>
      <c r="AG3885" s="137"/>
      <c r="AH3885" s="137"/>
      <c r="AI3885" s="137"/>
      <c r="AJ3885" s="137"/>
      <c r="AK3885" s="137"/>
      <c r="AL3885" s="137"/>
      <c r="AM3885" s="137"/>
      <c r="AN3885" s="137"/>
      <c r="AO3885" s="137"/>
      <c r="AP3885" s="137"/>
      <c r="AQ3885" s="137"/>
      <c r="AR3885" s="137"/>
      <c r="AS3885" s="137"/>
      <c r="AT3885" s="137"/>
      <c r="AU3885" s="137"/>
      <c r="AV3885" s="137"/>
      <c r="AW3885" s="144"/>
    </row>
    <row r="3886" spans="7:49" x14ac:dyDescent="0.2">
      <c r="G3886" s="43"/>
      <c r="Z3886" s="143"/>
      <c r="AA3886" s="137"/>
      <c r="AB3886" s="137"/>
      <c r="AC3886" s="137"/>
      <c r="AD3886" s="137"/>
      <c r="AE3886" s="137"/>
      <c r="AF3886" s="137"/>
      <c r="AG3886" s="137"/>
      <c r="AH3886" s="137"/>
      <c r="AI3886" s="137"/>
      <c r="AJ3886" s="137"/>
      <c r="AK3886" s="137"/>
      <c r="AL3886" s="137"/>
      <c r="AM3886" s="137"/>
      <c r="AN3886" s="137"/>
      <c r="AO3886" s="137"/>
      <c r="AP3886" s="137"/>
      <c r="AQ3886" s="137"/>
      <c r="AR3886" s="137"/>
      <c r="AS3886" s="137"/>
      <c r="AT3886" s="137"/>
      <c r="AU3886" s="137"/>
      <c r="AV3886" s="137"/>
      <c r="AW3886" s="144"/>
    </row>
    <row r="3887" spans="7:49" x14ac:dyDescent="0.2">
      <c r="G3887" s="43"/>
      <c r="Z3887" s="143"/>
      <c r="AA3887" s="137"/>
      <c r="AB3887" s="137"/>
      <c r="AC3887" s="137"/>
      <c r="AD3887" s="137"/>
      <c r="AE3887" s="137"/>
      <c r="AF3887" s="137"/>
      <c r="AG3887" s="137"/>
      <c r="AH3887" s="137"/>
      <c r="AI3887" s="137"/>
      <c r="AJ3887" s="137"/>
      <c r="AK3887" s="137"/>
      <c r="AL3887" s="137"/>
      <c r="AM3887" s="137"/>
      <c r="AN3887" s="137"/>
      <c r="AO3887" s="137"/>
      <c r="AP3887" s="137"/>
      <c r="AQ3887" s="137"/>
      <c r="AR3887" s="137"/>
      <c r="AS3887" s="137"/>
      <c r="AT3887" s="137"/>
      <c r="AU3887" s="137"/>
      <c r="AV3887" s="137"/>
      <c r="AW3887" s="144"/>
    </row>
    <row r="3888" spans="7:49" x14ac:dyDescent="0.2">
      <c r="G3888" s="43"/>
      <c r="Z3888" s="143"/>
      <c r="AA3888" s="137"/>
      <c r="AB3888" s="137"/>
      <c r="AC3888" s="137"/>
      <c r="AD3888" s="137"/>
      <c r="AE3888" s="137"/>
      <c r="AF3888" s="137"/>
      <c r="AG3888" s="137"/>
      <c r="AH3888" s="137"/>
      <c r="AI3888" s="137"/>
      <c r="AJ3888" s="137"/>
      <c r="AK3888" s="137"/>
      <c r="AL3888" s="137"/>
      <c r="AM3888" s="137"/>
      <c r="AN3888" s="137"/>
      <c r="AO3888" s="137"/>
      <c r="AP3888" s="137"/>
      <c r="AQ3888" s="137"/>
      <c r="AR3888" s="137"/>
      <c r="AS3888" s="137"/>
      <c r="AT3888" s="137"/>
      <c r="AU3888" s="137"/>
      <c r="AV3888" s="137"/>
      <c r="AW3888" s="144"/>
    </row>
    <row r="3889" spans="7:49" x14ac:dyDescent="0.2">
      <c r="G3889" s="43"/>
      <c r="Z3889" s="143"/>
      <c r="AA3889" s="137"/>
      <c r="AB3889" s="137"/>
      <c r="AC3889" s="137"/>
      <c r="AD3889" s="137"/>
      <c r="AE3889" s="137"/>
      <c r="AF3889" s="137"/>
      <c r="AG3889" s="137"/>
      <c r="AH3889" s="137"/>
      <c r="AI3889" s="137"/>
      <c r="AJ3889" s="137"/>
      <c r="AK3889" s="137"/>
      <c r="AL3889" s="137"/>
      <c r="AM3889" s="137"/>
      <c r="AN3889" s="137"/>
      <c r="AO3889" s="137"/>
      <c r="AP3889" s="137"/>
      <c r="AQ3889" s="137"/>
      <c r="AR3889" s="137"/>
      <c r="AS3889" s="137"/>
      <c r="AT3889" s="137"/>
      <c r="AU3889" s="137"/>
      <c r="AV3889" s="137"/>
      <c r="AW3889" s="144"/>
    </row>
    <row r="3890" spans="7:49" x14ac:dyDescent="0.2">
      <c r="G3890" s="43"/>
      <c r="Z3890" s="143"/>
      <c r="AA3890" s="137"/>
      <c r="AB3890" s="137"/>
      <c r="AC3890" s="137"/>
      <c r="AD3890" s="137"/>
      <c r="AE3890" s="137"/>
      <c r="AF3890" s="137"/>
      <c r="AG3890" s="137"/>
      <c r="AH3890" s="137"/>
      <c r="AI3890" s="137"/>
      <c r="AJ3890" s="137"/>
      <c r="AK3890" s="137"/>
      <c r="AL3890" s="137"/>
      <c r="AM3890" s="137"/>
      <c r="AN3890" s="137"/>
      <c r="AO3890" s="137"/>
      <c r="AP3890" s="137"/>
      <c r="AQ3890" s="137"/>
      <c r="AR3890" s="137"/>
      <c r="AS3890" s="137"/>
      <c r="AT3890" s="137"/>
      <c r="AU3890" s="137"/>
      <c r="AV3890" s="137"/>
      <c r="AW3890" s="144"/>
    </row>
    <row r="3891" spans="7:49" x14ac:dyDescent="0.2">
      <c r="G3891" s="43"/>
      <c r="Z3891" s="143"/>
      <c r="AA3891" s="137"/>
      <c r="AB3891" s="137"/>
      <c r="AC3891" s="137"/>
      <c r="AD3891" s="137"/>
      <c r="AE3891" s="137"/>
      <c r="AF3891" s="137"/>
      <c r="AG3891" s="137"/>
      <c r="AH3891" s="137"/>
      <c r="AI3891" s="137"/>
      <c r="AJ3891" s="137"/>
      <c r="AK3891" s="137"/>
      <c r="AL3891" s="137"/>
      <c r="AM3891" s="137"/>
      <c r="AN3891" s="137"/>
      <c r="AO3891" s="137"/>
      <c r="AP3891" s="137"/>
      <c r="AQ3891" s="137"/>
      <c r="AR3891" s="137"/>
      <c r="AS3891" s="137"/>
      <c r="AT3891" s="137"/>
      <c r="AU3891" s="137"/>
      <c r="AV3891" s="137"/>
      <c r="AW3891" s="144"/>
    </row>
    <row r="3892" spans="7:49" x14ac:dyDescent="0.2">
      <c r="G3892" s="43"/>
      <c r="Z3892" s="143"/>
      <c r="AA3892" s="137"/>
      <c r="AB3892" s="137"/>
      <c r="AC3892" s="137"/>
      <c r="AD3892" s="137"/>
      <c r="AE3892" s="137"/>
      <c r="AF3892" s="137"/>
      <c r="AG3892" s="137"/>
      <c r="AH3892" s="137"/>
      <c r="AI3892" s="137"/>
      <c r="AJ3892" s="137"/>
      <c r="AK3892" s="137"/>
      <c r="AL3892" s="137"/>
      <c r="AM3892" s="137"/>
      <c r="AN3892" s="137"/>
      <c r="AO3892" s="137"/>
      <c r="AP3892" s="137"/>
      <c r="AQ3892" s="137"/>
      <c r="AR3892" s="137"/>
      <c r="AS3892" s="137"/>
      <c r="AT3892" s="137"/>
      <c r="AU3892" s="137"/>
      <c r="AV3892" s="137"/>
      <c r="AW3892" s="144"/>
    </row>
    <row r="3893" spans="7:49" x14ac:dyDescent="0.2">
      <c r="G3893" s="43"/>
      <c r="Z3893" s="143"/>
      <c r="AA3893" s="137"/>
      <c r="AB3893" s="137"/>
      <c r="AC3893" s="137"/>
      <c r="AD3893" s="137"/>
      <c r="AE3893" s="137"/>
      <c r="AF3893" s="137"/>
      <c r="AG3893" s="137"/>
      <c r="AH3893" s="137"/>
      <c r="AI3893" s="137"/>
      <c r="AJ3893" s="137"/>
      <c r="AK3893" s="137"/>
      <c r="AL3893" s="137"/>
      <c r="AM3893" s="137"/>
      <c r="AN3893" s="137"/>
      <c r="AO3893" s="137"/>
      <c r="AP3893" s="137"/>
      <c r="AQ3893" s="137"/>
      <c r="AR3893" s="137"/>
      <c r="AS3893" s="137"/>
      <c r="AT3893" s="137"/>
      <c r="AU3893" s="137"/>
      <c r="AV3893" s="137"/>
      <c r="AW3893" s="144"/>
    </row>
    <row r="3894" spans="7:49" x14ac:dyDescent="0.2">
      <c r="G3894" s="43"/>
      <c r="Z3894" s="143"/>
      <c r="AA3894" s="137"/>
      <c r="AB3894" s="137"/>
      <c r="AC3894" s="137"/>
      <c r="AD3894" s="137"/>
      <c r="AE3894" s="137"/>
      <c r="AF3894" s="137"/>
      <c r="AG3894" s="137"/>
      <c r="AH3894" s="137"/>
      <c r="AI3894" s="137"/>
      <c r="AJ3894" s="137"/>
      <c r="AK3894" s="137"/>
      <c r="AL3894" s="137"/>
      <c r="AM3894" s="137"/>
      <c r="AN3894" s="137"/>
      <c r="AO3894" s="137"/>
      <c r="AP3894" s="137"/>
      <c r="AQ3894" s="137"/>
      <c r="AR3894" s="137"/>
      <c r="AS3894" s="137"/>
      <c r="AT3894" s="137"/>
      <c r="AU3894" s="137"/>
      <c r="AV3894" s="137"/>
      <c r="AW3894" s="144"/>
    </row>
    <row r="3895" spans="7:49" x14ac:dyDescent="0.2">
      <c r="G3895" s="43"/>
      <c r="Z3895" s="143"/>
      <c r="AA3895" s="137"/>
      <c r="AB3895" s="137"/>
      <c r="AC3895" s="137"/>
      <c r="AD3895" s="137"/>
      <c r="AE3895" s="137"/>
      <c r="AF3895" s="137"/>
      <c r="AG3895" s="137"/>
      <c r="AH3895" s="137"/>
      <c r="AI3895" s="137"/>
      <c r="AJ3895" s="137"/>
      <c r="AK3895" s="137"/>
      <c r="AL3895" s="137"/>
      <c r="AM3895" s="137"/>
      <c r="AN3895" s="137"/>
      <c r="AO3895" s="137"/>
      <c r="AP3895" s="137"/>
      <c r="AQ3895" s="137"/>
      <c r="AR3895" s="137"/>
      <c r="AS3895" s="137"/>
      <c r="AT3895" s="137"/>
      <c r="AU3895" s="137"/>
      <c r="AV3895" s="137"/>
      <c r="AW3895" s="144"/>
    </row>
    <row r="3896" spans="7:49" x14ac:dyDescent="0.2">
      <c r="G3896" s="43"/>
      <c r="Z3896" s="143"/>
      <c r="AA3896" s="137"/>
      <c r="AB3896" s="137"/>
      <c r="AC3896" s="137"/>
      <c r="AD3896" s="137"/>
      <c r="AE3896" s="137"/>
      <c r="AF3896" s="137"/>
      <c r="AG3896" s="137"/>
      <c r="AH3896" s="137"/>
      <c r="AI3896" s="137"/>
      <c r="AJ3896" s="137"/>
      <c r="AK3896" s="137"/>
      <c r="AL3896" s="137"/>
      <c r="AM3896" s="137"/>
      <c r="AN3896" s="137"/>
      <c r="AO3896" s="137"/>
      <c r="AP3896" s="137"/>
      <c r="AQ3896" s="137"/>
      <c r="AR3896" s="137"/>
      <c r="AS3896" s="137"/>
      <c r="AT3896" s="137"/>
      <c r="AU3896" s="137"/>
      <c r="AV3896" s="137"/>
      <c r="AW3896" s="144"/>
    </row>
    <row r="3897" spans="7:49" x14ac:dyDescent="0.2">
      <c r="G3897" s="43"/>
      <c r="Z3897" s="143"/>
      <c r="AA3897" s="137"/>
      <c r="AB3897" s="137"/>
      <c r="AC3897" s="137"/>
      <c r="AD3897" s="137"/>
      <c r="AE3897" s="137"/>
      <c r="AF3897" s="137"/>
      <c r="AG3897" s="137"/>
      <c r="AH3897" s="137"/>
      <c r="AI3897" s="137"/>
      <c r="AJ3897" s="137"/>
      <c r="AK3897" s="137"/>
      <c r="AL3897" s="137"/>
      <c r="AM3897" s="137"/>
      <c r="AN3897" s="137"/>
      <c r="AO3897" s="137"/>
      <c r="AP3897" s="137"/>
      <c r="AQ3897" s="137"/>
      <c r="AR3897" s="137"/>
      <c r="AS3897" s="137"/>
      <c r="AT3897" s="137"/>
      <c r="AU3897" s="137"/>
      <c r="AV3897" s="137"/>
      <c r="AW3897" s="144"/>
    </row>
    <row r="3898" spans="7:49" x14ac:dyDescent="0.2">
      <c r="G3898" s="43"/>
      <c r="Z3898" s="143"/>
      <c r="AA3898" s="137"/>
      <c r="AB3898" s="137"/>
      <c r="AC3898" s="137"/>
      <c r="AD3898" s="137"/>
      <c r="AE3898" s="137"/>
      <c r="AF3898" s="137"/>
      <c r="AG3898" s="137"/>
      <c r="AH3898" s="137"/>
      <c r="AI3898" s="137"/>
      <c r="AJ3898" s="137"/>
      <c r="AK3898" s="137"/>
      <c r="AL3898" s="137"/>
      <c r="AM3898" s="137"/>
      <c r="AN3898" s="137"/>
      <c r="AO3898" s="137"/>
      <c r="AP3898" s="137"/>
      <c r="AQ3898" s="137"/>
      <c r="AR3898" s="137"/>
      <c r="AS3898" s="137"/>
      <c r="AT3898" s="137"/>
      <c r="AU3898" s="137"/>
      <c r="AV3898" s="137"/>
      <c r="AW3898" s="144"/>
    </row>
    <row r="3899" spans="7:49" x14ac:dyDescent="0.2">
      <c r="G3899" s="43"/>
      <c r="Z3899" s="143"/>
      <c r="AA3899" s="137"/>
      <c r="AB3899" s="137"/>
      <c r="AC3899" s="137"/>
      <c r="AD3899" s="137"/>
      <c r="AE3899" s="137"/>
      <c r="AF3899" s="137"/>
      <c r="AG3899" s="137"/>
      <c r="AH3899" s="137"/>
      <c r="AI3899" s="137"/>
      <c r="AJ3899" s="137"/>
      <c r="AK3899" s="137"/>
      <c r="AL3899" s="137"/>
      <c r="AM3899" s="137"/>
      <c r="AN3899" s="137"/>
      <c r="AO3899" s="137"/>
      <c r="AP3899" s="137"/>
      <c r="AQ3899" s="137"/>
      <c r="AR3899" s="137"/>
      <c r="AS3899" s="137"/>
      <c r="AT3899" s="137"/>
      <c r="AU3899" s="137"/>
      <c r="AV3899" s="137"/>
      <c r="AW3899" s="144"/>
    </row>
    <row r="3900" spans="7:49" x14ac:dyDescent="0.2">
      <c r="G3900" s="43"/>
      <c r="Z3900" s="143"/>
      <c r="AA3900" s="137"/>
      <c r="AB3900" s="137"/>
      <c r="AC3900" s="137"/>
      <c r="AD3900" s="137"/>
      <c r="AE3900" s="137"/>
      <c r="AF3900" s="137"/>
      <c r="AG3900" s="137"/>
      <c r="AH3900" s="137"/>
      <c r="AI3900" s="137"/>
      <c r="AJ3900" s="137"/>
      <c r="AK3900" s="137"/>
      <c r="AL3900" s="137"/>
      <c r="AM3900" s="137"/>
      <c r="AN3900" s="137"/>
      <c r="AO3900" s="137"/>
      <c r="AP3900" s="137"/>
      <c r="AQ3900" s="137"/>
      <c r="AR3900" s="137"/>
      <c r="AS3900" s="137"/>
      <c r="AT3900" s="137"/>
      <c r="AU3900" s="137"/>
      <c r="AV3900" s="137"/>
      <c r="AW3900" s="144"/>
    </row>
    <row r="3901" spans="7:49" x14ac:dyDescent="0.2">
      <c r="G3901" s="43"/>
      <c r="Z3901" s="143"/>
      <c r="AA3901" s="137"/>
      <c r="AB3901" s="137"/>
      <c r="AC3901" s="137"/>
      <c r="AD3901" s="137"/>
      <c r="AE3901" s="137"/>
      <c r="AF3901" s="137"/>
      <c r="AG3901" s="137"/>
      <c r="AH3901" s="137"/>
      <c r="AI3901" s="137"/>
      <c r="AJ3901" s="137"/>
      <c r="AK3901" s="137"/>
      <c r="AL3901" s="137"/>
      <c r="AM3901" s="137"/>
      <c r="AN3901" s="137"/>
      <c r="AO3901" s="137"/>
      <c r="AP3901" s="137"/>
      <c r="AQ3901" s="137"/>
      <c r="AR3901" s="137"/>
      <c r="AS3901" s="137"/>
      <c r="AT3901" s="137"/>
      <c r="AU3901" s="137"/>
      <c r="AV3901" s="137"/>
      <c r="AW3901" s="144"/>
    </row>
    <row r="3902" spans="7:49" x14ac:dyDescent="0.2">
      <c r="G3902" s="43"/>
      <c r="Z3902" s="143"/>
      <c r="AA3902" s="137"/>
      <c r="AB3902" s="137"/>
      <c r="AC3902" s="137"/>
      <c r="AD3902" s="137"/>
      <c r="AE3902" s="137"/>
      <c r="AF3902" s="137"/>
      <c r="AG3902" s="137"/>
      <c r="AH3902" s="137"/>
      <c r="AI3902" s="137"/>
      <c r="AJ3902" s="137"/>
      <c r="AK3902" s="137"/>
      <c r="AL3902" s="137"/>
      <c r="AM3902" s="137"/>
      <c r="AN3902" s="137"/>
      <c r="AO3902" s="137"/>
      <c r="AP3902" s="137"/>
      <c r="AQ3902" s="137"/>
      <c r="AR3902" s="137"/>
      <c r="AS3902" s="137"/>
      <c r="AT3902" s="137"/>
      <c r="AU3902" s="137"/>
      <c r="AV3902" s="137"/>
      <c r="AW3902" s="144"/>
    </row>
    <row r="3903" spans="7:49" x14ac:dyDescent="0.2">
      <c r="G3903" s="43"/>
      <c r="Z3903" s="143"/>
      <c r="AA3903" s="137"/>
      <c r="AB3903" s="137"/>
      <c r="AC3903" s="137"/>
      <c r="AD3903" s="137"/>
      <c r="AE3903" s="137"/>
      <c r="AF3903" s="137"/>
      <c r="AG3903" s="137"/>
      <c r="AH3903" s="137"/>
      <c r="AI3903" s="137"/>
      <c r="AJ3903" s="137"/>
      <c r="AK3903" s="137"/>
      <c r="AL3903" s="137"/>
      <c r="AM3903" s="137"/>
      <c r="AN3903" s="137"/>
      <c r="AO3903" s="137"/>
      <c r="AP3903" s="137"/>
      <c r="AQ3903" s="137"/>
      <c r="AR3903" s="137"/>
      <c r="AS3903" s="137"/>
      <c r="AT3903" s="137"/>
      <c r="AU3903" s="137"/>
      <c r="AV3903" s="137"/>
      <c r="AW3903" s="144"/>
    </row>
    <row r="3904" spans="7:49" x14ac:dyDescent="0.2">
      <c r="G3904" s="43"/>
      <c r="Z3904" s="143"/>
      <c r="AA3904" s="137"/>
      <c r="AB3904" s="137"/>
      <c r="AC3904" s="137"/>
      <c r="AD3904" s="137"/>
      <c r="AE3904" s="137"/>
      <c r="AF3904" s="137"/>
      <c r="AG3904" s="137"/>
      <c r="AH3904" s="137"/>
      <c r="AI3904" s="137"/>
      <c r="AJ3904" s="137"/>
      <c r="AK3904" s="137"/>
      <c r="AL3904" s="137"/>
      <c r="AM3904" s="137"/>
      <c r="AN3904" s="137"/>
      <c r="AO3904" s="137"/>
      <c r="AP3904" s="137"/>
      <c r="AQ3904" s="137"/>
      <c r="AR3904" s="137"/>
      <c r="AS3904" s="137"/>
      <c r="AT3904" s="137"/>
      <c r="AU3904" s="137"/>
      <c r="AV3904" s="137"/>
      <c r="AW3904" s="144"/>
    </row>
    <row r="3905" spans="7:49" x14ac:dyDescent="0.2">
      <c r="G3905" s="43"/>
      <c r="Z3905" s="143"/>
      <c r="AA3905" s="137"/>
      <c r="AB3905" s="137"/>
      <c r="AC3905" s="137"/>
      <c r="AD3905" s="137"/>
      <c r="AE3905" s="137"/>
      <c r="AF3905" s="137"/>
      <c r="AG3905" s="137"/>
      <c r="AH3905" s="137"/>
      <c r="AI3905" s="137"/>
      <c r="AJ3905" s="137"/>
      <c r="AK3905" s="137"/>
      <c r="AL3905" s="137"/>
      <c r="AM3905" s="137"/>
      <c r="AN3905" s="137"/>
      <c r="AO3905" s="137"/>
      <c r="AP3905" s="137"/>
      <c r="AQ3905" s="137"/>
      <c r="AR3905" s="137"/>
      <c r="AS3905" s="137"/>
      <c r="AT3905" s="137"/>
      <c r="AU3905" s="137"/>
      <c r="AV3905" s="137"/>
      <c r="AW3905" s="144"/>
    </row>
    <row r="3906" spans="7:49" x14ac:dyDescent="0.2">
      <c r="G3906" s="43"/>
      <c r="Z3906" s="143"/>
      <c r="AA3906" s="137"/>
      <c r="AB3906" s="137"/>
      <c r="AC3906" s="137"/>
      <c r="AD3906" s="137"/>
      <c r="AE3906" s="137"/>
      <c r="AF3906" s="137"/>
      <c r="AG3906" s="137"/>
      <c r="AH3906" s="137"/>
      <c r="AI3906" s="137"/>
      <c r="AJ3906" s="137"/>
      <c r="AK3906" s="137"/>
      <c r="AL3906" s="137"/>
      <c r="AM3906" s="137"/>
      <c r="AN3906" s="137"/>
      <c r="AO3906" s="137"/>
      <c r="AP3906" s="137"/>
      <c r="AQ3906" s="137"/>
      <c r="AR3906" s="137"/>
      <c r="AS3906" s="137"/>
      <c r="AT3906" s="137"/>
      <c r="AU3906" s="137"/>
      <c r="AV3906" s="137"/>
      <c r="AW3906" s="144"/>
    </row>
    <row r="3907" spans="7:49" x14ac:dyDescent="0.2">
      <c r="G3907" s="43"/>
      <c r="Z3907" s="143"/>
      <c r="AA3907" s="137"/>
      <c r="AB3907" s="137"/>
      <c r="AC3907" s="137"/>
      <c r="AD3907" s="137"/>
      <c r="AE3907" s="137"/>
      <c r="AF3907" s="137"/>
      <c r="AG3907" s="137"/>
      <c r="AH3907" s="137"/>
      <c r="AI3907" s="137"/>
      <c r="AJ3907" s="137"/>
      <c r="AK3907" s="137"/>
      <c r="AL3907" s="137"/>
      <c r="AM3907" s="137"/>
      <c r="AN3907" s="137"/>
      <c r="AO3907" s="137"/>
      <c r="AP3907" s="137"/>
      <c r="AQ3907" s="137"/>
      <c r="AR3907" s="137"/>
      <c r="AS3907" s="137"/>
      <c r="AT3907" s="137"/>
      <c r="AU3907" s="137"/>
      <c r="AV3907" s="137"/>
      <c r="AW3907" s="144"/>
    </row>
    <row r="3908" spans="7:49" x14ac:dyDescent="0.2">
      <c r="G3908" s="43"/>
      <c r="Z3908" s="143"/>
      <c r="AA3908" s="137"/>
      <c r="AB3908" s="137"/>
      <c r="AC3908" s="137"/>
      <c r="AD3908" s="137"/>
      <c r="AE3908" s="137"/>
      <c r="AF3908" s="137"/>
      <c r="AG3908" s="137"/>
      <c r="AH3908" s="137"/>
      <c r="AI3908" s="137"/>
      <c r="AJ3908" s="137"/>
      <c r="AK3908" s="137"/>
      <c r="AL3908" s="137"/>
      <c r="AM3908" s="137"/>
      <c r="AN3908" s="137"/>
      <c r="AO3908" s="137"/>
      <c r="AP3908" s="137"/>
      <c r="AQ3908" s="137"/>
      <c r="AR3908" s="137"/>
      <c r="AS3908" s="137"/>
      <c r="AT3908" s="137"/>
      <c r="AU3908" s="137"/>
      <c r="AV3908" s="137"/>
      <c r="AW3908" s="144"/>
    </row>
    <row r="3909" spans="7:49" x14ac:dyDescent="0.2">
      <c r="G3909" s="43"/>
      <c r="Z3909" s="143"/>
      <c r="AA3909" s="137"/>
      <c r="AB3909" s="137"/>
      <c r="AC3909" s="137"/>
      <c r="AD3909" s="137"/>
      <c r="AE3909" s="137"/>
      <c r="AF3909" s="137"/>
      <c r="AG3909" s="137"/>
      <c r="AH3909" s="137"/>
      <c r="AI3909" s="137"/>
      <c r="AJ3909" s="137"/>
      <c r="AK3909" s="137"/>
      <c r="AL3909" s="137"/>
      <c r="AM3909" s="137"/>
      <c r="AN3909" s="137"/>
      <c r="AO3909" s="137"/>
      <c r="AP3909" s="137"/>
      <c r="AQ3909" s="137"/>
      <c r="AR3909" s="137"/>
      <c r="AS3909" s="137"/>
      <c r="AT3909" s="137"/>
      <c r="AU3909" s="137"/>
      <c r="AV3909" s="137"/>
      <c r="AW3909" s="144"/>
    </row>
    <row r="3910" spans="7:49" x14ac:dyDescent="0.2">
      <c r="G3910" s="43"/>
      <c r="Z3910" s="143"/>
      <c r="AA3910" s="137"/>
      <c r="AB3910" s="137"/>
      <c r="AC3910" s="137"/>
      <c r="AD3910" s="137"/>
      <c r="AE3910" s="137"/>
      <c r="AF3910" s="137"/>
      <c r="AG3910" s="137"/>
      <c r="AH3910" s="137"/>
      <c r="AI3910" s="137"/>
      <c r="AJ3910" s="137"/>
      <c r="AK3910" s="137"/>
      <c r="AL3910" s="137"/>
      <c r="AM3910" s="137"/>
      <c r="AN3910" s="137"/>
      <c r="AO3910" s="137"/>
      <c r="AP3910" s="137"/>
      <c r="AQ3910" s="137"/>
      <c r="AR3910" s="137"/>
      <c r="AS3910" s="137"/>
      <c r="AT3910" s="137"/>
      <c r="AU3910" s="137"/>
      <c r="AV3910" s="137"/>
      <c r="AW3910" s="144"/>
    </row>
    <row r="3911" spans="7:49" x14ac:dyDescent="0.2">
      <c r="G3911" s="43"/>
      <c r="Z3911" s="143"/>
      <c r="AA3911" s="137"/>
      <c r="AB3911" s="137"/>
      <c r="AC3911" s="137"/>
      <c r="AD3911" s="137"/>
      <c r="AE3911" s="137"/>
      <c r="AF3911" s="137"/>
      <c r="AG3911" s="137"/>
      <c r="AH3911" s="137"/>
      <c r="AI3911" s="137"/>
      <c r="AJ3911" s="137"/>
      <c r="AK3911" s="137"/>
      <c r="AL3911" s="137"/>
      <c r="AM3911" s="137"/>
      <c r="AN3911" s="137"/>
      <c r="AO3911" s="137"/>
      <c r="AP3911" s="137"/>
      <c r="AQ3911" s="137"/>
      <c r="AR3911" s="137"/>
      <c r="AS3911" s="137"/>
      <c r="AT3911" s="137"/>
      <c r="AU3911" s="137"/>
      <c r="AV3911" s="137"/>
      <c r="AW3911" s="144"/>
    </row>
    <row r="3912" spans="7:49" x14ac:dyDescent="0.2">
      <c r="G3912" s="43"/>
      <c r="Z3912" s="143"/>
      <c r="AA3912" s="137"/>
      <c r="AB3912" s="137"/>
      <c r="AC3912" s="137"/>
      <c r="AD3912" s="137"/>
      <c r="AE3912" s="137"/>
      <c r="AF3912" s="137"/>
      <c r="AG3912" s="137"/>
      <c r="AH3912" s="137"/>
      <c r="AI3912" s="137"/>
      <c r="AJ3912" s="137"/>
      <c r="AK3912" s="137"/>
      <c r="AL3912" s="137"/>
      <c r="AM3912" s="137"/>
      <c r="AN3912" s="137"/>
      <c r="AO3912" s="137"/>
      <c r="AP3912" s="137"/>
      <c r="AQ3912" s="137"/>
      <c r="AR3912" s="137"/>
      <c r="AS3912" s="137"/>
      <c r="AT3912" s="137"/>
      <c r="AU3912" s="137"/>
      <c r="AV3912" s="137"/>
      <c r="AW3912" s="144"/>
    </row>
    <row r="3913" spans="7:49" x14ac:dyDescent="0.2">
      <c r="G3913" s="43"/>
      <c r="Z3913" s="143"/>
      <c r="AA3913" s="137"/>
      <c r="AB3913" s="137"/>
      <c r="AC3913" s="137"/>
      <c r="AD3913" s="137"/>
      <c r="AE3913" s="137"/>
      <c r="AF3913" s="137"/>
      <c r="AG3913" s="137"/>
      <c r="AH3913" s="137"/>
      <c r="AI3913" s="137"/>
      <c r="AJ3913" s="137"/>
      <c r="AK3913" s="137"/>
      <c r="AL3913" s="137"/>
      <c r="AM3913" s="137"/>
      <c r="AN3913" s="137"/>
      <c r="AO3913" s="137"/>
      <c r="AP3913" s="137"/>
      <c r="AQ3913" s="137"/>
      <c r="AR3913" s="137"/>
      <c r="AS3913" s="137"/>
      <c r="AT3913" s="137"/>
      <c r="AU3913" s="137"/>
      <c r="AV3913" s="137"/>
      <c r="AW3913" s="144"/>
    </row>
    <row r="3914" spans="7:49" x14ac:dyDescent="0.2">
      <c r="G3914" s="43"/>
      <c r="Z3914" s="143"/>
      <c r="AA3914" s="137"/>
      <c r="AB3914" s="137"/>
      <c r="AC3914" s="137"/>
      <c r="AD3914" s="137"/>
      <c r="AE3914" s="137"/>
      <c r="AF3914" s="137"/>
      <c r="AG3914" s="137"/>
      <c r="AH3914" s="137"/>
      <c r="AI3914" s="137"/>
      <c r="AJ3914" s="137"/>
      <c r="AK3914" s="137"/>
      <c r="AL3914" s="137"/>
      <c r="AM3914" s="137"/>
      <c r="AN3914" s="137"/>
      <c r="AO3914" s="137"/>
      <c r="AP3914" s="137"/>
      <c r="AQ3914" s="137"/>
      <c r="AR3914" s="137"/>
      <c r="AS3914" s="137"/>
      <c r="AT3914" s="137"/>
      <c r="AU3914" s="137"/>
      <c r="AV3914" s="137"/>
      <c r="AW3914" s="144"/>
    </row>
    <row r="3915" spans="7:49" x14ac:dyDescent="0.2">
      <c r="G3915" s="43"/>
      <c r="Z3915" s="143"/>
      <c r="AA3915" s="137"/>
      <c r="AB3915" s="137"/>
      <c r="AC3915" s="137"/>
      <c r="AD3915" s="137"/>
      <c r="AE3915" s="137"/>
      <c r="AF3915" s="137"/>
      <c r="AG3915" s="137"/>
      <c r="AH3915" s="137"/>
      <c r="AI3915" s="137"/>
      <c r="AJ3915" s="137"/>
      <c r="AK3915" s="137"/>
      <c r="AL3915" s="137"/>
      <c r="AM3915" s="137"/>
      <c r="AN3915" s="137"/>
      <c r="AO3915" s="137"/>
      <c r="AP3915" s="137"/>
      <c r="AQ3915" s="137"/>
      <c r="AR3915" s="137"/>
      <c r="AS3915" s="137"/>
      <c r="AT3915" s="137"/>
      <c r="AU3915" s="137"/>
      <c r="AV3915" s="137"/>
      <c r="AW3915" s="144"/>
    </row>
    <row r="3916" spans="7:49" x14ac:dyDescent="0.2">
      <c r="G3916" s="43"/>
      <c r="Z3916" s="143"/>
      <c r="AA3916" s="137"/>
      <c r="AB3916" s="137"/>
      <c r="AC3916" s="137"/>
      <c r="AD3916" s="137"/>
      <c r="AE3916" s="137"/>
      <c r="AF3916" s="137"/>
      <c r="AG3916" s="137"/>
      <c r="AH3916" s="137"/>
      <c r="AI3916" s="137"/>
      <c r="AJ3916" s="137"/>
      <c r="AK3916" s="137"/>
      <c r="AL3916" s="137"/>
      <c r="AM3916" s="137"/>
      <c r="AN3916" s="137"/>
      <c r="AO3916" s="137"/>
      <c r="AP3916" s="137"/>
      <c r="AQ3916" s="137"/>
      <c r="AR3916" s="137"/>
      <c r="AS3916" s="137"/>
      <c r="AT3916" s="137"/>
      <c r="AU3916" s="137"/>
      <c r="AV3916" s="137"/>
      <c r="AW3916" s="144"/>
    </row>
    <row r="3917" spans="7:49" x14ac:dyDescent="0.2">
      <c r="G3917" s="43"/>
      <c r="Z3917" s="143"/>
      <c r="AA3917" s="137"/>
      <c r="AB3917" s="137"/>
      <c r="AC3917" s="137"/>
      <c r="AD3917" s="137"/>
      <c r="AE3917" s="137"/>
      <c r="AF3917" s="137"/>
      <c r="AG3917" s="137"/>
      <c r="AH3917" s="137"/>
      <c r="AI3917" s="137"/>
      <c r="AJ3917" s="137"/>
      <c r="AK3917" s="137"/>
      <c r="AL3917" s="137"/>
      <c r="AM3917" s="137"/>
      <c r="AN3917" s="137"/>
      <c r="AO3917" s="137"/>
      <c r="AP3917" s="137"/>
      <c r="AQ3917" s="137"/>
      <c r="AR3917" s="137"/>
      <c r="AS3917" s="137"/>
      <c r="AT3917" s="137"/>
      <c r="AU3917" s="137"/>
      <c r="AV3917" s="137"/>
      <c r="AW3917" s="144"/>
    </row>
    <row r="3918" spans="7:49" x14ac:dyDescent="0.2">
      <c r="G3918" s="43"/>
      <c r="Z3918" s="143"/>
      <c r="AA3918" s="137"/>
      <c r="AB3918" s="137"/>
      <c r="AC3918" s="137"/>
      <c r="AD3918" s="137"/>
      <c r="AE3918" s="137"/>
      <c r="AF3918" s="137"/>
      <c r="AG3918" s="137"/>
      <c r="AH3918" s="137"/>
      <c r="AI3918" s="137"/>
      <c r="AJ3918" s="137"/>
      <c r="AK3918" s="137"/>
      <c r="AL3918" s="137"/>
      <c r="AM3918" s="137"/>
      <c r="AN3918" s="137"/>
      <c r="AO3918" s="137"/>
      <c r="AP3918" s="137"/>
      <c r="AQ3918" s="137"/>
      <c r="AR3918" s="137"/>
      <c r="AS3918" s="137"/>
      <c r="AT3918" s="137"/>
      <c r="AU3918" s="137"/>
      <c r="AV3918" s="137"/>
      <c r="AW3918" s="144"/>
    </row>
    <row r="3919" spans="7:49" x14ac:dyDescent="0.2">
      <c r="G3919" s="43"/>
      <c r="Z3919" s="143"/>
      <c r="AA3919" s="137"/>
      <c r="AB3919" s="137"/>
      <c r="AC3919" s="137"/>
      <c r="AD3919" s="137"/>
      <c r="AE3919" s="137"/>
      <c r="AF3919" s="137"/>
      <c r="AG3919" s="137"/>
      <c r="AH3919" s="137"/>
      <c r="AI3919" s="137"/>
      <c r="AJ3919" s="137"/>
      <c r="AK3919" s="137"/>
      <c r="AL3919" s="137"/>
      <c r="AM3919" s="137"/>
      <c r="AN3919" s="137"/>
      <c r="AO3919" s="137"/>
      <c r="AP3919" s="137"/>
      <c r="AQ3919" s="137"/>
      <c r="AR3919" s="137"/>
      <c r="AS3919" s="137"/>
      <c r="AT3919" s="137"/>
      <c r="AU3919" s="137"/>
      <c r="AV3919" s="137"/>
      <c r="AW3919" s="144"/>
    </row>
    <row r="3920" spans="7:49" x14ac:dyDescent="0.2">
      <c r="G3920" s="43"/>
      <c r="Z3920" s="143"/>
      <c r="AA3920" s="137"/>
      <c r="AB3920" s="137"/>
      <c r="AC3920" s="137"/>
      <c r="AD3920" s="137"/>
      <c r="AE3920" s="137"/>
      <c r="AF3920" s="137"/>
      <c r="AG3920" s="137"/>
      <c r="AH3920" s="137"/>
      <c r="AI3920" s="137"/>
      <c r="AJ3920" s="137"/>
      <c r="AK3920" s="137"/>
      <c r="AL3920" s="137"/>
      <c r="AM3920" s="137"/>
      <c r="AN3920" s="137"/>
      <c r="AO3920" s="137"/>
      <c r="AP3920" s="137"/>
      <c r="AQ3920" s="137"/>
      <c r="AR3920" s="137"/>
      <c r="AS3920" s="137"/>
      <c r="AT3920" s="137"/>
      <c r="AU3920" s="137"/>
      <c r="AV3920" s="137"/>
      <c r="AW3920" s="144"/>
    </row>
    <row r="3921" spans="7:49" x14ac:dyDescent="0.2">
      <c r="G3921" s="43"/>
      <c r="Z3921" s="143"/>
      <c r="AA3921" s="137"/>
      <c r="AB3921" s="137"/>
      <c r="AC3921" s="137"/>
      <c r="AD3921" s="137"/>
      <c r="AE3921" s="137"/>
      <c r="AF3921" s="137"/>
      <c r="AG3921" s="137"/>
      <c r="AH3921" s="137"/>
      <c r="AI3921" s="137"/>
      <c r="AJ3921" s="137"/>
      <c r="AK3921" s="137"/>
      <c r="AL3921" s="137"/>
      <c r="AM3921" s="137"/>
      <c r="AN3921" s="137"/>
      <c r="AO3921" s="137"/>
      <c r="AP3921" s="137"/>
      <c r="AQ3921" s="137"/>
      <c r="AR3921" s="137"/>
      <c r="AS3921" s="137"/>
      <c r="AT3921" s="137"/>
      <c r="AU3921" s="137"/>
      <c r="AV3921" s="137"/>
      <c r="AW3921" s="144"/>
    </row>
    <row r="3922" spans="7:49" x14ac:dyDescent="0.2">
      <c r="G3922" s="43"/>
      <c r="Z3922" s="143"/>
      <c r="AA3922" s="137"/>
      <c r="AB3922" s="137"/>
      <c r="AC3922" s="137"/>
      <c r="AD3922" s="137"/>
      <c r="AE3922" s="137"/>
      <c r="AF3922" s="137"/>
      <c r="AG3922" s="137"/>
      <c r="AH3922" s="137"/>
      <c r="AI3922" s="137"/>
      <c r="AJ3922" s="137"/>
      <c r="AK3922" s="137"/>
      <c r="AL3922" s="137"/>
      <c r="AM3922" s="137"/>
      <c r="AN3922" s="137"/>
      <c r="AO3922" s="137"/>
      <c r="AP3922" s="137"/>
      <c r="AQ3922" s="137"/>
      <c r="AR3922" s="137"/>
      <c r="AS3922" s="137"/>
      <c r="AT3922" s="137"/>
      <c r="AU3922" s="137"/>
      <c r="AV3922" s="137"/>
      <c r="AW3922" s="144"/>
    </row>
    <row r="3923" spans="7:49" x14ac:dyDescent="0.2">
      <c r="G3923" s="43"/>
      <c r="Z3923" s="143"/>
      <c r="AA3923" s="137"/>
      <c r="AB3923" s="137"/>
      <c r="AC3923" s="137"/>
      <c r="AD3923" s="137"/>
      <c r="AE3923" s="137"/>
      <c r="AF3923" s="137"/>
      <c r="AG3923" s="137"/>
      <c r="AH3923" s="137"/>
      <c r="AI3923" s="137"/>
      <c r="AJ3923" s="137"/>
      <c r="AK3923" s="137"/>
      <c r="AL3923" s="137"/>
      <c r="AM3923" s="137"/>
      <c r="AN3923" s="137"/>
      <c r="AO3923" s="137"/>
      <c r="AP3923" s="137"/>
      <c r="AQ3923" s="137"/>
      <c r="AR3923" s="137"/>
      <c r="AS3923" s="137"/>
      <c r="AT3923" s="137"/>
      <c r="AU3923" s="137"/>
      <c r="AV3923" s="137"/>
      <c r="AW3923" s="144"/>
    </row>
    <row r="3924" spans="7:49" x14ac:dyDescent="0.2">
      <c r="G3924" s="43"/>
      <c r="Z3924" s="143"/>
      <c r="AA3924" s="137"/>
      <c r="AB3924" s="137"/>
      <c r="AC3924" s="137"/>
      <c r="AD3924" s="137"/>
      <c r="AE3924" s="137"/>
      <c r="AF3924" s="137"/>
      <c r="AG3924" s="137"/>
      <c r="AH3924" s="137"/>
      <c r="AI3924" s="137"/>
      <c r="AJ3924" s="137"/>
      <c r="AK3924" s="137"/>
      <c r="AL3924" s="137"/>
      <c r="AM3924" s="137"/>
      <c r="AN3924" s="137"/>
      <c r="AO3924" s="137"/>
      <c r="AP3924" s="137"/>
      <c r="AQ3924" s="137"/>
      <c r="AR3924" s="137"/>
      <c r="AS3924" s="137"/>
      <c r="AT3924" s="137"/>
      <c r="AU3924" s="137"/>
      <c r="AV3924" s="137"/>
      <c r="AW3924" s="144"/>
    </row>
    <row r="3925" spans="7:49" x14ac:dyDescent="0.2">
      <c r="G3925" s="43"/>
      <c r="Z3925" s="143"/>
      <c r="AA3925" s="137"/>
      <c r="AB3925" s="137"/>
      <c r="AC3925" s="137"/>
      <c r="AD3925" s="137"/>
      <c r="AE3925" s="137"/>
      <c r="AF3925" s="137"/>
      <c r="AG3925" s="137"/>
      <c r="AH3925" s="137"/>
      <c r="AI3925" s="137"/>
      <c r="AJ3925" s="137"/>
      <c r="AK3925" s="137"/>
      <c r="AL3925" s="137"/>
      <c r="AM3925" s="137"/>
      <c r="AN3925" s="137"/>
      <c r="AO3925" s="137"/>
      <c r="AP3925" s="137"/>
      <c r="AQ3925" s="137"/>
      <c r="AR3925" s="137"/>
      <c r="AS3925" s="137"/>
      <c r="AT3925" s="137"/>
      <c r="AU3925" s="137"/>
      <c r="AV3925" s="137"/>
      <c r="AW3925" s="144"/>
    </row>
    <row r="3926" spans="7:49" x14ac:dyDescent="0.2">
      <c r="G3926" s="43"/>
      <c r="Z3926" s="143"/>
      <c r="AA3926" s="137"/>
      <c r="AB3926" s="137"/>
      <c r="AC3926" s="137"/>
      <c r="AD3926" s="137"/>
      <c r="AE3926" s="137"/>
      <c r="AF3926" s="137"/>
      <c r="AG3926" s="137"/>
      <c r="AH3926" s="137"/>
      <c r="AI3926" s="137"/>
      <c r="AJ3926" s="137"/>
      <c r="AK3926" s="137"/>
      <c r="AL3926" s="137"/>
      <c r="AM3926" s="137"/>
      <c r="AN3926" s="137"/>
      <c r="AO3926" s="137"/>
      <c r="AP3926" s="137"/>
      <c r="AQ3926" s="137"/>
      <c r="AR3926" s="137"/>
      <c r="AS3926" s="137"/>
      <c r="AT3926" s="137"/>
      <c r="AU3926" s="137"/>
      <c r="AV3926" s="137"/>
      <c r="AW3926" s="144"/>
    </row>
    <row r="3927" spans="7:49" x14ac:dyDescent="0.2">
      <c r="G3927" s="43"/>
      <c r="Z3927" s="143"/>
      <c r="AA3927" s="137"/>
      <c r="AB3927" s="137"/>
      <c r="AC3927" s="137"/>
      <c r="AD3927" s="137"/>
      <c r="AE3927" s="137"/>
      <c r="AF3927" s="137"/>
      <c r="AG3927" s="137"/>
      <c r="AH3927" s="137"/>
      <c r="AI3927" s="137"/>
      <c r="AJ3927" s="137"/>
      <c r="AK3927" s="137"/>
      <c r="AL3927" s="137"/>
      <c r="AM3927" s="137"/>
      <c r="AN3927" s="137"/>
      <c r="AO3927" s="137"/>
      <c r="AP3927" s="137"/>
      <c r="AQ3927" s="137"/>
      <c r="AR3927" s="137"/>
      <c r="AS3927" s="137"/>
      <c r="AT3927" s="137"/>
      <c r="AU3927" s="137"/>
      <c r="AV3927" s="137"/>
      <c r="AW3927" s="144"/>
    </row>
    <row r="3928" spans="7:49" x14ac:dyDescent="0.2">
      <c r="G3928" s="43"/>
      <c r="Z3928" s="143"/>
      <c r="AA3928" s="137"/>
      <c r="AB3928" s="137"/>
      <c r="AC3928" s="137"/>
      <c r="AD3928" s="137"/>
      <c r="AE3928" s="137"/>
      <c r="AF3928" s="137"/>
      <c r="AG3928" s="137"/>
      <c r="AH3928" s="137"/>
      <c r="AI3928" s="137"/>
      <c r="AJ3928" s="137"/>
      <c r="AK3928" s="137"/>
      <c r="AL3928" s="137"/>
      <c r="AM3928" s="137"/>
      <c r="AN3928" s="137"/>
      <c r="AO3928" s="137"/>
      <c r="AP3928" s="137"/>
      <c r="AQ3928" s="137"/>
      <c r="AR3928" s="137"/>
      <c r="AS3928" s="137"/>
      <c r="AT3928" s="137"/>
      <c r="AU3928" s="137"/>
      <c r="AV3928" s="137"/>
      <c r="AW3928" s="144"/>
    </row>
    <row r="3929" spans="7:49" x14ac:dyDescent="0.2">
      <c r="G3929" s="43"/>
      <c r="Z3929" s="143"/>
      <c r="AA3929" s="137"/>
      <c r="AB3929" s="137"/>
      <c r="AC3929" s="137"/>
      <c r="AD3929" s="137"/>
      <c r="AE3929" s="137"/>
      <c r="AF3929" s="137"/>
      <c r="AG3929" s="137"/>
      <c r="AH3929" s="137"/>
      <c r="AI3929" s="137"/>
      <c r="AJ3929" s="137"/>
      <c r="AK3929" s="137"/>
      <c r="AL3929" s="137"/>
      <c r="AM3929" s="137"/>
      <c r="AN3929" s="137"/>
      <c r="AO3929" s="137"/>
      <c r="AP3929" s="137"/>
      <c r="AQ3929" s="137"/>
      <c r="AR3929" s="137"/>
      <c r="AS3929" s="137"/>
      <c r="AT3929" s="137"/>
      <c r="AU3929" s="137"/>
      <c r="AV3929" s="137"/>
      <c r="AW3929" s="144"/>
    </row>
    <row r="3930" spans="7:49" x14ac:dyDescent="0.2">
      <c r="G3930" s="43"/>
      <c r="Z3930" s="143"/>
      <c r="AA3930" s="137"/>
      <c r="AB3930" s="137"/>
      <c r="AC3930" s="137"/>
      <c r="AD3930" s="137"/>
      <c r="AE3930" s="137"/>
      <c r="AF3930" s="137"/>
      <c r="AG3930" s="137"/>
      <c r="AH3930" s="137"/>
      <c r="AI3930" s="137"/>
      <c r="AJ3930" s="137"/>
      <c r="AK3930" s="137"/>
      <c r="AL3930" s="137"/>
      <c r="AM3930" s="137"/>
      <c r="AN3930" s="137"/>
      <c r="AO3930" s="137"/>
      <c r="AP3930" s="137"/>
      <c r="AQ3930" s="137"/>
      <c r="AR3930" s="137"/>
      <c r="AS3930" s="137"/>
      <c r="AT3930" s="137"/>
      <c r="AU3930" s="137"/>
      <c r="AV3930" s="137"/>
      <c r="AW3930" s="144"/>
    </row>
    <row r="3931" spans="7:49" x14ac:dyDescent="0.2">
      <c r="G3931" s="43"/>
      <c r="Z3931" s="143"/>
      <c r="AA3931" s="137"/>
      <c r="AB3931" s="137"/>
      <c r="AC3931" s="137"/>
      <c r="AD3931" s="137"/>
      <c r="AE3931" s="137"/>
      <c r="AF3931" s="137"/>
      <c r="AG3931" s="137"/>
      <c r="AH3931" s="137"/>
      <c r="AI3931" s="137"/>
      <c r="AJ3931" s="137"/>
      <c r="AK3931" s="137"/>
      <c r="AL3931" s="137"/>
      <c r="AM3931" s="137"/>
      <c r="AN3931" s="137"/>
      <c r="AO3931" s="137"/>
      <c r="AP3931" s="137"/>
      <c r="AQ3931" s="137"/>
      <c r="AR3931" s="137"/>
      <c r="AS3931" s="137"/>
      <c r="AT3931" s="137"/>
      <c r="AU3931" s="137"/>
      <c r="AV3931" s="137"/>
      <c r="AW3931" s="144"/>
    </row>
    <row r="3932" spans="7:49" x14ac:dyDescent="0.2">
      <c r="G3932" s="43"/>
      <c r="Z3932" s="143"/>
      <c r="AA3932" s="137"/>
      <c r="AB3932" s="137"/>
      <c r="AC3932" s="137"/>
      <c r="AD3932" s="137"/>
      <c r="AE3932" s="137"/>
      <c r="AF3932" s="137"/>
      <c r="AG3932" s="137"/>
      <c r="AH3932" s="137"/>
      <c r="AI3932" s="137"/>
      <c r="AJ3932" s="137"/>
      <c r="AK3932" s="137"/>
      <c r="AL3932" s="137"/>
      <c r="AM3932" s="137"/>
      <c r="AN3932" s="137"/>
      <c r="AO3932" s="137"/>
      <c r="AP3932" s="137"/>
      <c r="AQ3932" s="137"/>
      <c r="AR3932" s="137"/>
      <c r="AS3932" s="137"/>
      <c r="AT3932" s="137"/>
      <c r="AU3932" s="137"/>
      <c r="AV3932" s="137"/>
      <c r="AW3932" s="144"/>
    </row>
    <row r="3933" spans="7:49" x14ac:dyDescent="0.2">
      <c r="G3933" s="43"/>
      <c r="Z3933" s="143"/>
      <c r="AA3933" s="137"/>
      <c r="AB3933" s="137"/>
      <c r="AC3933" s="137"/>
      <c r="AD3933" s="137"/>
      <c r="AE3933" s="137"/>
      <c r="AF3933" s="137"/>
      <c r="AG3933" s="137"/>
      <c r="AH3933" s="137"/>
      <c r="AI3933" s="137"/>
      <c r="AJ3933" s="137"/>
      <c r="AK3933" s="137"/>
      <c r="AL3933" s="137"/>
      <c r="AM3933" s="137"/>
      <c r="AN3933" s="137"/>
      <c r="AO3933" s="137"/>
      <c r="AP3933" s="137"/>
      <c r="AQ3933" s="137"/>
      <c r="AR3933" s="137"/>
      <c r="AS3933" s="137"/>
      <c r="AT3933" s="137"/>
      <c r="AU3933" s="137"/>
      <c r="AV3933" s="137"/>
      <c r="AW3933" s="144"/>
    </row>
    <row r="3934" spans="7:49" x14ac:dyDescent="0.2">
      <c r="G3934" s="43"/>
      <c r="Z3934" s="143"/>
      <c r="AA3934" s="137"/>
      <c r="AB3934" s="137"/>
      <c r="AC3934" s="137"/>
      <c r="AD3934" s="137"/>
      <c r="AE3934" s="137"/>
      <c r="AF3934" s="137"/>
      <c r="AG3934" s="137"/>
      <c r="AH3934" s="137"/>
      <c r="AI3934" s="137"/>
      <c r="AJ3934" s="137"/>
      <c r="AK3934" s="137"/>
      <c r="AL3934" s="137"/>
      <c r="AM3934" s="137"/>
      <c r="AN3934" s="137"/>
      <c r="AO3934" s="137"/>
      <c r="AP3934" s="137"/>
      <c r="AQ3934" s="137"/>
      <c r="AR3934" s="137"/>
      <c r="AS3934" s="137"/>
      <c r="AT3934" s="137"/>
      <c r="AU3934" s="137"/>
      <c r="AV3934" s="137"/>
      <c r="AW3934" s="144"/>
    </row>
    <row r="3935" spans="7:49" x14ac:dyDescent="0.2">
      <c r="G3935" s="43"/>
      <c r="Z3935" s="143"/>
      <c r="AA3935" s="137"/>
      <c r="AB3935" s="137"/>
      <c r="AC3935" s="137"/>
      <c r="AD3935" s="137"/>
      <c r="AE3935" s="137"/>
      <c r="AF3935" s="137"/>
      <c r="AG3935" s="137"/>
      <c r="AH3935" s="137"/>
      <c r="AI3935" s="137"/>
      <c r="AJ3935" s="137"/>
      <c r="AK3935" s="137"/>
      <c r="AL3935" s="137"/>
      <c r="AM3935" s="137"/>
      <c r="AN3935" s="137"/>
      <c r="AO3935" s="137"/>
      <c r="AP3935" s="137"/>
      <c r="AQ3935" s="137"/>
      <c r="AR3935" s="137"/>
      <c r="AS3935" s="137"/>
      <c r="AT3935" s="137"/>
      <c r="AU3935" s="137"/>
      <c r="AV3935" s="137"/>
      <c r="AW3935" s="144"/>
    </row>
    <row r="3936" spans="7:49" x14ac:dyDescent="0.2">
      <c r="G3936" s="43"/>
      <c r="Z3936" s="143"/>
      <c r="AA3936" s="137"/>
      <c r="AB3936" s="137"/>
      <c r="AC3936" s="137"/>
      <c r="AD3936" s="137"/>
      <c r="AE3936" s="137"/>
      <c r="AF3936" s="137"/>
      <c r="AG3936" s="137"/>
      <c r="AH3936" s="137"/>
      <c r="AI3936" s="137"/>
      <c r="AJ3936" s="137"/>
      <c r="AK3936" s="137"/>
      <c r="AL3936" s="137"/>
      <c r="AM3936" s="137"/>
      <c r="AN3936" s="137"/>
      <c r="AO3936" s="137"/>
      <c r="AP3936" s="137"/>
      <c r="AQ3936" s="137"/>
      <c r="AR3936" s="137"/>
      <c r="AS3936" s="137"/>
      <c r="AT3936" s="137"/>
      <c r="AU3936" s="137"/>
      <c r="AV3936" s="137"/>
      <c r="AW3936" s="144"/>
    </row>
    <row r="3937" spans="7:49" x14ac:dyDescent="0.2">
      <c r="G3937" s="43"/>
      <c r="Z3937" s="143"/>
      <c r="AA3937" s="137"/>
      <c r="AB3937" s="137"/>
      <c r="AC3937" s="137"/>
      <c r="AD3937" s="137"/>
      <c r="AE3937" s="137"/>
      <c r="AF3937" s="137"/>
      <c r="AG3937" s="137"/>
      <c r="AH3937" s="137"/>
      <c r="AI3937" s="137"/>
      <c r="AJ3937" s="137"/>
      <c r="AK3937" s="137"/>
      <c r="AL3937" s="137"/>
      <c r="AM3937" s="137"/>
      <c r="AN3937" s="137"/>
      <c r="AO3937" s="137"/>
      <c r="AP3937" s="137"/>
      <c r="AQ3937" s="137"/>
      <c r="AR3937" s="137"/>
      <c r="AS3937" s="137"/>
      <c r="AT3937" s="137"/>
      <c r="AU3937" s="137"/>
      <c r="AV3937" s="137"/>
      <c r="AW3937" s="144"/>
    </row>
    <row r="3938" spans="7:49" x14ac:dyDescent="0.2">
      <c r="G3938" s="43"/>
      <c r="Z3938" s="143"/>
      <c r="AA3938" s="137"/>
      <c r="AB3938" s="137"/>
      <c r="AC3938" s="137"/>
      <c r="AD3938" s="137"/>
      <c r="AE3938" s="137"/>
      <c r="AF3938" s="137"/>
      <c r="AG3938" s="137"/>
      <c r="AH3938" s="137"/>
      <c r="AI3938" s="137"/>
      <c r="AJ3938" s="137"/>
      <c r="AK3938" s="137"/>
      <c r="AL3938" s="137"/>
      <c r="AM3938" s="137"/>
      <c r="AN3938" s="137"/>
      <c r="AO3938" s="137"/>
      <c r="AP3938" s="137"/>
      <c r="AQ3938" s="137"/>
      <c r="AR3938" s="137"/>
      <c r="AS3938" s="137"/>
      <c r="AT3938" s="137"/>
      <c r="AU3938" s="137"/>
      <c r="AV3938" s="137"/>
      <c r="AW3938" s="144"/>
    </row>
    <row r="3939" spans="7:49" x14ac:dyDescent="0.2">
      <c r="G3939" s="43"/>
      <c r="Z3939" s="143"/>
      <c r="AA3939" s="137"/>
      <c r="AB3939" s="137"/>
      <c r="AC3939" s="137"/>
      <c r="AD3939" s="137"/>
      <c r="AE3939" s="137"/>
      <c r="AF3939" s="137"/>
      <c r="AG3939" s="137"/>
      <c r="AH3939" s="137"/>
      <c r="AI3939" s="137"/>
      <c r="AJ3939" s="137"/>
      <c r="AK3939" s="137"/>
      <c r="AL3939" s="137"/>
      <c r="AM3939" s="137"/>
      <c r="AN3939" s="137"/>
      <c r="AO3939" s="137"/>
      <c r="AP3939" s="137"/>
      <c r="AQ3939" s="137"/>
      <c r="AR3939" s="137"/>
      <c r="AS3939" s="137"/>
      <c r="AT3939" s="137"/>
      <c r="AU3939" s="137"/>
      <c r="AV3939" s="137"/>
      <c r="AW3939" s="144"/>
    </row>
    <row r="3940" spans="7:49" x14ac:dyDescent="0.2">
      <c r="G3940" s="43"/>
      <c r="Z3940" s="143"/>
      <c r="AA3940" s="137"/>
      <c r="AB3940" s="137"/>
      <c r="AC3940" s="137"/>
      <c r="AD3940" s="137"/>
      <c r="AE3940" s="137"/>
      <c r="AF3940" s="137"/>
      <c r="AG3940" s="137"/>
      <c r="AH3940" s="137"/>
      <c r="AI3940" s="137"/>
      <c r="AJ3940" s="137"/>
      <c r="AK3940" s="137"/>
      <c r="AL3940" s="137"/>
      <c r="AM3940" s="137"/>
      <c r="AN3940" s="137"/>
      <c r="AO3940" s="137"/>
      <c r="AP3940" s="137"/>
      <c r="AQ3940" s="137"/>
      <c r="AR3940" s="137"/>
      <c r="AS3940" s="137"/>
      <c r="AT3940" s="137"/>
      <c r="AU3940" s="137"/>
      <c r="AV3940" s="137"/>
      <c r="AW3940" s="144"/>
    </row>
    <row r="3941" spans="7:49" x14ac:dyDescent="0.2">
      <c r="G3941" s="43"/>
      <c r="Z3941" s="143"/>
      <c r="AA3941" s="137"/>
      <c r="AB3941" s="137"/>
      <c r="AC3941" s="137"/>
      <c r="AD3941" s="137"/>
      <c r="AE3941" s="137"/>
      <c r="AF3941" s="137"/>
      <c r="AG3941" s="137"/>
      <c r="AH3941" s="137"/>
      <c r="AI3941" s="137"/>
      <c r="AJ3941" s="137"/>
      <c r="AK3941" s="137"/>
      <c r="AL3941" s="137"/>
      <c r="AM3941" s="137"/>
      <c r="AN3941" s="137"/>
      <c r="AO3941" s="137"/>
      <c r="AP3941" s="137"/>
      <c r="AQ3941" s="137"/>
      <c r="AR3941" s="137"/>
      <c r="AS3941" s="137"/>
      <c r="AT3941" s="137"/>
      <c r="AU3941" s="137"/>
      <c r="AV3941" s="137"/>
      <c r="AW3941" s="144"/>
    </row>
    <row r="3942" spans="7:49" x14ac:dyDescent="0.2">
      <c r="G3942" s="43"/>
      <c r="Z3942" s="143"/>
      <c r="AA3942" s="137"/>
      <c r="AB3942" s="137"/>
      <c r="AC3942" s="137"/>
      <c r="AD3942" s="137"/>
      <c r="AE3942" s="137"/>
      <c r="AF3942" s="137"/>
      <c r="AG3942" s="137"/>
      <c r="AH3942" s="137"/>
      <c r="AI3942" s="137"/>
      <c r="AJ3942" s="137"/>
      <c r="AK3942" s="137"/>
      <c r="AL3942" s="137"/>
      <c r="AM3942" s="137"/>
      <c r="AN3942" s="137"/>
      <c r="AO3942" s="137"/>
      <c r="AP3942" s="137"/>
      <c r="AQ3942" s="137"/>
      <c r="AR3942" s="137"/>
      <c r="AS3942" s="137"/>
      <c r="AT3942" s="137"/>
      <c r="AU3942" s="137"/>
      <c r="AV3942" s="137"/>
      <c r="AW3942" s="144"/>
    </row>
    <row r="3943" spans="7:49" x14ac:dyDescent="0.2">
      <c r="G3943" s="43"/>
      <c r="Z3943" s="143"/>
      <c r="AA3943" s="137"/>
      <c r="AB3943" s="137"/>
      <c r="AC3943" s="137"/>
      <c r="AD3943" s="137"/>
      <c r="AE3943" s="137"/>
      <c r="AF3943" s="137"/>
      <c r="AG3943" s="137"/>
      <c r="AH3943" s="137"/>
      <c r="AI3943" s="137"/>
      <c r="AJ3943" s="137"/>
      <c r="AK3943" s="137"/>
      <c r="AL3943" s="137"/>
      <c r="AM3943" s="137"/>
      <c r="AN3943" s="137"/>
      <c r="AO3943" s="137"/>
      <c r="AP3943" s="137"/>
      <c r="AQ3943" s="137"/>
      <c r="AR3943" s="137"/>
      <c r="AS3943" s="137"/>
      <c r="AT3943" s="137"/>
      <c r="AU3943" s="137"/>
      <c r="AV3943" s="137"/>
      <c r="AW3943" s="144"/>
    </row>
    <row r="3944" spans="7:49" x14ac:dyDescent="0.2">
      <c r="G3944" s="43"/>
      <c r="Z3944" s="143"/>
      <c r="AA3944" s="137"/>
      <c r="AB3944" s="137"/>
      <c r="AC3944" s="137"/>
      <c r="AD3944" s="137"/>
      <c r="AE3944" s="137"/>
      <c r="AF3944" s="137"/>
      <c r="AG3944" s="137"/>
      <c r="AH3944" s="137"/>
      <c r="AI3944" s="137"/>
      <c r="AJ3944" s="137"/>
      <c r="AK3944" s="137"/>
      <c r="AL3944" s="137"/>
      <c r="AM3944" s="137"/>
      <c r="AN3944" s="137"/>
      <c r="AO3944" s="137"/>
      <c r="AP3944" s="137"/>
      <c r="AQ3944" s="137"/>
      <c r="AR3944" s="137"/>
      <c r="AS3944" s="137"/>
      <c r="AT3944" s="137"/>
      <c r="AU3944" s="137"/>
      <c r="AV3944" s="137"/>
      <c r="AW3944" s="144"/>
    </row>
    <row r="3945" spans="7:49" x14ac:dyDescent="0.2">
      <c r="G3945" s="43"/>
      <c r="Z3945" s="143"/>
      <c r="AA3945" s="137"/>
      <c r="AB3945" s="137"/>
      <c r="AC3945" s="137"/>
      <c r="AD3945" s="137"/>
      <c r="AE3945" s="137"/>
      <c r="AF3945" s="137"/>
      <c r="AG3945" s="137"/>
      <c r="AH3945" s="137"/>
      <c r="AI3945" s="137"/>
      <c r="AJ3945" s="137"/>
      <c r="AK3945" s="137"/>
      <c r="AL3945" s="137"/>
      <c r="AM3945" s="137"/>
      <c r="AN3945" s="137"/>
      <c r="AO3945" s="137"/>
      <c r="AP3945" s="137"/>
      <c r="AQ3945" s="137"/>
      <c r="AR3945" s="137"/>
      <c r="AS3945" s="137"/>
      <c r="AT3945" s="137"/>
      <c r="AU3945" s="137"/>
      <c r="AV3945" s="137"/>
      <c r="AW3945" s="144"/>
    </row>
    <row r="3946" spans="7:49" x14ac:dyDescent="0.2">
      <c r="G3946" s="43"/>
      <c r="Z3946" s="143"/>
      <c r="AA3946" s="137"/>
      <c r="AB3946" s="137"/>
      <c r="AC3946" s="137"/>
      <c r="AD3946" s="137"/>
      <c r="AE3946" s="137"/>
      <c r="AF3946" s="137"/>
      <c r="AG3946" s="137"/>
      <c r="AH3946" s="137"/>
      <c r="AI3946" s="137"/>
      <c r="AJ3946" s="137"/>
      <c r="AK3946" s="137"/>
      <c r="AL3946" s="137"/>
      <c r="AM3946" s="137"/>
      <c r="AN3946" s="137"/>
      <c r="AO3946" s="137"/>
      <c r="AP3946" s="137"/>
      <c r="AQ3946" s="137"/>
      <c r="AR3946" s="137"/>
      <c r="AS3946" s="137"/>
      <c r="AT3946" s="137"/>
      <c r="AU3946" s="137"/>
      <c r="AV3946" s="137"/>
      <c r="AW3946" s="144"/>
    </row>
    <row r="3947" spans="7:49" x14ac:dyDescent="0.2">
      <c r="G3947" s="43"/>
      <c r="Z3947" s="143"/>
      <c r="AA3947" s="137"/>
      <c r="AB3947" s="137"/>
      <c r="AC3947" s="137"/>
      <c r="AD3947" s="137"/>
      <c r="AE3947" s="137"/>
      <c r="AF3947" s="137"/>
      <c r="AG3947" s="137"/>
      <c r="AH3947" s="137"/>
      <c r="AI3947" s="137"/>
      <c r="AJ3947" s="137"/>
      <c r="AK3947" s="137"/>
      <c r="AL3947" s="137"/>
      <c r="AM3947" s="137"/>
      <c r="AN3947" s="137"/>
      <c r="AO3947" s="137"/>
      <c r="AP3947" s="137"/>
      <c r="AQ3947" s="137"/>
      <c r="AR3947" s="137"/>
      <c r="AS3947" s="137"/>
      <c r="AT3947" s="137"/>
      <c r="AU3947" s="137"/>
      <c r="AV3947" s="137"/>
      <c r="AW3947" s="144"/>
    </row>
    <row r="3948" spans="7:49" x14ac:dyDescent="0.2">
      <c r="G3948" s="43"/>
      <c r="Z3948" s="143"/>
      <c r="AA3948" s="137"/>
      <c r="AB3948" s="137"/>
      <c r="AC3948" s="137"/>
      <c r="AD3948" s="137"/>
      <c r="AE3948" s="137"/>
      <c r="AF3948" s="137"/>
      <c r="AG3948" s="137"/>
      <c r="AH3948" s="137"/>
      <c r="AI3948" s="137"/>
      <c r="AJ3948" s="137"/>
      <c r="AK3948" s="137"/>
      <c r="AL3948" s="137"/>
      <c r="AM3948" s="137"/>
      <c r="AN3948" s="137"/>
      <c r="AO3948" s="137"/>
      <c r="AP3948" s="137"/>
      <c r="AQ3948" s="137"/>
      <c r="AR3948" s="137"/>
      <c r="AS3948" s="137"/>
      <c r="AT3948" s="137"/>
      <c r="AU3948" s="137"/>
      <c r="AV3948" s="137"/>
      <c r="AW3948" s="144"/>
    </row>
    <row r="3949" spans="7:49" x14ac:dyDescent="0.2">
      <c r="G3949" s="43"/>
      <c r="Z3949" s="143"/>
      <c r="AA3949" s="137"/>
      <c r="AB3949" s="137"/>
      <c r="AC3949" s="137"/>
      <c r="AD3949" s="137"/>
      <c r="AE3949" s="137"/>
      <c r="AF3949" s="137"/>
      <c r="AG3949" s="137"/>
      <c r="AH3949" s="137"/>
      <c r="AI3949" s="137"/>
      <c r="AJ3949" s="137"/>
      <c r="AK3949" s="137"/>
      <c r="AL3949" s="137"/>
      <c r="AM3949" s="137"/>
      <c r="AN3949" s="137"/>
      <c r="AO3949" s="137"/>
      <c r="AP3949" s="137"/>
      <c r="AQ3949" s="137"/>
      <c r="AR3949" s="137"/>
      <c r="AS3949" s="137"/>
      <c r="AT3949" s="137"/>
      <c r="AU3949" s="137"/>
      <c r="AV3949" s="137"/>
      <c r="AW3949" s="144"/>
    </row>
    <row r="3950" spans="7:49" x14ac:dyDescent="0.2">
      <c r="G3950" s="43"/>
      <c r="Z3950" s="143"/>
      <c r="AA3950" s="137"/>
      <c r="AB3950" s="137"/>
      <c r="AC3950" s="137"/>
      <c r="AD3950" s="137"/>
      <c r="AE3950" s="137"/>
      <c r="AF3950" s="137"/>
      <c r="AG3950" s="137"/>
      <c r="AH3950" s="137"/>
      <c r="AI3950" s="137"/>
      <c r="AJ3950" s="137"/>
      <c r="AK3950" s="137"/>
      <c r="AL3950" s="137"/>
      <c r="AM3950" s="137"/>
      <c r="AN3950" s="137"/>
      <c r="AO3950" s="137"/>
      <c r="AP3950" s="137"/>
      <c r="AQ3950" s="137"/>
      <c r="AR3950" s="137"/>
      <c r="AS3950" s="137"/>
      <c r="AT3950" s="137"/>
      <c r="AU3950" s="137"/>
      <c r="AV3950" s="137"/>
      <c r="AW3950" s="144"/>
    </row>
    <row r="3951" spans="7:49" x14ac:dyDescent="0.2">
      <c r="G3951" s="43"/>
      <c r="Z3951" s="143"/>
      <c r="AA3951" s="137"/>
      <c r="AB3951" s="137"/>
      <c r="AC3951" s="137"/>
      <c r="AD3951" s="137"/>
      <c r="AE3951" s="137"/>
      <c r="AF3951" s="137"/>
      <c r="AG3951" s="137"/>
      <c r="AH3951" s="137"/>
      <c r="AI3951" s="137"/>
      <c r="AJ3951" s="137"/>
      <c r="AK3951" s="137"/>
      <c r="AL3951" s="137"/>
      <c r="AM3951" s="137"/>
      <c r="AN3951" s="137"/>
      <c r="AO3951" s="137"/>
      <c r="AP3951" s="137"/>
      <c r="AQ3951" s="137"/>
      <c r="AR3951" s="137"/>
      <c r="AS3951" s="137"/>
      <c r="AT3951" s="137"/>
      <c r="AU3951" s="137"/>
      <c r="AV3951" s="137"/>
      <c r="AW3951" s="144"/>
    </row>
    <row r="3952" spans="7:49" x14ac:dyDescent="0.2">
      <c r="G3952" s="43"/>
      <c r="Z3952" s="143"/>
      <c r="AA3952" s="137"/>
      <c r="AB3952" s="137"/>
      <c r="AC3952" s="137"/>
      <c r="AD3952" s="137"/>
      <c r="AE3952" s="137"/>
      <c r="AF3952" s="137"/>
      <c r="AG3952" s="137"/>
      <c r="AH3952" s="137"/>
      <c r="AI3952" s="137"/>
      <c r="AJ3952" s="137"/>
      <c r="AK3952" s="137"/>
      <c r="AL3952" s="137"/>
      <c r="AM3952" s="137"/>
      <c r="AN3952" s="137"/>
      <c r="AO3952" s="137"/>
      <c r="AP3952" s="137"/>
      <c r="AQ3952" s="137"/>
      <c r="AR3952" s="137"/>
      <c r="AS3952" s="137"/>
      <c r="AT3952" s="137"/>
      <c r="AU3952" s="137"/>
      <c r="AV3952" s="137"/>
      <c r="AW3952" s="144"/>
    </row>
    <row r="3953" spans="7:49" x14ac:dyDescent="0.2">
      <c r="G3953" s="43"/>
      <c r="Z3953" s="143"/>
      <c r="AA3953" s="137"/>
      <c r="AB3953" s="137"/>
      <c r="AC3953" s="137"/>
      <c r="AD3953" s="137"/>
      <c r="AE3953" s="137"/>
      <c r="AF3953" s="137"/>
      <c r="AG3953" s="137"/>
      <c r="AH3953" s="137"/>
      <c r="AI3953" s="137"/>
      <c r="AJ3953" s="137"/>
      <c r="AK3953" s="137"/>
      <c r="AL3953" s="137"/>
      <c r="AM3953" s="137"/>
      <c r="AN3953" s="137"/>
      <c r="AO3953" s="137"/>
      <c r="AP3953" s="137"/>
      <c r="AQ3953" s="137"/>
      <c r="AR3953" s="137"/>
      <c r="AS3953" s="137"/>
      <c r="AT3953" s="137"/>
      <c r="AU3953" s="137"/>
      <c r="AV3953" s="137"/>
      <c r="AW3953" s="144"/>
    </row>
    <row r="3954" spans="7:49" x14ac:dyDescent="0.2">
      <c r="G3954" s="43"/>
      <c r="Z3954" s="143"/>
      <c r="AA3954" s="137"/>
      <c r="AB3954" s="137"/>
      <c r="AC3954" s="137"/>
      <c r="AD3954" s="137"/>
      <c r="AE3954" s="137"/>
      <c r="AF3954" s="137"/>
      <c r="AG3954" s="137"/>
      <c r="AH3954" s="137"/>
      <c r="AI3954" s="137"/>
      <c r="AJ3954" s="137"/>
      <c r="AK3954" s="137"/>
      <c r="AL3954" s="137"/>
      <c r="AM3954" s="137"/>
      <c r="AN3954" s="137"/>
      <c r="AO3954" s="137"/>
      <c r="AP3954" s="137"/>
      <c r="AQ3954" s="137"/>
      <c r="AR3954" s="137"/>
      <c r="AS3954" s="137"/>
      <c r="AT3954" s="137"/>
      <c r="AU3954" s="137"/>
      <c r="AV3954" s="137"/>
      <c r="AW3954" s="144"/>
    </row>
    <row r="3955" spans="7:49" x14ac:dyDescent="0.2">
      <c r="G3955" s="43"/>
      <c r="Z3955" s="143"/>
      <c r="AA3955" s="137"/>
      <c r="AB3955" s="137"/>
      <c r="AC3955" s="137"/>
      <c r="AD3955" s="137"/>
      <c r="AE3955" s="137"/>
      <c r="AF3955" s="137"/>
      <c r="AG3955" s="137"/>
      <c r="AH3955" s="137"/>
      <c r="AI3955" s="137"/>
      <c r="AJ3955" s="137"/>
      <c r="AK3955" s="137"/>
      <c r="AL3955" s="137"/>
      <c r="AM3955" s="137"/>
      <c r="AN3955" s="137"/>
      <c r="AO3955" s="137"/>
      <c r="AP3955" s="137"/>
      <c r="AQ3955" s="137"/>
      <c r="AR3955" s="137"/>
      <c r="AS3955" s="137"/>
      <c r="AT3955" s="137"/>
      <c r="AU3955" s="137"/>
      <c r="AV3955" s="137"/>
      <c r="AW3955" s="144"/>
    </row>
    <row r="3956" spans="7:49" x14ac:dyDescent="0.2">
      <c r="G3956" s="43"/>
      <c r="Z3956" s="143"/>
      <c r="AA3956" s="137"/>
      <c r="AB3956" s="137"/>
      <c r="AC3956" s="137"/>
      <c r="AD3956" s="137"/>
      <c r="AE3956" s="137"/>
      <c r="AF3956" s="137"/>
      <c r="AG3956" s="137"/>
      <c r="AH3956" s="137"/>
      <c r="AI3956" s="137"/>
      <c r="AJ3956" s="137"/>
      <c r="AK3956" s="137"/>
      <c r="AL3956" s="137"/>
      <c r="AM3956" s="137"/>
      <c r="AN3956" s="137"/>
      <c r="AO3956" s="137"/>
      <c r="AP3956" s="137"/>
      <c r="AQ3956" s="137"/>
      <c r="AR3956" s="137"/>
      <c r="AS3956" s="137"/>
      <c r="AT3956" s="137"/>
      <c r="AU3956" s="137"/>
      <c r="AV3956" s="137"/>
      <c r="AW3956" s="144"/>
    </row>
    <row r="3957" spans="7:49" x14ac:dyDescent="0.2">
      <c r="G3957" s="43"/>
      <c r="Z3957" s="143"/>
      <c r="AA3957" s="137"/>
      <c r="AB3957" s="137"/>
      <c r="AC3957" s="137"/>
      <c r="AD3957" s="137"/>
      <c r="AE3957" s="137"/>
      <c r="AF3957" s="137"/>
      <c r="AG3957" s="137"/>
      <c r="AH3957" s="137"/>
      <c r="AI3957" s="137"/>
      <c r="AJ3957" s="137"/>
      <c r="AK3957" s="137"/>
      <c r="AL3957" s="137"/>
      <c r="AM3957" s="137"/>
      <c r="AN3957" s="137"/>
      <c r="AO3957" s="137"/>
      <c r="AP3957" s="137"/>
      <c r="AQ3957" s="137"/>
      <c r="AR3957" s="137"/>
      <c r="AS3957" s="137"/>
      <c r="AT3957" s="137"/>
      <c r="AU3957" s="137"/>
      <c r="AV3957" s="137"/>
      <c r="AW3957" s="144"/>
    </row>
    <row r="3958" spans="7:49" x14ac:dyDescent="0.2">
      <c r="G3958" s="43"/>
      <c r="Z3958" s="143"/>
      <c r="AA3958" s="137"/>
      <c r="AB3958" s="137"/>
      <c r="AC3958" s="137"/>
      <c r="AD3958" s="137"/>
      <c r="AE3958" s="137"/>
      <c r="AF3958" s="137"/>
      <c r="AG3958" s="137"/>
      <c r="AH3958" s="137"/>
      <c r="AI3958" s="137"/>
      <c r="AJ3958" s="137"/>
      <c r="AK3958" s="137"/>
      <c r="AL3958" s="137"/>
      <c r="AM3958" s="137"/>
      <c r="AN3958" s="137"/>
      <c r="AO3958" s="137"/>
      <c r="AP3958" s="137"/>
      <c r="AQ3958" s="137"/>
      <c r="AR3958" s="137"/>
      <c r="AS3958" s="137"/>
      <c r="AT3958" s="137"/>
      <c r="AU3958" s="137"/>
      <c r="AV3958" s="137"/>
      <c r="AW3958" s="144"/>
    </row>
    <row r="3959" spans="7:49" x14ac:dyDescent="0.2">
      <c r="G3959" s="43"/>
      <c r="Z3959" s="143"/>
      <c r="AA3959" s="137"/>
      <c r="AB3959" s="137"/>
      <c r="AC3959" s="137"/>
      <c r="AD3959" s="137"/>
      <c r="AE3959" s="137"/>
      <c r="AF3959" s="137"/>
      <c r="AG3959" s="137"/>
      <c r="AH3959" s="137"/>
      <c r="AI3959" s="137"/>
      <c r="AJ3959" s="137"/>
      <c r="AK3959" s="137"/>
      <c r="AL3959" s="137"/>
      <c r="AM3959" s="137"/>
      <c r="AN3959" s="137"/>
      <c r="AO3959" s="137"/>
      <c r="AP3959" s="137"/>
      <c r="AQ3959" s="137"/>
      <c r="AR3959" s="137"/>
      <c r="AS3959" s="137"/>
      <c r="AT3959" s="137"/>
      <c r="AU3959" s="137"/>
      <c r="AV3959" s="137"/>
      <c r="AW3959" s="144"/>
    </row>
    <row r="3960" spans="7:49" x14ac:dyDescent="0.2">
      <c r="G3960" s="43"/>
      <c r="Z3960" s="143"/>
      <c r="AA3960" s="137"/>
      <c r="AB3960" s="137"/>
      <c r="AC3960" s="137"/>
      <c r="AD3960" s="137"/>
      <c r="AE3960" s="137"/>
      <c r="AF3960" s="137"/>
      <c r="AG3960" s="137"/>
      <c r="AH3960" s="137"/>
      <c r="AI3960" s="137"/>
      <c r="AJ3960" s="137"/>
      <c r="AK3960" s="137"/>
      <c r="AL3960" s="137"/>
      <c r="AM3960" s="137"/>
      <c r="AN3960" s="137"/>
      <c r="AO3960" s="137"/>
      <c r="AP3960" s="137"/>
      <c r="AQ3960" s="137"/>
      <c r="AR3960" s="137"/>
      <c r="AS3960" s="137"/>
      <c r="AT3960" s="137"/>
      <c r="AU3960" s="137"/>
      <c r="AV3960" s="137"/>
      <c r="AW3960" s="144"/>
    </row>
    <row r="3961" spans="7:49" x14ac:dyDescent="0.2">
      <c r="G3961" s="43"/>
      <c r="Z3961" s="143"/>
      <c r="AA3961" s="137"/>
      <c r="AB3961" s="137"/>
      <c r="AC3961" s="137"/>
      <c r="AD3961" s="137"/>
      <c r="AE3961" s="137"/>
      <c r="AF3961" s="137"/>
      <c r="AG3961" s="137"/>
      <c r="AH3961" s="137"/>
      <c r="AI3961" s="137"/>
      <c r="AJ3961" s="137"/>
      <c r="AK3961" s="137"/>
      <c r="AL3961" s="137"/>
      <c r="AM3961" s="137"/>
      <c r="AN3961" s="137"/>
      <c r="AO3961" s="137"/>
      <c r="AP3961" s="137"/>
      <c r="AQ3961" s="137"/>
      <c r="AR3961" s="137"/>
      <c r="AS3961" s="137"/>
      <c r="AT3961" s="137"/>
      <c r="AU3961" s="137"/>
      <c r="AV3961" s="137"/>
      <c r="AW3961" s="144"/>
    </row>
    <row r="3962" spans="7:49" x14ac:dyDescent="0.2">
      <c r="G3962" s="43"/>
      <c r="Z3962" s="143"/>
      <c r="AA3962" s="137"/>
      <c r="AB3962" s="137"/>
      <c r="AC3962" s="137"/>
      <c r="AD3962" s="137"/>
      <c r="AE3962" s="137"/>
      <c r="AF3962" s="137"/>
      <c r="AG3962" s="137"/>
      <c r="AH3962" s="137"/>
      <c r="AI3962" s="137"/>
      <c r="AJ3962" s="137"/>
      <c r="AK3962" s="137"/>
      <c r="AL3962" s="137"/>
      <c r="AM3962" s="137"/>
      <c r="AN3962" s="137"/>
      <c r="AO3962" s="137"/>
      <c r="AP3962" s="137"/>
      <c r="AQ3962" s="137"/>
      <c r="AR3962" s="137"/>
      <c r="AS3962" s="137"/>
      <c r="AT3962" s="137"/>
      <c r="AU3962" s="137"/>
      <c r="AV3962" s="137"/>
      <c r="AW3962" s="144"/>
    </row>
    <row r="3963" spans="7:49" x14ac:dyDescent="0.2">
      <c r="G3963" s="43"/>
      <c r="Z3963" s="143"/>
      <c r="AA3963" s="137"/>
      <c r="AB3963" s="137"/>
      <c r="AC3963" s="137"/>
      <c r="AD3963" s="137"/>
      <c r="AE3963" s="137"/>
      <c r="AF3963" s="137"/>
      <c r="AG3963" s="137"/>
      <c r="AH3963" s="137"/>
      <c r="AI3963" s="137"/>
      <c r="AJ3963" s="137"/>
      <c r="AK3963" s="137"/>
      <c r="AL3963" s="137"/>
      <c r="AM3963" s="137"/>
      <c r="AN3963" s="137"/>
      <c r="AO3963" s="137"/>
      <c r="AP3963" s="137"/>
      <c r="AQ3963" s="137"/>
      <c r="AR3963" s="137"/>
      <c r="AS3963" s="137"/>
      <c r="AT3963" s="137"/>
      <c r="AU3963" s="137"/>
      <c r="AV3963" s="137"/>
      <c r="AW3963" s="144"/>
    </row>
    <row r="3964" spans="7:49" x14ac:dyDescent="0.2">
      <c r="G3964" s="43"/>
      <c r="Z3964" s="143"/>
      <c r="AA3964" s="137"/>
      <c r="AB3964" s="137"/>
      <c r="AC3964" s="137"/>
      <c r="AD3964" s="137"/>
      <c r="AE3964" s="137"/>
      <c r="AF3964" s="137"/>
      <c r="AG3964" s="137"/>
      <c r="AH3964" s="137"/>
      <c r="AI3964" s="137"/>
      <c r="AJ3964" s="137"/>
      <c r="AK3964" s="137"/>
      <c r="AL3964" s="137"/>
      <c r="AM3964" s="137"/>
      <c r="AN3964" s="137"/>
      <c r="AO3964" s="137"/>
      <c r="AP3964" s="137"/>
      <c r="AQ3964" s="137"/>
      <c r="AR3964" s="137"/>
      <c r="AS3964" s="137"/>
      <c r="AT3964" s="137"/>
      <c r="AU3964" s="137"/>
      <c r="AV3964" s="137"/>
      <c r="AW3964" s="144"/>
    </row>
    <row r="3965" spans="7:49" x14ac:dyDescent="0.2">
      <c r="G3965" s="43"/>
      <c r="Z3965" s="143"/>
      <c r="AA3965" s="137"/>
      <c r="AB3965" s="137"/>
      <c r="AC3965" s="137"/>
      <c r="AD3965" s="137"/>
      <c r="AE3965" s="137"/>
      <c r="AF3965" s="137"/>
      <c r="AG3965" s="137"/>
      <c r="AH3965" s="137"/>
      <c r="AI3965" s="137"/>
      <c r="AJ3965" s="137"/>
      <c r="AK3965" s="137"/>
      <c r="AL3965" s="137"/>
      <c r="AM3965" s="137"/>
      <c r="AN3965" s="137"/>
      <c r="AO3965" s="137"/>
      <c r="AP3965" s="137"/>
      <c r="AQ3965" s="137"/>
      <c r="AR3965" s="137"/>
      <c r="AS3965" s="137"/>
      <c r="AT3965" s="137"/>
      <c r="AU3965" s="137"/>
      <c r="AV3965" s="137"/>
      <c r="AW3965" s="144"/>
    </row>
    <row r="3966" spans="7:49" x14ac:dyDescent="0.2">
      <c r="G3966" s="43"/>
      <c r="Z3966" s="143"/>
      <c r="AA3966" s="137"/>
      <c r="AB3966" s="137"/>
      <c r="AC3966" s="137"/>
      <c r="AD3966" s="137"/>
      <c r="AE3966" s="137"/>
      <c r="AF3966" s="137"/>
      <c r="AG3966" s="137"/>
      <c r="AH3966" s="137"/>
      <c r="AI3966" s="137"/>
      <c r="AJ3966" s="137"/>
      <c r="AK3966" s="137"/>
      <c r="AL3966" s="137"/>
      <c r="AM3966" s="137"/>
      <c r="AN3966" s="137"/>
      <c r="AO3966" s="137"/>
      <c r="AP3966" s="137"/>
      <c r="AQ3966" s="137"/>
      <c r="AR3966" s="137"/>
      <c r="AS3966" s="137"/>
      <c r="AT3966" s="137"/>
      <c r="AU3966" s="137"/>
      <c r="AV3966" s="137"/>
      <c r="AW3966" s="144"/>
    </row>
    <row r="3967" spans="7:49" x14ac:dyDescent="0.2">
      <c r="G3967" s="43"/>
      <c r="Z3967" s="143"/>
      <c r="AA3967" s="137"/>
      <c r="AB3967" s="137"/>
      <c r="AC3967" s="137"/>
      <c r="AD3967" s="137"/>
      <c r="AE3967" s="137"/>
      <c r="AF3967" s="137"/>
      <c r="AG3967" s="137"/>
      <c r="AH3967" s="137"/>
      <c r="AI3967" s="137"/>
      <c r="AJ3967" s="137"/>
      <c r="AK3967" s="137"/>
      <c r="AL3967" s="137"/>
      <c r="AM3967" s="137"/>
      <c r="AN3967" s="137"/>
      <c r="AO3967" s="137"/>
      <c r="AP3967" s="137"/>
      <c r="AQ3967" s="137"/>
      <c r="AR3967" s="137"/>
      <c r="AS3967" s="137"/>
      <c r="AT3967" s="137"/>
      <c r="AU3967" s="137"/>
      <c r="AV3967" s="137"/>
      <c r="AW3967" s="144"/>
    </row>
    <row r="3968" spans="7:49" x14ac:dyDescent="0.2">
      <c r="G3968" s="43"/>
      <c r="Z3968" s="143"/>
      <c r="AA3968" s="137"/>
      <c r="AB3968" s="137"/>
      <c r="AC3968" s="137"/>
      <c r="AD3968" s="137"/>
      <c r="AE3968" s="137"/>
      <c r="AF3968" s="137"/>
      <c r="AG3968" s="137"/>
      <c r="AH3968" s="137"/>
      <c r="AI3968" s="137"/>
      <c r="AJ3968" s="137"/>
      <c r="AK3968" s="137"/>
      <c r="AL3968" s="137"/>
      <c r="AM3968" s="137"/>
      <c r="AN3968" s="137"/>
      <c r="AO3968" s="137"/>
      <c r="AP3968" s="137"/>
      <c r="AQ3968" s="137"/>
      <c r="AR3968" s="137"/>
      <c r="AS3968" s="137"/>
      <c r="AT3968" s="137"/>
      <c r="AU3968" s="137"/>
      <c r="AV3968" s="137"/>
      <c r="AW3968" s="144"/>
    </row>
    <row r="3969" spans="7:49" x14ac:dyDescent="0.2">
      <c r="G3969" s="43"/>
      <c r="Z3969" s="143"/>
      <c r="AA3969" s="137"/>
      <c r="AB3969" s="137"/>
      <c r="AC3969" s="137"/>
      <c r="AD3969" s="137"/>
      <c r="AE3969" s="137"/>
      <c r="AF3969" s="137"/>
      <c r="AG3969" s="137"/>
      <c r="AH3969" s="137"/>
      <c r="AI3969" s="137"/>
      <c r="AJ3969" s="137"/>
      <c r="AK3969" s="137"/>
      <c r="AL3969" s="137"/>
      <c r="AM3969" s="137"/>
      <c r="AN3969" s="137"/>
      <c r="AO3969" s="137"/>
      <c r="AP3969" s="137"/>
      <c r="AQ3969" s="137"/>
      <c r="AR3969" s="137"/>
      <c r="AS3969" s="137"/>
      <c r="AT3969" s="137"/>
      <c r="AU3969" s="137"/>
      <c r="AV3969" s="137"/>
      <c r="AW3969" s="144"/>
    </row>
    <row r="3970" spans="7:49" x14ac:dyDescent="0.2">
      <c r="G3970" s="43"/>
      <c r="Z3970" s="143"/>
      <c r="AA3970" s="137"/>
      <c r="AB3970" s="137"/>
      <c r="AC3970" s="137"/>
      <c r="AD3970" s="137"/>
      <c r="AE3970" s="137"/>
      <c r="AF3970" s="137"/>
      <c r="AG3970" s="137"/>
      <c r="AH3970" s="137"/>
      <c r="AI3970" s="137"/>
      <c r="AJ3970" s="137"/>
      <c r="AK3970" s="137"/>
      <c r="AL3970" s="137"/>
      <c r="AM3970" s="137"/>
      <c r="AN3970" s="137"/>
      <c r="AO3970" s="137"/>
      <c r="AP3970" s="137"/>
      <c r="AQ3970" s="137"/>
      <c r="AR3970" s="137"/>
      <c r="AS3970" s="137"/>
      <c r="AT3970" s="137"/>
      <c r="AU3970" s="137"/>
      <c r="AV3970" s="137"/>
      <c r="AW3970" s="144"/>
    </row>
    <row r="3971" spans="7:49" x14ac:dyDescent="0.2">
      <c r="G3971" s="43"/>
      <c r="Z3971" s="143"/>
      <c r="AA3971" s="137"/>
      <c r="AB3971" s="137"/>
      <c r="AC3971" s="137"/>
      <c r="AD3971" s="137"/>
      <c r="AE3971" s="137"/>
      <c r="AF3971" s="137"/>
      <c r="AG3971" s="137"/>
      <c r="AH3971" s="137"/>
      <c r="AI3971" s="137"/>
      <c r="AJ3971" s="137"/>
      <c r="AK3971" s="137"/>
      <c r="AL3971" s="137"/>
      <c r="AM3971" s="137"/>
      <c r="AN3971" s="137"/>
      <c r="AO3971" s="137"/>
      <c r="AP3971" s="137"/>
      <c r="AQ3971" s="137"/>
      <c r="AR3971" s="137"/>
      <c r="AS3971" s="137"/>
      <c r="AT3971" s="137"/>
      <c r="AU3971" s="137"/>
      <c r="AV3971" s="137"/>
      <c r="AW3971" s="144"/>
    </row>
    <row r="3972" spans="7:49" x14ac:dyDescent="0.2">
      <c r="G3972" s="43"/>
      <c r="Z3972" s="143"/>
      <c r="AA3972" s="137"/>
      <c r="AB3972" s="137"/>
      <c r="AC3972" s="137"/>
      <c r="AD3972" s="137"/>
      <c r="AE3972" s="137"/>
      <c r="AF3972" s="137"/>
      <c r="AG3972" s="137"/>
      <c r="AH3972" s="137"/>
      <c r="AI3972" s="137"/>
      <c r="AJ3972" s="137"/>
      <c r="AK3972" s="137"/>
      <c r="AL3972" s="137"/>
      <c r="AM3972" s="137"/>
      <c r="AN3972" s="137"/>
      <c r="AO3972" s="137"/>
      <c r="AP3972" s="137"/>
      <c r="AQ3972" s="137"/>
      <c r="AR3972" s="137"/>
      <c r="AS3972" s="137"/>
      <c r="AT3972" s="137"/>
      <c r="AU3972" s="137"/>
      <c r="AV3972" s="137"/>
      <c r="AW3972" s="144"/>
    </row>
    <row r="3973" spans="7:49" x14ac:dyDescent="0.2">
      <c r="G3973" s="43"/>
      <c r="Z3973" s="143"/>
      <c r="AA3973" s="137"/>
      <c r="AB3973" s="137"/>
      <c r="AC3973" s="137"/>
      <c r="AD3973" s="137"/>
      <c r="AE3973" s="137"/>
      <c r="AF3973" s="137"/>
      <c r="AG3973" s="137"/>
      <c r="AH3973" s="137"/>
      <c r="AI3973" s="137"/>
      <c r="AJ3973" s="137"/>
      <c r="AK3973" s="137"/>
      <c r="AL3973" s="137"/>
      <c r="AM3973" s="137"/>
      <c r="AN3973" s="137"/>
      <c r="AO3973" s="137"/>
      <c r="AP3973" s="137"/>
      <c r="AQ3973" s="137"/>
      <c r="AR3973" s="137"/>
      <c r="AS3973" s="137"/>
      <c r="AT3973" s="137"/>
      <c r="AU3973" s="137"/>
      <c r="AV3973" s="137"/>
      <c r="AW3973" s="144"/>
    </row>
    <row r="3974" spans="7:49" x14ac:dyDescent="0.2">
      <c r="G3974" s="43"/>
      <c r="Z3974" s="143"/>
      <c r="AA3974" s="137"/>
      <c r="AB3974" s="137"/>
      <c r="AC3974" s="137"/>
      <c r="AD3974" s="137"/>
      <c r="AE3974" s="137"/>
      <c r="AF3974" s="137"/>
      <c r="AG3974" s="137"/>
      <c r="AH3974" s="137"/>
      <c r="AI3974" s="137"/>
      <c r="AJ3974" s="137"/>
      <c r="AK3974" s="137"/>
      <c r="AL3974" s="137"/>
      <c r="AM3974" s="137"/>
      <c r="AN3974" s="137"/>
      <c r="AO3974" s="137"/>
      <c r="AP3974" s="137"/>
      <c r="AQ3974" s="137"/>
      <c r="AR3974" s="137"/>
      <c r="AS3974" s="137"/>
      <c r="AT3974" s="137"/>
      <c r="AU3974" s="137"/>
      <c r="AV3974" s="137"/>
      <c r="AW3974" s="144"/>
    </row>
    <row r="3975" spans="7:49" x14ac:dyDescent="0.2">
      <c r="G3975" s="43"/>
      <c r="Z3975" s="143"/>
      <c r="AA3975" s="137"/>
      <c r="AB3975" s="137"/>
      <c r="AC3975" s="137"/>
      <c r="AD3975" s="137"/>
      <c r="AE3975" s="137"/>
      <c r="AF3975" s="137"/>
      <c r="AG3975" s="137"/>
      <c r="AH3975" s="137"/>
      <c r="AI3975" s="137"/>
      <c r="AJ3975" s="137"/>
      <c r="AK3975" s="137"/>
      <c r="AL3975" s="137"/>
      <c r="AM3975" s="137"/>
      <c r="AN3975" s="137"/>
      <c r="AO3975" s="137"/>
      <c r="AP3975" s="137"/>
      <c r="AQ3975" s="137"/>
      <c r="AR3975" s="137"/>
      <c r="AS3975" s="137"/>
      <c r="AT3975" s="137"/>
      <c r="AU3975" s="137"/>
      <c r="AV3975" s="137"/>
      <c r="AW3975" s="144"/>
    </row>
    <row r="3976" spans="7:49" x14ac:dyDescent="0.2">
      <c r="G3976" s="43"/>
      <c r="Z3976" s="143"/>
      <c r="AA3976" s="137"/>
      <c r="AB3976" s="137"/>
      <c r="AC3976" s="137"/>
      <c r="AD3976" s="137"/>
      <c r="AE3976" s="137"/>
      <c r="AF3976" s="137"/>
      <c r="AG3976" s="137"/>
      <c r="AH3976" s="137"/>
      <c r="AI3976" s="137"/>
      <c r="AJ3976" s="137"/>
      <c r="AK3976" s="137"/>
      <c r="AL3976" s="137"/>
      <c r="AM3976" s="137"/>
      <c r="AN3976" s="137"/>
      <c r="AO3976" s="137"/>
      <c r="AP3976" s="137"/>
      <c r="AQ3976" s="137"/>
      <c r="AR3976" s="137"/>
      <c r="AS3976" s="137"/>
      <c r="AT3976" s="137"/>
      <c r="AU3976" s="137"/>
      <c r="AV3976" s="137"/>
      <c r="AW3976" s="144"/>
    </row>
    <row r="3977" spans="7:49" x14ac:dyDescent="0.2">
      <c r="G3977" s="43"/>
      <c r="Z3977" s="143"/>
      <c r="AA3977" s="137"/>
      <c r="AB3977" s="137"/>
      <c r="AC3977" s="137"/>
      <c r="AD3977" s="137"/>
      <c r="AE3977" s="137"/>
      <c r="AF3977" s="137"/>
      <c r="AG3977" s="137"/>
      <c r="AH3977" s="137"/>
      <c r="AI3977" s="137"/>
      <c r="AJ3977" s="137"/>
      <c r="AK3977" s="137"/>
      <c r="AL3977" s="137"/>
      <c r="AM3977" s="137"/>
      <c r="AN3977" s="137"/>
      <c r="AO3977" s="137"/>
      <c r="AP3977" s="137"/>
      <c r="AQ3977" s="137"/>
      <c r="AR3977" s="137"/>
      <c r="AS3977" s="137"/>
      <c r="AT3977" s="137"/>
      <c r="AU3977" s="137"/>
      <c r="AV3977" s="137"/>
      <c r="AW3977" s="144"/>
    </row>
    <row r="3978" spans="7:49" x14ac:dyDescent="0.2">
      <c r="G3978" s="43"/>
      <c r="Z3978" s="143"/>
      <c r="AA3978" s="137"/>
      <c r="AB3978" s="137"/>
      <c r="AC3978" s="137"/>
      <c r="AD3978" s="137"/>
      <c r="AE3978" s="137"/>
      <c r="AF3978" s="137"/>
      <c r="AG3978" s="137"/>
      <c r="AH3978" s="137"/>
      <c r="AI3978" s="137"/>
      <c r="AJ3978" s="137"/>
      <c r="AK3978" s="137"/>
      <c r="AL3978" s="137"/>
      <c r="AM3978" s="137"/>
      <c r="AN3978" s="137"/>
      <c r="AO3978" s="137"/>
      <c r="AP3978" s="137"/>
      <c r="AQ3978" s="137"/>
      <c r="AR3978" s="137"/>
      <c r="AS3978" s="137"/>
      <c r="AT3978" s="137"/>
      <c r="AU3978" s="137"/>
      <c r="AV3978" s="137"/>
      <c r="AW3978" s="144"/>
    </row>
    <row r="3979" spans="7:49" x14ac:dyDescent="0.2">
      <c r="G3979" s="43"/>
      <c r="Z3979" s="143"/>
      <c r="AA3979" s="137"/>
      <c r="AB3979" s="137"/>
      <c r="AC3979" s="137"/>
      <c r="AD3979" s="137"/>
      <c r="AE3979" s="137"/>
      <c r="AF3979" s="137"/>
      <c r="AG3979" s="137"/>
      <c r="AH3979" s="137"/>
      <c r="AI3979" s="137"/>
      <c r="AJ3979" s="137"/>
      <c r="AK3979" s="137"/>
      <c r="AL3979" s="137"/>
      <c r="AM3979" s="137"/>
      <c r="AN3979" s="137"/>
      <c r="AO3979" s="137"/>
      <c r="AP3979" s="137"/>
      <c r="AQ3979" s="137"/>
      <c r="AR3979" s="137"/>
      <c r="AS3979" s="137"/>
      <c r="AT3979" s="137"/>
      <c r="AU3979" s="137"/>
      <c r="AV3979" s="137"/>
      <c r="AW3979" s="144"/>
    </row>
    <row r="3980" spans="7:49" x14ac:dyDescent="0.2">
      <c r="G3980" s="43"/>
      <c r="Z3980" s="143"/>
      <c r="AA3980" s="137"/>
      <c r="AB3980" s="137"/>
      <c r="AC3980" s="137"/>
      <c r="AD3980" s="137"/>
      <c r="AE3980" s="137"/>
      <c r="AF3980" s="137"/>
      <c r="AG3980" s="137"/>
      <c r="AH3980" s="137"/>
      <c r="AI3980" s="137"/>
      <c r="AJ3980" s="137"/>
      <c r="AK3980" s="137"/>
      <c r="AL3980" s="137"/>
      <c r="AM3980" s="137"/>
      <c r="AN3980" s="137"/>
      <c r="AO3980" s="137"/>
      <c r="AP3980" s="137"/>
      <c r="AQ3980" s="137"/>
      <c r="AR3980" s="137"/>
      <c r="AS3980" s="137"/>
      <c r="AT3980" s="137"/>
      <c r="AU3980" s="137"/>
      <c r="AV3980" s="137"/>
      <c r="AW3980" s="144"/>
    </row>
    <row r="3981" spans="7:49" x14ac:dyDescent="0.2">
      <c r="G3981" s="43"/>
      <c r="Z3981" s="143"/>
      <c r="AA3981" s="137"/>
      <c r="AB3981" s="137"/>
      <c r="AC3981" s="137"/>
      <c r="AD3981" s="137"/>
      <c r="AE3981" s="137"/>
      <c r="AF3981" s="137"/>
      <c r="AG3981" s="137"/>
      <c r="AH3981" s="137"/>
      <c r="AI3981" s="137"/>
      <c r="AJ3981" s="137"/>
      <c r="AK3981" s="137"/>
      <c r="AL3981" s="137"/>
      <c r="AM3981" s="137"/>
      <c r="AN3981" s="137"/>
      <c r="AO3981" s="137"/>
      <c r="AP3981" s="137"/>
      <c r="AQ3981" s="137"/>
      <c r="AR3981" s="137"/>
      <c r="AS3981" s="137"/>
      <c r="AT3981" s="137"/>
      <c r="AU3981" s="137"/>
      <c r="AV3981" s="137"/>
      <c r="AW3981" s="144"/>
    </row>
    <row r="3982" spans="7:49" x14ac:dyDescent="0.2">
      <c r="G3982" s="43"/>
      <c r="Z3982" s="143"/>
      <c r="AA3982" s="137"/>
      <c r="AB3982" s="137"/>
      <c r="AC3982" s="137"/>
      <c r="AD3982" s="137"/>
      <c r="AE3982" s="137"/>
      <c r="AF3982" s="137"/>
      <c r="AG3982" s="137"/>
      <c r="AH3982" s="137"/>
      <c r="AI3982" s="137"/>
      <c r="AJ3982" s="137"/>
      <c r="AK3982" s="137"/>
      <c r="AL3982" s="137"/>
      <c r="AM3982" s="137"/>
      <c r="AN3982" s="137"/>
      <c r="AO3982" s="137"/>
      <c r="AP3982" s="137"/>
      <c r="AQ3982" s="137"/>
      <c r="AR3982" s="137"/>
      <c r="AS3982" s="137"/>
      <c r="AT3982" s="137"/>
      <c r="AU3982" s="137"/>
      <c r="AV3982" s="137"/>
      <c r="AW3982" s="144"/>
    </row>
    <row r="3983" spans="7:49" x14ac:dyDescent="0.2">
      <c r="G3983" s="43"/>
      <c r="Z3983" s="143"/>
      <c r="AA3983" s="137"/>
      <c r="AB3983" s="137"/>
      <c r="AC3983" s="137"/>
      <c r="AD3983" s="137"/>
      <c r="AE3983" s="137"/>
      <c r="AF3983" s="137"/>
      <c r="AG3983" s="137"/>
      <c r="AH3983" s="137"/>
      <c r="AI3983" s="137"/>
      <c r="AJ3983" s="137"/>
      <c r="AK3983" s="137"/>
      <c r="AL3983" s="137"/>
      <c r="AM3983" s="137"/>
      <c r="AN3983" s="137"/>
      <c r="AO3983" s="137"/>
      <c r="AP3983" s="137"/>
      <c r="AQ3983" s="137"/>
      <c r="AR3983" s="137"/>
      <c r="AS3983" s="137"/>
      <c r="AT3983" s="137"/>
      <c r="AU3983" s="137"/>
      <c r="AV3983" s="137"/>
      <c r="AW3983" s="144"/>
    </row>
    <row r="3984" spans="7:49" x14ac:dyDescent="0.2">
      <c r="G3984" s="43"/>
      <c r="Z3984" s="143"/>
      <c r="AA3984" s="137"/>
      <c r="AB3984" s="137"/>
      <c r="AC3984" s="137"/>
      <c r="AD3984" s="137"/>
      <c r="AE3984" s="137"/>
      <c r="AF3984" s="137"/>
      <c r="AG3984" s="137"/>
      <c r="AH3984" s="137"/>
      <c r="AI3984" s="137"/>
      <c r="AJ3984" s="137"/>
      <c r="AK3984" s="137"/>
      <c r="AL3984" s="137"/>
      <c r="AM3984" s="137"/>
      <c r="AN3984" s="137"/>
      <c r="AO3984" s="137"/>
      <c r="AP3984" s="137"/>
      <c r="AQ3984" s="137"/>
      <c r="AR3984" s="137"/>
      <c r="AS3984" s="137"/>
      <c r="AT3984" s="137"/>
      <c r="AU3984" s="137"/>
      <c r="AV3984" s="137"/>
      <c r="AW3984" s="144"/>
    </row>
    <row r="3985" spans="7:49" x14ac:dyDescent="0.2">
      <c r="G3985" s="43"/>
      <c r="Z3985" s="143"/>
      <c r="AA3985" s="137"/>
      <c r="AB3985" s="137"/>
      <c r="AC3985" s="137"/>
      <c r="AD3985" s="137"/>
      <c r="AE3985" s="137"/>
      <c r="AF3985" s="137"/>
      <c r="AG3985" s="137"/>
      <c r="AH3985" s="137"/>
      <c r="AI3985" s="137"/>
      <c r="AJ3985" s="137"/>
      <c r="AK3985" s="137"/>
      <c r="AL3985" s="137"/>
      <c r="AM3985" s="137"/>
      <c r="AN3985" s="137"/>
      <c r="AO3985" s="137"/>
      <c r="AP3985" s="137"/>
      <c r="AQ3985" s="137"/>
      <c r="AR3985" s="137"/>
      <c r="AS3985" s="137"/>
      <c r="AT3985" s="137"/>
      <c r="AU3985" s="137"/>
      <c r="AV3985" s="137"/>
      <c r="AW3985" s="144"/>
    </row>
    <row r="3986" spans="7:49" x14ac:dyDescent="0.2">
      <c r="G3986" s="43"/>
      <c r="Z3986" s="143"/>
      <c r="AA3986" s="137"/>
      <c r="AB3986" s="137"/>
      <c r="AC3986" s="137"/>
      <c r="AD3986" s="137"/>
      <c r="AE3986" s="137"/>
      <c r="AF3986" s="137"/>
      <c r="AG3986" s="137"/>
      <c r="AH3986" s="137"/>
      <c r="AI3986" s="137"/>
      <c r="AJ3986" s="137"/>
      <c r="AK3986" s="137"/>
      <c r="AL3986" s="137"/>
      <c r="AM3986" s="137"/>
      <c r="AN3986" s="137"/>
      <c r="AO3986" s="137"/>
      <c r="AP3986" s="137"/>
      <c r="AQ3986" s="137"/>
      <c r="AR3986" s="137"/>
      <c r="AS3986" s="137"/>
      <c r="AT3986" s="137"/>
      <c r="AU3986" s="137"/>
      <c r="AV3986" s="137"/>
      <c r="AW3986" s="144"/>
    </row>
    <row r="3987" spans="7:49" x14ac:dyDescent="0.2">
      <c r="G3987" s="43"/>
      <c r="Z3987" s="143"/>
      <c r="AA3987" s="137"/>
      <c r="AB3987" s="137"/>
      <c r="AC3987" s="137"/>
      <c r="AD3987" s="137"/>
      <c r="AE3987" s="137"/>
      <c r="AF3987" s="137"/>
      <c r="AG3987" s="137"/>
      <c r="AH3987" s="137"/>
      <c r="AI3987" s="137"/>
      <c r="AJ3987" s="137"/>
      <c r="AK3987" s="137"/>
      <c r="AL3987" s="137"/>
      <c r="AM3987" s="137"/>
      <c r="AN3987" s="137"/>
      <c r="AO3987" s="137"/>
      <c r="AP3987" s="137"/>
      <c r="AQ3987" s="137"/>
      <c r="AR3987" s="137"/>
      <c r="AS3987" s="137"/>
      <c r="AT3987" s="137"/>
      <c r="AU3987" s="137"/>
      <c r="AV3987" s="137"/>
      <c r="AW3987" s="144"/>
    </row>
    <row r="3988" spans="7:49" x14ac:dyDescent="0.2">
      <c r="G3988" s="43"/>
      <c r="Z3988" s="143"/>
      <c r="AA3988" s="137"/>
      <c r="AB3988" s="137"/>
      <c r="AC3988" s="137"/>
      <c r="AD3988" s="137"/>
      <c r="AE3988" s="137"/>
      <c r="AF3988" s="137"/>
      <c r="AG3988" s="137"/>
      <c r="AH3988" s="137"/>
      <c r="AI3988" s="137"/>
      <c r="AJ3988" s="137"/>
      <c r="AK3988" s="137"/>
      <c r="AL3988" s="137"/>
      <c r="AM3988" s="137"/>
      <c r="AN3988" s="137"/>
      <c r="AO3988" s="137"/>
      <c r="AP3988" s="137"/>
      <c r="AQ3988" s="137"/>
      <c r="AR3988" s="137"/>
      <c r="AS3988" s="137"/>
      <c r="AT3988" s="137"/>
      <c r="AU3988" s="137"/>
      <c r="AV3988" s="137"/>
      <c r="AW3988" s="144"/>
    </row>
    <row r="3989" spans="7:49" x14ac:dyDescent="0.2">
      <c r="G3989" s="43"/>
      <c r="Z3989" s="143"/>
      <c r="AA3989" s="137"/>
      <c r="AB3989" s="137"/>
      <c r="AC3989" s="137"/>
      <c r="AD3989" s="137"/>
      <c r="AE3989" s="137"/>
      <c r="AF3989" s="137"/>
      <c r="AG3989" s="137"/>
      <c r="AH3989" s="137"/>
      <c r="AI3989" s="137"/>
      <c r="AJ3989" s="137"/>
      <c r="AK3989" s="137"/>
      <c r="AL3989" s="137"/>
      <c r="AM3989" s="137"/>
      <c r="AN3989" s="137"/>
      <c r="AO3989" s="137"/>
      <c r="AP3989" s="137"/>
      <c r="AQ3989" s="137"/>
      <c r="AR3989" s="137"/>
      <c r="AS3989" s="137"/>
      <c r="AT3989" s="137"/>
      <c r="AU3989" s="137"/>
      <c r="AV3989" s="137"/>
      <c r="AW3989" s="144"/>
    </row>
    <row r="3990" spans="7:49" x14ac:dyDescent="0.2">
      <c r="G3990" s="43"/>
      <c r="Z3990" s="143"/>
      <c r="AA3990" s="137"/>
      <c r="AB3990" s="137"/>
      <c r="AC3990" s="137"/>
      <c r="AD3990" s="137"/>
      <c r="AE3990" s="137"/>
      <c r="AF3990" s="137"/>
      <c r="AG3990" s="137"/>
      <c r="AH3990" s="137"/>
      <c r="AI3990" s="137"/>
      <c r="AJ3990" s="137"/>
      <c r="AK3990" s="137"/>
      <c r="AL3990" s="137"/>
      <c r="AM3990" s="137"/>
      <c r="AN3990" s="137"/>
      <c r="AO3990" s="137"/>
      <c r="AP3990" s="137"/>
      <c r="AQ3990" s="137"/>
      <c r="AR3990" s="137"/>
      <c r="AS3990" s="137"/>
      <c r="AT3990" s="137"/>
      <c r="AU3990" s="137"/>
      <c r="AV3990" s="137"/>
      <c r="AW3990" s="144"/>
    </row>
    <row r="3991" spans="7:49" x14ac:dyDescent="0.2">
      <c r="G3991" s="43"/>
      <c r="Z3991" s="143"/>
      <c r="AA3991" s="137"/>
      <c r="AB3991" s="137"/>
      <c r="AC3991" s="137"/>
      <c r="AD3991" s="137"/>
      <c r="AE3991" s="137"/>
      <c r="AF3991" s="137"/>
      <c r="AG3991" s="137"/>
      <c r="AH3991" s="137"/>
      <c r="AI3991" s="137"/>
      <c r="AJ3991" s="137"/>
      <c r="AK3991" s="137"/>
      <c r="AL3991" s="137"/>
      <c r="AM3991" s="137"/>
      <c r="AN3991" s="137"/>
      <c r="AO3991" s="137"/>
      <c r="AP3991" s="137"/>
      <c r="AQ3991" s="137"/>
      <c r="AR3991" s="137"/>
      <c r="AS3991" s="137"/>
      <c r="AT3991" s="137"/>
      <c r="AU3991" s="137"/>
      <c r="AV3991" s="137"/>
      <c r="AW3991" s="144"/>
    </row>
    <row r="3992" spans="7:49" x14ac:dyDescent="0.2">
      <c r="G3992" s="43"/>
      <c r="Z3992" s="143"/>
      <c r="AA3992" s="137"/>
      <c r="AB3992" s="137"/>
      <c r="AC3992" s="137"/>
      <c r="AD3992" s="137"/>
      <c r="AE3992" s="137"/>
      <c r="AF3992" s="137"/>
      <c r="AG3992" s="137"/>
      <c r="AH3992" s="137"/>
      <c r="AI3992" s="137"/>
      <c r="AJ3992" s="137"/>
      <c r="AK3992" s="137"/>
      <c r="AL3992" s="137"/>
      <c r="AM3992" s="137"/>
      <c r="AN3992" s="137"/>
      <c r="AO3992" s="137"/>
      <c r="AP3992" s="137"/>
      <c r="AQ3992" s="137"/>
      <c r="AR3992" s="137"/>
      <c r="AS3992" s="137"/>
      <c r="AT3992" s="137"/>
      <c r="AU3992" s="137"/>
      <c r="AV3992" s="137"/>
      <c r="AW3992" s="144"/>
    </row>
    <row r="3993" spans="7:49" x14ac:dyDescent="0.2">
      <c r="G3993" s="43"/>
      <c r="Z3993" s="143"/>
      <c r="AA3993" s="137"/>
      <c r="AB3993" s="137"/>
      <c r="AC3993" s="137"/>
      <c r="AD3993" s="137"/>
      <c r="AE3993" s="137"/>
      <c r="AF3993" s="137"/>
      <c r="AG3993" s="137"/>
      <c r="AH3993" s="137"/>
      <c r="AI3993" s="137"/>
      <c r="AJ3993" s="137"/>
      <c r="AK3993" s="137"/>
      <c r="AL3993" s="137"/>
      <c r="AM3993" s="137"/>
      <c r="AN3993" s="137"/>
      <c r="AO3993" s="137"/>
      <c r="AP3993" s="137"/>
      <c r="AQ3993" s="137"/>
      <c r="AR3993" s="137"/>
      <c r="AS3993" s="137"/>
      <c r="AT3993" s="137"/>
      <c r="AU3993" s="137"/>
      <c r="AV3993" s="137"/>
      <c r="AW3993" s="144"/>
    </row>
    <row r="3994" spans="7:49" x14ac:dyDescent="0.2">
      <c r="G3994" s="43"/>
      <c r="Z3994" s="143"/>
      <c r="AA3994" s="137"/>
      <c r="AB3994" s="137"/>
      <c r="AC3994" s="137"/>
      <c r="AD3994" s="137"/>
      <c r="AE3994" s="137"/>
      <c r="AF3994" s="137"/>
      <c r="AG3994" s="137"/>
      <c r="AH3994" s="137"/>
      <c r="AI3994" s="137"/>
      <c r="AJ3994" s="137"/>
      <c r="AK3994" s="137"/>
      <c r="AL3994" s="137"/>
      <c r="AM3994" s="137"/>
      <c r="AN3994" s="137"/>
      <c r="AO3994" s="137"/>
      <c r="AP3994" s="137"/>
      <c r="AQ3994" s="137"/>
      <c r="AR3994" s="137"/>
      <c r="AS3994" s="137"/>
      <c r="AT3994" s="137"/>
      <c r="AU3994" s="137"/>
      <c r="AV3994" s="137"/>
      <c r="AW3994" s="144"/>
    </row>
    <row r="3995" spans="7:49" x14ac:dyDescent="0.2">
      <c r="G3995" s="43"/>
      <c r="Z3995" s="143"/>
      <c r="AA3995" s="137"/>
      <c r="AB3995" s="137"/>
      <c r="AC3995" s="137"/>
      <c r="AD3995" s="137"/>
      <c r="AE3995" s="137"/>
      <c r="AF3995" s="137"/>
      <c r="AG3995" s="137"/>
      <c r="AH3995" s="137"/>
      <c r="AI3995" s="137"/>
      <c r="AJ3995" s="137"/>
      <c r="AK3995" s="137"/>
      <c r="AL3995" s="137"/>
      <c r="AM3995" s="137"/>
      <c r="AN3995" s="137"/>
      <c r="AO3995" s="137"/>
      <c r="AP3995" s="137"/>
      <c r="AQ3995" s="137"/>
      <c r="AR3995" s="137"/>
      <c r="AS3995" s="137"/>
      <c r="AT3995" s="137"/>
      <c r="AU3995" s="137"/>
      <c r="AV3995" s="137"/>
      <c r="AW3995" s="144"/>
    </row>
    <row r="3996" spans="7:49" x14ac:dyDescent="0.2">
      <c r="G3996" s="43"/>
      <c r="Z3996" s="143"/>
      <c r="AA3996" s="137"/>
      <c r="AB3996" s="137"/>
      <c r="AC3996" s="137"/>
      <c r="AD3996" s="137"/>
      <c r="AE3996" s="137"/>
      <c r="AF3996" s="137"/>
      <c r="AG3996" s="137"/>
      <c r="AH3996" s="137"/>
      <c r="AI3996" s="137"/>
      <c r="AJ3996" s="137"/>
      <c r="AK3996" s="137"/>
      <c r="AL3996" s="137"/>
      <c r="AM3996" s="137"/>
      <c r="AN3996" s="137"/>
      <c r="AO3996" s="137"/>
      <c r="AP3996" s="137"/>
      <c r="AQ3996" s="137"/>
      <c r="AR3996" s="137"/>
      <c r="AS3996" s="137"/>
      <c r="AT3996" s="137"/>
      <c r="AU3996" s="137"/>
      <c r="AV3996" s="137"/>
      <c r="AW3996" s="144"/>
    </row>
    <row r="3997" spans="7:49" x14ac:dyDescent="0.2">
      <c r="G3997" s="43"/>
      <c r="Z3997" s="143"/>
      <c r="AA3997" s="137"/>
      <c r="AB3997" s="137"/>
      <c r="AC3997" s="137"/>
      <c r="AD3997" s="137"/>
      <c r="AE3997" s="137"/>
      <c r="AF3997" s="137"/>
      <c r="AG3997" s="137"/>
      <c r="AH3997" s="137"/>
      <c r="AI3997" s="137"/>
      <c r="AJ3997" s="137"/>
      <c r="AK3997" s="137"/>
      <c r="AL3997" s="137"/>
      <c r="AM3997" s="137"/>
      <c r="AN3997" s="137"/>
      <c r="AO3997" s="137"/>
      <c r="AP3997" s="137"/>
      <c r="AQ3997" s="137"/>
      <c r="AR3997" s="137"/>
      <c r="AS3997" s="137"/>
      <c r="AT3997" s="137"/>
      <c r="AU3997" s="137"/>
      <c r="AV3997" s="137"/>
      <c r="AW3997" s="144"/>
    </row>
    <row r="3998" spans="7:49" x14ac:dyDescent="0.2">
      <c r="G3998" s="43"/>
      <c r="Z3998" s="143"/>
      <c r="AA3998" s="137"/>
      <c r="AB3998" s="137"/>
      <c r="AC3998" s="137"/>
      <c r="AD3998" s="137"/>
      <c r="AE3998" s="137"/>
      <c r="AF3998" s="137"/>
      <c r="AG3998" s="137"/>
      <c r="AH3998" s="137"/>
      <c r="AI3998" s="137"/>
      <c r="AJ3998" s="137"/>
      <c r="AK3998" s="137"/>
      <c r="AL3998" s="137"/>
      <c r="AM3998" s="137"/>
      <c r="AN3998" s="137"/>
      <c r="AO3998" s="137"/>
      <c r="AP3998" s="137"/>
      <c r="AQ3998" s="137"/>
      <c r="AR3998" s="137"/>
      <c r="AS3998" s="137"/>
      <c r="AT3998" s="137"/>
      <c r="AU3998" s="137"/>
      <c r="AV3998" s="137"/>
      <c r="AW3998" s="144"/>
    </row>
    <row r="3999" spans="7:49" x14ac:dyDescent="0.2">
      <c r="G3999" s="43"/>
      <c r="Z3999" s="143"/>
      <c r="AA3999" s="137"/>
      <c r="AB3999" s="137"/>
      <c r="AC3999" s="137"/>
      <c r="AD3999" s="137"/>
      <c r="AE3999" s="137"/>
      <c r="AF3999" s="137"/>
      <c r="AG3999" s="137"/>
      <c r="AH3999" s="137"/>
      <c r="AI3999" s="137"/>
      <c r="AJ3999" s="137"/>
      <c r="AK3999" s="137"/>
      <c r="AL3999" s="137"/>
      <c r="AM3999" s="137"/>
      <c r="AN3999" s="137"/>
      <c r="AO3999" s="137"/>
      <c r="AP3999" s="137"/>
      <c r="AQ3999" s="137"/>
      <c r="AR3999" s="137"/>
      <c r="AS3999" s="137"/>
      <c r="AT3999" s="137"/>
      <c r="AU3999" s="137"/>
      <c r="AV3999" s="137"/>
      <c r="AW3999" s="144"/>
    </row>
    <row r="4000" spans="7:49" x14ac:dyDescent="0.2">
      <c r="G4000" s="43"/>
      <c r="Z4000" s="143"/>
      <c r="AA4000" s="137"/>
      <c r="AB4000" s="137"/>
      <c r="AC4000" s="137"/>
      <c r="AD4000" s="137"/>
      <c r="AE4000" s="137"/>
      <c r="AF4000" s="137"/>
      <c r="AG4000" s="137"/>
      <c r="AH4000" s="137"/>
      <c r="AI4000" s="137"/>
      <c r="AJ4000" s="137"/>
      <c r="AK4000" s="137"/>
      <c r="AL4000" s="137"/>
      <c r="AM4000" s="137"/>
      <c r="AN4000" s="137"/>
      <c r="AO4000" s="137"/>
      <c r="AP4000" s="137"/>
      <c r="AQ4000" s="137"/>
      <c r="AR4000" s="137"/>
      <c r="AS4000" s="137"/>
      <c r="AT4000" s="137"/>
      <c r="AU4000" s="137"/>
      <c r="AV4000" s="137"/>
      <c r="AW4000" s="144"/>
    </row>
    <row r="4001" spans="7:49" x14ac:dyDescent="0.2">
      <c r="G4001" s="43"/>
      <c r="Z4001" s="143"/>
      <c r="AA4001" s="137"/>
      <c r="AB4001" s="137"/>
      <c r="AC4001" s="137"/>
      <c r="AD4001" s="137"/>
      <c r="AE4001" s="137"/>
      <c r="AF4001" s="137"/>
      <c r="AG4001" s="137"/>
      <c r="AH4001" s="137"/>
      <c r="AI4001" s="137"/>
      <c r="AJ4001" s="137"/>
      <c r="AK4001" s="137"/>
      <c r="AL4001" s="137"/>
      <c r="AM4001" s="137"/>
      <c r="AN4001" s="137"/>
      <c r="AO4001" s="137"/>
      <c r="AP4001" s="137"/>
      <c r="AQ4001" s="137"/>
      <c r="AR4001" s="137"/>
      <c r="AS4001" s="137"/>
      <c r="AT4001" s="137"/>
      <c r="AU4001" s="137"/>
      <c r="AV4001" s="137"/>
      <c r="AW4001" s="144"/>
    </row>
    <row r="4002" spans="7:49" x14ac:dyDescent="0.2">
      <c r="G4002" s="43"/>
      <c r="Z4002" s="143"/>
      <c r="AA4002" s="137"/>
      <c r="AB4002" s="137"/>
      <c r="AC4002" s="137"/>
      <c r="AD4002" s="137"/>
      <c r="AE4002" s="137"/>
      <c r="AF4002" s="137"/>
      <c r="AG4002" s="137"/>
      <c r="AH4002" s="137"/>
      <c r="AI4002" s="137"/>
      <c r="AJ4002" s="137"/>
      <c r="AK4002" s="137"/>
      <c r="AL4002" s="137"/>
      <c r="AM4002" s="137"/>
      <c r="AN4002" s="137"/>
      <c r="AO4002" s="137"/>
      <c r="AP4002" s="137"/>
      <c r="AQ4002" s="137"/>
      <c r="AR4002" s="137"/>
      <c r="AS4002" s="137"/>
      <c r="AT4002" s="137"/>
      <c r="AU4002" s="137"/>
      <c r="AV4002" s="137"/>
      <c r="AW4002" s="144"/>
    </row>
    <row r="4003" spans="7:49" x14ac:dyDescent="0.2">
      <c r="G4003" s="43"/>
      <c r="Z4003" s="143"/>
      <c r="AA4003" s="137"/>
      <c r="AB4003" s="137"/>
      <c r="AC4003" s="137"/>
      <c r="AD4003" s="137"/>
      <c r="AE4003" s="137"/>
      <c r="AF4003" s="137"/>
      <c r="AG4003" s="137"/>
      <c r="AH4003" s="137"/>
      <c r="AI4003" s="137"/>
      <c r="AJ4003" s="137"/>
      <c r="AK4003" s="137"/>
      <c r="AL4003" s="137"/>
      <c r="AM4003" s="137"/>
      <c r="AN4003" s="137"/>
      <c r="AO4003" s="137"/>
      <c r="AP4003" s="137"/>
      <c r="AQ4003" s="137"/>
      <c r="AR4003" s="137"/>
      <c r="AS4003" s="137"/>
      <c r="AT4003" s="137"/>
      <c r="AU4003" s="137"/>
      <c r="AV4003" s="137"/>
      <c r="AW4003" s="144"/>
    </row>
    <row r="4004" spans="7:49" x14ac:dyDescent="0.2">
      <c r="G4004" s="43"/>
      <c r="Z4004" s="143"/>
      <c r="AA4004" s="137"/>
      <c r="AB4004" s="137"/>
      <c r="AC4004" s="137"/>
      <c r="AD4004" s="137"/>
      <c r="AE4004" s="137"/>
      <c r="AF4004" s="137"/>
      <c r="AG4004" s="137"/>
      <c r="AH4004" s="137"/>
      <c r="AI4004" s="137"/>
      <c r="AJ4004" s="137"/>
      <c r="AK4004" s="137"/>
      <c r="AL4004" s="137"/>
      <c r="AM4004" s="137"/>
      <c r="AN4004" s="137"/>
      <c r="AO4004" s="137"/>
      <c r="AP4004" s="137"/>
      <c r="AQ4004" s="137"/>
      <c r="AR4004" s="137"/>
      <c r="AS4004" s="137"/>
      <c r="AT4004" s="137"/>
      <c r="AU4004" s="137"/>
      <c r="AV4004" s="137"/>
      <c r="AW4004" s="144"/>
    </row>
    <row r="4005" spans="7:49" x14ac:dyDescent="0.2">
      <c r="G4005" s="43"/>
      <c r="Z4005" s="143"/>
      <c r="AA4005" s="137"/>
      <c r="AB4005" s="137"/>
      <c r="AC4005" s="137"/>
      <c r="AD4005" s="137"/>
      <c r="AE4005" s="137"/>
      <c r="AF4005" s="137"/>
      <c r="AG4005" s="137"/>
      <c r="AH4005" s="137"/>
      <c r="AI4005" s="137"/>
      <c r="AJ4005" s="137"/>
      <c r="AK4005" s="137"/>
      <c r="AL4005" s="137"/>
      <c r="AM4005" s="137"/>
      <c r="AN4005" s="137"/>
      <c r="AO4005" s="137"/>
      <c r="AP4005" s="137"/>
      <c r="AQ4005" s="137"/>
      <c r="AR4005" s="137"/>
      <c r="AS4005" s="137"/>
      <c r="AT4005" s="137"/>
      <c r="AU4005" s="137"/>
      <c r="AV4005" s="137"/>
      <c r="AW4005" s="144"/>
    </row>
    <row r="4006" spans="7:49" x14ac:dyDescent="0.2">
      <c r="G4006" s="43"/>
      <c r="Z4006" s="143"/>
      <c r="AA4006" s="137"/>
      <c r="AB4006" s="137"/>
      <c r="AC4006" s="137"/>
      <c r="AD4006" s="137"/>
      <c r="AE4006" s="137"/>
      <c r="AF4006" s="137"/>
      <c r="AG4006" s="137"/>
      <c r="AH4006" s="137"/>
      <c r="AI4006" s="137"/>
      <c r="AJ4006" s="137"/>
      <c r="AK4006" s="137"/>
      <c r="AL4006" s="137"/>
      <c r="AM4006" s="137"/>
      <c r="AN4006" s="137"/>
      <c r="AO4006" s="137"/>
      <c r="AP4006" s="137"/>
      <c r="AQ4006" s="137"/>
      <c r="AR4006" s="137"/>
      <c r="AS4006" s="137"/>
      <c r="AT4006" s="137"/>
      <c r="AU4006" s="137"/>
      <c r="AV4006" s="137"/>
      <c r="AW4006" s="144"/>
    </row>
    <row r="4007" spans="7:49" x14ac:dyDescent="0.2">
      <c r="G4007" s="43"/>
      <c r="Z4007" s="143"/>
      <c r="AA4007" s="137"/>
      <c r="AB4007" s="137"/>
      <c r="AC4007" s="137"/>
      <c r="AD4007" s="137"/>
      <c r="AE4007" s="137"/>
      <c r="AF4007" s="137"/>
      <c r="AG4007" s="137"/>
      <c r="AH4007" s="137"/>
      <c r="AI4007" s="137"/>
      <c r="AJ4007" s="137"/>
      <c r="AK4007" s="137"/>
      <c r="AL4007" s="137"/>
      <c r="AM4007" s="137"/>
      <c r="AN4007" s="137"/>
      <c r="AO4007" s="137"/>
      <c r="AP4007" s="137"/>
      <c r="AQ4007" s="137"/>
      <c r="AR4007" s="137"/>
      <c r="AS4007" s="137"/>
      <c r="AT4007" s="137"/>
      <c r="AU4007" s="137"/>
      <c r="AV4007" s="137"/>
      <c r="AW4007" s="144"/>
    </row>
    <row r="4008" spans="7:49" x14ac:dyDescent="0.2">
      <c r="G4008" s="43"/>
      <c r="Z4008" s="143"/>
      <c r="AA4008" s="137"/>
      <c r="AB4008" s="137"/>
      <c r="AC4008" s="137"/>
      <c r="AD4008" s="137"/>
      <c r="AE4008" s="137"/>
      <c r="AF4008" s="137"/>
      <c r="AG4008" s="137"/>
      <c r="AH4008" s="137"/>
      <c r="AI4008" s="137"/>
      <c r="AJ4008" s="137"/>
      <c r="AK4008" s="137"/>
      <c r="AL4008" s="137"/>
      <c r="AM4008" s="137"/>
      <c r="AN4008" s="137"/>
      <c r="AO4008" s="137"/>
      <c r="AP4008" s="137"/>
      <c r="AQ4008" s="137"/>
      <c r="AR4008" s="137"/>
      <c r="AS4008" s="137"/>
      <c r="AT4008" s="137"/>
      <c r="AU4008" s="137"/>
      <c r="AV4008" s="137"/>
      <c r="AW4008" s="144"/>
    </row>
    <row r="4009" spans="7:49" x14ac:dyDescent="0.2">
      <c r="G4009" s="43"/>
      <c r="Z4009" s="143"/>
      <c r="AA4009" s="137"/>
      <c r="AB4009" s="137"/>
      <c r="AC4009" s="137"/>
      <c r="AD4009" s="137"/>
      <c r="AE4009" s="137"/>
      <c r="AF4009" s="137"/>
      <c r="AG4009" s="137"/>
      <c r="AH4009" s="137"/>
      <c r="AI4009" s="137"/>
      <c r="AJ4009" s="137"/>
      <c r="AK4009" s="137"/>
      <c r="AL4009" s="137"/>
      <c r="AM4009" s="137"/>
      <c r="AN4009" s="137"/>
      <c r="AO4009" s="137"/>
      <c r="AP4009" s="137"/>
      <c r="AQ4009" s="137"/>
      <c r="AR4009" s="137"/>
      <c r="AS4009" s="137"/>
      <c r="AT4009" s="137"/>
      <c r="AU4009" s="137"/>
      <c r="AV4009" s="137"/>
      <c r="AW4009" s="144"/>
    </row>
    <row r="4010" spans="7:49" x14ac:dyDescent="0.2">
      <c r="G4010" s="43"/>
      <c r="Z4010" s="143"/>
      <c r="AA4010" s="137"/>
      <c r="AB4010" s="137"/>
      <c r="AC4010" s="137"/>
      <c r="AD4010" s="137"/>
      <c r="AE4010" s="137"/>
      <c r="AF4010" s="137"/>
      <c r="AG4010" s="137"/>
      <c r="AH4010" s="137"/>
      <c r="AI4010" s="137"/>
      <c r="AJ4010" s="137"/>
      <c r="AK4010" s="137"/>
      <c r="AL4010" s="137"/>
      <c r="AM4010" s="137"/>
      <c r="AN4010" s="137"/>
      <c r="AO4010" s="137"/>
      <c r="AP4010" s="137"/>
      <c r="AQ4010" s="137"/>
      <c r="AR4010" s="137"/>
      <c r="AS4010" s="137"/>
      <c r="AT4010" s="137"/>
      <c r="AU4010" s="137"/>
      <c r="AV4010" s="137"/>
      <c r="AW4010" s="144"/>
    </row>
    <row r="4011" spans="7:49" x14ac:dyDescent="0.2">
      <c r="G4011" s="43"/>
      <c r="Z4011" s="143"/>
      <c r="AA4011" s="137"/>
      <c r="AB4011" s="137"/>
      <c r="AC4011" s="137"/>
      <c r="AD4011" s="137"/>
      <c r="AE4011" s="137"/>
      <c r="AF4011" s="137"/>
      <c r="AG4011" s="137"/>
      <c r="AH4011" s="137"/>
      <c r="AI4011" s="137"/>
      <c r="AJ4011" s="137"/>
      <c r="AK4011" s="137"/>
      <c r="AL4011" s="137"/>
      <c r="AM4011" s="137"/>
      <c r="AN4011" s="137"/>
      <c r="AO4011" s="137"/>
      <c r="AP4011" s="137"/>
      <c r="AQ4011" s="137"/>
      <c r="AR4011" s="137"/>
      <c r="AS4011" s="137"/>
      <c r="AT4011" s="137"/>
      <c r="AU4011" s="137"/>
      <c r="AV4011" s="137"/>
      <c r="AW4011" s="144"/>
    </row>
    <row r="4012" spans="7:49" x14ac:dyDescent="0.2">
      <c r="G4012" s="43"/>
      <c r="Z4012" s="143"/>
      <c r="AA4012" s="137"/>
      <c r="AB4012" s="137"/>
      <c r="AC4012" s="137"/>
      <c r="AD4012" s="137"/>
      <c r="AE4012" s="137"/>
      <c r="AF4012" s="137"/>
      <c r="AG4012" s="137"/>
      <c r="AH4012" s="137"/>
      <c r="AI4012" s="137"/>
      <c r="AJ4012" s="137"/>
      <c r="AK4012" s="137"/>
      <c r="AL4012" s="137"/>
      <c r="AM4012" s="137"/>
      <c r="AN4012" s="137"/>
      <c r="AO4012" s="137"/>
      <c r="AP4012" s="137"/>
      <c r="AQ4012" s="137"/>
      <c r="AR4012" s="137"/>
      <c r="AS4012" s="137"/>
      <c r="AT4012" s="137"/>
      <c r="AU4012" s="137"/>
      <c r="AV4012" s="137"/>
      <c r="AW4012" s="144"/>
    </row>
    <row r="4013" spans="7:49" x14ac:dyDescent="0.2">
      <c r="G4013" s="43"/>
      <c r="Z4013" s="143"/>
      <c r="AA4013" s="137"/>
      <c r="AB4013" s="137"/>
      <c r="AC4013" s="137"/>
      <c r="AD4013" s="137"/>
      <c r="AE4013" s="137"/>
      <c r="AF4013" s="137"/>
      <c r="AG4013" s="137"/>
      <c r="AH4013" s="137"/>
      <c r="AI4013" s="137"/>
      <c r="AJ4013" s="137"/>
      <c r="AK4013" s="137"/>
      <c r="AL4013" s="137"/>
      <c r="AM4013" s="137"/>
      <c r="AN4013" s="137"/>
      <c r="AO4013" s="137"/>
      <c r="AP4013" s="137"/>
      <c r="AQ4013" s="137"/>
      <c r="AR4013" s="137"/>
      <c r="AS4013" s="137"/>
      <c r="AT4013" s="137"/>
      <c r="AU4013" s="137"/>
      <c r="AV4013" s="137"/>
      <c r="AW4013" s="144"/>
    </row>
    <row r="4014" spans="7:49" x14ac:dyDescent="0.2">
      <c r="G4014" s="43"/>
      <c r="Z4014" s="143"/>
      <c r="AA4014" s="137"/>
      <c r="AB4014" s="137"/>
      <c r="AC4014" s="137"/>
      <c r="AD4014" s="137"/>
      <c r="AE4014" s="137"/>
      <c r="AF4014" s="137"/>
      <c r="AG4014" s="137"/>
      <c r="AH4014" s="137"/>
      <c r="AI4014" s="137"/>
      <c r="AJ4014" s="137"/>
      <c r="AK4014" s="137"/>
      <c r="AL4014" s="137"/>
      <c r="AM4014" s="137"/>
      <c r="AN4014" s="137"/>
      <c r="AO4014" s="137"/>
      <c r="AP4014" s="137"/>
      <c r="AQ4014" s="137"/>
      <c r="AR4014" s="137"/>
      <c r="AS4014" s="137"/>
      <c r="AT4014" s="137"/>
      <c r="AU4014" s="137"/>
      <c r="AV4014" s="137"/>
      <c r="AW4014" s="144"/>
    </row>
    <row r="4015" spans="7:49" x14ac:dyDescent="0.2">
      <c r="G4015" s="43"/>
      <c r="Z4015" s="143"/>
      <c r="AA4015" s="137"/>
      <c r="AB4015" s="137"/>
      <c r="AC4015" s="137"/>
      <c r="AD4015" s="137"/>
      <c r="AE4015" s="137"/>
      <c r="AF4015" s="137"/>
      <c r="AG4015" s="137"/>
      <c r="AH4015" s="137"/>
      <c r="AI4015" s="137"/>
      <c r="AJ4015" s="137"/>
      <c r="AK4015" s="137"/>
      <c r="AL4015" s="137"/>
      <c r="AM4015" s="137"/>
      <c r="AN4015" s="137"/>
      <c r="AO4015" s="137"/>
      <c r="AP4015" s="137"/>
      <c r="AQ4015" s="137"/>
      <c r="AR4015" s="137"/>
      <c r="AS4015" s="137"/>
      <c r="AT4015" s="137"/>
      <c r="AU4015" s="137"/>
      <c r="AV4015" s="137"/>
      <c r="AW4015" s="144"/>
    </row>
    <row r="4016" spans="7:49" x14ac:dyDescent="0.2">
      <c r="G4016" s="43"/>
      <c r="Z4016" s="143"/>
      <c r="AA4016" s="137"/>
      <c r="AB4016" s="137"/>
      <c r="AC4016" s="137"/>
      <c r="AD4016" s="137"/>
      <c r="AE4016" s="137"/>
      <c r="AF4016" s="137"/>
      <c r="AG4016" s="137"/>
      <c r="AH4016" s="137"/>
      <c r="AI4016" s="137"/>
      <c r="AJ4016" s="137"/>
      <c r="AK4016" s="137"/>
      <c r="AL4016" s="137"/>
      <c r="AM4016" s="137"/>
      <c r="AN4016" s="137"/>
      <c r="AO4016" s="137"/>
      <c r="AP4016" s="137"/>
      <c r="AQ4016" s="137"/>
      <c r="AR4016" s="137"/>
      <c r="AS4016" s="137"/>
      <c r="AT4016" s="137"/>
      <c r="AU4016" s="137"/>
      <c r="AV4016" s="137"/>
      <c r="AW4016" s="144"/>
    </row>
    <row r="4017" spans="7:49" x14ac:dyDescent="0.2">
      <c r="G4017" s="43"/>
      <c r="Z4017" s="143"/>
      <c r="AA4017" s="137"/>
      <c r="AB4017" s="137"/>
      <c r="AC4017" s="137"/>
      <c r="AD4017" s="137"/>
      <c r="AE4017" s="137"/>
      <c r="AF4017" s="137"/>
      <c r="AG4017" s="137"/>
      <c r="AH4017" s="137"/>
      <c r="AI4017" s="137"/>
      <c r="AJ4017" s="137"/>
      <c r="AK4017" s="137"/>
      <c r="AL4017" s="137"/>
      <c r="AM4017" s="137"/>
      <c r="AN4017" s="137"/>
      <c r="AO4017" s="137"/>
      <c r="AP4017" s="137"/>
      <c r="AQ4017" s="137"/>
      <c r="AR4017" s="137"/>
      <c r="AS4017" s="137"/>
      <c r="AT4017" s="137"/>
      <c r="AU4017" s="137"/>
      <c r="AV4017" s="137"/>
      <c r="AW4017" s="144"/>
    </row>
    <row r="4018" spans="7:49" x14ac:dyDescent="0.2">
      <c r="G4018" s="43"/>
      <c r="Z4018" s="143"/>
      <c r="AA4018" s="137"/>
      <c r="AB4018" s="137"/>
      <c r="AC4018" s="137"/>
      <c r="AD4018" s="137"/>
      <c r="AE4018" s="137"/>
      <c r="AF4018" s="137"/>
      <c r="AG4018" s="137"/>
      <c r="AH4018" s="137"/>
      <c r="AI4018" s="137"/>
      <c r="AJ4018" s="137"/>
      <c r="AK4018" s="137"/>
      <c r="AL4018" s="137"/>
      <c r="AM4018" s="137"/>
      <c r="AN4018" s="137"/>
      <c r="AO4018" s="137"/>
      <c r="AP4018" s="137"/>
      <c r="AQ4018" s="137"/>
      <c r="AR4018" s="137"/>
      <c r="AS4018" s="137"/>
      <c r="AT4018" s="137"/>
      <c r="AU4018" s="137"/>
      <c r="AV4018" s="137"/>
      <c r="AW4018" s="144"/>
    </row>
    <row r="4019" spans="7:49" x14ac:dyDescent="0.2">
      <c r="G4019" s="43"/>
      <c r="Z4019" s="143"/>
      <c r="AA4019" s="137"/>
      <c r="AB4019" s="137"/>
      <c r="AC4019" s="137"/>
      <c r="AD4019" s="137"/>
      <c r="AE4019" s="137"/>
      <c r="AF4019" s="137"/>
      <c r="AG4019" s="137"/>
      <c r="AH4019" s="137"/>
      <c r="AI4019" s="137"/>
      <c r="AJ4019" s="137"/>
      <c r="AK4019" s="137"/>
      <c r="AL4019" s="137"/>
      <c r="AM4019" s="137"/>
      <c r="AN4019" s="137"/>
      <c r="AO4019" s="137"/>
      <c r="AP4019" s="137"/>
      <c r="AQ4019" s="137"/>
      <c r="AR4019" s="137"/>
      <c r="AS4019" s="137"/>
      <c r="AT4019" s="137"/>
      <c r="AU4019" s="137"/>
      <c r="AV4019" s="137"/>
      <c r="AW4019" s="144"/>
    </row>
    <row r="4020" spans="7:49" x14ac:dyDescent="0.2">
      <c r="G4020" s="43"/>
      <c r="Z4020" s="143"/>
      <c r="AA4020" s="137"/>
      <c r="AB4020" s="137"/>
      <c r="AC4020" s="137"/>
      <c r="AD4020" s="137"/>
      <c r="AE4020" s="137"/>
      <c r="AF4020" s="137"/>
      <c r="AG4020" s="137"/>
      <c r="AH4020" s="137"/>
      <c r="AI4020" s="137"/>
      <c r="AJ4020" s="137"/>
      <c r="AK4020" s="137"/>
      <c r="AL4020" s="137"/>
      <c r="AM4020" s="137"/>
      <c r="AN4020" s="137"/>
      <c r="AO4020" s="137"/>
      <c r="AP4020" s="137"/>
      <c r="AQ4020" s="137"/>
      <c r="AR4020" s="137"/>
      <c r="AS4020" s="137"/>
      <c r="AT4020" s="137"/>
      <c r="AU4020" s="137"/>
      <c r="AV4020" s="137"/>
      <c r="AW4020" s="144"/>
    </row>
    <row r="4021" spans="7:49" x14ac:dyDescent="0.2">
      <c r="G4021" s="43"/>
      <c r="Z4021" s="143"/>
      <c r="AA4021" s="137"/>
      <c r="AB4021" s="137"/>
      <c r="AC4021" s="137"/>
      <c r="AD4021" s="137"/>
      <c r="AE4021" s="137"/>
      <c r="AF4021" s="137"/>
      <c r="AG4021" s="137"/>
      <c r="AH4021" s="137"/>
      <c r="AI4021" s="137"/>
      <c r="AJ4021" s="137"/>
      <c r="AK4021" s="137"/>
      <c r="AL4021" s="137"/>
      <c r="AM4021" s="137"/>
      <c r="AN4021" s="137"/>
      <c r="AO4021" s="137"/>
      <c r="AP4021" s="137"/>
      <c r="AQ4021" s="137"/>
      <c r="AR4021" s="137"/>
      <c r="AS4021" s="137"/>
      <c r="AT4021" s="137"/>
      <c r="AU4021" s="137"/>
      <c r="AV4021" s="137"/>
      <c r="AW4021" s="144"/>
    </row>
    <row r="4022" spans="7:49" x14ac:dyDescent="0.2">
      <c r="G4022" s="43"/>
      <c r="Z4022" s="143"/>
      <c r="AA4022" s="137"/>
      <c r="AB4022" s="137"/>
      <c r="AC4022" s="137"/>
      <c r="AD4022" s="137"/>
      <c r="AE4022" s="137"/>
      <c r="AF4022" s="137"/>
      <c r="AG4022" s="137"/>
      <c r="AH4022" s="137"/>
      <c r="AI4022" s="137"/>
      <c r="AJ4022" s="137"/>
      <c r="AK4022" s="137"/>
      <c r="AL4022" s="137"/>
      <c r="AM4022" s="137"/>
      <c r="AN4022" s="137"/>
      <c r="AO4022" s="137"/>
      <c r="AP4022" s="137"/>
      <c r="AQ4022" s="137"/>
      <c r="AR4022" s="137"/>
      <c r="AS4022" s="137"/>
      <c r="AT4022" s="137"/>
      <c r="AU4022" s="137"/>
      <c r="AV4022" s="137"/>
      <c r="AW4022" s="144"/>
    </row>
    <row r="4023" spans="7:49" x14ac:dyDescent="0.2">
      <c r="G4023" s="43"/>
      <c r="Z4023" s="143"/>
      <c r="AA4023" s="137"/>
      <c r="AB4023" s="137"/>
      <c r="AC4023" s="137"/>
      <c r="AD4023" s="137"/>
      <c r="AE4023" s="137"/>
      <c r="AF4023" s="137"/>
      <c r="AG4023" s="137"/>
      <c r="AH4023" s="137"/>
      <c r="AI4023" s="137"/>
      <c r="AJ4023" s="137"/>
      <c r="AK4023" s="137"/>
      <c r="AL4023" s="137"/>
      <c r="AM4023" s="137"/>
      <c r="AN4023" s="137"/>
      <c r="AO4023" s="137"/>
      <c r="AP4023" s="137"/>
      <c r="AQ4023" s="137"/>
      <c r="AR4023" s="137"/>
      <c r="AS4023" s="137"/>
      <c r="AT4023" s="137"/>
      <c r="AU4023" s="137"/>
      <c r="AV4023" s="137"/>
      <c r="AW4023" s="144"/>
    </row>
    <row r="4024" spans="7:49" x14ac:dyDescent="0.2">
      <c r="G4024" s="43"/>
      <c r="Z4024" s="143"/>
      <c r="AA4024" s="137"/>
      <c r="AB4024" s="137"/>
      <c r="AC4024" s="137"/>
      <c r="AD4024" s="137"/>
      <c r="AE4024" s="137"/>
      <c r="AF4024" s="137"/>
      <c r="AG4024" s="137"/>
      <c r="AH4024" s="137"/>
      <c r="AI4024" s="137"/>
      <c r="AJ4024" s="137"/>
      <c r="AK4024" s="137"/>
      <c r="AL4024" s="137"/>
      <c r="AM4024" s="137"/>
      <c r="AN4024" s="137"/>
      <c r="AO4024" s="137"/>
      <c r="AP4024" s="137"/>
      <c r="AQ4024" s="137"/>
      <c r="AR4024" s="137"/>
      <c r="AS4024" s="137"/>
      <c r="AT4024" s="137"/>
      <c r="AU4024" s="137"/>
      <c r="AV4024" s="137"/>
      <c r="AW4024" s="144"/>
    </row>
    <row r="4025" spans="7:49" x14ac:dyDescent="0.2">
      <c r="G4025" s="43"/>
      <c r="Z4025" s="143"/>
      <c r="AA4025" s="137"/>
      <c r="AB4025" s="137"/>
      <c r="AC4025" s="137"/>
      <c r="AD4025" s="137"/>
      <c r="AE4025" s="137"/>
      <c r="AF4025" s="137"/>
      <c r="AG4025" s="137"/>
      <c r="AH4025" s="137"/>
      <c r="AI4025" s="137"/>
      <c r="AJ4025" s="137"/>
      <c r="AK4025" s="137"/>
      <c r="AL4025" s="137"/>
      <c r="AM4025" s="137"/>
      <c r="AN4025" s="137"/>
      <c r="AO4025" s="137"/>
      <c r="AP4025" s="137"/>
      <c r="AQ4025" s="137"/>
      <c r="AR4025" s="137"/>
      <c r="AS4025" s="137"/>
      <c r="AT4025" s="137"/>
      <c r="AU4025" s="137"/>
      <c r="AV4025" s="137"/>
      <c r="AW4025" s="144"/>
    </row>
    <row r="4026" spans="7:49" x14ac:dyDescent="0.2">
      <c r="G4026" s="43"/>
      <c r="Z4026" s="143"/>
      <c r="AA4026" s="137"/>
      <c r="AB4026" s="137"/>
      <c r="AC4026" s="137"/>
      <c r="AD4026" s="137"/>
      <c r="AE4026" s="137"/>
      <c r="AF4026" s="137"/>
      <c r="AG4026" s="137"/>
      <c r="AH4026" s="137"/>
      <c r="AI4026" s="137"/>
      <c r="AJ4026" s="137"/>
      <c r="AK4026" s="137"/>
      <c r="AL4026" s="137"/>
      <c r="AM4026" s="137"/>
      <c r="AN4026" s="137"/>
      <c r="AO4026" s="137"/>
      <c r="AP4026" s="137"/>
      <c r="AQ4026" s="137"/>
      <c r="AR4026" s="137"/>
      <c r="AS4026" s="137"/>
      <c r="AT4026" s="137"/>
      <c r="AU4026" s="137"/>
      <c r="AV4026" s="137"/>
      <c r="AW4026" s="144"/>
    </row>
    <row r="4027" spans="7:49" x14ac:dyDescent="0.2">
      <c r="G4027" s="43"/>
      <c r="Z4027" s="143"/>
      <c r="AA4027" s="137"/>
      <c r="AB4027" s="137"/>
      <c r="AC4027" s="137"/>
      <c r="AD4027" s="137"/>
      <c r="AE4027" s="137"/>
      <c r="AF4027" s="137"/>
      <c r="AG4027" s="137"/>
      <c r="AH4027" s="137"/>
      <c r="AI4027" s="137"/>
      <c r="AJ4027" s="137"/>
      <c r="AK4027" s="137"/>
      <c r="AL4027" s="137"/>
      <c r="AM4027" s="137"/>
      <c r="AN4027" s="137"/>
      <c r="AO4027" s="137"/>
      <c r="AP4027" s="137"/>
      <c r="AQ4027" s="137"/>
      <c r="AR4027" s="137"/>
      <c r="AS4027" s="137"/>
      <c r="AT4027" s="137"/>
      <c r="AU4027" s="137"/>
      <c r="AV4027" s="137"/>
      <c r="AW4027" s="144"/>
    </row>
    <row r="4028" spans="7:49" x14ac:dyDescent="0.2">
      <c r="G4028" s="43"/>
      <c r="Z4028" s="143"/>
      <c r="AA4028" s="137"/>
      <c r="AB4028" s="137"/>
      <c r="AC4028" s="137"/>
      <c r="AD4028" s="137"/>
      <c r="AE4028" s="137"/>
      <c r="AF4028" s="137"/>
      <c r="AG4028" s="137"/>
      <c r="AH4028" s="137"/>
      <c r="AI4028" s="137"/>
      <c r="AJ4028" s="137"/>
      <c r="AK4028" s="137"/>
      <c r="AL4028" s="137"/>
      <c r="AM4028" s="137"/>
      <c r="AN4028" s="137"/>
      <c r="AO4028" s="137"/>
      <c r="AP4028" s="137"/>
      <c r="AQ4028" s="137"/>
      <c r="AR4028" s="137"/>
      <c r="AS4028" s="137"/>
      <c r="AT4028" s="137"/>
      <c r="AU4028" s="137"/>
      <c r="AV4028" s="137"/>
      <c r="AW4028" s="144"/>
    </row>
    <row r="4029" spans="7:49" x14ac:dyDescent="0.2">
      <c r="G4029" s="43"/>
      <c r="Z4029" s="143"/>
      <c r="AA4029" s="137"/>
      <c r="AB4029" s="137"/>
      <c r="AC4029" s="137"/>
      <c r="AD4029" s="137"/>
      <c r="AE4029" s="137"/>
      <c r="AF4029" s="137"/>
      <c r="AG4029" s="137"/>
      <c r="AH4029" s="137"/>
      <c r="AI4029" s="137"/>
      <c r="AJ4029" s="137"/>
      <c r="AK4029" s="137"/>
      <c r="AL4029" s="137"/>
      <c r="AM4029" s="137"/>
      <c r="AN4029" s="137"/>
      <c r="AO4029" s="137"/>
      <c r="AP4029" s="137"/>
      <c r="AQ4029" s="137"/>
      <c r="AR4029" s="137"/>
      <c r="AS4029" s="137"/>
      <c r="AT4029" s="137"/>
      <c r="AU4029" s="137"/>
      <c r="AV4029" s="137"/>
      <c r="AW4029" s="144"/>
    </row>
    <row r="4030" spans="7:49" x14ac:dyDescent="0.2">
      <c r="G4030" s="43"/>
      <c r="Z4030" s="143"/>
      <c r="AA4030" s="137"/>
      <c r="AB4030" s="137"/>
      <c r="AC4030" s="137"/>
      <c r="AD4030" s="137"/>
      <c r="AE4030" s="137"/>
      <c r="AF4030" s="137"/>
      <c r="AG4030" s="137"/>
      <c r="AH4030" s="137"/>
      <c r="AI4030" s="137"/>
      <c r="AJ4030" s="137"/>
      <c r="AK4030" s="137"/>
      <c r="AL4030" s="137"/>
      <c r="AM4030" s="137"/>
      <c r="AN4030" s="137"/>
      <c r="AO4030" s="137"/>
      <c r="AP4030" s="137"/>
      <c r="AQ4030" s="137"/>
      <c r="AR4030" s="137"/>
      <c r="AS4030" s="137"/>
      <c r="AT4030" s="137"/>
      <c r="AU4030" s="137"/>
      <c r="AV4030" s="137"/>
      <c r="AW4030" s="144"/>
    </row>
    <row r="4031" spans="7:49" x14ac:dyDescent="0.2">
      <c r="G4031" s="43"/>
      <c r="Z4031" s="143"/>
      <c r="AA4031" s="137"/>
      <c r="AB4031" s="137"/>
      <c r="AC4031" s="137"/>
      <c r="AD4031" s="137"/>
      <c r="AE4031" s="137"/>
      <c r="AF4031" s="137"/>
      <c r="AG4031" s="137"/>
      <c r="AH4031" s="137"/>
      <c r="AI4031" s="137"/>
      <c r="AJ4031" s="137"/>
      <c r="AK4031" s="137"/>
      <c r="AL4031" s="137"/>
      <c r="AM4031" s="137"/>
      <c r="AN4031" s="137"/>
      <c r="AO4031" s="137"/>
      <c r="AP4031" s="137"/>
      <c r="AQ4031" s="137"/>
      <c r="AR4031" s="137"/>
      <c r="AS4031" s="137"/>
      <c r="AT4031" s="137"/>
      <c r="AU4031" s="137"/>
      <c r="AV4031" s="137"/>
      <c r="AW4031" s="144"/>
    </row>
    <row r="4032" spans="7:49" x14ac:dyDescent="0.2">
      <c r="G4032" s="43"/>
      <c r="Z4032" s="143"/>
      <c r="AA4032" s="137"/>
      <c r="AB4032" s="137"/>
      <c r="AC4032" s="137"/>
      <c r="AD4032" s="137"/>
      <c r="AE4032" s="137"/>
      <c r="AF4032" s="137"/>
      <c r="AG4032" s="137"/>
      <c r="AH4032" s="137"/>
      <c r="AI4032" s="137"/>
      <c r="AJ4032" s="137"/>
      <c r="AK4032" s="137"/>
      <c r="AL4032" s="137"/>
      <c r="AM4032" s="137"/>
      <c r="AN4032" s="137"/>
      <c r="AO4032" s="137"/>
      <c r="AP4032" s="137"/>
      <c r="AQ4032" s="137"/>
      <c r="AR4032" s="137"/>
      <c r="AS4032" s="137"/>
      <c r="AT4032" s="137"/>
      <c r="AU4032" s="137"/>
      <c r="AV4032" s="137"/>
      <c r="AW4032" s="144"/>
    </row>
    <row r="4033" spans="7:49" x14ac:dyDescent="0.2">
      <c r="G4033" s="43"/>
      <c r="Z4033" s="143"/>
      <c r="AA4033" s="137"/>
      <c r="AB4033" s="137"/>
      <c r="AC4033" s="137"/>
      <c r="AD4033" s="137"/>
      <c r="AE4033" s="137"/>
      <c r="AF4033" s="137"/>
      <c r="AG4033" s="137"/>
      <c r="AH4033" s="137"/>
      <c r="AI4033" s="137"/>
      <c r="AJ4033" s="137"/>
      <c r="AK4033" s="137"/>
      <c r="AL4033" s="137"/>
      <c r="AM4033" s="137"/>
      <c r="AN4033" s="137"/>
      <c r="AO4033" s="137"/>
      <c r="AP4033" s="137"/>
      <c r="AQ4033" s="137"/>
      <c r="AR4033" s="137"/>
      <c r="AS4033" s="137"/>
      <c r="AT4033" s="137"/>
      <c r="AU4033" s="137"/>
      <c r="AV4033" s="137"/>
      <c r="AW4033" s="144"/>
    </row>
    <row r="4034" spans="7:49" x14ac:dyDescent="0.2">
      <c r="G4034" s="43"/>
      <c r="Z4034" s="143"/>
      <c r="AA4034" s="137"/>
      <c r="AB4034" s="137"/>
      <c r="AC4034" s="137"/>
      <c r="AD4034" s="137"/>
      <c r="AE4034" s="137"/>
      <c r="AF4034" s="137"/>
      <c r="AG4034" s="137"/>
      <c r="AH4034" s="137"/>
      <c r="AI4034" s="137"/>
      <c r="AJ4034" s="137"/>
      <c r="AK4034" s="137"/>
      <c r="AL4034" s="137"/>
      <c r="AM4034" s="137"/>
      <c r="AN4034" s="137"/>
      <c r="AO4034" s="137"/>
      <c r="AP4034" s="137"/>
      <c r="AQ4034" s="137"/>
      <c r="AR4034" s="137"/>
      <c r="AS4034" s="137"/>
      <c r="AT4034" s="137"/>
      <c r="AU4034" s="137"/>
      <c r="AV4034" s="137"/>
      <c r="AW4034" s="144"/>
    </row>
    <row r="4035" spans="7:49" x14ac:dyDescent="0.2">
      <c r="G4035" s="43"/>
      <c r="Z4035" s="143"/>
      <c r="AA4035" s="137"/>
      <c r="AB4035" s="137"/>
      <c r="AC4035" s="137"/>
      <c r="AD4035" s="137"/>
      <c r="AE4035" s="137"/>
      <c r="AF4035" s="137"/>
      <c r="AG4035" s="137"/>
      <c r="AH4035" s="137"/>
      <c r="AI4035" s="137"/>
      <c r="AJ4035" s="137"/>
      <c r="AK4035" s="137"/>
      <c r="AL4035" s="137"/>
      <c r="AM4035" s="137"/>
      <c r="AN4035" s="137"/>
      <c r="AO4035" s="137"/>
      <c r="AP4035" s="137"/>
      <c r="AQ4035" s="137"/>
      <c r="AR4035" s="137"/>
      <c r="AS4035" s="137"/>
      <c r="AT4035" s="137"/>
      <c r="AU4035" s="137"/>
      <c r="AV4035" s="137"/>
      <c r="AW4035" s="144"/>
    </row>
    <row r="4036" spans="7:49" x14ac:dyDescent="0.2">
      <c r="G4036" s="43"/>
      <c r="Z4036" s="143"/>
      <c r="AA4036" s="137"/>
      <c r="AB4036" s="137"/>
      <c r="AC4036" s="137"/>
      <c r="AD4036" s="137"/>
      <c r="AE4036" s="137"/>
      <c r="AF4036" s="137"/>
      <c r="AG4036" s="137"/>
      <c r="AH4036" s="137"/>
      <c r="AI4036" s="137"/>
      <c r="AJ4036" s="137"/>
      <c r="AK4036" s="137"/>
      <c r="AL4036" s="137"/>
      <c r="AM4036" s="137"/>
      <c r="AN4036" s="137"/>
      <c r="AO4036" s="137"/>
      <c r="AP4036" s="137"/>
      <c r="AQ4036" s="137"/>
      <c r="AR4036" s="137"/>
      <c r="AS4036" s="137"/>
      <c r="AT4036" s="137"/>
      <c r="AU4036" s="137"/>
      <c r="AV4036" s="137"/>
      <c r="AW4036" s="144"/>
    </row>
    <row r="4037" spans="7:49" x14ac:dyDescent="0.2">
      <c r="G4037" s="43"/>
      <c r="Z4037" s="143"/>
      <c r="AA4037" s="137"/>
      <c r="AB4037" s="137"/>
      <c r="AC4037" s="137"/>
      <c r="AD4037" s="137"/>
      <c r="AE4037" s="137"/>
      <c r="AF4037" s="137"/>
      <c r="AG4037" s="137"/>
      <c r="AH4037" s="137"/>
      <c r="AI4037" s="137"/>
      <c r="AJ4037" s="137"/>
      <c r="AK4037" s="137"/>
      <c r="AL4037" s="137"/>
      <c r="AM4037" s="137"/>
      <c r="AN4037" s="137"/>
      <c r="AO4037" s="137"/>
      <c r="AP4037" s="137"/>
      <c r="AQ4037" s="137"/>
      <c r="AR4037" s="137"/>
      <c r="AS4037" s="137"/>
      <c r="AT4037" s="137"/>
      <c r="AU4037" s="137"/>
      <c r="AV4037" s="137"/>
      <c r="AW4037" s="144"/>
    </row>
    <row r="4038" spans="7:49" x14ac:dyDescent="0.2">
      <c r="G4038" s="43"/>
      <c r="Z4038" s="143"/>
      <c r="AA4038" s="137"/>
      <c r="AB4038" s="137"/>
      <c r="AC4038" s="137"/>
      <c r="AD4038" s="137"/>
      <c r="AE4038" s="137"/>
      <c r="AF4038" s="137"/>
      <c r="AG4038" s="137"/>
      <c r="AH4038" s="137"/>
      <c r="AI4038" s="137"/>
      <c r="AJ4038" s="137"/>
      <c r="AK4038" s="137"/>
      <c r="AL4038" s="137"/>
      <c r="AM4038" s="137"/>
      <c r="AN4038" s="137"/>
      <c r="AO4038" s="137"/>
      <c r="AP4038" s="137"/>
      <c r="AQ4038" s="137"/>
      <c r="AR4038" s="137"/>
      <c r="AS4038" s="137"/>
      <c r="AT4038" s="137"/>
      <c r="AU4038" s="137"/>
      <c r="AV4038" s="137"/>
      <c r="AW4038" s="144"/>
    </row>
    <row r="4039" spans="7:49" x14ac:dyDescent="0.2">
      <c r="G4039" s="43"/>
      <c r="Z4039" s="143"/>
      <c r="AA4039" s="137"/>
      <c r="AB4039" s="137"/>
      <c r="AC4039" s="137"/>
      <c r="AD4039" s="137"/>
      <c r="AE4039" s="137"/>
      <c r="AF4039" s="137"/>
      <c r="AG4039" s="137"/>
      <c r="AH4039" s="137"/>
      <c r="AI4039" s="137"/>
      <c r="AJ4039" s="137"/>
      <c r="AK4039" s="137"/>
      <c r="AL4039" s="137"/>
      <c r="AM4039" s="137"/>
      <c r="AN4039" s="137"/>
      <c r="AO4039" s="137"/>
      <c r="AP4039" s="137"/>
      <c r="AQ4039" s="137"/>
      <c r="AR4039" s="137"/>
      <c r="AS4039" s="137"/>
      <c r="AT4039" s="137"/>
      <c r="AU4039" s="137"/>
      <c r="AV4039" s="137"/>
      <c r="AW4039" s="144"/>
    </row>
    <row r="4040" spans="7:49" x14ac:dyDescent="0.2">
      <c r="G4040" s="43"/>
      <c r="Z4040" s="143"/>
      <c r="AA4040" s="137"/>
      <c r="AB4040" s="137"/>
      <c r="AC4040" s="137"/>
      <c r="AD4040" s="137"/>
      <c r="AE4040" s="137"/>
      <c r="AF4040" s="137"/>
      <c r="AG4040" s="137"/>
      <c r="AH4040" s="137"/>
      <c r="AI4040" s="137"/>
      <c r="AJ4040" s="137"/>
      <c r="AK4040" s="137"/>
      <c r="AL4040" s="137"/>
      <c r="AM4040" s="137"/>
      <c r="AN4040" s="137"/>
      <c r="AO4040" s="137"/>
      <c r="AP4040" s="137"/>
      <c r="AQ4040" s="137"/>
      <c r="AR4040" s="137"/>
      <c r="AS4040" s="137"/>
      <c r="AT4040" s="137"/>
      <c r="AU4040" s="137"/>
      <c r="AV4040" s="137"/>
      <c r="AW4040" s="144"/>
    </row>
    <row r="4041" spans="7:49" x14ac:dyDescent="0.2">
      <c r="G4041" s="43"/>
      <c r="Z4041" s="143"/>
      <c r="AA4041" s="137"/>
      <c r="AB4041" s="137"/>
      <c r="AC4041" s="137"/>
      <c r="AD4041" s="137"/>
      <c r="AE4041" s="137"/>
      <c r="AF4041" s="137"/>
      <c r="AG4041" s="137"/>
      <c r="AH4041" s="137"/>
      <c r="AI4041" s="137"/>
      <c r="AJ4041" s="137"/>
      <c r="AK4041" s="137"/>
      <c r="AL4041" s="137"/>
      <c r="AM4041" s="137"/>
      <c r="AN4041" s="137"/>
      <c r="AO4041" s="137"/>
      <c r="AP4041" s="137"/>
      <c r="AQ4041" s="137"/>
      <c r="AR4041" s="137"/>
      <c r="AS4041" s="137"/>
      <c r="AT4041" s="137"/>
      <c r="AU4041" s="137"/>
      <c r="AV4041" s="137"/>
      <c r="AW4041" s="144"/>
    </row>
    <row r="4042" spans="7:49" x14ac:dyDescent="0.2">
      <c r="G4042" s="43"/>
      <c r="Z4042" s="143"/>
      <c r="AA4042" s="137"/>
      <c r="AB4042" s="137"/>
      <c r="AC4042" s="137"/>
      <c r="AD4042" s="137"/>
      <c r="AE4042" s="137"/>
      <c r="AF4042" s="137"/>
      <c r="AG4042" s="137"/>
      <c r="AH4042" s="137"/>
      <c r="AI4042" s="137"/>
      <c r="AJ4042" s="137"/>
      <c r="AK4042" s="137"/>
      <c r="AL4042" s="137"/>
      <c r="AM4042" s="137"/>
      <c r="AN4042" s="137"/>
      <c r="AO4042" s="137"/>
      <c r="AP4042" s="137"/>
      <c r="AQ4042" s="137"/>
      <c r="AR4042" s="137"/>
      <c r="AS4042" s="137"/>
      <c r="AT4042" s="137"/>
      <c r="AU4042" s="137"/>
      <c r="AV4042" s="137"/>
      <c r="AW4042" s="144"/>
    </row>
    <row r="4043" spans="7:49" x14ac:dyDescent="0.2">
      <c r="G4043" s="43"/>
      <c r="Z4043" s="143"/>
      <c r="AA4043" s="137"/>
      <c r="AB4043" s="137"/>
      <c r="AC4043" s="137"/>
      <c r="AD4043" s="137"/>
      <c r="AE4043" s="137"/>
      <c r="AF4043" s="137"/>
      <c r="AG4043" s="137"/>
      <c r="AH4043" s="137"/>
      <c r="AI4043" s="137"/>
      <c r="AJ4043" s="137"/>
      <c r="AK4043" s="137"/>
      <c r="AL4043" s="137"/>
      <c r="AM4043" s="137"/>
      <c r="AN4043" s="137"/>
      <c r="AO4043" s="137"/>
      <c r="AP4043" s="137"/>
      <c r="AQ4043" s="137"/>
      <c r="AR4043" s="137"/>
      <c r="AS4043" s="137"/>
      <c r="AT4043" s="137"/>
      <c r="AU4043" s="137"/>
      <c r="AV4043" s="137"/>
      <c r="AW4043" s="144"/>
    </row>
    <row r="4044" spans="7:49" x14ac:dyDescent="0.2">
      <c r="G4044" s="43"/>
      <c r="Z4044" s="143"/>
      <c r="AA4044" s="137"/>
      <c r="AB4044" s="137"/>
      <c r="AC4044" s="137"/>
      <c r="AD4044" s="137"/>
      <c r="AE4044" s="137"/>
      <c r="AF4044" s="137"/>
      <c r="AG4044" s="137"/>
      <c r="AH4044" s="137"/>
      <c r="AI4044" s="137"/>
      <c r="AJ4044" s="137"/>
      <c r="AK4044" s="137"/>
      <c r="AL4044" s="137"/>
      <c r="AM4044" s="137"/>
      <c r="AN4044" s="137"/>
      <c r="AO4044" s="137"/>
      <c r="AP4044" s="137"/>
      <c r="AQ4044" s="137"/>
      <c r="AR4044" s="137"/>
      <c r="AS4044" s="137"/>
      <c r="AT4044" s="137"/>
      <c r="AU4044" s="137"/>
      <c r="AV4044" s="137"/>
      <c r="AW4044" s="144"/>
    </row>
    <row r="4045" spans="7:49" x14ac:dyDescent="0.2">
      <c r="G4045" s="43"/>
      <c r="Z4045" s="143"/>
      <c r="AA4045" s="137"/>
      <c r="AB4045" s="137"/>
      <c r="AC4045" s="137"/>
      <c r="AD4045" s="137"/>
      <c r="AE4045" s="137"/>
      <c r="AF4045" s="137"/>
      <c r="AG4045" s="137"/>
      <c r="AH4045" s="137"/>
      <c r="AI4045" s="137"/>
      <c r="AJ4045" s="137"/>
      <c r="AK4045" s="137"/>
      <c r="AL4045" s="137"/>
      <c r="AM4045" s="137"/>
      <c r="AN4045" s="137"/>
      <c r="AO4045" s="137"/>
      <c r="AP4045" s="137"/>
      <c r="AQ4045" s="137"/>
      <c r="AR4045" s="137"/>
      <c r="AS4045" s="137"/>
      <c r="AT4045" s="137"/>
      <c r="AU4045" s="137"/>
      <c r="AV4045" s="137"/>
      <c r="AW4045" s="144"/>
    </row>
    <row r="4046" spans="7:49" x14ac:dyDescent="0.2">
      <c r="G4046" s="43"/>
      <c r="Z4046" s="143"/>
      <c r="AA4046" s="137"/>
      <c r="AB4046" s="137"/>
      <c r="AC4046" s="137"/>
      <c r="AD4046" s="137"/>
      <c r="AE4046" s="137"/>
      <c r="AF4046" s="137"/>
      <c r="AG4046" s="137"/>
      <c r="AH4046" s="137"/>
      <c r="AI4046" s="137"/>
      <c r="AJ4046" s="137"/>
      <c r="AK4046" s="137"/>
      <c r="AL4046" s="137"/>
      <c r="AM4046" s="137"/>
      <c r="AN4046" s="137"/>
      <c r="AO4046" s="137"/>
      <c r="AP4046" s="137"/>
      <c r="AQ4046" s="137"/>
      <c r="AR4046" s="137"/>
      <c r="AS4046" s="137"/>
      <c r="AT4046" s="137"/>
      <c r="AU4046" s="137"/>
      <c r="AV4046" s="137"/>
      <c r="AW4046" s="144"/>
    </row>
    <row r="4047" spans="7:49" x14ac:dyDescent="0.2">
      <c r="G4047" s="43"/>
      <c r="Z4047" s="143"/>
      <c r="AA4047" s="137"/>
      <c r="AB4047" s="137"/>
      <c r="AC4047" s="137"/>
      <c r="AD4047" s="137"/>
      <c r="AE4047" s="137"/>
      <c r="AF4047" s="137"/>
      <c r="AG4047" s="137"/>
      <c r="AH4047" s="137"/>
      <c r="AI4047" s="137"/>
      <c r="AJ4047" s="137"/>
      <c r="AK4047" s="137"/>
      <c r="AL4047" s="137"/>
      <c r="AM4047" s="137"/>
      <c r="AN4047" s="137"/>
      <c r="AO4047" s="137"/>
      <c r="AP4047" s="137"/>
      <c r="AQ4047" s="137"/>
      <c r="AR4047" s="137"/>
      <c r="AS4047" s="137"/>
      <c r="AT4047" s="137"/>
      <c r="AU4047" s="137"/>
      <c r="AV4047" s="137"/>
      <c r="AW4047" s="144"/>
    </row>
    <row r="4048" spans="7:49" x14ac:dyDescent="0.2">
      <c r="G4048" s="43"/>
      <c r="Z4048" s="143"/>
      <c r="AA4048" s="137"/>
      <c r="AB4048" s="137"/>
      <c r="AC4048" s="137"/>
      <c r="AD4048" s="137"/>
      <c r="AE4048" s="137"/>
      <c r="AF4048" s="137"/>
      <c r="AG4048" s="137"/>
      <c r="AH4048" s="137"/>
      <c r="AI4048" s="137"/>
      <c r="AJ4048" s="137"/>
      <c r="AK4048" s="137"/>
      <c r="AL4048" s="137"/>
      <c r="AM4048" s="137"/>
      <c r="AN4048" s="137"/>
      <c r="AO4048" s="137"/>
      <c r="AP4048" s="137"/>
      <c r="AQ4048" s="137"/>
      <c r="AR4048" s="137"/>
      <c r="AS4048" s="137"/>
      <c r="AT4048" s="137"/>
      <c r="AU4048" s="137"/>
      <c r="AV4048" s="137"/>
      <c r="AW4048" s="144"/>
    </row>
    <row r="4049" spans="7:49" x14ac:dyDescent="0.2">
      <c r="G4049" s="43"/>
      <c r="Z4049" s="143"/>
      <c r="AA4049" s="137"/>
      <c r="AB4049" s="137"/>
      <c r="AC4049" s="137"/>
      <c r="AD4049" s="137"/>
      <c r="AE4049" s="137"/>
      <c r="AF4049" s="137"/>
      <c r="AG4049" s="137"/>
      <c r="AH4049" s="137"/>
      <c r="AI4049" s="137"/>
      <c r="AJ4049" s="137"/>
      <c r="AK4049" s="137"/>
      <c r="AL4049" s="137"/>
      <c r="AM4049" s="137"/>
      <c r="AN4049" s="137"/>
      <c r="AO4049" s="137"/>
      <c r="AP4049" s="137"/>
      <c r="AQ4049" s="137"/>
      <c r="AR4049" s="137"/>
      <c r="AS4049" s="137"/>
      <c r="AT4049" s="137"/>
      <c r="AU4049" s="137"/>
      <c r="AV4049" s="137"/>
      <c r="AW4049" s="144"/>
    </row>
    <row r="4050" spans="7:49" x14ac:dyDescent="0.2">
      <c r="G4050" s="43"/>
      <c r="Z4050" s="143"/>
      <c r="AA4050" s="137"/>
      <c r="AB4050" s="137"/>
      <c r="AC4050" s="137"/>
      <c r="AD4050" s="137"/>
      <c r="AE4050" s="137"/>
      <c r="AF4050" s="137"/>
      <c r="AG4050" s="137"/>
      <c r="AH4050" s="137"/>
      <c r="AI4050" s="137"/>
      <c r="AJ4050" s="137"/>
      <c r="AK4050" s="137"/>
      <c r="AL4050" s="137"/>
      <c r="AM4050" s="137"/>
      <c r="AN4050" s="137"/>
      <c r="AO4050" s="137"/>
      <c r="AP4050" s="137"/>
      <c r="AQ4050" s="137"/>
      <c r="AR4050" s="137"/>
      <c r="AS4050" s="137"/>
      <c r="AT4050" s="137"/>
      <c r="AU4050" s="137"/>
      <c r="AV4050" s="137"/>
      <c r="AW4050" s="144"/>
    </row>
    <row r="4051" spans="7:49" x14ac:dyDescent="0.2">
      <c r="G4051" s="43"/>
      <c r="Z4051" s="143"/>
      <c r="AA4051" s="137"/>
      <c r="AB4051" s="137"/>
      <c r="AC4051" s="137"/>
      <c r="AD4051" s="137"/>
      <c r="AE4051" s="137"/>
      <c r="AF4051" s="137"/>
      <c r="AG4051" s="137"/>
      <c r="AH4051" s="137"/>
      <c r="AI4051" s="137"/>
      <c r="AJ4051" s="137"/>
      <c r="AK4051" s="137"/>
      <c r="AL4051" s="137"/>
      <c r="AM4051" s="137"/>
      <c r="AN4051" s="137"/>
      <c r="AO4051" s="137"/>
      <c r="AP4051" s="137"/>
      <c r="AQ4051" s="137"/>
      <c r="AR4051" s="137"/>
      <c r="AS4051" s="137"/>
      <c r="AT4051" s="137"/>
      <c r="AU4051" s="137"/>
      <c r="AV4051" s="137"/>
      <c r="AW4051" s="144"/>
    </row>
    <row r="4052" spans="7:49" x14ac:dyDescent="0.2">
      <c r="G4052" s="43"/>
      <c r="Z4052" s="143"/>
      <c r="AA4052" s="137"/>
      <c r="AB4052" s="137"/>
      <c r="AC4052" s="137"/>
      <c r="AD4052" s="137"/>
      <c r="AE4052" s="137"/>
      <c r="AF4052" s="137"/>
      <c r="AG4052" s="137"/>
      <c r="AH4052" s="137"/>
      <c r="AI4052" s="137"/>
      <c r="AJ4052" s="137"/>
      <c r="AK4052" s="137"/>
      <c r="AL4052" s="137"/>
      <c r="AM4052" s="137"/>
      <c r="AN4052" s="137"/>
      <c r="AO4052" s="137"/>
      <c r="AP4052" s="137"/>
      <c r="AQ4052" s="137"/>
      <c r="AR4052" s="137"/>
      <c r="AS4052" s="137"/>
      <c r="AT4052" s="137"/>
      <c r="AU4052" s="137"/>
      <c r="AV4052" s="137"/>
      <c r="AW4052" s="144"/>
    </row>
    <row r="4053" spans="7:49" x14ac:dyDescent="0.2">
      <c r="G4053" s="43"/>
      <c r="Z4053" s="143"/>
      <c r="AA4053" s="137"/>
      <c r="AB4053" s="137"/>
      <c r="AC4053" s="137"/>
      <c r="AD4053" s="137"/>
      <c r="AE4053" s="137"/>
      <c r="AF4053" s="137"/>
      <c r="AG4053" s="137"/>
      <c r="AH4053" s="137"/>
      <c r="AI4053" s="137"/>
      <c r="AJ4053" s="137"/>
      <c r="AK4053" s="137"/>
      <c r="AL4053" s="137"/>
      <c r="AM4053" s="137"/>
      <c r="AN4053" s="137"/>
      <c r="AO4053" s="137"/>
      <c r="AP4053" s="137"/>
      <c r="AQ4053" s="137"/>
      <c r="AR4053" s="137"/>
      <c r="AS4053" s="137"/>
      <c r="AT4053" s="137"/>
      <c r="AU4053" s="137"/>
      <c r="AV4053" s="137"/>
      <c r="AW4053" s="144"/>
    </row>
    <row r="4054" spans="7:49" x14ac:dyDescent="0.2">
      <c r="G4054" s="43"/>
      <c r="Z4054" s="143"/>
      <c r="AA4054" s="137"/>
      <c r="AB4054" s="137"/>
      <c r="AC4054" s="137"/>
      <c r="AD4054" s="137"/>
      <c r="AE4054" s="137"/>
      <c r="AF4054" s="137"/>
      <c r="AG4054" s="137"/>
      <c r="AH4054" s="137"/>
      <c r="AI4054" s="137"/>
      <c r="AJ4054" s="137"/>
      <c r="AK4054" s="137"/>
      <c r="AL4054" s="137"/>
      <c r="AM4054" s="137"/>
      <c r="AN4054" s="137"/>
      <c r="AO4054" s="137"/>
      <c r="AP4054" s="137"/>
      <c r="AQ4054" s="137"/>
      <c r="AR4054" s="137"/>
      <c r="AS4054" s="137"/>
      <c r="AT4054" s="137"/>
      <c r="AU4054" s="137"/>
      <c r="AV4054" s="137"/>
      <c r="AW4054" s="144"/>
    </row>
    <row r="4055" spans="7:49" x14ac:dyDescent="0.2">
      <c r="G4055" s="43"/>
      <c r="Z4055" s="143"/>
      <c r="AA4055" s="137"/>
      <c r="AB4055" s="137"/>
      <c r="AC4055" s="137"/>
      <c r="AD4055" s="137"/>
      <c r="AE4055" s="137"/>
      <c r="AF4055" s="137"/>
      <c r="AG4055" s="137"/>
      <c r="AH4055" s="137"/>
      <c r="AI4055" s="137"/>
      <c r="AJ4055" s="137"/>
      <c r="AK4055" s="137"/>
      <c r="AL4055" s="137"/>
      <c r="AM4055" s="137"/>
      <c r="AN4055" s="137"/>
      <c r="AO4055" s="137"/>
      <c r="AP4055" s="137"/>
      <c r="AQ4055" s="137"/>
      <c r="AR4055" s="137"/>
      <c r="AS4055" s="137"/>
      <c r="AT4055" s="137"/>
      <c r="AU4055" s="137"/>
      <c r="AV4055" s="137"/>
      <c r="AW4055" s="144"/>
    </row>
    <row r="4056" spans="7:49" x14ac:dyDescent="0.2">
      <c r="G4056" s="43"/>
      <c r="Z4056" s="143"/>
      <c r="AA4056" s="137"/>
      <c r="AB4056" s="137"/>
      <c r="AC4056" s="137"/>
      <c r="AD4056" s="137"/>
      <c r="AE4056" s="137"/>
      <c r="AF4056" s="137"/>
      <c r="AG4056" s="137"/>
      <c r="AH4056" s="137"/>
      <c r="AI4056" s="137"/>
      <c r="AJ4056" s="137"/>
      <c r="AK4056" s="137"/>
      <c r="AL4056" s="137"/>
      <c r="AM4056" s="137"/>
      <c r="AN4056" s="137"/>
      <c r="AO4056" s="137"/>
      <c r="AP4056" s="137"/>
      <c r="AQ4056" s="137"/>
      <c r="AR4056" s="137"/>
      <c r="AS4056" s="137"/>
      <c r="AT4056" s="137"/>
      <c r="AU4056" s="137"/>
      <c r="AV4056" s="137"/>
      <c r="AW4056" s="144"/>
    </row>
    <row r="4057" spans="7:49" x14ac:dyDescent="0.2">
      <c r="G4057" s="43"/>
      <c r="Z4057" s="143"/>
      <c r="AA4057" s="137"/>
      <c r="AB4057" s="137"/>
      <c r="AC4057" s="137"/>
      <c r="AD4057" s="137"/>
      <c r="AE4057" s="137"/>
      <c r="AF4057" s="137"/>
      <c r="AG4057" s="137"/>
      <c r="AH4057" s="137"/>
      <c r="AI4057" s="137"/>
      <c r="AJ4057" s="137"/>
      <c r="AK4057" s="137"/>
      <c r="AL4057" s="137"/>
      <c r="AM4057" s="137"/>
      <c r="AN4057" s="137"/>
      <c r="AO4057" s="137"/>
      <c r="AP4057" s="137"/>
      <c r="AQ4057" s="137"/>
      <c r="AR4057" s="137"/>
      <c r="AS4057" s="137"/>
      <c r="AT4057" s="137"/>
      <c r="AU4057" s="137"/>
      <c r="AV4057" s="137"/>
      <c r="AW4057" s="144"/>
    </row>
    <row r="4058" spans="7:49" x14ac:dyDescent="0.2">
      <c r="G4058" s="43"/>
      <c r="Z4058" s="143"/>
      <c r="AA4058" s="137"/>
      <c r="AB4058" s="137"/>
      <c r="AC4058" s="137"/>
      <c r="AD4058" s="137"/>
      <c r="AE4058" s="137"/>
      <c r="AF4058" s="137"/>
      <c r="AG4058" s="137"/>
      <c r="AH4058" s="137"/>
      <c r="AI4058" s="137"/>
      <c r="AJ4058" s="137"/>
      <c r="AK4058" s="137"/>
      <c r="AL4058" s="137"/>
      <c r="AM4058" s="137"/>
      <c r="AN4058" s="137"/>
      <c r="AO4058" s="137"/>
      <c r="AP4058" s="137"/>
      <c r="AQ4058" s="137"/>
      <c r="AR4058" s="137"/>
      <c r="AS4058" s="137"/>
      <c r="AT4058" s="137"/>
      <c r="AU4058" s="137"/>
      <c r="AV4058" s="137"/>
      <c r="AW4058" s="144"/>
    </row>
    <row r="4059" spans="7:49" x14ac:dyDescent="0.2">
      <c r="G4059" s="43"/>
      <c r="Z4059" s="143"/>
      <c r="AA4059" s="137"/>
      <c r="AB4059" s="137"/>
      <c r="AC4059" s="137"/>
      <c r="AD4059" s="137"/>
      <c r="AE4059" s="137"/>
      <c r="AF4059" s="137"/>
      <c r="AG4059" s="137"/>
      <c r="AH4059" s="137"/>
      <c r="AI4059" s="137"/>
      <c r="AJ4059" s="137"/>
      <c r="AK4059" s="137"/>
      <c r="AL4059" s="137"/>
      <c r="AM4059" s="137"/>
      <c r="AN4059" s="137"/>
      <c r="AO4059" s="137"/>
      <c r="AP4059" s="137"/>
      <c r="AQ4059" s="137"/>
      <c r="AR4059" s="137"/>
      <c r="AS4059" s="137"/>
      <c r="AT4059" s="137"/>
      <c r="AU4059" s="137"/>
      <c r="AV4059" s="137"/>
      <c r="AW4059" s="144"/>
    </row>
    <row r="4060" spans="7:49" x14ac:dyDescent="0.2">
      <c r="G4060" s="43"/>
      <c r="Z4060" s="143"/>
      <c r="AA4060" s="137"/>
      <c r="AB4060" s="137"/>
      <c r="AC4060" s="137"/>
      <c r="AD4060" s="137"/>
      <c r="AE4060" s="137"/>
      <c r="AF4060" s="137"/>
      <c r="AG4060" s="137"/>
      <c r="AH4060" s="137"/>
      <c r="AI4060" s="137"/>
      <c r="AJ4060" s="137"/>
      <c r="AK4060" s="137"/>
      <c r="AL4060" s="137"/>
      <c r="AM4060" s="137"/>
      <c r="AN4060" s="137"/>
      <c r="AO4060" s="137"/>
      <c r="AP4060" s="137"/>
      <c r="AQ4060" s="137"/>
      <c r="AR4060" s="137"/>
      <c r="AS4060" s="137"/>
      <c r="AT4060" s="137"/>
      <c r="AU4060" s="137"/>
      <c r="AV4060" s="137"/>
      <c r="AW4060" s="144"/>
    </row>
    <row r="4061" spans="7:49" x14ac:dyDescent="0.2">
      <c r="G4061" s="43"/>
      <c r="Z4061" s="143"/>
      <c r="AA4061" s="137"/>
      <c r="AB4061" s="137"/>
      <c r="AC4061" s="137"/>
      <c r="AD4061" s="137"/>
      <c r="AE4061" s="137"/>
      <c r="AF4061" s="137"/>
      <c r="AG4061" s="137"/>
      <c r="AH4061" s="137"/>
      <c r="AI4061" s="137"/>
      <c r="AJ4061" s="137"/>
      <c r="AK4061" s="137"/>
      <c r="AL4061" s="137"/>
      <c r="AM4061" s="137"/>
      <c r="AN4061" s="137"/>
      <c r="AO4061" s="137"/>
      <c r="AP4061" s="137"/>
      <c r="AQ4061" s="137"/>
      <c r="AR4061" s="137"/>
      <c r="AS4061" s="137"/>
      <c r="AT4061" s="137"/>
      <c r="AU4061" s="137"/>
      <c r="AV4061" s="137"/>
      <c r="AW4061" s="144"/>
    </row>
    <row r="4062" spans="7:49" x14ac:dyDescent="0.2">
      <c r="G4062" s="43"/>
      <c r="Z4062" s="143"/>
      <c r="AA4062" s="137"/>
      <c r="AB4062" s="137"/>
      <c r="AC4062" s="137"/>
      <c r="AD4062" s="137"/>
      <c r="AE4062" s="137"/>
      <c r="AF4062" s="137"/>
      <c r="AG4062" s="137"/>
      <c r="AH4062" s="137"/>
      <c r="AI4062" s="137"/>
      <c r="AJ4062" s="137"/>
      <c r="AK4062" s="137"/>
      <c r="AL4062" s="137"/>
      <c r="AM4062" s="137"/>
      <c r="AN4062" s="137"/>
      <c r="AO4062" s="137"/>
      <c r="AP4062" s="137"/>
      <c r="AQ4062" s="137"/>
      <c r="AR4062" s="137"/>
      <c r="AS4062" s="137"/>
      <c r="AT4062" s="137"/>
      <c r="AU4062" s="137"/>
      <c r="AV4062" s="137"/>
      <c r="AW4062" s="144"/>
    </row>
    <row r="4063" spans="7:49" x14ac:dyDescent="0.2">
      <c r="G4063" s="43"/>
      <c r="Z4063" s="143"/>
      <c r="AA4063" s="137"/>
      <c r="AB4063" s="137"/>
      <c r="AC4063" s="137"/>
      <c r="AD4063" s="137"/>
      <c r="AE4063" s="137"/>
      <c r="AF4063" s="137"/>
      <c r="AG4063" s="137"/>
      <c r="AH4063" s="137"/>
      <c r="AI4063" s="137"/>
      <c r="AJ4063" s="137"/>
      <c r="AK4063" s="137"/>
      <c r="AL4063" s="137"/>
      <c r="AM4063" s="137"/>
      <c r="AN4063" s="137"/>
      <c r="AO4063" s="137"/>
      <c r="AP4063" s="137"/>
      <c r="AQ4063" s="137"/>
      <c r="AR4063" s="137"/>
      <c r="AS4063" s="137"/>
      <c r="AT4063" s="137"/>
      <c r="AU4063" s="137"/>
      <c r="AV4063" s="137"/>
      <c r="AW4063" s="144"/>
    </row>
    <row r="4064" spans="7:49" x14ac:dyDescent="0.2">
      <c r="G4064" s="43"/>
      <c r="Z4064" s="143"/>
      <c r="AA4064" s="137"/>
      <c r="AB4064" s="137"/>
      <c r="AC4064" s="137"/>
      <c r="AD4064" s="137"/>
      <c r="AE4064" s="137"/>
      <c r="AF4064" s="137"/>
      <c r="AG4064" s="137"/>
      <c r="AH4064" s="137"/>
      <c r="AI4064" s="137"/>
      <c r="AJ4064" s="137"/>
      <c r="AK4064" s="137"/>
      <c r="AL4064" s="137"/>
      <c r="AM4064" s="137"/>
      <c r="AN4064" s="137"/>
      <c r="AO4064" s="137"/>
      <c r="AP4064" s="137"/>
      <c r="AQ4064" s="137"/>
      <c r="AR4064" s="137"/>
      <c r="AS4064" s="137"/>
      <c r="AT4064" s="137"/>
      <c r="AU4064" s="137"/>
      <c r="AV4064" s="137"/>
      <c r="AW4064" s="144"/>
    </row>
    <row r="4065" spans="7:49" x14ac:dyDescent="0.2">
      <c r="G4065" s="43"/>
      <c r="Z4065" s="143"/>
      <c r="AA4065" s="137"/>
      <c r="AB4065" s="137"/>
      <c r="AC4065" s="137"/>
      <c r="AD4065" s="137"/>
      <c r="AE4065" s="137"/>
      <c r="AF4065" s="137"/>
      <c r="AG4065" s="137"/>
      <c r="AH4065" s="137"/>
      <c r="AI4065" s="137"/>
      <c r="AJ4065" s="137"/>
      <c r="AK4065" s="137"/>
      <c r="AL4065" s="137"/>
      <c r="AM4065" s="137"/>
      <c r="AN4065" s="137"/>
      <c r="AO4065" s="137"/>
      <c r="AP4065" s="137"/>
      <c r="AQ4065" s="137"/>
      <c r="AR4065" s="137"/>
      <c r="AS4065" s="137"/>
      <c r="AT4065" s="137"/>
      <c r="AU4065" s="137"/>
      <c r="AV4065" s="137"/>
      <c r="AW4065" s="144"/>
    </row>
    <row r="4066" spans="7:49" x14ac:dyDescent="0.2">
      <c r="G4066" s="43"/>
      <c r="Z4066" s="143"/>
      <c r="AA4066" s="137"/>
      <c r="AB4066" s="137"/>
      <c r="AC4066" s="137"/>
      <c r="AD4066" s="137"/>
      <c r="AE4066" s="137"/>
      <c r="AF4066" s="137"/>
      <c r="AG4066" s="137"/>
      <c r="AH4066" s="137"/>
      <c r="AI4066" s="137"/>
      <c r="AJ4066" s="137"/>
      <c r="AK4066" s="137"/>
      <c r="AL4066" s="137"/>
      <c r="AM4066" s="137"/>
      <c r="AN4066" s="137"/>
      <c r="AO4066" s="137"/>
      <c r="AP4066" s="137"/>
      <c r="AQ4066" s="137"/>
      <c r="AR4066" s="137"/>
      <c r="AS4066" s="137"/>
      <c r="AT4066" s="137"/>
      <c r="AU4066" s="137"/>
      <c r="AV4066" s="137"/>
      <c r="AW4066" s="144"/>
    </row>
    <row r="4067" spans="7:49" x14ac:dyDescent="0.2">
      <c r="G4067" s="43"/>
      <c r="Z4067" s="143"/>
      <c r="AA4067" s="137"/>
      <c r="AB4067" s="137"/>
      <c r="AC4067" s="137"/>
      <c r="AD4067" s="137"/>
      <c r="AE4067" s="137"/>
      <c r="AF4067" s="137"/>
      <c r="AG4067" s="137"/>
      <c r="AH4067" s="137"/>
      <c r="AI4067" s="137"/>
      <c r="AJ4067" s="137"/>
      <c r="AK4067" s="137"/>
      <c r="AL4067" s="137"/>
      <c r="AM4067" s="137"/>
      <c r="AN4067" s="137"/>
      <c r="AO4067" s="137"/>
      <c r="AP4067" s="137"/>
      <c r="AQ4067" s="137"/>
      <c r="AR4067" s="137"/>
      <c r="AS4067" s="137"/>
      <c r="AT4067" s="137"/>
      <c r="AU4067" s="137"/>
      <c r="AV4067" s="137"/>
      <c r="AW4067" s="144"/>
    </row>
    <row r="4068" spans="7:49" x14ac:dyDescent="0.2">
      <c r="G4068" s="43"/>
      <c r="Z4068" s="143"/>
      <c r="AA4068" s="137"/>
      <c r="AB4068" s="137"/>
      <c r="AC4068" s="137"/>
      <c r="AD4068" s="137"/>
      <c r="AE4068" s="137"/>
      <c r="AF4068" s="137"/>
      <c r="AG4068" s="137"/>
      <c r="AH4068" s="137"/>
      <c r="AI4068" s="137"/>
      <c r="AJ4068" s="137"/>
      <c r="AK4068" s="137"/>
      <c r="AL4068" s="137"/>
      <c r="AM4068" s="137"/>
      <c r="AN4068" s="137"/>
      <c r="AO4068" s="137"/>
      <c r="AP4068" s="137"/>
      <c r="AQ4068" s="137"/>
      <c r="AR4068" s="137"/>
      <c r="AS4068" s="137"/>
      <c r="AT4068" s="137"/>
      <c r="AU4068" s="137"/>
      <c r="AV4068" s="137"/>
      <c r="AW4068" s="144"/>
    </row>
    <row r="4069" spans="7:49" x14ac:dyDescent="0.2">
      <c r="G4069" s="43"/>
      <c r="Z4069" s="143"/>
      <c r="AA4069" s="137"/>
      <c r="AB4069" s="137"/>
      <c r="AC4069" s="137"/>
      <c r="AD4069" s="137"/>
      <c r="AE4069" s="137"/>
      <c r="AF4069" s="137"/>
      <c r="AG4069" s="137"/>
      <c r="AH4069" s="137"/>
      <c r="AI4069" s="137"/>
      <c r="AJ4069" s="137"/>
      <c r="AK4069" s="137"/>
      <c r="AL4069" s="137"/>
      <c r="AM4069" s="137"/>
      <c r="AN4069" s="137"/>
      <c r="AO4069" s="137"/>
      <c r="AP4069" s="137"/>
      <c r="AQ4069" s="137"/>
      <c r="AR4069" s="137"/>
      <c r="AS4069" s="137"/>
      <c r="AT4069" s="137"/>
      <c r="AU4069" s="137"/>
      <c r="AV4069" s="137"/>
      <c r="AW4069" s="144"/>
    </row>
    <row r="4070" spans="7:49" x14ac:dyDescent="0.2">
      <c r="G4070" s="43"/>
      <c r="Z4070" s="143"/>
      <c r="AA4070" s="137"/>
      <c r="AB4070" s="137"/>
      <c r="AC4070" s="137"/>
      <c r="AD4070" s="137"/>
      <c r="AE4070" s="137"/>
      <c r="AF4070" s="137"/>
      <c r="AG4070" s="137"/>
      <c r="AH4070" s="137"/>
      <c r="AI4070" s="137"/>
      <c r="AJ4070" s="137"/>
      <c r="AK4070" s="137"/>
      <c r="AL4070" s="137"/>
      <c r="AM4070" s="137"/>
      <c r="AN4070" s="137"/>
      <c r="AO4070" s="137"/>
      <c r="AP4070" s="137"/>
      <c r="AQ4070" s="137"/>
      <c r="AR4070" s="137"/>
      <c r="AS4070" s="137"/>
      <c r="AT4070" s="137"/>
      <c r="AU4070" s="137"/>
      <c r="AV4070" s="137"/>
      <c r="AW4070" s="144"/>
    </row>
    <row r="4071" spans="7:49" x14ac:dyDescent="0.2">
      <c r="G4071" s="43"/>
      <c r="Z4071" s="143"/>
      <c r="AA4071" s="137"/>
      <c r="AB4071" s="137"/>
      <c r="AC4071" s="137"/>
      <c r="AD4071" s="137"/>
      <c r="AE4071" s="137"/>
      <c r="AF4071" s="137"/>
      <c r="AG4071" s="137"/>
      <c r="AH4071" s="137"/>
      <c r="AI4071" s="137"/>
      <c r="AJ4071" s="137"/>
      <c r="AK4071" s="137"/>
      <c r="AL4071" s="137"/>
      <c r="AM4071" s="137"/>
      <c r="AN4071" s="137"/>
      <c r="AO4071" s="137"/>
      <c r="AP4071" s="137"/>
      <c r="AQ4071" s="137"/>
      <c r="AR4071" s="137"/>
      <c r="AS4071" s="137"/>
      <c r="AT4071" s="137"/>
      <c r="AU4071" s="137"/>
      <c r="AV4071" s="137"/>
      <c r="AW4071" s="144"/>
    </row>
    <row r="4072" spans="7:49" x14ac:dyDescent="0.2">
      <c r="G4072" s="43"/>
      <c r="Z4072" s="143"/>
      <c r="AA4072" s="137"/>
      <c r="AB4072" s="137"/>
      <c r="AC4072" s="137"/>
      <c r="AD4072" s="137"/>
      <c r="AE4072" s="137"/>
      <c r="AF4072" s="137"/>
      <c r="AG4072" s="137"/>
      <c r="AH4072" s="137"/>
      <c r="AI4072" s="137"/>
      <c r="AJ4072" s="137"/>
      <c r="AK4072" s="137"/>
      <c r="AL4072" s="137"/>
      <c r="AM4072" s="137"/>
      <c r="AN4072" s="137"/>
      <c r="AO4072" s="137"/>
      <c r="AP4072" s="137"/>
      <c r="AQ4072" s="137"/>
      <c r="AR4072" s="137"/>
      <c r="AS4072" s="137"/>
      <c r="AT4072" s="137"/>
      <c r="AU4072" s="137"/>
      <c r="AV4072" s="137"/>
      <c r="AW4072" s="144"/>
    </row>
    <row r="4073" spans="7:49" x14ac:dyDescent="0.2">
      <c r="G4073" s="43"/>
      <c r="Z4073" s="143"/>
      <c r="AA4073" s="137"/>
      <c r="AB4073" s="137"/>
      <c r="AC4073" s="137"/>
      <c r="AD4073" s="137"/>
      <c r="AE4073" s="137"/>
      <c r="AF4073" s="137"/>
      <c r="AG4073" s="137"/>
      <c r="AH4073" s="137"/>
      <c r="AI4073" s="137"/>
      <c r="AJ4073" s="137"/>
      <c r="AK4073" s="137"/>
      <c r="AL4073" s="137"/>
      <c r="AM4073" s="137"/>
      <c r="AN4073" s="137"/>
      <c r="AO4073" s="137"/>
      <c r="AP4073" s="137"/>
      <c r="AQ4073" s="137"/>
      <c r="AR4073" s="137"/>
      <c r="AS4073" s="137"/>
      <c r="AT4073" s="137"/>
      <c r="AU4073" s="137"/>
      <c r="AV4073" s="137"/>
      <c r="AW4073" s="144"/>
    </row>
    <row r="4074" spans="7:49" x14ac:dyDescent="0.2">
      <c r="G4074" s="43"/>
      <c r="Z4074" s="143"/>
      <c r="AA4074" s="137"/>
      <c r="AB4074" s="137"/>
      <c r="AC4074" s="137"/>
      <c r="AD4074" s="137"/>
      <c r="AE4074" s="137"/>
      <c r="AF4074" s="137"/>
      <c r="AG4074" s="137"/>
      <c r="AH4074" s="137"/>
      <c r="AI4074" s="137"/>
      <c r="AJ4074" s="137"/>
      <c r="AK4074" s="137"/>
      <c r="AL4074" s="137"/>
      <c r="AM4074" s="137"/>
      <c r="AN4074" s="137"/>
      <c r="AO4074" s="137"/>
      <c r="AP4074" s="137"/>
      <c r="AQ4074" s="137"/>
      <c r="AR4074" s="137"/>
      <c r="AS4074" s="137"/>
      <c r="AT4074" s="137"/>
      <c r="AU4074" s="137"/>
      <c r="AV4074" s="137"/>
      <c r="AW4074" s="144"/>
    </row>
    <row r="4075" spans="7:49" x14ac:dyDescent="0.2">
      <c r="G4075" s="43"/>
      <c r="Z4075" s="143"/>
      <c r="AA4075" s="137"/>
      <c r="AB4075" s="137"/>
      <c r="AC4075" s="137"/>
      <c r="AD4075" s="137"/>
      <c r="AE4075" s="137"/>
      <c r="AF4075" s="137"/>
      <c r="AG4075" s="137"/>
      <c r="AH4075" s="137"/>
      <c r="AI4075" s="137"/>
      <c r="AJ4075" s="137"/>
      <c r="AK4075" s="137"/>
      <c r="AL4075" s="137"/>
      <c r="AM4075" s="137"/>
      <c r="AN4075" s="137"/>
      <c r="AO4075" s="137"/>
      <c r="AP4075" s="137"/>
      <c r="AQ4075" s="137"/>
      <c r="AR4075" s="137"/>
      <c r="AS4075" s="137"/>
      <c r="AT4075" s="137"/>
      <c r="AU4075" s="137"/>
      <c r="AV4075" s="137"/>
      <c r="AW4075" s="144"/>
    </row>
    <row r="4076" spans="7:49" x14ac:dyDescent="0.2">
      <c r="G4076" s="43"/>
      <c r="Z4076" s="143"/>
      <c r="AA4076" s="137"/>
      <c r="AB4076" s="137"/>
      <c r="AC4076" s="137"/>
      <c r="AD4076" s="137"/>
      <c r="AE4076" s="137"/>
      <c r="AF4076" s="137"/>
      <c r="AG4076" s="137"/>
      <c r="AH4076" s="137"/>
      <c r="AI4076" s="137"/>
      <c r="AJ4076" s="137"/>
      <c r="AK4076" s="137"/>
      <c r="AL4076" s="137"/>
      <c r="AM4076" s="137"/>
      <c r="AN4076" s="137"/>
      <c r="AO4076" s="137"/>
      <c r="AP4076" s="137"/>
      <c r="AQ4076" s="137"/>
      <c r="AR4076" s="137"/>
      <c r="AS4076" s="137"/>
      <c r="AT4076" s="137"/>
      <c r="AU4076" s="137"/>
      <c r="AV4076" s="137"/>
      <c r="AW4076" s="144"/>
    </row>
    <row r="4077" spans="7:49" x14ac:dyDescent="0.2">
      <c r="G4077" s="43"/>
      <c r="Z4077" s="143"/>
      <c r="AA4077" s="137"/>
      <c r="AB4077" s="137"/>
      <c r="AC4077" s="137"/>
      <c r="AD4077" s="137"/>
      <c r="AE4077" s="137"/>
      <c r="AF4077" s="137"/>
      <c r="AG4077" s="137"/>
      <c r="AH4077" s="137"/>
      <c r="AI4077" s="137"/>
      <c r="AJ4077" s="137"/>
      <c r="AK4077" s="137"/>
      <c r="AL4077" s="137"/>
      <c r="AM4077" s="137"/>
      <c r="AN4077" s="137"/>
      <c r="AO4077" s="137"/>
      <c r="AP4077" s="137"/>
      <c r="AQ4077" s="137"/>
      <c r="AR4077" s="137"/>
      <c r="AS4077" s="137"/>
      <c r="AT4077" s="137"/>
      <c r="AU4077" s="137"/>
      <c r="AV4077" s="137"/>
      <c r="AW4077" s="144"/>
    </row>
    <row r="4078" spans="7:49" x14ac:dyDescent="0.2">
      <c r="G4078" s="43"/>
      <c r="Z4078" s="143"/>
      <c r="AA4078" s="137"/>
      <c r="AB4078" s="137"/>
      <c r="AC4078" s="137"/>
      <c r="AD4078" s="137"/>
      <c r="AE4078" s="137"/>
      <c r="AF4078" s="137"/>
      <c r="AG4078" s="137"/>
      <c r="AH4078" s="137"/>
      <c r="AI4078" s="137"/>
      <c r="AJ4078" s="137"/>
      <c r="AK4078" s="137"/>
      <c r="AL4078" s="137"/>
      <c r="AM4078" s="137"/>
      <c r="AN4078" s="137"/>
      <c r="AO4078" s="137"/>
      <c r="AP4078" s="137"/>
      <c r="AQ4078" s="137"/>
      <c r="AR4078" s="137"/>
      <c r="AS4078" s="137"/>
      <c r="AT4078" s="137"/>
      <c r="AU4078" s="137"/>
      <c r="AV4078" s="137"/>
      <c r="AW4078" s="144"/>
    </row>
    <row r="4079" spans="7:49" x14ac:dyDescent="0.2">
      <c r="G4079" s="43"/>
      <c r="Z4079" s="143"/>
      <c r="AA4079" s="137"/>
      <c r="AB4079" s="137"/>
      <c r="AC4079" s="137"/>
      <c r="AD4079" s="137"/>
      <c r="AE4079" s="137"/>
      <c r="AF4079" s="137"/>
      <c r="AG4079" s="137"/>
      <c r="AH4079" s="137"/>
      <c r="AI4079" s="137"/>
      <c r="AJ4079" s="137"/>
      <c r="AK4079" s="137"/>
      <c r="AL4079" s="137"/>
      <c r="AM4079" s="137"/>
      <c r="AN4079" s="137"/>
      <c r="AO4079" s="137"/>
      <c r="AP4079" s="137"/>
      <c r="AQ4079" s="137"/>
      <c r="AR4079" s="137"/>
      <c r="AS4079" s="137"/>
      <c r="AT4079" s="137"/>
      <c r="AU4079" s="137"/>
      <c r="AV4079" s="137"/>
      <c r="AW4079" s="144"/>
    </row>
    <row r="4080" spans="7:49" x14ac:dyDescent="0.2">
      <c r="G4080" s="43"/>
      <c r="Z4080" s="143"/>
      <c r="AA4080" s="137"/>
      <c r="AB4080" s="137"/>
      <c r="AC4080" s="137"/>
      <c r="AD4080" s="137"/>
      <c r="AE4080" s="137"/>
      <c r="AF4080" s="137"/>
      <c r="AG4080" s="137"/>
      <c r="AH4080" s="137"/>
      <c r="AI4080" s="137"/>
      <c r="AJ4080" s="137"/>
      <c r="AK4080" s="137"/>
      <c r="AL4080" s="137"/>
      <c r="AM4080" s="137"/>
      <c r="AN4080" s="137"/>
      <c r="AO4080" s="137"/>
      <c r="AP4080" s="137"/>
      <c r="AQ4080" s="137"/>
      <c r="AR4080" s="137"/>
      <c r="AS4080" s="137"/>
      <c r="AT4080" s="137"/>
      <c r="AU4080" s="137"/>
      <c r="AV4080" s="137"/>
      <c r="AW4080" s="144"/>
    </row>
    <row r="4081" spans="7:49" x14ac:dyDescent="0.2">
      <c r="G4081" s="43"/>
      <c r="Z4081" s="143"/>
      <c r="AA4081" s="137"/>
      <c r="AB4081" s="137"/>
      <c r="AC4081" s="137"/>
      <c r="AD4081" s="137"/>
      <c r="AE4081" s="137"/>
      <c r="AF4081" s="137"/>
      <c r="AG4081" s="137"/>
      <c r="AH4081" s="137"/>
      <c r="AI4081" s="137"/>
      <c r="AJ4081" s="137"/>
      <c r="AK4081" s="137"/>
      <c r="AL4081" s="137"/>
      <c r="AM4081" s="137"/>
      <c r="AN4081" s="137"/>
      <c r="AO4081" s="137"/>
      <c r="AP4081" s="137"/>
      <c r="AQ4081" s="137"/>
      <c r="AR4081" s="137"/>
      <c r="AS4081" s="137"/>
      <c r="AT4081" s="137"/>
      <c r="AU4081" s="137"/>
      <c r="AV4081" s="137"/>
      <c r="AW4081" s="144"/>
    </row>
    <row r="4082" spans="7:49" x14ac:dyDescent="0.2">
      <c r="G4082" s="43"/>
      <c r="Z4082" s="143"/>
      <c r="AA4082" s="137"/>
      <c r="AB4082" s="137"/>
      <c r="AC4082" s="137"/>
      <c r="AD4082" s="137"/>
      <c r="AE4082" s="137"/>
      <c r="AF4082" s="137"/>
      <c r="AG4082" s="137"/>
      <c r="AH4082" s="137"/>
      <c r="AI4082" s="137"/>
      <c r="AJ4082" s="137"/>
      <c r="AK4082" s="137"/>
      <c r="AL4082" s="137"/>
      <c r="AM4082" s="137"/>
      <c r="AN4082" s="137"/>
      <c r="AO4082" s="137"/>
      <c r="AP4082" s="137"/>
      <c r="AQ4082" s="137"/>
      <c r="AR4082" s="137"/>
      <c r="AS4082" s="137"/>
      <c r="AT4082" s="137"/>
      <c r="AU4082" s="137"/>
      <c r="AV4082" s="137"/>
      <c r="AW4082" s="144"/>
    </row>
    <row r="4083" spans="7:49" x14ac:dyDescent="0.2">
      <c r="G4083" s="43"/>
      <c r="Z4083" s="143"/>
      <c r="AA4083" s="137"/>
      <c r="AB4083" s="137"/>
      <c r="AC4083" s="137"/>
      <c r="AD4083" s="137"/>
      <c r="AE4083" s="137"/>
      <c r="AF4083" s="137"/>
      <c r="AG4083" s="137"/>
      <c r="AH4083" s="137"/>
      <c r="AI4083" s="137"/>
      <c r="AJ4083" s="137"/>
      <c r="AK4083" s="137"/>
      <c r="AL4083" s="137"/>
      <c r="AM4083" s="137"/>
      <c r="AN4083" s="137"/>
      <c r="AO4083" s="137"/>
      <c r="AP4083" s="137"/>
      <c r="AQ4083" s="137"/>
      <c r="AR4083" s="137"/>
      <c r="AS4083" s="137"/>
      <c r="AT4083" s="137"/>
      <c r="AU4083" s="137"/>
      <c r="AV4083" s="137"/>
      <c r="AW4083" s="144"/>
    </row>
    <row r="4084" spans="7:49" x14ac:dyDescent="0.2">
      <c r="G4084" s="43"/>
      <c r="Z4084" s="143"/>
      <c r="AA4084" s="137"/>
      <c r="AB4084" s="137"/>
      <c r="AC4084" s="137"/>
      <c r="AD4084" s="137"/>
      <c r="AE4084" s="137"/>
      <c r="AF4084" s="137"/>
      <c r="AG4084" s="137"/>
      <c r="AH4084" s="137"/>
      <c r="AI4084" s="137"/>
      <c r="AJ4084" s="137"/>
      <c r="AK4084" s="137"/>
      <c r="AL4084" s="137"/>
      <c r="AM4084" s="137"/>
      <c r="AN4084" s="137"/>
      <c r="AO4084" s="137"/>
      <c r="AP4084" s="137"/>
      <c r="AQ4084" s="137"/>
      <c r="AR4084" s="137"/>
      <c r="AS4084" s="137"/>
      <c r="AT4084" s="137"/>
      <c r="AU4084" s="137"/>
      <c r="AV4084" s="137"/>
      <c r="AW4084" s="144"/>
    </row>
    <row r="4085" spans="7:49" x14ac:dyDescent="0.2">
      <c r="G4085" s="43"/>
      <c r="Z4085" s="143"/>
      <c r="AA4085" s="137"/>
      <c r="AB4085" s="137"/>
      <c r="AC4085" s="137"/>
      <c r="AD4085" s="137"/>
      <c r="AE4085" s="137"/>
      <c r="AF4085" s="137"/>
      <c r="AG4085" s="137"/>
      <c r="AH4085" s="137"/>
      <c r="AI4085" s="137"/>
      <c r="AJ4085" s="137"/>
      <c r="AK4085" s="137"/>
      <c r="AL4085" s="137"/>
      <c r="AM4085" s="137"/>
      <c r="AN4085" s="137"/>
      <c r="AO4085" s="137"/>
      <c r="AP4085" s="137"/>
      <c r="AQ4085" s="137"/>
      <c r="AR4085" s="137"/>
      <c r="AS4085" s="137"/>
      <c r="AT4085" s="137"/>
      <c r="AU4085" s="137"/>
      <c r="AV4085" s="137"/>
      <c r="AW4085" s="144"/>
    </row>
    <row r="4086" spans="7:49" x14ac:dyDescent="0.2">
      <c r="G4086" s="43"/>
      <c r="Z4086" s="143"/>
      <c r="AA4086" s="137"/>
      <c r="AB4086" s="137"/>
      <c r="AC4086" s="137"/>
      <c r="AD4086" s="137"/>
      <c r="AE4086" s="137"/>
      <c r="AF4086" s="137"/>
      <c r="AG4086" s="137"/>
      <c r="AH4086" s="137"/>
      <c r="AI4086" s="137"/>
      <c r="AJ4086" s="137"/>
      <c r="AK4086" s="137"/>
      <c r="AL4086" s="137"/>
      <c r="AM4086" s="137"/>
      <c r="AN4086" s="137"/>
      <c r="AO4086" s="137"/>
      <c r="AP4086" s="137"/>
      <c r="AQ4086" s="137"/>
      <c r="AR4086" s="137"/>
      <c r="AS4086" s="137"/>
      <c r="AT4086" s="137"/>
      <c r="AU4086" s="137"/>
      <c r="AV4086" s="137"/>
      <c r="AW4086" s="144"/>
    </row>
    <row r="4087" spans="7:49" x14ac:dyDescent="0.2">
      <c r="G4087" s="43"/>
      <c r="Z4087" s="143"/>
      <c r="AA4087" s="137"/>
      <c r="AB4087" s="137"/>
      <c r="AC4087" s="137"/>
      <c r="AD4087" s="137"/>
      <c r="AE4087" s="137"/>
      <c r="AF4087" s="137"/>
      <c r="AG4087" s="137"/>
      <c r="AH4087" s="137"/>
      <c r="AI4087" s="137"/>
      <c r="AJ4087" s="137"/>
      <c r="AK4087" s="137"/>
      <c r="AL4087" s="137"/>
      <c r="AM4087" s="137"/>
      <c r="AN4087" s="137"/>
      <c r="AO4087" s="137"/>
      <c r="AP4087" s="137"/>
      <c r="AQ4087" s="137"/>
      <c r="AR4087" s="137"/>
      <c r="AS4087" s="137"/>
      <c r="AT4087" s="137"/>
      <c r="AU4087" s="137"/>
      <c r="AV4087" s="137"/>
      <c r="AW4087" s="144"/>
    </row>
    <row r="4088" spans="7:49" x14ac:dyDescent="0.2">
      <c r="G4088" s="43"/>
      <c r="Z4088" s="143"/>
      <c r="AA4088" s="137"/>
      <c r="AB4088" s="137"/>
      <c r="AC4088" s="137"/>
      <c r="AD4088" s="137"/>
      <c r="AE4088" s="137"/>
      <c r="AF4088" s="137"/>
      <c r="AG4088" s="137"/>
      <c r="AH4088" s="137"/>
      <c r="AI4088" s="137"/>
      <c r="AJ4088" s="137"/>
      <c r="AK4088" s="137"/>
      <c r="AL4088" s="137"/>
      <c r="AM4088" s="137"/>
      <c r="AN4088" s="137"/>
      <c r="AO4088" s="137"/>
      <c r="AP4088" s="137"/>
      <c r="AQ4088" s="137"/>
      <c r="AR4088" s="137"/>
      <c r="AS4088" s="137"/>
      <c r="AT4088" s="137"/>
      <c r="AU4088" s="137"/>
      <c r="AV4088" s="137"/>
      <c r="AW4088" s="144"/>
    </row>
    <row r="4089" spans="7:49" x14ac:dyDescent="0.2">
      <c r="G4089" s="43"/>
      <c r="Z4089" s="143"/>
      <c r="AA4089" s="137"/>
      <c r="AB4089" s="137"/>
      <c r="AC4089" s="137"/>
      <c r="AD4089" s="137"/>
      <c r="AE4089" s="137"/>
      <c r="AF4089" s="137"/>
      <c r="AG4089" s="137"/>
      <c r="AH4089" s="137"/>
      <c r="AI4089" s="137"/>
      <c r="AJ4089" s="137"/>
      <c r="AK4089" s="137"/>
      <c r="AL4089" s="137"/>
      <c r="AM4089" s="137"/>
      <c r="AN4089" s="137"/>
      <c r="AO4089" s="137"/>
      <c r="AP4089" s="137"/>
      <c r="AQ4089" s="137"/>
      <c r="AR4089" s="137"/>
      <c r="AS4089" s="137"/>
      <c r="AT4089" s="137"/>
      <c r="AU4089" s="137"/>
      <c r="AV4089" s="137"/>
      <c r="AW4089" s="144"/>
    </row>
    <row r="4090" spans="7:49" x14ac:dyDescent="0.2">
      <c r="G4090" s="43"/>
      <c r="Z4090" s="143"/>
      <c r="AA4090" s="137"/>
      <c r="AB4090" s="137"/>
      <c r="AC4090" s="137"/>
      <c r="AD4090" s="137"/>
      <c r="AE4090" s="137"/>
      <c r="AF4090" s="137"/>
      <c r="AG4090" s="137"/>
      <c r="AH4090" s="137"/>
      <c r="AI4090" s="137"/>
      <c r="AJ4090" s="137"/>
      <c r="AK4090" s="137"/>
      <c r="AL4090" s="137"/>
      <c r="AM4090" s="137"/>
      <c r="AN4090" s="137"/>
      <c r="AO4090" s="137"/>
      <c r="AP4090" s="137"/>
      <c r="AQ4090" s="137"/>
      <c r="AR4090" s="137"/>
      <c r="AS4090" s="137"/>
      <c r="AT4090" s="137"/>
      <c r="AU4090" s="137"/>
      <c r="AV4090" s="137"/>
      <c r="AW4090" s="144"/>
    </row>
    <row r="4091" spans="7:49" x14ac:dyDescent="0.2">
      <c r="G4091" s="43"/>
      <c r="Z4091" s="143"/>
      <c r="AA4091" s="137"/>
      <c r="AB4091" s="137"/>
      <c r="AC4091" s="137"/>
      <c r="AD4091" s="137"/>
      <c r="AE4091" s="137"/>
      <c r="AF4091" s="137"/>
      <c r="AG4091" s="137"/>
      <c r="AH4091" s="137"/>
      <c r="AI4091" s="137"/>
      <c r="AJ4091" s="137"/>
      <c r="AK4091" s="137"/>
      <c r="AL4091" s="137"/>
      <c r="AM4091" s="137"/>
      <c r="AN4091" s="137"/>
      <c r="AO4091" s="137"/>
      <c r="AP4091" s="137"/>
      <c r="AQ4091" s="137"/>
      <c r="AR4091" s="137"/>
      <c r="AS4091" s="137"/>
      <c r="AT4091" s="137"/>
      <c r="AU4091" s="137"/>
      <c r="AV4091" s="137"/>
      <c r="AW4091" s="144"/>
    </row>
    <row r="4092" spans="7:49" x14ac:dyDescent="0.2">
      <c r="G4092" s="43"/>
      <c r="Z4092" s="143"/>
      <c r="AA4092" s="137"/>
      <c r="AB4092" s="137"/>
      <c r="AC4092" s="137"/>
      <c r="AD4092" s="137"/>
      <c r="AE4092" s="137"/>
      <c r="AF4092" s="137"/>
      <c r="AG4092" s="137"/>
      <c r="AH4092" s="137"/>
      <c r="AI4092" s="137"/>
      <c r="AJ4092" s="137"/>
      <c r="AK4092" s="137"/>
      <c r="AL4092" s="137"/>
      <c r="AM4092" s="137"/>
      <c r="AN4092" s="137"/>
      <c r="AO4092" s="137"/>
      <c r="AP4092" s="137"/>
      <c r="AQ4092" s="137"/>
      <c r="AR4092" s="137"/>
      <c r="AS4092" s="137"/>
      <c r="AT4092" s="137"/>
      <c r="AU4092" s="137"/>
      <c r="AV4092" s="137"/>
      <c r="AW4092" s="144"/>
    </row>
    <row r="4093" spans="7:49" x14ac:dyDescent="0.2">
      <c r="G4093" s="43"/>
      <c r="Z4093" s="143"/>
      <c r="AA4093" s="137"/>
      <c r="AB4093" s="137"/>
      <c r="AC4093" s="137"/>
      <c r="AD4093" s="137"/>
      <c r="AE4093" s="137"/>
      <c r="AF4093" s="137"/>
      <c r="AG4093" s="137"/>
      <c r="AH4093" s="137"/>
      <c r="AI4093" s="137"/>
      <c r="AJ4093" s="137"/>
      <c r="AK4093" s="137"/>
      <c r="AL4093" s="137"/>
      <c r="AM4093" s="137"/>
      <c r="AN4093" s="137"/>
      <c r="AO4093" s="137"/>
      <c r="AP4093" s="137"/>
      <c r="AQ4093" s="137"/>
      <c r="AR4093" s="137"/>
      <c r="AS4093" s="137"/>
      <c r="AT4093" s="137"/>
      <c r="AU4093" s="137"/>
      <c r="AV4093" s="137"/>
      <c r="AW4093" s="144"/>
    </row>
    <row r="4094" spans="7:49" x14ac:dyDescent="0.2">
      <c r="G4094" s="43"/>
      <c r="Z4094" s="143"/>
      <c r="AA4094" s="137"/>
      <c r="AB4094" s="137"/>
      <c r="AC4094" s="137"/>
      <c r="AD4094" s="137"/>
      <c r="AE4094" s="137"/>
      <c r="AF4094" s="137"/>
      <c r="AG4094" s="137"/>
      <c r="AH4094" s="137"/>
      <c r="AI4094" s="137"/>
      <c r="AJ4094" s="137"/>
      <c r="AK4094" s="137"/>
      <c r="AL4094" s="137"/>
      <c r="AM4094" s="137"/>
      <c r="AN4094" s="137"/>
      <c r="AO4094" s="137"/>
      <c r="AP4094" s="137"/>
      <c r="AQ4094" s="137"/>
      <c r="AR4094" s="137"/>
      <c r="AS4094" s="137"/>
      <c r="AT4094" s="137"/>
      <c r="AU4094" s="137"/>
      <c r="AV4094" s="137"/>
      <c r="AW4094" s="144"/>
    </row>
    <row r="4095" spans="7:49" x14ac:dyDescent="0.2">
      <c r="G4095" s="43"/>
      <c r="Z4095" s="143"/>
      <c r="AA4095" s="137"/>
      <c r="AB4095" s="137"/>
      <c r="AC4095" s="137"/>
      <c r="AD4095" s="137"/>
      <c r="AE4095" s="137"/>
      <c r="AF4095" s="137"/>
      <c r="AG4095" s="137"/>
      <c r="AH4095" s="137"/>
      <c r="AI4095" s="137"/>
      <c r="AJ4095" s="137"/>
      <c r="AK4095" s="137"/>
      <c r="AL4095" s="137"/>
      <c r="AM4095" s="137"/>
      <c r="AN4095" s="137"/>
      <c r="AO4095" s="137"/>
      <c r="AP4095" s="137"/>
      <c r="AQ4095" s="137"/>
      <c r="AR4095" s="137"/>
      <c r="AS4095" s="137"/>
      <c r="AT4095" s="137"/>
      <c r="AU4095" s="137"/>
      <c r="AV4095" s="137"/>
      <c r="AW4095" s="144"/>
    </row>
    <row r="4096" spans="7:49" x14ac:dyDescent="0.2">
      <c r="G4096" s="43"/>
      <c r="Z4096" s="143"/>
      <c r="AA4096" s="137"/>
      <c r="AB4096" s="137"/>
      <c r="AC4096" s="137"/>
      <c r="AD4096" s="137"/>
      <c r="AE4096" s="137"/>
      <c r="AF4096" s="137"/>
      <c r="AG4096" s="137"/>
      <c r="AH4096" s="137"/>
      <c r="AI4096" s="137"/>
      <c r="AJ4096" s="137"/>
      <c r="AK4096" s="137"/>
      <c r="AL4096" s="137"/>
      <c r="AM4096" s="137"/>
      <c r="AN4096" s="137"/>
      <c r="AO4096" s="137"/>
      <c r="AP4096" s="137"/>
      <c r="AQ4096" s="137"/>
      <c r="AR4096" s="137"/>
      <c r="AS4096" s="137"/>
      <c r="AT4096" s="137"/>
      <c r="AU4096" s="137"/>
      <c r="AV4096" s="137"/>
      <c r="AW4096" s="144"/>
    </row>
    <row r="4097" spans="7:49" x14ac:dyDescent="0.2">
      <c r="G4097" s="43"/>
      <c r="Z4097" s="143"/>
      <c r="AA4097" s="137"/>
      <c r="AB4097" s="137"/>
      <c r="AC4097" s="137"/>
      <c r="AD4097" s="137"/>
      <c r="AE4097" s="137"/>
      <c r="AF4097" s="137"/>
      <c r="AG4097" s="137"/>
      <c r="AH4097" s="137"/>
      <c r="AI4097" s="137"/>
      <c r="AJ4097" s="137"/>
      <c r="AK4097" s="137"/>
      <c r="AL4097" s="137"/>
      <c r="AM4097" s="137"/>
      <c r="AN4097" s="137"/>
      <c r="AO4097" s="137"/>
      <c r="AP4097" s="137"/>
      <c r="AQ4097" s="137"/>
      <c r="AR4097" s="137"/>
      <c r="AS4097" s="137"/>
      <c r="AT4097" s="137"/>
      <c r="AU4097" s="137"/>
      <c r="AV4097" s="137"/>
      <c r="AW4097" s="144"/>
    </row>
    <row r="4098" spans="7:49" x14ac:dyDescent="0.2">
      <c r="G4098" s="43"/>
      <c r="Z4098" s="143"/>
      <c r="AA4098" s="137"/>
      <c r="AB4098" s="137"/>
      <c r="AC4098" s="137"/>
      <c r="AD4098" s="137"/>
      <c r="AE4098" s="137"/>
      <c r="AF4098" s="137"/>
      <c r="AG4098" s="137"/>
      <c r="AH4098" s="137"/>
      <c r="AI4098" s="137"/>
      <c r="AJ4098" s="137"/>
      <c r="AK4098" s="137"/>
      <c r="AL4098" s="137"/>
      <c r="AM4098" s="137"/>
      <c r="AN4098" s="137"/>
      <c r="AO4098" s="137"/>
      <c r="AP4098" s="137"/>
      <c r="AQ4098" s="137"/>
      <c r="AR4098" s="137"/>
      <c r="AS4098" s="137"/>
      <c r="AT4098" s="137"/>
      <c r="AU4098" s="137"/>
      <c r="AV4098" s="137"/>
      <c r="AW4098" s="144"/>
    </row>
    <row r="4099" spans="7:49" x14ac:dyDescent="0.2">
      <c r="G4099" s="43"/>
      <c r="Z4099" s="143"/>
      <c r="AA4099" s="137"/>
      <c r="AB4099" s="137"/>
      <c r="AC4099" s="137"/>
      <c r="AD4099" s="137"/>
      <c r="AE4099" s="137"/>
      <c r="AF4099" s="137"/>
      <c r="AG4099" s="137"/>
      <c r="AH4099" s="137"/>
      <c r="AI4099" s="137"/>
      <c r="AJ4099" s="137"/>
      <c r="AK4099" s="137"/>
      <c r="AL4099" s="137"/>
      <c r="AM4099" s="137"/>
      <c r="AN4099" s="137"/>
      <c r="AO4099" s="137"/>
      <c r="AP4099" s="137"/>
      <c r="AQ4099" s="137"/>
      <c r="AR4099" s="137"/>
      <c r="AS4099" s="137"/>
      <c r="AT4099" s="137"/>
      <c r="AU4099" s="137"/>
      <c r="AV4099" s="137"/>
      <c r="AW4099" s="144"/>
    </row>
    <row r="4100" spans="7:49" x14ac:dyDescent="0.2">
      <c r="G4100" s="43"/>
      <c r="Z4100" s="143"/>
      <c r="AA4100" s="137"/>
      <c r="AB4100" s="137"/>
      <c r="AC4100" s="137"/>
      <c r="AD4100" s="137"/>
      <c r="AE4100" s="137"/>
      <c r="AF4100" s="137"/>
      <c r="AG4100" s="137"/>
      <c r="AH4100" s="137"/>
      <c r="AI4100" s="137"/>
      <c r="AJ4100" s="137"/>
      <c r="AK4100" s="137"/>
      <c r="AL4100" s="137"/>
      <c r="AM4100" s="137"/>
      <c r="AN4100" s="137"/>
      <c r="AO4100" s="137"/>
      <c r="AP4100" s="137"/>
      <c r="AQ4100" s="137"/>
      <c r="AR4100" s="137"/>
      <c r="AS4100" s="137"/>
      <c r="AT4100" s="137"/>
      <c r="AU4100" s="137"/>
      <c r="AV4100" s="137"/>
      <c r="AW4100" s="144"/>
    </row>
    <row r="4101" spans="7:49" x14ac:dyDescent="0.2">
      <c r="G4101" s="43"/>
      <c r="Z4101" s="143"/>
      <c r="AA4101" s="137"/>
      <c r="AB4101" s="137"/>
      <c r="AC4101" s="137"/>
      <c r="AD4101" s="137"/>
      <c r="AE4101" s="137"/>
      <c r="AF4101" s="137"/>
      <c r="AG4101" s="137"/>
      <c r="AH4101" s="137"/>
      <c r="AI4101" s="137"/>
      <c r="AJ4101" s="137"/>
      <c r="AK4101" s="137"/>
      <c r="AL4101" s="137"/>
      <c r="AM4101" s="137"/>
      <c r="AN4101" s="137"/>
      <c r="AO4101" s="137"/>
      <c r="AP4101" s="137"/>
      <c r="AQ4101" s="137"/>
      <c r="AR4101" s="137"/>
      <c r="AS4101" s="137"/>
      <c r="AT4101" s="137"/>
      <c r="AU4101" s="137"/>
      <c r="AV4101" s="137"/>
      <c r="AW4101" s="144"/>
    </row>
    <row r="4102" spans="7:49" x14ac:dyDescent="0.2">
      <c r="G4102" s="43"/>
      <c r="Z4102" s="143"/>
      <c r="AA4102" s="137"/>
      <c r="AB4102" s="137"/>
      <c r="AC4102" s="137"/>
      <c r="AD4102" s="137"/>
      <c r="AE4102" s="137"/>
      <c r="AF4102" s="137"/>
      <c r="AG4102" s="137"/>
      <c r="AH4102" s="137"/>
      <c r="AI4102" s="137"/>
      <c r="AJ4102" s="137"/>
      <c r="AK4102" s="137"/>
      <c r="AL4102" s="137"/>
      <c r="AM4102" s="137"/>
      <c r="AN4102" s="137"/>
      <c r="AO4102" s="137"/>
      <c r="AP4102" s="137"/>
      <c r="AQ4102" s="137"/>
      <c r="AR4102" s="137"/>
      <c r="AS4102" s="137"/>
      <c r="AT4102" s="137"/>
      <c r="AU4102" s="137"/>
      <c r="AV4102" s="137"/>
      <c r="AW4102" s="144"/>
    </row>
    <row r="4103" spans="7:49" x14ac:dyDescent="0.2">
      <c r="G4103" s="43"/>
      <c r="Z4103" s="143"/>
      <c r="AA4103" s="137"/>
      <c r="AB4103" s="137"/>
      <c r="AC4103" s="137"/>
      <c r="AD4103" s="137"/>
      <c r="AE4103" s="137"/>
      <c r="AF4103" s="137"/>
      <c r="AG4103" s="137"/>
      <c r="AH4103" s="137"/>
      <c r="AI4103" s="137"/>
      <c r="AJ4103" s="137"/>
      <c r="AK4103" s="137"/>
      <c r="AL4103" s="137"/>
      <c r="AM4103" s="137"/>
      <c r="AN4103" s="137"/>
      <c r="AO4103" s="137"/>
      <c r="AP4103" s="137"/>
      <c r="AQ4103" s="137"/>
      <c r="AR4103" s="137"/>
      <c r="AS4103" s="137"/>
      <c r="AT4103" s="137"/>
      <c r="AU4103" s="137"/>
      <c r="AV4103" s="137"/>
      <c r="AW4103" s="144"/>
    </row>
    <row r="4104" spans="7:49" x14ac:dyDescent="0.2">
      <c r="G4104" s="43"/>
      <c r="Z4104" s="143"/>
      <c r="AA4104" s="137"/>
      <c r="AB4104" s="137"/>
      <c r="AC4104" s="137"/>
      <c r="AD4104" s="137"/>
      <c r="AE4104" s="137"/>
      <c r="AF4104" s="137"/>
      <c r="AG4104" s="137"/>
      <c r="AH4104" s="137"/>
      <c r="AI4104" s="137"/>
      <c r="AJ4104" s="137"/>
      <c r="AK4104" s="137"/>
      <c r="AL4104" s="137"/>
      <c r="AM4104" s="137"/>
      <c r="AN4104" s="137"/>
      <c r="AO4104" s="137"/>
      <c r="AP4104" s="137"/>
      <c r="AQ4104" s="137"/>
      <c r="AR4104" s="137"/>
      <c r="AS4104" s="137"/>
      <c r="AT4104" s="137"/>
      <c r="AU4104" s="137"/>
      <c r="AV4104" s="137"/>
      <c r="AW4104" s="144"/>
    </row>
    <row r="4105" spans="7:49" x14ac:dyDescent="0.2">
      <c r="G4105" s="43"/>
      <c r="Z4105" s="143"/>
      <c r="AA4105" s="137"/>
      <c r="AB4105" s="137"/>
      <c r="AC4105" s="137"/>
      <c r="AD4105" s="137"/>
      <c r="AE4105" s="137"/>
      <c r="AF4105" s="137"/>
      <c r="AG4105" s="137"/>
      <c r="AH4105" s="137"/>
      <c r="AI4105" s="137"/>
      <c r="AJ4105" s="137"/>
      <c r="AK4105" s="137"/>
      <c r="AL4105" s="137"/>
      <c r="AM4105" s="137"/>
      <c r="AN4105" s="137"/>
      <c r="AO4105" s="137"/>
      <c r="AP4105" s="137"/>
      <c r="AQ4105" s="137"/>
      <c r="AR4105" s="137"/>
      <c r="AS4105" s="137"/>
      <c r="AT4105" s="137"/>
      <c r="AU4105" s="137"/>
      <c r="AV4105" s="137"/>
      <c r="AW4105" s="144"/>
    </row>
    <row r="4106" spans="7:49" x14ac:dyDescent="0.2">
      <c r="G4106" s="43"/>
      <c r="Z4106" s="143"/>
      <c r="AA4106" s="137"/>
      <c r="AB4106" s="137"/>
      <c r="AC4106" s="137"/>
      <c r="AD4106" s="137"/>
      <c r="AE4106" s="137"/>
      <c r="AF4106" s="137"/>
      <c r="AG4106" s="137"/>
      <c r="AH4106" s="137"/>
      <c r="AI4106" s="137"/>
      <c r="AJ4106" s="137"/>
      <c r="AK4106" s="137"/>
      <c r="AL4106" s="137"/>
      <c r="AM4106" s="137"/>
      <c r="AN4106" s="137"/>
      <c r="AO4106" s="137"/>
      <c r="AP4106" s="137"/>
      <c r="AQ4106" s="137"/>
      <c r="AR4106" s="137"/>
      <c r="AS4106" s="137"/>
      <c r="AT4106" s="137"/>
      <c r="AU4106" s="137"/>
      <c r="AV4106" s="137"/>
      <c r="AW4106" s="144"/>
    </row>
    <row r="4107" spans="7:49" x14ac:dyDescent="0.2">
      <c r="G4107" s="43"/>
      <c r="Z4107" s="143"/>
      <c r="AA4107" s="137"/>
      <c r="AB4107" s="137"/>
      <c r="AC4107" s="137"/>
      <c r="AD4107" s="137"/>
      <c r="AE4107" s="137"/>
      <c r="AF4107" s="137"/>
      <c r="AG4107" s="137"/>
      <c r="AH4107" s="137"/>
      <c r="AI4107" s="137"/>
      <c r="AJ4107" s="137"/>
      <c r="AK4107" s="137"/>
      <c r="AL4107" s="137"/>
      <c r="AM4107" s="137"/>
      <c r="AN4107" s="137"/>
      <c r="AO4107" s="137"/>
      <c r="AP4107" s="137"/>
      <c r="AQ4107" s="137"/>
      <c r="AR4107" s="137"/>
      <c r="AS4107" s="137"/>
      <c r="AT4107" s="137"/>
      <c r="AU4107" s="137"/>
      <c r="AV4107" s="137"/>
      <c r="AW4107" s="144"/>
    </row>
    <row r="4108" spans="7:49" x14ac:dyDescent="0.2">
      <c r="G4108" s="43"/>
      <c r="Z4108" s="143"/>
      <c r="AA4108" s="137"/>
      <c r="AB4108" s="137"/>
      <c r="AC4108" s="137"/>
      <c r="AD4108" s="137"/>
      <c r="AE4108" s="137"/>
      <c r="AF4108" s="137"/>
      <c r="AG4108" s="137"/>
      <c r="AH4108" s="137"/>
      <c r="AI4108" s="137"/>
      <c r="AJ4108" s="137"/>
      <c r="AK4108" s="137"/>
      <c r="AL4108" s="137"/>
      <c r="AM4108" s="137"/>
      <c r="AN4108" s="137"/>
      <c r="AO4108" s="137"/>
      <c r="AP4108" s="137"/>
      <c r="AQ4108" s="137"/>
      <c r="AR4108" s="137"/>
      <c r="AS4108" s="137"/>
      <c r="AT4108" s="137"/>
      <c r="AU4108" s="137"/>
      <c r="AV4108" s="137"/>
      <c r="AW4108" s="144"/>
    </row>
    <row r="4109" spans="7:49" x14ac:dyDescent="0.2">
      <c r="G4109" s="43"/>
      <c r="Z4109" s="143"/>
      <c r="AA4109" s="137"/>
      <c r="AB4109" s="137"/>
      <c r="AC4109" s="137"/>
      <c r="AD4109" s="137"/>
      <c r="AE4109" s="137"/>
      <c r="AF4109" s="137"/>
      <c r="AG4109" s="137"/>
      <c r="AH4109" s="137"/>
      <c r="AI4109" s="137"/>
      <c r="AJ4109" s="137"/>
      <c r="AK4109" s="137"/>
      <c r="AL4109" s="137"/>
      <c r="AM4109" s="137"/>
      <c r="AN4109" s="137"/>
      <c r="AO4109" s="137"/>
      <c r="AP4109" s="137"/>
      <c r="AQ4109" s="137"/>
      <c r="AR4109" s="137"/>
      <c r="AS4109" s="137"/>
      <c r="AT4109" s="137"/>
      <c r="AU4109" s="137"/>
      <c r="AV4109" s="137"/>
      <c r="AW4109" s="144"/>
    </row>
    <row r="4110" spans="7:49" x14ac:dyDescent="0.2">
      <c r="G4110" s="43"/>
      <c r="Z4110" s="143"/>
      <c r="AA4110" s="137"/>
      <c r="AB4110" s="137"/>
      <c r="AC4110" s="137"/>
      <c r="AD4110" s="137"/>
      <c r="AE4110" s="137"/>
      <c r="AF4110" s="137"/>
      <c r="AG4110" s="137"/>
      <c r="AH4110" s="137"/>
      <c r="AI4110" s="137"/>
      <c r="AJ4110" s="137"/>
      <c r="AK4110" s="137"/>
      <c r="AL4110" s="137"/>
      <c r="AM4110" s="137"/>
      <c r="AN4110" s="137"/>
      <c r="AO4110" s="137"/>
      <c r="AP4110" s="137"/>
      <c r="AQ4110" s="137"/>
      <c r="AR4110" s="137"/>
      <c r="AS4110" s="137"/>
      <c r="AT4110" s="137"/>
      <c r="AU4110" s="137"/>
      <c r="AV4110" s="137"/>
      <c r="AW4110" s="144"/>
    </row>
    <row r="4111" spans="7:49" x14ac:dyDescent="0.2">
      <c r="G4111" s="43"/>
      <c r="Z4111" s="143"/>
      <c r="AA4111" s="137"/>
      <c r="AB4111" s="137"/>
      <c r="AC4111" s="137"/>
      <c r="AD4111" s="137"/>
      <c r="AE4111" s="137"/>
      <c r="AF4111" s="137"/>
      <c r="AG4111" s="137"/>
      <c r="AH4111" s="137"/>
      <c r="AI4111" s="137"/>
      <c r="AJ4111" s="137"/>
      <c r="AK4111" s="137"/>
      <c r="AL4111" s="137"/>
      <c r="AM4111" s="137"/>
      <c r="AN4111" s="137"/>
      <c r="AO4111" s="137"/>
      <c r="AP4111" s="137"/>
      <c r="AQ4111" s="137"/>
      <c r="AR4111" s="137"/>
      <c r="AS4111" s="137"/>
      <c r="AT4111" s="137"/>
      <c r="AU4111" s="137"/>
      <c r="AV4111" s="137"/>
      <c r="AW4111" s="144"/>
    </row>
    <row r="4112" spans="7:49" x14ac:dyDescent="0.2">
      <c r="G4112" s="43"/>
      <c r="Z4112" s="143"/>
      <c r="AA4112" s="137"/>
      <c r="AB4112" s="137"/>
      <c r="AC4112" s="137"/>
      <c r="AD4112" s="137"/>
      <c r="AE4112" s="137"/>
      <c r="AF4112" s="137"/>
      <c r="AG4112" s="137"/>
      <c r="AH4112" s="137"/>
      <c r="AI4112" s="137"/>
      <c r="AJ4112" s="137"/>
      <c r="AK4112" s="137"/>
      <c r="AL4112" s="137"/>
      <c r="AM4112" s="137"/>
      <c r="AN4112" s="137"/>
      <c r="AO4112" s="137"/>
      <c r="AP4112" s="137"/>
      <c r="AQ4112" s="137"/>
      <c r="AR4112" s="137"/>
      <c r="AS4112" s="137"/>
      <c r="AT4112" s="137"/>
      <c r="AU4112" s="137"/>
      <c r="AV4112" s="137"/>
      <c r="AW4112" s="144"/>
    </row>
    <row r="4113" spans="7:49" x14ac:dyDescent="0.2">
      <c r="G4113" s="43"/>
      <c r="Z4113" s="143"/>
      <c r="AA4113" s="137"/>
      <c r="AB4113" s="137"/>
      <c r="AC4113" s="137"/>
      <c r="AD4113" s="137"/>
      <c r="AE4113" s="137"/>
      <c r="AF4113" s="137"/>
      <c r="AG4113" s="137"/>
      <c r="AH4113" s="137"/>
      <c r="AI4113" s="137"/>
      <c r="AJ4113" s="137"/>
      <c r="AK4113" s="137"/>
      <c r="AL4113" s="137"/>
      <c r="AM4113" s="137"/>
      <c r="AN4113" s="137"/>
      <c r="AO4113" s="137"/>
      <c r="AP4113" s="137"/>
      <c r="AQ4113" s="137"/>
      <c r="AR4113" s="137"/>
      <c r="AS4113" s="137"/>
      <c r="AT4113" s="137"/>
      <c r="AU4113" s="137"/>
      <c r="AV4113" s="137"/>
      <c r="AW4113" s="144"/>
    </row>
    <row r="4114" spans="7:49" x14ac:dyDescent="0.2">
      <c r="G4114" s="43"/>
      <c r="Z4114" s="143"/>
      <c r="AA4114" s="137"/>
      <c r="AB4114" s="137"/>
      <c r="AC4114" s="137"/>
      <c r="AD4114" s="137"/>
      <c r="AE4114" s="137"/>
      <c r="AF4114" s="137"/>
      <c r="AG4114" s="137"/>
      <c r="AH4114" s="137"/>
      <c r="AI4114" s="137"/>
      <c r="AJ4114" s="137"/>
      <c r="AK4114" s="137"/>
      <c r="AL4114" s="137"/>
      <c r="AM4114" s="137"/>
      <c r="AN4114" s="137"/>
      <c r="AO4114" s="137"/>
      <c r="AP4114" s="137"/>
      <c r="AQ4114" s="137"/>
      <c r="AR4114" s="137"/>
      <c r="AS4114" s="137"/>
      <c r="AT4114" s="137"/>
      <c r="AU4114" s="137"/>
      <c r="AV4114" s="137"/>
      <c r="AW4114" s="144"/>
    </row>
    <row r="4115" spans="7:49" x14ac:dyDescent="0.2">
      <c r="G4115" s="43"/>
      <c r="Z4115" s="143"/>
      <c r="AA4115" s="137"/>
      <c r="AB4115" s="137"/>
      <c r="AC4115" s="137"/>
      <c r="AD4115" s="137"/>
      <c r="AE4115" s="137"/>
      <c r="AF4115" s="137"/>
      <c r="AG4115" s="137"/>
      <c r="AH4115" s="137"/>
      <c r="AI4115" s="137"/>
      <c r="AJ4115" s="137"/>
      <c r="AK4115" s="137"/>
      <c r="AL4115" s="137"/>
      <c r="AM4115" s="137"/>
      <c r="AN4115" s="137"/>
      <c r="AO4115" s="137"/>
      <c r="AP4115" s="137"/>
      <c r="AQ4115" s="137"/>
      <c r="AR4115" s="137"/>
      <c r="AS4115" s="137"/>
      <c r="AT4115" s="137"/>
      <c r="AU4115" s="137"/>
      <c r="AV4115" s="137"/>
      <c r="AW4115" s="144"/>
    </row>
    <row r="4116" spans="7:49" x14ac:dyDescent="0.2">
      <c r="G4116" s="43"/>
      <c r="Z4116" s="143"/>
      <c r="AA4116" s="137"/>
      <c r="AB4116" s="137"/>
      <c r="AC4116" s="137"/>
      <c r="AD4116" s="137"/>
      <c r="AE4116" s="137"/>
      <c r="AF4116" s="137"/>
      <c r="AG4116" s="137"/>
      <c r="AH4116" s="137"/>
      <c r="AI4116" s="137"/>
      <c r="AJ4116" s="137"/>
      <c r="AK4116" s="137"/>
      <c r="AL4116" s="137"/>
      <c r="AM4116" s="137"/>
      <c r="AN4116" s="137"/>
      <c r="AO4116" s="137"/>
      <c r="AP4116" s="137"/>
      <c r="AQ4116" s="137"/>
      <c r="AR4116" s="137"/>
      <c r="AS4116" s="137"/>
      <c r="AT4116" s="137"/>
      <c r="AU4116" s="137"/>
      <c r="AV4116" s="137"/>
      <c r="AW4116" s="144"/>
    </row>
    <row r="4117" spans="7:49" x14ac:dyDescent="0.2">
      <c r="G4117" s="43"/>
      <c r="Z4117" s="143"/>
      <c r="AA4117" s="137"/>
      <c r="AB4117" s="137"/>
      <c r="AC4117" s="137"/>
      <c r="AD4117" s="137"/>
      <c r="AE4117" s="137"/>
      <c r="AF4117" s="137"/>
      <c r="AG4117" s="137"/>
      <c r="AH4117" s="137"/>
      <c r="AI4117" s="137"/>
      <c r="AJ4117" s="137"/>
      <c r="AK4117" s="137"/>
      <c r="AL4117" s="137"/>
      <c r="AM4117" s="137"/>
      <c r="AN4117" s="137"/>
      <c r="AO4117" s="137"/>
      <c r="AP4117" s="137"/>
      <c r="AQ4117" s="137"/>
      <c r="AR4117" s="137"/>
      <c r="AS4117" s="137"/>
      <c r="AT4117" s="137"/>
      <c r="AU4117" s="137"/>
      <c r="AV4117" s="137"/>
      <c r="AW4117" s="144"/>
    </row>
    <row r="4118" spans="7:49" x14ac:dyDescent="0.2">
      <c r="G4118" s="43"/>
      <c r="Z4118" s="143"/>
      <c r="AA4118" s="137"/>
      <c r="AB4118" s="137"/>
      <c r="AC4118" s="137"/>
      <c r="AD4118" s="137"/>
      <c r="AE4118" s="137"/>
      <c r="AF4118" s="137"/>
      <c r="AG4118" s="137"/>
      <c r="AH4118" s="137"/>
      <c r="AI4118" s="137"/>
      <c r="AJ4118" s="137"/>
      <c r="AK4118" s="137"/>
      <c r="AL4118" s="137"/>
      <c r="AM4118" s="137"/>
      <c r="AN4118" s="137"/>
      <c r="AO4118" s="137"/>
      <c r="AP4118" s="137"/>
      <c r="AQ4118" s="137"/>
      <c r="AR4118" s="137"/>
      <c r="AS4118" s="137"/>
      <c r="AT4118" s="137"/>
      <c r="AU4118" s="137"/>
      <c r="AV4118" s="137"/>
      <c r="AW4118" s="144"/>
    </row>
    <row r="4119" spans="7:49" x14ac:dyDescent="0.2">
      <c r="G4119" s="43"/>
      <c r="Z4119" s="143"/>
      <c r="AA4119" s="137"/>
      <c r="AB4119" s="137"/>
      <c r="AC4119" s="137"/>
      <c r="AD4119" s="137"/>
      <c r="AE4119" s="137"/>
      <c r="AF4119" s="137"/>
      <c r="AG4119" s="137"/>
      <c r="AH4119" s="137"/>
      <c r="AI4119" s="137"/>
      <c r="AJ4119" s="137"/>
      <c r="AK4119" s="137"/>
      <c r="AL4119" s="137"/>
      <c r="AM4119" s="137"/>
      <c r="AN4119" s="137"/>
      <c r="AO4119" s="137"/>
      <c r="AP4119" s="137"/>
      <c r="AQ4119" s="137"/>
      <c r="AR4119" s="137"/>
      <c r="AS4119" s="137"/>
      <c r="AT4119" s="137"/>
      <c r="AU4119" s="137"/>
      <c r="AV4119" s="137"/>
      <c r="AW4119" s="144"/>
    </row>
    <row r="4120" spans="7:49" x14ac:dyDescent="0.2">
      <c r="G4120" s="43"/>
      <c r="Z4120" s="143"/>
      <c r="AA4120" s="137"/>
      <c r="AB4120" s="137"/>
      <c r="AC4120" s="137"/>
      <c r="AD4120" s="137"/>
      <c r="AE4120" s="137"/>
      <c r="AF4120" s="137"/>
      <c r="AG4120" s="137"/>
      <c r="AH4120" s="137"/>
      <c r="AI4120" s="137"/>
      <c r="AJ4120" s="137"/>
      <c r="AK4120" s="137"/>
      <c r="AL4120" s="137"/>
      <c r="AM4120" s="137"/>
      <c r="AN4120" s="137"/>
      <c r="AO4120" s="137"/>
      <c r="AP4120" s="137"/>
      <c r="AQ4120" s="137"/>
      <c r="AR4120" s="137"/>
      <c r="AS4120" s="137"/>
      <c r="AT4120" s="137"/>
      <c r="AU4120" s="137"/>
      <c r="AV4120" s="137"/>
      <c r="AW4120" s="144"/>
    </row>
    <row r="4121" spans="7:49" x14ac:dyDescent="0.2">
      <c r="G4121" s="43"/>
      <c r="Z4121" s="143"/>
      <c r="AA4121" s="137"/>
      <c r="AB4121" s="137"/>
      <c r="AC4121" s="137"/>
      <c r="AD4121" s="137"/>
      <c r="AE4121" s="137"/>
      <c r="AF4121" s="137"/>
      <c r="AG4121" s="137"/>
      <c r="AH4121" s="137"/>
      <c r="AI4121" s="137"/>
      <c r="AJ4121" s="137"/>
      <c r="AK4121" s="137"/>
      <c r="AL4121" s="137"/>
      <c r="AM4121" s="137"/>
      <c r="AN4121" s="137"/>
      <c r="AO4121" s="137"/>
      <c r="AP4121" s="137"/>
      <c r="AQ4121" s="137"/>
      <c r="AR4121" s="137"/>
      <c r="AS4121" s="137"/>
      <c r="AT4121" s="137"/>
      <c r="AU4121" s="137"/>
      <c r="AV4121" s="137"/>
      <c r="AW4121" s="144"/>
    </row>
    <row r="4122" spans="7:49" x14ac:dyDescent="0.2">
      <c r="G4122" s="43"/>
      <c r="Z4122" s="143"/>
      <c r="AA4122" s="137"/>
      <c r="AB4122" s="137"/>
      <c r="AC4122" s="137"/>
      <c r="AD4122" s="137"/>
      <c r="AE4122" s="137"/>
      <c r="AF4122" s="137"/>
      <c r="AG4122" s="137"/>
      <c r="AH4122" s="137"/>
      <c r="AI4122" s="137"/>
      <c r="AJ4122" s="137"/>
      <c r="AK4122" s="137"/>
      <c r="AL4122" s="137"/>
      <c r="AM4122" s="137"/>
      <c r="AN4122" s="137"/>
      <c r="AO4122" s="137"/>
      <c r="AP4122" s="137"/>
      <c r="AQ4122" s="137"/>
      <c r="AR4122" s="137"/>
      <c r="AS4122" s="137"/>
      <c r="AT4122" s="137"/>
      <c r="AU4122" s="137"/>
      <c r="AV4122" s="137"/>
      <c r="AW4122" s="144"/>
    </row>
    <row r="4123" spans="7:49" x14ac:dyDescent="0.2">
      <c r="G4123" s="43"/>
      <c r="Z4123" s="143"/>
      <c r="AA4123" s="137"/>
      <c r="AB4123" s="137"/>
      <c r="AC4123" s="137"/>
      <c r="AD4123" s="137"/>
      <c r="AE4123" s="137"/>
      <c r="AF4123" s="137"/>
      <c r="AG4123" s="137"/>
      <c r="AH4123" s="137"/>
      <c r="AI4123" s="137"/>
      <c r="AJ4123" s="137"/>
      <c r="AK4123" s="137"/>
      <c r="AL4123" s="137"/>
      <c r="AM4123" s="137"/>
      <c r="AN4123" s="137"/>
      <c r="AO4123" s="137"/>
      <c r="AP4123" s="137"/>
      <c r="AQ4123" s="137"/>
      <c r="AR4123" s="137"/>
      <c r="AS4123" s="137"/>
      <c r="AT4123" s="137"/>
      <c r="AU4123" s="137"/>
      <c r="AV4123" s="137"/>
      <c r="AW4123" s="144"/>
    </row>
    <row r="4124" spans="7:49" x14ac:dyDescent="0.2">
      <c r="G4124" s="43"/>
      <c r="Z4124" s="143"/>
      <c r="AA4124" s="137"/>
      <c r="AB4124" s="137"/>
      <c r="AC4124" s="137"/>
      <c r="AD4124" s="137"/>
      <c r="AE4124" s="137"/>
      <c r="AF4124" s="137"/>
      <c r="AG4124" s="137"/>
      <c r="AH4124" s="137"/>
      <c r="AI4124" s="137"/>
      <c r="AJ4124" s="137"/>
      <c r="AK4124" s="137"/>
      <c r="AL4124" s="137"/>
      <c r="AM4124" s="137"/>
      <c r="AN4124" s="137"/>
      <c r="AO4124" s="137"/>
      <c r="AP4124" s="137"/>
      <c r="AQ4124" s="137"/>
      <c r="AR4124" s="137"/>
      <c r="AS4124" s="137"/>
      <c r="AT4124" s="137"/>
      <c r="AU4124" s="137"/>
      <c r="AV4124" s="137"/>
      <c r="AW4124" s="144"/>
    </row>
    <row r="4125" spans="7:49" x14ac:dyDescent="0.2">
      <c r="G4125" s="43"/>
      <c r="Z4125" s="143"/>
      <c r="AA4125" s="137"/>
      <c r="AB4125" s="137"/>
      <c r="AC4125" s="137"/>
      <c r="AD4125" s="137"/>
      <c r="AE4125" s="137"/>
      <c r="AF4125" s="137"/>
      <c r="AG4125" s="137"/>
      <c r="AH4125" s="137"/>
      <c r="AI4125" s="137"/>
      <c r="AJ4125" s="137"/>
      <c r="AK4125" s="137"/>
      <c r="AL4125" s="137"/>
      <c r="AM4125" s="137"/>
      <c r="AN4125" s="137"/>
      <c r="AO4125" s="137"/>
      <c r="AP4125" s="137"/>
      <c r="AQ4125" s="137"/>
      <c r="AR4125" s="137"/>
      <c r="AS4125" s="137"/>
      <c r="AT4125" s="137"/>
      <c r="AU4125" s="137"/>
      <c r="AV4125" s="137"/>
      <c r="AW4125" s="144"/>
    </row>
    <row r="4126" spans="7:49" x14ac:dyDescent="0.2">
      <c r="G4126" s="43"/>
      <c r="Z4126" s="143"/>
      <c r="AA4126" s="137"/>
      <c r="AB4126" s="137"/>
      <c r="AC4126" s="137"/>
      <c r="AD4126" s="137"/>
      <c r="AE4126" s="137"/>
      <c r="AF4126" s="137"/>
      <c r="AG4126" s="137"/>
      <c r="AH4126" s="137"/>
      <c r="AI4126" s="137"/>
      <c r="AJ4126" s="137"/>
      <c r="AK4126" s="137"/>
      <c r="AL4126" s="137"/>
      <c r="AM4126" s="137"/>
      <c r="AN4126" s="137"/>
      <c r="AO4126" s="137"/>
      <c r="AP4126" s="137"/>
      <c r="AQ4126" s="137"/>
      <c r="AR4126" s="137"/>
      <c r="AS4126" s="137"/>
      <c r="AT4126" s="137"/>
      <c r="AU4126" s="137"/>
      <c r="AV4126" s="137"/>
      <c r="AW4126" s="144"/>
    </row>
    <row r="4127" spans="7:49" x14ac:dyDescent="0.2">
      <c r="G4127" s="43"/>
      <c r="Z4127" s="143"/>
      <c r="AA4127" s="137"/>
      <c r="AB4127" s="137"/>
      <c r="AC4127" s="137"/>
      <c r="AD4127" s="137"/>
      <c r="AE4127" s="137"/>
      <c r="AF4127" s="137"/>
      <c r="AG4127" s="137"/>
      <c r="AH4127" s="137"/>
      <c r="AI4127" s="137"/>
      <c r="AJ4127" s="137"/>
      <c r="AK4127" s="137"/>
      <c r="AL4127" s="137"/>
      <c r="AM4127" s="137"/>
      <c r="AN4127" s="137"/>
      <c r="AO4127" s="137"/>
      <c r="AP4127" s="137"/>
      <c r="AQ4127" s="137"/>
      <c r="AR4127" s="137"/>
      <c r="AS4127" s="137"/>
      <c r="AT4127" s="137"/>
      <c r="AU4127" s="137"/>
      <c r="AV4127" s="137"/>
      <c r="AW4127" s="144"/>
    </row>
    <row r="4128" spans="7:49" x14ac:dyDescent="0.2">
      <c r="G4128" s="43"/>
      <c r="Z4128" s="143"/>
      <c r="AA4128" s="137"/>
      <c r="AB4128" s="137"/>
      <c r="AC4128" s="137"/>
      <c r="AD4128" s="137"/>
      <c r="AE4128" s="137"/>
      <c r="AF4128" s="137"/>
      <c r="AG4128" s="137"/>
      <c r="AH4128" s="137"/>
      <c r="AI4128" s="137"/>
      <c r="AJ4128" s="137"/>
      <c r="AK4128" s="137"/>
      <c r="AL4128" s="137"/>
      <c r="AM4128" s="137"/>
      <c r="AN4128" s="137"/>
      <c r="AO4128" s="137"/>
      <c r="AP4128" s="137"/>
      <c r="AQ4128" s="137"/>
      <c r="AR4128" s="137"/>
      <c r="AS4128" s="137"/>
      <c r="AT4128" s="137"/>
      <c r="AU4128" s="137"/>
      <c r="AV4128" s="137"/>
      <c r="AW4128" s="144"/>
    </row>
    <row r="4129" spans="7:49" x14ac:dyDescent="0.2">
      <c r="G4129" s="43"/>
      <c r="Z4129" s="143"/>
      <c r="AA4129" s="137"/>
      <c r="AB4129" s="137"/>
      <c r="AC4129" s="137"/>
      <c r="AD4129" s="137"/>
      <c r="AE4129" s="137"/>
      <c r="AF4129" s="137"/>
      <c r="AG4129" s="137"/>
      <c r="AH4129" s="137"/>
      <c r="AI4129" s="137"/>
      <c r="AJ4129" s="137"/>
      <c r="AK4129" s="137"/>
      <c r="AL4129" s="137"/>
      <c r="AM4129" s="137"/>
      <c r="AN4129" s="137"/>
      <c r="AO4129" s="137"/>
      <c r="AP4129" s="137"/>
      <c r="AQ4129" s="137"/>
      <c r="AR4129" s="137"/>
      <c r="AS4129" s="137"/>
      <c r="AT4129" s="137"/>
      <c r="AU4129" s="137"/>
      <c r="AV4129" s="137"/>
      <c r="AW4129" s="144"/>
    </row>
    <row r="4130" spans="7:49" x14ac:dyDescent="0.2">
      <c r="G4130" s="43"/>
      <c r="Z4130" s="143"/>
      <c r="AA4130" s="137"/>
      <c r="AB4130" s="137"/>
      <c r="AC4130" s="137"/>
      <c r="AD4130" s="137"/>
      <c r="AE4130" s="137"/>
      <c r="AF4130" s="137"/>
      <c r="AG4130" s="137"/>
      <c r="AH4130" s="137"/>
      <c r="AI4130" s="137"/>
      <c r="AJ4130" s="137"/>
      <c r="AK4130" s="137"/>
      <c r="AL4130" s="137"/>
      <c r="AM4130" s="137"/>
      <c r="AN4130" s="137"/>
      <c r="AO4130" s="137"/>
      <c r="AP4130" s="137"/>
      <c r="AQ4130" s="137"/>
      <c r="AR4130" s="137"/>
      <c r="AS4130" s="137"/>
      <c r="AT4130" s="137"/>
      <c r="AU4130" s="137"/>
      <c r="AV4130" s="137"/>
      <c r="AW4130" s="144"/>
    </row>
    <row r="4131" spans="7:49" x14ac:dyDescent="0.2">
      <c r="G4131" s="43"/>
      <c r="Z4131" s="143"/>
      <c r="AA4131" s="137"/>
      <c r="AB4131" s="137"/>
      <c r="AC4131" s="137"/>
      <c r="AD4131" s="137"/>
      <c r="AE4131" s="137"/>
      <c r="AF4131" s="137"/>
      <c r="AG4131" s="137"/>
      <c r="AH4131" s="137"/>
      <c r="AI4131" s="137"/>
      <c r="AJ4131" s="137"/>
      <c r="AK4131" s="137"/>
      <c r="AL4131" s="137"/>
      <c r="AM4131" s="137"/>
      <c r="AN4131" s="137"/>
      <c r="AO4131" s="137"/>
      <c r="AP4131" s="137"/>
      <c r="AQ4131" s="137"/>
      <c r="AR4131" s="137"/>
      <c r="AS4131" s="137"/>
      <c r="AT4131" s="137"/>
      <c r="AU4131" s="137"/>
      <c r="AV4131" s="137"/>
      <c r="AW4131" s="144"/>
    </row>
    <row r="4132" spans="7:49" x14ac:dyDescent="0.2">
      <c r="G4132" s="43"/>
      <c r="Z4132" s="143"/>
      <c r="AA4132" s="137"/>
      <c r="AB4132" s="137"/>
      <c r="AC4132" s="137"/>
      <c r="AD4132" s="137"/>
      <c r="AE4132" s="137"/>
      <c r="AF4132" s="137"/>
      <c r="AG4132" s="137"/>
      <c r="AH4132" s="137"/>
      <c r="AI4132" s="137"/>
      <c r="AJ4132" s="137"/>
      <c r="AK4132" s="137"/>
      <c r="AL4132" s="137"/>
      <c r="AM4132" s="137"/>
      <c r="AN4132" s="137"/>
      <c r="AO4132" s="137"/>
      <c r="AP4132" s="137"/>
      <c r="AQ4132" s="137"/>
      <c r="AR4132" s="137"/>
      <c r="AS4132" s="137"/>
      <c r="AT4132" s="137"/>
      <c r="AU4132" s="137"/>
      <c r="AV4132" s="137"/>
      <c r="AW4132" s="144"/>
    </row>
    <row r="4133" spans="7:49" x14ac:dyDescent="0.2">
      <c r="G4133" s="43"/>
      <c r="Z4133" s="143"/>
      <c r="AA4133" s="137"/>
      <c r="AB4133" s="137"/>
      <c r="AC4133" s="137"/>
      <c r="AD4133" s="137"/>
      <c r="AE4133" s="137"/>
      <c r="AF4133" s="137"/>
      <c r="AG4133" s="137"/>
      <c r="AH4133" s="137"/>
      <c r="AI4133" s="137"/>
      <c r="AJ4133" s="137"/>
      <c r="AK4133" s="137"/>
      <c r="AL4133" s="137"/>
      <c r="AM4133" s="137"/>
      <c r="AN4133" s="137"/>
      <c r="AO4133" s="137"/>
      <c r="AP4133" s="137"/>
      <c r="AQ4133" s="137"/>
      <c r="AR4133" s="137"/>
      <c r="AS4133" s="137"/>
      <c r="AT4133" s="137"/>
      <c r="AU4133" s="137"/>
      <c r="AV4133" s="137"/>
      <c r="AW4133" s="144"/>
    </row>
    <row r="4134" spans="7:49" x14ac:dyDescent="0.2">
      <c r="G4134" s="43"/>
      <c r="Z4134" s="143"/>
      <c r="AA4134" s="137"/>
      <c r="AB4134" s="137"/>
      <c r="AC4134" s="137"/>
      <c r="AD4134" s="137"/>
      <c r="AE4134" s="137"/>
      <c r="AF4134" s="137"/>
      <c r="AG4134" s="137"/>
      <c r="AH4134" s="137"/>
      <c r="AI4134" s="137"/>
      <c r="AJ4134" s="137"/>
      <c r="AK4134" s="137"/>
      <c r="AL4134" s="137"/>
      <c r="AM4134" s="137"/>
      <c r="AN4134" s="137"/>
      <c r="AO4134" s="137"/>
      <c r="AP4134" s="137"/>
      <c r="AQ4134" s="137"/>
      <c r="AR4134" s="137"/>
      <c r="AS4134" s="137"/>
      <c r="AT4134" s="137"/>
      <c r="AU4134" s="137"/>
      <c r="AV4134" s="137"/>
      <c r="AW4134" s="144"/>
    </row>
    <row r="4135" spans="7:49" x14ac:dyDescent="0.2">
      <c r="G4135" s="43"/>
      <c r="Z4135" s="143"/>
      <c r="AA4135" s="137"/>
      <c r="AB4135" s="137"/>
      <c r="AC4135" s="137"/>
      <c r="AD4135" s="137"/>
      <c r="AE4135" s="137"/>
      <c r="AF4135" s="137"/>
      <c r="AG4135" s="137"/>
      <c r="AH4135" s="137"/>
      <c r="AI4135" s="137"/>
      <c r="AJ4135" s="137"/>
      <c r="AK4135" s="137"/>
      <c r="AL4135" s="137"/>
      <c r="AM4135" s="137"/>
      <c r="AN4135" s="137"/>
      <c r="AO4135" s="137"/>
      <c r="AP4135" s="137"/>
      <c r="AQ4135" s="137"/>
      <c r="AR4135" s="137"/>
      <c r="AS4135" s="137"/>
      <c r="AT4135" s="137"/>
      <c r="AU4135" s="137"/>
      <c r="AV4135" s="137"/>
      <c r="AW4135" s="144"/>
    </row>
    <row r="4136" spans="7:49" x14ac:dyDescent="0.2">
      <c r="G4136" s="43"/>
      <c r="Z4136" s="143"/>
      <c r="AA4136" s="137"/>
      <c r="AB4136" s="137"/>
      <c r="AC4136" s="137"/>
      <c r="AD4136" s="137"/>
      <c r="AE4136" s="137"/>
      <c r="AF4136" s="137"/>
      <c r="AG4136" s="137"/>
      <c r="AH4136" s="137"/>
      <c r="AI4136" s="137"/>
      <c r="AJ4136" s="137"/>
      <c r="AK4136" s="137"/>
      <c r="AL4136" s="137"/>
      <c r="AM4136" s="137"/>
      <c r="AN4136" s="137"/>
      <c r="AO4136" s="137"/>
      <c r="AP4136" s="137"/>
      <c r="AQ4136" s="137"/>
      <c r="AR4136" s="137"/>
      <c r="AS4136" s="137"/>
      <c r="AT4136" s="137"/>
      <c r="AU4136" s="137"/>
      <c r="AV4136" s="137"/>
      <c r="AW4136" s="144"/>
    </row>
    <row r="4137" spans="7:49" x14ac:dyDescent="0.2">
      <c r="G4137" s="43"/>
      <c r="Z4137" s="143"/>
      <c r="AA4137" s="137"/>
      <c r="AB4137" s="137"/>
      <c r="AC4137" s="137"/>
      <c r="AD4137" s="137"/>
      <c r="AE4137" s="137"/>
      <c r="AF4137" s="137"/>
      <c r="AG4137" s="137"/>
      <c r="AH4137" s="137"/>
      <c r="AI4137" s="137"/>
      <c r="AJ4137" s="137"/>
      <c r="AK4137" s="137"/>
      <c r="AL4137" s="137"/>
      <c r="AM4137" s="137"/>
      <c r="AN4137" s="137"/>
      <c r="AO4137" s="137"/>
      <c r="AP4137" s="137"/>
      <c r="AQ4137" s="137"/>
      <c r="AR4137" s="137"/>
      <c r="AS4137" s="137"/>
      <c r="AT4137" s="137"/>
      <c r="AU4137" s="137"/>
      <c r="AV4137" s="137"/>
      <c r="AW4137" s="144"/>
    </row>
    <row r="4138" spans="7:49" x14ac:dyDescent="0.2">
      <c r="G4138" s="43"/>
      <c r="Z4138" s="143"/>
      <c r="AA4138" s="137"/>
      <c r="AB4138" s="137"/>
      <c r="AC4138" s="137"/>
      <c r="AD4138" s="137"/>
      <c r="AE4138" s="137"/>
      <c r="AF4138" s="137"/>
      <c r="AG4138" s="137"/>
      <c r="AH4138" s="137"/>
      <c r="AI4138" s="137"/>
      <c r="AJ4138" s="137"/>
      <c r="AK4138" s="137"/>
      <c r="AL4138" s="137"/>
      <c r="AM4138" s="137"/>
      <c r="AN4138" s="137"/>
      <c r="AO4138" s="137"/>
      <c r="AP4138" s="137"/>
      <c r="AQ4138" s="137"/>
      <c r="AR4138" s="137"/>
      <c r="AS4138" s="137"/>
      <c r="AT4138" s="137"/>
      <c r="AU4138" s="137"/>
      <c r="AV4138" s="137"/>
      <c r="AW4138" s="144"/>
    </row>
    <row r="4139" spans="7:49" x14ac:dyDescent="0.2">
      <c r="G4139" s="43"/>
      <c r="Z4139" s="143"/>
      <c r="AA4139" s="137"/>
      <c r="AB4139" s="137"/>
      <c r="AC4139" s="137"/>
      <c r="AD4139" s="137"/>
      <c r="AE4139" s="137"/>
      <c r="AF4139" s="137"/>
      <c r="AG4139" s="137"/>
      <c r="AH4139" s="137"/>
      <c r="AI4139" s="137"/>
      <c r="AJ4139" s="137"/>
      <c r="AK4139" s="137"/>
      <c r="AL4139" s="137"/>
      <c r="AM4139" s="137"/>
      <c r="AN4139" s="137"/>
      <c r="AO4139" s="137"/>
      <c r="AP4139" s="137"/>
      <c r="AQ4139" s="137"/>
      <c r="AR4139" s="137"/>
      <c r="AS4139" s="137"/>
      <c r="AT4139" s="137"/>
      <c r="AU4139" s="137"/>
      <c r="AV4139" s="137"/>
      <c r="AW4139" s="144"/>
    </row>
    <row r="4140" spans="7:49" x14ac:dyDescent="0.2">
      <c r="G4140" s="43"/>
      <c r="Z4140" s="143"/>
      <c r="AA4140" s="137"/>
      <c r="AB4140" s="137"/>
      <c r="AC4140" s="137"/>
      <c r="AD4140" s="137"/>
      <c r="AE4140" s="137"/>
      <c r="AF4140" s="137"/>
      <c r="AG4140" s="137"/>
      <c r="AH4140" s="137"/>
      <c r="AI4140" s="137"/>
      <c r="AJ4140" s="137"/>
      <c r="AK4140" s="137"/>
      <c r="AL4140" s="137"/>
      <c r="AM4140" s="137"/>
      <c r="AN4140" s="137"/>
      <c r="AO4140" s="137"/>
      <c r="AP4140" s="137"/>
      <c r="AQ4140" s="137"/>
      <c r="AR4140" s="137"/>
      <c r="AS4140" s="137"/>
      <c r="AT4140" s="137"/>
      <c r="AU4140" s="137"/>
      <c r="AV4140" s="137"/>
      <c r="AW4140" s="144"/>
    </row>
    <row r="4141" spans="7:49" x14ac:dyDescent="0.2">
      <c r="G4141" s="43"/>
      <c r="Z4141" s="143"/>
      <c r="AA4141" s="137"/>
      <c r="AB4141" s="137"/>
      <c r="AC4141" s="137"/>
      <c r="AD4141" s="137"/>
      <c r="AE4141" s="137"/>
      <c r="AF4141" s="137"/>
      <c r="AG4141" s="137"/>
      <c r="AH4141" s="137"/>
      <c r="AI4141" s="137"/>
      <c r="AJ4141" s="137"/>
      <c r="AK4141" s="137"/>
      <c r="AL4141" s="137"/>
      <c r="AM4141" s="137"/>
      <c r="AN4141" s="137"/>
      <c r="AO4141" s="137"/>
      <c r="AP4141" s="137"/>
      <c r="AQ4141" s="137"/>
      <c r="AR4141" s="137"/>
      <c r="AS4141" s="137"/>
      <c r="AT4141" s="137"/>
      <c r="AU4141" s="137"/>
      <c r="AV4141" s="137"/>
      <c r="AW4141" s="144"/>
    </row>
    <row r="4142" spans="7:49" x14ac:dyDescent="0.2">
      <c r="G4142" s="43"/>
      <c r="Z4142" s="143"/>
      <c r="AA4142" s="137"/>
      <c r="AB4142" s="137"/>
      <c r="AC4142" s="137"/>
      <c r="AD4142" s="137"/>
      <c r="AE4142" s="137"/>
      <c r="AF4142" s="137"/>
      <c r="AG4142" s="137"/>
      <c r="AH4142" s="137"/>
      <c r="AI4142" s="137"/>
      <c r="AJ4142" s="137"/>
      <c r="AK4142" s="137"/>
      <c r="AL4142" s="137"/>
      <c r="AM4142" s="137"/>
      <c r="AN4142" s="137"/>
      <c r="AO4142" s="137"/>
      <c r="AP4142" s="137"/>
      <c r="AQ4142" s="137"/>
      <c r="AR4142" s="137"/>
      <c r="AS4142" s="137"/>
      <c r="AT4142" s="137"/>
      <c r="AU4142" s="137"/>
      <c r="AV4142" s="137"/>
      <c r="AW4142" s="144"/>
    </row>
    <row r="4143" spans="7:49" x14ac:dyDescent="0.2">
      <c r="G4143" s="43"/>
      <c r="Z4143" s="143"/>
      <c r="AA4143" s="137"/>
      <c r="AB4143" s="137"/>
      <c r="AC4143" s="137"/>
      <c r="AD4143" s="137"/>
      <c r="AE4143" s="137"/>
      <c r="AF4143" s="137"/>
      <c r="AG4143" s="137"/>
      <c r="AH4143" s="137"/>
      <c r="AI4143" s="137"/>
      <c r="AJ4143" s="137"/>
      <c r="AK4143" s="137"/>
      <c r="AL4143" s="137"/>
      <c r="AM4143" s="137"/>
      <c r="AN4143" s="137"/>
      <c r="AO4143" s="137"/>
      <c r="AP4143" s="137"/>
      <c r="AQ4143" s="137"/>
      <c r="AR4143" s="137"/>
      <c r="AS4143" s="137"/>
      <c r="AT4143" s="137"/>
      <c r="AU4143" s="137"/>
      <c r="AV4143" s="137"/>
      <c r="AW4143" s="144"/>
    </row>
    <row r="4144" spans="7:49" x14ac:dyDescent="0.2">
      <c r="G4144" s="43"/>
      <c r="Z4144" s="143"/>
      <c r="AA4144" s="137"/>
      <c r="AB4144" s="137"/>
      <c r="AC4144" s="137"/>
      <c r="AD4144" s="137"/>
      <c r="AE4144" s="137"/>
      <c r="AF4144" s="137"/>
      <c r="AG4144" s="137"/>
      <c r="AH4144" s="137"/>
      <c r="AI4144" s="137"/>
      <c r="AJ4144" s="137"/>
      <c r="AK4144" s="137"/>
      <c r="AL4144" s="137"/>
      <c r="AM4144" s="137"/>
      <c r="AN4144" s="137"/>
      <c r="AO4144" s="137"/>
      <c r="AP4144" s="137"/>
      <c r="AQ4144" s="137"/>
      <c r="AR4144" s="137"/>
      <c r="AS4144" s="137"/>
      <c r="AT4144" s="137"/>
      <c r="AU4144" s="137"/>
      <c r="AV4144" s="137"/>
      <c r="AW4144" s="144"/>
    </row>
    <row r="4145" spans="7:49" x14ac:dyDescent="0.2">
      <c r="G4145" s="43"/>
      <c r="Z4145" s="143"/>
      <c r="AA4145" s="137"/>
      <c r="AB4145" s="137"/>
      <c r="AC4145" s="137"/>
      <c r="AD4145" s="137"/>
      <c r="AE4145" s="137"/>
      <c r="AF4145" s="137"/>
      <c r="AG4145" s="137"/>
      <c r="AH4145" s="137"/>
      <c r="AI4145" s="137"/>
      <c r="AJ4145" s="137"/>
      <c r="AK4145" s="137"/>
      <c r="AL4145" s="137"/>
      <c r="AM4145" s="137"/>
      <c r="AN4145" s="137"/>
      <c r="AO4145" s="137"/>
      <c r="AP4145" s="137"/>
      <c r="AQ4145" s="137"/>
      <c r="AR4145" s="137"/>
      <c r="AS4145" s="137"/>
      <c r="AT4145" s="137"/>
      <c r="AU4145" s="137"/>
      <c r="AV4145" s="137"/>
      <c r="AW4145" s="144"/>
    </row>
    <row r="4146" spans="7:49" x14ac:dyDescent="0.2">
      <c r="G4146" s="43"/>
      <c r="Z4146" s="143"/>
      <c r="AA4146" s="137"/>
      <c r="AB4146" s="137"/>
      <c r="AC4146" s="137"/>
      <c r="AD4146" s="137"/>
      <c r="AE4146" s="137"/>
      <c r="AF4146" s="137"/>
      <c r="AG4146" s="137"/>
      <c r="AH4146" s="137"/>
      <c r="AI4146" s="137"/>
      <c r="AJ4146" s="137"/>
      <c r="AK4146" s="137"/>
      <c r="AL4146" s="137"/>
      <c r="AM4146" s="137"/>
      <c r="AN4146" s="137"/>
      <c r="AO4146" s="137"/>
      <c r="AP4146" s="137"/>
      <c r="AQ4146" s="137"/>
      <c r="AR4146" s="137"/>
      <c r="AS4146" s="137"/>
      <c r="AT4146" s="137"/>
      <c r="AU4146" s="137"/>
      <c r="AV4146" s="137"/>
      <c r="AW4146" s="144"/>
    </row>
    <row r="4147" spans="7:49" x14ac:dyDescent="0.2">
      <c r="G4147" s="43"/>
      <c r="Z4147" s="143"/>
      <c r="AA4147" s="137"/>
      <c r="AB4147" s="137"/>
      <c r="AC4147" s="137"/>
      <c r="AD4147" s="137"/>
      <c r="AE4147" s="137"/>
      <c r="AF4147" s="137"/>
      <c r="AG4147" s="137"/>
      <c r="AH4147" s="137"/>
      <c r="AI4147" s="137"/>
      <c r="AJ4147" s="137"/>
      <c r="AK4147" s="137"/>
      <c r="AL4147" s="137"/>
      <c r="AM4147" s="137"/>
      <c r="AN4147" s="137"/>
      <c r="AO4147" s="137"/>
      <c r="AP4147" s="137"/>
      <c r="AQ4147" s="137"/>
      <c r="AR4147" s="137"/>
      <c r="AS4147" s="137"/>
      <c r="AT4147" s="137"/>
      <c r="AU4147" s="137"/>
      <c r="AV4147" s="137"/>
      <c r="AW4147" s="144"/>
    </row>
    <row r="4148" spans="7:49" x14ac:dyDescent="0.2">
      <c r="G4148" s="43"/>
      <c r="Z4148" s="143"/>
      <c r="AA4148" s="137"/>
      <c r="AB4148" s="137"/>
      <c r="AC4148" s="137"/>
      <c r="AD4148" s="137"/>
      <c r="AE4148" s="137"/>
      <c r="AF4148" s="137"/>
      <c r="AG4148" s="137"/>
      <c r="AH4148" s="137"/>
      <c r="AI4148" s="137"/>
      <c r="AJ4148" s="137"/>
      <c r="AK4148" s="137"/>
      <c r="AL4148" s="137"/>
      <c r="AM4148" s="137"/>
      <c r="AN4148" s="137"/>
      <c r="AO4148" s="137"/>
      <c r="AP4148" s="137"/>
      <c r="AQ4148" s="137"/>
      <c r="AR4148" s="137"/>
      <c r="AS4148" s="137"/>
      <c r="AT4148" s="137"/>
      <c r="AU4148" s="137"/>
      <c r="AV4148" s="137"/>
      <c r="AW4148" s="144"/>
    </row>
    <row r="4149" spans="7:49" x14ac:dyDescent="0.2">
      <c r="G4149" s="43"/>
      <c r="Z4149" s="143"/>
      <c r="AA4149" s="137"/>
      <c r="AB4149" s="137"/>
      <c r="AC4149" s="137"/>
      <c r="AD4149" s="137"/>
      <c r="AE4149" s="137"/>
      <c r="AF4149" s="137"/>
      <c r="AG4149" s="137"/>
      <c r="AH4149" s="137"/>
      <c r="AI4149" s="137"/>
      <c r="AJ4149" s="137"/>
      <c r="AK4149" s="137"/>
      <c r="AL4149" s="137"/>
      <c r="AM4149" s="137"/>
      <c r="AN4149" s="137"/>
      <c r="AO4149" s="137"/>
      <c r="AP4149" s="137"/>
      <c r="AQ4149" s="137"/>
      <c r="AR4149" s="137"/>
      <c r="AS4149" s="137"/>
      <c r="AT4149" s="137"/>
      <c r="AU4149" s="137"/>
      <c r="AV4149" s="137"/>
      <c r="AW4149" s="144"/>
    </row>
    <row r="4150" spans="7:49" x14ac:dyDescent="0.2">
      <c r="G4150" s="43"/>
      <c r="Z4150" s="143"/>
      <c r="AA4150" s="137"/>
      <c r="AB4150" s="137"/>
      <c r="AC4150" s="137"/>
      <c r="AD4150" s="137"/>
      <c r="AE4150" s="137"/>
      <c r="AF4150" s="137"/>
      <c r="AG4150" s="137"/>
      <c r="AH4150" s="137"/>
      <c r="AI4150" s="137"/>
      <c r="AJ4150" s="137"/>
      <c r="AK4150" s="137"/>
      <c r="AL4150" s="137"/>
      <c r="AM4150" s="137"/>
      <c r="AN4150" s="137"/>
      <c r="AO4150" s="137"/>
      <c r="AP4150" s="137"/>
      <c r="AQ4150" s="137"/>
      <c r="AR4150" s="137"/>
      <c r="AS4150" s="137"/>
      <c r="AT4150" s="137"/>
      <c r="AU4150" s="137"/>
      <c r="AV4150" s="137"/>
      <c r="AW4150" s="144"/>
    </row>
    <row r="4151" spans="7:49" x14ac:dyDescent="0.2">
      <c r="G4151" s="43"/>
      <c r="Z4151" s="143"/>
      <c r="AA4151" s="137"/>
      <c r="AB4151" s="137"/>
      <c r="AC4151" s="137"/>
      <c r="AD4151" s="137"/>
      <c r="AE4151" s="137"/>
      <c r="AF4151" s="137"/>
      <c r="AG4151" s="137"/>
      <c r="AH4151" s="137"/>
      <c r="AI4151" s="137"/>
      <c r="AJ4151" s="137"/>
      <c r="AK4151" s="137"/>
      <c r="AL4151" s="137"/>
      <c r="AM4151" s="137"/>
      <c r="AN4151" s="137"/>
      <c r="AO4151" s="137"/>
      <c r="AP4151" s="137"/>
      <c r="AQ4151" s="137"/>
      <c r="AR4151" s="137"/>
      <c r="AS4151" s="137"/>
      <c r="AT4151" s="137"/>
      <c r="AU4151" s="137"/>
      <c r="AV4151" s="137"/>
      <c r="AW4151" s="144"/>
    </row>
    <row r="4152" spans="7:49" x14ac:dyDescent="0.2">
      <c r="G4152" s="43"/>
      <c r="Z4152" s="143"/>
      <c r="AA4152" s="137"/>
      <c r="AB4152" s="137"/>
      <c r="AC4152" s="137"/>
      <c r="AD4152" s="137"/>
      <c r="AE4152" s="137"/>
      <c r="AF4152" s="137"/>
      <c r="AG4152" s="137"/>
      <c r="AH4152" s="137"/>
      <c r="AI4152" s="137"/>
      <c r="AJ4152" s="137"/>
      <c r="AK4152" s="137"/>
      <c r="AL4152" s="137"/>
      <c r="AM4152" s="137"/>
      <c r="AN4152" s="137"/>
      <c r="AO4152" s="137"/>
      <c r="AP4152" s="137"/>
      <c r="AQ4152" s="137"/>
      <c r="AR4152" s="137"/>
      <c r="AS4152" s="137"/>
      <c r="AT4152" s="137"/>
      <c r="AU4152" s="137"/>
      <c r="AV4152" s="137"/>
      <c r="AW4152" s="144"/>
    </row>
    <row r="4153" spans="7:49" x14ac:dyDescent="0.2">
      <c r="G4153" s="43"/>
      <c r="Z4153" s="143"/>
      <c r="AA4153" s="137"/>
      <c r="AB4153" s="137"/>
      <c r="AC4153" s="137"/>
      <c r="AD4153" s="137"/>
      <c r="AE4153" s="137"/>
      <c r="AF4153" s="137"/>
      <c r="AG4153" s="137"/>
      <c r="AH4153" s="137"/>
      <c r="AI4153" s="137"/>
      <c r="AJ4153" s="137"/>
      <c r="AK4153" s="137"/>
      <c r="AL4153" s="137"/>
      <c r="AM4153" s="137"/>
      <c r="AN4153" s="137"/>
      <c r="AO4153" s="137"/>
      <c r="AP4153" s="137"/>
      <c r="AQ4153" s="137"/>
      <c r="AR4153" s="137"/>
      <c r="AS4153" s="137"/>
      <c r="AT4153" s="137"/>
      <c r="AU4153" s="137"/>
      <c r="AV4153" s="137"/>
      <c r="AW4153" s="144"/>
    </row>
    <row r="4154" spans="7:49" x14ac:dyDescent="0.2">
      <c r="G4154" s="43"/>
      <c r="Z4154" s="143"/>
      <c r="AA4154" s="137"/>
      <c r="AB4154" s="137"/>
      <c r="AC4154" s="137"/>
      <c r="AD4154" s="137"/>
      <c r="AE4154" s="137"/>
      <c r="AF4154" s="137"/>
      <c r="AG4154" s="137"/>
      <c r="AH4154" s="137"/>
      <c r="AI4154" s="137"/>
      <c r="AJ4154" s="137"/>
      <c r="AK4154" s="137"/>
      <c r="AL4154" s="137"/>
      <c r="AM4154" s="137"/>
      <c r="AN4154" s="137"/>
      <c r="AO4154" s="137"/>
      <c r="AP4154" s="137"/>
      <c r="AQ4154" s="137"/>
      <c r="AR4154" s="137"/>
      <c r="AS4154" s="137"/>
      <c r="AT4154" s="137"/>
      <c r="AU4154" s="137"/>
      <c r="AV4154" s="137"/>
      <c r="AW4154" s="144"/>
    </row>
    <row r="4155" spans="7:49" x14ac:dyDescent="0.2">
      <c r="G4155" s="43"/>
      <c r="Z4155" s="143"/>
      <c r="AA4155" s="137"/>
      <c r="AB4155" s="137"/>
      <c r="AC4155" s="137"/>
      <c r="AD4155" s="137"/>
      <c r="AE4155" s="137"/>
      <c r="AF4155" s="137"/>
      <c r="AG4155" s="137"/>
      <c r="AH4155" s="137"/>
      <c r="AI4155" s="137"/>
      <c r="AJ4155" s="137"/>
      <c r="AK4155" s="137"/>
      <c r="AL4155" s="137"/>
      <c r="AM4155" s="137"/>
      <c r="AN4155" s="137"/>
      <c r="AO4155" s="137"/>
      <c r="AP4155" s="137"/>
      <c r="AQ4155" s="137"/>
      <c r="AR4155" s="137"/>
      <c r="AS4155" s="137"/>
      <c r="AT4155" s="137"/>
      <c r="AU4155" s="137"/>
      <c r="AV4155" s="137"/>
      <c r="AW4155" s="144"/>
    </row>
    <row r="4156" spans="7:49" x14ac:dyDescent="0.2">
      <c r="G4156" s="43"/>
      <c r="Z4156" s="143"/>
      <c r="AA4156" s="137"/>
      <c r="AB4156" s="137"/>
      <c r="AC4156" s="137"/>
      <c r="AD4156" s="137"/>
      <c r="AE4156" s="137"/>
      <c r="AF4156" s="137"/>
      <c r="AG4156" s="137"/>
      <c r="AH4156" s="137"/>
      <c r="AI4156" s="137"/>
      <c r="AJ4156" s="137"/>
      <c r="AK4156" s="137"/>
      <c r="AL4156" s="137"/>
      <c r="AM4156" s="137"/>
      <c r="AN4156" s="137"/>
      <c r="AO4156" s="137"/>
      <c r="AP4156" s="137"/>
      <c r="AQ4156" s="137"/>
      <c r="AR4156" s="137"/>
      <c r="AS4156" s="137"/>
      <c r="AT4156" s="137"/>
      <c r="AU4156" s="137"/>
      <c r="AV4156" s="137"/>
      <c r="AW4156" s="144"/>
    </row>
    <row r="4157" spans="7:49" x14ac:dyDescent="0.2">
      <c r="G4157" s="43"/>
      <c r="Z4157" s="143"/>
      <c r="AA4157" s="137"/>
      <c r="AB4157" s="137"/>
      <c r="AC4157" s="137"/>
      <c r="AD4157" s="137"/>
      <c r="AE4157" s="137"/>
      <c r="AF4157" s="137"/>
      <c r="AG4157" s="137"/>
      <c r="AH4157" s="137"/>
      <c r="AI4157" s="137"/>
      <c r="AJ4157" s="137"/>
      <c r="AK4157" s="137"/>
      <c r="AL4157" s="137"/>
      <c r="AM4157" s="137"/>
      <c r="AN4157" s="137"/>
      <c r="AO4157" s="137"/>
      <c r="AP4157" s="137"/>
      <c r="AQ4157" s="137"/>
      <c r="AR4157" s="137"/>
      <c r="AS4157" s="137"/>
      <c r="AT4157" s="137"/>
      <c r="AU4157" s="137"/>
      <c r="AV4157" s="137"/>
      <c r="AW4157" s="144"/>
    </row>
    <row r="4158" spans="7:49" x14ac:dyDescent="0.2">
      <c r="G4158" s="43"/>
      <c r="Z4158" s="143"/>
      <c r="AA4158" s="137"/>
      <c r="AB4158" s="137"/>
      <c r="AC4158" s="137"/>
      <c r="AD4158" s="137"/>
      <c r="AE4158" s="137"/>
      <c r="AF4158" s="137"/>
      <c r="AG4158" s="137"/>
      <c r="AH4158" s="137"/>
      <c r="AI4158" s="137"/>
      <c r="AJ4158" s="137"/>
      <c r="AK4158" s="137"/>
      <c r="AL4158" s="137"/>
      <c r="AM4158" s="137"/>
      <c r="AN4158" s="137"/>
      <c r="AO4158" s="137"/>
      <c r="AP4158" s="137"/>
      <c r="AQ4158" s="137"/>
      <c r="AR4158" s="137"/>
      <c r="AS4158" s="137"/>
      <c r="AT4158" s="137"/>
      <c r="AU4158" s="137"/>
      <c r="AV4158" s="137"/>
      <c r="AW4158" s="144"/>
    </row>
    <row r="4159" spans="7:49" x14ac:dyDescent="0.2">
      <c r="G4159" s="43"/>
      <c r="Z4159" s="143"/>
      <c r="AA4159" s="137"/>
      <c r="AB4159" s="137"/>
      <c r="AC4159" s="137"/>
      <c r="AD4159" s="137"/>
      <c r="AE4159" s="137"/>
      <c r="AF4159" s="137"/>
      <c r="AG4159" s="137"/>
      <c r="AH4159" s="137"/>
      <c r="AI4159" s="137"/>
      <c r="AJ4159" s="137"/>
      <c r="AK4159" s="137"/>
      <c r="AL4159" s="137"/>
      <c r="AM4159" s="137"/>
      <c r="AN4159" s="137"/>
      <c r="AO4159" s="137"/>
      <c r="AP4159" s="137"/>
      <c r="AQ4159" s="137"/>
      <c r="AR4159" s="137"/>
      <c r="AS4159" s="137"/>
      <c r="AT4159" s="137"/>
      <c r="AU4159" s="137"/>
      <c r="AV4159" s="137"/>
      <c r="AW4159" s="144"/>
    </row>
    <row r="4160" spans="7:49" x14ac:dyDescent="0.2">
      <c r="G4160" s="43"/>
      <c r="Z4160" s="143"/>
      <c r="AA4160" s="137"/>
      <c r="AB4160" s="137"/>
      <c r="AC4160" s="137"/>
      <c r="AD4160" s="137"/>
      <c r="AE4160" s="137"/>
      <c r="AF4160" s="137"/>
      <c r="AG4160" s="137"/>
      <c r="AH4160" s="137"/>
      <c r="AI4160" s="137"/>
      <c r="AJ4160" s="137"/>
      <c r="AK4160" s="137"/>
      <c r="AL4160" s="137"/>
      <c r="AM4160" s="137"/>
      <c r="AN4160" s="137"/>
      <c r="AO4160" s="137"/>
      <c r="AP4160" s="137"/>
      <c r="AQ4160" s="137"/>
      <c r="AR4160" s="137"/>
      <c r="AS4160" s="137"/>
      <c r="AT4160" s="137"/>
      <c r="AU4160" s="137"/>
      <c r="AV4160" s="137"/>
      <c r="AW4160" s="144"/>
    </row>
    <row r="4161" spans="7:49" x14ac:dyDescent="0.2">
      <c r="G4161" s="43"/>
      <c r="Z4161" s="143"/>
      <c r="AA4161" s="137"/>
      <c r="AB4161" s="137"/>
      <c r="AC4161" s="137"/>
      <c r="AD4161" s="137"/>
      <c r="AE4161" s="137"/>
      <c r="AF4161" s="137"/>
      <c r="AG4161" s="137"/>
      <c r="AH4161" s="137"/>
      <c r="AI4161" s="137"/>
      <c r="AJ4161" s="137"/>
      <c r="AK4161" s="137"/>
      <c r="AL4161" s="137"/>
      <c r="AM4161" s="137"/>
      <c r="AN4161" s="137"/>
      <c r="AO4161" s="137"/>
      <c r="AP4161" s="137"/>
      <c r="AQ4161" s="137"/>
      <c r="AR4161" s="137"/>
      <c r="AS4161" s="137"/>
      <c r="AT4161" s="137"/>
      <c r="AU4161" s="137"/>
      <c r="AV4161" s="137"/>
      <c r="AW4161" s="144"/>
    </row>
    <row r="4162" spans="7:49" x14ac:dyDescent="0.2">
      <c r="G4162" s="43"/>
      <c r="Z4162" s="143"/>
      <c r="AA4162" s="137"/>
      <c r="AB4162" s="137"/>
      <c r="AC4162" s="137"/>
      <c r="AD4162" s="137"/>
      <c r="AE4162" s="137"/>
      <c r="AF4162" s="137"/>
      <c r="AG4162" s="137"/>
      <c r="AH4162" s="137"/>
      <c r="AI4162" s="137"/>
      <c r="AJ4162" s="137"/>
      <c r="AK4162" s="137"/>
      <c r="AL4162" s="137"/>
      <c r="AM4162" s="137"/>
      <c r="AN4162" s="137"/>
      <c r="AO4162" s="137"/>
      <c r="AP4162" s="137"/>
      <c r="AQ4162" s="137"/>
      <c r="AR4162" s="137"/>
      <c r="AS4162" s="137"/>
      <c r="AT4162" s="137"/>
      <c r="AU4162" s="137"/>
      <c r="AV4162" s="137"/>
      <c r="AW4162" s="144"/>
    </row>
    <row r="4163" spans="7:49" x14ac:dyDescent="0.2">
      <c r="G4163" s="43"/>
      <c r="Z4163" s="143"/>
      <c r="AA4163" s="137"/>
      <c r="AB4163" s="137"/>
      <c r="AC4163" s="137"/>
      <c r="AD4163" s="137"/>
      <c r="AE4163" s="137"/>
      <c r="AF4163" s="137"/>
      <c r="AG4163" s="137"/>
      <c r="AH4163" s="137"/>
      <c r="AI4163" s="137"/>
      <c r="AJ4163" s="137"/>
      <c r="AK4163" s="137"/>
      <c r="AL4163" s="137"/>
      <c r="AM4163" s="137"/>
      <c r="AN4163" s="137"/>
      <c r="AO4163" s="137"/>
      <c r="AP4163" s="137"/>
      <c r="AQ4163" s="137"/>
      <c r="AR4163" s="137"/>
      <c r="AS4163" s="137"/>
      <c r="AT4163" s="137"/>
      <c r="AU4163" s="137"/>
      <c r="AV4163" s="137"/>
      <c r="AW4163" s="144"/>
    </row>
    <row r="4164" spans="7:49" x14ac:dyDescent="0.2">
      <c r="G4164" s="43"/>
      <c r="Z4164" s="143"/>
      <c r="AA4164" s="137"/>
      <c r="AB4164" s="137"/>
      <c r="AC4164" s="137"/>
      <c r="AD4164" s="137"/>
      <c r="AE4164" s="137"/>
      <c r="AF4164" s="137"/>
      <c r="AG4164" s="137"/>
      <c r="AH4164" s="137"/>
      <c r="AI4164" s="137"/>
      <c r="AJ4164" s="137"/>
      <c r="AK4164" s="137"/>
      <c r="AL4164" s="137"/>
      <c r="AM4164" s="137"/>
      <c r="AN4164" s="137"/>
      <c r="AO4164" s="137"/>
      <c r="AP4164" s="137"/>
      <c r="AQ4164" s="137"/>
      <c r="AR4164" s="137"/>
      <c r="AS4164" s="137"/>
      <c r="AT4164" s="137"/>
      <c r="AU4164" s="137"/>
      <c r="AV4164" s="137"/>
      <c r="AW4164" s="144"/>
    </row>
    <row r="4165" spans="7:49" x14ac:dyDescent="0.2">
      <c r="G4165" s="43"/>
      <c r="Z4165" s="143"/>
      <c r="AA4165" s="137"/>
      <c r="AB4165" s="137"/>
      <c r="AC4165" s="137"/>
      <c r="AD4165" s="137"/>
      <c r="AE4165" s="137"/>
      <c r="AF4165" s="137"/>
      <c r="AG4165" s="137"/>
      <c r="AH4165" s="137"/>
      <c r="AI4165" s="137"/>
      <c r="AJ4165" s="137"/>
      <c r="AK4165" s="137"/>
      <c r="AL4165" s="137"/>
      <c r="AM4165" s="137"/>
      <c r="AN4165" s="137"/>
      <c r="AO4165" s="137"/>
      <c r="AP4165" s="137"/>
      <c r="AQ4165" s="137"/>
      <c r="AR4165" s="137"/>
      <c r="AS4165" s="137"/>
      <c r="AT4165" s="137"/>
      <c r="AU4165" s="137"/>
      <c r="AV4165" s="137"/>
      <c r="AW4165" s="144"/>
    </row>
    <row r="4166" spans="7:49" x14ac:dyDescent="0.2">
      <c r="G4166" s="43"/>
      <c r="Z4166" s="143"/>
      <c r="AA4166" s="137"/>
      <c r="AB4166" s="137"/>
      <c r="AC4166" s="137"/>
      <c r="AD4166" s="137"/>
      <c r="AE4166" s="137"/>
      <c r="AF4166" s="137"/>
      <c r="AG4166" s="137"/>
      <c r="AH4166" s="137"/>
      <c r="AI4166" s="137"/>
      <c r="AJ4166" s="137"/>
      <c r="AK4166" s="137"/>
      <c r="AL4166" s="137"/>
      <c r="AM4166" s="137"/>
      <c r="AN4166" s="137"/>
      <c r="AO4166" s="137"/>
      <c r="AP4166" s="137"/>
      <c r="AQ4166" s="137"/>
      <c r="AR4166" s="137"/>
      <c r="AS4166" s="137"/>
      <c r="AT4166" s="137"/>
      <c r="AU4166" s="137"/>
      <c r="AV4166" s="137"/>
      <c r="AW4166" s="144"/>
    </row>
    <row r="4167" spans="7:49" x14ac:dyDescent="0.2">
      <c r="G4167" s="43"/>
      <c r="Z4167" s="143"/>
      <c r="AA4167" s="137"/>
      <c r="AB4167" s="137"/>
      <c r="AC4167" s="137"/>
      <c r="AD4167" s="137"/>
      <c r="AE4167" s="137"/>
      <c r="AF4167" s="137"/>
      <c r="AG4167" s="137"/>
      <c r="AH4167" s="137"/>
      <c r="AI4167" s="137"/>
      <c r="AJ4167" s="137"/>
      <c r="AK4167" s="137"/>
      <c r="AL4167" s="137"/>
      <c r="AM4167" s="137"/>
      <c r="AN4167" s="137"/>
      <c r="AO4167" s="137"/>
      <c r="AP4167" s="137"/>
      <c r="AQ4167" s="137"/>
      <c r="AR4167" s="137"/>
      <c r="AS4167" s="137"/>
      <c r="AT4167" s="137"/>
      <c r="AU4167" s="137"/>
      <c r="AV4167" s="137"/>
      <c r="AW4167" s="144"/>
    </row>
    <row r="4168" spans="7:49" x14ac:dyDescent="0.2">
      <c r="G4168" s="43"/>
      <c r="Z4168" s="143"/>
      <c r="AA4168" s="137"/>
      <c r="AB4168" s="137"/>
      <c r="AC4168" s="137"/>
      <c r="AD4168" s="137"/>
      <c r="AE4168" s="137"/>
      <c r="AF4168" s="137"/>
      <c r="AG4168" s="137"/>
      <c r="AH4168" s="137"/>
      <c r="AI4168" s="137"/>
      <c r="AJ4168" s="137"/>
      <c r="AK4168" s="137"/>
      <c r="AL4168" s="137"/>
      <c r="AM4168" s="137"/>
      <c r="AN4168" s="137"/>
      <c r="AO4168" s="137"/>
      <c r="AP4168" s="137"/>
      <c r="AQ4168" s="137"/>
      <c r="AR4168" s="137"/>
      <c r="AS4168" s="137"/>
      <c r="AT4168" s="137"/>
      <c r="AU4168" s="137"/>
      <c r="AV4168" s="137"/>
      <c r="AW4168" s="144"/>
    </row>
    <row r="4169" spans="7:49" x14ac:dyDescent="0.2">
      <c r="G4169" s="43"/>
      <c r="Z4169" s="143"/>
      <c r="AA4169" s="137"/>
      <c r="AB4169" s="137"/>
      <c r="AC4169" s="137"/>
      <c r="AD4169" s="137"/>
      <c r="AE4169" s="137"/>
      <c r="AF4169" s="137"/>
      <c r="AG4169" s="137"/>
      <c r="AH4169" s="137"/>
      <c r="AI4169" s="137"/>
      <c r="AJ4169" s="137"/>
      <c r="AK4169" s="137"/>
      <c r="AL4169" s="137"/>
      <c r="AM4169" s="137"/>
      <c r="AN4169" s="137"/>
      <c r="AO4169" s="137"/>
      <c r="AP4169" s="137"/>
      <c r="AQ4169" s="137"/>
      <c r="AR4169" s="137"/>
      <c r="AS4169" s="137"/>
      <c r="AT4169" s="137"/>
      <c r="AU4169" s="137"/>
      <c r="AV4169" s="137"/>
      <c r="AW4169" s="144"/>
    </row>
    <row r="4170" spans="7:49" x14ac:dyDescent="0.2">
      <c r="G4170" s="43"/>
      <c r="Z4170" s="143"/>
      <c r="AA4170" s="137"/>
      <c r="AB4170" s="137"/>
      <c r="AC4170" s="137"/>
      <c r="AD4170" s="137"/>
      <c r="AE4170" s="137"/>
      <c r="AF4170" s="137"/>
      <c r="AG4170" s="137"/>
      <c r="AH4170" s="137"/>
      <c r="AI4170" s="137"/>
      <c r="AJ4170" s="137"/>
      <c r="AK4170" s="137"/>
      <c r="AL4170" s="137"/>
      <c r="AM4170" s="137"/>
      <c r="AN4170" s="137"/>
      <c r="AO4170" s="137"/>
      <c r="AP4170" s="137"/>
      <c r="AQ4170" s="137"/>
      <c r="AR4170" s="137"/>
      <c r="AS4170" s="137"/>
      <c r="AT4170" s="137"/>
      <c r="AU4170" s="137"/>
      <c r="AV4170" s="137"/>
      <c r="AW4170" s="144"/>
    </row>
    <row r="4171" spans="7:49" x14ac:dyDescent="0.2">
      <c r="G4171" s="43"/>
      <c r="Z4171" s="143"/>
      <c r="AA4171" s="137"/>
      <c r="AB4171" s="137"/>
      <c r="AC4171" s="137"/>
      <c r="AD4171" s="137"/>
      <c r="AE4171" s="137"/>
      <c r="AF4171" s="137"/>
      <c r="AG4171" s="137"/>
      <c r="AH4171" s="137"/>
      <c r="AI4171" s="137"/>
      <c r="AJ4171" s="137"/>
      <c r="AK4171" s="137"/>
      <c r="AL4171" s="137"/>
      <c r="AM4171" s="137"/>
      <c r="AN4171" s="137"/>
      <c r="AO4171" s="137"/>
      <c r="AP4171" s="137"/>
      <c r="AQ4171" s="137"/>
      <c r="AR4171" s="137"/>
      <c r="AS4171" s="137"/>
      <c r="AT4171" s="137"/>
      <c r="AU4171" s="137"/>
      <c r="AV4171" s="137"/>
      <c r="AW4171" s="144"/>
    </row>
    <row r="4172" spans="7:49" x14ac:dyDescent="0.2">
      <c r="G4172" s="43"/>
      <c r="Z4172" s="143"/>
      <c r="AA4172" s="137"/>
      <c r="AB4172" s="137"/>
      <c r="AC4172" s="137"/>
      <c r="AD4172" s="137"/>
      <c r="AE4172" s="137"/>
      <c r="AF4172" s="137"/>
      <c r="AG4172" s="137"/>
      <c r="AH4172" s="137"/>
      <c r="AI4172" s="137"/>
      <c r="AJ4172" s="137"/>
      <c r="AK4172" s="137"/>
      <c r="AL4172" s="137"/>
      <c r="AM4172" s="137"/>
      <c r="AN4172" s="137"/>
      <c r="AO4172" s="137"/>
      <c r="AP4172" s="137"/>
      <c r="AQ4172" s="137"/>
      <c r="AR4172" s="137"/>
      <c r="AS4172" s="137"/>
      <c r="AT4172" s="137"/>
      <c r="AU4172" s="137"/>
      <c r="AV4172" s="137"/>
      <c r="AW4172" s="144"/>
    </row>
    <row r="4173" spans="7:49" x14ac:dyDescent="0.2">
      <c r="G4173" s="43"/>
      <c r="Z4173" s="143"/>
      <c r="AA4173" s="137"/>
      <c r="AB4173" s="137"/>
      <c r="AC4173" s="137"/>
      <c r="AD4173" s="137"/>
      <c r="AE4173" s="137"/>
      <c r="AF4173" s="137"/>
      <c r="AG4173" s="137"/>
      <c r="AH4173" s="137"/>
      <c r="AI4173" s="137"/>
      <c r="AJ4173" s="137"/>
      <c r="AK4173" s="137"/>
      <c r="AL4173" s="137"/>
      <c r="AM4173" s="137"/>
      <c r="AN4173" s="137"/>
      <c r="AO4173" s="137"/>
      <c r="AP4173" s="137"/>
      <c r="AQ4173" s="137"/>
      <c r="AR4173" s="137"/>
      <c r="AS4173" s="137"/>
      <c r="AT4173" s="137"/>
      <c r="AU4173" s="137"/>
      <c r="AV4173" s="137"/>
      <c r="AW4173" s="144"/>
    </row>
    <row r="4174" spans="7:49" x14ac:dyDescent="0.2">
      <c r="G4174" s="43"/>
      <c r="Z4174" s="143"/>
      <c r="AA4174" s="137"/>
      <c r="AB4174" s="137"/>
      <c r="AC4174" s="137"/>
      <c r="AD4174" s="137"/>
      <c r="AE4174" s="137"/>
      <c r="AF4174" s="137"/>
      <c r="AG4174" s="137"/>
      <c r="AH4174" s="137"/>
      <c r="AI4174" s="137"/>
      <c r="AJ4174" s="137"/>
      <c r="AK4174" s="137"/>
      <c r="AL4174" s="137"/>
      <c r="AM4174" s="137"/>
      <c r="AN4174" s="137"/>
      <c r="AO4174" s="137"/>
      <c r="AP4174" s="137"/>
      <c r="AQ4174" s="137"/>
      <c r="AR4174" s="137"/>
      <c r="AS4174" s="137"/>
      <c r="AT4174" s="137"/>
      <c r="AU4174" s="137"/>
      <c r="AV4174" s="137"/>
      <c r="AW4174" s="144"/>
    </row>
    <row r="4175" spans="7:49" x14ac:dyDescent="0.2">
      <c r="G4175" s="43"/>
      <c r="Z4175" s="143"/>
      <c r="AA4175" s="137"/>
      <c r="AB4175" s="137"/>
      <c r="AC4175" s="137"/>
      <c r="AD4175" s="137"/>
      <c r="AE4175" s="137"/>
      <c r="AF4175" s="137"/>
      <c r="AG4175" s="137"/>
      <c r="AH4175" s="137"/>
      <c r="AI4175" s="137"/>
      <c r="AJ4175" s="137"/>
      <c r="AK4175" s="137"/>
      <c r="AL4175" s="137"/>
      <c r="AM4175" s="137"/>
      <c r="AN4175" s="137"/>
      <c r="AO4175" s="137"/>
      <c r="AP4175" s="137"/>
      <c r="AQ4175" s="137"/>
      <c r="AR4175" s="137"/>
      <c r="AS4175" s="137"/>
      <c r="AT4175" s="137"/>
      <c r="AU4175" s="137"/>
      <c r="AV4175" s="137"/>
      <c r="AW4175" s="144"/>
    </row>
    <row r="4176" spans="7:49" x14ac:dyDescent="0.2">
      <c r="G4176" s="43"/>
      <c r="Z4176" s="143"/>
      <c r="AA4176" s="137"/>
      <c r="AB4176" s="137"/>
      <c r="AC4176" s="137"/>
      <c r="AD4176" s="137"/>
      <c r="AE4176" s="137"/>
      <c r="AF4176" s="137"/>
      <c r="AG4176" s="137"/>
      <c r="AH4176" s="137"/>
      <c r="AI4176" s="137"/>
      <c r="AJ4176" s="137"/>
      <c r="AK4176" s="137"/>
      <c r="AL4176" s="137"/>
      <c r="AM4176" s="137"/>
      <c r="AN4176" s="137"/>
      <c r="AO4176" s="137"/>
      <c r="AP4176" s="137"/>
      <c r="AQ4176" s="137"/>
      <c r="AR4176" s="137"/>
      <c r="AS4176" s="137"/>
      <c r="AT4176" s="137"/>
      <c r="AU4176" s="137"/>
      <c r="AV4176" s="137"/>
      <c r="AW4176" s="144"/>
    </row>
    <row r="4177" spans="7:49" x14ac:dyDescent="0.2">
      <c r="G4177" s="43"/>
      <c r="Z4177" s="143"/>
      <c r="AA4177" s="137"/>
      <c r="AB4177" s="137"/>
      <c r="AC4177" s="137"/>
      <c r="AD4177" s="137"/>
      <c r="AE4177" s="137"/>
      <c r="AF4177" s="137"/>
      <c r="AG4177" s="137"/>
      <c r="AH4177" s="137"/>
      <c r="AI4177" s="137"/>
      <c r="AJ4177" s="137"/>
      <c r="AK4177" s="137"/>
      <c r="AL4177" s="137"/>
      <c r="AM4177" s="137"/>
      <c r="AN4177" s="137"/>
      <c r="AO4177" s="137"/>
      <c r="AP4177" s="137"/>
      <c r="AQ4177" s="137"/>
      <c r="AR4177" s="137"/>
      <c r="AS4177" s="137"/>
      <c r="AT4177" s="137"/>
      <c r="AU4177" s="137"/>
      <c r="AV4177" s="137"/>
      <c r="AW4177" s="144"/>
    </row>
    <row r="4178" spans="7:49" x14ac:dyDescent="0.2">
      <c r="G4178" s="43"/>
      <c r="Z4178" s="143"/>
      <c r="AA4178" s="137"/>
      <c r="AB4178" s="137"/>
      <c r="AC4178" s="137"/>
      <c r="AD4178" s="137"/>
      <c r="AE4178" s="137"/>
      <c r="AF4178" s="137"/>
      <c r="AG4178" s="137"/>
      <c r="AH4178" s="137"/>
      <c r="AI4178" s="137"/>
      <c r="AJ4178" s="137"/>
      <c r="AK4178" s="137"/>
      <c r="AL4178" s="137"/>
      <c r="AM4178" s="137"/>
      <c r="AN4178" s="137"/>
      <c r="AO4178" s="137"/>
      <c r="AP4178" s="137"/>
      <c r="AQ4178" s="137"/>
      <c r="AR4178" s="137"/>
      <c r="AS4178" s="137"/>
      <c r="AT4178" s="137"/>
      <c r="AU4178" s="137"/>
      <c r="AV4178" s="137"/>
      <c r="AW4178" s="144"/>
    </row>
    <row r="4179" spans="7:49" x14ac:dyDescent="0.2">
      <c r="G4179" s="43"/>
      <c r="Z4179" s="143"/>
      <c r="AA4179" s="137"/>
      <c r="AB4179" s="137"/>
      <c r="AC4179" s="137"/>
      <c r="AD4179" s="137"/>
      <c r="AE4179" s="137"/>
      <c r="AF4179" s="137"/>
      <c r="AG4179" s="137"/>
      <c r="AH4179" s="137"/>
      <c r="AI4179" s="137"/>
      <c r="AJ4179" s="137"/>
      <c r="AK4179" s="137"/>
      <c r="AL4179" s="137"/>
      <c r="AM4179" s="137"/>
      <c r="AN4179" s="137"/>
      <c r="AO4179" s="137"/>
      <c r="AP4179" s="137"/>
      <c r="AQ4179" s="137"/>
      <c r="AR4179" s="137"/>
      <c r="AS4179" s="137"/>
      <c r="AT4179" s="137"/>
      <c r="AU4179" s="137"/>
      <c r="AV4179" s="137"/>
      <c r="AW4179" s="144"/>
    </row>
    <row r="4180" spans="7:49" x14ac:dyDescent="0.2">
      <c r="G4180" s="43"/>
      <c r="Z4180" s="143"/>
      <c r="AA4180" s="137"/>
      <c r="AB4180" s="137"/>
      <c r="AC4180" s="137"/>
      <c r="AD4180" s="137"/>
      <c r="AE4180" s="137"/>
      <c r="AF4180" s="137"/>
      <c r="AG4180" s="137"/>
      <c r="AH4180" s="137"/>
      <c r="AI4180" s="137"/>
      <c r="AJ4180" s="137"/>
      <c r="AK4180" s="137"/>
      <c r="AL4180" s="137"/>
      <c r="AM4180" s="137"/>
      <c r="AN4180" s="137"/>
      <c r="AO4180" s="137"/>
      <c r="AP4180" s="137"/>
      <c r="AQ4180" s="137"/>
      <c r="AR4180" s="137"/>
      <c r="AS4180" s="137"/>
      <c r="AT4180" s="137"/>
      <c r="AU4180" s="137"/>
      <c r="AV4180" s="137"/>
      <c r="AW4180" s="144"/>
    </row>
    <row r="4181" spans="7:49" x14ac:dyDescent="0.2">
      <c r="G4181" s="43"/>
      <c r="Z4181" s="143"/>
      <c r="AA4181" s="137"/>
      <c r="AB4181" s="137"/>
      <c r="AC4181" s="137"/>
      <c r="AD4181" s="137"/>
      <c r="AE4181" s="137"/>
      <c r="AF4181" s="137"/>
      <c r="AG4181" s="137"/>
      <c r="AH4181" s="137"/>
      <c r="AI4181" s="137"/>
      <c r="AJ4181" s="137"/>
      <c r="AK4181" s="137"/>
      <c r="AL4181" s="137"/>
      <c r="AM4181" s="137"/>
      <c r="AN4181" s="137"/>
      <c r="AO4181" s="137"/>
      <c r="AP4181" s="137"/>
      <c r="AQ4181" s="137"/>
      <c r="AR4181" s="137"/>
      <c r="AS4181" s="137"/>
      <c r="AT4181" s="137"/>
      <c r="AU4181" s="137"/>
      <c r="AV4181" s="137"/>
      <c r="AW4181" s="144"/>
    </row>
    <row r="4182" spans="7:49" x14ac:dyDescent="0.2">
      <c r="G4182" s="43"/>
      <c r="Z4182" s="143"/>
      <c r="AA4182" s="137"/>
      <c r="AB4182" s="137"/>
      <c r="AC4182" s="137"/>
      <c r="AD4182" s="137"/>
      <c r="AE4182" s="137"/>
      <c r="AF4182" s="137"/>
      <c r="AG4182" s="137"/>
      <c r="AH4182" s="137"/>
      <c r="AI4182" s="137"/>
      <c r="AJ4182" s="137"/>
      <c r="AK4182" s="137"/>
      <c r="AL4182" s="137"/>
      <c r="AM4182" s="137"/>
      <c r="AN4182" s="137"/>
      <c r="AO4182" s="137"/>
      <c r="AP4182" s="137"/>
      <c r="AQ4182" s="137"/>
      <c r="AR4182" s="137"/>
      <c r="AS4182" s="137"/>
      <c r="AT4182" s="137"/>
      <c r="AU4182" s="137"/>
      <c r="AV4182" s="137"/>
      <c r="AW4182" s="144"/>
    </row>
    <row r="4183" spans="7:49" x14ac:dyDescent="0.2">
      <c r="G4183" s="43"/>
      <c r="Z4183" s="143"/>
      <c r="AA4183" s="137"/>
      <c r="AB4183" s="137"/>
      <c r="AC4183" s="137"/>
      <c r="AD4183" s="137"/>
      <c r="AE4183" s="137"/>
      <c r="AF4183" s="137"/>
      <c r="AG4183" s="137"/>
      <c r="AH4183" s="137"/>
      <c r="AI4183" s="137"/>
      <c r="AJ4183" s="137"/>
      <c r="AK4183" s="137"/>
      <c r="AL4183" s="137"/>
      <c r="AM4183" s="137"/>
      <c r="AN4183" s="137"/>
      <c r="AO4183" s="137"/>
      <c r="AP4183" s="137"/>
      <c r="AQ4183" s="137"/>
      <c r="AR4183" s="137"/>
      <c r="AS4183" s="137"/>
      <c r="AT4183" s="137"/>
      <c r="AU4183" s="137"/>
      <c r="AV4183" s="137"/>
      <c r="AW4183" s="144"/>
    </row>
    <row r="4184" spans="7:49" x14ac:dyDescent="0.2">
      <c r="G4184" s="43"/>
      <c r="Z4184" s="143"/>
      <c r="AA4184" s="137"/>
      <c r="AB4184" s="137"/>
      <c r="AC4184" s="137"/>
      <c r="AD4184" s="137"/>
      <c r="AE4184" s="137"/>
      <c r="AF4184" s="137"/>
      <c r="AG4184" s="137"/>
      <c r="AH4184" s="137"/>
      <c r="AI4184" s="137"/>
      <c r="AJ4184" s="137"/>
      <c r="AK4184" s="137"/>
      <c r="AL4184" s="137"/>
      <c r="AM4184" s="137"/>
      <c r="AN4184" s="137"/>
      <c r="AO4184" s="137"/>
      <c r="AP4184" s="137"/>
      <c r="AQ4184" s="137"/>
      <c r="AR4184" s="137"/>
      <c r="AS4184" s="137"/>
      <c r="AT4184" s="137"/>
      <c r="AU4184" s="137"/>
      <c r="AV4184" s="137"/>
      <c r="AW4184" s="144"/>
    </row>
    <row r="4185" spans="7:49" x14ac:dyDescent="0.2">
      <c r="G4185" s="43"/>
      <c r="Z4185" s="143"/>
      <c r="AA4185" s="137"/>
      <c r="AB4185" s="137"/>
      <c r="AC4185" s="137"/>
      <c r="AD4185" s="137"/>
      <c r="AE4185" s="137"/>
      <c r="AF4185" s="137"/>
      <c r="AG4185" s="137"/>
      <c r="AH4185" s="137"/>
      <c r="AI4185" s="137"/>
      <c r="AJ4185" s="137"/>
      <c r="AK4185" s="137"/>
      <c r="AL4185" s="137"/>
      <c r="AM4185" s="137"/>
      <c r="AN4185" s="137"/>
      <c r="AO4185" s="137"/>
      <c r="AP4185" s="137"/>
      <c r="AQ4185" s="137"/>
      <c r="AR4185" s="137"/>
      <c r="AS4185" s="137"/>
      <c r="AT4185" s="137"/>
      <c r="AU4185" s="137"/>
      <c r="AV4185" s="137"/>
      <c r="AW4185" s="144"/>
    </row>
    <row r="4186" spans="7:49" x14ac:dyDescent="0.2">
      <c r="G4186" s="43"/>
      <c r="Z4186" s="143"/>
      <c r="AA4186" s="137"/>
      <c r="AB4186" s="137"/>
      <c r="AC4186" s="137"/>
      <c r="AD4186" s="137"/>
      <c r="AE4186" s="137"/>
      <c r="AF4186" s="137"/>
      <c r="AG4186" s="137"/>
      <c r="AH4186" s="137"/>
      <c r="AI4186" s="137"/>
      <c r="AJ4186" s="137"/>
      <c r="AK4186" s="137"/>
      <c r="AL4186" s="137"/>
      <c r="AM4186" s="137"/>
      <c r="AN4186" s="137"/>
      <c r="AO4186" s="137"/>
      <c r="AP4186" s="137"/>
      <c r="AQ4186" s="137"/>
      <c r="AR4186" s="137"/>
      <c r="AS4186" s="137"/>
      <c r="AT4186" s="137"/>
      <c r="AU4186" s="137"/>
      <c r="AV4186" s="137"/>
      <c r="AW4186" s="144"/>
    </row>
    <row r="4187" spans="7:49" x14ac:dyDescent="0.2">
      <c r="G4187" s="43"/>
      <c r="Z4187" s="143"/>
      <c r="AA4187" s="137"/>
      <c r="AB4187" s="137"/>
      <c r="AC4187" s="137"/>
      <c r="AD4187" s="137"/>
      <c r="AE4187" s="137"/>
      <c r="AF4187" s="137"/>
      <c r="AG4187" s="137"/>
      <c r="AH4187" s="137"/>
      <c r="AI4187" s="137"/>
      <c r="AJ4187" s="137"/>
      <c r="AK4187" s="137"/>
      <c r="AL4187" s="137"/>
      <c r="AM4187" s="137"/>
      <c r="AN4187" s="137"/>
      <c r="AO4187" s="137"/>
      <c r="AP4187" s="137"/>
      <c r="AQ4187" s="137"/>
      <c r="AR4187" s="137"/>
      <c r="AS4187" s="137"/>
      <c r="AT4187" s="137"/>
      <c r="AU4187" s="137"/>
      <c r="AV4187" s="137"/>
      <c r="AW4187" s="144"/>
    </row>
    <row r="4188" spans="7:49" x14ac:dyDescent="0.2">
      <c r="G4188" s="43"/>
      <c r="Z4188" s="143"/>
      <c r="AA4188" s="137"/>
      <c r="AB4188" s="137"/>
      <c r="AC4188" s="137"/>
      <c r="AD4188" s="137"/>
      <c r="AE4188" s="137"/>
      <c r="AF4188" s="137"/>
      <c r="AG4188" s="137"/>
      <c r="AH4188" s="137"/>
      <c r="AI4188" s="137"/>
      <c r="AJ4188" s="137"/>
      <c r="AK4188" s="137"/>
      <c r="AL4188" s="137"/>
      <c r="AM4188" s="137"/>
      <c r="AN4188" s="137"/>
      <c r="AO4188" s="137"/>
      <c r="AP4188" s="137"/>
      <c r="AQ4188" s="137"/>
      <c r="AR4188" s="137"/>
      <c r="AS4188" s="137"/>
      <c r="AT4188" s="137"/>
      <c r="AU4188" s="137"/>
      <c r="AV4188" s="137"/>
      <c r="AW4188" s="144"/>
    </row>
    <row r="4189" spans="7:49" x14ac:dyDescent="0.2">
      <c r="G4189" s="43"/>
      <c r="Z4189" s="143"/>
      <c r="AA4189" s="137"/>
      <c r="AB4189" s="137"/>
      <c r="AC4189" s="137"/>
      <c r="AD4189" s="137"/>
      <c r="AE4189" s="137"/>
      <c r="AF4189" s="137"/>
      <c r="AG4189" s="137"/>
      <c r="AH4189" s="137"/>
      <c r="AI4189" s="137"/>
      <c r="AJ4189" s="137"/>
      <c r="AK4189" s="137"/>
      <c r="AL4189" s="137"/>
      <c r="AM4189" s="137"/>
      <c r="AN4189" s="137"/>
      <c r="AO4189" s="137"/>
      <c r="AP4189" s="137"/>
      <c r="AQ4189" s="137"/>
      <c r="AR4189" s="137"/>
      <c r="AS4189" s="137"/>
      <c r="AT4189" s="137"/>
      <c r="AU4189" s="137"/>
      <c r="AV4189" s="137"/>
      <c r="AW4189" s="144"/>
    </row>
    <row r="4190" spans="7:49" x14ac:dyDescent="0.2">
      <c r="G4190" s="43"/>
      <c r="Z4190" s="143"/>
      <c r="AA4190" s="137"/>
      <c r="AB4190" s="137"/>
      <c r="AC4190" s="137"/>
      <c r="AD4190" s="137"/>
      <c r="AE4190" s="137"/>
      <c r="AF4190" s="137"/>
      <c r="AG4190" s="137"/>
      <c r="AH4190" s="137"/>
      <c r="AI4190" s="137"/>
      <c r="AJ4190" s="137"/>
      <c r="AK4190" s="137"/>
      <c r="AL4190" s="137"/>
      <c r="AM4190" s="137"/>
      <c r="AN4190" s="137"/>
      <c r="AO4190" s="137"/>
      <c r="AP4190" s="137"/>
      <c r="AQ4190" s="137"/>
      <c r="AR4190" s="137"/>
      <c r="AS4190" s="137"/>
      <c r="AT4190" s="137"/>
      <c r="AU4190" s="137"/>
      <c r="AV4190" s="137"/>
      <c r="AW4190" s="144"/>
    </row>
    <row r="4191" spans="7:49" x14ac:dyDescent="0.2">
      <c r="G4191" s="43"/>
      <c r="Z4191" s="143"/>
      <c r="AA4191" s="137"/>
      <c r="AB4191" s="137"/>
      <c r="AC4191" s="137"/>
      <c r="AD4191" s="137"/>
      <c r="AE4191" s="137"/>
      <c r="AF4191" s="137"/>
      <c r="AG4191" s="137"/>
      <c r="AH4191" s="137"/>
      <c r="AI4191" s="137"/>
      <c r="AJ4191" s="137"/>
      <c r="AK4191" s="137"/>
      <c r="AL4191" s="137"/>
      <c r="AM4191" s="137"/>
      <c r="AN4191" s="137"/>
      <c r="AO4191" s="137"/>
      <c r="AP4191" s="137"/>
      <c r="AQ4191" s="137"/>
      <c r="AR4191" s="137"/>
      <c r="AS4191" s="137"/>
      <c r="AT4191" s="137"/>
      <c r="AU4191" s="137"/>
      <c r="AV4191" s="137"/>
      <c r="AW4191" s="144"/>
    </row>
    <row r="4192" spans="7:49" x14ac:dyDescent="0.2">
      <c r="G4192" s="43"/>
      <c r="Z4192" s="143"/>
      <c r="AA4192" s="137"/>
      <c r="AB4192" s="137"/>
      <c r="AC4192" s="137"/>
      <c r="AD4192" s="137"/>
      <c r="AE4192" s="137"/>
      <c r="AF4192" s="137"/>
      <c r="AG4192" s="137"/>
      <c r="AH4192" s="137"/>
      <c r="AI4192" s="137"/>
      <c r="AJ4192" s="137"/>
      <c r="AK4192" s="137"/>
      <c r="AL4192" s="137"/>
      <c r="AM4192" s="137"/>
      <c r="AN4192" s="137"/>
      <c r="AO4192" s="137"/>
      <c r="AP4192" s="137"/>
      <c r="AQ4192" s="137"/>
      <c r="AR4192" s="137"/>
      <c r="AS4192" s="137"/>
      <c r="AT4192" s="137"/>
      <c r="AU4192" s="137"/>
      <c r="AV4192" s="137"/>
      <c r="AW4192" s="144"/>
    </row>
    <row r="4193" spans="7:49" x14ac:dyDescent="0.2">
      <c r="G4193" s="43"/>
      <c r="Z4193" s="143"/>
      <c r="AA4193" s="137"/>
      <c r="AB4193" s="137"/>
      <c r="AC4193" s="137"/>
      <c r="AD4193" s="137"/>
      <c r="AE4193" s="137"/>
      <c r="AF4193" s="137"/>
      <c r="AG4193" s="137"/>
      <c r="AH4193" s="137"/>
      <c r="AI4193" s="137"/>
      <c r="AJ4193" s="137"/>
      <c r="AK4193" s="137"/>
      <c r="AL4193" s="137"/>
      <c r="AM4193" s="137"/>
      <c r="AN4193" s="137"/>
      <c r="AO4193" s="137"/>
      <c r="AP4193" s="137"/>
      <c r="AQ4193" s="137"/>
      <c r="AR4193" s="137"/>
      <c r="AS4193" s="137"/>
      <c r="AT4193" s="137"/>
      <c r="AU4193" s="137"/>
      <c r="AV4193" s="137"/>
      <c r="AW4193" s="144"/>
    </row>
    <row r="4194" spans="7:49" x14ac:dyDescent="0.2">
      <c r="G4194" s="43"/>
      <c r="Z4194" s="143"/>
      <c r="AA4194" s="137"/>
      <c r="AB4194" s="137"/>
      <c r="AC4194" s="137"/>
      <c r="AD4194" s="137"/>
      <c r="AE4194" s="137"/>
      <c r="AF4194" s="137"/>
      <c r="AG4194" s="137"/>
      <c r="AH4194" s="137"/>
      <c r="AI4194" s="137"/>
      <c r="AJ4194" s="137"/>
      <c r="AK4194" s="137"/>
      <c r="AL4194" s="137"/>
      <c r="AM4194" s="137"/>
      <c r="AN4194" s="137"/>
      <c r="AO4194" s="137"/>
      <c r="AP4194" s="137"/>
      <c r="AQ4194" s="137"/>
      <c r="AR4194" s="137"/>
      <c r="AS4194" s="137"/>
      <c r="AT4194" s="137"/>
      <c r="AU4194" s="137"/>
      <c r="AV4194" s="137"/>
      <c r="AW4194" s="144"/>
    </row>
    <row r="4195" spans="7:49" x14ac:dyDescent="0.2">
      <c r="G4195" s="43"/>
      <c r="Z4195" s="143"/>
      <c r="AA4195" s="137"/>
      <c r="AB4195" s="137"/>
      <c r="AC4195" s="137"/>
      <c r="AD4195" s="137"/>
      <c r="AE4195" s="137"/>
      <c r="AF4195" s="137"/>
      <c r="AG4195" s="137"/>
      <c r="AH4195" s="137"/>
      <c r="AI4195" s="137"/>
      <c r="AJ4195" s="137"/>
      <c r="AK4195" s="137"/>
      <c r="AL4195" s="137"/>
      <c r="AM4195" s="137"/>
      <c r="AN4195" s="137"/>
      <c r="AO4195" s="137"/>
      <c r="AP4195" s="137"/>
      <c r="AQ4195" s="137"/>
      <c r="AR4195" s="137"/>
      <c r="AS4195" s="137"/>
      <c r="AT4195" s="137"/>
      <c r="AU4195" s="137"/>
      <c r="AV4195" s="137"/>
      <c r="AW4195" s="144"/>
    </row>
    <row r="4196" spans="7:49" x14ac:dyDescent="0.2">
      <c r="G4196" s="43"/>
      <c r="Z4196" s="143"/>
      <c r="AA4196" s="137"/>
      <c r="AB4196" s="137"/>
      <c r="AC4196" s="137"/>
      <c r="AD4196" s="137"/>
      <c r="AE4196" s="137"/>
      <c r="AF4196" s="137"/>
      <c r="AG4196" s="137"/>
      <c r="AH4196" s="137"/>
      <c r="AI4196" s="137"/>
      <c r="AJ4196" s="137"/>
      <c r="AK4196" s="137"/>
      <c r="AL4196" s="137"/>
      <c r="AM4196" s="137"/>
      <c r="AN4196" s="137"/>
      <c r="AO4196" s="137"/>
      <c r="AP4196" s="137"/>
      <c r="AQ4196" s="137"/>
      <c r="AR4196" s="137"/>
      <c r="AS4196" s="137"/>
      <c r="AT4196" s="137"/>
      <c r="AU4196" s="137"/>
      <c r="AV4196" s="137"/>
      <c r="AW4196" s="144"/>
    </row>
    <row r="4197" spans="7:49" x14ac:dyDescent="0.2">
      <c r="G4197" s="43"/>
      <c r="Z4197" s="143"/>
      <c r="AA4197" s="137"/>
      <c r="AB4197" s="137"/>
      <c r="AC4197" s="137"/>
      <c r="AD4197" s="137"/>
      <c r="AE4197" s="137"/>
      <c r="AF4197" s="137"/>
      <c r="AG4197" s="137"/>
      <c r="AH4197" s="137"/>
      <c r="AI4197" s="137"/>
      <c r="AJ4197" s="137"/>
      <c r="AK4197" s="137"/>
      <c r="AL4197" s="137"/>
      <c r="AM4197" s="137"/>
      <c r="AN4197" s="137"/>
      <c r="AO4197" s="137"/>
      <c r="AP4197" s="137"/>
      <c r="AQ4197" s="137"/>
      <c r="AR4197" s="137"/>
      <c r="AS4197" s="137"/>
      <c r="AT4197" s="137"/>
      <c r="AU4197" s="137"/>
      <c r="AV4197" s="137"/>
      <c r="AW4197" s="144"/>
    </row>
    <row r="4198" spans="7:49" x14ac:dyDescent="0.2">
      <c r="G4198" s="43"/>
      <c r="Z4198" s="143"/>
      <c r="AA4198" s="137"/>
      <c r="AB4198" s="137"/>
      <c r="AC4198" s="137"/>
      <c r="AD4198" s="137"/>
      <c r="AE4198" s="137"/>
      <c r="AF4198" s="137"/>
      <c r="AG4198" s="137"/>
      <c r="AH4198" s="137"/>
      <c r="AI4198" s="137"/>
      <c r="AJ4198" s="137"/>
      <c r="AK4198" s="137"/>
      <c r="AL4198" s="137"/>
      <c r="AM4198" s="137"/>
      <c r="AN4198" s="137"/>
      <c r="AO4198" s="137"/>
      <c r="AP4198" s="137"/>
      <c r="AQ4198" s="137"/>
      <c r="AR4198" s="137"/>
      <c r="AS4198" s="137"/>
      <c r="AT4198" s="137"/>
      <c r="AU4198" s="137"/>
      <c r="AV4198" s="137"/>
      <c r="AW4198" s="144"/>
    </row>
    <row r="4199" spans="7:49" x14ac:dyDescent="0.2">
      <c r="G4199" s="43"/>
      <c r="Z4199" s="143"/>
      <c r="AA4199" s="137"/>
      <c r="AB4199" s="137"/>
      <c r="AC4199" s="137"/>
      <c r="AD4199" s="137"/>
      <c r="AE4199" s="137"/>
      <c r="AF4199" s="137"/>
      <c r="AG4199" s="137"/>
      <c r="AH4199" s="137"/>
      <c r="AI4199" s="137"/>
      <c r="AJ4199" s="137"/>
      <c r="AK4199" s="137"/>
      <c r="AL4199" s="137"/>
      <c r="AM4199" s="137"/>
      <c r="AN4199" s="137"/>
      <c r="AO4199" s="137"/>
      <c r="AP4199" s="137"/>
      <c r="AQ4199" s="137"/>
      <c r="AR4199" s="137"/>
      <c r="AS4199" s="137"/>
      <c r="AT4199" s="137"/>
      <c r="AU4199" s="137"/>
      <c r="AV4199" s="137"/>
      <c r="AW4199" s="144"/>
    </row>
    <row r="4200" spans="7:49" x14ac:dyDescent="0.2">
      <c r="G4200" s="43"/>
      <c r="Z4200" s="143"/>
      <c r="AA4200" s="137"/>
      <c r="AB4200" s="137"/>
      <c r="AC4200" s="137"/>
      <c r="AD4200" s="137"/>
      <c r="AE4200" s="137"/>
      <c r="AF4200" s="137"/>
      <c r="AG4200" s="137"/>
      <c r="AH4200" s="137"/>
      <c r="AI4200" s="137"/>
      <c r="AJ4200" s="137"/>
      <c r="AK4200" s="137"/>
      <c r="AL4200" s="137"/>
      <c r="AM4200" s="137"/>
      <c r="AN4200" s="137"/>
      <c r="AO4200" s="137"/>
      <c r="AP4200" s="137"/>
      <c r="AQ4200" s="137"/>
      <c r="AR4200" s="137"/>
      <c r="AS4200" s="137"/>
      <c r="AT4200" s="137"/>
      <c r="AU4200" s="137"/>
      <c r="AV4200" s="137"/>
      <c r="AW4200" s="144"/>
    </row>
    <row r="4201" spans="7:49" x14ac:dyDescent="0.2">
      <c r="G4201" s="43"/>
      <c r="Z4201" s="143"/>
      <c r="AA4201" s="137"/>
      <c r="AB4201" s="137"/>
      <c r="AC4201" s="137"/>
      <c r="AD4201" s="137"/>
      <c r="AE4201" s="137"/>
      <c r="AF4201" s="137"/>
      <c r="AG4201" s="137"/>
      <c r="AH4201" s="137"/>
      <c r="AI4201" s="137"/>
      <c r="AJ4201" s="137"/>
      <c r="AK4201" s="137"/>
      <c r="AL4201" s="137"/>
      <c r="AM4201" s="137"/>
      <c r="AN4201" s="137"/>
      <c r="AO4201" s="137"/>
      <c r="AP4201" s="137"/>
      <c r="AQ4201" s="137"/>
      <c r="AR4201" s="137"/>
      <c r="AS4201" s="137"/>
      <c r="AT4201" s="137"/>
      <c r="AU4201" s="137"/>
      <c r="AV4201" s="137"/>
      <c r="AW4201" s="144"/>
    </row>
    <row r="4202" spans="7:49" x14ac:dyDescent="0.2">
      <c r="G4202" s="43"/>
      <c r="Z4202" s="143"/>
      <c r="AA4202" s="137"/>
      <c r="AB4202" s="137"/>
      <c r="AC4202" s="137"/>
      <c r="AD4202" s="137"/>
      <c r="AE4202" s="137"/>
      <c r="AF4202" s="137"/>
      <c r="AG4202" s="137"/>
      <c r="AH4202" s="137"/>
      <c r="AI4202" s="137"/>
      <c r="AJ4202" s="137"/>
      <c r="AK4202" s="137"/>
      <c r="AL4202" s="137"/>
      <c r="AM4202" s="137"/>
      <c r="AN4202" s="137"/>
      <c r="AO4202" s="137"/>
      <c r="AP4202" s="137"/>
      <c r="AQ4202" s="137"/>
      <c r="AR4202" s="137"/>
      <c r="AS4202" s="137"/>
      <c r="AT4202" s="137"/>
      <c r="AU4202" s="137"/>
      <c r="AV4202" s="137"/>
      <c r="AW4202" s="144"/>
    </row>
    <row r="4203" spans="7:49" x14ac:dyDescent="0.2">
      <c r="G4203" s="43"/>
      <c r="Z4203" s="143"/>
      <c r="AA4203" s="137"/>
      <c r="AB4203" s="137"/>
      <c r="AC4203" s="137"/>
      <c r="AD4203" s="137"/>
      <c r="AE4203" s="137"/>
      <c r="AF4203" s="137"/>
      <c r="AG4203" s="137"/>
      <c r="AH4203" s="137"/>
      <c r="AI4203" s="137"/>
      <c r="AJ4203" s="137"/>
      <c r="AK4203" s="137"/>
      <c r="AL4203" s="137"/>
      <c r="AM4203" s="137"/>
      <c r="AN4203" s="137"/>
      <c r="AO4203" s="137"/>
      <c r="AP4203" s="137"/>
      <c r="AQ4203" s="137"/>
      <c r="AR4203" s="137"/>
      <c r="AS4203" s="137"/>
      <c r="AT4203" s="137"/>
      <c r="AU4203" s="137"/>
      <c r="AV4203" s="137"/>
      <c r="AW4203" s="144"/>
    </row>
    <row r="4204" spans="7:49" x14ac:dyDescent="0.2">
      <c r="G4204" s="43"/>
      <c r="Z4204" s="143"/>
      <c r="AA4204" s="137"/>
      <c r="AB4204" s="137"/>
      <c r="AC4204" s="137"/>
      <c r="AD4204" s="137"/>
      <c r="AE4204" s="137"/>
      <c r="AF4204" s="137"/>
      <c r="AG4204" s="137"/>
      <c r="AH4204" s="137"/>
      <c r="AI4204" s="137"/>
      <c r="AJ4204" s="137"/>
      <c r="AK4204" s="137"/>
      <c r="AL4204" s="137"/>
      <c r="AM4204" s="137"/>
      <c r="AN4204" s="137"/>
      <c r="AO4204" s="137"/>
      <c r="AP4204" s="137"/>
      <c r="AQ4204" s="137"/>
      <c r="AR4204" s="137"/>
      <c r="AS4204" s="137"/>
      <c r="AT4204" s="137"/>
      <c r="AU4204" s="137"/>
      <c r="AV4204" s="137"/>
      <c r="AW4204" s="144"/>
    </row>
    <row r="4205" spans="7:49" x14ac:dyDescent="0.2">
      <c r="G4205" s="43"/>
      <c r="Z4205" s="143"/>
      <c r="AA4205" s="137"/>
      <c r="AB4205" s="137"/>
      <c r="AC4205" s="137"/>
      <c r="AD4205" s="137"/>
      <c r="AE4205" s="137"/>
      <c r="AF4205" s="137"/>
      <c r="AG4205" s="137"/>
      <c r="AH4205" s="137"/>
      <c r="AI4205" s="137"/>
      <c r="AJ4205" s="137"/>
      <c r="AK4205" s="137"/>
      <c r="AL4205" s="137"/>
      <c r="AM4205" s="137"/>
      <c r="AN4205" s="137"/>
      <c r="AO4205" s="137"/>
      <c r="AP4205" s="137"/>
      <c r="AQ4205" s="137"/>
      <c r="AR4205" s="137"/>
      <c r="AS4205" s="137"/>
      <c r="AT4205" s="137"/>
      <c r="AU4205" s="137"/>
      <c r="AV4205" s="137"/>
      <c r="AW4205" s="144"/>
    </row>
    <row r="4206" spans="7:49" x14ac:dyDescent="0.2">
      <c r="G4206" s="43"/>
      <c r="Z4206" s="143"/>
      <c r="AA4206" s="137"/>
      <c r="AB4206" s="137"/>
      <c r="AC4206" s="137"/>
      <c r="AD4206" s="137"/>
      <c r="AE4206" s="137"/>
      <c r="AF4206" s="137"/>
      <c r="AG4206" s="137"/>
      <c r="AH4206" s="137"/>
      <c r="AI4206" s="137"/>
      <c r="AJ4206" s="137"/>
      <c r="AK4206" s="137"/>
      <c r="AL4206" s="137"/>
      <c r="AM4206" s="137"/>
      <c r="AN4206" s="137"/>
      <c r="AO4206" s="137"/>
      <c r="AP4206" s="137"/>
      <c r="AQ4206" s="137"/>
      <c r="AR4206" s="137"/>
      <c r="AS4206" s="137"/>
      <c r="AT4206" s="137"/>
      <c r="AU4206" s="137"/>
      <c r="AV4206" s="137"/>
      <c r="AW4206" s="144"/>
    </row>
    <row r="4207" spans="7:49" x14ac:dyDescent="0.2">
      <c r="G4207" s="43"/>
      <c r="Z4207" s="143"/>
      <c r="AA4207" s="137"/>
      <c r="AB4207" s="137"/>
      <c r="AC4207" s="137"/>
      <c r="AD4207" s="137"/>
      <c r="AE4207" s="137"/>
      <c r="AF4207" s="137"/>
      <c r="AG4207" s="137"/>
      <c r="AH4207" s="137"/>
      <c r="AI4207" s="137"/>
      <c r="AJ4207" s="137"/>
      <c r="AK4207" s="137"/>
      <c r="AL4207" s="137"/>
      <c r="AM4207" s="137"/>
      <c r="AN4207" s="137"/>
      <c r="AO4207" s="137"/>
      <c r="AP4207" s="137"/>
      <c r="AQ4207" s="137"/>
      <c r="AR4207" s="137"/>
      <c r="AS4207" s="137"/>
      <c r="AT4207" s="137"/>
      <c r="AU4207" s="137"/>
      <c r="AV4207" s="137"/>
      <c r="AW4207" s="144"/>
    </row>
    <row r="4208" spans="7:49" x14ac:dyDescent="0.2">
      <c r="G4208" s="43"/>
      <c r="Z4208" s="143"/>
      <c r="AA4208" s="137"/>
      <c r="AB4208" s="137"/>
      <c r="AC4208" s="137"/>
      <c r="AD4208" s="137"/>
      <c r="AE4208" s="137"/>
      <c r="AF4208" s="137"/>
      <c r="AG4208" s="137"/>
      <c r="AH4208" s="137"/>
      <c r="AI4208" s="137"/>
      <c r="AJ4208" s="137"/>
      <c r="AK4208" s="137"/>
      <c r="AL4208" s="137"/>
      <c r="AM4208" s="137"/>
      <c r="AN4208" s="137"/>
      <c r="AO4208" s="137"/>
      <c r="AP4208" s="137"/>
      <c r="AQ4208" s="137"/>
      <c r="AR4208" s="137"/>
      <c r="AS4208" s="137"/>
      <c r="AT4208" s="137"/>
      <c r="AU4208" s="137"/>
      <c r="AV4208" s="137"/>
      <c r="AW4208" s="144"/>
    </row>
    <row r="4209" spans="7:49" x14ac:dyDescent="0.2">
      <c r="G4209" s="43"/>
      <c r="Z4209" s="143"/>
      <c r="AA4209" s="137"/>
      <c r="AB4209" s="137"/>
      <c r="AC4209" s="137"/>
      <c r="AD4209" s="137"/>
      <c r="AE4209" s="137"/>
      <c r="AF4209" s="137"/>
      <c r="AG4209" s="137"/>
      <c r="AH4209" s="137"/>
      <c r="AI4209" s="137"/>
      <c r="AJ4209" s="137"/>
      <c r="AK4209" s="137"/>
      <c r="AL4209" s="137"/>
      <c r="AM4209" s="137"/>
      <c r="AN4209" s="137"/>
      <c r="AO4209" s="137"/>
      <c r="AP4209" s="137"/>
      <c r="AQ4209" s="137"/>
      <c r="AR4209" s="137"/>
      <c r="AS4209" s="137"/>
      <c r="AT4209" s="137"/>
      <c r="AU4209" s="137"/>
      <c r="AV4209" s="137"/>
      <c r="AW4209" s="144"/>
    </row>
    <row r="4210" spans="7:49" x14ac:dyDescent="0.2">
      <c r="G4210" s="43"/>
      <c r="Z4210" s="143"/>
      <c r="AA4210" s="137"/>
      <c r="AB4210" s="137"/>
      <c r="AC4210" s="137"/>
      <c r="AD4210" s="137"/>
      <c r="AE4210" s="137"/>
      <c r="AF4210" s="137"/>
      <c r="AG4210" s="137"/>
      <c r="AH4210" s="137"/>
      <c r="AI4210" s="137"/>
      <c r="AJ4210" s="137"/>
      <c r="AK4210" s="137"/>
      <c r="AL4210" s="137"/>
      <c r="AM4210" s="137"/>
      <c r="AN4210" s="137"/>
      <c r="AO4210" s="137"/>
      <c r="AP4210" s="137"/>
      <c r="AQ4210" s="137"/>
      <c r="AR4210" s="137"/>
      <c r="AS4210" s="137"/>
      <c r="AT4210" s="137"/>
      <c r="AU4210" s="137"/>
      <c r="AV4210" s="137"/>
      <c r="AW4210" s="144"/>
    </row>
    <row r="4211" spans="7:49" x14ac:dyDescent="0.2">
      <c r="G4211" s="43"/>
      <c r="Z4211" s="143"/>
      <c r="AA4211" s="137"/>
      <c r="AB4211" s="137"/>
      <c r="AC4211" s="137"/>
      <c r="AD4211" s="137"/>
      <c r="AE4211" s="137"/>
      <c r="AF4211" s="137"/>
      <c r="AG4211" s="137"/>
      <c r="AH4211" s="137"/>
      <c r="AI4211" s="137"/>
      <c r="AJ4211" s="137"/>
      <c r="AK4211" s="137"/>
      <c r="AL4211" s="137"/>
      <c r="AM4211" s="137"/>
      <c r="AN4211" s="137"/>
      <c r="AO4211" s="137"/>
      <c r="AP4211" s="137"/>
      <c r="AQ4211" s="137"/>
      <c r="AR4211" s="137"/>
      <c r="AS4211" s="137"/>
      <c r="AT4211" s="137"/>
      <c r="AU4211" s="137"/>
      <c r="AV4211" s="137"/>
      <c r="AW4211" s="144"/>
    </row>
    <row r="4212" spans="7:49" x14ac:dyDescent="0.2">
      <c r="G4212" s="43"/>
      <c r="Z4212" s="143"/>
      <c r="AA4212" s="137"/>
      <c r="AB4212" s="137"/>
      <c r="AC4212" s="137"/>
      <c r="AD4212" s="137"/>
      <c r="AE4212" s="137"/>
      <c r="AF4212" s="137"/>
      <c r="AG4212" s="137"/>
      <c r="AH4212" s="137"/>
      <c r="AI4212" s="137"/>
      <c r="AJ4212" s="137"/>
      <c r="AK4212" s="137"/>
      <c r="AL4212" s="137"/>
      <c r="AM4212" s="137"/>
      <c r="AN4212" s="137"/>
      <c r="AO4212" s="137"/>
      <c r="AP4212" s="137"/>
      <c r="AQ4212" s="137"/>
      <c r="AR4212" s="137"/>
      <c r="AS4212" s="137"/>
      <c r="AT4212" s="137"/>
      <c r="AU4212" s="137"/>
      <c r="AV4212" s="137"/>
      <c r="AW4212" s="144"/>
    </row>
    <row r="4213" spans="7:49" x14ac:dyDescent="0.2">
      <c r="G4213" s="43"/>
      <c r="Z4213" s="143"/>
      <c r="AA4213" s="137"/>
      <c r="AB4213" s="137"/>
      <c r="AC4213" s="137"/>
      <c r="AD4213" s="137"/>
      <c r="AE4213" s="137"/>
      <c r="AF4213" s="137"/>
      <c r="AG4213" s="137"/>
      <c r="AH4213" s="137"/>
      <c r="AI4213" s="137"/>
      <c r="AJ4213" s="137"/>
      <c r="AK4213" s="137"/>
      <c r="AL4213" s="137"/>
      <c r="AM4213" s="137"/>
      <c r="AN4213" s="137"/>
      <c r="AO4213" s="137"/>
      <c r="AP4213" s="137"/>
      <c r="AQ4213" s="137"/>
      <c r="AR4213" s="137"/>
      <c r="AS4213" s="137"/>
      <c r="AT4213" s="137"/>
      <c r="AU4213" s="137"/>
      <c r="AV4213" s="137"/>
      <c r="AW4213" s="144"/>
    </row>
    <row r="4214" spans="7:49" x14ac:dyDescent="0.2">
      <c r="G4214" s="43"/>
      <c r="Z4214" s="143"/>
      <c r="AA4214" s="137"/>
      <c r="AB4214" s="137"/>
      <c r="AC4214" s="137"/>
      <c r="AD4214" s="137"/>
      <c r="AE4214" s="137"/>
      <c r="AF4214" s="137"/>
      <c r="AG4214" s="137"/>
      <c r="AH4214" s="137"/>
      <c r="AI4214" s="137"/>
      <c r="AJ4214" s="137"/>
      <c r="AK4214" s="137"/>
      <c r="AL4214" s="137"/>
      <c r="AM4214" s="137"/>
      <c r="AN4214" s="137"/>
      <c r="AO4214" s="137"/>
      <c r="AP4214" s="137"/>
      <c r="AQ4214" s="137"/>
      <c r="AR4214" s="137"/>
      <c r="AS4214" s="137"/>
      <c r="AT4214" s="137"/>
      <c r="AU4214" s="137"/>
      <c r="AV4214" s="137"/>
      <c r="AW4214" s="144"/>
    </row>
    <row r="4215" spans="7:49" x14ac:dyDescent="0.2">
      <c r="G4215" s="43"/>
      <c r="Z4215" s="143"/>
      <c r="AA4215" s="137"/>
      <c r="AB4215" s="137"/>
      <c r="AC4215" s="137"/>
      <c r="AD4215" s="137"/>
      <c r="AE4215" s="137"/>
      <c r="AF4215" s="137"/>
      <c r="AG4215" s="137"/>
      <c r="AH4215" s="137"/>
      <c r="AI4215" s="137"/>
      <c r="AJ4215" s="137"/>
      <c r="AK4215" s="137"/>
      <c r="AL4215" s="137"/>
      <c r="AM4215" s="137"/>
      <c r="AN4215" s="137"/>
      <c r="AO4215" s="137"/>
      <c r="AP4215" s="137"/>
      <c r="AQ4215" s="137"/>
      <c r="AR4215" s="137"/>
      <c r="AS4215" s="137"/>
      <c r="AT4215" s="137"/>
      <c r="AU4215" s="137"/>
      <c r="AV4215" s="137"/>
      <c r="AW4215" s="144"/>
    </row>
    <row r="4216" spans="7:49" x14ac:dyDescent="0.2">
      <c r="G4216" s="43"/>
      <c r="Z4216" s="143"/>
      <c r="AA4216" s="137"/>
      <c r="AB4216" s="137"/>
      <c r="AC4216" s="137"/>
      <c r="AD4216" s="137"/>
      <c r="AE4216" s="137"/>
      <c r="AF4216" s="137"/>
      <c r="AG4216" s="137"/>
      <c r="AH4216" s="137"/>
      <c r="AI4216" s="137"/>
      <c r="AJ4216" s="137"/>
      <c r="AK4216" s="137"/>
      <c r="AL4216" s="137"/>
      <c r="AM4216" s="137"/>
      <c r="AN4216" s="137"/>
      <c r="AO4216" s="137"/>
      <c r="AP4216" s="137"/>
      <c r="AQ4216" s="137"/>
      <c r="AR4216" s="137"/>
      <c r="AS4216" s="137"/>
      <c r="AT4216" s="137"/>
      <c r="AU4216" s="137"/>
      <c r="AV4216" s="137"/>
      <c r="AW4216" s="144"/>
    </row>
    <row r="4217" spans="7:49" x14ac:dyDescent="0.2">
      <c r="G4217" s="43"/>
      <c r="Z4217" s="143"/>
      <c r="AA4217" s="137"/>
      <c r="AB4217" s="137"/>
      <c r="AC4217" s="137"/>
      <c r="AD4217" s="137"/>
      <c r="AE4217" s="137"/>
      <c r="AF4217" s="137"/>
      <c r="AG4217" s="137"/>
      <c r="AH4217" s="137"/>
      <c r="AI4217" s="137"/>
      <c r="AJ4217" s="137"/>
      <c r="AK4217" s="137"/>
      <c r="AL4217" s="137"/>
      <c r="AM4217" s="137"/>
      <c r="AN4217" s="137"/>
      <c r="AO4217" s="137"/>
      <c r="AP4217" s="137"/>
      <c r="AQ4217" s="137"/>
      <c r="AR4217" s="137"/>
      <c r="AS4217" s="137"/>
      <c r="AT4217" s="137"/>
      <c r="AU4217" s="137"/>
      <c r="AV4217" s="137"/>
      <c r="AW4217" s="144"/>
    </row>
    <row r="4218" spans="7:49" x14ac:dyDescent="0.2">
      <c r="G4218" s="43"/>
      <c r="Z4218" s="143"/>
      <c r="AA4218" s="137"/>
      <c r="AB4218" s="137"/>
      <c r="AC4218" s="137"/>
      <c r="AD4218" s="137"/>
      <c r="AE4218" s="137"/>
      <c r="AF4218" s="137"/>
      <c r="AG4218" s="137"/>
      <c r="AH4218" s="137"/>
      <c r="AI4218" s="137"/>
      <c r="AJ4218" s="137"/>
      <c r="AK4218" s="137"/>
      <c r="AL4218" s="137"/>
      <c r="AM4218" s="137"/>
      <c r="AN4218" s="137"/>
      <c r="AO4218" s="137"/>
      <c r="AP4218" s="137"/>
      <c r="AQ4218" s="137"/>
      <c r="AR4218" s="137"/>
      <c r="AS4218" s="137"/>
      <c r="AT4218" s="137"/>
      <c r="AU4218" s="137"/>
      <c r="AV4218" s="137"/>
      <c r="AW4218" s="144"/>
    </row>
    <row r="4219" spans="7:49" x14ac:dyDescent="0.2">
      <c r="G4219" s="43"/>
      <c r="Z4219" s="143"/>
      <c r="AA4219" s="137"/>
      <c r="AB4219" s="137"/>
      <c r="AC4219" s="137"/>
      <c r="AD4219" s="137"/>
      <c r="AE4219" s="137"/>
      <c r="AF4219" s="137"/>
      <c r="AG4219" s="137"/>
      <c r="AH4219" s="137"/>
      <c r="AI4219" s="137"/>
      <c r="AJ4219" s="137"/>
      <c r="AK4219" s="137"/>
      <c r="AL4219" s="137"/>
      <c r="AM4219" s="137"/>
      <c r="AN4219" s="137"/>
      <c r="AO4219" s="137"/>
      <c r="AP4219" s="137"/>
      <c r="AQ4219" s="137"/>
      <c r="AR4219" s="137"/>
      <c r="AS4219" s="137"/>
      <c r="AT4219" s="137"/>
      <c r="AU4219" s="137"/>
      <c r="AV4219" s="137"/>
      <c r="AW4219" s="144"/>
    </row>
    <row r="4220" spans="7:49" x14ac:dyDescent="0.2">
      <c r="G4220" s="43"/>
      <c r="Z4220" s="143"/>
      <c r="AA4220" s="137"/>
      <c r="AB4220" s="137"/>
      <c r="AC4220" s="137"/>
      <c r="AD4220" s="137"/>
      <c r="AE4220" s="137"/>
      <c r="AF4220" s="137"/>
      <c r="AG4220" s="137"/>
      <c r="AH4220" s="137"/>
      <c r="AI4220" s="137"/>
      <c r="AJ4220" s="137"/>
      <c r="AK4220" s="137"/>
      <c r="AL4220" s="137"/>
      <c r="AM4220" s="137"/>
      <c r="AN4220" s="137"/>
      <c r="AO4220" s="137"/>
      <c r="AP4220" s="137"/>
      <c r="AQ4220" s="137"/>
      <c r="AR4220" s="137"/>
      <c r="AS4220" s="137"/>
      <c r="AT4220" s="137"/>
      <c r="AU4220" s="137"/>
      <c r="AV4220" s="137"/>
      <c r="AW4220" s="144"/>
    </row>
    <row r="4221" spans="7:49" x14ac:dyDescent="0.2">
      <c r="G4221" s="43"/>
      <c r="Z4221" s="143"/>
      <c r="AA4221" s="137"/>
      <c r="AB4221" s="137"/>
      <c r="AC4221" s="137"/>
      <c r="AD4221" s="137"/>
      <c r="AE4221" s="137"/>
      <c r="AF4221" s="137"/>
      <c r="AG4221" s="137"/>
      <c r="AH4221" s="137"/>
      <c r="AI4221" s="137"/>
      <c r="AJ4221" s="137"/>
      <c r="AK4221" s="137"/>
      <c r="AL4221" s="137"/>
      <c r="AM4221" s="137"/>
      <c r="AN4221" s="137"/>
      <c r="AO4221" s="137"/>
      <c r="AP4221" s="137"/>
      <c r="AQ4221" s="137"/>
      <c r="AR4221" s="137"/>
      <c r="AS4221" s="137"/>
      <c r="AT4221" s="137"/>
      <c r="AU4221" s="137"/>
      <c r="AV4221" s="137"/>
      <c r="AW4221" s="144"/>
    </row>
    <row r="4222" spans="7:49" x14ac:dyDescent="0.2">
      <c r="G4222" s="43"/>
      <c r="Z4222" s="143"/>
      <c r="AA4222" s="137"/>
      <c r="AB4222" s="137"/>
      <c r="AC4222" s="137"/>
      <c r="AD4222" s="137"/>
      <c r="AE4222" s="137"/>
      <c r="AF4222" s="137"/>
      <c r="AG4222" s="137"/>
      <c r="AH4222" s="137"/>
      <c r="AI4222" s="137"/>
      <c r="AJ4222" s="137"/>
      <c r="AK4222" s="137"/>
      <c r="AL4222" s="137"/>
      <c r="AM4222" s="137"/>
      <c r="AN4222" s="137"/>
      <c r="AO4222" s="137"/>
      <c r="AP4222" s="137"/>
      <c r="AQ4222" s="137"/>
      <c r="AR4222" s="137"/>
      <c r="AS4222" s="137"/>
      <c r="AT4222" s="137"/>
      <c r="AU4222" s="137"/>
      <c r="AV4222" s="137"/>
      <c r="AW4222" s="144"/>
    </row>
    <row r="4223" spans="7:49" x14ac:dyDescent="0.2">
      <c r="G4223" s="43"/>
      <c r="Z4223" s="143"/>
      <c r="AA4223" s="137"/>
      <c r="AB4223" s="137"/>
      <c r="AC4223" s="137"/>
      <c r="AD4223" s="137"/>
      <c r="AE4223" s="137"/>
      <c r="AF4223" s="137"/>
      <c r="AG4223" s="137"/>
      <c r="AH4223" s="137"/>
      <c r="AI4223" s="137"/>
      <c r="AJ4223" s="137"/>
      <c r="AK4223" s="137"/>
      <c r="AL4223" s="137"/>
      <c r="AM4223" s="137"/>
      <c r="AN4223" s="137"/>
      <c r="AO4223" s="137"/>
      <c r="AP4223" s="137"/>
      <c r="AQ4223" s="137"/>
      <c r="AR4223" s="137"/>
      <c r="AS4223" s="137"/>
      <c r="AT4223" s="137"/>
      <c r="AU4223" s="137"/>
      <c r="AV4223" s="137"/>
      <c r="AW4223" s="144"/>
    </row>
    <row r="4224" spans="7:49" x14ac:dyDescent="0.2">
      <c r="G4224" s="43"/>
      <c r="Z4224" s="143"/>
      <c r="AA4224" s="137"/>
      <c r="AB4224" s="137"/>
      <c r="AC4224" s="137"/>
      <c r="AD4224" s="137"/>
      <c r="AE4224" s="137"/>
      <c r="AF4224" s="137"/>
      <c r="AG4224" s="137"/>
      <c r="AH4224" s="137"/>
      <c r="AI4224" s="137"/>
      <c r="AJ4224" s="137"/>
      <c r="AK4224" s="137"/>
      <c r="AL4224" s="137"/>
      <c r="AM4224" s="137"/>
      <c r="AN4224" s="137"/>
      <c r="AO4224" s="137"/>
      <c r="AP4224" s="137"/>
      <c r="AQ4224" s="137"/>
      <c r="AR4224" s="137"/>
      <c r="AS4224" s="137"/>
      <c r="AT4224" s="137"/>
      <c r="AU4224" s="137"/>
      <c r="AV4224" s="137"/>
      <c r="AW4224" s="144"/>
    </row>
    <row r="4225" spans="7:49" x14ac:dyDescent="0.2">
      <c r="G4225" s="43"/>
      <c r="Z4225" s="143"/>
      <c r="AA4225" s="137"/>
      <c r="AB4225" s="137"/>
      <c r="AC4225" s="137"/>
      <c r="AD4225" s="137"/>
      <c r="AE4225" s="137"/>
      <c r="AF4225" s="137"/>
      <c r="AG4225" s="137"/>
      <c r="AH4225" s="137"/>
      <c r="AI4225" s="137"/>
      <c r="AJ4225" s="137"/>
      <c r="AK4225" s="137"/>
      <c r="AL4225" s="137"/>
      <c r="AM4225" s="137"/>
      <c r="AN4225" s="137"/>
      <c r="AO4225" s="137"/>
      <c r="AP4225" s="137"/>
      <c r="AQ4225" s="137"/>
      <c r="AR4225" s="137"/>
      <c r="AS4225" s="137"/>
      <c r="AT4225" s="137"/>
      <c r="AU4225" s="137"/>
      <c r="AV4225" s="137"/>
      <c r="AW4225" s="144"/>
    </row>
    <row r="4226" spans="7:49" x14ac:dyDescent="0.2">
      <c r="G4226" s="43"/>
      <c r="Z4226" s="143"/>
      <c r="AA4226" s="137"/>
      <c r="AB4226" s="137"/>
      <c r="AC4226" s="137"/>
      <c r="AD4226" s="137"/>
      <c r="AE4226" s="137"/>
      <c r="AF4226" s="137"/>
      <c r="AG4226" s="137"/>
      <c r="AH4226" s="137"/>
      <c r="AI4226" s="137"/>
      <c r="AJ4226" s="137"/>
      <c r="AK4226" s="137"/>
      <c r="AL4226" s="137"/>
      <c r="AM4226" s="137"/>
      <c r="AN4226" s="137"/>
      <c r="AO4226" s="137"/>
      <c r="AP4226" s="137"/>
      <c r="AQ4226" s="137"/>
      <c r="AR4226" s="137"/>
      <c r="AS4226" s="137"/>
      <c r="AT4226" s="137"/>
      <c r="AU4226" s="137"/>
      <c r="AV4226" s="137"/>
      <c r="AW4226" s="144"/>
    </row>
    <row r="4227" spans="7:49" x14ac:dyDescent="0.2">
      <c r="G4227" s="43"/>
      <c r="Z4227" s="143"/>
      <c r="AA4227" s="137"/>
      <c r="AB4227" s="137"/>
      <c r="AC4227" s="137"/>
      <c r="AD4227" s="137"/>
      <c r="AE4227" s="137"/>
      <c r="AF4227" s="137"/>
      <c r="AG4227" s="137"/>
      <c r="AH4227" s="137"/>
      <c r="AI4227" s="137"/>
      <c r="AJ4227" s="137"/>
      <c r="AK4227" s="137"/>
      <c r="AL4227" s="137"/>
      <c r="AM4227" s="137"/>
      <c r="AN4227" s="137"/>
      <c r="AO4227" s="137"/>
      <c r="AP4227" s="137"/>
      <c r="AQ4227" s="137"/>
      <c r="AR4227" s="137"/>
      <c r="AS4227" s="137"/>
      <c r="AT4227" s="137"/>
      <c r="AU4227" s="137"/>
      <c r="AV4227" s="137"/>
      <c r="AW4227" s="144"/>
    </row>
    <row r="4228" spans="7:49" x14ac:dyDescent="0.2">
      <c r="G4228" s="43"/>
      <c r="Z4228" s="143"/>
      <c r="AA4228" s="137"/>
      <c r="AB4228" s="137"/>
      <c r="AC4228" s="137"/>
      <c r="AD4228" s="137"/>
      <c r="AE4228" s="137"/>
      <c r="AF4228" s="137"/>
      <c r="AG4228" s="137"/>
      <c r="AH4228" s="137"/>
      <c r="AI4228" s="137"/>
      <c r="AJ4228" s="137"/>
      <c r="AK4228" s="137"/>
      <c r="AL4228" s="137"/>
      <c r="AM4228" s="137"/>
      <c r="AN4228" s="137"/>
      <c r="AO4228" s="137"/>
      <c r="AP4228" s="137"/>
      <c r="AQ4228" s="137"/>
      <c r="AR4228" s="137"/>
      <c r="AS4228" s="137"/>
      <c r="AT4228" s="137"/>
      <c r="AU4228" s="137"/>
      <c r="AV4228" s="137"/>
      <c r="AW4228" s="144"/>
    </row>
    <row r="4229" spans="7:49" x14ac:dyDescent="0.2">
      <c r="G4229" s="43"/>
      <c r="Z4229" s="143"/>
      <c r="AA4229" s="137"/>
      <c r="AB4229" s="137"/>
      <c r="AC4229" s="137"/>
      <c r="AD4229" s="137"/>
      <c r="AE4229" s="137"/>
      <c r="AF4229" s="137"/>
      <c r="AG4229" s="137"/>
      <c r="AH4229" s="137"/>
      <c r="AI4229" s="137"/>
      <c r="AJ4229" s="137"/>
      <c r="AK4229" s="137"/>
      <c r="AL4229" s="137"/>
      <c r="AM4229" s="137"/>
      <c r="AN4229" s="137"/>
      <c r="AO4229" s="137"/>
      <c r="AP4229" s="137"/>
      <c r="AQ4229" s="137"/>
      <c r="AR4229" s="137"/>
      <c r="AS4229" s="137"/>
      <c r="AT4229" s="137"/>
      <c r="AU4229" s="137"/>
      <c r="AV4229" s="137"/>
      <c r="AW4229" s="144"/>
    </row>
    <row r="4230" spans="7:49" x14ac:dyDescent="0.2">
      <c r="G4230" s="43"/>
      <c r="Z4230" s="143"/>
      <c r="AA4230" s="137"/>
      <c r="AB4230" s="137"/>
      <c r="AC4230" s="137"/>
      <c r="AD4230" s="137"/>
      <c r="AE4230" s="137"/>
      <c r="AF4230" s="137"/>
      <c r="AG4230" s="137"/>
      <c r="AH4230" s="137"/>
      <c r="AI4230" s="137"/>
      <c r="AJ4230" s="137"/>
      <c r="AK4230" s="137"/>
      <c r="AL4230" s="137"/>
      <c r="AM4230" s="137"/>
      <c r="AN4230" s="137"/>
      <c r="AO4230" s="137"/>
      <c r="AP4230" s="137"/>
      <c r="AQ4230" s="137"/>
      <c r="AR4230" s="137"/>
      <c r="AS4230" s="137"/>
      <c r="AT4230" s="137"/>
      <c r="AU4230" s="137"/>
      <c r="AV4230" s="137"/>
      <c r="AW4230" s="144"/>
    </row>
    <row r="4231" spans="7:49" x14ac:dyDescent="0.2">
      <c r="G4231" s="43"/>
      <c r="Z4231" s="143"/>
      <c r="AA4231" s="137"/>
      <c r="AB4231" s="137"/>
      <c r="AC4231" s="137"/>
      <c r="AD4231" s="137"/>
      <c r="AE4231" s="137"/>
      <c r="AF4231" s="137"/>
      <c r="AG4231" s="137"/>
      <c r="AH4231" s="137"/>
      <c r="AI4231" s="137"/>
      <c r="AJ4231" s="137"/>
      <c r="AK4231" s="137"/>
      <c r="AL4231" s="137"/>
      <c r="AM4231" s="137"/>
      <c r="AN4231" s="137"/>
      <c r="AO4231" s="137"/>
      <c r="AP4231" s="137"/>
      <c r="AQ4231" s="137"/>
      <c r="AR4231" s="137"/>
      <c r="AS4231" s="137"/>
      <c r="AT4231" s="137"/>
      <c r="AU4231" s="137"/>
      <c r="AV4231" s="137"/>
      <c r="AW4231" s="144"/>
    </row>
    <row r="4232" spans="7:49" x14ac:dyDescent="0.2">
      <c r="G4232" s="43"/>
      <c r="Z4232" s="143"/>
      <c r="AA4232" s="137"/>
      <c r="AB4232" s="137"/>
      <c r="AC4232" s="137"/>
      <c r="AD4232" s="137"/>
      <c r="AE4232" s="137"/>
      <c r="AF4232" s="137"/>
      <c r="AG4232" s="137"/>
      <c r="AH4232" s="137"/>
      <c r="AI4232" s="137"/>
      <c r="AJ4232" s="137"/>
      <c r="AK4232" s="137"/>
      <c r="AL4232" s="137"/>
      <c r="AM4232" s="137"/>
      <c r="AN4232" s="137"/>
      <c r="AO4232" s="137"/>
      <c r="AP4232" s="137"/>
      <c r="AQ4232" s="137"/>
      <c r="AR4232" s="137"/>
      <c r="AS4232" s="137"/>
      <c r="AT4232" s="137"/>
      <c r="AU4232" s="137"/>
      <c r="AV4232" s="137"/>
      <c r="AW4232" s="144"/>
    </row>
    <row r="4233" spans="7:49" x14ac:dyDescent="0.2">
      <c r="G4233" s="43"/>
      <c r="Z4233" s="143"/>
      <c r="AA4233" s="137"/>
      <c r="AB4233" s="137"/>
      <c r="AC4233" s="137"/>
      <c r="AD4233" s="137"/>
      <c r="AE4233" s="137"/>
      <c r="AF4233" s="137"/>
      <c r="AG4233" s="137"/>
      <c r="AH4233" s="137"/>
      <c r="AI4233" s="137"/>
      <c r="AJ4233" s="137"/>
      <c r="AK4233" s="137"/>
      <c r="AL4233" s="137"/>
      <c r="AM4233" s="137"/>
      <c r="AN4233" s="137"/>
      <c r="AO4233" s="137"/>
      <c r="AP4233" s="137"/>
      <c r="AQ4233" s="137"/>
      <c r="AR4233" s="137"/>
      <c r="AS4233" s="137"/>
      <c r="AT4233" s="137"/>
      <c r="AU4233" s="137"/>
      <c r="AV4233" s="137"/>
      <c r="AW4233" s="144"/>
    </row>
    <row r="4234" spans="7:49" x14ac:dyDescent="0.2">
      <c r="G4234" s="43"/>
      <c r="Z4234" s="143"/>
      <c r="AA4234" s="137"/>
      <c r="AB4234" s="137"/>
      <c r="AC4234" s="137"/>
      <c r="AD4234" s="137"/>
      <c r="AE4234" s="137"/>
      <c r="AF4234" s="137"/>
      <c r="AG4234" s="137"/>
      <c r="AH4234" s="137"/>
      <c r="AI4234" s="137"/>
      <c r="AJ4234" s="137"/>
      <c r="AK4234" s="137"/>
      <c r="AL4234" s="137"/>
      <c r="AM4234" s="137"/>
      <c r="AN4234" s="137"/>
      <c r="AO4234" s="137"/>
      <c r="AP4234" s="137"/>
      <c r="AQ4234" s="137"/>
      <c r="AR4234" s="137"/>
      <c r="AS4234" s="137"/>
      <c r="AT4234" s="137"/>
      <c r="AU4234" s="137"/>
      <c r="AV4234" s="137"/>
      <c r="AW4234" s="144"/>
    </row>
    <row r="4235" spans="7:49" x14ac:dyDescent="0.2">
      <c r="G4235" s="43"/>
      <c r="Z4235" s="143"/>
      <c r="AA4235" s="137"/>
      <c r="AB4235" s="137"/>
      <c r="AC4235" s="137"/>
      <c r="AD4235" s="137"/>
      <c r="AE4235" s="137"/>
      <c r="AF4235" s="137"/>
      <c r="AG4235" s="137"/>
      <c r="AH4235" s="137"/>
      <c r="AI4235" s="137"/>
      <c r="AJ4235" s="137"/>
      <c r="AK4235" s="137"/>
      <c r="AL4235" s="137"/>
      <c r="AM4235" s="137"/>
      <c r="AN4235" s="137"/>
      <c r="AO4235" s="137"/>
      <c r="AP4235" s="137"/>
      <c r="AQ4235" s="137"/>
      <c r="AR4235" s="137"/>
      <c r="AS4235" s="137"/>
      <c r="AT4235" s="137"/>
      <c r="AU4235" s="137"/>
      <c r="AV4235" s="137"/>
      <c r="AW4235" s="144"/>
    </row>
    <row r="4236" spans="7:49" x14ac:dyDescent="0.2">
      <c r="G4236" s="43"/>
      <c r="Z4236" s="143"/>
      <c r="AA4236" s="137"/>
      <c r="AB4236" s="137"/>
      <c r="AC4236" s="137"/>
      <c r="AD4236" s="137"/>
      <c r="AE4236" s="137"/>
      <c r="AF4236" s="137"/>
      <c r="AG4236" s="137"/>
      <c r="AH4236" s="137"/>
      <c r="AI4236" s="137"/>
      <c r="AJ4236" s="137"/>
      <c r="AK4236" s="137"/>
      <c r="AL4236" s="137"/>
      <c r="AM4236" s="137"/>
      <c r="AN4236" s="137"/>
      <c r="AO4236" s="137"/>
      <c r="AP4236" s="137"/>
      <c r="AQ4236" s="137"/>
      <c r="AR4236" s="137"/>
      <c r="AS4236" s="137"/>
      <c r="AT4236" s="137"/>
      <c r="AU4236" s="137"/>
      <c r="AV4236" s="137"/>
      <c r="AW4236" s="144"/>
    </row>
    <row r="4237" spans="7:49" x14ac:dyDescent="0.2">
      <c r="G4237" s="43"/>
      <c r="Z4237" s="143"/>
      <c r="AA4237" s="137"/>
      <c r="AB4237" s="137"/>
      <c r="AC4237" s="137"/>
      <c r="AD4237" s="137"/>
      <c r="AE4237" s="137"/>
      <c r="AF4237" s="137"/>
      <c r="AG4237" s="137"/>
      <c r="AH4237" s="137"/>
      <c r="AI4237" s="137"/>
      <c r="AJ4237" s="137"/>
      <c r="AK4237" s="137"/>
      <c r="AL4237" s="137"/>
      <c r="AM4237" s="137"/>
      <c r="AN4237" s="137"/>
      <c r="AO4237" s="137"/>
      <c r="AP4237" s="137"/>
      <c r="AQ4237" s="137"/>
      <c r="AR4237" s="137"/>
      <c r="AS4237" s="137"/>
      <c r="AT4237" s="137"/>
      <c r="AU4237" s="137"/>
      <c r="AV4237" s="137"/>
      <c r="AW4237" s="144"/>
    </row>
    <row r="4238" spans="7:49" x14ac:dyDescent="0.2">
      <c r="G4238" s="43"/>
      <c r="Z4238" s="143"/>
      <c r="AA4238" s="137"/>
      <c r="AB4238" s="137"/>
      <c r="AC4238" s="137"/>
      <c r="AD4238" s="137"/>
      <c r="AE4238" s="137"/>
      <c r="AF4238" s="137"/>
      <c r="AG4238" s="137"/>
      <c r="AH4238" s="137"/>
      <c r="AI4238" s="137"/>
      <c r="AJ4238" s="137"/>
      <c r="AK4238" s="137"/>
      <c r="AL4238" s="137"/>
      <c r="AM4238" s="137"/>
      <c r="AN4238" s="137"/>
      <c r="AO4238" s="137"/>
      <c r="AP4238" s="137"/>
      <c r="AQ4238" s="137"/>
      <c r="AR4238" s="137"/>
      <c r="AS4238" s="137"/>
      <c r="AT4238" s="137"/>
      <c r="AU4238" s="137"/>
      <c r="AV4238" s="137"/>
      <c r="AW4238" s="144"/>
    </row>
    <row r="4239" spans="7:49" x14ac:dyDescent="0.2">
      <c r="G4239" s="43"/>
      <c r="Z4239" s="143"/>
      <c r="AA4239" s="137"/>
      <c r="AB4239" s="137"/>
      <c r="AC4239" s="137"/>
      <c r="AD4239" s="137"/>
      <c r="AE4239" s="137"/>
      <c r="AF4239" s="137"/>
      <c r="AG4239" s="137"/>
      <c r="AH4239" s="137"/>
      <c r="AI4239" s="137"/>
      <c r="AJ4239" s="137"/>
      <c r="AK4239" s="137"/>
      <c r="AL4239" s="137"/>
      <c r="AM4239" s="137"/>
      <c r="AN4239" s="137"/>
      <c r="AO4239" s="137"/>
      <c r="AP4239" s="137"/>
      <c r="AQ4239" s="137"/>
      <c r="AR4239" s="137"/>
      <c r="AS4239" s="137"/>
      <c r="AT4239" s="137"/>
      <c r="AU4239" s="137"/>
      <c r="AV4239" s="137"/>
      <c r="AW4239" s="144"/>
    </row>
    <row r="4240" spans="7:49" x14ac:dyDescent="0.2">
      <c r="G4240" s="43"/>
      <c r="Z4240" s="143"/>
      <c r="AA4240" s="137"/>
      <c r="AB4240" s="137"/>
      <c r="AC4240" s="137"/>
      <c r="AD4240" s="137"/>
      <c r="AE4240" s="137"/>
      <c r="AF4240" s="137"/>
      <c r="AG4240" s="137"/>
      <c r="AH4240" s="137"/>
      <c r="AI4240" s="137"/>
      <c r="AJ4240" s="137"/>
      <c r="AK4240" s="137"/>
      <c r="AL4240" s="137"/>
      <c r="AM4240" s="137"/>
      <c r="AN4240" s="137"/>
      <c r="AO4240" s="137"/>
      <c r="AP4240" s="137"/>
      <c r="AQ4240" s="137"/>
      <c r="AR4240" s="137"/>
      <c r="AS4240" s="137"/>
      <c r="AT4240" s="137"/>
      <c r="AU4240" s="137"/>
      <c r="AV4240" s="137"/>
      <c r="AW4240" s="144"/>
    </row>
    <row r="4241" spans="7:49" x14ac:dyDescent="0.2">
      <c r="G4241" s="43"/>
      <c r="Z4241" s="143"/>
      <c r="AA4241" s="137"/>
      <c r="AB4241" s="137"/>
      <c r="AC4241" s="137"/>
      <c r="AD4241" s="137"/>
      <c r="AE4241" s="137"/>
      <c r="AF4241" s="137"/>
      <c r="AG4241" s="137"/>
      <c r="AH4241" s="137"/>
      <c r="AI4241" s="137"/>
      <c r="AJ4241" s="137"/>
      <c r="AK4241" s="137"/>
      <c r="AL4241" s="137"/>
      <c r="AM4241" s="137"/>
      <c r="AN4241" s="137"/>
      <c r="AO4241" s="137"/>
      <c r="AP4241" s="137"/>
      <c r="AQ4241" s="137"/>
      <c r="AR4241" s="137"/>
      <c r="AS4241" s="137"/>
      <c r="AT4241" s="137"/>
      <c r="AU4241" s="137"/>
      <c r="AV4241" s="137"/>
      <c r="AW4241" s="144"/>
    </row>
    <row r="4242" spans="7:49" x14ac:dyDescent="0.2">
      <c r="G4242" s="43"/>
      <c r="Z4242" s="143"/>
      <c r="AA4242" s="137"/>
      <c r="AB4242" s="137"/>
      <c r="AC4242" s="137"/>
      <c r="AD4242" s="137"/>
      <c r="AE4242" s="137"/>
      <c r="AF4242" s="137"/>
      <c r="AG4242" s="137"/>
      <c r="AH4242" s="137"/>
      <c r="AI4242" s="137"/>
      <c r="AJ4242" s="137"/>
      <c r="AK4242" s="137"/>
      <c r="AL4242" s="137"/>
      <c r="AM4242" s="137"/>
      <c r="AN4242" s="137"/>
      <c r="AO4242" s="137"/>
      <c r="AP4242" s="137"/>
      <c r="AQ4242" s="137"/>
      <c r="AR4242" s="137"/>
      <c r="AS4242" s="137"/>
      <c r="AT4242" s="137"/>
      <c r="AU4242" s="137"/>
      <c r="AV4242" s="137"/>
      <c r="AW4242" s="144"/>
    </row>
    <row r="4243" spans="7:49" x14ac:dyDescent="0.2">
      <c r="G4243" s="43"/>
      <c r="Z4243" s="143"/>
      <c r="AA4243" s="137"/>
      <c r="AB4243" s="137"/>
      <c r="AC4243" s="137"/>
      <c r="AD4243" s="137"/>
      <c r="AE4243" s="137"/>
      <c r="AF4243" s="137"/>
      <c r="AG4243" s="137"/>
      <c r="AH4243" s="137"/>
      <c r="AI4243" s="137"/>
      <c r="AJ4243" s="137"/>
      <c r="AK4243" s="137"/>
      <c r="AL4243" s="137"/>
      <c r="AM4243" s="137"/>
      <c r="AN4243" s="137"/>
      <c r="AO4243" s="137"/>
      <c r="AP4243" s="137"/>
      <c r="AQ4243" s="137"/>
      <c r="AR4243" s="137"/>
      <c r="AS4243" s="137"/>
      <c r="AT4243" s="137"/>
      <c r="AU4243" s="137"/>
      <c r="AV4243" s="137"/>
      <c r="AW4243" s="144"/>
    </row>
    <row r="4244" spans="7:49" x14ac:dyDescent="0.2">
      <c r="G4244" s="43"/>
      <c r="Z4244" s="143"/>
      <c r="AA4244" s="137"/>
      <c r="AB4244" s="137"/>
      <c r="AC4244" s="137"/>
      <c r="AD4244" s="137"/>
      <c r="AE4244" s="137"/>
      <c r="AF4244" s="137"/>
      <c r="AG4244" s="137"/>
      <c r="AH4244" s="137"/>
      <c r="AI4244" s="137"/>
      <c r="AJ4244" s="137"/>
      <c r="AK4244" s="137"/>
      <c r="AL4244" s="137"/>
      <c r="AM4244" s="137"/>
      <c r="AN4244" s="137"/>
      <c r="AO4244" s="137"/>
      <c r="AP4244" s="137"/>
      <c r="AQ4244" s="137"/>
      <c r="AR4244" s="137"/>
      <c r="AS4244" s="137"/>
      <c r="AT4244" s="137"/>
      <c r="AU4244" s="137"/>
      <c r="AV4244" s="137"/>
      <c r="AW4244" s="144"/>
    </row>
    <row r="4245" spans="7:49" x14ac:dyDescent="0.2">
      <c r="G4245" s="43"/>
      <c r="Z4245" s="143"/>
      <c r="AA4245" s="137"/>
      <c r="AB4245" s="137"/>
      <c r="AC4245" s="137"/>
      <c r="AD4245" s="137"/>
      <c r="AE4245" s="137"/>
      <c r="AF4245" s="137"/>
      <c r="AG4245" s="137"/>
      <c r="AH4245" s="137"/>
      <c r="AI4245" s="137"/>
      <c r="AJ4245" s="137"/>
      <c r="AK4245" s="137"/>
      <c r="AL4245" s="137"/>
      <c r="AM4245" s="137"/>
      <c r="AN4245" s="137"/>
      <c r="AO4245" s="137"/>
      <c r="AP4245" s="137"/>
      <c r="AQ4245" s="137"/>
      <c r="AR4245" s="137"/>
      <c r="AS4245" s="137"/>
      <c r="AT4245" s="137"/>
      <c r="AU4245" s="137"/>
      <c r="AV4245" s="137"/>
      <c r="AW4245" s="144"/>
    </row>
    <row r="4246" spans="7:49" x14ac:dyDescent="0.2">
      <c r="G4246" s="43"/>
      <c r="Z4246" s="143"/>
      <c r="AA4246" s="137"/>
      <c r="AB4246" s="137"/>
      <c r="AC4246" s="137"/>
      <c r="AD4246" s="137"/>
      <c r="AE4246" s="137"/>
      <c r="AF4246" s="137"/>
      <c r="AG4246" s="137"/>
      <c r="AH4246" s="137"/>
      <c r="AI4246" s="137"/>
      <c r="AJ4246" s="137"/>
      <c r="AK4246" s="137"/>
      <c r="AL4246" s="137"/>
      <c r="AM4246" s="137"/>
      <c r="AN4246" s="137"/>
      <c r="AO4246" s="137"/>
      <c r="AP4246" s="137"/>
      <c r="AQ4246" s="137"/>
      <c r="AR4246" s="137"/>
      <c r="AS4246" s="137"/>
      <c r="AT4246" s="137"/>
      <c r="AU4246" s="137"/>
      <c r="AV4246" s="137"/>
      <c r="AW4246" s="144"/>
    </row>
    <row r="4247" spans="7:49" x14ac:dyDescent="0.2">
      <c r="G4247" s="43"/>
      <c r="Z4247" s="143"/>
      <c r="AA4247" s="137"/>
      <c r="AB4247" s="137"/>
      <c r="AC4247" s="137"/>
      <c r="AD4247" s="137"/>
      <c r="AE4247" s="137"/>
      <c r="AF4247" s="137"/>
      <c r="AG4247" s="137"/>
      <c r="AH4247" s="137"/>
      <c r="AI4247" s="137"/>
      <c r="AJ4247" s="137"/>
      <c r="AK4247" s="137"/>
      <c r="AL4247" s="137"/>
      <c r="AM4247" s="137"/>
      <c r="AN4247" s="137"/>
      <c r="AO4247" s="137"/>
      <c r="AP4247" s="137"/>
      <c r="AQ4247" s="137"/>
      <c r="AR4247" s="137"/>
      <c r="AS4247" s="137"/>
      <c r="AT4247" s="137"/>
      <c r="AU4247" s="137"/>
      <c r="AV4247" s="137"/>
      <c r="AW4247" s="144"/>
    </row>
    <row r="4248" spans="7:49" x14ac:dyDescent="0.2">
      <c r="G4248" s="43"/>
      <c r="Z4248" s="143"/>
      <c r="AA4248" s="137"/>
      <c r="AB4248" s="137"/>
      <c r="AC4248" s="137"/>
      <c r="AD4248" s="137"/>
      <c r="AE4248" s="137"/>
      <c r="AF4248" s="137"/>
      <c r="AG4248" s="137"/>
      <c r="AH4248" s="137"/>
      <c r="AI4248" s="137"/>
      <c r="AJ4248" s="137"/>
      <c r="AK4248" s="137"/>
      <c r="AL4248" s="137"/>
      <c r="AM4248" s="137"/>
      <c r="AN4248" s="137"/>
      <c r="AO4248" s="137"/>
      <c r="AP4248" s="137"/>
      <c r="AQ4248" s="137"/>
      <c r="AR4248" s="137"/>
      <c r="AS4248" s="137"/>
      <c r="AT4248" s="137"/>
      <c r="AU4248" s="137"/>
      <c r="AV4248" s="137"/>
      <c r="AW4248" s="144"/>
    </row>
    <row r="4249" spans="7:49" x14ac:dyDescent="0.2">
      <c r="G4249" s="43"/>
      <c r="Z4249" s="143"/>
      <c r="AA4249" s="137"/>
      <c r="AB4249" s="137"/>
      <c r="AC4249" s="137"/>
      <c r="AD4249" s="137"/>
      <c r="AE4249" s="137"/>
      <c r="AF4249" s="137"/>
      <c r="AG4249" s="137"/>
      <c r="AH4249" s="137"/>
      <c r="AI4249" s="137"/>
      <c r="AJ4249" s="137"/>
      <c r="AK4249" s="137"/>
      <c r="AL4249" s="137"/>
      <c r="AM4249" s="137"/>
      <c r="AN4249" s="137"/>
      <c r="AO4249" s="137"/>
      <c r="AP4249" s="137"/>
      <c r="AQ4249" s="137"/>
      <c r="AR4249" s="137"/>
      <c r="AS4249" s="137"/>
      <c r="AT4249" s="137"/>
      <c r="AU4249" s="137"/>
      <c r="AV4249" s="137"/>
      <c r="AW4249" s="144"/>
    </row>
    <row r="4250" spans="7:49" x14ac:dyDescent="0.2">
      <c r="G4250" s="43"/>
      <c r="Z4250" s="143"/>
      <c r="AA4250" s="137"/>
      <c r="AB4250" s="137"/>
      <c r="AC4250" s="137"/>
      <c r="AD4250" s="137"/>
      <c r="AE4250" s="137"/>
      <c r="AF4250" s="137"/>
      <c r="AG4250" s="137"/>
      <c r="AH4250" s="137"/>
      <c r="AI4250" s="137"/>
      <c r="AJ4250" s="137"/>
      <c r="AK4250" s="137"/>
      <c r="AL4250" s="137"/>
      <c r="AM4250" s="137"/>
      <c r="AN4250" s="137"/>
      <c r="AO4250" s="137"/>
      <c r="AP4250" s="137"/>
      <c r="AQ4250" s="137"/>
      <c r="AR4250" s="137"/>
      <c r="AS4250" s="137"/>
      <c r="AT4250" s="137"/>
      <c r="AU4250" s="137"/>
      <c r="AV4250" s="137"/>
      <c r="AW4250" s="144"/>
    </row>
    <row r="4251" spans="7:49" x14ac:dyDescent="0.2">
      <c r="G4251" s="43"/>
      <c r="Z4251" s="143"/>
      <c r="AA4251" s="137"/>
      <c r="AB4251" s="137"/>
      <c r="AC4251" s="137"/>
      <c r="AD4251" s="137"/>
      <c r="AE4251" s="137"/>
      <c r="AF4251" s="137"/>
      <c r="AG4251" s="137"/>
      <c r="AH4251" s="137"/>
      <c r="AI4251" s="137"/>
      <c r="AJ4251" s="137"/>
      <c r="AK4251" s="137"/>
      <c r="AL4251" s="137"/>
      <c r="AM4251" s="137"/>
      <c r="AN4251" s="137"/>
      <c r="AO4251" s="137"/>
      <c r="AP4251" s="137"/>
      <c r="AQ4251" s="137"/>
      <c r="AR4251" s="137"/>
      <c r="AS4251" s="137"/>
      <c r="AT4251" s="137"/>
      <c r="AU4251" s="137"/>
      <c r="AV4251" s="137"/>
      <c r="AW4251" s="144"/>
    </row>
    <row r="4252" spans="7:49" x14ac:dyDescent="0.2">
      <c r="G4252" s="43"/>
      <c r="Z4252" s="143"/>
      <c r="AA4252" s="137"/>
      <c r="AB4252" s="137"/>
      <c r="AC4252" s="137"/>
      <c r="AD4252" s="137"/>
      <c r="AE4252" s="137"/>
      <c r="AF4252" s="137"/>
      <c r="AG4252" s="137"/>
      <c r="AH4252" s="137"/>
      <c r="AI4252" s="137"/>
      <c r="AJ4252" s="137"/>
      <c r="AK4252" s="137"/>
      <c r="AL4252" s="137"/>
      <c r="AM4252" s="137"/>
      <c r="AN4252" s="137"/>
      <c r="AO4252" s="137"/>
      <c r="AP4252" s="137"/>
      <c r="AQ4252" s="137"/>
      <c r="AR4252" s="137"/>
      <c r="AS4252" s="137"/>
      <c r="AT4252" s="137"/>
      <c r="AU4252" s="137"/>
      <c r="AV4252" s="137"/>
      <c r="AW4252" s="144"/>
    </row>
    <row r="4253" spans="7:49" x14ac:dyDescent="0.2">
      <c r="G4253" s="43"/>
      <c r="Z4253" s="143"/>
      <c r="AA4253" s="137"/>
      <c r="AB4253" s="137"/>
      <c r="AC4253" s="137"/>
      <c r="AD4253" s="137"/>
      <c r="AE4253" s="137"/>
      <c r="AF4253" s="137"/>
      <c r="AG4253" s="137"/>
      <c r="AH4253" s="137"/>
      <c r="AI4253" s="137"/>
      <c r="AJ4253" s="137"/>
      <c r="AK4253" s="137"/>
      <c r="AL4253" s="137"/>
      <c r="AM4253" s="137"/>
      <c r="AN4253" s="137"/>
      <c r="AO4253" s="137"/>
      <c r="AP4253" s="137"/>
      <c r="AQ4253" s="137"/>
      <c r="AR4253" s="137"/>
      <c r="AS4253" s="137"/>
      <c r="AT4253" s="137"/>
      <c r="AU4253" s="137"/>
      <c r="AV4253" s="137"/>
      <c r="AW4253" s="144"/>
    </row>
    <row r="4254" spans="7:49" x14ac:dyDescent="0.2">
      <c r="G4254" s="43"/>
      <c r="Z4254" s="143"/>
      <c r="AA4254" s="137"/>
      <c r="AB4254" s="137"/>
      <c r="AC4254" s="137"/>
      <c r="AD4254" s="137"/>
      <c r="AE4254" s="137"/>
      <c r="AF4254" s="137"/>
      <c r="AG4254" s="137"/>
      <c r="AH4254" s="137"/>
      <c r="AI4254" s="137"/>
      <c r="AJ4254" s="137"/>
      <c r="AK4254" s="137"/>
      <c r="AL4254" s="137"/>
      <c r="AM4254" s="137"/>
      <c r="AN4254" s="137"/>
      <c r="AO4254" s="137"/>
      <c r="AP4254" s="137"/>
      <c r="AQ4254" s="137"/>
      <c r="AR4254" s="137"/>
      <c r="AS4254" s="137"/>
      <c r="AT4254" s="137"/>
      <c r="AU4254" s="137"/>
      <c r="AV4254" s="137"/>
      <c r="AW4254" s="144"/>
    </row>
    <row r="4255" spans="7:49" x14ac:dyDescent="0.2">
      <c r="G4255" s="43"/>
      <c r="Z4255" s="143"/>
      <c r="AA4255" s="137"/>
      <c r="AB4255" s="137"/>
      <c r="AC4255" s="137"/>
      <c r="AD4255" s="137"/>
      <c r="AE4255" s="137"/>
      <c r="AF4255" s="137"/>
      <c r="AG4255" s="137"/>
      <c r="AH4255" s="137"/>
      <c r="AI4255" s="137"/>
      <c r="AJ4255" s="137"/>
      <c r="AK4255" s="137"/>
      <c r="AL4255" s="137"/>
      <c r="AM4255" s="137"/>
      <c r="AN4255" s="137"/>
      <c r="AO4255" s="137"/>
      <c r="AP4255" s="137"/>
      <c r="AQ4255" s="137"/>
      <c r="AR4255" s="137"/>
      <c r="AS4255" s="137"/>
      <c r="AT4255" s="137"/>
      <c r="AU4255" s="137"/>
      <c r="AV4255" s="137"/>
      <c r="AW4255" s="144"/>
    </row>
    <row r="4256" spans="7:49" x14ac:dyDescent="0.2">
      <c r="G4256" s="43"/>
      <c r="Z4256" s="143"/>
      <c r="AA4256" s="137"/>
      <c r="AB4256" s="137"/>
      <c r="AC4256" s="137"/>
      <c r="AD4256" s="137"/>
      <c r="AE4256" s="137"/>
      <c r="AF4256" s="137"/>
      <c r="AG4256" s="137"/>
      <c r="AH4256" s="137"/>
      <c r="AI4256" s="137"/>
      <c r="AJ4256" s="137"/>
      <c r="AK4256" s="137"/>
      <c r="AL4256" s="137"/>
      <c r="AM4256" s="137"/>
      <c r="AN4256" s="137"/>
      <c r="AO4256" s="137"/>
      <c r="AP4256" s="137"/>
      <c r="AQ4256" s="137"/>
      <c r="AR4256" s="137"/>
      <c r="AS4256" s="137"/>
      <c r="AT4256" s="137"/>
      <c r="AU4256" s="137"/>
      <c r="AV4256" s="137"/>
      <c r="AW4256" s="144"/>
    </row>
    <row r="4257" spans="7:49" x14ac:dyDescent="0.2">
      <c r="G4257" s="43"/>
      <c r="Z4257" s="143"/>
      <c r="AA4257" s="137"/>
      <c r="AB4257" s="137"/>
      <c r="AC4257" s="137"/>
      <c r="AD4257" s="137"/>
      <c r="AE4257" s="137"/>
      <c r="AF4257" s="137"/>
      <c r="AG4257" s="137"/>
      <c r="AH4257" s="137"/>
      <c r="AI4257" s="137"/>
      <c r="AJ4257" s="137"/>
      <c r="AK4257" s="137"/>
      <c r="AL4257" s="137"/>
      <c r="AM4257" s="137"/>
      <c r="AN4257" s="137"/>
      <c r="AO4257" s="137"/>
      <c r="AP4257" s="137"/>
      <c r="AQ4257" s="137"/>
      <c r="AR4257" s="137"/>
      <c r="AS4257" s="137"/>
      <c r="AT4257" s="137"/>
      <c r="AU4257" s="137"/>
      <c r="AV4257" s="137"/>
      <c r="AW4257" s="144"/>
    </row>
    <row r="4258" spans="7:49" x14ac:dyDescent="0.2">
      <c r="G4258" s="43"/>
      <c r="Z4258" s="143"/>
      <c r="AA4258" s="137"/>
      <c r="AB4258" s="137"/>
      <c r="AC4258" s="137"/>
      <c r="AD4258" s="137"/>
      <c r="AE4258" s="137"/>
      <c r="AF4258" s="137"/>
      <c r="AG4258" s="137"/>
      <c r="AH4258" s="137"/>
      <c r="AI4258" s="137"/>
      <c r="AJ4258" s="137"/>
      <c r="AK4258" s="137"/>
      <c r="AL4258" s="137"/>
      <c r="AM4258" s="137"/>
      <c r="AN4258" s="137"/>
      <c r="AO4258" s="137"/>
      <c r="AP4258" s="137"/>
      <c r="AQ4258" s="137"/>
      <c r="AR4258" s="137"/>
      <c r="AS4258" s="137"/>
      <c r="AT4258" s="137"/>
      <c r="AU4258" s="137"/>
      <c r="AV4258" s="137"/>
      <c r="AW4258" s="144"/>
    </row>
    <row r="4259" spans="7:49" x14ac:dyDescent="0.2">
      <c r="G4259" s="43"/>
      <c r="Z4259" s="143"/>
      <c r="AA4259" s="137"/>
      <c r="AB4259" s="137"/>
      <c r="AC4259" s="137"/>
      <c r="AD4259" s="137"/>
      <c r="AE4259" s="137"/>
      <c r="AF4259" s="137"/>
      <c r="AG4259" s="137"/>
      <c r="AH4259" s="137"/>
      <c r="AI4259" s="137"/>
      <c r="AJ4259" s="137"/>
      <c r="AK4259" s="137"/>
      <c r="AL4259" s="137"/>
      <c r="AM4259" s="137"/>
      <c r="AN4259" s="137"/>
      <c r="AO4259" s="137"/>
      <c r="AP4259" s="137"/>
      <c r="AQ4259" s="137"/>
      <c r="AR4259" s="137"/>
      <c r="AS4259" s="137"/>
      <c r="AT4259" s="137"/>
      <c r="AU4259" s="137"/>
      <c r="AV4259" s="137"/>
      <c r="AW4259" s="144"/>
    </row>
    <row r="4260" spans="7:49" x14ac:dyDescent="0.2">
      <c r="G4260" s="43"/>
      <c r="Z4260" s="143"/>
      <c r="AA4260" s="137"/>
      <c r="AB4260" s="137"/>
      <c r="AC4260" s="137"/>
      <c r="AD4260" s="137"/>
      <c r="AE4260" s="137"/>
      <c r="AF4260" s="137"/>
      <c r="AG4260" s="137"/>
      <c r="AH4260" s="137"/>
      <c r="AI4260" s="137"/>
      <c r="AJ4260" s="137"/>
      <c r="AK4260" s="137"/>
      <c r="AL4260" s="137"/>
      <c r="AM4260" s="137"/>
      <c r="AN4260" s="137"/>
      <c r="AO4260" s="137"/>
      <c r="AP4260" s="137"/>
      <c r="AQ4260" s="137"/>
      <c r="AR4260" s="137"/>
      <c r="AS4260" s="137"/>
      <c r="AT4260" s="137"/>
      <c r="AU4260" s="137"/>
      <c r="AV4260" s="137"/>
      <c r="AW4260" s="144"/>
    </row>
    <row r="4261" spans="7:49" x14ac:dyDescent="0.2">
      <c r="G4261" s="43"/>
      <c r="Z4261" s="143"/>
      <c r="AA4261" s="137"/>
      <c r="AB4261" s="137"/>
      <c r="AC4261" s="137"/>
      <c r="AD4261" s="137"/>
      <c r="AE4261" s="137"/>
      <c r="AF4261" s="137"/>
      <c r="AG4261" s="137"/>
      <c r="AH4261" s="137"/>
      <c r="AI4261" s="137"/>
      <c r="AJ4261" s="137"/>
      <c r="AK4261" s="137"/>
      <c r="AL4261" s="137"/>
      <c r="AM4261" s="137"/>
      <c r="AN4261" s="137"/>
      <c r="AO4261" s="137"/>
      <c r="AP4261" s="137"/>
      <c r="AQ4261" s="137"/>
      <c r="AR4261" s="137"/>
      <c r="AS4261" s="137"/>
      <c r="AT4261" s="137"/>
      <c r="AU4261" s="137"/>
      <c r="AV4261" s="137"/>
      <c r="AW4261" s="144"/>
    </row>
    <row r="4262" spans="7:49" x14ac:dyDescent="0.2">
      <c r="G4262" s="43"/>
      <c r="Z4262" s="143"/>
      <c r="AA4262" s="137"/>
      <c r="AB4262" s="137"/>
      <c r="AC4262" s="137"/>
      <c r="AD4262" s="137"/>
      <c r="AE4262" s="137"/>
      <c r="AF4262" s="137"/>
      <c r="AG4262" s="137"/>
      <c r="AH4262" s="137"/>
      <c r="AI4262" s="137"/>
      <c r="AJ4262" s="137"/>
      <c r="AK4262" s="137"/>
      <c r="AL4262" s="137"/>
      <c r="AM4262" s="137"/>
      <c r="AN4262" s="137"/>
      <c r="AO4262" s="137"/>
      <c r="AP4262" s="137"/>
      <c r="AQ4262" s="137"/>
      <c r="AR4262" s="137"/>
      <c r="AS4262" s="137"/>
      <c r="AT4262" s="137"/>
      <c r="AU4262" s="137"/>
      <c r="AV4262" s="137"/>
      <c r="AW4262" s="144"/>
    </row>
    <row r="4263" spans="7:49" x14ac:dyDescent="0.2">
      <c r="G4263" s="43"/>
      <c r="Z4263" s="143"/>
      <c r="AA4263" s="137"/>
      <c r="AB4263" s="137"/>
      <c r="AC4263" s="137"/>
      <c r="AD4263" s="137"/>
      <c r="AE4263" s="137"/>
      <c r="AF4263" s="137"/>
      <c r="AG4263" s="137"/>
      <c r="AH4263" s="137"/>
      <c r="AI4263" s="137"/>
      <c r="AJ4263" s="137"/>
      <c r="AK4263" s="137"/>
      <c r="AL4263" s="137"/>
      <c r="AM4263" s="137"/>
      <c r="AN4263" s="137"/>
      <c r="AO4263" s="137"/>
      <c r="AP4263" s="137"/>
      <c r="AQ4263" s="137"/>
      <c r="AR4263" s="137"/>
      <c r="AS4263" s="137"/>
      <c r="AT4263" s="137"/>
      <c r="AU4263" s="137"/>
      <c r="AV4263" s="137"/>
      <c r="AW4263" s="144"/>
    </row>
    <row r="4264" spans="7:49" x14ac:dyDescent="0.2">
      <c r="G4264" s="43"/>
      <c r="Z4264" s="143"/>
      <c r="AA4264" s="137"/>
      <c r="AB4264" s="137"/>
      <c r="AC4264" s="137"/>
      <c r="AD4264" s="137"/>
      <c r="AE4264" s="137"/>
      <c r="AF4264" s="137"/>
      <c r="AG4264" s="137"/>
      <c r="AH4264" s="137"/>
      <c r="AI4264" s="137"/>
      <c r="AJ4264" s="137"/>
      <c r="AK4264" s="137"/>
      <c r="AL4264" s="137"/>
      <c r="AM4264" s="137"/>
      <c r="AN4264" s="137"/>
      <c r="AO4264" s="137"/>
      <c r="AP4264" s="137"/>
      <c r="AQ4264" s="137"/>
      <c r="AR4264" s="137"/>
      <c r="AS4264" s="137"/>
      <c r="AT4264" s="137"/>
      <c r="AU4264" s="137"/>
      <c r="AV4264" s="137"/>
      <c r="AW4264" s="144"/>
    </row>
    <row r="4265" spans="7:49" x14ac:dyDescent="0.2">
      <c r="G4265" s="43"/>
      <c r="Z4265" s="143"/>
      <c r="AA4265" s="137"/>
      <c r="AB4265" s="137"/>
      <c r="AC4265" s="137"/>
      <c r="AD4265" s="137"/>
      <c r="AE4265" s="137"/>
      <c r="AF4265" s="137"/>
      <c r="AG4265" s="137"/>
      <c r="AH4265" s="137"/>
      <c r="AI4265" s="137"/>
      <c r="AJ4265" s="137"/>
      <c r="AK4265" s="137"/>
      <c r="AL4265" s="137"/>
      <c r="AM4265" s="137"/>
      <c r="AN4265" s="137"/>
      <c r="AO4265" s="137"/>
      <c r="AP4265" s="137"/>
      <c r="AQ4265" s="137"/>
      <c r="AR4265" s="137"/>
      <c r="AS4265" s="137"/>
      <c r="AT4265" s="137"/>
      <c r="AU4265" s="137"/>
      <c r="AV4265" s="137"/>
      <c r="AW4265" s="144"/>
    </row>
    <row r="4266" spans="7:49" x14ac:dyDescent="0.2">
      <c r="G4266" s="43"/>
      <c r="Z4266" s="143"/>
      <c r="AA4266" s="137"/>
      <c r="AB4266" s="137"/>
      <c r="AC4266" s="137"/>
      <c r="AD4266" s="137"/>
      <c r="AE4266" s="137"/>
      <c r="AF4266" s="137"/>
      <c r="AG4266" s="137"/>
      <c r="AH4266" s="137"/>
      <c r="AI4266" s="137"/>
      <c r="AJ4266" s="137"/>
      <c r="AK4266" s="137"/>
      <c r="AL4266" s="137"/>
      <c r="AM4266" s="137"/>
      <c r="AN4266" s="137"/>
      <c r="AO4266" s="137"/>
      <c r="AP4266" s="137"/>
      <c r="AQ4266" s="137"/>
      <c r="AR4266" s="137"/>
      <c r="AS4266" s="137"/>
      <c r="AT4266" s="137"/>
      <c r="AU4266" s="137"/>
      <c r="AV4266" s="137"/>
      <c r="AW4266" s="144"/>
    </row>
    <row r="4267" spans="7:49" x14ac:dyDescent="0.2">
      <c r="G4267" s="43"/>
      <c r="Z4267" s="143"/>
      <c r="AA4267" s="137"/>
      <c r="AB4267" s="137"/>
      <c r="AC4267" s="137"/>
      <c r="AD4267" s="137"/>
      <c r="AE4267" s="137"/>
      <c r="AF4267" s="137"/>
      <c r="AG4267" s="137"/>
      <c r="AH4267" s="137"/>
      <c r="AI4267" s="137"/>
      <c r="AJ4267" s="137"/>
      <c r="AK4267" s="137"/>
      <c r="AL4267" s="137"/>
      <c r="AM4267" s="137"/>
      <c r="AN4267" s="137"/>
      <c r="AO4267" s="137"/>
      <c r="AP4267" s="137"/>
      <c r="AQ4267" s="137"/>
      <c r="AR4267" s="137"/>
      <c r="AS4267" s="137"/>
      <c r="AT4267" s="137"/>
      <c r="AU4267" s="137"/>
      <c r="AV4267" s="137"/>
      <c r="AW4267" s="144"/>
    </row>
    <row r="4268" spans="7:49" x14ac:dyDescent="0.2">
      <c r="G4268" s="43"/>
      <c r="Z4268" s="143"/>
      <c r="AA4268" s="137"/>
      <c r="AB4268" s="137"/>
      <c r="AC4268" s="137"/>
      <c r="AD4268" s="137"/>
      <c r="AE4268" s="137"/>
      <c r="AF4268" s="137"/>
      <c r="AG4268" s="137"/>
      <c r="AH4268" s="137"/>
      <c r="AI4268" s="137"/>
      <c r="AJ4268" s="137"/>
      <c r="AK4268" s="137"/>
      <c r="AL4268" s="137"/>
      <c r="AM4268" s="137"/>
      <c r="AN4268" s="137"/>
      <c r="AO4268" s="137"/>
      <c r="AP4268" s="137"/>
      <c r="AQ4268" s="137"/>
      <c r="AR4268" s="137"/>
      <c r="AS4268" s="137"/>
      <c r="AT4268" s="137"/>
      <c r="AU4268" s="137"/>
      <c r="AV4268" s="137"/>
      <c r="AW4268" s="144"/>
    </row>
    <row r="4269" spans="7:49" x14ac:dyDescent="0.2">
      <c r="G4269" s="43"/>
      <c r="Z4269" s="143"/>
      <c r="AA4269" s="137"/>
      <c r="AB4269" s="137"/>
      <c r="AC4269" s="137"/>
      <c r="AD4269" s="137"/>
      <c r="AE4269" s="137"/>
      <c r="AF4269" s="137"/>
      <c r="AG4269" s="137"/>
      <c r="AH4269" s="137"/>
      <c r="AI4269" s="137"/>
      <c r="AJ4269" s="137"/>
      <c r="AK4269" s="137"/>
      <c r="AL4269" s="137"/>
      <c r="AM4269" s="137"/>
      <c r="AN4269" s="137"/>
      <c r="AO4269" s="137"/>
      <c r="AP4269" s="137"/>
      <c r="AQ4269" s="137"/>
      <c r="AR4269" s="137"/>
      <c r="AS4269" s="137"/>
      <c r="AT4269" s="137"/>
      <c r="AU4269" s="137"/>
      <c r="AV4269" s="137"/>
      <c r="AW4269" s="144"/>
    </row>
    <row r="4270" spans="7:49" x14ac:dyDescent="0.2">
      <c r="G4270" s="43"/>
      <c r="Z4270" s="143"/>
      <c r="AA4270" s="137"/>
      <c r="AB4270" s="137"/>
      <c r="AC4270" s="137"/>
      <c r="AD4270" s="137"/>
      <c r="AE4270" s="137"/>
      <c r="AF4270" s="137"/>
      <c r="AG4270" s="137"/>
      <c r="AH4270" s="137"/>
      <c r="AI4270" s="137"/>
      <c r="AJ4270" s="137"/>
      <c r="AK4270" s="137"/>
      <c r="AL4270" s="137"/>
      <c r="AM4270" s="137"/>
      <c r="AN4270" s="137"/>
      <c r="AO4270" s="137"/>
      <c r="AP4270" s="137"/>
      <c r="AQ4270" s="137"/>
      <c r="AR4270" s="137"/>
      <c r="AS4270" s="137"/>
      <c r="AT4270" s="137"/>
      <c r="AU4270" s="137"/>
      <c r="AV4270" s="137"/>
      <c r="AW4270" s="144"/>
    </row>
    <row r="4271" spans="7:49" x14ac:dyDescent="0.2">
      <c r="G4271" s="43"/>
      <c r="Z4271" s="143"/>
      <c r="AA4271" s="137"/>
      <c r="AB4271" s="137"/>
      <c r="AC4271" s="137"/>
      <c r="AD4271" s="137"/>
      <c r="AE4271" s="137"/>
      <c r="AF4271" s="137"/>
      <c r="AG4271" s="137"/>
      <c r="AH4271" s="137"/>
      <c r="AI4271" s="137"/>
      <c r="AJ4271" s="137"/>
      <c r="AK4271" s="137"/>
      <c r="AL4271" s="137"/>
      <c r="AM4271" s="137"/>
      <c r="AN4271" s="137"/>
      <c r="AO4271" s="137"/>
      <c r="AP4271" s="137"/>
      <c r="AQ4271" s="137"/>
      <c r="AR4271" s="137"/>
      <c r="AS4271" s="137"/>
      <c r="AT4271" s="137"/>
      <c r="AU4271" s="137"/>
      <c r="AV4271" s="137"/>
      <c r="AW4271" s="144"/>
    </row>
    <row r="4272" spans="7:49" x14ac:dyDescent="0.2">
      <c r="G4272" s="43"/>
      <c r="Z4272" s="143"/>
      <c r="AA4272" s="137"/>
      <c r="AB4272" s="137"/>
      <c r="AC4272" s="137"/>
      <c r="AD4272" s="137"/>
      <c r="AE4272" s="137"/>
      <c r="AF4272" s="137"/>
      <c r="AG4272" s="137"/>
      <c r="AH4272" s="137"/>
      <c r="AI4272" s="137"/>
      <c r="AJ4272" s="137"/>
      <c r="AK4272" s="137"/>
      <c r="AL4272" s="137"/>
      <c r="AM4272" s="137"/>
      <c r="AN4272" s="137"/>
      <c r="AO4272" s="137"/>
      <c r="AP4272" s="137"/>
      <c r="AQ4272" s="137"/>
      <c r="AR4272" s="137"/>
      <c r="AS4272" s="137"/>
      <c r="AT4272" s="137"/>
      <c r="AU4272" s="137"/>
      <c r="AV4272" s="137"/>
      <c r="AW4272" s="144"/>
    </row>
    <row r="4273" spans="7:49" x14ac:dyDescent="0.2">
      <c r="G4273" s="43"/>
      <c r="Z4273" s="143"/>
      <c r="AA4273" s="137"/>
      <c r="AB4273" s="137"/>
      <c r="AC4273" s="137"/>
      <c r="AD4273" s="137"/>
      <c r="AE4273" s="137"/>
      <c r="AF4273" s="137"/>
      <c r="AG4273" s="137"/>
      <c r="AH4273" s="137"/>
      <c r="AI4273" s="137"/>
      <c r="AJ4273" s="137"/>
      <c r="AK4273" s="137"/>
      <c r="AL4273" s="137"/>
      <c r="AM4273" s="137"/>
      <c r="AN4273" s="137"/>
      <c r="AO4273" s="137"/>
      <c r="AP4273" s="137"/>
      <c r="AQ4273" s="137"/>
      <c r="AR4273" s="137"/>
      <c r="AS4273" s="137"/>
      <c r="AT4273" s="137"/>
      <c r="AU4273" s="137"/>
      <c r="AV4273" s="137"/>
      <c r="AW4273" s="144"/>
    </row>
    <row r="4274" spans="7:49" x14ac:dyDescent="0.2">
      <c r="G4274" s="43"/>
      <c r="Z4274" s="143"/>
      <c r="AA4274" s="137"/>
      <c r="AB4274" s="137"/>
      <c r="AC4274" s="137"/>
      <c r="AD4274" s="137"/>
      <c r="AE4274" s="137"/>
      <c r="AF4274" s="137"/>
      <c r="AG4274" s="137"/>
      <c r="AH4274" s="137"/>
      <c r="AI4274" s="137"/>
      <c r="AJ4274" s="137"/>
      <c r="AK4274" s="137"/>
      <c r="AL4274" s="137"/>
      <c r="AM4274" s="137"/>
      <c r="AN4274" s="137"/>
      <c r="AO4274" s="137"/>
      <c r="AP4274" s="137"/>
      <c r="AQ4274" s="137"/>
      <c r="AR4274" s="137"/>
      <c r="AS4274" s="137"/>
      <c r="AT4274" s="137"/>
      <c r="AU4274" s="137"/>
      <c r="AV4274" s="137"/>
      <c r="AW4274" s="144"/>
    </row>
    <row r="4275" spans="7:49" x14ac:dyDescent="0.2">
      <c r="G4275" s="43"/>
      <c r="Z4275" s="143"/>
      <c r="AA4275" s="137"/>
      <c r="AB4275" s="137"/>
      <c r="AC4275" s="137"/>
      <c r="AD4275" s="137"/>
      <c r="AE4275" s="137"/>
      <c r="AF4275" s="137"/>
      <c r="AG4275" s="137"/>
      <c r="AH4275" s="137"/>
      <c r="AI4275" s="137"/>
      <c r="AJ4275" s="137"/>
      <c r="AK4275" s="137"/>
      <c r="AL4275" s="137"/>
      <c r="AM4275" s="137"/>
      <c r="AN4275" s="137"/>
      <c r="AO4275" s="137"/>
      <c r="AP4275" s="137"/>
      <c r="AQ4275" s="137"/>
      <c r="AR4275" s="137"/>
      <c r="AS4275" s="137"/>
      <c r="AT4275" s="137"/>
      <c r="AU4275" s="137"/>
      <c r="AV4275" s="137"/>
      <c r="AW4275" s="144"/>
    </row>
    <row r="4276" spans="7:49" x14ac:dyDescent="0.2">
      <c r="G4276" s="43"/>
      <c r="Z4276" s="143"/>
      <c r="AA4276" s="137"/>
      <c r="AB4276" s="137"/>
      <c r="AC4276" s="137"/>
      <c r="AD4276" s="137"/>
      <c r="AE4276" s="137"/>
      <c r="AF4276" s="137"/>
      <c r="AG4276" s="137"/>
      <c r="AH4276" s="137"/>
      <c r="AI4276" s="137"/>
      <c r="AJ4276" s="137"/>
      <c r="AK4276" s="137"/>
      <c r="AL4276" s="137"/>
      <c r="AM4276" s="137"/>
      <c r="AN4276" s="137"/>
      <c r="AO4276" s="137"/>
      <c r="AP4276" s="137"/>
      <c r="AQ4276" s="137"/>
      <c r="AR4276" s="137"/>
      <c r="AS4276" s="137"/>
      <c r="AT4276" s="137"/>
      <c r="AU4276" s="137"/>
      <c r="AV4276" s="137"/>
      <c r="AW4276" s="144"/>
    </row>
    <row r="4277" spans="7:49" x14ac:dyDescent="0.2">
      <c r="G4277" s="43"/>
      <c r="Z4277" s="143"/>
      <c r="AA4277" s="137"/>
      <c r="AB4277" s="137"/>
      <c r="AC4277" s="137"/>
      <c r="AD4277" s="137"/>
      <c r="AE4277" s="137"/>
      <c r="AF4277" s="137"/>
      <c r="AG4277" s="137"/>
      <c r="AH4277" s="137"/>
      <c r="AI4277" s="137"/>
      <c r="AJ4277" s="137"/>
      <c r="AK4277" s="137"/>
      <c r="AL4277" s="137"/>
      <c r="AM4277" s="137"/>
      <c r="AN4277" s="137"/>
      <c r="AO4277" s="137"/>
      <c r="AP4277" s="137"/>
      <c r="AQ4277" s="137"/>
      <c r="AR4277" s="137"/>
      <c r="AS4277" s="137"/>
      <c r="AT4277" s="137"/>
      <c r="AU4277" s="137"/>
      <c r="AV4277" s="137"/>
      <c r="AW4277" s="144"/>
    </row>
    <row r="4278" spans="7:49" x14ac:dyDescent="0.2">
      <c r="G4278" s="43"/>
      <c r="Z4278" s="143"/>
      <c r="AA4278" s="137"/>
      <c r="AB4278" s="137"/>
      <c r="AC4278" s="137"/>
      <c r="AD4278" s="137"/>
      <c r="AE4278" s="137"/>
      <c r="AF4278" s="137"/>
      <c r="AG4278" s="137"/>
      <c r="AH4278" s="137"/>
      <c r="AI4278" s="137"/>
      <c r="AJ4278" s="137"/>
      <c r="AK4278" s="137"/>
      <c r="AL4278" s="137"/>
      <c r="AM4278" s="137"/>
      <c r="AN4278" s="137"/>
      <c r="AO4278" s="137"/>
      <c r="AP4278" s="137"/>
      <c r="AQ4278" s="137"/>
      <c r="AR4278" s="137"/>
      <c r="AS4278" s="137"/>
      <c r="AT4278" s="137"/>
      <c r="AU4278" s="137"/>
      <c r="AV4278" s="137"/>
      <c r="AW4278" s="144"/>
    </row>
    <row r="4279" spans="7:49" x14ac:dyDescent="0.2">
      <c r="G4279" s="43"/>
      <c r="Z4279" s="143"/>
      <c r="AA4279" s="137"/>
      <c r="AB4279" s="137"/>
      <c r="AC4279" s="137"/>
      <c r="AD4279" s="137"/>
      <c r="AE4279" s="137"/>
      <c r="AF4279" s="137"/>
      <c r="AG4279" s="137"/>
      <c r="AH4279" s="137"/>
      <c r="AI4279" s="137"/>
      <c r="AJ4279" s="137"/>
      <c r="AK4279" s="137"/>
      <c r="AL4279" s="137"/>
      <c r="AM4279" s="137"/>
      <c r="AN4279" s="137"/>
      <c r="AO4279" s="137"/>
      <c r="AP4279" s="137"/>
      <c r="AQ4279" s="137"/>
      <c r="AR4279" s="137"/>
      <c r="AS4279" s="137"/>
      <c r="AT4279" s="137"/>
      <c r="AU4279" s="137"/>
      <c r="AV4279" s="137"/>
      <c r="AW4279" s="144"/>
    </row>
    <row r="4280" spans="7:49" x14ac:dyDescent="0.2">
      <c r="G4280" s="43"/>
      <c r="Z4280" s="143"/>
      <c r="AA4280" s="137"/>
      <c r="AB4280" s="137"/>
      <c r="AC4280" s="137"/>
      <c r="AD4280" s="137"/>
      <c r="AE4280" s="137"/>
      <c r="AF4280" s="137"/>
      <c r="AG4280" s="137"/>
      <c r="AH4280" s="137"/>
      <c r="AI4280" s="137"/>
      <c r="AJ4280" s="137"/>
      <c r="AK4280" s="137"/>
      <c r="AL4280" s="137"/>
      <c r="AM4280" s="137"/>
      <c r="AN4280" s="137"/>
      <c r="AO4280" s="137"/>
      <c r="AP4280" s="137"/>
      <c r="AQ4280" s="137"/>
      <c r="AR4280" s="137"/>
      <c r="AS4280" s="137"/>
      <c r="AT4280" s="137"/>
      <c r="AU4280" s="137"/>
      <c r="AV4280" s="137"/>
      <c r="AW4280" s="144"/>
    </row>
    <row r="4281" spans="7:49" x14ac:dyDescent="0.2">
      <c r="G4281" s="43"/>
      <c r="Z4281" s="143"/>
      <c r="AA4281" s="137"/>
      <c r="AB4281" s="137"/>
      <c r="AC4281" s="137"/>
      <c r="AD4281" s="137"/>
      <c r="AE4281" s="137"/>
      <c r="AF4281" s="137"/>
      <c r="AG4281" s="137"/>
      <c r="AH4281" s="137"/>
      <c r="AI4281" s="137"/>
      <c r="AJ4281" s="137"/>
      <c r="AK4281" s="137"/>
      <c r="AL4281" s="137"/>
      <c r="AM4281" s="137"/>
      <c r="AN4281" s="137"/>
      <c r="AO4281" s="137"/>
      <c r="AP4281" s="137"/>
      <c r="AQ4281" s="137"/>
      <c r="AR4281" s="137"/>
      <c r="AS4281" s="137"/>
      <c r="AT4281" s="137"/>
      <c r="AU4281" s="137"/>
      <c r="AV4281" s="137"/>
      <c r="AW4281" s="144"/>
    </row>
    <row r="4282" spans="7:49" x14ac:dyDescent="0.2">
      <c r="G4282" s="43"/>
      <c r="Z4282" s="143"/>
      <c r="AA4282" s="137"/>
      <c r="AB4282" s="137"/>
      <c r="AC4282" s="137"/>
      <c r="AD4282" s="137"/>
      <c r="AE4282" s="137"/>
      <c r="AF4282" s="137"/>
      <c r="AG4282" s="137"/>
      <c r="AH4282" s="137"/>
      <c r="AI4282" s="137"/>
      <c r="AJ4282" s="137"/>
      <c r="AK4282" s="137"/>
      <c r="AL4282" s="137"/>
      <c r="AM4282" s="137"/>
      <c r="AN4282" s="137"/>
      <c r="AO4282" s="137"/>
      <c r="AP4282" s="137"/>
      <c r="AQ4282" s="137"/>
      <c r="AR4282" s="137"/>
      <c r="AS4282" s="137"/>
      <c r="AT4282" s="137"/>
      <c r="AU4282" s="137"/>
      <c r="AV4282" s="137"/>
      <c r="AW4282" s="144"/>
    </row>
    <row r="4283" spans="7:49" x14ac:dyDescent="0.2">
      <c r="G4283" s="43"/>
      <c r="Z4283" s="143"/>
      <c r="AA4283" s="137"/>
      <c r="AB4283" s="137"/>
      <c r="AC4283" s="137"/>
      <c r="AD4283" s="137"/>
      <c r="AE4283" s="137"/>
      <c r="AF4283" s="137"/>
      <c r="AG4283" s="137"/>
      <c r="AH4283" s="137"/>
      <c r="AI4283" s="137"/>
      <c r="AJ4283" s="137"/>
      <c r="AK4283" s="137"/>
      <c r="AL4283" s="137"/>
      <c r="AM4283" s="137"/>
      <c r="AN4283" s="137"/>
      <c r="AO4283" s="137"/>
      <c r="AP4283" s="137"/>
      <c r="AQ4283" s="137"/>
      <c r="AR4283" s="137"/>
      <c r="AS4283" s="137"/>
      <c r="AT4283" s="137"/>
      <c r="AU4283" s="137"/>
      <c r="AV4283" s="137"/>
      <c r="AW4283" s="144"/>
    </row>
    <row r="4284" spans="7:49" x14ac:dyDescent="0.2">
      <c r="G4284" s="43"/>
      <c r="Z4284" s="143"/>
      <c r="AA4284" s="137"/>
      <c r="AB4284" s="137"/>
      <c r="AC4284" s="137"/>
      <c r="AD4284" s="137"/>
      <c r="AE4284" s="137"/>
      <c r="AF4284" s="137"/>
      <c r="AG4284" s="137"/>
      <c r="AH4284" s="137"/>
      <c r="AI4284" s="137"/>
      <c r="AJ4284" s="137"/>
      <c r="AK4284" s="137"/>
      <c r="AL4284" s="137"/>
      <c r="AM4284" s="137"/>
      <c r="AN4284" s="137"/>
      <c r="AO4284" s="137"/>
      <c r="AP4284" s="137"/>
      <c r="AQ4284" s="137"/>
      <c r="AR4284" s="137"/>
      <c r="AS4284" s="137"/>
      <c r="AT4284" s="137"/>
      <c r="AU4284" s="137"/>
      <c r="AV4284" s="137"/>
      <c r="AW4284" s="144"/>
    </row>
    <row r="4285" spans="7:49" x14ac:dyDescent="0.2">
      <c r="G4285" s="43"/>
      <c r="Z4285" s="143"/>
      <c r="AA4285" s="137"/>
      <c r="AB4285" s="137"/>
      <c r="AC4285" s="137"/>
      <c r="AD4285" s="137"/>
      <c r="AE4285" s="137"/>
      <c r="AF4285" s="137"/>
      <c r="AG4285" s="137"/>
      <c r="AH4285" s="137"/>
      <c r="AI4285" s="137"/>
      <c r="AJ4285" s="137"/>
      <c r="AK4285" s="137"/>
      <c r="AL4285" s="137"/>
      <c r="AM4285" s="137"/>
      <c r="AN4285" s="137"/>
      <c r="AO4285" s="137"/>
      <c r="AP4285" s="137"/>
      <c r="AQ4285" s="137"/>
      <c r="AR4285" s="137"/>
      <c r="AS4285" s="137"/>
      <c r="AT4285" s="137"/>
      <c r="AU4285" s="137"/>
      <c r="AV4285" s="137"/>
      <c r="AW4285" s="144"/>
    </row>
    <row r="4286" spans="7:49" x14ac:dyDescent="0.2">
      <c r="G4286" s="43"/>
      <c r="Z4286" s="143"/>
      <c r="AA4286" s="137"/>
      <c r="AB4286" s="137"/>
      <c r="AC4286" s="137"/>
      <c r="AD4286" s="137"/>
      <c r="AE4286" s="137"/>
      <c r="AF4286" s="137"/>
      <c r="AG4286" s="137"/>
      <c r="AH4286" s="137"/>
      <c r="AI4286" s="137"/>
      <c r="AJ4286" s="137"/>
      <c r="AK4286" s="137"/>
      <c r="AL4286" s="137"/>
      <c r="AM4286" s="137"/>
      <c r="AN4286" s="137"/>
      <c r="AO4286" s="137"/>
      <c r="AP4286" s="137"/>
      <c r="AQ4286" s="137"/>
      <c r="AR4286" s="137"/>
      <c r="AS4286" s="137"/>
      <c r="AT4286" s="137"/>
      <c r="AU4286" s="137"/>
      <c r="AV4286" s="137"/>
      <c r="AW4286" s="144"/>
    </row>
    <row r="4287" spans="7:49" x14ac:dyDescent="0.2">
      <c r="G4287" s="43"/>
      <c r="Z4287" s="143"/>
      <c r="AA4287" s="137"/>
      <c r="AB4287" s="137"/>
      <c r="AC4287" s="137"/>
      <c r="AD4287" s="137"/>
      <c r="AE4287" s="137"/>
      <c r="AF4287" s="137"/>
      <c r="AG4287" s="137"/>
      <c r="AH4287" s="137"/>
      <c r="AI4287" s="137"/>
      <c r="AJ4287" s="137"/>
      <c r="AK4287" s="137"/>
      <c r="AL4287" s="137"/>
      <c r="AM4287" s="137"/>
      <c r="AN4287" s="137"/>
      <c r="AO4287" s="137"/>
      <c r="AP4287" s="137"/>
      <c r="AQ4287" s="137"/>
      <c r="AR4287" s="137"/>
      <c r="AS4287" s="137"/>
      <c r="AT4287" s="137"/>
      <c r="AU4287" s="137"/>
      <c r="AV4287" s="137"/>
      <c r="AW4287" s="144"/>
    </row>
    <row r="4288" spans="7:49" x14ac:dyDescent="0.2">
      <c r="G4288" s="43"/>
      <c r="Z4288" s="143"/>
      <c r="AA4288" s="137"/>
      <c r="AB4288" s="137"/>
      <c r="AC4288" s="137"/>
      <c r="AD4288" s="137"/>
      <c r="AE4288" s="137"/>
      <c r="AF4288" s="137"/>
      <c r="AG4288" s="137"/>
      <c r="AH4288" s="137"/>
      <c r="AI4288" s="137"/>
      <c r="AJ4288" s="137"/>
      <c r="AK4288" s="137"/>
      <c r="AL4288" s="137"/>
      <c r="AM4288" s="137"/>
      <c r="AN4288" s="137"/>
      <c r="AO4288" s="137"/>
      <c r="AP4288" s="137"/>
      <c r="AQ4288" s="137"/>
      <c r="AR4288" s="137"/>
      <c r="AS4288" s="137"/>
      <c r="AT4288" s="137"/>
      <c r="AU4288" s="137"/>
      <c r="AV4288" s="137"/>
      <c r="AW4288" s="144"/>
    </row>
    <row r="4289" spans="7:49" x14ac:dyDescent="0.2">
      <c r="G4289" s="43"/>
      <c r="Z4289" s="143"/>
      <c r="AA4289" s="137"/>
      <c r="AB4289" s="137"/>
      <c r="AC4289" s="137"/>
      <c r="AD4289" s="137"/>
      <c r="AE4289" s="137"/>
      <c r="AF4289" s="137"/>
      <c r="AG4289" s="137"/>
      <c r="AH4289" s="137"/>
      <c r="AI4289" s="137"/>
      <c r="AJ4289" s="137"/>
      <c r="AK4289" s="137"/>
      <c r="AL4289" s="137"/>
      <c r="AM4289" s="137"/>
      <c r="AN4289" s="137"/>
      <c r="AO4289" s="137"/>
      <c r="AP4289" s="137"/>
      <c r="AQ4289" s="137"/>
      <c r="AR4289" s="137"/>
      <c r="AS4289" s="137"/>
      <c r="AT4289" s="137"/>
      <c r="AU4289" s="137"/>
      <c r="AV4289" s="137"/>
      <c r="AW4289" s="144"/>
    </row>
    <row r="4290" spans="7:49" x14ac:dyDescent="0.2">
      <c r="G4290" s="43"/>
      <c r="Z4290" s="143"/>
      <c r="AA4290" s="137"/>
      <c r="AB4290" s="137"/>
      <c r="AC4290" s="137"/>
      <c r="AD4290" s="137"/>
      <c r="AE4290" s="137"/>
      <c r="AF4290" s="137"/>
      <c r="AG4290" s="137"/>
      <c r="AH4290" s="137"/>
      <c r="AI4290" s="137"/>
      <c r="AJ4290" s="137"/>
      <c r="AK4290" s="137"/>
      <c r="AL4290" s="137"/>
      <c r="AM4290" s="137"/>
      <c r="AN4290" s="137"/>
      <c r="AO4290" s="137"/>
      <c r="AP4290" s="137"/>
      <c r="AQ4290" s="137"/>
      <c r="AR4290" s="137"/>
      <c r="AS4290" s="137"/>
      <c r="AT4290" s="137"/>
      <c r="AU4290" s="137"/>
      <c r="AV4290" s="137"/>
      <c r="AW4290" s="144"/>
    </row>
    <row r="4291" spans="7:49" x14ac:dyDescent="0.2">
      <c r="G4291" s="43"/>
      <c r="Z4291" s="143"/>
      <c r="AA4291" s="137"/>
      <c r="AB4291" s="137"/>
      <c r="AC4291" s="137"/>
      <c r="AD4291" s="137"/>
      <c r="AE4291" s="137"/>
      <c r="AF4291" s="137"/>
      <c r="AG4291" s="137"/>
      <c r="AH4291" s="137"/>
      <c r="AI4291" s="137"/>
      <c r="AJ4291" s="137"/>
      <c r="AK4291" s="137"/>
      <c r="AL4291" s="137"/>
      <c r="AM4291" s="137"/>
      <c r="AN4291" s="137"/>
      <c r="AO4291" s="137"/>
      <c r="AP4291" s="137"/>
      <c r="AQ4291" s="137"/>
      <c r="AR4291" s="137"/>
      <c r="AS4291" s="137"/>
      <c r="AT4291" s="137"/>
      <c r="AU4291" s="137"/>
      <c r="AV4291" s="137"/>
      <c r="AW4291" s="144"/>
    </row>
    <row r="4292" spans="7:49" x14ac:dyDescent="0.2">
      <c r="G4292" s="43"/>
      <c r="Z4292" s="143"/>
      <c r="AA4292" s="137"/>
      <c r="AB4292" s="137"/>
      <c r="AC4292" s="137"/>
      <c r="AD4292" s="137"/>
      <c r="AE4292" s="137"/>
      <c r="AF4292" s="137"/>
      <c r="AG4292" s="137"/>
      <c r="AH4292" s="137"/>
      <c r="AI4292" s="137"/>
      <c r="AJ4292" s="137"/>
      <c r="AK4292" s="137"/>
      <c r="AL4292" s="137"/>
      <c r="AM4292" s="137"/>
      <c r="AN4292" s="137"/>
      <c r="AO4292" s="137"/>
      <c r="AP4292" s="137"/>
      <c r="AQ4292" s="137"/>
      <c r="AR4292" s="137"/>
      <c r="AS4292" s="137"/>
      <c r="AT4292" s="137"/>
      <c r="AU4292" s="137"/>
      <c r="AV4292" s="137"/>
      <c r="AW4292" s="144"/>
    </row>
    <row r="4293" spans="7:49" x14ac:dyDescent="0.2">
      <c r="G4293" s="43"/>
      <c r="Z4293" s="143"/>
      <c r="AA4293" s="137"/>
      <c r="AB4293" s="137"/>
      <c r="AC4293" s="137"/>
      <c r="AD4293" s="137"/>
      <c r="AE4293" s="137"/>
      <c r="AF4293" s="137"/>
      <c r="AG4293" s="137"/>
      <c r="AH4293" s="137"/>
      <c r="AI4293" s="137"/>
      <c r="AJ4293" s="137"/>
      <c r="AK4293" s="137"/>
      <c r="AL4293" s="137"/>
      <c r="AM4293" s="137"/>
      <c r="AN4293" s="137"/>
      <c r="AO4293" s="137"/>
      <c r="AP4293" s="137"/>
      <c r="AQ4293" s="137"/>
      <c r="AR4293" s="137"/>
      <c r="AS4293" s="137"/>
      <c r="AT4293" s="137"/>
      <c r="AU4293" s="137"/>
      <c r="AV4293" s="137"/>
      <c r="AW4293" s="144"/>
    </row>
    <row r="4294" spans="7:49" x14ac:dyDescent="0.2">
      <c r="G4294" s="43"/>
      <c r="Z4294" s="143"/>
      <c r="AA4294" s="137"/>
      <c r="AB4294" s="137"/>
      <c r="AC4294" s="137"/>
      <c r="AD4294" s="137"/>
      <c r="AE4294" s="137"/>
      <c r="AF4294" s="137"/>
      <c r="AG4294" s="137"/>
      <c r="AH4294" s="137"/>
      <c r="AI4294" s="137"/>
      <c r="AJ4294" s="137"/>
      <c r="AK4294" s="137"/>
      <c r="AL4294" s="137"/>
      <c r="AM4294" s="137"/>
      <c r="AN4294" s="137"/>
      <c r="AO4294" s="137"/>
      <c r="AP4294" s="137"/>
      <c r="AQ4294" s="137"/>
      <c r="AR4294" s="137"/>
      <c r="AS4294" s="137"/>
      <c r="AT4294" s="137"/>
      <c r="AU4294" s="137"/>
      <c r="AV4294" s="137"/>
      <c r="AW4294" s="144"/>
    </row>
    <row r="4295" spans="7:49" x14ac:dyDescent="0.2">
      <c r="G4295" s="43"/>
      <c r="Z4295" s="143"/>
      <c r="AA4295" s="137"/>
      <c r="AB4295" s="137"/>
      <c r="AC4295" s="137"/>
      <c r="AD4295" s="137"/>
      <c r="AE4295" s="137"/>
      <c r="AF4295" s="137"/>
      <c r="AG4295" s="137"/>
      <c r="AH4295" s="137"/>
      <c r="AI4295" s="137"/>
      <c r="AJ4295" s="137"/>
      <c r="AK4295" s="137"/>
      <c r="AL4295" s="137"/>
      <c r="AM4295" s="137"/>
      <c r="AN4295" s="137"/>
      <c r="AO4295" s="137"/>
      <c r="AP4295" s="137"/>
      <c r="AQ4295" s="137"/>
      <c r="AR4295" s="137"/>
      <c r="AS4295" s="137"/>
      <c r="AT4295" s="137"/>
      <c r="AU4295" s="137"/>
      <c r="AV4295" s="137"/>
      <c r="AW4295" s="144"/>
    </row>
    <row r="4296" spans="7:49" x14ac:dyDescent="0.2">
      <c r="G4296" s="43"/>
      <c r="Z4296" s="143"/>
      <c r="AA4296" s="137"/>
      <c r="AB4296" s="137"/>
      <c r="AC4296" s="137"/>
      <c r="AD4296" s="137"/>
      <c r="AE4296" s="137"/>
      <c r="AF4296" s="137"/>
      <c r="AG4296" s="137"/>
      <c r="AH4296" s="137"/>
      <c r="AI4296" s="137"/>
      <c r="AJ4296" s="137"/>
      <c r="AK4296" s="137"/>
      <c r="AL4296" s="137"/>
      <c r="AM4296" s="137"/>
      <c r="AN4296" s="137"/>
      <c r="AO4296" s="137"/>
      <c r="AP4296" s="137"/>
      <c r="AQ4296" s="137"/>
      <c r="AR4296" s="137"/>
      <c r="AS4296" s="137"/>
      <c r="AT4296" s="137"/>
      <c r="AU4296" s="137"/>
      <c r="AV4296" s="137"/>
      <c r="AW4296" s="144"/>
    </row>
    <row r="4297" spans="7:49" x14ac:dyDescent="0.2">
      <c r="G4297" s="43"/>
      <c r="Z4297" s="143"/>
      <c r="AA4297" s="137"/>
      <c r="AB4297" s="137"/>
      <c r="AC4297" s="137"/>
      <c r="AD4297" s="137"/>
      <c r="AE4297" s="137"/>
      <c r="AF4297" s="137"/>
      <c r="AG4297" s="137"/>
      <c r="AH4297" s="137"/>
      <c r="AI4297" s="137"/>
      <c r="AJ4297" s="137"/>
      <c r="AK4297" s="137"/>
      <c r="AL4297" s="137"/>
      <c r="AM4297" s="137"/>
      <c r="AN4297" s="137"/>
      <c r="AO4297" s="137"/>
      <c r="AP4297" s="137"/>
      <c r="AQ4297" s="137"/>
      <c r="AR4297" s="137"/>
      <c r="AS4297" s="137"/>
      <c r="AT4297" s="137"/>
      <c r="AU4297" s="137"/>
      <c r="AV4297" s="137"/>
      <c r="AW4297" s="144"/>
    </row>
    <row r="4298" spans="7:49" x14ac:dyDescent="0.2">
      <c r="G4298" s="43"/>
      <c r="Z4298" s="143"/>
      <c r="AA4298" s="137"/>
      <c r="AB4298" s="137"/>
      <c r="AC4298" s="137"/>
      <c r="AD4298" s="137"/>
      <c r="AE4298" s="137"/>
      <c r="AF4298" s="137"/>
      <c r="AG4298" s="137"/>
      <c r="AH4298" s="137"/>
      <c r="AI4298" s="137"/>
      <c r="AJ4298" s="137"/>
      <c r="AK4298" s="137"/>
      <c r="AL4298" s="137"/>
      <c r="AM4298" s="137"/>
      <c r="AN4298" s="137"/>
      <c r="AO4298" s="137"/>
      <c r="AP4298" s="137"/>
      <c r="AQ4298" s="137"/>
      <c r="AR4298" s="137"/>
      <c r="AS4298" s="137"/>
      <c r="AT4298" s="137"/>
      <c r="AU4298" s="137"/>
      <c r="AV4298" s="137"/>
      <c r="AW4298" s="144"/>
    </row>
    <row r="4299" spans="7:49" x14ac:dyDescent="0.2">
      <c r="G4299" s="43"/>
      <c r="Z4299" s="143"/>
      <c r="AA4299" s="137"/>
      <c r="AB4299" s="137"/>
      <c r="AC4299" s="137"/>
      <c r="AD4299" s="137"/>
      <c r="AE4299" s="137"/>
      <c r="AF4299" s="137"/>
      <c r="AG4299" s="137"/>
      <c r="AH4299" s="137"/>
      <c r="AI4299" s="137"/>
      <c r="AJ4299" s="137"/>
      <c r="AK4299" s="137"/>
      <c r="AL4299" s="137"/>
      <c r="AM4299" s="137"/>
      <c r="AN4299" s="137"/>
      <c r="AO4299" s="137"/>
      <c r="AP4299" s="137"/>
      <c r="AQ4299" s="137"/>
      <c r="AR4299" s="137"/>
      <c r="AS4299" s="137"/>
      <c r="AT4299" s="137"/>
      <c r="AU4299" s="137"/>
      <c r="AV4299" s="137"/>
      <c r="AW4299" s="144"/>
    </row>
    <row r="4300" spans="7:49" x14ac:dyDescent="0.2">
      <c r="G4300" s="43"/>
      <c r="Z4300" s="143"/>
      <c r="AA4300" s="137"/>
      <c r="AB4300" s="137"/>
      <c r="AC4300" s="137"/>
      <c r="AD4300" s="137"/>
      <c r="AE4300" s="137"/>
      <c r="AF4300" s="137"/>
      <c r="AG4300" s="137"/>
      <c r="AH4300" s="137"/>
      <c r="AI4300" s="137"/>
      <c r="AJ4300" s="137"/>
      <c r="AK4300" s="137"/>
      <c r="AL4300" s="137"/>
      <c r="AM4300" s="137"/>
      <c r="AN4300" s="137"/>
      <c r="AO4300" s="137"/>
      <c r="AP4300" s="137"/>
      <c r="AQ4300" s="137"/>
      <c r="AR4300" s="137"/>
      <c r="AS4300" s="137"/>
      <c r="AT4300" s="137"/>
      <c r="AU4300" s="137"/>
      <c r="AV4300" s="137"/>
      <c r="AW4300" s="144"/>
    </row>
    <row r="4301" spans="7:49" x14ac:dyDescent="0.2">
      <c r="G4301" s="43"/>
      <c r="Z4301" s="143"/>
      <c r="AA4301" s="137"/>
      <c r="AB4301" s="137"/>
      <c r="AC4301" s="137"/>
      <c r="AD4301" s="137"/>
      <c r="AE4301" s="137"/>
      <c r="AF4301" s="137"/>
      <c r="AG4301" s="137"/>
      <c r="AH4301" s="137"/>
      <c r="AI4301" s="137"/>
      <c r="AJ4301" s="137"/>
      <c r="AK4301" s="137"/>
      <c r="AL4301" s="137"/>
      <c r="AM4301" s="137"/>
      <c r="AN4301" s="137"/>
      <c r="AO4301" s="137"/>
      <c r="AP4301" s="137"/>
      <c r="AQ4301" s="137"/>
      <c r="AR4301" s="137"/>
      <c r="AS4301" s="137"/>
      <c r="AT4301" s="137"/>
      <c r="AU4301" s="137"/>
      <c r="AV4301" s="137"/>
      <c r="AW4301" s="144"/>
    </row>
    <row r="4302" spans="7:49" x14ac:dyDescent="0.2">
      <c r="G4302" s="43"/>
      <c r="Z4302" s="143"/>
      <c r="AA4302" s="137"/>
      <c r="AB4302" s="137"/>
      <c r="AC4302" s="137"/>
      <c r="AD4302" s="137"/>
      <c r="AE4302" s="137"/>
      <c r="AF4302" s="137"/>
      <c r="AG4302" s="137"/>
      <c r="AH4302" s="137"/>
      <c r="AI4302" s="137"/>
      <c r="AJ4302" s="137"/>
      <c r="AK4302" s="137"/>
      <c r="AL4302" s="137"/>
      <c r="AM4302" s="137"/>
      <c r="AN4302" s="137"/>
      <c r="AO4302" s="137"/>
      <c r="AP4302" s="137"/>
      <c r="AQ4302" s="137"/>
      <c r="AR4302" s="137"/>
      <c r="AS4302" s="137"/>
      <c r="AT4302" s="137"/>
      <c r="AU4302" s="137"/>
      <c r="AV4302" s="137"/>
      <c r="AW4302" s="144"/>
    </row>
    <row r="4303" spans="7:49" x14ac:dyDescent="0.2">
      <c r="G4303" s="43"/>
      <c r="Z4303" s="143"/>
      <c r="AA4303" s="137"/>
      <c r="AB4303" s="137"/>
      <c r="AC4303" s="137"/>
      <c r="AD4303" s="137"/>
      <c r="AE4303" s="137"/>
      <c r="AF4303" s="137"/>
      <c r="AG4303" s="137"/>
      <c r="AH4303" s="137"/>
      <c r="AI4303" s="137"/>
      <c r="AJ4303" s="137"/>
      <c r="AK4303" s="137"/>
      <c r="AL4303" s="137"/>
      <c r="AM4303" s="137"/>
      <c r="AN4303" s="137"/>
      <c r="AO4303" s="137"/>
      <c r="AP4303" s="137"/>
      <c r="AQ4303" s="137"/>
      <c r="AR4303" s="137"/>
      <c r="AS4303" s="137"/>
      <c r="AT4303" s="137"/>
      <c r="AU4303" s="137"/>
      <c r="AV4303" s="137"/>
      <c r="AW4303" s="144"/>
    </row>
    <row r="4304" spans="7:49" x14ac:dyDescent="0.2">
      <c r="G4304" s="43"/>
      <c r="Z4304" s="143"/>
      <c r="AA4304" s="137"/>
      <c r="AB4304" s="137"/>
      <c r="AC4304" s="137"/>
      <c r="AD4304" s="137"/>
      <c r="AE4304" s="137"/>
      <c r="AF4304" s="137"/>
      <c r="AG4304" s="137"/>
      <c r="AH4304" s="137"/>
      <c r="AI4304" s="137"/>
      <c r="AJ4304" s="137"/>
      <c r="AK4304" s="137"/>
      <c r="AL4304" s="137"/>
      <c r="AM4304" s="137"/>
      <c r="AN4304" s="137"/>
      <c r="AO4304" s="137"/>
      <c r="AP4304" s="137"/>
      <c r="AQ4304" s="137"/>
      <c r="AR4304" s="137"/>
      <c r="AS4304" s="137"/>
      <c r="AT4304" s="137"/>
      <c r="AU4304" s="137"/>
      <c r="AV4304" s="137"/>
      <c r="AW4304" s="144"/>
    </row>
    <row r="4305" spans="7:49" x14ac:dyDescent="0.2">
      <c r="G4305" s="43"/>
      <c r="Z4305" s="143"/>
      <c r="AA4305" s="137"/>
      <c r="AB4305" s="137"/>
      <c r="AC4305" s="137"/>
      <c r="AD4305" s="137"/>
      <c r="AE4305" s="137"/>
      <c r="AF4305" s="137"/>
      <c r="AG4305" s="137"/>
      <c r="AH4305" s="137"/>
      <c r="AI4305" s="137"/>
      <c r="AJ4305" s="137"/>
      <c r="AK4305" s="137"/>
      <c r="AL4305" s="137"/>
      <c r="AM4305" s="137"/>
      <c r="AN4305" s="137"/>
      <c r="AO4305" s="137"/>
      <c r="AP4305" s="137"/>
      <c r="AQ4305" s="137"/>
      <c r="AR4305" s="137"/>
      <c r="AS4305" s="137"/>
      <c r="AT4305" s="137"/>
      <c r="AU4305" s="137"/>
      <c r="AV4305" s="137"/>
      <c r="AW4305" s="144"/>
    </row>
    <row r="4306" spans="7:49" x14ac:dyDescent="0.2">
      <c r="G4306" s="43"/>
      <c r="Z4306" s="143"/>
      <c r="AA4306" s="137"/>
      <c r="AB4306" s="137"/>
      <c r="AC4306" s="137"/>
      <c r="AD4306" s="137"/>
      <c r="AE4306" s="137"/>
      <c r="AF4306" s="137"/>
      <c r="AG4306" s="137"/>
      <c r="AH4306" s="137"/>
      <c r="AI4306" s="137"/>
      <c r="AJ4306" s="137"/>
      <c r="AK4306" s="137"/>
      <c r="AL4306" s="137"/>
      <c r="AM4306" s="137"/>
      <c r="AN4306" s="137"/>
      <c r="AO4306" s="137"/>
      <c r="AP4306" s="137"/>
      <c r="AQ4306" s="137"/>
      <c r="AR4306" s="137"/>
      <c r="AS4306" s="137"/>
      <c r="AT4306" s="137"/>
      <c r="AU4306" s="137"/>
      <c r="AV4306" s="137"/>
      <c r="AW4306" s="144"/>
    </row>
    <row r="4307" spans="7:49" x14ac:dyDescent="0.2">
      <c r="G4307" s="43"/>
      <c r="Z4307" s="143"/>
      <c r="AA4307" s="137"/>
      <c r="AB4307" s="137"/>
      <c r="AC4307" s="137"/>
      <c r="AD4307" s="137"/>
      <c r="AE4307" s="137"/>
      <c r="AF4307" s="137"/>
      <c r="AG4307" s="137"/>
      <c r="AH4307" s="137"/>
      <c r="AI4307" s="137"/>
      <c r="AJ4307" s="137"/>
      <c r="AK4307" s="137"/>
      <c r="AL4307" s="137"/>
      <c r="AM4307" s="137"/>
      <c r="AN4307" s="137"/>
      <c r="AO4307" s="137"/>
      <c r="AP4307" s="137"/>
      <c r="AQ4307" s="137"/>
      <c r="AR4307" s="137"/>
      <c r="AS4307" s="137"/>
      <c r="AT4307" s="137"/>
      <c r="AU4307" s="137"/>
      <c r="AV4307" s="137"/>
      <c r="AW4307" s="144"/>
    </row>
    <row r="4308" spans="7:49" x14ac:dyDescent="0.2">
      <c r="G4308" s="43"/>
      <c r="Z4308" s="143"/>
      <c r="AA4308" s="137"/>
      <c r="AB4308" s="137"/>
      <c r="AC4308" s="137"/>
      <c r="AD4308" s="137"/>
      <c r="AE4308" s="137"/>
      <c r="AF4308" s="137"/>
      <c r="AG4308" s="137"/>
      <c r="AH4308" s="137"/>
      <c r="AI4308" s="137"/>
      <c r="AJ4308" s="137"/>
      <c r="AK4308" s="137"/>
      <c r="AL4308" s="137"/>
      <c r="AM4308" s="137"/>
      <c r="AN4308" s="137"/>
      <c r="AO4308" s="137"/>
      <c r="AP4308" s="137"/>
      <c r="AQ4308" s="137"/>
      <c r="AR4308" s="137"/>
      <c r="AS4308" s="137"/>
      <c r="AT4308" s="137"/>
      <c r="AU4308" s="137"/>
      <c r="AV4308" s="137"/>
      <c r="AW4308" s="144"/>
    </row>
    <row r="4309" spans="7:49" x14ac:dyDescent="0.2">
      <c r="G4309" s="43"/>
      <c r="Z4309" s="143"/>
      <c r="AA4309" s="137"/>
      <c r="AB4309" s="137"/>
      <c r="AC4309" s="137"/>
      <c r="AD4309" s="137"/>
      <c r="AE4309" s="137"/>
      <c r="AF4309" s="137"/>
      <c r="AG4309" s="137"/>
      <c r="AH4309" s="137"/>
      <c r="AI4309" s="137"/>
      <c r="AJ4309" s="137"/>
      <c r="AK4309" s="137"/>
      <c r="AL4309" s="137"/>
      <c r="AM4309" s="137"/>
      <c r="AN4309" s="137"/>
      <c r="AO4309" s="137"/>
      <c r="AP4309" s="137"/>
      <c r="AQ4309" s="137"/>
      <c r="AR4309" s="137"/>
      <c r="AS4309" s="137"/>
      <c r="AT4309" s="137"/>
      <c r="AU4309" s="137"/>
      <c r="AV4309" s="137"/>
      <c r="AW4309" s="144"/>
    </row>
    <row r="4310" spans="7:49" x14ac:dyDescent="0.2">
      <c r="G4310" s="43"/>
      <c r="Z4310" s="143"/>
      <c r="AA4310" s="137"/>
      <c r="AB4310" s="137"/>
      <c r="AC4310" s="137"/>
      <c r="AD4310" s="137"/>
      <c r="AE4310" s="137"/>
      <c r="AF4310" s="137"/>
      <c r="AG4310" s="137"/>
      <c r="AH4310" s="137"/>
      <c r="AI4310" s="137"/>
      <c r="AJ4310" s="137"/>
      <c r="AK4310" s="137"/>
      <c r="AL4310" s="137"/>
      <c r="AM4310" s="137"/>
      <c r="AN4310" s="137"/>
      <c r="AO4310" s="137"/>
      <c r="AP4310" s="137"/>
      <c r="AQ4310" s="137"/>
      <c r="AR4310" s="137"/>
      <c r="AS4310" s="137"/>
      <c r="AT4310" s="137"/>
      <c r="AU4310" s="137"/>
      <c r="AV4310" s="137"/>
      <c r="AW4310" s="144"/>
    </row>
    <row r="4311" spans="7:49" x14ac:dyDescent="0.2">
      <c r="G4311" s="43"/>
      <c r="Z4311" s="143"/>
      <c r="AA4311" s="137"/>
      <c r="AB4311" s="137"/>
      <c r="AC4311" s="137"/>
      <c r="AD4311" s="137"/>
      <c r="AE4311" s="137"/>
      <c r="AF4311" s="137"/>
      <c r="AG4311" s="137"/>
      <c r="AH4311" s="137"/>
      <c r="AI4311" s="137"/>
      <c r="AJ4311" s="137"/>
      <c r="AK4311" s="137"/>
      <c r="AL4311" s="137"/>
      <c r="AM4311" s="137"/>
      <c r="AN4311" s="137"/>
      <c r="AO4311" s="137"/>
      <c r="AP4311" s="137"/>
      <c r="AQ4311" s="137"/>
      <c r="AR4311" s="137"/>
      <c r="AS4311" s="137"/>
      <c r="AT4311" s="137"/>
      <c r="AU4311" s="137"/>
      <c r="AV4311" s="137"/>
      <c r="AW4311" s="144"/>
    </row>
    <row r="4312" spans="7:49" x14ac:dyDescent="0.2">
      <c r="G4312" s="43"/>
      <c r="Z4312" s="143"/>
      <c r="AA4312" s="137"/>
      <c r="AB4312" s="137"/>
      <c r="AC4312" s="137"/>
      <c r="AD4312" s="137"/>
      <c r="AE4312" s="137"/>
      <c r="AF4312" s="137"/>
      <c r="AG4312" s="137"/>
      <c r="AH4312" s="137"/>
      <c r="AI4312" s="137"/>
      <c r="AJ4312" s="137"/>
      <c r="AK4312" s="137"/>
      <c r="AL4312" s="137"/>
      <c r="AM4312" s="137"/>
      <c r="AN4312" s="137"/>
      <c r="AO4312" s="137"/>
      <c r="AP4312" s="137"/>
      <c r="AQ4312" s="137"/>
      <c r="AR4312" s="137"/>
      <c r="AS4312" s="137"/>
      <c r="AT4312" s="137"/>
      <c r="AU4312" s="137"/>
      <c r="AV4312" s="137"/>
      <c r="AW4312" s="144"/>
    </row>
    <row r="4313" spans="7:49" x14ac:dyDescent="0.2">
      <c r="G4313" s="43"/>
      <c r="Z4313" s="143"/>
      <c r="AA4313" s="137"/>
      <c r="AB4313" s="137"/>
      <c r="AC4313" s="137"/>
      <c r="AD4313" s="137"/>
      <c r="AE4313" s="137"/>
      <c r="AF4313" s="137"/>
      <c r="AG4313" s="137"/>
      <c r="AH4313" s="137"/>
      <c r="AI4313" s="137"/>
      <c r="AJ4313" s="137"/>
      <c r="AK4313" s="137"/>
      <c r="AL4313" s="137"/>
      <c r="AM4313" s="137"/>
      <c r="AN4313" s="137"/>
      <c r="AO4313" s="137"/>
      <c r="AP4313" s="137"/>
      <c r="AQ4313" s="137"/>
      <c r="AR4313" s="137"/>
      <c r="AS4313" s="137"/>
      <c r="AT4313" s="137"/>
      <c r="AU4313" s="137"/>
      <c r="AV4313" s="137"/>
      <c r="AW4313" s="144"/>
    </row>
    <row r="4314" spans="7:49" x14ac:dyDescent="0.2">
      <c r="G4314" s="43"/>
      <c r="Z4314" s="143"/>
      <c r="AA4314" s="137"/>
      <c r="AB4314" s="137"/>
      <c r="AC4314" s="137"/>
      <c r="AD4314" s="137"/>
      <c r="AE4314" s="137"/>
      <c r="AF4314" s="137"/>
      <c r="AG4314" s="137"/>
      <c r="AH4314" s="137"/>
      <c r="AI4314" s="137"/>
      <c r="AJ4314" s="137"/>
      <c r="AK4314" s="137"/>
      <c r="AL4314" s="137"/>
      <c r="AM4314" s="137"/>
      <c r="AN4314" s="137"/>
      <c r="AO4314" s="137"/>
      <c r="AP4314" s="137"/>
      <c r="AQ4314" s="137"/>
      <c r="AR4314" s="137"/>
      <c r="AS4314" s="137"/>
      <c r="AT4314" s="137"/>
      <c r="AU4314" s="137"/>
      <c r="AV4314" s="137"/>
      <c r="AW4314" s="144"/>
    </row>
    <row r="4315" spans="7:49" x14ac:dyDescent="0.2">
      <c r="G4315" s="43"/>
      <c r="Z4315" s="143"/>
      <c r="AA4315" s="137"/>
      <c r="AB4315" s="137"/>
      <c r="AC4315" s="137"/>
      <c r="AD4315" s="137"/>
      <c r="AE4315" s="137"/>
      <c r="AF4315" s="137"/>
      <c r="AG4315" s="137"/>
      <c r="AH4315" s="137"/>
      <c r="AI4315" s="137"/>
      <c r="AJ4315" s="137"/>
      <c r="AK4315" s="137"/>
      <c r="AL4315" s="137"/>
      <c r="AM4315" s="137"/>
      <c r="AN4315" s="137"/>
      <c r="AO4315" s="137"/>
      <c r="AP4315" s="137"/>
      <c r="AQ4315" s="137"/>
      <c r="AR4315" s="137"/>
      <c r="AS4315" s="137"/>
      <c r="AT4315" s="137"/>
      <c r="AU4315" s="137"/>
      <c r="AV4315" s="137"/>
      <c r="AW4315" s="144"/>
    </row>
    <row r="4316" spans="7:49" x14ac:dyDescent="0.2">
      <c r="G4316" s="43"/>
      <c r="Z4316" s="143"/>
      <c r="AA4316" s="137"/>
      <c r="AB4316" s="137"/>
      <c r="AC4316" s="137"/>
      <c r="AD4316" s="137"/>
      <c r="AE4316" s="137"/>
      <c r="AF4316" s="137"/>
      <c r="AG4316" s="137"/>
      <c r="AH4316" s="137"/>
      <c r="AI4316" s="137"/>
      <c r="AJ4316" s="137"/>
      <c r="AK4316" s="137"/>
      <c r="AL4316" s="137"/>
      <c r="AM4316" s="137"/>
      <c r="AN4316" s="137"/>
      <c r="AO4316" s="137"/>
      <c r="AP4316" s="137"/>
      <c r="AQ4316" s="137"/>
      <c r="AR4316" s="137"/>
      <c r="AS4316" s="137"/>
      <c r="AT4316" s="137"/>
      <c r="AU4316" s="137"/>
      <c r="AV4316" s="137"/>
      <c r="AW4316" s="144"/>
    </row>
    <row r="4317" spans="7:49" x14ac:dyDescent="0.2">
      <c r="G4317" s="43"/>
      <c r="Z4317" s="143"/>
      <c r="AA4317" s="137"/>
      <c r="AB4317" s="137"/>
      <c r="AC4317" s="137"/>
      <c r="AD4317" s="137"/>
      <c r="AE4317" s="137"/>
      <c r="AF4317" s="137"/>
      <c r="AG4317" s="137"/>
      <c r="AH4317" s="137"/>
      <c r="AI4317" s="137"/>
      <c r="AJ4317" s="137"/>
      <c r="AK4317" s="137"/>
      <c r="AL4317" s="137"/>
      <c r="AM4317" s="137"/>
      <c r="AN4317" s="137"/>
      <c r="AO4317" s="137"/>
      <c r="AP4317" s="137"/>
      <c r="AQ4317" s="137"/>
      <c r="AR4317" s="137"/>
      <c r="AS4317" s="137"/>
      <c r="AT4317" s="137"/>
      <c r="AU4317" s="137"/>
      <c r="AV4317" s="137"/>
      <c r="AW4317" s="144"/>
    </row>
    <row r="4318" spans="7:49" x14ac:dyDescent="0.2">
      <c r="G4318" s="43"/>
      <c r="Z4318" s="143"/>
      <c r="AA4318" s="137"/>
      <c r="AB4318" s="137"/>
      <c r="AC4318" s="137"/>
      <c r="AD4318" s="137"/>
      <c r="AE4318" s="137"/>
      <c r="AF4318" s="137"/>
      <c r="AG4318" s="137"/>
      <c r="AH4318" s="137"/>
      <c r="AI4318" s="137"/>
      <c r="AJ4318" s="137"/>
      <c r="AK4318" s="137"/>
      <c r="AL4318" s="137"/>
      <c r="AM4318" s="137"/>
      <c r="AN4318" s="137"/>
      <c r="AO4318" s="137"/>
      <c r="AP4318" s="137"/>
      <c r="AQ4318" s="137"/>
      <c r="AR4318" s="137"/>
      <c r="AS4318" s="137"/>
      <c r="AT4318" s="137"/>
      <c r="AU4318" s="137"/>
      <c r="AV4318" s="137"/>
      <c r="AW4318" s="144"/>
    </row>
    <row r="4319" spans="7:49" x14ac:dyDescent="0.2">
      <c r="G4319" s="43"/>
      <c r="Z4319" s="143"/>
      <c r="AA4319" s="137"/>
      <c r="AB4319" s="137"/>
      <c r="AC4319" s="137"/>
      <c r="AD4319" s="137"/>
      <c r="AE4319" s="137"/>
      <c r="AF4319" s="137"/>
      <c r="AG4319" s="137"/>
      <c r="AH4319" s="137"/>
      <c r="AI4319" s="137"/>
      <c r="AJ4319" s="137"/>
      <c r="AK4319" s="137"/>
      <c r="AL4319" s="137"/>
      <c r="AM4319" s="137"/>
      <c r="AN4319" s="137"/>
      <c r="AO4319" s="137"/>
      <c r="AP4319" s="137"/>
      <c r="AQ4319" s="137"/>
      <c r="AR4319" s="137"/>
      <c r="AS4319" s="137"/>
      <c r="AT4319" s="137"/>
      <c r="AU4319" s="137"/>
      <c r="AV4319" s="137"/>
      <c r="AW4319" s="144"/>
    </row>
    <row r="4320" spans="7:49" x14ac:dyDescent="0.2">
      <c r="G4320" s="43"/>
      <c r="Z4320" s="143"/>
      <c r="AA4320" s="137"/>
      <c r="AB4320" s="137"/>
      <c r="AC4320" s="137"/>
      <c r="AD4320" s="137"/>
      <c r="AE4320" s="137"/>
      <c r="AF4320" s="137"/>
      <c r="AG4320" s="137"/>
      <c r="AH4320" s="137"/>
      <c r="AI4320" s="137"/>
      <c r="AJ4320" s="137"/>
      <c r="AK4320" s="137"/>
      <c r="AL4320" s="137"/>
      <c r="AM4320" s="137"/>
      <c r="AN4320" s="137"/>
      <c r="AO4320" s="137"/>
      <c r="AP4320" s="137"/>
      <c r="AQ4320" s="137"/>
      <c r="AR4320" s="137"/>
      <c r="AS4320" s="137"/>
      <c r="AT4320" s="137"/>
      <c r="AU4320" s="137"/>
      <c r="AV4320" s="137"/>
      <c r="AW4320" s="144"/>
    </row>
    <row r="4321" spans="7:49" x14ac:dyDescent="0.2">
      <c r="G4321" s="43"/>
      <c r="Z4321" s="143"/>
      <c r="AA4321" s="137"/>
      <c r="AB4321" s="137"/>
      <c r="AC4321" s="137"/>
      <c r="AD4321" s="137"/>
      <c r="AE4321" s="137"/>
      <c r="AF4321" s="137"/>
      <c r="AG4321" s="137"/>
      <c r="AH4321" s="137"/>
      <c r="AI4321" s="137"/>
      <c r="AJ4321" s="137"/>
      <c r="AK4321" s="137"/>
      <c r="AL4321" s="137"/>
      <c r="AM4321" s="137"/>
      <c r="AN4321" s="137"/>
      <c r="AO4321" s="137"/>
      <c r="AP4321" s="137"/>
      <c r="AQ4321" s="137"/>
      <c r="AR4321" s="137"/>
      <c r="AS4321" s="137"/>
      <c r="AT4321" s="137"/>
      <c r="AU4321" s="137"/>
      <c r="AV4321" s="137"/>
      <c r="AW4321" s="144"/>
    </row>
    <row r="4322" spans="7:49" x14ac:dyDescent="0.2">
      <c r="G4322" s="43"/>
      <c r="Z4322" s="143"/>
      <c r="AA4322" s="137"/>
      <c r="AB4322" s="137"/>
      <c r="AC4322" s="137"/>
      <c r="AD4322" s="137"/>
      <c r="AE4322" s="137"/>
      <c r="AF4322" s="137"/>
      <c r="AG4322" s="137"/>
      <c r="AH4322" s="137"/>
      <c r="AI4322" s="137"/>
      <c r="AJ4322" s="137"/>
      <c r="AK4322" s="137"/>
      <c r="AL4322" s="137"/>
      <c r="AM4322" s="137"/>
      <c r="AN4322" s="137"/>
      <c r="AO4322" s="137"/>
      <c r="AP4322" s="137"/>
      <c r="AQ4322" s="137"/>
      <c r="AR4322" s="137"/>
      <c r="AS4322" s="137"/>
      <c r="AT4322" s="137"/>
      <c r="AU4322" s="137"/>
      <c r="AV4322" s="137"/>
      <c r="AW4322" s="144"/>
    </row>
    <row r="4323" spans="7:49" x14ac:dyDescent="0.2">
      <c r="G4323" s="43"/>
      <c r="Z4323" s="143"/>
      <c r="AA4323" s="137"/>
      <c r="AB4323" s="137"/>
      <c r="AC4323" s="137"/>
      <c r="AD4323" s="137"/>
      <c r="AE4323" s="137"/>
      <c r="AF4323" s="137"/>
      <c r="AG4323" s="137"/>
      <c r="AH4323" s="137"/>
      <c r="AI4323" s="137"/>
      <c r="AJ4323" s="137"/>
      <c r="AK4323" s="137"/>
      <c r="AL4323" s="137"/>
      <c r="AM4323" s="137"/>
      <c r="AN4323" s="137"/>
      <c r="AO4323" s="137"/>
      <c r="AP4323" s="137"/>
      <c r="AQ4323" s="137"/>
      <c r="AR4323" s="137"/>
      <c r="AS4323" s="137"/>
      <c r="AT4323" s="137"/>
      <c r="AU4323" s="137"/>
      <c r="AV4323" s="137"/>
      <c r="AW4323" s="144"/>
    </row>
    <row r="4324" spans="7:49" x14ac:dyDescent="0.2">
      <c r="G4324" s="43"/>
      <c r="Z4324" s="143"/>
      <c r="AA4324" s="137"/>
      <c r="AB4324" s="137"/>
      <c r="AC4324" s="137"/>
      <c r="AD4324" s="137"/>
      <c r="AE4324" s="137"/>
      <c r="AF4324" s="137"/>
      <c r="AG4324" s="137"/>
      <c r="AH4324" s="137"/>
      <c r="AI4324" s="137"/>
      <c r="AJ4324" s="137"/>
      <c r="AK4324" s="137"/>
      <c r="AL4324" s="137"/>
      <c r="AM4324" s="137"/>
      <c r="AN4324" s="137"/>
      <c r="AO4324" s="137"/>
      <c r="AP4324" s="137"/>
      <c r="AQ4324" s="137"/>
      <c r="AR4324" s="137"/>
      <c r="AS4324" s="137"/>
      <c r="AT4324" s="137"/>
      <c r="AU4324" s="137"/>
      <c r="AV4324" s="137"/>
      <c r="AW4324" s="144"/>
    </row>
    <row r="4325" spans="7:49" x14ac:dyDescent="0.2">
      <c r="G4325" s="43"/>
      <c r="Z4325" s="143"/>
      <c r="AA4325" s="137"/>
      <c r="AB4325" s="137"/>
      <c r="AC4325" s="137"/>
      <c r="AD4325" s="137"/>
      <c r="AE4325" s="137"/>
      <c r="AF4325" s="137"/>
      <c r="AG4325" s="137"/>
      <c r="AH4325" s="137"/>
      <c r="AI4325" s="137"/>
      <c r="AJ4325" s="137"/>
      <c r="AK4325" s="137"/>
      <c r="AL4325" s="137"/>
      <c r="AM4325" s="137"/>
      <c r="AN4325" s="137"/>
      <c r="AO4325" s="137"/>
      <c r="AP4325" s="137"/>
      <c r="AQ4325" s="137"/>
      <c r="AR4325" s="137"/>
      <c r="AS4325" s="137"/>
      <c r="AT4325" s="137"/>
      <c r="AU4325" s="137"/>
      <c r="AV4325" s="137"/>
      <c r="AW4325" s="144"/>
    </row>
    <row r="4326" spans="7:49" x14ac:dyDescent="0.2">
      <c r="G4326" s="43"/>
      <c r="Z4326" s="143"/>
      <c r="AA4326" s="137"/>
      <c r="AB4326" s="137"/>
      <c r="AC4326" s="137"/>
      <c r="AD4326" s="137"/>
      <c r="AE4326" s="137"/>
      <c r="AF4326" s="137"/>
      <c r="AG4326" s="137"/>
      <c r="AH4326" s="137"/>
      <c r="AI4326" s="137"/>
      <c r="AJ4326" s="137"/>
      <c r="AK4326" s="137"/>
      <c r="AL4326" s="137"/>
      <c r="AM4326" s="137"/>
      <c r="AN4326" s="137"/>
      <c r="AO4326" s="137"/>
      <c r="AP4326" s="137"/>
      <c r="AQ4326" s="137"/>
      <c r="AR4326" s="137"/>
      <c r="AS4326" s="137"/>
      <c r="AT4326" s="137"/>
      <c r="AU4326" s="137"/>
      <c r="AV4326" s="137"/>
      <c r="AW4326" s="144"/>
    </row>
    <row r="4327" spans="7:49" x14ac:dyDescent="0.2">
      <c r="G4327" s="43"/>
      <c r="Z4327" s="143"/>
      <c r="AA4327" s="137"/>
      <c r="AB4327" s="137"/>
      <c r="AC4327" s="137"/>
      <c r="AD4327" s="137"/>
      <c r="AE4327" s="137"/>
      <c r="AF4327" s="137"/>
      <c r="AG4327" s="137"/>
      <c r="AH4327" s="137"/>
      <c r="AI4327" s="137"/>
      <c r="AJ4327" s="137"/>
      <c r="AK4327" s="137"/>
      <c r="AL4327" s="137"/>
      <c r="AM4327" s="137"/>
      <c r="AN4327" s="137"/>
      <c r="AO4327" s="137"/>
      <c r="AP4327" s="137"/>
      <c r="AQ4327" s="137"/>
      <c r="AR4327" s="137"/>
      <c r="AS4327" s="137"/>
      <c r="AT4327" s="137"/>
      <c r="AU4327" s="137"/>
      <c r="AV4327" s="137"/>
      <c r="AW4327" s="144"/>
    </row>
    <row r="4328" spans="7:49" x14ac:dyDescent="0.2">
      <c r="G4328" s="43"/>
      <c r="Z4328" s="143"/>
      <c r="AA4328" s="137"/>
      <c r="AB4328" s="137"/>
      <c r="AC4328" s="137"/>
      <c r="AD4328" s="137"/>
      <c r="AE4328" s="137"/>
      <c r="AF4328" s="137"/>
      <c r="AG4328" s="137"/>
      <c r="AH4328" s="137"/>
      <c r="AI4328" s="137"/>
      <c r="AJ4328" s="137"/>
      <c r="AK4328" s="137"/>
      <c r="AL4328" s="137"/>
      <c r="AM4328" s="137"/>
      <c r="AN4328" s="137"/>
      <c r="AO4328" s="137"/>
      <c r="AP4328" s="137"/>
      <c r="AQ4328" s="137"/>
      <c r="AR4328" s="137"/>
      <c r="AS4328" s="137"/>
      <c r="AT4328" s="137"/>
      <c r="AU4328" s="137"/>
      <c r="AV4328" s="137"/>
      <c r="AW4328" s="144"/>
    </row>
    <row r="4329" spans="7:49" x14ac:dyDescent="0.2">
      <c r="G4329" s="43"/>
      <c r="Z4329" s="143"/>
      <c r="AA4329" s="137"/>
      <c r="AB4329" s="137"/>
      <c r="AC4329" s="137"/>
      <c r="AD4329" s="137"/>
      <c r="AE4329" s="137"/>
      <c r="AF4329" s="137"/>
      <c r="AG4329" s="137"/>
      <c r="AH4329" s="137"/>
      <c r="AI4329" s="137"/>
      <c r="AJ4329" s="137"/>
      <c r="AK4329" s="137"/>
      <c r="AL4329" s="137"/>
      <c r="AM4329" s="137"/>
      <c r="AN4329" s="137"/>
      <c r="AO4329" s="137"/>
      <c r="AP4329" s="137"/>
      <c r="AQ4329" s="137"/>
      <c r="AR4329" s="137"/>
      <c r="AS4329" s="137"/>
      <c r="AT4329" s="137"/>
      <c r="AU4329" s="137"/>
      <c r="AV4329" s="137"/>
      <c r="AW4329" s="144"/>
    </row>
    <row r="4330" spans="7:49" x14ac:dyDescent="0.2">
      <c r="G4330" s="43"/>
      <c r="Z4330" s="143"/>
      <c r="AA4330" s="137"/>
      <c r="AB4330" s="137"/>
      <c r="AC4330" s="137"/>
      <c r="AD4330" s="137"/>
      <c r="AE4330" s="137"/>
      <c r="AF4330" s="137"/>
      <c r="AG4330" s="137"/>
      <c r="AH4330" s="137"/>
      <c r="AI4330" s="137"/>
      <c r="AJ4330" s="137"/>
      <c r="AK4330" s="137"/>
      <c r="AL4330" s="137"/>
      <c r="AM4330" s="137"/>
      <c r="AN4330" s="137"/>
      <c r="AO4330" s="137"/>
      <c r="AP4330" s="137"/>
      <c r="AQ4330" s="137"/>
      <c r="AR4330" s="137"/>
      <c r="AS4330" s="137"/>
      <c r="AT4330" s="137"/>
      <c r="AU4330" s="137"/>
      <c r="AV4330" s="137"/>
      <c r="AW4330" s="144"/>
    </row>
    <row r="4331" spans="7:49" x14ac:dyDescent="0.2">
      <c r="G4331" s="43"/>
      <c r="Z4331" s="143"/>
      <c r="AA4331" s="137"/>
      <c r="AB4331" s="137"/>
      <c r="AC4331" s="137"/>
      <c r="AD4331" s="137"/>
      <c r="AE4331" s="137"/>
      <c r="AF4331" s="137"/>
      <c r="AG4331" s="137"/>
      <c r="AH4331" s="137"/>
      <c r="AI4331" s="137"/>
      <c r="AJ4331" s="137"/>
      <c r="AK4331" s="137"/>
      <c r="AL4331" s="137"/>
      <c r="AM4331" s="137"/>
      <c r="AN4331" s="137"/>
      <c r="AO4331" s="137"/>
      <c r="AP4331" s="137"/>
      <c r="AQ4331" s="137"/>
      <c r="AR4331" s="137"/>
      <c r="AS4331" s="137"/>
      <c r="AT4331" s="137"/>
      <c r="AU4331" s="137"/>
      <c r="AV4331" s="137"/>
      <c r="AW4331" s="144"/>
    </row>
    <row r="4332" spans="7:49" x14ac:dyDescent="0.2">
      <c r="G4332" s="43"/>
      <c r="Z4332" s="143"/>
      <c r="AA4332" s="137"/>
      <c r="AB4332" s="137"/>
      <c r="AC4332" s="137"/>
      <c r="AD4332" s="137"/>
      <c r="AE4332" s="137"/>
      <c r="AF4332" s="137"/>
      <c r="AG4332" s="137"/>
      <c r="AH4332" s="137"/>
      <c r="AI4332" s="137"/>
      <c r="AJ4332" s="137"/>
      <c r="AK4332" s="137"/>
      <c r="AL4332" s="137"/>
      <c r="AM4332" s="137"/>
      <c r="AN4332" s="137"/>
      <c r="AO4332" s="137"/>
      <c r="AP4332" s="137"/>
      <c r="AQ4332" s="137"/>
      <c r="AR4332" s="137"/>
      <c r="AS4332" s="137"/>
      <c r="AT4332" s="137"/>
      <c r="AU4332" s="137"/>
      <c r="AV4332" s="137"/>
      <c r="AW4332" s="144"/>
    </row>
    <row r="4333" spans="7:49" x14ac:dyDescent="0.2">
      <c r="G4333" s="43"/>
      <c r="Z4333" s="143"/>
      <c r="AA4333" s="137"/>
      <c r="AB4333" s="137"/>
      <c r="AC4333" s="137"/>
      <c r="AD4333" s="137"/>
      <c r="AE4333" s="137"/>
      <c r="AF4333" s="137"/>
      <c r="AG4333" s="137"/>
      <c r="AH4333" s="137"/>
      <c r="AI4333" s="137"/>
      <c r="AJ4333" s="137"/>
      <c r="AK4333" s="137"/>
      <c r="AL4333" s="137"/>
      <c r="AM4333" s="137"/>
      <c r="AN4333" s="137"/>
      <c r="AO4333" s="137"/>
      <c r="AP4333" s="137"/>
      <c r="AQ4333" s="137"/>
      <c r="AR4333" s="137"/>
      <c r="AS4333" s="137"/>
      <c r="AT4333" s="137"/>
      <c r="AU4333" s="137"/>
      <c r="AV4333" s="137"/>
      <c r="AW4333" s="144"/>
    </row>
    <row r="4334" spans="7:49" x14ac:dyDescent="0.2">
      <c r="G4334" s="43"/>
      <c r="Z4334" s="143"/>
      <c r="AA4334" s="137"/>
      <c r="AB4334" s="137"/>
      <c r="AC4334" s="137"/>
      <c r="AD4334" s="137"/>
      <c r="AE4334" s="137"/>
      <c r="AF4334" s="137"/>
      <c r="AG4334" s="137"/>
      <c r="AH4334" s="137"/>
      <c r="AI4334" s="137"/>
      <c r="AJ4334" s="137"/>
      <c r="AK4334" s="137"/>
      <c r="AL4334" s="137"/>
      <c r="AM4334" s="137"/>
      <c r="AN4334" s="137"/>
      <c r="AO4334" s="137"/>
      <c r="AP4334" s="137"/>
      <c r="AQ4334" s="137"/>
      <c r="AR4334" s="137"/>
      <c r="AS4334" s="137"/>
      <c r="AT4334" s="137"/>
      <c r="AU4334" s="137"/>
      <c r="AV4334" s="137"/>
      <c r="AW4334" s="144"/>
    </row>
    <row r="4335" spans="7:49" x14ac:dyDescent="0.2">
      <c r="G4335" s="43"/>
      <c r="Z4335" s="143"/>
      <c r="AA4335" s="137"/>
      <c r="AB4335" s="137"/>
      <c r="AC4335" s="137"/>
      <c r="AD4335" s="137"/>
      <c r="AE4335" s="137"/>
      <c r="AF4335" s="137"/>
      <c r="AG4335" s="137"/>
      <c r="AH4335" s="137"/>
      <c r="AI4335" s="137"/>
      <c r="AJ4335" s="137"/>
      <c r="AK4335" s="137"/>
      <c r="AL4335" s="137"/>
      <c r="AM4335" s="137"/>
      <c r="AN4335" s="137"/>
      <c r="AO4335" s="137"/>
      <c r="AP4335" s="137"/>
      <c r="AQ4335" s="137"/>
      <c r="AR4335" s="137"/>
      <c r="AS4335" s="137"/>
      <c r="AT4335" s="137"/>
      <c r="AU4335" s="137"/>
      <c r="AV4335" s="137"/>
      <c r="AW4335" s="144"/>
    </row>
    <row r="4336" spans="7:49" x14ac:dyDescent="0.2">
      <c r="G4336" s="43"/>
      <c r="Z4336" s="143"/>
      <c r="AA4336" s="137"/>
      <c r="AB4336" s="137"/>
      <c r="AC4336" s="137"/>
      <c r="AD4336" s="137"/>
      <c r="AE4336" s="137"/>
      <c r="AF4336" s="137"/>
      <c r="AG4336" s="137"/>
      <c r="AH4336" s="137"/>
      <c r="AI4336" s="137"/>
      <c r="AJ4336" s="137"/>
      <c r="AK4336" s="137"/>
      <c r="AL4336" s="137"/>
      <c r="AM4336" s="137"/>
      <c r="AN4336" s="137"/>
      <c r="AO4336" s="137"/>
      <c r="AP4336" s="137"/>
      <c r="AQ4336" s="137"/>
      <c r="AR4336" s="137"/>
      <c r="AS4336" s="137"/>
      <c r="AT4336" s="137"/>
      <c r="AU4336" s="137"/>
      <c r="AV4336" s="137"/>
      <c r="AW4336" s="144"/>
    </row>
    <row r="4337" spans="7:49" x14ac:dyDescent="0.2">
      <c r="G4337" s="43"/>
      <c r="Z4337" s="143"/>
      <c r="AA4337" s="137"/>
      <c r="AB4337" s="137"/>
      <c r="AC4337" s="137"/>
      <c r="AD4337" s="137"/>
      <c r="AE4337" s="137"/>
      <c r="AF4337" s="137"/>
      <c r="AG4337" s="137"/>
      <c r="AH4337" s="137"/>
      <c r="AI4337" s="137"/>
      <c r="AJ4337" s="137"/>
      <c r="AK4337" s="137"/>
      <c r="AL4337" s="137"/>
      <c r="AM4337" s="137"/>
      <c r="AN4337" s="137"/>
      <c r="AO4337" s="137"/>
      <c r="AP4337" s="137"/>
      <c r="AQ4337" s="137"/>
      <c r="AR4337" s="137"/>
      <c r="AS4337" s="137"/>
      <c r="AT4337" s="137"/>
      <c r="AU4337" s="137"/>
      <c r="AV4337" s="137"/>
      <c r="AW4337" s="144"/>
    </row>
    <row r="4338" spans="7:49" x14ac:dyDescent="0.2">
      <c r="G4338" s="43"/>
      <c r="Z4338" s="143"/>
      <c r="AA4338" s="137"/>
      <c r="AB4338" s="137"/>
      <c r="AC4338" s="137"/>
      <c r="AD4338" s="137"/>
      <c r="AE4338" s="137"/>
      <c r="AF4338" s="137"/>
      <c r="AG4338" s="137"/>
      <c r="AH4338" s="137"/>
      <c r="AI4338" s="137"/>
      <c r="AJ4338" s="137"/>
      <c r="AK4338" s="137"/>
      <c r="AL4338" s="137"/>
      <c r="AM4338" s="137"/>
      <c r="AN4338" s="137"/>
      <c r="AO4338" s="137"/>
      <c r="AP4338" s="137"/>
      <c r="AQ4338" s="137"/>
      <c r="AR4338" s="137"/>
      <c r="AS4338" s="137"/>
      <c r="AT4338" s="137"/>
      <c r="AU4338" s="137"/>
      <c r="AV4338" s="137"/>
      <c r="AW4338" s="144"/>
    </row>
    <row r="4339" spans="7:49" x14ac:dyDescent="0.2">
      <c r="G4339" s="43"/>
      <c r="Z4339" s="143"/>
      <c r="AA4339" s="137"/>
      <c r="AB4339" s="137"/>
      <c r="AC4339" s="137"/>
      <c r="AD4339" s="137"/>
      <c r="AE4339" s="137"/>
      <c r="AF4339" s="137"/>
      <c r="AG4339" s="137"/>
      <c r="AH4339" s="137"/>
      <c r="AI4339" s="137"/>
      <c r="AJ4339" s="137"/>
      <c r="AK4339" s="137"/>
      <c r="AL4339" s="137"/>
      <c r="AM4339" s="137"/>
      <c r="AN4339" s="137"/>
      <c r="AO4339" s="137"/>
      <c r="AP4339" s="137"/>
      <c r="AQ4339" s="137"/>
      <c r="AR4339" s="137"/>
      <c r="AS4339" s="137"/>
      <c r="AT4339" s="137"/>
      <c r="AU4339" s="137"/>
      <c r="AV4339" s="137"/>
      <c r="AW4339" s="144"/>
    </row>
    <row r="4340" spans="7:49" x14ac:dyDescent="0.2">
      <c r="G4340" s="43"/>
      <c r="Z4340" s="143"/>
      <c r="AA4340" s="137"/>
      <c r="AB4340" s="137"/>
      <c r="AC4340" s="137"/>
      <c r="AD4340" s="137"/>
      <c r="AE4340" s="137"/>
      <c r="AF4340" s="137"/>
      <c r="AG4340" s="137"/>
      <c r="AH4340" s="137"/>
      <c r="AI4340" s="137"/>
      <c r="AJ4340" s="137"/>
      <c r="AK4340" s="137"/>
      <c r="AL4340" s="137"/>
      <c r="AM4340" s="137"/>
      <c r="AN4340" s="137"/>
      <c r="AO4340" s="137"/>
      <c r="AP4340" s="137"/>
      <c r="AQ4340" s="137"/>
      <c r="AR4340" s="137"/>
      <c r="AS4340" s="137"/>
      <c r="AT4340" s="137"/>
      <c r="AU4340" s="137"/>
      <c r="AV4340" s="137"/>
      <c r="AW4340" s="144"/>
    </row>
    <row r="4341" spans="7:49" x14ac:dyDescent="0.2">
      <c r="G4341" s="43"/>
      <c r="Z4341" s="143"/>
      <c r="AA4341" s="137"/>
      <c r="AB4341" s="137"/>
      <c r="AC4341" s="137"/>
      <c r="AD4341" s="137"/>
      <c r="AE4341" s="137"/>
      <c r="AF4341" s="137"/>
      <c r="AG4341" s="137"/>
      <c r="AH4341" s="137"/>
      <c r="AI4341" s="137"/>
      <c r="AJ4341" s="137"/>
      <c r="AK4341" s="137"/>
      <c r="AL4341" s="137"/>
      <c r="AM4341" s="137"/>
      <c r="AN4341" s="137"/>
      <c r="AO4341" s="137"/>
      <c r="AP4341" s="137"/>
      <c r="AQ4341" s="137"/>
      <c r="AR4341" s="137"/>
      <c r="AS4341" s="137"/>
      <c r="AT4341" s="137"/>
      <c r="AU4341" s="137"/>
      <c r="AV4341" s="137"/>
      <c r="AW4341" s="144"/>
    </row>
    <row r="4342" spans="7:49" x14ac:dyDescent="0.2">
      <c r="G4342" s="43"/>
      <c r="Z4342" s="143"/>
      <c r="AA4342" s="137"/>
      <c r="AB4342" s="137"/>
      <c r="AC4342" s="137"/>
      <c r="AD4342" s="137"/>
      <c r="AE4342" s="137"/>
      <c r="AF4342" s="137"/>
      <c r="AG4342" s="137"/>
      <c r="AH4342" s="137"/>
      <c r="AI4342" s="137"/>
      <c r="AJ4342" s="137"/>
      <c r="AK4342" s="137"/>
      <c r="AL4342" s="137"/>
      <c r="AM4342" s="137"/>
      <c r="AN4342" s="137"/>
      <c r="AO4342" s="137"/>
      <c r="AP4342" s="137"/>
      <c r="AQ4342" s="137"/>
      <c r="AR4342" s="137"/>
      <c r="AS4342" s="137"/>
      <c r="AT4342" s="137"/>
      <c r="AU4342" s="137"/>
      <c r="AV4342" s="137"/>
      <c r="AW4342" s="144"/>
    </row>
    <row r="4343" spans="7:49" x14ac:dyDescent="0.2">
      <c r="G4343" s="43"/>
      <c r="Z4343" s="143"/>
      <c r="AA4343" s="137"/>
      <c r="AB4343" s="137"/>
      <c r="AC4343" s="137"/>
      <c r="AD4343" s="137"/>
      <c r="AE4343" s="137"/>
      <c r="AF4343" s="137"/>
      <c r="AG4343" s="137"/>
      <c r="AH4343" s="137"/>
      <c r="AI4343" s="137"/>
      <c r="AJ4343" s="137"/>
      <c r="AK4343" s="137"/>
      <c r="AL4343" s="137"/>
      <c r="AM4343" s="137"/>
      <c r="AN4343" s="137"/>
      <c r="AO4343" s="137"/>
      <c r="AP4343" s="137"/>
      <c r="AQ4343" s="137"/>
      <c r="AR4343" s="137"/>
      <c r="AS4343" s="137"/>
      <c r="AT4343" s="137"/>
      <c r="AU4343" s="137"/>
      <c r="AV4343" s="137"/>
      <c r="AW4343" s="144"/>
    </row>
    <row r="4344" spans="7:49" x14ac:dyDescent="0.2">
      <c r="G4344" s="43"/>
      <c r="Z4344" s="143"/>
      <c r="AA4344" s="137"/>
      <c r="AB4344" s="137"/>
      <c r="AC4344" s="137"/>
      <c r="AD4344" s="137"/>
      <c r="AE4344" s="137"/>
      <c r="AF4344" s="137"/>
      <c r="AG4344" s="137"/>
      <c r="AH4344" s="137"/>
      <c r="AI4344" s="137"/>
      <c r="AJ4344" s="137"/>
      <c r="AK4344" s="137"/>
      <c r="AL4344" s="137"/>
      <c r="AM4344" s="137"/>
      <c r="AN4344" s="137"/>
      <c r="AO4344" s="137"/>
      <c r="AP4344" s="137"/>
      <c r="AQ4344" s="137"/>
      <c r="AR4344" s="137"/>
      <c r="AS4344" s="137"/>
      <c r="AT4344" s="137"/>
      <c r="AU4344" s="137"/>
      <c r="AV4344" s="137"/>
      <c r="AW4344" s="144"/>
    </row>
    <row r="4345" spans="7:49" x14ac:dyDescent="0.2">
      <c r="G4345" s="43"/>
      <c r="Z4345" s="143"/>
      <c r="AA4345" s="137"/>
      <c r="AB4345" s="137"/>
      <c r="AC4345" s="137"/>
      <c r="AD4345" s="137"/>
      <c r="AE4345" s="137"/>
      <c r="AF4345" s="137"/>
      <c r="AG4345" s="137"/>
      <c r="AH4345" s="137"/>
      <c r="AI4345" s="137"/>
      <c r="AJ4345" s="137"/>
      <c r="AK4345" s="137"/>
      <c r="AL4345" s="137"/>
      <c r="AM4345" s="137"/>
      <c r="AN4345" s="137"/>
      <c r="AO4345" s="137"/>
      <c r="AP4345" s="137"/>
      <c r="AQ4345" s="137"/>
      <c r="AR4345" s="137"/>
      <c r="AS4345" s="137"/>
      <c r="AT4345" s="137"/>
      <c r="AU4345" s="137"/>
      <c r="AV4345" s="137"/>
      <c r="AW4345" s="144"/>
    </row>
    <row r="4346" spans="7:49" x14ac:dyDescent="0.2">
      <c r="G4346" s="43"/>
      <c r="Z4346" s="143"/>
      <c r="AA4346" s="137"/>
      <c r="AB4346" s="137"/>
      <c r="AC4346" s="137"/>
      <c r="AD4346" s="137"/>
      <c r="AE4346" s="137"/>
      <c r="AF4346" s="137"/>
      <c r="AG4346" s="137"/>
      <c r="AH4346" s="137"/>
      <c r="AI4346" s="137"/>
      <c r="AJ4346" s="137"/>
      <c r="AK4346" s="137"/>
      <c r="AL4346" s="137"/>
      <c r="AM4346" s="137"/>
      <c r="AN4346" s="137"/>
      <c r="AO4346" s="137"/>
      <c r="AP4346" s="137"/>
      <c r="AQ4346" s="137"/>
      <c r="AR4346" s="137"/>
      <c r="AS4346" s="137"/>
      <c r="AT4346" s="137"/>
      <c r="AU4346" s="137"/>
      <c r="AV4346" s="137"/>
      <c r="AW4346" s="144"/>
    </row>
    <row r="4347" spans="7:49" x14ac:dyDescent="0.2">
      <c r="G4347" s="43"/>
      <c r="Z4347" s="143"/>
      <c r="AA4347" s="137"/>
      <c r="AB4347" s="137"/>
      <c r="AC4347" s="137"/>
      <c r="AD4347" s="137"/>
      <c r="AE4347" s="137"/>
      <c r="AF4347" s="137"/>
      <c r="AG4347" s="137"/>
      <c r="AH4347" s="137"/>
      <c r="AI4347" s="137"/>
      <c r="AJ4347" s="137"/>
      <c r="AK4347" s="137"/>
      <c r="AL4347" s="137"/>
      <c r="AM4347" s="137"/>
      <c r="AN4347" s="137"/>
      <c r="AO4347" s="137"/>
      <c r="AP4347" s="137"/>
      <c r="AQ4347" s="137"/>
      <c r="AR4347" s="137"/>
      <c r="AS4347" s="137"/>
      <c r="AT4347" s="137"/>
      <c r="AU4347" s="137"/>
      <c r="AV4347" s="137"/>
      <c r="AW4347" s="144"/>
    </row>
    <row r="4348" spans="7:49" x14ac:dyDescent="0.2">
      <c r="G4348" s="43"/>
      <c r="Z4348" s="143"/>
      <c r="AA4348" s="137"/>
      <c r="AB4348" s="137"/>
      <c r="AC4348" s="137"/>
      <c r="AD4348" s="137"/>
      <c r="AE4348" s="137"/>
      <c r="AF4348" s="137"/>
      <c r="AG4348" s="137"/>
      <c r="AH4348" s="137"/>
      <c r="AI4348" s="137"/>
      <c r="AJ4348" s="137"/>
      <c r="AK4348" s="137"/>
      <c r="AL4348" s="137"/>
      <c r="AM4348" s="137"/>
      <c r="AN4348" s="137"/>
      <c r="AO4348" s="137"/>
      <c r="AP4348" s="137"/>
      <c r="AQ4348" s="137"/>
      <c r="AR4348" s="137"/>
      <c r="AS4348" s="137"/>
      <c r="AT4348" s="137"/>
      <c r="AU4348" s="137"/>
      <c r="AV4348" s="137"/>
      <c r="AW4348" s="144"/>
    </row>
    <row r="4349" spans="7:49" x14ac:dyDescent="0.2">
      <c r="G4349" s="43"/>
      <c r="Z4349" s="143"/>
      <c r="AA4349" s="137"/>
      <c r="AB4349" s="137"/>
      <c r="AC4349" s="137"/>
      <c r="AD4349" s="137"/>
      <c r="AE4349" s="137"/>
      <c r="AF4349" s="137"/>
      <c r="AG4349" s="137"/>
      <c r="AH4349" s="137"/>
      <c r="AI4349" s="137"/>
      <c r="AJ4349" s="137"/>
      <c r="AK4349" s="137"/>
      <c r="AL4349" s="137"/>
      <c r="AM4349" s="137"/>
      <c r="AN4349" s="137"/>
      <c r="AO4349" s="137"/>
      <c r="AP4349" s="137"/>
      <c r="AQ4349" s="137"/>
      <c r="AR4349" s="137"/>
      <c r="AS4349" s="137"/>
      <c r="AT4349" s="137"/>
      <c r="AU4349" s="137"/>
      <c r="AV4349" s="137"/>
      <c r="AW4349" s="144"/>
    </row>
    <row r="4350" spans="7:49" x14ac:dyDescent="0.2">
      <c r="G4350" s="43"/>
      <c r="Z4350" s="143"/>
      <c r="AA4350" s="137"/>
      <c r="AB4350" s="137"/>
      <c r="AC4350" s="137"/>
      <c r="AD4350" s="137"/>
      <c r="AE4350" s="137"/>
      <c r="AF4350" s="137"/>
      <c r="AG4350" s="137"/>
      <c r="AH4350" s="137"/>
      <c r="AI4350" s="137"/>
      <c r="AJ4350" s="137"/>
      <c r="AK4350" s="137"/>
      <c r="AL4350" s="137"/>
      <c r="AM4350" s="137"/>
      <c r="AN4350" s="137"/>
      <c r="AO4350" s="137"/>
      <c r="AP4350" s="137"/>
      <c r="AQ4350" s="137"/>
      <c r="AR4350" s="137"/>
      <c r="AS4350" s="137"/>
      <c r="AT4350" s="137"/>
      <c r="AU4350" s="137"/>
      <c r="AV4350" s="137"/>
      <c r="AW4350" s="144"/>
    </row>
    <row r="4351" spans="7:49" x14ac:dyDescent="0.2">
      <c r="G4351" s="43"/>
      <c r="Z4351" s="143"/>
      <c r="AA4351" s="137"/>
      <c r="AB4351" s="137"/>
      <c r="AC4351" s="137"/>
      <c r="AD4351" s="137"/>
      <c r="AE4351" s="137"/>
      <c r="AF4351" s="137"/>
      <c r="AG4351" s="137"/>
      <c r="AH4351" s="137"/>
      <c r="AI4351" s="137"/>
      <c r="AJ4351" s="137"/>
      <c r="AK4351" s="137"/>
      <c r="AL4351" s="137"/>
      <c r="AM4351" s="137"/>
      <c r="AN4351" s="137"/>
      <c r="AO4351" s="137"/>
      <c r="AP4351" s="137"/>
      <c r="AQ4351" s="137"/>
      <c r="AR4351" s="137"/>
      <c r="AS4351" s="137"/>
      <c r="AT4351" s="137"/>
      <c r="AU4351" s="137"/>
      <c r="AV4351" s="137"/>
      <c r="AW4351" s="144"/>
    </row>
    <row r="4352" spans="7:49" x14ac:dyDescent="0.2">
      <c r="G4352" s="43"/>
      <c r="Z4352" s="143"/>
      <c r="AA4352" s="137"/>
      <c r="AB4352" s="137"/>
      <c r="AC4352" s="137"/>
      <c r="AD4352" s="137"/>
      <c r="AE4352" s="137"/>
      <c r="AF4352" s="137"/>
      <c r="AG4352" s="137"/>
      <c r="AH4352" s="137"/>
      <c r="AI4352" s="137"/>
      <c r="AJ4352" s="137"/>
      <c r="AK4352" s="137"/>
      <c r="AL4352" s="137"/>
      <c r="AM4352" s="137"/>
      <c r="AN4352" s="137"/>
      <c r="AO4352" s="137"/>
      <c r="AP4352" s="137"/>
      <c r="AQ4352" s="137"/>
      <c r="AR4352" s="137"/>
      <c r="AS4352" s="137"/>
      <c r="AT4352" s="137"/>
      <c r="AU4352" s="137"/>
      <c r="AV4352" s="137"/>
      <c r="AW4352" s="144"/>
    </row>
    <row r="4353" spans="7:49" x14ac:dyDescent="0.2">
      <c r="G4353" s="43"/>
      <c r="Z4353" s="143"/>
      <c r="AA4353" s="137"/>
      <c r="AB4353" s="137"/>
      <c r="AC4353" s="137"/>
      <c r="AD4353" s="137"/>
      <c r="AE4353" s="137"/>
      <c r="AF4353" s="137"/>
      <c r="AG4353" s="137"/>
      <c r="AH4353" s="137"/>
      <c r="AI4353" s="137"/>
      <c r="AJ4353" s="137"/>
      <c r="AK4353" s="137"/>
      <c r="AL4353" s="137"/>
      <c r="AM4353" s="137"/>
      <c r="AN4353" s="137"/>
      <c r="AO4353" s="137"/>
      <c r="AP4353" s="137"/>
      <c r="AQ4353" s="137"/>
      <c r="AR4353" s="137"/>
      <c r="AS4353" s="137"/>
      <c r="AT4353" s="137"/>
      <c r="AU4353" s="137"/>
      <c r="AV4353" s="137"/>
      <c r="AW4353" s="144"/>
    </row>
    <row r="4354" spans="7:49" x14ac:dyDescent="0.2">
      <c r="G4354" s="43"/>
      <c r="Z4354" s="143"/>
      <c r="AA4354" s="137"/>
      <c r="AB4354" s="137"/>
      <c r="AC4354" s="137"/>
      <c r="AD4354" s="137"/>
      <c r="AE4354" s="137"/>
      <c r="AF4354" s="137"/>
      <c r="AG4354" s="137"/>
      <c r="AH4354" s="137"/>
      <c r="AI4354" s="137"/>
      <c r="AJ4354" s="137"/>
      <c r="AK4354" s="137"/>
      <c r="AL4354" s="137"/>
      <c r="AM4354" s="137"/>
      <c r="AN4354" s="137"/>
      <c r="AO4354" s="137"/>
      <c r="AP4354" s="137"/>
      <c r="AQ4354" s="137"/>
      <c r="AR4354" s="137"/>
      <c r="AS4354" s="137"/>
      <c r="AT4354" s="137"/>
      <c r="AU4354" s="137"/>
      <c r="AV4354" s="137"/>
      <c r="AW4354" s="144"/>
    </row>
    <row r="4355" spans="7:49" x14ac:dyDescent="0.2">
      <c r="G4355" s="43"/>
      <c r="Z4355" s="143"/>
      <c r="AA4355" s="137"/>
      <c r="AB4355" s="137"/>
      <c r="AC4355" s="137"/>
      <c r="AD4355" s="137"/>
      <c r="AE4355" s="137"/>
      <c r="AF4355" s="137"/>
      <c r="AG4355" s="137"/>
      <c r="AH4355" s="137"/>
      <c r="AI4355" s="137"/>
      <c r="AJ4355" s="137"/>
      <c r="AK4355" s="137"/>
      <c r="AL4355" s="137"/>
      <c r="AM4355" s="137"/>
      <c r="AN4355" s="137"/>
      <c r="AO4355" s="137"/>
      <c r="AP4355" s="137"/>
      <c r="AQ4355" s="137"/>
      <c r="AR4355" s="137"/>
      <c r="AS4355" s="137"/>
      <c r="AT4355" s="137"/>
      <c r="AU4355" s="137"/>
      <c r="AV4355" s="137"/>
      <c r="AW4355" s="144"/>
    </row>
    <row r="4356" spans="7:49" x14ac:dyDescent="0.2">
      <c r="G4356" s="43"/>
      <c r="Z4356" s="143"/>
      <c r="AA4356" s="137"/>
      <c r="AB4356" s="137"/>
      <c r="AC4356" s="137"/>
      <c r="AD4356" s="137"/>
      <c r="AE4356" s="137"/>
      <c r="AF4356" s="137"/>
      <c r="AG4356" s="137"/>
      <c r="AH4356" s="137"/>
      <c r="AI4356" s="137"/>
      <c r="AJ4356" s="137"/>
      <c r="AK4356" s="137"/>
      <c r="AL4356" s="137"/>
      <c r="AM4356" s="137"/>
      <c r="AN4356" s="137"/>
      <c r="AO4356" s="137"/>
      <c r="AP4356" s="137"/>
      <c r="AQ4356" s="137"/>
      <c r="AR4356" s="137"/>
      <c r="AS4356" s="137"/>
      <c r="AT4356" s="137"/>
      <c r="AU4356" s="137"/>
      <c r="AV4356" s="137"/>
      <c r="AW4356" s="144"/>
    </row>
    <row r="4357" spans="7:49" x14ac:dyDescent="0.2">
      <c r="G4357" s="43"/>
      <c r="Z4357" s="143"/>
      <c r="AA4357" s="137"/>
      <c r="AB4357" s="137"/>
      <c r="AC4357" s="137"/>
      <c r="AD4357" s="137"/>
      <c r="AE4357" s="137"/>
      <c r="AF4357" s="137"/>
      <c r="AG4357" s="137"/>
      <c r="AH4357" s="137"/>
      <c r="AI4357" s="137"/>
      <c r="AJ4357" s="137"/>
      <c r="AK4357" s="137"/>
      <c r="AL4357" s="137"/>
      <c r="AM4357" s="137"/>
      <c r="AN4357" s="137"/>
      <c r="AO4357" s="137"/>
      <c r="AP4357" s="137"/>
      <c r="AQ4357" s="137"/>
      <c r="AR4357" s="137"/>
      <c r="AS4357" s="137"/>
      <c r="AT4357" s="137"/>
      <c r="AU4357" s="137"/>
      <c r="AV4357" s="137"/>
      <c r="AW4357" s="144"/>
    </row>
    <row r="4358" spans="7:49" x14ac:dyDescent="0.2">
      <c r="G4358" s="43"/>
      <c r="Z4358" s="143"/>
      <c r="AA4358" s="137"/>
      <c r="AB4358" s="137"/>
      <c r="AC4358" s="137"/>
      <c r="AD4358" s="137"/>
      <c r="AE4358" s="137"/>
      <c r="AF4358" s="137"/>
      <c r="AG4358" s="137"/>
      <c r="AH4358" s="137"/>
      <c r="AI4358" s="137"/>
      <c r="AJ4358" s="137"/>
      <c r="AK4358" s="137"/>
      <c r="AL4358" s="137"/>
      <c r="AM4358" s="137"/>
      <c r="AN4358" s="137"/>
      <c r="AO4358" s="137"/>
      <c r="AP4358" s="137"/>
      <c r="AQ4358" s="137"/>
      <c r="AR4358" s="137"/>
      <c r="AS4358" s="137"/>
      <c r="AT4358" s="137"/>
      <c r="AU4358" s="137"/>
      <c r="AV4358" s="137"/>
      <c r="AW4358" s="144"/>
    </row>
    <row r="4359" spans="7:49" x14ac:dyDescent="0.2">
      <c r="G4359" s="43"/>
      <c r="Z4359" s="143"/>
      <c r="AA4359" s="137"/>
      <c r="AB4359" s="137"/>
      <c r="AC4359" s="137"/>
      <c r="AD4359" s="137"/>
      <c r="AE4359" s="137"/>
      <c r="AF4359" s="137"/>
      <c r="AG4359" s="137"/>
      <c r="AH4359" s="137"/>
      <c r="AI4359" s="137"/>
      <c r="AJ4359" s="137"/>
      <c r="AK4359" s="137"/>
      <c r="AL4359" s="137"/>
      <c r="AM4359" s="137"/>
      <c r="AN4359" s="137"/>
      <c r="AO4359" s="137"/>
      <c r="AP4359" s="137"/>
      <c r="AQ4359" s="137"/>
      <c r="AR4359" s="137"/>
      <c r="AS4359" s="137"/>
      <c r="AT4359" s="137"/>
      <c r="AU4359" s="137"/>
      <c r="AV4359" s="137"/>
      <c r="AW4359" s="144"/>
    </row>
    <row r="4360" spans="7:49" x14ac:dyDescent="0.2">
      <c r="G4360" s="43"/>
      <c r="Z4360" s="143"/>
      <c r="AA4360" s="137"/>
      <c r="AB4360" s="137"/>
      <c r="AC4360" s="137"/>
      <c r="AD4360" s="137"/>
      <c r="AE4360" s="137"/>
      <c r="AF4360" s="137"/>
      <c r="AG4360" s="137"/>
      <c r="AH4360" s="137"/>
      <c r="AI4360" s="137"/>
      <c r="AJ4360" s="137"/>
      <c r="AK4360" s="137"/>
      <c r="AL4360" s="137"/>
      <c r="AM4360" s="137"/>
      <c r="AN4360" s="137"/>
      <c r="AO4360" s="137"/>
      <c r="AP4360" s="137"/>
      <c r="AQ4360" s="137"/>
      <c r="AR4360" s="137"/>
      <c r="AS4360" s="137"/>
      <c r="AT4360" s="137"/>
      <c r="AU4360" s="137"/>
      <c r="AV4360" s="137"/>
      <c r="AW4360" s="144"/>
    </row>
    <row r="4361" spans="7:49" x14ac:dyDescent="0.2">
      <c r="G4361" s="43"/>
      <c r="Z4361" s="143"/>
      <c r="AA4361" s="137"/>
      <c r="AB4361" s="137"/>
      <c r="AC4361" s="137"/>
      <c r="AD4361" s="137"/>
      <c r="AE4361" s="137"/>
      <c r="AF4361" s="137"/>
      <c r="AG4361" s="137"/>
      <c r="AH4361" s="137"/>
      <c r="AI4361" s="137"/>
      <c r="AJ4361" s="137"/>
      <c r="AK4361" s="137"/>
      <c r="AL4361" s="137"/>
      <c r="AM4361" s="137"/>
      <c r="AN4361" s="137"/>
      <c r="AO4361" s="137"/>
      <c r="AP4361" s="137"/>
      <c r="AQ4361" s="137"/>
      <c r="AR4361" s="137"/>
      <c r="AS4361" s="137"/>
      <c r="AT4361" s="137"/>
      <c r="AU4361" s="137"/>
      <c r="AV4361" s="137"/>
      <c r="AW4361" s="144"/>
    </row>
    <row r="4362" spans="7:49" x14ac:dyDescent="0.2">
      <c r="G4362" s="43"/>
      <c r="Z4362" s="143"/>
      <c r="AA4362" s="137"/>
      <c r="AB4362" s="137"/>
      <c r="AC4362" s="137"/>
      <c r="AD4362" s="137"/>
      <c r="AE4362" s="137"/>
      <c r="AF4362" s="137"/>
      <c r="AG4362" s="137"/>
      <c r="AH4362" s="137"/>
      <c r="AI4362" s="137"/>
      <c r="AJ4362" s="137"/>
      <c r="AK4362" s="137"/>
      <c r="AL4362" s="137"/>
      <c r="AM4362" s="137"/>
      <c r="AN4362" s="137"/>
      <c r="AO4362" s="137"/>
      <c r="AP4362" s="137"/>
      <c r="AQ4362" s="137"/>
      <c r="AR4362" s="137"/>
      <c r="AS4362" s="137"/>
      <c r="AT4362" s="137"/>
      <c r="AU4362" s="137"/>
      <c r="AV4362" s="137"/>
      <c r="AW4362" s="144"/>
    </row>
    <row r="4363" spans="7:49" x14ac:dyDescent="0.2">
      <c r="G4363" s="43"/>
      <c r="Z4363" s="143"/>
      <c r="AA4363" s="137"/>
      <c r="AB4363" s="137"/>
      <c r="AC4363" s="137"/>
      <c r="AD4363" s="137"/>
      <c r="AE4363" s="137"/>
      <c r="AF4363" s="137"/>
      <c r="AG4363" s="137"/>
      <c r="AH4363" s="137"/>
      <c r="AI4363" s="137"/>
      <c r="AJ4363" s="137"/>
      <c r="AK4363" s="137"/>
      <c r="AL4363" s="137"/>
      <c r="AM4363" s="137"/>
      <c r="AN4363" s="137"/>
      <c r="AO4363" s="137"/>
      <c r="AP4363" s="137"/>
      <c r="AQ4363" s="137"/>
      <c r="AR4363" s="137"/>
      <c r="AS4363" s="137"/>
      <c r="AT4363" s="137"/>
      <c r="AU4363" s="137"/>
      <c r="AV4363" s="137"/>
      <c r="AW4363" s="144"/>
    </row>
    <row r="4364" spans="7:49" x14ac:dyDescent="0.2">
      <c r="G4364" s="43"/>
      <c r="Z4364" s="143"/>
      <c r="AA4364" s="137"/>
      <c r="AB4364" s="137"/>
      <c r="AC4364" s="137"/>
      <c r="AD4364" s="137"/>
      <c r="AE4364" s="137"/>
      <c r="AF4364" s="137"/>
      <c r="AG4364" s="137"/>
      <c r="AH4364" s="137"/>
      <c r="AI4364" s="137"/>
      <c r="AJ4364" s="137"/>
      <c r="AK4364" s="137"/>
      <c r="AL4364" s="137"/>
      <c r="AM4364" s="137"/>
      <c r="AN4364" s="137"/>
      <c r="AO4364" s="137"/>
      <c r="AP4364" s="137"/>
      <c r="AQ4364" s="137"/>
      <c r="AR4364" s="137"/>
      <c r="AS4364" s="137"/>
      <c r="AT4364" s="137"/>
      <c r="AU4364" s="137"/>
      <c r="AV4364" s="137"/>
      <c r="AW4364" s="144"/>
    </row>
    <row r="4365" spans="7:49" x14ac:dyDescent="0.2">
      <c r="G4365" s="43"/>
      <c r="Z4365" s="143"/>
      <c r="AA4365" s="137"/>
      <c r="AB4365" s="137"/>
      <c r="AC4365" s="137"/>
      <c r="AD4365" s="137"/>
      <c r="AE4365" s="137"/>
      <c r="AF4365" s="137"/>
      <c r="AG4365" s="137"/>
      <c r="AH4365" s="137"/>
      <c r="AI4365" s="137"/>
      <c r="AJ4365" s="137"/>
      <c r="AK4365" s="137"/>
      <c r="AL4365" s="137"/>
      <c r="AM4365" s="137"/>
      <c r="AN4365" s="137"/>
      <c r="AO4365" s="137"/>
      <c r="AP4365" s="137"/>
      <c r="AQ4365" s="137"/>
      <c r="AR4365" s="137"/>
      <c r="AS4365" s="137"/>
      <c r="AT4365" s="137"/>
      <c r="AU4365" s="137"/>
      <c r="AV4365" s="137"/>
      <c r="AW4365" s="144"/>
    </row>
    <row r="4366" spans="7:49" x14ac:dyDescent="0.2">
      <c r="G4366" s="43"/>
      <c r="Z4366" s="143"/>
      <c r="AA4366" s="137"/>
      <c r="AB4366" s="137"/>
      <c r="AC4366" s="137"/>
      <c r="AD4366" s="137"/>
      <c r="AE4366" s="137"/>
      <c r="AF4366" s="137"/>
      <c r="AG4366" s="137"/>
      <c r="AH4366" s="137"/>
      <c r="AI4366" s="137"/>
      <c r="AJ4366" s="137"/>
      <c r="AK4366" s="137"/>
      <c r="AL4366" s="137"/>
      <c r="AM4366" s="137"/>
      <c r="AN4366" s="137"/>
      <c r="AO4366" s="137"/>
      <c r="AP4366" s="137"/>
      <c r="AQ4366" s="137"/>
      <c r="AR4366" s="137"/>
      <c r="AS4366" s="137"/>
      <c r="AT4366" s="137"/>
      <c r="AU4366" s="137"/>
      <c r="AV4366" s="137"/>
      <c r="AW4366" s="144"/>
    </row>
    <row r="4367" spans="7:49" x14ac:dyDescent="0.2">
      <c r="G4367" s="43"/>
      <c r="Z4367" s="143"/>
      <c r="AA4367" s="137"/>
      <c r="AB4367" s="137"/>
      <c r="AC4367" s="137"/>
      <c r="AD4367" s="137"/>
      <c r="AE4367" s="137"/>
      <c r="AF4367" s="137"/>
      <c r="AG4367" s="137"/>
      <c r="AH4367" s="137"/>
      <c r="AI4367" s="137"/>
      <c r="AJ4367" s="137"/>
      <c r="AK4367" s="137"/>
      <c r="AL4367" s="137"/>
      <c r="AM4367" s="137"/>
      <c r="AN4367" s="137"/>
      <c r="AO4367" s="137"/>
      <c r="AP4367" s="137"/>
      <c r="AQ4367" s="137"/>
      <c r="AR4367" s="137"/>
      <c r="AS4367" s="137"/>
      <c r="AT4367" s="137"/>
      <c r="AU4367" s="137"/>
      <c r="AV4367" s="137"/>
      <c r="AW4367" s="144"/>
    </row>
    <row r="4368" spans="7:49" x14ac:dyDescent="0.2">
      <c r="G4368" s="43"/>
      <c r="Z4368" s="143"/>
      <c r="AA4368" s="137"/>
      <c r="AB4368" s="137"/>
      <c r="AC4368" s="137"/>
      <c r="AD4368" s="137"/>
      <c r="AE4368" s="137"/>
      <c r="AF4368" s="137"/>
      <c r="AG4368" s="137"/>
      <c r="AH4368" s="137"/>
      <c r="AI4368" s="137"/>
      <c r="AJ4368" s="137"/>
      <c r="AK4368" s="137"/>
      <c r="AL4368" s="137"/>
      <c r="AM4368" s="137"/>
      <c r="AN4368" s="137"/>
      <c r="AO4368" s="137"/>
      <c r="AP4368" s="137"/>
      <c r="AQ4368" s="137"/>
      <c r="AR4368" s="137"/>
      <c r="AS4368" s="137"/>
      <c r="AT4368" s="137"/>
      <c r="AU4368" s="137"/>
      <c r="AV4368" s="137"/>
      <c r="AW4368" s="144"/>
    </row>
    <row r="4369" spans="7:49" x14ac:dyDescent="0.2">
      <c r="G4369" s="43"/>
      <c r="Z4369" s="143"/>
      <c r="AA4369" s="137"/>
      <c r="AB4369" s="137"/>
      <c r="AC4369" s="137"/>
      <c r="AD4369" s="137"/>
      <c r="AE4369" s="137"/>
      <c r="AF4369" s="137"/>
      <c r="AG4369" s="137"/>
      <c r="AH4369" s="137"/>
      <c r="AI4369" s="137"/>
      <c r="AJ4369" s="137"/>
      <c r="AK4369" s="137"/>
      <c r="AL4369" s="137"/>
      <c r="AM4369" s="137"/>
      <c r="AN4369" s="137"/>
      <c r="AO4369" s="137"/>
      <c r="AP4369" s="137"/>
      <c r="AQ4369" s="137"/>
      <c r="AR4369" s="137"/>
      <c r="AS4369" s="137"/>
      <c r="AT4369" s="137"/>
      <c r="AU4369" s="137"/>
      <c r="AV4369" s="137"/>
      <c r="AW4369" s="144"/>
    </row>
    <row r="4370" spans="7:49" x14ac:dyDescent="0.2">
      <c r="G4370" s="43"/>
      <c r="Z4370" s="143"/>
      <c r="AA4370" s="137"/>
      <c r="AB4370" s="137"/>
      <c r="AC4370" s="137"/>
      <c r="AD4370" s="137"/>
      <c r="AE4370" s="137"/>
      <c r="AF4370" s="137"/>
      <c r="AG4370" s="137"/>
      <c r="AH4370" s="137"/>
      <c r="AI4370" s="137"/>
      <c r="AJ4370" s="137"/>
      <c r="AK4370" s="137"/>
      <c r="AL4370" s="137"/>
      <c r="AM4370" s="137"/>
      <c r="AN4370" s="137"/>
      <c r="AO4370" s="137"/>
      <c r="AP4370" s="137"/>
      <c r="AQ4370" s="137"/>
      <c r="AR4370" s="137"/>
      <c r="AS4370" s="137"/>
      <c r="AT4370" s="137"/>
      <c r="AU4370" s="137"/>
      <c r="AV4370" s="137"/>
      <c r="AW4370" s="144"/>
    </row>
    <row r="4371" spans="7:49" x14ac:dyDescent="0.2">
      <c r="G4371" s="43"/>
      <c r="Z4371" s="143"/>
      <c r="AA4371" s="137"/>
      <c r="AB4371" s="137"/>
      <c r="AC4371" s="137"/>
      <c r="AD4371" s="137"/>
      <c r="AE4371" s="137"/>
      <c r="AF4371" s="137"/>
      <c r="AG4371" s="137"/>
      <c r="AH4371" s="137"/>
      <c r="AI4371" s="137"/>
      <c r="AJ4371" s="137"/>
      <c r="AK4371" s="137"/>
      <c r="AL4371" s="137"/>
      <c r="AM4371" s="137"/>
      <c r="AN4371" s="137"/>
      <c r="AO4371" s="137"/>
      <c r="AP4371" s="137"/>
      <c r="AQ4371" s="137"/>
      <c r="AR4371" s="137"/>
      <c r="AS4371" s="137"/>
      <c r="AT4371" s="137"/>
      <c r="AU4371" s="137"/>
      <c r="AV4371" s="137"/>
      <c r="AW4371" s="144"/>
    </row>
    <row r="4372" spans="7:49" x14ac:dyDescent="0.2">
      <c r="G4372" s="43"/>
      <c r="Z4372" s="143"/>
      <c r="AA4372" s="137"/>
      <c r="AB4372" s="137"/>
      <c r="AC4372" s="137"/>
      <c r="AD4372" s="137"/>
      <c r="AE4372" s="137"/>
      <c r="AF4372" s="137"/>
      <c r="AG4372" s="137"/>
      <c r="AH4372" s="137"/>
      <c r="AI4372" s="137"/>
      <c r="AJ4372" s="137"/>
      <c r="AK4372" s="137"/>
      <c r="AL4372" s="137"/>
      <c r="AM4372" s="137"/>
      <c r="AN4372" s="137"/>
      <c r="AO4372" s="137"/>
      <c r="AP4372" s="137"/>
      <c r="AQ4372" s="137"/>
      <c r="AR4372" s="137"/>
      <c r="AS4372" s="137"/>
      <c r="AT4372" s="137"/>
      <c r="AU4372" s="137"/>
      <c r="AV4372" s="137"/>
      <c r="AW4372" s="144"/>
    </row>
    <row r="4373" spans="7:49" x14ac:dyDescent="0.2">
      <c r="G4373" s="43"/>
      <c r="Z4373" s="143"/>
      <c r="AA4373" s="137"/>
      <c r="AB4373" s="137"/>
      <c r="AC4373" s="137"/>
      <c r="AD4373" s="137"/>
      <c r="AE4373" s="137"/>
      <c r="AF4373" s="137"/>
      <c r="AG4373" s="137"/>
      <c r="AH4373" s="137"/>
      <c r="AI4373" s="137"/>
      <c r="AJ4373" s="137"/>
      <c r="AK4373" s="137"/>
      <c r="AL4373" s="137"/>
      <c r="AM4373" s="137"/>
      <c r="AN4373" s="137"/>
      <c r="AO4373" s="137"/>
      <c r="AP4373" s="137"/>
      <c r="AQ4373" s="137"/>
      <c r="AR4373" s="137"/>
      <c r="AS4373" s="137"/>
      <c r="AT4373" s="137"/>
      <c r="AU4373" s="137"/>
      <c r="AV4373" s="137"/>
      <c r="AW4373" s="144"/>
    </row>
    <row r="4374" spans="7:49" x14ac:dyDescent="0.2">
      <c r="G4374" s="43"/>
      <c r="Z4374" s="143"/>
      <c r="AA4374" s="137"/>
      <c r="AB4374" s="137"/>
      <c r="AC4374" s="137"/>
      <c r="AD4374" s="137"/>
      <c r="AE4374" s="137"/>
      <c r="AF4374" s="137"/>
      <c r="AG4374" s="137"/>
      <c r="AH4374" s="137"/>
      <c r="AI4374" s="137"/>
      <c r="AJ4374" s="137"/>
      <c r="AK4374" s="137"/>
      <c r="AL4374" s="137"/>
      <c r="AM4374" s="137"/>
      <c r="AN4374" s="137"/>
      <c r="AO4374" s="137"/>
      <c r="AP4374" s="137"/>
      <c r="AQ4374" s="137"/>
      <c r="AR4374" s="137"/>
      <c r="AS4374" s="137"/>
      <c r="AT4374" s="137"/>
      <c r="AU4374" s="137"/>
      <c r="AV4374" s="137"/>
      <c r="AW4374" s="144"/>
    </row>
    <row r="4375" spans="7:49" x14ac:dyDescent="0.2">
      <c r="G4375" s="43"/>
      <c r="Z4375" s="143"/>
      <c r="AA4375" s="137"/>
      <c r="AB4375" s="137"/>
      <c r="AC4375" s="137"/>
      <c r="AD4375" s="137"/>
      <c r="AE4375" s="137"/>
      <c r="AF4375" s="137"/>
      <c r="AG4375" s="137"/>
      <c r="AH4375" s="137"/>
      <c r="AI4375" s="137"/>
      <c r="AJ4375" s="137"/>
      <c r="AK4375" s="137"/>
      <c r="AL4375" s="137"/>
      <c r="AM4375" s="137"/>
      <c r="AN4375" s="137"/>
      <c r="AO4375" s="137"/>
      <c r="AP4375" s="137"/>
      <c r="AQ4375" s="137"/>
      <c r="AR4375" s="137"/>
      <c r="AS4375" s="137"/>
      <c r="AT4375" s="137"/>
      <c r="AU4375" s="137"/>
      <c r="AV4375" s="137"/>
      <c r="AW4375" s="144"/>
    </row>
    <row r="4376" spans="7:49" x14ac:dyDescent="0.2">
      <c r="G4376" s="43"/>
      <c r="Z4376" s="143"/>
      <c r="AA4376" s="137"/>
      <c r="AB4376" s="137"/>
      <c r="AC4376" s="137"/>
      <c r="AD4376" s="137"/>
      <c r="AE4376" s="137"/>
      <c r="AF4376" s="137"/>
      <c r="AG4376" s="137"/>
      <c r="AH4376" s="137"/>
      <c r="AI4376" s="137"/>
      <c r="AJ4376" s="137"/>
      <c r="AK4376" s="137"/>
      <c r="AL4376" s="137"/>
      <c r="AM4376" s="137"/>
      <c r="AN4376" s="137"/>
      <c r="AO4376" s="137"/>
      <c r="AP4376" s="137"/>
      <c r="AQ4376" s="137"/>
      <c r="AR4376" s="137"/>
      <c r="AS4376" s="137"/>
      <c r="AT4376" s="137"/>
      <c r="AU4376" s="137"/>
      <c r="AV4376" s="137"/>
      <c r="AW4376" s="144"/>
    </row>
    <row r="4377" spans="7:49" x14ac:dyDescent="0.2">
      <c r="G4377" s="43"/>
      <c r="Z4377" s="143"/>
      <c r="AA4377" s="137"/>
      <c r="AB4377" s="137"/>
      <c r="AC4377" s="137"/>
      <c r="AD4377" s="137"/>
      <c r="AE4377" s="137"/>
      <c r="AF4377" s="137"/>
      <c r="AG4377" s="137"/>
      <c r="AH4377" s="137"/>
      <c r="AI4377" s="137"/>
      <c r="AJ4377" s="137"/>
      <c r="AK4377" s="137"/>
      <c r="AL4377" s="137"/>
      <c r="AM4377" s="137"/>
      <c r="AN4377" s="137"/>
      <c r="AO4377" s="137"/>
      <c r="AP4377" s="137"/>
      <c r="AQ4377" s="137"/>
      <c r="AR4377" s="137"/>
      <c r="AS4377" s="137"/>
      <c r="AT4377" s="137"/>
      <c r="AU4377" s="137"/>
      <c r="AV4377" s="137"/>
      <c r="AW4377" s="144"/>
    </row>
    <row r="4378" spans="7:49" x14ac:dyDescent="0.2">
      <c r="G4378" s="43"/>
      <c r="Z4378" s="143"/>
      <c r="AA4378" s="137"/>
      <c r="AB4378" s="137"/>
      <c r="AC4378" s="137"/>
      <c r="AD4378" s="137"/>
      <c r="AE4378" s="137"/>
      <c r="AF4378" s="137"/>
      <c r="AG4378" s="137"/>
      <c r="AH4378" s="137"/>
      <c r="AI4378" s="137"/>
      <c r="AJ4378" s="137"/>
      <c r="AK4378" s="137"/>
      <c r="AL4378" s="137"/>
      <c r="AM4378" s="137"/>
      <c r="AN4378" s="137"/>
      <c r="AO4378" s="137"/>
      <c r="AP4378" s="137"/>
      <c r="AQ4378" s="137"/>
      <c r="AR4378" s="137"/>
      <c r="AS4378" s="137"/>
      <c r="AT4378" s="137"/>
      <c r="AU4378" s="137"/>
      <c r="AV4378" s="137"/>
      <c r="AW4378" s="144"/>
    </row>
    <row r="4379" spans="7:49" x14ac:dyDescent="0.2">
      <c r="G4379" s="43"/>
      <c r="Z4379" s="143"/>
      <c r="AA4379" s="137"/>
      <c r="AB4379" s="137"/>
      <c r="AC4379" s="137"/>
      <c r="AD4379" s="137"/>
      <c r="AE4379" s="137"/>
      <c r="AF4379" s="137"/>
      <c r="AG4379" s="137"/>
      <c r="AH4379" s="137"/>
      <c r="AI4379" s="137"/>
      <c r="AJ4379" s="137"/>
      <c r="AK4379" s="137"/>
      <c r="AL4379" s="137"/>
      <c r="AM4379" s="137"/>
      <c r="AN4379" s="137"/>
      <c r="AO4379" s="137"/>
      <c r="AP4379" s="137"/>
      <c r="AQ4379" s="137"/>
      <c r="AR4379" s="137"/>
      <c r="AS4379" s="137"/>
      <c r="AT4379" s="137"/>
      <c r="AU4379" s="137"/>
      <c r="AV4379" s="137"/>
      <c r="AW4379" s="144"/>
    </row>
    <row r="4380" spans="7:49" x14ac:dyDescent="0.2">
      <c r="G4380" s="43"/>
      <c r="Z4380" s="143"/>
      <c r="AA4380" s="137"/>
      <c r="AB4380" s="137"/>
      <c r="AC4380" s="137"/>
      <c r="AD4380" s="137"/>
      <c r="AE4380" s="137"/>
      <c r="AF4380" s="137"/>
      <c r="AG4380" s="137"/>
      <c r="AH4380" s="137"/>
      <c r="AI4380" s="137"/>
      <c r="AJ4380" s="137"/>
      <c r="AK4380" s="137"/>
      <c r="AL4380" s="137"/>
      <c r="AM4380" s="137"/>
      <c r="AN4380" s="137"/>
      <c r="AO4380" s="137"/>
      <c r="AP4380" s="137"/>
      <c r="AQ4380" s="137"/>
      <c r="AR4380" s="137"/>
      <c r="AS4380" s="137"/>
      <c r="AT4380" s="137"/>
      <c r="AU4380" s="137"/>
      <c r="AV4380" s="137"/>
      <c r="AW4380" s="144"/>
    </row>
    <row r="4381" spans="7:49" x14ac:dyDescent="0.2">
      <c r="G4381" s="43"/>
      <c r="Z4381" s="143"/>
      <c r="AA4381" s="137"/>
      <c r="AB4381" s="137"/>
      <c r="AC4381" s="137"/>
      <c r="AD4381" s="137"/>
      <c r="AE4381" s="137"/>
      <c r="AF4381" s="137"/>
      <c r="AG4381" s="137"/>
      <c r="AH4381" s="137"/>
      <c r="AI4381" s="137"/>
      <c r="AJ4381" s="137"/>
      <c r="AK4381" s="137"/>
      <c r="AL4381" s="137"/>
      <c r="AM4381" s="137"/>
      <c r="AN4381" s="137"/>
      <c r="AO4381" s="137"/>
      <c r="AP4381" s="137"/>
      <c r="AQ4381" s="137"/>
      <c r="AR4381" s="137"/>
      <c r="AS4381" s="137"/>
      <c r="AT4381" s="137"/>
      <c r="AU4381" s="137"/>
      <c r="AV4381" s="137"/>
      <c r="AW4381" s="144"/>
    </row>
    <row r="4382" spans="7:49" x14ac:dyDescent="0.2">
      <c r="G4382" s="43"/>
      <c r="Z4382" s="143"/>
      <c r="AA4382" s="137"/>
      <c r="AB4382" s="137"/>
      <c r="AC4382" s="137"/>
      <c r="AD4382" s="137"/>
      <c r="AE4382" s="137"/>
      <c r="AF4382" s="137"/>
      <c r="AG4382" s="137"/>
      <c r="AH4382" s="137"/>
      <c r="AI4382" s="137"/>
      <c r="AJ4382" s="137"/>
      <c r="AK4382" s="137"/>
      <c r="AL4382" s="137"/>
      <c r="AM4382" s="137"/>
      <c r="AN4382" s="137"/>
      <c r="AO4382" s="137"/>
      <c r="AP4382" s="137"/>
      <c r="AQ4382" s="137"/>
      <c r="AR4382" s="137"/>
      <c r="AS4382" s="137"/>
      <c r="AT4382" s="137"/>
      <c r="AU4382" s="137"/>
      <c r="AV4382" s="137"/>
      <c r="AW4382" s="144"/>
    </row>
    <row r="4383" spans="7:49" x14ac:dyDescent="0.2">
      <c r="G4383" s="43"/>
      <c r="Z4383" s="143"/>
      <c r="AA4383" s="137"/>
      <c r="AB4383" s="137"/>
      <c r="AC4383" s="137"/>
      <c r="AD4383" s="137"/>
      <c r="AE4383" s="137"/>
      <c r="AF4383" s="137"/>
      <c r="AG4383" s="137"/>
      <c r="AH4383" s="137"/>
      <c r="AI4383" s="137"/>
      <c r="AJ4383" s="137"/>
      <c r="AK4383" s="137"/>
      <c r="AL4383" s="137"/>
      <c r="AM4383" s="137"/>
      <c r="AN4383" s="137"/>
      <c r="AO4383" s="137"/>
      <c r="AP4383" s="137"/>
      <c r="AQ4383" s="137"/>
      <c r="AR4383" s="137"/>
      <c r="AS4383" s="137"/>
      <c r="AT4383" s="137"/>
      <c r="AU4383" s="137"/>
      <c r="AV4383" s="137"/>
      <c r="AW4383" s="144"/>
    </row>
    <row r="4384" spans="7:49" x14ac:dyDescent="0.2">
      <c r="G4384" s="43"/>
      <c r="Z4384" s="143"/>
      <c r="AA4384" s="137"/>
      <c r="AB4384" s="137"/>
      <c r="AC4384" s="137"/>
      <c r="AD4384" s="137"/>
      <c r="AE4384" s="137"/>
      <c r="AF4384" s="137"/>
      <c r="AG4384" s="137"/>
      <c r="AH4384" s="137"/>
      <c r="AI4384" s="137"/>
      <c r="AJ4384" s="137"/>
      <c r="AK4384" s="137"/>
      <c r="AL4384" s="137"/>
      <c r="AM4384" s="137"/>
      <c r="AN4384" s="137"/>
      <c r="AO4384" s="137"/>
      <c r="AP4384" s="137"/>
      <c r="AQ4384" s="137"/>
      <c r="AR4384" s="137"/>
      <c r="AS4384" s="137"/>
      <c r="AT4384" s="137"/>
      <c r="AU4384" s="137"/>
      <c r="AV4384" s="137"/>
      <c r="AW4384" s="144"/>
    </row>
    <row r="4385" spans="7:49" x14ac:dyDescent="0.2">
      <c r="G4385" s="43"/>
      <c r="Z4385" s="143"/>
      <c r="AA4385" s="137"/>
      <c r="AB4385" s="137"/>
      <c r="AC4385" s="137"/>
      <c r="AD4385" s="137"/>
      <c r="AE4385" s="137"/>
      <c r="AF4385" s="137"/>
      <c r="AG4385" s="137"/>
      <c r="AH4385" s="137"/>
      <c r="AI4385" s="137"/>
      <c r="AJ4385" s="137"/>
      <c r="AK4385" s="137"/>
      <c r="AL4385" s="137"/>
      <c r="AM4385" s="137"/>
      <c r="AN4385" s="137"/>
      <c r="AO4385" s="137"/>
      <c r="AP4385" s="137"/>
      <c r="AQ4385" s="137"/>
      <c r="AR4385" s="137"/>
      <c r="AS4385" s="137"/>
      <c r="AT4385" s="137"/>
      <c r="AU4385" s="137"/>
      <c r="AV4385" s="137"/>
      <c r="AW4385" s="144"/>
    </row>
    <row r="4386" spans="7:49" x14ac:dyDescent="0.2">
      <c r="G4386" s="43"/>
      <c r="Z4386" s="143"/>
      <c r="AA4386" s="137"/>
      <c r="AB4386" s="137"/>
      <c r="AC4386" s="137"/>
      <c r="AD4386" s="137"/>
      <c r="AE4386" s="137"/>
      <c r="AF4386" s="137"/>
      <c r="AG4386" s="137"/>
      <c r="AH4386" s="137"/>
      <c r="AI4386" s="137"/>
      <c r="AJ4386" s="137"/>
      <c r="AK4386" s="137"/>
      <c r="AL4386" s="137"/>
      <c r="AM4386" s="137"/>
      <c r="AN4386" s="137"/>
      <c r="AO4386" s="137"/>
      <c r="AP4386" s="137"/>
      <c r="AQ4386" s="137"/>
      <c r="AR4386" s="137"/>
      <c r="AS4386" s="137"/>
      <c r="AT4386" s="137"/>
      <c r="AU4386" s="137"/>
      <c r="AV4386" s="137"/>
      <c r="AW4386" s="144"/>
    </row>
    <row r="4387" spans="7:49" x14ac:dyDescent="0.2">
      <c r="G4387" s="43"/>
      <c r="Z4387" s="143"/>
      <c r="AA4387" s="137"/>
      <c r="AB4387" s="137"/>
      <c r="AC4387" s="137"/>
      <c r="AD4387" s="137"/>
      <c r="AE4387" s="137"/>
      <c r="AF4387" s="137"/>
      <c r="AG4387" s="137"/>
      <c r="AH4387" s="137"/>
      <c r="AI4387" s="137"/>
      <c r="AJ4387" s="137"/>
      <c r="AK4387" s="137"/>
      <c r="AL4387" s="137"/>
      <c r="AM4387" s="137"/>
      <c r="AN4387" s="137"/>
      <c r="AO4387" s="137"/>
      <c r="AP4387" s="137"/>
      <c r="AQ4387" s="137"/>
      <c r="AR4387" s="137"/>
      <c r="AS4387" s="137"/>
      <c r="AT4387" s="137"/>
      <c r="AU4387" s="137"/>
      <c r="AV4387" s="137"/>
      <c r="AW4387" s="144"/>
    </row>
    <row r="4388" spans="7:49" x14ac:dyDescent="0.2">
      <c r="G4388" s="43"/>
      <c r="Z4388" s="143"/>
      <c r="AA4388" s="137"/>
      <c r="AB4388" s="137"/>
      <c r="AC4388" s="137"/>
      <c r="AD4388" s="137"/>
      <c r="AE4388" s="137"/>
      <c r="AF4388" s="137"/>
      <c r="AG4388" s="137"/>
      <c r="AH4388" s="137"/>
      <c r="AI4388" s="137"/>
      <c r="AJ4388" s="137"/>
      <c r="AK4388" s="137"/>
      <c r="AL4388" s="137"/>
      <c r="AM4388" s="137"/>
      <c r="AN4388" s="137"/>
      <c r="AO4388" s="137"/>
      <c r="AP4388" s="137"/>
      <c r="AQ4388" s="137"/>
      <c r="AR4388" s="137"/>
      <c r="AS4388" s="137"/>
      <c r="AT4388" s="137"/>
      <c r="AU4388" s="137"/>
      <c r="AV4388" s="137"/>
      <c r="AW4388" s="144"/>
    </row>
    <row r="4389" spans="7:49" x14ac:dyDescent="0.2">
      <c r="G4389" s="43"/>
      <c r="Z4389" s="143"/>
      <c r="AA4389" s="137"/>
      <c r="AB4389" s="137"/>
      <c r="AC4389" s="137"/>
      <c r="AD4389" s="137"/>
      <c r="AE4389" s="137"/>
      <c r="AF4389" s="137"/>
      <c r="AG4389" s="137"/>
      <c r="AH4389" s="137"/>
      <c r="AI4389" s="137"/>
      <c r="AJ4389" s="137"/>
      <c r="AK4389" s="137"/>
      <c r="AL4389" s="137"/>
      <c r="AM4389" s="137"/>
      <c r="AN4389" s="137"/>
      <c r="AO4389" s="137"/>
      <c r="AP4389" s="137"/>
      <c r="AQ4389" s="137"/>
      <c r="AR4389" s="137"/>
      <c r="AS4389" s="137"/>
      <c r="AT4389" s="137"/>
      <c r="AU4389" s="137"/>
      <c r="AV4389" s="137"/>
      <c r="AW4389" s="144"/>
    </row>
    <row r="4390" spans="7:49" x14ac:dyDescent="0.2">
      <c r="G4390" s="43"/>
      <c r="Z4390" s="143"/>
      <c r="AA4390" s="137"/>
      <c r="AB4390" s="137"/>
      <c r="AC4390" s="137"/>
      <c r="AD4390" s="137"/>
      <c r="AE4390" s="137"/>
      <c r="AF4390" s="137"/>
      <c r="AG4390" s="137"/>
      <c r="AH4390" s="137"/>
      <c r="AI4390" s="137"/>
      <c r="AJ4390" s="137"/>
      <c r="AK4390" s="137"/>
      <c r="AL4390" s="137"/>
      <c r="AM4390" s="137"/>
      <c r="AN4390" s="137"/>
      <c r="AO4390" s="137"/>
      <c r="AP4390" s="137"/>
      <c r="AQ4390" s="137"/>
      <c r="AR4390" s="137"/>
      <c r="AS4390" s="137"/>
      <c r="AT4390" s="137"/>
      <c r="AU4390" s="137"/>
      <c r="AV4390" s="137"/>
      <c r="AW4390" s="144"/>
    </row>
    <row r="4391" spans="7:49" x14ac:dyDescent="0.2">
      <c r="G4391" s="43"/>
      <c r="Z4391" s="143"/>
      <c r="AA4391" s="137"/>
      <c r="AB4391" s="137"/>
      <c r="AC4391" s="137"/>
      <c r="AD4391" s="137"/>
      <c r="AE4391" s="137"/>
      <c r="AF4391" s="137"/>
      <c r="AG4391" s="137"/>
      <c r="AH4391" s="137"/>
      <c r="AI4391" s="137"/>
      <c r="AJ4391" s="137"/>
      <c r="AK4391" s="137"/>
      <c r="AL4391" s="137"/>
      <c r="AM4391" s="137"/>
      <c r="AN4391" s="137"/>
      <c r="AO4391" s="137"/>
      <c r="AP4391" s="137"/>
      <c r="AQ4391" s="137"/>
      <c r="AR4391" s="137"/>
      <c r="AS4391" s="137"/>
      <c r="AT4391" s="137"/>
      <c r="AU4391" s="137"/>
      <c r="AV4391" s="137"/>
      <c r="AW4391" s="144"/>
    </row>
    <row r="4392" spans="7:49" x14ac:dyDescent="0.2">
      <c r="G4392" s="43"/>
      <c r="Z4392" s="143"/>
      <c r="AA4392" s="137"/>
      <c r="AB4392" s="137"/>
      <c r="AC4392" s="137"/>
      <c r="AD4392" s="137"/>
      <c r="AE4392" s="137"/>
      <c r="AF4392" s="137"/>
      <c r="AG4392" s="137"/>
      <c r="AH4392" s="137"/>
      <c r="AI4392" s="137"/>
      <c r="AJ4392" s="137"/>
      <c r="AK4392" s="137"/>
      <c r="AL4392" s="137"/>
      <c r="AM4392" s="137"/>
      <c r="AN4392" s="137"/>
      <c r="AO4392" s="137"/>
      <c r="AP4392" s="137"/>
      <c r="AQ4392" s="137"/>
      <c r="AR4392" s="137"/>
      <c r="AS4392" s="137"/>
      <c r="AT4392" s="137"/>
      <c r="AU4392" s="137"/>
      <c r="AV4392" s="137"/>
      <c r="AW4392" s="144"/>
    </row>
    <row r="4393" spans="7:49" x14ac:dyDescent="0.2">
      <c r="G4393" s="43"/>
      <c r="Z4393" s="143"/>
      <c r="AA4393" s="137"/>
      <c r="AB4393" s="137"/>
      <c r="AC4393" s="137"/>
      <c r="AD4393" s="137"/>
      <c r="AE4393" s="137"/>
      <c r="AF4393" s="137"/>
      <c r="AG4393" s="137"/>
      <c r="AH4393" s="137"/>
      <c r="AI4393" s="137"/>
      <c r="AJ4393" s="137"/>
      <c r="AK4393" s="137"/>
      <c r="AL4393" s="137"/>
      <c r="AM4393" s="137"/>
      <c r="AN4393" s="137"/>
      <c r="AO4393" s="137"/>
      <c r="AP4393" s="137"/>
      <c r="AQ4393" s="137"/>
      <c r="AR4393" s="137"/>
      <c r="AS4393" s="137"/>
      <c r="AT4393" s="137"/>
      <c r="AU4393" s="137"/>
      <c r="AV4393" s="137"/>
      <c r="AW4393" s="144"/>
    </row>
    <row r="4394" spans="7:49" x14ac:dyDescent="0.2">
      <c r="G4394" s="43"/>
      <c r="Z4394" s="143"/>
      <c r="AA4394" s="137"/>
      <c r="AB4394" s="137"/>
      <c r="AC4394" s="137"/>
      <c r="AD4394" s="137"/>
      <c r="AE4394" s="137"/>
      <c r="AF4394" s="137"/>
      <c r="AG4394" s="137"/>
      <c r="AH4394" s="137"/>
      <c r="AI4394" s="137"/>
      <c r="AJ4394" s="137"/>
      <c r="AK4394" s="137"/>
      <c r="AL4394" s="137"/>
      <c r="AM4394" s="137"/>
      <c r="AN4394" s="137"/>
      <c r="AO4394" s="137"/>
      <c r="AP4394" s="137"/>
      <c r="AQ4394" s="137"/>
      <c r="AR4394" s="137"/>
      <c r="AS4394" s="137"/>
      <c r="AT4394" s="137"/>
      <c r="AU4394" s="137"/>
      <c r="AV4394" s="137"/>
      <c r="AW4394" s="144"/>
    </row>
    <row r="4395" spans="7:49" x14ac:dyDescent="0.2">
      <c r="G4395" s="43"/>
      <c r="Z4395" s="143"/>
      <c r="AA4395" s="137"/>
      <c r="AB4395" s="137"/>
      <c r="AC4395" s="137"/>
      <c r="AD4395" s="137"/>
      <c r="AE4395" s="137"/>
      <c r="AF4395" s="137"/>
      <c r="AG4395" s="137"/>
      <c r="AH4395" s="137"/>
      <c r="AI4395" s="137"/>
      <c r="AJ4395" s="137"/>
      <c r="AK4395" s="137"/>
      <c r="AL4395" s="137"/>
      <c r="AM4395" s="137"/>
      <c r="AN4395" s="137"/>
      <c r="AO4395" s="137"/>
      <c r="AP4395" s="137"/>
      <c r="AQ4395" s="137"/>
      <c r="AR4395" s="137"/>
      <c r="AS4395" s="137"/>
      <c r="AT4395" s="137"/>
      <c r="AU4395" s="137"/>
      <c r="AV4395" s="137"/>
      <c r="AW4395" s="144"/>
    </row>
    <row r="4396" spans="7:49" x14ac:dyDescent="0.2">
      <c r="G4396" s="43"/>
      <c r="Z4396" s="143"/>
      <c r="AA4396" s="137"/>
      <c r="AB4396" s="137"/>
      <c r="AC4396" s="137"/>
      <c r="AD4396" s="137"/>
      <c r="AE4396" s="137"/>
      <c r="AF4396" s="137"/>
      <c r="AG4396" s="137"/>
      <c r="AH4396" s="137"/>
      <c r="AI4396" s="137"/>
      <c r="AJ4396" s="137"/>
      <c r="AK4396" s="137"/>
      <c r="AL4396" s="137"/>
      <c r="AM4396" s="137"/>
      <c r="AN4396" s="137"/>
      <c r="AO4396" s="137"/>
      <c r="AP4396" s="137"/>
      <c r="AQ4396" s="137"/>
      <c r="AR4396" s="137"/>
      <c r="AS4396" s="137"/>
      <c r="AT4396" s="137"/>
      <c r="AU4396" s="137"/>
      <c r="AV4396" s="137"/>
      <c r="AW4396" s="144"/>
    </row>
    <row r="4397" spans="7:49" x14ac:dyDescent="0.2">
      <c r="G4397" s="43"/>
      <c r="Z4397" s="143"/>
      <c r="AA4397" s="137"/>
      <c r="AB4397" s="137"/>
      <c r="AC4397" s="137"/>
      <c r="AD4397" s="137"/>
      <c r="AE4397" s="137"/>
      <c r="AF4397" s="137"/>
      <c r="AG4397" s="137"/>
      <c r="AH4397" s="137"/>
      <c r="AI4397" s="137"/>
      <c r="AJ4397" s="137"/>
      <c r="AK4397" s="137"/>
      <c r="AL4397" s="137"/>
      <c r="AM4397" s="137"/>
      <c r="AN4397" s="137"/>
      <c r="AO4397" s="137"/>
      <c r="AP4397" s="137"/>
      <c r="AQ4397" s="137"/>
      <c r="AR4397" s="137"/>
      <c r="AS4397" s="137"/>
      <c r="AT4397" s="137"/>
      <c r="AU4397" s="137"/>
      <c r="AV4397" s="137"/>
      <c r="AW4397" s="144"/>
    </row>
    <row r="4398" spans="7:49" x14ac:dyDescent="0.2">
      <c r="G4398" s="43"/>
      <c r="Z4398" s="143"/>
      <c r="AA4398" s="137"/>
      <c r="AB4398" s="137"/>
      <c r="AC4398" s="137"/>
      <c r="AD4398" s="137"/>
      <c r="AE4398" s="137"/>
      <c r="AF4398" s="137"/>
      <c r="AG4398" s="137"/>
      <c r="AH4398" s="137"/>
      <c r="AI4398" s="137"/>
      <c r="AJ4398" s="137"/>
      <c r="AK4398" s="137"/>
      <c r="AL4398" s="137"/>
      <c r="AM4398" s="137"/>
      <c r="AN4398" s="137"/>
      <c r="AO4398" s="137"/>
      <c r="AP4398" s="137"/>
      <c r="AQ4398" s="137"/>
      <c r="AR4398" s="137"/>
      <c r="AS4398" s="137"/>
      <c r="AT4398" s="137"/>
      <c r="AU4398" s="137"/>
      <c r="AV4398" s="137"/>
      <c r="AW4398" s="144"/>
    </row>
    <row r="4399" spans="7:49" x14ac:dyDescent="0.2">
      <c r="G4399" s="43"/>
      <c r="Z4399" s="143"/>
      <c r="AA4399" s="137"/>
      <c r="AB4399" s="137"/>
      <c r="AC4399" s="137"/>
      <c r="AD4399" s="137"/>
      <c r="AE4399" s="137"/>
      <c r="AF4399" s="137"/>
      <c r="AG4399" s="137"/>
      <c r="AH4399" s="137"/>
      <c r="AI4399" s="137"/>
      <c r="AJ4399" s="137"/>
      <c r="AK4399" s="137"/>
      <c r="AL4399" s="137"/>
      <c r="AM4399" s="137"/>
      <c r="AN4399" s="137"/>
      <c r="AO4399" s="137"/>
      <c r="AP4399" s="137"/>
      <c r="AQ4399" s="137"/>
      <c r="AR4399" s="137"/>
      <c r="AS4399" s="137"/>
      <c r="AT4399" s="137"/>
      <c r="AU4399" s="137"/>
      <c r="AV4399" s="137"/>
      <c r="AW4399" s="144"/>
    </row>
    <row r="4400" spans="7:49" x14ac:dyDescent="0.2">
      <c r="G4400" s="43"/>
      <c r="Z4400" s="143"/>
      <c r="AA4400" s="137"/>
      <c r="AB4400" s="137"/>
      <c r="AC4400" s="137"/>
      <c r="AD4400" s="137"/>
      <c r="AE4400" s="137"/>
      <c r="AF4400" s="137"/>
      <c r="AG4400" s="137"/>
      <c r="AH4400" s="137"/>
      <c r="AI4400" s="137"/>
      <c r="AJ4400" s="137"/>
      <c r="AK4400" s="137"/>
      <c r="AL4400" s="137"/>
      <c r="AM4400" s="137"/>
      <c r="AN4400" s="137"/>
      <c r="AO4400" s="137"/>
      <c r="AP4400" s="137"/>
      <c r="AQ4400" s="137"/>
      <c r="AR4400" s="137"/>
      <c r="AS4400" s="137"/>
      <c r="AT4400" s="137"/>
      <c r="AU4400" s="137"/>
      <c r="AV4400" s="137"/>
      <c r="AW4400" s="144"/>
    </row>
    <row r="4401" spans="7:49" x14ac:dyDescent="0.2">
      <c r="G4401" s="43"/>
      <c r="Z4401" s="143"/>
      <c r="AA4401" s="137"/>
      <c r="AB4401" s="137"/>
      <c r="AC4401" s="137"/>
      <c r="AD4401" s="137"/>
      <c r="AE4401" s="137"/>
      <c r="AF4401" s="137"/>
      <c r="AG4401" s="137"/>
      <c r="AH4401" s="137"/>
      <c r="AI4401" s="137"/>
      <c r="AJ4401" s="137"/>
      <c r="AK4401" s="137"/>
      <c r="AL4401" s="137"/>
      <c r="AM4401" s="137"/>
      <c r="AN4401" s="137"/>
      <c r="AO4401" s="137"/>
      <c r="AP4401" s="137"/>
      <c r="AQ4401" s="137"/>
      <c r="AR4401" s="137"/>
      <c r="AS4401" s="137"/>
      <c r="AT4401" s="137"/>
      <c r="AU4401" s="137"/>
      <c r="AV4401" s="137"/>
      <c r="AW4401" s="144"/>
    </row>
    <row r="4402" spans="7:49" x14ac:dyDescent="0.2">
      <c r="G4402" s="43"/>
      <c r="Z4402" s="143"/>
      <c r="AA4402" s="137"/>
      <c r="AB4402" s="137"/>
      <c r="AC4402" s="137"/>
      <c r="AD4402" s="137"/>
      <c r="AE4402" s="137"/>
      <c r="AF4402" s="137"/>
      <c r="AG4402" s="137"/>
      <c r="AH4402" s="137"/>
      <c r="AI4402" s="137"/>
      <c r="AJ4402" s="137"/>
      <c r="AK4402" s="137"/>
      <c r="AL4402" s="137"/>
      <c r="AM4402" s="137"/>
      <c r="AN4402" s="137"/>
      <c r="AO4402" s="137"/>
      <c r="AP4402" s="137"/>
      <c r="AQ4402" s="137"/>
      <c r="AR4402" s="137"/>
      <c r="AS4402" s="137"/>
      <c r="AT4402" s="137"/>
      <c r="AU4402" s="137"/>
      <c r="AV4402" s="137"/>
      <c r="AW4402" s="144"/>
    </row>
    <row r="4403" spans="7:49" x14ac:dyDescent="0.2">
      <c r="G4403" s="43"/>
      <c r="Z4403" s="143"/>
      <c r="AA4403" s="137"/>
      <c r="AB4403" s="137"/>
      <c r="AC4403" s="137"/>
      <c r="AD4403" s="137"/>
      <c r="AE4403" s="137"/>
      <c r="AF4403" s="137"/>
      <c r="AG4403" s="137"/>
      <c r="AH4403" s="137"/>
      <c r="AI4403" s="137"/>
      <c r="AJ4403" s="137"/>
      <c r="AK4403" s="137"/>
      <c r="AL4403" s="137"/>
      <c r="AM4403" s="137"/>
      <c r="AN4403" s="137"/>
      <c r="AO4403" s="137"/>
      <c r="AP4403" s="137"/>
      <c r="AQ4403" s="137"/>
      <c r="AR4403" s="137"/>
      <c r="AS4403" s="137"/>
      <c r="AT4403" s="137"/>
      <c r="AU4403" s="137"/>
      <c r="AV4403" s="137"/>
      <c r="AW4403" s="144"/>
    </row>
    <row r="4404" spans="7:49" x14ac:dyDescent="0.2">
      <c r="G4404" s="43"/>
      <c r="Z4404" s="143"/>
      <c r="AA4404" s="137"/>
      <c r="AB4404" s="137"/>
      <c r="AC4404" s="137"/>
      <c r="AD4404" s="137"/>
      <c r="AE4404" s="137"/>
      <c r="AF4404" s="137"/>
      <c r="AG4404" s="137"/>
      <c r="AH4404" s="137"/>
      <c r="AI4404" s="137"/>
      <c r="AJ4404" s="137"/>
      <c r="AK4404" s="137"/>
      <c r="AL4404" s="137"/>
      <c r="AM4404" s="137"/>
      <c r="AN4404" s="137"/>
      <c r="AO4404" s="137"/>
      <c r="AP4404" s="137"/>
      <c r="AQ4404" s="137"/>
      <c r="AR4404" s="137"/>
      <c r="AS4404" s="137"/>
      <c r="AT4404" s="137"/>
      <c r="AU4404" s="137"/>
      <c r="AV4404" s="137"/>
      <c r="AW4404" s="144"/>
    </row>
    <row r="4405" spans="7:49" x14ac:dyDescent="0.2">
      <c r="G4405" s="43"/>
      <c r="Z4405" s="143"/>
      <c r="AA4405" s="137"/>
      <c r="AB4405" s="137"/>
      <c r="AC4405" s="137"/>
      <c r="AD4405" s="137"/>
      <c r="AE4405" s="137"/>
      <c r="AF4405" s="137"/>
      <c r="AG4405" s="137"/>
      <c r="AH4405" s="137"/>
      <c r="AI4405" s="137"/>
      <c r="AJ4405" s="137"/>
      <c r="AK4405" s="137"/>
      <c r="AL4405" s="137"/>
      <c r="AM4405" s="137"/>
      <c r="AN4405" s="137"/>
      <c r="AO4405" s="137"/>
      <c r="AP4405" s="137"/>
      <c r="AQ4405" s="137"/>
      <c r="AR4405" s="137"/>
      <c r="AS4405" s="137"/>
      <c r="AT4405" s="137"/>
      <c r="AU4405" s="137"/>
      <c r="AV4405" s="137"/>
      <c r="AW4405" s="144"/>
    </row>
    <row r="4406" spans="7:49" x14ac:dyDescent="0.2">
      <c r="G4406" s="43"/>
      <c r="Z4406" s="143"/>
      <c r="AA4406" s="137"/>
      <c r="AB4406" s="137"/>
      <c r="AC4406" s="137"/>
      <c r="AD4406" s="137"/>
      <c r="AE4406" s="137"/>
      <c r="AF4406" s="137"/>
      <c r="AG4406" s="137"/>
      <c r="AH4406" s="137"/>
      <c r="AI4406" s="137"/>
      <c r="AJ4406" s="137"/>
      <c r="AK4406" s="137"/>
      <c r="AL4406" s="137"/>
      <c r="AM4406" s="137"/>
      <c r="AN4406" s="137"/>
      <c r="AO4406" s="137"/>
      <c r="AP4406" s="137"/>
      <c r="AQ4406" s="137"/>
      <c r="AR4406" s="137"/>
      <c r="AS4406" s="137"/>
      <c r="AT4406" s="137"/>
      <c r="AU4406" s="137"/>
      <c r="AV4406" s="137"/>
      <c r="AW4406" s="144"/>
    </row>
    <row r="4407" spans="7:49" x14ac:dyDescent="0.2">
      <c r="G4407" s="43"/>
      <c r="Z4407" s="143"/>
      <c r="AA4407" s="137"/>
      <c r="AB4407" s="137"/>
      <c r="AC4407" s="137"/>
      <c r="AD4407" s="137"/>
      <c r="AE4407" s="137"/>
      <c r="AF4407" s="137"/>
      <c r="AG4407" s="137"/>
      <c r="AH4407" s="137"/>
      <c r="AI4407" s="137"/>
      <c r="AJ4407" s="137"/>
      <c r="AK4407" s="137"/>
      <c r="AL4407" s="137"/>
      <c r="AM4407" s="137"/>
      <c r="AN4407" s="137"/>
      <c r="AO4407" s="137"/>
      <c r="AP4407" s="137"/>
      <c r="AQ4407" s="137"/>
      <c r="AR4407" s="137"/>
      <c r="AS4407" s="137"/>
      <c r="AT4407" s="137"/>
      <c r="AU4407" s="137"/>
      <c r="AV4407" s="137"/>
      <c r="AW4407" s="144"/>
    </row>
    <row r="4408" spans="7:49" x14ac:dyDescent="0.2">
      <c r="G4408" s="43"/>
      <c r="Z4408" s="143"/>
      <c r="AA4408" s="137"/>
      <c r="AB4408" s="137"/>
      <c r="AC4408" s="137"/>
      <c r="AD4408" s="137"/>
      <c r="AE4408" s="137"/>
      <c r="AF4408" s="137"/>
      <c r="AG4408" s="137"/>
      <c r="AH4408" s="137"/>
      <c r="AI4408" s="137"/>
      <c r="AJ4408" s="137"/>
      <c r="AK4408" s="137"/>
      <c r="AL4408" s="137"/>
      <c r="AM4408" s="137"/>
      <c r="AN4408" s="137"/>
      <c r="AO4408" s="137"/>
      <c r="AP4408" s="137"/>
      <c r="AQ4408" s="137"/>
      <c r="AR4408" s="137"/>
      <c r="AS4408" s="137"/>
      <c r="AT4408" s="137"/>
      <c r="AU4408" s="137"/>
      <c r="AV4408" s="137"/>
      <c r="AW4408" s="144"/>
    </row>
    <row r="4409" spans="7:49" x14ac:dyDescent="0.2">
      <c r="G4409" s="43"/>
      <c r="Z4409" s="143"/>
      <c r="AA4409" s="137"/>
      <c r="AB4409" s="137"/>
      <c r="AC4409" s="137"/>
      <c r="AD4409" s="137"/>
      <c r="AE4409" s="137"/>
      <c r="AF4409" s="137"/>
      <c r="AG4409" s="137"/>
      <c r="AH4409" s="137"/>
      <c r="AI4409" s="137"/>
      <c r="AJ4409" s="137"/>
      <c r="AK4409" s="137"/>
      <c r="AL4409" s="137"/>
      <c r="AM4409" s="137"/>
      <c r="AN4409" s="137"/>
      <c r="AO4409" s="137"/>
      <c r="AP4409" s="137"/>
      <c r="AQ4409" s="137"/>
      <c r="AR4409" s="137"/>
      <c r="AS4409" s="137"/>
      <c r="AT4409" s="137"/>
      <c r="AU4409" s="137"/>
      <c r="AV4409" s="137"/>
      <c r="AW4409" s="144"/>
    </row>
    <row r="4410" spans="7:49" x14ac:dyDescent="0.2">
      <c r="G4410" s="43"/>
      <c r="Z4410" s="143"/>
      <c r="AA4410" s="137"/>
      <c r="AB4410" s="137"/>
      <c r="AC4410" s="137"/>
      <c r="AD4410" s="137"/>
      <c r="AE4410" s="137"/>
      <c r="AF4410" s="137"/>
      <c r="AG4410" s="137"/>
      <c r="AH4410" s="137"/>
      <c r="AI4410" s="137"/>
      <c r="AJ4410" s="137"/>
      <c r="AK4410" s="137"/>
      <c r="AL4410" s="137"/>
      <c r="AM4410" s="137"/>
      <c r="AN4410" s="137"/>
      <c r="AO4410" s="137"/>
      <c r="AP4410" s="137"/>
      <c r="AQ4410" s="137"/>
      <c r="AR4410" s="137"/>
      <c r="AS4410" s="137"/>
      <c r="AT4410" s="137"/>
      <c r="AU4410" s="137"/>
      <c r="AV4410" s="137"/>
      <c r="AW4410" s="144"/>
    </row>
    <row r="4411" spans="7:49" x14ac:dyDescent="0.2">
      <c r="G4411" s="43"/>
      <c r="Z4411" s="143"/>
      <c r="AA4411" s="137"/>
      <c r="AB4411" s="137"/>
      <c r="AC4411" s="137"/>
      <c r="AD4411" s="137"/>
      <c r="AE4411" s="137"/>
      <c r="AF4411" s="137"/>
      <c r="AG4411" s="137"/>
      <c r="AH4411" s="137"/>
      <c r="AI4411" s="137"/>
      <c r="AJ4411" s="137"/>
      <c r="AK4411" s="137"/>
      <c r="AL4411" s="137"/>
      <c r="AM4411" s="137"/>
      <c r="AN4411" s="137"/>
      <c r="AO4411" s="137"/>
      <c r="AP4411" s="137"/>
      <c r="AQ4411" s="137"/>
      <c r="AR4411" s="137"/>
      <c r="AS4411" s="137"/>
      <c r="AT4411" s="137"/>
      <c r="AU4411" s="137"/>
      <c r="AV4411" s="137"/>
      <c r="AW4411" s="144"/>
    </row>
    <row r="4412" spans="7:49" x14ac:dyDescent="0.2">
      <c r="G4412" s="43"/>
      <c r="Z4412" s="143"/>
      <c r="AA4412" s="137"/>
      <c r="AB4412" s="137"/>
      <c r="AC4412" s="137"/>
      <c r="AD4412" s="137"/>
      <c r="AE4412" s="137"/>
      <c r="AF4412" s="137"/>
      <c r="AG4412" s="137"/>
      <c r="AH4412" s="137"/>
      <c r="AI4412" s="137"/>
      <c r="AJ4412" s="137"/>
      <c r="AK4412" s="137"/>
      <c r="AL4412" s="137"/>
      <c r="AM4412" s="137"/>
      <c r="AN4412" s="137"/>
      <c r="AO4412" s="137"/>
      <c r="AP4412" s="137"/>
      <c r="AQ4412" s="137"/>
      <c r="AR4412" s="137"/>
      <c r="AS4412" s="137"/>
      <c r="AT4412" s="137"/>
      <c r="AU4412" s="137"/>
      <c r="AV4412" s="137"/>
      <c r="AW4412" s="144"/>
    </row>
    <row r="4413" spans="7:49" x14ac:dyDescent="0.2">
      <c r="G4413" s="43"/>
      <c r="Z4413" s="143"/>
      <c r="AA4413" s="137"/>
      <c r="AB4413" s="137"/>
      <c r="AC4413" s="137"/>
      <c r="AD4413" s="137"/>
      <c r="AE4413" s="137"/>
      <c r="AF4413" s="137"/>
      <c r="AG4413" s="137"/>
      <c r="AH4413" s="137"/>
      <c r="AI4413" s="137"/>
      <c r="AJ4413" s="137"/>
      <c r="AK4413" s="137"/>
      <c r="AL4413" s="137"/>
      <c r="AM4413" s="137"/>
      <c r="AN4413" s="137"/>
      <c r="AO4413" s="137"/>
      <c r="AP4413" s="137"/>
      <c r="AQ4413" s="137"/>
      <c r="AR4413" s="137"/>
      <c r="AS4413" s="137"/>
      <c r="AT4413" s="137"/>
      <c r="AU4413" s="137"/>
      <c r="AV4413" s="137"/>
      <c r="AW4413" s="144"/>
    </row>
    <row r="4414" spans="7:49" x14ac:dyDescent="0.2">
      <c r="G4414" s="43"/>
      <c r="Z4414" s="143"/>
      <c r="AA4414" s="137"/>
      <c r="AB4414" s="137"/>
      <c r="AC4414" s="137"/>
      <c r="AD4414" s="137"/>
      <c r="AE4414" s="137"/>
      <c r="AF4414" s="137"/>
      <c r="AG4414" s="137"/>
      <c r="AH4414" s="137"/>
      <c r="AI4414" s="137"/>
      <c r="AJ4414" s="137"/>
      <c r="AK4414" s="137"/>
      <c r="AL4414" s="137"/>
      <c r="AM4414" s="137"/>
      <c r="AN4414" s="137"/>
      <c r="AO4414" s="137"/>
      <c r="AP4414" s="137"/>
      <c r="AQ4414" s="137"/>
      <c r="AR4414" s="137"/>
      <c r="AS4414" s="137"/>
      <c r="AT4414" s="137"/>
      <c r="AU4414" s="137"/>
      <c r="AV4414" s="137"/>
      <c r="AW4414" s="144"/>
    </row>
    <row r="4415" spans="7:49" x14ac:dyDescent="0.2">
      <c r="G4415" s="43"/>
      <c r="Z4415" s="143"/>
      <c r="AA4415" s="137"/>
      <c r="AB4415" s="137"/>
      <c r="AC4415" s="137"/>
      <c r="AD4415" s="137"/>
      <c r="AE4415" s="137"/>
      <c r="AF4415" s="137"/>
      <c r="AG4415" s="137"/>
      <c r="AH4415" s="137"/>
      <c r="AI4415" s="137"/>
      <c r="AJ4415" s="137"/>
      <c r="AK4415" s="137"/>
      <c r="AL4415" s="137"/>
      <c r="AM4415" s="137"/>
      <c r="AN4415" s="137"/>
      <c r="AO4415" s="137"/>
      <c r="AP4415" s="137"/>
      <c r="AQ4415" s="137"/>
      <c r="AR4415" s="137"/>
      <c r="AS4415" s="137"/>
      <c r="AT4415" s="137"/>
      <c r="AU4415" s="137"/>
      <c r="AV4415" s="137"/>
      <c r="AW4415" s="144"/>
    </row>
    <row r="4416" spans="7:49" x14ac:dyDescent="0.2">
      <c r="G4416" s="43"/>
      <c r="Z4416" s="143"/>
      <c r="AA4416" s="137"/>
      <c r="AB4416" s="137"/>
      <c r="AC4416" s="137"/>
      <c r="AD4416" s="137"/>
      <c r="AE4416" s="137"/>
      <c r="AF4416" s="137"/>
      <c r="AG4416" s="137"/>
      <c r="AH4416" s="137"/>
      <c r="AI4416" s="137"/>
      <c r="AJ4416" s="137"/>
      <c r="AK4416" s="137"/>
      <c r="AL4416" s="137"/>
      <c r="AM4416" s="137"/>
      <c r="AN4416" s="137"/>
      <c r="AO4416" s="137"/>
      <c r="AP4416" s="137"/>
      <c r="AQ4416" s="137"/>
      <c r="AR4416" s="137"/>
      <c r="AS4416" s="137"/>
      <c r="AT4416" s="137"/>
      <c r="AU4416" s="137"/>
      <c r="AV4416" s="137"/>
      <c r="AW4416" s="144"/>
    </row>
    <row r="4417" spans="7:49" x14ac:dyDescent="0.2">
      <c r="G4417" s="43"/>
      <c r="Z4417" s="143"/>
      <c r="AA4417" s="137"/>
      <c r="AB4417" s="137"/>
      <c r="AC4417" s="137"/>
      <c r="AD4417" s="137"/>
      <c r="AE4417" s="137"/>
      <c r="AF4417" s="137"/>
      <c r="AG4417" s="137"/>
      <c r="AH4417" s="137"/>
      <c r="AI4417" s="137"/>
      <c r="AJ4417" s="137"/>
      <c r="AK4417" s="137"/>
      <c r="AL4417" s="137"/>
      <c r="AM4417" s="137"/>
      <c r="AN4417" s="137"/>
      <c r="AO4417" s="137"/>
      <c r="AP4417" s="137"/>
      <c r="AQ4417" s="137"/>
      <c r="AR4417" s="137"/>
      <c r="AS4417" s="137"/>
      <c r="AT4417" s="137"/>
      <c r="AU4417" s="137"/>
      <c r="AV4417" s="137"/>
      <c r="AW4417" s="144"/>
    </row>
    <row r="4418" spans="7:49" x14ac:dyDescent="0.2">
      <c r="G4418" s="43"/>
      <c r="Z4418" s="143"/>
      <c r="AA4418" s="137"/>
      <c r="AB4418" s="137"/>
      <c r="AC4418" s="137"/>
      <c r="AD4418" s="137"/>
      <c r="AE4418" s="137"/>
      <c r="AF4418" s="137"/>
      <c r="AG4418" s="137"/>
      <c r="AH4418" s="137"/>
      <c r="AI4418" s="137"/>
      <c r="AJ4418" s="137"/>
      <c r="AK4418" s="137"/>
      <c r="AL4418" s="137"/>
      <c r="AM4418" s="137"/>
      <c r="AN4418" s="137"/>
      <c r="AO4418" s="137"/>
      <c r="AP4418" s="137"/>
      <c r="AQ4418" s="137"/>
      <c r="AR4418" s="137"/>
      <c r="AS4418" s="137"/>
      <c r="AT4418" s="137"/>
      <c r="AU4418" s="137"/>
      <c r="AV4418" s="137"/>
      <c r="AW4418" s="144"/>
    </row>
    <row r="4419" spans="7:49" x14ac:dyDescent="0.2">
      <c r="G4419" s="43"/>
      <c r="Z4419" s="143"/>
      <c r="AA4419" s="137"/>
      <c r="AB4419" s="137"/>
      <c r="AC4419" s="137"/>
      <c r="AD4419" s="137"/>
      <c r="AE4419" s="137"/>
      <c r="AF4419" s="137"/>
      <c r="AG4419" s="137"/>
      <c r="AH4419" s="137"/>
      <c r="AI4419" s="137"/>
      <c r="AJ4419" s="137"/>
      <c r="AK4419" s="137"/>
      <c r="AL4419" s="137"/>
      <c r="AM4419" s="137"/>
      <c r="AN4419" s="137"/>
      <c r="AO4419" s="137"/>
      <c r="AP4419" s="137"/>
      <c r="AQ4419" s="137"/>
      <c r="AR4419" s="137"/>
      <c r="AS4419" s="137"/>
      <c r="AT4419" s="137"/>
      <c r="AU4419" s="137"/>
      <c r="AV4419" s="137"/>
      <c r="AW4419" s="144"/>
    </row>
    <row r="4420" spans="7:49" x14ac:dyDescent="0.2">
      <c r="G4420" s="43"/>
      <c r="Z4420" s="143"/>
      <c r="AA4420" s="137"/>
      <c r="AB4420" s="137"/>
      <c r="AC4420" s="137"/>
      <c r="AD4420" s="137"/>
      <c r="AE4420" s="137"/>
      <c r="AF4420" s="137"/>
      <c r="AG4420" s="137"/>
      <c r="AH4420" s="137"/>
      <c r="AI4420" s="137"/>
      <c r="AJ4420" s="137"/>
      <c r="AK4420" s="137"/>
      <c r="AL4420" s="137"/>
      <c r="AM4420" s="137"/>
      <c r="AN4420" s="137"/>
      <c r="AO4420" s="137"/>
      <c r="AP4420" s="137"/>
      <c r="AQ4420" s="137"/>
      <c r="AR4420" s="137"/>
      <c r="AS4420" s="137"/>
      <c r="AT4420" s="137"/>
      <c r="AU4420" s="137"/>
      <c r="AV4420" s="137"/>
      <c r="AW4420" s="144"/>
    </row>
    <row r="4421" spans="7:49" x14ac:dyDescent="0.2">
      <c r="G4421" s="43"/>
      <c r="Z4421" s="143"/>
      <c r="AA4421" s="137"/>
      <c r="AB4421" s="137"/>
      <c r="AC4421" s="137"/>
      <c r="AD4421" s="137"/>
      <c r="AE4421" s="137"/>
      <c r="AF4421" s="137"/>
      <c r="AG4421" s="137"/>
      <c r="AH4421" s="137"/>
      <c r="AI4421" s="137"/>
      <c r="AJ4421" s="137"/>
      <c r="AK4421" s="137"/>
      <c r="AL4421" s="137"/>
      <c r="AM4421" s="137"/>
      <c r="AN4421" s="137"/>
      <c r="AO4421" s="137"/>
      <c r="AP4421" s="137"/>
      <c r="AQ4421" s="137"/>
      <c r="AR4421" s="137"/>
      <c r="AS4421" s="137"/>
      <c r="AT4421" s="137"/>
      <c r="AU4421" s="137"/>
      <c r="AV4421" s="137"/>
      <c r="AW4421" s="144"/>
    </row>
    <row r="4422" spans="7:49" x14ac:dyDescent="0.2">
      <c r="G4422" s="43"/>
      <c r="Z4422" s="143"/>
      <c r="AA4422" s="137"/>
      <c r="AB4422" s="137"/>
      <c r="AC4422" s="137"/>
      <c r="AD4422" s="137"/>
      <c r="AE4422" s="137"/>
      <c r="AF4422" s="137"/>
      <c r="AG4422" s="137"/>
      <c r="AH4422" s="137"/>
      <c r="AI4422" s="137"/>
      <c r="AJ4422" s="137"/>
      <c r="AK4422" s="137"/>
      <c r="AL4422" s="137"/>
      <c r="AM4422" s="137"/>
      <c r="AN4422" s="137"/>
      <c r="AO4422" s="137"/>
      <c r="AP4422" s="137"/>
      <c r="AQ4422" s="137"/>
      <c r="AR4422" s="137"/>
      <c r="AS4422" s="137"/>
      <c r="AT4422" s="137"/>
      <c r="AU4422" s="137"/>
      <c r="AV4422" s="137"/>
      <c r="AW4422" s="144"/>
    </row>
    <row r="4423" spans="7:49" x14ac:dyDescent="0.2">
      <c r="G4423" s="43"/>
      <c r="Z4423" s="143"/>
      <c r="AA4423" s="137"/>
      <c r="AB4423" s="137"/>
      <c r="AC4423" s="137"/>
      <c r="AD4423" s="137"/>
      <c r="AE4423" s="137"/>
      <c r="AF4423" s="137"/>
      <c r="AG4423" s="137"/>
      <c r="AH4423" s="137"/>
      <c r="AI4423" s="137"/>
      <c r="AJ4423" s="137"/>
      <c r="AK4423" s="137"/>
      <c r="AL4423" s="137"/>
      <c r="AM4423" s="137"/>
      <c r="AN4423" s="137"/>
      <c r="AO4423" s="137"/>
      <c r="AP4423" s="137"/>
      <c r="AQ4423" s="137"/>
      <c r="AR4423" s="137"/>
      <c r="AS4423" s="137"/>
      <c r="AT4423" s="137"/>
      <c r="AU4423" s="137"/>
      <c r="AV4423" s="137"/>
      <c r="AW4423" s="144"/>
    </row>
    <row r="4424" spans="7:49" x14ac:dyDescent="0.2">
      <c r="G4424" s="43"/>
      <c r="Z4424" s="143"/>
      <c r="AA4424" s="137"/>
      <c r="AB4424" s="137"/>
      <c r="AC4424" s="137"/>
      <c r="AD4424" s="137"/>
      <c r="AE4424" s="137"/>
      <c r="AF4424" s="137"/>
      <c r="AG4424" s="137"/>
      <c r="AH4424" s="137"/>
      <c r="AI4424" s="137"/>
      <c r="AJ4424" s="137"/>
      <c r="AK4424" s="137"/>
      <c r="AL4424" s="137"/>
      <c r="AM4424" s="137"/>
      <c r="AN4424" s="137"/>
      <c r="AO4424" s="137"/>
      <c r="AP4424" s="137"/>
      <c r="AQ4424" s="137"/>
      <c r="AR4424" s="137"/>
      <c r="AS4424" s="137"/>
      <c r="AT4424" s="137"/>
      <c r="AU4424" s="137"/>
      <c r="AV4424" s="137"/>
      <c r="AW4424" s="144"/>
    </row>
    <row r="4425" spans="7:49" x14ac:dyDescent="0.2">
      <c r="G4425" s="43"/>
      <c r="Z4425" s="143"/>
      <c r="AA4425" s="137"/>
      <c r="AB4425" s="137"/>
      <c r="AC4425" s="137"/>
      <c r="AD4425" s="137"/>
      <c r="AE4425" s="137"/>
      <c r="AF4425" s="137"/>
      <c r="AG4425" s="137"/>
      <c r="AH4425" s="137"/>
      <c r="AI4425" s="137"/>
      <c r="AJ4425" s="137"/>
      <c r="AK4425" s="137"/>
      <c r="AL4425" s="137"/>
      <c r="AM4425" s="137"/>
      <c r="AN4425" s="137"/>
      <c r="AO4425" s="137"/>
      <c r="AP4425" s="137"/>
      <c r="AQ4425" s="137"/>
      <c r="AR4425" s="137"/>
      <c r="AS4425" s="137"/>
      <c r="AT4425" s="137"/>
      <c r="AU4425" s="137"/>
      <c r="AV4425" s="137"/>
      <c r="AW4425" s="144"/>
    </row>
    <row r="4426" spans="7:49" x14ac:dyDescent="0.2">
      <c r="G4426" s="43"/>
      <c r="Z4426" s="143"/>
      <c r="AA4426" s="137"/>
      <c r="AB4426" s="137"/>
      <c r="AC4426" s="137"/>
      <c r="AD4426" s="137"/>
      <c r="AE4426" s="137"/>
      <c r="AF4426" s="137"/>
      <c r="AG4426" s="137"/>
      <c r="AH4426" s="137"/>
      <c r="AI4426" s="137"/>
      <c r="AJ4426" s="137"/>
      <c r="AK4426" s="137"/>
      <c r="AL4426" s="137"/>
      <c r="AM4426" s="137"/>
      <c r="AN4426" s="137"/>
      <c r="AO4426" s="137"/>
      <c r="AP4426" s="137"/>
      <c r="AQ4426" s="137"/>
      <c r="AR4426" s="137"/>
      <c r="AS4426" s="137"/>
      <c r="AT4426" s="137"/>
      <c r="AU4426" s="137"/>
      <c r="AV4426" s="137"/>
      <c r="AW4426" s="144"/>
    </row>
    <row r="4427" spans="7:49" x14ac:dyDescent="0.2">
      <c r="G4427" s="43"/>
      <c r="Z4427" s="143"/>
      <c r="AA4427" s="137"/>
      <c r="AB4427" s="137"/>
      <c r="AC4427" s="137"/>
      <c r="AD4427" s="137"/>
      <c r="AE4427" s="137"/>
      <c r="AF4427" s="137"/>
      <c r="AG4427" s="137"/>
      <c r="AH4427" s="137"/>
      <c r="AI4427" s="137"/>
      <c r="AJ4427" s="137"/>
      <c r="AK4427" s="137"/>
      <c r="AL4427" s="137"/>
      <c r="AM4427" s="137"/>
      <c r="AN4427" s="137"/>
      <c r="AO4427" s="137"/>
      <c r="AP4427" s="137"/>
      <c r="AQ4427" s="137"/>
      <c r="AR4427" s="137"/>
      <c r="AS4427" s="137"/>
      <c r="AT4427" s="137"/>
      <c r="AU4427" s="137"/>
      <c r="AV4427" s="137"/>
      <c r="AW4427" s="144"/>
    </row>
    <row r="4428" spans="7:49" x14ac:dyDescent="0.2">
      <c r="G4428" s="43"/>
      <c r="Z4428" s="143"/>
      <c r="AA4428" s="137"/>
      <c r="AB4428" s="137"/>
      <c r="AC4428" s="137"/>
      <c r="AD4428" s="137"/>
      <c r="AE4428" s="137"/>
      <c r="AF4428" s="137"/>
      <c r="AG4428" s="137"/>
      <c r="AH4428" s="137"/>
      <c r="AI4428" s="137"/>
      <c r="AJ4428" s="137"/>
      <c r="AK4428" s="137"/>
      <c r="AL4428" s="137"/>
      <c r="AM4428" s="137"/>
      <c r="AN4428" s="137"/>
      <c r="AO4428" s="137"/>
      <c r="AP4428" s="137"/>
      <c r="AQ4428" s="137"/>
      <c r="AR4428" s="137"/>
      <c r="AS4428" s="137"/>
      <c r="AT4428" s="137"/>
      <c r="AU4428" s="137"/>
      <c r="AV4428" s="137"/>
      <c r="AW4428" s="144"/>
    </row>
    <row r="4429" spans="7:49" x14ac:dyDescent="0.2">
      <c r="G4429" s="43"/>
      <c r="Z4429" s="143"/>
      <c r="AA4429" s="137"/>
      <c r="AB4429" s="137"/>
      <c r="AC4429" s="137"/>
      <c r="AD4429" s="137"/>
      <c r="AE4429" s="137"/>
      <c r="AF4429" s="137"/>
      <c r="AG4429" s="137"/>
      <c r="AH4429" s="137"/>
      <c r="AI4429" s="137"/>
      <c r="AJ4429" s="137"/>
      <c r="AK4429" s="137"/>
      <c r="AL4429" s="137"/>
      <c r="AM4429" s="137"/>
      <c r="AN4429" s="137"/>
      <c r="AO4429" s="137"/>
      <c r="AP4429" s="137"/>
      <c r="AQ4429" s="137"/>
      <c r="AR4429" s="137"/>
      <c r="AS4429" s="137"/>
      <c r="AT4429" s="137"/>
      <c r="AU4429" s="137"/>
      <c r="AV4429" s="137"/>
      <c r="AW4429" s="144"/>
    </row>
    <row r="4430" spans="7:49" x14ac:dyDescent="0.2">
      <c r="G4430" s="43"/>
      <c r="Z4430" s="143"/>
      <c r="AA4430" s="137"/>
      <c r="AB4430" s="137"/>
      <c r="AC4430" s="137"/>
      <c r="AD4430" s="137"/>
      <c r="AE4430" s="137"/>
      <c r="AF4430" s="137"/>
      <c r="AG4430" s="137"/>
      <c r="AH4430" s="137"/>
      <c r="AI4430" s="137"/>
      <c r="AJ4430" s="137"/>
      <c r="AK4430" s="137"/>
      <c r="AL4430" s="137"/>
      <c r="AM4430" s="137"/>
      <c r="AN4430" s="137"/>
      <c r="AO4430" s="137"/>
      <c r="AP4430" s="137"/>
      <c r="AQ4430" s="137"/>
      <c r="AR4430" s="137"/>
      <c r="AS4430" s="137"/>
      <c r="AT4430" s="137"/>
      <c r="AU4430" s="137"/>
      <c r="AV4430" s="137"/>
      <c r="AW4430" s="144"/>
    </row>
    <row r="4431" spans="7:49" x14ac:dyDescent="0.2">
      <c r="G4431" s="43"/>
      <c r="Z4431" s="143"/>
      <c r="AA4431" s="137"/>
      <c r="AB4431" s="137"/>
      <c r="AC4431" s="137"/>
      <c r="AD4431" s="137"/>
      <c r="AE4431" s="137"/>
      <c r="AF4431" s="137"/>
      <c r="AG4431" s="137"/>
      <c r="AH4431" s="137"/>
      <c r="AI4431" s="137"/>
      <c r="AJ4431" s="137"/>
      <c r="AK4431" s="137"/>
      <c r="AL4431" s="137"/>
      <c r="AM4431" s="137"/>
      <c r="AN4431" s="137"/>
      <c r="AO4431" s="137"/>
      <c r="AP4431" s="137"/>
      <c r="AQ4431" s="137"/>
      <c r="AR4431" s="137"/>
      <c r="AS4431" s="137"/>
      <c r="AT4431" s="137"/>
      <c r="AU4431" s="137"/>
      <c r="AV4431" s="137"/>
      <c r="AW4431" s="144"/>
    </row>
    <row r="4432" spans="7:49" x14ac:dyDescent="0.2">
      <c r="G4432" s="43"/>
      <c r="Z4432" s="143"/>
      <c r="AA4432" s="137"/>
      <c r="AB4432" s="137"/>
      <c r="AC4432" s="137"/>
      <c r="AD4432" s="137"/>
      <c r="AE4432" s="137"/>
      <c r="AF4432" s="137"/>
      <c r="AG4432" s="137"/>
      <c r="AH4432" s="137"/>
      <c r="AI4432" s="137"/>
      <c r="AJ4432" s="137"/>
      <c r="AK4432" s="137"/>
      <c r="AL4432" s="137"/>
      <c r="AM4432" s="137"/>
      <c r="AN4432" s="137"/>
      <c r="AO4432" s="137"/>
      <c r="AP4432" s="137"/>
      <c r="AQ4432" s="137"/>
      <c r="AR4432" s="137"/>
      <c r="AS4432" s="137"/>
      <c r="AT4432" s="137"/>
      <c r="AU4432" s="137"/>
      <c r="AV4432" s="137"/>
      <c r="AW4432" s="144"/>
    </row>
    <row r="4433" spans="7:49" x14ac:dyDescent="0.2">
      <c r="G4433" s="43"/>
      <c r="Z4433" s="143"/>
      <c r="AA4433" s="137"/>
      <c r="AB4433" s="137"/>
      <c r="AC4433" s="137"/>
      <c r="AD4433" s="137"/>
      <c r="AE4433" s="137"/>
      <c r="AF4433" s="137"/>
      <c r="AG4433" s="137"/>
      <c r="AH4433" s="137"/>
      <c r="AI4433" s="137"/>
      <c r="AJ4433" s="137"/>
      <c r="AK4433" s="137"/>
      <c r="AL4433" s="137"/>
      <c r="AM4433" s="137"/>
      <c r="AN4433" s="137"/>
      <c r="AO4433" s="137"/>
      <c r="AP4433" s="137"/>
      <c r="AQ4433" s="137"/>
      <c r="AR4433" s="137"/>
      <c r="AS4433" s="137"/>
      <c r="AT4433" s="137"/>
      <c r="AU4433" s="137"/>
      <c r="AV4433" s="137"/>
      <c r="AW4433" s="144"/>
    </row>
    <row r="4434" spans="7:49" x14ac:dyDescent="0.2">
      <c r="G4434" s="43"/>
      <c r="Z4434" s="143"/>
      <c r="AA4434" s="137"/>
      <c r="AB4434" s="137"/>
      <c r="AC4434" s="137"/>
      <c r="AD4434" s="137"/>
      <c r="AE4434" s="137"/>
      <c r="AF4434" s="137"/>
      <c r="AG4434" s="137"/>
      <c r="AH4434" s="137"/>
      <c r="AI4434" s="137"/>
      <c r="AJ4434" s="137"/>
      <c r="AK4434" s="137"/>
      <c r="AL4434" s="137"/>
      <c r="AM4434" s="137"/>
      <c r="AN4434" s="137"/>
      <c r="AO4434" s="137"/>
      <c r="AP4434" s="137"/>
      <c r="AQ4434" s="137"/>
      <c r="AR4434" s="137"/>
      <c r="AS4434" s="137"/>
      <c r="AT4434" s="137"/>
      <c r="AU4434" s="137"/>
      <c r="AV4434" s="137"/>
      <c r="AW4434" s="144"/>
    </row>
    <row r="4435" spans="7:49" x14ac:dyDescent="0.2">
      <c r="G4435" s="43"/>
      <c r="Z4435" s="143"/>
      <c r="AA4435" s="137"/>
      <c r="AB4435" s="137"/>
      <c r="AC4435" s="137"/>
      <c r="AD4435" s="137"/>
      <c r="AE4435" s="137"/>
      <c r="AF4435" s="137"/>
      <c r="AG4435" s="137"/>
      <c r="AH4435" s="137"/>
      <c r="AI4435" s="137"/>
      <c r="AJ4435" s="137"/>
      <c r="AK4435" s="137"/>
      <c r="AL4435" s="137"/>
      <c r="AM4435" s="137"/>
      <c r="AN4435" s="137"/>
      <c r="AO4435" s="137"/>
      <c r="AP4435" s="137"/>
      <c r="AQ4435" s="137"/>
      <c r="AR4435" s="137"/>
      <c r="AS4435" s="137"/>
      <c r="AT4435" s="137"/>
      <c r="AU4435" s="137"/>
      <c r="AV4435" s="137"/>
      <c r="AW4435" s="144"/>
    </row>
    <row r="4436" spans="7:49" x14ac:dyDescent="0.2">
      <c r="G4436" s="43"/>
      <c r="Z4436" s="143"/>
      <c r="AA4436" s="137"/>
      <c r="AB4436" s="137"/>
      <c r="AC4436" s="137"/>
      <c r="AD4436" s="137"/>
      <c r="AE4436" s="137"/>
      <c r="AF4436" s="137"/>
      <c r="AG4436" s="137"/>
      <c r="AH4436" s="137"/>
      <c r="AI4436" s="137"/>
      <c r="AJ4436" s="137"/>
      <c r="AK4436" s="137"/>
      <c r="AL4436" s="137"/>
      <c r="AM4436" s="137"/>
      <c r="AN4436" s="137"/>
      <c r="AO4436" s="137"/>
      <c r="AP4436" s="137"/>
      <c r="AQ4436" s="137"/>
      <c r="AR4436" s="137"/>
      <c r="AS4436" s="137"/>
      <c r="AT4436" s="137"/>
      <c r="AU4436" s="137"/>
      <c r="AV4436" s="137"/>
      <c r="AW4436" s="144"/>
    </row>
    <row r="4437" spans="7:49" x14ac:dyDescent="0.2">
      <c r="G4437" s="43"/>
      <c r="Z4437" s="143"/>
      <c r="AA4437" s="137"/>
      <c r="AB4437" s="137"/>
      <c r="AC4437" s="137"/>
      <c r="AD4437" s="137"/>
      <c r="AE4437" s="137"/>
      <c r="AF4437" s="137"/>
      <c r="AG4437" s="137"/>
      <c r="AH4437" s="137"/>
      <c r="AI4437" s="137"/>
      <c r="AJ4437" s="137"/>
      <c r="AK4437" s="137"/>
      <c r="AL4437" s="137"/>
      <c r="AM4437" s="137"/>
      <c r="AN4437" s="137"/>
      <c r="AO4437" s="137"/>
      <c r="AP4437" s="137"/>
      <c r="AQ4437" s="137"/>
      <c r="AR4437" s="137"/>
      <c r="AS4437" s="137"/>
      <c r="AT4437" s="137"/>
      <c r="AU4437" s="137"/>
      <c r="AV4437" s="137"/>
      <c r="AW4437" s="144"/>
    </row>
    <row r="4438" spans="7:49" x14ac:dyDescent="0.2">
      <c r="G4438" s="43"/>
      <c r="Z4438" s="143"/>
      <c r="AA4438" s="137"/>
      <c r="AB4438" s="137"/>
      <c r="AC4438" s="137"/>
      <c r="AD4438" s="137"/>
      <c r="AE4438" s="137"/>
      <c r="AF4438" s="137"/>
      <c r="AG4438" s="137"/>
      <c r="AH4438" s="137"/>
      <c r="AI4438" s="137"/>
      <c r="AJ4438" s="137"/>
      <c r="AK4438" s="137"/>
      <c r="AL4438" s="137"/>
      <c r="AM4438" s="137"/>
      <c r="AN4438" s="137"/>
      <c r="AO4438" s="137"/>
      <c r="AP4438" s="137"/>
      <c r="AQ4438" s="137"/>
      <c r="AR4438" s="137"/>
      <c r="AS4438" s="137"/>
      <c r="AT4438" s="137"/>
      <c r="AU4438" s="137"/>
      <c r="AV4438" s="137"/>
      <c r="AW4438" s="144"/>
    </row>
    <row r="4439" spans="7:49" x14ac:dyDescent="0.2">
      <c r="G4439" s="43"/>
      <c r="Z4439" s="143"/>
      <c r="AA4439" s="137"/>
      <c r="AB4439" s="137"/>
      <c r="AC4439" s="137"/>
      <c r="AD4439" s="137"/>
      <c r="AE4439" s="137"/>
      <c r="AF4439" s="137"/>
      <c r="AG4439" s="137"/>
      <c r="AH4439" s="137"/>
      <c r="AI4439" s="137"/>
      <c r="AJ4439" s="137"/>
      <c r="AK4439" s="137"/>
      <c r="AL4439" s="137"/>
      <c r="AM4439" s="137"/>
      <c r="AN4439" s="137"/>
      <c r="AO4439" s="137"/>
      <c r="AP4439" s="137"/>
      <c r="AQ4439" s="137"/>
      <c r="AR4439" s="137"/>
      <c r="AS4439" s="137"/>
      <c r="AT4439" s="137"/>
      <c r="AU4439" s="137"/>
      <c r="AV4439" s="137"/>
      <c r="AW4439" s="144"/>
    </row>
    <row r="4440" spans="7:49" x14ac:dyDescent="0.2">
      <c r="G4440" s="43"/>
      <c r="Z4440" s="143"/>
      <c r="AA4440" s="137"/>
      <c r="AB4440" s="137"/>
      <c r="AC4440" s="137"/>
      <c r="AD4440" s="137"/>
      <c r="AE4440" s="137"/>
      <c r="AF4440" s="137"/>
      <c r="AG4440" s="137"/>
      <c r="AH4440" s="137"/>
      <c r="AI4440" s="137"/>
      <c r="AJ4440" s="137"/>
      <c r="AK4440" s="137"/>
      <c r="AL4440" s="137"/>
      <c r="AM4440" s="137"/>
      <c r="AN4440" s="137"/>
      <c r="AO4440" s="137"/>
      <c r="AP4440" s="137"/>
      <c r="AQ4440" s="137"/>
      <c r="AR4440" s="137"/>
      <c r="AS4440" s="137"/>
      <c r="AT4440" s="137"/>
      <c r="AU4440" s="137"/>
      <c r="AV4440" s="137"/>
      <c r="AW4440" s="144"/>
    </row>
    <row r="4441" spans="7:49" x14ac:dyDescent="0.2">
      <c r="G4441" s="43"/>
      <c r="Z4441" s="143"/>
      <c r="AA4441" s="137"/>
      <c r="AB4441" s="137"/>
      <c r="AC4441" s="137"/>
      <c r="AD4441" s="137"/>
      <c r="AE4441" s="137"/>
      <c r="AF4441" s="137"/>
      <c r="AG4441" s="137"/>
      <c r="AH4441" s="137"/>
      <c r="AI4441" s="137"/>
      <c r="AJ4441" s="137"/>
      <c r="AK4441" s="137"/>
      <c r="AL4441" s="137"/>
      <c r="AM4441" s="137"/>
      <c r="AN4441" s="137"/>
      <c r="AO4441" s="137"/>
      <c r="AP4441" s="137"/>
      <c r="AQ4441" s="137"/>
      <c r="AR4441" s="137"/>
      <c r="AS4441" s="137"/>
      <c r="AT4441" s="137"/>
      <c r="AU4441" s="137"/>
      <c r="AV4441" s="137"/>
      <c r="AW4441" s="144"/>
    </row>
    <row r="4442" spans="7:49" x14ac:dyDescent="0.2">
      <c r="G4442" s="43"/>
      <c r="Z4442" s="143"/>
      <c r="AA4442" s="137"/>
      <c r="AB4442" s="137"/>
      <c r="AC4442" s="137"/>
      <c r="AD4442" s="137"/>
      <c r="AE4442" s="137"/>
      <c r="AF4442" s="137"/>
      <c r="AG4442" s="137"/>
      <c r="AH4442" s="137"/>
      <c r="AI4442" s="137"/>
      <c r="AJ4442" s="137"/>
      <c r="AK4442" s="137"/>
      <c r="AL4442" s="137"/>
      <c r="AM4442" s="137"/>
      <c r="AN4442" s="137"/>
      <c r="AO4442" s="137"/>
      <c r="AP4442" s="137"/>
      <c r="AQ4442" s="137"/>
      <c r="AR4442" s="137"/>
      <c r="AS4442" s="137"/>
      <c r="AT4442" s="137"/>
      <c r="AU4442" s="137"/>
      <c r="AV4442" s="137"/>
      <c r="AW4442" s="144"/>
    </row>
    <row r="4443" spans="7:49" x14ac:dyDescent="0.2">
      <c r="G4443" s="43"/>
      <c r="Z4443" s="143"/>
      <c r="AA4443" s="137"/>
      <c r="AB4443" s="137"/>
      <c r="AC4443" s="137"/>
      <c r="AD4443" s="137"/>
      <c r="AE4443" s="137"/>
      <c r="AF4443" s="137"/>
      <c r="AG4443" s="137"/>
      <c r="AH4443" s="137"/>
      <c r="AI4443" s="137"/>
      <c r="AJ4443" s="137"/>
      <c r="AK4443" s="137"/>
      <c r="AL4443" s="137"/>
      <c r="AM4443" s="137"/>
      <c r="AN4443" s="137"/>
      <c r="AO4443" s="137"/>
      <c r="AP4443" s="137"/>
      <c r="AQ4443" s="137"/>
      <c r="AR4443" s="137"/>
      <c r="AS4443" s="137"/>
      <c r="AT4443" s="137"/>
      <c r="AU4443" s="137"/>
      <c r="AV4443" s="137"/>
      <c r="AW4443" s="144"/>
    </row>
    <row r="4444" spans="7:49" x14ac:dyDescent="0.2">
      <c r="G4444" s="43"/>
      <c r="Z4444" s="143"/>
      <c r="AA4444" s="137"/>
      <c r="AB4444" s="137"/>
      <c r="AC4444" s="137"/>
      <c r="AD4444" s="137"/>
      <c r="AE4444" s="137"/>
      <c r="AF4444" s="137"/>
      <c r="AG4444" s="137"/>
      <c r="AH4444" s="137"/>
      <c r="AI4444" s="137"/>
      <c r="AJ4444" s="137"/>
      <c r="AK4444" s="137"/>
      <c r="AL4444" s="137"/>
      <c r="AM4444" s="137"/>
      <c r="AN4444" s="137"/>
      <c r="AO4444" s="137"/>
      <c r="AP4444" s="137"/>
      <c r="AQ4444" s="137"/>
      <c r="AR4444" s="137"/>
      <c r="AS4444" s="137"/>
      <c r="AT4444" s="137"/>
      <c r="AU4444" s="137"/>
      <c r="AV4444" s="137"/>
      <c r="AW4444" s="144"/>
    </row>
    <row r="4445" spans="7:49" x14ac:dyDescent="0.2">
      <c r="G4445" s="43"/>
      <c r="Z4445" s="143"/>
      <c r="AA4445" s="137"/>
      <c r="AB4445" s="137"/>
      <c r="AC4445" s="137"/>
      <c r="AD4445" s="137"/>
      <c r="AE4445" s="137"/>
      <c r="AF4445" s="137"/>
      <c r="AG4445" s="137"/>
      <c r="AH4445" s="137"/>
      <c r="AI4445" s="137"/>
      <c r="AJ4445" s="137"/>
      <c r="AK4445" s="137"/>
      <c r="AL4445" s="137"/>
      <c r="AM4445" s="137"/>
      <c r="AN4445" s="137"/>
      <c r="AO4445" s="137"/>
      <c r="AP4445" s="137"/>
      <c r="AQ4445" s="137"/>
      <c r="AR4445" s="137"/>
      <c r="AS4445" s="137"/>
      <c r="AT4445" s="137"/>
      <c r="AU4445" s="137"/>
      <c r="AV4445" s="137"/>
      <c r="AW4445" s="144"/>
    </row>
    <row r="4446" spans="7:49" x14ac:dyDescent="0.2">
      <c r="G4446" s="43"/>
      <c r="Z4446" s="143"/>
      <c r="AA4446" s="137"/>
      <c r="AB4446" s="137"/>
      <c r="AC4446" s="137"/>
      <c r="AD4446" s="137"/>
      <c r="AE4446" s="137"/>
      <c r="AF4446" s="137"/>
      <c r="AG4446" s="137"/>
      <c r="AH4446" s="137"/>
      <c r="AI4446" s="137"/>
      <c r="AJ4446" s="137"/>
      <c r="AK4446" s="137"/>
      <c r="AL4446" s="137"/>
      <c r="AM4446" s="137"/>
      <c r="AN4446" s="137"/>
      <c r="AO4446" s="137"/>
      <c r="AP4446" s="137"/>
      <c r="AQ4446" s="137"/>
      <c r="AR4446" s="137"/>
      <c r="AS4446" s="137"/>
      <c r="AT4446" s="137"/>
      <c r="AU4446" s="137"/>
      <c r="AV4446" s="137"/>
      <c r="AW4446" s="144"/>
    </row>
    <row r="4447" spans="7:49" x14ac:dyDescent="0.2">
      <c r="G4447" s="43"/>
      <c r="Z4447" s="143"/>
      <c r="AA4447" s="137"/>
      <c r="AB4447" s="137"/>
      <c r="AC4447" s="137"/>
      <c r="AD4447" s="137"/>
      <c r="AE4447" s="137"/>
      <c r="AF4447" s="137"/>
      <c r="AG4447" s="137"/>
      <c r="AH4447" s="137"/>
      <c r="AI4447" s="137"/>
      <c r="AJ4447" s="137"/>
      <c r="AK4447" s="137"/>
      <c r="AL4447" s="137"/>
      <c r="AM4447" s="137"/>
      <c r="AN4447" s="137"/>
      <c r="AO4447" s="137"/>
      <c r="AP4447" s="137"/>
      <c r="AQ4447" s="137"/>
      <c r="AR4447" s="137"/>
      <c r="AS4447" s="137"/>
      <c r="AT4447" s="137"/>
      <c r="AU4447" s="137"/>
      <c r="AV4447" s="137"/>
      <c r="AW4447" s="144"/>
    </row>
    <row r="4448" spans="7:49" x14ac:dyDescent="0.2">
      <c r="G4448" s="43"/>
      <c r="Z4448" s="143"/>
      <c r="AA4448" s="137"/>
      <c r="AB4448" s="137"/>
      <c r="AC4448" s="137"/>
      <c r="AD4448" s="137"/>
      <c r="AE4448" s="137"/>
      <c r="AF4448" s="137"/>
      <c r="AG4448" s="137"/>
      <c r="AH4448" s="137"/>
      <c r="AI4448" s="137"/>
      <c r="AJ4448" s="137"/>
      <c r="AK4448" s="137"/>
      <c r="AL4448" s="137"/>
      <c r="AM4448" s="137"/>
      <c r="AN4448" s="137"/>
      <c r="AO4448" s="137"/>
      <c r="AP4448" s="137"/>
      <c r="AQ4448" s="137"/>
      <c r="AR4448" s="137"/>
      <c r="AS4448" s="137"/>
      <c r="AT4448" s="137"/>
      <c r="AU4448" s="137"/>
      <c r="AV4448" s="137"/>
      <c r="AW4448" s="144"/>
    </row>
    <row r="4449" spans="7:49" x14ac:dyDescent="0.2">
      <c r="G4449" s="43"/>
      <c r="Z4449" s="143"/>
      <c r="AA4449" s="137"/>
      <c r="AB4449" s="137"/>
      <c r="AC4449" s="137"/>
      <c r="AD4449" s="137"/>
      <c r="AE4449" s="137"/>
      <c r="AF4449" s="137"/>
      <c r="AG4449" s="137"/>
      <c r="AH4449" s="137"/>
      <c r="AI4449" s="137"/>
      <c r="AJ4449" s="137"/>
      <c r="AK4449" s="137"/>
      <c r="AL4449" s="137"/>
      <c r="AM4449" s="137"/>
      <c r="AN4449" s="137"/>
      <c r="AO4449" s="137"/>
      <c r="AP4449" s="137"/>
      <c r="AQ4449" s="137"/>
      <c r="AR4449" s="137"/>
      <c r="AS4449" s="137"/>
      <c r="AT4449" s="137"/>
      <c r="AU4449" s="137"/>
      <c r="AV4449" s="137"/>
      <c r="AW4449" s="144"/>
    </row>
    <row r="4450" spans="7:49" x14ac:dyDescent="0.2">
      <c r="G4450" s="43"/>
      <c r="Z4450" s="143"/>
      <c r="AA4450" s="137"/>
      <c r="AB4450" s="137"/>
      <c r="AC4450" s="137"/>
      <c r="AD4450" s="137"/>
      <c r="AE4450" s="137"/>
      <c r="AF4450" s="137"/>
      <c r="AG4450" s="137"/>
      <c r="AH4450" s="137"/>
      <c r="AI4450" s="137"/>
      <c r="AJ4450" s="137"/>
      <c r="AK4450" s="137"/>
      <c r="AL4450" s="137"/>
      <c r="AM4450" s="137"/>
      <c r="AN4450" s="137"/>
      <c r="AO4450" s="137"/>
      <c r="AP4450" s="137"/>
      <c r="AQ4450" s="137"/>
      <c r="AR4450" s="137"/>
      <c r="AS4450" s="137"/>
      <c r="AT4450" s="137"/>
      <c r="AU4450" s="137"/>
      <c r="AV4450" s="137"/>
      <c r="AW4450" s="144"/>
    </row>
    <row r="4451" spans="7:49" x14ac:dyDescent="0.2">
      <c r="G4451" s="43"/>
      <c r="Z4451" s="143"/>
      <c r="AA4451" s="137"/>
      <c r="AB4451" s="137"/>
      <c r="AC4451" s="137"/>
      <c r="AD4451" s="137"/>
      <c r="AE4451" s="137"/>
      <c r="AF4451" s="137"/>
      <c r="AG4451" s="137"/>
      <c r="AH4451" s="137"/>
      <c r="AI4451" s="137"/>
      <c r="AJ4451" s="137"/>
      <c r="AK4451" s="137"/>
      <c r="AL4451" s="137"/>
      <c r="AM4451" s="137"/>
      <c r="AN4451" s="137"/>
      <c r="AO4451" s="137"/>
      <c r="AP4451" s="137"/>
      <c r="AQ4451" s="137"/>
      <c r="AR4451" s="137"/>
      <c r="AS4451" s="137"/>
      <c r="AT4451" s="137"/>
      <c r="AU4451" s="137"/>
      <c r="AV4451" s="137"/>
      <c r="AW4451" s="144"/>
    </row>
    <row r="4452" spans="7:49" x14ac:dyDescent="0.2">
      <c r="G4452" s="43"/>
      <c r="Z4452" s="143"/>
      <c r="AA4452" s="137"/>
      <c r="AB4452" s="137"/>
      <c r="AC4452" s="137"/>
      <c r="AD4452" s="137"/>
      <c r="AE4452" s="137"/>
      <c r="AF4452" s="137"/>
      <c r="AG4452" s="137"/>
      <c r="AH4452" s="137"/>
      <c r="AI4452" s="137"/>
      <c r="AJ4452" s="137"/>
      <c r="AK4452" s="137"/>
      <c r="AL4452" s="137"/>
      <c r="AM4452" s="137"/>
      <c r="AN4452" s="137"/>
      <c r="AO4452" s="137"/>
      <c r="AP4452" s="137"/>
      <c r="AQ4452" s="137"/>
      <c r="AR4452" s="137"/>
      <c r="AS4452" s="137"/>
      <c r="AT4452" s="137"/>
      <c r="AU4452" s="137"/>
      <c r="AV4452" s="137"/>
      <c r="AW4452" s="144"/>
    </row>
    <row r="4453" spans="7:49" x14ac:dyDescent="0.2">
      <c r="G4453" s="43"/>
      <c r="Z4453" s="143"/>
      <c r="AA4453" s="137"/>
      <c r="AB4453" s="137"/>
      <c r="AC4453" s="137"/>
      <c r="AD4453" s="137"/>
      <c r="AE4453" s="137"/>
      <c r="AF4453" s="137"/>
      <c r="AG4453" s="137"/>
      <c r="AH4453" s="137"/>
      <c r="AI4453" s="137"/>
      <c r="AJ4453" s="137"/>
      <c r="AK4453" s="137"/>
      <c r="AL4453" s="137"/>
      <c r="AM4453" s="137"/>
      <c r="AN4453" s="137"/>
      <c r="AO4453" s="137"/>
      <c r="AP4453" s="137"/>
      <c r="AQ4453" s="137"/>
      <c r="AR4453" s="137"/>
      <c r="AS4453" s="137"/>
      <c r="AT4453" s="137"/>
      <c r="AU4453" s="137"/>
      <c r="AV4453" s="137"/>
      <c r="AW4453" s="144"/>
    </row>
    <row r="4454" spans="7:49" x14ac:dyDescent="0.2">
      <c r="G4454" s="43"/>
      <c r="Z4454" s="143"/>
      <c r="AA4454" s="137"/>
      <c r="AB4454" s="137"/>
      <c r="AC4454" s="137"/>
      <c r="AD4454" s="137"/>
      <c r="AE4454" s="137"/>
      <c r="AF4454" s="137"/>
      <c r="AG4454" s="137"/>
      <c r="AH4454" s="137"/>
      <c r="AI4454" s="137"/>
      <c r="AJ4454" s="137"/>
      <c r="AK4454" s="137"/>
      <c r="AL4454" s="137"/>
      <c r="AM4454" s="137"/>
      <c r="AN4454" s="137"/>
      <c r="AO4454" s="137"/>
      <c r="AP4454" s="137"/>
      <c r="AQ4454" s="137"/>
      <c r="AR4454" s="137"/>
      <c r="AS4454" s="137"/>
      <c r="AT4454" s="137"/>
      <c r="AU4454" s="137"/>
      <c r="AV4454" s="137"/>
      <c r="AW4454" s="144"/>
    </row>
    <row r="4455" spans="7:49" x14ac:dyDescent="0.2">
      <c r="G4455" s="43"/>
      <c r="Z4455" s="143"/>
      <c r="AA4455" s="137"/>
      <c r="AB4455" s="137"/>
      <c r="AC4455" s="137"/>
      <c r="AD4455" s="137"/>
      <c r="AE4455" s="137"/>
      <c r="AF4455" s="137"/>
      <c r="AG4455" s="137"/>
      <c r="AH4455" s="137"/>
      <c r="AI4455" s="137"/>
      <c r="AJ4455" s="137"/>
      <c r="AK4455" s="137"/>
      <c r="AL4455" s="137"/>
      <c r="AM4455" s="137"/>
      <c r="AN4455" s="137"/>
      <c r="AO4455" s="137"/>
      <c r="AP4455" s="137"/>
      <c r="AQ4455" s="137"/>
      <c r="AR4455" s="137"/>
      <c r="AS4455" s="137"/>
      <c r="AT4455" s="137"/>
      <c r="AU4455" s="137"/>
      <c r="AV4455" s="137"/>
      <c r="AW4455" s="144"/>
    </row>
    <row r="4456" spans="7:49" x14ac:dyDescent="0.2">
      <c r="G4456" s="43"/>
      <c r="Z4456" s="143"/>
      <c r="AA4456" s="137"/>
      <c r="AB4456" s="137"/>
      <c r="AC4456" s="137"/>
      <c r="AD4456" s="137"/>
      <c r="AE4456" s="137"/>
      <c r="AF4456" s="137"/>
      <c r="AG4456" s="137"/>
      <c r="AH4456" s="137"/>
      <c r="AI4456" s="137"/>
      <c r="AJ4456" s="137"/>
      <c r="AK4456" s="137"/>
      <c r="AL4456" s="137"/>
      <c r="AM4456" s="137"/>
      <c r="AN4456" s="137"/>
      <c r="AO4456" s="137"/>
      <c r="AP4456" s="137"/>
      <c r="AQ4456" s="137"/>
      <c r="AR4456" s="137"/>
      <c r="AS4456" s="137"/>
      <c r="AT4456" s="137"/>
      <c r="AU4456" s="137"/>
      <c r="AV4456" s="137"/>
      <c r="AW4456" s="144"/>
    </row>
    <row r="4457" spans="7:49" x14ac:dyDescent="0.2">
      <c r="G4457" s="43"/>
      <c r="Z4457" s="143"/>
      <c r="AA4457" s="137"/>
      <c r="AB4457" s="137"/>
      <c r="AC4457" s="137"/>
      <c r="AD4457" s="137"/>
      <c r="AE4457" s="137"/>
      <c r="AF4457" s="137"/>
      <c r="AG4457" s="137"/>
      <c r="AH4457" s="137"/>
      <c r="AI4457" s="137"/>
      <c r="AJ4457" s="137"/>
      <c r="AK4457" s="137"/>
      <c r="AL4457" s="137"/>
      <c r="AM4457" s="137"/>
      <c r="AN4457" s="137"/>
      <c r="AO4457" s="137"/>
      <c r="AP4457" s="137"/>
      <c r="AQ4457" s="137"/>
      <c r="AR4457" s="137"/>
      <c r="AS4457" s="137"/>
      <c r="AT4457" s="137"/>
      <c r="AU4457" s="137"/>
      <c r="AV4457" s="137"/>
      <c r="AW4457" s="144"/>
    </row>
    <row r="4458" spans="7:49" x14ac:dyDescent="0.2">
      <c r="G4458" s="43"/>
      <c r="Z4458" s="143"/>
      <c r="AA4458" s="137"/>
      <c r="AB4458" s="137"/>
      <c r="AC4458" s="137"/>
      <c r="AD4458" s="137"/>
      <c r="AE4458" s="137"/>
      <c r="AF4458" s="137"/>
      <c r="AG4458" s="137"/>
      <c r="AH4458" s="137"/>
      <c r="AI4458" s="137"/>
      <c r="AJ4458" s="137"/>
      <c r="AK4458" s="137"/>
      <c r="AL4458" s="137"/>
      <c r="AM4458" s="137"/>
      <c r="AN4458" s="137"/>
      <c r="AO4458" s="137"/>
      <c r="AP4458" s="137"/>
      <c r="AQ4458" s="137"/>
      <c r="AR4458" s="137"/>
      <c r="AS4458" s="137"/>
      <c r="AT4458" s="137"/>
      <c r="AU4458" s="137"/>
      <c r="AV4458" s="137"/>
      <c r="AW4458" s="144"/>
    </row>
    <row r="4459" spans="7:49" x14ac:dyDescent="0.2">
      <c r="G4459" s="43"/>
      <c r="Z4459" s="143"/>
      <c r="AA4459" s="137"/>
      <c r="AB4459" s="137"/>
      <c r="AC4459" s="137"/>
      <c r="AD4459" s="137"/>
      <c r="AE4459" s="137"/>
      <c r="AF4459" s="137"/>
      <c r="AG4459" s="137"/>
      <c r="AH4459" s="137"/>
      <c r="AI4459" s="137"/>
      <c r="AJ4459" s="137"/>
      <c r="AK4459" s="137"/>
      <c r="AL4459" s="137"/>
      <c r="AM4459" s="137"/>
      <c r="AN4459" s="137"/>
      <c r="AO4459" s="137"/>
      <c r="AP4459" s="137"/>
      <c r="AQ4459" s="137"/>
      <c r="AR4459" s="137"/>
      <c r="AS4459" s="137"/>
      <c r="AT4459" s="137"/>
      <c r="AU4459" s="137"/>
      <c r="AV4459" s="137"/>
      <c r="AW4459" s="144"/>
    </row>
    <row r="4460" spans="7:49" x14ac:dyDescent="0.2">
      <c r="G4460" s="43"/>
      <c r="Z4460" s="143"/>
      <c r="AA4460" s="137"/>
      <c r="AB4460" s="137"/>
      <c r="AC4460" s="137"/>
      <c r="AD4460" s="137"/>
      <c r="AE4460" s="137"/>
      <c r="AF4460" s="137"/>
      <c r="AG4460" s="137"/>
      <c r="AH4460" s="137"/>
      <c r="AI4460" s="137"/>
      <c r="AJ4460" s="137"/>
      <c r="AK4460" s="137"/>
      <c r="AL4460" s="137"/>
      <c r="AM4460" s="137"/>
      <c r="AN4460" s="137"/>
      <c r="AO4460" s="137"/>
      <c r="AP4460" s="137"/>
      <c r="AQ4460" s="137"/>
      <c r="AR4460" s="137"/>
      <c r="AS4460" s="137"/>
      <c r="AT4460" s="137"/>
      <c r="AU4460" s="137"/>
      <c r="AV4460" s="137"/>
      <c r="AW4460" s="144"/>
    </row>
    <row r="4461" spans="7:49" x14ac:dyDescent="0.2">
      <c r="G4461" s="43"/>
      <c r="Z4461" s="143"/>
      <c r="AA4461" s="137"/>
      <c r="AB4461" s="137"/>
      <c r="AC4461" s="137"/>
      <c r="AD4461" s="137"/>
      <c r="AE4461" s="137"/>
      <c r="AF4461" s="137"/>
      <c r="AG4461" s="137"/>
      <c r="AH4461" s="137"/>
      <c r="AI4461" s="137"/>
      <c r="AJ4461" s="137"/>
      <c r="AK4461" s="137"/>
      <c r="AL4461" s="137"/>
      <c r="AM4461" s="137"/>
      <c r="AN4461" s="137"/>
      <c r="AO4461" s="137"/>
      <c r="AP4461" s="137"/>
      <c r="AQ4461" s="137"/>
      <c r="AR4461" s="137"/>
      <c r="AS4461" s="137"/>
      <c r="AT4461" s="137"/>
      <c r="AU4461" s="137"/>
      <c r="AV4461" s="137"/>
      <c r="AW4461" s="144"/>
    </row>
    <row r="4462" spans="7:49" x14ac:dyDescent="0.2">
      <c r="G4462" s="43"/>
      <c r="Z4462" s="143"/>
      <c r="AA4462" s="137"/>
      <c r="AB4462" s="137"/>
      <c r="AC4462" s="137"/>
      <c r="AD4462" s="137"/>
      <c r="AE4462" s="137"/>
      <c r="AF4462" s="137"/>
      <c r="AG4462" s="137"/>
      <c r="AH4462" s="137"/>
      <c r="AI4462" s="137"/>
      <c r="AJ4462" s="137"/>
      <c r="AK4462" s="137"/>
      <c r="AL4462" s="137"/>
      <c r="AM4462" s="137"/>
      <c r="AN4462" s="137"/>
      <c r="AO4462" s="137"/>
      <c r="AP4462" s="137"/>
      <c r="AQ4462" s="137"/>
      <c r="AR4462" s="137"/>
      <c r="AS4462" s="137"/>
      <c r="AT4462" s="137"/>
      <c r="AU4462" s="137"/>
      <c r="AV4462" s="137"/>
      <c r="AW4462" s="144"/>
    </row>
    <row r="4463" spans="7:49" x14ac:dyDescent="0.2">
      <c r="G4463" s="43"/>
      <c r="Z4463" s="143"/>
      <c r="AA4463" s="137"/>
      <c r="AB4463" s="137"/>
      <c r="AC4463" s="137"/>
      <c r="AD4463" s="137"/>
      <c r="AE4463" s="137"/>
      <c r="AF4463" s="137"/>
      <c r="AG4463" s="137"/>
      <c r="AH4463" s="137"/>
      <c r="AI4463" s="137"/>
      <c r="AJ4463" s="137"/>
      <c r="AK4463" s="137"/>
      <c r="AL4463" s="137"/>
      <c r="AM4463" s="137"/>
      <c r="AN4463" s="137"/>
      <c r="AO4463" s="137"/>
      <c r="AP4463" s="137"/>
      <c r="AQ4463" s="137"/>
      <c r="AR4463" s="137"/>
      <c r="AS4463" s="137"/>
      <c r="AT4463" s="137"/>
      <c r="AU4463" s="137"/>
      <c r="AV4463" s="137"/>
      <c r="AW4463" s="144"/>
    </row>
    <row r="4464" spans="7:49" x14ac:dyDescent="0.2">
      <c r="G4464" s="43"/>
      <c r="Z4464" s="143"/>
      <c r="AA4464" s="137"/>
      <c r="AB4464" s="137"/>
      <c r="AC4464" s="137"/>
      <c r="AD4464" s="137"/>
      <c r="AE4464" s="137"/>
      <c r="AF4464" s="137"/>
      <c r="AG4464" s="137"/>
      <c r="AH4464" s="137"/>
      <c r="AI4464" s="137"/>
      <c r="AJ4464" s="137"/>
      <c r="AK4464" s="137"/>
      <c r="AL4464" s="137"/>
      <c r="AM4464" s="137"/>
      <c r="AN4464" s="137"/>
      <c r="AO4464" s="137"/>
      <c r="AP4464" s="137"/>
      <c r="AQ4464" s="137"/>
      <c r="AR4464" s="137"/>
      <c r="AS4464" s="137"/>
      <c r="AT4464" s="137"/>
      <c r="AU4464" s="137"/>
      <c r="AV4464" s="137"/>
      <c r="AW4464" s="144"/>
    </row>
    <row r="4465" spans="7:49" x14ac:dyDescent="0.2">
      <c r="G4465" s="43"/>
      <c r="Z4465" s="143"/>
      <c r="AA4465" s="137"/>
      <c r="AB4465" s="137"/>
      <c r="AC4465" s="137"/>
      <c r="AD4465" s="137"/>
      <c r="AE4465" s="137"/>
      <c r="AF4465" s="137"/>
      <c r="AG4465" s="137"/>
      <c r="AH4465" s="137"/>
      <c r="AI4465" s="137"/>
      <c r="AJ4465" s="137"/>
      <c r="AK4465" s="137"/>
      <c r="AL4465" s="137"/>
      <c r="AM4465" s="137"/>
      <c r="AN4465" s="137"/>
      <c r="AO4465" s="137"/>
      <c r="AP4465" s="137"/>
      <c r="AQ4465" s="137"/>
      <c r="AR4465" s="137"/>
      <c r="AS4465" s="137"/>
      <c r="AT4465" s="137"/>
      <c r="AU4465" s="137"/>
      <c r="AV4465" s="137"/>
      <c r="AW4465" s="144"/>
    </row>
    <row r="4466" spans="7:49" x14ac:dyDescent="0.2">
      <c r="G4466" s="43"/>
      <c r="Z4466" s="143"/>
      <c r="AA4466" s="137"/>
      <c r="AB4466" s="137"/>
      <c r="AC4466" s="137"/>
      <c r="AD4466" s="137"/>
      <c r="AE4466" s="137"/>
      <c r="AF4466" s="137"/>
      <c r="AG4466" s="137"/>
      <c r="AH4466" s="137"/>
      <c r="AI4466" s="137"/>
      <c r="AJ4466" s="137"/>
      <c r="AK4466" s="137"/>
      <c r="AL4466" s="137"/>
      <c r="AM4466" s="137"/>
      <c r="AN4466" s="137"/>
      <c r="AO4466" s="137"/>
      <c r="AP4466" s="137"/>
      <c r="AQ4466" s="137"/>
      <c r="AR4466" s="137"/>
      <c r="AS4466" s="137"/>
      <c r="AT4466" s="137"/>
      <c r="AU4466" s="137"/>
      <c r="AV4466" s="137"/>
      <c r="AW4466" s="144"/>
    </row>
    <row r="4467" spans="7:49" x14ac:dyDescent="0.2">
      <c r="G4467" s="43"/>
      <c r="Z4467" s="143"/>
      <c r="AA4467" s="137"/>
      <c r="AB4467" s="137"/>
      <c r="AC4467" s="137"/>
      <c r="AD4467" s="137"/>
      <c r="AE4467" s="137"/>
      <c r="AF4467" s="137"/>
      <c r="AG4467" s="137"/>
      <c r="AH4467" s="137"/>
      <c r="AI4467" s="137"/>
      <c r="AJ4467" s="137"/>
      <c r="AK4467" s="137"/>
      <c r="AL4467" s="137"/>
      <c r="AM4467" s="137"/>
      <c r="AN4467" s="137"/>
      <c r="AO4467" s="137"/>
      <c r="AP4467" s="137"/>
      <c r="AQ4467" s="137"/>
      <c r="AR4467" s="137"/>
      <c r="AS4467" s="137"/>
      <c r="AT4467" s="137"/>
      <c r="AU4467" s="137"/>
      <c r="AV4467" s="137"/>
      <c r="AW4467" s="144"/>
    </row>
    <row r="4468" spans="7:49" x14ac:dyDescent="0.2">
      <c r="G4468" s="43"/>
      <c r="Z4468" s="143"/>
      <c r="AA4468" s="137"/>
      <c r="AB4468" s="137"/>
      <c r="AC4468" s="137"/>
      <c r="AD4468" s="137"/>
      <c r="AE4468" s="137"/>
      <c r="AF4468" s="137"/>
      <c r="AG4468" s="137"/>
      <c r="AH4468" s="137"/>
      <c r="AI4468" s="137"/>
      <c r="AJ4468" s="137"/>
      <c r="AK4468" s="137"/>
      <c r="AL4468" s="137"/>
      <c r="AM4468" s="137"/>
      <c r="AN4468" s="137"/>
      <c r="AO4468" s="137"/>
      <c r="AP4468" s="137"/>
      <c r="AQ4468" s="137"/>
      <c r="AR4468" s="137"/>
      <c r="AS4468" s="137"/>
      <c r="AT4468" s="137"/>
      <c r="AU4468" s="137"/>
      <c r="AV4468" s="137"/>
      <c r="AW4468" s="144"/>
    </row>
    <row r="4469" spans="7:49" x14ac:dyDescent="0.2">
      <c r="G4469" s="43"/>
      <c r="Z4469" s="143"/>
      <c r="AA4469" s="137"/>
      <c r="AB4469" s="137"/>
      <c r="AC4469" s="137"/>
      <c r="AD4469" s="137"/>
      <c r="AE4469" s="137"/>
      <c r="AF4469" s="137"/>
      <c r="AG4469" s="137"/>
      <c r="AH4469" s="137"/>
      <c r="AI4469" s="137"/>
      <c r="AJ4469" s="137"/>
      <c r="AK4469" s="137"/>
      <c r="AL4469" s="137"/>
      <c r="AM4469" s="137"/>
      <c r="AN4469" s="137"/>
      <c r="AO4469" s="137"/>
      <c r="AP4469" s="137"/>
      <c r="AQ4469" s="137"/>
      <c r="AR4469" s="137"/>
      <c r="AS4469" s="137"/>
      <c r="AT4469" s="137"/>
      <c r="AU4469" s="137"/>
      <c r="AV4469" s="137"/>
      <c r="AW4469" s="144"/>
    </row>
    <row r="4470" spans="7:49" x14ac:dyDescent="0.2">
      <c r="G4470" s="43"/>
      <c r="Z4470" s="143"/>
      <c r="AA4470" s="137"/>
      <c r="AB4470" s="137"/>
      <c r="AC4470" s="137"/>
      <c r="AD4470" s="137"/>
      <c r="AE4470" s="137"/>
      <c r="AF4470" s="137"/>
      <c r="AG4470" s="137"/>
      <c r="AH4470" s="137"/>
      <c r="AI4470" s="137"/>
      <c r="AJ4470" s="137"/>
      <c r="AK4470" s="137"/>
      <c r="AL4470" s="137"/>
      <c r="AM4470" s="137"/>
      <c r="AN4470" s="137"/>
      <c r="AO4470" s="137"/>
      <c r="AP4470" s="137"/>
      <c r="AQ4470" s="137"/>
      <c r="AR4470" s="137"/>
      <c r="AS4470" s="137"/>
      <c r="AT4470" s="137"/>
      <c r="AU4470" s="137"/>
      <c r="AV4470" s="137"/>
      <c r="AW4470" s="144"/>
    </row>
    <row r="4471" spans="7:49" x14ac:dyDescent="0.2">
      <c r="G4471" s="43"/>
      <c r="Z4471" s="143"/>
      <c r="AA4471" s="137"/>
      <c r="AB4471" s="137"/>
      <c r="AC4471" s="137"/>
      <c r="AD4471" s="137"/>
      <c r="AE4471" s="137"/>
      <c r="AF4471" s="137"/>
      <c r="AG4471" s="137"/>
      <c r="AH4471" s="137"/>
      <c r="AI4471" s="137"/>
      <c r="AJ4471" s="137"/>
      <c r="AK4471" s="137"/>
      <c r="AL4471" s="137"/>
      <c r="AM4471" s="137"/>
      <c r="AN4471" s="137"/>
      <c r="AO4471" s="137"/>
      <c r="AP4471" s="137"/>
      <c r="AQ4471" s="137"/>
      <c r="AR4471" s="137"/>
      <c r="AS4471" s="137"/>
      <c r="AT4471" s="137"/>
      <c r="AU4471" s="137"/>
      <c r="AV4471" s="137"/>
      <c r="AW4471" s="144"/>
    </row>
    <row r="4472" spans="7:49" x14ac:dyDescent="0.2">
      <c r="G4472" s="43"/>
      <c r="Z4472" s="143"/>
      <c r="AA4472" s="137"/>
      <c r="AB4472" s="137"/>
      <c r="AC4472" s="137"/>
      <c r="AD4472" s="137"/>
      <c r="AE4472" s="137"/>
      <c r="AF4472" s="137"/>
      <c r="AG4472" s="137"/>
      <c r="AH4472" s="137"/>
      <c r="AI4472" s="137"/>
      <c r="AJ4472" s="137"/>
      <c r="AK4472" s="137"/>
      <c r="AL4472" s="137"/>
      <c r="AM4472" s="137"/>
      <c r="AN4472" s="137"/>
      <c r="AO4472" s="137"/>
      <c r="AP4472" s="137"/>
      <c r="AQ4472" s="137"/>
      <c r="AR4472" s="137"/>
      <c r="AS4472" s="137"/>
      <c r="AT4472" s="137"/>
      <c r="AU4472" s="137"/>
      <c r="AV4472" s="137"/>
      <c r="AW4472" s="144"/>
    </row>
    <row r="4473" spans="7:49" x14ac:dyDescent="0.2">
      <c r="G4473" s="43"/>
      <c r="Z4473" s="143"/>
      <c r="AA4473" s="137"/>
      <c r="AB4473" s="137"/>
      <c r="AC4473" s="137"/>
      <c r="AD4473" s="137"/>
      <c r="AE4473" s="137"/>
      <c r="AF4473" s="137"/>
      <c r="AG4473" s="137"/>
      <c r="AH4473" s="137"/>
      <c r="AI4473" s="137"/>
      <c r="AJ4473" s="137"/>
      <c r="AK4473" s="137"/>
      <c r="AL4473" s="137"/>
      <c r="AM4473" s="137"/>
      <c r="AN4473" s="137"/>
      <c r="AO4473" s="137"/>
      <c r="AP4473" s="137"/>
      <c r="AQ4473" s="137"/>
      <c r="AR4473" s="137"/>
      <c r="AS4473" s="137"/>
      <c r="AT4473" s="137"/>
      <c r="AU4473" s="137"/>
      <c r="AV4473" s="137"/>
      <c r="AW4473" s="144"/>
    </row>
    <row r="4474" spans="7:49" x14ac:dyDescent="0.2">
      <c r="G4474" s="43"/>
      <c r="Z4474" s="143"/>
      <c r="AA4474" s="137"/>
      <c r="AB4474" s="137"/>
      <c r="AC4474" s="137"/>
      <c r="AD4474" s="137"/>
      <c r="AE4474" s="137"/>
      <c r="AF4474" s="137"/>
      <c r="AG4474" s="137"/>
      <c r="AH4474" s="137"/>
      <c r="AI4474" s="137"/>
      <c r="AJ4474" s="137"/>
      <c r="AK4474" s="137"/>
      <c r="AL4474" s="137"/>
      <c r="AM4474" s="137"/>
      <c r="AN4474" s="137"/>
      <c r="AO4474" s="137"/>
      <c r="AP4474" s="137"/>
      <c r="AQ4474" s="137"/>
      <c r="AR4474" s="137"/>
      <c r="AS4474" s="137"/>
      <c r="AT4474" s="137"/>
      <c r="AU4474" s="137"/>
      <c r="AV4474" s="137"/>
      <c r="AW4474" s="144"/>
    </row>
    <row r="4475" spans="7:49" x14ac:dyDescent="0.2">
      <c r="G4475" s="43"/>
      <c r="Z4475" s="143"/>
      <c r="AA4475" s="137"/>
      <c r="AB4475" s="137"/>
      <c r="AC4475" s="137"/>
      <c r="AD4475" s="137"/>
      <c r="AE4475" s="137"/>
      <c r="AF4475" s="137"/>
      <c r="AG4475" s="137"/>
      <c r="AH4475" s="137"/>
      <c r="AI4475" s="137"/>
      <c r="AJ4475" s="137"/>
      <c r="AK4475" s="137"/>
      <c r="AL4475" s="137"/>
      <c r="AM4475" s="137"/>
      <c r="AN4475" s="137"/>
      <c r="AO4475" s="137"/>
      <c r="AP4475" s="137"/>
      <c r="AQ4475" s="137"/>
      <c r="AR4475" s="137"/>
      <c r="AS4475" s="137"/>
      <c r="AT4475" s="137"/>
      <c r="AU4475" s="137"/>
      <c r="AV4475" s="137"/>
      <c r="AW4475" s="144"/>
    </row>
    <row r="4476" spans="7:49" x14ac:dyDescent="0.2">
      <c r="G4476" s="43"/>
      <c r="Z4476" s="143"/>
      <c r="AA4476" s="137"/>
      <c r="AB4476" s="137"/>
      <c r="AC4476" s="137"/>
      <c r="AD4476" s="137"/>
      <c r="AE4476" s="137"/>
      <c r="AF4476" s="137"/>
      <c r="AG4476" s="137"/>
      <c r="AH4476" s="137"/>
      <c r="AI4476" s="137"/>
      <c r="AJ4476" s="137"/>
      <c r="AK4476" s="137"/>
      <c r="AL4476" s="137"/>
      <c r="AM4476" s="137"/>
      <c r="AN4476" s="137"/>
      <c r="AO4476" s="137"/>
      <c r="AP4476" s="137"/>
      <c r="AQ4476" s="137"/>
      <c r="AR4476" s="137"/>
      <c r="AS4476" s="137"/>
      <c r="AT4476" s="137"/>
      <c r="AU4476" s="137"/>
      <c r="AV4476" s="137"/>
      <c r="AW4476" s="144"/>
    </row>
    <row r="4477" spans="7:49" x14ac:dyDescent="0.2">
      <c r="G4477" s="43"/>
      <c r="Z4477" s="143"/>
      <c r="AA4477" s="137"/>
      <c r="AB4477" s="137"/>
      <c r="AC4477" s="137"/>
      <c r="AD4477" s="137"/>
      <c r="AE4477" s="137"/>
      <c r="AF4477" s="137"/>
      <c r="AG4477" s="137"/>
      <c r="AH4477" s="137"/>
      <c r="AI4477" s="137"/>
      <c r="AJ4477" s="137"/>
      <c r="AK4477" s="137"/>
      <c r="AL4477" s="137"/>
      <c r="AM4477" s="137"/>
      <c r="AN4477" s="137"/>
      <c r="AO4477" s="137"/>
      <c r="AP4477" s="137"/>
      <c r="AQ4477" s="137"/>
      <c r="AR4477" s="137"/>
      <c r="AS4477" s="137"/>
      <c r="AT4477" s="137"/>
      <c r="AU4477" s="137"/>
      <c r="AV4477" s="137"/>
      <c r="AW4477" s="144"/>
    </row>
    <row r="4478" spans="7:49" x14ac:dyDescent="0.2">
      <c r="G4478" s="43"/>
      <c r="Z4478" s="143"/>
      <c r="AA4478" s="137"/>
      <c r="AB4478" s="137"/>
      <c r="AC4478" s="137"/>
      <c r="AD4478" s="137"/>
      <c r="AE4478" s="137"/>
      <c r="AF4478" s="137"/>
      <c r="AG4478" s="137"/>
      <c r="AH4478" s="137"/>
      <c r="AI4478" s="137"/>
      <c r="AJ4478" s="137"/>
      <c r="AK4478" s="137"/>
      <c r="AL4478" s="137"/>
      <c r="AM4478" s="137"/>
      <c r="AN4478" s="137"/>
      <c r="AO4478" s="137"/>
      <c r="AP4478" s="137"/>
      <c r="AQ4478" s="137"/>
      <c r="AR4478" s="137"/>
      <c r="AS4478" s="137"/>
      <c r="AT4478" s="137"/>
      <c r="AU4478" s="137"/>
      <c r="AV4478" s="137"/>
      <c r="AW4478" s="144"/>
    </row>
    <row r="4479" spans="7:49" x14ac:dyDescent="0.2">
      <c r="G4479" s="43"/>
      <c r="Z4479" s="143"/>
      <c r="AA4479" s="137"/>
      <c r="AB4479" s="137"/>
      <c r="AC4479" s="137"/>
      <c r="AD4479" s="137"/>
      <c r="AE4479" s="137"/>
      <c r="AF4479" s="137"/>
      <c r="AG4479" s="137"/>
      <c r="AH4479" s="137"/>
      <c r="AI4479" s="137"/>
      <c r="AJ4479" s="137"/>
      <c r="AK4479" s="137"/>
      <c r="AL4479" s="137"/>
      <c r="AM4479" s="137"/>
      <c r="AN4479" s="137"/>
      <c r="AO4479" s="137"/>
      <c r="AP4479" s="137"/>
      <c r="AQ4479" s="137"/>
      <c r="AR4479" s="137"/>
      <c r="AS4479" s="137"/>
      <c r="AT4479" s="137"/>
      <c r="AU4479" s="137"/>
      <c r="AV4479" s="137"/>
      <c r="AW4479" s="144"/>
    </row>
    <row r="4480" spans="7:49" x14ac:dyDescent="0.2">
      <c r="G4480" s="43"/>
      <c r="Z4480" s="143"/>
      <c r="AA4480" s="137"/>
      <c r="AB4480" s="137"/>
      <c r="AC4480" s="137"/>
      <c r="AD4480" s="137"/>
      <c r="AE4480" s="137"/>
      <c r="AF4480" s="137"/>
      <c r="AG4480" s="137"/>
      <c r="AH4480" s="137"/>
      <c r="AI4480" s="137"/>
      <c r="AJ4480" s="137"/>
      <c r="AK4480" s="137"/>
      <c r="AL4480" s="137"/>
      <c r="AM4480" s="137"/>
      <c r="AN4480" s="137"/>
      <c r="AO4480" s="137"/>
      <c r="AP4480" s="137"/>
      <c r="AQ4480" s="137"/>
      <c r="AR4480" s="137"/>
      <c r="AS4480" s="137"/>
      <c r="AT4480" s="137"/>
      <c r="AU4480" s="137"/>
      <c r="AV4480" s="137"/>
      <c r="AW4480" s="144"/>
    </row>
    <row r="4481" spans="7:49" x14ac:dyDescent="0.2">
      <c r="G4481" s="43"/>
      <c r="Z4481" s="143"/>
      <c r="AA4481" s="137"/>
      <c r="AB4481" s="137"/>
      <c r="AC4481" s="137"/>
      <c r="AD4481" s="137"/>
      <c r="AE4481" s="137"/>
      <c r="AF4481" s="137"/>
      <c r="AG4481" s="137"/>
      <c r="AH4481" s="137"/>
      <c r="AI4481" s="137"/>
      <c r="AJ4481" s="137"/>
      <c r="AK4481" s="137"/>
      <c r="AL4481" s="137"/>
      <c r="AM4481" s="137"/>
      <c r="AN4481" s="137"/>
      <c r="AO4481" s="137"/>
      <c r="AP4481" s="137"/>
      <c r="AQ4481" s="137"/>
      <c r="AR4481" s="137"/>
      <c r="AS4481" s="137"/>
      <c r="AT4481" s="137"/>
      <c r="AU4481" s="137"/>
      <c r="AV4481" s="137"/>
      <c r="AW4481" s="144"/>
    </row>
    <row r="4482" spans="7:49" x14ac:dyDescent="0.2">
      <c r="G4482" s="43"/>
      <c r="Z4482" s="143"/>
      <c r="AA4482" s="137"/>
      <c r="AB4482" s="137"/>
      <c r="AC4482" s="137"/>
      <c r="AD4482" s="137"/>
      <c r="AE4482" s="137"/>
      <c r="AF4482" s="137"/>
      <c r="AG4482" s="137"/>
      <c r="AH4482" s="137"/>
      <c r="AI4482" s="137"/>
      <c r="AJ4482" s="137"/>
      <c r="AK4482" s="137"/>
      <c r="AL4482" s="137"/>
      <c r="AM4482" s="137"/>
      <c r="AN4482" s="137"/>
      <c r="AO4482" s="137"/>
      <c r="AP4482" s="137"/>
      <c r="AQ4482" s="137"/>
      <c r="AR4482" s="137"/>
      <c r="AS4482" s="137"/>
      <c r="AT4482" s="137"/>
      <c r="AU4482" s="137"/>
      <c r="AV4482" s="137"/>
      <c r="AW4482" s="144"/>
    </row>
    <row r="4483" spans="7:49" x14ac:dyDescent="0.2">
      <c r="G4483" s="43"/>
      <c r="Z4483" s="143"/>
      <c r="AA4483" s="137"/>
      <c r="AB4483" s="137"/>
      <c r="AC4483" s="137"/>
      <c r="AD4483" s="137"/>
      <c r="AE4483" s="137"/>
      <c r="AF4483" s="137"/>
      <c r="AG4483" s="137"/>
      <c r="AH4483" s="137"/>
      <c r="AI4483" s="137"/>
      <c r="AJ4483" s="137"/>
      <c r="AK4483" s="137"/>
      <c r="AL4483" s="137"/>
      <c r="AM4483" s="137"/>
      <c r="AN4483" s="137"/>
      <c r="AO4483" s="137"/>
      <c r="AP4483" s="137"/>
      <c r="AQ4483" s="137"/>
      <c r="AR4483" s="137"/>
      <c r="AS4483" s="137"/>
      <c r="AT4483" s="137"/>
      <c r="AU4483" s="137"/>
      <c r="AV4483" s="137"/>
      <c r="AW4483" s="144"/>
    </row>
    <row r="4484" spans="7:49" x14ac:dyDescent="0.2">
      <c r="G4484" s="43"/>
      <c r="Z4484" s="143"/>
      <c r="AA4484" s="137"/>
      <c r="AB4484" s="137"/>
      <c r="AC4484" s="137"/>
      <c r="AD4484" s="137"/>
      <c r="AE4484" s="137"/>
      <c r="AF4484" s="137"/>
      <c r="AG4484" s="137"/>
      <c r="AH4484" s="137"/>
      <c r="AI4484" s="137"/>
      <c r="AJ4484" s="137"/>
      <c r="AK4484" s="137"/>
      <c r="AL4484" s="137"/>
      <c r="AM4484" s="137"/>
      <c r="AN4484" s="137"/>
      <c r="AO4484" s="137"/>
      <c r="AP4484" s="137"/>
      <c r="AQ4484" s="137"/>
      <c r="AR4484" s="137"/>
      <c r="AS4484" s="137"/>
      <c r="AT4484" s="137"/>
      <c r="AU4484" s="137"/>
      <c r="AV4484" s="137"/>
      <c r="AW4484" s="144"/>
    </row>
    <row r="4485" spans="7:49" x14ac:dyDescent="0.2">
      <c r="G4485" s="43"/>
      <c r="Z4485" s="143"/>
      <c r="AA4485" s="137"/>
      <c r="AB4485" s="137"/>
      <c r="AC4485" s="137"/>
      <c r="AD4485" s="137"/>
      <c r="AE4485" s="137"/>
      <c r="AF4485" s="137"/>
      <c r="AG4485" s="137"/>
      <c r="AH4485" s="137"/>
      <c r="AI4485" s="137"/>
      <c r="AJ4485" s="137"/>
      <c r="AK4485" s="137"/>
      <c r="AL4485" s="137"/>
      <c r="AM4485" s="137"/>
      <c r="AN4485" s="137"/>
      <c r="AO4485" s="137"/>
      <c r="AP4485" s="137"/>
      <c r="AQ4485" s="137"/>
      <c r="AR4485" s="137"/>
      <c r="AS4485" s="137"/>
      <c r="AT4485" s="137"/>
      <c r="AU4485" s="137"/>
      <c r="AV4485" s="137"/>
      <c r="AW4485" s="144"/>
    </row>
    <row r="4486" spans="7:49" x14ac:dyDescent="0.2">
      <c r="G4486" s="43"/>
      <c r="Z4486" s="143"/>
      <c r="AA4486" s="137"/>
      <c r="AB4486" s="137"/>
      <c r="AC4486" s="137"/>
      <c r="AD4486" s="137"/>
      <c r="AE4486" s="137"/>
      <c r="AF4486" s="137"/>
      <c r="AG4486" s="137"/>
      <c r="AH4486" s="137"/>
      <c r="AI4486" s="137"/>
      <c r="AJ4486" s="137"/>
      <c r="AK4486" s="137"/>
      <c r="AL4486" s="137"/>
      <c r="AM4486" s="137"/>
      <c r="AN4486" s="137"/>
      <c r="AO4486" s="137"/>
      <c r="AP4486" s="137"/>
      <c r="AQ4486" s="137"/>
      <c r="AR4486" s="137"/>
      <c r="AS4486" s="137"/>
      <c r="AT4486" s="137"/>
      <c r="AU4486" s="137"/>
      <c r="AV4486" s="137"/>
      <c r="AW4486" s="144"/>
    </row>
    <row r="4487" spans="7:49" x14ac:dyDescent="0.2">
      <c r="G4487" s="43"/>
      <c r="Z4487" s="143"/>
      <c r="AA4487" s="137"/>
      <c r="AB4487" s="137"/>
      <c r="AC4487" s="137"/>
      <c r="AD4487" s="137"/>
      <c r="AE4487" s="137"/>
      <c r="AF4487" s="137"/>
      <c r="AG4487" s="137"/>
      <c r="AH4487" s="137"/>
      <c r="AI4487" s="137"/>
      <c r="AJ4487" s="137"/>
      <c r="AK4487" s="137"/>
      <c r="AL4487" s="137"/>
      <c r="AM4487" s="137"/>
      <c r="AN4487" s="137"/>
      <c r="AO4487" s="137"/>
      <c r="AP4487" s="137"/>
      <c r="AQ4487" s="137"/>
      <c r="AR4487" s="137"/>
      <c r="AS4487" s="137"/>
      <c r="AT4487" s="137"/>
      <c r="AU4487" s="137"/>
      <c r="AV4487" s="137"/>
      <c r="AW4487" s="144"/>
    </row>
    <row r="4488" spans="7:49" x14ac:dyDescent="0.2">
      <c r="G4488" s="43"/>
      <c r="Z4488" s="143"/>
      <c r="AA4488" s="137"/>
      <c r="AB4488" s="137"/>
      <c r="AC4488" s="137"/>
      <c r="AD4488" s="137"/>
      <c r="AE4488" s="137"/>
      <c r="AF4488" s="137"/>
      <c r="AG4488" s="137"/>
      <c r="AH4488" s="137"/>
      <c r="AI4488" s="137"/>
      <c r="AJ4488" s="137"/>
      <c r="AK4488" s="137"/>
      <c r="AL4488" s="137"/>
      <c r="AM4488" s="137"/>
      <c r="AN4488" s="137"/>
      <c r="AO4488" s="137"/>
      <c r="AP4488" s="137"/>
      <c r="AQ4488" s="137"/>
      <c r="AR4488" s="137"/>
      <c r="AS4488" s="137"/>
      <c r="AT4488" s="137"/>
      <c r="AU4488" s="137"/>
      <c r="AV4488" s="137"/>
      <c r="AW4488" s="144"/>
    </row>
    <row r="4489" spans="7:49" x14ac:dyDescent="0.2">
      <c r="G4489" s="43"/>
      <c r="Z4489" s="143"/>
      <c r="AA4489" s="137"/>
      <c r="AB4489" s="137"/>
      <c r="AC4489" s="137"/>
      <c r="AD4489" s="137"/>
      <c r="AE4489" s="137"/>
      <c r="AF4489" s="137"/>
      <c r="AG4489" s="137"/>
      <c r="AH4489" s="137"/>
      <c r="AI4489" s="137"/>
      <c r="AJ4489" s="137"/>
      <c r="AK4489" s="137"/>
      <c r="AL4489" s="137"/>
      <c r="AM4489" s="137"/>
      <c r="AN4489" s="137"/>
      <c r="AO4489" s="137"/>
      <c r="AP4489" s="137"/>
      <c r="AQ4489" s="137"/>
      <c r="AR4489" s="137"/>
      <c r="AS4489" s="137"/>
      <c r="AT4489" s="137"/>
      <c r="AU4489" s="137"/>
      <c r="AV4489" s="137"/>
      <c r="AW4489" s="144"/>
    </row>
    <row r="4490" spans="7:49" x14ac:dyDescent="0.2">
      <c r="G4490" s="43"/>
      <c r="Z4490" s="143"/>
      <c r="AA4490" s="137"/>
      <c r="AB4490" s="137"/>
      <c r="AC4490" s="137"/>
      <c r="AD4490" s="137"/>
      <c r="AE4490" s="137"/>
      <c r="AF4490" s="137"/>
      <c r="AG4490" s="137"/>
      <c r="AH4490" s="137"/>
      <c r="AI4490" s="137"/>
      <c r="AJ4490" s="137"/>
      <c r="AK4490" s="137"/>
      <c r="AL4490" s="137"/>
      <c r="AM4490" s="137"/>
      <c r="AN4490" s="137"/>
      <c r="AO4490" s="137"/>
      <c r="AP4490" s="137"/>
      <c r="AQ4490" s="137"/>
      <c r="AR4490" s="137"/>
      <c r="AS4490" s="137"/>
      <c r="AT4490" s="137"/>
      <c r="AU4490" s="137"/>
      <c r="AV4490" s="137"/>
      <c r="AW4490" s="144"/>
    </row>
    <row r="4491" spans="7:49" x14ac:dyDescent="0.2">
      <c r="G4491" s="43"/>
      <c r="Z4491" s="143"/>
      <c r="AA4491" s="137"/>
      <c r="AB4491" s="137"/>
      <c r="AC4491" s="137"/>
      <c r="AD4491" s="137"/>
      <c r="AE4491" s="137"/>
      <c r="AF4491" s="137"/>
      <c r="AG4491" s="137"/>
      <c r="AH4491" s="137"/>
      <c r="AI4491" s="137"/>
      <c r="AJ4491" s="137"/>
      <c r="AK4491" s="137"/>
      <c r="AL4491" s="137"/>
      <c r="AM4491" s="137"/>
      <c r="AN4491" s="137"/>
      <c r="AO4491" s="137"/>
      <c r="AP4491" s="137"/>
      <c r="AQ4491" s="137"/>
      <c r="AR4491" s="137"/>
      <c r="AS4491" s="137"/>
      <c r="AT4491" s="137"/>
      <c r="AU4491" s="137"/>
      <c r="AV4491" s="137"/>
      <c r="AW4491" s="144"/>
    </row>
    <row r="4492" spans="7:49" x14ac:dyDescent="0.2">
      <c r="G4492" s="43"/>
      <c r="Z4492" s="143"/>
      <c r="AA4492" s="137"/>
      <c r="AB4492" s="137"/>
      <c r="AC4492" s="137"/>
      <c r="AD4492" s="137"/>
      <c r="AE4492" s="137"/>
      <c r="AF4492" s="137"/>
      <c r="AG4492" s="137"/>
      <c r="AH4492" s="137"/>
      <c r="AI4492" s="137"/>
      <c r="AJ4492" s="137"/>
      <c r="AK4492" s="137"/>
      <c r="AL4492" s="137"/>
      <c r="AM4492" s="137"/>
      <c r="AN4492" s="137"/>
      <c r="AO4492" s="137"/>
      <c r="AP4492" s="137"/>
      <c r="AQ4492" s="137"/>
      <c r="AR4492" s="137"/>
      <c r="AS4492" s="137"/>
      <c r="AT4492" s="137"/>
      <c r="AU4492" s="137"/>
      <c r="AV4492" s="137"/>
      <c r="AW4492" s="144"/>
    </row>
    <row r="4493" spans="7:49" x14ac:dyDescent="0.2">
      <c r="G4493" s="43"/>
      <c r="Z4493" s="143"/>
      <c r="AA4493" s="137"/>
      <c r="AB4493" s="137"/>
      <c r="AC4493" s="137"/>
      <c r="AD4493" s="137"/>
      <c r="AE4493" s="137"/>
      <c r="AF4493" s="137"/>
      <c r="AG4493" s="137"/>
      <c r="AH4493" s="137"/>
      <c r="AI4493" s="137"/>
      <c r="AJ4493" s="137"/>
      <c r="AK4493" s="137"/>
      <c r="AL4493" s="137"/>
      <c r="AM4493" s="137"/>
      <c r="AN4493" s="137"/>
      <c r="AO4493" s="137"/>
      <c r="AP4493" s="137"/>
      <c r="AQ4493" s="137"/>
      <c r="AR4493" s="137"/>
      <c r="AS4493" s="137"/>
      <c r="AT4493" s="137"/>
      <c r="AU4493" s="137"/>
      <c r="AV4493" s="137"/>
      <c r="AW4493" s="144"/>
    </row>
    <row r="4494" spans="7:49" x14ac:dyDescent="0.2">
      <c r="G4494" s="43"/>
      <c r="Z4494" s="143"/>
      <c r="AA4494" s="137"/>
      <c r="AB4494" s="137"/>
      <c r="AC4494" s="137"/>
      <c r="AD4494" s="137"/>
      <c r="AE4494" s="137"/>
      <c r="AF4494" s="137"/>
      <c r="AG4494" s="137"/>
      <c r="AH4494" s="137"/>
      <c r="AI4494" s="137"/>
      <c r="AJ4494" s="137"/>
      <c r="AK4494" s="137"/>
      <c r="AL4494" s="137"/>
      <c r="AM4494" s="137"/>
      <c r="AN4494" s="137"/>
      <c r="AO4494" s="137"/>
      <c r="AP4494" s="137"/>
      <c r="AQ4494" s="137"/>
      <c r="AR4494" s="137"/>
      <c r="AS4494" s="137"/>
      <c r="AT4494" s="137"/>
      <c r="AU4494" s="137"/>
      <c r="AV4494" s="137"/>
      <c r="AW4494" s="144"/>
    </row>
    <row r="4495" spans="7:49" x14ac:dyDescent="0.2">
      <c r="G4495" s="43"/>
      <c r="Z4495" s="143"/>
      <c r="AA4495" s="137"/>
      <c r="AB4495" s="137"/>
      <c r="AC4495" s="137"/>
      <c r="AD4495" s="137"/>
      <c r="AE4495" s="137"/>
      <c r="AF4495" s="137"/>
      <c r="AG4495" s="137"/>
      <c r="AH4495" s="137"/>
      <c r="AI4495" s="137"/>
      <c r="AJ4495" s="137"/>
      <c r="AK4495" s="137"/>
      <c r="AL4495" s="137"/>
      <c r="AM4495" s="137"/>
      <c r="AN4495" s="137"/>
      <c r="AO4495" s="137"/>
      <c r="AP4495" s="137"/>
      <c r="AQ4495" s="137"/>
      <c r="AR4495" s="137"/>
      <c r="AS4495" s="137"/>
      <c r="AT4495" s="137"/>
      <c r="AU4495" s="137"/>
      <c r="AV4495" s="137"/>
      <c r="AW4495" s="144"/>
    </row>
    <row r="4496" spans="7:49" x14ac:dyDescent="0.2">
      <c r="G4496" s="43"/>
      <c r="Z4496" s="143"/>
      <c r="AA4496" s="137"/>
      <c r="AB4496" s="137"/>
      <c r="AC4496" s="137"/>
      <c r="AD4496" s="137"/>
      <c r="AE4496" s="137"/>
      <c r="AF4496" s="137"/>
      <c r="AG4496" s="137"/>
      <c r="AH4496" s="137"/>
      <c r="AI4496" s="137"/>
      <c r="AJ4496" s="137"/>
      <c r="AK4496" s="137"/>
      <c r="AL4496" s="137"/>
      <c r="AM4496" s="137"/>
      <c r="AN4496" s="137"/>
      <c r="AO4496" s="137"/>
      <c r="AP4496" s="137"/>
      <c r="AQ4496" s="137"/>
      <c r="AR4496" s="137"/>
      <c r="AS4496" s="137"/>
      <c r="AT4496" s="137"/>
      <c r="AU4496" s="137"/>
      <c r="AV4496" s="137"/>
      <c r="AW4496" s="144"/>
    </row>
    <row r="4497" spans="7:49" x14ac:dyDescent="0.2">
      <c r="G4497" s="43"/>
      <c r="Z4497" s="143"/>
      <c r="AA4497" s="137"/>
      <c r="AB4497" s="137"/>
      <c r="AC4497" s="137"/>
      <c r="AD4497" s="137"/>
      <c r="AE4497" s="137"/>
      <c r="AF4497" s="137"/>
      <c r="AG4497" s="137"/>
      <c r="AH4497" s="137"/>
      <c r="AI4497" s="137"/>
      <c r="AJ4497" s="137"/>
      <c r="AK4497" s="137"/>
      <c r="AL4497" s="137"/>
      <c r="AM4497" s="137"/>
      <c r="AN4497" s="137"/>
      <c r="AO4497" s="137"/>
      <c r="AP4497" s="137"/>
      <c r="AQ4497" s="137"/>
      <c r="AR4497" s="137"/>
      <c r="AS4497" s="137"/>
      <c r="AT4497" s="137"/>
      <c r="AU4497" s="137"/>
      <c r="AV4497" s="137"/>
      <c r="AW4497" s="144"/>
    </row>
    <row r="4498" spans="7:49" x14ac:dyDescent="0.2">
      <c r="G4498" s="43"/>
      <c r="Z4498" s="143"/>
      <c r="AA4498" s="137"/>
      <c r="AB4498" s="137"/>
      <c r="AC4498" s="137"/>
      <c r="AD4498" s="137"/>
      <c r="AE4498" s="137"/>
      <c r="AF4498" s="137"/>
      <c r="AG4498" s="137"/>
      <c r="AH4498" s="137"/>
      <c r="AI4498" s="137"/>
      <c r="AJ4498" s="137"/>
      <c r="AK4498" s="137"/>
      <c r="AL4498" s="137"/>
      <c r="AM4498" s="137"/>
      <c r="AN4498" s="137"/>
      <c r="AO4498" s="137"/>
      <c r="AP4498" s="137"/>
      <c r="AQ4498" s="137"/>
      <c r="AR4498" s="137"/>
      <c r="AS4498" s="137"/>
      <c r="AT4498" s="137"/>
      <c r="AU4498" s="137"/>
      <c r="AV4498" s="137"/>
      <c r="AW4498" s="144"/>
    </row>
    <row r="4499" spans="7:49" x14ac:dyDescent="0.2">
      <c r="G4499" s="43"/>
      <c r="Z4499" s="143"/>
      <c r="AA4499" s="137"/>
      <c r="AB4499" s="137"/>
      <c r="AC4499" s="137"/>
      <c r="AD4499" s="137"/>
      <c r="AE4499" s="137"/>
      <c r="AF4499" s="137"/>
      <c r="AG4499" s="137"/>
      <c r="AH4499" s="137"/>
      <c r="AI4499" s="137"/>
      <c r="AJ4499" s="137"/>
      <c r="AK4499" s="137"/>
      <c r="AL4499" s="137"/>
      <c r="AM4499" s="137"/>
      <c r="AN4499" s="137"/>
      <c r="AO4499" s="137"/>
      <c r="AP4499" s="137"/>
      <c r="AQ4499" s="137"/>
      <c r="AR4499" s="137"/>
      <c r="AS4499" s="137"/>
      <c r="AT4499" s="137"/>
      <c r="AU4499" s="137"/>
      <c r="AV4499" s="137"/>
      <c r="AW4499" s="144"/>
    </row>
    <row r="4500" spans="7:49" x14ac:dyDescent="0.2">
      <c r="G4500" s="43"/>
      <c r="Z4500" s="143"/>
      <c r="AA4500" s="137"/>
      <c r="AB4500" s="137"/>
      <c r="AC4500" s="137"/>
      <c r="AD4500" s="137"/>
      <c r="AE4500" s="137"/>
      <c r="AF4500" s="137"/>
      <c r="AG4500" s="137"/>
      <c r="AH4500" s="137"/>
      <c r="AI4500" s="137"/>
      <c r="AJ4500" s="137"/>
      <c r="AK4500" s="137"/>
      <c r="AL4500" s="137"/>
      <c r="AM4500" s="137"/>
      <c r="AN4500" s="137"/>
      <c r="AO4500" s="137"/>
      <c r="AP4500" s="137"/>
      <c r="AQ4500" s="137"/>
      <c r="AR4500" s="137"/>
      <c r="AS4500" s="137"/>
      <c r="AT4500" s="137"/>
      <c r="AU4500" s="137"/>
      <c r="AV4500" s="137"/>
      <c r="AW4500" s="144"/>
    </row>
    <row r="4501" spans="7:49" x14ac:dyDescent="0.2">
      <c r="G4501" s="43"/>
      <c r="Z4501" s="143"/>
      <c r="AA4501" s="137"/>
      <c r="AB4501" s="137"/>
      <c r="AC4501" s="137"/>
      <c r="AD4501" s="137"/>
      <c r="AE4501" s="137"/>
      <c r="AF4501" s="137"/>
      <c r="AG4501" s="137"/>
      <c r="AH4501" s="137"/>
      <c r="AI4501" s="137"/>
      <c r="AJ4501" s="137"/>
      <c r="AK4501" s="137"/>
      <c r="AL4501" s="137"/>
      <c r="AM4501" s="137"/>
      <c r="AN4501" s="137"/>
      <c r="AO4501" s="137"/>
      <c r="AP4501" s="137"/>
      <c r="AQ4501" s="137"/>
      <c r="AR4501" s="137"/>
      <c r="AS4501" s="137"/>
      <c r="AT4501" s="137"/>
      <c r="AU4501" s="137"/>
      <c r="AV4501" s="137"/>
      <c r="AW4501" s="144"/>
    </row>
    <row r="4502" spans="7:49" x14ac:dyDescent="0.2">
      <c r="G4502" s="43"/>
      <c r="Z4502" s="143"/>
      <c r="AA4502" s="137"/>
      <c r="AB4502" s="137"/>
      <c r="AC4502" s="137"/>
      <c r="AD4502" s="137"/>
      <c r="AE4502" s="137"/>
      <c r="AF4502" s="137"/>
      <c r="AG4502" s="137"/>
      <c r="AH4502" s="137"/>
      <c r="AI4502" s="137"/>
      <c r="AJ4502" s="137"/>
      <c r="AK4502" s="137"/>
      <c r="AL4502" s="137"/>
      <c r="AM4502" s="137"/>
      <c r="AN4502" s="137"/>
      <c r="AO4502" s="137"/>
      <c r="AP4502" s="137"/>
      <c r="AQ4502" s="137"/>
      <c r="AR4502" s="137"/>
      <c r="AS4502" s="137"/>
      <c r="AT4502" s="137"/>
      <c r="AU4502" s="137"/>
      <c r="AV4502" s="137"/>
      <c r="AW4502" s="144"/>
    </row>
    <row r="4503" spans="7:49" x14ac:dyDescent="0.2">
      <c r="G4503" s="43"/>
      <c r="Z4503" s="143"/>
      <c r="AA4503" s="137"/>
      <c r="AB4503" s="137"/>
      <c r="AC4503" s="137"/>
      <c r="AD4503" s="137"/>
      <c r="AE4503" s="137"/>
      <c r="AF4503" s="137"/>
      <c r="AG4503" s="137"/>
      <c r="AH4503" s="137"/>
      <c r="AI4503" s="137"/>
      <c r="AJ4503" s="137"/>
      <c r="AK4503" s="137"/>
      <c r="AL4503" s="137"/>
      <c r="AM4503" s="137"/>
      <c r="AN4503" s="137"/>
      <c r="AO4503" s="137"/>
      <c r="AP4503" s="137"/>
      <c r="AQ4503" s="137"/>
      <c r="AR4503" s="137"/>
      <c r="AS4503" s="137"/>
      <c r="AT4503" s="137"/>
      <c r="AU4503" s="137"/>
      <c r="AV4503" s="137"/>
      <c r="AW4503" s="144"/>
    </row>
    <row r="4504" spans="7:49" x14ac:dyDescent="0.2">
      <c r="G4504" s="43"/>
      <c r="Z4504" s="143"/>
      <c r="AA4504" s="137"/>
      <c r="AB4504" s="137"/>
      <c r="AC4504" s="137"/>
      <c r="AD4504" s="137"/>
      <c r="AE4504" s="137"/>
      <c r="AF4504" s="137"/>
      <c r="AG4504" s="137"/>
      <c r="AH4504" s="137"/>
      <c r="AI4504" s="137"/>
      <c r="AJ4504" s="137"/>
      <c r="AK4504" s="137"/>
      <c r="AL4504" s="137"/>
      <c r="AM4504" s="137"/>
      <c r="AN4504" s="137"/>
      <c r="AO4504" s="137"/>
      <c r="AP4504" s="137"/>
      <c r="AQ4504" s="137"/>
      <c r="AR4504" s="137"/>
      <c r="AS4504" s="137"/>
      <c r="AT4504" s="137"/>
      <c r="AU4504" s="137"/>
      <c r="AV4504" s="137"/>
      <c r="AW4504" s="144"/>
    </row>
    <row r="4505" spans="7:49" x14ac:dyDescent="0.2">
      <c r="G4505" s="43"/>
      <c r="Z4505" s="143"/>
      <c r="AA4505" s="137"/>
      <c r="AB4505" s="137"/>
      <c r="AC4505" s="137"/>
      <c r="AD4505" s="137"/>
      <c r="AE4505" s="137"/>
      <c r="AF4505" s="137"/>
      <c r="AG4505" s="137"/>
      <c r="AH4505" s="137"/>
      <c r="AI4505" s="137"/>
      <c r="AJ4505" s="137"/>
      <c r="AK4505" s="137"/>
      <c r="AL4505" s="137"/>
      <c r="AM4505" s="137"/>
      <c r="AN4505" s="137"/>
      <c r="AO4505" s="137"/>
      <c r="AP4505" s="137"/>
      <c r="AQ4505" s="137"/>
      <c r="AR4505" s="137"/>
      <c r="AS4505" s="137"/>
      <c r="AT4505" s="137"/>
      <c r="AU4505" s="137"/>
      <c r="AV4505" s="137"/>
      <c r="AW4505" s="144"/>
    </row>
    <row r="4506" spans="7:49" x14ac:dyDescent="0.2">
      <c r="G4506" s="43"/>
      <c r="Z4506" s="143"/>
      <c r="AA4506" s="137"/>
      <c r="AB4506" s="137"/>
      <c r="AC4506" s="137"/>
      <c r="AD4506" s="137"/>
      <c r="AE4506" s="137"/>
      <c r="AF4506" s="137"/>
      <c r="AG4506" s="137"/>
      <c r="AH4506" s="137"/>
      <c r="AI4506" s="137"/>
      <c r="AJ4506" s="137"/>
      <c r="AK4506" s="137"/>
      <c r="AL4506" s="137"/>
      <c r="AM4506" s="137"/>
      <c r="AN4506" s="137"/>
      <c r="AO4506" s="137"/>
      <c r="AP4506" s="137"/>
      <c r="AQ4506" s="137"/>
      <c r="AR4506" s="137"/>
      <c r="AS4506" s="137"/>
      <c r="AT4506" s="137"/>
      <c r="AU4506" s="137"/>
      <c r="AV4506" s="137"/>
      <c r="AW4506" s="144"/>
    </row>
    <row r="4507" spans="7:49" x14ac:dyDescent="0.2">
      <c r="G4507" s="43"/>
      <c r="Z4507" s="143"/>
      <c r="AA4507" s="137"/>
      <c r="AB4507" s="137"/>
      <c r="AC4507" s="137"/>
      <c r="AD4507" s="137"/>
      <c r="AE4507" s="137"/>
      <c r="AF4507" s="137"/>
      <c r="AG4507" s="137"/>
      <c r="AH4507" s="137"/>
      <c r="AI4507" s="137"/>
      <c r="AJ4507" s="137"/>
      <c r="AK4507" s="137"/>
      <c r="AL4507" s="137"/>
      <c r="AM4507" s="137"/>
      <c r="AN4507" s="137"/>
      <c r="AO4507" s="137"/>
      <c r="AP4507" s="137"/>
      <c r="AQ4507" s="137"/>
      <c r="AR4507" s="137"/>
      <c r="AS4507" s="137"/>
      <c r="AT4507" s="137"/>
      <c r="AU4507" s="137"/>
      <c r="AV4507" s="137"/>
      <c r="AW4507" s="144"/>
    </row>
    <row r="4508" spans="7:49" x14ac:dyDescent="0.2">
      <c r="G4508" s="43"/>
      <c r="Z4508" s="143"/>
      <c r="AA4508" s="137"/>
      <c r="AB4508" s="137"/>
      <c r="AC4508" s="137"/>
      <c r="AD4508" s="137"/>
      <c r="AE4508" s="137"/>
      <c r="AF4508" s="137"/>
      <c r="AG4508" s="137"/>
      <c r="AH4508" s="137"/>
      <c r="AI4508" s="137"/>
      <c r="AJ4508" s="137"/>
      <c r="AK4508" s="137"/>
      <c r="AL4508" s="137"/>
      <c r="AM4508" s="137"/>
      <c r="AN4508" s="137"/>
      <c r="AO4508" s="137"/>
      <c r="AP4508" s="137"/>
      <c r="AQ4508" s="137"/>
      <c r="AR4508" s="137"/>
      <c r="AS4508" s="137"/>
      <c r="AT4508" s="137"/>
      <c r="AU4508" s="137"/>
      <c r="AV4508" s="137"/>
      <c r="AW4508" s="144"/>
    </row>
    <row r="4509" spans="7:49" x14ac:dyDescent="0.2">
      <c r="G4509" s="43"/>
      <c r="Z4509" s="143"/>
      <c r="AA4509" s="137"/>
      <c r="AB4509" s="137"/>
      <c r="AC4509" s="137"/>
      <c r="AD4509" s="137"/>
      <c r="AE4509" s="137"/>
      <c r="AF4509" s="137"/>
      <c r="AG4509" s="137"/>
      <c r="AH4509" s="137"/>
      <c r="AI4509" s="137"/>
      <c r="AJ4509" s="137"/>
      <c r="AK4509" s="137"/>
      <c r="AL4509" s="137"/>
      <c r="AM4509" s="137"/>
      <c r="AN4509" s="137"/>
      <c r="AO4509" s="137"/>
      <c r="AP4509" s="137"/>
      <c r="AQ4509" s="137"/>
      <c r="AR4509" s="137"/>
      <c r="AS4509" s="137"/>
      <c r="AT4509" s="137"/>
      <c r="AU4509" s="137"/>
      <c r="AV4509" s="137"/>
      <c r="AW4509" s="144"/>
    </row>
    <row r="4510" spans="7:49" x14ac:dyDescent="0.2">
      <c r="G4510" s="43"/>
      <c r="Z4510" s="143"/>
      <c r="AA4510" s="137"/>
      <c r="AB4510" s="137"/>
      <c r="AC4510" s="137"/>
      <c r="AD4510" s="137"/>
      <c r="AE4510" s="137"/>
      <c r="AF4510" s="137"/>
      <c r="AG4510" s="137"/>
      <c r="AH4510" s="137"/>
      <c r="AI4510" s="137"/>
      <c r="AJ4510" s="137"/>
      <c r="AK4510" s="137"/>
      <c r="AL4510" s="137"/>
      <c r="AM4510" s="137"/>
      <c r="AN4510" s="137"/>
      <c r="AO4510" s="137"/>
      <c r="AP4510" s="137"/>
      <c r="AQ4510" s="137"/>
      <c r="AR4510" s="137"/>
      <c r="AS4510" s="137"/>
      <c r="AT4510" s="137"/>
      <c r="AU4510" s="137"/>
      <c r="AV4510" s="137"/>
      <c r="AW4510" s="144"/>
    </row>
    <row r="4511" spans="7:49" x14ac:dyDescent="0.2">
      <c r="G4511" s="43"/>
      <c r="Z4511" s="143"/>
      <c r="AA4511" s="137"/>
      <c r="AB4511" s="137"/>
      <c r="AC4511" s="137"/>
      <c r="AD4511" s="137"/>
      <c r="AE4511" s="137"/>
      <c r="AF4511" s="137"/>
      <c r="AG4511" s="137"/>
      <c r="AH4511" s="137"/>
      <c r="AI4511" s="137"/>
      <c r="AJ4511" s="137"/>
      <c r="AK4511" s="137"/>
      <c r="AL4511" s="137"/>
      <c r="AM4511" s="137"/>
      <c r="AN4511" s="137"/>
      <c r="AO4511" s="137"/>
      <c r="AP4511" s="137"/>
      <c r="AQ4511" s="137"/>
      <c r="AR4511" s="137"/>
      <c r="AS4511" s="137"/>
      <c r="AT4511" s="137"/>
      <c r="AU4511" s="137"/>
      <c r="AV4511" s="137"/>
      <c r="AW4511" s="144"/>
    </row>
    <row r="4512" spans="7:49" x14ac:dyDescent="0.2">
      <c r="G4512" s="43"/>
      <c r="Z4512" s="143"/>
      <c r="AA4512" s="137"/>
      <c r="AB4512" s="137"/>
      <c r="AC4512" s="137"/>
      <c r="AD4512" s="137"/>
      <c r="AE4512" s="137"/>
      <c r="AF4512" s="137"/>
      <c r="AG4512" s="137"/>
      <c r="AH4512" s="137"/>
      <c r="AI4512" s="137"/>
      <c r="AJ4512" s="137"/>
      <c r="AK4512" s="137"/>
      <c r="AL4512" s="137"/>
      <c r="AM4512" s="137"/>
      <c r="AN4512" s="137"/>
      <c r="AO4512" s="137"/>
      <c r="AP4512" s="137"/>
      <c r="AQ4512" s="137"/>
      <c r="AR4512" s="137"/>
      <c r="AS4512" s="137"/>
      <c r="AT4512" s="137"/>
      <c r="AU4512" s="137"/>
      <c r="AV4512" s="137"/>
      <c r="AW4512" s="144"/>
    </row>
    <row r="4513" spans="7:49" x14ac:dyDescent="0.2">
      <c r="G4513" s="43"/>
      <c r="Z4513" s="143"/>
      <c r="AA4513" s="137"/>
      <c r="AB4513" s="137"/>
      <c r="AC4513" s="137"/>
      <c r="AD4513" s="137"/>
      <c r="AE4513" s="137"/>
      <c r="AF4513" s="137"/>
      <c r="AG4513" s="137"/>
      <c r="AH4513" s="137"/>
      <c r="AI4513" s="137"/>
      <c r="AJ4513" s="137"/>
      <c r="AK4513" s="137"/>
      <c r="AL4513" s="137"/>
      <c r="AM4513" s="137"/>
      <c r="AN4513" s="137"/>
      <c r="AO4513" s="137"/>
      <c r="AP4513" s="137"/>
      <c r="AQ4513" s="137"/>
      <c r="AR4513" s="137"/>
      <c r="AS4513" s="137"/>
      <c r="AT4513" s="137"/>
      <c r="AU4513" s="137"/>
      <c r="AV4513" s="137"/>
      <c r="AW4513" s="144"/>
    </row>
    <row r="4514" spans="7:49" x14ac:dyDescent="0.2">
      <c r="G4514" s="43"/>
      <c r="Z4514" s="143"/>
      <c r="AA4514" s="137"/>
      <c r="AB4514" s="137"/>
      <c r="AC4514" s="137"/>
      <c r="AD4514" s="137"/>
      <c r="AE4514" s="137"/>
      <c r="AF4514" s="137"/>
      <c r="AG4514" s="137"/>
      <c r="AH4514" s="137"/>
      <c r="AI4514" s="137"/>
      <c r="AJ4514" s="137"/>
      <c r="AK4514" s="137"/>
      <c r="AL4514" s="137"/>
      <c r="AM4514" s="137"/>
      <c r="AN4514" s="137"/>
      <c r="AO4514" s="137"/>
      <c r="AP4514" s="137"/>
      <c r="AQ4514" s="137"/>
      <c r="AR4514" s="137"/>
      <c r="AS4514" s="137"/>
      <c r="AT4514" s="137"/>
      <c r="AU4514" s="137"/>
      <c r="AV4514" s="137"/>
      <c r="AW4514" s="144"/>
    </row>
    <row r="4515" spans="7:49" x14ac:dyDescent="0.2">
      <c r="G4515" s="43"/>
      <c r="Z4515" s="143"/>
      <c r="AA4515" s="137"/>
      <c r="AB4515" s="137"/>
      <c r="AC4515" s="137"/>
      <c r="AD4515" s="137"/>
      <c r="AE4515" s="137"/>
      <c r="AF4515" s="137"/>
      <c r="AG4515" s="137"/>
      <c r="AH4515" s="137"/>
      <c r="AI4515" s="137"/>
      <c r="AJ4515" s="137"/>
      <c r="AK4515" s="137"/>
      <c r="AL4515" s="137"/>
      <c r="AM4515" s="137"/>
      <c r="AN4515" s="137"/>
      <c r="AO4515" s="137"/>
      <c r="AP4515" s="137"/>
      <c r="AQ4515" s="137"/>
      <c r="AR4515" s="137"/>
      <c r="AS4515" s="137"/>
      <c r="AT4515" s="137"/>
      <c r="AU4515" s="137"/>
      <c r="AV4515" s="137"/>
      <c r="AW4515" s="144"/>
    </row>
    <row r="4516" spans="7:49" x14ac:dyDescent="0.2">
      <c r="G4516" s="43"/>
      <c r="Z4516" s="143"/>
      <c r="AA4516" s="137"/>
      <c r="AB4516" s="137"/>
      <c r="AC4516" s="137"/>
      <c r="AD4516" s="137"/>
      <c r="AE4516" s="137"/>
      <c r="AF4516" s="137"/>
      <c r="AG4516" s="137"/>
      <c r="AH4516" s="137"/>
      <c r="AI4516" s="137"/>
      <c r="AJ4516" s="137"/>
      <c r="AK4516" s="137"/>
      <c r="AL4516" s="137"/>
      <c r="AM4516" s="137"/>
      <c r="AN4516" s="137"/>
      <c r="AO4516" s="137"/>
      <c r="AP4516" s="137"/>
      <c r="AQ4516" s="137"/>
      <c r="AR4516" s="137"/>
      <c r="AS4516" s="137"/>
      <c r="AT4516" s="137"/>
      <c r="AU4516" s="137"/>
      <c r="AV4516" s="137"/>
      <c r="AW4516" s="144"/>
    </row>
    <row r="4517" spans="7:49" x14ac:dyDescent="0.2">
      <c r="G4517" s="43"/>
      <c r="Z4517" s="143"/>
      <c r="AA4517" s="137"/>
      <c r="AB4517" s="137"/>
      <c r="AC4517" s="137"/>
      <c r="AD4517" s="137"/>
      <c r="AE4517" s="137"/>
      <c r="AF4517" s="137"/>
      <c r="AG4517" s="137"/>
      <c r="AH4517" s="137"/>
      <c r="AI4517" s="137"/>
      <c r="AJ4517" s="137"/>
      <c r="AK4517" s="137"/>
      <c r="AL4517" s="137"/>
      <c r="AM4517" s="137"/>
      <c r="AN4517" s="137"/>
      <c r="AO4517" s="137"/>
      <c r="AP4517" s="137"/>
      <c r="AQ4517" s="137"/>
      <c r="AR4517" s="137"/>
      <c r="AS4517" s="137"/>
      <c r="AT4517" s="137"/>
      <c r="AU4517" s="137"/>
      <c r="AV4517" s="137"/>
      <c r="AW4517" s="144"/>
    </row>
    <row r="4518" spans="7:49" x14ac:dyDescent="0.2">
      <c r="G4518" s="43"/>
      <c r="Z4518" s="143"/>
      <c r="AA4518" s="137"/>
      <c r="AB4518" s="137"/>
      <c r="AC4518" s="137"/>
      <c r="AD4518" s="137"/>
      <c r="AE4518" s="137"/>
      <c r="AF4518" s="137"/>
      <c r="AG4518" s="137"/>
      <c r="AH4518" s="137"/>
      <c r="AI4518" s="137"/>
      <c r="AJ4518" s="137"/>
      <c r="AK4518" s="137"/>
      <c r="AL4518" s="137"/>
      <c r="AM4518" s="137"/>
      <c r="AN4518" s="137"/>
      <c r="AO4518" s="137"/>
      <c r="AP4518" s="137"/>
      <c r="AQ4518" s="137"/>
      <c r="AR4518" s="137"/>
      <c r="AS4518" s="137"/>
      <c r="AT4518" s="137"/>
      <c r="AU4518" s="137"/>
      <c r="AV4518" s="137"/>
      <c r="AW4518" s="144"/>
    </row>
    <row r="4519" spans="7:49" x14ac:dyDescent="0.2">
      <c r="G4519" s="43"/>
      <c r="Z4519" s="143"/>
      <c r="AA4519" s="137"/>
      <c r="AB4519" s="137"/>
      <c r="AC4519" s="137"/>
      <c r="AD4519" s="137"/>
      <c r="AE4519" s="137"/>
      <c r="AF4519" s="137"/>
      <c r="AG4519" s="137"/>
      <c r="AH4519" s="137"/>
      <c r="AI4519" s="137"/>
      <c r="AJ4519" s="137"/>
      <c r="AK4519" s="137"/>
      <c r="AL4519" s="137"/>
      <c r="AM4519" s="137"/>
      <c r="AN4519" s="137"/>
      <c r="AO4519" s="137"/>
      <c r="AP4519" s="137"/>
      <c r="AQ4519" s="137"/>
      <c r="AR4519" s="137"/>
      <c r="AS4519" s="137"/>
      <c r="AT4519" s="137"/>
      <c r="AU4519" s="137"/>
      <c r="AV4519" s="137"/>
      <c r="AW4519" s="144"/>
    </row>
    <row r="4520" spans="7:49" x14ac:dyDescent="0.2">
      <c r="G4520" s="43"/>
      <c r="Z4520" s="143"/>
      <c r="AA4520" s="137"/>
      <c r="AB4520" s="137"/>
      <c r="AC4520" s="137"/>
      <c r="AD4520" s="137"/>
      <c r="AE4520" s="137"/>
      <c r="AF4520" s="137"/>
      <c r="AG4520" s="137"/>
      <c r="AH4520" s="137"/>
      <c r="AI4520" s="137"/>
      <c r="AJ4520" s="137"/>
      <c r="AK4520" s="137"/>
      <c r="AL4520" s="137"/>
      <c r="AM4520" s="137"/>
      <c r="AN4520" s="137"/>
      <c r="AO4520" s="137"/>
      <c r="AP4520" s="137"/>
      <c r="AQ4520" s="137"/>
      <c r="AR4520" s="137"/>
      <c r="AS4520" s="137"/>
      <c r="AT4520" s="137"/>
      <c r="AU4520" s="137"/>
      <c r="AV4520" s="137"/>
      <c r="AW4520" s="144"/>
    </row>
    <row r="4521" spans="7:49" x14ac:dyDescent="0.2">
      <c r="G4521" s="43"/>
      <c r="Z4521" s="143"/>
      <c r="AA4521" s="137"/>
      <c r="AB4521" s="137"/>
      <c r="AC4521" s="137"/>
      <c r="AD4521" s="137"/>
      <c r="AE4521" s="137"/>
      <c r="AF4521" s="137"/>
      <c r="AG4521" s="137"/>
      <c r="AH4521" s="137"/>
      <c r="AI4521" s="137"/>
      <c r="AJ4521" s="137"/>
      <c r="AK4521" s="137"/>
      <c r="AL4521" s="137"/>
      <c r="AM4521" s="137"/>
      <c r="AN4521" s="137"/>
      <c r="AO4521" s="137"/>
      <c r="AP4521" s="137"/>
      <c r="AQ4521" s="137"/>
      <c r="AR4521" s="137"/>
      <c r="AS4521" s="137"/>
      <c r="AT4521" s="137"/>
      <c r="AU4521" s="137"/>
      <c r="AV4521" s="137"/>
      <c r="AW4521" s="144"/>
    </row>
    <row r="4522" spans="7:49" x14ac:dyDescent="0.2">
      <c r="G4522" s="43"/>
      <c r="Z4522" s="143"/>
      <c r="AA4522" s="137"/>
      <c r="AB4522" s="137"/>
      <c r="AC4522" s="137"/>
      <c r="AD4522" s="137"/>
      <c r="AE4522" s="137"/>
      <c r="AF4522" s="137"/>
      <c r="AG4522" s="137"/>
      <c r="AH4522" s="137"/>
      <c r="AI4522" s="137"/>
      <c r="AJ4522" s="137"/>
      <c r="AK4522" s="137"/>
      <c r="AL4522" s="137"/>
      <c r="AM4522" s="137"/>
      <c r="AN4522" s="137"/>
      <c r="AO4522" s="137"/>
      <c r="AP4522" s="137"/>
      <c r="AQ4522" s="137"/>
      <c r="AR4522" s="137"/>
      <c r="AS4522" s="137"/>
      <c r="AT4522" s="137"/>
      <c r="AU4522" s="137"/>
      <c r="AV4522" s="137"/>
      <c r="AW4522" s="144"/>
    </row>
    <row r="4523" spans="7:49" x14ac:dyDescent="0.2">
      <c r="G4523" s="43"/>
      <c r="Z4523" s="143"/>
      <c r="AA4523" s="137"/>
      <c r="AB4523" s="137"/>
      <c r="AC4523" s="137"/>
      <c r="AD4523" s="137"/>
      <c r="AE4523" s="137"/>
      <c r="AF4523" s="137"/>
      <c r="AG4523" s="137"/>
      <c r="AH4523" s="137"/>
      <c r="AI4523" s="137"/>
      <c r="AJ4523" s="137"/>
      <c r="AK4523" s="137"/>
      <c r="AL4523" s="137"/>
      <c r="AM4523" s="137"/>
      <c r="AN4523" s="137"/>
      <c r="AO4523" s="137"/>
      <c r="AP4523" s="137"/>
      <c r="AQ4523" s="137"/>
      <c r="AR4523" s="137"/>
      <c r="AS4523" s="137"/>
      <c r="AT4523" s="137"/>
      <c r="AU4523" s="137"/>
      <c r="AV4523" s="137"/>
      <c r="AW4523" s="144"/>
    </row>
    <row r="4524" spans="7:49" x14ac:dyDescent="0.2">
      <c r="G4524" s="43"/>
      <c r="Z4524" s="143"/>
      <c r="AA4524" s="137"/>
      <c r="AB4524" s="137"/>
      <c r="AC4524" s="137"/>
      <c r="AD4524" s="137"/>
      <c r="AE4524" s="137"/>
      <c r="AF4524" s="137"/>
      <c r="AG4524" s="137"/>
      <c r="AH4524" s="137"/>
      <c r="AI4524" s="137"/>
      <c r="AJ4524" s="137"/>
      <c r="AK4524" s="137"/>
      <c r="AL4524" s="137"/>
      <c r="AM4524" s="137"/>
      <c r="AN4524" s="137"/>
      <c r="AO4524" s="137"/>
      <c r="AP4524" s="137"/>
      <c r="AQ4524" s="137"/>
      <c r="AR4524" s="137"/>
      <c r="AS4524" s="137"/>
      <c r="AT4524" s="137"/>
      <c r="AU4524" s="137"/>
      <c r="AV4524" s="137"/>
      <c r="AW4524" s="144"/>
    </row>
    <row r="4525" spans="7:49" x14ac:dyDescent="0.2">
      <c r="G4525" s="43"/>
      <c r="Z4525" s="143"/>
      <c r="AA4525" s="137"/>
      <c r="AB4525" s="137"/>
      <c r="AC4525" s="137"/>
      <c r="AD4525" s="137"/>
      <c r="AE4525" s="137"/>
      <c r="AF4525" s="137"/>
      <c r="AG4525" s="137"/>
      <c r="AH4525" s="137"/>
      <c r="AI4525" s="137"/>
      <c r="AJ4525" s="137"/>
      <c r="AK4525" s="137"/>
      <c r="AL4525" s="137"/>
      <c r="AM4525" s="137"/>
      <c r="AN4525" s="137"/>
      <c r="AO4525" s="137"/>
      <c r="AP4525" s="137"/>
      <c r="AQ4525" s="137"/>
      <c r="AR4525" s="137"/>
      <c r="AS4525" s="137"/>
      <c r="AT4525" s="137"/>
      <c r="AU4525" s="137"/>
      <c r="AV4525" s="137"/>
      <c r="AW4525" s="144"/>
    </row>
    <row r="4526" spans="7:49" x14ac:dyDescent="0.2">
      <c r="G4526" s="43"/>
      <c r="Z4526" s="143"/>
      <c r="AA4526" s="137"/>
      <c r="AB4526" s="137"/>
      <c r="AC4526" s="137"/>
      <c r="AD4526" s="137"/>
      <c r="AE4526" s="137"/>
      <c r="AF4526" s="137"/>
      <c r="AG4526" s="137"/>
      <c r="AH4526" s="137"/>
      <c r="AI4526" s="137"/>
      <c r="AJ4526" s="137"/>
      <c r="AK4526" s="137"/>
      <c r="AL4526" s="137"/>
      <c r="AM4526" s="137"/>
      <c r="AN4526" s="137"/>
      <c r="AO4526" s="137"/>
      <c r="AP4526" s="137"/>
      <c r="AQ4526" s="137"/>
      <c r="AR4526" s="137"/>
      <c r="AS4526" s="137"/>
      <c r="AT4526" s="137"/>
      <c r="AU4526" s="137"/>
      <c r="AV4526" s="137"/>
      <c r="AW4526" s="144"/>
    </row>
    <row r="4527" spans="7:49" x14ac:dyDescent="0.2">
      <c r="G4527" s="43"/>
      <c r="Z4527" s="143"/>
      <c r="AA4527" s="137"/>
      <c r="AB4527" s="137"/>
      <c r="AC4527" s="137"/>
      <c r="AD4527" s="137"/>
      <c r="AE4527" s="137"/>
      <c r="AF4527" s="137"/>
      <c r="AG4527" s="137"/>
      <c r="AH4527" s="137"/>
      <c r="AI4527" s="137"/>
      <c r="AJ4527" s="137"/>
      <c r="AK4527" s="137"/>
      <c r="AL4527" s="137"/>
      <c r="AM4527" s="137"/>
      <c r="AN4527" s="137"/>
      <c r="AO4527" s="137"/>
      <c r="AP4527" s="137"/>
      <c r="AQ4527" s="137"/>
      <c r="AR4527" s="137"/>
      <c r="AS4527" s="137"/>
      <c r="AT4527" s="137"/>
      <c r="AU4527" s="137"/>
      <c r="AV4527" s="137"/>
      <c r="AW4527" s="144"/>
    </row>
    <row r="4528" spans="7:49" x14ac:dyDescent="0.2">
      <c r="G4528" s="43"/>
      <c r="Z4528" s="143"/>
      <c r="AA4528" s="137"/>
      <c r="AB4528" s="137"/>
      <c r="AC4528" s="137"/>
      <c r="AD4528" s="137"/>
      <c r="AE4528" s="137"/>
      <c r="AF4528" s="137"/>
      <c r="AG4528" s="137"/>
      <c r="AH4528" s="137"/>
      <c r="AI4528" s="137"/>
      <c r="AJ4528" s="137"/>
      <c r="AK4528" s="137"/>
      <c r="AL4528" s="137"/>
      <c r="AM4528" s="137"/>
      <c r="AN4528" s="137"/>
      <c r="AO4528" s="137"/>
      <c r="AP4528" s="137"/>
      <c r="AQ4528" s="137"/>
      <c r="AR4528" s="137"/>
      <c r="AS4528" s="137"/>
      <c r="AT4528" s="137"/>
      <c r="AU4528" s="137"/>
      <c r="AV4528" s="137"/>
      <c r="AW4528" s="144"/>
    </row>
    <row r="4529" spans="7:49" x14ac:dyDescent="0.2">
      <c r="G4529" s="43"/>
      <c r="Z4529" s="143"/>
      <c r="AA4529" s="137"/>
      <c r="AB4529" s="137"/>
      <c r="AC4529" s="137"/>
      <c r="AD4529" s="137"/>
      <c r="AE4529" s="137"/>
      <c r="AF4529" s="137"/>
      <c r="AG4529" s="137"/>
      <c r="AH4529" s="137"/>
      <c r="AI4529" s="137"/>
      <c r="AJ4529" s="137"/>
      <c r="AK4529" s="137"/>
      <c r="AL4529" s="137"/>
      <c r="AM4529" s="137"/>
      <c r="AN4529" s="137"/>
      <c r="AO4529" s="137"/>
      <c r="AP4529" s="137"/>
      <c r="AQ4529" s="137"/>
      <c r="AR4529" s="137"/>
      <c r="AS4529" s="137"/>
      <c r="AT4529" s="137"/>
      <c r="AU4529" s="137"/>
      <c r="AV4529" s="137"/>
      <c r="AW4529" s="144"/>
    </row>
    <row r="4530" spans="7:49" x14ac:dyDescent="0.2">
      <c r="G4530" s="43"/>
      <c r="Z4530" s="143"/>
      <c r="AA4530" s="137"/>
      <c r="AB4530" s="137"/>
      <c r="AC4530" s="137"/>
      <c r="AD4530" s="137"/>
      <c r="AE4530" s="137"/>
      <c r="AF4530" s="137"/>
      <c r="AG4530" s="137"/>
      <c r="AH4530" s="137"/>
      <c r="AI4530" s="137"/>
      <c r="AJ4530" s="137"/>
      <c r="AK4530" s="137"/>
      <c r="AL4530" s="137"/>
      <c r="AM4530" s="137"/>
      <c r="AN4530" s="137"/>
      <c r="AO4530" s="137"/>
      <c r="AP4530" s="137"/>
      <c r="AQ4530" s="137"/>
      <c r="AR4530" s="137"/>
      <c r="AS4530" s="137"/>
      <c r="AT4530" s="137"/>
      <c r="AU4530" s="137"/>
      <c r="AV4530" s="137"/>
      <c r="AW4530" s="144"/>
    </row>
    <row r="4531" spans="7:49" x14ac:dyDescent="0.2">
      <c r="G4531" s="43"/>
      <c r="Z4531" s="143"/>
      <c r="AA4531" s="137"/>
      <c r="AB4531" s="137"/>
      <c r="AC4531" s="137"/>
      <c r="AD4531" s="137"/>
      <c r="AE4531" s="137"/>
      <c r="AF4531" s="137"/>
      <c r="AG4531" s="137"/>
      <c r="AH4531" s="137"/>
      <c r="AI4531" s="137"/>
      <c r="AJ4531" s="137"/>
      <c r="AK4531" s="137"/>
      <c r="AL4531" s="137"/>
      <c r="AM4531" s="137"/>
      <c r="AN4531" s="137"/>
      <c r="AO4531" s="137"/>
      <c r="AP4531" s="137"/>
      <c r="AQ4531" s="137"/>
      <c r="AR4531" s="137"/>
      <c r="AS4531" s="137"/>
      <c r="AT4531" s="137"/>
      <c r="AU4531" s="137"/>
      <c r="AV4531" s="137"/>
      <c r="AW4531" s="144"/>
    </row>
    <row r="4532" spans="7:49" x14ac:dyDescent="0.2">
      <c r="G4532" s="43"/>
      <c r="Z4532" s="143"/>
      <c r="AA4532" s="137"/>
      <c r="AB4532" s="137"/>
      <c r="AC4532" s="137"/>
      <c r="AD4532" s="137"/>
      <c r="AE4532" s="137"/>
      <c r="AF4532" s="137"/>
      <c r="AG4532" s="137"/>
      <c r="AH4532" s="137"/>
      <c r="AI4532" s="137"/>
      <c r="AJ4532" s="137"/>
      <c r="AK4532" s="137"/>
      <c r="AL4532" s="137"/>
      <c r="AM4532" s="137"/>
      <c r="AN4532" s="137"/>
      <c r="AO4532" s="137"/>
      <c r="AP4532" s="137"/>
      <c r="AQ4532" s="137"/>
      <c r="AR4532" s="137"/>
      <c r="AS4532" s="137"/>
      <c r="AT4532" s="137"/>
      <c r="AU4532" s="137"/>
      <c r="AV4532" s="137"/>
      <c r="AW4532" s="144"/>
    </row>
    <row r="4533" spans="7:49" x14ac:dyDescent="0.2">
      <c r="G4533" s="43"/>
      <c r="Z4533" s="143"/>
      <c r="AA4533" s="137"/>
      <c r="AB4533" s="137"/>
      <c r="AC4533" s="137"/>
      <c r="AD4533" s="137"/>
      <c r="AE4533" s="137"/>
      <c r="AF4533" s="137"/>
      <c r="AG4533" s="137"/>
      <c r="AH4533" s="137"/>
      <c r="AI4533" s="137"/>
      <c r="AJ4533" s="137"/>
      <c r="AK4533" s="137"/>
      <c r="AL4533" s="137"/>
      <c r="AM4533" s="137"/>
      <c r="AN4533" s="137"/>
      <c r="AO4533" s="137"/>
      <c r="AP4533" s="137"/>
      <c r="AQ4533" s="137"/>
      <c r="AR4533" s="137"/>
      <c r="AS4533" s="137"/>
      <c r="AT4533" s="137"/>
      <c r="AU4533" s="137"/>
      <c r="AV4533" s="137"/>
      <c r="AW4533" s="144"/>
    </row>
    <row r="4534" spans="7:49" x14ac:dyDescent="0.2">
      <c r="G4534" s="43"/>
      <c r="Z4534" s="143"/>
      <c r="AA4534" s="137"/>
      <c r="AB4534" s="137"/>
      <c r="AC4534" s="137"/>
      <c r="AD4534" s="137"/>
      <c r="AE4534" s="137"/>
      <c r="AF4534" s="137"/>
      <c r="AG4534" s="137"/>
      <c r="AH4534" s="137"/>
      <c r="AI4534" s="137"/>
      <c r="AJ4534" s="137"/>
      <c r="AK4534" s="137"/>
      <c r="AL4534" s="137"/>
      <c r="AM4534" s="137"/>
      <c r="AN4534" s="137"/>
      <c r="AO4534" s="137"/>
      <c r="AP4534" s="137"/>
      <c r="AQ4534" s="137"/>
      <c r="AR4534" s="137"/>
      <c r="AS4534" s="137"/>
      <c r="AT4534" s="137"/>
      <c r="AU4534" s="137"/>
      <c r="AV4534" s="137"/>
      <c r="AW4534" s="144"/>
    </row>
    <row r="4535" spans="7:49" x14ac:dyDescent="0.2">
      <c r="G4535" s="43"/>
      <c r="Z4535" s="143"/>
      <c r="AA4535" s="137"/>
      <c r="AB4535" s="137"/>
      <c r="AC4535" s="137"/>
      <c r="AD4535" s="137"/>
      <c r="AE4535" s="137"/>
      <c r="AF4535" s="137"/>
      <c r="AG4535" s="137"/>
      <c r="AH4535" s="137"/>
      <c r="AI4535" s="137"/>
      <c r="AJ4535" s="137"/>
      <c r="AK4535" s="137"/>
      <c r="AL4535" s="137"/>
      <c r="AM4535" s="137"/>
      <c r="AN4535" s="137"/>
      <c r="AO4535" s="137"/>
      <c r="AP4535" s="137"/>
      <c r="AQ4535" s="137"/>
      <c r="AR4535" s="137"/>
      <c r="AS4535" s="137"/>
      <c r="AT4535" s="137"/>
      <c r="AU4535" s="137"/>
      <c r="AV4535" s="137"/>
      <c r="AW4535" s="144"/>
    </row>
    <row r="4536" spans="7:49" x14ac:dyDescent="0.2">
      <c r="G4536" s="43"/>
      <c r="Z4536" s="143"/>
      <c r="AA4536" s="137"/>
      <c r="AB4536" s="137"/>
      <c r="AC4536" s="137"/>
      <c r="AD4536" s="137"/>
      <c r="AE4536" s="137"/>
      <c r="AF4536" s="137"/>
      <c r="AG4536" s="137"/>
      <c r="AH4536" s="137"/>
      <c r="AI4536" s="137"/>
      <c r="AJ4536" s="137"/>
      <c r="AK4536" s="137"/>
      <c r="AL4536" s="137"/>
      <c r="AM4536" s="137"/>
      <c r="AN4536" s="137"/>
      <c r="AO4536" s="137"/>
      <c r="AP4536" s="137"/>
      <c r="AQ4536" s="137"/>
      <c r="AR4536" s="137"/>
      <c r="AS4536" s="137"/>
      <c r="AT4536" s="137"/>
      <c r="AU4536" s="137"/>
      <c r="AV4536" s="137"/>
      <c r="AW4536" s="144"/>
    </row>
    <row r="4537" spans="7:49" x14ac:dyDescent="0.2">
      <c r="G4537" s="43"/>
      <c r="Z4537" s="143"/>
      <c r="AA4537" s="137"/>
      <c r="AB4537" s="137"/>
      <c r="AC4537" s="137"/>
      <c r="AD4537" s="137"/>
      <c r="AE4537" s="137"/>
      <c r="AF4537" s="137"/>
      <c r="AG4537" s="137"/>
      <c r="AH4537" s="137"/>
      <c r="AI4537" s="137"/>
      <c r="AJ4537" s="137"/>
      <c r="AK4537" s="137"/>
      <c r="AL4537" s="137"/>
      <c r="AM4537" s="137"/>
      <c r="AN4537" s="137"/>
      <c r="AO4537" s="137"/>
      <c r="AP4537" s="137"/>
      <c r="AQ4537" s="137"/>
      <c r="AR4537" s="137"/>
      <c r="AS4537" s="137"/>
      <c r="AT4537" s="137"/>
      <c r="AU4537" s="137"/>
      <c r="AV4537" s="137"/>
      <c r="AW4537" s="144"/>
    </row>
    <row r="4538" spans="7:49" x14ac:dyDescent="0.2">
      <c r="G4538" s="43"/>
      <c r="Z4538" s="143"/>
      <c r="AA4538" s="137"/>
      <c r="AB4538" s="137"/>
      <c r="AC4538" s="137"/>
      <c r="AD4538" s="137"/>
      <c r="AE4538" s="137"/>
      <c r="AF4538" s="137"/>
      <c r="AG4538" s="137"/>
      <c r="AH4538" s="137"/>
      <c r="AI4538" s="137"/>
      <c r="AJ4538" s="137"/>
      <c r="AK4538" s="137"/>
      <c r="AL4538" s="137"/>
      <c r="AM4538" s="137"/>
      <c r="AN4538" s="137"/>
      <c r="AO4538" s="137"/>
      <c r="AP4538" s="137"/>
      <c r="AQ4538" s="137"/>
      <c r="AR4538" s="137"/>
      <c r="AS4538" s="137"/>
      <c r="AT4538" s="137"/>
      <c r="AU4538" s="137"/>
      <c r="AV4538" s="137"/>
      <c r="AW4538" s="144"/>
    </row>
    <row r="4539" spans="7:49" x14ac:dyDescent="0.2">
      <c r="G4539" s="43"/>
      <c r="Z4539" s="143"/>
      <c r="AA4539" s="137"/>
      <c r="AB4539" s="137"/>
      <c r="AC4539" s="137"/>
      <c r="AD4539" s="137"/>
      <c r="AE4539" s="137"/>
      <c r="AF4539" s="137"/>
      <c r="AG4539" s="137"/>
      <c r="AH4539" s="137"/>
      <c r="AI4539" s="137"/>
      <c r="AJ4539" s="137"/>
      <c r="AK4539" s="137"/>
      <c r="AL4539" s="137"/>
      <c r="AM4539" s="137"/>
      <c r="AN4539" s="137"/>
      <c r="AO4539" s="137"/>
      <c r="AP4539" s="137"/>
      <c r="AQ4539" s="137"/>
      <c r="AR4539" s="137"/>
      <c r="AS4539" s="137"/>
      <c r="AT4539" s="137"/>
      <c r="AU4539" s="137"/>
      <c r="AV4539" s="137"/>
      <c r="AW4539" s="144"/>
    </row>
    <row r="4540" spans="7:49" x14ac:dyDescent="0.2">
      <c r="G4540" s="43"/>
      <c r="Z4540" s="143"/>
      <c r="AA4540" s="137"/>
      <c r="AB4540" s="137"/>
      <c r="AC4540" s="137"/>
      <c r="AD4540" s="137"/>
      <c r="AE4540" s="137"/>
      <c r="AF4540" s="137"/>
      <c r="AG4540" s="137"/>
      <c r="AH4540" s="137"/>
      <c r="AI4540" s="137"/>
      <c r="AJ4540" s="137"/>
      <c r="AK4540" s="137"/>
      <c r="AL4540" s="137"/>
      <c r="AM4540" s="137"/>
      <c r="AN4540" s="137"/>
      <c r="AO4540" s="137"/>
      <c r="AP4540" s="137"/>
      <c r="AQ4540" s="137"/>
      <c r="AR4540" s="137"/>
      <c r="AS4540" s="137"/>
      <c r="AT4540" s="137"/>
      <c r="AU4540" s="137"/>
      <c r="AV4540" s="137"/>
      <c r="AW4540" s="144"/>
    </row>
    <row r="4541" spans="7:49" x14ac:dyDescent="0.2">
      <c r="G4541" s="43"/>
      <c r="Z4541" s="143"/>
      <c r="AA4541" s="137"/>
      <c r="AB4541" s="137"/>
      <c r="AC4541" s="137"/>
      <c r="AD4541" s="137"/>
      <c r="AE4541" s="137"/>
      <c r="AF4541" s="137"/>
      <c r="AG4541" s="137"/>
      <c r="AH4541" s="137"/>
      <c r="AI4541" s="137"/>
      <c r="AJ4541" s="137"/>
      <c r="AK4541" s="137"/>
      <c r="AL4541" s="137"/>
      <c r="AM4541" s="137"/>
      <c r="AN4541" s="137"/>
      <c r="AO4541" s="137"/>
      <c r="AP4541" s="137"/>
      <c r="AQ4541" s="137"/>
      <c r="AR4541" s="137"/>
      <c r="AS4541" s="137"/>
      <c r="AT4541" s="137"/>
      <c r="AU4541" s="137"/>
      <c r="AV4541" s="137"/>
      <c r="AW4541" s="144"/>
    </row>
    <row r="4542" spans="7:49" x14ac:dyDescent="0.2">
      <c r="G4542" s="43"/>
      <c r="Z4542" s="143"/>
      <c r="AA4542" s="137"/>
      <c r="AB4542" s="137"/>
      <c r="AC4542" s="137"/>
      <c r="AD4542" s="137"/>
      <c r="AE4542" s="137"/>
      <c r="AF4542" s="137"/>
      <c r="AG4542" s="137"/>
      <c r="AH4542" s="137"/>
      <c r="AI4542" s="137"/>
      <c r="AJ4542" s="137"/>
      <c r="AK4542" s="137"/>
      <c r="AL4542" s="137"/>
      <c r="AM4542" s="137"/>
      <c r="AN4542" s="137"/>
      <c r="AO4542" s="137"/>
      <c r="AP4542" s="137"/>
      <c r="AQ4542" s="137"/>
      <c r="AR4542" s="137"/>
      <c r="AS4542" s="137"/>
      <c r="AT4542" s="137"/>
      <c r="AU4542" s="137"/>
      <c r="AV4542" s="137"/>
      <c r="AW4542" s="144"/>
    </row>
    <row r="4543" spans="7:49" x14ac:dyDescent="0.2">
      <c r="G4543" s="43"/>
      <c r="Z4543" s="143"/>
      <c r="AA4543" s="137"/>
      <c r="AB4543" s="137"/>
      <c r="AC4543" s="137"/>
      <c r="AD4543" s="137"/>
      <c r="AE4543" s="137"/>
      <c r="AF4543" s="137"/>
      <c r="AG4543" s="137"/>
      <c r="AH4543" s="137"/>
      <c r="AI4543" s="137"/>
      <c r="AJ4543" s="137"/>
      <c r="AK4543" s="137"/>
      <c r="AL4543" s="137"/>
      <c r="AM4543" s="137"/>
      <c r="AN4543" s="137"/>
      <c r="AO4543" s="137"/>
      <c r="AP4543" s="137"/>
      <c r="AQ4543" s="137"/>
      <c r="AR4543" s="137"/>
      <c r="AS4543" s="137"/>
      <c r="AT4543" s="137"/>
      <c r="AU4543" s="137"/>
      <c r="AV4543" s="137"/>
      <c r="AW4543" s="144"/>
    </row>
    <row r="4544" spans="7:49" x14ac:dyDescent="0.2">
      <c r="G4544" s="43"/>
      <c r="Z4544" s="143"/>
      <c r="AA4544" s="137"/>
      <c r="AB4544" s="137"/>
      <c r="AC4544" s="137"/>
      <c r="AD4544" s="137"/>
      <c r="AE4544" s="137"/>
      <c r="AF4544" s="137"/>
      <c r="AG4544" s="137"/>
      <c r="AH4544" s="137"/>
      <c r="AI4544" s="137"/>
      <c r="AJ4544" s="137"/>
      <c r="AK4544" s="137"/>
      <c r="AL4544" s="137"/>
      <c r="AM4544" s="137"/>
      <c r="AN4544" s="137"/>
      <c r="AO4544" s="137"/>
      <c r="AP4544" s="137"/>
      <c r="AQ4544" s="137"/>
      <c r="AR4544" s="137"/>
      <c r="AS4544" s="137"/>
      <c r="AT4544" s="137"/>
      <c r="AU4544" s="137"/>
      <c r="AV4544" s="137"/>
      <c r="AW4544" s="144"/>
    </row>
    <row r="4545" spans="7:49" x14ac:dyDescent="0.2">
      <c r="G4545" s="43"/>
      <c r="Z4545" s="143"/>
      <c r="AA4545" s="137"/>
      <c r="AB4545" s="137"/>
      <c r="AC4545" s="137"/>
      <c r="AD4545" s="137"/>
      <c r="AE4545" s="137"/>
      <c r="AF4545" s="137"/>
      <c r="AG4545" s="137"/>
      <c r="AH4545" s="137"/>
      <c r="AI4545" s="137"/>
      <c r="AJ4545" s="137"/>
      <c r="AK4545" s="137"/>
      <c r="AL4545" s="137"/>
      <c r="AM4545" s="137"/>
      <c r="AN4545" s="137"/>
      <c r="AO4545" s="137"/>
      <c r="AP4545" s="137"/>
      <c r="AQ4545" s="137"/>
      <c r="AR4545" s="137"/>
      <c r="AS4545" s="137"/>
      <c r="AT4545" s="137"/>
      <c r="AU4545" s="137"/>
      <c r="AV4545" s="137"/>
      <c r="AW4545" s="144"/>
    </row>
    <row r="4546" spans="7:49" x14ac:dyDescent="0.2">
      <c r="G4546" s="43"/>
      <c r="Z4546" s="143"/>
      <c r="AA4546" s="137"/>
      <c r="AB4546" s="137"/>
      <c r="AC4546" s="137"/>
      <c r="AD4546" s="137"/>
      <c r="AE4546" s="137"/>
      <c r="AF4546" s="137"/>
      <c r="AG4546" s="137"/>
      <c r="AH4546" s="137"/>
      <c r="AI4546" s="137"/>
      <c r="AJ4546" s="137"/>
      <c r="AK4546" s="137"/>
      <c r="AL4546" s="137"/>
      <c r="AM4546" s="137"/>
      <c r="AN4546" s="137"/>
      <c r="AO4546" s="137"/>
      <c r="AP4546" s="137"/>
      <c r="AQ4546" s="137"/>
      <c r="AR4546" s="137"/>
      <c r="AS4546" s="137"/>
      <c r="AT4546" s="137"/>
      <c r="AU4546" s="137"/>
      <c r="AV4546" s="137"/>
      <c r="AW4546" s="144"/>
    </row>
    <row r="4547" spans="7:49" x14ac:dyDescent="0.2">
      <c r="G4547" s="43"/>
      <c r="Z4547" s="143"/>
      <c r="AA4547" s="137"/>
      <c r="AB4547" s="137"/>
      <c r="AC4547" s="137"/>
      <c r="AD4547" s="137"/>
      <c r="AE4547" s="137"/>
      <c r="AF4547" s="137"/>
      <c r="AG4547" s="137"/>
      <c r="AH4547" s="137"/>
      <c r="AI4547" s="137"/>
      <c r="AJ4547" s="137"/>
      <c r="AK4547" s="137"/>
      <c r="AL4547" s="137"/>
      <c r="AM4547" s="137"/>
      <c r="AN4547" s="137"/>
      <c r="AO4547" s="137"/>
      <c r="AP4547" s="137"/>
      <c r="AQ4547" s="137"/>
      <c r="AR4547" s="137"/>
      <c r="AS4547" s="137"/>
      <c r="AT4547" s="137"/>
      <c r="AU4547" s="137"/>
      <c r="AV4547" s="137"/>
      <c r="AW4547" s="144"/>
    </row>
    <row r="4548" spans="7:49" x14ac:dyDescent="0.2">
      <c r="G4548" s="43"/>
      <c r="Z4548" s="143"/>
      <c r="AA4548" s="137"/>
      <c r="AB4548" s="137"/>
      <c r="AC4548" s="137"/>
      <c r="AD4548" s="137"/>
      <c r="AE4548" s="137"/>
      <c r="AF4548" s="137"/>
      <c r="AG4548" s="137"/>
      <c r="AH4548" s="137"/>
      <c r="AI4548" s="137"/>
      <c r="AJ4548" s="137"/>
      <c r="AK4548" s="137"/>
      <c r="AL4548" s="137"/>
      <c r="AM4548" s="137"/>
      <c r="AN4548" s="137"/>
      <c r="AO4548" s="137"/>
      <c r="AP4548" s="137"/>
      <c r="AQ4548" s="137"/>
      <c r="AR4548" s="137"/>
      <c r="AS4548" s="137"/>
      <c r="AT4548" s="137"/>
      <c r="AU4548" s="137"/>
      <c r="AV4548" s="137"/>
      <c r="AW4548" s="144"/>
    </row>
    <row r="4549" spans="7:49" x14ac:dyDescent="0.2">
      <c r="G4549" s="43"/>
      <c r="Z4549" s="143"/>
      <c r="AA4549" s="137"/>
      <c r="AB4549" s="137"/>
      <c r="AC4549" s="137"/>
      <c r="AD4549" s="137"/>
      <c r="AE4549" s="137"/>
      <c r="AF4549" s="137"/>
      <c r="AG4549" s="137"/>
      <c r="AH4549" s="137"/>
      <c r="AI4549" s="137"/>
      <c r="AJ4549" s="137"/>
      <c r="AK4549" s="137"/>
      <c r="AL4549" s="137"/>
      <c r="AM4549" s="137"/>
      <c r="AN4549" s="137"/>
      <c r="AO4549" s="137"/>
      <c r="AP4549" s="137"/>
      <c r="AQ4549" s="137"/>
      <c r="AR4549" s="137"/>
      <c r="AS4549" s="137"/>
      <c r="AT4549" s="137"/>
      <c r="AU4549" s="137"/>
      <c r="AV4549" s="137"/>
      <c r="AW4549" s="144"/>
    </row>
    <row r="4550" spans="7:49" x14ac:dyDescent="0.2">
      <c r="G4550" s="43"/>
      <c r="Z4550" s="143"/>
      <c r="AA4550" s="137"/>
      <c r="AB4550" s="137"/>
      <c r="AC4550" s="137"/>
      <c r="AD4550" s="137"/>
      <c r="AE4550" s="137"/>
      <c r="AF4550" s="137"/>
      <c r="AG4550" s="137"/>
      <c r="AH4550" s="137"/>
      <c r="AI4550" s="137"/>
      <c r="AJ4550" s="137"/>
      <c r="AK4550" s="137"/>
      <c r="AL4550" s="137"/>
      <c r="AM4550" s="137"/>
      <c r="AN4550" s="137"/>
      <c r="AO4550" s="137"/>
      <c r="AP4550" s="137"/>
      <c r="AQ4550" s="137"/>
      <c r="AR4550" s="137"/>
      <c r="AS4550" s="137"/>
      <c r="AT4550" s="137"/>
      <c r="AU4550" s="137"/>
      <c r="AV4550" s="137"/>
      <c r="AW4550" s="144"/>
    </row>
    <row r="4551" spans="7:49" x14ac:dyDescent="0.2">
      <c r="G4551" s="43"/>
      <c r="Z4551" s="143"/>
      <c r="AA4551" s="137"/>
      <c r="AB4551" s="137"/>
      <c r="AC4551" s="137"/>
      <c r="AD4551" s="137"/>
      <c r="AE4551" s="137"/>
      <c r="AF4551" s="137"/>
      <c r="AG4551" s="137"/>
      <c r="AH4551" s="137"/>
      <c r="AI4551" s="137"/>
      <c r="AJ4551" s="137"/>
      <c r="AK4551" s="137"/>
      <c r="AL4551" s="137"/>
      <c r="AM4551" s="137"/>
      <c r="AN4551" s="137"/>
      <c r="AO4551" s="137"/>
      <c r="AP4551" s="137"/>
      <c r="AQ4551" s="137"/>
      <c r="AR4551" s="137"/>
      <c r="AS4551" s="137"/>
      <c r="AT4551" s="137"/>
      <c r="AU4551" s="137"/>
      <c r="AV4551" s="137"/>
      <c r="AW4551" s="144"/>
    </row>
    <row r="4552" spans="7:49" x14ac:dyDescent="0.2">
      <c r="G4552" s="43"/>
      <c r="Z4552" s="143"/>
      <c r="AA4552" s="137"/>
      <c r="AB4552" s="137"/>
      <c r="AC4552" s="137"/>
      <c r="AD4552" s="137"/>
      <c r="AE4552" s="137"/>
      <c r="AF4552" s="137"/>
      <c r="AG4552" s="137"/>
      <c r="AH4552" s="137"/>
      <c r="AI4552" s="137"/>
      <c r="AJ4552" s="137"/>
      <c r="AK4552" s="137"/>
      <c r="AL4552" s="137"/>
      <c r="AM4552" s="137"/>
      <c r="AN4552" s="137"/>
      <c r="AO4552" s="137"/>
      <c r="AP4552" s="137"/>
      <c r="AQ4552" s="137"/>
      <c r="AR4552" s="137"/>
      <c r="AS4552" s="137"/>
      <c r="AT4552" s="137"/>
      <c r="AU4552" s="137"/>
      <c r="AV4552" s="137"/>
      <c r="AW4552" s="144"/>
    </row>
    <row r="4553" spans="7:49" x14ac:dyDescent="0.2">
      <c r="G4553" s="43"/>
      <c r="Z4553" s="143"/>
      <c r="AA4553" s="137"/>
      <c r="AB4553" s="137"/>
      <c r="AC4553" s="137"/>
      <c r="AD4553" s="137"/>
      <c r="AE4553" s="137"/>
      <c r="AF4553" s="137"/>
      <c r="AG4553" s="137"/>
      <c r="AH4553" s="137"/>
      <c r="AI4553" s="137"/>
      <c r="AJ4553" s="137"/>
      <c r="AK4553" s="137"/>
      <c r="AL4553" s="137"/>
      <c r="AM4553" s="137"/>
      <c r="AN4553" s="137"/>
      <c r="AO4553" s="137"/>
      <c r="AP4553" s="137"/>
      <c r="AQ4553" s="137"/>
      <c r="AR4553" s="137"/>
      <c r="AS4553" s="137"/>
      <c r="AT4553" s="137"/>
      <c r="AU4553" s="137"/>
      <c r="AV4553" s="137"/>
      <c r="AW4553" s="144"/>
    </row>
    <row r="4554" spans="7:49" x14ac:dyDescent="0.2">
      <c r="G4554" s="43"/>
      <c r="Z4554" s="143"/>
      <c r="AA4554" s="137"/>
      <c r="AB4554" s="137"/>
      <c r="AC4554" s="137"/>
      <c r="AD4554" s="137"/>
      <c r="AE4554" s="137"/>
      <c r="AF4554" s="137"/>
      <c r="AG4554" s="137"/>
      <c r="AH4554" s="137"/>
      <c r="AI4554" s="137"/>
      <c r="AJ4554" s="137"/>
      <c r="AK4554" s="137"/>
      <c r="AL4554" s="137"/>
      <c r="AM4554" s="137"/>
      <c r="AN4554" s="137"/>
      <c r="AO4554" s="137"/>
      <c r="AP4554" s="137"/>
      <c r="AQ4554" s="137"/>
      <c r="AR4554" s="137"/>
      <c r="AS4554" s="137"/>
      <c r="AT4554" s="137"/>
      <c r="AU4554" s="137"/>
      <c r="AV4554" s="137"/>
      <c r="AW4554" s="144"/>
    </row>
    <row r="4555" spans="7:49" x14ac:dyDescent="0.2">
      <c r="G4555" s="43"/>
      <c r="Z4555" s="143"/>
      <c r="AA4555" s="137"/>
      <c r="AB4555" s="137"/>
      <c r="AC4555" s="137"/>
      <c r="AD4555" s="137"/>
      <c r="AE4555" s="137"/>
      <c r="AF4555" s="137"/>
      <c r="AG4555" s="137"/>
      <c r="AH4555" s="137"/>
      <c r="AI4555" s="137"/>
      <c r="AJ4555" s="137"/>
      <c r="AK4555" s="137"/>
      <c r="AL4555" s="137"/>
      <c r="AM4555" s="137"/>
      <c r="AN4555" s="137"/>
      <c r="AO4555" s="137"/>
      <c r="AP4555" s="137"/>
      <c r="AQ4555" s="137"/>
      <c r="AR4555" s="137"/>
      <c r="AS4555" s="137"/>
      <c r="AT4555" s="137"/>
      <c r="AU4555" s="137"/>
      <c r="AV4555" s="137"/>
      <c r="AW4555" s="144"/>
    </row>
    <row r="4556" spans="7:49" x14ac:dyDescent="0.2">
      <c r="G4556" s="43"/>
      <c r="Z4556" s="143"/>
      <c r="AA4556" s="137"/>
      <c r="AB4556" s="137"/>
      <c r="AC4556" s="137"/>
      <c r="AD4556" s="137"/>
      <c r="AE4556" s="137"/>
      <c r="AF4556" s="137"/>
      <c r="AG4556" s="137"/>
      <c r="AH4556" s="137"/>
      <c r="AI4556" s="137"/>
      <c r="AJ4556" s="137"/>
      <c r="AK4556" s="137"/>
      <c r="AL4556" s="137"/>
      <c r="AM4556" s="137"/>
      <c r="AN4556" s="137"/>
      <c r="AO4556" s="137"/>
      <c r="AP4556" s="137"/>
      <c r="AQ4556" s="137"/>
      <c r="AR4556" s="137"/>
      <c r="AS4556" s="137"/>
      <c r="AT4556" s="137"/>
      <c r="AU4556" s="137"/>
      <c r="AV4556" s="137"/>
      <c r="AW4556" s="144"/>
    </row>
    <row r="4557" spans="7:49" x14ac:dyDescent="0.2">
      <c r="G4557" s="43"/>
      <c r="Z4557" s="143"/>
      <c r="AA4557" s="137"/>
      <c r="AB4557" s="137"/>
      <c r="AC4557" s="137"/>
      <c r="AD4557" s="137"/>
      <c r="AE4557" s="137"/>
      <c r="AF4557" s="137"/>
      <c r="AG4557" s="137"/>
      <c r="AH4557" s="137"/>
      <c r="AI4557" s="137"/>
      <c r="AJ4557" s="137"/>
      <c r="AK4557" s="137"/>
      <c r="AL4557" s="137"/>
      <c r="AM4557" s="137"/>
      <c r="AN4557" s="137"/>
      <c r="AO4557" s="137"/>
      <c r="AP4557" s="137"/>
      <c r="AQ4557" s="137"/>
      <c r="AR4557" s="137"/>
      <c r="AS4557" s="137"/>
      <c r="AT4557" s="137"/>
      <c r="AU4557" s="137"/>
      <c r="AV4557" s="137"/>
      <c r="AW4557" s="144"/>
    </row>
    <row r="4558" spans="7:49" x14ac:dyDescent="0.2">
      <c r="G4558" s="43"/>
      <c r="Z4558" s="143"/>
      <c r="AA4558" s="137"/>
      <c r="AB4558" s="137"/>
      <c r="AC4558" s="137"/>
      <c r="AD4558" s="137"/>
      <c r="AE4558" s="137"/>
      <c r="AF4558" s="137"/>
      <c r="AG4558" s="137"/>
      <c r="AH4558" s="137"/>
      <c r="AI4558" s="137"/>
      <c r="AJ4558" s="137"/>
      <c r="AK4558" s="137"/>
      <c r="AL4558" s="137"/>
      <c r="AM4558" s="137"/>
      <c r="AN4558" s="137"/>
      <c r="AO4558" s="137"/>
      <c r="AP4558" s="137"/>
      <c r="AQ4558" s="137"/>
      <c r="AR4558" s="137"/>
      <c r="AS4558" s="137"/>
      <c r="AT4558" s="137"/>
      <c r="AU4558" s="137"/>
      <c r="AV4558" s="137"/>
      <c r="AW4558" s="144"/>
    </row>
    <row r="4559" spans="7:49" x14ac:dyDescent="0.2">
      <c r="G4559" s="43"/>
      <c r="Z4559" s="143"/>
      <c r="AA4559" s="137"/>
      <c r="AB4559" s="137"/>
      <c r="AC4559" s="137"/>
      <c r="AD4559" s="137"/>
      <c r="AE4559" s="137"/>
      <c r="AF4559" s="137"/>
      <c r="AG4559" s="137"/>
      <c r="AH4559" s="137"/>
      <c r="AI4559" s="137"/>
      <c r="AJ4559" s="137"/>
      <c r="AK4559" s="137"/>
      <c r="AL4559" s="137"/>
      <c r="AM4559" s="137"/>
      <c r="AN4559" s="137"/>
      <c r="AO4559" s="137"/>
      <c r="AP4559" s="137"/>
      <c r="AQ4559" s="137"/>
      <c r="AR4559" s="137"/>
      <c r="AS4559" s="137"/>
      <c r="AT4559" s="137"/>
      <c r="AU4559" s="137"/>
      <c r="AV4559" s="137"/>
      <c r="AW4559" s="144"/>
    </row>
    <row r="4560" spans="7:49" x14ac:dyDescent="0.2">
      <c r="G4560" s="43"/>
      <c r="Z4560" s="143"/>
      <c r="AA4560" s="137"/>
      <c r="AB4560" s="137"/>
      <c r="AC4560" s="137"/>
      <c r="AD4560" s="137"/>
      <c r="AE4560" s="137"/>
      <c r="AF4560" s="137"/>
      <c r="AG4560" s="137"/>
      <c r="AH4560" s="137"/>
      <c r="AI4560" s="137"/>
      <c r="AJ4560" s="137"/>
      <c r="AK4560" s="137"/>
      <c r="AL4560" s="137"/>
      <c r="AM4560" s="137"/>
      <c r="AN4560" s="137"/>
      <c r="AO4560" s="137"/>
      <c r="AP4560" s="137"/>
      <c r="AQ4560" s="137"/>
      <c r="AR4560" s="137"/>
      <c r="AS4560" s="137"/>
      <c r="AT4560" s="137"/>
      <c r="AU4560" s="137"/>
      <c r="AV4560" s="137"/>
      <c r="AW4560" s="144"/>
    </row>
    <row r="4561" spans="7:49" x14ac:dyDescent="0.2">
      <c r="G4561" s="43"/>
      <c r="Z4561" s="143"/>
      <c r="AA4561" s="137"/>
      <c r="AB4561" s="137"/>
      <c r="AC4561" s="137"/>
      <c r="AD4561" s="137"/>
      <c r="AE4561" s="137"/>
      <c r="AF4561" s="137"/>
      <c r="AG4561" s="137"/>
      <c r="AH4561" s="137"/>
      <c r="AI4561" s="137"/>
      <c r="AJ4561" s="137"/>
      <c r="AK4561" s="137"/>
      <c r="AL4561" s="137"/>
      <c r="AM4561" s="137"/>
      <c r="AN4561" s="137"/>
      <c r="AO4561" s="137"/>
      <c r="AP4561" s="137"/>
      <c r="AQ4561" s="137"/>
      <c r="AR4561" s="137"/>
      <c r="AS4561" s="137"/>
      <c r="AT4561" s="137"/>
      <c r="AU4561" s="137"/>
      <c r="AV4561" s="137"/>
      <c r="AW4561" s="144"/>
    </row>
    <row r="4562" spans="7:49" x14ac:dyDescent="0.2">
      <c r="G4562" s="43"/>
      <c r="Z4562" s="143"/>
      <c r="AA4562" s="137"/>
      <c r="AB4562" s="137"/>
      <c r="AC4562" s="137"/>
      <c r="AD4562" s="137"/>
      <c r="AE4562" s="137"/>
      <c r="AF4562" s="137"/>
      <c r="AG4562" s="137"/>
      <c r="AH4562" s="137"/>
      <c r="AI4562" s="137"/>
      <c r="AJ4562" s="137"/>
      <c r="AK4562" s="137"/>
      <c r="AL4562" s="137"/>
      <c r="AM4562" s="137"/>
      <c r="AN4562" s="137"/>
      <c r="AO4562" s="137"/>
      <c r="AP4562" s="137"/>
      <c r="AQ4562" s="137"/>
      <c r="AR4562" s="137"/>
      <c r="AS4562" s="137"/>
      <c r="AT4562" s="137"/>
      <c r="AU4562" s="137"/>
      <c r="AV4562" s="137"/>
      <c r="AW4562" s="144"/>
    </row>
    <row r="4563" spans="7:49" x14ac:dyDescent="0.2">
      <c r="G4563" s="43"/>
      <c r="Z4563" s="143"/>
      <c r="AA4563" s="137"/>
      <c r="AB4563" s="137"/>
      <c r="AC4563" s="137"/>
      <c r="AD4563" s="137"/>
      <c r="AE4563" s="137"/>
      <c r="AF4563" s="137"/>
      <c r="AG4563" s="137"/>
      <c r="AH4563" s="137"/>
      <c r="AI4563" s="137"/>
      <c r="AJ4563" s="137"/>
      <c r="AK4563" s="137"/>
      <c r="AL4563" s="137"/>
      <c r="AM4563" s="137"/>
      <c r="AN4563" s="137"/>
      <c r="AO4563" s="137"/>
      <c r="AP4563" s="137"/>
      <c r="AQ4563" s="137"/>
      <c r="AR4563" s="137"/>
      <c r="AS4563" s="137"/>
      <c r="AT4563" s="137"/>
      <c r="AU4563" s="137"/>
      <c r="AV4563" s="137"/>
      <c r="AW4563" s="144"/>
    </row>
    <row r="4564" spans="7:49" x14ac:dyDescent="0.2">
      <c r="G4564" s="43"/>
      <c r="Z4564" s="143"/>
      <c r="AA4564" s="137"/>
      <c r="AB4564" s="137"/>
      <c r="AC4564" s="137"/>
      <c r="AD4564" s="137"/>
      <c r="AE4564" s="137"/>
      <c r="AF4564" s="137"/>
      <c r="AG4564" s="137"/>
      <c r="AH4564" s="137"/>
      <c r="AI4564" s="137"/>
      <c r="AJ4564" s="137"/>
      <c r="AK4564" s="137"/>
      <c r="AL4564" s="137"/>
      <c r="AM4564" s="137"/>
      <c r="AN4564" s="137"/>
      <c r="AO4564" s="137"/>
      <c r="AP4564" s="137"/>
      <c r="AQ4564" s="137"/>
      <c r="AR4564" s="137"/>
      <c r="AS4564" s="137"/>
      <c r="AT4564" s="137"/>
      <c r="AU4564" s="137"/>
      <c r="AV4564" s="137"/>
      <c r="AW4564" s="144"/>
    </row>
    <row r="4565" spans="7:49" x14ac:dyDescent="0.2">
      <c r="G4565" s="43"/>
      <c r="Z4565" s="143"/>
      <c r="AA4565" s="137"/>
      <c r="AB4565" s="137"/>
      <c r="AC4565" s="137"/>
      <c r="AD4565" s="137"/>
      <c r="AE4565" s="137"/>
      <c r="AF4565" s="137"/>
      <c r="AG4565" s="137"/>
      <c r="AH4565" s="137"/>
      <c r="AI4565" s="137"/>
      <c r="AJ4565" s="137"/>
      <c r="AK4565" s="137"/>
      <c r="AL4565" s="137"/>
      <c r="AM4565" s="137"/>
      <c r="AN4565" s="137"/>
      <c r="AO4565" s="137"/>
      <c r="AP4565" s="137"/>
      <c r="AQ4565" s="137"/>
      <c r="AR4565" s="137"/>
      <c r="AS4565" s="137"/>
      <c r="AT4565" s="137"/>
      <c r="AU4565" s="137"/>
      <c r="AV4565" s="137"/>
      <c r="AW4565" s="144"/>
    </row>
    <row r="4566" spans="7:49" x14ac:dyDescent="0.2">
      <c r="G4566" s="43"/>
      <c r="Z4566" s="143"/>
      <c r="AA4566" s="137"/>
      <c r="AB4566" s="137"/>
      <c r="AC4566" s="137"/>
      <c r="AD4566" s="137"/>
      <c r="AE4566" s="137"/>
      <c r="AF4566" s="137"/>
      <c r="AG4566" s="137"/>
      <c r="AH4566" s="137"/>
      <c r="AI4566" s="137"/>
      <c r="AJ4566" s="137"/>
      <c r="AK4566" s="137"/>
      <c r="AL4566" s="137"/>
      <c r="AM4566" s="137"/>
      <c r="AN4566" s="137"/>
      <c r="AO4566" s="137"/>
      <c r="AP4566" s="137"/>
      <c r="AQ4566" s="137"/>
      <c r="AR4566" s="137"/>
      <c r="AS4566" s="137"/>
      <c r="AT4566" s="137"/>
      <c r="AU4566" s="137"/>
      <c r="AV4566" s="137"/>
      <c r="AW4566" s="144"/>
    </row>
    <row r="4567" spans="7:49" x14ac:dyDescent="0.2">
      <c r="G4567" s="43"/>
      <c r="Z4567" s="143"/>
      <c r="AA4567" s="137"/>
      <c r="AB4567" s="137"/>
      <c r="AC4567" s="137"/>
      <c r="AD4567" s="137"/>
      <c r="AE4567" s="137"/>
      <c r="AF4567" s="137"/>
      <c r="AG4567" s="137"/>
      <c r="AH4567" s="137"/>
      <c r="AI4567" s="137"/>
      <c r="AJ4567" s="137"/>
      <c r="AK4567" s="137"/>
      <c r="AL4567" s="137"/>
      <c r="AM4567" s="137"/>
      <c r="AN4567" s="137"/>
      <c r="AO4567" s="137"/>
      <c r="AP4567" s="137"/>
      <c r="AQ4567" s="137"/>
      <c r="AR4567" s="137"/>
      <c r="AS4567" s="137"/>
      <c r="AT4567" s="137"/>
      <c r="AU4567" s="137"/>
      <c r="AV4567" s="137"/>
      <c r="AW4567" s="144"/>
    </row>
    <row r="4568" spans="7:49" x14ac:dyDescent="0.2">
      <c r="G4568" s="43"/>
      <c r="Z4568" s="143"/>
      <c r="AA4568" s="137"/>
      <c r="AB4568" s="137"/>
      <c r="AC4568" s="137"/>
      <c r="AD4568" s="137"/>
      <c r="AE4568" s="137"/>
      <c r="AF4568" s="137"/>
      <c r="AG4568" s="137"/>
      <c r="AH4568" s="137"/>
      <c r="AI4568" s="137"/>
      <c r="AJ4568" s="137"/>
      <c r="AK4568" s="137"/>
      <c r="AL4568" s="137"/>
      <c r="AM4568" s="137"/>
      <c r="AN4568" s="137"/>
      <c r="AO4568" s="137"/>
      <c r="AP4568" s="137"/>
      <c r="AQ4568" s="137"/>
      <c r="AR4568" s="137"/>
      <c r="AS4568" s="137"/>
      <c r="AT4568" s="137"/>
      <c r="AU4568" s="137"/>
      <c r="AV4568" s="137"/>
      <c r="AW4568" s="144"/>
    </row>
    <row r="4569" spans="7:49" x14ac:dyDescent="0.2">
      <c r="G4569" s="43"/>
      <c r="Z4569" s="143"/>
      <c r="AA4569" s="137"/>
      <c r="AB4569" s="137"/>
      <c r="AC4569" s="137"/>
      <c r="AD4569" s="137"/>
      <c r="AE4569" s="137"/>
      <c r="AF4569" s="137"/>
      <c r="AG4569" s="137"/>
      <c r="AH4569" s="137"/>
      <c r="AI4569" s="137"/>
      <c r="AJ4569" s="137"/>
      <c r="AK4569" s="137"/>
      <c r="AL4569" s="137"/>
      <c r="AM4569" s="137"/>
      <c r="AN4569" s="137"/>
      <c r="AO4569" s="137"/>
      <c r="AP4569" s="137"/>
      <c r="AQ4569" s="137"/>
      <c r="AR4569" s="137"/>
      <c r="AS4569" s="137"/>
      <c r="AT4569" s="137"/>
      <c r="AU4569" s="137"/>
      <c r="AV4569" s="137"/>
      <c r="AW4569" s="144"/>
    </row>
    <row r="4570" spans="7:49" x14ac:dyDescent="0.2">
      <c r="G4570" s="43"/>
      <c r="Z4570" s="143"/>
      <c r="AA4570" s="137"/>
      <c r="AB4570" s="137"/>
      <c r="AC4570" s="137"/>
      <c r="AD4570" s="137"/>
      <c r="AE4570" s="137"/>
      <c r="AF4570" s="137"/>
      <c r="AG4570" s="137"/>
      <c r="AH4570" s="137"/>
      <c r="AI4570" s="137"/>
      <c r="AJ4570" s="137"/>
      <c r="AK4570" s="137"/>
      <c r="AL4570" s="137"/>
      <c r="AM4570" s="137"/>
      <c r="AN4570" s="137"/>
      <c r="AO4570" s="137"/>
      <c r="AP4570" s="137"/>
      <c r="AQ4570" s="137"/>
      <c r="AR4570" s="137"/>
      <c r="AS4570" s="137"/>
      <c r="AT4570" s="137"/>
      <c r="AU4570" s="137"/>
      <c r="AV4570" s="137"/>
      <c r="AW4570" s="144"/>
    </row>
    <row r="4571" spans="7:49" x14ac:dyDescent="0.2">
      <c r="G4571" s="43"/>
      <c r="Z4571" s="143"/>
      <c r="AA4571" s="137"/>
      <c r="AB4571" s="137"/>
      <c r="AC4571" s="137"/>
      <c r="AD4571" s="137"/>
      <c r="AE4571" s="137"/>
      <c r="AF4571" s="137"/>
      <c r="AG4571" s="137"/>
      <c r="AH4571" s="137"/>
      <c r="AI4571" s="137"/>
      <c r="AJ4571" s="137"/>
      <c r="AK4571" s="137"/>
      <c r="AL4571" s="137"/>
      <c r="AM4571" s="137"/>
      <c r="AN4571" s="137"/>
      <c r="AO4571" s="137"/>
      <c r="AP4571" s="137"/>
      <c r="AQ4571" s="137"/>
      <c r="AR4571" s="137"/>
      <c r="AS4571" s="137"/>
      <c r="AT4571" s="137"/>
      <c r="AU4571" s="137"/>
      <c r="AV4571" s="137"/>
      <c r="AW4571" s="144"/>
    </row>
    <row r="4572" spans="7:49" x14ac:dyDescent="0.2">
      <c r="G4572" s="43"/>
      <c r="Z4572" s="143"/>
      <c r="AA4572" s="137"/>
      <c r="AB4572" s="137"/>
      <c r="AC4572" s="137"/>
      <c r="AD4572" s="137"/>
      <c r="AE4572" s="137"/>
      <c r="AF4572" s="137"/>
      <c r="AG4572" s="137"/>
      <c r="AH4572" s="137"/>
      <c r="AI4572" s="137"/>
      <c r="AJ4572" s="137"/>
      <c r="AK4572" s="137"/>
      <c r="AL4572" s="137"/>
      <c r="AM4572" s="137"/>
      <c r="AN4572" s="137"/>
      <c r="AO4572" s="137"/>
      <c r="AP4572" s="137"/>
      <c r="AQ4572" s="137"/>
      <c r="AR4572" s="137"/>
      <c r="AS4572" s="137"/>
      <c r="AT4572" s="137"/>
      <c r="AU4572" s="137"/>
      <c r="AV4572" s="137"/>
      <c r="AW4572" s="144"/>
    </row>
    <row r="4573" spans="7:49" x14ac:dyDescent="0.2">
      <c r="G4573" s="43"/>
      <c r="Z4573" s="143"/>
      <c r="AA4573" s="137"/>
      <c r="AB4573" s="137"/>
      <c r="AC4573" s="137"/>
      <c r="AD4573" s="137"/>
      <c r="AE4573" s="137"/>
      <c r="AF4573" s="137"/>
      <c r="AG4573" s="137"/>
      <c r="AH4573" s="137"/>
      <c r="AI4573" s="137"/>
      <c r="AJ4573" s="137"/>
      <c r="AK4573" s="137"/>
      <c r="AL4573" s="137"/>
      <c r="AM4573" s="137"/>
      <c r="AN4573" s="137"/>
      <c r="AO4573" s="137"/>
      <c r="AP4573" s="137"/>
      <c r="AQ4573" s="137"/>
      <c r="AR4573" s="137"/>
      <c r="AS4573" s="137"/>
      <c r="AT4573" s="137"/>
      <c r="AU4573" s="137"/>
      <c r="AV4573" s="137"/>
      <c r="AW4573" s="144"/>
    </row>
    <row r="4574" spans="7:49" x14ac:dyDescent="0.2">
      <c r="G4574" s="43"/>
      <c r="Z4574" s="143"/>
      <c r="AA4574" s="137"/>
      <c r="AB4574" s="137"/>
      <c r="AC4574" s="137"/>
      <c r="AD4574" s="137"/>
      <c r="AE4574" s="137"/>
      <c r="AF4574" s="137"/>
      <c r="AG4574" s="137"/>
      <c r="AH4574" s="137"/>
      <c r="AI4574" s="137"/>
      <c r="AJ4574" s="137"/>
      <c r="AK4574" s="137"/>
      <c r="AL4574" s="137"/>
      <c r="AM4574" s="137"/>
      <c r="AN4574" s="137"/>
      <c r="AO4574" s="137"/>
      <c r="AP4574" s="137"/>
      <c r="AQ4574" s="137"/>
      <c r="AR4574" s="137"/>
      <c r="AS4574" s="137"/>
      <c r="AT4574" s="137"/>
      <c r="AU4574" s="137"/>
      <c r="AV4574" s="137"/>
      <c r="AW4574" s="144"/>
    </row>
    <row r="4575" spans="7:49" x14ac:dyDescent="0.2">
      <c r="G4575" s="43"/>
      <c r="Z4575" s="143"/>
      <c r="AA4575" s="137"/>
      <c r="AB4575" s="137"/>
      <c r="AC4575" s="137"/>
      <c r="AD4575" s="137"/>
      <c r="AE4575" s="137"/>
      <c r="AF4575" s="137"/>
      <c r="AG4575" s="137"/>
      <c r="AH4575" s="137"/>
      <c r="AI4575" s="137"/>
      <c r="AJ4575" s="137"/>
      <c r="AK4575" s="137"/>
      <c r="AL4575" s="137"/>
      <c r="AM4575" s="137"/>
      <c r="AN4575" s="137"/>
      <c r="AO4575" s="137"/>
      <c r="AP4575" s="137"/>
      <c r="AQ4575" s="137"/>
      <c r="AR4575" s="137"/>
      <c r="AS4575" s="137"/>
      <c r="AT4575" s="137"/>
      <c r="AU4575" s="137"/>
      <c r="AV4575" s="137"/>
      <c r="AW4575" s="144"/>
    </row>
    <row r="4576" spans="7:49" x14ac:dyDescent="0.2">
      <c r="G4576" s="43"/>
      <c r="Z4576" s="143"/>
      <c r="AA4576" s="137"/>
      <c r="AB4576" s="137"/>
      <c r="AC4576" s="137"/>
      <c r="AD4576" s="137"/>
      <c r="AE4576" s="137"/>
      <c r="AF4576" s="137"/>
      <c r="AG4576" s="137"/>
      <c r="AH4576" s="137"/>
      <c r="AI4576" s="137"/>
      <c r="AJ4576" s="137"/>
      <c r="AK4576" s="137"/>
      <c r="AL4576" s="137"/>
      <c r="AM4576" s="137"/>
      <c r="AN4576" s="137"/>
      <c r="AO4576" s="137"/>
      <c r="AP4576" s="137"/>
      <c r="AQ4576" s="137"/>
      <c r="AR4576" s="137"/>
      <c r="AS4576" s="137"/>
      <c r="AT4576" s="137"/>
      <c r="AU4576" s="137"/>
      <c r="AV4576" s="137"/>
      <c r="AW4576" s="144"/>
    </row>
    <row r="4577" spans="7:49" x14ac:dyDescent="0.2">
      <c r="G4577" s="43"/>
      <c r="Z4577" s="143"/>
      <c r="AA4577" s="137"/>
      <c r="AB4577" s="137"/>
      <c r="AC4577" s="137"/>
      <c r="AD4577" s="137"/>
      <c r="AE4577" s="137"/>
      <c r="AF4577" s="137"/>
      <c r="AG4577" s="137"/>
      <c r="AH4577" s="137"/>
      <c r="AI4577" s="137"/>
      <c r="AJ4577" s="137"/>
      <c r="AK4577" s="137"/>
      <c r="AL4577" s="137"/>
      <c r="AM4577" s="137"/>
      <c r="AN4577" s="137"/>
      <c r="AO4577" s="137"/>
      <c r="AP4577" s="137"/>
      <c r="AQ4577" s="137"/>
      <c r="AR4577" s="137"/>
      <c r="AS4577" s="137"/>
      <c r="AT4577" s="137"/>
      <c r="AU4577" s="137"/>
      <c r="AV4577" s="137"/>
      <c r="AW4577" s="144"/>
    </row>
    <row r="4578" spans="7:49" x14ac:dyDescent="0.2">
      <c r="G4578" s="43"/>
      <c r="Z4578" s="143"/>
      <c r="AA4578" s="137"/>
      <c r="AB4578" s="137"/>
      <c r="AC4578" s="137"/>
      <c r="AD4578" s="137"/>
      <c r="AE4578" s="137"/>
      <c r="AF4578" s="137"/>
      <c r="AG4578" s="137"/>
      <c r="AH4578" s="137"/>
      <c r="AI4578" s="137"/>
      <c r="AJ4578" s="137"/>
      <c r="AK4578" s="137"/>
      <c r="AL4578" s="137"/>
      <c r="AM4578" s="137"/>
      <c r="AN4578" s="137"/>
      <c r="AO4578" s="137"/>
      <c r="AP4578" s="137"/>
      <c r="AQ4578" s="137"/>
      <c r="AR4578" s="137"/>
      <c r="AS4578" s="137"/>
      <c r="AT4578" s="137"/>
      <c r="AU4578" s="137"/>
      <c r="AV4578" s="137"/>
      <c r="AW4578" s="144"/>
    </row>
    <row r="4579" spans="7:49" x14ac:dyDescent="0.2">
      <c r="G4579" s="43"/>
      <c r="Z4579" s="143"/>
      <c r="AA4579" s="137"/>
      <c r="AB4579" s="137"/>
      <c r="AC4579" s="137"/>
      <c r="AD4579" s="137"/>
      <c r="AE4579" s="137"/>
      <c r="AF4579" s="137"/>
      <c r="AG4579" s="137"/>
      <c r="AH4579" s="137"/>
      <c r="AI4579" s="137"/>
      <c r="AJ4579" s="137"/>
      <c r="AK4579" s="137"/>
      <c r="AL4579" s="137"/>
      <c r="AM4579" s="137"/>
      <c r="AN4579" s="137"/>
      <c r="AO4579" s="137"/>
      <c r="AP4579" s="137"/>
      <c r="AQ4579" s="137"/>
      <c r="AR4579" s="137"/>
      <c r="AS4579" s="137"/>
      <c r="AT4579" s="137"/>
      <c r="AU4579" s="137"/>
      <c r="AV4579" s="137"/>
      <c r="AW4579" s="144"/>
    </row>
    <row r="4580" spans="7:49" x14ac:dyDescent="0.2">
      <c r="G4580" s="43"/>
      <c r="Z4580" s="143"/>
      <c r="AA4580" s="137"/>
      <c r="AB4580" s="137"/>
      <c r="AC4580" s="137"/>
      <c r="AD4580" s="137"/>
      <c r="AE4580" s="137"/>
      <c r="AF4580" s="137"/>
      <c r="AG4580" s="137"/>
      <c r="AH4580" s="137"/>
      <c r="AI4580" s="137"/>
      <c r="AJ4580" s="137"/>
      <c r="AK4580" s="137"/>
      <c r="AL4580" s="137"/>
      <c r="AM4580" s="137"/>
      <c r="AN4580" s="137"/>
      <c r="AO4580" s="137"/>
      <c r="AP4580" s="137"/>
      <c r="AQ4580" s="137"/>
      <c r="AR4580" s="137"/>
      <c r="AS4580" s="137"/>
      <c r="AT4580" s="137"/>
      <c r="AU4580" s="137"/>
      <c r="AV4580" s="137"/>
      <c r="AW4580" s="144"/>
    </row>
    <row r="4581" spans="7:49" x14ac:dyDescent="0.2">
      <c r="G4581" s="43"/>
      <c r="Z4581" s="143"/>
      <c r="AA4581" s="137"/>
      <c r="AB4581" s="137"/>
      <c r="AC4581" s="137"/>
      <c r="AD4581" s="137"/>
      <c r="AE4581" s="137"/>
      <c r="AF4581" s="137"/>
      <c r="AG4581" s="137"/>
      <c r="AH4581" s="137"/>
      <c r="AI4581" s="137"/>
      <c r="AJ4581" s="137"/>
      <c r="AK4581" s="137"/>
      <c r="AL4581" s="137"/>
      <c r="AM4581" s="137"/>
      <c r="AN4581" s="137"/>
      <c r="AO4581" s="137"/>
      <c r="AP4581" s="137"/>
      <c r="AQ4581" s="137"/>
      <c r="AR4581" s="137"/>
      <c r="AS4581" s="137"/>
      <c r="AT4581" s="137"/>
      <c r="AU4581" s="137"/>
      <c r="AV4581" s="137"/>
      <c r="AW4581" s="144"/>
    </row>
    <row r="4582" spans="7:49" x14ac:dyDescent="0.2">
      <c r="G4582" s="43"/>
      <c r="Z4582" s="143"/>
      <c r="AA4582" s="137"/>
      <c r="AB4582" s="137"/>
      <c r="AC4582" s="137"/>
      <c r="AD4582" s="137"/>
      <c r="AE4582" s="137"/>
      <c r="AF4582" s="137"/>
      <c r="AG4582" s="137"/>
      <c r="AH4582" s="137"/>
      <c r="AI4582" s="137"/>
      <c r="AJ4582" s="137"/>
      <c r="AK4582" s="137"/>
      <c r="AL4582" s="137"/>
      <c r="AM4582" s="137"/>
      <c r="AN4582" s="137"/>
      <c r="AO4582" s="137"/>
      <c r="AP4582" s="137"/>
      <c r="AQ4582" s="137"/>
      <c r="AR4582" s="137"/>
      <c r="AS4582" s="137"/>
      <c r="AT4582" s="137"/>
      <c r="AU4582" s="137"/>
      <c r="AV4582" s="137"/>
      <c r="AW4582" s="144"/>
    </row>
    <row r="4583" spans="7:49" x14ac:dyDescent="0.2">
      <c r="G4583" s="43"/>
      <c r="Z4583" s="143"/>
      <c r="AA4583" s="137"/>
      <c r="AB4583" s="137"/>
      <c r="AC4583" s="137"/>
      <c r="AD4583" s="137"/>
      <c r="AE4583" s="137"/>
      <c r="AF4583" s="137"/>
      <c r="AG4583" s="137"/>
      <c r="AH4583" s="137"/>
      <c r="AI4583" s="137"/>
      <c r="AJ4583" s="137"/>
      <c r="AK4583" s="137"/>
      <c r="AL4583" s="137"/>
      <c r="AM4583" s="137"/>
      <c r="AN4583" s="137"/>
      <c r="AO4583" s="137"/>
      <c r="AP4583" s="137"/>
      <c r="AQ4583" s="137"/>
      <c r="AR4583" s="137"/>
      <c r="AS4583" s="137"/>
      <c r="AT4583" s="137"/>
      <c r="AU4583" s="137"/>
      <c r="AV4583" s="137"/>
      <c r="AW4583" s="144"/>
    </row>
    <row r="4584" spans="7:49" x14ac:dyDescent="0.2">
      <c r="G4584" s="43"/>
      <c r="Z4584" s="143"/>
      <c r="AA4584" s="137"/>
      <c r="AB4584" s="137"/>
      <c r="AC4584" s="137"/>
      <c r="AD4584" s="137"/>
      <c r="AE4584" s="137"/>
      <c r="AF4584" s="137"/>
      <c r="AG4584" s="137"/>
      <c r="AH4584" s="137"/>
      <c r="AI4584" s="137"/>
      <c r="AJ4584" s="137"/>
      <c r="AK4584" s="137"/>
      <c r="AL4584" s="137"/>
      <c r="AM4584" s="137"/>
      <c r="AN4584" s="137"/>
      <c r="AO4584" s="137"/>
      <c r="AP4584" s="137"/>
      <c r="AQ4584" s="137"/>
      <c r="AR4584" s="137"/>
      <c r="AS4584" s="137"/>
      <c r="AT4584" s="137"/>
      <c r="AU4584" s="137"/>
      <c r="AV4584" s="137"/>
      <c r="AW4584" s="144"/>
    </row>
    <row r="4585" spans="7:49" x14ac:dyDescent="0.2">
      <c r="G4585" s="43"/>
      <c r="Z4585" s="143"/>
      <c r="AA4585" s="137"/>
      <c r="AB4585" s="137"/>
      <c r="AC4585" s="137"/>
      <c r="AD4585" s="137"/>
      <c r="AE4585" s="137"/>
      <c r="AF4585" s="137"/>
      <c r="AG4585" s="137"/>
      <c r="AH4585" s="137"/>
      <c r="AI4585" s="137"/>
      <c r="AJ4585" s="137"/>
      <c r="AK4585" s="137"/>
      <c r="AL4585" s="137"/>
      <c r="AM4585" s="137"/>
      <c r="AN4585" s="137"/>
      <c r="AO4585" s="137"/>
      <c r="AP4585" s="137"/>
      <c r="AQ4585" s="137"/>
      <c r="AR4585" s="137"/>
      <c r="AS4585" s="137"/>
      <c r="AT4585" s="137"/>
      <c r="AU4585" s="137"/>
      <c r="AV4585" s="137"/>
      <c r="AW4585" s="144"/>
    </row>
    <row r="4586" spans="7:49" x14ac:dyDescent="0.2">
      <c r="G4586" s="43"/>
      <c r="Z4586" s="143"/>
      <c r="AA4586" s="137"/>
      <c r="AB4586" s="137"/>
      <c r="AC4586" s="137"/>
      <c r="AD4586" s="137"/>
      <c r="AE4586" s="137"/>
      <c r="AF4586" s="137"/>
      <c r="AG4586" s="137"/>
      <c r="AH4586" s="137"/>
      <c r="AI4586" s="137"/>
      <c r="AJ4586" s="137"/>
      <c r="AK4586" s="137"/>
      <c r="AL4586" s="137"/>
      <c r="AM4586" s="137"/>
      <c r="AN4586" s="137"/>
      <c r="AO4586" s="137"/>
      <c r="AP4586" s="137"/>
      <c r="AQ4586" s="137"/>
      <c r="AR4586" s="137"/>
      <c r="AS4586" s="137"/>
      <c r="AT4586" s="137"/>
      <c r="AU4586" s="137"/>
      <c r="AV4586" s="137"/>
      <c r="AW4586" s="144"/>
    </row>
    <row r="4587" spans="7:49" x14ac:dyDescent="0.2">
      <c r="G4587" s="43"/>
      <c r="Z4587" s="143"/>
      <c r="AA4587" s="137"/>
      <c r="AB4587" s="137"/>
      <c r="AC4587" s="137"/>
      <c r="AD4587" s="137"/>
      <c r="AE4587" s="137"/>
      <c r="AF4587" s="137"/>
      <c r="AG4587" s="137"/>
      <c r="AH4587" s="137"/>
      <c r="AI4587" s="137"/>
      <c r="AJ4587" s="137"/>
      <c r="AK4587" s="137"/>
      <c r="AL4587" s="137"/>
      <c r="AM4587" s="137"/>
      <c r="AN4587" s="137"/>
      <c r="AO4587" s="137"/>
      <c r="AP4587" s="137"/>
      <c r="AQ4587" s="137"/>
      <c r="AR4587" s="137"/>
      <c r="AS4587" s="137"/>
      <c r="AT4587" s="137"/>
      <c r="AU4587" s="137"/>
      <c r="AV4587" s="137"/>
      <c r="AW4587" s="144"/>
    </row>
    <row r="4588" spans="7:49" x14ac:dyDescent="0.2">
      <c r="G4588" s="43"/>
      <c r="Z4588" s="143"/>
      <c r="AA4588" s="137"/>
      <c r="AB4588" s="137"/>
      <c r="AC4588" s="137"/>
      <c r="AD4588" s="137"/>
      <c r="AE4588" s="137"/>
      <c r="AF4588" s="137"/>
      <c r="AG4588" s="137"/>
      <c r="AH4588" s="137"/>
      <c r="AI4588" s="137"/>
      <c r="AJ4588" s="137"/>
      <c r="AK4588" s="137"/>
      <c r="AL4588" s="137"/>
      <c r="AM4588" s="137"/>
      <c r="AN4588" s="137"/>
      <c r="AO4588" s="137"/>
      <c r="AP4588" s="137"/>
      <c r="AQ4588" s="137"/>
      <c r="AR4588" s="137"/>
      <c r="AS4588" s="137"/>
      <c r="AT4588" s="137"/>
      <c r="AU4588" s="137"/>
      <c r="AV4588" s="137"/>
      <c r="AW4588" s="144"/>
    </row>
    <row r="4589" spans="7:49" x14ac:dyDescent="0.2">
      <c r="G4589" s="43"/>
      <c r="Z4589" s="143"/>
      <c r="AA4589" s="137"/>
      <c r="AB4589" s="137"/>
      <c r="AC4589" s="137"/>
      <c r="AD4589" s="137"/>
      <c r="AE4589" s="137"/>
      <c r="AF4589" s="137"/>
      <c r="AG4589" s="137"/>
      <c r="AH4589" s="137"/>
      <c r="AI4589" s="137"/>
      <c r="AJ4589" s="137"/>
      <c r="AK4589" s="137"/>
      <c r="AL4589" s="137"/>
      <c r="AM4589" s="137"/>
      <c r="AN4589" s="137"/>
      <c r="AO4589" s="137"/>
      <c r="AP4589" s="137"/>
      <c r="AQ4589" s="137"/>
      <c r="AR4589" s="137"/>
      <c r="AS4589" s="137"/>
      <c r="AT4589" s="137"/>
      <c r="AU4589" s="137"/>
      <c r="AV4589" s="137"/>
      <c r="AW4589" s="144"/>
    </row>
    <row r="4590" spans="7:49" x14ac:dyDescent="0.2">
      <c r="G4590" s="43"/>
      <c r="Z4590" s="143"/>
      <c r="AA4590" s="137"/>
      <c r="AB4590" s="137"/>
      <c r="AC4590" s="137"/>
      <c r="AD4590" s="137"/>
      <c r="AE4590" s="137"/>
      <c r="AF4590" s="137"/>
      <c r="AG4590" s="137"/>
      <c r="AH4590" s="137"/>
      <c r="AI4590" s="137"/>
      <c r="AJ4590" s="137"/>
      <c r="AK4590" s="137"/>
      <c r="AL4590" s="137"/>
      <c r="AM4590" s="137"/>
      <c r="AN4590" s="137"/>
      <c r="AO4590" s="137"/>
      <c r="AP4590" s="137"/>
      <c r="AQ4590" s="137"/>
      <c r="AR4590" s="137"/>
      <c r="AS4590" s="137"/>
      <c r="AT4590" s="137"/>
      <c r="AU4590" s="137"/>
      <c r="AV4590" s="137"/>
      <c r="AW4590" s="144"/>
    </row>
    <row r="4591" spans="7:49" x14ac:dyDescent="0.2">
      <c r="G4591" s="43"/>
      <c r="Z4591" s="143"/>
      <c r="AA4591" s="137"/>
      <c r="AB4591" s="137"/>
      <c r="AC4591" s="137"/>
      <c r="AD4591" s="137"/>
      <c r="AE4591" s="137"/>
      <c r="AF4591" s="137"/>
      <c r="AG4591" s="137"/>
      <c r="AH4591" s="137"/>
      <c r="AI4591" s="137"/>
      <c r="AJ4591" s="137"/>
      <c r="AK4591" s="137"/>
      <c r="AL4591" s="137"/>
      <c r="AM4591" s="137"/>
      <c r="AN4591" s="137"/>
      <c r="AO4591" s="137"/>
      <c r="AP4591" s="137"/>
      <c r="AQ4591" s="137"/>
      <c r="AR4591" s="137"/>
      <c r="AS4591" s="137"/>
      <c r="AT4591" s="137"/>
      <c r="AU4591" s="137"/>
      <c r="AV4591" s="137"/>
      <c r="AW4591" s="144"/>
    </row>
    <row r="4592" spans="7:49" x14ac:dyDescent="0.2">
      <c r="G4592" s="43"/>
      <c r="Z4592" s="143"/>
      <c r="AA4592" s="137"/>
      <c r="AB4592" s="137"/>
      <c r="AC4592" s="137"/>
      <c r="AD4592" s="137"/>
      <c r="AE4592" s="137"/>
      <c r="AF4592" s="137"/>
      <c r="AG4592" s="137"/>
      <c r="AH4592" s="137"/>
      <c r="AI4592" s="137"/>
      <c r="AJ4592" s="137"/>
      <c r="AK4592" s="137"/>
      <c r="AL4592" s="137"/>
      <c r="AM4592" s="137"/>
      <c r="AN4592" s="137"/>
      <c r="AO4592" s="137"/>
      <c r="AP4592" s="137"/>
      <c r="AQ4592" s="137"/>
      <c r="AR4592" s="137"/>
      <c r="AS4592" s="137"/>
      <c r="AT4592" s="137"/>
      <c r="AU4592" s="137"/>
      <c r="AV4592" s="137"/>
      <c r="AW4592" s="144"/>
    </row>
    <row r="4593" spans="7:49" x14ac:dyDescent="0.2">
      <c r="G4593" s="43"/>
      <c r="Z4593" s="143"/>
      <c r="AA4593" s="137"/>
      <c r="AB4593" s="137"/>
      <c r="AC4593" s="137"/>
      <c r="AD4593" s="137"/>
      <c r="AE4593" s="137"/>
      <c r="AF4593" s="137"/>
      <c r="AG4593" s="137"/>
      <c r="AH4593" s="137"/>
      <c r="AI4593" s="137"/>
      <c r="AJ4593" s="137"/>
      <c r="AK4593" s="137"/>
      <c r="AL4593" s="137"/>
      <c r="AM4593" s="137"/>
      <c r="AN4593" s="137"/>
      <c r="AO4593" s="137"/>
      <c r="AP4593" s="137"/>
      <c r="AQ4593" s="137"/>
      <c r="AR4593" s="137"/>
      <c r="AS4593" s="137"/>
      <c r="AT4593" s="137"/>
      <c r="AU4593" s="137"/>
      <c r="AV4593" s="137"/>
      <c r="AW4593" s="144"/>
    </row>
    <row r="4594" spans="7:49" x14ac:dyDescent="0.2">
      <c r="G4594" s="43"/>
      <c r="Z4594" s="143"/>
      <c r="AA4594" s="137"/>
      <c r="AB4594" s="137"/>
      <c r="AC4594" s="137"/>
      <c r="AD4594" s="137"/>
      <c r="AE4594" s="137"/>
      <c r="AF4594" s="137"/>
      <c r="AG4594" s="137"/>
      <c r="AH4594" s="137"/>
      <c r="AI4594" s="137"/>
      <c r="AJ4594" s="137"/>
      <c r="AK4594" s="137"/>
      <c r="AL4594" s="137"/>
      <c r="AM4594" s="137"/>
      <c r="AN4594" s="137"/>
      <c r="AO4594" s="137"/>
      <c r="AP4594" s="137"/>
      <c r="AQ4594" s="137"/>
      <c r="AR4594" s="137"/>
      <c r="AS4594" s="137"/>
      <c r="AT4594" s="137"/>
      <c r="AU4594" s="137"/>
      <c r="AV4594" s="137"/>
      <c r="AW4594" s="144"/>
    </row>
    <row r="4595" spans="7:49" x14ac:dyDescent="0.2">
      <c r="G4595" s="43"/>
      <c r="Z4595" s="143"/>
      <c r="AA4595" s="137"/>
      <c r="AB4595" s="137"/>
      <c r="AC4595" s="137"/>
      <c r="AD4595" s="137"/>
      <c r="AE4595" s="137"/>
      <c r="AF4595" s="137"/>
      <c r="AG4595" s="137"/>
      <c r="AH4595" s="137"/>
      <c r="AI4595" s="137"/>
      <c r="AJ4595" s="137"/>
      <c r="AK4595" s="137"/>
      <c r="AL4595" s="137"/>
      <c r="AM4595" s="137"/>
      <c r="AN4595" s="137"/>
      <c r="AO4595" s="137"/>
      <c r="AP4595" s="137"/>
      <c r="AQ4595" s="137"/>
      <c r="AR4595" s="137"/>
      <c r="AS4595" s="137"/>
      <c r="AT4595" s="137"/>
      <c r="AU4595" s="137"/>
      <c r="AV4595" s="137"/>
      <c r="AW4595" s="144"/>
    </row>
    <row r="4596" spans="7:49" x14ac:dyDescent="0.2">
      <c r="G4596" s="43"/>
      <c r="Z4596" s="143"/>
      <c r="AA4596" s="137"/>
      <c r="AB4596" s="137"/>
      <c r="AC4596" s="137"/>
      <c r="AD4596" s="137"/>
      <c r="AE4596" s="137"/>
      <c r="AF4596" s="137"/>
      <c r="AG4596" s="137"/>
      <c r="AH4596" s="137"/>
      <c r="AI4596" s="137"/>
      <c r="AJ4596" s="137"/>
      <c r="AK4596" s="137"/>
      <c r="AL4596" s="137"/>
      <c r="AM4596" s="137"/>
      <c r="AN4596" s="137"/>
      <c r="AO4596" s="137"/>
      <c r="AP4596" s="137"/>
      <c r="AQ4596" s="137"/>
      <c r="AR4596" s="137"/>
      <c r="AS4596" s="137"/>
      <c r="AT4596" s="137"/>
      <c r="AU4596" s="137"/>
      <c r="AV4596" s="137"/>
      <c r="AW4596" s="144"/>
    </row>
    <row r="4597" spans="7:49" x14ac:dyDescent="0.2">
      <c r="G4597" s="43"/>
      <c r="Z4597" s="143"/>
      <c r="AA4597" s="137"/>
      <c r="AB4597" s="137"/>
      <c r="AC4597" s="137"/>
      <c r="AD4597" s="137"/>
      <c r="AE4597" s="137"/>
      <c r="AF4597" s="137"/>
      <c r="AG4597" s="137"/>
      <c r="AH4597" s="137"/>
      <c r="AI4597" s="137"/>
      <c r="AJ4597" s="137"/>
      <c r="AK4597" s="137"/>
      <c r="AL4597" s="137"/>
      <c r="AM4597" s="137"/>
      <c r="AN4597" s="137"/>
      <c r="AO4597" s="137"/>
      <c r="AP4597" s="137"/>
      <c r="AQ4597" s="137"/>
      <c r="AR4597" s="137"/>
      <c r="AS4597" s="137"/>
      <c r="AT4597" s="137"/>
      <c r="AU4597" s="137"/>
      <c r="AV4597" s="137"/>
      <c r="AW4597" s="144"/>
    </row>
    <row r="4598" spans="7:49" x14ac:dyDescent="0.2">
      <c r="G4598" s="43"/>
      <c r="Z4598" s="143"/>
      <c r="AA4598" s="137"/>
      <c r="AB4598" s="137"/>
      <c r="AC4598" s="137"/>
      <c r="AD4598" s="137"/>
      <c r="AE4598" s="137"/>
      <c r="AF4598" s="137"/>
      <c r="AG4598" s="137"/>
      <c r="AH4598" s="137"/>
      <c r="AI4598" s="137"/>
      <c r="AJ4598" s="137"/>
      <c r="AK4598" s="137"/>
      <c r="AL4598" s="137"/>
      <c r="AM4598" s="137"/>
      <c r="AN4598" s="137"/>
      <c r="AO4598" s="137"/>
      <c r="AP4598" s="137"/>
      <c r="AQ4598" s="137"/>
      <c r="AR4598" s="137"/>
      <c r="AS4598" s="137"/>
      <c r="AT4598" s="137"/>
      <c r="AU4598" s="137"/>
      <c r="AV4598" s="137"/>
      <c r="AW4598" s="144"/>
    </row>
    <row r="4599" spans="7:49" x14ac:dyDescent="0.2">
      <c r="G4599" s="43"/>
      <c r="Z4599" s="143"/>
      <c r="AA4599" s="137"/>
      <c r="AB4599" s="137"/>
      <c r="AC4599" s="137"/>
      <c r="AD4599" s="137"/>
      <c r="AE4599" s="137"/>
      <c r="AF4599" s="137"/>
      <c r="AG4599" s="137"/>
      <c r="AH4599" s="137"/>
      <c r="AI4599" s="137"/>
      <c r="AJ4599" s="137"/>
      <c r="AK4599" s="137"/>
      <c r="AL4599" s="137"/>
      <c r="AM4599" s="137"/>
      <c r="AN4599" s="137"/>
      <c r="AO4599" s="137"/>
      <c r="AP4599" s="137"/>
      <c r="AQ4599" s="137"/>
      <c r="AR4599" s="137"/>
      <c r="AS4599" s="137"/>
      <c r="AT4599" s="137"/>
      <c r="AU4599" s="137"/>
      <c r="AV4599" s="137"/>
      <c r="AW4599" s="144"/>
    </row>
    <row r="4600" spans="7:49" x14ac:dyDescent="0.2">
      <c r="G4600" s="43"/>
      <c r="Z4600" s="143"/>
      <c r="AA4600" s="137"/>
      <c r="AB4600" s="137"/>
      <c r="AC4600" s="137"/>
      <c r="AD4600" s="137"/>
      <c r="AE4600" s="137"/>
      <c r="AF4600" s="137"/>
      <c r="AG4600" s="137"/>
      <c r="AH4600" s="137"/>
      <c r="AI4600" s="137"/>
      <c r="AJ4600" s="137"/>
      <c r="AK4600" s="137"/>
      <c r="AL4600" s="137"/>
      <c r="AM4600" s="137"/>
      <c r="AN4600" s="137"/>
      <c r="AO4600" s="137"/>
      <c r="AP4600" s="137"/>
      <c r="AQ4600" s="137"/>
      <c r="AR4600" s="137"/>
      <c r="AS4600" s="137"/>
      <c r="AT4600" s="137"/>
      <c r="AU4600" s="137"/>
      <c r="AV4600" s="137"/>
      <c r="AW4600" s="144"/>
    </row>
    <row r="4601" spans="7:49" x14ac:dyDescent="0.2">
      <c r="G4601" s="43"/>
      <c r="Z4601" s="143"/>
      <c r="AA4601" s="137"/>
      <c r="AB4601" s="137"/>
      <c r="AC4601" s="137"/>
      <c r="AD4601" s="137"/>
      <c r="AE4601" s="137"/>
      <c r="AF4601" s="137"/>
      <c r="AG4601" s="137"/>
      <c r="AH4601" s="137"/>
      <c r="AI4601" s="137"/>
      <c r="AJ4601" s="137"/>
      <c r="AK4601" s="137"/>
      <c r="AL4601" s="137"/>
      <c r="AM4601" s="137"/>
      <c r="AN4601" s="137"/>
      <c r="AO4601" s="137"/>
      <c r="AP4601" s="137"/>
      <c r="AQ4601" s="137"/>
      <c r="AR4601" s="137"/>
      <c r="AS4601" s="137"/>
      <c r="AT4601" s="137"/>
      <c r="AU4601" s="137"/>
      <c r="AV4601" s="137"/>
      <c r="AW4601" s="144"/>
    </row>
    <row r="4602" spans="7:49" x14ac:dyDescent="0.2">
      <c r="G4602" s="43"/>
      <c r="Z4602" s="143"/>
      <c r="AA4602" s="137"/>
      <c r="AB4602" s="137"/>
      <c r="AC4602" s="137"/>
      <c r="AD4602" s="137"/>
      <c r="AE4602" s="137"/>
      <c r="AF4602" s="137"/>
      <c r="AG4602" s="137"/>
      <c r="AH4602" s="137"/>
      <c r="AI4602" s="137"/>
      <c r="AJ4602" s="137"/>
      <c r="AK4602" s="137"/>
      <c r="AL4602" s="137"/>
      <c r="AM4602" s="137"/>
      <c r="AN4602" s="137"/>
      <c r="AO4602" s="137"/>
      <c r="AP4602" s="137"/>
      <c r="AQ4602" s="137"/>
      <c r="AR4602" s="137"/>
      <c r="AS4602" s="137"/>
      <c r="AT4602" s="137"/>
      <c r="AU4602" s="137"/>
      <c r="AV4602" s="137"/>
      <c r="AW4602" s="144"/>
    </row>
    <row r="4603" spans="7:49" x14ac:dyDescent="0.2">
      <c r="G4603" s="43"/>
      <c r="Z4603" s="143"/>
      <c r="AA4603" s="137"/>
      <c r="AB4603" s="137"/>
      <c r="AC4603" s="137"/>
      <c r="AD4603" s="137"/>
      <c r="AE4603" s="137"/>
      <c r="AF4603" s="137"/>
      <c r="AG4603" s="137"/>
      <c r="AH4603" s="137"/>
      <c r="AI4603" s="137"/>
      <c r="AJ4603" s="137"/>
      <c r="AK4603" s="137"/>
      <c r="AL4603" s="137"/>
      <c r="AM4603" s="137"/>
      <c r="AN4603" s="137"/>
      <c r="AO4603" s="137"/>
      <c r="AP4603" s="137"/>
      <c r="AQ4603" s="137"/>
      <c r="AR4603" s="137"/>
      <c r="AS4603" s="137"/>
      <c r="AT4603" s="137"/>
      <c r="AU4603" s="137"/>
      <c r="AV4603" s="137"/>
      <c r="AW4603" s="144"/>
    </row>
    <row r="4604" spans="7:49" x14ac:dyDescent="0.2">
      <c r="G4604" s="43"/>
      <c r="Z4604" s="143"/>
      <c r="AA4604" s="137"/>
      <c r="AB4604" s="137"/>
      <c r="AC4604" s="137"/>
      <c r="AD4604" s="137"/>
      <c r="AE4604" s="137"/>
      <c r="AF4604" s="137"/>
      <c r="AG4604" s="137"/>
      <c r="AH4604" s="137"/>
      <c r="AI4604" s="137"/>
      <c r="AJ4604" s="137"/>
      <c r="AK4604" s="137"/>
      <c r="AL4604" s="137"/>
      <c r="AM4604" s="137"/>
      <c r="AN4604" s="137"/>
      <c r="AO4604" s="137"/>
      <c r="AP4604" s="137"/>
      <c r="AQ4604" s="137"/>
      <c r="AR4604" s="137"/>
      <c r="AS4604" s="137"/>
      <c r="AT4604" s="137"/>
      <c r="AU4604" s="137"/>
      <c r="AV4604" s="137"/>
      <c r="AW4604" s="144"/>
    </row>
    <row r="4605" spans="7:49" x14ac:dyDescent="0.2">
      <c r="G4605" s="43"/>
      <c r="Z4605" s="143"/>
      <c r="AA4605" s="137"/>
      <c r="AB4605" s="137"/>
      <c r="AC4605" s="137"/>
      <c r="AD4605" s="137"/>
      <c r="AE4605" s="137"/>
      <c r="AF4605" s="137"/>
      <c r="AG4605" s="137"/>
      <c r="AH4605" s="137"/>
      <c r="AI4605" s="137"/>
      <c r="AJ4605" s="137"/>
      <c r="AK4605" s="137"/>
      <c r="AL4605" s="137"/>
      <c r="AM4605" s="137"/>
      <c r="AN4605" s="137"/>
      <c r="AO4605" s="137"/>
      <c r="AP4605" s="137"/>
      <c r="AQ4605" s="137"/>
      <c r="AR4605" s="137"/>
      <c r="AS4605" s="137"/>
      <c r="AT4605" s="137"/>
      <c r="AU4605" s="137"/>
      <c r="AV4605" s="137"/>
      <c r="AW4605" s="144"/>
    </row>
    <row r="4606" spans="7:49" x14ac:dyDescent="0.2">
      <c r="G4606" s="43"/>
      <c r="Z4606" s="143"/>
      <c r="AA4606" s="137"/>
      <c r="AB4606" s="137"/>
      <c r="AC4606" s="137"/>
      <c r="AD4606" s="137"/>
      <c r="AE4606" s="137"/>
      <c r="AF4606" s="137"/>
      <c r="AG4606" s="137"/>
      <c r="AH4606" s="137"/>
      <c r="AI4606" s="137"/>
      <c r="AJ4606" s="137"/>
      <c r="AK4606" s="137"/>
      <c r="AL4606" s="137"/>
      <c r="AM4606" s="137"/>
      <c r="AN4606" s="137"/>
      <c r="AO4606" s="137"/>
      <c r="AP4606" s="137"/>
      <c r="AQ4606" s="137"/>
      <c r="AR4606" s="137"/>
      <c r="AS4606" s="137"/>
      <c r="AT4606" s="137"/>
      <c r="AU4606" s="137"/>
      <c r="AV4606" s="137"/>
      <c r="AW4606" s="144"/>
    </row>
    <row r="4607" spans="7:49" x14ac:dyDescent="0.2">
      <c r="G4607" s="43"/>
      <c r="Z4607" s="143"/>
      <c r="AA4607" s="137"/>
      <c r="AB4607" s="137"/>
      <c r="AC4607" s="137"/>
      <c r="AD4607" s="137"/>
      <c r="AE4607" s="137"/>
      <c r="AF4607" s="137"/>
      <c r="AG4607" s="137"/>
      <c r="AH4607" s="137"/>
      <c r="AI4607" s="137"/>
      <c r="AJ4607" s="137"/>
      <c r="AK4607" s="137"/>
      <c r="AL4607" s="137"/>
      <c r="AM4607" s="137"/>
      <c r="AN4607" s="137"/>
      <c r="AO4607" s="137"/>
      <c r="AP4607" s="137"/>
      <c r="AQ4607" s="137"/>
      <c r="AR4607" s="137"/>
      <c r="AS4607" s="137"/>
      <c r="AT4607" s="137"/>
      <c r="AU4607" s="137"/>
      <c r="AV4607" s="137"/>
      <c r="AW4607" s="144"/>
    </row>
    <row r="4608" spans="7:49" x14ac:dyDescent="0.2">
      <c r="G4608" s="43"/>
      <c r="Z4608" s="143"/>
      <c r="AA4608" s="137"/>
      <c r="AB4608" s="137"/>
      <c r="AC4608" s="137"/>
      <c r="AD4608" s="137"/>
      <c r="AE4608" s="137"/>
      <c r="AF4608" s="137"/>
      <c r="AG4608" s="137"/>
      <c r="AH4608" s="137"/>
      <c r="AI4608" s="137"/>
      <c r="AJ4608" s="137"/>
      <c r="AK4608" s="137"/>
      <c r="AL4608" s="137"/>
      <c r="AM4608" s="137"/>
      <c r="AN4608" s="137"/>
      <c r="AO4608" s="137"/>
      <c r="AP4608" s="137"/>
      <c r="AQ4608" s="137"/>
      <c r="AR4608" s="137"/>
      <c r="AS4608" s="137"/>
      <c r="AT4608" s="137"/>
      <c r="AU4608" s="137"/>
      <c r="AV4608" s="137"/>
      <c r="AW4608" s="144"/>
    </row>
    <row r="4609" spans="7:49" x14ac:dyDescent="0.2">
      <c r="G4609" s="43"/>
      <c r="Z4609" s="143"/>
      <c r="AA4609" s="137"/>
      <c r="AB4609" s="137"/>
      <c r="AC4609" s="137"/>
      <c r="AD4609" s="137"/>
      <c r="AE4609" s="137"/>
      <c r="AF4609" s="137"/>
      <c r="AG4609" s="137"/>
      <c r="AH4609" s="137"/>
      <c r="AI4609" s="137"/>
      <c r="AJ4609" s="137"/>
      <c r="AK4609" s="137"/>
      <c r="AL4609" s="137"/>
      <c r="AM4609" s="137"/>
      <c r="AN4609" s="137"/>
      <c r="AO4609" s="137"/>
      <c r="AP4609" s="137"/>
      <c r="AQ4609" s="137"/>
      <c r="AR4609" s="137"/>
      <c r="AS4609" s="137"/>
      <c r="AT4609" s="137"/>
      <c r="AU4609" s="137"/>
      <c r="AV4609" s="137"/>
      <c r="AW4609" s="144"/>
    </row>
    <row r="4610" spans="7:49" x14ac:dyDescent="0.2">
      <c r="G4610" s="43"/>
      <c r="Z4610" s="143"/>
      <c r="AA4610" s="137"/>
      <c r="AB4610" s="137"/>
      <c r="AC4610" s="137"/>
      <c r="AD4610" s="137"/>
      <c r="AE4610" s="137"/>
      <c r="AF4610" s="137"/>
      <c r="AG4610" s="137"/>
      <c r="AH4610" s="137"/>
      <c r="AI4610" s="137"/>
      <c r="AJ4610" s="137"/>
      <c r="AK4610" s="137"/>
      <c r="AL4610" s="137"/>
      <c r="AM4610" s="137"/>
      <c r="AN4610" s="137"/>
      <c r="AO4610" s="137"/>
      <c r="AP4610" s="137"/>
      <c r="AQ4610" s="137"/>
      <c r="AR4610" s="137"/>
      <c r="AS4610" s="137"/>
      <c r="AT4610" s="137"/>
      <c r="AU4610" s="137"/>
      <c r="AV4610" s="137"/>
      <c r="AW4610" s="144"/>
    </row>
    <row r="4611" spans="7:49" x14ac:dyDescent="0.2">
      <c r="G4611" s="43"/>
      <c r="Z4611" s="143"/>
      <c r="AA4611" s="137"/>
      <c r="AB4611" s="137"/>
      <c r="AC4611" s="137"/>
      <c r="AD4611" s="137"/>
      <c r="AE4611" s="137"/>
      <c r="AF4611" s="137"/>
      <c r="AG4611" s="137"/>
      <c r="AH4611" s="137"/>
      <c r="AI4611" s="137"/>
      <c r="AJ4611" s="137"/>
      <c r="AK4611" s="137"/>
      <c r="AL4611" s="137"/>
      <c r="AM4611" s="137"/>
      <c r="AN4611" s="137"/>
      <c r="AO4611" s="137"/>
      <c r="AP4611" s="137"/>
      <c r="AQ4611" s="137"/>
      <c r="AR4611" s="137"/>
      <c r="AS4611" s="137"/>
      <c r="AT4611" s="137"/>
      <c r="AU4611" s="137"/>
      <c r="AV4611" s="137"/>
      <c r="AW4611" s="144"/>
    </row>
    <row r="4612" spans="7:49" x14ac:dyDescent="0.2">
      <c r="G4612" s="43"/>
      <c r="Z4612" s="143"/>
      <c r="AA4612" s="137"/>
      <c r="AB4612" s="137"/>
      <c r="AC4612" s="137"/>
      <c r="AD4612" s="137"/>
      <c r="AE4612" s="137"/>
      <c r="AF4612" s="137"/>
      <c r="AG4612" s="137"/>
      <c r="AH4612" s="137"/>
      <c r="AI4612" s="137"/>
      <c r="AJ4612" s="137"/>
      <c r="AK4612" s="137"/>
      <c r="AL4612" s="137"/>
      <c r="AM4612" s="137"/>
      <c r="AN4612" s="137"/>
      <c r="AO4612" s="137"/>
      <c r="AP4612" s="137"/>
      <c r="AQ4612" s="137"/>
      <c r="AR4612" s="137"/>
      <c r="AS4612" s="137"/>
      <c r="AT4612" s="137"/>
      <c r="AU4612" s="137"/>
      <c r="AV4612" s="137"/>
      <c r="AW4612" s="144"/>
    </row>
    <row r="4613" spans="7:49" x14ac:dyDescent="0.2">
      <c r="G4613" s="43"/>
      <c r="Z4613" s="143"/>
      <c r="AA4613" s="137"/>
      <c r="AB4613" s="137"/>
      <c r="AC4613" s="137"/>
      <c r="AD4613" s="137"/>
      <c r="AE4613" s="137"/>
      <c r="AF4613" s="137"/>
      <c r="AG4613" s="137"/>
      <c r="AH4613" s="137"/>
      <c r="AI4613" s="137"/>
      <c r="AJ4613" s="137"/>
      <c r="AK4613" s="137"/>
      <c r="AL4613" s="137"/>
      <c r="AM4613" s="137"/>
      <c r="AN4613" s="137"/>
      <c r="AO4613" s="137"/>
      <c r="AP4613" s="137"/>
      <c r="AQ4613" s="137"/>
      <c r="AR4613" s="137"/>
      <c r="AS4613" s="137"/>
      <c r="AT4613" s="137"/>
      <c r="AU4613" s="137"/>
      <c r="AV4613" s="137"/>
      <c r="AW4613" s="144"/>
    </row>
    <row r="4614" spans="7:49" x14ac:dyDescent="0.2">
      <c r="G4614" s="43"/>
      <c r="Z4614" s="143"/>
      <c r="AA4614" s="137"/>
      <c r="AB4614" s="137"/>
      <c r="AC4614" s="137"/>
      <c r="AD4614" s="137"/>
      <c r="AE4614" s="137"/>
      <c r="AF4614" s="137"/>
      <c r="AG4614" s="137"/>
      <c r="AH4614" s="137"/>
      <c r="AI4614" s="137"/>
      <c r="AJ4614" s="137"/>
      <c r="AK4614" s="137"/>
      <c r="AL4614" s="137"/>
      <c r="AM4614" s="137"/>
      <c r="AN4614" s="137"/>
      <c r="AO4614" s="137"/>
      <c r="AP4614" s="137"/>
      <c r="AQ4614" s="137"/>
      <c r="AR4614" s="137"/>
      <c r="AS4614" s="137"/>
      <c r="AT4614" s="137"/>
      <c r="AU4614" s="137"/>
      <c r="AV4614" s="137"/>
      <c r="AW4614" s="144"/>
    </row>
    <row r="4615" spans="7:49" x14ac:dyDescent="0.2">
      <c r="G4615" s="43"/>
      <c r="Z4615" s="143"/>
      <c r="AA4615" s="137"/>
      <c r="AB4615" s="137"/>
      <c r="AC4615" s="137"/>
      <c r="AD4615" s="137"/>
      <c r="AE4615" s="137"/>
      <c r="AF4615" s="137"/>
      <c r="AG4615" s="137"/>
      <c r="AH4615" s="137"/>
      <c r="AI4615" s="137"/>
      <c r="AJ4615" s="137"/>
      <c r="AK4615" s="137"/>
      <c r="AL4615" s="137"/>
      <c r="AM4615" s="137"/>
      <c r="AN4615" s="137"/>
      <c r="AO4615" s="137"/>
      <c r="AP4615" s="137"/>
      <c r="AQ4615" s="137"/>
      <c r="AR4615" s="137"/>
      <c r="AS4615" s="137"/>
      <c r="AT4615" s="137"/>
      <c r="AU4615" s="137"/>
      <c r="AV4615" s="137"/>
      <c r="AW4615" s="144"/>
    </row>
    <row r="4616" spans="7:49" x14ac:dyDescent="0.2">
      <c r="G4616" s="43"/>
      <c r="Z4616" s="143"/>
      <c r="AA4616" s="137"/>
      <c r="AB4616" s="137"/>
      <c r="AC4616" s="137"/>
      <c r="AD4616" s="137"/>
      <c r="AE4616" s="137"/>
      <c r="AF4616" s="137"/>
      <c r="AG4616" s="137"/>
      <c r="AH4616" s="137"/>
      <c r="AI4616" s="137"/>
      <c r="AJ4616" s="137"/>
      <c r="AK4616" s="137"/>
      <c r="AL4616" s="137"/>
      <c r="AM4616" s="137"/>
      <c r="AN4616" s="137"/>
      <c r="AO4616" s="137"/>
      <c r="AP4616" s="137"/>
      <c r="AQ4616" s="137"/>
      <c r="AR4616" s="137"/>
      <c r="AS4616" s="137"/>
      <c r="AT4616" s="137"/>
      <c r="AU4616" s="137"/>
      <c r="AV4616" s="137"/>
      <c r="AW4616" s="144"/>
    </row>
    <row r="4617" spans="7:49" x14ac:dyDescent="0.2">
      <c r="G4617" s="43"/>
      <c r="Z4617" s="143"/>
      <c r="AA4617" s="137"/>
      <c r="AB4617" s="137"/>
      <c r="AC4617" s="137"/>
      <c r="AD4617" s="137"/>
      <c r="AE4617" s="137"/>
      <c r="AF4617" s="137"/>
      <c r="AG4617" s="137"/>
      <c r="AH4617" s="137"/>
      <c r="AI4617" s="137"/>
      <c r="AJ4617" s="137"/>
      <c r="AK4617" s="137"/>
      <c r="AL4617" s="137"/>
      <c r="AM4617" s="137"/>
      <c r="AN4617" s="137"/>
      <c r="AO4617" s="137"/>
      <c r="AP4617" s="137"/>
      <c r="AQ4617" s="137"/>
      <c r="AR4617" s="137"/>
      <c r="AS4617" s="137"/>
      <c r="AT4617" s="137"/>
      <c r="AU4617" s="137"/>
      <c r="AV4617" s="137"/>
      <c r="AW4617" s="144"/>
    </row>
    <row r="4618" spans="7:49" x14ac:dyDescent="0.2">
      <c r="G4618" s="43"/>
      <c r="Z4618" s="143"/>
      <c r="AA4618" s="137"/>
      <c r="AB4618" s="137"/>
      <c r="AC4618" s="137"/>
      <c r="AD4618" s="137"/>
      <c r="AE4618" s="137"/>
      <c r="AF4618" s="137"/>
      <c r="AG4618" s="137"/>
      <c r="AH4618" s="137"/>
      <c r="AI4618" s="137"/>
      <c r="AJ4618" s="137"/>
      <c r="AK4618" s="137"/>
      <c r="AL4618" s="137"/>
      <c r="AM4618" s="137"/>
      <c r="AN4618" s="137"/>
      <c r="AO4618" s="137"/>
      <c r="AP4618" s="137"/>
      <c r="AQ4618" s="137"/>
      <c r="AR4618" s="137"/>
      <c r="AS4618" s="137"/>
      <c r="AT4618" s="137"/>
      <c r="AU4618" s="137"/>
      <c r="AV4618" s="137"/>
      <c r="AW4618" s="144"/>
    </row>
    <row r="4619" spans="7:49" x14ac:dyDescent="0.2">
      <c r="G4619" s="43"/>
      <c r="Z4619" s="143"/>
      <c r="AA4619" s="137"/>
      <c r="AB4619" s="137"/>
      <c r="AC4619" s="137"/>
      <c r="AD4619" s="137"/>
      <c r="AE4619" s="137"/>
      <c r="AF4619" s="137"/>
      <c r="AG4619" s="137"/>
      <c r="AH4619" s="137"/>
      <c r="AI4619" s="137"/>
      <c r="AJ4619" s="137"/>
      <c r="AK4619" s="137"/>
      <c r="AL4619" s="137"/>
      <c r="AM4619" s="137"/>
      <c r="AN4619" s="137"/>
      <c r="AO4619" s="137"/>
      <c r="AP4619" s="137"/>
      <c r="AQ4619" s="137"/>
      <c r="AR4619" s="137"/>
      <c r="AS4619" s="137"/>
      <c r="AT4619" s="137"/>
      <c r="AU4619" s="137"/>
      <c r="AV4619" s="137"/>
      <c r="AW4619" s="144"/>
    </row>
    <row r="4620" spans="7:49" x14ac:dyDescent="0.2">
      <c r="G4620" s="43"/>
      <c r="Z4620" s="143"/>
      <c r="AA4620" s="137"/>
      <c r="AB4620" s="137"/>
      <c r="AC4620" s="137"/>
      <c r="AD4620" s="137"/>
      <c r="AE4620" s="137"/>
      <c r="AF4620" s="137"/>
      <c r="AG4620" s="137"/>
      <c r="AH4620" s="137"/>
      <c r="AI4620" s="137"/>
      <c r="AJ4620" s="137"/>
      <c r="AK4620" s="137"/>
      <c r="AL4620" s="137"/>
      <c r="AM4620" s="137"/>
      <c r="AN4620" s="137"/>
      <c r="AO4620" s="137"/>
      <c r="AP4620" s="137"/>
      <c r="AQ4620" s="137"/>
      <c r="AR4620" s="137"/>
      <c r="AS4620" s="137"/>
      <c r="AT4620" s="137"/>
      <c r="AU4620" s="137"/>
      <c r="AV4620" s="137"/>
      <c r="AW4620" s="144"/>
    </row>
    <row r="4621" spans="7:49" x14ac:dyDescent="0.2">
      <c r="G4621" s="43"/>
      <c r="Z4621" s="143"/>
      <c r="AA4621" s="137"/>
      <c r="AB4621" s="137"/>
      <c r="AC4621" s="137"/>
      <c r="AD4621" s="137"/>
      <c r="AE4621" s="137"/>
      <c r="AF4621" s="137"/>
      <c r="AG4621" s="137"/>
      <c r="AH4621" s="137"/>
      <c r="AI4621" s="137"/>
      <c r="AJ4621" s="137"/>
      <c r="AK4621" s="137"/>
      <c r="AL4621" s="137"/>
      <c r="AM4621" s="137"/>
      <c r="AN4621" s="137"/>
      <c r="AO4621" s="137"/>
      <c r="AP4621" s="137"/>
      <c r="AQ4621" s="137"/>
      <c r="AR4621" s="137"/>
      <c r="AS4621" s="137"/>
      <c r="AT4621" s="137"/>
      <c r="AU4621" s="137"/>
      <c r="AV4621" s="137"/>
      <c r="AW4621" s="144"/>
    </row>
    <row r="4622" spans="7:49" x14ac:dyDescent="0.2">
      <c r="G4622" s="43"/>
      <c r="Z4622" s="143"/>
      <c r="AA4622" s="137"/>
      <c r="AB4622" s="137"/>
      <c r="AC4622" s="137"/>
      <c r="AD4622" s="137"/>
      <c r="AE4622" s="137"/>
      <c r="AF4622" s="137"/>
      <c r="AG4622" s="137"/>
      <c r="AH4622" s="137"/>
      <c r="AI4622" s="137"/>
      <c r="AJ4622" s="137"/>
      <c r="AK4622" s="137"/>
      <c r="AL4622" s="137"/>
      <c r="AM4622" s="137"/>
      <c r="AN4622" s="137"/>
      <c r="AO4622" s="137"/>
      <c r="AP4622" s="137"/>
      <c r="AQ4622" s="137"/>
      <c r="AR4622" s="137"/>
      <c r="AS4622" s="137"/>
      <c r="AT4622" s="137"/>
      <c r="AU4622" s="137"/>
      <c r="AV4622" s="137"/>
      <c r="AW4622" s="144"/>
    </row>
    <row r="4623" spans="7:49" x14ac:dyDescent="0.2">
      <c r="G4623" s="43"/>
      <c r="Z4623" s="143"/>
      <c r="AA4623" s="137"/>
      <c r="AB4623" s="137"/>
      <c r="AC4623" s="137"/>
      <c r="AD4623" s="137"/>
      <c r="AE4623" s="137"/>
      <c r="AF4623" s="137"/>
      <c r="AG4623" s="137"/>
      <c r="AH4623" s="137"/>
      <c r="AI4623" s="137"/>
      <c r="AJ4623" s="137"/>
      <c r="AK4623" s="137"/>
      <c r="AL4623" s="137"/>
      <c r="AM4623" s="137"/>
      <c r="AN4623" s="137"/>
      <c r="AO4623" s="137"/>
      <c r="AP4623" s="137"/>
      <c r="AQ4623" s="137"/>
      <c r="AR4623" s="137"/>
      <c r="AS4623" s="137"/>
      <c r="AT4623" s="137"/>
      <c r="AU4623" s="137"/>
      <c r="AV4623" s="137"/>
      <c r="AW4623" s="144"/>
    </row>
    <row r="4624" spans="7:49" x14ac:dyDescent="0.2">
      <c r="G4624" s="43"/>
      <c r="Z4624" s="143"/>
      <c r="AA4624" s="137"/>
      <c r="AB4624" s="137"/>
      <c r="AC4624" s="137"/>
      <c r="AD4624" s="137"/>
      <c r="AE4624" s="137"/>
      <c r="AF4624" s="137"/>
      <c r="AG4624" s="137"/>
      <c r="AH4624" s="137"/>
      <c r="AI4624" s="137"/>
      <c r="AJ4624" s="137"/>
      <c r="AK4624" s="137"/>
      <c r="AL4624" s="137"/>
      <c r="AM4624" s="137"/>
      <c r="AN4624" s="137"/>
      <c r="AO4624" s="137"/>
      <c r="AP4624" s="137"/>
      <c r="AQ4624" s="137"/>
      <c r="AR4624" s="137"/>
      <c r="AS4624" s="137"/>
      <c r="AT4624" s="137"/>
      <c r="AU4624" s="137"/>
      <c r="AV4624" s="137"/>
      <c r="AW4624" s="144"/>
    </row>
    <row r="4625" spans="7:49" x14ac:dyDescent="0.2">
      <c r="G4625" s="43"/>
      <c r="Z4625" s="143"/>
      <c r="AA4625" s="137"/>
      <c r="AB4625" s="137"/>
      <c r="AC4625" s="137"/>
      <c r="AD4625" s="137"/>
      <c r="AE4625" s="137"/>
      <c r="AF4625" s="137"/>
      <c r="AG4625" s="137"/>
      <c r="AH4625" s="137"/>
      <c r="AI4625" s="137"/>
      <c r="AJ4625" s="137"/>
      <c r="AK4625" s="137"/>
      <c r="AL4625" s="137"/>
      <c r="AM4625" s="137"/>
      <c r="AN4625" s="137"/>
      <c r="AO4625" s="137"/>
      <c r="AP4625" s="137"/>
      <c r="AQ4625" s="137"/>
      <c r="AR4625" s="137"/>
      <c r="AS4625" s="137"/>
      <c r="AT4625" s="137"/>
      <c r="AU4625" s="137"/>
      <c r="AV4625" s="137"/>
      <c r="AW4625" s="144"/>
    </row>
    <row r="4626" spans="7:49" x14ac:dyDescent="0.2">
      <c r="G4626" s="43"/>
      <c r="Z4626" s="143"/>
      <c r="AA4626" s="137"/>
      <c r="AB4626" s="137"/>
      <c r="AC4626" s="137"/>
      <c r="AD4626" s="137"/>
      <c r="AE4626" s="137"/>
      <c r="AF4626" s="137"/>
      <c r="AG4626" s="137"/>
      <c r="AH4626" s="137"/>
      <c r="AI4626" s="137"/>
      <c r="AJ4626" s="137"/>
      <c r="AK4626" s="137"/>
      <c r="AL4626" s="137"/>
      <c r="AM4626" s="137"/>
      <c r="AN4626" s="137"/>
      <c r="AO4626" s="137"/>
      <c r="AP4626" s="137"/>
      <c r="AQ4626" s="137"/>
      <c r="AR4626" s="137"/>
      <c r="AS4626" s="137"/>
      <c r="AT4626" s="137"/>
      <c r="AU4626" s="137"/>
      <c r="AV4626" s="137"/>
      <c r="AW4626" s="144"/>
    </row>
    <row r="4627" spans="7:49" x14ac:dyDescent="0.2">
      <c r="G4627" s="43"/>
      <c r="Z4627" s="143"/>
      <c r="AA4627" s="137"/>
      <c r="AB4627" s="137"/>
      <c r="AC4627" s="137"/>
      <c r="AD4627" s="137"/>
      <c r="AE4627" s="137"/>
      <c r="AF4627" s="137"/>
      <c r="AG4627" s="137"/>
      <c r="AH4627" s="137"/>
      <c r="AI4627" s="137"/>
      <c r="AJ4627" s="137"/>
      <c r="AK4627" s="137"/>
      <c r="AL4627" s="137"/>
      <c r="AM4627" s="137"/>
      <c r="AN4627" s="137"/>
      <c r="AO4627" s="137"/>
      <c r="AP4627" s="137"/>
      <c r="AQ4627" s="137"/>
      <c r="AR4627" s="137"/>
      <c r="AS4627" s="137"/>
      <c r="AT4627" s="137"/>
      <c r="AU4627" s="137"/>
      <c r="AV4627" s="137"/>
      <c r="AW4627" s="144"/>
    </row>
    <row r="4628" spans="7:49" x14ac:dyDescent="0.2">
      <c r="G4628" s="43"/>
      <c r="Z4628" s="143"/>
      <c r="AA4628" s="137"/>
      <c r="AB4628" s="137"/>
      <c r="AC4628" s="137"/>
      <c r="AD4628" s="137"/>
      <c r="AE4628" s="137"/>
      <c r="AF4628" s="137"/>
      <c r="AG4628" s="137"/>
      <c r="AH4628" s="137"/>
      <c r="AI4628" s="137"/>
      <c r="AJ4628" s="137"/>
      <c r="AK4628" s="137"/>
      <c r="AL4628" s="137"/>
      <c r="AM4628" s="137"/>
      <c r="AN4628" s="137"/>
      <c r="AO4628" s="137"/>
      <c r="AP4628" s="137"/>
      <c r="AQ4628" s="137"/>
      <c r="AR4628" s="137"/>
      <c r="AS4628" s="137"/>
      <c r="AT4628" s="137"/>
      <c r="AU4628" s="137"/>
      <c r="AV4628" s="137"/>
      <c r="AW4628" s="144"/>
    </row>
    <row r="4629" spans="7:49" x14ac:dyDescent="0.2">
      <c r="G4629" s="43"/>
      <c r="Z4629" s="143"/>
      <c r="AA4629" s="137"/>
      <c r="AB4629" s="137"/>
      <c r="AC4629" s="137"/>
      <c r="AD4629" s="137"/>
      <c r="AE4629" s="137"/>
      <c r="AF4629" s="137"/>
      <c r="AG4629" s="137"/>
      <c r="AH4629" s="137"/>
      <c r="AI4629" s="137"/>
      <c r="AJ4629" s="137"/>
      <c r="AK4629" s="137"/>
      <c r="AL4629" s="137"/>
      <c r="AM4629" s="137"/>
      <c r="AN4629" s="137"/>
      <c r="AO4629" s="137"/>
      <c r="AP4629" s="137"/>
      <c r="AQ4629" s="137"/>
      <c r="AR4629" s="137"/>
      <c r="AS4629" s="137"/>
      <c r="AT4629" s="137"/>
      <c r="AU4629" s="137"/>
      <c r="AV4629" s="137"/>
      <c r="AW4629" s="144"/>
    </row>
    <row r="4630" spans="7:49" x14ac:dyDescent="0.2">
      <c r="G4630" s="43"/>
      <c r="Z4630" s="143"/>
      <c r="AA4630" s="137"/>
      <c r="AB4630" s="137"/>
      <c r="AC4630" s="137"/>
      <c r="AD4630" s="137"/>
      <c r="AE4630" s="137"/>
      <c r="AF4630" s="137"/>
      <c r="AG4630" s="137"/>
      <c r="AH4630" s="137"/>
      <c r="AI4630" s="137"/>
      <c r="AJ4630" s="137"/>
      <c r="AK4630" s="137"/>
      <c r="AL4630" s="137"/>
      <c r="AM4630" s="137"/>
      <c r="AN4630" s="137"/>
      <c r="AO4630" s="137"/>
      <c r="AP4630" s="137"/>
      <c r="AQ4630" s="137"/>
      <c r="AR4630" s="137"/>
      <c r="AS4630" s="137"/>
      <c r="AT4630" s="137"/>
      <c r="AU4630" s="137"/>
      <c r="AV4630" s="137"/>
      <c r="AW4630" s="144"/>
    </row>
    <row r="4631" spans="7:49" x14ac:dyDescent="0.2">
      <c r="G4631" s="43"/>
      <c r="Z4631" s="143"/>
      <c r="AA4631" s="137"/>
      <c r="AB4631" s="137"/>
      <c r="AC4631" s="137"/>
      <c r="AD4631" s="137"/>
      <c r="AE4631" s="137"/>
      <c r="AF4631" s="137"/>
      <c r="AG4631" s="137"/>
      <c r="AH4631" s="137"/>
      <c r="AI4631" s="137"/>
      <c r="AJ4631" s="137"/>
      <c r="AK4631" s="137"/>
      <c r="AL4631" s="137"/>
      <c r="AM4631" s="137"/>
      <c r="AN4631" s="137"/>
      <c r="AO4631" s="137"/>
      <c r="AP4631" s="137"/>
      <c r="AQ4631" s="137"/>
      <c r="AR4631" s="137"/>
      <c r="AS4631" s="137"/>
      <c r="AT4631" s="137"/>
      <c r="AU4631" s="137"/>
      <c r="AV4631" s="137"/>
      <c r="AW4631" s="144"/>
    </row>
    <row r="4632" spans="7:49" x14ac:dyDescent="0.2">
      <c r="G4632" s="43"/>
      <c r="Z4632" s="143"/>
      <c r="AA4632" s="137"/>
      <c r="AB4632" s="137"/>
      <c r="AC4632" s="137"/>
      <c r="AD4632" s="137"/>
      <c r="AE4632" s="137"/>
      <c r="AF4632" s="137"/>
      <c r="AG4632" s="137"/>
      <c r="AH4632" s="137"/>
      <c r="AI4632" s="137"/>
      <c r="AJ4632" s="137"/>
      <c r="AK4632" s="137"/>
      <c r="AL4632" s="137"/>
      <c r="AM4632" s="137"/>
      <c r="AN4632" s="137"/>
      <c r="AO4632" s="137"/>
      <c r="AP4632" s="137"/>
      <c r="AQ4632" s="137"/>
      <c r="AR4632" s="137"/>
      <c r="AS4632" s="137"/>
      <c r="AT4632" s="137"/>
      <c r="AU4632" s="137"/>
      <c r="AV4632" s="137"/>
      <c r="AW4632" s="144"/>
    </row>
    <row r="4633" spans="7:49" x14ac:dyDescent="0.2">
      <c r="G4633" s="43"/>
      <c r="Z4633" s="143"/>
      <c r="AA4633" s="137"/>
      <c r="AB4633" s="137"/>
      <c r="AC4633" s="137"/>
      <c r="AD4633" s="137"/>
      <c r="AE4633" s="137"/>
      <c r="AF4633" s="137"/>
      <c r="AG4633" s="137"/>
      <c r="AH4633" s="137"/>
      <c r="AI4633" s="137"/>
      <c r="AJ4633" s="137"/>
      <c r="AK4633" s="137"/>
      <c r="AL4633" s="137"/>
      <c r="AM4633" s="137"/>
      <c r="AN4633" s="137"/>
      <c r="AO4633" s="137"/>
      <c r="AP4633" s="137"/>
      <c r="AQ4633" s="137"/>
      <c r="AR4633" s="137"/>
      <c r="AS4633" s="137"/>
      <c r="AT4633" s="137"/>
      <c r="AU4633" s="137"/>
      <c r="AV4633" s="137"/>
      <c r="AW4633" s="144"/>
    </row>
    <row r="4634" spans="7:49" x14ac:dyDescent="0.2">
      <c r="G4634" s="43"/>
      <c r="Z4634" s="143"/>
      <c r="AA4634" s="137"/>
      <c r="AB4634" s="137"/>
      <c r="AC4634" s="137"/>
      <c r="AD4634" s="137"/>
      <c r="AE4634" s="137"/>
      <c r="AF4634" s="137"/>
      <c r="AG4634" s="137"/>
      <c r="AH4634" s="137"/>
      <c r="AI4634" s="137"/>
      <c r="AJ4634" s="137"/>
      <c r="AK4634" s="137"/>
      <c r="AL4634" s="137"/>
      <c r="AM4634" s="137"/>
      <c r="AN4634" s="137"/>
      <c r="AO4634" s="137"/>
      <c r="AP4634" s="137"/>
      <c r="AQ4634" s="137"/>
      <c r="AR4634" s="137"/>
      <c r="AS4634" s="137"/>
      <c r="AT4634" s="137"/>
      <c r="AU4634" s="137"/>
      <c r="AV4634" s="137"/>
      <c r="AW4634" s="144"/>
    </row>
    <row r="4635" spans="7:49" x14ac:dyDescent="0.2">
      <c r="G4635" s="43"/>
      <c r="Z4635" s="143"/>
      <c r="AA4635" s="137"/>
      <c r="AB4635" s="137"/>
      <c r="AC4635" s="137"/>
      <c r="AD4635" s="137"/>
      <c r="AE4635" s="137"/>
      <c r="AF4635" s="137"/>
      <c r="AG4635" s="137"/>
      <c r="AH4635" s="137"/>
      <c r="AI4635" s="137"/>
      <c r="AJ4635" s="137"/>
      <c r="AK4635" s="137"/>
      <c r="AL4635" s="137"/>
      <c r="AM4635" s="137"/>
      <c r="AN4635" s="137"/>
      <c r="AO4635" s="137"/>
      <c r="AP4635" s="137"/>
      <c r="AQ4635" s="137"/>
      <c r="AR4635" s="137"/>
      <c r="AS4635" s="137"/>
      <c r="AT4635" s="137"/>
      <c r="AU4635" s="137"/>
      <c r="AV4635" s="137"/>
      <c r="AW4635" s="144"/>
    </row>
    <row r="4636" spans="7:49" x14ac:dyDescent="0.2">
      <c r="G4636" s="43"/>
      <c r="Z4636" s="143"/>
      <c r="AA4636" s="137"/>
      <c r="AB4636" s="137"/>
      <c r="AC4636" s="137"/>
      <c r="AD4636" s="137"/>
      <c r="AE4636" s="137"/>
      <c r="AF4636" s="137"/>
      <c r="AG4636" s="137"/>
      <c r="AH4636" s="137"/>
      <c r="AI4636" s="137"/>
      <c r="AJ4636" s="137"/>
      <c r="AK4636" s="137"/>
      <c r="AL4636" s="137"/>
      <c r="AM4636" s="137"/>
      <c r="AN4636" s="137"/>
      <c r="AO4636" s="137"/>
      <c r="AP4636" s="137"/>
      <c r="AQ4636" s="137"/>
      <c r="AR4636" s="137"/>
      <c r="AS4636" s="137"/>
      <c r="AT4636" s="137"/>
      <c r="AU4636" s="137"/>
      <c r="AV4636" s="137"/>
      <c r="AW4636" s="144"/>
    </row>
    <row r="4637" spans="7:49" x14ac:dyDescent="0.2">
      <c r="G4637" s="43"/>
      <c r="Z4637" s="143"/>
      <c r="AA4637" s="137"/>
      <c r="AB4637" s="137"/>
      <c r="AC4637" s="137"/>
      <c r="AD4637" s="137"/>
      <c r="AE4637" s="137"/>
      <c r="AF4637" s="137"/>
      <c r="AG4637" s="137"/>
      <c r="AH4637" s="137"/>
      <c r="AI4637" s="137"/>
      <c r="AJ4637" s="137"/>
      <c r="AK4637" s="137"/>
      <c r="AL4637" s="137"/>
      <c r="AM4637" s="137"/>
      <c r="AN4637" s="137"/>
      <c r="AO4637" s="137"/>
      <c r="AP4637" s="137"/>
      <c r="AQ4637" s="137"/>
      <c r="AR4637" s="137"/>
      <c r="AS4637" s="137"/>
      <c r="AT4637" s="137"/>
      <c r="AU4637" s="137"/>
      <c r="AV4637" s="137"/>
      <c r="AW4637" s="144"/>
    </row>
    <row r="4638" spans="7:49" x14ac:dyDescent="0.2">
      <c r="G4638" s="43"/>
      <c r="Z4638" s="143"/>
      <c r="AA4638" s="137"/>
      <c r="AB4638" s="137"/>
      <c r="AC4638" s="137"/>
      <c r="AD4638" s="137"/>
      <c r="AE4638" s="137"/>
      <c r="AF4638" s="137"/>
      <c r="AG4638" s="137"/>
      <c r="AH4638" s="137"/>
      <c r="AI4638" s="137"/>
      <c r="AJ4638" s="137"/>
      <c r="AK4638" s="137"/>
      <c r="AL4638" s="137"/>
      <c r="AM4638" s="137"/>
      <c r="AN4638" s="137"/>
      <c r="AO4638" s="137"/>
      <c r="AP4638" s="137"/>
      <c r="AQ4638" s="137"/>
      <c r="AR4638" s="137"/>
      <c r="AS4638" s="137"/>
      <c r="AT4638" s="137"/>
      <c r="AU4638" s="137"/>
      <c r="AV4638" s="137"/>
      <c r="AW4638" s="144"/>
    </row>
    <row r="4639" spans="7:49" x14ac:dyDescent="0.2">
      <c r="G4639" s="43"/>
      <c r="Z4639" s="143"/>
      <c r="AA4639" s="137"/>
      <c r="AB4639" s="137"/>
      <c r="AC4639" s="137"/>
      <c r="AD4639" s="137"/>
      <c r="AE4639" s="137"/>
      <c r="AF4639" s="137"/>
      <c r="AG4639" s="137"/>
      <c r="AH4639" s="137"/>
      <c r="AI4639" s="137"/>
      <c r="AJ4639" s="137"/>
      <c r="AK4639" s="137"/>
      <c r="AL4639" s="137"/>
      <c r="AM4639" s="137"/>
      <c r="AN4639" s="137"/>
      <c r="AO4639" s="137"/>
      <c r="AP4639" s="137"/>
      <c r="AQ4639" s="137"/>
      <c r="AR4639" s="137"/>
      <c r="AS4639" s="137"/>
      <c r="AT4639" s="137"/>
      <c r="AU4639" s="137"/>
      <c r="AV4639" s="137"/>
      <c r="AW4639" s="144"/>
    </row>
    <row r="4640" spans="7:49" x14ac:dyDescent="0.2">
      <c r="G4640" s="43"/>
      <c r="Z4640" s="143"/>
      <c r="AA4640" s="137"/>
      <c r="AB4640" s="137"/>
      <c r="AC4640" s="137"/>
      <c r="AD4640" s="137"/>
      <c r="AE4640" s="137"/>
      <c r="AF4640" s="137"/>
      <c r="AG4640" s="137"/>
      <c r="AH4640" s="137"/>
      <c r="AI4640" s="137"/>
      <c r="AJ4640" s="137"/>
      <c r="AK4640" s="137"/>
      <c r="AL4640" s="137"/>
      <c r="AM4640" s="137"/>
      <c r="AN4640" s="137"/>
      <c r="AO4640" s="137"/>
      <c r="AP4640" s="137"/>
      <c r="AQ4640" s="137"/>
      <c r="AR4640" s="137"/>
      <c r="AS4640" s="137"/>
      <c r="AT4640" s="137"/>
      <c r="AU4640" s="137"/>
      <c r="AV4640" s="137"/>
      <c r="AW4640" s="144"/>
    </row>
    <row r="4641" spans="7:49" x14ac:dyDescent="0.2">
      <c r="G4641" s="43"/>
      <c r="Z4641" s="143"/>
      <c r="AA4641" s="137"/>
      <c r="AB4641" s="137"/>
      <c r="AC4641" s="137"/>
      <c r="AD4641" s="137"/>
      <c r="AE4641" s="137"/>
      <c r="AF4641" s="137"/>
      <c r="AG4641" s="137"/>
      <c r="AH4641" s="137"/>
      <c r="AI4641" s="137"/>
      <c r="AJ4641" s="137"/>
      <c r="AK4641" s="137"/>
      <c r="AL4641" s="137"/>
      <c r="AM4641" s="137"/>
      <c r="AN4641" s="137"/>
      <c r="AO4641" s="137"/>
      <c r="AP4641" s="137"/>
      <c r="AQ4641" s="137"/>
      <c r="AR4641" s="137"/>
      <c r="AS4641" s="137"/>
      <c r="AT4641" s="137"/>
      <c r="AU4641" s="137"/>
      <c r="AV4641" s="137"/>
      <c r="AW4641" s="144"/>
    </row>
    <row r="4642" spans="7:49" x14ac:dyDescent="0.2">
      <c r="G4642" s="43"/>
      <c r="Z4642" s="143"/>
      <c r="AA4642" s="137"/>
      <c r="AB4642" s="137"/>
      <c r="AC4642" s="137"/>
      <c r="AD4642" s="137"/>
      <c r="AE4642" s="137"/>
      <c r="AF4642" s="137"/>
      <c r="AG4642" s="137"/>
      <c r="AH4642" s="137"/>
      <c r="AI4642" s="137"/>
      <c r="AJ4642" s="137"/>
      <c r="AK4642" s="137"/>
      <c r="AL4642" s="137"/>
      <c r="AM4642" s="137"/>
      <c r="AN4642" s="137"/>
      <c r="AO4642" s="137"/>
      <c r="AP4642" s="137"/>
      <c r="AQ4642" s="137"/>
      <c r="AR4642" s="137"/>
      <c r="AS4642" s="137"/>
      <c r="AT4642" s="137"/>
      <c r="AU4642" s="137"/>
      <c r="AV4642" s="137"/>
      <c r="AW4642" s="144"/>
    </row>
    <row r="4643" spans="7:49" x14ac:dyDescent="0.2">
      <c r="G4643" s="43"/>
      <c r="Z4643" s="143"/>
      <c r="AA4643" s="137"/>
      <c r="AB4643" s="137"/>
      <c r="AC4643" s="137"/>
      <c r="AD4643" s="137"/>
      <c r="AE4643" s="137"/>
      <c r="AF4643" s="137"/>
      <c r="AG4643" s="137"/>
      <c r="AH4643" s="137"/>
      <c r="AI4643" s="137"/>
      <c r="AJ4643" s="137"/>
      <c r="AK4643" s="137"/>
      <c r="AL4643" s="137"/>
      <c r="AM4643" s="137"/>
      <c r="AN4643" s="137"/>
      <c r="AO4643" s="137"/>
      <c r="AP4643" s="137"/>
      <c r="AQ4643" s="137"/>
      <c r="AR4643" s="137"/>
      <c r="AS4643" s="137"/>
      <c r="AT4643" s="137"/>
      <c r="AU4643" s="137"/>
      <c r="AV4643" s="137"/>
      <c r="AW4643" s="144"/>
    </row>
    <row r="4644" spans="7:49" x14ac:dyDescent="0.2">
      <c r="G4644" s="43"/>
      <c r="Z4644" s="143"/>
      <c r="AA4644" s="137"/>
      <c r="AB4644" s="137"/>
      <c r="AC4644" s="137"/>
      <c r="AD4644" s="137"/>
      <c r="AE4644" s="137"/>
      <c r="AF4644" s="137"/>
      <c r="AG4644" s="137"/>
      <c r="AH4644" s="137"/>
      <c r="AI4644" s="137"/>
      <c r="AJ4644" s="137"/>
      <c r="AK4644" s="137"/>
      <c r="AL4644" s="137"/>
      <c r="AM4644" s="137"/>
      <c r="AN4644" s="137"/>
      <c r="AO4644" s="137"/>
      <c r="AP4644" s="137"/>
      <c r="AQ4644" s="137"/>
      <c r="AR4644" s="137"/>
      <c r="AS4644" s="137"/>
      <c r="AT4644" s="137"/>
      <c r="AU4644" s="137"/>
      <c r="AV4644" s="137"/>
      <c r="AW4644" s="144"/>
    </row>
    <row r="4645" spans="7:49" x14ac:dyDescent="0.2">
      <c r="G4645" s="43"/>
      <c r="Z4645" s="143"/>
      <c r="AA4645" s="137"/>
      <c r="AB4645" s="137"/>
      <c r="AC4645" s="137"/>
      <c r="AD4645" s="137"/>
      <c r="AE4645" s="137"/>
      <c r="AF4645" s="137"/>
      <c r="AG4645" s="137"/>
      <c r="AH4645" s="137"/>
      <c r="AI4645" s="137"/>
      <c r="AJ4645" s="137"/>
      <c r="AK4645" s="137"/>
      <c r="AL4645" s="137"/>
      <c r="AM4645" s="137"/>
      <c r="AN4645" s="137"/>
      <c r="AO4645" s="137"/>
      <c r="AP4645" s="137"/>
      <c r="AQ4645" s="137"/>
      <c r="AR4645" s="137"/>
      <c r="AS4645" s="137"/>
      <c r="AT4645" s="137"/>
      <c r="AU4645" s="137"/>
      <c r="AV4645" s="137"/>
      <c r="AW4645" s="144"/>
    </row>
    <row r="4646" spans="7:49" x14ac:dyDescent="0.2">
      <c r="G4646" s="43"/>
      <c r="Z4646" s="143"/>
      <c r="AA4646" s="137"/>
      <c r="AB4646" s="137"/>
      <c r="AC4646" s="137"/>
      <c r="AD4646" s="137"/>
      <c r="AE4646" s="137"/>
      <c r="AF4646" s="137"/>
      <c r="AG4646" s="137"/>
      <c r="AH4646" s="137"/>
      <c r="AI4646" s="137"/>
      <c r="AJ4646" s="137"/>
      <c r="AK4646" s="137"/>
      <c r="AL4646" s="137"/>
      <c r="AM4646" s="137"/>
      <c r="AN4646" s="137"/>
      <c r="AO4646" s="137"/>
      <c r="AP4646" s="137"/>
      <c r="AQ4646" s="137"/>
      <c r="AR4646" s="137"/>
      <c r="AS4646" s="137"/>
      <c r="AT4646" s="137"/>
      <c r="AU4646" s="137"/>
      <c r="AV4646" s="137"/>
      <c r="AW4646" s="144"/>
    </row>
    <row r="4647" spans="7:49" x14ac:dyDescent="0.2">
      <c r="G4647" s="43"/>
      <c r="Z4647" s="143"/>
      <c r="AA4647" s="137"/>
      <c r="AB4647" s="137"/>
      <c r="AC4647" s="137"/>
      <c r="AD4647" s="137"/>
      <c r="AE4647" s="137"/>
      <c r="AF4647" s="137"/>
      <c r="AG4647" s="137"/>
      <c r="AH4647" s="137"/>
      <c r="AI4647" s="137"/>
      <c r="AJ4647" s="137"/>
      <c r="AK4647" s="137"/>
      <c r="AL4647" s="137"/>
      <c r="AM4647" s="137"/>
      <c r="AN4647" s="137"/>
      <c r="AO4647" s="137"/>
      <c r="AP4647" s="137"/>
      <c r="AQ4647" s="137"/>
      <c r="AR4647" s="137"/>
      <c r="AS4647" s="137"/>
      <c r="AT4647" s="137"/>
      <c r="AU4647" s="137"/>
      <c r="AV4647" s="137"/>
      <c r="AW4647" s="144"/>
    </row>
    <row r="4648" spans="7:49" x14ac:dyDescent="0.2">
      <c r="G4648" s="43"/>
      <c r="Z4648" s="143"/>
      <c r="AA4648" s="137"/>
      <c r="AB4648" s="137"/>
      <c r="AC4648" s="137"/>
      <c r="AD4648" s="137"/>
      <c r="AE4648" s="137"/>
      <c r="AF4648" s="137"/>
      <c r="AG4648" s="137"/>
      <c r="AH4648" s="137"/>
      <c r="AI4648" s="137"/>
      <c r="AJ4648" s="137"/>
      <c r="AK4648" s="137"/>
      <c r="AL4648" s="137"/>
      <c r="AM4648" s="137"/>
      <c r="AN4648" s="137"/>
      <c r="AO4648" s="137"/>
      <c r="AP4648" s="137"/>
      <c r="AQ4648" s="137"/>
      <c r="AR4648" s="137"/>
      <c r="AS4648" s="137"/>
      <c r="AT4648" s="137"/>
      <c r="AU4648" s="137"/>
      <c r="AV4648" s="137"/>
      <c r="AW4648" s="144"/>
    </row>
    <row r="4649" spans="7:49" x14ac:dyDescent="0.2">
      <c r="G4649" s="43"/>
      <c r="Z4649" s="143"/>
      <c r="AA4649" s="137"/>
      <c r="AB4649" s="137"/>
      <c r="AC4649" s="137"/>
      <c r="AD4649" s="137"/>
      <c r="AE4649" s="137"/>
      <c r="AF4649" s="137"/>
      <c r="AG4649" s="137"/>
      <c r="AH4649" s="137"/>
      <c r="AI4649" s="137"/>
      <c r="AJ4649" s="137"/>
      <c r="AK4649" s="137"/>
      <c r="AL4649" s="137"/>
      <c r="AM4649" s="137"/>
      <c r="AN4649" s="137"/>
      <c r="AO4649" s="137"/>
      <c r="AP4649" s="137"/>
      <c r="AQ4649" s="137"/>
      <c r="AR4649" s="137"/>
      <c r="AS4649" s="137"/>
      <c r="AT4649" s="137"/>
      <c r="AU4649" s="137"/>
      <c r="AV4649" s="137"/>
      <c r="AW4649" s="144"/>
    </row>
    <row r="4650" spans="7:49" x14ac:dyDescent="0.2">
      <c r="G4650" s="43"/>
      <c r="Z4650" s="143"/>
      <c r="AA4650" s="137"/>
      <c r="AB4650" s="137"/>
      <c r="AC4650" s="137"/>
      <c r="AD4650" s="137"/>
      <c r="AE4650" s="137"/>
      <c r="AF4650" s="137"/>
      <c r="AG4650" s="137"/>
      <c r="AH4650" s="137"/>
      <c r="AI4650" s="137"/>
      <c r="AJ4650" s="137"/>
      <c r="AK4650" s="137"/>
      <c r="AL4650" s="137"/>
      <c r="AM4650" s="137"/>
      <c r="AN4650" s="137"/>
      <c r="AO4650" s="137"/>
      <c r="AP4650" s="137"/>
      <c r="AQ4650" s="137"/>
      <c r="AR4650" s="137"/>
      <c r="AS4650" s="137"/>
      <c r="AT4650" s="137"/>
      <c r="AU4650" s="137"/>
      <c r="AV4650" s="137"/>
      <c r="AW4650" s="144"/>
    </row>
    <row r="4651" spans="7:49" x14ac:dyDescent="0.2">
      <c r="G4651" s="43"/>
      <c r="Z4651" s="143"/>
      <c r="AA4651" s="137"/>
      <c r="AB4651" s="137"/>
      <c r="AC4651" s="137"/>
      <c r="AD4651" s="137"/>
      <c r="AE4651" s="137"/>
      <c r="AF4651" s="137"/>
      <c r="AG4651" s="137"/>
      <c r="AH4651" s="137"/>
      <c r="AI4651" s="137"/>
      <c r="AJ4651" s="137"/>
      <c r="AK4651" s="137"/>
      <c r="AL4651" s="137"/>
      <c r="AM4651" s="137"/>
      <c r="AN4651" s="137"/>
      <c r="AO4651" s="137"/>
      <c r="AP4651" s="137"/>
      <c r="AQ4651" s="137"/>
      <c r="AR4651" s="137"/>
      <c r="AS4651" s="137"/>
      <c r="AT4651" s="137"/>
      <c r="AU4651" s="137"/>
      <c r="AV4651" s="137"/>
      <c r="AW4651" s="144"/>
    </row>
    <row r="4652" spans="7:49" x14ac:dyDescent="0.2">
      <c r="G4652" s="43"/>
      <c r="Z4652" s="143"/>
      <c r="AA4652" s="137"/>
      <c r="AB4652" s="137"/>
      <c r="AC4652" s="137"/>
      <c r="AD4652" s="137"/>
      <c r="AE4652" s="137"/>
      <c r="AF4652" s="137"/>
      <c r="AG4652" s="137"/>
      <c r="AH4652" s="137"/>
      <c r="AI4652" s="137"/>
      <c r="AJ4652" s="137"/>
      <c r="AK4652" s="137"/>
      <c r="AL4652" s="137"/>
      <c r="AM4652" s="137"/>
      <c r="AN4652" s="137"/>
      <c r="AO4652" s="137"/>
      <c r="AP4652" s="137"/>
      <c r="AQ4652" s="137"/>
      <c r="AR4652" s="137"/>
      <c r="AS4652" s="137"/>
      <c r="AT4652" s="137"/>
      <c r="AU4652" s="137"/>
      <c r="AV4652" s="137"/>
      <c r="AW4652" s="144"/>
    </row>
    <row r="4653" spans="7:49" x14ac:dyDescent="0.2">
      <c r="G4653" s="43"/>
      <c r="Z4653" s="143"/>
      <c r="AA4653" s="137"/>
      <c r="AB4653" s="137"/>
      <c r="AC4653" s="137"/>
      <c r="AD4653" s="137"/>
      <c r="AE4653" s="137"/>
      <c r="AF4653" s="137"/>
      <c r="AG4653" s="137"/>
      <c r="AH4653" s="137"/>
      <c r="AI4653" s="137"/>
      <c r="AJ4653" s="137"/>
      <c r="AK4653" s="137"/>
      <c r="AL4653" s="137"/>
      <c r="AM4653" s="137"/>
      <c r="AN4653" s="137"/>
      <c r="AO4653" s="137"/>
      <c r="AP4653" s="137"/>
      <c r="AQ4653" s="137"/>
      <c r="AR4653" s="137"/>
      <c r="AS4653" s="137"/>
      <c r="AT4653" s="137"/>
      <c r="AU4653" s="137"/>
      <c r="AV4653" s="137"/>
      <c r="AW4653" s="144"/>
    </row>
    <row r="4654" spans="7:49" x14ac:dyDescent="0.2">
      <c r="G4654" s="43"/>
      <c r="Z4654" s="143"/>
      <c r="AA4654" s="137"/>
      <c r="AB4654" s="137"/>
      <c r="AC4654" s="137"/>
      <c r="AD4654" s="137"/>
      <c r="AE4654" s="137"/>
      <c r="AF4654" s="137"/>
      <c r="AG4654" s="137"/>
      <c r="AH4654" s="137"/>
      <c r="AI4654" s="137"/>
      <c r="AJ4654" s="137"/>
      <c r="AK4654" s="137"/>
      <c r="AL4654" s="137"/>
      <c r="AM4654" s="137"/>
      <c r="AN4654" s="137"/>
      <c r="AO4654" s="137"/>
      <c r="AP4654" s="137"/>
      <c r="AQ4654" s="137"/>
      <c r="AR4654" s="137"/>
      <c r="AS4654" s="137"/>
      <c r="AT4654" s="137"/>
      <c r="AU4654" s="137"/>
      <c r="AV4654" s="137"/>
      <c r="AW4654" s="144"/>
    </row>
    <row r="4655" spans="7:49" x14ac:dyDescent="0.2">
      <c r="G4655" s="43"/>
      <c r="Z4655" s="143"/>
      <c r="AA4655" s="137"/>
      <c r="AB4655" s="137"/>
      <c r="AC4655" s="137"/>
      <c r="AD4655" s="137"/>
      <c r="AE4655" s="137"/>
      <c r="AF4655" s="137"/>
      <c r="AG4655" s="137"/>
      <c r="AH4655" s="137"/>
      <c r="AI4655" s="137"/>
      <c r="AJ4655" s="137"/>
      <c r="AK4655" s="137"/>
      <c r="AL4655" s="137"/>
      <c r="AM4655" s="137"/>
      <c r="AN4655" s="137"/>
      <c r="AO4655" s="137"/>
      <c r="AP4655" s="137"/>
      <c r="AQ4655" s="137"/>
      <c r="AR4655" s="137"/>
      <c r="AS4655" s="137"/>
      <c r="AT4655" s="137"/>
      <c r="AU4655" s="137"/>
      <c r="AV4655" s="137"/>
      <c r="AW4655" s="144"/>
    </row>
    <row r="4656" spans="7:49" x14ac:dyDescent="0.2">
      <c r="G4656" s="43"/>
      <c r="Z4656" s="143"/>
      <c r="AA4656" s="137"/>
      <c r="AB4656" s="137"/>
      <c r="AC4656" s="137"/>
      <c r="AD4656" s="137"/>
      <c r="AE4656" s="137"/>
      <c r="AF4656" s="137"/>
      <c r="AG4656" s="137"/>
      <c r="AH4656" s="137"/>
      <c r="AI4656" s="137"/>
      <c r="AJ4656" s="137"/>
      <c r="AK4656" s="137"/>
      <c r="AL4656" s="137"/>
      <c r="AM4656" s="137"/>
      <c r="AN4656" s="137"/>
      <c r="AO4656" s="137"/>
      <c r="AP4656" s="137"/>
      <c r="AQ4656" s="137"/>
      <c r="AR4656" s="137"/>
      <c r="AS4656" s="137"/>
      <c r="AT4656" s="137"/>
      <c r="AU4656" s="137"/>
      <c r="AV4656" s="137"/>
      <c r="AW4656" s="144"/>
    </row>
    <row r="4657" spans="7:49" x14ac:dyDescent="0.2">
      <c r="G4657" s="43"/>
      <c r="Z4657" s="143"/>
      <c r="AA4657" s="137"/>
      <c r="AB4657" s="137"/>
      <c r="AC4657" s="137"/>
      <c r="AD4657" s="137"/>
      <c r="AE4657" s="137"/>
      <c r="AF4657" s="137"/>
      <c r="AG4657" s="137"/>
      <c r="AH4657" s="137"/>
      <c r="AI4657" s="137"/>
      <c r="AJ4657" s="137"/>
      <c r="AK4657" s="137"/>
      <c r="AL4657" s="137"/>
      <c r="AM4657" s="137"/>
      <c r="AN4657" s="137"/>
      <c r="AO4657" s="137"/>
      <c r="AP4657" s="137"/>
      <c r="AQ4657" s="137"/>
      <c r="AR4657" s="137"/>
      <c r="AS4657" s="137"/>
      <c r="AT4657" s="137"/>
      <c r="AU4657" s="137"/>
      <c r="AV4657" s="137"/>
      <c r="AW4657" s="144"/>
    </row>
    <row r="4658" spans="7:49" x14ac:dyDescent="0.2">
      <c r="G4658" s="43"/>
      <c r="Z4658" s="143"/>
      <c r="AA4658" s="137"/>
      <c r="AB4658" s="137"/>
      <c r="AC4658" s="137"/>
      <c r="AD4658" s="137"/>
      <c r="AE4658" s="137"/>
      <c r="AF4658" s="137"/>
      <c r="AG4658" s="137"/>
      <c r="AH4658" s="137"/>
      <c r="AI4658" s="137"/>
      <c r="AJ4658" s="137"/>
      <c r="AK4658" s="137"/>
      <c r="AL4658" s="137"/>
      <c r="AM4658" s="137"/>
      <c r="AN4658" s="137"/>
      <c r="AO4658" s="137"/>
      <c r="AP4658" s="137"/>
      <c r="AQ4658" s="137"/>
      <c r="AR4658" s="137"/>
      <c r="AS4658" s="137"/>
      <c r="AT4658" s="137"/>
      <c r="AU4658" s="137"/>
      <c r="AV4658" s="137"/>
      <c r="AW4658" s="144"/>
    </row>
    <row r="4659" spans="7:49" x14ac:dyDescent="0.2">
      <c r="G4659" s="43"/>
      <c r="Z4659" s="143"/>
      <c r="AA4659" s="137"/>
      <c r="AB4659" s="137"/>
      <c r="AC4659" s="137"/>
      <c r="AD4659" s="137"/>
      <c r="AE4659" s="137"/>
      <c r="AF4659" s="137"/>
      <c r="AG4659" s="137"/>
      <c r="AH4659" s="137"/>
      <c r="AI4659" s="137"/>
      <c r="AJ4659" s="137"/>
      <c r="AK4659" s="137"/>
      <c r="AL4659" s="137"/>
      <c r="AM4659" s="137"/>
      <c r="AN4659" s="137"/>
      <c r="AO4659" s="137"/>
      <c r="AP4659" s="137"/>
      <c r="AQ4659" s="137"/>
      <c r="AR4659" s="137"/>
      <c r="AS4659" s="137"/>
      <c r="AT4659" s="137"/>
      <c r="AU4659" s="137"/>
      <c r="AV4659" s="137"/>
      <c r="AW4659" s="144"/>
    </row>
    <row r="4660" spans="7:49" x14ac:dyDescent="0.2">
      <c r="G4660" s="43"/>
      <c r="Z4660" s="143"/>
      <c r="AA4660" s="137"/>
      <c r="AB4660" s="137"/>
      <c r="AC4660" s="137"/>
      <c r="AD4660" s="137"/>
      <c r="AE4660" s="137"/>
      <c r="AF4660" s="137"/>
      <c r="AG4660" s="137"/>
      <c r="AH4660" s="137"/>
      <c r="AI4660" s="137"/>
      <c r="AJ4660" s="137"/>
      <c r="AK4660" s="137"/>
      <c r="AL4660" s="137"/>
      <c r="AM4660" s="137"/>
      <c r="AN4660" s="137"/>
      <c r="AO4660" s="137"/>
      <c r="AP4660" s="137"/>
      <c r="AQ4660" s="137"/>
      <c r="AR4660" s="137"/>
      <c r="AS4660" s="137"/>
      <c r="AT4660" s="137"/>
      <c r="AU4660" s="137"/>
      <c r="AV4660" s="137"/>
      <c r="AW4660" s="144"/>
    </row>
    <row r="4661" spans="7:49" x14ac:dyDescent="0.2">
      <c r="G4661" s="43"/>
      <c r="Z4661" s="143"/>
      <c r="AA4661" s="137"/>
      <c r="AB4661" s="137"/>
      <c r="AC4661" s="137"/>
      <c r="AD4661" s="137"/>
      <c r="AE4661" s="137"/>
      <c r="AF4661" s="137"/>
      <c r="AG4661" s="137"/>
      <c r="AH4661" s="137"/>
      <c r="AI4661" s="137"/>
      <c r="AJ4661" s="137"/>
      <c r="AK4661" s="137"/>
      <c r="AL4661" s="137"/>
      <c r="AM4661" s="137"/>
      <c r="AN4661" s="137"/>
      <c r="AO4661" s="137"/>
      <c r="AP4661" s="137"/>
      <c r="AQ4661" s="137"/>
      <c r="AR4661" s="137"/>
      <c r="AS4661" s="137"/>
      <c r="AT4661" s="137"/>
      <c r="AU4661" s="137"/>
      <c r="AV4661" s="137"/>
      <c r="AW4661" s="144"/>
    </row>
    <row r="4662" spans="7:49" x14ac:dyDescent="0.2">
      <c r="G4662" s="43"/>
      <c r="Z4662" s="143"/>
      <c r="AA4662" s="137"/>
      <c r="AB4662" s="137"/>
      <c r="AC4662" s="137"/>
      <c r="AD4662" s="137"/>
      <c r="AE4662" s="137"/>
      <c r="AF4662" s="137"/>
      <c r="AG4662" s="137"/>
      <c r="AH4662" s="137"/>
      <c r="AI4662" s="137"/>
      <c r="AJ4662" s="137"/>
      <c r="AK4662" s="137"/>
      <c r="AL4662" s="137"/>
      <c r="AM4662" s="137"/>
      <c r="AN4662" s="137"/>
      <c r="AO4662" s="137"/>
      <c r="AP4662" s="137"/>
      <c r="AQ4662" s="137"/>
      <c r="AR4662" s="137"/>
      <c r="AS4662" s="137"/>
      <c r="AT4662" s="137"/>
      <c r="AU4662" s="137"/>
      <c r="AV4662" s="137"/>
      <c r="AW4662" s="144"/>
    </row>
    <row r="4663" spans="7:49" x14ac:dyDescent="0.2">
      <c r="G4663" s="43"/>
      <c r="Z4663" s="143"/>
      <c r="AA4663" s="137"/>
      <c r="AB4663" s="137"/>
      <c r="AC4663" s="137"/>
      <c r="AD4663" s="137"/>
      <c r="AE4663" s="137"/>
      <c r="AF4663" s="137"/>
      <c r="AG4663" s="137"/>
      <c r="AH4663" s="137"/>
      <c r="AI4663" s="137"/>
      <c r="AJ4663" s="137"/>
      <c r="AK4663" s="137"/>
      <c r="AL4663" s="137"/>
      <c r="AM4663" s="137"/>
      <c r="AN4663" s="137"/>
      <c r="AO4663" s="137"/>
      <c r="AP4663" s="137"/>
      <c r="AQ4663" s="137"/>
      <c r="AR4663" s="137"/>
      <c r="AS4663" s="137"/>
      <c r="AT4663" s="137"/>
      <c r="AU4663" s="137"/>
      <c r="AV4663" s="137"/>
      <c r="AW4663" s="144"/>
    </row>
    <row r="4664" spans="7:49" x14ac:dyDescent="0.2">
      <c r="G4664" s="43"/>
      <c r="Z4664" s="143"/>
      <c r="AA4664" s="137"/>
      <c r="AB4664" s="137"/>
      <c r="AC4664" s="137"/>
      <c r="AD4664" s="137"/>
      <c r="AE4664" s="137"/>
      <c r="AF4664" s="137"/>
      <c r="AG4664" s="137"/>
      <c r="AH4664" s="137"/>
      <c r="AI4664" s="137"/>
      <c r="AJ4664" s="137"/>
      <c r="AK4664" s="137"/>
      <c r="AL4664" s="137"/>
      <c r="AM4664" s="137"/>
      <c r="AN4664" s="137"/>
      <c r="AO4664" s="137"/>
      <c r="AP4664" s="137"/>
      <c r="AQ4664" s="137"/>
      <c r="AR4664" s="137"/>
      <c r="AS4664" s="137"/>
      <c r="AT4664" s="137"/>
      <c r="AU4664" s="137"/>
      <c r="AV4664" s="137"/>
      <c r="AW4664" s="144"/>
    </row>
    <row r="4665" spans="7:49" x14ac:dyDescent="0.2">
      <c r="G4665" s="43"/>
      <c r="Z4665" s="143"/>
      <c r="AA4665" s="137"/>
      <c r="AB4665" s="137"/>
      <c r="AC4665" s="137"/>
      <c r="AD4665" s="137"/>
      <c r="AE4665" s="137"/>
      <c r="AF4665" s="137"/>
      <c r="AG4665" s="137"/>
      <c r="AH4665" s="137"/>
      <c r="AI4665" s="137"/>
      <c r="AJ4665" s="137"/>
      <c r="AK4665" s="137"/>
      <c r="AL4665" s="137"/>
      <c r="AM4665" s="137"/>
      <c r="AN4665" s="137"/>
      <c r="AO4665" s="137"/>
      <c r="AP4665" s="137"/>
      <c r="AQ4665" s="137"/>
      <c r="AR4665" s="137"/>
      <c r="AS4665" s="137"/>
      <c r="AT4665" s="137"/>
      <c r="AU4665" s="137"/>
      <c r="AV4665" s="137"/>
      <c r="AW4665" s="144"/>
    </row>
    <row r="4666" spans="7:49" x14ac:dyDescent="0.2">
      <c r="G4666" s="43"/>
      <c r="Z4666" s="143"/>
      <c r="AA4666" s="137"/>
      <c r="AB4666" s="137"/>
      <c r="AC4666" s="137"/>
      <c r="AD4666" s="137"/>
      <c r="AE4666" s="137"/>
      <c r="AF4666" s="137"/>
      <c r="AG4666" s="137"/>
      <c r="AH4666" s="137"/>
      <c r="AI4666" s="137"/>
      <c r="AJ4666" s="137"/>
      <c r="AK4666" s="137"/>
      <c r="AL4666" s="137"/>
      <c r="AM4666" s="137"/>
      <c r="AN4666" s="137"/>
      <c r="AO4666" s="137"/>
      <c r="AP4666" s="137"/>
      <c r="AQ4666" s="137"/>
      <c r="AR4666" s="137"/>
      <c r="AS4666" s="137"/>
      <c r="AT4666" s="137"/>
      <c r="AU4666" s="137"/>
      <c r="AV4666" s="137"/>
      <c r="AW4666" s="144"/>
    </row>
    <row r="4667" spans="7:49" x14ac:dyDescent="0.2">
      <c r="G4667" s="43"/>
      <c r="Z4667" s="143"/>
      <c r="AA4667" s="137"/>
      <c r="AB4667" s="137"/>
      <c r="AC4667" s="137"/>
      <c r="AD4667" s="137"/>
      <c r="AE4667" s="137"/>
      <c r="AF4667" s="137"/>
      <c r="AG4667" s="137"/>
      <c r="AH4667" s="137"/>
      <c r="AI4667" s="137"/>
      <c r="AJ4667" s="137"/>
      <c r="AK4667" s="137"/>
      <c r="AL4667" s="137"/>
      <c r="AM4667" s="137"/>
      <c r="AN4667" s="137"/>
      <c r="AO4667" s="137"/>
      <c r="AP4667" s="137"/>
      <c r="AQ4667" s="137"/>
      <c r="AR4667" s="137"/>
      <c r="AS4667" s="137"/>
      <c r="AT4667" s="137"/>
      <c r="AU4667" s="137"/>
      <c r="AV4667" s="137"/>
      <c r="AW4667" s="144"/>
    </row>
    <row r="4668" spans="7:49" x14ac:dyDescent="0.2">
      <c r="G4668" s="43"/>
      <c r="Z4668" s="143"/>
      <c r="AA4668" s="137"/>
      <c r="AB4668" s="137"/>
      <c r="AC4668" s="137"/>
      <c r="AD4668" s="137"/>
      <c r="AE4668" s="137"/>
      <c r="AF4668" s="137"/>
      <c r="AG4668" s="137"/>
      <c r="AH4668" s="137"/>
      <c r="AI4668" s="137"/>
      <c r="AJ4668" s="137"/>
      <c r="AK4668" s="137"/>
      <c r="AL4668" s="137"/>
      <c r="AM4668" s="137"/>
      <c r="AN4668" s="137"/>
      <c r="AO4668" s="137"/>
      <c r="AP4668" s="137"/>
      <c r="AQ4668" s="137"/>
      <c r="AR4668" s="137"/>
      <c r="AS4668" s="137"/>
      <c r="AT4668" s="137"/>
      <c r="AU4668" s="137"/>
      <c r="AV4668" s="137"/>
      <c r="AW4668" s="144"/>
    </row>
    <row r="4669" spans="7:49" x14ac:dyDescent="0.2">
      <c r="G4669" s="43"/>
      <c r="Z4669" s="143"/>
      <c r="AA4669" s="137"/>
      <c r="AB4669" s="137"/>
      <c r="AC4669" s="137"/>
      <c r="AD4669" s="137"/>
      <c r="AE4669" s="137"/>
      <c r="AF4669" s="137"/>
      <c r="AG4669" s="137"/>
      <c r="AH4669" s="137"/>
      <c r="AI4669" s="137"/>
      <c r="AJ4669" s="137"/>
      <c r="AK4669" s="137"/>
      <c r="AL4669" s="137"/>
      <c r="AM4669" s="137"/>
      <c r="AN4669" s="137"/>
      <c r="AO4669" s="137"/>
      <c r="AP4669" s="137"/>
      <c r="AQ4669" s="137"/>
      <c r="AR4669" s="137"/>
      <c r="AS4669" s="137"/>
      <c r="AT4669" s="137"/>
      <c r="AU4669" s="137"/>
      <c r="AV4669" s="137"/>
      <c r="AW4669" s="144"/>
    </row>
    <row r="4670" spans="7:49" x14ac:dyDescent="0.2">
      <c r="G4670" s="43"/>
      <c r="Z4670" s="143"/>
      <c r="AA4670" s="137"/>
      <c r="AB4670" s="137"/>
      <c r="AC4670" s="137"/>
      <c r="AD4670" s="137"/>
      <c r="AE4670" s="137"/>
      <c r="AF4670" s="137"/>
      <c r="AG4670" s="137"/>
      <c r="AH4670" s="137"/>
      <c r="AI4670" s="137"/>
      <c r="AJ4670" s="137"/>
      <c r="AK4670" s="137"/>
      <c r="AL4670" s="137"/>
      <c r="AM4670" s="137"/>
      <c r="AN4670" s="137"/>
      <c r="AO4670" s="137"/>
      <c r="AP4670" s="137"/>
      <c r="AQ4670" s="137"/>
      <c r="AR4670" s="137"/>
      <c r="AS4670" s="137"/>
      <c r="AT4670" s="137"/>
      <c r="AU4670" s="137"/>
      <c r="AV4670" s="137"/>
      <c r="AW4670" s="144"/>
    </row>
    <row r="4671" spans="7:49" x14ac:dyDescent="0.2">
      <c r="G4671" s="43"/>
      <c r="Z4671" s="143"/>
      <c r="AA4671" s="137"/>
      <c r="AB4671" s="137"/>
      <c r="AC4671" s="137"/>
      <c r="AD4671" s="137"/>
      <c r="AE4671" s="137"/>
      <c r="AF4671" s="137"/>
      <c r="AG4671" s="137"/>
      <c r="AH4671" s="137"/>
      <c r="AI4671" s="137"/>
      <c r="AJ4671" s="137"/>
      <c r="AK4671" s="137"/>
      <c r="AL4671" s="137"/>
      <c r="AM4671" s="137"/>
      <c r="AN4671" s="137"/>
      <c r="AO4671" s="137"/>
      <c r="AP4671" s="137"/>
      <c r="AQ4671" s="137"/>
      <c r="AR4671" s="137"/>
      <c r="AS4671" s="137"/>
      <c r="AT4671" s="137"/>
      <c r="AU4671" s="137"/>
      <c r="AV4671" s="137"/>
      <c r="AW4671" s="144"/>
    </row>
    <row r="4672" spans="7:49" x14ac:dyDescent="0.2">
      <c r="G4672" s="43"/>
      <c r="Z4672" s="143"/>
      <c r="AA4672" s="137"/>
      <c r="AB4672" s="137"/>
      <c r="AC4672" s="137"/>
      <c r="AD4672" s="137"/>
      <c r="AE4672" s="137"/>
      <c r="AF4672" s="137"/>
      <c r="AG4672" s="137"/>
      <c r="AH4672" s="137"/>
      <c r="AI4672" s="137"/>
      <c r="AJ4672" s="137"/>
      <c r="AK4672" s="137"/>
      <c r="AL4672" s="137"/>
      <c r="AM4672" s="137"/>
      <c r="AN4672" s="137"/>
      <c r="AO4672" s="137"/>
      <c r="AP4672" s="137"/>
      <c r="AQ4672" s="137"/>
      <c r="AR4672" s="137"/>
      <c r="AS4672" s="137"/>
      <c r="AT4672" s="137"/>
      <c r="AU4672" s="137"/>
      <c r="AV4672" s="137"/>
      <c r="AW4672" s="144"/>
    </row>
    <row r="4673" spans="7:49" x14ac:dyDescent="0.2">
      <c r="G4673" s="43"/>
      <c r="Z4673" s="143"/>
      <c r="AA4673" s="137"/>
      <c r="AB4673" s="137"/>
      <c r="AC4673" s="137"/>
      <c r="AD4673" s="137"/>
      <c r="AE4673" s="137"/>
      <c r="AF4673" s="137"/>
      <c r="AG4673" s="137"/>
      <c r="AH4673" s="137"/>
      <c r="AI4673" s="137"/>
      <c r="AJ4673" s="137"/>
      <c r="AK4673" s="137"/>
      <c r="AL4673" s="137"/>
      <c r="AM4673" s="137"/>
      <c r="AN4673" s="137"/>
      <c r="AO4673" s="137"/>
      <c r="AP4673" s="137"/>
      <c r="AQ4673" s="137"/>
      <c r="AR4673" s="137"/>
      <c r="AS4673" s="137"/>
      <c r="AT4673" s="137"/>
      <c r="AU4673" s="137"/>
      <c r="AV4673" s="137"/>
      <c r="AW4673" s="144"/>
    </row>
    <row r="4674" spans="7:49" x14ac:dyDescent="0.2">
      <c r="G4674" s="43"/>
      <c r="Z4674" s="143"/>
      <c r="AA4674" s="137"/>
      <c r="AB4674" s="137"/>
      <c r="AC4674" s="137"/>
      <c r="AD4674" s="137"/>
      <c r="AE4674" s="137"/>
      <c r="AF4674" s="137"/>
      <c r="AG4674" s="137"/>
      <c r="AH4674" s="137"/>
      <c r="AI4674" s="137"/>
      <c r="AJ4674" s="137"/>
      <c r="AK4674" s="137"/>
      <c r="AL4674" s="137"/>
      <c r="AM4674" s="137"/>
      <c r="AN4674" s="137"/>
      <c r="AO4674" s="137"/>
      <c r="AP4674" s="137"/>
      <c r="AQ4674" s="137"/>
      <c r="AR4674" s="137"/>
      <c r="AS4674" s="137"/>
      <c r="AT4674" s="137"/>
      <c r="AU4674" s="137"/>
      <c r="AV4674" s="137"/>
      <c r="AW4674" s="144"/>
    </row>
    <row r="4675" spans="7:49" x14ac:dyDescent="0.2">
      <c r="G4675" s="43"/>
      <c r="Z4675" s="143"/>
      <c r="AA4675" s="137"/>
      <c r="AB4675" s="137"/>
      <c r="AC4675" s="137"/>
      <c r="AD4675" s="137"/>
      <c r="AE4675" s="137"/>
      <c r="AF4675" s="137"/>
      <c r="AG4675" s="137"/>
      <c r="AH4675" s="137"/>
      <c r="AI4675" s="137"/>
      <c r="AJ4675" s="137"/>
      <c r="AK4675" s="137"/>
      <c r="AL4675" s="137"/>
      <c r="AM4675" s="137"/>
      <c r="AN4675" s="137"/>
      <c r="AO4675" s="137"/>
      <c r="AP4675" s="137"/>
      <c r="AQ4675" s="137"/>
      <c r="AR4675" s="137"/>
      <c r="AS4675" s="137"/>
      <c r="AT4675" s="137"/>
      <c r="AU4675" s="137"/>
      <c r="AV4675" s="137"/>
      <c r="AW4675" s="144"/>
    </row>
    <row r="4676" spans="7:49" x14ac:dyDescent="0.2">
      <c r="G4676" s="43"/>
      <c r="Z4676" s="143"/>
      <c r="AA4676" s="137"/>
      <c r="AB4676" s="137"/>
      <c r="AC4676" s="137"/>
      <c r="AD4676" s="137"/>
      <c r="AE4676" s="137"/>
      <c r="AF4676" s="137"/>
      <c r="AG4676" s="137"/>
      <c r="AH4676" s="137"/>
      <c r="AI4676" s="137"/>
      <c r="AJ4676" s="137"/>
      <c r="AK4676" s="137"/>
      <c r="AL4676" s="137"/>
      <c r="AM4676" s="137"/>
      <c r="AN4676" s="137"/>
      <c r="AO4676" s="137"/>
      <c r="AP4676" s="137"/>
      <c r="AQ4676" s="137"/>
      <c r="AR4676" s="137"/>
      <c r="AS4676" s="137"/>
      <c r="AT4676" s="137"/>
      <c r="AU4676" s="137"/>
      <c r="AV4676" s="137"/>
      <c r="AW4676" s="144"/>
    </row>
    <row r="4677" spans="7:49" x14ac:dyDescent="0.2">
      <c r="G4677" s="43"/>
      <c r="Z4677" s="143"/>
      <c r="AA4677" s="137"/>
      <c r="AB4677" s="137"/>
      <c r="AC4677" s="137"/>
      <c r="AD4677" s="137"/>
      <c r="AE4677" s="137"/>
      <c r="AF4677" s="137"/>
      <c r="AG4677" s="137"/>
      <c r="AH4677" s="137"/>
      <c r="AI4677" s="137"/>
      <c r="AJ4677" s="137"/>
      <c r="AK4677" s="137"/>
      <c r="AL4677" s="137"/>
      <c r="AM4677" s="137"/>
      <c r="AN4677" s="137"/>
      <c r="AO4677" s="137"/>
      <c r="AP4677" s="137"/>
      <c r="AQ4677" s="137"/>
      <c r="AR4677" s="137"/>
      <c r="AS4677" s="137"/>
      <c r="AT4677" s="137"/>
      <c r="AU4677" s="137"/>
      <c r="AV4677" s="137"/>
      <c r="AW4677" s="144"/>
    </row>
    <row r="4678" spans="7:49" x14ac:dyDescent="0.2">
      <c r="G4678" s="43"/>
      <c r="Z4678" s="143"/>
      <c r="AA4678" s="137"/>
      <c r="AB4678" s="137"/>
      <c r="AC4678" s="137"/>
      <c r="AD4678" s="137"/>
      <c r="AE4678" s="137"/>
      <c r="AF4678" s="137"/>
      <c r="AG4678" s="137"/>
      <c r="AH4678" s="137"/>
      <c r="AI4678" s="137"/>
      <c r="AJ4678" s="137"/>
      <c r="AK4678" s="137"/>
      <c r="AL4678" s="137"/>
      <c r="AM4678" s="137"/>
      <c r="AN4678" s="137"/>
      <c r="AO4678" s="137"/>
      <c r="AP4678" s="137"/>
      <c r="AQ4678" s="137"/>
      <c r="AR4678" s="137"/>
      <c r="AS4678" s="137"/>
      <c r="AT4678" s="137"/>
      <c r="AU4678" s="137"/>
      <c r="AV4678" s="137"/>
      <c r="AW4678" s="144"/>
    </row>
    <row r="4679" spans="7:49" x14ac:dyDescent="0.2">
      <c r="G4679" s="43"/>
      <c r="Z4679" s="143"/>
      <c r="AA4679" s="137"/>
      <c r="AB4679" s="137"/>
      <c r="AC4679" s="137"/>
      <c r="AD4679" s="137"/>
      <c r="AE4679" s="137"/>
      <c r="AF4679" s="137"/>
      <c r="AG4679" s="137"/>
      <c r="AH4679" s="137"/>
      <c r="AI4679" s="137"/>
      <c r="AJ4679" s="137"/>
      <c r="AK4679" s="137"/>
      <c r="AL4679" s="137"/>
      <c r="AM4679" s="137"/>
      <c r="AN4679" s="137"/>
      <c r="AO4679" s="137"/>
      <c r="AP4679" s="137"/>
      <c r="AQ4679" s="137"/>
      <c r="AR4679" s="137"/>
      <c r="AS4679" s="137"/>
      <c r="AT4679" s="137"/>
      <c r="AU4679" s="137"/>
      <c r="AV4679" s="137"/>
      <c r="AW4679" s="144"/>
    </row>
    <row r="4680" spans="7:49" x14ac:dyDescent="0.2">
      <c r="G4680" s="43"/>
      <c r="Z4680" s="143"/>
      <c r="AA4680" s="137"/>
      <c r="AB4680" s="137"/>
      <c r="AC4680" s="137"/>
      <c r="AD4680" s="137"/>
      <c r="AE4680" s="137"/>
      <c r="AF4680" s="137"/>
      <c r="AG4680" s="137"/>
      <c r="AH4680" s="137"/>
      <c r="AI4680" s="137"/>
      <c r="AJ4680" s="137"/>
      <c r="AK4680" s="137"/>
      <c r="AL4680" s="137"/>
      <c r="AM4680" s="137"/>
      <c r="AN4680" s="137"/>
      <c r="AO4680" s="137"/>
      <c r="AP4680" s="137"/>
      <c r="AQ4680" s="137"/>
      <c r="AR4680" s="137"/>
      <c r="AS4680" s="137"/>
      <c r="AT4680" s="137"/>
      <c r="AU4680" s="137"/>
      <c r="AV4680" s="137"/>
      <c r="AW4680" s="144"/>
    </row>
    <row r="4681" spans="7:49" x14ac:dyDescent="0.2">
      <c r="G4681" s="43"/>
      <c r="Z4681" s="143"/>
      <c r="AA4681" s="137"/>
      <c r="AB4681" s="137"/>
      <c r="AC4681" s="137"/>
      <c r="AD4681" s="137"/>
      <c r="AE4681" s="137"/>
      <c r="AF4681" s="137"/>
      <c r="AG4681" s="137"/>
      <c r="AH4681" s="137"/>
      <c r="AI4681" s="137"/>
      <c r="AJ4681" s="137"/>
      <c r="AK4681" s="137"/>
      <c r="AL4681" s="137"/>
      <c r="AM4681" s="137"/>
      <c r="AN4681" s="137"/>
      <c r="AO4681" s="137"/>
      <c r="AP4681" s="137"/>
      <c r="AQ4681" s="137"/>
      <c r="AR4681" s="137"/>
      <c r="AS4681" s="137"/>
      <c r="AT4681" s="137"/>
      <c r="AU4681" s="137"/>
      <c r="AV4681" s="137"/>
      <c r="AW4681" s="144"/>
    </row>
    <row r="4682" spans="7:49" x14ac:dyDescent="0.2">
      <c r="G4682" s="43"/>
      <c r="Z4682" s="143"/>
      <c r="AA4682" s="137"/>
      <c r="AB4682" s="137"/>
      <c r="AC4682" s="137"/>
      <c r="AD4682" s="137"/>
      <c r="AE4682" s="137"/>
      <c r="AF4682" s="137"/>
      <c r="AG4682" s="137"/>
      <c r="AH4682" s="137"/>
      <c r="AI4682" s="137"/>
      <c r="AJ4682" s="137"/>
      <c r="AK4682" s="137"/>
      <c r="AL4682" s="137"/>
      <c r="AM4682" s="137"/>
      <c r="AN4682" s="137"/>
      <c r="AO4682" s="137"/>
      <c r="AP4682" s="137"/>
      <c r="AQ4682" s="137"/>
      <c r="AR4682" s="137"/>
      <c r="AS4682" s="137"/>
      <c r="AT4682" s="137"/>
      <c r="AU4682" s="137"/>
      <c r="AV4682" s="137"/>
      <c r="AW4682" s="144"/>
    </row>
    <row r="4683" spans="7:49" x14ac:dyDescent="0.2">
      <c r="G4683" s="43"/>
      <c r="Z4683" s="143"/>
      <c r="AA4683" s="137"/>
      <c r="AB4683" s="137"/>
      <c r="AC4683" s="137"/>
      <c r="AD4683" s="137"/>
      <c r="AE4683" s="137"/>
      <c r="AF4683" s="137"/>
      <c r="AG4683" s="137"/>
      <c r="AH4683" s="137"/>
      <c r="AI4683" s="137"/>
      <c r="AJ4683" s="137"/>
      <c r="AK4683" s="137"/>
      <c r="AL4683" s="137"/>
      <c r="AM4683" s="137"/>
      <c r="AN4683" s="137"/>
      <c r="AO4683" s="137"/>
      <c r="AP4683" s="137"/>
      <c r="AQ4683" s="137"/>
      <c r="AR4683" s="137"/>
      <c r="AS4683" s="137"/>
      <c r="AT4683" s="137"/>
      <c r="AU4683" s="137"/>
      <c r="AV4683" s="137"/>
      <c r="AW4683" s="144"/>
    </row>
    <row r="4684" spans="7:49" x14ac:dyDescent="0.2">
      <c r="G4684" s="43"/>
      <c r="Z4684" s="143"/>
      <c r="AA4684" s="137"/>
      <c r="AB4684" s="137"/>
      <c r="AC4684" s="137"/>
      <c r="AD4684" s="137"/>
      <c r="AE4684" s="137"/>
      <c r="AF4684" s="137"/>
      <c r="AG4684" s="137"/>
      <c r="AH4684" s="137"/>
      <c r="AI4684" s="137"/>
      <c r="AJ4684" s="137"/>
      <c r="AK4684" s="137"/>
      <c r="AL4684" s="137"/>
      <c r="AM4684" s="137"/>
      <c r="AN4684" s="137"/>
      <c r="AO4684" s="137"/>
      <c r="AP4684" s="137"/>
      <c r="AQ4684" s="137"/>
      <c r="AR4684" s="137"/>
      <c r="AS4684" s="137"/>
      <c r="AT4684" s="137"/>
      <c r="AU4684" s="137"/>
      <c r="AV4684" s="137"/>
      <c r="AW4684" s="144"/>
    </row>
    <row r="4685" spans="7:49" x14ac:dyDescent="0.2">
      <c r="G4685" s="43"/>
      <c r="Z4685" s="143"/>
      <c r="AA4685" s="137"/>
      <c r="AB4685" s="137"/>
      <c r="AC4685" s="137"/>
      <c r="AD4685" s="137"/>
      <c r="AE4685" s="137"/>
      <c r="AF4685" s="137"/>
      <c r="AG4685" s="137"/>
      <c r="AH4685" s="137"/>
      <c r="AI4685" s="137"/>
      <c r="AJ4685" s="137"/>
      <c r="AK4685" s="137"/>
      <c r="AL4685" s="137"/>
      <c r="AM4685" s="137"/>
      <c r="AN4685" s="137"/>
      <c r="AO4685" s="137"/>
      <c r="AP4685" s="137"/>
      <c r="AQ4685" s="137"/>
      <c r="AR4685" s="137"/>
      <c r="AS4685" s="137"/>
      <c r="AT4685" s="137"/>
      <c r="AU4685" s="137"/>
      <c r="AV4685" s="137"/>
      <c r="AW4685" s="144"/>
    </row>
    <row r="4686" spans="7:49" x14ac:dyDescent="0.2">
      <c r="G4686" s="43"/>
      <c r="Z4686" s="143"/>
      <c r="AA4686" s="137"/>
      <c r="AB4686" s="137"/>
      <c r="AC4686" s="137"/>
      <c r="AD4686" s="137"/>
      <c r="AE4686" s="137"/>
      <c r="AF4686" s="137"/>
      <c r="AG4686" s="137"/>
      <c r="AH4686" s="137"/>
      <c r="AI4686" s="137"/>
      <c r="AJ4686" s="137"/>
      <c r="AK4686" s="137"/>
      <c r="AL4686" s="137"/>
      <c r="AM4686" s="137"/>
      <c r="AN4686" s="137"/>
      <c r="AO4686" s="137"/>
      <c r="AP4686" s="137"/>
      <c r="AQ4686" s="137"/>
      <c r="AR4686" s="137"/>
      <c r="AS4686" s="137"/>
      <c r="AT4686" s="137"/>
      <c r="AU4686" s="137"/>
      <c r="AV4686" s="137"/>
      <c r="AW4686" s="144"/>
    </row>
    <row r="4687" spans="7:49" x14ac:dyDescent="0.2">
      <c r="G4687" s="43"/>
      <c r="Z4687" s="143"/>
      <c r="AA4687" s="137"/>
      <c r="AB4687" s="137"/>
      <c r="AC4687" s="137"/>
      <c r="AD4687" s="137"/>
      <c r="AE4687" s="137"/>
      <c r="AF4687" s="137"/>
      <c r="AG4687" s="137"/>
      <c r="AH4687" s="137"/>
      <c r="AI4687" s="137"/>
      <c r="AJ4687" s="137"/>
      <c r="AK4687" s="137"/>
      <c r="AL4687" s="137"/>
      <c r="AM4687" s="137"/>
      <c r="AN4687" s="137"/>
      <c r="AO4687" s="137"/>
      <c r="AP4687" s="137"/>
      <c r="AQ4687" s="137"/>
      <c r="AR4687" s="137"/>
      <c r="AS4687" s="137"/>
      <c r="AT4687" s="137"/>
      <c r="AU4687" s="137"/>
      <c r="AV4687" s="137"/>
      <c r="AW4687" s="144"/>
    </row>
    <row r="4688" spans="7:49" x14ac:dyDescent="0.2">
      <c r="G4688" s="43"/>
      <c r="Z4688" s="143"/>
      <c r="AA4688" s="137"/>
      <c r="AB4688" s="137"/>
      <c r="AC4688" s="137"/>
      <c r="AD4688" s="137"/>
      <c r="AE4688" s="137"/>
      <c r="AF4688" s="137"/>
      <c r="AG4688" s="137"/>
      <c r="AH4688" s="137"/>
      <c r="AI4688" s="137"/>
      <c r="AJ4688" s="137"/>
      <c r="AK4688" s="137"/>
      <c r="AL4688" s="137"/>
      <c r="AM4688" s="137"/>
      <c r="AN4688" s="137"/>
      <c r="AO4688" s="137"/>
      <c r="AP4688" s="137"/>
      <c r="AQ4688" s="137"/>
      <c r="AR4688" s="137"/>
      <c r="AS4688" s="137"/>
      <c r="AT4688" s="137"/>
      <c r="AU4688" s="137"/>
      <c r="AV4688" s="137"/>
      <c r="AW4688" s="144"/>
    </row>
    <row r="4689" spans="7:49" x14ac:dyDescent="0.2">
      <c r="G4689" s="43"/>
      <c r="Z4689" s="143"/>
      <c r="AA4689" s="137"/>
      <c r="AB4689" s="137"/>
      <c r="AC4689" s="137"/>
      <c r="AD4689" s="137"/>
      <c r="AE4689" s="137"/>
      <c r="AF4689" s="137"/>
      <c r="AG4689" s="137"/>
      <c r="AH4689" s="137"/>
      <c r="AI4689" s="137"/>
      <c r="AJ4689" s="137"/>
      <c r="AK4689" s="137"/>
      <c r="AL4689" s="137"/>
      <c r="AM4689" s="137"/>
      <c r="AN4689" s="137"/>
      <c r="AO4689" s="137"/>
      <c r="AP4689" s="137"/>
      <c r="AQ4689" s="137"/>
      <c r="AR4689" s="137"/>
      <c r="AS4689" s="137"/>
      <c r="AT4689" s="137"/>
      <c r="AU4689" s="137"/>
      <c r="AV4689" s="137"/>
      <c r="AW4689" s="144"/>
    </row>
    <row r="4690" spans="7:49" x14ac:dyDescent="0.2">
      <c r="G4690" s="43"/>
      <c r="Z4690" s="143"/>
      <c r="AA4690" s="137"/>
      <c r="AB4690" s="137"/>
      <c r="AC4690" s="137"/>
      <c r="AD4690" s="137"/>
      <c r="AE4690" s="137"/>
      <c r="AF4690" s="137"/>
      <c r="AG4690" s="137"/>
      <c r="AH4690" s="137"/>
      <c r="AI4690" s="137"/>
      <c r="AJ4690" s="137"/>
      <c r="AK4690" s="137"/>
      <c r="AL4690" s="137"/>
      <c r="AM4690" s="137"/>
      <c r="AN4690" s="137"/>
      <c r="AO4690" s="137"/>
      <c r="AP4690" s="137"/>
      <c r="AQ4690" s="137"/>
      <c r="AR4690" s="137"/>
      <c r="AS4690" s="137"/>
      <c r="AT4690" s="137"/>
      <c r="AU4690" s="137"/>
      <c r="AV4690" s="137"/>
      <c r="AW4690" s="144"/>
    </row>
    <row r="4691" spans="7:49" x14ac:dyDescent="0.2">
      <c r="G4691" s="43"/>
      <c r="Z4691" s="143"/>
      <c r="AA4691" s="137"/>
      <c r="AB4691" s="137"/>
      <c r="AC4691" s="137"/>
      <c r="AD4691" s="137"/>
      <c r="AE4691" s="137"/>
      <c r="AF4691" s="137"/>
      <c r="AG4691" s="137"/>
      <c r="AH4691" s="137"/>
      <c r="AI4691" s="137"/>
      <c r="AJ4691" s="137"/>
      <c r="AK4691" s="137"/>
      <c r="AL4691" s="137"/>
      <c r="AM4691" s="137"/>
      <c r="AN4691" s="137"/>
      <c r="AO4691" s="137"/>
      <c r="AP4691" s="137"/>
      <c r="AQ4691" s="137"/>
      <c r="AR4691" s="137"/>
      <c r="AS4691" s="137"/>
      <c r="AT4691" s="137"/>
      <c r="AU4691" s="137"/>
      <c r="AV4691" s="137"/>
      <c r="AW4691" s="144"/>
    </row>
    <row r="4692" spans="7:49" x14ac:dyDescent="0.2">
      <c r="G4692" s="43"/>
      <c r="Z4692" s="143"/>
      <c r="AA4692" s="137"/>
      <c r="AB4692" s="137"/>
      <c r="AC4692" s="137"/>
      <c r="AD4692" s="137"/>
      <c r="AE4692" s="137"/>
      <c r="AF4692" s="137"/>
      <c r="AG4692" s="137"/>
      <c r="AH4692" s="137"/>
      <c r="AI4692" s="137"/>
      <c r="AJ4692" s="137"/>
      <c r="AK4692" s="137"/>
      <c r="AL4692" s="137"/>
      <c r="AM4692" s="137"/>
      <c r="AN4692" s="137"/>
      <c r="AO4692" s="137"/>
      <c r="AP4692" s="137"/>
      <c r="AQ4692" s="137"/>
      <c r="AR4692" s="137"/>
      <c r="AS4692" s="137"/>
      <c r="AT4692" s="137"/>
      <c r="AU4692" s="137"/>
      <c r="AV4692" s="137"/>
      <c r="AW4692" s="144"/>
    </row>
    <row r="4693" spans="7:49" x14ac:dyDescent="0.2">
      <c r="G4693" s="43"/>
      <c r="Z4693" s="143"/>
      <c r="AA4693" s="137"/>
      <c r="AB4693" s="137"/>
      <c r="AC4693" s="137"/>
      <c r="AD4693" s="137"/>
      <c r="AE4693" s="137"/>
      <c r="AF4693" s="137"/>
      <c r="AG4693" s="137"/>
      <c r="AH4693" s="137"/>
      <c r="AI4693" s="137"/>
      <c r="AJ4693" s="137"/>
      <c r="AK4693" s="137"/>
      <c r="AL4693" s="137"/>
      <c r="AM4693" s="137"/>
      <c r="AN4693" s="137"/>
      <c r="AO4693" s="137"/>
      <c r="AP4693" s="137"/>
      <c r="AQ4693" s="137"/>
      <c r="AR4693" s="137"/>
      <c r="AS4693" s="137"/>
      <c r="AT4693" s="137"/>
      <c r="AU4693" s="137"/>
      <c r="AV4693" s="137"/>
      <c r="AW4693" s="144"/>
    </row>
    <row r="4694" spans="7:49" x14ac:dyDescent="0.2">
      <c r="G4694" s="43"/>
      <c r="Z4694" s="143"/>
      <c r="AA4694" s="137"/>
      <c r="AB4694" s="137"/>
      <c r="AC4694" s="137"/>
      <c r="AD4694" s="137"/>
      <c r="AE4694" s="137"/>
      <c r="AF4694" s="137"/>
      <c r="AG4694" s="137"/>
      <c r="AH4694" s="137"/>
      <c r="AI4694" s="137"/>
      <c r="AJ4694" s="137"/>
      <c r="AK4694" s="137"/>
      <c r="AL4694" s="137"/>
      <c r="AM4694" s="137"/>
      <c r="AN4694" s="137"/>
      <c r="AO4694" s="137"/>
      <c r="AP4694" s="137"/>
      <c r="AQ4694" s="137"/>
      <c r="AR4694" s="137"/>
      <c r="AS4694" s="137"/>
      <c r="AT4694" s="137"/>
      <c r="AU4694" s="137"/>
      <c r="AV4694" s="137"/>
      <c r="AW4694" s="144"/>
    </row>
    <row r="4695" spans="7:49" x14ac:dyDescent="0.2">
      <c r="G4695" s="43"/>
      <c r="Z4695" s="143"/>
      <c r="AA4695" s="137"/>
      <c r="AB4695" s="137"/>
      <c r="AC4695" s="137"/>
      <c r="AD4695" s="137"/>
      <c r="AE4695" s="137"/>
      <c r="AF4695" s="137"/>
      <c r="AG4695" s="137"/>
      <c r="AH4695" s="137"/>
      <c r="AI4695" s="137"/>
      <c r="AJ4695" s="137"/>
      <c r="AK4695" s="137"/>
      <c r="AL4695" s="137"/>
      <c r="AM4695" s="137"/>
      <c r="AN4695" s="137"/>
      <c r="AO4695" s="137"/>
      <c r="AP4695" s="137"/>
      <c r="AQ4695" s="137"/>
      <c r="AR4695" s="137"/>
      <c r="AS4695" s="137"/>
      <c r="AT4695" s="137"/>
      <c r="AU4695" s="137"/>
      <c r="AV4695" s="137"/>
      <c r="AW4695" s="144"/>
    </row>
    <row r="4696" spans="7:49" x14ac:dyDescent="0.2">
      <c r="G4696" s="43"/>
      <c r="Z4696" s="143"/>
      <c r="AA4696" s="137"/>
      <c r="AB4696" s="137"/>
      <c r="AC4696" s="137"/>
      <c r="AD4696" s="137"/>
      <c r="AE4696" s="137"/>
      <c r="AF4696" s="137"/>
      <c r="AG4696" s="137"/>
      <c r="AH4696" s="137"/>
      <c r="AI4696" s="137"/>
      <c r="AJ4696" s="137"/>
      <c r="AK4696" s="137"/>
      <c r="AL4696" s="137"/>
      <c r="AM4696" s="137"/>
      <c r="AN4696" s="137"/>
      <c r="AO4696" s="137"/>
      <c r="AP4696" s="137"/>
      <c r="AQ4696" s="137"/>
      <c r="AR4696" s="137"/>
      <c r="AS4696" s="137"/>
      <c r="AT4696" s="137"/>
      <c r="AU4696" s="137"/>
      <c r="AV4696" s="137"/>
      <c r="AW4696" s="144"/>
    </row>
    <row r="4697" spans="7:49" x14ac:dyDescent="0.2">
      <c r="G4697" s="43"/>
      <c r="Z4697" s="143"/>
      <c r="AA4697" s="137"/>
      <c r="AB4697" s="137"/>
      <c r="AC4697" s="137"/>
      <c r="AD4697" s="137"/>
      <c r="AE4697" s="137"/>
      <c r="AF4697" s="137"/>
      <c r="AG4697" s="137"/>
      <c r="AH4697" s="137"/>
      <c r="AI4697" s="137"/>
      <c r="AJ4697" s="137"/>
      <c r="AK4697" s="137"/>
      <c r="AL4697" s="137"/>
      <c r="AM4697" s="137"/>
      <c r="AN4697" s="137"/>
      <c r="AO4697" s="137"/>
      <c r="AP4697" s="137"/>
      <c r="AQ4697" s="137"/>
      <c r="AR4697" s="137"/>
      <c r="AS4697" s="137"/>
      <c r="AT4697" s="137"/>
      <c r="AU4697" s="137"/>
      <c r="AV4697" s="137"/>
      <c r="AW4697" s="144"/>
    </row>
    <row r="4698" spans="7:49" x14ac:dyDescent="0.2">
      <c r="G4698" s="43"/>
      <c r="Z4698" s="143"/>
      <c r="AA4698" s="137"/>
      <c r="AB4698" s="137"/>
      <c r="AC4698" s="137"/>
      <c r="AD4698" s="137"/>
      <c r="AE4698" s="137"/>
      <c r="AF4698" s="137"/>
      <c r="AG4698" s="137"/>
      <c r="AH4698" s="137"/>
      <c r="AI4698" s="137"/>
      <c r="AJ4698" s="137"/>
      <c r="AK4698" s="137"/>
      <c r="AL4698" s="137"/>
      <c r="AM4698" s="137"/>
      <c r="AN4698" s="137"/>
      <c r="AO4698" s="137"/>
      <c r="AP4698" s="137"/>
      <c r="AQ4698" s="137"/>
      <c r="AR4698" s="137"/>
      <c r="AS4698" s="137"/>
      <c r="AT4698" s="137"/>
      <c r="AU4698" s="137"/>
      <c r="AV4698" s="137"/>
      <c r="AW4698" s="144"/>
    </row>
    <row r="4699" spans="7:49" x14ac:dyDescent="0.2">
      <c r="G4699" s="43"/>
      <c r="Z4699" s="143"/>
      <c r="AA4699" s="137"/>
      <c r="AB4699" s="137"/>
      <c r="AC4699" s="137"/>
      <c r="AD4699" s="137"/>
      <c r="AE4699" s="137"/>
      <c r="AF4699" s="137"/>
      <c r="AG4699" s="137"/>
      <c r="AH4699" s="137"/>
      <c r="AI4699" s="137"/>
      <c r="AJ4699" s="137"/>
      <c r="AK4699" s="137"/>
      <c r="AL4699" s="137"/>
      <c r="AM4699" s="137"/>
      <c r="AN4699" s="137"/>
      <c r="AO4699" s="137"/>
      <c r="AP4699" s="137"/>
      <c r="AQ4699" s="137"/>
      <c r="AR4699" s="137"/>
      <c r="AS4699" s="137"/>
      <c r="AT4699" s="137"/>
      <c r="AU4699" s="137"/>
      <c r="AV4699" s="137"/>
      <c r="AW4699" s="144"/>
    </row>
    <row r="4700" spans="7:49" x14ac:dyDescent="0.2">
      <c r="G4700" s="43"/>
      <c r="Z4700" s="143"/>
      <c r="AA4700" s="137"/>
      <c r="AB4700" s="137"/>
      <c r="AC4700" s="137"/>
      <c r="AD4700" s="137"/>
      <c r="AE4700" s="137"/>
      <c r="AF4700" s="137"/>
      <c r="AG4700" s="137"/>
      <c r="AH4700" s="137"/>
      <c r="AI4700" s="137"/>
      <c r="AJ4700" s="137"/>
      <c r="AK4700" s="137"/>
      <c r="AL4700" s="137"/>
      <c r="AM4700" s="137"/>
      <c r="AN4700" s="137"/>
      <c r="AO4700" s="137"/>
      <c r="AP4700" s="137"/>
      <c r="AQ4700" s="137"/>
      <c r="AR4700" s="137"/>
      <c r="AS4700" s="137"/>
      <c r="AT4700" s="137"/>
      <c r="AU4700" s="137"/>
      <c r="AV4700" s="137"/>
      <c r="AW4700" s="144"/>
    </row>
    <row r="4701" spans="7:49" x14ac:dyDescent="0.2">
      <c r="G4701" s="43"/>
      <c r="Z4701" s="143"/>
      <c r="AA4701" s="137"/>
      <c r="AB4701" s="137"/>
      <c r="AC4701" s="137"/>
      <c r="AD4701" s="137"/>
      <c r="AE4701" s="137"/>
      <c r="AF4701" s="137"/>
      <c r="AG4701" s="137"/>
      <c r="AH4701" s="137"/>
      <c r="AI4701" s="137"/>
      <c r="AJ4701" s="137"/>
      <c r="AK4701" s="137"/>
      <c r="AL4701" s="137"/>
      <c r="AM4701" s="137"/>
      <c r="AN4701" s="137"/>
      <c r="AO4701" s="137"/>
      <c r="AP4701" s="137"/>
      <c r="AQ4701" s="137"/>
      <c r="AR4701" s="137"/>
      <c r="AS4701" s="137"/>
      <c r="AT4701" s="137"/>
      <c r="AU4701" s="137"/>
      <c r="AV4701" s="137"/>
      <c r="AW4701" s="144"/>
    </row>
    <row r="4702" spans="7:49" x14ac:dyDescent="0.2">
      <c r="G4702" s="43"/>
      <c r="Z4702" s="143"/>
      <c r="AA4702" s="137"/>
      <c r="AB4702" s="137"/>
      <c r="AC4702" s="137"/>
      <c r="AD4702" s="137"/>
      <c r="AE4702" s="137"/>
      <c r="AF4702" s="137"/>
      <c r="AG4702" s="137"/>
      <c r="AH4702" s="137"/>
      <c r="AI4702" s="137"/>
      <c r="AJ4702" s="137"/>
      <c r="AK4702" s="137"/>
      <c r="AL4702" s="137"/>
      <c r="AM4702" s="137"/>
      <c r="AN4702" s="137"/>
      <c r="AO4702" s="137"/>
      <c r="AP4702" s="137"/>
      <c r="AQ4702" s="137"/>
      <c r="AR4702" s="137"/>
      <c r="AS4702" s="137"/>
      <c r="AT4702" s="137"/>
      <c r="AU4702" s="137"/>
      <c r="AV4702" s="137"/>
      <c r="AW4702" s="144"/>
    </row>
    <row r="4703" spans="7:49" x14ac:dyDescent="0.2">
      <c r="G4703" s="43"/>
      <c r="Z4703" s="143"/>
      <c r="AA4703" s="137"/>
      <c r="AB4703" s="137"/>
      <c r="AC4703" s="137"/>
      <c r="AD4703" s="137"/>
      <c r="AE4703" s="137"/>
      <c r="AF4703" s="137"/>
      <c r="AG4703" s="137"/>
      <c r="AH4703" s="137"/>
      <c r="AI4703" s="137"/>
      <c r="AJ4703" s="137"/>
      <c r="AK4703" s="137"/>
      <c r="AL4703" s="137"/>
      <c r="AM4703" s="137"/>
      <c r="AN4703" s="137"/>
      <c r="AO4703" s="137"/>
      <c r="AP4703" s="137"/>
      <c r="AQ4703" s="137"/>
      <c r="AR4703" s="137"/>
      <c r="AS4703" s="137"/>
      <c r="AT4703" s="137"/>
      <c r="AU4703" s="137"/>
      <c r="AV4703" s="137"/>
      <c r="AW4703" s="144"/>
    </row>
    <row r="4704" spans="7:49" x14ac:dyDescent="0.2">
      <c r="G4704" s="43"/>
      <c r="Z4704" s="143"/>
      <c r="AA4704" s="137"/>
      <c r="AB4704" s="137"/>
      <c r="AC4704" s="137"/>
      <c r="AD4704" s="137"/>
      <c r="AE4704" s="137"/>
      <c r="AF4704" s="137"/>
      <c r="AG4704" s="137"/>
      <c r="AH4704" s="137"/>
      <c r="AI4704" s="137"/>
      <c r="AJ4704" s="137"/>
      <c r="AK4704" s="137"/>
      <c r="AL4704" s="137"/>
      <c r="AM4704" s="137"/>
      <c r="AN4704" s="137"/>
      <c r="AO4704" s="137"/>
      <c r="AP4704" s="137"/>
      <c r="AQ4704" s="137"/>
      <c r="AR4704" s="137"/>
      <c r="AS4704" s="137"/>
      <c r="AT4704" s="137"/>
      <c r="AU4704" s="137"/>
      <c r="AV4704" s="137"/>
      <c r="AW4704" s="144"/>
    </row>
    <row r="4705" spans="7:49" x14ac:dyDescent="0.2">
      <c r="G4705" s="43"/>
      <c r="Z4705" s="143"/>
      <c r="AA4705" s="137"/>
      <c r="AB4705" s="137"/>
      <c r="AC4705" s="137"/>
      <c r="AD4705" s="137"/>
      <c r="AE4705" s="137"/>
      <c r="AF4705" s="137"/>
      <c r="AG4705" s="137"/>
      <c r="AH4705" s="137"/>
      <c r="AI4705" s="137"/>
      <c r="AJ4705" s="137"/>
      <c r="AK4705" s="137"/>
      <c r="AL4705" s="137"/>
      <c r="AM4705" s="137"/>
      <c r="AN4705" s="137"/>
      <c r="AO4705" s="137"/>
      <c r="AP4705" s="137"/>
      <c r="AQ4705" s="137"/>
      <c r="AR4705" s="137"/>
      <c r="AS4705" s="137"/>
      <c r="AT4705" s="137"/>
      <c r="AU4705" s="137"/>
      <c r="AV4705" s="137"/>
      <c r="AW4705" s="144"/>
    </row>
    <row r="4706" spans="7:49" x14ac:dyDescent="0.2">
      <c r="G4706" s="43"/>
      <c r="Z4706" s="143"/>
      <c r="AA4706" s="137"/>
      <c r="AB4706" s="137"/>
      <c r="AC4706" s="137"/>
      <c r="AD4706" s="137"/>
      <c r="AE4706" s="137"/>
      <c r="AF4706" s="137"/>
      <c r="AG4706" s="137"/>
      <c r="AH4706" s="137"/>
      <c r="AI4706" s="137"/>
      <c r="AJ4706" s="137"/>
      <c r="AK4706" s="137"/>
      <c r="AL4706" s="137"/>
      <c r="AM4706" s="137"/>
      <c r="AN4706" s="137"/>
      <c r="AO4706" s="137"/>
      <c r="AP4706" s="137"/>
      <c r="AQ4706" s="137"/>
      <c r="AR4706" s="137"/>
      <c r="AS4706" s="137"/>
      <c r="AT4706" s="137"/>
      <c r="AU4706" s="137"/>
      <c r="AV4706" s="137"/>
      <c r="AW4706" s="144"/>
    </row>
    <row r="4707" spans="7:49" x14ac:dyDescent="0.2">
      <c r="G4707" s="43"/>
      <c r="Z4707" s="143"/>
      <c r="AA4707" s="137"/>
      <c r="AB4707" s="137"/>
      <c r="AC4707" s="137"/>
      <c r="AD4707" s="137"/>
      <c r="AE4707" s="137"/>
      <c r="AF4707" s="137"/>
      <c r="AG4707" s="137"/>
      <c r="AH4707" s="137"/>
      <c r="AI4707" s="137"/>
      <c r="AJ4707" s="137"/>
      <c r="AK4707" s="137"/>
      <c r="AL4707" s="137"/>
      <c r="AM4707" s="137"/>
      <c r="AN4707" s="137"/>
      <c r="AO4707" s="137"/>
      <c r="AP4707" s="137"/>
      <c r="AQ4707" s="137"/>
      <c r="AR4707" s="137"/>
      <c r="AS4707" s="137"/>
      <c r="AT4707" s="137"/>
      <c r="AU4707" s="137"/>
      <c r="AV4707" s="137"/>
      <c r="AW4707" s="144"/>
    </row>
    <row r="4708" spans="7:49" x14ac:dyDescent="0.2">
      <c r="G4708" s="43"/>
      <c r="Z4708" s="143"/>
      <c r="AA4708" s="137"/>
      <c r="AB4708" s="137"/>
      <c r="AC4708" s="137"/>
      <c r="AD4708" s="137"/>
      <c r="AE4708" s="137"/>
      <c r="AF4708" s="137"/>
      <c r="AG4708" s="137"/>
      <c r="AH4708" s="137"/>
      <c r="AI4708" s="137"/>
      <c r="AJ4708" s="137"/>
      <c r="AK4708" s="137"/>
      <c r="AL4708" s="137"/>
      <c r="AM4708" s="137"/>
      <c r="AN4708" s="137"/>
      <c r="AO4708" s="137"/>
      <c r="AP4708" s="137"/>
      <c r="AQ4708" s="137"/>
      <c r="AR4708" s="137"/>
      <c r="AS4708" s="137"/>
      <c r="AT4708" s="137"/>
      <c r="AU4708" s="137"/>
      <c r="AV4708" s="137"/>
      <c r="AW4708" s="144"/>
    </row>
    <row r="4709" spans="7:49" x14ac:dyDescent="0.2">
      <c r="G4709" s="43"/>
      <c r="Z4709" s="143"/>
      <c r="AA4709" s="137"/>
      <c r="AB4709" s="137"/>
      <c r="AC4709" s="137"/>
      <c r="AD4709" s="137"/>
      <c r="AE4709" s="137"/>
      <c r="AF4709" s="137"/>
      <c r="AG4709" s="137"/>
      <c r="AH4709" s="137"/>
      <c r="AI4709" s="137"/>
      <c r="AJ4709" s="137"/>
      <c r="AK4709" s="137"/>
      <c r="AL4709" s="137"/>
      <c r="AM4709" s="137"/>
      <c r="AN4709" s="137"/>
      <c r="AO4709" s="137"/>
      <c r="AP4709" s="137"/>
      <c r="AQ4709" s="137"/>
      <c r="AR4709" s="137"/>
      <c r="AS4709" s="137"/>
      <c r="AT4709" s="137"/>
      <c r="AU4709" s="137"/>
      <c r="AV4709" s="137"/>
      <c r="AW4709" s="144"/>
    </row>
    <row r="4710" spans="7:49" x14ac:dyDescent="0.2">
      <c r="G4710" s="43"/>
      <c r="Z4710" s="143"/>
      <c r="AA4710" s="137"/>
      <c r="AB4710" s="137"/>
      <c r="AC4710" s="137"/>
      <c r="AD4710" s="137"/>
      <c r="AE4710" s="137"/>
      <c r="AF4710" s="137"/>
      <c r="AG4710" s="137"/>
      <c r="AH4710" s="137"/>
      <c r="AI4710" s="137"/>
      <c r="AJ4710" s="137"/>
      <c r="AK4710" s="137"/>
      <c r="AL4710" s="137"/>
      <c r="AM4710" s="137"/>
      <c r="AN4710" s="137"/>
      <c r="AO4710" s="137"/>
      <c r="AP4710" s="137"/>
      <c r="AQ4710" s="137"/>
      <c r="AR4710" s="137"/>
      <c r="AS4710" s="137"/>
      <c r="AT4710" s="137"/>
      <c r="AU4710" s="137"/>
      <c r="AV4710" s="137"/>
      <c r="AW4710" s="144"/>
    </row>
    <row r="4711" spans="7:49" x14ac:dyDescent="0.2">
      <c r="G4711" s="43"/>
      <c r="Z4711" s="143"/>
      <c r="AA4711" s="137"/>
      <c r="AB4711" s="137"/>
      <c r="AC4711" s="137"/>
      <c r="AD4711" s="137"/>
      <c r="AE4711" s="137"/>
      <c r="AF4711" s="137"/>
      <c r="AG4711" s="137"/>
      <c r="AH4711" s="137"/>
      <c r="AI4711" s="137"/>
      <c r="AJ4711" s="137"/>
      <c r="AK4711" s="137"/>
      <c r="AL4711" s="137"/>
      <c r="AM4711" s="137"/>
      <c r="AN4711" s="137"/>
      <c r="AO4711" s="137"/>
      <c r="AP4711" s="137"/>
      <c r="AQ4711" s="137"/>
      <c r="AR4711" s="137"/>
      <c r="AS4711" s="137"/>
      <c r="AT4711" s="137"/>
      <c r="AU4711" s="137"/>
      <c r="AV4711" s="137"/>
      <c r="AW4711" s="144"/>
    </row>
    <row r="4712" spans="7:49" x14ac:dyDescent="0.2">
      <c r="G4712" s="43"/>
      <c r="Z4712" s="143"/>
      <c r="AA4712" s="137"/>
      <c r="AB4712" s="137"/>
      <c r="AC4712" s="137"/>
      <c r="AD4712" s="137"/>
      <c r="AE4712" s="137"/>
      <c r="AF4712" s="137"/>
      <c r="AG4712" s="137"/>
      <c r="AH4712" s="137"/>
      <c r="AI4712" s="137"/>
      <c r="AJ4712" s="137"/>
      <c r="AK4712" s="137"/>
      <c r="AL4712" s="137"/>
      <c r="AM4712" s="137"/>
      <c r="AN4712" s="137"/>
      <c r="AO4712" s="137"/>
      <c r="AP4712" s="137"/>
      <c r="AQ4712" s="137"/>
      <c r="AR4712" s="137"/>
      <c r="AS4712" s="137"/>
      <c r="AT4712" s="137"/>
      <c r="AU4712" s="137"/>
      <c r="AV4712" s="137"/>
      <c r="AW4712" s="144"/>
    </row>
    <row r="4713" spans="7:49" x14ac:dyDescent="0.2">
      <c r="G4713" s="43"/>
      <c r="Z4713" s="143"/>
      <c r="AA4713" s="137"/>
      <c r="AB4713" s="137"/>
      <c r="AC4713" s="137"/>
      <c r="AD4713" s="137"/>
      <c r="AE4713" s="137"/>
      <c r="AF4713" s="137"/>
      <c r="AG4713" s="137"/>
      <c r="AH4713" s="137"/>
      <c r="AI4713" s="137"/>
      <c r="AJ4713" s="137"/>
      <c r="AK4713" s="137"/>
      <c r="AL4713" s="137"/>
      <c r="AM4713" s="137"/>
      <c r="AN4713" s="137"/>
      <c r="AO4713" s="137"/>
      <c r="AP4713" s="137"/>
      <c r="AQ4713" s="137"/>
      <c r="AR4713" s="137"/>
      <c r="AS4713" s="137"/>
      <c r="AT4713" s="137"/>
      <c r="AU4713" s="137"/>
      <c r="AV4713" s="137"/>
      <c r="AW4713" s="144"/>
    </row>
    <row r="4714" spans="7:49" x14ac:dyDescent="0.2">
      <c r="G4714" s="43"/>
      <c r="Z4714" s="143"/>
      <c r="AA4714" s="137"/>
      <c r="AB4714" s="137"/>
      <c r="AC4714" s="137"/>
      <c r="AD4714" s="137"/>
      <c r="AE4714" s="137"/>
      <c r="AF4714" s="137"/>
      <c r="AG4714" s="137"/>
      <c r="AH4714" s="137"/>
      <c r="AI4714" s="137"/>
      <c r="AJ4714" s="137"/>
      <c r="AK4714" s="137"/>
      <c r="AL4714" s="137"/>
      <c r="AM4714" s="137"/>
      <c r="AN4714" s="137"/>
      <c r="AO4714" s="137"/>
      <c r="AP4714" s="137"/>
      <c r="AQ4714" s="137"/>
      <c r="AR4714" s="137"/>
      <c r="AS4714" s="137"/>
      <c r="AT4714" s="137"/>
      <c r="AU4714" s="137"/>
      <c r="AV4714" s="137"/>
      <c r="AW4714" s="144"/>
    </row>
    <row r="4715" spans="7:49" x14ac:dyDescent="0.2">
      <c r="G4715" s="43"/>
      <c r="Z4715" s="143"/>
      <c r="AA4715" s="137"/>
      <c r="AB4715" s="137"/>
      <c r="AC4715" s="137"/>
      <c r="AD4715" s="137"/>
      <c r="AE4715" s="137"/>
      <c r="AF4715" s="137"/>
      <c r="AG4715" s="137"/>
      <c r="AH4715" s="137"/>
      <c r="AI4715" s="137"/>
      <c r="AJ4715" s="137"/>
      <c r="AK4715" s="137"/>
      <c r="AL4715" s="137"/>
      <c r="AM4715" s="137"/>
      <c r="AN4715" s="137"/>
      <c r="AO4715" s="137"/>
      <c r="AP4715" s="137"/>
      <c r="AQ4715" s="137"/>
      <c r="AR4715" s="137"/>
      <c r="AS4715" s="137"/>
      <c r="AT4715" s="137"/>
      <c r="AU4715" s="137"/>
      <c r="AV4715" s="137"/>
      <c r="AW4715" s="144"/>
    </row>
    <row r="4716" spans="7:49" x14ac:dyDescent="0.2">
      <c r="G4716" s="43"/>
      <c r="Z4716" s="143"/>
      <c r="AA4716" s="137"/>
      <c r="AB4716" s="137"/>
      <c r="AC4716" s="137"/>
      <c r="AD4716" s="137"/>
      <c r="AE4716" s="137"/>
      <c r="AF4716" s="137"/>
      <c r="AG4716" s="137"/>
      <c r="AH4716" s="137"/>
      <c r="AI4716" s="137"/>
      <c r="AJ4716" s="137"/>
      <c r="AK4716" s="137"/>
      <c r="AL4716" s="137"/>
      <c r="AM4716" s="137"/>
      <c r="AN4716" s="137"/>
      <c r="AO4716" s="137"/>
      <c r="AP4716" s="137"/>
      <c r="AQ4716" s="137"/>
      <c r="AR4716" s="137"/>
      <c r="AS4716" s="137"/>
      <c r="AT4716" s="137"/>
      <c r="AU4716" s="137"/>
      <c r="AV4716" s="137"/>
      <c r="AW4716" s="144"/>
    </row>
    <row r="4717" spans="7:49" x14ac:dyDescent="0.2">
      <c r="G4717" s="43"/>
      <c r="Z4717" s="143"/>
      <c r="AA4717" s="137"/>
      <c r="AB4717" s="137"/>
      <c r="AC4717" s="137"/>
      <c r="AD4717" s="137"/>
      <c r="AE4717" s="137"/>
      <c r="AF4717" s="137"/>
      <c r="AG4717" s="137"/>
      <c r="AH4717" s="137"/>
      <c r="AI4717" s="137"/>
      <c r="AJ4717" s="137"/>
      <c r="AK4717" s="137"/>
      <c r="AL4717" s="137"/>
      <c r="AM4717" s="137"/>
      <c r="AN4717" s="137"/>
      <c r="AO4717" s="137"/>
      <c r="AP4717" s="137"/>
      <c r="AQ4717" s="137"/>
      <c r="AR4717" s="137"/>
      <c r="AS4717" s="137"/>
      <c r="AT4717" s="137"/>
      <c r="AU4717" s="137"/>
      <c r="AV4717" s="137"/>
      <c r="AW4717" s="144"/>
    </row>
    <row r="4718" spans="7:49" x14ac:dyDescent="0.2">
      <c r="G4718" s="43"/>
      <c r="Z4718" s="143"/>
      <c r="AA4718" s="137"/>
      <c r="AB4718" s="137"/>
      <c r="AC4718" s="137"/>
      <c r="AD4718" s="137"/>
      <c r="AE4718" s="137"/>
      <c r="AF4718" s="137"/>
      <c r="AG4718" s="137"/>
      <c r="AH4718" s="137"/>
      <c r="AI4718" s="137"/>
      <c r="AJ4718" s="137"/>
      <c r="AK4718" s="137"/>
      <c r="AL4718" s="137"/>
      <c r="AM4718" s="137"/>
      <c r="AN4718" s="137"/>
      <c r="AO4718" s="137"/>
      <c r="AP4718" s="137"/>
      <c r="AQ4718" s="137"/>
      <c r="AR4718" s="137"/>
      <c r="AS4718" s="137"/>
      <c r="AT4718" s="137"/>
      <c r="AU4718" s="137"/>
      <c r="AV4718" s="137"/>
      <c r="AW4718" s="144"/>
    </row>
    <row r="4719" spans="7:49" x14ac:dyDescent="0.2">
      <c r="G4719" s="43"/>
      <c r="Z4719" s="143"/>
      <c r="AA4719" s="137"/>
      <c r="AB4719" s="137"/>
      <c r="AC4719" s="137"/>
      <c r="AD4719" s="137"/>
      <c r="AE4719" s="137"/>
      <c r="AF4719" s="137"/>
      <c r="AG4719" s="137"/>
      <c r="AH4719" s="137"/>
      <c r="AI4719" s="137"/>
      <c r="AJ4719" s="137"/>
      <c r="AK4719" s="137"/>
      <c r="AL4719" s="137"/>
      <c r="AM4719" s="137"/>
      <c r="AN4719" s="137"/>
      <c r="AO4719" s="137"/>
      <c r="AP4719" s="137"/>
      <c r="AQ4719" s="137"/>
      <c r="AR4719" s="137"/>
      <c r="AS4719" s="137"/>
      <c r="AT4719" s="137"/>
      <c r="AU4719" s="137"/>
      <c r="AV4719" s="137"/>
      <c r="AW4719" s="144"/>
    </row>
    <row r="4720" spans="7:49" x14ac:dyDescent="0.2">
      <c r="G4720" s="43"/>
      <c r="Z4720" s="143"/>
      <c r="AA4720" s="137"/>
      <c r="AB4720" s="137"/>
      <c r="AC4720" s="137"/>
      <c r="AD4720" s="137"/>
      <c r="AE4720" s="137"/>
      <c r="AF4720" s="137"/>
      <c r="AG4720" s="137"/>
      <c r="AH4720" s="137"/>
      <c r="AI4720" s="137"/>
      <c r="AJ4720" s="137"/>
      <c r="AK4720" s="137"/>
      <c r="AL4720" s="137"/>
      <c r="AM4720" s="137"/>
      <c r="AN4720" s="137"/>
      <c r="AO4720" s="137"/>
      <c r="AP4720" s="137"/>
      <c r="AQ4720" s="137"/>
      <c r="AR4720" s="137"/>
      <c r="AS4720" s="137"/>
      <c r="AT4720" s="137"/>
      <c r="AU4720" s="137"/>
      <c r="AV4720" s="137"/>
      <c r="AW4720" s="144"/>
    </row>
    <row r="4721" spans="7:49" x14ac:dyDescent="0.2">
      <c r="G4721" s="43"/>
      <c r="Z4721" s="143"/>
      <c r="AA4721" s="137"/>
      <c r="AB4721" s="137"/>
      <c r="AC4721" s="137"/>
      <c r="AD4721" s="137"/>
      <c r="AE4721" s="137"/>
      <c r="AF4721" s="137"/>
      <c r="AG4721" s="137"/>
      <c r="AH4721" s="137"/>
      <c r="AI4721" s="137"/>
      <c r="AJ4721" s="137"/>
      <c r="AK4721" s="137"/>
      <c r="AL4721" s="137"/>
      <c r="AM4721" s="137"/>
      <c r="AN4721" s="137"/>
      <c r="AO4721" s="137"/>
      <c r="AP4721" s="137"/>
      <c r="AQ4721" s="137"/>
      <c r="AR4721" s="137"/>
      <c r="AS4721" s="137"/>
      <c r="AT4721" s="137"/>
      <c r="AU4721" s="137"/>
      <c r="AV4721" s="137"/>
      <c r="AW4721" s="144"/>
    </row>
    <row r="4722" spans="7:49" x14ac:dyDescent="0.2">
      <c r="G4722" s="43"/>
      <c r="Z4722" s="143"/>
      <c r="AA4722" s="137"/>
      <c r="AB4722" s="137"/>
      <c r="AC4722" s="137"/>
      <c r="AD4722" s="137"/>
      <c r="AE4722" s="137"/>
      <c r="AF4722" s="137"/>
      <c r="AG4722" s="137"/>
      <c r="AH4722" s="137"/>
      <c r="AI4722" s="137"/>
      <c r="AJ4722" s="137"/>
      <c r="AK4722" s="137"/>
      <c r="AL4722" s="137"/>
      <c r="AM4722" s="137"/>
      <c r="AN4722" s="137"/>
      <c r="AO4722" s="137"/>
      <c r="AP4722" s="137"/>
      <c r="AQ4722" s="137"/>
      <c r="AR4722" s="137"/>
      <c r="AS4722" s="137"/>
      <c r="AT4722" s="137"/>
      <c r="AU4722" s="137"/>
      <c r="AV4722" s="137"/>
      <c r="AW4722" s="144"/>
    </row>
    <row r="4723" spans="7:49" x14ac:dyDescent="0.2">
      <c r="G4723" s="43"/>
      <c r="Z4723" s="143"/>
      <c r="AA4723" s="137"/>
      <c r="AB4723" s="137"/>
      <c r="AC4723" s="137"/>
      <c r="AD4723" s="137"/>
      <c r="AE4723" s="137"/>
      <c r="AF4723" s="137"/>
      <c r="AG4723" s="137"/>
      <c r="AH4723" s="137"/>
      <c r="AI4723" s="137"/>
      <c r="AJ4723" s="137"/>
      <c r="AK4723" s="137"/>
      <c r="AL4723" s="137"/>
      <c r="AM4723" s="137"/>
      <c r="AN4723" s="137"/>
      <c r="AO4723" s="137"/>
      <c r="AP4723" s="137"/>
      <c r="AQ4723" s="137"/>
      <c r="AR4723" s="137"/>
      <c r="AS4723" s="137"/>
      <c r="AT4723" s="137"/>
      <c r="AU4723" s="137"/>
      <c r="AV4723" s="137"/>
      <c r="AW4723" s="144"/>
    </row>
    <row r="4724" spans="7:49" x14ac:dyDescent="0.2">
      <c r="G4724" s="43"/>
      <c r="Z4724" s="143"/>
      <c r="AA4724" s="137"/>
      <c r="AB4724" s="137"/>
      <c r="AC4724" s="137"/>
      <c r="AD4724" s="137"/>
      <c r="AE4724" s="137"/>
      <c r="AF4724" s="137"/>
      <c r="AG4724" s="137"/>
      <c r="AH4724" s="137"/>
      <c r="AI4724" s="137"/>
      <c r="AJ4724" s="137"/>
      <c r="AK4724" s="137"/>
      <c r="AL4724" s="137"/>
      <c r="AM4724" s="137"/>
      <c r="AN4724" s="137"/>
      <c r="AO4724" s="137"/>
      <c r="AP4724" s="137"/>
      <c r="AQ4724" s="137"/>
      <c r="AR4724" s="137"/>
      <c r="AS4724" s="137"/>
      <c r="AT4724" s="137"/>
      <c r="AU4724" s="137"/>
      <c r="AV4724" s="137"/>
      <c r="AW4724" s="144"/>
    </row>
    <row r="4725" spans="7:49" x14ac:dyDescent="0.2">
      <c r="G4725" s="43"/>
      <c r="Z4725" s="143"/>
      <c r="AA4725" s="137"/>
      <c r="AB4725" s="137"/>
      <c r="AC4725" s="137"/>
      <c r="AD4725" s="137"/>
      <c r="AE4725" s="137"/>
      <c r="AF4725" s="137"/>
      <c r="AG4725" s="137"/>
      <c r="AH4725" s="137"/>
      <c r="AI4725" s="137"/>
      <c r="AJ4725" s="137"/>
      <c r="AK4725" s="137"/>
      <c r="AL4725" s="137"/>
      <c r="AM4725" s="137"/>
      <c r="AN4725" s="137"/>
      <c r="AO4725" s="137"/>
      <c r="AP4725" s="137"/>
      <c r="AQ4725" s="137"/>
      <c r="AR4725" s="137"/>
      <c r="AS4725" s="137"/>
      <c r="AT4725" s="137"/>
      <c r="AU4725" s="137"/>
      <c r="AV4725" s="137"/>
      <c r="AW4725" s="144"/>
    </row>
    <row r="4726" spans="7:49" x14ac:dyDescent="0.2">
      <c r="G4726" s="43"/>
      <c r="Z4726" s="143"/>
      <c r="AA4726" s="137"/>
      <c r="AB4726" s="137"/>
      <c r="AC4726" s="137"/>
      <c r="AD4726" s="137"/>
      <c r="AE4726" s="137"/>
      <c r="AF4726" s="137"/>
      <c r="AG4726" s="137"/>
      <c r="AH4726" s="137"/>
      <c r="AI4726" s="137"/>
      <c r="AJ4726" s="137"/>
      <c r="AK4726" s="137"/>
      <c r="AL4726" s="137"/>
      <c r="AM4726" s="137"/>
      <c r="AN4726" s="137"/>
      <c r="AO4726" s="137"/>
      <c r="AP4726" s="137"/>
      <c r="AQ4726" s="137"/>
      <c r="AR4726" s="137"/>
      <c r="AS4726" s="137"/>
      <c r="AT4726" s="137"/>
      <c r="AU4726" s="137"/>
      <c r="AV4726" s="137"/>
      <c r="AW4726" s="144"/>
    </row>
    <row r="4727" spans="7:49" x14ac:dyDescent="0.2">
      <c r="G4727" s="43"/>
      <c r="Z4727" s="143"/>
      <c r="AA4727" s="137"/>
      <c r="AB4727" s="137"/>
      <c r="AC4727" s="137"/>
      <c r="AD4727" s="137"/>
      <c r="AE4727" s="137"/>
      <c r="AF4727" s="137"/>
      <c r="AG4727" s="137"/>
      <c r="AH4727" s="137"/>
      <c r="AI4727" s="137"/>
      <c r="AJ4727" s="137"/>
      <c r="AK4727" s="137"/>
      <c r="AL4727" s="137"/>
      <c r="AM4727" s="137"/>
      <c r="AN4727" s="137"/>
      <c r="AO4727" s="137"/>
      <c r="AP4727" s="137"/>
      <c r="AQ4727" s="137"/>
      <c r="AR4727" s="137"/>
      <c r="AS4727" s="137"/>
      <c r="AT4727" s="137"/>
      <c r="AU4727" s="137"/>
      <c r="AV4727" s="137"/>
      <c r="AW4727" s="144"/>
    </row>
    <row r="4728" spans="7:49" x14ac:dyDescent="0.2">
      <c r="G4728" s="43"/>
      <c r="Z4728" s="143"/>
      <c r="AA4728" s="137"/>
      <c r="AB4728" s="137"/>
      <c r="AC4728" s="137"/>
      <c r="AD4728" s="137"/>
      <c r="AE4728" s="137"/>
      <c r="AF4728" s="137"/>
      <c r="AG4728" s="137"/>
      <c r="AH4728" s="137"/>
      <c r="AI4728" s="137"/>
      <c r="AJ4728" s="137"/>
      <c r="AK4728" s="137"/>
      <c r="AL4728" s="137"/>
      <c r="AM4728" s="137"/>
      <c r="AN4728" s="137"/>
      <c r="AO4728" s="137"/>
      <c r="AP4728" s="137"/>
      <c r="AQ4728" s="137"/>
      <c r="AR4728" s="137"/>
      <c r="AS4728" s="137"/>
      <c r="AT4728" s="137"/>
      <c r="AU4728" s="137"/>
      <c r="AV4728" s="137"/>
      <c r="AW4728" s="144"/>
    </row>
    <row r="4729" spans="7:49" x14ac:dyDescent="0.2">
      <c r="G4729" s="43"/>
      <c r="Z4729" s="143"/>
      <c r="AA4729" s="137"/>
      <c r="AB4729" s="137"/>
      <c r="AC4729" s="137"/>
      <c r="AD4729" s="137"/>
      <c r="AE4729" s="137"/>
      <c r="AF4729" s="137"/>
      <c r="AG4729" s="137"/>
      <c r="AH4729" s="137"/>
      <c r="AI4729" s="137"/>
      <c r="AJ4729" s="137"/>
      <c r="AK4729" s="137"/>
      <c r="AL4729" s="137"/>
      <c r="AM4729" s="137"/>
      <c r="AN4729" s="137"/>
      <c r="AO4729" s="137"/>
      <c r="AP4729" s="137"/>
      <c r="AQ4729" s="137"/>
      <c r="AR4729" s="137"/>
      <c r="AS4729" s="137"/>
      <c r="AT4729" s="137"/>
      <c r="AU4729" s="137"/>
      <c r="AV4729" s="137"/>
      <c r="AW4729" s="144"/>
    </row>
    <row r="4730" spans="7:49" x14ac:dyDescent="0.2">
      <c r="G4730" s="43"/>
      <c r="Z4730" s="143"/>
      <c r="AA4730" s="137"/>
      <c r="AB4730" s="137"/>
      <c r="AC4730" s="137"/>
      <c r="AD4730" s="137"/>
      <c r="AE4730" s="137"/>
      <c r="AF4730" s="137"/>
      <c r="AG4730" s="137"/>
      <c r="AH4730" s="137"/>
      <c r="AI4730" s="137"/>
      <c r="AJ4730" s="137"/>
      <c r="AK4730" s="137"/>
      <c r="AL4730" s="137"/>
      <c r="AM4730" s="137"/>
      <c r="AN4730" s="137"/>
      <c r="AO4730" s="137"/>
      <c r="AP4730" s="137"/>
      <c r="AQ4730" s="137"/>
      <c r="AR4730" s="137"/>
      <c r="AS4730" s="137"/>
      <c r="AT4730" s="137"/>
      <c r="AU4730" s="137"/>
      <c r="AV4730" s="137"/>
      <c r="AW4730" s="144"/>
    </row>
    <row r="4731" spans="7:49" x14ac:dyDescent="0.2">
      <c r="G4731" s="43"/>
      <c r="Z4731" s="143"/>
      <c r="AA4731" s="137"/>
      <c r="AB4731" s="137"/>
      <c r="AC4731" s="137"/>
      <c r="AD4731" s="137"/>
      <c r="AE4731" s="137"/>
      <c r="AF4731" s="137"/>
      <c r="AG4731" s="137"/>
      <c r="AH4731" s="137"/>
      <c r="AI4731" s="137"/>
      <c r="AJ4731" s="137"/>
      <c r="AK4731" s="137"/>
      <c r="AL4731" s="137"/>
      <c r="AM4731" s="137"/>
      <c r="AN4731" s="137"/>
      <c r="AO4731" s="137"/>
      <c r="AP4731" s="137"/>
      <c r="AQ4731" s="137"/>
      <c r="AR4731" s="137"/>
      <c r="AS4731" s="137"/>
      <c r="AT4731" s="137"/>
      <c r="AU4731" s="137"/>
      <c r="AV4731" s="137"/>
      <c r="AW4731" s="144"/>
    </row>
    <row r="4732" spans="7:49" x14ac:dyDescent="0.2">
      <c r="G4732" s="43"/>
      <c r="Z4732" s="143"/>
      <c r="AA4732" s="137"/>
      <c r="AB4732" s="137"/>
      <c r="AC4732" s="137"/>
      <c r="AD4732" s="137"/>
      <c r="AE4732" s="137"/>
      <c r="AF4732" s="137"/>
      <c r="AG4732" s="137"/>
      <c r="AH4732" s="137"/>
      <c r="AI4732" s="137"/>
      <c r="AJ4732" s="137"/>
      <c r="AK4732" s="137"/>
      <c r="AL4732" s="137"/>
      <c r="AM4732" s="137"/>
      <c r="AN4732" s="137"/>
      <c r="AO4732" s="137"/>
      <c r="AP4732" s="137"/>
      <c r="AQ4732" s="137"/>
      <c r="AR4732" s="137"/>
      <c r="AS4732" s="137"/>
      <c r="AT4732" s="137"/>
      <c r="AU4732" s="137"/>
      <c r="AV4732" s="137"/>
      <c r="AW4732" s="144"/>
    </row>
    <row r="4733" spans="7:49" x14ac:dyDescent="0.2">
      <c r="G4733" s="43"/>
      <c r="Z4733" s="143"/>
      <c r="AA4733" s="137"/>
      <c r="AB4733" s="137"/>
      <c r="AC4733" s="137"/>
      <c r="AD4733" s="137"/>
      <c r="AE4733" s="137"/>
      <c r="AF4733" s="137"/>
      <c r="AG4733" s="137"/>
      <c r="AH4733" s="137"/>
      <c r="AI4733" s="137"/>
      <c r="AJ4733" s="137"/>
      <c r="AK4733" s="137"/>
      <c r="AL4733" s="137"/>
      <c r="AM4733" s="137"/>
      <c r="AN4733" s="137"/>
      <c r="AO4733" s="137"/>
      <c r="AP4733" s="137"/>
      <c r="AQ4733" s="137"/>
      <c r="AR4733" s="137"/>
      <c r="AS4733" s="137"/>
      <c r="AT4733" s="137"/>
      <c r="AU4733" s="137"/>
      <c r="AV4733" s="137"/>
      <c r="AW4733" s="144"/>
    </row>
    <row r="4734" spans="7:49" x14ac:dyDescent="0.2">
      <c r="G4734" s="43"/>
      <c r="Z4734" s="143"/>
      <c r="AA4734" s="137"/>
      <c r="AB4734" s="137"/>
      <c r="AC4734" s="137"/>
      <c r="AD4734" s="137"/>
      <c r="AE4734" s="137"/>
      <c r="AF4734" s="137"/>
      <c r="AG4734" s="137"/>
      <c r="AH4734" s="137"/>
      <c r="AI4734" s="137"/>
      <c r="AJ4734" s="137"/>
      <c r="AK4734" s="137"/>
      <c r="AL4734" s="137"/>
      <c r="AM4734" s="137"/>
      <c r="AN4734" s="137"/>
      <c r="AO4734" s="137"/>
      <c r="AP4734" s="137"/>
      <c r="AQ4734" s="137"/>
      <c r="AR4734" s="137"/>
      <c r="AS4734" s="137"/>
      <c r="AT4734" s="137"/>
      <c r="AU4734" s="137"/>
      <c r="AV4734" s="137"/>
      <c r="AW4734" s="144"/>
    </row>
    <row r="4735" spans="7:49" x14ac:dyDescent="0.2">
      <c r="G4735" s="43"/>
      <c r="Z4735" s="143"/>
      <c r="AA4735" s="137"/>
      <c r="AB4735" s="137"/>
      <c r="AC4735" s="137"/>
      <c r="AD4735" s="137"/>
      <c r="AE4735" s="137"/>
      <c r="AF4735" s="137"/>
      <c r="AG4735" s="137"/>
      <c r="AH4735" s="137"/>
      <c r="AI4735" s="137"/>
      <c r="AJ4735" s="137"/>
      <c r="AK4735" s="137"/>
      <c r="AL4735" s="137"/>
      <c r="AM4735" s="137"/>
      <c r="AN4735" s="137"/>
      <c r="AO4735" s="137"/>
      <c r="AP4735" s="137"/>
      <c r="AQ4735" s="137"/>
      <c r="AR4735" s="137"/>
      <c r="AS4735" s="137"/>
      <c r="AT4735" s="137"/>
      <c r="AU4735" s="137"/>
      <c r="AV4735" s="137"/>
      <c r="AW4735" s="144"/>
    </row>
    <row r="4736" spans="7:49" x14ac:dyDescent="0.2">
      <c r="G4736" s="43"/>
      <c r="Z4736" s="143"/>
      <c r="AA4736" s="137"/>
      <c r="AB4736" s="137"/>
      <c r="AC4736" s="137"/>
      <c r="AD4736" s="137"/>
      <c r="AE4736" s="137"/>
      <c r="AF4736" s="137"/>
      <c r="AG4736" s="137"/>
      <c r="AH4736" s="137"/>
      <c r="AI4736" s="137"/>
      <c r="AJ4736" s="137"/>
      <c r="AK4736" s="137"/>
      <c r="AL4736" s="137"/>
      <c r="AM4736" s="137"/>
      <c r="AN4736" s="137"/>
      <c r="AO4736" s="137"/>
      <c r="AP4736" s="137"/>
      <c r="AQ4736" s="137"/>
      <c r="AR4736" s="137"/>
      <c r="AS4736" s="137"/>
      <c r="AT4736" s="137"/>
      <c r="AU4736" s="137"/>
      <c r="AV4736" s="137"/>
      <c r="AW4736" s="144"/>
    </row>
    <row r="4737" spans="7:49" x14ac:dyDescent="0.2">
      <c r="G4737" s="43"/>
      <c r="Z4737" s="143"/>
      <c r="AA4737" s="137"/>
      <c r="AB4737" s="137"/>
      <c r="AC4737" s="137"/>
      <c r="AD4737" s="137"/>
      <c r="AE4737" s="137"/>
      <c r="AF4737" s="137"/>
      <c r="AG4737" s="137"/>
      <c r="AH4737" s="137"/>
      <c r="AI4737" s="137"/>
      <c r="AJ4737" s="137"/>
      <c r="AK4737" s="137"/>
      <c r="AL4737" s="137"/>
      <c r="AM4737" s="137"/>
      <c r="AN4737" s="137"/>
      <c r="AO4737" s="137"/>
      <c r="AP4737" s="137"/>
      <c r="AQ4737" s="137"/>
      <c r="AR4737" s="137"/>
      <c r="AS4737" s="137"/>
      <c r="AT4737" s="137"/>
      <c r="AU4737" s="137"/>
      <c r="AV4737" s="137"/>
      <c r="AW4737" s="144"/>
    </row>
    <row r="4738" spans="7:49" x14ac:dyDescent="0.2">
      <c r="G4738" s="43"/>
      <c r="Z4738" s="143"/>
      <c r="AA4738" s="137"/>
      <c r="AB4738" s="137"/>
      <c r="AC4738" s="137"/>
      <c r="AD4738" s="137"/>
      <c r="AE4738" s="137"/>
      <c r="AF4738" s="137"/>
      <c r="AG4738" s="137"/>
      <c r="AH4738" s="137"/>
      <c r="AI4738" s="137"/>
      <c r="AJ4738" s="137"/>
      <c r="AK4738" s="137"/>
      <c r="AL4738" s="137"/>
      <c r="AM4738" s="137"/>
      <c r="AN4738" s="137"/>
      <c r="AO4738" s="137"/>
      <c r="AP4738" s="137"/>
      <c r="AQ4738" s="137"/>
      <c r="AR4738" s="137"/>
      <c r="AS4738" s="137"/>
      <c r="AT4738" s="137"/>
      <c r="AU4738" s="137"/>
      <c r="AV4738" s="137"/>
      <c r="AW4738" s="144"/>
    </row>
    <row r="4739" spans="7:49" x14ac:dyDescent="0.2">
      <c r="G4739" s="43"/>
      <c r="Z4739" s="143"/>
      <c r="AA4739" s="137"/>
      <c r="AB4739" s="137"/>
      <c r="AC4739" s="137"/>
      <c r="AD4739" s="137"/>
      <c r="AE4739" s="137"/>
      <c r="AF4739" s="137"/>
      <c r="AG4739" s="137"/>
      <c r="AH4739" s="137"/>
      <c r="AI4739" s="137"/>
      <c r="AJ4739" s="137"/>
      <c r="AK4739" s="137"/>
      <c r="AL4739" s="137"/>
      <c r="AM4739" s="137"/>
      <c r="AN4739" s="137"/>
      <c r="AO4739" s="137"/>
      <c r="AP4739" s="137"/>
      <c r="AQ4739" s="137"/>
      <c r="AR4739" s="137"/>
      <c r="AS4739" s="137"/>
      <c r="AT4739" s="137"/>
      <c r="AU4739" s="137"/>
      <c r="AV4739" s="137"/>
      <c r="AW4739" s="144"/>
    </row>
    <row r="4740" spans="7:49" x14ac:dyDescent="0.2">
      <c r="G4740" s="43"/>
      <c r="Z4740" s="143"/>
      <c r="AA4740" s="137"/>
      <c r="AB4740" s="137"/>
      <c r="AC4740" s="137"/>
      <c r="AD4740" s="137"/>
      <c r="AE4740" s="137"/>
      <c r="AF4740" s="137"/>
      <c r="AG4740" s="137"/>
      <c r="AH4740" s="137"/>
      <c r="AI4740" s="137"/>
      <c r="AJ4740" s="137"/>
      <c r="AK4740" s="137"/>
      <c r="AL4740" s="137"/>
      <c r="AM4740" s="137"/>
      <c r="AN4740" s="137"/>
      <c r="AO4740" s="137"/>
      <c r="AP4740" s="137"/>
      <c r="AQ4740" s="137"/>
      <c r="AR4740" s="137"/>
      <c r="AS4740" s="137"/>
      <c r="AT4740" s="137"/>
      <c r="AU4740" s="137"/>
      <c r="AV4740" s="137"/>
      <c r="AW4740" s="144"/>
    </row>
    <row r="4741" spans="7:49" x14ac:dyDescent="0.2">
      <c r="G4741" s="43"/>
      <c r="Z4741" s="143"/>
      <c r="AA4741" s="137"/>
      <c r="AB4741" s="137"/>
      <c r="AC4741" s="137"/>
      <c r="AD4741" s="137"/>
      <c r="AE4741" s="137"/>
      <c r="AF4741" s="137"/>
      <c r="AG4741" s="137"/>
      <c r="AH4741" s="137"/>
      <c r="AI4741" s="137"/>
      <c r="AJ4741" s="137"/>
      <c r="AK4741" s="137"/>
      <c r="AL4741" s="137"/>
      <c r="AM4741" s="137"/>
      <c r="AN4741" s="137"/>
      <c r="AO4741" s="137"/>
      <c r="AP4741" s="137"/>
      <c r="AQ4741" s="137"/>
      <c r="AR4741" s="137"/>
      <c r="AS4741" s="137"/>
      <c r="AT4741" s="137"/>
      <c r="AU4741" s="137"/>
      <c r="AV4741" s="137"/>
      <c r="AW4741" s="144"/>
    </row>
    <row r="4742" spans="7:49" x14ac:dyDescent="0.2">
      <c r="G4742" s="43"/>
      <c r="Z4742" s="143"/>
      <c r="AA4742" s="137"/>
      <c r="AB4742" s="137"/>
      <c r="AC4742" s="137"/>
      <c r="AD4742" s="137"/>
      <c r="AE4742" s="137"/>
      <c r="AF4742" s="137"/>
      <c r="AG4742" s="137"/>
      <c r="AH4742" s="137"/>
      <c r="AI4742" s="137"/>
      <c r="AJ4742" s="137"/>
      <c r="AK4742" s="137"/>
      <c r="AL4742" s="137"/>
      <c r="AM4742" s="137"/>
      <c r="AN4742" s="137"/>
      <c r="AO4742" s="137"/>
      <c r="AP4742" s="137"/>
      <c r="AQ4742" s="137"/>
      <c r="AR4742" s="137"/>
      <c r="AS4742" s="137"/>
      <c r="AT4742" s="137"/>
      <c r="AU4742" s="137"/>
      <c r="AV4742" s="137"/>
      <c r="AW4742" s="144"/>
    </row>
    <row r="4743" spans="7:49" x14ac:dyDescent="0.2">
      <c r="G4743" s="43"/>
      <c r="Z4743" s="143"/>
      <c r="AA4743" s="137"/>
      <c r="AB4743" s="137"/>
      <c r="AC4743" s="137"/>
      <c r="AD4743" s="137"/>
      <c r="AE4743" s="137"/>
      <c r="AF4743" s="137"/>
      <c r="AG4743" s="137"/>
      <c r="AH4743" s="137"/>
      <c r="AI4743" s="137"/>
      <c r="AJ4743" s="137"/>
      <c r="AK4743" s="137"/>
      <c r="AL4743" s="137"/>
      <c r="AM4743" s="137"/>
      <c r="AN4743" s="137"/>
      <c r="AO4743" s="137"/>
      <c r="AP4743" s="137"/>
      <c r="AQ4743" s="137"/>
      <c r="AR4743" s="137"/>
      <c r="AS4743" s="137"/>
      <c r="AT4743" s="137"/>
      <c r="AU4743" s="137"/>
      <c r="AV4743" s="137"/>
      <c r="AW4743" s="144"/>
    </row>
    <row r="4744" spans="7:49" x14ac:dyDescent="0.2">
      <c r="G4744" s="43"/>
      <c r="Z4744" s="143"/>
      <c r="AA4744" s="137"/>
      <c r="AB4744" s="137"/>
      <c r="AC4744" s="137"/>
      <c r="AD4744" s="137"/>
      <c r="AE4744" s="137"/>
      <c r="AF4744" s="137"/>
      <c r="AG4744" s="137"/>
      <c r="AH4744" s="137"/>
      <c r="AI4744" s="137"/>
      <c r="AJ4744" s="137"/>
      <c r="AK4744" s="137"/>
      <c r="AL4744" s="137"/>
      <c r="AM4744" s="137"/>
      <c r="AN4744" s="137"/>
      <c r="AO4744" s="137"/>
      <c r="AP4744" s="137"/>
      <c r="AQ4744" s="137"/>
      <c r="AR4744" s="137"/>
      <c r="AS4744" s="137"/>
      <c r="AT4744" s="137"/>
      <c r="AU4744" s="137"/>
      <c r="AV4744" s="137"/>
      <c r="AW4744" s="144"/>
    </row>
    <row r="4745" spans="7:49" x14ac:dyDescent="0.2">
      <c r="G4745" s="43"/>
      <c r="Z4745" s="143"/>
      <c r="AA4745" s="137"/>
      <c r="AB4745" s="137"/>
      <c r="AC4745" s="137"/>
      <c r="AD4745" s="137"/>
      <c r="AE4745" s="137"/>
      <c r="AF4745" s="137"/>
      <c r="AG4745" s="137"/>
      <c r="AH4745" s="137"/>
      <c r="AI4745" s="137"/>
      <c r="AJ4745" s="137"/>
      <c r="AK4745" s="137"/>
      <c r="AL4745" s="137"/>
      <c r="AM4745" s="137"/>
      <c r="AN4745" s="137"/>
      <c r="AO4745" s="137"/>
      <c r="AP4745" s="137"/>
      <c r="AQ4745" s="137"/>
      <c r="AR4745" s="137"/>
      <c r="AS4745" s="137"/>
      <c r="AT4745" s="137"/>
      <c r="AU4745" s="137"/>
      <c r="AV4745" s="137"/>
      <c r="AW4745" s="144"/>
    </row>
    <row r="4746" spans="7:49" x14ac:dyDescent="0.2">
      <c r="G4746" s="43"/>
      <c r="Z4746" s="143"/>
      <c r="AA4746" s="137"/>
      <c r="AB4746" s="137"/>
      <c r="AC4746" s="137"/>
      <c r="AD4746" s="137"/>
      <c r="AE4746" s="137"/>
      <c r="AF4746" s="137"/>
      <c r="AG4746" s="137"/>
      <c r="AH4746" s="137"/>
      <c r="AI4746" s="137"/>
      <c r="AJ4746" s="137"/>
      <c r="AK4746" s="137"/>
      <c r="AL4746" s="137"/>
      <c r="AM4746" s="137"/>
      <c r="AN4746" s="137"/>
      <c r="AO4746" s="137"/>
      <c r="AP4746" s="137"/>
      <c r="AQ4746" s="137"/>
      <c r="AR4746" s="137"/>
      <c r="AS4746" s="137"/>
      <c r="AT4746" s="137"/>
      <c r="AU4746" s="137"/>
      <c r="AV4746" s="137"/>
      <c r="AW4746" s="144"/>
    </row>
    <row r="4747" spans="7:49" x14ac:dyDescent="0.2">
      <c r="G4747" s="43"/>
      <c r="Z4747" s="143"/>
      <c r="AA4747" s="137"/>
      <c r="AB4747" s="137"/>
      <c r="AC4747" s="137"/>
      <c r="AD4747" s="137"/>
      <c r="AE4747" s="137"/>
      <c r="AF4747" s="137"/>
      <c r="AG4747" s="137"/>
      <c r="AH4747" s="137"/>
      <c r="AI4747" s="137"/>
      <c r="AJ4747" s="137"/>
      <c r="AK4747" s="137"/>
      <c r="AL4747" s="137"/>
      <c r="AM4747" s="137"/>
      <c r="AN4747" s="137"/>
      <c r="AO4747" s="137"/>
      <c r="AP4747" s="137"/>
      <c r="AQ4747" s="137"/>
      <c r="AR4747" s="137"/>
      <c r="AS4747" s="137"/>
      <c r="AT4747" s="137"/>
      <c r="AU4747" s="137"/>
      <c r="AV4747" s="137"/>
      <c r="AW4747" s="144"/>
    </row>
    <row r="4748" spans="7:49" x14ac:dyDescent="0.2">
      <c r="G4748" s="43"/>
      <c r="Z4748" s="143"/>
      <c r="AA4748" s="137"/>
      <c r="AB4748" s="137"/>
      <c r="AC4748" s="137"/>
      <c r="AD4748" s="137"/>
      <c r="AE4748" s="137"/>
      <c r="AF4748" s="137"/>
      <c r="AG4748" s="137"/>
      <c r="AH4748" s="137"/>
      <c r="AI4748" s="137"/>
      <c r="AJ4748" s="137"/>
      <c r="AK4748" s="137"/>
      <c r="AL4748" s="137"/>
      <c r="AM4748" s="137"/>
      <c r="AN4748" s="137"/>
      <c r="AO4748" s="137"/>
      <c r="AP4748" s="137"/>
      <c r="AQ4748" s="137"/>
      <c r="AR4748" s="137"/>
      <c r="AS4748" s="137"/>
      <c r="AT4748" s="137"/>
      <c r="AU4748" s="137"/>
      <c r="AV4748" s="137"/>
      <c r="AW4748" s="144"/>
    </row>
    <row r="4749" spans="7:49" x14ac:dyDescent="0.2">
      <c r="G4749" s="43"/>
      <c r="Z4749" s="143"/>
      <c r="AA4749" s="137"/>
      <c r="AB4749" s="137"/>
      <c r="AC4749" s="137"/>
      <c r="AD4749" s="137"/>
      <c r="AE4749" s="137"/>
      <c r="AF4749" s="137"/>
      <c r="AG4749" s="137"/>
      <c r="AH4749" s="137"/>
      <c r="AI4749" s="137"/>
      <c r="AJ4749" s="137"/>
      <c r="AK4749" s="137"/>
      <c r="AL4749" s="137"/>
      <c r="AM4749" s="137"/>
      <c r="AN4749" s="137"/>
      <c r="AO4749" s="137"/>
      <c r="AP4749" s="137"/>
      <c r="AQ4749" s="137"/>
      <c r="AR4749" s="137"/>
      <c r="AS4749" s="137"/>
      <c r="AT4749" s="137"/>
      <c r="AU4749" s="137"/>
      <c r="AV4749" s="137"/>
      <c r="AW4749" s="144"/>
    </row>
    <row r="4750" spans="7:49" x14ac:dyDescent="0.2">
      <c r="G4750" s="43"/>
      <c r="Z4750" s="143"/>
      <c r="AA4750" s="137"/>
      <c r="AB4750" s="137"/>
      <c r="AC4750" s="137"/>
      <c r="AD4750" s="137"/>
      <c r="AE4750" s="137"/>
      <c r="AF4750" s="137"/>
      <c r="AG4750" s="137"/>
      <c r="AH4750" s="137"/>
      <c r="AI4750" s="137"/>
      <c r="AJ4750" s="137"/>
      <c r="AK4750" s="137"/>
      <c r="AL4750" s="137"/>
      <c r="AM4750" s="137"/>
      <c r="AN4750" s="137"/>
      <c r="AO4750" s="137"/>
      <c r="AP4750" s="137"/>
      <c r="AQ4750" s="137"/>
      <c r="AR4750" s="137"/>
      <c r="AS4750" s="137"/>
      <c r="AT4750" s="137"/>
      <c r="AU4750" s="137"/>
      <c r="AV4750" s="137"/>
      <c r="AW4750" s="144"/>
    </row>
    <row r="4751" spans="7:49" x14ac:dyDescent="0.2">
      <c r="G4751" s="43"/>
      <c r="Z4751" s="143"/>
      <c r="AA4751" s="137"/>
      <c r="AB4751" s="137"/>
      <c r="AC4751" s="137"/>
      <c r="AD4751" s="137"/>
      <c r="AE4751" s="137"/>
      <c r="AF4751" s="137"/>
      <c r="AG4751" s="137"/>
      <c r="AH4751" s="137"/>
      <c r="AI4751" s="137"/>
      <c r="AJ4751" s="137"/>
      <c r="AK4751" s="137"/>
      <c r="AL4751" s="137"/>
      <c r="AM4751" s="137"/>
      <c r="AN4751" s="137"/>
      <c r="AO4751" s="137"/>
      <c r="AP4751" s="137"/>
      <c r="AQ4751" s="137"/>
      <c r="AR4751" s="137"/>
      <c r="AS4751" s="137"/>
      <c r="AT4751" s="137"/>
      <c r="AU4751" s="137"/>
      <c r="AV4751" s="137"/>
      <c r="AW4751" s="144"/>
    </row>
    <row r="4752" spans="7:49" x14ac:dyDescent="0.2">
      <c r="G4752" s="43"/>
      <c r="Z4752" s="143"/>
      <c r="AA4752" s="137"/>
      <c r="AB4752" s="137"/>
      <c r="AC4752" s="137"/>
      <c r="AD4752" s="137"/>
      <c r="AE4752" s="137"/>
      <c r="AF4752" s="137"/>
      <c r="AG4752" s="137"/>
      <c r="AH4752" s="137"/>
      <c r="AI4752" s="137"/>
      <c r="AJ4752" s="137"/>
      <c r="AK4752" s="137"/>
      <c r="AL4752" s="137"/>
      <c r="AM4752" s="137"/>
      <c r="AN4752" s="137"/>
      <c r="AO4752" s="137"/>
      <c r="AP4752" s="137"/>
      <c r="AQ4752" s="137"/>
      <c r="AR4752" s="137"/>
      <c r="AS4752" s="137"/>
      <c r="AT4752" s="137"/>
      <c r="AU4752" s="137"/>
      <c r="AV4752" s="137"/>
      <c r="AW4752" s="144"/>
    </row>
    <row r="4753" spans="7:49" x14ac:dyDescent="0.2">
      <c r="G4753" s="43"/>
      <c r="Z4753" s="143"/>
      <c r="AA4753" s="137"/>
      <c r="AB4753" s="137"/>
      <c r="AC4753" s="137"/>
      <c r="AD4753" s="137"/>
      <c r="AE4753" s="137"/>
      <c r="AF4753" s="137"/>
      <c r="AG4753" s="137"/>
      <c r="AH4753" s="137"/>
      <c r="AI4753" s="137"/>
      <c r="AJ4753" s="137"/>
      <c r="AK4753" s="137"/>
      <c r="AL4753" s="137"/>
      <c r="AM4753" s="137"/>
      <c r="AN4753" s="137"/>
      <c r="AO4753" s="137"/>
      <c r="AP4753" s="137"/>
      <c r="AQ4753" s="137"/>
      <c r="AR4753" s="137"/>
      <c r="AS4753" s="137"/>
      <c r="AT4753" s="137"/>
      <c r="AU4753" s="137"/>
      <c r="AV4753" s="137"/>
      <c r="AW4753" s="144"/>
    </row>
    <row r="4754" spans="7:49" x14ac:dyDescent="0.2">
      <c r="G4754" s="43"/>
      <c r="Z4754" s="143"/>
      <c r="AA4754" s="137"/>
      <c r="AB4754" s="137"/>
      <c r="AC4754" s="137"/>
      <c r="AD4754" s="137"/>
      <c r="AE4754" s="137"/>
      <c r="AF4754" s="137"/>
      <c r="AG4754" s="137"/>
      <c r="AH4754" s="137"/>
      <c r="AI4754" s="137"/>
      <c r="AJ4754" s="137"/>
      <c r="AK4754" s="137"/>
      <c r="AL4754" s="137"/>
      <c r="AM4754" s="137"/>
      <c r="AN4754" s="137"/>
      <c r="AO4754" s="137"/>
      <c r="AP4754" s="137"/>
      <c r="AQ4754" s="137"/>
      <c r="AR4754" s="137"/>
      <c r="AS4754" s="137"/>
      <c r="AT4754" s="137"/>
      <c r="AU4754" s="137"/>
      <c r="AV4754" s="137"/>
      <c r="AW4754" s="144"/>
    </row>
    <row r="4755" spans="7:49" x14ac:dyDescent="0.2">
      <c r="G4755" s="43"/>
      <c r="Z4755" s="143"/>
      <c r="AA4755" s="137"/>
      <c r="AB4755" s="137"/>
      <c r="AC4755" s="137"/>
      <c r="AD4755" s="137"/>
      <c r="AE4755" s="137"/>
      <c r="AF4755" s="137"/>
      <c r="AG4755" s="137"/>
      <c r="AH4755" s="137"/>
      <c r="AI4755" s="137"/>
      <c r="AJ4755" s="137"/>
      <c r="AK4755" s="137"/>
      <c r="AL4755" s="137"/>
      <c r="AM4755" s="137"/>
      <c r="AN4755" s="137"/>
      <c r="AO4755" s="137"/>
      <c r="AP4755" s="137"/>
      <c r="AQ4755" s="137"/>
      <c r="AR4755" s="137"/>
      <c r="AS4755" s="137"/>
      <c r="AT4755" s="137"/>
      <c r="AU4755" s="137"/>
      <c r="AV4755" s="137"/>
      <c r="AW4755" s="144"/>
    </row>
    <row r="4756" spans="7:49" x14ac:dyDescent="0.2">
      <c r="G4756" s="43"/>
      <c r="Z4756" s="143"/>
      <c r="AA4756" s="137"/>
      <c r="AB4756" s="137"/>
      <c r="AC4756" s="137"/>
      <c r="AD4756" s="137"/>
      <c r="AE4756" s="137"/>
      <c r="AF4756" s="137"/>
      <c r="AG4756" s="137"/>
      <c r="AH4756" s="137"/>
      <c r="AI4756" s="137"/>
      <c r="AJ4756" s="137"/>
      <c r="AK4756" s="137"/>
      <c r="AL4756" s="137"/>
      <c r="AM4756" s="137"/>
      <c r="AN4756" s="137"/>
      <c r="AO4756" s="137"/>
      <c r="AP4756" s="137"/>
      <c r="AQ4756" s="137"/>
      <c r="AR4756" s="137"/>
      <c r="AS4756" s="137"/>
      <c r="AT4756" s="137"/>
      <c r="AU4756" s="137"/>
      <c r="AV4756" s="137"/>
      <c r="AW4756" s="144"/>
    </row>
    <row r="4757" spans="7:49" x14ac:dyDescent="0.2">
      <c r="G4757" s="43"/>
      <c r="Z4757" s="143"/>
      <c r="AA4757" s="137"/>
      <c r="AB4757" s="137"/>
      <c r="AC4757" s="137"/>
      <c r="AD4757" s="137"/>
      <c r="AE4757" s="137"/>
      <c r="AF4757" s="137"/>
      <c r="AG4757" s="137"/>
      <c r="AH4757" s="137"/>
      <c r="AI4757" s="137"/>
      <c r="AJ4757" s="137"/>
      <c r="AK4757" s="137"/>
      <c r="AL4757" s="137"/>
      <c r="AM4757" s="137"/>
      <c r="AN4757" s="137"/>
      <c r="AO4757" s="137"/>
      <c r="AP4757" s="137"/>
      <c r="AQ4757" s="137"/>
      <c r="AR4757" s="137"/>
      <c r="AS4757" s="137"/>
      <c r="AT4757" s="137"/>
      <c r="AU4757" s="137"/>
      <c r="AV4757" s="137"/>
      <c r="AW4757" s="144"/>
    </row>
    <row r="4758" spans="7:49" x14ac:dyDescent="0.2">
      <c r="G4758" s="43"/>
      <c r="Z4758" s="143"/>
      <c r="AA4758" s="137"/>
      <c r="AB4758" s="137"/>
      <c r="AC4758" s="137"/>
      <c r="AD4758" s="137"/>
      <c r="AE4758" s="137"/>
      <c r="AF4758" s="137"/>
      <c r="AG4758" s="137"/>
      <c r="AH4758" s="137"/>
      <c r="AI4758" s="137"/>
      <c r="AJ4758" s="137"/>
      <c r="AK4758" s="137"/>
      <c r="AL4758" s="137"/>
      <c r="AM4758" s="137"/>
      <c r="AN4758" s="137"/>
      <c r="AO4758" s="137"/>
      <c r="AP4758" s="137"/>
      <c r="AQ4758" s="137"/>
      <c r="AR4758" s="137"/>
      <c r="AS4758" s="137"/>
      <c r="AT4758" s="137"/>
      <c r="AU4758" s="137"/>
      <c r="AV4758" s="137"/>
      <c r="AW4758" s="144"/>
    </row>
    <row r="4759" spans="7:49" x14ac:dyDescent="0.2">
      <c r="G4759" s="43"/>
      <c r="Z4759" s="143"/>
      <c r="AA4759" s="137"/>
      <c r="AB4759" s="137"/>
      <c r="AC4759" s="137"/>
      <c r="AD4759" s="137"/>
      <c r="AE4759" s="137"/>
      <c r="AF4759" s="137"/>
      <c r="AG4759" s="137"/>
      <c r="AH4759" s="137"/>
      <c r="AI4759" s="137"/>
      <c r="AJ4759" s="137"/>
      <c r="AK4759" s="137"/>
      <c r="AL4759" s="137"/>
      <c r="AM4759" s="137"/>
      <c r="AN4759" s="137"/>
      <c r="AO4759" s="137"/>
      <c r="AP4759" s="137"/>
      <c r="AQ4759" s="137"/>
      <c r="AR4759" s="137"/>
      <c r="AS4759" s="137"/>
      <c r="AT4759" s="137"/>
      <c r="AU4759" s="137"/>
      <c r="AV4759" s="137"/>
      <c r="AW4759" s="144"/>
    </row>
    <row r="4760" spans="7:49" x14ac:dyDescent="0.2">
      <c r="G4760" s="43"/>
      <c r="Z4760" s="143"/>
      <c r="AA4760" s="137"/>
      <c r="AB4760" s="137"/>
      <c r="AC4760" s="137"/>
      <c r="AD4760" s="137"/>
      <c r="AE4760" s="137"/>
      <c r="AF4760" s="137"/>
      <c r="AG4760" s="137"/>
      <c r="AH4760" s="137"/>
      <c r="AI4760" s="137"/>
      <c r="AJ4760" s="137"/>
      <c r="AK4760" s="137"/>
      <c r="AL4760" s="137"/>
      <c r="AM4760" s="137"/>
      <c r="AN4760" s="137"/>
      <c r="AO4760" s="137"/>
      <c r="AP4760" s="137"/>
      <c r="AQ4760" s="137"/>
      <c r="AR4760" s="137"/>
      <c r="AS4760" s="137"/>
      <c r="AT4760" s="137"/>
      <c r="AU4760" s="137"/>
      <c r="AV4760" s="137"/>
      <c r="AW4760" s="144"/>
    </row>
    <row r="4761" spans="7:49" x14ac:dyDescent="0.2">
      <c r="G4761" s="43"/>
      <c r="Z4761" s="143"/>
      <c r="AA4761" s="137"/>
      <c r="AB4761" s="137"/>
      <c r="AC4761" s="137"/>
      <c r="AD4761" s="137"/>
      <c r="AE4761" s="137"/>
      <c r="AF4761" s="137"/>
      <c r="AG4761" s="137"/>
      <c r="AH4761" s="137"/>
      <c r="AI4761" s="137"/>
      <c r="AJ4761" s="137"/>
      <c r="AK4761" s="137"/>
      <c r="AL4761" s="137"/>
      <c r="AM4761" s="137"/>
      <c r="AN4761" s="137"/>
      <c r="AO4761" s="137"/>
      <c r="AP4761" s="137"/>
      <c r="AQ4761" s="137"/>
      <c r="AR4761" s="137"/>
      <c r="AS4761" s="137"/>
      <c r="AT4761" s="137"/>
      <c r="AU4761" s="137"/>
      <c r="AV4761" s="137"/>
      <c r="AW4761" s="144"/>
    </row>
    <row r="4762" spans="7:49" x14ac:dyDescent="0.2">
      <c r="G4762" s="43"/>
      <c r="Z4762" s="143"/>
      <c r="AA4762" s="137"/>
      <c r="AB4762" s="137"/>
      <c r="AC4762" s="137"/>
      <c r="AD4762" s="137"/>
      <c r="AE4762" s="137"/>
      <c r="AF4762" s="137"/>
      <c r="AG4762" s="137"/>
      <c r="AH4762" s="137"/>
      <c r="AI4762" s="137"/>
      <c r="AJ4762" s="137"/>
      <c r="AK4762" s="137"/>
      <c r="AL4762" s="137"/>
      <c r="AM4762" s="137"/>
      <c r="AN4762" s="137"/>
      <c r="AO4762" s="137"/>
      <c r="AP4762" s="137"/>
      <c r="AQ4762" s="137"/>
      <c r="AR4762" s="137"/>
      <c r="AS4762" s="137"/>
      <c r="AT4762" s="137"/>
      <c r="AU4762" s="137"/>
      <c r="AV4762" s="137"/>
      <c r="AW4762" s="144"/>
    </row>
    <row r="4763" spans="7:49" x14ac:dyDescent="0.2">
      <c r="G4763" s="43"/>
      <c r="Z4763" s="143"/>
      <c r="AA4763" s="137"/>
      <c r="AB4763" s="137"/>
      <c r="AC4763" s="137"/>
      <c r="AD4763" s="137"/>
      <c r="AE4763" s="137"/>
      <c r="AF4763" s="137"/>
      <c r="AG4763" s="137"/>
      <c r="AH4763" s="137"/>
      <c r="AI4763" s="137"/>
      <c r="AJ4763" s="137"/>
      <c r="AK4763" s="137"/>
      <c r="AL4763" s="137"/>
      <c r="AM4763" s="137"/>
      <c r="AN4763" s="137"/>
      <c r="AO4763" s="137"/>
      <c r="AP4763" s="137"/>
      <c r="AQ4763" s="137"/>
      <c r="AR4763" s="137"/>
      <c r="AS4763" s="137"/>
      <c r="AT4763" s="137"/>
      <c r="AU4763" s="137"/>
      <c r="AV4763" s="137"/>
      <c r="AW4763" s="144"/>
    </row>
    <row r="4764" spans="7:49" x14ac:dyDescent="0.2">
      <c r="G4764" s="43"/>
      <c r="Z4764" s="143"/>
      <c r="AA4764" s="137"/>
      <c r="AB4764" s="137"/>
      <c r="AC4764" s="137"/>
      <c r="AD4764" s="137"/>
      <c r="AE4764" s="137"/>
      <c r="AF4764" s="137"/>
      <c r="AG4764" s="137"/>
      <c r="AH4764" s="137"/>
      <c r="AI4764" s="137"/>
      <c r="AJ4764" s="137"/>
      <c r="AK4764" s="137"/>
      <c r="AL4764" s="137"/>
      <c r="AM4764" s="137"/>
      <c r="AN4764" s="137"/>
      <c r="AO4764" s="137"/>
      <c r="AP4764" s="137"/>
      <c r="AQ4764" s="137"/>
      <c r="AR4764" s="137"/>
      <c r="AS4764" s="137"/>
      <c r="AT4764" s="137"/>
      <c r="AU4764" s="137"/>
      <c r="AV4764" s="137"/>
      <c r="AW4764" s="144"/>
    </row>
    <row r="4765" spans="7:49" x14ac:dyDescent="0.2">
      <c r="G4765" s="43"/>
      <c r="Z4765" s="143"/>
      <c r="AA4765" s="137"/>
      <c r="AB4765" s="137"/>
      <c r="AC4765" s="137"/>
      <c r="AD4765" s="137"/>
      <c r="AE4765" s="137"/>
      <c r="AF4765" s="137"/>
      <c r="AG4765" s="137"/>
      <c r="AH4765" s="137"/>
      <c r="AI4765" s="137"/>
      <c r="AJ4765" s="137"/>
      <c r="AK4765" s="137"/>
      <c r="AL4765" s="137"/>
      <c r="AM4765" s="137"/>
      <c r="AN4765" s="137"/>
      <c r="AO4765" s="137"/>
      <c r="AP4765" s="137"/>
      <c r="AQ4765" s="137"/>
      <c r="AR4765" s="137"/>
      <c r="AS4765" s="137"/>
      <c r="AT4765" s="137"/>
      <c r="AU4765" s="137"/>
      <c r="AV4765" s="137"/>
      <c r="AW4765" s="144"/>
    </row>
    <row r="4766" spans="7:49" x14ac:dyDescent="0.2">
      <c r="G4766" s="43"/>
      <c r="Z4766" s="143"/>
      <c r="AA4766" s="137"/>
      <c r="AB4766" s="137"/>
      <c r="AC4766" s="137"/>
      <c r="AD4766" s="137"/>
      <c r="AE4766" s="137"/>
      <c r="AF4766" s="137"/>
      <c r="AG4766" s="137"/>
      <c r="AH4766" s="137"/>
      <c r="AI4766" s="137"/>
      <c r="AJ4766" s="137"/>
      <c r="AK4766" s="137"/>
      <c r="AL4766" s="137"/>
      <c r="AM4766" s="137"/>
      <c r="AN4766" s="137"/>
      <c r="AO4766" s="137"/>
      <c r="AP4766" s="137"/>
      <c r="AQ4766" s="137"/>
      <c r="AR4766" s="137"/>
      <c r="AS4766" s="137"/>
      <c r="AT4766" s="137"/>
      <c r="AU4766" s="137"/>
      <c r="AV4766" s="137"/>
      <c r="AW4766" s="144"/>
    </row>
    <row r="4767" spans="7:49" x14ac:dyDescent="0.2">
      <c r="G4767" s="43"/>
      <c r="Z4767" s="143"/>
      <c r="AA4767" s="137"/>
      <c r="AB4767" s="137"/>
      <c r="AC4767" s="137"/>
      <c r="AD4767" s="137"/>
      <c r="AE4767" s="137"/>
      <c r="AF4767" s="137"/>
      <c r="AG4767" s="137"/>
      <c r="AH4767" s="137"/>
      <c r="AI4767" s="137"/>
      <c r="AJ4767" s="137"/>
      <c r="AK4767" s="137"/>
      <c r="AL4767" s="137"/>
      <c r="AM4767" s="137"/>
      <c r="AN4767" s="137"/>
      <c r="AO4767" s="137"/>
      <c r="AP4767" s="137"/>
      <c r="AQ4767" s="137"/>
      <c r="AR4767" s="137"/>
      <c r="AS4767" s="137"/>
      <c r="AT4767" s="137"/>
      <c r="AU4767" s="137"/>
      <c r="AV4767" s="137"/>
      <c r="AW4767" s="144"/>
    </row>
    <row r="4768" spans="7:49" x14ac:dyDescent="0.2">
      <c r="G4768" s="43"/>
      <c r="Z4768" s="143"/>
      <c r="AA4768" s="137"/>
      <c r="AB4768" s="137"/>
      <c r="AC4768" s="137"/>
      <c r="AD4768" s="137"/>
      <c r="AE4768" s="137"/>
      <c r="AF4768" s="137"/>
      <c r="AG4768" s="137"/>
      <c r="AH4768" s="137"/>
      <c r="AI4768" s="137"/>
      <c r="AJ4768" s="137"/>
      <c r="AK4768" s="137"/>
      <c r="AL4768" s="137"/>
      <c r="AM4768" s="137"/>
      <c r="AN4768" s="137"/>
      <c r="AO4768" s="137"/>
      <c r="AP4768" s="137"/>
      <c r="AQ4768" s="137"/>
      <c r="AR4768" s="137"/>
      <c r="AS4768" s="137"/>
      <c r="AT4768" s="137"/>
      <c r="AU4768" s="137"/>
      <c r="AV4768" s="137"/>
      <c r="AW4768" s="144"/>
    </row>
    <row r="4769" spans="7:49" x14ac:dyDescent="0.2">
      <c r="G4769" s="43"/>
      <c r="Z4769" s="143"/>
      <c r="AA4769" s="137"/>
      <c r="AB4769" s="137"/>
      <c r="AC4769" s="137"/>
      <c r="AD4769" s="137"/>
      <c r="AE4769" s="137"/>
      <c r="AF4769" s="137"/>
      <c r="AG4769" s="137"/>
      <c r="AH4769" s="137"/>
      <c r="AI4769" s="137"/>
      <c r="AJ4769" s="137"/>
      <c r="AK4769" s="137"/>
      <c r="AL4769" s="137"/>
      <c r="AM4769" s="137"/>
      <c r="AN4769" s="137"/>
      <c r="AO4769" s="137"/>
      <c r="AP4769" s="137"/>
      <c r="AQ4769" s="137"/>
      <c r="AR4769" s="137"/>
      <c r="AS4769" s="137"/>
      <c r="AT4769" s="137"/>
      <c r="AU4769" s="137"/>
      <c r="AV4769" s="137"/>
      <c r="AW4769" s="144"/>
    </row>
    <row r="4770" spans="7:49" x14ac:dyDescent="0.2">
      <c r="G4770" s="43"/>
      <c r="Z4770" s="143"/>
      <c r="AA4770" s="137"/>
      <c r="AB4770" s="137"/>
      <c r="AC4770" s="137"/>
      <c r="AD4770" s="137"/>
      <c r="AE4770" s="137"/>
      <c r="AF4770" s="137"/>
      <c r="AG4770" s="137"/>
      <c r="AH4770" s="137"/>
      <c r="AI4770" s="137"/>
      <c r="AJ4770" s="137"/>
      <c r="AK4770" s="137"/>
      <c r="AL4770" s="137"/>
      <c r="AM4770" s="137"/>
      <c r="AN4770" s="137"/>
      <c r="AO4770" s="137"/>
      <c r="AP4770" s="137"/>
      <c r="AQ4770" s="137"/>
      <c r="AR4770" s="137"/>
      <c r="AS4770" s="137"/>
      <c r="AT4770" s="137"/>
      <c r="AU4770" s="137"/>
      <c r="AV4770" s="137"/>
      <c r="AW4770" s="144"/>
    </row>
    <row r="4771" spans="7:49" x14ac:dyDescent="0.2">
      <c r="G4771" s="43"/>
      <c r="Z4771" s="143"/>
      <c r="AA4771" s="137"/>
      <c r="AB4771" s="137"/>
      <c r="AC4771" s="137"/>
      <c r="AD4771" s="137"/>
      <c r="AE4771" s="137"/>
      <c r="AF4771" s="137"/>
      <c r="AG4771" s="137"/>
      <c r="AH4771" s="137"/>
      <c r="AI4771" s="137"/>
      <c r="AJ4771" s="137"/>
      <c r="AK4771" s="137"/>
      <c r="AL4771" s="137"/>
      <c r="AM4771" s="137"/>
      <c r="AN4771" s="137"/>
      <c r="AO4771" s="137"/>
      <c r="AP4771" s="137"/>
      <c r="AQ4771" s="137"/>
      <c r="AR4771" s="137"/>
      <c r="AS4771" s="137"/>
      <c r="AT4771" s="137"/>
      <c r="AU4771" s="137"/>
      <c r="AV4771" s="137"/>
      <c r="AW4771" s="144"/>
    </row>
    <row r="4772" spans="7:49" x14ac:dyDescent="0.2">
      <c r="G4772" s="43"/>
      <c r="Z4772" s="143"/>
      <c r="AA4772" s="137"/>
      <c r="AB4772" s="137"/>
      <c r="AC4772" s="137"/>
      <c r="AD4772" s="137"/>
      <c r="AE4772" s="137"/>
      <c r="AF4772" s="137"/>
      <c r="AG4772" s="137"/>
      <c r="AH4772" s="137"/>
      <c r="AI4772" s="137"/>
      <c r="AJ4772" s="137"/>
      <c r="AK4772" s="137"/>
      <c r="AL4772" s="137"/>
      <c r="AM4772" s="137"/>
      <c r="AN4772" s="137"/>
      <c r="AO4772" s="137"/>
      <c r="AP4772" s="137"/>
      <c r="AQ4772" s="137"/>
      <c r="AR4772" s="137"/>
      <c r="AS4772" s="137"/>
      <c r="AT4772" s="137"/>
      <c r="AU4772" s="137"/>
      <c r="AV4772" s="137"/>
      <c r="AW4772" s="144"/>
    </row>
    <row r="4773" spans="7:49" x14ac:dyDescent="0.2">
      <c r="G4773" s="43"/>
      <c r="Z4773" s="143"/>
      <c r="AA4773" s="137"/>
      <c r="AB4773" s="137"/>
      <c r="AC4773" s="137"/>
      <c r="AD4773" s="137"/>
      <c r="AE4773" s="137"/>
      <c r="AF4773" s="137"/>
      <c r="AG4773" s="137"/>
      <c r="AH4773" s="137"/>
      <c r="AI4773" s="137"/>
      <c r="AJ4773" s="137"/>
      <c r="AK4773" s="137"/>
      <c r="AL4773" s="137"/>
      <c r="AM4773" s="137"/>
      <c r="AN4773" s="137"/>
      <c r="AO4773" s="137"/>
      <c r="AP4773" s="137"/>
      <c r="AQ4773" s="137"/>
      <c r="AR4773" s="137"/>
      <c r="AS4773" s="137"/>
      <c r="AT4773" s="137"/>
      <c r="AU4773" s="137"/>
      <c r="AV4773" s="137"/>
      <c r="AW4773" s="144"/>
    </row>
    <row r="4774" spans="7:49" x14ac:dyDescent="0.2">
      <c r="G4774" s="43"/>
      <c r="Z4774" s="143"/>
      <c r="AA4774" s="137"/>
      <c r="AB4774" s="137"/>
      <c r="AC4774" s="137"/>
      <c r="AD4774" s="137"/>
      <c r="AE4774" s="137"/>
      <c r="AF4774" s="137"/>
      <c r="AG4774" s="137"/>
      <c r="AH4774" s="137"/>
      <c r="AI4774" s="137"/>
      <c r="AJ4774" s="137"/>
      <c r="AK4774" s="137"/>
      <c r="AL4774" s="137"/>
      <c r="AM4774" s="137"/>
      <c r="AN4774" s="137"/>
      <c r="AO4774" s="137"/>
      <c r="AP4774" s="137"/>
      <c r="AQ4774" s="137"/>
      <c r="AR4774" s="137"/>
      <c r="AS4774" s="137"/>
      <c r="AT4774" s="137"/>
      <c r="AU4774" s="137"/>
      <c r="AV4774" s="137"/>
      <c r="AW4774" s="144"/>
    </row>
    <row r="4775" spans="7:49" x14ac:dyDescent="0.2">
      <c r="G4775" s="43"/>
      <c r="Z4775" s="143"/>
      <c r="AA4775" s="137"/>
      <c r="AB4775" s="137"/>
      <c r="AC4775" s="137"/>
      <c r="AD4775" s="137"/>
      <c r="AE4775" s="137"/>
      <c r="AF4775" s="137"/>
      <c r="AG4775" s="137"/>
      <c r="AH4775" s="137"/>
      <c r="AI4775" s="137"/>
      <c r="AJ4775" s="137"/>
      <c r="AK4775" s="137"/>
      <c r="AL4775" s="137"/>
      <c r="AM4775" s="137"/>
      <c r="AN4775" s="137"/>
      <c r="AO4775" s="137"/>
      <c r="AP4775" s="137"/>
      <c r="AQ4775" s="137"/>
      <c r="AR4775" s="137"/>
      <c r="AS4775" s="137"/>
      <c r="AT4775" s="137"/>
      <c r="AU4775" s="137"/>
      <c r="AV4775" s="137"/>
      <c r="AW4775" s="144"/>
    </row>
    <row r="4776" spans="7:49" x14ac:dyDescent="0.2">
      <c r="G4776" s="43"/>
      <c r="Z4776" s="143"/>
      <c r="AA4776" s="137"/>
      <c r="AB4776" s="137"/>
      <c r="AC4776" s="137"/>
      <c r="AD4776" s="137"/>
      <c r="AE4776" s="137"/>
      <c r="AF4776" s="137"/>
      <c r="AG4776" s="137"/>
      <c r="AH4776" s="137"/>
      <c r="AI4776" s="137"/>
      <c r="AJ4776" s="137"/>
      <c r="AK4776" s="137"/>
      <c r="AL4776" s="137"/>
      <c r="AM4776" s="137"/>
      <c r="AN4776" s="137"/>
      <c r="AO4776" s="137"/>
      <c r="AP4776" s="137"/>
      <c r="AQ4776" s="137"/>
      <c r="AR4776" s="137"/>
      <c r="AS4776" s="137"/>
      <c r="AT4776" s="137"/>
      <c r="AU4776" s="137"/>
      <c r="AV4776" s="137"/>
      <c r="AW4776" s="144"/>
    </row>
    <row r="4777" spans="7:49" x14ac:dyDescent="0.2">
      <c r="G4777" s="43"/>
      <c r="Z4777" s="143"/>
      <c r="AA4777" s="137"/>
      <c r="AB4777" s="137"/>
      <c r="AC4777" s="137"/>
      <c r="AD4777" s="137"/>
      <c r="AE4777" s="137"/>
      <c r="AF4777" s="137"/>
      <c r="AG4777" s="137"/>
      <c r="AH4777" s="137"/>
      <c r="AI4777" s="137"/>
      <c r="AJ4777" s="137"/>
      <c r="AK4777" s="137"/>
      <c r="AL4777" s="137"/>
      <c r="AM4777" s="137"/>
      <c r="AN4777" s="137"/>
      <c r="AO4777" s="137"/>
      <c r="AP4777" s="137"/>
      <c r="AQ4777" s="137"/>
      <c r="AR4777" s="137"/>
      <c r="AS4777" s="137"/>
      <c r="AT4777" s="137"/>
      <c r="AU4777" s="137"/>
      <c r="AV4777" s="137"/>
      <c r="AW4777" s="144"/>
    </row>
    <row r="4778" spans="7:49" x14ac:dyDescent="0.2">
      <c r="G4778" s="43"/>
      <c r="Z4778" s="143"/>
      <c r="AA4778" s="137"/>
      <c r="AB4778" s="137"/>
      <c r="AC4778" s="137"/>
      <c r="AD4778" s="137"/>
      <c r="AE4778" s="137"/>
      <c r="AF4778" s="137"/>
      <c r="AG4778" s="137"/>
      <c r="AH4778" s="137"/>
      <c r="AI4778" s="137"/>
      <c r="AJ4778" s="137"/>
      <c r="AK4778" s="137"/>
      <c r="AL4778" s="137"/>
      <c r="AM4778" s="137"/>
      <c r="AN4778" s="137"/>
      <c r="AO4778" s="137"/>
      <c r="AP4778" s="137"/>
      <c r="AQ4778" s="137"/>
      <c r="AR4778" s="137"/>
      <c r="AS4778" s="137"/>
      <c r="AT4778" s="137"/>
      <c r="AU4778" s="137"/>
      <c r="AV4778" s="137"/>
      <c r="AW4778" s="144"/>
    </row>
    <row r="4779" spans="7:49" x14ac:dyDescent="0.2">
      <c r="G4779" s="43"/>
      <c r="Z4779" s="143"/>
      <c r="AA4779" s="137"/>
      <c r="AB4779" s="137"/>
      <c r="AC4779" s="137"/>
      <c r="AD4779" s="137"/>
      <c r="AE4779" s="137"/>
      <c r="AF4779" s="137"/>
      <c r="AG4779" s="137"/>
      <c r="AH4779" s="137"/>
      <c r="AI4779" s="137"/>
      <c r="AJ4779" s="137"/>
      <c r="AK4779" s="137"/>
      <c r="AL4779" s="137"/>
      <c r="AM4779" s="137"/>
      <c r="AN4779" s="137"/>
      <c r="AO4779" s="137"/>
      <c r="AP4779" s="137"/>
      <c r="AQ4779" s="137"/>
      <c r="AR4779" s="137"/>
      <c r="AS4779" s="137"/>
      <c r="AT4779" s="137"/>
      <c r="AU4779" s="137"/>
      <c r="AV4779" s="137"/>
      <c r="AW4779" s="144"/>
    </row>
    <row r="4780" spans="7:49" x14ac:dyDescent="0.2">
      <c r="G4780" s="43"/>
      <c r="Z4780" s="143"/>
      <c r="AA4780" s="137"/>
      <c r="AB4780" s="137"/>
      <c r="AC4780" s="137"/>
      <c r="AD4780" s="137"/>
      <c r="AE4780" s="137"/>
      <c r="AF4780" s="137"/>
      <c r="AG4780" s="137"/>
      <c r="AH4780" s="137"/>
      <c r="AI4780" s="137"/>
      <c r="AJ4780" s="137"/>
      <c r="AK4780" s="137"/>
      <c r="AL4780" s="137"/>
      <c r="AM4780" s="137"/>
      <c r="AN4780" s="137"/>
      <c r="AO4780" s="137"/>
      <c r="AP4780" s="137"/>
      <c r="AQ4780" s="137"/>
      <c r="AR4780" s="137"/>
      <c r="AS4780" s="137"/>
      <c r="AT4780" s="137"/>
      <c r="AU4780" s="137"/>
      <c r="AV4780" s="137"/>
      <c r="AW4780" s="144"/>
    </row>
    <row r="4781" spans="7:49" x14ac:dyDescent="0.2">
      <c r="G4781" s="43"/>
      <c r="Z4781" s="143"/>
      <c r="AA4781" s="137"/>
      <c r="AB4781" s="137"/>
      <c r="AC4781" s="137"/>
      <c r="AD4781" s="137"/>
      <c r="AE4781" s="137"/>
      <c r="AF4781" s="137"/>
      <c r="AG4781" s="137"/>
      <c r="AH4781" s="137"/>
      <c r="AI4781" s="137"/>
      <c r="AJ4781" s="137"/>
      <c r="AK4781" s="137"/>
      <c r="AL4781" s="137"/>
      <c r="AM4781" s="137"/>
      <c r="AN4781" s="137"/>
      <c r="AO4781" s="137"/>
      <c r="AP4781" s="137"/>
      <c r="AQ4781" s="137"/>
      <c r="AR4781" s="137"/>
      <c r="AS4781" s="137"/>
      <c r="AT4781" s="137"/>
      <c r="AU4781" s="137"/>
      <c r="AV4781" s="137"/>
      <c r="AW4781" s="144"/>
    </row>
    <row r="4782" spans="7:49" x14ac:dyDescent="0.2">
      <c r="G4782" s="43"/>
      <c r="Z4782" s="143"/>
      <c r="AA4782" s="137"/>
      <c r="AB4782" s="137"/>
      <c r="AC4782" s="137"/>
      <c r="AD4782" s="137"/>
      <c r="AE4782" s="137"/>
      <c r="AF4782" s="137"/>
      <c r="AG4782" s="137"/>
      <c r="AH4782" s="137"/>
      <c r="AI4782" s="137"/>
      <c r="AJ4782" s="137"/>
      <c r="AK4782" s="137"/>
      <c r="AL4782" s="137"/>
      <c r="AM4782" s="137"/>
      <c r="AN4782" s="137"/>
      <c r="AO4782" s="137"/>
      <c r="AP4782" s="137"/>
      <c r="AQ4782" s="137"/>
      <c r="AR4782" s="137"/>
      <c r="AS4782" s="137"/>
      <c r="AT4782" s="137"/>
      <c r="AU4782" s="137"/>
      <c r="AV4782" s="137"/>
      <c r="AW4782" s="144"/>
    </row>
    <row r="4783" spans="7:49" x14ac:dyDescent="0.2">
      <c r="G4783" s="43"/>
      <c r="Z4783" s="143"/>
      <c r="AA4783" s="137"/>
      <c r="AB4783" s="137"/>
      <c r="AC4783" s="137"/>
      <c r="AD4783" s="137"/>
      <c r="AE4783" s="137"/>
      <c r="AF4783" s="137"/>
      <c r="AG4783" s="137"/>
      <c r="AH4783" s="137"/>
      <c r="AI4783" s="137"/>
      <c r="AJ4783" s="137"/>
      <c r="AK4783" s="137"/>
      <c r="AL4783" s="137"/>
      <c r="AM4783" s="137"/>
      <c r="AN4783" s="137"/>
      <c r="AO4783" s="137"/>
      <c r="AP4783" s="137"/>
      <c r="AQ4783" s="137"/>
      <c r="AR4783" s="137"/>
      <c r="AS4783" s="137"/>
      <c r="AT4783" s="137"/>
      <c r="AU4783" s="137"/>
      <c r="AV4783" s="137"/>
      <c r="AW4783" s="144"/>
    </row>
    <row r="4784" spans="7:49" x14ac:dyDescent="0.2">
      <c r="G4784" s="43"/>
      <c r="Z4784" s="143"/>
      <c r="AA4784" s="137"/>
      <c r="AB4784" s="137"/>
      <c r="AC4784" s="137"/>
      <c r="AD4784" s="137"/>
      <c r="AE4784" s="137"/>
      <c r="AF4784" s="137"/>
      <c r="AG4784" s="137"/>
      <c r="AH4784" s="137"/>
      <c r="AI4784" s="137"/>
      <c r="AJ4784" s="137"/>
      <c r="AK4784" s="137"/>
      <c r="AL4784" s="137"/>
      <c r="AM4784" s="137"/>
      <c r="AN4784" s="137"/>
      <c r="AO4784" s="137"/>
      <c r="AP4784" s="137"/>
      <c r="AQ4784" s="137"/>
      <c r="AR4784" s="137"/>
      <c r="AS4784" s="137"/>
      <c r="AT4784" s="137"/>
      <c r="AU4784" s="137"/>
      <c r="AV4784" s="137"/>
      <c r="AW4784" s="144"/>
    </row>
    <row r="4785" spans="7:49" x14ac:dyDescent="0.2">
      <c r="G4785" s="43"/>
      <c r="Z4785" s="143"/>
      <c r="AA4785" s="137"/>
      <c r="AB4785" s="137"/>
      <c r="AC4785" s="137"/>
      <c r="AD4785" s="137"/>
      <c r="AE4785" s="137"/>
      <c r="AF4785" s="137"/>
      <c r="AG4785" s="137"/>
      <c r="AH4785" s="137"/>
      <c r="AI4785" s="137"/>
      <c r="AJ4785" s="137"/>
      <c r="AK4785" s="137"/>
      <c r="AL4785" s="137"/>
      <c r="AM4785" s="137"/>
      <c r="AN4785" s="137"/>
      <c r="AO4785" s="137"/>
      <c r="AP4785" s="137"/>
      <c r="AQ4785" s="137"/>
      <c r="AR4785" s="137"/>
      <c r="AS4785" s="137"/>
      <c r="AT4785" s="137"/>
      <c r="AU4785" s="137"/>
      <c r="AV4785" s="137"/>
      <c r="AW4785" s="144"/>
    </row>
    <row r="4786" spans="7:49" x14ac:dyDescent="0.2">
      <c r="G4786" s="43"/>
      <c r="Z4786" s="143"/>
      <c r="AA4786" s="137"/>
      <c r="AB4786" s="137"/>
      <c r="AC4786" s="137"/>
      <c r="AD4786" s="137"/>
      <c r="AE4786" s="137"/>
      <c r="AF4786" s="137"/>
      <c r="AG4786" s="137"/>
      <c r="AH4786" s="137"/>
      <c r="AI4786" s="137"/>
      <c r="AJ4786" s="137"/>
      <c r="AK4786" s="137"/>
      <c r="AL4786" s="137"/>
      <c r="AM4786" s="137"/>
      <c r="AN4786" s="137"/>
      <c r="AO4786" s="137"/>
      <c r="AP4786" s="137"/>
      <c r="AQ4786" s="137"/>
      <c r="AR4786" s="137"/>
      <c r="AS4786" s="137"/>
      <c r="AT4786" s="137"/>
      <c r="AU4786" s="137"/>
      <c r="AV4786" s="137"/>
      <c r="AW4786" s="144"/>
    </row>
    <row r="4787" spans="7:49" x14ac:dyDescent="0.2">
      <c r="G4787" s="43"/>
      <c r="Z4787" s="143"/>
      <c r="AA4787" s="137"/>
      <c r="AB4787" s="137"/>
      <c r="AC4787" s="137"/>
      <c r="AD4787" s="137"/>
      <c r="AE4787" s="137"/>
      <c r="AF4787" s="137"/>
      <c r="AG4787" s="137"/>
      <c r="AH4787" s="137"/>
      <c r="AI4787" s="137"/>
      <c r="AJ4787" s="137"/>
      <c r="AK4787" s="137"/>
      <c r="AL4787" s="137"/>
      <c r="AM4787" s="137"/>
      <c r="AN4787" s="137"/>
      <c r="AO4787" s="137"/>
      <c r="AP4787" s="137"/>
      <c r="AQ4787" s="137"/>
      <c r="AR4787" s="137"/>
      <c r="AS4787" s="137"/>
      <c r="AT4787" s="137"/>
      <c r="AU4787" s="137"/>
      <c r="AV4787" s="137"/>
      <c r="AW4787" s="144"/>
    </row>
    <row r="4788" spans="7:49" x14ac:dyDescent="0.2">
      <c r="G4788" s="43"/>
      <c r="Z4788" s="143"/>
      <c r="AA4788" s="137"/>
      <c r="AB4788" s="137"/>
      <c r="AC4788" s="137"/>
      <c r="AD4788" s="137"/>
      <c r="AE4788" s="137"/>
      <c r="AF4788" s="137"/>
      <c r="AG4788" s="137"/>
      <c r="AH4788" s="137"/>
      <c r="AI4788" s="137"/>
      <c r="AJ4788" s="137"/>
      <c r="AK4788" s="137"/>
      <c r="AL4788" s="137"/>
      <c r="AM4788" s="137"/>
      <c r="AN4788" s="137"/>
      <c r="AO4788" s="137"/>
      <c r="AP4788" s="137"/>
      <c r="AQ4788" s="137"/>
      <c r="AR4788" s="137"/>
      <c r="AS4788" s="137"/>
      <c r="AT4788" s="137"/>
      <c r="AU4788" s="137"/>
      <c r="AV4788" s="137"/>
      <c r="AW4788" s="144"/>
    </row>
    <row r="4789" spans="7:49" x14ac:dyDescent="0.2">
      <c r="G4789" s="43"/>
      <c r="Z4789" s="143"/>
      <c r="AA4789" s="137"/>
      <c r="AB4789" s="137"/>
      <c r="AC4789" s="137"/>
      <c r="AD4789" s="137"/>
      <c r="AE4789" s="137"/>
      <c r="AF4789" s="137"/>
      <c r="AG4789" s="137"/>
      <c r="AH4789" s="137"/>
      <c r="AI4789" s="137"/>
      <c r="AJ4789" s="137"/>
      <c r="AK4789" s="137"/>
      <c r="AL4789" s="137"/>
      <c r="AM4789" s="137"/>
      <c r="AN4789" s="137"/>
      <c r="AO4789" s="137"/>
      <c r="AP4789" s="137"/>
      <c r="AQ4789" s="137"/>
      <c r="AR4789" s="137"/>
      <c r="AS4789" s="137"/>
      <c r="AT4789" s="137"/>
      <c r="AU4789" s="137"/>
      <c r="AV4789" s="137"/>
      <c r="AW4789" s="144"/>
    </row>
    <row r="4790" spans="7:49" x14ac:dyDescent="0.2">
      <c r="G4790" s="43"/>
      <c r="Z4790" s="143"/>
      <c r="AA4790" s="137"/>
      <c r="AB4790" s="137"/>
      <c r="AC4790" s="137"/>
      <c r="AD4790" s="137"/>
      <c r="AE4790" s="137"/>
      <c r="AF4790" s="137"/>
      <c r="AG4790" s="137"/>
      <c r="AH4790" s="137"/>
      <c r="AI4790" s="137"/>
      <c r="AJ4790" s="137"/>
      <c r="AK4790" s="137"/>
      <c r="AL4790" s="137"/>
      <c r="AM4790" s="137"/>
      <c r="AN4790" s="137"/>
      <c r="AO4790" s="137"/>
      <c r="AP4790" s="137"/>
      <c r="AQ4790" s="137"/>
      <c r="AR4790" s="137"/>
      <c r="AS4790" s="137"/>
      <c r="AT4790" s="137"/>
      <c r="AU4790" s="137"/>
      <c r="AV4790" s="137"/>
      <c r="AW4790" s="144"/>
    </row>
    <row r="4791" spans="7:49" x14ac:dyDescent="0.2">
      <c r="G4791" s="43"/>
      <c r="Z4791" s="143"/>
      <c r="AA4791" s="137"/>
      <c r="AB4791" s="137"/>
      <c r="AC4791" s="137"/>
      <c r="AD4791" s="137"/>
      <c r="AE4791" s="137"/>
      <c r="AF4791" s="137"/>
      <c r="AG4791" s="137"/>
      <c r="AH4791" s="137"/>
      <c r="AI4791" s="137"/>
      <c r="AJ4791" s="137"/>
      <c r="AK4791" s="137"/>
      <c r="AL4791" s="137"/>
      <c r="AM4791" s="137"/>
      <c r="AN4791" s="137"/>
      <c r="AO4791" s="137"/>
      <c r="AP4791" s="137"/>
      <c r="AQ4791" s="137"/>
      <c r="AR4791" s="137"/>
      <c r="AS4791" s="137"/>
      <c r="AT4791" s="137"/>
      <c r="AU4791" s="137"/>
      <c r="AV4791" s="137"/>
      <c r="AW4791" s="144"/>
    </row>
    <row r="4792" spans="7:49" x14ac:dyDescent="0.2">
      <c r="G4792" s="43"/>
      <c r="Z4792" s="143"/>
      <c r="AA4792" s="137"/>
      <c r="AB4792" s="137"/>
      <c r="AC4792" s="137"/>
      <c r="AD4792" s="137"/>
      <c r="AE4792" s="137"/>
      <c r="AF4792" s="137"/>
      <c r="AG4792" s="137"/>
      <c r="AH4792" s="137"/>
      <c r="AI4792" s="137"/>
      <c r="AJ4792" s="137"/>
      <c r="AK4792" s="137"/>
      <c r="AL4792" s="137"/>
      <c r="AM4792" s="137"/>
      <c r="AN4792" s="137"/>
      <c r="AO4792" s="137"/>
      <c r="AP4792" s="137"/>
      <c r="AQ4792" s="137"/>
      <c r="AR4792" s="137"/>
      <c r="AS4792" s="137"/>
      <c r="AT4792" s="137"/>
      <c r="AU4792" s="137"/>
      <c r="AV4792" s="137"/>
      <c r="AW4792" s="144"/>
    </row>
    <row r="4793" spans="7:49" x14ac:dyDescent="0.2">
      <c r="G4793" s="43"/>
      <c r="Z4793" s="143"/>
      <c r="AA4793" s="137"/>
      <c r="AB4793" s="137"/>
      <c r="AC4793" s="137"/>
      <c r="AD4793" s="137"/>
      <c r="AE4793" s="137"/>
      <c r="AF4793" s="137"/>
      <c r="AG4793" s="137"/>
      <c r="AH4793" s="137"/>
      <c r="AI4793" s="137"/>
      <c r="AJ4793" s="137"/>
      <c r="AK4793" s="137"/>
      <c r="AL4793" s="137"/>
      <c r="AM4793" s="137"/>
      <c r="AN4793" s="137"/>
      <c r="AO4793" s="137"/>
      <c r="AP4793" s="137"/>
      <c r="AQ4793" s="137"/>
      <c r="AR4793" s="137"/>
      <c r="AS4793" s="137"/>
      <c r="AT4793" s="137"/>
      <c r="AU4793" s="137"/>
      <c r="AV4793" s="137"/>
      <c r="AW4793" s="144"/>
    </row>
    <row r="4794" spans="7:49" x14ac:dyDescent="0.2">
      <c r="G4794" s="43"/>
      <c r="Z4794" s="143"/>
      <c r="AA4794" s="137"/>
      <c r="AB4794" s="137"/>
      <c r="AC4794" s="137"/>
      <c r="AD4794" s="137"/>
      <c r="AE4794" s="137"/>
      <c r="AF4794" s="137"/>
      <c r="AG4794" s="137"/>
      <c r="AH4794" s="137"/>
      <c r="AI4794" s="137"/>
      <c r="AJ4794" s="137"/>
      <c r="AK4794" s="137"/>
      <c r="AL4794" s="137"/>
      <c r="AM4794" s="137"/>
      <c r="AN4794" s="137"/>
      <c r="AO4794" s="137"/>
      <c r="AP4794" s="137"/>
      <c r="AQ4794" s="137"/>
      <c r="AR4794" s="137"/>
      <c r="AS4794" s="137"/>
      <c r="AT4794" s="137"/>
      <c r="AU4794" s="137"/>
      <c r="AV4794" s="137"/>
      <c r="AW4794" s="144"/>
    </row>
    <row r="4795" spans="7:49" x14ac:dyDescent="0.2">
      <c r="G4795" s="43"/>
      <c r="Z4795" s="143"/>
      <c r="AA4795" s="137"/>
      <c r="AB4795" s="137"/>
      <c r="AC4795" s="137"/>
      <c r="AD4795" s="137"/>
      <c r="AE4795" s="137"/>
      <c r="AF4795" s="137"/>
      <c r="AG4795" s="137"/>
      <c r="AH4795" s="137"/>
      <c r="AI4795" s="137"/>
      <c r="AJ4795" s="137"/>
      <c r="AK4795" s="137"/>
      <c r="AL4795" s="137"/>
      <c r="AM4795" s="137"/>
      <c r="AN4795" s="137"/>
      <c r="AO4795" s="137"/>
      <c r="AP4795" s="137"/>
      <c r="AQ4795" s="137"/>
      <c r="AR4795" s="137"/>
      <c r="AS4795" s="137"/>
      <c r="AT4795" s="137"/>
      <c r="AU4795" s="137"/>
      <c r="AV4795" s="137"/>
      <c r="AW4795" s="144"/>
    </row>
    <row r="4796" spans="7:49" x14ac:dyDescent="0.2">
      <c r="G4796" s="43"/>
      <c r="Z4796" s="143"/>
      <c r="AA4796" s="137"/>
      <c r="AB4796" s="137"/>
      <c r="AC4796" s="137"/>
      <c r="AD4796" s="137"/>
      <c r="AE4796" s="137"/>
      <c r="AF4796" s="137"/>
      <c r="AG4796" s="137"/>
      <c r="AH4796" s="137"/>
      <c r="AI4796" s="137"/>
      <c r="AJ4796" s="137"/>
      <c r="AK4796" s="137"/>
      <c r="AL4796" s="137"/>
      <c r="AM4796" s="137"/>
      <c r="AN4796" s="137"/>
      <c r="AO4796" s="137"/>
      <c r="AP4796" s="137"/>
      <c r="AQ4796" s="137"/>
      <c r="AR4796" s="137"/>
      <c r="AS4796" s="137"/>
      <c r="AT4796" s="137"/>
      <c r="AU4796" s="137"/>
      <c r="AV4796" s="137"/>
      <c r="AW4796" s="144"/>
    </row>
    <row r="4797" spans="7:49" x14ac:dyDescent="0.2">
      <c r="G4797" s="43"/>
      <c r="Z4797" s="143"/>
      <c r="AA4797" s="137"/>
      <c r="AB4797" s="137"/>
      <c r="AC4797" s="137"/>
      <c r="AD4797" s="137"/>
      <c r="AE4797" s="137"/>
      <c r="AF4797" s="137"/>
      <c r="AG4797" s="137"/>
      <c r="AH4797" s="137"/>
      <c r="AI4797" s="137"/>
      <c r="AJ4797" s="137"/>
      <c r="AK4797" s="137"/>
      <c r="AL4797" s="137"/>
      <c r="AM4797" s="137"/>
      <c r="AN4797" s="137"/>
      <c r="AO4797" s="137"/>
      <c r="AP4797" s="137"/>
      <c r="AQ4797" s="137"/>
      <c r="AR4797" s="137"/>
      <c r="AS4797" s="137"/>
      <c r="AT4797" s="137"/>
      <c r="AU4797" s="137"/>
      <c r="AV4797" s="137"/>
      <c r="AW4797" s="144"/>
    </row>
    <row r="4798" spans="7:49" x14ac:dyDescent="0.2">
      <c r="G4798" s="43"/>
      <c r="Z4798" s="143"/>
      <c r="AA4798" s="137"/>
      <c r="AB4798" s="137"/>
      <c r="AC4798" s="137"/>
      <c r="AD4798" s="137"/>
      <c r="AE4798" s="137"/>
      <c r="AF4798" s="137"/>
      <c r="AG4798" s="137"/>
      <c r="AH4798" s="137"/>
      <c r="AI4798" s="137"/>
      <c r="AJ4798" s="137"/>
      <c r="AK4798" s="137"/>
      <c r="AL4798" s="137"/>
      <c r="AM4798" s="137"/>
      <c r="AN4798" s="137"/>
      <c r="AO4798" s="137"/>
      <c r="AP4798" s="137"/>
      <c r="AQ4798" s="137"/>
      <c r="AR4798" s="137"/>
      <c r="AS4798" s="137"/>
      <c r="AT4798" s="137"/>
      <c r="AU4798" s="137"/>
      <c r="AV4798" s="137"/>
      <c r="AW4798" s="144"/>
    </row>
    <row r="4799" spans="7:49" x14ac:dyDescent="0.2">
      <c r="G4799" s="43"/>
      <c r="Z4799" s="143"/>
      <c r="AA4799" s="137"/>
      <c r="AB4799" s="137"/>
      <c r="AC4799" s="137"/>
      <c r="AD4799" s="137"/>
      <c r="AE4799" s="137"/>
      <c r="AF4799" s="137"/>
      <c r="AG4799" s="137"/>
      <c r="AH4799" s="137"/>
      <c r="AI4799" s="137"/>
      <c r="AJ4799" s="137"/>
      <c r="AK4799" s="137"/>
      <c r="AL4799" s="137"/>
      <c r="AM4799" s="137"/>
      <c r="AN4799" s="137"/>
      <c r="AO4799" s="137"/>
      <c r="AP4799" s="137"/>
      <c r="AQ4799" s="137"/>
      <c r="AR4799" s="137"/>
      <c r="AS4799" s="137"/>
      <c r="AT4799" s="137"/>
      <c r="AU4799" s="137"/>
      <c r="AV4799" s="137"/>
      <c r="AW4799" s="144"/>
    </row>
    <row r="4800" spans="7:49" x14ac:dyDescent="0.2">
      <c r="G4800" s="43"/>
      <c r="Z4800" s="143"/>
      <c r="AA4800" s="137"/>
      <c r="AB4800" s="137"/>
      <c r="AC4800" s="137"/>
      <c r="AD4800" s="137"/>
      <c r="AE4800" s="137"/>
      <c r="AF4800" s="137"/>
      <c r="AG4800" s="137"/>
      <c r="AH4800" s="137"/>
      <c r="AI4800" s="137"/>
      <c r="AJ4800" s="137"/>
      <c r="AK4800" s="137"/>
      <c r="AL4800" s="137"/>
      <c r="AM4800" s="137"/>
      <c r="AN4800" s="137"/>
      <c r="AO4800" s="137"/>
      <c r="AP4800" s="137"/>
      <c r="AQ4800" s="137"/>
      <c r="AR4800" s="137"/>
      <c r="AS4800" s="137"/>
      <c r="AT4800" s="137"/>
      <c r="AU4800" s="137"/>
      <c r="AV4800" s="137"/>
      <c r="AW4800" s="144"/>
    </row>
    <row r="4801" spans="7:49" x14ac:dyDescent="0.2">
      <c r="G4801" s="43"/>
      <c r="Z4801" s="143"/>
      <c r="AA4801" s="137"/>
      <c r="AB4801" s="137"/>
      <c r="AC4801" s="137"/>
      <c r="AD4801" s="137"/>
      <c r="AE4801" s="137"/>
      <c r="AF4801" s="137"/>
      <c r="AG4801" s="137"/>
      <c r="AH4801" s="137"/>
      <c r="AI4801" s="137"/>
      <c r="AJ4801" s="137"/>
      <c r="AK4801" s="137"/>
      <c r="AL4801" s="137"/>
      <c r="AM4801" s="137"/>
      <c r="AN4801" s="137"/>
      <c r="AO4801" s="137"/>
      <c r="AP4801" s="137"/>
      <c r="AQ4801" s="137"/>
      <c r="AR4801" s="137"/>
      <c r="AS4801" s="137"/>
      <c r="AT4801" s="137"/>
      <c r="AU4801" s="137"/>
      <c r="AV4801" s="137"/>
      <c r="AW4801" s="144"/>
    </row>
    <row r="4802" spans="7:49" x14ac:dyDescent="0.2">
      <c r="G4802" s="43"/>
      <c r="Z4802" s="143"/>
      <c r="AA4802" s="137"/>
      <c r="AB4802" s="137"/>
      <c r="AC4802" s="137"/>
      <c r="AD4802" s="137"/>
      <c r="AE4802" s="137"/>
      <c r="AF4802" s="137"/>
      <c r="AG4802" s="137"/>
      <c r="AH4802" s="137"/>
      <c r="AI4802" s="137"/>
      <c r="AJ4802" s="137"/>
      <c r="AK4802" s="137"/>
      <c r="AL4802" s="137"/>
      <c r="AM4802" s="137"/>
      <c r="AN4802" s="137"/>
      <c r="AO4802" s="137"/>
      <c r="AP4802" s="137"/>
      <c r="AQ4802" s="137"/>
      <c r="AR4802" s="137"/>
      <c r="AS4802" s="137"/>
      <c r="AT4802" s="137"/>
      <c r="AU4802" s="137"/>
      <c r="AV4802" s="137"/>
      <c r="AW4802" s="144"/>
    </row>
    <row r="4803" spans="7:49" x14ac:dyDescent="0.2">
      <c r="G4803" s="43"/>
      <c r="Z4803" s="143"/>
      <c r="AA4803" s="137"/>
      <c r="AB4803" s="137"/>
      <c r="AC4803" s="137"/>
      <c r="AD4803" s="137"/>
      <c r="AE4803" s="137"/>
      <c r="AF4803" s="137"/>
      <c r="AG4803" s="137"/>
      <c r="AH4803" s="137"/>
      <c r="AI4803" s="137"/>
      <c r="AJ4803" s="137"/>
      <c r="AK4803" s="137"/>
      <c r="AL4803" s="137"/>
      <c r="AM4803" s="137"/>
      <c r="AN4803" s="137"/>
      <c r="AO4803" s="137"/>
      <c r="AP4803" s="137"/>
      <c r="AQ4803" s="137"/>
      <c r="AR4803" s="137"/>
      <c r="AS4803" s="137"/>
      <c r="AT4803" s="137"/>
      <c r="AU4803" s="137"/>
      <c r="AV4803" s="137"/>
      <c r="AW4803" s="144"/>
    </row>
    <row r="4804" spans="7:49" x14ac:dyDescent="0.2">
      <c r="G4804" s="43"/>
      <c r="Z4804" s="143"/>
      <c r="AA4804" s="137"/>
      <c r="AB4804" s="137"/>
      <c r="AC4804" s="137"/>
      <c r="AD4804" s="137"/>
      <c r="AE4804" s="137"/>
      <c r="AF4804" s="137"/>
      <c r="AG4804" s="137"/>
      <c r="AH4804" s="137"/>
      <c r="AI4804" s="137"/>
      <c r="AJ4804" s="137"/>
      <c r="AK4804" s="137"/>
      <c r="AL4804" s="137"/>
      <c r="AM4804" s="137"/>
      <c r="AN4804" s="137"/>
      <c r="AO4804" s="137"/>
      <c r="AP4804" s="137"/>
      <c r="AQ4804" s="137"/>
      <c r="AR4804" s="137"/>
      <c r="AS4804" s="137"/>
      <c r="AT4804" s="137"/>
      <c r="AU4804" s="137"/>
      <c r="AV4804" s="137"/>
      <c r="AW4804" s="144"/>
    </row>
    <row r="4805" spans="7:49" x14ac:dyDescent="0.2">
      <c r="G4805" s="43"/>
      <c r="Z4805" s="143"/>
      <c r="AA4805" s="137"/>
      <c r="AB4805" s="137"/>
      <c r="AC4805" s="137"/>
      <c r="AD4805" s="137"/>
      <c r="AE4805" s="137"/>
      <c r="AF4805" s="137"/>
      <c r="AG4805" s="137"/>
      <c r="AH4805" s="137"/>
      <c r="AI4805" s="137"/>
      <c r="AJ4805" s="137"/>
      <c r="AK4805" s="137"/>
      <c r="AL4805" s="137"/>
      <c r="AM4805" s="137"/>
      <c r="AN4805" s="137"/>
      <c r="AO4805" s="137"/>
      <c r="AP4805" s="137"/>
      <c r="AQ4805" s="137"/>
      <c r="AR4805" s="137"/>
      <c r="AS4805" s="137"/>
      <c r="AT4805" s="137"/>
      <c r="AU4805" s="137"/>
      <c r="AV4805" s="137"/>
      <c r="AW4805" s="144"/>
    </row>
    <row r="4806" spans="7:49" x14ac:dyDescent="0.2">
      <c r="G4806" s="43"/>
      <c r="Z4806" s="143"/>
      <c r="AA4806" s="137"/>
      <c r="AB4806" s="137"/>
      <c r="AC4806" s="137"/>
      <c r="AD4806" s="137"/>
      <c r="AE4806" s="137"/>
      <c r="AF4806" s="137"/>
      <c r="AG4806" s="137"/>
      <c r="AH4806" s="137"/>
      <c r="AI4806" s="137"/>
      <c r="AJ4806" s="137"/>
      <c r="AK4806" s="137"/>
      <c r="AL4806" s="137"/>
      <c r="AM4806" s="137"/>
      <c r="AN4806" s="137"/>
      <c r="AO4806" s="137"/>
      <c r="AP4806" s="137"/>
      <c r="AQ4806" s="137"/>
      <c r="AR4806" s="137"/>
      <c r="AS4806" s="137"/>
      <c r="AT4806" s="137"/>
      <c r="AU4806" s="137"/>
      <c r="AV4806" s="137"/>
      <c r="AW4806" s="144"/>
    </row>
    <row r="4807" spans="7:49" x14ac:dyDescent="0.2">
      <c r="G4807" s="43"/>
      <c r="Z4807" s="143"/>
      <c r="AA4807" s="137"/>
      <c r="AB4807" s="137"/>
      <c r="AC4807" s="137"/>
      <c r="AD4807" s="137"/>
      <c r="AE4807" s="137"/>
      <c r="AF4807" s="137"/>
      <c r="AG4807" s="137"/>
      <c r="AH4807" s="137"/>
      <c r="AI4807" s="137"/>
      <c r="AJ4807" s="137"/>
      <c r="AK4807" s="137"/>
      <c r="AL4807" s="137"/>
      <c r="AM4807" s="137"/>
      <c r="AN4807" s="137"/>
      <c r="AO4807" s="137"/>
      <c r="AP4807" s="137"/>
      <c r="AQ4807" s="137"/>
      <c r="AR4807" s="137"/>
      <c r="AS4807" s="137"/>
      <c r="AT4807" s="137"/>
      <c r="AU4807" s="137"/>
      <c r="AV4807" s="137"/>
      <c r="AW4807" s="144"/>
    </row>
    <row r="4808" spans="7:49" x14ac:dyDescent="0.2">
      <c r="G4808" s="43"/>
      <c r="Z4808" s="143"/>
      <c r="AA4808" s="137"/>
      <c r="AB4808" s="137"/>
      <c r="AC4808" s="137"/>
      <c r="AD4808" s="137"/>
      <c r="AE4808" s="137"/>
      <c r="AF4808" s="137"/>
      <c r="AG4808" s="137"/>
      <c r="AH4808" s="137"/>
      <c r="AI4808" s="137"/>
      <c r="AJ4808" s="137"/>
      <c r="AK4808" s="137"/>
      <c r="AL4808" s="137"/>
      <c r="AM4808" s="137"/>
      <c r="AN4808" s="137"/>
      <c r="AO4808" s="137"/>
      <c r="AP4808" s="137"/>
      <c r="AQ4808" s="137"/>
      <c r="AR4808" s="137"/>
      <c r="AS4808" s="137"/>
      <c r="AT4808" s="137"/>
      <c r="AU4808" s="137"/>
      <c r="AV4808" s="137"/>
      <c r="AW4808" s="144"/>
    </row>
    <row r="4809" spans="7:49" x14ac:dyDescent="0.2">
      <c r="G4809" s="43"/>
      <c r="Z4809" s="143"/>
      <c r="AA4809" s="137"/>
      <c r="AB4809" s="137"/>
      <c r="AC4809" s="137"/>
      <c r="AD4809" s="137"/>
      <c r="AE4809" s="137"/>
      <c r="AF4809" s="137"/>
      <c r="AG4809" s="137"/>
      <c r="AH4809" s="137"/>
      <c r="AI4809" s="137"/>
      <c r="AJ4809" s="137"/>
      <c r="AK4809" s="137"/>
      <c r="AL4809" s="137"/>
      <c r="AM4809" s="137"/>
      <c r="AN4809" s="137"/>
      <c r="AO4809" s="137"/>
      <c r="AP4809" s="137"/>
      <c r="AQ4809" s="137"/>
      <c r="AR4809" s="137"/>
      <c r="AS4809" s="137"/>
      <c r="AT4809" s="137"/>
      <c r="AU4809" s="137"/>
      <c r="AV4809" s="137"/>
      <c r="AW4809" s="144"/>
    </row>
    <row r="4810" spans="7:49" x14ac:dyDescent="0.2">
      <c r="G4810" s="43"/>
      <c r="Z4810" s="143"/>
      <c r="AA4810" s="137"/>
      <c r="AB4810" s="137"/>
      <c r="AC4810" s="137"/>
      <c r="AD4810" s="137"/>
      <c r="AE4810" s="137"/>
      <c r="AF4810" s="137"/>
      <c r="AG4810" s="137"/>
      <c r="AH4810" s="137"/>
      <c r="AI4810" s="137"/>
      <c r="AJ4810" s="137"/>
      <c r="AK4810" s="137"/>
      <c r="AL4810" s="137"/>
      <c r="AM4810" s="137"/>
      <c r="AN4810" s="137"/>
      <c r="AO4810" s="137"/>
      <c r="AP4810" s="137"/>
      <c r="AQ4810" s="137"/>
      <c r="AR4810" s="137"/>
      <c r="AS4810" s="137"/>
      <c r="AT4810" s="137"/>
      <c r="AU4810" s="137"/>
      <c r="AV4810" s="137"/>
      <c r="AW4810" s="144"/>
    </row>
    <row r="4811" spans="7:49" x14ac:dyDescent="0.2">
      <c r="G4811" s="43"/>
      <c r="Z4811" s="143"/>
      <c r="AA4811" s="137"/>
      <c r="AB4811" s="137"/>
      <c r="AC4811" s="137"/>
      <c r="AD4811" s="137"/>
      <c r="AE4811" s="137"/>
      <c r="AF4811" s="137"/>
      <c r="AG4811" s="137"/>
      <c r="AH4811" s="137"/>
      <c r="AI4811" s="137"/>
      <c r="AJ4811" s="137"/>
      <c r="AK4811" s="137"/>
      <c r="AL4811" s="137"/>
      <c r="AM4811" s="137"/>
      <c r="AN4811" s="137"/>
      <c r="AO4811" s="137"/>
      <c r="AP4811" s="137"/>
      <c r="AQ4811" s="137"/>
      <c r="AR4811" s="137"/>
      <c r="AS4811" s="137"/>
      <c r="AT4811" s="137"/>
      <c r="AU4811" s="137"/>
      <c r="AV4811" s="137"/>
      <c r="AW4811" s="144"/>
    </row>
    <row r="4812" spans="7:49" x14ac:dyDescent="0.2">
      <c r="G4812" s="43"/>
      <c r="Z4812" s="143"/>
      <c r="AA4812" s="137"/>
      <c r="AB4812" s="137"/>
      <c r="AC4812" s="137"/>
      <c r="AD4812" s="137"/>
      <c r="AE4812" s="137"/>
      <c r="AF4812" s="137"/>
      <c r="AG4812" s="137"/>
      <c r="AH4812" s="137"/>
      <c r="AI4812" s="137"/>
      <c r="AJ4812" s="137"/>
      <c r="AK4812" s="137"/>
      <c r="AL4812" s="137"/>
      <c r="AM4812" s="137"/>
      <c r="AN4812" s="137"/>
      <c r="AO4812" s="137"/>
      <c r="AP4812" s="137"/>
      <c r="AQ4812" s="137"/>
      <c r="AR4812" s="137"/>
      <c r="AS4812" s="137"/>
      <c r="AT4812" s="137"/>
      <c r="AU4812" s="137"/>
      <c r="AV4812" s="137"/>
      <c r="AW4812" s="144"/>
    </row>
    <row r="4813" spans="7:49" x14ac:dyDescent="0.2">
      <c r="G4813" s="43"/>
      <c r="Z4813" s="143"/>
      <c r="AA4813" s="137"/>
      <c r="AB4813" s="137"/>
      <c r="AC4813" s="137"/>
      <c r="AD4813" s="137"/>
      <c r="AE4813" s="137"/>
      <c r="AF4813" s="137"/>
      <c r="AG4813" s="137"/>
      <c r="AH4813" s="137"/>
      <c r="AI4813" s="137"/>
      <c r="AJ4813" s="137"/>
      <c r="AK4813" s="137"/>
      <c r="AL4813" s="137"/>
      <c r="AM4813" s="137"/>
      <c r="AN4813" s="137"/>
      <c r="AO4813" s="137"/>
      <c r="AP4813" s="137"/>
      <c r="AQ4813" s="137"/>
      <c r="AR4813" s="137"/>
      <c r="AS4813" s="137"/>
      <c r="AT4813" s="137"/>
      <c r="AU4813" s="137"/>
      <c r="AV4813" s="137"/>
      <c r="AW4813" s="144"/>
    </row>
    <row r="4814" spans="7:49" x14ac:dyDescent="0.2">
      <c r="G4814" s="43"/>
      <c r="Z4814" s="143"/>
      <c r="AA4814" s="137"/>
      <c r="AB4814" s="137"/>
      <c r="AC4814" s="137"/>
      <c r="AD4814" s="137"/>
      <c r="AE4814" s="137"/>
      <c r="AF4814" s="137"/>
      <c r="AG4814" s="137"/>
      <c r="AH4814" s="137"/>
      <c r="AI4814" s="137"/>
      <c r="AJ4814" s="137"/>
      <c r="AK4814" s="137"/>
      <c r="AL4814" s="137"/>
      <c r="AM4814" s="137"/>
      <c r="AN4814" s="137"/>
      <c r="AO4814" s="137"/>
      <c r="AP4814" s="137"/>
      <c r="AQ4814" s="137"/>
      <c r="AR4814" s="137"/>
      <c r="AS4814" s="137"/>
      <c r="AT4814" s="137"/>
      <c r="AU4814" s="137"/>
      <c r="AV4814" s="137"/>
      <c r="AW4814" s="144"/>
    </row>
    <row r="4815" spans="7:49" x14ac:dyDescent="0.2">
      <c r="G4815" s="43"/>
      <c r="Z4815" s="143"/>
      <c r="AA4815" s="137"/>
      <c r="AB4815" s="137"/>
      <c r="AC4815" s="137"/>
      <c r="AD4815" s="137"/>
      <c r="AE4815" s="137"/>
      <c r="AF4815" s="137"/>
      <c r="AG4815" s="137"/>
      <c r="AH4815" s="137"/>
      <c r="AI4815" s="137"/>
      <c r="AJ4815" s="137"/>
      <c r="AK4815" s="137"/>
      <c r="AL4815" s="137"/>
      <c r="AM4815" s="137"/>
      <c r="AN4815" s="137"/>
      <c r="AO4815" s="137"/>
      <c r="AP4815" s="137"/>
      <c r="AQ4815" s="137"/>
      <c r="AR4815" s="137"/>
      <c r="AS4815" s="137"/>
      <c r="AT4815" s="137"/>
      <c r="AU4815" s="137"/>
      <c r="AV4815" s="137"/>
      <c r="AW4815" s="144"/>
    </row>
    <row r="4816" spans="7:49" x14ac:dyDescent="0.2">
      <c r="G4816" s="43"/>
      <c r="Z4816" s="143"/>
      <c r="AA4816" s="137"/>
      <c r="AB4816" s="137"/>
      <c r="AC4816" s="137"/>
      <c r="AD4816" s="137"/>
      <c r="AE4816" s="137"/>
      <c r="AF4816" s="137"/>
      <c r="AG4816" s="137"/>
      <c r="AH4816" s="137"/>
      <c r="AI4816" s="137"/>
      <c r="AJ4816" s="137"/>
      <c r="AK4816" s="137"/>
      <c r="AL4816" s="137"/>
      <c r="AM4816" s="137"/>
      <c r="AN4816" s="137"/>
      <c r="AO4816" s="137"/>
      <c r="AP4816" s="137"/>
      <c r="AQ4816" s="137"/>
      <c r="AR4816" s="137"/>
      <c r="AS4816" s="137"/>
      <c r="AT4816" s="137"/>
      <c r="AU4816" s="137"/>
      <c r="AV4816" s="137"/>
      <c r="AW4816" s="144"/>
    </row>
    <row r="4817" spans="7:49" x14ac:dyDescent="0.2">
      <c r="G4817" s="43"/>
      <c r="Z4817" s="143"/>
      <c r="AA4817" s="137"/>
      <c r="AB4817" s="137"/>
      <c r="AC4817" s="137"/>
      <c r="AD4817" s="137"/>
      <c r="AE4817" s="137"/>
      <c r="AF4817" s="137"/>
      <c r="AG4817" s="137"/>
      <c r="AH4817" s="137"/>
      <c r="AI4817" s="137"/>
      <c r="AJ4817" s="137"/>
      <c r="AK4817" s="137"/>
      <c r="AL4817" s="137"/>
      <c r="AM4817" s="137"/>
      <c r="AN4817" s="137"/>
      <c r="AO4817" s="137"/>
      <c r="AP4817" s="137"/>
      <c r="AQ4817" s="137"/>
      <c r="AR4817" s="137"/>
      <c r="AS4817" s="137"/>
      <c r="AT4817" s="137"/>
      <c r="AU4817" s="137"/>
      <c r="AV4817" s="137"/>
      <c r="AW4817" s="144"/>
    </row>
    <row r="4818" spans="7:49" x14ac:dyDescent="0.2">
      <c r="G4818" s="43"/>
      <c r="Z4818" s="143"/>
      <c r="AA4818" s="137"/>
      <c r="AB4818" s="137"/>
      <c r="AC4818" s="137"/>
      <c r="AD4818" s="137"/>
      <c r="AE4818" s="137"/>
      <c r="AF4818" s="137"/>
      <c r="AG4818" s="137"/>
      <c r="AH4818" s="137"/>
      <c r="AI4818" s="137"/>
      <c r="AJ4818" s="137"/>
      <c r="AK4818" s="137"/>
      <c r="AL4818" s="137"/>
      <c r="AM4818" s="137"/>
      <c r="AN4818" s="137"/>
      <c r="AO4818" s="137"/>
      <c r="AP4818" s="137"/>
      <c r="AQ4818" s="137"/>
      <c r="AR4818" s="137"/>
      <c r="AS4818" s="137"/>
      <c r="AT4818" s="137"/>
      <c r="AU4818" s="137"/>
      <c r="AV4818" s="137"/>
      <c r="AW4818" s="144"/>
    </row>
    <row r="4819" spans="7:49" x14ac:dyDescent="0.2">
      <c r="G4819" s="43"/>
      <c r="Z4819" s="143"/>
      <c r="AA4819" s="137"/>
      <c r="AB4819" s="137"/>
      <c r="AC4819" s="137"/>
      <c r="AD4819" s="137"/>
      <c r="AE4819" s="137"/>
      <c r="AF4819" s="137"/>
      <c r="AG4819" s="137"/>
      <c r="AH4819" s="137"/>
      <c r="AI4819" s="137"/>
      <c r="AJ4819" s="137"/>
      <c r="AK4819" s="137"/>
      <c r="AL4819" s="137"/>
      <c r="AM4819" s="137"/>
      <c r="AN4819" s="137"/>
      <c r="AO4819" s="137"/>
      <c r="AP4819" s="137"/>
      <c r="AQ4819" s="137"/>
      <c r="AR4819" s="137"/>
      <c r="AS4819" s="137"/>
      <c r="AT4819" s="137"/>
      <c r="AU4819" s="137"/>
      <c r="AV4819" s="137"/>
      <c r="AW4819" s="144"/>
    </row>
    <row r="4820" spans="7:49" x14ac:dyDescent="0.2">
      <c r="G4820" s="43"/>
      <c r="Z4820" s="143"/>
      <c r="AA4820" s="137"/>
      <c r="AB4820" s="137"/>
      <c r="AC4820" s="137"/>
      <c r="AD4820" s="137"/>
      <c r="AE4820" s="137"/>
      <c r="AF4820" s="137"/>
      <c r="AG4820" s="137"/>
      <c r="AH4820" s="137"/>
      <c r="AI4820" s="137"/>
      <c r="AJ4820" s="137"/>
      <c r="AK4820" s="137"/>
      <c r="AL4820" s="137"/>
      <c r="AM4820" s="137"/>
      <c r="AN4820" s="137"/>
      <c r="AO4820" s="137"/>
      <c r="AP4820" s="137"/>
      <c r="AQ4820" s="137"/>
      <c r="AR4820" s="137"/>
      <c r="AS4820" s="137"/>
      <c r="AT4820" s="137"/>
      <c r="AU4820" s="137"/>
      <c r="AV4820" s="137"/>
      <c r="AW4820" s="144"/>
    </row>
    <row r="4821" spans="7:49" x14ac:dyDescent="0.2">
      <c r="G4821" s="43"/>
      <c r="Z4821" s="143"/>
      <c r="AA4821" s="137"/>
      <c r="AB4821" s="137"/>
      <c r="AC4821" s="137"/>
      <c r="AD4821" s="137"/>
      <c r="AE4821" s="137"/>
      <c r="AF4821" s="137"/>
      <c r="AG4821" s="137"/>
      <c r="AH4821" s="137"/>
      <c r="AI4821" s="137"/>
      <c r="AJ4821" s="137"/>
      <c r="AK4821" s="137"/>
      <c r="AL4821" s="137"/>
      <c r="AM4821" s="137"/>
      <c r="AN4821" s="137"/>
      <c r="AO4821" s="137"/>
      <c r="AP4821" s="137"/>
      <c r="AQ4821" s="137"/>
      <c r="AR4821" s="137"/>
      <c r="AS4821" s="137"/>
      <c r="AT4821" s="137"/>
      <c r="AU4821" s="137"/>
      <c r="AV4821" s="137"/>
      <c r="AW4821" s="144"/>
    </row>
    <row r="4822" spans="7:49" x14ac:dyDescent="0.2">
      <c r="G4822" s="43"/>
      <c r="Z4822" s="143"/>
      <c r="AA4822" s="137"/>
      <c r="AB4822" s="137"/>
      <c r="AC4822" s="137"/>
      <c r="AD4822" s="137"/>
      <c r="AE4822" s="137"/>
      <c r="AF4822" s="137"/>
      <c r="AG4822" s="137"/>
      <c r="AH4822" s="137"/>
      <c r="AI4822" s="137"/>
      <c r="AJ4822" s="137"/>
      <c r="AK4822" s="137"/>
      <c r="AL4822" s="137"/>
      <c r="AM4822" s="137"/>
      <c r="AN4822" s="137"/>
      <c r="AO4822" s="137"/>
      <c r="AP4822" s="137"/>
      <c r="AQ4822" s="137"/>
      <c r="AR4822" s="137"/>
      <c r="AS4822" s="137"/>
      <c r="AT4822" s="137"/>
      <c r="AU4822" s="137"/>
      <c r="AV4822" s="137"/>
      <c r="AW4822" s="144"/>
    </row>
    <row r="4823" spans="7:49" x14ac:dyDescent="0.2">
      <c r="G4823" s="43"/>
      <c r="Z4823" s="143"/>
      <c r="AA4823" s="137"/>
      <c r="AB4823" s="137"/>
      <c r="AC4823" s="137"/>
      <c r="AD4823" s="137"/>
      <c r="AE4823" s="137"/>
      <c r="AF4823" s="137"/>
      <c r="AG4823" s="137"/>
      <c r="AH4823" s="137"/>
      <c r="AI4823" s="137"/>
      <c r="AJ4823" s="137"/>
      <c r="AK4823" s="137"/>
      <c r="AL4823" s="137"/>
      <c r="AM4823" s="137"/>
      <c r="AN4823" s="137"/>
      <c r="AO4823" s="137"/>
      <c r="AP4823" s="137"/>
      <c r="AQ4823" s="137"/>
      <c r="AR4823" s="137"/>
      <c r="AS4823" s="137"/>
      <c r="AT4823" s="137"/>
      <c r="AU4823" s="137"/>
      <c r="AV4823" s="137"/>
      <c r="AW4823" s="144"/>
    </row>
    <row r="4824" spans="7:49" x14ac:dyDescent="0.2">
      <c r="G4824" s="43"/>
      <c r="Z4824" s="143"/>
      <c r="AA4824" s="137"/>
      <c r="AB4824" s="137"/>
      <c r="AC4824" s="137"/>
      <c r="AD4824" s="137"/>
      <c r="AE4824" s="137"/>
      <c r="AF4824" s="137"/>
      <c r="AG4824" s="137"/>
      <c r="AH4824" s="137"/>
      <c r="AI4824" s="137"/>
      <c r="AJ4824" s="137"/>
      <c r="AK4824" s="137"/>
      <c r="AL4824" s="137"/>
      <c r="AM4824" s="137"/>
      <c r="AN4824" s="137"/>
      <c r="AO4824" s="137"/>
      <c r="AP4824" s="137"/>
      <c r="AQ4824" s="137"/>
      <c r="AR4824" s="137"/>
      <c r="AS4824" s="137"/>
      <c r="AT4824" s="137"/>
      <c r="AU4824" s="137"/>
      <c r="AV4824" s="137"/>
      <c r="AW4824" s="144"/>
    </row>
    <row r="4825" spans="7:49" x14ac:dyDescent="0.2">
      <c r="G4825" s="43"/>
      <c r="Z4825" s="143"/>
      <c r="AA4825" s="137"/>
      <c r="AB4825" s="137"/>
      <c r="AC4825" s="137"/>
      <c r="AD4825" s="137"/>
      <c r="AE4825" s="137"/>
      <c r="AF4825" s="137"/>
      <c r="AG4825" s="137"/>
      <c r="AH4825" s="137"/>
      <c r="AI4825" s="137"/>
      <c r="AJ4825" s="137"/>
      <c r="AK4825" s="137"/>
      <c r="AL4825" s="137"/>
      <c r="AM4825" s="137"/>
      <c r="AN4825" s="137"/>
      <c r="AO4825" s="137"/>
      <c r="AP4825" s="137"/>
      <c r="AQ4825" s="137"/>
      <c r="AR4825" s="137"/>
      <c r="AS4825" s="137"/>
      <c r="AT4825" s="137"/>
      <c r="AU4825" s="137"/>
      <c r="AV4825" s="137"/>
      <c r="AW4825" s="144"/>
    </row>
    <row r="4826" spans="7:49" x14ac:dyDescent="0.2">
      <c r="G4826" s="43"/>
      <c r="Z4826" s="143"/>
      <c r="AA4826" s="137"/>
      <c r="AB4826" s="137"/>
      <c r="AC4826" s="137"/>
      <c r="AD4826" s="137"/>
      <c r="AE4826" s="137"/>
      <c r="AF4826" s="137"/>
      <c r="AG4826" s="137"/>
      <c r="AH4826" s="137"/>
      <c r="AI4826" s="137"/>
      <c r="AJ4826" s="137"/>
      <c r="AK4826" s="137"/>
      <c r="AL4826" s="137"/>
      <c r="AM4826" s="137"/>
      <c r="AN4826" s="137"/>
      <c r="AO4826" s="137"/>
      <c r="AP4826" s="137"/>
      <c r="AQ4826" s="137"/>
      <c r="AR4826" s="137"/>
      <c r="AS4826" s="137"/>
      <c r="AT4826" s="137"/>
      <c r="AU4826" s="137"/>
      <c r="AV4826" s="137"/>
      <c r="AW4826" s="144"/>
    </row>
    <row r="4827" spans="7:49" x14ac:dyDescent="0.2">
      <c r="G4827" s="43"/>
      <c r="Z4827" s="143"/>
      <c r="AA4827" s="137"/>
      <c r="AB4827" s="137"/>
      <c r="AC4827" s="137"/>
      <c r="AD4827" s="137"/>
      <c r="AE4827" s="137"/>
      <c r="AF4827" s="137"/>
      <c r="AG4827" s="137"/>
      <c r="AH4827" s="137"/>
      <c r="AI4827" s="137"/>
      <c r="AJ4827" s="137"/>
      <c r="AK4827" s="137"/>
      <c r="AL4827" s="137"/>
      <c r="AM4827" s="137"/>
      <c r="AN4827" s="137"/>
      <c r="AO4827" s="137"/>
      <c r="AP4827" s="137"/>
      <c r="AQ4827" s="137"/>
      <c r="AR4827" s="137"/>
      <c r="AS4827" s="137"/>
      <c r="AT4827" s="137"/>
      <c r="AU4827" s="137"/>
      <c r="AV4827" s="137"/>
      <c r="AW4827" s="144"/>
    </row>
    <row r="4828" spans="7:49" x14ac:dyDescent="0.2">
      <c r="G4828" s="43"/>
      <c r="Z4828" s="143"/>
      <c r="AA4828" s="137"/>
      <c r="AB4828" s="137"/>
      <c r="AC4828" s="137"/>
      <c r="AD4828" s="137"/>
      <c r="AE4828" s="137"/>
      <c r="AF4828" s="137"/>
      <c r="AG4828" s="137"/>
      <c r="AH4828" s="137"/>
      <c r="AI4828" s="137"/>
      <c r="AJ4828" s="137"/>
      <c r="AK4828" s="137"/>
      <c r="AL4828" s="137"/>
      <c r="AM4828" s="137"/>
      <c r="AN4828" s="137"/>
      <c r="AO4828" s="137"/>
      <c r="AP4828" s="137"/>
      <c r="AQ4828" s="137"/>
      <c r="AR4828" s="137"/>
      <c r="AS4828" s="137"/>
      <c r="AT4828" s="137"/>
      <c r="AU4828" s="137"/>
      <c r="AV4828" s="137"/>
      <c r="AW4828" s="144"/>
    </row>
    <row r="4829" spans="7:49" x14ac:dyDescent="0.2">
      <c r="G4829" s="43"/>
      <c r="Z4829" s="143"/>
      <c r="AA4829" s="137"/>
      <c r="AB4829" s="137"/>
      <c r="AC4829" s="137"/>
      <c r="AD4829" s="137"/>
      <c r="AE4829" s="137"/>
      <c r="AF4829" s="137"/>
      <c r="AG4829" s="137"/>
      <c r="AH4829" s="137"/>
      <c r="AI4829" s="137"/>
      <c r="AJ4829" s="137"/>
      <c r="AK4829" s="137"/>
      <c r="AL4829" s="137"/>
      <c r="AM4829" s="137"/>
      <c r="AN4829" s="137"/>
      <c r="AO4829" s="137"/>
      <c r="AP4829" s="137"/>
      <c r="AQ4829" s="137"/>
      <c r="AR4829" s="137"/>
      <c r="AS4829" s="137"/>
      <c r="AT4829" s="137"/>
      <c r="AU4829" s="137"/>
      <c r="AV4829" s="137"/>
      <c r="AW4829" s="144"/>
    </row>
    <row r="4830" spans="7:49" x14ac:dyDescent="0.2">
      <c r="G4830" s="43"/>
      <c r="Z4830" s="143"/>
      <c r="AA4830" s="137"/>
      <c r="AB4830" s="137"/>
      <c r="AC4830" s="137"/>
      <c r="AD4830" s="137"/>
      <c r="AE4830" s="137"/>
      <c r="AF4830" s="137"/>
      <c r="AG4830" s="137"/>
      <c r="AH4830" s="137"/>
      <c r="AI4830" s="137"/>
      <c r="AJ4830" s="137"/>
      <c r="AK4830" s="137"/>
      <c r="AL4830" s="137"/>
      <c r="AM4830" s="137"/>
      <c r="AN4830" s="137"/>
      <c r="AO4830" s="137"/>
      <c r="AP4830" s="137"/>
      <c r="AQ4830" s="137"/>
      <c r="AR4830" s="137"/>
      <c r="AS4830" s="137"/>
      <c r="AT4830" s="137"/>
      <c r="AU4830" s="137"/>
      <c r="AV4830" s="137"/>
      <c r="AW4830" s="144"/>
    </row>
    <row r="4831" spans="7:49" x14ac:dyDescent="0.2">
      <c r="G4831" s="43"/>
      <c r="Z4831" s="143"/>
      <c r="AA4831" s="137"/>
      <c r="AB4831" s="137"/>
      <c r="AC4831" s="137"/>
      <c r="AD4831" s="137"/>
      <c r="AE4831" s="137"/>
      <c r="AF4831" s="137"/>
      <c r="AG4831" s="137"/>
      <c r="AH4831" s="137"/>
      <c r="AI4831" s="137"/>
      <c r="AJ4831" s="137"/>
      <c r="AK4831" s="137"/>
      <c r="AL4831" s="137"/>
      <c r="AM4831" s="137"/>
      <c r="AN4831" s="137"/>
      <c r="AO4831" s="137"/>
      <c r="AP4831" s="137"/>
      <c r="AQ4831" s="137"/>
      <c r="AR4831" s="137"/>
      <c r="AS4831" s="137"/>
      <c r="AT4831" s="137"/>
      <c r="AU4831" s="137"/>
      <c r="AV4831" s="137"/>
      <c r="AW4831" s="144"/>
    </row>
    <row r="4832" spans="7:49" x14ac:dyDescent="0.2">
      <c r="G4832" s="43"/>
      <c r="Z4832" s="143"/>
      <c r="AA4832" s="137"/>
      <c r="AB4832" s="137"/>
      <c r="AC4832" s="137"/>
      <c r="AD4832" s="137"/>
      <c r="AE4832" s="137"/>
      <c r="AF4832" s="137"/>
      <c r="AG4832" s="137"/>
      <c r="AH4832" s="137"/>
      <c r="AI4832" s="137"/>
      <c r="AJ4832" s="137"/>
      <c r="AK4832" s="137"/>
      <c r="AL4832" s="137"/>
      <c r="AM4832" s="137"/>
      <c r="AN4832" s="137"/>
      <c r="AO4832" s="137"/>
      <c r="AP4832" s="137"/>
      <c r="AQ4832" s="137"/>
      <c r="AR4832" s="137"/>
      <c r="AS4832" s="137"/>
      <c r="AT4832" s="137"/>
      <c r="AU4832" s="137"/>
      <c r="AV4832" s="137"/>
      <c r="AW4832" s="144"/>
    </row>
    <row r="4833" spans="7:49" x14ac:dyDescent="0.2">
      <c r="G4833" s="43"/>
      <c r="Z4833" s="143"/>
      <c r="AA4833" s="137"/>
      <c r="AB4833" s="137"/>
      <c r="AC4833" s="137"/>
      <c r="AD4833" s="137"/>
      <c r="AE4833" s="137"/>
      <c r="AF4833" s="137"/>
      <c r="AG4833" s="137"/>
      <c r="AH4833" s="137"/>
      <c r="AI4833" s="137"/>
      <c r="AJ4833" s="137"/>
      <c r="AK4833" s="137"/>
      <c r="AL4833" s="137"/>
      <c r="AM4833" s="137"/>
      <c r="AN4833" s="137"/>
      <c r="AO4833" s="137"/>
      <c r="AP4833" s="137"/>
      <c r="AQ4833" s="137"/>
      <c r="AR4833" s="137"/>
      <c r="AS4833" s="137"/>
      <c r="AT4833" s="137"/>
      <c r="AU4833" s="137"/>
      <c r="AV4833" s="137"/>
      <c r="AW4833" s="144"/>
    </row>
    <row r="4834" spans="7:49" x14ac:dyDescent="0.2">
      <c r="G4834" s="43"/>
      <c r="Z4834" s="143"/>
      <c r="AA4834" s="137"/>
      <c r="AB4834" s="137"/>
      <c r="AC4834" s="137"/>
      <c r="AD4834" s="137"/>
      <c r="AE4834" s="137"/>
      <c r="AF4834" s="137"/>
      <c r="AG4834" s="137"/>
      <c r="AH4834" s="137"/>
      <c r="AI4834" s="137"/>
      <c r="AJ4834" s="137"/>
      <c r="AK4834" s="137"/>
      <c r="AL4834" s="137"/>
      <c r="AM4834" s="137"/>
      <c r="AN4834" s="137"/>
      <c r="AO4834" s="137"/>
      <c r="AP4834" s="137"/>
      <c r="AQ4834" s="137"/>
      <c r="AR4834" s="137"/>
      <c r="AS4834" s="137"/>
      <c r="AT4834" s="137"/>
      <c r="AU4834" s="137"/>
      <c r="AV4834" s="137"/>
      <c r="AW4834" s="144"/>
    </row>
    <row r="4835" spans="7:49" x14ac:dyDescent="0.2">
      <c r="G4835" s="43"/>
      <c r="Z4835" s="143"/>
      <c r="AA4835" s="137"/>
      <c r="AB4835" s="137"/>
      <c r="AC4835" s="137"/>
      <c r="AD4835" s="137"/>
      <c r="AE4835" s="137"/>
      <c r="AF4835" s="137"/>
      <c r="AG4835" s="137"/>
      <c r="AH4835" s="137"/>
      <c r="AI4835" s="137"/>
      <c r="AJ4835" s="137"/>
      <c r="AK4835" s="137"/>
      <c r="AL4835" s="137"/>
      <c r="AM4835" s="137"/>
      <c r="AN4835" s="137"/>
      <c r="AO4835" s="137"/>
      <c r="AP4835" s="137"/>
      <c r="AQ4835" s="137"/>
      <c r="AR4835" s="137"/>
      <c r="AS4835" s="137"/>
      <c r="AT4835" s="137"/>
      <c r="AU4835" s="137"/>
      <c r="AV4835" s="137"/>
      <c r="AW4835" s="144"/>
    </row>
    <row r="4836" spans="7:49" x14ac:dyDescent="0.2">
      <c r="G4836" s="43"/>
      <c r="Z4836" s="143"/>
      <c r="AA4836" s="137"/>
      <c r="AB4836" s="137"/>
      <c r="AC4836" s="137"/>
      <c r="AD4836" s="137"/>
      <c r="AE4836" s="137"/>
      <c r="AF4836" s="137"/>
      <c r="AG4836" s="137"/>
      <c r="AH4836" s="137"/>
      <c r="AI4836" s="137"/>
      <c r="AJ4836" s="137"/>
      <c r="AK4836" s="137"/>
      <c r="AL4836" s="137"/>
      <c r="AM4836" s="137"/>
      <c r="AN4836" s="137"/>
      <c r="AO4836" s="137"/>
      <c r="AP4836" s="137"/>
      <c r="AQ4836" s="137"/>
      <c r="AR4836" s="137"/>
      <c r="AS4836" s="137"/>
      <c r="AT4836" s="137"/>
      <c r="AU4836" s="137"/>
      <c r="AV4836" s="137"/>
      <c r="AW4836" s="144"/>
    </row>
    <row r="4837" spans="7:49" x14ac:dyDescent="0.2">
      <c r="G4837" s="43"/>
      <c r="Z4837" s="143"/>
      <c r="AA4837" s="137"/>
      <c r="AB4837" s="137"/>
      <c r="AC4837" s="137"/>
      <c r="AD4837" s="137"/>
      <c r="AE4837" s="137"/>
      <c r="AF4837" s="137"/>
      <c r="AG4837" s="137"/>
      <c r="AH4837" s="137"/>
      <c r="AI4837" s="137"/>
      <c r="AJ4837" s="137"/>
      <c r="AK4837" s="137"/>
      <c r="AL4837" s="137"/>
      <c r="AM4837" s="137"/>
      <c r="AN4837" s="137"/>
      <c r="AO4837" s="137"/>
      <c r="AP4837" s="137"/>
      <c r="AQ4837" s="137"/>
      <c r="AR4837" s="137"/>
      <c r="AS4837" s="137"/>
      <c r="AT4837" s="137"/>
      <c r="AU4837" s="137"/>
      <c r="AV4837" s="137"/>
      <c r="AW4837" s="144"/>
    </row>
    <row r="4838" spans="7:49" x14ac:dyDescent="0.2">
      <c r="G4838" s="43"/>
      <c r="Z4838" s="143"/>
      <c r="AA4838" s="137"/>
      <c r="AB4838" s="137"/>
      <c r="AC4838" s="137"/>
      <c r="AD4838" s="137"/>
      <c r="AE4838" s="137"/>
      <c r="AF4838" s="137"/>
      <c r="AG4838" s="137"/>
      <c r="AH4838" s="137"/>
      <c r="AI4838" s="137"/>
      <c r="AJ4838" s="137"/>
      <c r="AK4838" s="137"/>
      <c r="AL4838" s="137"/>
      <c r="AM4838" s="137"/>
      <c r="AN4838" s="137"/>
      <c r="AO4838" s="137"/>
      <c r="AP4838" s="137"/>
      <c r="AQ4838" s="137"/>
      <c r="AR4838" s="137"/>
      <c r="AS4838" s="137"/>
      <c r="AT4838" s="137"/>
      <c r="AU4838" s="137"/>
      <c r="AV4838" s="137"/>
      <c r="AW4838" s="144"/>
    </row>
    <row r="4839" spans="7:49" x14ac:dyDescent="0.2">
      <c r="G4839" s="43"/>
      <c r="Z4839" s="143"/>
      <c r="AA4839" s="137"/>
      <c r="AB4839" s="137"/>
      <c r="AC4839" s="137"/>
      <c r="AD4839" s="137"/>
      <c r="AE4839" s="137"/>
      <c r="AF4839" s="137"/>
      <c r="AG4839" s="137"/>
      <c r="AH4839" s="137"/>
      <c r="AI4839" s="137"/>
      <c r="AJ4839" s="137"/>
      <c r="AK4839" s="137"/>
      <c r="AL4839" s="137"/>
      <c r="AM4839" s="137"/>
      <c r="AN4839" s="137"/>
      <c r="AO4839" s="137"/>
      <c r="AP4839" s="137"/>
      <c r="AQ4839" s="137"/>
      <c r="AR4839" s="137"/>
      <c r="AS4839" s="137"/>
      <c r="AT4839" s="137"/>
      <c r="AU4839" s="137"/>
      <c r="AV4839" s="137"/>
      <c r="AW4839" s="144"/>
    </row>
    <row r="4840" spans="7:49" x14ac:dyDescent="0.2">
      <c r="G4840" s="43"/>
      <c r="Z4840" s="143"/>
      <c r="AA4840" s="137"/>
      <c r="AB4840" s="137"/>
      <c r="AC4840" s="137"/>
      <c r="AD4840" s="137"/>
      <c r="AE4840" s="137"/>
      <c r="AF4840" s="137"/>
      <c r="AG4840" s="137"/>
      <c r="AH4840" s="137"/>
      <c r="AI4840" s="137"/>
      <c r="AJ4840" s="137"/>
      <c r="AK4840" s="137"/>
      <c r="AL4840" s="137"/>
      <c r="AM4840" s="137"/>
      <c r="AN4840" s="137"/>
      <c r="AO4840" s="137"/>
      <c r="AP4840" s="137"/>
      <c r="AQ4840" s="137"/>
      <c r="AR4840" s="137"/>
      <c r="AS4840" s="137"/>
      <c r="AT4840" s="137"/>
      <c r="AU4840" s="137"/>
      <c r="AV4840" s="137"/>
      <c r="AW4840" s="144"/>
    </row>
    <row r="4841" spans="7:49" x14ac:dyDescent="0.2">
      <c r="G4841" s="43"/>
      <c r="Z4841" s="143"/>
      <c r="AA4841" s="137"/>
      <c r="AB4841" s="137"/>
      <c r="AC4841" s="137"/>
      <c r="AD4841" s="137"/>
      <c r="AE4841" s="137"/>
      <c r="AF4841" s="137"/>
      <c r="AG4841" s="137"/>
      <c r="AH4841" s="137"/>
      <c r="AI4841" s="137"/>
      <c r="AJ4841" s="137"/>
      <c r="AK4841" s="137"/>
      <c r="AL4841" s="137"/>
      <c r="AM4841" s="137"/>
      <c r="AN4841" s="137"/>
      <c r="AO4841" s="137"/>
      <c r="AP4841" s="137"/>
      <c r="AQ4841" s="137"/>
      <c r="AR4841" s="137"/>
      <c r="AS4841" s="137"/>
      <c r="AT4841" s="137"/>
      <c r="AU4841" s="137"/>
      <c r="AV4841" s="137"/>
      <c r="AW4841" s="144"/>
    </row>
    <row r="4842" spans="7:49" x14ac:dyDescent="0.2">
      <c r="G4842" s="43"/>
      <c r="Z4842" s="143"/>
      <c r="AA4842" s="137"/>
      <c r="AB4842" s="137"/>
      <c r="AC4842" s="137"/>
      <c r="AD4842" s="137"/>
      <c r="AE4842" s="137"/>
      <c r="AF4842" s="137"/>
      <c r="AG4842" s="137"/>
      <c r="AH4842" s="137"/>
      <c r="AI4842" s="137"/>
      <c r="AJ4842" s="137"/>
      <c r="AK4842" s="137"/>
      <c r="AL4842" s="137"/>
      <c r="AM4842" s="137"/>
      <c r="AN4842" s="137"/>
      <c r="AO4842" s="137"/>
      <c r="AP4842" s="137"/>
      <c r="AQ4842" s="137"/>
      <c r="AR4842" s="137"/>
      <c r="AS4842" s="137"/>
      <c r="AT4842" s="137"/>
      <c r="AU4842" s="137"/>
      <c r="AV4842" s="137"/>
      <c r="AW4842" s="144"/>
    </row>
    <row r="4843" spans="7:49" x14ac:dyDescent="0.2">
      <c r="G4843" s="43"/>
      <c r="Z4843" s="143"/>
      <c r="AA4843" s="137"/>
      <c r="AB4843" s="137"/>
      <c r="AC4843" s="137"/>
      <c r="AD4843" s="137"/>
      <c r="AE4843" s="137"/>
      <c r="AF4843" s="137"/>
      <c r="AG4843" s="137"/>
      <c r="AH4843" s="137"/>
      <c r="AI4843" s="137"/>
      <c r="AJ4843" s="137"/>
      <c r="AK4843" s="137"/>
      <c r="AL4843" s="137"/>
      <c r="AM4843" s="137"/>
      <c r="AN4843" s="137"/>
      <c r="AO4843" s="137"/>
      <c r="AP4843" s="137"/>
      <c r="AQ4843" s="137"/>
      <c r="AR4843" s="137"/>
      <c r="AS4843" s="137"/>
      <c r="AT4843" s="137"/>
      <c r="AU4843" s="137"/>
      <c r="AV4843" s="137"/>
      <c r="AW4843" s="144"/>
    </row>
    <row r="4844" spans="7:49" x14ac:dyDescent="0.2">
      <c r="G4844" s="43"/>
      <c r="Z4844" s="143"/>
      <c r="AA4844" s="137"/>
      <c r="AB4844" s="137"/>
      <c r="AC4844" s="137"/>
      <c r="AD4844" s="137"/>
      <c r="AE4844" s="137"/>
      <c r="AF4844" s="137"/>
      <c r="AG4844" s="137"/>
      <c r="AH4844" s="137"/>
      <c r="AI4844" s="137"/>
      <c r="AJ4844" s="137"/>
      <c r="AK4844" s="137"/>
      <c r="AL4844" s="137"/>
      <c r="AM4844" s="137"/>
      <c r="AN4844" s="137"/>
      <c r="AO4844" s="137"/>
      <c r="AP4844" s="137"/>
      <c r="AQ4844" s="137"/>
      <c r="AR4844" s="137"/>
      <c r="AS4844" s="137"/>
      <c r="AT4844" s="137"/>
      <c r="AU4844" s="137"/>
      <c r="AV4844" s="137"/>
      <c r="AW4844" s="144"/>
    </row>
    <row r="4845" spans="7:49" x14ac:dyDescent="0.2">
      <c r="G4845" s="43"/>
      <c r="Z4845" s="143"/>
      <c r="AA4845" s="137"/>
      <c r="AB4845" s="137"/>
      <c r="AC4845" s="137"/>
      <c r="AD4845" s="137"/>
      <c r="AE4845" s="137"/>
      <c r="AF4845" s="137"/>
      <c r="AG4845" s="137"/>
      <c r="AH4845" s="137"/>
      <c r="AI4845" s="137"/>
      <c r="AJ4845" s="137"/>
      <c r="AK4845" s="137"/>
      <c r="AL4845" s="137"/>
      <c r="AM4845" s="137"/>
      <c r="AN4845" s="137"/>
      <c r="AO4845" s="137"/>
      <c r="AP4845" s="137"/>
      <c r="AQ4845" s="137"/>
      <c r="AR4845" s="137"/>
      <c r="AS4845" s="137"/>
      <c r="AT4845" s="137"/>
      <c r="AU4845" s="137"/>
      <c r="AV4845" s="137"/>
      <c r="AW4845" s="144"/>
    </row>
    <row r="4846" spans="7:49" x14ac:dyDescent="0.2">
      <c r="G4846" s="43"/>
      <c r="Z4846" s="143"/>
      <c r="AA4846" s="137"/>
      <c r="AB4846" s="137"/>
      <c r="AC4846" s="137"/>
      <c r="AD4846" s="137"/>
      <c r="AE4846" s="137"/>
      <c r="AF4846" s="137"/>
      <c r="AG4846" s="137"/>
      <c r="AH4846" s="137"/>
      <c r="AI4846" s="137"/>
      <c r="AJ4846" s="137"/>
      <c r="AK4846" s="137"/>
      <c r="AL4846" s="137"/>
      <c r="AM4846" s="137"/>
      <c r="AN4846" s="137"/>
      <c r="AO4846" s="137"/>
      <c r="AP4846" s="137"/>
      <c r="AQ4846" s="137"/>
      <c r="AR4846" s="137"/>
      <c r="AS4846" s="137"/>
      <c r="AT4846" s="137"/>
      <c r="AU4846" s="137"/>
      <c r="AV4846" s="137"/>
      <c r="AW4846" s="144"/>
    </row>
    <row r="4847" spans="7:49" x14ac:dyDescent="0.2">
      <c r="G4847" s="43"/>
      <c r="Z4847" s="143"/>
      <c r="AA4847" s="137"/>
      <c r="AB4847" s="137"/>
      <c r="AC4847" s="137"/>
      <c r="AD4847" s="137"/>
      <c r="AE4847" s="137"/>
      <c r="AF4847" s="137"/>
      <c r="AG4847" s="137"/>
      <c r="AH4847" s="137"/>
      <c r="AI4847" s="137"/>
      <c r="AJ4847" s="137"/>
      <c r="AK4847" s="137"/>
      <c r="AL4847" s="137"/>
      <c r="AM4847" s="137"/>
      <c r="AN4847" s="137"/>
      <c r="AO4847" s="137"/>
      <c r="AP4847" s="137"/>
      <c r="AQ4847" s="137"/>
      <c r="AR4847" s="137"/>
      <c r="AS4847" s="137"/>
      <c r="AT4847" s="137"/>
      <c r="AU4847" s="137"/>
      <c r="AV4847" s="137"/>
      <c r="AW4847" s="144"/>
    </row>
    <row r="4848" spans="7:49" x14ac:dyDescent="0.2">
      <c r="G4848" s="43"/>
      <c r="Z4848" s="143"/>
      <c r="AA4848" s="137"/>
      <c r="AB4848" s="137"/>
      <c r="AC4848" s="137"/>
      <c r="AD4848" s="137"/>
      <c r="AE4848" s="137"/>
      <c r="AF4848" s="137"/>
      <c r="AG4848" s="137"/>
      <c r="AH4848" s="137"/>
      <c r="AI4848" s="137"/>
      <c r="AJ4848" s="137"/>
      <c r="AK4848" s="137"/>
      <c r="AL4848" s="137"/>
      <c r="AM4848" s="137"/>
      <c r="AN4848" s="137"/>
      <c r="AO4848" s="137"/>
      <c r="AP4848" s="137"/>
      <c r="AQ4848" s="137"/>
      <c r="AR4848" s="137"/>
      <c r="AS4848" s="137"/>
      <c r="AT4848" s="137"/>
      <c r="AU4848" s="137"/>
      <c r="AV4848" s="137"/>
      <c r="AW4848" s="144"/>
    </row>
    <row r="4849" spans="7:49" x14ac:dyDescent="0.2">
      <c r="G4849" s="43"/>
      <c r="Z4849" s="143"/>
      <c r="AA4849" s="137"/>
      <c r="AB4849" s="137"/>
      <c r="AC4849" s="137"/>
      <c r="AD4849" s="137"/>
      <c r="AE4849" s="137"/>
      <c r="AF4849" s="137"/>
      <c r="AG4849" s="137"/>
      <c r="AH4849" s="137"/>
      <c r="AI4849" s="137"/>
      <c r="AJ4849" s="137"/>
      <c r="AK4849" s="137"/>
      <c r="AL4849" s="137"/>
      <c r="AM4849" s="137"/>
      <c r="AN4849" s="137"/>
      <c r="AO4849" s="137"/>
      <c r="AP4849" s="137"/>
      <c r="AQ4849" s="137"/>
      <c r="AR4849" s="137"/>
      <c r="AS4849" s="137"/>
      <c r="AT4849" s="137"/>
      <c r="AU4849" s="137"/>
      <c r="AV4849" s="137"/>
      <c r="AW4849" s="144"/>
    </row>
    <row r="4850" spans="7:49" x14ac:dyDescent="0.2">
      <c r="G4850" s="43"/>
      <c r="Z4850" s="143"/>
      <c r="AA4850" s="137"/>
      <c r="AB4850" s="137"/>
      <c r="AC4850" s="137"/>
      <c r="AD4850" s="137"/>
      <c r="AE4850" s="137"/>
      <c r="AF4850" s="137"/>
      <c r="AG4850" s="137"/>
      <c r="AH4850" s="137"/>
      <c r="AI4850" s="137"/>
      <c r="AJ4850" s="137"/>
      <c r="AK4850" s="137"/>
      <c r="AL4850" s="137"/>
      <c r="AM4850" s="137"/>
      <c r="AN4850" s="137"/>
      <c r="AO4850" s="137"/>
      <c r="AP4850" s="137"/>
      <c r="AQ4850" s="137"/>
      <c r="AR4850" s="137"/>
      <c r="AS4850" s="137"/>
      <c r="AT4850" s="137"/>
      <c r="AU4850" s="137"/>
      <c r="AV4850" s="137"/>
      <c r="AW4850" s="144"/>
    </row>
    <row r="4851" spans="7:49" x14ac:dyDescent="0.2">
      <c r="G4851" s="43"/>
      <c r="Z4851" s="143"/>
      <c r="AA4851" s="137"/>
      <c r="AB4851" s="137"/>
      <c r="AC4851" s="137"/>
      <c r="AD4851" s="137"/>
      <c r="AE4851" s="137"/>
      <c r="AF4851" s="137"/>
      <c r="AG4851" s="137"/>
      <c r="AH4851" s="137"/>
      <c r="AI4851" s="137"/>
      <c r="AJ4851" s="137"/>
      <c r="AK4851" s="137"/>
      <c r="AL4851" s="137"/>
      <c r="AM4851" s="137"/>
      <c r="AN4851" s="137"/>
      <c r="AO4851" s="137"/>
      <c r="AP4851" s="137"/>
      <c r="AQ4851" s="137"/>
      <c r="AR4851" s="137"/>
      <c r="AS4851" s="137"/>
      <c r="AT4851" s="137"/>
      <c r="AU4851" s="137"/>
      <c r="AV4851" s="137"/>
      <c r="AW4851" s="144"/>
    </row>
    <row r="4852" spans="7:49" x14ac:dyDescent="0.2">
      <c r="G4852" s="43"/>
      <c r="Z4852" s="143"/>
      <c r="AA4852" s="137"/>
      <c r="AB4852" s="137"/>
      <c r="AC4852" s="137"/>
      <c r="AD4852" s="137"/>
      <c r="AE4852" s="137"/>
      <c r="AF4852" s="137"/>
      <c r="AG4852" s="137"/>
      <c r="AH4852" s="137"/>
      <c r="AI4852" s="137"/>
      <c r="AJ4852" s="137"/>
      <c r="AK4852" s="137"/>
      <c r="AL4852" s="137"/>
      <c r="AM4852" s="137"/>
      <c r="AN4852" s="137"/>
      <c r="AO4852" s="137"/>
      <c r="AP4852" s="137"/>
      <c r="AQ4852" s="137"/>
      <c r="AR4852" s="137"/>
      <c r="AS4852" s="137"/>
      <c r="AT4852" s="137"/>
      <c r="AU4852" s="137"/>
      <c r="AV4852" s="137"/>
      <c r="AW4852" s="144"/>
    </row>
    <row r="4853" spans="7:49" x14ac:dyDescent="0.2">
      <c r="G4853" s="43"/>
      <c r="Z4853" s="143"/>
      <c r="AA4853" s="137"/>
      <c r="AB4853" s="137"/>
      <c r="AC4853" s="137"/>
      <c r="AD4853" s="137"/>
      <c r="AE4853" s="137"/>
      <c r="AF4853" s="137"/>
      <c r="AG4853" s="137"/>
      <c r="AH4853" s="137"/>
      <c r="AI4853" s="137"/>
      <c r="AJ4853" s="137"/>
      <c r="AK4853" s="137"/>
      <c r="AL4853" s="137"/>
      <c r="AM4853" s="137"/>
      <c r="AN4853" s="137"/>
      <c r="AO4853" s="137"/>
      <c r="AP4853" s="137"/>
      <c r="AQ4853" s="137"/>
      <c r="AR4853" s="137"/>
      <c r="AS4853" s="137"/>
      <c r="AT4853" s="137"/>
      <c r="AU4853" s="137"/>
      <c r="AV4853" s="137"/>
      <c r="AW4853" s="144"/>
    </row>
    <row r="4854" spans="7:49" x14ac:dyDescent="0.2">
      <c r="G4854" s="43"/>
      <c r="Z4854" s="143"/>
      <c r="AA4854" s="137"/>
      <c r="AB4854" s="137"/>
      <c r="AC4854" s="137"/>
      <c r="AD4854" s="137"/>
      <c r="AE4854" s="137"/>
      <c r="AF4854" s="137"/>
      <c r="AG4854" s="137"/>
      <c r="AH4854" s="137"/>
      <c r="AI4854" s="137"/>
      <c r="AJ4854" s="137"/>
      <c r="AK4854" s="137"/>
      <c r="AL4854" s="137"/>
      <c r="AM4854" s="137"/>
      <c r="AN4854" s="137"/>
      <c r="AO4854" s="137"/>
      <c r="AP4854" s="137"/>
      <c r="AQ4854" s="137"/>
      <c r="AR4854" s="137"/>
      <c r="AS4854" s="137"/>
      <c r="AT4854" s="137"/>
      <c r="AU4854" s="137"/>
      <c r="AV4854" s="137"/>
      <c r="AW4854" s="144"/>
    </row>
    <row r="4855" spans="7:49" x14ac:dyDescent="0.2">
      <c r="G4855" s="43"/>
      <c r="Z4855" s="143"/>
      <c r="AA4855" s="137"/>
      <c r="AB4855" s="137"/>
      <c r="AC4855" s="137"/>
      <c r="AD4855" s="137"/>
      <c r="AE4855" s="137"/>
      <c r="AF4855" s="137"/>
      <c r="AG4855" s="137"/>
      <c r="AH4855" s="137"/>
      <c r="AI4855" s="137"/>
      <c r="AJ4855" s="137"/>
      <c r="AK4855" s="137"/>
      <c r="AL4855" s="137"/>
      <c r="AM4855" s="137"/>
      <c r="AN4855" s="137"/>
      <c r="AO4855" s="137"/>
      <c r="AP4855" s="137"/>
      <c r="AQ4855" s="137"/>
      <c r="AR4855" s="137"/>
      <c r="AS4855" s="137"/>
      <c r="AT4855" s="137"/>
      <c r="AU4855" s="137"/>
      <c r="AV4855" s="137"/>
      <c r="AW4855" s="144"/>
    </row>
    <row r="4856" spans="7:49" x14ac:dyDescent="0.2">
      <c r="G4856" s="43"/>
      <c r="Z4856" s="143"/>
      <c r="AA4856" s="137"/>
      <c r="AB4856" s="137"/>
      <c r="AC4856" s="137"/>
      <c r="AD4856" s="137"/>
      <c r="AE4856" s="137"/>
      <c r="AF4856" s="137"/>
      <c r="AG4856" s="137"/>
      <c r="AH4856" s="137"/>
      <c r="AI4856" s="137"/>
      <c r="AJ4856" s="137"/>
      <c r="AK4856" s="137"/>
      <c r="AL4856" s="137"/>
      <c r="AM4856" s="137"/>
      <c r="AN4856" s="137"/>
      <c r="AO4856" s="137"/>
      <c r="AP4856" s="137"/>
      <c r="AQ4856" s="137"/>
      <c r="AR4856" s="137"/>
      <c r="AS4856" s="137"/>
      <c r="AT4856" s="137"/>
      <c r="AU4856" s="137"/>
      <c r="AV4856" s="137"/>
      <c r="AW4856" s="144"/>
    </row>
    <row r="4857" spans="7:49" x14ac:dyDescent="0.2">
      <c r="G4857" s="43"/>
      <c r="Z4857" s="143"/>
      <c r="AA4857" s="137"/>
      <c r="AB4857" s="137"/>
      <c r="AC4857" s="137"/>
      <c r="AD4857" s="137"/>
      <c r="AE4857" s="137"/>
      <c r="AF4857" s="137"/>
      <c r="AG4857" s="137"/>
      <c r="AH4857" s="137"/>
      <c r="AI4857" s="137"/>
      <c r="AJ4857" s="137"/>
      <c r="AK4857" s="137"/>
      <c r="AL4857" s="137"/>
      <c r="AM4857" s="137"/>
      <c r="AN4857" s="137"/>
      <c r="AO4857" s="137"/>
      <c r="AP4857" s="137"/>
      <c r="AQ4857" s="137"/>
      <c r="AR4857" s="137"/>
      <c r="AS4857" s="137"/>
      <c r="AT4857" s="137"/>
      <c r="AU4857" s="137"/>
      <c r="AV4857" s="137"/>
      <c r="AW4857" s="144"/>
    </row>
    <row r="4858" spans="7:49" x14ac:dyDescent="0.2">
      <c r="G4858" s="43"/>
      <c r="Z4858" s="143"/>
      <c r="AA4858" s="137"/>
      <c r="AB4858" s="137"/>
      <c r="AC4858" s="137"/>
      <c r="AD4858" s="137"/>
      <c r="AE4858" s="137"/>
      <c r="AF4858" s="137"/>
      <c r="AG4858" s="137"/>
      <c r="AH4858" s="137"/>
      <c r="AI4858" s="137"/>
      <c r="AJ4858" s="137"/>
      <c r="AK4858" s="137"/>
      <c r="AL4858" s="137"/>
      <c r="AM4858" s="137"/>
      <c r="AN4858" s="137"/>
      <c r="AO4858" s="137"/>
      <c r="AP4858" s="137"/>
      <c r="AQ4858" s="137"/>
      <c r="AR4858" s="137"/>
      <c r="AS4858" s="137"/>
      <c r="AT4858" s="137"/>
      <c r="AU4858" s="137"/>
      <c r="AV4858" s="137"/>
      <c r="AW4858" s="144"/>
    </row>
    <row r="4859" spans="7:49" x14ac:dyDescent="0.2">
      <c r="G4859" s="43"/>
      <c r="Z4859" s="143"/>
      <c r="AA4859" s="137"/>
      <c r="AB4859" s="137"/>
      <c r="AC4859" s="137"/>
      <c r="AD4859" s="137"/>
      <c r="AE4859" s="137"/>
      <c r="AF4859" s="137"/>
      <c r="AG4859" s="137"/>
      <c r="AH4859" s="137"/>
      <c r="AI4859" s="137"/>
      <c r="AJ4859" s="137"/>
      <c r="AK4859" s="137"/>
      <c r="AL4859" s="137"/>
      <c r="AM4859" s="137"/>
      <c r="AN4859" s="137"/>
      <c r="AO4859" s="137"/>
      <c r="AP4859" s="137"/>
      <c r="AQ4859" s="137"/>
      <c r="AR4859" s="137"/>
      <c r="AS4859" s="137"/>
      <c r="AT4859" s="137"/>
      <c r="AU4859" s="137"/>
      <c r="AV4859" s="137"/>
      <c r="AW4859" s="144"/>
    </row>
    <row r="4860" spans="7:49" x14ac:dyDescent="0.2">
      <c r="G4860" s="43"/>
      <c r="Z4860" s="143"/>
      <c r="AA4860" s="137"/>
      <c r="AB4860" s="137"/>
      <c r="AC4860" s="137"/>
      <c r="AD4860" s="137"/>
      <c r="AE4860" s="137"/>
      <c r="AF4860" s="137"/>
      <c r="AG4860" s="137"/>
      <c r="AH4860" s="137"/>
      <c r="AI4860" s="137"/>
      <c r="AJ4860" s="137"/>
      <c r="AK4860" s="137"/>
      <c r="AL4860" s="137"/>
      <c r="AM4860" s="137"/>
      <c r="AN4860" s="137"/>
      <c r="AO4860" s="137"/>
      <c r="AP4860" s="137"/>
      <c r="AQ4860" s="137"/>
      <c r="AR4860" s="137"/>
      <c r="AS4860" s="137"/>
      <c r="AT4860" s="137"/>
      <c r="AU4860" s="137"/>
      <c r="AV4860" s="137"/>
      <c r="AW4860" s="144"/>
    </row>
    <row r="4861" spans="7:49" x14ac:dyDescent="0.2">
      <c r="G4861" s="43"/>
      <c r="Z4861" s="143"/>
      <c r="AA4861" s="137"/>
      <c r="AB4861" s="137"/>
      <c r="AC4861" s="137"/>
      <c r="AD4861" s="137"/>
      <c r="AE4861" s="137"/>
      <c r="AF4861" s="137"/>
      <c r="AG4861" s="137"/>
      <c r="AH4861" s="137"/>
      <c r="AI4861" s="137"/>
      <c r="AJ4861" s="137"/>
      <c r="AK4861" s="137"/>
      <c r="AL4861" s="137"/>
      <c r="AM4861" s="137"/>
      <c r="AN4861" s="137"/>
      <c r="AO4861" s="137"/>
      <c r="AP4861" s="137"/>
      <c r="AQ4861" s="137"/>
      <c r="AR4861" s="137"/>
      <c r="AS4861" s="137"/>
      <c r="AT4861" s="137"/>
      <c r="AU4861" s="137"/>
      <c r="AV4861" s="137"/>
      <c r="AW4861" s="144"/>
    </row>
    <row r="4862" spans="7:49" x14ac:dyDescent="0.2">
      <c r="G4862" s="43"/>
      <c r="Z4862" s="143"/>
      <c r="AA4862" s="137"/>
      <c r="AB4862" s="137"/>
      <c r="AC4862" s="137"/>
      <c r="AD4862" s="137"/>
      <c r="AE4862" s="137"/>
      <c r="AF4862" s="137"/>
      <c r="AG4862" s="137"/>
      <c r="AH4862" s="137"/>
      <c r="AI4862" s="137"/>
      <c r="AJ4862" s="137"/>
      <c r="AK4862" s="137"/>
      <c r="AL4862" s="137"/>
      <c r="AM4862" s="137"/>
      <c r="AN4862" s="137"/>
      <c r="AO4862" s="137"/>
      <c r="AP4862" s="137"/>
      <c r="AQ4862" s="137"/>
      <c r="AR4862" s="137"/>
      <c r="AS4862" s="137"/>
      <c r="AT4862" s="137"/>
      <c r="AU4862" s="137"/>
      <c r="AV4862" s="137"/>
      <c r="AW4862" s="144"/>
    </row>
    <row r="4863" spans="7:49" x14ac:dyDescent="0.2">
      <c r="G4863" s="43"/>
      <c r="Z4863" s="143"/>
      <c r="AA4863" s="137"/>
      <c r="AB4863" s="137"/>
      <c r="AC4863" s="137"/>
      <c r="AD4863" s="137"/>
      <c r="AE4863" s="137"/>
      <c r="AF4863" s="137"/>
      <c r="AG4863" s="137"/>
      <c r="AH4863" s="137"/>
      <c r="AI4863" s="137"/>
      <c r="AJ4863" s="137"/>
      <c r="AK4863" s="137"/>
      <c r="AL4863" s="137"/>
      <c r="AM4863" s="137"/>
      <c r="AN4863" s="137"/>
      <c r="AO4863" s="137"/>
      <c r="AP4863" s="137"/>
      <c r="AQ4863" s="137"/>
      <c r="AR4863" s="137"/>
      <c r="AS4863" s="137"/>
      <c r="AT4863" s="137"/>
      <c r="AU4863" s="137"/>
      <c r="AV4863" s="137"/>
      <c r="AW4863" s="144"/>
    </row>
    <row r="4864" spans="7:49" x14ac:dyDescent="0.2">
      <c r="G4864" s="43"/>
      <c r="Z4864" s="143"/>
      <c r="AA4864" s="137"/>
      <c r="AB4864" s="137"/>
      <c r="AC4864" s="137"/>
      <c r="AD4864" s="137"/>
      <c r="AE4864" s="137"/>
      <c r="AF4864" s="137"/>
      <c r="AG4864" s="137"/>
      <c r="AH4864" s="137"/>
      <c r="AI4864" s="137"/>
      <c r="AJ4864" s="137"/>
      <c r="AK4864" s="137"/>
      <c r="AL4864" s="137"/>
      <c r="AM4864" s="137"/>
      <c r="AN4864" s="137"/>
      <c r="AO4864" s="137"/>
      <c r="AP4864" s="137"/>
      <c r="AQ4864" s="137"/>
      <c r="AR4864" s="137"/>
      <c r="AS4864" s="137"/>
      <c r="AT4864" s="137"/>
      <c r="AU4864" s="137"/>
      <c r="AV4864" s="137"/>
      <c r="AW4864" s="144"/>
    </row>
    <row r="4865" spans="7:49" x14ac:dyDescent="0.2">
      <c r="G4865" s="43"/>
      <c r="Z4865" s="143"/>
      <c r="AA4865" s="137"/>
      <c r="AB4865" s="137"/>
      <c r="AC4865" s="137"/>
      <c r="AD4865" s="137"/>
      <c r="AE4865" s="137"/>
      <c r="AF4865" s="137"/>
      <c r="AG4865" s="137"/>
      <c r="AH4865" s="137"/>
      <c r="AI4865" s="137"/>
      <c r="AJ4865" s="137"/>
      <c r="AK4865" s="137"/>
      <c r="AL4865" s="137"/>
      <c r="AM4865" s="137"/>
      <c r="AN4865" s="137"/>
      <c r="AO4865" s="137"/>
      <c r="AP4865" s="137"/>
      <c r="AQ4865" s="137"/>
      <c r="AR4865" s="137"/>
      <c r="AS4865" s="137"/>
      <c r="AT4865" s="137"/>
      <c r="AU4865" s="137"/>
      <c r="AV4865" s="137"/>
      <c r="AW4865" s="144"/>
    </row>
    <row r="4866" spans="7:49" x14ac:dyDescent="0.2">
      <c r="G4866" s="43"/>
      <c r="Z4866" s="143"/>
      <c r="AA4866" s="137"/>
      <c r="AB4866" s="137"/>
      <c r="AC4866" s="137"/>
      <c r="AD4866" s="137"/>
      <c r="AE4866" s="137"/>
      <c r="AF4866" s="137"/>
      <c r="AG4866" s="137"/>
      <c r="AH4866" s="137"/>
      <c r="AI4866" s="137"/>
      <c r="AJ4866" s="137"/>
      <c r="AK4866" s="137"/>
      <c r="AL4866" s="137"/>
      <c r="AM4866" s="137"/>
      <c r="AN4866" s="137"/>
      <c r="AO4866" s="137"/>
      <c r="AP4866" s="137"/>
      <c r="AQ4866" s="137"/>
      <c r="AR4866" s="137"/>
      <c r="AS4866" s="137"/>
      <c r="AT4866" s="137"/>
      <c r="AU4866" s="137"/>
      <c r="AV4866" s="137"/>
      <c r="AW4866" s="144"/>
    </row>
    <row r="4867" spans="7:49" x14ac:dyDescent="0.2">
      <c r="G4867" s="43"/>
      <c r="Z4867" s="143"/>
      <c r="AA4867" s="137"/>
      <c r="AB4867" s="137"/>
      <c r="AC4867" s="137"/>
      <c r="AD4867" s="137"/>
      <c r="AE4867" s="137"/>
      <c r="AF4867" s="137"/>
      <c r="AG4867" s="137"/>
      <c r="AH4867" s="137"/>
      <c r="AI4867" s="137"/>
      <c r="AJ4867" s="137"/>
      <c r="AK4867" s="137"/>
      <c r="AL4867" s="137"/>
      <c r="AM4867" s="137"/>
      <c r="AN4867" s="137"/>
      <c r="AO4867" s="137"/>
      <c r="AP4867" s="137"/>
      <c r="AQ4867" s="137"/>
      <c r="AR4867" s="137"/>
      <c r="AS4867" s="137"/>
      <c r="AT4867" s="137"/>
      <c r="AU4867" s="137"/>
      <c r="AV4867" s="137"/>
      <c r="AW4867" s="144"/>
    </row>
    <row r="4868" spans="7:49" x14ac:dyDescent="0.2">
      <c r="G4868" s="43"/>
      <c r="Z4868" s="143"/>
      <c r="AA4868" s="137"/>
      <c r="AB4868" s="137"/>
      <c r="AC4868" s="137"/>
      <c r="AD4868" s="137"/>
      <c r="AE4868" s="137"/>
      <c r="AF4868" s="137"/>
      <c r="AG4868" s="137"/>
      <c r="AH4868" s="137"/>
      <c r="AI4868" s="137"/>
      <c r="AJ4868" s="137"/>
      <c r="AK4868" s="137"/>
      <c r="AL4868" s="137"/>
      <c r="AM4868" s="137"/>
      <c r="AN4868" s="137"/>
      <c r="AO4868" s="137"/>
      <c r="AP4868" s="137"/>
      <c r="AQ4868" s="137"/>
      <c r="AR4868" s="137"/>
      <c r="AS4868" s="137"/>
      <c r="AT4868" s="137"/>
      <c r="AU4868" s="137"/>
      <c r="AV4868" s="137"/>
      <c r="AW4868" s="144"/>
    </row>
    <row r="4869" spans="7:49" x14ac:dyDescent="0.2">
      <c r="G4869" s="43"/>
      <c r="Z4869" s="143"/>
      <c r="AA4869" s="137"/>
      <c r="AB4869" s="137"/>
      <c r="AC4869" s="137"/>
      <c r="AD4869" s="137"/>
      <c r="AE4869" s="137"/>
      <c r="AF4869" s="137"/>
      <c r="AG4869" s="137"/>
      <c r="AH4869" s="137"/>
      <c r="AI4869" s="137"/>
      <c r="AJ4869" s="137"/>
      <c r="AK4869" s="137"/>
      <c r="AL4869" s="137"/>
      <c r="AM4869" s="137"/>
      <c r="AN4869" s="137"/>
      <c r="AO4869" s="137"/>
      <c r="AP4869" s="137"/>
      <c r="AQ4869" s="137"/>
      <c r="AR4869" s="137"/>
      <c r="AS4869" s="137"/>
      <c r="AT4869" s="137"/>
      <c r="AU4869" s="137"/>
      <c r="AV4869" s="137"/>
      <c r="AW4869" s="144"/>
    </row>
    <row r="4870" spans="7:49" x14ac:dyDescent="0.2">
      <c r="G4870" s="43"/>
      <c r="Z4870" s="143"/>
      <c r="AA4870" s="137"/>
      <c r="AB4870" s="137"/>
      <c r="AC4870" s="137"/>
      <c r="AD4870" s="137"/>
      <c r="AE4870" s="137"/>
      <c r="AF4870" s="137"/>
      <c r="AG4870" s="137"/>
      <c r="AH4870" s="137"/>
      <c r="AI4870" s="137"/>
      <c r="AJ4870" s="137"/>
      <c r="AK4870" s="137"/>
      <c r="AL4870" s="137"/>
      <c r="AM4870" s="137"/>
      <c r="AN4870" s="137"/>
      <c r="AO4870" s="137"/>
      <c r="AP4870" s="137"/>
      <c r="AQ4870" s="137"/>
      <c r="AR4870" s="137"/>
      <c r="AS4870" s="137"/>
      <c r="AT4870" s="137"/>
      <c r="AU4870" s="137"/>
      <c r="AV4870" s="137"/>
      <c r="AW4870" s="144"/>
    </row>
    <row r="4871" spans="7:49" x14ac:dyDescent="0.2">
      <c r="G4871" s="43"/>
      <c r="Z4871" s="143"/>
      <c r="AA4871" s="137"/>
      <c r="AB4871" s="137"/>
      <c r="AC4871" s="137"/>
      <c r="AD4871" s="137"/>
      <c r="AE4871" s="137"/>
      <c r="AF4871" s="137"/>
      <c r="AG4871" s="137"/>
      <c r="AH4871" s="137"/>
      <c r="AI4871" s="137"/>
      <c r="AJ4871" s="137"/>
      <c r="AK4871" s="137"/>
      <c r="AL4871" s="137"/>
      <c r="AM4871" s="137"/>
      <c r="AN4871" s="137"/>
      <c r="AO4871" s="137"/>
      <c r="AP4871" s="137"/>
      <c r="AQ4871" s="137"/>
      <c r="AR4871" s="137"/>
      <c r="AS4871" s="137"/>
      <c r="AT4871" s="137"/>
      <c r="AU4871" s="137"/>
      <c r="AV4871" s="137"/>
      <c r="AW4871" s="144"/>
    </row>
    <row r="4872" spans="7:49" x14ac:dyDescent="0.2">
      <c r="G4872" s="43"/>
      <c r="Z4872" s="143"/>
      <c r="AA4872" s="137"/>
      <c r="AB4872" s="137"/>
      <c r="AC4872" s="137"/>
      <c r="AD4872" s="137"/>
      <c r="AE4872" s="137"/>
      <c r="AF4872" s="137"/>
      <c r="AG4872" s="137"/>
      <c r="AH4872" s="137"/>
      <c r="AI4872" s="137"/>
      <c r="AJ4872" s="137"/>
      <c r="AK4872" s="137"/>
      <c r="AL4872" s="137"/>
      <c r="AM4872" s="137"/>
      <c r="AN4872" s="137"/>
      <c r="AO4872" s="137"/>
      <c r="AP4872" s="137"/>
      <c r="AQ4872" s="137"/>
      <c r="AR4872" s="137"/>
      <c r="AS4872" s="137"/>
      <c r="AT4872" s="137"/>
      <c r="AU4872" s="137"/>
      <c r="AV4872" s="137"/>
      <c r="AW4872" s="144"/>
    </row>
    <row r="4873" spans="7:49" x14ac:dyDescent="0.2">
      <c r="G4873" s="43"/>
      <c r="Z4873" s="143"/>
      <c r="AA4873" s="137"/>
      <c r="AB4873" s="137"/>
      <c r="AC4873" s="137"/>
      <c r="AD4873" s="137"/>
      <c r="AE4873" s="137"/>
      <c r="AF4873" s="137"/>
      <c r="AG4873" s="137"/>
      <c r="AH4873" s="137"/>
      <c r="AI4873" s="137"/>
      <c r="AJ4873" s="137"/>
      <c r="AK4873" s="137"/>
      <c r="AL4873" s="137"/>
      <c r="AM4873" s="137"/>
      <c r="AN4873" s="137"/>
      <c r="AO4873" s="137"/>
      <c r="AP4873" s="137"/>
      <c r="AQ4873" s="137"/>
      <c r="AR4873" s="137"/>
      <c r="AS4873" s="137"/>
      <c r="AT4873" s="137"/>
      <c r="AU4873" s="137"/>
      <c r="AV4873" s="137"/>
      <c r="AW4873" s="144"/>
    </row>
    <row r="4874" spans="7:49" x14ac:dyDescent="0.2">
      <c r="G4874" s="43"/>
      <c r="Z4874" s="143"/>
      <c r="AA4874" s="137"/>
      <c r="AB4874" s="137"/>
      <c r="AC4874" s="137"/>
      <c r="AD4874" s="137"/>
      <c r="AE4874" s="137"/>
      <c r="AF4874" s="137"/>
      <c r="AG4874" s="137"/>
      <c r="AH4874" s="137"/>
      <c r="AI4874" s="137"/>
      <c r="AJ4874" s="137"/>
      <c r="AK4874" s="137"/>
      <c r="AL4874" s="137"/>
      <c r="AM4874" s="137"/>
      <c r="AN4874" s="137"/>
      <c r="AO4874" s="137"/>
      <c r="AP4874" s="137"/>
      <c r="AQ4874" s="137"/>
      <c r="AR4874" s="137"/>
      <c r="AS4874" s="137"/>
      <c r="AT4874" s="137"/>
      <c r="AU4874" s="137"/>
      <c r="AV4874" s="137"/>
      <c r="AW4874" s="144"/>
    </row>
    <row r="4875" spans="7:49" x14ac:dyDescent="0.2">
      <c r="G4875" s="43"/>
      <c r="Z4875" s="143"/>
      <c r="AA4875" s="137"/>
      <c r="AB4875" s="137"/>
      <c r="AC4875" s="137"/>
      <c r="AD4875" s="137"/>
      <c r="AE4875" s="137"/>
      <c r="AF4875" s="137"/>
      <c r="AG4875" s="137"/>
      <c r="AH4875" s="137"/>
      <c r="AI4875" s="137"/>
      <c r="AJ4875" s="137"/>
      <c r="AK4875" s="137"/>
      <c r="AL4875" s="137"/>
      <c r="AM4875" s="137"/>
      <c r="AN4875" s="137"/>
      <c r="AO4875" s="137"/>
      <c r="AP4875" s="137"/>
      <c r="AQ4875" s="137"/>
      <c r="AR4875" s="137"/>
      <c r="AS4875" s="137"/>
      <c r="AT4875" s="137"/>
      <c r="AU4875" s="137"/>
      <c r="AV4875" s="137"/>
      <c r="AW4875" s="144"/>
    </row>
    <row r="4876" spans="7:49" x14ac:dyDescent="0.2">
      <c r="G4876" s="43"/>
      <c r="Z4876" s="143"/>
      <c r="AA4876" s="137"/>
      <c r="AB4876" s="137"/>
      <c r="AC4876" s="137"/>
      <c r="AD4876" s="137"/>
      <c r="AE4876" s="137"/>
      <c r="AF4876" s="137"/>
      <c r="AG4876" s="137"/>
      <c r="AH4876" s="137"/>
      <c r="AI4876" s="137"/>
      <c r="AJ4876" s="137"/>
      <c r="AK4876" s="137"/>
      <c r="AL4876" s="137"/>
      <c r="AM4876" s="137"/>
      <c r="AN4876" s="137"/>
      <c r="AO4876" s="137"/>
      <c r="AP4876" s="137"/>
      <c r="AQ4876" s="137"/>
      <c r="AR4876" s="137"/>
      <c r="AS4876" s="137"/>
      <c r="AT4876" s="137"/>
      <c r="AU4876" s="137"/>
      <c r="AV4876" s="137"/>
      <c r="AW4876" s="144"/>
    </row>
    <row r="4877" spans="7:49" x14ac:dyDescent="0.2">
      <c r="G4877" s="43"/>
      <c r="Z4877" s="143"/>
      <c r="AA4877" s="137"/>
      <c r="AB4877" s="137"/>
      <c r="AC4877" s="137"/>
      <c r="AD4877" s="137"/>
      <c r="AE4877" s="137"/>
      <c r="AF4877" s="137"/>
      <c r="AG4877" s="137"/>
      <c r="AH4877" s="137"/>
      <c r="AI4877" s="137"/>
      <c r="AJ4877" s="137"/>
      <c r="AK4877" s="137"/>
      <c r="AL4877" s="137"/>
      <c r="AM4877" s="137"/>
      <c r="AN4877" s="137"/>
      <c r="AO4877" s="137"/>
      <c r="AP4877" s="137"/>
      <c r="AQ4877" s="137"/>
      <c r="AR4877" s="137"/>
      <c r="AS4877" s="137"/>
      <c r="AT4877" s="137"/>
      <c r="AU4877" s="137"/>
      <c r="AV4877" s="137"/>
      <c r="AW4877" s="144"/>
    </row>
    <row r="4878" spans="7:49" x14ac:dyDescent="0.2">
      <c r="G4878" s="43"/>
      <c r="Z4878" s="143"/>
      <c r="AA4878" s="137"/>
      <c r="AB4878" s="137"/>
      <c r="AC4878" s="137"/>
      <c r="AD4878" s="137"/>
      <c r="AE4878" s="137"/>
      <c r="AF4878" s="137"/>
      <c r="AG4878" s="137"/>
      <c r="AH4878" s="137"/>
      <c r="AI4878" s="137"/>
      <c r="AJ4878" s="137"/>
      <c r="AK4878" s="137"/>
      <c r="AL4878" s="137"/>
      <c r="AM4878" s="137"/>
      <c r="AN4878" s="137"/>
      <c r="AO4878" s="137"/>
      <c r="AP4878" s="137"/>
      <c r="AQ4878" s="137"/>
      <c r="AR4878" s="137"/>
      <c r="AS4878" s="137"/>
      <c r="AT4878" s="137"/>
      <c r="AU4878" s="137"/>
      <c r="AV4878" s="137"/>
      <c r="AW4878" s="144"/>
    </row>
    <row r="4879" spans="7:49" x14ac:dyDescent="0.2">
      <c r="G4879" s="43"/>
      <c r="Z4879" s="143"/>
      <c r="AA4879" s="137"/>
      <c r="AB4879" s="137"/>
      <c r="AC4879" s="137"/>
      <c r="AD4879" s="137"/>
      <c r="AE4879" s="137"/>
      <c r="AF4879" s="137"/>
      <c r="AG4879" s="137"/>
      <c r="AH4879" s="137"/>
      <c r="AI4879" s="137"/>
      <c r="AJ4879" s="137"/>
      <c r="AK4879" s="137"/>
      <c r="AL4879" s="137"/>
      <c r="AM4879" s="137"/>
      <c r="AN4879" s="137"/>
      <c r="AO4879" s="137"/>
      <c r="AP4879" s="137"/>
      <c r="AQ4879" s="137"/>
      <c r="AR4879" s="137"/>
      <c r="AS4879" s="137"/>
      <c r="AT4879" s="137"/>
      <c r="AU4879" s="137"/>
      <c r="AV4879" s="137"/>
      <c r="AW4879" s="144"/>
    </row>
    <row r="4880" spans="7:49" x14ac:dyDescent="0.2">
      <c r="G4880" s="43"/>
      <c r="Z4880" s="143"/>
      <c r="AA4880" s="137"/>
      <c r="AB4880" s="137"/>
      <c r="AC4880" s="137"/>
      <c r="AD4880" s="137"/>
      <c r="AE4880" s="137"/>
      <c r="AF4880" s="137"/>
      <c r="AG4880" s="137"/>
      <c r="AH4880" s="137"/>
      <c r="AI4880" s="137"/>
      <c r="AJ4880" s="137"/>
      <c r="AK4880" s="137"/>
      <c r="AL4880" s="137"/>
      <c r="AM4880" s="137"/>
      <c r="AN4880" s="137"/>
      <c r="AO4880" s="137"/>
      <c r="AP4880" s="137"/>
      <c r="AQ4880" s="137"/>
      <c r="AR4880" s="137"/>
      <c r="AS4880" s="137"/>
      <c r="AT4880" s="137"/>
      <c r="AU4880" s="137"/>
      <c r="AV4880" s="137"/>
      <c r="AW4880" s="144"/>
    </row>
    <row r="4881" spans="7:49" x14ac:dyDescent="0.2">
      <c r="G4881" s="43"/>
      <c r="Z4881" s="143"/>
      <c r="AA4881" s="137"/>
      <c r="AB4881" s="137"/>
      <c r="AC4881" s="137"/>
      <c r="AD4881" s="137"/>
      <c r="AE4881" s="137"/>
      <c r="AF4881" s="137"/>
      <c r="AG4881" s="137"/>
      <c r="AH4881" s="137"/>
      <c r="AI4881" s="137"/>
      <c r="AJ4881" s="137"/>
      <c r="AK4881" s="137"/>
      <c r="AL4881" s="137"/>
      <c r="AM4881" s="137"/>
      <c r="AN4881" s="137"/>
      <c r="AO4881" s="137"/>
      <c r="AP4881" s="137"/>
      <c r="AQ4881" s="137"/>
      <c r="AR4881" s="137"/>
      <c r="AS4881" s="137"/>
      <c r="AT4881" s="137"/>
      <c r="AU4881" s="137"/>
      <c r="AV4881" s="137"/>
      <c r="AW4881" s="144"/>
    </row>
    <row r="4882" spans="7:49" x14ac:dyDescent="0.2">
      <c r="G4882" s="43"/>
      <c r="Z4882" s="143"/>
      <c r="AA4882" s="137"/>
      <c r="AB4882" s="137"/>
      <c r="AC4882" s="137"/>
      <c r="AD4882" s="137"/>
      <c r="AE4882" s="137"/>
      <c r="AF4882" s="137"/>
      <c r="AG4882" s="137"/>
      <c r="AH4882" s="137"/>
      <c r="AI4882" s="137"/>
      <c r="AJ4882" s="137"/>
      <c r="AK4882" s="137"/>
      <c r="AL4882" s="137"/>
      <c r="AM4882" s="137"/>
      <c r="AN4882" s="137"/>
      <c r="AO4882" s="137"/>
      <c r="AP4882" s="137"/>
      <c r="AQ4882" s="137"/>
      <c r="AR4882" s="137"/>
      <c r="AS4882" s="137"/>
      <c r="AT4882" s="137"/>
      <c r="AU4882" s="137"/>
      <c r="AV4882" s="137"/>
      <c r="AW4882" s="144"/>
    </row>
    <row r="4883" spans="7:49" x14ac:dyDescent="0.2">
      <c r="G4883" s="43"/>
      <c r="Z4883" s="143"/>
      <c r="AA4883" s="137"/>
      <c r="AB4883" s="137"/>
      <c r="AC4883" s="137"/>
      <c r="AD4883" s="137"/>
      <c r="AE4883" s="137"/>
      <c r="AF4883" s="137"/>
      <c r="AG4883" s="137"/>
      <c r="AH4883" s="137"/>
      <c r="AI4883" s="137"/>
      <c r="AJ4883" s="137"/>
      <c r="AK4883" s="137"/>
      <c r="AL4883" s="137"/>
      <c r="AM4883" s="137"/>
      <c r="AN4883" s="137"/>
      <c r="AO4883" s="137"/>
      <c r="AP4883" s="137"/>
      <c r="AQ4883" s="137"/>
      <c r="AR4883" s="137"/>
      <c r="AS4883" s="137"/>
      <c r="AT4883" s="137"/>
      <c r="AU4883" s="137"/>
      <c r="AV4883" s="137"/>
      <c r="AW4883" s="144"/>
    </row>
    <row r="4884" spans="7:49" x14ac:dyDescent="0.2">
      <c r="G4884" s="43"/>
      <c r="Z4884" s="143"/>
      <c r="AA4884" s="137"/>
      <c r="AB4884" s="137"/>
      <c r="AC4884" s="137"/>
      <c r="AD4884" s="137"/>
      <c r="AE4884" s="137"/>
      <c r="AF4884" s="137"/>
      <c r="AG4884" s="137"/>
      <c r="AH4884" s="137"/>
      <c r="AI4884" s="137"/>
      <c r="AJ4884" s="137"/>
      <c r="AK4884" s="137"/>
      <c r="AL4884" s="137"/>
      <c r="AM4884" s="137"/>
      <c r="AN4884" s="137"/>
      <c r="AO4884" s="137"/>
      <c r="AP4884" s="137"/>
      <c r="AQ4884" s="137"/>
      <c r="AR4884" s="137"/>
      <c r="AS4884" s="137"/>
      <c r="AT4884" s="137"/>
      <c r="AU4884" s="137"/>
      <c r="AV4884" s="137"/>
      <c r="AW4884" s="144"/>
    </row>
    <row r="4885" spans="7:49" x14ac:dyDescent="0.2">
      <c r="G4885" s="43"/>
      <c r="Z4885" s="143"/>
      <c r="AA4885" s="137"/>
      <c r="AB4885" s="137"/>
      <c r="AC4885" s="137"/>
      <c r="AD4885" s="137"/>
      <c r="AE4885" s="137"/>
      <c r="AF4885" s="137"/>
      <c r="AG4885" s="137"/>
      <c r="AH4885" s="137"/>
      <c r="AI4885" s="137"/>
      <c r="AJ4885" s="137"/>
      <c r="AK4885" s="137"/>
      <c r="AL4885" s="137"/>
      <c r="AM4885" s="137"/>
      <c r="AN4885" s="137"/>
      <c r="AO4885" s="137"/>
      <c r="AP4885" s="137"/>
      <c r="AQ4885" s="137"/>
      <c r="AR4885" s="137"/>
      <c r="AS4885" s="137"/>
      <c r="AT4885" s="137"/>
      <c r="AU4885" s="137"/>
      <c r="AV4885" s="137"/>
      <c r="AW4885" s="144"/>
    </row>
    <row r="4886" spans="7:49" x14ac:dyDescent="0.2">
      <c r="G4886" s="43"/>
      <c r="Z4886" s="143"/>
      <c r="AA4886" s="137"/>
      <c r="AB4886" s="137"/>
      <c r="AC4886" s="137"/>
      <c r="AD4886" s="137"/>
      <c r="AE4886" s="137"/>
      <c r="AF4886" s="137"/>
      <c r="AG4886" s="137"/>
      <c r="AH4886" s="137"/>
      <c r="AI4886" s="137"/>
      <c r="AJ4886" s="137"/>
      <c r="AK4886" s="137"/>
      <c r="AL4886" s="137"/>
      <c r="AM4886" s="137"/>
      <c r="AN4886" s="137"/>
      <c r="AO4886" s="137"/>
      <c r="AP4886" s="137"/>
      <c r="AQ4886" s="137"/>
      <c r="AR4886" s="137"/>
      <c r="AS4886" s="137"/>
      <c r="AT4886" s="137"/>
      <c r="AU4886" s="137"/>
      <c r="AV4886" s="137"/>
      <c r="AW4886" s="144"/>
    </row>
    <row r="4887" spans="7:49" x14ac:dyDescent="0.2">
      <c r="G4887" s="43"/>
      <c r="Z4887" s="143"/>
      <c r="AA4887" s="137"/>
      <c r="AB4887" s="137"/>
      <c r="AC4887" s="137"/>
      <c r="AD4887" s="137"/>
      <c r="AE4887" s="137"/>
      <c r="AF4887" s="137"/>
      <c r="AG4887" s="137"/>
      <c r="AH4887" s="137"/>
      <c r="AI4887" s="137"/>
      <c r="AJ4887" s="137"/>
      <c r="AK4887" s="137"/>
      <c r="AL4887" s="137"/>
      <c r="AM4887" s="137"/>
      <c r="AN4887" s="137"/>
      <c r="AO4887" s="137"/>
      <c r="AP4887" s="137"/>
      <c r="AQ4887" s="137"/>
      <c r="AR4887" s="137"/>
      <c r="AS4887" s="137"/>
      <c r="AT4887" s="137"/>
      <c r="AU4887" s="137"/>
      <c r="AV4887" s="137"/>
      <c r="AW4887" s="144"/>
    </row>
    <row r="4888" spans="7:49" x14ac:dyDescent="0.2">
      <c r="G4888" s="43"/>
      <c r="Z4888" s="143"/>
      <c r="AA4888" s="137"/>
      <c r="AB4888" s="137"/>
      <c r="AC4888" s="137"/>
      <c r="AD4888" s="137"/>
      <c r="AE4888" s="137"/>
      <c r="AF4888" s="137"/>
      <c r="AG4888" s="137"/>
      <c r="AH4888" s="137"/>
      <c r="AI4888" s="137"/>
      <c r="AJ4888" s="137"/>
      <c r="AK4888" s="137"/>
      <c r="AL4888" s="137"/>
      <c r="AM4888" s="137"/>
      <c r="AN4888" s="137"/>
      <c r="AO4888" s="137"/>
      <c r="AP4888" s="137"/>
      <c r="AQ4888" s="137"/>
      <c r="AR4888" s="137"/>
      <c r="AS4888" s="137"/>
      <c r="AT4888" s="137"/>
      <c r="AU4888" s="137"/>
      <c r="AV4888" s="137"/>
      <c r="AW4888" s="144"/>
    </row>
    <row r="4889" spans="7:49" x14ac:dyDescent="0.2">
      <c r="G4889" s="43"/>
      <c r="Z4889" s="143"/>
      <c r="AA4889" s="137"/>
      <c r="AB4889" s="137"/>
      <c r="AC4889" s="137"/>
      <c r="AD4889" s="137"/>
      <c r="AE4889" s="137"/>
      <c r="AF4889" s="137"/>
      <c r="AG4889" s="137"/>
      <c r="AH4889" s="137"/>
      <c r="AI4889" s="137"/>
      <c r="AJ4889" s="137"/>
      <c r="AK4889" s="137"/>
      <c r="AL4889" s="137"/>
      <c r="AM4889" s="137"/>
      <c r="AN4889" s="137"/>
      <c r="AO4889" s="137"/>
      <c r="AP4889" s="137"/>
      <c r="AQ4889" s="137"/>
      <c r="AR4889" s="137"/>
      <c r="AS4889" s="137"/>
      <c r="AT4889" s="137"/>
      <c r="AU4889" s="137"/>
      <c r="AV4889" s="137"/>
      <c r="AW4889" s="144"/>
    </row>
    <row r="4890" spans="7:49" x14ac:dyDescent="0.2">
      <c r="G4890" s="43"/>
      <c r="Z4890" s="143"/>
      <c r="AA4890" s="137"/>
      <c r="AB4890" s="137"/>
      <c r="AC4890" s="137"/>
      <c r="AD4890" s="137"/>
      <c r="AE4890" s="137"/>
      <c r="AF4890" s="137"/>
      <c r="AG4890" s="137"/>
      <c r="AH4890" s="137"/>
      <c r="AI4890" s="137"/>
      <c r="AJ4890" s="137"/>
      <c r="AK4890" s="137"/>
      <c r="AL4890" s="137"/>
      <c r="AM4890" s="137"/>
      <c r="AN4890" s="137"/>
      <c r="AO4890" s="137"/>
      <c r="AP4890" s="137"/>
      <c r="AQ4890" s="137"/>
      <c r="AR4890" s="137"/>
      <c r="AS4890" s="137"/>
      <c r="AT4890" s="137"/>
      <c r="AU4890" s="137"/>
      <c r="AV4890" s="137"/>
      <c r="AW4890" s="144"/>
    </row>
    <row r="4891" spans="7:49" x14ac:dyDescent="0.2">
      <c r="G4891" s="43"/>
      <c r="Z4891" s="143"/>
      <c r="AA4891" s="137"/>
      <c r="AB4891" s="137"/>
      <c r="AC4891" s="137"/>
      <c r="AD4891" s="137"/>
      <c r="AE4891" s="137"/>
      <c r="AF4891" s="137"/>
      <c r="AG4891" s="137"/>
      <c r="AH4891" s="137"/>
      <c r="AI4891" s="137"/>
      <c r="AJ4891" s="137"/>
      <c r="AK4891" s="137"/>
      <c r="AL4891" s="137"/>
      <c r="AM4891" s="137"/>
      <c r="AN4891" s="137"/>
      <c r="AO4891" s="137"/>
      <c r="AP4891" s="137"/>
      <c r="AQ4891" s="137"/>
      <c r="AR4891" s="137"/>
      <c r="AS4891" s="137"/>
      <c r="AT4891" s="137"/>
      <c r="AU4891" s="137"/>
      <c r="AV4891" s="137"/>
      <c r="AW4891" s="144"/>
    </row>
    <row r="4892" spans="7:49" x14ac:dyDescent="0.2">
      <c r="G4892" s="43"/>
      <c r="Z4892" s="143"/>
      <c r="AA4892" s="137"/>
      <c r="AB4892" s="137"/>
      <c r="AC4892" s="137"/>
      <c r="AD4892" s="137"/>
      <c r="AE4892" s="137"/>
      <c r="AF4892" s="137"/>
      <c r="AG4892" s="137"/>
      <c r="AH4892" s="137"/>
      <c r="AI4892" s="137"/>
      <c r="AJ4892" s="137"/>
      <c r="AK4892" s="137"/>
      <c r="AL4892" s="137"/>
      <c r="AM4892" s="137"/>
      <c r="AN4892" s="137"/>
      <c r="AO4892" s="137"/>
      <c r="AP4892" s="137"/>
      <c r="AQ4892" s="137"/>
      <c r="AR4892" s="137"/>
      <c r="AS4892" s="137"/>
      <c r="AT4892" s="137"/>
      <c r="AU4892" s="137"/>
      <c r="AV4892" s="137"/>
      <c r="AW4892" s="144"/>
    </row>
    <row r="4893" spans="7:49" x14ac:dyDescent="0.2">
      <c r="G4893" s="43"/>
      <c r="Z4893" s="143"/>
      <c r="AA4893" s="137"/>
      <c r="AB4893" s="137"/>
      <c r="AC4893" s="137"/>
      <c r="AD4893" s="137"/>
      <c r="AE4893" s="137"/>
      <c r="AF4893" s="137"/>
      <c r="AG4893" s="137"/>
      <c r="AH4893" s="137"/>
      <c r="AI4893" s="137"/>
      <c r="AJ4893" s="137"/>
      <c r="AK4893" s="137"/>
      <c r="AL4893" s="137"/>
      <c r="AM4893" s="137"/>
      <c r="AN4893" s="137"/>
      <c r="AO4893" s="137"/>
      <c r="AP4893" s="137"/>
      <c r="AQ4893" s="137"/>
      <c r="AR4893" s="137"/>
      <c r="AS4893" s="137"/>
      <c r="AT4893" s="137"/>
      <c r="AU4893" s="137"/>
      <c r="AV4893" s="137"/>
      <c r="AW4893" s="144"/>
    </row>
    <row r="4894" spans="7:49" x14ac:dyDescent="0.2">
      <c r="G4894" s="43"/>
      <c r="Z4894" s="143"/>
      <c r="AA4894" s="137"/>
      <c r="AB4894" s="137"/>
      <c r="AC4894" s="137"/>
      <c r="AD4894" s="137"/>
      <c r="AE4894" s="137"/>
      <c r="AF4894" s="137"/>
      <c r="AG4894" s="137"/>
      <c r="AH4894" s="137"/>
      <c r="AI4894" s="137"/>
      <c r="AJ4894" s="137"/>
      <c r="AK4894" s="137"/>
      <c r="AL4894" s="137"/>
      <c r="AM4894" s="137"/>
      <c r="AN4894" s="137"/>
      <c r="AO4894" s="137"/>
      <c r="AP4894" s="137"/>
      <c r="AQ4894" s="137"/>
      <c r="AR4894" s="137"/>
      <c r="AS4894" s="137"/>
      <c r="AT4894" s="137"/>
      <c r="AU4894" s="137"/>
      <c r="AV4894" s="137"/>
      <c r="AW4894" s="144"/>
    </row>
    <row r="4895" spans="7:49" x14ac:dyDescent="0.2">
      <c r="G4895" s="43"/>
      <c r="Z4895" s="143"/>
      <c r="AA4895" s="137"/>
      <c r="AB4895" s="137"/>
      <c r="AC4895" s="137"/>
      <c r="AD4895" s="137"/>
      <c r="AE4895" s="137"/>
      <c r="AF4895" s="137"/>
      <c r="AG4895" s="137"/>
      <c r="AH4895" s="137"/>
      <c r="AI4895" s="137"/>
      <c r="AJ4895" s="137"/>
      <c r="AK4895" s="137"/>
      <c r="AL4895" s="137"/>
      <c r="AM4895" s="137"/>
      <c r="AN4895" s="137"/>
      <c r="AO4895" s="137"/>
      <c r="AP4895" s="137"/>
      <c r="AQ4895" s="137"/>
      <c r="AR4895" s="137"/>
      <c r="AS4895" s="137"/>
      <c r="AT4895" s="137"/>
      <c r="AU4895" s="137"/>
      <c r="AV4895" s="137"/>
      <c r="AW4895" s="144"/>
    </row>
    <row r="4896" spans="7:49" x14ac:dyDescent="0.2">
      <c r="G4896" s="43"/>
      <c r="Z4896" s="143"/>
      <c r="AA4896" s="137"/>
      <c r="AB4896" s="137"/>
      <c r="AC4896" s="137"/>
      <c r="AD4896" s="137"/>
      <c r="AE4896" s="137"/>
      <c r="AF4896" s="137"/>
      <c r="AG4896" s="137"/>
      <c r="AH4896" s="137"/>
      <c r="AI4896" s="137"/>
      <c r="AJ4896" s="137"/>
      <c r="AK4896" s="137"/>
      <c r="AL4896" s="137"/>
      <c r="AM4896" s="137"/>
      <c r="AN4896" s="137"/>
      <c r="AO4896" s="137"/>
      <c r="AP4896" s="137"/>
      <c r="AQ4896" s="137"/>
      <c r="AR4896" s="137"/>
      <c r="AS4896" s="137"/>
      <c r="AT4896" s="137"/>
      <c r="AU4896" s="137"/>
      <c r="AV4896" s="137"/>
      <c r="AW4896" s="144"/>
    </row>
    <row r="4897" spans="7:49" x14ac:dyDescent="0.2">
      <c r="G4897" s="43"/>
      <c r="Z4897" s="143"/>
      <c r="AA4897" s="137"/>
      <c r="AB4897" s="137"/>
      <c r="AC4897" s="137"/>
      <c r="AD4897" s="137"/>
      <c r="AE4897" s="137"/>
      <c r="AF4897" s="137"/>
      <c r="AG4897" s="137"/>
      <c r="AH4897" s="137"/>
      <c r="AI4897" s="137"/>
      <c r="AJ4897" s="137"/>
      <c r="AK4897" s="137"/>
      <c r="AL4897" s="137"/>
      <c r="AM4897" s="137"/>
      <c r="AN4897" s="137"/>
      <c r="AO4897" s="137"/>
      <c r="AP4897" s="137"/>
      <c r="AQ4897" s="137"/>
      <c r="AR4897" s="137"/>
      <c r="AS4897" s="137"/>
      <c r="AT4897" s="137"/>
      <c r="AU4897" s="137"/>
      <c r="AV4897" s="137"/>
      <c r="AW4897" s="144"/>
    </row>
    <row r="4898" spans="7:49" x14ac:dyDescent="0.2">
      <c r="G4898" s="43"/>
      <c r="Z4898" s="143"/>
      <c r="AA4898" s="137"/>
      <c r="AB4898" s="137"/>
      <c r="AC4898" s="137"/>
      <c r="AD4898" s="137"/>
      <c r="AE4898" s="137"/>
      <c r="AF4898" s="137"/>
      <c r="AG4898" s="137"/>
      <c r="AH4898" s="137"/>
      <c r="AI4898" s="137"/>
      <c r="AJ4898" s="137"/>
      <c r="AK4898" s="137"/>
      <c r="AL4898" s="137"/>
      <c r="AM4898" s="137"/>
      <c r="AN4898" s="137"/>
      <c r="AO4898" s="137"/>
      <c r="AP4898" s="137"/>
      <c r="AQ4898" s="137"/>
      <c r="AR4898" s="137"/>
      <c r="AS4898" s="137"/>
      <c r="AT4898" s="137"/>
      <c r="AU4898" s="137"/>
      <c r="AV4898" s="137"/>
      <c r="AW4898" s="144"/>
    </row>
    <row r="4899" spans="7:49" x14ac:dyDescent="0.2">
      <c r="G4899" s="43"/>
      <c r="Z4899" s="143"/>
      <c r="AA4899" s="137"/>
      <c r="AB4899" s="137"/>
      <c r="AC4899" s="137"/>
      <c r="AD4899" s="137"/>
      <c r="AE4899" s="137"/>
      <c r="AF4899" s="137"/>
      <c r="AG4899" s="137"/>
      <c r="AH4899" s="137"/>
      <c r="AI4899" s="137"/>
      <c r="AJ4899" s="137"/>
      <c r="AK4899" s="137"/>
      <c r="AL4899" s="137"/>
      <c r="AM4899" s="137"/>
      <c r="AN4899" s="137"/>
      <c r="AO4899" s="137"/>
      <c r="AP4899" s="137"/>
      <c r="AQ4899" s="137"/>
      <c r="AR4899" s="137"/>
      <c r="AS4899" s="137"/>
      <c r="AT4899" s="137"/>
      <c r="AU4899" s="137"/>
      <c r="AV4899" s="137"/>
      <c r="AW4899" s="144"/>
    </row>
    <row r="4900" spans="7:49" x14ac:dyDescent="0.2">
      <c r="G4900" s="43"/>
      <c r="Z4900" s="143"/>
      <c r="AA4900" s="137"/>
      <c r="AB4900" s="137"/>
      <c r="AC4900" s="137"/>
      <c r="AD4900" s="137"/>
      <c r="AE4900" s="137"/>
      <c r="AF4900" s="137"/>
      <c r="AG4900" s="137"/>
      <c r="AH4900" s="137"/>
      <c r="AI4900" s="137"/>
      <c r="AJ4900" s="137"/>
      <c r="AK4900" s="137"/>
      <c r="AL4900" s="137"/>
      <c r="AM4900" s="137"/>
      <c r="AN4900" s="137"/>
      <c r="AO4900" s="137"/>
      <c r="AP4900" s="137"/>
      <c r="AQ4900" s="137"/>
      <c r="AR4900" s="137"/>
      <c r="AS4900" s="137"/>
      <c r="AT4900" s="137"/>
      <c r="AU4900" s="137"/>
      <c r="AV4900" s="137"/>
      <c r="AW4900" s="144"/>
    </row>
    <row r="4901" spans="7:49" x14ac:dyDescent="0.2">
      <c r="G4901" s="43"/>
      <c r="Z4901" s="143"/>
      <c r="AA4901" s="137"/>
      <c r="AB4901" s="137"/>
      <c r="AC4901" s="137"/>
      <c r="AD4901" s="137"/>
      <c r="AE4901" s="137"/>
      <c r="AF4901" s="137"/>
      <c r="AG4901" s="137"/>
      <c r="AH4901" s="137"/>
      <c r="AI4901" s="137"/>
      <c r="AJ4901" s="137"/>
      <c r="AK4901" s="137"/>
      <c r="AL4901" s="137"/>
      <c r="AM4901" s="137"/>
      <c r="AN4901" s="137"/>
      <c r="AO4901" s="137"/>
      <c r="AP4901" s="137"/>
      <c r="AQ4901" s="137"/>
      <c r="AR4901" s="137"/>
      <c r="AS4901" s="137"/>
      <c r="AT4901" s="137"/>
      <c r="AU4901" s="137"/>
      <c r="AV4901" s="137"/>
      <c r="AW4901" s="144"/>
    </row>
    <row r="4902" spans="7:49" x14ac:dyDescent="0.2">
      <c r="G4902" s="43"/>
      <c r="Z4902" s="143"/>
      <c r="AA4902" s="137"/>
      <c r="AB4902" s="137"/>
      <c r="AC4902" s="137"/>
      <c r="AD4902" s="137"/>
      <c r="AE4902" s="137"/>
      <c r="AF4902" s="137"/>
      <c r="AG4902" s="137"/>
      <c r="AH4902" s="137"/>
      <c r="AI4902" s="137"/>
      <c r="AJ4902" s="137"/>
      <c r="AK4902" s="137"/>
      <c r="AL4902" s="137"/>
      <c r="AM4902" s="137"/>
      <c r="AN4902" s="137"/>
      <c r="AO4902" s="137"/>
      <c r="AP4902" s="137"/>
      <c r="AQ4902" s="137"/>
      <c r="AR4902" s="137"/>
      <c r="AS4902" s="137"/>
      <c r="AT4902" s="137"/>
      <c r="AU4902" s="137"/>
      <c r="AV4902" s="137"/>
      <c r="AW4902" s="144"/>
    </row>
    <row r="4903" spans="7:49" x14ac:dyDescent="0.2">
      <c r="G4903" s="43"/>
      <c r="Z4903" s="143"/>
      <c r="AA4903" s="137"/>
      <c r="AB4903" s="137"/>
      <c r="AC4903" s="137"/>
      <c r="AD4903" s="137"/>
      <c r="AE4903" s="137"/>
      <c r="AF4903" s="137"/>
      <c r="AG4903" s="137"/>
      <c r="AH4903" s="137"/>
      <c r="AI4903" s="137"/>
      <c r="AJ4903" s="137"/>
      <c r="AK4903" s="137"/>
      <c r="AL4903" s="137"/>
      <c r="AM4903" s="137"/>
      <c r="AN4903" s="137"/>
      <c r="AO4903" s="137"/>
      <c r="AP4903" s="137"/>
      <c r="AQ4903" s="137"/>
      <c r="AR4903" s="137"/>
      <c r="AS4903" s="137"/>
      <c r="AT4903" s="137"/>
      <c r="AU4903" s="137"/>
      <c r="AV4903" s="137"/>
      <c r="AW4903" s="144"/>
    </row>
    <row r="4904" spans="7:49" x14ac:dyDescent="0.2">
      <c r="G4904" s="43"/>
      <c r="Z4904" s="143"/>
      <c r="AA4904" s="137"/>
      <c r="AB4904" s="137"/>
      <c r="AC4904" s="137"/>
      <c r="AD4904" s="137"/>
      <c r="AE4904" s="137"/>
      <c r="AF4904" s="137"/>
      <c r="AG4904" s="137"/>
      <c r="AH4904" s="137"/>
      <c r="AI4904" s="137"/>
      <c r="AJ4904" s="137"/>
      <c r="AK4904" s="137"/>
      <c r="AL4904" s="137"/>
      <c r="AM4904" s="137"/>
      <c r="AN4904" s="137"/>
      <c r="AO4904" s="137"/>
      <c r="AP4904" s="137"/>
      <c r="AQ4904" s="137"/>
      <c r="AR4904" s="137"/>
      <c r="AS4904" s="137"/>
      <c r="AT4904" s="137"/>
      <c r="AU4904" s="137"/>
      <c r="AV4904" s="137"/>
      <c r="AW4904" s="144"/>
    </row>
    <row r="4905" spans="7:49" x14ac:dyDescent="0.2">
      <c r="G4905" s="43"/>
      <c r="Z4905" s="143"/>
      <c r="AA4905" s="137"/>
      <c r="AB4905" s="137"/>
      <c r="AC4905" s="137"/>
      <c r="AD4905" s="137"/>
      <c r="AE4905" s="137"/>
      <c r="AF4905" s="137"/>
      <c r="AG4905" s="137"/>
      <c r="AH4905" s="137"/>
      <c r="AI4905" s="137"/>
      <c r="AJ4905" s="137"/>
      <c r="AK4905" s="137"/>
      <c r="AL4905" s="137"/>
      <c r="AM4905" s="137"/>
      <c r="AN4905" s="137"/>
      <c r="AO4905" s="137"/>
      <c r="AP4905" s="137"/>
      <c r="AQ4905" s="137"/>
      <c r="AR4905" s="137"/>
      <c r="AS4905" s="137"/>
      <c r="AT4905" s="137"/>
      <c r="AU4905" s="137"/>
      <c r="AV4905" s="137"/>
      <c r="AW4905" s="144"/>
    </row>
    <row r="4906" spans="7:49" x14ac:dyDescent="0.2">
      <c r="G4906" s="43"/>
      <c r="Z4906" s="143"/>
      <c r="AA4906" s="137"/>
      <c r="AB4906" s="137"/>
      <c r="AC4906" s="137"/>
      <c r="AD4906" s="137"/>
      <c r="AE4906" s="137"/>
      <c r="AF4906" s="137"/>
      <c r="AG4906" s="137"/>
      <c r="AH4906" s="137"/>
      <c r="AI4906" s="137"/>
      <c r="AJ4906" s="137"/>
      <c r="AK4906" s="137"/>
      <c r="AL4906" s="137"/>
      <c r="AM4906" s="137"/>
      <c r="AN4906" s="137"/>
      <c r="AO4906" s="137"/>
      <c r="AP4906" s="137"/>
      <c r="AQ4906" s="137"/>
      <c r="AR4906" s="137"/>
      <c r="AS4906" s="137"/>
      <c r="AT4906" s="137"/>
      <c r="AU4906" s="137"/>
      <c r="AV4906" s="137"/>
      <c r="AW4906" s="144"/>
    </row>
    <row r="4907" spans="7:49" x14ac:dyDescent="0.2">
      <c r="G4907" s="43"/>
      <c r="Z4907" s="143"/>
      <c r="AA4907" s="137"/>
      <c r="AB4907" s="137"/>
      <c r="AC4907" s="137"/>
      <c r="AD4907" s="137"/>
      <c r="AE4907" s="137"/>
      <c r="AF4907" s="137"/>
      <c r="AG4907" s="137"/>
      <c r="AH4907" s="137"/>
      <c r="AI4907" s="137"/>
      <c r="AJ4907" s="137"/>
      <c r="AK4907" s="137"/>
      <c r="AL4907" s="137"/>
      <c r="AM4907" s="137"/>
      <c r="AN4907" s="137"/>
      <c r="AO4907" s="137"/>
      <c r="AP4907" s="137"/>
      <c r="AQ4907" s="137"/>
      <c r="AR4907" s="137"/>
      <c r="AS4907" s="137"/>
      <c r="AT4907" s="137"/>
      <c r="AU4907" s="137"/>
      <c r="AV4907" s="137"/>
      <c r="AW4907" s="144"/>
    </row>
    <row r="4908" spans="7:49" x14ac:dyDescent="0.2">
      <c r="G4908" s="43"/>
      <c r="Z4908" s="143"/>
      <c r="AA4908" s="137"/>
      <c r="AB4908" s="137"/>
      <c r="AC4908" s="137"/>
      <c r="AD4908" s="137"/>
      <c r="AE4908" s="137"/>
      <c r="AF4908" s="137"/>
      <c r="AG4908" s="137"/>
      <c r="AH4908" s="137"/>
      <c r="AI4908" s="137"/>
      <c r="AJ4908" s="137"/>
      <c r="AK4908" s="137"/>
      <c r="AL4908" s="137"/>
      <c r="AM4908" s="137"/>
      <c r="AN4908" s="137"/>
      <c r="AO4908" s="137"/>
      <c r="AP4908" s="137"/>
      <c r="AQ4908" s="137"/>
      <c r="AR4908" s="137"/>
      <c r="AS4908" s="137"/>
      <c r="AT4908" s="137"/>
      <c r="AU4908" s="137"/>
      <c r="AV4908" s="137"/>
      <c r="AW4908" s="144"/>
    </row>
    <row r="4909" spans="7:49" x14ac:dyDescent="0.2">
      <c r="G4909" s="43"/>
      <c r="Z4909" s="143"/>
      <c r="AA4909" s="137"/>
      <c r="AB4909" s="137"/>
      <c r="AC4909" s="137"/>
      <c r="AD4909" s="137"/>
      <c r="AE4909" s="137"/>
      <c r="AF4909" s="137"/>
      <c r="AG4909" s="137"/>
      <c r="AH4909" s="137"/>
      <c r="AI4909" s="137"/>
      <c r="AJ4909" s="137"/>
      <c r="AK4909" s="137"/>
      <c r="AL4909" s="137"/>
      <c r="AM4909" s="137"/>
      <c r="AN4909" s="137"/>
      <c r="AO4909" s="137"/>
      <c r="AP4909" s="137"/>
      <c r="AQ4909" s="137"/>
      <c r="AR4909" s="137"/>
      <c r="AS4909" s="137"/>
      <c r="AT4909" s="137"/>
      <c r="AU4909" s="137"/>
      <c r="AV4909" s="137"/>
      <c r="AW4909" s="144"/>
    </row>
    <row r="4910" spans="7:49" x14ac:dyDescent="0.2">
      <c r="G4910" s="43"/>
      <c r="Z4910" s="143"/>
      <c r="AA4910" s="137"/>
      <c r="AB4910" s="137"/>
      <c r="AC4910" s="137"/>
      <c r="AD4910" s="137"/>
      <c r="AE4910" s="137"/>
      <c r="AF4910" s="137"/>
      <c r="AG4910" s="137"/>
      <c r="AH4910" s="137"/>
      <c r="AI4910" s="137"/>
      <c r="AJ4910" s="137"/>
      <c r="AK4910" s="137"/>
      <c r="AL4910" s="137"/>
      <c r="AM4910" s="137"/>
      <c r="AN4910" s="137"/>
      <c r="AO4910" s="137"/>
      <c r="AP4910" s="137"/>
      <c r="AQ4910" s="137"/>
      <c r="AR4910" s="137"/>
      <c r="AS4910" s="137"/>
      <c r="AT4910" s="137"/>
      <c r="AU4910" s="137"/>
      <c r="AV4910" s="137"/>
      <c r="AW4910" s="144"/>
    </row>
    <row r="4911" spans="7:49" x14ac:dyDescent="0.2">
      <c r="G4911" s="43"/>
      <c r="Z4911" s="143"/>
      <c r="AA4911" s="137"/>
      <c r="AB4911" s="137"/>
      <c r="AC4911" s="137"/>
      <c r="AD4911" s="137"/>
      <c r="AE4911" s="137"/>
      <c r="AF4911" s="137"/>
      <c r="AG4911" s="137"/>
      <c r="AH4911" s="137"/>
      <c r="AI4911" s="137"/>
      <c r="AJ4911" s="137"/>
      <c r="AK4911" s="137"/>
      <c r="AL4911" s="137"/>
      <c r="AM4911" s="137"/>
      <c r="AN4911" s="137"/>
      <c r="AO4911" s="137"/>
      <c r="AP4911" s="137"/>
      <c r="AQ4911" s="137"/>
      <c r="AR4911" s="137"/>
      <c r="AS4911" s="137"/>
      <c r="AT4911" s="137"/>
      <c r="AU4911" s="137"/>
      <c r="AV4911" s="137"/>
      <c r="AW4911" s="144"/>
    </row>
    <row r="4912" spans="7:49" x14ac:dyDescent="0.2">
      <c r="G4912" s="43"/>
      <c r="Z4912" s="143"/>
      <c r="AA4912" s="137"/>
      <c r="AB4912" s="137"/>
      <c r="AC4912" s="137"/>
      <c r="AD4912" s="137"/>
      <c r="AE4912" s="137"/>
      <c r="AF4912" s="137"/>
      <c r="AG4912" s="137"/>
      <c r="AH4912" s="137"/>
      <c r="AI4912" s="137"/>
      <c r="AJ4912" s="137"/>
      <c r="AK4912" s="137"/>
      <c r="AL4912" s="137"/>
      <c r="AM4912" s="137"/>
      <c r="AN4912" s="137"/>
      <c r="AO4912" s="137"/>
      <c r="AP4912" s="137"/>
      <c r="AQ4912" s="137"/>
      <c r="AR4912" s="137"/>
      <c r="AS4912" s="137"/>
      <c r="AT4912" s="137"/>
      <c r="AU4912" s="137"/>
      <c r="AV4912" s="137"/>
      <c r="AW4912" s="144"/>
    </row>
    <row r="4913" spans="7:49" x14ac:dyDescent="0.2">
      <c r="G4913" s="43"/>
      <c r="Z4913" s="143"/>
      <c r="AA4913" s="137"/>
      <c r="AB4913" s="137"/>
      <c r="AC4913" s="137"/>
      <c r="AD4913" s="137"/>
      <c r="AE4913" s="137"/>
      <c r="AF4913" s="137"/>
      <c r="AG4913" s="137"/>
      <c r="AH4913" s="137"/>
      <c r="AI4913" s="137"/>
      <c r="AJ4913" s="137"/>
      <c r="AK4913" s="137"/>
      <c r="AL4913" s="137"/>
      <c r="AM4913" s="137"/>
      <c r="AN4913" s="137"/>
      <c r="AO4913" s="137"/>
      <c r="AP4913" s="137"/>
      <c r="AQ4913" s="137"/>
      <c r="AR4913" s="137"/>
      <c r="AS4913" s="137"/>
      <c r="AT4913" s="137"/>
      <c r="AU4913" s="137"/>
      <c r="AV4913" s="137"/>
      <c r="AW4913" s="144"/>
    </row>
    <row r="4914" spans="7:49" x14ac:dyDescent="0.2">
      <c r="G4914" s="43"/>
      <c r="Z4914" s="143"/>
      <c r="AA4914" s="137"/>
      <c r="AB4914" s="137"/>
      <c r="AC4914" s="137"/>
      <c r="AD4914" s="137"/>
      <c r="AE4914" s="137"/>
      <c r="AF4914" s="137"/>
      <c r="AG4914" s="137"/>
      <c r="AH4914" s="137"/>
      <c r="AI4914" s="137"/>
      <c r="AJ4914" s="137"/>
      <c r="AK4914" s="137"/>
      <c r="AL4914" s="137"/>
      <c r="AM4914" s="137"/>
      <c r="AN4914" s="137"/>
      <c r="AO4914" s="137"/>
      <c r="AP4914" s="137"/>
      <c r="AQ4914" s="137"/>
      <c r="AR4914" s="137"/>
      <c r="AS4914" s="137"/>
      <c r="AT4914" s="137"/>
      <c r="AU4914" s="137"/>
      <c r="AV4914" s="137"/>
      <c r="AW4914" s="144"/>
    </row>
    <row r="4915" spans="7:49" x14ac:dyDescent="0.2">
      <c r="G4915" s="43"/>
      <c r="Z4915" s="143"/>
      <c r="AA4915" s="137"/>
      <c r="AB4915" s="137"/>
      <c r="AC4915" s="137"/>
      <c r="AD4915" s="137"/>
      <c r="AE4915" s="137"/>
      <c r="AF4915" s="137"/>
      <c r="AG4915" s="137"/>
      <c r="AH4915" s="137"/>
      <c r="AI4915" s="137"/>
      <c r="AJ4915" s="137"/>
      <c r="AK4915" s="137"/>
      <c r="AL4915" s="137"/>
      <c r="AM4915" s="137"/>
      <c r="AN4915" s="137"/>
      <c r="AO4915" s="137"/>
      <c r="AP4915" s="137"/>
      <c r="AQ4915" s="137"/>
      <c r="AR4915" s="137"/>
      <c r="AS4915" s="137"/>
      <c r="AT4915" s="137"/>
      <c r="AU4915" s="137"/>
      <c r="AV4915" s="137"/>
      <c r="AW4915" s="144"/>
    </row>
    <row r="4916" spans="7:49" x14ac:dyDescent="0.2">
      <c r="G4916" s="43"/>
      <c r="Z4916" s="143"/>
      <c r="AA4916" s="137"/>
      <c r="AB4916" s="137"/>
      <c r="AC4916" s="137"/>
      <c r="AD4916" s="137"/>
      <c r="AE4916" s="137"/>
      <c r="AF4916" s="137"/>
      <c r="AG4916" s="137"/>
      <c r="AH4916" s="137"/>
      <c r="AI4916" s="137"/>
      <c r="AJ4916" s="137"/>
      <c r="AK4916" s="137"/>
      <c r="AL4916" s="137"/>
      <c r="AM4916" s="137"/>
      <c r="AN4916" s="137"/>
      <c r="AO4916" s="137"/>
      <c r="AP4916" s="137"/>
      <c r="AQ4916" s="137"/>
      <c r="AR4916" s="137"/>
      <c r="AS4916" s="137"/>
      <c r="AT4916" s="137"/>
      <c r="AU4916" s="137"/>
      <c r="AV4916" s="137"/>
      <c r="AW4916" s="144"/>
    </row>
    <row r="4917" spans="7:49" x14ac:dyDescent="0.2">
      <c r="G4917" s="43"/>
      <c r="Z4917" s="143"/>
      <c r="AA4917" s="137"/>
      <c r="AB4917" s="137"/>
      <c r="AC4917" s="137"/>
      <c r="AD4917" s="137"/>
      <c r="AE4917" s="137"/>
      <c r="AF4917" s="137"/>
      <c r="AG4917" s="137"/>
      <c r="AH4917" s="137"/>
      <c r="AI4917" s="137"/>
      <c r="AJ4917" s="137"/>
      <c r="AK4917" s="137"/>
      <c r="AL4917" s="137"/>
      <c r="AM4917" s="137"/>
      <c r="AN4917" s="137"/>
      <c r="AO4917" s="137"/>
      <c r="AP4917" s="137"/>
      <c r="AQ4917" s="137"/>
      <c r="AR4917" s="137"/>
      <c r="AS4917" s="137"/>
      <c r="AT4917" s="137"/>
      <c r="AU4917" s="137"/>
      <c r="AV4917" s="137"/>
      <c r="AW4917" s="144"/>
    </row>
    <row r="4918" spans="7:49" x14ac:dyDescent="0.2">
      <c r="G4918" s="43"/>
      <c r="Z4918" s="143"/>
      <c r="AA4918" s="137"/>
      <c r="AB4918" s="137"/>
      <c r="AC4918" s="137"/>
      <c r="AD4918" s="137"/>
      <c r="AE4918" s="137"/>
      <c r="AF4918" s="137"/>
      <c r="AG4918" s="137"/>
      <c r="AH4918" s="137"/>
      <c r="AI4918" s="137"/>
      <c r="AJ4918" s="137"/>
      <c r="AK4918" s="137"/>
      <c r="AL4918" s="137"/>
      <c r="AM4918" s="137"/>
      <c r="AN4918" s="137"/>
      <c r="AO4918" s="137"/>
      <c r="AP4918" s="137"/>
      <c r="AQ4918" s="137"/>
      <c r="AR4918" s="137"/>
      <c r="AS4918" s="137"/>
      <c r="AT4918" s="137"/>
      <c r="AU4918" s="137"/>
      <c r="AV4918" s="137"/>
      <c r="AW4918" s="144"/>
    </row>
    <row r="4919" spans="7:49" x14ac:dyDescent="0.2">
      <c r="G4919" s="43"/>
      <c r="Z4919" s="143"/>
      <c r="AA4919" s="137"/>
      <c r="AB4919" s="137"/>
      <c r="AC4919" s="137"/>
      <c r="AD4919" s="137"/>
      <c r="AE4919" s="137"/>
      <c r="AF4919" s="137"/>
      <c r="AG4919" s="137"/>
      <c r="AH4919" s="137"/>
      <c r="AI4919" s="137"/>
      <c r="AJ4919" s="137"/>
      <c r="AK4919" s="137"/>
      <c r="AL4919" s="137"/>
      <c r="AM4919" s="137"/>
      <c r="AN4919" s="137"/>
      <c r="AO4919" s="137"/>
      <c r="AP4919" s="137"/>
      <c r="AQ4919" s="137"/>
      <c r="AR4919" s="137"/>
      <c r="AS4919" s="137"/>
      <c r="AT4919" s="137"/>
      <c r="AU4919" s="137"/>
      <c r="AV4919" s="137"/>
      <c r="AW4919" s="144"/>
    </row>
    <row r="4920" spans="7:49" x14ac:dyDescent="0.2">
      <c r="G4920" s="43"/>
      <c r="Z4920" s="143"/>
      <c r="AA4920" s="137"/>
      <c r="AB4920" s="137"/>
      <c r="AC4920" s="137"/>
      <c r="AD4920" s="137"/>
      <c r="AE4920" s="137"/>
      <c r="AF4920" s="137"/>
      <c r="AG4920" s="137"/>
      <c r="AH4920" s="137"/>
      <c r="AI4920" s="137"/>
      <c r="AJ4920" s="137"/>
      <c r="AK4920" s="137"/>
      <c r="AL4920" s="137"/>
      <c r="AM4920" s="137"/>
      <c r="AN4920" s="137"/>
      <c r="AO4920" s="137"/>
      <c r="AP4920" s="137"/>
      <c r="AQ4920" s="137"/>
      <c r="AR4920" s="137"/>
      <c r="AS4920" s="137"/>
      <c r="AT4920" s="137"/>
      <c r="AU4920" s="137"/>
      <c r="AV4920" s="137"/>
      <c r="AW4920" s="144"/>
    </row>
    <row r="4921" spans="7:49" x14ac:dyDescent="0.2">
      <c r="G4921" s="43"/>
      <c r="Z4921" s="143"/>
      <c r="AA4921" s="137"/>
      <c r="AB4921" s="137"/>
      <c r="AC4921" s="137"/>
      <c r="AD4921" s="137"/>
      <c r="AE4921" s="137"/>
      <c r="AF4921" s="137"/>
      <c r="AG4921" s="137"/>
      <c r="AH4921" s="137"/>
      <c r="AI4921" s="137"/>
      <c r="AJ4921" s="137"/>
      <c r="AK4921" s="137"/>
      <c r="AL4921" s="137"/>
      <c r="AM4921" s="137"/>
      <c r="AN4921" s="137"/>
      <c r="AO4921" s="137"/>
      <c r="AP4921" s="137"/>
      <c r="AQ4921" s="137"/>
      <c r="AR4921" s="137"/>
      <c r="AS4921" s="137"/>
      <c r="AT4921" s="137"/>
      <c r="AU4921" s="137"/>
      <c r="AV4921" s="137"/>
      <c r="AW4921" s="144"/>
    </row>
    <row r="4922" spans="7:49" x14ac:dyDescent="0.2">
      <c r="G4922" s="43"/>
      <c r="Z4922" s="143"/>
      <c r="AA4922" s="137"/>
      <c r="AB4922" s="137"/>
      <c r="AC4922" s="137"/>
      <c r="AD4922" s="137"/>
      <c r="AE4922" s="137"/>
      <c r="AF4922" s="137"/>
      <c r="AG4922" s="137"/>
      <c r="AH4922" s="137"/>
      <c r="AI4922" s="137"/>
      <c r="AJ4922" s="137"/>
      <c r="AK4922" s="137"/>
      <c r="AL4922" s="137"/>
      <c r="AM4922" s="137"/>
      <c r="AN4922" s="137"/>
      <c r="AO4922" s="137"/>
      <c r="AP4922" s="137"/>
      <c r="AQ4922" s="137"/>
      <c r="AR4922" s="137"/>
      <c r="AS4922" s="137"/>
      <c r="AT4922" s="137"/>
      <c r="AU4922" s="137"/>
      <c r="AV4922" s="137"/>
      <c r="AW4922" s="144"/>
    </row>
    <row r="4923" spans="7:49" x14ac:dyDescent="0.2">
      <c r="G4923" s="43"/>
      <c r="Z4923" s="143"/>
      <c r="AA4923" s="137"/>
      <c r="AB4923" s="137"/>
      <c r="AC4923" s="137"/>
      <c r="AD4923" s="137"/>
      <c r="AE4923" s="137"/>
      <c r="AF4923" s="137"/>
      <c r="AG4923" s="137"/>
      <c r="AH4923" s="137"/>
      <c r="AI4923" s="137"/>
      <c r="AJ4923" s="137"/>
      <c r="AK4923" s="137"/>
      <c r="AL4923" s="137"/>
      <c r="AM4923" s="137"/>
      <c r="AN4923" s="137"/>
      <c r="AO4923" s="137"/>
      <c r="AP4923" s="137"/>
      <c r="AQ4923" s="137"/>
      <c r="AR4923" s="137"/>
      <c r="AS4923" s="137"/>
      <c r="AT4923" s="137"/>
      <c r="AU4923" s="137"/>
      <c r="AV4923" s="137"/>
      <c r="AW4923" s="144"/>
    </row>
    <row r="4924" spans="7:49" x14ac:dyDescent="0.2">
      <c r="G4924" s="43"/>
      <c r="Z4924" s="143"/>
      <c r="AA4924" s="137"/>
      <c r="AB4924" s="137"/>
      <c r="AC4924" s="137"/>
      <c r="AD4924" s="137"/>
      <c r="AE4924" s="137"/>
      <c r="AF4924" s="137"/>
      <c r="AG4924" s="137"/>
      <c r="AH4924" s="137"/>
      <c r="AI4924" s="137"/>
      <c r="AJ4924" s="137"/>
      <c r="AK4924" s="137"/>
      <c r="AL4924" s="137"/>
      <c r="AM4924" s="137"/>
      <c r="AN4924" s="137"/>
      <c r="AO4924" s="137"/>
      <c r="AP4924" s="137"/>
      <c r="AQ4924" s="137"/>
      <c r="AR4924" s="137"/>
      <c r="AS4924" s="137"/>
      <c r="AT4924" s="137"/>
      <c r="AU4924" s="137"/>
      <c r="AV4924" s="137"/>
      <c r="AW4924" s="144"/>
    </row>
    <row r="4925" spans="7:49" x14ac:dyDescent="0.2">
      <c r="G4925" s="43"/>
      <c r="Z4925" s="143"/>
      <c r="AA4925" s="137"/>
      <c r="AB4925" s="137"/>
      <c r="AC4925" s="137"/>
      <c r="AD4925" s="137"/>
      <c r="AE4925" s="137"/>
      <c r="AF4925" s="137"/>
      <c r="AG4925" s="137"/>
      <c r="AH4925" s="137"/>
      <c r="AI4925" s="137"/>
      <c r="AJ4925" s="137"/>
      <c r="AK4925" s="137"/>
      <c r="AL4925" s="137"/>
      <c r="AM4925" s="137"/>
      <c r="AN4925" s="137"/>
      <c r="AO4925" s="137"/>
      <c r="AP4925" s="137"/>
      <c r="AQ4925" s="137"/>
      <c r="AR4925" s="137"/>
      <c r="AS4925" s="137"/>
      <c r="AT4925" s="137"/>
      <c r="AU4925" s="137"/>
      <c r="AV4925" s="137"/>
      <c r="AW4925" s="144"/>
    </row>
    <row r="4926" spans="7:49" x14ac:dyDescent="0.2">
      <c r="G4926" s="43"/>
      <c r="Z4926" s="143"/>
      <c r="AA4926" s="137"/>
      <c r="AB4926" s="137"/>
      <c r="AC4926" s="137"/>
      <c r="AD4926" s="137"/>
      <c r="AE4926" s="137"/>
      <c r="AF4926" s="137"/>
      <c r="AG4926" s="137"/>
      <c r="AH4926" s="137"/>
      <c r="AI4926" s="137"/>
      <c r="AJ4926" s="137"/>
      <c r="AK4926" s="137"/>
      <c r="AL4926" s="137"/>
      <c r="AM4926" s="137"/>
      <c r="AN4926" s="137"/>
      <c r="AO4926" s="137"/>
      <c r="AP4926" s="137"/>
      <c r="AQ4926" s="137"/>
      <c r="AR4926" s="137"/>
      <c r="AS4926" s="137"/>
      <c r="AT4926" s="137"/>
      <c r="AU4926" s="137"/>
      <c r="AV4926" s="137"/>
      <c r="AW4926" s="144"/>
    </row>
    <row r="4927" spans="7:49" x14ac:dyDescent="0.2">
      <c r="G4927" s="43"/>
      <c r="Z4927" s="143"/>
      <c r="AA4927" s="137"/>
      <c r="AB4927" s="137"/>
      <c r="AC4927" s="137"/>
      <c r="AD4927" s="137"/>
      <c r="AE4927" s="137"/>
      <c r="AF4927" s="137"/>
      <c r="AG4927" s="137"/>
      <c r="AH4927" s="137"/>
      <c r="AI4927" s="137"/>
      <c r="AJ4927" s="137"/>
      <c r="AK4927" s="137"/>
      <c r="AL4927" s="137"/>
      <c r="AM4927" s="137"/>
      <c r="AN4927" s="137"/>
      <c r="AO4927" s="137"/>
      <c r="AP4927" s="137"/>
      <c r="AQ4927" s="137"/>
      <c r="AR4927" s="137"/>
      <c r="AS4927" s="137"/>
      <c r="AT4927" s="137"/>
      <c r="AU4927" s="137"/>
      <c r="AV4927" s="137"/>
      <c r="AW4927" s="144"/>
    </row>
    <row r="4928" spans="7:49" x14ac:dyDescent="0.2">
      <c r="G4928" s="43"/>
      <c r="Z4928" s="143"/>
      <c r="AA4928" s="137"/>
      <c r="AB4928" s="137"/>
      <c r="AC4928" s="137"/>
      <c r="AD4928" s="137"/>
      <c r="AE4928" s="137"/>
      <c r="AF4928" s="137"/>
      <c r="AG4928" s="137"/>
      <c r="AH4928" s="137"/>
      <c r="AI4928" s="137"/>
      <c r="AJ4928" s="137"/>
      <c r="AK4928" s="137"/>
      <c r="AL4928" s="137"/>
      <c r="AM4928" s="137"/>
      <c r="AN4928" s="137"/>
      <c r="AO4928" s="137"/>
      <c r="AP4928" s="137"/>
      <c r="AQ4928" s="137"/>
      <c r="AR4928" s="137"/>
      <c r="AS4928" s="137"/>
      <c r="AT4928" s="137"/>
      <c r="AU4928" s="137"/>
      <c r="AV4928" s="137"/>
      <c r="AW4928" s="144"/>
    </row>
    <row r="4929" spans="7:49" x14ac:dyDescent="0.2">
      <c r="G4929" s="43"/>
      <c r="Z4929" s="143"/>
      <c r="AA4929" s="137"/>
      <c r="AB4929" s="137"/>
      <c r="AC4929" s="137"/>
      <c r="AD4929" s="137"/>
      <c r="AE4929" s="137"/>
      <c r="AF4929" s="137"/>
      <c r="AG4929" s="137"/>
      <c r="AH4929" s="137"/>
      <c r="AI4929" s="137"/>
      <c r="AJ4929" s="137"/>
      <c r="AK4929" s="137"/>
      <c r="AL4929" s="137"/>
      <c r="AM4929" s="137"/>
      <c r="AN4929" s="137"/>
      <c r="AO4929" s="137"/>
      <c r="AP4929" s="137"/>
      <c r="AQ4929" s="137"/>
      <c r="AR4929" s="137"/>
      <c r="AS4929" s="137"/>
      <c r="AT4929" s="137"/>
      <c r="AU4929" s="137"/>
      <c r="AV4929" s="137"/>
      <c r="AW4929" s="144"/>
    </row>
    <row r="4930" spans="7:49" x14ac:dyDescent="0.2">
      <c r="G4930" s="43"/>
      <c r="Z4930" s="143"/>
      <c r="AA4930" s="137"/>
      <c r="AB4930" s="137"/>
      <c r="AC4930" s="137"/>
      <c r="AD4930" s="137"/>
      <c r="AE4930" s="137"/>
      <c r="AF4930" s="137"/>
      <c r="AG4930" s="137"/>
      <c r="AH4930" s="137"/>
      <c r="AI4930" s="137"/>
      <c r="AJ4930" s="137"/>
      <c r="AK4930" s="137"/>
      <c r="AL4930" s="137"/>
      <c r="AM4930" s="137"/>
      <c r="AN4930" s="137"/>
      <c r="AO4930" s="137"/>
      <c r="AP4930" s="137"/>
      <c r="AQ4930" s="137"/>
      <c r="AR4930" s="137"/>
      <c r="AS4930" s="137"/>
      <c r="AT4930" s="137"/>
      <c r="AU4930" s="137"/>
      <c r="AV4930" s="137"/>
      <c r="AW4930" s="144"/>
    </row>
    <row r="4931" spans="7:49" x14ac:dyDescent="0.2">
      <c r="G4931" s="43"/>
      <c r="Z4931" s="143"/>
      <c r="AA4931" s="137"/>
      <c r="AB4931" s="137"/>
      <c r="AC4931" s="137"/>
      <c r="AD4931" s="137"/>
      <c r="AE4931" s="137"/>
      <c r="AF4931" s="137"/>
      <c r="AG4931" s="137"/>
      <c r="AH4931" s="137"/>
      <c r="AI4931" s="137"/>
      <c r="AJ4931" s="137"/>
      <c r="AK4931" s="137"/>
      <c r="AL4931" s="137"/>
      <c r="AM4931" s="137"/>
      <c r="AN4931" s="137"/>
      <c r="AO4931" s="137"/>
      <c r="AP4931" s="137"/>
      <c r="AQ4931" s="137"/>
      <c r="AR4931" s="137"/>
      <c r="AS4931" s="137"/>
      <c r="AT4931" s="137"/>
      <c r="AU4931" s="137"/>
      <c r="AV4931" s="137"/>
      <c r="AW4931" s="144"/>
    </row>
    <row r="4932" spans="7:49" x14ac:dyDescent="0.2">
      <c r="G4932" s="43"/>
      <c r="Z4932" s="143"/>
      <c r="AA4932" s="137"/>
      <c r="AB4932" s="137"/>
      <c r="AC4932" s="137"/>
      <c r="AD4932" s="137"/>
      <c r="AE4932" s="137"/>
      <c r="AF4932" s="137"/>
      <c r="AG4932" s="137"/>
      <c r="AH4932" s="137"/>
      <c r="AI4932" s="137"/>
      <c r="AJ4932" s="137"/>
      <c r="AK4932" s="137"/>
      <c r="AL4932" s="137"/>
      <c r="AM4932" s="137"/>
      <c r="AN4932" s="137"/>
      <c r="AO4932" s="137"/>
      <c r="AP4932" s="137"/>
      <c r="AQ4932" s="137"/>
      <c r="AR4932" s="137"/>
      <c r="AS4932" s="137"/>
      <c r="AT4932" s="137"/>
      <c r="AU4932" s="137"/>
      <c r="AV4932" s="137"/>
      <c r="AW4932" s="144"/>
    </row>
    <row r="4933" spans="7:49" x14ac:dyDescent="0.2">
      <c r="G4933" s="43"/>
      <c r="Z4933" s="143"/>
      <c r="AA4933" s="137"/>
      <c r="AB4933" s="137"/>
      <c r="AC4933" s="137"/>
      <c r="AD4933" s="137"/>
      <c r="AE4933" s="137"/>
      <c r="AF4933" s="137"/>
      <c r="AG4933" s="137"/>
      <c r="AH4933" s="137"/>
      <c r="AI4933" s="137"/>
      <c r="AJ4933" s="137"/>
      <c r="AK4933" s="137"/>
      <c r="AL4933" s="137"/>
      <c r="AM4933" s="137"/>
      <c r="AN4933" s="137"/>
      <c r="AO4933" s="137"/>
      <c r="AP4933" s="137"/>
      <c r="AQ4933" s="137"/>
      <c r="AR4933" s="137"/>
      <c r="AS4933" s="137"/>
      <c r="AT4933" s="137"/>
      <c r="AU4933" s="137"/>
      <c r="AV4933" s="137"/>
      <c r="AW4933" s="144"/>
    </row>
    <row r="4934" spans="7:49" x14ac:dyDescent="0.2">
      <c r="G4934" s="43"/>
      <c r="Z4934" s="143"/>
      <c r="AA4934" s="137"/>
      <c r="AB4934" s="137"/>
      <c r="AC4934" s="137"/>
      <c r="AD4934" s="137"/>
      <c r="AE4934" s="137"/>
      <c r="AF4934" s="137"/>
      <c r="AG4934" s="137"/>
      <c r="AH4934" s="137"/>
      <c r="AI4934" s="137"/>
      <c r="AJ4934" s="137"/>
      <c r="AK4934" s="137"/>
      <c r="AL4934" s="137"/>
      <c r="AM4934" s="137"/>
      <c r="AN4934" s="137"/>
      <c r="AO4934" s="137"/>
      <c r="AP4934" s="137"/>
      <c r="AQ4934" s="137"/>
      <c r="AR4934" s="137"/>
      <c r="AS4934" s="137"/>
      <c r="AT4934" s="137"/>
      <c r="AU4934" s="137"/>
      <c r="AV4934" s="137"/>
      <c r="AW4934" s="144"/>
    </row>
    <row r="4935" spans="7:49" x14ac:dyDescent="0.2">
      <c r="G4935" s="43"/>
      <c r="Z4935" s="143"/>
      <c r="AA4935" s="137"/>
      <c r="AB4935" s="137"/>
      <c r="AC4935" s="137"/>
      <c r="AD4935" s="137"/>
      <c r="AE4935" s="137"/>
      <c r="AF4935" s="137"/>
      <c r="AG4935" s="137"/>
      <c r="AH4935" s="137"/>
      <c r="AI4935" s="137"/>
      <c r="AJ4935" s="137"/>
      <c r="AK4935" s="137"/>
      <c r="AL4935" s="137"/>
      <c r="AM4935" s="137"/>
      <c r="AN4935" s="137"/>
      <c r="AO4935" s="137"/>
      <c r="AP4935" s="137"/>
      <c r="AQ4935" s="137"/>
      <c r="AR4935" s="137"/>
      <c r="AS4935" s="137"/>
      <c r="AT4935" s="137"/>
      <c r="AU4935" s="137"/>
      <c r="AV4935" s="137"/>
      <c r="AW4935" s="144"/>
    </row>
    <row r="4936" spans="7:49" x14ac:dyDescent="0.2">
      <c r="G4936" s="43"/>
      <c r="Z4936" s="143"/>
      <c r="AA4936" s="137"/>
      <c r="AB4936" s="137"/>
      <c r="AC4936" s="137"/>
      <c r="AD4936" s="137"/>
      <c r="AE4936" s="137"/>
      <c r="AF4936" s="137"/>
      <c r="AG4936" s="137"/>
      <c r="AH4936" s="137"/>
      <c r="AI4936" s="137"/>
      <c r="AJ4936" s="137"/>
      <c r="AK4936" s="137"/>
      <c r="AL4936" s="137"/>
      <c r="AM4936" s="137"/>
      <c r="AN4936" s="137"/>
      <c r="AO4936" s="137"/>
      <c r="AP4936" s="137"/>
      <c r="AQ4936" s="137"/>
      <c r="AR4936" s="137"/>
      <c r="AS4936" s="137"/>
      <c r="AT4936" s="137"/>
      <c r="AU4936" s="137"/>
      <c r="AV4936" s="137"/>
      <c r="AW4936" s="144"/>
    </row>
    <row r="4937" spans="7:49" x14ac:dyDescent="0.2">
      <c r="G4937" s="43"/>
      <c r="Z4937" s="143"/>
      <c r="AA4937" s="137"/>
      <c r="AB4937" s="137"/>
      <c r="AC4937" s="137"/>
      <c r="AD4937" s="137"/>
      <c r="AE4937" s="137"/>
      <c r="AF4937" s="137"/>
      <c r="AG4937" s="137"/>
      <c r="AH4937" s="137"/>
      <c r="AI4937" s="137"/>
      <c r="AJ4937" s="137"/>
      <c r="AK4937" s="137"/>
      <c r="AL4937" s="137"/>
      <c r="AM4937" s="137"/>
      <c r="AN4937" s="137"/>
      <c r="AO4937" s="137"/>
      <c r="AP4937" s="137"/>
      <c r="AQ4937" s="137"/>
      <c r="AR4937" s="137"/>
      <c r="AS4937" s="137"/>
      <c r="AT4937" s="137"/>
      <c r="AU4937" s="137"/>
      <c r="AV4937" s="137"/>
      <c r="AW4937" s="144"/>
    </row>
    <row r="4938" spans="7:49" x14ac:dyDescent="0.2">
      <c r="G4938" s="43"/>
      <c r="Z4938" s="143"/>
      <c r="AA4938" s="137"/>
      <c r="AB4938" s="137"/>
      <c r="AC4938" s="137"/>
      <c r="AD4938" s="137"/>
      <c r="AE4938" s="137"/>
      <c r="AF4938" s="137"/>
      <c r="AG4938" s="137"/>
      <c r="AH4938" s="137"/>
      <c r="AI4938" s="137"/>
      <c r="AJ4938" s="137"/>
      <c r="AK4938" s="137"/>
      <c r="AL4938" s="137"/>
      <c r="AM4938" s="137"/>
      <c r="AN4938" s="137"/>
      <c r="AO4938" s="137"/>
      <c r="AP4938" s="137"/>
      <c r="AQ4938" s="137"/>
      <c r="AR4938" s="137"/>
      <c r="AS4938" s="137"/>
      <c r="AT4938" s="137"/>
      <c r="AU4938" s="137"/>
      <c r="AV4938" s="137"/>
      <c r="AW4938" s="144"/>
    </row>
    <row r="4939" spans="7:49" x14ac:dyDescent="0.2">
      <c r="G4939" s="43"/>
      <c r="Z4939" s="143"/>
      <c r="AA4939" s="137"/>
      <c r="AB4939" s="137"/>
      <c r="AC4939" s="137"/>
      <c r="AD4939" s="137"/>
      <c r="AE4939" s="137"/>
      <c r="AF4939" s="137"/>
      <c r="AG4939" s="137"/>
      <c r="AH4939" s="137"/>
      <c r="AI4939" s="137"/>
      <c r="AJ4939" s="137"/>
      <c r="AK4939" s="137"/>
      <c r="AL4939" s="137"/>
      <c r="AM4939" s="137"/>
      <c r="AN4939" s="137"/>
      <c r="AO4939" s="137"/>
      <c r="AP4939" s="137"/>
      <c r="AQ4939" s="137"/>
      <c r="AR4939" s="137"/>
      <c r="AS4939" s="137"/>
      <c r="AT4939" s="137"/>
      <c r="AU4939" s="137"/>
      <c r="AV4939" s="137"/>
      <c r="AW4939" s="144"/>
    </row>
    <row r="4940" spans="7:49" x14ac:dyDescent="0.2">
      <c r="G4940" s="43"/>
      <c r="Z4940" s="143"/>
      <c r="AA4940" s="137"/>
      <c r="AB4940" s="137"/>
      <c r="AC4940" s="137"/>
      <c r="AD4940" s="137"/>
      <c r="AE4940" s="137"/>
      <c r="AF4940" s="137"/>
      <c r="AG4940" s="137"/>
      <c r="AH4940" s="137"/>
      <c r="AI4940" s="137"/>
      <c r="AJ4940" s="137"/>
      <c r="AK4940" s="137"/>
      <c r="AL4940" s="137"/>
      <c r="AM4940" s="137"/>
      <c r="AN4940" s="137"/>
      <c r="AO4940" s="137"/>
      <c r="AP4940" s="137"/>
      <c r="AQ4940" s="137"/>
      <c r="AR4940" s="137"/>
      <c r="AS4940" s="137"/>
      <c r="AT4940" s="137"/>
      <c r="AU4940" s="137"/>
      <c r="AV4940" s="137"/>
      <c r="AW4940" s="144"/>
    </row>
    <row r="4941" spans="7:49" x14ac:dyDescent="0.2">
      <c r="G4941" s="43"/>
      <c r="Z4941" s="143"/>
      <c r="AA4941" s="137"/>
      <c r="AB4941" s="137"/>
      <c r="AC4941" s="137"/>
      <c r="AD4941" s="137"/>
      <c r="AE4941" s="137"/>
      <c r="AF4941" s="137"/>
      <c r="AG4941" s="137"/>
      <c r="AH4941" s="137"/>
      <c r="AI4941" s="137"/>
      <c r="AJ4941" s="137"/>
      <c r="AK4941" s="137"/>
      <c r="AL4941" s="137"/>
      <c r="AM4941" s="137"/>
      <c r="AN4941" s="137"/>
      <c r="AO4941" s="137"/>
      <c r="AP4941" s="137"/>
      <c r="AQ4941" s="137"/>
      <c r="AR4941" s="137"/>
      <c r="AS4941" s="137"/>
      <c r="AT4941" s="137"/>
      <c r="AU4941" s="137"/>
      <c r="AV4941" s="137"/>
      <c r="AW4941" s="144"/>
    </row>
    <row r="4942" spans="7:49" x14ac:dyDescent="0.2">
      <c r="G4942" s="43"/>
      <c r="Z4942" s="143"/>
      <c r="AA4942" s="137"/>
      <c r="AB4942" s="137"/>
      <c r="AC4942" s="137"/>
      <c r="AD4942" s="137"/>
      <c r="AE4942" s="137"/>
      <c r="AF4942" s="137"/>
      <c r="AG4942" s="137"/>
      <c r="AH4942" s="137"/>
      <c r="AI4942" s="137"/>
      <c r="AJ4942" s="137"/>
      <c r="AK4942" s="137"/>
      <c r="AL4942" s="137"/>
      <c r="AM4942" s="137"/>
      <c r="AN4942" s="137"/>
      <c r="AO4942" s="137"/>
      <c r="AP4942" s="137"/>
      <c r="AQ4942" s="137"/>
      <c r="AR4942" s="137"/>
      <c r="AS4942" s="137"/>
      <c r="AT4942" s="137"/>
      <c r="AU4942" s="137"/>
      <c r="AV4942" s="137"/>
      <c r="AW4942" s="144"/>
    </row>
    <row r="4943" spans="7:49" x14ac:dyDescent="0.2">
      <c r="G4943" s="43"/>
      <c r="Z4943" s="143"/>
      <c r="AA4943" s="137"/>
      <c r="AB4943" s="137"/>
      <c r="AC4943" s="137"/>
      <c r="AD4943" s="137"/>
      <c r="AE4943" s="137"/>
      <c r="AF4943" s="137"/>
      <c r="AG4943" s="137"/>
      <c r="AH4943" s="137"/>
      <c r="AI4943" s="137"/>
      <c r="AJ4943" s="137"/>
      <c r="AK4943" s="137"/>
      <c r="AL4943" s="137"/>
      <c r="AM4943" s="137"/>
      <c r="AN4943" s="137"/>
      <c r="AO4943" s="137"/>
      <c r="AP4943" s="137"/>
      <c r="AQ4943" s="137"/>
      <c r="AR4943" s="137"/>
      <c r="AS4943" s="137"/>
      <c r="AT4943" s="137"/>
      <c r="AU4943" s="137"/>
      <c r="AV4943" s="137"/>
      <c r="AW4943" s="144"/>
    </row>
    <row r="4944" spans="7:49" x14ac:dyDescent="0.2">
      <c r="G4944" s="43"/>
      <c r="Z4944" s="143"/>
      <c r="AA4944" s="137"/>
      <c r="AB4944" s="137"/>
      <c r="AC4944" s="137"/>
      <c r="AD4944" s="137"/>
      <c r="AE4944" s="137"/>
      <c r="AF4944" s="137"/>
      <c r="AG4944" s="137"/>
      <c r="AH4944" s="137"/>
      <c r="AI4944" s="137"/>
      <c r="AJ4944" s="137"/>
      <c r="AK4944" s="137"/>
      <c r="AL4944" s="137"/>
      <c r="AM4944" s="137"/>
      <c r="AN4944" s="137"/>
      <c r="AO4944" s="137"/>
      <c r="AP4944" s="137"/>
      <c r="AQ4944" s="137"/>
      <c r="AR4944" s="137"/>
      <c r="AS4944" s="137"/>
      <c r="AT4944" s="137"/>
      <c r="AU4944" s="137"/>
      <c r="AV4944" s="137"/>
      <c r="AW4944" s="144"/>
    </row>
    <row r="4945" spans="7:49" x14ac:dyDescent="0.2">
      <c r="G4945" s="43"/>
      <c r="Z4945" s="143"/>
      <c r="AA4945" s="137"/>
      <c r="AB4945" s="137"/>
      <c r="AC4945" s="137"/>
      <c r="AD4945" s="137"/>
      <c r="AE4945" s="137"/>
      <c r="AF4945" s="137"/>
      <c r="AG4945" s="137"/>
      <c r="AH4945" s="137"/>
      <c r="AI4945" s="137"/>
      <c r="AJ4945" s="137"/>
      <c r="AK4945" s="137"/>
      <c r="AL4945" s="137"/>
      <c r="AM4945" s="137"/>
      <c r="AN4945" s="137"/>
      <c r="AO4945" s="137"/>
      <c r="AP4945" s="137"/>
      <c r="AQ4945" s="137"/>
      <c r="AR4945" s="137"/>
      <c r="AS4945" s="137"/>
      <c r="AT4945" s="137"/>
      <c r="AU4945" s="137"/>
      <c r="AV4945" s="137"/>
      <c r="AW4945" s="144"/>
    </row>
    <row r="4946" spans="7:49" x14ac:dyDescent="0.2">
      <c r="G4946" s="43"/>
      <c r="Z4946" s="143"/>
      <c r="AA4946" s="137"/>
      <c r="AB4946" s="137"/>
      <c r="AC4946" s="137"/>
      <c r="AD4946" s="137"/>
      <c r="AE4946" s="137"/>
      <c r="AF4946" s="137"/>
      <c r="AG4946" s="137"/>
      <c r="AH4946" s="137"/>
      <c r="AI4946" s="137"/>
      <c r="AJ4946" s="137"/>
      <c r="AK4946" s="137"/>
      <c r="AL4946" s="137"/>
      <c r="AM4946" s="137"/>
      <c r="AN4946" s="137"/>
      <c r="AO4946" s="137"/>
      <c r="AP4946" s="137"/>
      <c r="AQ4946" s="137"/>
      <c r="AR4946" s="137"/>
      <c r="AS4946" s="137"/>
      <c r="AT4946" s="137"/>
      <c r="AU4946" s="137"/>
      <c r="AV4946" s="137"/>
      <c r="AW4946" s="144"/>
    </row>
    <row r="4947" spans="7:49" x14ac:dyDescent="0.2">
      <c r="G4947" s="43"/>
      <c r="Z4947" s="143"/>
      <c r="AA4947" s="137"/>
      <c r="AB4947" s="137"/>
      <c r="AC4947" s="137"/>
      <c r="AD4947" s="137"/>
      <c r="AE4947" s="137"/>
      <c r="AF4947" s="137"/>
      <c r="AG4947" s="137"/>
      <c r="AH4947" s="137"/>
      <c r="AI4947" s="137"/>
      <c r="AJ4947" s="137"/>
      <c r="AK4947" s="137"/>
      <c r="AL4947" s="137"/>
      <c r="AM4947" s="137"/>
      <c r="AN4947" s="137"/>
      <c r="AO4947" s="137"/>
      <c r="AP4947" s="137"/>
      <c r="AQ4947" s="137"/>
      <c r="AR4947" s="137"/>
      <c r="AS4947" s="137"/>
      <c r="AT4947" s="137"/>
      <c r="AU4947" s="137"/>
      <c r="AV4947" s="137"/>
      <c r="AW4947" s="144"/>
    </row>
    <row r="4948" spans="7:49" x14ac:dyDescent="0.2">
      <c r="G4948" s="43"/>
      <c r="Z4948" s="143"/>
      <c r="AA4948" s="137"/>
      <c r="AB4948" s="137"/>
      <c r="AC4948" s="137"/>
      <c r="AD4948" s="137"/>
      <c r="AE4948" s="137"/>
      <c r="AF4948" s="137"/>
      <c r="AG4948" s="137"/>
      <c r="AH4948" s="137"/>
      <c r="AI4948" s="137"/>
      <c r="AJ4948" s="137"/>
      <c r="AK4948" s="137"/>
      <c r="AL4948" s="137"/>
      <c r="AM4948" s="137"/>
      <c r="AN4948" s="137"/>
      <c r="AO4948" s="137"/>
      <c r="AP4948" s="137"/>
      <c r="AQ4948" s="137"/>
      <c r="AR4948" s="137"/>
      <c r="AS4948" s="137"/>
      <c r="AT4948" s="137"/>
      <c r="AU4948" s="137"/>
      <c r="AV4948" s="137"/>
      <c r="AW4948" s="144"/>
    </row>
    <row r="4949" spans="7:49" x14ac:dyDescent="0.2">
      <c r="G4949" s="43"/>
      <c r="Z4949" s="143"/>
      <c r="AA4949" s="137"/>
      <c r="AB4949" s="137"/>
      <c r="AC4949" s="137"/>
      <c r="AD4949" s="137"/>
      <c r="AE4949" s="137"/>
      <c r="AF4949" s="137"/>
      <c r="AG4949" s="137"/>
      <c r="AH4949" s="137"/>
      <c r="AI4949" s="137"/>
      <c r="AJ4949" s="137"/>
      <c r="AK4949" s="137"/>
      <c r="AL4949" s="137"/>
      <c r="AM4949" s="137"/>
      <c r="AN4949" s="137"/>
      <c r="AO4949" s="137"/>
      <c r="AP4949" s="137"/>
      <c r="AQ4949" s="137"/>
      <c r="AR4949" s="137"/>
      <c r="AS4949" s="137"/>
      <c r="AT4949" s="137"/>
      <c r="AU4949" s="137"/>
      <c r="AV4949" s="137"/>
      <c r="AW4949" s="144"/>
    </row>
    <row r="4950" spans="7:49" x14ac:dyDescent="0.2">
      <c r="G4950" s="43"/>
      <c r="Z4950" s="143"/>
      <c r="AA4950" s="137"/>
      <c r="AB4950" s="137"/>
      <c r="AC4950" s="137"/>
      <c r="AD4950" s="137"/>
      <c r="AE4950" s="137"/>
      <c r="AF4950" s="137"/>
      <c r="AG4950" s="137"/>
      <c r="AH4950" s="137"/>
      <c r="AI4950" s="137"/>
      <c r="AJ4950" s="137"/>
      <c r="AK4950" s="137"/>
      <c r="AL4950" s="137"/>
      <c r="AM4950" s="137"/>
      <c r="AN4950" s="137"/>
      <c r="AO4950" s="137"/>
      <c r="AP4950" s="137"/>
      <c r="AQ4950" s="137"/>
      <c r="AR4950" s="137"/>
      <c r="AS4950" s="137"/>
      <c r="AT4950" s="137"/>
      <c r="AU4950" s="137"/>
      <c r="AV4950" s="137"/>
      <c r="AW4950" s="144"/>
    </row>
    <row r="4951" spans="7:49" x14ac:dyDescent="0.2">
      <c r="G4951" s="43"/>
      <c r="Z4951" s="143"/>
      <c r="AA4951" s="137"/>
      <c r="AB4951" s="137"/>
      <c r="AC4951" s="137"/>
      <c r="AD4951" s="137"/>
      <c r="AE4951" s="137"/>
      <c r="AF4951" s="137"/>
      <c r="AG4951" s="137"/>
      <c r="AH4951" s="137"/>
      <c r="AI4951" s="137"/>
      <c r="AJ4951" s="137"/>
      <c r="AK4951" s="137"/>
      <c r="AL4951" s="137"/>
      <c r="AM4951" s="137"/>
      <c r="AN4951" s="137"/>
      <c r="AO4951" s="137"/>
      <c r="AP4951" s="137"/>
      <c r="AQ4951" s="137"/>
      <c r="AR4951" s="137"/>
      <c r="AS4951" s="137"/>
      <c r="AT4951" s="137"/>
      <c r="AU4951" s="137"/>
      <c r="AV4951" s="137"/>
      <c r="AW4951" s="144"/>
    </row>
    <row r="4952" spans="7:49" x14ac:dyDescent="0.2">
      <c r="G4952" s="43"/>
      <c r="Z4952" s="143"/>
      <c r="AA4952" s="137"/>
      <c r="AB4952" s="137"/>
      <c r="AC4952" s="137"/>
      <c r="AD4952" s="137"/>
      <c r="AE4952" s="137"/>
      <c r="AF4952" s="137"/>
      <c r="AG4952" s="137"/>
      <c r="AH4952" s="137"/>
      <c r="AI4952" s="137"/>
      <c r="AJ4952" s="137"/>
      <c r="AK4952" s="137"/>
      <c r="AL4952" s="137"/>
      <c r="AM4952" s="137"/>
      <c r="AN4952" s="137"/>
      <c r="AO4952" s="137"/>
      <c r="AP4952" s="137"/>
      <c r="AQ4952" s="137"/>
      <c r="AR4952" s="137"/>
      <c r="AS4952" s="137"/>
      <c r="AT4952" s="137"/>
      <c r="AU4952" s="137"/>
      <c r="AV4952" s="137"/>
      <c r="AW4952" s="144"/>
    </row>
    <row r="4953" spans="7:49" x14ac:dyDescent="0.2">
      <c r="G4953" s="43"/>
      <c r="Z4953" s="143"/>
      <c r="AA4953" s="137"/>
      <c r="AB4953" s="137"/>
      <c r="AC4953" s="137"/>
      <c r="AD4953" s="137"/>
      <c r="AE4953" s="137"/>
      <c r="AF4953" s="137"/>
      <c r="AG4953" s="137"/>
      <c r="AH4953" s="137"/>
      <c r="AI4953" s="137"/>
      <c r="AJ4953" s="137"/>
      <c r="AK4953" s="137"/>
      <c r="AL4953" s="137"/>
      <c r="AM4953" s="137"/>
      <c r="AN4953" s="137"/>
      <c r="AO4953" s="137"/>
      <c r="AP4953" s="137"/>
      <c r="AQ4953" s="137"/>
      <c r="AR4953" s="137"/>
      <c r="AS4953" s="137"/>
      <c r="AT4953" s="137"/>
      <c r="AU4953" s="137"/>
      <c r="AV4953" s="137"/>
      <c r="AW4953" s="144"/>
    </row>
    <row r="4954" spans="7:49" x14ac:dyDescent="0.2">
      <c r="G4954" s="43"/>
      <c r="Z4954" s="143"/>
      <c r="AA4954" s="137"/>
      <c r="AB4954" s="137"/>
      <c r="AC4954" s="137"/>
      <c r="AD4954" s="137"/>
      <c r="AE4954" s="137"/>
      <c r="AF4954" s="137"/>
      <c r="AG4954" s="137"/>
      <c r="AH4954" s="137"/>
      <c r="AI4954" s="137"/>
      <c r="AJ4954" s="137"/>
      <c r="AK4954" s="137"/>
      <c r="AL4954" s="137"/>
      <c r="AM4954" s="137"/>
      <c r="AN4954" s="137"/>
      <c r="AO4954" s="137"/>
      <c r="AP4954" s="137"/>
      <c r="AQ4954" s="137"/>
      <c r="AR4954" s="137"/>
      <c r="AS4954" s="137"/>
      <c r="AT4954" s="137"/>
      <c r="AU4954" s="137"/>
      <c r="AV4954" s="137"/>
      <c r="AW4954" s="144"/>
    </row>
    <row r="4955" spans="7:49" x14ac:dyDescent="0.2">
      <c r="G4955" s="43"/>
      <c r="Z4955" s="143"/>
      <c r="AA4955" s="137"/>
      <c r="AB4955" s="137"/>
      <c r="AC4955" s="137"/>
      <c r="AD4955" s="137"/>
      <c r="AE4955" s="137"/>
      <c r="AF4955" s="137"/>
      <c r="AG4955" s="137"/>
      <c r="AH4955" s="137"/>
      <c r="AI4955" s="137"/>
      <c r="AJ4955" s="137"/>
      <c r="AK4955" s="137"/>
      <c r="AL4955" s="137"/>
      <c r="AM4955" s="137"/>
      <c r="AN4955" s="137"/>
      <c r="AO4955" s="137"/>
      <c r="AP4955" s="137"/>
      <c r="AQ4955" s="137"/>
      <c r="AR4955" s="137"/>
      <c r="AS4955" s="137"/>
      <c r="AT4955" s="137"/>
      <c r="AU4955" s="137"/>
      <c r="AV4955" s="137"/>
      <c r="AW4955" s="144"/>
    </row>
    <row r="4956" spans="7:49" x14ac:dyDescent="0.2">
      <c r="G4956" s="43"/>
      <c r="Z4956" s="143"/>
      <c r="AA4956" s="137"/>
      <c r="AB4956" s="137"/>
      <c r="AC4956" s="137"/>
      <c r="AD4956" s="137"/>
      <c r="AE4956" s="137"/>
      <c r="AF4956" s="137"/>
      <c r="AG4956" s="137"/>
      <c r="AH4956" s="137"/>
      <c r="AI4956" s="137"/>
      <c r="AJ4956" s="137"/>
      <c r="AK4956" s="137"/>
      <c r="AL4956" s="137"/>
      <c r="AM4956" s="137"/>
      <c r="AN4956" s="137"/>
      <c r="AO4956" s="137"/>
      <c r="AP4956" s="137"/>
      <c r="AQ4956" s="137"/>
      <c r="AR4956" s="137"/>
      <c r="AS4956" s="137"/>
      <c r="AT4956" s="137"/>
      <c r="AU4956" s="137"/>
      <c r="AV4956" s="137"/>
      <c r="AW4956" s="144"/>
    </row>
    <row r="4957" spans="7:49" x14ac:dyDescent="0.2">
      <c r="G4957" s="43"/>
      <c r="Z4957" s="143"/>
      <c r="AA4957" s="137"/>
      <c r="AB4957" s="137"/>
      <c r="AC4957" s="137"/>
      <c r="AD4957" s="137"/>
      <c r="AE4957" s="137"/>
      <c r="AF4957" s="137"/>
      <c r="AG4957" s="137"/>
      <c r="AH4957" s="137"/>
      <c r="AI4957" s="137"/>
      <c r="AJ4957" s="137"/>
      <c r="AK4957" s="137"/>
      <c r="AL4957" s="137"/>
      <c r="AM4957" s="137"/>
      <c r="AN4957" s="137"/>
      <c r="AO4957" s="137"/>
      <c r="AP4957" s="137"/>
      <c r="AQ4957" s="137"/>
      <c r="AR4957" s="137"/>
      <c r="AS4957" s="137"/>
      <c r="AT4957" s="137"/>
      <c r="AU4957" s="137"/>
      <c r="AV4957" s="137"/>
      <c r="AW4957" s="144"/>
    </row>
    <row r="4958" spans="7:49" x14ac:dyDescent="0.2">
      <c r="G4958" s="43"/>
      <c r="Z4958" s="143"/>
      <c r="AA4958" s="137"/>
      <c r="AB4958" s="137"/>
      <c r="AC4958" s="137"/>
      <c r="AD4958" s="137"/>
      <c r="AE4958" s="137"/>
      <c r="AF4958" s="137"/>
      <c r="AG4958" s="137"/>
      <c r="AH4958" s="137"/>
      <c r="AI4958" s="137"/>
      <c r="AJ4958" s="137"/>
      <c r="AK4958" s="137"/>
      <c r="AL4958" s="137"/>
      <c r="AM4958" s="137"/>
      <c r="AN4958" s="137"/>
      <c r="AO4958" s="137"/>
      <c r="AP4958" s="137"/>
      <c r="AQ4958" s="137"/>
      <c r="AR4958" s="137"/>
      <c r="AS4958" s="137"/>
      <c r="AT4958" s="137"/>
      <c r="AU4958" s="137"/>
      <c r="AV4958" s="137"/>
      <c r="AW4958" s="144"/>
    </row>
    <row r="4959" spans="7:49" x14ac:dyDescent="0.2">
      <c r="G4959" s="43"/>
      <c r="Z4959" s="143"/>
      <c r="AA4959" s="137"/>
      <c r="AB4959" s="137"/>
      <c r="AC4959" s="137"/>
      <c r="AD4959" s="137"/>
      <c r="AE4959" s="137"/>
      <c r="AF4959" s="137"/>
      <c r="AG4959" s="137"/>
      <c r="AH4959" s="137"/>
      <c r="AI4959" s="137"/>
      <c r="AJ4959" s="137"/>
      <c r="AK4959" s="137"/>
      <c r="AL4959" s="137"/>
      <c r="AM4959" s="137"/>
      <c r="AN4959" s="137"/>
      <c r="AO4959" s="137"/>
      <c r="AP4959" s="137"/>
      <c r="AQ4959" s="137"/>
      <c r="AR4959" s="137"/>
      <c r="AS4959" s="137"/>
      <c r="AT4959" s="137"/>
      <c r="AU4959" s="137"/>
      <c r="AV4959" s="137"/>
      <c r="AW4959" s="144"/>
    </row>
    <row r="4960" spans="7:49" x14ac:dyDescent="0.2">
      <c r="G4960" s="43"/>
      <c r="Z4960" s="143"/>
      <c r="AA4960" s="137"/>
      <c r="AB4960" s="137"/>
      <c r="AC4960" s="137"/>
      <c r="AD4960" s="137"/>
      <c r="AE4960" s="137"/>
      <c r="AF4960" s="137"/>
      <c r="AG4960" s="137"/>
      <c r="AH4960" s="137"/>
      <c r="AI4960" s="137"/>
      <c r="AJ4960" s="137"/>
      <c r="AK4960" s="137"/>
      <c r="AL4960" s="137"/>
      <c r="AM4960" s="137"/>
      <c r="AN4960" s="137"/>
      <c r="AO4960" s="137"/>
      <c r="AP4960" s="137"/>
      <c r="AQ4960" s="137"/>
      <c r="AR4960" s="137"/>
      <c r="AS4960" s="137"/>
      <c r="AT4960" s="137"/>
      <c r="AU4960" s="137"/>
      <c r="AV4960" s="137"/>
      <c r="AW4960" s="144"/>
    </row>
    <row r="4961" spans="7:49" x14ac:dyDescent="0.2">
      <c r="G4961" s="43"/>
      <c r="Z4961" s="143"/>
      <c r="AA4961" s="137"/>
      <c r="AB4961" s="137"/>
      <c r="AC4961" s="137"/>
      <c r="AD4961" s="137"/>
      <c r="AE4961" s="137"/>
      <c r="AF4961" s="137"/>
      <c r="AG4961" s="137"/>
      <c r="AH4961" s="137"/>
      <c r="AI4961" s="137"/>
      <c r="AJ4961" s="137"/>
      <c r="AK4961" s="137"/>
      <c r="AL4961" s="137"/>
      <c r="AM4961" s="137"/>
      <c r="AN4961" s="137"/>
      <c r="AO4961" s="137"/>
      <c r="AP4961" s="137"/>
      <c r="AQ4961" s="137"/>
      <c r="AR4961" s="137"/>
      <c r="AS4961" s="137"/>
      <c r="AT4961" s="137"/>
      <c r="AU4961" s="137"/>
      <c r="AV4961" s="137"/>
      <c r="AW4961" s="144"/>
    </row>
    <row r="4962" spans="7:49" x14ac:dyDescent="0.2">
      <c r="G4962" s="43"/>
      <c r="Z4962" s="143"/>
      <c r="AA4962" s="137"/>
      <c r="AB4962" s="137"/>
      <c r="AC4962" s="137"/>
      <c r="AD4962" s="137"/>
      <c r="AE4962" s="137"/>
      <c r="AF4962" s="137"/>
      <c r="AG4962" s="137"/>
      <c r="AH4962" s="137"/>
      <c r="AI4962" s="137"/>
      <c r="AJ4962" s="137"/>
      <c r="AK4962" s="137"/>
      <c r="AL4962" s="137"/>
      <c r="AM4962" s="137"/>
      <c r="AN4962" s="137"/>
      <c r="AO4962" s="137"/>
      <c r="AP4962" s="137"/>
      <c r="AQ4962" s="137"/>
      <c r="AR4962" s="137"/>
      <c r="AS4962" s="137"/>
      <c r="AT4962" s="137"/>
      <c r="AU4962" s="137"/>
      <c r="AV4962" s="137"/>
      <c r="AW4962" s="144"/>
    </row>
    <row r="4963" spans="7:49" x14ac:dyDescent="0.2">
      <c r="G4963" s="43"/>
      <c r="Z4963" s="143"/>
      <c r="AA4963" s="137"/>
      <c r="AB4963" s="137"/>
      <c r="AC4963" s="137"/>
      <c r="AD4963" s="137"/>
      <c r="AE4963" s="137"/>
      <c r="AF4963" s="137"/>
      <c r="AG4963" s="137"/>
      <c r="AH4963" s="137"/>
      <c r="AI4963" s="137"/>
      <c r="AJ4963" s="137"/>
      <c r="AK4963" s="137"/>
      <c r="AL4963" s="137"/>
      <c r="AM4963" s="137"/>
      <c r="AN4963" s="137"/>
      <c r="AO4963" s="137"/>
      <c r="AP4963" s="137"/>
      <c r="AQ4963" s="137"/>
      <c r="AR4963" s="137"/>
      <c r="AS4963" s="137"/>
      <c r="AT4963" s="137"/>
      <c r="AU4963" s="137"/>
      <c r="AV4963" s="137"/>
      <c r="AW4963" s="144"/>
    </row>
    <row r="4964" spans="7:49" x14ac:dyDescent="0.2">
      <c r="G4964" s="43"/>
      <c r="Z4964" s="143"/>
      <c r="AA4964" s="137"/>
      <c r="AB4964" s="137"/>
      <c r="AC4964" s="137"/>
      <c r="AD4964" s="137"/>
      <c r="AE4964" s="137"/>
      <c r="AF4964" s="137"/>
      <c r="AG4964" s="137"/>
      <c r="AH4964" s="137"/>
      <c r="AI4964" s="137"/>
      <c r="AJ4964" s="137"/>
      <c r="AK4964" s="137"/>
      <c r="AL4964" s="137"/>
      <c r="AM4964" s="137"/>
      <c r="AN4964" s="137"/>
      <c r="AO4964" s="137"/>
      <c r="AP4964" s="137"/>
      <c r="AQ4964" s="137"/>
      <c r="AR4964" s="137"/>
      <c r="AS4964" s="137"/>
      <c r="AT4964" s="137"/>
      <c r="AU4964" s="137"/>
      <c r="AV4964" s="137"/>
      <c r="AW4964" s="144"/>
    </row>
    <row r="4965" spans="7:49" x14ac:dyDescent="0.2">
      <c r="G4965" s="43"/>
      <c r="Z4965" s="143"/>
      <c r="AA4965" s="137"/>
      <c r="AB4965" s="137"/>
      <c r="AC4965" s="137"/>
      <c r="AD4965" s="137"/>
      <c r="AE4965" s="137"/>
      <c r="AF4965" s="137"/>
      <c r="AG4965" s="137"/>
      <c r="AH4965" s="137"/>
      <c r="AI4965" s="137"/>
      <c r="AJ4965" s="137"/>
      <c r="AK4965" s="137"/>
      <c r="AL4965" s="137"/>
      <c r="AM4965" s="137"/>
      <c r="AN4965" s="137"/>
      <c r="AO4965" s="137"/>
      <c r="AP4965" s="137"/>
      <c r="AQ4965" s="137"/>
      <c r="AR4965" s="137"/>
      <c r="AS4965" s="137"/>
      <c r="AT4965" s="137"/>
      <c r="AU4965" s="137"/>
      <c r="AV4965" s="137"/>
      <c r="AW4965" s="144"/>
    </row>
    <row r="4966" spans="7:49" x14ac:dyDescent="0.2">
      <c r="G4966" s="43"/>
      <c r="Z4966" s="143"/>
      <c r="AA4966" s="137"/>
      <c r="AB4966" s="137"/>
      <c r="AC4966" s="137"/>
      <c r="AD4966" s="137"/>
      <c r="AE4966" s="137"/>
      <c r="AF4966" s="137"/>
      <c r="AG4966" s="137"/>
      <c r="AH4966" s="137"/>
      <c r="AI4966" s="137"/>
      <c r="AJ4966" s="137"/>
      <c r="AK4966" s="137"/>
      <c r="AL4966" s="137"/>
      <c r="AM4966" s="137"/>
      <c r="AN4966" s="137"/>
      <c r="AO4966" s="137"/>
      <c r="AP4966" s="137"/>
      <c r="AQ4966" s="137"/>
      <c r="AR4966" s="137"/>
      <c r="AS4966" s="137"/>
      <c r="AT4966" s="137"/>
      <c r="AU4966" s="137"/>
      <c r="AV4966" s="137"/>
      <c r="AW4966" s="144"/>
    </row>
    <row r="4967" spans="7:49" x14ac:dyDescent="0.2">
      <c r="G4967" s="43"/>
      <c r="Z4967" s="143"/>
      <c r="AA4967" s="137"/>
      <c r="AB4967" s="137"/>
      <c r="AC4967" s="137"/>
      <c r="AD4967" s="137"/>
      <c r="AE4967" s="137"/>
      <c r="AF4967" s="137"/>
      <c r="AG4967" s="137"/>
      <c r="AH4967" s="137"/>
      <c r="AI4967" s="137"/>
      <c r="AJ4967" s="137"/>
      <c r="AK4967" s="137"/>
      <c r="AL4967" s="137"/>
      <c r="AM4967" s="137"/>
      <c r="AN4967" s="137"/>
      <c r="AO4967" s="137"/>
      <c r="AP4967" s="137"/>
      <c r="AQ4967" s="137"/>
      <c r="AR4967" s="137"/>
      <c r="AS4967" s="137"/>
      <c r="AT4967" s="137"/>
      <c r="AU4967" s="137"/>
      <c r="AV4967" s="137"/>
      <c r="AW4967" s="144"/>
    </row>
    <row r="4968" spans="7:49" x14ac:dyDescent="0.2">
      <c r="G4968" s="43"/>
      <c r="Z4968" s="143"/>
      <c r="AA4968" s="137"/>
      <c r="AB4968" s="137"/>
      <c r="AC4968" s="137"/>
      <c r="AD4968" s="137"/>
      <c r="AE4968" s="137"/>
      <c r="AF4968" s="137"/>
      <c r="AG4968" s="137"/>
      <c r="AH4968" s="137"/>
      <c r="AI4968" s="137"/>
      <c r="AJ4968" s="137"/>
      <c r="AK4968" s="137"/>
      <c r="AL4968" s="137"/>
      <c r="AM4968" s="137"/>
      <c r="AN4968" s="137"/>
      <c r="AO4968" s="137"/>
      <c r="AP4968" s="137"/>
      <c r="AQ4968" s="137"/>
      <c r="AR4968" s="137"/>
      <c r="AS4968" s="137"/>
      <c r="AT4968" s="137"/>
      <c r="AU4968" s="137"/>
      <c r="AV4968" s="137"/>
      <c r="AW4968" s="144"/>
    </row>
    <row r="4969" spans="7:49" x14ac:dyDescent="0.2">
      <c r="G4969" s="43"/>
      <c r="Z4969" s="143"/>
      <c r="AA4969" s="137"/>
      <c r="AB4969" s="137"/>
      <c r="AC4969" s="137"/>
      <c r="AD4969" s="137"/>
      <c r="AE4969" s="137"/>
      <c r="AF4969" s="137"/>
      <c r="AG4969" s="137"/>
      <c r="AH4969" s="137"/>
      <c r="AI4969" s="137"/>
      <c r="AJ4969" s="137"/>
      <c r="AK4969" s="137"/>
      <c r="AL4969" s="137"/>
      <c r="AM4969" s="137"/>
      <c r="AN4969" s="137"/>
      <c r="AO4969" s="137"/>
      <c r="AP4969" s="137"/>
      <c r="AQ4969" s="137"/>
      <c r="AR4969" s="137"/>
      <c r="AS4969" s="137"/>
      <c r="AT4969" s="137"/>
      <c r="AU4969" s="137"/>
      <c r="AV4969" s="137"/>
      <c r="AW4969" s="144"/>
    </row>
    <row r="4970" spans="7:49" x14ac:dyDescent="0.2">
      <c r="G4970" s="43"/>
      <c r="Z4970" s="143"/>
      <c r="AA4970" s="137"/>
      <c r="AB4970" s="137"/>
      <c r="AC4970" s="137"/>
      <c r="AD4970" s="137"/>
      <c r="AE4970" s="137"/>
      <c r="AF4970" s="137"/>
      <c r="AG4970" s="137"/>
      <c r="AH4970" s="137"/>
      <c r="AI4970" s="137"/>
      <c r="AJ4970" s="137"/>
      <c r="AK4970" s="137"/>
      <c r="AL4970" s="137"/>
      <c r="AM4970" s="137"/>
      <c r="AN4970" s="137"/>
      <c r="AO4970" s="137"/>
      <c r="AP4970" s="137"/>
      <c r="AQ4970" s="137"/>
      <c r="AR4970" s="137"/>
      <c r="AS4970" s="137"/>
      <c r="AT4970" s="137"/>
      <c r="AU4970" s="137"/>
      <c r="AV4970" s="137"/>
      <c r="AW4970" s="144"/>
    </row>
    <row r="4971" spans="7:49" x14ac:dyDescent="0.2">
      <c r="G4971" s="43"/>
      <c r="Z4971" s="143"/>
      <c r="AA4971" s="137"/>
      <c r="AB4971" s="137"/>
      <c r="AC4971" s="137"/>
      <c r="AD4971" s="137"/>
      <c r="AE4971" s="137"/>
      <c r="AF4971" s="137"/>
      <c r="AG4971" s="137"/>
      <c r="AH4971" s="137"/>
      <c r="AI4971" s="137"/>
      <c r="AJ4971" s="137"/>
      <c r="AK4971" s="137"/>
      <c r="AL4971" s="137"/>
      <c r="AM4971" s="137"/>
      <c r="AN4971" s="137"/>
      <c r="AO4971" s="137"/>
      <c r="AP4971" s="137"/>
      <c r="AQ4971" s="137"/>
      <c r="AR4971" s="137"/>
      <c r="AS4971" s="137"/>
      <c r="AT4971" s="137"/>
      <c r="AU4971" s="137"/>
      <c r="AV4971" s="137"/>
      <c r="AW4971" s="144"/>
    </row>
    <row r="4972" spans="7:49" x14ac:dyDescent="0.2">
      <c r="G4972" s="43"/>
      <c r="Z4972" s="143"/>
      <c r="AA4972" s="137"/>
      <c r="AB4972" s="137"/>
      <c r="AC4972" s="137"/>
      <c r="AD4972" s="137"/>
      <c r="AE4972" s="137"/>
      <c r="AF4972" s="137"/>
      <c r="AG4972" s="137"/>
      <c r="AH4972" s="137"/>
      <c r="AI4972" s="137"/>
      <c r="AJ4972" s="137"/>
      <c r="AK4972" s="137"/>
      <c r="AL4972" s="137"/>
      <c r="AM4972" s="137"/>
      <c r="AN4972" s="137"/>
      <c r="AO4972" s="137"/>
      <c r="AP4972" s="137"/>
      <c r="AQ4972" s="137"/>
      <c r="AR4972" s="137"/>
      <c r="AS4972" s="137"/>
      <c r="AT4972" s="137"/>
      <c r="AU4972" s="137"/>
      <c r="AV4972" s="137"/>
      <c r="AW4972" s="144"/>
    </row>
    <row r="4973" spans="7:49" x14ac:dyDescent="0.2">
      <c r="G4973" s="43"/>
      <c r="Z4973" s="143"/>
      <c r="AA4973" s="137"/>
      <c r="AB4973" s="137"/>
      <c r="AC4973" s="137"/>
      <c r="AD4973" s="137"/>
      <c r="AE4973" s="137"/>
      <c r="AF4973" s="137"/>
      <c r="AG4973" s="137"/>
      <c r="AH4973" s="137"/>
      <c r="AI4973" s="137"/>
      <c r="AJ4973" s="137"/>
      <c r="AK4973" s="137"/>
      <c r="AL4973" s="137"/>
      <c r="AM4973" s="137"/>
      <c r="AN4973" s="137"/>
      <c r="AO4973" s="137"/>
      <c r="AP4973" s="137"/>
      <c r="AQ4973" s="137"/>
      <c r="AR4973" s="137"/>
      <c r="AS4973" s="137"/>
      <c r="AT4973" s="137"/>
      <c r="AU4973" s="137"/>
      <c r="AV4973" s="137"/>
      <c r="AW4973" s="144"/>
    </row>
    <row r="4974" spans="7:49" x14ac:dyDescent="0.2">
      <c r="G4974" s="43"/>
      <c r="Z4974" s="143"/>
      <c r="AA4974" s="137"/>
      <c r="AB4974" s="137"/>
      <c r="AC4974" s="137"/>
      <c r="AD4974" s="137"/>
      <c r="AE4974" s="137"/>
      <c r="AF4974" s="137"/>
      <c r="AG4974" s="137"/>
      <c r="AH4974" s="137"/>
      <c r="AI4974" s="137"/>
      <c r="AJ4974" s="137"/>
      <c r="AK4974" s="137"/>
      <c r="AL4974" s="137"/>
      <c r="AM4974" s="137"/>
      <c r="AN4974" s="137"/>
      <c r="AO4974" s="137"/>
      <c r="AP4974" s="137"/>
      <c r="AQ4974" s="137"/>
      <c r="AR4974" s="137"/>
      <c r="AS4974" s="137"/>
      <c r="AT4974" s="137"/>
      <c r="AU4974" s="137"/>
      <c r="AV4974" s="137"/>
      <c r="AW4974" s="144"/>
    </row>
    <row r="4975" spans="7:49" x14ac:dyDescent="0.2">
      <c r="G4975" s="43"/>
      <c r="Z4975" s="143"/>
      <c r="AA4975" s="137"/>
      <c r="AB4975" s="137"/>
      <c r="AC4975" s="137"/>
      <c r="AD4975" s="137"/>
      <c r="AE4975" s="137"/>
      <c r="AF4975" s="137"/>
      <c r="AG4975" s="137"/>
      <c r="AH4975" s="137"/>
      <c r="AI4975" s="137"/>
      <c r="AJ4975" s="137"/>
      <c r="AK4975" s="137"/>
      <c r="AL4975" s="137"/>
      <c r="AM4975" s="137"/>
      <c r="AN4975" s="137"/>
      <c r="AO4975" s="137"/>
      <c r="AP4975" s="137"/>
      <c r="AQ4975" s="137"/>
      <c r="AR4975" s="137"/>
      <c r="AS4975" s="137"/>
      <c r="AT4975" s="137"/>
      <c r="AU4975" s="137"/>
      <c r="AV4975" s="137"/>
      <c r="AW4975" s="144"/>
    </row>
    <row r="4976" spans="7:49" x14ac:dyDescent="0.2">
      <c r="G4976" s="43"/>
      <c r="Z4976" s="143"/>
      <c r="AA4976" s="137"/>
      <c r="AB4976" s="137"/>
      <c r="AC4976" s="137"/>
      <c r="AD4976" s="137"/>
      <c r="AE4976" s="137"/>
      <c r="AF4976" s="137"/>
      <c r="AG4976" s="137"/>
      <c r="AH4976" s="137"/>
      <c r="AI4976" s="137"/>
      <c r="AJ4976" s="137"/>
      <c r="AK4976" s="137"/>
      <c r="AL4976" s="137"/>
      <c r="AM4976" s="137"/>
      <c r="AN4976" s="137"/>
      <c r="AO4976" s="137"/>
      <c r="AP4976" s="137"/>
      <c r="AQ4976" s="137"/>
      <c r="AR4976" s="137"/>
      <c r="AS4976" s="137"/>
      <c r="AT4976" s="137"/>
      <c r="AU4976" s="137"/>
      <c r="AV4976" s="137"/>
      <c r="AW4976" s="144"/>
    </row>
    <row r="4977" spans="7:49" x14ac:dyDescent="0.2">
      <c r="G4977" s="43"/>
      <c r="Z4977" s="143"/>
      <c r="AA4977" s="137"/>
      <c r="AB4977" s="137"/>
      <c r="AC4977" s="137"/>
      <c r="AD4977" s="137"/>
      <c r="AE4977" s="137"/>
      <c r="AF4977" s="137"/>
      <c r="AG4977" s="137"/>
      <c r="AH4977" s="137"/>
      <c r="AI4977" s="137"/>
      <c r="AJ4977" s="137"/>
      <c r="AK4977" s="137"/>
      <c r="AL4977" s="137"/>
      <c r="AM4977" s="137"/>
      <c r="AN4977" s="137"/>
      <c r="AO4977" s="137"/>
      <c r="AP4977" s="137"/>
      <c r="AQ4977" s="137"/>
      <c r="AR4977" s="137"/>
      <c r="AS4977" s="137"/>
      <c r="AT4977" s="137"/>
      <c r="AU4977" s="137"/>
      <c r="AV4977" s="137"/>
      <c r="AW4977" s="144"/>
    </row>
    <row r="4978" spans="7:49" x14ac:dyDescent="0.2">
      <c r="G4978" s="43"/>
      <c r="Z4978" s="143"/>
      <c r="AA4978" s="137"/>
      <c r="AB4978" s="137"/>
      <c r="AC4978" s="137"/>
      <c r="AD4978" s="137"/>
      <c r="AE4978" s="137"/>
      <c r="AF4978" s="137"/>
      <c r="AG4978" s="137"/>
      <c r="AH4978" s="137"/>
      <c r="AI4978" s="137"/>
      <c r="AJ4978" s="137"/>
      <c r="AK4978" s="137"/>
      <c r="AL4978" s="137"/>
      <c r="AM4978" s="137"/>
      <c r="AN4978" s="137"/>
      <c r="AO4978" s="137"/>
      <c r="AP4978" s="137"/>
      <c r="AQ4978" s="137"/>
      <c r="AR4978" s="137"/>
      <c r="AS4978" s="137"/>
      <c r="AT4978" s="137"/>
      <c r="AU4978" s="137"/>
      <c r="AV4978" s="137"/>
      <c r="AW4978" s="144"/>
    </row>
    <row r="4979" spans="7:49" x14ac:dyDescent="0.2">
      <c r="G4979" s="43"/>
      <c r="Z4979" s="143"/>
      <c r="AA4979" s="137"/>
      <c r="AB4979" s="137"/>
      <c r="AC4979" s="137"/>
      <c r="AD4979" s="137"/>
      <c r="AE4979" s="137"/>
      <c r="AF4979" s="137"/>
      <c r="AG4979" s="137"/>
      <c r="AH4979" s="137"/>
      <c r="AI4979" s="137"/>
      <c r="AJ4979" s="137"/>
      <c r="AK4979" s="137"/>
      <c r="AL4979" s="137"/>
      <c r="AM4979" s="137"/>
      <c r="AN4979" s="137"/>
      <c r="AO4979" s="137"/>
      <c r="AP4979" s="137"/>
      <c r="AQ4979" s="137"/>
      <c r="AR4979" s="137"/>
      <c r="AS4979" s="137"/>
      <c r="AT4979" s="137"/>
      <c r="AU4979" s="137"/>
      <c r="AV4979" s="137"/>
      <c r="AW4979" s="144"/>
    </row>
    <row r="4980" spans="7:49" x14ac:dyDescent="0.2">
      <c r="G4980" s="43"/>
      <c r="Z4980" s="143"/>
      <c r="AA4980" s="137"/>
      <c r="AB4980" s="137"/>
      <c r="AC4980" s="137"/>
      <c r="AD4980" s="137"/>
      <c r="AE4980" s="137"/>
      <c r="AF4980" s="137"/>
      <c r="AG4980" s="137"/>
      <c r="AH4980" s="137"/>
      <c r="AI4980" s="137"/>
      <c r="AJ4980" s="137"/>
      <c r="AK4980" s="137"/>
      <c r="AL4980" s="137"/>
      <c r="AM4980" s="137"/>
      <c r="AN4980" s="137"/>
      <c r="AO4980" s="137"/>
      <c r="AP4980" s="137"/>
      <c r="AQ4980" s="137"/>
      <c r="AR4980" s="137"/>
      <c r="AS4980" s="137"/>
      <c r="AT4980" s="137"/>
      <c r="AU4980" s="137"/>
      <c r="AV4980" s="137"/>
      <c r="AW4980" s="144"/>
    </row>
    <row r="4981" spans="7:49" x14ac:dyDescent="0.2">
      <c r="G4981" s="43"/>
      <c r="Z4981" s="143"/>
      <c r="AA4981" s="137"/>
      <c r="AB4981" s="137"/>
      <c r="AC4981" s="137"/>
      <c r="AD4981" s="137"/>
      <c r="AE4981" s="137"/>
      <c r="AF4981" s="137"/>
      <c r="AG4981" s="137"/>
      <c r="AH4981" s="137"/>
      <c r="AI4981" s="137"/>
      <c r="AJ4981" s="137"/>
      <c r="AK4981" s="137"/>
      <c r="AL4981" s="137"/>
      <c r="AM4981" s="137"/>
      <c r="AN4981" s="137"/>
      <c r="AO4981" s="137"/>
      <c r="AP4981" s="137"/>
      <c r="AQ4981" s="137"/>
      <c r="AR4981" s="137"/>
      <c r="AS4981" s="137"/>
      <c r="AT4981" s="137"/>
      <c r="AU4981" s="137"/>
      <c r="AV4981" s="137"/>
      <c r="AW4981" s="144"/>
    </row>
    <row r="4982" spans="7:49" x14ac:dyDescent="0.2">
      <c r="G4982" s="43"/>
      <c r="Z4982" s="143"/>
      <c r="AA4982" s="137"/>
      <c r="AB4982" s="137"/>
      <c r="AC4982" s="137"/>
      <c r="AD4982" s="137"/>
      <c r="AE4982" s="137"/>
      <c r="AF4982" s="137"/>
      <c r="AG4982" s="137"/>
      <c r="AH4982" s="137"/>
      <c r="AI4982" s="137"/>
      <c r="AJ4982" s="137"/>
      <c r="AK4982" s="137"/>
      <c r="AL4982" s="137"/>
      <c r="AM4982" s="137"/>
      <c r="AN4982" s="137"/>
      <c r="AO4982" s="137"/>
      <c r="AP4982" s="137"/>
      <c r="AQ4982" s="137"/>
      <c r="AR4982" s="137"/>
      <c r="AS4982" s="137"/>
      <c r="AT4982" s="137"/>
      <c r="AU4982" s="137"/>
      <c r="AV4982" s="137"/>
      <c r="AW4982" s="144"/>
    </row>
    <row r="4983" spans="7:49" x14ac:dyDescent="0.2">
      <c r="G4983" s="43"/>
      <c r="Z4983" s="143"/>
      <c r="AA4983" s="137"/>
      <c r="AB4983" s="137"/>
      <c r="AC4983" s="137"/>
      <c r="AD4983" s="137"/>
      <c r="AE4983" s="137"/>
      <c r="AF4983" s="137"/>
      <c r="AG4983" s="137"/>
      <c r="AH4983" s="137"/>
      <c r="AI4983" s="137"/>
      <c r="AJ4983" s="137"/>
      <c r="AK4983" s="137"/>
      <c r="AL4983" s="137"/>
      <c r="AM4983" s="137"/>
      <c r="AN4983" s="137"/>
      <c r="AO4983" s="137"/>
      <c r="AP4983" s="137"/>
      <c r="AQ4983" s="137"/>
      <c r="AR4983" s="137"/>
      <c r="AS4983" s="137"/>
      <c r="AT4983" s="137"/>
      <c r="AU4983" s="137"/>
      <c r="AV4983" s="137"/>
      <c r="AW4983" s="144"/>
    </row>
    <row r="4984" spans="7:49" x14ac:dyDescent="0.2">
      <c r="G4984" s="43"/>
      <c r="Z4984" s="143"/>
      <c r="AA4984" s="137"/>
      <c r="AB4984" s="137"/>
      <c r="AC4984" s="137"/>
      <c r="AD4984" s="137"/>
      <c r="AE4984" s="137"/>
      <c r="AF4984" s="137"/>
      <c r="AG4984" s="137"/>
      <c r="AH4984" s="137"/>
      <c r="AI4984" s="137"/>
      <c r="AJ4984" s="137"/>
      <c r="AK4984" s="137"/>
      <c r="AL4984" s="137"/>
      <c r="AM4984" s="137"/>
      <c r="AN4984" s="137"/>
      <c r="AO4984" s="137"/>
      <c r="AP4984" s="137"/>
      <c r="AQ4984" s="137"/>
      <c r="AR4984" s="137"/>
      <c r="AS4984" s="137"/>
      <c r="AT4984" s="137"/>
      <c r="AU4984" s="137"/>
      <c r="AV4984" s="137"/>
      <c r="AW4984" s="144"/>
    </row>
    <row r="4985" spans="7:49" x14ac:dyDescent="0.2">
      <c r="G4985" s="43"/>
      <c r="Z4985" s="143"/>
      <c r="AA4985" s="137"/>
      <c r="AB4985" s="137"/>
      <c r="AC4985" s="137"/>
      <c r="AD4985" s="137"/>
      <c r="AE4985" s="137"/>
      <c r="AF4985" s="137"/>
      <c r="AG4985" s="137"/>
      <c r="AH4985" s="137"/>
      <c r="AI4985" s="137"/>
      <c r="AJ4985" s="137"/>
      <c r="AK4985" s="137"/>
      <c r="AL4985" s="137"/>
      <c r="AM4985" s="137"/>
      <c r="AN4985" s="137"/>
      <c r="AO4985" s="137"/>
      <c r="AP4985" s="137"/>
      <c r="AQ4985" s="137"/>
      <c r="AR4985" s="137"/>
      <c r="AS4985" s="137"/>
      <c r="AT4985" s="137"/>
      <c r="AU4985" s="137"/>
      <c r="AV4985" s="137"/>
      <c r="AW4985" s="144"/>
    </row>
    <row r="4986" spans="7:49" x14ac:dyDescent="0.2">
      <c r="G4986" s="43"/>
      <c r="Z4986" s="143"/>
      <c r="AA4986" s="137"/>
      <c r="AB4986" s="137"/>
      <c r="AC4986" s="137"/>
      <c r="AD4986" s="137"/>
      <c r="AE4986" s="137"/>
      <c r="AF4986" s="137"/>
      <c r="AG4986" s="137"/>
      <c r="AH4986" s="137"/>
      <c r="AI4986" s="137"/>
      <c r="AJ4986" s="137"/>
      <c r="AK4986" s="137"/>
      <c r="AL4986" s="137"/>
      <c r="AM4986" s="137"/>
      <c r="AN4986" s="137"/>
      <c r="AO4986" s="137"/>
      <c r="AP4986" s="137"/>
      <c r="AQ4986" s="137"/>
      <c r="AR4986" s="137"/>
      <c r="AS4986" s="137"/>
      <c r="AT4986" s="137"/>
      <c r="AU4986" s="137"/>
      <c r="AV4986" s="137"/>
      <c r="AW4986" s="144"/>
    </row>
    <row r="4987" spans="7:49" x14ac:dyDescent="0.2">
      <c r="G4987" s="43"/>
      <c r="Z4987" s="143"/>
      <c r="AA4987" s="137"/>
      <c r="AB4987" s="137"/>
      <c r="AC4987" s="137"/>
      <c r="AD4987" s="137"/>
      <c r="AE4987" s="137"/>
      <c r="AF4987" s="137"/>
      <c r="AG4987" s="137"/>
      <c r="AH4987" s="137"/>
      <c r="AI4987" s="137"/>
      <c r="AJ4987" s="137"/>
      <c r="AK4987" s="137"/>
      <c r="AL4987" s="137"/>
      <c r="AM4987" s="137"/>
      <c r="AN4987" s="137"/>
      <c r="AO4987" s="137"/>
      <c r="AP4987" s="137"/>
      <c r="AQ4987" s="137"/>
      <c r="AR4987" s="137"/>
      <c r="AS4987" s="137"/>
      <c r="AT4987" s="137"/>
      <c r="AU4987" s="137"/>
      <c r="AV4987" s="137"/>
      <c r="AW4987" s="144"/>
    </row>
    <row r="4988" spans="7:49" x14ac:dyDescent="0.2">
      <c r="G4988" s="43"/>
      <c r="Z4988" s="143"/>
      <c r="AA4988" s="137"/>
      <c r="AB4988" s="137"/>
      <c r="AC4988" s="137"/>
      <c r="AD4988" s="137"/>
      <c r="AE4988" s="137"/>
      <c r="AF4988" s="137"/>
      <c r="AG4988" s="137"/>
      <c r="AH4988" s="137"/>
      <c r="AI4988" s="137"/>
      <c r="AJ4988" s="137"/>
      <c r="AK4988" s="137"/>
      <c r="AL4988" s="137"/>
      <c r="AM4988" s="137"/>
      <c r="AN4988" s="137"/>
      <c r="AO4988" s="137"/>
      <c r="AP4988" s="137"/>
      <c r="AQ4988" s="137"/>
      <c r="AR4988" s="137"/>
      <c r="AS4988" s="137"/>
      <c r="AT4988" s="137"/>
      <c r="AU4988" s="137"/>
      <c r="AV4988" s="137"/>
      <c r="AW4988" s="144"/>
    </row>
    <row r="4989" spans="7:49" x14ac:dyDescent="0.2">
      <c r="G4989" s="43"/>
      <c r="Z4989" s="143"/>
      <c r="AA4989" s="137"/>
      <c r="AB4989" s="137"/>
      <c r="AC4989" s="137"/>
      <c r="AD4989" s="137"/>
      <c r="AE4989" s="137"/>
      <c r="AF4989" s="137"/>
      <c r="AG4989" s="137"/>
      <c r="AH4989" s="137"/>
      <c r="AI4989" s="137"/>
      <c r="AJ4989" s="137"/>
      <c r="AK4989" s="137"/>
      <c r="AL4989" s="137"/>
      <c r="AM4989" s="137"/>
      <c r="AN4989" s="137"/>
      <c r="AO4989" s="137"/>
      <c r="AP4989" s="137"/>
      <c r="AQ4989" s="137"/>
      <c r="AR4989" s="137"/>
      <c r="AS4989" s="137"/>
      <c r="AT4989" s="137"/>
      <c r="AU4989" s="137"/>
      <c r="AV4989" s="137"/>
      <c r="AW4989" s="144"/>
    </row>
    <row r="4990" spans="7:49" x14ac:dyDescent="0.2">
      <c r="G4990" s="43"/>
      <c r="Z4990" s="143"/>
      <c r="AA4990" s="137"/>
      <c r="AB4990" s="137"/>
      <c r="AC4990" s="137"/>
      <c r="AD4990" s="137"/>
      <c r="AE4990" s="137"/>
      <c r="AF4990" s="137"/>
      <c r="AG4990" s="137"/>
      <c r="AH4990" s="137"/>
      <c r="AI4990" s="137"/>
      <c r="AJ4990" s="137"/>
      <c r="AK4990" s="137"/>
      <c r="AL4990" s="137"/>
      <c r="AM4990" s="137"/>
      <c r="AN4990" s="137"/>
      <c r="AO4990" s="137"/>
      <c r="AP4990" s="137"/>
      <c r="AQ4990" s="137"/>
      <c r="AR4990" s="137"/>
      <c r="AS4990" s="137"/>
      <c r="AT4990" s="137"/>
      <c r="AU4990" s="137"/>
      <c r="AV4990" s="137"/>
      <c r="AW4990" s="144"/>
    </row>
    <row r="4991" spans="7:49" x14ac:dyDescent="0.2">
      <c r="G4991" s="43"/>
      <c r="Z4991" s="143"/>
      <c r="AA4991" s="137"/>
      <c r="AB4991" s="137"/>
      <c r="AC4991" s="137"/>
      <c r="AD4991" s="137"/>
      <c r="AE4991" s="137"/>
      <c r="AF4991" s="137"/>
      <c r="AG4991" s="137"/>
      <c r="AH4991" s="137"/>
      <c r="AI4991" s="137"/>
      <c r="AJ4991" s="137"/>
      <c r="AK4991" s="137"/>
      <c r="AL4991" s="137"/>
      <c r="AM4991" s="137"/>
      <c r="AN4991" s="137"/>
      <c r="AO4991" s="137"/>
      <c r="AP4991" s="137"/>
      <c r="AQ4991" s="137"/>
      <c r="AR4991" s="137"/>
      <c r="AS4991" s="137"/>
      <c r="AT4991" s="137"/>
      <c r="AU4991" s="137"/>
      <c r="AV4991" s="137"/>
      <c r="AW4991" s="144"/>
    </row>
    <row r="4992" spans="7:49" x14ac:dyDescent="0.2">
      <c r="G4992" s="43"/>
      <c r="Z4992" s="143"/>
      <c r="AA4992" s="137"/>
      <c r="AB4992" s="137"/>
      <c r="AC4992" s="137"/>
      <c r="AD4992" s="137"/>
      <c r="AE4992" s="137"/>
      <c r="AF4992" s="137"/>
      <c r="AG4992" s="137"/>
      <c r="AH4992" s="137"/>
      <c r="AI4992" s="137"/>
      <c r="AJ4992" s="137"/>
      <c r="AK4992" s="137"/>
      <c r="AL4992" s="137"/>
      <c r="AM4992" s="137"/>
      <c r="AN4992" s="137"/>
      <c r="AO4992" s="137"/>
      <c r="AP4992" s="137"/>
      <c r="AQ4992" s="137"/>
      <c r="AR4992" s="137"/>
      <c r="AS4992" s="137"/>
      <c r="AT4992" s="137"/>
      <c r="AU4992" s="137"/>
      <c r="AV4992" s="137"/>
      <c r="AW4992" s="144"/>
    </row>
    <row r="4993" spans="7:49" x14ac:dyDescent="0.2">
      <c r="G4993" s="43"/>
      <c r="Z4993" s="143"/>
      <c r="AA4993" s="137"/>
      <c r="AB4993" s="137"/>
      <c r="AC4993" s="137"/>
      <c r="AD4993" s="137"/>
      <c r="AE4993" s="137"/>
      <c r="AF4993" s="137"/>
      <c r="AG4993" s="137"/>
      <c r="AH4993" s="137"/>
      <c r="AI4993" s="137"/>
      <c r="AJ4993" s="137"/>
      <c r="AK4993" s="137"/>
      <c r="AL4993" s="137"/>
      <c r="AM4993" s="137"/>
      <c r="AN4993" s="137"/>
      <c r="AO4993" s="137"/>
      <c r="AP4993" s="137"/>
      <c r="AQ4993" s="137"/>
      <c r="AR4993" s="137"/>
      <c r="AS4993" s="137"/>
      <c r="AT4993" s="137"/>
      <c r="AU4993" s="137"/>
      <c r="AV4993" s="137"/>
      <c r="AW4993" s="144"/>
    </row>
    <row r="4994" spans="7:49" x14ac:dyDescent="0.2">
      <c r="G4994" s="43"/>
      <c r="Z4994" s="143"/>
      <c r="AA4994" s="137"/>
      <c r="AB4994" s="137"/>
      <c r="AC4994" s="137"/>
      <c r="AD4994" s="137"/>
      <c r="AE4994" s="137"/>
      <c r="AF4994" s="137"/>
      <c r="AG4994" s="137"/>
      <c r="AH4994" s="137"/>
      <c r="AI4994" s="137"/>
      <c r="AJ4994" s="137"/>
      <c r="AK4994" s="137"/>
      <c r="AL4994" s="137"/>
      <c r="AM4994" s="137"/>
      <c r="AN4994" s="137"/>
      <c r="AO4994" s="137"/>
      <c r="AP4994" s="137"/>
      <c r="AQ4994" s="137"/>
      <c r="AR4994" s="137"/>
      <c r="AS4994" s="137"/>
      <c r="AT4994" s="137"/>
      <c r="AU4994" s="137"/>
      <c r="AV4994" s="137"/>
      <c r="AW4994" s="144"/>
    </row>
    <row r="4995" spans="7:49" x14ac:dyDescent="0.2">
      <c r="G4995" s="43"/>
      <c r="Z4995" s="143"/>
      <c r="AA4995" s="137"/>
      <c r="AB4995" s="137"/>
      <c r="AC4995" s="137"/>
      <c r="AD4995" s="137"/>
      <c r="AE4995" s="137"/>
      <c r="AF4995" s="137"/>
      <c r="AG4995" s="137"/>
      <c r="AH4995" s="137"/>
      <c r="AI4995" s="137"/>
      <c r="AJ4995" s="137"/>
      <c r="AK4995" s="137"/>
      <c r="AL4995" s="137"/>
      <c r="AM4995" s="137"/>
      <c r="AN4995" s="137"/>
      <c r="AO4995" s="137"/>
      <c r="AP4995" s="137"/>
      <c r="AQ4995" s="137"/>
      <c r="AR4995" s="137"/>
      <c r="AS4995" s="137"/>
      <c r="AT4995" s="137"/>
      <c r="AU4995" s="137"/>
      <c r="AV4995" s="137"/>
      <c r="AW4995" s="144"/>
    </row>
    <row r="4996" spans="7:49" x14ac:dyDescent="0.2">
      <c r="G4996" s="43"/>
      <c r="Z4996" s="143"/>
      <c r="AA4996" s="137"/>
      <c r="AB4996" s="137"/>
      <c r="AC4996" s="137"/>
      <c r="AD4996" s="137"/>
      <c r="AE4996" s="137"/>
      <c r="AF4996" s="137"/>
      <c r="AG4996" s="137"/>
      <c r="AH4996" s="137"/>
      <c r="AI4996" s="137"/>
      <c r="AJ4996" s="137"/>
      <c r="AK4996" s="137"/>
      <c r="AL4996" s="137"/>
      <c r="AM4996" s="137"/>
      <c r="AN4996" s="137"/>
      <c r="AO4996" s="137"/>
      <c r="AP4996" s="137"/>
      <c r="AQ4996" s="137"/>
      <c r="AR4996" s="137"/>
      <c r="AS4996" s="137"/>
      <c r="AT4996" s="137"/>
      <c r="AU4996" s="137"/>
      <c r="AV4996" s="137"/>
      <c r="AW4996" s="144"/>
    </row>
    <row r="4997" spans="7:49" x14ac:dyDescent="0.2">
      <c r="G4997" s="43"/>
      <c r="Z4997" s="143"/>
      <c r="AA4997" s="137"/>
      <c r="AB4997" s="137"/>
      <c r="AC4997" s="137"/>
      <c r="AD4997" s="137"/>
      <c r="AE4997" s="137"/>
      <c r="AF4997" s="137"/>
      <c r="AG4997" s="137"/>
      <c r="AH4997" s="137"/>
      <c r="AI4997" s="137"/>
      <c r="AJ4997" s="137"/>
      <c r="AK4997" s="137"/>
      <c r="AL4997" s="137"/>
      <c r="AM4997" s="137"/>
      <c r="AN4997" s="137"/>
      <c r="AO4997" s="137"/>
      <c r="AP4997" s="137"/>
      <c r="AQ4997" s="137"/>
      <c r="AR4997" s="137"/>
      <c r="AS4997" s="137"/>
      <c r="AT4997" s="137"/>
      <c r="AU4997" s="137"/>
      <c r="AV4997" s="137"/>
      <c r="AW4997" s="144"/>
    </row>
    <row r="4998" spans="7:49" x14ac:dyDescent="0.2">
      <c r="G4998" s="43"/>
      <c r="Z4998" s="143"/>
      <c r="AA4998" s="137"/>
      <c r="AB4998" s="137"/>
      <c r="AC4998" s="137"/>
      <c r="AD4998" s="137"/>
      <c r="AE4998" s="137"/>
      <c r="AF4998" s="137"/>
      <c r="AG4998" s="137"/>
      <c r="AH4998" s="137"/>
      <c r="AI4998" s="137"/>
      <c r="AJ4998" s="137"/>
      <c r="AK4998" s="137"/>
      <c r="AL4998" s="137"/>
      <c r="AM4998" s="137"/>
      <c r="AN4998" s="137"/>
      <c r="AO4998" s="137"/>
      <c r="AP4998" s="137"/>
      <c r="AQ4998" s="137"/>
      <c r="AR4998" s="137"/>
      <c r="AS4998" s="137"/>
      <c r="AT4998" s="137"/>
      <c r="AU4998" s="137"/>
      <c r="AV4998" s="137"/>
      <c r="AW4998" s="144"/>
    </row>
    <row r="4999" spans="7:49" x14ac:dyDescent="0.2">
      <c r="G4999" s="43"/>
      <c r="Z4999" s="143"/>
      <c r="AA4999" s="137"/>
      <c r="AB4999" s="137"/>
      <c r="AC4999" s="137"/>
      <c r="AD4999" s="137"/>
      <c r="AE4999" s="137"/>
      <c r="AF4999" s="137"/>
      <c r="AG4999" s="137"/>
      <c r="AH4999" s="137"/>
      <c r="AI4999" s="137"/>
      <c r="AJ4999" s="137"/>
      <c r="AK4999" s="137"/>
      <c r="AL4999" s="137"/>
      <c r="AM4999" s="137"/>
      <c r="AN4999" s="137"/>
      <c r="AO4999" s="137"/>
      <c r="AP4999" s="137"/>
      <c r="AQ4999" s="137"/>
      <c r="AR4999" s="137"/>
      <c r="AS4999" s="137"/>
      <c r="AT4999" s="137"/>
      <c r="AU4999" s="137"/>
      <c r="AV4999" s="137"/>
      <c r="AW4999" s="144"/>
    </row>
    <row r="5000" spans="7:49" x14ac:dyDescent="0.2">
      <c r="G5000" s="43"/>
      <c r="Z5000" s="143"/>
      <c r="AA5000" s="137"/>
      <c r="AB5000" s="137"/>
      <c r="AC5000" s="137"/>
      <c r="AD5000" s="137"/>
      <c r="AE5000" s="137"/>
      <c r="AF5000" s="137"/>
      <c r="AG5000" s="137"/>
      <c r="AH5000" s="137"/>
      <c r="AI5000" s="137"/>
      <c r="AJ5000" s="137"/>
      <c r="AK5000" s="137"/>
      <c r="AL5000" s="137"/>
      <c r="AM5000" s="137"/>
      <c r="AN5000" s="137"/>
      <c r="AO5000" s="137"/>
      <c r="AP5000" s="137"/>
      <c r="AQ5000" s="137"/>
      <c r="AR5000" s="137"/>
      <c r="AS5000" s="137"/>
      <c r="AT5000" s="137"/>
      <c r="AU5000" s="137"/>
      <c r="AV5000" s="137"/>
      <c r="AW5000" s="144"/>
    </row>
    <row r="5001" spans="7:49" x14ac:dyDescent="0.2">
      <c r="G5001" s="43"/>
      <c r="Z5001" s="143"/>
      <c r="AA5001" s="137"/>
      <c r="AB5001" s="137"/>
      <c r="AC5001" s="137"/>
      <c r="AD5001" s="137"/>
      <c r="AE5001" s="137"/>
      <c r="AF5001" s="137"/>
      <c r="AG5001" s="137"/>
      <c r="AH5001" s="137"/>
      <c r="AI5001" s="137"/>
      <c r="AJ5001" s="137"/>
      <c r="AK5001" s="137"/>
      <c r="AL5001" s="137"/>
      <c r="AM5001" s="137"/>
      <c r="AN5001" s="137"/>
      <c r="AO5001" s="137"/>
      <c r="AP5001" s="137"/>
      <c r="AQ5001" s="137"/>
      <c r="AR5001" s="137"/>
      <c r="AS5001" s="137"/>
      <c r="AT5001" s="137"/>
      <c r="AU5001" s="137"/>
      <c r="AV5001" s="137"/>
      <c r="AW5001" s="144"/>
    </row>
    <row r="5002" spans="7:49" x14ac:dyDescent="0.2">
      <c r="G5002" s="43"/>
      <c r="Z5002" s="143"/>
      <c r="AA5002" s="137"/>
      <c r="AB5002" s="137"/>
      <c r="AC5002" s="137"/>
      <c r="AD5002" s="137"/>
      <c r="AE5002" s="137"/>
      <c r="AF5002" s="137"/>
      <c r="AG5002" s="137"/>
      <c r="AH5002" s="137"/>
      <c r="AI5002" s="137"/>
      <c r="AJ5002" s="137"/>
      <c r="AK5002" s="137"/>
      <c r="AL5002" s="137"/>
      <c r="AM5002" s="137"/>
      <c r="AN5002" s="137"/>
      <c r="AO5002" s="137"/>
      <c r="AP5002" s="137"/>
      <c r="AQ5002" s="137"/>
      <c r="AR5002" s="137"/>
      <c r="AS5002" s="137"/>
      <c r="AT5002" s="137"/>
      <c r="AU5002" s="137"/>
      <c r="AV5002" s="137"/>
      <c r="AW5002" s="144"/>
    </row>
    <row r="5003" spans="7:49" x14ac:dyDescent="0.2">
      <c r="G5003" s="43"/>
      <c r="Z5003" s="143"/>
      <c r="AA5003" s="137"/>
      <c r="AB5003" s="137"/>
      <c r="AC5003" s="137"/>
      <c r="AD5003" s="137"/>
      <c r="AE5003" s="137"/>
      <c r="AF5003" s="137"/>
      <c r="AG5003" s="137"/>
      <c r="AH5003" s="137"/>
      <c r="AI5003" s="137"/>
      <c r="AJ5003" s="137"/>
      <c r="AK5003" s="137"/>
      <c r="AL5003" s="137"/>
      <c r="AM5003" s="137"/>
      <c r="AN5003" s="137"/>
      <c r="AO5003" s="137"/>
      <c r="AP5003" s="137"/>
      <c r="AQ5003" s="137"/>
      <c r="AR5003" s="137"/>
      <c r="AS5003" s="137"/>
      <c r="AT5003" s="137"/>
      <c r="AU5003" s="137"/>
      <c r="AV5003" s="137"/>
      <c r="AW5003" s="144"/>
    </row>
    <row r="5004" spans="7:49" x14ac:dyDescent="0.2">
      <c r="G5004" s="43"/>
      <c r="Z5004" s="143"/>
      <c r="AA5004" s="137"/>
      <c r="AB5004" s="137"/>
      <c r="AC5004" s="137"/>
      <c r="AD5004" s="137"/>
      <c r="AE5004" s="137"/>
      <c r="AF5004" s="137"/>
      <c r="AG5004" s="137"/>
      <c r="AH5004" s="137"/>
      <c r="AI5004" s="137"/>
      <c r="AJ5004" s="137"/>
      <c r="AK5004" s="137"/>
      <c r="AL5004" s="137"/>
      <c r="AM5004" s="137"/>
      <c r="AN5004" s="137"/>
      <c r="AO5004" s="137"/>
      <c r="AP5004" s="137"/>
      <c r="AQ5004" s="137"/>
      <c r="AR5004" s="137"/>
      <c r="AS5004" s="137"/>
      <c r="AT5004" s="137"/>
      <c r="AU5004" s="137"/>
      <c r="AV5004" s="137"/>
      <c r="AW5004" s="144"/>
    </row>
    <row r="5005" spans="7:49" x14ac:dyDescent="0.2">
      <c r="G5005" s="43"/>
      <c r="Z5005" s="143"/>
      <c r="AA5005" s="137"/>
      <c r="AB5005" s="137"/>
      <c r="AC5005" s="137"/>
      <c r="AD5005" s="137"/>
      <c r="AE5005" s="137"/>
      <c r="AF5005" s="137"/>
      <c r="AG5005" s="137"/>
      <c r="AH5005" s="137"/>
      <c r="AI5005" s="137"/>
      <c r="AJ5005" s="137"/>
      <c r="AK5005" s="137"/>
      <c r="AL5005" s="137"/>
      <c r="AM5005" s="137"/>
      <c r="AN5005" s="137"/>
      <c r="AO5005" s="137"/>
      <c r="AP5005" s="137"/>
      <c r="AQ5005" s="137"/>
      <c r="AR5005" s="137"/>
      <c r="AS5005" s="137"/>
      <c r="AT5005" s="137"/>
      <c r="AU5005" s="137"/>
      <c r="AV5005" s="137"/>
      <c r="AW5005" s="144"/>
    </row>
    <row r="5006" spans="7:49" x14ac:dyDescent="0.2">
      <c r="G5006" s="43"/>
      <c r="Z5006" s="143"/>
      <c r="AA5006" s="137"/>
      <c r="AB5006" s="137"/>
      <c r="AC5006" s="137"/>
      <c r="AD5006" s="137"/>
      <c r="AE5006" s="137"/>
      <c r="AF5006" s="137"/>
      <c r="AG5006" s="137"/>
      <c r="AH5006" s="137"/>
      <c r="AI5006" s="137"/>
      <c r="AJ5006" s="137"/>
      <c r="AK5006" s="137"/>
      <c r="AL5006" s="137"/>
      <c r="AM5006" s="137"/>
      <c r="AN5006" s="137"/>
      <c r="AO5006" s="137"/>
      <c r="AP5006" s="137"/>
      <c r="AQ5006" s="137"/>
      <c r="AR5006" s="137"/>
      <c r="AS5006" s="137"/>
      <c r="AT5006" s="137"/>
      <c r="AU5006" s="137"/>
      <c r="AV5006" s="137"/>
      <c r="AW5006" s="144"/>
    </row>
    <row r="5007" spans="7:49" x14ac:dyDescent="0.2">
      <c r="G5007" s="43"/>
      <c r="Z5007" s="143"/>
      <c r="AA5007" s="137"/>
      <c r="AB5007" s="137"/>
      <c r="AC5007" s="137"/>
      <c r="AD5007" s="137"/>
      <c r="AE5007" s="137"/>
      <c r="AF5007" s="137"/>
      <c r="AG5007" s="137"/>
      <c r="AH5007" s="137"/>
      <c r="AI5007" s="137"/>
      <c r="AJ5007" s="137"/>
      <c r="AK5007" s="137"/>
      <c r="AL5007" s="137"/>
      <c r="AM5007" s="137"/>
      <c r="AN5007" s="137"/>
      <c r="AO5007" s="137"/>
      <c r="AP5007" s="137"/>
      <c r="AQ5007" s="137"/>
      <c r="AR5007" s="137"/>
      <c r="AS5007" s="137"/>
      <c r="AT5007" s="137"/>
      <c r="AU5007" s="137"/>
      <c r="AV5007" s="137"/>
      <c r="AW5007" s="144"/>
    </row>
    <row r="5008" spans="7:49" x14ac:dyDescent="0.2">
      <c r="G5008" s="43"/>
      <c r="Z5008" s="143"/>
      <c r="AA5008" s="137"/>
      <c r="AB5008" s="137"/>
      <c r="AC5008" s="137"/>
      <c r="AD5008" s="137"/>
      <c r="AE5008" s="137"/>
      <c r="AF5008" s="137"/>
      <c r="AG5008" s="137"/>
      <c r="AH5008" s="137"/>
      <c r="AI5008" s="137"/>
      <c r="AJ5008" s="137"/>
      <c r="AK5008" s="137"/>
      <c r="AL5008" s="137"/>
      <c r="AM5008" s="137"/>
      <c r="AN5008" s="137"/>
      <c r="AO5008" s="137"/>
      <c r="AP5008" s="137"/>
      <c r="AQ5008" s="137"/>
      <c r="AR5008" s="137"/>
      <c r="AS5008" s="137"/>
      <c r="AT5008" s="137"/>
      <c r="AU5008" s="137"/>
      <c r="AV5008" s="137"/>
      <c r="AW5008" s="144"/>
    </row>
    <row r="5009" spans="7:49" x14ac:dyDescent="0.2">
      <c r="G5009" s="43"/>
      <c r="Z5009" s="143"/>
      <c r="AA5009" s="137"/>
      <c r="AB5009" s="137"/>
      <c r="AC5009" s="137"/>
      <c r="AD5009" s="137"/>
      <c r="AE5009" s="137"/>
      <c r="AF5009" s="137"/>
      <c r="AG5009" s="137"/>
      <c r="AH5009" s="137"/>
      <c r="AI5009" s="137"/>
      <c r="AJ5009" s="137"/>
      <c r="AK5009" s="137"/>
      <c r="AL5009" s="137"/>
      <c r="AM5009" s="137"/>
      <c r="AN5009" s="137"/>
      <c r="AO5009" s="137"/>
      <c r="AP5009" s="137"/>
      <c r="AQ5009" s="137"/>
      <c r="AR5009" s="137"/>
      <c r="AS5009" s="137"/>
      <c r="AT5009" s="137"/>
      <c r="AU5009" s="137"/>
      <c r="AV5009" s="137"/>
      <c r="AW5009" s="144"/>
    </row>
    <row r="5010" spans="7:49" x14ac:dyDescent="0.2">
      <c r="G5010" s="43"/>
      <c r="Z5010" s="143"/>
      <c r="AA5010" s="137"/>
      <c r="AB5010" s="137"/>
      <c r="AC5010" s="137"/>
      <c r="AD5010" s="137"/>
      <c r="AE5010" s="137"/>
      <c r="AF5010" s="137"/>
      <c r="AG5010" s="137"/>
      <c r="AH5010" s="137"/>
      <c r="AI5010" s="137"/>
      <c r="AJ5010" s="137"/>
      <c r="AK5010" s="137"/>
      <c r="AL5010" s="137"/>
      <c r="AM5010" s="137"/>
      <c r="AN5010" s="137"/>
      <c r="AO5010" s="137"/>
      <c r="AP5010" s="137"/>
      <c r="AQ5010" s="137"/>
      <c r="AR5010" s="137"/>
      <c r="AS5010" s="137"/>
      <c r="AT5010" s="137"/>
      <c r="AU5010" s="137"/>
      <c r="AV5010" s="137"/>
      <c r="AW5010" s="144"/>
    </row>
    <row r="5011" spans="7:49" x14ac:dyDescent="0.2">
      <c r="G5011" s="43"/>
      <c r="Z5011" s="143"/>
      <c r="AA5011" s="137"/>
      <c r="AB5011" s="137"/>
      <c r="AC5011" s="137"/>
      <c r="AD5011" s="137"/>
      <c r="AE5011" s="137"/>
      <c r="AF5011" s="137"/>
      <c r="AG5011" s="137"/>
      <c r="AH5011" s="137"/>
      <c r="AI5011" s="137"/>
      <c r="AJ5011" s="137"/>
      <c r="AK5011" s="137"/>
      <c r="AL5011" s="137"/>
      <c r="AM5011" s="137"/>
      <c r="AN5011" s="137"/>
      <c r="AO5011" s="137"/>
      <c r="AP5011" s="137"/>
      <c r="AQ5011" s="137"/>
      <c r="AR5011" s="137"/>
      <c r="AS5011" s="137"/>
      <c r="AT5011" s="137"/>
      <c r="AU5011" s="137"/>
      <c r="AV5011" s="137"/>
      <c r="AW5011" s="144"/>
    </row>
    <row r="5012" spans="7:49" x14ac:dyDescent="0.2">
      <c r="G5012" s="43"/>
      <c r="Z5012" s="143"/>
      <c r="AA5012" s="137"/>
      <c r="AB5012" s="137"/>
      <c r="AC5012" s="137"/>
      <c r="AD5012" s="137"/>
      <c r="AE5012" s="137"/>
      <c r="AF5012" s="137"/>
      <c r="AG5012" s="137"/>
      <c r="AH5012" s="137"/>
      <c r="AI5012" s="137"/>
      <c r="AJ5012" s="137"/>
      <c r="AK5012" s="137"/>
      <c r="AL5012" s="137"/>
      <c r="AM5012" s="137"/>
      <c r="AN5012" s="137"/>
      <c r="AO5012" s="137"/>
      <c r="AP5012" s="137"/>
      <c r="AQ5012" s="137"/>
      <c r="AR5012" s="137"/>
      <c r="AS5012" s="137"/>
      <c r="AT5012" s="137"/>
      <c r="AU5012" s="137"/>
      <c r="AV5012" s="137"/>
      <c r="AW5012" s="144"/>
    </row>
    <row r="5013" spans="7:49" x14ac:dyDescent="0.2">
      <c r="G5013" s="43"/>
      <c r="Z5013" s="143"/>
      <c r="AA5013" s="137"/>
      <c r="AB5013" s="137"/>
      <c r="AC5013" s="137"/>
      <c r="AD5013" s="137"/>
      <c r="AE5013" s="137"/>
      <c r="AF5013" s="137"/>
      <c r="AG5013" s="137"/>
      <c r="AH5013" s="137"/>
      <c r="AI5013" s="137"/>
      <c r="AJ5013" s="137"/>
      <c r="AK5013" s="137"/>
      <c r="AL5013" s="137"/>
      <c r="AM5013" s="137"/>
      <c r="AN5013" s="137"/>
      <c r="AO5013" s="137"/>
      <c r="AP5013" s="137"/>
      <c r="AQ5013" s="137"/>
      <c r="AR5013" s="137"/>
      <c r="AS5013" s="137"/>
      <c r="AT5013" s="137"/>
      <c r="AU5013" s="137"/>
      <c r="AV5013" s="137"/>
      <c r="AW5013" s="144"/>
    </row>
    <row r="5014" spans="7:49" x14ac:dyDescent="0.2">
      <c r="G5014" s="43"/>
      <c r="Z5014" s="143"/>
      <c r="AA5014" s="137"/>
      <c r="AB5014" s="137"/>
      <c r="AC5014" s="137"/>
      <c r="AD5014" s="137"/>
      <c r="AE5014" s="137"/>
      <c r="AF5014" s="137"/>
      <c r="AG5014" s="137"/>
      <c r="AH5014" s="137"/>
      <c r="AI5014" s="137"/>
      <c r="AJ5014" s="137"/>
      <c r="AK5014" s="137"/>
      <c r="AL5014" s="137"/>
      <c r="AM5014" s="137"/>
      <c r="AN5014" s="137"/>
      <c r="AO5014" s="137"/>
      <c r="AP5014" s="137"/>
      <c r="AQ5014" s="137"/>
      <c r="AR5014" s="137"/>
      <c r="AS5014" s="137"/>
      <c r="AT5014" s="137"/>
      <c r="AU5014" s="137"/>
      <c r="AV5014" s="137"/>
      <c r="AW5014" s="144"/>
    </row>
    <row r="5015" spans="7:49" x14ac:dyDescent="0.2">
      <c r="G5015" s="43"/>
      <c r="Z5015" s="143"/>
      <c r="AA5015" s="137"/>
      <c r="AB5015" s="137"/>
      <c r="AC5015" s="137"/>
      <c r="AD5015" s="137"/>
      <c r="AE5015" s="137"/>
      <c r="AF5015" s="137"/>
      <c r="AG5015" s="137"/>
      <c r="AH5015" s="137"/>
      <c r="AI5015" s="137"/>
      <c r="AJ5015" s="137"/>
      <c r="AK5015" s="137"/>
      <c r="AL5015" s="137"/>
      <c r="AM5015" s="137"/>
      <c r="AN5015" s="137"/>
      <c r="AO5015" s="137"/>
      <c r="AP5015" s="137"/>
      <c r="AQ5015" s="137"/>
      <c r="AR5015" s="137"/>
      <c r="AS5015" s="137"/>
      <c r="AT5015" s="137"/>
      <c r="AU5015" s="137"/>
      <c r="AV5015" s="137"/>
      <c r="AW5015" s="144"/>
    </row>
    <row r="5016" spans="7:49" x14ac:dyDescent="0.2">
      <c r="G5016" s="43"/>
      <c r="Z5016" s="143"/>
      <c r="AA5016" s="137"/>
      <c r="AB5016" s="137"/>
      <c r="AC5016" s="137"/>
      <c r="AD5016" s="137"/>
      <c r="AE5016" s="137"/>
      <c r="AF5016" s="137"/>
      <c r="AG5016" s="137"/>
      <c r="AH5016" s="137"/>
      <c r="AI5016" s="137"/>
      <c r="AJ5016" s="137"/>
      <c r="AK5016" s="137"/>
      <c r="AL5016" s="137"/>
      <c r="AM5016" s="137"/>
      <c r="AN5016" s="137"/>
      <c r="AO5016" s="137"/>
      <c r="AP5016" s="137"/>
      <c r="AQ5016" s="137"/>
      <c r="AR5016" s="137"/>
      <c r="AS5016" s="137"/>
      <c r="AT5016" s="137"/>
      <c r="AU5016" s="137"/>
      <c r="AV5016" s="137"/>
      <c r="AW5016" s="144"/>
    </row>
    <row r="5017" spans="7:49" x14ac:dyDescent="0.2">
      <c r="G5017" s="43"/>
      <c r="Z5017" s="143"/>
      <c r="AA5017" s="137"/>
      <c r="AB5017" s="137"/>
      <c r="AC5017" s="137"/>
      <c r="AD5017" s="137"/>
      <c r="AE5017" s="137"/>
      <c r="AF5017" s="137"/>
      <c r="AG5017" s="137"/>
      <c r="AH5017" s="137"/>
      <c r="AI5017" s="137"/>
      <c r="AJ5017" s="137"/>
      <c r="AK5017" s="137"/>
      <c r="AL5017" s="137"/>
      <c r="AM5017" s="137"/>
      <c r="AN5017" s="137"/>
      <c r="AO5017" s="137"/>
      <c r="AP5017" s="137"/>
      <c r="AQ5017" s="137"/>
      <c r="AR5017" s="137"/>
      <c r="AS5017" s="137"/>
      <c r="AT5017" s="137"/>
      <c r="AU5017" s="137"/>
      <c r="AV5017" s="137"/>
      <c r="AW5017" s="144"/>
    </row>
    <row r="5018" spans="7:49" x14ac:dyDescent="0.2">
      <c r="G5018" s="43"/>
      <c r="Z5018" s="143"/>
      <c r="AA5018" s="137"/>
      <c r="AB5018" s="137"/>
      <c r="AC5018" s="137"/>
      <c r="AD5018" s="137"/>
      <c r="AE5018" s="137"/>
      <c r="AF5018" s="137"/>
      <c r="AG5018" s="137"/>
      <c r="AH5018" s="137"/>
      <c r="AI5018" s="137"/>
      <c r="AJ5018" s="137"/>
      <c r="AK5018" s="137"/>
      <c r="AL5018" s="137"/>
      <c r="AM5018" s="137"/>
      <c r="AN5018" s="137"/>
      <c r="AO5018" s="137"/>
      <c r="AP5018" s="137"/>
      <c r="AQ5018" s="137"/>
      <c r="AR5018" s="137"/>
      <c r="AS5018" s="137"/>
      <c r="AT5018" s="137"/>
      <c r="AU5018" s="137"/>
      <c r="AV5018" s="137"/>
      <c r="AW5018" s="144"/>
    </row>
    <row r="5019" spans="7:49" x14ac:dyDescent="0.2">
      <c r="G5019" s="43"/>
      <c r="Z5019" s="143"/>
      <c r="AA5019" s="137"/>
      <c r="AB5019" s="137"/>
      <c r="AC5019" s="137"/>
      <c r="AD5019" s="137"/>
      <c r="AE5019" s="137"/>
      <c r="AF5019" s="137"/>
      <c r="AG5019" s="137"/>
      <c r="AH5019" s="137"/>
      <c r="AI5019" s="137"/>
      <c r="AJ5019" s="137"/>
      <c r="AK5019" s="137"/>
      <c r="AL5019" s="137"/>
      <c r="AM5019" s="137"/>
      <c r="AN5019" s="137"/>
      <c r="AO5019" s="137"/>
      <c r="AP5019" s="137"/>
      <c r="AQ5019" s="137"/>
      <c r="AR5019" s="137"/>
      <c r="AS5019" s="137"/>
      <c r="AT5019" s="137"/>
      <c r="AU5019" s="137"/>
      <c r="AV5019" s="137"/>
      <c r="AW5019" s="144"/>
    </row>
    <row r="5020" spans="7:49" x14ac:dyDescent="0.2">
      <c r="G5020" s="43"/>
      <c r="Z5020" s="143"/>
      <c r="AA5020" s="137"/>
      <c r="AB5020" s="137"/>
      <c r="AC5020" s="137"/>
      <c r="AD5020" s="137"/>
      <c r="AE5020" s="137"/>
      <c r="AF5020" s="137"/>
      <c r="AG5020" s="137"/>
      <c r="AH5020" s="137"/>
      <c r="AI5020" s="137"/>
      <c r="AJ5020" s="137"/>
      <c r="AK5020" s="137"/>
      <c r="AL5020" s="137"/>
      <c r="AM5020" s="137"/>
      <c r="AN5020" s="137"/>
      <c r="AO5020" s="137"/>
      <c r="AP5020" s="137"/>
      <c r="AQ5020" s="137"/>
      <c r="AR5020" s="137"/>
      <c r="AS5020" s="137"/>
      <c r="AT5020" s="137"/>
      <c r="AU5020" s="137"/>
      <c r="AV5020" s="137"/>
      <c r="AW5020" s="144"/>
    </row>
    <row r="5021" spans="7:49" x14ac:dyDescent="0.2">
      <c r="G5021" s="43"/>
      <c r="Z5021" s="143"/>
      <c r="AA5021" s="137"/>
      <c r="AB5021" s="137"/>
      <c r="AC5021" s="137"/>
      <c r="AD5021" s="137"/>
      <c r="AE5021" s="137"/>
      <c r="AF5021" s="137"/>
      <c r="AG5021" s="137"/>
      <c r="AH5021" s="137"/>
      <c r="AI5021" s="137"/>
      <c r="AJ5021" s="137"/>
      <c r="AK5021" s="137"/>
      <c r="AL5021" s="137"/>
      <c r="AM5021" s="137"/>
      <c r="AN5021" s="137"/>
      <c r="AO5021" s="137"/>
      <c r="AP5021" s="137"/>
      <c r="AQ5021" s="137"/>
      <c r="AR5021" s="137"/>
      <c r="AS5021" s="137"/>
      <c r="AT5021" s="137"/>
      <c r="AU5021" s="137"/>
      <c r="AV5021" s="137"/>
      <c r="AW5021" s="144"/>
    </row>
    <row r="5022" spans="7:49" x14ac:dyDescent="0.2">
      <c r="G5022" s="43"/>
      <c r="Z5022" s="143"/>
      <c r="AA5022" s="137"/>
      <c r="AB5022" s="137"/>
      <c r="AC5022" s="137"/>
      <c r="AD5022" s="137"/>
      <c r="AE5022" s="137"/>
      <c r="AF5022" s="137"/>
      <c r="AG5022" s="137"/>
      <c r="AH5022" s="137"/>
      <c r="AI5022" s="137"/>
      <c r="AJ5022" s="137"/>
      <c r="AK5022" s="137"/>
      <c r="AL5022" s="137"/>
      <c r="AM5022" s="137"/>
      <c r="AN5022" s="137"/>
      <c r="AO5022" s="137"/>
      <c r="AP5022" s="137"/>
      <c r="AQ5022" s="137"/>
      <c r="AR5022" s="137"/>
      <c r="AS5022" s="137"/>
      <c r="AT5022" s="137"/>
      <c r="AU5022" s="137"/>
      <c r="AV5022" s="137"/>
      <c r="AW5022" s="144"/>
    </row>
    <row r="5023" spans="7:49" x14ac:dyDescent="0.2">
      <c r="G5023" s="43"/>
      <c r="Z5023" s="143"/>
      <c r="AA5023" s="137"/>
      <c r="AB5023" s="137"/>
      <c r="AC5023" s="137"/>
      <c r="AD5023" s="137"/>
      <c r="AE5023" s="137"/>
      <c r="AF5023" s="137"/>
      <c r="AG5023" s="137"/>
      <c r="AH5023" s="137"/>
      <c r="AI5023" s="137"/>
      <c r="AJ5023" s="137"/>
      <c r="AK5023" s="137"/>
      <c r="AL5023" s="137"/>
      <c r="AM5023" s="137"/>
      <c r="AN5023" s="137"/>
      <c r="AO5023" s="137"/>
      <c r="AP5023" s="137"/>
      <c r="AQ5023" s="137"/>
      <c r="AR5023" s="137"/>
      <c r="AS5023" s="137"/>
      <c r="AT5023" s="137"/>
      <c r="AU5023" s="137"/>
      <c r="AV5023" s="137"/>
      <c r="AW5023" s="144"/>
    </row>
    <row r="5024" spans="7:49" x14ac:dyDescent="0.2">
      <c r="G5024" s="43"/>
      <c r="Z5024" s="143"/>
      <c r="AA5024" s="137"/>
      <c r="AB5024" s="137"/>
      <c r="AC5024" s="137"/>
      <c r="AD5024" s="137"/>
      <c r="AE5024" s="137"/>
      <c r="AF5024" s="137"/>
      <c r="AG5024" s="137"/>
      <c r="AH5024" s="137"/>
      <c r="AI5024" s="137"/>
      <c r="AJ5024" s="137"/>
      <c r="AK5024" s="137"/>
      <c r="AL5024" s="137"/>
      <c r="AM5024" s="137"/>
      <c r="AN5024" s="137"/>
      <c r="AO5024" s="137"/>
      <c r="AP5024" s="137"/>
      <c r="AQ5024" s="137"/>
      <c r="AR5024" s="137"/>
      <c r="AS5024" s="137"/>
      <c r="AT5024" s="137"/>
      <c r="AU5024" s="137"/>
      <c r="AV5024" s="137"/>
      <c r="AW5024" s="144"/>
    </row>
    <row r="5025" spans="7:49" x14ac:dyDescent="0.2">
      <c r="G5025" s="43"/>
      <c r="Z5025" s="143"/>
      <c r="AA5025" s="137"/>
      <c r="AB5025" s="137"/>
      <c r="AC5025" s="137"/>
      <c r="AD5025" s="137"/>
      <c r="AE5025" s="137"/>
      <c r="AF5025" s="137"/>
      <c r="AG5025" s="137"/>
      <c r="AH5025" s="137"/>
      <c r="AI5025" s="137"/>
      <c r="AJ5025" s="137"/>
      <c r="AK5025" s="137"/>
      <c r="AL5025" s="137"/>
      <c r="AM5025" s="137"/>
      <c r="AN5025" s="137"/>
      <c r="AO5025" s="137"/>
      <c r="AP5025" s="137"/>
      <c r="AQ5025" s="137"/>
      <c r="AR5025" s="137"/>
      <c r="AS5025" s="137"/>
      <c r="AT5025" s="137"/>
      <c r="AU5025" s="137"/>
      <c r="AV5025" s="137"/>
      <c r="AW5025" s="144"/>
    </row>
    <row r="5026" spans="7:49" x14ac:dyDescent="0.2">
      <c r="G5026" s="43"/>
      <c r="Z5026" s="143"/>
      <c r="AA5026" s="137"/>
      <c r="AB5026" s="137"/>
      <c r="AC5026" s="137"/>
      <c r="AD5026" s="137"/>
      <c r="AE5026" s="137"/>
      <c r="AF5026" s="137"/>
      <c r="AG5026" s="137"/>
      <c r="AH5026" s="137"/>
      <c r="AI5026" s="137"/>
      <c r="AJ5026" s="137"/>
      <c r="AK5026" s="137"/>
      <c r="AL5026" s="137"/>
      <c r="AM5026" s="137"/>
      <c r="AN5026" s="137"/>
      <c r="AO5026" s="137"/>
      <c r="AP5026" s="137"/>
      <c r="AQ5026" s="137"/>
      <c r="AR5026" s="137"/>
      <c r="AS5026" s="137"/>
      <c r="AT5026" s="137"/>
      <c r="AU5026" s="137"/>
      <c r="AV5026" s="137"/>
      <c r="AW5026" s="144"/>
    </row>
    <row r="5027" spans="7:49" x14ac:dyDescent="0.2">
      <c r="G5027" s="43"/>
      <c r="Z5027" s="143"/>
      <c r="AA5027" s="137"/>
      <c r="AB5027" s="137"/>
      <c r="AC5027" s="137"/>
      <c r="AD5027" s="137"/>
      <c r="AE5027" s="137"/>
      <c r="AF5027" s="137"/>
      <c r="AG5027" s="137"/>
      <c r="AH5027" s="137"/>
      <c r="AI5027" s="137"/>
      <c r="AJ5027" s="137"/>
      <c r="AK5027" s="137"/>
      <c r="AL5027" s="137"/>
      <c r="AM5027" s="137"/>
      <c r="AN5027" s="137"/>
      <c r="AO5027" s="137"/>
      <c r="AP5027" s="137"/>
      <c r="AQ5027" s="137"/>
      <c r="AR5027" s="137"/>
      <c r="AS5027" s="137"/>
      <c r="AT5027" s="137"/>
      <c r="AU5027" s="137"/>
      <c r="AV5027" s="137"/>
      <c r="AW5027" s="144"/>
    </row>
    <row r="5028" spans="7:49" x14ac:dyDescent="0.2">
      <c r="G5028" s="43"/>
      <c r="Z5028" s="143"/>
      <c r="AA5028" s="137"/>
      <c r="AB5028" s="137"/>
      <c r="AC5028" s="137"/>
      <c r="AD5028" s="137"/>
      <c r="AE5028" s="137"/>
      <c r="AF5028" s="137"/>
      <c r="AG5028" s="137"/>
      <c r="AH5028" s="137"/>
      <c r="AI5028" s="137"/>
      <c r="AJ5028" s="137"/>
      <c r="AK5028" s="137"/>
      <c r="AL5028" s="137"/>
      <c r="AM5028" s="137"/>
      <c r="AN5028" s="137"/>
      <c r="AO5028" s="137"/>
      <c r="AP5028" s="137"/>
      <c r="AQ5028" s="137"/>
      <c r="AR5028" s="137"/>
      <c r="AS5028" s="137"/>
      <c r="AT5028" s="137"/>
      <c r="AU5028" s="137"/>
      <c r="AV5028" s="137"/>
      <c r="AW5028" s="144"/>
    </row>
    <row r="5029" spans="7:49" x14ac:dyDescent="0.2">
      <c r="G5029" s="43"/>
      <c r="Z5029" s="143"/>
      <c r="AA5029" s="137"/>
      <c r="AB5029" s="137"/>
      <c r="AC5029" s="137"/>
      <c r="AD5029" s="137"/>
      <c r="AE5029" s="137"/>
      <c r="AF5029" s="137"/>
      <c r="AG5029" s="137"/>
      <c r="AH5029" s="137"/>
      <c r="AI5029" s="137"/>
      <c r="AJ5029" s="137"/>
      <c r="AK5029" s="137"/>
      <c r="AL5029" s="137"/>
      <c r="AM5029" s="137"/>
      <c r="AN5029" s="137"/>
      <c r="AO5029" s="137"/>
      <c r="AP5029" s="137"/>
      <c r="AQ5029" s="137"/>
      <c r="AR5029" s="137"/>
      <c r="AS5029" s="137"/>
      <c r="AT5029" s="137"/>
      <c r="AU5029" s="137"/>
      <c r="AV5029" s="137"/>
      <c r="AW5029" s="144"/>
    </row>
    <row r="5030" spans="7:49" x14ac:dyDescent="0.2">
      <c r="G5030" s="43"/>
      <c r="Z5030" s="143"/>
      <c r="AA5030" s="137"/>
      <c r="AB5030" s="137"/>
      <c r="AC5030" s="137"/>
      <c r="AD5030" s="137"/>
      <c r="AE5030" s="137"/>
      <c r="AF5030" s="137"/>
      <c r="AG5030" s="137"/>
      <c r="AH5030" s="137"/>
      <c r="AI5030" s="137"/>
      <c r="AJ5030" s="137"/>
      <c r="AK5030" s="137"/>
      <c r="AL5030" s="137"/>
      <c r="AM5030" s="137"/>
      <c r="AN5030" s="137"/>
      <c r="AO5030" s="137"/>
      <c r="AP5030" s="137"/>
      <c r="AQ5030" s="137"/>
      <c r="AR5030" s="137"/>
      <c r="AS5030" s="137"/>
      <c r="AT5030" s="137"/>
      <c r="AU5030" s="137"/>
      <c r="AV5030" s="137"/>
      <c r="AW5030" s="144"/>
    </row>
    <row r="5031" spans="7:49" x14ac:dyDescent="0.2">
      <c r="G5031" s="43"/>
      <c r="Z5031" s="143"/>
      <c r="AA5031" s="137"/>
      <c r="AB5031" s="137"/>
      <c r="AC5031" s="137"/>
      <c r="AD5031" s="137"/>
      <c r="AE5031" s="137"/>
      <c r="AF5031" s="137"/>
      <c r="AG5031" s="137"/>
      <c r="AH5031" s="137"/>
      <c r="AI5031" s="137"/>
      <c r="AJ5031" s="137"/>
      <c r="AK5031" s="137"/>
      <c r="AL5031" s="137"/>
      <c r="AM5031" s="137"/>
      <c r="AN5031" s="137"/>
      <c r="AO5031" s="137"/>
      <c r="AP5031" s="137"/>
      <c r="AQ5031" s="137"/>
      <c r="AR5031" s="137"/>
      <c r="AS5031" s="137"/>
      <c r="AT5031" s="137"/>
      <c r="AU5031" s="137"/>
      <c r="AV5031" s="137"/>
      <c r="AW5031" s="144"/>
    </row>
    <row r="5032" spans="7:49" x14ac:dyDescent="0.2">
      <c r="G5032" s="43"/>
      <c r="Z5032" s="143"/>
      <c r="AA5032" s="137"/>
      <c r="AB5032" s="137"/>
      <c r="AC5032" s="137"/>
      <c r="AD5032" s="137"/>
      <c r="AE5032" s="137"/>
      <c r="AF5032" s="137"/>
      <c r="AG5032" s="137"/>
      <c r="AH5032" s="137"/>
      <c r="AI5032" s="137"/>
      <c r="AJ5032" s="137"/>
      <c r="AK5032" s="137"/>
      <c r="AL5032" s="137"/>
      <c r="AM5032" s="137"/>
      <c r="AN5032" s="137"/>
      <c r="AO5032" s="137"/>
      <c r="AP5032" s="137"/>
      <c r="AQ5032" s="137"/>
      <c r="AR5032" s="137"/>
      <c r="AS5032" s="137"/>
      <c r="AT5032" s="137"/>
      <c r="AU5032" s="137"/>
      <c r="AV5032" s="137"/>
      <c r="AW5032" s="144"/>
    </row>
    <row r="5033" spans="7:49" x14ac:dyDescent="0.2">
      <c r="G5033" s="43"/>
      <c r="Z5033" s="143"/>
      <c r="AA5033" s="137"/>
      <c r="AB5033" s="137"/>
      <c r="AC5033" s="137"/>
      <c r="AD5033" s="137"/>
      <c r="AE5033" s="137"/>
      <c r="AF5033" s="137"/>
      <c r="AG5033" s="137"/>
      <c r="AH5033" s="137"/>
      <c r="AI5033" s="137"/>
      <c r="AJ5033" s="137"/>
      <c r="AK5033" s="137"/>
      <c r="AL5033" s="137"/>
      <c r="AM5033" s="137"/>
      <c r="AN5033" s="137"/>
      <c r="AO5033" s="137"/>
      <c r="AP5033" s="137"/>
      <c r="AQ5033" s="137"/>
      <c r="AR5033" s="137"/>
      <c r="AS5033" s="137"/>
      <c r="AT5033" s="137"/>
      <c r="AU5033" s="137"/>
      <c r="AV5033" s="137"/>
      <c r="AW5033" s="144"/>
    </row>
    <row r="5034" spans="7:49" x14ac:dyDescent="0.2">
      <c r="G5034" s="43"/>
      <c r="Z5034" s="143"/>
      <c r="AA5034" s="137"/>
      <c r="AB5034" s="137"/>
      <c r="AC5034" s="137"/>
      <c r="AD5034" s="137"/>
      <c r="AE5034" s="137"/>
      <c r="AF5034" s="137"/>
      <c r="AG5034" s="137"/>
      <c r="AH5034" s="137"/>
      <c r="AI5034" s="137"/>
      <c r="AJ5034" s="137"/>
      <c r="AK5034" s="137"/>
      <c r="AL5034" s="137"/>
      <c r="AM5034" s="137"/>
      <c r="AN5034" s="137"/>
      <c r="AO5034" s="137"/>
      <c r="AP5034" s="137"/>
      <c r="AQ5034" s="137"/>
      <c r="AR5034" s="137"/>
      <c r="AS5034" s="137"/>
      <c r="AT5034" s="137"/>
      <c r="AU5034" s="137"/>
      <c r="AV5034" s="137"/>
      <c r="AW5034" s="144"/>
    </row>
    <row r="5035" spans="7:49" x14ac:dyDescent="0.2">
      <c r="G5035" s="43"/>
      <c r="Z5035" s="143"/>
      <c r="AA5035" s="137"/>
      <c r="AB5035" s="137"/>
      <c r="AC5035" s="137"/>
      <c r="AD5035" s="137"/>
      <c r="AE5035" s="137"/>
      <c r="AF5035" s="137"/>
      <c r="AG5035" s="137"/>
      <c r="AH5035" s="137"/>
      <c r="AI5035" s="137"/>
      <c r="AJ5035" s="137"/>
      <c r="AK5035" s="137"/>
      <c r="AL5035" s="137"/>
      <c r="AM5035" s="137"/>
      <c r="AN5035" s="137"/>
      <c r="AO5035" s="137"/>
      <c r="AP5035" s="137"/>
      <c r="AQ5035" s="137"/>
      <c r="AR5035" s="137"/>
      <c r="AS5035" s="137"/>
      <c r="AT5035" s="137"/>
      <c r="AU5035" s="137"/>
      <c r="AV5035" s="137"/>
      <c r="AW5035" s="144"/>
    </row>
    <row r="5036" spans="7:49" x14ac:dyDescent="0.2">
      <c r="G5036" s="43"/>
      <c r="Z5036" s="143"/>
      <c r="AA5036" s="137"/>
      <c r="AB5036" s="137"/>
      <c r="AC5036" s="137"/>
      <c r="AD5036" s="137"/>
      <c r="AE5036" s="137"/>
      <c r="AF5036" s="137"/>
      <c r="AG5036" s="137"/>
      <c r="AH5036" s="137"/>
      <c r="AI5036" s="137"/>
      <c r="AJ5036" s="137"/>
      <c r="AK5036" s="137"/>
      <c r="AL5036" s="137"/>
      <c r="AM5036" s="137"/>
      <c r="AN5036" s="137"/>
      <c r="AO5036" s="137"/>
      <c r="AP5036" s="137"/>
      <c r="AQ5036" s="137"/>
      <c r="AR5036" s="137"/>
      <c r="AS5036" s="137"/>
      <c r="AT5036" s="137"/>
      <c r="AU5036" s="137"/>
      <c r="AV5036" s="137"/>
      <c r="AW5036" s="144"/>
    </row>
    <row r="5037" spans="7:49" x14ac:dyDescent="0.2">
      <c r="G5037" s="43"/>
      <c r="Z5037" s="143"/>
      <c r="AA5037" s="137"/>
      <c r="AB5037" s="137"/>
      <c r="AC5037" s="137"/>
      <c r="AD5037" s="137"/>
      <c r="AE5037" s="137"/>
      <c r="AF5037" s="137"/>
      <c r="AG5037" s="137"/>
      <c r="AH5037" s="137"/>
      <c r="AI5037" s="137"/>
      <c r="AJ5037" s="137"/>
      <c r="AK5037" s="137"/>
      <c r="AL5037" s="137"/>
      <c r="AM5037" s="137"/>
      <c r="AN5037" s="137"/>
      <c r="AO5037" s="137"/>
      <c r="AP5037" s="137"/>
      <c r="AQ5037" s="137"/>
      <c r="AR5037" s="137"/>
      <c r="AS5037" s="137"/>
      <c r="AT5037" s="137"/>
      <c r="AU5037" s="137"/>
      <c r="AV5037" s="137"/>
      <c r="AW5037" s="144"/>
    </row>
    <row r="5038" spans="7:49" x14ac:dyDescent="0.2">
      <c r="G5038" s="43"/>
      <c r="Z5038" s="143"/>
      <c r="AA5038" s="137"/>
      <c r="AB5038" s="137"/>
      <c r="AC5038" s="137"/>
      <c r="AD5038" s="137"/>
      <c r="AE5038" s="137"/>
      <c r="AF5038" s="137"/>
      <c r="AG5038" s="137"/>
      <c r="AH5038" s="137"/>
      <c r="AI5038" s="137"/>
      <c r="AJ5038" s="137"/>
      <c r="AK5038" s="137"/>
      <c r="AL5038" s="137"/>
      <c r="AM5038" s="137"/>
      <c r="AN5038" s="137"/>
      <c r="AO5038" s="137"/>
      <c r="AP5038" s="137"/>
      <c r="AQ5038" s="137"/>
      <c r="AR5038" s="137"/>
      <c r="AS5038" s="137"/>
      <c r="AT5038" s="137"/>
      <c r="AU5038" s="137"/>
      <c r="AV5038" s="137"/>
      <c r="AW5038" s="144"/>
    </row>
    <row r="5039" spans="7:49" x14ac:dyDescent="0.2">
      <c r="G5039" s="43"/>
      <c r="Z5039" s="143"/>
      <c r="AA5039" s="137"/>
      <c r="AB5039" s="137"/>
      <c r="AC5039" s="137"/>
      <c r="AD5039" s="137"/>
      <c r="AE5039" s="137"/>
      <c r="AF5039" s="137"/>
      <c r="AG5039" s="137"/>
      <c r="AH5039" s="137"/>
      <c r="AI5039" s="137"/>
      <c r="AJ5039" s="137"/>
      <c r="AK5039" s="137"/>
      <c r="AL5039" s="137"/>
      <c r="AM5039" s="137"/>
      <c r="AN5039" s="137"/>
      <c r="AO5039" s="137"/>
      <c r="AP5039" s="137"/>
      <c r="AQ5039" s="137"/>
      <c r="AR5039" s="137"/>
      <c r="AS5039" s="137"/>
      <c r="AT5039" s="137"/>
      <c r="AU5039" s="137"/>
      <c r="AV5039" s="137"/>
      <c r="AW5039" s="144"/>
    </row>
    <row r="5040" spans="7:49" x14ac:dyDescent="0.2">
      <c r="G5040" s="43"/>
      <c r="Z5040" s="143"/>
      <c r="AA5040" s="137"/>
      <c r="AB5040" s="137"/>
      <c r="AC5040" s="137"/>
      <c r="AD5040" s="137"/>
      <c r="AE5040" s="137"/>
      <c r="AF5040" s="137"/>
      <c r="AG5040" s="137"/>
      <c r="AH5040" s="137"/>
      <c r="AI5040" s="137"/>
      <c r="AJ5040" s="137"/>
      <c r="AK5040" s="137"/>
      <c r="AL5040" s="137"/>
      <c r="AM5040" s="137"/>
      <c r="AN5040" s="137"/>
      <c r="AO5040" s="137"/>
      <c r="AP5040" s="137"/>
      <c r="AQ5040" s="137"/>
      <c r="AR5040" s="137"/>
      <c r="AS5040" s="137"/>
      <c r="AT5040" s="137"/>
      <c r="AU5040" s="137"/>
      <c r="AV5040" s="137"/>
      <c r="AW5040" s="144"/>
    </row>
    <row r="5041" spans="7:49" x14ac:dyDescent="0.2">
      <c r="G5041" s="43"/>
      <c r="Z5041" s="143"/>
      <c r="AA5041" s="137"/>
      <c r="AB5041" s="137"/>
      <c r="AC5041" s="137"/>
      <c r="AD5041" s="137"/>
      <c r="AE5041" s="137"/>
      <c r="AF5041" s="137"/>
      <c r="AG5041" s="137"/>
      <c r="AH5041" s="137"/>
      <c r="AI5041" s="137"/>
      <c r="AJ5041" s="137"/>
      <c r="AK5041" s="137"/>
      <c r="AL5041" s="137"/>
      <c r="AM5041" s="137"/>
      <c r="AN5041" s="137"/>
      <c r="AO5041" s="137"/>
      <c r="AP5041" s="137"/>
      <c r="AQ5041" s="137"/>
      <c r="AR5041" s="137"/>
      <c r="AS5041" s="137"/>
      <c r="AT5041" s="137"/>
      <c r="AU5041" s="137"/>
      <c r="AV5041" s="137"/>
      <c r="AW5041" s="144"/>
    </row>
    <row r="5042" spans="7:49" x14ac:dyDescent="0.2">
      <c r="G5042" s="43"/>
      <c r="Z5042" s="143"/>
      <c r="AA5042" s="137"/>
      <c r="AB5042" s="137"/>
      <c r="AC5042" s="137"/>
      <c r="AD5042" s="137"/>
      <c r="AE5042" s="137"/>
      <c r="AF5042" s="137"/>
      <c r="AG5042" s="137"/>
      <c r="AH5042" s="137"/>
      <c r="AI5042" s="137"/>
      <c r="AJ5042" s="137"/>
      <c r="AK5042" s="137"/>
      <c r="AL5042" s="137"/>
      <c r="AM5042" s="137"/>
      <c r="AN5042" s="137"/>
      <c r="AO5042" s="137"/>
      <c r="AP5042" s="137"/>
      <c r="AQ5042" s="137"/>
      <c r="AR5042" s="137"/>
      <c r="AS5042" s="137"/>
      <c r="AT5042" s="137"/>
      <c r="AU5042" s="137"/>
      <c r="AV5042" s="137"/>
      <c r="AW5042" s="144"/>
    </row>
    <row r="5043" spans="7:49" x14ac:dyDescent="0.2">
      <c r="G5043" s="43"/>
      <c r="Z5043" s="143"/>
      <c r="AA5043" s="137"/>
      <c r="AB5043" s="137"/>
      <c r="AC5043" s="137"/>
      <c r="AD5043" s="137"/>
      <c r="AE5043" s="137"/>
      <c r="AF5043" s="137"/>
      <c r="AG5043" s="137"/>
      <c r="AH5043" s="137"/>
      <c r="AI5043" s="137"/>
      <c r="AJ5043" s="137"/>
      <c r="AK5043" s="137"/>
      <c r="AL5043" s="137"/>
      <c r="AM5043" s="137"/>
      <c r="AN5043" s="137"/>
      <c r="AO5043" s="137"/>
      <c r="AP5043" s="137"/>
      <c r="AQ5043" s="137"/>
      <c r="AR5043" s="137"/>
      <c r="AS5043" s="137"/>
      <c r="AT5043" s="137"/>
      <c r="AU5043" s="137"/>
      <c r="AV5043" s="137"/>
      <c r="AW5043" s="144"/>
    </row>
    <row r="5044" spans="7:49" x14ac:dyDescent="0.2">
      <c r="G5044" s="43"/>
      <c r="Z5044" s="143"/>
      <c r="AA5044" s="137"/>
      <c r="AB5044" s="137"/>
      <c r="AC5044" s="137"/>
      <c r="AD5044" s="137"/>
      <c r="AE5044" s="137"/>
      <c r="AF5044" s="137"/>
      <c r="AG5044" s="137"/>
      <c r="AH5044" s="137"/>
      <c r="AI5044" s="137"/>
      <c r="AJ5044" s="137"/>
      <c r="AK5044" s="137"/>
      <c r="AL5044" s="137"/>
      <c r="AM5044" s="137"/>
      <c r="AN5044" s="137"/>
      <c r="AO5044" s="137"/>
      <c r="AP5044" s="137"/>
      <c r="AQ5044" s="137"/>
      <c r="AR5044" s="137"/>
      <c r="AS5044" s="137"/>
      <c r="AT5044" s="137"/>
      <c r="AU5044" s="137"/>
      <c r="AV5044" s="137"/>
      <c r="AW5044" s="144"/>
    </row>
    <row r="5045" spans="7:49" x14ac:dyDescent="0.2">
      <c r="G5045" s="43"/>
      <c r="Z5045" s="143"/>
      <c r="AA5045" s="137"/>
      <c r="AB5045" s="137"/>
      <c r="AC5045" s="137"/>
      <c r="AD5045" s="137"/>
      <c r="AE5045" s="137"/>
      <c r="AF5045" s="137"/>
      <c r="AG5045" s="137"/>
      <c r="AH5045" s="137"/>
      <c r="AI5045" s="137"/>
      <c r="AJ5045" s="137"/>
      <c r="AK5045" s="137"/>
      <c r="AL5045" s="137"/>
      <c r="AM5045" s="137"/>
      <c r="AN5045" s="137"/>
      <c r="AO5045" s="137"/>
      <c r="AP5045" s="137"/>
      <c r="AQ5045" s="137"/>
      <c r="AR5045" s="137"/>
      <c r="AS5045" s="137"/>
      <c r="AT5045" s="137"/>
      <c r="AU5045" s="137"/>
      <c r="AV5045" s="137"/>
      <c r="AW5045" s="144"/>
    </row>
    <row r="5046" spans="7:49" x14ac:dyDescent="0.2">
      <c r="G5046" s="43"/>
      <c r="Z5046" s="143"/>
      <c r="AA5046" s="137"/>
      <c r="AB5046" s="137"/>
      <c r="AC5046" s="137"/>
      <c r="AD5046" s="137"/>
      <c r="AE5046" s="137"/>
      <c r="AF5046" s="137"/>
      <c r="AG5046" s="137"/>
      <c r="AH5046" s="137"/>
      <c r="AI5046" s="137"/>
      <c r="AJ5046" s="137"/>
      <c r="AK5046" s="137"/>
      <c r="AL5046" s="137"/>
      <c r="AM5046" s="137"/>
      <c r="AN5046" s="137"/>
      <c r="AO5046" s="137"/>
      <c r="AP5046" s="137"/>
      <c r="AQ5046" s="137"/>
      <c r="AR5046" s="137"/>
      <c r="AS5046" s="137"/>
      <c r="AT5046" s="137"/>
      <c r="AU5046" s="137"/>
      <c r="AV5046" s="137"/>
      <c r="AW5046" s="144"/>
    </row>
    <row r="5047" spans="7:49" x14ac:dyDescent="0.2">
      <c r="G5047" s="43"/>
      <c r="Z5047" s="143"/>
      <c r="AA5047" s="137"/>
      <c r="AB5047" s="137"/>
      <c r="AC5047" s="137"/>
      <c r="AD5047" s="137"/>
      <c r="AE5047" s="137"/>
      <c r="AF5047" s="137"/>
      <c r="AG5047" s="137"/>
      <c r="AH5047" s="137"/>
      <c r="AI5047" s="137"/>
      <c r="AJ5047" s="137"/>
      <c r="AK5047" s="137"/>
      <c r="AL5047" s="137"/>
      <c r="AM5047" s="137"/>
      <c r="AN5047" s="137"/>
      <c r="AO5047" s="137"/>
      <c r="AP5047" s="137"/>
      <c r="AQ5047" s="137"/>
      <c r="AR5047" s="137"/>
      <c r="AS5047" s="137"/>
      <c r="AT5047" s="137"/>
      <c r="AU5047" s="137"/>
      <c r="AV5047" s="137"/>
      <c r="AW5047" s="144"/>
    </row>
    <row r="5048" spans="7:49" x14ac:dyDescent="0.2">
      <c r="G5048" s="43"/>
      <c r="Z5048" s="143"/>
      <c r="AA5048" s="137"/>
      <c r="AB5048" s="137"/>
      <c r="AC5048" s="137"/>
      <c r="AD5048" s="137"/>
      <c r="AE5048" s="137"/>
      <c r="AF5048" s="137"/>
      <c r="AG5048" s="137"/>
      <c r="AH5048" s="137"/>
      <c r="AI5048" s="137"/>
      <c r="AJ5048" s="137"/>
      <c r="AK5048" s="137"/>
      <c r="AL5048" s="137"/>
      <c r="AM5048" s="137"/>
      <c r="AN5048" s="137"/>
      <c r="AO5048" s="137"/>
      <c r="AP5048" s="137"/>
      <c r="AQ5048" s="137"/>
      <c r="AR5048" s="137"/>
      <c r="AS5048" s="137"/>
      <c r="AT5048" s="137"/>
      <c r="AU5048" s="137"/>
      <c r="AV5048" s="137"/>
      <c r="AW5048" s="144"/>
    </row>
    <row r="5049" spans="7:49" x14ac:dyDescent="0.2">
      <c r="G5049" s="43"/>
      <c r="Z5049" s="143"/>
      <c r="AA5049" s="137"/>
      <c r="AB5049" s="137"/>
      <c r="AC5049" s="137"/>
      <c r="AD5049" s="137"/>
      <c r="AE5049" s="137"/>
      <c r="AF5049" s="137"/>
      <c r="AG5049" s="137"/>
      <c r="AH5049" s="137"/>
      <c r="AI5049" s="137"/>
      <c r="AJ5049" s="137"/>
      <c r="AK5049" s="137"/>
      <c r="AL5049" s="137"/>
      <c r="AM5049" s="137"/>
      <c r="AN5049" s="137"/>
      <c r="AO5049" s="137"/>
      <c r="AP5049" s="137"/>
      <c r="AQ5049" s="137"/>
      <c r="AR5049" s="137"/>
      <c r="AS5049" s="137"/>
      <c r="AT5049" s="137"/>
      <c r="AU5049" s="137"/>
      <c r="AV5049" s="137"/>
      <c r="AW5049" s="144"/>
    </row>
    <row r="5050" spans="7:49" x14ac:dyDescent="0.2">
      <c r="G5050" s="43"/>
      <c r="Z5050" s="143"/>
      <c r="AA5050" s="137"/>
      <c r="AB5050" s="137"/>
      <c r="AC5050" s="137"/>
      <c r="AD5050" s="137"/>
      <c r="AE5050" s="137"/>
      <c r="AF5050" s="137"/>
      <c r="AG5050" s="137"/>
      <c r="AH5050" s="137"/>
      <c r="AI5050" s="137"/>
      <c r="AJ5050" s="137"/>
      <c r="AK5050" s="137"/>
      <c r="AL5050" s="137"/>
      <c r="AM5050" s="137"/>
      <c r="AN5050" s="137"/>
      <c r="AO5050" s="137"/>
      <c r="AP5050" s="137"/>
      <c r="AQ5050" s="137"/>
      <c r="AR5050" s="137"/>
      <c r="AS5050" s="137"/>
      <c r="AT5050" s="137"/>
      <c r="AU5050" s="137"/>
      <c r="AV5050" s="137"/>
      <c r="AW5050" s="144"/>
    </row>
    <row r="5051" spans="7:49" x14ac:dyDescent="0.2">
      <c r="G5051" s="43"/>
      <c r="Z5051" s="143"/>
      <c r="AA5051" s="137"/>
      <c r="AB5051" s="137"/>
      <c r="AC5051" s="137"/>
      <c r="AD5051" s="137"/>
      <c r="AE5051" s="137"/>
      <c r="AF5051" s="137"/>
      <c r="AG5051" s="137"/>
      <c r="AH5051" s="137"/>
      <c r="AI5051" s="137"/>
      <c r="AJ5051" s="137"/>
      <c r="AK5051" s="137"/>
      <c r="AL5051" s="137"/>
      <c r="AM5051" s="137"/>
      <c r="AN5051" s="137"/>
      <c r="AO5051" s="137"/>
      <c r="AP5051" s="137"/>
      <c r="AQ5051" s="137"/>
      <c r="AR5051" s="137"/>
      <c r="AS5051" s="137"/>
      <c r="AT5051" s="137"/>
      <c r="AU5051" s="137"/>
      <c r="AV5051" s="137"/>
      <c r="AW5051" s="144"/>
    </row>
    <row r="5052" spans="7:49" x14ac:dyDescent="0.2">
      <c r="G5052" s="43"/>
      <c r="Z5052" s="143"/>
      <c r="AA5052" s="137"/>
      <c r="AB5052" s="137"/>
      <c r="AC5052" s="137"/>
      <c r="AD5052" s="137"/>
      <c r="AE5052" s="137"/>
      <c r="AF5052" s="137"/>
      <c r="AG5052" s="137"/>
      <c r="AH5052" s="137"/>
      <c r="AI5052" s="137"/>
      <c r="AJ5052" s="137"/>
      <c r="AK5052" s="137"/>
      <c r="AL5052" s="137"/>
      <c r="AM5052" s="137"/>
      <c r="AN5052" s="137"/>
      <c r="AO5052" s="137"/>
      <c r="AP5052" s="137"/>
      <c r="AQ5052" s="137"/>
      <c r="AR5052" s="137"/>
      <c r="AS5052" s="137"/>
      <c r="AT5052" s="137"/>
      <c r="AU5052" s="137"/>
      <c r="AV5052" s="137"/>
      <c r="AW5052" s="144"/>
    </row>
    <row r="5053" spans="7:49" x14ac:dyDescent="0.2">
      <c r="G5053" s="43"/>
      <c r="Z5053" s="143"/>
      <c r="AA5053" s="137"/>
      <c r="AB5053" s="137"/>
      <c r="AC5053" s="137"/>
      <c r="AD5053" s="137"/>
      <c r="AE5053" s="137"/>
      <c r="AF5053" s="137"/>
      <c r="AG5053" s="137"/>
      <c r="AH5053" s="137"/>
      <c r="AI5053" s="137"/>
      <c r="AJ5053" s="137"/>
      <c r="AK5053" s="137"/>
      <c r="AL5053" s="137"/>
      <c r="AM5053" s="137"/>
      <c r="AN5053" s="137"/>
      <c r="AO5053" s="137"/>
      <c r="AP5053" s="137"/>
      <c r="AQ5053" s="137"/>
      <c r="AR5053" s="137"/>
      <c r="AS5053" s="137"/>
      <c r="AT5053" s="137"/>
      <c r="AU5053" s="137"/>
      <c r="AV5053" s="137"/>
      <c r="AW5053" s="144"/>
    </row>
    <row r="5054" spans="7:49" x14ac:dyDescent="0.2">
      <c r="G5054" s="43"/>
      <c r="Z5054" s="143"/>
      <c r="AA5054" s="137"/>
      <c r="AB5054" s="137"/>
      <c r="AC5054" s="137"/>
      <c r="AD5054" s="137"/>
      <c r="AE5054" s="137"/>
      <c r="AF5054" s="137"/>
      <c r="AG5054" s="137"/>
      <c r="AH5054" s="137"/>
      <c r="AI5054" s="137"/>
      <c r="AJ5054" s="137"/>
      <c r="AK5054" s="137"/>
      <c r="AL5054" s="137"/>
      <c r="AM5054" s="137"/>
      <c r="AN5054" s="137"/>
      <c r="AO5054" s="137"/>
      <c r="AP5054" s="137"/>
      <c r="AQ5054" s="137"/>
      <c r="AR5054" s="137"/>
      <c r="AS5054" s="137"/>
      <c r="AT5054" s="137"/>
      <c r="AU5054" s="137"/>
      <c r="AV5054" s="137"/>
      <c r="AW5054" s="144"/>
    </row>
    <row r="5055" spans="7:49" x14ac:dyDescent="0.2">
      <c r="G5055" s="43"/>
      <c r="Z5055" s="143"/>
      <c r="AA5055" s="137"/>
      <c r="AB5055" s="137"/>
      <c r="AC5055" s="137"/>
      <c r="AD5055" s="137"/>
      <c r="AE5055" s="137"/>
      <c r="AF5055" s="137"/>
      <c r="AG5055" s="137"/>
      <c r="AH5055" s="137"/>
      <c r="AI5055" s="137"/>
      <c r="AJ5055" s="137"/>
      <c r="AK5055" s="137"/>
      <c r="AL5055" s="137"/>
      <c r="AM5055" s="137"/>
      <c r="AN5055" s="137"/>
      <c r="AO5055" s="137"/>
      <c r="AP5055" s="137"/>
      <c r="AQ5055" s="137"/>
      <c r="AR5055" s="137"/>
      <c r="AS5055" s="137"/>
      <c r="AT5055" s="137"/>
      <c r="AU5055" s="137"/>
      <c r="AV5055" s="137"/>
      <c r="AW5055" s="144"/>
    </row>
    <row r="5056" spans="7:49" x14ac:dyDescent="0.2">
      <c r="G5056" s="43"/>
      <c r="Z5056" s="143"/>
      <c r="AA5056" s="137"/>
      <c r="AB5056" s="137"/>
      <c r="AC5056" s="137"/>
      <c r="AD5056" s="137"/>
      <c r="AE5056" s="137"/>
      <c r="AF5056" s="137"/>
      <c r="AG5056" s="137"/>
      <c r="AH5056" s="137"/>
      <c r="AI5056" s="137"/>
      <c r="AJ5056" s="137"/>
      <c r="AK5056" s="137"/>
      <c r="AL5056" s="137"/>
      <c r="AM5056" s="137"/>
      <c r="AN5056" s="137"/>
      <c r="AO5056" s="137"/>
      <c r="AP5056" s="137"/>
      <c r="AQ5056" s="137"/>
      <c r="AR5056" s="137"/>
      <c r="AS5056" s="137"/>
      <c r="AT5056" s="137"/>
      <c r="AU5056" s="137"/>
      <c r="AV5056" s="137"/>
      <c r="AW5056" s="144"/>
    </row>
    <row r="5057" spans="7:49" x14ac:dyDescent="0.2">
      <c r="G5057" s="43"/>
      <c r="Z5057" s="143"/>
      <c r="AA5057" s="137"/>
      <c r="AB5057" s="137"/>
      <c r="AC5057" s="137"/>
      <c r="AD5057" s="137"/>
      <c r="AE5057" s="137"/>
      <c r="AF5057" s="137"/>
      <c r="AG5057" s="137"/>
      <c r="AH5057" s="137"/>
      <c r="AI5057" s="137"/>
      <c r="AJ5057" s="137"/>
      <c r="AK5057" s="137"/>
      <c r="AL5057" s="137"/>
      <c r="AM5057" s="137"/>
      <c r="AN5057" s="137"/>
      <c r="AO5057" s="137"/>
      <c r="AP5057" s="137"/>
      <c r="AQ5057" s="137"/>
      <c r="AR5057" s="137"/>
      <c r="AS5057" s="137"/>
      <c r="AT5057" s="137"/>
      <c r="AU5057" s="137"/>
      <c r="AV5057" s="137"/>
      <c r="AW5057" s="144"/>
    </row>
    <row r="5058" spans="7:49" x14ac:dyDescent="0.2">
      <c r="G5058" s="43"/>
      <c r="Z5058" s="143"/>
      <c r="AA5058" s="137"/>
      <c r="AB5058" s="137"/>
      <c r="AC5058" s="137"/>
      <c r="AD5058" s="137"/>
      <c r="AE5058" s="137"/>
      <c r="AF5058" s="137"/>
      <c r="AG5058" s="137"/>
      <c r="AH5058" s="137"/>
      <c r="AI5058" s="137"/>
      <c r="AJ5058" s="137"/>
      <c r="AK5058" s="137"/>
      <c r="AL5058" s="137"/>
      <c r="AM5058" s="137"/>
      <c r="AN5058" s="137"/>
      <c r="AO5058" s="137"/>
      <c r="AP5058" s="137"/>
      <c r="AQ5058" s="137"/>
      <c r="AR5058" s="137"/>
      <c r="AS5058" s="137"/>
      <c r="AT5058" s="137"/>
      <c r="AU5058" s="137"/>
      <c r="AV5058" s="137"/>
      <c r="AW5058" s="144"/>
    </row>
    <row r="5059" spans="7:49" x14ac:dyDescent="0.2">
      <c r="G5059" s="43"/>
      <c r="Z5059" s="143"/>
      <c r="AA5059" s="137"/>
      <c r="AB5059" s="137"/>
      <c r="AC5059" s="137"/>
      <c r="AD5059" s="137"/>
      <c r="AE5059" s="137"/>
      <c r="AF5059" s="137"/>
      <c r="AG5059" s="137"/>
      <c r="AH5059" s="137"/>
      <c r="AI5059" s="137"/>
      <c r="AJ5059" s="137"/>
      <c r="AK5059" s="137"/>
      <c r="AL5059" s="137"/>
      <c r="AM5059" s="137"/>
      <c r="AN5059" s="137"/>
      <c r="AO5059" s="137"/>
      <c r="AP5059" s="137"/>
      <c r="AQ5059" s="137"/>
      <c r="AR5059" s="137"/>
      <c r="AS5059" s="137"/>
      <c r="AT5059" s="137"/>
      <c r="AU5059" s="137"/>
      <c r="AV5059" s="137"/>
      <c r="AW5059" s="144"/>
    </row>
    <row r="5060" spans="7:49" x14ac:dyDescent="0.2">
      <c r="G5060" s="43"/>
      <c r="Z5060" s="143"/>
      <c r="AA5060" s="137"/>
      <c r="AB5060" s="137"/>
      <c r="AC5060" s="137"/>
      <c r="AD5060" s="137"/>
      <c r="AE5060" s="137"/>
      <c r="AF5060" s="137"/>
      <c r="AG5060" s="137"/>
      <c r="AH5060" s="137"/>
      <c r="AI5060" s="137"/>
      <c r="AJ5060" s="137"/>
      <c r="AK5060" s="137"/>
      <c r="AL5060" s="137"/>
      <c r="AM5060" s="137"/>
      <c r="AN5060" s="137"/>
      <c r="AO5060" s="137"/>
      <c r="AP5060" s="137"/>
      <c r="AQ5060" s="137"/>
      <c r="AR5060" s="137"/>
      <c r="AS5060" s="137"/>
      <c r="AT5060" s="137"/>
      <c r="AU5060" s="137"/>
      <c r="AV5060" s="137"/>
      <c r="AW5060" s="144"/>
    </row>
    <row r="5061" spans="7:49" x14ac:dyDescent="0.2">
      <c r="G5061" s="43"/>
      <c r="Z5061" s="143"/>
      <c r="AA5061" s="137"/>
      <c r="AB5061" s="137"/>
      <c r="AC5061" s="137"/>
      <c r="AD5061" s="137"/>
      <c r="AE5061" s="137"/>
      <c r="AF5061" s="137"/>
      <c r="AG5061" s="137"/>
      <c r="AH5061" s="137"/>
      <c r="AI5061" s="137"/>
      <c r="AJ5061" s="137"/>
      <c r="AK5061" s="137"/>
      <c r="AL5061" s="137"/>
      <c r="AM5061" s="137"/>
      <c r="AN5061" s="137"/>
      <c r="AO5061" s="137"/>
      <c r="AP5061" s="137"/>
      <c r="AQ5061" s="137"/>
      <c r="AR5061" s="137"/>
      <c r="AS5061" s="137"/>
      <c r="AT5061" s="137"/>
      <c r="AU5061" s="137"/>
      <c r="AV5061" s="137"/>
      <c r="AW5061" s="144"/>
    </row>
    <row r="5062" spans="7:49" x14ac:dyDescent="0.2">
      <c r="G5062" s="43"/>
      <c r="Z5062" s="143"/>
      <c r="AA5062" s="137"/>
      <c r="AB5062" s="137"/>
      <c r="AC5062" s="137"/>
      <c r="AD5062" s="137"/>
      <c r="AE5062" s="137"/>
      <c r="AF5062" s="137"/>
      <c r="AG5062" s="137"/>
      <c r="AH5062" s="137"/>
      <c r="AI5062" s="137"/>
      <c r="AJ5062" s="137"/>
      <c r="AK5062" s="137"/>
      <c r="AL5062" s="137"/>
      <c r="AM5062" s="137"/>
      <c r="AN5062" s="137"/>
      <c r="AO5062" s="137"/>
      <c r="AP5062" s="137"/>
      <c r="AQ5062" s="137"/>
      <c r="AR5062" s="137"/>
      <c r="AS5062" s="137"/>
      <c r="AT5062" s="137"/>
      <c r="AU5062" s="137"/>
      <c r="AV5062" s="137"/>
      <c r="AW5062" s="144"/>
    </row>
    <row r="5063" spans="7:49" x14ac:dyDescent="0.2">
      <c r="G5063" s="43"/>
      <c r="Z5063" s="143"/>
      <c r="AA5063" s="137"/>
      <c r="AB5063" s="137"/>
      <c r="AC5063" s="137"/>
      <c r="AD5063" s="137"/>
      <c r="AE5063" s="137"/>
      <c r="AF5063" s="137"/>
      <c r="AG5063" s="137"/>
      <c r="AH5063" s="137"/>
      <c r="AI5063" s="137"/>
      <c r="AJ5063" s="137"/>
      <c r="AK5063" s="137"/>
      <c r="AL5063" s="137"/>
      <c r="AM5063" s="137"/>
      <c r="AN5063" s="137"/>
      <c r="AO5063" s="137"/>
      <c r="AP5063" s="137"/>
      <c r="AQ5063" s="137"/>
      <c r="AR5063" s="137"/>
      <c r="AS5063" s="137"/>
      <c r="AT5063" s="137"/>
      <c r="AU5063" s="137"/>
      <c r="AV5063" s="137"/>
      <c r="AW5063" s="144"/>
    </row>
    <row r="5064" spans="7:49" x14ac:dyDescent="0.2">
      <c r="G5064" s="43"/>
      <c r="Z5064" s="143"/>
      <c r="AA5064" s="137"/>
      <c r="AB5064" s="137"/>
      <c r="AC5064" s="137"/>
      <c r="AD5064" s="137"/>
      <c r="AE5064" s="137"/>
      <c r="AF5064" s="137"/>
      <c r="AG5064" s="137"/>
      <c r="AH5064" s="137"/>
      <c r="AI5064" s="137"/>
      <c r="AJ5064" s="137"/>
      <c r="AK5064" s="137"/>
      <c r="AL5064" s="137"/>
      <c r="AM5064" s="137"/>
      <c r="AN5064" s="137"/>
      <c r="AO5064" s="137"/>
      <c r="AP5064" s="137"/>
      <c r="AQ5064" s="137"/>
      <c r="AR5064" s="137"/>
      <c r="AS5064" s="137"/>
      <c r="AT5064" s="137"/>
      <c r="AU5064" s="137"/>
      <c r="AV5064" s="137"/>
      <c r="AW5064" s="144"/>
    </row>
    <row r="5065" spans="7:49" x14ac:dyDescent="0.2">
      <c r="G5065" s="43"/>
      <c r="Z5065" s="143"/>
      <c r="AA5065" s="137"/>
      <c r="AB5065" s="137"/>
      <c r="AC5065" s="137"/>
      <c r="AD5065" s="137"/>
      <c r="AE5065" s="137"/>
      <c r="AF5065" s="137"/>
      <c r="AG5065" s="137"/>
      <c r="AH5065" s="137"/>
      <c r="AI5065" s="137"/>
      <c r="AJ5065" s="137"/>
      <c r="AK5065" s="137"/>
      <c r="AL5065" s="137"/>
      <c r="AM5065" s="137"/>
      <c r="AN5065" s="137"/>
      <c r="AO5065" s="137"/>
      <c r="AP5065" s="137"/>
      <c r="AQ5065" s="137"/>
      <c r="AR5065" s="137"/>
      <c r="AS5065" s="137"/>
      <c r="AT5065" s="137"/>
      <c r="AU5065" s="137"/>
      <c r="AV5065" s="137"/>
      <c r="AW5065" s="144"/>
    </row>
    <row r="5066" spans="7:49" x14ac:dyDescent="0.2">
      <c r="G5066" s="43"/>
      <c r="Z5066" s="143"/>
      <c r="AA5066" s="137"/>
      <c r="AB5066" s="137"/>
      <c r="AC5066" s="137"/>
      <c r="AD5066" s="137"/>
      <c r="AE5066" s="137"/>
      <c r="AF5066" s="137"/>
      <c r="AG5066" s="137"/>
      <c r="AH5066" s="137"/>
      <c r="AI5066" s="137"/>
      <c r="AJ5066" s="137"/>
      <c r="AK5066" s="137"/>
      <c r="AL5066" s="137"/>
      <c r="AM5066" s="137"/>
      <c r="AN5066" s="137"/>
      <c r="AO5066" s="137"/>
      <c r="AP5066" s="137"/>
      <c r="AQ5066" s="137"/>
      <c r="AR5066" s="137"/>
      <c r="AS5066" s="137"/>
      <c r="AT5066" s="137"/>
      <c r="AU5066" s="137"/>
      <c r="AV5066" s="137"/>
      <c r="AW5066" s="144"/>
    </row>
    <row r="5067" spans="7:49" x14ac:dyDescent="0.2">
      <c r="G5067" s="43"/>
      <c r="Z5067" s="143"/>
      <c r="AA5067" s="137"/>
      <c r="AB5067" s="137"/>
      <c r="AC5067" s="137"/>
      <c r="AD5067" s="137"/>
      <c r="AE5067" s="137"/>
      <c r="AF5067" s="137"/>
      <c r="AG5067" s="137"/>
      <c r="AH5067" s="137"/>
      <c r="AI5067" s="137"/>
      <c r="AJ5067" s="137"/>
      <c r="AK5067" s="137"/>
      <c r="AL5067" s="137"/>
      <c r="AM5067" s="137"/>
      <c r="AN5067" s="137"/>
      <c r="AO5067" s="137"/>
      <c r="AP5067" s="137"/>
      <c r="AQ5067" s="137"/>
      <c r="AR5067" s="137"/>
      <c r="AS5067" s="137"/>
      <c r="AT5067" s="137"/>
      <c r="AU5067" s="137"/>
      <c r="AV5067" s="137"/>
      <c r="AW5067" s="144"/>
    </row>
    <row r="5068" spans="7:49" x14ac:dyDescent="0.2">
      <c r="G5068" s="43"/>
      <c r="Z5068" s="143"/>
      <c r="AA5068" s="137"/>
      <c r="AB5068" s="137"/>
      <c r="AC5068" s="137"/>
      <c r="AD5068" s="137"/>
      <c r="AE5068" s="137"/>
      <c r="AF5068" s="137"/>
      <c r="AG5068" s="137"/>
      <c r="AH5068" s="137"/>
      <c r="AI5068" s="137"/>
      <c r="AJ5068" s="137"/>
      <c r="AK5068" s="137"/>
      <c r="AL5068" s="137"/>
      <c r="AM5068" s="137"/>
      <c r="AN5068" s="137"/>
      <c r="AO5068" s="137"/>
      <c r="AP5068" s="137"/>
      <c r="AQ5068" s="137"/>
      <c r="AR5068" s="137"/>
      <c r="AS5068" s="137"/>
      <c r="AT5068" s="137"/>
      <c r="AU5068" s="137"/>
      <c r="AV5068" s="137"/>
      <c r="AW5068" s="144"/>
    </row>
    <row r="5069" spans="7:49" x14ac:dyDescent="0.2">
      <c r="G5069" s="43"/>
      <c r="Z5069" s="143"/>
      <c r="AA5069" s="137"/>
      <c r="AB5069" s="137"/>
      <c r="AC5069" s="137"/>
      <c r="AD5069" s="137"/>
      <c r="AE5069" s="137"/>
      <c r="AF5069" s="137"/>
      <c r="AG5069" s="137"/>
      <c r="AH5069" s="137"/>
      <c r="AI5069" s="137"/>
      <c r="AJ5069" s="137"/>
      <c r="AK5069" s="137"/>
      <c r="AL5069" s="137"/>
      <c r="AM5069" s="137"/>
      <c r="AN5069" s="137"/>
      <c r="AO5069" s="137"/>
      <c r="AP5069" s="137"/>
      <c r="AQ5069" s="137"/>
      <c r="AR5069" s="137"/>
      <c r="AS5069" s="137"/>
      <c r="AT5069" s="137"/>
      <c r="AU5069" s="137"/>
      <c r="AV5069" s="137"/>
      <c r="AW5069" s="144"/>
    </row>
    <row r="5070" spans="7:49" x14ac:dyDescent="0.2">
      <c r="G5070" s="43"/>
      <c r="Z5070" s="143"/>
      <c r="AA5070" s="137"/>
      <c r="AB5070" s="137"/>
      <c r="AC5070" s="137"/>
      <c r="AD5070" s="137"/>
      <c r="AE5070" s="137"/>
      <c r="AF5070" s="137"/>
      <c r="AG5070" s="137"/>
      <c r="AH5070" s="137"/>
      <c r="AI5070" s="137"/>
      <c r="AJ5070" s="137"/>
      <c r="AK5070" s="137"/>
      <c r="AL5070" s="137"/>
      <c r="AM5070" s="137"/>
      <c r="AN5070" s="137"/>
      <c r="AO5070" s="137"/>
      <c r="AP5070" s="137"/>
      <c r="AQ5070" s="137"/>
      <c r="AR5070" s="137"/>
      <c r="AS5070" s="137"/>
      <c r="AT5070" s="137"/>
      <c r="AU5070" s="137"/>
      <c r="AV5070" s="137"/>
      <c r="AW5070" s="144"/>
    </row>
    <row r="5071" spans="7:49" x14ac:dyDescent="0.2">
      <c r="G5071" s="43"/>
      <c r="Z5071" s="143"/>
      <c r="AA5071" s="137"/>
      <c r="AB5071" s="137"/>
      <c r="AC5071" s="137"/>
      <c r="AD5071" s="137"/>
      <c r="AE5071" s="137"/>
      <c r="AF5071" s="137"/>
      <c r="AG5071" s="137"/>
      <c r="AH5071" s="137"/>
      <c r="AI5071" s="137"/>
      <c r="AJ5071" s="137"/>
      <c r="AK5071" s="137"/>
      <c r="AL5071" s="137"/>
      <c r="AM5071" s="137"/>
      <c r="AN5071" s="137"/>
      <c r="AO5071" s="137"/>
      <c r="AP5071" s="137"/>
      <c r="AQ5071" s="137"/>
      <c r="AR5071" s="137"/>
      <c r="AS5071" s="137"/>
      <c r="AT5071" s="137"/>
      <c r="AU5071" s="137"/>
      <c r="AV5071" s="137"/>
      <c r="AW5071" s="144"/>
    </row>
    <row r="5072" spans="7:49" x14ac:dyDescent="0.2">
      <c r="G5072" s="43"/>
      <c r="Z5072" s="143"/>
      <c r="AA5072" s="137"/>
      <c r="AB5072" s="137"/>
      <c r="AC5072" s="137"/>
      <c r="AD5072" s="137"/>
      <c r="AE5072" s="137"/>
      <c r="AF5072" s="137"/>
      <c r="AG5072" s="137"/>
      <c r="AH5072" s="137"/>
      <c r="AI5072" s="137"/>
      <c r="AJ5072" s="137"/>
      <c r="AK5072" s="137"/>
      <c r="AL5072" s="137"/>
      <c r="AM5072" s="137"/>
      <c r="AN5072" s="137"/>
      <c r="AO5072" s="137"/>
      <c r="AP5072" s="137"/>
      <c r="AQ5072" s="137"/>
      <c r="AR5072" s="137"/>
      <c r="AS5072" s="137"/>
      <c r="AT5072" s="137"/>
      <c r="AU5072" s="137"/>
      <c r="AV5072" s="137"/>
      <c r="AW5072" s="144"/>
    </row>
    <row r="5073" spans="7:49" x14ac:dyDescent="0.2">
      <c r="G5073" s="43"/>
      <c r="Z5073" s="143"/>
      <c r="AA5073" s="137"/>
      <c r="AB5073" s="137"/>
      <c r="AC5073" s="137"/>
      <c r="AD5073" s="137"/>
      <c r="AE5073" s="137"/>
      <c r="AF5073" s="137"/>
      <c r="AG5073" s="137"/>
      <c r="AH5073" s="137"/>
      <c r="AI5073" s="137"/>
      <c r="AJ5073" s="137"/>
      <c r="AK5073" s="137"/>
      <c r="AL5073" s="137"/>
      <c r="AM5073" s="137"/>
      <c r="AN5073" s="137"/>
      <c r="AO5073" s="137"/>
      <c r="AP5073" s="137"/>
      <c r="AQ5073" s="137"/>
      <c r="AR5073" s="137"/>
      <c r="AS5073" s="137"/>
      <c r="AT5073" s="137"/>
      <c r="AU5073" s="137"/>
      <c r="AV5073" s="137"/>
      <c r="AW5073" s="144"/>
    </row>
    <row r="5074" spans="7:49" x14ac:dyDescent="0.2">
      <c r="G5074" s="43"/>
      <c r="Z5074" s="143"/>
      <c r="AA5074" s="137"/>
      <c r="AB5074" s="137"/>
      <c r="AC5074" s="137"/>
      <c r="AD5074" s="137"/>
      <c r="AE5074" s="137"/>
      <c r="AF5074" s="137"/>
      <c r="AG5074" s="137"/>
      <c r="AH5074" s="137"/>
      <c r="AI5074" s="137"/>
      <c r="AJ5074" s="137"/>
      <c r="AK5074" s="137"/>
      <c r="AL5074" s="137"/>
      <c r="AM5074" s="137"/>
      <c r="AN5074" s="137"/>
      <c r="AO5074" s="137"/>
      <c r="AP5074" s="137"/>
      <c r="AQ5074" s="137"/>
      <c r="AR5074" s="137"/>
      <c r="AS5074" s="137"/>
      <c r="AT5074" s="137"/>
      <c r="AU5074" s="137"/>
      <c r="AV5074" s="137"/>
      <c r="AW5074" s="144"/>
    </row>
    <row r="5075" spans="7:49" x14ac:dyDescent="0.2">
      <c r="G5075" s="43"/>
      <c r="Z5075" s="143"/>
      <c r="AA5075" s="137"/>
      <c r="AB5075" s="137"/>
      <c r="AC5075" s="137"/>
      <c r="AD5075" s="137"/>
      <c r="AE5075" s="137"/>
      <c r="AF5075" s="137"/>
      <c r="AG5075" s="137"/>
      <c r="AH5075" s="137"/>
      <c r="AI5075" s="137"/>
      <c r="AJ5075" s="137"/>
      <c r="AK5075" s="137"/>
      <c r="AL5075" s="137"/>
      <c r="AM5075" s="137"/>
      <c r="AN5075" s="137"/>
      <c r="AO5075" s="137"/>
      <c r="AP5075" s="137"/>
      <c r="AQ5075" s="137"/>
      <c r="AR5075" s="137"/>
      <c r="AS5075" s="137"/>
      <c r="AT5075" s="137"/>
      <c r="AU5075" s="137"/>
      <c r="AV5075" s="137"/>
      <c r="AW5075" s="144"/>
    </row>
    <row r="5076" spans="7:49" x14ac:dyDescent="0.2">
      <c r="G5076" s="43"/>
      <c r="Z5076" s="143"/>
      <c r="AA5076" s="137"/>
      <c r="AB5076" s="137"/>
      <c r="AC5076" s="137"/>
      <c r="AD5076" s="137"/>
      <c r="AE5076" s="137"/>
      <c r="AF5076" s="137"/>
      <c r="AG5076" s="137"/>
      <c r="AH5076" s="137"/>
      <c r="AI5076" s="137"/>
      <c r="AJ5076" s="137"/>
      <c r="AK5076" s="137"/>
      <c r="AL5076" s="137"/>
      <c r="AM5076" s="137"/>
      <c r="AN5076" s="137"/>
      <c r="AO5076" s="137"/>
      <c r="AP5076" s="137"/>
      <c r="AQ5076" s="137"/>
      <c r="AR5076" s="137"/>
      <c r="AS5076" s="137"/>
      <c r="AT5076" s="137"/>
      <c r="AU5076" s="137"/>
      <c r="AV5076" s="137"/>
      <c r="AW5076" s="144"/>
    </row>
    <row r="5077" spans="7:49" x14ac:dyDescent="0.2">
      <c r="G5077" s="43"/>
      <c r="Z5077" s="143"/>
      <c r="AA5077" s="137"/>
      <c r="AB5077" s="137"/>
      <c r="AC5077" s="137"/>
      <c r="AD5077" s="137"/>
      <c r="AE5077" s="137"/>
      <c r="AF5077" s="137"/>
      <c r="AG5077" s="137"/>
      <c r="AH5077" s="137"/>
      <c r="AI5077" s="137"/>
      <c r="AJ5077" s="137"/>
      <c r="AK5077" s="137"/>
      <c r="AL5077" s="137"/>
      <c r="AM5077" s="137"/>
      <c r="AN5077" s="137"/>
      <c r="AO5077" s="137"/>
      <c r="AP5077" s="137"/>
      <c r="AQ5077" s="137"/>
      <c r="AR5077" s="137"/>
      <c r="AS5077" s="137"/>
      <c r="AT5077" s="137"/>
      <c r="AU5077" s="137"/>
      <c r="AV5077" s="137"/>
      <c r="AW5077" s="144"/>
    </row>
    <row r="5078" spans="7:49" x14ac:dyDescent="0.2">
      <c r="G5078" s="43"/>
      <c r="Z5078" s="143"/>
      <c r="AA5078" s="137"/>
      <c r="AB5078" s="137"/>
      <c r="AC5078" s="137"/>
      <c r="AD5078" s="137"/>
      <c r="AE5078" s="137"/>
      <c r="AF5078" s="137"/>
      <c r="AG5078" s="137"/>
      <c r="AH5078" s="137"/>
      <c r="AI5078" s="137"/>
      <c r="AJ5078" s="137"/>
      <c r="AK5078" s="137"/>
      <c r="AL5078" s="137"/>
      <c r="AM5078" s="137"/>
      <c r="AN5078" s="137"/>
      <c r="AO5078" s="137"/>
      <c r="AP5078" s="137"/>
      <c r="AQ5078" s="137"/>
      <c r="AR5078" s="137"/>
      <c r="AS5078" s="137"/>
      <c r="AT5078" s="137"/>
      <c r="AU5078" s="137"/>
      <c r="AV5078" s="137"/>
      <c r="AW5078" s="144"/>
    </row>
    <row r="5079" spans="7:49" x14ac:dyDescent="0.2">
      <c r="G5079" s="43"/>
      <c r="Z5079" s="143"/>
      <c r="AA5079" s="137"/>
      <c r="AB5079" s="137"/>
      <c r="AC5079" s="137"/>
      <c r="AD5079" s="137"/>
      <c r="AE5079" s="137"/>
      <c r="AF5079" s="137"/>
      <c r="AG5079" s="137"/>
      <c r="AH5079" s="137"/>
      <c r="AI5079" s="137"/>
      <c r="AJ5079" s="137"/>
      <c r="AK5079" s="137"/>
      <c r="AL5079" s="137"/>
      <c r="AM5079" s="137"/>
      <c r="AN5079" s="137"/>
      <c r="AO5079" s="137"/>
      <c r="AP5079" s="137"/>
      <c r="AQ5079" s="137"/>
      <c r="AR5079" s="137"/>
      <c r="AS5079" s="137"/>
      <c r="AT5079" s="137"/>
      <c r="AU5079" s="137"/>
      <c r="AV5079" s="137"/>
      <c r="AW5079" s="144"/>
    </row>
    <row r="5080" spans="7:49" x14ac:dyDescent="0.2">
      <c r="G5080" s="43"/>
      <c r="Z5080" s="143"/>
      <c r="AA5080" s="137"/>
      <c r="AB5080" s="137"/>
      <c r="AC5080" s="137"/>
      <c r="AD5080" s="137"/>
      <c r="AE5080" s="137"/>
      <c r="AF5080" s="137"/>
      <c r="AG5080" s="137"/>
      <c r="AH5080" s="137"/>
      <c r="AI5080" s="137"/>
      <c r="AJ5080" s="137"/>
      <c r="AK5080" s="137"/>
      <c r="AL5080" s="137"/>
      <c r="AM5080" s="137"/>
      <c r="AN5080" s="137"/>
      <c r="AO5080" s="137"/>
      <c r="AP5080" s="137"/>
      <c r="AQ5080" s="137"/>
      <c r="AR5080" s="137"/>
      <c r="AS5080" s="137"/>
      <c r="AT5080" s="137"/>
      <c r="AU5080" s="137"/>
      <c r="AV5080" s="137"/>
      <c r="AW5080" s="144"/>
    </row>
    <row r="5081" spans="7:49" x14ac:dyDescent="0.2">
      <c r="G5081" s="43"/>
      <c r="Z5081" s="143"/>
      <c r="AA5081" s="137"/>
      <c r="AB5081" s="137"/>
      <c r="AC5081" s="137"/>
      <c r="AD5081" s="137"/>
      <c r="AE5081" s="137"/>
      <c r="AF5081" s="137"/>
      <c r="AG5081" s="137"/>
      <c r="AH5081" s="137"/>
      <c r="AI5081" s="137"/>
      <c r="AJ5081" s="137"/>
      <c r="AK5081" s="137"/>
      <c r="AL5081" s="137"/>
      <c r="AM5081" s="137"/>
      <c r="AN5081" s="137"/>
      <c r="AO5081" s="137"/>
      <c r="AP5081" s="137"/>
      <c r="AQ5081" s="137"/>
      <c r="AR5081" s="137"/>
      <c r="AS5081" s="137"/>
      <c r="AT5081" s="137"/>
      <c r="AU5081" s="137"/>
      <c r="AV5081" s="137"/>
      <c r="AW5081" s="144"/>
    </row>
    <row r="5082" spans="7:49" x14ac:dyDescent="0.2">
      <c r="G5082" s="43"/>
      <c r="Z5082" s="143"/>
      <c r="AA5082" s="137"/>
      <c r="AB5082" s="137"/>
      <c r="AC5082" s="137"/>
      <c r="AD5082" s="137"/>
      <c r="AE5082" s="137"/>
      <c r="AF5082" s="137"/>
      <c r="AG5082" s="137"/>
      <c r="AH5082" s="137"/>
      <c r="AI5082" s="137"/>
      <c r="AJ5082" s="137"/>
      <c r="AK5082" s="137"/>
      <c r="AL5082" s="137"/>
      <c r="AM5082" s="137"/>
      <c r="AN5082" s="137"/>
      <c r="AO5082" s="137"/>
      <c r="AP5082" s="137"/>
      <c r="AQ5082" s="137"/>
      <c r="AR5082" s="137"/>
      <c r="AS5082" s="137"/>
      <c r="AT5082" s="137"/>
      <c r="AU5082" s="137"/>
      <c r="AV5082" s="137"/>
      <c r="AW5082" s="144"/>
    </row>
    <row r="5083" spans="7:49" x14ac:dyDescent="0.2">
      <c r="G5083" s="43"/>
      <c r="Z5083" s="143"/>
      <c r="AA5083" s="137"/>
      <c r="AB5083" s="137"/>
      <c r="AC5083" s="137"/>
      <c r="AD5083" s="137"/>
      <c r="AE5083" s="137"/>
      <c r="AF5083" s="137"/>
      <c r="AG5083" s="137"/>
      <c r="AH5083" s="137"/>
      <c r="AI5083" s="137"/>
      <c r="AJ5083" s="137"/>
      <c r="AK5083" s="137"/>
      <c r="AL5083" s="137"/>
      <c r="AM5083" s="137"/>
      <c r="AN5083" s="137"/>
      <c r="AO5083" s="137"/>
      <c r="AP5083" s="137"/>
      <c r="AQ5083" s="137"/>
      <c r="AR5083" s="137"/>
      <c r="AS5083" s="137"/>
      <c r="AT5083" s="137"/>
      <c r="AU5083" s="137"/>
      <c r="AV5083" s="137"/>
      <c r="AW5083" s="144"/>
    </row>
    <row r="5084" spans="7:49" x14ac:dyDescent="0.2">
      <c r="G5084" s="43"/>
      <c r="Z5084" s="143"/>
      <c r="AA5084" s="137"/>
      <c r="AB5084" s="137"/>
      <c r="AC5084" s="137"/>
      <c r="AD5084" s="137"/>
      <c r="AE5084" s="137"/>
      <c r="AF5084" s="137"/>
      <c r="AG5084" s="137"/>
      <c r="AH5084" s="137"/>
      <c r="AI5084" s="137"/>
      <c r="AJ5084" s="137"/>
      <c r="AK5084" s="137"/>
      <c r="AL5084" s="137"/>
      <c r="AM5084" s="137"/>
      <c r="AN5084" s="137"/>
      <c r="AO5084" s="137"/>
      <c r="AP5084" s="137"/>
      <c r="AQ5084" s="137"/>
      <c r="AR5084" s="137"/>
      <c r="AS5084" s="137"/>
      <c r="AT5084" s="137"/>
      <c r="AU5084" s="137"/>
      <c r="AV5084" s="137"/>
      <c r="AW5084" s="144"/>
    </row>
    <row r="5085" spans="7:49" x14ac:dyDescent="0.2">
      <c r="G5085" s="43"/>
      <c r="Z5085" s="143"/>
      <c r="AA5085" s="137"/>
      <c r="AB5085" s="137"/>
      <c r="AC5085" s="137"/>
      <c r="AD5085" s="137"/>
      <c r="AE5085" s="137"/>
      <c r="AF5085" s="137"/>
      <c r="AG5085" s="137"/>
      <c r="AH5085" s="137"/>
      <c r="AI5085" s="137"/>
      <c r="AJ5085" s="137"/>
      <c r="AK5085" s="137"/>
      <c r="AL5085" s="137"/>
      <c r="AM5085" s="137"/>
      <c r="AN5085" s="137"/>
      <c r="AO5085" s="137"/>
      <c r="AP5085" s="137"/>
      <c r="AQ5085" s="137"/>
      <c r="AR5085" s="137"/>
      <c r="AS5085" s="137"/>
      <c r="AT5085" s="137"/>
      <c r="AU5085" s="137"/>
      <c r="AV5085" s="137"/>
      <c r="AW5085" s="144"/>
    </row>
    <row r="5086" spans="7:49" x14ac:dyDescent="0.2">
      <c r="G5086" s="43"/>
      <c r="Z5086" s="143"/>
      <c r="AA5086" s="137"/>
      <c r="AB5086" s="137"/>
      <c r="AC5086" s="137"/>
      <c r="AD5086" s="137"/>
      <c r="AE5086" s="137"/>
      <c r="AF5086" s="137"/>
      <c r="AG5086" s="137"/>
      <c r="AH5086" s="137"/>
      <c r="AI5086" s="137"/>
      <c r="AJ5086" s="137"/>
      <c r="AK5086" s="137"/>
      <c r="AL5086" s="137"/>
      <c r="AM5086" s="137"/>
      <c r="AN5086" s="137"/>
      <c r="AO5086" s="137"/>
      <c r="AP5086" s="137"/>
      <c r="AQ5086" s="137"/>
      <c r="AR5086" s="137"/>
      <c r="AS5086" s="137"/>
      <c r="AT5086" s="137"/>
      <c r="AU5086" s="137"/>
      <c r="AV5086" s="137"/>
      <c r="AW5086" s="144"/>
    </row>
    <row r="5087" spans="7:49" x14ac:dyDescent="0.2">
      <c r="G5087" s="43"/>
      <c r="Z5087" s="143"/>
      <c r="AA5087" s="137"/>
      <c r="AB5087" s="137"/>
      <c r="AC5087" s="137"/>
      <c r="AD5087" s="137"/>
      <c r="AE5087" s="137"/>
      <c r="AF5087" s="137"/>
      <c r="AG5087" s="137"/>
      <c r="AH5087" s="137"/>
      <c r="AI5087" s="137"/>
      <c r="AJ5087" s="137"/>
      <c r="AK5087" s="137"/>
      <c r="AL5087" s="137"/>
      <c r="AM5087" s="137"/>
      <c r="AN5087" s="137"/>
      <c r="AO5087" s="137"/>
      <c r="AP5087" s="137"/>
      <c r="AQ5087" s="137"/>
      <c r="AR5087" s="137"/>
      <c r="AS5087" s="137"/>
      <c r="AT5087" s="137"/>
      <c r="AU5087" s="137"/>
      <c r="AV5087" s="137"/>
      <c r="AW5087" s="144"/>
    </row>
    <row r="5088" spans="7:49" x14ac:dyDescent="0.2">
      <c r="G5088" s="43"/>
      <c r="Z5088" s="143"/>
      <c r="AA5088" s="137"/>
      <c r="AB5088" s="137"/>
      <c r="AC5088" s="137"/>
      <c r="AD5088" s="137"/>
      <c r="AE5088" s="137"/>
      <c r="AF5088" s="137"/>
      <c r="AG5088" s="137"/>
      <c r="AH5088" s="137"/>
      <c r="AI5088" s="137"/>
      <c r="AJ5088" s="137"/>
      <c r="AK5088" s="137"/>
      <c r="AL5088" s="137"/>
      <c r="AM5088" s="137"/>
      <c r="AN5088" s="137"/>
      <c r="AO5088" s="137"/>
      <c r="AP5088" s="137"/>
      <c r="AQ5088" s="137"/>
      <c r="AR5088" s="137"/>
      <c r="AS5088" s="137"/>
      <c r="AT5088" s="137"/>
      <c r="AU5088" s="137"/>
      <c r="AV5088" s="137"/>
      <c r="AW5088" s="144"/>
    </row>
    <row r="5089" spans="7:49" x14ac:dyDescent="0.2">
      <c r="G5089" s="43"/>
      <c r="Z5089" s="143"/>
      <c r="AA5089" s="137"/>
      <c r="AB5089" s="137"/>
      <c r="AC5089" s="137"/>
      <c r="AD5089" s="137"/>
      <c r="AE5089" s="137"/>
      <c r="AF5089" s="137"/>
      <c r="AG5089" s="137"/>
      <c r="AH5089" s="137"/>
      <c r="AI5089" s="137"/>
      <c r="AJ5089" s="137"/>
      <c r="AK5089" s="137"/>
      <c r="AL5089" s="137"/>
      <c r="AM5089" s="137"/>
      <c r="AN5089" s="137"/>
      <c r="AO5089" s="137"/>
      <c r="AP5089" s="137"/>
      <c r="AQ5089" s="137"/>
      <c r="AR5089" s="137"/>
      <c r="AS5089" s="137"/>
      <c r="AT5089" s="137"/>
      <c r="AU5089" s="137"/>
      <c r="AV5089" s="137"/>
      <c r="AW5089" s="144"/>
    </row>
    <row r="5090" spans="7:49" x14ac:dyDescent="0.2">
      <c r="G5090" s="43"/>
      <c r="Z5090" s="143"/>
      <c r="AA5090" s="137"/>
      <c r="AB5090" s="137"/>
      <c r="AC5090" s="137"/>
      <c r="AD5090" s="137"/>
      <c r="AE5090" s="137"/>
      <c r="AF5090" s="137"/>
      <c r="AG5090" s="137"/>
      <c r="AH5090" s="137"/>
      <c r="AI5090" s="137"/>
      <c r="AJ5090" s="137"/>
      <c r="AK5090" s="137"/>
      <c r="AL5090" s="137"/>
      <c r="AM5090" s="137"/>
      <c r="AN5090" s="137"/>
      <c r="AO5090" s="137"/>
      <c r="AP5090" s="137"/>
      <c r="AQ5090" s="137"/>
      <c r="AR5090" s="137"/>
      <c r="AS5090" s="137"/>
      <c r="AT5090" s="137"/>
      <c r="AU5090" s="137"/>
      <c r="AV5090" s="137"/>
      <c r="AW5090" s="144"/>
    </row>
    <row r="5091" spans="7:49" x14ac:dyDescent="0.2">
      <c r="G5091" s="43"/>
      <c r="Z5091" s="143"/>
      <c r="AA5091" s="137"/>
      <c r="AB5091" s="137"/>
      <c r="AC5091" s="137"/>
      <c r="AD5091" s="137"/>
      <c r="AE5091" s="137"/>
      <c r="AF5091" s="137"/>
      <c r="AG5091" s="137"/>
      <c r="AH5091" s="137"/>
      <c r="AI5091" s="137"/>
      <c r="AJ5091" s="137"/>
      <c r="AK5091" s="137"/>
      <c r="AL5091" s="137"/>
      <c r="AM5091" s="137"/>
      <c r="AN5091" s="137"/>
      <c r="AO5091" s="137"/>
      <c r="AP5091" s="137"/>
      <c r="AQ5091" s="137"/>
      <c r="AR5091" s="137"/>
      <c r="AS5091" s="137"/>
      <c r="AT5091" s="137"/>
      <c r="AU5091" s="137"/>
      <c r="AV5091" s="137"/>
      <c r="AW5091" s="144"/>
    </row>
    <row r="5092" spans="7:49" x14ac:dyDescent="0.2">
      <c r="G5092" s="43"/>
      <c r="Z5092" s="143"/>
      <c r="AA5092" s="137"/>
      <c r="AB5092" s="137"/>
      <c r="AC5092" s="137"/>
      <c r="AD5092" s="137"/>
      <c r="AE5092" s="137"/>
      <c r="AF5092" s="137"/>
      <c r="AG5092" s="137"/>
      <c r="AH5092" s="137"/>
      <c r="AI5092" s="137"/>
      <c r="AJ5092" s="137"/>
      <c r="AK5092" s="137"/>
      <c r="AL5092" s="137"/>
      <c r="AM5092" s="137"/>
      <c r="AN5092" s="137"/>
      <c r="AO5092" s="137"/>
      <c r="AP5092" s="137"/>
      <c r="AQ5092" s="137"/>
      <c r="AR5092" s="137"/>
      <c r="AS5092" s="137"/>
      <c r="AT5092" s="137"/>
      <c r="AU5092" s="137"/>
      <c r="AV5092" s="137"/>
      <c r="AW5092" s="144"/>
    </row>
    <row r="5093" spans="7:49" x14ac:dyDescent="0.2">
      <c r="G5093" s="43"/>
      <c r="Z5093" s="143"/>
      <c r="AA5093" s="137"/>
      <c r="AB5093" s="137"/>
      <c r="AC5093" s="137"/>
      <c r="AD5093" s="137"/>
      <c r="AE5093" s="137"/>
      <c r="AF5093" s="137"/>
      <c r="AG5093" s="137"/>
      <c r="AH5093" s="137"/>
      <c r="AI5093" s="137"/>
      <c r="AJ5093" s="137"/>
      <c r="AK5093" s="137"/>
      <c r="AL5093" s="137"/>
      <c r="AM5093" s="137"/>
      <c r="AN5093" s="137"/>
      <c r="AO5093" s="137"/>
      <c r="AP5093" s="137"/>
      <c r="AQ5093" s="137"/>
      <c r="AR5093" s="137"/>
      <c r="AS5093" s="137"/>
      <c r="AT5093" s="137"/>
      <c r="AU5093" s="137"/>
      <c r="AV5093" s="137"/>
      <c r="AW5093" s="144"/>
    </row>
    <row r="5094" spans="7:49" x14ac:dyDescent="0.2">
      <c r="G5094" s="43"/>
      <c r="Z5094" s="143"/>
      <c r="AA5094" s="137"/>
      <c r="AB5094" s="137"/>
      <c r="AC5094" s="137"/>
      <c r="AD5094" s="137"/>
      <c r="AE5094" s="137"/>
      <c r="AF5094" s="137"/>
      <c r="AG5094" s="137"/>
      <c r="AH5094" s="137"/>
      <c r="AI5094" s="137"/>
      <c r="AJ5094" s="137"/>
      <c r="AK5094" s="137"/>
      <c r="AL5094" s="137"/>
      <c r="AM5094" s="137"/>
      <c r="AN5094" s="137"/>
      <c r="AO5094" s="137"/>
      <c r="AP5094" s="137"/>
      <c r="AQ5094" s="137"/>
      <c r="AR5094" s="137"/>
      <c r="AS5094" s="137"/>
      <c r="AT5094" s="137"/>
      <c r="AU5094" s="137"/>
      <c r="AV5094" s="137"/>
      <c r="AW5094" s="144"/>
    </row>
    <row r="5095" spans="7:49" x14ac:dyDescent="0.2">
      <c r="G5095" s="43"/>
      <c r="Z5095" s="143"/>
      <c r="AA5095" s="137"/>
      <c r="AB5095" s="137"/>
      <c r="AC5095" s="137"/>
      <c r="AD5095" s="137"/>
      <c r="AE5095" s="137"/>
      <c r="AF5095" s="137"/>
      <c r="AG5095" s="137"/>
      <c r="AH5095" s="137"/>
      <c r="AI5095" s="137"/>
      <c r="AJ5095" s="137"/>
      <c r="AK5095" s="137"/>
      <c r="AL5095" s="137"/>
      <c r="AM5095" s="137"/>
      <c r="AN5095" s="137"/>
      <c r="AO5095" s="137"/>
      <c r="AP5095" s="137"/>
      <c r="AQ5095" s="137"/>
      <c r="AR5095" s="137"/>
      <c r="AS5095" s="137"/>
      <c r="AT5095" s="137"/>
      <c r="AU5095" s="137"/>
      <c r="AV5095" s="137"/>
      <c r="AW5095" s="144"/>
    </row>
    <row r="5096" spans="7:49" x14ac:dyDescent="0.2">
      <c r="G5096" s="43"/>
      <c r="Z5096" s="143"/>
      <c r="AA5096" s="137"/>
      <c r="AB5096" s="137"/>
      <c r="AC5096" s="137"/>
      <c r="AD5096" s="137"/>
      <c r="AE5096" s="137"/>
      <c r="AF5096" s="137"/>
      <c r="AG5096" s="137"/>
      <c r="AH5096" s="137"/>
      <c r="AI5096" s="137"/>
      <c r="AJ5096" s="137"/>
      <c r="AK5096" s="137"/>
      <c r="AL5096" s="137"/>
      <c r="AM5096" s="137"/>
      <c r="AN5096" s="137"/>
      <c r="AO5096" s="137"/>
      <c r="AP5096" s="137"/>
      <c r="AQ5096" s="137"/>
      <c r="AR5096" s="137"/>
      <c r="AS5096" s="137"/>
      <c r="AT5096" s="137"/>
      <c r="AU5096" s="137"/>
      <c r="AV5096" s="137"/>
      <c r="AW5096" s="144"/>
    </row>
    <row r="5097" spans="7:49" x14ac:dyDescent="0.2">
      <c r="G5097" s="43"/>
      <c r="Z5097" s="143"/>
      <c r="AA5097" s="137"/>
      <c r="AB5097" s="137"/>
      <c r="AC5097" s="137"/>
      <c r="AD5097" s="137"/>
      <c r="AE5097" s="137"/>
      <c r="AF5097" s="137"/>
      <c r="AG5097" s="137"/>
      <c r="AH5097" s="137"/>
      <c r="AI5097" s="137"/>
      <c r="AJ5097" s="137"/>
      <c r="AK5097" s="137"/>
      <c r="AL5097" s="137"/>
      <c r="AM5097" s="137"/>
      <c r="AN5097" s="137"/>
      <c r="AO5097" s="137"/>
      <c r="AP5097" s="137"/>
      <c r="AQ5097" s="137"/>
      <c r="AR5097" s="137"/>
      <c r="AS5097" s="137"/>
      <c r="AT5097" s="137"/>
      <c r="AU5097" s="137"/>
      <c r="AV5097" s="137"/>
      <c r="AW5097" s="144"/>
    </row>
    <row r="5098" spans="7:49" x14ac:dyDescent="0.2">
      <c r="G5098" s="43"/>
      <c r="Z5098" s="143"/>
      <c r="AA5098" s="137"/>
      <c r="AB5098" s="137"/>
      <c r="AC5098" s="137"/>
      <c r="AD5098" s="137"/>
      <c r="AE5098" s="137"/>
      <c r="AF5098" s="137"/>
      <c r="AG5098" s="137"/>
      <c r="AH5098" s="137"/>
      <c r="AI5098" s="137"/>
      <c r="AJ5098" s="137"/>
      <c r="AK5098" s="137"/>
      <c r="AL5098" s="137"/>
      <c r="AM5098" s="137"/>
      <c r="AN5098" s="137"/>
      <c r="AO5098" s="137"/>
      <c r="AP5098" s="137"/>
      <c r="AQ5098" s="137"/>
      <c r="AR5098" s="137"/>
      <c r="AS5098" s="137"/>
      <c r="AT5098" s="137"/>
      <c r="AU5098" s="137"/>
      <c r="AV5098" s="137"/>
      <c r="AW5098" s="144"/>
    </row>
    <row r="5099" spans="7:49" x14ac:dyDescent="0.2">
      <c r="G5099" s="43"/>
      <c r="Z5099" s="143"/>
      <c r="AA5099" s="137"/>
      <c r="AB5099" s="137"/>
      <c r="AC5099" s="137"/>
      <c r="AD5099" s="137"/>
      <c r="AE5099" s="137"/>
      <c r="AF5099" s="137"/>
      <c r="AG5099" s="137"/>
      <c r="AH5099" s="137"/>
      <c r="AI5099" s="137"/>
      <c r="AJ5099" s="137"/>
      <c r="AK5099" s="137"/>
      <c r="AL5099" s="137"/>
      <c r="AM5099" s="137"/>
      <c r="AN5099" s="137"/>
      <c r="AO5099" s="137"/>
      <c r="AP5099" s="137"/>
      <c r="AQ5099" s="137"/>
      <c r="AR5099" s="137"/>
      <c r="AS5099" s="137"/>
      <c r="AT5099" s="137"/>
      <c r="AU5099" s="137"/>
      <c r="AV5099" s="137"/>
      <c r="AW5099" s="144"/>
    </row>
    <row r="5100" spans="7:49" x14ac:dyDescent="0.2">
      <c r="G5100" s="43"/>
      <c r="Z5100" s="143"/>
      <c r="AA5100" s="137"/>
      <c r="AB5100" s="137"/>
      <c r="AC5100" s="137"/>
      <c r="AD5100" s="137"/>
      <c r="AE5100" s="137"/>
      <c r="AF5100" s="137"/>
      <c r="AG5100" s="137"/>
      <c r="AH5100" s="137"/>
      <c r="AI5100" s="137"/>
      <c r="AJ5100" s="137"/>
      <c r="AK5100" s="137"/>
      <c r="AL5100" s="137"/>
      <c r="AM5100" s="137"/>
      <c r="AN5100" s="137"/>
      <c r="AO5100" s="137"/>
      <c r="AP5100" s="137"/>
      <c r="AQ5100" s="137"/>
      <c r="AR5100" s="137"/>
      <c r="AS5100" s="137"/>
      <c r="AT5100" s="137"/>
      <c r="AU5100" s="137"/>
      <c r="AV5100" s="137"/>
      <c r="AW5100" s="144"/>
    </row>
    <row r="5101" spans="7:49" x14ac:dyDescent="0.2">
      <c r="G5101" s="43"/>
      <c r="Z5101" s="143"/>
      <c r="AA5101" s="137"/>
      <c r="AB5101" s="137"/>
      <c r="AC5101" s="137"/>
      <c r="AD5101" s="137"/>
      <c r="AE5101" s="137"/>
      <c r="AF5101" s="137"/>
      <c r="AG5101" s="137"/>
      <c r="AH5101" s="137"/>
      <c r="AI5101" s="137"/>
      <c r="AJ5101" s="137"/>
      <c r="AK5101" s="137"/>
      <c r="AL5101" s="137"/>
      <c r="AM5101" s="137"/>
      <c r="AN5101" s="137"/>
      <c r="AO5101" s="137"/>
      <c r="AP5101" s="137"/>
      <c r="AQ5101" s="137"/>
      <c r="AR5101" s="137"/>
      <c r="AS5101" s="137"/>
      <c r="AT5101" s="137"/>
      <c r="AU5101" s="137"/>
      <c r="AV5101" s="137"/>
      <c r="AW5101" s="144"/>
    </row>
    <row r="5102" spans="7:49" x14ac:dyDescent="0.2">
      <c r="G5102" s="43"/>
      <c r="Z5102" s="143"/>
      <c r="AA5102" s="137"/>
      <c r="AB5102" s="137"/>
      <c r="AC5102" s="137"/>
      <c r="AD5102" s="137"/>
      <c r="AE5102" s="137"/>
      <c r="AF5102" s="137"/>
      <c r="AG5102" s="137"/>
      <c r="AH5102" s="137"/>
      <c r="AI5102" s="137"/>
      <c r="AJ5102" s="137"/>
      <c r="AK5102" s="137"/>
      <c r="AL5102" s="137"/>
      <c r="AM5102" s="137"/>
      <c r="AN5102" s="137"/>
      <c r="AO5102" s="137"/>
      <c r="AP5102" s="137"/>
      <c r="AQ5102" s="137"/>
      <c r="AR5102" s="137"/>
      <c r="AS5102" s="137"/>
      <c r="AT5102" s="137"/>
      <c r="AU5102" s="137"/>
      <c r="AV5102" s="137"/>
      <c r="AW5102" s="144"/>
    </row>
    <row r="5103" spans="7:49" x14ac:dyDescent="0.2">
      <c r="G5103" s="43"/>
      <c r="Z5103" s="143"/>
      <c r="AA5103" s="137"/>
      <c r="AB5103" s="137"/>
      <c r="AC5103" s="137"/>
      <c r="AD5103" s="137"/>
      <c r="AE5103" s="137"/>
      <c r="AF5103" s="137"/>
      <c r="AG5103" s="137"/>
      <c r="AH5103" s="137"/>
      <c r="AI5103" s="137"/>
      <c r="AJ5103" s="137"/>
      <c r="AK5103" s="137"/>
      <c r="AL5103" s="137"/>
      <c r="AM5103" s="137"/>
      <c r="AN5103" s="137"/>
      <c r="AO5103" s="137"/>
      <c r="AP5103" s="137"/>
      <c r="AQ5103" s="137"/>
      <c r="AR5103" s="137"/>
      <c r="AS5103" s="137"/>
      <c r="AT5103" s="137"/>
      <c r="AU5103" s="137"/>
      <c r="AV5103" s="137"/>
      <c r="AW5103" s="144"/>
    </row>
    <row r="5104" spans="7:49" x14ac:dyDescent="0.2">
      <c r="G5104" s="43"/>
      <c r="Z5104" s="143"/>
      <c r="AA5104" s="137"/>
      <c r="AB5104" s="137"/>
      <c r="AC5104" s="137"/>
      <c r="AD5104" s="137"/>
      <c r="AE5104" s="137"/>
      <c r="AF5104" s="137"/>
      <c r="AG5104" s="137"/>
      <c r="AH5104" s="137"/>
      <c r="AI5104" s="137"/>
      <c r="AJ5104" s="137"/>
      <c r="AK5104" s="137"/>
      <c r="AL5104" s="137"/>
      <c r="AM5104" s="137"/>
      <c r="AN5104" s="137"/>
      <c r="AO5104" s="137"/>
      <c r="AP5104" s="137"/>
      <c r="AQ5104" s="137"/>
      <c r="AR5104" s="137"/>
      <c r="AS5104" s="137"/>
      <c r="AT5104" s="137"/>
      <c r="AU5104" s="137"/>
      <c r="AV5104" s="137"/>
      <c r="AW5104" s="144"/>
    </row>
    <row r="5105" spans="7:49" x14ac:dyDescent="0.2">
      <c r="G5105" s="43"/>
      <c r="Z5105" s="143"/>
      <c r="AA5105" s="137"/>
      <c r="AB5105" s="137"/>
      <c r="AC5105" s="137"/>
      <c r="AD5105" s="137"/>
      <c r="AE5105" s="137"/>
      <c r="AF5105" s="137"/>
      <c r="AG5105" s="137"/>
      <c r="AH5105" s="137"/>
      <c r="AI5105" s="137"/>
      <c r="AJ5105" s="137"/>
      <c r="AK5105" s="137"/>
      <c r="AL5105" s="137"/>
      <c r="AM5105" s="137"/>
      <c r="AN5105" s="137"/>
      <c r="AO5105" s="137"/>
      <c r="AP5105" s="137"/>
      <c r="AQ5105" s="137"/>
      <c r="AR5105" s="137"/>
      <c r="AS5105" s="137"/>
      <c r="AT5105" s="137"/>
      <c r="AU5105" s="137"/>
      <c r="AV5105" s="137"/>
      <c r="AW5105" s="144"/>
    </row>
    <row r="5106" spans="7:49" x14ac:dyDescent="0.2">
      <c r="G5106" s="43"/>
      <c r="Z5106" s="143"/>
      <c r="AA5106" s="137"/>
      <c r="AB5106" s="137"/>
      <c r="AC5106" s="137"/>
      <c r="AD5106" s="137"/>
      <c r="AE5106" s="137"/>
      <c r="AF5106" s="137"/>
      <c r="AG5106" s="137"/>
      <c r="AH5106" s="137"/>
      <c r="AI5106" s="137"/>
      <c r="AJ5106" s="137"/>
      <c r="AK5106" s="137"/>
      <c r="AL5106" s="137"/>
      <c r="AM5106" s="137"/>
      <c r="AN5106" s="137"/>
      <c r="AO5106" s="137"/>
      <c r="AP5106" s="137"/>
      <c r="AQ5106" s="137"/>
      <c r="AR5106" s="137"/>
      <c r="AS5106" s="137"/>
      <c r="AT5106" s="137"/>
      <c r="AU5106" s="137"/>
      <c r="AV5106" s="137"/>
      <c r="AW5106" s="144"/>
    </row>
    <row r="5107" spans="7:49" x14ac:dyDescent="0.2">
      <c r="G5107" s="43"/>
      <c r="Z5107" s="143"/>
      <c r="AA5107" s="137"/>
      <c r="AB5107" s="137"/>
      <c r="AC5107" s="137"/>
      <c r="AD5107" s="137"/>
      <c r="AE5107" s="137"/>
      <c r="AF5107" s="137"/>
      <c r="AG5107" s="137"/>
      <c r="AH5107" s="137"/>
      <c r="AI5107" s="137"/>
      <c r="AJ5107" s="137"/>
      <c r="AK5107" s="137"/>
      <c r="AL5107" s="137"/>
      <c r="AM5107" s="137"/>
      <c r="AN5107" s="137"/>
      <c r="AO5107" s="137"/>
      <c r="AP5107" s="137"/>
      <c r="AQ5107" s="137"/>
      <c r="AR5107" s="137"/>
      <c r="AS5107" s="137"/>
      <c r="AT5107" s="137"/>
      <c r="AU5107" s="137"/>
      <c r="AV5107" s="137"/>
      <c r="AW5107" s="144"/>
    </row>
    <row r="5108" spans="7:49" x14ac:dyDescent="0.2">
      <c r="G5108" s="43"/>
      <c r="Z5108" s="143"/>
      <c r="AA5108" s="137"/>
      <c r="AB5108" s="137"/>
      <c r="AC5108" s="137"/>
      <c r="AD5108" s="137"/>
      <c r="AE5108" s="137"/>
      <c r="AF5108" s="137"/>
      <c r="AG5108" s="137"/>
      <c r="AH5108" s="137"/>
      <c r="AI5108" s="137"/>
      <c r="AJ5108" s="137"/>
      <c r="AK5108" s="137"/>
      <c r="AL5108" s="137"/>
      <c r="AM5108" s="137"/>
      <c r="AN5108" s="137"/>
      <c r="AO5108" s="137"/>
      <c r="AP5108" s="137"/>
      <c r="AQ5108" s="137"/>
      <c r="AR5108" s="137"/>
      <c r="AS5108" s="137"/>
      <c r="AT5108" s="137"/>
      <c r="AU5108" s="137"/>
      <c r="AV5108" s="137"/>
      <c r="AW5108" s="144"/>
    </row>
    <row r="5109" spans="7:49" x14ac:dyDescent="0.2">
      <c r="G5109" s="43"/>
      <c r="Z5109" s="143"/>
      <c r="AA5109" s="137"/>
      <c r="AB5109" s="137"/>
      <c r="AC5109" s="137"/>
      <c r="AD5109" s="137"/>
      <c r="AE5109" s="137"/>
      <c r="AF5109" s="137"/>
      <c r="AG5109" s="137"/>
      <c r="AH5109" s="137"/>
      <c r="AI5109" s="137"/>
      <c r="AJ5109" s="137"/>
      <c r="AK5109" s="137"/>
      <c r="AL5109" s="137"/>
      <c r="AM5109" s="137"/>
      <c r="AN5109" s="137"/>
      <c r="AO5109" s="137"/>
      <c r="AP5109" s="137"/>
      <c r="AQ5109" s="137"/>
      <c r="AR5109" s="137"/>
      <c r="AS5109" s="137"/>
      <c r="AT5109" s="137"/>
      <c r="AU5109" s="137"/>
      <c r="AV5109" s="137"/>
      <c r="AW5109" s="144"/>
    </row>
    <row r="5110" spans="7:49" x14ac:dyDescent="0.2">
      <c r="G5110" s="43"/>
      <c r="Z5110" s="143"/>
      <c r="AA5110" s="137"/>
      <c r="AB5110" s="137"/>
      <c r="AC5110" s="137"/>
      <c r="AD5110" s="137"/>
      <c r="AE5110" s="137"/>
      <c r="AF5110" s="137"/>
      <c r="AG5110" s="137"/>
      <c r="AH5110" s="137"/>
      <c r="AI5110" s="137"/>
      <c r="AJ5110" s="137"/>
      <c r="AK5110" s="137"/>
      <c r="AL5110" s="137"/>
      <c r="AM5110" s="137"/>
      <c r="AN5110" s="137"/>
      <c r="AO5110" s="137"/>
      <c r="AP5110" s="137"/>
      <c r="AQ5110" s="137"/>
      <c r="AR5110" s="137"/>
      <c r="AS5110" s="137"/>
      <c r="AT5110" s="137"/>
      <c r="AU5110" s="137"/>
      <c r="AV5110" s="137"/>
      <c r="AW5110" s="144"/>
    </row>
    <row r="5111" spans="7:49" x14ac:dyDescent="0.2">
      <c r="G5111" s="43"/>
      <c r="Z5111" s="143"/>
      <c r="AA5111" s="137"/>
      <c r="AB5111" s="137"/>
      <c r="AC5111" s="137"/>
      <c r="AD5111" s="137"/>
      <c r="AE5111" s="137"/>
      <c r="AF5111" s="137"/>
      <c r="AG5111" s="137"/>
      <c r="AH5111" s="137"/>
      <c r="AI5111" s="137"/>
      <c r="AJ5111" s="137"/>
      <c r="AK5111" s="137"/>
      <c r="AL5111" s="137"/>
      <c r="AM5111" s="137"/>
      <c r="AN5111" s="137"/>
      <c r="AO5111" s="137"/>
      <c r="AP5111" s="137"/>
      <c r="AQ5111" s="137"/>
      <c r="AR5111" s="137"/>
      <c r="AS5111" s="137"/>
      <c r="AT5111" s="137"/>
      <c r="AU5111" s="137"/>
      <c r="AV5111" s="137"/>
      <c r="AW5111" s="144"/>
    </row>
    <row r="5112" spans="7:49" x14ac:dyDescent="0.2">
      <c r="G5112" s="43"/>
      <c r="Z5112" s="143"/>
      <c r="AA5112" s="137"/>
      <c r="AB5112" s="137"/>
      <c r="AC5112" s="137"/>
      <c r="AD5112" s="137"/>
      <c r="AE5112" s="137"/>
      <c r="AF5112" s="137"/>
      <c r="AG5112" s="137"/>
      <c r="AH5112" s="137"/>
      <c r="AI5112" s="137"/>
      <c r="AJ5112" s="137"/>
      <c r="AK5112" s="137"/>
      <c r="AL5112" s="137"/>
      <c r="AM5112" s="137"/>
      <c r="AN5112" s="137"/>
      <c r="AO5112" s="137"/>
      <c r="AP5112" s="137"/>
      <c r="AQ5112" s="137"/>
      <c r="AR5112" s="137"/>
      <c r="AS5112" s="137"/>
      <c r="AT5112" s="137"/>
      <c r="AU5112" s="137"/>
      <c r="AV5112" s="137"/>
      <c r="AW5112" s="144"/>
    </row>
    <row r="5113" spans="7:49" x14ac:dyDescent="0.2">
      <c r="G5113" s="43"/>
      <c r="Z5113" s="143"/>
      <c r="AA5113" s="137"/>
      <c r="AB5113" s="137"/>
      <c r="AC5113" s="137"/>
      <c r="AD5113" s="137"/>
      <c r="AE5113" s="137"/>
      <c r="AF5113" s="137"/>
      <c r="AG5113" s="137"/>
      <c r="AH5113" s="137"/>
      <c r="AI5113" s="137"/>
      <c r="AJ5113" s="137"/>
      <c r="AK5113" s="137"/>
      <c r="AL5113" s="137"/>
      <c r="AM5113" s="137"/>
      <c r="AN5113" s="137"/>
      <c r="AO5113" s="137"/>
      <c r="AP5113" s="137"/>
      <c r="AQ5113" s="137"/>
      <c r="AR5113" s="137"/>
      <c r="AS5113" s="137"/>
      <c r="AT5113" s="137"/>
      <c r="AU5113" s="137"/>
      <c r="AV5113" s="137"/>
      <c r="AW5113" s="144"/>
    </row>
    <row r="5114" spans="7:49" x14ac:dyDescent="0.2">
      <c r="G5114" s="43"/>
      <c r="Z5114" s="143"/>
      <c r="AA5114" s="137"/>
      <c r="AB5114" s="137"/>
      <c r="AC5114" s="137"/>
      <c r="AD5114" s="137"/>
      <c r="AE5114" s="137"/>
      <c r="AF5114" s="137"/>
      <c r="AG5114" s="137"/>
      <c r="AH5114" s="137"/>
      <c r="AI5114" s="137"/>
      <c r="AJ5114" s="137"/>
      <c r="AK5114" s="137"/>
      <c r="AL5114" s="137"/>
      <c r="AM5114" s="137"/>
      <c r="AN5114" s="137"/>
      <c r="AO5114" s="137"/>
      <c r="AP5114" s="137"/>
      <c r="AQ5114" s="137"/>
      <c r="AR5114" s="137"/>
      <c r="AS5114" s="137"/>
      <c r="AT5114" s="137"/>
      <c r="AU5114" s="137"/>
      <c r="AV5114" s="137"/>
      <c r="AW5114" s="144"/>
    </row>
    <row r="5115" spans="7:49" x14ac:dyDescent="0.2">
      <c r="G5115" s="43"/>
      <c r="Z5115" s="143"/>
      <c r="AA5115" s="137"/>
      <c r="AB5115" s="137"/>
      <c r="AC5115" s="137"/>
      <c r="AD5115" s="137"/>
      <c r="AE5115" s="137"/>
      <c r="AF5115" s="137"/>
      <c r="AG5115" s="137"/>
      <c r="AH5115" s="137"/>
      <c r="AI5115" s="137"/>
      <c r="AJ5115" s="137"/>
      <c r="AK5115" s="137"/>
      <c r="AL5115" s="137"/>
      <c r="AM5115" s="137"/>
      <c r="AN5115" s="137"/>
      <c r="AO5115" s="137"/>
      <c r="AP5115" s="137"/>
      <c r="AQ5115" s="137"/>
      <c r="AR5115" s="137"/>
      <c r="AS5115" s="137"/>
      <c r="AT5115" s="137"/>
      <c r="AU5115" s="137"/>
      <c r="AV5115" s="137"/>
      <c r="AW5115" s="144"/>
    </row>
    <row r="5116" spans="7:49" x14ac:dyDescent="0.2">
      <c r="G5116" s="43"/>
      <c r="Z5116" s="143"/>
      <c r="AA5116" s="137"/>
      <c r="AB5116" s="137"/>
      <c r="AC5116" s="137"/>
      <c r="AD5116" s="137"/>
      <c r="AE5116" s="137"/>
      <c r="AF5116" s="137"/>
      <c r="AG5116" s="137"/>
      <c r="AH5116" s="137"/>
      <c r="AI5116" s="137"/>
      <c r="AJ5116" s="137"/>
      <c r="AK5116" s="137"/>
      <c r="AL5116" s="137"/>
      <c r="AM5116" s="137"/>
      <c r="AN5116" s="137"/>
      <c r="AO5116" s="137"/>
      <c r="AP5116" s="137"/>
      <c r="AQ5116" s="137"/>
      <c r="AR5116" s="137"/>
      <c r="AS5116" s="137"/>
      <c r="AT5116" s="137"/>
      <c r="AU5116" s="137"/>
      <c r="AV5116" s="137"/>
      <c r="AW5116" s="144"/>
    </row>
    <row r="5117" spans="7:49" x14ac:dyDescent="0.2">
      <c r="G5117" s="43"/>
      <c r="Z5117" s="143"/>
      <c r="AA5117" s="137"/>
      <c r="AB5117" s="137"/>
      <c r="AC5117" s="137"/>
      <c r="AD5117" s="137"/>
      <c r="AE5117" s="137"/>
      <c r="AF5117" s="137"/>
      <c r="AG5117" s="137"/>
      <c r="AH5117" s="137"/>
      <c r="AI5117" s="137"/>
      <c r="AJ5117" s="137"/>
      <c r="AK5117" s="137"/>
      <c r="AL5117" s="137"/>
      <c r="AM5117" s="137"/>
      <c r="AN5117" s="137"/>
      <c r="AO5117" s="137"/>
      <c r="AP5117" s="137"/>
      <c r="AQ5117" s="137"/>
      <c r="AR5117" s="137"/>
      <c r="AS5117" s="137"/>
      <c r="AT5117" s="137"/>
      <c r="AU5117" s="137"/>
      <c r="AV5117" s="137"/>
      <c r="AW5117" s="144"/>
    </row>
    <row r="5118" spans="7:49" x14ac:dyDescent="0.2">
      <c r="G5118" s="43"/>
      <c r="Z5118" s="143"/>
      <c r="AA5118" s="137"/>
      <c r="AB5118" s="137"/>
      <c r="AC5118" s="137"/>
      <c r="AD5118" s="137"/>
      <c r="AE5118" s="137"/>
      <c r="AF5118" s="137"/>
      <c r="AG5118" s="137"/>
      <c r="AH5118" s="137"/>
      <c r="AI5118" s="137"/>
      <c r="AJ5118" s="137"/>
      <c r="AK5118" s="137"/>
      <c r="AL5118" s="137"/>
      <c r="AM5118" s="137"/>
      <c r="AN5118" s="137"/>
      <c r="AO5118" s="137"/>
      <c r="AP5118" s="137"/>
      <c r="AQ5118" s="137"/>
      <c r="AR5118" s="137"/>
      <c r="AS5118" s="137"/>
      <c r="AT5118" s="137"/>
      <c r="AU5118" s="137"/>
      <c r="AV5118" s="137"/>
      <c r="AW5118" s="144"/>
    </row>
    <row r="5119" spans="7:49" x14ac:dyDescent="0.2">
      <c r="G5119" s="43"/>
      <c r="Z5119" s="143"/>
      <c r="AA5119" s="137"/>
      <c r="AB5119" s="137"/>
      <c r="AC5119" s="137"/>
      <c r="AD5119" s="137"/>
      <c r="AE5119" s="137"/>
      <c r="AF5119" s="137"/>
      <c r="AG5119" s="137"/>
      <c r="AH5119" s="137"/>
      <c r="AI5119" s="137"/>
      <c r="AJ5119" s="137"/>
      <c r="AK5119" s="137"/>
      <c r="AL5119" s="137"/>
      <c r="AM5119" s="137"/>
      <c r="AN5119" s="137"/>
      <c r="AO5119" s="137"/>
      <c r="AP5119" s="137"/>
      <c r="AQ5119" s="137"/>
      <c r="AR5119" s="137"/>
      <c r="AS5119" s="137"/>
      <c r="AT5119" s="137"/>
      <c r="AU5119" s="137"/>
      <c r="AV5119" s="137"/>
      <c r="AW5119" s="144"/>
    </row>
    <row r="5120" spans="7:49" x14ac:dyDescent="0.2">
      <c r="G5120" s="43"/>
      <c r="Z5120" s="143"/>
      <c r="AA5120" s="137"/>
      <c r="AB5120" s="137"/>
      <c r="AC5120" s="137"/>
      <c r="AD5120" s="137"/>
      <c r="AE5120" s="137"/>
      <c r="AF5120" s="137"/>
      <c r="AG5120" s="137"/>
      <c r="AH5120" s="137"/>
      <c r="AI5120" s="137"/>
      <c r="AJ5120" s="137"/>
      <c r="AK5120" s="137"/>
      <c r="AL5120" s="137"/>
      <c r="AM5120" s="137"/>
      <c r="AN5120" s="137"/>
      <c r="AO5120" s="137"/>
      <c r="AP5120" s="137"/>
      <c r="AQ5120" s="137"/>
      <c r="AR5120" s="137"/>
      <c r="AS5120" s="137"/>
      <c r="AT5120" s="137"/>
      <c r="AU5120" s="137"/>
      <c r="AV5120" s="137"/>
      <c r="AW5120" s="144"/>
    </row>
    <row r="5121" spans="7:49" x14ac:dyDescent="0.2">
      <c r="G5121" s="43"/>
      <c r="Z5121" s="143"/>
      <c r="AA5121" s="137"/>
      <c r="AB5121" s="137"/>
      <c r="AC5121" s="137"/>
      <c r="AD5121" s="137"/>
      <c r="AE5121" s="137"/>
      <c r="AF5121" s="137"/>
      <c r="AG5121" s="137"/>
      <c r="AH5121" s="137"/>
      <c r="AI5121" s="137"/>
      <c r="AJ5121" s="137"/>
      <c r="AK5121" s="137"/>
      <c r="AL5121" s="137"/>
      <c r="AM5121" s="137"/>
      <c r="AN5121" s="137"/>
      <c r="AO5121" s="137"/>
      <c r="AP5121" s="137"/>
      <c r="AQ5121" s="137"/>
      <c r="AR5121" s="137"/>
      <c r="AS5121" s="137"/>
      <c r="AT5121" s="137"/>
      <c r="AU5121" s="137"/>
      <c r="AV5121" s="137"/>
      <c r="AW5121" s="144"/>
    </row>
    <row r="5122" spans="7:49" x14ac:dyDescent="0.2">
      <c r="G5122" s="43"/>
      <c r="Z5122" s="143"/>
      <c r="AA5122" s="137"/>
      <c r="AB5122" s="137"/>
      <c r="AC5122" s="137"/>
      <c r="AD5122" s="137"/>
      <c r="AE5122" s="137"/>
      <c r="AF5122" s="137"/>
      <c r="AG5122" s="137"/>
      <c r="AH5122" s="137"/>
      <c r="AI5122" s="137"/>
      <c r="AJ5122" s="137"/>
      <c r="AK5122" s="137"/>
      <c r="AL5122" s="137"/>
      <c r="AM5122" s="137"/>
      <c r="AN5122" s="137"/>
      <c r="AO5122" s="137"/>
      <c r="AP5122" s="137"/>
      <c r="AQ5122" s="137"/>
      <c r="AR5122" s="137"/>
      <c r="AS5122" s="137"/>
      <c r="AT5122" s="137"/>
      <c r="AU5122" s="137"/>
      <c r="AV5122" s="137"/>
      <c r="AW5122" s="144"/>
    </row>
    <row r="5123" spans="7:49" x14ac:dyDescent="0.2">
      <c r="G5123" s="43"/>
      <c r="Z5123" s="143"/>
      <c r="AA5123" s="137"/>
      <c r="AB5123" s="137"/>
      <c r="AC5123" s="137"/>
      <c r="AD5123" s="137"/>
      <c r="AE5123" s="137"/>
      <c r="AF5123" s="137"/>
      <c r="AG5123" s="137"/>
      <c r="AH5123" s="137"/>
      <c r="AI5123" s="137"/>
      <c r="AJ5123" s="137"/>
      <c r="AK5123" s="137"/>
      <c r="AL5123" s="137"/>
      <c r="AM5123" s="137"/>
      <c r="AN5123" s="137"/>
      <c r="AO5123" s="137"/>
      <c r="AP5123" s="137"/>
      <c r="AQ5123" s="137"/>
      <c r="AR5123" s="137"/>
      <c r="AS5123" s="137"/>
      <c r="AT5123" s="137"/>
      <c r="AU5123" s="137"/>
      <c r="AV5123" s="137"/>
      <c r="AW5123" s="144"/>
    </row>
    <row r="5124" spans="7:49" x14ac:dyDescent="0.2">
      <c r="G5124" s="43"/>
      <c r="Z5124" s="143"/>
      <c r="AA5124" s="137"/>
      <c r="AB5124" s="137"/>
      <c r="AC5124" s="137"/>
      <c r="AD5124" s="137"/>
      <c r="AE5124" s="137"/>
      <c r="AF5124" s="137"/>
      <c r="AG5124" s="137"/>
      <c r="AH5124" s="137"/>
      <c r="AI5124" s="137"/>
      <c r="AJ5124" s="137"/>
      <c r="AK5124" s="137"/>
      <c r="AL5124" s="137"/>
      <c r="AM5124" s="137"/>
      <c r="AN5124" s="137"/>
      <c r="AO5124" s="137"/>
      <c r="AP5124" s="137"/>
      <c r="AQ5124" s="137"/>
      <c r="AR5124" s="137"/>
      <c r="AS5124" s="137"/>
      <c r="AT5124" s="137"/>
      <c r="AU5124" s="137"/>
      <c r="AV5124" s="137"/>
      <c r="AW5124" s="144"/>
    </row>
    <row r="5125" spans="7:49" x14ac:dyDescent="0.2">
      <c r="G5125" s="43"/>
      <c r="Z5125" s="143"/>
      <c r="AA5125" s="137"/>
      <c r="AB5125" s="137"/>
      <c r="AC5125" s="137"/>
      <c r="AD5125" s="137"/>
      <c r="AE5125" s="137"/>
      <c r="AF5125" s="137"/>
      <c r="AG5125" s="137"/>
      <c r="AH5125" s="137"/>
      <c r="AI5125" s="137"/>
      <c r="AJ5125" s="137"/>
      <c r="AK5125" s="137"/>
      <c r="AL5125" s="137"/>
      <c r="AM5125" s="137"/>
      <c r="AN5125" s="137"/>
      <c r="AO5125" s="137"/>
      <c r="AP5125" s="137"/>
      <c r="AQ5125" s="137"/>
      <c r="AR5125" s="137"/>
      <c r="AS5125" s="137"/>
      <c r="AT5125" s="137"/>
      <c r="AU5125" s="137"/>
      <c r="AV5125" s="137"/>
      <c r="AW5125" s="144"/>
    </row>
    <row r="5126" spans="7:49" x14ac:dyDescent="0.2">
      <c r="G5126" s="43"/>
      <c r="Z5126" s="143"/>
      <c r="AA5126" s="137"/>
      <c r="AB5126" s="137"/>
      <c r="AC5126" s="137"/>
      <c r="AD5126" s="137"/>
      <c r="AE5126" s="137"/>
      <c r="AF5126" s="137"/>
      <c r="AG5126" s="137"/>
      <c r="AH5126" s="137"/>
      <c r="AI5126" s="137"/>
      <c r="AJ5126" s="137"/>
      <c r="AK5126" s="137"/>
      <c r="AL5126" s="137"/>
      <c r="AM5126" s="137"/>
      <c r="AN5126" s="137"/>
      <c r="AO5126" s="137"/>
      <c r="AP5126" s="137"/>
      <c r="AQ5126" s="137"/>
      <c r="AR5126" s="137"/>
      <c r="AS5126" s="137"/>
      <c r="AT5126" s="137"/>
      <c r="AU5126" s="137"/>
      <c r="AV5126" s="137"/>
      <c r="AW5126" s="144"/>
    </row>
    <row r="5127" spans="7:49" x14ac:dyDescent="0.2">
      <c r="G5127" s="43"/>
      <c r="Z5127" s="143"/>
      <c r="AA5127" s="137"/>
      <c r="AB5127" s="137"/>
      <c r="AC5127" s="137"/>
      <c r="AD5127" s="137"/>
      <c r="AE5127" s="137"/>
      <c r="AF5127" s="137"/>
      <c r="AG5127" s="137"/>
      <c r="AH5127" s="137"/>
      <c r="AI5127" s="137"/>
      <c r="AJ5127" s="137"/>
      <c r="AK5127" s="137"/>
      <c r="AL5127" s="137"/>
      <c r="AM5127" s="137"/>
      <c r="AN5127" s="137"/>
      <c r="AO5127" s="137"/>
      <c r="AP5127" s="137"/>
      <c r="AQ5127" s="137"/>
      <c r="AR5127" s="137"/>
      <c r="AS5127" s="137"/>
      <c r="AT5127" s="137"/>
      <c r="AU5127" s="137"/>
      <c r="AV5127" s="137"/>
      <c r="AW5127" s="144"/>
    </row>
    <row r="5128" spans="7:49" x14ac:dyDescent="0.2">
      <c r="G5128" s="43"/>
      <c r="Z5128" s="143"/>
      <c r="AA5128" s="137"/>
      <c r="AB5128" s="137"/>
      <c r="AC5128" s="137"/>
      <c r="AD5128" s="137"/>
      <c r="AE5128" s="137"/>
      <c r="AF5128" s="137"/>
      <c r="AG5128" s="137"/>
      <c r="AH5128" s="137"/>
      <c r="AI5128" s="137"/>
      <c r="AJ5128" s="137"/>
      <c r="AK5128" s="137"/>
      <c r="AL5128" s="137"/>
      <c r="AM5128" s="137"/>
      <c r="AN5128" s="137"/>
      <c r="AO5128" s="137"/>
      <c r="AP5128" s="137"/>
      <c r="AQ5128" s="137"/>
      <c r="AR5128" s="137"/>
      <c r="AS5128" s="137"/>
      <c r="AT5128" s="137"/>
      <c r="AU5128" s="137"/>
      <c r="AV5128" s="137"/>
      <c r="AW5128" s="144"/>
    </row>
    <row r="5129" spans="7:49" x14ac:dyDescent="0.2">
      <c r="G5129" s="43"/>
      <c r="Z5129" s="143"/>
      <c r="AA5129" s="137"/>
      <c r="AB5129" s="137"/>
      <c r="AC5129" s="137"/>
      <c r="AD5129" s="137"/>
      <c r="AE5129" s="137"/>
      <c r="AF5129" s="137"/>
      <c r="AG5129" s="137"/>
      <c r="AH5129" s="137"/>
      <c r="AI5129" s="137"/>
      <c r="AJ5129" s="137"/>
      <c r="AK5129" s="137"/>
      <c r="AL5129" s="137"/>
      <c r="AM5129" s="137"/>
      <c r="AN5129" s="137"/>
      <c r="AO5129" s="137"/>
      <c r="AP5129" s="137"/>
      <c r="AQ5129" s="137"/>
      <c r="AR5129" s="137"/>
      <c r="AS5129" s="137"/>
      <c r="AT5129" s="137"/>
      <c r="AU5129" s="137"/>
      <c r="AV5129" s="137"/>
      <c r="AW5129" s="144"/>
    </row>
    <row r="5130" spans="7:49" x14ac:dyDescent="0.2">
      <c r="G5130" s="43"/>
      <c r="Z5130" s="143"/>
      <c r="AA5130" s="137"/>
      <c r="AB5130" s="137"/>
      <c r="AC5130" s="137"/>
      <c r="AD5130" s="137"/>
      <c r="AE5130" s="137"/>
      <c r="AF5130" s="137"/>
      <c r="AG5130" s="137"/>
      <c r="AH5130" s="137"/>
      <c r="AI5130" s="137"/>
      <c r="AJ5130" s="137"/>
      <c r="AK5130" s="137"/>
      <c r="AL5130" s="137"/>
      <c r="AM5130" s="137"/>
      <c r="AN5130" s="137"/>
      <c r="AO5130" s="137"/>
      <c r="AP5130" s="137"/>
      <c r="AQ5130" s="137"/>
      <c r="AR5130" s="137"/>
      <c r="AS5130" s="137"/>
      <c r="AT5130" s="137"/>
      <c r="AU5130" s="137"/>
      <c r="AV5130" s="137"/>
      <c r="AW5130" s="144"/>
    </row>
    <row r="5131" spans="7:49" x14ac:dyDescent="0.2">
      <c r="G5131" s="43"/>
      <c r="Z5131" s="143"/>
      <c r="AA5131" s="137"/>
      <c r="AB5131" s="137"/>
      <c r="AC5131" s="137"/>
      <c r="AD5131" s="137"/>
      <c r="AE5131" s="137"/>
      <c r="AF5131" s="137"/>
      <c r="AG5131" s="137"/>
      <c r="AH5131" s="137"/>
      <c r="AI5131" s="137"/>
      <c r="AJ5131" s="137"/>
      <c r="AK5131" s="137"/>
      <c r="AL5131" s="137"/>
      <c r="AM5131" s="137"/>
      <c r="AN5131" s="137"/>
      <c r="AO5131" s="137"/>
      <c r="AP5131" s="137"/>
      <c r="AQ5131" s="137"/>
      <c r="AR5131" s="137"/>
      <c r="AS5131" s="137"/>
      <c r="AT5131" s="137"/>
      <c r="AU5131" s="137"/>
      <c r="AV5131" s="137"/>
      <c r="AW5131" s="144"/>
    </row>
    <row r="5132" spans="7:49" x14ac:dyDescent="0.2">
      <c r="G5132" s="43"/>
      <c r="Z5132" s="143"/>
      <c r="AA5132" s="137"/>
      <c r="AB5132" s="137"/>
      <c r="AC5132" s="137"/>
      <c r="AD5132" s="137"/>
      <c r="AE5132" s="137"/>
      <c r="AF5132" s="137"/>
      <c r="AG5132" s="137"/>
      <c r="AH5132" s="137"/>
      <c r="AI5132" s="137"/>
      <c r="AJ5132" s="137"/>
      <c r="AK5132" s="137"/>
      <c r="AL5132" s="137"/>
      <c r="AM5132" s="137"/>
      <c r="AN5132" s="137"/>
      <c r="AO5132" s="137"/>
      <c r="AP5132" s="137"/>
      <c r="AQ5132" s="137"/>
      <c r="AR5132" s="137"/>
      <c r="AS5132" s="137"/>
      <c r="AT5132" s="137"/>
      <c r="AU5132" s="137"/>
      <c r="AV5132" s="137"/>
      <c r="AW5132" s="144"/>
    </row>
    <row r="5133" spans="7:49" x14ac:dyDescent="0.2">
      <c r="G5133" s="43"/>
      <c r="Z5133" s="143"/>
      <c r="AA5133" s="137"/>
      <c r="AB5133" s="137"/>
      <c r="AC5133" s="137"/>
      <c r="AD5133" s="137"/>
      <c r="AE5133" s="137"/>
      <c r="AF5133" s="137"/>
      <c r="AG5133" s="137"/>
      <c r="AH5133" s="137"/>
      <c r="AI5133" s="137"/>
      <c r="AJ5133" s="137"/>
      <c r="AK5133" s="137"/>
      <c r="AL5133" s="137"/>
      <c r="AM5133" s="137"/>
      <c r="AN5133" s="137"/>
      <c r="AO5133" s="137"/>
      <c r="AP5133" s="137"/>
      <c r="AQ5133" s="137"/>
      <c r="AR5133" s="137"/>
      <c r="AS5133" s="137"/>
      <c r="AT5133" s="137"/>
      <c r="AU5133" s="137"/>
      <c r="AV5133" s="137"/>
      <c r="AW5133" s="144"/>
    </row>
    <row r="5134" spans="7:49" x14ac:dyDescent="0.2">
      <c r="G5134" s="43"/>
      <c r="Z5134" s="143"/>
      <c r="AA5134" s="137"/>
      <c r="AB5134" s="137"/>
      <c r="AC5134" s="137"/>
      <c r="AD5134" s="137"/>
      <c r="AE5134" s="137"/>
      <c r="AF5134" s="137"/>
      <c r="AG5134" s="137"/>
      <c r="AH5134" s="137"/>
      <c r="AI5134" s="137"/>
      <c r="AJ5134" s="137"/>
      <c r="AK5134" s="137"/>
      <c r="AL5134" s="137"/>
      <c r="AM5134" s="137"/>
      <c r="AN5134" s="137"/>
      <c r="AO5134" s="137"/>
      <c r="AP5134" s="137"/>
      <c r="AQ5134" s="137"/>
      <c r="AR5134" s="137"/>
      <c r="AS5134" s="137"/>
      <c r="AT5134" s="137"/>
      <c r="AU5134" s="137"/>
      <c r="AV5134" s="137"/>
      <c r="AW5134" s="144"/>
    </row>
    <row r="5135" spans="7:49" x14ac:dyDescent="0.2">
      <c r="G5135" s="43"/>
      <c r="Z5135" s="143"/>
      <c r="AA5135" s="137"/>
      <c r="AB5135" s="137"/>
      <c r="AC5135" s="137"/>
      <c r="AD5135" s="137"/>
      <c r="AE5135" s="137"/>
      <c r="AF5135" s="137"/>
      <c r="AG5135" s="137"/>
      <c r="AH5135" s="137"/>
      <c r="AI5135" s="137"/>
      <c r="AJ5135" s="137"/>
      <c r="AK5135" s="137"/>
      <c r="AL5135" s="137"/>
      <c r="AM5135" s="137"/>
      <c r="AN5135" s="137"/>
      <c r="AO5135" s="137"/>
      <c r="AP5135" s="137"/>
      <c r="AQ5135" s="137"/>
      <c r="AR5135" s="137"/>
      <c r="AS5135" s="137"/>
      <c r="AT5135" s="137"/>
      <c r="AU5135" s="137"/>
      <c r="AV5135" s="137"/>
      <c r="AW5135" s="144"/>
    </row>
    <row r="5136" spans="7:49" x14ac:dyDescent="0.2">
      <c r="G5136" s="43"/>
      <c r="Z5136" s="143"/>
      <c r="AA5136" s="137"/>
      <c r="AB5136" s="137"/>
      <c r="AC5136" s="137"/>
      <c r="AD5136" s="137"/>
      <c r="AE5136" s="137"/>
      <c r="AF5136" s="137"/>
      <c r="AG5136" s="137"/>
      <c r="AH5136" s="137"/>
      <c r="AI5136" s="137"/>
      <c r="AJ5136" s="137"/>
      <c r="AK5136" s="137"/>
      <c r="AL5136" s="137"/>
      <c r="AM5136" s="137"/>
      <c r="AN5136" s="137"/>
      <c r="AO5136" s="137"/>
      <c r="AP5136" s="137"/>
      <c r="AQ5136" s="137"/>
      <c r="AR5136" s="137"/>
      <c r="AS5136" s="137"/>
      <c r="AT5136" s="137"/>
      <c r="AU5136" s="137"/>
      <c r="AV5136" s="137"/>
      <c r="AW5136" s="144"/>
    </row>
    <row r="5137" spans="7:49" x14ac:dyDescent="0.2">
      <c r="G5137" s="43"/>
      <c r="Z5137" s="143"/>
      <c r="AA5137" s="137"/>
      <c r="AB5137" s="137"/>
      <c r="AC5137" s="137"/>
      <c r="AD5137" s="137"/>
      <c r="AE5137" s="137"/>
      <c r="AF5137" s="137"/>
      <c r="AG5137" s="137"/>
      <c r="AH5137" s="137"/>
      <c r="AI5137" s="137"/>
      <c r="AJ5137" s="137"/>
      <c r="AK5137" s="137"/>
      <c r="AL5137" s="137"/>
      <c r="AM5137" s="137"/>
      <c r="AN5137" s="137"/>
      <c r="AO5137" s="137"/>
      <c r="AP5137" s="137"/>
      <c r="AQ5137" s="137"/>
      <c r="AR5137" s="137"/>
      <c r="AS5137" s="137"/>
      <c r="AT5137" s="137"/>
      <c r="AU5137" s="137"/>
      <c r="AV5137" s="137"/>
      <c r="AW5137" s="144"/>
    </row>
    <row r="5138" spans="7:49" x14ac:dyDescent="0.2">
      <c r="G5138" s="43"/>
      <c r="Z5138" s="143"/>
      <c r="AA5138" s="137"/>
      <c r="AB5138" s="137"/>
      <c r="AC5138" s="137"/>
      <c r="AD5138" s="137"/>
      <c r="AE5138" s="137"/>
      <c r="AF5138" s="137"/>
      <c r="AG5138" s="137"/>
      <c r="AH5138" s="137"/>
      <c r="AI5138" s="137"/>
      <c r="AJ5138" s="137"/>
      <c r="AK5138" s="137"/>
      <c r="AL5138" s="137"/>
      <c r="AM5138" s="137"/>
      <c r="AN5138" s="137"/>
      <c r="AO5138" s="137"/>
      <c r="AP5138" s="137"/>
      <c r="AQ5138" s="137"/>
      <c r="AR5138" s="137"/>
      <c r="AS5138" s="137"/>
      <c r="AT5138" s="137"/>
      <c r="AU5138" s="137"/>
      <c r="AV5138" s="137"/>
      <c r="AW5138" s="144"/>
    </row>
    <row r="5139" spans="7:49" x14ac:dyDescent="0.2">
      <c r="G5139" s="43"/>
      <c r="Z5139" s="143"/>
      <c r="AA5139" s="137"/>
      <c r="AB5139" s="137"/>
      <c r="AC5139" s="137"/>
      <c r="AD5139" s="137"/>
      <c r="AE5139" s="137"/>
      <c r="AF5139" s="137"/>
      <c r="AG5139" s="137"/>
      <c r="AH5139" s="137"/>
      <c r="AI5139" s="137"/>
      <c r="AJ5139" s="137"/>
      <c r="AK5139" s="137"/>
      <c r="AL5139" s="137"/>
      <c r="AM5139" s="137"/>
      <c r="AN5139" s="137"/>
      <c r="AO5139" s="137"/>
      <c r="AP5139" s="137"/>
      <c r="AQ5139" s="137"/>
      <c r="AR5139" s="137"/>
      <c r="AS5139" s="137"/>
      <c r="AT5139" s="137"/>
      <c r="AU5139" s="137"/>
      <c r="AV5139" s="137"/>
      <c r="AW5139" s="144"/>
    </row>
    <row r="5140" spans="7:49" x14ac:dyDescent="0.2">
      <c r="G5140" s="43"/>
      <c r="Z5140" s="143"/>
      <c r="AA5140" s="137"/>
      <c r="AB5140" s="137"/>
      <c r="AC5140" s="137"/>
      <c r="AD5140" s="137"/>
      <c r="AE5140" s="137"/>
      <c r="AF5140" s="137"/>
      <c r="AG5140" s="137"/>
      <c r="AH5140" s="137"/>
      <c r="AI5140" s="137"/>
      <c r="AJ5140" s="137"/>
      <c r="AK5140" s="137"/>
      <c r="AL5140" s="137"/>
      <c r="AM5140" s="137"/>
      <c r="AN5140" s="137"/>
      <c r="AO5140" s="137"/>
      <c r="AP5140" s="137"/>
      <c r="AQ5140" s="137"/>
      <c r="AR5140" s="137"/>
      <c r="AS5140" s="137"/>
      <c r="AT5140" s="137"/>
      <c r="AU5140" s="137"/>
      <c r="AV5140" s="137"/>
      <c r="AW5140" s="144"/>
    </row>
    <row r="5141" spans="7:49" x14ac:dyDescent="0.2">
      <c r="G5141" s="43"/>
      <c r="Z5141" s="143"/>
      <c r="AA5141" s="137"/>
      <c r="AB5141" s="137"/>
      <c r="AC5141" s="137"/>
      <c r="AD5141" s="137"/>
      <c r="AE5141" s="137"/>
      <c r="AF5141" s="137"/>
      <c r="AG5141" s="137"/>
      <c r="AH5141" s="137"/>
      <c r="AI5141" s="137"/>
      <c r="AJ5141" s="137"/>
      <c r="AK5141" s="137"/>
      <c r="AL5141" s="137"/>
      <c r="AM5141" s="137"/>
      <c r="AN5141" s="137"/>
      <c r="AO5141" s="137"/>
      <c r="AP5141" s="137"/>
      <c r="AQ5141" s="137"/>
      <c r="AR5141" s="137"/>
      <c r="AS5141" s="137"/>
      <c r="AT5141" s="137"/>
      <c r="AU5141" s="137"/>
      <c r="AV5141" s="137"/>
      <c r="AW5141" s="144"/>
    </row>
    <row r="5142" spans="7:49" x14ac:dyDescent="0.2">
      <c r="G5142" s="43"/>
      <c r="Z5142" s="143"/>
      <c r="AA5142" s="137"/>
      <c r="AB5142" s="137"/>
      <c r="AC5142" s="137"/>
      <c r="AD5142" s="137"/>
      <c r="AE5142" s="137"/>
      <c r="AF5142" s="137"/>
      <c r="AG5142" s="137"/>
      <c r="AH5142" s="137"/>
      <c r="AI5142" s="137"/>
      <c r="AJ5142" s="137"/>
      <c r="AK5142" s="137"/>
      <c r="AL5142" s="137"/>
      <c r="AM5142" s="137"/>
      <c r="AN5142" s="137"/>
      <c r="AO5142" s="137"/>
      <c r="AP5142" s="137"/>
      <c r="AQ5142" s="137"/>
      <c r="AR5142" s="137"/>
      <c r="AS5142" s="137"/>
      <c r="AT5142" s="137"/>
      <c r="AU5142" s="137"/>
      <c r="AV5142" s="137"/>
      <c r="AW5142" s="144"/>
    </row>
    <row r="5143" spans="7:49" x14ac:dyDescent="0.2">
      <c r="G5143" s="43"/>
      <c r="Z5143" s="143"/>
      <c r="AA5143" s="137"/>
      <c r="AB5143" s="137"/>
      <c r="AC5143" s="137"/>
      <c r="AD5143" s="137"/>
      <c r="AE5143" s="137"/>
      <c r="AF5143" s="137"/>
      <c r="AG5143" s="137"/>
      <c r="AH5143" s="137"/>
      <c r="AI5143" s="137"/>
      <c r="AJ5143" s="137"/>
      <c r="AK5143" s="137"/>
      <c r="AL5143" s="137"/>
      <c r="AM5143" s="137"/>
      <c r="AN5143" s="137"/>
      <c r="AO5143" s="137"/>
      <c r="AP5143" s="137"/>
      <c r="AQ5143" s="137"/>
      <c r="AR5143" s="137"/>
      <c r="AS5143" s="137"/>
      <c r="AT5143" s="137"/>
      <c r="AU5143" s="137"/>
      <c r="AV5143" s="137"/>
      <c r="AW5143" s="144"/>
    </row>
    <row r="5144" spans="7:49" x14ac:dyDescent="0.2">
      <c r="G5144" s="43"/>
      <c r="Z5144" s="143"/>
      <c r="AA5144" s="137"/>
      <c r="AB5144" s="137"/>
      <c r="AC5144" s="137"/>
      <c r="AD5144" s="137"/>
      <c r="AE5144" s="137"/>
      <c r="AF5144" s="137"/>
      <c r="AG5144" s="137"/>
      <c r="AH5144" s="137"/>
      <c r="AI5144" s="137"/>
      <c r="AJ5144" s="137"/>
      <c r="AK5144" s="137"/>
      <c r="AL5144" s="137"/>
      <c r="AM5144" s="137"/>
      <c r="AN5144" s="137"/>
      <c r="AO5144" s="137"/>
      <c r="AP5144" s="137"/>
      <c r="AQ5144" s="137"/>
      <c r="AR5144" s="137"/>
      <c r="AS5144" s="137"/>
      <c r="AT5144" s="137"/>
      <c r="AU5144" s="137"/>
      <c r="AV5144" s="137"/>
      <c r="AW5144" s="144"/>
    </row>
    <row r="5145" spans="7:49" x14ac:dyDescent="0.2">
      <c r="G5145" s="43"/>
      <c r="Z5145" s="143"/>
      <c r="AA5145" s="137"/>
      <c r="AB5145" s="137"/>
      <c r="AC5145" s="137"/>
      <c r="AD5145" s="137"/>
      <c r="AE5145" s="137"/>
      <c r="AF5145" s="137"/>
      <c r="AG5145" s="137"/>
      <c r="AH5145" s="137"/>
      <c r="AI5145" s="137"/>
      <c r="AJ5145" s="137"/>
      <c r="AK5145" s="137"/>
      <c r="AL5145" s="137"/>
      <c r="AM5145" s="137"/>
      <c r="AN5145" s="137"/>
      <c r="AO5145" s="137"/>
      <c r="AP5145" s="137"/>
      <c r="AQ5145" s="137"/>
      <c r="AR5145" s="137"/>
      <c r="AS5145" s="137"/>
      <c r="AT5145" s="137"/>
      <c r="AU5145" s="137"/>
      <c r="AV5145" s="137"/>
      <c r="AW5145" s="144"/>
    </row>
    <row r="5146" spans="7:49" x14ac:dyDescent="0.2">
      <c r="G5146" s="43"/>
      <c r="Z5146" s="143"/>
      <c r="AA5146" s="137"/>
      <c r="AB5146" s="137"/>
      <c r="AC5146" s="137"/>
      <c r="AD5146" s="137"/>
      <c r="AE5146" s="137"/>
      <c r="AF5146" s="137"/>
      <c r="AG5146" s="137"/>
      <c r="AH5146" s="137"/>
      <c r="AI5146" s="137"/>
      <c r="AJ5146" s="137"/>
      <c r="AK5146" s="137"/>
      <c r="AL5146" s="137"/>
      <c r="AM5146" s="137"/>
      <c r="AN5146" s="137"/>
      <c r="AO5146" s="137"/>
      <c r="AP5146" s="137"/>
      <c r="AQ5146" s="137"/>
      <c r="AR5146" s="137"/>
      <c r="AS5146" s="137"/>
      <c r="AT5146" s="137"/>
      <c r="AU5146" s="137"/>
      <c r="AV5146" s="137"/>
      <c r="AW5146" s="144"/>
    </row>
    <row r="5147" spans="7:49" x14ac:dyDescent="0.2">
      <c r="G5147" s="43"/>
      <c r="Z5147" s="143"/>
      <c r="AA5147" s="137"/>
      <c r="AB5147" s="137"/>
      <c r="AC5147" s="137"/>
      <c r="AD5147" s="137"/>
      <c r="AE5147" s="137"/>
      <c r="AF5147" s="137"/>
      <c r="AG5147" s="137"/>
      <c r="AH5147" s="137"/>
      <c r="AI5147" s="137"/>
      <c r="AJ5147" s="137"/>
      <c r="AK5147" s="137"/>
      <c r="AL5147" s="137"/>
      <c r="AM5147" s="137"/>
      <c r="AN5147" s="137"/>
      <c r="AO5147" s="137"/>
      <c r="AP5147" s="137"/>
      <c r="AQ5147" s="137"/>
      <c r="AR5147" s="137"/>
      <c r="AS5147" s="137"/>
      <c r="AT5147" s="137"/>
      <c r="AU5147" s="137"/>
      <c r="AV5147" s="137"/>
      <c r="AW5147" s="144"/>
    </row>
    <row r="5148" spans="7:49" x14ac:dyDescent="0.2">
      <c r="G5148" s="43"/>
      <c r="Z5148" s="143"/>
      <c r="AA5148" s="137"/>
      <c r="AB5148" s="137"/>
      <c r="AC5148" s="137"/>
      <c r="AD5148" s="137"/>
      <c r="AE5148" s="137"/>
      <c r="AF5148" s="137"/>
      <c r="AG5148" s="137"/>
      <c r="AH5148" s="137"/>
      <c r="AI5148" s="137"/>
      <c r="AJ5148" s="137"/>
      <c r="AK5148" s="137"/>
      <c r="AL5148" s="137"/>
      <c r="AM5148" s="137"/>
      <c r="AN5148" s="137"/>
      <c r="AO5148" s="137"/>
      <c r="AP5148" s="137"/>
      <c r="AQ5148" s="137"/>
      <c r="AR5148" s="137"/>
      <c r="AS5148" s="137"/>
      <c r="AT5148" s="137"/>
      <c r="AU5148" s="137"/>
      <c r="AV5148" s="137"/>
      <c r="AW5148" s="144"/>
    </row>
    <row r="5149" spans="7:49" x14ac:dyDescent="0.2">
      <c r="G5149" s="43"/>
      <c r="Z5149" s="143"/>
      <c r="AA5149" s="137"/>
      <c r="AB5149" s="137"/>
      <c r="AC5149" s="137"/>
      <c r="AD5149" s="137"/>
      <c r="AE5149" s="137"/>
      <c r="AF5149" s="137"/>
      <c r="AG5149" s="137"/>
      <c r="AH5149" s="137"/>
      <c r="AI5149" s="137"/>
      <c r="AJ5149" s="137"/>
      <c r="AK5149" s="137"/>
      <c r="AL5149" s="137"/>
      <c r="AM5149" s="137"/>
      <c r="AN5149" s="137"/>
      <c r="AO5149" s="137"/>
      <c r="AP5149" s="137"/>
      <c r="AQ5149" s="137"/>
      <c r="AR5149" s="137"/>
      <c r="AS5149" s="137"/>
      <c r="AT5149" s="137"/>
      <c r="AU5149" s="137"/>
      <c r="AV5149" s="137"/>
      <c r="AW5149" s="144"/>
    </row>
    <row r="5150" spans="7:49" x14ac:dyDescent="0.2">
      <c r="G5150" s="43"/>
      <c r="Z5150" s="143"/>
      <c r="AA5150" s="137"/>
      <c r="AB5150" s="137"/>
      <c r="AC5150" s="137"/>
      <c r="AD5150" s="137"/>
      <c r="AE5150" s="137"/>
      <c r="AF5150" s="137"/>
      <c r="AG5150" s="137"/>
      <c r="AH5150" s="137"/>
      <c r="AI5150" s="137"/>
      <c r="AJ5150" s="137"/>
      <c r="AK5150" s="137"/>
      <c r="AL5150" s="137"/>
      <c r="AM5150" s="137"/>
      <c r="AN5150" s="137"/>
      <c r="AO5150" s="137"/>
      <c r="AP5150" s="137"/>
      <c r="AQ5150" s="137"/>
      <c r="AR5150" s="137"/>
      <c r="AS5150" s="137"/>
      <c r="AT5150" s="137"/>
      <c r="AU5150" s="137"/>
      <c r="AV5150" s="137"/>
      <c r="AW5150" s="144"/>
    </row>
    <row r="5151" spans="7:49" x14ac:dyDescent="0.2">
      <c r="G5151" s="43"/>
      <c r="Z5151" s="143"/>
      <c r="AA5151" s="137"/>
      <c r="AB5151" s="137"/>
      <c r="AC5151" s="137"/>
      <c r="AD5151" s="137"/>
      <c r="AE5151" s="137"/>
      <c r="AF5151" s="137"/>
      <c r="AG5151" s="137"/>
      <c r="AH5151" s="137"/>
      <c r="AI5151" s="137"/>
      <c r="AJ5151" s="137"/>
      <c r="AK5151" s="137"/>
      <c r="AL5151" s="137"/>
      <c r="AM5151" s="137"/>
      <c r="AN5151" s="137"/>
      <c r="AO5151" s="137"/>
      <c r="AP5151" s="137"/>
      <c r="AQ5151" s="137"/>
      <c r="AR5151" s="137"/>
      <c r="AS5151" s="137"/>
      <c r="AT5151" s="137"/>
      <c r="AU5151" s="137"/>
      <c r="AV5151" s="137"/>
      <c r="AW5151" s="144"/>
    </row>
    <row r="5152" spans="7:49" x14ac:dyDescent="0.2">
      <c r="G5152" s="43"/>
      <c r="Z5152" s="143"/>
      <c r="AA5152" s="137"/>
      <c r="AB5152" s="137"/>
      <c r="AC5152" s="137"/>
      <c r="AD5152" s="137"/>
      <c r="AE5152" s="137"/>
      <c r="AF5152" s="137"/>
      <c r="AG5152" s="137"/>
      <c r="AH5152" s="137"/>
      <c r="AI5152" s="137"/>
      <c r="AJ5152" s="137"/>
      <c r="AK5152" s="137"/>
      <c r="AL5152" s="137"/>
      <c r="AM5152" s="137"/>
      <c r="AN5152" s="137"/>
      <c r="AO5152" s="137"/>
      <c r="AP5152" s="137"/>
      <c r="AQ5152" s="137"/>
      <c r="AR5152" s="137"/>
      <c r="AS5152" s="137"/>
      <c r="AT5152" s="137"/>
      <c r="AU5152" s="137"/>
      <c r="AV5152" s="137"/>
      <c r="AW5152" s="144"/>
    </row>
    <row r="5153" spans="7:49" x14ac:dyDescent="0.2">
      <c r="G5153" s="43"/>
      <c r="Z5153" s="143"/>
      <c r="AA5153" s="137"/>
      <c r="AB5153" s="137"/>
      <c r="AC5153" s="137"/>
      <c r="AD5153" s="137"/>
      <c r="AE5153" s="137"/>
      <c r="AF5153" s="137"/>
      <c r="AG5153" s="137"/>
      <c r="AH5153" s="137"/>
      <c r="AI5153" s="137"/>
      <c r="AJ5153" s="137"/>
      <c r="AK5153" s="137"/>
      <c r="AL5153" s="137"/>
      <c r="AM5153" s="137"/>
      <c r="AN5153" s="137"/>
      <c r="AO5153" s="137"/>
      <c r="AP5153" s="137"/>
      <c r="AQ5153" s="137"/>
      <c r="AR5153" s="137"/>
      <c r="AS5153" s="137"/>
      <c r="AT5153" s="137"/>
      <c r="AU5153" s="137"/>
      <c r="AV5153" s="137"/>
      <c r="AW5153" s="144"/>
    </row>
    <row r="5154" spans="7:49" x14ac:dyDescent="0.2">
      <c r="G5154" s="43"/>
      <c r="Z5154" s="143"/>
      <c r="AA5154" s="137"/>
      <c r="AB5154" s="137"/>
      <c r="AC5154" s="137"/>
      <c r="AD5154" s="137"/>
      <c r="AE5154" s="137"/>
      <c r="AF5154" s="137"/>
      <c r="AG5154" s="137"/>
      <c r="AH5154" s="137"/>
      <c r="AI5154" s="137"/>
      <c r="AJ5154" s="137"/>
      <c r="AK5154" s="137"/>
      <c r="AL5154" s="137"/>
      <c r="AM5154" s="137"/>
      <c r="AN5154" s="137"/>
      <c r="AO5154" s="137"/>
      <c r="AP5154" s="137"/>
      <c r="AQ5154" s="137"/>
      <c r="AR5154" s="137"/>
      <c r="AS5154" s="137"/>
      <c r="AT5154" s="137"/>
      <c r="AU5154" s="137"/>
      <c r="AV5154" s="137"/>
      <c r="AW5154" s="144"/>
    </row>
    <row r="5155" spans="7:49" x14ac:dyDescent="0.2">
      <c r="G5155" s="43"/>
      <c r="Z5155" s="143"/>
      <c r="AA5155" s="137"/>
      <c r="AB5155" s="137"/>
      <c r="AC5155" s="137"/>
      <c r="AD5155" s="137"/>
      <c r="AE5155" s="137"/>
      <c r="AF5155" s="137"/>
      <c r="AG5155" s="137"/>
      <c r="AH5155" s="137"/>
      <c r="AI5155" s="137"/>
      <c r="AJ5155" s="137"/>
      <c r="AK5155" s="137"/>
      <c r="AL5155" s="137"/>
      <c r="AM5155" s="137"/>
      <c r="AN5155" s="137"/>
      <c r="AO5155" s="137"/>
      <c r="AP5155" s="137"/>
      <c r="AQ5155" s="137"/>
      <c r="AR5155" s="137"/>
      <c r="AS5155" s="137"/>
      <c r="AT5155" s="137"/>
      <c r="AU5155" s="137"/>
      <c r="AV5155" s="137"/>
      <c r="AW5155" s="144"/>
    </row>
    <row r="5156" spans="7:49" x14ac:dyDescent="0.2">
      <c r="G5156" s="43"/>
      <c r="Z5156" s="143"/>
      <c r="AA5156" s="137"/>
      <c r="AB5156" s="137"/>
      <c r="AC5156" s="137"/>
      <c r="AD5156" s="137"/>
      <c r="AE5156" s="137"/>
      <c r="AF5156" s="137"/>
      <c r="AG5156" s="137"/>
      <c r="AH5156" s="137"/>
      <c r="AI5156" s="137"/>
      <c r="AJ5156" s="137"/>
      <c r="AK5156" s="137"/>
      <c r="AL5156" s="137"/>
      <c r="AM5156" s="137"/>
      <c r="AN5156" s="137"/>
      <c r="AO5156" s="137"/>
      <c r="AP5156" s="137"/>
      <c r="AQ5156" s="137"/>
      <c r="AR5156" s="137"/>
      <c r="AS5156" s="137"/>
      <c r="AT5156" s="137"/>
      <c r="AU5156" s="137"/>
      <c r="AV5156" s="137"/>
      <c r="AW5156" s="144"/>
    </row>
    <row r="5157" spans="7:49" x14ac:dyDescent="0.2">
      <c r="G5157" s="43"/>
      <c r="Z5157" s="143"/>
      <c r="AA5157" s="137"/>
      <c r="AB5157" s="137"/>
      <c r="AC5157" s="137"/>
      <c r="AD5157" s="137"/>
      <c r="AE5157" s="137"/>
      <c r="AF5157" s="137"/>
      <c r="AG5157" s="137"/>
      <c r="AH5157" s="137"/>
      <c r="AI5157" s="137"/>
      <c r="AJ5157" s="137"/>
      <c r="AK5157" s="137"/>
      <c r="AL5157" s="137"/>
      <c r="AM5157" s="137"/>
      <c r="AN5157" s="137"/>
      <c r="AO5157" s="137"/>
      <c r="AP5157" s="137"/>
      <c r="AQ5157" s="137"/>
      <c r="AR5157" s="137"/>
      <c r="AS5157" s="137"/>
      <c r="AT5157" s="137"/>
      <c r="AU5157" s="137"/>
      <c r="AV5157" s="137"/>
      <c r="AW5157" s="144"/>
    </row>
    <row r="5158" spans="7:49" x14ac:dyDescent="0.2">
      <c r="G5158" s="43"/>
      <c r="Z5158" s="143"/>
      <c r="AA5158" s="137"/>
      <c r="AB5158" s="137"/>
      <c r="AC5158" s="137"/>
      <c r="AD5158" s="137"/>
      <c r="AE5158" s="137"/>
      <c r="AF5158" s="137"/>
      <c r="AG5158" s="137"/>
      <c r="AH5158" s="137"/>
      <c r="AI5158" s="137"/>
      <c r="AJ5158" s="137"/>
      <c r="AK5158" s="137"/>
      <c r="AL5158" s="137"/>
      <c r="AM5158" s="137"/>
      <c r="AN5158" s="137"/>
      <c r="AO5158" s="137"/>
      <c r="AP5158" s="137"/>
      <c r="AQ5158" s="137"/>
      <c r="AR5158" s="137"/>
      <c r="AS5158" s="137"/>
      <c r="AT5158" s="137"/>
      <c r="AU5158" s="137"/>
      <c r="AV5158" s="137"/>
      <c r="AW5158" s="144"/>
    </row>
    <row r="5159" spans="7:49" x14ac:dyDescent="0.2">
      <c r="G5159" s="43"/>
      <c r="Z5159" s="143"/>
      <c r="AA5159" s="137"/>
      <c r="AB5159" s="137"/>
      <c r="AC5159" s="137"/>
      <c r="AD5159" s="137"/>
      <c r="AE5159" s="137"/>
      <c r="AF5159" s="137"/>
      <c r="AG5159" s="137"/>
      <c r="AH5159" s="137"/>
      <c r="AI5159" s="137"/>
      <c r="AJ5159" s="137"/>
      <c r="AK5159" s="137"/>
      <c r="AL5159" s="137"/>
      <c r="AM5159" s="137"/>
      <c r="AN5159" s="137"/>
      <c r="AO5159" s="137"/>
      <c r="AP5159" s="137"/>
      <c r="AQ5159" s="137"/>
      <c r="AR5159" s="137"/>
      <c r="AS5159" s="137"/>
      <c r="AT5159" s="137"/>
      <c r="AU5159" s="137"/>
      <c r="AV5159" s="137"/>
      <c r="AW5159" s="144"/>
    </row>
    <row r="5160" spans="7:49" x14ac:dyDescent="0.2">
      <c r="G5160" s="43"/>
      <c r="Z5160" s="143"/>
      <c r="AA5160" s="137"/>
      <c r="AB5160" s="137"/>
      <c r="AC5160" s="137"/>
      <c r="AD5160" s="137"/>
      <c r="AE5160" s="137"/>
      <c r="AF5160" s="137"/>
      <c r="AG5160" s="137"/>
      <c r="AH5160" s="137"/>
      <c r="AI5160" s="137"/>
      <c r="AJ5160" s="137"/>
      <c r="AK5160" s="137"/>
      <c r="AL5160" s="137"/>
      <c r="AM5160" s="137"/>
      <c r="AN5160" s="137"/>
      <c r="AO5160" s="137"/>
      <c r="AP5160" s="137"/>
      <c r="AQ5160" s="137"/>
      <c r="AR5160" s="137"/>
      <c r="AS5160" s="137"/>
      <c r="AT5160" s="137"/>
      <c r="AU5160" s="137"/>
      <c r="AV5160" s="137"/>
      <c r="AW5160" s="144"/>
    </row>
    <row r="5161" spans="7:49" x14ac:dyDescent="0.2">
      <c r="G5161" s="43"/>
      <c r="Z5161" s="143"/>
      <c r="AA5161" s="137"/>
      <c r="AB5161" s="137"/>
      <c r="AC5161" s="137"/>
      <c r="AD5161" s="137"/>
      <c r="AE5161" s="137"/>
      <c r="AF5161" s="137"/>
      <c r="AG5161" s="137"/>
      <c r="AH5161" s="137"/>
      <c r="AI5161" s="137"/>
      <c r="AJ5161" s="137"/>
      <c r="AK5161" s="137"/>
      <c r="AL5161" s="137"/>
      <c r="AM5161" s="137"/>
      <c r="AN5161" s="137"/>
      <c r="AO5161" s="137"/>
      <c r="AP5161" s="137"/>
      <c r="AQ5161" s="137"/>
      <c r="AR5161" s="137"/>
      <c r="AS5161" s="137"/>
      <c r="AT5161" s="137"/>
      <c r="AU5161" s="137"/>
      <c r="AV5161" s="137"/>
      <c r="AW5161" s="144"/>
    </row>
    <row r="5162" spans="7:49" x14ac:dyDescent="0.2">
      <c r="G5162" s="43"/>
      <c r="Z5162" s="143"/>
      <c r="AA5162" s="137"/>
      <c r="AB5162" s="137"/>
      <c r="AC5162" s="137"/>
      <c r="AD5162" s="137"/>
      <c r="AE5162" s="137"/>
      <c r="AF5162" s="137"/>
      <c r="AG5162" s="137"/>
      <c r="AH5162" s="137"/>
      <c r="AI5162" s="137"/>
      <c r="AJ5162" s="137"/>
      <c r="AK5162" s="137"/>
      <c r="AL5162" s="137"/>
      <c r="AM5162" s="137"/>
      <c r="AN5162" s="137"/>
      <c r="AO5162" s="137"/>
      <c r="AP5162" s="137"/>
      <c r="AQ5162" s="137"/>
      <c r="AR5162" s="137"/>
      <c r="AS5162" s="137"/>
      <c r="AT5162" s="137"/>
      <c r="AU5162" s="137"/>
      <c r="AV5162" s="137"/>
      <c r="AW5162" s="144"/>
    </row>
    <row r="5163" spans="7:49" x14ac:dyDescent="0.2">
      <c r="G5163" s="43"/>
      <c r="Z5163" s="143"/>
      <c r="AA5163" s="137"/>
      <c r="AB5163" s="137"/>
      <c r="AC5163" s="137"/>
      <c r="AD5163" s="137"/>
      <c r="AE5163" s="137"/>
      <c r="AF5163" s="137"/>
      <c r="AG5163" s="137"/>
      <c r="AH5163" s="137"/>
      <c r="AI5163" s="137"/>
      <c r="AJ5163" s="137"/>
      <c r="AK5163" s="137"/>
      <c r="AL5163" s="137"/>
      <c r="AM5163" s="137"/>
      <c r="AN5163" s="137"/>
      <c r="AO5163" s="137"/>
      <c r="AP5163" s="137"/>
      <c r="AQ5163" s="137"/>
      <c r="AR5163" s="137"/>
      <c r="AS5163" s="137"/>
      <c r="AT5163" s="137"/>
      <c r="AU5163" s="137"/>
      <c r="AV5163" s="137"/>
      <c r="AW5163" s="144"/>
    </row>
    <row r="5164" spans="7:49" x14ac:dyDescent="0.2">
      <c r="G5164" s="43"/>
      <c r="Z5164" s="143"/>
      <c r="AA5164" s="137"/>
      <c r="AB5164" s="137"/>
      <c r="AC5164" s="137"/>
      <c r="AD5164" s="137"/>
      <c r="AE5164" s="137"/>
      <c r="AF5164" s="137"/>
      <c r="AG5164" s="137"/>
      <c r="AH5164" s="137"/>
      <c r="AI5164" s="137"/>
      <c r="AJ5164" s="137"/>
      <c r="AK5164" s="137"/>
      <c r="AL5164" s="137"/>
      <c r="AM5164" s="137"/>
      <c r="AN5164" s="137"/>
      <c r="AO5164" s="137"/>
      <c r="AP5164" s="137"/>
      <c r="AQ5164" s="137"/>
      <c r="AR5164" s="137"/>
      <c r="AS5164" s="137"/>
      <c r="AT5164" s="137"/>
      <c r="AU5164" s="137"/>
      <c r="AV5164" s="137"/>
      <c r="AW5164" s="144"/>
    </row>
    <row r="5165" spans="7:49" x14ac:dyDescent="0.2">
      <c r="G5165" s="43"/>
      <c r="Z5165" s="143"/>
      <c r="AA5165" s="137"/>
      <c r="AB5165" s="137"/>
      <c r="AC5165" s="137"/>
      <c r="AD5165" s="137"/>
      <c r="AE5165" s="137"/>
      <c r="AF5165" s="137"/>
      <c r="AG5165" s="137"/>
      <c r="AH5165" s="137"/>
      <c r="AI5165" s="137"/>
      <c r="AJ5165" s="137"/>
      <c r="AK5165" s="137"/>
      <c r="AL5165" s="137"/>
      <c r="AM5165" s="137"/>
      <c r="AN5165" s="137"/>
      <c r="AO5165" s="137"/>
      <c r="AP5165" s="137"/>
      <c r="AQ5165" s="137"/>
      <c r="AR5165" s="137"/>
      <c r="AS5165" s="137"/>
      <c r="AT5165" s="137"/>
      <c r="AU5165" s="137"/>
      <c r="AV5165" s="137"/>
      <c r="AW5165" s="144"/>
    </row>
    <row r="5166" spans="7:49" x14ac:dyDescent="0.2">
      <c r="G5166" s="43"/>
      <c r="Z5166" s="143"/>
      <c r="AA5166" s="137"/>
      <c r="AB5166" s="137"/>
      <c r="AC5166" s="137"/>
      <c r="AD5166" s="137"/>
      <c r="AE5166" s="137"/>
      <c r="AF5166" s="137"/>
      <c r="AG5166" s="137"/>
      <c r="AH5166" s="137"/>
      <c r="AI5166" s="137"/>
      <c r="AJ5166" s="137"/>
      <c r="AK5166" s="137"/>
      <c r="AL5166" s="137"/>
      <c r="AM5166" s="137"/>
      <c r="AN5166" s="137"/>
      <c r="AO5166" s="137"/>
      <c r="AP5166" s="137"/>
      <c r="AQ5166" s="137"/>
      <c r="AR5166" s="137"/>
      <c r="AS5166" s="137"/>
      <c r="AT5166" s="137"/>
      <c r="AU5166" s="137"/>
      <c r="AV5166" s="137"/>
      <c r="AW5166" s="144"/>
    </row>
    <row r="5167" spans="7:49" x14ac:dyDescent="0.2">
      <c r="G5167" s="43"/>
      <c r="Z5167" s="143"/>
      <c r="AA5167" s="137"/>
      <c r="AB5167" s="137"/>
      <c r="AC5167" s="137"/>
      <c r="AD5167" s="137"/>
      <c r="AE5167" s="137"/>
      <c r="AF5167" s="137"/>
      <c r="AG5167" s="137"/>
      <c r="AH5167" s="137"/>
      <c r="AI5167" s="137"/>
      <c r="AJ5167" s="137"/>
      <c r="AK5167" s="137"/>
      <c r="AL5167" s="137"/>
      <c r="AM5167" s="137"/>
      <c r="AN5167" s="137"/>
      <c r="AO5167" s="137"/>
      <c r="AP5167" s="137"/>
      <c r="AQ5167" s="137"/>
      <c r="AR5167" s="137"/>
      <c r="AS5167" s="137"/>
      <c r="AT5167" s="137"/>
      <c r="AU5167" s="137"/>
      <c r="AV5167" s="137"/>
      <c r="AW5167" s="144"/>
    </row>
    <row r="5168" spans="7:49" x14ac:dyDescent="0.2">
      <c r="G5168" s="43"/>
      <c r="Z5168" s="143"/>
      <c r="AA5168" s="137"/>
      <c r="AB5168" s="137"/>
      <c r="AC5168" s="137"/>
      <c r="AD5168" s="137"/>
      <c r="AE5168" s="137"/>
      <c r="AF5168" s="137"/>
      <c r="AG5168" s="137"/>
      <c r="AH5168" s="137"/>
      <c r="AI5168" s="137"/>
      <c r="AJ5168" s="137"/>
      <c r="AK5168" s="137"/>
      <c r="AL5168" s="137"/>
      <c r="AM5168" s="137"/>
      <c r="AN5168" s="137"/>
      <c r="AO5168" s="137"/>
      <c r="AP5168" s="137"/>
      <c r="AQ5168" s="137"/>
      <c r="AR5168" s="137"/>
      <c r="AS5168" s="137"/>
      <c r="AT5168" s="137"/>
      <c r="AU5168" s="137"/>
      <c r="AV5168" s="137"/>
      <c r="AW5168" s="144"/>
    </row>
    <row r="5169" spans="7:49" x14ac:dyDescent="0.2">
      <c r="G5169" s="43"/>
      <c r="Z5169" s="143"/>
      <c r="AA5169" s="137"/>
      <c r="AB5169" s="137"/>
      <c r="AC5169" s="137"/>
      <c r="AD5169" s="137"/>
      <c r="AE5169" s="137"/>
      <c r="AF5169" s="137"/>
      <c r="AG5169" s="137"/>
      <c r="AH5169" s="137"/>
      <c r="AI5169" s="137"/>
      <c r="AJ5169" s="137"/>
      <c r="AK5169" s="137"/>
      <c r="AL5169" s="137"/>
      <c r="AM5169" s="137"/>
      <c r="AN5169" s="137"/>
      <c r="AO5169" s="137"/>
      <c r="AP5169" s="137"/>
      <c r="AQ5169" s="137"/>
      <c r="AR5169" s="137"/>
      <c r="AS5169" s="137"/>
      <c r="AT5169" s="137"/>
      <c r="AU5169" s="137"/>
      <c r="AV5169" s="137"/>
      <c r="AW5169" s="144"/>
    </row>
    <row r="5170" spans="7:49" x14ac:dyDescent="0.2">
      <c r="G5170" s="43"/>
      <c r="Z5170" s="143"/>
      <c r="AA5170" s="137"/>
      <c r="AB5170" s="137"/>
      <c r="AC5170" s="137"/>
      <c r="AD5170" s="137"/>
      <c r="AE5170" s="137"/>
      <c r="AF5170" s="137"/>
      <c r="AG5170" s="137"/>
      <c r="AH5170" s="137"/>
      <c r="AI5170" s="137"/>
      <c r="AJ5170" s="137"/>
      <c r="AK5170" s="137"/>
      <c r="AL5170" s="137"/>
      <c r="AM5170" s="137"/>
      <c r="AN5170" s="137"/>
      <c r="AO5170" s="137"/>
      <c r="AP5170" s="137"/>
      <c r="AQ5170" s="137"/>
      <c r="AR5170" s="137"/>
      <c r="AS5170" s="137"/>
      <c r="AT5170" s="137"/>
      <c r="AU5170" s="137"/>
      <c r="AV5170" s="137"/>
      <c r="AW5170" s="144"/>
    </row>
    <row r="5171" spans="7:49" x14ac:dyDescent="0.2">
      <c r="G5171" s="43"/>
      <c r="Z5171" s="143"/>
      <c r="AA5171" s="137"/>
      <c r="AB5171" s="137"/>
      <c r="AC5171" s="137"/>
      <c r="AD5171" s="137"/>
      <c r="AE5171" s="137"/>
      <c r="AF5171" s="137"/>
      <c r="AG5171" s="137"/>
      <c r="AH5171" s="137"/>
      <c r="AI5171" s="137"/>
      <c r="AJ5171" s="137"/>
      <c r="AK5171" s="137"/>
      <c r="AL5171" s="137"/>
      <c r="AM5171" s="137"/>
      <c r="AN5171" s="137"/>
      <c r="AO5171" s="137"/>
      <c r="AP5171" s="137"/>
      <c r="AQ5171" s="137"/>
      <c r="AR5171" s="137"/>
      <c r="AS5171" s="137"/>
      <c r="AT5171" s="137"/>
      <c r="AU5171" s="137"/>
      <c r="AV5171" s="137"/>
      <c r="AW5171" s="144"/>
    </row>
    <row r="5172" spans="7:49" x14ac:dyDescent="0.2">
      <c r="G5172" s="43"/>
      <c r="Z5172" s="143"/>
      <c r="AA5172" s="137"/>
      <c r="AB5172" s="137"/>
      <c r="AC5172" s="137"/>
      <c r="AD5172" s="137"/>
      <c r="AE5172" s="137"/>
      <c r="AF5172" s="137"/>
      <c r="AG5172" s="137"/>
      <c r="AH5172" s="137"/>
      <c r="AI5172" s="137"/>
      <c r="AJ5172" s="137"/>
      <c r="AK5172" s="137"/>
      <c r="AL5172" s="137"/>
      <c r="AM5172" s="137"/>
      <c r="AN5172" s="137"/>
      <c r="AO5172" s="137"/>
      <c r="AP5172" s="137"/>
      <c r="AQ5172" s="137"/>
      <c r="AR5172" s="137"/>
      <c r="AS5172" s="137"/>
      <c r="AT5172" s="137"/>
      <c r="AU5172" s="137"/>
      <c r="AV5172" s="137"/>
      <c r="AW5172" s="144"/>
    </row>
    <row r="5173" spans="7:49" x14ac:dyDescent="0.2">
      <c r="G5173" s="43"/>
      <c r="Z5173" s="143"/>
      <c r="AA5173" s="137"/>
      <c r="AB5173" s="137"/>
      <c r="AC5173" s="137"/>
      <c r="AD5173" s="137"/>
      <c r="AE5173" s="137"/>
      <c r="AF5173" s="137"/>
      <c r="AG5173" s="137"/>
      <c r="AH5173" s="137"/>
      <c r="AI5173" s="137"/>
      <c r="AJ5173" s="137"/>
      <c r="AK5173" s="137"/>
      <c r="AL5173" s="137"/>
      <c r="AM5173" s="137"/>
      <c r="AN5173" s="137"/>
      <c r="AO5173" s="137"/>
      <c r="AP5173" s="137"/>
      <c r="AQ5173" s="137"/>
      <c r="AR5173" s="137"/>
      <c r="AS5173" s="137"/>
      <c r="AT5173" s="137"/>
      <c r="AU5173" s="137"/>
      <c r="AV5173" s="137"/>
      <c r="AW5173" s="144"/>
    </row>
    <row r="5174" spans="7:49" x14ac:dyDescent="0.2">
      <c r="G5174" s="43"/>
      <c r="Z5174" s="143"/>
      <c r="AA5174" s="137"/>
      <c r="AB5174" s="137"/>
      <c r="AC5174" s="137"/>
      <c r="AD5174" s="137"/>
      <c r="AE5174" s="137"/>
      <c r="AF5174" s="137"/>
      <c r="AG5174" s="137"/>
      <c r="AH5174" s="137"/>
      <c r="AI5174" s="137"/>
      <c r="AJ5174" s="137"/>
      <c r="AK5174" s="137"/>
      <c r="AL5174" s="137"/>
      <c r="AM5174" s="137"/>
      <c r="AN5174" s="137"/>
      <c r="AO5174" s="137"/>
      <c r="AP5174" s="137"/>
      <c r="AQ5174" s="137"/>
      <c r="AR5174" s="137"/>
      <c r="AS5174" s="137"/>
      <c r="AT5174" s="137"/>
      <c r="AU5174" s="137"/>
      <c r="AV5174" s="137"/>
      <c r="AW5174" s="144"/>
    </row>
    <row r="5175" spans="7:49" x14ac:dyDescent="0.2">
      <c r="G5175" s="43"/>
      <c r="Z5175" s="143"/>
      <c r="AA5175" s="137"/>
      <c r="AB5175" s="137"/>
      <c r="AC5175" s="137"/>
      <c r="AD5175" s="137"/>
      <c r="AE5175" s="137"/>
      <c r="AF5175" s="137"/>
      <c r="AG5175" s="137"/>
      <c r="AH5175" s="137"/>
      <c r="AI5175" s="137"/>
      <c r="AJ5175" s="137"/>
      <c r="AK5175" s="137"/>
      <c r="AL5175" s="137"/>
      <c r="AM5175" s="137"/>
      <c r="AN5175" s="137"/>
      <c r="AO5175" s="137"/>
      <c r="AP5175" s="137"/>
      <c r="AQ5175" s="137"/>
      <c r="AR5175" s="137"/>
      <c r="AS5175" s="137"/>
      <c r="AT5175" s="137"/>
      <c r="AU5175" s="137"/>
      <c r="AV5175" s="137"/>
      <c r="AW5175" s="144"/>
    </row>
    <row r="5176" spans="7:49" x14ac:dyDescent="0.2">
      <c r="G5176" s="43"/>
      <c r="Z5176" s="143"/>
      <c r="AA5176" s="137"/>
      <c r="AB5176" s="137"/>
      <c r="AC5176" s="137"/>
      <c r="AD5176" s="137"/>
      <c r="AE5176" s="137"/>
      <c r="AF5176" s="137"/>
      <c r="AG5176" s="137"/>
      <c r="AH5176" s="137"/>
      <c r="AI5176" s="137"/>
      <c r="AJ5176" s="137"/>
      <c r="AK5176" s="137"/>
      <c r="AL5176" s="137"/>
      <c r="AM5176" s="137"/>
      <c r="AN5176" s="137"/>
      <c r="AO5176" s="137"/>
      <c r="AP5176" s="137"/>
      <c r="AQ5176" s="137"/>
      <c r="AR5176" s="137"/>
      <c r="AS5176" s="137"/>
      <c r="AT5176" s="137"/>
      <c r="AU5176" s="137"/>
      <c r="AV5176" s="137"/>
      <c r="AW5176" s="144"/>
    </row>
    <row r="5177" spans="7:49" x14ac:dyDescent="0.2">
      <c r="G5177" s="43"/>
      <c r="Z5177" s="143"/>
      <c r="AA5177" s="137"/>
      <c r="AB5177" s="137"/>
      <c r="AC5177" s="137"/>
      <c r="AD5177" s="137"/>
      <c r="AE5177" s="137"/>
      <c r="AF5177" s="137"/>
      <c r="AG5177" s="137"/>
      <c r="AH5177" s="137"/>
      <c r="AI5177" s="137"/>
      <c r="AJ5177" s="137"/>
      <c r="AK5177" s="137"/>
      <c r="AL5177" s="137"/>
      <c r="AM5177" s="137"/>
      <c r="AN5177" s="137"/>
      <c r="AO5177" s="137"/>
      <c r="AP5177" s="137"/>
      <c r="AQ5177" s="137"/>
      <c r="AR5177" s="137"/>
      <c r="AS5177" s="137"/>
      <c r="AT5177" s="137"/>
      <c r="AU5177" s="137"/>
      <c r="AV5177" s="137"/>
      <c r="AW5177" s="144"/>
    </row>
    <row r="5178" spans="7:49" x14ac:dyDescent="0.2">
      <c r="G5178" s="43"/>
      <c r="Z5178" s="143"/>
      <c r="AA5178" s="137"/>
      <c r="AB5178" s="137"/>
      <c r="AC5178" s="137"/>
      <c r="AD5178" s="137"/>
      <c r="AE5178" s="137"/>
      <c r="AF5178" s="137"/>
      <c r="AG5178" s="137"/>
      <c r="AH5178" s="137"/>
      <c r="AI5178" s="137"/>
      <c r="AJ5178" s="137"/>
      <c r="AK5178" s="137"/>
      <c r="AL5178" s="137"/>
      <c r="AM5178" s="137"/>
      <c r="AN5178" s="137"/>
      <c r="AO5178" s="137"/>
      <c r="AP5178" s="137"/>
      <c r="AQ5178" s="137"/>
      <c r="AR5178" s="137"/>
      <c r="AS5178" s="137"/>
      <c r="AT5178" s="137"/>
      <c r="AU5178" s="137"/>
      <c r="AV5178" s="137"/>
      <c r="AW5178" s="144"/>
    </row>
    <row r="5179" spans="7:49" x14ac:dyDescent="0.2">
      <c r="G5179" s="43"/>
      <c r="Z5179" s="143"/>
      <c r="AA5179" s="137"/>
      <c r="AB5179" s="137"/>
      <c r="AC5179" s="137"/>
      <c r="AD5179" s="137"/>
      <c r="AE5179" s="137"/>
      <c r="AF5179" s="137"/>
      <c r="AG5179" s="137"/>
      <c r="AH5179" s="137"/>
      <c r="AI5179" s="137"/>
      <c r="AJ5179" s="137"/>
      <c r="AK5179" s="137"/>
      <c r="AL5179" s="137"/>
      <c r="AM5179" s="137"/>
      <c r="AN5179" s="137"/>
      <c r="AO5179" s="137"/>
      <c r="AP5179" s="137"/>
      <c r="AQ5179" s="137"/>
      <c r="AR5179" s="137"/>
      <c r="AS5179" s="137"/>
      <c r="AT5179" s="137"/>
      <c r="AU5179" s="137"/>
      <c r="AV5179" s="137"/>
      <c r="AW5179" s="144"/>
    </row>
    <row r="5180" spans="7:49" x14ac:dyDescent="0.2">
      <c r="G5180" s="43"/>
      <c r="Z5180" s="143"/>
      <c r="AA5180" s="137"/>
      <c r="AB5180" s="137"/>
      <c r="AC5180" s="137"/>
      <c r="AD5180" s="137"/>
      <c r="AE5180" s="137"/>
      <c r="AF5180" s="137"/>
      <c r="AG5180" s="137"/>
      <c r="AH5180" s="137"/>
      <c r="AI5180" s="137"/>
      <c r="AJ5180" s="137"/>
      <c r="AK5180" s="137"/>
      <c r="AL5180" s="137"/>
      <c r="AM5180" s="137"/>
      <c r="AN5180" s="137"/>
      <c r="AO5180" s="137"/>
      <c r="AP5180" s="137"/>
      <c r="AQ5180" s="137"/>
      <c r="AR5180" s="137"/>
      <c r="AS5180" s="137"/>
      <c r="AT5180" s="137"/>
      <c r="AU5180" s="137"/>
      <c r="AV5180" s="137"/>
      <c r="AW5180" s="144"/>
    </row>
    <row r="5181" spans="7:49" x14ac:dyDescent="0.2">
      <c r="G5181" s="43"/>
      <c r="Z5181" s="143"/>
      <c r="AA5181" s="137"/>
      <c r="AB5181" s="137"/>
      <c r="AC5181" s="137"/>
      <c r="AD5181" s="137"/>
      <c r="AE5181" s="137"/>
      <c r="AF5181" s="137"/>
      <c r="AG5181" s="137"/>
      <c r="AH5181" s="137"/>
      <c r="AI5181" s="137"/>
      <c r="AJ5181" s="137"/>
      <c r="AK5181" s="137"/>
      <c r="AL5181" s="137"/>
      <c r="AM5181" s="137"/>
      <c r="AN5181" s="137"/>
      <c r="AO5181" s="137"/>
      <c r="AP5181" s="137"/>
      <c r="AQ5181" s="137"/>
      <c r="AR5181" s="137"/>
      <c r="AS5181" s="137"/>
      <c r="AT5181" s="137"/>
      <c r="AU5181" s="137"/>
      <c r="AV5181" s="137"/>
      <c r="AW5181" s="144"/>
    </row>
    <row r="5182" spans="7:49" x14ac:dyDescent="0.2">
      <c r="G5182" s="43"/>
      <c r="Z5182" s="143"/>
      <c r="AA5182" s="137"/>
      <c r="AB5182" s="137"/>
      <c r="AC5182" s="137"/>
      <c r="AD5182" s="137"/>
      <c r="AE5182" s="137"/>
      <c r="AF5182" s="137"/>
      <c r="AG5182" s="137"/>
      <c r="AH5182" s="137"/>
      <c r="AI5182" s="137"/>
      <c r="AJ5182" s="137"/>
      <c r="AK5182" s="137"/>
      <c r="AL5182" s="137"/>
      <c r="AM5182" s="137"/>
      <c r="AN5182" s="137"/>
      <c r="AO5182" s="137"/>
      <c r="AP5182" s="137"/>
      <c r="AQ5182" s="137"/>
      <c r="AR5182" s="137"/>
      <c r="AS5182" s="137"/>
      <c r="AT5182" s="137"/>
      <c r="AU5182" s="137"/>
      <c r="AV5182" s="137"/>
      <c r="AW5182" s="144"/>
    </row>
    <row r="5183" spans="7:49" x14ac:dyDescent="0.2">
      <c r="G5183" s="43"/>
      <c r="Z5183" s="143"/>
      <c r="AA5183" s="137"/>
      <c r="AB5183" s="137"/>
      <c r="AC5183" s="137"/>
      <c r="AD5183" s="137"/>
      <c r="AE5183" s="137"/>
      <c r="AF5183" s="137"/>
      <c r="AG5183" s="137"/>
      <c r="AH5183" s="137"/>
      <c r="AI5183" s="137"/>
      <c r="AJ5183" s="137"/>
      <c r="AK5183" s="137"/>
      <c r="AL5183" s="137"/>
      <c r="AM5183" s="137"/>
      <c r="AN5183" s="137"/>
      <c r="AO5183" s="137"/>
      <c r="AP5183" s="137"/>
      <c r="AQ5183" s="137"/>
      <c r="AR5183" s="137"/>
      <c r="AS5183" s="137"/>
      <c r="AT5183" s="137"/>
      <c r="AU5183" s="137"/>
      <c r="AV5183" s="137"/>
      <c r="AW5183" s="144"/>
    </row>
    <row r="5184" spans="7:49" x14ac:dyDescent="0.2">
      <c r="G5184" s="43"/>
      <c r="Z5184" s="143"/>
      <c r="AA5184" s="137"/>
      <c r="AB5184" s="137"/>
      <c r="AC5184" s="137"/>
      <c r="AD5184" s="137"/>
      <c r="AE5184" s="137"/>
      <c r="AF5184" s="137"/>
      <c r="AG5184" s="137"/>
      <c r="AH5184" s="137"/>
      <c r="AI5184" s="137"/>
      <c r="AJ5184" s="137"/>
      <c r="AK5184" s="137"/>
      <c r="AL5184" s="137"/>
      <c r="AM5184" s="137"/>
      <c r="AN5184" s="137"/>
      <c r="AO5184" s="137"/>
      <c r="AP5184" s="137"/>
      <c r="AQ5184" s="137"/>
      <c r="AR5184" s="137"/>
      <c r="AS5184" s="137"/>
      <c r="AT5184" s="137"/>
      <c r="AU5184" s="137"/>
      <c r="AV5184" s="137"/>
      <c r="AW5184" s="144"/>
    </row>
    <row r="5185" spans="7:49" x14ac:dyDescent="0.2">
      <c r="G5185" s="43"/>
      <c r="Z5185" s="143"/>
      <c r="AA5185" s="137"/>
      <c r="AB5185" s="137"/>
      <c r="AC5185" s="137"/>
      <c r="AD5185" s="137"/>
      <c r="AE5185" s="137"/>
      <c r="AF5185" s="137"/>
      <c r="AG5185" s="137"/>
      <c r="AH5185" s="137"/>
      <c r="AI5185" s="137"/>
      <c r="AJ5185" s="137"/>
      <c r="AK5185" s="137"/>
      <c r="AL5185" s="137"/>
      <c r="AM5185" s="137"/>
      <c r="AN5185" s="137"/>
      <c r="AO5185" s="137"/>
      <c r="AP5185" s="137"/>
      <c r="AQ5185" s="137"/>
      <c r="AR5185" s="137"/>
      <c r="AS5185" s="137"/>
      <c r="AT5185" s="137"/>
      <c r="AU5185" s="137"/>
      <c r="AV5185" s="137"/>
      <c r="AW5185" s="144"/>
    </row>
    <row r="5186" spans="7:49" x14ac:dyDescent="0.2">
      <c r="G5186" s="43"/>
      <c r="Z5186" s="143"/>
      <c r="AA5186" s="137"/>
      <c r="AB5186" s="137"/>
      <c r="AC5186" s="137"/>
      <c r="AD5186" s="137"/>
      <c r="AE5186" s="137"/>
      <c r="AF5186" s="137"/>
      <c r="AG5186" s="137"/>
      <c r="AH5186" s="137"/>
      <c r="AI5186" s="137"/>
      <c r="AJ5186" s="137"/>
      <c r="AK5186" s="137"/>
      <c r="AL5186" s="137"/>
      <c r="AM5186" s="137"/>
      <c r="AN5186" s="137"/>
      <c r="AO5186" s="137"/>
      <c r="AP5186" s="137"/>
      <c r="AQ5186" s="137"/>
      <c r="AR5186" s="137"/>
      <c r="AS5186" s="137"/>
      <c r="AT5186" s="137"/>
      <c r="AU5186" s="137"/>
      <c r="AV5186" s="137"/>
      <c r="AW5186" s="144"/>
    </row>
    <row r="5187" spans="7:49" x14ac:dyDescent="0.2">
      <c r="G5187" s="43"/>
      <c r="Z5187" s="143"/>
      <c r="AA5187" s="137"/>
      <c r="AB5187" s="137"/>
      <c r="AC5187" s="137"/>
      <c r="AD5187" s="137"/>
      <c r="AE5187" s="137"/>
      <c r="AF5187" s="137"/>
      <c r="AG5187" s="137"/>
      <c r="AH5187" s="137"/>
      <c r="AI5187" s="137"/>
      <c r="AJ5187" s="137"/>
      <c r="AK5187" s="137"/>
      <c r="AL5187" s="137"/>
      <c r="AM5187" s="137"/>
      <c r="AN5187" s="137"/>
      <c r="AO5187" s="137"/>
      <c r="AP5187" s="137"/>
      <c r="AQ5187" s="137"/>
      <c r="AR5187" s="137"/>
      <c r="AS5187" s="137"/>
      <c r="AT5187" s="137"/>
      <c r="AU5187" s="137"/>
      <c r="AV5187" s="137"/>
      <c r="AW5187" s="144"/>
    </row>
    <row r="5188" spans="7:49" x14ac:dyDescent="0.2">
      <c r="G5188" s="43"/>
      <c r="Z5188" s="143"/>
      <c r="AA5188" s="137"/>
      <c r="AB5188" s="137"/>
      <c r="AC5188" s="137"/>
      <c r="AD5188" s="137"/>
      <c r="AE5188" s="137"/>
      <c r="AF5188" s="137"/>
      <c r="AG5188" s="137"/>
      <c r="AH5188" s="137"/>
      <c r="AI5188" s="137"/>
      <c r="AJ5188" s="137"/>
      <c r="AK5188" s="137"/>
      <c r="AL5188" s="137"/>
      <c r="AM5188" s="137"/>
      <c r="AN5188" s="137"/>
      <c r="AO5188" s="137"/>
      <c r="AP5188" s="137"/>
      <c r="AQ5188" s="137"/>
      <c r="AR5188" s="137"/>
      <c r="AS5188" s="137"/>
      <c r="AT5188" s="137"/>
      <c r="AU5188" s="137"/>
      <c r="AV5188" s="137"/>
      <c r="AW5188" s="144"/>
    </row>
    <row r="5189" spans="7:49" x14ac:dyDescent="0.2">
      <c r="G5189" s="43"/>
      <c r="Z5189" s="143"/>
      <c r="AA5189" s="137"/>
      <c r="AB5189" s="137"/>
      <c r="AC5189" s="137"/>
      <c r="AD5189" s="137"/>
      <c r="AE5189" s="137"/>
      <c r="AF5189" s="137"/>
      <c r="AG5189" s="137"/>
      <c r="AH5189" s="137"/>
      <c r="AI5189" s="137"/>
      <c r="AJ5189" s="137"/>
      <c r="AK5189" s="137"/>
      <c r="AL5189" s="137"/>
      <c r="AM5189" s="137"/>
      <c r="AN5189" s="137"/>
      <c r="AO5189" s="137"/>
      <c r="AP5189" s="137"/>
      <c r="AQ5189" s="137"/>
      <c r="AR5189" s="137"/>
      <c r="AS5189" s="137"/>
      <c r="AT5189" s="137"/>
      <c r="AU5189" s="137"/>
      <c r="AV5189" s="137"/>
      <c r="AW5189" s="144"/>
    </row>
    <row r="5190" spans="7:49" x14ac:dyDescent="0.2">
      <c r="G5190" s="43"/>
      <c r="Z5190" s="143"/>
      <c r="AA5190" s="137"/>
      <c r="AB5190" s="137"/>
      <c r="AC5190" s="137"/>
      <c r="AD5190" s="137"/>
      <c r="AE5190" s="137"/>
      <c r="AF5190" s="137"/>
      <c r="AG5190" s="137"/>
      <c r="AH5190" s="137"/>
      <c r="AI5190" s="137"/>
      <c r="AJ5190" s="137"/>
      <c r="AK5190" s="137"/>
      <c r="AL5190" s="137"/>
      <c r="AM5190" s="137"/>
      <c r="AN5190" s="137"/>
      <c r="AO5190" s="137"/>
      <c r="AP5190" s="137"/>
      <c r="AQ5190" s="137"/>
      <c r="AR5190" s="137"/>
      <c r="AS5190" s="137"/>
      <c r="AT5190" s="137"/>
      <c r="AU5190" s="137"/>
      <c r="AV5190" s="137"/>
      <c r="AW5190" s="144"/>
    </row>
    <row r="5191" spans="7:49" x14ac:dyDescent="0.2">
      <c r="G5191" s="43"/>
      <c r="Z5191" s="143"/>
      <c r="AA5191" s="137"/>
      <c r="AB5191" s="137"/>
      <c r="AC5191" s="137"/>
      <c r="AD5191" s="137"/>
      <c r="AE5191" s="137"/>
      <c r="AF5191" s="137"/>
      <c r="AG5191" s="137"/>
      <c r="AH5191" s="137"/>
      <c r="AI5191" s="137"/>
      <c r="AJ5191" s="137"/>
      <c r="AK5191" s="137"/>
      <c r="AL5191" s="137"/>
      <c r="AM5191" s="137"/>
      <c r="AN5191" s="137"/>
      <c r="AO5191" s="137"/>
      <c r="AP5191" s="137"/>
      <c r="AQ5191" s="137"/>
      <c r="AR5191" s="137"/>
      <c r="AS5191" s="137"/>
      <c r="AT5191" s="137"/>
      <c r="AU5191" s="137"/>
      <c r="AV5191" s="137"/>
      <c r="AW5191" s="144"/>
    </row>
    <row r="5192" spans="7:49" x14ac:dyDescent="0.2">
      <c r="G5192" s="43"/>
      <c r="Z5192" s="143"/>
      <c r="AA5192" s="137"/>
      <c r="AB5192" s="137"/>
      <c r="AC5192" s="137"/>
      <c r="AD5192" s="137"/>
      <c r="AE5192" s="137"/>
      <c r="AF5192" s="137"/>
      <c r="AG5192" s="137"/>
      <c r="AH5192" s="137"/>
      <c r="AI5192" s="137"/>
      <c r="AJ5192" s="137"/>
      <c r="AK5192" s="137"/>
      <c r="AL5192" s="137"/>
      <c r="AM5192" s="137"/>
      <c r="AN5192" s="137"/>
      <c r="AO5192" s="137"/>
      <c r="AP5192" s="137"/>
      <c r="AQ5192" s="137"/>
      <c r="AR5192" s="137"/>
      <c r="AS5192" s="137"/>
      <c r="AT5192" s="137"/>
      <c r="AU5192" s="137"/>
      <c r="AV5192" s="137"/>
      <c r="AW5192" s="144"/>
    </row>
    <row r="5193" spans="7:49" x14ac:dyDescent="0.2">
      <c r="G5193" s="43"/>
      <c r="Z5193" s="143"/>
      <c r="AA5193" s="137"/>
      <c r="AB5193" s="137"/>
      <c r="AC5193" s="137"/>
      <c r="AD5193" s="137"/>
      <c r="AE5193" s="137"/>
      <c r="AF5193" s="137"/>
      <c r="AG5193" s="137"/>
      <c r="AH5193" s="137"/>
      <c r="AI5193" s="137"/>
      <c r="AJ5193" s="137"/>
      <c r="AK5193" s="137"/>
      <c r="AL5193" s="137"/>
      <c r="AM5193" s="137"/>
      <c r="AN5193" s="137"/>
      <c r="AO5193" s="137"/>
      <c r="AP5193" s="137"/>
      <c r="AQ5193" s="137"/>
      <c r="AR5193" s="137"/>
      <c r="AS5193" s="137"/>
      <c r="AT5193" s="137"/>
      <c r="AU5193" s="137"/>
      <c r="AV5193" s="137"/>
      <c r="AW5193" s="144"/>
    </row>
    <row r="5194" spans="7:49" x14ac:dyDescent="0.2">
      <c r="G5194" s="43"/>
      <c r="Z5194" s="143"/>
      <c r="AA5194" s="137"/>
      <c r="AB5194" s="137"/>
      <c r="AC5194" s="137"/>
      <c r="AD5194" s="137"/>
      <c r="AE5194" s="137"/>
      <c r="AF5194" s="137"/>
      <c r="AG5194" s="137"/>
      <c r="AH5194" s="137"/>
      <c r="AI5194" s="137"/>
      <c r="AJ5194" s="137"/>
      <c r="AK5194" s="137"/>
      <c r="AL5194" s="137"/>
      <c r="AM5194" s="137"/>
      <c r="AN5194" s="137"/>
      <c r="AO5194" s="137"/>
      <c r="AP5194" s="137"/>
      <c r="AQ5194" s="137"/>
      <c r="AR5194" s="137"/>
      <c r="AS5194" s="137"/>
      <c r="AT5194" s="137"/>
      <c r="AU5194" s="137"/>
      <c r="AV5194" s="137"/>
      <c r="AW5194" s="144"/>
    </row>
    <row r="5195" spans="7:49" x14ac:dyDescent="0.2">
      <c r="G5195" s="43"/>
      <c r="Z5195" s="143"/>
      <c r="AA5195" s="137"/>
      <c r="AB5195" s="137"/>
      <c r="AC5195" s="137"/>
      <c r="AD5195" s="137"/>
      <c r="AE5195" s="137"/>
      <c r="AF5195" s="137"/>
      <c r="AG5195" s="137"/>
      <c r="AH5195" s="137"/>
      <c r="AI5195" s="137"/>
      <c r="AJ5195" s="137"/>
      <c r="AK5195" s="137"/>
      <c r="AL5195" s="137"/>
      <c r="AM5195" s="137"/>
      <c r="AN5195" s="137"/>
      <c r="AO5195" s="137"/>
      <c r="AP5195" s="137"/>
      <c r="AQ5195" s="137"/>
      <c r="AR5195" s="137"/>
      <c r="AS5195" s="137"/>
      <c r="AT5195" s="137"/>
      <c r="AU5195" s="137"/>
      <c r="AV5195" s="137"/>
      <c r="AW5195" s="144"/>
    </row>
    <row r="5196" spans="7:49" x14ac:dyDescent="0.2">
      <c r="G5196" s="43"/>
      <c r="Z5196" s="143"/>
      <c r="AA5196" s="137"/>
      <c r="AB5196" s="137"/>
      <c r="AC5196" s="137"/>
      <c r="AD5196" s="137"/>
      <c r="AE5196" s="137"/>
      <c r="AF5196" s="137"/>
      <c r="AG5196" s="137"/>
      <c r="AH5196" s="137"/>
      <c r="AI5196" s="137"/>
      <c r="AJ5196" s="137"/>
      <c r="AK5196" s="137"/>
      <c r="AL5196" s="137"/>
      <c r="AM5196" s="137"/>
      <c r="AN5196" s="137"/>
      <c r="AO5196" s="137"/>
      <c r="AP5196" s="137"/>
      <c r="AQ5196" s="137"/>
      <c r="AR5196" s="137"/>
      <c r="AS5196" s="137"/>
      <c r="AT5196" s="137"/>
      <c r="AU5196" s="137"/>
      <c r="AV5196" s="137"/>
      <c r="AW5196" s="144"/>
    </row>
    <row r="5197" spans="7:49" x14ac:dyDescent="0.2">
      <c r="G5197" s="43"/>
      <c r="Z5197" s="143"/>
      <c r="AA5197" s="137"/>
      <c r="AB5197" s="137"/>
      <c r="AC5197" s="137"/>
      <c r="AD5197" s="137"/>
      <c r="AE5197" s="137"/>
      <c r="AF5197" s="137"/>
      <c r="AG5197" s="137"/>
      <c r="AH5197" s="137"/>
      <c r="AI5197" s="137"/>
      <c r="AJ5197" s="137"/>
      <c r="AK5197" s="137"/>
      <c r="AL5197" s="137"/>
      <c r="AM5197" s="137"/>
      <c r="AN5197" s="137"/>
      <c r="AO5197" s="137"/>
      <c r="AP5197" s="137"/>
      <c r="AQ5197" s="137"/>
      <c r="AR5197" s="137"/>
      <c r="AS5197" s="137"/>
      <c r="AT5197" s="137"/>
      <c r="AU5197" s="137"/>
      <c r="AV5197" s="137"/>
      <c r="AW5197" s="144"/>
    </row>
    <row r="5198" spans="7:49" x14ac:dyDescent="0.2">
      <c r="G5198" s="43"/>
      <c r="Z5198" s="143"/>
      <c r="AA5198" s="137"/>
      <c r="AB5198" s="137"/>
      <c r="AC5198" s="137"/>
      <c r="AD5198" s="137"/>
      <c r="AE5198" s="137"/>
      <c r="AF5198" s="137"/>
      <c r="AG5198" s="137"/>
      <c r="AH5198" s="137"/>
      <c r="AI5198" s="137"/>
      <c r="AJ5198" s="137"/>
      <c r="AK5198" s="137"/>
      <c r="AL5198" s="137"/>
      <c r="AM5198" s="137"/>
      <c r="AN5198" s="137"/>
      <c r="AO5198" s="137"/>
      <c r="AP5198" s="137"/>
      <c r="AQ5198" s="137"/>
      <c r="AR5198" s="137"/>
      <c r="AS5198" s="137"/>
      <c r="AT5198" s="137"/>
      <c r="AU5198" s="137"/>
      <c r="AV5198" s="137"/>
      <c r="AW5198" s="144"/>
    </row>
    <row r="5199" spans="7:49" x14ac:dyDescent="0.2">
      <c r="G5199" s="43"/>
      <c r="Z5199" s="143"/>
      <c r="AA5199" s="137"/>
      <c r="AB5199" s="137"/>
      <c r="AC5199" s="137"/>
      <c r="AD5199" s="137"/>
      <c r="AE5199" s="137"/>
      <c r="AF5199" s="137"/>
      <c r="AG5199" s="137"/>
      <c r="AH5199" s="137"/>
      <c r="AI5199" s="137"/>
      <c r="AJ5199" s="137"/>
      <c r="AK5199" s="137"/>
      <c r="AL5199" s="137"/>
      <c r="AM5199" s="137"/>
      <c r="AN5199" s="137"/>
      <c r="AO5199" s="137"/>
      <c r="AP5199" s="137"/>
      <c r="AQ5199" s="137"/>
      <c r="AR5199" s="137"/>
      <c r="AS5199" s="137"/>
      <c r="AT5199" s="137"/>
      <c r="AU5199" s="137"/>
      <c r="AV5199" s="137"/>
      <c r="AW5199" s="144"/>
    </row>
    <row r="5200" spans="7:49" x14ac:dyDescent="0.2">
      <c r="G5200" s="43"/>
      <c r="Z5200" s="143"/>
      <c r="AA5200" s="137"/>
      <c r="AB5200" s="137"/>
      <c r="AC5200" s="137"/>
      <c r="AD5200" s="137"/>
      <c r="AE5200" s="137"/>
      <c r="AF5200" s="137"/>
      <c r="AG5200" s="137"/>
      <c r="AH5200" s="137"/>
      <c r="AI5200" s="137"/>
      <c r="AJ5200" s="137"/>
      <c r="AK5200" s="137"/>
      <c r="AL5200" s="137"/>
      <c r="AM5200" s="137"/>
      <c r="AN5200" s="137"/>
      <c r="AO5200" s="137"/>
      <c r="AP5200" s="137"/>
      <c r="AQ5200" s="137"/>
      <c r="AR5200" s="137"/>
      <c r="AS5200" s="137"/>
      <c r="AT5200" s="137"/>
      <c r="AU5200" s="137"/>
      <c r="AV5200" s="137"/>
      <c r="AW5200" s="144"/>
    </row>
    <row r="5201" spans="7:49" x14ac:dyDescent="0.2">
      <c r="G5201" s="43"/>
      <c r="Z5201" s="143"/>
      <c r="AA5201" s="137"/>
      <c r="AB5201" s="137"/>
      <c r="AC5201" s="137"/>
      <c r="AD5201" s="137"/>
      <c r="AE5201" s="137"/>
      <c r="AF5201" s="137"/>
      <c r="AG5201" s="137"/>
      <c r="AH5201" s="137"/>
      <c r="AI5201" s="137"/>
      <c r="AJ5201" s="137"/>
      <c r="AK5201" s="137"/>
      <c r="AL5201" s="137"/>
      <c r="AM5201" s="137"/>
      <c r="AN5201" s="137"/>
      <c r="AO5201" s="137"/>
      <c r="AP5201" s="137"/>
      <c r="AQ5201" s="137"/>
      <c r="AR5201" s="137"/>
      <c r="AS5201" s="137"/>
      <c r="AT5201" s="137"/>
      <c r="AU5201" s="137"/>
      <c r="AV5201" s="137"/>
      <c r="AW5201" s="144"/>
    </row>
    <row r="5202" spans="7:49" x14ac:dyDescent="0.2">
      <c r="G5202" s="43"/>
      <c r="Z5202" s="143"/>
      <c r="AA5202" s="137"/>
      <c r="AB5202" s="137"/>
      <c r="AC5202" s="137"/>
      <c r="AD5202" s="137"/>
      <c r="AE5202" s="137"/>
      <c r="AF5202" s="137"/>
      <c r="AG5202" s="137"/>
      <c r="AH5202" s="137"/>
      <c r="AI5202" s="137"/>
      <c r="AJ5202" s="137"/>
      <c r="AK5202" s="137"/>
      <c r="AL5202" s="137"/>
      <c r="AM5202" s="137"/>
      <c r="AN5202" s="137"/>
      <c r="AO5202" s="137"/>
      <c r="AP5202" s="137"/>
      <c r="AQ5202" s="137"/>
      <c r="AR5202" s="137"/>
      <c r="AS5202" s="137"/>
      <c r="AT5202" s="137"/>
      <c r="AU5202" s="137"/>
      <c r="AV5202" s="137"/>
      <c r="AW5202" s="144"/>
    </row>
    <row r="5203" spans="7:49" x14ac:dyDescent="0.2">
      <c r="G5203" s="43"/>
      <c r="Z5203" s="143"/>
      <c r="AA5203" s="137"/>
      <c r="AB5203" s="137"/>
      <c r="AC5203" s="137"/>
      <c r="AD5203" s="137"/>
      <c r="AE5203" s="137"/>
      <c r="AF5203" s="137"/>
      <c r="AG5203" s="137"/>
      <c r="AH5203" s="137"/>
      <c r="AI5203" s="137"/>
      <c r="AJ5203" s="137"/>
      <c r="AK5203" s="137"/>
      <c r="AL5203" s="137"/>
      <c r="AM5203" s="137"/>
      <c r="AN5203" s="137"/>
      <c r="AO5203" s="137"/>
      <c r="AP5203" s="137"/>
      <c r="AQ5203" s="137"/>
      <c r="AR5203" s="137"/>
      <c r="AS5203" s="137"/>
      <c r="AT5203" s="137"/>
      <c r="AU5203" s="137"/>
      <c r="AV5203" s="137"/>
      <c r="AW5203" s="144"/>
    </row>
    <row r="5204" spans="7:49" x14ac:dyDescent="0.2">
      <c r="G5204" s="43"/>
      <c r="Z5204" s="143"/>
      <c r="AA5204" s="137"/>
      <c r="AB5204" s="137"/>
      <c r="AC5204" s="137"/>
      <c r="AD5204" s="137"/>
      <c r="AE5204" s="137"/>
      <c r="AF5204" s="137"/>
      <c r="AG5204" s="137"/>
      <c r="AH5204" s="137"/>
      <c r="AI5204" s="137"/>
      <c r="AJ5204" s="137"/>
      <c r="AK5204" s="137"/>
      <c r="AL5204" s="137"/>
      <c r="AM5204" s="137"/>
      <c r="AN5204" s="137"/>
      <c r="AO5204" s="137"/>
      <c r="AP5204" s="137"/>
      <c r="AQ5204" s="137"/>
      <c r="AR5204" s="137"/>
      <c r="AS5204" s="137"/>
      <c r="AT5204" s="137"/>
      <c r="AU5204" s="137"/>
      <c r="AV5204" s="137"/>
      <c r="AW5204" s="144"/>
    </row>
    <row r="5205" spans="7:49" x14ac:dyDescent="0.2">
      <c r="G5205" s="43"/>
      <c r="Z5205" s="143"/>
      <c r="AA5205" s="137"/>
      <c r="AB5205" s="137"/>
      <c r="AC5205" s="137"/>
      <c r="AD5205" s="137"/>
      <c r="AE5205" s="137"/>
      <c r="AF5205" s="137"/>
      <c r="AG5205" s="137"/>
      <c r="AH5205" s="137"/>
      <c r="AI5205" s="137"/>
      <c r="AJ5205" s="137"/>
      <c r="AK5205" s="137"/>
      <c r="AL5205" s="137"/>
      <c r="AM5205" s="137"/>
      <c r="AN5205" s="137"/>
      <c r="AO5205" s="137"/>
      <c r="AP5205" s="137"/>
      <c r="AQ5205" s="137"/>
      <c r="AR5205" s="137"/>
      <c r="AS5205" s="137"/>
      <c r="AT5205" s="137"/>
      <c r="AU5205" s="137"/>
      <c r="AV5205" s="137"/>
      <c r="AW5205" s="144"/>
    </row>
    <row r="5206" spans="7:49" x14ac:dyDescent="0.2">
      <c r="G5206" s="43"/>
      <c r="Z5206" s="143"/>
      <c r="AA5206" s="137"/>
      <c r="AB5206" s="137"/>
      <c r="AC5206" s="137"/>
      <c r="AD5206" s="137"/>
      <c r="AE5206" s="137"/>
      <c r="AF5206" s="137"/>
      <c r="AG5206" s="137"/>
      <c r="AH5206" s="137"/>
      <c r="AI5206" s="137"/>
      <c r="AJ5206" s="137"/>
      <c r="AK5206" s="137"/>
      <c r="AL5206" s="137"/>
      <c r="AM5206" s="137"/>
      <c r="AN5206" s="137"/>
      <c r="AO5206" s="137"/>
      <c r="AP5206" s="137"/>
      <c r="AQ5206" s="137"/>
      <c r="AR5206" s="137"/>
      <c r="AS5206" s="137"/>
      <c r="AT5206" s="137"/>
      <c r="AU5206" s="137"/>
      <c r="AV5206" s="137"/>
      <c r="AW5206" s="144"/>
    </row>
    <row r="5207" spans="7:49" x14ac:dyDescent="0.2">
      <c r="G5207" s="43"/>
      <c r="Z5207" s="143"/>
      <c r="AA5207" s="137"/>
      <c r="AB5207" s="137"/>
      <c r="AC5207" s="137"/>
      <c r="AD5207" s="137"/>
      <c r="AE5207" s="137"/>
      <c r="AF5207" s="137"/>
      <c r="AG5207" s="137"/>
      <c r="AH5207" s="137"/>
      <c r="AI5207" s="137"/>
      <c r="AJ5207" s="137"/>
      <c r="AK5207" s="137"/>
      <c r="AL5207" s="137"/>
      <c r="AM5207" s="137"/>
      <c r="AN5207" s="137"/>
      <c r="AO5207" s="137"/>
      <c r="AP5207" s="137"/>
      <c r="AQ5207" s="137"/>
      <c r="AR5207" s="137"/>
      <c r="AS5207" s="137"/>
      <c r="AT5207" s="137"/>
      <c r="AU5207" s="137"/>
      <c r="AV5207" s="137"/>
      <c r="AW5207" s="144"/>
    </row>
    <row r="5208" spans="7:49" x14ac:dyDescent="0.2">
      <c r="G5208" s="43"/>
      <c r="Z5208" s="143"/>
      <c r="AA5208" s="137"/>
      <c r="AB5208" s="137"/>
      <c r="AC5208" s="137"/>
      <c r="AD5208" s="137"/>
      <c r="AE5208" s="137"/>
      <c r="AF5208" s="137"/>
      <c r="AG5208" s="137"/>
      <c r="AH5208" s="137"/>
      <c r="AI5208" s="137"/>
      <c r="AJ5208" s="137"/>
      <c r="AK5208" s="137"/>
      <c r="AL5208" s="137"/>
      <c r="AM5208" s="137"/>
      <c r="AN5208" s="137"/>
      <c r="AO5208" s="137"/>
      <c r="AP5208" s="137"/>
      <c r="AQ5208" s="137"/>
      <c r="AR5208" s="137"/>
      <c r="AS5208" s="137"/>
      <c r="AT5208" s="137"/>
      <c r="AU5208" s="137"/>
      <c r="AV5208" s="137"/>
      <c r="AW5208" s="144"/>
    </row>
    <row r="5209" spans="7:49" x14ac:dyDescent="0.2">
      <c r="G5209" s="43"/>
      <c r="Z5209" s="143"/>
      <c r="AA5209" s="137"/>
      <c r="AB5209" s="137"/>
      <c r="AC5209" s="137"/>
      <c r="AD5209" s="137"/>
      <c r="AE5209" s="137"/>
      <c r="AF5209" s="137"/>
      <c r="AG5209" s="137"/>
      <c r="AH5209" s="137"/>
      <c r="AI5209" s="137"/>
      <c r="AJ5209" s="137"/>
      <c r="AK5209" s="137"/>
      <c r="AL5209" s="137"/>
      <c r="AM5209" s="137"/>
      <c r="AN5209" s="137"/>
      <c r="AO5209" s="137"/>
      <c r="AP5209" s="137"/>
      <c r="AQ5209" s="137"/>
      <c r="AR5209" s="137"/>
      <c r="AS5209" s="137"/>
      <c r="AT5209" s="137"/>
      <c r="AU5209" s="137"/>
      <c r="AV5209" s="137"/>
      <c r="AW5209" s="144"/>
    </row>
    <row r="5210" spans="7:49" x14ac:dyDescent="0.2">
      <c r="G5210" s="43"/>
      <c r="Z5210" s="143"/>
      <c r="AA5210" s="137"/>
      <c r="AB5210" s="137"/>
      <c r="AC5210" s="137"/>
      <c r="AD5210" s="137"/>
      <c r="AE5210" s="137"/>
      <c r="AF5210" s="137"/>
      <c r="AG5210" s="137"/>
      <c r="AH5210" s="137"/>
      <c r="AI5210" s="137"/>
      <c r="AJ5210" s="137"/>
      <c r="AK5210" s="137"/>
      <c r="AL5210" s="137"/>
      <c r="AM5210" s="137"/>
      <c r="AN5210" s="137"/>
      <c r="AO5210" s="137"/>
      <c r="AP5210" s="137"/>
      <c r="AQ5210" s="137"/>
      <c r="AR5210" s="137"/>
      <c r="AS5210" s="137"/>
      <c r="AT5210" s="137"/>
      <c r="AU5210" s="137"/>
      <c r="AV5210" s="137"/>
      <c r="AW5210" s="144"/>
    </row>
    <row r="5211" spans="7:49" x14ac:dyDescent="0.2">
      <c r="G5211" s="43"/>
      <c r="Z5211" s="143"/>
      <c r="AA5211" s="137"/>
      <c r="AB5211" s="137"/>
      <c r="AC5211" s="137"/>
      <c r="AD5211" s="137"/>
      <c r="AE5211" s="137"/>
      <c r="AF5211" s="137"/>
      <c r="AG5211" s="137"/>
      <c r="AH5211" s="137"/>
      <c r="AI5211" s="137"/>
      <c r="AJ5211" s="137"/>
      <c r="AK5211" s="137"/>
      <c r="AL5211" s="137"/>
      <c r="AM5211" s="137"/>
      <c r="AN5211" s="137"/>
      <c r="AO5211" s="137"/>
      <c r="AP5211" s="137"/>
      <c r="AQ5211" s="137"/>
      <c r="AR5211" s="137"/>
      <c r="AS5211" s="137"/>
      <c r="AT5211" s="137"/>
      <c r="AU5211" s="137"/>
      <c r="AV5211" s="137"/>
      <c r="AW5211" s="144"/>
    </row>
    <row r="5212" spans="7:49" x14ac:dyDescent="0.2">
      <c r="G5212" s="43"/>
      <c r="Z5212" s="143"/>
      <c r="AA5212" s="137"/>
      <c r="AB5212" s="137"/>
      <c r="AC5212" s="137"/>
      <c r="AD5212" s="137"/>
      <c r="AE5212" s="137"/>
      <c r="AF5212" s="137"/>
      <c r="AG5212" s="137"/>
      <c r="AH5212" s="137"/>
      <c r="AI5212" s="137"/>
      <c r="AJ5212" s="137"/>
      <c r="AK5212" s="137"/>
      <c r="AL5212" s="137"/>
      <c r="AM5212" s="137"/>
      <c r="AN5212" s="137"/>
      <c r="AO5212" s="137"/>
      <c r="AP5212" s="137"/>
      <c r="AQ5212" s="137"/>
      <c r="AR5212" s="137"/>
      <c r="AS5212" s="137"/>
      <c r="AT5212" s="137"/>
      <c r="AU5212" s="137"/>
      <c r="AV5212" s="137"/>
      <c r="AW5212" s="144"/>
    </row>
    <row r="5213" spans="7:49" x14ac:dyDescent="0.2">
      <c r="G5213" s="43"/>
      <c r="Z5213" s="143"/>
      <c r="AA5213" s="137"/>
      <c r="AB5213" s="137"/>
      <c r="AC5213" s="137"/>
      <c r="AD5213" s="137"/>
      <c r="AE5213" s="137"/>
      <c r="AF5213" s="137"/>
      <c r="AG5213" s="137"/>
      <c r="AH5213" s="137"/>
      <c r="AI5213" s="137"/>
      <c r="AJ5213" s="137"/>
      <c r="AK5213" s="137"/>
      <c r="AL5213" s="137"/>
      <c r="AM5213" s="137"/>
      <c r="AN5213" s="137"/>
      <c r="AO5213" s="137"/>
      <c r="AP5213" s="137"/>
      <c r="AQ5213" s="137"/>
      <c r="AR5213" s="137"/>
      <c r="AS5213" s="137"/>
      <c r="AT5213" s="137"/>
      <c r="AU5213" s="137"/>
      <c r="AV5213" s="137"/>
      <c r="AW5213" s="144"/>
    </row>
    <row r="5214" spans="7:49" x14ac:dyDescent="0.2">
      <c r="G5214" s="43"/>
      <c r="Z5214" s="143"/>
      <c r="AA5214" s="137"/>
      <c r="AB5214" s="137"/>
      <c r="AC5214" s="137"/>
      <c r="AD5214" s="137"/>
      <c r="AE5214" s="137"/>
      <c r="AF5214" s="137"/>
      <c r="AG5214" s="137"/>
      <c r="AH5214" s="137"/>
      <c r="AI5214" s="137"/>
      <c r="AJ5214" s="137"/>
      <c r="AK5214" s="137"/>
      <c r="AL5214" s="137"/>
      <c r="AM5214" s="137"/>
      <c r="AN5214" s="137"/>
      <c r="AO5214" s="137"/>
      <c r="AP5214" s="137"/>
      <c r="AQ5214" s="137"/>
      <c r="AR5214" s="137"/>
      <c r="AS5214" s="137"/>
      <c r="AT5214" s="137"/>
      <c r="AU5214" s="137"/>
      <c r="AV5214" s="137"/>
      <c r="AW5214" s="144"/>
    </row>
    <row r="5215" spans="7:49" x14ac:dyDescent="0.2">
      <c r="G5215" s="43"/>
      <c r="Z5215" s="143"/>
      <c r="AA5215" s="137"/>
      <c r="AB5215" s="137"/>
      <c r="AC5215" s="137"/>
      <c r="AD5215" s="137"/>
      <c r="AE5215" s="137"/>
      <c r="AF5215" s="137"/>
      <c r="AG5215" s="137"/>
      <c r="AH5215" s="137"/>
      <c r="AI5215" s="137"/>
      <c r="AJ5215" s="137"/>
      <c r="AK5215" s="137"/>
      <c r="AL5215" s="137"/>
      <c r="AM5215" s="137"/>
      <c r="AN5215" s="137"/>
      <c r="AO5215" s="137"/>
      <c r="AP5215" s="137"/>
      <c r="AQ5215" s="137"/>
      <c r="AR5215" s="137"/>
      <c r="AS5215" s="137"/>
      <c r="AT5215" s="137"/>
      <c r="AU5215" s="137"/>
      <c r="AV5215" s="137"/>
      <c r="AW5215" s="144"/>
    </row>
    <row r="5216" spans="7:49" x14ac:dyDescent="0.2">
      <c r="G5216" s="43"/>
      <c r="Z5216" s="143"/>
      <c r="AA5216" s="137"/>
      <c r="AB5216" s="137"/>
      <c r="AC5216" s="137"/>
      <c r="AD5216" s="137"/>
      <c r="AE5216" s="137"/>
      <c r="AF5216" s="137"/>
      <c r="AG5216" s="137"/>
      <c r="AH5216" s="137"/>
      <c r="AI5216" s="137"/>
      <c r="AJ5216" s="137"/>
      <c r="AK5216" s="137"/>
      <c r="AL5216" s="137"/>
      <c r="AM5216" s="137"/>
      <c r="AN5216" s="137"/>
      <c r="AO5216" s="137"/>
      <c r="AP5216" s="137"/>
      <c r="AQ5216" s="137"/>
      <c r="AR5216" s="137"/>
      <c r="AS5216" s="137"/>
      <c r="AT5216" s="137"/>
      <c r="AU5216" s="137"/>
      <c r="AV5216" s="137"/>
      <c r="AW5216" s="144"/>
    </row>
    <row r="5217" spans="7:49" x14ac:dyDescent="0.2">
      <c r="G5217" s="43"/>
      <c r="Z5217" s="143"/>
      <c r="AA5217" s="137"/>
      <c r="AB5217" s="137"/>
      <c r="AC5217" s="137"/>
      <c r="AD5217" s="137"/>
      <c r="AE5217" s="137"/>
      <c r="AF5217" s="137"/>
      <c r="AG5217" s="137"/>
      <c r="AH5217" s="137"/>
      <c r="AI5217" s="137"/>
      <c r="AJ5217" s="137"/>
      <c r="AK5217" s="137"/>
      <c r="AL5217" s="137"/>
      <c r="AM5217" s="137"/>
      <c r="AN5217" s="137"/>
      <c r="AO5217" s="137"/>
      <c r="AP5217" s="137"/>
      <c r="AQ5217" s="137"/>
      <c r="AR5217" s="137"/>
      <c r="AS5217" s="137"/>
      <c r="AT5217" s="137"/>
      <c r="AU5217" s="137"/>
      <c r="AV5217" s="137"/>
      <c r="AW5217" s="144"/>
    </row>
    <row r="5218" spans="7:49" x14ac:dyDescent="0.2">
      <c r="G5218" s="43"/>
      <c r="Z5218" s="143"/>
      <c r="AA5218" s="137"/>
      <c r="AB5218" s="137"/>
      <c r="AC5218" s="137"/>
      <c r="AD5218" s="137"/>
      <c r="AE5218" s="137"/>
      <c r="AF5218" s="137"/>
      <c r="AG5218" s="137"/>
      <c r="AH5218" s="137"/>
      <c r="AI5218" s="137"/>
      <c r="AJ5218" s="137"/>
      <c r="AK5218" s="137"/>
      <c r="AL5218" s="137"/>
      <c r="AM5218" s="137"/>
      <c r="AN5218" s="137"/>
      <c r="AO5218" s="137"/>
      <c r="AP5218" s="137"/>
      <c r="AQ5218" s="137"/>
      <c r="AR5218" s="137"/>
      <c r="AS5218" s="137"/>
      <c r="AT5218" s="137"/>
      <c r="AU5218" s="137"/>
      <c r="AV5218" s="137"/>
      <c r="AW5218" s="144"/>
    </row>
    <row r="5219" spans="7:49" x14ac:dyDescent="0.2">
      <c r="G5219" s="43"/>
      <c r="Z5219" s="143"/>
      <c r="AA5219" s="137"/>
      <c r="AB5219" s="137"/>
      <c r="AC5219" s="137"/>
      <c r="AD5219" s="137"/>
      <c r="AE5219" s="137"/>
      <c r="AF5219" s="137"/>
      <c r="AG5219" s="137"/>
      <c r="AH5219" s="137"/>
      <c r="AI5219" s="137"/>
      <c r="AJ5219" s="137"/>
      <c r="AK5219" s="137"/>
      <c r="AL5219" s="137"/>
      <c r="AM5219" s="137"/>
      <c r="AN5219" s="137"/>
      <c r="AO5219" s="137"/>
      <c r="AP5219" s="137"/>
      <c r="AQ5219" s="137"/>
      <c r="AR5219" s="137"/>
      <c r="AS5219" s="137"/>
      <c r="AT5219" s="137"/>
      <c r="AU5219" s="137"/>
      <c r="AV5219" s="137"/>
      <c r="AW5219" s="144"/>
    </row>
    <row r="5220" spans="7:49" x14ac:dyDescent="0.2">
      <c r="G5220" s="43"/>
      <c r="Z5220" s="143"/>
      <c r="AA5220" s="137"/>
      <c r="AB5220" s="137"/>
      <c r="AC5220" s="137"/>
      <c r="AD5220" s="137"/>
      <c r="AE5220" s="137"/>
      <c r="AF5220" s="137"/>
      <c r="AG5220" s="137"/>
      <c r="AH5220" s="137"/>
      <c r="AI5220" s="137"/>
      <c r="AJ5220" s="137"/>
      <c r="AK5220" s="137"/>
      <c r="AL5220" s="137"/>
      <c r="AM5220" s="137"/>
      <c r="AN5220" s="137"/>
      <c r="AO5220" s="137"/>
      <c r="AP5220" s="137"/>
      <c r="AQ5220" s="137"/>
      <c r="AR5220" s="137"/>
      <c r="AS5220" s="137"/>
      <c r="AT5220" s="137"/>
      <c r="AU5220" s="137"/>
      <c r="AV5220" s="137"/>
      <c r="AW5220" s="144"/>
    </row>
    <row r="5221" spans="7:49" x14ac:dyDescent="0.2">
      <c r="G5221" s="43"/>
      <c r="Z5221" s="143"/>
      <c r="AA5221" s="137"/>
      <c r="AB5221" s="137"/>
      <c r="AC5221" s="137"/>
      <c r="AD5221" s="137"/>
      <c r="AE5221" s="137"/>
      <c r="AF5221" s="137"/>
      <c r="AG5221" s="137"/>
      <c r="AH5221" s="137"/>
      <c r="AI5221" s="137"/>
      <c r="AJ5221" s="137"/>
      <c r="AK5221" s="137"/>
      <c r="AL5221" s="137"/>
      <c r="AM5221" s="137"/>
      <c r="AN5221" s="137"/>
      <c r="AO5221" s="137"/>
      <c r="AP5221" s="137"/>
      <c r="AQ5221" s="137"/>
      <c r="AR5221" s="137"/>
      <c r="AS5221" s="137"/>
      <c r="AT5221" s="137"/>
      <c r="AU5221" s="137"/>
      <c r="AV5221" s="137"/>
      <c r="AW5221" s="144"/>
    </row>
    <row r="5222" spans="7:49" x14ac:dyDescent="0.2">
      <c r="G5222" s="43"/>
      <c r="Z5222" s="143"/>
      <c r="AA5222" s="137"/>
      <c r="AB5222" s="137"/>
      <c r="AC5222" s="137"/>
      <c r="AD5222" s="137"/>
      <c r="AE5222" s="137"/>
      <c r="AF5222" s="137"/>
      <c r="AG5222" s="137"/>
      <c r="AH5222" s="137"/>
      <c r="AI5222" s="137"/>
      <c r="AJ5222" s="137"/>
      <c r="AK5222" s="137"/>
      <c r="AL5222" s="137"/>
      <c r="AM5222" s="137"/>
      <c r="AN5222" s="137"/>
      <c r="AO5222" s="137"/>
      <c r="AP5222" s="137"/>
      <c r="AQ5222" s="137"/>
      <c r="AR5222" s="137"/>
      <c r="AS5222" s="137"/>
      <c r="AT5222" s="137"/>
      <c r="AU5222" s="137"/>
      <c r="AV5222" s="137"/>
      <c r="AW5222" s="144"/>
    </row>
    <row r="5223" spans="7:49" x14ac:dyDescent="0.2">
      <c r="G5223" s="43"/>
      <c r="Z5223" s="143"/>
      <c r="AA5223" s="137"/>
      <c r="AB5223" s="137"/>
      <c r="AC5223" s="137"/>
      <c r="AD5223" s="137"/>
      <c r="AE5223" s="137"/>
      <c r="AF5223" s="137"/>
      <c r="AG5223" s="137"/>
      <c r="AH5223" s="137"/>
      <c r="AI5223" s="137"/>
      <c r="AJ5223" s="137"/>
      <c r="AK5223" s="137"/>
      <c r="AL5223" s="137"/>
      <c r="AM5223" s="137"/>
      <c r="AN5223" s="137"/>
      <c r="AO5223" s="137"/>
      <c r="AP5223" s="137"/>
      <c r="AQ5223" s="137"/>
      <c r="AR5223" s="137"/>
      <c r="AS5223" s="137"/>
      <c r="AT5223" s="137"/>
      <c r="AU5223" s="137"/>
      <c r="AV5223" s="137"/>
      <c r="AW5223" s="144"/>
    </row>
    <row r="5224" spans="7:49" x14ac:dyDescent="0.2">
      <c r="G5224" s="43"/>
      <c r="Z5224" s="143"/>
      <c r="AA5224" s="137"/>
      <c r="AB5224" s="137"/>
      <c r="AC5224" s="137"/>
      <c r="AD5224" s="137"/>
      <c r="AE5224" s="137"/>
      <c r="AF5224" s="137"/>
      <c r="AG5224" s="137"/>
      <c r="AH5224" s="137"/>
      <c r="AI5224" s="137"/>
      <c r="AJ5224" s="137"/>
      <c r="AK5224" s="137"/>
      <c r="AL5224" s="137"/>
      <c r="AM5224" s="137"/>
      <c r="AN5224" s="137"/>
      <c r="AO5224" s="137"/>
      <c r="AP5224" s="137"/>
      <c r="AQ5224" s="137"/>
      <c r="AR5224" s="137"/>
      <c r="AS5224" s="137"/>
      <c r="AT5224" s="137"/>
      <c r="AU5224" s="137"/>
      <c r="AV5224" s="137"/>
      <c r="AW5224" s="144"/>
    </row>
    <row r="5225" spans="7:49" x14ac:dyDescent="0.2">
      <c r="G5225" s="43"/>
      <c r="Z5225" s="143"/>
      <c r="AA5225" s="137"/>
      <c r="AB5225" s="137"/>
      <c r="AC5225" s="137"/>
      <c r="AD5225" s="137"/>
      <c r="AE5225" s="137"/>
      <c r="AF5225" s="137"/>
      <c r="AG5225" s="137"/>
      <c r="AH5225" s="137"/>
      <c r="AI5225" s="137"/>
      <c r="AJ5225" s="137"/>
      <c r="AK5225" s="137"/>
      <c r="AL5225" s="137"/>
      <c r="AM5225" s="137"/>
      <c r="AN5225" s="137"/>
      <c r="AO5225" s="137"/>
      <c r="AP5225" s="137"/>
      <c r="AQ5225" s="137"/>
      <c r="AR5225" s="137"/>
      <c r="AS5225" s="137"/>
      <c r="AT5225" s="137"/>
      <c r="AU5225" s="137"/>
      <c r="AV5225" s="137"/>
      <c r="AW5225" s="144"/>
    </row>
    <row r="5226" spans="7:49" x14ac:dyDescent="0.2">
      <c r="G5226" s="43"/>
      <c r="Z5226" s="143"/>
      <c r="AA5226" s="137"/>
      <c r="AB5226" s="137"/>
      <c r="AC5226" s="137"/>
      <c r="AD5226" s="137"/>
      <c r="AE5226" s="137"/>
      <c r="AF5226" s="137"/>
      <c r="AG5226" s="137"/>
      <c r="AH5226" s="137"/>
      <c r="AI5226" s="137"/>
      <c r="AJ5226" s="137"/>
      <c r="AK5226" s="137"/>
      <c r="AL5226" s="137"/>
      <c r="AM5226" s="137"/>
      <c r="AN5226" s="137"/>
      <c r="AO5226" s="137"/>
      <c r="AP5226" s="137"/>
      <c r="AQ5226" s="137"/>
      <c r="AR5226" s="137"/>
      <c r="AS5226" s="137"/>
      <c r="AT5226" s="137"/>
      <c r="AU5226" s="137"/>
      <c r="AV5226" s="137"/>
      <c r="AW5226" s="144"/>
    </row>
    <row r="5227" spans="7:49" x14ac:dyDescent="0.2">
      <c r="G5227" s="43"/>
      <c r="Z5227" s="143"/>
      <c r="AA5227" s="137"/>
      <c r="AB5227" s="137"/>
      <c r="AC5227" s="137"/>
      <c r="AD5227" s="137"/>
      <c r="AE5227" s="137"/>
      <c r="AF5227" s="137"/>
      <c r="AG5227" s="137"/>
      <c r="AH5227" s="137"/>
      <c r="AI5227" s="137"/>
      <c r="AJ5227" s="137"/>
      <c r="AK5227" s="137"/>
      <c r="AL5227" s="137"/>
      <c r="AM5227" s="137"/>
      <c r="AN5227" s="137"/>
      <c r="AO5227" s="137"/>
      <c r="AP5227" s="137"/>
      <c r="AQ5227" s="137"/>
      <c r="AR5227" s="137"/>
      <c r="AS5227" s="137"/>
      <c r="AT5227" s="137"/>
      <c r="AU5227" s="137"/>
      <c r="AV5227" s="137"/>
      <c r="AW5227" s="144"/>
    </row>
    <row r="5228" spans="7:49" x14ac:dyDescent="0.2">
      <c r="G5228" s="43"/>
      <c r="Z5228" s="143"/>
      <c r="AA5228" s="137"/>
      <c r="AB5228" s="137"/>
      <c r="AC5228" s="137"/>
      <c r="AD5228" s="137"/>
      <c r="AE5228" s="137"/>
      <c r="AF5228" s="137"/>
      <c r="AG5228" s="137"/>
      <c r="AH5228" s="137"/>
      <c r="AI5228" s="137"/>
      <c r="AJ5228" s="137"/>
      <c r="AK5228" s="137"/>
      <c r="AL5228" s="137"/>
      <c r="AM5228" s="137"/>
      <c r="AN5228" s="137"/>
      <c r="AO5228" s="137"/>
      <c r="AP5228" s="137"/>
      <c r="AQ5228" s="137"/>
      <c r="AR5228" s="137"/>
      <c r="AS5228" s="137"/>
      <c r="AT5228" s="137"/>
      <c r="AU5228" s="137"/>
      <c r="AV5228" s="137"/>
      <c r="AW5228" s="144"/>
    </row>
    <row r="5229" spans="7:49" x14ac:dyDescent="0.2">
      <c r="G5229" s="43"/>
      <c r="Z5229" s="143"/>
      <c r="AA5229" s="137"/>
      <c r="AB5229" s="137"/>
      <c r="AC5229" s="137"/>
      <c r="AD5229" s="137"/>
      <c r="AE5229" s="137"/>
      <c r="AF5229" s="137"/>
      <c r="AG5229" s="137"/>
      <c r="AH5229" s="137"/>
      <c r="AI5229" s="137"/>
      <c r="AJ5229" s="137"/>
      <c r="AK5229" s="137"/>
      <c r="AL5229" s="137"/>
      <c r="AM5229" s="137"/>
      <c r="AN5229" s="137"/>
      <c r="AO5229" s="137"/>
      <c r="AP5229" s="137"/>
      <c r="AQ5229" s="137"/>
      <c r="AR5229" s="137"/>
      <c r="AS5229" s="137"/>
      <c r="AT5229" s="137"/>
      <c r="AU5229" s="137"/>
      <c r="AV5229" s="137"/>
      <c r="AW5229" s="144"/>
    </row>
    <row r="5230" spans="7:49" x14ac:dyDescent="0.2">
      <c r="G5230" s="43"/>
      <c r="Z5230" s="143"/>
      <c r="AA5230" s="137"/>
      <c r="AB5230" s="137"/>
      <c r="AC5230" s="137"/>
      <c r="AD5230" s="137"/>
      <c r="AE5230" s="137"/>
      <c r="AF5230" s="137"/>
      <c r="AG5230" s="137"/>
      <c r="AH5230" s="137"/>
      <c r="AI5230" s="137"/>
      <c r="AJ5230" s="137"/>
      <c r="AK5230" s="137"/>
      <c r="AL5230" s="137"/>
      <c r="AM5230" s="137"/>
      <c r="AN5230" s="137"/>
      <c r="AO5230" s="137"/>
      <c r="AP5230" s="137"/>
      <c r="AQ5230" s="137"/>
      <c r="AR5230" s="137"/>
      <c r="AS5230" s="137"/>
      <c r="AT5230" s="137"/>
      <c r="AU5230" s="137"/>
      <c r="AV5230" s="137"/>
      <c r="AW5230" s="144"/>
    </row>
    <row r="5231" spans="7:49" x14ac:dyDescent="0.2">
      <c r="G5231" s="43"/>
      <c r="Z5231" s="143"/>
      <c r="AA5231" s="137"/>
      <c r="AB5231" s="137"/>
      <c r="AC5231" s="137"/>
      <c r="AD5231" s="137"/>
      <c r="AE5231" s="137"/>
      <c r="AF5231" s="137"/>
      <c r="AG5231" s="137"/>
      <c r="AH5231" s="137"/>
      <c r="AI5231" s="137"/>
      <c r="AJ5231" s="137"/>
      <c r="AK5231" s="137"/>
      <c r="AL5231" s="137"/>
      <c r="AM5231" s="137"/>
      <c r="AN5231" s="137"/>
      <c r="AO5231" s="137"/>
      <c r="AP5231" s="137"/>
      <c r="AQ5231" s="137"/>
      <c r="AR5231" s="137"/>
      <c r="AS5231" s="137"/>
      <c r="AT5231" s="137"/>
      <c r="AU5231" s="137"/>
      <c r="AV5231" s="137"/>
      <c r="AW5231" s="144"/>
    </row>
    <row r="5232" spans="7:49" x14ac:dyDescent="0.2">
      <c r="G5232" s="43"/>
      <c r="Z5232" s="143"/>
      <c r="AA5232" s="137"/>
      <c r="AB5232" s="137"/>
      <c r="AC5232" s="137"/>
      <c r="AD5232" s="137"/>
      <c r="AE5232" s="137"/>
      <c r="AF5232" s="137"/>
      <c r="AG5232" s="137"/>
      <c r="AH5232" s="137"/>
      <c r="AI5232" s="137"/>
      <c r="AJ5232" s="137"/>
      <c r="AK5232" s="137"/>
      <c r="AL5232" s="137"/>
      <c r="AM5232" s="137"/>
      <c r="AN5232" s="137"/>
      <c r="AO5232" s="137"/>
      <c r="AP5232" s="137"/>
      <c r="AQ5232" s="137"/>
      <c r="AR5232" s="137"/>
      <c r="AS5232" s="137"/>
      <c r="AT5232" s="137"/>
      <c r="AU5232" s="137"/>
      <c r="AV5232" s="137"/>
      <c r="AW5232" s="144"/>
    </row>
    <row r="5233" spans="7:49" x14ac:dyDescent="0.2">
      <c r="G5233" s="43"/>
      <c r="Z5233" s="143"/>
      <c r="AA5233" s="137"/>
      <c r="AB5233" s="137"/>
      <c r="AC5233" s="137"/>
      <c r="AD5233" s="137"/>
      <c r="AE5233" s="137"/>
      <c r="AF5233" s="137"/>
      <c r="AG5233" s="137"/>
      <c r="AH5233" s="137"/>
      <c r="AI5233" s="137"/>
      <c r="AJ5233" s="137"/>
      <c r="AK5233" s="137"/>
      <c r="AL5233" s="137"/>
      <c r="AM5233" s="137"/>
      <c r="AN5233" s="137"/>
      <c r="AO5233" s="137"/>
      <c r="AP5233" s="137"/>
      <c r="AQ5233" s="137"/>
      <c r="AR5233" s="137"/>
      <c r="AS5233" s="137"/>
      <c r="AT5233" s="137"/>
      <c r="AU5233" s="137"/>
      <c r="AV5233" s="137"/>
      <c r="AW5233" s="144"/>
    </row>
    <row r="5234" spans="7:49" x14ac:dyDescent="0.2">
      <c r="G5234" s="43"/>
      <c r="Z5234" s="143"/>
      <c r="AA5234" s="137"/>
      <c r="AB5234" s="137"/>
      <c r="AC5234" s="137"/>
      <c r="AD5234" s="137"/>
      <c r="AE5234" s="137"/>
      <c r="AF5234" s="137"/>
      <c r="AG5234" s="137"/>
      <c r="AH5234" s="137"/>
      <c r="AI5234" s="137"/>
      <c r="AJ5234" s="137"/>
      <c r="AK5234" s="137"/>
      <c r="AL5234" s="137"/>
      <c r="AM5234" s="137"/>
      <c r="AN5234" s="137"/>
      <c r="AO5234" s="137"/>
      <c r="AP5234" s="137"/>
      <c r="AQ5234" s="137"/>
      <c r="AR5234" s="137"/>
      <c r="AS5234" s="137"/>
      <c r="AT5234" s="137"/>
      <c r="AU5234" s="137"/>
      <c r="AV5234" s="137"/>
      <c r="AW5234" s="144"/>
    </row>
    <row r="5235" spans="7:49" x14ac:dyDescent="0.2">
      <c r="G5235" s="43"/>
      <c r="Z5235" s="143"/>
      <c r="AA5235" s="137"/>
      <c r="AB5235" s="137"/>
      <c r="AC5235" s="137"/>
      <c r="AD5235" s="137"/>
      <c r="AE5235" s="137"/>
      <c r="AF5235" s="137"/>
      <c r="AG5235" s="137"/>
      <c r="AH5235" s="137"/>
      <c r="AI5235" s="137"/>
      <c r="AJ5235" s="137"/>
      <c r="AK5235" s="137"/>
      <c r="AL5235" s="137"/>
      <c r="AM5235" s="137"/>
      <c r="AN5235" s="137"/>
      <c r="AO5235" s="137"/>
      <c r="AP5235" s="137"/>
      <c r="AQ5235" s="137"/>
      <c r="AR5235" s="137"/>
      <c r="AS5235" s="137"/>
      <c r="AT5235" s="137"/>
      <c r="AU5235" s="137"/>
      <c r="AV5235" s="137"/>
      <c r="AW5235" s="144"/>
    </row>
    <row r="5236" spans="7:49" x14ac:dyDescent="0.2">
      <c r="G5236" s="43"/>
      <c r="Z5236" s="143"/>
      <c r="AA5236" s="137"/>
      <c r="AB5236" s="137"/>
      <c r="AC5236" s="137"/>
      <c r="AD5236" s="137"/>
      <c r="AE5236" s="137"/>
      <c r="AF5236" s="137"/>
      <c r="AG5236" s="137"/>
      <c r="AH5236" s="137"/>
      <c r="AI5236" s="137"/>
      <c r="AJ5236" s="137"/>
      <c r="AK5236" s="137"/>
      <c r="AL5236" s="137"/>
      <c r="AM5236" s="137"/>
      <c r="AN5236" s="137"/>
      <c r="AO5236" s="137"/>
      <c r="AP5236" s="137"/>
      <c r="AQ5236" s="137"/>
      <c r="AR5236" s="137"/>
      <c r="AS5236" s="137"/>
      <c r="AT5236" s="137"/>
      <c r="AU5236" s="137"/>
      <c r="AV5236" s="137"/>
      <c r="AW5236" s="144"/>
    </row>
    <row r="5237" spans="7:49" x14ac:dyDescent="0.2">
      <c r="G5237" s="43"/>
      <c r="Z5237" s="143"/>
      <c r="AA5237" s="137"/>
      <c r="AB5237" s="137"/>
      <c r="AC5237" s="137"/>
      <c r="AD5237" s="137"/>
      <c r="AE5237" s="137"/>
      <c r="AF5237" s="137"/>
      <c r="AG5237" s="137"/>
      <c r="AH5237" s="137"/>
      <c r="AI5237" s="137"/>
      <c r="AJ5237" s="137"/>
      <c r="AK5237" s="137"/>
      <c r="AL5237" s="137"/>
      <c r="AM5237" s="137"/>
      <c r="AN5237" s="137"/>
      <c r="AO5237" s="137"/>
      <c r="AP5237" s="137"/>
      <c r="AQ5237" s="137"/>
      <c r="AR5237" s="137"/>
      <c r="AS5237" s="137"/>
      <c r="AT5237" s="137"/>
      <c r="AU5237" s="137"/>
      <c r="AV5237" s="137"/>
      <c r="AW5237" s="144"/>
    </row>
    <row r="5238" spans="7:49" x14ac:dyDescent="0.2">
      <c r="G5238" s="43"/>
      <c r="Z5238" s="143"/>
      <c r="AA5238" s="137"/>
      <c r="AB5238" s="137"/>
      <c r="AC5238" s="137"/>
      <c r="AD5238" s="137"/>
      <c r="AE5238" s="137"/>
      <c r="AF5238" s="137"/>
      <c r="AG5238" s="137"/>
      <c r="AH5238" s="137"/>
      <c r="AI5238" s="137"/>
      <c r="AJ5238" s="137"/>
      <c r="AK5238" s="137"/>
      <c r="AL5238" s="137"/>
      <c r="AM5238" s="137"/>
      <c r="AN5238" s="137"/>
      <c r="AO5238" s="137"/>
      <c r="AP5238" s="137"/>
      <c r="AQ5238" s="137"/>
      <c r="AR5238" s="137"/>
      <c r="AS5238" s="137"/>
      <c r="AT5238" s="137"/>
      <c r="AU5238" s="137"/>
      <c r="AV5238" s="137"/>
      <c r="AW5238" s="144"/>
    </row>
    <row r="5239" spans="7:49" x14ac:dyDescent="0.2">
      <c r="G5239" s="43"/>
      <c r="Z5239" s="143"/>
      <c r="AA5239" s="137"/>
      <c r="AB5239" s="137"/>
      <c r="AC5239" s="137"/>
      <c r="AD5239" s="137"/>
      <c r="AE5239" s="137"/>
      <c r="AF5239" s="137"/>
      <c r="AG5239" s="137"/>
      <c r="AH5239" s="137"/>
      <c r="AI5239" s="137"/>
      <c r="AJ5239" s="137"/>
      <c r="AK5239" s="137"/>
      <c r="AL5239" s="137"/>
      <c r="AM5239" s="137"/>
      <c r="AN5239" s="137"/>
      <c r="AO5239" s="137"/>
      <c r="AP5239" s="137"/>
      <c r="AQ5239" s="137"/>
      <c r="AR5239" s="137"/>
      <c r="AS5239" s="137"/>
      <c r="AT5239" s="137"/>
      <c r="AU5239" s="137"/>
      <c r="AV5239" s="137"/>
      <c r="AW5239" s="144"/>
    </row>
    <row r="5240" spans="7:49" x14ac:dyDescent="0.2">
      <c r="G5240" s="43"/>
      <c r="Z5240" s="143"/>
      <c r="AA5240" s="137"/>
      <c r="AB5240" s="137"/>
      <c r="AC5240" s="137"/>
      <c r="AD5240" s="137"/>
      <c r="AE5240" s="137"/>
      <c r="AF5240" s="137"/>
      <c r="AG5240" s="137"/>
      <c r="AH5240" s="137"/>
      <c r="AI5240" s="137"/>
      <c r="AJ5240" s="137"/>
      <c r="AK5240" s="137"/>
      <c r="AL5240" s="137"/>
      <c r="AM5240" s="137"/>
      <c r="AN5240" s="137"/>
      <c r="AO5240" s="137"/>
      <c r="AP5240" s="137"/>
      <c r="AQ5240" s="137"/>
      <c r="AR5240" s="137"/>
      <c r="AS5240" s="137"/>
      <c r="AT5240" s="137"/>
      <c r="AU5240" s="137"/>
      <c r="AV5240" s="137"/>
      <c r="AW5240" s="144"/>
    </row>
    <row r="5241" spans="7:49" x14ac:dyDescent="0.2">
      <c r="G5241" s="43"/>
      <c r="Z5241" s="143"/>
      <c r="AA5241" s="137"/>
      <c r="AB5241" s="137"/>
      <c r="AC5241" s="137"/>
      <c r="AD5241" s="137"/>
      <c r="AE5241" s="137"/>
      <c r="AF5241" s="137"/>
      <c r="AG5241" s="137"/>
      <c r="AH5241" s="137"/>
      <c r="AI5241" s="137"/>
      <c r="AJ5241" s="137"/>
      <c r="AK5241" s="137"/>
      <c r="AL5241" s="137"/>
      <c r="AM5241" s="137"/>
      <c r="AN5241" s="137"/>
      <c r="AO5241" s="137"/>
      <c r="AP5241" s="137"/>
      <c r="AQ5241" s="137"/>
      <c r="AR5241" s="137"/>
      <c r="AS5241" s="137"/>
      <c r="AT5241" s="137"/>
      <c r="AU5241" s="137"/>
      <c r="AV5241" s="137"/>
      <c r="AW5241" s="144"/>
    </row>
    <row r="5242" spans="7:49" x14ac:dyDescent="0.2">
      <c r="G5242" s="43"/>
      <c r="Z5242" s="143"/>
      <c r="AA5242" s="137"/>
      <c r="AB5242" s="137"/>
      <c r="AC5242" s="137"/>
      <c r="AD5242" s="137"/>
      <c r="AE5242" s="137"/>
      <c r="AF5242" s="137"/>
      <c r="AG5242" s="137"/>
      <c r="AH5242" s="137"/>
      <c r="AI5242" s="137"/>
      <c r="AJ5242" s="137"/>
      <c r="AK5242" s="137"/>
      <c r="AL5242" s="137"/>
      <c r="AM5242" s="137"/>
      <c r="AN5242" s="137"/>
      <c r="AO5242" s="137"/>
      <c r="AP5242" s="137"/>
      <c r="AQ5242" s="137"/>
      <c r="AR5242" s="137"/>
      <c r="AS5242" s="137"/>
      <c r="AT5242" s="137"/>
      <c r="AU5242" s="137"/>
      <c r="AV5242" s="137"/>
      <c r="AW5242" s="144"/>
    </row>
    <row r="5243" spans="7:49" x14ac:dyDescent="0.2">
      <c r="G5243" s="43"/>
      <c r="Z5243" s="143"/>
      <c r="AA5243" s="137"/>
      <c r="AB5243" s="137"/>
      <c r="AC5243" s="137"/>
      <c r="AD5243" s="137"/>
      <c r="AE5243" s="137"/>
      <c r="AF5243" s="137"/>
      <c r="AG5243" s="137"/>
      <c r="AH5243" s="137"/>
      <c r="AI5243" s="137"/>
      <c r="AJ5243" s="137"/>
      <c r="AK5243" s="137"/>
      <c r="AL5243" s="137"/>
      <c r="AM5243" s="137"/>
      <c r="AN5243" s="137"/>
      <c r="AO5243" s="137"/>
      <c r="AP5243" s="137"/>
      <c r="AQ5243" s="137"/>
      <c r="AR5243" s="137"/>
      <c r="AS5243" s="137"/>
      <c r="AT5243" s="137"/>
      <c r="AU5243" s="137"/>
      <c r="AV5243" s="137"/>
      <c r="AW5243" s="144"/>
    </row>
    <row r="5244" spans="7:49" x14ac:dyDescent="0.2">
      <c r="G5244" s="43"/>
      <c r="Z5244" s="143"/>
      <c r="AA5244" s="137"/>
      <c r="AB5244" s="137"/>
      <c r="AC5244" s="137"/>
      <c r="AD5244" s="137"/>
      <c r="AE5244" s="137"/>
      <c r="AF5244" s="137"/>
      <c r="AG5244" s="137"/>
      <c r="AH5244" s="137"/>
      <c r="AI5244" s="137"/>
      <c r="AJ5244" s="137"/>
      <c r="AK5244" s="137"/>
      <c r="AL5244" s="137"/>
      <c r="AM5244" s="137"/>
      <c r="AN5244" s="137"/>
      <c r="AO5244" s="137"/>
      <c r="AP5244" s="137"/>
      <c r="AQ5244" s="137"/>
      <c r="AR5244" s="137"/>
      <c r="AS5244" s="137"/>
      <c r="AT5244" s="137"/>
      <c r="AU5244" s="137"/>
      <c r="AV5244" s="137"/>
      <c r="AW5244" s="144"/>
    </row>
    <row r="5245" spans="7:49" x14ac:dyDescent="0.2">
      <c r="G5245" s="43"/>
      <c r="Z5245" s="143"/>
      <c r="AA5245" s="137"/>
      <c r="AB5245" s="137"/>
      <c r="AC5245" s="137"/>
      <c r="AD5245" s="137"/>
      <c r="AE5245" s="137"/>
      <c r="AF5245" s="137"/>
      <c r="AG5245" s="137"/>
      <c r="AH5245" s="137"/>
      <c r="AI5245" s="137"/>
      <c r="AJ5245" s="137"/>
      <c r="AK5245" s="137"/>
      <c r="AL5245" s="137"/>
      <c r="AM5245" s="137"/>
      <c r="AN5245" s="137"/>
      <c r="AO5245" s="137"/>
      <c r="AP5245" s="137"/>
      <c r="AQ5245" s="137"/>
      <c r="AR5245" s="137"/>
      <c r="AS5245" s="137"/>
      <c r="AT5245" s="137"/>
      <c r="AU5245" s="137"/>
      <c r="AV5245" s="137"/>
      <c r="AW5245" s="144"/>
    </row>
    <row r="5246" spans="7:49" x14ac:dyDescent="0.2">
      <c r="G5246" s="43"/>
      <c r="Z5246" s="143"/>
      <c r="AA5246" s="137"/>
      <c r="AB5246" s="137"/>
      <c r="AC5246" s="137"/>
      <c r="AD5246" s="137"/>
      <c r="AE5246" s="137"/>
      <c r="AF5246" s="137"/>
      <c r="AG5246" s="137"/>
      <c r="AH5246" s="137"/>
      <c r="AI5246" s="137"/>
      <c r="AJ5246" s="137"/>
      <c r="AK5246" s="137"/>
      <c r="AL5246" s="137"/>
      <c r="AM5246" s="137"/>
      <c r="AN5246" s="137"/>
      <c r="AO5246" s="137"/>
      <c r="AP5246" s="137"/>
      <c r="AQ5246" s="137"/>
      <c r="AR5246" s="137"/>
      <c r="AS5246" s="137"/>
      <c r="AT5246" s="137"/>
      <c r="AU5246" s="137"/>
      <c r="AV5246" s="137"/>
      <c r="AW5246" s="144"/>
    </row>
    <row r="5247" spans="7:49" x14ac:dyDescent="0.2">
      <c r="G5247" s="43"/>
      <c r="Z5247" s="143"/>
      <c r="AA5247" s="137"/>
      <c r="AB5247" s="137"/>
      <c r="AC5247" s="137"/>
      <c r="AD5247" s="137"/>
      <c r="AE5247" s="137"/>
      <c r="AF5247" s="137"/>
      <c r="AG5247" s="137"/>
      <c r="AH5247" s="137"/>
      <c r="AI5247" s="137"/>
      <c r="AJ5247" s="137"/>
      <c r="AK5247" s="137"/>
      <c r="AL5247" s="137"/>
      <c r="AM5247" s="137"/>
      <c r="AN5247" s="137"/>
      <c r="AO5247" s="137"/>
      <c r="AP5247" s="137"/>
      <c r="AQ5247" s="137"/>
      <c r="AR5247" s="137"/>
      <c r="AS5247" s="137"/>
      <c r="AT5247" s="137"/>
      <c r="AU5247" s="137"/>
      <c r="AV5247" s="137"/>
      <c r="AW5247" s="144"/>
    </row>
    <row r="5248" spans="7:49" x14ac:dyDescent="0.2">
      <c r="G5248" s="43"/>
      <c r="Z5248" s="143"/>
      <c r="AA5248" s="137"/>
      <c r="AB5248" s="137"/>
      <c r="AC5248" s="137"/>
      <c r="AD5248" s="137"/>
      <c r="AE5248" s="137"/>
      <c r="AF5248" s="137"/>
      <c r="AG5248" s="137"/>
      <c r="AH5248" s="137"/>
      <c r="AI5248" s="137"/>
      <c r="AJ5248" s="137"/>
      <c r="AK5248" s="137"/>
      <c r="AL5248" s="137"/>
      <c r="AM5248" s="137"/>
      <c r="AN5248" s="137"/>
      <c r="AO5248" s="137"/>
      <c r="AP5248" s="137"/>
      <c r="AQ5248" s="137"/>
      <c r="AR5248" s="137"/>
      <c r="AS5248" s="137"/>
      <c r="AT5248" s="137"/>
      <c r="AU5248" s="137"/>
      <c r="AV5248" s="137"/>
      <c r="AW5248" s="144"/>
    </row>
    <row r="5249" spans="7:49" x14ac:dyDescent="0.2">
      <c r="G5249" s="43"/>
      <c r="Z5249" s="143"/>
      <c r="AA5249" s="137"/>
      <c r="AB5249" s="137"/>
      <c r="AC5249" s="137"/>
      <c r="AD5249" s="137"/>
      <c r="AE5249" s="137"/>
      <c r="AF5249" s="137"/>
      <c r="AG5249" s="137"/>
      <c r="AH5249" s="137"/>
      <c r="AI5249" s="137"/>
      <c r="AJ5249" s="137"/>
      <c r="AK5249" s="137"/>
      <c r="AL5249" s="137"/>
      <c r="AM5249" s="137"/>
      <c r="AN5249" s="137"/>
      <c r="AO5249" s="137"/>
      <c r="AP5249" s="137"/>
      <c r="AQ5249" s="137"/>
      <c r="AR5249" s="137"/>
      <c r="AS5249" s="137"/>
      <c r="AT5249" s="137"/>
      <c r="AU5249" s="137"/>
      <c r="AV5249" s="137"/>
      <c r="AW5249" s="144"/>
    </row>
    <row r="5250" spans="7:49" x14ac:dyDescent="0.2">
      <c r="G5250" s="43"/>
      <c r="Z5250" s="143"/>
      <c r="AA5250" s="137"/>
      <c r="AB5250" s="137"/>
      <c r="AC5250" s="137"/>
      <c r="AD5250" s="137"/>
      <c r="AE5250" s="137"/>
      <c r="AF5250" s="137"/>
      <c r="AG5250" s="137"/>
      <c r="AH5250" s="137"/>
      <c r="AI5250" s="137"/>
      <c r="AJ5250" s="137"/>
      <c r="AK5250" s="137"/>
      <c r="AL5250" s="137"/>
      <c r="AM5250" s="137"/>
      <c r="AN5250" s="137"/>
      <c r="AO5250" s="137"/>
      <c r="AP5250" s="137"/>
      <c r="AQ5250" s="137"/>
      <c r="AR5250" s="137"/>
      <c r="AS5250" s="137"/>
      <c r="AT5250" s="137"/>
      <c r="AU5250" s="137"/>
      <c r="AV5250" s="137"/>
      <c r="AW5250" s="144"/>
    </row>
    <row r="5251" spans="7:49" x14ac:dyDescent="0.2">
      <c r="G5251" s="43"/>
      <c r="Z5251" s="143"/>
      <c r="AA5251" s="137"/>
      <c r="AB5251" s="137"/>
      <c r="AC5251" s="137"/>
      <c r="AD5251" s="137"/>
      <c r="AE5251" s="137"/>
      <c r="AF5251" s="137"/>
      <c r="AG5251" s="137"/>
      <c r="AH5251" s="137"/>
      <c r="AI5251" s="137"/>
      <c r="AJ5251" s="137"/>
      <c r="AK5251" s="137"/>
      <c r="AL5251" s="137"/>
      <c r="AM5251" s="137"/>
      <c r="AN5251" s="137"/>
      <c r="AO5251" s="137"/>
      <c r="AP5251" s="137"/>
      <c r="AQ5251" s="137"/>
      <c r="AR5251" s="137"/>
      <c r="AS5251" s="137"/>
      <c r="AT5251" s="137"/>
      <c r="AU5251" s="137"/>
      <c r="AV5251" s="137"/>
      <c r="AW5251" s="144"/>
    </row>
    <row r="5252" spans="7:49" x14ac:dyDescent="0.2">
      <c r="G5252" s="43"/>
      <c r="Z5252" s="143"/>
      <c r="AA5252" s="137"/>
      <c r="AB5252" s="137"/>
      <c r="AC5252" s="137"/>
      <c r="AD5252" s="137"/>
      <c r="AE5252" s="137"/>
      <c r="AF5252" s="137"/>
      <c r="AG5252" s="137"/>
      <c r="AH5252" s="137"/>
      <c r="AI5252" s="137"/>
      <c r="AJ5252" s="137"/>
      <c r="AK5252" s="137"/>
      <c r="AL5252" s="137"/>
      <c r="AM5252" s="137"/>
      <c r="AN5252" s="137"/>
      <c r="AO5252" s="137"/>
      <c r="AP5252" s="137"/>
      <c r="AQ5252" s="137"/>
      <c r="AR5252" s="137"/>
      <c r="AS5252" s="137"/>
      <c r="AT5252" s="137"/>
      <c r="AU5252" s="137"/>
      <c r="AV5252" s="137"/>
      <c r="AW5252" s="144"/>
    </row>
    <row r="5253" spans="7:49" x14ac:dyDescent="0.2">
      <c r="G5253" s="43"/>
      <c r="Z5253" s="143"/>
      <c r="AA5253" s="137"/>
      <c r="AB5253" s="137"/>
      <c r="AC5253" s="137"/>
      <c r="AD5253" s="137"/>
      <c r="AE5253" s="137"/>
      <c r="AF5253" s="137"/>
      <c r="AG5253" s="137"/>
      <c r="AH5253" s="137"/>
      <c r="AI5253" s="137"/>
      <c r="AJ5253" s="137"/>
      <c r="AK5253" s="137"/>
      <c r="AL5253" s="137"/>
      <c r="AM5253" s="137"/>
      <c r="AN5253" s="137"/>
      <c r="AO5253" s="137"/>
      <c r="AP5253" s="137"/>
      <c r="AQ5253" s="137"/>
      <c r="AR5253" s="137"/>
      <c r="AS5253" s="137"/>
      <c r="AT5253" s="137"/>
      <c r="AU5253" s="137"/>
      <c r="AV5253" s="137"/>
      <c r="AW5253" s="144"/>
    </row>
    <row r="5254" spans="7:49" x14ac:dyDescent="0.2">
      <c r="G5254" s="43"/>
      <c r="Z5254" s="143"/>
      <c r="AA5254" s="137"/>
      <c r="AB5254" s="137"/>
      <c r="AC5254" s="137"/>
      <c r="AD5254" s="137"/>
      <c r="AE5254" s="137"/>
      <c r="AF5254" s="137"/>
      <c r="AG5254" s="137"/>
      <c r="AH5254" s="137"/>
      <c r="AI5254" s="137"/>
      <c r="AJ5254" s="137"/>
      <c r="AK5254" s="137"/>
      <c r="AL5254" s="137"/>
      <c r="AM5254" s="137"/>
      <c r="AN5254" s="137"/>
      <c r="AO5254" s="137"/>
      <c r="AP5254" s="137"/>
      <c r="AQ5254" s="137"/>
      <c r="AR5254" s="137"/>
      <c r="AS5254" s="137"/>
      <c r="AT5254" s="137"/>
      <c r="AU5254" s="137"/>
      <c r="AV5254" s="137"/>
      <c r="AW5254" s="144"/>
    </row>
    <row r="5255" spans="7:49" x14ac:dyDescent="0.2">
      <c r="G5255" s="43"/>
      <c r="Z5255" s="143"/>
      <c r="AA5255" s="137"/>
      <c r="AB5255" s="137"/>
      <c r="AC5255" s="137"/>
      <c r="AD5255" s="137"/>
      <c r="AE5255" s="137"/>
      <c r="AF5255" s="137"/>
      <c r="AG5255" s="137"/>
      <c r="AH5255" s="137"/>
      <c r="AI5255" s="137"/>
      <c r="AJ5255" s="137"/>
      <c r="AK5255" s="137"/>
      <c r="AL5255" s="137"/>
      <c r="AM5255" s="137"/>
      <c r="AN5255" s="137"/>
      <c r="AO5255" s="137"/>
      <c r="AP5255" s="137"/>
      <c r="AQ5255" s="137"/>
      <c r="AR5255" s="137"/>
      <c r="AS5255" s="137"/>
      <c r="AT5255" s="137"/>
      <c r="AU5255" s="137"/>
      <c r="AV5255" s="137"/>
      <c r="AW5255" s="144"/>
    </row>
    <row r="5256" spans="7:49" x14ac:dyDescent="0.2">
      <c r="G5256" s="43"/>
      <c r="Z5256" s="143"/>
      <c r="AA5256" s="137"/>
      <c r="AB5256" s="137"/>
      <c r="AC5256" s="137"/>
      <c r="AD5256" s="137"/>
      <c r="AE5256" s="137"/>
      <c r="AF5256" s="137"/>
      <c r="AG5256" s="137"/>
      <c r="AH5256" s="137"/>
      <c r="AI5256" s="137"/>
      <c r="AJ5256" s="137"/>
      <c r="AK5256" s="137"/>
      <c r="AL5256" s="137"/>
      <c r="AM5256" s="137"/>
      <c r="AN5256" s="137"/>
      <c r="AO5256" s="137"/>
      <c r="AP5256" s="137"/>
      <c r="AQ5256" s="137"/>
      <c r="AR5256" s="137"/>
      <c r="AS5256" s="137"/>
      <c r="AT5256" s="137"/>
      <c r="AU5256" s="137"/>
      <c r="AV5256" s="137"/>
      <c r="AW5256" s="144"/>
    </row>
    <row r="5257" spans="7:49" x14ac:dyDescent="0.2">
      <c r="G5257" s="43"/>
      <c r="Z5257" s="143"/>
      <c r="AA5257" s="137"/>
      <c r="AB5257" s="137"/>
      <c r="AC5257" s="137"/>
      <c r="AD5257" s="137"/>
      <c r="AE5257" s="137"/>
      <c r="AF5257" s="137"/>
      <c r="AG5257" s="137"/>
      <c r="AH5257" s="137"/>
      <c r="AI5257" s="137"/>
      <c r="AJ5257" s="137"/>
      <c r="AK5257" s="137"/>
      <c r="AL5257" s="137"/>
      <c r="AM5257" s="137"/>
      <c r="AN5257" s="137"/>
      <c r="AO5257" s="137"/>
      <c r="AP5257" s="137"/>
      <c r="AQ5257" s="137"/>
      <c r="AR5257" s="137"/>
      <c r="AS5257" s="137"/>
      <c r="AT5257" s="137"/>
      <c r="AU5257" s="137"/>
      <c r="AV5257" s="137"/>
      <c r="AW5257" s="144"/>
    </row>
    <row r="5258" spans="7:49" x14ac:dyDescent="0.2">
      <c r="G5258" s="43"/>
      <c r="Z5258" s="143"/>
      <c r="AA5258" s="137"/>
      <c r="AB5258" s="137"/>
      <c r="AC5258" s="137"/>
      <c r="AD5258" s="137"/>
      <c r="AE5258" s="137"/>
      <c r="AF5258" s="137"/>
      <c r="AG5258" s="137"/>
      <c r="AH5258" s="137"/>
      <c r="AI5258" s="137"/>
      <c r="AJ5258" s="137"/>
      <c r="AK5258" s="137"/>
      <c r="AL5258" s="137"/>
      <c r="AM5258" s="137"/>
      <c r="AN5258" s="137"/>
      <c r="AO5258" s="137"/>
      <c r="AP5258" s="137"/>
      <c r="AQ5258" s="137"/>
      <c r="AR5258" s="137"/>
      <c r="AS5258" s="137"/>
      <c r="AT5258" s="137"/>
      <c r="AU5258" s="137"/>
      <c r="AV5258" s="137"/>
      <c r="AW5258" s="144"/>
    </row>
    <row r="5259" spans="7:49" x14ac:dyDescent="0.2">
      <c r="G5259" s="43"/>
      <c r="Z5259" s="143"/>
      <c r="AA5259" s="137"/>
      <c r="AB5259" s="137"/>
      <c r="AC5259" s="137"/>
      <c r="AD5259" s="137"/>
      <c r="AE5259" s="137"/>
      <c r="AF5259" s="137"/>
      <c r="AG5259" s="137"/>
      <c r="AH5259" s="137"/>
      <c r="AI5259" s="137"/>
      <c r="AJ5259" s="137"/>
      <c r="AK5259" s="137"/>
      <c r="AL5259" s="137"/>
      <c r="AM5259" s="137"/>
      <c r="AN5259" s="137"/>
      <c r="AO5259" s="137"/>
      <c r="AP5259" s="137"/>
      <c r="AQ5259" s="137"/>
      <c r="AR5259" s="137"/>
      <c r="AS5259" s="137"/>
      <c r="AT5259" s="137"/>
      <c r="AU5259" s="137"/>
      <c r="AV5259" s="137"/>
      <c r="AW5259" s="144"/>
    </row>
    <row r="5260" spans="7:49" x14ac:dyDescent="0.2">
      <c r="G5260" s="43"/>
      <c r="Z5260" s="143"/>
      <c r="AA5260" s="137"/>
      <c r="AB5260" s="137"/>
      <c r="AC5260" s="137"/>
      <c r="AD5260" s="137"/>
      <c r="AE5260" s="137"/>
      <c r="AF5260" s="137"/>
      <c r="AG5260" s="137"/>
      <c r="AH5260" s="137"/>
      <c r="AI5260" s="137"/>
      <c r="AJ5260" s="137"/>
      <c r="AK5260" s="137"/>
      <c r="AL5260" s="137"/>
      <c r="AM5260" s="137"/>
      <c r="AN5260" s="137"/>
      <c r="AO5260" s="137"/>
      <c r="AP5260" s="137"/>
      <c r="AQ5260" s="137"/>
      <c r="AR5260" s="137"/>
      <c r="AS5260" s="137"/>
      <c r="AT5260" s="137"/>
      <c r="AU5260" s="137"/>
      <c r="AV5260" s="137"/>
      <c r="AW5260" s="144"/>
    </row>
    <row r="5261" spans="7:49" x14ac:dyDescent="0.2">
      <c r="G5261" s="43"/>
      <c r="Z5261" s="143"/>
      <c r="AA5261" s="137"/>
      <c r="AB5261" s="137"/>
      <c r="AC5261" s="137"/>
      <c r="AD5261" s="137"/>
      <c r="AE5261" s="137"/>
      <c r="AF5261" s="137"/>
      <c r="AG5261" s="137"/>
      <c r="AH5261" s="137"/>
      <c r="AI5261" s="137"/>
      <c r="AJ5261" s="137"/>
      <c r="AK5261" s="137"/>
      <c r="AL5261" s="137"/>
      <c r="AM5261" s="137"/>
      <c r="AN5261" s="137"/>
      <c r="AO5261" s="137"/>
      <c r="AP5261" s="137"/>
      <c r="AQ5261" s="137"/>
      <c r="AR5261" s="137"/>
      <c r="AS5261" s="137"/>
      <c r="AT5261" s="137"/>
      <c r="AU5261" s="137"/>
      <c r="AV5261" s="137"/>
      <c r="AW5261" s="144"/>
    </row>
    <row r="5262" spans="7:49" x14ac:dyDescent="0.2">
      <c r="G5262" s="43"/>
      <c r="Z5262" s="143"/>
      <c r="AA5262" s="137"/>
      <c r="AB5262" s="137"/>
      <c r="AC5262" s="137"/>
      <c r="AD5262" s="137"/>
      <c r="AE5262" s="137"/>
      <c r="AF5262" s="137"/>
      <c r="AG5262" s="137"/>
      <c r="AH5262" s="137"/>
      <c r="AI5262" s="137"/>
      <c r="AJ5262" s="137"/>
      <c r="AK5262" s="137"/>
      <c r="AL5262" s="137"/>
      <c r="AM5262" s="137"/>
      <c r="AN5262" s="137"/>
      <c r="AO5262" s="137"/>
      <c r="AP5262" s="137"/>
      <c r="AQ5262" s="137"/>
      <c r="AR5262" s="137"/>
      <c r="AS5262" s="137"/>
      <c r="AT5262" s="137"/>
      <c r="AU5262" s="137"/>
      <c r="AV5262" s="137"/>
      <c r="AW5262" s="144"/>
    </row>
    <row r="5263" spans="7:49" x14ac:dyDescent="0.2">
      <c r="G5263" s="43"/>
      <c r="Z5263" s="143"/>
      <c r="AA5263" s="137"/>
      <c r="AB5263" s="137"/>
      <c r="AC5263" s="137"/>
      <c r="AD5263" s="137"/>
      <c r="AE5263" s="137"/>
      <c r="AF5263" s="137"/>
      <c r="AG5263" s="137"/>
      <c r="AH5263" s="137"/>
      <c r="AI5263" s="137"/>
      <c r="AJ5263" s="137"/>
      <c r="AK5263" s="137"/>
      <c r="AL5263" s="137"/>
      <c r="AM5263" s="137"/>
      <c r="AN5263" s="137"/>
      <c r="AO5263" s="137"/>
      <c r="AP5263" s="137"/>
      <c r="AQ5263" s="137"/>
      <c r="AR5263" s="137"/>
      <c r="AS5263" s="137"/>
      <c r="AT5263" s="137"/>
      <c r="AU5263" s="137"/>
      <c r="AV5263" s="137"/>
      <c r="AW5263" s="144"/>
    </row>
    <row r="5264" spans="7:49" x14ac:dyDescent="0.2">
      <c r="G5264" s="43"/>
      <c r="Z5264" s="143"/>
      <c r="AA5264" s="137"/>
      <c r="AB5264" s="137"/>
      <c r="AC5264" s="137"/>
      <c r="AD5264" s="137"/>
      <c r="AE5264" s="137"/>
      <c r="AF5264" s="137"/>
      <c r="AG5264" s="137"/>
      <c r="AH5264" s="137"/>
      <c r="AI5264" s="137"/>
      <c r="AJ5264" s="137"/>
      <c r="AK5264" s="137"/>
      <c r="AL5264" s="137"/>
      <c r="AM5264" s="137"/>
      <c r="AN5264" s="137"/>
      <c r="AO5264" s="137"/>
      <c r="AP5264" s="137"/>
      <c r="AQ5264" s="137"/>
      <c r="AR5264" s="137"/>
      <c r="AS5264" s="137"/>
      <c r="AT5264" s="137"/>
      <c r="AU5264" s="137"/>
      <c r="AV5264" s="137"/>
      <c r="AW5264" s="144"/>
    </row>
    <row r="5265" spans="7:49" x14ac:dyDescent="0.2">
      <c r="G5265" s="43"/>
      <c r="Z5265" s="143"/>
      <c r="AA5265" s="137"/>
      <c r="AB5265" s="137"/>
      <c r="AC5265" s="137"/>
      <c r="AD5265" s="137"/>
      <c r="AE5265" s="137"/>
      <c r="AF5265" s="137"/>
      <c r="AG5265" s="137"/>
      <c r="AH5265" s="137"/>
      <c r="AI5265" s="137"/>
      <c r="AJ5265" s="137"/>
      <c r="AK5265" s="137"/>
      <c r="AL5265" s="137"/>
      <c r="AM5265" s="137"/>
      <c r="AN5265" s="137"/>
      <c r="AO5265" s="137"/>
      <c r="AP5265" s="137"/>
      <c r="AQ5265" s="137"/>
      <c r="AR5265" s="137"/>
      <c r="AS5265" s="137"/>
      <c r="AT5265" s="137"/>
      <c r="AU5265" s="137"/>
      <c r="AV5265" s="137"/>
      <c r="AW5265" s="144"/>
    </row>
    <row r="5266" spans="7:49" x14ac:dyDescent="0.2">
      <c r="G5266" s="43"/>
      <c r="Z5266" s="143"/>
      <c r="AA5266" s="137"/>
      <c r="AB5266" s="137"/>
      <c r="AC5266" s="137"/>
      <c r="AD5266" s="137"/>
      <c r="AE5266" s="137"/>
      <c r="AF5266" s="137"/>
      <c r="AG5266" s="137"/>
      <c r="AH5266" s="137"/>
      <c r="AI5266" s="137"/>
      <c r="AJ5266" s="137"/>
      <c r="AK5266" s="137"/>
      <c r="AL5266" s="137"/>
      <c r="AM5266" s="137"/>
      <c r="AN5266" s="137"/>
      <c r="AO5266" s="137"/>
      <c r="AP5266" s="137"/>
      <c r="AQ5266" s="137"/>
      <c r="AR5266" s="137"/>
      <c r="AS5266" s="137"/>
      <c r="AT5266" s="137"/>
      <c r="AU5266" s="137"/>
      <c r="AV5266" s="137"/>
      <c r="AW5266" s="144"/>
    </row>
    <row r="5267" spans="7:49" x14ac:dyDescent="0.2">
      <c r="G5267" s="43"/>
      <c r="Z5267" s="143"/>
      <c r="AA5267" s="137"/>
      <c r="AB5267" s="137"/>
      <c r="AC5267" s="137"/>
      <c r="AD5267" s="137"/>
      <c r="AE5267" s="137"/>
      <c r="AF5267" s="137"/>
      <c r="AG5267" s="137"/>
      <c r="AH5267" s="137"/>
      <c r="AI5267" s="137"/>
      <c r="AJ5267" s="137"/>
      <c r="AK5267" s="137"/>
      <c r="AL5267" s="137"/>
      <c r="AM5267" s="137"/>
      <c r="AN5267" s="137"/>
      <c r="AO5267" s="137"/>
      <c r="AP5267" s="137"/>
      <c r="AQ5267" s="137"/>
      <c r="AR5267" s="137"/>
      <c r="AS5267" s="137"/>
      <c r="AT5267" s="137"/>
      <c r="AU5267" s="137"/>
      <c r="AV5267" s="137"/>
      <c r="AW5267" s="144"/>
    </row>
    <row r="5268" spans="7:49" x14ac:dyDescent="0.2">
      <c r="G5268" s="43"/>
      <c r="Z5268" s="143"/>
      <c r="AA5268" s="137"/>
      <c r="AB5268" s="137"/>
      <c r="AC5268" s="137"/>
      <c r="AD5268" s="137"/>
      <c r="AE5268" s="137"/>
      <c r="AF5268" s="137"/>
      <c r="AG5268" s="137"/>
      <c r="AH5268" s="137"/>
      <c r="AI5268" s="137"/>
      <c r="AJ5268" s="137"/>
      <c r="AK5268" s="137"/>
      <c r="AL5268" s="137"/>
      <c r="AM5268" s="137"/>
      <c r="AN5268" s="137"/>
      <c r="AO5268" s="137"/>
      <c r="AP5268" s="137"/>
      <c r="AQ5268" s="137"/>
      <c r="AR5268" s="137"/>
      <c r="AS5268" s="137"/>
      <c r="AT5268" s="137"/>
      <c r="AU5268" s="137"/>
      <c r="AV5268" s="137"/>
      <c r="AW5268" s="144"/>
    </row>
    <row r="5269" spans="7:49" x14ac:dyDescent="0.2">
      <c r="G5269" s="43"/>
      <c r="Z5269" s="143"/>
      <c r="AA5269" s="137"/>
      <c r="AB5269" s="137"/>
      <c r="AC5269" s="137"/>
      <c r="AD5269" s="137"/>
      <c r="AE5269" s="137"/>
      <c r="AF5269" s="137"/>
      <c r="AG5269" s="137"/>
      <c r="AH5269" s="137"/>
      <c r="AI5269" s="137"/>
      <c r="AJ5269" s="137"/>
      <c r="AK5269" s="137"/>
      <c r="AL5269" s="137"/>
      <c r="AM5269" s="137"/>
      <c r="AN5269" s="137"/>
      <c r="AO5269" s="137"/>
      <c r="AP5269" s="137"/>
      <c r="AQ5269" s="137"/>
      <c r="AR5269" s="137"/>
      <c r="AS5269" s="137"/>
      <c r="AT5269" s="137"/>
      <c r="AU5269" s="137"/>
      <c r="AV5269" s="137"/>
      <c r="AW5269" s="144"/>
    </row>
    <row r="5270" spans="7:49" x14ac:dyDescent="0.2">
      <c r="G5270" s="43"/>
      <c r="Z5270" s="143"/>
      <c r="AA5270" s="137"/>
      <c r="AB5270" s="137"/>
      <c r="AC5270" s="137"/>
      <c r="AD5270" s="137"/>
      <c r="AE5270" s="137"/>
      <c r="AF5270" s="137"/>
      <c r="AG5270" s="137"/>
      <c r="AH5270" s="137"/>
      <c r="AI5270" s="137"/>
      <c r="AJ5270" s="137"/>
      <c r="AK5270" s="137"/>
      <c r="AL5270" s="137"/>
      <c r="AM5270" s="137"/>
      <c r="AN5270" s="137"/>
      <c r="AO5270" s="137"/>
      <c r="AP5270" s="137"/>
      <c r="AQ5270" s="137"/>
      <c r="AR5270" s="137"/>
      <c r="AS5270" s="137"/>
      <c r="AT5270" s="137"/>
      <c r="AU5270" s="137"/>
      <c r="AV5270" s="137"/>
      <c r="AW5270" s="144"/>
    </row>
    <row r="5271" spans="7:49" x14ac:dyDescent="0.2">
      <c r="G5271" s="43"/>
      <c r="Z5271" s="143"/>
      <c r="AA5271" s="137"/>
      <c r="AB5271" s="137"/>
      <c r="AC5271" s="137"/>
      <c r="AD5271" s="137"/>
      <c r="AE5271" s="137"/>
      <c r="AF5271" s="137"/>
      <c r="AG5271" s="137"/>
      <c r="AH5271" s="137"/>
      <c r="AI5271" s="137"/>
      <c r="AJ5271" s="137"/>
      <c r="AK5271" s="137"/>
      <c r="AL5271" s="137"/>
      <c r="AM5271" s="137"/>
      <c r="AN5271" s="137"/>
      <c r="AO5271" s="137"/>
      <c r="AP5271" s="137"/>
      <c r="AQ5271" s="137"/>
      <c r="AR5271" s="137"/>
      <c r="AS5271" s="137"/>
      <c r="AT5271" s="137"/>
      <c r="AU5271" s="137"/>
      <c r="AV5271" s="137"/>
      <c r="AW5271" s="144"/>
    </row>
    <row r="5272" spans="7:49" x14ac:dyDescent="0.2">
      <c r="G5272" s="43"/>
      <c r="Z5272" s="143"/>
      <c r="AA5272" s="137"/>
      <c r="AB5272" s="137"/>
      <c r="AC5272" s="137"/>
      <c r="AD5272" s="137"/>
      <c r="AE5272" s="137"/>
      <c r="AF5272" s="137"/>
      <c r="AG5272" s="137"/>
      <c r="AH5272" s="137"/>
      <c r="AI5272" s="137"/>
      <c r="AJ5272" s="137"/>
      <c r="AK5272" s="137"/>
      <c r="AL5272" s="137"/>
      <c r="AM5272" s="137"/>
      <c r="AN5272" s="137"/>
      <c r="AO5272" s="137"/>
      <c r="AP5272" s="137"/>
      <c r="AQ5272" s="137"/>
      <c r="AR5272" s="137"/>
      <c r="AS5272" s="137"/>
      <c r="AT5272" s="137"/>
      <c r="AU5272" s="137"/>
      <c r="AV5272" s="137"/>
      <c r="AW5272" s="144"/>
    </row>
    <row r="5273" spans="7:49" x14ac:dyDescent="0.2">
      <c r="G5273" s="43"/>
      <c r="Z5273" s="143"/>
      <c r="AA5273" s="137"/>
      <c r="AB5273" s="137"/>
      <c r="AC5273" s="137"/>
      <c r="AD5273" s="137"/>
      <c r="AE5273" s="137"/>
      <c r="AF5273" s="137"/>
      <c r="AG5273" s="137"/>
      <c r="AH5273" s="137"/>
      <c r="AI5273" s="137"/>
      <c r="AJ5273" s="137"/>
      <c r="AK5273" s="137"/>
      <c r="AL5273" s="137"/>
      <c r="AM5273" s="137"/>
      <c r="AN5273" s="137"/>
      <c r="AO5273" s="137"/>
      <c r="AP5273" s="137"/>
      <c r="AQ5273" s="137"/>
      <c r="AR5273" s="137"/>
      <c r="AS5273" s="137"/>
      <c r="AT5273" s="137"/>
      <c r="AU5273" s="137"/>
      <c r="AV5273" s="137"/>
      <c r="AW5273" s="144"/>
    </row>
    <row r="5274" spans="7:49" x14ac:dyDescent="0.2">
      <c r="G5274" s="43"/>
      <c r="Z5274" s="143"/>
      <c r="AA5274" s="137"/>
      <c r="AB5274" s="137"/>
      <c r="AC5274" s="137"/>
      <c r="AD5274" s="137"/>
      <c r="AE5274" s="137"/>
      <c r="AF5274" s="137"/>
      <c r="AG5274" s="137"/>
      <c r="AH5274" s="137"/>
      <c r="AI5274" s="137"/>
      <c r="AJ5274" s="137"/>
      <c r="AK5274" s="137"/>
      <c r="AL5274" s="137"/>
      <c r="AM5274" s="137"/>
      <c r="AN5274" s="137"/>
      <c r="AO5274" s="137"/>
      <c r="AP5274" s="137"/>
      <c r="AQ5274" s="137"/>
      <c r="AR5274" s="137"/>
      <c r="AS5274" s="137"/>
      <c r="AT5274" s="137"/>
      <c r="AU5274" s="137"/>
      <c r="AV5274" s="137"/>
      <c r="AW5274" s="144"/>
    </row>
    <row r="5275" spans="7:49" x14ac:dyDescent="0.2">
      <c r="G5275" s="43"/>
      <c r="Z5275" s="143"/>
      <c r="AA5275" s="137"/>
      <c r="AB5275" s="137"/>
      <c r="AC5275" s="137"/>
      <c r="AD5275" s="137"/>
      <c r="AE5275" s="137"/>
      <c r="AF5275" s="137"/>
      <c r="AG5275" s="137"/>
      <c r="AH5275" s="137"/>
      <c r="AI5275" s="137"/>
      <c r="AJ5275" s="137"/>
      <c r="AK5275" s="137"/>
      <c r="AL5275" s="137"/>
      <c r="AM5275" s="137"/>
      <c r="AN5275" s="137"/>
      <c r="AO5275" s="137"/>
      <c r="AP5275" s="137"/>
      <c r="AQ5275" s="137"/>
      <c r="AR5275" s="137"/>
      <c r="AS5275" s="137"/>
      <c r="AT5275" s="137"/>
      <c r="AU5275" s="137"/>
      <c r="AV5275" s="137"/>
      <c r="AW5275" s="144"/>
    </row>
    <row r="5276" spans="7:49" x14ac:dyDescent="0.2">
      <c r="G5276" s="43"/>
      <c r="Z5276" s="143"/>
      <c r="AA5276" s="137"/>
      <c r="AB5276" s="137"/>
      <c r="AC5276" s="137"/>
      <c r="AD5276" s="137"/>
      <c r="AE5276" s="137"/>
      <c r="AF5276" s="137"/>
      <c r="AG5276" s="137"/>
      <c r="AH5276" s="137"/>
      <c r="AI5276" s="137"/>
      <c r="AJ5276" s="137"/>
      <c r="AK5276" s="137"/>
      <c r="AL5276" s="137"/>
      <c r="AM5276" s="137"/>
      <c r="AN5276" s="137"/>
      <c r="AO5276" s="137"/>
      <c r="AP5276" s="137"/>
      <c r="AQ5276" s="137"/>
      <c r="AR5276" s="137"/>
      <c r="AS5276" s="137"/>
      <c r="AT5276" s="137"/>
      <c r="AU5276" s="137"/>
      <c r="AV5276" s="137"/>
      <c r="AW5276" s="144"/>
    </row>
    <row r="5277" spans="7:49" x14ac:dyDescent="0.2">
      <c r="G5277" s="43"/>
      <c r="Z5277" s="143"/>
      <c r="AA5277" s="137"/>
      <c r="AB5277" s="137"/>
      <c r="AC5277" s="137"/>
      <c r="AD5277" s="137"/>
      <c r="AE5277" s="137"/>
      <c r="AF5277" s="137"/>
      <c r="AG5277" s="137"/>
      <c r="AH5277" s="137"/>
      <c r="AI5277" s="137"/>
      <c r="AJ5277" s="137"/>
      <c r="AK5277" s="137"/>
      <c r="AL5277" s="137"/>
      <c r="AM5277" s="137"/>
      <c r="AN5277" s="137"/>
      <c r="AO5277" s="137"/>
      <c r="AP5277" s="137"/>
      <c r="AQ5277" s="137"/>
      <c r="AR5277" s="137"/>
      <c r="AS5277" s="137"/>
      <c r="AT5277" s="137"/>
      <c r="AU5277" s="137"/>
      <c r="AV5277" s="137"/>
      <c r="AW5277" s="144"/>
    </row>
    <row r="5278" spans="7:49" x14ac:dyDescent="0.2">
      <c r="G5278" s="43"/>
      <c r="Z5278" s="143"/>
      <c r="AA5278" s="137"/>
      <c r="AB5278" s="137"/>
      <c r="AC5278" s="137"/>
      <c r="AD5278" s="137"/>
      <c r="AE5278" s="137"/>
      <c r="AF5278" s="137"/>
      <c r="AG5278" s="137"/>
      <c r="AH5278" s="137"/>
      <c r="AI5278" s="137"/>
      <c r="AJ5278" s="137"/>
      <c r="AK5278" s="137"/>
      <c r="AL5278" s="137"/>
      <c r="AM5278" s="137"/>
      <c r="AN5278" s="137"/>
      <c r="AO5278" s="137"/>
      <c r="AP5278" s="137"/>
      <c r="AQ5278" s="137"/>
      <c r="AR5278" s="137"/>
      <c r="AS5278" s="137"/>
      <c r="AT5278" s="137"/>
      <c r="AU5278" s="137"/>
      <c r="AV5278" s="137"/>
      <c r="AW5278" s="144"/>
    </row>
    <row r="5279" spans="7:49" x14ac:dyDescent="0.2">
      <c r="G5279" s="43"/>
      <c r="Z5279" s="143"/>
      <c r="AA5279" s="137"/>
      <c r="AB5279" s="137"/>
      <c r="AC5279" s="137"/>
      <c r="AD5279" s="137"/>
      <c r="AE5279" s="137"/>
      <c r="AF5279" s="137"/>
      <c r="AG5279" s="137"/>
      <c r="AH5279" s="137"/>
      <c r="AI5279" s="137"/>
      <c r="AJ5279" s="137"/>
      <c r="AK5279" s="137"/>
      <c r="AL5279" s="137"/>
      <c r="AM5279" s="137"/>
      <c r="AN5279" s="137"/>
      <c r="AO5279" s="137"/>
      <c r="AP5279" s="137"/>
      <c r="AQ5279" s="137"/>
      <c r="AR5279" s="137"/>
      <c r="AS5279" s="137"/>
      <c r="AT5279" s="137"/>
      <c r="AU5279" s="137"/>
      <c r="AV5279" s="137"/>
      <c r="AW5279" s="144"/>
    </row>
    <row r="5280" spans="7:49" x14ac:dyDescent="0.2">
      <c r="G5280" s="43"/>
      <c r="Z5280" s="143"/>
      <c r="AA5280" s="137"/>
      <c r="AB5280" s="137"/>
      <c r="AC5280" s="137"/>
      <c r="AD5280" s="137"/>
      <c r="AE5280" s="137"/>
      <c r="AF5280" s="137"/>
      <c r="AG5280" s="137"/>
      <c r="AH5280" s="137"/>
      <c r="AI5280" s="137"/>
      <c r="AJ5280" s="137"/>
      <c r="AK5280" s="137"/>
      <c r="AL5280" s="137"/>
      <c r="AM5280" s="137"/>
      <c r="AN5280" s="137"/>
      <c r="AO5280" s="137"/>
      <c r="AP5280" s="137"/>
      <c r="AQ5280" s="137"/>
      <c r="AR5280" s="137"/>
      <c r="AS5280" s="137"/>
      <c r="AT5280" s="137"/>
      <c r="AU5280" s="137"/>
      <c r="AV5280" s="137"/>
      <c r="AW5280" s="144"/>
    </row>
    <row r="5281" spans="7:49" x14ac:dyDescent="0.2">
      <c r="G5281" s="43"/>
      <c r="Z5281" s="143"/>
      <c r="AA5281" s="137"/>
      <c r="AB5281" s="137"/>
      <c r="AC5281" s="137"/>
      <c r="AD5281" s="137"/>
      <c r="AE5281" s="137"/>
      <c r="AF5281" s="137"/>
      <c r="AG5281" s="137"/>
      <c r="AH5281" s="137"/>
      <c r="AI5281" s="137"/>
      <c r="AJ5281" s="137"/>
      <c r="AK5281" s="137"/>
      <c r="AL5281" s="137"/>
      <c r="AM5281" s="137"/>
      <c r="AN5281" s="137"/>
      <c r="AO5281" s="137"/>
      <c r="AP5281" s="137"/>
      <c r="AQ5281" s="137"/>
      <c r="AR5281" s="137"/>
      <c r="AS5281" s="137"/>
      <c r="AT5281" s="137"/>
      <c r="AU5281" s="137"/>
      <c r="AV5281" s="137"/>
      <c r="AW5281" s="144"/>
    </row>
    <row r="5282" spans="7:49" x14ac:dyDescent="0.2">
      <c r="G5282" s="43"/>
      <c r="Z5282" s="143"/>
      <c r="AA5282" s="137"/>
      <c r="AB5282" s="137"/>
      <c r="AC5282" s="137"/>
      <c r="AD5282" s="137"/>
      <c r="AE5282" s="137"/>
      <c r="AF5282" s="137"/>
      <c r="AG5282" s="137"/>
      <c r="AH5282" s="137"/>
      <c r="AI5282" s="137"/>
      <c r="AJ5282" s="137"/>
      <c r="AK5282" s="137"/>
      <c r="AL5282" s="137"/>
      <c r="AM5282" s="137"/>
      <c r="AN5282" s="137"/>
      <c r="AO5282" s="137"/>
      <c r="AP5282" s="137"/>
      <c r="AQ5282" s="137"/>
      <c r="AR5282" s="137"/>
      <c r="AS5282" s="137"/>
      <c r="AT5282" s="137"/>
      <c r="AU5282" s="137"/>
      <c r="AV5282" s="137"/>
      <c r="AW5282" s="144"/>
    </row>
    <row r="5283" spans="7:49" x14ac:dyDescent="0.2">
      <c r="G5283" s="43"/>
      <c r="Z5283" s="143"/>
      <c r="AA5283" s="137"/>
      <c r="AB5283" s="137"/>
      <c r="AC5283" s="137"/>
      <c r="AD5283" s="137"/>
      <c r="AE5283" s="137"/>
      <c r="AF5283" s="137"/>
      <c r="AG5283" s="137"/>
      <c r="AH5283" s="137"/>
      <c r="AI5283" s="137"/>
      <c r="AJ5283" s="137"/>
      <c r="AK5283" s="137"/>
      <c r="AL5283" s="137"/>
      <c r="AM5283" s="137"/>
      <c r="AN5283" s="137"/>
      <c r="AO5283" s="137"/>
      <c r="AP5283" s="137"/>
      <c r="AQ5283" s="137"/>
      <c r="AR5283" s="137"/>
      <c r="AS5283" s="137"/>
      <c r="AT5283" s="137"/>
      <c r="AU5283" s="137"/>
      <c r="AV5283" s="137"/>
      <c r="AW5283" s="144"/>
    </row>
    <row r="5284" spans="7:49" x14ac:dyDescent="0.2">
      <c r="G5284" s="43"/>
      <c r="Z5284" s="143"/>
      <c r="AA5284" s="137"/>
      <c r="AB5284" s="137"/>
      <c r="AC5284" s="137"/>
      <c r="AD5284" s="137"/>
      <c r="AE5284" s="137"/>
      <c r="AF5284" s="137"/>
      <c r="AG5284" s="137"/>
      <c r="AH5284" s="137"/>
      <c r="AI5284" s="137"/>
      <c r="AJ5284" s="137"/>
      <c r="AK5284" s="137"/>
      <c r="AL5284" s="137"/>
      <c r="AM5284" s="137"/>
      <c r="AN5284" s="137"/>
      <c r="AO5284" s="137"/>
      <c r="AP5284" s="137"/>
      <c r="AQ5284" s="137"/>
      <c r="AR5284" s="137"/>
      <c r="AS5284" s="137"/>
      <c r="AT5284" s="137"/>
      <c r="AU5284" s="137"/>
      <c r="AV5284" s="137"/>
      <c r="AW5284" s="144"/>
    </row>
    <row r="5285" spans="7:49" x14ac:dyDescent="0.2">
      <c r="G5285" s="43"/>
      <c r="Z5285" s="143"/>
      <c r="AA5285" s="137"/>
      <c r="AB5285" s="137"/>
      <c r="AC5285" s="137"/>
      <c r="AD5285" s="137"/>
      <c r="AE5285" s="137"/>
      <c r="AF5285" s="137"/>
      <c r="AG5285" s="137"/>
      <c r="AH5285" s="137"/>
      <c r="AI5285" s="137"/>
      <c r="AJ5285" s="137"/>
      <c r="AK5285" s="137"/>
      <c r="AL5285" s="137"/>
      <c r="AM5285" s="137"/>
      <c r="AN5285" s="137"/>
      <c r="AO5285" s="137"/>
      <c r="AP5285" s="137"/>
      <c r="AQ5285" s="137"/>
      <c r="AR5285" s="137"/>
      <c r="AS5285" s="137"/>
      <c r="AT5285" s="137"/>
      <c r="AU5285" s="137"/>
      <c r="AV5285" s="137"/>
      <c r="AW5285" s="144"/>
    </row>
    <row r="5286" spans="7:49" x14ac:dyDescent="0.2">
      <c r="G5286" s="43"/>
      <c r="Z5286" s="143"/>
      <c r="AA5286" s="137"/>
      <c r="AB5286" s="137"/>
      <c r="AC5286" s="137"/>
      <c r="AD5286" s="137"/>
      <c r="AE5286" s="137"/>
      <c r="AF5286" s="137"/>
      <c r="AG5286" s="137"/>
      <c r="AH5286" s="137"/>
      <c r="AI5286" s="137"/>
      <c r="AJ5286" s="137"/>
      <c r="AK5286" s="137"/>
      <c r="AL5286" s="137"/>
      <c r="AM5286" s="137"/>
      <c r="AN5286" s="137"/>
      <c r="AO5286" s="137"/>
      <c r="AP5286" s="137"/>
      <c r="AQ5286" s="137"/>
      <c r="AR5286" s="137"/>
      <c r="AS5286" s="137"/>
      <c r="AT5286" s="137"/>
      <c r="AU5286" s="137"/>
      <c r="AV5286" s="137"/>
      <c r="AW5286" s="144"/>
    </row>
    <row r="5287" spans="7:49" x14ac:dyDescent="0.2">
      <c r="G5287" s="43"/>
      <c r="Z5287" s="143"/>
      <c r="AA5287" s="137"/>
      <c r="AB5287" s="137"/>
      <c r="AC5287" s="137"/>
      <c r="AD5287" s="137"/>
      <c r="AE5287" s="137"/>
      <c r="AF5287" s="137"/>
      <c r="AG5287" s="137"/>
      <c r="AH5287" s="137"/>
      <c r="AI5287" s="137"/>
      <c r="AJ5287" s="137"/>
      <c r="AK5287" s="137"/>
      <c r="AL5287" s="137"/>
      <c r="AM5287" s="137"/>
      <c r="AN5287" s="137"/>
      <c r="AO5287" s="137"/>
      <c r="AP5287" s="137"/>
      <c r="AQ5287" s="137"/>
      <c r="AR5287" s="137"/>
      <c r="AS5287" s="137"/>
      <c r="AT5287" s="137"/>
      <c r="AU5287" s="137"/>
      <c r="AV5287" s="137"/>
      <c r="AW5287" s="144"/>
    </row>
    <row r="5288" spans="7:49" x14ac:dyDescent="0.2">
      <c r="G5288" s="43"/>
      <c r="Z5288" s="143"/>
      <c r="AA5288" s="137"/>
      <c r="AB5288" s="137"/>
      <c r="AC5288" s="137"/>
      <c r="AD5288" s="137"/>
      <c r="AE5288" s="137"/>
      <c r="AF5288" s="137"/>
      <c r="AG5288" s="137"/>
      <c r="AH5288" s="137"/>
      <c r="AI5288" s="137"/>
      <c r="AJ5288" s="137"/>
      <c r="AK5288" s="137"/>
      <c r="AL5288" s="137"/>
      <c r="AM5288" s="137"/>
      <c r="AN5288" s="137"/>
      <c r="AO5288" s="137"/>
      <c r="AP5288" s="137"/>
      <c r="AQ5288" s="137"/>
      <c r="AR5288" s="137"/>
      <c r="AS5288" s="137"/>
      <c r="AT5288" s="137"/>
      <c r="AU5288" s="137"/>
      <c r="AV5288" s="137"/>
      <c r="AW5288" s="144"/>
    </row>
    <row r="5289" spans="7:49" x14ac:dyDescent="0.2">
      <c r="G5289" s="43"/>
      <c r="Z5289" s="143"/>
      <c r="AA5289" s="137"/>
      <c r="AB5289" s="137"/>
      <c r="AC5289" s="137"/>
      <c r="AD5289" s="137"/>
      <c r="AE5289" s="137"/>
      <c r="AF5289" s="137"/>
      <c r="AG5289" s="137"/>
      <c r="AH5289" s="137"/>
      <c r="AI5289" s="137"/>
      <c r="AJ5289" s="137"/>
      <c r="AK5289" s="137"/>
      <c r="AL5289" s="137"/>
      <c r="AM5289" s="137"/>
      <c r="AN5289" s="137"/>
      <c r="AO5289" s="137"/>
      <c r="AP5289" s="137"/>
      <c r="AQ5289" s="137"/>
      <c r="AR5289" s="137"/>
      <c r="AS5289" s="137"/>
      <c r="AT5289" s="137"/>
      <c r="AU5289" s="137"/>
      <c r="AV5289" s="137"/>
      <c r="AW5289" s="144"/>
    </row>
    <row r="5290" spans="7:49" x14ac:dyDescent="0.2">
      <c r="G5290" s="43"/>
      <c r="Z5290" s="143"/>
      <c r="AA5290" s="137"/>
      <c r="AB5290" s="137"/>
      <c r="AC5290" s="137"/>
      <c r="AD5290" s="137"/>
      <c r="AE5290" s="137"/>
      <c r="AF5290" s="137"/>
      <c r="AG5290" s="137"/>
      <c r="AH5290" s="137"/>
      <c r="AI5290" s="137"/>
      <c r="AJ5290" s="137"/>
      <c r="AK5290" s="137"/>
      <c r="AL5290" s="137"/>
      <c r="AM5290" s="137"/>
      <c r="AN5290" s="137"/>
      <c r="AO5290" s="137"/>
      <c r="AP5290" s="137"/>
      <c r="AQ5290" s="137"/>
      <c r="AR5290" s="137"/>
      <c r="AS5290" s="137"/>
      <c r="AT5290" s="137"/>
      <c r="AU5290" s="137"/>
      <c r="AV5290" s="137"/>
      <c r="AW5290" s="144"/>
    </row>
    <row r="5291" spans="7:49" x14ac:dyDescent="0.2">
      <c r="G5291" s="43"/>
      <c r="Z5291" s="143"/>
      <c r="AA5291" s="137"/>
      <c r="AB5291" s="137"/>
      <c r="AC5291" s="137"/>
      <c r="AD5291" s="137"/>
      <c r="AE5291" s="137"/>
      <c r="AF5291" s="137"/>
      <c r="AG5291" s="137"/>
      <c r="AH5291" s="137"/>
      <c r="AI5291" s="137"/>
      <c r="AJ5291" s="137"/>
      <c r="AK5291" s="137"/>
      <c r="AL5291" s="137"/>
      <c r="AM5291" s="137"/>
      <c r="AN5291" s="137"/>
      <c r="AO5291" s="137"/>
      <c r="AP5291" s="137"/>
      <c r="AQ5291" s="137"/>
      <c r="AR5291" s="137"/>
      <c r="AS5291" s="137"/>
      <c r="AT5291" s="137"/>
      <c r="AU5291" s="137"/>
      <c r="AV5291" s="137"/>
      <c r="AW5291" s="144"/>
    </row>
    <row r="5292" spans="7:49" x14ac:dyDescent="0.2">
      <c r="G5292" s="43"/>
      <c r="Z5292" s="143"/>
      <c r="AA5292" s="137"/>
      <c r="AB5292" s="137"/>
      <c r="AC5292" s="137"/>
      <c r="AD5292" s="137"/>
      <c r="AE5292" s="137"/>
      <c r="AF5292" s="137"/>
      <c r="AG5292" s="137"/>
      <c r="AH5292" s="137"/>
      <c r="AI5292" s="137"/>
      <c r="AJ5292" s="137"/>
      <c r="AK5292" s="137"/>
      <c r="AL5292" s="137"/>
      <c r="AM5292" s="137"/>
      <c r="AN5292" s="137"/>
      <c r="AO5292" s="137"/>
      <c r="AP5292" s="137"/>
      <c r="AQ5292" s="137"/>
      <c r="AR5292" s="137"/>
      <c r="AS5292" s="137"/>
      <c r="AT5292" s="137"/>
      <c r="AU5292" s="137"/>
      <c r="AV5292" s="137"/>
      <c r="AW5292" s="144"/>
    </row>
    <row r="5293" spans="7:49" x14ac:dyDescent="0.2">
      <c r="G5293" s="43"/>
      <c r="Z5293" s="143"/>
      <c r="AA5293" s="137"/>
      <c r="AB5293" s="137"/>
      <c r="AC5293" s="137"/>
      <c r="AD5293" s="137"/>
      <c r="AE5293" s="137"/>
      <c r="AF5293" s="137"/>
      <c r="AG5293" s="137"/>
      <c r="AH5293" s="137"/>
      <c r="AI5293" s="137"/>
      <c r="AJ5293" s="137"/>
      <c r="AK5293" s="137"/>
      <c r="AL5293" s="137"/>
      <c r="AM5293" s="137"/>
      <c r="AN5293" s="137"/>
      <c r="AO5293" s="137"/>
      <c r="AP5293" s="137"/>
      <c r="AQ5293" s="137"/>
      <c r="AR5293" s="137"/>
      <c r="AS5293" s="137"/>
      <c r="AT5293" s="137"/>
      <c r="AU5293" s="137"/>
      <c r="AV5293" s="137"/>
      <c r="AW5293" s="144"/>
    </row>
    <row r="5294" spans="7:49" x14ac:dyDescent="0.2">
      <c r="G5294" s="43"/>
      <c r="Z5294" s="143"/>
      <c r="AA5294" s="137"/>
      <c r="AB5294" s="137"/>
      <c r="AC5294" s="137"/>
      <c r="AD5294" s="137"/>
      <c r="AE5294" s="137"/>
      <c r="AF5294" s="137"/>
      <c r="AG5294" s="137"/>
      <c r="AH5294" s="137"/>
      <c r="AI5294" s="137"/>
      <c r="AJ5294" s="137"/>
      <c r="AK5294" s="137"/>
      <c r="AL5294" s="137"/>
      <c r="AM5294" s="137"/>
      <c r="AN5294" s="137"/>
      <c r="AO5294" s="137"/>
      <c r="AP5294" s="137"/>
      <c r="AQ5294" s="137"/>
      <c r="AR5294" s="137"/>
      <c r="AS5294" s="137"/>
      <c r="AT5294" s="137"/>
      <c r="AU5294" s="137"/>
      <c r="AV5294" s="137"/>
      <c r="AW5294" s="144"/>
    </row>
    <row r="5295" spans="7:49" x14ac:dyDescent="0.2">
      <c r="G5295" s="43"/>
      <c r="Z5295" s="143"/>
      <c r="AA5295" s="137"/>
      <c r="AB5295" s="137"/>
      <c r="AC5295" s="137"/>
      <c r="AD5295" s="137"/>
      <c r="AE5295" s="137"/>
      <c r="AF5295" s="137"/>
      <c r="AG5295" s="137"/>
      <c r="AH5295" s="137"/>
      <c r="AI5295" s="137"/>
      <c r="AJ5295" s="137"/>
      <c r="AK5295" s="137"/>
      <c r="AL5295" s="137"/>
      <c r="AM5295" s="137"/>
      <c r="AN5295" s="137"/>
      <c r="AO5295" s="137"/>
      <c r="AP5295" s="137"/>
      <c r="AQ5295" s="137"/>
      <c r="AR5295" s="137"/>
      <c r="AS5295" s="137"/>
      <c r="AT5295" s="137"/>
      <c r="AU5295" s="137"/>
      <c r="AV5295" s="137"/>
      <c r="AW5295" s="144"/>
    </row>
    <row r="5296" spans="7:49" x14ac:dyDescent="0.2">
      <c r="G5296" s="43"/>
      <c r="Z5296" s="143"/>
      <c r="AA5296" s="137"/>
      <c r="AB5296" s="137"/>
      <c r="AC5296" s="137"/>
      <c r="AD5296" s="137"/>
      <c r="AE5296" s="137"/>
      <c r="AF5296" s="137"/>
      <c r="AG5296" s="137"/>
      <c r="AH5296" s="137"/>
      <c r="AI5296" s="137"/>
      <c r="AJ5296" s="137"/>
      <c r="AK5296" s="137"/>
      <c r="AL5296" s="137"/>
      <c r="AM5296" s="137"/>
      <c r="AN5296" s="137"/>
      <c r="AO5296" s="137"/>
      <c r="AP5296" s="137"/>
      <c r="AQ5296" s="137"/>
      <c r="AR5296" s="137"/>
      <c r="AS5296" s="137"/>
      <c r="AT5296" s="137"/>
      <c r="AU5296" s="137"/>
      <c r="AV5296" s="137"/>
      <c r="AW5296" s="144"/>
    </row>
    <row r="5297" spans="7:49" x14ac:dyDescent="0.2">
      <c r="G5297" s="43"/>
      <c r="Z5297" s="143"/>
      <c r="AA5297" s="137"/>
      <c r="AB5297" s="137"/>
      <c r="AC5297" s="137"/>
      <c r="AD5297" s="137"/>
      <c r="AE5297" s="137"/>
      <c r="AF5297" s="137"/>
      <c r="AG5297" s="137"/>
      <c r="AH5297" s="137"/>
      <c r="AI5297" s="137"/>
      <c r="AJ5297" s="137"/>
      <c r="AK5297" s="137"/>
      <c r="AL5297" s="137"/>
      <c r="AM5297" s="137"/>
      <c r="AN5297" s="137"/>
      <c r="AO5297" s="137"/>
      <c r="AP5297" s="137"/>
      <c r="AQ5297" s="137"/>
      <c r="AR5297" s="137"/>
      <c r="AS5297" s="137"/>
      <c r="AT5297" s="137"/>
      <c r="AU5297" s="137"/>
      <c r="AV5297" s="137"/>
      <c r="AW5297" s="144"/>
    </row>
    <row r="5298" spans="7:49" x14ac:dyDescent="0.2">
      <c r="G5298" s="43"/>
      <c r="Z5298" s="143"/>
      <c r="AA5298" s="137"/>
      <c r="AB5298" s="137"/>
      <c r="AC5298" s="137"/>
      <c r="AD5298" s="137"/>
      <c r="AE5298" s="137"/>
      <c r="AF5298" s="137"/>
      <c r="AG5298" s="137"/>
      <c r="AH5298" s="137"/>
      <c r="AI5298" s="137"/>
      <c r="AJ5298" s="137"/>
      <c r="AK5298" s="137"/>
      <c r="AL5298" s="137"/>
      <c r="AM5298" s="137"/>
      <c r="AN5298" s="137"/>
      <c r="AO5298" s="137"/>
      <c r="AP5298" s="137"/>
      <c r="AQ5298" s="137"/>
      <c r="AR5298" s="137"/>
      <c r="AS5298" s="137"/>
      <c r="AT5298" s="137"/>
      <c r="AU5298" s="137"/>
      <c r="AV5298" s="137"/>
      <c r="AW5298" s="144"/>
    </row>
    <row r="5299" spans="7:49" x14ac:dyDescent="0.2">
      <c r="G5299" s="43"/>
      <c r="Z5299" s="143"/>
      <c r="AA5299" s="137"/>
      <c r="AB5299" s="137"/>
      <c r="AC5299" s="137"/>
      <c r="AD5299" s="137"/>
      <c r="AE5299" s="137"/>
      <c r="AF5299" s="137"/>
      <c r="AG5299" s="137"/>
      <c r="AH5299" s="137"/>
      <c r="AI5299" s="137"/>
      <c r="AJ5299" s="137"/>
      <c r="AK5299" s="137"/>
      <c r="AL5299" s="137"/>
      <c r="AM5299" s="137"/>
      <c r="AN5299" s="137"/>
      <c r="AO5299" s="137"/>
      <c r="AP5299" s="137"/>
      <c r="AQ5299" s="137"/>
      <c r="AR5299" s="137"/>
      <c r="AS5299" s="137"/>
      <c r="AT5299" s="137"/>
      <c r="AU5299" s="137"/>
      <c r="AV5299" s="137"/>
      <c r="AW5299" s="144"/>
    </row>
    <row r="5300" spans="7:49" x14ac:dyDescent="0.2">
      <c r="G5300" s="43"/>
      <c r="Z5300" s="143"/>
      <c r="AA5300" s="137"/>
      <c r="AB5300" s="137"/>
      <c r="AC5300" s="137"/>
      <c r="AD5300" s="137"/>
      <c r="AE5300" s="137"/>
      <c r="AF5300" s="137"/>
      <c r="AG5300" s="137"/>
      <c r="AH5300" s="137"/>
      <c r="AI5300" s="137"/>
      <c r="AJ5300" s="137"/>
      <c r="AK5300" s="137"/>
      <c r="AL5300" s="137"/>
      <c r="AM5300" s="137"/>
      <c r="AN5300" s="137"/>
      <c r="AO5300" s="137"/>
      <c r="AP5300" s="137"/>
      <c r="AQ5300" s="137"/>
      <c r="AR5300" s="137"/>
      <c r="AS5300" s="137"/>
      <c r="AT5300" s="137"/>
      <c r="AU5300" s="137"/>
      <c r="AV5300" s="137"/>
      <c r="AW5300" s="144"/>
    </row>
    <row r="5301" spans="7:49" x14ac:dyDescent="0.2">
      <c r="G5301" s="43"/>
      <c r="Z5301" s="143"/>
      <c r="AA5301" s="137"/>
      <c r="AB5301" s="137"/>
      <c r="AC5301" s="137"/>
      <c r="AD5301" s="137"/>
      <c r="AE5301" s="137"/>
      <c r="AF5301" s="137"/>
      <c r="AG5301" s="137"/>
      <c r="AH5301" s="137"/>
      <c r="AI5301" s="137"/>
      <c r="AJ5301" s="137"/>
      <c r="AK5301" s="137"/>
      <c r="AL5301" s="137"/>
      <c r="AM5301" s="137"/>
      <c r="AN5301" s="137"/>
      <c r="AO5301" s="137"/>
      <c r="AP5301" s="137"/>
      <c r="AQ5301" s="137"/>
      <c r="AR5301" s="137"/>
      <c r="AS5301" s="137"/>
      <c r="AT5301" s="137"/>
      <c r="AU5301" s="137"/>
      <c r="AV5301" s="137"/>
      <c r="AW5301" s="144"/>
    </row>
    <row r="5302" spans="7:49" x14ac:dyDescent="0.2">
      <c r="G5302" s="43"/>
      <c r="Z5302" s="143"/>
      <c r="AA5302" s="137"/>
      <c r="AB5302" s="137"/>
      <c r="AC5302" s="137"/>
      <c r="AD5302" s="137"/>
      <c r="AE5302" s="137"/>
      <c r="AF5302" s="137"/>
      <c r="AG5302" s="137"/>
      <c r="AH5302" s="137"/>
      <c r="AI5302" s="137"/>
      <c r="AJ5302" s="137"/>
      <c r="AK5302" s="137"/>
      <c r="AL5302" s="137"/>
      <c r="AM5302" s="137"/>
      <c r="AN5302" s="137"/>
      <c r="AO5302" s="137"/>
      <c r="AP5302" s="137"/>
      <c r="AQ5302" s="137"/>
      <c r="AR5302" s="137"/>
      <c r="AS5302" s="137"/>
      <c r="AT5302" s="137"/>
      <c r="AU5302" s="137"/>
      <c r="AV5302" s="137"/>
      <c r="AW5302" s="144"/>
    </row>
    <row r="5303" spans="7:49" x14ac:dyDescent="0.2">
      <c r="G5303" s="43"/>
      <c r="Z5303" s="143"/>
      <c r="AA5303" s="137"/>
      <c r="AB5303" s="137"/>
      <c r="AC5303" s="137"/>
      <c r="AD5303" s="137"/>
      <c r="AE5303" s="137"/>
      <c r="AF5303" s="137"/>
      <c r="AG5303" s="137"/>
      <c r="AH5303" s="137"/>
      <c r="AI5303" s="137"/>
      <c r="AJ5303" s="137"/>
      <c r="AK5303" s="137"/>
      <c r="AL5303" s="137"/>
      <c r="AM5303" s="137"/>
      <c r="AN5303" s="137"/>
      <c r="AO5303" s="137"/>
      <c r="AP5303" s="137"/>
      <c r="AQ5303" s="137"/>
      <c r="AR5303" s="137"/>
      <c r="AS5303" s="137"/>
      <c r="AT5303" s="137"/>
      <c r="AU5303" s="137"/>
      <c r="AV5303" s="137"/>
      <c r="AW5303" s="144"/>
    </row>
    <row r="5304" spans="7:49" x14ac:dyDescent="0.2">
      <c r="G5304" s="43"/>
      <c r="Z5304" s="143"/>
      <c r="AA5304" s="137"/>
      <c r="AB5304" s="137"/>
      <c r="AC5304" s="137"/>
      <c r="AD5304" s="137"/>
      <c r="AE5304" s="137"/>
      <c r="AF5304" s="137"/>
      <c r="AG5304" s="137"/>
      <c r="AH5304" s="137"/>
      <c r="AI5304" s="137"/>
      <c r="AJ5304" s="137"/>
      <c r="AK5304" s="137"/>
      <c r="AL5304" s="137"/>
      <c r="AM5304" s="137"/>
      <c r="AN5304" s="137"/>
      <c r="AO5304" s="137"/>
      <c r="AP5304" s="137"/>
      <c r="AQ5304" s="137"/>
      <c r="AR5304" s="137"/>
      <c r="AS5304" s="137"/>
      <c r="AT5304" s="137"/>
      <c r="AU5304" s="137"/>
      <c r="AV5304" s="137"/>
      <c r="AW5304" s="144"/>
    </row>
    <row r="5305" spans="7:49" x14ac:dyDescent="0.2">
      <c r="G5305" s="43"/>
      <c r="Z5305" s="143"/>
      <c r="AA5305" s="137"/>
      <c r="AB5305" s="137"/>
      <c r="AC5305" s="137"/>
      <c r="AD5305" s="137"/>
      <c r="AE5305" s="137"/>
      <c r="AF5305" s="137"/>
      <c r="AG5305" s="137"/>
      <c r="AH5305" s="137"/>
      <c r="AI5305" s="137"/>
      <c r="AJ5305" s="137"/>
      <c r="AK5305" s="137"/>
      <c r="AL5305" s="137"/>
      <c r="AM5305" s="137"/>
      <c r="AN5305" s="137"/>
      <c r="AO5305" s="137"/>
      <c r="AP5305" s="137"/>
      <c r="AQ5305" s="137"/>
      <c r="AR5305" s="137"/>
      <c r="AS5305" s="137"/>
      <c r="AT5305" s="137"/>
      <c r="AU5305" s="137"/>
      <c r="AV5305" s="137"/>
      <c r="AW5305" s="144"/>
    </row>
    <row r="5306" spans="7:49" x14ac:dyDescent="0.2">
      <c r="G5306" s="43"/>
      <c r="Z5306" s="143"/>
      <c r="AA5306" s="137"/>
      <c r="AB5306" s="137"/>
      <c r="AC5306" s="137"/>
      <c r="AD5306" s="137"/>
      <c r="AE5306" s="137"/>
      <c r="AF5306" s="137"/>
      <c r="AG5306" s="137"/>
      <c r="AH5306" s="137"/>
      <c r="AI5306" s="137"/>
      <c r="AJ5306" s="137"/>
      <c r="AK5306" s="137"/>
      <c r="AL5306" s="137"/>
      <c r="AM5306" s="137"/>
      <c r="AN5306" s="137"/>
      <c r="AO5306" s="137"/>
      <c r="AP5306" s="137"/>
      <c r="AQ5306" s="137"/>
      <c r="AR5306" s="137"/>
      <c r="AS5306" s="137"/>
      <c r="AT5306" s="137"/>
      <c r="AU5306" s="137"/>
      <c r="AV5306" s="137"/>
      <c r="AW5306" s="144"/>
    </row>
    <row r="5307" spans="7:49" x14ac:dyDescent="0.2">
      <c r="G5307" s="43"/>
      <c r="Z5307" s="143"/>
      <c r="AA5307" s="137"/>
      <c r="AB5307" s="137"/>
      <c r="AC5307" s="137"/>
      <c r="AD5307" s="137"/>
      <c r="AE5307" s="137"/>
      <c r="AF5307" s="137"/>
      <c r="AG5307" s="137"/>
      <c r="AH5307" s="137"/>
      <c r="AI5307" s="137"/>
      <c r="AJ5307" s="137"/>
      <c r="AK5307" s="137"/>
      <c r="AL5307" s="137"/>
      <c r="AM5307" s="137"/>
      <c r="AN5307" s="137"/>
      <c r="AO5307" s="137"/>
      <c r="AP5307" s="137"/>
      <c r="AQ5307" s="137"/>
      <c r="AR5307" s="137"/>
      <c r="AS5307" s="137"/>
      <c r="AT5307" s="137"/>
      <c r="AU5307" s="137"/>
      <c r="AV5307" s="137"/>
      <c r="AW5307" s="144"/>
    </row>
    <row r="5308" spans="7:49" x14ac:dyDescent="0.2">
      <c r="G5308" s="43"/>
      <c r="Z5308" s="143"/>
      <c r="AA5308" s="137"/>
      <c r="AB5308" s="137"/>
      <c r="AC5308" s="137"/>
      <c r="AD5308" s="137"/>
      <c r="AE5308" s="137"/>
      <c r="AF5308" s="137"/>
      <c r="AG5308" s="137"/>
      <c r="AH5308" s="137"/>
      <c r="AI5308" s="137"/>
      <c r="AJ5308" s="137"/>
      <c r="AK5308" s="137"/>
      <c r="AL5308" s="137"/>
      <c r="AM5308" s="137"/>
      <c r="AN5308" s="137"/>
      <c r="AO5308" s="137"/>
      <c r="AP5308" s="137"/>
      <c r="AQ5308" s="137"/>
      <c r="AR5308" s="137"/>
      <c r="AS5308" s="137"/>
      <c r="AT5308" s="137"/>
      <c r="AU5308" s="137"/>
      <c r="AV5308" s="137"/>
      <c r="AW5308" s="144"/>
    </row>
    <row r="5309" spans="7:49" x14ac:dyDescent="0.2">
      <c r="G5309" s="43"/>
      <c r="Z5309" s="143"/>
      <c r="AA5309" s="137"/>
      <c r="AB5309" s="137"/>
      <c r="AC5309" s="137"/>
      <c r="AD5309" s="137"/>
      <c r="AE5309" s="137"/>
      <c r="AF5309" s="137"/>
      <c r="AG5309" s="137"/>
      <c r="AH5309" s="137"/>
      <c r="AI5309" s="137"/>
      <c r="AJ5309" s="137"/>
      <c r="AK5309" s="137"/>
      <c r="AL5309" s="137"/>
      <c r="AM5309" s="137"/>
      <c r="AN5309" s="137"/>
      <c r="AO5309" s="137"/>
      <c r="AP5309" s="137"/>
      <c r="AQ5309" s="137"/>
      <c r="AR5309" s="137"/>
      <c r="AS5309" s="137"/>
      <c r="AT5309" s="137"/>
      <c r="AU5309" s="137"/>
      <c r="AV5309" s="137"/>
      <c r="AW5309" s="144"/>
    </row>
    <row r="5310" spans="7:49" x14ac:dyDescent="0.2">
      <c r="G5310" s="43"/>
      <c r="Z5310" s="143"/>
      <c r="AA5310" s="137"/>
      <c r="AB5310" s="137"/>
      <c r="AC5310" s="137"/>
      <c r="AD5310" s="137"/>
      <c r="AE5310" s="137"/>
      <c r="AF5310" s="137"/>
      <c r="AG5310" s="137"/>
      <c r="AH5310" s="137"/>
      <c r="AI5310" s="137"/>
      <c r="AJ5310" s="137"/>
      <c r="AK5310" s="137"/>
      <c r="AL5310" s="137"/>
      <c r="AM5310" s="137"/>
      <c r="AN5310" s="137"/>
      <c r="AO5310" s="137"/>
      <c r="AP5310" s="137"/>
      <c r="AQ5310" s="137"/>
      <c r="AR5310" s="137"/>
      <c r="AS5310" s="137"/>
      <c r="AT5310" s="137"/>
      <c r="AU5310" s="137"/>
      <c r="AV5310" s="137"/>
      <c r="AW5310" s="144"/>
    </row>
    <row r="5311" spans="7:49" x14ac:dyDescent="0.2">
      <c r="G5311" s="43"/>
      <c r="Z5311" s="143"/>
      <c r="AA5311" s="137"/>
      <c r="AB5311" s="137"/>
      <c r="AC5311" s="137"/>
      <c r="AD5311" s="137"/>
      <c r="AE5311" s="137"/>
      <c r="AF5311" s="137"/>
      <c r="AG5311" s="137"/>
      <c r="AH5311" s="137"/>
      <c r="AI5311" s="137"/>
      <c r="AJ5311" s="137"/>
      <c r="AK5311" s="137"/>
      <c r="AL5311" s="137"/>
      <c r="AM5311" s="137"/>
      <c r="AN5311" s="137"/>
      <c r="AO5311" s="137"/>
      <c r="AP5311" s="137"/>
      <c r="AQ5311" s="137"/>
      <c r="AR5311" s="137"/>
      <c r="AS5311" s="137"/>
      <c r="AT5311" s="137"/>
      <c r="AU5311" s="137"/>
      <c r="AV5311" s="137"/>
      <c r="AW5311" s="144"/>
    </row>
    <row r="5312" spans="7:49" x14ac:dyDescent="0.2">
      <c r="G5312" s="43"/>
      <c r="Z5312" s="143"/>
      <c r="AA5312" s="137"/>
      <c r="AB5312" s="137"/>
      <c r="AC5312" s="137"/>
      <c r="AD5312" s="137"/>
      <c r="AE5312" s="137"/>
      <c r="AF5312" s="137"/>
      <c r="AG5312" s="137"/>
      <c r="AH5312" s="137"/>
      <c r="AI5312" s="137"/>
      <c r="AJ5312" s="137"/>
      <c r="AK5312" s="137"/>
      <c r="AL5312" s="137"/>
      <c r="AM5312" s="137"/>
      <c r="AN5312" s="137"/>
      <c r="AO5312" s="137"/>
      <c r="AP5312" s="137"/>
      <c r="AQ5312" s="137"/>
      <c r="AR5312" s="137"/>
      <c r="AS5312" s="137"/>
      <c r="AT5312" s="137"/>
      <c r="AU5312" s="137"/>
      <c r="AV5312" s="137"/>
      <c r="AW5312" s="144"/>
    </row>
    <row r="5313" spans="7:49" x14ac:dyDescent="0.2">
      <c r="G5313" s="43"/>
      <c r="Z5313" s="143"/>
      <c r="AA5313" s="137"/>
      <c r="AB5313" s="137"/>
      <c r="AC5313" s="137"/>
      <c r="AD5313" s="137"/>
      <c r="AE5313" s="137"/>
      <c r="AF5313" s="137"/>
      <c r="AG5313" s="137"/>
      <c r="AH5313" s="137"/>
      <c r="AI5313" s="137"/>
      <c r="AJ5313" s="137"/>
      <c r="AK5313" s="137"/>
      <c r="AL5313" s="137"/>
      <c r="AM5313" s="137"/>
      <c r="AN5313" s="137"/>
      <c r="AO5313" s="137"/>
      <c r="AP5313" s="137"/>
      <c r="AQ5313" s="137"/>
      <c r="AR5313" s="137"/>
      <c r="AS5313" s="137"/>
      <c r="AT5313" s="137"/>
      <c r="AU5313" s="137"/>
      <c r="AV5313" s="137"/>
      <c r="AW5313" s="144"/>
    </row>
    <row r="5314" spans="7:49" x14ac:dyDescent="0.2">
      <c r="G5314" s="43"/>
      <c r="Z5314" s="143"/>
      <c r="AA5314" s="137"/>
      <c r="AB5314" s="137"/>
      <c r="AC5314" s="137"/>
      <c r="AD5314" s="137"/>
      <c r="AE5314" s="137"/>
      <c r="AF5314" s="137"/>
      <c r="AG5314" s="137"/>
      <c r="AH5314" s="137"/>
      <c r="AI5314" s="137"/>
      <c r="AJ5314" s="137"/>
      <c r="AK5314" s="137"/>
      <c r="AL5314" s="137"/>
      <c r="AM5314" s="137"/>
      <c r="AN5314" s="137"/>
      <c r="AO5314" s="137"/>
      <c r="AP5314" s="137"/>
      <c r="AQ5314" s="137"/>
      <c r="AR5314" s="137"/>
      <c r="AS5314" s="137"/>
      <c r="AT5314" s="137"/>
      <c r="AU5314" s="137"/>
      <c r="AV5314" s="137"/>
      <c r="AW5314" s="144"/>
    </row>
    <row r="5315" spans="7:49" x14ac:dyDescent="0.2">
      <c r="G5315" s="43"/>
      <c r="Z5315" s="143"/>
      <c r="AA5315" s="137"/>
      <c r="AB5315" s="137"/>
      <c r="AC5315" s="137"/>
      <c r="AD5315" s="137"/>
      <c r="AE5315" s="137"/>
      <c r="AF5315" s="137"/>
      <c r="AG5315" s="137"/>
      <c r="AH5315" s="137"/>
      <c r="AI5315" s="137"/>
      <c r="AJ5315" s="137"/>
      <c r="AK5315" s="137"/>
      <c r="AL5315" s="137"/>
      <c r="AM5315" s="137"/>
      <c r="AN5315" s="137"/>
      <c r="AO5315" s="137"/>
      <c r="AP5315" s="137"/>
      <c r="AQ5315" s="137"/>
      <c r="AR5315" s="137"/>
      <c r="AS5315" s="137"/>
      <c r="AT5315" s="137"/>
      <c r="AU5315" s="137"/>
      <c r="AV5315" s="137"/>
      <c r="AW5315" s="144"/>
    </row>
    <row r="5316" spans="7:49" x14ac:dyDescent="0.2">
      <c r="G5316" s="43"/>
      <c r="Z5316" s="143"/>
      <c r="AA5316" s="137"/>
      <c r="AB5316" s="137"/>
      <c r="AC5316" s="137"/>
      <c r="AD5316" s="137"/>
      <c r="AE5316" s="137"/>
      <c r="AF5316" s="137"/>
      <c r="AG5316" s="137"/>
      <c r="AH5316" s="137"/>
      <c r="AI5316" s="137"/>
      <c r="AJ5316" s="137"/>
      <c r="AK5316" s="137"/>
      <c r="AL5316" s="137"/>
      <c r="AM5316" s="137"/>
      <c r="AN5316" s="137"/>
      <c r="AO5316" s="137"/>
      <c r="AP5316" s="137"/>
      <c r="AQ5316" s="137"/>
      <c r="AR5316" s="137"/>
      <c r="AS5316" s="137"/>
      <c r="AT5316" s="137"/>
      <c r="AU5316" s="137"/>
      <c r="AV5316" s="137"/>
      <c r="AW5316" s="144"/>
    </row>
    <row r="5317" spans="7:49" x14ac:dyDescent="0.2">
      <c r="G5317" s="43"/>
      <c r="Z5317" s="143"/>
      <c r="AA5317" s="137"/>
      <c r="AB5317" s="137"/>
      <c r="AC5317" s="137"/>
      <c r="AD5317" s="137"/>
      <c r="AE5317" s="137"/>
      <c r="AF5317" s="137"/>
      <c r="AG5317" s="137"/>
      <c r="AH5317" s="137"/>
      <c r="AI5317" s="137"/>
      <c r="AJ5317" s="137"/>
      <c r="AK5317" s="137"/>
      <c r="AL5317" s="137"/>
      <c r="AM5317" s="137"/>
      <c r="AN5317" s="137"/>
      <c r="AO5317" s="137"/>
      <c r="AP5317" s="137"/>
      <c r="AQ5317" s="137"/>
      <c r="AR5317" s="137"/>
      <c r="AS5317" s="137"/>
      <c r="AT5317" s="137"/>
      <c r="AU5317" s="137"/>
      <c r="AV5317" s="137"/>
      <c r="AW5317" s="144"/>
    </row>
    <row r="5318" spans="7:49" x14ac:dyDescent="0.2">
      <c r="G5318" s="43"/>
      <c r="Z5318" s="143"/>
      <c r="AA5318" s="137"/>
      <c r="AB5318" s="137"/>
      <c r="AC5318" s="137"/>
      <c r="AD5318" s="137"/>
      <c r="AE5318" s="137"/>
      <c r="AF5318" s="137"/>
      <c r="AG5318" s="137"/>
      <c r="AH5318" s="137"/>
      <c r="AI5318" s="137"/>
      <c r="AJ5318" s="137"/>
      <c r="AK5318" s="137"/>
      <c r="AL5318" s="137"/>
      <c r="AM5318" s="137"/>
      <c r="AN5318" s="137"/>
      <c r="AO5318" s="137"/>
      <c r="AP5318" s="137"/>
      <c r="AQ5318" s="137"/>
      <c r="AR5318" s="137"/>
      <c r="AS5318" s="137"/>
      <c r="AT5318" s="137"/>
      <c r="AU5318" s="137"/>
      <c r="AV5318" s="137"/>
      <c r="AW5318" s="144"/>
    </row>
    <row r="5319" spans="7:49" x14ac:dyDescent="0.2">
      <c r="G5319" s="43"/>
      <c r="Z5319" s="143"/>
      <c r="AA5319" s="137"/>
      <c r="AB5319" s="137"/>
      <c r="AC5319" s="137"/>
      <c r="AD5319" s="137"/>
      <c r="AE5319" s="137"/>
      <c r="AF5319" s="137"/>
      <c r="AG5319" s="137"/>
      <c r="AH5319" s="137"/>
      <c r="AI5319" s="137"/>
      <c r="AJ5319" s="137"/>
      <c r="AK5319" s="137"/>
      <c r="AL5319" s="137"/>
      <c r="AM5319" s="137"/>
      <c r="AN5319" s="137"/>
      <c r="AO5319" s="137"/>
      <c r="AP5319" s="137"/>
      <c r="AQ5319" s="137"/>
      <c r="AR5319" s="137"/>
      <c r="AS5319" s="137"/>
      <c r="AT5319" s="137"/>
      <c r="AU5319" s="137"/>
      <c r="AV5319" s="137"/>
      <c r="AW5319" s="144"/>
    </row>
    <row r="5320" spans="7:49" x14ac:dyDescent="0.2">
      <c r="G5320" s="43"/>
      <c r="Z5320" s="143"/>
      <c r="AA5320" s="137"/>
      <c r="AB5320" s="137"/>
      <c r="AC5320" s="137"/>
      <c r="AD5320" s="137"/>
      <c r="AE5320" s="137"/>
      <c r="AF5320" s="137"/>
      <c r="AG5320" s="137"/>
      <c r="AH5320" s="137"/>
      <c r="AI5320" s="137"/>
      <c r="AJ5320" s="137"/>
      <c r="AK5320" s="137"/>
      <c r="AL5320" s="137"/>
      <c r="AM5320" s="137"/>
      <c r="AN5320" s="137"/>
      <c r="AO5320" s="137"/>
      <c r="AP5320" s="137"/>
      <c r="AQ5320" s="137"/>
      <c r="AR5320" s="137"/>
      <c r="AS5320" s="137"/>
      <c r="AT5320" s="137"/>
      <c r="AU5320" s="137"/>
      <c r="AV5320" s="137"/>
      <c r="AW5320" s="144"/>
    </row>
    <row r="5321" spans="7:49" x14ac:dyDescent="0.2">
      <c r="G5321" s="43"/>
      <c r="Z5321" s="143"/>
      <c r="AA5321" s="137"/>
      <c r="AB5321" s="137"/>
      <c r="AC5321" s="137"/>
      <c r="AD5321" s="137"/>
      <c r="AE5321" s="137"/>
      <c r="AF5321" s="137"/>
      <c r="AG5321" s="137"/>
      <c r="AH5321" s="137"/>
      <c r="AI5321" s="137"/>
      <c r="AJ5321" s="137"/>
      <c r="AK5321" s="137"/>
      <c r="AL5321" s="137"/>
      <c r="AM5321" s="137"/>
      <c r="AN5321" s="137"/>
      <c r="AO5321" s="137"/>
      <c r="AP5321" s="137"/>
      <c r="AQ5321" s="137"/>
      <c r="AR5321" s="137"/>
      <c r="AS5321" s="137"/>
      <c r="AT5321" s="137"/>
      <c r="AU5321" s="137"/>
      <c r="AV5321" s="137"/>
      <c r="AW5321" s="144"/>
    </row>
    <row r="5322" spans="7:49" x14ac:dyDescent="0.2">
      <c r="G5322" s="43"/>
      <c r="Z5322" s="143"/>
      <c r="AA5322" s="137"/>
      <c r="AB5322" s="137"/>
      <c r="AC5322" s="137"/>
      <c r="AD5322" s="137"/>
      <c r="AE5322" s="137"/>
      <c r="AF5322" s="137"/>
      <c r="AG5322" s="137"/>
      <c r="AH5322" s="137"/>
      <c r="AI5322" s="137"/>
      <c r="AJ5322" s="137"/>
      <c r="AK5322" s="137"/>
      <c r="AL5322" s="137"/>
      <c r="AM5322" s="137"/>
      <c r="AN5322" s="137"/>
      <c r="AO5322" s="137"/>
      <c r="AP5322" s="137"/>
      <c r="AQ5322" s="137"/>
      <c r="AR5322" s="137"/>
      <c r="AS5322" s="137"/>
      <c r="AT5322" s="137"/>
      <c r="AU5322" s="137"/>
      <c r="AV5322" s="137"/>
      <c r="AW5322" s="144"/>
    </row>
    <row r="5323" spans="7:49" x14ac:dyDescent="0.2">
      <c r="G5323" s="43"/>
      <c r="Z5323" s="143"/>
      <c r="AA5323" s="137"/>
      <c r="AB5323" s="137"/>
      <c r="AC5323" s="137"/>
      <c r="AD5323" s="137"/>
      <c r="AE5323" s="137"/>
      <c r="AF5323" s="137"/>
      <c r="AG5323" s="137"/>
      <c r="AH5323" s="137"/>
      <c r="AI5323" s="137"/>
      <c r="AJ5323" s="137"/>
      <c r="AK5323" s="137"/>
      <c r="AL5323" s="137"/>
      <c r="AM5323" s="137"/>
      <c r="AN5323" s="137"/>
      <c r="AO5323" s="137"/>
      <c r="AP5323" s="137"/>
      <c r="AQ5323" s="137"/>
      <c r="AR5323" s="137"/>
      <c r="AS5323" s="137"/>
      <c r="AT5323" s="137"/>
      <c r="AU5323" s="137"/>
      <c r="AV5323" s="137"/>
      <c r="AW5323" s="144"/>
    </row>
    <row r="5324" spans="7:49" x14ac:dyDescent="0.2">
      <c r="G5324" s="43"/>
      <c r="Z5324" s="143"/>
      <c r="AA5324" s="137"/>
      <c r="AB5324" s="137"/>
      <c r="AC5324" s="137"/>
      <c r="AD5324" s="137"/>
      <c r="AE5324" s="137"/>
      <c r="AF5324" s="137"/>
      <c r="AG5324" s="137"/>
      <c r="AH5324" s="137"/>
      <c r="AI5324" s="137"/>
      <c r="AJ5324" s="137"/>
      <c r="AK5324" s="137"/>
      <c r="AL5324" s="137"/>
      <c r="AM5324" s="137"/>
      <c r="AN5324" s="137"/>
      <c r="AO5324" s="137"/>
      <c r="AP5324" s="137"/>
      <c r="AQ5324" s="137"/>
      <c r="AR5324" s="137"/>
      <c r="AS5324" s="137"/>
      <c r="AT5324" s="137"/>
      <c r="AU5324" s="137"/>
      <c r="AV5324" s="137"/>
      <c r="AW5324" s="144"/>
    </row>
    <row r="5325" spans="7:49" x14ac:dyDescent="0.2">
      <c r="G5325" s="43"/>
      <c r="Z5325" s="143"/>
      <c r="AA5325" s="137"/>
      <c r="AB5325" s="137"/>
      <c r="AC5325" s="137"/>
      <c r="AD5325" s="137"/>
      <c r="AE5325" s="137"/>
      <c r="AF5325" s="137"/>
      <c r="AG5325" s="137"/>
      <c r="AH5325" s="137"/>
      <c r="AI5325" s="137"/>
      <c r="AJ5325" s="137"/>
      <c r="AK5325" s="137"/>
      <c r="AL5325" s="137"/>
      <c r="AM5325" s="137"/>
      <c r="AN5325" s="137"/>
      <c r="AO5325" s="137"/>
      <c r="AP5325" s="137"/>
      <c r="AQ5325" s="137"/>
      <c r="AR5325" s="137"/>
      <c r="AS5325" s="137"/>
      <c r="AT5325" s="137"/>
      <c r="AU5325" s="137"/>
      <c r="AV5325" s="137"/>
      <c r="AW5325" s="144"/>
    </row>
    <row r="5326" spans="7:49" x14ac:dyDescent="0.2">
      <c r="G5326" s="43"/>
      <c r="Z5326" s="143"/>
      <c r="AA5326" s="137"/>
      <c r="AB5326" s="137"/>
      <c r="AC5326" s="137"/>
      <c r="AD5326" s="137"/>
      <c r="AE5326" s="137"/>
      <c r="AF5326" s="137"/>
      <c r="AG5326" s="137"/>
      <c r="AH5326" s="137"/>
      <c r="AI5326" s="137"/>
      <c r="AJ5326" s="137"/>
      <c r="AK5326" s="137"/>
      <c r="AL5326" s="137"/>
      <c r="AM5326" s="137"/>
      <c r="AN5326" s="137"/>
      <c r="AO5326" s="137"/>
      <c r="AP5326" s="137"/>
      <c r="AQ5326" s="137"/>
      <c r="AR5326" s="137"/>
      <c r="AS5326" s="137"/>
      <c r="AT5326" s="137"/>
      <c r="AU5326" s="137"/>
      <c r="AV5326" s="137"/>
      <c r="AW5326" s="144"/>
    </row>
    <row r="5327" spans="7:49" x14ac:dyDescent="0.2">
      <c r="G5327" s="43"/>
      <c r="Z5327" s="143"/>
      <c r="AA5327" s="137"/>
      <c r="AB5327" s="137"/>
      <c r="AC5327" s="137"/>
      <c r="AD5327" s="137"/>
      <c r="AE5327" s="137"/>
      <c r="AF5327" s="137"/>
      <c r="AG5327" s="137"/>
      <c r="AH5327" s="137"/>
      <c r="AI5327" s="137"/>
      <c r="AJ5327" s="137"/>
      <c r="AK5327" s="137"/>
      <c r="AL5327" s="137"/>
      <c r="AM5327" s="137"/>
      <c r="AN5327" s="137"/>
      <c r="AO5327" s="137"/>
      <c r="AP5327" s="137"/>
      <c r="AQ5327" s="137"/>
      <c r="AR5327" s="137"/>
      <c r="AS5327" s="137"/>
      <c r="AT5327" s="137"/>
      <c r="AU5327" s="137"/>
      <c r="AV5327" s="137"/>
      <c r="AW5327" s="144"/>
    </row>
    <row r="5328" spans="7:49" x14ac:dyDescent="0.2">
      <c r="G5328" s="43"/>
      <c r="Z5328" s="143"/>
      <c r="AA5328" s="137"/>
      <c r="AB5328" s="137"/>
      <c r="AC5328" s="137"/>
      <c r="AD5328" s="137"/>
      <c r="AE5328" s="137"/>
      <c r="AF5328" s="137"/>
      <c r="AG5328" s="137"/>
      <c r="AH5328" s="137"/>
      <c r="AI5328" s="137"/>
      <c r="AJ5328" s="137"/>
      <c r="AK5328" s="137"/>
      <c r="AL5328" s="137"/>
      <c r="AM5328" s="137"/>
      <c r="AN5328" s="137"/>
      <c r="AO5328" s="137"/>
      <c r="AP5328" s="137"/>
      <c r="AQ5328" s="137"/>
      <c r="AR5328" s="137"/>
      <c r="AS5328" s="137"/>
      <c r="AT5328" s="137"/>
      <c r="AU5328" s="137"/>
      <c r="AV5328" s="137"/>
      <c r="AW5328" s="144"/>
    </row>
    <row r="5329" spans="7:49" x14ac:dyDescent="0.2">
      <c r="G5329" s="43"/>
      <c r="Z5329" s="143"/>
      <c r="AA5329" s="137"/>
      <c r="AB5329" s="137"/>
      <c r="AC5329" s="137"/>
      <c r="AD5329" s="137"/>
      <c r="AE5329" s="137"/>
      <c r="AF5329" s="137"/>
      <c r="AG5329" s="137"/>
      <c r="AH5329" s="137"/>
      <c r="AI5329" s="137"/>
      <c r="AJ5329" s="137"/>
      <c r="AK5329" s="137"/>
      <c r="AL5329" s="137"/>
      <c r="AM5329" s="137"/>
      <c r="AN5329" s="137"/>
      <c r="AO5329" s="137"/>
      <c r="AP5329" s="137"/>
      <c r="AQ5329" s="137"/>
      <c r="AR5329" s="137"/>
      <c r="AS5329" s="137"/>
      <c r="AT5329" s="137"/>
      <c r="AU5329" s="137"/>
      <c r="AV5329" s="137"/>
      <c r="AW5329" s="144"/>
    </row>
    <row r="5330" spans="7:49" x14ac:dyDescent="0.2">
      <c r="G5330" s="43"/>
      <c r="Z5330" s="143"/>
      <c r="AA5330" s="137"/>
      <c r="AB5330" s="137"/>
      <c r="AC5330" s="137"/>
      <c r="AD5330" s="137"/>
      <c r="AE5330" s="137"/>
      <c r="AF5330" s="137"/>
      <c r="AG5330" s="137"/>
      <c r="AH5330" s="137"/>
      <c r="AI5330" s="137"/>
      <c r="AJ5330" s="137"/>
      <c r="AK5330" s="137"/>
      <c r="AL5330" s="137"/>
      <c r="AM5330" s="137"/>
      <c r="AN5330" s="137"/>
      <c r="AO5330" s="137"/>
      <c r="AP5330" s="137"/>
      <c r="AQ5330" s="137"/>
      <c r="AR5330" s="137"/>
      <c r="AS5330" s="137"/>
      <c r="AT5330" s="137"/>
      <c r="AU5330" s="137"/>
      <c r="AV5330" s="137"/>
      <c r="AW5330" s="144"/>
    </row>
    <row r="5331" spans="7:49" x14ac:dyDescent="0.2">
      <c r="G5331" s="43"/>
      <c r="Z5331" s="143"/>
      <c r="AA5331" s="137"/>
      <c r="AB5331" s="137"/>
      <c r="AC5331" s="137"/>
      <c r="AD5331" s="137"/>
      <c r="AE5331" s="137"/>
      <c r="AF5331" s="137"/>
      <c r="AG5331" s="137"/>
      <c r="AH5331" s="137"/>
      <c r="AI5331" s="137"/>
      <c r="AJ5331" s="137"/>
      <c r="AK5331" s="137"/>
      <c r="AL5331" s="137"/>
      <c r="AM5331" s="137"/>
      <c r="AN5331" s="137"/>
      <c r="AO5331" s="137"/>
      <c r="AP5331" s="137"/>
      <c r="AQ5331" s="137"/>
      <c r="AR5331" s="137"/>
      <c r="AS5331" s="137"/>
      <c r="AT5331" s="137"/>
      <c r="AU5331" s="137"/>
      <c r="AV5331" s="137"/>
      <c r="AW5331" s="144"/>
    </row>
    <row r="5332" spans="7:49" x14ac:dyDescent="0.2">
      <c r="G5332" s="43"/>
      <c r="Z5332" s="143"/>
      <c r="AA5332" s="137"/>
      <c r="AB5332" s="137"/>
      <c r="AC5332" s="137"/>
      <c r="AD5332" s="137"/>
      <c r="AE5332" s="137"/>
      <c r="AF5332" s="137"/>
      <c r="AG5332" s="137"/>
      <c r="AH5332" s="137"/>
      <c r="AI5332" s="137"/>
      <c r="AJ5332" s="137"/>
      <c r="AK5332" s="137"/>
      <c r="AL5332" s="137"/>
      <c r="AM5332" s="137"/>
      <c r="AN5332" s="137"/>
      <c r="AO5332" s="137"/>
      <c r="AP5332" s="137"/>
      <c r="AQ5332" s="137"/>
      <c r="AR5332" s="137"/>
      <c r="AS5332" s="137"/>
      <c r="AT5332" s="137"/>
      <c r="AU5332" s="137"/>
      <c r="AV5332" s="137"/>
      <c r="AW5332" s="144"/>
    </row>
    <row r="5333" spans="7:49" x14ac:dyDescent="0.2">
      <c r="G5333" s="43"/>
      <c r="Z5333" s="143"/>
      <c r="AA5333" s="137"/>
      <c r="AB5333" s="137"/>
      <c r="AC5333" s="137"/>
      <c r="AD5333" s="137"/>
      <c r="AE5333" s="137"/>
      <c r="AF5333" s="137"/>
      <c r="AG5333" s="137"/>
      <c r="AH5333" s="137"/>
      <c r="AI5333" s="137"/>
      <c r="AJ5333" s="137"/>
      <c r="AK5333" s="137"/>
      <c r="AL5333" s="137"/>
      <c r="AM5333" s="137"/>
      <c r="AN5333" s="137"/>
      <c r="AO5333" s="137"/>
      <c r="AP5333" s="137"/>
      <c r="AQ5333" s="137"/>
      <c r="AR5333" s="137"/>
      <c r="AS5333" s="137"/>
      <c r="AT5333" s="137"/>
      <c r="AU5333" s="137"/>
      <c r="AV5333" s="137"/>
      <c r="AW5333" s="144"/>
    </row>
    <row r="5334" spans="7:49" x14ac:dyDescent="0.2">
      <c r="G5334" s="43"/>
      <c r="Z5334" s="143"/>
      <c r="AA5334" s="137"/>
      <c r="AB5334" s="137"/>
      <c r="AC5334" s="137"/>
      <c r="AD5334" s="137"/>
      <c r="AE5334" s="137"/>
      <c r="AF5334" s="137"/>
      <c r="AG5334" s="137"/>
      <c r="AH5334" s="137"/>
      <c r="AI5334" s="137"/>
      <c r="AJ5334" s="137"/>
      <c r="AK5334" s="137"/>
      <c r="AL5334" s="137"/>
      <c r="AM5334" s="137"/>
      <c r="AN5334" s="137"/>
      <c r="AO5334" s="137"/>
      <c r="AP5334" s="137"/>
      <c r="AQ5334" s="137"/>
      <c r="AR5334" s="137"/>
      <c r="AS5334" s="137"/>
      <c r="AT5334" s="137"/>
      <c r="AU5334" s="137"/>
      <c r="AV5334" s="137"/>
      <c r="AW5334" s="144"/>
    </row>
    <row r="5335" spans="7:49" x14ac:dyDescent="0.2">
      <c r="G5335" s="43"/>
      <c r="Z5335" s="143"/>
      <c r="AA5335" s="137"/>
      <c r="AB5335" s="137"/>
      <c r="AC5335" s="137"/>
      <c r="AD5335" s="137"/>
      <c r="AE5335" s="137"/>
      <c r="AF5335" s="137"/>
      <c r="AG5335" s="137"/>
      <c r="AH5335" s="137"/>
      <c r="AI5335" s="137"/>
      <c r="AJ5335" s="137"/>
      <c r="AK5335" s="137"/>
      <c r="AL5335" s="137"/>
      <c r="AM5335" s="137"/>
      <c r="AN5335" s="137"/>
      <c r="AO5335" s="137"/>
      <c r="AP5335" s="137"/>
      <c r="AQ5335" s="137"/>
      <c r="AR5335" s="137"/>
      <c r="AS5335" s="137"/>
      <c r="AT5335" s="137"/>
      <c r="AU5335" s="137"/>
      <c r="AV5335" s="137"/>
      <c r="AW5335" s="144"/>
    </row>
    <row r="5336" spans="7:49" x14ac:dyDescent="0.2">
      <c r="G5336" s="43"/>
      <c r="Z5336" s="143"/>
      <c r="AA5336" s="137"/>
      <c r="AB5336" s="137"/>
      <c r="AC5336" s="137"/>
      <c r="AD5336" s="137"/>
      <c r="AE5336" s="137"/>
      <c r="AF5336" s="137"/>
      <c r="AG5336" s="137"/>
      <c r="AH5336" s="137"/>
      <c r="AI5336" s="137"/>
      <c r="AJ5336" s="137"/>
      <c r="AK5336" s="137"/>
      <c r="AL5336" s="137"/>
      <c r="AM5336" s="137"/>
      <c r="AN5336" s="137"/>
      <c r="AO5336" s="137"/>
      <c r="AP5336" s="137"/>
      <c r="AQ5336" s="137"/>
      <c r="AR5336" s="137"/>
      <c r="AS5336" s="137"/>
      <c r="AT5336" s="137"/>
      <c r="AU5336" s="137"/>
      <c r="AV5336" s="137"/>
      <c r="AW5336" s="144"/>
    </row>
    <row r="5337" spans="7:49" x14ac:dyDescent="0.2">
      <c r="G5337" s="43"/>
      <c r="Z5337" s="143"/>
      <c r="AA5337" s="137"/>
      <c r="AB5337" s="137"/>
      <c r="AC5337" s="137"/>
      <c r="AD5337" s="137"/>
      <c r="AE5337" s="137"/>
      <c r="AF5337" s="137"/>
      <c r="AG5337" s="137"/>
      <c r="AH5337" s="137"/>
      <c r="AI5337" s="137"/>
      <c r="AJ5337" s="137"/>
      <c r="AK5337" s="137"/>
      <c r="AL5337" s="137"/>
      <c r="AM5337" s="137"/>
      <c r="AN5337" s="137"/>
      <c r="AO5337" s="137"/>
      <c r="AP5337" s="137"/>
      <c r="AQ5337" s="137"/>
      <c r="AR5337" s="137"/>
      <c r="AS5337" s="137"/>
      <c r="AT5337" s="137"/>
      <c r="AU5337" s="137"/>
      <c r="AV5337" s="137"/>
      <c r="AW5337" s="144"/>
    </row>
    <row r="5338" spans="7:49" x14ac:dyDescent="0.2">
      <c r="G5338" s="43"/>
      <c r="Z5338" s="143"/>
      <c r="AA5338" s="137"/>
      <c r="AB5338" s="137"/>
      <c r="AC5338" s="137"/>
      <c r="AD5338" s="137"/>
      <c r="AE5338" s="137"/>
      <c r="AF5338" s="137"/>
      <c r="AG5338" s="137"/>
      <c r="AH5338" s="137"/>
      <c r="AI5338" s="137"/>
      <c r="AJ5338" s="137"/>
      <c r="AK5338" s="137"/>
      <c r="AL5338" s="137"/>
      <c r="AM5338" s="137"/>
      <c r="AN5338" s="137"/>
      <c r="AO5338" s="137"/>
      <c r="AP5338" s="137"/>
      <c r="AQ5338" s="137"/>
      <c r="AR5338" s="137"/>
      <c r="AS5338" s="137"/>
      <c r="AT5338" s="137"/>
      <c r="AU5338" s="137"/>
      <c r="AV5338" s="137"/>
      <c r="AW5338" s="144"/>
    </row>
    <row r="5339" spans="7:49" x14ac:dyDescent="0.2">
      <c r="G5339" s="43"/>
      <c r="Z5339" s="143"/>
      <c r="AA5339" s="137"/>
      <c r="AB5339" s="137"/>
      <c r="AC5339" s="137"/>
      <c r="AD5339" s="137"/>
      <c r="AE5339" s="137"/>
      <c r="AF5339" s="137"/>
      <c r="AG5339" s="137"/>
      <c r="AH5339" s="137"/>
      <c r="AI5339" s="137"/>
      <c r="AJ5339" s="137"/>
      <c r="AK5339" s="137"/>
      <c r="AL5339" s="137"/>
      <c r="AM5339" s="137"/>
      <c r="AN5339" s="137"/>
      <c r="AO5339" s="137"/>
      <c r="AP5339" s="137"/>
      <c r="AQ5339" s="137"/>
      <c r="AR5339" s="137"/>
      <c r="AS5339" s="137"/>
      <c r="AT5339" s="137"/>
      <c r="AU5339" s="137"/>
      <c r="AV5339" s="137"/>
      <c r="AW5339" s="144"/>
    </row>
    <row r="5340" spans="7:49" x14ac:dyDescent="0.2">
      <c r="G5340" s="43"/>
      <c r="Z5340" s="143"/>
      <c r="AA5340" s="137"/>
      <c r="AB5340" s="137"/>
      <c r="AC5340" s="137"/>
      <c r="AD5340" s="137"/>
      <c r="AE5340" s="137"/>
      <c r="AF5340" s="137"/>
      <c r="AG5340" s="137"/>
      <c r="AH5340" s="137"/>
      <c r="AI5340" s="137"/>
      <c r="AJ5340" s="137"/>
      <c r="AK5340" s="137"/>
      <c r="AL5340" s="137"/>
      <c r="AM5340" s="137"/>
      <c r="AN5340" s="137"/>
      <c r="AO5340" s="137"/>
      <c r="AP5340" s="137"/>
      <c r="AQ5340" s="137"/>
      <c r="AR5340" s="137"/>
      <c r="AS5340" s="137"/>
      <c r="AT5340" s="137"/>
      <c r="AU5340" s="137"/>
      <c r="AV5340" s="137"/>
      <c r="AW5340" s="144"/>
    </row>
    <row r="5341" spans="7:49" x14ac:dyDescent="0.2">
      <c r="G5341" s="43"/>
      <c r="Z5341" s="143"/>
      <c r="AA5341" s="137"/>
      <c r="AB5341" s="137"/>
      <c r="AC5341" s="137"/>
      <c r="AD5341" s="137"/>
      <c r="AE5341" s="137"/>
      <c r="AF5341" s="137"/>
      <c r="AG5341" s="137"/>
      <c r="AH5341" s="137"/>
      <c r="AI5341" s="137"/>
      <c r="AJ5341" s="137"/>
      <c r="AK5341" s="137"/>
      <c r="AL5341" s="137"/>
      <c r="AM5341" s="137"/>
      <c r="AN5341" s="137"/>
      <c r="AO5341" s="137"/>
      <c r="AP5341" s="137"/>
      <c r="AQ5341" s="137"/>
      <c r="AR5341" s="137"/>
      <c r="AS5341" s="137"/>
      <c r="AT5341" s="137"/>
      <c r="AU5341" s="137"/>
      <c r="AV5341" s="137"/>
      <c r="AW5341" s="144"/>
    </row>
    <row r="5342" spans="7:49" x14ac:dyDescent="0.2">
      <c r="G5342" s="43"/>
      <c r="Z5342" s="143"/>
      <c r="AA5342" s="137"/>
      <c r="AB5342" s="137"/>
      <c r="AC5342" s="137"/>
      <c r="AD5342" s="137"/>
      <c r="AE5342" s="137"/>
      <c r="AF5342" s="137"/>
      <c r="AG5342" s="137"/>
      <c r="AH5342" s="137"/>
      <c r="AI5342" s="137"/>
      <c r="AJ5342" s="137"/>
      <c r="AK5342" s="137"/>
      <c r="AL5342" s="137"/>
      <c r="AM5342" s="137"/>
      <c r="AN5342" s="137"/>
      <c r="AO5342" s="137"/>
      <c r="AP5342" s="137"/>
      <c r="AQ5342" s="137"/>
      <c r="AR5342" s="137"/>
      <c r="AS5342" s="137"/>
      <c r="AT5342" s="137"/>
      <c r="AU5342" s="137"/>
      <c r="AV5342" s="137"/>
      <c r="AW5342" s="144"/>
    </row>
    <row r="5343" spans="7:49" x14ac:dyDescent="0.2">
      <c r="G5343" s="43"/>
      <c r="Z5343" s="143"/>
      <c r="AA5343" s="137"/>
      <c r="AB5343" s="137"/>
      <c r="AC5343" s="137"/>
      <c r="AD5343" s="137"/>
      <c r="AE5343" s="137"/>
      <c r="AF5343" s="137"/>
      <c r="AG5343" s="137"/>
      <c r="AH5343" s="137"/>
      <c r="AI5343" s="137"/>
      <c r="AJ5343" s="137"/>
      <c r="AK5343" s="137"/>
      <c r="AL5343" s="137"/>
      <c r="AM5343" s="137"/>
      <c r="AN5343" s="137"/>
      <c r="AO5343" s="137"/>
      <c r="AP5343" s="137"/>
      <c r="AQ5343" s="137"/>
      <c r="AR5343" s="137"/>
      <c r="AS5343" s="137"/>
      <c r="AT5343" s="137"/>
      <c r="AU5343" s="137"/>
      <c r="AV5343" s="137"/>
      <c r="AW5343" s="144"/>
    </row>
    <row r="5344" spans="7:49" x14ac:dyDescent="0.2">
      <c r="G5344" s="43"/>
      <c r="Z5344" s="143"/>
      <c r="AA5344" s="137"/>
      <c r="AB5344" s="137"/>
      <c r="AC5344" s="137"/>
      <c r="AD5344" s="137"/>
      <c r="AE5344" s="137"/>
      <c r="AF5344" s="137"/>
      <c r="AG5344" s="137"/>
      <c r="AH5344" s="137"/>
      <c r="AI5344" s="137"/>
      <c r="AJ5344" s="137"/>
      <c r="AK5344" s="137"/>
      <c r="AL5344" s="137"/>
      <c r="AM5344" s="137"/>
      <c r="AN5344" s="137"/>
      <c r="AO5344" s="137"/>
      <c r="AP5344" s="137"/>
      <c r="AQ5344" s="137"/>
      <c r="AR5344" s="137"/>
      <c r="AS5344" s="137"/>
      <c r="AT5344" s="137"/>
      <c r="AU5344" s="137"/>
      <c r="AV5344" s="137"/>
      <c r="AW5344" s="144"/>
    </row>
    <row r="5345" spans="7:49" x14ac:dyDescent="0.2">
      <c r="G5345" s="43"/>
      <c r="Z5345" s="143"/>
      <c r="AA5345" s="137"/>
      <c r="AB5345" s="137"/>
      <c r="AC5345" s="137"/>
      <c r="AD5345" s="137"/>
      <c r="AE5345" s="137"/>
      <c r="AF5345" s="137"/>
      <c r="AG5345" s="137"/>
      <c r="AH5345" s="137"/>
      <c r="AI5345" s="137"/>
      <c r="AJ5345" s="137"/>
      <c r="AK5345" s="137"/>
      <c r="AL5345" s="137"/>
      <c r="AM5345" s="137"/>
      <c r="AN5345" s="137"/>
      <c r="AO5345" s="137"/>
      <c r="AP5345" s="137"/>
      <c r="AQ5345" s="137"/>
      <c r="AR5345" s="137"/>
      <c r="AS5345" s="137"/>
      <c r="AT5345" s="137"/>
      <c r="AU5345" s="137"/>
      <c r="AV5345" s="137"/>
      <c r="AW5345" s="144"/>
    </row>
    <row r="5346" spans="7:49" x14ac:dyDescent="0.2">
      <c r="G5346" s="43"/>
      <c r="Z5346" s="143"/>
      <c r="AA5346" s="137"/>
      <c r="AB5346" s="137"/>
      <c r="AC5346" s="137"/>
      <c r="AD5346" s="137"/>
      <c r="AE5346" s="137"/>
      <c r="AF5346" s="137"/>
      <c r="AG5346" s="137"/>
      <c r="AH5346" s="137"/>
      <c r="AI5346" s="137"/>
      <c r="AJ5346" s="137"/>
      <c r="AK5346" s="137"/>
      <c r="AL5346" s="137"/>
      <c r="AM5346" s="137"/>
      <c r="AN5346" s="137"/>
      <c r="AO5346" s="137"/>
      <c r="AP5346" s="137"/>
      <c r="AQ5346" s="137"/>
      <c r="AR5346" s="137"/>
      <c r="AS5346" s="137"/>
      <c r="AT5346" s="137"/>
      <c r="AU5346" s="137"/>
      <c r="AV5346" s="137"/>
      <c r="AW5346" s="144"/>
    </row>
    <row r="5347" spans="7:49" x14ac:dyDescent="0.2">
      <c r="G5347" s="43"/>
      <c r="Z5347" s="143"/>
      <c r="AA5347" s="137"/>
      <c r="AB5347" s="137"/>
      <c r="AC5347" s="137"/>
      <c r="AD5347" s="137"/>
      <c r="AE5347" s="137"/>
      <c r="AF5347" s="137"/>
      <c r="AG5347" s="137"/>
      <c r="AH5347" s="137"/>
      <c r="AI5347" s="137"/>
      <c r="AJ5347" s="137"/>
      <c r="AK5347" s="137"/>
      <c r="AL5347" s="137"/>
      <c r="AM5347" s="137"/>
      <c r="AN5347" s="137"/>
      <c r="AO5347" s="137"/>
      <c r="AP5347" s="137"/>
      <c r="AQ5347" s="137"/>
      <c r="AR5347" s="137"/>
      <c r="AS5347" s="137"/>
      <c r="AT5347" s="137"/>
      <c r="AU5347" s="137"/>
      <c r="AV5347" s="137"/>
      <c r="AW5347" s="144"/>
    </row>
    <row r="5348" spans="7:49" x14ac:dyDescent="0.2">
      <c r="G5348" s="43"/>
      <c r="Z5348" s="143"/>
      <c r="AA5348" s="137"/>
      <c r="AB5348" s="137"/>
      <c r="AC5348" s="137"/>
      <c r="AD5348" s="137"/>
      <c r="AE5348" s="137"/>
      <c r="AF5348" s="137"/>
      <c r="AG5348" s="137"/>
      <c r="AH5348" s="137"/>
      <c r="AI5348" s="137"/>
      <c r="AJ5348" s="137"/>
      <c r="AK5348" s="137"/>
      <c r="AL5348" s="137"/>
      <c r="AM5348" s="137"/>
      <c r="AN5348" s="137"/>
      <c r="AO5348" s="137"/>
      <c r="AP5348" s="137"/>
      <c r="AQ5348" s="137"/>
      <c r="AR5348" s="137"/>
      <c r="AS5348" s="137"/>
      <c r="AT5348" s="137"/>
      <c r="AU5348" s="137"/>
      <c r="AV5348" s="137"/>
      <c r="AW5348" s="144"/>
    </row>
    <row r="5349" spans="7:49" x14ac:dyDescent="0.2">
      <c r="G5349" s="43"/>
      <c r="Z5349" s="143"/>
      <c r="AA5349" s="137"/>
      <c r="AB5349" s="137"/>
      <c r="AC5349" s="137"/>
      <c r="AD5349" s="137"/>
      <c r="AE5349" s="137"/>
      <c r="AF5349" s="137"/>
      <c r="AG5349" s="137"/>
      <c r="AH5349" s="137"/>
      <c r="AI5349" s="137"/>
      <c r="AJ5349" s="137"/>
      <c r="AK5349" s="137"/>
      <c r="AL5349" s="137"/>
      <c r="AM5349" s="137"/>
      <c r="AN5349" s="137"/>
      <c r="AO5349" s="137"/>
      <c r="AP5349" s="137"/>
      <c r="AQ5349" s="137"/>
      <c r="AR5349" s="137"/>
      <c r="AS5349" s="137"/>
      <c r="AT5349" s="137"/>
      <c r="AU5349" s="137"/>
      <c r="AV5349" s="137"/>
      <c r="AW5349" s="144"/>
    </row>
    <row r="5350" spans="7:49" x14ac:dyDescent="0.2">
      <c r="G5350" s="43"/>
      <c r="Z5350" s="143"/>
      <c r="AA5350" s="137"/>
      <c r="AB5350" s="137"/>
      <c r="AC5350" s="137"/>
      <c r="AD5350" s="137"/>
      <c r="AE5350" s="137"/>
      <c r="AF5350" s="137"/>
      <c r="AG5350" s="137"/>
      <c r="AH5350" s="137"/>
      <c r="AI5350" s="137"/>
      <c r="AJ5350" s="137"/>
      <c r="AK5350" s="137"/>
      <c r="AL5350" s="137"/>
      <c r="AM5350" s="137"/>
      <c r="AN5350" s="137"/>
      <c r="AO5350" s="137"/>
      <c r="AP5350" s="137"/>
      <c r="AQ5350" s="137"/>
      <c r="AR5350" s="137"/>
      <c r="AS5350" s="137"/>
      <c r="AT5350" s="137"/>
      <c r="AU5350" s="137"/>
      <c r="AV5350" s="137"/>
      <c r="AW5350" s="144"/>
    </row>
    <row r="5351" spans="7:49" x14ac:dyDescent="0.2">
      <c r="G5351" s="43"/>
      <c r="Z5351" s="143"/>
      <c r="AA5351" s="137"/>
      <c r="AB5351" s="137"/>
      <c r="AC5351" s="137"/>
      <c r="AD5351" s="137"/>
      <c r="AE5351" s="137"/>
      <c r="AF5351" s="137"/>
      <c r="AG5351" s="137"/>
      <c r="AH5351" s="137"/>
      <c r="AI5351" s="137"/>
      <c r="AJ5351" s="137"/>
      <c r="AK5351" s="137"/>
      <c r="AL5351" s="137"/>
      <c r="AM5351" s="137"/>
      <c r="AN5351" s="137"/>
      <c r="AO5351" s="137"/>
      <c r="AP5351" s="137"/>
      <c r="AQ5351" s="137"/>
      <c r="AR5351" s="137"/>
      <c r="AS5351" s="137"/>
      <c r="AT5351" s="137"/>
      <c r="AU5351" s="137"/>
      <c r="AV5351" s="137"/>
      <c r="AW5351" s="144"/>
    </row>
    <row r="5352" spans="7:49" x14ac:dyDescent="0.2">
      <c r="G5352" s="43"/>
      <c r="Z5352" s="143"/>
      <c r="AA5352" s="137"/>
      <c r="AB5352" s="137"/>
      <c r="AC5352" s="137"/>
      <c r="AD5352" s="137"/>
      <c r="AE5352" s="137"/>
      <c r="AF5352" s="137"/>
      <c r="AG5352" s="137"/>
      <c r="AH5352" s="137"/>
      <c r="AI5352" s="137"/>
      <c r="AJ5352" s="137"/>
      <c r="AK5352" s="137"/>
      <c r="AL5352" s="137"/>
      <c r="AM5352" s="137"/>
      <c r="AN5352" s="137"/>
      <c r="AO5352" s="137"/>
      <c r="AP5352" s="137"/>
      <c r="AQ5352" s="137"/>
      <c r="AR5352" s="137"/>
      <c r="AS5352" s="137"/>
      <c r="AT5352" s="137"/>
      <c r="AU5352" s="137"/>
      <c r="AV5352" s="137"/>
      <c r="AW5352" s="144"/>
    </row>
    <row r="5353" spans="7:49" x14ac:dyDescent="0.2">
      <c r="G5353" s="43"/>
      <c r="Z5353" s="143"/>
      <c r="AA5353" s="137"/>
      <c r="AB5353" s="137"/>
      <c r="AC5353" s="137"/>
      <c r="AD5353" s="137"/>
      <c r="AE5353" s="137"/>
      <c r="AF5353" s="137"/>
      <c r="AG5353" s="137"/>
      <c r="AH5353" s="137"/>
      <c r="AI5353" s="137"/>
      <c r="AJ5353" s="137"/>
      <c r="AK5353" s="137"/>
      <c r="AL5353" s="137"/>
      <c r="AM5353" s="137"/>
      <c r="AN5353" s="137"/>
      <c r="AO5353" s="137"/>
      <c r="AP5353" s="137"/>
      <c r="AQ5353" s="137"/>
      <c r="AR5353" s="137"/>
      <c r="AS5353" s="137"/>
      <c r="AT5353" s="137"/>
      <c r="AU5353" s="137"/>
      <c r="AV5353" s="137"/>
      <c r="AW5353" s="144"/>
    </row>
    <row r="5354" spans="7:49" x14ac:dyDescent="0.2">
      <c r="G5354" s="43"/>
      <c r="Z5354" s="143"/>
      <c r="AA5354" s="137"/>
      <c r="AB5354" s="137"/>
      <c r="AC5354" s="137"/>
      <c r="AD5354" s="137"/>
      <c r="AE5354" s="137"/>
      <c r="AF5354" s="137"/>
      <c r="AG5354" s="137"/>
      <c r="AH5354" s="137"/>
      <c r="AI5354" s="137"/>
      <c r="AJ5354" s="137"/>
      <c r="AK5354" s="137"/>
      <c r="AL5354" s="137"/>
      <c r="AM5354" s="137"/>
      <c r="AN5354" s="137"/>
      <c r="AO5354" s="137"/>
      <c r="AP5354" s="137"/>
      <c r="AQ5354" s="137"/>
      <c r="AR5354" s="137"/>
      <c r="AS5354" s="137"/>
      <c r="AT5354" s="137"/>
      <c r="AU5354" s="137"/>
      <c r="AV5354" s="137"/>
      <c r="AW5354" s="144"/>
    </row>
    <row r="5355" spans="7:49" x14ac:dyDescent="0.2">
      <c r="G5355" s="43"/>
      <c r="Z5355" s="143"/>
      <c r="AA5355" s="137"/>
      <c r="AB5355" s="137"/>
      <c r="AC5355" s="137"/>
      <c r="AD5355" s="137"/>
      <c r="AE5355" s="137"/>
      <c r="AF5355" s="137"/>
      <c r="AG5355" s="137"/>
      <c r="AH5355" s="137"/>
      <c r="AI5355" s="137"/>
      <c r="AJ5355" s="137"/>
      <c r="AK5355" s="137"/>
      <c r="AL5355" s="137"/>
      <c r="AM5355" s="137"/>
      <c r="AN5355" s="137"/>
      <c r="AO5355" s="137"/>
      <c r="AP5355" s="137"/>
      <c r="AQ5355" s="137"/>
      <c r="AR5355" s="137"/>
      <c r="AS5355" s="137"/>
      <c r="AT5355" s="137"/>
      <c r="AU5355" s="137"/>
      <c r="AV5355" s="137"/>
      <c r="AW5355" s="144"/>
    </row>
    <row r="5356" spans="7:49" x14ac:dyDescent="0.2">
      <c r="G5356" s="43"/>
      <c r="Z5356" s="143"/>
      <c r="AA5356" s="137"/>
      <c r="AB5356" s="137"/>
      <c r="AC5356" s="137"/>
      <c r="AD5356" s="137"/>
      <c r="AE5356" s="137"/>
      <c r="AF5356" s="137"/>
      <c r="AG5356" s="137"/>
      <c r="AH5356" s="137"/>
      <c r="AI5356" s="137"/>
      <c r="AJ5356" s="137"/>
      <c r="AK5356" s="137"/>
      <c r="AL5356" s="137"/>
      <c r="AM5356" s="137"/>
      <c r="AN5356" s="137"/>
      <c r="AO5356" s="137"/>
      <c r="AP5356" s="137"/>
      <c r="AQ5356" s="137"/>
      <c r="AR5356" s="137"/>
      <c r="AS5356" s="137"/>
      <c r="AT5356" s="137"/>
      <c r="AU5356" s="137"/>
      <c r="AV5356" s="137"/>
      <c r="AW5356" s="144"/>
    </row>
    <row r="5357" spans="7:49" x14ac:dyDescent="0.2">
      <c r="G5357" s="43"/>
      <c r="Z5357" s="143"/>
      <c r="AA5357" s="137"/>
      <c r="AB5357" s="137"/>
      <c r="AC5357" s="137"/>
      <c r="AD5357" s="137"/>
      <c r="AE5357" s="137"/>
      <c r="AF5357" s="137"/>
      <c r="AG5357" s="137"/>
      <c r="AH5357" s="137"/>
      <c r="AI5357" s="137"/>
      <c r="AJ5357" s="137"/>
      <c r="AK5357" s="137"/>
      <c r="AL5357" s="137"/>
      <c r="AM5357" s="137"/>
      <c r="AN5357" s="137"/>
      <c r="AO5357" s="137"/>
      <c r="AP5357" s="137"/>
      <c r="AQ5357" s="137"/>
      <c r="AR5357" s="137"/>
      <c r="AS5357" s="137"/>
      <c r="AT5357" s="137"/>
      <c r="AU5357" s="137"/>
      <c r="AV5357" s="137"/>
      <c r="AW5357" s="144"/>
    </row>
    <row r="5358" spans="7:49" x14ac:dyDescent="0.2">
      <c r="G5358" s="43"/>
      <c r="Z5358" s="143"/>
      <c r="AA5358" s="137"/>
      <c r="AB5358" s="137"/>
      <c r="AC5358" s="137"/>
      <c r="AD5358" s="137"/>
      <c r="AE5358" s="137"/>
      <c r="AF5358" s="137"/>
      <c r="AG5358" s="137"/>
      <c r="AH5358" s="137"/>
      <c r="AI5358" s="137"/>
      <c r="AJ5358" s="137"/>
      <c r="AK5358" s="137"/>
      <c r="AL5358" s="137"/>
      <c r="AM5358" s="137"/>
      <c r="AN5358" s="137"/>
      <c r="AO5358" s="137"/>
      <c r="AP5358" s="137"/>
      <c r="AQ5358" s="137"/>
      <c r="AR5358" s="137"/>
      <c r="AS5358" s="137"/>
      <c r="AT5358" s="137"/>
      <c r="AU5358" s="137"/>
      <c r="AV5358" s="137"/>
      <c r="AW5358" s="144"/>
    </row>
    <row r="5359" spans="7:49" x14ac:dyDescent="0.2">
      <c r="G5359" s="43"/>
      <c r="Z5359" s="143"/>
      <c r="AA5359" s="137"/>
      <c r="AB5359" s="137"/>
      <c r="AC5359" s="137"/>
      <c r="AD5359" s="137"/>
      <c r="AE5359" s="137"/>
      <c r="AF5359" s="137"/>
      <c r="AG5359" s="137"/>
      <c r="AH5359" s="137"/>
      <c r="AI5359" s="137"/>
      <c r="AJ5359" s="137"/>
      <c r="AK5359" s="137"/>
      <c r="AL5359" s="137"/>
      <c r="AM5359" s="137"/>
      <c r="AN5359" s="137"/>
      <c r="AO5359" s="137"/>
      <c r="AP5359" s="137"/>
      <c r="AQ5359" s="137"/>
      <c r="AR5359" s="137"/>
      <c r="AS5359" s="137"/>
      <c r="AT5359" s="137"/>
      <c r="AU5359" s="137"/>
      <c r="AV5359" s="137"/>
      <c r="AW5359" s="144"/>
    </row>
    <row r="5360" spans="7:49" x14ac:dyDescent="0.2">
      <c r="G5360" s="43"/>
      <c r="Z5360" s="143"/>
      <c r="AA5360" s="137"/>
      <c r="AB5360" s="137"/>
      <c r="AC5360" s="137"/>
      <c r="AD5360" s="137"/>
      <c r="AE5360" s="137"/>
      <c r="AF5360" s="137"/>
      <c r="AG5360" s="137"/>
      <c r="AH5360" s="137"/>
      <c r="AI5360" s="137"/>
      <c r="AJ5360" s="137"/>
      <c r="AK5360" s="137"/>
      <c r="AL5360" s="137"/>
      <c r="AM5360" s="137"/>
      <c r="AN5360" s="137"/>
      <c r="AO5360" s="137"/>
      <c r="AP5360" s="137"/>
      <c r="AQ5360" s="137"/>
      <c r="AR5360" s="137"/>
      <c r="AS5360" s="137"/>
      <c r="AT5360" s="137"/>
      <c r="AU5360" s="137"/>
      <c r="AV5360" s="137"/>
      <c r="AW5360" s="144"/>
    </row>
    <row r="5361" spans="7:49" x14ac:dyDescent="0.2">
      <c r="G5361" s="43"/>
      <c r="Z5361" s="143"/>
      <c r="AA5361" s="137"/>
      <c r="AB5361" s="137"/>
      <c r="AC5361" s="137"/>
      <c r="AD5361" s="137"/>
      <c r="AE5361" s="137"/>
      <c r="AF5361" s="137"/>
      <c r="AG5361" s="137"/>
      <c r="AH5361" s="137"/>
      <c r="AI5361" s="137"/>
      <c r="AJ5361" s="137"/>
      <c r="AK5361" s="137"/>
      <c r="AL5361" s="137"/>
      <c r="AM5361" s="137"/>
      <c r="AN5361" s="137"/>
      <c r="AO5361" s="137"/>
      <c r="AP5361" s="137"/>
      <c r="AQ5361" s="137"/>
      <c r="AR5361" s="137"/>
      <c r="AS5361" s="137"/>
      <c r="AT5361" s="137"/>
      <c r="AU5361" s="137"/>
      <c r="AV5361" s="137"/>
      <c r="AW5361" s="144"/>
    </row>
    <row r="5362" spans="7:49" x14ac:dyDescent="0.2">
      <c r="G5362" s="43"/>
      <c r="Z5362" s="143"/>
      <c r="AA5362" s="137"/>
      <c r="AB5362" s="137"/>
      <c r="AC5362" s="137"/>
      <c r="AD5362" s="137"/>
      <c r="AE5362" s="137"/>
      <c r="AF5362" s="137"/>
      <c r="AG5362" s="137"/>
      <c r="AH5362" s="137"/>
      <c r="AI5362" s="137"/>
      <c r="AJ5362" s="137"/>
      <c r="AK5362" s="137"/>
      <c r="AL5362" s="137"/>
      <c r="AM5362" s="137"/>
      <c r="AN5362" s="137"/>
      <c r="AO5362" s="137"/>
      <c r="AP5362" s="137"/>
      <c r="AQ5362" s="137"/>
      <c r="AR5362" s="137"/>
      <c r="AS5362" s="137"/>
      <c r="AT5362" s="137"/>
      <c r="AU5362" s="137"/>
      <c r="AV5362" s="137"/>
      <c r="AW5362" s="144"/>
    </row>
    <row r="5363" spans="7:49" x14ac:dyDescent="0.2">
      <c r="G5363" s="43"/>
      <c r="Z5363" s="143"/>
      <c r="AA5363" s="137"/>
      <c r="AB5363" s="137"/>
      <c r="AC5363" s="137"/>
      <c r="AD5363" s="137"/>
      <c r="AE5363" s="137"/>
      <c r="AF5363" s="137"/>
      <c r="AG5363" s="137"/>
      <c r="AH5363" s="137"/>
      <c r="AI5363" s="137"/>
      <c r="AJ5363" s="137"/>
      <c r="AK5363" s="137"/>
      <c r="AL5363" s="137"/>
      <c r="AM5363" s="137"/>
      <c r="AN5363" s="137"/>
      <c r="AO5363" s="137"/>
      <c r="AP5363" s="137"/>
      <c r="AQ5363" s="137"/>
      <c r="AR5363" s="137"/>
      <c r="AS5363" s="137"/>
      <c r="AT5363" s="137"/>
      <c r="AU5363" s="137"/>
      <c r="AV5363" s="137"/>
      <c r="AW5363" s="144"/>
    </row>
    <row r="5364" spans="7:49" x14ac:dyDescent="0.2">
      <c r="G5364" s="43"/>
      <c r="Z5364" s="143"/>
      <c r="AA5364" s="137"/>
      <c r="AB5364" s="137"/>
      <c r="AC5364" s="137"/>
      <c r="AD5364" s="137"/>
      <c r="AE5364" s="137"/>
      <c r="AF5364" s="137"/>
      <c r="AG5364" s="137"/>
      <c r="AH5364" s="137"/>
      <c r="AI5364" s="137"/>
      <c r="AJ5364" s="137"/>
      <c r="AK5364" s="137"/>
      <c r="AL5364" s="137"/>
      <c r="AM5364" s="137"/>
      <c r="AN5364" s="137"/>
      <c r="AO5364" s="137"/>
      <c r="AP5364" s="137"/>
      <c r="AQ5364" s="137"/>
      <c r="AR5364" s="137"/>
      <c r="AS5364" s="137"/>
      <c r="AT5364" s="137"/>
      <c r="AU5364" s="137"/>
      <c r="AV5364" s="137"/>
      <c r="AW5364" s="144"/>
    </row>
    <row r="5365" spans="7:49" x14ac:dyDescent="0.2">
      <c r="G5365" s="43"/>
      <c r="Z5365" s="143"/>
      <c r="AA5365" s="137"/>
      <c r="AB5365" s="137"/>
      <c r="AC5365" s="137"/>
      <c r="AD5365" s="137"/>
      <c r="AE5365" s="137"/>
      <c r="AF5365" s="137"/>
      <c r="AG5365" s="137"/>
      <c r="AH5365" s="137"/>
      <c r="AI5365" s="137"/>
      <c r="AJ5365" s="137"/>
      <c r="AK5365" s="137"/>
      <c r="AL5365" s="137"/>
      <c r="AM5365" s="137"/>
      <c r="AN5365" s="137"/>
      <c r="AO5365" s="137"/>
      <c r="AP5365" s="137"/>
      <c r="AQ5365" s="137"/>
      <c r="AR5365" s="137"/>
      <c r="AS5365" s="137"/>
      <c r="AT5365" s="137"/>
      <c r="AU5365" s="137"/>
      <c r="AV5365" s="137"/>
      <c r="AW5365" s="144"/>
    </row>
    <row r="5366" spans="7:49" x14ac:dyDescent="0.2">
      <c r="G5366" s="43"/>
      <c r="Z5366" s="143"/>
      <c r="AA5366" s="137"/>
      <c r="AB5366" s="137"/>
      <c r="AC5366" s="137"/>
      <c r="AD5366" s="137"/>
      <c r="AE5366" s="137"/>
      <c r="AF5366" s="137"/>
      <c r="AG5366" s="137"/>
      <c r="AH5366" s="137"/>
      <c r="AI5366" s="137"/>
      <c r="AJ5366" s="137"/>
      <c r="AK5366" s="137"/>
      <c r="AL5366" s="137"/>
      <c r="AM5366" s="137"/>
      <c r="AN5366" s="137"/>
      <c r="AO5366" s="137"/>
      <c r="AP5366" s="137"/>
      <c r="AQ5366" s="137"/>
      <c r="AR5366" s="137"/>
      <c r="AS5366" s="137"/>
      <c r="AT5366" s="137"/>
      <c r="AU5366" s="137"/>
      <c r="AV5366" s="137"/>
      <c r="AW5366" s="144"/>
    </row>
    <row r="5367" spans="7:49" x14ac:dyDescent="0.2">
      <c r="G5367" s="43"/>
      <c r="Z5367" s="143"/>
      <c r="AA5367" s="137"/>
      <c r="AB5367" s="137"/>
      <c r="AC5367" s="137"/>
      <c r="AD5367" s="137"/>
      <c r="AE5367" s="137"/>
      <c r="AF5367" s="137"/>
      <c r="AG5367" s="137"/>
      <c r="AH5367" s="137"/>
      <c r="AI5367" s="137"/>
      <c r="AJ5367" s="137"/>
      <c r="AK5367" s="137"/>
      <c r="AL5367" s="137"/>
      <c r="AM5367" s="137"/>
      <c r="AN5367" s="137"/>
      <c r="AO5367" s="137"/>
      <c r="AP5367" s="137"/>
      <c r="AQ5367" s="137"/>
      <c r="AR5367" s="137"/>
      <c r="AS5367" s="137"/>
      <c r="AT5367" s="137"/>
      <c r="AU5367" s="137"/>
      <c r="AV5367" s="137"/>
      <c r="AW5367" s="144"/>
    </row>
    <row r="5368" spans="7:49" x14ac:dyDescent="0.2">
      <c r="G5368" s="43"/>
      <c r="Z5368" s="143"/>
      <c r="AA5368" s="137"/>
      <c r="AB5368" s="137"/>
      <c r="AC5368" s="137"/>
      <c r="AD5368" s="137"/>
      <c r="AE5368" s="137"/>
      <c r="AF5368" s="137"/>
      <c r="AG5368" s="137"/>
      <c r="AH5368" s="137"/>
      <c r="AI5368" s="137"/>
      <c r="AJ5368" s="137"/>
      <c r="AK5368" s="137"/>
      <c r="AL5368" s="137"/>
      <c r="AM5368" s="137"/>
      <c r="AN5368" s="137"/>
      <c r="AO5368" s="137"/>
      <c r="AP5368" s="137"/>
      <c r="AQ5368" s="137"/>
      <c r="AR5368" s="137"/>
      <c r="AS5368" s="137"/>
      <c r="AT5368" s="137"/>
      <c r="AU5368" s="137"/>
      <c r="AV5368" s="137"/>
      <c r="AW5368" s="144"/>
    </row>
    <row r="5369" spans="7:49" x14ac:dyDescent="0.2">
      <c r="G5369" s="43"/>
      <c r="Z5369" s="143"/>
      <c r="AA5369" s="137"/>
      <c r="AB5369" s="137"/>
      <c r="AC5369" s="137"/>
      <c r="AD5369" s="137"/>
      <c r="AE5369" s="137"/>
      <c r="AF5369" s="137"/>
      <c r="AG5369" s="137"/>
      <c r="AH5369" s="137"/>
      <c r="AI5369" s="137"/>
      <c r="AJ5369" s="137"/>
      <c r="AK5369" s="137"/>
      <c r="AL5369" s="137"/>
      <c r="AM5369" s="137"/>
      <c r="AN5369" s="137"/>
      <c r="AO5369" s="137"/>
      <c r="AP5369" s="137"/>
      <c r="AQ5369" s="137"/>
      <c r="AR5369" s="137"/>
      <c r="AS5369" s="137"/>
      <c r="AT5369" s="137"/>
      <c r="AU5369" s="137"/>
      <c r="AV5369" s="137"/>
      <c r="AW5369" s="144"/>
    </row>
    <row r="5370" spans="7:49" x14ac:dyDescent="0.2">
      <c r="G5370" s="43"/>
      <c r="Z5370" s="143"/>
      <c r="AA5370" s="137"/>
      <c r="AB5370" s="137"/>
      <c r="AC5370" s="137"/>
      <c r="AD5370" s="137"/>
      <c r="AE5370" s="137"/>
      <c r="AF5370" s="137"/>
      <c r="AG5370" s="137"/>
      <c r="AH5370" s="137"/>
      <c r="AI5370" s="137"/>
      <c r="AJ5370" s="137"/>
      <c r="AK5370" s="137"/>
      <c r="AL5370" s="137"/>
      <c r="AM5370" s="137"/>
      <c r="AN5370" s="137"/>
      <c r="AO5370" s="137"/>
      <c r="AP5370" s="137"/>
      <c r="AQ5370" s="137"/>
      <c r="AR5370" s="137"/>
      <c r="AS5370" s="137"/>
      <c r="AT5370" s="137"/>
      <c r="AU5370" s="137"/>
      <c r="AV5370" s="137"/>
      <c r="AW5370" s="144"/>
    </row>
    <row r="5371" spans="7:49" x14ac:dyDescent="0.2">
      <c r="G5371" s="43"/>
      <c r="Z5371" s="143"/>
      <c r="AA5371" s="137"/>
      <c r="AB5371" s="137"/>
      <c r="AC5371" s="137"/>
      <c r="AD5371" s="137"/>
      <c r="AE5371" s="137"/>
      <c r="AF5371" s="137"/>
      <c r="AG5371" s="137"/>
      <c r="AH5371" s="137"/>
      <c r="AI5371" s="137"/>
      <c r="AJ5371" s="137"/>
      <c r="AK5371" s="137"/>
      <c r="AL5371" s="137"/>
      <c r="AM5371" s="137"/>
      <c r="AN5371" s="137"/>
      <c r="AO5371" s="137"/>
      <c r="AP5371" s="137"/>
      <c r="AQ5371" s="137"/>
      <c r="AR5371" s="137"/>
      <c r="AS5371" s="137"/>
      <c r="AT5371" s="137"/>
      <c r="AU5371" s="137"/>
      <c r="AV5371" s="137"/>
      <c r="AW5371" s="144"/>
    </row>
    <row r="5372" spans="7:49" x14ac:dyDescent="0.2">
      <c r="G5372" s="43"/>
      <c r="Z5372" s="143"/>
      <c r="AA5372" s="137"/>
      <c r="AB5372" s="137"/>
      <c r="AC5372" s="137"/>
      <c r="AD5372" s="137"/>
      <c r="AE5372" s="137"/>
      <c r="AF5372" s="137"/>
      <c r="AG5372" s="137"/>
      <c r="AH5372" s="137"/>
      <c r="AI5372" s="137"/>
      <c r="AJ5372" s="137"/>
      <c r="AK5372" s="137"/>
      <c r="AL5372" s="137"/>
      <c r="AM5372" s="137"/>
      <c r="AN5372" s="137"/>
      <c r="AO5372" s="137"/>
      <c r="AP5372" s="137"/>
      <c r="AQ5372" s="137"/>
      <c r="AR5372" s="137"/>
      <c r="AS5372" s="137"/>
      <c r="AT5372" s="137"/>
      <c r="AU5372" s="137"/>
      <c r="AV5372" s="137"/>
      <c r="AW5372" s="144"/>
    </row>
    <row r="5373" spans="7:49" x14ac:dyDescent="0.2">
      <c r="G5373" s="43"/>
      <c r="Z5373" s="143"/>
      <c r="AA5373" s="137"/>
      <c r="AB5373" s="137"/>
      <c r="AC5373" s="137"/>
      <c r="AD5373" s="137"/>
      <c r="AE5373" s="137"/>
      <c r="AF5373" s="137"/>
      <c r="AG5373" s="137"/>
      <c r="AH5373" s="137"/>
      <c r="AI5373" s="137"/>
      <c r="AJ5373" s="137"/>
      <c r="AK5373" s="137"/>
      <c r="AL5373" s="137"/>
      <c r="AM5373" s="137"/>
      <c r="AN5373" s="137"/>
      <c r="AO5373" s="137"/>
      <c r="AP5373" s="137"/>
      <c r="AQ5373" s="137"/>
      <c r="AR5373" s="137"/>
      <c r="AS5373" s="137"/>
      <c r="AT5373" s="137"/>
      <c r="AU5373" s="137"/>
      <c r="AV5373" s="137"/>
      <c r="AW5373" s="144"/>
    </row>
    <row r="5374" spans="7:49" x14ac:dyDescent="0.2">
      <c r="G5374" s="43"/>
      <c r="Z5374" s="143"/>
      <c r="AA5374" s="137"/>
      <c r="AB5374" s="137"/>
      <c r="AC5374" s="137"/>
      <c r="AD5374" s="137"/>
      <c r="AE5374" s="137"/>
      <c r="AF5374" s="137"/>
      <c r="AG5374" s="137"/>
      <c r="AH5374" s="137"/>
      <c r="AI5374" s="137"/>
      <c r="AJ5374" s="137"/>
      <c r="AK5374" s="137"/>
      <c r="AL5374" s="137"/>
      <c r="AM5374" s="137"/>
      <c r="AN5374" s="137"/>
      <c r="AO5374" s="137"/>
      <c r="AP5374" s="137"/>
      <c r="AQ5374" s="137"/>
      <c r="AR5374" s="137"/>
      <c r="AS5374" s="137"/>
      <c r="AT5374" s="137"/>
      <c r="AU5374" s="137"/>
      <c r="AV5374" s="137"/>
      <c r="AW5374" s="144"/>
    </row>
    <row r="5375" spans="7:49" x14ac:dyDescent="0.2">
      <c r="G5375" s="43"/>
      <c r="Z5375" s="143"/>
      <c r="AA5375" s="137"/>
      <c r="AB5375" s="137"/>
      <c r="AC5375" s="137"/>
      <c r="AD5375" s="137"/>
      <c r="AE5375" s="137"/>
      <c r="AF5375" s="137"/>
      <c r="AG5375" s="137"/>
      <c r="AH5375" s="137"/>
      <c r="AI5375" s="137"/>
      <c r="AJ5375" s="137"/>
      <c r="AK5375" s="137"/>
      <c r="AL5375" s="137"/>
      <c r="AM5375" s="137"/>
      <c r="AN5375" s="137"/>
      <c r="AO5375" s="137"/>
      <c r="AP5375" s="137"/>
      <c r="AQ5375" s="137"/>
      <c r="AR5375" s="137"/>
      <c r="AS5375" s="137"/>
      <c r="AT5375" s="137"/>
      <c r="AU5375" s="137"/>
      <c r="AV5375" s="137"/>
      <c r="AW5375" s="144"/>
    </row>
    <row r="5376" spans="7:49" x14ac:dyDescent="0.2">
      <c r="G5376" s="43"/>
      <c r="Z5376" s="143"/>
      <c r="AA5376" s="137"/>
      <c r="AB5376" s="137"/>
      <c r="AC5376" s="137"/>
      <c r="AD5376" s="137"/>
      <c r="AE5376" s="137"/>
      <c r="AF5376" s="137"/>
      <c r="AG5376" s="137"/>
      <c r="AH5376" s="137"/>
      <c r="AI5376" s="137"/>
      <c r="AJ5376" s="137"/>
      <c r="AK5376" s="137"/>
      <c r="AL5376" s="137"/>
      <c r="AM5376" s="137"/>
      <c r="AN5376" s="137"/>
      <c r="AO5376" s="137"/>
      <c r="AP5376" s="137"/>
      <c r="AQ5376" s="137"/>
      <c r="AR5376" s="137"/>
      <c r="AS5376" s="137"/>
      <c r="AT5376" s="137"/>
      <c r="AU5376" s="137"/>
      <c r="AV5376" s="137"/>
      <c r="AW5376" s="144"/>
    </row>
    <row r="5377" spans="7:49" x14ac:dyDescent="0.2">
      <c r="G5377" s="43"/>
      <c r="Z5377" s="143"/>
      <c r="AA5377" s="137"/>
      <c r="AB5377" s="137"/>
      <c r="AC5377" s="137"/>
      <c r="AD5377" s="137"/>
      <c r="AE5377" s="137"/>
      <c r="AF5377" s="137"/>
      <c r="AG5377" s="137"/>
      <c r="AH5377" s="137"/>
      <c r="AI5377" s="137"/>
      <c r="AJ5377" s="137"/>
      <c r="AK5377" s="137"/>
      <c r="AL5377" s="137"/>
      <c r="AM5377" s="137"/>
      <c r="AN5377" s="137"/>
      <c r="AO5377" s="137"/>
      <c r="AP5377" s="137"/>
      <c r="AQ5377" s="137"/>
      <c r="AR5377" s="137"/>
      <c r="AS5377" s="137"/>
      <c r="AT5377" s="137"/>
      <c r="AU5377" s="137"/>
      <c r="AV5377" s="137"/>
      <c r="AW5377" s="144"/>
    </row>
    <row r="5378" spans="7:49" x14ac:dyDescent="0.2">
      <c r="G5378" s="43"/>
      <c r="Z5378" s="143"/>
      <c r="AA5378" s="137"/>
      <c r="AB5378" s="137"/>
      <c r="AC5378" s="137"/>
      <c r="AD5378" s="137"/>
      <c r="AE5378" s="137"/>
      <c r="AF5378" s="137"/>
      <c r="AG5378" s="137"/>
      <c r="AH5378" s="137"/>
      <c r="AI5378" s="137"/>
      <c r="AJ5378" s="137"/>
      <c r="AK5378" s="137"/>
      <c r="AL5378" s="137"/>
      <c r="AM5378" s="137"/>
      <c r="AN5378" s="137"/>
      <c r="AO5378" s="137"/>
      <c r="AP5378" s="137"/>
      <c r="AQ5378" s="137"/>
      <c r="AR5378" s="137"/>
      <c r="AS5378" s="137"/>
      <c r="AT5378" s="137"/>
      <c r="AU5378" s="137"/>
      <c r="AV5378" s="137"/>
      <c r="AW5378" s="144"/>
    </row>
    <row r="5379" spans="7:49" x14ac:dyDescent="0.2">
      <c r="G5379" s="43"/>
      <c r="Z5379" s="143"/>
      <c r="AA5379" s="137"/>
      <c r="AB5379" s="137"/>
      <c r="AC5379" s="137"/>
      <c r="AD5379" s="137"/>
      <c r="AE5379" s="137"/>
      <c r="AF5379" s="137"/>
      <c r="AG5379" s="137"/>
      <c r="AH5379" s="137"/>
      <c r="AI5379" s="137"/>
      <c r="AJ5379" s="137"/>
      <c r="AK5379" s="137"/>
      <c r="AL5379" s="137"/>
      <c r="AM5379" s="137"/>
      <c r="AN5379" s="137"/>
      <c r="AO5379" s="137"/>
      <c r="AP5379" s="137"/>
      <c r="AQ5379" s="137"/>
      <c r="AR5379" s="137"/>
      <c r="AS5379" s="137"/>
      <c r="AT5379" s="137"/>
      <c r="AU5379" s="137"/>
      <c r="AV5379" s="137"/>
      <c r="AW5379" s="144"/>
    </row>
    <row r="5380" spans="7:49" x14ac:dyDescent="0.2">
      <c r="G5380" s="43"/>
      <c r="Z5380" s="143"/>
      <c r="AA5380" s="137"/>
      <c r="AB5380" s="137"/>
      <c r="AC5380" s="137"/>
      <c r="AD5380" s="137"/>
      <c r="AE5380" s="137"/>
      <c r="AF5380" s="137"/>
      <c r="AG5380" s="137"/>
      <c r="AH5380" s="137"/>
      <c r="AI5380" s="137"/>
      <c r="AJ5380" s="137"/>
      <c r="AK5380" s="137"/>
      <c r="AL5380" s="137"/>
      <c r="AM5380" s="137"/>
      <c r="AN5380" s="137"/>
      <c r="AO5380" s="137"/>
      <c r="AP5380" s="137"/>
      <c r="AQ5380" s="137"/>
      <c r="AR5380" s="137"/>
      <c r="AS5380" s="137"/>
      <c r="AT5380" s="137"/>
      <c r="AU5380" s="137"/>
      <c r="AV5380" s="137"/>
      <c r="AW5380" s="144"/>
    </row>
    <row r="5381" spans="7:49" x14ac:dyDescent="0.2">
      <c r="G5381" s="43"/>
      <c r="Z5381" s="143"/>
      <c r="AA5381" s="137"/>
      <c r="AB5381" s="137"/>
      <c r="AC5381" s="137"/>
      <c r="AD5381" s="137"/>
      <c r="AE5381" s="137"/>
      <c r="AF5381" s="137"/>
      <c r="AG5381" s="137"/>
      <c r="AH5381" s="137"/>
      <c r="AI5381" s="137"/>
      <c r="AJ5381" s="137"/>
      <c r="AK5381" s="137"/>
      <c r="AL5381" s="137"/>
      <c r="AM5381" s="137"/>
      <c r="AN5381" s="137"/>
      <c r="AO5381" s="137"/>
      <c r="AP5381" s="137"/>
      <c r="AQ5381" s="137"/>
      <c r="AR5381" s="137"/>
      <c r="AS5381" s="137"/>
      <c r="AT5381" s="137"/>
      <c r="AU5381" s="137"/>
      <c r="AV5381" s="137"/>
      <c r="AW5381" s="144"/>
    </row>
    <row r="5382" spans="7:49" x14ac:dyDescent="0.2">
      <c r="G5382" s="43"/>
      <c r="Z5382" s="143"/>
      <c r="AA5382" s="137"/>
      <c r="AB5382" s="137"/>
      <c r="AC5382" s="137"/>
      <c r="AD5382" s="137"/>
      <c r="AE5382" s="137"/>
      <c r="AF5382" s="137"/>
      <c r="AG5382" s="137"/>
      <c r="AH5382" s="137"/>
      <c r="AI5382" s="137"/>
      <c r="AJ5382" s="137"/>
      <c r="AK5382" s="137"/>
      <c r="AL5382" s="137"/>
      <c r="AM5382" s="137"/>
      <c r="AN5382" s="137"/>
      <c r="AO5382" s="137"/>
      <c r="AP5382" s="137"/>
      <c r="AQ5382" s="137"/>
      <c r="AR5382" s="137"/>
      <c r="AS5382" s="137"/>
      <c r="AT5382" s="137"/>
      <c r="AU5382" s="137"/>
      <c r="AV5382" s="137"/>
      <c r="AW5382" s="144"/>
    </row>
    <row r="5383" spans="7:49" x14ac:dyDescent="0.2">
      <c r="G5383" s="43"/>
      <c r="Z5383" s="143"/>
      <c r="AA5383" s="137"/>
      <c r="AB5383" s="137"/>
      <c r="AC5383" s="137"/>
      <c r="AD5383" s="137"/>
      <c r="AE5383" s="137"/>
      <c r="AF5383" s="137"/>
      <c r="AG5383" s="137"/>
      <c r="AH5383" s="137"/>
      <c r="AI5383" s="137"/>
      <c r="AJ5383" s="137"/>
      <c r="AK5383" s="137"/>
      <c r="AL5383" s="137"/>
      <c r="AM5383" s="137"/>
      <c r="AN5383" s="137"/>
      <c r="AO5383" s="137"/>
      <c r="AP5383" s="137"/>
      <c r="AQ5383" s="137"/>
      <c r="AR5383" s="137"/>
      <c r="AS5383" s="137"/>
      <c r="AT5383" s="137"/>
      <c r="AU5383" s="137"/>
      <c r="AV5383" s="137"/>
      <c r="AW5383" s="144"/>
    </row>
    <row r="5384" spans="7:49" x14ac:dyDescent="0.2">
      <c r="G5384" s="43"/>
      <c r="Z5384" s="143"/>
      <c r="AA5384" s="137"/>
      <c r="AB5384" s="137"/>
      <c r="AC5384" s="137"/>
      <c r="AD5384" s="137"/>
      <c r="AE5384" s="137"/>
      <c r="AF5384" s="137"/>
      <c r="AG5384" s="137"/>
      <c r="AH5384" s="137"/>
      <c r="AI5384" s="137"/>
      <c r="AJ5384" s="137"/>
      <c r="AK5384" s="137"/>
      <c r="AL5384" s="137"/>
      <c r="AM5384" s="137"/>
      <c r="AN5384" s="137"/>
      <c r="AO5384" s="137"/>
      <c r="AP5384" s="137"/>
      <c r="AQ5384" s="137"/>
      <c r="AR5384" s="137"/>
      <c r="AS5384" s="137"/>
      <c r="AT5384" s="137"/>
      <c r="AU5384" s="137"/>
      <c r="AV5384" s="137"/>
      <c r="AW5384" s="144"/>
    </row>
    <row r="5385" spans="7:49" x14ac:dyDescent="0.2">
      <c r="G5385" s="43"/>
      <c r="Z5385" s="143"/>
      <c r="AA5385" s="137"/>
      <c r="AB5385" s="137"/>
      <c r="AC5385" s="137"/>
      <c r="AD5385" s="137"/>
      <c r="AE5385" s="137"/>
      <c r="AF5385" s="137"/>
      <c r="AG5385" s="137"/>
      <c r="AH5385" s="137"/>
      <c r="AI5385" s="137"/>
      <c r="AJ5385" s="137"/>
      <c r="AK5385" s="137"/>
      <c r="AL5385" s="137"/>
      <c r="AM5385" s="137"/>
      <c r="AN5385" s="137"/>
      <c r="AO5385" s="137"/>
      <c r="AP5385" s="137"/>
      <c r="AQ5385" s="137"/>
      <c r="AR5385" s="137"/>
      <c r="AS5385" s="137"/>
      <c r="AT5385" s="137"/>
      <c r="AU5385" s="137"/>
      <c r="AV5385" s="137"/>
      <c r="AW5385" s="144"/>
    </row>
    <row r="5386" spans="7:49" x14ac:dyDescent="0.2">
      <c r="G5386" s="43"/>
      <c r="Z5386" s="143"/>
      <c r="AA5386" s="137"/>
      <c r="AB5386" s="137"/>
      <c r="AC5386" s="137"/>
      <c r="AD5386" s="137"/>
      <c r="AE5386" s="137"/>
      <c r="AF5386" s="137"/>
      <c r="AG5386" s="137"/>
      <c r="AH5386" s="137"/>
      <c r="AI5386" s="137"/>
      <c r="AJ5386" s="137"/>
      <c r="AK5386" s="137"/>
      <c r="AL5386" s="137"/>
      <c r="AM5386" s="137"/>
      <c r="AN5386" s="137"/>
      <c r="AO5386" s="137"/>
      <c r="AP5386" s="137"/>
      <c r="AQ5386" s="137"/>
      <c r="AR5386" s="137"/>
      <c r="AS5386" s="137"/>
      <c r="AT5386" s="137"/>
      <c r="AU5386" s="137"/>
      <c r="AV5386" s="137"/>
      <c r="AW5386" s="144"/>
    </row>
    <row r="5387" spans="7:49" x14ac:dyDescent="0.2">
      <c r="G5387" s="43"/>
      <c r="Z5387" s="143"/>
      <c r="AA5387" s="137"/>
      <c r="AB5387" s="137"/>
      <c r="AC5387" s="137"/>
      <c r="AD5387" s="137"/>
      <c r="AE5387" s="137"/>
      <c r="AF5387" s="137"/>
      <c r="AG5387" s="137"/>
      <c r="AH5387" s="137"/>
      <c r="AI5387" s="137"/>
      <c r="AJ5387" s="137"/>
      <c r="AK5387" s="137"/>
      <c r="AL5387" s="137"/>
      <c r="AM5387" s="137"/>
      <c r="AN5387" s="137"/>
      <c r="AO5387" s="137"/>
      <c r="AP5387" s="137"/>
      <c r="AQ5387" s="137"/>
      <c r="AR5387" s="137"/>
      <c r="AS5387" s="137"/>
      <c r="AT5387" s="137"/>
      <c r="AU5387" s="137"/>
      <c r="AV5387" s="137"/>
      <c r="AW5387" s="144"/>
    </row>
    <row r="5388" spans="7:49" x14ac:dyDescent="0.2">
      <c r="G5388" s="43"/>
      <c r="Z5388" s="143"/>
      <c r="AA5388" s="137"/>
      <c r="AB5388" s="137"/>
      <c r="AC5388" s="137"/>
      <c r="AD5388" s="137"/>
      <c r="AE5388" s="137"/>
      <c r="AF5388" s="137"/>
      <c r="AG5388" s="137"/>
      <c r="AH5388" s="137"/>
      <c r="AI5388" s="137"/>
      <c r="AJ5388" s="137"/>
      <c r="AK5388" s="137"/>
      <c r="AL5388" s="137"/>
      <c r="AM5388" s="137"/>
      <c r="AN5388" s="137"/>
      <c r="AO5388" s="137"/>
      <c r="AP5388" s="137"/>
      <c r="AQ5388" s="137"/>
      <c r="AR5388" s="137"/>
      <c r="AS5388" s="137"/>
      <c r="AT5388" s="137"/>
      <c r="AU5388" s="137"/>
      <c r="AV5388" s="137"/>
      <c r="AW5388" s="144"/>
    </row>
    <row r="5389" spans="7:49" x14ac:dyDescent="0.2">
      <c r="G5389" s="43"/>
      <c r="Z5389" s="143"/>
      <c r="AA5389" s="137"/>
      <c r="AB5389" s="137"/>
      <c r="AC5389" s="137"/>
      <c r="AD5389" s="137"/>
      <c r="AE5389" s="137"/>
      <c r="AF5389" s="137"/>
      <c r="AG5389" s="137"/>
      <c r="AH5389" s="137"/>
      <c r="AI5389" s="137"/>
      <c r="AJ5389" s="137"/>
      <c r="AK5389" s="137"/>
      <c r="AL5389" s="137"/>
      <c r="AM5389" s="137"/>
      <c r="AN5389" s="137"/>
      <c r="AO5389" s="137"/>
      <c r="AP5389" s="137"/>
      <c r="AQ5389" s="137"/>
      <c r="AR5389" s="137"/>
      <c r="AS5389" s="137"/>
      <c r="AT5389" s="137"/>
      <c r="AU5389" s="137"/>
      <c r="AV5389" s="137"/>
      <c r="AW5389" s="144"/>
    </row>
    <row r="5390" spans="7:49" x14ac:dyDescent="0.2">
      <c r="G5390" s="43"/>
      <c r="Z5390" s="143"/>
      <c r="AA5390" s="137"/>
      <c r="AB5390" s="137"/>
      <c r="AC5390" s="137"/>
      <c r="AD5390" s="137"/>
      <c r="AE5390" s="137"/>
      <c r="AF5390" s="137"/>
      <c r="AG5390" s="137"/>
      <c r="AH5390" s="137"/>
      <c r="AI5390" s="137"/>
      <c r="AJ5390" s="137"/>
      <c r="AK5390" s="137"/>
      <c r="AL5390" s="137"/>
      <c r="AM5390" s="137"/>
      <c r="AN5390" s="137"/>
      <c r="AO5390" s="137"/>
      <c r="AP5390" s="137"/>
      <c r="AQ5390" s="137"/>
      <c r="AR5390" s="137"/>
      <c r="AS5390" s="137"/>
      <c r="AT5390" s="137"/>
      <c r="AU5390" s="137"/>
      <c r="AV5390" s="137"/>
      <c r="AW5390" s="144"/>
    </row>
    <row r="5391" spans="7:49" x14ac:dyDescent="0.2">
      <c r="G5391" s="43"/>
      <c r="Z5391" s="143"/>
      <c r="AA5391" s="137"/>
      <c r="AB5391" s="137"/>
      <c r="AC5391" s="137"/>
      <c r="AD5391" s="137"/>
      <c r="AE5391" s="137"/>
      <c r="AF5391" s="137"/>
      <c r="AG5391" s="137"/>
      <c r="AH5391" s="137"/>
      <c r="AI5391" s="137"/>
      <c r="AJ5391" s="137"/>
      <c r="AK5391" s="137"/>
      <c r="AL5391" s="137"/>
      <c r="AM5391" s="137"/>
      <c r="AN5391" s="137"/>
      <c r="AO5391" s="137"/>
      <c r="AP5391" s="137"/>
      <c r="AQ5391" s="137"/>
      <c r="AR5391" s="137"/>
      <c r="AS5391" s="137"/>
      <c r="AT5391" s="137"/>
      <c r="AU5391" s="137"/>
      <c r="AV5391" s="137"/>
      <c r="AW5391" s="144"/>
    </row>
    <row r="5392" spans="7:49" x14ac:dyDescent="0.2">
      <c r="G5392" s="43"/>
      <c r="Z5392" s="143"/>
      <c r="AA5392" s="137"/>
      <c r="AB5392" s="137"/>
      <c r="AC5392" s="137"/>
      <c r="AD5392" s="137"/>
      <c r="AE5392" s="137"/>
      <c r="AF5392" s="137"/>
      <c r="AG5392" s="137"/>
      <c r="AH5392" s="137"/>
      <c r="AI5392" s="137"/>
      <c r="AJ5392" s="137"/>
      <c r="AK5392" s="137"/>
      <c r="AL5392" s="137"/>
      <c r="AM5392" s="137"/>
      <c r="AN5392" s="137"/>
      <c r="AO5392" s="137"/>
      <c r="AP5392" s="137"/>
      <c r="AQ5392" s="137"/>
      <c r="AR5392" s="137"/>
      <c r="AS5392" s="137"/>
      <c r="AT5392" s="137"/>
      <c r="AU5392" s="137"/>
      <c r="AV5392" s="137"/>
      <c r="AW5392" s="144"/>
    </row>
    <row r="5393" spans="7:49" x14ac:dyDescent="0.2">
      <c r="G5393" s="43"/>
      <c r="Z5393" s="143"/>
      <c r="AA5393" s="137"/>
      <c r="AB5393" s="137"/>
      <c r="AC5393" s="137"/>
      <c r="AD5393" s="137"/>
      <c r="AE5393" s="137"/>
      <c r="AF5393" s="137"/>
      <c r="AG5393" s="137"/>
      <c r="AH5393" s="137"/>
      <c r="AI5393" s="137"/>
      <c r="AJ5393" s="137"/>
      <c r="AK5393" s="137"/>
      <c r="AL5393" s="137"/>
      <c r="AM5393" s="137"/>
      <c r="AN5393" s="137"/>
      <c r="AO5393" s="137"/>
      <c r="AP5393" s="137"/>
      <c r="AQ5393" s="137"/>
      <c r="AR5393" s="137"/>
      <c r="AS5393" s="137"/>
      <c r="AT5393" s="137"/>
      <c r="AU5393" s="137"/>
      <c r="AV5393" s="137"/>
      <c r="AW5393" s="144"/>
    </row>
    <row r="5394" spans="7:49" x14ac:dyDescent="0.2">
      <c r="G5394" s="43"/>
      <c r="Z5394" s="143"/>
      <c r="AA5394" s="137"/>
      <c r="AB5394" s="137"/>
      <c r="AC5394" s="137"/>
      <c r="AD5394" s="137"/>
      <c r="AE5394" s="137"/>
      <c r="AF5394" s="137"/>
      <c r="AG5394" s="137"/>
      <c r="AH5394" s="137"/>
      <c r="AI5394" s="137"/>
      <c r="AJ5394" s="137"/>
      <c r="AK5394" s="137"/>
      <c r="AL5394" s="137"/>
      <c r="AM5394" s="137"/>
      <c r="AN5394" s="137"/>
      <c r="AO5394" s="137"/>
      <c r="AP5394" s="137"/>
      <c r="AQ5394" s="137"/>
      <c r="AR5394" s="137"/>
      <c r="AS5394" s="137"/>
      <c r="AT5394" s="137"/>
      <c r="AU5394" s="137"/>
      <c r="AV5394" s="137"/>
      <c r="AW5394" s="144"/>
    </row>
    <row r="5395" spans="7:49" x14ac:dyDescent="0.2">
      <c r="G5395" s="43"/>
      <c r="Z5395" s="143"/>
      <c r="AA5395" s="137"/>
      <c r="AB5395" s="137"/>
      <c r="AC5395" s="137"/>
      <c r="AD5395" s="137"/>
      <c r="AE5395" s="137"/>
      <c r="AF5395" s="137"/>
      <c r="AG5395" s="137"/>
      <c r="AH5395" s="137"/>
      <c r="AI5395" s="137"/>
      <c r="AJ5395" s="137"/>
      <c r="AK5395" s="137"/>
      <c r="AL5395" s="137"/>
      <c r="AM5395" s="137"/>
      <c r="AN5395" s="137"/>
      <c r="AO5395" s="137"/>
      <c r="AP5395" s="137"/>
      <c r="AQ5395" s="137"/>
      <c r="AR5395" s="137"/>
      <c r="AS5395" s="137"/>
      <c r="AT5395" s="137"/>
      <c r="AU5395" s="137"/>
      <c r="AV5395" s="137"/>
      <c r="AW5395" s="144"/>
    </row>
    <row r="5396" spans="7:49" x14ac:dyDescent="0.2">
      <c r="G5396" s="43"/>
      <c r="Z5396" s="143"/>
      <c r="AA5396" s="137"/>
      <c r="AB5396" s="137"/>
      <c r="AC5396" s="137"/>
      <c r="AD5396" s="137"/>
      <c r="AE5396" s="137"/>
      <c r="AF5396" s="137"/>
      <c r="AG5396" s="137"/>
      <c r="AH5396" s="137"/>
      <c r="AI5396" s="137"/>
      <c r="AJ5396" s="137"/>
      <c r="AK5396" s="137"/>
      <c r="AL5396" s="137"/>
      <c r="AM5396" s="137"/>
      <c r="AN5396" s="137"/>
      <c r="AO5396" s="137"/>
      <c r="AP5396" s="137"/>
      <c r="AQ5396" s="137"/>
      <c r="AR5396" s="137"/>
      <c r="AS5396" s="137"/>
      <c r="AT5396" s="137"/>
      <c r="AU5396" s="137"/>
      <c r="AV5396" s="137"/>
      <c r="AW5396" s="144"/>
    </row>
    <row r="5397" spans="7:49" x14ac:dyDescent="0.2">
      <c r="G5397" s="43"/>
      <c r="Z5397" s="143"/>
      <c r="AA5397" s="137"/>
      <c r="AB5397" s="137"/>
      <c r="AC5397" s="137"/>
      <c r="AD5397" s="137"/>
      <c r="AE5397" s="137"/>
      <c r="AF5397" s="137"/>
      <c r="AG5397" s="137"/>
      <c r="AH5397" s="137"/>
      <c r="AI5397" s="137"/>
      <c r="AJ5397" s="137"/>
      <c r="AK5397" s="137"/>
      <c r="AL5397" s="137"/>
      <c r="AM5397" s="137"/>
      <c r="AN5397" s="137"/>
      <c r="AO5397" s="137"/>
      <c r="AP5397" s="137"/>
      <c r="AQ5397" s="137"/>
      <c r="AR5397" s="137"/>
      <c r="AS5397" s="137"/>
      <c r="AT5397" s="137"/>
      <c r="AU5397" s="137"/>
      <c r="AV5397" s="137"/>
      <c r="AW5397" s="144"/>
    </row>
    <row r="5398" spans="7:49" x14ac:dyDescent="0.2">
      <c r="G5398" s="43"/>
      <c r="Z5398" s="143"/>
      <c r="AA5398" s="137"/>
      <c r="AB5398" s="137"/>
      <c r="AC5398" s="137"/>
      <c r="AD5398" s="137"/>
      <c r="AE5398" s="137"/>
      <c r="AF5398" s="137"/>
      <c r="AG5398" s="137"/>
      <c r="AH5398" s="137"/>
      <c r="AI5398" s="137"/>
      <c r="AJ5398" s="137"/>
      <c r="AK5398" s="137"/>
      <c r="AL5398" s="137"/>
      <c r="AM5398" s="137"/>
      <c r="AN5398" s="137"/>
      <c r="AO5398" s="137"/>
      <c r="AP5398" s="137"/>
      <c r="AQ5398" s="137"/>
      <c r="AR5398" s="137"/>
      <c r="AS5398" s="137"/>
      <c r="AT5398" s="137"/>
      <c r="AU5398" s="137"/>
      <c r="AV5398" s="137"/>
      <c r="AW5398" s="144"/>
    </row>
    <row r="5399" spans="7:49" x14ac:dyDescent="0.2">
      <c r="G5399" s="43"/>
      <c r="Z5399" s="143"/>
      <c r="AA5399" s="137"/>
      <c r="AB5399" s="137"/>
      <c r="AC5399" s="137"/>
      <c r="AD5399" s="137"/>
      <c r="AE5399" s="137"/>
      <c r="AF5399" s="137"/>
      <c r="AG5399" s="137"/>
      <c r="AH5399" s="137"/>
      <c r="AI5399" s="137"/>
      <c r="AJ5399" s="137"/>
      <c r="AK5399" s="137"/>
      <c r="AL5399" s="137"/>
      <c r="AM5399" s="137"/>
      <c r="AN5399" s="137"/>
      <c r="AO5399" s="137"/>
      <c r="AP5399" s="137"/>
      <c r="AQ5399" s="137"/>
      <c r="AR5399" s="137"/>
      <c r="AS5399" s="137"/>
      <c r="AT5399" s="137"/>
      <c r="AU5399" s="137"/>
      <c r="AV5399" s="137"/>
      <c r="AW5399" s="144"/>
    </row>
    <row r="5400" spans="7:49" x14ac:dyDescent="0.2">
      <c r="G5400" s="43"/>
      <c r="Z5400" s="143"/>
      <c r="AA5400" s="137"/>
      <c r="AB5400" s="137"/>
      <c r="AC5400" s="137"/>
      <c r="AD5400" s="137"/>
      <c r="AE5400" s="137"/>
      <c r="AF5400" s="137"/>
      <c r="AG5400" s="137"/>
      <c r="AH5400" s="137"/>
      <c r="AI5400" s="137"/>
      <c r="AJ5400" s="137"/>
      <c r="AK5400" s="137"/>
      <c r="AL5400" s="137"/>
      <c r="AM5400" s="137"/>
      <c r="AN5400" s="137"/>
      <c r="AO5400" s="137"/>
      <c r="AP5400" s="137"/>
      <c r="AQ5400" s="137"/>
      <c r="AR5400" s="137"/>
      <c r="AS5400" s="137"/>
      <c r="AT5400" s="137"/>
      <c r="AU5400" s="137"/>
      <c r="AV5400" s="137"/>
      <c r="AW5400" s="144"/>
    </row>
    <row r="5401" spans="7:49" x14ac:dyDescent="0.2">
      <c r="G5401" s="43"/>
      <c r="Z5401" s="143"/>
      <c r="AA5401" s="137"/>
      <c r="AB5401" s="137"/>
      <c r="AC5401" s="137"/>
      <c r="AD5401" s="137"/>
      <c r="AE5401" s="137"/>
      <c r="AF5401" s="137"/>
      <c r="AG5401" s="137"/>
      <c r="AH5401" s="137"/>
      <c r="AI5401" s="137"/>
      <c r="AJ5401" s="137"/>
      <c r="AK5401" s="137"/>
      <c r="AL5401" s="137"/>
      <c r="AM5401" s="137"/>
      <c r="AN5401" s="137"/>
      <c r="AO5401" s="137"/>
      <c r="AP5401" s="137"/>
      <c r="AQ5401" s="137"/>
      <c r="AR5401" s="137"/>
      <c r="AS5401" s="137"/>
      <c r="AT5401" s="137"/>
      <c r="AU5401" s="137"/>
      <c r="AV5401" s="137"/>
      <c r="AW5401" s="144"/>
    </row>
    <row r="5402" spans="7:49" x14ac:dyDescent="0.2">
      <c r="G5402" s="43"/>
      <c r="Z5402" s="143"/>
      <c r="AA5402" s="137"/>
      <c r="AB5402" s="137"/>
      <c r="AC5402" s="137"/>
      <c r="AD5402" s="137"/>
      <c r="AE5402" s="137"/>
      <c r="AF5402" s="137"/>
      <c r="AG5402" s="137"/>
      <c r="AH5402" s="137"/>
      <c r="AI5402" s="137"/>
      <c r="AJ5402" s="137"/>
      <c r="AK5402" s="137"/>
      <c r="AL5402" s="137"/>
      <c r="AM5402" s="137"/>
      <c r="AN5402" s="137"/>
      <c r="AO5402" s="137"/>
      <c r="AP5402" s="137"/>
      <c r="AQ5402" s="137"/>
      <c r="AR5402" s="137"/>
      <c r="AS5402" s="137"/>
      <c r="AT5402" s="137"/>
      <c r="AU5402" s="137"/>
      <c r="AV5402" s="137"/>
      <c r="AW5402" s="144"/>
    </row>
    <row r="5403" spans="7:49" x14ac:dyDescent="0.2">
      <c r="G5403" s="43"/>
      <c r="Z5403" s="143"/>
      <c r="AA5403" s="137"/>
      <c r="AB5403" s="137"/>
      <c r="AC5403" s="137"/>
      <c r="AD5403" s="137"/>
      <c r="AE5403" s="137"/>
      <c r="AF5403" s="137"/>
      <c r="AG5403" s="137"/>
      <c r="AH5403" s="137"/>
      <c r="AI5403" s="137"/>
      <c r="AJ5403" s="137"/>
      <c r="AK5403" s="137"/>
      <c r="AL5403" s="137"/>
      <c r="AM5403" s="137"/>
      <c r="AN5403" s="137"/>
      <c r="AO5403" s="137"/>
      <c r="AP5403" s="137"/>
      <c r="AQ5403" s="137"/>
      <c r="AR5403" s="137"/>
      <c r="AS5403" s="137"/>
      <c r="AT5403" s="137"/>
      <c r="AU5403" s="137"/>
      <c r="AV5403" s="137"/>
      <c r="AW5403" s="144"/>
    </row>
    <row r="5404" spans="7:49" x14ac:dyDescent="0.2">
      <c r="G5404" s="43"/>
      <c r="Z5404" s="143"/>
      <c r="AA5404" s="137"/>
      <c r="AB5404" s="137"/>
      <c r="AC5404" s="137"/>
      <c r="AD5404" s="137"/>
      <c r="AE5404" s="137"/>
      <c r="AF5404" s="137"/>
      <c r="AG5404" s="137"/>
      <c r="AH5404" s="137"/>
      <c r="AI5404" s="137"/>
      <c r="AJ5404" s="137"/>
      <c r="AK5404" s="137"/>
      <c r="AL5404" s="137"/>
      <c r="AM5404" s="137"/>
      <c r="AN5404" s="137"/>
      <c r="AO5404" s="137"/>
      <c r="AP5404" s="137"/>
      <c r="AQ5404" s="137"/>
      <c r="AR5404" s="137"/>
      <c r="AS5404" s="137"/>
      <c r="AT5404" s="137"/>
      <c r="AU5404" s="137"/>
      <c r="AV5404" s="137"/>
      <c r="AW5404" s="144"/>
    </row>
    <row r="5405" spans="7:49" x14ac:dyDescent="0.2">
      <c r="G5405" s="43"/>
      <c r="Z5405" s="143"/>
      <c r="AA5405" s="137"/>
      <c r="AB5405" s="137"/>
      <c r="AC5405" s="137"/>
      <c r="AD5405" s="137"/>
      <c r="AE5405" s="137"/>
      <c r="AF5405" s="137"/>
      <c r="AG5405" s="137"/>
      <c r="AH5405" s="137"/>
      <c r="AI5405" s="137"/>
      <c r="AJ5405" s="137"/>
      <c r="AK5405" s="137"/>
      <c r="AL5405" s="137"/>
      <c r="AM5405" s="137"/>
      <c r="AN5405" s="137"/>
      <c r="AO5405" s="137"/>
      <c r="AP5405" s="137"/>
      <c r="AQ5405" s="137"/>
      <c r="AR5405" s="137"/>
      <c r="AS5405" s="137"/>
      <c r="AT5405" s="137"/>
      <c r="AU5405" s="137"/>
      <c r="AV5405" s="137"/>
      <c r="AW5405" s="144"/>
    </row>
    <row r="5406" spans="7:49" x14ac:dyDescent="0.2">
      <c r="G5406" s="43"/>
      <c r="Z5406" s="143"/>
      <c r="AA5406" s="137"/>
      <c r="AB5406" s="137"/>
      <c r="AC5406" s="137"/>
      <c r="AD5406" s="137"/>
      <c r="AE5406" s="137"/>
      <c r="AF5406" s="137"/>
      <c r="AG5406" s="137"/>
      <c r="AH5406" s="137"/>
      <c r="AI5406" s="137"/>
      <c r="AJ5406" s="137"/>
      <c r="AK5406" s="137"/>
      <c r="AL5406" s="137"/>
      <c r="AM5406" s="137"/>
      <c r="AN5406" s="137"/>
      <c r="AO5406" s="137"/>
      <c r="AP5406" s="137"/>
      <c r="AQ5406" s="137"/>
      <c r="AR5406" s="137"/>
      <c r="AS5406" s="137"/>
      <c r="AT5406" s="137"/>
      <c r="AU5406" s="137"/>
      <c r="AV5406" s="137"/>
      <c r="AW5406" s="144"/>
    </row>
    <row r="5407" spans="7:49" x14ac:dyDescent="0.2">
      <c r="G5407" s="43"/>
      <c r="Z5407" s="143"/>
      <c r="AA5407" s="137"/>
      <c r="AB5407" s="137"/>
      <c r="AC5407" s="137"/>
      <c r="AD5407" s="137"/>
      <c r="AE5407" s="137"/>
      <c r="AF5407" s="137"/>
      <c r="AG5407" s="137"/>
      <c r="AH5407" s="137"/>
      <c r="AI5407" s="137"/>
      <c r="AJ5407" s="137"/>
      <c r="AK5407" s="137"/>
      <c r="AL5407" s="137"/>
      <c r="AM5407" s="137"/>
      <c r="AN5407" s="137"/>
      <c r="AO5407" s="137"/>
      <c r="AP5407" s="137"/>
      <c r="AQ5407" s="137"/>
      <c r="AR5407" s="137"/>
      <c r="AS5407" s="137"/>
      <c r="AT5407" s="137"/>
      <c r="AU5407" s="137"/>
      <c r="AV5407" s="137"/>
      <c r="AW5407" s="144"/>
    </row>
    <row r="5408" spans="7:49" x14ac:dyDescent="0.2">
      <c r="G5408" s="43"/>
      <c r="Z5408" s="143"/>
      <c r="AA5408" s="137"/>
      <c r="AB5408" s="137"/>
      <c r="AC5408" s="137"/>
      <c r="AD5408" s="137"/>
      <c r="AE5408" s="137"/>
      <c r="AF5408" s="137"/>
      <c r="AG5408" s="137"/>
      <c r="AH5408" s="137"/>
      <c r="AI5408" s="137"/>
      <c r="AJ5408" s="137"/>
      <c r="AK5408" s="137"/>
      <c r="AL5408" s="137"/>
      <c r="AM5408" s="137"/>
      <c r="AN5408" s="137"/>
      <c r="AO5408" s="137"/>
      <c r="AP5408" s="137"/>
      <c r="AQ5408" s="137"/>
      <c r="AR5408" s="137"/>
      <c r="AS5408" s="137"/>
      <c r="AT5408" s="137"/>
      <c r="AU5408" s="137"/>
      <c r="AV5408" s="137"/>
      <c r="AW5408" s="144"/>
    </row>
    <row r="5409" spans="7:49" x14ac:dyDescent="0.2">
      <c r="G5409" s="43"/>
      <c r="Z5409" s="143"/>
      <c r="AA5409" s="137"/>
      <c r="AB5409" s="137"/>
      <c r="AC5409" s="137"/>
      <c r="AD5409" s="137"/>
      <c r="AE5409" s="137"/>
      <c r="AF5409" s="137"/>
      <c r="AG5409" s="137"/>
      <c r="AH5409" s="137"/>
      <c r="AI5409" s="137"/>
      <c r="AJ5409" s="137"/>
      <c r="AK5409" s="137"/>
      <c r="AL5409" s="137"/>
      <c r="AM5409" s="137"/>
      <c r="AN5409" s="137"/>
      <c r="AO5409" s="137"/>
      <c r="AP5409" s="137"/>
      <c r="AQ5409" s="137"/>
      <c r="AR5409" s="137"/>
      <c r="AS5409" s="137"/>
      <c r="AT5409" s="137"/>
      <c r="AU5409" s="137"/>
      <c r="AV5409" s="137"/>
      <c r="AW5409" s="144"/>
    </row>
    <row r="5410" spans="7:49" x14ac:dyDescent="0.2">
      <c r="G5410" s="43"/>
      <c r="Z5410" s="143"/>
      <c r="AA5410" s="137"/>
      <c r="AB5410" s="137"/>
      <c r="AC5410" s="137"/>
      <c r="AD5410" s="137"/>
      <c r="AE5410" s="137"/>
      <c r="AF5410" s="137"/>
      <c r="AG5410" s="137"/>
      <c r="AH5410" s="137"/>
      <c r="AI5410" s="137"/>
      <c r="AJ5410" s="137"/>
      <c r="AK5410" s="137"/>
      <c r="AL5410" s="137"/>
      <c r="AM5410" s="137"/>
      <c r="AN5410" s="137"/>
      <c r="AO5410" s="137"/>
      <c r="AP5410" s="137"/>
      <c r="AQ5410" s="137"/>
      <c r="AR5410" s="137"/>
      <c r="AS5410" s="137"/>
      <c r="AT5410" s="137"/>
      <c r="AU5410" s="137"/>
      <c r="AV5410" s="137"/>
      <c r="AW5410" s="144"/>
    </row>
    <row r="5411" spans="7:49" x14ac:dyDescent="0.2">
      <c r="G5411" s="43"/>
      <c r="Z5411" s="143"/>
      <c r="AA5411" s="137"/>
      <c r="AB5411" s="137"/>
      <c r="AC5411" s="137"/>
      <c r="AD5411" s="137"/>
      <c r="AE5411" s="137"/>
      <c r="AF5411" s="137"/>
      <c r="AG5411" s="137"/>
      <c r="AH5411" s="137"/>
      <c r="AI5411" s="137"/>
      <c r="AJ5411" s="137"/>
      <c r="AK5411" s="137"/>
      <c r="AL5411" s="137"/>
      <c r="AM5411" s="137"/>
      <c r="AN5411" s="137"/>
      <c r="AO5411" s="137"/>
      <c r="AP5411" s="137"/>
      <c r="AQ5411" s="137"/>
      <c r="AR5411" s="137"/>
      <c r="AS5411" s="137"/>
      <c r="AT5411" s="137"/>
      <c r="AU5411" s="137"/>
      <c r="AV5411" s="137"/>
      <c r="AW5411" s="144"/>
    </row>
    <row r="5412" spans="7:49" x14ac:dyDescent="0.2">
      <c r="G5412" s="43"/>
      <c r="Z5412" s="143"/>
      <c r="AA5412" s="137"/>
      <c r="AB5412" s="137"/>
      <c r="AC5412" s="137"/>
      <c r="AD5412" s="137"/>
      <c r="AE5412" s="137"/>
      <c r="AF5412" s="137"/>
      <c r="AG5412" s="137"/>
      <c r="AH5412" s="137"/>
      <c r="AI5412" s="137"/>
      <c r="AJ5412" s="137"/>
      <c r="AK5412" s="137"/>
      <c r="AL5412" s="137"/>
      <c r="AM5412" s="137"/>
      <c r="AN5412" s="137"/>
      <c r="AO5412" s="137"/>
      <c r="AP5412" s="137"/>
      <c r="AQ5412" s="137"/>
      <c r="AR5412" s="137"/>
      <c r="AS5412" s="137"/>
      <c r="AT5412" s="137"/>
      <c r="AU5412" s="137"/>
      <c r="AV5412" s="137"/>
      <c r="AW5412" s="144"/>
    </row>
    <row r="5413" spans="7:49" x14ac:dyDescent="0.2">
      <c r="G5413" s="43"/>
      <c r="Z5413" s="143"/>
      <c r="AA5413" s="137"/>
      <c r="AB5413" s="137"/>
      <c r="AC5413" s="137"/>
      <c r="AD5413" s="137"/>
      <c r="AE5413" s="137"/>
      <c r="AF5413" s="137"/>
      <c r="AG5413" s="137"/>
      <c r="AH5413" s="137"/>
      <c r="AI5413" s="137"/>
      <c r="AJ5413" s="137"/>
      <c r="AK5413" s="137"/>
      <c r="AL5413" s="137"/>
      <c r="AM5413" s="137"/>
      <c r="AN5413" s="137"/>
      <c r="AO5413" s="137"/>
      <c r="AP5413" s="137"/>
      <c r="AQ5413" s="137"/>
      <c r="AR5413" s="137"/>
      <c r="AS5413" s="137"/>
      <c r="AT5413" s="137"/>
      <c r="AU5413" s="137"/>
      <c r="AV5413" s="137"/>
      <c r="AW5413" s="144"/>
    </row>
    <row r="5414" spans="7:49" x14ac:dyDescent="0.2">
      <c r="G5414" s="43"/>
      <c r="Z5414" s="143"/>
      <c r="AA5414" s="137"/>
      <c r="AB5414" s="137"/>
      <c r="AC5414" s="137"/>
      <c r="AD5414" s="137"/>
      <c r="AE5414" s="137"/>
      <c r="AF5414" s="137"/>
      <c r="AG5414" s="137"/>
      <c r="AH5414" s="137"/>
      <c r="AI5414" s="137"/>
      <c r="AJ5414" s="137"/>
      <c r="AK5414" s="137"/>
      <c r="AL5414" s="137"/>
      <c r="AM5414" s="137"/>
      <c r="AN5414" s="137"/>
      <c r="AO5414" s="137"/>
      <c r="AP5414" s="137"/>
      <c r="AQ5414" s="137"/>
      <c r="AR5414" s="137"/>
      <c r="AS5414" s="137"/>
      <c r="AT5414" s="137"/>
      <c r="AU5414" s="137"/>
      <c r="AV5414" s="137"/>
      <c r="AW5414" s="144"/>
    </row>
    <row r="5415" spans="7:49" x14ac:dyDescent="0.2">
      <c r="G5415" s="43"/>
      <c r="Z5415" s="143"/>
      <c r="AA5415" s="137"/>
      <c r="AB5415" s="137"/>
      <c r="AC5415" s="137"/>
      <c r="AD5415" s="137"/>
      <c r="AE5415" s="137"/>
      <c r="AF5415" s="137"/>
      <c r="AG5415" s="137"/>
      <c r="AH5415" s="137"/>
      <c r="AI5415" s="137"/>
      <c r="AJ5415" s="137"/>
      <c r="AK5415" s="137"/>
      <c r="AL5415" s="137"/>
      <c r="AM5415" s="137"/>
      <c r="AN5415" s="137"/>
      <c r="AO5415" s="137"/>
      <c r="AP5415" s="137"/>
      <c r="AQ5415" s="137"/>
      <c r="AR5415" s="137"/>
      <c r="AS5415" s="137"/>
      <c r="AT5415" s="137"/>
      <c r="AU5415" s="137"/>
      <c r="AV5415" s="137"/>
      <c r="AW5415" s="144"/>
    </row>
    <row r="5416" spans="7:49" x14ac:dyDescent="0.2">
      <c r="G5416" s="43"/>
      <c r="Z5416" s="143"/>
      <c r="AA5416" s="137"/>
      <c r="AB5416" s="137"/>
      <c r="AC5416" s="137"/>
      <c r="AD5416" s="137"/>
      <c r="AE5416" s="137"/>
      <c r="AF5416" s="137"/>
      <c r="AG5416" s="137"/>
      <c r="AH5416" s="137"/>
      <c r="AI5416" s="137"/>
      <c r="AJ5416" s="137"/>
      <c r="AK5416" s="137"/>
      <c r="AL5416" s="137"/>
      <c r="AM5416" s="137"/>
      <c r="AN5416" s="137"/>
      <c r="AO5416" s="137"/>
      <c r="AP5416" s="137"/>
      <c r="AQ5416" s="137"/>
      <c r="AR5416" s="137"/>
      <c r="AS5416" s="137"/>
      <c r="AT5416" s="137"/>
      <c r="AU5416" s="137"/>
      <c r="AV5416" s="137"/>
      <c r="AW5416" s="144"/>
    </row>
    <row r="5417" spans="7:49" x14ac:dyDescent="0.2">
      <c r="G5417" s="43"/>
      <c r="Z5417" s="143"/>
      <c r="AA5417" s="137"/>
      <c r="AB5417" s="137"/>
      <c r="AC5417" s="137"/>
      <c r="AD5417" s="137"/>
      <c r="AE5417" s="137"/>
      <c r="AF5417" s="137"/>
      <c r="AG5417" s="137"/>
      <c r="AH5417" s="137"/>
      <c r="AI5417" s="137"/>
      <c r="AJ5417" s="137"/>
      <c r="AK5417" s="137"/>
      <c r="AL5417" s="137"/>
      <c r="AM5417" s="137"/>
      <c r="AN5417" s="137"/>
      <c r="AO5417" s="137"/>
      <c r="AP5417" s="137"/>
      <c r="AQ5417" s="137"/>
      <c r="AR5417" s="137"/>
      <c r="AS5417" s="137"/>
      <c r="AT5417" s="137"/>
      <c r="AU5417" s="137"/>
      <c r="AV5417" s="137"/>
      <c r="AW5417" s="144"/>
    </row>
    <row r="5418" spans="7:49" x14ac:dyDescent="0.2">
      <c r="G5418" s="43"/>
      <c r="Z5418" s="143"/>
      <c r="AA5418" s="137"/>
      <c r="AB5418" s="137"/>
      <c r="AC5418" s="137"/>
      <c r="AD5418" s="137"/>
      <c r="AE5418" s="137"/>
      <c r="AF5418" s="137"/>
      <c r="AG5418" s="137"/>
      <c r="AH5418" s="137"/>
      <c r="AI5418" s="137"/>
      <c r="AJ5418" s="137"/>
      <c r="AK5418" s="137"/>
      <c r="AL5418" s="137"/>
      <c r="AM5418" s="137"/>
      <c r="AN5418" s="137"/>
      <c r="AO5418" s="137"/>
      <c r="AP5418" s="137"/>
      <c r="AQ5418" s="137"/>
      <c r="AR5418" s="137"/>
      <c r="AS5418" s="137"/>
      <c r="AT5418" s="137"/>
      <c r="AU5418" s="137"/>
      <c r="AV5418" s="137"/>
      <c r="AW5418" s="144"/>
    </row>
    <row r="5419" spans="7:49" x14ac:dyDescent="0.2">
      <c r="G5419" s="43"/>
      <c r="Z5419" s="143"/>
      <c r="AA5419" s="137"/>
      <c r="AB5419" s="137"/>
      <c r="AC5419" s="137"/>
      <c r="AD5419" s="137"/>
      <c r="AE5419" s="137"/>
      <c r="AF5419" s="137"/>
      <c r="AG5419" s="137"/>
      <c r="AH5419" s="137"/>
      <c r="AI5419" s="137"/>
      <c r="AJ5419" s="137"/>
      <c r="AK5419" s="137"/>
      <c r="AL5419" s="137"/>
      <c r="AM5419" s="137"/>
      <c r="AN5419" s="137"/>
      <c r="AO5419" s="137"/>
      <c r="AP5419" s="137"/>
      <c r="AQ5419" s="137"/>
      <c r="AR5419" s="137"/>
      <c r="AS5419" s="137"/>
      <c r="AT5419" s="137"/>
      <c r="AU5419" s="137"/>
      <c r="AV5419" s="137"/>
      <c r="AW5419" s="144"/>
    </row>
    <row r="5420" spans="7:49" x14ac:dyDescent="0.2">
      <c r="G5420" s="43"/>
      <c r="Z5420" s="143"/>
      <c r="AA5420" s="137"/>
      <c r="AB5420" s="137"/>
      <c r="AC5420" s="137"/>
      <c r="AD5420" s="137"/>
      <c r="AE5420" s="137"/>
      <c r="AF5420" s="137"/>
      <c r="AG5420" s="137"/>
      <c r="AH5420" s="137"/>
      <c r="AI5420" s="137"/>
      <c r="AJ5420" s="137"/>
      <c r="AK5420" s="137"/>
      <c r="AL5420" s="137"/>
      <c r="AM5420" s="137"/>
      <c r="AN5420" s="137"/>
      <c r="AO5420" s="137"/>
      <c r="AP5420" s="137"/>
      <c r="AQ5420" s="137"/>
      <c r="AR5420" s="137"/>
      <c r="AS5420" s="137"/>
      <c r="AT5420" s="137"/>
      <c r="AU5420" s="137"/>
      <c r="AV5420" s="137"/>
      <c r="AW5420" s="144"/>
    </row>
    <row r="5421" spans="7:49" x14ac:dyDescent="0.2">
      <c r="G5421" s="43"/>
      <c r="Z5421" s="143"/>
      <c r="AA5421" s="137"/>
      <c r="AB5421" s="137"/>
      <c r="AC5421" s="137"/>
      <c r="AD5421" s="137"/>
      <c r="AE5421" s="137"/>
      <c r="AF5421" s="137"/>
      <c r="AG5421" s="137"/>
      <c r="AH5421" s="137"/>
      <c r="AI5421" s="137"/>
      <c r="AJ5421" s="137"/>
      <c r="AK5421" s="137"/>
      <c r="AL5421" s="137"/>
      <c r="AM5421" s="137"/>
      <c r="AN5421" s="137"/>
      <c r="AO5421" s="137"/>
      <c r="AP5421" s="137"/>
      <c r="AQ5421" s="137"/>
      <c r="AR5421" s="137"/>
      <c r="AS5421" s="137"/>
      <c r="AT5421" s="137"/>
      <c r="AU5421" s="137"/>
      <c r="AV5421" s="137"/>
      <c r="AW5421" s="144"/>
    </row>
    <row r="5422" spans="7:49" x14ac:dyDescent="0.2">
      <c r="G5422" s="43"/>
      <c r="Z5422" s="143"/>
      <c r="AA5422" s="137"/>
      <c r="AB5422" s="137"/>
      <c r="AC5422" s="137"/>
      <c r="AD5422" s="137"/>
      <c r="AE5422" s="137"/>
      <c r="AF5422" s="137"/>
      <c r="AG5422" s="137"/>
      <c r="AH5422" s="137"/>
      <c r="AI5422" s="137"/>
      <c r="AJ5422" s="137"/>
      <c r="AK5422" s="137"/>
      <c r="AL5422" s="137"/>
      <c r="AM5422" s="137"/>
      <c r="AN5422" s="137"/>
      <c r="AO5422" s="137"/>
      <c r="AP5422" s="137"/>
      <c r="AQ5422" s="137"/>
      <c r="AR5422" s="137"/>
      <c r="AS5422" s="137"/>
      <c r="AT5422" s="137"/>
      <c r="AU5422" s="137"/>
      <c r="AV5422" s="137"/>
      <c r="AW5422" s="144"/>
    </row>
    <row r="5423" spans="7:49" x14ac:dyDescent="0.2">
      <c r="G5423" s="43"/>
      <c r="Z5423" s="143"/>
      <c r="AA5423" s="137"/>
      <c r="AB5423" s="137"/>
      <c r="AC5423" s="137"/>
      <c r="AD5423" s="137"/>
      <c r="AE5423" s="137"/>
      <c r="AF5423" s="137"/>
      <c r="AG5423" s="137"/>
      <c r="AH5423" s="137"/>
      <c r="AI5423" s="137"/>
      <c r="AJ5423" s="137"/>
      <c r="AK5423" s="137"/>
      <c r="AL5423" s="137"/>
      <c r="AM5423" s="137"/>
      <c r="AN5423" s="137"/>
      <c r="AO5423" s="137"/>
      <c r="AP5423" s="137"/>
      <c r="AQ5423" s="137"/>
      <c r="AR5423" s="137"/>
      <c r="AS5423" s="137"/>
      <c r="AT5423" s="137"/>
      <c r="AU5423" s="137"/>
      <c r="AV5423" s="137"/>
      <c r="AW5423" s="144"/>
    </row>
    <row r="5424" spans="7:49" x14ac:dyDescent="0.2">
      <c r="G5424" s="43"/>
      <c r="Z5424" s="143"/>
      <c r="AA5424" s="137"/>
      <c r="AB5424" s="137"/>
      <c r="AC5424" s="137"/>
      <c r="AD5424" s="137"/>
      <c r="AE5424" s="137"/>
      <c r="AF5424" s="137"/>
      <c r="AG5424" s="137"/>
      <c r="AH5424" s="137"/>
      <c r="AI5424" s="137"/>
      <c r="AJ5424" s="137"/>
      <c r="AK5424" s="137"/>
      <c r="AL5424" s="137"/>
      <c r="AM5424" s="137"/>
      <c r="AN5424" s="137"/>
      <c r="AO5424" s="137"/>
      <c r="AP5424" s="137"/>
      <c r="AQ5424" s="137"/>
      <c r="AR5424" s="137"/>
      <c r="AS5424" s="137"/>
      <c r="AT5424" s="137"/>
      <c r="AU5424" s="137"/>
      <c r="AV5424" s="137"/>
      <c r="AW5424" s="144"/>
    </row>
    <row r="5425" spans="7:49" x14ac:dyDescent="0.2">
      <c r="G5425" s="43"/>
      <c r="Z5425" s="143"/>
      <c r="AA5425" s="137"/>
      <c r="AB5425" s="137"/>
      <c r="AC5425" s="137"/>
      <c r="AD5425" s="137"/>
      <c r="AE5425" s="137"/>
      <c r="AF5425" s="137"/>
      <c r="AG5425" s="137"/>
      <c r="AH5425" s="137"/>
      <c r="AI5425" s="137"/>
      <c r="AJ5425" s="137"/>
      <c r="AK5425" s="137"/>
      <c r="AL5425" s="137"/>
      <c r="AM5425" s="137"/>
      <c r="AN5425" s="137"/>
      <c r="AO5425" s="137"/>
      <c r="AP5425" s="137"/>
      <c r="AQ5425" s="137"/>
      <c r="AR5425" s="137"/>
      <c r="AS5425" s="137"/>
      <c r="AT5425" s="137"/>
      <c r="AU5425" s="137"/>
      <c r="AV5425" s="137"/>
      <c r="AW5425" s="144"/>
    </row>
    <row r="5426" spans="7:49" x14ac:dyDescent="0.2">
      <c r="G5426" s="43"/>
      <c r="Z5426" s="143"/>
      <c r="AA5426" s="137"/>
      <c r="AB5426" s="137"/>
      <c r="AC5426" s="137"/>
      <c r="AD5426" s="137"/>
      <c r="AE5426" s="137"/>
      <c r="AF5426" s="137"/>
      <c r="AG5426" s="137"/>
      <c r="AH5426" s="137"/>
      <c r="AI5426" s="137"/>
      <c r="AJ5426" s="137"/>
      <c r="AK5426" s="137"/>
      <c r="AL5426" s="137"/>
      <c r="AM5426" s="137"/>
      <c r="AN5426" s="137"/>
      <c r="AO5426" s="137"/>
      <c r="AP5426" s="137"/>
      <c r="AQ5426" s="137"/>
      <c r="AR5426" s="137"/>
      <c r="AS5426" s="137"/>
      <c r="AT5426" s="137"/>
      <c r="AU5426" s="137"/>
      <c r="AV5426" s="137"/>
      <c r="AW5426" s="144"/>
    </row>
    <row r="5427" spans="7:49" x14ac:dyDescent="0.2">
      <c r="G5427" s="43"/>
      <c r="Z5427" s="143"/>
      <c r="AA5427" s="137"/>
      <c r="AB5427" s="137"/>
      <c r="AC5427" s="137"/>
      <c r="AD5427" s="137"/>
      <c r="AE5427" s="137"/>
      <c r="AF5427" s="137"/>
      <c r="AG5427" s="137"/>
      <c r="AH5427" s="137"/>
      <c r="AI5427" s="137"/>
      <c r="AJ5427" s="137"/>
      <c r="AK5427" s="137"/>
      <c r="AL5427" s="137"/>
      <c r="AM5427" s="137"/>
      <c r="AN5427" s="137"/>
      <c r="AO5427" s="137"/>
      <c r="AP5427" s="137"/>
      <c r="AQ5427" s="137"/>
      <c r="AR5427" s="137"/>
      <c r="AS5427" s="137"/>
      <c r="AT5427" s="137"/>
      <c r="AU5427" s="137"/>
      <c r="AV5427" s="137"/>
      <c r="AW5427" s="144"/>
    </row>
    <row r="5428" spans="7:49" x14ac:dyDescent="0.2">
      <c r="G5428" s="43"/>
      <c r="Z5428" s="143"/>
      <c r="AA5428" s="137"/>
      <c r="AB5428" s="137"/>
      <c r="AC5428" s="137"/>
      <c r="AD5428" s="137"/>
      <c r="AE5428" s="137"/>
      <c r="AF5428" s="137"/>
      <c r="AG5428" s="137"/>
      <c r="AH5428" s="137"/>
      <c r="AI5428" s="137"/>
      <c r="AJ5428" s="137"/>
      <c r="AK5428" s="137"/>
      <c r="AL5428" s="137"/>
      <c r="AM5428" s="137"/>
      <c r="AN5428" s="137"/>
      <c r="AO5428" s="137"/>
      <c r="AP5428" s="137"/>
      <c r="AQ5428" s="137"/>
      <c r="AR5428" s="137"/>
      <c r="AS5428" s="137"/>
      <c r="AT5428" s="137"/>
      <c r="AU5428" s="137"/>
      <c r="AV5428" s="137"/>
      <c r="AW5428" s="144"/>
    </row>
    <row r="5429" spans="7:49" x14ac:dyDescent="0.2">
      <c r="G5429" s="43"/>
      <c r="Z5429" s="143"/>
      <c r="AA5429" s="137"/>
      <c r="AB5429" s="137"/>
      <c r="AC5429" s="137"/>
      <c r="AD5429" s="137"/>
      <c r="AE5429" s="137"/>
      <c r="AF5429" s="137"/>
      <c r="AG5429" s="137"/>
      <c r="AH5429" s="137"/>
      <c r="AI5429" s="137"/>
      <c r="AJ5429" s="137"/>
      <c r="AK5429" s="137"/>
      <c r="AL5429" s="137"/>
      <c r="AM5429" s="137"/>
      <c r="AN5429" s="137"/>
      <c r="AO5429" s="137"/>
      <c r="AP5429" s="137"/>
      <c r="AQ5429" s="137"/>
      <c r="AR5429" s="137"/>
      <c r="AS5429" s="137"/>
      <c r="AT5429" s="137"/>
      <c r="AU5429" s="137"/>
      <c r="AV5429" s="137"/>
      <c r="AW5429" s="144"/>
    </row>
    <row r="5430" spans="7:49" x14ac:dyDescent="0.2">
      <c r="G5430" s="43"/>
      <c r="Z5430" s="143"/>
      <c r="AA5430" s="137"/>
      <c r="AB5430" s="137"/>
      <c r="AC5430" s="137"/>
      <c r="AD5430" s="137"/>
      <c r="AE5430" s="137"/>
      <c r="AF5430" s="137"/>
      <c r="AG5430" s="137"/>
      <c r="AH5430" s="137"/>
      <c r="AI5430" s="137"/>
      <c r="AJ5430" s="137"/>
      <c r="AK5430" s="137"/>
      <c r="AL5430" s="137"/>
      <c r="AM5430" s="137"/>
      <c r="AN5430" s="137"/>
      <c r="AO5430" s="137"/>
      <c r="AP5430" s="137"/>
      <c r="AQ5430" s="137"/>
      <c r="AR5430" s="137"/>
      <c r="AS5430" s="137"/>
      <c r="AT5430" s="137"/>
      <c r="AU5430" s="137"/>
      <c r="AV5430" s="137"/>
      <c r="AW5430" s="144"/>
    </row>
    <row r="5431" spans="7:49" x14ac:dyDescent="0.2">
      <c r="G5431" s="43"/>
      <c r="Z5431" s="143"/>
      <c r="AA5431" s="137"/>
      <c r="AB5431" s="137"/>
      <c r="AC5431" s="137"/>
      <c r="AD5431" s="137"/>
      <c r="AE5431" s="137"/>
      <c r="AF5431" s="137"/>
      <c r="AG5431" s="137"/>
      <c r="AH5431" s="137"/>
      <c r="AI5431" s="137"/>
      <c r="AJ5431" s="137"/>
      <c r="AK5431" s="137"/>
      <c r="AL5431" s="137"/>
      <c r="AM5431" s="137"/>
      <c r="AN5431" s="137"/>
      <c r="AO5431" s="137"/>
      <c r="AP5431" s="137"/>
      <c r="AQ5431" s="137"/>
      <c r="AR5431" s="137"/>
      <c r="AS5431" s="137"/>
      <c r="AT5431" s="137"/>
      <c r="AU5431" s="137"/>
      <c r="AV5431" s="137"/>
      <c r="AW5431" s="144"/>
    </row>
    <row r="5432" spans="7:49" x14ac:dyDescent="0.2">
      <c r="G5432" s="43"/>
      <c r="Z5432" s="143"/>
      <c r="AA5432" s="137"/>
      <c r="AB5432" s="137"/>
      <c r="AC5432" s="137"/>
      <c r="AD5432" s="137"/>
      <c r="AE5432" s="137"/>
      <c r="AF5432" s="137"/>
      <c r="AG5432" s="137"/>
      <c r="AH5432" s="137"/>
      <c r="AI5432" s="137"/>
      <c r="AJ5432" s="137"/>
      <c r="AK5432" s="137"/>
      <c r="AL5432" s="137"/>
      <c r="AM5432" s="137"/>
      <c r="AN5432" s="137"/>
      <c r="AO5432" s="137"/>
      <c r="AP5432" s="137"/>
      <c r="AQ5432" s="137"/>
      <c r="AR5432" s="137"/>
      <c r="AS5432" s="137"/>
      <c r="AT5432" s="137"/>
      <c r="AU5432" s="137"/>
      <c r="AV5432" s="137"/>
      <c r="AW5432" s="144"/>
    </row>
    <row r="5433" spans="7:49" x14ac:dyDescent="0.2">
      <c r="G5433" s="43"/>
      <c r="Z5433" s="143"/>
      <c r="AA5433" s="137"/>
      <c r="AB5433" s="137"/>
      <c r="AC5433" s="137"/>
      <c r="AD5433" s="137"/>
      <c r="AE5433" s="137"/>
      <c r="AF5433" s="137"/>
      <c r="AG5433" s="137"/>
      <c r="AH5433" s="137"/>
      <c r="AI5433" s="137"/>
      <c r="AJ5433" s="137"/>
      <c r="AK5433" s="137"/>
      <c r="AL5433" s="137"/>
      <c r="AM5433" s="137"/>
      <c r="AN5433" s="137"/>
      <c r="AO5433" s="137"/>
      <c r="AP5433" s="137"/>
      <c r="AQ5433" s="137"/>
      <c r="AR5433" s="137"/>
      <c r="AS5433" s="137"/>
      <c r="AT5433" s="137"/>
      <c r="AU5433" s="137"/>
      <c r="AV5433" s="137"/>
      <c r="AW5433" s="144"/>
    </row>
    <row r="5434" spans="7:49" x14ac:dyDescent="0.2">
      <c r="G5434" s="43"/>
      <c r="Z5434" s="143"/>
      <c r="AA5434" s="137"/>
      <c r="AB5434" s="137"/>
      <c r="AC5434" s="137"/>
      <c r="AD5434" s="137"/>
      <c r="AE5434" s="137"/>
      <c r="AF5434" s="137"/>
      <c r="AG5434" s="137"/>
      <c r="AH5434" s="137"/>
      <c r="AI5434" s="137"/>
      <c r="AJ5434" s="137"/>
      <c r="AK5434" s="137"/>
      <c r="AL5434" s="137"/>
      <c r="AM5434" s="137"/>
      <c r="AN5434" s="137"/>
      <c r="AO5434" s="137"/>
      <c r="AP5434" s="137"/>
      <c r="AQ5434" s="137"/>
      <c r="AR5434" s="137"/>
      <c r="AS5434" s="137"/>
      <c r="AT5434" s="137"/>
      <c r="AU5434" s="137"/>
      <c r="AV5434" s="137"/>
      <c r="AW5434" s="144"/>
    </row>
    <row r="5435" spans="7:49" x14ac:dyDescent="0.2">
      <c r="G5435" s="43"/>
      <c r="Z5435" s="143"/>
      <c r="AA5435" s="137"/>
      <c r="AB5435" s="137"/>
      <c r="AC5435" s="137"/>
      <c r="AD5435" s="137"/>
      <c r="AE5435" s="137"/>
      <c r="AF5435" s="137"/>
      <c r="AG5435" s="137"/>
      <c r="AH5435" s="137"/>
      <c r="AI5435" s="137"/>
      <c r="AJ5435" s="137"/>
      <c r="AK5435" s="137"/>
      <c r="AL5435" s="137"/>
      <c r="AM5435" s="137"/>
      <c r="AN5435" s="137"/>
      <c r="AO5435" s="137"/>
      <c r="AP5435" s="137"/>
      <c r="AQ5435" s="137"/>
      <c r="AR5435" s="137"/>
      <c r="AS5435" s="137"/>
      <c r="AT5435" s="137"/>
      <c r="AU5435" s="137"/>
      <c r="AV5435" s="137"/>
      <c r="AW5435" s="144"/>
    </row>
    <row r="5436" spans="7:49" x14ac:dyDescent="0.2">
      <c r="G5436" s="43"/>
      <c r="Z5436" s="143"/>
      <c r="AA5436" s="137"/>
      <c r="AB5436" s="137"/>
      <c r="AC5436" s="137"/>
      <c r="AD5436" s="137"/>
      <c r="AE5436" s="137"/>
      <c r="AF5436" s="137"/>
      <c r="AG5436" s="137"/>
      <c r="AH5436" s="137"/>
      <c r="AI5436" s="137"/>
      <c r="AJ5436" s="137"/>
      <c r="AK5436" s="137"/>
      <c r="AL5436" s="137"/>
      <c r="AM5436" s="137"/>
      <c r="AN5436" s="137"/>
      <c r="AO5436" s="137"/>
      <c r="AP5436" s="137"/>
      <c r="AQ5436" s="137"/>
      <c r="AR5436" s="137"/>
      <c r="AS5436" s="137"/>
      <c r="AT5436" s="137"/>
      <c r="AU5436" s="137"/>
      <c r="AV5436" s="137"/>
      <c r="AW5436" s="144"/>
    </row>
    <row r="5437" spans="7:49" x14ac:dyDescent="0.2">
      <c r="G5437" s="43"/>
      <c r="Z5437" s="143"/>
      <c r="AA5437" s="137"/>
      <c r="AB5437" s="137"/>
      <c r="AC5437" s="137"/>
      <c r="AD5437" s="137"/>
      <c r="AE5437" s="137"/>
      <c r="AF5437" s="137"/>
      <c r="AG5437" s="137"/>
      <c r="AH5437" s="137"/>
      <c r="AI5437" s="137"/>
      <c r="AJ5437" s="137"/>
      <c r="AK5437" s="137"/>
      <c r="AL5437" s="137"/>
      <c r="AM5437" s="137"/>
      <c r="AN5437" s="137"/>
      <c r="AO5437" s="137"/>
      <c r="AP5437" s="137"/>
      <c r="AQ5437" s="137"/>
      <c r="AR5437" s="137"/>
      <c r="AS5437" s="137"/>
      <c r="AT5437" s="137"/>
      <c r="AU5437" s="137"/>
      <c r="AV5437" s="137"/>
      <c r="AW5437" s="144"/>
    </row>
    <row r="5438" spans="7:49" x14ac:dyDescent="0.2">
      <c r="G5438" s="43"/>
      <c r="Z5438" s="143"/>
      <c r="AA5438" s="137"/>
      <c r="AB5438" s="137"/>
      <c r="AC5438" s="137"/>
      <c r="AD5438" s="137"/>
      <c r="AE5438" s="137"/>
      <c r="AF5438" s="137"/>
      <c r="AG5438" s="137"/>
      <c r="AH5438" s="137"/>
      <c r="AI5438" s="137"/>
      <c r="AJ5438" s="137"/>
      <c r="AK5438" s="137"/>
      <c r="AL5438" s="137"/>
      <c r="AM5438" s="137"/>
      <c r="AN5438" s="137"/>
      <c r="AO5438" s="137"/>
      <c r="AP5438" s="137"/>
      <c r="AQ5438" s="137"/>
      <c r="AR5438" s="137"/>
      <c r="AS5438" s="137"/>
      <c r="AT5438" s="137"/>
      <c r="AU5438" s="137"/>
      <c r="AV5438" s="137"/>
      <c r="AW5438" s="144"/>
    </row>
    <row r="5439" spans="7:49" x14ac:dyDescent="0.2">
      <c r="G5439" s="43"/>
      <c r="Z5439" s="143"/>
      <c r="AA5439" s="137"/>
      <c r="AB5439" s="137"/>
      <c r="AC5439" s="137"/>
      <c r="AD5439" s="137"/>
      <c r="AE5439" s="137"/>
      <c r="AF5439" s="137"/>
      <c r="AG5439" s="137"/>
      <c r="AH5439" s="137"/>
      <c r="AI5439" s="137"/>
      <c r="AJ5439" s="137"/>
      <c r="AK5439" s="137"/>
      <c r="AL5439" s="137"/>
      <c r="AM5439" s="137"/>
      <c r="AN5439" s="137"/>
      <c r="AO5439" s="137"/>
      <c r="AP5439" s="137"/>
      <c r="AQ5439" s="137"/>
      <c r="AR5439" s="137"/>
      <c r="AS5439" s="137"/>
      <c r="AT5439" s="137"/>
      <c r="AU5439" s="137"/>
      <c r="AV5439" s="137"/>
      <c r="AW5439" s="144"/>
    </row>
    <row r="5440" spans="7:49" x14ac:dyDescent="0.2">
      <c r="G5440" s="43"/>
      <c r="Z5440" s="143"/>
      <c r="AA5440" s="137"/>
      <c r="AB5440" s="137"/>
      <c r="AC5440" s="137"/>
      <c r="AD5440" s="137"/>
      <c r="AE5440" s="137"/>
      <c r="AF5440" s="137"/>
      <c r="AG5440" s="137"/>
      <c r="AH5440" s="137"/>
      <c r="AI5440" s="137"/>
      <c r="AJ5440" s="137"/>
      <c r="AK5440" s="137"/>
      <c r="AL5440" s="137"/>
      <c r="AM5440" s="137"/>
      <c r="AN5440" s="137"/>
      <c r="AO5440" s="137"/>
      <c r="AP5440" s="137"/>
      <c r="AQ5440" s="137"/>
      <c r="AR5440" s="137"/>
      <c r="AS5440" s="137"/>
      <c r="AT5440" s="137"/>
      <c r="AU5440" s="137"/>
      <c r="AV5440" s="137"/>
      <c r="AW5440" s="144"/>
    </row>
    <row r="5441" spans="7:49" x14ac:dyDescent="0.2">
      <c r="G5441" s="43"/>
      <c r="Z5441" s="143"/>
      <c r="AA5441" s="137"/>
      <c r="AB5441" s="137"/>
      <c r="AC5441" s="137"/>
      <c r="AD5441" s="137"/>
      <c r="AE5441" s="137"/>
      <c r="AF5441" s="137"/>
      <c r="AG5441" s="137"/>
      <c r="AH5441" s="137"/>
      <c r="AI5441" s="137"/>
      <c r="AJ5441" s="137"/>
      <c r="AK5441" s="137"/>
      <c r="AL5441" s="137"/>
      <c r="AM5441" s="137"/>
      <c r="AN5441" s="137"/>
      <c r="AO5441" s="137"/>
      <c r="AP5441" s="137"/>
      <c r="AQ5441" s="137"/>
      <c r="AR5441" s="137"/>
      <c r="AS5441" s="137"/>
      <c r="AT5441" s="137"/>
      <c r="AU5441" s="137"/>
      <c r="AV5441" s="137"/>
      <c r="AW5441" s="144"/>
    </row>
    <row r="5442" spans="7:49" x14ac:dyDescent="0.2">
      <c r="G5442" s="43"/>
      <c r="Z5442" s="143"/>
      <c r="AA5442" s="137"/>
      <c r="AB5442" s="137"/>
      <c r="AC5442" s="137"/>
      <c r="AD5442" s="137"/>
      <c r="AE5442" s="137"/>
      <c r="AF5442" s="137"/>
      <c r="AG5442" s="137"/>
      <c r="AH5442" s="137"/>
      <c r="AI5442" s="137"/>
      <c r="AJ5442" s="137"/>
      <c r="AK5442" s="137"/>
      <c r="AL5442" s="137"/>
      <c r="AM5442" s="137"/>
      <c r="AN5442" s="137"/>
      <c r="AO5442" s="137"/>
      <c r="AP5442" s="137"/>
      <c r="AQ5442" s="137"/>
      <c r="AR5442" s="137"/>
      <c r="AS5442" s="137"/>
      <c r="AT5442" s="137"/>
      <c r="AU5442" s="137"/>
      <c r="AV5442" s="137"/>
      <c r="AW5442" s="144"/>
    </row>
    <row r="5443" spans="7:49" x14ac:dyDescent="0.2">
      <c r="G5443" s="43"/>
      <c r="Z5443" s="143"/>
      <c r="AA5443" s="137"/>
      <c r="AB5443" s="137"/>
      <c r="AC5443" s="137"/>
      <c r="AD5443" s="137"/>
      <c r="AE5443" s="137"/>
      <c r="AF5443" s="137"/>
      <c r="AG5443" s="137"/>
      <c r="AH5443" s="137"/>
      <c r="AI5443" s="137"/>
      <c r="AJ5443" s="137"/>
      <c r="AK5443" s="137"/>
      <c r="AL5443" s="137"/>
      <c r="AM5443" s="137"/>
      <c r="AN5443" s="137"/>
      <c r="AO5443" s="137"/>
      <c r="AP5443" s="137"/>
      <c r="AQ5443" s="137"/>
      <c r="AR5443" s="137"/>
      <c r="AS5443" s="137"/>
      <c r="AT5443" s="137"/>
      <c r="AU5443" s="137"/>
      <c r="AV5443" s="137"/>
      <c r="AW5443" s="144"/>
    </row>
    <row r="5444" spans="7:49" x14ac:dyDescent="0.2">
      <c r="G5444" s="43"/>
      <c r="Z5444" s="143"/>
      <c r="AA5444" s="137"/>
      <c r="AB5444" s="137"/>
      <c r="AC5444" s="137"/>
      <c r="AD5444" s="137"/>
      <c r="AE5444" s="137"/>
      <c r="AF5444" s="137"/>
      <c r="AG5444" s="137"/>
      <c r="AH5444" s="137"/>
      <c r="AI5444" s="137"/>
      <c r="AJ5444" s="137"/>
      <c r="AK5444" s="137"/>
      <c r="AL5444" s="137"/>
      <c r="AM5444" s="137"/>
      <c r="AN5444" s="137"/>
      <c r="AO5444" s="137"/>
      <c r="AP5444" s="137"/>
      <c r="AQ5444" s="137"/>
      <c r="AR5444" s="137"/>
      <c r="AS5444" s="137"/>
      <c r="AT5444" s="137"/>
      <c r="AU5444" s="137"/>
      <c r="AV5444" s="137"/>
      <c r="AW5444" s="144"/>
    </row>
    <row r="5445" spans="7:49" x14ac:dyDescent="0.2">
      <c r="G5445" s="43"/>
      <c r="Z5445" s="143"/>
      <c r="AA5445" s="137"/>
      <c r="AB5445" s="137"/>
      <c r="AC5445" s="137"/>
      <c r="AD5445" s="137"/>
      <c r="AE5445" s="137"/>
      <c r="AF5445" s="137"/>
      <c r="AG5445" s="137"/>
      <c r="AH5445" s="137"/>
      <c r="AI5445" s="137"/>
      <c r="AJ5445" s="137"/>
      <c r="AK5445" s="137"/>
      <c r="AL5445" s="137"/>
      <c r="AM5445" s="137"/>
      <c r="AN5445" s="137"/>
      <c r="AO5445" s="137"/>
      <c r="AP5445" s="137"/>
      <c r="AQ5445" s="137"/>
      <c r="AR5445" s="137"/>
      <c r="AS5445" s="137"/>
      <c r="AT5445" s="137"/>
      <c r="AU5445" s="137"/>
      <c r="AV5445" s="137"/>
      <c r="AW5445" s="144"/>
    </row>
    <row r="5446" spans="7:49" x14ac:dyDescent="0.2">
      <c r="G5446" s="43"/>
      <c r="Z5446" s="143"/>
      <c r="AA5446" s="137"/>
      <c r="AB5446" s="137"/>
      <c r="AC5446" s="137"/>
      <c r="AD5446" s="137"/>
      <c r="AE5446" s="137"/>
      <c r="AF5446" s="137"/>
      <c r="AG5446" s="137"/>
      <c r="AH5446" s="137"/>
      <c r="AI5446" s="137"/>
      <c r="AJ5446" s="137"/>
      <c r="AK5446" s="137"/>
      <c r="AL5446" s="137"/>
      <c r="AM5446" s="137"/>
      <c r="AN5446" s="137"/>
      <c r="AO5446" s="137"/>
      <c r="AP5446" s="137"/>
      <c r="AQ5446" s="137"/>
      <c r="AR5446" s="137"/>
      <c r="AS5446" s="137"/>
      <c r="AT5446" s="137"/>
      <c r="AU5446" s="137"/>
      <c r="AV5446" s="137"/>
      <c r="AW5446" s="144"/>
    </row>
    <row r="5447" spans="7:49" x14ac:dyDescent="0.2">
      <c r="G5447" s="43"/>
      <c r="Z5447" s="143"/>
      <c r="AA5447" s="137"/>
      <c r="AB5447" s="137"/>
      <c r="AC5447" s="137"/>
      <c r="AD5447" s="137"/>
      <c r="AE5447" s="137"/>
      <c r="AF5447" s="137"/>
      <c r="AG5447" s="137"/>
      <c r="AH5447" s="137"/>
      <c r="AI5447" s="137"/>
      <c r="AJ5447" s="137"/>
      <c r="AK5447" s="137"/>
      <c r="AL5447" s="137"/>
      <c r="AM5447" s="137"/>
      <c r="AN5447" s="137"/>
      <c r="AO5447" s="137"/>
      <c r="AP5447" s="137"/>
      <c r="AQ5447" s="137"/>
      <c r="AR5447" s="137"/>
      <c r="AS5447" s="137"/>
      <c r="AT5447" s="137"/>
      <c r="AU5447" s="137"/>
      <c r="AV5447" s="137"/>
      <c r="AW5447" s="144"/>
    </row>
    <row r="5448" spans="7:49" x14ac:dyDescent="0.2">
      <c r="G5448" s="43"/>
      <c r="Z5448" s="143"/>
      <c r="AA5448" s="137"/>
      <c r="AB5448" s="137"/>
      <c r="AC5448" s="137"/>
      <c r="AD5448" s="137"/>
      <c r="AE5448" s="137"/>
      <c r="AF5448" s="137"/>
      <c r="AG5448" s="137"/>
      <c r="AH5448" s="137"/>
      <c r="AI5448" s="137"/>
      <c r="AJ5448" s="137"/>
      <c r="AK5448" s="137"/>
      <c r="AL5448" s="137"/>
      <c r="AM5448" s="137"/>
      <c r="AN5448" s="137"/>
      <c r="AO5448" s="137"/>
      <c r="AP5448" s="137"/>
      <c r="AQ5448" s="137"/>
      <c r="AR5448" s="137"/>
      <c r="AS5448" s="137"/>
      <c r="AT5448" s="137"/>
      <c r="AU5448" s="137"/>
      <c r="AV5448" s="137"/>
      <c r="AW5448" s="144"/>
    </row>
    <row r="5449" spans="7:49" x14ac:dyDescent="0.2">
      <c r="G5449" s="43"/>
      <c r="Z5449" s="143"/>
      <c r="AA5449" s="137"/>
      <c r="AB5449" s="137"/>
      <c r="AC5449" s="137"/>
      <c r="AD5449" s="137"/>
      <c r="AE5449" s="137"/>
      <c r="AF5449" s="137"/>
      <c r="AG5449" s="137"/>
      <c r="AH5449" s="137"/>
      <c r="AI5449" s="137"/>
      <c r="AJ5449" s="137"/>
      <c r="AK5449" s="137"/>
      <c r="AL5449" s="137"/>
      <c r="AM5449" s="137"/>
      <c r="AN5449" s="137"/>
      <c r="AO5449" s="137"/>
      <c r="AP5449" s="137"/>
      <c r="AQ5449" s="137"/>
      <c r="AR5449" s="137"/>
      <c r="AS5449" s="137"/>
      <c r="AT5449" s="137"/>
      <c r="AU5449" s="137"/>
      <c r="AV5449" s="137"/>
      <c r="AW5449" s="144"/>
    </row>
    <row r="5450" spans="7:49" x14ac:dyDescent="0.2">
      <c r="G5450" s="43"/>
      <c r="Z5450" s="143"/>
      <c r="AA5450" s="137"/>
      <c r="AB5450" s="137"/>
      <c r="AC5450" s="137"/>
      <c r="AD5450" s="137"/>
      <c r="AE5450" s="137"/>
      <c r="AF5450" s="137"/>
      <c r="AG5450" s="137"/>
      <c r="AH5450" s="137"/>
      <c r="AI5450" s="137"/>
      <c r="AJ5450" s="137"/>
      <c r="AK5450" s="137"/>
      <c r="AL5450" s="137"/>
      <c r="AM5450" s="137"/>
      <c r="AN5450" s="137"/>
      <c r="AO5450" s="137"/>
      <c r="AP5450" s="137"/>
      <c r="AQ5450" s="137"/>
      <c r="AR5450" s="137"/>
      <c r="AS5450" s="137"/>
      <c r="AT5450" s="137"/>
      <c r="AU5450" s="137"/>
      <c r="AV5450" s="137"/>
      <c r="AW5450" s="144"/>
    </row>
    <row r="5451" spans="7:49" x14ac:dyDescent="0.2">
      <c r="G5451" s="43"/>
      <c r="Z5451" s="143"/>
      <c r="AA5451" s="137"/>
      <c r="AB5451" s="137"/>
      <c r="AC5451" s="137"/>
      <c r="AD5451" s="137"/>
      <c r="AE5451" s="137"/>
      <c r="AF5451" s="137"/>
      <c r="AG5451" s="137"/>
      <c r="AH5451" s="137"/>
      <c r="AI5451" s="137"/>
      <c r="AJ5451" s="137"/>
      <c r="AK5451" s="137"/>
      <c r="AL5451" s="137"/>
      <c r="AM5451" s="137"/>
      <c r="AN5451" s="137"/>
      <c r="AO5451" s="137"/>
      <c r="AP5451" s="137"/>
      <c r="AQ5451" s="137"/>
      <c r="AR5451" s="137"/>
      <c r="AS5451" s="137"/>
      <c r="AT5451" s="137"/>
      <c r="AU5451" s="137"/>
      <c r="AV5451" s="137"/>
      <c r="AW5451" s="144"/>
    </row>
    <row r="5452" spans="7:49" x14ac:dyDescent="0.2">
      <c r="G5452" s="43"/>
      <c r="Z5452" s="143"/>
      <c r="AA5452" s="137"/>
      <c r="AB5452" s="137"/>
      <c r="AC5452" s="137"/>
      <c r="AD5452" s="137"/>
      <c r="AE5452" s="137"/>
      <c r="AF5452" s="137"/>
      <c r="AG5452" s="137"/>
      <c r="AH5452" s="137"/>
      <c r="AI5452" s="137"/>
      <c r="AJ5452" s="137"/>
      <c r="AK5452" s="137"/>
      <c r="AL5452" s="137"/>
      <c r="AM5452" s="137"/>
      <c r="AN5452" s="137"/>
      <c r="AO5452" s="137"/>
      <c r="AP5452" s="137"/>
      <c r="AQ5452" s="137"/>
      <c r="AR5452" s="137"/>
      <c r="AS5452" s="137"/>
      <c r="AT5452" s="137"/>
      <c r="AU5452" s="137"/>
      <c r="AV5452" s="137"/>
      <c r="AW5452" s="144"/>
    </row>
    <row r="5453" spans="7:49" x14ac:dyDescent="0.2">
      <c r="G5453" s="43"/>
      <c r="Z5453" s="143"/>
      <c r="AA5453" s="137"/>
      <c r="AB5453" s="137"/>
      <c r="AC5453" s="137"/>
      <c r="AD5453" s="137"/>
      <c r="AE5453" s="137"/>
      <c r="AF5453" s="137"/>
      <c r="AG5453" s="137"/>
      <c r="AH5453" s="137"/>
      <c r="AI5453" s="137"/>
      <c r="AJ5453" s="137"/>
      <c r="AK5453" s="137"/>
      <c r="AL5453" s="137"/>
      <c r="AM5453" s="137"/>
      <c r="AN5453" s="137"/>
      <c r="AO5453" s="137"/>
      <c r="AP5453" s="137"/>
      <c r="AQ5453" s="137"/>
      <c r="AR5453" s="137"/>
      <c r="AS5453" s="137"/>
      <c r="AT5453" s="137"/>
      <c r="AU5453" s="137"/>
      <c r="AV5453" s="137"/>
      <c r="AW5453" s="144"/>
    </row>
    <row r="5454" spans="7:49" x14ac:dyDescent="0.2">
      <c r="G5454" s="43"/>
      <c r="Z5454" s="143"/>
      <c r="AA5454" s="137"/>
      <c r="AB5454" s="137"/>
      <c r="AC5454" s="137"/>
      <c r="AD5454" s="137"/>
      <c r="AE5454" s="137"/>
      <c r="AF5454" s="137"/>
      <c r="AG5454" s="137"/>
      <c r="AH5454" s="137"/>
      <c r="AI5454" s="137"/>
      <c r="AJ5454" s="137"/>
      <c r="AK5454" s="137"/>
      <c r="AL5454" s="137"/>
      <c r="AM5454" s="137"/>
      <c r="AN5454" s="137"/>
      <c r="AO5454" s="137"/>
      <c r="AP5454" s="137"/>
      <c r="AQ5454" s="137"/>
      <c r="AR5454" s="137"/>
      <c r="AS5454" s="137"/>
      <c r="AT5454" s="137"/>
      <c r="AU5454" s="137"/>
      <c r="AV5454" s="137"/>
      <c r="AW5454" s="144"/>
    </row>
    <row r="5455" spans="7:49" x14ac:dyDescent="0.2">
      <c r="G5455" s="43"/>
      <c r="Z5455" s="143"/>
      <c r="AA5455" s="137"/>
      <c r="AB5455" s="137"/>
      <c r="AC5455" s="137"/>
      <c r="AD5455" s="137"/>
      <c r="AE5455" s="137"/>
      <c r="AF5455" s="137"/>
      <c r="AG5455" s="137"/>
      <c r="AH5455" s="137"/>
      <c r="AI5455" s="137"/>
      <c r="AJ5455" s="137"/>
      <c r="AK5455" s="137"/>
      <c r="AL5455" s="137"/>
      <c r="AM5455" s="137"/>
      <c r="AN5455" s="137"/>
      <c r="AO5455" s="137"/>
      <c r="AP5455" s="137"/>
      <c r="AQ5455" s="137"/>
      <c r="AR5455" s="137"/>
      <c r="AS5455" s="137"/>
      <c r="AT5455" s="137"/>
      <c r="AU5455" s="137"/>
      <c r="AV5455" s="137"/>
      <c r="AW5455" s="144"/>
    </row>
    <row r="5456" spans="7:49" x14ac:dyDescent="0.2">
      <c r="G5456" s="43"/>
      <c r="Z5456" s="143"/>
      <c r="AA5456" s="137"/>
      <c r="AB5456" s="137"/>
      <c r="AC5456" s="137"/>
      <c r="AD5456" s="137"/>
      <c r="AE5456" s="137"/>
      <c r="AF5456" s="137"/>
      <c r="AG5456" s="137"/>
      <c r="AH5456" s="137"/>
      <c r="AI5456" s="137"/>
      <c r="AJ5456" s="137"/>
      <c r="AK5456" s="137"/>
      <c r="AL5456" s="137"/>
      <c r="AM5456" s="137"/>
      <c r="AN5456" s="137"/>
      <c r="AO5456" s="137"/>
      <c r="AP5456" s="137"/>
      <c r="AQ5456" s="137"/>
      <c r="AR5456" s="137"/>
      <c r="AS5456" s="137"/>
      <c r="AT5456" s="137"/>
      <c r="AU5456" s="137"/>
      <c r="AV5456" s="137"/>
      <c r="AW5456" s="144"/>
    </row>
    <row r="5457" spans="7:49" x14ac:dyDescent="0.2">
      <c r="G5457" s="43"/>
      <c r="Z5457" s="143"/>
      <c r="AA5457" s="137"/>
      <c r="AB5457" s="137"/>
      <c r="AC5457" s="137"/>
      <c r="AD5457" s="137"/>
      <c r="AE5457" s="137"/>
      <c r="AF5457" s="137"/>
      <c r="AG5457" s="137"/>
      <c r="AH5457" s="137"/>
      <c r="AI5457" s="137"/>
      <c r="AJ5457" s="137"/>
      <c r="AK5457" s="137"/>
      <c r="AL5457" s="137"/>
      <c r="AM5457" s="137"/>
      <c r="AN5457" s="137"/>
      <c r="AO5457" s="137"/>
      <c r="AP5457" s="137"/>
      <c r="AQ5457" s="137"/>
      <c r="AR5457" s="137"/>
      <c r="AS5457" s="137"/>
      <c r="AT5457" s="137"/>
      <c r="AU5457" s="137"/>
      <c r="AV5457" s="137"/>
      <c r="AW5457" s="144"/>
    </row>
    <row r="5458" spans="7:49" x14ac:dyDescent="0.2">
      <c r="G5458" s="43"/>
      <c r="Z5458" s="143"/>
      <c r="AA5458" s="137"/>
      <c r="AB5458" s="137"/>
      <c r="AC5458" s="137"/>
      <c r="AD5458" s="137"/>
      <c r="AE5458" s="137"/>
      <c r="AF5458" s="137"/>
      <c r="AG5458" s="137"/>
      <c r="AH5458" s="137"/>
      <c r="AI5458" s="137"/>
      <c r="AJ5458" s="137"/>
      <c r="AK5458" s="137"/>
      <c r="AL5458" s="137"/>
      <c r="AM5458" s="137"/>
      <c r="AN5458" s="137"/>
      <c r="AO5458" s="137"/>
      <c r="AP5458" s="137"/>
      <c r="AQ5458" s="137"/>
      <c r="AR5458" s="137"/>
      <c r="AS5458" s="137"/>
      <c r="AT5458" s="137"/>
      <c r="AU5458" s="137"/>
      <c r="AV5458" s="137"/>
      <c r="AW5458" s="144"/>
    </row>
    <row r="5459" spans="7:49" x14ac:dyDescent="0.2">
      <c r="G5459" s="43"/>
      <c r="Z5459" s="143"/>
      <c r="AA5459" s="137"/>
      <c r="AB5459" s="137"/>
      <c r="AC5459" s="137"/>
      <c r="AD5459" s="137"/>
      <c r="AE5459" s="137"/>
      <c r="AF5459" s="137"/>
      <c r="AG5459" s="137"/>
      <c r="AH5459" s="137"/>
      <c r="AI5459" s="137"/>
      <c r="AJ5459" s="137"/>
      <c r="AK5459" s="137"/>
      <c r="AL5459" s="137"/>
      <c r="AM5459" s="137"/>
      <c r="AN5459" s="137"/>
      <c r="AO5459" s="137"/>
      <c r="AP5459" s="137"/>
      <c r="AQ5459" s="137"/>
      <c r="AR5459" s="137"/>
      <c r="AS5459" s="137"/>
      <c r="AT5459" s="137"/>
      <c r="AU5459" s="137"/>
      <c r="AV5459" s="137"/>
      <c r="AW5459" s="144"/>
    </row>
    <row r="5460" spans="7:49" x14ac:dyDescent="0.2">
      <c r="G5460" s="43"/>
      <c r="Z5460" s="143"/>
      <c r="AA5460" s="137"/>
      <c r="AB5460" s="137"/>
      <c r="AC5460" s="137"/>
      <c r="AD5460" s="137"/>
      <c r="AE5460" s="137"/>
      <c r="AF5460" s="137"/>
      <c r="AG5460" s="137"/>
      <c r="AH5460" s="137"/>
      <c r="AI5460" s="137"/>
      <c r="AJ5460" s="137"/>
      <c r="AK5460" s="137"/>
      <c r="AL5460" s="137"/>
      <c r="AM5460" s="137"/>
      <c r="AN5460" s="137"/>
      <c r="AO5460" s="137"/>
      <c r="AP5460" s="137"/>
      <c r="AQ5460" s="137"/>
      <c r="AR5460" s="137"/>
      <c r="AS5460" s="137"/>
      <c r="AT5460" s="137"/>
      <c r="AU5460" s="137"/>
      <c r="AV5460" s="137"/>
      <c r="AW5460" s="144"/>
    </row>
    <row r="5461" spans="7:49" x14ac:dyDescent="0.2">
      <c r="G5461" s="43"/>
      <c r="Z5461" s="143"/>
      <c r="AA5461" s="137"/>
      <c r="AB5461" s="137"/>
      <c r="AC5461" s="137"/>
      <c r="AD5461" s="137"/>
      <c r="AE5461" s="137"/>
      <c r="AF5461" s="137"/>
      <c r="AG5461" s="137"/>
      <c r="AH5461" s="137"/>
      <c r="AI5461" s="137"/>
      <c r="AJ5461" s="137"/>
      <c r="AK5461" s="137"/>
      <c r="AL5461" s="137"/>
      <c r="AM5461" s="137"/>
      <c r="AN5461" s="137"/>
      <c r="AO5461" s="137"/>
      <c r="AP5461" s="137"/>
      <c r="AQ5461" s="137"/>
      <c r="AR5461" s="137"/>
      <c r="AS5461" s="137"/>
      <c r="AT5461" s="137"/>
      <c r="AU5461" s="137"/>
      <c r="AV5461" s="137"/>
      <c r="AW5461" s="144"/>
    </row>
    <row r="5462" spans="7:49" x14ac:dyDescent="0.2">
      <c r="G5462" s="43"/>
      <c r="Z5462" s="143"/>
      <c r="AA5462" s="137"/>
      <c r="AB5462" s="137"/>
      <c r="AC5462" s="137"/>
      <c r="AD5462" s="137"/>
      <c r="AE5462" s="137"/>
      <c r="AF5462" s="137"/>
      <c r="AG5462" s="137"/>
      <c r="AH5462" s="137"/>
      <c r="AI5462" s="137"/>
      <c r="AJ5462" s="137"/>
      <c r="AK5462" s="137"/>
      <c r="AL5462" s="137"/>
      <c r="AM5462" s="137"/>
      <c r="AN5462" s="137"/>
      <c r="AO5462" s="137"/>
      <c r="AP5462" s="137"/>
      <c r="AQ5462" s="137"/>
      <c r="AR5462" s="137"/>
      <c r="AS5462" s="137"/>
      <c r="AT5462" s="137"/>
      <c r="AU5462" s="137"/>
      <c r="AV5462" s="137"/>
      <c r="AW5462" s="144"/>
    </row>
    <row r="5463" spans="7:49" x14ac:dyDescent="0.2">
      <c r="G5463" s="43"/>
      <c r="Z5463" s="143"/>
      <c r="AA5463" s="137"/>
      <c r="AB5463" s="137"/>
      <c r="AC5463" s="137"/>
      <c r="AD5463" s="137"/>
      <c r="AE5463" s="137"/>
      <c r="AF5463" s="137"/>
      <c r="AG5463" s="137"/>
      <c r="AH5463" s="137"/>
      <c r="AI5463" s="137"/>
      <c r="AJ5463" s="137"/>
      <c r="AK5463" s="137"/>
      <c r="AL5463" s="137"/>
      <c r="AM5463" s="137"/>
      <c r="AN5463" s="137"/>
      <c r="AO5463" s="137"/>
      <c r="AP5463" s="137"/>
      <c r="AQ5463" s="137"/>
      <c r="AR5463" s="137"/>
      <c r="AS5463" s="137"/>
      <c r="AT5463" s="137"/>
      <c r="AU5463" s="137"/>
      <c r="AV5463" s="137"/>
      <c r="AW5463" s="144"/>
    </row>
    <row r="5464" spans="7:49" x14ac:dyDescent="0.2">
      <c r="G5464" s="43"/>
      <c r="Z5464" s="143"/>
      <c r="AA5464" s="137"/>
      <c r="AB5464" s="137"/>
      <c r="AC5464" s="137"/>
      <c r="AD5464" s="137"/>
      <c r="AE5464" s="137"/>
      <c r="AF5464" s="137"/>
      <c r="AG5464" s="137"/>
      <c r="AH5464" s="137"/>
      <c r="AI5464" s="137"/>
      <c r="AJ5464" s="137"/>
      <c r="AK5464" s="137"/>
      <c r="AL5464" s="137"/>
      <c r="AM5464" s="137"/>
      <c r="AN5464" s="137"/>
      <c r="AO5464" s="137"/>
      <c r="AP5464" s="137"/>
      <c r="AQ5464" s="137"/>
      <c r="AR5464" s="137"/>
      <c r="AS5464" s="137"/>
      <c r="AT5464" s="137"/>
      <c r="AU5464" s="137"/>
      <c r="AV5464" s="137"/>
      <c r="AW5464" s="144"/>
    </row>
    <row r="5465" spans="7:49" x14ac:dyDescent="0.2">
      <c r="G5465" s="43"/>
      <c r="Z5465" s="143"/>
      <c r="AA5465" s="137"/>
      <c r="AB5465" s="137"/>
      <c r="AC5465" s="137"/>
      <c r="AD5465" s="137"/>
      <c r="AE5465" s="137"/>
      <c r="AF5465" s="137"/>
      <c r="AG5465" s="137"/>
      <c r="AH5465" s="137"/>
      <c r="AI5465" s="137"/>
      <c r="AJ5465" s="137"/>
      <c r="AK5465" s="137"/>
      <c r="AL5465" s="137"/>
      <c r="AM5465" s="137"/>
      <c r="AN5465" s="137"/>
      <c r="AO5465" s="137"/>
      <c r="AP5465" s="137"/>
      <c r="AQ5465" s="137"/>
      <c r="AR5465" s="137"/>
      <c r="AS5465" s="137"/>
      <c r="AT5465" s="137"/>
      <c r="AU5465" s="137"/>
      <c r="AV5465" s="137"/>
      <c r="AW5465" s="144"/>
    </row>
    <row r="5466" spans="7:49" x14ac:dyDescent="0.2">
      <c r="G5466" s="43"/>
      <c r="Z5466" s="143"/>
      <c r="AA5466" s="137"/>
      <c r="AB5466" s="137"/>
      <c r="AC5466" s="137"/>
      <c r="AD5466" s="137"/>
      <c r="AE5466" s="137"/>
      <c r="AF5466" s="137"/>
      <c r="AG5466" s="137"/>
      <c r="AH5466" s="137"/>
      <c r="AI5466" s="137"/>
      <c r="AJ5466" s="137"/>
      <c r="AK5466" s="137"/>
      <c r="AL5466" s="137"/>
      <c r="AM5466" s="137"/>
      <c r="AN5466" s="137"/>
      <c r="AO5466" s="137"/>
      <c r="AP5466" s="137"/>
      <c r="AQ5466" s="137"/>
      <c r="AR5466" s="137"/>
      <c r="AS5466" s="137"/>
      <c r="AT5466" s="137"/>
      <c r="AU5466" s="137"/>
      <c r="AV5466" s="137"/>
      <c r="AW5466" s="144"/>
    </row>
    <row r="5467" spans="7:49" x14ac:dyDescent="0.2">
      <c r="G5467" s="43"/>
      <c r="Z5467" s="143"/>
      <c r="AA5467" s="137"/>
      <c r="AB5467" s="137"/>
      <c r="AC5467" s="137"/>
      <c r="AD5467" s="137"/>
      <c r="AE5467" s="137"/>
      <c r="AF5467" s="137"/>
      <c r="AG5467" s="137"/>
      <c r="AH5467" s="137"/>
      <c r="AI5467" s="137"/>
      <c r="AJ5467" s="137"/>
      <c r="AK5467" s="137"/>
      <c r="AL5467" s="137"/>
      <c r="AM5467" s="137"/>
      <c r="AN5467" s="137"/>
      <c r="AO5467" s="137"/>
      <c r="AP5467" s="137"/>
      <c r="AQ5467" s="137"/>
      <c r="AR5467" s="137"/>
      <c r="AS5467" s="137"/>
      <c r="AT5467" s="137"/>
      <c r="AU5467" s="137"/>
      <c r="AV5467" s="137"/>
      <c r="AW5467" s="144"/>
    </row>
    <row r="5468" spans="7:49" x14ac:dyDescent="0.2">
      <c r="G5468" s="43"/>
      <c r="Z5468" s="143"/>
      <c r="AA5468" s="137"/>
      <c r="AB5468" s="137"/>
      <c r="AC5468" s="137"/>
      <c r="AD5468" s="137"/>
      <c r="AE5468" s="137"/>
      <c r="AF5468" s="137"/>
      <c r="AG5468" s="137"/>
      <c r="AH5468" s="137"/>
      <c r="AI5468" s="137"/>
      <c r="AJ5468" s="137"/>
      <c r="AK5468" s="137"/>
      <c r="AL5468" s="137"/>
      <c r="AM5468" s="137"/>
      <c r="AN5468" s="137"/>
      <c r="AO5468" s="137"/>
      <c r="AP5468" s="137"/>
      <c r="AQ5468" s="137"/>
      <c r="AR5468" s="137"/>
      <c r="AS5468" s="137"/>
      <c r="AT5468" s="137"/>
      <c r="AU5468" s="137"/>
      <c r="AV5468" s="137"/>
      <c r="AW5468" s="144"/>
    </row>
    <row r="5469" spans="7:49" x14ac:dyDescent="0.2">
      <c r="G5469" s="43"/>
      <c r="Z5469" s="143"/>
      <c r="AA5469" s="137"/>
      <c r="AB5469" s="137"/>
      <c r="AC5469" s="137"/>
      <c r="AD5469" s="137"/>
      <c r="AE5469" s="137"/>
      <c r="AF5469" s="137"/>
      <c r="AG5469" s="137"/>
      <c r="AH5469" s="137"/>
      <c r="AI5469" s="137"/>
      <c r="AJ5469" s="137"/>
      <c r="AK5469" s="137"/>
      <c r="AL5469" s="137"/>
      <c r="AM5469" s="137"/>
      <c r="AN5469" s="137"/>
      <c r="AO5469" s="137"/>
      <c r="AP5469" s="137"/>
      <c r="AQ5469" s="137"/>
      <c r="AR5469" s="137"/>
      <c r="AS5469" s="137"/>
      <c r="AT5469" s="137"/>
      <c r="AU5469" s="137"/>
      <c r="AV5469" s="137"/>
      <c r="AW5469" s="144"/>
    </row>
    <row r="5470" spans="7:49" x14ac:dyDescent="0.2">
      <c r="G5470" s="43"/>
      <c r="Z5470" s="143"/>
      <c r="AA5470" s="137"/>
      <c r="AB5470" s="137"/>
      <c r="AC5470" s="137"/>
      <c r="AD5470" s="137"/>
      <c r="AE5470" s="137"/>
      <c r="AF5470" s="137"/>
      <c r="AG5470" s="137"/>
      <c r="AH5470" s="137"/>
      <c r="AI5470" s="137"/>
      <c r="AJ5470" s="137"/>
      <c r="AK5470" s="137"/>
      <c r="AL5470" s="137"/>
      <c r="AM5470" s="137"/>
      <c r="AN5470" s="137"/>
      <c r="AO5470" s="137"/>
      <c r="AP5470" s="137"/>
      <c r="AQ5470" s="137"/>
      <c r="AR5470" s="137"/>
      <c r="AS5470" s="137"/>
      <c r="AT5470" s="137"/>
      <c r="AU5470" s="137"/>
      <c r="AV5470" s="137"/>
      <c r="AW5470" s="144"/>
    </row>
    <row r="5471" spans="7:49" x14ac:dyDescent="0.2">
      <c r="G5471" s="43"/>
      <c r="Z5471" s="143"/>
      <c r="AA5471" s="137"/>
      <c r="AB5471" s="137"/>
      <c r="AC5471" s="137"/>
      <c r="AD5471" s="137"/>
      <c r="AE5471" s="137"/>
      <c r="AF5471" s="137"/>
      <c r="AG5471" s="137"/>
      <c r="AH5471" s="137"/>
      <c r="AI5471" s="137"/>
      <c r="AJ5471" s="137"/>
      <c r="AK5471" s="137"/>
      <c r="AL5471" s="137"/>
      <c r="AM5471" s="137"/>
      <c r="AN5471" s="137"/>
      <c r="AO5471" s="137"/>
      <c r="AP5471" s="137"/>
      <c r="AQ5471" s="137"/>
      <c r="AR5471" s="137"/>
      <c r="AS5471" s="137"/>
      <c r="AT5471" s="137"/>
      <c r="AU5471" s="137"/>
      <c r="AV5471" s="137"/>
      <c r="AW5471" s="144"/>
    </row>
    <row r="5472" spans="7:49" x14ac:dyDescent="0.2">
      <c r="G5472" s="43"/>
      <c r="Z5472" s="143"/>
      <c r="AA5472" s="137"/>
      <c r="AB5472" s="137"/>
      <c r="AC5472" s="137"/>
      <c r="AD5472" s="137"/>
      <c r="AE5472" s="137"/>
      <c r="AF5472" s="137"/>
      <c r="AG5472" s="137"/>
      <c r="AH5472" s="137"/>
      <c r="AI5472" s="137"/>
      <c r="AJ5472" s="137"/>
      <c r="AK5472" s="137"/>
      <c r="AL5472" s="137"/>
      <c r="AM5472" s="137"/>
      <c r="AN5472" s="137"/>
      <c r="AO5472" s="137"/>
      <c r="AP5472" s="137"/>
      <c r="AQ5472" s="137"/>
      <c r="AR5472" s="137"/>
      <c r="AS5472" s="137"/>
      <c r="AT5472" s="137"/>
      <c r="AU5472" s="137"/>
      <c r="AV5472" s="137"/>
      <c r="AW5472" s="144"/>
    </row>
    <row r="5473" spans="7:49" x14ac:dyDescent="0.2">
      <c r="G5473" s="43"/>
      <c r="Z5473" s="143"/>
      <c r="AA5473" s="137"/>
      <c r="AB5473" s="137"/>
      <c r="AC5473" s="137"/>
      <c r="AD5473" s="137"/>
      <c r="AE5473" s="137"/>
      <c r="AF5473" s="137"/>
      <c r="AG5473" s="137"/>
      <c r="AH5473" s="137"/>
      <c r="AI5473" s="137"/>
      <c r="AJ5473" s="137"/>
      <c r="AK5473" s="137"/>
      <c r="AL5473" s="137"/>
      <c r="AM5473" s="137"/>
      <c r="AN5473" s="137"/>
      <c r="AO5473" s="137"/>
      <c r="AP5473" s="137"/>
      <c r="AQ5473" s="137"/>
      <c r="AR5473" s="137"/>
      <c r="AS5473" s="137"/>
      <c r="AT5473" s="137"/>
      <c r="AU5473" s="137"/>
      <c r="AV5473" s="137"/>
      <c r="AW5473" s="144"/>
    </row>
    <row r="5474" spans="7:49" x14ac:dyDescent="0.2">
      <c r="G5474" s="43"/>
      <c r="Z5474" s="143"/>
      <c r="AA5474" s="137"/>
      <c r="AB5474" s="137"/>
      <c r="AC5474" s="137"/>
      <c r="AD5474" s="137"/>
      <c r="AE5474" s="137"/>
      <c r="AF5474" s="137"/>
      <c r="AG5474" s="137"/>
      <c r="AH5474" s="137"/>
      <c r="AI5474" s="137"/>
      <c r="AJ5474" s="137"/>
      <c r="AK5474" s="137"/>
      <c r="AL5474" s="137"/>
      <c r="AM5474" s="137"/>
      <c r="AN5474" s="137"/>
      <c r="AO5474" s="137"/>
      <c r="AP5474" s="137"/>
      <c r="AQ5474" s="137"/>
      <c r="AR5474" s="137"/>
      <c r="AS5474" s="137"/>
      <c r="AT5474" s="137"/>
      <c r="AU5474" s="137"/>
      <c r="AV5474" s="137"/>
      <c r="AW5474" s="144"/>
    </row>
    <row r="5475" spans="7:49" x14ac:dyDescent="0.2">
      <c r="G5475" s="43"/>
      <c r="Z5475" s="143"/>
      <c r="AA5475" s="137"/>
      <c r="AB5475" s="137"/>
      <c r="AC5475" s="137"/>
      <c r="AD5475" s="137"/>
      <c r="AE5475" s="137"/>
      <c r="AF5475" s="137"/>
      <c r="AG5475" s="137"/>
      <c r="AH5475" s="137"/>
      <c r="AI5475" s="137"/>
      <c r="AJ5475" s="137"/>
      <c r="AK5475" s="137"/>
      <c r="AL5475" s="137"/>
      <c r="AM5475" s="137"/>
      <c r="AN5475" s="137"/>
      <c r="AO5475" s="137"/>
      <c r="AP5475" s="137"/>
      <c r="AQ5475" s="137"/>
      <c r="AR5475" s="137"/>
      <c r="AS5475" s="137"/>
      <c r="AT5475" s="137"/>
      <c r="AU5475" s="137"/>
      <c r="AV5475" s="137"/>
      <c r="AW5475" s="144"/>
    </row>
    <row r="5476" spans="7:49" x14ac:dyDescent="0.2">
      <c r="G5476" s="43"/>
      <c r="Z5476" s="143"/>
      <c r="AA5476" s="137"/>
      <c r="AB5476" s="137"/>
      <c r="AC5476" s="137"/>
      <c r="AD5476" s="137"/>
      <c r="AE5476" s="137"/>
      <c r="AF5476" s="137"/>
      <c r="AG5476" s="137"/>
      <c r="AH5476" s="137"/>
      <c r="AI5476" s="137"/>
      <c r="AJ5476" s="137"/>
      <c r="AK5476" s="137"/>
      <c r="AL5476" s="137"/>
      <c r="AM5476" s="137"/>
      <c r="AN5476" s="137"/>
      <c r="AO5476" s="137"/>
      <c r="AP5476" s="137"/>
      <c r="AQ5476" s="137"/>
      <c r="AR5476" s="137"/>
      <c r="AS5476" s="137"/>
      <c r="AT5476" s="137"/>
      <c r="AU5476" s="137"/>
      <c r="AV5476" s="137"/>
      <c r="AW5476" s="144"/>
    </row>
    <row r="5477" spans="7:49" x14ac:dyDescent="0.2">
      <c r="G5477" s="43"/>
      <c r="Z5477" s="143"/>
      <c r="AA5477" s="137"/>
      <c r="AB5477" s="137"/>
      <c r="AC5477" s="137"/>
      <c r="AD5477" s="137"/>
      <c r="AE5477" s="137"/>
      <c r="AF5477" s="137"/>
      <c r="AG5477" s="137"/>
      <c r="AH5477" s="137"/>
      <c r="AI5477" s="137"/>
      <c r="AJ5477" s="137"/>
      <c r="AK5477" s="137"/>
      <c r="AL5477" s="137"/>
      <c r="AM5477" s="137"/>
      <c r="AN5477" s="137"/>
      <c r="AO5477" s="137"/>
      <c r="AP5477" s="137"/>
      <c r="AQ5477" s="137"/>
      <c r="AR5477" s="137"/>
      <c r="AS5477" s="137"/>
      <c r="AT5477" s="137"/>
      <c r="AU5477" s="137"/>
      <c r="AV5477" s="137"/>
      <c r="AW5477" s="144"/>
    </row>
    <row r="5478" spans="7:49" x14ac:dyDescent="0.2">
      <c r="G5478" s="43"/>
      <c r="Z5478" s="143"/>
      <c r="AA5478" s="137"/>
      <c r="AB5478" s="137"/>
      <c r="AC5478" s="137"/>
      <c r="AD5478" s="137"/>
      <c r="AE5478" s="137"/>
      <c r="AF5478" s="137"/>
      <c r="AG5478" s="137"/>
      <c r="AH5478" s="137"/>
      <c r="AI5478" s="137"/>
      <c r="AJ5478" s="137"/>
      <c r="AK5478" s="137"/>
      <c r="AL5478" s="137"/>
      <c r="AM5478" s="137"/>
      <c r="AN5478" s="137"/>
      <c r="AO5478" s="137"/>
      <c r="AP5478" s="137"/>
      <c r="AQ5478" s="137"/>
      <c r="AR5478" s="137"/>
      <c r="AS5478" s="137"/>
      <c r="AT5478" s="137"/>
      <c r="AU5478" s="137"/>
      <c r="AV5478" s="137"/>
      <c r="AW5478" s="144"/>
    </row>
    <row r="5479" spans="7:49" x14ac:dyDescent="0.2">
      <c r="G5479" s="43"/>
      <c r="Z5479" s="143"/>
      <c r="AA5479" s="137"/>
      <c r="AB5479" s="137"/>
      <c r="AC5479" s="137"/>
      <c r="AD5479" s="137"/>
      <c r="AE5479" s="137"/>
      <c r="AF5479" s="137"/>
      <c r="AG5479" s="137"/>
      <c r="AH5479" s="137"/>
      <c r="AI5479" s="137"/>
      <c r="AJ5479" s="137"/>
      <c r="AK5479" s="137"/>
      <c r="AL5479" s="137"/>
      <c r="AM5479" s="137"/>
      <c r="AN5479" s="137"/>
      <c r="AO5479" s="137"/>
      <c r="AP5479" s="137"/>
      <c r="AQ5479" s="137"/>
      <c r="AR5479" s="137"/>
      <c r="AS5479" s="137"/>
      <c r="AT5479" s="137"/>
      <c r="AU5479" s="137"/>
      <c r="AV5479" s="137"/>
      <c r="AW5479" s="144"/>
    </row>
    <row r="5480" spans="7:49" x14ac:dyDescent="0.2">
      <c r="G5480" s="43"/>
      <c r="Z5480" s="143"/>
      <c r="AA5480" s="137"/>
      <c r="AB5480" s="137"/>
      <c r="AC5480" s="137"/>
      <c r="AD5480" s="137"/>
      <c r="AE5480" s="137"/>
      <c r="AF5480" s="137"/>
      <c r="AG5480" s="137"/>
      <c r="AH5480" s="137"/>
      <c r="AI5480" s="137"/>
      <c r="AJ5480" s="137"/>
      <c r="AK5480" s="137"/>
      <c r="AL5480" s="137"/>
      <c r="AM5480" s="137"/>
      <c r="AN5480" s="137"/>
      <c r="AO5480" s="137"/>
      <c r="AP5480" s="137"/>
      <c r="AQ5480" s="137"/>
      <c r="AR5480" s="137"/>
      <c r="AS5480" s="137"/>
      <c r="AT5480" s="137"/>
      <c r="AU5480" s="137"/>
      <c r="AV5480" s="137"/>
      <c r="AW5480" s="144"/>
    </row>
    <row r="5481" spans="7:49" x14ac:dyDescent="0.2">
      <c r="G5481" s="43"/>
      <c r="Z5481" s="143"/>
      <c r="AA5481" s="137"/>
      <c r="AB5481" s="137"/>
      <c r="AC5481" s="137"/>
      <c r="AD5481" s="137"/>
      <c r="AE5481" s="137"/>
      <c r="AF5481" s="137"/>
      <c r="AG5481" s="137"/>
      <c r="AH5481" s="137"/>
      <c r="AI5481" s="137"/>
      <c r="AJ5481" s="137"/>
      <c r="AK5481" s="137"/>
      <c r="AL5481" s="137"/>
      <c r="AM5481" s="137"/>
      <c r="AN5481" s="137"/>
      <c r="AO5481" s="137"/>
      <c r="AP5481" s="137"/>
      <c r="AQ5481" s="137"/>
      <c r="AR5481" s="137"/>
      <c r="AS5481" s="137"/>
      <c r="AT5481" s="137"/>
      <c r="AU5481" s="137"/>
      <c r="AV5481" s="137"/>
      <c r="AW5481" s="144"/>
    </row>
    <row r="5482" spans="7:49" x14ac:dyDescent="0.2">
      <c r="G5482" s="43"/>
      <c r="Z5482" s="143"/>
      <c r="AA5482" s="137"/>
      <c r="AB5482" s="137"/>
      <c r="AC5482" s="137"/>
      <c r="AD5482" s="137"/>
      <c r="AE5482" s="137"/>
      <c r="AF5482" s="137"/>
      <c r="AG5482" s="137"/>
      <c r="AH5482" s="137"/>
      <c r="AI5482" s="137"/>
      <c r="AJ5482" s="137"/>
      <c r="AK5482" s="137"/>
      <c r="AL5482" s="137"/>
      <c r="AM5482" s="137"/>
      <c r="AN5482" s="137"/>
      <c r="AO5482" s="137"/>
      <c r="AP5482" s="137"/>
      <c r="AQ5482" s="137"/>
      <c r="AR5482" s="137"/>
      <c r="AS5482" s="137"/>
      <c r="AT5482" s="137"/>
      <c r="AU5482" s="137"/>
      <c r="AV5482" s="137"/>
      <c r="AW5482" s="144"/>
    </row>
    <row r="5483" spans="7:49" x14ac:dyDescent="0.2">
      <c r="G5483" s="43"/>
      <c r="Z5483" s="143"/>
      <c r="AA5483" s="137"/>
      <c r="AB5483" s="137"/>
      <c r="AC5483" s="137"/>
      <c r="AD5483" s="137"/>
      <c r="AE5483" s="137"/>
      <c r="AF5483" s="137"/>
      <c r="AG5483" s="137"/>
      <c r="AH5483" s="137"/>
      <c r="AI5483" s="137"/>
      <c r="AJ5483" s="137"/>
      <c r="AK5483" s="137"/>
      <c r="AL5483" s="137"/>
      <c r="AM5483" s="137"/>
      <c r="AN5483" s="137"/>
      <c r="AO5483" s="137"/>
      <c r="AP5483" s="137"/>
      <c r="AQ5483" s="137"/>
      <c r="AR5483" s="137"/>
      <c r="AS5483" s="137"/>
      <c r="AT5483" s="137"/>
      <c r="AU5483" s="137"/>
      <c r="AV5483" s="137"/>
      <c r="AW5483" s="144"/>
    </row>
    <row r="5484" spans="7:49" x14ac:dyDescent="0.2">
      <c r="G5484" s="43"/>
      <c r="Z5484" s="143"/>
      <c r="AA5484" s="137"/>
      <c r="AB5484" s="137"/>
      <c r="AC5484" s="137"/>
      <c r="AD5484" s="137"/>
      <c r="AE5484" s="137"/>
      <c r="AF5484" s="137"/>
      <c r="AG5484" s="137"/>
      <c r="AH5484" s="137"/>
      <c r="AI5484" s="137"/>
      <c r="AJ5484" s="137"/>
      <c r="AK5484" s="137"/>
      <c r="AL5484" s="137"/>
      <c r="AM5484" s="137"/>
      <c r="AN5484" s="137"/>
      <c r="AO5484" s="137"/>
      <c r="AP5484" s="137"/>
      <c r="AQ5484" s="137"/>
      <c r="AR5484" s="137"/>
      <c r="AS5484" s="137"/>
      <c r="AT5484" s="137"/>
      <c r="AU5484" s="137"/>
      <c r="AV5484" s="137"/>
      <c r="AW5484" s="144"/>
    </row>
    <row r="5485" spans="7:49" x14ac:dyDescent="0.2">
      <c r="G5485" s="43"/>
      <c r="Z5485" s="143"/>
      <c r="AA5485" s="137"/>
      <c r="AB5485" s="137"/>
      <c r="AC5485" s="137"/>
      <c r="AD5485" s="137"/>
      <c r="AE5485" s="137"/>
      <c r="AF5485" s="137"/>
      <c r="AG5485" s="137"/>
      <c r="AH5485" s="137"/>
      <c r="AI5485" s="137"/>
      <c r="AJ5485" s="137"/>
      <c r="AK5485" s="137"/>
      <c r="AL5485" s="137"/>
      <c r="AM5485" s="137"/>
      <c r="AN5485" s="137"/>
      <c r="AO5485" s="137"/>
      <c r="AP5485" s="137"/>
      <c r="AQ5485" s="137"/>
      <c r="AR5485" s="137"/>
      <c r="AS5485" s="137"/>
      <c r="AT5485" s="137"/>
      <c r="AU5485" s="137"/>
      <c r="AV5485" s="137"/>
      <c r="AW5485" s="144"/>
    </row>
    <row r="5486" spans="7:49" x14ac:dyDescent="0.2">
      <c r="G5486" s="43"/>
      <c r="Z5486" s="143"/>
      <c r="AA5486" s="137"/>
      <c r="AB5486" s="137"/>
      <c r="AC5486" s="137"/>
      <c r="AD5486" s="137"/>
      <c r="AE5486" s="137"/>
      <c r="AF5486" s="137"/>
      <c r="AG5486" s="137"/>
      <c r="AH5486" s="137"/>
      <c r="AI5486" s="137"/>
      <c r="AJ5486" s="137"/>
      <c r="AK5486" s="137"/>
      <c r="AL5486" s="137"/>
      <c r="AM5486" s="137"/>
      <c r="AN5486" s="137"/>
      <c r="AO5486" s="137"/>
      <c r="AP5486" s="137"/>
      <c r="AQ5486" s="137"/>
      <c r="AR5486" s="137"/>
      <c r="AS5486" s="137"/>
      <c r="AT5486" s="137"/>
      <c r="AU5486" s="137"/>
      <c r="AV5486" s="137"/>
      <c r="AW5486" s="144"/>
    </row>
    <row r="5487" spans="7:49" x14ac:dyDescent="0.2">
      <c r="G5487" s="43"/>
      <c r="Z5487" s="143"/>
      <c r="AA5487" s="137"/>
      <c r="AB5487" s="137"/>
      <c r="AC5487" s="137"/>
      <c r="AD5487" s="137"/>
      <c r="AE5487" s="137"/>
      <c r="AF5487" s="137"/>
      <c r="AG5487" s="137"/>
      <c r="AH5487" s="137"/>
      <c r="AI5487" s="137"/>
      <c r="AJ5487" s="137"/>
      <c r="AK5487" s="137"/>
      <c r="AL5487" s="137"/>
      <c r="AM5487" s="137"/>
      <c r="AN5487" s="137"/>
      <c r="AO5487" s="137"/>
      <c r="AP5487" s="137"/>
      <c r="AQ5487" s="137"/>
      <c r="AR5487" s="137"/>
      <c r="AS5487" s="137"/>
      <c r="AT5487" s="137"/>
      <c r="AU5487" s="137"/>
      <c r="AV5487" s="137"/>
      <c r="AW5487" s="144"/>
    </row>
    <row r="5488" spans="7:49" x14ac:dyDescent="0.2">
      <c r="G5488" s="43"/>
      <c r="Z5488" s="143"/>
      <c r="AA5488" s="137"/>
      <c r="AB5488" s="137"/>
      <c r="AC5488" s="137"/>
      <c r="AD5488" s="137"/>
      <c r="AE5488" s="137"/>
      <c r="AF5488" s="137"/>
      <c r="AG5488" s="137"/>
      <c r="AH5488" s="137"/>
      <c r="AI5488" s="137"/>
      <c r="AJ5488" s="137"/>
      <c r="AK5488" s="137"/>
      <c r="AL5488" s="137"/>
      <c r="AM5488" s="137"/>
      <c r="AN5488" s="137"/>
      <c r="AO5488" s="137"/>
      <c r="AP5488" s="137"/>
      <c r="AQ5488" s="137"/>
      <c r="AR5488" s="137"/>
      <c r="AS5488" s="137"/>
      <c r="AT5488" s="137"/>
      <c r="AU5488" s="137"/>
      <c r="AV5488" s="137"/>
      <c r="AW5488" s="144"/>
    </row>
    <row r="5489" spans="7:49" x14ac:dyDescent="0.2">
      <c r="G5489" s="43"/>
      <c r="Z5489" s="143"/>
      <c r="AA5489" s="137"/>
      <c r="AB5489" s="137"/>
      <c r="AC5489" s="137"/>
      <c r="AD5489" s="137"/>
      <c r="AE5489" s="137"/>
      <c r="AF5489" s="137"/>
      <c r="AG5489" s="137"/>
      <c r="AH5489" s="137"/>
      <c r="AI5489" s="137"/>
      <c r="AJ5489" s="137"/>
      <c r="AK5489" s="137"/>
      <c r="AL5489" s="137"/>
      <c r="AM5489" s="137"/>
      <c r="AN5489" s="137"/>
      <c r="AO5489" s="137"/>
      <c r="AP5489" s="137"/>
      <c r="AQ5489" s="137"/>
      <c r="AR5489" s="137"/>
      <c r="AS5489" s="137"/>
      <c r="AT5489" s="137"/>
      <c r="AU5489" s="137"/>
      <c r="AV5489" s="137"/>
      <c r="AW5489" s="144"/>
    </row>
    <row r="5490" spans="7:49" x14ac:dyDescent="0.2">
      <c r="G5490" s="43"/>
      <c r="Z5490" s="143"/>
      <c r="AA5490" s="137"/>
      <c r="AB5490" s="137"/>
      <c r="AC5490" s="137"/>
      <c r="AD5490" s="137"/>
      <c r="AE5490" s="137"/>
      <c r="AF5490" s="137"/>
      <c r="AG5490" s="137"/>
      <c r="AH5490" s="137"/>
      <c r="AI5490" s="137"/>
      <c r="AJ5490" s="137"/>
      <c r="AK5490" s="137"/>
      <c r="AL5490" s="137"/>
      <c r="AM5490" s="137"/>
      <c r="AN5490" s="137"/>
      <c r="AO5490" s="137"/>
      <c r="AP5490" s="137"/>
      <c r="AQ5490" s="137"/>
      <c r="AR5490" s="137"/>
      <c r="AS5490" s="137"/>
      <c r="AT5490" s="137"/>
      <c r="AU5490" s="137"/>
      <c r="AV5490" s="137"/>
      <c r="AW5490" s="144"/>
    </row>
    <row r="5491" spans="7:49" x14ac:dyDescent="0.2">
      <c r="G5491" s="43"/>
      <c r="Z5491" s="143"/>
      <c r="AA5491" s="137"/>
      <c r="AB5491" s="137"/>
      <c r="AC5491" s="137"/>
      <c r="AD5491" s="137"/>
      <c r="AE5491" s="137"/>
      <c r="AF5491" s="137"/>
      <c r="AG5491" s="137"/>
      <c r="AH5491" s="137"/>
      <c r="AI5491" s="137"/>
      <c r="AJ5491" s="137"/>
      <c r="AK5491" s="137"/>
      <c r="AL5491" s="137"/>
      <c r="AM5491" s="137"/>
      <c r="AN5491" s="137"/>
      <c r="AO5491" s="137"/>
      <c r="AP5491" s="137"/>
      <c r="AQ5491" s="137"/>
      <c r="AR5491" s="137"/>
      <c r="AS5491" s="137"/>
      <c r="AT5491" s="137"/>
      <c r="AU5491" s="137"/>
      <c r="AV5491" s="137"/>
      <c r="AW5491" s="144"/>
    </row>
    <row r="5492" spans="7:49" x14ac:dyDescent="0.2">
      <c r="G5492" s="43"/>
      <c r="Z5492" s="143"/>
      <c r="AA5492" s="137"/>
      <c r="AB5492" s="137"/>
      <c r="AC5492" s="137"/>
      <c r="AD5492" s="137"/>
      <c r="AE5492" s="137"/>
      <c r="AF5492" s="137"/>
      <c r="AG5492" s="137"/>
      <c r="AH5492" s="137"/>
      <c r="AI5492" s="137"/>
      <c r="AJ5492" s="137"/>
      <c r="AK5492" s="137"/>
      <c r="AL5492" s="137"/>
      <c r="AM5492" s="137"/>
      <c r="AN5492" s="137"/>
      <c r="AO5492" s="137"/>
      <c r="AP5492" s="137"/>
      <c r="AQ5492" s="137"/>
      <c r="AR5492" s="137"/>
      <c r="AS5492" s="137"/>
      <c r="AT5492" s="137"/>
      <c r="AU5492" s="137"/>
      <c r="AV5492" s="137"/>
      <c r="AW5492" s="144"/>
    </row>
    <row r="5493" spans="7:49" x14ac:dyDescent="0.2">
      <c r="G5493" s="43"/>
      <c r="Z5493" s="143"/>
      <c r="AA5493" s="137"/>
      <c r="AB5493" s="137"/>
      <c r="AC5493" s="137"/>
      <c r="AD5493" s="137"/>
      <c r="AE5493" s="137"/>
      <c r="AF5493" s="137"/>
      <c r="AG5493" s="137"/>
      <c r="AH5493" s="137"/>
      <c r="AI5493" s="137"/>
      <c r="AJ5493" s="137"/>
      <c r="AK5493" s="137"/>
      <c r="AL5493" s="137"/>
      <c r="AM5493" s="137"/>
      <c r="AN5493" s="137"/>
      <c r="AO5493" s="137"/>
      <c r="AP5493" s="137"/>
      <c r="AQ5493" s="137"/>
      <c r="AR5493" s="137"/>
      <c r="AS5493" s="137"/>
      <c r="AT5493" s="137"/>
      <c r="AU5493" s="137"/>
      <c r="AV5493" s="137"/>
      <c r="AW5493" s="144"/>
    </row>
    <row r="5494" spans="7:49" x14ac:dyDescent="0.2">
      <c r="G5494" s="43"/>
      <c r="Z5494" s="143"/>
      <c r="AA5494" s="137"/>
      <c r="AB5494" s="137"/>
      <c r="AC5494" s="137"/>
      <c r="AD5494" s="137"/>
      <c r="AE5494" s="137"/>
      <c r="AF5494" s="137"/>
      <c r="AG5494" s="137"/>
      <c r="AH5494" s="137"/>
      <c r="AI5494" s="137"/>
      <c r="AJ5494" s="137"/>
      <c r="AK5494" s="137"/>
      <c r="AL5494" s="137"/>
      <c r="AM5494" s="137"/>
      <c r="AN5494" s="137"/>
      <c r="AO5494" s="137"/>
      <c r="AP5494" s="137"/>
      <c r="AQ5494" s="137"/>
      <c r="AR5494" s="137"/>
      <c r="AS5494" s="137"/>
      <c r="AT5494" s="137"/>
      <c r="AU5494" s="137"/>
      <c r="AV5494" s="137"/>
      <c r="AW5494" s="144"/>
    </row>
    <row r="5495" spans="7:49" x14ac:dyDescent="0.2">
      <c r="G5495" s="43"/>
      <c r="Z5495" s="143"/>
      <c r="AA5495" s="137"/>
      <c r="AB5495" s="137"/>
      <c r="AC5495" s="137"/>
      <c r="AD5495" s="137"/>
      <c r="AE5495" s="137"/>
      <c r="AF5495" s="137"/>
      <c r="AG5495" s="137"/>
      <c r="AH5495" s="137"/>
      <c r="AI5495" s="137"/>
      <c r="AJ5495" s="137"/>
      <c r="AK5495" s="137"/>
      <c r="AL5495" s="137"/>
      <c r="AM5495" s="137"/>
      <c r="AN5495" s="137"/>
      <c r="AO5495" s="137"/>
      <c r="AP5495" s="137"/>
      <c r="AQ5495" s="137"/>
      <c r="AR5495" s="137"/>
      <c r="AS5495" s="137"/>
      <c r="AT5495" s="137"/>
      <c r="AU5495" s="137"/>
      <c r="AV5495" s="137"/>
      <c r="AW5495" s="144"/>
    </row>
    <row r="5496" spans="7:49" x14ac:dyDescent="0.2">
      <c r="G5496" s="43"/>
      <c r="Z5496" s="143"/>
      <c r="AA5496" s="137"/>
      <c r="AB5496" s="137"/>
      <c r="AC5496" s="137"/>
      <c r="AD5496" s="137"/>
      <c r="AE5496" s="137"/>
      <c r="AF5496" s="137"/>
      <c r="AG5496" s="137"/>
      <c r="AH5496" s="137"/>
      <c r="AI5496" s="137"/>
      <c r="AJ5496" s="137"/>
      <c r="AK5496" s="137"/>
      <c r="AL5496" s="137"/>
      <c r="AM5496" s="137"/>
      <c r="AN5496" s="137"/>
      <c r="AO5496" s="137"/>
      <c r="AP5496" s="137"/>
      <c r="AQ5496" s="137"/>
      <c r="AR5496" s="137"/>
      <c r="AS5496" s="137"/>
      <c r="AT5496" s="137"/>
      <c r="AU5496" s="137"/>
      <c r="AV5496" s="137"/>
      <c r="AW5496" s="144"/>
    </row>
    <row r="5497" spans="7:49" x14ac:dyDescent="0.2">
      <c r="G5497" s="43"/>
      <c r="Z5497" s="143"/>
      <c r="AA5497" s="137"/>
      <c r="AB5497" s="137"/>
      <c r="AC5497" s="137"/>
      <c r="AD5497" s="137"/>
      <c r="AE5497" s="137"/>
      <c r="AF5497" s="137"/>
      <c r="AG5497" s="137"/>
      <c r="AH5497" s="137"/>
      <c r="AI5497" s="137"/>
      <c r="AJ5497" s="137"/>
      <c r="AK5497" s="137"/>
      <c r="AL5497" s="137"/>
      <c r="AM5497" s="137"/>
      <c r="AN5497" s="137"/>
      <c r="AO5497" s="137"/>
      <c r="AP5497" s="137"/>
      <c r="AQ5497" s="137"/>
      <c r="AR5497" s="137"/>
      <c r="AS5497" s="137"/>
      <c r="AT5497" s="137"/>
      <c r="AU5497" s="137"/>
      <c r="AV5497" s="137"/>
      <c r="AW5497" s="144"/>
    </row>
    <row r="5498" spans="7:49" x14ac:dyDescent="0.2">
      <c r="G5498" s="43"/>
      <c r="Z5498" s="143"/>
      <c r="AA5498" s="137"/>
      <c r="AB5498" s="137"/>
      <c r="AC5498" s="137"/>
      <c r="AD5498" s="137"/>
      <c r="AE5498" s="137"/>
      <c r="AF5498" s="137"/>
      <c r="AG5498" s="137"/>
      <c r="AH5498" s="137"/>
      <c r="AI5498" s="137"/>
      <c r="AJ5498" s="137"/>
      <c r="AK5498" s="137"/>
      <c r="AL5498" s="137"/>
      <c r="AM5498" s="137"/>
      <c r="AN5498" s="137"/>
      <c r="AO5498" s="137"/>
      <c r="AP5498" s="137"/>
      <c r="AQ5498" s="137"/>
      <c r="AR5498" s="137"/>
      <c r="AS5498" s="137"/>
      <c r="AT5498" s="137"/>
      <c r="AU5498" s="137"/>
      <c r="AV5498" s="137"/>
      <c r="AW5498" s="144"/>
    </row>
    <row r="5499" spans="7:49" x14ac:dyDescent="0.2">
      <c r="G5499" s="43"/>
      <c r="Z5499" s="143"/>
      <c r="AA5499" s="137"/>
      <c r="AB5499" s="137"/>
      <c r="AC5499" s="137"/>
      <c r="AD5499" s="137"/>
      <c r="AE5499" s="137"/>
      <c r="AF5499" s="137"/>
      <c r="AG5499" s="137"/>
      <c r="AH5499" s="137"/>
      <c r="AI5499" s="137"/>
      <c r="AJ5499" s="137"/>
      <c r="AK5499" s="137"/>
      <c r="AL5499" s="137"/>
      <c r="AM5499" s="137"/>
      <c r="AN5499" s="137"/>
      <c r="AO5499" s="137"/>
      <c r="AP5499" s="137"/>
      <c r="AQ5499" s="137"/>
      <c r="AR5499" s="137"/>
      <c r="AS5499" s="137"/>
      <c r="AT5499" s="137"/>
      <c r="AU5499" s="137"/>
      <c r="AV5499" s="137"/>
      <c r="AW5499" s="144"/>
    </row>
    <row r="5500" spans="7:49" x14ac:dyDescent="0.2">
      <c r="G5500" s="43"/>
      <c r="Z5500" s="143"/>
      <c r="AA5500" s="137"/>
      <c r="AB5500" s="137"/>
      <c r="AC5500" s="137"/>
      <c r="AD5500" s="137"/>
      <c r="AE5500" s="137"/>
      <c r="AF5500" s="137"/>
      <c r="AG5500" s="137"/>
      <c r="AH5500" s="137"/>
      <c r="AI5500" s="137"/>
      <c r="AJ5500" s="137"/>
      <c r="AK5500" s="137"/>
      <c r="AL5500" s="137"/>
      <c r="AM5500" s="137"/>
      <c r="AN5500" s="137"/>
      <c r="AO5500" s="137"/>
      <c r="AP5500" s="137"/>
      <c r="AQ5500" s="137"/>
      <c r="AR5500" s="137"/>
      <c r="AS5500" s="137"/>
      <c r="AT5500" s="137"/>
      <c r="AU5500" s="137"/>
      <c r="AV5500" s="137"/>
      <c r="AW5500" s="144"/>
    </row>
    <row r="5501" spans="7:49" x14ac:dyDescent="0.2">
      <c r="G5501" s="43"/>
      <c r="Z5501" s="143"/>
      <c r="AA5501" s="137"/>
      <c r="AB5501" s="137"/>
      <c r="AC5501" s="137"/>
      <c r="AD5501" s="137"/>
      <c r="AE5501" s="137"/>
      <c r="AF5501" s="137"/>
      <c r="AG5501" s="137"/>
      <c r="AH5501" s="137"/>
      <c r="AI5501" s="137"/>
      <c r="AJ5501" s="137"/>
      <c r="AK5501" s="137"/>
      <c r="AL5501" s="137"/>
      <c r="AM5501" s="137"/>
      <c r="AN5501" s="137"/>
      <c r="AO5501" s="137"/>
      <c r="AP5501" s="137"/>
      <c r="AQ5501" s="137"/>
      <c r="AR5501" s="137"/>
      <c r="AS5501" s="137"/>
      <c r="AT5501" s="137"/>
      <c r="AU5501" s="137"/>
      <c r="AV5501" s="137"/>
      <c r="AW5501" s="144"/>
    </row>
    <row r="5502" spans="7:49" x14ac:dyDescent="0.2">
      <c r="G5502" s="43"/>
      <c r="Z5502" s="143"/>
      <c r="AA5502" s="137"/>
      <c r="AB5502" s="137"/>
      <c r="AC5502" s="137"/>
      <c r="AD5502" s="137"/>
      <c r="AE5502" s="137"/>
      <c r="AF5502" s="137"/>
      <c r="AG5502" s="137"/>
      <c r="AH5502" s="137"/>
      <c r="AI5502" s="137"/>
      <c r="AJ5502" s="137"/>
      <c r="AK5502" s="137"/>
      <c r="AL5502" s="137"/>
      <c r="AM5502" s="137"/>
      <c r="AN5502" s="137"/>
      <c r="AO5502" s="137"/>
      <c r="AP5502" s="137"/>
      <c r="AQ5502" s="137"/>
      <c r="AR5502" s="137"/>
      <c r="AS5502" s="137"/>
      <c r="AT5502" s="137"/>
      <c r="AU5502" s="137"/>
      <c r="AV5502" s="137"/>
      <c r="AW5502" s="144"/>
    </row>
    <row r="5503" spans="7:49" x14ac:dyDescent="0.2">
      <c r="G5503" s="43"/>
      <c r="Z5503" s="143"/>
      <c r="AA5503" s="137"/>
      <c r="AB5503" s="137"/>
      <c r="AC5503" s="137"/>
      <c r="AD5503" s="137"/>
      <c r="AE5503" s="137"/>
      <c r="AF5503" s="137"/>
      <c r="AG5503" s="137"/>
      <c r="AH5503" s="137"/>
      <c r="AI5503" s="137"/>
      <c r="AJ5503" s="137"/>
      <c r="AK5503" s="137"/>
      <c r="AL5503" s="137"/>
      <c r="AM5503" s="137"/>
      <c r="AN5503" s="137"/>
      <c r="AO5503" s="137"/>
      <c r="AP5503" s="137"/>
      <c r="AQ5503" s="137"/>
      <c r="AR5503" s="137"/>
      <c r="AS5503" s="137"/>
      <c r="AT5503" s="137"/>
      <c r="AU5503" s="137"/>
      <c r="AV5503" s="137"/>
      <c r="AW5503" s="144"/>
    </row>
    <row r="5504" spans="7:49" x14ac:dyDescent="0.2">
      <c r="G5504" s="43"/>
      <c r="Z5504" s="143"/>
      <c r="AA5504" s="137"/>
      <c r="AB5504" s="137"/>
      <c r="AC5504" s="137"/>
      <c r="AD5504" s="137"/>
      <c r="AE5504" s="137"/>
      <c r="AF5504" s="137"/>
      <c r="AG5504" s="137"/>
      <c r="AH5504" s="137"/>
      <c r="AI5504" s="137"/>
      <c r="AJ5504" s="137"/>
      <c r="AK5504" s="137"/>
      <c r="AL5504" s="137"/>
      <c r="AM5504" s="137"/>
      <c r="AN5504" s="137"/>
      <c r="AO5504" s="137"/>
      <c r="AP5504" s="137"/>
      <c r="AQ5504" s="137"/>
      <c r="AR5504" s="137"/>
      <c r="AS5504" s="137"/>
      <c r="AT5504" s="137"/>
      <c r="AU5504" s="137"/>
      <c r="AV5504" s="137"/>
      <c r="AW5504" s="144"/>
    </row>
    <row r="5505" spans="7:49" x14ac:dyDescent="0.2">
      <c r="G5505" s="43"/>
      <c r="Z5505" s="143"/>
      <c r="AA5505" s="137"/>
      <c r="AB5505" s="137"/>
      <c r="AC5505" s="137"/>
      <c r="AD5505" s="137"/>
      <c r="AE5505" s="137"/>
      <c r="AF5505" s="137"/>
      <c r="AG5505" s="137"/>
      <c r="AH5505" s="137"/>
      <c r="AI5505" s="137"/>
      <c r="AJ5505" s="137"/>
      <c r="AK5505" s="137"/>
      <c r="AL5505" s="137"/>
      <c r="AM5505" s="137"/>
      <c r="AN5505" s="137"/>
      <c r="AO5505" s="137"/>
      <c r="AP5505" s="137"/>
      <c r="AQ5505" s="137"/>
      <c r="AR5505" s="137"/>
      <c r="AS5505" s="137"/>
      <c r="AT5505" s="137"/>
      <c r="AU5505" s="137"/>
      <c r="AV5505" s="137"/>
      <c r="AW5505" s="144"/>
    </row>
    <row r="5506" spans="7:49" x14ac:dyDescent="0.2">
      <c r="G5506" s="43"/>
      <c r="Z5506" s="143"/>
      <c r="AA5506" s="137"/>
      <c r="AB5506" s="137"/>
      <c r="AC5506" s="137"/>
      <c r="AD5506" s="137"/>
      <c r="AE5506" s="137"/>
      <c r="AF5506" s="137"/>
      <c r="AG5506" s="137"/>
      <c r="AH5506" s="137"/>
      <c r="AI5506" s="137"/>
      <c r="AJ5506" s="137"/>
      <c r="AK5506" s="137"/>
      <c r="AL5506" s="137"/>
      <c r="AM5506" s="137"/>
      <c r="AN5506" s="137"/>
      <c r="AO5506" s="137"/>
      <c r="AP5506" s="137"/>
      <c r="AQ5506" s="137"/>
      <c r="AR5506" s="137"/>
      <c r="AS5506" s="137"/>
      <c r="AT5506" s="137"/>
      <c r="AU5506" s="137"/>
      <c r="AV5506" s="137"/>
      <c r="AW5506" s="144"/>
    </row>
    <row r="5507" spans="7:49" x14ac:dyDescent="0.2">
      <c r="G5507" s="43"/>
      <c r="Z5507" s="143"/>
      <c r="AA5507" s="137"/>
      <c r="AB5507" s="137"/>
      <c r="AC5507" s="137"/>
      <c r="AD5507" s="137"/>
      <c r="AE5507" s="137"/>
      <c r="AF5507" s="137"/>
      <c r="AG5507" s="137"/>
      <c r="AH5507" s="137"/>
      <c r="AI5507" s="137"/>
      <c r="AJ5507" s="137"/>
      <c r="AK5507" s="137"/>
      <c r="AL5507" s="137"/>
      <c r="AM5507" s="137"/>
      <c r="AN5507" s="137"/>
      <c r="AO5507" s="137"/>
      <c r="AP5507" s="137"/>
      <c r="AQ5507" s="137"/>
      <c r="AR5507" s="137"/>
      <c r="AS5507" s="137"/>
      <c r="AT5507" s="137"/>
      <c r="AU5507" s="137"/>
      <c r="AV5507" s="137"/>
      <c r="AW5507" s="144"/>
    </row>
    <row r="5508" spans="7:49" x14ac:dyDescent="0.2">
      <c r="G5508" s="43"/>
      <c r="Z5508" s="143"/>
      <c r="AA5508" s="137"/>
      <c r="AB5508" s="137"/>
      <c r="AC5508" s="137"/>
      <c r="AD5508" s="137"/>
      <c r="AE5508" s="137"/>
      <c r="AF5508" s="137"/>
      <c r="AG5508" s="137"/>
      <c r="AH5508" s="137"/>
      <c r="AI5508" s="137"/>
      <c r="AJ5508" s="137"/>
      <c r="AK5508" s="137"/>
      <c r="AL5508" s="137"/>
      <c r="AM5508" s="137"/>
      <c r="AN5508" s="137"/>
      <c r="AO5508" s="137"/>
      <c r="AP5508" s="137"/>
      <c r="AQ5508" s="137"/>
      <c r="AR5508" s="137"/>
      <c r="AS5508" s="137"/>
      <c r="AT5508" s="137"/>
      <c r="AU5508" s="137"/>
      <c r="AV5508" s="137"/>
      <c r="AW5508" s="144"/>
    </row>
    <row r="5509" spans="7:49" x14ac:dyDescent="0.2">
      <c r="G5509" s="43"/>
      <c r="Z5509" s="143"/>
      <c r="AA5509" s="137"/>
      <c r="AB5509" s="137"/>
      <c r="AC5509" s="137"/>
      <c r="AD5509" s="137"/>
      <c r="AE5509" s="137"/>
      <c r="AF5509" s="137"/>
      <c r="AG5509" s="137"/>
      <c r="AH5509" s="137"/>
      <c r="AI5509" s="137"/>
      <c r="AJ5509" s="137"/>
      <c r="AK5509" s="137"/>
      <c r="AL5509" s="137"/>
      <c r="AM5509" s="137"/>
      <c r="AN5509" s="137"/>
      <c r="AO5509" s="137"/>
      <c r="AP5509" s="137"/>
      <c r="AQ5509" s="137"/>
      <c r="AR5509" s="137"/>
      <c r="AS5509" s="137"/>
      <c r="AT5509" s="137"/>
      <c r="AU5509" s="137"/>
      <c r="AV5509" s="137"/>
      <c r="AW5509" s="144"/>
    </row>
    <row r="5510" spans="7:49" x14ac:dyDescent="0.2">
      <c r="G5510" s="43"/>
      <c r="Z5510" s="143"/>
      <c r="AA5510" s="137"/>
      <c r="AB5510" s="137"/>
      <c r="AC5510" s="137"/>
      <c r="AD5510" s="137"/>
      <c r="AE5510" s="137"/>
      <c r="AF5510" s="137"/>
      <c r="AG5510" s="137"/>
      <c r="AH5510" s="137"/>
      <c r="AI5510" s="137"/>
      <c r="AJ5510" s="137"/>
      <c r="AK5510" s="137"/>
      <c r="AL5510" s="137"/>
      <c r="AM5510" s="137"/>
      <c r="AN5510" s="137"/>
      <c r="AO5510" s="137"/>
      <c r="AP5510" s="137"/>
      <c r="AQ5510" s="137"/>
      <c r="AR5510" s="137"/>
      <c r="AS5510" s="137"/>
      <c r="AT5510" s="137"/>
      <c r="AU5510" s="137"/>
      <c r="AV5510" s="137"/>
      <c r="AW5510" s="144"/>
    </row>
    <row r="5511" spans="7:49" x14ac:dyDescent="0.2">
      <c r="G5511" s="43"/>
      <c r="Z5511" s="143"/>
      <c r="AA5511" s="137"/>
      <c r="AB5511" s="137"/>
      <c r="AC5511" s="137"/>
      <c r="AD5511" s="137"/>
      <c r="AE5511" s="137"/>
      <c r="AF5511" s="137"/>
      <c r="AG5511" s="137"/>
      <c r="AH5511" s="137"/>
      <c r="AI5511" s="137"/>
      <c r="AJ5511" s="137"/>
      <c r="AK5511" s="137"/>
      <c r="AL5511" s="137"/>
      <c r="AM5511" s="137"/>
      <c r="AN5511" s="137"/>
      <c r="AO5511" s="137"/>
      <c r="AP5511" s="137"/>
      <c r="AQ5511" s="137"/>
      <c r="AR5511" s="137"/>
      <c r="AS5511" s="137"/>
      <c r="AT5511" s="137"/>
      <c r="AU5511" s="137"/>
      <c r="AV5511" s="137"/>
      <c r="AW5511" s="144"/>
    </row>
    <row r="5512" spans="7:49" x14ac:dyDescent="0.2">
      <c r="G5512" s="43"/>
      <c r="Z5512" s="143"/>
      <c r="AA5512" s="137"/>
      <c r="AB5512" s="137"/>
      <c r="AC5512" s="137"/>
      <c r="AD5512" s="137"/>
      <c r="AE5512" s="137"/>
      <c r="AF5512" s="137"/>
      <c r="AG5512" s="137"/>
      <c r="AH5512" s="137"/>
      <c r="AI5512" s="137"/>
      <c r="AJ5512" s="137"/>
      <c r="AK5512" s="137"/>
      <c r="AL5512" s="137"/>
      <c r="AM5512" s="137"/>
      <c r="AN5512" s="137"/>
      <c r="AO5512" s="137"/>
      <c r="AP5512" s="137"/>
      <c r="AQ5512" s="137"/>
      <c r="AR5512" s="137"/>
      <c r="AS5512" s="137"/>
      <c r="AT5512" s="137"/>
      <c r="AU5512" s="137"/>
      <c r="AV5512" s="137"/>
      <c r="AW5512" s="144"/>
    </row>
    <row r="5513" spans="7:49" x14ac:dyDescent="0.2">
      <c r="G5513" s="43"/>
      <c r="Z5513" s="143"/>
      <c r="AA5513" s="137"/>
      <c r="AB5513" s="137"/>
      <c r="AC5513" s="137"/>
      <c r="AD5513" s="137"/>
      <c r="AE5513" s="137"/>
      <c r="AF5513" s="137"/>
      <c r="AG5513" s="137"/>
      <c r="AH5513" s="137"/>
      <c r="AI5513" s="137"/>
      <c r="AJ5513" s="137"/>
      <c r="AK5513" s="137"/>
      <c r="AL5513" s="137"/>
      <c r="AM5513" s="137"/>
      <c r="AN5513" s="137"/>
      <c r="AO5513" s="137"/>
      <c r="AP5513" s="137"/>
      <c r="AQ5513" s="137"/>
      <c r="AR5513" s="137"/>
      <c r="AS5513" s="137"/>
      <c r="AT5513" s="137"/>
      <c r="AU5513" s="137"/>
      <c r="AV5513" s="137"/>
      <c r="AW5513" s="144"/>
    </row>
    <row r="5514" spans="7:49" ht="13.5" thickBot="1" x14ac:dyDescent="0.25">
      <c r="G5514" s="43"/>
      <c r="Z5514" s="145"/>
      <c r="AA5514" s="146"/>
      <c r="AB5514" s="146"/>
      <c r="AC5514" s="146"/>
      <c r="AD5514" s="146"/>
      <c r="AE5514" s="146"/>
      <c r="AF5514" s="146"/>
      <c r="AG5514" s="146"/>
      <c r="AH5514" s="146"/>
      <c r="AI5514" s="146"/>
      <c r="AJ5514" s="146"/>
      <c r="AK5514" s="210"/>
      <c r="AL5514" s="210"/>
      <c r="AM5514" s="137"/>
      <c r="AN5514" s="137"/>
      <c r="AO5514" s="137"/>
      <c r="AP5514" s="137"/>
      <c r="AQ5514" s="137"/>
      <c r="AR5514" s="137"/>
      <c r="AS5514" s="137"/>
      <c r="AT5514" s="137"/>
      <c r="AU5514" s="137"/>
      <c r="AV5514" s="137"/>
      <c r="AW5514" s="144"/>
    </row>
  </sheetData>
  <mergeCells count="52">
    <mergeCell ref="AX23:AX24"/>
    <mergeCell ref="AY23:AY24"/>
    <mergeCell ref="Z22:AY22"/>
    <mergeCell ref="AP23:AP24"/>
    <mergeCell ref="Z23:Z24"/>
    <mergeCell ref="AA23:AA24"/>
    <mergeCell ref="AB23:AB24"/>
    <mergeCell ref="AC23:AC24"/>
    <mergeCell ref="AD23:AD24"/>
    <mergeCell ref="AE23:AE24"/>
    <mergeCell ref="AF23:AF24"/>
    <mergeCell ref="AG23:AG24"/>
    <mergeCell ref="AH23:AH24"/>
    <mergeCell ref="AI23:AI24"/>
    <mergeCell ref="AJ23:AJ24"/>
    <mergeCell ref="AM23:AM24"/>
    <mergeCell ref="J23:J24"/>
    <mergeCell ref="B23:B24"/>
    <mergeCell ref="C23:C24"/>
    <mergeCell ref="D23:D24"/>
    <mergeCell ref="E23:E24"/>
    <mergeCell ref="I23:I24"/>
    <mergeCell ref="F23:F24"/>
    <mergeCell ref="G23:G24"/>
    <mergeCell ref="H23:H24"/>
    <mergeCell ref="Y23:Y24"/>
    <mergeCell ref="U22:W22"/>
    <mergeCell ref="K23:K24"/>
    <mergeCell ref="L23:L24"/>
    <mergeCell ref="M23:M24"/>
    <mergeCell ref="N23:N24"/>
    <mergeCell ref="O23:O24"/>
    <mergeCell ref="P23:P24"/>
    <mergeCell ref="Q23:Q24"/>
    <mergeCell ref="R23:R24"/>
    <mergeCell ref="S23:S24"/>
    <mergeCell ref="T23:T24"/>
    <mergeCell ref="U23:U24"/>
    <mergeCell ref="V23:V24"/>
    <mergeCell ref="W23:W24"/>
    <mergeCell ref="X23:X24"/>
    <mergeCell ref="AK23:AK24"/>
    <mergeCell ref="AL23:AL24"/>
    <mergeCell ref="AN23:AN24"/>
    <mergeCell ref="AO23:AO24"/>
    <mergeCell ref="AW23:AW24"/>
    <mergeCell ref="AQ23:AQ24"/>
    <mergeCell ref="AR23:AR24"/>
    <mergeCell ref="AS23:AS24"/>
    <mergeCell ref="AT23:AT24"/>
    <mergeCell ref="AU23:AU24"/>
    <mergeCell ref="AV23:AV24"/>
  </mergeCells>
  <phoneticPr fontId="0" type="noConversion"/>
  <pageMargins left="0.59055118110236227" right="0.59055118110236227" top="0.59055118110236227" bottom="0.94488188976377963" header="0.51181102362204722" footer="0.62992125984251968"/>
  <pageSetup paperSize="9" orientation="portrait" r:id="rId1"/>
  <headerFooter>
    <oddHeader>&amp;L&amp;G</oddHeader>
    <oddFooter>&amp;L&amp;6&amp;Z
&amp;F : &amp;A
©Arup | F42.9 | Rel 14.2  14 February 2011&amp;R&amp;6Page &amp;P of &amp;N
Printed &amp;D  Time &amp;T</oddFooter>
  </headerFooter>
  <drawing r:id="rId2"/>
  <legacyDrawingHF r:id="rId3"/>
</worksheet>
</file>

<file path=xl/worksheets/sheet1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200-000000000000}">
  <sheetPr codeName="Sheet3">
    <tabColor theme="0" tint="-0.499984740745262"/>
  </sheetPr>
  <dimension ref="A1"/>
  <sheetViews>
    <sheetView workbookViewId="0"/>
  </sheetViews>
  <sheetFormatPr defaultRowHeight="12.75" x14ac:dyDescent="0.2"/>
  <cols>
    <col min="1" max="12" width="8.28515625" customWidth="1"/>
  </cols>
  <sheetData>
    <row r="1" ht="99.75" customHeight="1" x14ac:dyDescent="0.2"/>
  </sheetData>
  <phoneticPr fontId="0" type="noConversion"/>
  <pageMargins left="0.39370078740157483" right="0.39370078740157483" top="0.59055118110236227" bottom="0.94488188976377963" header="0.51181102362204722" footer="0.62992125984251968"/>
  <pageSetup paperSize="9" orientation="portrait" r:id="rId1"/>
  <headerFooter>
    <oddHeader>&amp;L&amp;</oddHeader>
    <oddFooter>&amp;L&amp;6&amp;Z
&amp;F : &amp;A
©Arup | F42.9 | Rel 14.2  14 February 2011&amp;R&amp;6Page &amp;P of &amp;N
Printed &amp;D  Time &amp;T</oddFooter>
  </headerFooter>
  <drawing r:id="rId2"/>
  <legacyDrawingHF r:id="rId3"/>
</worksheet>
</file>

<file path=xl/worksheets/sheet1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300-000000000000}">
  <sheetPr codeName="Sheet4">
    <tabColor theme="0" tint="-0.499984740745262"/>
  </sheetPr>
  <dimension ref="A1"/>
  <sheetViews>
    <sheetView workbookViewId="0"/>
  </sheetViews>
  <sheetFormatPr defaultRowHeight="12.75" x14ac:dyDescent="0.2"/>
  <sheetData>
    <row r="1" ht="99.75" customHeight="1" x14ac:dyDescent="0.2"/>
  </sheetData>
  <phoneticPr fontId="0" type="noConversion"/>
  <pageMargins left="0.39370078740157483" right="0.39370078740157483" top="0.59055118110236227" bottom="0.94488188976377963" header="0.51181102362204722" footer="0.62992125984251968"/>
  <pageSetup paperSize="8" orientation="landscape" r:id="rId1"/>
  <headerFooter>
    <oddHeader>&amp;L&amp;</oddHeader>
    <oddFooter>&amp;L&amp;6&amp;Z
&amp;F : &amp;A
©Arup | F42.9 | Rel 14.2  14 February 2011&amp;R&amp;6Page &amp;P of &amp;N
Printed &amp;D  Time &amp;T</oddFooter>
  </headerFooter>
  <drawing r:id="rId2"/>
  <legacyDrawingHF r:id="rId3"/>
</worksheet>
</file>

<file path=xl/worksheets/sheet1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400-000000000000}">
  <sheetPr codeName="Sheet5">
    <tabColor theme="0" tint="-0.499984740745262"/>
  </sheetPr>
  <dimension ref="A1"/>
  <sheetViews>
    <sheetView workbookViewId="0"/>
  </sheetViews>
  <sheetFormatPr defaultColWidth="9.42578125" defaultRowHeight="12.75" x14ac:dyDescent="0.2"/>
  <cols>
    <col min="1" max="1" width="19.42578125" customWidth="1"/>
  </cols>
  <sheetData>
    <row r="1" ht="12.75" customHeight="1" x14ac:dyDescent="0.2"/>
  </sheetData>
  <phoneticPr fontId="0" type="noConversion"/>
  <printOptions verticalCentered="1"/>
  <pageMargins left="0.59055118110236227" right="0.59055118110236227" top="0.59055118110236227" bottom="0.94488188976377963" header="0.51181102362204722" footer="0.62992125984251968"/>
  <pageSetup paperSize="9" orientation="portrait" r:id="rId1"/>
  <headerFooter>
    <oddHeader>&amp;L&amp;</oddHeader>
    <oddFooter>&amp;L&amp;6&amp;Z
&amp;F : &amp;A
©Arup | F42.9 | Rel 14.2  14 February 2011&amp;R&amp;6Page &amp;P of &amp;N
Printed &amp;D  Time &amp;T</oddFooter>
  </headerFooter>
  <drawing r:id="rId2"/>
  <legacyDrawingHF r:id="rId3"/>
</worksheet>
</file>

<file path=xl/worksheets/sheet2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sheetPr codeName="Sheet2"/>
  <dimension ref="B1:F56"/>
  <sheetViews>
    <sheetView workbookViewId="0"/>
  </sheetViews>
  <sheetFormatPr defaultColWidth="9.140625" defaultRowHeight="12.75" x14ac:dyDescent="0.2"/>
  <cols>
    <col min="1" max="1" width="1.42578125" style="3" customWidth="1"/>
    <col min="2" max="2" width="10.5703125" style="15" customWidth="1"/>
    <col min="3" max="3" width="34.140625" style="5" customWidth="1"/>
    <col min="4" max="4" width="41.5703125" style="5" customWidth="1"/>
    <col min="5" max="5" width="2.140625" style="5" customWidth="1"/>
    <col min="6" max="6" width="50.5703125" style="3" customWidth="1"/>
    <col min="7" max="7" width="1.5703125" style="3" customWidth="1"/>
    <col min="8" max="16384" width="9.140625" style="3"/>
  </cols>
  <sheetData>
    <row r="1" spans="2:6" ht="12.75" customHeight="1" x14ac:dyDescent="0.2">
      <c r="B1" s="9"/>
      <c r="C1" s="10"/>
      <c r="D1" s="11"/>
      <c r="E1" s="11"/>
      <c r="F1" s="12"/>
    </row>
    <row r="2" spans="2:6" x14ac:dyDescent="0.2">
      <c r="B2" s="242" t="s">
        <v>13</v>
      </c>
      <c r="C2" s="242"/>
      <c r="D2" s="2"/>
      <c r="E2" s="3"/>
    </row>
    <row r="3" spans="2:6" ht="8.1" customHeight="1" x14ac:dyDescent="0.2">
      <c r="B3" s="2"/>
      <c r="C3" s="4"/>
    </row>
    <row r="4" spans="2:6" ht="12.75" customHeight="1" x14ac:dyDescent="0.2">
      <c r="B4" s="2"/>
      <c r="C4" s="4"/>
    </row>
    <row r="5" spans="2:6" ht="12.75" customHeight="1" x14ac:dyDescent="0.2">
      <c r="B5" s="2"/>
      <c r="C5" s="4"/>
    </row>
    <row r="6" spans="2:6" x14ac:dyDescent="0.2">
      <c r="B6" s="9"/>
      <c r="C6" s="9"/>
      <c r="D6" s="9"/>
      <c r="E6" s="3"/>
    </row>
    <row r="7" spans="2:6" x14ac:dyDescent="0.2">
      <c r="B7" s="9"/>
      <c r="C7" s="9"/>
      <c r="D7" s="9"/>
      <c r="E7" s="3"/>
    </row>
    <row r="8" spans="2:6" x14ac:dyDescent="0.2">
      <c r="B8" s="242" t="s">
        <v>14</v>
      </c>
      <c r="C8" s="242"/>
      <c r="D8" s="2"/>
      <c r="E8" s="3"/>
    </row>
    <row r="9" spans="2:6" ht="8.1" customHeight="1" x14ac:dyDescent="0.2">
      <c r="B9" s="2"/>
      <c r="C9" s="4"/>
    </row>
    <row r="10" spans="2:6" x14ac:dyDescent="0.2">
      <c r="B10" s="9"/>
      <c r="C10" s="9"/>
      <c r="D10" s="9"/>
      <c r="E10" s="3"/>
    </row>
    <row r="11" spans="2:6" x14ac:dyDescent="0.2">
      <c r="B11" s="9"/>
      <c r="C11" s="9"/>
      <c r="D11" s="9"/>
      <c r="E11" s="3"/>
    </row>
    <row r="12" spans="2:6" x14ac:dyDescent="0.2">
      <c r="B12" s="3"/>
      <c r="C12" s="3"/>
      <c r="D12" s="3"/>
      <c r="E12" s="3"/>
    </row>
    <row r="13" spans="2:6" x14ac:dyDescent="0.2">
      <c r="B13" s="3"/>
      <c r="C13" s="3"/>
      <c r="D13" s="3"/>
      <c r="E13" s="3"/>
    </row>
    <row r="14" spans="2:6" x14ac:dyDescent="0.2">
      <c r="B14" s="242" t="s">
        <v>15</v>
      </c>
      <c r="C14" s="242"/>
      <c r="D14" s="2"/>
      <c r="E14" s="3"/>
    </row>
    <row r="15" spans="2:6" ht="8.1" customHeight="1" x14ac:dyDescent="0.2">
      <c r="B15" s="2"/>
      <c r="C15" s="4"/>
    </row>
    <row r="16" spans="2:6" ht="12.75" customHeight="1" x14ac:dyDescent="0.2">
      <c r="B16" s="2"/>
      <c r="C16" s="4"/>
    </row>
    <row r="17" spans="2:4" ht="12.75" customHeight="1" x14ac:dyDescent="0.2">
      <c r="B17" s="2"/>
      <c r="C17" s="4"/>
    </row>
    <row r="18" spans="2:4" s="3" customFormat="1" x14ac:dyDescent="0.2"/>
    <row r="19" spans="2:4" s="3" customFormat="1" x14ac:dyDescent="0.2"/>
    <row r="20" spans="2:4" s="3" customFormat="1" x14ac:dyDescent="0.2">
      <c r="B20" s="242" t="s">
        <v>19</v>
      </c>
      <c r="C20" s="242"/>
      <c r="D20" s="2"/>
    </row>
    <row r="21" spans="2:4" ht="8.1" customHeight="1" x14ac:dyDescent="0.2">
      <c r="B21" s="2"/>
      <c r="C21" s="4"/>
    </row>
    <row r="22" spans="2:4" s="3" customFormat="1" ht="14.25" customHeight="1" x14ac:dyDescent="0.2">
      <c r="B22" s="19" t="s">
        <v>2</v>
      </c>
      <c r="C22" s="21" t="s">
        <v>12</v>
      </c>
      <c r="D22" s="21" t="s">
        <v>7</v>
      </c>
    </row>
    <row r="23" spans="2:4" s="3" customFormat="1" ht="14.25" customHeight="1" x14ac:dyDescent="0.2">
      <c r="B23" s="18"/>
      <c r="C23" s="8"/>
      <c r="D23" s="8"/>
    </row>
    <row r="24" spans="2:4" s="3" customFormat="1" ht="14.25" customHeight="1" x14ac:dyDescent="0.2">
      <c r="B24" s="18"/>
      <c r="C24" s="8"/>
      <c r="D24" s="8"/>
    </row>
    <row r="25" spans="2:4" s="3" customFormat="1" ht="14.25" customHeight="1" x14ac:dyDescent="0.2">
      <c r="B25" s="18"/>
      <c r="C25" s="8"/>
      <c r="D25" s="8"/>
    </row>
    <row r="26" spans="2:4" s="3" customFormat="1" ht="14.25" customHeight="1" x14ac:dyDescent="0.2">
      <c r="B26" s="18"/>
      <c r="C26" s="8"/>
      <c r="D26" s="8"/>
    </row>
    <row r="27" spans="2:4" s="3" customFormat="1" ht="14.25" customHeight="1" x14ac:dyDescent="0.2">
      <c r="B27" s="17"/>
      <c r="C27" s="9"/>
      <c r="D27" s="9"/>
    </row>
    <row r="28" spans="2:4" s="3" customFormat="1" ht="14.25" customHeight="1" x14ac:dyDescent="0.2"/>
    <row r="29" spans="2:4" s="3" customFormat="1" x14ac:dyDescent="0.2">
      <c r="B29" s="242" t="s">
        <v>16</v>
      </c>
      <c r="C29" s="242"/>
      <c r="D29" s="2"/>
    </row>
    <row r="30" spans="2:4" ht="8.1" customHeight="1" x14ac:dyDescent="0.2">
      <c r="B30" s="2"/>
      <c r="C30" s="4"/>
    </row>
    <row r="31" spans="2:4" ht="12.75" customHeight="1" x14ac:dyDescent="0.2">
      <c r="B31" s="2"/>
      <c r="C31" s="4"/>
    </row>
    <row r="32" spans="2:4" ht="12.75" customHeight="1" x14ac:dyDescent="0.2">
      <c r="B32" s="2"/>
      <c r="C32" s="4"/>
    </row>
    <row r="33" spans="2:4" s="3" customFormat="1" x14ac:dyDescent="0.2"/>
    <row r="34" spans="2:4" s="3" customFormat="1" x14ac:dyDescent="0.2"/>
    <row r="35" spans="2:4" s="3" customFormat="1" x14ac:dyDescent="0.2">
      <c r="B35" s="242" t="s">
        <v>17</v>
      </c>
      <c r="C35" s="242"/>
      <c r="D35" s="2"/>
    </row>
    <row r="36" spans="2:4" s="3" customFormat="1" x14ac:dyDescent="0.2">
      <c r="B36" s="3" t="s">
        <v>10</v>
      </c>
    </row>
    <row r="37" spans="2:4" ht="8.1" customHeight="1" x14ac:dyDescent="0.2">
      <c r="B37" s="2"/>
      <c r="C37" s="4"/>
    </row>
    <row r="38" spans="2:4" s="3" customFormat="1" ht="14.25" customHeight="1" x14ac:dyDescent="0.2">
      <c r="B38" s="19" t="s">
        <v>2</v>
      </c>
      <c r="C38" s="21" t="s">
        <v>11</v>
      </c>
      <c r="D38" s="21" t="s">
        <v>7</v>
      </c>
    </row>
    <row r="39" spans="2:4" s="3" customFormat="1" ht="14.25" customHeight="1" x14ac:dyDescent="0.2">
      <c r="B39" s="18"/>
      <c r="C39" s="8"/>
      <c r="D39" s="8"/>
    </row>
    <row r="40" spans="2:4" s="3" customFormat="1" ht="14.25" customHeight="1" x14ac:dyDescent="0.2">
      <c r="B40" s="18"/>
      <c r="C40" s="8"/>
      <c r="D40" s="8"/>
    </row>
    <row r="41" spans="2:4" s="3" customFormat="1" ht="14.25" customHeight="1" x14ac:dyDescent="0.2">
      <c r="B41" s="18"/>
      <c r="C41" s="8"/>
      <c r="D41" s="8"/>
    </row>
    <row r="42" spans="2:4" s="3" customFormat="1" ht="14.25" customHeight="1" x14ac:dyDescent="0.2">
      <c r="B42" s="18"/>
      <c r="C42" s="8"/>
      <c r="D42" s="8"/>
    </row>
    <row r="45" spans="2:4" s="22" customFormat="1" x14ac:dyDescent="0.2">
      <c r="B45" s="242" t="s">
        <v>23</v>
      </c>
      <c r="C45" s="242"/>
      <c r="D45" s="2"/>
    </row>
    <row r="46" spans="2:4" ht="8.1" customHeight="1" x14ac:dyDescent="0.2">
      <c r="B46" s="2"/>
      <c r="C46" s="4"/>
    </row>
    <row r="47" spans="2:4" s="3" customFormat="1" x14ac:dyDescent="0.2">
      <c r="B47" s="3" t="s">
        <v>28</v>
      </c>
    </row>
    <row r="48" spans="2:4" s="3" customFormat="1" x14ac:dyDescent="0.2">
      <c r="B48" s="3" t="s">
        <v>35</v>
      </c>
    </row>
    <row r="49" spans="2:2" s="3" customFormat="1" x14ac:dyDescent="0.2">
      <c r="B49" s="3" t="s">
        <v>29</v>
      </c>
    </row>
    <row r="50" spans="2:2" x14ac:dyDescent="0.2">
      <c r="B50" s="15" t="s">
        <v>30</v>
      </c>
    </row>
    <row r="51" spans="2:2" x14ac:dyDescent="0.2">
      <c r="B51" s="15" t="s">
        <v>31</v>
      </c>
    </row>
    <row r="52" spans="2:2" x14ac:dyDescent="0.2">
      <c r="B52" s="15" t="s">
        <v>32</v>
      </c>
    </row>
    <row r="53" spans="2:2" x14ac:dyDescent="0.2">
      <c r="B53" s="15" t="s">
        <v>36</v>
      </c>
    </row>
    <row r="54" spans="2:2" x14ac:dyDescent="0.2">
      <c r="B54" s="15" t="s">
        <v>33</v>
      </c>
    </row>
    <row r="55" spans="2:2" x14ac:dyDescent="0.2">
      <c r="B55" s="15" t="s">
        <v>34</v>
      </c>
    </row>
    <row r="56" spans="2:2" x14ac:dyDescent="0.2">
      <c r="B56" s="15" t="s">
        <v>18</v>
      </c>
    </row>
  </sheetData>
  <mergeCells count="7">
    <mergeCell ref="B8:C8"/>
    <mergeCell ref="B45:C45"/>
    <mergeCell ref="B2:C2"/>
    <mergeCell ref="B14:C14"/>
    <mergeCell ref="B20:C20"/>
    <mergeCell ref="B29:C29"/>
    <mergeCell ref="B35:C35"/>
  </mergeCells>
  <phoneticPr fontId="0" type="noConversion"/>
  <pageMargins left="0.59055118110236227" right="0.59055118110236227" top="0.59055118110236227" bottom="0.94488188976377963" header="0.51181102362204722" footer="0.62992125984251968"/>
  <pageSetup paperSize="9" orientation="portrait" r:id="rId1"/>
  <headerFooter>
    <oddHeader>&amp;L&amp;</oddHeader>
    <oddFooter>&amp;L&amp;6&amp;Z
&amp;F : &amp;A
©Arup | F42.9 | Rel 14.2  14 February 2011&amp;R&amp;6Page &amp;P of &amp;N
Printed &amp;D  Time &amp;T</oddFooter>
  </headerFooter>
  <legacyDrawing r:id="rId2"/>
  <legacyDrawingHF r:id="rId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5B67EFD-D513-4B6A-8CA3-F0FF836458B1}">
  <sheetPr codeName="Sheet8">
    <tabColor rgb="FFFFFF00"/>
  </sheetPr>
  <dimension ref="A1:E109"/>
  <sheetViews>
    <sheetView workbookViewId="0"/>
  </sheetViews>
  <sheetFormatPr defaultRowHeight="12.75" x14ac:dyDescent="0.2"/>
  <cols>
    <col min="1" max="1" width="10.7109375" customWidth="1"/>
    <col min="2" max="4" width="13.28515625" customWidth="1"/>
    <col min="5" max="12" width="8.28515625" customWidth="1"/>
  </cols>
  <sheetData>
    <row r="1" spans="1:5" ht="99.75" customHeight="1" x14ac:dyDescent="0.2"/>
    <row r="4" spans="1:5" x14ac:dyDescent="0.2">
      <c r="A4" s="40" t="s">
        <v>56</v>
      </c>
      <c r="B4" s="3"/>
      <c r="C4" s="3"/>
      <c r="D4" s="3"/>
    </row>
    <row r="5" spans="1:5" x14ac:dyDescent="0.2">
      <c r="A5" s="52">
        <v>1</v>
      </c>
      <c r="B5" s="52">
        <v>2</v>
      </c>
      <c r="C5" s="52">
        <v>3</v>
      </c>
      <c r="D5" s="52">
        <v>4</v>
      </c>
      <c r="E5" s="3"/>
    </row>
    <row r="6" spans="1:5" s="41" customFormat="1" ht="28.5" x14ac:dyDescent="0.2">
      <c r="A6" s="44" t="s">
        <v>59</v>
      </c>
      <c r="B6" s="44" t="s">
        <v>78</v>
      </c>
      <c r="C6" s="44" t="s">
        <v>79</v>
      </c>
      <c r="D6" s="44" t="s">
        <v>80</v>
      </c>
    </row>
    <row r="7" spans="1:5" x14ac:dyDescent="0.2">
      <c r="A7" s="7" t="s">
        <v>57</v>
      </c>
      <c r="B7" s="7" t="s">
        <v>57</v>
      </c>
      <c r="C7" s="7" t="s">
        <v>58</v>
      </c>
      <c r="D7" s="7" t="s">
        <v>57</v>
      </c>
    </row>
    <row r="8" spans="1:5" x14ac:dyDescent="0.2">
      <c r="A8" s="45">
        <v>0</v>
      </c>
      <c r="B8" s="46">
        <v>2</v>
      </c>
      <c r="C8" s="47">
        <v>50</v>
      </c>
      <c r="D8" s="48">
        <f>$B8 - 2*($C8/1000)</f>
        <v>1.9</v>
      </c>
    </row>
    <row r="9" spans="1:5" x14ac:dyDescent="0.2">
      <c r="A9" s="45">
        <f>$A8 + 1</f>
        <v>1</v>
      </c>
      <c r="B9" s="48">
        <f>$B8</f>
        <v>2</v>
      </c>
      <c r="C9" s="45">
        <f>$C8</f>
        <v>50</v>
      </c>
      <c r="D9" s="48">
        <f>$B9 - 2*($C9/1000)</f>
        <v>1.9</v>
      </c>
    </row>
    <row r="10" spans="1:5" x14ac:dyDescent="0.2">
      <c r="A10" s="45">
        <f t="shared" ref="A10:A73" si="0">$A9 + 1</f>
        <v>2</v>
      </c>
      <c r="B10" s="48">
        <f t="shared" ref="B10:B73" si="1">$B9</f>
        <v>2</v>
      </c>
      <c r="C10" s="45">
        <f t="shared" ref="C10:C73" si="2">$C9</f>
        <v>50</v>
      </c>
      <c r="D10" s="48">
        <f t="shared" ref="D10:D73" si="3">$B10 - 2*($C10/1000)</f>
        <v>1.9</v>
      </c>
    </row>
    <row r="11" spans="1:5" x14ac:dyDescent="0.2">
      <c r="A11" s="45">
        <f t="shared" si="0"/>
        <v>3</v>
      </c>
      <c r="B11" s="48">
        <f t="shared" si="1"/>
        <v>2</v>
      </c>
      <c r="C11" s="45">
        <f t="shared" si="2"/>
        <v>50</v>
      </c>
      <c r="D11" s="48">
        <f t="shared" si="3"/>
        <v>1.9</v>
      </c>
    </row>
    <row r="12" spans="1:5" x14ac:dyDescent="0.2">
      <c r="A12" s="45">
        <f t="shared" si="0"/>
        <v>4</v>
      </c>
      <c r="B12" s="48">
        <f t="shared" si="1"/>
        <v>2</v>
      </c>
      <c r="C12" s="45">
        <f t="shared" si="2"/>
        <v>50</v>
      </c>
      <c r="D12" s="48">
        <f t="shared" si="3"/>
        <v>1.9</v>
      </c>
    </row>
    <row r="13" spans="1:5" x14ac:dyDescent="0.2">
      <c r="A13" s="45">
        <f t="shared" si="0"/>
        <v>5</v>
      </c>
      <c r="B13" s="48">
        <f t="shared" si="1"/>
        <v>2</v>
      </c>
      <c r="C13" s="45">
        <f t="shared" si="2"/>
        <v>50</v>
      </c>
      <c r="D13" s="48">
        <f t="shared" si="3"/>
        <v>1.9</v>
      </c>
    </row>
    <row r="14" spans="1:5" x14ac:dyDescent="0.2">
      <c r="A14" s="45">
        <f t="shared" si="0"/>
        <v>6</v>
      </c>
      <c r="B14" s="48">
        <f t="shared" si="1"/>
        <v>2</v>
      </c>
      <c r="C14" s="45">
        <f t="shared" si="2"/>
        <v>50</v>
      </c>
      <c r="D14" s="48">
        <f t="shared" si="3"/>
        <v>1.9</v>
      </c>
    </row>
    <row r="15" spans="1:5" x14ac:dyDescent="0.2">
      <c r="A15" s="45">
        <f t="shared" si="0"/>
        <v>7</v>
      </c>
      <c r="B15" s="48">
        <f t="shared" si="1"/>
        <v>2</v>
      </c>
      <c r="C15" s="45">
        <f t="shared" si="2"/>
        <v>50</v>
      </c>
      <c r="D15" s="48">
        <f t="shared" si="3"/>
        <v>1.9</v>
      </c>
    </row>
    <row r="16" spans="1:5" x14ac:dyDescent="0.2">
      <c r="A16" s="45">
        <f t="shared" si="0"/>
        <v>8</v>
      </c>
      <c r="B16" s="48">
        <f t="shared" si="1"/>
        <v>2</v>
      </c>
      <c r="C16" s="45">
        <f t="shared" si="2"/>
        <v>50</v>
      </c>
      <c r="D16" s="48">
        <f t="shared" si="3"/>
        <v>1.9</v>
      </c>
    </row>
    <row r="17" spans="1:4" x14ac:dyDescent="0.2">
      <c r="A17" s="45">
        <f t="shared" si="0"/>
        <v>9</v>
      </c>
      <c r="B17" s="48">
        <f t="shared" si="1"/>
        <v>2</v>
      </c>
      <c r="C17" s="45">
        <f t="shared" si="2"/>
        <v>50</v>
      </c>
      <c r="D17" s="48">
        <f t="shared" si="3"/>
        <v>1.9</v>
      </c>
    </row>
    <row r="18" spans="1:4" x14ac:dyDescent="0.2">
      <c r="A18" s="45">
        <f t="shared" si="0"/>
        <v>10</v>
      </c>
      <c r="B18" s="48">
        <f t="shared" si="1"/>
        <v>2</v>
      </c>
      <c r="C18" s="45">
        <f t="shared" si="2"/>
        <v>50</v>
      </c>
      <c r="D18" s="48">
        <f t="shared" si="3"/>
        <v>1.9</v>
      </c>
    </row>
    <row r="19" spans="1:4" x14ac:dyDescent="0.2">
      <c r="A19" s="45">
        <f t="shared" si="0"/>
        <v>11</v>
      </c>
      <c r="B19" s="48">
        <f t="shared" si="1"/>
        <v>2</v>
      </c>
      <c r="C19" s="45">
        <f t="shared" si="2"/>
        <v>50</v>
      </c>
      <c r="D19" s="48">
        <f t="shared" si="3"/>
        <v>1.9</v>
      </c>
    </row>
    <row r="20" spans="1:4" x14ac:dyDescent="0.2">
      <c r="A20" s="45">
        <f t="shared" si="0"/>
        <v>12</v>
      </c>
      <c r="B20" s="48">
        <f t="shared" si="1"/>
        <v>2</v>
      </c>
      <c r="C20" s="45">
        <f t="shared" si="2"/>
        <v>50</v>
      </c>
      <c r="D20" s="48">
        <f t="shared" si="3"/>
        <v>1.9</v>
      </c>
    </row>
    <row r="21" spans="1:4" x14ac:dyDescent="0.2">
      <c r="A21" s="45">
        <f t="shared" si="0"/>
        <v>13</v>
      </c>
      <c r="B21" s="48">
        <f t="shared" si="1"/>
        <v>2</v>
      </c>
      <c r="C21" s="45">
        <f t="shared" si="2"/>
        <v>50</v>
      </c>
      <c r="D21" s="48">
        <f t="shared" si="3"/>
        <v>1.9</v>
      </c>
    </row>
    <row r="22" spans="1:4" x14ac:dyDescent="0.2">
      <c r="A22" s="45">
        <f t="shared" si="0"/>
        <v>14</v>
      </c>
      <c r="B22" s="48">
        <f t="shared" si="1"/>
        <v>2</v>
      </c>
      <c r="C22" s="45">
        <f t="shared" si="2"/>
        <v>50</v>
      </c>
      <c r="D22" s="48">
        <f t="shared" si="3"/>
        <v>1.9</v>
      </c>
    </row>
    <row r="23" spans="1:4" x14ac:dyDescent="0.2">
      <c r="A23" s="45">
        <f t="shared" si="0"/>
        <v>15</v>
      </c>
      <c r="B23" s="48">
        <f t="shared" si="1"/>
        <v>2</v>
      </c>
      <c r="C23" s="45">
        <f t="shared" si="2"/>
        <v>50</v>
      </c>
      <c r="D23" s="48">
        <f t="shared" si="3"/>
        <v>1.9</v>
      </c>
    </row>
    <row r="24" spans="1:4" x14ac:dyDescent="0.2">
      <c r="A24" s="45">
        <f t="shared" si="0"/>
        <v>16</v>
      </c>
      <c r="B24" s="48">
        <f t="shared" si="1"/>
        <v>2</v>
      </c>
      <c r="C24" s="45">
        <f t="shared" si="2"/>
        <v>50</v>
      </c>
      <c r="D24" s="48">
        <f t="shared" si="3"/>
        <v>1.9</v>
      </c>
    </row>
    <row r="25" spans="1:4" x14ac:dyDescent="0.2">
      <c r="A25" s="45">
        <f t="shared" si="0"/>
        <v>17</v>
      </c>
      <c r="B25" s="48">
        <f t="shared" si="1"/>
        <v>2</v>
      </c>
      <c r="C25" s="45">
        <f t="shared" si="2"/>
        <v>50</v>
      </c>
      <c r="D25" s="48">
        <f t="shared" si="3"/>
        <v>1.9</v>
      </c>
    </row>
    <row r="26" spans="1:4" x14ac:dyDescent="0.2">
      <c r="A26" s="45">
        <f t="shared" si="0"/>
        <v>18</v>
      </c>
      <c r="B26" s="48">
        <f t="shared" si="1"/>
        <v>2</v>
      </c>
      <c r="C26" s="45">
        <f t="shared" si="2"/>
        <v>50</v>
      </c>
      <c r="D26" s="48">
        <f t="shared" si="3"/>
        <v>1.9</v>
      </c>
    </row>
    <row r="27" spans="1:4" x14ac:dyDescent="0.2">
      <c r="A27" s="45">
        <f t="shared" si="0"/>
        <v>19</v>
      </c>
      <c r="B27" s="48">
        <f t="shared" si="1"/>
        <v>2</v>
      </c>
      <c r="C27" s="45">
        <f t="shared" si="2"/>
        <v>50</v>
      </c>
      <c r="D27" s="48">
        <f t="shared" si="3"/>
        <v>1.9</v>
      </c>
    </row>
    <row r="28" spans="1:4" x14ac:dyDescent="0.2">
      <c r="A28" s="45">
        <f t="shared" si="0"/>
        <v>20</v>
      </c>
      <c r="B28" s="48">
        <f t="shared" si="1"/>
        <v>2</v>
      </c>
      <c r="C28" s="45">
        <f t="shared" si="2"/>
        <v>50</v>
      </c>
      <c r="D28" s="48">
        <f t="shared" si="3"/>
        <v>1.9</v>
      </c>
    </row>
    <row r="29" spans="1:4" x14ac:dyDescent="0.2">
      <c r="A29" s="45">
        <f t="shared" si="0"/>
        <v>21</v>
      </c>
      <c r="B29" s="48">
        <f t="shared" si="1"/>
        <v>2</v>
      </c>
      <c r="C29" s="45">
        <f t="shared" si="2"/>
        <v>50</v>
      </c>
      <c r="D29" s="48">
        <f t="shared" si="3"/>
        <v>1.9</v>
      </c>
    </row>
    <row r="30" spans="1:4" x14ac:dyDescent="0.2">
      <c r="A30" s="45">
        <f t="shared" si="0"/>
        <v>22</v>
      </c>
      <c r="B30" s="48">
        <f t="shared" si="1"/>
        <v>2</v>
      </c>
      <c r="C30" s="45">
        <f t="shared" si="2"/>
        <v>50</v>
      </c>
      <c r="D30" s="48">
        <f t="shared" si="3"/>
        <v>1.9</v>
      </c>
    </row>
    <row r="31" spans="1:4" x14ac:dyDescent="0.2">
      <c r="A31" s="45">
        <f t="shared" si="0"/>
        <v>23</v>
      </c>
      <c r="B31" s="48">
        <f t="shared" si="1"/>
        <v>2</v>
      </c>
      <c r="C31" s="45">
        <f t="shared" si="2"/>
        <v>50</v>
      </c>
      <c r="D31" s="48">
        <f t="shared" si="3"/>
        <v>1.9</v>
      </c>
    </row>
    <row r="32" spans="1:4" x14ac:dyDescent="0.2">
      <c r="A32" s="45">
        <f t="shared" si="0"/>
        <v>24</v>
      </c>
      <c r="B32" s="48">
        <f t="shared" si="1"/>
        <v>2</v>
      </c>
      <c r="C32" s="45">
        <f t="shared" si="2"/>
        <v>50</v>
      </c>
      <c r="D32" s="48">
        <f t="shared" si="3"/>
        <v>1.9</v>
      </c>
    </row>
    <row r="33" spans="1:4" x14ac:dyDescent="0.2">
      <c r="A33" s="45">
        <f t="shared" si="0"/>
        <v>25</v>
      </c>
      <c r="B33" s="48">
        <f t="shared" si="1"/>
        <v>2</v>
      </c>
      <c r="C33" s="45">
        <f t="shared" si="2"/>
        <v>50</v>
      </c>
      <c r="D33" s="48">
        <f t="shared" si="3"/>
        <v>1.9</v>
      </c>
    </row>
    <row r="34" spans="1:4" x14ac:dyDescent="0.2">
      <c r="A34" s="45">
        <f t="shared" si="0"/>
        <v>26</v>
      </c>
      <c r="B34" s="48">
        <f t="shared" si="1"/>
        <v>2</v>
      </c>
      <c r="C34" s="45">
        <f t="shared" si="2"/>
        <v>50</v>
      </c>
      <c r="D34" s="48">
        <f t="shared" si="3"/>
        <v>1.9</v>
      </c>
    </row>
    <row r="35" spans="1:4" x14ac:dyDescent="0.2">
      <c r="A35" s="45">
        <f t="shared" si="0"/>
        <v>27</v>
      </c>
      <c r="B35" s="48">
        <f t="shared" si="1"/>
        <v>2</v>
      </c>
      <c r="C35" s="45">
        <f t="shared" si="2"/>
        <v>50</v>
      </c>
      <c r="D35" s="48">
        <f t="shared" si="3"/>
        <v>1.9</v>
      </c>
    </row>
    <row r="36" spans="1:4" x14ac:dyDescent="0.2">
      <c r="A36" s="45">
        <f t="shared" si="0"/>
        <v>28</v>
      </c>
      <c r="B36" s="48">
        <f t="shared" si="1"/>
        <v>2</v>
      </c>
      <c r="C36" s="45">
        <f t="shared" si="2"/>
        <v>50</v>
      </c>
      <c r="D36" s="48">
        <f t="shared" si="3"/>
        <v>1.9</v>
      </c>
    </row>
    <row r="37" spans="1:4" x14ac:dyDescent="0.2">
      <c r="A37" s="45">
        <f t="shared" si="0"/>
        <v>29</v>
      </c>
      <c r="B37" s="48">
        <f t="shared" si="1"/>
        <v>2</v>
      </c>
      <c r="C37" s="45">
        <f t="shared" si="2"/>
        <v>50</v>
      </c>
      <c r="D37" s="48">
        <f t="shared" si="3"/>
        <v>1.9</v>
      </c>
    </row>
    <row r="38" spans="1:4" x14ac:dyDescent="0.2">
      <c r="A38" s="45">
        <f t="shared" si="0"/>
        <v>30</v>
      </c>
      <c r="B38" s="48">
        <f t="shared" si="1"/>
        <v>2</v>
      </c>
      <c r="C38" s="45">
        <f t="shared" si="2"/>
        <v>50</v>
      </c>
      <c r="D38" s="48">
        <f t="shared" si="3"/>
        <v>1.9</v>
      </c>
    </row>
    <row r="39" spans="1:4" x14ac:dyDescent="0.2">
      <c r="A39" s="45">
        <f t="shared" si="0"/>
        <v>31</v>
      </c>
      <c r="B39" s="48">
        <f t="shared" si="1"/>
        <v>2</v>
      </c>
      <c r="C39" s="45">
        <f t="shared" si="2"/>
        <v>50</v>
      </c>
      <c r="D39" s="48">
        <f t="shared" si="3"/>
        <v>1.9</v>
      </c>
    </row>
    <row r="40" spans="1:4" x14ac:dyDescent="0.2">
      <c r="A40" s="45">
        <f t="shared" si="0"/>
        <v>32</v>
      </c>
      <c r="B40" s="48">
        <f t="shared" si="1"/>
        <v>2</v>
      </c>
      <c r="C40" s="45">
        <f t="shared" si="2"/>
        <v>50</v>
      </c>
      <c r="D40" s="48">
        <f t="shared" si="3"/>
        <v>1.9</v>
      </c>
    </row>
    <row r="41" spans="1:4" x14ac:dyDescent="0.2">
      <c r="A41" s="45">
        <f t="shared" si="0"/>
        <v>33</v>
      </c>
      <c r="B41" s="48">
        <f t="shared" si="1"/>
        <v>2</v>
      </c>
      <c r="C41" s="45">
        <f t="shared" si="2"/>
        <v>50</v>
      </c>
      <c r="D41" s="48">
        <f t="shared" si="3"/>
        <v>1.9</v>
      </c>
    </row>
    <row r="42" spans="1:4" x14ac:dyDescent="0.2">
      <c r="A42" s="45">
        <f t="shared" si="0"/>
        <v>34</v>
      </c>
      <c r="B42" s="48">
        <f t="shared" si="1"/>
        <v>2</v>
      </c>
      <c r="C42" s="45">
        <f t="shared" si="2"/>
        <v>50</v>
      </c>
      <c r="D42" s="48">
        <f t="shared" si="3"/>
        <v>1.9</v>
      </c>
    </row>
    <row r="43" spans="1:4" x14ac:dyDescent="0.2">
      <c r="A43" s="45">
        <f t="shared" si="0"/>
        <v>35</v>
      </c>
      <c r="B43" s="48">
        <f t="shared" si="1"/>
        <v>2</v>
      </c>
      <c r="C43" s="45">
        <f t="shared" si="2"/>
        <v>50</v>
      </c>
      <c r="D43" s="48">
        <f t="shared" si="3"/>
        <v>1.9</v>
      </c>
    </row>
    <row r="44" spans="1:4" x14ac:dyDescent="0.2">
      <c r="A44" s="45">
        <f t="shared" si="0"/>
        <v>36</v>
      </c>
      <c r="B44" s="48">
        <f t="shared" si="1"/>
        <v>2</v>
      </c>
      <c r="C44" s="45">
        <f t="shared" si="2"/>
        <v>50</v>
      </c>
      <c r="D44" s="48">
        <f t="shared" si="3"/>
        <v>1.9</v>
      </c>
    </row>
    <row r="45" spans="1:4" x14ac:dyDescent="0.2">
      <c r="A45" s="45">
        <f t="shared" si="0"/>
        <v>37</v>
      </c>
      <c r="B45" s="48">
        <f t="shared" si="1"/>
        <v>2</v>
      </c>
      <c r="C45" s="45">
        <f t="shared" si="2"/>
        <v>50</v>
      </c>
      <c r="D45" s="48">
        <f t="shared" si="3"/>
        <v>1.9</v>
      </c>
    </row>
    <row r="46" spans="1:4" x14ac:dyDescent="0.2">
      <c r="A46" s="45">
        <f t="shared" si="0"/>
        <v>38</v>
      </c>
      <c r="B46" s="48">
        <f t="shared" si="1"/>
        <v>2</v>
      </c>
      <c r="C46" s="45">
        <f t="shared" si="2"/>
        <v>50</v>
      </c>
      <c r="D46" s="48">
        <f t="shared" si="3"/>
        <v>1.9</v>
      </c>
    </row>
    <row r="47" spans="1:4" x14ac:dyDescent="0.2">
      <c r="A47" s="45">
        <f t="shared" si="0"/>
        <v>39</v>
      </c>
      <c r="B47" s="48">
        <f t="shared" si="1"/>
        <v>2</v>
      </c>
      <c r="C47" s="45">
        <f t="shared" si="2"/>
        <v>50</v>
      </c>
      <c r="D47" s="48">
        <f t="shared" si="3"/>
        <v>1.9</v>
      </c>
    </row>
    <row r="48" spans="1:4" x14ac:dyDescent="0.2">
      <c r="A48" s="45">
        <f t="shared" si="0"/>
        <v>40</v>
      </c>
      <c r="B48" s="48">
        <f t="shared" si="1"/>
        <v>2</v>
      </c>
      <c r="C48" s="45">
        <f t="shared" si="2"/>
        <v>50</v>
      </c>
      <c r="D48" s="48">
        <f t="shared" si="3"/>
        <v>1.9</v>
      </c>
    </row>
    <row r="49" spans="1:4" x14ac:dyDescent="0.2">
      <c r="A49" s="45">
        <f t="shared" si="0"/>
        <v>41</v>
      </c>
      <c r="B49" s="48">
        <f t="shared" si="1"/>
        <v>2</v>
      </c>
      <c r="C49" s="45">
        <f t="shared" si="2"/>
        <v>50</v>
      </c>
      <c r="D49" s="48">
        <f t="shared" si="3"/>
        <v>1.9</v>
      </c>
    </row>
    <row r="50" spans="1:4" x14ac:dyDescent="0.2">
      <c r="A50" s="45">
        <f t="shared" si="0"/>
        <v>42</v>
      </c>
      <c r="B50" s="48">
        <f t="shared" si="1"/>
        <v>2</v>
      </c>
      <c r="C50" s="45">
        <f t="shared" si="2"/>
        <v>50</v>
      </c>
      <c r="D50" s="48">
        <f t="shared" si="3"/>
        <v>1.9</v>
      </c>
    </row>
    <row r="51" spans="1:4" x14ac:dyDescent="0.2">
      <c r="A51" s="45">
        <f t="shared" si="0"/>
        <v>43</v>
      </c>
      <c r="B51" s="48">
        <f t="shared" si="1"/>
        <v>2</v>
      </c>
      <c r="C51" s="45">
        <f t="shared" si="2"/>
        <v>50</v>
      </c>
      <c r="D51" s="48">
        <f t="shared" si="3"/>
        <v>1.9</v>
      </c>
    </row>
    <row r="52" spans="1:4" x14ac:dyDescent="0.2">
      <c r="A52" s="45">
        <f t="shared" si="0"/>
        <v>44</v>
      </c>
      <c r="B52" s="48">
        <f t="shared" si="1"/>
        <v>2</v>
      </c>
      <c r="C52" s="45">
        <f t="shared" si="2"/>
        <v>50</v>
      </c>
      <c r="D52" s="48">
        <f t="shared" si="3"/>
        <v>1.9</v>
      </c>
    </row>
    <row r="53" spans="1:4" x14ac:dyDescent="0.2">
      <c r="A53" s="45">
        <f>$A52 + 1</f>
        <v>45</v>
      </c>
      <c r="B53" s="48">
        <f t="shared" si="1"/>
        <v>2</v>
      </c>
      <c r="C53" s="45">
        <f t="shared" si="2"/>
        <v>50</v>
      </c>
      <c r="D53" s="48">
        <f t="shared" si="3"/>
        <v>1.9</v>
      </c>
    </row>
    <row r="54" spans="1:4" x14ac:dyDescent="0.2">
      <c r="A54" s="45">
        <f t="shared" si="0"/>
        <v>46</v>
      </c>
      <c r="B54" s="48">
        <f t="shared" si="1"/>
        <v>2</v>
      </c>
      <c r="C54" s="45">
        <f t="shared" si="2"/>
        <v>50</v>
      </c>
      <c r="D54" s="48">
        <f t="shared" si="3"/>
        <v>1.9</v>
      </c>
    </row>
    <row r="55" spans="1:4" x14ac:dyDescent="0.2">
      <c r="A55" s="45">
        <f t="shared" si="0"/>
        <v>47</v>
      </c>
      <c r="B55" s="48">
        <f t="shared" si="1"/>
        <v>2</v>
      </c>
      <c r="C55" s="45">
        <f t="shared" si="2"/>
        <v>50</v>
      </c>
      <c r="D55" s="48">
        <f t="shared" si="3"/>
        <v>1.9</v>
      </c>
    </row>
    <row r="56" spans="1:4" x14ac:dyDescent="0.2">
      <c r="A56" s="45">
        <f t="shared" si="0"/>
        <v>48</v>
      </c>
      <c r="B56" s="48">
        <f t="shared" si="1"/>
        <v>2</v>
      </c>
      <c r="C56" s="45">
        <f t="shared" si="2"/>
        <v>50</v>
      </c>
      <c r="D56" s="48">
        <f t="shared" si="3"/>
        <v>1.9</v>
      </c>
    </row>
    <row r="57" spans="1:4" x14ac:dyDescent="0.2">
      <c r="A57" s="45">
        <f t="shared" si="0"/>
        <v>49</v>
      </c>
      <c r="B57" s="48">
        <f t="shared" si="1"/>
        <v>2</v>
      </c>
      <c r="C57" s="45">
        <f t="shared" si="2"/>
        <v>50</v>
      </c>
      <c r="D57" s="48">
        <f t="shared" si="3"/>
        <v>1.9</v>
      </c>
    </row>
    <row r="58" spans="1:4" x14ac:dyDescent="0.2">
      <c r="A58" s="45">
        <f t="shared" si="0"/>
        <v>50</v>
      </c>
      <c r="B58" s="48">
        <f t="shared" si="1"/>
        <v>2</v>
      </c>
      <c r="C58" s="45">
        <f t="shared" si="2"/>
        <v>50</v>
      </c>
      <c r="D58" s="48">
        <f t="shared" si="3"/>
        <v>1.9</v>
      </c>
    </row>
    <row r="59" spans="1:4" x14ac:dyDescent="0.2">
      <c r="A59" s="45">
        <f t="shared" si="0"/>
        <v>51</v>
      </c>
      <c r="B59" s="48">
        <f t="shared" si="1"/>
        <v>2</v>
      </c>
      <c r="C59" s="45">
        <f t="shared" si="2"/>
        <v>50</v>
      </c>
      <c r="D59" s="48">
        <f t="shared" si="3"/>
        <v>1.9</v>
      </c>
    </row>
    <row r="60" spans="1:4" x14ac:dyDescent="0.2">
      <c r="A60" s="45">
        <f t="shared" si="0"/>
        <v>52</v>
      </c>
      <c r="B60" s="48">
        <f t="shared" si="1"/>
        <v>2</v>
      </c>
      <c r="C60" s="45">
        <f t="shared" si="2"/>
        <v>50</v>
      </c>
      <c r="D60" s="48">
        <f t="shared" si="3"/>
        <v>1.9</v>
      </c>
    </row>
    <row r="61" spans="1:4" x14ac:dyDescent="0.2">
      <c r="A61" s="45">
        <f t="shared" si="0"/>
        <v>53</v>
      </c>
      <c r="B61" s="48">
        <f t="shared" si="1"/>
        <v>2</v>
      </c>
      <c r="C61" s="45">
        <f t="shared" si="2"/>
        <v>50</v>
      </c>
      <c r="D61" s="48">
        <f t="shared" si="3"/>
        <v>1.9</v>
      </c>
    </row>
    <row r="62" spans="1:4" x14ac:dyDescent="0.2">
      <c r="A62" s="45">
        <f t="shared" si="0"/>
        <v>54</v>
      </c>
      <c r="B62" s="48">
        <f t="shared" si="1"/>
        <v>2</v>
      </c>
      <c r="C62" s="45">
        <f t="shared" si="2"/>
        <v>50</v>
      </c>
      <c r="D62" s="48">
        <f t="shared" si="3"/>
        <v>1.9</v>
      </c>
    </row>
    <row r="63" spans="1:4" x14ac:dyDescent="0.2">
      <c r="A63" s="45">
        <f t="shared" si="0"/>
        <v>55</v>
      </c>
      <c r="B63" s="48">
        <f t="shared" si="1"/>
        <v>2</v>
      </c>
      <c r="C63" s="45">
        <f t="shared" si="2"/>
        <v>50</v>
      </c>
      <c r="D63" s="48">
        <f t="shared" si="3"/>
        <v>1.9</v>
      </c>
    </row>
    <row r="64" spans="1:4" x14ac:dyDescent="0.2">
      <c r="A64" s="45">
        <f t="shared" si="0"/>
        <v>56</v>
      </c>
      <c r="B64" s="48">
        <f t="shared" si="1"/>
        <v>2</v>
      </c>
      <c r="C64" s="45">
        <f t="shared" si="2"/>
        <v>50</v>
      </c>
      <c r="D64" s="48">
        <f t="shared" si="3"/>
        <v>1.9</v>
      </c>
    </row>
    <row r="65" spans="1:4" x14ac:dyDescent="0.2">
      <c r="A65" s="45">
        <f t="shared" si="0"/>
        <v>57</v>
      </c>
      <c r="B65" s="48">
        <f t="shared" si="1"/>
        <v>2</v>
      </c>
      <c r="C65" s="45">
        <f t="shared" si="2"/>
        <v>50</v>
      </c>
      <c r="D65" s="48">
        <f t="shared" si="3"/>
        <v>1.9</v>
      </c>
    </row>
    <row r="66" spans="1:4" x14ac:dyDescent="0.2">
      <c r="A66" s="45">
        <f t="shared" si="0"/>
        <v>58</v>
      </c>
      <c r="B66" s="48">
        <f t="shared" si="1"/>
        <v>2</v>
      </c>
      <c r="C66" s="45">
        <f t="shared" si="2"/>
        <v>50</v>
      </c>
      <c r="D66" s="48">
        <f t="shared" si="3"/>
        <v>1.9</v>
      </c>
    </row>
    <row r="67" spans="1:4" x14ac:dyDescent="0.2">
      <c r="A67" s="45">
        <f t="shared" si="0"/>
        <v>59</v>
      </c>
      <c r="B67" s="48">
        <f t="shared" si="1"/>
        <v>2</v>
      </c>
      <c r="C67" s="45">
        <f t="shared" si="2"/>
        <v>50</v>
      </c>
      <c r="D67" s="48">
        <f t="shared" si="3"/>
        <v>1.9</v>
      </c>
    </row>
    <row r="68" spans="1:4" x14ac:dyDescent="0.2">
      <c r="A68" s="45">
        <f t="shared" si="0"/>
        <v>60</v>
      </c>
      <c r="B68" s="48">
        <f t="shared" si="1"/>
        <v>2</v>
      </c>
      <c r="C68" s="45">
        <f t="shared" si="2"/>
        <v>50</v>
      </c>
      <c r="D68" s="48">
        <f t="shared" si="3"/>
        <v>1.9</v>
      </c>
    </row>
    <row r="69" spans="1:4" x14ac:dyDescent="0.2">
      <c r="A69" s="45">
        <f t="shared" si="0"/>
        <v>61</v>
      </c>
      <c r="B69" s="48">
        <f t="shared" si="1"/>
        <v>2</v>
      </c>
      <c r="C69" s="45">
        <f t="shared" si="2"/>
        <v>50</v>
      </c>
      <c r="D69" s="48">
        <f t="shared" si="3"/>
        <v>1.9</v>
      </c>
    </row>
    <row r="70" spans="1:4" x14ac:dyDescent="0.2">
      <c r="A70" s="45">
        <f t="shared" si="0"/>
        <v>62</v>
      </c>
      <c r="B70" s="48">
        <f t="shared" si="1"/>
        <v>2</v>
      </c>
      <c r="C70" s="45">
        <f t="shared" si="2"/>
        <v>50</v>
      </c>
      <c r="D70" s="48">
        <f t="shared" si="3"/>
        <v>1.9</v>
      </c>
    </row>
    <row r="71" spans="1:4" x14ac:dyDescent="0.2">
      <c r="A71" s="45">
        <f>$A70 + 1</f>
        <v>63</v>
      </c>
      <c r="B71" s="48">
        <f t="shared" si="1"/>
        <v>2</v>
      </c>
      <c r="C71" s="45">
        <f t="shared" si="2"/>
        <v>50</v>
      </c>
      <c r="D71" s="48">
        <f t="shared" si="3"/>
        <v>1.9</v>
      </c>
    </row>
    <row r="72" spans="1:4" x14ac:dyDescent="0.2">
      <c r="A72" s="45">
        <f t="shared" si="0"/>
        <v>64</v>
      </c>
      <c r="B72" s="48">
        <f t="shared" si="1"/>
        <v>2</v>
      </c>
      <c r="C72" s="45">
        <f t="shared" si="2"/>
        <v>50</v>
      </c>
      <c r="D72" s="48">
        <f t="shared" si="3"/>
        <v>1.9</v>
      </c>
    </row>
    <row r="73" spans="1:4" x14ac:dyDescent="0.2">
      <c r="A73" s="45">
        <f t="shared" si="0"/>
        <v>65</v>
      </c>
      <c r="B73" s="48">
        <f t="shared" si="1"/>
        <v>2</v>
      </c>
      <c r="C73" s="45">
        <f t="shared" si="2"/>
        <v>50</v>
      </c>
      <c r="D73" s="48">
        <f t="shared" si="3"/>
        <v>1.9</v>
      </c>
    </row>
    <row r="74" spans="1:4" x14ac:dyDescent="0.2">
      <c r="A74" s="45">
        <f t="shared" ref="A74:A108" si="4">$A73 + 1</f>
        <v>66</v>
      </c>
      <c r="B74" s="48">
        <f t="shared" ref="B74:B108" si="5">$B73</f>
        <v>2</v>
      </c>
      <c r="C74" s="45">
        <f t="shared" ref="C74:C108" si="6">$C73</f>
        <v>50</v>
      </c>
      <c r="D74" s="48">
        <f t="shared" ref="D74:D108" si="7">$B74 - 2*($C74/1000)</f>
        <v>1.9</v>
      </c>
    </row>
    <row r="75" spans="1:4" x14ac:dyDescent="0.2">
      <c r="A75" s="45">
        <f t="shared" si="4"/>
        <v>67</v>
      </c>
      <c r="B75" s="48">
        <f t="shared" si="5"/>
        <v>2</v>
      </c>
      <c r="C75" s="45">
        <f t="shared" si="6"/>
        <v>50</v>
      </c>
      <c r="D75" s="48">
        <f t="shared" si="7"/>
        <v>1.9</v>
      </c>
    </row>
    <row r="76" spans="1:4" x14ac:dyDescent="0.2">
      <c r="A76" s="45">
        <f t="shared" si="4"/>
        <v>68</v>
      </c>
      <c r="B76" s="48">
        <f t="shared" si="5"/>
        <v>2</v>
      </c>
      <c r="C76" s="45">
        <f t="shared" si="6"/>
        <v>50</v>
      </c>
      <c r="D76" s="48">
        <f t="shared" si="7"/>
        <v>1.9</v>
      </c>
    </row>
    <row r="77" spans="1:4" x14ac:dyDescent="0.2">
      <c r="A77" s="45">
        <f t="shared" si="4"/>
        <v>69</v>
      </c>
      <c r="B77" s="48">
        <f t="shared" si="5"/>
        <v>2</v>
      </c>
      <c r="C77" s="45">
        <f t="shared" si="6"/>
        <v>50</v>
      </c>
      <c r="D77" s="48">
        <f t="shared" si="7"/>
        <v>1.9</v>
      </c>
    </row>
    <row r="78" spans="1:4" x14ac:dyDescent="0.2">
      <c r="A78" s="45">
        <f t="shared" si="4"/>
        <v>70</v>
      </c>
      <c r="B78" s="48">
        <f t="shared" si="5"/>
        <v>2</v>
      </c>
      <c r="C78" s="45">
        <f t="shared" si="6"/>
        <v>50</v>
      </c>
      <c r="D78" s="48">
        <f t="shared" si="7"/>
        <v>1.9</v>
      </c>
    </row>
    <row r="79" spans="1:4" x14ac:dyDescent="0.2">
      <c r="A79" s="45">
        <f t="shared" si="4"/>
        <v>71</v>
      </c>
      <c r="B79" s="48">
        <f t="shared" si="5"/>
        <v>2</v>
      </c>
      <c r="C79" s="45">
        <f t="shared" si="6"/>
        <v>50</v>
      </c>
      <c r="D79" s="48">
        <f t="shared" si="7"/>
        <v>1.9</v>
      </c>
    </row>
    <row r="80" spans="1:4" x14ac:dyDescent="0.2">
      <c r="A80" s="45">
        <f t="shared" si="4"/>
        <v>72</v>
      </c>
      <c r="B80" s="48">
        <f t="shared" si="5"/>
        <v>2</v>
      </c>
      <c r="C80" s="45">
        <f t="shared" si="6"/>
        <v>50</v>
      </c>
      <c r="D80" s="48">
        <f t="shared" si="7"/>
        <v>1.9</v>
      </c>
    </row>
    <row r="81" spans="1:4" x14ac:dyDescent="0.2">
      <c r="A81" s="45">
        <f t="shared" si="4"/>
        <v>73</v>
      </c>
      <c r="B81" s="48">
        <f t="shared" si="5"/>
        <v>2</v>
      </c>
      <c r="C81" s="45">
        <f t="shared" si="6"/>
        <v>50</v>
      </c>
      <c r="D81" s="48">
        <f t="shared" si="7"/>
        <v>1.9</v>
      </c>
    </row>
    <row r="82" spans="1:4" x14ac:dyDescent="0.2">
      <c r="A82" s="45">
        <f t="shared" si="4"/>
        <v>74</v>
      </c>
      <c r="B82" s="48">
        <f t="shared" si="5"/>
        <v>2</v>
      </c>
      <c r="C82" s="45">
        <f t="shared" si="6"/>
        <v>50</v>
      </c>
      <c r="D82" s="48">
        <f t="shared" si="7"/>
        <v>1.9</v>
      </c>
    </row>
    <row r="83" spans="1:4" x14ac:dyDescent="0.2">
      <c r="A83" s="45">
        <f t="shared" si="4"/>
        <v>75</v>
      </c>
      <c r="B83" s="48">
        <f t="shared" si="5"/>
        <v>2</v>
      </c>
      <c r="C83" s="45">
        <f t="shared" si="6"/>
        <v>50</v>
      </c>
      <c r="D83" s="48">
        <f t="shared" si="7"/>
        <v>1.9</v>
      </c>
    </row>
    <row r="84" spans="1:4" x14ac:dyDescent="0.2">
      <c r="A84" s="45">
        <f t="shared" si="4"/>
        <v>76</v>
      </c>
      <c r="B84" s="48">
        <f t="shared" si="5"/>
        <v>2</v>
      </c>
      <c r="C84" s="45">
        <f t="shared" si="6"/>
        <v>50</v>
      </c>
      <c r="D84" s="48">
        <f t="shared" si="7"/>
        <v>1.9</v>
      </c>
    </row>
    <row r="85" spans="1:4" x14ac:dyDescent="0.2">
      <c r="A85" s="45">
        <f t="shared" si="4"/>
        <v>77</v>
      </c>
      <c r="B85" s="48">
        <f t="shared" si="5"/>
        <v>2</v>
      </c>
      <c r="C85" s="45">
        <f t="shared" si="6"/>
        <v>50</v>
      </c>
      <c r="D85" s="48">
        <f t="shared" si="7"/>
        <v>1.9</v>
      </c>
    </row>
    <row r="86" spans="1:4" x14ac:dyDescent="0.2">
      <c r="A86" s="45">
        <f t="shared" si="4"/>
        <v>78</v>
      </c>
      <c r="B86" s="48">
        <f t="shared" si="5"/>
        <v>2</v>
      </c>
      <c r="C86" s="45">
        <f t="shared" si="6"/>
        <v>50</v>
      </c>
      <c r="D86" s="48">
        <f t="shared" si="7"/>
        <v>1.9</v>
      </c>
    </row>
    <row r="87" spans="1:4" x14ac:dyDescent="0.2">
      <c r="A87" s="45">
        <f t="shared" si="4"/>
        <v>79</v>
      </c>
      <c r="B87" s="48">
        <f t="shared" si="5"/>
        <v>2</v>
      </c>
      <c r="C87" s="45">
        <f t="shared" si="6"/>
        <v>50</v>
      </c>
      <c r="D87" s="48">
        <f t="shared" si="7"/>
        <v>1.9</v>
      </c>
    </row>
    <row r="88" spans="1:4" x14ac:dyDescent="0.2">
      <c r="A88" s="45">
        <f t="shared" si="4"/>
        <v>80</v>
      </c>
      <c r="B88" s="48">
        <f t="shared" si="5"/>
        <v>2</v>
      </c>
      <c r="C88" s="45">
        <f t="shared" si="6"/>
        <v>50</v>
      </c>
      <c r="D88" s="48">
        <f t="shared" si="7"/>
        <v>1.9</v>
      </c>
    </row>
    <row r="89" spans="1:4" x14ac:dyDescent="0.2">
      <c r="A89" s="45">
        <f t="shared" si="4"/>
        <v>81</v>
      </c>
      <c r="B89" s="48">
        <f t="shared" si="5"/>
        <v>2</v>
      </c>
      <c r="C89" s="45">
        <f t="shared" si="6"/>
        <v>50</v>
      </c>
      <c r="D89" s="48">
        <f t="shared" si="7"/>
        <v>1.9</v>
      </c>
    </row>
    <row r="90" spans="1:4" x14ac:dyDescent="0.2">
      <c r="A90" s="45">
        <f t="shared" si="4"/>
        <v>82</v>
      </c>
      <c r="B90" s="48">
        <f t="shared" si="5"/>
        <v>2</v>
      </c>
      <c r="C90" s="45">
        <f t="shared" si="6"/>
        <v>50</v>
      </c>
      <c r="D90" s="48">
        <f t="shared" si="7"/>
        <v>1.9</v>
      </c>
    </row>
    <row r="91" spans="1:4" x14ac:dyDescent="0.2">
      <c r="A91" s="45">
        <f t="shared" si="4"/>
        <v>83</v>
      </c>
      <c r="B91" s="48">
        <f t="shared" si="5"/>
        <v>2</v>
      </c>
      <c r="C91" s="45">
        <f t="shared" si="6"/>
        <v>50</v>
      </c>
      <c r="D91" s="48">
        <f t="shared" si="7"/>
        <v>1.9</v>
      </c>
    </row>
    <row r="92" spans="1:4" x14ac:dyDescent="0.2">
      <c r="A92" s="45">
        <f t="shared" si="4"/>
        <v>84</v>
      </c>
      <c r="B92" s="48">
        <f t="shared" si="5"/>
        <v>2</v>
      </c>
      <c r="C92" s="45">
        <f t="shared" si="6"/>
        <v>50</v>
      </c>
      <c r="D92" s="48">
        <f t="shared" si="7"/>
        <v>1.9</v>
      </c>
    </row>
    <row r="93" spans="1:4" x14ac:dyDescent="0.2">
      <c r="A93" s="45">
        <f t="shared" si="4"/>
        <v>85</v>
      </c>
      <c r="B93" s="48">
        <f t="shared" si="5"/>
        <v>2</v>
      </c>
      <c r="C93" s="45">
        <f t="shared" si="6"/>
        <v>50</v>
      </c>
      <c r="D93" s="48">
        <f t="shared" si="7"/>
        <v>1.9</v>
      </c>
    </row>
    <row r="94" spans="1:4" x14ac:dyDescent="0.2">
      <c r="A94" s="45">
        <f t="shared" si="4"/>
        <v>86</v>
      </c>
      <c r="B94" s="48">
        <f t="shared" si="5"/>
        <v>2</v>
      </c>
      <c r="C94" s="45">
        <f t="shared" si="6"/>
        <v>50</v>
      </c>
      <c r="D94" s="48">
        <f t="shared" si="7"/>
        <v>1.9</v>
      </c>
    </row>
    <row r="95" spans="1:4" x14ac:dyDescent="0.2">
      <c r="A95" s="45">
        <f t="shared" si="4"/>
        <v>87</v>
      </c>
      <c r="B95" s="48">
        <f t="shared" si="5"/>
        <v>2</v>
      </c>
      <c r="C95" s="45">
        <f t="shared" si="6"/>
        <v>50</v>
      </c>
      <c r="D95" s="48">
        <f t="shared" si="7"/>
        <v>1.9</v>
      </c>
    </row>
    <row r="96" spans="1:4" x14ac:dyDescent="0.2">
      <c r="A96" s="45">
        <f t="shared" si="4"/>
        <v>88</v>
      </c>
      <c r="B96" s="48">
        <f t="shared" si="5"/>
        <v>2</v>
      </c>
      <c r="C96" s="45">
        <f t="shared" si="6"/>
        <v>50</v>
      </c>
      <c r="D96" s="48">
        <f t="shared" si="7"/>
        <v>1.9</v>
      </c>
    </row>
    <row r="97" spans="1:4" x14ac:dyDescent="0.2">
      <c r="A97" s="45">
        <f t="shared" si="4"/>
        <v>89</v>
      </c>
      <c r="B97" s="48">
        <f t="shared" si="5"/>
        <v>2</v>
      </c>
      <c r="C97" s="45">
        <f t="shared" si="6"/>
        <v>50</v>
      </c>
      <c r="D97" s="48">
        <f t="shared" si="7"/>
        <v>1.9</v>
      </c>
    </row>
    <row r="98" spans="1:4" x14ac:dyDescent="0.2">
      <c r="A98" s="45">
        <f t="shared" si="4"/>
        <v>90</v>
      </c>
      <c r="B98" s="48">
        <f t="shared" si="5"/>
        <v>2</v>
      </c>
      <c r="C98" s="45">
        <f t="shared" si="6"/>
        <v>50</v>
      </c>
      <c r="D98" s="48">
        <f t="shared" si="7"/>
        <v>1.9</v>
      </c>
    </row>
    <row r="99" spans="1:4" x14ac:dyDescent="0.2">
      <c r="A99" s="45">
        <f t="shared" si="4"/>
        <v>91</v>
      </c>
      <c r="B99" s="48">
        <f t="shared" si="5"/>
        <v>2</v>
      </c>
      <c r="C99" s="45">
        <f t="shared" si="6"/>
        <v>50</v>
      </c>
      <c r="D99" s="48">
        <f t="shared" si="7"/>
        <v>1.9</v>
      </c>
    </row>
    <row r="100" spans="1:4" x14ac:dyDescent="0.2">
      <c r="A100" s="45">
        <f t="shared" si="4"/>
        <v>92</v>
      </c>
      <c r="B100" s="48">
        <f t="shared" si="5"/>
        <v>2</v>
      </c>
      <c r="C100" s="45">
        <f t="shared" si="6"/>
        <v>50</v>
      </c>
      <c r="D100" s="48">
        <f t="shared" si="7"/>
        <v>1.9</v>
      </c>
    </row>
    <row r="101" spans="1:4" x14ac:dyDescent="0.2">
      <c r="A101" s="45">
        <f t="shared" si="4"/>
        <v>93</v>
      </c>
      <c r="B101" s="48">
        <f t="shared" si="5"/>
        <v>2</v>
      </c>
      <c r="C101" s="45">
        <f t="shared" si="6"/>
        <v>50</v>
      </c>
      <c r="D101" s="48">
        <f t="shared" si="7"/>
        <v>1.9</v>
      </c>
    </row>
    <row r="102" spans="1:4" x14ac:dyDescent="0.2">
      <c r="A102" s="45">
        <f t="shared" si="4"/>
        <v>94</v>
      </c>
      <c r="B102" s="48">
        <f t="shared" si="5"/>
        <v>2</v>
      </c>
      <c r="C102" s="45">
        <f t="shared" si="6"/>
        <v>50</v>
      </c>
      <c r="D102" s="48">
        <f t="shared" si="7"/>
        <v>1.9</v>
      </c>
    </row>
    <row r="103" spans="1:4" x14ac:dyDescent="0.2">
      <c r="A103" s="45">
        <f t="shared" si="4"/>
        <v>95</v>
      </c>
      <c r="B103" s="48">
        <f t="shared" si="5"/>
        <v>2</v>
      </c>
      <c r="C103" s="45">
        <f t="shared" si="6"/>
        <v>50</v>
      </c>
      <c r="D103" s="48">
        <f t="shared" si="7"/>
        <v>1.9</v>
      </c>
    </row>
    <row r="104" spans="1:4" x14ac:dyDescent="0.2">
      <c r="A104" s="45">
        <f t="shared" si="4"/>
        <v>96</v>
      </c>
      <c r="B104" s="48">
        <f t="shared" si="5"/>
        <v>2</v>
      </c>
      <c r="C104" s="45">
        <f t="shared" si="6"/>
        <v>50</v>
      </c>
      <c r="D104" s="48">
        <f t="shared" si="7"/>
        <v>1.9</v>
      </c>
    </row>
    <row r="105" spans="1:4" x14ac:dyDescent="0.2">
      <c r="A105" s="45">
        <f t="shared" si="4"/>
        <v>97</v>
      </c>
      <c r="B105" s="48">
        <f t="shared" si="5"/>
        <v>2</v>
      </c>
      <c r="C105" s="45">
        <f t="shared" si="6"/>
        <v>50</v>
      </c>
      <c r="D105" s="48">
        <f t="shared" si="7"/>
        <v>1.9</v>
      </c>
    </row>
    <row r="106" spans="1:4" x14ac:dyDescent="0.2">
      <c r="A106" s="45">
        <f t="shared" si="4"/>
        <v>98</v>
      </c>
      <c r="B106" s="48">
        <f t="shared" si="5"/>
        <v>2</v>
      </c>
      <c r="C106" s="45">
        <f t="shared" si="6"/>
        <v>50</v>
      </c>
      <c r="D106" s="48">
        <f t="shared" si="7"/>
        <v>1.9</v>
      </c>
    </row>
    <row r="107" spans="1:4" x14ac:dyDescent="0.2">
      <c r="A107" s="45">
        <f t="shared" si="4"/>
        <v>99</v>
      </c>
      <c r="B107" s="48">
        <f t="shared" si="5"/>
        <v>2</v>
      </c>
      <c r="C107" s="45">
        <f t="shared" si="6"/>
        <v>50</v>
      </c>
      <c r="D107" s="48">
        <f t="shared" si="7"/>
        <v>1.9</v>
      </c>
    </row>
    <row r="108" spans="1:4" x14ac:dyDescent="0.2">
      <c r="A108" s="45">
        <f t="shared" si="4"/>
        <v>100</v>
      </c>
      <c r="B108" s="48">
        <f t="shared" si="5"/>
        <v>2</v>
      </c>
      <c r="C108" s="45">
        <f t="shared" si="6"/>
        <v>50</v>
      </c>
      <c r="D108" s="48">
        <f t="shared" si="7"/>
        <v>1.9</v>
      </c>
    </row>
    <row r="109" spans="1:4" x14ac:dyDescent="0.2">
      <c r="A109" s="42"/>
    </row>
  </sheetData>
  <pageMargins left="0.39370078740157483" right="0.39370078740157483" top="0.59055118110236227" bottom="0.94488188976377963" header="0.51181102362204722" footer="0.62992125984251968"/>
  <pageSetup paperSize="9" orientation="portrait" r:id="rId1"/>
  <headerFooter>
    <oddHeader>&amp;L&amp;</oddHeader>
    <oddFooter>&amp;L&amp;6&amp;Z
&amp;F : &amp;A
©Arup | F42.9 | Rel 14.2  14 February 2011&amp;R&amp;6Page &amp;P of &amp;N
Printed &amp;D  Time &amp;T</oddFooter>
  </headerFooter>
  <drawing r:id="rId2"/>
  <legacyDrawingHF r:id="rId3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88BBBB2-0207-42D9-AC64-EB36EF225DE7}">
  <sheetPr codeName="Sheet9">
    <tabColor rgb="FFFFFF00"/>
  </sheetPr>
  <dimension ref="A1:AS7462"/>
  <sheetViews>
    <sheetView topLeftCell="U27" workbookViewId="0">
      <selection activeCell="AK38" sqref="AK38"/>
    </sheetView>
  </sheetViews>
  <sheetFormatPr defaultRowHeight="12.75" x14ac:dyDescent="0.2"/>
  <cols>
    <col min="1" max="1" width="5.7109375" customWidth="1"/>
    <col min="2" max="2" width="10.7109375" style="3" customWidth="1"/>
    <col min="3" max="3" width="11.85546875" style="3" customWidth="1"/>
    <col min="4" max="7" width="10.7109375" style="3" customWidth="1"/>
    <col min="8" max="8" width="11.85546875" style="3" bestFit="1" customWidth="1"/>
    <col min="9" max="17" width="10.7109375" style="3" customWidth="1"/>
    <col min="18" max="18" width="8.28515625" style="3" customWidth="1"/>
    <col min="19" max="24" width="8.28515625" customWidth="1"/>
  </cols>
  <sheetData>
    <row r="1" spans="1:45" ht="99.75" customHeight="1" x14ac:dyDescent="0.2">
      <c r="B1"/>
      <c r="C1"/>
      <c r="D1"/>
      <c r="E1"/>
      <c r="F1"/>
      <c r="G1"/>
      <c r="H1"/>
      <c r="I1"/>
      <c r="J1"/>
      <c r="K1"/>
      <c r="L1"/>
      <c r="M1"/>
      <c r="N1"/>
      <c r="O1"/>
      <c r="P1"/>
      <c r="Q1"/>
      <c r="R1"/>
    </row>
    <row r="2" spans="1:45" x14ac:dyDescent="0.2">
      <c r="B2"/>
      <c r="C2"/>
      <c r="D2"/>
      <c r="E2"/>
      <c r="F2"/>
      <c r="G2"/>
      <c r="H2"/>
      <c r="I2"/>
      <c r="J2"/>
      <c r="K2"/>
      <c r="L2"/>
      <c r="M2"/>
      <c r="N2" s="230"/>
      <c r="O2"/>
      <c r="P2"/>
      <c r="Q2"/>
      <c r="R2"/>
    </row>
    <row r="3" spans="1:45" x14ac:dyDescent="0.2">
      <c r="A3" s="49" t="s">
        <v>38</v>
      </c>
      <c r="T3" s="3"/>
      <c r="AR3" s="3" t="s">
        <v>329</v>
      </c>
    </row>
    <row r="4" spans="1:45" x14ac:dyDescent="0.2">
      <c r="A4" s="3" t="s">
        <v>66</v>
      </c>
      <c r="AR4">
        <v>20</v>
      </c>
      <c r="AS4">
        <v>20</v>
      </c>
    </row>
    <row r="5" spans="1:45" x14ac:dyDescent="0.2">
      <c r="A5" s="3"/>
    </row>
    <row r="6" spans="1:45" x14ac:dyDescent="0.2">
      <c r="B6" s="3" t="s">
        <v>75</v>
      </c>
      <c r="E6" s="54">
        <v>-15.5</v>
      </c>
      <c r="F6" s="3" t="s">
        <v>76</v>
      </c>
      <c r="H6" s="3" t="s">
        <v>314</v>
      </c>
      <c r="I6" s="157">
        <v>1</v>
      </c>
      <c r="J6" s="3" t="s">
        <v>317</v>
      </c>
      <c r="K6" s="3" t="s">
        <v>316</v>
      </c>
      <c r="L6" s="116">
        <f>I6+I8</f>
        <v>4</v>
      </c>
      <c r="M6" s="3" t="s">
        <v>317</v>
      </c>
      <c r="P6" s="204"/>
    </row>
    <row r="7" spans="1:45" x14ac:dyDescent="0.2">
      <c r="AR7" s="3" t="s">
        <v>94</v>
      </c>
    </row>
    <row r="8" spans="1:45" ht="15.75" x14ac:dyDescent="0.3">
      <c r="A8" s="3"/>
      <c r="B8" s="3" t="s">
        <v>60</v>
      </c>
      <c r="E8" s="51" t="s">
        <v>308</v>
      </c>
      <c r="F8" s="156"/>
      <c r="G8" s="156"/>
      <c r="H8" s="5" t="s">
        <v>315</v>
      </c>
      <c r="I8" s="51">
        <f>1.5*'Pile Property'!B8</f>
        <v>3</v>
      </c>
      <c r="J8" s="3" t="s">
        <v>317</v>
      </c>
      <c r="K8" s="3" t="s">
        <v>319</v>
      </c>
      <c r="L8" s="225">
        <v>12</v>
      </c>
      <c r="O8" s="3" t="s">
        <v>331</v>
      </c>
      <c r="P8" s="225">
        <v>0.8</v>
      </c>
      <c r="AR8">
        <v>0</v>
      </c>
      <c r="AS8">
        <v>75</v>
      </c>
    </row>
    <row r="10" spans="1:45" ht="54" x14ac:dyDescent="0.2">
      <c r="B10" s="44" t="s">
        <v>61</v>
      </c>
      <c r="C10" s="44" t="s">
        <v>69</v>
      </c>
      <c r="D10" s="44" t="s">
        <v>332</v>
      </c>
      <c r="E10" s="44" t="s">
        <v>62</v>
      </c>
      <c r="F10" s="44" t="s">
        <v>309</v>
      </c>
      <c r="G10" s="44" t="s">
        <v>330</v>
      </c>
      <c r="H10" s="44" t="s">
        <v>318</v>
      </c>
      <c r="I10" s="44" t="s">
        <v>156</v>
      </c>
      <c r="J10" s="44" t="s">
        <v>311</v>
      </c>
      <c r="K10" s="44" t="s">
        <v>312</v>
      </c>
      <c r="L10" s="44" t="s">
        <v>313</v>
      </c>
      <c r="M10" s="44" t="s">
        <v>310</v>
      </c>
      <c r="N10" s="44" t="s">
        <v>328</v>
      </c>
      <c r="O10" s="44" t="s">
        <v>158</v>
      </c>
      <c r="P10" s="44" t="s">
        <v>70</v>
      </c>
      <c r="Q10" s="44" t="s">
        <v>67</v>
      </c>
      <c r="R10" s="44" t="s">
        <v>104</v>
      </c>
      <c r="S10" s="44" t="s">
        <v>105</v>
      </c>
      <c r="T10" s="57" t="s">
        <v>71</v>
      </c>
    </row>
    <row r="11" spans="1:45" ht="14.25" x14ac:dyDescent="0.2">
      <c r="B11" s="68" t="s">
        <v>57</v>
      </c>
      <c r="C11" s="68" t="s">
        <v>57</v>
      </c>
      <c r="D11" s="68" t="s">
        <v>63</v>
      </c>
      <c r="E11" s="68" t="s">
        <v>63</v>
      </c>
      <c r="F11" s="68" t="s">
        <v>63</v>
      </c>
      <c r="G11" s="68" t="s">
        <v>63</v>
      </c>
      <c r="H11" s="68" t="s">
        <v>103</v>
      </c>
      <c r="I11" s="68" t="s">
        <v>65</v>
      </c>
      <c r="J11" s="68" t="s">
        <v>65</v>
      </c>
      <c r="K11" s="68" t="s">
        <v>64</v>
      </c>
      <c r="L11" s="68" t="s">
        <v>64</v>
      </c>
      <c r="M11" s="68" t="s">
        <v>90</v>
      </c>
      <c r="N11" s="68" t="s">
        <v>90</v>
      </c>
      <c r="O11" s="68" t="s">
        <v>90</v>
      </c>
      <c r="P11" s="68" t="s">
        <v>90</v>
      </c>
      <c r="Q11" s="68" t="s">
        <v>64</v>
      </c>
      <c r="R11" s="68" t="s">
        <v>103</v>
      </c>
      <c r="S11" s="68" t="s">
        <v>90</v>
      </c>
      <c r="T11" s="68" t="s">
        <v>157</v>
      </c>
    </row>
    <row r="12" spans="1:45" x14ac:dyDescent="0.2">
      <c r="A12" s="53">
        <v>0</v>
      </c>
      <c r="B12" s="239">
        <v>0</v>
      </c>
      <c r="D12" s="239">
        <v>0</v>
      </c>
      <c r="E12" s="239"/>
      <c r="F12" s="239">
        <v>5.9406999999999996</v>
      </c>
      <c r="G12"/>
      <c r="H12" s="235"/>
      <c r="I12" s="236"/>
      <c r="J12" s="237"/>
      <c r="K12" s="237"/>
      <c r="L12" s="237"/>
      <c r="M12" s="236"/>
      <c r="N12" s="236"/>
      <c r="O12" s="236"/>
      <c r="P12" s="236"/>
      <c r="Q12" s="236"/>
      <c r="R12" s="238"/>
      <c r="S12" s="236"/>
      <c r="T12" s="236"/>
    </row>
    <row r="13" spans="1:45" x14ac:dyDescent="0.2">
      <c r="A13" s="53">
        <f>$A12+1</f>
        <v>1</v>
      </c>
      <c r="B13" s="239">
        <v>7.0000000000000001E-3</v>
      </c>
      <c r="C13" s="3">
        <f>MAX($B13 - $B$13, 0.001)</f>
        <v>1E-3</v>
      </c>
      <c r="D13" s="239">
        <v>1.1999999999999999E-3</v>
      </c>
      <c r="E13" s="239"/>
      <c r="F13" s="239">
        <v>5.9574999999999996</v>
      </c>
      <c r="G13"/>
      <c r="H13" s="235"/>
      <c r="I13" s="236"/>
      <c r="J13" s="237"/>
      <c r="K13" s="237"/>
      <c r="L13" s="237"/>
      <c r="M13" s="236"/>
      <c r="N13" s="236"/>
      <c r="O13" s="236"/>
      <c r="P13" s="236"/>
      <c r="Q13" s="236"/>
      <c r="R13" s="238"/>
      <c r="S13" s="236"/>
      <c r="T13" s="236"/>
    </row>
    <row r="14" spans="1:45" x14ac:dyDescent="0.2">
      <c r="A14" s="53">
        <f t="shared" ref="A14:A77" si="0">$A13+1</f>
        <v>2</v>
      </c>
      <c r="B14" s="239">
        <v>1.4999999999999999E-2</v>
      </c>
      <c r="C14" s="3">
        <f t="shared" ref="C14:C77" si="1">MAX($B14 - $B$13, 0.001)</f>
        <v>8.0000000000000002E-3</v>
      </c>
      <c r="D14" s="239">
        <v>1.4E-3</v>
      </c>
      <c r="E14" s="239">
        <v>1E-4</v>
      </c>
      <c r="F14" s="239">
        <v>5.7568000000000001</v>
      </c>
      <c r="G14">
        <f>$D14+($F14*(1-$P$8))</f>
        <v>1.1527599999999998</v>
      </c>
      <c r="H14" s="235">
        <f>($E14/$G14)*100</f>
        <v>8.6748325757312911E-3</v>
      </c>
      <c r="I14" s="236">
        <f>((0.27*(LOG($H14)))+(0.36*(LOG(($G14*1000)/101)))+1.236)*10</f>
        <v>10.600008062888222</v>
      </c>
      <c r="J14" s="237">
        <f>$I14-10</f>
        <v>0.60000806288822162</v>
      </c>
      <c r="K14" s="237">
        <f>$I14*$C14</f>
        <v>8.4800064503105774E-2</v>
      </c>
      <c r="L14" s="237">
        <f>$J14*$B14</f>
        <v>9.0001209433233243E-3</v>
      </c>
      <c r="M14" s="236">
        <f>(($G14*1000)-$K14)/$L14</f>
        <v>128073.30114720299</v>
      </c>
      <c r="N14" s="236">
        <f>(($E14*1000)/(($G14*1000)-$K14))*100</f>
        <v>8.6754707662311092E-3</v>
      </c>
      <c r="O14" s="236">
        <f>((3.47-LOG($M14))^2+(LOG($N14)+1.22)^2)^0.5</f>
        <v>1.841125000564189</v>
      </c>
      <c r="P14" s="236" t="str">
        <f>IF(O14&lt;2.6,"SAND","CLAY")</f>
        <v>SAND</v>
      </c>
      <c r="Q14" s="236" t="e">
        <f>IF(P14="CLAY",($G14*1000 -$K14)/$L$8,#N/A)</f>
        <v>#N/A</v>
      </c>
      <c r="R14" s="238">
        <v>34</v>
      </c>
      <c r="S14" s="236" t="e">
        <f>IF(P14="SAND",#N/A,0.25*($M14)^1.25)</f>
        <v>#N/A</v>
      </c>
      <c r="T14" s="236">
        <f>IF(P14="SAND",17.6+(11*LOG(M14)),#N/A)</f>
        <v>73.782044641848103</v>
      </c>
    </row>
    <row r="15" spans="1:45" x14ac:dyDescent="0.2">
      <c r="A15" s="53">
        <f t="shared" si="0"/>
        <v>3</v>
      </c>
      <c r="B15" s="239">
        <v>2.1999999999999999E-2</v>
      </c>
      <c r="C15" s="3">
        <f t="shared" si="1"/>
        <v>1.4999999999999999E-2</v>
      </c>
      <c r="D15" s="239">
        <v>2E-3</v>
      </c>
      <c r="E15" s="239">
        <v>2.0000000000000001E-4</v>
      </c>
      <c r="F15" s="239">
        <v>5.7478999999999996</v>
      </c>
      <c r="G15">
        <f t="shared" ref="G15:G78" si="2">$D15+($F15*(1-$P$8))</f>
        <v>1.1515799999999996</v>
      </c>
      <c r="H15" s="235">
        <f t="shared" ref="H15:H78" si="3">($E15/$G15)*100</f>
        <v>1.7367442991368387E-2</v>
      </c>
      <c r="I15" s="236">
        <f t="shared" ref="I15:I78" si="4">((0.27*(LOG($H15)))+(0.36*(LOG(($G15*1000)/101)))+1.236)*10</f>
        <v>11.412388744993432</v>
      </c>
      <c r="J15" s="237">
        <f>$I15-10</f>
        <v>1.4123887449934323</v>
      </c>
      <c r="K15" s="237">
        <f t="shared" ref="K15:K78" si="5">$I15*$C15</f>
        <v>0.17118583117490146</v>
      </c>
      <c r="L15" s="237">
        <f>$J15*$B15</f>
        <v>3.1072552389855509E-2</v>
      </c>
      <c r="M15" s="236">
        <f t="shared" ref="M15:M78" si="6">(($G15*1000)-$K15)/$L15</f>
        <v>37055.495143190557</v>
      </c>
      <c r="N15" s="236">
        <f t="shared" ref="N15:N78" si="7">(($E15*1000)/(($G15*1000)-$K15))*100</f>
        <v>1.7370025097851568E-2</v>
      </c>
      <c r="O15" s="236">
        <f>((3.47-LOG($M15))^2+(LOG($N15)+1.22)^2)^0.5</f>
        <v>1.2244560589790372</v>
      </c>
      <c r="P15" s="236" t="str">
        <f>IF(O15&lt;2.6,"SAND","CLAY")</f>
        <v>SAND</v>
      </c>
      <c r="Q15" s="236" t="e">
        <f t="shared" ref="Q15:Q78" si="8">IF(P15="CLAY",($G15*1000 -$K15)/$L$8,#N/A)</f>
        <v>#N/A</v>
      </c>
      <c r="R15" s="238">
        <v>35</v>
      </c>
      <c r="S15" s="236" t="e">
        <f>IF(P15="SAND",#N/A,0.25*($M15)^1.25)</f>
        <v>#N/A</v>
      </c>
      <c r="T15" s="236">
        <f>IF(P15="SAND",17.6+(11*LOG(M15)),#N/A)</f>
        <v>67.857378828516772</v>
      </c>
      <c r="U15" s="230"/>
    </row>
    <row r="16" spans="1:45" x14ac:dyDescent="0.2">
      <c r="A16" s="53">
        <f t="shared" si="0"/>
        <v>4</v>
      </c>
      <c r="B16" s="239">
        <v>0.03</v>
      </c>
      <c r="C16" s="3">
        <f t="shared" si="1"/>
        <v>2.3E-2</v>
      </c>
      <c r="D16" s="239">
        <v>3.3E-3</v>
      </c>
      <c r="E16" s="239">
        <v>4.0000000000000002E-4</v>
      </c>
      <c r="F16" s="239">
        <v>5.7262000000000004</v>
      </c>
      <c r="G16">
        <f t="shared" si="2"/>
        <v>1.1485399999999999</v>
      </c>
      <c r="H16" s="235">
        <f t="shared" si="3"/>
        <v>3.4826823619551785E-2</v>
      </c>
      <c r="I16" s="236">
        <f t="shared" si="4"/>
        <v>12.224136543370561</v>
      </c>
      <c r="J16" s="237">
        <f t="shared" ref="J16:J79" si="9">$I16-10</f>
        <v>2.2241365433705607</v>
      </c>
      <c r="K16" s="237">
        <f t="shared" si="5"/>
        <v>0.28115514049752288</v>
      </c>
      <c r="L16" s="237">
        <f t="shared" ref="L16:L79" si="10">$J16*$B16</f>
        <v>6.6724096301116823E-2</v>
      </c>
      <c r="M16" s="236">
        <f t="shared" si="6"/>
        <v>17209.058024219099</v>
      </c>
      <c r="N16" s="236">
        <f t="shared" si="7"/>
        <v>3.4835351087493069E-2</v>
      </c>
      <c r="O16" s="236">
        <f t="shared" ref="O16:O79" si="11">((3.47-LOG($M16))^2+(LOG($N16)+1.22)^2)^0.5</f>
        <v>0.80188423328137859</v>
      </c>
      <c r="P16" s="236" t="str">
        <f t="shared" ref="P16:P79" si="12">IF(O16&lt;2.6,"SAND","CLAY")</f>
        <v>SAND</v>
      </c>
      <c r="Q16" s="236" t="e">
        <f t="shared" si="8"/>
        <v>#N/A</v>
      </c>
      <c r="R16" s="238">
        <v>35</v>
      </c>
      <c r="S16" s="236" t="e">
        <f t="shared" ref="S16:S79" si="13">IF(P16="SAND",#N/A,0.25*($M16)^1.25)</f>
        <v>#N/A</v>
      </c>
      <c r="T16" s="236">
        <f t="shared" ref="T16:T76" si="14">IF(P16="SAND",17.6+(11*LOG(M16)),#N/A)</f>
        <v>64.193328088020451</v>
      </c>
    </row>
    <row r="17" spans="1:20" x14ac:dyDescent="0.2">
      <c r="A17" s="53">
        <f t="shared" si="0"/>
        <v>5</v>
      </c>
      <c r="B17" s="239">
        <v>3.6999999999999998E-2</v>
      </c>
      <c r="C17" s="3">
        <f t="shared" si="1"/>
        <v>0.03</v>
      </c>
      <c r="D17" s="239">
        <v>4.0000000000000001E-3</v>
      </c>
      <c r="E17" s="239">
        <v>5.0000000000000001E-4</v>
      </c>
      <c r="F17" s="239">
        <v>5.7648999999999999</v>
      </c>
      <c r="G17">
        <f t="shared" si="2"/>
        <v>1.1569799999999997</v>
      </c>
      <c r="H17" s="235">
        <f t="shared" si="3"/>
        <v>4.321595878926171E-2</v>
      </c>
      <c r="I17" s="236">
        <f t="shared" si="4"/>
        <v>12.488655332561834</v>
      </c>
      <c r="J17" s="237">
        <f t="shared" si="9"/>
        <v>2.4886553325618337</v>
      </c>
      <c r="K17" s="237">
        <f t="shared" si="5"/>
        <v>0.37465965997685502</v>
      </c>
      <c r="L17" s="237">
        <f t="shared" si="10"/>
        <v>9.2080247304787838E-2</v>
      </c>
      <c r="M17" s="236">
        <f t="shared" si="6"/>
        <v>12560.840942483908</v>
      </c>
      <c r="N17" s="236">
        <f t="shared" si="7"/>
        <v>4.3229957753178658E-2</v>
      </c>
      <c r="O17" s="236">
        <f t="shared" si="11"/>
        <v>0.64533910932224081</v>
      </c>
      <c r="P17" s="236" t="str">
        <f t="shared" si="12"/>
        <v>SAND</v>
      </c>
      <c r="Q17" s="236" t="e">
        <f t="shared" si="8"/>
        <v>#N/A</v>
      </c>
      <c r="R17" s="238">
        <v>35</v>
      </c>
      <c r="S17" s="236" t="e">
        <f t="shared" si="13"/>
        <v>#N/A</v>
      </c>
      <c r="T17" s="236">
        <f t="shared" si="14"/>
        <v>62.68920587807856</v>
      </c>
    </row>
    <row r="18" spans="1:20" x14ac:dyDescent="0.2">
      <c r="A18" s="53">
        <f t="shared" si="0"/>
        <v>6</v>
      </c>
      <c r="B18" s="239">
        <v>4.4999999999999998E-2</v>
      </c>
      <c r="C18" s="3">
        <f t="shared" si="1"/>
        <v>3.7999999999999999E-2</v>
      </c>
      <c r="D18" s="239">
        <v>4.3E-3</v>
      </c>
      <c r="E18" s="239">
        <v>5.0000000000000001E-4</v>
      </c>
      <c r="F18" s="239">
        <v>5.7152000000000003</v>
      </c>
      <c r="G18">
        <f t="shared" si="2"/>
        <v>1.1473399999999998</v>
      </c>
      <c r="H18" s="235">
        <f t="shared" si="3"/>
        <v>4.3579061132706966E-2</v>
      </c>
      <c r="I18" s="236">
        <f t="shared" si="4"/>
        <v>12.485384987378518</v>
      </c>
      <c r="J18" s="237">
        <f t="shared" si="9"/>
        <v>2.4853849873785183</v>
      </c>
      <c r="K18" s="237">
        <f t="shared" si="5"/>
        <v>0.47444462952038369</v>
      </c>
      <c r="L18" s="237">
        <f t="shared" si="10"/>
        <v>0.11184232443203332</v>
      </c>
      <c r="M18" s="236">
        <f t="shared" si="6"/>
        <v>10254.307223983265</v>
      </c>
      <c r="N18" s="236">
        <f t="shared" si="7"/>
        <v>4.3597089271591366E-2</v>
      </c>
      <c r="O18" s="236">
        <f t="shared" si="11"/>
        <v>0.5588665745418272</v>
      </c>
      <c r="P18" s="236" t="str">
        <f t="shared" si="12"/>
        <v>SAND</v>
      </c>
      <c r="Q18" s="236" t="e">
        <f t="shared" si="8"/>
        <v>#N/A</v>
      </c>
      <c r="R18" s="238">
        <v>35</v>
      </c>
      <c r="S18" s="236" t="e">
        <f t="shared" si="13"/>
        <v>#N/A</v>
      </c>
      <c r="T18" s="236">
        <f t="shared" si="14"/>
        <v>61.719969574682672</v>
      </c>
    </row>
    <row r="19" spans="1:20" x14ac:dyDescent="0.2">
      <c r="A19" s="53">
        <f t="shared" si="0"/>
        <v>7</v>
      </c>
      <c r="B19" s="239">
        <v>5.1999999999999998E-2</v>
      </c>
      <c r="C19" s="3">
        <f t="shared" si="1"/>
        <v>4.4999999999999998E-2</v>
      </c>
      <c r="D19" s="239">
        <v>5.8999999999999999E-3</v>
      </c>
      <c r="E19" s="239">
        <v>5.0000000000000001E-4</v>
      </c>
      <c r="F19" s="239">
        <v>5.7282999999999999</v>
      </c>
      <c r="G19">
        <f t="shared" si="2"/>
        <v>1.1515599999999997</v>
      </c>
      <c r="H19" s="235">
        <f t="shared" si="3"/>
        <v>4.3419361561707608E-2</v>
      </c>
      <c r="I19" s="236">
        <f t="shared" si="4"/>
        <v>12.486819980022794</v>
      </c>
      <c r="J19" s="237">
        <f t="shared" si="9"/>
        <v>2.4868199800227941</v>
      </c>
      <c r="K19" s="237">
        <f t="shared" si="5"/>
        <v>0.56190689910102576</v>
      </c>
      <c r="L19" s="237">
        <f t="shared" si="10"/>
        <v>0.12931463896118528</v>
      </c>
      <c r="M19" s="236">
        <f t="shared" si="6"/>
        <v>8900.7563439617916</v>
      </c>
      <c r="N19" s="236">
        <f t="shared" si="7"/>
        <v>4.3440558502834035E-2</v>
      </c>
      <c r="O19" s="236">
        <f t="shared" si="11"/>
        <v>0.50004387977721887</v>
      </c>
      <c r="P19" s="236" t="str">
        <f t="shared" si="12"/>
        <v>SAND</v>
      </c>
      <c r="Q19" s="236" t="e">
        <f t="shared" si="8"/>
        <v>#N/A</v>
      </c>
      <c r="R19" s="238">
        <v>35</v>
      </c>
      <c r="S19" s="236" t="e">
        <f t="shared" si="13"/>
        <v>#N/A</v>
      </c>
      <c r="T19" s="236">
        <f t="shared" si="14"/>
        <v>61.043696037428553</v>
      </c>
    </row>
    <row r="20" spans="1:20" x14ac:dyDescent="0.2">
      <c r="A20" s="53">
        <f t="shared" si="0"/>
        <v>8</v>
      </c>
      <c r="B20" s="239">
        <v>5.8999999999999997E-2</v>
      </c>
      <c r="C20" s="3">
        <f t="shared" si="1"/>
        <v>5.1999999999999998E-2</v>
      </c>
      <c r="D20" s="239">
        <v>5.7000000000000002E-3</v>
      </c>
      <c r="E20" s="239">
        <v>2.9999999999999997E-4</v>
      </c>
      <c r="F20" s="239">
        <v>5.7445000000000004</v>
      </c>
      <c r="G20">
        <f t="shared" si="2"/>
        <v>1.1545999999999998</v>
      </c>
      <c r="H20" s="235">
        <f t="shared" si="3"/>
        <v>2.5983024424042961E-2</v>
      </c>
      <c r="I20" s="236">
        <f t="shared" si="4"/>
        <v>11.888858839971926</v>
      </c>
      <c r="J20" s="237">
        <f t="shared" si="9"/>
        <v>1.8888588399719257</v>
      </c>
      <c r="K20" s="237">
        <f t="shared" si="5"/>
        <v>0.61822065967854012</v>
      </c>
      <c r="L20" s="237">
        <f t="shared" si="10"/>
        <v>0.11144267155834361</v>
      </c>
      <c r="M20" s="236">
        <f t="shared" si="6"/>
        <v>10354.936427885048</v>
      </c>
      <c r="N20" s="236">
        <f t="shared" si="7"/>
        <v>2.5996944264708954E-2</v>
      </c>
      <c r="O20" s="236">
        <f t="shared" si="11"/>
        <v>0.65610018504745504</v>
      </c>
      <c r="P20" s="236" t="str">
        <f t="shared" si="12"/>
        <v>SAND</v>
      </c>
      <c r="Q20" s="236" t="e">
        <f t="shared" si="8"/>
        <v>#N/A</v>
      </c>
      <c r="R20" s="238">
        <v>35</v>
      </c>
      <c r="S20" s="236" t="e">
        <f t="shared" si="13"/>
        <v>#N/A</v>
      </c>
      <c r="T20" s="236">
        <f t="shared" si="14"/>
        <v>61.766621806684185</v>
      </c>
    </row>
    <row r="21" spans="1:20" x14ac:dyDescent="0.2">
      <c r="A21" s="53">
        <f t="shared" si="0"/>
        <v>9</v>
      </c>
      <c r="B21" s="239">
        <v>6.6000000000000003E-2</v>
      </c>
      <c r="C21" s="3">
        <f t="shared" si="1"/>
        <v>5.9000000000000004E-2</v>
      </c>
      <c r="D21" s="239">
        <v>7.1999999999999998E-3</v>
      </c>
      <c r="E21" s="239">
        <v>1E-4</v>
      </c>
      <c r="F21" s="239">
        <v>5.7625999999999999</v>
      </c>
      <c r="G21">
        <f t="shared" si="2"/>
        <v>1.1597199999999999</v>
      </c>
      <c r="H21" s="235">
        <f t="shared" si="3"/>
        <v>8.6227710136929613E-3</v>
      </c>
      <c r="I21" s="236">
        <f t="shared" si="4"/>
        <v>10.602360886565929</v>
      </c>
      <c r="J21" s="237">
        <f t="shared" si="9"/>
        <v>0.60236088656592912</v>
      </c>
      <c r="K21" s="237">
        <f t="shared" si="5"/>
        <v>0.6255392923073898</v>
      </c>
      <c r="L21" s="237">
        <f t="shared" si="10"/>
        <v>3.9755818513351325E-2</v>
      </c>
      <c r="M21" s="236">
        <f t="shared" si="6"/>
        <v>29155.341382757091</v>
      </c>
      <c r="N21" s="236">
        <f t="shared" si="7"/>
        <v>8.6274245447557733E-3</v>
      </c>
      <c r="O21" s="236">
        <f t="shared" si="11"/>
        <v>1.3046075118045704</v>
      </c>
      <c r="P21" s="236" t="str">
        <f t="shared" si="12"/>
        <v>SAND</v>
      </c>
      <c r="Q21" s="236" t="e">
        <f t="shared" si="8"/>
        <v>#N/A</v>
      </c>
      <c r="R21" s="238">
        <v>35</v>
      </c>
      <c r="S21" s="236" t="e">
        <f t="shared" si="13"/>
        <v>#N/A</v>
      </c>
      <c r="T21" s="236">
        <f t="shared" si="14"/>
        <v>66.711899440819579</v>
      </c>
    </row>
    <row r="22" spans="1:20" x14ac:dyDescent="0.2">
      <c r="A22" s="53">
        <f t="shared" si="0"/>
        <v>10</v>
      </c>
      <c r="B22" s="239">
        <v>7.3999999999999996E-2</v>
      </c>
      <c r="C22" s="3">
        <f t="shared" si="1"/>
        <v>6.699999999999999E-2</v>
      </c>
      <c r="D22" s="239">
        <v>7.7999999999999996E-3</v>
      </c>
      <c r="E22" s="239">
        <v>-2.9999999999999997E-4</v>
      </c>
      <c r="F22" s="239">
        <v>5.7580999999999998</v>
      </c>
      <c r="G22">
        <f t="shared" si="2"/>
        <v>1.1594199999999997</v>
      </c>
      <c r="H22" s="235">
        <f t="shared" si="3"/>
        <v>-2.5875006468751623E-2</v>
      </c>
      <c r="I22" s="236" t="e">
        <f t="shared" si="4"/>
        <v>#NUM!</v>
      </c>
      <c r="J22" s="237" t="e">
        <f t="shared" si="9"/>
        <v>#NUM!</v>
      </c>
      <c r="K22" s="237" t="e">
        <f t="shared" si="5"/>
        <v>#NUM!</v>
      </c>
      <c r="L22" s="237" t="e">
        <f t="shared" si="10"/>
        <v>#NUM!</v>
      </c>
      <c r="M22" s="236" t="e">
        <f t="shared" si="6"/>
        <v>#NUM!</v>
      </c>
      <c r="N22" s="236" t="e">
        <f t="shared" si="7"/>
        <v>#NUM!</v>
      </c>
      <c r="O22" s="236" t="e">
        <f t="shared" si="11"/>
        <v>#NUM!</v>
      </c>
      <c r="P22" s="236" t="e">
        <f t="shared" si="12"/>
        <v>#NUM!</v>
      </c>
      <c r="Q22" s="236" t="e">
        <f t="shared" si="8"/>
        <v>#NUM!</v>
      </c>
      <c r="R22" s="238">
        <v>35</v>
      </c>
      <c r="S22" s="236" t="e">
        <f t="shared" si="13"/>
        <v>#NUM!</v>
      </c>
      <c r="T22" s="236" t="e">
        <f t="shared" si="14"/>
        <v>#NUM!</v>
      </c>
    </row>
    <row r="23" spans="1:20" x14ac:dyDescent="0.2">
      <c r="A23" s="53">
        <f t="shared" si="0"/>
        <v>11</v>
      </c>
      <c r="B23" s="239">
        <v>8.1000000000000003E-2</v>
      </c>
      <c r="C23" s="3">
        <f t="shared" si="1"/>
        <v>7.3999999999999996E-2</v>
      </c>
      <c r="D23" s="239">
        <v>8.6E-3</v>
      </c>
      <c r="E23" s="239">
        <v>-5.0000000000000001E-4</v>
      </c>
      <c r="F23" s="239">
        <v>5.7502000000000004</v>
      </c>
      <c r="G23">
        <f t="shared" si="2"/>
        <v>1.1586399999999997</v>
      </c>
      <c r="H23" s="235">
        <f t="shared" si="3"/>
        <v>-4.3154042670717402E-2</v>
      </c>
      <c r="I23" s="236" t="e">
        <f t="shared" si="4"/>
        <v>#NUM!</v>
      </c>
      <c r="J23" s="237" t="e">
        <f t="shared" si="9"/>
        <v>#NUM!</v>
      </c>
      <c r="K23" s="237" t="e">
        <f t="shared" si="5"/>
        <v>#NUM!</v>
      </c>
      <c r="L23" s="237" t="e">
        <f t="shared" si="10"/>
        <v>#NUM!</v>
      </c>
      <c r="M23" s="236" t="e">
        <f t="shared" si="6"/>
        <v>#NUM!</v>
      </c>
      <c r="N23" s="236" t="e">
        <f t="shared" si="7"/>
        <v>#NUM!</v>
      </c>
      <c r="O23" s="236" t="e">
        <f t="shared" si="11"/>
        <v>#NUM!</v>
      </c>
      <c r="P23" s="236" t="e">
        <f t="shared" si="12"/>
        <v>#NUM!</v>
      </c>
      <c r="Q23" s="236" t="e">
        <f t="shared" si="8"/>
        <v>#NUM!</v>
      </c>
      <c r="R23" s="238">
        <v>35</v>
      </c>
      <c r="S23" s="236" t="e">
        <f t="shared" si="13"/>
        <v>#NUM!</v>
      </c>
      <c r="T23" s="236" t="e">
        <f t="shared" si="14"/>
        <v>#NUM!</v>
      </c>
    </row>
    <row r="24" spans="1:20" x14ac:dyDescent="0.2">
      <c r="A24" s="53">
        <f t="shared" si="0"/>
        <v>12</v>
      </c>
      <c r="B24" s="239">
        <v>8.8999999999999996E-2</v>
      </c>
      <c r="C24" s="3">
        <f t="shared" si="1"/>
        <v>8.199999999999999E-2</v>
      </c>
      <c r="D24" s="239">
        <v>8.0999999999999996E-3</v>
      </c>
      <c r="E24" s="239">
        <v>-8.0000000000000004E-4</v>
      </c>
      <c r="F24" s="239">
        <v>5.7781000000000002</v>
      </c>
      <c r="G24">
        <f t="shared" si="2"/>
        <v>1.1637199999999999</v>
      </c>
      <c r="H24" s="235">
        <f t="shared" si="3"/>
        <v>-6.8745058948888063E-2</v>
      </c>
      <c r="I24" s="236" t="e">
        <f t="shared" si="4"/>
        <v>#NUM!</v>
      </c>
      <c r="J24" s="237" t="e">
        <f t="shared" si="9"/>
        <v>#NUM!</v>
      </c>
      <c r="K24" s="237" t="e">
        <f t="shared" si="5"/>
        <v>#NUM!</v>
      </c>
      <c r="L24" s="237" t="e">
        <f t="shared" si="10"/>
        <v>#NUM!</v>
      </c>
      <c r="M24" s="236" t="e">
        <f t="shared" si="6"/>
        <v>#NUM!</v>
      </c>
      <c r="N24" s="236" t="e">
        <f t="shared" si="7"/>
        <v>#NUM!</v>
      </c>
      <c r="O24" s="236" t="e">
        <f t="shared" si="11"/>
        <v>#NUM!</v>
      </c>
      <c r="P24" s="236" t="e">
        <f t="shared" si="12"/>
        <v>#NUM!</v>
      </c>
      <c r="Q24" s="236" t="e">
        <f t="shared" si="8"/>
        <v>#NUM!</v>
      </c>
      <c r="R24" s="238">
        <v>35</v>
      </c>
      <c r="S24" s="236" t="e">
        <f t="shared" si="13"/>
        <v>#NUM!</v>
      </c>
      <c r="T24" s="236" t="e">
        <f t="shared" si="14"/>
        <v>#NUM!</v>
      </c>
    </row>
    <row r="25" spans="1:20" x14ac:dyDescent="0.2">
      <c r="A25" s="53">
        <f t="shared" si="0"/>
        <v>13</v>
      </c>
      <c r="B25" s="239">
        <v>9.6000000000000002E-2</v>
      </c>
      <c r="C25" s="3">
        <f t="shared" si="1"/>
        <v>8.8999999999999996E-2</v>
      </c>
      <c r="D25" s="239">
        <v>8.6999999999999994E-3</v>
      </c>
      <c r="E25" s="239">
        <v>-1.2999999999999999E-3</v>
      </c>
      <c r="F25" s="239">
        <v>5.7407000000000004</v>
      </c>
      <c r="G25">
        <f t="shared" si="2"/>
        <v>1.1568399999999996</v>
      </c>
      <c r="H25" s="235">
        <f t="shared" si="3"/>
        <v>-0.11237509076449642</v>
      </c>
      <c r="I25" s="236" t="e">
        <f t="shared" si="4"/>
        <v>#NUM!</v>
      </c>
      <c r="J25" s="237" t="e">
        <f t="shared" si="9"/>
        <v>#NUM!</v>
      </c>
      <c r="K25" s="237" t="e">
        <f t="shared" si="5"/>
        <v>#NUM!</v>
      </c>
      <c r="L25" s="237" t="e">
        <f t="shared" si="10"/>
        <v>#NUM!</v>
      </c>
      <c r="M25" s="236" t="e">
        <f t="shared" si="6"/>
        <v>#NUM!</v>
      </c>
      <c r="N25" s="236" t="e">
        <f t="shared" si="7"/>
        <v>#NUM!</v>
      </c>
      <c r="O25" s="236" t="e">
        <f t="shared" si="11"/>
        <v>#NUM!</v>
      </c>
      <c r="P25" s="236" t="e">
        <f t="shared" si="12"/>
        <v>#NUM!</v>
      </c>
      <c r="Q25" s="236" t="e">
        <f t="shared" si="8"/>
        <v>#NUM!</v>
      </c>
      <c r="R25" s="238">
        <v>35</v>
      </c>
      <c r="S25" s="236" t="e">
        <f t="shared" si="13"/>
        <v>#NUM!</v>
      </c>
      <c r="T25" s="236" t="e">
        <f>IF(P25="SAND",17.6+(11*LOG(M25)),#N/A)</f>
        <v>#NUM!</v>
      </c>
    </row>
    <row r="26" spans="1:20" x14ac:dyDescent="0.2">
      <c r="A26" s="53">
        <f t="shared" si="0"/>
        <v>14</v>
      </c>
      <c r="B26" s="239">
        <v>0.104</v>
      </c>
      <c r="C26" s="3">
        <f t="shared" si="1"/>
        <v>9.6999999999999989E-2</v>
      </c>
      <c r="D26" s="239">
        <v>9.4999999999999998E-3</v>
      </c>
      <c r="E26" s="239">
        <v>-1.1999999999999999E-3</v>
      </c>
      <c r="F26" s="239">
        <v>5.7742000000000004</v>
      </c>
      <c r="G26">
        <f t="shared" si="2"/>
        <v>1.1643399999999999</v>
      </c>
      <c r="H26" s="235">
        <f t="shared" si="3"/>
        <v>-0.10306267928611916</v>
      </c>
      <c r="I26" s="236" t="e">
        <f t="shared" si="4"/>
        <v>#NUM!</v>
      </c>
      <c r="J26" s="237" t="e">
        <f t="shared" si="9"/>
        <v>#NUM!</v>
      </c>
      <c r="K26" s="237" t="e">
        <f t="shared" si="5"/>
        <v>#NUM!</v>
      </c>
      <c r="L26" s="237" t="e">
        <f t="shared" si="10"/>
        <v>#NUM!</v>
      </c>
      <c r="M26" s="236" t="e">
        <f t="shared" si="6"/>
        <v>#NUM!</v>
      </c>
      <c r="N26" s="236" t="e">
        <f t="shared" si="7"/>
        <v>#NUM!</v>
      </c>
      <c r="O26" s="236" t="e">
        <f t="shared" si="11"/>
        <v>#NUM!</v>
      </c>
      <c r="P26" s="236" t="e">
        <f t="shared" si="12"/>
        <v>#NUM!</v>
      </c>
      <c r="Q26" s="236" t="e">
        <f t="shared" si="8"/>
        <v>#NUM!</v>
      </c>
      <c r="R26" s="238">
        <v>35</v>
      </c>
      <c r="S26" s="236" t="e">
        <f t="shared" si="13"/>
        <v>#NUM!</v>
      </c>
      <c r="T26" s="236" t="e">
        <f t="shared" si="14"/>
        <v>#NUM!</v>
      </c>
    </row>
    <row r="27" spans="1:20" x14ac:dyDescent="0.2">
      <c r="A27" s="53">
        <f t="shared" si="0"/>
        <v>15</v>
      </c>
      <c r="B27" s="239">
        <v>0.111</v>
      </c>
      <c r="C27" s="3">
        <f t="shared" si="1"/>
        <v>0.104</v>
      </c>
      <c r="D27" s="239">
        <v>8.9999999999999993E-3</v>
      </c>
      <c r="E27" s="239">
        <v>-1E-3</v>
      </c>
      <c r="F27" s="239">
        <v>5.7690999999999999</v>
      </c>
      <c r="G27">
        <f t="shared" si="2"/>
        <v>1.1628199999999995</v>
      </c>
      <c r="H27" s="235">
        <f t="shared" si="3"/>
        <v>-8.59978328546121E-2</v>
      </c>
      <c r="I27" s="236" t="e">
        <f t="shared" si="4"/>
        <v>#NUM!</v>
      </c>
      <c r="J27" s="237" t="e">
        <f t="shared" si="9"/>
        <v>#NUM!</v>
      </c>
      <c r="K27" s="237" t="e">
        <f t="shared" si="5"/>
        <v>#NUM!</v>
      </c>
      <c r="L27" s="237" t="e">
        <f t="shared" si="10"/>
        <v>#NUM!</v>
      </c>
      <c r="M27" s="236" t="e">
        <f t="shared" si="6"/>
        <v>#NUM!</v>
      </c>
      <c r="N27" s="236" t="e">
        <f t="shared" si="7"/>
        <v>#NUM!</v>
      </c>
      <c r="O27" s="236" t="e">
        <f t="shared" si="11"/>
        <v>#NUM!</v>
      </c>
      <c r="P27" s="236" t="e">
        <f t="shared" si="12"/>
        <v>#NUM!</v>
      </c>
      <c r="Q27" s="236" t="e">
        <f t="shared" si="8"/>
        <v>#NUM!</v>
      </c>
      <c r="R27" s="238">
        <v>35</v>
      </c>
      <c r="S27" s="236" t="e">
        <f t="shared" si="13"/>
        <v>#NUM!</v>
      </c>
      <c r="T27" s="236" t="e">
        <f t="shared" si="14"/>
        <v>#NUM!</v>
      </c>
    </row>
    <row r="28" spans="1:20" x14ac:dyDescent="0.2">
      <c r="A28" s="53">
        <f t="shared" si="0"/>
        <v>16</v>
      </c>
      <c r="B28" s="239">
        <v>0.11799999999999999</v>
      </c>
      <c r="C28" s="3">
        <f t="shared" si="1"/>
        <v>0.11099999999999999</v>
      </c>
      <c r="D28" s="239">
        <v>0.01</v>
      </c>
      <c r="E28" s="239">
        <v>-1.6000000000000001E-3</v>
      </c>
      <c r="F28" s="239">
        <v>5.7544000000000004</v>
      </c>
      <c r="G28">
        <f t="shared" si="2"/>
        <v>1.1608799999999999</v>
      </c>
      <c r="H28" s="235">
        <f t="shared" si="3"/>
        <v>-0.13782647646612917</v>
      </c>
      <c r="I28" s="236" t="e">
        <f t="shared" si="4"/>
        <v>#NUM!</v>
      </c>
      <c r="J28" s="237" t="e">
        <f t="shared" si="9"/>
        <v>#NUM!</v>
      </c>
      <c r="K28" s="237" t="e">
        <f t="shared" si="5"/>
        <v>#NUM!</v>
      </c>
      <c r="L28" s="237" t="e">
        <f t="shared" si="10"/>
        <v>#NUM!</v>
      </c>
      <c r="M28" s="236" t="e">
        <f t="shared" si="6"/>
        <v>#NUM!</v>
      </c>
      <c r="N28" s="236" t="e">
        <f t="shared" si="7"/>
        <v>#NUM!</v>
      </c>
      <c r="O28" s="236" t="e">
        <f t="shared" si="11"/>
        <v>#NUM!</v>
      </c>
      <c r="P28" s="236" t="e">
        <f t="shared" si="12"/>
        <v>#NUM!</v>
      </c>
      <c r="Q28" s="236" t="e">
        <f t="shared" si="8"/>
        <v>#NUM!</v>
      </c>
      <c r="R28" s="238">
        <v>35</v>
      </c>
      <c r="S28" s="236" t="e">
        <f t="shared" si="13"/>
        <v>#NUM!</v>
      </c>
      <c r="T28" s="236" t="e">
        <f t="shared" si="14"/>
        <v>#NUM!</v>
      </c>
    </row>
    <row r="29" spans="1:20" x14ac:dyDescent="0.2">
      <c r="A29" s="53">
        <f t="shared" si="0"/>
        <v>17</v>
      </c>
      <c r="B29" s="239">
        <v>0.126</v>
      </c>
      <c r="C29" s="3">
        <f t="shared" si="1"/>
        <v>0.11899999999999999</v>
      </c>
      <c r="D29" s="239">
        <v>9.9000000000000008E-3</v>
      </c>
      <c r="E29" s="239">
        <v>-1.6000000000000001E-3</v>
      </c>
      <c r="F29" s="239">
        <v>5.7915000000000001</v>
      </c>
      <c r="G29">
        <f t="shared" si="2"/>
        <v>1.1681999999999997</v>
      </c>
      <c r="H29" s="235">
        <f t="shared" si="3"/>
        <v>-0.13696284882725565</v>
      </c>
      <c r="I29" s="236" t="e">
        <f t="shared" si="4"/>
        <v>#NUM!</v>
      </c>
      <c r="J29" s="237" t="e">
        <f t="shared" si="9"/>
        <v>#NUM!</v>
      </c>
      <c r="K29" s="237" t="e">
        <f t="shared" si="5"/>
        <v>#NUM!</v>
      </c>
      <c r="L29" s="237" t="e">
        <f t="shared" si="10"/>
        <v>#NUM!</v>
      </c>
      <c r="M29" s="236" t="e">
        <f t="shared" si="6"/>
        <v>#NUM!</v>
      </c>
      <c r="N29" s="236" t="e">
        <f t="shared" si="7"/>
        <v>#NUM!</v>
      </c>
      <c r="O29" s="236" t="e">
        <f t="shared" si="11"/>
        <v>#NUM!</v>
      </c>
      <c r="P29" s="236" t="e">
        <f t="shared" si="12"/>
        <v>#NUM!</v>
      </c>
      <c r="Q29" s="236" t="e">
        <f t="shared" si="8"/>
        <v>#NUM!</v>
      </c>
      <c r="R29" s="238">
        <v>35</v>
      </c>
      <c r="S29" s="236" t="e">
        <f t="shared" si="13"/>
        <v>#NUM!</v>
      </c>
      <c r="T29" s="236" t="e">
        <f t="shared" si="14"/>
        <v>#NUM!</v>
      </c>
    </row>
    <row r="30" spans="1:20" x14ac:dyDescent="0.2">
      <c r="A30" s="53">
        <f t="shared" si="0"/>
        <v>18</v>
      </c>
      <c r="B30" s="239">
        <v>0.13400000000000001</v>
      </c>
      <c r="C30" s="3">
        <f t="shared" si="1"/>
        <v>0.127</v>
      </c>
      <c r="D30" s="239">
        <v>1.0200000000000001E-2</v>
      </c>
      <c r="E30" s="239">
        <v>-1.9E-3</v>
      </c>
      <c r="F30" s="239">
        <v>5.7857000000000003</v>
      </c>
      <c r="G30">
        <f t="shared" si="2"/>
        <v>1.1673399999999998</v>
      </c>
      <c r="H30" s="235">
        <f t="shared" si="3"/>
        <v>-0.16276320523583535</v>
      </c>
      <c r="I30" s="236" t="e">
        <f t="shared" si="4"/>
        <v>#NUM!</v>
      </c>
      <c r="J30" s="237" t="e">
        <f t="shared" si="9"/>
        <v>#NUM!</v>
      </c>
      <c r="K30" s="237" t="e">
        <f t="shared" si="5"/>
        <v>#NUM!</v>
      </c>
      <c r="L30" s="237" t="e">
        <f t="shared" si="10"/>
        <v>#NUM!</v>
      </c>
      <c r="M30" s="236" t="e">
        <f t="shared" si="6"/>
        <v>#NUM!</v>
      </c>
      <c r="N30" s="236" t="e">
        <f t="shared" si="7"/>
        <v>#NUM!</v>
      </c>
      <c r="O30" s="236" t="e">
        <f t="shared" si="11"/>
        <v>#NUM!</v>
      </c>
      <c r="P30" s="236" t="e">
        <f t="shared" si="12"/>
        <v>#NUM!</v>
      </c>
      <c r="Q30" s="236" t="e">
        <f t="shared" si="8"/>
        <v>#NUM!</v>
      </c>
      <c r="R30" s="238">
        <v>35</v>
      </c>
      <c r="S30" s="236" t="e">
        <f t="shared" si="13"/>
        <v>#NUM!</v>
      </c>
      <c r="T30" s="236" t="e">
        <f t="shared" si="14"/>
        <v>#NUM!</v>
      </c>
    </row>
    <row r="31" spans="1:20" x14ac:dyDescent="0.2">
      <c r="A31" s="53">
        <f t="shared" si="0"/>
        <v>19</v>
      </c>
      <c r="B31" s="239">
        <v>0.14099999999999999</v>
      </c>
      <c r="C31" s="3">
        <f t="shared" si="1"/>
        <v>0.13399999999999998</v>
      </c>
      <c r="D31" s="239">
        <v>9.5999999999999992E-3</v>
      </c>
      <c r="E31" s="239">
        <v>-1.8E-3</v>
      </c>
      <c r="F31" s="239">
        <v>5.7903000000000002</v>
      </c>
      <c r="G31">
        <f t="shared" si="2"/>
        <v>1.1676599999999999</v>
      </c>
      <c r="H31" s="235">
        <f t="shared" si="3"/>
        <v>-0.15415446277169725</v>
      </c>
      <c r="I31" s="236" t="e">
        <f t="shared" si="4"/>
        <v>#NUM!</v>
      </c>
      <c r="J31" s="237" t="e">
        <f t="shared" si="9"/>
        <v>#NUM!</v>
      </c>
      <c r="K31" s="237" t="e">
        <f t="shared" si="5"/>
        <v>#NUM!</v>
      </c>
      <c r="L31" s="237" t="e">
        <f t="shared" si="10"/>
        <v>#NUM!</v>
      </c>
      <c r="M31" s="236" t="e">
        <f t="shared" si="6"/>
        <v>#NUM!</v>
      </c>
      <c r="N31" s="236" t="e">
        <f t="shared" si="7"/>
        <v>#NUM!</v>
      </c>
      <c r="O31" s="236" t="e">
        <f t="shared" si="11"/>
        <v>#NUM!</v>
      </c>
      <c r="P31" s="236" t="e">
        <f t="shared" si="12"/>
        <v>#NUM!</v>
      </c>
      <c r="Q31" s="236" t="e">
        <f t="shared" si="8"/>
        <v>#NUM!</v>
      </c>
      <c r="R31" s="238">
        <v>35</v>
      </c>
      <c r="S31" s="236" t="e">
        <f t="shared" si="13"/>
        <v>#NUM!</v>
      </c>
      <c r="T31" s="236" t="e">
        <f t="shared" si="14"/>
        <v>#NUM!</v>
      </c>
    </row>
    <row r="32" spans="1:20" x14ac:dyDescent="0.2">
      <c r="A32" s="53">
        <f t="shared" si="0"/>
        <v>20</v>
      </c>
      <c r="B32" s="239">
        <v>0.14899999999999999</v>
      </c>
      <c r="C32" s="3">
        <f t="shared" si="1"/>
        <v>0.14199999999999999</v>
      </c>
      <c r="D32" s="239">
        <v>1.01E-2</v>
      </c>
      <c r="E32" s="239">
        <v>-1.8E-3</v>
      </c>
      <c r="F32" s="239">
        <v>5.8154000000000003</v>
      </c>
      <c r="G32">
        <f t="shared" si="2"/>
        <v>1.1731799999999999</v>
      </c>
      <c r="H32" s="235">
        <f t="shared" si="3"/>
        <v>-0.15342914130823915</v>
      </c>
      <c r="I32" s="236" t="e">
        <f t="shared" si="4"/>
        <v>#NUM!</v>
      </c>
      <c r="J32" s="237" t="e">
        <f t="shared" si="9"/>
        <v>#NUM!</v>
      </c>
      <c r="K32" s="237" t="e">
        <f t="shared" si="5"/>
        <v>#NUM!</v>
      </c>
      <c r="L32" s="237" t="e">
        <f t="shared" si="10"/>
        <v>#NUM!</v>
      </c>
      <c r="M32" s="236" t="e">
        <f t="shared" si="6"/>
        <v>#NUM!</v>
      </c>
      <c r="N32" s="236" t="e">
        <f t="shared" si="7"/>
        <v>#NUM!</v>
      </c>
      <c r="O32" s="236" t="e">
        <f t="shared" si="11"/>
        <v>#NUM!</v>
      </c>
      <c r="P32" s="236" t="e">
        <f t="shared" si="12"/>
        <v>#NUM!</v>
      </c>
      <c r="Q32" s="236" t="e">
        <f t="shared" si="8"/>
        <v>#NUM!</v>
      </c>
      <c r="R32" s="238">
        <v>35</v>
      </c>
      <c r="S32" s="236" t="e">
        <f t="shared" si="13"/>
        <v>#NUM!</v>
      </c>
      <c r="T32" s="236" t="e">
        <f t="shared" si="14"/>
        <v>#NUM!</v>
      </c>
    </row>
    <row r="33" spans="1:37" x14ac:dyDescent="0.2">
      <c r="A33" s="53">
        <f t="shared" si="0"/>
        <v>21</v>
      </c>
      <c r="B33" s="239">
        <v>0.156</v>
      </c>
      <c r="C33" s="3">
        <f t="shared" si="1"/>
        <v>0.14899999999999999</v>
      </c>
      <c r="D33" s="239">
        <v>1.0500000000000001E-2</v>
      </c>
      <c r="E33" s="239">
        <v>-1.6000000000000001E-3</v>
      </c>
      <c r="F33" s="239">
        <v>5.8224</v>
      </c>
      <c r="G33">
        <f t="shared" si="2"/>
        <v>1.1749799999999997</v>
      </c>
      <c r="H33" s="235">
        <f t="shared" si="3"/>
        <v>-0.13617253059626552</v>
      </c>
      <c r="I33" s="236" t="e">
        <f t="shared" si="4"/>
        <v>#NUM!</v>
      </c>
      <c r="J33" s="237" t="e">
        <f t="shared" si="9"/>
        <v>#NUM!</v>
      </c>
      <c r="K33" s="237" t="e">
        <f t="shared" si="5"/>
        <v>#NUM!</v>
      </c>
      <c r="L33" s="237" t="e">
        <f t="shared" si="10"/>
        <v>#NUM!</v>
      </c>
      <c r="M33" s="236" t="e">
        <f t="shared" si="6"/>
        <v>#NUM!</v>
      </c>
      <c r="N33" s="236" t="e">
        <f t="shared" si="7"/>
        <v>#NUM!</v>
      </c>
      <c r="O33" s="236" t="e">
        <f t="shared" si="11"/>
        <v>#NUM!</v>
      </c>
      <c r="P33" s="236" t="e">
        <f t="shared" si="12"/>
        <v>#NUM!</v>
      </c>
      <c r="Q33" s="236" t="e">
        <f t="shared" si="8"/>
        <v>#NUM!</v>
      </c>
      <c r="R33" s="238">
        <v>35</v>
      </c>
      <c r="S33" s="236" t="e">
        <f t="shared" si="13"/>
        <v>#NUM!</v>
      </c>
      <c r="T33" s="236" t="e">
        <f t="shared" si="14"/>
        <v>#NUM!</v>
      </c>
    </row>
    <row r="34" spans="1:37" x14ac:dyDescent="0.2">
      <c r="A34" s="53">
        <f t="shared" si="0"/>
        <v>22</v>
      </c>
      <c r="B34" s="239">
        <v>0.16400000000000001</v>
      </c>
      <c r="C34" s="3">
        <f t="shared" si="1"/>
        <v>0.157</v>
      </c>
      <c r="D34" s="239">
        <v>1.11E-2</v>
      </c>
      <c r="E34" s="239">
        <v>6.9999999999999999E-4</v>
      </c>
      <c r="F34" s="239">
        <v>-1.6999999999999999E-3</v>
      </c>
      <c r="G34">
        <f t="shared" si="2"/>
        <v>1.076E-2</v>
      </c>
      <c r="H34" s="235">
        <f t="shared" si="3"/>
        <v>6.5055762081784385</v>
      </c>
      <c r="I34" s="236">
        <f t="shared" si="4"/>
        <v>11.054838806618314</v>
      </c>
      <c r="J34" s="237">
        <f t="shared" si="9"/>
        <v>1.0548388066183136</v>
      </c>
      <c r="K34" s="237">
        <f t="shared" si="5"/>
        <v>1.7356096926390752</v>
      </c>
      <c r="L34" s="237">
        <f t="shared" si="10"/>
        <v>0.17299356428540344</v>
      </c>
      <c r="M34" s="236">
        <f t="shared" si="6"/>
        <v>52.166046434378075</v>
      </c>
      <c r="N34" s="236">
        <f t="shared" si="7"/>
        <v>7.7567567022121251</v>
      </c>
      <c r="O34" s="236">
        <f t="shared" si="11"/>
        <v>2.7426993105968092</v>
      </c>
      <c r="P34" s="236" t="str">
        <f t="shared" si="12"/>
        <v>CLAY</v>
      </c>
      <c r="Q34" s="236">
        <f t="shared" si="8"/>
        <v>0.75203252561341039</v>
      </c>
      <c r="R34" s="238">
        <v>35</v>
      </c>
      <c r="S34" s="236">
        <f t="shared" si="13"/>
        <v>35.048942037158128</v>
      </c>
      <c r="T34" s="236" t="e">
        <f t="shared" si="14"/>
        <v>#N/A</v>
      </c>
    </row>
    <row r="35" spans="1:37" x14ac:dyDescent="0.2">
      <c r="A35" s="53">
        <f t="shared" si="0"/>
        <v>23</v>
      </c>
      <c r="B35" s="239">
        <v>0.17199999999999999</v>
      </c>
      <c r="C35" s="3">
        <f t="shared" si="1"/>
        <v>0.16499999999999998</v>
      </c>
      <c r="D35" s="239">
        <v>1.2500000000000001E-2</v>
      </c>
      <c r="E35" s="239">
        <v>5.9999999999999995E-4</v>
      </c>
      <c r="F35" s="239">
        <v>-1.1000000000000001E-3</v>
      </c>
      <c r="G35">
        <f t="shared" si="2"/>
        <v>1.2280000000000001E-2</v>
      </c>
      <c r="H35" s="235">
        <f t="shared" si="3"/>
        <v>4.885993485342019</v>
      </c>
      <c r="I35" s="236">
        <f t="shared" si="4"/>
        <v>10.925729960542958</v>
      </c>
      <c r="J35" s="237">
        <f t="shared" si="9"/>
        <v>0.92572996054295764</v>
      </c>
      <c r="K35" s="237">
        <f t="shared" si="5"/>
        <v>1.8027454434895878</v>
      </c>
      <c r="L35" s="237">
        <f t="shared" si="10"/>
        <v>0.15922555321338872</v>
      </c>
      <c r="M35" s="236">
        <f t="shared" si="6"/>
        <v>65.801338698877998</v>
      </c>
      <c r="N35" s="236">
        <f t="shared" si="7"/>
        <v>5.7266910597983776</v>
      </c>
      <c r="O35" s="236">
        <f t="shared" si="11"/>
        <v>2.5769035240944849</v>
      </c>
      <c r="P35" s="236" t="str">
        <f t="shared" si="12"/>
        <v>SAND</v>
      </c>
      <c r="Q35" s="236" t="e">
        <f t="shared" si="8"/>
        <v>#N/A</v>
      </c>
      <c r="R35" s="238">
        <v>35</v>
      </c>
      <c r="S35" s="236" t="e">
        <f t="shared" si="13"/>
        <v>#N/A</v>
      </c>
      <c r="T35" s="236">
        <f t="shared" si="14"/>
        <v>37.600582021544348</v>
      </c>
      <c r="AK35" s="3" t="s">
        <v>329</v>
      </c>
    </row>
    <row r="36" spans="1:37" x14ac:dyDescent="0.2">
      <c r="A36" s="53">
        <f t="shared" si="0"/>
        <v>24</v>
      </c>
      <c r="B36" s="239">
        <v>0.17899999999999999</v>
      </c>
      <c r="C36" s="3">
        <f t="shared" si="1"/>
        <v>0.17199999999999999</v>
      </c>
      <c r="D36" s="239">
        <v>1.35E-2</v>
      </c>
      <c r="E36" s="239">
        <v>5.9999999999999995E-4</v>
      </c>
      <c r="F36" s="239">
        <v>-4.0000000000000002E-4</v>
      </c>
      <c r="G36">
        <f t="shared" si="2"/>
        <v>1.342E-2</v>
      </c>
      <c r="H36" s="235">
        <f t="shared" si="3"/>
        <v>4.4709388971684048</v>
      </c>
      <c r="I36" s="236">
        <f t="shared" si="4"/>
        <v>10.960428694668</v>
      </c>
      <c r="J36" s="237">
        <f t="shared" si="9"/>
        <v>0.96042869466799985</v>
      </c>
      <c r="K36" s="237">
        <f t="shared" si="5"/>
        <v>1.8851937354828958</v>
      </c>
      <c r="L36" s="237">
        <f t="shared" si="10"/>
        <v>0.17191673634557197</v>
      </c>
      <c r="M36" s="236">
        <f t="shared" si="6"/>
        <v>67.095307354665266</v>
      </c>
      <c r="N36" s="236">
        <f t="shared" si="7"/>
        <v>5.2016478321417088</v>
      </c>
      <c r="O36" s="236">
        <f t="shared" si="11"/>
        <v>2.5395083111951964</v>
      </c>
      <c r="P36" s="236" t="str">
        <f t="shared" si="12"/>
        <v>SAND</v>
      </c>
      <c r="Q36" s="236" t="e">
        <f t="shared" si="8"/>
        <v>#N/A</v>
      </c>
      <c r="R36" s="238">
        <v>35</v>
      </c>
      <c r="S36" s="236" t="e">
        <f t="shared" si="13"/>
        <v>#N/A</v>
      </c>
      <c r="T36" s="236">
        <f t="shared" si="14"/>
        <v>37.693613613458709</v>
      </c>
      <c r="V36" s="3" t="s">
        <v>329</v>
      </c>
      <c r="AK36">
        <v>35</v>
      </c>
    </row>
    <row r="37" spans="1:37" x14ac:dyDescent="0.2">
      <c r="A37" s="53">
        <f t="shared" si="0"/>
        <v>25</v>
      </c>
      <c r="B37" s="239">
        <v>0.186</v>
      </c>
      <c r="C37" s="3">
        <f t="shared" si="1"/>
        <v>0.17899999999999999</v>
      </c>
      <c r="D37" s="239">
        <v>1.38E-2</v>
      </c>
      <c r="E37" s="239">
        <v>5.9999999999999995E-4</v>
      </c>
      <c r="F37" s="239">
        <v>1.1999999999999999E-3</v>
      </c>
      <c r="G37">
        <f t="shared" si="2"/>
        <v>1.404E-2</v>
      </c>
      <c r="H37" s="235">
        <f t="shared" si="3"/>
        <v>4.2735042735042725</v>
      </c>
      <c r="I37" s="236">
        <f t="shared" si="4"/>
        <v>10.978081827432733</v>
      </c>
      <c r="J37" s="237">
        <f t="shared" si="9"/>
        <v>0.97808182743273342</v>
      </c>
      <c r="K37" s="237">
        <f t="shared" si="5"/>
        <v>1.9650766471104593</v>
      </c>
      <c r="L37" s="237">
        <f t="shared" si="10"/>
        <v>0.18192321990248841</v>
      </c>
      <c r="M37" s="236">
        <f t="shared" si="6"/>
        <v>66.373733706789878</v>
      </c>
      <c r="N37" s="236">
        <f t="shared" si="7"/>
        <v>4.9689756403830039</v>
      </c>
      <c r="O37" s="236">
        <f t="shared" si="11"/>
        <v>2.527448332377821</v>
      </c>
      <c r="P37" s="236" t="str">
        <f t="shared" si="12"/>
        <v>SAND</v>
      </c>
      <c r="Q37" s="236" t="e">
        <f t="shared" si="8"/>
        <v>#N/A</v>
      </c>
      <c r="R37" s="238">
        <v>35</v>
      </c>
      <c r="S37" s="236" t="e">
        <f t="shared" si="13"/>
        <v>#N/A</v>
      </c>
      <c r="T37" s="236">
        <f t="shared" si="14"/>
        <v>37.641958734594645</v>
      </c>
      <c r="V37">
        <v>700</v>
      </c>
      <c r="AK37">
        <v>35</v>
      </c>
    </row>
    <row r="38" spans="1:37" x14ac:dyDescent="0.2">
      <c r="A38" s="53">
        <f t="shared" si="0"/>
        <v>26</v>
      </c>
      <c r="B38" s="239">
        <v>0.19500000000000001</v>
      </c>
      <c r="C38" s="3">
        <f t="shared" si="1"/>
        <v>0.188</v>
      </c>
      <c r="D38" s="239">
        <v>1.38E-2</v>
      </c>
      <c r="E38" s="239">
        <v>6.9999999999999999E-4</v>
      </c>
      <c r="F38" s="239">
        <v>2.3E-3</v>
      </c>
      <c r="G38">
        <f t="shared" si="2"/>
        <v>1.426E-2</v>
      </c>
      <c r="H38" s="235">
        <f t="shared" si="3"/>
        <v>4.9088359046283312</v>
      </c>
      <c r="I38" s="236">
        <f t="shared" si="4"/>
        <v>11.164915335385242</v>
      </c>
      <c r="J38" s="237">
        <f t="shared" si="9"/>
        <v>1.1649153353852419</v>
      </c>
      <c r="K38" s="237">
        <f t="shared" si="5"/>
        <v>2.0990040830524257</v>
      </c>
      <c r="L38" s="237">
        <f t="shared" si="10"/>
        <v>0.22715849040012218</v>
      </c>
      <c r="M38" s="236">
        <f t="shared" si="6"/>
        <v>53.535291133194789</v>
      </c>
      <c r="N38" s="236">
        <f t="shared" si="7"/>
        <v>5.756107516033941</v>
      </c>
      <c r="O38" s="236">
        <f t="shared" si="11"/>
        <v>2.6369005502534426</v>
      </c>
      <c r="P38" s="236" t="str">
        <f t="shared" si="12"/>
        <v>CLAY</v>
      </c>
      <c r="Q38" s="236">
        <f t="shared" si="8"/>
        <v>1.0134163264122977</v>
      </c>
      <c r="R38" s="238">
        <v>35</v>
      </c>
      <c r="S38" s="236">
        <f t="shared" si="13"/>
        <v>36.202638162910176</v>
      </c>
      <c r="T38" s="236" t="e">
        <f t="shared" si="14"/>
        <v>#N/A</v>
      </c>
      <c r="V38">
        <v>200</v>
      </c>
    </row>
    <row r="39" spans="1:37" x14ac:dyDescent="0.2">
      <c r="A39" s="53">
        <f t="shared" si="0"/>
        <v>27</v>
      </c>
      <c r="B39" s="239">
        <v>0.20200000000000001</v>
      </c>
      <c r="C39" s="3">
        <f t="shared" si="1"/>
        <v>0.19500000000000001</v>
      </c>
      <c r="D39" s="239">
        <v>1.3599999999999999E-2</v>
      </c>
      <c r="E39" s="239">
        <v>6.9999999999999999E-4</v>
      </c>
      <c r="F39" s="239">
        <v>2.8999999999999998E-3</v>
      </c>
      <c r="G39">
        <f t="shared" si="2"/>
        <v>1.4179999999999998E-2</v>
      </c>
      <c r="H39" s="235">
        <f t="shared" si="3"/>
        <v>4.9365303244005645</v>
      </c>
      <c r="I39" s="236">
        <f t="shared" si="4"/>
        <v>11.162716370183324</v>
      </c>
      <c r="J39" s="237">
        <f t="shared" si="9"/>
        <v>1.1627163701833236</v>
      </c>
      <c r="K39" s="237">
        <f t="shared" si="5"/>
        <v>2.1767296921857482</v>
      </c>
      <c r="L39" s="237">
        <f t="shared" si="10"/>
        <v>0.23486870677703139</v>
      </c>
      <c r="M39" s="236">
        <f t="shared" si="6"/>
        <v>51.106298802119049</v>
      </c>
      <c r="N39" s="236">
        <f t="shared" si="7"/>
        <v>5.831744033493047</v>
      </c>
      <c r="O39" s="236">
        <f t="shared" si="11"/>
        <v>2.6544995447670852</v>
      </c>
      <c r="P39" s="236" t="str">
        <f t="shared" si="12"/>
        <v>CLAY</v>
      </c>
      <c r="Q39" s="236">
        <f t="shared" si="8"/>
        <v>1.0002725256511875</v>
      </c>
      <c r="R39" s="238">
        <v>35</v>
      </c>
      <c r="S39" s="236">
        <f t="shared" si="13"/>
        <v>34.161194331781182</v>
      </c>
      <c r="T39" s="236" t="e">
        <f t="shared" si="14"/>
        <v>#N/A</v>
      </c>
      <c r="AK39" s="3" t="s">
        <v>94</v>
      </c>
    </row>
    <row r="40" spans="1:37" x14ac:dyDescent="0.2">
      <c r="A40" s="53">
        <f t="shared" si="0"/>
        <v>28</v>
      </c>
      <c r="B40" s="239">
        <v>0.20899999999999999</v>
      </c>
      <c r="C40" s="3">
        <f t="shared" si="1"/>
        <v>0.20199999999999999</v>
      </c>
      <c r="D40" s="239">
        <v>1.34E-2</v>
      </c>
      <c r="E40" s="239">
        <v>6.9999999999999999E-4</v>
      </c>
      <c r="F40" s="239">
        <v>3.0000000000000001E-3</v>
      </c>
      <c r="G40">
        <f t="shared" si="2"/>
        <v>1.4E-2</v>
      </c>
      <c r="H40" s="235">
        <f t="shared" si="3"/>
        <v>5</v>
      </c>
      <c r="I40" s="236">
        <f t="shared" si="4"/>
        <v>11.157722994531394</v>
      </c>
      <c r="J40" s="237">
        <f t="shared" si="9"/>
        <v>1.1577229945313938</v>
      </c>
      <c r="K40" s="237">
        <f t="shared" si="5"/>
        <v>2.2538600448953412</v>
      </c>
      <c r="L40" s="237">
        <f t="shared" si="10"/>
        <v>0.2419641058570613</v>
      </c>
      <c r="M40" s="236">
        <f t="shared" si="6"/>
        <v>48.544968740295779</v>
      </c>
      <c r="N40" s="236">
        <f t="shared" si="7"/>
        <v>5.9594045590763853</v>
      </c>
      <c r="O40" s="236">
        <f t="shared" si="11"/>
        <v>2.676373649396635</v>
      </c>
      <c r="P40" s="236" t="str">
        <f t="shared" si="12"/>
        <v>CLAY</v>
      </c>
      <c r="Q40" s="236">
        <f t="shared" si="8"/>
        <v>0.97884499625872168</v>
      </c>
      <c r="R40" s="238">
        <v>35</v>
      </c>
      <c r="S40" s="236">
        <f t="shared" si="13"/>
        <v>32.034672680883446</v>
      </c>
      <c r="T40" s="236" t="e">
        <f t="shared" si="14"/>
        <v>#N/A</v>
      </c>
      <c r="V40" s="3" t="s">
        <v>94</v>
      </c>
      <c r="AK40">
        <v>0</v>
      </c>
    </row>
    <row r="41" spans="1:37" x14ac:dyDescent="0.2">
      <c r="A41" s="53">
        <f t="shared" si="0"/>
        <v>29</v>
      </c>
      <c r="B41" s="239">
        <v>0.217</v>
      </c>
      <c r="C41" s="3">
        <f t="shared" si="1"/>
        <v>0.21</v>
      </c>
      <c r="D41" s="239">
        <v>1.1599999999999999E-2</v>
      </c>
      <c r="E41" s="239">
        <v>8.0000000000000004E-4</v>
      </c>
      <c r="F41" s="239">
        <v>3.5999999999999999E-3</v>
      </c>
      <c r="G41">
        <f t="shared" si="2"/>
        <v>1.2319999999999999E-2</v>
      </c>
      <c r="H41" s="235">
        <f t="shared" si="3"/>
        <v>6.4935064935064943</v>
      </c>
      <c r="I41" s="236">
        <f t="shared" si="4"/>
        <v>11.264335656306299</v>
      </c>
      <c r="J41" s="237">
        <f t="shared" si="9"/>
        <v>1.2643356563062991</v>
      </c>
      <c r="K41" s="237">
        <f t="shared" si="5"/>
        <v>2.3655104878243227</v>
      </c>
      <c r="L41" s="237">
        <f t="shared" si="10"/>
        <v>0.2743608374184669</v>
      </c>
      <c r="M41" s="236">
        <f t="shared" si="6"/>
        <v>36.282472403277673</v>
      </c>
      <c r="N41" s="236">
        <f t="shared" si="7"/>
        <v>8.0365748441594391</v>
      </c>
      <c r="O41" s="236">
        <f t="shared" si="11"/>
        <v>2.8574787422899539</v>
      </c>
      <c r="P41" s="236" t="str">
        <f t="shared" si="12"/>
        <v>CLAY</v>
      </c>
      <c r="Q41" s="236">
        <f t="shared" si="8"/>
        <v>0.82954079268130643</v>
      </c>
      <c r="R41" s="238">
        <v>35</v>
      </c>
      <c r="S41" s="236">
        <f t="shared" si="13"/>
        <v>22.261842235396845</v>
      </c>
      <c r="T41" s="236" t="e">
        <f t="shared" si="14"/>
        <v>#N/A</v>
      </c>
      <c r="V41">
        <v>44</v>
      </c>
      <c r="AK41">
        <v>74</v>
      </c>
    </row>
    <row r="42" spans="1:37" x14ac:dyDescent="0.2">
      <c r="A42" s="53">
        <f t="shared" si="0"/>
        <v>30</v>
      </c>
      <c r="B42" s="239">
        <v>0.224</v>
      </c>
      <c r="C42" s="3">
        <f t="shared" si="1"/>
        <v>0.217</v>
      </c>
      <c r="D42" s="239">
        <v>1.2200000000000001E-2</v>
      </c>
      <c r="E42" s="239">
        <v>6.9999999999999999E-4</v>
      </c>
      <c r="F42" s="239">
        <v>3.5999999999999999E-3</v>
      </c>
      <c r="G42">
        <f t="shared" si="2"/>
        <v>1.2920000000000001E-2</v>
      </c>
      <c r="H42" s="235">
        <f t="shared" si="3"/>
        <v>5.4179566563467487</v>
      </c>
      <c r="I42" s="236">
        <f t="shared" si="4"/>
        <v>11.12634402471414</v>
      </c>
      <c r="J42" s="237">
        <f t="shared" si="9"/>
        <v>1.1263440247141396</v>
      </c>
      <c r="K42" s="237">
        <f t="shared" si="5"/>
        <v>2.4144166533629683</v>
      </c>
      <c r="L42" s="237">
        <f t="shared" si="10"/>
        <v>0.25230106153596726</v>
      </c>
      <c r="M42" s="236">
        <f t="shared" si="6"/>
        <v>41.63907707197415</v>
      </c>
      <c r="N42" s="236">
        <f t="shared" si="7"/>
        <v>6.6631235687076682</v>
      </c>
      <c r="O42" s="236">
        <f t="shared" si="11"/>
        <v>2.7569848428589347</v>
      </c>
      <c r="P42" s="236" t="str">
        <f t="shared" si="12"/>
        <v>CLAY</v>
      </c>
      <c r="Q42" s="236">
        <f t="shared" si="8"/>
        <v>0.87546527888641945</v>
      </c>
      <c r="R42" s="238">
        <v>35</v>
      </c>
      <c r="S42" s="236">
        <f t="shared" si="13"/>
        <v>26.443344149673827</v>
      </c>
      <c r="T42" s="236" t="e">
        <f t="shared" si="14"/>
        <v>#N/A</v>
      </c>
      <c r="V42">
        <v>53</v>
      </c>
    </row>
    <row r="43" spans="1:37" x14ac:dyDescent="0.2">
      <c r="A43" s="53">
        <f t="shared" si="0"/>
        <v>31</v>
      </c>
      <c r="B43" s="239">
        <v>0.23100000000000001</v>
      </c>
      <c r="C43" s="3">
        <f t="shared" si="1"/>
        <v>0.224</v>
      </c>
      <c r="D43" s="239">
        <v>1.2500000000000001E-2</v>
      </c>
      <c r="E43" s="239">
        <v>6.9999999999999999E-4</v>
      </c>
      <c r="F43" s="239">
        <v>2.8E-3</v>
      </c>
      <c r="G43">
        <f t="shared" si="2"/>
        <v>1.306E-2</v>
      </c>
      <c r="H43" s="235">
        <f t="shared" si="3"/>
        <v>5.3598774885145479</v>
      </c>
      <c r="I43" s="236">
        <f t="shared" si="4"/>
        <v>11.13055662166613</v>
      </c>
      <c r="J43" s="237">
        <f t="shared" si="9"/>
        <v>1.1305566216661305</v>
      </c>
      <c r="K43" s="237">
        <f t="shared" si="5"/>
        <v>2.4932446832532134</v>
      </c>
      <c r="L43" s="237">
        <f t="shared" si="10"/>
        <v>0.26115857960487615</v>
      </c>
      <c r="M43" s="236">
        <f t="shared" si="6"/>
        <v>40.461069028380841</v>
      </c>
      <c r="N43" s="236">
        <f t="shared" si="7"/>
        <v>6.6245501009245533</v>
      </c>
      <c r="O43" s="236">
        <f t="shared" si="11"/>
        <v>2.7635030717935951</v>
      </c>
      <c r="P43" s="236" t="str">
        <f t="shared" si="12"/>
        <v>CLAY</v>
      </c>
      <c r="Q43" s="236">
        <f t="shared" si="8"/>
        <v>0.88056294306223226</v>
      </c>
      <c r="R43" s="238">
        <v>35</v>
      </c>
      <c r="S43" s="236">
        <f t="shared" si="13"/>
        <v>25.511541444627227</v>
      </c>
      <c r="T43" s="236" t="e">
        <f t="shared" si="14"/>
        <v>#N/A</v>
      </c>
    </row>
    <row r="44" spans="1:37" x14ac:dyDescent="0.2">
      <c r="A44" s="53">
        <f t="shared" si="0"/>
        <v>32</v>
      </c>
      <c r="B44" s="239">
        <v>0.23899999999999999</v>
      </c>
      <c r="C44" s="3">
        <f t="shared" si="1"/>
        <v>0.23199999999999998</v>
      </c>
      <c r="D44" s="239">
        <v>1.26E-2</v>
      </c>
      <c r="E44" s="239">
        <v>6.9999999999999999E-4</v>
      </c>
      <c r="F44" s="239">
        <v>3.0000000000000001E-3</v>
      </c>
      <c r="G44">
        <f t="shared" si="2"/>
        <v>1.32E-2</v>
      </c>
      <c r="H44" s="235">
        <f t="shared" si="3"/>
        <v>5.3030303030303028</v>
      </c>
      <c r="I44" s="236">
        <f t="shared" si="4"/>
        <v>11.134724300506244</v>
      </c>
      <c r="J44" s="237">
        <f t="shared" si="9"/>
        <v>1.1347243005062442</v>
      </c>
      <c r="K44" s="237">
        <f t="shared" si="5"/>
        <v>2.5832560377174483</v>
      </c>
      <c r="L44" s="237">
        <f t="shared" si="10"/>
        <v>0.27119910782099232</v>
      </c>
      <c r="M44" s="236">
        <f t="shared" si="6"/>
        <v>39.147414781652749</v>
      </c>
      <c r="N44" s="236">
        <f t="shared" si="7"/>
        <v>6.5933585898543523</v>
      </c>
      <c r="O44" s="236">
        <f t="shared" si="11"/>
        <v>2.7716781588785411</v>
      </c>
      <c r="P44" s="236" t="str">
        <f t="shared" si="12"/>
        <v>CLAY</v>
      </c>
      <c r="Q44" s="236">
        <f t="shared" si="8"/>
        <v>0.88472866352354596</v>
      </c>
      <c r="R44" s="238">
        <v>35</v>
      </c>
      <c r="S44" s="236">
        <f t="shared" si="13"/>
        <v>24.480420189679403</v>
      </c>
      <c r="T44" s="236" t="e">
        <f t="shared" si="14"/>
        <v>#N/A</v>
      </c>
    </row>
    <row r="45" spans="1:37" x14ac:dyDescent="0.2">
      <c r="A45" s="53">
        <f t="shared" si="0"/>
        <v>33</v>
      </c>
      <c r="B45" s="239">
        <v>0.246</v>
      </c>
      <c r="C45" s="3">
        <f t="shared" si="1"/>
        <v>0.23899999999999999</v>
      </c>
      <c r="D45" s="239">
        <v>1.3599999999999999E-2</v>
      </c>
      <c r="E45" s="239">
        <v>6.9999999999999999E-4</v>
      </c>
      <c r="F45" s="239">
        <v>4.4000000000000003E-3</v>
      </c>
      <c r="G45">
        <f t="shared" si="2"/>
        <v>1.448E-2</v>
      </c>
      <c r="H45" s="235">
        <f t="shared" si="3"/>
        <v>4.834254143646409</v>
      </c>
      <c r="I45" s="236">
        <f t="shared" si="4"/>
        <v>11.170899468095996</v>
      </c>
      <c r="J45" s="237">
        <f t="shared" si="9"/>
        <v>1.1708994680959961</v>
      </c>
      <c r="K45" s="237">
        <f t="shared" si="5"/>
        <v>2.6698449728749432</v>
      </c>
      <c r="L45" s="237">
        <f t="shared" si="10"/>
        <v>0.28804126915161504</v>
      </c>
      <c r="M45" s="236">
        <f t="shared" si="6"/>
        <v>41.00160738046393</v>
      </c>
      <c r="N45" s="236">
        <f t="shared" si="7"/>
        <v>5.9271025519332294</v>
      </c>
      <c r="O45" s="236">
        <f t="shared" si="11"/>
        <v>2.7240795800385</v>
      </c>
      <c r="P45" s="236" t="str">
        <f t="shared" si="12"/>
        <v>CLAY</v>
      </c>
      <c r="Q45" s="236">
        <f t="shared" si="8"/>
        <v>0.98417958559375485</v>
      </c>
      <c r="R45" s="238">
        <v>35</v>
      </c>
      <c r="S45" s="236">
        <f t="shared" si="13"/>
        <v>25.938276290150306</v>
      </c>
      <c r="T45" s="236" t="e">
        <f t="shared" si="14"/>
        <v>#N/A</v>
      </c>
    </row>
    <row r="46" spans="1:37" x14ac:dyDescent="0.2">
      <c r="A46" s="53">
        <f t="shared" si="0"/>
        <v>34</v>
      </c>
      <c r="B46" s="239">
        <v>0.254</v>
      </c>
      <c r="C46" s="3">
        <f t="shared" si="1"/>
        <v>0.247</v>
      </c>
      <c r="D46" s="239">
        <v>1.5299999999999999E-2</v>
      </c>
      <c r="E46" s="239">
        <v>6.9999999999999999E-4</v>
      </c>
      <c r="F46" s="239">
        <v>4.5999999999999999E-3</v>
      </c>
      <c r="G46">
        <f t="shared" si="2"/>
        <v>1.6219999999999998E-2</v>
      </c>
      <c r="H46" s="235">
        <f t="shared" si="3"/>
        <v>4.3156596794081379</v>
      </c>
      <c r="I46" s="236">
        <f t="shared" si="4"/>
        <v>11.215253527308604</v>
      </c>
      <c r="J46" s="237">
        <f t="shared" si="9"/>
        <v>1.2152535273086045</v>
      </c>
      <c r="K46" s="237">
        <f t="shared" si="5"/>
        <v>2.7701676212452253</v>
      </c>
      <c r="L46" s="237">
        <f t="shared" si="10"/>
        <v>0.30867439593638551</v>
      </c>
      <c r="M46" s="236">
        <f t="shared" si="6"/>
        <v>43.572879888381287</v>
      </c>
      <c r="N46" s="236">
        <f t="shared" si="7"/>
        <v>5.2045258281858828</v>
      </c>
      <c r="O46" s="236">
        <f t="shared" si="11"/>
        <v>2.6648341623300777</v>
      </c>
      <c r="P46" s="236" t="str">
        <f t="shared" si="12"/>
        <v>CLAY</v>
      </c>
      <c r="Q46" s="236">
        <f t="shared" si="8"/>
        <v>1.1208193648962312</v>
      </c>
      <c r="R46" s="238">
        <v>35</v>
      </c>
      <c r="S46" s="236">
        <f t="shared" si="13"/>
        <v>27.987257261100051</v>
      </c>
      <c r="T46" s="236" t="e">
        <f t="shared" si="14"/>
        <v>#N/A</v>
      </c>
    </row>
    <row r="47" spans="1:37" x14ac:dyDescent="0.2">
      <c r="A47" s="53">
        <f t="shared" si="0"/>
        <v>35</v>
      </c>
      <c r="B47" s="239">
        <v>0.26100000000000001</v>
      </c>
      <c r="C47" s="3">
        <f t="shared" si="1"/>
        <v>0.254</v>
      </c>
      <c r="D47" s="239">
        <v>1.7899999999999999E-2</v>
      </c>
      <c r="E47" s="239">
        <v>5.9999999999999995E-4</v>
      </c>
      <c r="F47" s="239">
        <v>4.8999999999999998E-3</v>
      </c>
      <c r="G47">
        <f t="shared" si="2"/>
        <v>1.8879999999999997E-2</v>
      </c>
      <c r="H47" s="235">
        <f t="shared" si="3"/>
        <v>3.1779661016949152</v>
      </c>
      <c r="I47" s="236">
        <f t="shared" si="4"/>
        <v>11.093853221384169</v>
      </c>
      <c r="J47" s="237">
        <f t="shared" si="9"/>
        <v>1.093853221384169</v>
      </c>
      <c r="K47" s="237">
        <f t="shared" si="5"/>
        <v>2.8178387182315792</v>
      </c>
      <c r="L47" s="237">
        <f t="shared" si="10"/>
        <v>0.28549569078126813</v>
      </c>
      <c r="M47" s="236">
        <f t="shared" si="6"/>
        <v>56.260608479987205</v>
      </c>
      <c r="N47" s="236">
        <f t="shared" si="7"/>
        <v>3.7354873324615312</v>
      </c>
      <c r="O47" s="236">
        <f t="shared" si="11"/>
        <v>2.4839898448214726</v>
      </c>
      <c r="P47" s="236" t="str">
        <f t="shared" si="12"/>
        <v>SAND</v>
      </c>
      <c r="Q47" s="236" t="e">
        <f t="shared" si="8"/>
        <v>#N/A</v>
      </c>
      <c r="R47" s="238">
        <v>35</v>
      </c>
      <c r="S47" s="236" t="e">
        <f t="shared" si="13"/>
        <v>#N/A</v>
      </c>
      <c r="T47" s="236">
        <f t="shared" si="14"/>
        <v>36.852248674069628</v>
      </c>
    </row>
    <row r="48" spans="1:37" x14ac:dyDescent="0.2">
      <c r="A48" s="53">
        <f t="shared" si="0"/>
        <v>36</v>
      </c>
      <c r="B48" s="239">
        <v>0.26900000000000002</v>
      </c>
      <c r="C48" s="3">
        <f t="shared" si="1"/>
        <v>0.26200000000000001</v>
      </c>
      <c r="D48" s="239">
        <v>2.0899999999999998E-2</v>
      </c>
      <c r="E48" s="239">
        <v>6.9999999999999999E-4</v>
      </c>
      <c r="F48" s="239">
        <v>5.4000000000000003E-3</v>
      </c>
      <c r="G48">
        <f t="shared" si="2"/>
        <v>2.198E-2</v>
      </c>
      <c r="H48" s="235">
        <f t="shared" si="3"/>
        <v>3.1847133757961785</v>
      </c>
      <c r="I48" s="236">
        <f t="shared" si="4"/>
        <v>11.334032681699703</v>
      </c>
      <c r="J48" s="237">
        <f t="shared" si="9"/>
        <v>1.3340326816997035</v>
      </c>
      <c r="K48" s="237">
        <f t="shared" si="5"/>
        <v>2.9695165626053224</v>
      </c>
      <c r="L48" s="237">
        <f t="shared" si="10"/>
        <v>0.35885479137722026</v>
      </c>
      <c r="M48" s="236">
        <f t="shared" si="6"/>
        <v>52.975420404548196</v>
      </c>
      <c r="N48" s="236">
        <f t="shared" si="7"/>
        <v>3.6821788478196247</v>
      </c>
      <c r="O48" s="236">
        <f t="shared" si="11"/>
        <v>2.4976842870117926</v>
      </c>
      <c r="P48" s="236" t="str">
        <f t="shared" si="12"/>
        <v>SAND</v>
      </c>
      <c r="Q48" s="236" t="e">
        <f t="shared" si="8"/>
        <v>#N/A</v>
      </c>
      <c r="R48" s="238">
        <v>35</v>
      </c>
      <c r="S48" s="236" t="e">
        <f t="shared" si="13"/>
        <v>#N/A</v>
      </c>
      <c r="T48" s="236">
        <f t="shared" si="14"/>
        <v>36.56481853077625</v>
      </c>
    </row>
    <row r="49" spans="1:20" x14ac:dyDescent="0.2">
      <c r="A49" s="53">
        <f t="shared" si="0"/>
        <v>37</v>
      </c>
      <c r="B49" s="239">
        <v>0.27600000000000002</v>
      </c>
      <c r="C49" s="3">
        <f t="shared" si="1"/>
        <v>0.26900000000000002</v>
      </c>
      <c r="D49" s="239">
        <v>2.3800000000000002E-2</v>
      </c>
      <c r="E49" s="239">
        <v>6.9999999999999999E-4</v>
      </c>
      <c r="F49" s="239">
        <v>6.0000000000000001E-3</v>
      </c>
      <c r="G49">
        <f t="shared" si="2"/>
        <v>2.5000000000000001E-2</v>
      </c>
      <c r="H49" s="235">
        <f t="shared" si="3"/>
        <v>2.8</v>
      </c>
      <c r="I49" s="236">
        <f t="shared" si="4"/>
        <v>11.384353770225815</v>
      </c>
      <c r="J49" s="237">
        <f t="shared" si="9"/>
        <v>1.3843537702258146</v>
      </c>
      <c r="K49" s="237">
        <f t="shared" si="5"/>
        <v>3.0623911641907444</v>
      </c>
      <c r="L49" s="237">
        <f t="shared" si="10"/>
        <v>0.38208164058232486</v>
      </c>
      <c r="M49" s="236">
        <f t="shared" si="6"/>
        <v>57.416024497734249</v>
      </c>
      <c r="N49" s="236">
        <f t="shared" si="7"/>
        <v>3.1908673604270583</v>
      </c>
      <c r="O49" s="236">
        <f t="shared" si="11"/>
        <v>2.4288410926490913</v>
      </c>
      <c r="P49" s="236" t="str">
        <f t="shared" si="12"/>
        <v>SAND</v>
      </c>
      <c r="Q49" s="236" t="e">
        <f t="shared" si="8"/>
        <v>#N/A</v>
      </c>
      <c r="R49" s="238">
        <v>35</v>
      </c>
      <c r="S49" s="236" t="e">
        <f t="shared" si="13"/>
        <v>#N/A</v>
      </c>
      <c r="T49" s="236">
        <f t="shared" si="14"/>
        <v>36.949364303775234</v>
      </c>
    </row>
    <row r="50" spans="1:20" x14ac:dyDescent="0.2">
      <c r="A50" s="53">
        <f t="shared" si="0"/>
        <v>38</v>
      </c>
      <c r="B50" s="239">
        <v>0.28399999999999997</v>
      </c>
      <c r="C50" s="3">
        <f t="shared" si="1"/>
        <v>0.27699999999999997</v>
      </c>
      <c r="D50" s="239">
        <v>2.6200000000000001E-2</v>
      </c>
      <c r="E50" s="239">
        <v>6.9999999999999999E-4</v>
      </c>
      <c r="F50" s="239">
        <v>7.0000000000000001E-3</v>
      </c>
      <c r="G50">
        <f t="shared" si="2"/>
        <v>2.76E-2</v>
      </c>
      <c r="H50" s="235">
        <f t="shared" si="3"/>
        <v>2.5362318840579712</v>
      </c>
      <c r="I50" s="236">
        <f t="shared" si="4"/>
        <v>11.423025936279675</v>
      </c>
      <c r="J50" s="237">
        <f t="shared" si="9"/>
        <v>1.4230259362796751</v>
      </c>
      <c r="K50" s="237">
        <f t="shared" si="5"/>
        <v>3.1641781843494696</v>
      </c>
      <c r="L50" s="237">
        <f t="shared" si="10"/>
        <v>0.40413936590342769</v>
      </c>
      <c r="M50" s="236">
        <f t="shared" si="6"/>
        <v>60.463849546123306</v>
      </c>
      <c r="N50" s="236">
        <f t="shared" si="7"/>
        <v>2.8646468503533926</v>
      </c>
      <c r="O50" s="236">
        <f t="shared" si="11"/>
        <v>2.3798348464147443</v>
      </c>
      <c r="P50" s="236" t="str">
        <f t="shared" si="12"/>
        <v>SAND</v>
      </c>
      <c r="Q50" s="236" t="e">
        <f t="shared" si="8"/>
        <v>#N/A</v>
      </c>
      <c r="R50" s="238">
        <v>35</v>
      </c>
      <c r="S50" s="236" t="e">
        <f t="shared" si="13"/>
        <v>#N/A</v>
      </c>
      <c r="T50" s="236">
        <f t="shared" si="14"/>
        <v>37.196453732979847</v>
      </c>
    </row>
    <row r="51" spans="1:20" x14ac:dyDescent="0.2">
      <c r="A51" s="53">
        <f t="shared" si="0"/>
        <v>39</v>
      </c>
      <c r="B51" s="239">
        <v>0.29099999999999998</v>
      </c>
      <c r="C51" s="3">
        <f t="shared" si="1"/>
        <v>0.28399999999999997</v>
      </c>
      <c r="D51" s="239">
        <v>2.7099999999999999E-2</v>
      </c>
      <c r="E51" s="239">
        <v>8.0000000000000004E-4</v>
      </c>
      <c r="F51" s="239">
        <v>9.7000000000000003E-3</v>
      </c>
      <c r="G51">
        <f t="shared" si="2"/>
        <v>2.904E-2</v>
      </c>
      <c r="H51" s="235">
        <f t="shared" si="3"/>
        <v>2.7548209366391188</v>
      </c>
      <c r="I51" s="236">
        <f t="shared" si="4"/>
        <v>11.599482970085987</v>
      </c>
      <c r="J51" s="237">
        <f t="shared" si="9"/>
        <v>1.5994829700859867</v>
      </c>
      <c r="K51" s="237">
        <f t="shared" si="5"/>
        <v>3.2942531635044201</v>
      </c>
      <c r="L51" s="237">
        <f t="shared" si="10"/>
        <v>0.46544954429502211</v>
      </c>
      <c r="M51" s="236">
        <f t="shared" si="6"/>
        <v>55.313722297205231</v>
      </c>
      <c r="N51" s="236">
        <f t="shared" si="7"/>
        <v>3.1073093551357753</v>
      </c>
      <c r="O51" s="236">
        <f t="shared" si="11"/>
        <v>2.4321527282556574</v>
      </c>
      <c r="P51" s="236" t="str">
        <f t="shared" si="12"/>
        <v>SAND</v>
      </c>
      <c r="Q51" s="236" t="e">
        <f t="shared" si="8"/>
        <v>#N/A</v>
      </c>
      <c r="R51" s="238">
        <v>35</v>
      </c>
      <c r="S51" s="236" t="e">
        <f t="shared" si="13"/>
        <v>#N/A</v>
      </c>
      <c r="T51" s="236">
        <f t="shared" si="14"/>
        <v>36.771161734865061</v>
      </c>
    </row>
    <row r="52" spans="1:20" x14ac:dyDescent="0.2">
      <c r="A52" s="53">
        <f t="shared" si="0"/>
        <v>40</v>
      </c>
      <c r="B52" s="239">
        <v>0.29899999999999999</v>
      </c>
      <c r="C52" s="3">
        <f t="shared" si="1"/>
        <v>0.29199999999999998</v>
      </c>
      <c r="D52" s="239">
        <v>2.7E-2</v>
      </c>
      <c r="E52" s="239">
        <v>8.9999999999999998E-4</v>
      </c>
      <c r="F52" s="239">
        <v>1.2699999999999999E-2</v>
      </c>
      <c r="G52">
        <f t="shared" si="2"/>
        <v>2.954E-2</v>
      </c>
      <c r="H52" s="235">
        <f t="shared" si="3"/>
        <v>3.0467163168584968</v>
      </c>
      <c r="I52" s="236">
        <f t="shared" si="4"/>
        <v>11.744267271747002</v>
      </c>
      <c r="J52" s="237">
        <f t="shared" si="9"/>
        <v>1.7442672717470025</v>
      </c>
      <c r="K52" s="237">
        <f t="shared" si="5"/>
        <v>3.4293260433501245</v>
      </c>
      <c r="L52" s="237">
        <f t="shared" si="10"/>
        <v>0.52153591425235368</v>
      </c>
      <c r="M52" s="236">
        <f t="shared" si="6"/>
        <v>50.064958602286779</v>
      </c>
      <c r="N52" s="236">
        <f t="shared" si="7"/>
        <v>3.4468662183680929</v>
      </c>
      <c r="O52" s="236">
        <f t="shared" si="11"/>
        <v>2.494612388108532</v>
      </c>
      <c r="P52" s="236" t="str">
        <f t="shared" si="12"/>
        <v>SAND</v>
      </c>
      <c r="Q52" s="236" t="e">
        <f t="shared" si="8"/>
        <v>#N/A</v>
      </c>
      <c r="R52" s="238">
        <v>35</v>
      </c>
      <c r="S52" s="236" t="e">
        <f t="shared" si="13"/>
        <v>#N/A</v>
      </c>
      <c r="T52" s="236">
        <f t="shared" si="14"/>
        <v>36.294872475313312</v>
      </c>
    </row>
    <row r="53" spans="1:20" x14ac:dyDescent="0.2">
      <c r="A53" s="53">
        <f t="shared" si="0"/>
        <v>41</v>
      </c>
      <c r="B53" s="239">
        <v>0.30599999999999999</v>
      </c>
      <c r="C53" s="3">
        <f t="shared" si="1"/>
        <v>0.29899999999999999</v>
      </c>
      <c r="D53" s="239">
        <v>2.7699999999999999E-2</v>
      </c>
      <c r="E53" s="239">
        <v>8.9999999999999998E-4</v>
      </c>
      <c r="F53" s="239">
        <v>1.4800000000000001E-2</v>
      </c>
      <c r="G53">
        <f t="shared" si="2"/>
        <v>3.066E-2</v>
      </c>
      <c r="H53" s="235">
        <f t="shared" si="3"/>
        <v>2.9354207436399218</v>
      </c>
      <c r="I53" s="236">
        <f t="shared" si="4"/>
        <v>11.758812765335184</v>
      </c>
      <c r="J53" s="237">
        <f t="shared" si="9"/>
        <v>1.7588127653351844</v>
      </c>
      <c r="K53" s="237">
        <f t="shared" si="5"/>
        <v>3.5158850168352198</v>
      </c>
      <c r="L53" s="237">
        <f t="shared" si="10"/>
        <v>0.53819670619256643</v>
      </c>
      <c r="M53" s="236">
        <f t="shared" si="6"/>
        <v>50.435304918890814</v>
      </c>
      <c r="N53" s="236">
        <f t="shared" si="7"/>
        <v>3.3156358221964304</v>
      </c>
      <c r="O53" s="236">
        <f t="shared" si="11"/>
        <v>2.4804837593092275</v>
      </c>
      <c r="P53" s="236" t="str">
        <f t="shared" si="12"/>
        <v>SAND</v>
      </c>
      <c r="Q53" s="236" t="e">
        <f t="shared" si="8"/>
        <v>#N/A</v>
      </c>
      <c r="R53" s="238">
        <v>35</v>
      </c>
      <c r="S53" s="236" t="e">
        <f t="shared" si="13"/>
        <v>#N/A</v>
      </c>
      <c r="T53" s="236">
        <f t="shared" si="14"/>
        <v>36.330081158855208</v>
      </c>
    </row>
    <row r="54" spans="1:20" x14ac:dyDescent="0.2">
      <c r="A54" s="53">
        <f t="shared" si="0"/>
        <v>42</v>
      </c>
      <c r="B54" s="239">
        <v>0.314</v>
      </c>
      <c r="C54" s="3">
        <f t="shared" si="1"/>
        <v>0.307</v>
      </c>
      <c r="D54" s="239">
        <v>2.8899999999999999E-2</v>
      </c>
      <c r="E54" s="239">
        <v>8.9999999999999998E-4</v>
      </c>
      <c r="F54" s="239">
        <v>1.5900000000000001E-2</v>
      </c>
      <c r="G54">
        <f t="shared" si="2"/>
        <v>3.2079999999999997E-2</v>
      </c>
      <c r="H54" s="235">
        <f t="shared" si="3"/>
        <v>2.8054862842892767</v>
      </c>
      <c r="I54" s="236">
        <f t="shared" si="4"/>
        <v>11.776508753519577</v>
      </c>
      <c r="J54" s="237">
        <f t="shared" si="9"/>
        <v>1.7765087535195772</v>
      </c>
      <c r="K54" s="237">
        <f t="shared" si="5"/>
        <v>3.61538818733051</v>
      </c>
      <c r="L54" s="237">
        <f t="shared" si="10"/>
        <v>0.55782374860514727</v>
      </c>
      <c r="M54" s="236">
        <f t="shared" si="6"/>
        <v>51.027966958821651</v>
      </c>
      <c r="N54" s="236">
        <f t="shared" si="7"/>
        <v>3.161820740514766</v>
      </c>
      <c r="O54" s="236">
        <f t="shared" si="11"/>
        <v>2.4624182893637596</v>
      </c>
      <c r="P54" s="236" t="str">
        <f t="shared" si="12"/>
        <v>SAND</v>
      </c>
      <c r="Q54" s="236" t="e">
        <f t="shared" si="8"/>
        <v>#N/A</v>
      </c>
      <c r="R54" s="238">
        <v>35</v>
      </c>
      <c r="S54" s="236" t="e">
        <f t="shared" si="13"/>
        <v>#N/A</v>
      </c>
      <c r="T54" s="236">
        <f t="shared" si="14"/>
        <v>36.385890922089729</v>
      </c>
    </row>
    <row r="55" spans="1:20" x14ac:dyDescent="0.2">
      <c r="A55" s="53">
        <f t="shared" si="0"/>
        <v>43</v>
      </c>
      <c r="B55" s="239">
        <v>0.32100000000000001</v>
      </c>
      <c r="C55" s="3">
        <f t="shared" si="1"/>
        <v>0.314</v>
      </c>
      <c r="D55" s="239">
        <v>2.98E-2</v>
      </c>
      <c r="E55" s="239">
        <v>8.9999999999999998E-4</v>
      </c>
      <c r="F55" s="239">
        <v>1.6500000000000001E-2</v>
      </c>
      <c r="G55">
        <f t="shared" si="2"/>
        <v>3.3099999999999997E-2</v>
      </c>
      <c r="H55" s="235">
        <f t="shared" si="3"/>
        <v>2.7190332326283992</v>
      </c>
      <c r="I55" s="236">
        <f t="shared" si="4"/>
        <v>11.788743024266811</v>
      </c>
      <c r="J55" s="237">
        <f t="shared" si="9"/>
        <v>1.788743024266811</v>
      </c>
      <c r="K55" s="237">
        <f t="shared" si="5"/>
        <v>3.7016653096197785</v>
      </c>
      <c r="L55" s="237">
        <f t="shared" si="10"/>
        <v>0.57418651078964633</v>
      </c>
      <c r="M55" s="236">
        <f t="shared" si="6"/>
        <v>51.199974464656691</v>
      </c>
      <c r="N55" s="236">
        <f t="shared" si="7"/>
        <v>3.0613978971213629</v>
      </c>
      <c r="O55" s="236">
        <f t="shared" si="11"/>
        <v>2.4515981170072756</v>
      </c>
      <c r="P55" s="236" t="str">
        <f t="shared" si="12"/>
        <v>SAND</v>
      </c>
      <c r="Q55" s="236" t="e">
        <f t="shared" si="8"/>
        <v>#N/A</v>
      </c>
      <c r="R55" s="238">
        <v>35</v>
      </c>
      <c r="S55" s="236" t="e">
        <f t="shared" si="13"/>
        <v>#N/A</v>
      </c>
      <c r="T55" s="236">
        <f t="shared" si="14"/>
        <v>36.401967188146713</v>
      </c>
    </row>
    <row r="56" spans="1:20" x14ac:dyDescent="0.2">
      <c r="A56" s="53">
        <f t="shared" si="0"/>
        <v>44</v>
      </c>
      <c r="B56" s="239">
        <v>0.32900000000000001</v>
      </c>
      <c r="C56" s="3">
        <f t="shared" si="1"/>
        <v>0.32200000000000001</v>
      </c>
      <c r="D56" s="239">
        <v>2.98E-2</v>
      </c>
      <c r="E56" s="239">
        <v>8.9999999999999998E-4</v>
      </c>
      <c r="F56" s="239">
        <v>1.7100000000000001E-2</v>
      </c>
      <c r="G56">
        <f t="shared" si="2"/>
        <v>3.322E-2</v>
      </c>
      <c r="H56" s="235">
        <f t="shared" si="3"/>
        <v>2.7092113184828417</v>
      </c>
      <c r="I56" s="236">
        <f t="shared" si="4"/>
        <v>11.790157495172501</v>
      </c>
      <c r="J56" s="237">
        <f t="shared" si="9"/>
        <v>1.790157495172501</v>
      </c>
      <c r="K56" s="237">
        <f t="shared" si="5"/>
        <v>3.7964307134455453</v>
      </c>
      <c r="L56" s="237">
        <f t="shared" si="10"/>
        <v>0.5889618159117529</v>
      </c>
      <c r="M56" s="236">
        <f t="shared" si="6"/>
        <v>49.958364857668691</v>
      </c>
      <c r="N56" s="236">
        <f t="shared" si="7"/>
        <v>3.0587723441535988</v>
      </c>
      <c r="O56" s="236">
        <f t="shared" si="11"/>
        <v>2.4590079202616306</v>
      </c>
      <c r="P56" s="236" t="str">
        <f t="shared" si="12"/>
        <v>SAND</v>
      </c>
      <c r="Q56" s="236" t="e">
        <f t="shared" si="8"/>
        <v>#N/A</v>
      </c>
      <c r="R56" s="238">
        <v>35</v>
      </c>
      <c r="S56" s="236" t="e">
        <f t="shared" si="13"/>
        <v>#N/A</v>
      </c>
      <c r="T56" s="236">
        <f t="shared" si="14"/>
        <v>36.284690369756674</v>
      </c>
    </row>
    <row r="57" spans="1:20" x14ac:dyDescent="0.2">
      <c r="A57" s="53">
        <f t="shared" si="0"/>
        <v>45</v>
      </c>
      <c r="B57" s="239">
        <v>0.33600000000000002</v>
      </c>
      <c r="C57" s="3">
        <f t="shared" si="1"/>
        <v>0.32900000000000001</v>
      </c>
      <c r="D57" s="239">
        <v>3.0499999999999999E-2</v>
      </c>
      <c r="E57" s="239">
        <v>8.9999999999999998E-4</v>
      </c>
      <c r="F57" s="239">
        <v>1.7399999999999999E-2</v>
      </c>
      <c r="G57">
        <f t="shared" si="2"/>
        <v>3.3979999999999996E-2</v>
      </c>
      <c r="H57" s="235">
        <f t="shared" si="3"/>
        <v>2.6486168334314306</v>
      </c>
      <c r="I57" s="236">
        <f t="shared" si="4"/>
        <v>11.798998866948388</v>
      </c>
      <c r="J57" s="237">
        <f t="shared" si="9"/>
        <v>1.7989988669483878</v>
      </c>
      <c r="K57" s="237">
        <f t="shared" si="5"/>
        <v>3.8818706272260197</v>
      </c>
      <c r="L57" s="237">
        <f t="shared" si="10"/>
        <v>0.60446361929465831</v>
      </c>
      <c r="M57" s="236">
        <f t="shared" si="6"/>
        <v>49.793119737950711</v>
      </c>
      <c r="N57" s="236">
        <f t="shared" si="7"/>
        <v>2.9902190559859769</v>
      </c>
      <c r="O57" s="236">
        <f t="shared" si="11"/>
        <v>2.4532299604325836</v>
      </c>
      <c r="P57" s="236" t="str">
        <f t="shared" si="12"/>
        <v>SAND</v>
      </c>
      <c r="Q57" s="236" t="e">
        <f t="shared" si="8"/>
        <v>#N/A</v>
      </c>
      <c r="R57" s="238">
        <v>35</v>
      </c>
      <c r="S57" s="236" t="e">
        <f t="shared" si="13"/>
        <v>#N/A</v>
      </c>
      <c r="T57" s="236">
        <f t="shared" si="14"/>
        <v>36.268862711541558</v>
      </c>
    </row>
    <row r="58" spans="1:20" x14ac:dyDescent="0.2">
      <c r="A58" s="53">
        <f t="shared" si="0"/>
        <v>46</v>
      </c>
      <c r="B58" s="239">
        <v>0.34300000000000003</v>
      </c>
      <c r="C58" s="3">
        <f t="shared" si="1"/>
        <v>0.33600000000000002</v>
      </c>
      <c r="D58" s="239">
        <v>3.1699999999999999E-2</v>
      </c>
      <c r="E58" s="239">
        <v>8.0000000000000004E-4</v>
      </c>
      <c r="F58" s="239">
        <v>1.78E-2</v>
      </c>
      <c r="G58">
        <f t="shared" si="2"/>
        <v>3.526E-2</v>
      </c>
      <c r="H58" s="235">
        <f t="shared" si="3"/>
        <v>2.2688598979013048</v>
      </c>
      <c r="I58" s="236">
        <f t="shared" si="4"/>
        <v>11.675340096427707</v>
      </c>
      <c r="J58" s="237">
        <f t="shared" si="9"/>
        <v>1.675340096427707</v>
      </c>
      <c r="K58" s="237">
        <f t="shared" si="5"/>
        <v>3.9229142723997099</v>
      </c>
      <c r="L58" s="237">
        <f t="shared" si="10"/>
        <v>0.5746416530747035</v>
      </c>
      <c r="M58" s="236">
        <f t="shared" si="6"/>
        <v>54.533265314003373</v>
      </c>
      <c r="N58" s="236">
        <f t="shared" si="7"/>
        <v>2.5528857627478621</v>
      </c>
      <c r="O58" s="236">
        <f t="shared" si="11"/>
        <v>2.3773290603565256</v>
      </c>
      <c r="P58" s="236" t="str">
        <f t="shared" si="12"/>
        <v>SAND</v>
      </c>
      <c r="Q58" s="236" t="e">
        <f t="shared" si="8"/>
        <v>#N/A</v>
      </c>
      <c r="R58" s="238">
        <v>35</v>
      </c>
      <c r="S58" s="236" t="e">
        <f t="shared" si="13"/>
        <v>#N/A</v>
      </c>
      <c r="T58" s="236">
        <f t="shared" si="14"/>
        <v>36.703276532126239</v>
      </c>
    </row>
    <row r="59" spans="1:20" x14ac:dyDescent="0.2">
      <c r="A59" s="53">
        <f t="shared" si="0"/>
        <v>47</v>
      </c>
      <c r="B59" s="239">
        <v>0.35099999999999998</v>
      </c>
      <c r="C59" s="3">
        <f t="shared" si="1"/>
        <v>0.34399999999999997</v>
      </c>
      <c r="D59" s="239">
        <v>3.2000000000000001E-2</v>
      </c>
      <c r="E59" s="239">
        <v>8.0000000000000004E-4</v>
      </c>
      <c r="F59" s="239">
        <v>1.7999999999999999E-2</v>
      </c>
      <c r="G59">
        <f t="shared" si="2"/>
        <v>3.56E-2</v>
      </c>
      <c r="H59" s="235">
        <f t="shared" si="3"/>
        <v>2.2471910112359552</v>
      </c>
      <c r="I59" s="236">
        <f t="shared" si="4"/>
        <v>11.679091017436322</v>
      </c>
      <c r="J59" s="237">
        <f t="shared" si="9"/>
        <v>1.6790910174363223</v>
      </c>
      <c r="K59" s="237">
        <f t="shared" si="5"/>
        <v>4.0176073099980947</v>
      </c>
      <c r="L59" s="237">
        <f t="shared" si="10"/>
        <v>0.58936094712014908</v>
      </c>
      <c r="M59" s="236">
        <f t="shared" si="6"/>
        <v>53.587521949538704</v>
      </c>
      <c r="N59" s="236">
        <f t="shared" si="7"/>
        <v>2.5330569721313654</v>
      </c>
      <c r="O59" s="236">
        <f t="shared" si="11"/>
        <v>2.380563428856016</v>
      </c>
      <c r="P59" s="236" t="str">
        <f t="shared" si="12"/>
        <v>SAND</v>
      </c>
      <c r="Q59" s="236" t="e">
        <f t="shared" si="8"/>
        <v>#N/A</v>
      </c>
      <c r="R59" s="238">
        <v>35</v>
      </c>
      <c r="S59" s="236" t="e">
        <f t="shared" si="13"/>
        <v>#N/A</v>
      </c>
      <c r="T59" s="236">
        <f t="shared" si="14"/>
        <v>36.619700418471197</v>
      </c>
    </row>
    <row r="60" spans="1:20" x14ac:dyDescent="0.2">
      <c r="A60" s="53">
        <f t="shared" si="0"/>
        <v>48</v>
      </c>
      <c r="B60" s="239">
        <v>0.35799999999999998</v>
      </c>
      <c r="C60" s="3">
        <f t="shared" si="1"/>
        <v>0.35099999999999998</v>
      </c>
      <c r="D60" s="239">
        <v>3.2500000000000001E-2</v>
      </c>
      <c r="E60" s="239">
        <v>8.0000000000000004E-4</v>
      </c>
      <c r="F60" s="239">
        <v>1.7999999999999999E-2</v>
      </c>
      <c r="G60">
        <f t="shared" si="2"/>
        <v>3.61E-2</v>
      </c>
      <c r="H60" s="235">
        <f t="shared" si="3"/>
        <v>2.21606648199446</v>
      </c>
      <c r="I60" s="236">
        <f t="shared" si="4"/>
        <v>11.684542500975827</v>
      </c>
      <c r="J60" s="237">
        <f t="shared" si="9"/>
        <v>1.6845425009758266</v>
      </c>
      <c r="K60" s="237">
        <f t="shared" si="5"/>
        <v>4.1012744178425145</v>
      </c>
      <c r="L60" s="237">
        <f t="shared" si="10"/>
        <v>0.6030662153493459</v>
      </c>
      <c r="M60" s="236">
        <f t="shared" si="6"/>
        <v>53.060053386710074</v>
      </c>
      <c r="N60" s="236">
        <f t="shared" si="7"/>
        <v>2.5000995678592921</v>
      </c>
      <c r="O60" s="236">
        <f t="shared" si="11"/>
        <v>2.37983648231693</v>
      </c>
      <c r="P60" s="236" t="str">
        <f t="shared" si="12"/>
        <v>SAND</v>
      </c>
      <c r="Q60" s="236" t="e">
        <f t="shared" si="8"/>
        <v>#N/A</v>
      </c>
      <c r="R60" s="238">
        <v>35</v>
      </c>
      <c r="S60" s="236" t="e">
        <f t="shared" si="13"/>
        <v>#N/A</v>
      </c>
      <c r="T60" s="236">
        <f t="shared" si="14"/>
        <v>36.572444508761535</v>
      </c>
    </row>
    <row r="61" spans="1:20" x14ac:dyDescent="0.2">
      <c r="A61" s="53">
        <f t="shared" si="0"/>
        <v>49</v>
      </c>
      <c r="B61" s="239">
        <v>0.36599999999999999</v>
      </c>
      <c r="C61" s="3">
        <f t="shared" si="1"/>
        <v>0.35899999999999999</v>
      </c>
      <c r="D61" s="239">
        <v>3.2500000000000001E-2</v>
      </c>
      <c r="E61" s="239">
        <v>8.0000000000000004E-4</v>
      </c>
      <c r="F61" s="239">
        <v>1.7999999999999999E-2</v>
      </c>
      <c r="G61">
        <f t="shared" si="2"/>
        <v>3.61E-2</v>
      </c>
      <c r="H61" s="235">
        <f t="shared" si="3"/>
        <v>2.21606648199446</v>
      </c>
      <c r="I61" s="236">
        <f t="shared" si="4"/>
        <v>11.684542500975827</v>
      </c>
      <c r="J61" s="237">
        <f t="shared" si="9"/>
        <v>1.6845425009758266</v>
      </c>
      <c r="K61" s="237">
        <f t="shared" si="5"/>
        <v>4.1947507578503211</v>
      </c>
      <c r="L61" s="237">
        <f t="shared" si="10"/>
        <v>0.61654255535715252</v>
      </c>
      <c r="M61" s="236">
        <f t="shared" si="6"/>
        <v>51.748657030928733</v>
      </c>
      <c r="N61" s="236">
        <f t="shared" si="7"/>
        <v>2.5074243862766279</v>
      </c>
      <c r="O61" s="236">
        <f t="shared" si="11"/>
        <v>2.3886793932643871</v>
      </c>
      <c r="P61" s="236" t="str">
        <f t="shared" si="12"/>
        <v>SAND</v>
      </c>
      <c r="Q61" s="236" t="e">
        <f t="shared" si="8"/>
        <v>#N/A</v>
      </c>
      <c r="R61" s="238">
        <v>35</v>
      </c>
      <c r="S61" s="236" t="e">
        <f t="shared" si="13"/>
        <v>#N/A</v>
      </c>
      <c r="T61" s="236">
        <f t="shared" si="14"/>
        <v>36.452889919227673</v>
      </c>
    </row>
    <row r="62" spans="1:20" x14ac:dyDescent="0.2">
      <c r="A62" s="53">
        <f t="shared" si="0"/>
        <v>50</v>
      </c>
      <c r="B62" s="239">
        <v>0.374</v>
      </c>
      <c r="C62" s="3">
        <f t="shared" si="1"/>
        <v>0.36699999999999999</v>
      </c>
      <c r="D62" s="239">
        <v>3.39E-2</v>
      </c>
      <c r="E62" s="239">
        <v>6.9999999999999999E-4</v>
      </c>
      <c r="F62" s="239">
        <v>1.7899999999999999E-2</v>
      </c>
      <c r="G62">
        <f t="shared" si="2"/>
        <v>3.7479999999999999E-2</v>
      </c>
      <c r="H62" s="235">
        <f t="shared" si="3"/>
        <v>1.8676627534685166</v>
      </c>
      <c r="I62" s="236">
        <f t="shared" si="4"/>
        <v>11.542627386415148</v>
      </c>
      <c r="J62" s="237">
        <f t="shared" si="9"/>
        <v>1.5426273864151483</v>
      </c>
      <c r="K62" s="237">
        <f t="shared" si="5"/>
        <v>4.236144250814359</v>
      </c>
      <c r="L62" s="237">
        <f t="shared" si="10"/>
        <v>0.57694264251926541</v>
      </c>
      <c r="M62" s="236">
        <f t="shared" si="6"/>
        <v>57.620729166462255</v>
      </c>
      <c r="N62" s="236">
        <f t="shared" si="7"/>
        <v>2.1056522603192547</v>
      </c>
      <c r="O62" s="236">
        <f t="shared" si="11"/>
        <v>2.3030769341627066</v>
      </c>
      <c r="P62" s="236" t="str">
        <f t="shared" si="12"/>
        <v>SAND</v>
      </c>
      <c r="Q62" s="236" t="e">
        <f t="shared" si="8"/>
        <v>#N/A</v>
      </c>
      <c r="R62" s="238">
        <v>35</v>
      </c>
      <c r="S62" s="236" t="e">
        <f t="shared" si="13"/>
        <v>#N/A</v>
      </c>
      <c r="T62" s="236">
        <f t="shared" si="14"/>
        <v>36.966366247755573</v>
      </c>
    </row>
    <row r="63" spans="1:20" x14ac:dyDescent="0.2">
      <c r="A63" s="53">
        <f t="shared" si="0"/>
        <v>51</v>
      </c>
      <c r="B63" s="239">
        <v>0.38100000000000001</v>
      </c>
      <c r="C63" s="3">
        <f t="shared" si="1"/>
        <v>0.374</v>
      </c>
      <c r="D63" s="239">
        <v>3.4799999999999998E-2</v>
      </c>
      <c r="E63" s="239">
        <v>6.9999999999999999E-4</v>
      </c>
      <c r="F63" s="239">
        <v>1.7399999999999999E-2</v>
      </c>
      <c r="G63">
        <f t="shared" si="2"/>
        <v>3.8279999999999995E-2</v>
      </c>
      <c r="H63" s="235">
        <f t="shared" si="3"/>
        <v>1.8286311389759669</v>
      </c>
      <c r="I63" s="236">
        <f t="shared" si="4"/>
        <v>11.550882498615305</v>
      </c>
      <c r="J63" s="237">
        <f t="shared" si="9"/>
        <v>1.5508824986153051</v>
      </c>
      <c r="K63" s="237">
        <f t="shared" si="5"/>
        <v>4.3200300544821237</v>
      </c>
      <c r="L63" s="237">
        <f t="shared" si="10"/>
        <v>0.59088623197243129</v>
      </c>
      <c r="M63" s="236">
        <f t="shared" si="6"/>
        <v>57.472941672978976</v>
      </c>
      <c r="N63" s="236">
        <f t="shared" si="7"/>
        <v>2.0612503518790302</v>
      </c>
      <c r="O63" s="236">
        <f t="shared" si="11"/>
        <v>2.297714626619372</v>
      </c>
      <c r="P63" s="236" t="str">
        <f t="shared" si="12"/>
        <v>SAND</v>
      </c>
      <c r="Q63" s="236" t="e">
        <f t="shared" si="8"/>
        <v>#N/A</v>
      </c>
      <c r="R63" s="238">
        <v>35</v>
      </c>
      <c r="S63" s="236" t="e">
        <f t="shared" si="13"/>
        <v>#N/A</v>
      </c>
      <c r="T63" s="236">
        <f t="shared" si="14"/>
        <v>36.95409769111059</v>
      </c>
    </row>
    <row r="64" spans="1:20" x14ac:dyDescent="0.2">
      <c r="A64" s="53">
        <f t="shared" si="0"/>
        <v>52</v>
      </c>
      <c r="B64" s="239">
        <v>0.38900000000000001</v>
      </c>
      <c r="C64" s="3">
        <f t="shared" si="1"/>
        <v>0.38200000000000001</v>
      </c>
      <c r="D64" s="239">
        <v>3.5000000000000003E-2</v>
      </c>
      <c r="E64" s="239">
        <v>6.9999999999999999E-4</v>
      </c>
      <c r="F64" s="239">
        <v>1.8599999999999998E-2</v>
      </c>
      <c r="G64">
        <f t="shared" si="2"/>
        <v>3.8720000000000004E-2</v>
      </c>
      <c r="H64" s="235">
        <f t="shared" si="3"/>
        <v>1.8078512396694213</v>
      </c>
      <c r="I64" s="236">
        <f t="shared" si="4"/>
        <v>11.5553495761937</v>
      </c>
      <c r="J64" s="237">
        <f t="shared" si="9"/>
        <v>1.5553495761937004</v>
      </c>
      <c r="K64" s="237">
        <f t="shared" si="5"/>
        <v>4.4141435381059937</v>
      </c>
      <c r="L64" s="237">
        <f t="shared" si="10"/>
        <v>0.6050309851393495</v>
      </c>
      <c r="M64" s="236">
        <f t="shared" si="6"/>
        <v>56.700991031050677</v>
      </c>
      <c r="N64" s="236">
        <f t="shared" si="7"/>
        <v>2.0404679322830503</v>
      </c>
      <c r="O64" s="236">
        <f t="shared" si="11"/>
        <v>2.2991594635853412</v>
      </c>
      <c r="P64" s="236" t="str">
        <f t="shared" si="12"/>
        <v>SAND</v>
      </c>
      <c r="Q64" s="236" t="e">
        <f t="shared" si="8"/>
        <v>#N/A</v>
      </c>
      <c r="R64" s="238">
        <v>35</v>
      </c>
      <c r="S64" s="236" t="e">
        <f t="shared" si="13"/>
        <v>#N/A</v>
      </c>
      <c r="T64" s="236">
        <f t="shared" si="14"/>
        <v>36.889497146077872</v>
      </c>
    </row>
    <row r="65" spans="1:20" x14ac:dyDescent="0.2">
      <c r="A65" s="53">
        <f t="shared" si="0"/>
        <v>53</v>
      </c>
      <c r="B65" s="239">
        <v>0.39500000000000002</v>
      </c>
      <c r="C65" s="3">
        <f t="shared" si="1"/>
        <v>0.38800000000000001</v>
      </c>
      <c r="D65" s="239">
        <v>3.5400000000000001E-2</v>
      </c>
      <c r="E65" s="239">
        <v>6.9999999999999999E-4</v>
      </c>
      <c r="F65" s="239">
        <v>2.1000000000000001E-2</v>
      </c>
      <c r="G65">
        <f t="shared" si="2"/>
        <v>3.9600000000000003E-2</v>
      </c>
      <c r="H65" s="235">
        <f t="shared" si="3"/>
        <v>1.7676767676767675</v>
      </c>
      <c r="I65" s="236">
        <f t="shared" si="4"/>
        <v>11.564133429753943</v>
      </c>
      <c r="J65" s="237">
        <f t="shared" si="9"/>
        <v>1.5641334297539427</v>
      </c>
      <c r="K65" s="237">
        <f t="shared" si="5"/>
        <v>4.4868837707445302</v>
      </c>
      <c r="L65" s="237">
        <f t="shared" si="10"/>
        <v>0.61783270475280738</v>
      </c>
      <c r="M65" s="236">
        <f t="shared" si="6"/>
        <v>56.832725038898836</v>
      </c>
      <c r="N65" s="236">
        <f t="shared" si="7"/>
        <v>1.9935570384287782</v>
      </c>
      <c r="O65" s="236">
        <f t="shared" si="11"/>
        <v>2.2916966763147033</v>
      </c>
      <c r="P65" s="236" t="str">
        <f t="shared" si="12"/>
        <v>SAND</v>
      </c>
      <c r="Q65" s="236" t="e">
        <f t="shared" si="8"/>
        <v>#N/A</v>
      </c>
      <c r="R65" s="238">
        <v>35</v>
      </c>
      <c r="S65" s="236" t="e">
        <f t="shared" si="13"/>
        <v>#N/A</v>
      </c>
      <c r="T65" s="236">
        <f t="shared" si="14"/>
        <v>36.900583283020609</v>
      </c>
    </row>
    <row r="66" spans="1:20" x14ac:dyDescent="0.2">
      <c r="A66" s="53">
        <f t="shared" si="0"/>
        <v>54</v>
      </c>
      <c r="B66" s="239">
        <v>0.40300000000000002</v>
      </c>
      <c r="C66" s="3">
        <f t="shared" si="1"/>
        <v>0.39600000000000002</v>
      </c>
      <c r="D66" s="239">
        <v>3.5499999999999997E-2</v>
      </c>
      <c r="E66" s="239">
        <v>8.0000000000000004E-4</v>
      </c>
      <c r="F66" s="239">
        <v>2.2599999999999999E-2</v>
      </c>
      <c r="G66">
        <f t="shared" si="2"/>
        <v>4.0019999999999993E-2</v>
      </c>
      <c r="H66" s="235">
        <f t="shared" si="3"/>
        <v>1.9990004997501254</v>
      </c>
      <c r="I66" s="236">
        <f t="shared" si="4"/>
        <v>11.724835395130908</v>
      </c>
      <c r="J66" s="237">
        <f t="shared" si="9"/>
        <v>1.7248353951309081</v>
      </c>
      <c r="K66" s="237">
        <f t="shared" si="5"/>
        <v>4.6430348164718396</v>
      </c>
      <c r="L66" s="237">
        <f t="shared" si="10"/>
        <v>0.69510866423775597</v>
      </c>
      <c r="M66" s="236">
        <f t="shared" si="6"/>
        <v>50.894150804927627</v>
      </c>
      <c r="N66" s="236">
        <f t="shared" si="7"/>
        <v>2.2613584739385373</v>
      </c>
      <c r="O66" s="236">
        <f t="shared" si="11"/>
        <v>2.3638906997715665</v>
      </c>
      <c r="P66" s="236" t="str">
        <f t="shared" si="12"/>
        <v>SAND</v>
      </c>
      <c r="Q66" s="236" t="e">
        <f t="shared" si="8"/>
        <v>#N/A</v>
      </c>
      <c r="R66" s="238">
        <v>35</v>
      </c>
      <c r="S66" s="236" t="e">
        <f t="shared" si="13"/>
        <v>#N/A</v>
      </c>
      <c r="T66" s="236">
        <f t="shared" si="14"/>
        <v>36.373346595679934</v>
      </c>
    </row>
    <row r="67" spans="1:20" x14ac:dyDescent="0.2">
      <c r="A67" s="53">
        <f t="shared" si="0"/>
        <v>55</v>
      </c>
      <c r="B67" s="239">
        <v>0.41</v>
      </c>
      <c r="C67" s="3">
        <f t="shared" si="1"/>
        <v>0.40299999999999997</v>
      </c>
      <c r="D67" s="239">
        <v>3.56E-2</v>
      </c>
      <c r="E67" s="239">
        <v>8.0000000000000004E-4</v>
      </c>
      <c r="F67" s="239">
        <v>2.4E-2</v>
      </c>
      <c r="G67">
        <f t="shared" si="2"/>
        <v>4.0399999999999998E-2</v>
      </c>
      <c r="H67" s="235">
        <f t="shared" si="3"/>
        <v>1.9801980198019802</v>
      </c>
      <c r="I67" s="236">
        <f t="shared" si="4"/>
        <v>11.72852924786028</v>
      </c>
      <c r="J67" s="237">
        <f t="shared" si="9"/>
        <v>1.7285292478602798</v>
      </c>
      <c r="K67" s="237">
        <f t="shared" si="5"/>
        <v>4.7265972868876922</v>
      </c>
      <c r="L67" s="237">
        <f t="shared" si="10"/>
        <v>0.70869699162271471</v>
      </c>
      <c r="M67" s="236">
        <f t="shared" si="6"/>
        <v>50.33660807763605</v>
      </c>
      <c r="N67" s="236">
        <f t="shared" si="7"/>
        <v>2.2425671204781028</v>
      </c>
      <c r="O67" s="236">
        <f t="shared" si="11"/>
        <v>2.3650529900373121</v>
      </c>
      <c r="P67" s="236" t="str">
        <f t="shared" si="12"/>
        <v>SAND</v>
      </c>
      <c r="Q67" s="236" t="e">
        <f t="shared" si="8"/>
        <v>#N/A</v>
      </c>
      <c r="R67" s="238">
        <v>35</v>
      </c>
      <c r="S67" s="236" t="e">
        <f t="shared" si="13"/>
        <v>#N/A</v>
      </c>
      <c r="T67" s="236">
        <f t="shared" si="14"/>
        <v>36.320723420857377</v>
      </c>
    </row>
    <row r="68" spans="1:20" x14ac:dyDescent="0.2">
      <c r="A68" s="53">
        <f t="shared" si="0"/>
        <v>56</v>
      </c>
      <c r="B68" s="239">
        <v>0.41799999999999998</v>
      </c>
      <c r="C68" s="3">
        <f t="shared" si="1"/>
        <v>0.41099999999999998</v>
      </c>
      <c r="D68" s="239">
        <v>3.7600000000000001E-2</v>
      </c>
      <c r="E68" s="239">
        <v>6.9999999999999999E-4</v>
      </c>
      <c r="F68" s="239">
        <v>2.4899999999999999E-2</v>
      </c>
      <c r="G68">
        <f t="shared" si="2"/>
        <v>4.258E-2</v>
      </c>
      <c r="H68" s="235">
        <f t="shared" si="3"/>
        <v>1.6439643024894317</v>
      </c>
      <c r="I68" s="236">
        <f t="shared" si="4"/>
        <v>11.592492853813054</v>
      </c>
      <c r="J68" s="237">
        <f t="shared" si="9"/>
        <v>1.5924928538130541</v>
      </c>
      <c r="K68" s="237">
        <f t="shared" si="5"/>
        <v>4.7645145629171646</v>
      </c>
      <c r="L68" s="237">
        <f t="shared" si="10"/>
        <v>0.66566201289385651</v>
      </c>
      <c r="M68" s="236">
        <f t="shared" si="6"/>
        <v>56.808837975726163</v>
      </c>
      <c r="N68" s="236">
        <f t="shared" si="7"/>
        <v>1.8510935187243744</v>
      </c>
      <c r="O68" s="236">
        <f t="shared" si="11"/>
        <v>2.2706104709449488</v>
      </c>
      <c r="P68" s="236" t="str">
        <f t="shared" si="12"/>
        <v>SAND</v>
      </c>
      <c r="Q68" s="236" t="e">
        <f t="shared" si="8"/>
        <v>#N/A</v>
      </c>
      <c r="R68" s="238">
        <v>35</v>
      </c>
      <c r="S68" s="236" t="e">
        <f t="shared" si="13"/>
        <v>#N/A</v>
      </c>
      <c r="T68" s="236">
        <f t="shared" si="14"/>
        <v>36.898574964661975</v>
      </c>
    </row>
    <row r="69" spans="1:20" x14ac:dyDescent="0.2">
      <c r="A69" s="53">
        <f t="shared" si="0"/>
        <v>57</v>
      </c>
      <c r="B69" s="239">
        <v>0.42499999999999999</v>
      </c>
      <c r="C69" s="3">
        <f t="shared" si="1"/>
        <v>0.41799999999999998</v>
      </c>
      <c r="D69" s="239">
        <v>3.7900000000000003E-2</v>
      </c>
      <c r="E69" s="239">
        <v>8.0000000000000004E-4</v>
      </c>
      <c r="F69" s="239">
        <v>2.5499999999999998E-2</v>
      </c>
      <c r="G69">
        <f t="shared" si="2"/>
        <v>4.3000000000000003E-2</v>
      </c>
      <c r="H69" s="235">
        <f t="shared" si="3"/>
        <v>1.8604651162790697</v>
      </c>
      <c r="I69" s="236">
        <f t="shared" si="4"/>
        <v>11.752907629282364</v>
      </c>
      <c r="J69" s="237">
        <f t="shared" si="9"/>
        <v>1.7529076292823635</v>
      </c>
      <c r="K69" s="237">
        <f t="shared" si="5"/>
        <v>4.9127153890400281</v>
      </c>
      <c r="L69" s="237">
        <f t="shared" si="10"/>
        <v>0.74498574244500448</v>
      </c>
      <c r="M69" s="236">
        <f t="shared" si="6"/>
        <v>51.124850370907076</v>
      </c>
      <c r="N69" s="236">
        <f t="shared" si="7"/>
        <v>2.1004385273761224</v>
      </c>
      <c r="O69" s="236">
        <f t="shared" si="11"/>
        <v>2.3411828456496249</v>
      </c>
      <c r="P69" s="236" t="str">
        <f t="shared" si="12"/>
        <v>SAND</v>
      </c>
      <c r="Q69" s="236" t="e">
        <f t="shared" si="8"/>
        <v>#N/A</v>
      </c>
      <c r="R69" s="238">
        <v>35</v>
      </c>
      <c r="S69" s="236" t="e">
        <f t="shared" si="13"/>
        <v>#N/A</v>
      </c>
      <c r="T69" s="236">
        <f t="shared" si="14"/>
        <v>36.394952549457315</v>
      </c>
    </row>
    <row r="70" spans="1:20" x14ac:dyDescent="0.2">
      <c r="A70" s="53">
        <f t="shared" si="0"/>
        <v>58</v>
      </c>
      <c r="B70" s="239">
        <v>0.434</v>
      </c>
      <c r="C70" s="3">
        <f t="shared" si="1"/>
        <v>0.42699999999999999</v>
      </c>
      <c r="D70" s="239">
        <v>3.8399999999999997E-2</v>
      </c>
      <c r="E70" s="239">
        <v>8.9999999999999998E-4</v>
      </c>
      <c r="F70" s="239">
        <v>2.5999999999999999E-2</v>
      </c>
      <c r="G70">
        <f t="shared" si="2"/>
        <v>4.3599999999999993E-2</v>
      </c>
      <c r="H70" s="235">
        <f t="shared" si="3"/>
        <v>2.0642201834862388</v>
      </c>
      <c r="I70" s="236">
        <f t="shared" si="4"/>
        <v>11.896435670210392</v>
      </c>
      <c r="J70" s="237">
        <f t="shared" si="9"/>
        <v>1.8964356702103924</v>
      </c>
      <c r="K70" s="237">
        <f t="shared" si="5"/>
        <v>5.0797780311798375</v>
      </c>
      <c r="L70" s="237">
        <f t="shared" si="10"/>
        <v>0.82305308087131024</v>
      </c>
      <c r="M70" s="236">
        <f t="shared" si="6"/>
        <v>46.801625392181784</v>
      </c>
      <c r="N70" s="236">
        <f t="shared" si="7"/>
        <v>2.3364351345859244</v>
      </c>
      <c r="O70" s="236">
        <f t="shared" si="11"/>
        <v>2.4005340335168373</v>
      </c>
      <c r="P70" s="236" t="str">
        <f t="shared" si="12"/>
        <v>SAND</v>
      </c>
      <c r="Q70" s="236" t="e">
        <f t="shared" si="8"/>
        <v>#N/A</v>
      </c>
      <c r="R70" s="238">
        <v>35</v>
      </c>
      <c r="S70" s="236" t="e">
        <f t="shared" si="13"/>
        <v>#N/A</v>
      </c>
      <c r="T70" s="236">
        <f t="shared" si="14"/>
        <v>35.972870297331895</v>
      </c>
    </row>
    <row r="71" spans="1:20" x14ac:dyDescent="0.2">
      <c r="A71" s="53">
        <f t="shared" si="0"/>
        <v>59</v>
      </c>
      <c r="B71" s="239">
        <v>0.44</v>
      </c>
      <c r="C71" s="3">
        <f t="shared" si="1"/>
        <v>0.433</v>
      </c>
      <c r="D71" s="239">
        <v>3.8899999999999997E-2</v>
      </c>
      <c r="E71" s="239">
        <v>8.9999999999999998E-4</v>
      </c>
      <c r="F71" s="239">
        <v>2.6200000000000001E-2</v>
      </c>
      <c r="G71">
        <f t="shared" si="2"/>
        <v>4.4139999999999999E-2</v>
      </c>
      <c r="H71" s="235">
        <f t="shared" si="3"/>
        <v>2.0389669234254648</v>
      </c>
      <c r="I71" s="236">
        <f t="shared" si="4"/>
        <v>11.901246925811737</v>
      </c>
      <c r="J71" s="237">
        <f t="shared" si="9"/>
        <v>1.901246925811737</v>
      </c>
      <c r="K71" s="237">
        <f t="shared" si="5"/>
        <v>5.1532399188764817</v>
      </c>
      <c r="L71" s="237">
        <f t="shared" si="10"/>
        <v>0.83654864735716428</v>
      </c>
      <c r="M71" s="236">
        <f t="shared" si="6"/>
        <v>46.604295164771372</v>
      </c>
      <c r="N71" s="236">
        <f t="shared" si="7"/>
        <v>2.3084760008969276</v>
      </c>
      <c r="O71" s="236">
        <f t="shared" si="11"/>
        <v>2.3984553960373325</v>
      </c>
      <c r="P71" s="236" t="str">
        <f t="shared" si="12"/>
        <v>SAND</v>
      </c>
      <c r="Q71" s="236" t="e">
        <f t="shared" si="8"/>
        <v>#N/A</v>
      </c>
      <c r="R71" s="238">
        <v>35</v>
      </c>
      <c r="S71" s="236" t="e">
        <f t="shared" si="13"/>
        <v>#N/A</v>
      </c>
      <c r="T71" s="236">
        <f t="shared" si="14"/>
        <v>35.952685385829895</v>
      </c>
    </row>
    <row r="72" spans="1:20" x14ac:dyDescent="0.2">
      <c r="A72" s="53">
        <f t="shared" si="0"/>
        <v>60</v>
      </c>
      <c r="B72" s="239">
        <v>0.44800000000000001</v>
      </c>
      <c r="C72" s="3">
        <f t="shared" si="1"/>
        <v>0.441</v>
      </c>
      <c r="D72" s="239">
        <v>3.9899999999999998E-2</v>
      </c>
      <c r="E72" s="239">
        <v>8.9999999999999998E-4</v>
      </c>
      <c r="F72" s="239">
        <v>2.64E-2</v>
      </c>
      <c r="G72">
        <f t="shared" si="2"/>
        <v>4.5179999999999998E-2</v>
      </c>
      <c r="H72" s="235">
        <f t="shared" si="3"/>
        <v>1.9920318725099602</v>
      </c>
      <c r="I72" s="236">
        <f t="shared" si="4"/>
        <v>11.910349433794574</v>
      </c>
      <c r="J72" s="237">
        <f t="shared" si="9"/>
        <v>1.9103494337945737</v>
      </c>
      <c r="K72" s="237">
        <f t="shared" si="5"/>
        <v>5.2524641003034072</v>
      </c>
      <c r="L72" s="237">
        <f t="shared" si="10"/>
        <v>0.85583654633996897</v>
      </c>
      <c r="M72" s="236">
        <f t="shared" si="6"/>
        <v>46.653226098428313</v>
      </c>
      <c r="N72" s="236">
        <f t="shared" si="7"/>
        <v>2.2540835033269335</v>
      </c>
      <c r="O72" s="236">
        <f t="shared" si="11"/>
        <v>2.3912887367264637</v>
      </c>
      <c r="P72" s="236" t="str">
        <f t="shared" si="12"/>
        <v>SAND</v>
      </c>
      <c r="Q72" s="236" t="e">
        <f t="shared" si="8"/>
        <v>#N/A</v>
      </c>
      <c r="R72" s="238">
        <v>35</v>
      </c>
      <c r="S72" s="236" t="e">
        <f t="shared" si="13"/>
        <v>#N/A</v>
      </c>
      <c r="T72" s="236">
        <f t="shared" si="14"/>
        <v>35.957698489278961</v>
      </c>
    </row>
    <row r="73" spans="1:20" x14ac:dyDescent="0.2">
      <c r="A73" s="53">
        <f t="shared" si="0"/>
        <v>61</v>
      </c>
      <c r="B73" s="239">
        <v>0.45700000000000002</v>
      </c>
      <c r="C73" s="3">
        <f t="shared" si="1"/>
        <v>0.45</v>
      </c>
      <c r="D73" s="239">
        <v>4.07E-2</v>
      </c>
      <c r="E73" s="239">
        <v>8.9999999999999998E-4</v>
      </c>
      <c r="F73" s="239">
        <v>2.6700000000000002E-2</v>
      </c>
      <c r="G73">
        <f t="shared" si="2"/>
        <v>4.6039999999999998E-2</v>
      </c>
      <c r="H73" s="235">
        <f t="shared" si="3"/>
        <v>1.9548218940052129</v>
      </c>
      <c r="I73" s="236">
        <f t="shared" si="4"/>
        <v>11.917719613330641</v>
      </c>
      <c r="J73" s="237">
        <f t="shared" si="9"/>
        <v>1.9177196133306413</v>
      </c>
      <c r="K73" s="237">
        <f t="shared" si="5"/>
        <v>5.3629738259987887</v>
      </c>
      <c r="L73" s="237">
        <f t="shared" si="10"/>
        <v>0.87639786329210312</v>
      </c>
      <c r="M73" s="236">
        <f t="shared" si="6"/>
        <v>46.413881043938119</v>
      </c>
      <c r="N73" s="236">
        <f t="shared" si="7"/>
        <v>2.212551124436025</v>
      </c>
      <c r="O73" s="236">
        <f t="shared" si="11"/>
        <v>2.387670399594346</v>
      </c>
      <c r="P73" s="236" t="str">
        <f t="shared" si="12"/>
        <v>SAND</v>
      </c>
      <c r="Q73" s="236" t="e">
        <f t="shared" si="8"/>
        <v>#N/A</v>
      </c>
      <c r="R73" s="238">
        <v>35</v>
      </c>
      <c r="S73" s="236" t="e">
        <f t="shared" si="13"/>
        <v>#N/A</v>
      </c>
      <c r="T73" s="236">
        <f t="shared" si="14"/>
        <v>35.933126733334163</v>
      </c>
    </row>
    <row r="74" spans="1:20" x14ac:dyDescent="0.2">
      <c r="A74" s="53">
        <f t="shared" si="0"/>
        <v>62</v>
      </c>
      <c r="B74" s="239">
        <v>0.46300000000000002</v>
      </c>
      <c r="C74" s="3">
        <f t="shared" si="1"/>
        <v>0.45600000000000002</v>
      </c>
      <c r="D74" s="239">
        <v>4.02E-2</v>
      </c>
      <c r="E74" s="239">
        <v>1E-3</v>
      </c>
      <c r="F74" s="239">
        <v>2.7099999999999999E-2</v>
      </c>
      <c r="G74">
        <f t="shared" si="2"/>
        <v>4.5620000000000001E-2</v>
      </c>
      <c r="H74" s="235">
        <f t="shared" si="3"/>
        <v>2.1920210434020166</v>
      </c>
      <c r="I74" s="236">
        <f t="shared" si="4"/>
        <v>12.037682807229054</v>
      </c>
      <c r="J74" s="237">
        <f t="shared" si="9"/>
        <v>2.0376828072290536</v>
      </c>
      <c r="K74" s="237">
        <f t="shared" si="5"/>
        <v>5.4891833600964484</v>
      </c>
      <c r="L74" s="237">
        <f t="shared" si="10"/>
        <v>0.94344713974705185</v>
      </c>
      <c r="M74" s="236">
        <f t="shared" si="6"/>
        <v>42.536370029870511</v>
      </c>
      <c r="N74" s="236">
        <f t="shared" si="7"/>
        <v>2.4918506118952561</v>
      </c>
      <c r="O74" s="236">
        <f t="shared" si="11"/>
        <v>2.4501645977451245</v>
      </c>
      <c r="P74" s="236" t="str">
        <f t="shared" si="12"/>
        <v>SAND</v>
      </c>
      <c r="Q74" s="236" t="e">
        <f t="shared" si="8"/>
        <v>#N/A</v>
      </c>
      <c r="R74" s="238">
        <v>35</v>
      </c>
      <c r="S74" s="236" t="e">
        <f t="shared" si="13"/>
        <v>#N/A</v>
      </c>
      <c r="T74" s="236">
        <f t="shared" si="14"/>
        <v>35.516364678425248</v>
      </c>
    </row>
    <row r="75" spans="1:20" x14ac:dyDescent="0.2">
      <c r="A75" s="53">
        <f t="shared" si="0"/>
        <v>63</v>
      </c>
      <c r="B75" s="239">
        <v>0.47199999999999998</v>
      </c>
      <c r="C75" s="3">
        <f t="shared" si="1"/>
        <v>0.46499999999999997</v>
      </c>
      <c r="D75" s="239">
        <v>4.1200000000000001E-2</v>
      </c>
      <c r="E75" s="239">
        <v>8.9999999999999998E-4</v>
      </c>
      <c r="F75" s="239">
        <v>2.7099999999999999E-2</v>
      </c>
      <c r="G75">
        <f t="shared" si="2"/>
        <v>4.6620000000000002E-2</v>
      </c>
      <c r="H75" s="235">
        <f t="shared" si="3"/>
        <v>1.9305019305019304</v>
      </c>
      <c r="I75" s="236">
        <f t="shared" si="4"/>
        <v>11.922612872134765</v>
      </c>
      <c r="J75" s="237">
        <f t="shared" si="9"/>
        <v>1.9226128721347653</v>
      </c>
      <c r="K75" s="237">
        <f t="shared" si="5"/>
        <v>5.5440149855426659</v>
      </c>
      <c r="L75" s="237">
        <f t="shared" si="10"/>
        <v>0.90747327564760916</v>
      </c>
      <c r="M75" s="236">
        <f t="shared" si="6"/>
        <v>45.264126356937481</v>
      </c>
      <c r="N75" s="236">
        <f t="shared" si="7"/>
        <v>2.1910612726225089</v>
      </c>
      <c r="O75" s="236">
        <f t="shared" si="11"/>
        <v>2.3931424050358658</v>
      </c>
      <c r="P75" s="236" t="str">
        <f t="shared" si="12"/>
        <v>SAND</v>
      </c>
      <c r="Q75" s="236" t="e">
        <f t="shared" si="8"/>
        <v>#N/A</v>
      </c>
      <c r="R75" s="238">
        <v>35</v>
      </c>
      <c r="S75" s="236" t="e">
        <f t="shared" si="13"/>
        <v>#N/A</v>
      </c>
      <c r="T75" s="236">
        <f t="shared" si="14"/>
        <v>35.81329556714887</v>
      </c>
    </row>
    <row r="76" spans="1:20" x14ac:dyDescent="0.2">
      <c r="A76" s="53">
        <f t="shared" si="0"/>
        <v>64</v>
      </c>
      <c r="B76" s="239">
        <v>0.47899999999999998</v>
      </c>
      <c r="C76" s="3">
        <f t="shared" si="1"/>
        <v>0.47199999999999998</v>
      </c>
      <c r="D76" s="239">
        <v>4.2200000000000001E-2</v>
      </c>
      <c r="E76" s="239">
        <v>8.0000000000000004E-4</v>
      </c>
      <c r="F76" s="239">
        <v>2.69E-2</v>
      </c>
      <c r="G76">
        <f t="shared" si="2"/>
        <v>4.7579999999999997E-2</v>
      </c>
      <c r="H76" s="235">
        <f t="shared" si="3"/>
        <v>1.6813787305590588</v>
      </c>
      <c r="I76" s="236">
        <f t="shared" si="4"/>
        <v>11.792468013191858</v>
      </c>
      <c r="J76" s="237">
        <f t="shared" si="9"/>
        <v>1.7924680131918578</v>
      </c>
      <c r="K76" s="237">
        <f t="shared" si="5"/>
        <v>5.5660449022265563</v>
      </c>
      <c r="L76" s="237">
        <f t="shared" si="10"/>
        <v>0.85859217831889989</v>
      </c>
      <c r="M76" s="236">
        <f t="shared" si="6"/>
        <v>48.933540461590994</v>
      </c>
      <c r="N76" s="236">
        <f t="shared" si="7"/>
        <v>1.9041292307240949</v>
      </c>
      <c r="O76" s="236">
        <f t="shared" si="11"/>
        <v>2.3278509126608116</v>
      </c>
      <c r="P76" s="236" t="str">
        <f t="shared" si="12"/>
        <v>SAND</v>
      </c>
      <c r="Q76" s="236" t="e">
        <f t="shared" si="8"/>
        <v>#N/A</v>
      </c>
      <c r="R76" s="238">
        <v>35</v>
      </c>
      <c r="S76" s="236" t="e">
        <f t="shared" si="13"/>
        <v>#N/A</v>
      </c>
      <c r="T76" s="236">
        <f t="shared" si="14"/>
        <v>36.185673030836739</v>
      </c>
    </row>
    <row r="77" spans="1:20" x14ac:dyDescent="0.2">
      <c r="A77" s="53">
        <f t="shared" si="0"/>
        <v>65</v>
      </c>
      <c r="B77" s="239">
        <v>0.48699999999999999</v>
      </c>
      <c r="C77" s="3">
        <f t="shared" si="1"/>
        <v>0.48</v>
      </c>
      <c r="D77" s="239">
        <v>4.2299999999999997E-2</v>
      </c>
      <c r="E77" s="239">
        <v>8.0000000000000004E-4</v>
      </c>
      <c r="F77" s="239">
        <v>2.6700000000000002E-2</v>
      </c>
      <c r="G77">
        <f t="shared" si="2"/>
        <v>4.7639999999999995E-2</v>
      </c>
      <c r="H77" s="235">
        <f t="shared" si="3"/>
        <v>1.6792611251049541</v>
      </c>
      <c r="I77" s="236">
        <f t="shared" si="4"/>
        <v>11.792960596790401</v>
      </c>
      <c r="J77" s="237">
        <f t="shared" si="9"/>
        <v>1.792960596790401</v>
      </c>
      <c r="K77" s="237">
        <f t="shared" si="5"/>
        <v>5.6606210864593924</v>
      </c>
      <c r="L77" s="237">
        <f t="shared" si="10"/>
        <v>0.87317181063692528</v>
      </c>
      <c r="M77" s="236">
        <f t="shared" si="6"/>
        <v>48.076882925159047</v>
      </c>
      <c r="N77" s="236">
        <f t="shared" si="7"/>
        <v>1.9056975608135001</v>
      </c>
      <c r="O77" s="236">
        <f t="shared" si="11"/>
        <v>2.3339523825756237</v>
      </c>
      <c r="P77" s="236" t="str">
        <f t="shared" si="12"/>
        <v>SAND</v>
      </c>
      <c r="Q77" s="236" t="e">
        <f t="shared" si="8"/>
        <v>#N/A</v>
      </c>
      <c r="R77" s="238">
        <v>35</v>
      </c>
      <c r="S77" s="236" t="e">
        <f t="shared" si="13"/>
        <v>#N/A</v>
      </c>
      <c r="T77" s="236">
        <f t="shared" ref="T77:T140" si="15">IF(P77="SAND",17.6+(11*LOG(M77)),#N/A)</f>
        <v>36.101299325664584</v>
      </c>
    </row>
    <row r="78" spans="1:20" x14ac:dyDescent="0.2">
      <c r="A78" s="53">
        <f t="shared" ref="A78:A141" si="16">$A77+1</f>
        <v>66</v>
      </c>
      <c r="B78" s="239">
        <v>0.49399999999999999</v>
      </c>
      <c r="C78" s="3">
        <f t="shared" ref="C78:C141" si="17">MAX($B78 - $B$13, 0.001)</f>
        <v>0.48699999999999999</v>
      </c>
      <c r="D78" s="239">
        <v>4.36E-2</v>
      </c>
      <c r="E78" s="239">
        <v>8.0000000000000004E-4</v>
      </c>
      <c r="F78" s="239">
        <v>2.5499999999999998E-2</v>
      </c>
      <c r="G78">
        <f t="shared" si="2"/>
        <v>4.87E-2</v>
      </c>
      <c r="H78" s="235">
        <f t="shared" si="3"/>
        <v>1.6427104722792609</v>
      </c>
      <c r="I78" s="236">
        <f t="shared" si="4"/>
        <v>11.801562084353904</v>
      </c>
      <c r="J78" s="237">
        <f t="shared" si="9"/>
        <v>1.801562084353904</v>
      </c>
      <c r="K78" s="237">
        <f t="shared" si="5"/>
        <v>5.7473607350803508</v>
      </c>
      <c r="L78" s="237">
        <f t="shared" si="10"/>
        <v>0.88997166967082852</v>
      </c>
      <c r="M78" s="236">
        <f t="shared" si="6"/>
        <v>48.262928729862189</v>
      </c>
      <c r="N78" s="236">
        <f t="shared" si="7"/>
        <v>1.8625165151455019</v>
      </c>
      <c r="O78" s="236">
        <f t="shared" si="11"/>
        <v>2.3262791137998851</v>
      </c>
      <c r="P78" s="236" t="str">
        <f t="shared" si="12"/>
        <v>SAND</v>
      </c>
      <c r="Q78" s="236" t="e">
        <f t="shared" si="8"/>
        <v>#N/A</v>
      </c>
      <c r="R78" s="238">
        <v>35</v>
      </c>
      <c r="S78" s="236" t="e">
        <f t="shared" si="13"/>
        <v>#N/A</v>
      </c>
      <c r="T78" s="236">
        <f t="shared" si="15"/>
        <v>36.119750398374556</v>
      </c>
    </row>
    <row r="79" spans="1:20" x14ac:dyDescent="0.2">
      <c r="A79" s="53">
        <f t="shared" si="16"/>
        <v>67</v>
      </c>
      <c r="B79" s="239">
        <v>0.502</v>
      </c>
      <c r="C79" s="3">
        <f t="shared" si="17"/>
        <v>0.495</v>
      </c>
      <c r="D79" s="239">
        <v>4.3799999999999999E-2</v>
      </c>
      <c r="E79" s="239">
        <v>8.0000000000000004E-4</v>
      </c>
      <c r="F79" s="239">
        <v>2.4899999999999999E-2</v>
      </c>
      <c r="G79">
        <f t="shared" ref="G79:G142" si="18">$D79+($F79*(1-$P$8))</f>
        <v>4.8779999999999997E-2</v>
      </c>
      <c r="H79" s="235">
        <f t="shared" ref="H79:H142" si="19">($E79/$G79)*100</f>
        <v>1.6400164001640021</v>
      </c>
      <c r="I79" s="236">
        <f t="shared" ref="I79:I142" si="20">((0.27*(LOG($H79)))+(0.36*(LOG(($G79*1000)/101)))+1.236)*10</f>
        <v>11.802203635640677</v>
      </c>
      <c r="J79" s="237">
        <f t="shared" si="9"/>
        <v>1.8022036356406765</v>
      </c>
      <c r="K79" s="237">
        <f t="shared" ref="K79:K142" si="21">$I79*$C79</f>
        <v>5.8420907996421345</v>
      </c>
      <c r="L79" s="237">
        <f t="shared" si="10"/>
        <v>0.90470622509161958</v>
      </c>
      <c r="M79" s="236">
        <f t="shared" ref="M79:M142" si="22">(($G79*1000)-$K79)/$L79</f>
        <v>47.460609874779557</v>
      </c>
      <c r="N79" s="236">
        <f t="shared" ref="N79:N142" si="23">(($E79*1000)/(($G79*1000)-$K79))*100</f>
        <v>1.8631554607538565</v>
      </c>
      <c r="O79" s="236">
        <f t="shared" si="11"/>
        <v>2.3319696694963237</v>
      </c>
      <c r="P79" s="236" t="str">
        <f t="shared" si="12"/>
        <v>SAND</v>
      </c>
      <c r="Q79" s="236" t="e">
        <f t="shared" ref="Q79:Q142" si="24">IF(P79="CLAY",($G79*1000 -$K79)/$L$8,#N/A)</f>
        <v>#N/A</v>
      </c>
      <c r="R79" s="238">
        <v>35</v>
      </c>
      <c r="S79" s="236" t="e">
        <f t="shared" si="13"/>
        <v>#N/A</v>
      </c>
      <c r="T79" s="236">
        <f t="shared" si="15"/>
        <v>36.039666461212136</v>
      </c>
    </row>
    <row r="80" spans="1:20" x14ac:dyDescent="0.2">
      <c r="A80" s="53">
        <f t="shared" si="16"/>
        <v>68</v>
      </c>
      <c r="B80" s="239">
        <v>0.50900000000000001</v>
      </c>
      <c r="C80" s="3">
        <f t="shared" si="17"/>
        <v>0.502</v>
      </c>
      <c r="D80" s="239">
        <v>4.4699999999999997E-2</v>
      </c>
      <c r="E80" s="239">
        <v>6.9999999999999999E-4</v>
      </c>
      <c r="F80" s="239">
        <v>2.47E-2</v>
      </c>
      <c r="G80">
        <f t="shared" si="18"/>
        <v>4.9639999999999997E-2</v>
      </c>
      <c r="H80" s="235">
        <f t="shared" si="19"/>
        <v>1.4101531023368252</v>
      </c>
      <c r="I80" s="236">
        <f t="shared" si="20"/>
        <v>11.652456357965004</v>
      </c>
      <c r="J80" s="237">
        <f t="shared" ref="J80:J143" si="25">$I80-10</f>
        <v>1.6524563579650042</v>
      </c>
      <c r="K80" s="237">
        <f t="shared" si="21"/>
        <v>5.8495330916984321</v>
      </c>
      <c r="L80" s="237">
        <f t="shared" ref="L80:L143" si="26">$J80*$B80</f>
        <v>0.8411002862041872</v>
      </c>
      <c r="M80" s="236">
        <f t="shared" si="22"/>
        <v>52.063312338085332</v>
      </c>
      <c r="N80" s="236">
        <f t="shared" si="23"/>
        <v>1.5985214349639596</v>
      </c>
      <c r="O80" s="236">
        <f t="shared" ref="O80:O143" si="27">((3.47-LOG($M80))^2+(LOG($N80)+1.22)^2)^0.5</f>
        <v>2.2586777129744582</v>
      </c>
      <c r="P80" s="236" t="str">
        <f t="shared" ref="P80:P143" si="28">IF(O80&lt;2.6,"SAND","CLAY")</f>
        <v>SAND</v>
      </c>
      <c r="Q80" s="236" t="e">
        <f t="shared" si="24"/>
        <v>#N/A</v>
      </c>
      <c r="R80" s="238">
        <v>35</v>
      </c>
      <c r="S80" s="236" t="e">
        <f t="shared" ref="S80:S143" si="29">IF(P80="SAND",#N/A,0.25*($M80)^1.25)</f>
        <v>#N/A</v>
      </c>
      <c r="T80" s="236">
        <f t="shared" si="15"/>
        <v>36.48184974557573</v>
      </c>
    </row>
    <row r="81" spans="1:20" x14ac:dyDescent="0.2">
      <c r="A81" s="53">
        <f t="shared" si="16"/>
        <v>69</v>
      </c>
      <c r="B81" s="239">
        <v>0.51600000000000001</v>
      </c>
      <c r="C81" s="3">
        <f t="shared" si="17"/>
        <v>0.50900000000000001</v>
      </c>
      <c r="D81" s="239">
        <v>4.5600000000000002E-2</v>
      </c>
      <c r="E81" s="239">
        <v>6.9999999999999999E-4</v>
      </c>
      <c r="F81" s="239">
        <v>2.47E-2</v>
      </c>
      <c r="G81">
        <f t="shared" si="18"/>
        <v>5.0540000000000002E-2</v>
      </c>
      <c r="H81" s="235">
        <f t="shared" si="19"/>
        <v>1.3850415512465373</v>
      </c>
      <c r="I81" s="236">
        <f t="shared" si="20"/>
        <v>11.659479476246485</v>
      </c>
      <c r="J81" s="237">
        <f t="shared" si="25"/>
        <v>1.6594794762464851</v>
      </c>
      <c r="K81" s="237">
        <f t="shared" si="21"/>
        <v>5.9346750534094612</v>
      </c>
      <c r="L81" s="237">
        <f t="shared" si="26"/>
        <v>0.85629140974318629</v>
      </c>
      <c r="M81" s="236">
        <f t="shared" si="22"/>
        <v>52.091290930932374</v>
      </c>
      <c r="N81" s="236">
        <f t="shared" si="23"/>
        <v>1.5693193600498707</v>
      </c>
      <c r="O81" s="236">
        <f t="shared" si="27"/>
        <v>2.2534575923193363</v>
      </c>
      <c r="P81" s="236" t="str">
        <f t="shared" si="28"/>
        <v>SAND</v>
      </c>
      <c r="Q81" s="236" t="e">
        <f t="shared" si="24"/>
        <v>#N/A</v>
      </c>
      <c r="R81" s="238">
        <v>35</v>
      </c>
      <c r="S81" s="236" t="e">
        <f t="shared" si="29"/>
        <v>#N/A</v>
      </c>
      <c r="T81" s="236">
        <f t="shared" si="15"/>
        <v>36.484416323189265</v>
      </c>
    </row>
    <row r="82" spans="1:20" x14ac:dyDescent="0.2">
      <c r="A82" s="53">
        <f t="shared" si="16"/>
        <v>70</v>
      </c>
      <c r="B82" s="239">
        <v>0.52400000000000002</v>
      </c>
      <c r="C82" s="3">
        <f t="shared" si="17"/>
        <v>0.51700000000000002</v>
      </c>
      <c r="D82" s="239">
        <v>4.5199999999999997E-2</v>
      </c>
      <c r="E82" s="239">
        <v>8.0000000000000004E-4</v>
      </c>
      <c r="F82" s="239">
        <v>2.4899999999999999E-2</v>
      </c>
      <c r="G82">
        <f t="shared" si="18"/>
        <v>5.0179999999999995E-2</v>
      </c>
      <c r="H82" s="235">
        <f t="shared" si="19"/>
        <v>1.5942606616181749</v>
      </c>
      <c r="I82" s="236">
        <f t="shared" si="20"/>
        <v>11.813263610541467</v>
      </c>
      <c r="J82" s="237">
        <f t="shared" si="25"/>
        <v>1.8132636105414672</v>
      </c>
      <c r="K82" s="237">
        <f t="shared" si="21"/>
        <v>6.1074572866499386</v>
      </c>
      <c r="L82" s="237">
        <f t="shared" si="26"/>
        <v>0.95015013192372888</v>
      </c>
      <c r="M82" s="236">
        <f t="shared" si="22"/>
        <v>46.384819864328428</v>
      </c>
      <c r="N82" s="236">
        <f t="shared" si="23"/>
        <v>1.8151891194552552</v>
      </c>
      <c r="O82" s="236">
        <f t="shared" si="27"/>
        <v>2.3324386192848157</v>
      </c>
      <c r="P82" s="236" t="str">
        <f t="shared" si="28"/>
        <v>SAND</v>
      </c>
      <c r="Q82" s="236" t="e">
        <f t="shared" si="24"/>
        <v>#N/A</v>
      </c>
      <c r="R82" s="238">
        <v>35</v>
      </c>
      <c r="S82" s="236" t="e">
        <f t="shared" si="29"/>
        <v>#N/A</v>
      </c>
      <c r="T82" s="236">
        <f t="shared" si="15"/>
        <v>35.930134617872575</v>
      </c>
    </row>
    <row r="83" spans="1:20" x14ac:dyDescent="0.2">
      <c r="A83" s="53">
        <f t="shared" si="16"/>
        <v>71</v>
      </c>
      <c r="B83" s="239">
        <v>0.53200000000000003</v>
      </c>
      <c r="C83" s="3">
        <f t="shared" si="17"/>
        <v>0.52500000000000002</v>
      </c>
      <c r="D83" s="239">
        <v>4.5600000000000002E-2</v>
      </c>
      <c r="E83" s="239">
        <v>5.9999999999999995E-4</v>
      </c>
      <c r="F83" s="239">
        <v>2.53E-2</v>
      </c>
      <c r="G83">
        <f t="shared" si="18"/>
        <v>5.0659999999999997E-2</v>
      </c>
      <c r="H83" s="235">
        <f t="shared" si="19"/>
        <v>1.1843663639952624</v>
      </c>
      <c r="I83" s="236">
        <f t="shared" si="20"/>
        <v>11.479650097327401</v>
      </c>
      <c r="J83" s="237">
        <f t="shared" si="25"/>
        <v>1.4796500973274007</v>
      </c>
      <c r="K83" s="237">
        <f t="shared" si="21"/>
        <v>6.0268163010968854</v>
      </c>
      <c r="L83" s="237">
        <f t="shared" si="26"/>
        <v>0.78717385177817722</v>
      </c>
      <c r="M83" s="236">
        <f t="shared" si="22"/>
        <v>56.700541561536248</v>
      </c>
      <c r="N83" s="236">
        <f t="shared" si="23"/>
        <v>1.3442912879520743</v>
      </c>
      <c r="O83" s="236">
        <f t="shared" si="27"/>
        <v>2.182775133396055</v>
      </c>
      <c r="P83" s="236" t="str">
        <f t="shared" si="28"/>
        <v>SAND</v>
      </c>
      <c r="Q83" s="236" t="e">
        <f t="shared" si="24"/>
        <v>#N/A</v>
      </c>
      <c r="R83" s="238">
        <v>35</v>
      </c>
      <c r="S83" s="236" t="e">
        <f t="shared" si="29"/>
        <v>#N/A</v>
      </c>
      <c r="T83" s="236">
        <f t="shared" si="15"/>
        <v>36.88945927668793</v>
      </c>
    </row>
    <row r="84" spans="1:20" x14ac:dyDescent="0.2">
      <c r="A84" s="53">
        <f t="shared" si="16"/>
        <v>72</v>
      </c>
      <c r="B84" s="239">
        <v>0.53900000000000003</v>
      </c>
      <c r="C84" s="3">
        <f t="shared" si="17"/>
        <v>0.53200000000000003</v>
      </c>
      <c r="D84" s="239">
        <v>4.6199999999999998E-2</v>
      </c>
      <c r="E84" s="239">
        <v>5.9999999999999995E-4</v>
      </c>
      <c r="F84" s="239">
        <v>2.5600000000000001E-2</v>
      </c>
      <c r="G84">
        <f t="shared" si="18"/>
        <v>5.1319999999999998E-2</v>
      </c>
      <c r="H84" s="235">
        <f t="shared" si="19"/>
        <v>1.1691348402182384</v>
      </c>
      <c r="I84" s="236">
        <f t="shared" si="20"/>
        <v>11.484709413350927</v>
      </c>
      <c r="J84" s="237">
        <f t="shared" si="25"/>
        <v>1.4847094133509273</v>
      </c>
      <c r="K84" s="237">
        <f t="shared" si="21"/>
        <v>6.1098654079026939</v>
      </c>
      <c r="L84" s="237">
        <f t="shared" si="26"/>
        <v>0.80025837379614984</v>
      </c>
      <c r="M84" s="236">
        <f t="shared" si="22"/>
        <v>56.49442239215319</v>
      </c>
      <c r="N84" s="236">
        <f t="shared" si="23"/>
        <v>1.3271360623307666</v>
      </c>
      <c r="O84" s="236">
        <f t="shared" si="27"/>
        <v>2.1805794549240649</v>
      </c>
      <c r="P84" s="236" t="str">
        <f t="shared" si="28"/>
        <v>SAND</v>
      </c>
      <c r="Q84" s="236" t="e">
        <f t="shared" si="24"/>
        <v>#N/A</v>
      </c>
      <c r="R84" s="238">
        <v>35</v>
      </c>
      <c r="S84" s="236" t="e">
        <f t="shared" si="29"/>
        <v>#N/A</v>
      </c>
      <c r="T84" s="236">
        <f t="shared" si="15"/>
        <v>36.872061299771246</v>
      </c>
    </row>
    <row r="85" spans="1:20" x14ac:dyDescent="0.2">
      <c r="A85" s="53">
        <f t="shared" si="16"/>
        <v>73</v>
      </c>
      <c r="B85" s="239">
        <v>0.54600000000000004</v>
      </c>
      <c r="C85" s="3">
        <f t="shared" si="17"/>
        <v>0.53900000000000003</v>
      </c>
      <c r="D85" s="239">
        <v>4.6300000000000001E-2</v>
      </c>
      <c r="E85" s="239">
        <v>5.9999999999999995E-4</v>
      </c>
      <c r="F85" s="239">
        <v>2.5499999999999998E-2</v>
      </c>
      <c r="G85">
        <f t="shared" si="18"/>
        <v>5.1400000000000001E-2</v>
      </c>
      <c r="H85" s="235">
        <f t="shared" si="19"/>
        <v>1.1673151750972761</v>
      </c>
      <c r="I85" s="236">
        <f t="shared" si="20"/>
        <v>11.485318237514072</v>
      </c>
      <c r="J85" s="237">
        <f t="shared" si="25"/>
        <v>1.4853182375140719</v>
      </c>
      <c r="K85" s="237">
        <f t="shared" si="21"/>
        <v>6.1905865300200853</v>
      </c>
      <c r="L85" s="237">
        <f t="shared" si="26"/>
        <v>0.81098375768268327</v>
      </c>
      <c r="M85" s="236">
        <f t="shared" si="22"/>
        <v>55.746385845213403</v>
      </c>
      <c r="N85" s="236">
        <f t="shared" si="23"/>
        <v>1.3271572310895245</v>
      </c>
      <c r="O85" s="236">
        <f t="shared" si="27"/>
        <v>2.1851474369628643</v>
      </c>
      <c r="P85" s="236" t="str">
        <f t="shared" si="28"/>
        <v>SAND</v>
      </c>
      <c r="Q85" s="236" t="e">
        <f t="shared" si="24"/>
        <v>#N/A</v>
      </c>
      <c r="R85" s="238">
        <v>35</v>
      </c>
      <c r="S85" s="236" t="e">
        <f t="shared" si="29"/>
        <v>#N/A</v>
      </c>
      <c r="T85" s="236">
        <f t="shared" si="15"/>
        <v>36.808383880546231</v>
      </c>
    </row>
    <row r="86" spans="1:20" x14ac:dyDescent="0.2">
      <c r="A86" s="53">
        <f t="shared" si="16"/>
        <v>74</v>
      </c>
      <c r="B86" s="239">
        <v>0.55400000000000005</v>
      </c>
      <c r="C86" s="3">
        <f t="shared" si="17"/>
        <v>0.54700000000000004</v>
      </c>
      <c r="D86" s="239">
        <v>4.65E-2</v>
      </c>
      <c r="E86" s="239">
        <v>5.9999999999999995E-4</v>
      </c>
      <c r="F86" s="239">
        <v>2.5700000000000001E-2</v>
      </c>
      <c r="G86">
        <f t="shared" si="18"/>
        <v>5.1639999999999998E-2</v>
      </c>
      <c r="H86" s="235">
        <f t="shared" si="19"/>
        <v>1.1618900077459333</v>
      </c>
      <c r="I86" s="236">
        <f t="shared" si="20"/>
        <v>11.487139040653268</v>
      </c>
      <c r="J86" s="237">
        <f t="shared" si="25"/>
        <v>1.4871390406532683</v>
      </c>
      <c r="K86" s="237">
        <f t="shared" si="21"/>
        <v>6.2834650552373379</v>
      </c>
      <c r="L86" s="237">
        <f t="shared" si="26"/>
        <v>0.82387502852191075</v>
      </c>
      <c r="M86" s="236">
        <f t="shared" si="22"/>
        <v>55.052688058934677</v>
      </c>
      <c r="N86" s="236">
        <f t="shared" si="23"/>
        <v>1.3228523755853669</v>
      </c>
      <c r="O86" s="236">
        <f t="shared" si="27"/>
        <v>2.1885748061659833</v>
      </c>
      <c r="P86" s="236" t="str">
        <f t="shared" si="28"/>
        <v>SAND</v>
      </c>
      <c r="Q86" s="236" t="e">
        <f t="shared" si="24"/>
        <v>#N/A</v>
      </c>
      <c r="R86" s="238">
        <v>35</v>
      </c>
      <c r="S86" s="236" t="e">
        <f t="shared" si="29"/>
        <v>#N/A</v>
      </c>
      <c r="T86" s="236">
        <f t="shared" si="15"/>
        <v>36.748563820459495</v>
      </c>
    </row>
    <row r="87" spans="1:20" x14ac:dyDescent="0.2">
      <c r="A87" s="53">
        <f t="shared" si="16"/>
        <v>75</v>
      </c>
      <c r="B87" s="239">
        <v>0.56100000000000005</v>
      </c>
      <c r="C87" s="3">
        <f t="shared" si="17"/>
        <v>0.55400000000000005</v>
      </c>
      <c r="D87" s="239">
        <v>4.7500000000000001E-2</v>
      </c>
      <c r="E87" s="239">
        <v>5.0000000000000001E-4</v>
      </c>
      <c r="F87" s="239">
        <v>2.63E-2</v>
      </c>
      <c r="G87">
        <f t="shared" si="18"/>
        <v>5.2760000000000001E-2</v>
      </c>
      <c r="H87" s="235">
        <f t="shared" si="19"/>
        <v>0.94768764215314627</v>
      </c>
      <c r="I87" s="236">
        <f t="shared" si="20"/>
        <v>11.281736374276631</v>
      </c>
      <c r="J87" s="237">
        <f t="shared" si="25"/>
        <v>1.2817363742766315</v>
      </c>
      <c r="K87" s="237">
        <f t="shared" si="21"/>
        <v>6.2500819513492543</v>
      </c>
      <c r="L87" s="237">
        <f t="shared" si="26"/>
        <v>0.71905410596919028</v>
      </c>
      <c r="M87" s="236">
        <f t="shared" si="22"/>
        <v>64.682083952446803</v>
      </c>
      <c r="N87" s="236">
        <f t="shared" si="23"/>
        <v>1.0750395205534125</v>
      </c>
      <c r="O87" s="236">
        <f t="shared" si="27"/>
        <v>2.0782350267556509</v>
      </c>
      <c r="P87" s="236" t="str">
        <f t="shared" si="28"/>
        <v>SAND</v>
      </c>
      <c r="Q87" s="236" t="e">
        <f t="shared" si="24"/>
        <v>#N/A</v>
      </c>
      <c r="R87" s="238">
        <v>35</v>
      </c>
      <c r="S87" s="236" t="e">
        <f t="shared" si="29"/>
        <v>#N/A</v>
      </c>
      <c r="T87" s="236">
        <f t="shared" si="15"/>
        <v>37.5186240410046</v>
      </c>
    </row>
    <row r="88" spans="1:20" x14ac:dyDescent="0.2">
      <c r="A88" s="53">
        <f t="shared" si="16"/>
        <v>76</v>
      </c>
      <c r="B88" s="239">
        <v>0.56799999999999995</v>
      </c>
      <c r="C88" s="3">
        <f t="shared" si="17"/>
        <v>0.56099999999999994</v>
      </c>
      <c r="D88" s="239">
        <v>4.6800000000000001E-2</v>
      </c>
      <c r="E88" s="239">
        <v>5.9999999999999995E-4</v>
      </c>
      <c r="F88" s="239">
        <v>2.7099999999999999E-2</v>
      </c>
      <c r="G88">
        <f t="shared" si="18"/>
        <v>5.2220000000000003E-2</v>
      </c>
      <c r="H88" s="235">
        <f t="shared" si="19"/>
        <v>1.1489850631941783</v>
      </c>
      <c r="I88" s="236">
        <f t="shared" si="20"/>
        <v>11.491504611156557</v>
      </c>
      <c r="J88" s="237">
        <f t="shared" si="25"/>
        <v>1.4915046111565573</v>
      </c>
      <c r="K88" s="237">
        <f t="shared" si="21"/>
        <v>6.4467340868588279</v>
      </c>
      <c r="L88" s="237">
        <f t="shared" si="26"/>
        <v>0.84717461913692449</v>
      </c>
      <c r="M88" s="236">
        <f t="shared" si="22"/>
        <v>54.030497230634197</v>
      </c>
      <c r="N88" s="236">
        <f t="shared" si="23"/>
        <v>1.3108088051627189</v>
      </c>
      <c r="O88" s="236">
        <f t="shared" si="27"/>
        <v>2.1925863452409966</v>
      </c>
      <c r="P88" s="236" t="str">
        <f t="shared" si="28"/>
        <v>SAND</v>
      </c>
      <c r="Q88" s="236" t="e">
        <f t="shared" si="24"/>
        <v>#N/A</v>
      </c>
      <c r="R88" s="238">
        <v>35</v>
      </c>
      <c r="S88" s="236" t="e">
        <f t="shared" si="29"/>
        <v>#N/A</v>
      </c>
      <c r="T88" s="236">
        <f t="shared" si="15"/>
        <v>36.659028607002909</v>
      </c>
    </row>
    <row r="89" spans="1:20" x14ac:dyDescent="0.2">
      <c r="A89" s="53">
        <f t="shared" si="16"/>
        <v>77</v>
      </c>
      <c r="B89" s="239">
        <v>0.57599999999999996</v>
      </c>
      <c r="C89" s="3">
        <f t="shared" si="17"/>
        <v>0.56899999999999995</v>
      </c>
      <c r="D89" s="239">
        <v>4.7100000000000003E-2</v>
      </c>
      <c r="E89" s="239">
        <v>5.9999999999999995E-4</v>
      </c>
      <c r="F89" s="239">
        <v>2.7699999999999999E-2</v>
      </c>
      <c r="G89">
        <f t="shared" si="18"/>
        <v>5.2639999999999999E-2</v>
      </c>
      <c r="H89" s="235">
        <f t="shared" si="19"/>
        <v>1.1398176291793314</v>
      </c>
      <c r="I89" s="236">
        <f t="shared" si="20"/>
        <v>11.494635722963633</v>
      </c>
      <c r="J89" s="237">
        <f t="shared" si="25"/>
        <v>1.4946357229636327</v>
      </c>
      <c r="K89" s="237">
        <f t="shared" si="21"/>
        <v>6.5404477263663061</v>
      </c>
      <c r="L89" s="237">
        <f t="shared" si="26"/>
        <v>0.86091017642705236</v>
      </c>
      <c r="M89" s="236">
        <f t="shared" si="22"/>
        <v>53.547458882360942</v>
      </c>
      <c r="N89" s="236">
        <f t="shared" si="23"/>
        <v>1.3015310787371046</v>
      </c>
      <c r="O89" s="236">
        <f t="shared" si="27"/>
        <v>2.1938001877536975</v>
      </c>
      <c r="P89" s="236" t="str">
        <f t="shared" si="28"/>
        <v>SAND</v>
      </c>
      <c r="Q89" s="236" t="e">
        <f t="shared" si="24"/>
        <v>#N/A</v>
      </c>
      <c r="R89" s="238">
        <v>35</v>
      </c>
      <c r="S89" s="236" t="e">
        <f t="shared" si="29"/>
        <v>#N/A</v>
      </c>
      <c r="T89" s="236">
        <f t="shared" si="15"/>
        <v>36.616127526284671</v>
      </c>
    </row>
    <row r="90" spans="1:20" x14ac:dyDescent="0.2">
      <c r="A90" s="53">
        <f t="shared" si="16"/>
        <v>78</v>
      </c>
      <c r="B90" s="239">
        <v>0.58299999999999996</v>
      </c>
      <c r="C90" s="3">
        <f t="shared" si="17"/>
        <v>0.57599999999999996</v>
      </c>
      <c r="D90" s="239">
        <v>4.7699999999999999E-2</v>
      </c>
      <c r="E90" s="239">
        <v>5.9999999999999995E-4</v>
      </c>
      <c r="F90" s="239">
        <v>2.81E-2</v>
      </c>
      <c r="G90">
        <f t="shared" si="18"/>
        <v>5.3319999999999999E-2</v>
      </c>
      <c r="H90" s="235">
        <f t="shared" si="19"/>
        <v>1.1252813203300824</v>
      </c>
      <c r="I90" s="236">
        <f t="shared" si="20"/>
        <v>11.499652557085964</v>
      </c>
      <c r="J90" s="237">
        <f t="shared" si="25"/>
        <v>1.4996525570859642</v>
      </c>
      <c r="K90" s="237">
        <f t="shared" si="21"/>
        <v>6.6237998728815146</v>
      </c>
      <c r="L90" s="237">
        <f t="shared" si="26"/>
        <v>0.87429744078111704</v>
      </c>
      <c r="M90" s="236">
        <f t="shared" si="22"/>
        <v>53.409970050237192</v>
      </c>
      <c r="N90" s="236">
        <f t="shared" si="23"/>
        <v>1.2849011233604728</v>
      </c>
      <c r="O90" s="236">
        <f t="shared" si="27"/>
        <v>2.191295195185849</v>
      </c>
      <c r="P90" s="236" t="str">
        <f t="shared" si="28"/>
        <v>SAND</v>
      </c>
      <c r="Q90" s="236" t="e">
        <f t="shared" si="24"/>
        <v>#N/A</v>
      </c>
      <c r="R90" s="238">
        <v>35</v>
      </c>
      <c r="S90" s="236" t="e">
        <f t="shared" si="29"/>
        <v>#N/A</v>
      </c>
      <c r="T90" s="236">
        <f t="shared" si="15"/>
        <v>36.6038456788134</v>
      </c>
    </row>
    <row r="91" spans="1:20" x14ac:dyDescent="0.2">
      <c r="A91" s="53">
        <f t="shared" si="16"/>
        <v>79</v>
      </c>
      <c r="B91" s="239">
        <v>0.59099999999999997</v>
      </c>
      <c r="C91" s="3">
        <f t="shared" si="17"/>
        <v>0.58399999999999996</v>
      </c>
      <c r="D91" s="239">
        <v>4.7399999999999998E-2</v>
      </c>
      <c r="E91" s="239">
        <v>5.9999999999999995E-4</v>
      </c>
      <c r="F91" s="239">
        <v>2.8400000000000002E-2</v>
      </c>
      <c r="G91">
        <f t="shared" si="18"/>
        <v>5.3079999999999995E-2</v>
      </c>
      <c r="H91" s="235">
        <f t="shared" si="19"/>
        <v>1.1303692539562924</v>
      </c>
      <c r="I91" s="236">
        <f t="shared" si="20"/>
        <v>11.497889253191483</v>
      </c>
      <c r="J91" s="237">
        <f t="shared" si="25"/>
        <v>1.4978892531914827</v>
      </c>
      <c r="K91" s="237">
        <f t="shared" si="21"/>
        <v>6.7147673238638257</v>
      </c>
      <c r="L91" s="237">
        <f t="shared" si="26"/>
        <v>0.8852525486361662</v>
      </c>
      <c r="M91" s="236">
        <f t="shared" si="22"/>
        <v>52.375147349270179</v>
      </c>
      <c r="N91" s="236">
        <f t="shared" si="23"/>
        <v>1.2940730917733867</v>
      </c>
      <c r="O91" s="236">
        <f t="shared" si="27"/>
        <v>2.1999265046743823</v>
      </c>
      <c r="P91" s="236" t="str">
        <f t="shared" si="28"/>
        <v>SAND</v>
      </c>
      <c r="Q91" s="236" t="e">
        <f t="shared" si="24"/>
        <v>#N/A</v>
      </c>
      <c r="R91" s="238">
        <v>35</v>
      </c>
      <c r="S91" s="236" t="e">
        <f t="shared" si="29"/>
        <v>#N/A</v>
      </c>
      <c r="T91" s="236">
        <f t="shared" si="15"/>
        <v>36.510377835750987</v>
      </c>
    </row>
    <row r="92" spans="1:20" x14ac:dyDescent="0.2">
      <c r="A92" s="53">
        <f t="shared" si="16"/>
        <v>80</v>
      </c>
      <c r="B92" s="239">
        <v>0.59799999999999998</v>
      </c>
      <c r="C92" s="3">
        <f t="shared" si="17"/>
        <v>0.59099999999999997</v>
      </c>
      <c r="D92" s="239">
        <v>4.7600000000000003E-2</v>
      </c>
      <c r="E92" s="239">
        <v>5.9999999999999995E-4</v>
      </c>
      <c r="F92" s="239">
        <v>2.86E-2</v>
      </c>
      <c r="G92">
        <f t="shared" si="18"/>
        <v>5.3319999999999999E-2</v>
      </c>
      <c r="H92" s="235">
        <f t="shared" si="19"/>
        <v>1.1252813203300824</v>
      </c>
      <c r="I92" s="236">
        <f t="shared" si="20"/>
        <v>11.499652557085964</v>
      </c>
      <c r="J92" s="237">
        <f t="shared" si="25"/>
        <v>1.4996525570859642</v>
      </c>
      <c r="K92" s="237">
        <f t="shared" si="21"/>
        <v>6.7962946612378046</v>
      </c>
      <c r="L92" s="237">
        <f t="shared" si="26"/>
        <v>0.89679222913740653</v>
      </c>
      <c r="M92" s="236">
        <f t="shared" si="22"/>
        <v>51.877908647259069</v>
      </c>
      <c r="N92" s="236">
        <f t="shared" si="23"/>
        <v>1.2896651193861324</v>
      </c>
      <c r="O92" s="236">
        <f t="shared" si="27"/>
        <v>2.2023295599189372</v>
      </c>
      <c r="P92" s="236" t="str">
        <f t="shared" si="28"/>
        <v>SAND</v>
      </c>
      <c r="Q92" s="236" t="e">
        <f t="shared" si="24"/>
        <v>#N/A</v>
      </c>
      <c r="R92" s="238">
        <v>35</v>
      </c>
      <c r="S92" s="236" t="e">
        <f t="shared" si="29"/>
        <v>#N/A</v>
      </c>
      <c r="T92" s="236">
        <f t="shared" si="15"/>
        <v>36.464807060694291</v>
      </c>
    </row>
    <row r="93" spans="1:20" x14ac:dyDescent="0.2">
      <c r="A93" s="53">
        <f t="shared" si="16"/>
        <v>81</v>
      </c>
      <c r="B93" s="239">
        <v>0.60699999999999998</v>
      </c>
      <c r="C93" s="3">
        <f t="shared" si="17"/>
        <v>0.6</v>
      </c>
      <c r="D93" s="239">
        <v>4.7899999999999998E-2</v>
      </c>
      <c r="E93" s="239">
        <v>5.9999999999999995E-4</v>
      </c>
      <c r="F93" s="239">
        <v>2.86E-2</v>
      </c>
      <c r="G93">
        <f t="shared" si="18"/>
        <v>5.3619999999999994E-2</v>
      </c>
      <c r="H93" s="235">
        <f t="shared" si="19"/>
        <v>1.1189854531891086</v>
      </c>
      <c r="I93" s="236">
        <f t="shared" si="20"/>
        <v>11.501845559100499</v>
      </c>
      <c r="J93" s="237">
        <f t="shared" si="25"/>
        <v>1.5018455591004987</v>
      </c>
      <c r="K93" s="237">
        <f t="shared" si="21"/>
        <v>6.9011073354602992</v>
      </c>
      <c r="L93" s="237">
        <f t="shared" si="26"/>
        <v>0.91162025437400263</v>
      </c>
      <c r="M93" s="236">
        <f t="shared" si="22"/>
        <v>51.248195112361707</v>
      </c>
      <c r="N93" s="236">
        <f t="shared" si="23"/>
        <v>1.2842770146720719</v>
      </c>
      <c r="O93" s="236">
        <f t="shared" si="27"/>
        <v>2.2054626470124772</v>
      </c>
      <c r="P93" s="236" t="str">
        <f t="shared" si="28"/>
        <v>SAND</v>
      </c>
      <c r="Q93" s="236" t="e">
        <f t="shared" si="24"/>
        <v>#N/A</v>
      </c>
      <c r="R93" s="238">
        <v>35</v>
      </c>
      <c r="S93" s="236" t="e">
        <f t="shared" si="29"/>
        <v>#N/A</v>
      </c>
      <c r="T93" s="236">
        <f t="shared" si="15"/>
        <v>36.406464322479053</v>
      </c>
    </row>
    <row r="94" spans="1:20" x14ac:dyDescent="0.2">
      <c r="A94" s="53">
        <f t="shared" si="16"/>
        <v>82</v>
      </c>
      <c r="B94" s="239">
        <v>0.61399999999999999</v>
      </c>
      <c r="C94" s="3">
        <f t="shared" si="17"/>
        <v>0.60699999999999998</v>
      </c>
      <c r="D94" s="239">
        <v>4.7600000000000003E-2</v>
      </c>
      <c r="E94" s="239">
        <v>5.9999999999999995E-4</v>
      </c>
      <c r="F94" s="239">
        <v>2.8500000000000001E-2</v>
      </c>
      <c r="G94">
        <f t="shared" si="18"/>
        <v>5.33E-2</v>
      </c>
      <c r="H94" s="235">
        <f t="shared" si="19"/>
        <v>1.1257035647279547</v>
      </c>
      <c r="I94" s="236">
        <f t="shared" si="20"/>
        <v>11.499505918542239</v>
      </c>
      <c r="J94" s="237">
        <f t="shared" si="25"/>
        <v>1.4995059185422388</v>
      </c>
      <c r="K94" s="237">
        <f t="shared" si="21"/>
        <v>6.9802000925551386</v>
      </c>
      <c r="L94" s="237">
        <f t="shared" si="26"/>
        <v>0.92069663398493462</v>
      </c>
      <c r="M94" s="236">
        <f t="shared" si="22"/>
        <v>50.309513685267575</v>
      </c>
      <c r="N94" s="236">
        <f t="shared" si="23"/>
        <v>1.2953423831685498</v>
      </c>
      <c r="O94" s="236">
        <f t="shared" si="27"/>
        <v>2.2141160670482476</v>
      </c>
      <c r="P94" s="236" t="str">
        <f t="shared" si="28"/>
        <v>SAND</v>
      </c>
      <c r="Q94" s="236" t="e">
        <f t="shared" si="24"/>
        <v>#N/A</v>
      </c>
      <c r="R94" s="238">
        <v>35</v>
      </c>
      <c r="S94" s="236" t="e">
        <f t="shared" si="29"/>
        <v>#N/A</v>
      </c>
      <c r="T94" s="236">
        <f t="shared" si="15"/>
        <v>36.31815131182988</v>
      </c>
    </row>
    <row r="95" spans="1:20" x14ac:dyDescent="0.2">
      <c r="A95" s="53">
        <f t="shared" si="16"/>
        <v>83</v>
      </c>
      <c r="B95" s="239">
        <v>0.621</v>
      </c>
      <c r="C95" s="3">
        <f t="shared" si="17"/>
        <v>0.61399999999999999</v>
      </c>
      <c r="D95" s="239">
        <v>4.82E-2</v>
      </c>
      <c r="E95" s="239">
        <v>5.9999999999999995E-4</v>
      </c>
      <c r="F95" s="239">
        <v>2.8299999999999999E-2</v>
      </c>
      <c r="G95">
        <f t="shared" si="18"/>
        <v>5.3859999999999998E-2</v>
      </c>
      <c r="H95" s="235">
        <f t="shared" si="19"/>
        <v>1.1139992573338284</v>
      </c>
      <c r="I95" s="236">
        <f t="shared" si="20"/>
        <v>11.503591144586267</v>
      </c>
      <c r="J95" s="237">
        <f t="shared" si="25"/>
        <v>1.5035911445862666</v>
      </c>
      <c r="K95" s="237">
        <f t="shared" si="21"/>
        <v>7.0632049627759672</v>
      </c>
      <c r="L95" s="237">
        <f t="shared" si="26"/>
        <v>0.93373010078807162</v>
      </c>
      <c r="M95" s="236">
        <f t="shared" si="22"/>
        <v>50.118117642054557</v>
      </c>
      <c r="N95" s="236">
        <f t="shared" si="23"/>
        <v>1.2821390856419466</v>
      </c>
      <c r="O95" s="236">
        <f t="shared" si="27"/>
        <v>2.212765309760945</v>
      </c>
      <c r="P95" s="236" t="str">
        <f t="shared" si="28"/>
        <v>SAND</v>
      </c>
      <c r="Q95" s="236" t="e">
        <f t="shared" si="24"/>
        <v>#N/A</v>
      </c>
      <c r="R95" s="238">
        <v>35</v>
      </c>
      <c r="S95" s="236" t="e">
        <f t="shared" si="29"/>
        <v>#N/A</v>
      </c>
      <c r="T95" s="236">
        <f t="shared" si="15"/>
        <v>36.299942263292138</v>
      </c>
    </row>
    <row r="96" spans="1:20" x14ac:dyDescent="0.2">
      <c r="A96" s="53">
        <f t="shared" si="16"/>
        <v>84</v>
      </c>
      <c r="B96" s="239">
        <v>0.629</v>
      </c>
      <c r="C96" s="3">
        <f t="shared" si="17"/>
        <v>0.622</v>
      </c>
      <c r="D96" s="239">
        <v>4.9099999999999998E-2</v>
      </c>
      <c r="E96" s="239">
        <v>5.0000000000000001E-4</v>
      </c>
      <c r="F96" s="239">
        <v>2.8299999999999999E-2</v>
      </c>
      <c r="G96">
        <f t="shared" si="18"/>
        <v>5.4759999999999996E-2</v>
      </c>
      <c r="H96" s="235">
        <f t="shared" si="19"/>
        <v>0.91307523739956187</v>
      </c>
      <c r="I96" s="236">
        <f t="shared" si="20"/>
        <v>11.296279161605494</v>
      </c>
      <c r="J96" s="237">
        <f t="shared" si="25"/>
        <v>1.2962791616054936</v>
      </c>
      <c r="K96" s="237">
        <f t="shared" si="21"/>
        <v>7.0262856385186172</v>
      </c>
      <c r="L96" s="237">
        <f t="shared" si="26"/>
        <v>0.81535959264985547</v>
      </c>
      <c r="M96" s="236">
        <f t="shared" si="22"/>
        <v>58.54314438903026</v>
      </c>
      <c r="N96" s="236">
        <f t="shared" si="23"/>
        <v>1.0474776720989347</v>
      </c>
      <c r="O96" s="236">
        <f t="shared" si="27"/>
        <v>2.10631120181871</v>
      </c>
      <c r="P96" s="236" t="str">
        <f t="shared" si="28"/>
        <v>SAND</v>
      </c>
      <c r="Q96" s="236" t="e">
        <f t="shared" si="24"/>
        <v>#N/A</v>
      </c>
      <c r="R96" s="238">
        <v>35</v>
      </c>
      <c r="S96" s="236" t="e">
        <f t="shared" si="29"/>
        <v>#N/A</v>
      </c>
      <c r="T96" s="236">
        <f t="shared" si="15"/>
        <v>37.042236494487852</v>
      </c>
    </row>
    <row r="97" spans="1:20" x14ac:dyDescent="0.2">
      <c r="A97" s="53">
        <f t="shared" si="16"/>
        <v>85</v>
      </c>
      <c r="B97" s="239">
        <v>0.63700000000000001</v>
      </c>
      <c r="C97" s="3">
        <f t="shared" si="17"/>
        <v>0.63</v>
      </c>
      <c r="D97" s="239">
        <v>5.04E-2</v>
      </c>
      <c r="E97" s="239">
        <v>5.0000000000000001E-4</v>
      </c>
      <c r="F97" s="239">
        <v>2.8400000000000002E-2</v>
      </c>
      <c r="G97">
        <f t="shared" si="18"/>
        <v>5.6079999999999998E-2</v>
      </c>
      <c r="H97" s="235">
        <f t="shared" si="19"/>
        <v>0.891583452211127</v>
      </c>
      <c r="I97" s="236">
        <f t="shared" si="20"/>
        <v>11.305589270552478</v>
      </c>
      <c r="J97" s="237">
        <f t="shared" si="25"/>
        <v>1.3055892705524776</v>
      </c>
      <c r="K97" s="237">
        <f t="shared" si="21"/>
        <v>7.1225212404480613</v>
      </c>
      <c r="L97" s="237">
        <f t="shared" si="26"/>
        <v>0.83166036534192822</v>
      </c>
      <c r="M97" s="236">
        <f t="shared" si="22"/>
        <v>58.867153948623724</v>
      </c>
      <c r="N97" s="236">
        <f t="shared" si="23"/>
        <v>1.0212944225655136</v>
      </c>
      <c r="O97" s="236">
        <f t="shared" si="27"/>
        <v>2.0979141461905071</v>
      </c>
      <c r="P97" s="236" t="str">
        <f t="shared" si="28"/>
        <v>SAND</v>
      </c>
      <c r="Q97" s="236" t="e">
        <f t="shared" si="24"/>
        <v>#N/A</v>
      </c>
      <c r="R97" s="238">
        <v>35</v>
      </c>
      <c r="S97" s="236" t="e">
        <f t="shared" si="29"/>
        <v>#N/A</v>
      </c>
      <c r="T97" s="236">
        <f t="shared" si="15"/>
        <v>37.068603434240444</v>
      </c>
    </row>
    <row r="98" spans="1:20" x14ac:dyDescent="0.2">
      <c r="A98" s="53">
        <f t="shared" si="16"/>
        <v>86</v>
      </c>
      <c r="B98" s="239">
        <v>0.64400000000000002</v>
      </c>
      <c r="C98" s="3">
        <f t="shared" si="17"/>
        <v>0.63700000000000001</v>
      </c>
      <c r="D98" s="239">
        <v>5.0599999999999999E-2</v>
      </c>
      <c r="E98" s="239">
        <v>5.9999999999999995E-4</v>
      </c>
      <c r="F98" s="239">
        <v>2.8400000000000002E-2</v>
      </c>
      <c r="G98">
        <f t="shared" si="18"/>
        <v>5.6279999999999997E-2</v>
      </c>
      <c r="H98" s="235">
        <f t="shared" si="19"/>
        <v>1.0660980810234542</v>
      </c>
      <c r="I98" s="236">
        <f t="shared" si="20"/>
        <v>11.520770110304762</v>
      </c>
      <c r="J98" s="237">
        <f t="shared" si="25"/>
        <v>1.5207701103047615</v>
      </c>
      <c r="K98" s="237">
        <f t="shared" si="21"/>
        <v>7.3387305602641328</v>
      </c>
      <c r="L98" s="237">
        <f t="shared" si="26"/>
        <v>0.9793759510362664</v>
      </c>
      <c r="M98" s="236">
        <f t="shared" si="22"/>
        <v>49.971892191095428</v>
      </c>
      <c r="N98" s="236">
        <f t="shared" si="23"/>
        <v>1.2259592096171794</v>
      </c>
      <c r="O98" s="236">
        <f t="shared" si="27"/>
        <v>2.2021629839175509</v>
      </c>
      <c r="P98" s="236" t="str">
        <f t="shared" si="28"/>
        <v>SAND</v>
      </c>
      <c r="Q98" s="236" t="e">
        <f t="shared" si="24"/>
        <v>#N/A</v>
      </c>
      <c r="R98" s="238">
        <v>35</v>
      </c>
      <c r="S98" s="236" t="e">
        <f t="shared" si="29"/>
        <v>#N/A</v>
      </c>
      <c r="T98" s="236">
        <f t="shared" si="15"/>
        <v>36.2859837379754</v>
      </c>
    </row>
    <row r="99" spans="1:20" x14ac:dyDescent="0.2">
      <c r="A99" s="53">
        <f t="shared" si="16"/>
        <v>87</v>
      </c>
      <c r="B99" s="239">
        <v>0.65200000000000002</v>
      </c>
      <c r="C99" s="3">
        <f t="shared" si="17"/>
        <v>0.64500000000000002</v>
      </c>
      <c r="D99" s="239">
        <v>5.0500000000000003E-2</v>
      </c>
      <c r="E99" s="239">
        <v>5.9999999999999995E-4</v>
      </c>
      <c r="F99" s="239">
        <v>2.8500000000000001E-2</v>
      </c>
      <c r="G99">
        <f t="shared" si="18"/>
        <v>5.62E-2</v>
      </c>
      <c r="H99" s="235">
        <f t="shared" si="19"/>
        <v>1.0676156583629892</v>
      </c>
      <c r="I99" s="236">
        <f t="shared" si="20"/>
        <v>11.52021411443048</v>
      </c>
      <c r="J99" s="237">
        <f t="shared" si="25"/>
        <v>1.5202141144304804</v>
      </c>
      <c r="K99" s="237">
        <f t="shared" si="21"/>
        <v>7.4305381038076597</v>
      </c>
      <c r="L99" s="237">
        <f t="shared" si="26"/>
        <v>0.99117960260867322</v>
      </c>
      <c r="M99" s="236">
        <f t="shared" si="22"/>
        <v>49.203455930526218</v>
      </c>
      <c r="N99" s="236">
        <f t="shared" si="23"/>
        <v>1.2302780811425045</v>
      </c>
      <c r="O99" s="236">
        <f t="shared" si="27"/>
        <v>2.2084855060054558</v>
      </c>
      <c r="P99" s="236" t="str">
        <f t="shared" si="28"/>
        <v>SAND</v>
      </c>
      <c r="Q99" s="236" t="e">
        <f t="shared" si="24"/>
        <v>#N/A</v>
      </c>
      <c r="R99" s="238">
        <v>35</v>
      </c>
      <c r="S99" s="236" t="e">
        <f t="shared" si="29"/>
        <v>#N/A</v>
      </c>
      <c r="T99" s="236">
        <f t="shared" si="15"/>
        <v>36.21195168384164</v>
      </c>
    </row>
    <row r="100" spans="1:20" x14ac:dyDescent="0.2">
      <c r="A100" s="53">
        <f t="shared" si="16"/>
        <v>88</v>
      </c>
      <c r="B100" s="239">
        <v>0.65900000000000003</v>
      </c>
      <c r="C100" s="3">
        <f t="shared" si="17"/>
        <v>0.65200000000000002</v>
      </c>
      <c r="D100" s="239">
        <v>5.1400000000000001E-2</v>
      </c>
      <c r="E100" s="239">
        <v>5.9999999999999995E-4</v>
      </c>
      <c r="F100" s="239">
        <v>2.8899999999999999E-2</v>
      </c>
      <c r="G100">
        <f t="shared" si="18"/>
        <v>5.7180000000000002E-2</v>
      </c>
      <c r="H100" s="235">
        <f t="shared" si="19"/>
        <v>1.0493179433368309</v>
      </c>
      <c r="I100" s="236">
        <f t="shared" si="20"/>
        <v>11.526971166338098</v>
      </c>
      <c r="J100" s="237">
        <f t="shared" si="25"/>
        <v>1.5269711663380985</v>
      </c>
      <c r="K100" s="237">
        <f t="shared" si="21"/>
        <v>7.5155852004524402</v>
      </c>
      <c r="L100" s="237">
        <f t="shared" si="26"/>
        <v>1.006273998616807</v>
      </c>
      <c r="M100" s="236">
        <f t="shared" si="22"/>
        <v>49.354763084224295</v>
      </c>
      <c r="N100" s="236">
        <f t="shared" si="23"/>
        <v>1.2081084664375548</v>
      </c>
      <c r="O100" s="236">
        <f t="shared" si="27"/>
        <v>2.2027345358701607</v>
      </c>
      <c r="P100" s="236" t="str">
        <f t="shared" si="28"/>
        <v>SAND</v>
      </c>
      <c r="Q100" s="236" t="e">
        <f t="shared" si="24"/>
        <v>#N/A</v>
      </c>
      <c r="R100" s="238">
        <v>35</v>
      </c>
      <c r="S100" s="236" t="e">
        <f t="shared" si="29"/>
        <v>#N/A</v>
      </c>
      <c r="T100" s="236">
        <f t="shared" si="15"/>
        <v>36.226619786740727</v>
      </c>
    </row>
    <row r="101" spans="1:20" x14ac:dyDescent="0.2">
      <c r="A101" s="53">
        <f t="shared" si="16"/>
        <v>89</v>
      </c>
      <c r="B101" s="239">
        <v>0.66700000000000004</v>
      </c>
      <c r="C101" s="3">
        <f t="shared" si="17"/>
        <v>0.66</v>
      </c>
      <c r="D101" s="239">
        <v>5.1900000000000002E-2</v>
      </c>
      <c r="E101" s="239">
        <v>5.0000000000000001E-4</v>
      </c>
      <c r="F101" s="239">
        <v>2.9100000000000001E-2</v>
      </c>
      <c r="G101">
        <f t="shared" si="18"/>
        <v>5.772E-2</v>
      </c>
      <c r="H101" s="235">
        <f t="shared" si="19"/>
        <v>0.86625086625086622</v>
      </c>
      <c r="I101" s="236">
        <f t="shared" si="20"/>
        <v>11.316855756269049</v>
      </c>
      <c r="J101" s="237">
        <f t="shared" si="25"/>
        <v>1.3168557562690495</v>
      </c>
      <c r="K101" s="237">
        <f t="shared" si="21"/>
        <v>7.4691247991375729</v>
      </c>
      <c r="L101" s="237">
        <f t="shared" si="26"/>
        <v>0.87834278943145605</v>
      </c>
      <c r="M101" s="236">
        <f t="shared" si="22"/>
        <v>57.211006688390299</v>
      </c>
      <c r="N101" s="236">
        <f t="shared" si="23"/>
        <v>0.9950075456425459</v>
      </c>
      <c r="O101" s="236">
        <f t="shared" si="27"/>
        <v>2.101386978509701</v>
      </c>
      <c r="P101" s="236" t="str">
        <f t="shared" si="28"/>
        <v>SAND</v>
      </c>
      <c r="Q101" s="236" t="e">
        <f t="shared" si="24"/>
        <v>#N/A</v>
      </c>
      <c r="R101" s="238">
        <v>35</v>
      </c>
      <c r="S101" s="236" t="e">
        <f t="shared" si="29"/>
        <v>#N/A</v>
      </c>
      <c r="T101" s="236">
        <f t="shared" si="15"/>
        <v>36.932275486758314</v>
      </c>
    </row>
    <row r="102" spans="1:20" x14ac:dyDescent="0.2">
      <c r="A102" s="53">
        <f t="shared" si="16"/>
        <v>90</v>
      </c>
      <c r="B102" s="239">
        <v>0.67400000000000004</v>
      </c>
      <c r="C102" s="3">
        <f t="shared" si="17"/>
        <v>0.66700000000000004</v>
      </c>
      <c r="D102" s="239">
        <v>5.2400000000000002E-2</v>
      </c>
      <c r="E102" s="239">
        <v>5.0000000000000001E-4</v>
      </c>
      <c r="F102" s="239">
        <v>2.9100000000000001E-2</v>
      </c>
      <c r="G102">
        <f t="shared" si="18"/>
        <v>5.8220000000000001E-2</v>
      </c>
      <c r="H102" s="235">
        <f t="shared" si="19"/>
        <v>0.85881140501545861</v>
      </c>
      <c r="I102" s="236">
        <f t="shared" si="20"/>
        <v>11.32022704708225</v>
      </c>
      <c r="J102" s="237">
        <f t="shared" si="25"/>
        <v>1.3202270470822501</v>
      </c>
      <c r="K102" s="237">
        <f t="shared" si="21"/>
        <v>7.5505914404038617</v>
      </c>
      <c r="L102" s="237">
        <f t="shared" si="26"/>
        <v>0.8898330297334367</v>
      </c>
      <c r="M102" s="236">
        <f t="shared" si="22"/>
        <v>56.942602563061683</v>
      </c>
      <c r="N102" s="236">
        <f t="shared" si="23"/>
        <v>0.98678870390190576</v>
      </c>
      <c r="O102" s="236">
        <f t="shared" si="27"/>
        <v>2.1009677632124317</v>
      </c>
      <c r="P102" s="236" t="str">
        <f t="shared" si="28"/>
        <v>SAND</v>
      </c>
      <c r="Q102" s="236" t="e">
        <f t="shared" si="24"/>
        <v>#N/A</v>
      </c>
      <c r="R102" s="238">
        <v>35</v>
      </c>
      <c r="S102" s="236" t="e">
        <f t="shared" si="29"/>
        <v>#N/A</v>
      </c>
      <c r="T102" s="236">
        <f t="shared" si="15"/>
        <v>36.909810439750828</v>
      </c>
    </row>
    <row r="103" spans="1:20" x14ac:dyDescent="0.2">
      <c r="A103" s="53">
        <f t="shared" si="16"/>
        <v>91</v>
      </c>
      <c r="B103" s="239">
        <v>0.68200000000000005</v>
      </c>
      <c r="C103" s="3">
        <f t="shared" si="17"/>
        <v>0.67500000000000004</v>
      </c>
      <c r="D103" s="239">
        <v>5.1999999999999998E-2</v>
      </c>
      <c r="E103" s="239">
        <v>2.9999999999999997E-4</v>
      </c>
      <c r="F103" s="239">
        <v>2.9000000000000001E-2</v>
      </c>
      <c r="G103">
        <f t="shared" si="18"/>
        <v>5.7799999999999997E-2</v>
      </c>
      <c r="H103" s="235">
        <f t="shared" si="19"/>
        <v>0.51903114186851207</v>
      </c>
      <c r="I103" s="236">
        <f t="shared" si="20"/>
        <v>10.718405496704051</v>
      </c>
      <c r="J103" s="237">
        <f t="shared" si="25"/>
        <v>0.71840549670405096</v>
      </c>
      <c r="K103" s="237">
        <f t="shared" si="21"/>
        <v>7.2349237102752353</v>
      </c>
      <c r="L103" s="237">
        <f t="shared" si="26"/>
        <v>0.48995254875216276</v>
      </c>
      <c r="M103" s="236">
        <f t="shared" si="22"/>
        <v>103.20402744818165</v>
      </c>
      <c r="N103" s="236">
        <f t="shared" si="23"/>
        <v>0.5932948628042759</v>
      </c>
      <c r="O103" s="236">
        <f t="shared" si="27"/>
        <v>1.7627835717584295</v>
      </c>
      <c r="P103" s="236" t="str">
        <f t="shared" si="28"/>
        <v>SAND</v>
      </c>
      <c r="Q103" s="236" t="e">
        <f t="shared" si="24"/>
        <v>#N/A</v>
      </c>
      <c r="R103" s="238">
        <v>35</v>
      </c>
      <c r="S103" s="236" t="e">
        <f t="shared" si="29"/>
        <v>#N/A</v>
      </c>
      <c r="T103" s="236">
        <f t="shared" si="15"/>
        <v>39.750663101485259</v>
      </c>
    </row>
    <row r="104" spans="1:20" x14ac:dyDescent="0.2">
      <c r="A104" s="53">
        <f t="shared" si="16"/>
        <v>92</v>
      </c>
      <c r="B104" s="239">
        <v>0.68899999999999995</v>
      </c>
      <c r="C104" s="3">
        <f t="shared" si="17"/>
        <v>0.68199999999999994</v>
      </c>
      <c r="D104" s="239">
        <v>5.3499999999999999E-2</v>
      </c>
      <c r="E104" s="239">
        <v>2.9999999999999997E-4</v>
      </c>
      <c r="F104" s="239">
        <v>2.8199999999999999E-2</v>
      </c>
      <c r="G104">
        <f t="shared" si="18"/>
        <v>5.9139999999999998E-2</v>
      </c>
      <c r="H104" s="235">
        <f t="shared" si="19"/>
        <v>0.5072708826513358</v>
      </c>
      <c r="I104" s="236">
        <f t="shared" si="20"/>
        <v>10.727363630296665</v>
      </c>
      <c r="J104" s="237">
        <f t="shared" si="25"/>
        <v>0.72736363029666506</v>
      </c>
      <c r="K104" s="237">
        <f t="shared" si="21"/>
        <v>7.3160619958623245</v>
      </c>
      <c r="L104" s="237">
        <f t="shared" si="26"/>
        <v>0.50115354127440215</v>
      </c>
      <c r="M104" s="236">
        <f t="shared" si="22"/>
        <v>103.40930221175857</v>
      </c>
      <c r="N104" s="236">
        <f t="shared" si="23"/>
        <v>0.57888306360672115</v>
      </c>
      <c r="O104" s="236">
        <f t="shared" si="27"/>
        <v>1.7560727495631063</v>
      </c>
      <c r="P104" s="236" t="str">
        <f t="shared" si="28"/>
        <v>SAND</v>
      </c>
      <c r="Q104" s="236" t="e">
        <f t="shared" si="24"/>
        <v>#N/A</v>
      </c>
      <c r="R104" s="238">
        <v>35</v>
      </c>
      <c r="S104" s="236" t="e">
        <f t="shared" si="29"/>
        <v>#N/A</v>
      </c>
      <c r="T104" s="236">
        <f t="shared" si="15"/>
        <v>39.76015568352075</v>
      </c>
    </row>
    <row r="105" spans="1:20" x14ac:dyDescent="0.2">
      <c r="A105" s="53">
        <f t="shared" si="16"/>
        <v>93</v>
      </c>
      <c r="B105" s="239">
        <v>0.69699999999999995</v>
      </c>
      <c r="C105" s="3">
        <f t="shared" si="17"/>
        <v>0.69</v>
      </c>
      <c r="D105" s="239">
        <v>5.5500000000000001E-2</v>
      </c>
      <c r="E105" s="239">
        <v>1E-4</v>
      </c>
      <c r="F105" s="239">
        <v>2.76E-2</v>
      </c>
      <c r="G105">
        <f t="shared" si="18"/>
        <v>6.1019999999999998E-2</v>
      </c>
      <c r="H105" s="235">
        <f t="shared" si="19"/>
        <v>0.16388069485414619</v>
      </c>
      <c r="I105" s="236">
        <f t="shared" si="20"/>
        <v>9.4513680373582361</v>
      </c>
      <c r="J105" s="237">
        <f t="shared" si="25"/>
        <v>-0.54863196264176395</v>
      </c>
      <c r="K105" s="237">
        <f t="shared" si="21"/>
        <v>6.5214439457771824</v>
      </c>
      <c r="L105" s="237">
        <f t="shared" si="26"/>
        <v>-0.38239647796130943</v>
      </c>
      <c r="M105" s="236">
        <f t="shared" si="22"/>
        <v>-142.51845713844921</v>
      </c>
      <c r="N105" s="236">
        <f t="shared" si="23"/>
        <v>0.1834911000220005</v>
      </c>
      <c r="O105" s="236" t="e">
        <f t="shared" si="27"/>
        <v>#NUM!</v>
      </c>
      <c r="P105" s="236" t="e">
        <f t="shared" si="28"/>
        <v>#NUM!</v>
      </c>
      <c r="Q105" s="236" t="e">
        <f t="shared" si="24"/>
        <v>#NUM!</v>
      </c>
      <c r="R105" s="238">
        <v>35</v>
      </c>
      <c r="S105" s="236" t="e">
        <f t="shared" si="29"/>
        <v>#NUM!</v>
      </c>
      <c r="T105" s="236" t="e">
        <f t="shared" si="15"/>
        <v>#NUM!</v>
      </c>
    </row>
    <row r="106" spans="1:20" x14ac:dyDescent="0.2">
      <c r="A106" s="53">
        <f t="shared" si="16"/>
        <v>94</v>
      </c>
      <c r="B106" s="239">
        <v>0.70399999999999996</v>
      </c>
      <c r="C106" s="3">
        <f t="shared" si="17"/>
        <v>0.69699999999999995</v>
      </c>
      <c r="D106" s="239">
        <v>5.67E-2</v>
      </c>
      <c r="E106" s="239">
        <v>2.9999999999999997E-4</v>
      </c>
      <c r="F106" s="239">
        <v>2.7900000000000001E-2</v>
      </c>
      <c r="G106">
        <f t="shared" si="18"/>
        <v>6.2280000000000002E-2</v>
      </c>
      <c r="H106" s="235">
        <f t="shared" si="19"/>
        <v>0.48169556840077066</v>
      </c>
      <c r="I106" s="236">
        <f t="shared" si="20"/>
        <v>10.747584185632048</v>
      </c>
      <c r="J106" s="237">
        <f t="shared" si="25"/>
        <v>0.7475841856320482</v>
      </c>
      <c r="K106" s="237">
        <f t="shared" si="21"/>
        <v>7.4910661773855374</v>
      </c>
      <c r="L106" s="237">
        <f t="shared" si="26"/>
        <v>0.52629926668496185</v>
      </c>
      <c r="M106" s="236">
        <f t="shared" si="22"/>
        <v>104.10224237574445</v>
      </c>
      <c r="N106" s="236">
        <f t="shared" si="23"/>
        <v>0.54755582755321497</v>
      </c>
      <c r="O106" s="236">
        <f t="shared" si="27"/>
        <v>1.740246308680127</v>
      </c>
      <c r="P106" s="236" t="str">
        <f t="shared" si="28"/>
        <v>SAND</v>
      </c>
      <c r="Q106" s="236" t="e">
        <f t="shared" si="24"/>
        <v>#N/A</v>
      </c>
      <c r="R106" s="238">
        <v>35</v>
      </c>
      <c r="S106" s="236" t="e">
        <f t="shared" si="29"/>
        <v>#N/A</v>
      </c>
      <c r="T106" s="236">
        <f t="shared" si="15"/>
        <v>39.792060928075649</v>
      </c>
    </row>
    <row r="107" spans="1:20" x14ac:dyDescent="0.2">
      <c r="A107" s="53">
        <f t="shared" si="16"/>
        <v>95</v>
      </c>
      <c r="B107" s="239">
        <v>0.71199999999999997</v>
      </c>
      <c r="C107" s="3">
        <f t="shared" si="17"/>
        <v>0.70499999999999996</v>
      </c>
      <c r="D107" s="239">
        <v>5.8000000000000003E-2</v>
      </c>
      <c r="E107" s="239">
        <v>2.9999999999999997E-4</v>
      </c>
      <c r="F107" s="239">
        <v>2.86E-2</v>
      </c>
      <c r="G107">
        <f t="shared" si="18"/>
        <v>6.3719999999999999E-2</v>
      </c>
      <c r="H107" s="235">
        <f t="shared" si="19"/>
        <v>0.47080979284369112</v>
      </c>
      <c r="I107" s="236">
        <f t="shared" si="20"/>
        <v>10.756518632541759</v>
      </c>
      <c r="J107" s="237">
        <f t="shared" si="25"/>
        <v>0.75651863254175922</v>
      </c>
      <c r="K107" s="237">
        <f t="shared" si="21"/>
        <v>7.5833456359419396</v>
      </c>
      <c r="L107" s="237">
        <f t="shared" si="26"/>
        <v>0.53864126636973253</v>
      </c>
      <c r="M107" s="236">
        <f t="shared" si="22"/>
        <v>104.21900041636414</v>
      </c>
      <c r="N107" s="236">
        <f t="shared" si="23"/>
        <v>0.53441018777933691</v>
      </c>
      <c r="O107" s="236">
        <f t="shared" si="27"/>
        <v>1.7340486430940918</v>
      </c>
      <c r="P107" s="236" t="str">
        <f t="shared" si="28"/>
        <v>SAND</v>
      </c>
      <c r="Q107" s="236" t="e">
        <f t="shared" si="24"/>
        <v>#N/A</v>
      </c>
      <c r="R107" s="238">
        <v>35</v>
      </c>
      <c r="S107" s="236" t="e">
        <f t="shared" si="29"/>
        <v>#N/A</v>
      </c>
      <c r="T107" s="236">
        <f t="shared" si="15"/>
        <v>39.797415937975529</v>
      </c>
    </row>
    <row r="108" spans="1:20" x14ac:dyDescent="0.2">
      <c r="A108" s="53">
        <f t="shared" si="16"/>
        <v>96</v>
      </c>
      <c r="B108" s="239">
        <v>0.72</v>
      </c>
      <c r="C108" s="3">
        <f t="shared" si="17"/>
        <v>0.71299999999999997</v>
      </c>
      <c r="D108" s="239">
        <v>5.8099999999999999E-2</v>
      </c>
      <c r="E108" s="239">
        <v>4.0000000000000002E-4</v>
      </c>
      <c r="F108" s="239">
        <v>2.9000000000000001E-2</v>
      </c>
      <c r="G108">
        <f t="shared" si="18"/>
        <v>6.3899999999999998E-2</v>
      </c>
      <c r="H108" s="235">
        <f t="shared" si="19"/>
        <v>0.6259780907668232</v>
      </c>
      <c r="I108" s="236">
        <f t="shared" si="20"/>
        <v>11.094955803310544</v>
      </c>
      <c r="J108" s="237">
        <f t="shared" si="25"/>
        <v>1.094955803310544</v>
      </c>
      <c r="K108" s="237">
        <f t="shared" si="21"/>
        <v>7.9107034877604177</v>
      </c>
      <c r="L108" s="237">
        <f t="shared" si="26"/>
        <v>0.78836817838359163</v>
      </c>
      <c r="M108" s="236">
        <f t="shared" si="22"/>
        <v>71.019224326171624</v>
      </c>
      <c r="N108" s="236">
        <f t="shared" si="23"/>
        <v>0.71442226446363322</v>
      </c>
      <c r="O108" s="236">
        <f t="shared" si="27"/>
        <v>1.9425043623392513</v>
      </c>
      <c r="P108" s="236" t="str">
        <f t="shared" si="28"/>
        <v>SAND</v>
      </c>
      <c r="Q108" s="236" t="e">
        <f t="shared" si="24"/>
        <v>#N/A</v>
      </c>
      <c r="R108" s="238">
        <v>35</v>
      </c>
      <c r="S108" s="236" t="e">
        <f t="shared" si="29"/>
        <v>#N/A</v>
      </c>
      <c r="T108" s="236">
        <f t="shared" si="15"/>
        <v>37.965135170773721</v>
      </c>
    </row>
    <row r="109" spans="1:20" x14ac:dyDescent="0.2">
      <c r="A109" s="53">
        <f t="shared" si="16"/>
        <v>97</v>
      </c>
      <c r="B109" s="239">
        <v>0.72599999999999998</v>
      </c>
      <c r="C109" s="3">
        <f t="shared" si="17"/>
        <v>0.71899999999999997</v>
      </c>
      <c r="D109" s="239">
        <v>5.8400000000000001E-2</v>
      </c>
      <c r="E109" s="239">
        <v>4.0000000000000002E-4</v>
      </c>
      <c r="F109" s="239">
        <v>2.92E-2</v>
      </c>
      <c r="G109">
        <f t="shared" si="18"/>
        <v>6.4240000000000005E-2</v>
      </c>
      <c r="H109" s="235">
        <f t="shared" si="19"/>
        <v>0.62266500622665</v>
      </c>
      <c r="I109" s="236">
        <f t="shared" si="20"/>
        <v>11.097030010011547</v>
      </c>
      <c r="J109" s="237">
        <f t="shared" si="25"/>
        <v>1.0970300100115473</v>
      </c>
      <c r="K109" s="237">
        <f t="shared" si="21"/>
        <v>7.9787645771983025</v>
      </c>
      <c r="L109" s="237">
        <f t="shared" si="26"/>
        <v>0.79644378726838339</v>
      </c>
      <c r="M109" s="236">
        <f t="shared" si="22"/>
        <v>70.64056035362475</v>
      </c>
      <c r="N109" s="236">
        <f t="shared" si="23"/>
        <v>0.71096910153858262</v>
      </c>
      <c r="O109" s="236">
        <f t="shared" si="27"/>
        <v>1.9432780233294562</v>
      </c>
      <c r="P109" s="236" t="str">
        <f t="shared" si="28"/>
        <v>SAND</v>
      </c>
      <c r="Q109" s="236" t="e">
        <f t="shared" si="24"/>
        <v>#N/A</v>
      </c>
      <c r="R109" s="238">
        <v>35</v>
      </c>
      <c r="S109" s="236" t="e">
        <f t="shared" si="29"/>
        <v>#N/A</v>
      </c>
      <c r="T109" s="236">
        <f t="shared" si="15"/>
        <v>37.939595491688493</v>
      </c>
    </row>
    <row r="110" spans="1:20" x14ac:dyDescent="0.2">
      <c r="A110" s="53">
        <f t="shared" si="16"/>
        <v>98</v>
      </c>
      <c r="B110" s="239">
        <v>0.73399999999999999</v>
      </c>
      <c r="C110" s="3">
        <f t="shared" si="17"/>
        <v>0.72699999999999998</v>
      </c>
      <c r="D110" s="239">
        <v>5.9299999999999999E-2</v>
      </c>
      <c r="E110" s="239">
        <v>2.9999999999999997E-4</v>
      </c>
      <c r="F110" s="239">
        <v>2.9499999999999998E-2</v>
      </c>
      <c r="G110">
        <f t="shared" si="18"/>
        <v>6.5199999999999994E-2</v>
      </c>
      <c r="H110" s="235">
        <f t="shared" si="19"/>
        <v>0.46012269938650308</v>
      </c>
      <c r="I110" s="236">
        <f t="shared" si="20"/>
        <v>10.765493278284303</v>
      </c>
      <c r="J110" s="237">
        <f t="shared" si="25"/>
        <v>0.76549327828430336</v>
      </c>
      <c r="K110" s="237">
        <f t="shared" si="21"/>
        <v>7.826513613312688</v>
      </c>
      <c r="L110" s="237">
        <f t="shared" si="26"/>
        <v>0.56187206626067865</v>
      </c>
      <c r="M110" s="236">
        <f t="shared" si="22"/>
        <v>102.11129869565195</v>
      </c>
      <c r="N110" s="236">
        <f t="shared" si="23"/>
        <v>0.52288961137563139</v>
      </c>
      <c r="O110" s="236">
        <f t="shared" si="27"/>
        <v>1.7363521290050155</v>
      </c>
      <c r="P110" s="236" t="str">
        <f t="shared" si="28"/>
        <v>SAND</v>
      </c>
      <c r="Q110" s="236" t="e">
        <f t="shared" si="24"/>
        <v>#N/A</v>
      </c>
      <c r="R110" s="238">
        <v>35</v>
      </c>
      <c r="S110" s="236" t="e">
        <f t="shared" si="29"/>
        <v>#N/A</v>
      </c>
      <c r="T110" s="236">
        <f t="shared" si="15"/>
        <v>39.699811797495997</v>
      </c>
    </row>
    <row r="111" spans="1:20" x14ac:dyDescent="0.2">
      <c r="A111" s="53">
        <f t="shared" si="16"/>
        <v>99</v>
      </c>
      <c r="B111" s="239">
        <v>0.78100000000000003</v>
      </c>
      <c r="C111" s="3">
        <f t="shared" si="17"/>
        <v>0.77400000000000002</v>
      </c>
      <c r="D111" s="239">
        <v>6.3299999999999995E-2</v>
      </c>
      <c r="E111" s="239">
        <v>5.0000000000000001E-4</v>
      </c>
      <c r="F111" s="239">
        <v>2.7300000000000001E-2</v>
      </c>
      <c r="G111">
        <f t="shared" si="18"/>
        <v>6.8759999999999988E-2</v>
      </c>
      <c r="H111" s="235">
        <f t="shared" si="19"/>
        <v>0.72716695753344984</v>
      </c>
      <c r="I111" s="236">
        <f t="shared" si="20"/>
        <v>11.38526434730325</v>
      </c>
      <c r="J111" s="237">
        <f t="shared" si="25"/>
        <v>1.3852643473032504</v>
      </c>
      <c r="K111" s="237">
        <f t="shared" si="21"/>
        <v>8.8121946048127153</v>
      </c>
      <c r="L111" s="237">
        <f t="shared" si="26"/>
        <v>1.0818914552438386</v>
      </c>
      <c r="M111" s="236">
        <f t="shared" si="22"/>
        <v>55.41018473214222</v>
      </c>
      <c r="N111" s="236">
        <f t="shared" si="23"/>
        <v>0.83405888956885976</v>
      </c>
      <c r="O111" s="236">
        <f t="shared" si="27"/>
        <v>2.0694982047463757</v>
      </c>
      <c r="P111" s="236" t="str">
        <f t="shared" si="28"/>
        <v>SAND</v>
      </c>
      <c r="Q111" s="236" t="e">
        <f t="shared" si="24"/>
        <v>#N/A</v>
      </c>
      <c r="R111" s="238">
        <v>35</v>
      </c>
      <c r="S111" s="236" t="e">
        <f t="shared" si="29"/>
        <v>#N/A</v>
      </c>
      <c r="T111" s="236">
        <f t="shared" si="15"/>
        <v>36.779485578634578</v>
      </c>
    </row>
    <row r="112" spans="1:20" x14ac:dyDescent="0.2">
      <c r="A112" s="53">
        <f t="shared" si="16"/>
        <v>100</v>
      </c>
      <c r="B112" s="239">
        <v>0.78800000000000003</v>
      </c>
      <c r="C112" s="3">
        <f t="shared" si="17"/>
        <v>0.78100000000000003</v>
      </c>
      <c r="D112" s="239">
        <v>6.3200000000000006E-2</v>
      </c>
      <c r="E112" s="239">
        <v>5.0000000000000001E-4</v>
      </c>
      <c r="F112" s="239">
        <v>2.69E-2</v>
      </c>
      <c r="G112">
        <f t="shared" si="18"/>
        <v>6.8580000000000002E-2</v>
      </c>
      <c r="H112" s="235">
        <f t="shared" si="19"/>
        <v>0.72907553222513843</v>
      </c>
      <c r="I112" s="236">
        <f t="shared" si="20"/>
        <v>11.38423979879077</v>
      </c>
      <c r="J112" s="237">
        <f t="shared" si="25"/>
        <v>1.3842397987907695</v>
      </c>
      <c r="K112" s="237">
        <f t="shared" si="21"/>
        <v>8.8910912828555908</v>
      </c>
      <c r="L112" s="237">
        <f t="shared" si="26"/>
        <v>1.0907809614471264</v>
      </c>
      <c r="M112" s="236">
        <f t="shared" si="22"/>
        <v>54.721260112530587</v>
      </c>
      <c r="N112" s="236">
        <f t="shared" si="23"/>
        <v>0.83767656461842011</v>
      </c>
      <c r="O112" s="236">
        <f t="shared" si="27"/>
        <v>2.0750679282992897</v>
      </c>
      <c r="P112" s="236" t="str">
        <f t="shared" si="28"/>
        <v>SAND</v>
      </c>
      <c r="Q112" s="236" t="e">
        <f t="shared" si="24"/>
        <v>#N/A</v>
      </c>
      <c r="R112" s="238">
        <v>35</v>
      </c>
      <c r="S112" s="236" t="e">
        <f t="shared" si="29"/>
        <v>#N/A</v>
      </c>
      <c r="T112" s="236">
        <f t="shared" si="15"/>
        <v>36.719716986611019</v>
      </c>
    </row>
    <row r="113" spans="1:20" x14ac:dyDescent="0.2">
      <c r="A113" s="53">
        <f t="shared" si="16"/>
        <v>101</v>
      </c>
      <c r="B113" s="239">
        <v>0.79600000000000004</v>
      </c>
      <c r="C113" s="3">
        <f t="shared" si="17"/>
        <v>0.78900000000000003</v>
      </c>
      <c r="D113" s="239">
        <v>6.2799999999999995E-2</v>
      </c>
      <c r="E113" s="239">
        <v>5.0000000000000001E-4</v>
      </c>
      <c r="F113" s="239">
        <v>2.7199999999999998E-2</v>
      </c>
      <c r="G113">
        <f t="shared" si="18"/>
        <v>6.8239999999999995E-2</v>
      </c>
      <c r="H113" s="235">
        <f t="shared" si="19"/>
        <v>0.73270808909730367</v>
      </c>
      <c r="I113" s="236">
        <f t="shared" si="20"/>
        <v>11.382297182433256</v>
      </c>
      <c r="J113" s="237">
        <f t="shared" si="25"/>
        <v>1.3822971824332555</v>
      </c>
      <c r="K113" s="237">
        <f t="shared" si="21"/>
        <v>8.9806324769398387</v>
      </c>
      <c r="L113" s="237">
        <f t="shared" si="26"/>
        <v>1.1003085572168714</v>
      </c>
      <c r="M113" s="236">
        <f t="shared" si="22"/>
        <v>53.857045039212672</v>
      </c>
      <c r="N113" s="236">
        <f t="shared" si="23"/>
        <v>0.84374845851236979</v>
      </c>
      <c r="O113" s="236">
        <f t="shared" si="27"/>
        <v>2.0825661558111324</v>
      </c>
      <c r="P113" s="236" t="str">
        <f t="shared" si="28"/>
        <v>SAND</v>
      </c>
      <c r="Q113" s="236" t="e">
        <f t="shared" si="24"/>
        <v>#N/A</v>
      </c>
      <c r="R113" s="238">
        <v>35</v>
      </c>
      <c r="S113" s="236" t="e">
        <f t="shared" si="29"/>
        <v>#N/A</v>
      </c>
      <c r="T113" s="236">
        <f t="shared" si="15"/>
        <v>36.643667735447494</v>
      </c>
    </row>
    <row r="114" spans="1:20" x14ac:dyDescent="0.2">
      <c r="A114" s="53">
        <f t="shared" si="16"/>
        <v>102</v>
      </c>
      <c r="B114" s="239">
        <v>0.80300000000000005</v>
      </c>
      <c r="C114" s="3">
        <f t="shared" si="17"/>
        <v>0.79600000000000004</v>
      </c>
      <c r="D114" s="239">
        <v>6.2600000000000003E-2</v>
      </c>
      <c r="E114" s="239">
        <v>5.9999999999999995E-4</v>
      </c>
      <c r="F114" s="239">
        <v>2.8000000000000001E-2</v>
      </c>
      <c r="G114">
        <f t="shared" si="18"/>
        <v>6.8199999999999997E-2</v>
      </c>
      <c r="H114" s="235">
        <f t="shared" si="19"/>
        <v>0.87976539589442804</v>
      </c>
      <c r="I114" s="236">
        <f t="shared" si="20"/>
        <v>11.595857367609154</v>
      </c>
      <c r="J114" s="237">
        <f t="shared" si="25"/>
        <v>1.5958573676091543</v>
      </c>
      <c r="K114" s="237">
        <f t="shared" si="21"/>
        <v>9.2303024646168872</v>
      </c>
      <c r="L114" s="237">
        <f t="shared" si="26"/>
        <v>1.281473466190151</v>
      </c>
      <c r="M114" s="236">
        <f t="shared" si="22"/>
        <v>46.017103819325527</v>
      </c>
      <c r="N114" s="236">
        <f t="shared" si="23"/>
        <v>1.0174717271357663</v>
      </c>
      <c r="O114" s="236">
        <f t="shared" si="27"/>
        <v>2.1845713175791301</v>
      </c>
      <c r="P114" s="236" t="str">
        <f t="shared" si="28"/>
        <v>SAND</v>
      </c>
      <c r="Q114" s="236" t="e">
        <f t="shared" si="24"/>
        <v>#N/A</v>
      </c>
      <c r="R114" s="238">
        <v>35</v>
      </c>
      <c r="S114" s="236" t="e">
        <f t="shared" si="29"/>
        <v>#N/A</v>
      </c>
      <c r="T114" s="236">
        <f t="shared" si="15"/>
        <v>35.892112101780512</v>
      </c>
    </row>
    <row r="115" spans="1:20" x14ac:dyDescent="0.2">
      <c r="A115" s="53">
        <f t="shared" si="16"/>
        <v>103</v>
      </c>
      <c r="B115" s="239">
        <v>0.81100000000000005</v>
      </c>
      <c r="C115" s="3">
        <f t="shared" si="17"/>
        <v>0.80400000000000005</v>
      </c>
      <c r="D115" s="239">
        <v>6.3399999999999998E-2</v>
      </c>
      <c r="E115" s="239">
        <v>5.0000000000000001E-4</v>
      </c>
      <c r="F115" s="239">
        <v>2.86E-2</v>
      </c>
      <c r="G115">
        <f t="shared" si="18"/>
        <v>6.9120000000000001E-2</v>
      </c>
      <c r="H115" s="235">
        <f t="shared" si="19"/>
        <v>0.72337962962962965</v>
      </c>
      <c r="I115" s="236">
        <f t="shared" si="20"/>
        <v>11.38730542261349</v>
      </c>
      <c r="J115" s="237">
        <f t="shared" si="25"/>
        <v>1.3873054226134904</v>
      </c>
      <c r="K115" s="237">
        <f t="shared" si="21"/>
        <v>9.1553935597812472</v>
      </c>
      <c r="L115" s="237">
        <f t="shared" si="26"/>
        <v>1.1251046977395409</v>
      </c>
      <c r="M115" s="236">
        <f t="shared" si="22"/>
        <v>53.296912332420483</v>
      </c>
      <c r="N115" s="236">
        <f t="shared" si="23"/>
        <v>0.83382520070146882</v>
      </c>
      <c r="O115" s="236">
        <f t="shared" si="27"/>
        <v>2.0835402413769422</v>
      </c>
      <c r="P115" s="236" t="str">
        <f t="shared" si="28"/>
        <v>SAND</v>
      </c>
      <c r="Q115" s="236" t="e">
        <f t="shared" si="24"/>
        <v>#N/A</v>
      </c>
      <c r="R115" s="238">
        <v>35</v>
      </c>
      <c r="S115" s="236" t="e">
        <f t="shared" si="29"/>
        <v>#N/A</v>
      </c>
      <c r="T115" s="236">
        <f t="shared" si="15"/>
        <v>36.593722545930675</v>
      </c>
    </row>
    <row r="116" spans="1:20" x14ac:dyDescent="0.2">
      <c r="A116" s="53">
        <f t="shared" si="16"/>
        <v>104</v>
      </c>
      <c r="B116" s="239">
        <v>0.81799999999999995</v>
      </c>
      <c r="C116" s="3">
        <f t="shared" si="17"/>
        <v>0.81099999999999994</v>
      </c>
      <c r="D116" s="239">
        <v>6.2899999999999998E-2</v>
      </c>
      <c r="E116" s="239">
        <v>5.0000000000000001E-4</v>
      </c>
      <c r="F116" s="239">
        <v>2.8899999999999999E-2</v>
      </c>
      <c r="G116">
        <f t="shared" si="18"/>
        <v>6.8679999999999991E-2</v>
      </c>
      <c r="H116" s="235">
        <f t="shared" si="19"/>
        <v>0.72801397786837518</v>
      </c>
      <c r="I116" s="236">
        <f t="shared" si="20"/>
        <v>11.384809323929728</v>
      </c>
      <c r="J116" s="237">
        <f t="shared" si="25"/>
        <v>1.3848093239297281</v>
      </c>
      <c r="K116" s="237">
        <f t="shared" si="21"/>
        <v>9.2330803617070085</v>
      </c>
      <c r="L116" s="237">
        <f t="shared" si="26"/>
        <v>1.1327740269745175</v>
      </c>
      <c r="M116" s="236">
        <f t="shared" si="22"/>
        <v>52.47906309881369</v>
      </c>
      <c r="N116" s="236">
        <f t="shared" si="23"/>
        <v>0.84108647351665788</v>
      </c>
      <c r="O116" s="236">
        <f t="shared" si="27"/>
        <v>2.0912218570334038</v>
      </c>
      <c r="P116" s="236" t="str">
        <f t="shared" si="28"/>
        <v>SAND</v>
      </c>
      <c r="Q116" s="236" t="e">
        <f t="shared" si="24"/>
        <v>#N/A</v>
      </c>
      <c r="R116" s="238">
        <v>35</v>
      </c>
      <c r="S116" s="236" t="e">
        <f t="shared" si="29"/>
        <v>#N/A</v>
      </c>
      <c r="T116" s="236">
        <f t="shared" si="15"/>
        <v>36.51984680343692</v>
      </c>
    </row>
    <row r="117" spans="1:20" x14ac:dyDescent="0.2">
      <c r="A117" s="53">
        <f t="shared" si="16"/>
        <v>105</v>
      </c>
      <c r="B117" s="239">
        <v>0.82499999999999996</v>
      </c>
      <c r="C117" s="3">
        <f t="shared" si="17"/>
        <v>0.81799999999999995</v>
      </c>
      <c r="D117" s="239">
        <v>6.2799999999999995E-2</v>
      </c>
      <c r="E117" s="239">
        <v>5.9999999999999995E-4</v>
      </c>
      <c r="F117" s="239">
        <v>2.9100000000000001E-2</v>
      </c>
      <c r="G117">
        <f t="shared" si="18"/>
        <v>6.8619999999999987E-2</v>
      </c>
      <c r="H117" s="235">
        <f t="shared" si="19"/>
        <v>0.87438064704167884</v>
      </c>
      <c r="I117" s="236">
        <f t="shared" si="20"/>
        <v>11.598257072766462</v>
      </c>
      <c r="J117" s="237">
        <f t="shared" si="25"/>
        <v>1.5982570727664616</v>
      </c>
      <c r="K117" s="237">
        <f t="shared" si="21"/>
        <v>9.4873742855229644</v>
      </c>
      <c r="L117" s="237">
        <f t="shared" si="26"/>
        <v>1.3185620850323307</v>
      </c>
      <c r="M117" s="236">
        <f t="shared" si="22"/>
        <v>44.846296117355074</v>
      </c>
      <c r="N117" s="236">
        <f t="shared" si="23"/>
        <v>1.0146682863316623</v>
      </c>
      <c r="O117" s="236">
        <f t="shared" si="27"/>
        <v>2.193168710910232</v>
      </c>
      <c r="P117" s="236" t="str">
        <f t="shared" si="28"/>
        <v>SAND</v>
      </c>
      <c r="Q117" s="236" t="e">
        <f t="shared" si="24"/>
        <v>#N/A</v>
      </c>
      <c r="R117" s="238">
        <v>35</v>
      </c>
      <c r="S117" s="236" t="e">
        <f t="shared" si="29"/>
        <v>#N/A</v>
      </c>
      <c r="T117" s="236">
        <f t="shared" si="15"/>
        <v>35.768992382398388</v>
      </c>
    </row>
    <row r="118" spans="1:20" x14ac:dyDescent="0.2">
      <c r="A118" s="53">
        <f t="shared" si="16"/>
        <v>106</v>
      </c>
      <c r="B118" s="239">
        <v>0.83299999999999996</v>
      </c>
      <c r="C118" s="3">
        <f t="shared" si="17"/>
        <v>0.82599999999999996</v>
      </c>
      <c r="D118" s="239">
        <v>6.2799999999999995E-2</v>
      </c>
      <c r="E118" s="239">
        <v>6.9999999999999999E-4</v>
      </c>
      <c r="F118" s="239">
        <v>2.9399999999999999E-2</v>
      </c>
      <c r="G118">
        <f t="shared" si="18"/>
        <v>6.8679999999999991E-2</v>
      </c>
      <c r="H118" s="235">
        <f t="shared" si="19"/>
        <v>1.0192195690157253</v>
      </c>
      <c r="I118" s="236">
        <f t="shared" si="20"/>
        <v>11.77935502026097</v>
      </c>
      <c r="J118" s="237">
        <f t="shared" si="25"/>
        <v>1.7793550202609705</v>
      </c>
      <c r="K118" s="237">
        <f t="shared" si="21"/>
        <v>9.7297472467355615</v>
      </c>
      <c r="L118" s="237">
        <f t="shared" si="26"/>
        <v>1.4822027318773883</v>
      </c>
      <c r="M118" s="236">
        <f t="shared" si="22"/>
        <v>39.772057820050591</v>
      </c>
      <c r="N118" s="236">
        <f t="shared" si="23"/>
        <v>1.1874418977130454</v>
      </c>
      <c r="O118" s="236">
        <f t="shared" si="27"/>
        <v>2.2747526042248292</v>
      </c>
      <c r="P118" s="236" t="str">
        <f t="shared" si="28"/>
        <v>SAND</v>
      </c>
      <c r="Q118" s="236" t="e">
        <f t="shared" si="24"/>
        <v>#N/A</v>
      </c>
      <c r="R118" s="238">
        <v>35</v>
      </c>
      <c r="S118" s="236" t="e">
        <f t="shared" si="29"/>
        <v>#N/A</v>
      </c>
      <c r="T118" s="236">
        <f t="shared" si="15"/>
        <v>35.195358683256991</v>
      </c>
    </row>
    <row r="119" spans="1:20" x14ac:dyDescent="0.2">
      <c r="A119" s="53">
        <f t="shared" si="16"/>
        <v>107</v>
      </c>
      <c r="B119" s="239">
        <v>0.84099999999999997</v>
      </c>
      <c r="C119" s="3">
        <f t="shared" si="17"/>
        <v>0.83399999999999996</v>
      </c>
      <c r="D119" s="239">
        <v>6.3899999999999998E-2</v>
      </c>
      <c r="E119" s="239">
        <v>5.9999999999999995E-4</v>
      </c>
      <c r="F119" s="239">
        <v>2.98E-2</v>
      </c>
      <c r="G119">
        <f t="shared" si="18"/>
        <v>6.9859999999999992E-2</v>
      </c>
      <c r="H119" s="235">
        <f t="shared" si="19"/>
        <v>0.85886057829945606</v>
      </c>
      <c r="I119" s="236">
        <f t="shared" si="20"/>
        <v>11.60525715358979</v>
      </c>
      <c r="J119" s="237">
        <f t="shared" si="25"/>
        <v>1.6052571535897897</v>
      </c>
      <c r="K119" s="237">
        <f t="shared" si="21"/>
        <v>9.6787844660938838</v>
      </c>
      <c r="L119" s="237">
        <f t="shared" si="26"/>
        <v>1.3500212661690132</v>
      </c>
      <c r="M119" s="236">
        <f t="shared" si="22"/>
        <v>44.577975948989113</v>
      </c>
      <c r="N119" s="236">
        <f t="shared" si="23"/>
        <v>0.99698883559764584</v>
      </c>
      <c r="O119" s="236">
        <f t="shared" si="27"/>
        <v>2.1910747936093244</v>
      </c>
      <c r="P119" s="236" t="str">
        <f t="shared" si="28"/>
        <v>SAND</v>
      </c>
      <c r="Q119" s="236" t="e">
        <f t="shared" si="24"/>
        <v>#N/A</v>
      </c>
      <c r="R119" s="238">
        <v>35</v>
      </c>
      <c r="S119" s="236" t="e">
        <f t="shared" si="29"/>
        <v>#N/A</v>
      </c>
      <c r="T119" s="236">
        <f t="shared" si="15"/>
        <v>35.740323801244763</v>
      </c>
    </row>
    <row r="120" spans="1:20" x14ac:dyDescent="0.2">
      <c r="A120" s="53">
        <f t="shared" si="16"/>
        <v>108</v>
      </c>
      <c r="B120" s="239">
        <v>0.84899999999999998</v>
      </c>
      <c r="C120" s="3">
        <f t="shared" si="17"/>
        <v>0.84199999999999997</v>
      </c>
      <c r="D120" s="239">
        <v>6.3799999999999996E-2</v>
      </c>
      <c r="E120" s="239">
        <v>8.0000000000000004E-4</v>
      </c>
      <c r="F120" s="239">
        <v>3.0300000000000001E-2</v>
      </c>
      <c r="G120">
        <f t="shared" si="18"/>
        <v>6.9859999999999992E-2</v>
      </c>
      <c r="H120" s="235">
        <f t="shared" si="19"/>
        <v>1.1451474377326083</v>
      </c>
      <c r="I120" s="236">
        <f t="shared" si="20"/>
        <v>11.942591742432199</v>
      </c>
      <c r="J120" s="237">
        <f t="shared" si="25"/>
        <v>1.9425917424321995</v>
      </c>
      <c r="K120" s="237">
        <f t="shared" si="21"/>
        <v>10.055662247127911</v>
      </c>
      <c r="L120" s="237">
        <f t="shared" si="26"/>
        <v>1.6492603893249373</v>
      </c>
      <c r="M120" s="236">
        <f t="shared" si="22"/>
        <v>36.261307274438771</v>
      </c>
      <c r="N120" s="236">
        <f t="shared" si="23"/>
        <v>1.3376956088132261</v>
      </c>
      <c r="O120" s="236">
        <f t="shared" si="27"/>
        <v>2.337285666557495</v>
      </c>
      <c r="P120" s="236" t="str">
        <f t="shared" si="28"/>
        <v>SAND</v>
      </c>
      <c r="Q120" s="236" t="e">
        <f t="shared" si="24"/>
        <v>#N/A</v>
      </c>
      <c r="R120" s="238">
        <v>35</v>
      </c>
      <c r="S120" s="236" t="e">
        <f t="shared" si="29"/>
        <v>#N/A</v>
      </c>
      <c r="T120" s="236">
        <f t="shared" si="15"/>
        <v>34.753878027091041</v>
      </c>
    </row>
    <row r="121" spans="1:20" x14ac:dyDescent="0.2">
      <c r="A121" s="53">
        <f t="shared" si="16"/>
        <v>109</v>
      </c>
      <c r="B121" s="239">
        <v>0.85599999999999998</v>
      </c>
      <c r="C121" s="3">
        <f t="shared" si="17"/>
        <v>0.84899999999999998</v>
      </c>
      <c r="D121" s="239">
        <v>6.4799999999999996E-2</v>
      </c>
      <c r="E121" s="239">
        <v>8.0000000000000004E-4</v>
      </c>
      <c r="F121" s="239">
        <v>3.0800000000000001E-2</v>
      </c>
      <c r="G121">
        <f t="shared" si="18"/>
        <v>7.0959999999999995E-2</v>
      </c>
      <c r="H121" s="235">
        <f t="shared" si="19"/>
        <v>1.1273957158962797</v>
      </c>
      <c r="I121" s="236">
        <f t="shared" si="20"/>
        <v>11.948698265402038</v>
      </c>
      <c r="J121" s="237">
        <f t="shared" si="25"/>
        <v>1.9486982654020384</v>
      </c>
      <c r="K121" s="237">
        <f t="shared" si="21"/>
        <v>10.14444482732633</v>
      </c>
      <c r="L121" s="237">
        <f t="shared" si="26"/>
        <v>1.6680857151841448</v>
      </c>
      <c r="M121" s="236">
        <f t="shared" si="22"/>
        <v>36.458291452942547</v>
      </c>
      <c r="N121" s="236">
        <f t="shared" si="23"/>
        <v>1.3154529260294663</v>
      </c>
      <c r="O121" s="236">
        <f t="shared" si="27"/>
        <v>2.3311722378720892</v>
      </c>
      <c r="P121" s="236" t="str">
        <f t="shared" si="28"/>
        <v>SAND</v>
      </c>
      <c r="Q121" s="236" t="e">
        <f t="shared" si="24"/>
        <v>#N/A</v>
      </c>
      <c r="R121" s="238">
        <v>35</v>
      </c>
      <c r="S121" s="236" t="e">
        <f t="shared" si="29"/>
        <v>#N/A</v>
      </c>
      <c r="T121" s="236">
        <f t="shared" si="15"/>
        <v>34.779759436707693</v>
      </c>
    </row>
    <row r="122" spans="1:20" x14ac:dyDescent="0.2">
      <c r="A122" s="53">
        <f t="shared" si="16"/>
        <v>110</v>
      </c>
      <c r="B122" s="239">
        <v>0.86399999999999999</v>
      </c>
      <c r="C122" s="3">
        <f t="shared" si="17"/>
        <v>0.85699999999999998</v>
      </c>
      <c r="D122" s="239">
        <v>6.4899999999999999E-2</v>
      </c>
      <c r="E122" s="239">
        <v>8.0000000000000004E-4</v>
      </c>
      <c r="F122" s="239">
        <v>3.1300000000000001E-2</v>
      </c>
      <c r="G122">
        <f t="shared" si="18"/>
        <v>7.1160000000000001E-2</v>
      </c>
      <c r="H122" s="235">
        <f t="shared" si="19"/>
        <v>1.1242270938729624</v>
      </c>
      <c r="I122" s="236">
        <f t="shared" si="20"/>
        <v>11.949798364731432</v>
      </c>
      <c r="J122" s="237">
        <f t="shared" si="25"/>
        <v>1.9497983647314321</v>
      </c>
      <c r="K122" s="237">
        <f t="shared" si="21"/>
        <v>10.240977198574837</v>
      </c>
      <c r="L122" s="237">
        <f t="shared" si="26"/>
        <v>1.6846257871279573</v>
      </c>
      <c r="M122" s="236">
        <f t="shared" si="22"/>
        <v>36.161753706313171</v>
      </c>
      <c r="N122" s="236">
        <f t="shared" si="23"/>
        <v>1.3132187011727388</v>
      </c>
      <c r="O122" s="236">
        <f t="shared" si="27"/>
        <v>2.3336529558949715</v>
      </c>
      <c r="P122" s="236" t="str">
        <f t="shared" si="28"/>
        <v>SAND</v>
      </c>
      <c r="Q122" s="236" t="e">
        <f t="shared" si="24"/>
        <v>#N/A</v>
      </c>
      <c r="R122" s="238">
        <v>35</v>
      </c>
      <c r="S122" s="236" t="e">
        <f t="shared" si="29"/>
        <v>#N/A</v>
      </c>
      <c r="T122" s="236">
        <f t="shared" si="15"/>
        <v>34.740744323231795</v>
      </c>
    </row>
    <row r="123" spans="1:20" x14ac:dyDescent="0.2">
      <c r="A123" s="53">
        <f t="shared" si="16"/>
        <v>111</v>
      </c>
      <c r="B123" s="239">
        <v>0.871</v>
      </c>
      <c r="C123" s="3">
        <f t="shared" si="17"/>
        <v>0.86399999999999999</v>
      </c>
      <c r="D123" s="239">
        <v>6.5000000000000002E-2</v>
      </c>
      <c r="E123" s="239">
        <v>8.9999999999999998E-4</v>
      </c>
      <c r="F123" s="239">
        <v>3.2000000000000001E-2</v>
      </c>
      <c r="G123">
        <f t="shared" si="18"/>
        <v>7.1400000000000005E-2</v>
      </c>
      <c r="H123" s="235">
        <f t="shared" si="19"/>
        <v>1.2605042016806722</v>
      </c>
      <c r="I123" s="236">
        <f t="shared" si="20"/>
        <v>12.089226220467221</v>
      </c>
      <c r="J123" s="237">
        <f t="shared" si="25"/>
        <v>2.0892262204672214</v>
      </c>
      <c r="K123" s="237">
        <f t="shared" si="21"/>
        <v>10.445091454483679</v>
      </c>
      <c r="L123" s="237">
        <f t="shared" si="26"/>
        <v>1.8197160380269499</v>
      </c>
      <c r="M123" s="236">
        <f t="shared" si="22"/>
        <v>33.496934286300764</v>
      </c>
      <c r="N123" s="236">
        <f t="shared" si="23"/>
        <v>1.4765012719655726</v>
      </c>
      <c r="O123" s="236">
        <f t="shared" si="27"/>
        <v>2.3901832426506524</v>
      </c>
      <c r="P123" s="236" t="str">
        <f t="shared" si="28"/>
        <v>SAND</v>
      </c>
      <c r="Q123" s="236" t="e">
        <f t="shared" si="24"/>
        <v>#N/A</v>
      </c>
      <c r="R123" s="238">
        <v>35</v>
      </c>
      <c r="S123" s="236" t="e">
        <f t="shared" si="29"/>
        <v>#N/A</v>
      </c>
      <c r="T123" s="236">
        <f t="shared" si="15"/>
        <v>34.375055673878435</v>
      </c>
    </row>
    <row r="124" spans="1:20" x14ac:dyDescent="0.2">
      <c r="A124" s="53">
        <f t="shared" si="16"/>
        <v>112</v>
      </c>
      <c r="B124" s="239">
        <v>0.879</v>
      </c>
      <c r="C124" s="3">
        <f t="shared" si="17"/>
        <v>0.872</v>
      </c>
      <c r="D124" s="239">
        <v>6.4699999999999994E-2</v>
      </c>
      <c r="E124" s="239">
        <v>1E-3</v>
      </c>
      <c r="F124" s="239">
        <v>3.2599999999999997E-2</v>
      </c>
      <c r="G124">
        <f t="shared" si="18"/>
        <v>7.1219999999999992E-2</v>
      </c>
      <c r="H124" s="235">
        <f t="shared" si="19"/>
        <v>1.4040999719180007</v>
      </c>
      <c r="I124" s="236">
        <f t="shared" si="20"/>
        <v>12.211784826786898</v>
      </c>
      <c r="J124" s="237">
        <f t="shared" si="25"/>
        <v>2.2117848267868983</v>
      </c>
      <c r="K124" s="237">
        <f t="shared" si="21"/>
        <v>10.648676368958176</v>
      </c>
      <c r="L124" s="237">
        <f t="shared" si="26"/>
        <v>1.9441588627456836</v>
      </c>
      <c r="M124" s="236">
        <f t="shared" si="22"/>
        <v>31.155542271632342</v>
      </c>
      <c r="N124" s="236">
        <f t="shared" si="23"/>
        <v>1.6509462565013462</v>
      </c>
      <c r="O124" s="236">
        <f t="shared" si="27"/>
        <v>2.4440721444146174</v>
      </c>
      <c r="P124" s="236" t="str">
        <f t="shared" si="28"/>
        <v>SAND</v>
      </c>
      <c r="Q124" s="236" t="e">
        <f t="shared" si="24"/>
        <v>#N/A</v>
      </c>
      <c r="R124" s="238">
        <v>35</v>
      </c>
      <c r="S124" s="236" t="e">
        <f t="shared" si="29"/>
        <v>#N/A</v>
      </c>
      <c r="T124" s="236">
        <f t="shared" si="15"/>
        <v>34.02888846151653</v>
      </c>
    </row>
    <row r="125" spans="1:20" x14ac:dyDescent="0.2">
      <c r="A125" s="53">
        <f t="shared" si="16"/>
        <v>113</v>
      </c>
      <c r="B125" s="239">
        <v>0.88600000000000001</v>
      </c>
      <c r="C125" s="3">
        <f t="shared" si="17"/>
        <v>0.879</v>
      </c>
      <c r="D125" s="239">
        <v>6.5199999999999994E-2</v>
      </c>
      <c r="E125" s="239">
        <v>1E-3</v>
      </c>
      <c r="F125" s="239">
        <v>3.2800000000000003E-2</v>
      </c>
      <c r="G125">
        <f t="shared" si="18"/>
        <v>7.175999999999999E-2</v>
      </c>
      <c r="H125" s="235">
        <f t="shared" si="19"/>
        <v>1.3935340022296545</v>
      </c>
      <c r="I125" s="236">
        <f t="shared" si="20"/>
        <v>12.21473724141492</v>
      </c>
      <c r="J125" s="237">
        <f t="shared" si="25"/>
        <v>2.2147372414149196</v>
      </c>
      <c r="K125" s="237">
        <f t="shared" si="21"/>
        <v>10.736754035203715</v>
      </c>
      <c r="L125" s="237">
        <f t="shared" si="26"/>
        <v>1.9622571958936188</v>
      </c>
      <c r="M125" s="236">
        <f t="shared" si="22"/>
        <v>31.098495188346639</v>
      </c>
      <c r="N125" s="236">
        <f t="shared" si="23"/>
        <v>1.638719776684594</v>
      </c>
      <c r="O125" s="236">
        <f t="shared" si="27"/>
        <v>2.4428187203443925</v>
      </c>
      <c r="P125" s="236" t="str">
        <f t="shared" si="28"/>
        <v>SAND</v>
      </c>
      <c r="Q125" s="236" t="e">
        <f t="shared" si="24"/>
        <v>#N/A</v>
      </c>
      <c r="R125" s="238">
        <v>35</v>
      </c>
      <c r="S125" s="236" t="e">
        <f t="shared" si="29"/>
        <v>#N/A</v>
      </c>
      <c r="T125" s="236">
        <f t="shared" si="15"/>
        <v>34.020133121118462</v>
      </c>
    </row>
    <row r="126" spans="1:20" x14ac:dyDescent="0.2">
      <c r="A126" s="53">
        <f t="shared" si="16"/>
        <v>114</v>
      </c>
      <c r="B126" s="239">
        <v>0.89400000000000002</v>
      </c>
      <c r="C126" s="3">
        <f t="shared" si="17"/>
        <v>0.88700000000000001</v>
      </c>
      <c r="D126" s="239">
        <v>6.59E-2</v>
      </c>
      <c r="E126" s="239">
        <v>1E-3</v>
      </c>
      <c r="F126" s="239">
        <v>3.2599999999999997E-2</v>
      </c>
      <c r="G126">
        <f t="shared" si="18"/>
        <v>7.2419999999999998E-2</v>
      </c>
      <c r="H126" s="235">
        <f t="shared" si="19"/>
        <v>1.3808340237503454</v>
      </c>
      <c r="I126" s="236">
        <f t="shared" si="20"/>
        <v>12.21831572281538</v>
      </c>
      <c r="J126" s="237">
        <f t="shared" si="25"/>
        <v>2.2183157228153796</v>
      </c>
      <c r="K126" s="237">
        <f t="shared" si="21"/>
        <v>10.837646046137241</v>
      </c>
      <c r="L126" s="237">
        <f t="shared" si="26"/>
        <v>1.9831742561969494</v>
      </c>
      <c r="M126" s="236">
        <f t="shared" si="22"/>
        <v>31.052416983244164</v>
      </c>
      <c r="N126" s="236">
        <f t="shared" si="23"/>
        <v>1.6238417919996948</v>
      </c>
      <c r="O126" s="236">
        <f t="shared" si="27"/>
        <v>2.4410165686518019</v>
      </c>
      <c r="P126" s="236" t="str">
        <f t="shared" si="28"/>
        <v>SAND</v>
      </c>
      <c r="Q126" s="236" t="e">
        <f t="shared" si="24"/>
        <v>#N/A</v>
      </c>
      <c r="R126" s="238">
        <v>35</v>
      </c>
      <c r="S126" s="236" t="e">
        <f t="shared" si="29"/>
        <v>#N/A</v>
      </c>
      <c r="T126" s="236">
        <f t="shared" si="15"/>
        <v>34.013049503357351</v>
      </c>
    </row>
    <row r="127" spans="1:20" x14ac:dyDescent="0.2">
      <c r="A127" s="53">
        <f t="shared" si="16"/>
        <v>115</v>
      </c>
      <c r="B127" s="239">
        <v>0.90100000000000002</v>
      </c>
      <c r="C127" s="3">
        <f t="shared" si="17"/>
        <v>0.89400000000000002</v>
      </c>
      <c r="D127" s="239">
        <v>6.5600000000000006E-2</v>
      </c>
      <c r="E127" s="239">
        <v>1E-3</v>
      </c>
      <c r="F127" s="239">
        <v>3.2500000000000001E-2</v>
      </c>
      <c r="G127">
        <f t="shared" si="18"/>
        <v>7.2099999999999997E-2</v>
      </c>
      <c r="H127" s="235">
        <f t="shared" si="19"/>
        <v>1.3869625520110958</v>
      </c>
      <c r="I127" s="236">
        <f t="shared" si="20"/>
        <v>12.216584792629972</v>
      </c>
      <c r="J127" s="237">
        <f t="shared" si="25"/>
        <v>2.2165847926299715</v>
      </c>
      <c r="K127" s="237">
        <f t="shared" si="21"/>
        <v>10.921626804611195</v>
      </c>
      <c r="L127" s="237">
        <f t="shared" si="26"/>
        <v>1.9971428981596044</v>
      </c>
      <c r="M127" s="236">
        <f t="shared" si="22"/>
        <v>30.63294732278073</v>
      </c>
      <c r="N127" s="236">
        <f t="shared" si="23"/>
        <v>1.634564549152433</v>
      </c>
      <c r="O127" s="236">
        <f t="shared" si="27"/>
        <v>2.44747797757246</v>
      </c>
      <c r="P127" s="236" t="str">
        <f t="shared" si="28"/>
        <v>SAND</v>
      </c>
      <c r="Q127" s="236" t="e">
        <f t="shared" si="24"/>
        <v>#N/A</v>
      </c>
      <c r="R127" s="238">
        <v>35</v>
      </c>
      <c r="S127" s="236" t="e">
        <f t="shared" si="29"/>
        <v>#N/A</v>
      </c>
      <c r="T127" s="236">
        <f t="shared" si="15"/>
        <v>33.948076624971819</v>
      </c>
    </row>
    <row r="128" spans="1:20" x14ac:dyDescent="0.2">
      <c r="A128" s="53">
        <f t="shared" si="16"/>
        <v>116</v>
      </c>
      <c r="B128" s="239">
        <v>0.90900000000000003</v>
      </c>
      <c r="C128" s="3">
        <f t="shared" si="17"/>
        <v>0.90200000000000002</v>
      </c>
      <c r="D128" s="239">
        <v>6.6799999999999998E-2</v>
      </c>
      <c r="E128" s="239">
        <v>1E-3</v>
      </c>
      <c r="F128" s="239">
        <v>3.2399999999999998E-2</v>
      </c>
      <c r="G128">
        <f t="shared" si="18"/>
        <v>7.3279999999999998E-2</v>
      </c>
      <c r="H128" s="235">
        <f t="shared" si="19"/>
        <v>1.3646288209606987</v>
      </c>
      <c r="I128" s="236">
        <f t="shared" si="20"/>
        <v>12.222929968976302</v>
      </c>
      <c r="J128" s="237">
        <f t="shared" si="25"/>
        <v>2.2229299689763025</v>
      </c>
      <c r="K128" s="237">
        <f t="shared" si="21"/>
        <v>11.025082832016626</v>
      </c>
      <c r="L128" s="237">
        <f t="shared" si="26"/>
        <v>2.0206433417994591</v>
      </c>
      <c r="M128" s="236">
        <f t="shared" si="22"/>
        <v>30.809453543910934</v>
      </c>
      <c r="N128" s="236">
        <f t="shared" si="23"/>
        <v>1.6062988202228026</v>
      </c>
      <c r="O128" s="236">
        <f t="shared" si="27"/>
        <v>2.441023118032851</v>
      </c>
      <c r="P128" s="236" t="str">
        <f t="shared" si="28"/>
        <v>SAND</v>
      </c>
      <c r="Q128" s="236" t="e">
        <f t="shared" si="24"/>
        <v>#N/A</v>
      </c>
      <c r="R128" s="238">
        <v>35</v>
      </c>
      <c r="S128" s="236" t="e">
        <f t="shared" si="29"/>
        <v>#N/A</v>
      </c>
      <c r="T128" s="236">
        <f t="shared" si="15"/>
        <v>33.975523950079143</v>
      </c>
    </row>
    <row r="129" spans="1:21" x14ac:dyDescent="0.2">
      <c r="A129" s="53">
        <f t="shared" si="16"/>
        <v>117</v>
      </c>
      <c r="B129" s="239">
        <v>0.91600000000000004</v>
      </c>
      <c r="C129" s="3">
        <f t="shared" si="17"/>
        <v>0.90900000000000003</v>
      </c>
      <c r="D129" s="239">
        <v>6.7000000000000004E-2</v>
      </c>
      <c r="E129" s="239">
        <v>1.1000000000000001E-3</v>
      </c>
      <c r="F129" s="239">
        <v>3.2399999999999998E-2</v>
      </c>
      <c r="G129">
        <f t="shared" si="18"/>
        <v>7.3480000000000004E-2</v>
      </c>
      <c r="H129" s="235">
        <f t="shared" si="19"/>
        <v>1.4970059880239521</v>
      </c>
      <c r="I129" s="236">
        <f t="shared" si="20"/>
        <v>12.335755537180088</v>
      </c>
      <c r="J129" s="237">
        <f t="shared" si="25"/>
        <v>2.3357555371800878</v>
      </c>
      <c r="K129" s="237">
        <f t="shared" si="21"/>
        <v>11.2132017832967</v>
      </c>
      <c r="L129" s="237">
        <f t="shared" si="26"/>
        <v>2.1395520720569605</v>
      </c>
      <c r="M129" s="236">
        <f t="shared" si="22"/>
        <v>29.102726234113174</v>
      </c>
      <c r="N129" s="236">
        <f t="shared" si="23"/>
        <v>1.7665915568225263</v>
      </c>
      <c r="O129" s="236">
        <f t="shared" si="27"/>
        <v>2.4853149877661798</v>
      </c>
      <c r="P129" s="236" t="str">
        <f t="shared" si="28"/>
        <v>SAND</v>
      </c>
      <c r="Q129" s="236" t="e">
        <f t="shared" si="24"/>
        <v>#N/A</v>
      </c>
      <c r="R129" s="238">
        <v>35</v>
      </c>
      <c r="S129" s="236" t="e">
        <f t="shared" si="29"/>
        <v>#N/A</v>
      </c>
      <c r="T129" s="236">
        <f t="shared" si="15"/>
        <v>33.703270413646223</v>
      </c>
    </row>
    <row r="130" spans="1:21" x14ac:dyDescent="0.2">
      <c r="A130" s="53">
        <f t="shared" si="16"/>
        <v>118</v>
      </c>
      <c r="B130" s="239">
        <v>0.92400000000000004</v>
      </c>
      <c r="C130" s="3">
        <f t="shared" si="17"/>
        <v>0.91700000000000004</v>
      </c>
      <c r="D130" s="239">
        <v>6.7699999999999996E-2</v>
      </c>
      <c r="E130" s="239">
        <v>1.1000000000000001E-3</v>
      </c>
      <c r="F130" s="239">
        <v>3.1800000000000002E-2</v>
      </c>
      <c r="G130">
        <f t="shared" si="18"/>
        <v>7.4060000000000001E-2</v>
      </c>
      <c r="H130" s="235">
        <f t="shared" si="19"/>
        <v>1.4852822036186877</v>
      </c>
      <c r="I130" s="236">
        <f t="shared" si="20"/>
        <v>12.338828641251776</v>
      </c>
      <c r="J130" s="237">
        <f t="shared" si="25"/>
        <v>2.3388286412517765</v>
      </c>
      <c r="K130" s="237">
        <f t="shared" si="21"/>
        <v>11.31470586402788</v>
      </c>
      <c r="L130" s="237">
        <f t="shared" si="26"/>
        <v>2.1610776645166414</v>
      </c>
      <c r="M130" s="236">
        <f t="shared" si="22"/>
        <v>29.034261547470152</v>
      </c>
      <c r="N130" s="236">
        <f t="shared" si="23"/>
        <v>1.7531195209894885</v>
      </c>
      <c r="O130" s="236">
        <f t="shared" si="27"/>
        <v>2.4841802069547207</v>
      </c>
      <c r="P130" s="236" t="str">
        <f t="shared" si="28"/>
        <v>SAND</v>
      </c>
      <c r="Q130" s="236" t="e">
        <f t="shared" si="24"/>
        <v>#N/A</v>
      </c>
      <c r="R130" s="238">
        <v>35</v>
      </c>
      <c r="S130" s="236" t="e">
        <f t="shared" si="29"/>
        <v>#N/A</v>
      </c>
      <c r="T130" s="236">
        <f t="shared" si="15"/>
        <v>33.692018632106198</v>
      </c>
    </row>
    <row r="131" spans="1:21" x14ac:dyDescent="0.2">
      <c r="A131" s="53">
        <f t="shared" si="16"/>
        <v>119</v>
      </c>
      <c r="B131" s="239">
        <v>0.93100000000000005</v>
      </c>
      <c r="C131" s="3">
        <f t="shared" si="17"/>
        <v>0.92400000000000004</v>
      </c>
      <c r="D131" s="239">
        <v>6.7500000000000004E-2</v>
      </c>
      <c r="E131" s="239">
        <v>1.1000000000000001E-3</v>
      </c>
      <c r="F131" s="239">
        <v>3.1600000000000003E-2</v>
      </c>
      <c r="G131">
        <f t="shared" si="18"/>
        <v>7.3819999999999997E-2</v>
      </c>
      <c r="H131" s="235">
        <f t="shared" si="19"/>
        <v>1.4901110810078571</v>
      </c>
      <c r="I131" s="236">
        <f t="shared" si="20"/>
        <v>12.33755994108337</v>
      </c>
      <c r="J131" s="237">
        <f t="shared" si="25"/>
        <v>2.3375599410833701</v>
      </c>
      <c r="K131" s="237">
        <f t="shared" si="21"/>
        <v>11.399905385561034</v>
      </c>
      <c r="L131" s="237">
        <f t="shared" si="26"/>
        <v>2.1762683051486178</v>
      </c>
      <c r="M131" s="236">
        <f t="shared" si="22"/>
        <v>28.682168676888523</v>
      </c>
      <c r="N131" s="236">
        <f t="shared" si="23"/>
        <v>1.7622530161073309</v>
      </c>
      <c r="O131" s="236">
        <f t="shared" si="27"/>
        <v>2.4897914915220807</v>
      </c>
      <c r="P131" s="236" t="str">
        <f t="shared" si="28"/>
        <v>SAND</v>
      </c>
      <c r="Q131" s="236" t="e">
        <f t="shared" si="24"/>
        <v>#N/A</v>
      </c>
      <c r="R131" s="238">
        <v>35</v>
      </c>
      <c r="S131" s="236" t="e">
        <f t="shared" si="29"/>
        <v>#N/A</v>
      </c>
      <c r="T131" s="236">
        <f t="shared" si="15"/>
        <v>33.633731840690459</v>
      </c>
    </row>
    <row r="132" spans="1:21" x14ac:dyDescent="0.2">
      <c r="A132" s="53">
        <f t="shared" si="16"/>
        <v>120</v>
      </c>
      <c r="B132" s="239">
        <v>0.93899999999999995</v>
      </c>
      <c r="C132" s="3">
        <f t="shared" si="17"/>
        <v>0.93199999999999994</v>
      </c>
      <c r="D132" s="239">
        <v>6.7599999999999993E-2</v>
      </c>
      <c r="E132" s="239">
        <v>1.1000000000000001E-3</v>
      </c>
      <c r="F132" s="239">
        <v>3.0599999999999999E-2</v>
      </c>
      <c r="G132">
        <f t="shared" si="18"/>
        <v>7.3719999999999994E-2</v>
      </c>
      <c r="H132" s="235">
        <f t="shared" si="19"/>
        <v>1.4921323928377648</v>
      </c>
      <c r="I132" s="236">
        <f t="shared" si="20"/>
        <v>12.337030098202026</v>
      </c>
      <c r="J132" s="237">
        <f t="shared" si="25"/>
        <v>2.3370300982020265</v>
      </c>
      <c r="K132" s="237">
        <f t="shared" si="21"/>
        <v>11.498112051524288</v>
      </c>
      <c r="L132" s="237">
        <f t="shared" si="26"/>
        <v>2.1944712622117026</v>
      </c>
      <c r="M132" s="236">
        <f t="shared" si="22"/>
        <v>28.353931546027741</v>
      </c>
      <c r="N132" s="236">
        <f t="shared" si="23"/>
        <v>1.7678666402904406</v>
      </c>
      <c r="O132" s="236">
        <f t="shared" si="27"/>
        <v>2.4946457040903094</v>
      </c>
      <c r="P132" s="236" t="str">
        <f t="shared" si="28"/>
        <v>SAND</v>
      </c>
      <c r="Q132" s="236" t="e">
        <f t="shared" si="24"/>
        <v>#N/A</v>
      </c>
      <c r="R132" s="238">
        <v>35</v>
      </c>
      <c r="S132" s="236" t="e">
        <f t="shared" si="29"/>
        <v>#N/A</v>
      </c>
      <c r="T132" s="236">
        <f t="shared" si="15"/>
        <v>33.57874615174353</v>
      </c>
      <c r="U132" s="230"/>
    </row>
    <row r="133" spans="1:21" x14ac:dyDescent="0.2">
      <c r="A133" s="53">
        <f t="shared" si="16"/>
        <v>121</v>
      </c>
      <c r="B133" s="239">
        <v>0.93899999999999995</v>
      </c>
      <c r="C133" s="3">
        <f t="shared" si="17"/>
        <v>0.93199999999999994</v>
      </c>
      <c r="D133" s="239">
        <v>6.9099999999999995E-2</v>
      </c>
      <c r="E133" s="239">
        <v>1E-3</v>
      </c>
      <c r="F133" s="239">
        <v>3.09E-2</v>
      </c>
      <c r="G133">
        <f t="shared" si="18"/>
        <v>7.528E-2</v>
      </c>
      <c r="H133" s="235">
        <f t="shared" si="19"/>
        <v>1.3283740701381508</v>
      </c>
      <c r="I133" s="236">
        <f t="shared" si="20"/>
        <v>12.233454703759767</v>
      </c>
      <c r="J133" s="237">
        <f t="shared" si="25"/>
        <v>2.233454703759767</v>
      </c>
      <c r="K133" s="237">
        <f t="shared" si="21"/>
        <v>11.401579783904102</v>
      </c>
      <c r="L133" s="237">
        <f t="shared" si="26"/>
        <v>2.0972139668304211</v>
      </c>
      <c r="M133" s="236">
        <f t="shared" si="22"/>
        <v>30.458704369891816</v>
      </c>
      <c r="N133" s="236">
        <f t="shared" si="23"/>
        <v>1.5654739059248417</v>
      </c>
      <c r="O133" s="236">
        <f t="shared" si="27"/>
        <v>2.4385580028378286</v>
      </c>
      <c r="P133" s="236" t="str">
        <f t="shared" si="28"/>
        <v>SAND</v>
      </c>
      <c r="Q133" s="236" t="e">
        <f t="shared" si="24"/>
        <v>#N/A</v>
      </c>
      <c r="R133" s="238">
        <v>35</v>
      </c>
      <c r="S133" s="236" t="e">
        <f t="shared" si="29"/>
        <v>#N/A</v>
      </c>
      <c r="T133" s="236">
        <f t="shared" si="15"/>
        <v>33.920825682607834</v>
      </c>
    </row>
    <row r="134" spans="1:21" x14ac:dyDescent="0.2">
      <c r="A134" s="53">
        <f t="shared" si="16"/>
        <v>122</v>
      </c>
      <c r="B134" s="239">
        <v>0.93899999999999995</v>
      </c>
      <c r="C134" s="3">
        <f t="shared" si="17"/>
        <v>0.93199999999999994</v>
      </c>
      <c r="D134" s="239">
        <v>6.4199999999999993E-2</v>
      </c>
      <c r="E134" s="239">
        <v>8.0000000000000004E-4</v>
      </c>
      <c r="F134" s="239">
        <v>3.2000000000000001E-2</v>
      </c>
      <c r="G134">
        <f t="shared" si="18"/>
        <v>7.0599999999999996E-2</v>
      </c>
      <c r="H134" s="235">
        <f t="shared" si="19"/>
        <v>1.1331444759206799</v>
      </c>
      <c r="I134" s="236">
        <f t="shared" si="20"/>
        <v>11.946710250207357</v>
      </c>
      <c r="J134" s="237">
        <f t="shared" si="25"/>
        <v>1.9467102502073566</v>
      </c>
      <c r="K134" s="237">
        <f t="shared" si="21"/>
        <v>11.134333953193256</v>
      </c>
      <c r="L134" s="237">
        <f t="shared" si="26"/>
        <v>1.8279609249447077</v>
      </c>
      <c r="M134" s="236">
        <f t="shared" si="22"/>
        <v>32.531147266512527</v>
      </c>
      <c r="N134" s="236">
        <f t="shared" si="23"/>
        <v>1.3453141168389544</v>
      </c>
      <c r="O134" s="236">
        <f t="shared" si="27"/>
        <v>2.377376093696109</v>
      </c>
      <c r="P134" s="236" t="str">
        <f t="shared" si="28"/>
        <v>SAND</v>
      </c>
      <c r="Q134" s="236" t="e">
        <f t="shared" si="24"/>
        <v>#N/A</v>
      </c>
      <c r="R134" s="238">
        <v>35</v>
      </c>
      <c r="S134" s="236" t="e">
        <f t="shared" si="29"/>
        <v>#N/A</v>
      </c>
      <c r="T134" s="236">
        <f t="shared" si="15"/>
        <v>34.235293176580768</v>
      </c>
    </row>
    <row r="135" spans="1:21" x14ac:dyDescent="0.2">
      <c r="A135" s="53">
        <f t="shared" si="16"/>
        <v>123</v>
      </c>
      <c r="B135" s="239">
        <v>0.97</v>
      </c>
      <c r="C135" s="3">
        <f t="shared" si="17"/>
        <v>0.96299999999999997</v>
      </c>
      <c r="D135" s="239">
        <v>7.7200000000000005E-2</v>
      </c>
      <c r="E135" s="239">
        <v>6.9999999999999999E-4</v>
      </c>
      <c r="F135" s="239">
        <v>3.1300000000000001E-2</v>
      </c>
      <c r="G135">
        <f t="shared" si="18"/>
        <v>8.3460000000000006E-2</v>
      </c>
      <c r="H135" s="235">
        <f t="shared" si="19"/>
        <v>0.83872513779055835</v>
      </c>
      <c r="I135" s="236">
        <f t="shared" si="20"/>
        <v>11.855538304759101</v>
      </c>
      <c r="J135" s="237">
        <f t="shared" si="25"/>
        <v>1.8555383047591008</v>
      </c>
      <c r="K135" s="237">
        <f t="shared" si="21"/>
        <v>11.416883387483013</v>
      </c>
      <c r="L135" s="237">
        <f t="shared" si="26"/>
        <v>1.7998721556163277</v>
      </c>
      <c r="M135" s="236">
        <f t="shared" si="22"/>
        <v>40.026796563141104</v>
      </c>
      <c r="N135" s="236">
        <f t="shared" si="23"/>
        <v>0.97164036331873482</v>
      </c>
      <c r="O135" s="236">
        <f t="shared" si="27"/>
        <v>2.224001586189897</v>
      </c>
      <c r="P135" s="236" t="str">
        <f t="shared" si="28"/>
        <v>SAND</v>
      </c>
      <c r="Q135" s="236" t="e">
        <f t="shared" si="24"/>
        <v>#N/A</v>
      </c>
      <c r="R135" s="238">
        <v>35</v>
      </c>
      <c r="S135" s="236" t="e">
        <f t="shared" si="29"/>
        <v>#N/A</v>
      </c>
      <c r="T135" s="236">
        <f t="shared" si="15"/>
        <v>35.225859172973927</v>
      </c>
    </row>
    <row r="136" spans="1:21" x14ac:dyDescent="0.2">
      <c r="A136" s="53">
        <f t="shared" si="16"/>
        <v>124</v>
      </c>
      <c r="B136" s="239">
        <v>0.97699999999999998</v>
      </c>
      <c r="C136" s="3">
        <f t="shared" si="17"/>
        <v>0.97</v>
      </c>
      <c r="D136" s="239">
        <v>7.85E-2</v>
      </c>
      <c r="E136" s="239">
        <v>6.9999999999999999E-4</v>
      </c>
      <c r="F136" s="239">
        <v>3.1300000000000001E-2</v>
      </c>
      <c r="G136">
        <f t="shared" si="18"/>
        <v>8.4760000000000002E-2</v>
      </c>
      <c r="H136" s="235">
        <f t="shared" si="19"/>
        <v>0.82586125530910803</v>
      </c>
      <c r="I136" s="236">
        <f t="shared" si="20"/>
        <v>11.861579615655861</v>
      </c>
      <c r="J136" s="237">
        <f t="shared" si="25"/>
        <v>1.8615796156558613</v>
      </c>
      <c r="K136" s="237">
        <f t="shared" si="21"/>
        <v>11.505732227186185</v>
      </c>
      <c r="L136" s="237">
        <f t="shared" si="26"/>
        <v>1.8187632844957764</v>
      </c>
      <c r="M136" s="236">
        <f t="shared" si="22"/>
        <v>40.276966440480138</v>
      </c>
      <c r="N136" s="236">
        <f t="shared" si="23"/>
        <v>0.95557572450377359</v>
      </c>
      <c r="O136" s="236">
        <f t="shared" si="27"/>
        <v>2.2178028867252926</v>
      </c>
      <c r="P136" s="236" t="str">
        <f t="shared" si="28"/>
        <v>SAND</v>
      </c>
      <c r="Q136" s="236" t="e">
        <f t="shared" si="24"/>
        <v>#N/A</v>
      </c>
      <c r="R136" s="238">
        <v>35</v>
      </c>
      <c r="S136" s="236" t="e">
        <f t="shared" si="29"/>
        <v>#N/A</v>
      </c>
      <c r="T136" s="236">
        <f t="shared" si="15"/>
        <v>35.255624284632383</v>
      </c>
    </row>
    <row r="137" spans="1:21" x14ac:dyDescent="0.2">
      <c r="A137" s="53">
        <f t="shared" si="16"/>
        <v>125</v>
      </c>
      <c r="B137" s="239">
        <v>0.98499999999999999</v>
      </c>
      <c r="C137" s="3">
        <f t="shared" si="17"/>
        <v>0.97799999999999998</v>
      </c>
      <c r="D137" s="239">
        <v>7.9799999999999996E-2</v>
      </c>
      <c r="E137" s="239">
        <v>6.9999999999999999E-4</v>
      </c>
      <c r="F137" s="239">
        <v>3.1E-2</v>
      </c>
      <c r="G137">
        <f t="shared" si="18"/>
        <v>8.5999999999999993E-2</v>
      </c>
      <c r="H137" s="235">
        <f t="shared" si="19"/>
        <v>0.81395348837209303</v>
      </c>
      <c r="I137" s="236">
        <f t="shared" si="20"/>
        <v>11.867256368540192</v>
      </c>
      <c r="J137" s="237">
        <f t="shared" si="25"/>
        <v>1.8672563685401915</v>
      </c>
      <c r="K137" s="237">
        <f t="shared" si="21"/>
        <v>11.606176728432308</v>
      </c>
      <c r="L137" s="237">
        <f t="shared" si="26"/>
        <v>1.8392475230120886</v>
      </c>
      <c r="M137" s="236">
        <f t="shared" si="22"/>
        <v>40.447967084786299</v>
      </c>
      <c r="N137" s="236">
        <f t="shared" si="23"/>
        <v>0.94093833226545609</v>
      </c>
      <c r="O137" s="236">
        <f t="shared" si="27"/>
        <v>2.2126324043052827</v>
      </c>
      <c r="P137" s="236" t="str">
        <f t="shared" si="28"/>
        <v>SAND</v>
      </c>
      <c r="Q137" s="236" t="e">
        <f t="shared" si="24"/>
        <v>#N/A</v>
      </c>
      <c r="R137" s="238">
        <v>35</v>
      </c>
      <c r="S137" s="236" t="e">
        <f t="shared" si="29"/>
        <v>#N/A</v>
      </c>
      <c r="T137" s="236">
        <f t="shared" si="15"/>
        <v>35.275863687371725</v>
      </c>
    </row>
    <row r="138" spans="1:21" x14ac:dyDescent="0.2">
      <c r="A138" s="53">
        <f t="shared" si="16"/>
        <v>126</v>
      </c>
      <c r="B138" s="239">
        <v>0.99299999999999999</v>
      </c>
      <c r="C138" s="3">
        <f t="shared" si="17"/>
        <v>0.98599999999999999</v>
      </c>
      <c r="D138" s="239">
        <v>8.1299999999999997E-2</v>
      </c>
      <c r="E138" s="239">
        <v>6.9999999999999999E-4</v>
      </c>
      <c r="F138" s="239">
        <v>3.0800000000000001E-2</v>
      </c>
      <c r="G138">
        <f t="shared" si="18"/>
        <v>8.7459999999999996E-2</v>
      </c>
      <c r="H138" s="235">
        <f t="shared" si="19"/>
        <v>0.80036588154584964</v>
      </c>
      <c r="I138" s="236">
        <f t="shared" si="20"/>
        <v>11.873836288128935</v>
      </c>
      <c r="J138" s="237">
        <f t="shared" si="25"/>
        <v>1.8738362881289348</v>
      </c>
      <c r="K138" s="237">
        <f t="shared" si="21"/>
        <v>11.707602580095129</v>
      </c>
      <c r="L138" s="237">
        <f t="shared" si="26"/>
        <v>1.8607194341120321</v>
      </c>
      <c r="M138" s="236">
        <f t="shared" si="22"/>
        <v>40.711348541407176</v>
      </c>
      <c r="N138" s="236">
        <f t="shared" si="23"/>
        <v>0.9240631634663834</v>
      </c>
      <c r="O138" s="236">
        <f t="shared" si="27"/>
        <v>2.2060251326735787</v>
      </c>
      <c r="P138" s="236" t="str">
        <f t="shared" si="28"/>
        <v>SAND</v>
      </c>
      <c r="Q138" s="236" t="e">
        <f t="shared" si="24"/>
        <v>#N/A</v>
      </c>
      <c r="R138" s="238">
        <v>35</v>
      </c>
      <c r="S138" s="236" t="e">
        <f t="shared" si="29"/>
        <v>#N/A</v>
      </c>
      <c r="T138" s="236">
        <f t="shared" si="15"/>
        <v>35.306870372263035</v>
      </c>
    </row>
    <row r="139" spans="1:21" x14ac:dyDescent="0.2">
      <c r="A139" s="53">
        <f t="shared" si="16"/>
        <v>127</v>
      </c>
      <c r="B139" s="239">
        <v>1.0009999999999999</v>
      </c>
      <c r="C139" s="3">
        <f t="shared" si="17"/>
        <v>0.99399999999999988</v>
      </c>
      <c r="D139" s="239">
        <v>8.2100000000000006E-2</v>
      </c>
      <c r="E139" s="239">
        <v>6.9999999999999999E-4</v>
      </c>
      <c r="F139" s="239">
        <v>3.0200000000000001E-2</v>
      </c>
      <c r="G139">
        <f t="shared" si="18"/>
        <v>8.814000000000001E-2</v>
      </c>
      <c r="H139" s="235">
        <f t="shared" si="19"/>
        <v>0.79419105967778525</v>
      </c>
      <c r="I139" s="236">
        <f t="shared" si="20"/>
        <v>11.876863503977491</v>
      </c>
      <c r="J139" s="237">
        <f t="shared" si="25"/>
        <v>1.876863503977491</v>
      </c>
      <c r="K139" s="237">
        <f t="shared" si="21"/>
        <v>11.805602322953625</v>
      </c>
      <c r="L139" s="237">
        <f t="shared" si="26"/>
        <v>1.8787403674814682</v>
      </c>
      <c r="M139" s="236">
        <f t="shared" si="22"/>
        <v>40.630626242079373</v>
      </c>
      <c r="N139" s="236">
        <f t="shared" si="23"/>
        <v>0.91701778136973333</v>
      </c>
      <c r="O139" s="236">
        <f t="shared" si="27"/>
        <v>2.2049678896205656</v>
      </c>
      <c r="P139" s="236" t="str">
        <f t="shared" si="28"/>
        <v>SAND</v>
      </c>
      <c r="Q139" s="236" t="e">
        <f t="shared" si="24"/>
        <v>#N/A</v>
      </c>
      <c r="R139" s="238">
        <v>35</v>
      </c>
      <c r="S139" s="236" t="e">
        <f t="shared" si="29"/>
        <v>#N/A</v>
      </c>
      <c r="T139" s="236">
        <f t="shared" si="15"/>
        <v>35.297388678010357</v>
      </c>
    </row>
    <row r="140" spans="1:21" x14ac:dyDescent="0.2">
      <c r="A140" s="53">
        <f t="shared" si="16"/>
        <v>128</v>
      </c>
      <c r="B140" s="239">
        <v>1.008</v>
      </c>
      <c r="C140" s="3">
        <f t="shared" si="17"/>
        <v>1.0010000000000001</v>
      </c>
      <c r="D140" s="239">
        <v>8.3000000000000004E-2</v>
      </c>
      <c r="E140" s="239">
        <v>5.9999999999999995E-4</v>
      </c>
      <c r="F140" s="239">
        <v>2.9399999999999999E-2</v>
      </c>
      <c r="G140">
        <f t="shared" si="18"/>
        <v>8.8880000000000001E-2</v>
      </c>
      <c r="H140" s="235">
        <f t="shared" si="19"/>
        <v>0.67506750675067506</v>
      </c>
      <c r="I140" s="236">
        <f t="shared" si="20"/>
        <v>11.699375071757853</v>
      </c>
      <c r="J140" s="237">
        <f t="shared" si="25"/>
        <v>1.6993750717578529</v>
      </c>
      <c r="K140" s="237">
        <f t="shared" si="21"/>
        <v>11.711074446829612</v>
      </c>
      <c r="L140" s="237">
        <f t="shared" si="26"/>
        <v>1.7129700723319157</v>
      </c>
      <c r="M140" s="236">
        <f t="shared" si="22"/>
        <v>45.049780378309876</v>
      </c>
      <c r="N140" s="236">
        <f t="shared" si="23"/>
        <v>0.77751503691287271</v>
      </c>
      <c r="O140" s="236">
        <f t="shared" si="27"/>
        <v>2.1290012492084398</v>
      </c>
      <c r="P140" s="236" t="str">
        <f t="shared" si="28"/>
        <v>SAND</v>
      </c>
      <c r="Q140" s="236" t="e">
        <f t="shared" si="24"/>
        <v>#N/A</v>
      </c>
      <c r="R140" s="238">
        <v>35</v>
      </c>
      <c r="S140" s="236" t="e">
        <f t="shared" si="29"/>
        <v>#N/A</v>
      </c>
      <c r="T140" s="236">
        <f t="shared" si="15"/>
        <v>35.790619459055762</v>
      </c>
    </row>
    <row r="141" spans="1:21" x14ac:dyDescent="0.2">
      <c r="A141" s="53">
        <f t="shared" si="16"/>
        <v>129</v>
      </c>
      <c r="B141" s="239">
        <v>1.016</v>
      </c>
      <c r="C141" s="3">
        <f t="shared" si="17"/>
        <v>1.0090000000000001</v>
      </c>
      <c r="D141" s="239">
        <v>8.3699999999999997E-2</v>
      </c>
      <c r="E141" s="239">
        <v>5.9999999999999995E-4</v>
      </c>
      <c r="F141" s="239">
        <v>2.8799999999999999E-2</v>
      </c>
      <c r="G141">
        <f t="shared" si="18"/>
        <v>8.9459999999999998E-2</v>
      </c>
      <c r="H141" s="235">
        <f t="shared" si="19"/>
        <v>0.67069081153588195</v>
      </c>
      <c r="I141" s="236">
        <f t="shared" si="20"/>
        <v>11.701917434871298</v>
      </c>
      <c r="J141" s="237">
        <f t="shared" si="25"/>
        <v>1.701917434871298</v>
      </c>
      <c r="K141" s="237">
        <f t="shared" si="21"/>
        <v>11.807234691785141</v>
      </c>
      <c r="L141" s="237">
        <f t="shared" si="26"/>
        <v>1.7291481138292388</v>
      </c>
      <c r="M141" s="236">
        <f t="shared" si="22"/>
        <v>44.908105145632085</v>
      </c>
      <c r="N141" s="236">
        <f t="shared" si="23"/>
        <v>0.77267048715974862</v>
      </c>
      <c r="O141" s="236">
        <f t="shared" si="27"/>
        <v>2.1287542852320462</v>
      </c>
      <c r="P141" s="236" t="str">
        <f t="shared" si="28"/>
        <v>SAND</v>
      </c>
      <c r="Q141" s="236" t="e">
        <f t="shared" si="24"/>
        <v>#N/A</v>
      </c>
      <c r="R141" s="238">
        <v>35</v>
      </c>
      <c r="S141" s="236" t="e">
        <f t="shared" si="29"/>
        <v>#N/A</v>
      </c>
      <c r="T141" s="236">
        <f t="shared" ref="T141:T204" si="30">IF(P141="SAND",17.6+(11*LOG(M141)),#N/A)</f>
        <v>35.775572038917943</v>
      </c>
    </row>
    <row r="142" spans="1:21" x14ac:dyDescent="0.2">
      <c r="A142" s="53">
        <f t="shared" ref="A142:A205" si="31">$A141+1</f>
        <v>130</v>
      </c>
      <c r="B142" s="239">
        <v>1.0229999999999999</v>
      </c>
      <c r="C142" s="3">
        <f t="shared" ref="C142:C205" si="32">MAX($B142 - $B$13, 0.001)</f>
        <v>1.016</v>
      </c>
      <c r="D142" s="239">
        <v>8.4099999999999994E-2</v>
      </c>
      <c r="E142" s="239">
        <v>5.0000000000000001E-4</v>
      </c>
      <c r="F142" s="239">
        <v>2.8199999999999999E-2</v>
      </c>
      <c r="G142">
        <f t="shared" si="18"/>
        <v>8.9739999999999986E-2</v>
      </c>
      <c r="H142" s="235">
        <f t="shared" si="19"/>
        <v>0.55716514374860715</v>
      </c>
      <c r="I142" s="236">
        <f t="shared" si="20"/>
        <v>11.489349524767087</v>
      </c>
      <c r="J142" s="237">
        <f t="shared" si="25"/>
        <v>1.4893495247670874</v>
      </c>
      <c r="K142" s="237">
        <f t="shared" si="21"/>
        <v>11.673179117163361</v>
      </c>
      <c r="L142" s="237">
        <f t="shared" si="26"/>
        <v>1.5236045638367302</v>
      </c>
      <c r="M142" s="236">
        <f t="shared" si="22"/>
        <v>51.238243003321877</v>
      </c>
      <c r="N142" s="236">
        <f t="shared" si="23"/>
        <v>0.64047695851532682</v>
      </c>
      <c r="O142" s="236">
        <f t="shared" si="27"/>
        <v>2.0378267677202664</v>
      </c>
      <c r="P142" s="236" t="str">
        <f t="shared" si="28"/>
        <v>SAND</v>
      </c>
      <c r="Q142" s="236" t="e">
        <f t="shared" si="24"/>
        <v>#N/A</v>
      </c>
      <c r="R142" s="238">
        <v>35</v>
      </c>
      <c r="S142" s="236" t="e">
        <f t="shared" si="29"/>
        <v>#N/A</v>
      </c>
      <c r="T142" s="236">
        <f t="shared" si="30"/>
        <v>36.405536519592033</v>
      </c>
    </row>
    <row r="143" spans="1:21" x14ac:dyDescent="0.2">
      <c r="A143" s="53">
        <f t="shared" si="31"/>
        <v>131</v>
      </c>
      <c r="B143" s="239">
        <v>1.0309999999999999</v>
      </c>
      <c r="C143" s="3">
        <f t="shared" si="32"/>
        <v>1.024</v>
      </c>
      <c r="D143" s="239">
        <v>8.4500000000000006E-2</v>
      </c>
      <c r="E143" s="239">
        <v>5.9999999999999995E-4</v>
      </c>
      <c r="F143" s="239">
        <v>2.7300000000000001E-2</v>
      </c>
      <c r="G143">
        <f t="shared" ref="G143:G206" si="33">$D143+($F143*(1-$P$8))</f>
        <v>8.9959999999999998E-2</v>
      </c>
      <c r="H143" s="235">
        <f t="shared" ref="H143:H206" si="34">($E143/$G143)*100</f>
        <v>0.66696309470875947</v>
      </c>
      <c r="I143" s="236">
        <f t="shared" ref="I143:I206" si="35">((0.27*(LOG($H143)))+(0.36*(LOG(($G143*1000)/101)))+1.236)*10</f>
        <v>11.70409593250556</v>
      </c>
      <c r="J143" s="237">
        <f t="shared" si="25"/>
        <v>1.7040959325055596</v>
      </c>
      <c r="K143" s="237">
        <f t="shared" ref="K143:K206" si="36">$I143*$C143</f>
        <v>11.984994234885693</v>
      </c>
      <c r="L143" s="237">
        <f t="shared" si="26"/>
        <v>1.7569229064132317</v>
      </c>
      <c r="M143" s="236">
        <f t="shared" ref="M143:M206" si="37">(($G143*1000)-$K143)/$L143</f>
        <v>44.381575014182452</v>
      </c>
      <c r="N143" s="236">
        <f t="shared" ref="N143:N206" si="38">(($E143*1000)/(($G143*1000)-$K143))*100</f>
        <v>0.76947733970984522</v>
      </c>
      <c r="O143" s="236">
        <f t="shared" si="27"/>
        <v>2.1321958596542525</v>
      </c>
      <c r="P143" s="236" t="str">
        <f t="shared" si="28"/>
        <v>SAND</v>
      </c>
      <c r="Q143" s="236" t="e">
        <f t="shared" ref="Q143:Q206" si="39">IF(P143="CLAY",($G143*1000 -$K143)/$L$8,#N/A)</f>
        <v>#N/A</v>
      </c>
      <c r="R143" s="238">
        <v>35</v>
      </c>
      <c r="S143" s="236" t="e">
        <f t="shared" si="29"/>
        <v>#N/A</v>
      </c>
      <c r="T143" s="236">
        <f t="shared" si="30"/>
        <v>35.719229814623816</v>
      </c>
    </row>
    <row r="144" spans="1:21" x14ac:dyDescent="0.2">
      <c r="A144" s="53">
        <f t="shared" si="31"/>
        <v>132</v>
      </c>
      <c r="B144" s="239">
        <v>1.038</v>
      </c>
      <c r="C144" s="3">
        <f t="shared" si="32"/>
        <v>1.0310000000000001</v>
      </c>
      <c r="D144" s="239">
        <v>8.43E-2</v>
      </c>
      <c r="E144" s="239">
        <v>5.0000000000000001E-4</v>
      </c>
      <c r="F144" s="239">
        <v>2.5999999999999999E-2</v>
      </c>
      <c r="G144">
        <f t="shared" si="33"/>
        <v>8.9499999999999996E-2</v>
      </c>
      <c r="H144" s="235">
        <f t="shared" si="34"/>
        <v>0.55865921787709494</v>
      </c>
      <c r="I144" s="236">
        <f t="shared" si="35"/>
        <v>11.488302797874058</v>
      </c>
      <c r="J144" s="237">
        <f t="shared" ref="J144:J207" si="40">$I144-10</f>
        <v>1.4883027978740575</v>
      </c>
      <c r="K144" s="237">
        <f t="shared" si="36"/>
        <v>11.844440184608155</v>
      </c>
      <c r="L144" s="237">
        <f t="shared" ref="L144:L207" si="41">$J144*$B144</f>
        <v>1.5448583041932717</v>
      </c>
      <c r="M144" s="236">
        <f t="shared" si="37"/>
        <v>50.267108384379455</v>
      </c>
      <c r="N144" s="236">
        <f t="shared" si="38"/>
        <v>0.64386890158107746</v>
      </c>
      <c r="O144" s="236">
        <f t="shared" ref="O144:O207" si="42">((3.47-LOG($M144))^2+(LOG($N144)+1.22)^2)^0.5</f>
        <v>2.046162462585063</v>
      </c>
      <c r="P144" s="236" t="str">
        <f t="shared" ref="P144:P207" si="43">IF(O144&lt;2.6,"SAND","CLAY")</f>
        <v>SAND</v>
      </c>
      <c r="Q144" s="236" t="e">
        <f t="shared" si="39"/>
        <v>#N/A</v>
      </c>
      <c r="R144" s="238">
        <v>35</v>
      </c>
      <c r="S144" s="236" t="e">
        <f t="shared" ref="S144:S207" si="44">IF(P144="SAND",#N/A,0.25*($M144)^1.25)</f>
        <v>#N/A</v>
      </c>
      <c r="T144" s="236">
        <f t="shared" si="30"/>
        <v>36.314122934701956</v>
      </c>
    </row>
    <row r="145" spans="1:20" x14ac:dyDescent="0.2">
      <c r="A145" s="53">
        <f t="shared" si="31"/>
        <v>133</v>
      </c>
      <c r="B145" s="239">
        <v>1.046</v>
      </c>
      <c r="C145" s="3">
        <f t="shared" si="32"/>
        <v>1.0390000000000001</v>
      </c>
      <c r="D145" s="239">
        <v>8.3799999999999999E-2</v>
      </c>
      <c r="E145" s="239">
        <v>5.0000000000000001E-4</v>
      </c>
      <c r="F145" s="239">
        <v>2.47E-2</v>
      </c>
      <c r="G145">
        <f t="shared" si="33"/>
        <v>8.8739999999999999E-2</v>
      </c>
      <c r="H145" s="235">
        <f t="shared" si="34"/>
        <v>0.56344376831192255</v>
      </c>
      <c r="I145" s="236">
        <f t="shared" si="35"/>
        <v>11.48496954803222</v>
      </c>
      <c r="J145" s="237">
        <f t="shared" si="40"/>
        <v>1.48496954803222</v>
      </c>
      <c r="K145" s="237">
        <f t="shared" si="36"/>
        <v>11.932883360405478</v>
      </c>
      <c r="L145" s="237">
        <f t="shared" si="41"/>
        <v>1.5532781472417023</v>
      </c>
      <c r="M145" s="236">
        <f t="shared" si="37"/>
        <v>49.448398392772035</v>
      </c>
      <c r="N145" s="236">
        <f t="shared" si="38"/>
        <v>0.65098134375512684</v>
      </c>
      <c r="O145" s="236">
        <f t="shared" si="42"/>
        <v>2.0547260731310595</v>
      </c>
      <c r="P145" s="236" t="str">
        <f t="shared" si="43"/>
        <v>SAND</v>
      </c>
      <c r="Q145" s="236" t="e">
        <f t="shared" si="39"/>
        <v>#N/A</v>
      </c>
      <c r="R145" s="238">
        <v>35</v>
      </c>
      <c r="S145" s="236" t="e">
        <f t="shared" si="44"/>
        <v>#N/A</v>
      </c>
      <c r="T145" s="236">
        <f t="shared" si="30"/>
        <v>36.235674525540148</v>
      </c>
    </row>
    <row r="146" spans="1:20" x14ac:dyDescent="0.2">
      <c r="A146" s="53">
        <f t="shared" si="31"/>
        <v>134</v>
      </c>
      <c r="B146" s="239">
        <v>1.054</v>
      </c>
      <c r="C146" s="3">
        <f t="shared" si="32"/>
        <v>1.0470000000000002</v>
      </c>
      <c r="D146" s="239">
        <v>8.4099999999999994E-2</v>
      </c>
      <c r="E146" s="239">
        <v>5.0000000000000001E-4</v>
      </c>
      <c r="F146" s="239">
        <v>2.4E-2</v>
      </c>
      <c r="G146">
        <f t="shared" si="33"/>
        <v>8.8899999999999993E-2</v>
      </c>
      <c r="H146" s="235">
        <f t="shared" si="34"/>
        <v>0.56242969628796402</v>
      </c>
      <c r="I146" s="236">
        <f t="shared" si="35"/>
        <v>11.485673650962928</v>
      </c>
      <c r="J146" s="237">
        <f t="shared" si="40"/>
        <v>1.4856736509629282</v>
      </c>
      <c r="K146" s="237">
        <f t="shared" si="36"/>
        <v>12.025500312558188</v>
      </c>
      <c r="L146" s="237">
        <f t="shared" si="41"/>
        <v>1.5659000281149265</v>
      </c>
      <c r="M146" s="236">
        <f t="shared" si="37"/>
        <v>49.092852868765469</v>
      </c>
      <c r="N146" s="236">
        <f t="shared" si="38"/>
        <v>0.65041073702321583</v>
      </c>
      <c r="O146" s="236">
        <f t="shared" si="42"/>
        <v>2.0572439869291452</v>
      </c>
      <c r="P146" s="236" t="str">
        <f t="shared" si="43"/>
        <v>SAND</v>
      </c>
      <c r="Q146" s="236" t="e">
        <f t="shared" si="39"/>
        <v>#N/A</v>
      </c>
      <c r="R146" s="238">
        <v>35</v>
      </c>
      <c r="S146" s="236" t="e">
        <f t="shared" si="44"/>
        <v>#N/A</v>
      </c>
      <c r="T146" s="236">
        <f t="shared" si="30"/>
        <v>36.201200974625998</v>
      </c>
    </row>
    <row r="147" spans="1:20" x14ac:dyDescent="0.2">
      <c r="A147" s="53">
        <f t="shared" si="31"/>
        <v>135</v>
      </c>
      <c r="B147" s="239">
        <v>1.0609999999999999</v>
      </c>
      <c r="C147" s="3">
        <f t="shared" si="32"/>
        <v>1.054</v>
      </c>
      <c r="D147" s="239">
        <v>8.3299999999999999E-2</v>
      </c>
      <c r="E147" s="239">
        <v>5.0000000000000001E-4</v>
      </c>
      <c r="F147" s="239">
        <v>2.35E-2</v>
      </c>
      <c r="G147">
        <f t="shared" si="33"/>
        <v>8.7999999999999995E-2</v>
      </c>
      <c r="H147" s="235">
        <f t="shared" si="34"/>
        <v>0.56818181818181823</v>
      </c>
      <c r="I147" s="236">
        <f t="shared" si="35"/>
        <v>11.48169647102489</v>
      </c>
      <c r="J147" s="237">
        <f t="shared" si="40"/>
        <v>1.4816964710248897</v>
      </c>
      <c r="K147" s="237">
        <f t="shared" si="36"/>
        <v>12.101708080460234</v>
      </c>
      <c r="L147" s="237">
        <f t="shared" si="41"/>
        <v>1.5720799557574079</v>
      </c>
      <c r="M147" s="236">
        <f t="shared" si="37"/>
        <v>48.278900600175227</v>
      </c>
      <c r="N147" s="236">
        <f t="shared" si="38"/>
        <v>0.65877635366294285</v>
      </c>
      <c r="O147" s="236">
        <f t="shared" si="42"/>
        <v>2.0663105680318568</v>
      </c>
      <c r="P147" s="236" t="str">
        <f t="shared" si="43"/>
        <v>SAND</v>
      </c>
      <c r="Q147" s="236" t="e">
        <f t="shared" si="39"/>
        <v>#N/A</v>
      </c>
      <c r="R147" s="238">
        <v>35</v>
      </c>
      <c r="S147" s="236" t="e">
        <f t="shared" si="44"/>
        <v>#N/A</v>
      </c>
      <c r="T147" s="236">
        <f t="shared" si="30"/>
        <v>36.121331090345997</v>
      </c>
    </row>
    <row r="148" spans="1:20" x14ac:dyDescent="0.2">
      <c r="A148" s="53">
        <f t="shared" si="31"/>
        <v>136</v>
      </c>
      <c r="B148" s="239">
        <v>1.0680000000000001</v>
      </c>
      <c r="C148" s="3">
        <f t="shared" si="32"/>
        <v>1.0610000000000002</v>
      </c>
      <c r="D148" s="239">
        <v>8.2600000000000007E-2</v>
      </c>
      <c r="E148" s="239">
        <v>5.0000000000000001E-4</v>
      </c>
      <c r="F148" s="239">
        <v>2.29E-2</v>
      </c>
      <c r="G148">
        <f t="shared" si="33"/>
        <v>8.7180000000000007E-2</v>
      </c>
      <c r="H148" s="235">
        <f t="shared" si="34"/>
        <v>0.57352603808212888</v>
      </c>
      <c r="I148" s="236">
        <f t="shared" si="35"/>
        <v>11.478037244303236</v>
      </c>
      <c r="J148" s="237">
        <f t="shared" si="40"/>
        <v>1.4780372443032359</v>
      </c>
      <c r="K148" s="237">
        <f t="shared" si="36"/>
        <v>12.178197516205735</v>
      </c>
      <c r="L148" s="237">
        <f t="shared" si="41"/>
        <v>1.5785437769158561</v>
      </c>
      <c r="M148" s="236">
        <f t="shared" si="37"/>
        <v>47.513286346946991</v>
      </c>
      <c r="N148" s="236">
        <f t="shared" si="38"/>
        <v>0.66665064497354654</v>
      </c>
      <c r="O148" s="236">
        <f t="shared" si="42"/>
        <v>2.0749062293354799</v>
      </c>
      <c r="P148" s="236" t="str">
        <f t="shared" si="43"/>
        <v>SAND</v>
      </c>
      <c r="Q148" s="236" t="e">
        <f t="shared" si="39"/>
        <v>#N/A</v>
      </c>
      <c r="R148" s="238">
        <v>35</v>
      </c>
      <c r="S148" s="236" t="e">
        <f t="shared" si="44"/>
        <v>#N/A</v>
      </c>
      <c r="T148" s="236">
        <f t="shared" si="30"/>
        <v>36.044965772894372</v>
      </c>
    </row>
    <row r="149" spans="1:20" x14ac:dyDescent="0.2">
      <c r="A149" s="53">
        <f t="shared" si="31"/>
        <v>137</v>
      </c>
      <c r="B149" s="239">
        <v>1.075</v>
      </c>
      <c r="C149" s="3">
        <f t="shared" si="32"/>
        <v>1.0680000000000001</v>
      </c>
      <c r="D149" s="239">
        <v>8.1699999999999995E-2</v>
      </c>
      <c r="E149" s="239">
        <v>5.9999999999999995E-4</v>
      </c>
      <c r="F149" s="239">
        <v>2.2599999999999999E-2</v>
      </c>
      <c r="G149">
        <f t="shared" si="33"/>
        <v>8.6219999999999991E-2</v>
      </c>
      <c r="H149" s="235">
        <f t="shared" si="34"/>
        <v>0.69589422407794022</v>
      </c>
      <c r="I149" s="236">
        <f t="shared" si="35"/>
        <v>11.687498647084407</v>
      </c>
      <c r="J149" s="237">
        <f t="shared" si="40"/>
        <v>1.6874986470844071</v>
      </c>
      <c r="K149" s="237">
        <f t="shared" si="36"/>
        <v>12.482248555086148</v>
      </c>
      <c r="L149" s="237">
        <f t="shared" si="41"/>
        <v>1.8140610456157376</v>
      </c>
      <c r="M149" s="236">
        <f t="shared" si="37"/>
        <v>40.647888682205512</v>
      </c>
      <c r="N149" s="236">
        <f t="shared" si="38"/>
        <v>0.81369446212125551</v>
      </c>
      <c r="O149" s="236">
        <f t="shared" si="42"/>
        <v>2.1774118765685349</v>
      </c>
      <c r="P149" s="236" t="str">
        <f t="shared" si="43"/>
        <v>SAND</v>
      </c>
      <c r="Q149" s="236" t="e">
        <f t="shared" si="39"/>
        <v>#N/A</v>
      </c>
      <c r="R149" s="238">
        <v>35</v>
      </c>
      <c r="S149" s="236" t="e">
        <f t="shared" si="44"/>
        <v>#N/A</v>
      </c>
      <c r="T149" s="236">
        <f t="shared" si="30"/>
        <v>35.29941791805534</v>
      </c>
    </row>
    <row r="150" spans="1:20" x14ac:dyDescent="0.2">
      <c r="A150" s="53">
        <f t="shared" si="31"/>
        <v>138</v>
      </c>
      <c r="B150" s="239">
        <v>1.083</v>
      </c>
      <c r="C150" s="3">
        <f t="shared" si="32"/>
        <v>1.0760000000000001</v>
      </c>
      <c r="D150" s="239">
        <v>8.0699999999999994E-2</v>
      </c>
      <c r="E150" s="239">
        <v>5.9999999999999995E-4</v>
      </c>
      <c r="F150" s="239">
        <v>2.3E-2</v>
      </c>
      <c r="G150">
        <f t="shared" si="33"/>
        <v>8.5299999999999987E-2</v>
      </c>
      <c r="H150" s="235">
        <f t="shared" si="34"/>
        <v>0.70339976553341155</v>
      </c>
      <c r="I150" s="236">
        <f t="shared" si="35"/>
        <v>11.683305558469094</v>
      </c>
      <c r="J150" s="237">
        <f t="shared" si="40"/>
        <v>1.6833055584690939</v>
      </c>
      <c r="K150" s="237">
        <f t="shared" si="36"/>
        <v>12.571236780912745</v>
      </c>
      <c r="L150" s="237">
        <f t="shared" si="41"/>
        <v>1.8230199198220287</v>
      </c>
      <c r="M150" s="236">
        <f t="shared" si="37"/>
        <v>39.89466183462622</v>
      </c>
      <c r="N150" s="236">
        <f t="shared" si="38"/>
        <v>0.82498309257998415</v>
      </c>
      <c r="O150" s="236">
        <f t="shared" si="42"/>
        <v>2.1874612857173208</v>
      </c>
      <c r="P150" s="236" t="str">
        <f t="shared" si="43"/>
        <v>SAND</v>
      </c>
      <c r="Q150" s="236" t="e">
        <f t="shared" si="39"/>
        <v>#N/A</v>
      </c>
      <c r="R150" s="238">
        <v>35</v>
      </c>
      <c r="S150" s="236" t="e">
        <f t="shared" si="44"/>
        <v>#N/A</v>
      </c>
      <c r="T150" s="236">
        <f t="shared" si="30"/>
        <v>35.210062669609655</v>
      </c>
    </row>
    <row r="151" spans="1:20" x14ac:dyDescent="0.2">
      <c r="A151" s="53">
        <f t="shared" si="31"/>
        <v>139</v>
      </c>
      <c r="B151" s="239">
        <v>1.091</v>
      </c>
      <c r="C151" s="3">
        <f t="shared" si="32"/>
        <v>1.0840000000000001</v>
      </c>
      <c r="D151" s="239">
        <v>7.9899999999999999E-2</v>
      </c>
      <c r="E151" s="239">
        <v>6.9999999999999999E-4</v>
      </c>
      <c r="F151" s="239">
        <v>2.35E-2</v>
      </c>
      <c r="G151">
        <f t="shared" si="33"/>
        <v>8.4599999999999995E-2</v>
      </c>
      <c r="H151" s="235">
        <f t="shared" si="34"/>
        <v>0.82742316784869974</v>
      </c>
      <c r="I151" s="236">
        <f t="shared" si="35"/>
        <v>11.8608410891561</v>
      </c>
      <c r="J151" s="237">
        <f t="shared" si="40"/>
        <v>1.8608410891561</v>
      </c>
      <c r="K151" s="237">
        <f t="shared" si="36"/>
        <v>12.857151740645213</v>
      </c>
      <c r="L151" s="237">
        <f t="shared" si="41"/>
        <v>2.0301776282693051</v>
      </c>
      <c r="M151" s="236">
        <f t="shared" si="37"/>
        <v>35.338212410760555</v>
      </c>
      <c r="N151" s="236">
        <f t="shared" si="38"/>
        <v>0.97570701050153053</v>
      </c>
      <c r="O151" s="236">
        <f t="shared" si="42"/>
        <v>2.2705940586220525</v>
      </c>
      <c r="P151" s="236" t="str">
        <f t="shared" si="43"/>
        <v>SAND</v>
      </c>
      <c r="Q151" s="236" t="e">
        <f t="shared" si="39"/>
        <v>#N/A</v>
      </c>
      <c r="R151" s="238">
        <v>35</v>
      </c>
      <c r="S151" s="236" t="e">
        <f t="shared" si="44"/>
        <v>#N/A</v>
      </c>
      <c r="T151" s="236">
        <f t="shared" si="30"/>
        <v>34.630690345560794</v>
      </c>
    </row>
    <row r="152" spans="1:20" x14ac:dyDescent="0.2">
      <c r="A152" s="53">
        <f t="shared" si="31"/>
        <v>140</v>
      </c>
      <c r="B152" s="239">
        <v>1.099</v>
      </c>
      <c r="C152" s="3">
        <f t="shared" si="32"/>
        <v>1.0920000000000001</v>
      </c>
      <c r="D152" s="239">
        <v>7.9000000000000001E-2</v>
      </c>
      <c r="E152" s="239">
        <v>6.9999999999999999E-4</v>
      </c>
      <c r="F152" s="239">
        <v>2.4500000000000001E-2</v>
      </c>
      <c r="G152">
        <f t="shared" si="33"/>
        <v>8.3900000000000002E-2</v>
      </c>
      <c r="H152" s="235">
        <f t="shared" si="34"/>
        <v>0.83432657926102505</v>
      </c>
      <c r="I152" s="236">
        <f t="shared" si="35"/>
        <v>11.857593527166809</v>
      </c>
      <c r="J152" s="237">
        <f t="shared" si="40"/>
        <v>1.8575935271668094</v>
      </c>
      <c r="K152" s="237">
        <f t="shared" si="36"/>
        <v>12.948492131666157</v>
      </c>
      <c r="L152" s="237">
        <f t="shared" si="41"/>
        <v>2.0414952863563234</v>
      </c>
      <c r="M152" s="236">
        <f t="shared" si="37"/>
        <v>34.754676311287817</v>
      </c>
      <c r="N152" s="236">
        <f t="shared" si="38"/>
        <v>0.98658932139822053</v>
      </c>
      <c r="O152" s="236">
        <f t="shared" si="42"/>
        <v>2.2792799548079983</v>
      </c>
      <c r="P152" s="236" t="str">
        <f t="shared" si="43"/>
        <v>SAND</v>
      </c>
      <c r="Q152" s="236" t="e">
        <f t="shared" si="39"/>
        <v>#N/A</v>
      </c>
      <c r="R152" s="238">
        <v>35</v>
      </c>
      <c r="S152" s="236" t="e">
        <f t="shared" si="44"/>
        <v>#N/A</v>
      </c>
      <c r="T152" s="236">
        <f t="shared" si="30"/>
        <v>34.55114572854901</v>
      </c>
    </row>
    <row r="153" spans="1:20" x14ac:dyDescent="0.2">
      <c r="A153" s="53">
        <f t="shared" si="31"/>
        <v>141</v>
      </c>
      <c r="B153" s="239">
        <v>1.1060000000000001</v>
      </c>
      <c r="C153" s="3">
        <f t="shared" si="32"/>
        <v>1.0990000000000002</v>
      </c>
      <c r="D153" s="239">
        <v>7.7799999999999994E-2</v>
      </c>
      <c r="E153" s="239">
        <v>8.0000000000000004E-4</v>
      </c>
      <c r="F153" s="239">
        <v>2.5000000000000001E-2</v>
      </c>
      <c r="G153">
        <f t="shared" si="33"/>
        <v>8.2799999999999999E-2</v>
      </c>
      <c r="H153" s="235">
        <f t="shared" si="34"/>
        <v>0.96618357487922713</v>
      </c>
      <c r="I153" s="236">
        <f t="shared" si="35"/>
        <v>12.009013322367126</v>
      </c>
      <c r="J153" s="237">
        <f t="shared" si="40"/>
        <v>2.0090133223671263</v>
      </c>
      <c r="K153" s="237">
        <f t="shared" si="36"/>
        <v>13.197905641281475</v>
      </c>
      <c r="L153" s="237">
        <f t="shared" si="41"/>
        <v>2.2219687345380419</v>
      </c>
      <c r="M153" s="236">
        <f t="shared" si="37"/>
        <v>31.324515631939857</v>
      </c>
      <c r="N153" s="236">
        <f t="shared" si="38"/>
        <v>1.1493907006259363</v>
      </c>
      <c r="O153" s="236">
        <f t="shared" si="42"/>
        <v>2.3530257160502202</v>
      </c>
      <c r="P153" s="236" t="str">
        <f t="shared" si="43"/>
        <v>SAND</v>
      </c>
      <c r="Q153" s="236" t="e">
        <f t="shared" si="39"/>
        <v>#N/A</v>
      </c>
      <c r="R153" s="238">
        <v>35</v>
      </c>
      <c r="S153" s="236" t="e">
        <f t="shared" si="44"/>
        <v>#N/A</v>
      </c>
      <c r="T153" s="236">
        <f t="shared" si="30"/>
        <v>34.054728006893967</v>
      </c>
    </row>
    <row r="154" spans="1:20" x14ac:dyDescent="0.2">
      <c r="A154" s="53">
        <f t="shared" si="31"/>
        <v>142</v>
      </c>
      <c r="B154" s="239">
        <v>1.1140000000000001</v>
      </c>
      <c r="C154" s="3">
        <f t="shared" si="32"/>
        <v>1.1070000000000002</v>
      </c>
      <c r="D154" s="239">
        <v>7.7100000000000002E-2</v>
      </c>
      <c r="E154" s="239">
        <v>8.0000000000000004E-4</v>
      </c>
      <c r="F154" s="239">
        <v>2.5899999999999999E-2</v>
      </c>
      <c r="G154">
        <f t="shared" si="33"/>
        <v>8.2280000000000006E-2</v>
      </c>
      <c r="H154" s="235">
        <f t="shared" si="34"/>
        <v>0.9722897423432183</v>
      </c>
      <c r="I154" s="236">
        <f t="shared" si="35"/>
        <v>12.006550873981151</v>
      </c>
      <c r="J154" s="237">
        <f t="shared" si="40"/>
        <v>2.0065508739811513</v>
      </c>
      <c r="K154" s="237">
        <f t="shared" si="36"/>
        <v>13.291251817497137</v>
      </c>
      <c r="L154" s="237">
        <f t="shared" si="41"/>
        <v>2.2352976736150025</v>
      </c>
      <c r="M154" s="236">
        <f t="shared" si="37"/>
        <v>30.86333824654853</v>
      </c>
      <c r="N154" s="236">
        <f t="shared" si="38"/>
        <v>1.1596093871477124</v>
      </c>
      <c r="O154" s="236">
        <f t="shared" si="42"/>
        <v>2.3605217712228779</v>
      </c>
      <c r="P154" s="236" t="str">
        <f t="shared" si="43"/>
        <v>SAND</v>
      </c>
      <c r="Q154" s="236" t="e">
        <f t="shared" si="39"/>
        <v>#N/A</v>
      </c>
      <c r="R154" s="238">
        <v>35</v>
      </c>
      <c r="S154" s="236" t="e">
        <f t="shared" si="44"/>
        <v>#N/A</v>
      </c>
      <c r="T154" s="236">
        <f t="shared" si="30"/>
        <v>33.983871883655354</v>
      </c>
    </row>
    <row r="155" spans="1:20" x14ac:dyDescent="0.2">
      <c r="A155" s="53">
        <f t="shared" si="31"/>
        <v>143</v>
      </c>
      <c r="B155" s="239">
        <v>1.121</v>
      </c>
      <c r="C155" s="3">
        <f t="shared" si="32"/>
        <v>1.1140000000000001</v>
      </c>
      <c r="D155" s="239">
        <v>7.6399999999999996E-2</v>
      </c>
      <c r="E155" s="239">
        <v>1E-3</v>
      </c>
      <c r="F155" s="239">
        <v>2.69E-2</v>
      </c>
      <c r="G155">
        <f t="shared" si="33"/>
        <v>8.1779999999999992E-2</v>
      </c>
      <c r="H155" s="235">
        <f t="shared" si="34"/>
        <v>1.2227928588897043</v>
      </c>
      <c r="I155" s="236">
        <f t="shared" si="35"/>
        <v>12.265825449978971</v>
      </c>
      <c r="J155" s="237">
        <f t="shared" si="40"/>
        <v>2.265825449978971</v>
      </c>
      <c r="K155" s="237">
        <f t="shared" si="36"/>
        <v>13.664129551276575</v>
      </c>
      <c r="L155" s="237">
        <f t="shared" si="41"/>
        <v>2.5399903294264266</v>
      </c>
      <c r="M155" s="236">
        <f t="shared" si="37"/>
        <v>26.817373932327193</v>
      </c>
      <c r="N155" s="236">
        <f t="shared" si="38"/>
        <v>1.4680866491352917</v>
      </c>
      <c r="O155" s="236">
        <f t="shared" si="42"/>
        <v>2.4680244052957332</v>
      </c>
      <c r="P155" s="236" t="str">
        <f t="shared" si="43"/>
        <v>SAND</v>
      </c>
      <c r="Q155" s="236" t="e">
        <f t="shared" si="39"/>
        <v>#N/A</v>
      </c>
      <c r="R155" s="238">
        <v>35</v>
      </c>
      <c r="S155" s="236" t="e">
        <f t="shared" si="44"/>
        <v>#N/A</v>
      </c>
      <c r="T155" s="236">
        <f t="shared" si="30"/>
        <v>33.312578724632615</v>
      </c>
    </row>
    <row r="156" spans="1:20" x14ac:dyDescent="0.2">
      <c r="A156" s="53">
        <f t="shared" si="31"/>
        <v>144</v>
      </c>
      <c r="B156" s="239">
        <v>1.129</v>
      </c>
      <c r="C156" s="3">
        <f t="shared" si="32"/>
        <v>1.1220000000000001</v>
      </c>
      <c r="D156" s="239">
        <v>7.7200000000000005E-2</v>
      </c>
      <c r="E156" s="239">
        <v>1E-3</v>
      </c>
      <c r="F156" s="239">
        <v>2.8000000000000001E-2</v>
      </c>
      <c r="G156">
        <f t="shared" si="33"/>
        <v>8.2799999999999999E-2</v>
      </c>
      <c r="H156" s="235">
        <f t="shared" si="34"/>
        <v>1.2077294685990339</v>
      </c>
      <c r="I156" s="236">
        <f t="shared" si="35"/>
        <v>12.270670357488878</v>
      </c>
      <c r="J156" s="237">
        <f t="shared" si="40"/>
        <v>2.2706703574888785</v>
      </c>
      <c r="K156" s="237">
        <f t="shared" si="36"/>
        <v>13.767692141102524</v>
      </c>
      <c r="L156" s="237">
        <f t="shared" si="41"/>
        <v>2.5635868336049437</v>
      </c>
      <c r="M156" s="236">
        <f t="shared" si="37"/>
        <v>26.928016228661733</v>
      </c>
      <c r="N156" s="236">
        <f t="shared" si="38"/>
        <v>1.4485970859383799</v>
      </c>
      <c r="O156" s="236">
        <f t="shared" si="42"/>
        <v>2.4632869393049175</v>
      </c>
      <c r="P156" s="236" t="str">
        <f t="shared" si="43"/>
        <v>SAND</v>
      </c>
      <c r="Q156" s="236" t="e">
        <f t="shared" si="39"/>
        <v>#N/A</v>
      </c>
      <c r="R156" s="238">
        <v>35</v>
      </c>
      <c r="S156" s="236" t="e">
        <f t="shared" si="44"/>
        <v>#N/A</v>
      </c>
      <c r="T156" s="236">
        <f t="shared" si="30"/>
        <v>33.332247964040789</v>
      </c>
    </row>
    <row r="157" spans="1:20" x14ac:dyDescent="0.2">
      <c r="A157" s="53">
        <f t="shared" si="31"/>
        <v>145</v>
      </c>
      <c r="B157" s="239">
        <v>1.1359999999999999</v>
      </c>
      <c r="C157" s="3">
        <f t="shared" si="32"/>
        <v>1.129</v>
      </c>
      <c r="D157" s="239">
        <v>7.6700000000000004E-2</v>
      </c>
      <c r="E157" s="239">
        <v>1E-3</v>
      </c>
      <c r="F157" s="239">
        <v>2.92E-2</v>
      </c>
      <c r="G157">
        <f t="shared" si="33"/>
        <v>8.2540000000000002E-2</v>
      </c>
      <c r="H157" s="235">
        <f t="shared" si="34"/>
        <v>1.2115338017930699</v>
      </c>
      <c r="I157" s="236">
        <f t="shared" si="35"/>
        <v>12.269441072469744</v>
      </c>
      <c r="J157" s="237">
        <f t="shared" si="40"/>
        <v>2.2694410724697445</v>
      </c>
      <c r="K157" s="237">
        <f t="shared" si="36"/>
        <v>13.852198970818341</v>
      </c>
      <c r="L157" s="237">
        <f t="shared" si="41"/>
        <v>2.5780850583256294</v>
      </c>
      <c r="M157" s="236">
        <f t="shared" si="37"/>
        <v>26.642953771972074</v>
      </c>
      <c r="N157" s="236">
        <f t="shared" si="38"/>
        <v>1.4558625913430465</v>
      </c>
      <c r="O157" s="236">
        <f t="shared" si="42"/>
        <v>2.4683325232732418</v>
      </c>
      <c r="P157" s="236" t="str">
        <f t="shared" si="43"/>
        <v>SAND</v>
      </c>
      <c r="Q157" s="236" t="e">
        <f t="shared" si="39"/>
        <v>#N/A</v>
      </c>
      <c r="R157" s="238">
        <v>35</v>
      </c>
      <c r="S157" s="236" t="e">
        <f t="shared" si="44"/>
        <v>#N/A</v>
      </c>
      <c r="T157" s="236">
        <f t="shared" si="30"/>
        <v>33.281406083638586</v>
      </c>
    </row>
    <row r="158" spans="1:20" x14ac:dyDescent="0.2">
      <c r="A158" s="53">
        <f t="shared" si="31"/>
        <v>146</v>
      </c>
      <c r="B158" s="239">
        <v>1.1439999999999999</v>
      </c>
      <c r="C158" s="3">
        <f t="shared" si="32"/>
        <v>1.137</v>
      </c>
      <c r="D158" s="239">
        <v>7.6700000000000004E-2</v>
      </c>
      <c r="E158" s="239">
        <v>1.1000000000000001E-3</v>
      </c>
      <c r="F158" s="239">
        <v>2.9499999999999998E-2</v>
      </c>
      <c r="G158">
        <f t="shared" si="33"/>
        <v>8.2600000000000007E-2</v>
      </c>
      <c r="H158" s="235">
        <f t="shared" si="34"/>
        <v>1.331719128329298</v>
      </c>
      <c r="I158" s="236">
        <f t="shared" si="35"/>
        <v>12.381485346898039</v>
      </c>
      <c r="J158" s="237">
        <f t="shared" si="40"/>
        <v>2.3814853468980388</v>
      </c>
      <c r="K158" s="237">
        <f t="shared" si="36"/>
        <v>14.077748839423069</v>
      </c>
      <c r="L158" s="237">
        <f t="shared" si="41"/>
        <v>2.724419236851356</v>
      </c>
      <c r="M158" s="236">
        <f t="shared" si="37"/>
        <v>25.151140556388427</v>
      </c>
      <c r="N158" s="236">
        <f t="shared" si="38"/>
        <v>1.6053179534662829</v>
      </c>
      <c r="O158" s="236">
        <f t="shared" si="42"/>
        <v>2.5129297327625149</v>
      </c>
      <c r="P158" s="236" t="str">
        <f t="shared" si="43"/>
        <v>SAND</v>
      </c>
      <c r="Q158" s="236" t="e">
        <f t="shared" si="39"/>
        <v>#N/A</v>
      </c>
      <c r="R158" s="238">
        <v>35</v>
      </c>
      <c r="S158" s="236" t="e">
        <f t="shared" si="44"/>
        <v>#N/A</v>
      </c>
      <c r="T158" s="236">
        <f t="shared" si="30"/>
        <v>33.006134526939938</v>
      </c>
    </row>
    <row r="159" spans="1:20" x14ac:dyDescent="0.2">
      <c r="A159" s="53">
        <f t="shared" si="31"/>
        <v>147</v>
      </c>
      <c r="B159" s="239">
        <v>1.151</v>
      </c>
      <c r="C159" s="3">
        <f t="shared" si="32"/>
        <v>1.1440000000000001</v>
      </c>
      <c r="D159" s="239">
        <v>7.7499999999999999E-2</v>
      </c>
      <c r="E159" s="239">
        <v>1.1000000000000001E-3</v>
      </c>
      <c r="F159" s="239">
        <v>2.9600000000000001E-2</v>
      </c>
      <c r="G159">
        <f t="shared" si="33"/>
        <v>8.3419999999999994E-2</v>
      </c>
      <c r="H159" s="235">
        <f t="shared" si="34"/>
        <v>1.3186286262287223</v>
      </c>
      <c r="I159" s="236">
        <f t="shared" si="35"/>
        <v>12.385346471268527</v>
      </c>
      <c r="J159" s="237">
        <f t="shared" si="40"/>
        <v>2.3853464712685266</v>
      </c>
      <c r="K159" s="237">
        <f t="shared" si="36"/>
        <v>14.168836363131197</v>
      </c>
      <c r="L159" s="237">
        <f t="shared" si="41"/>
        <v>2.7455337884300741</v>
      </c>
      <c r="M159" s="236">
        <f t="shared" si="37"/>
        <v>25.223205749169583</v>
      </c>
      <c r="N159" s="236">
        <f t="shared" si="38"/>
        <v>1.5884209625242576</v>
      </c>
      <c r="O159" s="236">
        <f t="shared" si="42"/>
        <v>2.509301364091872</v>
      </c>
      <c r="P159" s="236" t="str">
        <f t="shared" si="43"/>
        <v>SAND</v>
      </c>
      <c r="Q159" s="236" t="e">
        <f t="shared" si="39"/>
        <v>#N/A</v>
      </c>
      <c r="R159" s="238">
        <v>35</v>
      </c>
      <c r="S159" s="236" t="e">
        <f t="shared" si="44"/>
        <v>#N/A</v>
      </c>
      <c r="T159" s="236">
        <f t="shared" si="30"/>
        <v>33.01980310752888</v>
      </c>
    </row>
    <row r="160" spans="1:20" x14ac:dyDescent="0.2">
      <c r="A160" s="53">
        <f t="shared" si="31"/>
        <v>148</v>
      </c>
      <c r="B160" s="239">
        <v>1.1599999999999999</v>
      </c>
      <c r="C160" s="3">
        <f t="shared" si="32"/>
        <v>1.153</v>
      </c>
      <c r="D160" s="239">
        <v>7.7399999999999997E-2</v>
      </c>
      <c r="E160" s="239">
        <v>1.1000000000000001E-3</v>
      </c>
      <c r="F160" s="239">
        <v>3.0700000000000002E-2</v>
      </c>
      <c r="G160">
        <f t="shared" si="33"/>
        <v>8.3539999999999989E-2</v>
      </c>
      <c r="H160" s="235">
        <f t="shared" si="34"/>
        <v>1.3167344984438594</v>
      </c>
      <c r="I160" s="236">
        <f t="shared" si="35"/>
        <v>12.385908328145888</v>
      </c>
      <c r="J160" s="237">
        <f t="shared" si="40"/>
        <v>2.3859083281458879</v>
      </c>
      <c r="K160" s="237">
        <f t="shared" si="36"/>
        <v>14.280952302352208</v>
      </c>
      <c r="L160" s="237">
        <f t="shared" si="41"/>
        <v>2.7676536606492297</v>
      </c>
      <c r="M160" s="236">
        <f t="shared" si="37"/>
        <v>25.024463386578926</v>
      </c>
      <c r="N160" s="236">
        <f t="shared" si="38"/>
        <v>1.5882401456082378</v>
      </c>
      <c r="O160" s="236">
        <f t="shared" si="42"/>
        <v>2.5121057446673269</v>
      </c>
      <c r="P160" s="236" t="str">
        <f t="shared" si="43"/>
        <v>SAND</v>
      </c>
      <c r="Q160" s="236" t="e">
        <f t="shared" si="39"/>
        <v>#N/A</v>
      </c>
      <c r="R160" s="238">
        <v>35</v>
      </c>
      <c r="S160" s="236" t="e">
        <f t="shared" si="44"/>
        <v>#N/A</v>
      </c>
      <c r="T160" s="236">
        <f t="shared" si="30"/>
        <v>32.98201250777641</v>
      </c>
    </row>
    <row r="161" spans="1:20" x14ac:dyDescent="0.2">
      <c r="A161" s="53">
        <f t="shared" si="31"/>
        <v>149</v>
      </c>
      <c r="B161" s="239">
        <v>1.167</v>
      </c>
      <c r="C161" s="3">
        <f t="shared" si="32"/>
        <v>1.1600000000000001</v>
      </c>
      <c r="D161" s="239">
        <v>7.7499999999999999E-2</v>
      </c>
      <c r="E161" s="239">
        <v>1.1999999999999999E-3</v>
      </c>
      <c r="F161" s="239">
        <v>3.1899999999999998E-2</v>
      </c>
      <c r="G161">
        <f t="shared" si="33"/>
        <v>8.3879999999999996E-2</v>
      </c>
      <c r="H161" s="235">
        <f t="shared" si="34"/>
        <v>1.4306151645207439</v>
      </c>
      <c r="I161" s="236">
        <f t="shared" si="35"/>
        <v>12.48952499832505</v>
      </c>
      <c r="J161" s="237">
        <f t="shared" si="40"/>
        <v>2.4895249983250505</v>
      </c>
      <c r="K161" s="237">
        <f t="shared" si="36"/>
        <v>14.487848998057061</v>
      </c>
      <c r="L161" s="237">
        <f t="shared" si="41"/>
        <v>2.9052756730453342</v>
      </c>
      <c r="M161" s="236">
        <f t="shared" si="37"/>
        <v>23.884876621434518</v>
      </c>
      <c r="N161" s="236">
        <f t="shared" si="38"/>
        <v>1.7293022087849688</v>
      </c>
      <c r="O161" s="236">
        <f t="shared" si="42"/>
        <v>2.5497719356148365</v>
      </c>
      <c r="P161" s="236" t="str">
        <f t="shared" si="43"/>
        <v>SAND</v>
      </c>
      <c r="Q161" s="236" t="e">
        <f t="shared" si="39"/>
        <v>#N/A</v>
      </c>
      <c r="R161" s="238">
        <v>35</v>
      </c>
      <c r="S161" s="236" t="e">
        <f t="shared" si="44"/>
        <v>#N/A</v>
      </c>
      <c r="T161" s="236">
        <f t="shared" si="30"/>
        <v>32.759353024800156</v>
      </c>
    </row>
    <row r="162" spans="1:20" x14ac:dyDescent="0.2">
      <c r="A162" s="53">
        <f t="shared" si="31"/>
        <v>150</v>
      </c>
      <c r="B162" s="239">
        <v>1.2090000000000001</v>
      </c>
      <c r="C162" s="3">
        <f t="shared" si="32"/>
        <v>1.2020000000000002</v>
      </c>
      <c r="D162" s="239">
        <v>9.4500000000000001E-2</v>
      </c>
      <c r="E162" s="239">
        <v>1.1000000000000001E-3</v>
      </c>
      <c r="F162" s="239">
        <v>3.1699999999999999E-2</v>
      </c>
      <c r="G162">
        <f t="shared" si="33"/>
        <v>0.10084</v>
      </c>
      <c r="H162" s="235">
        <f t="shared" si="34"/>
        <v>1.0908369694565649</v>
      </c>
      <c r="I162" s="236">
        <f t="shared" si="35"/>
        <v>12.459472857613662</v>
      </c>
      <c r="J162" s="237">
        <f t="shared" si="40"/>
        <v>2.4594728576136617</v>
      </c>
      <c r="K162" s="237">
        <f t="shared" si="36"/>
        <v>14.976286374851624</v>
      </c>
      <c r="L162" s="237">
        <f t="shared" si="41"/>
        <v>2.9735026848549171</v>
      </c>
      <c r="M162" s="236">
        <f t="shared" si="37"/>
        <v>28.876285890872783</v>
      </c>
      <c r="N162" s="236">
        <f t="shared" si="38"/>
        <v>1.2810999589445013</v>
      </c>
      <c r="O162" s="236">
        <f t="shared" si="42"/>
        <v>2.4084021264072741</v>
      </c>
      <c r="P162" s="236" t="str">
        <f t="shared" si="43"/>
        <v>SAND</v>
      </c>
      <c r="Q162" s="236" t="e">
        <f t="shared" si="39"/>
        <v>#N/A</v>
      </c>
      <c r="R162" s="238">
        <v>35</v>
      </c>
      <c r="S162" s="236" t="e">
        <f t="shared" si="44"/>
        <v>#N/A</v>
      </c>
      <c r="T162" s="236">
        <f t="shared" si="30"/>
        <v>33.665954662045408</v>
      </c>
    </row>
    <row r="163" spans="1:20" x14ac:dyDescent="0.2">
      <c r="A163" s="53">
        <f t="shared" si="31"/>
        <v>151</v>
      </c>
      <c r="B163" s="239">
        <v>1.216</v>
      </c>
      <c r="C163" s="3">
        <f t="shared" si="32"/>
        <v>1.2090000000000001</v>
      </c>
      <c r="D163" s="239">
        <v>9.4200000000000006E-2</v>
      </c>
      <c r="E163" s="239">
        <v>1.1000000000000001E-3</v>
      </c>
      <c r="F163" s="239">
        <v>3.2399999999999998E-2</v>
      </c>
      <c r="G163">
        <f t="shared" si="33"/>
        <v>0.10068000000000001</v>
      </c>
      <c r="H163" s="235">
        <f t="shared" si="34"/>
        <v>1.092570520460866</v>
      </c>
      <c r="I163" s="236">
        <f t="shared" si="35"/>
        <v>12.458852190498387</v>
      </c>
      <c r="J163" s="237">
        <f t="shared" si="40"/>
        <v>2.4588521904983871</v>
      </c>
      <c r="K163" s="237">
        <f t="shared" si="36"/>
        <v>15.062752298312551</v>
      </c>
      <c r="L163" s="237">
        <f t="shared" si="41"/>
        <v>2.9899642636460388</v>
      </c>
      <c r="M163" s="236">
        <f t="shared" si="37"/>
        <v>28.634873246706835</v>
      </c>
      <c r="N163" s="236">
        <f t="shared" si="38"/>
        <v>1.2847878547003559</v>
      </c>
      <c r="O163" s="236">
        <f t="shared" si="42"/>
        <v>2.4121325882649187</v>
      </c>
      <c r="P163" s="236" t="str">
        <f t="shared" si="43"/>
        <v>SAND</v>
      </c>
      <c r="Q163" s="236" t="e">
        <f t="shared" si="39"/>
        <v>#N/A</v>
      </c>
      <c r="R163" s="238">
        <v>35</v>
      </c>
      <c r="S163" s="236" t="e">
        <f t="shared" si="44"/>
        <v>#N/A</v>
      </c>
      <c r="T163" s="236">
        <f t="shared" si="30"/>
        <v>33.625847915368574</v>
      </c>
    </row>
    <row r="164" spans="1:20" x14ac:dyDescent="0.2">
      <c r="A164" s="53">
        <f t="shared" si="31"/>
        <v>152</v>
      </c>
      <c r="B164" s="239">
        <v>1.262</v>
      </c>
      <c r="C164" s="3">
        <f t="shared" si="32"/>
        <v>1.2550000000000001</v>
      </c>
      <c r="D164" s="239">
        <v>8.7599999999999997E-2</v>
      </c>
      <c r="E164" s="239">
        <v>1.1999999999999999E-3</v>
      </c>
      <c r="F164" s="239">
        <v>2.9899999999999999E-2</v>
      </c>
      <c r="G164">
        <f t="shared" si="33"/>
        <v>9.3579999999999997E-2</v>
      </c>
      <c r="H164" s="235">
        <f t="shared" si="34"/>
        <v>1.2823252831801666</v>
      </c>
      <c r="I164" s="236">
        <f t="shared" si="35"/>
        <v>12.53229715548162</v>
      </c>
      <c r="J164" s="237">
        <f t="shared" si="40"/>
        <v>2.5322971554816203</v>
      </c>
      <c r="K164" s="237">
        <f t="shared" si="36"/>
        <v>15.728032930129435</v>
      </c>
      <c r="L164" s="237">
        <f t="shared" si="41"/>
        <v>3.1957590102178046</v>
      </c>
      <c r="M164" s="236">
        <f t="shared" si="37"/>
        <v>24.361025603293104</v>
      </c>
      <c r="N164" s="236">
        <f t="shared" si="38"/>
        <v>1.5413868719887633</v>
      </c>
      <c r="O164" s="236">
        <f t="shared" si="42"/>
        <v>2.514432855725623</v>
      </c>
      <c r="P164" s="236" t="str">
        <f t="shared" si="43"/>
        <v>SAND</v>
      </c>
      <c r="Q164" s="236" t="e">
        <f t="shared" si="39"/>
        <v>#N/A</v>
      </c>
      <c r="R164" s="238">
        <v>35</v>
      </c>
      <c r="S164" s="236" t="e">
        <f t="shared" si="44"/>
        <v>#N/A</v>
      </c>
      <c r="T164" s="236">
        <f t="shared" si="30"/>
        <v>32.853651250384551</v>
      </c>
    </row>
    <row r="165" spans="1:20" x14ac:dyDescent="0.2">
      <c r="A165" s="53">
        <f t="shared" si="31"/>
        <v>153</v>
      </c>
      <c r="B165" s="239">
        <v>1.27</v>
      </c>
      <c r="C165" s="3">
        <f t="shared" si="32"/>
        <v>1.2630000000000001</v>
      </c>
      <c r="D165" s="239">
        <v>8.6599999999999996E-2</v>
      </c>
      <c r="E165" s="239">
        <v>1.1999999999999999E-3</v>
      </c>
      <c r="F165" s="239">
        <v>3.04E-2</v>
      </c>
      <c r="G165">
        <f t="shared" si="33"/>
        <v>9.2679999999999998E-2</v>
      </c>
      <c r="H165" s="235">
        <f t="shared" si="34"/>
        <v>1.294777729823047</v>
      </c>
      <c r="I165" s="236">
        <f t="shared" si="35"/>
        <v>12.528519841317218</v>
      </c>
      <c r="J165" s="237">
        <f t="shared" si="40"/>
        <v>2.5285198413172179</v>
      </c>
      <c r="K165" s="237">
        <f t="shared" si="36"/>
        <v>15.823520559583647</v>
      </c>
      <c r="L165" s="237">
        <f t="shared" si="41"/>
        <v>3.2112201984728665</v>
      </c>
      <c r="M165" s="236">
        <f t="shared" si="37"/>
        <v>23.93373069743593</v>
      </c>
      <c r="N165" s="236">
        <f t="shared" si="38"/>
        <v>1.5613517672642165</v>
      </c>
      <c r="O165" s="236">
        <f t="shared" si="42"/>
        <v>2.5239298530884833</v>
      </c>
      <c r="P165" s="236" t="str">
        <f t="shared" si="43"/>
        <v>SAND</v>
      </c>
      <c r="Q165" s="236" t="e">
        <f t="shared" si="39"/>
        <v>#N/A</v>
      </c>
      <c r="R165" s="238">
        <v>35</v>
      </c>
      <c r="S165" s="236" t="e">
        <f t="shared" si="44"/>
        <v>#N/A</v>
      </c>
      <c r="T165" s="236">
        <f t="shared" si="30"/>
        <v>32.769114400388958</v>
      </c>
    </row>
    <row r="166" spans="1:20" x14ac:dyDescent="0.2">
      <c r="A166" s="53">
        <f t="shared" si="31"/>
        <v>154</v>
      </c>
      <c r="B166" s="239">
        <v>1.278</v>
      </c>
      <c r="C166" s="3">
        <f t="shared" si="32"/>
        <v>1.2710000000000001</v>
      </c>
      <c r="D166" s="239">
        <v>8.6900000000000005E-2</v>
      </c>
      <c r="E166" s="239">
        <v>1.1999999999999999E-3</v>
      </c>
      <c r="F166" s="239">
        <v>3.1600000000000003E-2</v>
      </c>
      <c r="G166">
        <f t="shared" si="33"/>
        <v>9.3219999999999997E-2</v>
      </c>
      <c r="H166" s="235">
        <f t="shared" si="34"/>
        <v>1.2872774082814846</v>
      </c>
      <c r="I166" s="236">
        <f t="shared" si="35"/>
        <v>12.530790607447983</v>
      </c>
      <c r="J166" s="237">
        <f t="shared" si="40"/>
        <v>2.5307906074479831</v>
      </c>
      <c r="K166" s="237">
        <f t="shared" si="36"/>
        <v>15.926634862066388</v>
      </c>
      <c r="L166" s="237">
        <f t="shared" si="41"/>
        <v>3.2343503963185225</v>
      </c>
      <c r="M166" s="236">
        <f t="shared" si="37"/>
        <v>23.897647337750499</v>
      </c>
      <c r="N166" s="236">
        <f t="shared" si="38"/>
        <v>1.5525265303930604</v>
      </c>
      <c r="O166" s="236">
        <f t="shared" si="42"/>
        <v>2.5230951889790409</v>
      </c>
      <c r="P166" s="236" t="str">
        <f t="shared" si="43"/>
        <v>SAND</v>
      </c>
      <c r="Q166" s="236" t="e">
        <f t="shared" si="39"/>
        <v>#N/A</v>
      </c>
      <c r="R166" s="238">
        <v>35</v>
      </c>
      <c r="S166" s="236" t="e">
        <f t="shared" si="44"/>
        <v>#N/A</v>
      </c>
      <c r="T166" s="236">
        <f t="shared" si="30"/>
        <v>32.761906626589401</v>
      </c>
    </row>
    <row r="167" spans="1:20" x14ac:dyDescent="0.2">
      <c r="A167" s="53">
        <f t="shared" si="31"/>
        <v>155</v>
      </c>
      <c r="B167" s="239">
        <v>1.286</v>
      </c>
      <c r="C167" s="3">
        <f t="shared" si="32"/>
        <v>1.2790000000000001</v>
      </c>
      <c r="D167" s="239">
        <v>8.7400000000000005E-2</v>
      </c>
      <c r="E167" s="239">
        <v>1.1000000000000001E-3</v>
      </c>
      <c r="F167" s="239">
        <v>3.2300000000000002E-2</v>
      </c>
      <c r="G167">
        <f t="shared" si="33"/>
        <v>9.3859999999999999E-2</v>
      </c>
      <c r="H167" s="235">
        <f t="shared" si="34"/>
        <v>1.1719582356701472</v>
      </c>
      <c r="I167" s="236">
        <f t="shared" si="35"/>
        <v>12.431435799198523</v>
      </c>
      <c r="J167" s="237">
        <f t="shared" si="40"/>
        <v>2.4314357991985229</v>
      </c>
      <c r="K167" s="237">
        <f t="shared" si="36"/>
        <v>15.899806387174912</v>
      </c>
      <c r="L167" s="237">
        <f t="shared" si="41"/>
        <v>3.1268264377693007</v>
      </c>
      <c r="M167" s="236">
        <f t="shared" si="37"/>
        <v>24.932689794078378</v>
      </c>
      <c r="N167" s="236">
        <f t="shared" si="38"/>
        <v>1.4109764855933362</v>
      </c>
      <c r="O167" s="236">
        <f t="shared" si="42"/>
        <v>2.4847274784763158</v>
      </c>
      <c r="P167" s="236" t="str">
        <f t="shared" si="43"/>
        <v>SAND</v>
      </c>
      <c r="Q167" s="236" t="e">
        <f t="shared" si="39"/>
        <v>#N/A</v>
      </c>
      <c r="R167" s="238">
        <v>35</v>
      </c>
      <c r="S167" s="236" t="e">
        <f t="shared" si="44"/>
        <v>#N/A</v>
      </c>
      <c r="T167" s="236">
        <f t="shared" si="30"/>
        <v>32.964460470554172</v>
      </c>
    </row>
    <row r="168" spans="1:20" x14ac:dyDescent="0.2">
      <c r="A168" s="53">
        <f t="shared" si="31"/>
        <v>156</v>
      </c>
      <c r="B168" s="239">
        <v>1.2929999999999999</v>
      </c>
      <c r="C168" s="3">
        <f t="shared" si="32"/>
        <v>1.286</v>
      </c>
      <c r="D168" s="239">
        <v>8.6199999999999999E-2</v>
      </c>
      <c r="E168" s="239">
        <v>1.1999999999999999E-3</v>
      </c>
      <c r="F168" s="239">
        <v>3.3300000000000003E-2</v>
      </c>
      <c r="G168">
        <f t="shared" si="33"/>
        <v>9.2859999999999998E-2</v>
      </c>
      <c r="H168" s="235">
        <f t="shared" si="34"/>
        <v>1.2922679302175317</v>
      </c>
      <c r="I168" s="236">
        <f t="shared" si="35"/>
        <v>12.529278230108215</v>
      </c>
      <c r="J168" s="237">
        <f t="shared" si="40"/>
        <v>2.5292782301082148</v>
      </c>
      <c r="K168" s="237">
        <f t="shared" si="36"/>
        <v>16.112651803919164</v>
      </c>
      <c r="L168" s="237">
        <f t="shared" si="41"/>
        <v>3.2703567515299214</v>
      </c>
      <c r="M168" s="236">
        <f t="shared" si="37"/>
        <v>23.467576789650636</v>
      </c>
      <c r="N168" s="236">
        <f t="shared" si="38"/>
        <v>1.5635719385823403</v>
      </c>
      <c r="O168" s="236">
        <f t="shared" si="42"/>
        <v>2.5313559454509589</v>
      </c>
      <c r="P168" s="236" t="str">
        <f t="shared" si="43"/>
        <v>SAND</v>
      </c>
      <c r="Q168" s="236" t="e">
        <f t="shared" si="39"/>
        <v>#N/A</v>
      </c>
      <c r="R168" s="238">
        <v>35</v>
      </c>
      <c r="S168" s="236" t="e">
        <f t="shared" si="44"/>
        <v>#N/A</v>
      </c>
      <c r="T168" s="236">
        <f t="shared" si="30"/>
        <v>32.675150723830612</v>
      </c>
    </row>
    <row r="169" spans="1:20" x14ac:dyDescent="0.2">
      <c r="A169" s="53">
        <f t="shared" si="31"/>
        <v>157</v>
      </c>
      <c r="B169" s="239">
        <v>1.3009999999999999</v>
      </c>
      <c r="C169" s="3">
        <f t="shared" si="32"/>
        <v>1.294</v>
      </c>
      <c r="D169" s="239">
        <v>8.5400000000000004E-2</v>
      </c>
      <c r="E169" s="239">
        <v>1.1999999999999999E-3</v>
      </c>
      <c r="F169" s="239">
        <v>3.4200000000000001E-2</v>
      </c>
      <c r="G169">
        <f t="shared" si="33"/>
        <v>9.2240000000000003E-2</v>
      </c>
      <c r="H169" s="235">
        <f t="shared" si="34"/>
        <v>1.300954032957502</v>
      </c>
      <c r="I169" s="236">
        <f t="shared" si="35"/>
        <v>12.526659783569052</v>
      </c>
      <c r="J169" s="237">
        <f t="shared" si="40"/>
        <v>2.5266597835690519</v>
      </c>
      <c r="K169" s="237">
        <f t="shared" si="36"/>
        <v>16.209497759938355</v>
      </c>
      <c r="L169" s="237">
        <f t="shared" si="41"/>
        <v>3.2871843784233361</v>
      </c>
      <c r="M169" s="236">
        <f t="shared" si="37"/>
        <v>23.129369541640646</v>
      </c>
      <c r="N169" s="236">
        <f t="shared" si="38"/>
        <v>1.5783139196043627</v>
      </c>
      <c r="O169" s="236">
        <f t="shared" si="42"/>
        <v>2.5388616749436324</v>
      </c>
      <c r="P169" s="236" t="str">
        <f t="shared" si="43"/>
        <v>SAND</v>
      </c>
      <c r="Q169" s="236" t="e">
        <f t="shared" si="39"/>
        <v>#N/A</v>
      </c>
      <c r="R169" s="238">
        <v>35</v>
      </c>
      <c r="S169" s="236" t="e">
        <f t="shared" si="44"/>
        <v>#N/A</v>
      </c>
      <c r="T169" s="236">
        <f t="shared" si="30"/>
        <v>32.605801744674835</v>
      </c>
    </row>
    <row r="170" spans="1:20" x14ac:dyDescent="0.2">
      <c r="A170" s="53">
        <f t="shared" si="31"/>
        <v>158</v>
      </c>
      <c r="B170" s="239">
        <v>1.3080000000000001</v>
      </c>
      <c r="C170" s="3">
        <f t="shared" si="32"/>
        <v>1.3010000000000002</v>
      </c>
      <c r="D170" s="239">
        <v>8.4599999999999995E-2</v>
      </c>
      <c r="E170" s="239">
        <v>1.1999999999999999E-3</v>
      </c>
      <c r="F170" s="239">
        <v>3.5099999999999999E-2</v>
      </c>
      <c r="G170">
        <f t="shared" si="33"/>
        <v>9.1619999999999993E-2</v>
      </c>
      <c r="H170" s="235">
        <f t="shared" si="34"/>
        <v>1.3097576948264571</v>
      </c>
      <c r="I170" s="236">
        <f t="shared" si="35"/>
        <v>12.524023677407133</v>
      </c>
      <c r="J170" s="237">
        <f t="shared" si="40"/>
        <v>2.5240236774071327</v>
      </c>
      <c r="K170" s="237">
        <f t="shared" si="36"/>
        <v>16.293754804306683</v>
      </c>
      <c r="L170" s="237">
        <f t="shared" si="41"/>
        <v>3.3014229700485296</v>
      </c>
      <c r="M170" s="236">
        <f t="shared" si="37"/>
        <v>22.81629645128023</v>
      </c>
      <c r="N170" s="236">
        <f t="shared" si="38"/>
        <v>1.5930702464758042</v>
      </c>
      <c r="O170" s="236">
        <f t="shared" si="42"/>
        <v>2.5460284225384315</v>
      </c>
      <c r="P170" s="236" t="str">
        <f t="shared" si="43"/>
        <v>SAND</v>
      </c>
      <c r="Q170" s="236" t="e">
        <f t="shared" si="39"/>
        <v>#N/A</v>
      </c>
      <c r="R170" s="238">
        <v>35</v>
      </c>
      <c r="S170" s="236" t="e">
        <f t="shared" si="44"/>
        <v>#N/A</v>
      </c>
      <c r="T170" s="236">
        <f t="shared" si="30"/>
        <v>32.540696660782999</v>
      </c>
    </row>
    <row r="171" spans="1:20" x14ac:dyDescent="0.2">
      <c r="A171" s="53">
        <f t="shared" si="31"/>
        <v>159</v>
      </c>
      <c r="B171" s="239">
        <v>1.3160000000000001</v>
      </c>
      <c r="C171" s="3">
        <f t="shared" si="32"/>
        <v>1.3090000000000002</v>
      </c>
      <c r="D171" s="239">
        <v>8.4199999999999997E-2</v>
      </c>
      <c r="E171" s="239">
        <v>1.1999999999999999E-3</v>
      </c>
      <c r="F171" s="239">
        <v>3.5999999999999997E-2</v>
      </c>
      <c r="G171">
        <f t="shared" si="33"/>
        <v>9.1399999999999995E-2</v>
      </c>
      <c r="H171" s="235">
        <f t="shared" si="34"/>
        <v>1.3129102844638949</v>
      </c>
      <c r="I171" s="236">
        <f t="shared" si="35"/>
        <v>12.523083994871522</v>
      </c>
      <c r="J171" s="237">
        <f t="shared" si="40"/>
        <v>2.5230839948715218</v>
      </c>
      <c r="K171" s="237">
        <f t="shared" si="36"/>
        <v>16.392716949286825</v>
      </c>
      <c r="L171" s="237">
        <f t="shared" si="41"/>
        <v>3.3203785372509227</v>
      </c>
      <c r="M171" s="236">
        <f t="shared" si="37"/>
        <v>22.589979488547943</v>
      </c>
      <c r="N171" s="236">
        <f t="shared" si="38"/>
        <v>1.5998446433377249</v>
      </c>
      <c r="O171" s="236">
        <f t="shared" si="42"/>
        <v>2.5506488978133044</v>
      </c>
      <c r="P171" s="236" t="str">
        <f t="shared" si="43"/>
        <v>SAND</v>
      </c>
      <c r="Q171" s="236" t="e">
        <f t="shared" si="39"/>
        <v>#N/A</v>
      </c>
      <c r="R171" s="238">
        <v>35</v>
      </c>
      <c r="S171" s="236" t="e">
        <f t="shared" si="44"/>
        <v>#N/A</v>
      </c>
      <c r="T171" s="236">
        <f t="shared" si="30"/>
        <v>32.493074202445399</v>
      </c>
    </row>
    <row r="172" spans="1:20" x14ac:dyDescent="0.2">
      <c r="A172" s="53">
        <f t="shared" si="31"/>
        <v>160</v>
      </c>
      <c r="B172" s="239">
        <v>1.323</v>
      </c>
      <c r="C172" s="3">
        <f t="shared" si="32"/>
        <v>1.3160000000000001</v>
      </c>
      <c r="D172" s="239">
        <v>8.2799999999999999E-2</v>
      </c>
      <c r="E172" s="239">
        <v>1.2999999999999999E-3</v>
      </c>
      <c r="F172" s="239">
        <v>3.6799999999999999E-2</v>
      </c>
      <c r="G172">
        <f t="shared" si="33"/>
        <v>9.015999999999999E-2</v>
      </c>
      <c r="H172" s="235">
        <f t="shared" si="34"/>
        <v>1.4418811002661935</v>
      </c>
      <c r="I172" s="236">
        <f t="shared" si="35"/>
        <v>12.61160261834519</v>
      </c>
      <c r="J172" s="237">
        <f t="shared" si="40"/>
        <v>2.6116026183451897</v>
      </c>
      <c r="K172" s="237">
        <f t="shared" si="36"/>
        <v>16.59686904574227</v>
      </c>
      <c r="L172" s="237">
        <f t="shared" si="41"/>
        <v>3.4551502640706859</v>
      </c>
      <c r="M172" s="236">
        <f t="shared" si="37"/>
        <v>21.290863010857684</v>
      </c>
      <c r="N172" s="236">
        <f t="shared" si="38"/>
        <v>1.7671896004648751</v>
      </c>
      <c r="O172" s="236">
        <f t="shared" si="42"/>
        <v>2.5962002852767454</v>
      </c>
      <c r="P172" s="236" t="str">
        <f t="shared" si="43"/>
        <v>SAND</v>
      </c>
      <c r="Q172" s="236" t="e">
        <f t="shared" si="39"/>
        <v>#N/A</v>
      </c>
      <c r="R172" s="238">
        <v>35</v>
      </c>
      <c r="S172" s="236" t="e">
        <f t="shared" si="44"/>
        <v>#N/A</v>
      </c>
      <c r="T172" s="236">
        <f t="shared" si="30"/>
        <v>32.210125921938399</v>
      </c>
    </row>
    <row r="173" spans="1:20" x14ac:dyDescent="0.2">
      <c r="A173" s="53">
        <f t="shared" si="31"/>
        <v>161</v>
      </c>
      <c r="B173" s="239">
        <v>1.331</v>
      </c>
      <c r="C173" s="3">
        <f t="shared" si="32"/>
        <v>1.3240000000000001</v>
      </c>
      <c r="D173" s="239">
        <v>8.3400000000000002E-2</v>
      </c>
      <c r="E173" s="239">
        <v>1.2999999999999999E-3</v>
      </c>
      <c r="F173" s="239">
        <v>3.6999999999999998E-2</v>
      </c>
      <c r="G173">
        <f t="shared" si="33"/>
        <v>9.0800000000000006E-2</v>
      </c>
      <c r="H173" s="235">
        <f t="shared" si="34"/>
        <v>1.4317180616740086</v>
      </c>
      <c r="I173" s="236">
        <f t="shared" si="35"/>
        <v>12.614367369279922</v>
      </c>
      <c r="J173" s="237">
        <f t="shared" si="40"/>
        <v>2.6143673692799219</v>
      </c>
      <c r="K173" s="237">
        <f t="shared" si="36"/>
        <v>16.701422396926617</v>
      </c>
      <c r="L173" s="237">
        <f t="shared" si="41"/>
        <v>3.479722968511576</v>
      </c>
      <c r="M173" s="236">
        <f t="shared" si="37"/>
        <v>21.294389890689626</v>
      </c>
      <c r="N173" s="236">
        <f t="shared" si="38"/>
        <v>1.7544196421202016</v>
      </c>
      <c r="O173" s="236">
        <f t="shared" si="42"/>
        <v>2.5943621175588305</v>
      </c>
      <c r="P173" s="236" t="str">
        <f t="shared" si="43"/>
        <v>SAND</v>
      </c>
      <c r="Q173" s="236" t="e">
        <f t="shared" si="39"/>
        <v>#N/A</v>
      </c>
      <c r="R173" s="238">
        <v>35</v>
      </c>
      <c r="S173" s="236" t="e">
        <f t="shared" si="44"/>
        <v>#N/A</v>
      </c>
      <c r="T173" s="236">
        <f t="shared" si="30"/>
        <v>32.210917216944694</v>
      </c>
    </row>
    <row r="174" spans="1:20" x14ac:dyDescent="0.2">
      <c r="A174" s="53">
        <f t="shared" si="31"/>
        <v>162</v>
      </c>
      <c r="B174" s="239">
        <v>1.3380000000000001</v>
      </c>
      <c r="C174" s="3">
        <f t="shared" si="32"/>
        <v>1.3310000000000002</v>
      </c>
      <c r="D174" s="239">
        <v>8.3799999999999999E-2</v>
      </c>
      <c r="E174" s="239">
        <v>1.1999999999999999E-3</v>
      </c>
      <c r="F174" s="239">
        <v>3.6900000000000002E-2</v>
      </c>
      <c r="G174">
        <f t="shared" si="33"/>
        <v>9.1179999999999997E-2</v>
      </c>
      <c r="H174" s="235">
        <f t="shared" si="34"/>
        <v>1.3160780872998463</v>
      </c>
      <c r="I174" s="236">
        <f t="shared" si="35"/>
        <v>12.522142047790423</v>
      </c>
      <c r="J174" s="237">
        <f t="shared" si="40"/>
        <v>2.5221420477904228</v>
      </c>
      <c r="K174" s="237">
        <f t="shared" si="36"/>
        <v>16.666971065609054</v>
      </c>
      <c r="L174" s="237">
        <f t="shared" si="41"/>
        <v>3.3746260599435858</v>
      </c>
      <c r="M174" s="236">
        <f t="shared" si="37"/>
        <v>22.080380940232708</v>
      </c>
      <c r="N174" s="236">
        <f t="shared" si="38"/>
        <v>1.6104566102883904</v>
      </c>
      <c r="O174" s="236">
        <f t="shared" si="42"/>
        <v>2.5604748834792561</v>
      </c>
      <c r="P174" s="236" t="str">
        <f t="shared" si="43"/>
        <v>SAND</v>
      </c>
      <c r="Q174" s="236" t="e">
        <f t="shared" si="39"/>
        <v>#N/A</v>
      </c>
      <c r="R174" s="238">
        <v>35</v>
      </c>
      <c r="S174" s="236" t="e">
        <f t="shared" si="44"/>
        <v>#N/A</v>
      </c>
      <c r="T174" s="236">
        <f t="shared" si="30"/>
        <v>32.384072179327717</v>
      </c>
    </row>
    <row r="175" spans="1:20" x14ac:dyDescent="0.2">
      <c r="A175" s="53">
        <f t="shared" si="31"/>
        <v>163</v>
      </c>
      <c r="B175" s="239">
        <v>1.347</v>
      </c>
      <c r="C175" s="3">
        <f t="shared" si="32"/>
        <v>1.34</v>
      </c>
      <c r="D175" s="239">
        <v>8.4099999999999994E-2</v>
      </c>
      <c r="E175" s="239">
        <v>1.1999999999999999E-3</v>
      </c>
      <c r="F175" s="239">
        <v>3.61E-2</v>
      </c>
      <c r="G175">
        <f t="shared" si="33"/>
        <v>9.1319999999999998E-2</v>
      </c>
      <c r="H175" s="235">
        <f t="shared" si="34"/>
        <v>1.3140604467805519</v>
      </c>
      <c r="I175" s="236">
        <f t="shared" si="35"/>
        <v>12.52274173124745</v>
      </c>
      <c r="J175" s="237">
        <f t="shared" si="40"/>
        <v>2.52274173124745</v>
      </c>
      <c r="K175" s="237">
        <f t="shared" si="36"/>
        <v>16.780473919871586</v>
      </c>
      <c r="L175" s="237">
        <f t="shared" si="41"/>
        <v>3.3981331119903153</v>
      </c>
      <c r="M175" s="236">
        <f t="shared" si="37"/>
        <v>21.935434435194914</v>
      </c>
      <c r="N175" s="236">
        <f t="shared" si="38"/>
        <v>1.6098841287373162</v>
      </c>
      <c r="O175" s="236">
        <f t="shared" si="42"/>
        <v>2.5627643698549272</v>
      </c>
      <c r="P175" s="236" t="str">
        <f t="shared" si="43"/>
        <v>SAND</v>
      </c>
      <c r="Q175" s="236" t="e">
        <f t="shared" si="39"/>
        <v>#N/A</v>
      </c>
      <c r="R175" s="238">
        <v>35</v>
      </c>
      <c r="S175" s="236" t="e">
        <f t="shared" si="44"/>
        <v>#N/A</v>
      </c>
      <c r="T175" s="236">
        <f t="shared" si="30"/>
        <v>32.352608641164728</v>
      </c>
    </row>
    <row r="176" spans="1:20" x14ac:dyDescent="0.2">
      <c r="A176" s="53">
        <f t="shared" si="31"/>
        <v>164</v>
      </c>
      <c r="B176" s="239">
        <v>1.3540000000000001</v>
      </c>
      <c r="C176" s="3">
        <f t="shared" si="32"/>
        <v>1.3470000000000002</v>
      </c>
      <c r="D176" s="239">
        <v>8.3000000000000004E-2</v>
      </c>
      <c r="E176" s="239">
        <v>1.1999999999999999E-3</v>
      </c>
      <c r="F176" s="239">
        <v>3.61E-2</v>
      </c>
      <c r="G176">
        <f t="shared" si="33"/>
        <v>9.0220000000000009E-2</v>
      </c>
      <c r="H176" s="235">
        <f t="shared" si="34"/>
        <v>1.3300820217246727</v>
      </c>
      <c r="I176" s="236">
        <f t="shared" si="35"/>
        <v>12.518004959196595</v>
      </c>
      <c r="J176" s="237">
        <f t="shared" si="40"/>
        <v>2.5180049591965954</v>
      </c>
      <c r="K176" s="237">
        <f t="shared" si="36"/>
        <v>16.861752680037817</v>
      </c>
      <c r="L176" s="237">
        <f t="shared" si="41"/>
        <v>3.4093787147521906</v>
      </c>
      <c r="M176" s="236">
        <f t="shared" si="37"/>
        <v>21.516602717833951</v>
      </c>
      <c r="N176" s="236">
        <f t="shared" si="38"/>
        <v>1.6358078932366431</v>
      </c>
      <c r="O176" s="236">
        <f t="shared" si="42"/>
        <v>2.5735820482496079</v>
      </c>
      <c r="P176" s="236" t="str">
        <f t="shared" si="43"/>
        <v>SAND</v>
      </c>
      <c r="Q176" s="236" t="e">
        <f t="shared" si="39"/>
        <v>#N/A</v>
      </c>
      <c r="R176" s="238">
        <v>35</v>
      </c>
      <c r="S176" s="236" t="e">
        <f t="shared" si="44"/>
        <v>#N/A</v>
      </c>
      <c r="T176" s="236">
        <f t="shared" si="30"/>
        <v>32.26051071244575</v>
      </c>
    </row>
    <row r="177" spans="1:20" x14ac:dyDescent="0.2">
      <c r="A177" s="53">
        <f t="shared" si="31"/>
        <v>165</v>
      </c>
      <c r="B177" s="239">
        <v>1.3620000000000001</v>
      </c>
      <c r="C177" s="3">
        <f t="shared" si="32"/>
        <v>1.3550000000000002</v>
      </c>
      <c r="D177" s="239">
        <v>8.1500000000000003E-2</v>
      </c>
      <c r="E177" s="239">
        <v>1.2999999999999999E-3</v>
      </c>
      <c r="F177" s="239">
        <v>3.5000000000000003E-2</v>
      </c>
      <c r="G177">
        <f t="shared" si="33"/>
        <v>8.8499999999999995E-2</v>
      </c>
      <c r="H177" s="235">
        <f t="shared" si="34"/>
        <v>1.4689265536723164</v>
      </c>
      <c r="I177" s="236">
        <f t="shared" si="35"/>
        <v>12.604339049238988</v>
      </c>
      <c r="J177" s="237">
        <f t="shared" si="40"/>
        <v>2.6043390492389875</v>
      </c>
      <c r="K177" s="237">
        <f t="shared" si="36"/>
        <v>17.07887941171883</v>
      </c>
      <c r="L177" s="237">
        <f t="shared" si="41"/>
        <v>3.5471097850635012</v>
      </c>
      <c r="M177" s="236">
        <f t="shared" si="37"/>
        <v>20.135018343392655</v>
      </c>
      <c r="N177" s="236">
        <f t="shared" si="38"/>
        <v>1.8201898672159802</v>
      </c>
      <c r="O177" s="236">
        <f t="shared" si="42"/>
        <v>2.623453684198628</v>
      </c>
      <c r="P177" s="236" t="str">
        <f t="shared" si="43"/>
        <v>CLAY</v>
      </c>
      <c r="Q177" s="236">
        <f t="shared" si="39"/>
        <v>5.9517600490234308</v>
      </c>
      <c r="R177" s="238">
        <v>35</v>
      </c>
      <c r="S177" s="236">
        <f t="shared" si="44"/>
        <v>10.663015626617987</v>
      </c>
      <c r="T177" s="236" t="e">
        <f t="shared" si="30"/>
        <v>#N/A</v>
      </c>
    </row>
    <row r="178" spans="1:20" x14ac:dyDescent="0.2">
      <c r="A178" s="53">
        <f t="shared" si="31"/>
        <v>166</v>
      </c>
      <c r="B178" s="239">
        <v>1.369</v>
      </c>
      <c r="C178" s="3">
        <f t="shared" si="32"/>
        <v>1.3620000000000001</v>
      </c>
      <c r="D178" s="239">
        <v>8.0699999999999994E-2</v>
      </c>
      <c r="E178" s="239">
        <v>1.2999999999999999E-3</v>
      </c>
      <c r="F178" s="239">
        <v>3.5999999999999997E-2</v>
      </c>
      <c r="G178">
        <f t="shared" si="33"/>
        <v>8.7899999999999992E-2</v>
      </c>
      <c r="H178" s="235">
        <f t="shared" si="34"/>
        <v>1.4789533560864618</v>
      </c>
      <c r="I178" s="236">
        <f t="shared" si="35"/>
        <v>12.601680093177341</v>
      </c>
      <c r="J178" s="237">
        <f t="shared" si="40"/>
        <v>2.6016800931773414</v>
      </c>
      <c r="K178" s="237">
        <f t="shared" si="36"/>
        <v>17.16348828690754</v>
      </c>
      <c r="L178" s="237">
        <f t="shared" si="41"/>
        <v>3.5617000475597802</v>
      </c>
      <c r="M178" s="236">
        <f t="shared" si="37"/>
        <v>19.860322533773164</v>
      </c>
      <c r="N178" s="236">
        <f t="shared" si="38"/>
        <v>1.8378062029306796</v>
      </c>
      <c r="O178" s="236">
        <f t="shared" si="42"/>
        <v>2.6307392807316652</v>
      </c>
      <c r="P178" s="236" t="str">
        <f t="shared" si="43"/>
        <v>CLAY</v>
      </c>
      <c r="Q178" s="236">
        <f t="shared" si="39"/>
        <v>5.8947093094243712</v>
      </c>
      <c r="R178" s="238">
        <v>35</v>
      </c>
      <c r="S178" s="236">
        <f t="shared" si="44"/>
        <v>10.481486521101763</v>
      </c>
      <c r="T178" s="236" t="e">
        <f t="shared" si="30"/>
        <v>#N/A</v>
      </c>
    </row>
    <row r="179" spans="1:20" x14ac:dyDescent="0.2">
      <c r="A179" s="53">
        <f t="shared" si="31"/>
        <v>167</v>
      </c>
      <c r="B179" s="239">
        <v>1.377</v>
      </c>
      <c r="C179" s="3">
        <f t="shared" si="32"/>
        <v>1.37</v>
      </c>
      <c r="D179" s="239">
        <v>7.9699999999999993E-2</v>
      </c>
      <c r="E179" s="239">
        <v>1.2999999999999999E-3</v>
      </c>
      <c r="F179" s="239">
        <v>3.73E-2</v>
      </c>
      <c r="G179">
        <f t="shared" si="33"/>
        <v>8.7159999999999987E-2</v>
      </c>
      <c r="H179" s="235">
        <f t="shared" si="34"/>
        <v>1.4915098669114275</v>
      </c>
      <c r="I179" s="236">
        <f t="shared" si="35"/>
        <v>12.598375605027742</v>
      </c>
      <c r="J179" s="237">
        <f t="shared" si="40"/>
        <v>2.5983756050277425</v>
      </c>
      <c r="K179" s="237">
        <f t="shared" si="36"/>
        <v>17.25977457888801</v>
      </c>
      <c r="L179" s="237">
        <f t="shared" si="41"/>
        <v>3.5779632081232013</v>
      </c>
      <c r="M179" s="236">
        <f t="shared" si="37"/>
        <v>19.536317551397545</v>
      </c>
      <c r="N179" s="236">
        <f t="shared" si="38"/>
        <v>1.8597937162121954</v>
      </c>
      <c r="O179" s="236">
        <f t="shared" si="42"/>
        <v>2.6395514451428888</v>
      </c>
      <c r="P179" s="236" t="str">
        <f t="shared" si="43"/>
        <v>CLAY</v>
      </c>
      <c r="Q179" s="236">
        <f t="shared" si="39"/>
        <v>5.8250187850926638</v>
      </c>
      <c r="R179" s="238">
        <v>35</v>
      </c>
      <c r="S179" s="236">
        <f t="shared" si="44"/>
        <v>10.268178056514111</v>
      </c>
      <c r="T179" s="236" t="e">
        <f t="shared" si="30"/>
        <v>#N/A</v>
      </c>
    </row>
    <row r="180" spans="1:20" x14ac:dyDescent="0.2">
      <c r="A180" s="53">
        <f t="shared" si="31"/>
        <v>168</v>
      </c>
      <c r="B180" s="239">
        <v>1.385</v>
      </c>
      <c r="C180" s="3">
        <f t="shared" si="32"/>
        <v>1.3780000000000001</v>
      </c>
      <c r="D180" s="239">
        <v>7.9600000000000004E-2</v>
      </c>
      <c r="E180" s="239">
        <v>1.1999999999999999E-3</v>
      </c>
      <c r="F180" s="239">
        <v>3.7100000000000001E-2</v>
      </c>
      <c r="G180">
        <f t="shared" si="33"/>
        <v>8.702E-2</v>
      </c>
      <c r="H180" s="235">
        <f t="shared" si="34"/>
        <v>1.3789933348655481</v>
      </c>
      <c r="I180" s="236">
        <f t="shared" si="35"/>
        <v>12.503889589772101</v>
      </c>
      <c r="J180" s="237">
        <f t="shared" si="40"/>
        <v>2.5038895897721005</v>
      </c>
      <c r="K180" s="237">
        <f t="shared" si="36"/>
        <v>17.230359854705956</v>
      </c>
      <c r="L180" s="237">
        <f t="shared" si="41"/>
        <v>3.4678870818343595</v>
      </c>
      <c r="M180" s="236">
        <f t="shared" si="37"/>
        <v>20.124542264040038</v>
      </c>
      <c r="N180" s="236">
        <f t="shared" si="38"/>
        <v>1.7194529123545232</v>
      </c>
      <c r="O180" s="236">
        <f t="shared" si="42"/>
        <v>2.6097708487235884</v>
      </c>
      <c r="P180" s="236" t="str">
        <f t="shared" si="43"/>
        <v>CLAY</v>
      </c>
      <c r="Q180" s="236">
        <f t="shared" si="39"/>
        <v>5.8158033454411706</v>
      </c>
      <c r="R180" s="238">
        <v>35</v>
      </c>
      <c r="S180" s="236">
        <f t="shared" si="44"/>
        <v>10.656081231898733</v>
      </c>
      <c r="T180" s="236" t="e">
        <f t="shared" si="30"/>
        <v>#N/A</v>
      </c>
    </row>
    <row r="181" spans="1:20" x14ac:dyDescent="0.2">
      <c r="A181" s="53">
        <f t="shared" si="31"/>
        <v>169</v>
      </c>
      <c r="B181" s="239">
        <v>1.3919999999999999</v>
      </c>
      <c r="C181" s="3">
        <f t="shared" si="32"/>
        <v>1.385</v>
      </c>
      <c r="D181" s="239">
        <v>7.9399999999999998E-2</v>
      </c>
      <c r="E181" s="239">
        <v>1.1999999999999999E-3</v>
      </c>
      <c r="F181" s="239">
        <v>3.7100000000000001E-2</v>
      </c>
      <c r="G181">
        <f t="shared" si="33"/>
        <v>8.6819999999999994E-2</v>
      </c>
      <c r="H181" s="235">
        <f t="shared" si="34"/>
        <v>1.38217000691085</v>
      </c>
      <c r="I181" s="236">
        <f t="shared" si="35"/>
        <v>12.502990222063486</v>
      </c>
      <c r="J181" s="237">
        <f t="shared" si="40"/>
        <v>2.5029902220634863</v>
      </c>
      <c r="K181" s="237">
        <f t="shared" si="36"/>
        <v>17.316641457557928</v>
      </c>
      <c r="L181" s="237">
        <f t="shared" si="41"/>
        <v>3.4841623891123725</v>
      </c>
      <c r="M181" s="236">
        <f t="shared" si="37"/>
        <v>19.948369444441649</v>
      </c>
      <c r="N181" s="236">
        <f t="shared" si="38"/>
        <v>1.7265352713383233</v>
      </c>
      <c r="O181" s="236">
        <f t="shared" si="42"/>
        <v>2.6139361482469616</v>
      </c>
      <c r="P181" s="236" t="str">
        <f t="shared" si="43"/>
        <v>CLAY</v>
      </c>
      <c r="Q181" s="236">
        <f t="shared" si="39"/>
        <v>5.7919465452035057</v>
      </c>
      <c r="R181" s="238">
        <v>35</v>
      </c>
      <c r="S181" s="236">
        <f t="shared" si="44"/>
        <v>10.539603235768011</v>
      </c>
      <c r="T181" s="236" t="e">
        <f t="shared" si="30"/>
        <v>#N/A</v>
      </c>
    </row>
    <row r="182" spans="1:20" x14ac:dyDescent="0.2">
      <c r="A182" s="53">
        <f t="shared" si="31"/>
        <v>170</v>
      </c>
      <c r="B182" s="239">
        <v>1.399</v>
      </c>
      <c r="C182" s="3">
        <f t="shared" si="32"/>
        <v>1.3920000000000001</v>
      </c>
      <c r="D182" s="239">
        <v>7.9699999999999993E-2</v>
      </c>
      <c r="E182" s="239">
        <v>1.1999999999999999E-3</v>
      </c>
      <c r="F182" s="239">
        <v>3.6299999999999999E-2</v>
      </c>
      <c r="G182">
        <f t="shared" si="33"/>
        <v>8.6959999999999996E-2</v>
      </c>
      <c r="H182" s="235">
        <f t="shared" si="34"/>
        <v>1.3799448022079117</v>
      </c>
      <c r="I182" s="236">
        <f t="shared" si="35"/>
        <v>12.503619996681488</v>
      </c>
      <c r="J182" s="237">
        <f t="shared" si="40"/>
        <v>2.503619996681488</v>
      </c>
      <c r="K182" s="237">
        <f t="shared" si="36"/>
        <v>17.405039035380632</v>
      </c>
      <c r="L182" s="237">
        <f t="shared" si="41"/>
        <v>3.5025643753574016</v>
      </c>
      <c r="M182" s="236">
        <f t="shared" si="37"/>
        <v>19.858296239743481</v>
      </c>
      <c r="N182" s="236">
        <f t="shared" si="38"/>
        <v>1.7252543648330214</v>
      </c>
      <c r="O182" s="236">
        <f t="shared" si="42"/>
        <v>2.6153885135219173</v>
      </c>
      <c r="P182" s="236" t="str">
        <f t="shared" si="43"/>
        <v>CLAY</v>
      </c>
      <c r="Q182" s="236">
        <f t="shared" si="39"/>
        <v>5.7962467470516144</v>
      </c>
      <c r="R182" s="238">
        <v>35</v>
      </c>
      <c r="S182" s="236">
        <f t="shared" si="44"/>
        <v>10.48014979163446</v>
      </c>
      <c r="T182" s="236" t="e">
        <f t="shared" si="30"/>
        <v>#N/A</v>
      </c>
    </row>
    <row r="183" spans="1:20" x14ac:dyDescent="0.2">
      <c r="A183" s="53">
        <f t="shared" si="31"/>
        <v>171</v>
      </c>
      <c r="B183" s="239">
        <v>1.4079999999999999</v>
      </c>
      <c r="C183" s="3">
        <f t="shared" si="32"/>
        <v>1.401</v>
      </c>
      <c r="D183" s="239">
        <v>7.9699999999999993E-2</v>
      </c>
      <c r="E183" s="239">
        <v>1.1999999999999999E-3</v>
      </c>
      <c r="F183" s="239">
        <v>3.6400000000000002E-2</v>
      </c>
      <c r="G183">
        <f t="shared" si="33"/>
        <v>8.6979999999999988E-2</v>
      </c>
      <c r="H183" s="235">
        <f t="shared" si="34"/>
        <v>1.3796275005748448</v>
      </c>
      <c r="I183" s="236">
        <f t="shared" si="35"/>
        <v>12.503709881707458</v>
      </c>
      <c r="J183" s="237">
        <f t="shared" si="40"/>
        <v>2.5037098817074579</v>
      </c>
      <c r="K183" s="237">
        <f t="shared" si="36"/>
        <v>17.517697544272149</v>
      </c>
      <c r="L183" s="237">
        <f t="shared" si="41"/>
        <v>3.5252235134441006</v>
      </c>
      <c r="M183" s="236">
        <f t="shared" si="37"/>
        <v>19.704368301987188</v>
      </c>
      <c r="N183" s="236">
        <f t="shared" si="38"/>
        <v>1.7275557497749605</v>
      </c>
      <c r="O183" s="236">
        <f t="shared" si="42"/>
        <v>2.6185179944613526</v>
      </c>
      <c r="P183" s="236" t="str">
        <f t="shared" si="43"/>
        <v>CLAY</v>
      </c>
      <c r="Q183" s="236">
        <f t="shared" si="39"/>
        <v>5.7885252046439861</v>
      </c>
      <c r="R183" s="238">
        <v>35</v>
      </c>
      <c r="S183" s="236">
        <f t="shared" si="44"/>
        <v>10.378704673625263</v>
      </c>
      <c r="T183" s="236" t="e">
        <f t="shared" si="30"/>
        <v>#N/A</v>
      </c>
    </row>
    <row r="184" spans="1:20" x14ac:dyDescent="0.2">
      <c r="A184" s="53">
        <f t="shared" si="31"/>
        <v>172</v>
      </c>
      <c r="B184" s="239">
        <v>1.415</v>
      </c>
      <c r="C184" s="3">
        <f t="shared" si="32"/>
        <v>1.4080000000000001</v>
      </c>
      <c r="D184" s="239">
        <v>8.0299999999999996E-2</v>
      </c>
      <c r="E184" s="239">
        <v>1.1999999999999999E-3</v>
      </c>
      <c r="F184" s="239">
        <v>3.6499999999999998E-2</v>
      </c>
      <c r="G184">
        <f t="shared" si="33"/>
        <v>8.7599999999999997E-2</v>
      </c>
      <c r="H184" s="235">
        <f t="shared" si="34"/>
        <v>1.3698630136986301</v>
      </c>
      <c r="I184" s="236">
        <f t="shared" si="35"/>
        <v>12.506486114262344</v>
      </c>
      <c r="J184" s="237">
        <f t="shared" si="40"/>
        <v>2.5064861142623442</v>
      </c>
      <c r="K184" s="237">
        <f t="shared" si="36"/>
        <v>17.609132448881383</v>
      </c>
      <c r="L184" s="237">
        <f t="shared" si="41"/>
        <v>3.5466778516812174</v>
      </c>
      <c r="M184" s="236">
        <f t="shared" si="37"/>
        <v>19.734204931508263</v>
      </c>
      <c r="N184" s="236">
        <f t="shared" si="38"/>
        <v>1.7145093952772719</v>
      </c>
      <c r="O184" s="236">
        <f t="shared" si="42"/>
        <v>2.6161407455526384</v>
      </c>
      <c r="P184" s="236" t="str">
        <f t="shared" si="43"/>
        <v>CLAY</v>
      </c>
      <c r="Q184" s="236">
        <f t="shared" si="39"/>
        <v>5.8325722959265507</v>
      </c>
      <c r="R184" s="238">
        <v>35</v>
      </c>
      <c r="S184" s="236">
        <f t="shared" si="44"/>
        <v>10.398352864817308</v>
      </c>
      <c r="T184" s="236" t="e">
        <f t="shared" si="30"/>
        <v>#N/A</v>
      </c>
    </row>
    <row r="185" spans="1:20" x14ac:dyDescent="0.2">
      <c r="A185" s="53">
        <f t="shared" si="31"/>
        <v>173</v>
      </c>
      <c r="B185" s="239">
        <v>1.423</v>
      </c>
      <c r="C185" s="3">
        <f t="shared" si="32"/>
        <v>1.4160000000000001</v>
      </c>
      <c r="D185" s="239">
        <v>8.1000000000000003E-2</v>
      </c>
      <c r="E185" s="239">
        <v>1.1000000000000001E-3</v>
      </c>
      <c r="F185" s="239">
        <v>3.5400000000000001E-2</v>
      </c>
      <c r="G185">
        <f t="shared" si="33"/>
        <v>8.8080000000000006E-2</v>
      </c>
      <c r="H185" s="235">
        <f t="shared" si="34"/>
        <v>1.2488646684831972</v>
      </c>
      <c r="I185" s="236">
        <f t="shared" si="35"/>
        <v>12.406592879677021</v>
      </c>
      <c r="J185" s="237">
        <f t="shared" si="40"/>
        <v>2.4065928796770208</v>
      </c>
      <c r="K185" s="237">
        <f t="shared" si="36"/>
        <v>17.567735517622662</v>
      </c>
      <c r="L185" s="237">
        <f t="shared" si="41"/>
        <v>3.4245816677804006</v>
      </c>
      <c r="M185" s="236">
        <f t="shared" si="37"/>
        <v>20.590037360119076</v>
      </c>
      <c r="N185" s="236">
        <f t="shared" si="38"/>
        <v>1.5600123015123357</v>
      </c>
      <c r="O185" s="236">
        <f t="shared" si="42"/>
        <v>2.5781282672543768</v>
      </c>
      <c r="P185" s="236" t="str">
        <f t="shared" si="43"/>
        <v>SAND</v>
      </c>
      <c r="Q185" s="236" t="e">
        <f t="shared" si="39"/>
        <v>#N/A</v>
      </c>
      <c r="R185" s="238">
        <v>35</v>
      </c>
      <c r="S185" s="236" t="e">
        <f t="shared" si="44"/>
        <v>#N/A</v>
      </c>
      <c r="T185" s="236">
        <f t="shared" si="30"/>
        <v>32.05022848099005</v>
      </c>
    </row>
    <row r="186" spans="1:20" x14ac:dyDescent="0.2">
      <c r="A186" s="53">
        <f t="shared" si="31"/>
        <v>174</v>
      </c>
      <c r="B186" s="239">
        <v>1.43</v>
      </c>
      <c r="C186" s="3">
        <f t="shared" si="32"/>
        <v>1.423</v>
      </c>
      <c r="D186" s="239">
        <v>8.2000000000000003E-2</v>
      </c>
      <c r="E186" s="239">
        <v>1.1000000000000001E-3</v>
      </c>
      <c r="F186" s="239">
        <v>3.7199999999999997E-2</v>
      </c>
      <c r="G186">
        <f t="shared" si="33"/>
        <v>8.9440000000000006E-2</v>
      </c>
      <c r="H186" s="235">
        <f t="shared" si="34"/>
        <v>1.2298747763864044</v>
      </c>
      <c r="I186" s="236">
        <f t="shared" si="35"/>
        <v>12.412581915797807</v>
      </c>
      <c r="J186" s="237">
        <f t="shared" si="40"/>
        <v>2.4125819157978068</v>
      </c>
      <c r="K186" s="237">
        <f t="shared" si="36"/>
        <v>17.663104066180278</v>
      </c>
      <c r="L186" s="237">
        <f t="shared" si="41"/>
        <v>3.4499921395908637</v>
      </c>
      <c r="M186" s="236">
        <f t="shared" si="37"/>
        <v>20.804944773680496</v>
      </c>
      <c r="N186" s="236">
        <f t="shared" si="38"/>
        <v>1.5325265681790283</v>
      </c>
      <c r="O186" s="236">
        <f t="shared" si="42"/>
        <v>2.5701281685974657</v>
      </c>
      <c r="P186" s="236" t="str">
        <f t="shared" si="43"/>
        <v>SAND</v>
      </c>
      <c r="Q186" s="236" t="e">
        <f t="shared" si="39"/>
        <v>#N/A</v>
      </c>
      <c r="R186" s="238">
        <v>35</v>
      </c>
      <c r="S186" s="236" t="e">
        <f t="shared" si="44"/>
        <v>#N/A</v>
      </c>
      <c r="T186" s="236">
        <f t="shared" si="30"/>
        <v>32.099832240347055</v>
      </c>
    </row>
    <row r="187" spans="1:20" x14ac:dyDescent="0.2">
      <c r="A187" s="53">
        <f t="shared" si="31"/>
        <v>175</v>
      </c>
      <c r="B187" s="239">
        <v>1.4379999999999999</v>
      </c>
      <c r="C187" s="3">
        <f t="shared" si="32"/>
        <v>1.431</v>
      </c>
      <c r="D187" s="239">
        <v>8.2400000000000001E-2</v>
      </c>
      <c r="E187" s="239">
        <v>1.1000000000000001E-3</v>
      </c>
      <c r="F187" s="239">
        <v>3.73E-2</v>
      </c>
      <c r="G187">
        <f t="shared" si="33"/>
        <v>8.9859999999999995E-2</v>
      </c>
      <c r="H187" s="235">
        <f t="shared" si="34"/>
        <v>1.2241264188738039</v>
      </c>
      <c r="I187" s="236">
        <f t="shared" si="35"/>
        <v>12.414413077140999</v>
      </c>
      <c r="J187" s="237">
        <f t="shared" si="40"/>
        <v>2.4144130771409991</v>
      </c>
      <c r="K187" s="237">
        <f t="shared" si="36"/>
        <v>17.76502511338877</v>
      </c>
      <c r="L187" s="237">
        <f t="shared" si="41"/>
        <v>3.4719260049287564</v>
      </c>
      <c r="M187" s="236">
        <f t="shared" si="37"/>
        <v>20.765124252148517</v>
      </c>
      <c r="N187" s="236">
        <f t="shared" si="38"/>
        <v>1.5257651476126408</v>
      </c>
      <c r="O187" s="236">
        <f t="shared" si="42"/>
        <v>2.5697755358512615</v>
      </c>
      <c r="P187" s="236" t="str">
        <f t="shared" si="43"/>
        <v>SAND</v>
      </c>
      <c r="Q187" s="236" t="e">
        <f t="shared" si="39"/>
        <v>#N/A</v>
      </c>
      <c r="R187" s="238">
        <v>35</v>
      </c>
      <c r="S187" s="236" t="e">
        <f t="shared" si="44"/>
        <v>#N/A</v>
      </c>
      <c r="T187" s="236">
        <f t="shared" si="30"/>
        <v>32.09067987552833</v>
      </c>
    </row>
    <row r="188" spans="1:20" x14ac:dyDescent="0.2">
      <c r="A188" s="53">
        <f t="shared" si="31"/>
        <v>176</v>
      </c>
      <c r="B188" s="239">
        <v>1.4450000000000001</v>
      </c>
      <c r="C188" s="3">
        <f t="shared" si="32"/>
        <v>1.4380000000000002</v>
      </c>
      <c r="D188" s="239">
        <v>8.2299999999999998E-2</v>
      </c>
      <c r="E188" s="239">
        <v>1.1999999999999999E-3</v>
      </c>
      <c r="F188" s="239">
        <v>3.9899999999999998E-2</v>
      </c>
      <c r="G188">
        <f t="shared" si="33"/>
        <v>9.0279999999999999E-2</v>
      </c>
      <c r="H188" s="235">
        <f t="shared" si="34"/>
        <v>1.3291980505095258</v>
      </c>
      <c r="I188" s="236">
        <f t="shared" si="35"/>
        <v>12.518264814076225</v>
      </c>
      <c r="J188" s="237">
        <f t="shared" si="40"/>
        <v>2.5182648140762254</v>
      </c>
      <c r="K188" s="237">
        <f t="shared" si="36"/>
        <v>18.001264802641614</v>
      </c>
      <c r="L188" s="237">
        <f t="shared" si="41"/>
        <v>3.638892656340146</v>
      </c>
      <c r="M188" s="236">
        <f t="shared" si="37"/>
        <v>19.862837962923994</v>
      </c>
      <c r="N188" s="236">
        <f t="shared" si="38"/>
        <v>1.660239345256082</v>
      </c>
      <c r="O188" s="236">
        <f t="shared" si="42"/>
        <v>2.6060499316003334</v>
      </c>
      <c r="P188" s="236" t="str">
        <f t="shared" si="43"/>
        <v>CLAY</v>
      </c>
      <c r="Q188" s="236">
        <f t="shared" si="39"/>
        <v>6.0232279331131986</v>
      </c>
      <c r="R188" s="238">
        <v>35</v>
      </c>
      <c r="S188" s="236">
        <f t="shared" si="44"/>
        <v>10.483145976411388</v>
      </c>
      <c r="T188" s="236" t="e">
        <f t="shared" si="30"/>
        <v>#N/A</v>
      </c>
    </row>
    <row r="189" spans="1:20" x14ac:dyDescent="0.2">
      <c r="A189" s="53">
        <f t="shared" si="31"/>
        <v>177</v>
      </c>
      <c r="B189" s="239">
        <v>1.454</v>
      </c>
      <c r="C189" s="3">
        <f t="shared" si="32"/>
        <v>1.4470000000000001</v>
      </c>
      <c r="D189" s="239">
        <v>8.3299999999999999E-2</v>
      </c>
      <c r="E189" s="239">
        <v>1.1000000000000001E-3</v>
      </c>
      <c r="F189" s="239">
        <v>4.1099999999999998E-2</v>
      </c>
      <c r="G189">
        <f t="shared" si="33"/>
        <v>9.151999999999999E-2</v>
      </c>
      <c r="H189" s="235">
        <f t="shared" si="34"/>
        <v>1.2019230769230771</v>
      </c>
      <c r="I189" s="236">
        <f t="shared" si="35"/>
        <v>12.421567714613747</v>
      </c>
      <c r="J189" s="237">
        <f t="shared" si="40"/>
        <v>2.4215677146137473</v>
      </c>
      <c r="K189" s="237">
        <f t="shared" si="36"/>
        <v>17.974008483046092</v>
      </c>
      <c r="L189" s="237">
        <f t="shared" si="41"/>
        <v>3.5209594570483884</v>
      </c>
      <c r="M189" s="236">
        <f t="shared" si="37"/>
        <v>20.888054069957207</v>
      </c>
      <c r="N189" s="236">
        <f t="shared" si="38"/>
        <v>1.4956627510371205</v>
      </c>
      <c r="O189" s="236">
        <f t="shared" si="42"/>
        <v>2.5629084400886479</v>
      </c>
      <c r="P189" s="236" t="str">
        <f t="shared" si="43"/>
        <v>SAND</v>
      </c>
      <c r="Q189" s="236" t="e">
        <f t="shared" si="39"/>
        <v>#N/A</v>
      </c>
      <c r="R189" s="238">
        <v>35</v>
      </c>
      <c r="S189" s="236" t="e">
        <f t="shared" si="44"/>
        <v>#N/A</v>
      </c>
      <c r="T189" s="236">
        <f t="shared" si="30"/>
        <v>32.118877813144842</v>
      </c>
    </row>
    <row r="190" spans="1:20" x14ac:dyDescent="0.2">
      <c r="A190" s="53">
        <f t="shared" si="31"/>
        <v>178</v>
      </c>
      <c r="B190" s="239">
        <v>1.4610000000000001</v>
      </c>
      <c r="C190" s="3">
        <f t="shared" si="32"/>
        <v>1.4540000000000002</v>
      </c>
      <c r="D190" s="239">
        <v>8.4900000000000003E-2</v>
      </c>
      <c r="E190" s="239">
        <v>1.1000000000000001E-3</v>
      </c>
      <c r="F190" s="239">
        <v>4.1700000000000001E-2</v>
      </c>
      <c r="G190">
        <f t="shared" si="33"/>
        <v>9.3240000000000003E-2</v>
      </c>
      <c r="H190" s="235">
        <f t="shared" si="34"/>
        <v>1.1797511797511797</v>
      </c>
      <c r="I190" s="236">
        <f t="shared" si="35"/>
        <v>12.42884534267338</v>
      </c>
      <c r="J190" s="237">
        <f t="shared" si="40"/>
        <v>2.4288453426733803</v>
      </c>
      <c r="K190" s="237">
        <f t="shared" si="36"/>
        <v>18.071541128247098</v>
      </c>
      <c r="L190" s="237">
        <f t="shared" si="41"/>
        <v>3.5485430456458089</v>
      </c>
      <c r="M190" s="236">
        <f t="shared" si="37"/>
        <v>21.182907436895075</v>
      </c>
      <c r="N190" s="236">
        <f t="shared" si="38"/>
        <v>1.463379742661403</v>
      </c>
      <c r="O190" s="236">
        <f t="shared" si="42"/>
        <v>2.552648038353873</v>
      </c>
      <c r="P190" s="236" t="str">
        <f t="shared" si="43"/>
        <v>SAND</v>
      </c>
      <c r="Q190" s="236" t="e">
        <f t="shared" si="39"/>
        <v>#N/A</v>
      </c>
      <c r="R190" s="238">
        <v>35</v>
      </c>
      <c r="S190" s="236" t="e">
        <f t="shared" si="44"/>
        <v>#N/A</v>
      </c>
      <c r="T190" s="236">
        <f t="shared" si="30"/>
        <v>32.1858412532671</v>
      </c>
    </row>
    <row r="191" spans="1:20" x14ac:dyDescent="0.2">
      <c r="A191" s="53">
        <f t="shared" si="31"/>
        <v>179</v>
      </c>
      <c r="B191" s="239">
        <v>1.47</v>
      </c>
      <c r="C191" s="3">
        <f t="shared" si="32"/>
        <v>1.4630000000000001</v>
      </c>
      <c r="D191" s="239">
        <v>8.6699999999999999E-2</v>
      </c>
      <c r="E191" s="239">
        <v>1E-3</v>
      </c>
      <c r="F191" s="239">
        <v>4.0800000000000003E-2</v>
      </c>
      <c r="G191">
        <f t="shared" si="33"/>
        <v>9.486E-2</v>
      </c>
      <c r="H191" s="235">
        <f t="shared" si="34"/>
        <v>1.0541851149061774</v>
      </c>
      <c r="I191" s="236">
        <f t="shared" si="35"/>
        <v>12.323817862666752</v>
      </c>
      <c r="J191" s="237">
        <f t="shared" si="40"/>
        <v>2.3238178626667523</v>
      </c>
      <c r="K191" s="237">
        <f t="shared" si="36"/>
        <v>18.02974553308146</v>
      </c>
      <c r="L191" s="237">
        <f t="shared" si="41"/>
        <v>3.416012258120126</v>
      </c>
      <c r="M191" s="236">
        <f t="shared" si="37"/>
        <v>22.491211582829386</v>
      </c>
      <c r="N191" s="236">
        <f t="shared" si="38"/>
        <v>1.3015705947330665</v>
      </c>
      <c r="O191" s="236">
        <f t="shared" si="42"/>
        <v>2.5033325150361683</v>
      </c>
      <c r="P191" s="236" t="str">
        <f t="shared" si="43"/>
        <v>SAND</v>
      </c>
      <c r="Q191" s="236" t="e">
        <f t="shared" si="39"/>
        <v>#N/A</v>
      </c>
      <c r="R191" s="238">
        <v>35</v>
      </c>
      <c r="S191" s="236" t="e">
        <f t="shared" si="44"/>
        <v>#N/A</v>
      </c>
      <c r="T191" s="236">
        <f t="shared" si="30"/>
        <v>32.47214136262469</v>
      </c>
    </row>
    <row r="192" spans="1:20" x14ac:dyDescent="0.2">
      <c r="A192" s="53">
        <f t="shared" si="31"/>
        <v>180</v>
      </c>
      <c r="B192" s="239">
        <v>1.4790000000000001</v>
      </c>
      <c r="C192" s="3">
        <f t="shared" si="32"/>
        <v>1.4720000000000002</v>
      </c>
      <c r="D192" s="239">
        <v>8.7300000000000003E-2</v>
      </c>
      <c r="E192" s="239">
        <v>1.1000000000000001E-3</v>
      </c>
      <c r="F192" s="239">
        <v>3.9899999999999998E-2</v>
      </c>
      <c r="G192">
        <f t="shared" si="33"/>
        <v>9.5280000000000004E-2</v>
      </c>
      <c r="H192" s="235">
        <f t="shared" si="34"/>
        <v>1.1544920235096556</v>
      </c>
      <c r="I192" s="236">
        <f t="shared" si="35"/>
        <v>12.437304877936944</v>
      </c>
      <c r="J192" s="237">
        <f t="shared" si="40"/>
        <v>2.4373048779369437</v>
      </c>
      <c r="K192" s="237">
        <f t="shared" si="36"/>
        <v>18.307712780323182</v>
      </c>
      <c r="L192" s="237">
        <f t="shared" si="41"/>
        <v>3.6047739144687401</v>
      </c>
      <c r="M192" s="236">
        <f t="shared" si="37"/>
        <v>21.352875116724412</v>
      </c>
      <c r="N192" s="236">
        <f t="shared" si="38"/>
        <v>1.429085765453</v>
      </c>
      <c r="O192" s="236">
        <f t="shared" si="42"/>
        <v>2.5441525867574124</v>
      </c>
      <c r="P192" s="236" t="str">
        <f t="shared" si="43"/>
        <v>SAND</v>
      </c>
      <c r="Q192" s="236" t="e">
        <f t="shared" si="39"/>
        <v>#N/A</v>
      </c>
      <c r="R192" s="238">
        <v>35</v>
      </c>
      <c r="S192" s="236" t="e">
        <f t="shared" si="44"/>
        <v>#N/A</v>
      </c>
      <c r="T192" s="236">
        <f t="shared" si="30"/>
        <v>32.22401996083412</v>
      </c>
    </row>
    <row r="193" spans="1:20" x14ac:dyDescent="0.2">
      <c r="A193" s="53">
        <f t="shared" si="31"/>
        <v>181</v>
      </c>
      <c r="B193" s="239">
        <v>1.488</v>
      </c>
      <c r="C193" s="3">
        <f t="shared" si="32"/>
        <v>1.4810000000000001</v>
      </c>
      <c r="D193" s="239">
        <v>8.9800000000000005E-2</v>
      </c>
      <c r="E193" s="239">
        <v>1E-3</v>
      </c>
      <c r="F193" s="239">
        <v>3.95E-2</v>
      </c>
      <c r="G193">
        <f t="shared" si="33"/>
        <v>9.7700000000000009E-2</v>
      </c>
      <c r="H193" s="235">
        <f t="shared" si="34"/>
        <v>1.0235414534288638</v>
      </c>
      <c r="I193" s="236">
        <f t="shared" si="35"/>
        <v>12.335348161729382</v>
      </c>
      <c r="J193" s="237">
        <f t="shared" si="40"/>
        <v>2.3353481617293816</v>
      </c>
      <c r="K193" s="237">
        <f t="shared" si="36"/>
        <v>18.268650627521215</v>
      </c>
      <c r="L193" s="237">
        <f t="shared" si="41"/>
        <v>3.4749980646533198</v>
      </c>
      <c r="M193" s="236">
        <f t="shared" si="37"/>
        <v>22.857954995840608</v>
      </c>
      <c r="N193" s="236">
        <f t="shared" si="38"/>
        <v>1.2589487751374873</v>
      </c>
      <c r="O193" s="236">
        <f t="shared" si="42"/>
        <v>2.4896956618751807</v>
      </c>
      <c r="P193" s="236" t="str">
        <f t="shared" si="43"/>
        <v>SAND</v>
      </c>
      <c r="Q193" s="236" t="e">
        <f t="shared" si="39"/>
        <v>#N/A</v>
      </c>
      <c r="R193" s="238">
        <v>35</v>
      </c>
      <c r="S193" s="236" t="e">
        <f t="shared" si="44"/>
        <v>#N/A</v>
      </c>
      <c r="T193" s="236">
        <f t="shared" si="30"/>
        <v>32.54941110645747</v>
      </c>
    </row>
    <row r="194" spans="1:20" x14ac:dyDescent="0.2">
      <c r="A194" s="53">
        <f t="shared" si="31"/>
        <v>182</v>
      </c>
      <c r="B194" s="239">
        <v>1.4970000000000001</v>
      </c>
      <c r="C194" s="3">
        <f t="shared" si="32"/>
        <v>1.4900000000000002</v>
      </c>
      <c r="D194" s="239">
        <v>9.0300000000000005E-2</v>
      </c>
      <c r="E194" s="239">
        <v>1.1999999999999999E-3</v>
      </c>
      <c r="F194" s="239">
        <v>4.0399999999999998E-2</v>
      </c>
      <c r="G194">
        <f t="shared" si="33"/>
        <v>9.8380000000000009E-2</v>
      </c>
      <c r="H194" s="235">
        <f t="shared" si="34"/>
        <v>1.2197601138442771</v>
      </c>
      <c r="I194" s="236">
        <f t="shared" si="35"/>
        <v>12.551848555112056</v>
      </c>
      <c r="J194" s="237">
        <f t="shared" si="40"/>
        <v>2.5518485551120555</v>
      </c>
      <c r="K194" s="237">
        <f t="shared" si="36"/>
        <v>18.702254347116966</v>
      </c>
      <c r="L194" s="237">
        <f t="shared" si="41"/>
        <v>3.8201172870027476</v>
      </c>
      <c r="M194" s="236">
        <f t="shared" si="37"/>
        <v>20.857408206803505</v>
      </c>
      <c r="N194" s="236">
        <f t="shared" si="38"/>
        <v>1.5060667067913953</v>
      </c>
      <c r="O194" s="236">
        <f t="shared" si="42"/>
        <v>2.5650827493774613</v>
      </c>
      <c r="P194" s="236" t="str">
        <f t="shared" si="43"/>
        <v>SAND</v>
      </c>
      <c r="Q194" s="236" t="e">
        <f t="shared" si="39"/>
        <v>#N/A</v>
      </c>
      <c r="R194" s="238">
        <v>35</v>
      </c>
      <c r="S194" s="236" t="e">
        <f t="shared" si="44"/>
        <v>#N/A</v>
      </c>
      <c r="T194" s="236">
        <f t="shared" si="30"/>
        <v>32.11186375028943</v>
      </c>
    </row>
    <row r="195" spans="1:20" x14ac:dyDescent="0.2">
      <c r="A195" s="53">
        <f t="shared" si="31"/>
        <v>183</v>
      </c>
      <c r="B195" s="239">
        <v>1.506</v>
      </c>
      <c r="C195" s="3">
        <f t="shared" si="32"/>
        <v>1.4990000000000001</v>
      </c>
      <c r="D195" s="239">
        <v>9.3200000000000005E-2</v>
      </c>
      <c r="E195" s="239">
        <v>1.1000000000000001E-3</v>
      </c>
      <c r="F195" s="239">
        <v>3.9899999999999998E-2</v>
      </c>
      <c r="G195">
        <f t="shared" si="33"/>
        <v>0.10118000000000001</v>
      </c>
      <c r="H195" s="235">
        <f t="shared" si="34"/>
        <v>1.0871713777426371</v>
      </c>
      <c r="I195" s="236">
        <f t="shared" si="35"/>
        <v>12.460788511874988</v>
      </c>
      <c r="J195" s="237">
        <f t="shared" si="40"/>
        <v>2.4607885118749877</v>
      </c>
      <c r="K195" s="237">
        <f t="shared" si="36"/>
        <v>18.678721979300608</v>
      </c>
      <c r="L195" s="237">
        <f t="shared" si="41"/>
        <v>3.7059474988837313</v>
      </c>
      <c r="M195" s="236">
        <f t="shared" si="37"/>
        <v>22.261858282004702</v>
      </c>
      <c r="N195" s="236">
        <f t="shared" si="38"/>
        <v>1.3333126787733063</v>
      </c>
      <c r="O195" s="236">
        <f t="shared" si="42"/>
        <v>2.5126853486199674</v>
      </c>
      <c r="P195" s="236" t="str">
        <f t="shared" si="43"/>
        <v>SAND</v>
      </c>
      <c r="Q195" s="236" t="e">
        <f t="shared" si="39"/>
        <v>#N/A</v>
      </c>
      <c r="R195" s="238">
        <v>35</v>
      </c>
      <c r="S195" s="236" t="e">
        <f t="shared" si="44"/>
        <v>#N/A</v>
      </c>
      <c r="T195" s="236">
        <f t="shared" si="30"/>
        <v>32.42317555096929</v>
      </c>
    </row>
    <row r="196" spans="1:20" x14ac:dyDescent="0.2">
      <c r="A196" s="53">
        <f t="shared" si="31"/>
        <v>184</v>
      </c>
      <c r="B196" s="239">
        <v>1.5149999999999999</v>
      </c>
      <c r="C196" s="3">
        <f t="shared" si="32"/>
        <v>1.508</v>
      </c>
      <c r="D196" s="239">
        <v>9.5299999999999996E-2</v>
      </c>
      <c r="E196" s="239">
        <v>1.1000000000000001E-3</v>
      </c>
      <c r="F196" s="239">
        <v>4.07E-2</v>
      </c>
      <c r="G196">
        <f t="shared" si="33"/>
        <v>0.10343999999999999</v>
      </c>
      <c r="H196" s="235">
        <f t="shared" si="34"/>
        <v>1.0634184068058781</v>
      </c>
      <c r="I196" s="236">
        <f t="shared" si="35"/>
        <v>12.469422964994799</v>
      </c>
      <c r="J196" s="237">
        <f t="shared" si="40"/>
        <v>2.4694229649947985</v>
      </c>
      <c r="K196" s="237">
        <f t="shared" si="36"/>
        <v>18.803889831212157</v>
      </c>
      <c r="L196" s="237">
        <f t="shared" si="41"/>
        <v>3.7411757919671196</v>
      </c>
      <c r="M196" s="236">
        <f t="shared" si="37"/>
        <v>22.622863739927588</v>
      </c>
      <c r="N196" s="236">
        <f t="shared" si="38"/>
        <v>1.2996816581082185</v>
      </c>
      <c r="O196" s="236">
        <f t="shared" si="42"/>
        <v>2.5008518665205313</v>
      </c>
      <c r="P196" s="236" t="str">
        <f t="shared" si="43"/>
        <v>SAND</v>
      </c>
      <c r="Q196" s="236" t="e">
        <f t="shared" si="39"/>
        <v>#N/A</v>
      </c>
      <c r="R196" s="238">
        <v>35</v>
      </c>
      <c r="S196" s="236" t="e">
        <f t="shared" si="44"/>
        <v>#N/A</v>
      </c>
      <c r="T196" s="236">
        <f t="shared" si="30"/>
        <v>32.500023376819591</v>
      </c>
    </row>
    <row r="197" spans="1:20" x14ac:dyDescent="0.2">
      <c r="A197" s="53">
        <f t="shared" si="31"/>
        <v>185</v>
      </c>
      <c r="B197" s="239">
        <v>1.524</v>
      </c>
      <c r="C197" s="3">
        <f t="shared" si="32"/>
        <v>1.5170000000000001</v>
      </c>
      <c r="D197" s="239">
        <v>0.11219999999999999</v>
      </c>
      <c r="E197" s="239">
        <v>1.1000000000000001E-3</v>
      </c>
      <c r="F197" s="239">
        <v>3.9399999999999998E-2</v>
      </c>
      <c r="G197">
        <f t="shared" si="33"/>
        <v>0.12007999999999999</v>
      </c>
      <c r="H197" s="235">
        <f t="shared" si="34"/>
        <v>0.91605596269153911</v>
      </c>
      <c r="I197" s="236">
        <f t="shared" si="35"/>
        <v>12.527726915621386</v>
      </c>
      <c r="J197" s="237">
        <f t="shared" si="40"/>
        <v>2.5277269156213862</v>
      </c>
      <c r="K197" s="237">
        <f t="shared" si="36"/>
        <v>19.004561730997644</v>
      </c>
      <c r="L197" s="237">
        <f t="shared" si="41"/>
        <v>3.8522558194069925</v>
      </c>
      <c r="M197" s="236">
        <f t="shared" si="37"/>
        <v>26.237987041203738</v>
      </c>
      <c r="N197" s="236">
        <f t="shared" si="38"/>
        <v>1.0882960478216857</v>
      </c>
      <c r="O197" s="236">
        <f t="shared" si="42"/>
        <v>2.4054727585889362</v>
      </c>
      <c r="P197" s="236" t="str">
        <f t="shared" si="43"/>
        <v>SAND</v>
      </c>
      <c r="Q197" s="236" t="e">
        <f t="shared" si="39"/>
        <v>#N/A</v>
      </c>
      <c r="R197" s="238">
        <v>35</v>
      </c>
      <c r="S197" s="236" t="e">
        <f t="shared" si="44"/>
        <v>#N/A</v>
      </c>
      <c r="T197" s="236">
        <f t="shared" si="30"/>
        <v>33.208235645562098</v>
      </c>
    </row>
    <row r="198" spans="1:20" x14ac:dyDescent="0.2">
      <c r="A198" s="53">
        <f t="shared" si="31"/>
        <v>186</v>
      </c>
      <c r="B198" s="239">
        <v>1.5329999999999999</v>
      </c>
      <c r="C198" s="3">
        <f t="shared" si="32"/>
        <v>1.526</v>
      </c>
      <c r="D198" s="239">
        <v>0.1033</v>
      </c>
      <c r="E198" s="239">
        <v>1.1000000000000001E-3</v>
      </c>
      <c r="F198" s="239">
        <v>3.8800000000000001E-2</v>
      </c>
      <c r="G198">
        <f t="shared" si="33"/>
        <v>0.11106000000000001</v>
      </c>
      <c r="H198" s="235">
        <f t="shared" si="34"/>
        <v>0.99045560958040701</v>
      </c>
      <c r="I198" s="236">
        <f t="shared" si="35"/>
        <v>12.497205206532588</v>
      </c>
      <c r="J198" s="237">
        <f t="shared" si="40"/>
        <v>2.4972052065325876</v>
      </c>
      <c r="K198" s="237">
        <f t="shared" si="36"/>
        <v>19.070735145168729</v>
      </c>
      <c r="L198" s="237">
        <f t="shared" si="41"/>
        <v>3.8282155816144567</v>
      </c>
      <c r="M198" s="236">
        <f t="shared" si="37"/>
        <v>24.029280194308452</v>
      </c>
      <c r="N198" s="236">
        <f t="shared" si="38"/>
        <v>1.1957917064952259</v>
      </c>
      <c r="O198" s="236">
        <f t="shared" si="42"/>
        <v>2.4594540162763816</v>
      </c>
      <c r="P198" s="236" t="str">
        <f t="shared" si="43"/>
        <v>SAND</v>
      </c>
      <c r="Q198" s="236" t="e">
        <f t="shared" si="39"/>
        <v>#N/A</v>
      </c>
      <c r="R198" s="238">
        <v>35</v>
      </c>
      <c r="S198" s="236" t="e">
        <f t="shared" si="44"/>
        <v>#N/A</v>
      </c>
      <c r="T198" s="236">
        <f t="shared" si="30"/>
        <v>32.788148377072545</v>
      </c>
    </row>
    <row r="199" spans="1:20" x14ac:dyDescent="0.2">
      <c r="A199" s="53">
        <f t="shared" si="31"/>
        <v>187</v>
      </c>
      <c r="B199" s="239">
        <v>1.542</v>
      </c>
      <c r="C199" s="3">
        <f t="shared" si="32"/>
        <v>1.5350000000000001</v>
      </c>
      <c r="D199" s="239">
        <v>0.1118</v>
      </c>
      <c r="E199" s="239">
        <v>1E-3</v>
      </c>
      <c r="F199" s="239">
        <v>3.6900000000000002E-2</v>
      </c>
      <c r="G199">
        <f t="shared" si="33"/>
        <v>0.11917999999999999</v>
      </c>
      <c r="H199" s="235">
        <f t="shared" si="34"/>
        <v>0.83906695754321203</v>
      </c>
      <c r="I199" s="236">
        <f t="shared" si="35"/>
        <v>12.413026097362378</v>
      </c>
      <c r="J199" s="237">
        <f t="shared" si="40"/>
        <v>2.4130260973623781</v>
      </c>
      <c r="K199" s="237">
        <f t="shared" si="36"/>
        <v>19.053995059451253</v>
      </c>
      <c r="L199" s="237">
        <f t="shared" si="41"/>
        <v>3.7208862421327868</v>
      </c>
      <c r="M199" s="236">
        <f t="shared" si="37"/>
        <v>26.909181959606805</v>
      </c>
      <c r="N199" s="236">
        <f t="shared" si="38"/>
        <v>0.99874153632092333</v>
      </c>
      <c r="O199" s="236">
        <f t="shared" si="42"/>
        <v>2.3767776254863953</v>
      </c>
      <c r="P199" s="236" t="str">
        <f t="shared" si="43"/>
        <v>SAND</v>
      </c>
      <c r="Q199" s="236" t="e">
        <f t="shared" si="39"/>
        <v>#N/A</v>
      </c>
      <c r="R199" s="238">
        <v>35</v>
      </c>
      <c r="S199" s="236" t="e">
        <f t="shared" si="44"/>
        <v>#N/A</v>
      </c>
      <c r="T199" s="236">
        <f t="shared" si="30"/>
        <v>33.32890544931</v>
      </c>
    </row>
    <row r="200" spans="1:20" x14ac:dyDescent="0.2">
      <c r="A200" s="53">
        <f t="shared" si="31"/>
        <v>188</v>
      </c>
      <c r="B200" s="239">
        <v>1.552</v>
      </c>
      <c r="C200" s="3">
        <f t="shared" si="32"/>
        <v>1.5450000000000002</v>
      </c>
      <c r="D200" s="239">
        <v>0.1168</v>
      </c>
      <c r="E200" s="239">
        <v>1.1000000000000001E-3</v>
      </c>
      <c r="F200" s="239">
        <v>3.4500000000000003E-2</v>
      </c>
      <c r="G200">
        <f t="shared" si="33"/>
        <v>0.1237</v>
      </c>
      <c r="H200" s="235">
        <f t="shared" si="34"/>
        <v>0.88924818108326609</v>
      </c>
      <c r="I200" s="236">
        <f t="shared" si="35"/>
        <v>12.539336033975903</v>
      </c>
      <c r="J200" s="237">
        <f t="shared" si="40"/>
        <v>2.5393360339759035</v>
      </c>
      <c r="K200" s="237">
        <f t="shared" si="36"/>
        <v>19.373274172492774</v>
      </c>
      <c r="L200" s="237">
        <f t="shared" si="41"/>
        <v>3.9410495247306021</v>
      </c>
      <c r="M200" s="236">
        <f t="shared" si="37"/>
        <v>26.471812945471342</v>
      </c>
      <c r="N200" s="236">
        <f t="shared" si="38"/>
        <v>1.0543798736852235</v>
      </c>
      <c r="O200" s="236">
        <f t="shared" si="42"/>
        <v>2.3950232666717457</v>
      </c>
      <c r="P200" s="236" t="str">
        <f t="shared" si="43"/>
        <v>SAND</v>
      </c>
      <c r="Q200" s="236" t="e">
        <f t="shared" si="39"/>
        <v>#N/A</v>
      </c>
      <c r="R200" s="238">
        <v>35</v>
      </c>
      <c r="S200" s="236" t="e">
        <f t="shared" si="44"/>
        <v>#N/A</v>
      </c>
      <c r="T200" s="236">
        <f t="shared" si="30"/>
        <v>33.250620538968235</v>
      </c>
    </row>
    <row r="201" spans="1:20" x14ac:dyDescent="0.2">
      <c r="A201" s="53">
        <f t="shared" si="31"/>
        <v>189</v>
      </c>
      <c r="B201" s="239">
        <v>1.56</v>
      </c>
      <c r="C201" s="3">
        <f t="shared" si="32"/>
        <v>1.5530000000000002</v>
      </c>
      <c r="D201" s="239">
        <v>0.1215</v>
      </c>
      <c r="E201" s="239">
        <v>1.1000000000000001E-3</v>
      </c>
      <c r="F201" s="239">
        <v>3.1699999999999999E-2</v>
      </c>
      <c r="G201">
        <f t="shared" si="33"/>
        <v>0.12784000000000001</v>
      </c>
      <c r="H201" s="235">
        <f t="shared" si="34"/>
        <v>0.86045056320400504</v>
      </c>
      <c r="I201" s="236">
        <f t="shared" si="35"/>
        <v>12.552203390082619</v>
      </c>
      <c r="J201" s="237">
        <f t="shared" si="40"/>
        <v>2.5522033900826191</v>
      </c>
      <c r="K201" s="237">
        <f t="shared" si="36"/>
        <v>19.493571864798309</v>
      </c>
      <c r="L201" s="237">
        <f t="shared" si="41"/>
        <v>3.9814372885288858</v>
      </c>
      <c r="M201" s="236">
        <f t="shared" si="37"/>
        <v>27.212893305481391</v>
      </c>
      <c r="N201" s="236">
        <f t="shared" si="38"/>
        <v>1.0152618955073893</v>
      </c>
      <c r="O201" s="236">
        <f t="shared" si="42"/>
        <v>2.3762650835944976</v>
      </c>
      <c r="P201" s="236" t="str">
        <f t="shared" si="43"/>
        <v>SAND</v>
      </c>
      <c r="Q201" s="236" t="e">
        <f t="shared" si="39"/>
        <v>#N/A</v>
      </c>
      <c r="R201" s="238">
        <v>35</v>
      </c>
      <c r="S201" s="236" t="e">
        <f t="shared" si="44"/>
        <v>#N/A</v>
      </c>
      <c r="T201" s="236">
        <f t="shared" si="30"/>
        <v>33.3825219080464</v>
      </c>
    </row>
    <row r="202" spans="1:20" x14ac:dyDescent="0.2">
      <c r="A202" s="53">
        <f t="shared" si="31"/>
        <v>190</v>
      </c>
      <c r="B202" s="239">
        <v>1.569</v>
      </c>
      <c r="C202" s="3">
        <f t="shared" si="32"/>
        <v>1.5620000000000001</v>
      </c>
      <c r="D202" s="239">
        <v>0.13239999999999999</v>
      </c>
      <c r="E202" s="239">
        <v>1E-3</v>
      </c>
      <c r="F202" s="239">
        <v>2.69E-2</v>
      </c>
      <c r="G202">
        <f t="shared" si="33"/>
        <v>0.13777999999999999</v>
      </c>
      <c r="H202" s="235">
        <f t="shared" si="34"/>
        <v>0.72579474524604448</v>
      </c>
      <c r="I202" s="236">
        <f t="shared" si="35"/>
        <v>12.469710616757002</v>
      </c>
      <c r="J202" s="237">
        <f t="shared" si="40"/>
        <v>2.469710616757002</v>
      </c>
      <c r="K202" s="237">
        <f t="shared" si="36"/>
        <v>19.477687983374437</v>
      </c>
      <c r="L202" s="237">
        <f t="shared" si="41"/>
        <v>3.8749759576917362</v>
      </c>
      <c r="M202" s="236">
        <f t="shared" si="37"/>
        <v>30.52981832875588</v>
      </c>
      <c r="N202" s="236">
        <f t="shared" si="38"/>
        <v>0.84529201750466687</v>
      </c>
      <c r="O202" s="236">
        <f t="shared" si="42"/>
        <v>2.2928027494667051</v>
      </c>
      <c r="P202" s="236" t="str">
        <f t="shared" si="43"/>
        <v>SAND</v>
      </c>
      <c r="Q202" s="236" t="e">
        <f t="shared" si="39"/>
        <v>#N/A</v>
      </c>
      <c r="R202" s="238">
        <v>35</v>
      </c>
      <c r="S202" s="236" t="e">
        <f t="shared" si="44"/>
        <v>#N/A</v>
      </c>
      <c r="T202" s="236">
        <f t="shared" si="30"/>
        <v>33.931966419850312</v>
      </c>
    </row>
    <row r="203" spans="1:20" x14ac:dyDescent="0.2">
      <c r="A203" s="53">
        <f t="shared" si="31"/>
        <v>191</v>
      </c>
      <c r="B203" s="239">
        <v>1.577</v>
      </c>
      <c r="C203" s="3">
        <f t="shared" si="32"/>
        <v>1.57</v>
      </c>
      <c r="D203" s="239">
        <v>0.12570000000000001</v>
      </c>
      <c r="E203" s="239">
        <v>1.1000000000000001E-3</v>
      </c>
      <c r="F203" s="239">
        <v>2.8199999999999999E-2</v>
      </c>
      <c r="G203">
        <f t="shared" si="33"/>
        <v>0.13134000000000001</v>
      </c>
      <c r="H203" s="235">
        <f t="shared" si="34"/>
        <v>0.83752093802345051</v>
      </c>
      <c r="I203" s="236">
        <f t="shared" si="35"/>
        <v>12.562760615066111</v>
      </c>
      <c r="J203" s="237">
        <f t="shared" si="40"/>
        <v>2.5627606150661109</v>
      </c>
      <c r="K203" s="237">
        <f t="shared" si="36"/>
        <v>19.723534165653795</v>
      </c>
      <c r="L203" s="237">
        <f t="shared" si="41"/>
        <v>4.041473489959257</v>
      </c>
      <c r="M203" s="236">
        <f t="shared" si="37"/>
        <v>27.617765181844959</v>
      </c>
      <c r="N203" s="236">
        <f t="shared" si="38"/>
        <v>0.98551767588892081</v>
      </c>
      <c r="O203" s="236">
        <f t="shared" si="42"/>
        <v>2.3641187130326808</v>
      </c>
      <c r="P203" s="236" t="str">
        <f t="shared" si="43"/>
        <v>SAND</v>
      </c>
      <c r="Q203" s="236" t="e">
        <f t="shared" si="39"/>
        <v>#N/A</v>
      </c>
      <c r="R203" s="238">
        <v>35</v>
      </c>
      <c r="S203" s="236" t="e">
        <f t="shared" si="44"/>
        <v>#N/A</v>
      </c>
      <c r="T203" s="236">
        <f t="shared" si="30"/>
        <v>33.453073860076834</v>
      </c>
    </row>
    <row r="204" spans="1:20" x14ac:dyDescent="0.2">
      <c r="A204" s="53">
        <f t="shared" si="31"/>
        <v>192</v>
      </c>
      <c r="B204" s="239">
        <v>1.587</v>
      </c>
      <c r="C204" s="3">
        <f t="shared" si="32"/>
        <v>1.58</v>
      </c>
      <c r="D204" s="239">
        <v>0.1293</v>
      </c>
      <c r="E204" s="239">
        <v>1.1999999999999999E-3</v>
      </c>
      <c r="F204" s="239">
        <v>3.1E-2</v>
      </c>
      <c r="G204">
        <f t="shared" si="33"/>
        <v>0.13550000000000001</v>
      </c>
      <c r="H204" s="235">
        <f t="shared" si="34"/>
        <v>0.88560885608856066</v>
      </c>
      <c r="I204" s="236">
        <f t="shared" si="35"/>
        <v>12.676977784400457</v>
      </c>
      <c r="J204" s="237">
        <f t="shared" si="40"/>
        <v>2.6769777844004565</v>
      </c>
      <c r="K204" s="237">
        <f t="shared" si="36"/>
        <v>20.029624899352722</v>
      </c>
      <c r="L204" s="237">
        <f t="shared" si="41"/>
        <v>4.248363743843524</v>
      </c>
      <c r="M204" s="236">
        <f t="shared" si="37"/>
        <v>27.179964349328625</v>
      </c>
      <c r="N204" s="236">
        <f t="shared" si="38"/>
        <v>1.0392275931848716</v>
      </c>
      <c r="O204" s="236">
        <f t="shared" si="42"/>
        <v>2.3819605142165958</v>
      </c>
      <c r="P204" s="236" t="str">
        <f t="shared" si="43"/>
        <v>SAND</v>
      </c>
      <c r="Q204" s="236" t="e">
        <f t="shared" si="39"/>
        <v>#N/A</v>
      </c>
      <c r="R204" s="238">
        <v>35</v>
      </c>
      <c r="S204" s="236" t="e">
        <f t="shared" si="44"/>
        <v>#N/A</v>
      </c>
      <c r="T204" s="236">
        <f t="shared" si="30"/>
        <v>33.37673771028691</v>
      </c>
    </row>
    <row r="205" spans="1:20" x14ac:dyDescent="0.2">
      <c r="A205" s="53">
        <f t="shared" si="31"/>
        <v>193</v>
      </c>
      <c r="B205" s="239">
        <v>1.5960000000000001</v>
      </c>
      <c r="C205" s="3">
        <f t="shared" si="32"/>
        <v>1.5890000000000002</v>
      </c>
      <c r="D205" s="239">
        <v>0.12520000000000001</v>
      </c>
      <c r="E205" s="239">
        <v>1.4E-3</v>
      </c>
      <c r="F205" s="239">
        <v>3.3300000000000003E-2</v>
      </c>
      <c r="G205">
        <f t="shared" si="33"/>
        <v>0.13186</v>
      </c>
      <c r="H205" s="235">
        <f t="shared" si="34"/>
        <v>1.0617321401486424</v>
      </c>
      <c r="I205" s="236">
        <f t="shared" si="35"/>
        <v>12.847090514980643</v>
      </c>
      <c r="J205" s="237">
        <f t="shared" si="40"/>
        <v>2.8470905149806427</v>
      </c>
      <c r="K205" s="237">
        <f t="shared" si="36"/>
        <v>20.414026828304245</v>
      </c>
      <c r="L205" s="237">
        <f t="shared" si="41"/>
        <v>4.5439564619091062</v>
      </c>
      <c r="M205" s="236">
        <f t="shared" si="37"/>
        <v>24.526197402180358</v>
      </c>
      <c r="N205" s="236">
        <f t="shared" si="38"/>
        <v>1.2562140740995043</v>
      </c>
      <c r="O205" s="236">
        <f t="shared" si="42"/>
        <v>2.4633041528109274</v>
      </c>
      <c r="P205" s="236" t="str">
        <f t="shared" si="43"/>
        <v>SAND</v>
      </c>
      <c r="Q205" s="236" t="e">
        <f t="shared" si="39"/>
        <v>#N/A</v>
      </c>
      <c r="R205" s="238">
        <v>35</v>
      </c>
      <c r="S205" s="236" t="e">
        <f t="shared" si="44"/>
        <v>#N/A</v>
      </c>
      <c r="T205" s="236">
        <f t="shared" ref="T205:T268" si="45">IF(P205="SAND",17.6+(11*LOG(M205)),#N/A)</f>
        <v>32.885932413559289</v>
      </c>
    </row>
    <row r="206" spans="1:20" x14ac:dyDescent="0.2">
      <c r="A206" s="53">
        <f t="shared" ref="A206:A269" si="46">$A205+1</f>
        <v>194</v>
      </c>
      <c r="B206" s="239">
        <v>1.6040000000000001</v>
      </c>
      <c r="C206" s="3">
        <f t="shared" ref="C206:C269" si="47">MAX($B206 - $B$13, 0.001)</f>
        <v>1.5970000000000002</v>
      </c>
      <c r="D206" s="239">
        <v>0.12859999999999999</v>
      </c>
      <c r="E206" s="239">
        <v>1.5E-3</v>
      </c>
      <c r="F206" s="239">
        <v>3.2599999999999997E-2</v>
      </c>
      <c r="G206">
        <f t="shared" si="33"/>
        <v>0.13511999999999999</v>
      </c>
      <c r="H206" s="235">
        <f t="shared" si="34"/>
        <v>1.1101243339253997</v>
      </c>
      <c r="I206" s="236">
        <f t="shared" si="35"/>
        <v>12.937537126739482</v>
      </c>
      <c r="J206" s="237">
        <f t="shared" si="40"/>
        <v>2.9375371267394819</v>
      </c>
      <c r="K206" s="237">
        <f t="shared" si="36"/>
        <v>20.661246791402956</v>
      </c>
      <c r="L206" s="237">
        <f t="shared" si="41"/>
        <v>4.7118095512901288</v>
      </c>
      <c r="M206" s="236">
        <f t="shared" si="37"/>
        <v>24.291888702771814</v>
      </c>
      <c r="N206" s="236">
        <f t="shared" si="38"/>
        <v>1.3105157604384379</v>
      </c>
      <c r="O206" s="236">
        <f t="shared" si="42"/>
        <v>2.4767021281000088</v>
      </c>
      <c r="P206" s="236" t="str">
        <f t="shared" si="43"/>
        <v>SAND</v>
      </c>
      <c r="Q206" s="236" t="e">
        <f t="shared" si="39"/>
        <v>#N/A</v>
      </c>
      <c r="R206" s="238">
        <v>35</v>
      </c>
      <c r="S206" s="236" t="e">
        <f t="shared" si="44"/>
        <v>#N/A</v>
      </c>
      <c r="T206" s="236">
        <f t="shared" si="45"/>
        <v>32.840074109309214</v>
      </c>
    </row>
    <row r="207" spans="1:20" x14ac:dyDescent="0.2">
      <c r="A207" s="53">
        <f t="shared" si="46"/>
        <v>195</v>
      </c>
      <c r="B207" s="239">
        <v>1.613</v>
      </c>
      <c r="C207" s="3">
        <f t="shared" si="47"/>
        <v>1.6060000000000001</v>
      </c>
      <c r="D207" s="239">
        <v>0.12920000000000001</v>
      </c>
      <c r="E207" s="239">
        <v>1.5E-3</v>
      </c>
      <c r="F207" s="239">
        <v>3.2500000000000001E-2</v>
      </c>
      <c r="G207">
        <f t="shared" ref="G207:G270" si="48">$D207+($F207*(1-$P$8))</f>
        <v>0.13570000000000002</v>
      </c>
      <c r="H207" s="235">
        <f t="shared" ref="H207:H270" si="49">($E207/$G207)*100</f>
        <v>1.105379513633014</v>
      </c>
      <c r="I207" s="236">
        <f t="shared" ref="I207:I270" si="50">((0.27*(LOG($H207)))+(0.36*(LOG(($G207*1000)/101)))+1.236)*10</f>
        <v>12.939211316726588</v>
      </c>
      <c r="J207" s="237">
        <f t="shared" si="40"/>
        <v>2.9392113167265883</v>
      </c>
      <c r="K207" s="237">
        <f t="shared" ref="K207:K270" si="51">$I207*$C207</f>
        <v>20.780373374662901</v>
      </c>
      <c r="L207" s="237">
        <f t="shared" si="41"/>
        <v>4.7409478538799865</v>
      </c>
      <c r="M207" s="236">
        <f t="shared" ref="M207:M270" si="52">(($G207*1000)-$K207)/$L207</f>
        <v>24.239799754660247</v>
      </c>
      <c r="N207" s="236">
        <f t="shared" ref="N207:N270" si="53">(($E207*1000)/(($G207*1000)-$K207))*100</f>
        <v>1.3052600709279409</v>
      </c>
      <c r="O207" s="236">
        <f t="shared" si="42"/>
        <v>2.4765451323679173</v>
      </c>
      <c r="P207" s="236" t="str">
        <f t="shared" si="43"/>
        <v>SAND</v>
      </c>
      <c r="Q207" s="236" t="e">
        <f t="shared" ref="Q207:Q270" si="54">IF(P207="CLAY",($G207*1000 -$K207)/$L$8,#N/A)</f>
        <v>#N/A</v>
      </c>
      <c r="R207" s="238">
        <v>35</v>
      </c>
      <c r="S207" s="236" t="e">
        <f t="shared" si="44"/>
        <v>#N/A</v>
      </c>
      <c r="T207" s="236">
        <f t="shared" si="45"/>
        <v>32.829819305756118</v>
      </c>
    </row>
    <row r="208" spans="1:20" x14ac:dyDescent="0.2">
      <c r="A208" s="53">
        <f t="shared" si="46"/>
        <v>196</v>
      </c>
      <c r="B208" s="239">
        <v>1.6220000000000001</v>
      </c>
      <c r="C208" s="3">
        <f t="shared" si="47"/>
        <v>1.6150000000000002</v>
      </c>
      <c r="D208" s="239">
        <v>0.13</v>
      </c>
      <c r="E208" s="239">
        <v>1.4E-3</v>
      </c>
      <c r="F208" s="239">
        <v>2.9899999999999999E-2</v>
      </c>
      <c r="G208">
        <f t="shared" si="48"/>
        <v>0.13597999999999999</v>
      </c>
      <c r="H208" s="235">
        <f t="shared" si="49"/>
        <v>1.029563171054567</v>
      </c>
      <c r="I208" s="236">
        <f t="shared" si="50"/>
        <v>12.859116283868012</v>
      </c>
      <c r="J208" s="237">
        <f t="shared" ref="J208:J271" si="55">$I208-10</f>
        <v>2.859116283868012</v>
      </c>
      <c r="K208" s="237">
        <f t="shared" si="51"/>
        <v>20.767472798446843</v>
      </c>
      <c r="L208" s="237">
        <f t="shared" ref="L208:L271" si="56">$J208*$B208</f>
        <v>4.637486612433916</v>
      </c>
      <c r="M208" s="236">
        <f t="shared" si="52"/>
        <v>24.843743352842921</v>
      </c>
      <c r="N208" s="236">
        <f t="shared" si="53"/>
        <v>1.2151456391116529</v>
      </c>
      <c r="O208" s="236">
        <f t="shared" ref="O208:O271" si="57">((3.47-LOG($M208))^2+(LOG($N208)+1.22)^2)^0.5</f>
        <v>2.450873199855665</v>
      </c>
      <c r="P208" s="236" t="str">
        <f t="shared" ref="P208:P271" si="58">IF(O208&lt;2.6,"SAND","CLAY")</f>
        <v>SAND</v>
      </c>
      <c r="Q208" s="236" t="e">
        <f t="shared" si="54"/>
        <v>#N/A</v>
      </c>
      <c r="R208" s="238">
        <v>35</v>
      </c>
      <c r="S208" s="236" t="e">
        <f t="shared" ref="S208:S271" si="59">IF(P208="SAND",#N/A,0.25*($M208)^1.25)</f>
        <v>#N/A</v>
      </c>
      <c r="T208" s="236">
        <f t="shared" si="45"/>
        <v>32.947387375510942</v>
      </c>
    </row>
    <row r="209" spans="1:20" x14ac:dyDescent="0.2">
      <c r="A209" s="53">
        <f t="shared" si="46"/>
        <v>197</v>
      </c>
      <c r="B209" s="239">
        <v>1.6319999999999999</v>
      </c>
      <c r="C209" s="3">
        <f t="shared" si="47"/>
        <v>1.625</v>
      </c>
      <c r="D209" s="239">
        <v>0.13109999999999999</v>
      </c>
      <c r="E209" s="239">
        <v>1.4E-3</v>
      </c>
      <c r="F209" s="239">
        <v>2.8400000000000002E-2</v>
      </c>
      <c r="G209">
        <f t="shared" si="48"/>
        <v>0.13677999999999998</v>
      </c>
      <c r="H209" s="235">
        <f t="shared" si="49"/>
        <v>1.023541453428864</v>
      </c>
      <c r="I209" s="236">
        <f t="shared" si="50"/>
        <v>12.861409090171039</v>
      </c>
      <c r="J209" s="237">
        <f t="shared" si="55"/>
        <v>2.8614090901710387</v>
      </c>
      <c r="K209" s="237">
        <f t="shared" si="51"/>
        <v>20.899789771527939</v>
      </c>
      <c r="L209" s="237">
        <f t="shared" si="56"/>
        <v>4.6698196351591346</v>
      </c>
      <c r="M209" s="236">
        <f t="shared" si="52"/>
        <v>24.814707907776221</v>
      </c>
      <c r="N209" s="236">
        <f t="shared" si="53"/>
        <v>1.2081441664972201</v>
      </c>
      <c r="O209" s="236">
        <f t="shared" si="57"/>
        <v>2.4499684299628739</v>
      </c>
      <c r="P209" s="236" t="str">
        <f t="shared" si="58"/>
        <v>SAND</v>
      </c>
      <c r="Q209" s="236" t="e">
        <f t="shared" si="54"/>
        <v>#N/A</v>
      </c>
      <c r="R209" s="238">
        <v>35</v>
      </c>
      <c r="S209" s="236" t="e">
        <f t="shared" si="59"/>
        <v>#N/A</v>
      </c>
      <c r="T209" s="236">
        <f t="shared" si="45"/>
        <v>32.941800842641761</v>
      </c>
    </row>
    <row r="210" spans="1:20" x14ac:dyDescent="0.2">
      <c r="A210" s="53">
        <f t="shared" si="46"/>
        <v>198</v>
      </c>
      <c r="B210" s="239">
        <v>1.64</v>
      </c>
      <c r="C210" s="3">
        <f t="shared" si="47"/>
        <v>1.633</v>
      </c>
      <c r="D210" s="239">
        <v>0.13270000000000001</v>
      </c>
      <c r="E210" s="239">
        <v>1.4E-3</v>
      </c>
      <c r="F210" s="239">
        <v>2.63E-2</v>
      </c>
      <c r="G210">
        <f t="shared" si="48"/>
        <v>0.13796</v>
      </c>
      <c r="H210" s="235">
        <f t="shared" si="49"/>
        <v>1.0147868947521022</v>
      </c>
      <c r="I210" s="236">
        <f t="shared" si="50"/>
        <v>12.864766617839546</v>
      </c>
      <c r="J210" s="237">
        <f t="shared" si="55"/>
        <v>2.8647666178395461</v>
      </c>
      <c r="K210" s="237">
        <f t="shared" si="51"/>
        <v>21.008163886931978</v>
      </c>
      <c r="L210" s="237">
        <f t="shared" si="56"/>
        <v>4.6982172532568551</v>
      </c>
      <c r="M210" s="236">
        <f t="shared" si="52"/>
        <v>24.892811423736472</v>
      </c>
      <c r="N210" s="236">
        <f t="shared" si="53"/>
        <v>1.1970739806483175</v>
      </c>
      <c r="O210" s="236">
        <f t="shared" si="57"/>
        <v>2.4466890632567733</v>
      </c>
      <c r="P210" s="236" t="str">
        <f t="shared" si="58"/>
        <v>SAND</v>
      </c>
      <c r="Q210" s="236" t="e">
        <f t="shared" si="54"/>
        <v>#N/A</v>
      </c>
      <c r="R210" s="238">
        <v>35</v>
      </c>
      <c r="S210" s="236" t="e">
        <f t="shared" si="59"/>
        <v>#N/A</v>
      </c>
      <c r="T210" s="236">
        <f t="shared" si="45"/>
        <v>32.95681344025536</v>
      </c>
    </row>
    <row r="211" spans="1:20" x14ac:dyDescent="0.2">
      <c r="A211" s="53">
        <f t="shared" si="46"/>
        <v>199</v>
      </c>
      <c r="B211" s="239">
        <v>1.65</v>
      </c>
      <c r="C211" s="3">
        <f t="shared" si="47"/>
        <v>1.643</v>
      </c>
      <c r="D211" s="239">
        <v>0.1351</v>
      </c>
      <c r="E211" s="239">
        <v>1.5E-3</v>
      </c>
      <c r="F211" s="239">
        <v>2.8299999999999999E-2</v>
      </c>
      <c r="G211">
        <f t="shared" si="48"/>
        <v>0.14076</v>
      </c>
      <c r="H211" s="235">
        <f t="shared" si="49"/>
        <v>1.0656436487638534</v>
      </c>
      <c r="I211" s="236">
        <f t="shared" si="50"/>
        <v>12.953520786179665</v>
      </c>
      <c r="J211" s="237">
        <f t="shared" si="55"/>
        <v>2.9535207861796646</v>
      </c>
      <c r="K211" s="237">
        <f t="shared" si="51"/>
        <v>21.28263465169319</v>
      </c>
      <c r="L211" s="237">
        <f t="shared" si="56"/>
        <v>4.873309297196446</v>
      </c>
      <c r="M211" s="236">
        <f t="shared" si="52"/>
        <v>24.516680157576012</v>
      </c>
      <c r="N211" s="236">
        <f t="shared" si="53"/>
        <v>1.2554679253489729</v>
      </c>
      <c r="O211" s="236">
        <f t="shared" si="57"/>
        <v>2.4633083540067724</v>
      </c>
      <c r="P211" s="236" t="str">
        <f t="shared" si="58"/>
        <v>SAND</v>
      </c>
      <c r="Q211" s="236" t="e">
        <f t="shared" si="54"/>
        <v>#N/A</v>
      </c>
      <c r="R211" s="238">
        <v>35</v>
      </c>
      <c r="S211" s="236" t="e">
        <f t="shared" si="59"/>
        <v>#N/A</v>
      </c>
      <c r="T211" s="236">
        <f t="shared" si="45"/>
        <v>32.884078274577504</v>
      </c>
    </row>
    <row r="212" spans="1:20" x14ac:dyDescent="0.2">
      <c r="A212" s="53">
        <f t="shared" si="46"/>
        <v>200</v>
      </c>
      <c r="B212" s="239">
        <v>1.6579999999999999</v>
      </c>
      <c r="C212" s="3">
        <f t="shared" si="47"/>
        <v>1.651</v>
      </c>
      <c r="D212" s="239">
        <v>0.13370000000000001</v>
      </c>
      <c r="E212" s="239">
        <v>1.6000000000000001E-3</v>
      </c>
      <c r="F212" s="239">
        <v>2.87E-2</v>
      </c>
      <c r="G212">
        <f t="shared" si="48"/>
        <v>0.13944000000000001</v>
      </c>
      <c r="H212" s="235">
        <f t="shared" si="49"/>
        <v>1.1474469305794608</v>
      </c>
      <c r="I212" s="236">
        <f t="shared" si="50"/>
        <v>13.025515644245226</v>
      </c>
      <c r="J212" s="237">
        <f t="shared" si="55"/>
        <v>3.0255156442452265</v>
      </c>
      <c r="K212" s="237">
        <f t="shared" si="51"/>
        <v>21.505126328648871</v>
      </c>
      <c r="L212" s="237">
        <f t="shared" si="56"/>
        <v>5.0163049381585854</v>
      </c>
      <c r="M212" s="236">
        <f t="shared" si="52"/>
        <v>23.510307910954744</v>
      </c>
      <c r="N212" s="236">
        <f t="shared" si="53"/>
        <v>1.356680980096453</v>
      </c>
      <c r="O212" s="236">
        <f t="shared" si="57"/>
        <v>2.4967804627994932</v>
      </c>
      <c r="P212" s="236" t="str">
        <f t="shared" si="58"/>
        <v>SAND</v>
      </c>
      <c r="Q212" s="236" t="e">
        <f t="shared" si="54"/>
        <v>#N/A</v>
      </c>
      <c r="R212" s="238">
        <v>35</v>
      </c>
      <c r="S212" s="236" t="e">
        <f t="shared" si="59"/>
        <v>#N/A</v>
      </c>
      <c r="T212" s="236">
        <f t="shared" si="45"/>
        <v>32.683841487566241</v>
      </c>
    </row>
    <row r="213" spans="1:20" x14ac:dyDescent="0.2">
      <c r="A213" s="53">
        <f t="shared" si="46"/>
        <v>201</v>
      </c>
      <c r="B213" s="239">
        <v>1.6679999999999999</v>
      </c>
      <c r="C213" s="3">
        <f t="shared" si="47"/>
        <v>1.661</v>
      </c>
      <c r="D213" s="239">
        <v>0.13589999999999999</v>
      </c>
      <c r="E213" s="239">
        <v>1.6999999999999999E-3</v>
      </c>
      <c r="F213" s="239">
        <v>2.6100000000000002E-2</v>
      </c>
      <c r="G213">
        <f t="shared" si="48"/>
        <v>0.14112</v>
      </c>
      <c r="H213" s="235">
        <f t="shared" si="49"/>
        <v>1.2046485260770976</v>
      </c>
      <c r="I213" s="236">
        <f t="shared" si="50"/>
        <v>13.101284853112796</v>
      </c>
      <c r="J213" s="237">
        <f t="shared" si="55"/>
        <v>3.1012848531127961</v>
      </c>
      <c r="K213" s="237">
        <f t="shared" si="51"/>
        <v>21.761234141020356</v>
      </c>
      <c r="L213" s="237">
        <f t="shared" si="56"/>
        <v>5.1729431349921438</v>
      </c>
      <c r="M213" s="236">
        <f t="shared" si="52"/>
        <v>23.073666720127385</v>
      </c>
      <c r="N213" s="236">
        <f t="shared" si="53"/>
        <v>1.4242774611196307</v>
      </c>
      <c r="O213" s="236">
        <f t="shared" si="57"/>
        <v>2.5150983532545985</v>
      </c>
      <c r="P213" s="236" t="str">
        <f t="shared" si="58"/>
        <v>SAND</v>
      </c>
      <c r="Q213" s="236" t="e">
        <f t="shared" si="54"/>
        <v>#N/A</v>
      </c>
      <c r="R213" s="238">
        <v>35</v>
      </c>
      <c r="S213" s="236" t="e">
        <f t="shared" si="59"/>
        <v>#N/A</v>
      </c>
      <c r="T213" s="236">
        <f t="shared" si="45"/>
        <v>32.594282768496456</v>
      </c>
    </row>
    <row r="214" spans="1:20" x14ac:dyDescent="0.2">
      <c r="A214" s="53">
        <f t="shared" si="46"/>
        <v>202</v>
      </c>
      <c r="B214" s="239">
        <v>1.677</v>
      </c>
      <c r="C214" s="3">
        <f t="shared" si="47"/>
        <v>1.6700000000000002</v>
      </c>
      <c r="D214" s="239">
        <v>0.1321</v>
      </c>
      <c r="E214" s="239">
        <v>1.8E-3</v>
      </c>
      <c r="F214" s="239">
        <v>3.0499999999999999E-2</v>
      </c>
      <c r="G214">
        <f t="shared" si="48"/>
        <v>0.13819999999999999</v>
      </c>
      <c r="H214" s="235">
        <f t="shared" si="49"/>
        <v>1.3024602026049203</v>
      </c>
      <c r="I214" s="236">
        <f t="shared" si="50"/>
        <v>13.160136056895775</v>
      </c>
      <c r="J214" s="237">
        <f t="shared" si="55"/>
        <v>3.1601360568957748</v>
      </c>
      <c r="K214" s="237">
        <f t="shared" si="51"/>
        <v>21.977427215015947</v>
      </c>
      <c r="L214" s="237">
        <f t="shared" si="56"/>
        <v>5.2995481674142146</v>
      </c>
      <c r="M214" s="236">
        <f t="shared" si="52"/>
        <v>21.93065693781438</v>
      </c>
      <c r="N214" s="236">
        <f t="shared" si="53"/>
        <v>1.5487524986476293</v>
      </c>
      <c r="O214" s="236">
        <f t="shared" si="57"/>
        <v>2.5535211788863399</v>
      </c>
      <c r="P214" s="236" t="str">
        <f t="shared" si="58"/>
        <v>SAND</v>
      </c>
      <c r="Q214" s="236" t="e">
        <f t="shared" si="54"/>
        <v>#N/A</v>
      </c>
      <c r="R214" s="238">
        <v>35</v>
      </c>
      <c r="S214" s="236" t="e">
        <f t="shared" si="59"/>
        <v>#N/A</v>
      </c>
      <c r="T214" s="236">
        <f t="shared" si="45"/>
        <v>32.35156805388548</v>
      </c>
    </row>
    <row r="215" spans="1:20" x14ac:dyDescent="0.2">
      <c r="A215" s="53">
        <f t="shared" si="46"/>
        <v>203</v>
      </c>
      <c r="B215" s="239">
        <v>1.6859999999999999</v>
      </c>
      <c r="C215" s="3">
        <f t="shared" si="47"/>
        <v>1.679</v>
      </c>
      <c r="D215" s="239">
        <v>0.13139999999999999</v>
      </c>
      <c r="E215" s="239">
        <v>1.9E-3</v>
      </c>
      <c r="F215" s="239">
        <v>2.9700000000000001E-2</v>
      </c>
      <c r="G215">
        <f t="shared" si="48"/>
        <v>0.13733999999999999</v>
      </c>
      <c r="H215" s="235">
        <f t="shared" si="49"/>
        <v>1.3834279889325762</v>
      </c>
      <c r="I215" s="236">
        <f t="shared" si="50"/>
        <v>13.221095115707493</v>
      </c>
      <c r="J215" s="237">
        <f t="shared" si="55"/>
        <v>3.2210951157074934</v>
      </c>
      <c r="K215" s="237">
        <f t="shared" si="51"/>
        <v>22.198218699272882</v>
      </c>
      <c r="L215" s="237">
        <f t="shared" si="56"/>
        <v>5.4307663650828335</v>
      </c>
      <c r="M215" s="236">
        <f t="shared" si="52"/>
        <v>21.201755619802086</v>
      </c>
      <c r="N215" s="236">
        <f t="shared" si="53"/>
        <v>1.6501394876266358</v>
      </c>
      <c r="O215" s="236">
        <f t="shared" si="57"/>
        <v>2.5810089877505802</v>
      </c>
      <c r="P215" s="236" t="str">
        <f t="shared" si="58"/>
        <v>SAND</v>
      </c>
      <c r="Q215" s="236" t="e">
        <f t="shared" si="54"/>
        <v>#N/A</v>
      </c>
      <c r="R215" s="238">
        <v>35</v>
      </c>
      <c r="S215" s="236" t="e">
        <f t="shared" si="59"/>
        <v>#N/A</v>
      </c>
      <c r="T215" s="236">
        <f t="shared" si="45"/>
        <v>32.190090067794628</v>
      </c>
    </row>
    <row r="216" spans="1:20" x14ac:dyDescent="0.2">
      <c r="A216" s="53">
        <f t="shared" si="46"/>
        <v>204</v>
      </c>
      <c r="B216" s="239">
        <v>1.6950000000000001</v>
      </c>
      <c r="C216" s="3">
        <f t="shared" si="47"/>
        <v>1.6880000000000002</v>
      </c>
      <c r="D216" s="239">
        <v>0.1331</v>
      </c>
      <c r="E216" s="239">
        <v>1.8E-3</v>
      </c>
      <c r="F216" s="239">
        <v>3.0300000000000001E-2</v>
      </c>
      <c r="G216">
        <f t="shared" si="48"/>
        <v>0.13916000000000001</v>
      </c>
      <c r="H216" s="235">
        <f t="shared" si="49"/>
        <v>1.2934751365334867</v>
      </c>
      <c r="I216" s="236">
        <f t="shared" si="50"/>
        <v>13.16284179622941</v>
      </c>
      <c r="J216" s="237">
        <f t="shared" si="55"/>
        <v>3.1628417962294098</v>
      </c>
      <c r="K216" s="237">
        <f t="shared" si="51"/>
        <v>22.218876952035245</v>
      </c>
      <c r="L216" s="237">
        <f t="shared" si="56"/>
        <v>5.3610168446088498</v>
      </c>
      <c r="M216" s="236">
        <f t="shared" si="52"/>
        <v>21.813235518101976</v>
      </c>
      <c r="N216" s="236">
        <f t="shared" si="53"/>
        <v>1.5392361156491623</v>
      </c>
      <c r="O216" s="236">
        <f t="shared" si="57"/>
        <v>2.5539894505176388</v>
      </c>
      <c r="P216" s="236" t="str">
        <f t="shared" si="58"/>
        <v>SAND</v>
      </c>
      <c r="Q216" s="236" t="e">
        <f t="shared" si="54"/>
        <v>#N/A</v>
      </c>
      <c r="R216" s="238">
        <v>35</v>
      </c>
      <c r="S216" s="236" t="e">
        <f t="shared" si="59"/>
        <v>#N/A</v>
      </c>
      <c r="T216" s="236">
        <f t="shared" si="45"/>
        <v>32.325920973260978</v>
      </c>
    </row>
    <row r="217" spans="1:20" x14ac:dyDescent="0.2">
      <c r="A217" s="53">
        <f t="shared" si="46"/>
        <v>205</v>
      </c>
      <c r="B217" s="239">
        <v>1.704</v>
      </c>
      <c r="C217" s="3">
        <f t="shared" si="47"/>
        <v>1.6970000000000001</v>
      </c>
      <c r="D217" s="239">
        <v>0.129</v>
      </c>
      <c r="E217" s="239">
        <v>1.9E-3</v>
      </c>
      <c r="F217" s="239">
        <v>3.3700000000000001E-2</v>
      </c>
      <c r="G217">
        <f t="shared" si="48"/>
        <v>0.13574</v>
      </c>
      <c r="H217" s="235">
        <f t="shared" si="49"/>
        <v>1.3997347870929719</v>
      </c>
      <c r="I217" s="236">
        <f t="shared" si="50"/>
        <v>13.216514837325029</v>
      </c>
      <c r="J217" s="237">
        <f t="shared" si="55"/>
        <v>3.216514837325029</v>
      </c>
      <c r="K217" s="237">
        <f t="shared" si="51"/>
        <v>22.428425678940574</v>
      </c>
      <c r="L217" s="237">
        <f t="shared" si="56"/>
        <v>5.4809412828018491</v>
      </c>
      <c r="M217" s="236">
        <f t="shared" si="52"/>
        <v>20.67374351858313</v>
      </c>
      <c r="N217" s="236">
        <f t="shared" si="53"/>
        <v>1.6767925177850758</v>
      </c>
      <c r="O217" s="236">
        <f t="shared" si="57"/>
        <v>2.5939813565758061</v>
      </c>
      <c r="P217" s="236" t="str">
        <f t="shared" si="58"/>
        <v>SAND</v>
      </c>
      <c r="Q217" s="236" t="e">
        <f t="shared" si="54"/>
        <v>#N/A</v>
      </c>
      <c r="R217" s="238">
        <v>35</v>
      </c>
      <c r="S217" s="236" t="e">
        <f t="shared" si="59"/>
        <v>#N/A</v>
      </c>
      <c r="T217" s="236">
        <f t="shared" si="45"/>
        <v>32.069610364566763</v>
      </c>
    </row>
    <row r="218" spans="1:20" x14ac:dyDescent="0.2">
      <c r="A218" s="53">
        <f t="shared" si="46"/>
        <v>206</v>
      </c>
      <c r="B218" s="239">
        <v>1.712</v>
      </c>
      <c r="C218" s="3">
        <f t="shared" si="47"/>
        <v>1.7050000000000001</v>
      </c>
      <c r="D218" s="239">
        <v>0.12759999999999999</v>
      </c>
      <c r="E218" s="239">
        <v>1.9E-3</v>
      </c>
      <c r="F218" s="239">
        <v>3.3599999999999998E-2</v>
      </c>
      <c r="G218">
        <f t="shared" si="48"/>
        <v>0.13431999999999999</v>
      </c>
      <c r="H218" s="235">
        <f t="shared" si="49"/>
        <v>1.4145324597974986</v>
      </c>
      <c r="I218" s="236">
        <f t="shared" si="50"/>
        <v>13.212404391772118</v>
      </c>
      <c r="J218" s="237">
        <f t="shared" si="55"/>
        <v>3.2124043917721181</v>
      </c>
      <c r="K218" s="237">
        <f t="shared" si="51"/>
        <v>22.527149487971464</v>
      </c>
      <c r="L218" s="237">
        <f t="shared" si="56"/>
        <v>5.4996363187138657</v>
      </c>
      <c r="M218" s="236">
        <f t="shared" si="52"/>
        <v>20.327316941235889</v>
      </c>
      <c r="N218" s="236">
        <f t="shared" si="53"/>
        <v>1.6995720131454795</v>
      </c>
      <c r="O218" s="236">
        <f t="shared" si="57"/>
        <v>2.6033406814488957</v>
      </c>
      <c r="P218" s="236" t="str">
        <f t="shared" si="58"/>
        <v>CLAY</v>
      </c>
      <c r="Q218" s="236">
        <f t="shared" si="54"/>
        <v>9.316070876002378</v>
      </c>
      <c r="R218" s="238">
        <v>35</v>
      </c>
      <c r="S218" s="236">
        <f t="shared" si="59"/>
        <v>10.790463052990832</v>
      </c>
      <c r="T218" s="236" t="e">
        <f t="shared" si="45"/>
        <v>#N/A</v>
      </c>
    </row>
    <row r="219" spans="1:20" x14ac:dyDescent="0.2">
      <c r="A219" s="53">
        <f t="shared" si="46"/>
        <v>207</v>
      </c>
      <c r="B219" s="239">
        <v>1.722</v>
      </c>
      <c r="C219" s="3">
        <f t="shared" si="47"/>
        <v>1.7150000000000001</v>
      </c>
      <c r="D219" s="239">
        <v>0.1235</v>
      </c>
      <c r="E219" s="239">
        <v>1.9E-3</v>
      </c>
      <c r="F219" s="239">
        <v>3.2599999999999997E-2</v>
      </c>
      <c r="G219">
        <f t="shared" si="48"/>
        <v>0.13002</v>
      </c>
      <c r="H219" s="235">
        <f t="shared" si="49"/>
        <v>1.4613136440547607</v>
      </c>
      <c r="I219" s="236">
        <f t="shared" si="50"/>
        <v>13.19968692248824</v>
      </c>
      <c r="J219" s="237">
        <f t="shared" si="55"/>
        <v>3.1996869224882403</v>
      </c>
      <c r="K219" s="237">
        <f t="shared" si="51"/>
        <v>22.637463072067334</v>
      </c>
      <c r="L219" s="237">
        <f t="shared" si="56"/>
        <v>5.5098608805247498</v>
      </c>
      <c r="M219" s="236">
        <f t="shared" si="52"/>
        <v>19.489155762079015</v>
      </c>
      <c r="N219" s="236">
        <f t="shared" si="53"/>
        <v>1.7693752209217606</v>
      </c>
      <c r="O219" s="236">
        <f t="shared" si="57"/>
        <v>2.6282689789730713</v>
      </c>
      <c r="P219" s="236" t="str">
        <f t="shared" si="58"/>
        <v>CLAY</v>
      </c>
      <c r="Q219" s="236">
        <f t="shared" si="54"/>
        <v>8.9485447439943897</v>
      </c>
      <c r="R219" s="238">
        <v>35</v>
      </c>
      <c r="S219" s="236">
        <f t="shared" si="59"/>
        <v>10.237202449801043</v>
      </c>
      <c r="T219" s="236" t="e">
        <f t="shared" si="45"/>
        <v>#N/A</v>
      </c>
    </row>
    <row r="220" spans="1:20" x14ac:dyDescent="0.2">
      <c r="A220" s="53">
        <f t="shared" si="46"/>
        <v>208</v>
      </c>
      <c r="B220" s="239">
        <v>1.732</v>
      </c>
      <c r="C220" s="3">
        <f t="shared" si="47"/>
        <v>1.7250000000000001</v>
      </c>
      <c r="D220" s="239">
        <v>0.1229</v>
      </c>
      <c r="E220" s="239">
        <v>1.8E-3</v>
      </c>
      <c r="F220" s="239">
        <v>3.3000000000000002E-2</v>
      </c>
      <c r="G220">
        <f t="shared" si="48"/>
        <v>0.1295</v>
      </c>
      <c r="H220" s="235">
        <f t="shared" si="49"/>
        <v>1.3899613899613898</v>
      </c>
      <c r="I220" s="236">
        <f t="shared" si="50"/>
        <v>13.134721609736957</v>
      </c>
      <c r="J220" s="237">
        <f t="shared" si="55"/>
        <v>3.1347216097369568</v>
      </c>
      <c r="K220" s="237">
        <f t="shared" si="51"/>
        <v>22.657394776796252</v>
      </c>
      <c r="L220" s="237">
        <f t="shared" si="56"/>
        <v>5.4293378280644093</v>
      </c>
      <c r="M220" s="236">
        <f t="shared" si="52"/>
        <v>19.678754317134427</v>
      </c>
      <c r="N220" s="236">
        <f t="shared" si="53"/>
        <v>1.684721180506259</v>
      </c>
      <c r="O220" s="236">
        <f t="shared" si="57"/>
        <v>2.6129350905053457</v>
      </c>
      <c r="P220" s="236" t="str">
        <f t="shared" si="58"/>
        <v>CLAY</v>
      </c>
      <c r="Q220" s="236">
        <f t="shared" si="54"/>
        <v>8.903550435266979</v>
      </c>
      <c r="R220" s="238">
        <v>35</v>
      </c>
      <c r="S220" s="236">
        <f t="shared" si="59"/>
        <v>10.361843134978006</v>
      </c>
      <c r="T220" s="236" t="e">
        <f t="shared" si="45"/>
        <v>#N/A</v>
      </c>
    </row>
    <row r="221" spans="1:20" x14ac:dyDescent="0.2">
      <c r="A221" s="53">
        <f t="shared" si="46"/>
        <v>209</v>
      </c>
      <c r="B221" s="239">
        <v>1.74</v>
      </c>
      <c r="C221" s="3">
        <f t="shared" si="47"/>
        <v>1.7330000000000001</v>
      </c>
      <c r="D221" s="239">
        <v>0.1216</v>
      </c>
      <c r="E221" s="239">
        <v>1.8E-3</v>
      </c>
      <c r="F221" s="239">
        <v>3.61E-2</v>
      </c>
      <c r="G221">
        <f t="shared" si="48"/>
        <v>0.12881999999999999</v>
      </c>
      <c r="H221" s="235">
        <f t="shared" si="49"/>
        <v>1.3972985561248255</v>
      </c>
      <c r="I221" s="236">
        <f t="shared" si="50"/>
        <v>13.132663783499316</v>
      </c>
      <c r="J221" s="237">
        <f t="shared" si="55"/>
        <v>3.1326637834993161</v>
      </c>
      <c r="K221" s="237">
        <f t="shared" si="51"/>
        <v>22.758906336804316</v>
      </c>
      <c r="L221" s="237">
        <f t="shared" si="56"/>
        <v>5.4508349832888099</v>
      </c>
      <c r="M221" s="236">
        <f t="shared" si="52"/>
        <v>19.457770045939416</v>
      </c>
      <c r="N221" s="236">
        <f t="shared" si="53"/>
        <v>1.6971350547412081</v>
      </c>
      <c r="O221" s="236">
        <f t="shared" si="57"/>
        <v>2.6187845853456357</v>
      </c>
      <c r="P221" s="236" t="str">
        <f t="shared" si="58"/>
        <v>CLAY</v>
      </c>
      <c r="Q221" s="236">
        <f t="shared" si="54"/>
        <v>8.8384244719329725</v>
      </c>
      <c r="R221" s="238">
        <v>35</v>
      </c>
      <c r="S221" s="236">
        <f t="shared" si="59"/>
        <v>10.216598862018991</v>
      </c>
      <c r="T221" s="236" t="e">
        <f t="shared" si="45"/>
        <v>#N/A</v>
      </c>
    </row>
    <row r="222" spans="1:20" x14ac:dyDescent="0.2">
      <c r="A222" s="53">
        <f t="shared" si="46"/>
        <v>210</v>
      </c>
      <c r="B222" s="239">
        <v>1.7490000000000001</v>
      </c>
      <c r="C222" s="3">
        <f t="shared" si="47"/>
        <v>1.7420000000000002</v>
      </c>
      <c r="D222" s="239">
        <v>0.1195</v>
      </c>
      <c r="E222" s="239">
        <v>1.9E-3</v>
      </c>
      <c r="F222" s="239">
        <v>3.9E-2</v>
      </c>
      <c r="G222">
        <f t="shared" si="48"/>
        <v>0.1273</v>
      </c>
      <c r="H222" s="235">
        <f t="shared" si="49"/>
        <v>1.4925373134328357</v>
      </c>
      <c r="I222" s="236">
        <f t="shared" si="50"/>
        <v>13.191423340243416</v>
      </c>
      <c r="J222" s="237">
        <f t="shared" si="55"/>
        <v>3.191423340243416</v>
      </c>
      <c r="K222" s="237">
        <f t="shared" si="51"/>
        <v>22.979459458704035</v>
      </c>
      <c r="L222" s="237">
        <f t="shared" si="56"/>
        <v>5.5817994220857345</v>
      </c>
      <c r="M222" s="236">
        <f t="shared" si="52"/>
        <v>18.689410466547152</v>
      </c>
      <c r="N222" s="236">
        <f t="shared" si="53"/>
        <v>1.8213095811633304</v>
      </c>
      <c r="O222" s="236">
        <f t="shared" si="57"/>
        <v>2.6503807290281909</v>
      </c>
      <c r="P222" s="236" t="str">
        <f t="shared" si="58"/>
        <v>CLAY</v>
      </c>
      <c r="Q222" s="236">
        <f t="shared" si="54"/>
        <v>8.6933783784413308</v>
      </c>
      <c r="R222" s="238">
        <v>35</v>
      </c>
      <c r="S222" s="236">
        <f t="shared" si="59"/>
        <v>9.7148144827918284</v>
      </c>
      <c r="T222" s="236" t="e">
        <f t="shared" si="45"/>
        <v>#N/A</v>
      </c>
    </row>
    <row r="223" spans="1:20" x14ac:dyDescent="0.2">
      <c r="A223" s="53">
        <f t="shared" si="46"/>
        <v>211</v>
      </c>
      <c r="B223" s="239">
        <v>1.758</v>
      </c>
      <c r="C223" s="3">
        <f t="shared" si="47"/>
        <v>1.7510000000000001</v>
      </c>
      <c r="D223" s="239">
        <v>0.1171</v>
      </c>
      <c r="E223" s="239">
        <v>1.9E-3</v>
      </c>
      <c r="F223" s="239">
        <v>4.0099999999999997E-2</v>
      </c>
      <c r="G223">
        <f t="shared" si="48"/>
        <v>0.12511999999999998</v>
      </c>
      <c r="H223" s="235">
        <f t="shared" si="49"/>
        <v>1.5185421994884913</v>
      </c>
      <c r="I223" s="236">
        <f t="shared" si="50"/>
        <v>13.18467183909932</v>
      </c>
      <c r="J223" s="237">
        <f t="shared" si="55"/>
        <v>3.1846718390993196</v>
      </c>
      <c r="K223" s="237">
        <f t="shared" si="51"/>
        <v>23.086360390262911</v>
      </c>
      <c r="L223" s="237">
        <f t="shared" si="56"/>
        <v>5.5986530931366039</v>
      </c>
      <c r="M223" s="236">
        <f t="shared" si="52"/>
        <v>18.224676169848824</v>
      </c>
      <c r="N223" s="236">
        <f t="shared" si="53"/>
        <v>1.8621309670685149</v>
      </c>
      <c r="O223" s="236">
        <f t="shared" si="57"/>
        <v>2.6648291677253164</v>
      </c>
      <c r="P223" s="236" t="str">
        <f t="shared" si="58"/>
        <v>CLAY</v>
      </c>
      <c r="Q223" s="236">
        <f t="shared" si="54"/>
        <v>8.5028033008114221</v>
      </c>
      <c r="R223" s="238">
        <v>35</v>
      </c>
      <c r="S223" s="236">
        <f t="shared" si="59"/>
        <v>9.4137960243596712</v>
      </c>
      <c r="T223" s="236" t="e">
        <f t="shared" si="45"/>
        <v>#N/A</v>
      </c>
    </row>
    <row r="224" spans="1:20" x14ac:dyDescent="0.2">
      <c r="A224" s="53">
        <f t="shared" si="46"/>
        <v>212</v>
      </c>
      <c r="B224" s="239">
        <v>1.7669999999999999</v>
      </c>
      <c r="C224" s="3">
        <f t="shared" si="47"/>
        <v>1.76</v>
      </c>
      <c r="D224" s="239">
        <v>0.11700000000000001</v>
      </c>
      <c r="E224" s="239">
        <v>1.8E-3</v>
      </c>
      <c r="F224" s="239">
        <v>3.7499999999999999E-2</v>
      </c>
      <c r="G224">
        <f t="shared" si="48"/>
        <v>0.1245</v>
      </c>
      <c r="H224" s="235">
        <f t="shared" si="49"/>
        <v>1.4457831325301205</v>
      </c>
      <c r="I224" s="236">
        <f t="shared" si="50"/>
        <v>13.119331234449994</v>
      </c>
      <c r="J224" s="237">
        <f t="shared" si="55"/>
        <v>3.1193312344499944</v>
      </c>
      <c r="K224" s="237">
        <f t="shared" si="51"/>
        <v>23.090022972631989</v>
      </c>
      <c r="L224" s="237">
        <f t="shared" si="56"/>
        <v>5.51185829127314</v>
      </c>
      <c r="M224" s="236">
        <f t="shared" si="52"/>
        <v>18.398509480537488</v>
      </c>
      <c r="N224" s="236">
        <f t="shared" si="53"/>
        <v>1.7749732844473725</v>
      </c>
      <c r="O224" s="236">
        <f t="shared" si="57"/>
        <v>2.6498128626448518</v>
      </c>
      <c r="P224" s="236" t="str">
        <f t="shared" si="58"/>
        <v>CLAY</v>
      </c>
      <c r="Q224" s="236">
        <f t="shared" si="54"/>
        <v>8.4508314189473346</v>
      </c>
      <c r="R224" s="238">
        <v>35</v>
      </c>
      <c r="S224" s="236">
        <f t="shared" si="59"/>
        <v>9.5261696124443951</v>
      </c>
      <c r="T224" s="236" t="e">
        <f t="shared" si="45"/>
        <v>#N/A</v>
      </c>
    </row>
    <row r="225" spans="1:20" x14ac:dyDescent="0.2">
      <c r="A225" s="53">
        <f t="shared" si="46"/>
        <v>213</v>
      </c>
      <c r="B225" s="239">
        <v>1.776</v>
      </c>
      <c r="C225" s="3">
        <f t="shared" si="47"/>
        <v>1.7690000000000001</v>
      </c>
      <c r="D225" s="239">
        <v>0.114</v>
      </c>
      <c r="E225" s="239">
        <v>1.9E-3</v>
      </c>
      <c r="F225" s="239">
        <v>3.78E-2</v>
      </c>
      <c r="G225">
        <f t="shared" si="48"/>
        <v>0.12156</v>
      </c>
      <c r="H225" s="235">
        <f t="shared" si="49"/>
        <v>1.5630141493912471</v>
      </c>
      <c r="I225" s="236">
        <f t="shared" si="50"/>
        <v>13.17338939922224</v>
      </c>
      <c r="J225" s="237">
        <f t="shared" si="55"/>
        <v>3.1733893992222395</v>
      </c>
      <c r="K225" s="237">
        <f t="shared" si="51"/>
        <v>23.303725847224143</v>
      </c>
      <c r="L225" s="237">
        <f t="shared" si="56"/>
        <v>5.6359395730186979</v>
      </c>
      <c r="M225" s="236">
        <f t="shared" si="52"/>
        <v>17.433876442388513</v>
      </c>
      <c r="N225" s="236">
        <f t="shared" si="53"/>
        <v>1.9337187537212579</v>
      </c>
      <c r="O225" s="236">
        <f t="shared" si="57"/>
        <v>2.6899638783434221</v>
      </c>
      <c r="P225" s="236" t="str">
        <f t="shared" si="58"/>
        <v>CLAY</v>
      </c>
      <c r="Q225" s="236">
        <f t="shared" si="54"/>
        <v>8.1880228460646549</v>
      </c>
      <c r="R225" s="238">
        <v>35</v>
      </c>
      <c r="S225" s="236">
        <f t="shared" si="59"/>
        <v>8.9059953353175754</v>
      </c>
      <c r="T225" s="236" t="e">
        <f t="shared" si="45"/>
        <v>#N/A</v>
      </c>
    </row>
    <row r="226" spans="1:20" x14ac:dyDescent="0.2">
      <c r="A226" s="53">
        <f t="shared" si="46"/>
        <v>214</v>
      </c>
      <c r="B226" s="239">
        <v>1.7849999999999999</v>
      </c>
      <c r="C226" s="3">
        <f t="shared" si="47"/>
        <v>1.778</v>
      </c>
      <c r="D226" s="239">
        <v>0.11219999999999999</v>
      </c>
      <c r="E226" s="239">
        <v>1.9E-3</v>
      </c>
      <c r="F226" s="239">
        <v>3.9899999999999998E-2</v>
      </c>
      <c r="G226">
        <f t="shared" si="48"/>
        <v>0.12018</v>
      </c>
      <c r="H226" s="235">
        <f t="shared" si="49"/>
        <v>1.5809618904975871</v>
      </c>
      <c r="I226" s="236">
        <f t="shared" si="50"/>
        <v>13.168926756664623</v>
      </c>
      <c r="J226" s="237">
        <f t="shared" si="55"/>
        <v>3.1689267566646233</v>
      </c>
      <c r="K226" s="237">
        <f t="shared" si="51"/>
        <v>23.414351773349701</v>
      </c>
      <c r="L226" s="237">
        <f t="shared" si="56"/>
        <v>5.6565342606463522</v>
      </c>
      <c r="M226" s="236">
        <f t="shared" si="52"/>
        <v>17.10687918923578</v>
      </c>
      <c r="N226" s="236">
        <f t="shared" si="53"/>
        <v>1.9635067142315901</v>
      </c>
      <c r="O226" s="236">
        <f t="shared" si="57"/>
        <v>2.7004947578788467</v>
      </c>
      <c r="P226" s="236" t="str">
        <f t="shared" si="58"/>
        <v>CLAY</v>
      </c>
      <c r="Q226" s="236">
        <f t="shared" si="54"/>
        <v>8.0638040188875237</v>
      </c>
      <c r="R226" s="238">
        <v>35</v>
      </c>
      <c r="S226" s="236">
        <f t="shared" si="59"/>
        <v>8.6976813779044395</v>
      </c>
      <c r="T226" s="236" t="e">
        <f t="shared" si="45"/>
        <v>#N/A</v>
      </c>
    </row>
    <row r="227" spans="1:20" x14ac:dyDescent="0.2">
      <c r="A227" s="53">
        <f t="shared" si="46"/>
        <v>215</v>
      </c>
      <c r="B227" s="239">
        <v>1.794</v>
      </c>
      <c r="C227" s="3">
        <f t="shared" si="47"/>
        <v>1.7870000000000001</v>
      </c>
      <c r="D227" s="239">
        <v>0.1125</v>
      </c>
      <c r="E227" s="239">
        <v>1.6999999999999999E-3</v>
      </c>
      <c r="F227" s="239">
        <v>4.0099999999999997E-2</v>
      </c>
      <c r="G227">
        <f t="shared" si="48"/>
        <v>0.12052</v>
      </c>
      <c r="H227" s="235">
        <f t="shared" si="49"/>
        <v>1.4105542648523066</v>
      </c>
      <c r="I227" s="236">
        <f t="shared" si="50"/>
        <v>13.039608352805015</v>
      </c>
      <c r="J227" s="237">
        <f t="shared" si="55"/>
        <v>3.0396083528050148</v>
      </c>
      <c r="K227" s="237">
        <f t="shared" si="51"/>
        <v>23.301780126462564</v>
      </c>
      <c r="L227" s="237">
        <f t="shared" si="56"/>
        <v>5.4530573849321966</v>
      </c>
      <c r="M227" s="236">
        <f t="shared" si="52"/>
        <v>17.82820407175052</v>
      </c>
      <c r="N227" s="236">
        <f t="shared" si="53"/>
        <v>1.7486434150011998</v>
      </c>
      <c r="O227" s="236">
        <f t="shared" si="57"/>
        <v>2.6576264719329692</v>
      </c>
      <c r="P227" s="236" t="str">
        <f t="shared" si="58"/>
        <v>CLAY</v>
      </c>
      <c r="Q227" s="236">
        <f t="shared" si="54"/>
        <v>8.1015183227947869</v>
      </c>
      <c r="R227" s="238">
        <v>35</v>
      </c>
      <c r="S227" s="236">
        <f t="shared" si="59"/>
        <v>9.1585032623432046</v>
      </c>
      <c r="T227" s="236" t="e">
        <f t="shared" si="45"/>
        <v>#N/A</v>
      </c>
    </row>
    <row r="228" spans="1:20" x14ac:dyDescent="0.2">
      <c r="A228" s="53">
        <f t="shared" si="46"/>
        <v>216</v>
      </c>
      <c r="B228" s="239">
        <v>1.804</v>
      </c>
      <c r="C228" s="3">
        <f t="shared" si="47"/>
        <v>1.7970000000000002</v>
      </c>
      <c r="D228" s="239">
        <v>0.1123</v>
      </c>
      <c r="E228" s="239">
        <v>1.6999999999999999E-3</v>
      </c>
      <c r="F228" s="239">
        <v>0.04</v>
      </c>
      <c r="G228">
        <f t="shared" si="48"/>
        <v>0.12029999999999999</v>
      </c>
      <c r="H228" s="235">
        <f t="shared" si="49"/>
        <v>1.4131338320864506</v>
      </c>
      <c r="I228" s="236">
        <f t="shared" si="50"/>
        <v>13.038894206709685</v>
      </c>
      <c r="J228" s="237">
        <f t="shared" si="55"/>
        <v>3.0388942067096849</v>
      </c>
      <c r="K228" s="237">
        <f t="shared" si="51"/>
        <v>23.430892889457304</v>
      </c>
      <c r="L228" s="237">
        <f t="shared" si="56"/>
        <v>5.4821651489042713</v>
      </c>
      <c r="M228" s="236">
        <f t="shared" si="52"/>
        <v>17.66986299745167</v>
      </c>
      <c r="N228" s="236">
        <f t="shared" si="53"/>
        <v>1.7549454627057064</v>
      </c>
      <c r="O228" s="236">
        <f t="shared" si="57"/>
        <v>2.6617213018737909</v>
      </c>
      <c r="P228" s="236" t="str">
        <f t="shared" si="58"/>
        <v>CLAY</v>
      </c>
      <c r="Q228" s="236">
        <f t="shared" si="54"/>
        <v>8.0724255925452244</v>
      </c>
      <c r="R228" s="238">
        <v>35</v>
      </c>
      <c r="S228" s="236">
        <f t="shared" si="59"/>
        <v>9.0569399125864312</v>
      </c>
      <c r="T228" s="236" t="e">
        <f t="shared" si="45"/>
        <v>#N/A</v>
      </c>
    </row>
    <row r="229" spans="1:20" x14ac:dyDescent="0.2">
      <c r="A229" s="53">
        <f t="shared" si="46"/>
        <v>217</v>
      </c>
      <c r="B229" s="239">
        <v>1.8120000000000001</v>
      </c>
      <c r="C229" s="3">
        <f t="shared" si="47"/>
        <v>1.8050000000000002</v>
      </c>
      <c r="D229" s="239">
        <v>0.1132</v>
      </c>
      <c r="E229" s="239">
        <v>1.6999999999999999E-3</v>
      </c>
      <c r="F229" s="239">
        <v>3.8199999999999998E-2</v>
      </c>
      <c r="G229">
        <f t="shared" si="48"/>
        <v>0.12083999999999999</v>
      </c>
      <c r="H229" s="235">
        <f t="shared" si="49"/>
        <v>1.4068189341277724</v>
      </c>
      <c r="I229" s="236">
        <f t="shared" si="50"/>
        <v>13.040644787044943</v>
      </c>
      <c r="J229" s="237">
        <f t="shared" si="55"/>
        <v>3.0406447870449433</v>
      </c>
      <c r="K229" s="237">
        <f t="shared" si="51"/>
        <v>23.538363840616125</v>
      </c>
      <c r="L229" s="237">
        <f t="shared" si="56"/>
        <v>5.5096483541254377</v>
      </c>
      <c r="M229" s="236">
        <f t="shared" si="52"/>
        <v>17.660226189667384</v>
      </c>
      <c r="N229" s="236">
        <f t="shared" si="53"/>
        <v>1.7471443103128643</v>
      </c>
      <c r="O229" s="236">
        <f t="shared" si="57"/>
        <v>2.6608553279637257</v>
      </c>
      <c r="P229" s="236" t="str">
        <f t="shared" si="58"/>
        <v>CLAY</v>
      </c>
      <c r="Q229" s="236">
        <f t="shared" si="54"/>
        <v>8.1084696799486551</v>
      </c>
      <c r="R229" s="238">
        <v>35</v>
      </c>
      <c r="S229" s="236">
        <f t="shared" si="59"/>
        <v>9.0507659797334679</v>
      </c>
      <c r="T229" s="236" t="e">
        <f t="shared" si="45"/>
        <v>#N/A</v>
      </c>
    </row>
    <row r="230" spans="1:20" x14ac:dyDescent="0.2">
      <c r="A230" s="53">
        <f t="shared" si="46"/>
        <v>218</v>
      </c>
      <c r="B230" s="239">
        <v>1.821</v>
      </c>
      <c r="C230" s="3">
        <f t="shared" si="47"/>
        <v>1.8140000000000001</v>
      </c>
      <c r="D230" s="239">
        <v>0.11310000000000001</v>
      </c>
      <c r="E230" s="239">
        <v>1.6999999999999999E-3</v>
      </c>
      <c r="F230" s="239">
        <v>3.7699999999999997E-2</v>
      </c>
      <c r="G230">
        <f t="shared" si="48"/>
        <v>0.12064</v>
      </c>
      <c r="H230" s="235">
        <f t="shared" si="49"/>
        <v>1.4091511936339522</v>
      </c>
      <c r="I230" s="236">
        <f t="shared" si="50"/>
        <v>13.039997337776956</v>
      </c>
      <c r="J230" s="237">
        <f t="shared" si="55"/>
        <v>3.0399973377769562</v>
      </c>
      <c r="K230" s="237">
        <f t="shared" si="51"/>
        <v>23.654555170727399</v>
      </c>
      <c r="L230" s="237">
        <f t="shared" si="56"/>
        <v>5.5358351520918374</v>
      </c>
      <c r="M230" s="236">
        <f t="shared" si="52"/>
        <v>17.51956880302415</v>
      </c>
      <c r="N230" s="236">
        <f t="shared" si="53"/>
        <v>1.7528403390762177</v>
      </c>
      <c r="O230" s="236">
        <f t="shared" si="57"/>
        <v>2.6645336715926851</v>
      </c>
      <c r="P230" s="236" t="str">
        <f t="shared" si="58"/>
        <v>CLAY</v>
      </c>
      <c r="Q230" s="236">
        <f t="shared" si="54"/>
        <v>8.0821204024393847</v>
      </c>
      <c r="R230" s="238">
        <v>35</v>
      </c>
      <c r="S230" s="236">
        <f t="shared" si="59"/>
        <v>8.9607482250684605</v>
      </c>
      <c r="T230" s="236" t="e">
        <f t="shared" si="45"/>
        <v>#N/A</v>
      </c>
    </row>
    <row r="231" spans="1:20" x14ac:dyDescent="0.2">
      <c r="A231" s="53">
        <f t="shared" si="46"/>
        <v>219</v>
      </c>
      <c r="B231" s="239">
        <v>1.83</v>
      </c>
      <c r="C231" s="3">
        <f t="shared" si="47"/>
        <v>1.8230000000000002</v>
      </c>
      <c r="D231" s="239">
        <v>0.1152</v>
      </c>
      <c r="E231" s="239">
        <v>1.5E-3</v>
      </c>
      <c r="F231" s="239">
        <v>3.85E-2</v>
      </c>
      <c r="G231">
        <f t="shared" si="48"/>
        <v>0.1229</v>
      </c>
      <c r="H231" s="235">
        <f t="shared" si="49"/>
        <v>1.2205044751830758</v>
      </c>
      <c r="I231" s="236">
        <f t="shared" si="50"/>
        <v>12.900486148430634</v>
      </c>
      <c r="J231" s="237">
        <f t="shared" si="55"/>
        <v>2.9004861484306339</v>
      </c>
      <c r="K231" s="237">
        <f t="shared" si="51"/>
        <v>23.517586248589048</v>
      </c>
      <c r="L231" s="237">
        <f t="shared" si="56"/>
        <v>5.3078896516280603</v>
      </c>
      <c r="M231" s="236">
        <f t="shared" si="52"/>
        <v>18.723526726093095</v>
      </c>
      <c r="N231" s="236">
        <f t="shared" si="53"/>
        <v>1.5093213611736254</v>
      </c>
      <c r="O231" s="236">
        <f t="shared" si="57"/>
        <v>2.6050125365101633</v>
      </c>
      <c r="P231" s="236" t="str">
        <f t="shared" si="58"/>
        <v>CLAY</v>
      </c>
      <c r="Q231" s="236">
        <f t="shared" si="54"/>
        <v>8.2818678126175787</v>
      </c>
      <c r="R231" s="238">
        <v>35</v>
      </c>
      <c r="S231" s="236">
        <f t="shared" si="59"/>
        <v>9.7369867126590002</v>
      </c>
      <c r="T231" s="236" t="e">
        <f t="shared" si="45"/>
        <v>#N/A</v>
      </c>
    </row>
    <row r="232" spans="1:20" x14ac:dyDescent="0.2">
      <c r="A232" s="53">
        <f t="shared" si="46"/>
        <v>220</v>
      </c>
      <c r="B232" s="239">
        <v>1.839</v>
      </c>
      <c r="C232" s="3">
        <f t="shared" si="47"/>
        <v>1.8320000000000001</v>
      </c>
      <c r="D232" s="239">
        <v>0.1164</v>
      </c>
      <c r="E232" s="239">
        <v>1.6000000000000001E-3</v>
      </c>
      <c r="F232" s="239">
        <v>4.1399999999999999E-2</v>
      </c>
      <c r="G232">
        <f t="shared" si="48"/>
        <v>0.12468</v>
      </c>
      <c r="H232" s="235">
        <f t="shared" si="49"/>
        <v>1.2832852101379533</v>
      </c>
      <c r="I232" s="236">
        <f t="shared" si="50"/>
        <v>12.981784121797805</v>
      </c>
      <c r="J232" s="237">
        <f t="shared" si="55"/>
        <v>2.9817841217978049</v>
      </c>
      <c r="K232" s="237">
        <f t="shared" si="51"/>
        <v>23.782628511133581</v>
      </c>
      <c r="L232" s="237">
        <f t="shared" si="56"/>
        <v>5.4835009999861635</v>
      </c>
      <c r="M232" s="236">
        <f t="shared" si="52"/>
        <v>18.400173810330482</v>
      </c>
      <c r="N232" s="236">
        <f t="shared" si="53"/>
        <v>1.5857697543454372</v>
      </c>
      <c r="O232" s="236">
        <f t="shared" si="57"/>
        <v>2.622954892495144</v>
      </c>
      <c r="P232" s="236" t="str">
        <f t="shared" si="58"/>
        <v>CLAY</v>
      </c>
      <c r="Q232" s="236">
        <f t="shared" si="54"/>
        <v>8.4081142907388671</v>
      </c>
      <c r="R232" s="238">
        <v>35</v>
      </c>
      <c r="S232" s="236">
        <f t="shared" si="59"/>
        <v>9.5272467966579324</v>
      </c>
      <c r="T232" s="236" t="e">
        <f t="shared" si="45"/>
        <v>#N/A</v>
      </c>
    </row>
    <row r="233" spans="1:20" x14ac:dyDescent="0.2">
      <c r="A233" s="53">
        <f t="shared" si="46"/>
        <v>221</v>
      </c>
      <c r="B233" s="239">
        <v>1.849</v>
      </c>
      <c r="C233" s="3">
        <f t="shared" si="47"/>
        <v>1.8420000000000001</v>
      </c>
      <c r="D233" s="239">
        <v>0.1221</v>
      </c>
      <c r="E233" s="239">
        <v>1.6000000000000001E-3</v>
      </c>
      <c r="F233" s="239">
        <v>4.1000000000000002E-2</v>
      </c>
      <c r="G233">
        <f t="shared" si="48"/>
        <v>0.1303</v>
      </c>
      <c r="H233" s="235">
        <f t="shared" si="49"/>
        <v>1.2279355333844972</v>
      </c>
      <c r="I233" s="236">
        <f t="shared" si="50"/>
        <v>12.999016981694812</v>
      </c>
      <c r="J233" s="237">
        <f t="shared" si="55"/>
        <v>2.9990169816948118</v>
      </c>
      <c r="K233" s="237">
        <f t="shared" si="51"/>
        <v>23.944189280281844</v>
      </c>
      <c r="L233" s="237">
        <f t="shared" si="56"/>
        <v>5.545182399153707</v>
      </c>
      <c r="M233" s="236">
        <f t="shared" si="52"/>
        <v>19.179857949478802</v>
      </c>
      <c r="N233" s="236">
        <f t="shared" si="53"/>
        <v>1.5043841884826732</v>
      </c>
      <c r="O233" s="236">
        <f t="shared" si="57"/>
        <v>2.5954299853222342</v>
      </c>
      <c r="P233" s="236" t="str">
        <f t="shared" si="58"/>
        <v>SAND</v>
      </c>
      <c r="Q233" s="236" t="e">
        <f t="shared" si="54"/>
        <v>#N/A</v>
      </c>
      <c r="R233" s="238">
        <v>35</v>
      </c>
      <c r="S233" s="236" t="e">
        <f t="shared" si="59"/>
        <v>#N/A</v>
      </c>
      <c r="T233" s="236">
        <f t="shared" si="45"/>
        <v>31.711299249958699</v>
      </c>
    </row>
    <row r="234" spans="1:20" x14ac:dyDescent="0.2">
      <c r="A234" s="53">
        <f t="shared" si="46"/>
        <v>222</v>
      </c>
      <c r="B234" s="239">
        <v>1.857</v>
      </c>
      <c r="C234" s="3">
        <f t="shared" si="47"/>
        <v>1.85</v>
      </c>
      <c r="D234" s="239">
        <v>0.1278</v>
      </c>
      <c r="E234" s="239">
        <v>1.5E-3</v>
      </c>
      <c r="F234" s="239">
        <v>4.0500000000000001E-2</v>
      </c>
      <c r="G234">
        <f t="shared" si="48"/>
        <v>0.13589999999999999</v>
      </c>
      <c r="H234" s="235">
        <f t="shared" si="49"/>
        <v>1.1037527593818985</v>
      </c>
      <c r="I234" s="236">
        <f t="shared" si="50"/>
        <v>12.93978696489207</v>
      </c>
      <c r="J234" s="237">
        <f t="shared" si="55"/>
        <v>2.93978696489207</v>
      </c>
      <c r="K234" s="237">
        <f t="shared" si="51"/>
        <v>23.938605885050329</v>
      </c>
      <c r="L234" s="237">
        <f t="shared" si="56"/>
        <v>5.4591843938045743</v>
      </c>
      <c r="M234" s="236">
        <f t="shared" si="52"/>
        <v>20.508813412129935</v>
      </c>
      <c r="N234" s="236">
        <f t="shared" si="53"/>
        <v>1.3397475190957024</v>
      </c>
      <c r="O234" s="236">
        <f t="shared" si="57"/>
        <v>2.5439519488301725</v>
      </c>
      <c r="P234" s="236" t="str">
        <f t="shared" si="58"/>
        <v>SAND</v>
      </c>
      <c r="Q234" s="236" t="e">
        <f t="shared" si="54"/>
        <v>#N/A</v>
      </c>
      <c r="R234" s="238">
        <v>35</v>
      </c>
      <c r="S234" s="236" t="e">
        <f t="shared" si="59"/>
        <v>#N/A</v>
      </c>
      <c r="T234" s="236">
        <f t="shared" si="45"/>
        <v>32.031345873111533</v>
      </c>
    </row>
    <row r="235" spans="1:20" x14ac:dyDescent="0.2">
      <c r="A235" s="53">
        <f t="shared" si="46"/>
        <v>223</v>
      </c>
      <c r="B235" s="239">
        <v>1.867</v>
      </c>
      <c r="C235" s="3">
        <f t="shared" si="47"/>
        <v>1.86</v>
      </c>
      <c r="D235" s="239">
        <v>0.13009999999999999</v>
      </c>
      <c r="E235" s="239">
        <v>1.6000000000000001E-3</v>
      </c>
      <c r="F235" s="239">
        <v>4.3099999999999999E-2</v>
      </c>
      <c r="G235">
        <f t="shared" si="48"/>
        <v>0.13871999999999998</v>
      </c>
      <c r="H235" s="235">
        <f t="shared" si="49"/>
        <v>1.1534025374855827</v>
      </c>
      <c r="I235" s="236">
        <f t="shared" si="50"/>
        <v>13.023492179672404</v>
      </c>
      <c r="J235" s="237">
        <f t="shared" si="55"/>
        <v>3.0234921796724041</v>
      </c>
      <c r="K235" s="237">
        <f t="shared" si="51"/>
        <v>24.223695454190672</v>
      </c>
      <c r="L235" s="237">
        <f t="shared" si="56"/>
        <v>5.6448598994483783</v>
      </c>
      <c r="M235" s="236">
        <f t="shared" si="52"/>
        <v>20.283285428748727</v>
      </c>
      <c r="N235" s="236">
        <f t="shared" si="53"/>
        <v>1.397425014149561</v>
      </c>
      <c r="O235" s="236">
        <f t="shared" si="57"/>
        <v>2.5577514875953193</v>
      </c>
      <c r="P235" s="236" t="str">
        <f t="shared" si="58"/>
        <v>SAND</v>
      </c>
      <c r="Q235" s="236" t="e">
        <f t="shared" si="54"/>
        <v>#N/A</v>
      </c>
      <c r="R235" s="238">
        <v>35</v>
      </c>
      <c r="S235" s="236" t="e">
        <f t="shared" si="59"/>
        <v>#N/A</v>
      </c>
      <c r="T235" s="236">
        <f t="shared" si="45"/>
        <v>31.978521323552975</v>
      </c>
    </row>
    <row r="236" spans="1:20" x14ac:dyDescent="0.2">
      <c r="A236" s="53">
        <f t="shared" si="46"/>
        <v>224</v>
      </c>
      <c r="B236" s="239">
        <v>1.875</v>
      </c>
      <c r="C236" s="3">
        <f t="shared" si="47"/>
        <v>1.8680000000000001</v>
      </c>
      <c r="D236" s="239">
        <v>0.1321</v>
      </c>
      <c r="E236" s="239">
        <v>1.6999999999999999E-3</v>
      </c>
      <c r="F236" s="239">
        <v>4.6300000000000001E-2</v>
      </c>
      <c r="G236">
        <f t="shared" si="48"/>
        <v>0.14135999999999999</v>
      </c>
      <c r="H236" s="235">
        <f t="shared" si="49"/>
        <v>1.2026032823995474</v>
      </c>
      <c r="I236" s="236">
        <f t="shared" si="50"/>
        <v>13.101949024952663</v>
      </c>
      <c r="J236" s="237">
        <f t="shared" si="55"/>
        <v>3.1019490249526633</v>
      </c>
      <c r="K236" s="237">
        <f t="shared" si="51"/>
        <v>24.474440778611577</v>
      </c>
      <c r="L236" s="237">
        <f t="shared" si="56"/>
        <v>5.8161544217862442</v>
      </c>
      <c r="M236" s="236">
        <f t="shared" si="52"/>
        <v>20.096708365162488</v>
      </c>
      <c r="N236" s="236">
        <f t="shared" si="53"/>
        <v>1.4544140536472052</v>
      </c>
      <c r="O236" s="236">
        <f t="shared" si="57"/>
        <v>2.5704423443649755</v>
      </c>
      <c r="P236" s="236" t="str">
        <f t="shared" si="58"/>
        <v>SAND</v>
      </c>
      <c r="Q236" s="236" t="e">
        <f t="shared" si="54"/>
        <v>#N/A</v>
      </c>
      <c r="R236" s="238">
        <v>35</v>
      </c>
      <c r="S236" s="236" t="e">
        <f t="shared" si="59"/>
        <v>#N/A</v>
      </c>
      <c r="T236" s="236">
        <f t="shared" si="45"/>
        <v>31.934374232867633</v>
      </c>
    </row>
    <row r="237" spans="1:20" x14ac:dyDescent="0.2">
      <c r="A237" s="53">
        <f t="shared" si="46"/>
        <v>225</v>
      </c>
      <c r="B237" s="239">
        <v>1.885</v>
      </c>
      <c r="C237" s="3">
        <f t="shared" si="47"/>
        <v>1.8780000000000001</v>
      </c>
      <c r="D237" s="239">
        <v>0.13489999999999999</v>
      </c>
      <c r="E237" s="239">
        <v>1.6000000000000001E-3</v>
      </c>
      <c r="F237" s="239">
        <v>4.8000000000000001E-2</v>
      </c>
      <c r="G237">
        <f t="shared" si="48"/>
        <v>0.14449999999999999</v>
      </c>
      <c r="H237" s="235">
        <f t="shared" si="49"/>
        <v>1.1072664359861593</v>
      </c>
      <c r="I237" s="236">
        <f t="shared" si="50"/>
        <v>13.039448069936794</v>
      </c>
      <c r="J237" s="237">
        <f t="shared" si="55"/>
        <v>3.0394480699367943</v>
      </c>
      <c r="K237" s="237">
        <f t="shared" si="51"/>
        <v>24.488083475341302</v>
      </c>
      <c r="L237" s="237">
        <f t="shared" si="56"/>
        <v>5.7293596118308576</v>
      </c>
      <c r="M237" s="236">
        <f t="shared" si="52"/>
        <v>20.946829079612971</v>
      </c>
      <c r="N237" s="236">
        <f t="shared" si="53"/>
        <v>1.3332009406509644</v>
      </c>
      <c r="O237" s="236">
        <f t="shared" si="57"/>
        <v>2.5350417774586962</v>
      </c>
      <c r="P237" s="236" t="str">
        <f t="shared" si="58"/>
        <v>SAND</v>
      </c>
      <c r="Q237" s="236" t="e">
        <f t="shared" si="54"/>
        <v>#N/A</v>
      </c>
      <c r="R237" s="238">
        <v>35</v>
      </c>
      <c r="S237" s="236" t="e">
        <f t="shared" si="59"/>
        <v>#N/A</v>
      </c>
      <c r="T237" s="236">
        <f t="shared" si="45"/>
        <v>32.13230117898884</v>
      </c>
    </row>
    <row r="238" spans="1:20" x14ac:dyDescent="0.2">
      <c r="A238" s="53">
        <f t="shared" si="46"/>
        <v>226</v>
      </c>
      <c r="B238" s="239">
        <v>1.8939999999999999</v>
      </c>
      <c r="C238" s="3">
        <f t="shared" si="47"/>
        <v>1.887</v>
      </c>
      <c r="D238" s="239">
        <v>0.13739999999999999</v>
      </c>
      <c r="E238" s="239">
        <v>1.6000000000000001E-3</v>
      </c>
      <c r="F238" s="239">
        <v>4.8899999999999999E-2</v>
      </c>
      <c r="G238">
        <f t="shared" si="48"/>
        <v>0.14717999999999998</v>
      </c>
      <c r="H238" s="235">
        <f t="shared" si="49"/>
        <v>1.0871042261176793</v>
      </c>
      <c r="I238" s="236">
        <f t="shared" si="50"/>
        <v>13.046630926284511</v>
      </c>
      <c r="J238" s="237">
        <f t="shared" si="55"/>
        <v>3.0466309262845108</v>
      </c>
      <c r="K238" s="237">
        <f t="shared" si="51"/>
        <v>24.618992557898871</v>
      </c>
      <c r="L238" s="237">
        <f t="shared" si="56"/>
        <v>5.7703189743828629</v>
      </c>
      <c r="M238" s="236">
        <f t="shared" si="52"/>
        <v>21.239901639095962</v>
      </c>
      <c r="N238" s="236">
        <f t="shared" si="53"/>
        <v>1.3054722977500444</v>
      </c>
      <c r="O238" s="236">
        <f t="shared" si="57"/>
        <v>2.5250882451575509</v>
      </c>
      <c r="P238" s="236" t="str">
        <f t="shared" si="58"/>
        <v>SAND</v>
      </c>
      <c r="Q238" s="236" t="e">
        <f t="shared" si="54"/>
        <v>#N/A</v>
      </c>
      <c r="R238" s="238">
        <v>35</v>
      </c>
      <c r="S238" s="236" t="e">
        <f t="shared" si="59"/>
        <v>#N/A</v>
      </c>
      <c r="T238" s="236">
        <f t="shared" si="45"/>
        <v>32.198677513402785</v>
      </c>
    </row>
    <row r="239" spans="1:20" x14ac:dyDescent="0.2">
      <c r="A239" s="53">
        <f t="shared" si="46"/>
        <v>227</v>
      </c>
      <c r="B239" s="239">
        <v>1.9019999999999999</v>
      </c>
      <c r="C239" s="3">
        <f t="shared" si="47"/>
        <v>1.895</v>
      </c>
      <c r="D239" s="239">
        <v>0.13880000000000001</v>
      </c>
      <c r="E239" s="239">
        <v>1.6000000000000001E-3</v>
      </c>
      <c r="F239" s="239">
        <v>5.0099999999999999E-2</v>
      </c>
      <c r="G239">
        <f t="shared" si="48"/>
        <v>0.14882000000000001</v>
      </c>
      <c r="H239" s="235">
        <f t="shared" si="49"/>
        <v>1.0751243112484881</v>
      </c>
      <c r="I239" s="236">
        <f t="shared" si="50"/>
        <v>13.050962177734863</v>
      </c>
      <c r="J239" s="237">
        <f t="shared" si="55"/>
        <v>3.0509621777348634</v>
      </c>
      <c r="K239" s="237">
        <f t="shared" si="51"/>
        <v>24.731573326807567</v>
      </c>
      <c r="L239" s="237">
        <f t="shared" si="56"/>
        <v>5.8029300620517104</v>
      </c>
      <c r="M239" s="236">
        <f t="shared" si="52"/>
        <v>21.383753611760607</v>
      </c>
      <c r="N239" s="236">
        <f t="shared" si="53"/>
        <v>1.2894030836686057</v>
      </c>
      <c r="O239" s="236">
        <f t="shared" si="57"/>
        <v>2.5197569012670575</v>
      </c>
      <c r="P239" s="236" t="str">
        <f t="shared" si="58"/>
        <v>SAND</v>
      </c>
      <c r="Q239" s="236" t="e">
        <f t="shared" si="54"/>
        <v>#N/A</v>
      </c>
      <c r="R239" s="238">
        <v>35</v>
      </c>
      <c r="S239" s="236" t="e">
        <f t="shared" si="59"/>
        <v>#N/A</v>
      </c>
      <c r="T239" s="236">
        <f t="shared" si="45"/>
        <v>32.230923359164748</v>
      </c>
    </row>
    <row r="240" spans="1:20" x14ac:dyDescent="0.2">
      <c r="A240" s="53">
        <f t="shared" si="46"/>
        <v>228</v>
      </c>
      <c r="B240" s="239">
        <v>1.9119999999999999</v>
      </c>
      <c r="C240" s="3">
        <f t="shared" si="47"/>
        <v>1.905</v>
      </c>
      <c r="D240" s="239">
        <v>0.1409</v>
      </c>
      <c r="E240" s="239">
        <v>1.5E-3</v>
      </c>
      <c r="F240" s="239">
        <v>5.0099999999999999E-2</v>
      </c>
      <c r="G240">
        <f t="shared" si="48"/>
        <v>0.15092</v>
      </c>
      <c r="H240" s="235">
        <f t="shared" si="49"/>
        <v>0.99390405512854496</v>
      </c>
      <c r="I240" s="236">
        <f t="shared" si="50"/>
        <v>12.980761570708887</v>
      </c>
      <c r="J240" s="237">
        <f t="shared" si="55"/>
        <v>2.9807615707088875</v>
      </c>
      <c r="K240" s="237">
        <f t="shared" si="51"/>
        <v>24.72835079220043</v>
      </c>
      <c r="L240" s="237">
        <f t="shared" si="56"/>
        <v>5.6992161231953924</v>
      </c>
      <c r="M240" s="236">
        <f t="shared" si="52"/>
        <v>22.141930833998167</v>
      </c>
      <c r="N240" s="236">
        <f t="shared" si="53"/>
        <v>1.1886681958882657</v>
      </c>
      <c r="O240" s="236">
        <f t="shared" si="57"/>
        <v>2.4883511173877717</v>
      </c>
      <c r="P240" s="236" t="str">
        <f t="shared" si="58"/>
        <v>SAND</v>
      </c>
      <c r="Q240" s="236" t="e">
        <f t="shared" si="54"/>
        <v>#N/A</v>
      </c>
      <c r="R240" s="238">
        <v>35</v>
      </c>
      <c r="S240" s="236" t="e">
        <f t="shared" si="59"/>
        <v>#N/A</v>
      </c>
      <c r="T240" s="236">
        <f t="shared" si="45"/>
        <v>32.397370387835466</v>
      </c>
    </row>
    <row r="241" spans="1:20" x14ac:dyDescent="0.2">
      <c r="A241" s="53">
        <f t="shared" si="46"/>
        <v>229</v>
      </c>
      <c r="B241" s="239">
        <v>1.92</v>
      </c>
      <c r="C241" s="3">
        <f t="shared" si="47"/>
        <v>1.913</v>
      </c>
      <c r="D241" s="239">
        <v>0.14050000000000001</v>
      </c>
      <c r="E241" s="239">
        <v>1.4E-3</v>
      </c>
      <c r="F241" s="239">
        <v>4.6199999999999998E-2</v>
      </c>
      <c r="G241">
        <f t="shared" si="48"/>
        <v>0.14974000000000001</v>
      </c>
      <c r="H241" s="235">
        <f t="shared" si="49"/>
        <v>0.9349539201282222</v>
      </c>
      <c r="I241" s="236">
        <f t="shared" si="50"/>
        <v>12.896792796626549</v>
      </c>
      <c r="J241" s="237">
        <f t="shared" si="55"/>
        <v>2.8967927966265492</v>
      </c>
      <c r="K241" s="237">
        <f t="shared" si="51"/>
        <v>24.67156461994659</v>
      </c>
      <c r="L241" s="237">
        <f t="shared" si="56"/>
        <v>5.5618421695229738</v>
      </c>
      <c r="M241" s="236">
        <f t="shared" si="52"/>
        <v>22.486872436867486</v>
      </c>
      <c r="N241" s="236">
        <f t="shared" si="53"/>
        <v>1.1193871545172296</v>
      </c>
      <c r="O241" s="236">
        <f t="shared" si="57"/>
        <v>2.4691163545835031</v>
      </c>
      <c r="P241" s="236" t="str">
        <f t="shared" si="58"/>
        <v>SAND</v>
      </c>
      <c r="Q241" s="236" t="e">
        <f t="shared" si="54"/>
        <v>#N/A</v>
      </c>
      <c r="R241" s="238">
        <v>35</v>
      </c>
      <c r="S241" s="236" t="e">
        <f t="shared" si="59"/>
        <v>#N/A</v>
      </c>
      <c r="T241" s="236">
        <f t="shared" si="45"/>
        <v>32.471219618662587</v>
      </c>
    </row>
    <row r="242" spans="1:20" x14ac:dyDescent="0.2">
      <c r="A242" s="53">
        <f t="shared" si="46"/>
        <v>230</v>
      </c>
      <c r="B242" s="239">
        <v>1.929</v>
      </c>
      <c r="C242" s="3">
        <f t="shared" si="47"/>
        <v>1.9220000000000002</v>
      </c>
      <c r="D242" s="239">
        <v>0.14019999999999999</v>
      </c>
      <c r="E242" s="239">
        <v>1.4E-3</v>
      </c>
      <c r="F242" s="239">
        <v>4.58E-2</v>
      </c>
      <c r="G242">
        <f t="shared" si="48"/>
        <v>0.14935999999999999</v>
      </c>
      <c r="H242" s="235">
        <f t="shared" si="49"/>
        <v>0.93733261917514732</v>
      </c>
      <c r="I242" s="236">
        <f t="shared" si="50"/>
        <v>12.895799625160649</v>
      </c>
      <c r="J242" s="237">
        <f t="shared" si="55"/>
        <v>2.8957996251606488</v>
      </c>
      <c r="K242" s="237">
        <f t="shared" si="51"/>
        <v>24.785726879558769</v>
      </c>
      <c r="L242" s="237">
        <f t="shared" si="56"/>
        <v>5.5859974769348915</v>
      </c>
      <c r="M242" s="236">
        <f t="shared" si="52"/>
        <v>22.301168884307611</v>
      </c>
      <c r="N242" s="236">
        <f t="shared" si="53"/>
        <v>1.1238275487639797</v>
      </c>
      <c r="O242" s="236">
        <f t="shared" si="57"/>
        <v>2.4730894285055185</v>
      </c>
      <c r="P242" s="236" t="str">
        <f t="shared" si="58"/>
        <v>SAND</v>
      </c>
      <c r="Q242" s="236" t="e">
        <f t="shared" si="54"/>
        <v>#N/A</v>
      </c>
      <c r="R242" s="238">
        <v>35</v>
      </c>
      <c r="S242" s="236" t="e">
        <f t="shared" si="59"/>
        <v>#N/A</v>
      </c>
      <c r="T242" s="236">
        <f t="shared" si="45"/>
        <v>32.43160389235085</v>
      </c>
    </row>
    <row r="243" spans="1:20" x14ac:dyDescent="0.2">
      <c r="A243" s="53">
        <f t="shared" si="46"/>
        <v>231</v>
      </c>
      <c r="B243" s="239">
        <v>1.9379999999999999</v>
      </c>
      <c r="C243" s="3">
        <f t="shared" si="47"/>
        <v>1.931</v>
      </c>
      <c r="D243" s="239">
        <v>0.14099999999999999</v>
      </c>
      <c r="E243" s="239">
        <v>1.2999999999999999E-3</v>
      </c>
      <c r="F243" s="239">
        <v>4.7800000000000002E-2</v>
      </c>
      <c r="G243">
        <f t="shared" si="48"/>
        <v>0.15055999999999997</v>
      </c>
      <c r="H243" s="235">
        <f t="shared" si="49"/>
        <v>0.86344314558979818</v>
      </c>
      <c r="I243" s="236">
        <f t="shared" si="50"/>
        <v>12.812028751085808</v>
      </c>
      <c r="J243" s="237">
        <f t="shared" si="55"/>
        <v>2.8120287510858084</v>
      </c>
      <c r="K243" s="237">
        <f t="shared" si="51"/>
        <v>24.740027518346697</v>
      </c>
      <c r="L243" s="237">
        <f t="shared" si="56"/>
        <v>5.4497117196042968</v>
      </c>
      <c r="M243" s="236">
        <f t="shared" si="52"/>
        <v>23.087454704996592</v>
      </c>
      <c r="N243" s="236">
        <f t="shared" si="53"/>
        <v>1.0332222892431187</v>
      </c>
      <c r="O243" s="236">
        <f t="shared" si="57"/>
        <v>2.4415361338358186</v>
      </c>
      <c r="P243" s="236" t="str">
        <f t="shared" si="58"/>
        <v>SAND</v>
      </c>
      <c r="Q243" s="236" t="e">
        <f t="shared" si="54"/>
        <v>#N/A</v>
      </c>
      <c r="R243" s="238">
        <v>35</v>
      </c>
      <c r="S243" s="236" t="e">
        <f t="shared" si="59"/>
        <v>#N/A</v>
      </c>
      <c r="T243" s="236">
        <f t="shared" si="45"/>
        <v>32.597136620531373</v>
      </c>
    </row>
    <row r="244" spans="1:20" x14ac:dyDescent="0.2">
      <c r="A244" s="53">
        <f t="shared" si="46"/>
        <v>232</v>
      </c>
      <c r="B244" s="239">
        <v>1.948</v>
      </c>
      <c r="C244" s="3">
        <f t="shared" si="47"/>
        <v>1.9410000000000001</v>
      </c>
      <c r="D244" s="239">
        <v>0.14369999999999999</v>
      </c>
      <c r="E244" s="239">
        <v>1.4E-3</v>
      </c>
      <c r="F244" s="239">
        <v>4.8399999999999999E-2</v>
      </c>
      <c r="G244">
        <f t="shared" si="48"/>
        <v>0.15337999999999999</v>
      </c>
      <c r="H244" s="235">
        <f t="shared" si="49"/>
        <v>0.91276568001043179</v>
      </c>
      <c r="I244" s="236">
        <f t="shared" si="50"/>
        <v>12.906180610803981</v>
      </c>
      <c r="J244" s="237">
        <f t="shared" si="55"/>
        <v>2.9061806108039807</v>
      </c>
      <c r="K244" s="237">
        <f t="shared" si="51"/>
        <v>25.050896565570529</v>
      </c>
      <c r="L244" s="237">
        <f t="shared" si="56"/>
        <v>5.6612398298461546</v>
      </c>
      <c r="M244" s="236">
        <f t="shared" si="52"/>
        <v>22.668021015092172</v>
      </c>
      <c r="N244" s="236">
        <f t="shared" si="53"/>
        <v>1.0909450487319414</v>
      </c>
      <c r="O244" s="236">
        <f t="shared" si="57"/>
        <v>2.4603950270208128</v>
      </c>
      <c r="P244" s="236" t="str">
        <f t="shared" si="58"/>
        <v>SAND</v>
      </c>
      <c r="Q244" s="236" t="e">
        <f t="shared" si="54"/>
        <v>#N/A</v>
      </c>
      <c r="R244" s="238">
        <v>35</v>
      </c>
      <c r="S244" s="236" t="e">
        <f t="shared" si="59"/>
        <v>#N/A</v>
      </c>
      <c r="T244" s="236">
        <f t="shared" si="45"/>
        <v>32.509549672554009</v>
      </c>
    </row>
    <row r="245" spans="1:20" x14ac:dyDescent="0.2">
      <c r="A245" s="53">
        <f t="shared" si="46"/>
        <v>233</v>
      </c>
      <c r="B245" s="239">
        <v>1.956</v>
      </c>
      <c r="C245" s="3">
        <f t="shared" si="47"/>
        <v>1.9490000000000001</v>
      </c>
      <c r="D245" s="239">
        <v>0.14749999999999999</v>
      </c>
      <c r="E245" s="239">
        <v>1.4E-3</v>
      </c>
      <c r="F245" s="239">
        <v>4.6800000000000001E-2</v>
      </c>
      <c r="G245">
        <f t="shared" si="48"/>
        <v>0.15686</v>
      </c>
      <c r="H245" s="235">
        <f t="shared" si="49"/>
        <v>0.89251561902333287</v>
      </c>
      <c r="I245" s="236">
        <f t="shared" si="50"/>
        <v>12.914949740320393</v>
      </c>
      <c r="J245" s="237">
        <f t="shared" si="55"/>
        <v>2.9149497403203934</v>
      </c>
      <c r="K245" s="237">
        <f t="shared" si="51"/>
        <v>25.171237043884446</v>
      </c>
      <c r="L245" s="237">
        <f t="shared" si="56"/>
        <v>5.7016416920666897</v>
      </c>
      <c r="M245" s="236">
        <f t="shared" si="52"/>
        <v>23.096639541440911</v>
      </c>
      <c r="N245" s="236">
        <f t="shared" si="53"/>
        <v>1.0631127277477281</v>
      </c>
      <c r="O245" s="236">
        <f t="shared" si="57"/>
        <v>2.4476716829588545</v>
      </c>
      <c r="P245" s="236" t="str">
        <f t="shared" si="58"/>
        <v>SAND</v>
      </c>
      <c r="Q245" s="236" t="e">
        <f t="shared" si="54"/>
        <v>#N/A</v>
      </c>
      <c r="R245" s="238">
        <v>35</v>
      </c>
      <c r="S245" s="236" t="e">
        <f t="shared" si="59"/>
        <v>#N/A</v>
      </c>
      <c r="T245" s="236">
        <f t="shared" si="45"/>
        <v>32.599036762254578</v>
      </c>
    </row>
    <row r="246" spans="1:20" x14ac:dyDescent="0.2">
      <c r="A246" s="53">
        <f t="shared" si="46"/>
        <v>234</v>
      </c>
      <c r="B246" s="239">
        <v>1.966</v>
      </c>
      <c r="C246" s="3">
        <f t="shared" si="47"/>
        <v>1.9590000000000001</v>
      </c>
      <c r="D246" s="239">
        <v>0.151</v>
      </c>
      <c r="E246" s="239">
        <v>1.4E-3</v>
      </c>
      <c r="F246" s="239">
        <v>4.9599999999999998E-2</v>
      </c>
      <c r="G246">
        <f t="shared" si="48"/>
        <v>0.16092000000000001</v>
      </c>
      <c r="H246" s="235">
        <f t="shared" si="49"/>
        <v>0.86999751429281624</v>
      </c>
      <c r="I246" s="236">
        <f t="shared" si="50"/>
        <v>12.92493777222303</v>
      </c>
      <c r="J246" s="237">
        <f t="shared" si="55"/>
        <v>2.9249377722230303</v>
      </c>
      <c r="K246" s="237">
        <f t="shared" si="51"/>
        <v>25.319953095784918</v>
      </c>
      <c r="L246" s="237">
        <f t="shared" si="56"/>
        <v>5.7504276601904776</v>
      </c>
      <c r="M246" s="236">
        <f t="shared" si="52"/>
        <v>23.580863010060625</v>
      </c>
      <c r="N246" s="236">
        <f t="shared" si="53"/>
        <v>1.0324480204560174</v>
      </c>
      <c r="O246" s="236">
        <f t="shared" si="57"/>
        <v>2.4334515726898736</v>
      </c>
      <c r="P246" s="236" t="str">
        <f t="shared" si="58"/>
        <v>SAND</v>
      </c>
      <c r="Q246" s="236" t="e">
        <f t="shared" si="54"/>
        <v>#N/A</v>
      </c>
      <c r="R246" s="238">
        <v>35</v>
      </c>
      <c r="S246" s="236" t="e">
        <f t="shared" si="59"/>
        <v>#N/A</v>
      </c>
      <c r="T246" s="236">
        <f t="shared" si="45"/>
        <v>32.698156648474239</v>
      </c>
    </row>
    <row r="247" spans="1:20" x14ac:dyDescent="0.2">
      <c r="A247" s="53">
        <f t="shared" si="46"/>
        <v>235</v>
      </c>
      <c r="B247" s="239">
        <v>1.974</v>
      </c>
      <c r="C247" s="3">
        <f t="shared" si="47"/>
        <v>1.9670000000000001</v>
      </c>
      <c r="D247" s="239">
        <v>0.15559999999999999</v>
      </c>
      <c r="E247" s="239">
        <v>1.4E-3</v>
      </c>
      <c r="F247" s="239">
        <v>4.9200000000000001E-2</v>
      </c>
      <c r="G247">
        <f t="shared" si="48"/>
        <v>0.16543999999999998</v>
      </c>
      <c r="H247" s="235">
        <f t="shared" si="49"/>
        <v>0.8462282398452613</v>
      </c>
      <c r="I247" s="236">
        <f t="shared" si="50"/>
        <v>12.935765219986193</v>
      </c>
      <c r="J247" s="237">
        <f t="shared" si="55"/>
        <v>2.9357652199861928</v>
      </c>
      <c r="K247" s="237">
        <f t="shared" si="51"/>
        <v>25.444650187712842</v>
      </c>
      <c r="L247" s="237">
        <f t="shared" si="56"/>
        <v>5.7952005442527446</v>
      </c>
      <c r="M247" s="236">
        <f t="shared" si="52"/>
        <v>24.15711910973025</v>
      </c>
      <c r="N247" s="236">
        <f t="shared" si="53"/>
        <v>1.0000332167298349</v>
      </c>
      <c r="O247" s="236">
        <f t="shared" si="57"/>
        <v>2.417398557049161</v>
      </c>
      <c r="P247" s="236" t="str">
        <f t="shared" si="58"/>
        <v>SAND</v>
      </c>
      <c r="Q247" s="236" t="e">
        <f t="shared" si="54"/>
        <v>#N/A</v>
      </c>
      <c r="R247" s="238">
        <v>35</v>
      </c>
      <c r="S247" s="236" t="e">
        <f t="shared" si="59"/>
        <v>#N/A</v>
      </c>
      <c r="T247" s="236">
        <f t="shared" si="45"/>
        <v>32.81349654720367</v>
      </c>
    </row>
    <row r="248" spans="1:20" x14ac:dyDescent="0.2">
      <c r="A248" s="53">
        <f t="shared" si="46"/>
        <v>236</v>
      </c>
      <c r="B248" s="239">
        <v>1.984</v>
      </c>
      <c r="C248" s="3">
        <f t="shared" si="47"/>
        <v>1.9770000000000001</v>
      </c>
      <c r="D248" s="239">
        <v>0.1598</v>
      </c>
      <c r="E248" s="239">
        <v>1.4E-3</v>
      </c>
      <c r="F248" s="239">
        <v>0.05</v>
      </c>
      <c r="G248">
        <f t="shared" si="48"/>
        <v>0.16980000000000001</v>
      </c>
      <c r="H248" s="235">
        <f t="shared" si="49"/>
        <v>0.82449941107184921</v>
      </c>
      <c r="I248" s="236">
        <f t="shared" si="50"/>
        <v>12.945932668030871</v>
      </c>
      <c r="J248" s="237">
        <f t="shared" si="55"/>
        <v>2.9459326680308706</v>
      </c>
      <c r="K248" s="237">
        <f t="shared" si="51"/>
        <v>25.594108884697032</v>
      </c>
      <c r="L248" s="237">
        <f t="shared" si="56"/>
        <v>5.8447304133732469</v>
      </c>
      <c r="M248" s="236">
        <f t="shared" si="52"/>
        <v>24.672804546356403</v>
      </c>
      <c r="N248" s="236">
        <f t="shared" si="53"/>
        <v>0.97083412416251369</v>
      </c>
      <c r="O248" s="236">
        <f t="shared" si="57"/>
        <v>2.4029929289098662</v>
      </c>
      <c r="P248" s="236" t="str">
        <f t="shared" si="58"/>
        <v>SAND</v>
      </c>
      <c r="Q248" s="236" t="e">
        <f t="shared" si="54"/>
        <v>#N/A</v>
      </c>
      <c r="R248" s="238">
        <v>35</v>
      </c>
      <c r="S248" s="236" t="e">
        <f t="shared" si="59"/>
        <v>#N/A</v>
      </c>
      <c r="T248" s="236">
        <f t="shared" si="45"/>
        <v>32.91440370184857</v>
      </c>
    </row>
    <row r="249" spans="1:20" x14ac:dyDescent="0.2">
      <c r="A249" s="53">
        <f t="shared" si="46"/>
        <v>237</v>
      </c>
      <c r="B249" s="239">
        <v>1.9930000000000001</v>
      </c>
      <c r="C249" s="3">
        <f t="shared" si="47"/>
        <v>1.9860000000000002</v>
      </c>
      <c r="D249" s="239">
        <v>0.16439999999999999</v>
      </c>
      <c r="E249" s="239">
        <v>1.5E-3</v>
      </c>
      <c r="F249" s="239">
        <v>5.0500000000000003E-2</v>
      </c>
      <c r="G249">
        <f t="shared" si="48"/>
        <v>0.17449999999999999</v>
      </c>
      <c r="H249" s="235">
        <f t="shared" si="49"/>
        <v>0.8595988538681949</v>
      </c>
      <c r="I249" s="236">
        <f t="shared" si="50"/>
        <v>13.037505341998505</v>
      </c>
      <c r="J249" s="237">
        <f t="shared" si="55"/>
        <v>3.0375053419985054</v>
      </c>
      <c r="K249" s="237">
        <f t="shared" si="51"/>
        <v>25.892485609209036</v>
      </c>
      <c r="L249" s="237">
        <f t="shared" si="56"/>
        <v>6.0537481466030219</v>
      </c>
      <c r="M249" s="236">
        <f t="shared" si="52"/>
        <v>24.548017326122171</v>
      </c>
      <c r="N249" s="236">
        <f t="shared" si="53"/>
        <v>1.0093702234030189</v>
      </c>
      <c r="O249" s="236">
        <f t="shared" si="57"/>
        <v>2.4134272907050724</v>
      </c>
      <c r="P249" s="236" t="str">
        <f t="shared" si="58"/>
        <v>SAND</v>
      </c>
      <c r="Q249" s="236" t="e">
        <f t="shared" si="54"/>
        <v>#N/A</v>
      </c>
      <c r="R249" s="238">
        <v>35</v>
      </c>
      <c r="S249" s="236" t="e">
        <f t="shared" si="59"/>
        <v>#N/A</v>
      </c>
      <c r="T249" s="236">
        <f t="shared" si="45"/>
        <v>32.890180632533124</v>
      </c>
    </row>
    <row r="250" spans="1:20" x14ac:dyDescent="0.2">
      <c r="A250" s="53">
        <f t="shared" si="46"/>
        <v>238</v>
      </c>
      <c r="B250" s="239">
        <v>2.004</v>
      </c>
      <c r="C250" s="3">
        <f t="shared" si="47"/>
        <v>1.9970000000000001</v>
      </c>
      <c r="D250" s="239">
        <v>0.17480000000000001</v>
      </c>
      <c r="E250" s="239">
        <v>1.5E-3</v>
      </c>
      <c r="F250" s="239">
        <v>5.1999999999999998E-2</v>
      </c>
      <c r="G250">
        <f t="shared" si="48"/>
        <v>0.1852</v>
      </c>
      <c r="H250" s="235">
        <f t="shared" si="49"/>
        <v>0.80993520518358542</v>
      </c>
      <c r="I250" s="236">
        <f t="shared" si="50"/>
        <v>13.06076633794415</v>
      </c>
      <c r="J250" s="237">
        <f t="shared" si="55"/>
        <v>3.0607663379441501</v>
      </c>
      <c r="K250" s="237">
        <f t="shared" si="51"/>
        <v>26.082350376874469</v>
      </c>
      <c r="L250" s="237">
        <f t="shared" si="56"/>
        <v>6.1337757412400764</v>
      </c>
      <c r="M250" s="236">
        <f t="shared" si="52"/>
        <v>25.941223862050823</v>
      </c>
      <c r="N250" s="236">
        <f t="shared" si="53"/>
        <v>0.94269869090750813</v>
      </c>
      <c r="O250" s="236">
        <f t="shared" si="57"/>
        <v>2.3777514286024184</v>
      </c>
      <c r="P250" s="236" t="str">
        <f t="shared" si="58"/>
        <v>SAND</v>
      </c>
      <c r="Q250" s="236" t="e">
        <f t="shared" si="54"/>
        <v>#N/A</v>
      </c>
      <c r="R250" s="238">
        <v>35</v>
      </c>
      <c r="S250" s="236" t="e">
        <f t="shared" si="59"/>
        <v>#N/A</v>
      </c>
      <c r="T250" s="236">
        <f t="shared" si="45"/>
        <v>33.153895076428668</v>
      </c>
    </row>
    <row r="251" spans="1:20" x14ac:dyDescent="0.2">
      <c r="A251" s="53">
        <f t="shared" si="46"/>
        <v>239</v>
      </c>
      <c r="B251" s="239">
        <v>2.0129999999999999</v>
      </c>
      <c r="C251" s="3">
        <f t="shared" si="47"/>
        <v>2.0059999999999998</v>
      </c>
      <c r="D251" s="239">
        <v>0.1842</v>
      </c>
      <c r="E251" s="239">
        <v>1.5E-3</v>
      </c>
      <c r="F251" s="239">
        <v>5.0799999999999998E-2</v>
      </c>
      <c r="G251">
        <f t="shared" si="48"/>
        <v>0.19436</v>
      </c>
      <c r="H251" s="235">
        <f t="shared" si="49"/>
        <v>0.77176373739452564</v>
      </c>
      <c r="I251" s="236">
        <f t="shared" si="50"/>
        <v>13.079635655184699</v>
      </c>
      <c r="J251" s="237">
        <f t="shared" si="55"/>
        <v>3.0796356551846991</v>
      </c>
      <c r="K251" s="237">
        <f t="shared" si="51"/>
        <v>26.237749124300503</v>
      </c>
      <c r="L251" s="237">
        <f t="shared" si="56"/>
        <v>6.1993065738867985</v>
      </c>
      <c r="M251" s="236">
        <f t="shared" si="52"/>
        <v>27.119525203653765</v>
      </c>
      <c r="N251" s="236">
        <f t="shared" si="53"/>
        <v>0.89220789763814112</v>
      </c>
      <c r="O251" s="236">
        <f t="shared" si="57"/>
        <v>2.349087202151134</v>
      </c>
      <c r="P251" s="236" t="str">
        <f t="shared" si="58"/>
        <v>SAND</v>
      </c>
      <c r="Q251" s="236" t="e">
        <f t="shared" si="54"/>
        <v>#N/A</v>
      </c>
      <c r="R251" s="238">
        <v>35</v>
      </c>
      <c r="S251" s="236" t="e">
        <f t="shared" si="59"/>
        <v>#N/A</v>
      </c>
      <c r="T251" s="236">
        <f t="shared" si="45"/>
        <v>33.366102900138628</v>
      </c>
    </row>
    <row r="252" spans="1:20" x14ac:dyDescent="0.2">
      <c r="A252" s="53">
        <f t="shared" si="46"/>
        <v>240</v>
      </c>
      <c r="B252" s="239">
        <v>2.0230000000000001</v>
      </c>
      <c r="C252" s="3">
        <f t="shared" si="47"/>
        <v>2.016</v>
      </c>
      <c r="D252" s="239">
        <v>0.18659999999999999</v>
      </c>
      <c r="E252" s="239">
        <v>1.5E-3</v>
      </c>
      <c r="F252" s="239">
        <v>4.4999999999999998E-2</v>
      </c>
      <c r="G252">
        <f t="shared" si="48"/>
        <v>0.1956</v>
      </c>
      <c r="H252" s="235">
        <f t="shared" si="49"/>
        <v>0.76687116564417179</v>
      </c>
      <c r="I252" s="236">
        <f t="shared" si="50"/>
        <v>13.08212141923925</v>
      </c>
      <c r="J252" s="237">
        <f t="shared" si="55"/>
        <v>3.0821214192392503</v>
      </c>
      <c r="K252" s="237">
        <f t="shared" si="51"/>
        <v>26.373556781186331</v>
      </c>
      <c r="L252" s="237">
        <f t="shared" si="56"/>
        <v>6.2351316311210034</v>
      </c>
      <c r="M252" s="236">
        <f t="shared" si="52"/>
        <v>27.140797216559925</v>
      </c>
      <c r="N252" s="236">
        <f t="shared" si="53"/>
        <v>0.88638629487737075</v>
      </c>
      <c r="O252" s="236">
        <f t="shared" si="57"/>
        <v>2.3473765058785241</v>
      </c>
      <c r="P252" s="236" t="str">
        <f t="shared" si="58"/>
        <v>SAND</v>
      </c>
      <c r="Q252" s="236" t="e">
        <f t="shared" si="54"/>
        <v>#N/A</v>
      </c>
      <c r="R252" s="238">
        <v>35</v>
      </c>
      <c r="S252" s="236" t="e">
        <f t="shared" si="59"/>
        <v>#N/A</v>
      </c>
      <c r="T252" s="236">
        <f t="shared" si="45"/>
        <v>33.369848602218482</v>
      </c>
    </row>
    <row r="253" spans="1:20" x14ac:dyDescent="0.2">
      <c r="A253" s="53">
        <f t="shared" si="46"/>
        <v>241</v>
      </c>
      <c r="B253" s="239">
        <v>2.0329999999999999</v>
      </c>
      <c r="C253" s="3">
        <f t="shared" si="47"/>
        <v>2.0259999999999998</v>
      </c>
      <c r="D253" s="239">
        <v>0.19159999999999999</v>
      </c>
      <c r="E253" s="239">
        <v>1.2999999999999999E-3</v>
      </c>
      <c r="F253" s="239">
        <v>3.8399999999999997E-2</v>
      </c>
      <c r="G253">
        <f t="shared" si="48"/>
        <v>0.19927999999999998</v>
      </c>
      <c r="H253" s="235">
        <f t="shared" si="49"/>
        <v>0.65234845443596945</v>
      </c>
      <c r="I253" s="236">
        <f t="shared" si="50"/>
        <v>12.921607448686551</v>
      </c>
      <c r="J253" s="237">
        <f t="shared" si="55"/>
        <v>2.9216074486865509</v>
      </c>
      <c r="K253" s="237">
        <f t="shared" si="51"/>
        <v>26.179176691038951</v>
      </c>
      <c r="L253" s="237">
        <f t="shared" si="56"/>
        <v>5.9396279431797581</v>
      </c>
      <c r="M253" s="236">
        <f t="shared" si="52"/>
        <v>29.14337816524786</v>
      </c>
      <c r="N253" s="236">
        <f t="shared" si="53"/>
        <v>0.75100740432625201</v>
      </c>
      <c r="O253" s="236">
        <f t="shared" si="57"/>
        <v>2.2852366398240829</v>
      </c>
      <c r="P253" s="236" t="str">
        <f t="shared" si="58"/>
        <v>SAND</v>
      </c>
      <c r="Q253" s="236" t="e">
        <f t="shared" si="54"/>
        <v>#N/A</v>
      </c>
      <c r="R253" s="238">
        <v>35</v>
      </c>
      <c r="S253" s="236" t="e">
        <f t="shared" si="59"/>
        <v>#N/A</v>
      </c>
      <c r="T253" s="236">
        <f t="shared" si="45"/>
        <v>33.709938809296418</v>
      </c>
    </row>
    <row r="254" spans="1:20" x14ac:dyDescent="0.2">
      <c r="A254" s="53">
        <f t="shared" si="46"/>
        <v>242</v>
      </c>
      <c r="B254" s="239">
        <v>2.0419999999999998</v>
      </c>
      <c r="C254" s="3">
        <f t="shared" si="47"/>
        <v>2.0349999999999997</v>
      </c>
      <c r="D254" s="239">
        <v>0.19270000000000001</v>
      </c>
      <c r="E254" s="239">
        <v>1.5E-3</v>
      </c>
      <c r="F254" s="239">
        <v>3.8800000000000001E-2</v>
      </c>
      <c r="G254">
        <f t="shared" si="48"/>
        <v>0.20046</v>
      </c>
      <c r="H254" s="235">
        <f t="shared" si="49"/>
        <v>0.74827895839568992</v>
      </c>
      <c r="I254" s="236">
        <f t="shared" si="50"/>
        <v>13.091714407252423</v>
      </c>
      <c r="J254" s="237">
        <f t="shared" si="55"/>
        <v>3.0917144072524234</v>
      </c>
      <c r="K254" s="237">
        <f t="shared" si="51"/>
        <v>26.641638818758679</v>
      </c>
      <c r="L254" s="237">
        <f t="shared" si="56"/>
        <v>6.3132808196094476</v>
      </c>
      <c r="M254" s="236">
        <f t="shared" si="52"/>
        <v>27.532176398893988</v>
      </c>
      <c r="N254" s="236">
        <f t="shared" si="53"/>
        <v>0.86296982079812723</v>
      </c>
      <c r="O254" s="236">
        <f t="shared" si="57"/>
        <v>2.3362091655393109</v>
      </c>
      <c r="P254" s="236" t="str">
        <f t="shared" si="58"/>
        <v>SAND</v>
      </c>
      <c r="Q254" s="236" t="e">
        <f t="shared" si="54"/>
        <v>#N/A</v>
      </c>
      <c r="R254" s="238">
        <v>35</v>
      </c>
      <c r="S254" s="236" t="e">
        <f t="shared" si="59"/>
        <v>#N/A</v>
      </c>
      <c r="T254" s="236">
        <f t="shared" si="45"/>
        <v>33.438245977610514</v>
      </c>
    </row>
    <row r="255" spans="1:20" x14ac:dyDescent="0.2">
      <c r="A255" s="53">
        <f t="shared" si="46"/>
        <v>243</v>
      </c>
      <c r="B255" s="239">
        <v>2.0529999999999999</v>
      </c>
      <c r="C255" s="3">
        <f t="shared" si="47"/>
        <v>2.0459999999999998</v>
      </c>
      <c r="D255" s="239">
        <v>0.19239999999999999</v>
      </c>
      <c r="E255" s="239">
        <v>1.5E-3</v>
      </c>
      <c r="F255" s="239">
        <v>3.5400000000000001E-2</v>
      </c>
      <c r="G255">
        <f t="shared" si="48"/>
        <v>0.19947999999999999</v>
      </c>
      <c r="H255" s="235">
        <f t="shared" si="49"/>
        <v>0.75195508321636262</v>
      </c>
      <c r="I255" s="236">
        <f t="shared" si="50"/>
        <v>13.089798877424519</v>
      </c>
      <c r="J255" s="237">
        <f t="shared" si="55"/>
        <v>3.0897988774245189</v>
      </c>
      <c r="K255" s="237">
        <f t="shared" si="51"/>
        <v>26.781728503210562</v>
      </c>
      <c r="L255" s="237">
        <f t="shared" si="56"/>
        <v>6.3433570953525367</v>
      </c>
      <c r="M255" s="236">
        <f t="shared" si="52"/>
        <v>27.225059050091456</v>
      </c>
      <c r="N255" s="236">
        <f t="shared" si="53"/>
        <v>0.86856688662797987</v>
      </c>
      <c r="O255" s="236">
        <f t="shared" si="57"/>
        <v>2.3418319486524437</v>
      </c>
      <c r="P255" s="236" t="str">
        <f t="shared" si="58"/>
        <v>SAND</v>
      </c>
      <c r="Q255" s="236" t="e">
        <f t="shared" si="54"/>
        <v>#N/A</v>
      </c>
      <c r="R255" s="238">
        <v>35</v>
      </c>
      <c r="S255" s="236" t="e">
        <f t="shared" si="59"/>
        <v>#N/A</v>
      </c>
      <c r="T255" s="236">
        <f t="shared" si="45"/>
        <v>33.384657134362939</v>
      </c>
    </row>
    <row r="256" spans="1:20" x14ac:dyDescent="0.2">
      <c r="A256" s="53">
        <f t="shared" si="46"/>
        <v>244</v>
      </c>
      <c r="B256" s="239">
        <v>2.0630000000000002</v>
      </c>
      <c r="C256" s="3">
        <f t="shared" si="47"/>
        <v>2.056</v>
      </c>
      <c r="D256" s="239">
        <v>0.1925</v>
      </c>
      <c r="E256" s="239">
        <v>1.5E-3</v>
      </c>
      <c r="F256" s="239">
        <v>2.07E-2</v>
      </c>
      <c r="G256">
        <f t="shared" si="48"/>
        <v>0.19664000000000001</v>
      </c>
      <c r="H256" s="235">
        <f t="shared" si="49"/>
        <v>0.7628152969894223</v>
      </c>
      <c r="I256" s="236">
        <f t="shared" si="50"/>
        <v>13.084194132820969</v>
      </c>
      <c r="J256" s="237">
        <f t="shared" si="55"/>
        <v>3.0841941328209685</v>
      </c>
      <c r="K256" s="237">
        <f t="shared" si="51"/>
        <v>26.901103137079911</v>
      </c>
      <c r="L256" s="237">
        <f t="shared" si="56"/>
        <v>6.3626924960096582</v>
      </c>
      <c r="M256" s="236">
        <f t="shared" si="52"/>
        <v>26.677212040244175</v>
      </c>
      <c r="N256" s="236">
        <f t="shared" si="53"/>
        <v>0.88371023243504943</v>
      </c>
      <c r="O256" s="236">
        <f t="shared" si="57"/>
        <v>2.3532192084078196</v>
      </c>
      <c r="P256" s="236" t="str">
        <f t="shared" si="58"/>
        <v>SAND</v>
      </c>
      <c r="Q256" s="236" t="e">
        <f t="shared" si="54"/>
        <v>#N/A</v>
      </c>
      <c r="R256" s="238">
        <v>35</v>
      </c>
      <c r="S256" s="236" t="e">
        <f t="shared" si="59"/>
        <v>#N/A</v>
      </c>
      <c r="T256" s="236">
        <f t="shared" si="45"/>
        <v>33.28754484804783</v>
      </c>
    </row>
    <row r="257" spans="1:20" x14ac:dyDescent="0.2">
      <c r="A257" s="53">
        <f t="shared" si="46"/>
        <v>245</v>
      </c>
      <c r="B257" s="239">
        <v>2.073</v>
      </c>
      <c r="C257" s="3">
        <f t="shared" si="47"/>
        <v>2.0659999999999998</v>
      </c>
      <c r="D257" s="239">
        <v>0.19040000000000001</v>
      </c>
      <c r="E257" s="239">
        <v>1.5E-3</v>
      </c>
      <c r="F257" s="239">
        <v>1.8200000000000001E-2</v>
      </c>
      <c r="G257">
        <f t="shared" si="48"/>
        <v>0.19404000000000002</v>
      </c>
      <c r="H257" s="235">
        <f t="shared" si="49"/>
        <v>0.77303648732220154</v>
      </c>
      <c r="I257" s="236">
        <f t="shared" si="50"/>
        <v>13.07899159319145</v>
      </c>
      <c r="J257" s="237">
        <f t="shared" si="55"/>
        <v>3.07899159319145</v>
      </c>
      <c r="K257" s="237">
        <f t="shared" si="51"/>
        <v>27.021196631533535</v>
      </c>
      <c r="L257" s="237">
        <f t="shared" si="56"/>
        <v>6.3827495726858761</v>
      </c>
      <c r="M257" s="236">
        <f t="shared" si="52"/>
        <v>26.167218604847218</v>
      </c>
      <c r="N257" s="236">
        <f t="shared" si="53"/>
        <v>0.89810247094801265</v>
      </c>
      <c r="O257" s="236">
        <f t="shared" si="57"/>
        <v>2.3639781447929593</v>
      </c>
      <c r="P257" s="236" t="str">
        <f t="shared" si="58"/>
        <v>SAND</v>
      </c>
      <c r="Q257" s="236" t="e">
        <f t="shared" si="54"/>
        <v>#N/A</v>
      </c>
      <c r="R257" s="238">
        <v>35</v>
      </c>
      <c r="S257" s="236" t="e">
        <f t="shared" si="59"/>
        <v>#N/A</v>
      </c>
      <c r="T257" s="236">
        <f t="shared" si="45"/>
        <v>33.195333188381859</v>
      </c>
    </row>
    <row r="258" spans="1:20" x14ac:dyDescent="0.2">
      <c r="A258" s="53">
        <f t="shared" si="46"/>
        <v>246</v>
      </c>
      <c r="B258" s="239">
        <v>2.0830000000000002</v>
      </c>
      <c r="C258" s="3">
        <f t="shared" si="47"/>
        <v>2.0760000000000001</v>
      </c>
      <c r="D258" s="239">
        <v>0.183</v>
      </c>
      <c r="E258" s="239">
        <v>1.8E-3</v>
      </c>
      <c r="F258" s="239">
        <v>1.7399999999999999E-2</v>
      </c>
      <c r="G258">
        <f t="shared" si="48"/>
        <v>0.18648000000000001</v>
      </c>
      <c r="H258" s="235">
        <f t="shared" si="49"/>
        <v>0.96525096525096521</v>
      </c>
      <c r="I258" s="236">
        <f t="shared" si="50"/>
        <v>13.277247852622683</v>
      </c>
      <c r="J258" s="237">
        <f t="shared" si="55"/>
        <v>3.2772478526226827</v>
      </c>
      <c r="K258" s="237">
        <f t="shared" si="51"/>
        <v>27.56356654204469</v>
      </c>
      <c r="L258" s="237">
        <f t="shared" si="56"/>
        <v>6.8265072770130484</v>
      </c>
      <c r="M258" s="236">
        <f t="shared" si="52"/>
        <v>23.279317960016812</v>
      </c>
      <c r="N258" s="236">
        <f t="shared" si="53"/>
        <v>1.1326707759749892</v>
      </c>
      <c r="O258" s="236">
        <f t="shared" si="57"/>
        <v>2.4588766433099845</v>
      </c>
      <c r="P258" s="236" t="str">
        <f t="shared" si="58"/>
        <v>SAND</v>
      </c>
      <c r="Q258" s="236" t="e">
        <f t="shared" si="54"/>
        <v>#N/A</v>
      </c>
      <c r="R258" s="238">
        <v>35</v>
      </c>
      <c r="S258" s="236" t="e">
        <f t="shared" si="59"/>
        <v>#N/A</v>
      </c>
      <c r="T258" s="236">
        <f t="shared" si="45"/>
        <v>32.636672773731334</v>
      </c>
    </row>
    <row r="259" spans="1:20" x14ac:dyDescent="0.2">
      <c r="A259" s="53">
        <f t="shared" si="46"/>
        <v>247</v>
      </c>
      <c r="B259" s="239">
        <v>2.0920000000000001</v>
      </c>
      <c r="C259" s="3">
        <f t="shared" si="47"/>
        <v>2.085</v>
      </c>
      <c r="D259" s="239">
        <v>0.17780000000000001</v>
      </c>
      <c r="E259" s="239">
        <v>1.8E-3</v>
      </c>
      <c r="F259" s="239">
        <v>1.67E-2</v>
      </c>
      <c r="G259">
        <f t="shared" si="48"/>
        <v>0.18114000000000002</v>
      </c>
      <c r="H259" s="235">
        <f t="shared" si="49"/>
        <v>0.99370652533951631</v>
      </c>
      <c r="I259" s="236">
        <f t="shared" si="50"/>
        <v>13.265891745227481</v>
      </c>
      <c r="J259" s="237">
        <f t="shared" si="55"/>
        <v>3.2658917452274814</v>
      </c>
      <c r="K259" s="237">
        <f t="shared" si="51"/>
        <v>27.659384288799298</v>
      </c>
      <c r="L259" s="237">
        <f t="shared" si="56"/>
        <v>6.8322455310158912</v>
      </c>
      <c r="M259" s="236">
        <f t="shared" si="52"/>
        <v>22.464153990727496</v>
      </c>
      <c r="N259" s="236">
        <f t="shared" si="53"/>
        <v>1.1727865383254645</v>
      </c>
      <c r="O259" s="236">
        <f t="shared" si="57"/>
        <v>2.4799536069465891</v>
      </c>
      <c r="P259" s="236" t="str">
        <f t="shared" si="58"/>
        <v>SAND</v>
      </c>
      <c r="Q259" s="236" t="e">
        <f t="shared" si="54"/>
        <v>#N/A</v>
      </c>
      <c r="R259" s="238">
        <v>35</v>
      </c>
      <c r="S259" s="236" t="e">
        <f t="shared" si="59"/>
        <v>#N/A</v>
      </c>
      <c r="T259" s="236">
        <f t="shared" si="45"/>
        <v>32.466390742811583</v>
      </c>
    </row>
    <row r="260" spans="1:20" x14ac:dyDescent="0.2">
      <c r="A260" s="53">
        <f t="shared" si="46"/>
        <v>248</v>
      </c>
      <c r="B260" s="239">
        <v>2.1030000000000002</v>
      </c>
      <c r="C260" s="3">
        <f t="shared" si="47"/>
        <v>2.0960000000000001</v>
      </c>
      <c r="D260" s="239">
        <v>0.17419999999999999</v>
      </c>
      <c r="E260" s="239">
        <v>1.8E-3</v>
      </c>
      <c r="F260" s="239">
        <v>2.0400000000000001E-2</v>
      </c>
      <c r="G260">
        <f t="shared" si="48"/>
        <v>0.17827999999999999</v>
      </c>
      <c r="H260" s="235">
        <f t="shared" si="49"/>
        <v>1.0096477451200359</v>
      </c>
      <c r="I260" s="236">
        <f t="shared" si="50"/>
        <v>13.259671181034138</v>
      </c>
      <c r="J260" s="237">
        <f t="shared" si="55"/>
        <v>3.2596711810341379</v>
      </c>
      <c r="K260" s="237">
        <f t="shared" si="51"/>
        <v>27.792270795447553</v>
      </c>
      <c r="L260" s="237">
        <f t="shared" si="56"/>
        <v>6.8550884937147929</v>
      </c>
      <c r="M260" s="236">
        <f t="shared" si="52"/>
        <v>21.952704088726168</v>
      </c>
      <c r="N260" s="236">
        <f t="shared" si="53"/>
        <v>1.1961108121668353</v>
      </c>
      <c r="O260" s="236">
        <f t="shared" si="57"/>
        <v>2.4929448215520336</v>
      </c>
      <c r="P260" s="236" t="str">
        <f t="shared" si="58"/>
        <v>SAND</v>
      </c>
      <c r="Q260" s="236" t="e">
        <f t="shared" si="54"/>
        <v>#N/A</v>
      </c>
      <c r="R260" s="238">
        <v>35</v>
      </c>
      <c r="S260" s="236" t="e">
        <f t="shared" si="59"/>
        <v>#N/A</v>
      </c>
      <c r="T260" s="236">
        <f t="shared" si="45"/>
        <v>32.356368257069889</v>
      </c>
    </row>
    <row r="261" spans="1:20" x14ac:dyDescent="0.2">
      <c r="A261" s="53">
        <f t="shared" si="46"/>
        <v>249</v>
      </c>
      <c r="B261" s="239">
        <v>2.1120000000000001</v>
      </c>
      <c r="C261" s="3">
        <f t="shared" si="47"/>
        <v>2.105</v>
      </c>
      <c r="D261" s="239">
        <v>0.1686</v>
      </c>
      <c r="E261" s="239">
        <v>2E-3</v>
      </c>
      <c r="F261" s="239">
        <v>2.46E-2</v>
      </c>
      <c r="G261">
        <f t="shared" si="48"/>
        <v>0.17352000000000001</v>
      </c>
      <c r="H261" s="235">
        <f t="shared" si="49"/>
        <v>1.152604887044721</v>
      </c>
      <c r="I261" s="236">
        <f t="shared" si="50"/>
        <v>13.372638627780759</v>
      </c>
      <c r="J261" s="237">
        <f t="shared" si="55"/>
        <v>3.3726386277807592</v>
      </c>
      <c r="K261" s="237">
        <f t="shared" si="51"/>
        <v>28.149404311478499</v>
      </c>
      <c r="L261" s="237">
        <f t="shared" si="56"/>
        <v>7.1230127818729638</v>
      </c>
      <c r="M261" s="236">
        <f t="shared" si="52"/>
        <v>20.408582736011457</v>
      </c>
      <c r="N261" s="236">
        <f t="shared" si="53"/>
        <v>1.3757940459192328</v>
      </c>
      <c r="O261" s="236">
        <f t="shared" si="57"/>
        <v>2.5518769462519555</v>
      </c>
      <c r="P261" s="236" t="str">
        <f t="shared" si="58"/>
        <v>SAND</v>
      </c>
      <c r="Q261" s="236" t="e">
        <f t="shared" si="54"/>
        <v>#N/A</v>
      </c>
      <c r="R261" s="238">
        <v>35</v>
      </c>
      <c r="S261" s="236" t="e">
        <f t="shared" si="59"/>
        <v>#N/A</v>
      </c>
      <c r="T261" s="236">
        <f t="shared" si="45"/>
        <v>32.007941310362263</v>
      </c>
    </row>
    <row r="262" spans="1:20" x14ac:dyDescent="0.2">
      <c r="A262" s="53">
        <f t="shared" si="46"/>
        <v>250</v>
      </c>
      <c r="B262" s="239">
        <v>2.1230000000000002</v>
      </c>
      <c r="C262" s="3">
        <f t="shared" si="47"/>
        <v>2.1160000000000001</v>
      </c>
      <c r="D262" s="239">
        <v>0.16750000000000001</v>
      </c>
      <c r="E262" s="239">
        <v>1.9E-3</v>
      </c>
      <c r="F262" s="239">
        <v>2.7900000000000001E-2</v>
      </c>
      <c r="G262">
        <f t="shared" si="48"/>
        <v>0.17308000000000001</v>
      </c>
      <c r="H262" s="235">
        <f t="shared" si="49"/>
        <v>1.0977582620753408</v>
      </c>
      <c r="I262" s="236">
        <f t="shared" si="50"/>
        <v>13.311499974829141</v>
      </c>
      <c r="J262" s="237">
        <f t="shared" si="55"/>
        <v>3.3114999748291414</v>
      </c>
      <c r="K262" s="237">
        <f t="shared" si="51"/>
        <v>28.167133946738463</v>
      </c>
      <c r="L262" s="237">
        <f t="shared" si="56"/>
        <v>7.0303144465622678</v>
      </c>
      <c r="M262" s="236">
        <f t="shared" si="52"/>
        <v>20.612572475207287</v>
      </c>
      <c r="N262" s="236">
        <f t="shared" si="53"/>
        <v>1.3111327184031196</v>
      </c>
      <c r="O262" s="236">
        <f t="shared" si="57"/>
        <v>2.5371370801581641</v>
      </c>
      <c r="P262" s="236" t="str">
        <f t="shared" si="58"/>
        <v>SAND</v>
      </c>
      <c r="Q262" s="236" t="e">
        <f t="shared" si="54"/>
        <v>#N/A</v>
      </c>
      <c r="R262" s="238">
        <v>35</v>
      </c>
      <c r="S262" s="236" t="e">
        <f t="shared" si="59"/>
        <v>#N/A</v>
      </c>
      <c r="T262" s="236">
        <f t="shared" si="45"/>
        <v>32.055454152306282</v>
      </c>
    </row>
    <row r="263" spans="1:20" x14ac:dyDescent="0.2">
      <c r="A263" s="53">
        <f t="shared" si="46"/>
        <v>251</v>
      </c>
      <c r="B263" s="239">
        <v>2.1320000000000001</v>
      </c>
      <c r="C263" s="3">
        <f t="shared" si="47"/>
        <v>2.125</v>
      </c>
      <c r="D263" s="239">
        <v>0.16439999999999999</v>
      </c>
      <c r="E263" s="239">
        <v>1.8E-3</v>
      </c>
      <c r="F263" s="239">
        <v>3.0099999999999998E-2</v>
      </c>
      <c r="G263">
        <f t="shared" si="48"/>
        <v>0.17041999999999999</v>
      </c>
      <c r="H263" s="235">
        <f t="shared" si="49"/>
        <v>1.0562140593827016</v>
      </c>
      <c r="I263" s="236">
        <f t="shared" si="50"/>
        <v>13.242047323034638</v>
      </c>
      <c r="J263" s="237">
        <f t="shared" si="55"/>
        <v>3.2420473230346385</v>
      </c>
      <c r="K263" s="237">
        <f t="shared" si="51"/>
        <v>28.139350561448605</v>
      </c>
      <c r="L263" s="237">
        <f t="shared" si="56"/>
        <v>6.9120448927098499</v>
      </c>
      <c r="M263" s="236">
        <f t="shared" si="52"/>
        <v>20.58445100502966</v>
      </c>
      <c r="N263" s="236">
        <f t="shared" si="53"/>
        <v>1.2651052740502071</v>
      </c>
      <c r="O263" s="236">
        <f t="shared" si="57"/>
        <v>2.5294943607425924</v>
      </c>
      <c r="P263" s="236" t="str">
        <f t="shared" si="58"/>
        <v>SAND</v>
      </c>
      <c r="Q263" s="236" t="e">
        <f t="shared" si="54"/>
        <v>#N/A</v>
      </c>
      <c r="R263" s="238">
        <v>35</v>
      </c>
      <c r="S263" s="236" t="e">
        <f t="shared" si="59"/>
        <v>#N/A</v>
      </c>
      <c r="T263" s="236">
        <f t="shared" si="45"/>
        <v>32.04893217561721</v>
      </c>
    </row>
    <row r="264" spans="1:20" x14ac:dyDescent="0.2">
      <c r="A264" s="53">
        <f t="shared" si="46"/>
        <v>252</v>
      </c>
      <c r="B264" s="239">
        <v>2.1429999999999998</v>
      </c>
      <c r="C264" s="3">
        <f t="shared" si="47"/>
        <v>2.1359999999999997</v>
      </c>
      <c r="D264" s="239">
        <v>0.15770000000000001</v>
      </c>
      <c r="E264" s="239">
        <v>1.8E-3</v>
      </c>
      <c r="F264" s="239">
        <v>3.27E-2</v>
      </c>
      <c r="G264">
        <f t="shared" si="48"/>
        <v>0.16424</v>
      </c>
      <c r="H264" s="235">
        <f t="shared" si="49"/>
        <v>1.0959571358986848</v>
      </c>
      <c r="I264" s="236">
        <f t="shared" si="50"/>
        <v>13.227609860887695</v>
      </c>
      <c r="J264" s="237">
        <f t="shared" si="55"/>
        <v>3.2276098608876946</v>
      </c>
      <c r="K264" s="237">
        <f t="shared" si="51"/>
        <v>28.254174662856112</v>
      </c>
      <c r="L264" s="237">
        <f t="shared" si="56"/>
        <v>6.9167679318823287</v>
      </c>
      <c r="M264" s="236">
        <f t="shared" si="52"/>
        <v>19.660313411749339</v>
      </c>
      <c r="N264" s="236">
        <f t="shared" si="53"/>
        <v>1.3236673716082807</v>
      </c>
      <c r="O264" s="236">
        <f t="shared" si="57"/>
        <v>2.5567810046503912</v>
      </c>
      <c r="P264" s="236" t="str">
        <f t="shared" si="58"/>
        <v>SAND</v>
      </c>
      <c r="Q264" s="236" t="e">
        <f t="shared" si="54"/>
        <v>#N/A</v>
      </c>
      <c r="R264" s="238">
        <v>35</v>
      </c>
      <c r="S264" s="236" t="e">
        <f t="shared" si="59"/>
        <v>#N/A</v>
      </c>
      <c r="T264" s="236">
        <f t="shared" si="45"/>
        <v>31.829494804662382</v>
      </c>
    </row>
    <row r="265" spans="1:20" x14ac:dyDescent="0.2">
      <c r="A265" s="53">
        <f t="shared" si="46"/>
        <v>253</v>
      </c>
      <c r="B265" s="239">
        <v>2.153</v>
      </c>
      <c r="C265" s="3">
        <f t="shared" si="47"/>
        <v>2.1459999999999999</v>
      </c>
      <c r="D265" s="239">
        <v>0.1535</v>
      </c>
      <c r="E265" s="239">
        <v>1.9E-3</v>
      </c>
      <c r="F265" s="239">
        <v>3.4799999999999998E-2</v>
      </c>
      <c r="G265">
        <f t="shared" si="48"/>
        <v>0.16045999999999999</v>
      </c>
      <c r="H265" s="235">
        <f t="shared" si="49"/>
        <v>1.1840957247912252</v>
      </c>
      <c r="I265" s="236">
        <f t="shared" si="50"/>
        <v>13.281907886034954</v>
      </c>
      <c r="J265" s="237">
        <f t="shared" si="55"/>
        <v>3.2819078860349542</v>
      </c>
      <c r="K265" s="237">
        <f t="shared" si="51"/>
        <v>28.502974323431012</v>
      </c>
      <c r="L265" s="237">
        <f t="shared" si="56"/>
        <v>7.0659476786332567</v>
      </c>
      <c r="M265" s="236">
        <f t="shared" si="52"/>
        <v>18.675064078891253</v>
      </c>
      <c r="N265" s="236">
        <f t="shared" si="53"/>
        <v>1.439862705496987</v>
      </c>
      <c r="O265" s="236">
        <f t="shared" si="57"/>
        <v>2.5950370629017225</v>
      </c>
      <c r="P265" s="236" t="str">
        <f t="shared" si="58"/>
        <v>SAND</v>
      </c>
      <c r="Q265" s="236" t="e">
        <f t="shared" si="54"/>
        <v>#N/A</v>
      </c>
      <c r="R265" s="238">
        <v>35</v>
      </c>
      <c r="S265" s="236" t="e">
        <f t="shared" si="59"/>
        <v>#N/A</v>
      </c>
      <c r="T265" s="236">
        <f t="shared" si="45"/>
        <v>31.583883107312133</v>
      </c>
    </row>
    <row r="266" spans="1:20" x14ac:dyDescent="0.2">
      <c r="A266" s="53">
        <f t="shared" si="46"/>
        <v>254</v>
      </c>
      <c r="B266" s="239">
        <v>2.1629999999999998</v>
      </c>
      <c r="C266" s="3">
        <f t="shared" si="47"/>
        <v>2.1559999999999997</v>
      </c>
      <c r="D266" s="239">
        <v>0.152</v>
      </c>
      <c r="E266" s="239">
        <v>2.2000000000000001E-3</v>
      </c>
      <c r="F266" s="239">
        <v>3.95E-2</v>
      </c>
      <c r="G266">
        <f t="shared" si="48"/>
        <v>0.15989999999999999</v>
      </c>
      <c r="H266" s="235">
        <f t="shared" si="49"/>
        <v>1.3758599124452784</v>
      </c>
      <c r="I266" s="236">
        <f t="shared" si="50"/>
        <v>13.452447909974055</v>
      </c>
      <c r="J266" s="237">
        <f t="shared" si="55"/>
        <v>3.4524479099740546</v>
      </c>
      <c r="K266" s="237">
        <f t="shared" si="51"/>
        <v>29.003477693904056</v>
      </c>
      <c r="L266" s="237">
        <f t="shared" si="56"/>
        <v>7.4676448292738797</v>
      </c>
      <c r="M266" s="236">
        <f t="shared" si="52"/>
        <v>17.528487936781499</v>
      </c>
      <c r="N266" s="236">
        <f t="shared" si="53"/>
        <v>1.68071692145907</v>
      </c>
      <c r="O266" s="236">
        <f t="shared" si="57"/>
        <v>2.6543677806688972</v>
      </c>
      <c r="P266" s="236" t="str">
        <f t="shared" si="58"/>
        <v>CLAY</v>
      </c>
      <c r="Q266" s="236">
        <f t="shared" si="54"/>
        <v>10.908043525507994</v>
      </c>
      <c r="R266" s="238">
        <v>35</v>
      </c>
      <c r="S266" s="236">
        <f t="shared" si="59"/>
        <v>8.9664509337249392</v>
      </c>
      <c r="T266" s="236" t="e">
        <f t="shared" si="45"/>
        <v>#N/A</v>
      </c>
    </row>
    <row r="267" spans="1:20" x14ac:dyDescent="0.2">
      <c r="A267" s="53">
        <f t="shared" si="46"/>
        <v>255</v>
      </c>
      <c r="B267" s="239">
        <v>2.173</v>
      </c>
      <c r="C267" s="3">
        <f t="shared" si="47"/>
        <v>2.1659999999999999</v>
      </c>
      <c r="D267" s="239">
        <v>0.1535</v>
      </c>
      <c r="E267" s="239">
        <v>2.2000000000000001E-3</v>
      </c>
      <c r="F267" s="239">
        <v>4.24E-2</v>
      </c>
      <c r="G267">
        <f t="shared" si="48"/>
        <v>0.16197999999999999</v>
      </c>
      <c r="H267" s="235">
        <f t="shared" si="49"/>
        <v>1.3581923694283247</v>
      </c>
      <c r="I267" s="236">
        <f t="shared" si="50"/>
        <v>13.457499547769432</v>
      </c>
      <c r="J267" s="237">
        <f t="shared" si="55"/>
        <v>3.4574995477694319</v>
      </c>
      <c r="K267" s="237">
        <f t="shared" si="51"/>
        <v>29.148944020468587</v>
      </c>
      <c r="L267" s="237">
        <f t="shared" si="56"/>
        <v>7.5131465173029754</v>
      </c>
      <c r="M267" s="236">
        <f t="shared" si="52"/>
        <v>17.679817061149809</v>
      </c>
      <c r="N267" s="236">
        <f t="shared" si="53"/>
        <v>1.6562391857661725</v>
      </c>
      <c r="O267" s="236">
        <f t="shared" si="57"/>
        <v>2.6477689184967672</v>
      </c>
      <c r="P267" s="236" t="str">
        <f t="shared" si="58"/>
        <v>CLAY</v>
      </c>
      <c r="Q267" s="236">
        <f t="shared" si="54"/>
        <v>11.069254664960951</v>
      </c>
      <c r="R267" s="238">
        <v>35</v>
      </c>
      <c r="S267" s="236">
        <f t="shared" si="59"/>
        <v>9.063317982993949</v>
      </c>
      <c r="T267" s="236" t="e">
        <f t="shared" si="45"/>
        <v>#N/A</v>
      </c>
    </row>
    <row r="268" spans="1:20" x14ac:dyDescent="0.2">
      <c r="A268" s="53">
        <f t="shared" si="46"/>
        <v>256</v>
      </c>
      <c r="B268" s="239">
        <v>2.1829999999999998</v>
      </c>
      <c r="C268" s="3">
        <f t="shared" si="47"/>
        <v>2.1759999999999997</v>
      </c>
      <c r="D268" s="239">
        <v>0.15490000000000001</v>
      </c>
      <c r="E268" s="239">
        <v>2.0999999999999999E-3</v>
      </c>
      <c r="F268" s="239">
        <v>4.4699999999999997E-2</v>
      </c>
      <c r="G268">
        <f t="shared" si="48"/>
        <v>0.16384000000000001</v>
      </c>
      <c r="H268" s="235">
        <f t="shared" si="49"/>
        <v>1.2817382812499998</v>
      </c>
      <c r="I268" s="236">
        <f t="shared" si="50"/>
        <v>13.407413095530231</v>
      </c>
      <c r="J268" s="237">
        <f t="shared" si="55"/>
        <v>3.4074130955302309</v>
      </c>
      <c r="K268" s="237">
        <f t="shared" si="51"/>
        <v>29.174530895873779</v>
      </c>
      <c r="L268" s="237">
        <f t="shared" si="56"/>
        <v>7.4383827875424933</v>
      </c>
      <c r="M268" s="236">
        <f t="shared" si="52"/>
        <v>18.104132706057907</v>
      </c>
      <c r="N268" s="236">
        <f t="shared" si="53"/>
        <v>1.5594198081887163</v>
      </c>
      <c r="O268" s="236">
        <f t="shared" si="57"/>
        <v>2.6249556124400666</v>
      </c>
      <c r="P268" s="236" t="str">
        <f t="shared" si="58"/>
        <v>CLAY</v>
      </c>
      <c r="Q268" s="236">
        <f t="shared" si="54"/>
        <v>11.222122425343853</v>
      </c>
      <c r="R268" s="238">
        <v>35</v>
      </c>
      <c r="S268" s="236">
        <f t="shared" si="59"/>
        <v>9.3360284004763852</v>
      </c>
      <c r="T268" s="236" t="e">
        <f t="shared" si="45"/>
        <v>#N/A</v>
      </c>
    </row>
    <row r="269" spans="1:20" x14ac:dyDescent="0.2">
      <c r="A269" s="53">
        <f t="shared" si="46"/>
        <v>257</v>
      </c>
      <c r="B269" s="239">
        <v>2.1930000000000001</v>
      </c>
      <c r="C269" s="3">
        <f t="shared" si="47"/>
        <v>2.1859999999999999</v>
      </c>
      <c r="D269" s="239">
        <v>0.15279999999999999</v>
      </c>
      <c r="E269" s="239">
        <v>2.2000000000000001E-3</v>
      </c>
      <c r="F269" s="239">
        <v>3.6700000000000003E-2</v>
      </c>
      <c r="G269">
        <f t="shared" si="48"/>
        <v>0.16014</v>
      </c>
      <c r="H269" s="235">
        <f t="shared" si="49"/>
        <v>1.3737979268140377</v>
      </c>
      <c r="I269" s="236">
        <f t="shared" si="50"/>
        <v>13.453034134356479</v>
      </c>
      <c r="J269" s="237">
        <f t="shared" si="55"/>
        <v>3.4530341343564785</v>
      </c>
      <c r="K269" s="237">
        <f t="shared" si="51"/>
        <v>29.408332617703262</v>
      </c>
      <c r="L269" s="237">
        <f t="shared" si="56"/>
        <v>7.5725038566437579</v>
      </c>
      <c r="M269" s="236">
        <f t="shared" si="52"/>
        <v>17.263994823535015</v>
      </c>
      <c r="N269" s="236">
        <f t="shared" si="53"/>
        <v>1.6828363349536202</v>
      </c>
      <c r="O269" s="236">
        <f t="shared" si="57"/>
        <v>2.6602058392593788</v>
      </c>
      <c r="P269" s="236" t="str">
        <f t="shared" si="58"/>
        <v>CLAY</v>
      </c>
      <c r="Q269" s="236">
        <f t="shared" si="54"/>
        <v>10.894305615191398</v>
      </c>
      <c r="R269" s="238">
        <v>35</v>
      </c>
      <c r="S269" s="236">
        <f t="shared" si="59"/>
        <v>8.7976489826061766</v>
      </c>
      <c r="T269" s="236" t="e">
        <f t="shared" ref="T269:T332" si="60">IF(P269="SAND",17.6+(11*LOG(M269)),#N/A)</f>
        <v>#N/A</v>
      </c>
    </row>
    <row r="270" spans="1:20" x14ac:dyDescent="0.2">
      <c r="A270" s="53">
        <f t="shared" ref="A270:A333" si="61">$A269+1</f>
        <v>258</v>
      </c>
      <c r="B270" s="239">
        <v>2.2029999999999998</v>
      </c>
      <c r="C270" s="3">
        <f t="shared" ref="C270:C333" si="62">MAX($B270 - $B$13, 0.001)</f>
        <v>2.1959999999999997</v>
      </c>
      <c r="D270" s="239">
        <v>0.1565</v>
      </c>
      <c r="E270" s="239">
        <v>1.8E-3</v>
      </c>
      <c r="F270" s="239">
        <v>2.5100000000000001E-2</v>
      </c>
      <c r="G270">
        <f t="shared" si="48"/>
        <v>0.16152</v>
      </c>
      <c r="H270" s="235">
        <f t="shared" si="49"/>
        <v>1.1144130757800892</v>
      </c>
      <c r="I270" s="236">
        <f t="shared" si="50"/>
        <v>13.221082493503438</v>
      </c>
      <c r="J270" s="237">
        <f t="shared" si="55"/>
        <v>3.2210824935034381</v>
      </c>
      <c r="K270" s="237">
        <f t="shared" si="51"/>
        <v>29.033497155733546</v>
      </c>
      <c r="L270" s="237">
        <f t="shared" si="56"/>
        <v>7.0960447331880738</v>
      </c>
      <c r="M270" s="236">
        <f t="shared" si="52"/>
        <v>18.67047176642355</v>
      </c>
      <c r="N270" s="236">
        <f t="shared" si="53"/>
        <v>1.3586289632203825</v>
      </c>
      <c r="O270" s="236">
        <f t="shared" si="57"/>
        <v>2.5818210649072966</v>
      </c>
      <c r="P270" s="236" t="str">
        <f t="shared" si="58"/>
        <v>SAND</v>
      </c>
      <c r="Q270" s="236" t="e">
        <f t="shared" si="54"/>
        <v>#N/A</v>
      </c>
      <c r="R270" s="238">
        <v>35</v>
      </c>
      <c r="S270" s="236" t="e">
        <f t="shared" si="59"/>
        <v>#N/A</v>
      </c>
      <c r="T270" s="236">
        <f t="shared" si="60"/>
        <v>31.582708210488896</v>
      </c>
    </row>
    <row r="271" spans="1:20" x14ac:dyDescent="0.2">
      <c r="A271" s="53">
        <f t="shared" si="61"/>
        <v>259</v>
      </c>
      <c r="B271" s="239">
        <v>2.2130000000000001</v>
      </c>
      <c r="C271" s="3">
        <f t="shared" si="62"/>
        <v>2.206</v>
      </c>
      <c r="D271" s="239">
        <v>0.1525</v>
      </c>
      <c r="E271" s="239">
        <v>2E-3</v>
      </c>
      <c r="F271" s="239">
        <v>3.09E-2</v>
      </c>
      <c r="G271">
        <f t="shared" ref="G271:G334" si="63">$D271+($F271*(1-$P$8))</f>
        <v>0.15867999999999999</v>
      </c>
      <c r="H271" s="235">
        <f t="shared" ref="H271:H334" si="64">($E271/$G271)*100</f>
        <v>1.2603982858583314</v>
      </c>
      <c r="I271" s="236">
        <f t="shared" ref="I271:I334" si="65">((0.27*(LOG($H271)))+(0.36*(LOG(($G271*1000)/101)))+1.236)*10</f>
        <v>13.337694015297137</v>
      </c>
      <c r="J271" s="237">
        <f t="shared" si="55"/>
        <v>3.3376940152971368</v>
      </c>
      <c r="K271" s="237">
        <f t="shared" ref="K271:K334" si="66">$I271*$C271</f>
        <v>29.422952997745483</v>
      </c>
      <c r="L271" s="237">
        <f t="shared" si="56"/>
        <v>7.3863168558525638</v>
      </c>
      <c r="M271" s="236">
        <f t="shared" ref="M271:M334" si="67">(($G271*1000)-$K271)/$L271</f>
        <v>17.499526424978288</v>
      </c>
      <c r="N271" s="236">
        <f t="shared" ref="N271:N334" si="68">(($E271*1000)/(($G271*1000)-$K271))*100</f>
        <v>1.5473044188957188</v>
      </c>
      <c r="O271" s="236">
        <f t="shared" si="57"/>
        <v>2.6355864088222001</v>
      </c>
      <c r="P271" s="236" t="str">
        <f t="shared" si="58"/>
        <v>CLAY</v>
      </c>
      <c r="Q271" s="236">
        <f t="shared" ref="Q271:Q334" si="69">IF(P271="CLAY",($G271*1000 -$K271)/$L$8,#N/A)</f>
        <v>10.771420583521207</v>
      </c>
      <c r="R271" s="238">
        <v>35</v>
      </c>
      <c r="S271" s="236">
        <f t="shared" si="59"/>
        <v>8.9479361935524935</v>
      </c>
      <c r="T271" s="236" t="e">
        <f t="shared" si="60"/>
        <v>#N/A</v>
      </c>
    </row>
    <row r="272" spans="1:20" x14ac:dyDescent="0.2">
      <c r="A272" s="53">
        <f t="shared" si="61"/>
        <v>260</v>
      </c>
      <c r="B272" s="239">
        <v>2.222</v>
      </c>
      <c r="C272" s="3">
        <f t="shared" si="62"/>
        <v>2.2149999999999999</v>
      </c>
      <c r="D272" s="239">
        <v>0.1517</v>
      </c>
      <c r="E272" s="239">
        <v>2E-3</v>
      </c>
      <c r="F272" s="239">
        <v>3.73E-2</v>
      </c>
      <c r="G272">
        <f t="shared" si="63"/>
        <v>0.15916</v>
      </c>
      <c r="H272" s="235">
        <f t="shared" si="64"/>
        <v>1.2565971349585323</v>
      </c>
      <c r="I272" s="236">
        <f t="shared" si="65"/>
        <v>13.338874580102152</v>
      </c>
      <c r="J272" s="237">
        <f t="shared" ref="J272:J335" si="70">$I272-10</f>
        <v>3.3388745801021518</v>
      </c>
      <c r="K272" s="237">
        <f t="shared" si="66"/>
        <v>29.545607194926266</v>
      </c>
      <c r="L272" s="237">
        <f t="shared" ref="L272:L335" si="71">$J272*$B272</f>
        <v>7.4189793169869809</v>
      </c>
      <c r="M272" s="236">
        <f t="shared" si="67"/>
        <v>17.470650242722758</v>
      </c>
      <c r="N272" s="236">
        <f t="shared" si="68"/>
        <v>1.5430385134834428</v>
      </c>
      <c r="O272" s="236">
        <f t="shared" ref="O272:O335" si="72">((3.47-LOG($M272))^2+(LOG($N272)+1.22)^2)^0.5</f>
        <v>2.6355515546882398</v>
      </c>
      <c r="P272" s="236" t="str">
        <f t="shared" ref="P272:P335" si="73">IF(O272&lt;2.6,"SAND","CLAY")</f>
        <v>CLAY</v>
      </c>
      <c r="Q272" s="236">
        <f t="shared" si="69"/>
        <v>10.80119940042281</v>
      </c>
      <c r="R272" s="238">
        <v>35</v>
      </c>
      <c r="S272" s="236">
        <f t="shared" ref="S272:S335" si="74">IF(P272="SAND",#N/A,0.25*($M272)^1.25)</f>
        <v>8.929483628530134</v>
      </c>
      <c r="T272" s="236" t="e">
        <f t="shared" si="60"/>
        <v>#N/A</v>
      </c>
    </row>
    <row r="273" spans="1:20" x14ac:dyDescent="0.2">
      <c r="A273" s="53">
        <f t="shared" si="61"/>
        <v>261</v>
      </c>
      <c r="B273" s="239">
        <v>2.2330000000000001</v>
      </c>
      <c r="C273" s="3">
        <f t="shared" si="62"/>
        <v>2.226</v>
      </c>
      <c r="D273" s="239">
        <v>0.1552</v>
      </c>
      <c r="E273" s="239">
        <v>1.9E-3</v>
      </c>
      <c r="F273" s="239">
        <v>4.1300000000000003E-2</v>
      </c>
      <c r="G273">
        <f t="shared" si="63"/>
        <v>0.16345999999999999</v>
      </c>
      <c r="H273" s="235">
        <f t="shared" si="64"/>
        <v>1.1623638810718218</v>
      </c>
      <c r="I273" s="236">
        <f t="shared" si="65"/>
        <v>13.289148122079627</v>
      </c>
      <c r="J273" s="237">
        <f t="shared" si="70"/>
        <v>3.2891481220796273</v>
      </c>
      <c r="K273" s="237">
        <f t="shared" si="66"/>
        <v>29.581643719749248</v>
      </c>
      <c r="L273" s="237">
        <f t="shared" si="71"/>
        <v>7.3446677566038083</v>
      </c>
      <c r="M273" s="236">
        <f t="shared" si="67"/>
        <v>18.22796629022147</v>
      </c>
      <c r="N273" s="236">
        <f t="shared" si="68"/>
        <v>1.4191987807369584</v>
      </c>
      <c r="O273" s="236">
        <f t="shared" si="72"/>
        <v>2.6006422764772856</v>
      </c>
      <c r="P273" s="236" t="str">
        <f t="shared" si="73"/>
        <v>CLAY</v>
      </c>
      <c r="Q273" s="236">
        <f t="shared" si="69"/>
        <v>11.156529690020896</v>
      </c>
      <c r="R273" s="238">
        <v>35</v>
      </c>
      <c r="S273" s="236">
        <f t="shared" si="74"/>
        <v>9.4159204256865703</v>
      </c>
      <c r="T273" s="236" t="e">
        <f t="shared" si="60"/>
        <v>#N/A</v>
      </c>
    </row>
    <row r="274" spans="1:20" x14ac:dyDescent="0.2">
      <c r="A274" s="53">
        <f t="shared" si="61"/>
        <v>262</v>
      </c>
      <c r="B274" s="239">
        <v>2.242</v>
      </c>
      <c r="C274" s="3">
        <f t="shared" si="62"/>
        <v>2.2349999999999999</v>
      </c>
      <c r="D274" s="239">
        <v>0.1595</v>
      </c>
      <c r="E274" s="239">
        <v>1.9E-3</v>
      </c>
      <c r="F274" s="239">
        <v>4.4200000000000003E-2</v>
      </c>
      <c r="G274">
        <f t="shared" si="63"/>
        <v>0.16833999999999999</v>
      </c>
      <c r="H274" s="235">
        <f t="shared" si="64"/>
        <v>1.1286681715575622</v>
      </c>
      <c r="I274" s="236">
        <f t="shared" si="65"/>
        <v>13.300646367511018</v>
      </c>
      <c r="J274" s="237">
        <f t="shared" si="70"/>
        <v>3.3006463675110176</v>
      </c>
      <c r="K274" s="237">
        <f t="shared" si="66"/>
        <v>29.726944631387124</v>
      </c>
      <c r="L274" s="237">
        <f t="shared" si="71"/>
        <v>7.4000491559597013</v>
      </c>
      <c r="M274" s="236">
        <f t="shared" si="67"/>
        <v>18.731369541914397</v>
      </c>
      <c r="N274" s="236">
        <f t="shared" si="68"/>
        <v>1.3707222562458787</v>
      </c>
      <c r="O274" s="236">
        <f t="shared" si="72"/>
        <v>2.5826367361671188</v>
      </c>
      <c r="P274" s="236" t="str">
        <f t="shared" si="73"/>
        <v>SAND</v>
      </c>
      <c r="Q274" s="236" t="e">
        <f t="shared" si="69"/>
        <v>#N/A</v>
      </c>
      <c r="R274" s="238">
        <v>35</v>
      </c>
      <c r="S274" s="236" t="e">
        <f t="shared" si="74"/>
        <v>#N/A</v>
      </c>
      <c r="T274" s="236">
        <f t="shared" si="60"/>
        <v>31.598264851195424</v>
      </c>
    </row>
    <row r="275" spans="1:20" x14ac:dyDescent="0.2">
      <c r="A275" s="53">
        <f t="shared" si="61"/>
        <v>263</v>
      </c>
      <c r="B275" s="239">
        <v>2.2530000000000001</v>
      </c>
      <c r="C275" s="3">
        <f t="shared" si="62"/>
        <v>2.246</v>
      </c>
      <c r="D275" s="239">
        <v>0.16389999999999999</v>
      </c>
      <c r="E275" s="239">
        <v>1.9E-3</v>
      </c>
      <c r="F275" s="239">
        <v>4.7899999999999998E-2</v>
      </c>
      <c r="G275">
        <f t="shared" si="63"/>
        <v>0.17348</v>
      </c>
      <c r="H275" s="235">
        <f t="shared" si="64"/>
        <v>1.095227115517639</v>
      </c>
      <c r="I275" s="236">
        <f t="shared" si="65"/>
        <v>13.312402249084176</v>
      </c>
      <c r="J275" s="237">
        <f t="shared" si="70"/>
        <v>3.312402249084176</v>
      </c>
      <c r="K275" s="237">
        <f t="shared" si="66"/>
        <v>29.89965545144306</v>
      </c>
      <c r="L275" s="237">
        <f t="shared" si="71"/>
        <v>7.462842267186649</v>
      </c>
      <c r="M275" s="236">
        <f t="shared" si="67"/>
        <v>19.239364763190153</v>
      </c>
      <c r="N275" s="236">
        <f t="shared" si="68"/>
        <v>1.323300905826595</v>
      </c>
      <c r="O275" s="236">
        <f t="shared" si="72"/>
        <v>2.5647241559584795</v>
      </c>
      <c r="P275" s="236" t="str">
        <f t="shared" si="73"/>
        <v>SAND</v>
      </c>
      <c r="Q275" s="236" t="e">
        <f t="shared" si="69"/>
        <v>#N/A</v>
      </c>
      <c r="R275" s="238">
        <v>35</v>
      </c>
      <c r="S275" s="236" t="e">
        <f t="shared" si="74"/>
        <v>#N/A</v>
      </c>
      <c r="T275" s="236">
        <f t="shared" si="60"/>
        <v>31.726098014555927</v>
      </c>
    </row>
    <row r="276" spans="1:20" x14ac:dyDescent="0.2">
      <c r="A276" s="53">
        <f t="shared" si="61"/>
        <v>264</v>
      </c>
      <c r="B276" s="239">
        <v>2.2629999999999999</v>
      </c>
      <c r="C276" s="3">
        <f t="shared" si="62"/>
        <v>2.2559999999999998</v>
      </c>
      <c r="D276" s="239">
        <v>0.1678</v>
      </c>
      <c r="E276" s="239">
        <v>1.8E-3</v>
      </c>
      <c r="F276" s="239">
        <v>5.0200000000000002E-2</v>
      </c>
      <c r="G276">
        <f t="shared" si="63"/>
        <v>0.17784</v>
      </c>
      <c r="H276" s="235">
        <f t="shared" si="64"/>
        <v>1.0121457489878543</v>
      </c>
      <c r="I276" s="236">
        <f t="shared" si="65"/>
        <v>13.258705322883253</v>
      </c>
      <c r="J276" s="237">
        <f t="shared" si="70"/>
        <v>3.2587053228832534</v>
      </c>
      <c r="K276" s="237">
        <f t="shared" si="66"/>
        <v>29.911639208424617</v>
      </c>
      <c r="L276" s="237">
        <f t="shared" si="71"/>
        <v>7.3744501456848024</v>
      </c>
      <c r="M276" s="236">
        <f t="shared" si="67"/>
        <v>20.059578391500338</v>
      </c>
      <c r="N276" s="236">
        <f t="shared" si="68"/>
        <v>1.2168052092026638</v>
      </c>
      <c r="O276" s="236">
        <f t="shared" si="72"/>
        <v>2.5303025098277252</v>
      </c>
      <c r="P276" s="236" t="str">
        <f t="shared" si="73"/>
        <v>SAND</v>
      </c>
      <c r="Q276" s="236" t="e">
        <f t="shared" si="69"/>
        <v>#N/A</v>
      </c>
      <c r="R276" s="238">
        <v>35</v>
      </c>
      <c r="S276" s="236" t="e">
        <f t="shared" si="74"/>
        <v>#N/A</v>
      </c>
      <c r="T276" s="236">
        <f t="shared" si="60"/>
        <v>31.925539809453603</v>
      </c>
    </row>
    <row r="277" spans="1:20" x14ac:dyDescent="0.2">
      <c r="A277" s="53">
        <f t="shared" si="61"/>
        <v>265</v>
      </c>
      <c r="B277" s="239">
        <v>2.2730000000000001</v>
      </c>
      <c r="C277" s="3">
        <f t="shared" si="62"/>
        <v>2.266</v>
      </c>
      <c r="D277" s="239">
        <v>0.16789999999999999</v>
      </c>
      <c r="E277" s="239">
        <v>1.6999999999999999E-3</v>
      </c>
      <c r="F277" s="239">
        <v>5.0500000000000003E-2</v>
      </c>
      <c r="G277">
        <f t="shared" si="63"/>
        <v>0.17799999999999999</v>
      </c>
      <c r="H277" s="235">
        <f t="shared" si="64"/>
        <v>0.9550561797752809</v>
      </c>
      <c r="I277" s="236">
        <f t="shared" si="65"/>
        <v>13.192033144181831</v>
      </c>
      <c r="J277" s="237">
        <f t="shared" si="70"/>
        <v>3.1920331441818313</v>
      </c>
      <c r="K277" s="237">
        <f t="shared" si="66"/>
        <v>29.893147104716029</v>
      </c>
      <c r="L277" s="237">
        <f t="shared" si="71"/>
        <v>7.2554913367253029</v>
      </c>
      <c r="M277" s="236">
        <f t="shared" si="67"/>
        <v>20.413070048834292</v>
      </c>
      <c r="N277" s="236">
        <f t="shared" si="68"/>
        <v>1.1478199467258625</v>
      </c>
      <c r="O277" s="236">
        <f t="shared" si="72"/>
        <v>2.5107912899353217</v>
      </c>
      <c r="P277" s="236" t="str">
        <f t="shared" si="73"/>
        <v>SAND</v>
      </c>
      <c r="Q277" s="236" t="e">
        <f t="shared" si="69"/>
        <v>#N/A</v>
      </c>
      <c r="R277" s="238">
        <v>35</v>
      </c>
      <c r="S277" s="236" t="e">
        <f t="shared" si="74"/>
        <v>#N/A</v>
      </c>
      <c r="T277" s="236">
        <f t="shared" si="60"/>
        <v>32.008991584704276</v>
      </c>
    </row>
    <row r="278" spans="1:20" x14ac:dyDescent="0.2">
      <c r="A278" s="53">
        <f t="shared" si="61"/>
        <v>266</v>
      </c>
      <c r="B278" s="239">
        <v>2.2839999999999998</v>
      </c>
      <c r="C278" s="3">
        <f t="shared" si="62"/>
        <v>2.2769999999999997</v>
      </c>
      <c r="D278" s="239">
        <v>0.1641</v>
      </c>
      <c r="E278" s="239">
        <v>1.6999999999999999E-3</v>
      </c>
      <c r="F278" s="239">
        <v>5.1799999999999999E-2</v>
      </c>
      <c r="G278">
        <f t="shared" si="63"/>
        <v>0.17446</v>
      </c>
      <c r="H278" s="235">
        <f t="shared" si="64"/>
        <v>0.97443540066490875</v>
      </c>
      <c r="I278" s="236">
        <f t="shared" si="65"/>
        <v>13.184181423429655</v>
      </c>
      <c r="J278" s="237">
        <f t="shared" si="70"/>
        <v>3.1841814234296546</v>
      </c>
      <c r="K278" s="237">
        <f t="shared" si="66"/>
        <v>30.020381101149319</v>
      </c>
      <c r="L278" s="237">
        <f t="shared" si="71"/>
        <v>7.2726703711133309</v>
      </c>
      <c r="M278" s="236">
        <f t="shared" si="67"/>
        <v>19.860602987391996</v>
      </c>
      <c r="N278" s="236">
        <f t="shared" si="68"/>
        <v>1.1769623964395042</v>
      </c>
      <c r="O278" s="236">
        <f t="shared" si="72"/>
        <v>2.5265955239359648</v>
      </c>
      <c r="P278" s="236" t="str">
        <f t="shared" si="73"/>
        <v>SAND</v>
      </c>
      <c r="Q278" s="236" t="e">
        <f t="shared" si="69"/>
        <v>#N/A</v>
      </c>
      <c r="R278" s="238">
        <v>35</v>
      </c>
      <c r="S278" s="236" t="e">
        <f t="shared" si="74"/>
        <v>#N/A</v>
      </c>
      <c r="T278" s="236">
        <f t="shared" si="60"/>
        <v>31.877916729626975</v>
      </c>
    </row>
    <row r="279" spans="1:20" x14ac:dyDescent="0.2">
      <c r="A279" s="53">
        <f t="shared" si="61"/>
        <v>267</v>
      </c>
      <c r="B279" s="239">
        <v>2.2930000000000001</v>
      </c>
      <c r="C279" s="3">
        <f t="shared" si="62"/>
        <v>2.286</v>
      </c>
      <c r="D279" s="239">
        <v>0.16339999999999999</v>
      </c>
      <c r="E279" s="239">
        <v>1.6999999999999999E-3</v>
      </c>
      <c r="F279" s="239">
        <v>5.0799999999999998E-2</v>
      </c>
      <c r="G279">
        <f t="shared" si="63"/>
        <v>0.17355999999999999</v>
      </c>
      <c r="H279" s="235">
        <f t="shared" si="64"/>
        <v>0.97948836137358841</v>
      </c>
      <c r="I279" s="236">
        <f t="shared" si="65"/>
        <v>13.182159819415283</v>
      </c>
      <c r="J279" s="237">
        <f t="shared" si="70"/>
        <v>3.1821598194152827</v>
      </c>
      <c r="K279" s="237">
        <f t="shared" si="66"/>
        <v>30.134417347183337</v>
      </c>
      <c r="L279" s="237">
        <f t="shared" si="71"/>
        <v>7.2966924659192438</v>
      </c>
      <c r="M279" s="236">
        <f t="shared" si="67"/>
        <v>19.656246076248436</v>
      </c>
      <c r="N279" s="236">
        <f t="shared" si="68"/>
        <v>1.1852836631768178</v>
      </c>
      <c r="O279" s="236">
        <f t="shared" si="72"/>
        <v>2.5320201151607886</v>
      </c>
      <c r="P279" s="236" t="str">
        <f t="shared" si="73"/>
        <v>SAND</v>
      </c>
      <c r="Q279" s="236" t="e">
        <f t="shared" si="69"/>
        <v>#N/A</v>
      </c>
      <c r="R279" s="238">
        <v>35</v>
      </c>
      <c r="S279" s="236" t="e">
        <f t="shared" si="74"/>
        <v>#N/A</v>
      </c>
      <c r="T279" s="236">
        <f t="shared" si="60"/>
        <v>31.828506384753453</v>
      </c>
    </row>
    <row r="280" spans="1:20" x14ac:dyDescent="0.2">
      <c r="A280" s="53">
        <f t="shared" si="61"/>
        <v>268</v>
      </c>
      <c r="B280" s="239">
        <v>2.3029999999999999</v>
      </c>
      <c r="C280" s="3">
        <f t="shared" si="62"/>
        <v>2.2959999999999998</v>
      </c>
      <c r="D280" s="239">
        <v>0.16189999999999999</v>
      </c>
      <c r="E280" s="239">
        <v>1.6999999999999999E-3</v>
      </c>
      <c r="F280" s="239">
        <v>5.3400000000000003E-2</v>
      </c>
      <c r="G280">
        <f t="shared" si="63"/>
        <v>0.17257999999999998</v>
      </c>
      <c r="H280" s="235">
        <f t="shared" si="64"/>
        <v>0.98505041140340721</v>
      </c>
      <c r="I280" s="236">
        <f t="shared" si="65"/>
        <v>13.179946560291659</v>
      </c>
      <c r="J280" s="237">
        <f t="shared" si="70"/>
        <v>3.1799465602916595</v>
      </c>
      <c r="K280" s="237">
        <f t="shared" si="66"/>
        <v>30.261157302429648</v>
      </c>
      <c r="L280" s="237">
        <f t="shared" si="71"/>
        <v>7.3234169283516914</v>
      </c>
      <c r="M280" s="236">
        <f t="shared" si="67"/>
        <v>19.433393467822484</v>
      </c>
      <c r="N280" s="236">
        <f t="shared" si="68"/>
        <v>1.1945010005544558</v>
      </c>
      <c r="O280" s="236">
        <f t="shared" si="72"/>
        <v>2.5379958394540365</v>
      </c>
      <c r="P280" s="236" t="str">
        <f t="shared" si="73"/>
        <v>SAND</v>
      </c>
      <c r="Q280" s="236" t="e">
        <f t="shared" si="69"/>
        <v>#N/A</v>
      </c>
      <c r="R280" s="238">
        <v>35</v>
      </c>
      <c r="S280" s="236" t="e">
        <f t="shared" si="74"/>
        <v>#N/A</v>
      </c>
      <c r="T280" s="236">
        <f t="shared" si="60"/>
        <v>31.774035083094986</v>
      </c>
    </row>
    <row r="281" spans="1:20" x14ac:dyDescent="0.2">
      <c r="A281" s="53">
        <f t="shared" si="61"/>
        <v>269</v>
      </c>
      <c r="B281" s="239">
        <v>2.3130000000000002</v>
      </c>
      <c r="C281" s="3">
        <f t="shared" si="62"/>
        <v>2.306</v>
      </c>
      <c r="D281" s="239">
        <v>0.159</v>
      </c>
      <c r="E281" s="239">
        <v>1.6999999999999999E-3</v>
      </c>
      <c r="F281" s="239">
        <v>5.4699999999999999E-2</v>
      </c>
      <c r="G281">
        <f t="shared" si="63"/>
        <v>0.16994000000000001</v>
      </c>
      <c r="H281" s="235">
        <f t="shared" si="64"/>
        <v>1.0003530657879252</v>
      </c>
      <c r="I281" s="236">
        <f t="shared" si="65"/>
        <v>13.173921194629168</v>
      </c>
      <c r="J281" s="237">
        <f t="shared" si="70"/>
        <v>3.1739211946291679</v>
      </c>
      <c r="K281" s="237">
        <f t="shared" si="66"/>
        <v>30.379062274814864</v>
      </c>
      <c r="L281" s="237">
        <f t="shared" si="71"/>
        <v>7.3412797231772657</v>
      </c>
      <c r="M281" s="236">
        <f t="shared" si="67"/>
        <v>19.010437279017605</v>
      </c>
      <c r="N281" s="236">
        <f t="shared" si="68"/>
        <v>1.2181058881587168</v>
      </c>
      <c r="O281" s="236">
        <f t="shared" si="72"/>
        <v>2.550554649289436</v>
      </c>
      <c r="P281" s="236" t="str">
        <f t="shared" si="73"/>
        <v>SAND</v>
      </c>
      <c r="Q281" s="236" t="e">
        <f t="shared" si="69"/>
        <v>#N/A</v>
      </c>
      <c r="R281" s="238">
        <v>35</v>
      </c>
      <c r="S281" s="236" t="e">
        <f t="shared" si="74"/>
        <v>#N/A</v>
      </c>
      <c r="T281" s="236">
        <f t="shared" si="60"/>
        <v>31.668913173078145</v>
      </c>
    </row>
    <row r="282" spans="1:20" x14ac:dyDescent="0.2">
      <c r="A282" s="53">
        <f t="shared" si="61"/>
        <v>270</v>
      </c>
      <c r="B282" s="239">
        <v>2.3239999999999998</v>
      </c>
      <c r="C282" s="3">
        <f t="shared" si="62"/>
        <v>2.3169999999999997</v>
      </c>
      <c r="D282" s="239">
        <v>0.15989999999999999</v>
      </c>
      <c r="E282" s="239">
        <v>1.5E-3</v>
      </c>
      <c r="F282" s="239">
        <v>5.2600000000000001E-2</v>
      </c>
      <c r="G282">
        <f t="shared" si="63"/>
        <v>0.17041999999999999</v>
      </c>
      <c r="H282" s="235">
        <f t="shared" si="64"/>
        <v>0.88017838281891814</v>
      </c>
      <c r="I282" s="236">
        <f t="shared" si="65"/>
        <v>13.028257958706051</v>
      </c>
      <c r="J282" s="237">
        <f t="shared" si="70"/>
        <v>3.0282579587060514</v>
      </c>
      <c r="K282" s="237">
        <f t="shared" si="66"/>
        <v>30.186473690321918</v>
      </c>
      <c r="L282" s="237">
        <f t="shared" si="71"/>
        <v>7.0376714960328632</v>
      </c>
      <c r="M282" s="236">
        <f t="shared" si="67"/>
        <v>19.9261256210563</v>
      </c>
      <c r="N282" s="236">
        <f t="shared" si="68"/>
        <v>1.0696443564340998</v>
      </c>
      <c r="O282" s="236">
        <f t="shared" si="72"/>
        <v>2.5043969718157126</v>
      </c>
      <c r="P282" s="236" t="str">
        <f t="shared" si="73"/>
        <v>SAND</v>
      </c>
      <c r="Q282" s="236" t="e">
        <f t="shared" si="69"/>
        <v>#N/A</v>
      </c>
      <c r="R282" s="238">
        <v>35</v>
      </c>
      <c r="S282" s="236" t="e">
        <f t="shared" si="74"/>
        <v>#N/A</v>
      </c>
      <c r="T282" s="236">
        <f t="shared" si="60"/>
        <v>31.893651503234594</v>
      </c>
    </row>
    <row r="283" spans="1:20" x14ac:dyDescent="0.2">
      <c r="A283" s="53">
        <f t="shared" si="61"/>
        <v>271</v>
      </c>
      <c r="B283" s="239">
        <v>2.3330000000000002</v>
      </c>
      <c r="C283" s="3">
        <f t="shared" si="62"/>
        <v>2.3260000000000001</v>
      </c>
      <c r="D283" s="239">
        <v>0.16020000000000001</v>
      </c>
      <c r="E283" s="239">
        <v>1.4E-3</v>
      </c>
      <c r="F283" s="239">
        <v>5.16E-2</v>
      </c>
      <c r="G283">
        <f t="shared" si="63"/>
        <v>0.17052</v>
      </c>
      <c r="H283" s="235">
        <f t="shared" si="64"/>
        <v>0.82101806239737274</v>
      </c>
      <c r="I283" s="236">
        <f t="shared" si="65"/>
        <v>12.947586542291313</v>
      </c>
      <c r="J283" s="237">
        <f t="shared" si="70"/>
        <v>2.9475865422913134</v>
      </c>
      <c r="K283" s="237">
        <f t="shared" si="66"/>
        <v>30.116086297369595</v>
      </c>
      <c r="L283" s="237">
        <f t="shared" si="71"/>
        <v>6.8767194031656347</v>
      </c>
      <c r="M283" s="236">
        <f t="shared" si="67"/>
        <v>20.417281187596043</v>
      </c>
      <c r="N283" s="236">
        <f t="shared" si="68"/>
        <v>0.99712320196796012</v>
      </c>
      <c r="O283" s="236">
        <f t="shared" si="72"/>
        <v>2.4801124410015372</v>
      </c>
      <c r="P283" s="236" t="str">
        <f t="shared" si="73"/>
        <v>SAND</v>
      </c>
      <c r="Q283" s="236" t="e">
        <f t="shared" si="69"/>
        <v>#N/A</v>
      </c>
      <c r="R283" s="238">
        <v>35</v>
      </c>
      <c r="S283" s="236" t="e">
        <f t="shared" si="74"/>
        <v>#N/A</v>
      </c>
      <c r="T283" s="236">
        <f t="shared" si="60"/>
        <v>32.009977009372761</v>
      </c>
    </row>
    <row r="284" spans="1:20" x14ac:dyDescent="0.2">
      <c r="A284" s="53">
        <f t="shared" si="61"/>
        <v>272</v>
      </c>
      <c r="B284" s="239">
        <v>2.3439999999999999</v>
      </c>
      <c r="C284" s="3">
        <f t="shared" si="62"/>
        <v>2.3369999999999997</v>
      </c>
      <c r="D284" s="239">
        <v>0.16070000000000001</v>
      </c>
      <c r="E284" s="239">
        <v>1.5E-3</v>
      </c>
      <c r="F284" s="239">
        <v>5.3400000000000003E-2</v>
      </c>
      <c r="G284">
        <f t="shared" si="63"/>
        <v>0.17138</v>
      </c>
      <c r="H284" s="235">
        <f t="shared" si="64"/>
        <v>0.87524798692963002</v>
      </c>
      <c r="I284" s="236">
        <f t="shared" si="65"/>
        <v>13.030453578478118</v>
      </c>
      <c r="J284" s="237">
        <f t="shared" si="70"/>
        <v>3.0304535784781184</v>
      </c>
      <c r="K284" s="237">
        <f t="shared" si="66"/>
        <v>30.452170012903359</v>
      </c>
      <c r="L284" s="237">
        <f t="shared" si="71"/>
        <v>7.1033831879527094</v>
      </c>
      <c r="M284" s="236">
        <f t="shared" si="67"/>
        <v>19.839536493837091</v>
      </c>
      <c r="N284" s="236">
        <f t="shared" si="68"/>
        <v>1.0643745810443119</v>
      </c>
      <c r="O284" s="236">
        <f t="shared" si="72"/>
        <v>2.5049678575601151</v>
      </c>
      <c r="P284" s="236" t="str">
        <f t="shared" si="73"/>
        <v>SAND</v>
      </c>
      <c r="Q284" s="236" t="e">
        <f t="shared" si="69"/>
        <v>#N/A</v>
      </c>
      <c r="R284" s="238">
        <v>35</v>
      </c>
      <c r="S284" s="236" t="e">
        <f t="shared" si="74"/>
        <v>#N/A</v>
      </c>
      <c r="T284" s="236">
        <f t="shared" si="60"/>
        <v>31.872846737848384</v>
      </c>
    </row>
    <row r="285" spans="1:20" x14ac:dyDescent="0.2">
      <c r="A285" s="53">
        <f t="shared" si="61"/>
        <v>273</v>
      </c>
      <c r="B285" s="239">
        <v>2.3530000000000002</v>
      </c>
      <c r="C285" s="3">
        <f t="shared" si="62"/>
        <v>2.3460000000000001</v>
      </c>
      <c r="D285" s="239">
        <v>0.161</v>
      </c>
      <c r="E285" s="239">
        <v>1.5E-3</v>
      </c>
      <c r="F285" s="239">
        <v>5.2600000000000001E-2</v>
      </c>
      <c r="G285">
        <f t="shared" si="63"/>
        <v>0.17152000000000001</v>
      </c>
      <c r="H285" s="235">
        <f t="shared" si="64"/>
        <v>0.87453358208955212</v>
      </c>
      <c r="I285" s="236">
        <f t="shared" si="65"/>
        <v>13.030772745044235</v>
      </c>
      <c r="J285" s="237">
        <f t="shared" si="70"/>
        <v>3.030772745044235</v>
      </c>
      <c r="K285" s="237">
        <f t="shared" si="66"/>
        <v>30.570192859873778</v>
      </c>
      <c r="L285" s="237">
        <f t="shared" si="71"/>
        <v>7.1314082690890856</v>
      </c>
      <c r="M285" s="236">
        <f t="shared" si="67"/>
        <v>19.764652621428187</v>
      </c>
      <c r="N285" s="236">
        <f t="shared" si="68"/>
        <v>1.064208621803054</v>
      </c>
      <c r="O285" s="236">
        <f t="shared" si="72"/>
        <v>2.5063586346876714</v>
      </c>
      <c r="P285" s="236" t="str">
        <f t="shared" si="73"/>
        <v>SAND</v>
      </c>
      <c r="Q285" s="236" t="e">
        <f t="shared" si="69"/>
        <v>#N/A</v>
      </c>
      <c r="R285" s="238">
        <v>35</v>
      </c>
      <c r="S285" s="236" t="e">
        <f t="shared" si="74"/>
        <v>#N/A</v>
      </c>
      <c r="T285" s="236">
        <f t="shared" si="60"/>
        <v>31.854781042648291</v>
      </c>
    </row>
    <row r="286" spans="1:20" x14ac:dyDescent="0.2">
      <c r="A286" s="53">
        <f t="shared" si="61"/>
        <v>274</v>
      </c>
      <c r="B286" s="239">
        <v>2.3639999999999999</v>
      </c>
      <c r="C286" s="3">
        <f t="shared" si="62"/>
        <v>2.3569999999999998</v>
      </c>
      <c r="D286" s="239">
        <v>0.1608</v>
      </c>
      <c r="E286" s="239">
        <v>1.6000000000000001E-3</v>
      </c>
      <c r="F286" s="239">
        <v>5.4600000000000003E-2</v>
      </c>
      <c r="G286">
        <f t="shared" si="63"/>
        <v>0.17171999999999998</v>
      </c>
      <c r="H286" s="235">
        <f t="shared" si="64"/>
        <v>0.93174935942231552</v>
      </c>
      <c r="I286" s="236">
        <f t="shared" si="65"/>
        <v>13.106905799380144</v>
      </c>
      <c r="J286" s="237">
        <f t="shared" si="70"/>
        <v>3.1069057993801437</v>
      </c>
      <c r="K286" s="237">
        <f t="shared" si="66"/>
        <v>30.892976969138996</v>
      </c>
      <c r="L286" s="237">
        <f t="shared" si="71"/>
        <v>7.3447253097346596</v>
      </c>
      <c r="M286" s="236">
        <f t="shared" si="67"/>
        <v>19.173899239527664</v>
      </c>
      <c r="N286" s="236">
        <f t="shared" si="68"/>
        <v>1.1361455816966142</v>
      </c>
      <c r="O286" s="236">
        <f t="shared" si="72"/>
        <v>2.531988835510242</v>
      </c>
      <c r="P286" s="236" t="str">
        <f t="shared" si="73"/>
        <v>SAND</v>
      </c>
      <c r="Q286" s="236" t="e">
        <f t="shared" si="69"/>
        <v>#N/A</v>
      </c>
      <c r="R286" s="238">
        <v>35</v>
      </c>
      <c r="S286" s="236" t="e">
        <f t="shared" si="74"/>
        <v>#N/A</v>
      </c>
      <c r="T286" s="236">
        <f t="shared" si="60"/>
        <v>31.709814848654794</v>
      </c>
    </row>
    <row r="287" spans="1:20" x14ac:dyDescent="0.2">
      <c r="A287" s="53">
        <f t="shared" si="61"/>
        <v>275</v>
      </c>
      <c r="B287" s="239">
        <v>2.3730000000000002</v>
      </c>
      <c r="C287" s="3">
        <f t="shared" si="62"/>
        <v>2.3660000000000001</v>
      </c>
      <c r="D287" s="239">
        <v>0.16309999999999999</v>
      </c>
      <c r="E287" s="239">
        <v>1.5E-3</v>
      </c>
      <c r="F287" s="239">
        <v>5.4899999999999997E-2</v>
      </c>
      <c r="G287">
        <f t="shared" si="63"/>
        <v>0.17407999999999998</v>
      </c>
      <c r="H287" s="235">
        <f t="shared" si="64"/>
        <v>0.86167279411764708</v>
      </c>
      <c r="I287" s="236">
        <f t="shared" si="65"/>
        <v>13.036563444049103</v>
      </c>
      <c r="J287" s="237">
        <f t="shared" si="70"/>
        <v>3.0365634440491025</v>
      </c>
      <c r="K287" s="237">
        <f t="shared" si="66"/>
        <v>30.844509108620176</v>
      </c>
      <c r="L287" s="237">
        <f t="shared" si="71"/>
        <v>7.2057650527285206</v>
      </c>
      <c r="M287" s="236">
        <f t="shared" si="67"/>
        <v>19.877901908159295</v>
      </c>
      <c r="N287" s="236">
        <f t="shared" si="68"/>
        <v>1.0472264874195876</v>
      </c>
      <c r="O287" s="236">
        <f t="shared" si="72"/>
        <v>2.5007349385310493</v>
      </c>
      <c r="P287" s="236" t="str">
        <f t="shared" si="73"/>
        <v>SAND</v>
      </c>
      <c r="Q287" s="236" t="e">
        <f t="shared" si="69"/>
        <v>#N/A</v>
      </c>
      <c r="R287" s="238">
        <v>35</v>
      </c>
      <c r="S287" s="236" t="e">
        <f t="shared" si="74"/>
        <v>#N/A</v>
      </c>
      <c r="T287" s="236">
        <f t="shared" si="60"/>
        <v>31.882075974650952</v>
      </c>
    </row>
    <row r="288" spans="1:20" x14ac:dyDescent="0.2">
      <c r="A288" s="53">
        <f t="shared" si="61"/>
        <v>276</v>
      </c>
      <c r="B288" s="239">
        <v>2.3839999999999999</v>
      </c>
      <c r="C288" s="3">
        <f t="shared" si="62"/>
        <v>2.3769999999999998</v>
      </c>
      <c r="D288" s="239">
        <v>0.161</v>
      </c>
      <c r="E288" s="239">
        <v>1.6999999999999999E-3</v>
      </c>
      <c r="F288" s="239">
        <v>5.5500000000000001E-2</v>
      </c>
      <c r="G288">
        <f t="shared" si="63"/>
        <v>0.1721</v>
      </c>
      <c r="H288" s="235">
        <f t="shared" si="64"/>
        <v>0.98779779198140616</v>
      </c>
      <c r="I288" s="236">
        <f t="shared" si="65"/>
        <v>13.178857925398631</v>
      </c>
      <c r="J288" s="237">
        <f t="shared" si="70"/>
        <v>3.1788579253986313</v>
      </c>
      <c r="K288" s="237">
        <f t="shared" si="66"/>
        <v>31.326145288672542</v>
      </c>
      <c r="L288" s="237">
        <f t="shared" si="71"/>
        <v>7.5783972941503368</v>
      </c>
      <c r="M288" s="236">
        <f t="shared" si="67"/>
        <v>18.575676260729814</v>
      </c>
      <c r="N288" s="236">
        <f t="shared" si="68"/>
        <v>1.2076106060220062</v>
      </c>
      <c r="O288" s="236">
        <f t="shared" si="72"/>
        <v>2.5572755869767705</v>
      </c>
      <c r="P288" s="236" t="str">
        <f t="shared" si="73"/>
        <v>SAND</v>
      </c>
      <c r="Q288" s="236" t="e">
        <f t="shared" si="69"/>
        <v>#N/A</v>
      </c>
      <c r="R288" s="238">
        <v>35</v>
      </c>
      <c r="S288" s="236" t="e">
        <f t="shared" si="74"/>
        <v>#N/A</v>
      </c>
      <c r="T288" s="236">
        <f t="shared" si="60"/>
        <v>31.55839096872527</v>
      </c>
    </row>
    <row r="289" spans="1:20" x14ac:dyDescent="0.2">
      <c r="A289" s="53">
        <f t="shared" si="61"/>
        <v>277</v>
      </c>
      <c r="B289" s="239">
        <v>2.3929999999999998</v>
      </c>
      <c r="C289" s="3">
        <f t="shared" si="62"/>
        <v>2.3859999999999997</v>
      </c>
      <c r="D289" s="239">
        <v>0.16159999999999999</v>
      </c>
      <c r="E289" s="239">
        <v>1.6000000000000001E-3</v>
      </c>
      <c r="F289" s="239">
        <v>5.4699999999999999E-2</v>
      </c>
      <c r="G289">
        <f t="shared" si="63"/>
        <v>0.17254</v>
      </c>
      <c r="H289" s="235">
        <f t="shared" si="64"/>
        <v>0.92732120088095515</v>
      </c>
      <c r="I289" s="236">
        <f t="shared" si="65"/>
        <v>13.108767821885159</v>
      </c>
      <c r="J289" s="237">
        <f t="shared" si="70"/>
        <v>3.1087678218851593</v>
      </c>
      <c r="K289" s="237">
        <f t="shared" si="66"/>
        <v>31.277520023017985</v>
      </c>
      <c r="L289" s="237">
        <f t="shared" si="71"/>
        <v>7.439281397771186</v>
      </c>
      <c r="M289" s="236">
        <f t="shared" si="67"/>
        <v>18.988726521261093</v>
      </c>
      <c r="N289" s="236">
        <f t="shared" si="68"/>
        <v>1.1326432894712821</v>
      </c>
      <c r="O289" s="236">
        <f t="shared" si="72"/>
        <v>2.5349563813292622</v>
      </c>
      <c r="P289" s="236" t="str">
        <f t="shared" si="73"/>
        <v>SAND</v>
      </c>
      <c r="Q289" s="236" t="e">
        <f t="shared" si="69"/>
        <v>#N/A</v>
      </c>
      <c r="R289" s="238">
        <v>35</v>
      </c>
      <c r="S289" s="236" t="e">
        <f t="shared" si="74"/>
        <v>#N/A</v>
      </c>
      <c r="T289" s="236">
        <f t="shared" si="60"/>
        <v>31.663454237347956</v>
      </c>
    </row>
    <row r="290" spans="1:20" x14ac:dyDescent="0.2">
      <c r="A290" s="53">
        <f t="shared" si="61"/>
        <v>278</v>
      </c>
      <c r="B290" s="239">
        <v>2.4039999999999999</v>
      </c>
      <c r="C290" s="3">
        <f t="shared" si="62"/>
        <v>2.3969999999999998</v>
      </c>
      <c r="D290" s="239">
        <v>0.15959999999999999</v>
      </c>
      <c r="E290" s="239">
        <v>1.8E-3</v>
      </c>
      <c r="F290" s="239">
        <v>5.3699999999999998E-2</v>
      </c>
      <c r="G290">
        <f t="shared" si="63"/>
        <v>0.17033999999999999</v>
      </c>
      <c r="H290" s="235">
        <f t="shared" si="64"/>
        <v>1.0567101091933779</v>
      </c>
      <c r="I290" s="236">
        <f t="shared" si="65"/>
        <v>13.241863796779965</v>
      </c>
      <c r="J290" s="237">
        <f t="shared" si="70"/>
        <v>3.2418637967799651</v>
      </c>
      <c r="K290" s="237">
        <f t="shared" si="66"/>
        <v>31.740747520881573</v>
      </c>
      <c r="L290" s="237">
        <f t="shared" si="71"/>
        <v>7.7934405674590357</v>
      </c>
      <c r="M290" s="236">
        <f t="shared" si="67"/>
        <v>17.784090515533009</v>
      </c>
      <c r="N290" s="236">
        <f t="shared" si="68"/>
        <v>1.2987083031138213</v>
      </c>
      <c r="O290" s="236">
        <f t="shared" si="72"/>
        <v>2.5896935461790038</v>
      </c>
      <c r="P290" s="236" t="str">
        <f t="shared" si="73"/>
        <v>SAND</v>
      </c>
      <c r="Q290" s="236" t="e">
        <f t="shared" si="69"/>
        <v>#N/A</v>
      </c>
      <c r="R290" s="238">
        <v>35</v>
      </c>
      <c r="S290" s="236" t="e">
        <f t="shared" si="74"/>
        <v>#N/A</v>
      </c>
      <c r="T290" s="236">
        <f t="shared" si="60"/>
        <v>31.350348261336062</v>
      </c>
    </row>
    <row r="291" spans="1:20" x14ac:dyDescent="0.2">
      <c r="A291" s="53">
        <f t="shared" si="61"/>
        <v>279</v>
      </c>
      <c r="B291" s="239">
        <v>2.4129999999999998</v>
      </c>
      <c r="C291" s="3">
        <f t="shared" si="62"/>
        <v>2.4059999999999997</v>
      </c>
      <c r="D291" s="239">
        <v>0.15909999999999999</v>
      </c>
      <c r="E291" s="239">
        <v>1.6999999999999999E-3</v>
      </c>
      <c r="F291" s="239">
        <v>5.1400000000000001E-2</v>
      </c>
      <c r="G291">
        <f t="shared" si="63"/>
        <v>0.16937999999999998</v>
      </c>
      <c r="H291" s="235">
        <f t="shared" si="64"/>
        <v>1.0036604085488252</v>
      </c>
      <c r="I291" s="236">
        <f t="shared" si="65"/>
        <v>13.172631057781333</v>
      </c>
      <c r="J291" s="237">
        <f t="shared" si="70"/>
        <v>3.1726310577813326</v>
      </c>
      <c r="K291" s="237">
        <f t="shared" si="66"/>
        <v>31.693350325021882</v>
      </c>
      <c r="L291" s="237">
        <f t="shared" si="71"/>
        <v>7.6555587424263551</v>
      </c>
      <c r="M291" s="236">
        <f t="shared" si="67"/>
        <v>17.985186229704198</v>
      </c>
      <c r="N291" s="236">
        <f t="shared" si="68"/>
        <v>1.2346876069778774</v>
      </c>
      <c r="O291" s="236">
        <f t="shared" si="72"/>
        <v>2.5742540326408956</v>
      </c>
      <c r="P291" s="236" t="str">
        <f t="shared" si="73"/>
        <v>SAND</v>
      </c>
      <c r="Q291" s="236" t="e">
        <f t="shared" si="69"/>
        <v>#N/A</v>
      </c>
      <c r="R291" s="238">
        <v>35</v>
      </c>
      <c r="S291" s="236" t="e">
        <f t="shared" si="74"/>
        <v>#N/A</v>
      </c>
      <c r="T291" s="236">
        <f t="shared" si="60"/>
        <v>31.404064330436324</v>
      </c>
    </row>
    <row r="292" spans="1:20" x14ac:dyDescent="0.2">
      <c r="A292" s="53">
        <f t="shared" si="61"/>
        <v>280</v>
      </c>
      <c r="B292" s="239">
        <v>2.4239999999999999</v>
      </c>
      <c r="C292" s="3">
        <f t="shared" si="62"/>
        <v>2.4169999999999998</v>
      </c>
      <c r="D292" s="239">
        <v>0.15659999999999999</v>
      </c>
      <c r="E292" s="239">
        <v>1.9E-3</v>
      </c>
      <c r="F292" s="239">
        <v>5.1499999999999997E-2</v>
      </c>
      <c r="G292">
        <f t="shared" si="63"/>
        <v>0.16689999999999999</v>
      </c>
      <c r="H292" s="235">
        <f t="shared" si="64"/>
        <v>1.1384062312762133</v>
      </c>
      <c r="I292" s="236">
        <f t="shared" si="65"/>
        <v>13.297288479966447</v>
      </c>
      <c r="J292" s="237">
        <f t="shared" si="70"/>
        <v>3.297288479966447</v>
      </c>
      <c r="K292" s="237">
        <f t="shared" si="66"/>
        <v>32.139546256078901</v>
      </c>
      <c r="L292" s="237">
        <f t="shared" si="71"/>
        <v>7.9926272754386671</v>
      </c>
      <c r="M292" s="236">
        <f t="shared" si="67"/>
        <v>16.860595283610913</v>
      </c>
      <c r="N292" s="236">
        <f t="shared" si="68"/>
        <v>1.4099091738073839</v>
      </c>
      <c r="O292" s="236">
        <f t="shared" si="72"/>
        <v>2.6279846912336176</v>
      </c>
      <c r="P292" s="236" t="str">
        <f t="shared" si="73"/>
        <v>CLAY</v>
      </c>
      <c r="Q292" s="236">
        <f t="shared" si="69"/>
        <v>11.230037811993427</v>
      </c>
      <c r="R292" s="238">
        <v>35</v>
      </c>
      <c r="S292" s="236">
        <f t="shared" si="74"/>
        <v>8.5414408650593554</v>
      </c>
      <c r="T292" s="236" t="e">
        <f t="shared" si="60"/>
        <v>#N/A</v>
      </c>
    </row>
    <row r="293" spans="1:20" x14ac:dyDescent="0.2">
      <c r="A293" s="53">
        <f t="shared" si="61"/>
        <v>281</v>
      </c>
      <c r="B293" s="239">
        <v>2.4329999999999998</v>
      </c>
      <c r="C293" s="3">
        <f t="shared" si="62"/>
        <v>2.4259999999999997</v>
      </c>
      <c r="D293" s="239">
        <v>0.15490000000000001</v>
      </c>
      <c r="E293" s="239">
        <v>1.9E-3</v>
      </c>
      <c r="F293" s="239">
        <v>5.2699999999999997E-2</v>
      </c>
      <c r="G293">
        <f t="shared" si="63"/>
        <v>0.16544</v>
      </c>
      <c r="H293" s="235">
        <f t="shared" si="64"/>
        <v>1.1484526112185687</v>
      </c>
      <c r="I293" s="236">
        <f t="shared" si="65"/>
        <v>13.293854246227587</v>
      </c>
      <c r="J293" s="237">
        <f t="shared" si="70"/>
        <v>3.2938542462275873</v>
      </c>
      <c r="K293" s="237">
        <f t="shared" si="66"/>
        <v>32.250890401348123</v>
      </c>
      <c r="L293" s="237">
        <f t="shared" si="71"/>
        <v>8.0139473810717199</v>
      </c>
      <c r="M293" s="236">
        <f t="shared" si="67"/>
        <v>16.61966360213863</v>
      </c>
      <c r="N293" s="236">
        <f t="shared" si="68"/>
        <v>1.4265430602587583</v>
      </c>
      <c r="O293" s="236">
        <f t="shared" si="72"/>
        <v>2.635974070977019</v>
      </c>
      <c r="P293" s="236" t="str">
        <f t="shared" si="73"/>
        <v>CLAY</v>
      </c>
      <c r="Q293" s="236">
        <f t="shared" si="69"/>
        <v>11.099092466554323</v>
      </c>
      <c r="R293" s="238">
        <v>35</v>
      </c>
      <c r="S293" s="236">
        <f t="shared" si="74"/>
        <v>8.3891468160203377</v>
      </c>
      <c r="T293" s="236" t="e">
        <f t="shared" si="60"/>
        <v>#N/A</v>
      </c>
    </row>
    <row r="294" spans="1:20" x14ac:dyDescent="0.2">
      <c r="A294" s="53">
        <f t="shared" si="61"/>
        <v>282</v>
      </c>
      <c r="B294" s="239">
        <v>2.4430000000000001</v>
      </c>
      <c r="C294" s="3">
        <f t="shared" si="62"/>
        <v>2.4359999999999999</v>
      </c>
      <c r="D294" s="239">
        <v>0.15129999999999999</v>
      </c>
      <c r="E294" s="239">
        <v>2E-3</v>
      </c>
      <c r="F294" s="239">
        <v>5.3600000000000002E-2</v>
      </c>
      <c r="G294">
        <f t="shared" si="63"/>
        <v>0.16202</v>
      </c>
      <c r="H294" s="235">
        <f t="shared" si="64"/>
        <v>1.2344155042587335</v>
      </c>
      <c r="I294" s="236">
        <f t="shared" si="65"/>
        <v>13.345835807727582</v>
      </c>
      <c r="J294" s="237">
        <f t="shared" si="70"/>
        <v>3.3458358077275818</v>
      </c>
      <c r="K294" s="237">
        <f t="shared" si="66"/>
        <v>32.510456027624386</v>
      </c>
      <c r="L294" s="237">
        <f t="shared" si="71"/>
        <v>8.1738768782784827</v>
      </c>
      <c r="M294" s="236">
        <f t="shared" si="67"/>
        <v>15.844322822691197</v>
      </c>
      <c r="N294" s="236">
        <f t="shared" si="68"/>
        <v>1.5442877325138291</v>
      </c>
      <c r="O294" s="236">
        <f t="shared" si="72"/>
        <v>2.6717014615877188</v>
      </c>
      <c r="P294" s="236" t="str">
        <f t="shared" si="73"/>
        <v>CLAY</v>
      </c>
      <c r="Q294" s="236">
        <f t="shared" si="69"/>
        <v>10.79246199769797</v>
      </c>
      <c r="R294" s="238">
        <v>35</v>
      </c>
      <c r="S294" s="236">
        <f t="shared" si="74"/>
        <v>7.9028203900967036</v>
      </c>
      <c r="T294" s="236" t="e">
        <f t="shared" si="60"/>
        <v>#N/A</v>
      </c>
    </row>
    <row r="295" spans="1:20" x14ac:dyDescent="0.2">
      <c r="A295" s="53">
        <f t="shared" si="61"/>
        <v>283</v>
      </c>
      <c r="B295" s="239">
        <v>2.4540000000000002</v>
      </c>
      <c r="C295" s="3">
        <f t="shared" si="62"/>
        <v>2.4470000000000001</v>
      </c>
      <c r="D295" s="239">
        <v>0.14779999999999999</v>
      </c>
      <c r="E295" s="239">
        <v>2.0999999999999999E-3</v>
      </c>
      <c r="F295" s="239">
        <v>5.4600000000000003E-2</v>
      </c>
      <c r="G295">
        <f t="shared" si="63"/>
        <v>0.15871999999999997</v>
      </c>
      <c r="H295" s="235">
        <f t="shared" si="64"/>
        <v>1.323084677419355</v>
      </c>
      <c r="I295" s="236">
        <f t="shared" si="65"/>
        <v>13.395003639493162</v>
      </c>
      <c r="J295" s="237">
        <f t="shared" si="70"/>
        <v>3.3950036394931615</v>
      </c>
      <c r="K295" s="237">
        <f t="shared" si="66"/>
        <v>32.777573905839766</v>
      </c>
      <c r="L295" s="237">
        <f t="shared" si="71"/>
        <v>8.3313389313162194</v>
      </c>
      <c r="M295" s="236">
        <f t="shared" si="67"/>
        <v>15.116708986686644</v>
      </c>
      <c r="N295" s="236">
        <f t="shared" si="68"/>
        <v>1.667428574410617</v>
      </c>
      <c r="O295" s="236">
        <f t="shared" si="72"/>
        <v>2.7066744021885176</v>
      </c>
      <c r="P295" s="236" t="str">
        <f t="shared" si="73"/>
        <v>CLAY</v>
      </c>
      <c r="Q295" s="236">
        <f t="shared" si="69"/>
        <v>10.49520217451335</v>
      </c>
      <c r="R295" s="238">
        <v>35</v>
      </c>
      <c r="S295" s="236">
        <f t="shared" si="74"/>
        <v>7.4518065892223389</v>
      </c>
      <c r="T295" s="236" t="e">
        <f t="shared" si="60"/>
        <v>#N/A</v>
      </c>
    </row>
    <row r="296" spans="1:20" x14ac:dyDescent="0.2">
      <c r="A296" s="53">
        <f t="shared" si="61"/>
        <v>284</v>
      </c>
      <c r="B296" s="239">
        <v>2.4630000000000001</v>
      </c>
      <c r="C296" s="3">
        <f t="shared" si="62"/>
        <v>2.456</v>
      </c>
      <c r="D296" s="239">
        <v>0.1431</v>
      </c>
      <c r="E296" s="239">
        <v>2.2000000000000001E-3</v>
      </c>
      <c r="F296" s="239">
        <v>5.6500000000000002E-2</v>
      </c>
      <c r="G296">
        <f t="shared" si="63"/>
        <v>0.15440000000000001</v>
      </c>
      <c r="H296" s="235">
        <f t="shared" si="64"/>
        <v>1.4248704663212435</v>
      </c>
      <c r="I296" s="236">
        <f t="shared" si="65"/>
        <v>13.43876685900219</v>
      </c>
      <c r="J296" s="237">
        <f t="shared" si="70"/>
        <v>3.4387668590021896</v>
      </c>
      <c r="K296" s="237">
        <f t="shared" si="66"/>
        <v>33.005611405709374</v>
      </c>
      <c r="L296" s="237">
        <f t="shared" si="71"/>
        <v>8.4696827737223934</v>
      </c>
      <c r="M296" s="236">
        <f t="shared" si="67"/>
        <v>14.332814089675551</v>
      </c>
      <c r="N296" s="236">
        <f t="shared" si="68"/>
        <v>1.8122748715779353</v>
      </c>
      <c r="O296" s="236">
        <f t="shared" si="72"/>
        <v>2.7455798066500869</v>
      </c>
      <c r="P296" s="236" t="str">
        <f t="shared" si="73"/>
        <v>CLAY</v>
      </c>
      <c r="Q296" s="236">
        <f t="shared" si="69"/>
        <v>10.116199049524219</v>
      </c>
      <c r="R296" s="238">
        <v>35</v>
      </c>
      <c r="S296" s="236">
        <f t="shared" si="74"/>
        <v>6.9719512750011567</v>
      </c>
      <c r="T296" s="236" t="e">
        <f t="shared" si="60"/>
        <v>#N/A</v>
      </c>
    </row>
    <row r="297" spans="1:20" x14ac:dyDescent="0.2">
      <c r="A297" s="53">
        <f t="shared" si="61"/>
        <v>285</v>
      </c>
      <c r="B297" s="239">
        <v>2.472</v>
      </c>
      <c r="C297" s="3">
        <f t="shared" si="62"/>
        <v>2.4649999999999999</v>
      </c>
      <c r="D297" s="239">
        <v>0.14030000000000001</v>
      </c>
      <c r="E297" s="239">
        <v>2.2000000000000001E-3</v>
      </c>
      <c r="F297" s="239">
        <v>5.3400000000000003E-2</v>
      </c>
      <c r="G297">
        <f t="shared" si="63"/>
        <v>0.15098</v>
      </c>
      <c r="H297" s="235">
        <f t="shared" si="64"/>
        <v>1.4571466419393297</v>
      </c>
      <c r="I297" s="236">
        <f t="shared" si="65"/>
        <v>13.430011771534362</v>
      </c>
      <c r="J297" s="237">
        <f t="shared" si="70"/>
        <v>3.4300117715343621</v>
      </c>
      <c r="K297" s="237">
        <f t="shared" si="66"/>
        <v>33.104979016832203</v>
      </c>
      <c r="L297" s="237">
        <f t="shared" si="71"/>
        <v>8.4789890992329422</v>
      </c>
      <c r="M297" s="236">
        <f t="shared" si="67"/>
        <v>13.902013506991233</v>
      </c>
      <c r="N297" s="236">
        <f t="shared" si="68"/>
        <v>1.8663835489913965</v>
      </c>
      <c r="O297" s="236">
        <f t="shared" si="72"/>
        <v>2.7636300473944386</v>
      </c>
      <c r="P297" s="236" t="str">
        <f t="shared" si="73"/>
        <v>CLAY</v>
      </c>
      <c r="Q297" s="236">
        <f t="shared" si="69"/>
        <v>9.8229184152639828</v>
      </c>
      <c r="R297" s="238">
        <v>35</v>
      </c>
      <c r="S297" s="236">
        <f t="shared" si="74"/>
        <v>6.7109984936090026</v>
      </c>
      <c r="T297" s="236" t="e">
        <f t="shared" si="60"/>
        <v>#N/A</v>
      </c>
    </row>
    <row r="298" spans="1:20" x14ac:dyDescent="0.2">
      <c r="A298" s="53">
        <f t="shared" si="61"/>
        <v>286</v>
      </c>
      <c r="B298" s="239">
        <v>2.4830000000000001</v>
      </c>
      <c r="C298" s="3">
        <f t="shared" si="62"/>
        <v>2.476</v>
      </c>
      <c r="D298" s="239">
        <v>0.1384</v>
      </c>
      <c r="E298" s="239">
        <v>2.0999999999999999E-3</v>
      </c>
      <c r="F298" s="239">
        <v>5.5800000000000002E-2</v>
      </c>
      <c r="G298">
        <f t="shared" si="63"/>
        <v>0.14956</v>
      </c>
      <c r="H298" s="235">
        <f t="shared" si="64"/>
        <v>1.4041187483284301</v>
      </c>
      <c r="I298" s="236">
        <f t="shared" si="65"/>
        <v>13.371769060998034</v>
      </c>
      <c r="J298" s="237">
        <f t="shared" si="70"/>
        <v>3.3717690609980338</v>
      </c>
      <c r="K298" s="237">
        <f t="shared" si="66"/>
        <v>33.108500195031134</v>
      </c>
      <c r="L298" s="237">
        <f t="shared" si="71"/>
        <v>8.3721025784581187</v>
      </c>
      <c r="M298" s="236">
        <f t="shared" si="67"/>
        <v>13.90946882382987</v>
      </c>
      <c r="N298" s="236">
        <f t="shared" si="68"/>
        <v>1.8033258511200343</v>
      </c>
      <c r="O298" s="236">
        <f t="shared" si="72"/>
        <v>2.7554090235155497</v>
      </c>
      <c r="P298" s="236" t="str">
        <f t="shared" si="73"/>
        <v>CLAY</v>
      </c>
      <c r="Q298" s="236">
        <f t="shared" si="69"/>
        <v>9.7042916504140724</v>
      </c>
      <c r="R298" s="238">
        <v>35</v>
      </c>
      <c r="S298" s="236">
        <f t="shared" si="74"/>
        <v>6.7154974798089802</v>
      </c>
      <c r="T298" s="236" t="e">
        <f t="shared" si="60"/>
        <v>#N/A</v>
      </c>
    </row>
    <row r="299" spans="1:20" x14ac:dyDescent="0.2">
      <c r="A299" s="53">
        <f t="shared" si="61"/>
        <v>287</v>
      </c>
      <c r="B299" s="239">
        <v>2.4940000000000002</v>
      </c>
      <c r="C299" s="3">
        <f t="shared" si="62"/>
        <v>2.4870000000000001</v>
      </c>
      <c r="D299" s="239">
        <v>0.1368</v>
      </c>
      <c r="E299" s="239">
        <v>2.0999999999999999E-3</v>
      </c>
      <c r="F299" s="239">
        <v>5.5300000000000002E-2</v>
      </c>
      <c r="G299">
        <f t="shared" si="63"/>
        <v>0.14785999999999999</v>
      </c>
      <c r="H299" s="235">
        <f t="shared" si="64"/>
        <v>1.4202624103882051</v>
      </c>
      <c r="I299" s="236">
        <f t="shared" si="65"/>
        <v>13.367300781839418</v>
      </c>
      <c r="J299" s="237">
        <f t="shared" si="70"/>
        <v>3.3673007818394183</v>
      </c>
      <c r="K299" s="237">
        <f t="shared" si="66"/>
        <v>33.244477044434632</v>
      </c>
      <c r="L299" s="237">
        <f t="shared" si="71"/>
        <v>8.3980481499075097</v>
      </c>
      <c r="M299" s="236">
        <f t="shared" si="67"/>
        <v>13.647876376706371</v>
      </c>
      <c r="N299" s="236">
        <f t="shared" si="68"/>
        <v>1.8322125536295264</v>
      </c>
      <c r="O299" s="236">
        <f t="shared" si="72"/>
        <v>2.7660691360837184</v>
      </c>
      <c r="P299" s="236" t="str">
        <f t="shared" si="73"/>
        <v>CLAY</v>
      </c>
      <c r="Q299" s="236">
        <f t="shared" si="69"/>
        <v>9.5512935796304461</v>
      </c>
      <c r="R299" s="238">
        <v>35</v>
      </c>
      <c r="S299" s="236">
        <f t="shared" si="74"/>
        <v>6.5579991892320306</v>
      </c>
      <c r="T299" s="236" t="e">
        <f t="shared" si="60"/>
        <v>#N/A</v>
      </c>
    </row>
    <row r="300" spans="1:20" x14ac:dyDescent="0.2">
      <c r="A300" s="53">
        <f t="shared" si="61"/>
        <v>288</v>
      </c>
      <c r="B300" s="239">
        <v>2.5030000000000001</v>
      </c>
      <c r="C300" s="3">
        <f t="shared" si="62"/>
        <v>2.496</v>
      </c>
      <c r="D300" s="239">
        <v>0.13919999999999999</v>
      </c>
      <c r="E300" s="239">
        <v>2.0999999999999999E-3</v>
      </c>
      <c r="F300" s="239">
        <v>5.4199999999999998E-2</v>
      </c>
      <c r="G300">
        <f t="shared" si="63"/>
        <v>0.15003999999999998</v>
      </c>
      <c r="H300" s="235">
        <f t="shared" si="64"/>
        <v>1.3996267661956812</v>
      </c>
      <c r="I300" s="236">
        <f t="shared" si="65"/>
        <v>13.373021500094886</v>
      </c>
      <c r="J300" s="237">
        <f t="shared" si="70"/>
        <v>3.373021500094886</v>
      </c>
      <c r="K300" s="237">
        <f t="shared" si="66"/>
        <v>33.379061664236836</v>
      </c>
      <c r="L300" s="237">
        <f t="shared" si="71"/>
        <v>8.4426728147375005</v>
      </c>
      <c r="M300" s="236">
        <f t="shared" si="67"/>
        <v>13.818010113114916</v>
      </c>
      <c r="N300" s="236">
        <f t="shared" si="68"/>
        <v>1.8000883843021791</v>
      </c>
      <c r="O300" s="236">
        <f t="shared" si="72"/>
        <v>2.7574111087903361</v>
      </c>
      <c r="P300" s="236" t="str">
        <f t="shared" si="73"/>
        <v>CLAY</v>
      </c>
      <c r="Q300" s="236">
        <f t="shared" si="69"/>
        <v>9.7217448613135957</v>
      </c>
      <c r="R300" s="238">
        <v>35</v>
      </c>
      <c r="S300" s="236">
        <f t="shared" si="74"/>
        <v>6.6603475395922409</v>
      </c>
      <c r="T300" s="236" t="e">
        <f t="shared" si="60"/>
        <v>#N/A</v>
      </c>
    </row>
    <row r="301" spans="1:20" x14ac:dyDescent="0.2">
      <c r="A301" s="53">
        <f t="shared" si="61"/>
        <v>289</v>
      </c>
      <c r="B301" s="239">
        <v>2.5139999999999998</v>
      </c>
      <c r="C301" s="3">
        <f t="shared" si="62"/>
        <v>2.5069999999999997</v>
      </c>
      <c r="D301" s="239">
        <v>0.13969999999999999</v>
      </c>
      <c r="E301" s="239">
        <v>2.0999999999999999E-3</v>
      </c>
      <c r="F301" s="239">
        <v>5.6500000000000002E-2</v>
      </c>
      <c r="G301">
        <f t="shared" si="63"/>
        <v>0.151</v>
      </c>
      <c r="H301" s="235">
        <f t="shared" si="64"/>
        <v>1.3907284768211921</v>
      </c>
      <c r="I301" s="236">
        <f t="shared" si="65"/>
        <v>13.375514402727921</v>
      </c>
      <c r="J301" s="237">
        <f t="shared" si="70"/>
        <v>3.3755144027279211</v>
      </c>
      <c r="K301" s="237">
        <f t="shared" si="66"/>
        <v>33.532414607638891</v>
      </c>
      <c r="L301" s="237">
        <f t="shared" si="71"/>
        <v>8.4860432084579926</v>
      </c>
      <c r="M301" s="236">
        <f t="shared" si="67"/>
        <v>13.842444883533213</v>
      </c>
      <c r="N301" s="236">
        <f t="shared" si="68"/>
        <v>1.7877272210760558</v>
      </c>
      <c r="O301" s="236">
        <f t="shared" si="72"/>
        <v>2.7551625703058531</v>
      </c>
      <c r="P301" s="236" t="str">
        <f t="shared" si="73"/>
        <v>CLAY</v>
      </c>
      <c r="Q301" s="236">
        <f t="shared" si="69"/>
        <v>9.7889654493634257</v>
      </c>
      <c r="R301" s="238">
        <v>35</v>
      </c>
      <c r="S301" s="236">
        <f t="shared" si="74"/>
        <v>6.6750728888753148</v>
      </c>
      <c r="T301" s="236" t="e">
        <f t="shared" si="60"/>
        <v>#N/A</v>
      </c>
    </row>
    <row r="302" spans="1:20" x14ac:dyDescent="0.2">
      <c r="A302" s="53">
        <f t="shared" si="61"/>
        <v>290</v>
      </c>
      <c r="B302" s="239">
        <v>2.5230000000000001</v>
      </c>
      <c r="C302" s="3">
        <f t="shared" si="62"/>
        <v>2.516</v>
      </c>
      <c r="D302" s="239">
        <v>0.1414</v>
      </c>
      <c r="E302" s="239">
        <v>2.0999999999999999E-3</v>
      </c>
      <c r="F302" s="239">
        <v>5.8799999999999998E-2</v>
      </c>
      <c r="G302">
        <f t="shared" si="63"/>
        <v>0.15315999999999999</v>
      </c>
      <c r="H302" s="235">
        <f t="shared" si="64"/>
        <v>1.3711151736745886</v>
      </c>
      <c r="I302" s="236">
        <f t="shared" si="65"/>
        <v>13.381065972072152</v>
      </c>
      <c r="J302" s="237">
        <f t="shared" si="70"/>
        <v>3.3810659720721521</v>
      </c>
      <c r="K302" s="237">
        <f t="shared" si="66"/>
        <v>33.666761985733537</v>
      </c>
      <c r="L302" s="237">
        <f t="shared" si="71"/>
        <v>8.5304294475380402</v>
      </c>
      <c r="M302" s="236">
        <f t="shared" si="67"/>
        <v>14.007880699224739</v>
      </c>
      <c r="N302" s="236">
        <f t="shared" si="68"/>
        <v>1.7574216205851565</v>
      </c>
      <c r="O302" s="236">
        <f t="shared" si="72"/>
        <v>2.7468357534953047</v>
      </c>
      <c r="P302" s="236" t="str">
        <f t="shared" si="73"/>
        <v>CLAY</v>
      </c>
      <c r="Q302" s="236">
        <f t="shared" si="69"/>
        <v>9.957769834522205</v>
      </c>
      <c r="R302" s="238">
        <v>35</v>
      </c>
      <c r="S302" s="236">
        <f t="shared" si="74"/>
        <v>6.7749415321839539</v>
      </c>
      <c r="T302" s="236" t="e">
        <f t="shared" si="60"/>
        <v>#N/A</v>
      </c>
    </row>
    <row r="303" spans="1:20" x14ac:dyDescent="0.2">
      <c r="A303" s="53">
        <f t="shared" si="61"/>
        <v>291</v>
      </c>
      <c r="B303" s="239">
        <v>2.5339999999999998</v>
      </c>
      <c r="C303" s="3">
        <f t="shared" si="62"/>
        <v>2.5269999999999997</v>
      </c>
      <c r="D303" s="239">
        <v>0.1409</v>
      </c>
      <c r="E303" s="239">
        <v>2.0999999999999999E-3</v>
      </c>
      <c r="F303" s="239">
        <v>6.0600000000000001E-2</v>
      </c>
      <c r="G303">
        <f t="shared" si="63"/>
        <v>0.15301999999999999</v>
      </c>
      <c r="H303" s="235">
        <f t="shared" si="64"/>
        <v>1.3723696248856359</v>
      </c>
      <c r="I303" s="236">
        <f t="shared" si="65"/>
        <v>13.380708528029215</v>
      </c>
      <c r="J303" s="237">
        <f t="shared" si="70"/>
        <v>3.3807085280292153</v>
      </c>
      <c r="K303" s="237">
        <f t="shared" si="66"/>
        <v>33.813050450329825</v>
      </c>
      <c r="L303" s="237">
        <f t="shared" si="71"/>
        <v>8.5667154100260312</v>
      </c>
      <c r="M303" s="236">
        <f t="shared" si="67"/>
        <v>13.915128943136905</v>
      </c>
      <c r="N303" s="236">
        <f t="shared" si="68"/>
        <v>1.761642259896089</v>
      </c>
      <c r="O303" s="236">
        <f t="shared" si="72"/>
        <v>2.7498320689419189</v>
      </c>
      <c r="P303" s="236" t="str">
        <f t="shared" si="73"/>
        <v>CLAY</v>
      </c>
      <c r="Q303" s="236">
        <f t="shared" si="69"/>
        <v>9.933912462472513</v>
      </c>
      <c r="R303" s="238">
        <v>35</v>
      </c>
      <c r="S303" s="236">
        <f t="shared" si="74"/>
        <v>6.7189135385616812</v>
      </c>
      <c r="T303" s="236" t="e">
        <f t="shared" si="60"/>
        <v>#N/A</v>
      </c>
    </row>
    <row r="304" spans="1:20" x14ac:dyDescent="0.2">
      <c r="A304" s="53">
        <f t="shared" si="61"/>
        <v>292</v>
      </c>
      <c r="B304" s="239">
        <v>2.5430000000000001</v>
      </c>
      <c r="C304" s="3">
        <f t="shared" si="62"/>
        <v>2.536</v>
      </c>
      <c r="D304" s="239">
        <v>0.1459</v>
      </c>
      <c r="E304" s="239">
        <v>2.0999999999999999E-3</v>
      </c>
      <c r="F304" s="239">
        <v>6.2E-2</v>
      </c>
      <c r="G304">
        <f t="shared" si="63"/>
        <v>0.1583</v>
      </c>
      <c r="H304" s="235">
        <f t="shared" si="64"/>
        <v>1.3265950726468729</v>
      </c>
      <c r="I304" s="236">
        <f t="shared" si="65"/>
        <v>13.393967973540189</v>
      </c>
      <c r="J304" s="237">
        <f t="shared" si="70"/>
        <v>3.3939679735401889</v>
      </c>
      <c r="K304" s="237">
        <f t="shared" si="66"/>
        <v>33.967102780897918</v>
      </c>
      <c r="L304" s="237">
        <f t="shared" si="71"/>
        <v>8.630860556712701</v>
      </c>
      <c r="M304" s="236">
        <f t="shared" si="67"/>
        <v>14.405619972900784</v>
      </c>
      <c r="N304" s="236">
        <f t="shared" si="68"/>
        <v>1.6890139673165789</v>
      </c>
      <c r="O304" s="236">
        <f t="shared" si="72"/>
        <v>2.7273662257741251</v>
      </c>
      <c r="P304" s="236" t="str">
        <f t="shared" si="73"/>
        <v>CLAY</v>
      </c>
      <c r="Q304" s="236">
        <f t="shared" si="69"/>
        <v>10.361074768258506</v>
      </c>
      <c r="R304" s="238">
        <v>35</v>
      </c>
      <c r="S304" s="236">
        <f t="shared" si="74"/>
        <v>7.0162483128085693</v>
      </c>
      <c r="T304" s="236" t="e">
        <f t="shared" si="60"/>
        <v>#N/A</v>
      </c>
    </row>
    <row r="305" spans="1:20" x14ac:dyDescent="0.2">
      <c r="A305" s="53">
        <f t="shared" si="61"/>
        <v>293</v>
      </c>
      <c r="B305" s="239">
        <v>2.5529999999999999</v>
      </c>
      <c r="C305" s="3">
        <f t="shared" si="62"/>
        <v>2.5459999999999998</v>
      </c>
      <c r="D305" s="239">
        <v>0.14910000000000001</v>
      </c>
      <c r="E305" s="239">
        <v>2.0999999999999999E-3</v>
      </c>
      <c r="F305" s="239">
        <v>6.3100000000000003E-2</v>
      </c>
      <c r="G305">
        <f t="shared" si="63"/>
        <v>0.16172</v>
      </c>
      <c r="H305" s="235">
        <f t="shared" si="64"/>
        <v>1.2985406876082117</v>
      </c>
      <c r="I305" s="236">
        <f t="shared" si="65"/>
        <v>13.402322509559541</v>
      </c>
      <c r="J305" s="237">
        <f t="shared" si="70"/>
        <v>3.4023225095595411</v>
      </c>
      <c r="K305" s="237">
        <f t="shared" si="66"/>
        <v>34.122313109338592</v>
      </c>
      <c r="L305" s="237">
        <f t="shared" si="71"/>
        <v>8.686129366905508</v>
      </c>
      <c r="M305" s="236">
        <f t="shared" si="67"/>
        <v>14.689821150582166</v>
      </c>
      <c r="N305" s="236">
        <f t="shared" si="68"/>
        <v>1.645797859799365</v>
      </c>
      <c r="O305" s="236">
        <f t="shared" si="72"/>
        <v>2.7142052968636525</v>
      </c>
      <c r="P305" s="236" t="str">
        <f t="shared" si="73"/>
        <v>CLAY</v>
      </c>
      <c r="Q305" s="236">
        <f t="shared" si="69"/>
        <v>10.633140574221784</v>
      </c>
      <c r="R305" s="238">
        <v>35</v>
      </c>
      <c r="S305" s="236">
        <f t="shared" si="74"/>
        <v>7.1896979267648904</v>
      </c>
      <c r="T305" s="236" t="e">
        <f t="shared" si="60"/>
        <v>#N/A</v>
      </c>
    </row>
    <row r="306" spans="1:20" x14ac:dyDescent="0.2">
      <c r="A306" s="53">
        <f t="shared" si="61"/>
        <v>294</v>
      </c>
      <c r="B306" s="239">
        <v>2.5640000000000001</v>
      </c>
      <c r="C306" s="3">
        <f t="shared" si="62"/>
        <v>2.5569999999999999</v>
      </c>
      <c r="D306" s="239">
        <v>0.1545</v>
      </c>
      <c r="E306" s="239">
        <v>2E-3</v>
      </c>
      <c r="F306" s="239">
        <v>5.6599999999999998E-2</v>
      </c>
      <c r="G306">
        <f t="shared" si="63"/>
        <v>0.16582</v>
      </c>
      <c r="H306" s="235">
        <f t="shared" si="64"/>
        <v>1.2061271257990593</v>
      </c>
      <c r="I306" s="236">
        <f t="shared" si="65"/>
        <v>13.354897262403302</v>
      </c>
      <c r="J306" s="237">
        <f t="shared" si="70"/>
        <v>3.354897262403302</v>
      </c>
      <c r="K306" s="237">
        <f t="shared" si="66"/>
        <v>34.148472299965242</v>
      </c>
      <c r="L306" s="237">
        <f t="shared" si="71"/>
        <v>8.6019565808020673</v>
      </c>
      <c r="M306" s="236">
        <f t="shared" si="67"/>
        <v>15.307160233045186</v>
      </c>
      <c r="N306" s="236">
        <f t="shared" si="68"/>
        <v>1.5189312639831036</v>
      </c>
      <c r="O306" s="236">
        <f t="shared" si="72"/>
        <v>2.6806744794536557</v>
      </c>
      <c r="P306" s="236" t="str">
        <f t="shared" si="73"/>
        <v>CLAY</v>
      </c>
      <c r="Q306" s="236">
        <f t="shared" si="69"/>
        <v>10.972627308336229</v>
      </c>
      <c r="R306" s="238">
        <v>35</v>
      </c>
      <c r="S306" s="236">
        <f t="shared" si="74"/>
        <v>7.5693448936572256</v>
      </c>
      <c r="T306" s="236" t="e">
        <f t="shared" si="60"/>
        <v>#N/A</v>
      </c>
    </row>
    <row r="307" spans="1:20" x14ac:dyDescent="0.2">
      <c r="A307" s="53">
        <f t="shared" si="61"/>
        <v>295</v>
      </c>
      <c r="B307" s="239">
        <v>2.573</v>
      </c>
      <c r="C307" s="3">
        <f t="shared" si="62"/>
        <v>2.5659999999999998</v>
      </c>
      <c r="D307" s="239">
        <v>0.1585</v>
      </c>
      <c r="E307" s="239">
        <v>1.9E-3</v>
      </c>
      <c r="F307" s="239">
        <v>5.4699999999999999E-2</v>
      </c>
      <c r="G307">
        <f t="shared" si="63"/>
        <v>0.16944000000000001</v>
      </c>
      <c r="H307" s="235">
        <f t="shared" si="64"/>
        <v>1.1213408876298394</v>
      </c>
      <c r="I307" s="236">
        <f t="shared" si="65"/>
        <v>13.303192125442195</v>
      </c>
      <c r="J307" s="237">
        <f t="shared" si="70"/>
        <v>3.3031921254421945</v>
      </c>
      <c r="K307" s="237">
        <f t="shared" si="66"/>
        <v>34.135990993884668</v>
      </c>
      <c r="L307" s="237">
        <f t="shared" si="71"/>
        <v>8.4991133387627666</v>
      </c>
      <c r="M307" s="236">
        <f t="shared" si="67"/>
        <v>15.919779347925701</v>
      </c>
      <c r="N307" s="236">
        <f t="shared" si="68"/>
        <v>1.4042451616597154</v>
      </c>
      <c r="O307" s="236">
        <f t="shared" si="72"/>
        <v>2.6483975826970205</v>
      </c>
      <c r="P307" s="236" t="str">
        <f t="shared" si="73"/>
        <v>CLAY</v>
      </c>
      <c r="Q307" s="236">
        <f t="shared" si="69"/>
        <v>11.275334083842944</v>
      </c>
      <c r="R307" s="238">
        <v>35</v>
      </c>
      <c r="S307" s="236">
        <f t="shared" si="74"/>
        <v>7.9498935545489724</v>
      </c>
      <c r="T307" s="236" t="e">
        <f t="shared" si="60"/>
        <v>#N/A</v>
      </c>
    </row>
    <row r="308" spans="1:20" x14ac:dyDescent="0.2">
      <c r="A308" s="53">
        <f t="shared" si="61"/>
        <v>296</v>
      </c>
      <c r="B308" s="239">
        <v>2.5830000000000002</v>
      </c>
      <c r="C308" s="3">
        <f t="shared" si="62"/>
        <v>2.5760000000000001</v>
      </c>
      <c r="D308" s="239">
        <v>0.15859999999999999</v>
      </c>
      <c r="E308" s="239">
        <v>1.8E-3</v>
      </c>
      <c r="F308" s="239">
        <v>4.9500000000000002E-2</v>
      </c>
      <c r="G308">
        <f t="shared" si="63"/>
        <v>0.16849999999999998</v>
      </c>
      <c r="H308" s="235">
        <f t="shared" si="64"/>
        <v>1.0682492581602374</v>
      </c>
      <c r="I308" s="236">
        <f t="shared" si="65"/>
        <v>13.237618732848036</v>
      </c>
      <c r="J308" s="237">
        <f t="shared" si="70"/>
        <v>3.2376187328480359</v>
      </c>
      <c r="K308" s="237">
        <f t="shared" si="66"/>
        <v>34.100105855816544</v>
      </c>
      <c r="L308" s="237">
        <f t="shared" si="71"/>
        <v>8.362769186946478</v>
      </c>
      <c r="M308" s="236">
        <f t="shared" si="67"/>
        <v>16.071218891700305</v>
      </c>
      <c r="N308" s="236">
        <f t="shared" si="68"/>
        <v>1.3392867691316561</v>
      </c>
      <c r="O308" s="236">
        <f t="shared" si="72"/>
        <v>2.6343013112823783</v>
      </c>
      <c r="P308" s="236" t="str">
        <f t="shared" si="73"/>
        <v>CLAY</v>
      </c>
      <c r="Q308" s="236">
        <f t="shared" si="69"/>
        <v>11.199991178681953</v>
      </c>
      <c r="R308" s="238">
        <v>35</v>
      </c>
      <c r="S308" s="236">
        <f t="shared" si="74"/>
        <v>8.0445365460688283</v>
      </c>
      <c r="T308" s="236" t="e">
        <f t="shared" si="60"/>
        <v>#N/A</v>
      </c>
    </row>
    <row r="309" spans="1:20" x14ac:dyDescent="0.2">
      <c r="A309" s="53">
        <f t="shared" si="61"/>
        <v>297</v>
      </c>
      <c r="B309" s="239">
        <v>2.5920000000000001</v>
      </c>
      <c r="C309" s="3">
        <f t="shared" si="62"/>
        <v>2.585</v>
      </c>
      <c r="D309" s="239">
        <v>0.1583</v>
      </c>
      <c r="E309" s="239">
        <v>1.8E-3</v>
      </c>
      <c r="F309" s="239">
        <v>5.0200000000000002E-2</v>
      </c>
      <c r="G309">
        <f t="shared" si="63"/>
        <v>0.16833999999999999</v>
      </c>
      <c r="H309" s="235">
        <f t="shared" si="64"/>
        <v>1.0692645835808483</v>
      </c>
      <c r="I309" s="236">
        <f t="shared" si="65"/>
        <v>13.237247408717305</v>
      </c>
      <c r="J309" s="237">
        <f t="shared" si="70"/>
        <v>3.2372474087173053</v>
      </c>
      <c r="K309" s="237">
        <f t="shared" si="66"/>
        <v>34.218284551534232</v>
      </c>
      <c r="L309" s="237">
        <f t="shared" si="71"/>
        <v>8.390945283395256</v>
      </c>
      <c r="M309" s="236">
        <f t="shared" si="67"/>
        <v>15.984100827576325</v>
      </c>
      <c r="N309" s="236">
        <f t="shared" si="68"/>
        <v>1.342064552321971</v>
      </c>
      <c r="O309" s="236">
        <f t="shared" si="72"/>
        <v>2.6367901472052311</v>
      </c>
      <c r="P309" s="236" t="str">
        <f t="shared" si="73"/>
        <v>CLAY</v>
      </c>
      <c r="Q309" s="236">
        <f t="shared" si="69"/>
        <v>11.176809620705482</v>
      </c>
      <c r="R309" s="238">
        <v>35</v>
      </c>
      <c r="S309" s="236">
        <f t="shared" si="74"/>
        <v>7.9900642518372962</v>
      </c>
      <c r="T309" s="236" t="e">
        <f t="shared" si="60"/>
        <v>#N/A</v>
      </c>
    </row>
    <row r="310" spans="1:20" x14ac:dyDescent="0.2">
      <c r="A310" s="53">
        <f t="shared" si="61"/>
        <v>298</v>
      </c>
      <c r="B310" s="239">
        <v>2.6030000000000002</v>
      </c>
      <c r="C310" s="3">
        <f t="shared" si="62"/>
        <v>2.5960000000000001</v>
      </c>
      <c r="D310" s="239">
        <v>0.16009999999999999</v>
      </c>
      <c r="E310" s="239">
        <v>1.6999999999999999E-3</v>
      </c>
      <c r="F310" s="239">
        <v>5.2200000000000003E-2</v>
      </c>
      <c r="G310">
        <f t="shared" si="63"/>
        <v>0.17054</v>
      </c>
      <c r="H310" s="235">
        <f t="shared" si="64"/>
        <v>0.99683358742816919</v>
      </c>
      <c r="I310" s="236">
        <f t="shared" si="65"/>
        <v>13.175298774886379</v>
      </c>
      <c r="J310" s="237">
        <f t="shared" si="70"/>
        <v>3.1752987748863788</v>
      </c>
      <c r="K310" s="237">
        <f t="shared" si="66"/>
        <v>34.203075619605038</v>
      </c>
      <c r="L310" s="237">
        <f t="shared" si="71"/>
        <v>8.2653027110292445</v>
      </c>
      <c r="M310" s="236">
        <f t="shared" si="67"/>
        <v>16.495091486300502</v>
      </c>
      <c r="N310" s="236">
        <f t="shared" si="68"/>
        <v>1.2469109213999972</v>
      </c>
      <c r="O310" s="236">
        <f t="shared" si="72"/>
        <v>2.6087992629804999</v>
      </c>
      <c r="P310" s="236" t="str">
        <f t="shared" si="73"/>
        <v>CLAY</v>
      </c>
      <c r="Q310" s="236">
        <f t="shared" si="69"/>
        <v>11.361410365032912</v>
      </c>
      <c r="R310" s="238">
        <v>35</v>
      </c>
      <c r="S310" s="236">
        <f t="shared" si="74"/>
        <v>8.3106198969781815</v>
      </c>
      <c r="T310" s="236" t="e">
        <f t="shared" si="60"/>
        <v>#N/A</v>
      </c>
    </row>
    <row r="311" spans="1:20" x14ac:dyDescent="0.2">
      <c r="A311" s="53">
        <f t="shared" si="61"/>
        <v>299</v>
      </c>
      <c r="B311" s="239">
        <v>2.6120000000000001</v>
      </c>
      <c r="C311" s="3">
        <f t="shared" si="62"/>
        <v>2.605</v>
      </c>
      <c r="D311" s="239">
        <v>0.16420000000000001</v>
      </c>
      <c r="E311" s="239">
        <v>1.6999999999999999E-3</v>
      </c>
      <c r="F311" s="239">
        <v>5.3900000000000003E-2</v>
      </c>
      <c r="G311">
        <f t="shared" si="63"/>
        <v>0.17498000000000002</v>
      </c>
      <c r="H311" s="235">
        <f t="shared" si="64"/>
        <v>0.97153960452623145</v>
      </c>
      <c r="I311" s="236">
        <f t="shared" si="65"/>
        <v>13.185344713079141</v>
      </c>
      <c r="J311" s="237">
        <f t="shared" si="70"/>
        <v>3.1853447130791412</v>
      </c>
      <c r="K311" s="237">
        <f t="shared" si="66"/>
        <v>34.347822977571163</v>
      </c>
      <c r="L311" s="237">
        <f t="shared" si="71"/>
        <v>8.3201203905627175</v>
      </c>
      <c r="M311" s="236">
        <f t="shared" si="67"/>
        <v>16.902661310279122</v>
      </c>
      <c r="N311" s="236">
        <f t="shared" si="68"/>
        <v>1.2088271944541353</v>
      </c>
      <c r="O311" s="236">
        <f t="shared" si="72"/>
        <v>2.5928590295622422</v>
      </c>
      <c r="P311" s="236" t="str">
        <f t="shared" si="73"/>
        <v>SAND</v>
      </c>
      <c r="Q311" s="236" t="e">
        <f t="shared" si="69"/>
        <v>#N/A</v>
      </c>
      <c r="R311" s="238">
        <v>35</v>
      </c>
      <c r="S311" s="236" t="e">
        <f t="shared" si="74"/>
        <v>#N/A</v>
      </c>
      <c r="T311" s="236">
        <f t="shared" si="60"/>
        <v>31.10750598241448</v>
      </c>
    </row>
    <row r="312" spans="1:20" x14ac:dyDescent="0.2">
      <c r="A312" s="53">
        <f t="shared" si="61"/>
        <v>300</v>
      </c>
      <c r="B312" s="239">
        <v>2.6230000000000002</v>
      </c>
      <c r="C312" s="3">
        <f t="shared" si="62"/>
        <v>2.6160000000000001</v>
      </c>
      <c r="D312" s="239">
        <v>0.17019999999999999</v>
      </c>
      <c r="E312" s="239">
        <v>1.6999999999999999E-3</v>
      </c>
      <c r="F312" s="239">
        <v>5.5E-2</v>
      </c>
      <c r="G312">
        <f t="shared" si="63"/>
        <v>0.1812</v>
      </c>
      <c r="H312" s="235">
        <f t="shared" si="64"/>
        <v>0.93818984547461359</v>
      </c>
      <c r="I312" s="236">
        <f t="shared" si="65"/>
        <v>13.19899751611054</v>
      </c>
      <c r="J312" s="237">
        <f t="shared" si="70"/>
        <v>3.1989975161105395</v>
      </c>
      <c r="K312" s="237">
        <f t="shared" si="66"/>
        <v>34.528577502145176</v>
      </c>
      <c r="L312" s="237">
        <f t="shared" si="71"/>
        <v>8.3909704847579452</v>
      </c>
      <c r="M312" s="236">
        <f t="shared" si="67"/>
        <v>17.479673270723687</v>
      </c>
      <c r="N312" s="236">
        <f t="shared" si="68"/>
        <v>1.1590533254866766</v>
      </c>
      <c r="O312" s="236">
        <f t="shared" si="72"/>
        <v>2.5710949883310414</v>
      </c>
      <c r="P312" s="236" t="str">
        <f t="shared" si="73"/>
        <v>SAND</v>
      </c>
      <c r="Q312" s="236" t="e">
        <f t="shared" si="69"/>
        <v>#N/A</v>
      </c>
      <c r="R312" s="238">
        <v>35</v>
      </c>
      <c r="S312" s="236" t="e">
        <f t="shared" si="74"/>
        <v>#N/A</v>
      </c>
      <c r="T312" s="236">
        <f t="shared" si="60"/>
        <v>31.267866416171973</v>
      </c>
    </row>
    <row r="313" spans="1:20" x14ac:dyDescent="0.2">
      <c r="A313" s="53">
        <f t="shared" si="61"/>
        <v>301</v>
      </c>
      <c r="B313" s="239">
        <v>2.6320000000000001</v>
      </c>
      <c r="C313" s="3">
        <f t="shared" si="62"/>
        <v>2.625</v>
      </c>
      <c r="D313" s="239">
        <v>0.17330000000000001</v>
      </c>
      <c r="E313" s="239">
        <v>1.6000000000000001E-3</v>
      </c>
      <c r="F313" s="239">
        <v>5.3900000000000003E-2</v>
      </c>
      <c r="G313">
        <f t="shared" si="63"/>
        <v>0.18408000000000002</v>
      </c>
      <c r="H313" s="235">
        <f t="shared" si="64"/>
        <v>0.86918730986527593</v>
      </c>
      <c r="I313" s="236">
        <f t="shared" si="65"/>
        <v>13.134072952648012</v>
      </c>
      <c r="J313" s="237">
        <f t="shared" si="70"/>
        <v>3.1340729526480118</v>
      </c>
      <c r="K313" s="237">
        <f t="shared" si="66"/>
        <v>34.476941500701031</v>
      </c>
      <c r="L313" s="237">
        <f t="shared" si="71"/>
        <v>8.2488800113695682</v>
      </c>
      <c r="M313" s="236">
        <f t="shared" si="67"/>
        <v>18.136166157478179</v>
      </c>
      <c r="N313" s="236">
        <f t="shared" si="68"/>
        <v>1.0694968512341594</v>
      </c>
      <c r="O313" s="236">
        <f t="shared" si="72"/>
        <v>2.5398780514826202</v>
      </c>
      <c r="P313" s="236" t="str">
        <f t="shared" si="73"/>
        <v>SAND</v>
      </c>
      <c r="Q313" s="236" t="e">
        <f t="shared" si="69"/>
        <v>#N/A</v>
      </c>
      <c r="R313" s="238">
        <v>35</v>
      </c>
      <c r="S313" s="236" t="e">
        <f t="shared" si="74"/>
        <v>#N/A</v>
      </c>
      <c r="T313" s="236">
        <f t="shared" si="60"/>
        <v>31.444000345969521</v>
      </c>
    </row>
    <row r="314" spans="1:20" x14ac:dyDescent="0.2">
      <c r="A314" s="53">
        <f t="shared" si="61"/>
        <v>302</v>
      </c>
      <c r="B314" s="239">
        <v>2.6429999999999998</v>
      </c>
      <c r="C314" s="3">
        <f t="shared" si="62"/>
        <v>2.6359999999999997</v>
      </c>
      <c r="D314" s="239">
        <v>0.1731</v>
      </c>
      <c r="E314" s="239">
        <v>1.8E-3</v>
      </c>
      <c r="F314" s="239">
        <v>5.6000000000000001E-2</v>
      </c>
      <c r="G314">
        <f t="shared" si="63"/>
        <v>0.18429999999999999</v>
      </c>
      <c r="H314" s="235">
        <f t="shared" si="64"/>
        <v>0.9766684753119913</v>
      </c>
      <c r="I314" s="236">
        <f t="shared" si="65"/>
        <v>13.27265161985858</v>
      </c>
      <c r="J314" s="237">
        <f t="shared" si="70"/>
        <v>3.2726516198585802</v>
      </c>
      <c r="K314" s="237">
        <f t="shared" si="66"/>
        <v>34.98670966994721</v>
      </c>
      <c r="L314" s="237">
        <f t="shared" si="71"/>
        <v>8.649618231286226</v>
      </c>
      <c r="M314" s="236">
        <f t="shared" si="67"/>
        <v>17.262413939840375</v>
      </c>
      <c r="N314" s="236">
        <f t="shared" si="68"/>
        <v>1.2055189434384248</v>
      </c>
      <c r="O314" s="236">
        <f t="shared" si="72"/>
        <v>2.5843547499405073</v>
      </c>
      <c r="P314" s="236" t="str">
        <f t="shared" si="73"/>
        <v>SAND</v>
      </c>
      <c r="Q314" s="236" t="e">
        <f t="shared" si="69"/>
        <v>#N/A</v>
      </c>
      <c r="R314" s="238">
        <v>35</v>
      </c>
      <c r="S314" s="236" t="e">
        <f t="shared" si="74"/>
        <v>#N/A</v>
      </c>
      <c r="T314" s="236">
        <f t="shared" si="60"/>
        <v>31.208116791030591</v>
      </c>
    </row>
    <row r="315" spans="1:20" x14ac:dyDescent="0.2">
      <c r="A315" s="53">
        <f t="shared" si="61"/>
        <v>303</v>
      </c>
      <c r="B315" s="239">
        <v>2.6520000000000001</v>
      </c>
      <c r="C315" s="3">
        <f t="shared" si="62"/>
        <v>2.645</v>
      </c>
      <c r="D315" s="239">
        <v>0.17380000000000001</v>
      </c>
      <c r="E315" s="239">
        <v>1.8E-3</v>
      </c>
      <c r="F315" s="239">
        <v>5.6099999999999997E-2</v>
      </c>
      <c r="G315">
        <f t="shared" si="63"/>
        <v>0.18502000000000002</v>
      </c>
      <c r="H315" s="235">
        <f t="shared" si="64"/>
        <v>0.97286779807588353</v>
      </c>
      <c r="I315" s="236">
        <f t="shared" si="65"/>
        <v>13.27417562711952</v>
      </c>
      <c r="J315" s="237">
        <f t="shared" si="70"/>
        <v>3.2741756271195204</v>
      </c>
      <c r="K315" s="237">
        <f t="shared" si="66"/>
        <v>35.110194533731132</v>
      </c>
      <c r="L315" s="237">
        <f t="shared" si="71"/>
        <v>8.6831137631209678</v>
      </c>
      <c r="M315" s="236">
        <f t="shared" si="67"/>
        <v>17.264521640032836</v>
      </c>
      <c r="N315" s="236">
        <f t="shared" si="68"/>
        <v>1.2007219904004325</v>
      </c>
      <c r="O315" s="236">
        <f t="shared" si="72"/>
        <v>2.583437540205769</v>
      </c>
      <c r="P315" s="236" t="str">
        <f t="shared" si="73"/>
        <v>SAND</v>
      </c>
      <c r="Q315" s="236" t="e">
        <f t="shared" si="69"/>
        <v>#N/A</v>
      </c>
      <c r="R315" s="238">
        <v>35</v>
      </c>
      <c r="S315" s="236" t="e">
        <f t="shared" si="74"/>
        <v>#N/A</v>
      </c>
      <c r="T315" s="236">
        <f t="shared" si="60"/>
        <v>31.208700045121198</v>
      </c>
    </row>
    <row r="316" spans="1:20" x14ac:dyDescent="0.2">
      <c r="A316" s="53">
        <f t="shared" si="61"/>
        <v>304</v>
      </c>
      <c r="B316" s="239">
        <v>2.6629999999999998</v>
      </c>
      <c r="C316" s="3">
        <f t="shared" si="62"/>
        <v>2.6559999999999997</v>
      </c>
      <c r="D316" s="239">
        <v>0.17369999999999999</v>
      </c>
      <c r="E316" s="239">
        <v>2E-3</v>
      </c>
      <c r="F316" s="239">
        <v>5.6800000000000003E-2</v>
      </c>
      <c r="G316">
        <f t="shared" si="63"/>
        <v>0.18506</v>
      </c>
      <c r="H316" s="235">
        <f t="shared" si="64"/>
        <v>1.0807305738679347</v>
      </c>
      <c r="I316" s="236">
        <f t="shared" si="65"/>
        <v>13.397805344723537</v>
      </c>
      <c r="J316" s="237">
        <f t="shared" si="70"/>
        <v>3.3978053447235368</v>
      </c>
      <c r="K316" s="237">
        <f t="shared" si="66"/>
        <v>35.584570995585707</v>
      </c>
      <c r="L316" s="237">
        <f t="shared" si="71"/>
        <v>9.0483556329987778</v>
      </c>
      <c r="M316" s="236">
        <f t="shared" si="67"/>
        <v>16.519623572186632</v>
      </c>
      <c r="N316" s="236">
        <f t="shared" si="68"/>
        <v>1.3380125505048297</v>
      </c>
      <c r="O316" s="236">
        <f t="shared" si="72"/>
        <v>2.6238251415819547</v>
      </c>
      <c r="P316" s="236" t="str">
        <f t="shared" si="73"/>
        <v>CLAY</v>
      </c>
      <c r="Q316" s="236">
        <f t="shared" si="69"/>
        <v>12.45628575036786</v>
      </c>
      <c r="R316" s="238">
        <v>35</v>
      </c>
      <c r="S316" s="236">
        <f t="shared" si="74"/>
        <v>8.3260725794303987</v>
      </c>
      <c r="T316" s="236" t="e">
        <f t="shared" si="60"/>
        <v>#N/A</v>
      </c>
    </row>
    <row r="317" spans="1:20" x14ac:dyDescent="0.2">
      <c r="A317" s="53">
        <f t="shared" si="61"/>
        <v>305</v>
      </c>
      <c r="B317" s="239">
        <v>2.6720000000000002</v>
      </c>
      <c r="C317" s="3">
        <f t="shared" si="62"/>
        <v>2.665</v>
      </c>
      <c r="D317" s="239">
        <v>0.17549999999999999</v>
      </c>
      <c r="E317" s="239">
        <v>2.0999999999999999E-3</v>
      </c>
      <c r="F317" s="239">
        <v>0.06</v>
      </c>
      <c r="G317">
        <f t="shared" si="63"/>
        <v>0.1875</v>
      </c>
      <c r="H317" s="235">
        <f t="shared" si="64"/>
        <v>1.1199999999999999</v>
      </c>
      <c r="I317" s="236">
        <f t="shared" si="65"/>
        <v>13.460136295021432</v>
      </c>
      <c r="J317" s="237">
        <f t="shared" si="70"/>
        <v>3.4601362950214316</v>
      </c>
      <c r="K317" s="237">
        <f t="shared" si="66"/>
        <v>35.871263226232116</v>
      </c>
      <c r="L317" s="237">
        <f t="shared" si="71"/>
        <v>9.2454841802972663</v>
      </c>
      <c r="M317" s="236">
        <f t="shared" si="67"/>
        <v>16.400302441369018</v>
      </c>
      <c r="N317" s="236">
        <f t="shared" si="68"/>
        <v>1.3849617458287133</v>
      </c>
      <c r="O317" s="236">
        <f t="shared" si="72"/>
        <v>2.6342372652696602</v>
      </c>
      <c r="P317" s="236" t="str">
        <f t="shared" si="73"/>
        <v>CLAY</v>
      </c>
      <c r="Q317" s="236">
        <f t="shared" si="69"/>
        <v>12.635728064480658</v>
      </c>
      <c r="R317" s="238">
        <v>35</v>
      </c>
      <c r="S317" s="236">
        <f t="shared" si="74"/>
        <v>8.2509666166589479</v>
      </c>
      <c r="T317" s="236" t="e">
        <f t="shared" si="60"/>
        <v>#N/A</v>
      </c>
    </row>
    <row r="318" spans="1:20" x14ac:dyDescent="0.2">
      <c r="A318" s="53">
        <f t="shared" si="61"/>
        <v>306</v>
      </c>
      <c r="B318" s="239">
        <v>2.6819999999999999</v>
      </c>
      <c r="C318" s="3">
        <f t="shared" si="62"/>
        <v>2.6749999999999998</v>
      </c>
      <c r="D318" s="239">
        <v>0.17519999999999999</v>
      </c>
      <c r="E318" s="239">
        <v>2.3E-3</v>
      </c>
      <c r="F318" s="239">
        <v>6.1199999999999997E-2</v>
      </c>
      <c r="G318">
        <f t="shared" si="63"/>
        <v>0.18744</v>
      </c>
      <c r="H318" s="235">
        <f t="shared" si="64"/>
        <v>1.2270593256508751</v>
      </c>
      <c r="I318" s="236">
        <f t="shared" si="65"/>
        <v>13.566684259660002</v>
      </c>
      <c r="J318" s="237">
        <f t="shared" si="70"/>
        <v>3.5666842596600024</v>
      </c>
      <c r="K318" s="237">
        <f t="shared" si="66"/>
        <v>36.290880394590502</v>
      </c>
      <c r="L318" s="237">
        <f t="shared" si="71"/>
        <v>9.5658471844081259</v>
      </c>
      <c r="M318" s="236">
        <f t="shared" si="67"/>
        <v>15.800913049476199</v>
      </c>
      <c r="N318" s="236">
        <f t="shared" si="68"/>
        <v>1.5216760812133003</v>
      </c>
      <c r="O318" s="236">
        <f t="shared" si="72"/>
        <v>2.6693430309851474</v>
      </c>
      <c r="P318" s="236" t="str">
        <f t="shared" si="73"/>
        <v>CLAY</v>
      </c>
      <c r="Q318" s="236">
        <f t="shared" si="69"/>
        <v>12.595759967117459</v>
      </c>
      <c r="R318" s="238">
        <v>35</v>
      </c>
      <c r="S318" s="236">
        <f t="shared" si="74"/>
        <v>7.8757647945238443</v>
      </c>
      <c r="T318" s="236" t="e">
        <f t="shared" si="60"/>
        <v>#N/A</v>
      </c>
    </row>
    <row r="319" spans="1:20" x14ac:dyDescent="0.2">
      <c r="A319" s="53">
        <f t="shared" si="61"/>
        <v>307</v>
      </c>
      <c r="B319" s="239">
        <v>2.6920000000000002</v>
      </c>
      <c r="C319" s="3">
        <f t="shared" si="62"/>
        <v>2.6850000000000001</v>
      </c>
      <c r="D319" s="239">
        <v>0.17399999999999999</v>
      </c>
      <c r="E319" s="239">
        <v>2.3999999999999998E-3</v>
      </c>
      <c r="F319" s="239">
        <v>6.3500000000000001E-2</v>
      </c>
      <c r="G319">
        <f t="shared" si="63"/>
        <v>0.18669999999999998</v>
      </c>
      <c r="H319" s="235">
        <f t="shared" si="64"/>
        <v>1.2854847348687735</v>
      </c>
      <c r="I319" s="236">
        <f t="shared" si="65"/>
        <v>13.615043293157994</v>
      </c>
      <c r="J319" s="237">
        <f t="shared" si="70"/>
        <v>3.6150432931579939</v>
      </c>
      <c r="K319" s="237">
        <f t="shared" si="66"/>
        <v>36.556391242129216</v>
      </c>
      <c r="L319" s="237">
        <f t="shared" si="71"/>
        <v>9.73169654518132</v>
      </c>
      <c r="M319" s="236">
        <f t="shared" si="67"/>
        <v>15.428307701622163</v>
      </c>
      <c r="N319" s="236">
        <f t="shared" si="68"/>
        <v>1.5984696384048969</v>
      </c>
      <c r="O319" s="236">
        <f t="shared" si="72"/>
        <v>2.6894247734621128</v>
      </c>
      <c r="P319" s="236" t="str">
        <f t="shared" si="73"/>
        <v>CLAY</v>
      </c>
      <c r="Q319" s="236">
        <f t="shared" si="69"/>
        <v>12.511967396489231</v>
      </c>
      <c r="R319" s="238">
        <v>35</v>
      </c>
      <c r="S319" s="236">
        <f t="shared" si="74"/>
        <v>7.6443026559450731</v>
      </c>
      <c r="T319" s="236" t="e">
        <f t="shared" si="60"/>
        <v>#N/A</v>
      </c>
    </row>
    <row r="320" spans="1:20" x14ac:dyDescent="0.2">
      <c r="A320" s="53">
        <f t="shared" si="61"/>
        <v>308</v>
      </c>
      <c r="B320" s="239">
        <v>2.702</v>
      </c>
      <c r="C320" s="3">
        <f t="shared" si="62"/>
        <v>2.6949999999999998</v>
      </c>
      <c r="D320" s="239">
        <v>0.17399999999999999</v>
      </c>
      <c r="E320" s="239">
        <v>2.3999999999999998E-3</v>
      </c>
      <c r="F320" s="239">
        <v>6.4600000000000005E-2</v>
      </c>
      <c r="G320">
        <f t="shared" si="63"/>
        <v>0.18691999999999998</v>
      </c>
      <c r="H320" s="235">
        <f t="shared" si="64"/>
        <v>1.2839717526214423</v>
      </c>
      <c r="I320" s="236">
        <f t="shared" si="65"/>
        <v>13.615503602120871</v>
      </c>
      <c r="J320" s="237">
        <f t="shared" si="70"/>
        <v>3.6155036021208709</v>
      </c>
      <c r="K320" s="237">
        <f t="shared" si="66"/>
        <v>36.693782207715742</v>
      </c>
      <c r="L320" s="237">
        <f t="shared" si="71"/>
        <v>9.7690907329305929</v>
      </c>
      <c r="M320" s="236">
        <f t="shared" si="67"/>
        <v>15.377707291210555</v>
      </c>
      <c r="N320" s="236">
        <f t="shared" si="68"/>
        <v>1.5975906438105547</v>
      </c>
      <c r="O320" s="236">
        <f t="shared" si="72"/>
        <v>2.6905088859707242</v>
      </c>
      <c r="P320" s="236" t="str">
        <f t="shared" si="73"/>
        <v>CLAY</v>
      </c>
      <c r="Q320" s="236">
        <f t="shared" si="69"/>
        <v>12.518851482690353</v>
      </c>
      <c r="R320" s="238">
        <v>35</v>
      </c>
      <c r="S320" s="236">
        <f t="shared" si="74"/>
        <v>7.6129766225838047</v>
      </c>
      <c r="T320" s="236" t="e">
        <f t="shared" si="60"/>
        <v>#N/A</v>
      </c>
    </row>
    <row r="321" spans="1:20" x14ac:dyDescent="0.2">
      <c r="A321" s="53">
        <f t="shared" si="61"/>
        <v>309</v>
      </c>
      <c r="B321" s="239">
        <v>2.7120000000000002</v>
      </c>
      <c r="C321" s="3">
        <f t="shared" si="62"/>
        <v>2.7050000000000001</v>
      </c>
      <c r="D321" s="239">
        <v>0.17219999999999999</v>
      </c>
      <c r="E321" s="239">
        <v>2.3999999999999998E-3</v>
      </c>
      <c r="F321" s="239">
        <v>6.4299999999999996E-2</v>
      </c>
      <c r="G321">
        <f t="shared" si="63"/>
        <v>0.18506</v>
      </c>
      <c r="H321" s="235">
        <f t="shared" si="64"/>
        <v>1.2968766886415215</v>
      </c>
      <c r="I321" s="236">
        <f t="shared" si="65"/>
        <v>13.611594709052124</v>
      </c>
      <c r="J321" s="237">
        <f t="shared" si="70"/>
        <v>3.6115947090521239</v>
      </c>
      <c r="K321" s="237">
        <f t="shared" si="66"/>
        <v>36.819363687985998</v>
      </c>
      <c r="L321" s="237">
        <f t="shared" si="71"/>
        <v>9.7946448509493607</v>
      </c>
      <c r="M321" s="236">
        <f t="shared" si="67"/>
        <v>15.134865895382164</v>
      </c>
      <c r="N321" s="236">
        <f t="shared" si="68"/>
        <v>1.6189892729200965</v>
      </c>
      <c r="O321" s="236">
        <f t="shared" si="72"/>
        <v>2.6994326156126056</v>
      </c>
      <c r="P321" s="236" t="str">
        <f t="shared" si="73"/>
        <v>CLAY</v>
      </c>
      <c r="Q321" s="236">
        <f t="shared" si="69"/>
        <v>12.3533863593345</v>
      </c>
      <c r="R321" s="238">
        <v>35</v>
      </c>
      <c r="S321" s="236">
        <f t="shared" si="74"/>
        <v>7.4629963660453136</v>
      </c>
      <c r="T321" s="236" t="e">
        <f t="shared" si="60"/>
        <v>#N/A</v>
      </c>
    </row>
    <row r="322" spans="1:20" x14ac:dyDescent="0.2">
      <c r="A322" s="53">
        <f t="shared" si="61"/>
        <v>310</v>
      </c>
      <c r="B322" s="239">
        <v>2.722</v>
      </c>
      <c r="C322" s="3">
        <f t="shared" si="62"/>
        <v>2.7149999999999999</v>
      </c>
      <c r="D322" s="239">
        <v>0.17169999999999999</v>
      </c>
      <c r="E322" s="239">
        <v>2.5000000000000001E-3</v>
      </c>
      <c r="F322" s="239">
        <v>6.0900000000000003E-2</v>
      </c>
      <c r="G322">
        <f t="shared" si="63"/>
        <v>0.18387999999999999</v>
      </c>
      <c r="H322" s="235">
        <f t="shared" si="64"/>
        <v>1.3595823363062869</v>
      </c>
      <c r="I322" s="236">
        <f t="shared" si="65"/>
        <v>13.656962123367434</v>
      </c>
      <c r="J322" s="237">
        <f t="shared" si="70"/>
        <v>3.6569621233674336</v>
      </c>
      <c r="K322" s="237">
        <f t="shared" si="66"/>
        <v>37.078652164942582</v>
      </c>
      <c r="L322" s="237">
        <f t="shared" si="71"/>
        <v>9.954250899806155</v>
      </c>
      <c r="M322" s="236">
        <f t="shared" si="67"/>
        <v>14.747603743634407</v>
      </c>
      <c r="N322" s="236">
        <f t="shared" si="68"/>
        <v>1.7029816393844981</v>
      </c>
      <c r="O322" s="236">
        <f t="shared" si="72"/>
        <v>2.7206420718941251</v>
      </c>
      <c r="P322" s="236" t="str">
        <f t="shared" si="73"/>
        <v>CLAY</v>
      </c>
      <c r="Q322" s="236">
        <f t="shared" si="69"/>
        <v>12.233445652921452</v>
      </c>
      <c r="R322" s="238">
        <v>35</v>
      </c>
      <c r="S322" s="236">
        <f t="shared" si="74"/>
        <v>7.2250662484483197</v>
      </c>
      <c r="T322" s="236" t="e">
        <f t="shared" si="60"/>
        <v>#N/A</v>
      </c>
    </row>
    <row r="323" spans="1:20" x14ac:dyDescent="0.2">
      <c r="A323" s="53">
        <f t="shared" si="61"/>
        <v>311</v>
      </c>
      <c r="B323" s="239">
        <v>2.7309999999999999</v>
      </c>
      <c r="C323" s="3">
        <f t="shared" si="62"/>
        <v>2.7239999999999998</v>
      </c>
      <c r="D323" s="239">
        <v>0.1704</v>
      </c>
      <c r="E323" s="239">
        <v>2.5999999999999999E-3</v>
      </c>
      <c r="F323" s="239">
        <v>5.8400000000000001E-2</v>
      </c>
      <c r="G323">
        <f t="shared" si="63"/>
        <v>0.18207999999999999</v>
      </c>
      <c r="H323" s="235">
        <f t="shared" si="64"/>
        <v>1.4279437609841827</v>
      </c>
      <c r="I323" s="236">
        <f t="shared" si="65"/>
        <v>13.699107114147173</v>
      </c>
      <c r="J323" s="237">
        <f t="shared" si="70"/>
        <v>3.6991071141471732</v>
      </c>
      <c r="K323" s="237">
        <f t="shared" si="66"/>
        <v>37.316367778936893</v>
      </c>
      <c r="L323" s="237">
        <f t="shared" si="71"/>
        <v>10.10226152873593</v>
      </c>
      <c r="M323" s="236">
        <f t="shared" si="67"/>
        <v>14.32982424868751</v>
      </c>
      <c r="N323" s="236">
        <f t="shared" si="68"/>
        <v>1.7960311993482161</v>
      </c>
      <c r="O323" s="236">
        <f t="shared" si="72"/>
        <v>2.743552942193765</v>
      </c>
      <c r="P323" s="236" t="str">
        <f t="shared" si="73"/>
        <v>CLAY</v>
      </c>
      <c r="Q323" s="236">
        <f t="shared" si="69"/>
        <v>12.063636018421924</v>
      </c>
      <c r="R323" s="238">
        <v>35</v>
      </c>
      <c r="S323" s="236">
        <f t="shared" si="74"/>
        <v>6.9701333764020976</v>
      </c>
      <c r="T323" s="236" t="e">
        <f t="shared" si="60"/>
        <v>#N/A</v>
      </c>
    </row>
    <row r="324" spans="1:20" x14ac:dyDescent="0.2">
      <c r="A324" s="53">
        <f t="shared" si="61"/>
        <v>312</v>
      </c>
      <c r="B324" s="239">
        <v>2.742</v>
      </c>
      <c r="C324" s="3">
        <f t="shared" si="62"/>
        <v>2.7349999999999999</v>
      </c>
      <c r="D324" s="239">
        <v>0.16789999999999999</v>
      </c>
      <c r="E324" s="239">
        <v>2.7000000000000001E-3</v>
      </c>
      <c r="F324" s="239">
        <v>5.74E-2</v>
      </c>
      <c r="G324">
        <f t="shared" si="63"/>
        <v>0.17937999999999998</v>
      </c>
      <c r="H324" s="235">
        <f t="shared" si="64"/>
        <v>1.5051845244731856</v>
      </c>
      <c r="I324" s="236">
        <f t="shared" si="65"/>
        <v>13.737521835322744</v>
      </c>
      <c r="J324" s="237">
        <f t="shared" si="70"/>
        <v>3.7375218353227435</v>
      </c>
      <c r="K324" s="237">
        <f t="shared" si="66"/>
        <v>37.572122219607699</v>
      </c>
      <c r="L324" s="237">
        <f t="shared" si="71"/>
        <v>10.248284872454963</v>
      </c>
      <c r="M324" s="236">
        <f t="shared" si="67"/>
        <v>13.837230282458219</v>
      </c>
      <c r="N324" s="236">
        <f t="shared" si="68"/>
        <v>1.9039844910318009</v>
      </c>
      <c r="O324" s="236">
        <f t="shared" si="72"/>
        <v>2.7700184670395003</v>
      </c>
      <c r="P324" s="236" t="str">
        <f t="shared" si="73"/>
        <v>CLAY</v>
      </c>
      <c r="Q324" s="236">
        <f t="shared" si="69"/>
        <v>11.817323148366023</v>
      </c>
      <c r="R324" s="238">
        <v>35</v>
      </c>
      <c r="S324" s="236">
        <f t="shared" si="74"/>
        <v>6.6719298202791979</v>
      </c>
      <c r="T324" s="236" t="e">
        <f t="shared" si="60"/>
        <v>#N/A</v>
      </c>
    </row>
    <row r="325" spans="1:20" x14ac:dyDescent="0.2">
      <c r="A325" s="53">
        <f t="shared" si="61"/>
        <v>313</v>
      </c>
      <c r="B325" s="239">
        <v>2.7519999999999998</v>
      </c>
      <c r="C325" s="3">
        <f t="shared" si="62"/>
        <v>2.7449999999999997</v>
      </c>
      <c r="D325" s="239">
        <v>0.17069999999999999</v>
      </c>
      <c r="E325" s="239">
        <v>2.7000000000000001E-3</v>
      </c>
      <c r="F325" s="239">
        <v>5.7200000000000001E-2</v>
      </c>
      <c r="G325">
        <f t="shared" si="63"/>
        <v>0.18214</v>
      </c>
      <c r="H325" s="235">
        <f t="shared" si="64"/>
        <v>1.4823761941363787</v>
      </c>
      <c r="I325" s="236">
        <f t="shared" si="65"/>
        <v>13.743490016627593</v>
      </c>
      <c r="J325" s="237">
        <f t="shared" si="70"/>
        <v>3.7434900166275931</v>
      </c>
      <c r="K325" s="237">
        <f t="shared" si="66"/>
        <v>37.725880095642736</v>
      </c>
      <c r="L325" s="237">
        <f t="shared" si="71"/>
        <v>10.302084525759135</v>
      </c>
      <c r="M325" s="236">
        <f t="shared" si="67"/>
        <v>14.017951371226566</v>
      </c>
      <c r="N325" s="236">
        <f t="shared" si="68"/>
        <v>1.8696232763030092</v>
      </c>
      <c r="O325" s="236">
        <f t="shared" si="72"/>
        <v>2.7610007240321934</v>
      </c>
      <c r="P325" s="236" t="str">
        <f t="shared" si="73"/>
        <v>CLAY</v>
      </c>
      <c r="Q325" s="236">
        <f t="shared" si="69"/>
        <v>12.03450999202977</v>
      </c>
      <c r="R325" s="238">
        <v>35</v>
      </c>
      <c r="S325" s="236">
        <f t="shared" si="74"/>
        <v>6.7810304568552731</v>
      </c>
      <c r="T325" s="236" t="e">
        <f t="shared" si="60"/>
        <v>#N/A</v>
      </c>
    </row>
    <row r="326" spans="1:20" x14ac:dyDescent="0.2">
      <c r="A326" s="53">
        <f t="shared" si="61"/>
        <v>314</v>
      </c>
      <c r="B326" s="239">
        <v>2.762</v>
      </c>
      <c r="C326" s="3">
        <f t="shared" si="62"/>
        <v>2.7549999999999999</v>
      </c>
      <c r="D326" s="239">
        <v>0.17469999999999999</v>
      </c>
      <c r="E326" s="239">
        <v>2.5999999999999999E-3</v>
      </c>
      <c r="F326" s="239">
        <v>5.3199999999999997E-2</v>
      </c>
      <c r="G326">
        <f t="shared" si="63"/>
        <v>0.18534</v>
      </c>
      <c r="H326" s="235">
        <f t="shared" si="64"/>
        <v>1.402827236430344</v>
      </c>
      <c r="I326" s="236">
        <f t="shared" si="65"/>
        <v>13.706043336720279</v>
      </c>
      <c r="J326" s="237">
        <f t="shared" si="70"/>
        <v>3.7060433367202794</v>
      </c>
      <c r="K326" s="237">
        <f t="shared" si="66"/>
        <v>37.760149392664367</v>
      </c>
      <c r="L326" s="237">
        <f t="shared" si="71"/>
        <v>10.236091696021411</v>
      </c>
      <c r="M326" s="236">
        <f t="shared" si="67"/>
        <v>14.417597554806717</v>
      </c>
      <c r="N326" s="236">
        <f t="shared" si="68"/>
        <v>1.7617581189438907</v>
      </c>
      <c r="O326" s="236">
        <f t="shared" si="72"/>
        <v>2.7368256309517447</v>
      </c>
      <c r="P326" s="236" t="str">
        <f t="shared" si="73"/>
        <v>CLAY</v>
      </c>
      <c r="Q326" s="236">
        <f t="shared" si="69"/>
        <v>12.298320883944635</v>
      </c>
      <c r="R326" s="238">
        <v>35</v>
      </c>
      <c r="S326" s="236">
        <f t="shared" si="74"/>
        <v>7.0235411628686126</v>
      </c>
      <c r="T326" s="236" t="e">
        <f t="shared" si="60"/>
        <v>#N/A</v>
      </c>
    </row>
    <row r="327" spans="1:20" x14ac:dyDescent="0.2">
      <c r="A327" s="53">
        <f t="shared" si="61"/>
        <v>315</v>
      </c>
      <c r="B327" s="239">
        <v>2.7709999999999999</v>
      </c>
      <c r="C327" s="3">
        <f t="shared" si="62"/>
        <v>2.7639999999999998</v>
      </c>
      <c r="D327" s="239">
        <v>0.1656</v>
      </c>
      <c r="E327" s="239">
        <v>2.8E-3</v>
      </c>
      <c r="F327" s="239">
        <v>5.6899999999999999E-2</v>
      </c>
      <c r="G327">
        <f t="shared" si="63"/>
        <v>0.17698</v>
      </c>
      <c r="H327" s="235">
        <f t="shared" si="64"/>
        <v>1.5820996722793537</v>
      </c>
      <c r="I327" s="236">
        <f t="shared" si="65"/>
        <v>13.774901510696155</v>
      </c>
      <c r="J327" s="237">
        <f t="shared" si="70"/>
        <v>3.7749015106961554</v>
      </c>
      <c r="K327" s="237">
        <f t="shared" si="66"/>
        <v>38.073827775564169</v>
      </c>
      <c r="L327" s="237">
        <f t="shared" si="71"/>
        <v>10.460252086139047</v>
      </c>
      <c r="M327" s="236">
        <f t="shared" si="67"/>
        <v>13.279428744217489</v>
      </c>
      <c r="N327" s="236">
        <f t="shared" si="68"/>
        <v>2.0157491601423851</v>
      </c>
      <c r="O327" s="236">
        <f t="shared" si="72"/>
        <v>2.7984770083657891</v>
      </c>
      <c r="P327" s="236" t="str">
        <f t="shared" si="73"/>
        <v>CLAY</v>
      </c>
      <c r="Q327" s="236">
        <f t="shared" si="69"/>
        <v>11.575514352036317</v>
      </c>
      <c r="R327" s="238">
        <v>35</v>
      </c>
      <c r="S327" s="236">
        <f t="shared" si="74"/>
        <v>6.337445678705075</v>
      </c>
      <c r="T327" s="236" t="e">
        <f t="shared" si="60"/>
        <v>#N/A</v>
      </c>
    </row>
    <row r="328" spans="1:20" x14ac:dyDescent="0.2">
      <c r="A328" s="53">
        <f t="shared" si="61"/>
        <v>316</v>
      </c>
      <c r="B328" s="239">
        <v>2.782</v>
      </c>
      <c r="C328" s="3">
        <f t="shared" si="62"/>
        <v>2.7749999999999999</v>
      </c>
      <c r="D328" s="239">
        <v>0.15909999999999999</v>
      </c>
      <c r="E328" s="239">
        <v>3.2000000000000002E-3</v>
      </c>
      <c r="F328" s="239">
        <v>6.2600000000000003E-2</v>
      </c>
      <c r="G328">
        <f t="shared" si="63"/>
        <v>0.17161999999999999</v>
      </c>
      <c r="H328" s="235">
        <f t="shared" si="64"/>
        <v>1.8645845472555649</v>
      </c>
      <c r="I328" s="236">
        <f t="shared" si="65"/>
        <v>13.919459103718349</v>
      </c>
      <c r="J328" s="237">
        <f t="shared" si="70"/>
        <v>3.9194591037183493</v>
      </c>
      <c r="K328" s="237">
        <f t="shared" si="66"/>
        <v>38.626499012818421</v>
      </c>
      <c r="L328" s="237">
        <f t="shared" si="71"/>
        <v>10.903935226544448</v>
      </c>
      <c r="M328" s="236">
        <f t="shared" si="67"/>
        <v>12.196835199774787</v>
      </c>
      <c r="N328" s="236">
        <f t="shared" si="68"/>
        <v>2.4061326126818994</v>
      </c>
      <c r="O328" s="236">
        <f t="shared" si="72"/>
        <v>2.8716723270809057</v>
      </c>
      <c r="P328" s="236" t="str">
        <f t="shared" si="73"/>
        <v>CLAY</v>
      </c>
      <c r="Q328" s="236">
        <f t="shared" si="69"/>
        <v>11.082791748931799</v>
      </c>
      <c r="R328" s="238">
        <v>35</v>
      </c>
      <c r="S328" s="236">
        <f t="shared" si="74"/>
        <v>5.6983478056773587</v>
      </c>
      <c r="T328" s="236" t="e">
        <f t="shared" si="60"/>
        <v>#N/A</v>
      </c>
    </row>
    <row r="329" spans="1:20" x14ac:dyDescent="0.2">
      <c r="A329" s="53">
        <f t="shared" si="61"/>
        <v>317</v>
      </c>
      <c r="B329" s="239">
        <v>2.7909999999999999</v>
      </c>
      <c r="C329" s="3">
        <f t="shared" si="62"/>
        <v>2.7839999999999998</v>
      </c>
      <c r="D329" s="239">
        <v>0.15859999999999999</v>
      </c>
      <c r="E329" s="239">
        <v>3.3E-3</v>
      </c>
      <c r="F329" s="239">
        <v>6.7100000000000007E-2</v>
      </c>
      <c r="G329">
        <f t="shared" si="63"/>
        <v>0.17201999999999998</v>
      </c>
      <c r="H329" s="235">
        <f t="shared" si="64"/>
        <v>1.9183815835367983</v>
      </c>
      <c r="I329" s="236">
        <f t="shared" si="65"/>
        <v>13.956451741049898</v>
      </c>
      <c r="J329" s="237">
        <f t="shared" si="70"/>
        <v>3.9564517410498983</v>
      </c>
      <c r="K329" s="237">
        <f t="shared" si="66"/>
        <v>38.854761647082917</v>
      </c>
      <c r="L329" s="237">
        <f t="shared" si="71"/>
        <v>11.042456809270266</v>
      </c>
      <c r="M329" s="236">
        <f t="shared" si="67"/>
        <v>12.0593850311575</v>
      </c>
      <c r="N329" s="236">
        <f t="shared" si="68"/>
        <v>2.4781242017937721</v>
      </c>
      <c r="O329" s="236">
        <f t="shared" si="72"/>
        <v>2.8829083867341856</v>
      </c>
      <c r="P329" s="236" t="str">
        <f t="shared" si="73"/>
        <v>CLAY</v>
      </c>
      <c r="Q329" s="236">
        <f t="shared" si="69"/>
        <v>11.097103196076423</v>
      </c>
      <c r="R329" s="238">
        <v>35</v>
      </c>
      <c r="S329" s="236">
        <f t="shared" si="74"/>
        <v>5.618190493570081</v>
      </c>
      <c r="T329" s="236" t="e">
        <f t="shared" si="60"/>
        <v>#N/A</v>
      </c>
    </row>
    <row r="330" spans="1:20" x14ac:dyDescent="0.2">
      <c r="A330" s="53">
        <f t="shared" si="61"/>
        <v>318</v>
      </c>
      <c r="B330" s="239">
        <v>2.802</v>
      </c>
      <c r="C330" s="3">
        <f t="shared" si="62"/>
        <v>2.7949999999999999</v>
      </c>
      <c r="D330" s="239">
        <v>0.1595</v>
      </c>
      <c r="E330" s="239">
        <v>3.3E-3</v>
      </c>
      <c r="F330" s="239">
        <v>6.7500000000000004E-2</v>
      </c>
      <c r="G330">
        <f t="shared" si="63"/>
        <v>0.17299999999999999</v>
      </c>
      <c r="H330" s="235">
        <f t="shared" si="64"/>
        <v>1.9075144508670521</v>
      </c>
      <c r="I330" s="236">
        <f t="shared" si="65"/>
        <v>13.9586721848687</v>
      </c>
      <c r="J330" s="237">
        <f t="shared" si="70"/>
        <v>3.9586721848686999</v>
      </c>
      <c r="K330" s="237">
        <f t="shared" si="66"/>
        <v>39.014488756708012</v>
      </c>
      <c r="L330" s="237">
        <f t="shared" si="71"/>
        <v>11.092199462002098</v>
      </c>
      <c r="M330" s="236">
        <f t="shared" si="67"/>
        <v>12.079255489614875</v>
      </c>
      <c r="N330" s="236">
        <f t="shared" si="68"/>
        <v>2.4629528740669824</v>
      </c>
      <c r="O330" s="236">
        <f t="shared" si="72"/>
        <v>2.8808233080838606</v>
      </c>
      <c r="P330" s="236" t="str">
        <f t="shared" si="73"/>
        <v>CLAY</v>
      </c>
      <c r="Q330" s="236">
        <f t="shared" si="69"/>
        <v>11.165459270274333</v>
      </c>
      <c r="R330" s="238">
        <v>35</v>
      </c>
      <c r="S330" s="236">
        <f t="shared" si="74"/>
        <v>5.629764363644254</v>
      </c>
      <c r="T330" s="236" t="e">
        <f t="shared" si="60"/>
        <v>#N/A</v>
      </c>
    </row>
    <row r="331" spans="1:20" x14ac:dyDescent="0.2">
      <c r="A331" s="53">
        <f t="shared" si="61"/>
        <v>319</v>
      </c>
      <c r="B331" s="239">
        <v>2.8119999999999998</v>
      </c>
      <c r="C331" s="3">
        <f t="shared" si="62"/>
        <v>2.8049999999999997</v>
      </c>
      <c r="D331" s="239">
        <v>0.157</v>
      </c>
      <c r="E331" s="239">
        <v>3.3E-3</v>
      </c>
      <c r="F331" s="239">
        <v>6.4399999999999999E-2</v>
      </c>
      <c r="G331">
        <f t="shared" si="63"/>
        <v>0.16988</v>
      </c>
      <c r="H331" s="235">
        <f t="shared" si="64"/>
        <v>1.9425476807157993</v>
      </c>
      <c r="I331" s="236">
        <f t="shared" si="65"/>
        <v>13.951558719139561</v>
      </c>
      <c r="J331" s="237">
        <f t="shared" si="70"/>
        <v>3.9515587191395607</v>
      </c>
      <c r="K331" s="237">
        <f t="shared" si="66"/>
        <v>39.134122207186465</v>
      </c>
      <c r="L331" s="237">
        <f t="shared" si="71"/>
        <v>11.111783118220444</v>
      </c>
      <c r="M331" s="236">
        <f t="shared" si="67"/>
        <v>11.766417360902606</v>
      </c>
      <c r="N331" s="236">
        <f t="shared" si="68"/>
        <v>2.5239801481384716</v>
      </c>
      <c r="O331" s="236">
        <f t="shared" si="72"/>
        <v>2.8962166354791297</v>
      </c>
      <c r="P331" s="236" t="str">
        <f t="shared" si="73"/>
        <v>CLAY</v>
      </c>
      <c r="Q331" s="236">
        <f t="shared" si="69"/>
        <v>10.895489816067794</v>
      </c>
      <c r="R331" s="238">
        <v>35</v>
      </c>
      <c r="S331" s="236">
        <f t="shared" si="74"/>
        <v>5.4481031289894748</v>
      </c>
      <c r="T331" s="236" t="e">
        <f t="shared" si="60"/>
        <v>#N/A</v>
      </c>
    </row>
    <row r="332" spans="1:20" x14ac:dyDescent="0.2">
      <c r="A332" s="53">
        <f t="shared" si="61"/>
        <v>320</v>
      </c>
      <c r="B332" s="239">
        <v>2.8220000000000001</v>
      </c>
      <c r="C332" s="3">
        <f t="shared" si="62"/>
        <v>2.8149999999999999</v>
      </c>
      <c r="D332" s="239">
        <v>0.15709999999999999</v>
      </c>
      <c r="E332" s="239">
        <v>3.2000000000000002E-3</v>
      </c>
      <c r="F332" s="239">
        <v>6.5699999999999995E-2</v>
      </c>
      <c r="G332">
        <f t="shared" si="63"/>
        <v>0.17023999999999997</v>
      </c>
      <c r="H332" s="235">
        <f t="shared" si="64"/>
        <v>1.879699248120301</v>
      </c>
      <c r="I332" s="236">
        <f t="shared" si="65"/>
        <v>13.916303445399691</v>
      </c>
      <c r="J332" s="237">
        <f t="shared" si="70"/>
        <v>3.9163034453996914</v>
      </c>
      <c r="K332" s="237">
        <f t="shared" si="66"/>
        <v>39.17439419880013</v>
      </c>
      <c r="L332" s="237">
        <f t="shared" si="71"/>
        <v>11.05180832291793</v>
      </c>
      <c r="M332" s="236">
        <f t="shared" si="67"/>
        <v>11.85920004868448</v>
      </c>
      <c r="N332" s="236">
        <f t="shared" si="68"/>
        <v>2.4415253570442852</v>
      </c>
      <c r="O332" s="236">
        <f t="shared" si="72"/>
        <v>2.8853293069532073</v>
      </c>
      <c r="P332" s="236" t="str">
        <f t="shared" si="73"/>
        <v>CLAY</v>
      </c>
      <c r="Q332" s="236">
        <f t="shared" si="69"/>
        <v>10.922133816766655</v>
      </c>
      <c r="R332" s="238">
        <v>35</v>
      </c>
      <c r="S332" s="236">
        <f t="shared" si="74"/>
        <v>5.5018564194548016</v>
      </c>
      <c r="T332" s="236" t="e">
        <f t="shared" si="60"/>
        <v>#N/A</v>
      </c>
    </row>
    <row r="333" spans="1:20" x14ac:dyDescent="0.2">
      <c r="A333" s="53">
        <f t="shared" si="61"/>
        <v>321</v>
      </c>
      <c r="B333" s="239">
        <v>2.8730000000000002</v>
      </c>
      <c r="C333" s="3">
        <f t="shared" si="62"/>
        <v>2.8660000000000001</v>
      </c>
      <c r="D333" s="239">
        <v>0.16039999999999999</v>
      </c>
      <c r="E333" s="239">
        <v>3.5999999999999999E-3</v>
      </c>
      <c r="F333" s="239">
        <v>6.4399999999999999E-2</v>
      </c>
      <c r="G333">
        <f t="shared" si="63"/>
        <v>0.17327999999999999</v>
      </c>
      <c r="H333" s="235">
        <f t="shared" si="64"/>
        <v>2.0775623268698062</v>
      </c>
      <c r="I333" s="236">
        <f t="shared" si="65"/>
        <v>14.061333401807284</v>
      </c>
      <c r="J333" s="237">
        <f t="shared" si="70"/>
        <v>4.0613334018072837</v>
      </c>
      <c r="K333" s="237">
        <f t="shared" si="66"/>
        <v>40.299781529579676</v>
      </c>
      <c r="L333" s="237">
        <f t="shared" si="71"/>
        <v>11.668210863392327</v>
      </c>
      <c r="M333" s="236">
        <f t="shared" si="67"/>
        <v>11.396795963606596</v>
      </c>
      <c r="N333" s="236">
        <f t="shared" si="68"/>
        <v>2.7071695635699173</v>
      </c>
      <c r="O333" s="236">
        <f t="shared" si="72"/>
        <v>2.9247948175712395</v>
      </c>
      <c r="P333" s="236" t="str">
        <f t="shared" si="73"/>
        <v>CLAY</v>
      </c>
      <c r="Q333" s="236">
        <f t="shared" si="69"/>
        <v>11.081684872535027</v>
      </c>
      <c r="R333" s="238">
        <v>35</v>
      </c>
      <c r="S333" s="236">
        <f t="shared" si="74"/>
        <v>5.2350215664053961</v>
      </c>
      <c r="T333" s="236" t="e">
        <f t="shared" ref="T333:T396" si="75">IF(P333="SAND",17.6+(11*LOG(M333)),#N/A)</f>
        <v>#N/A</v>
      </c>
    </row>
    <row r="334" spans="1:20" x14ac:dyDescent="0.2">
      <c r="A334" s="53">
        <f t="shared" ref="A334:A397" si="76">$A333+1</f>
        <v>322</v>
      </c>
      <c r="B334" s="239">
        <v>2.8820000000000001</v>
      </c>
      <c r="C334" s="3">
        <f t="shared" ref="C334:C397" si="77">MAX($B334 - $B$13, 0.001)</f>
        <v>2.875</v>
      </c>
      <c r="D334" s="239">
        <v>0.16589999999999999</v>
      </c>
      <c r="E334" s="239">
        <v>3.3999999999999998E-3</v>
      </c>
      <c r="F334" s="239">
        <v>6.0900000000000003E-2</v>
      </c>
      <c r="G334">
        <f t="shared" si="63"/>
        <v>0.17807999999999999</v>
      </c>
      <c r="H334" s="235">
        <f t="shared" si="64"/>
        <v>1.9092542677448336</v>
      </c>
      <c r="I334" s="236">
        <f t="shared" si="65"/>
        <v>14.004989762688144</v>
      </c>
      <c r="J334" s="237">
        <f t="shared" si="70"/>
        <v>4.0049897626881439</v>
      </c>
      <c r="K334" s="237">
        <f t="shared" si="66"/>
        <v>40.264345567728412</v>
      </c>
      <c r="L334" s="237">
        <f t="shared" si="71"/>
        <v>11.542380496067231</v>
      </c>
      <c r="M334" s="236">
        <f t="shared" si="67"/>
        <v>11.939968057648828</v>
      </c>
      <c r="N334" s="236">
        <f t="shared" si="68"/>
        <v>2.4670637120334562</v>
      </c>
      <c r="O334" s="236">
        <f t="shared" si="72"/>
        <v>2.8854045440539178</v>
      </c>
      <c r="P334" s="236" t="str">
        <f t="shared" si="73"/>
        <v>CLAY</v>
      </c>
      <c r="Q334" s="236">
        <f t="shared" si="69"/>
        <v>11.484637869355964</v>
      </c>
      <c r="R334" s="238">
        <v>35</v>
      </c>
      <c r="S334" s="236">
        <f t="shared" si="74"/>
        <v>5.5487347554773505</v>
      </c>
      <c r="T334" s="236" t="e">
        <f t="shared" si="75"/>
        <v>#N/A</v>
      </c>
    </row>
    <row r="335" spans="1:20" x14ac:dyDescent="0.2">
      <c r="A335" s="53">
        <f t="shared" si="76"/>
        <v>323</v>
      </c>
      <c r="B335" s="239">
        <v>2.8919999999999999</v>
      </c>
      <c r="C335" s="3">
        <f t="shared" si="77"/>
        <v>2.8849999999999998</v>
      </c>
      <c r="D335" s="239">
        <v>0.16850000000000001</v>
      </c>
      <c r="E335" s="239">
        <v>3.3999999999999998E-3</v>
      </c>
      <c r="F335" s="239">
        <v>6.0199999999999997E-2</v>
      </c>
      <c r="G335">
        <f t="shared" ref="G335:G398" si="78">$D335+($F335*(1-$P$8))</f>
        <v>0.18054000000000001</v>
      </c>
      <c r="H335" s="235">
        <f t="shared" ref="H335:H398" si="79">($E335/$G335)*100</f>
        <v>1.8832391713747645</v>
      </c>
      <c r="I335" s="236">
        <f t="shared" ref="I335:I398" si="80">((0.27*(LOG($H335)))+(0.36*(LOG(($G335*1000)/101)))+1.236)*10</f>
        <v>14.010352224707926</v>
      </c>
      <c r="J335" s="237">
        <f t="shared" si="70"/>
        <v>4.0103522247079262</v>
      </c>
      <c r="K335" s="237">
        <f t="shared" ref="K335:K398" si="81">$I335*$C335</f>
        <v>40.419866168282361</v>
      </c>
      <c r="L335" s="237">
        <f t="shared" si="71"/>
        <v>11.597938633855323</v>
      </c>
      <c r="M335" s="236">
        <f t="shared" ref="M335:M398" si="82">(($G335*1000)-$K335)/$L335</f>
        <v>12.081468807111602</v>
      </c>
      <c r="N335" s="236">
        <f t="shared" ref="N335:N398" si="83">(($E335*1000)/(($G335*1000)-$K335))*100</f>
        <v>2.4264892610532001</v>
      </c>
      <c r="O335" s="236">
        <f t="shared" si="72"/>
        <v>2.8771388097241863</v>
      </c>
      <c r="P335" s="236" t="str">
        <f t="shared" si="73"/>
        <v>CLAY</v>
      </c>
      <c r="Q335" s="236">
        <f t="shared" ref="Q335:Q398" si="84">IF(P335="CLAY",($G335*1000 -$K335)/$L$8,#N/A)</f>
        <v>11.676677819309802</v>
      </c>
      <c r="R335" s="238">
        <v>35</v>
      </c>
      <c r="S335" s="236">
        <f t="shared" si="74"/>
        <v>5.6310538410215925</v>
      </c>
      <c r="T335" s="236" t="e">
        <f t="shared" si="75"/>
        <v>#N/A</v>
      </c>
    </row>
    <row r="336" spans="1:20" x14ac:dyDescent="0.2">
      <c r="A336" s="53">
        <f t="shared" si="76"/>
        <v>324</v>
      </c>
      <c r="B336" s="239">
        <v>2.903</v>
      </c>
      <c r="C336" s="3">
        <f t="shared" si="77"/>
        <v>2.8959999999999999</v>
      </c>
      <c r="D336" s="239">
        <v>0.1716</v>
      </c>
      <c r="E336" s="239">
        <v>3.3E-3</v>
      </c>
      <c r="F336" s="239">
        <v>5.6099999999999997E-2</v>
      </c>
      <c r="G336">
        <f t="shared" si="78"/>
        <v>0.18282000000000001</v>
      </c>
      <c r="H336" s="235">
        <f t="shared" si="79"/>
        <v>1.8050541516245486</v>
      </c>
      <c r="I336" s="236">
        <f t="shared" si="80"/>
        <v>13.980252026198468</v>
      </c>
      <c r="J336" s="237">
        <f t="shared" ref="J336:J399" si="85">$I336-10</f>
        <v>3.9802520261984675</v>
      </c>
      <c r="K336" s="237">
        <f t="shared" si="81"/>
        <v>40.486809867870761</v>
      </c>
      <c r="L336" s="237">
        <f t="shared" ref="L336:L399" si="86">$J336*$B336</f>
        <v>11.554671632054152</v>
      </c>
      <c r="M336" s="236">
        <f t="shared" si="82"/>
        <v>12.318237563521805</v>
      </c>
      <c r="N336" s="236">
        <f t="shared" si="83"/>
        <v>2.318503503600656</v>
      </c>
      <c r="O336" s="236">
        <f t="shared" ref="O336:O399" si="87">((3.47-LOG($M336))^2+(LOG($N336)+1.22)^2)^0.5</f>
        <v>2.85913845646217</v>
      </c>
      <c r="P336" s="236" t="str">
        <f t="shared" ref="P336:P399" si="88">IF(O336&lt;2.6,"SAND","CLAY")</f>
        <v>CLAY</v>
      </c>
      <c r="Q336" s="236">
        <f t="shared" si="84"/>
        <v>11.861099177677438</v>
      </c>
      <c r="R336" s="238">
        <v>35</v>
      </c>
      <c r="S336" s="236">
        <f t="shared" ref="S336:S399" si="89">IF(P336="SAND",#N/A,0.25*($M336)^1.25)</f>
        <v>5.7693346106030399</v>
      </c>
      <c r="T336" s="236" t="e">
        <f t="shared" si="75"/>
        <v>#N/A</v>
      </c>
    </row>
    <row r="337" spans="1:20" x14ac:dyDescent="0.2">
      <c r="A337" s="53">
        <f t="shared" si="76"/>
        <v>325</v>
      </c>
      <c r="B337" s="239">
        <v>2.9119999999999999</v>
      </c>
      <c r="C337" s="3">
        <f t="shared" si="77"/>
        <v>2.9049999999999998</v>
      </c>
      <c r="D337" s="239">
        <v>0.17419999999999999</v>
      </c>
      <c r="E337" s="239">
        <v>3.2000000000000002E-3</v>
      </c>
      <c r="F337" s="239">
        <v>5.7099999999999998E-2</v>
      </c>
      <c r="G337">
        <f t="shared" si="78"/>
        <v>0.18561999999999998</v>
      </c>
      <c r="H337" s="235">
        <f t="shared" si="79"/>
        <v>1.7239521603275509</v>
      </c>
      <c r="I337" s="236">
        <f t="shared" si="80"/>
        <v>13.950110287348515</v>
      </c>
      <c r="J337" s="237">
        <f t="shared" si="85"/>
        <v>3.9501102873485152</v>
      </c>
      <c r="K337" s="237">
        <f t="shared" si="81"/>
        <v>40.525070384747437</v>
      </c>
      <c r="L337" s="237">
        <f t="shared" si="86"/>
        <v>11.502721156758875</v>
      </c>
      <c r="M337" s="236">
        <f t="shared" si="82"/>
        <v>12.613965655422005</v>
      </c>
      <c r="N337" s="236">
        <f t="shared" si="83"/>
        <v>2.2054526705277873</v>
      </c>
      <c r="O337" s="236">
        <f t="shared" si="87"/>
        <v>2.8385540547267598</v>
      </c>
      <c r="P337" s="236" t="str">
        <f t="shared" si="88"/>
        <v>CLAY</v>
      </c>
      <c r="Q337" s="236">
        <f t="shared" si="84"/>
        <v>12.091244134604379</v>
      </c>
      <c r="R337" s="238">
        <v>35</v>
      </c>
      <c r="S337" s="236">
        <f t="shared" si="89"/>
        <v>5.9429840393470341</v>
      </c>
      <c r="T337" s="236" t="e">
        <f t="shared" si="75"/>
        <v>#N/A</v>
      </c>
    </row>
    <row r="338" spans="1:20" x14ac:dyDescent="0.2">
      <c r="A338" s="53">
        <f t="shared" si="76"/>
        <v>326</v>
      </c>
      <c r="B338" s="239">
        <v>2.923</v>
      </c>
      <c r="C338" s="3">
        <f t="shared" si="77"/>
        <v>2.9159999999999999</v>
      </c>
      <c r="D338" s="239">
        <v>0.1739</v>
      </c>
      <c r="E338" s="239">
        <v>3.2000000000000002E-3</v>
      </c>
      <c r="F338" s="239">
        <v>5.9499999999999997E-2</v>
      </c>
      <c r="G338">
        <f t="shared" si="78"/>
        <v>0.18579999999999999</v>
      </c>
      <c r="H338" s="235">
        <f t="shared" si="79"/>
        <v>1.7222820236813781</v>
      </c>
      <c r="I338" s="236">
        <f t="shared" si="80"/>
        <v>13.950489134538094</v>
      </c>
      <c r="J338" s="237">
        <f t="shared" si="85"/>
        <v>3.9504891345380937</v>
      </c>
      <c r="K338" s="237">
        <f t="shared" si="81"/>
        <v>40.679626316313083</v>
      </c>
      <c r="L338" s="237">
        <f t="shared" si="86"/>
        <v>11.547279740254847</v>
      </c>
      <c r="M338" s="236">
        <f t="shared" si="82"/>
        <v>12.567494418428639</v>
      </c>
      <c r="N338" s="236">
        <f t="shared" si="83"/>
        <v>2.2050659867889486</v>
      </c>
      <c r="O338" s="236">
        <f t="shared" si="87"/>
        <v>2.8398501352421337</v>
      </c>
      <c r="P338" s="236" t="str">
        <f t="shared" si="88"/>
        <v>CLAY</v>
      </c>
      <c r="Q338" s="236">
        <f t="shared" si="84"/>
        <v>12.093364473640575</v>
      </c>
      <c r="R338" s="238">
        <v>35</v>
      </c>
      <c r="S338" s="236">
        <f t="shared" si="89"/>
        <v>5.9156283957821039</v>
      </c>
      <c r="T338" s="236" t="e">
        <f t="shared" si="75"/>
        <v>#N/A</v>
      </c>
    </row>
    <row r="339" spans="1:20" x14ac:dyDescent="0.2">
      <c r="A339" s="53">
        <f t="shared" si="76"/>
        <v>327</v>
      </c>
      <c r="B339" s="239">
        <v>2.9329999999999998</v>
      </c>
      <c r="C339" s="3">
        <f t="shared" si="77"/>
        <v>2.9259999999999997</v>
      </c>
      <c r="D339" s="239">
        <v>0.17330000000000001</v>
      </c>
      <c r="E339" s="239">
        <v>3.0999999999999999E-3</v>
      </c>
      <c r="F339" s="239">
        <v>6.0499999999999998E-2</v>
      </c>
      <c r="G339">
        <f t="shared" si="78"/>
        <v>0.18540000000000001</v>
      </c>
      <c r="H339" s="235">
        <f t="shared" si="79"/>
        <v>1.6720604099244876</v>
      </c>
      <c r="I339" s="236">
        <f t="shared" si="80"/>
        <v>13.912418384562653</v>
      </c>
      <c r="J339" s="237">
        <f t="shared" si="85"/>
        <v>3.9124183845626526</v>
      </c>
      <c r="K339" s="237">
        <f t="shared" si="81"/>
        <v>40.707736193230318</v>
      </c>
      <c r="L339" s="237">
        <f t="shared" si="86"/>
        <v>11.475123121922259</v>
      </c>
      <c r="M339" s="236">
        <f t="shared" si="82"/>
        <v>12.609212316889852</v>
      </c>
      <c r="N339" s="236">
        <f t="shared" si="83"/>
        <v>2.1424780554542413</v>
      </c>
      <c r="O339" s="236">
        <f t="shared" si="87"/>
        <v>2.8317805669712577</v>
      </c>
      <c r="P339" s="236" t="str">
        <f t="shared" si="88"/>
        <v>CLAY</v>
      </c>
      <c r="Q339" s="236">
        <f t="shared" si="84"/>
        <v>12.05768865056414</v>
      </c>
      <c r="R339" s="238">
        <v>35</v>
      </c>
      <c r="S339" s="236">
        <f t="shared" si="89"/>
        <v>5.9401847923618964</v>
      </c>
      <c r="T339" s="236" t="e">
        <f t="shared" si="75"/>
        <v>#N/A</v>
      </c>
    </row>
    <row r="340" spans="1:20" x14ac:dyDescent="0.2">
      <c r="A340" s="53">
        <f t="shared" si="76"/>
        <v>328</v>
      </c>
      <c r="B340" s="239">
        <v>2.9420000000000002</v>
      </c>
      <c r="C340" s="3">
        <f t="shared" si="77"/>
        <v>2.9350000000000001</v>
      </c>
      <c r="D340" s="239">
        <v>0.1714</v>
      </c>
      <c r="E340" s="239">
        <v>3.2000000000000002E-3</v>
      </c>
      <c r="F340" s="239">
        <v>6.0699999999999997E-2</v>
      </c>
      <c r="G340">
        <f t="shared" si="78"/>
        <v>0.18353999999999998</v>
      </c>
      <c r="H340" s="235">
        <f t="shared" si="79"/>
        <v>1.743489157676801</v>
      </c>
      <c r="I340" s="236">
        <f t="shared" si="80"/>
        <v>13.945705650477722</v>
      </c>
      <c r="J340" s="237">
        <f t="shared" si="85"/>
        <v>3.9457056504777217</v>
      </c>
      <c r="K340" s="237">
        <f t="shared" si="81"/>
        <v>40.930646084152116</v>
      </c>
      <c r="L340" s="237">
        <f t="shared" si="86"/>
        <v>11.608266023705458</v>
      </c>
      <c r="M340" s="236">
        <f t="shared" si="82"/>
        <v>12.285155562822442</v>
      </c>
      <c r="N340" s="236">
        <f t="shared" si="83"/>
        <v>2.243892081502791</v>
      </c>
      <c r="O340" s="236">
        <f t="shared" si="87"/>
        <v>2.8522614919146916</v>
      </c>
      <c r="P340" s="236" t="str">
        <f t="shared" si="88"/>
        <v>CLAY</v>
      </c>
      <c r="Q340" s="236">
        <f t="shared" si="84"/>
        <v>11.884112826320655</v>
      </c>
      <c r="R340" s="238">
        <v>35</v>
      </c>
      <c r="S340" s="236">
        <f t="shared" si="89"/>
        <v>5.7499733773895594</v>
      </c>
      <c r="T340" s="236" t="e">
        <f t="shared" si="75"/>
        <v>#N/A</v>
      </c>
    </row>
    <row r="341" spans="1:20" x14ac:dyDescent="0.2">
      <c r="A341" s="53">
        <f t="shared" si="76"/>
        <v>329</v>
      </c>
      <c r="B341" s="239">
        <v>2.9529999999999998</v>
      </c>
      <c r="C341" s="3">
        <f t="shared" si="77"/>
        <v>2.9459999999999997</v>
      </c>
      <c r="D341" s="239">
        <v>0.16880000000000001</v>
      </c>
      <c r="E341" s="239">
        <v>3.3E-3</v>
      </c>
      <c r="F341" s="239">
        <v>6.0499999999999998E-2</v>
      </c>
      <c r="G341">
        <f t="shared" si="78"/>
        <v>0.18090000000000001</v>
      </c>
      <c r="H341" s="235">
        <f t="shared" si="79"/>
        <v>1.8242122719734661</v>
      </c>
      <c r="I341" s="236">
        <f t="shared" si="80"/>
        <v>13.976125402226616</v>
      </c>
      <c r="J341" s="237">
        <f t="shared" si="85"/>
        <v>3.9761254022266161</v>
      </c>
      <c r="K341" s="237">
        <f t="shared" si="81"/>
        <v>41.173665434959609</v>
      </c>
      <c r="L341" s="237">
        <f t="shared" si="86"/>
        <v>11.741498312775198</v>
      </c>
      <c r="M341" s="236">
        <f t="shared" si="82"/>
        <v>11.900213315451641</v>
      </c>
      <c r="N341" s="236">
        <f t="shared" si="83"/>
        <v>2.3617595138902772</v>
      </c>
      <c r="O341" s="236">
        <f t="shared" si="87"/>
        <v>2.876068146635212</v>
      </c>
      <c r="P341" s="236" t="str">
        <f t="shared" si="88"/>
        <v>CLAY</v>
      </c>
      <c r="Q341" s="236">
        <f t="shared" si="84"/>
        <v>11.643861213753366</v>
      </c>
      <c r="R341" s="238">
        <v>35</v>
      </c>
      <c r="S341" s="236">
        <f t="shared" si="89"/>
        <v>5.5256508750896582</v>
      </c>
      <c r="T341" s="236" t="e">
        <f t="shared" si="75"/>
        <v>#N/A</v>
      </c>
    </row>
    <row r="342" spans="1:20" x14ac:dyDescent="0.2">
      <c r="A342" s="53">
        <f t="shared" si="76"/>
        <v>330</v>
      </c>
      <c r="B342" s="239">
        <v>2.9620000000000002</v>
      </c>
      <c r="C342" s="3">
        <f t="shared" si="77"/>
        <v>2.9550000000000001</v>
      </c>
      <c r="D342" s="239">
        <v>0.1656</v>
      </c>
      <c r="E342" s="239">
        <v>3.2000000000000002E-3</v>
      </c>
      <c r="F342" s="239">
        <v>6.0199999999999997E-2</v>
      </c>
      <c r="G342">
        <f t="shared" si="78"/>
        <v>0.17763999999999999</v>
      </c>
      <c r="H342" s="235">
        <f t="shared" si="79"/>
        <v>1.801396081963522</v>
      </c>
      <c r="I342" s="236">
        <f t="shared" si="80"/>
        <v>13.932934683897706</v>
      </c>
      <c r="J342" s="237">
        <f t="shared" si="85"/>
        <v>3.932934683897706</v>
      </c>
      <c r="K342" s="237">
        <f t="shared" si="81"/>
        <v>41.171821990917721</v>
      </c>
      <c r="L342" s="237">
        <f t="shared" si="86"/>
        <v>11.649352533705006</v>
      </c>
      <c r="M342" s="236">
        <f t="shared" si="82"/>
        <v>11.714657755805712</v>
      </c>
      <c r="N342" s="236">
        <f t="shared" si="83"/>
        <v>2.3448689992673843</v>
      </c>
      <c r="O342" s="236">
        <f t="shared" si="87"/>
        <v>2.8800306636212909</v>
      </c>
      <c r="P342" s="236" t="str">
        <f t="shared" si="88"/>
        <v>CLAY</v>
      </c>
      <c r="Q342" s="236">
        <f t="shared" si="84"/>
        <v>11.372348167423523</v>
      </c>
      <c r="R342" s="238">
        <v>35</v>
      </c>
      <c r="S342" s="236">
        <f t="shared" si="89"/>
        <v>5.4181623630991753</v>
      </c>
      <c r="T342" s="236" t="e">
        <f t="shared" si="75"/>
        <v>#N/A</v>
      </c>
    </row>
    <row r="343" spans="1:20" x14ac:dyDescent="0.2">
      <c r="A343" s="53">
        <f t="shared" si="76"/>
        <v>331</v>
      </c>
      <c r="B343" s="239">
        <v>2.9729999999999999</v>
      </c>
      <c r="C343" s="3">
        <f t="shared" si="77"/>
        <v>2.9659999999999997</v>
      </c>
      <c r="D343" s="239">
        <v>0.16250000000000001</v>
      </c>
      <c r="E343" s="239">
        <v>3.2000000000000002E-3</v>
      </c>
      <c r="F343" s="239">
        <v>5.8099999999999999E-2</v>
      </c>
      <c r="G343">
        <f t="shared" si="78"/>
        <v>0.17412</v>
      </c>
      <c r="H343" s="235">
        <f t="shared" si="79"/>
        <v>1.8378130025269932</v>
      </c>
      <c r="I343" s="236">
        <f t="shared" si="80"/>
        <v>13.925111788483058</v>
      </c>
      <c r="J343" s="237">
        <f t="shared" si="85"/>
        <v>3.9251117884830578</v>
      </c>
      <c r="K343" s="237">
        <f t="shared" si="81"/>
        <v>41.301881564640745</v>
      </c>
      <c r="L343" s="237">
        <f t="shared" si="86"/>
        <v>11.66935734716013</v>
      </c>
      <c r="M343" s="236">
        <f t="shared" si="82"/>
        <v>11.381785173258239</v>
      </c>
      <c r="N343" s="236">
        <f t="shared" si="83"/>
        <v>2.4093098424349355</v>
      </c>
      <c r="O343" s="236">
        <f t="shared" si="87"/>
        <v>2.8969708985038243</v>
      </c>
      <c r="P343" s="236" t="str">
        <f t="shared" si="88"/>
        <v>CLAY</v>
      </c>
      <c r="Q343" s="236">
        <f t="shared" si="84"/>
        <v>11.068176536279937</v>
      </c>
      <c r="R343" s="238">
        <v>35</v>
      </c>
      <c r="S343" s="236">
        <f t="shared" si="89"/>
        <v>5.2264041368206664</v>
      </c>
      <c r="T343" s="236" t="e">
        <f t="shared" si="75"/>
        <v>#N/A</v>
      </c>
    </row>
    <row r="344" spans="1:20" x14ac:dyDescent="0.2">
      <c r="A344" s="53">
        <f t="shared" si="76"/>
        <v>332</v>
      </c>
      <c r="B344" s="239">
        <v>3.032</v>
      </c>
      <c r="C344" s="3">
        <f t="shared" si="77"/>
        <v>3.0249999999999999</v>
      </c>
      <c r="D344" s="239">
        <v>0.13239999999999999</v>
      </c>
      <c r="E344" s="239">
        <v>4.4999999999999997E-3</v>
      </c>
      <c r="F344" s="239">
        <v>5.8900000000000001E-2</v>
      </c>
      <c r="G344">
        <f t="shared" si="78"/>
        <v>0.14417999999999997</v>
      </c>
      <c r="H344" s="235">
        <f t="shared" si="79"/>
        <v>3.1210986267166048</v>
      </c>
      <c r="I344" s="236">
        <f t="shared" si="80"/>
        <v>14.251131360644704</v>
      </c>
      <c r="J344" s="237">
        <f t="shared" si="85"/>
        <v>4.2511313606447043</v>
      </c>
      <c r="K344" s="237">
        <f t="shared" si="81"/>
        <v>43.109672365950232</v>
      </c>
      <c r="L344" s="237">
        <f t="shared" si="86"/>
        <v>12.889430285474743</v>
      </c>
      <c r="M344" s="236">
        <f t="shared" si="82"/>
        <v>7.841333976409115</v>
      </c>
      <c r="N344" s="236">
        <f t="shared" si="83"/>
        <v>4.4523453177013224</v>
      </c>
      <c r="O344" s="236">
        <f t="shared" si="87"/>
        <v>3.1820420134189291</v>
      </c>
      <c r="P344" s="236" t="str">
        <f t="shared" si="88"/>
        <v>CLAY</v>
      </c>
      <c r="Q344" s="236">
        <f t="shared" si="84"/>
        <v>8.4225273028374783</v>
      </c>
      <c r="R344" s="238">
        <v>35</v>
      </c>
      <c r="S344" s="236">
        <f t="shared" si="89"/>
        <v>3.2804048718101826</v>
      </c>
      <c r="T344" s="236" t="e">
        <f t="shared" si="75"/>
        <v>#N/A</v>
      </c>
    </row>
    <row r="345" spans="1:20" x14ac:dyDescent="0.2">
      <c r="A345" s="53">
        <f t="shared" si="76"/>
        <v>333</v>
      </c>
      <c r="B345" s="239">
        <v>3.0419999999999998</v>
      </c>
      <c r="C345" s="3">
        <f t="shared" si="77"/>
        <v>3.0349999999999997</v>
      </c>
      <c r="D345" s="239">
        <v>0.13100000000000001</v>
      </c>
      <c r="E345" s="239">
        <v>4.5999999999999999E-3</v>
      </c>
      <c r="F345" s="239">
        <v>6.2300000000000001E-2</v>
      </c>
      <c r="G345">
        <f t="shared" si="78"/>
        <v>0.14346</v>
      </c>
      <c r="H345" s="235">
        <f t="shared" si="79"/>
        <v>3.2064687020772338</v>
      </c>
      <c r="I345" s="236">
        <f t="shared" si="80"/>
        <v>14.274946943772214</v>
      </c>
      <c r="J345" s="237">
        <f t="shared" si="85"/>
        <v>4.2749469437722141</v>
      </c>
      <c r="K345" s="237">
        <f t="shared" si="81"/>
        <v>43.324463974348667</v>
      </c>
      <c r="L345" s="237">
        <f t="shared" si="86"/>
        <v>13.004388602955075</v>
      </c>
      <c r="M345" s="236">
        <f t="shared" si="82"/>
        <v>7.7001340918785575</v>
      </c>
      <c r="N345" s="236">
        <f t="shared" si="83"/>
        <v>4.5937737815890207</v>
      </c>
      <c r="O345" s="236">
        <f t="shared" si="87"/>
        <v>3.1964110368020675</v>
      </c>
      <c r="P345" s="236" t="str">
        <f t="shared" si="88"/>
        <v>CLAY</v>
      </c>
      <c r="Q345" s="236">
        <f t="shared" si="84"/>
        <v>8.3446280021376111</v>
      </c>
      <c r="R345" s="238">
        <v>35</v>
      </c>
      <c r="S345" s="236">
        <f t="shared" si="89"/>
        <v>3.2067335004459472</v>
      </c>
      <c r="T345" s="236" t="e">
        <f t="shared" si="75"/>
        <v>#N/A</v>
      </c>
    </row>
    <row r="346" spans="1:20" x14ac:dyDescent="0.2">
      <c r="A346" s="53">
        <f t="shared" si="76"/>
        <v>334</v>
      </c>
      <c r="B346" s="239">
        <v>3.0529999999999999</v>
      </c>
      <c r="C346" s="3">
        <f t="shared" si="77"/>
        <v>3.0459999999999998</v>
      </c>
      <c r="D346" s="239">
        <v>0.13350000000000001</v>
      </c>
      <c r="E346" s="239">
        <v>4.5999999999999999E-3</v>
      </c>
      <c r="F346" s="239">
        <v>6.3700000000000007E-2</v>
      </c>
      <c r="G346">
        <f t="shared" si="78"/>
        <v>0.14624000000000001</v>
      </c>
      <c r="H346" s="235">
        <f t="shared" si="79"/>
        <v>3.1455142231947479</v>
      </c>
      <c r="I346" s="236">
        <f t="shared" si="80"/>
        <v>14.282448760473518</v>
      </c>
      <c r="J346" s="237">
        <f t="shared" si="85"/>
        <v>4.2824487604735175</v>
      </c>
      <c r="K346" s="237">
        <f t="shared" si="81"/>
        <v>43.504338924402333</v>
      </c>
      <c r="L346" s="237">
        <f t="shared" si="86"/>
        <v>13.074316065725649</v>
      </c>
      <c r="M346" s="236">
        <f t="shared" si="82"/>
        <v>7.857822968263668</v>
      </c>
      <c r="N346" s="236">
        <f t="shared" si="83"/>
        <v>4.4775104884126904</v>
      </c>
      <c r="O346" s="236">
        <f t="shared" si="87"/>
        <v>3.1827419872067035</v>
      </c>
      <c r="P346" s="236" t="str">
        <f t="shared" si="88"/>
        <v>CLAY</v>
      </c>
      <c r="Q346" s="236">
        <f t="shared" si="84"/>
        <v>8.5613050896331391</v>
      </c>
      <c r="R346" s="238">
        <v>35</v>
      </c>
      <c r="S346" s="236">
        <f t="shared" si="89"/>
        <v>3.2890298040944494</v>
      </c>
      <c r="T346" s="236" t="e">
        <f t="shared" si="75"/>
        <v>#N/A</v>
      </c>
    </row>
    <row r="347" spans="1:20" x14ac:dyDescent="0.2">
      <c r="A347" s="53">
        <f t="shared" si="76"/>
        <v>335</v>
      </c>
      <c r="B347" s="239">
        <v>3.0619999999999998</v>
      </c>
      <c r="C347" s="3">
        <f t="shared" si="77"/>
        <v>3.0549999999999997</v>
      </c>
      <c r="D347" s="239">
        <v>0.13300000000000001</v>
      </c>
      <c r="E347" s="239">
        <v>4.5999999999999999E-3</v>
      </c>
      <c r="F347" s="239">
        <v>6.3899999999999998E-2</v>
      </c>
      <c r="G347">
        <f t="shared" si="78"/>
        <v>0.14577999999999999</v>
      </c>
      <c r="H347" s="235">
        <f t="shared" si="79"/>
        <v>3.1554397036630535</v>
      </c>
      <c r="I347" s="236">
        <f t="shared" si="80"/>
        <v>14.281217351226051</v>
      </c>
      <c r="J347" s="237">
        <f t="shared" si="85"/>
        <v>4.2812173512260507</v>
      </c>
      <c r="K347" s="237">
        <f t="shared" si="81"/>
        <v>43.629119007995584</v>
      </c>
      <c r="L347" s="237">
        <f t="shared" si="86"/>
        <v>13.109087529454166</v>
      </c>
      <c r="M347" s="236">
        <f t="shared" si="82"/>
        <v>7.7923715714374939</v>
      </c>
      <c r="N347" s="236">
        <f t="shared" si="83"/>
        <v>4.503142758367451</v>
      </c>
      <c r="O347" s="236">
        <f t="shared" si="87"/>
        <v>3.1871379813022815</v>
      </c>
      <c r="P347" s="236" t="str">
        <f t="shared" si="88"/>
        <v>CLAY</v>
      </c>
      <c r="Q347" s="236">
        <f t="shared" si="84"/>
        <v>8.5125734160003681</v>
      </c>
      <c r="R347" s="238">
        <v>35</v>
      </c>
      <c r="S347" s="236">
        <f t="shared" si="89"/>
        <v>3.25482074415901</v>
      </c>
      <c r="T347" s="236" t="e">
        <f t="shared" si="75"/>
        <v>#N/A</v>
      </c>
    </row>
    <row r="348" spans="1:20" x14ac:dyDescent="0.2">
      <c r="A348" s="53">
        <f t="shared" si="76"/>
        <v>336</v>
      </c>
      <c r="B348" s="239">
        <v>3.0720000000000001</v>
      </c>
      <c r="C348" s="3">
        <f t="shared" si="77"/>
        <v>3.0649999999999999</v>
      </c>
      <c r="D348" s="239">
        <v>0.13439999999999999</v>
      </c>
      <c r="E348" s="239">
        <v>4.4999999999999997E-3</v>
      </c>
      <c r="F348" s="239">
        <v>6.4899999999999999E-2</v>
      </c>
      <c r="G348">
        <f t="shared" si="78"/>
        <v>0.14737999999999998</v>
      </c>
      <c r="H348" s="235">
        <f t="shared" si="79"/>
        <v>3.0533315239516896</v>
      </c>
      <c r="I348" s="236">
        <f t="shared" si="80"/>
        <v>14.259711538544009</v>
      </c>
      <c r="J348" s="237">
        <f t="shared" si="85"/>
        <v>4.2597115385440087</v>
      </c>
      <c r="K348" s="237">
        <f t="shared" si="81"/>
        <v>43.706015865637383</v>
      </c>
      <c r="L348" s="237">
        <f t="shared" si="86"/>
        <v>13.085833846407196</v>
      </c>
      <c r="M348" s="236">
        <f t="shared" si="82"/>
        <v>7.9226119902803909</v>
      </c>
      <c r="N348" s="236">
        <f t="shared" si="83"/>
        <v>4.3405296300448439</v>
      </c>
      <c r="O348" s="236">
        <f t="shared" si="87"/>
        <v>3.1719367503107625</v>
      </c>
      <c r="P348" s="236" t="str">
        <f t="shared" si="88"/>
        <v>CLAY</v>
      </c>
      <c r="Q348" s="236">
        <f t="shared" si="84"/>
        <v>8.6394986778635516</v>
      </c>
      <c r="R348" s="238">
        <v>35</v>
      </c>
      <c r="S348" s="236">
        <f t="shared" si="89"/>
        <v>3.3229628981396777</v>
      </c>
      <c r="T348" s="236" t="e">
        <f t="shared" si="75"/>
        <v>#N/A</v>
      </c>
    </row>
    <row r="349" spans="1:20" x14ac:dyDescent="0.2">
      <c r="A349" s="53">
        <f t="shared" si="76"/>
        <v>337</v>
      </c>
      <c r="B349" s="239">
        <v>3.0819999999999999</v>
      </c>
      <c r="C349" s="3">
        <f t="shared" si="77"/>
        <v>3.0749999999999997</v>
      </c>
      <c r="D349" s="239">
        <v>0.13550000000000001</v>
      </c>
      <c r="E349" s="239">
        <v>4.4999999999999997E-3</v>
      </c>
      <c r="F349" s="239">
        <v>6.3299999999999995E-2</v>
      </c>
      <c r="G349">
        <f t="shared" si="78"/>
        <v>0.14816000000000001</v>
      </c>
      <c r="H349" s="235">
        <f t="shared" si="79"/>
        <v>3.0372570194384445</v>
      </c>
      <c r="I349" s="236">
        <f t="shared" si="80"/>
        <v>14.261774713979989</v>
      </c>
      <c r="J349" s="237">
        <f t="shared" si="85"/>
        <v>4.2617747139799889</v>
      </c>
      <c r="K349" s="237">
        <f t="shared" si="81"/>
        <v>43.854957245488464</v>
      </c>
      <c r="L349" s="237">
        <f t="shared" si="86"/>
        <v>13.134789668486325</v>
      </c>
      <c r="M349" s="236">
        <f t="shared" si="82"/>
        <v>7.9411277521074952</v>
      </c>
      <c r="N349" s="236">
        <f t="shared" si="83"/>
        <v>4.3142688801643381</v>
      </c>
      <c r="O349" s="236">
        <f t="shared" si="87"/>
        <v>3.169571949985075</v>
      </c>
      <c r="P349" s="236" t="str">
        <f t="shared" si="88"/>
        <v>CLAY</v>
      </c>
      <c r="Q349" s="236">
        <f t="shared" si="84"/>
        <v>8.6920868962092968</v>
      </c>
      <c r="R349" s="238">
        <v>35</v>
      </c>
      <c r="S349" s="236">
        <f t="shared" si="89"/>
        <v>3.3326732615584094</v>
      </c>
      <c r="T349" s="236" t="e">
        <f t="shared" si="75"/>
        <v>#N/A</v>
      </c>
    </row>
    <row r="350" spans="1:20" x14ac:dyDescent="0.2">
      <c r="A350" s="53">
        <f t="shared" si="76"/>
        <v>338</v>
      </c>
      <c r="B350" s="239">
        <v>3.0920000000000001</v>
      </c>
      <c r="C350" s="3">
        <f t="shared" si="77"/>
        <v>3.085</v>
      </c>
      <c r="D350" s="239">
        <v>0.13730000000000001</v>
      </c>
      <c r="E350" s="239">
        <v>4.3E-3</v>
      </c>
      <c r="F350" s="239">
        <v>6.4100000000000004E-2</v>
      </c>
      <c r="G350">
        <f t="shared" si="78"/>
        <v>0.15012</v>
      </c>
      <c r="H350" s="235">
        <f t="shared" si="79"/>
        <v>2.8643751665334398</v>
      </c>
      <c r="I350" s="236">
        <f t="shared" si="80"/>
        <v>14.213602584614311</v>
      </c>
      <c r="J350" s="237">
        <f t="shared" si="85"/>
        <v>4.2136025846143106</v>
      </c>
      <c r="K350" s="237">
        <f t="shared" si="81"/>
        <v>43.848963973535149</v>
      </c>
      <c r="L350" s="237">
        <f t="shared" si="86"/>
        <v>13.028459191627448</v>
      </c>
      <c r="M350" s="236">
        <f t="shared" si="82"/>
        <v>8.1568383846002614</v>
      </c>
      <c r="N350" s="236">
        <f t="shared" si="83"/>
        <v>4.0462577206165227</v>
      </c>
      <c r="O350" s="236">
        <f t="shared" si="87"/>
        <v>3.143872619495101</v>
      </c>
      <c r="P350" s="236" t="str">
        <f t="shared" si="88"/>
        <v>CLAY</v>
      </c>
      <c r="Q350" s="236">
        <f t="shared" si="84"/>
        <v>8.8559196688720707</v>
      </c>
      <c r="R350" s="238">
        <v>35</v>
      </c>
      <c r="S350" s="236">
        <f t="shared" si="89"/>
        <v>3.4462146995895675</v>
      </c>
      <c r="T350" s="236" t="e">
        <f t="shared" si="75"/>
        <v>#N/A</v>
      </c>
    </row>
    <row r="351" spans="1:20" x14ac:dyDescent="0.2">
      <c r="A351" s="53">
        <f t="shared" si="76"/>
        <v>339</v>
      </c>
      <c r="B351" s="239">
        <v>3.101</v>
      </c>
      <c r="C351" s="3">
        <f t="shared" si="77"/>
        <v>3.0939999999999999</v>
      </c>
      <c r="D351" s="239">
        <v>0.1391</v>
      </c>
      <c r="E351" s="239">
        <v>4.1999999999999997E-3</v>
      </c>
      <c r="F351" s="239">
        <v>6.7500000000000004E-2</v>
      </c>
      <c r="G351">
        <f t="shared" si="78"/>
        <v>0.15260000000000001</v>
      </c>
      <c r="H351" s="235">
        <f t="shared" si="79"/>
        <v>2.7522935779816509</v>
      </c>
      <c r="I351" s="236">
        <f t="shared" si="80"/>
        <v>14.192415218713794</v>
      </c>
      <c r="J351" s="237">
        <f t="shared" si="85"/>
        <v>4.1924152187137942</v>
      </c>
      <c r="K351" s="237">
        <f t="shared" si="81"/>
        <v>43.911332686700476</v>
      </c>
      <c r="L351" s="237">
        <f t="shared" si="86"/>
        <v>13.000679593231476</v>
      </c>
      <c r="M351" s="236">
        <f t="shared" si="82"/>
        <v>8.3602296736769031</v>
      </c>
      <c r="N351" s="236">
        <f t="shared" si="83"/>
        <v>3.8642483193701582</v>
      </c>
      <c r="O351" s="236">
        <f t="shared" si="87"/>
        <v>3.123567842593598</v>
      </c>
      <c r="P351" s="236" t="str">
        <f t="shared" si="88"/>
        <v>CLAY</v>
      </c>
      <c r="Q351" s="236">
        <f t="shared" si="84"/>
        <v>9.0573889427749616</v>
      </c>
      <c r="R351" s="238">
        <v>35</v>
      </c>
      <c r="S351" s="236">
        <f t="shared" si="89"/>
        <v>3.5539619144970369</v>
      </c>
      <c r="T351" s="236" t="e">
        <f t="shared" si="75"/>
        <v>#N/A</v>
      </c>
    </row>
    <row r="352" spans="1:20" x14ac:dyDescent="0.2">
      <c r="A352" s="53">
        <f t="shared" si="76"/>
        <v>340</v>
      </c>
      <c r="B352" s="239">
        <v>3.1120000000000001</v>
      </c>
      <c r="C352" s="3">
        <f t="shared" si="77"/>
        <v>3.105</v>
      </c>
      <c r="D352" s="239">
        <v>0.14050000000000001</v>
      </c>
      <c r="E352" s="239">
        <v>4.1999999999999997E-3</v>
      </c>
      <c r="F352" s="239">
        <v>7.0099999999999996E-2</v>
      </c>
      <c r="G352">
        <f t="shared" si="78"/>
        <v>0.15452000000000002</v>
      </c>
      <c r="H352" s="235">
        <f t="shared" si="79"/>
        <v>2.7180947450168258</v>
      </c>
      <c r="I352" s="236">
        <f t="shared" si="80"/>
        <v>14.197302367982322</v>
      </c>
      <c r="J352" s="237">
        <f t="shared" si="85"/>
        <v>4.1973023679823225</v>
      </c>
      <c r="K352" s="237">
        <f t="shared" si="81"/>
        <v>44.082623852585108</v>
      </c>
      <c r="L352" s="237">
        <f t="shared" si="86"/>
        <v>13.062004969160988</v>
      </c>
      <c r="M352" s="236">
        <f t="shared" si="82"/>
        <v>8.4548563875265952</v>
      </c>
      <c r="N352" s="236">
        <f t="shared" si="83"/>
        <v>3.8030602921910441</v>
      </c>
      <c r="O352" s="236">
        <f t="shared" si="87"/>
        <v>3.1155719017801644</v>
      </c>
      <c r="P352" s="236" t="str">
        <f t="shared" si="88"/>
        <v>CLAY</v>
      </c>
      <c r="Q352" s="236">
        <f t="shared" si="84"/>
        <v>9.203114678951243</v>
      </c>
      <c r="R352" s="238">
        <v>35</v>
      </c>
      <c r="S352" s="236">
        <f t="shared" si="89"/>
        <v>3.6043155260142119</v>
      </c>
      <c r="T352" s="236" t="e">
        <f t="shared" si="75"/>
        <v>#N/A</v>
      </c>
    </row>
    <row r="353" spans="1:20" x14ac:dyDescent="0.2">
      <c r="A353" s="53">
        <f t="shared" si="76"/>
        <v>341</v>
      </c>
      <c r="B353" s="239">
        <v>3.121</v>
      </c>
      <c r="C353" s="3">
        <f t="shared" si="77"/>
        <v>3.1139999999999999</v>
      </c>
      <c r="D353" s="239">
        <v>0.14199999999999999</v>
      </c>
      <c r="E353" s="239">
        <v>4.1000000000000003E-3</v>
      </c>
      <c r="F353" s="239">
        <v>7.0099999999999996E-2</v>
      </c>
      <c r="G353">
        <f t="shared" si="78"/>
        <v>0.15601999999999999</v>
      </c>
      <c r="H353" s="235">
        <f t="shared" si="79"/>
        <v>2.6278682220228182</v>
      </c>
      <c r="I353" s="236">
        <f t="shared" si="80"/>
        <v>14.172821713734582</v>
      </c>
      <c r="J353" s="237">
        <f t="shared" si="85"/>
        <v>4.1728217137345816</v>
      </c>
      <c r="K353" s="237">
        <f t="shared" si="81"/>
        <v>44.134166816569483</v>
      </c>
      <c r="L353" s="237">
        <f t="shared" si="86"/>
        <v>13.023376568565629</v>
      </c>
      <c r="M353" s="236">
        <f t="shared" si="82"/>
        <v>8.5911539602938305</v>
      </c>
      <c r="N353" s="236">
        <f t="shared" si="83"/>
        <v>3.6644496298993303</v>
      </c>
      <c r="O353" s="236">
        <f t="shared" si="87"/>
        <v>3.1006002688965921</v>
      </c>
      <c r="P353" s="236" t="str">
        <f t="shared" si="88"/>
        <v>CLAY</v>
      </c>
      <c r="Q353" s="236">
        <f t="shared" si="84"/>
        <v>9.3238194319525416</v>
      </c>
      <c r="R353" s="238">
        <v>35</v>
      </c>
      <c r="S353" s="236">
        <f t="shared" si="89"/>
        <v>3.6770910705750048</v>
      </c>
      <c r="T353" s="236" t="e">
        <f t="shared" si="75"/>
        <v>#N/A</v>
      </c>
    </row>
    <row r="354" spans="1:20" x14ac:dyDescent="0.2">
      <c r="A354" s="53">
        <f t="shared" si="76"/>
        <v>342</v>
      </c>
      <c r="B354" s="239">
        <v>3.1320000000000001</v>
      </c>
      <c r="C354" s="3">
        <f t="shared" si="77"/>
        <v>3.125</v>
      </c>
      <c r="D354" s="239">
        <v>0.14280000000000001</v>
      </c>
      <c r="E354" s="239">
        <v>4.0000000000000001E-3</v>
      </c>
      <c r="F354" s="239">
        <v>6.6400000000000001E-2</v>
      </c>
      <c r="G354">
        <f t="shared" si="78"/>
        <v>0.15608</v>
      </c>
      <c r="H354" s="235">
        <f t="shared" si="79"/>
        <v>2.5627883136852896</v>
      </c>
      <c r="I354" s="236">
        <f t="shared" si="80"/>
        <v>14.144017561715801</v>
      </c>
      <c r="J354" s="237">
        <f t="shared" si="85"/>
        <v>4.1440175617158008</v>
      </c>
      <c r="K354" s="237">
        <f t="shared" si="81"/>
        <v>44.200054880361876</v>
      </c>
      <c r="L354" s="237">
        <f t="shared" si="86"/>
        <v>12.979063003293888</v>
      </c>
      <c r="M354" s="236">
        <f t="shared" si="82"/>
        <v>8.6200325163106672</v>
      </c>
      <c r="N354" s="236">
        <f t="shared" si="83"/>
        <v>3.5752609600609162</v>
      </c>
      <c r="O354" s="236">
        <f t="shared" si="87"/>
        <v>3.0932613015632979</v>
      </c>
      <c r="P354" s="236" t="str">
        <f t="shared" si="88"/>
        <v>CLAY</v>
      </c>
      <c r="Q354" s="236">
        <f t="shared" si="84"/>
        <v>9.3233287599698418</v>
      </c>
      <c r="R354" s="238">
        <v>35</v>
      </c>
      <c r="S354" s="236">
        <f t="shared" si="89"/>
        <v>3.6925479087797575</v>
      </c>
      <c r="T354" s="236" t="e">
        <f t="shared" si="75"/>
        <v>#N/A</v>
      </c>
    </row>
    <row r="355" spans="1:20" x14ac:dyDescent="0.2">
      <c r="A355" s="53">
        <f t="shared" si="76"/>
        <v>343</v>
      </c>
      <c r="B355" s="239">
        <v>3.1419999999999999</v>
      </c>
      <c r="C355" s="3">
        <f t="shared" si="77"/>
        <v>3.1349999999999998</v>
      </c>
      <c r="D355" s="239">
        <v>0.1434</v>
      </c>
      <c r="E355" s="239">
        <v>3.8999999999999998E-3</v>
      </c>
      <c r="F355" s="239">
        <v>6.2899999999999998E-2</v>
      </c>
      <c r="G355">
        <f t="shared" si="78"/>
        <v>0.15598000000000001</v>
      </c>
      <c r="H355" s="235">
        <f t="shared" si="79"/>
        <v>2.5003205539171689</v>
      </c>
      <c r="I355" s="236">
        <f t="shared" si="80"/>
        <v>14.11407951775878</v>
      </c>
      <c r="J355" s="237">
        <f t="shared" si="85"/>
        <v>4.1140795177587801</v>
      </c>
      <c r="K355" s="237">
        <f t="shared" si="81"/>
        <v>44.247639288173772</v>
      </c>
      <c r="L355" s="237">
        <f t="shared" si="86"/>
        <v>12.926437844798087</v>
      </c>
      <c r="M355" s="236">
        <f t="shared" si="82"/>
        <v>8.6437085029415162</v>
      </c>
      <c r="N355" s="236">
        <f t="shared" si="83"/>
        <v>3.4904838447463384</v>
      </c>
      <c r="O355" s="236">
        <f t="shared" si="87"/>
        <v>3.0863204747037774</v>
      </c>
      <c r="P355" s="236" t="str">
        <f t="shared" si="88"/>
        <v>CLAY</v>
      </c>
      <c r="Q355" s="236">
        <f t="shared" si="84"/>
        <v>9.3110300593188544</v>
      </c>
      <c r="R355" s="238">
        <v>35</v>
      </c>
      <c r="S355" s="236">
        <f t="shared" si="89"/>
        <v>3.7052298084015995</v>
      </c>
      <c r="T355" s="236" t="e">
        <f t="shared" si="75"/>
        <v>#N/A</v>
      </c>
    </row>
    <row r="356" spans="1:20" x14ac:dyDescent="0.2">
      <c r="A356" s="53">
        <f t="shared" si="76"/>
        <v>344</v>
      </c>
      <c r="B356" s="239">
        <v>3.1520000000000001</v>
      </c>
      <c r="C356" s="3">
        <f t="shared" si="77"/>
        <v>3.145</v>
      </c>
      <c r="D356" s="239">
        <v>0.1421</v>
      </c>
      <c r="E356" s="239">
        <v>3.8999999999999998E-3</v>
      </c>
      <c r="F356" s="239">
        <v>5.8599999999999999E-2</v>
      </c>
      <c r="G356">
        <f t="shared" si="78"/>
        <v>0.15382000000000001</v>
      </c>
      <c r="H356" s="235">
        <f t="shared" si="79"/>
        <v>2.5354310232739561</v>
      </c>
      <c r="I356" s="236">
        <f t="shared" si="80"/>
        <v>14.108629019671092</v>
      </c>
      <c r="J356" s="237">
        <f t="shared" si="85"/>
        <v>4.108629019671092</v>
      </c>
      <c r="K356" s="237">
        <f t="shared" si="81"/>
        <v>44.371638266865581</v>
      </c>
      <c r="L356" s="237">
        <f t="shared" si="86"/>
        <v>12.950398670003283</v>
      </c>
      <c r="M356" s="236">
        <f t="shared" si="82"/>
        <v>8.4513507670344712</v>
      </c>
      <c r="N356" s="236">
        <f t="shared" si="83"/>
        <v>3.5633242364187092</v>
      </c>
      <c r="O356" s="236">
        <f t="shared" si="87"/>
        <v>3.0994670630490124</v>
      </c>
      <c r="P356" s="236" t="str">
        <f t="shared" si="88"/>
        <v>CLAY</v>
      </c>
      <c r="Q356" s="236">
        <f t="shared" si="84"/>
        <v>9.1206968110945379</v>
      </c>
      <c r="R356" s="238">
        <v>35</v>
      </c>
      <c r="S356" s="236">
        <f t="shared" si="89"/>
        <v>3.6024475600120209</v>
      </c>
      <c r="T356" s="236" t="e">
        <f t="shared" si="75"/>
        <v>#N/A</v>
      </c>
    </row>
    <row r="357" spans="1:20" x14ac:dyDescent="0.2">
      <c r="A357" s="53">
        <f t="shared" si="76"/>
        <v>345</v>
      </c>
      <c r="B357" s="239">
        <v>3.1619999999999999</v>
      </c>
      <c r="C357" s="3">
        <f t="shared" si="77"/>
        <v>3.1549999999999998</v>
      </c>
      <c r="D357" s="239">
        <v>0.13439999999999999</v>
      </c>
      <c r="E357" s="239">
        <v>3.8999999999999998E-3</v>
      </c>
      <c r="F357" s="239">
        <v>5.6800000000000003E-2</v>
      </c>
      <c r="G357">
        <f t="shared" si="78"/>
        <v>0.14576</v>
      </c>
      <c r="H357" s="235">
        <f t="shared" si="79"/>
        <v>2.6756311745334793</v>
      </c>
      <c r="I357" s="236">
        <f t="shared" si="80"/>
        <v>14.087592017020064</v>
      </c>
      <c r="J357" s="237">
        <f t="shared" si="85"/>
        <v>4.0875920170200644</v>
      </c>
      <c r="K357" s="237">
        <f t="shared" si="81"/>
        <v>44.446352813698297</v>
      </c>
      <c r="L357" s="237">
        <f t="shared" si="86"/>
        <v>12.924965957817443</v>
      </c>
      <c r="M357" s="236">
        <f t="shared" si="82"/>
        <v>7.8386006985978849</v>
      </c>
      <c r="N357" s="236">
        <f t="shared" si="83"/>
        <v>3.849432044261957</v>
      </c>
      <c r="O357" s="236">
        <f t="shared" si="87"/>
        <v>3.1454736017190994</v>
      </c>
      <c r="P357" s="236" t="str">
        <f t="shared" si="88"/>
        <v>CLAY</v>
      </c>
      <c r="Q357" s="236">
        <f t="shared" si="84"/>
        <v>8.4428039321918078</v>
      </c>
      <c r="R357" s="238">
        <v>35</v>
      </c>
      <c r="S357" s="236">
        <f t="shared" si="89"/>
        <v>3.2789756081213781</v>
      </c>
      <c r="T357" s="236" t="e">
        <f t="shared" si="75"/>
        <v>#N/A</v>
      </c>
    </row>
    <row r="358" spans="1:20" x14ac:dyDescent="0.2">
      <c r="A358" s="53">
        <f t="shared" si="76"/>
        <v>346</v>
      </c>
      <c r="B358" s="239">
        <v>3.1720000000000002</v>
      </c>
      <c r="C358" s="3">
        <f t="shared" si="77"/>
        <v>3.165</v>
      </c>
      <c r="D358" s="239">
        <v>0.12809999999999999</v>
      </c>
      <c r="E358" s="239">
        <v>3.7000000000000002E-3</v>
      </c>
      <c r="F358" s="239">
        <v>5.0999999999999997E-2</v>
      </c>
      <c r="G358">
        <f t="shared" si="78"/>
        <v>0.13829999999999998</v>
      </c>
      <c r="H358" s="235">
        <f t="shared" si="79"/>
        <v>2.6753434562545197</v>
      </c>
      <c r="I358" s="236">
        <f t="shared" si="80"/>
        <v>14.005327671461753</v>
      </c>
      <c r="J358" s="237">
        <f t="shared" si="85"/>
        <v>4.0053276714617532</v>
      </c>
      <c r="K358" s="237">
        <f t="shared" si="81"/>
        <v>44.326862080176447</v>
      </c>
      <c r="L358" s="237">
        <f t="shared" si="86"/>
        <v>12.704899373876682</v>
      </c>
      <c r="M358" s="236">
        <f t="shared" si="82"/>
        <v>7.3966062346819861</v>
      </c>
      <c r="N358" s="236">
        <f t="shared" si="83"/>
        <v>3.9372953611028558</v>
      </c>
      <c r="O358" s="236">
        <f t="shared" si="87"/>
        <v>3.1717464749901905</v>
      </c>
      <c r="P358" s="236" t="str">
        <f t="shared" si="88"/>
        <v>CLAY</v>
      </c>
      <c r="Q358" s="236">
        <f t="shared" si="84"/>
        <v>7.8310948266519604</v>
      </c>
      <c r="R358" s="238">
        <v>35</v>
      </c>
      <c r="S358" s="236">
        <f t="shared" si="89"/>
        <v>3.0495140085925017</v>
      </c>
      <c r="T358" s="236" t="e">
        <f t="shared" si="75"/>
        <v>#N/A</v>
      </c>
    </row>
    <row r="359" spans="1:20" x14ac:dyDescent="0.2">
      <c r="A359" s="53">
        <f t="shared" si="76"/>
        <v>347</v>
      </c>
      <c r="B359" s="239">
        <v>3.1829999999999998</v>
      </c>
      <c r="C359" s="3">
        <f t="shared" si="77"/>
        <v>3.1759999999999997</v>
      </c>
      <c r="D359" s="239">
        <v>0.1221</v>
      </c>
      <c r="E359" s="239">
        <v>3.5000000000000001E-3</v>
      </c>
      <c r="F359" s="239">
        <v>4.1099999999999998E-2</v>
      </c>
      <c r="G359">
        <f t="shared" si="78"/>
        <v>0.13031999999999999</v>
      </c>
      <c r="H359" s="235">
        <f t="shared" si="79"/>
        <v>2.685696746470227</v>
      </c>
      <c r="I359" s="236">
        <f t="shared" si="80"/>
        <v>13.91693673829864</v>
      </c>
      <c r="J359" s="237">
        <f t="shared" si="85"/>
        <v>3.9169367382986398</v>
      </c>
      <c r="K359" s="237">
        <f t="shared" si="81"/>
        <v>44.200191080836476</v>
      </c>
      <c r="L359" s="237">
        <f t="shared" si="86"/>
        <v>12.46760963800457</v>
      </c>
      <c r="M359" s="236">
        <f t="shared" si="82"/>
        <v>6.9074835850368279</v>
      </c>
      <c r="N359" s="236">
        <f t="shared" si="83"/>
        <v>4.0641056267150804</v>
      </c>
      <c r="O359" s="236">
        <f t="shared" si="87"/>
        <v>3.2039960851847957</v>
      </c>
      <c r="P359" s="236" t="str">
        <f t="shared" si="88"/>
        <v>CLAY</v>
      </c>
      <c r="Q359" s="236">
        <f t="shared" si="84"/>
        <v>7.1766507432636262</v>
      </c>
      <c r="R359" s="238">
        <v>35</v>
      </c>
      <c r="S359" s="236">
        <f t="shared" si="89"/>
        <v>2.7995603602297052</v>
      </c>
      <c r="T359" s="236" t="e">
        <f t="shared" si="75"/>
        <v>#N/A</v>
      </c>
    </row>
    <row r="360" spans="1:20" x14ac:dyDescent="0.2">
      <c r="A360" s="53">
        <f t="shared" si="76"/>
        <v>348</v>
      </c>
      <c r="B360" s="239">
        <v>3.1930000000000001</v>
      </c>
      <c r="C360" s="3">
        <f t="shared" si="77"/>
        <v>3.1859999999999999</v>
      </c>
      <c r="D360" s="239">
        <v>0.11509999999999999</v>
      </c>
      <c r="E360" s="239">
        <v>3.3999999999999998E-3</v>
      </c>
      <c r="F360" s="239">
        <v>3.7600000000000001E-2</v>
      </c>
      <c r="G360">
        <f t="shared" si="78"/>
        <v>0.12261999999999999</v>
      </c>
      <c r="H360" s="235">
        <f t="shared" si="79"/>
        <v>2.7727939977165228</v>
      </c>
      <c r="I360" s="236">
        <f t="shared" si="80"/>
        <v>13.859141311008669</v>
      </c>
      <c r="J360" s="237">
        <f t="shared" si="85"/>
        <v>3.8591413110086688</v>
      </c>
      <c r="K360" s="237">
        <f t="shared" si="81"/>
        <v>44.15522421687362</v>
      </c>
      <c r="L360" s="237">
        <f t="shared" si="86"/>
        <v>12.322238206050679</v>
      </c>
      <c r="M360" s="236">
        <f t="shared" si="82"/>
        <v>6.367737295047359</v>
      </c>
      <c r="N360" s="236">
        <f t="shared" si="83"/>
        <v>4.3331545474589381</v>
      </c>
      <c r="O360" s="236">
        <f t="shared" si="87"/>
        <v>3.2489008915946984</v>
      </c>
      <c r="P360" s="236" t="str">
        <f t="shared" si="88"/>
        <v>CLAY</v>
      </c>
      <c r="Q360" s="236">
        <f t="shared" si="84"/>
        <v>6.5387313152605309</v>
      </c>
      <c r="R360" s="238">
        <v>35</v>
      </c>
      <c r="S360" s="236">
        <f t="shared" si="89"/>
        <v>2.5288404590416427</v>
      </c>
      <c r="T360" s="236" t="e">
        <f t="shared" si="75"/>
        <v>#N/A</v>
      </c>
    </row>
    <row r="361" spans="1:20" x14ac:dyDescent="0.2">
      <c r="A361" s="53">
        <f t="shared" si="76"/>
        <v>349</v>
      </c>
      <c r="B361" s="239">
        <v>3.202</v>
      </c>
      <c r="C361" s="3">
        <f t="shared" si="77"/>
        <v>3.1949999999999998</v>
      </c>
      <c r="D361" s="239">
        <v>0.1134</v>
      </c>
      <c r="E361" s="239">
        <v>3.2000000000000002E-3</v>
      </c>
      <c r="F361" s="239">
        <v>2.98E-2</v>
      </c>
      <c r="G361">
        <f t="shared" si="78"/>
        <v>0.11935999999999999</v>
      </c>
      <c r="H361" s="235">
        <f t="shared" si="79"/>
        <v>2.6809651474530836</v>
      </c>
      <c r="I361" s="236">
        <f t="shared" si="80"/>
        <v>13.777520924961967</v>
      </c>
      <c r="J361" s="237">
        <f t="shared" si="85"/>
        <v>3.7775209249619675</v>
      </c>
      <c r="K361" s="237">
        <f t="shared" si="81"/>
        <v>44.019179355253485</v>
      </c>
      <c r="L361" s="237">
        <f t="shared" si="86"/>
        <v>12.09562200172822</v>
      </c>
      <c r="M361" s="236">
        <f t="shared" si="82"/>
        <v>6.2287677834163331</v>
      </c>
      <c r="N361" s="236">
        <f t="shared" si="83"/>
        <v>4.2473654688325126</v>
      </c>
      <c r="O361" s="236">
        <f t="shared" si="87"/>
        <v>3.2518256536396217</v>
      </c>
      <c r="P361" s="236" t="str">
        <f t="shared" si="88"/>
        <v>CLAY</v>
      </c>
      <c r="Q361" s="236">
        <f t="shared" si="84"/>
        <v>6.2784017203955429</v>
      </c>
      <c r="R361" s="238">
        <v>35</v>
      </c>
      <c r="S361" s="236">
        <f t="shared" si="89"/>
        <v>2.4600429175708638</v>
      </c>
      <c r="T361" s="236" t="e">
        <f t="shared" si="75"/>
        <v>#N/A</v>
      </c>
    </row>
    <row r="362" spans="1:20" x14ac:dyDescent="0.2">
      <c r="A362" s="53">
        <f t="shared" si="76"/>
        <v>350</v>
      </c>
      <c r="B362" s="239">
        <v>3.2120000000000002</v>
      </c>
      <c r="C362" s="3">
        <f t="shared" si="77"/>
        <v>3.2050000000000001</v>
      </c>
      <c r="D362" s="239">
        <v>0.1082</v>
      </c>
      <c r="E362" s="239">
        <v>3.3E-3</v>
      </c>
      <c r="F362" s="239">
        <v>2.81E-2</v>
      </c>
      <c r="G362">
        <f t="shared" si="78"/>
        <v>0.11382</v>
      </c>
      <c r="H362" s="235">
        <f t="shared" si="79"/>
        <v>2.8993147074327883</v>
      </c>
      <c r="I362" s="236">
        <f t="shared" si="80"/>
        <v>13.795027415197858</v>
      </c>
      <c r="J362" s="237">
        <f t="shared" si="85"/>
        <v>3.7950274151978576</v>
      </c>
      <c r="K362" s="237">
        <f t="shared" si="81"/>
        <v>44.213062865709134</v>
      </c>
      <c r="L362" s="237">
        <f t="shared" si="86"/>
        <v>12.189628057615518</v>
      </c>
      <c r="M362" s="236">
        <f t="shared" si="82"/>
        <v>5.710341349652885</v>
      </c>
      <c r="N362" s="236">
        <f t="shared" si="83"/>
        <v>4.7409067771986502</v>
      </c>
      <c r="O362" s="236">
        <f t="shared" si="87"/>
        <v>3.3100593996987637</v>
      </c>
      <c r="P362" s="236" t="str">
        <f t="shared" si="88"/>
        <v>CLAY</v>
      </c>
      <c r="Q362" s="236">
        <f t="shared" si="84"/>
        <v>5.8005780945242398</v>
      </c>
      <c r="R362" s="238">
        <v>35</v>
      </c>
      <c r="S362" s="236">
        <f t="shared" si="89"/>
        <v>2.2068234806901641</v>
      </c>
      <c r="T362" s="236" t="e">
        <f t="shared" si="75"/>
        <v>#N/A</v>
      </c>
    </row>
    <row r="363" spans="1:20" x14ac:dyDescent="0.2">
      <c r="A363" s="53">
        <f t="shared" si="76"/>
        <v>351</v>
      </c>
      <c r="B363" s="239">
        <v>3.2229999999999999</v>
      </c>
      <c r="C363" s="3">
        <f t="shared" si="77"/>
        <v>3.2159999999999997</v>
      </c>
      <c r="D363" s="239">
        <v>0.10489999999999999</v>
      </c>
      <c r="E363" s="239">
        <v>3.2000000000000002E-3</v>
      </c>
      <c r="F363" s="239">
        <v>2.5700000000000001E-2</v>
      </c>
      <c r="G363">
        <f t="shared" si="78"/>
        <v>0.11004</v>
      </c>
      <c r="H363" s="235">
        <f t="shared" si="79"/>
        <v>2.9080334423845873</v>
      </c>
      <c r="I363" s="236">
        <f t="shared" si="80"/>
        <v>13.745743519392112</v>
      </c>
      <c r="J363" s="237">
        <f t="shared" si="85"/>
        <v>3.7457435193921125</v>
      </c>
      <c r="K363" s="237">
        <f t="shared" si="81"/>
        <v>44.206311158365033</v>
      </c>
      <c r="L363" s="237">
        <f t="shared" si="86"/>
        <v>12.072531363000778</v>
      </c>
      <c r="M363" s="236">
        <f t="shared" si="82"/>
        <v>5.4531801874955894</v>
      </c>
      <c r="N363" s="236">
        <f t="shared" si="83"/>
        <v>4.8607332450984204</v>
      </c>
      <c r="O363" s="236">
        <f t="shared" si="87"/>
        <v>3.3326738154668187</v>
      </c>
      <c r="P363" s="236" t="str">
        <f t="shared" si="88"/>
        <v>CLAY</v>
      </c>
      <c r="Q363" s="236">
        <f t="shared" si="84"/>
        <v>5.4861407368029136</v>
      </c>
      <c r="R363" s="238">
        <v>35</v>
      </c>
      <c r="S363" s="236">
        <f t="shared" si="89"/>
        <v>2.0833024225587504</v>
      </c>
      <c r="T363" s="236" t="e">
        <f t="shared" si="75"/>
        <v>#N/A</v>
      </c>
    </row>
    <row r="364" spans="1:20" x14ac:dyDescent="0.2">
      <c r="A364" s="53">
        <f t="shared" si="76"/>
        <v>352</v>
      </c>
      <c r="B364" s="239">
        <v>3.2320000000000002</v>
      </c>
      <c r="C364" s="3">
        <f t="shared" si="77"/>
        <v>3.2250000000000001</v>
      </c>
      <c r="D364" s="239">
        <v>0.10390000000000001</v>
      </c>
      <c r="E364" s="239">
        <v>3.3E-3</v>
      </c>
      <c r="F364" s="239">
        <v>2.4199999999999999E-2</v>
      </c>
      <c r="G364">
        <f t="shared" si="78"/>
        <v>0.10874</v>
      </c>
      <c r="H364" s="235">
        <f t="shared" si="79"/>
        <v>3.0347618171785911</v>
      </c>
      <c r="I364" s="236">
        <f t="shared" si="80"/>
        <v>13.777181087851906</v>
      </c>
      <c r="J364" s="237">
        <f t="shared" si="85"/>
        <v>3.7771810878519059</v>
      </c>
      <c r="K364" s="237">
        <f t="shared" si="81"/>
        <v>44.431409008322397</v>
      </c>
      <c r="L364" s="237">
        <f t="shared" si="86"/>
        <v>12.207849275937361</v>
      </c>
      <c r="M364" s="236">
        <f t="shared" si="82"/>
        <v>5.2678067641640158</v>
      </c>
      <c r="N364" s="236">
        <f t="shared" si="83"/>
        <v>5.1315072358327107</v>
      </c>
      <c r="O364" s="236">
        <f t="shared" si="87"/>
        <v>3.3584794343001709</v>
      </c>
      <c r="P364" s="236" t="str">
        <f t="shared" si="88"/>
        <v>CLAY</v>
      </c>
      <c r="Q364" s="236">
        <f t="shared" si="84"/>
        <v>5.3590492493064685</v>
      </c>
      <c r="R364" s="238">
        <v>35</v>
      </c>
      <c r="S364" s="236">
        <f t="shared" si="89"/>
        <v>1.9951580426201683</v>
      </c>
      <c r="T364" s="236" t="e">
        <f t="shared" si="75"/>
        <v>#N/A</v>
      </c>
    </row>
    <row r="365" spans="1:20" x14ac:dyDescent="0.2">
      <c r="A365" s="53">
        <f t="shared" si="76"/>
        <v>353</v>
      </c>
      <c r="B365" s="239">
        <v>3.242</v>
      </c>
      <c r="C365" s="3">
        <f t="shared" si="77"/>
        <v>3.2349999999999999</v>
      </c>
      <c r="D365" s="239">
        <v>9.01E-2</v>
      </c>
      <c r="E365" s="239">
        <v>3.8999999999999998E-3</v>
      </c>
      <c r="F365" s="239">
        <v>2.6700000000000002E-2</v>
      </c>
      <c r="G365">
        <f t="shared" si="78"/>
        <v>9.5439999999999997E-2</v>
      </c>
      <c r="H365" s="235">
        <f t="shared" si="79"/>
        <v>4.0863369656328583</v>
      </c>
      <c r="I365" s="236">
        <f t="shared" si="80"/>
        <v>13.92207488095009</v>
      </c>
      <c r="J365" s="237">
        <f t="shared" si="85"/>
        <v>3.92207488095009</v>
      </c>
      <c r="K365" s="237">
        <f t="shared" si="81"/>
        <v>45.037912239873542</v>
      </c>
      <c r="L365" s="237">
        <f t="shared" si="86"/>
        <v>12.715366764040192</v>
      </c>
      <c r="M365" s="236">
        <f t="shared" si="82"/>
        <v>3.9638721159555175</v>
      </c>
      <c r="N365" s="236">
        <f t="shared" si="83"/>
        <v>7.7377747099700995</v>
      </c>
      <c r="O365" s="236">
        <f t="shared" si="87"/>
        <v>3.5628582078365922</v>
      </c>
      <c r="P365" s="236" t="str">
        <f t="shared" si="88"/>
        <v>CLAY</v>
      </c>
      <c r="Q365" s="236">
        <f t="shared" si="84"/>
        <v>4.200173980010538</v>
      </c>
      <c r="R365" s="238">
        <v>35</v>
      </c>
      <c r="S365" s="236">
        <f t="shared" si="89"/>
        <v>1.3982652093939518</v>
      </c>
      <c r="T365" s="236" t="e">
        <f t="shared" si="75"/>
        <v>#N/A</v>
      </c>
    </row>
    <row r="366" spans="1:20" x14ac:dyDescent="0.2">
      <c r="A366" s="53">
        <f t="shared" si="76"/>
        <v>354</v>
      </c>
      <c r="B366" s="239">
        <v>3.2519999999999998</v>
      </c>
      <c r="C366" s="3">
        <f t="shared" si="77"/>
        <v>3.2449999999999997</v>
      </c>
      <c r="D366" s="239">
        <v>9.3299999999999994E-2</v>
      </c>
      <c r="E366" s="239">
        <v>3.8999999999999998E-3</v>
      </c>
      <c r="F366" s="239">
        <v>3.1800000000000002E-2</v>
      </c>
      <c r="G366">
        <f t="shared" si="78"/>
        <v>9.9659999999999999E-2</v>
      </c>
      <c r="H366" s="235">
        <f t="shared" si="79"/>
        <v>3.9133052378085487</v>
      </c>
      <c r="I366" s="236">
        <f t="shared" si="80"/>
        <v>13.938986287905568</v>
      </c>
      <c r="J366" s="237">
        <f t="shared" si="85"/>
        <v>3.9389862879055677</v>
      </c>
      <c r="K366" s="237">
        <f t="shared" si="81"/>
        <v>45.232010504253566</v>
      </c>
      <c r="L366" s="237">
        <f t="shared" si="86"/>
        <v>12.809583408268905</v>
      </c>
      <c r="M366" s="236">
        <f t="shared" si="82"/>
        <v>4.2490054329644948</v>
      </c>
      <c r="N366" s="236">
        <f t="shared" si="83"/>
        <v>7.1654309411976103</v>
      </c>
      <c r="O366" s="236">
        <f t="shared" si="87"/>
        <v>3.5188011895363922</v>
      </c>
      <c r="P366" s="236" t="str">
        <f t="shared" si="88"/>
        <v>CLAY</v>
      </c>
      <c r="Q366" s="236">
        <f t="shared" si="84"/>
        <v>4.5356657913122023</v>
      </c>
      <c r="R366" s="238">
        <v>35</v>
      </c>
      <c r="S366" s="236">
        <f t="shared" si="89"/>
        <v>1.5251027938663979</v>
      </c>
      <c r="T366" s="236" t="e">
        <f t="shared" si="75"/>
        <v>#N/A</v>
      </c>
    </row>
    <row r="367" spans="1:20" x14ac:dyDescent="0.2">
      <c r="A367" s="53">
        <f t="shared" si="76"/>
        <v>355</v>
      </c>
      <c r="B367" s="239">
        <v>3.2629999999999999</v>
      </c>
      <c r="C367" s="3">
        <f t="shared" si="77"/>
        <v>3.2559999999999998</v>
      </c>
      <c r="D367" s="239">
        <v>0.1065</v>
      </c>
      <c r="E367" s="239">
        <v>3.5999999999999999E-3</v>
      </c>
      <c r="F367" s="239">
        <v>2.9899999999999999E-2</v>
      </c>
      <c r="G367">
        <f t="shared" si="78"/>
        <v>0.11248</v>
      </c>
      <c r="H367" s="235">
        <f t="shared" si="79"/>
        <v>3.2005689900426746</v>
      </c>
      <c r="I367" s="236">
        <f t="shared" si="80"/>
        <v>13.892427583362338</v>
      </c>
      <c r="J367" s="237">
        <f t="shared" si="85"/>
        <v>3.8924275833623376</v>
      </c>
      <c r="K367" s="237">
        <f t="shared" si="81"/>
        <v>45.233744211427769</v>
      </c>
      <c r="L367" s="237">
        <f t="shared" si="86"/>
        <v>12.700991204511308</v>
      </c>
      <c r="M367" s="236">
        <f t="shared" si="82"/>
        <v>5.2945675424676146</v>
      </c>
      <c r="N367" s="236">
        <f t="shared" si="83"/>
        <v>5.3534579104577906</v>
      </c>
      <c r="O367" s="236">
        <f t="shared" si="87"/>
        <v>3.367287180699996</v>
      </c>
      <c r="P367" s="236" t="str">
        <f t="shared" si="88"/>
        <v>CLAY</v>
      </c>
      <c r="Q367" s="236">
        <f t="shared" si="84"/>
        <v>5.6038546490476859</v>
      </c>
      <c r="R367" s="238">
        <v>35</v>
      </c>
      <c r="S367" s="236">
        <f t="shared" si="89"/>
        <v>2.007835482634921</v>
      </c>
      <c r="T367" s="236" t="e">
        <f t="shared" si="75"/>
        <v>#N/A</v>
      </c>
    </row>
    <row r="368" spans="1:20" x14ac:dyDescent="0.2">
      <c r="A368" s="53">
        <f t="shared" si="76"/>
        <v>356</v>
      </c>
      <c r="B368" s="239">
        <v>3.2719999999999998</v>
      </c>
      <c r="C368" s="3">
        <f t="shared" si="77"/>
        <v>3.2649999999999997</v>
      </c>
      <c r="D368" s="239">
        <v>0.1149</v>
      </c>
      <c r="E368" s="239">
        <v>3.7000000000000002E-3</v>
      </c>
      <c r="F368" s="239">
        <v>3.6299999999999999E-2</v>
      </c>
      <c r="G368">
        <f t="shared" si="78"/>
        <v>0.12216</v>
      </c>
      <c r="H368" s="235">
        <f t="shared" si="79"/>
        <v>3.0288146692861821</v>
      </c>
      <c r="I368" s="236">
        <f t="shared" si="80"/>
        <v>13.956823831006901</v>
      </c>
      <c r="J368" s="237">
        <f t="shared" si="85"/>
        <v>3.9568238310069006</v>
      </c>
      <c r="K368" s="237">
        <f t="shared" si="81"/>
        <v>45.569029808237524</v>
      </c>
      <c r="L368" s="237">
        <f t="shared" si="86"/>
        <v>12.946727575054577</v>
      </c>
      <c r="M368" s="236">
        <f t="shared" si="82"/>
        <v>5.9158555509684172</v>
      </c>
      <c r="N368" s="236">
        <f t="shared" si="83"/>
        <v>4.8308566802799717</v>
      </c>
      <c r="O368" s="236">
        <f t="shared" si="87"/>
        <v>3.3021837042004112</v>
      </c>
      <c r="P368" s="236" t="str">
        <f t="shared" si="88"/>
        <v>CLAY</v>
      </c>
      <c r="Q368" s="236">
        <f t="shared" si="84"/>
        <v>6.3825808493135412</v>
      </c>
      <c r="R368" s="238">
        <v>35</v>
      </c>
      <c r="S368" s="236">
        <f t="shared" si="89"/>
        <v>2.3065451495161393</v>
      </c>
      <c r="T368" s="236" t="e">
        <f t="shared" si="75"/>
        <v>#N/A</v>
      </c>
    </row>
    <row r="369" spans="1:20" x14ac:dyDescent="0.2">
      <c r="A369" s="53">
        <f t="shared" si="76"/>
        <v>357</v>
      </c>
      <c r="B369" s="239">
        <v>3.2829999999999999</v>
      </c>
      <c r="C369" s="3">
        <f t="shared" si="77"/>
        <v>3.2759999999999998</v>
      </c>
      <c r="D369" s="239">
        <v>0.1242</v>
      </c>
      <c r="E369" s="239">
        <v>3.7000000000000002E-3</v>
      </c>
      <c r="F369" s="239">
        <v>4.1500000000000002E-2</v>
      </c>
      <c r="G369">
        <f t="shared" si="78"/>
        <v>0.13250000000000001</v>
      </c>
      <c r="H369" s="235">
        <f t="shared" si="79"/>
        <v>2.7924528301886795</v>
      </c>
      <c r="I369" s="236">
        <f t="shared" si="80"/>
        <v>13.988581999808918</v>
      </c>
      <c r="J369" s="237">
        <f t="shared" si="85"/>
        <v>3.9885819998089183</v>
      </c>
      <c r="K369" s="237">
        <f t="shared" si="81"/>
        <v>45.826594631374014</v>
      </c>
      <c r="L369" s="237">
        <f t="shared" si="86"/>
        <v>13.094514705372678</v>
      </c>
      <c r="M369" s="236">
        <f t="shared" si="82"/>
        <v>6.6190620514606699</v>
      </c>
      <c r="N369" s="236">
        <f t="shared" si="83"/>
        <v>4.2688988441883984</v>
      </c>
      <c r="O369" s="236">
        <f t="shared" si="87"/>
        <v>3.2314003516104086</v>
      </c>
      <c r="P369" s="236" t="str">
        <f t="shared" si="88"/>
        <v>CLAY</v>
      </c>
      <c r="Q369" s="236">
        <f t="shared" si="84"/>
        <v>7.2227837807188324</v>
      </c>
      <c r="R369" s="238">
        <v>35</v>
      </c>
      <c r="S369" s="236">
        <f t="shared" si="89"/>
        <v>2.6542117917366013</v>
      </c>
      <c r="T369" s="236" t="e">
        <f t="shared" si="75"/>
        <v>#N/A</v>
      </c>
    </row>
    <row r="370" spans="1:20" x14ac:dyDescent="0.2">
      <c r="A370" s="53">
        <f t="shared" si="76"/>
        <v>358</v>
      </c>
      <c r="B370" s="239">
        <v>3.2919999999999998</v>
      </c>
      <c r="C370" s="3">
        <f t="shared" si="77"/>
        <v>3.2849999999999997</v>
      </c>
      <c r="D370" s="239">
        <v>0.13370000000000001</v>
      </c>
      <c r="E370" s="239">
        <v>3.3999999999999998E-3</v>
      </c>
      <c r="F370" s="239">
        <v>4.5900000000000003E-2</v>
      </c>
      <c r="G370">
        <f t="shared" si="78"/>
        <v>0.14288000000000001</v>
      </c>
      <c r="H370" s="235">
        <f t="shared" si="79"/>
        <v>2.3796192609182527</v>
      </c>
      <c r="I370" s="236">
        <f t="shared" si="80"/>
        <v>13.918910427786599</v>
      </c>
      <c r="J370" s="237">
        <f t="shared" si="85"/>
        <v>3.9189104277865994</v>
      </c>
      <c r="K370" s="237">
        <f t="shared" si="81"/>
        <v>45.723620755278972</v>
      </c>
      <c r="L370" s="237">
        <f t="shared" si="86"/>
        <v>12.901053128273485</v>
      </c>
      <c r="M370" s="236">
        <f t="shared" si="82"/>
        <v>7.5308874615667296</v>
      </c>
      <c r="N370" s="236">
        <f t="shared" si="83"/>
        <v>3.4995128744309794</v>
      </c>
      <c r="O370" s="236">
        <f t="shared" si="87"/>
        <v>3.1362668328676064</v>
      </c>
      <c r="P370" s="236" t="str">
        <f t="shared" si="88"/>
        <v>CLAY</v>
      </c>
      <c r="Q370" s="236">
        <f t="shared" si="84"/>
        <v>8.0963649370600859</v>
      </c>
      <c r="R370" s="238">
        <v>35</v>
      </c>
      <c r="S370" s="236">
        <f t="shared" si="89"/>
        <v>3.1188731086104298</v>
      </c>
      <c r="T370" s="236" t="e">
        <f t="shared" si="75"/>
        <v>#N/A</v>
      </c>
    </row>
    <row r="371" spans="1:20" x14ac:dyDescent="0.2">
      <c r="A371" s="53">
        <f t="shared" si="76"/>
        <v>359</v>
      </c>
      <c r="B371" s="239">
        <v>3.3029999999999999</v>
      </c>
      <c r="C371" s="3">
        <f t="shared" si="77"/>
        <v>3.2959999999999998</v>
      </c>
      <c r="D371" s="239">
        <v>0.1381</v>
      </c>
      <c r="E371" s="239">
        <v>3.5000000000000001E-3</v>
      </c>
      <c r="F371" s="239">
        <v>5.0500000000000003E-2</v>
      </c>
      <c r="G371">
        <f t="shared" si="78"/>
        <v>0.1482</v>
      </c>
      <c r="H371" s="235">
        <f t="shared" si="79"/>
        <v>2.3616734143049936</v>
      </c>
      <c r="I371" s="236">
        <f t="shared" si="80"/>
        <v>13.967190157407209</v>
      </c>
      <c r="J371" s="237">
        <f t="shared" si="85"/>
        <v>3.9671901574072095</v>
      </c>
      <c r="K371" s="237">
        <f t="shared" si="81"/>
        <v>46.035858758814157</v>
      </c>
      <c r="L371" s="237">
        <f t="shared" si="86"/>
        <v>13.103629089916012</v>
      </c>
      <c r="M371" s="236">
        <f t="shared" si="82"/>
        <v>7.7966295092866256</v>
      </c>
      <c r="N371" s="236">
        <f t="shared" si="83"/>
        <v>3.4258595603885245</v>
      </c>
      <c r="O371" s="236">
        <f t="shared" si="87"/>
        <v>3.1186183221274995</v>
      </c>
      <c r="P371" s="236" t="str">
        <f t="shared" si="88"/>
        <v>CLAY</v>
      </c>
      <c r="Q371" s="236">
        <f t="shared" si="84"/>
        <v>8.5136784367654865</v>
      </c>
      <c r="R371" s="238">
        <v>35</v>
      </c>
      <c r="S371" s="236">
        <f t="shared" si="89"/>
        <v>3.2570440356790273</v>
      </c>
      <c r="T371" s="236" t="e">
        <f t="shared" si="75"/>
        <v>#N/A</v>
      </c>
    </row>
    <row r="372" spans="1:20" x14ac:dyDescent="0.2">
      <c r="A372" s="53">
        <f t="shared" si="76"/>
        <v>360</v>
      </c>
      <c r="B372" s="239">
        <v>3.3119999999999998</v>
      </c>
      <c r="C372" s="3">
        <f t="shared" si="77"/>
        <v>3.3049999999999997</v>
      </c>
      <c r="D372" s="239">
        <v>0.14269999999999999</v>
      </c>
      <c r="E372" s="239">
        <v>3.5999999999999999E-3</v>
      </c>
      <c r="F372" s="239">
        <v>5.4800000000000001E-2</v>
      </c>
      <c r="G372">
        <f t="shared" si="78"/>
        <v>0.15365999999999999</v>
      </c>
      <c r="H372" s="235">
        <f t="shared" si="79"/>
        <v>2.3428348301444748</v>
      </c>
      <c r="I372" s="236">
        <f t="shared" si="80"/>
        <v>14.014364552421029</v>
      </c>
      <c r="J372" s="237">
        <f t="shared" si="85"/>
        <v>4.0143645524210285</v>
      </c>
      <c r="K372" s="237">
        <f t="shared" si="81"/>
        <v>46.317474845751498</v>
      </c>
      <c r="L372" s="237">
        <f t="shared" si="86"/>
        <v>13.295575397618446</v>
      </c>
      <c r="M372" s="236">
        <f t="shared" si="82"/>
        <v>8.0735524371119816</v>
      </c>
      <c r="N372" s="236">
        <f t="shared" si="83"/>
        <v>3.3537500583546835</v>
      </c>
      <c r="O372" s="236">
        <f t="shared" si="87"/>
        <v>3.100889373244148</v>
      </c>
      <c r="P372" s="236" t="str">
        <f t="shared" si="88"/>
        <v>CLAY</v>
      </c>
      <c r="Q372" s="236">
        <f t="shared" si="84"/>
        <v>8.9452104295207082</v>
      </c>
      <c r="R372" s="238">
        <v>35</v>
      </c>
      <c r="S372" s="236">
        <f t="shared" si="89"/>
        <v>3.4022862231932596</v>
      </c>
      <c r="T372" s="236" t="e">
        <f t="shared" si="75"/>
        <v>#N/A</v>
      </c>
    </row>
    <row r="373" spans="1:20" x14ac:dyDescent="0.2">
      <c r="A373" s="53">
        <f t="shared" si="76"/>
        <v>361</v>
      </c>
      <c r="B373" s="239">
        <v>3.323</v>
      </c>
      <c r="C373" s="3">
        <f t="shared" si="77"/>
        <v>3.3159999999999998</v>
      </c>
      <c r="D373" s="239">
        <v>0.1482</v>
      </c>
      <c r="E373" s="239">
        <v>3.5999999999999999E-3</v>
      </c>
      <c r="F373" s="239">
        <v>5.8400000000000001E-2</v>
      </c>
      <c r="G373">
        <f t="shared" si="78"/>
        <v>0.15987999999999999</v>
      </c>
      <c r="H373" s="235">
        <f t="shared" si="79"/>
        <v>2.2516887665749312</v>
      </c>
      <c r="I373" s="236">
        <f t="shared" si="80"/>
        <v>14.029874532083424</v>
      </c>
      <c r="J373" s="237">
        <f t="shared" si="85"/>
        <v>4.0298745320834239</v>
      </c>
      <c r="K373" s="237">
        <f t="shared" si="81"/>
        <v>46.523063948388632</v>
      </c>
      <c r="L373" s="237">
        <f t="shared" si="86"/>
        <v>13.391273070113218</v>
      </c>
      <c r="M373" s="236">
        <f t="shared" si="82"/>
        <v>8.4649857752958937</v>
      </c>
      <c r="N373" s="236">
        <f t="shared" si="83"/>
        <v>3.1758091965020308</v>
      </c>
      <c r="O373" s="236">
        <f t="shared" si="87"/>
        <v>3.0705776255644741</v>
      </c>
      <c r="P373" s="236" t="str">
        <f t="shared" si="88"/>
        <v>CLAY</v>
      </c>
      <c r="Q373" s="236">
        <f t="shared" si="84"/>
        <v>9.4464113376342809</v>
      </c>
      <c r="R373" s="238">
        <v>35</v>
      </c>
      <c r="S373" s="236">
        <f t="shared" si="89"/>
        <v>3.6097140469718951</v>
      </c>
      <c r="T373" s="236" t="e">
        <f t="shared" si="75"/>
        <v>#N/A</v>
      </c>
    </row>
    <row r="374" spans="1:20" x14ac:dyDescent="0.2">
      <c r="A374" s="53">
        <f t="shared" si="76"/>
        <v>362</v>
      </c>
      <c r="B374" s="239">
        <v>3.3319999999999999</v>
      </c>
      <c r="C374" s="3">
        <f t="shared" si="77"/>
        <v>3.3249999999999997</v>
      </c>
      <c r="D374" s="239">
        <v>0.15490000000000001</v>
      </c>
      <c r="E374" s="239">
        <v>3.5999999999999999E-3</v>
      </c>
      <c r="F374" s="239">
        <v>6.2E-2</v>
      </c>
      <c r="G374">
        <f t="shared" si="78"/>
        <v>0.1673</v>
      </c>
      <c r="H374" s="235">
        <f t="shared" si="79"/>
        <v>2.1518230723251643</v>
      </c>
      <c r="I374" s="236">
        <f t="shared" si="80"/>
        <v>14.047606153320318</v>
      </c>
      <c r="J374" s="237">
        <f t="shared" si="85"/>
        <v>4.0476061533203183</v>
      </c>
      <c r="K374" s="237">
        <f t="shared" si="81"/>
        <v>46.708290459790057</v>
      </c>
      <c r="L374" s="237">
        <f t="shared" si="86"/>
        <v>13.4866237028633</v>
      </c>
      <c r="M374" s="236">
        <f t="shared" si="82"/>
        <v>8.9415788708190576</v>
      </c>
      <c r="N374" s="236">
        <f t="shared" si="83"/>
        <v>2.9852798452945226</v>
      </c>
      <c r="O374" s="236">
        <f t="shared" si="87"/>
        <v>3.0358275130694437</v>
      </c>
      <c r="P374" s="236" t="str">
        <f t="shared" si="88"/>
        <v>CLAY</v>
      </c>
      <c r="Q374" s="236">
        <f t="shared" si="84"/>
        <v>10.04930912835083</v>
      </c>
      <c r="R374" s="238">
        <v>35</v>
      </c>
      <c r="S374" s="236">
        <f t="shared" si="89"/>
        <v>3.865518652762546</v>
      </c>
      <c r="T374" s="236" t="e">
        <f t="shared" si="75"/>
        <v>#N/A</v>
      </c>
    </row>
    <row r="375" spans="1:20" x14ac:dyDescent="0.2">
      <c r="A375" s="53">
        <f t="shared" si="76"/>
        <v>363</v>
      </c>
      <c r="B375" s="239">
        <v>3.343</v>
      </c>
      <c r="C375" s="3">
        <f t="shared" si="77"/>
        <v>3.3359999999999999</v>
      </c>
      <c r="D375" s="239">
        <v>0.1608</v>
      </c>
      <c r="E375" s="239">
        <v>3.7000000000000002E-3</v>
      </c>
      <c r="F375" s="239">
        <v>6.5000000000000002E-2</v>
      </c>
      <c r="G375">
        <f t="shared" si="78"/>
        <v>0.17380000000000001</v>
      </c>
      <c r="H375" s="235">
        <f t="shared" si="79"/>
        <v>2.1288837744533948</v>
      </c>
      <c r="I375" s="236">
        <f t="shared" si="80"/>
        <v>14.094632504264757</v>
      </c>
      <c r="J375" s="237">
        <f t="shared" si="85"/>
        <v>4.0946325042647569</v>
      </c>
      <c r="K375" s="237">
        <f t="shared" si="81"/>
        <v>47.019694034227228</v>
      </c>
      <c r="L375" s="237">
        <f t="shared" si="86"/>
        <v>13.688356461757083</v>
      </c>
      <c r="M375" s="236">
        <f t="shared" si="82"/>
        <v>9.2619085658658271</v>
      </c>
      <c r="N375" s="236">
        <f t="shared" si="83"/>
        <v>2.9184343513091844</v>
      </c>
      <c r="O375" s="236">
        <f t="shared" si="87"/>
        <v>3.0176545067134564</v>
      </c>
      <c r="P375" s="236" t="str">
        <f t="shared" si="88"/>
        <v>CLAY</v>
      </c>
      <c r="Q375" s="236">
        <f t="shared" si="84"/>
        <v>10.565025497147731</v>
      </c>
      <c r="R375" s="238">
        <v>35</v>
      </c>
      <c r="S375" s="236">
        <f t="shared" si="89"/>
        <v>4.039388458823618</v>
      </c>
      <c r="T375" s="236" t="e">
        <f t="shared" si="75"/>
        <v>#N/A</v>
      </c>
    </row>
    <row r="376" spans="1:20" x14ac:dyDescent="0.2">
      <c r="A376" s="53">
        <f t="shared" si="76"/>
        <v>364</v>
      </c>
      <c r="B376" s="239">
        <v>3.3530000000000002</v>
      </c>
      <c r="C376" s="3">
        <f t="shared" si="77"/>
        <v>3.3460000000000001</v>
      </c>
      <c r="D376" s="239">
        <v>0.16500000000000001</v>
      </c>
      <c r="E376" s="239">
        <v>3.8E-3</v>
      </c>
      <c r="F376" s="239">
        <v>6.0699999999999997E-2</v>
      </c>
      <c r="G376">
        <f t="shared" si="78"/>
        <v>0.17713999999999999</v>
      </c>
      <c r="H376" s="235">
        <f t="shared" si="79"/>
        <v>2.1451958902562946</v>
      </c>
      <c r="I376" s="236">
        <f t="shared" si="80"/>
        <v>14.133343741555475</v>
      </c>
      <c r="J376" s="237">
        <f t="shared" si="85"/>
        <v>4.1333437415554748</v>
      </c>
      <c r="K376" s="237">
        <f t="shared" si="81"/>
        <v>47.290168159244622</v>
      </c>
      <c r="L376" s="237">
        <f t="shared" si="86"/>
        <v>13.859101565435507</v>
      </c>
      <c r="M376" s="236">
        <f t="shared" si="82"/>
        <v>9.3692820726994199</v>
      </c>
      <c r="N376" s="236">
        <f t="shared" si="83"/>
        <v>2.9264573901491269</v>
      </c>
      <c r="O376" s="236">
        <f t="shared" si="87"/>
        <v>3.014170097023289</v>
      </c>
      <c r="P376" s="236" t="str">
        <f t="shared" si="88"/>
        <v>CLAY</v>
      </c>
      <c r="Q376" s="236">
        <f t="shared" si="84"/>
        <v>10.820819320062947</v>
      </c>
      <c r="R376" s="238">
        <v>35</v>
      </c>
      <c r="S376" s="236">
        <f t="shared" si="89"/>
        <v>4.0980089376948028</v>
      </c>
      <c r="T376" s="236" t="e">
        <f t="shared" si="75"/>
        <v>#N/A</v>
      </c>
    </row>
    <row r="377" spans="1:20" x14ac:dyDescent="0.2">
      <c r="A377" s="53">
        <f t="shared" si="76"/>
        <v>365</v>
      </c>
      <c r="B377" s="239">
        <v>3.363</v>
      </c>
      <c r="C377" s="3">
        <f t="shared" si="77"/>
        <v>3.3559999999999999</v>
      </c>
      <c r="D377" s="239">
        <v>0.16869999999999999</v>
      </c>
      <c r="E377" s="239">
        <v>3.5999999999999999E-3</v>
      </c>
      <c r="F377" s="239">
        <v>5.62E-2</v>
      </c>
      <c r="G377">
        <f t="shared" si="78"/>
        <v>0.17993999999999999</v>
      </c>
      <c r="H377" s="235">
        <f t="shared" si="79"/>
        <v>2.0006668889629879</v>
      </c>
      <c r="I377" s="236">
        <f t="shared" si="80"/>
        <v>14.076074750983016</v>
      </c>
      <c r="J377" s="237">
        <f t="shared" si="85"/>
        <v>4.0760747509830164</v>
      </c>
      <c r="K377" s="237">
        <f t="shared" si="81"/>
        <v>47.239306864299003</v>
      </c>
      <c r="L377" s="237">
        <f t="shared" si="86"/>
        <v>13.707839387555884</v>
      </c>
      <c r="M377" s="236">
        <f t="shared" si="82"/>
        <v>9.6806425421184912</v>
      </c>
      <c r="N377" s="236">
        <f t="shared" si="83"/>
        <v>2.7128720392730772</v>
      </c>
      <c r="O377" s="236">
        <f t="shared" si="87"/>
        <v>2.9840510223456462</v>
      </c>
      <c r="P377" s="236" t="str">
        <f t="shared" si="88"/>
        <v>CLAY</v>
      </c>
      <c r="Q377" s="236">
        <f t="shared" si="84"/>
        <v>11.058391094641749</v>
      </c>
      <c r="R377" s="238">
        <v>35</v>
      </c>
      <c r="S377" s="236">
        <f t="shared" si="89"/>
        <v>4.2689418474750651</v>
      </c>
      <c r="T377" s="236" t="e">
        <f t="shared" si="75"/>
        <v>#N/A</v>
      </c>
    </row>
    <row r="378" spans="1:20" x14ac:dyDescent="0.2">
      <c r="A378" s="53">
        <f t="shared" si="76"/>
        <v>366</v>
      </c>
      <c r="B378" s="239">
        <v>3.3730000000000002</v>
      </c>
      <c r="C378" s="3">
        <f t="shared" si="77"/>
        <v>3.3660000000000001</v>
      </c>
      <c r="D378" s="239">
        <v>0.16969999999999999</v>
      </c>
      <c r="E378" s="239">
        <v>3.7000000000000002E-3</v>
      </c>
      <c r="F378" s="239">
        <v>5.6599999999999998E-2</v>
      </c>
      <c r="G378">
        <f t="shared" si="78"/>
        <v>0.18101999999999999</v>
      </c>
      <c r="H378" s="235">
        <f t="shared" si="79"/>
        <v>2.0439730416528561</v>
      </c>
      <c r="I378" s="236">
        <f t="shared" si="80"/>
        <v>14.110541613866141</v>
      </c>
      <c r="J378" s="237">
        <f t="shared" si="85"/>
        <v>4.1105416138661415</v>
      </c>
      <c r="K378" s="237">
        <f t="shared" si="81"/>
        <v>47.496083072273436</v>
      </c>
      <c r="L378" s="237">
        <f t="shared" si="86"/>
        <v>13.864856863570497</v>
      </c>
      <c r="M378" s="236">
        <f t="shared" si="82"/>
        <v>9.6303855309575308</v>
      </c>
      <c r="N378" s="236">
        <f t="shared" si="83"/>
        <v>2.7710391405029902</v>
      </c>
      <c r="O378" s="236">
        <f t="shared" si="87"/>
        <v>2.9910447000724774</v>
      </c>
      <c r="P378" s="236" t="str">
        <f t="shared" si="88"/>
        <v>CLAY</v>
      </c>
      <c r="Q378" s="236">
        <f t="shared" si="84"/>
        <v>11.126993077310544</v>
      </c>
      <c r="R378" s="238">
        <v>35</v>
      </c>
      <c r="S378" s="236">
        <f t="shared" si="89"/>
        <v>4.2412571082724106</v>
      </c>
      <c r="T378" s="236" t="e">
        <f t="shared" si="75"/>
        <v>#N/A</v>
      </c>
    </row>
    <row r="379" spans="1:20" x14ac:dyDescent="0.2">
      <c r="A379" s="53">
        <f t="shared" si="76"/>
        <v>367</v>
      </c>
      <c r="B379" s="239">
        <v>3.3839999999999999</v>
      </c>
      <c r="C379" s="3">
        <f t="shared" si="77"/>
        <v>3.3769999999999998</v>
      </c>
      <c r="D379" s="239">
        <v>0.16919999999999999</v>
      </c>
      <c r="E379" s="239">
        <v>3.8999999999999998E-3</v>
      </c>
      <c r="F379" s="239">
        <v>5.8400000000000001E-2</v>
      </c>
      <c r="G379">
        <f t="shared" si="78"/>
        <v>0.18087999999999999</v>
      </c>
      <c r="H379" s="235">
        <f t="shared" si="79"/>
        <v>2.1561256081379923</v>
      </c>
      <c r="I379" s="236">
        <f t="shared" si="80"/>
        <v>14.171968987757609</v>
      </c>
      <c r="J379" s="237">
        <f t="shared" si="85"/>
        <v>4.1719689877576087</v>
      </c>
      <c r="K379" s="237">
        <f t="shared" si="81"/>
        <v>47.858739271657441</v>
      </c>
      <c r="L379" s="237">
        <f t="shared" si="86"/>
        <v>14.117943054571747</v>
      </c>
      <c r="M379" s="236">
        <f t="shared" si="82"/>
        <v>9.422141753523146</v>
      </c>
      <c r="N379" s="236">
        <f t="shared" si="83"/>
        <v>2.9318621539489254</v>
      </c>
      <c r="O379" s="236">
        <f t="shared" si="87"/>
        <v>3.0125939653562002</v>
      </c>
      <c r="P379" s="236" t="str">
        <f t="shared" si="88"/>
        <v>CLAY</v>
      </c>
      <c r="Q379" s="236">
        <f t="shared" si="84"/>
        <v>11.085105060695213</v>
      </c>
      <c r="R379" s="238">
        <v>35</v>
      </c>
      <c r="S379" s="236">
        <f t="shared" si="89"/>
        <v>4.1269295093932499</v>
      </c>
      <c r="T379" s="236" t="e">
        <f t="shared" si="75"/>
        <v>#N/A</v>
      </c>
    </row>
    <row r="380" spans="1:20" x14ac:dyDescent="0.2">
      <c r="A380" s="53">
        <f t="shared" si="76"/>
        <v>368</v>
      </c>
      <c r="B380" s="239">
        <v>3.3929999999999998</v>
      </c>
      <c r="C380" s="3">
        <f t="shared" si="77"/>
        <v>3.3859999999999997</v>
      </c>
      <c r="D380" s="239">
        <v>0.16619999999999999</v>
      </c>
      <c r="E380" s="239">
        <v>4.1000000000000003E-3</v>
      </c>
      <c r="F380" s="239">
        <v>6.1199999999999997E-2</v>
      </c>
      <c r="G380">
        <f t="shared" si="78"/>
        <v>0.17843999999999999</v>
      </c>
      <c r="H380" s="235">
        <f t="shared" si="79"/>
        <v>2.2976911006500789</v>
      </c>
      <c r="I380" s="236">
        <f t="shared" si="80"/>
        <v>14.225302460638394</v>
      </c>
      <c r="J380" s="237">
        <f t="shared" si="85"/>
        <v>4.2253024606383942</v>
      </c>
      <c r="K380" s="237">
        <f t="shared" si="81"/>
        <v>48.166874131721599</v>
      </c>
      <c r="L380" s="237">
        <f t="shared" si="86"/>
        <v>14.336451248946071</v>
      </c>
      <c r="M380" s="236">
        <f t="shared" si="82"/>
        <v>9.0868460824888775</v>
      </c>
      <c r="N380" s="236">
        <f t="shared" si="83"/>
        <v>3.1472339154167437</v>
      </c>
      <c r="O380" s="236">
        <f t="shared" si="87"/>
        <v>3.042917764650944</v>
      </c>
      <c r="P380" s="236" t="str">
        <f t="shared" si="88"/>
        <v>CLAY</v>
      </c>
      <c r="Q380" s="236">
        <f t="shared" si="84"/>
        <v>10.856093822356533</v>
      </c>
      <c r="R380" s="238">
        <v>35</v>
      </c>
      <c r="S380" s="236">
        <f t="shared" si="89"/>
        <v>3.9441777012775106</v>
      </c>
      <c r="T380" s="236" t="e">
        <f t="shared" si="75"/>
        <v>#N/A</v>
      </c>
    </row>
    <row r="381" spans="1:20" x14ac:dyDescent="0.2">
      <c r="A381" s="53">
        <f t="shared" si="76"/>
        <v>369</v>
      </c>
      <c r="B381" s="239">
        <v>3.403</v>
      </c>
      <c r="C381" s="3">
        <f t="shared" si="77"/>
        <v>3.3959999999999999</v>
      </c>
      <c r="D381" s="239">
        <v>0.16769999999999999</v>
      </c>
      <c r="E381" s="239">
        <v>4.4000000000000003E-3</v>
      </c>
      <c r="F381" s="239">
        <v>6.3399999999999998E-2</v>
      </c>
      <c r="G381">
        <f t="shared" si="78"/>
        <v>0.18037999999999998</v>
      </c>
      <c r="H381" s="235">
        <f t="shared" si="79"/>
        <v>2.4392948220423554</v>
      </c>
      <c r="I381" s="236">
        <f t="shared" si="80"/>
        <v>14.312334825225989</v>
      </c>
      <c r="J381" s="237">
        <f t="shared" si="85"/>
        <v>4.3123348252259888</v>
      </c>
      <c r="K381" s="237">
        <f t="shared" si="81"/>
        <v>48.604689066467458</v>
      </c>
      <c r="L381" s="237">
        <f t="shared" si="86"/>
        <v>14.67487541024404</v>
      </c>
      <c r="M381" s="236">
        <f t="shared" si="82"/>
        <v>8.9796544944800409</v>
      </c>
      <c r="N381" s="236">
        <f t="shared" si="83"/>
        <v>3.3390169742944944</v>
      </c>
      <c r="O381" s="236">
        <f t="shared" si="87"/>
        <v>3.0617295801003332</v>
      </c>
      <c r="P381" s="236" t="str">
        <f t="shared" si="88"/>
        <v>CLAY</v>
      </c>
      <c r="Q381" s="236">
        <f t="shared" si="84"/>
        <v>10.98127591112771</v>
      </c>
      <c r="R381" s="238">
        <v>35</v>
      </c>
      <c r="S381" s="236">
        <f t="shared" si="89"/>
        <v>3.8861051027193652</v>
      </c>
      <c r="T381" s="236" t="e">
        <f t="shared" si="75"/>
        <v>#N/A</v>
      </c>
    </row>
    <row r="382" spans="1:20" x14ac:dyDescent="0.2">
      <c r="A382" s="53">
        <f t="shared" si="76"/>
        <v>370</v>
      </c>
      <c r="B382" s="239">
        <v>3.4140000000000001</v>
      </c>
      <c r="C382" s="3">
        <f t="shared" si="77"/>
        <v>3.407</v>
      </c>
      <c r="D382" s="239">
        <v>0.1701</v>
      </c>
      <c r="E382" s="239">
        <v>4.4999999999999997E-3</v>
      </c>
      <c r="F382" s="239">
        <v>6.4899999999999999E-2</v>
      </c>
      <c r="G382">
        <f t="shared" si="78"/>
        <v>0.18307999999999999</v>
      </c>
      <c r="H382" s="235">
        <f t="shared" si="79"/>
        <v>2.457941883329692</v>
      </c>
      <c r="I382" s="236">
        <f t="shared" si="80"/>
        <v>14.344493654955651</v>
      </c>
      <c r="J382" s="237">
        <f t="shared" si="85"/>
        <v>4.3444936549556505</v>
      </c>
      <c r="K382" s="237">
        <f t="shared" si="81"/>
        <v>48.871689882433898</v>
      </c>
      <c r="L382" s="237">
        <f t="shared" si="86"/>
        <v>14.832101338018592</v>
      </c>
      <c r="M382" s="236">
        <f t="shared" si="82"/>
        <v>9.0485027750959848</v>
      </c>
      <c r="N382" s="236">
        <f t="shared" si="83"/>
        <v>3.3529965439979188</v>
      </c>
      <c r="O382" s="236">
        <f t="shared" si="87"/>
        <v>3.0600381192928201</v>
      </c>
      <c r="P382" s="236" t="str">
        <f t="shared" si="88"/>
        <v>CLAY</v>
      </c>
      <c r="Q382" s="236">
        <f t="shared" si="84"/>
        <v>11.184025843130508</v>
      </c>
      <c r="R382" s="238">
        <v>35</v>
      </c>
      <c r="S382" s="236">
        <f t="shared" si="89"/>
        <v>3.9233848756306959</v>
      </c>
      <c r="T382" s="236" t="e">
        <f t="shared" si="75"/>
        <v>#N/A</v>
      </c>
    </row>
    <row r="383" spans="1:20" x14ac:dyDescent="0.2">
      <c r="A383" s="53">
        <f t="shared" si="76"/>
        <v>371</v>
      </c>
      <c r="B383" s="239">
        <v>3.4239999999999999</v>
      </c>
      <c r="C383" s="3">
        <f t="shared" si="77"/>
        <v>3.4169999999999998</v>
      </c>
      <c r="D383" s="239">
        <v>0.1724</v>
      </c>
      <c r="E383" s="239">
        <v>4.5999999999999999E-3</v>
      </c>
      <c r="F383" s="239">
        <v>6.7699999999999996E-2</v>
      </c>
      <c r="G383">
        <f t="shared" si="78"/>
        <v>0.18593999999999999</v>
      </c>
      <c r="H383" s="235">
        <f t="shared" si="79"/>
        <v>2.4739163170915348</v>
      </c>
      <c r="I383" s="236">
        <f t="shared" si="80"/>
        <v>14.376324743883371</v>
      </c>
      <c r="J383" s="237">
        <f t="shared" si="85"/>
        <v>4.3763247438833712</v>
      </c>
      <c r="K383" s="237">
        <f t="shared" si="81"/>
        <v>49.123901649849479</v>
      </c>
      <c r="L383" s="237">
        <f t="shared" si="86"/>
        <v>14.984535923056663</v>
      </c>
      <c r="M383" s="236">
        <f t="shared" si="82"/>
        <v>9.1304861927443461</v>
      </c>
      <c r="N383" s="236">
        <f t="shared" si="83"/>
        <v>3.362177445103951</v>
      </c>
      <c r="O383" s="236">
        <f t="shared" si="87"/>
        <v>3.0574997092530092</v>
      </c>
      <c r="P383" s="236" t="str">
        <f t="shared" si="88"/>
        <v>CLAY</v>
      </c>
      <c r="Q383" s="236">
        <f t="shared" si="84"/>
        <v>11.401341529179211</v>
      </c>
      <c r="R383" s="238">
        <v>35</v>
      </c>
      <c r="S383" s="236">
        <f t="shared" si="89"/>
        <v>3.9678695788063001</v>
      </c>
      <c r="T383" s="236" t="e">
        <f t="shared" si="75"/>
        <v>#N/A</v>
      </c>
    </row>
    <row r="384" spans="1:20" x14ac:dyDescent="0.2">
      <c r="A384" s="53">
        <f t="shared" si="76"/>
        <v>372</v>
      </c>
      <c r="B384" s="239">
        <v>3.4329999999999998</v>
      </c>
      <c r="C384" s="3">
        <f t="shared" si="77"/>
        <v>3.4259999999999997</v>
      </c>
      <c r="D384" s="239">
        <v>0.17169999999999999</v>
      </c>
      <c r="E384" s="239">
        <v>4.5999999999999999E-3</v>
      </c>
      <c r="F384" s="239">
        <v>6.83E-2</v>
      </c>
      <c r="G384">
        <f t="shared" si="78"/>
        <v>0.18536</v>
      </c>
      <c r="H384" s="235">
        <f t="shared" si="79"/>
        <v>2.4816573154941732</v>
      </c>
      <c r="I384" s="236">
        <f t="shared" si="80"/>
        <v>14.375103618626463</v>
      </c>
      <c r="J384" s="237">
        <f t="shared" si="85"/>
        <v>4.3751036186264631</v>
      </c>
      <c r="K384" s="237">
        <f t="shared" si="81"/>
        <v>49.249104997414257</v>
      </c>
      <c r="L384" s="237">
        <f t="shared" si="86"/>
        <v>15.019730722744647</v>
      </c>
      <c r="M384" s="236">
        <f t="shared" si="82"/>
        <v>9.0621394960477257</v>
      </c>
      <c r="N384" s="236">
        <f t="shared" si="83"/>
        <v>3.379597202643192</v>
      </c>
      <c r="O384" s="236">
        <f t="shared" si="87"/>
        <v>3.0614600966865071</v>
      </c>
      <c r="P384" s="236" t="str">
        <f t="shared" si="88"/>
        <v>CLAY</v>
      </c>
      <c r="Q384" s="236">
        <f t="shared" si="84"/>
        <v>11.34257458354881</v>
      </c>
      <c r="R384" s="238">
        <v>35</v>
      </c>
      <c r="S384" s="236">
        <f t="shared" si="89"/>
        <v>3.9307772836888324</v>
      </c>
      <c r="T384" s="236" t="e">
        <f t="shared" si="75"/>
        <v>#N/A</v>
      </c>
    </row>
    <row r="385" spans="1:20" x14ac:dyDescent="0.2">
      <c r="A385" s="53">
        <f t="shared" si="76"/>
        <v>373</v>
      </c>
      <c r="B385" s="239">
        <v>3.444</v>
      </c>
      <c r="C385" s="3">
        <f t="shared" si="77"/>
        <v>3.4369999999999998</v>
      </c>
      <c r="D385" s="239">
        <v>0.1694</v>
      </c>
      <c r="E385" s="239">
        <v>4.7999999999999996E-3</v>
      </c>
      <c r="F385" s="239">
        <v>6.7599999999999993E-2</v>
      </c>
      <c r="G385">
        <f t="shared" si="78"/>
        <v>0.18292</v>
      </c>
      <c r="H385" s="235">
        <f t="shared" si="79"/>
        <v>2.6240979663240758</v>
      </c>
      <c r="I385" s="236">
        <f t="shared" si="80"/>
        <v>14.419829468734351</v>
      </c>
      <c r="J385" s="237">
        <f t="shared" si="85"/>
        <v>4.4198294687343509</v>
      </c>
      <c r="K385" s="237">
        <f t="shared" si="81"/>
        <v>49.560953884039961</v>
      </c>
      <c r="L385" s="237">
        <f t="shared" si="86"/>
        <v>15.221892690321104</v>
      </c>
      <c r="M385" s="236">
        <f t="shared" si="82"/>
        <v>8.7610029073951416</v>
      </c>
      <c r="N385" s="236">
        <f t="shared" si="83"/>
        <v>3.5993058887255716</v>
      </c>
      <c r="O385" s="236">
        <f t="shared" si="87"/>
        <v>3.0891644894349874</v>
      </c>
      <c r="P385" s="236" t="str">
        <f t="shared" si="88"/>
        <v>CLAY</v>
      </c>
      <c r="Q385" s="236">
        <f t="shared" si="84"/>
        <v>11.11325384299667</v>
      </c>
      <c r="R385" s="238">
        <v>35</v>
      </c>
      <c r="S385" s="236">
        <f t="shared" si="89"/>
        <v>3.7681856316706601</v>
      </c>
      <c r="T385" s="236" t="e">
        <f t="shared" si="75"/>
        <v>#N/A</v>
      </c>
    </row>
    <row r="386" spans="1:20" x14ac:dyDescent="0.2">
      <c r="A386" s="53">
        <f t="shared" si="76"/>
        <v>374</v>
      </c>
      <c r="B386" s="239">
        <v>3.4529999999999998</v>
      </c>
      <c r="C386" s="3">
        <f t="shared" si="77"/>
        <v>3.4459999999999997</v>
      </c>
      <c r="D386" s="239">
        <v>0.16750000000000001</v>
      </c>
      <c r="E386" s="239">
        <v>4.8999999999999998E-3</v>
      </c>
      <c r="F386" s="239">
        <v>6.7000000000000004E-2</v>
      </c>
      <c r="G386">
        <f t="shared" si="78"/>
        <v>0.18090000000000001</v>
      </c>
      <c r="H386" s="235">
        <f t="shared" si="79"/>
        <v>2.7086788280818128</v>
      </c>
      <c r="I386" s="236">
        <f t="shared" si="80"/>
        <v>14.439667180633307</v>
      </c>
      <c r="J386" s="237">
        <f t="shared" si="85"/>
        <v>4.4396671806333075</v>
      </c>
      <c r="K386" s="237">
        <f t="shared" si="81"/>
        <v>49.759093104462373</v>
      </c>
      <c r="L386" s="237">
        <f t="shared" si="86"/>
        <v>15.33017077472681</v>
      </c>
      <c r="M386" s="236">
        <f t="shared" si="82"/>
        <v>8.5544322253562513</v>
      </c>
      <c r="N386" s="236">
        <f t="shared" si="83"/>
        <v>3.7364390074739782</v>
      </c>
      <c r="O386" s="236">
        <f t="shared" si="87"/>
        <v>3.1069887142829287</v>
      </c>
      <c r="P386" s="236" t="str">
        <f t="shared" si="88"/>
        <v>CLAY</v>
      </c>
      <c r="Q386" s="236">
        <f t="shared" si="84"/>
        <v>10.928408907961469</v>
      </c>
      <c r="R386" s="238">
        <v>35</v>
      </c>
      <c r="S386" s="236">
        <f t="shared" si="89"/>
        <v>3.6574550383384241</v>
      </c>
      <c r="T386" s="236" t="e">
        <f t="shared" si="75"/>
        <v>#N/A</v>
      </c>
    </row>
    <row r="387" spans="1:20" x14ac:dyDescent="0.2">
      <c r="A387" s="53">
        <f t="shared" si="76"/>
        <v>375</v>
      </c>
      <c r="B387" s="239">
        <v>3.464</v>
      </c>
      <c r="C387" s="3">
        <f t="shared" si="77"/>
        <v>3.4569999999999999</v>
      </c>
      <c r="D387" s="239">
        <v>0.1658</v>
      </c>
      <c r="E387" s="239">
        <v>4.8999999999999998E-3</v>
      </c>
      <c r="F387" s="239">
        <v>6.7400000000000002E-2</v>
      </c>
      <c r="G387">
        <f t="shared" si="78"/>
        <v>0.17927999999999999</v>
      </c>
      <c r="H387" s="235">
        <f t="shared" si="79"/>
        <v>2.7331548415885765</v>
      </c>
      <c r="I387" s="236">
        <f t="shared" si="80"/>
        <v>14.436151129633778</v>
      </c>
      <c r="J387" s="237">
        <f t="shared" si="85"/>
        <v>4.4361511296337781</v>
      </c>
      <c r="K387" s="237">
        <f t="shared" si="81"/>
        <v>49.90577445514397</v>
      </c>
      <c r="L387" s="237">
        <f t="shared" si="86"/>
        <v>15.366827513051406</v>
      </c>
      <c r="M387" s="236">
        <f t="shared" si="82"/>
        <v>8.4190588743822019</v>
      </c>
      <c r="N387" s="236">
        <f t="shared" si="83"/>
        <v>3.7874622857557472</v>
      </c>
      <c r="O387" s="236">
        <f t="shared" si="87"/>
        <v>3.1160456169173854</v>
      </c>
      <c r="P387" s="236" t="str">
        <f t="shared" si="88"/>
        <v>CLAY</v>
      </c>
      <c r="Q387" s="236">
        <f t="shared" si="84"/>
        <v>10.781185462071335</v>
      </c>
      <c r="R387" s="238">
        <v>35</v>
      </c>
      <c r="S387" s="236">
        <f t="shared" si="89"/>
        <v>3.5852499783578859</v>
      </c>
      <c r="T387" s="236" t="e">
        <f t="shared" si="75"/>
        <v>#N/A</v>
      </c>
    </row>
    <row r="388" spans="1:20" x14ac:dyDescent="0.2">
      <c r="A388" s="53">
        <f t="shared" si="76"/>
        <v>376</v>
      </c>
      <c r="B388" s="239">
        <v>3.4740000000000002</v>
      </c>
      <c r="C388" s="3">
        <f t="shared" si="77"/>
        <v>3.4670000000000001</v>
      </c>
      <c r="D388" s="239">
        <v>0.159</v>
      </c>
      <c r="E388" s="239">
        <v>5.0000000000000001E-3</v>
      </c>
      <c r="F388" s="239">
        <v>7.0400000000000004E-2</v>
      </c>
      <c r="G388">
        <f t="shared" si="78"/>
        <v>0.17308000000000001</v>
      </c>
      <c r="H388" s="235">
        <f t="shared" si="79"/>
        <v>2.8888375317772126</v>
      </c>
      <c r="I388" s="236">
        <f t="shared" si="80"/>
        <v>14.446084263963757</v>
      </c>
      <c r="J388" s="237">
        <f t="shared" si="85"/>
        <v>4.4460842639637566</v>
      </c>
      <c r="K388" s="237">
        <f t="shared" si="81"/>
        <v>50.084574143162342</v>
      </c>
      <c r="L388" s="237">
        <f t="shared" si="86"/>
        <v>15.445696733010092</v>
      </c>
      <c r="M388" s="236">
        <f t="shared" si="82"/>
        <v>7.9630869350150739</v>
      </c>
      <c r="N388" s="236">
        <f t="shared" si="83"/>
        <v>4.0651918273935026</v>
      </c>
      <c r="O388" s="236">
        <f t="shared" si="87"/>
        <v>3.1535503714242163</v>
      </c>
      <c r="P388" s="236" t="str">
        <f t="shared" si="88"/>
        <v>CLAY</v>
      </c>
      <c r="Q388" s="236">
        <f t="shared" si="84"/>
        <v>10.249618821403139</v>
      </c>
      <c r="R388" s="238">
        <v>35</v>
      </c>
      <c r="S388" s="236">
        <f t="shared" si="89"/>
        <v>3.3441968232304493</v>
      </c>
      <c r="T388" s="236" t="e">
        <f t="shared" si="75"/>
        <v>#N/A</v>
      </c>
    </row>
    <row r="389" spans="1:20" x14ac:dyDescent="0.2">
      <c r="A389" s="53">
        <f t="shared" si="76"/>
        <v>377</v>
      </c>
      <c r="B389" s="239">
        <v>3.4849999999999999</v>
      </c>
      <c r="C389" s="3">
        <f t="shared" si="77"/>
        <v>3.4779999999999998</v>
      </c>
      <c r="D389" s="239">
        <v>0.15090000000000001</v>
      </c>
      <c r="E389" s="239">
        <v>5.1999999999999998E-3</v>
      </c>
      <c r="F389" s="239">
        <v>7.0999999999999994E-2</v>
      </c>
      <c r="G389">
        <f t="shared" si="78"/>
        <v>0.1651</v>
      </c>
      <c r="H389" s="235">
        <f t="shared" si="79"/>
        <v>3.1496062992125982</v>
      </c>
      <c r="I389" s="236">
        <f t="shared" si="80"/>
        <v>14.473624448132957</v>
      </c>
      <c r="J389" s="237">
        <f t="shared" si="85"/>
        <v>4.4736244481329575</v>
      </c>
      <c r="K389" s="237">
        <f t="shared" si="81"/>
        <v>50.339265830606422</v>
      </c>
      <c r="L389" s="237">
        <f t="shared" si="86"/>
        <v>15.590581201743356</v>
      </c>
      <c r="M389" s="236">
        <f t="shared" si="82"/>
        <v>7.3609016036272523</v>
      </c>
      <c r="N389" s="236">
        <f t="shared" si="83"/>
        <v>4.5311665506814336</v>
      </c>
      <c r="O389" s="236">
        <f t="shared" si="87"/>
        <v>3.2087586719652843</v>
      </c>
      <c r="P389" s="236" t="str">
        <f t="shared" si="88"/>
        <v>CLAY</v>
      </c>
      <c r="Q389" s="236">
        <f t="shared" si="84"/>
        <v>9.5633945141161316</v>
      </c>
      <c r="R389" s="238">
        <v>35</v>
      </c>
      <c r="S389" s="236">
        <f t="shared" si="89"/>
        <v>3.0311244947234322</v>
      </c>
      <c r="T389" s="236" t="e">
        <f t="shared" si="75"/>
        <v>#N/A</v>
      </c>
    </row>
    <row r="390" spans="1:20" x14ac:dyDescent="0.2">
      <c r="A390" s="53">
        <f t="shared" si="76"/>
        <v>378</v>
      </c>
      <c r="B390" s="239">
        <v>3.4940000000000002</v>
      </c>
      <c r="C390" s="3">
        <f t="shared" si="77"/>
        <v>3.4870000000000001</v>
      </c>
      <c r="D390" s="239">
        <v>0.15</v>
      </c>
      <c r="E390" s="239">
        <v>5.1000000000000004E-3</v>
      </c>
      <c r="F390" s="239">
        <v>7.0199999999999999E-2</v>
      </c>
      <c r="G390">
        <f t="shared" si="78"/>
        <v>0.16403999999999999</v>
      </c>
      <c r="H390" s="235">
        <f t="shared" si="79"/>
        <v>3.1089978054133143</v>
      </c>
      <c r="I390" s="236">
        <f t="shared" si="80"/>
        <v>14.448337314400817</v>
      </c>
      <c r="J390" s="237">
        <f t="shared" si="85"/>
        <v>4.4483373144008169</v>
      </c>
      <c r="K390" s="237">
        <f t="shared" si="81"/>
        <v>50.381352215315651</v>
      </c>
      <c r="L390" s="237">
        <f t="shared" si="86"/>
        <v>15.542490576516455</v>
      </c>
      <c r="M390" s="236">
        <f t="shared" si="82"/>
        <v>7.3127692904259565</v>
      </c>
      <c r="N390" s="236">
        <f t="shared" si="83"/>
        <v>4.4871200734865964</v>
      </c>
      <c r="O390" s="236">
        <f t="shared" si="87"/>
        <v>3.2085935121338514</v>
      </c>
      <c r="P390" s="236" t="str">
        <f t="shared" si="88"/>
        <v>CLAY</v>
      </c>
      <c r="Q390" s="236">
        <f t="shared" si="84"/>
        <v>9.4715539820570296</v>
      </c>
      <c r="R390" s="238">
        <v>35</v>
      </c>
      <c r="S390" s="236">
        <f t="shared" si="89"/>
        <v>3.0063694449226865</v>
      </c>
      <c r="T390" s="236" t="e">
        <f t="shared" si="75"/>
        <v>#N/A</v>
      </c>
    </row>
    <row r="391" spans="1:20" x14ac:dyDescent="0.2">
      <c r="A391" s="53">
        <f t="shared" si="76"/>
        <v>379</v>
      </c>
      <c r="B391" s="239">
        <v>3.5049999999999999</v>
      </c>
      <c r="C391" s="3">
        <f t="shared" si="77"/>
        <v>3.4979999999999998</v>
      </c>
      <c r="D391" s="239">
        <v>0.14760000000000001</v>
      </c>
      <c r="E391" s="239">
        <v>5.1999999999999998E-3</v>
      </c>
      <c r="F391" s="239">
        <v>6.9500000000000006E-2</v>
      </c>
      <c r="G391">
        <f t="shared" si="78"/>
        <v>0.1615</v>
      </c>
      <c r="H391" s="235">
        <f t="shared" si="79"/>
        <v>3.219814241486068</v>
      </c>
      <c r="I391" s="236">
        <f t="shared" si="80"/>
        <v>14.465007356196855</v>
      </c>
      <c r="J391" s="237">
        <f t="shared" si="85"/>
        <v>4.4650073561968551</v>
      </c>
      <c r="K391" s="237">
        <f t="shared" si="81"/>
        <v>50.598595731976594</v>
      </c>
      <c r="L391" s="237">
        <f t="shared" si="86"/>
        <v>15.649850783469976</v>
      </c>
      <c r="M391" s="236">
        <f t="shared" si="82"/>
        <v>7.086419276608189</v>
      </c>
      <c r="N391" s="236">
        <f t="shared" si="83"/>
        <v>4.6888495545401625</v>
      </c>
      <c r="O391" s="236">
        <f t="shared" si="87"/>
        <v>3.2308350719986456</v>
      </c>
      <c r="P391" s="236" t="str">
        <f t="shared" si="88"/>
        <v>CLAY</v>
      </c>
      <c r="Q391" s="236">
        <f t="shared" si="84"/>
        <v>9.2417836890019505</v>
      </c>
      <c r="R391" s="238">
        <v>35</v>
      </c>
      <c r="S391" s="236">
        <f t="shared" si="89"/>
        <v>2.8905039292063059</v>
      </c>
      <c r="T391" s="236" t="e">
        <f t="shared" si="75"/>
        <v>#N/A</v>
      </c>
    </row>
    <row r="392" spans="1:20" x14ac:dyDescent="0.2">
      <c r="A392" s="53">
        <f t="shared" si="76"/>
        <v>380</v>
      </c>
      <c r="B392" s="239">
        <v>3.5139999999999998</v>
      </c>
      <c r="C392" s="3">
        <f t="shared" si="77"/>
        <v>3.5069999999999997</v>
      </c>
      <c r="D392" s="239">
        <v>0.14680000000000001</v>
      </c>
      <c r="E392" s="239">
        <v>5.0000000000000001E-3</v>
      </c>
      <c r="F392" s="239">
        <v>6.8400000000000002E-2</v>
      </c>
      <c r="G392">
        <f t="shared" si="78"/>
        <v>0.16048000000000001</v>
      </c>
      <c r="H392" s="235">
        <f t="shared" si="79"/>
        <v>3.1156530408773677</v>
      </c>
      <c r="I392" s="236">
        <f t="shared" si="80"/>
        <v>14.416540890198446</v>
      </c>
      <c r="J392" s="237">
        <f t="shared" si="85"/>
        <v>4.416540890198446</v>
      </c>
      <c r="K392" s="237">
        <f t="shared" si="81"/>
        <v>50.558808901925943</v>
      </c>
      <c r="L392" s="237">
        <f t="shared" si="86"/>
        <v>15.519724688157337</v>
      </c>
      <c r="M392" s="236">
        <f t="shared" si="82"/>
        <v>7.0826766135839909</v>
      </c>
      <c r="N392" s="236">
        <f t="shared" si="83"/>
        <v>4.548713446471746</v>
      </c>
      <c r="O392" s="236">
        <f t="shared" si="87"/>
        <v>3.2233260941294568</v>
      </c>
      <c r="P392" s="236" t="str">
        <f t="shared" si="88"/>
        <v>CLAY</v>
      </c>
      <c r="Q392" s="236">
        <f t="shared" si="84"/>
        <v>9.1600992581728402</v>
      </c>
      <c r="R392" s="238">
        <v>35</v>
      </c>
      <c r="S392" s="236">
        <f t="shared" si="89"/>
        <v>2.8885957955877406</v>
      </c>
      <c r="T392" s="236" t="e">
        <f t="shared" si="75"/>
        <v>#N/A</v>
      </c>
    </row>
    <row r="393" spans="1:20" x14ac:dyDescent="0.2">
      <c r="A393" s="53">
        <f t="shared" si="76"/>
        <v>381</v>
      </c>
      <c r="B393" s="239">
        <v>3.5249999999999999</v>
      </c>
      <c r="C393" s="3">
        <f t="shared" si="77"/>
        <v>3.5179999999999998</v>
      </c>
      <c r="D393" s="239">
        <v>0.1464</v>
      </c>
      <c r="E393" s="239">
        <v>5.0000000000000001E-3</v>
      </c>
      <c r="F393" s="239">
        <v>6.2399999999999997E-2</v>
      </c>
      <c r="G393">
        <f t="shared" si="78"/>
        <v>0.15887999999999999</v>
      </c>
      <c r="H393" s="235">
        <f t="shared" si="79"/>
        <v>3.1470292044310169</v>
      </c>
      <c r="I393" s="236">
        <f t="shared" si="80"/>
        <v>14.412624374125913</v>
      </c>
      <c r="J393" s="237">
        <f t="shared" si="85"/>
        <v>4.4126243741259135</v>
      </c>
      <c r="K393" s="237">
        <f t="shared" si="81"/>
        <v>50.703612548174959</v>
      </c>
      <c r="L393" s="237">
        <f t="shared" si="86"/>
        <v>15.554500918793845</v>
      </c>
      <c r="M393" s="236">
        <f t="shared" si="82"/>
        <v>6.9546678492988541</v>
      </c>
      <c r="N393" s="236">
        <f t="shared" si="83"/>
        <v>4.622080768066585</v>
      </c>
      <c r="O393" s="236">
        <f t="shared" si="87"/>
        <v>3.2338125903078194</v>
      </c>
      <c r="P393" s="236" t="str">
        <f t="shared" si="88"/>
        <v>CLAY</v>
      </c>
      <c r="Q393" s="236">
        <f t="shared" si="84"/>
        <v>9.014698954318753</v>
      </c>
      <c r="R393" s="238">
        <v>35</v>
      </c>
      <c r="S393" s="236">
        <f t="shared" si="89"/>
        <v>2.8234850994568594</v>
      </c>
      <c r="T393" s="236" t="e">
        <f t="shared" si="75"/>
        <v>#N/A</v>
      </c>
    </row>
    <row r="394" spans="1:20" x14ac:dyDescent="0.2">
      <c r="A394" s="53">
        <f t="shared" si="76"/>
        <v>382</v>
      </c>
      <c r="B394" s="239">
        <v>3.5339999999999998</v>
      </c>
      <c r="C394" s="3">
        <f t="shared" si="77"/>
        <v>3.5269999999999997</v>
      </c>
      <c r="D394" s="239">
        <v>0.1449</v>
      </c>
      <c r="E394" s="239">
        <v>5.0000000000000001E-3</v>
      </c>
      <c r="F394" s="239">
        <v>6.6199999999999995E-2</v>
      </c>
      <c r="G394">
        <f t="shared" si="78"/>
        <v>0.15814</v>
      </c>
      <c r="H394" s="235">
        <f t="shared" si="79"/>
        <v>3.1617554066017455</v>
      </c>
      <c r="I394" s="236">
        <f t="shared" si="80"/>
        <v>14.410799627105071</v>
      </c>
      <c r="J394" s="237">
        <f t="shared" si="85"/>
        <v>4.4107996271050709</v>
      </c>
      <c r="K394" s="237">
        <f t="shared" si="81"/>
        <v>50.826890284799582</v>
      </c>
      <c r="L394" s="237">
        <f t="shared" si="86"/>
        <v>15.58776588218932</v>
      </c>
      <c r="M394" s="236">
        <f t="shared" si="82"/>
        <v>6.8844445397923932</v>
      </c>
      <c r="N394" s="236">
        <f t="shared" si="83"/>
        <v>4.659262985919951</v>
      </c>
      <c r="O394" s="236">
        <f t="shared" si="87"/>
        <v>3.2394221764731519</v>
      </c>
      <c r="P394" s="236" t="str">
        <f t="shared" si="88"/>
        <v>CLAY</v>
      </c>
      <c r="Q394" s="236">
        <f t="shared" si="84"/>
        <v>8.9427591429333688</v>
      </c>
      <c r="R394" s="238">
        <v>35</v>
      </c>
      <c r="S394" s="236">
        <f t="shared" si="89"/>
        <v>2.7878932524778048</v>
      </c>
      <c r="T394" s="236" t="e">
        <f t="shared" si="75"/>
        <v>#N/A</v>
      </c>
    </row>
    <row r="395" spans="1:20" x14ac:dyDescent="0.2">
      <c r="A395" s="53">
        <f t="shared" si="76"/>
        <v>383</v>
      </c>
      <c r="B395" s="239">
        <v>3.5449999999999999</v>
      </c>
      <c r="C395" s="3">
        <f t="shared" si="77"/>
        <v>3.5379999999999998</v>
      </c>
      <c r="D395" s="239">
        <v>0.14349999999999999</v>
      </c>
      <c r="E395" s="239">
        <v>5.1000000000000004E-3</v>
      </c>
      <c r="F395" s="239">
        <v>7.0400000000000004E-2</v>
      </c>
      <c r="G395">
        <f t="shared" si="78"/>
        <v>0.15758</v>
      </c>
      <c r="H395" s="235">
        <f t="shared" si="79"/>
        <v>3.236451326310446</v>
      </c>
      <c r="I395" s="236">
        <f t="shared" si="80"/>
        <v>14.432633516375848</v>
      </c>
      <c r="J395" s="237">
        <f t="shared" si="85"/>
        <v>4.4326335163758479</v>
      </c>
      <c r="K395" s="237">
        <f t="shared" si="81"/>
        <v>51.06265738093775</v>
      </c>
      <c r="L395" s="237">
        <f t="shared" si="86"/>
        <v>15.713685815552381</v>
      </c>
      <c r="M395" s="236">
        <f t="shared" si="82"/>
        <v>6.77863512541649</v>
      </c>
      <c r="N395" s="236">
        <f t="shared" si="83"/>
        <v>4.7879527169947531</v>
      </c>
      <c r="O395" s="236">
        <f t="shared" si="87"/>
        <v>3.2517902219564561</v>
      </c>
      <c r="P395" s="236" t="str">
        <f t="shared" si="88"/>
        <v>CLAY</v>
      </c>
      <c r="Q395" s="236">
        <f t="shared" si="84"/>
        <v>8.8764452182551867</v>
      </c>
      <c r="R395" s="238">
        <v>35</v>
      </c>
      <c r="S395" s="236">
        <f t="shared" si="89"/>
        <v>2.7344364263883518</v>
      </c>
      <c r="T395" s="236" t="e">
        <f t="shared" si="75"/>
        <v>#N/A</v>
      </c>
    </row>
    <row r="396" spans="1:20" x14ac:dyDescent="0.2">
      <c r="A396" s="53">
        <f t="shared" si="76"/>
        <v>384</v>
      </c>
      <c r="B396" s="239">
        <v>3.5539999999999998</v>
      </c>
      <c r="C396" s="3">
        <f t="shared" si="77"/>
        <v>3.5469999999999997</v>
      </c>
      <c r="D396" s="239">
        <v>0.14369999999999999</v>
      </c>
      <c r="E396" s="239">
        <v>5.1000000000000004E-3</v>
      </c>
      <c r="F396" s="239">
        <v>7.3999999999999996E-2</v>
      </c>
      <c r="G396">
        <f t="shared" si="78"/>
        <v>0.1585</v>
      </c>
      <c r="H396" s="235">
        <f t="shared" si="79"/>
        <v>3.2176656151419563</v>
      </c>
      <c r="I396" s="236">
        <f t="shared" si="80"/>
        <v>14.434908869745309</v>
      </c>
      <c r="J396" s="237">
        <f t="shared" si="85"/>
        <v>4.4349088697453087</v>
      </c>
      <c r="K396" s="237">
        <f t="shared" si="81"/>
        <v>51.200621760986607</v>
      </c>
      <c r="L396" s="237">
        <f t="shared" si="86"/>
        <v>15.761666123074827</v>
      </c>
      <c r="M396" s="236">
        <f t="shared" si="82"/>
        <v>6.8076164918839908</v>
      </c>
      <c r="N396" s="236">
        <f t="shared" si="83"/>
        <v>4.7530564330387444</v>
      </c>
      <c r="O396" s="236">
        <f t="shared" si="87"/>
        <v>3.2484306042480715</v>
      </c>
      <c r="P396" s="236" t="str">
        <f t="shared" si="88"/>
        <v>CLAY</v>
      </c>
      <c r="Q396" s="236">
        <f t="shared" si="84"/>
        <v>8.9416148532511155</v>
      </c>
      <c r="R396" s="238">
        <v>35</v>
      </c>
      <c r="S396" s="236">
        <f t="shared" si="89"/>
        <v>2.7490577346318852</v>
      </c>
      <c r="T396" s="236" t="e">
        <f t="shared" si="75"/>
        <v>#N/A</v>
      </c>
    </row>
    <row r="397" spans="1:20" x14ac:dyDescent="0.2">
      <c r="A397" s="53">
        <f t="shared" si="76"/>
        <v>385</v>
      </c>
      <c r="B397" s="239">
        <v>3.5649999999999999</v>
      </c>
      <c r="C397" s="3">
        <f t="shared" si="77"/>
        <v>3.5579999999999998</v>
      </c>
      <c r="D397" s="239">
        <v>0.1447</v>
      </c>
      <c r="E397" s="239">
        <v>5.1000000000000004E-3</v>
      </c>
      <c r="F397" s="239">
        <v>7.7399999999999997E-2</v>
      </c>
      <c r="G397">
        <f t="shared" si="78"/>
        <v>0.16017999999999999</v>
      </c>
      <c r="H397" s="235">
        <f t="shared" si="79"/>
        <v>3.1839180921463357</v>
      </c>
      <c r="I397" s="236">
        <f t="shared" si="80"/>
        <v>14.439029990241249</v>
      </c>
      <c r="J397" s="237">
        <f t="shared" si="85"/>
        <v>4.4390299902412487</v>
      </c>
      <c r="K397" s="237">
        <f t="shared" si="81"/>
        <v>51.374068705278361</v>
      </c>
      <c r="L397" s="237">
        <f t="shared" si="86"/>
        <v>15.825141915210052</v>
      </c>
      <c r="M397" s="236">
        <f t="shared" si="82"/>
        <v>6.8755106196011262</v>
      </c>
      <c r="N397" s="236">
        <f t="shared" si="83"/>
        <v>4.6872444721654718</v>
      </c>
      <c r="O397" s="236">
        <f t="shared" si="87"/>
        <v>3.241396701953041</v>
      </c>
      <c r="P397" s="236" t="str">
        <f t="shared" si="88"/>
        <v>CLAY</v>
      </c>
      <c r="Q397" s="236">
        <f t="shared" si="84"/>
        <v>9.0671609412268008</v>
      </c>
      <c r="R397" s="238">
        <v>35</v>
      </c>
      <c r="S397" s="236">
        <f t="shared" si="89"/>
        <v>2.7833716868348262</v>
      </c>
      <c r="T397" s="236" t="e">
        <f t="shared" ref="T397:T460" si="90">IF(P397="SAND",17.6+(11*LOG(M397)),#N/A)</f>
        <v>#N/A</v>
      </c>
    </row>
    <row r="398" spans="1:20" x14ac:dyDescent="0.2">
      <c r="A398" s="53">
        <f t="shared" ref="A398:A461" si="91">$A397+1</f>
        <v>386</v>
      </c>
      <c r="B398" s="239">
        <v>3.5739999999999998</v>
      </c>
      <c r="C398" s="3">
        <f t="shared" ref="C398:C461" si="92">MAX($B398 - $B$13, 0.001)</f>
        <v>3.5669999999999997</v>
      </c>
      <c r="D398" s="239">
        <v>0.14549999999999999</v>
      </c>
      <c r="E398" s="239">
        <v>5.1000000000000004E-3</v>
      </c>
      <c r="F398" s="239">
        <v>8.0799999999999997E-2</v>
      </c>
      <c r="G398">
        <f t="shared" si="78"/>
        <v>0.16166</v>
      </c>
      <c r="H398" s="235">
        <f t="shared" si="79"/>
        <v>3.1547692688358282</v>
      </c>
      <c r="I398" s="236">
        <f t="shared" si="80"/>
        <v>14.442624846863193</v>
      </c>
      <c r="J398" s="237">
        <f t="shared" si="85"/>
        <v>4.4426248468631933</v>
      </c>
      <c r="K398" s="237">
        <f t="shared" si="81"/>
        <v>51.516842828761007</v>
      </c>
      <c r="L398" s="237">
        <f t="shared" si="86"/>
        <v>15.877941202689051</v>
      </c>
      <c r="M398" s="236">
        <f t="shared" si="82"/>
        <v>6.9368664214845053</v>
      </c>
      <c r="N398" s="236">
        <f t="shared" si="83"/>
        <v>4.6303375815449499</v>
      </c>
      <c r="O398" s="236">
        <f t="shared" si="87"/>
        <v>3.2351688230522391</v>
      </c>
      <c r="P398" s="236" t="str">
        <f t="shared" si="88"/>
        <v>CLAY</v>
      </c>
      <c r="Q398" s="236">
        <f t="shared" si="84"/>
        <v>9.1785964309365813</v>
      </c>
      <c r="R398" s="238">
        <v>35</v>
      </c>
      <c r="S398" s="236">
        <f t="shared" si="89"/>
        <v>2.8144541192241563</v>
      </c>
      <c r="T398" s="236" t="e">
        <f t="shared" si="90"/>
        <v>#N/A</v>
      </c>
    </row>
    <row r="399" spans="1:20" x14ac:dyDescent="0.2">
      <c r="A399" s="53">
        <f t="shared" si="91"/>
        <v>387</v>
      </c>
      <c r="B399" s="239">
        <v>3.5840000000000001</v>
      </c>
      <c r="C399" s="3">
        <f t="shared" si="92"/>
        <v>3.577</v>
      </c>
      <c r="D399" s="239">
        <v>0.1479</v>
      </c>
      <c r="E399" s="239">
        <v>5.1999999999999998E-3</v>
      </c>
      <c r="F399" s="239">
        <v>8.4000000000000005E-2</v>
      </c>
      <c r="G399">
        <f t="shared" ref="G399:G462" si="93">$D399+($F399*(1-$P$8))</f>
        <v>0.16470000000000001</v>
      </c>
      <c r="H399" s="235">
        <f t="shared" ref="H399:H462" si="94">($E399/$G399)*100</f>
        <v>3.1572556162720096</v>
      </c>
      <c r="I399" s="236">
        <f t="shared" ref="I399:I462" si="95">((0.27*(LOG($H399)))+(0.36*(LOG(($G399*1000)/101)))+1.236)*10</f>
        <v>14.472676321449223</v>
      </c>
      <c r="J399" s="237">
        <f t="shared" si="85"/>
        <v>4.4726763214492227</v>
      </c>
      <c r="K399" s="237">
        <f t="shared" ref="K399:K462" si="96">$I399*$C399</f>
        <v>51.768763201823866</v>
      </c>
      <c r="L399" s="237">
        <f t="shared" si="86"/>
        <v>16.030071936074016</v>
      </c>
      <c r="M399" s="236">
        <f t="shared" ref="M399:M462" si="97">(($G399*1000)-$K399)/$L399</f>
        <v>7.0449613232262607</v>
      </c>
      <c r="N399" s="236">
        <f t="shared" ref="N399:N462" si="98">(($E399*1000)/(($G399*1000)-$K399))*100</f>
        <v>4.6045719036028308</v>
      </c>
      <c r="O399" s="236">
        <f t="shared" si="87"/>
        <v>3.2283002266017644</v>
      </c>
      <c r="P399" s="236" t="str">
        <f t="shared" si="88"/>
        <v>CLAY</v>
      </c>
      <c r="Q399" s="236">
        <f t="shared" ref="Q399:Q462" si="99">IF(P399="CLAY",($G399*1000 -$K399)/$L$8,#N/A)</f>
        <v>9.410936399848012</v>
      </c>
      <c r="R399" s="238">
        <v>35</v>
      </c>
      <c r="S399" s="236">
        <f t="shared" si="89"/>
        <v>2.8693813759799758</v>
      </c>
      <c r="T399" s="236" t="e">
        <f t="shared" si="90"/>
        <v>#N/A</v>
      </c>
    </row>
    <row r="400" spans="1:20" x14ac:dyDescent="0.2">
      <c r="A400" s="53">
        <f t="shared" si="91"/>
        <v>388</v>
      </c>
      <c r="B400" s="239">
        <v>3.5939999999999999</v>
      </c>
      <c r="C400" s="3">
        <f t="shared" si="92"/>
        <v>3.5869999999999997</v>
      </c>
      <c r="D400" s="239">
        <v>0.1532</v>
      </c>
      <c r="E400" s="239">
        <v>5.1000000000000004E-3</v>
      </c>
      <c r="F400" s="239">
        <v>8.4699999999999998E-2</v>
      </c>
      <c r="G400">
        <f t="shared" si="93"/>
        <v>0.17014000000000001</v>
      </c>
      <c r="H400" s="235">
        <f t="shared" si="94"/>
        <v>2.9975314446926062</v>
      </c>
      <c r="I400" s="236">
        <f t="shared" si="95"/>
        <v>14.462608315468909</v>
      </c>
      <c r="J400" s="237">
        <f t="shared" ref="J400:J463" si="100">$I400-10</f>
        <v>4.4626083154689091</v>
      </c>
      <c r="K400" s="237">
        <f t="shared" si="96"/>
        <v>51.877376027586976</v>
      </c>
      <c r="L400" s="237">
        <f t="shared" ref="L400:L463" si="101">$J400*$B400</f>
        <v>16.038614285795258</v>
      </c>
      <c r="M400" s="236">
        <f t="shared" si="97"/>
        <v>7.3736185598748003</v>
      </c>
      <c r="N400" s="236">
        <f t="shared" si="98"/>
        <v>4.3124360247491804</v>
      </c>
      <c r="O400" s="236">
        <f t="shared" ref="O400:O463" si="102">((3.47-LOG($M400))^2+(LOG($N400)+1.22)^2)^0.5</f>
        <v>3.1956317173549404</v>
      </c>
      <c r="P400" s="236" t="str">
        <f t="shared" ref="P400:P463" si="103">IF(O400&lt;2.6,"SAND","CLAY")</f>
        <v>CLAY</v>
      </c>
      <c r="Q400" s="236">
        <f t="shared" si="99"/>
        <v>9.8552186643677526</v>
      </c>
      <c r="R400" s="238">
        <v>35</v>
      </c>
      <c r="S400" s="236">
        <f t="shared" ref="S400:S463" si="104">IF(P400="SAND",#N/A,0.25*($M400)^1.25)</f>
        <v>3.037671756253117</v>
      </c>
      <c r="T400" s="236" t="e">
        <f t="shared" si="90"/>
        <v>#N/A</v>
      </c>
    </row>
    <row r="401" spans="1:20" x14ac:dyDescent="0.2">
      <c r="A401" s="53">
        <f t="shared" si="91"/>
        <v>389</v>
      </c>
      <c r="B401" s="239">
        <v>3.605</v>
      </c>
      <c r="C401" s="3">
        <f t="shared" si="92"/>
        <v>3.5979999999999999</v>
      </c>
      <c r="D401" s="239">
        <v>0.15390000000000001</v>
      </c>
      <c r="E401" s="239">
        <v>5.1000000000000004E-3</v>
      </c>
      <c r="F401" s="239">
        <v>8.6199999999999999E-2</v>
      </c>
      <c r="G401">
        <f t="shared" si="93"/>
        <v>0.17114000000000001</v>
      </c>
      <c r="H401" s="235">
        <f t="shared" si="94"/>
        <v>2.9800163608741381</v>
      </c>
      <c r="I401" s="236">
        <f t="shared" si="95"/>
        <v>14.464898904734863</v>
      </c>
      <c r="J401" s="237">
        <f t="shared" si="100"/>
        <v>4.4648989047348628</v>
      </c>
      <c r="K401" s="237">
        <f t="shared" si="96"/>
        <v>52.044706259236037</v>
      </c>
      <c r="L401" s="237">
        <f t="shared" si="101"/>
        <v>16.095960551569181</v>
      </c>
      <c r="M401" s="236">
        <f t="shared" si="97"/>
        <v>7.399079623685676</v>
      </c>
      <c r="N401" s="236">
        <f t="shared" si="98"/>
        <v>4.2822850843302218</v>
      </c>
      <c r="O401" s="236">
        <f t="shared" si="102"/>
        <v>3.1926445262251693</v>
      </c>
      <c r="P401" s="236" t="str">
        <f t="shared" si="103"/>
        <v>CLAY</v>
      </c>
      <c r="Q401" s="236">
        <f t="shared" si="99"/>
        <v>9.9246078117303309</v>
      </c>
      <c r="R401" s="238">
        <v>35</v>
      </c>
      <c r="S401" s="236">
        <f t="shared" si="104"/>
        <v>3.0507887401091063</v>
      </c>
      <c r="T401" s="236" t="e">
        <f t="shared" si="90"/>
        <v>#N/A</v>
      </c>
    </row>
    <row r="402" spans="1:20" x14ac:dyDescent="0.2">
      <c r="A402" s="53">
        <f t="shared" si="91"/>
        <v>390</v>
      </c>
      <c r="B402" s="239">
        <v>3.6139999999999999</v>
      </c>
      <c r="C402" s="3">
        <f t="shared" si="92"/>
        <v>3.6069999999999998</v>
      </c>
      <c r="D402" s="239">
        <v>0.156</v>
      </c>
      <c r="E402" s="239">
        <v>5.0000000000000001E-3</v>
      </c>
      <c r="F402" s="239">
        <v>8.8300000000000003E-2</v>
      </c>
      <c r="G402">
        <f t="shared" si="93"/>
        <v>0.17365999999999998</v>
      </c>
      <c r="H402" s="235">
        <f t="shared" si="94"/>
        <v>2.8791892203155598</v>
      </c>
      <c r="I402" s="236">
        <f t="shared" si="95"/>
        <v>14.447391883107732</v>
      </c>
      <c r="J402" s="237">
        <f t="shared" si="100"/>
        <v>4.4473918831077324</v>
      </c>
      <c r="K402" s="237">
        <f t="shared" si="96"/>
        <v>52.111742522369589</v>
      </c>
      <c r="L402" s="237">
        <f t="shared" si="101"/>
        <v>16.072874265551345</v>
      </c>
      <c r="M402" s="236">
        <f t="shared" si="97"/>
        <v>7.562322424069615</v>
      </c>
      <c r="N402" s="236">
        <f t="shared" si="98"/>
        <v>4.1135924971365343</v>
      </c>
      <c r="O402" s="236">
        <f t="shared" si="102"/>
        <v>3.1748126845870521</v>
      </c>
      <c r="P402" s="236" t="str">
        <f t="shared" si="103"/>
        <v>CLAY</v>
      </c>
      <c r="Q402" s="236">
        <f t="shared" si="99"/>
        <v>10.129021456469198</v>
      </c>
      <c r="R402" s="238">
        <v>35</v>
      </c>
      <c r="S402" s="236">
        <f t="shared" si="104"/>
        <v>3.1351548485384311</v>
      </c>
      <c r="T402" s="236" t="e">
        <f t="shared" si="90"/>
        <v>#N/A</v>
      </c>
    </row>
    <row r="403" spans="1:20" x14ac:dyDescent="0.2">
      <c r="A403" s="53">
        <f t="shared" si="91"/>
        <v>391</v>
      </c>
      <c r="B403" s="239">
        <v>3.625</v>
      </c>
      <c r="C403" s="3">
        <f t="shared" si="92"/>
        <v>3.6179999999999999</v>
      </c>
      <c r="D403" s="239">
        <v>0.156</v>
      </c>
      <c r="E403" s="239">
        <v>4.8999999999999998E-3</v>
      </c>
      <c r="F403" s="239">
        <v>9.1499999999999998E-2</v>
      </c>
      <c r="G403">
        <f t="shared" si="93"/>
        <v>0.17430000000000001</v>
      </c>
      <c r="H403" s="235">
        <f t="shared" si="94"/>
        <v>2.8112449799196781</v>
      </c>
      <c r="I403" s="236">
        <f t="shared" si="95"/>
        <v>14.425140118858469</v>
      </c>
      <c r="J403" s="237">
        <f t="shared" si="100"/>
        <v>4.4251401188584687</v>
      </c>
      <c r="K403" s="237">
        <f t="shared" si="96"/>
        <v>52.190156950029937</v>
      </c>
      <c r="L403" s="237">
        <f t="shared" si="101"/>
        <v>16.041132930861949</v>
      </c>
      <c r="M403" s="236">
        <f t="shared" si="97"/>
        <v>7.6122954392479221</v>
      </c>
      <c r="N403" s="236">
        <f t="shared" si="98"/>
        <v>4.0127805241669261</v>
      </c>
      <c r="O403" s="236">
        <f t="shared" si="102"/>
        <v>3.1662603270740899</v>
      </c>
      <c r="P403" s="236" t="str">
        <f t="shared" si="103"/>
        <v>CLAY</v>
      </c>
      <c r="Q403" s="236">
        <f t="shared" si="99"/>
        <v>10.175820254164172</v>
      </c>
      <c r="R403" s="238">
        <v>35</v>
      </c>
      <c r="S403" s="236">
        <f t="shared" si="104"/>
        <v>3.1610731997321686</v>
      </c>
      <c r="T403" s="236" t="e">
        <f t="shared" si="90"/>
        <v>#N/A</v>
      </c>
    </row>
    <row r="404" spans="1:20" x14ac:dyDescent="0.2">
      <c r="A404" s="53">
        <f t="shared" si="91"/>
        <v>392</v>
      </c>
      <c r="B404" s="239">
        <v>3.6339999999999999</v>
      </c>
      <c r="C404" s="3">
        <f t="shared" si="92"/>
        <v>3.6269999999999998</v>
      </c>
      <c r="D404" s="239">
        <v>0.1565</v>
      </c>
      <c r="E404" s="239">
        <v>4.8999999999999998E-3</v>
      </c>
      <c r="F404" s="239">
        <v>9.3799999999999994E-2</v>
      </c>
      <c r="G404">
        <f t="shared" si="93"/>
        <v>0.17526</v>
      </c>
      <c r="H404" s="235">
        <f t="shared" si="94"/>
        <v>2.7958461714024878</v>
      </c>
      <c r="I404" s="236">
        <f t="shared" si="95"/>
        <v>14.427286997080948</v>
      </c>
      <c r="J404" s="237">
        <f t="shared" si="100"/>
        <v>4.4272869970809481</v>
      </c>
      <c r="K404" s="237">
        <f t="shared" si="96"/>
        <v>52.327769938412594</v>
      </c>
      <c r="L404" s="237">
        <f t="shared" si="101"/>
        <v>16.088760947392164</v>
      </c>
      <c r="M404" s="236">
        <f t="shared" si="97"/>
        <v>7.640876165887315</v>
      </c>
      <c r="N404" s="236">
        <f t="shared" si="98"/>
        <v>3.9859359889145143</v>
      </c>
      <c r="O404" s="236">
        <f t="shared" si="102"/>
        <v>3.1632513258239428</v>
      </c>
      <c r="P404" s="236" t="str">
        <f t="shared" si="103"/>
        <v>CLAY</v>
      </c>
      <c r="Q404" s="236">
        <f t="shared" si="99"/>
        <v>10.244352505132284</v>
      </c>
      <c r="R404" s="238">
        <v>35</v>
      </c>
      <c r="S404" s="236">
        <f t="shared" si="104"/>
        <v>3.1759156560802611</v>
      </c>
      <c r="T404" s="236" t="e">
        <f t="shared" si="90"/>
        <v>#N/A</v>
      </c>
    </row>
    <row r="405" spans="1:20" x14ac:dyDescent="0.2">
      <c r="A405" s="53">
        <f t="shared" si="91"/>
        <v>393</v>
      </c>
      <c r="B405" s="239">
        <v>3.645</v>
      </c>
      <c r="C405" s="3">
        <f t="shared" si="92"/>
        <v>3.6379999999999999</v>
      </c>
      <c r="D405" s="239">
        <v>0.1575</v>
      </c>
      <c r="E405" s="239">
        <v>4.7999999999999996E-3</v>
      </c>
      <c r="F405" s="239">
        <v>9.4799999999999995E-2</v>
      </c>
      <c r="G405">
        <f t="shared" si="93"/>
        <v>0.17646000000000001</v>
      </c>
      <c r="H405" s="235">
        <f t="shared" si="94"/>
        <v>2.7201632097925872</v>
      </c>
      <c r="I405" s="236">
        <f t="shared" si="95"/>
        <v>14.405776042698212</v>
      </c>
      <c r="J405" s="237">
        <f t="shared" si="100"/>
        <v>4.4057760426982124</v>
      </c>
      <c r="K405" s="237">
        <f t="shared" si="96"/>
        <v>52.408213243336093</v>
      </c>
      <c r="L405" s="237">
        <f t="shared" si="101"/>
        <v>16.059053675634985</v>
      </c>
      <c r="M405" s="236">
        <f t="shared" si="97"/>
        <v>7.7247258314403036</v>
      </c>
      <c r="N405" s="236">
        <f t="shared" si="98"/>
        <v>3.8693517646912485</v>
      </c>
      <c r="O405" s="236">
        <f t="shared" si="102"/>
        <v>3.1519650583358674</v>
      </c>
      <c r="P405" s="236" t="str">
        <f t="shared" si="103"/>
        <v>CLAY</v>
      </c>
      <c r="Q405" s="236">
        <f t="shared" si="99"/>
        <v>10.337648896388659</v>
      </c>
      <c r="R405" s="238">
        <v>35</v>
      </c>
      <c r="S405" s="236">
        <f t="shared" si="104"/>
        <v>3.2195401948451972</v>
      </c>
      <c r="T405" s="236" t="e">
        <f t="shared" si="90"/>
        <v>#N/A</v>
      </c>
    </row>
    <row r="406" spans="1:20" x14ac:dyDescent="0.2">
      <c r="A406" s="53">
        <f t="shared" si="91"/>
        <v>394</v>
      </c>
      <c r="B406" s="239">
        <v>3.6539999999999999</v>
      </c>
      <c r="C406" s="3">
        <f t="shared" si="92"/>
        <v>3.6469999999999998</v>
      </c>
      <c r="D406" s="239">
        <v>0.15909999999999999</v>
      </c>
      <c r="E406" s="239">
        <v>4.5999999999999999E-3</v>
      </c>
      <c r="F406" s="239">
        <v>9.4700000000000006E-2</v>
      </c>
      <c r="G406">
        <f t="shared" si="93"/>
        <v>0.17803999999999998</v>
      </c>
      <c r="H406" s="235">
        <f t="shared" si="94"/>
        <v>2.5836890586385084</v>
      </c>
      <c r="I406" s="236">
        <f t="shared" si="95"/>
        <v>14.359355026972175</v>
      </c>
      <c r="J406" s="237">
        <f t="shared" si="100"/>
        <v>4.3593550269721746</v>
      </c>
      <c r="K406" s="237">
        <f t="shared" si="96"/>
        <v>52.368567783367517</v>
      </c>
      <c r="L406" s="237">
        <f t="shared" si="101"/>
        <v>15.929083268556326</v>
      </c>
      <c r="M406" s="236">
        <f t="shared" si="97"/>
        <v>7.8894328127912541</v>
      </c>
      <c r="N406" s="236">
        <f t="shared" si="98"/>
        <v>3.6603386456760667</v>
      </c>
      <c r="O406" s="236">
        <f t="shared" si="102"/>
        <v>3.1306615144538985</v>
      </c>
      <c r="P406" s="236" t="str">
        <f t="shared" si="103"/>
        <v>CLAY</v>
      </c>
      <c r="Q406" s="236">
        <f t="shared" si="99"/>
        <v>10.472619351386037</v>
      </c>
      <c r="R406" s="238">
        <v>35</v>
      </c>
      <c r="S406" s="236">
        <f t="shared" si="104"/>
        <v>3.3055766814630658</v>
      </c>
      <c r="T406" s="236" t="e">
        <f t="shared" si="90"/>
        <v>#N/A</v>
      </c>
    </row>
    <row r="407" spans="1:20" x14ac:dyDescent="0.2">
      <c r="A407" s="53">
        <f t="shared" si="91"/>
        <v>395</v>
      </c>
      <c r="B407" s="239">
        <v>3.665</v>
      </c>
      <c r="C407" s="3">
        <f t="shared" si="92"/>
        <v>3.6579999999999999</v>
      </c>
      <c r="D407" s="239">
        <v>0.15890000000000001</v>
      </c>
      <c r="E407" s="239">
        <v>4.7000000000000002E-3</v>
      </c>
      <c r="F407" s="239">
        <v>9.1999999999999998E-2</v>
      </c>
      <c r="G407">
        <f t="shared" si="93"/>
        <v>0.17730000000000001</v>
      </c>
      <c r="H407" s="235">
        <f t="shared" si="94"/>
        <v>2.6508742244782852</v>
      </c>
      <c r="I407" s="236">
        <f t="shared" si="95"/>
        <v>14.382945132849748</v>
      </c>
      <c r="J407" s="237">
        <f t="shared" si="100"/>
        <v>4.3829451328497484</v>
      </c>
      <c r="K407" s="237">
        <f t="shared" si="96"/>
        <v>52.612813295964379</v>
      </c>
      <c r="L407" s="237">
        <f t="shared" si="101"/>
        <v>16.063493911894327</v>
      </c>
      <c r="M407" s="236">
        <f t="shared" si="97"/>
        <v>7.7621461051950931</v>
      </c>
      <c r="N407" s="236">
        <f t="shared" si="98"/>
        <v>3.7694330301606525</v>
      </c>
      <c r="O407" s="236">
        <f t="shared" si="102"/>
        <v>3.1437400380903675</v>
      </c>
      <c r="P407" s="236" t="str">
        <f t="shared" si="103"/>
        <v>CLAY</v>
      </c>
      <c r="Q407" s="236">
        <f t="shared" si="99"/>
        <v>10.39059889200297</v>
      </c>
      <c r="R407" s="238">
        <v>35</v>
      </c>
      <c r="S407" s="236">
        <f t="shared" si="104"/>
        <v>3.2390471879582736</v>
      </c>
      <c r="T407" s="236" t="e">
        <f t="shared" si="90"/>
        <v>#N/A</v>
      </c>
    </row>
    <row r="408" spans="1:20" x14ac:dyDescent="0.2">
      <c r="A408" s="53">
        <f t="shared" si="91"/>
        <v>396</v>
      </c>
      <c r="B408" s="239">
        <v>3.6739999999999999</v>
      </c>
      <c r="C408" s="3">
        <f t="shared" si="92"/>
        <v>3.6669999999999998</v>
      </c>
      <c r="D408" s="239">
        <v>0.15759999999999999</v>
      </c>
      <c r="E408" s="239">
        <v>4.7000000000000002E-3</v>
      </c>
      <c r="F408" s="239">
        <v>9.2899999999999996E-2</v>
      </c>
      <c r="G408">
        <f t="shared" si="93"/>
        <v>0.17617999999999998</v>
      </c>
      <c r="H408" s="235">
        <f t="shared" si="94"/>
        <v>2.6677261891247595</v>
      </c>
      <c r="I408" s="236">
        <f t="shared" si="95"/>
        <v>14.380468215894101</v>
      </c>
      <c r="J408" s="237">
        <f t="shared" si="100"/>
        <v>4.3804682158941013</v>
      </c>
      <c r="K408" s="237">
        <f t="shared" si="96"/>
        <v>52.733176947683667</v>
      </c>
      <c r="L408" s="237">
        <f t="shared" si="101"/>
        <v>16.093840225194928</v>
      </c>
      <c r="M408" s="236">
        <f t="shared" si="97"/>
        <v>7.6704392068625209</v>
      </c>
      <c r="N408" s="236">
        <f t="shared" si="98"/>
        <v>3.8073073763981413</v>
      </c>
      <c r="O408" s="236">
        <f t="shared" si="102"/>
        <v>3.1504570142225261</v>
      </c>
      <c r="P408" s="236" t="str">
        <f t="shared" si="103"/>
        <v>CLAY</v>
      </c>
      <c r="Q408" s="236">
        <f t="shared" si="99"/>
        <v>10.287235254359693</v>
      </c>
      <c r="R408" s="238">
        <v>35</v>
      </c>
      <c r="S408" s="236">
        <f t="shared" si="104"/>
        <v>3.1912828546449168</v>
      </c>
      <c r="T408" s="236" t="e">
        <f t="shared" si="90"/>
        <v>#N/A</v>
      </c>
    </row>
    <row r="409" spans="1:20" x14ac:dyDescent="0.2">
      <c r="A409" s="53">
        <f t="shared" si="91"/>
        <v>397</v>
      </c>
      <c r="B409" s="239">
        <v>3.6850000000000001</v>
      </c>
      <c r="C409" s="3">
        <f t="shared" si="92"/>
        <v>3.6779999999999999</v>
      </c>
      <c r="D409" s="239">
        <v>0.15540000000000001</v>
      </c>
      <c r="E409" s="239">
        <v>4.7000000000000002E-3</v>
      </c>
      <c r="F409" s="239">
        <v>9.2100000000000001E-2</v>
      </c>
      <c r="G409">
        <f t="shared" si="93"/>
        <v>0.17382</v>
      </c>
      <c r="H409" s="235">
        <f t="shared" si="94"/>
        <v>2.7039466114371189</v>
      </c>
      <c r="I409" s="236">
        <f t="shared" si="95"/>
        <v>14.375197041837588</v>
      </c>
      <c r="J409" s="237">
        <f t="shared" si="100"/>
        <v>4.3751970418375876</v>
      </c>
      <c r="K409" s="237">
        <f t="shared" si="96"/>
        <v>52.871974719878644</v>
      </c>
      <c r="L409" s="237">
        <f t="shared" si="101"/>
        <v>16.122601099171511</v>
      </c>
      <c r="M409" s="236">
        <f t="shared" si="97"/>
        <v>7.5017687615143247</v>
      </c>
      <c r="N409" s="236">
        <f t="shared" si="98"/>
        <v>3.8859667110021658</v>
      </c>
      <c r="O409" s="236">
        <f t="shared" si="102"/>
        <v>3.1634573600938598</v>
      </c>
      <c r="P409" s="236" t="str">
        <f t="shared" si="103"/>
        <v>CLAY</v>
      </c>
      <c r="Q409" s="236">
        <f t="shared" si="99"/>
        <v>10.07900210667678</v>
      </c>
      <c r="R409" s="238">
        <v>35</v>
      </c>
      <c r="S409" s="236">
        <f t="shared" si="104"/>
        <v>3.103806226640097</v>
      </c>
      <c r="T409" s="236" t="e">
        <f t="shared" si="90"/>
        <v>#N/A</v>
      </c>
    </row>
    <row r="410" spans="1:20" x14ac:dyDescent="0.2">
      <c r="A410" s="53">
        <f t="shared" si="91"/>
        <v>398</v>
      </c>
      <c r="B410" s="239">
        <v>3.6949999999999998</v>
      </c>
      <c r="C410" s="3">
        <f t="shared" si="92"/>
        <v>3.6879999999999997</v>
      </c>
      <c r="D410" s="239">
        <v>0.15429999999999999</v>
      </c>
      <c r="E410" s="239">
        <v>4.5999999999999999E-3</v>
      </c>
      <c r="F410" s="239">
        <v>9.0899999999999995E-2</v>
      </c>
      <c r="G410">
        <f t="shared" si="93"/>
        <v>0.17247999999999999</v>
      </c>
      <c r="H410" s="235">
        <f t="shared" si="94"/>
        <v>2.6669758812615956</v>
      </c>
      <c r="I410" s="236">
        <f t="shared" si="95"/>
        <v>14.346954069078716</v>
      </c>
      <c r="J410" s="237">
        <f t="shared" si="100"/>
        <v>4.3469540690787163</v>
      </c>
      <c r="K410" s="237">
        <f t="shared" si="96"/>
        <v>52.9115666067623</v>
      </c>
      <c r="L410" s="237">
        <f t="shared" si="101"/>
        <v>16.061995285245857</v>
      </c>
      <c r="M410" s="236">
        <f t="shared" si="97"/>
        <v>7.4441830712694967</v>
      </c>
      <c r="N410" s="236">
        <f t="shared" si="98"/>
        <v>3.8471692481505384</v>
      </c>
      <c r="O410" s="236">
        <f t="shared" si="102"/>
        <v>3.1637145500142267</v>
      </c>
      <c r="P410" s="236" t="str">
        <f t="shared" si="103"/>
        <v>CLAY</v>
      </c>
      <c r="Q410" s="236">
        <f t="shared" si="99"/>
        <v>9.9640361161031397</v>
      </c>
      <c r="R410" s="238">
        <v>35</v>
      </c>
      <c r="S410" s="236">
        <f t="shared" si="104"/>
        <v>3.0740527449893769</v>
      </c>
      <c r="T410" s="236" t="e">
        <f t="shared" si="90"/>
        <v>#N/A</v>
      </c>
    </row>
    <row r="411" spans="1:20" x14ac:dyDescent="0.2">
      <c r="A411" s="53">
        <f t="shared" si="91"/>
        <v>399</v>
      </c>
      <c r="B411" s="239">
        <v>3.7040000000000002</v>
      </c>
      <c r="C411" s="3">
        <f t="shared" si="92"/>
        <v>3.6970000000000001</v>
      </c>
      <c r="D411" s="239">
        <v>0.15629999999999999</v>
      </c>
      <c r="E411" s="239">
        <v>4.5999999999999999E-3</v>
      </c>
      <c r="F411" s="239">
        <v>8.9499999999999996E-2</v>
      </c>
      <c r="G411">
        <f t="shared" si="93"/>
        <v>0.17419999999999999</v>
      </c>
      <c r="H411" s="235">
        <f t="shared" si="94"/>
        <v>2.640642939150402</v>
      </c>
      <c r="I411" s="236">
        <f t="shared" si="95"/>
        <v>14.350832535527216</v>
      </c>
      <c r="J411" s="237">
        <f t="shared" si="100"/>
        <v>4.3508325355272159</v>
      </c>
      <c r="K411" s="237">
        <f t="shared" si="96"/>
        <v>53.055027883844119</v>
      </c>
      <c r="L411" s="237">
        <f t="shared" si="101"/>
        <v>16.115483711592809</v>
      </c>
      <c r="M411" s="236">
        <f t="shared" si="97"/>
        <v>7.5173028799010986</v>
      </c>
      <c r="N411" s="236">
        <f t="shared" si="98"/>
        <v>3.797103519566162</v>
      </c>
      <c r="O411" s="236">
        <f t="shared" si="102"/>
        <v>3.1569832386609704</v>
      </c>
      <c r="P411" s="236" t="str">
        <f t="shared" si="103"/>
        <v>CLAY</v>
      </c>
      <c r="Q411" s="236">
        <f t="shared" si="99"/>
        <v>10.095414343012989</v>
      </c>
      <c r="R411" s="238">
        <v>35</v>
      </c>
      <c r="S411" s="236">
        <f t="shared" si="104"/>
        <v>3.111842225955793</v>
      </c>
      <c r="T411" s="236" t="e">
        <f t="shared" si="90"/>
        <v>#N/A</v>
      </c>
    </row>
    <row r="412" spans="1:20" x14ac:dyDescent="0.2">
      <c r="A412" s="53">
        <f t="shared" si="91"/>
        <v>400</v>
      </c>
      <c r="B412" s="239">
        <v>3.7149999999999999</v>
      </c>
      <c r="C412" s="3">
        <f t="shared" si="92"/>
        <v>3.7079999999999997</v>
      </c>
      <c r="D412" s="239">
        <v>0.15870000000000001</v>
      </c>
      <c r="E412" s="239">
        <v>4.7000000000000002E-3</v>
      </c>
      <c r="F412" s="239">
        <v>8.9099999999999999E-2</v>
      </c>
      <c r="G412">
        <f t="shared" si="93"/>
        <v>0.17652000000000001</v>
      </c>
      <c r="H412" s="235">
        <f t="shared" si="94"/>
        <v>2.6625878087468839</v>
      </c>
      <c r="I412" s="236">
        <f t="shared" si="95"/>
        <v>14.381221797706562</v>
      </c>
      <c r="J412" s="237">
        <f t="shared" si="100"/>
        <v>4.3812217977065622</v>
      </c>
      <c r="K412" s="237">
        <f t="shared" si="96"/>
        <v>53.325570425895926</v>
      </c>
      <c r="L412" s="237">
        <f t="shared" si="101"/>
        <v>16.276238978479878</v>
      </c>
      <c r="M412" s="236">
        <f t="shared" si="97"/>
        <v>7.5689739955888653</v>
      </c>
      <c r="N412" s="236">
        <f t="shared" si="98"/>
        <v>3.8151075631003675</v>
      </c>
      <c r="O412" s="236">
        <f t="shared" si="102"/>
        <v>3.1557116317351603</v>
      </c>
      <c r="P412" s="236" t="str">
        <f t="shared" si="103"/>
        <v>CLAY</v>
      </c>
      <c r="Q412" s="236">
        <f t="shared" si="99"/>
        <v>10.266202464508673</v>
      </c>
      <c r="R412" s="238">
        <v>35</v>
      </c>
      <c r="S412" s="236">
        <f t="shared" si="104"/>
        <v>3.138602202043955</v>
      </c>
      <c r="T412" s="236" t="e">
        <f t="shared" si="90"/>
        <v>#N/A</v>
      </c>
    </row>
    <row r="413" spans="1:20" x14ac:dyDescent="0.2">
      <c r="A413" s="53">
        <f t="shared" si="91"/>
        <v>401</v>
      </c>
      <c r="B413" s="239">
        <v>3.7240000000000002</v>
      </c>
      <c r="C413" s="3">
        <f t="shared" si="92"/>
        <v>3.7170000000000001</v>
      </c>
      <c r="D413" s="239">
        <v>0.16220000000000001</v>
      </c>
      <c r="E413" s="239">
        <v>4.7000000000000002E-3</v>
      </c>
      <c r="F413" s="239">
        <v>8.9099999999999999E-2</v>
      </c>
      <c r="G413">
        <f t="shared" si="93"/>
        <v>0.18002000000000001</v>
      </c>
      <c r="H413" s="235">
        <f t="shared" si="94"/>
        <v>2.610821019886679</v>
      </c>
      <c r="I413" s="236">
        <f t="shared" si="95"/>
        <v>14.388895952437522</v>
      </c>
      <c r="J413" s="237">
        <f t="shared" si="100"/>
        <v>4.3888959524375224</v>
      </c>
      <c r="K413" s="237">
        <f t="shared" si="96"/>
        <v>53.483526255210272</v>
      </c>
      <c r="L413" s="237">
        <f t="shared" si="101"/>
        <v>16.344248526877333</v>
      </c>
      <c r="M413" s="236">
        <f t="shared" si="97"/>
        <v>7.7419572724133854</v>
      </c>
      <c r="N413" s="236">
        <f t="shared" si="98"/>
        <v>3.7143440629453508</v>
      </c>
      <c r="O413" s="236">
        <f t="shared" si="102"/>
        <v>3.1410204372734198</v>
      </c>
      <c r="P413" s="236" t="str">
        <f t="shared" si="103"/>
        <v>CLAY</v>
      </c>
      <c r="Q413" s="236">
        <f t="shared" si="99"/>
        <v>10.544706145399145</v>
      </c>
      <c r="R413" s="238">
        <v>35</v>
      </c>
      <c r="S413" s="236">
        <f t="shared" si="104"/>
        <v>3.2285199273435898</v>
      </c>
      <c r="T413" s="236" t="e">
        <f t="shared" si="90"/>
        <v>#N/A</v>
      </c>
    </row>
    <row r="414" spans="1:20" x14ac:dyDescent="0.2">
      <c r="A414" s="53">
        <f t="shared" si="91"/>
        <v>402</v>
      </c>
      <c r="B414" s="239">
        <v>3.7349999999999999</v>
      </c>
      <c r="C414" s="3">
        <f t="shared" si="92"/>
        <v>3.7279999999999998</v>
      </c>
      <c r="D414" s="239">
        <v>0.16350000000000001</v>
      </c>
      <c r="E414" s="239">
        <v>4.7999999999999996E-3</v>
      </c>
      <c r="F414" s="239">
        <v>8.77E-2</v>
      </c>
      <c r="G414">
        <f t="shared" si="93"/>
        <v>0.18104000000000001</v>
      </c>
      <c r="H414" s="235">
        <f t="shared" si="94"/>
        <v>2.6513477684489613</v>
      </c>
      <c r="I414" s="236">
        <f t="shared" si="95"/>
        <v>14.415791482148578</v>
      </c>
      <c r="J414" s="237">
        <f t="shared" si="100"/>
        <v>4.4157914821485775</v>
      </c>
      <c r="K414" s="237">
        <f t="shared" si="96"/>
        <v>53.742070645449893</v>
      </c>
      <c r="L414" s="237">
        <f t="shared" si="101"/>
        <v>16.492981185824938</v>
      </c>
      <c r="M414" s="236">
        <f t="shared" si="97"/>
        <v>7.7183092565434821</v>
      </c>
      <c r="N414" s="236">
        <f t="shared" si="98"/>
        <v>3.7706819147317336</v>
      </c>
      <c r="O414" s="236">
        <f t="shared" si="102"/>
        <v>3.1458410897510274</v>
      </c>
      <c r="P414" s="236" t="str">
        <f t="shared" si="103"/>
        <v>CLAY</v>
      </c>
      <c r="Q414" s="236">
        <f t="shared" si="99"/>
        <v>10.608160779545843</v>
      </c>
      <c r="R414" s="238">
        <v>35</v>
      </c>
      <c r="S414" s="236">
        <f t="shared" si="104"/>
        <v>3.2161976368375504</v>
      </c>
      <c r="T414" s="236" t="e">
        <f t="shared" si="90"/>
        <v>#N/A</v>
      </c>
    </row>
    <row r="415" spans="1:20" x14ac:dyDescent="0.2">
      <c r="A415" s="53">
        <f t="shared" si="91"/>
        <v>403</v>
      </c>
      <c r="B415" s="239">
        <v>3.7440000000000002</v>
      </c>
      <c r="C415" s="3">
        <f t="shared" si="92"/>
        <v>3.7370000000000001</v>
      </c>
      <c r="D415" s="239">
        <v>0.1663</v>
      </c>
      <c r="E415" s="239">
        <v>4.7000000000000002E-3</v>
      </c>
      <c r="F415" s="239">
        <v>8.6900000000000005E-2</v>
      </c>
      <c r="G415">
        <f t="shared" si="93"/>
        <v>0.18368000000000001</v>
      </c>
      <c r="H415" s="235">
        <f t="shared" si="94"/>
        <v>2.5587979094076654</v>
      </c>
      <c r="I415" s="236">
        <f t="shared" si="95"/>
        <v>14.396762954455015</v>
      </c>
      <c r="J415" s="237">
        <f t="shared" si="100"/>
        <v>4.3967629544550153</v>
      </c>
      <c r="K415" s="237">
        <f t="shared" si="96"/>
        <v>53.800703160798392</v>
      </c>
      <c r="L415" s="237">
        <f t="shared" si="101"/>
        <v>16.461480501479578</v>
      </c>
      <c r="M415" s="236">
        <f t="shared" si="97"/>
        <v>7.8898916065008811</v>
      </c>
      <c r="N415" s="236">
        <f t="shared" si="98"/>
        <v>3.6187445685195558</v>
      </c>
      <c r="O415" s="236">
        <f t="shared" si="102"/>
        <v>3.1278158125634401</v>
      </c>
      <c r="P415" s="236" t="str">
        <f t="shared" si="103"/>
        <v>CLAY</v>
      </c>
      <c r="Q415" s="236">
        <f t="shared" si="99"/>
        <v>10.823274736600135</v>
      </c>
      <c r="R415" s="238">
        <v>35</v>
      </c>
      <c r="S415" s="236">
        <f t="shared" si="104"/>
        <v>3.3058169694609734</v>
      </c>
      <c r="T415" s="236" t="e">
        <f t="shared" si="90"/>
        <v>#N/A</v>
      </c>
    </row>
    <row r="416" spans="1:20" x14ac:dyDescent="0.2">
      <c r="A416" s="53">
        <f t="shared" si="91"/>
        <v>404</v>
      </c>
      <c r="B416" s="239">
        <v>3.7549999999999999</v>
      </c>
      <c r="C416" s="3">
        <f t="shared" si="92"/>
        <v>3.7479999999999998</v>
      </c>
      <c r="D416" s="239">
        <v>0.1673</v>
      </c>
      <c r="E416" s="239">
        <v>4.7000000000000002E-3</v>
      </c>
      <c r="F416" s="239">
        <v>8.72E-2</v>
      </c>
      <c r="G416">
        <f t="shared" si="93"/>
        <v>0.18474000000000002</v>
      </c>
      <c r="H416" s="235">
        <f t="shared" si="94"/>
        <v>2.544116054996211</v>
      </c>
      <c r="I416" s="236">
        <f t="shared" si="95"/>
        <v>14.39901211616708</v>
      </c>
      <c r="J416" s="237">
        <f t="shared" si="100"/>
        <v>4.3990121161670803</v>
      </c>
      <c r="K416" s="237">
        <f t="shared" si="96"/>
        <v>53.967497411394213</v>
      </c>
      <c r="L416" s="237">
        <f t="shared" si="101"/>
        <v>16.518290496207385</v>
      </c>
      <c r="M416" s="236">
        <f t="shared" si="97"/>
        <v>7.9168302929792453</v>
      </c>
      <c r="N416" s="236">
        <f t="shared" si="98"/>
        <v>3.594027725221121</v>
      </c>
      <c r="O416" s="236">
        <f t="shared" si="102"/>
        <v>3.1249060185089608</v>
      </c>
      <c r="P416" s="236" t="str">
        <f t="shared" si="103"/>
        <v>CLAY</v>
      </c>
      <c r="Q416" s="236">
        <f t="shared" si="99"/>
        <v>10.897708549050483</v>
      </c>
      <c r="R416" s="238">
        <v>35</v>
      </c>
      <c r="S416" s="236">
        <f t="shared" si="104"/>
        <v>3.3199319197287958</v>
      </c>
      <c r="T416" s="236" t="e">
        <f t="shared" si="90"/>
        <v>#N/A</v>
      </c>
    </row>
    <row r="417" spans="1:20" x14ac:dyDescent="0.2">
      <c r="A417" s="53">
        <f t="shared" si="91"/>
        <v>405</v>
      </c>
      <c r="B417" s="239">
        <v>3.7639999999999998</v>
      </c>
      <c r="C417" s="3">
        <f t="shared" si="92"/>
        <v>3.7569999999999997</v>
      </c>
      <c r="D417" s="239">
        <v>0.1673</v>
      </c>
      <c r="E417" s="239">
        <v>4.7999999999999996E-3</v>
      </c>
      <c r="F417" s="239">
        <v>8.9099999999999999E-2</v>
      </c>
      <c r="G417">
        <f t="shared" si="93"/>
        <v>0.18512000000000001</v>
      </c>
      <c r="H417" s="235">
        <f t="shared" si="94"/>
        <v>2.5929127052722554</v>
      </c>
      <c r="I417" s="236">
        <f t="shared" si="95"/>
        <v>14.42450240274348</v>
      </c>
      <c r="J417" s="237">
        <f t="shared" si="100"/>
        <v>4.4245024027434798</v>
      </c>
      <c r="K417" s="237">
        <f t="shared" si="96"/>
        <v>54.192855527107248</v>
      </c>
      <c r="L417" s="237">
        <f t="shared" si="101"/>
        <v>16.653827043926459</v>
      </c>
      <c r="M417" s="236">
        <f t="shared" si="97"/>
        <v>7.8616851326458947</v>
      </c>
      <c r="N417" s="236">
        <f t="shared" si="98"/>
        <v>3.6661610694440796</v>
      </c>
      <c r="O417" s="236">
        <f t="shared" si="102"/>
        <v>3.1323123269536115</v>
      </c>
      <c r="P417" s="236" t="str">
        <f t="shared" si="103"/>
        <v>CLAY</v>
      </c>
      <c r="Q417" s="236">
        <f t="shared" si="99"/>
        <v>10.910595372741064</v>
      </c>
      <c r="R417" s="238">
        <v>35</v>
      </c>
      <c r="S417" s="236">
        <f t="shared" si="104"/>
        <v>3.2910506491415639</v>
      </c>
      <c r="T417" s="236" t="e">
        <f t="shared" si="90"/>
        <v>#N/A</v>
      </c>
    </row>
    <row r="418" spans="1:20" x14ac:dyDescent="0.2">
      <c r="A418" s="53">
        <f t="shared" si="91"/>
        <v>406</v>
      </c>
      <c r="B418" s="239">
        <v>3.7749999999999999</v>
      </c>
      <c r="C418" s="3">
        <f t="shared" si="92"/>
        <v>3.7679999999999998</v>
      </c>
      <c r="D418" s="239">
        <v>0.16719999999999999</v>
      </c>
      <c r="E418" s="239">
        <v>4.7999999999999996E-3</v>
      </c>
      <c r="F418" s="239">
        <v>8.9599999999999999E-2</v>
      </c>
      <c r="G418">
        <f t="shared" si="93"/>
        <v>0.18511999999999998</v>
      </c>
      <c r="H418" s="235">
        <f t="shared" si="94"/>
        <v>2.5929127052722558</v>
      </c>
      <c r="I418" s="236">
        <f t="shared" si="95"/>
        <v>14.42450240274348</v>
      </c>
      <c r="J418" s="237">
        <f t="shared" si="100"/>
        <v>4.4245024027434798</v>
      </c>
      <c r="K418" s="237">
        <f t="shared" si="96"/>
        <v>54.351525053537429</v>
      </c>
      <c r="L418" s="237">
        <f t="shared" si="101"/>
        <v>16.702496570356637</v>
      </c>
      <c r="M418" s="236">
        <f t="shared" si="97"/>
        <v>7.8292771619871884</v>
      </c>
      <c r="N418" s="236">
        <f t="shared" si="98"/>
        <v>3.6706094507603231</v>
      </c>
      <c r="O418" s="236">
        <f t="shared" si="102"/>
        <v>3.1340868544548721</v>
      </c>
      <c r="P418" s="236" t="str">
        <f t="shared" si="103"/>
        <v>CLAY</v>
      </c>
      <c r="Q418" s="236">
        <f t="shared" si="99"/>
        <v>10.897372912205213</v>
      </c>
      <c r="R418" s="238">
        <v>35</v>
      </c>
      <c r="S418" s="236">
        <f t="shared" si="104"/>
        <v>3.2741011567425025</v>
      </c>
      <c r="T418" s="236" t="e">
        <f t="shared" si="90"/>
        <v>#N/A</v>
      </c>
    </row>
    <row r="419" spans="1:20" x14ac:dyDescent="0.2">
      <c r="A419" s="53">
        <f t="shared" si="91"/>
        <v>407</v>
      </c>
      <c r="B419" s="239">
        <v>3.7850000000000001</v>
      </c>
      <c r="C419" s="3">
        <f t="shared" si="92"/>
        <v>3.778</v>
      </c>
      <c r="D419" s="239">
        <v>0.16639999999999999</v>
      </c>
      <c r="E419" s="239">
        <v>4.7999999999999996E-3</v>
      </c>
      <c r="F419" s="239">
        <v>9.0499999999999997E-2</v>
      </c>
      <c r="G419">
        <f t="shared" si="93"/>
        <v>0.1845</v>
      </c>
      <c r="H419" s="235">
        <f t="shared" si="94"/>
        <v>2.6016260162601621</v>
      </c>
      <c r="I419" s="236">
        <f t="shared" si="95"/>
        <v>14.423191128742143</v>
      </c>
      <c r="J419" s="237">
        <f t="shared" si="100"/>
        <v>4.4231911287421433</v>
      </c>
      <c r="K419" s="237">
        <f t="shared" si="96"/>
        <v>54.490816084387816</v>
      </c>
      <c r="L419" s="237">
        <f t="shared" si="101"/>
        <v>16.741778422289013</v>
      </c>
      <c r="M419" s="236">
        <f t="shared" si="97"/>
        <v>7.765553971406387</v>
      </c>
      <c r="N419" s="236">
        <f t="shared" si="98"/>
        <v>3.6920468657934484</v>
      </c>
      <c r="O419" s="236">
        <f t="shared" si="102"/>
        <v>3.1384445653108282</v>
      </c>
      <c r="P419" s="236" t="str">
        <f t="shared" si="103"/>
        <v>CLAY</v>
      </c>
      <c r="Q419" s="236">
        <f t="shared" si="99"/>
        <v>10.83409865963435</v>
      </c>
      <c r="R419" s="238">
        <v>35</v>
      </c>
      <c r="S419" s="236">
        <f t="shared" si="104"/>
        <v>3.2408248608187238</v>
      </c>
      <c r="T419" s="236" t="e">
        <f t="shared" si="90"/>
        <v>#N/A</v>
      </c>
    </row>
    <row r="420" spans="1:20" x14ac:dyDescent="0.2">
      <c r="A420" s="53">
        <f t="shared" si="91"/>
        <v>408</v>
      </c>
      <c r="B420" s="239">
        <v>3.7949999999999999</v>
      </c>
      <c r="C420" s="3">
        <f t="shared" si="92"/>
        <v>3.7879999999999998</v>
      </c>
      <c r="D420" s="239">
        <v>0.16470000000000001</v>
      </c>
      <c r="E420" s="239">
        <v>4.8999999999999998E-3</v>
      </c>
      <c r="F420" s="239">
        <v>9.2100000000000001E-2</v>
      </c>
      <c r="G420">
        <f t="shared" si="93"/>
        <v>0.18312</v>
      </c>
      <c r="H420" s="235">
        <f t="shared" si="94"/>
        <v>2.6758409785932717</v>
      </c>
      <c r="I420" s="236">
        <f t="shared" si="95"/>
        <v>14.444434672159311</v>
      </c>
      <c r="J420" s="237">
        <f t="shared" si="100"/>
        <v>4.4444346721593107</v>
      </c>
      <c r="K420" s="237">
        <f t="shared" si="96"/>
        <v>54.715518538139463</v>
      </c>
      <c r="L420" s="237">
        <f t="shared" si="101"/>
        <v>16.866629580844585</v>
      </c>
      <c r="M420" s="236">
        <f t="shared" si="97"/>
        <v>7.6129306597027178</v>
      </c>
      <c r="N420" s="236">
        <f t="shared" si="98"/>
        <v>3.8160661872657666</v>
      </c>
      <c r="O420" s="236">
        <f t="shared" si="102"/>
        <v>3.1537094898677283</v>
      </c>
      <c r="P420" s="236" t="str">
        <f t="shared" si="103"/>
        <v>CLAY</v>
      </c>
      <c r="Q420" s="236">
        <f t="shared" si="99"/>
        <v>10.700373455155045</v>
      </c>
      <c r="R420" s="238">
        <v>35</v>
      </c>
      <c r="S420" s="236">
        <f t="shared" si="104"/>
        <v>3.1614029293314792</v>
      </c>
      <c r="T420" s="236" t="e">
        <f t="shared" si="90"/>
        <v>#N/A</v>
      </c>
    </row>
    <row r="421" spans="1:20" x14ac:dyDescent="0.2">
      <c r="A421" s="53">
        <f t="shared" si="91"/>
        <v>409</v>
      </c>
      <c r="B421" s="239">
        <v>3.806</v>
      </c>
      <c r="C421" s="3">
        <f t="shared" si="92"/>
        <v>3.7989999999999999</v>
      </c>
      <c r="D421" s="239">
        <v>0.1633</v>
      </c>
      <c r="E421" s="239">
        <v>4.7999999999999996E-3</v>
      </c>
      <c r="F421" s="239">
        <v>8.9800000000000005E-2</v>
      </c>
      <c r="G421">
        <f t="shared" si="93"/>
        <v>0.18126</v>
      </c>
      <c r="H421" s="235">
        <f t="shared" si="94"/>
        <v>2.6481297583581593</v>
      </c>
      <c r="I421" s="236">
        <f t="shared" si="95"/>
        <v>14.416266173387804</v>
      </c>
      <c r="J421" s="237">
        <f t="shared" si="100"/>
        <v>4.4162661733878039</v>
      </c>
      <c r="K421" s="237">
        <f t="shared" si="96"/>
        <v>54.767395192700263</v>
      </c>
      <c r="L421" s="237">
        <f t="shared" si="101"/>
        <v>16.808309055913981</v>
      </c>
      <c r="M421" s="236">
        <f t="shared" si="97"/>
        <v>7.5255996535114562</v>
      </c>
      <c r="N421" s="236">
        <f t="shared" si="98"/>
        <v>3.7946882407176092</v>
      </c>
      <c r="O421" s="236">
        <f t="shared" si="102"/>
        <v>3.1564321080810607</v>
      </c>
      <c r="P421" s="236" t="str">
        <f t="shared" si="103"/>
        <v>CLAY</v>
      </c>
      <c r="Q421" s="236">
        <f t="shared" si="99"/>
        <v>10.541050400608311</v>
      </c>
      <c r="R421" s="238">
        <v>35</v>
      </c>
      <c r="S421" s="236">
        <f t="shared" si="104"/>
        <v>3.1161359553373424</v>
      </c>
      <c r="T421" s="236" t="e">
        <f t="shared" si="90"/>
        <v>#N/A</v>
      </c>
    </row>
    <row r="422" spans="1:20" x14ac:dyDescent="0.2">
      <c r="A422" s="53">
        <f t="shared" si="91"/>
        <v>410</v>
      </c>
      <c r="B422" s="239">
        <v>3.8149999999999999</v>
      </c>
      <c r="C422" s="3">
        <f t="shared" si="92"/>
        <v>3.8079999999999998</v>
      </c>
      <c r="D422" s="239">
        <v>0.15859999999999999</v>
      </c>
      <c r="E422" s="239">
        <v>4.5999999999999999E-3</v>
      </c>
      <c r="F422" s="239">
        <v>8.5900000000000004E-2</v>
      </c>
      <c r="G422">
        <f t="shared" si="93"/>
        <v>0.17577999999999999</v>
      </c>
      <c r="H422" s="235">
        <f t="shared" si="94"/>
        <v>2.6169074980088745</v>
      </c>
      <c r="I422" s="236">
        <f t="shared" si="95"/>
        <v>14.354361714045314</v>
      </c>
      <c r="J422" s="237">
        <f t="shared" si="100"/>
        <v>4.3543617140453144</v>
      </c>
      <c r="K422" s="237">
        <f t="shared" si="96"/>
        <v>54.661409407084555</v>
      </c>
      <c r="L422" s="237">
        <f t="shared" si="101"/>
        <v>16.611889939082875</v>
      </c>
      <c r="M422" s="236">
        <f t="shared" si="97"/>
        <v>7.2910783202312901</v>
      </c>
      <c r="N422" s="236">
        <f t="shared" si="98"/>
        <v>3.7979305880967429</v>
      </c>
      <c r="O422" s="236">
        <f t="shared" si="102"/>
        <v>3.1679495383615834</v>
      </c>
      <c r="P422" s="236" t="str">
        <f t="shared" si="103"/>
        <v>CLAY</v>
      </c>
      <c r="Q422" s="236">
        <f t="shared" si="99"/>
        <v>10.093215882742953</v>
      </c>
      <c r="R422" s="238">
        <v>35</v>
      </c>
      <c r="S422" s="236">
        <f t="shared" si="104"/>
        <v>2.9952267999422042</v>
      </c>
      <c r="T422" s="236" t="e">
        <f t="shared" si="90"/>
        <v>#N/A</v>
      </c>
    </row>
    <row r="423" spans="1:20" x14ac:dyDescent="0.2">
      <c r="A423" s="53">
        <f t="shared" si="91"/>
        <v>411</v>
      </c>
      <c r="B423" s="239">
        <v>3.8260000000000001</v>
      </c>
      <c r="C423" s="3">
        <f t="shared" si="92"/>
        <v>3.819</v>
      </c>
      <c r="D423" s="239">
        <v>0.15529999999999999</v>
      </c>
      <c r="E423" s="239">
        <v>4.4999999999999997E-3</v>
      </c>
      <c r="F423" s="239">
        <v>8.2600000000000007E-2</v>
      </c>
      <c r="G423">
        <f t="shared" si="93"/>
        <v>0.17182</v>
      </c>
      <c r="H423" s="235">
        <f t="shared" si="94"/>
        <v>2.6190199045512745</v>
      </c>
      <c r="I423" s="236">
        <f t="shared" si="95"/>
        <v>14.31968318480547</v>
      </c>
      <c r="J423" s="237">
        <f t="shared" si="100"/>
        <v>4.31968318480547</v>
      </c>
      <c r="K423" s="237">
        <f t="shared" si="96"/>
        <v>54.686870082772089</v>
      </c>
      <c r="L423" s="237">
        <f t="shared" si="101"/>
        <v>16.52710786506573</v>
      </c>
      <c r="M423" s="236">
        <f t="shared" si="97"/>
        <v>7.0873337835967503</v>
      </c>
      <c r="N423" s="236">
        <f t="shared" si="98"/>
        <v>3.8417824258430757</v>
      </c>
      <c r="O423" s="236">
        <f t="shared" si="102"/>
        <v>3.1809131407281934</v>
      </c>
      <c r="P423" s="236" t="str">
        <f t="shared" si="103"/>
        <v>CLAY</v>
      </c>
      <c r="Q423" s="236">
        <f t="shared" si="99"/>
        <v>9.7610941597689926</v>
      </c>
      <c r="R423" s="238">
        <v>35</v>
      </c>
      <c r="S423" s="236">
        <f t="shared" si="104"/>
        <v>2.8909702134784636</v>
      </c>
      <c r="T423" s="236" t="e">
        <f t="shared" si="90"/>
        <v>#N/A</v>
      </c>
    </row>
    <row r="424" spans="1:20" x14ac:dyDescent="0.2">
      <c r="A424" s="53">
        <f t="shared" si="91"/>
        <v>412</v>
      </c>
      <c r="B424" s="239">
        <v>3.835</v>
      </c>
      <c r="C424" s="3">
        <f t="shared" si="92"/>
        <v>3.8279999999999998</v>
      </c>
      <c r="D424" s="239">
        <v>0.15279999999999999</v>
      </c>
      <c r="E424" s="239">
        <v>4.3E-3</v>
      </c>
      <c r="F424" s="239">
        <v>7.9399999999999998E-2</v>
      </c>
      <c r="G424">
        <f t="shared" si="93"/>
        <v>0.16868</v>
      </c>
      <c r="H424" s="235">
        <f t="shared" si="94"/>
        <v>2.549205596395542</v>
      </c>
      <c r="I424" s="236">
        <f t="shared" si="95"/>
        <v>14.259165117555915</v>
      </c>
      <c r="J424" s="237">
        <f t="shared" si="100"/>
        <v>4.2591651175559146</v>
      </c>
      <c r="K424" s="237">
        <f t="shared" si="96"/>
        <v>54.584084070004039</v>
      </c>
      <c r="L424" s="237">
        <f t="shared" si="101"/>
        <v>16.333898225826932</v>
      </c>
      <c r="M424" s="236">
        <f t="shared" si="97"/>
        <v>6.9852226549072709</v>
      </c>
      <c r="N424" s="236">
        <f t="shared" si="98"/>
        <v>3.7687589121404512</v>
      </c>
      <c r="O424" s="236">
        <f t="shared" si="102"/>
        <v>3.1813924427849916</v>
      </c>
      <c r="P424" s="236" t="str">
        <f t="shared" si="103"/>
        <v>CLAY</v>
      </c>
      <c r="Q424" s="236">
        <f t="shared" si="99"/>
        <v>9.5079929941663313</v>
      </c>
      <c r="R424" s="238">
        <v>35</v>
      </c>
      <c r="S424" s="236">
        <f t="shared" si="104"/>
        <v>2.8389995651441677</v>
      </c>
      <c r="T424" s="236" t="e">
        <f t="shared" si="90"/>
        <v>#N/A</v>
      </c>
    </row>
    <row r="425" spans="1:20" x14ac:dyDescent="0.2">
      <c r="A425" s="53">
        <f t="shared" si="91"/>
        <v>413</v>
      </c>
      <c r="B425" s="239">
        <v>3.8460000000000001</v>
      </c>
      <c r="C425" s="3">
        <f t="shared" si="92"/>
        <v>3.839</v>
      </c>
      <c r="D425" s="239">
        <v>0.15060000000000001</v>
      </c>
      <c r="E425" s="239">
        <v>4.4000000000000003E-3</v>
      </c>
      <c r="F425" s="239">
        <v>8.1500000000000003E-2</v>
      </c>
      <c r="G425">
        <f t="shared" si="93"/>
        <v>0.16690000000000002</v>
      </c>
      <c r="H425" s="235">
        <f t="shared" si="94"/>
        <v>2.6363091671659675</v>
      </c>
      <c r="I425" s="236">
        <f t="shared" si="95"/>
        <v>14.281975983906515</v>
      </c>
      <c r="J425" s="237">
        <f t="shared" si="100"/>
        <v>4.2819759839065146</v>
      </c>
      <c r="K425" s="237">
        <f t="shared" si="96"/>
        <v>54.828505802217109</v>
      </c>
      <c r="L425" s="237">
        <f t="shared" si="101"/>
        <v>16.468479634104455</v>
      </c>
      <c r="M425" s="236">
        <f t="shared" si="97"/>
        <v>6.8052119374574742</v>
      </c>
      <c r="N425" s="236">
        <f t="shared" si="98"/>
        <v>3.9260652599446151</v>
      </c>
      <c r="O425" s="236">
        <f t="shared" si="102"/>
        <v>3.200788340288756</v>
      </c>
      <c r="P425" s="236" t="str">
        <f t="shared" si="103"/>
        <v>CLAY</v>
      </c>
      <c r="Q425" s="236">
        <f t="shared" si="99"/>
        <v>9.3392911831485765</v>
      </c>
      <c r="R425" s="238">
        <v>35</v>
      </c>
      <c r="S425" s="236">
        <f t="shared" si="104"/>
        <v>2.7478440265978268</v>
      </c>
      <c r="T425" s="236" t="e">
        <f t="shared" si="90"/>
        <v>#N/A</v>
      </c>
    </row>
    <row r="426" spans="1:20" x14ac:dyDescent="0.2">
      <c r="A426" s="53">
        <f t="shared" si="91"/>
        <v>414</v>
      </c>
      <c r="B426" s="239">
        <v>3.855</v>
      </c>
      <c r="C426" s="3">
        <f t="shared" si="92"/>
        <v>3.8479999999999999</v>
      </c>
      <c r="D426" s="239">
        <v>0.14680000000000001</v>
      </c>
      <c r="E426" s="239">
        <v>4.4999999999999997E-3</v>
      </c>
      <c r="F426" s="239">
        <v>8.5500000000000007E-2</v>
      </c>
      <c r="G426">
        <f t="shared" si="93"/>
        <v>0.16390000000000002</v>
      </c>
      <c r="H426" s="235">
        <f t="shared" si="94"/>
        <v>2.7455765710799263</v>
      </c>
      <c r="I426" s="236">
        <f t="shared" si="95"/>
        <v>14.301237899789363</v>
      </c>
      <c r="J426" s="237">
        <f t="shared" si="100"/>
        <v>4.3012378997893634</v>
      </c>
      <c r="K426" s="237">
        <f t="shared" si="96"/>
        <v>55.03116343838947</v>
      </c>
      <c r="L426" s="237">
        <f t="shared" si="101"/>
        <v>16.581272103687997</v>
      </c>
      <c r="M426" s="236">
        <f t="shared" si="97"/>
        <v>6.5657710627278103</v>
      </c>
      <c r="N426" s="236">
        <f t="shared" si="98"/>
        <v>4.1334142460991412</v>
      </c>
      <c r="O426" s="236">
        <f t="shared" si="102"/>
        <v>3.2262863267917812</v>
      </c>
      <c r="P426" s="236" t="str">
        <f t="shared" si="103"/>
        <v>CLAY</v>
      </c>
      <c r="Q426" s="236">
        <f t="shared" si="99"/>
        <v>9.0724030468008774</v>
      </c>
      <c r="R426" s="238">
        <v>35</v>
      </c>
      <c r="S426" s="236">
        <f t="shared" si="104"/>
        <v>2.6275269434317607</v>
      </c>
      <c r="T426" s="236" t="e">
        <f t="shared" si="90"/>
        <v>#N/A</v>
      </c>
    </row>
    <row r="427" spans="1:20" x14ac:dyDescent="0.2">
      <c r="A427" s="53">
        <f t="shared" si="91"/>
        <v>415</v>
      </c>
      <c r="B427" s="239">
        <v>3.8660000000000001</v>
      </c>
      <c r="C427" s="3">
        <f t="shared" si="92"/>
        <v>3.859</v>
      </c>
      <c r="D427" s="239">
        <v>0.14499999999999999</v>
      </c>
      <c r="E427" s="239">
        <v>4.5999999999999999E-3</v>
      </c>
      <c r="F427" s="239">
        <v>8.8099999999999998E-2</v>
      </c>
      <c r="G427">
        <f t="shared" si="93"/>
        <v>0.16261999999999999</v>
      </c>
      <c r="H427" s="235">
        <f t="shared" si="94"/>
        <v>2.8286803591194198</v>
      </c>
      <c r="I427" s="236">
        <f t="shared" si="95"/>
        <v>14.323945760978381</v>
      </c>
      <c r="J427" s="237">
        <f t="shared" si="100"/>
        <v>4.3239457609783809</v>
      </c>
      <c r="K427" s="237">
        <f t="shared" si="96"/>
        <v>55.276106691615574</v>
      </c>
      <c r="L427" s="237">
        <f t="shared" si="101"/>
        <v>16.71637431194242</v>
      </c>
      <c r="M427" s="236">
        <f t="shared" si="97"/>
        <v>6.4214817941529558</v>
      </c>
      <c r="N427" s="236">
        <f t="shared" si="98"/>
        <v>4.285292677791019</v>
      </c>
      <c r="O427" s="236">
        <f t="shared" si="102"/>
        <v>3.243149358744255</v>
      </c>
      <c r="P427" s="236" t="str">
        <f t="shared" si="103"/>
        <v>CLAY</v>
      </c>
      <c r="Q427" s="236">
        <f t="shared" si="99"/>
        <v>8.9453244423653668</v>
      </c>
      <c r="R427" s="238">
        <v>35</v>
      </c>
      <c r="S427" s="236">
        <f t="shared" si="104"/>
        <v>2.5555482094855644</v>
      </c>
      <c r="T427" s="236" t="e">
        <f t="shared" si="90"/>
        <v>#N/A</v>
      </c>
    </row>
    <row r="428" spans="1:20" x14ac:dyDescent="0.2">
      <c r="A428" s="53">
        <f t="shared" si="91"/>
        <v>416</v>
      </c>
      <c r="B428" s="239">
        <v>3.875</v>
      </c>
      <c r="C428" s="3">
        <f t="shared" si="92"/>
        <v>3.8679999999999999</v>
      </c>
      <c r="D428" s="239">
        <v>0.14249999999999999</v>
      </c>
      <c r="E428" s="239">
        <v>4.5999999999999999E-3</v>
      </c>
      <c r="F428" s="239">
        <v>8.9499999999999996E-2</v>
      </c>
      <c r="G428">
        <f t="shared" si="93"/>
        <v>0.16039999999999999</v>
      </c>
      <c r="H428" s="235">
        <f t="shared" si="94"/>
        <v>2.8678304239401498</v>
      </c>
      <c r="I428" s="236">
        <f t="shared" si="95"/>
        <v>14.318573127476066</v>
      </c>
      <c r="J428" s="237">
        <f t="shared" si="100"/>
        <v>4.3185731274760659</v>
      </c>
      <c r="K428" s="237">
        <f t="shared" si="96"/>
        <v>55.384240857077423</v>
      </c>
      <c r="L428" s="237">
        <f t="shared" si="101"/>
        <v>16.734470868969755</v>
      </c>
      <c r="M428" s="236">
        <f t="shared" si="97"/>
        <v>6.2754155757413415</v>
      </c>
      <c r="N428" s="236">
        <f t="shared" si="98"/>
        <v>4.3802949552929196</v>
      </c>
      <c r="O428" s="236">
        <f t="shared" si="102"/>
        <v>3.2567912731442306</v>
      </c>
      <c r="P428" s="236" t="str">
        <f t="shared" si="103"/>
        <v>CLAY</v>
      </c>
      <c r="Q428" s="236">
        <f t="shared" si="99"/>
        <v>8.7513132619102123</v>
      </c>
      <c r="R428" s="238">
        <v>35</v>
      </c>
      <c r="S428" s="236">
        <f t="shared" si="104"/>
        <v>2.4830937844264782</v>
      </c>
      <c r="T428" s="236" t="e">
        <f t="shared" si="90"/>
        <v>#N/A</v>
      </c>
    </row>
    <row r="429" spans="1:20" x14ac:dyDescent="0.2">
      <c r="A429" s="53">
        <f t="shared" si="91"/>
        <v>417</v>
      </c>
      <c r="B429" s="239">
        <v>3.8860000000000001</v>
      </c>
      <c r="C429" s="3">
        <f t="shared" si="92"/>
        <v>3.879</v>
      </c>
      <c r="D429" s="239">
        <v>0.1404</v>
      </c>
      <c r="E429" s="239">
        <v>4.7000000000000002E-3</v>
      </c>
      <c r="F429" s="239">
        <v>9.1700000000000004E-2</v>
      </c>
      <c r="G429">
        <f t="shared" si="93"/>
        <v>0.15873999999999999</v>
      </c>
      <c r="H429" s="235">
        <f t="shared" si="94"/>
        <v>2.9608164293813783</v>
      </c>
      <c r="I429" s="236">
        <f t="shared" si="95"/>
        <v>14.339725009181578</v>
      </c>
      <c r="J429" s="237">
        <f t="shared" si="100"/>
        <v>4.3397250091815778</v>
      </c>
      <c r="K429" s="237">
        <f t="shared" si="96"/>
        <v>55.623793310615341</v>
      </c>
      <c r="L429" s="237">
        <f t="shared" si="101"/>
        <v>16.864171385679612</v>
      </c>
      <c r="M429" s="236">
        <f t="shared" si="97"/>
        <v>6.1145136829519444</v>
      </c>
      <c r="N429" s="236">
        <f t="shared" si="98"/>
        <v>4.5579644082115411</v>
      </c>
      <c r="O429" s="236">
        <f t="shared" si="102"/>
        <v>3.2759263642324776</v>
      </c>
      <c r="P429" s="236" t="str">
        <f t="shared" si="103"/>
        <v>CLAY</v>
      </c>
      <c r="Q429" s="236">
        <f t="shared" si="99"/>
        <v>8.5930172241153873</v>
      </c>
      <c r="R429" s="238">
        <v>35</v>
      </c>
      <c r="S429" s="236">
        <f t="shared" si="104"/>
        <v>2.4037672295400121</v>
      </c>
      <c r="T429" s="236" t="e">
        <f t="shared" si="90"/>
        <v>#N/A</v>
      </c>
    </row>
    <row r="430" spans="1:20" x14ac:dyDescent="0.2">
      <c r="A430" s="53">
        <f t="shared" si="91"/>
        <v>418</v>
      </c>
      <c r="B430" s="239">
        <v>3.895</v>
      </c>
      <c r="C430" s="3">
        <f t="shared" si="92"/>
        <v>3.8879999999999999</v>
      </c>
      <c r="D430" s="239">
        <v>0.1434</v>
      </c>
      <c r="E430" s="239">
        <v>4.7999999999999996E-3</v>
      </c>
      <c r="F430" s="239">
        <v>9.3299999999999994E-2</v>
      </c>
      <c r="G430">
        <f t="shared" si="93"/>
        <v>0.16205999999999998</v>
      </c>
      <c r="H430" s="235">
        <f t="shared" si="94"/>
        <v>2.961865975564606</v>
      </c>
      <c r="I430" s="236">
        <f t="shared" si="95"/>
        <v>14.372502646410556</v>
      </c>
      <c r="J430" s="237">
        <f t="shared" si="100"/>
        <v>4.3725026464105561</v>
      </c>
      <c r="K430" s="237">
        <f t="shared" si="96"/>
        <v>55.880290289244243</v>
      </c>
      <c r="L430" s="237">
        <f t="shared" si="101"/>
        <v>17.030897807769115</v>
      </c>
      <c r="M430" s="236">
        <f t="shared" si="97"/>
        <v>6.2345338988716685</v>
      </c>
      <c r="N430" s="236">
        <f t="shared" si="98"/>
        <v>4.5206377123046249</v>
      </c>
      <c r="O430" s="236">
        <f t="shared" si="102"/>
        <v>3.2669630572091428</v>
      </c>
      <c r="P430" s="236" t="str">
        <f t="shared" si="103"/>
        <v>CLAY</v>
      </c>
      <c r="Q430" s="236">
        <f t="shared" si="99"/>
        <v>8.848309142562977</v>
      </c>
      <c r="R430" s="238">
        <v>35</v>
      </c>
      <c r="S430" s="236">
        <f t="shared" si="104"/>
        <v>2.4628898956995897</v>
      </c>
      <c r="T430" s="236" t="e">
        <f t="shared" si="90"/>
        <v>#N/A</v>
      </c>
    </row>
    <row r="431" spans="1:20" x14ac:dyDescent="0.2">
      <c r="A431" s="53">
        <f t="shared" si="91"/>
        <v>419</v>
      </c>
      <c r="B431" s="239">
        <v>3.9060000000000001</v>
      </c>
      <c r="C431" s="3">
        <f t="shared" si="92"/>
        <v>3.899</v>
      </c>
      <c r="D431" s="239">
        <v>0.14810000000000001</v>
      </c>
      <c r="E431" s="239">
        <v>4.7000000000000002E-3</v>
      </c>
      <c r="F431" s="239">
        <v>9.0899999999999995E-2</v>
      </c>
      <c r="G431">
        <f t="shared" si="93"/>
        <v>0.16628000000000001</v>
      </c>
      <c r="H431" s="235">
        <f t="shared" si="94"/>
        <v>2.8265576136636996</v>
      </c>
      <c r="I431" s="236">
        <f t="shared" si="95"/>
        <v>14.357863285059684</v>
      </c>
      <c r="J431" s="237">
        <f t="shared" si="100"/>
        <v>4.3578632850596843</v>
      </c>
      <c r="K431" s="237">
        <f t="shared" si="96"/>
        <v>55.981308948447712</v>
      </c>
      <c r="L431" s="237">
        <f t="shared" si="101"/>
        <v>17.021813991443128</v>
      </c>
      <c r="M431" s="236">
        <f t="shared" si="97"/>
        <v>6.4798435176767573</v>
      </c>
      <c r="N431" s="236">
        <f t="shared" si="98"/>
        <v>4.2611566421973919</v>
      </c>
      <c r="O431" s="236">
        <f t="shared" si="102"/>
        <v>3.2385229938854656</v>
      </c>
      <c r="P431" s="236" t="str">
        <f t="shared" si="103"/>
        <v>CLAY</v>
      </c>
      <c r="Q431" s="236">
        <f t="shared" si="99"/>
        <v>9.1915575876293563</v>
      </c>
      <c r="R431" s="238">
        <v>35</v>
      </c>
      <c r="S431" s="236">
        <f t="shared" si="104"/>
        <v>2.5846137855916216</v>
      </c>
      <c r="T431" s="236" t="e">
        <f t="shared" si="90"/>
        <v>#N/A</v>
      </c>
    </row>
    <row r="432" spans="1:20" x14ac:dyDescent="0.2">
      <c r="A432" s="53">
        <f t="shared" si="91"/>
        <v>420</v>
      </c>
      <c r="B432" s="239">
        <v>3.915</v>
      </c>
      <c r="C432" s="3">
        <f t="shared" si="92"/>
        <v>3.9079999999999999</v>
      </c>
      <c r="D432" s="239">
        <v>0.15179999999999999</v>
      </c>
      <c r="E432" s="239">
        <v>4.7000000000000002E-3</v>
      </c>
      <c r="F432" s="239">
        <v>9.0999999999999998E-2</v>
      </c>
      <c r="G432">
        <f t="shared" si="93"/>
        <v>0.16999999999999998</v>
      </c>
      <c r="H432" s="235">
        <f t="shared" si="94"/>
        <v>2.7647058823529416</v>
      </c>
      <c r="I432" s="236">
        <f t="shared" si="95"/>
        <v>14.366511300049369</v>
      </c>
      <c r="J432" s="237">
        <f t="shared" si="100"/>
        <v>4.3665113000493694</v>
      </c>
      <c r="K432" s="237">
        <f t="shared" si="96"/>
        <v>56.144326160592932</v>
      </c>
      <c r="L432" s="237">
        <f t="shared" si="101"/>
        <v>17.094891739693281</v>
      </c>
      <c r="M432" s="236">
        <f t="shared" si="97"/>
        <v>6.660216137844337</v>
      </c>
      <c r="N432" s="236">
        <f t="shared" si="98"/>
        <v>4.1280331857939121</v>
      </c>
      <c r="O432" s="236">
        <f t="shared" si="102"/>
        <v>3.2208658895584161</v>
      </c>
      <c r="P432" s="236" t="str">
        <f t="shared" si="103"/>
        <v>CLAY</v>
      </c>
      <c r="Q432" s="236">
        <f t="shared" si="99"/>
        <v>9.4879728199505866</v>
      </c>
      <c r="R432" s="238">
        <v>35</v>
      </c>
      <c r="S432" s="236">
        <f t="shared" si="104"/>
        <v>2.6748560353112585</v>
      </c>
      <c r="T432" s="236" t="e">
        <f t="shared" si="90"/>
        <v>#N/A</v>
      </c>
    </row>
    <row r="433" spans="1:20" x14ac:dyDescent="0.2">
      <c r="A433" s="53">
        <f t="shared" si="91"/>
        <v>421</v>
      </c>
      <c r="B433" s="239">
        <v>3.9260000000000002</v>
      </c>
      <c r="C433" s="3">
        <f t="shared" si="92"/>
        <v>3.919</v>
      </c>
      <c r="D433" s="239">
        <v>0.1525</v>
      </c>
      <c r="E433" s="239">
        <v>4.7999999999999996E-3</v>
      </c>
      <c r="F433" s="239">
        <v>8.9899999999999994E-2</v>
      </c>
      <c r="G433">
        <f t="shared" si="93"/>
        <v>0.17047999999999999</v>
      </c>
      <c r="H433" s="235">
        <f t="shared" si="94"/>
        <v>2.8155795401220081</v>
      </c>
      <c r="I433" s="236">
        <f t="shared" si="95"/>
        <v>14.392300488332101</v>
      </c>
      <c r="J433" s="237">
        <f t="shared" si="100"/>
        <v>4.3923004883321006</v>
      </c>
      <c r="K433" s="237">
        <f t="shared" si="96"/>
        <v>56.4034256137735</v>
      </c>
      <c r="L433" s="237">
        <f t="shared" si="101"/>
        <v>17.244171717191829</v>
      </c>
      <c r="M433" s="236">
        <f t="shared" si="97"/>
        <v>6.6153698917586272</v>
      </c>
      <c r="N433" s="236">
        <f t="shared" si="98"/>
        <v>4.2076999820741001</v>
      </c>
      <c r="O433" s="236">
        <f t="shared" si="102"/>
        <v>3.2280124697949839</v>
      </c>
      <c r="P433" s="236" t="str">
        <f t="shared" si="103"/>
        <v>CLAY</v>
      </c>
      <c r="Q433" s="236">
        <f t="shared" si="99"/>
        <v>9.5063811988522087</v>
      </c>
      <c r="R433" s="238">
        <v>35</v>
      </c>
      <c r="S433" s="236">
        <f t="shared" si="104"/>
        <v>2.6523612481194059</v>
      </c>
      <c r="T433" s="236" t="e">
        <f t="shared" si="90"/>
        <v>#N/A</v>
      </c>
    </row>
    <row r="434" spans="1:20" x14ac:dyDescent="0.2">
      <c r="A434" s="53">
        <f t="shared" si="91"/>
        <v>422</v>
      </c>
      <c r="B434" s="239">
        <v>3.9350000000000001</v>
      </c>
      <c r="C434" s="3">
        <f t="shared" si="92"/>
        <v>3.9279999999999999</v>
      </c>
      <c r="D434" s="239">
        <v>0.1525</v>
      </c>
      <c r="E434" s="239">
        <v>4.7999999999999996E-3</v>
      </c>
      <c r="F434" s="239">
        <v>8.9399999999999993E-2</v>
      </c>
      <c r="G434">
        <f t="shared" si="93"/>
        <v>0.17037999999999998</v>
      </c>
      <c r="H434" s="235">
        <f t="shared" si="94"/>
        <v>2.8172320694917246</v>
      </c>
      <c r="I434" s="236">
        <f t="shared" si="95"/>
        <v>14.392071147814045</v>
      </c>
      <c r="J434" s="237">
        <f t="shared" si="100"/>
        <v>4.3920711478140451</v>
      </c>
      <c r="K434" s="237">
        <f t="shared" si="96"/>
        <v>56.532055468613571</v>
      </c>
      <c r="L434" s="237">
        <f t="shared" si="101"/>
        <v>17.282799966648266</v>
      </c>
      <c r="M434" s="236">
        <f t="shared" si="97"/>
        <v>6.5873553331107288</v>
      </c>
      <c r="N434" s="236">
        <f t="shared" si="98"/>
        <v>4.2161499004285519</v>
      </c>
      <c r="O434" s="236">
        <f t="shared" si="102"/>
        <v>3.2300229237185003</v>
      </c>
      <c r="P434" s="236" t="str">
        <f t="shared" si="103"/>
        <v>CLAY</v>
      </c>
      <c r="Q434" s="236">
        <f t="shared" si="99"/>
        <v>9.4873287109488658</v>
      </c>
      <c r="R434" s="238">
        <v>35</v>
      </c>
      <c r="S434" s="236">
        <f t="shared" si="104"/>
        <v>2.6383285189744279</v>
      </c>
      <c r="T434" s="236" t="e">
        <f t="shared" si="90"/>
        <v>#N/A</v>
      </c>
    </row>
    <row r="435" spans="1:20" x14ac:dyDescent="0.2">
      <c r="A435" s="53">
        <f t="shared" si="91"/>
        <v>423</v>
      </c>
      <c r="B435" s="239">
        <v>3.9449999999999998</v>
      </c>
      <c r="C435" s="3">
        <f t="shared" si="92"/>
        <v>3.9379999999999997</v>
      </c>
      <c r="D435" s="239">
        <v>0.15240000000000001</v>
      </c>
      <c r="E435" s="239">
        <v>4.7999999999999996E-3</v>
      </c>
      <c r="F435" s="239">
        <v>8.7400000000000005E-2</v>
      </c>
      <c r="G435">
        <f t="shared" si="93"/>
        <v>0.16988</v>
      </c>
      <c r="H435" s="235">
        <f t="shared" si="94"/>
        <v>2.8255238992229805</v>
      </c>
      <c r="I435" s="236">
        <f t="shared" si="95"/>
        <v>14.390922422383349</v>
      </c>
      <c r="J435" s="237">
        <f t="shared" si="100"/>
        <v>4.3909224223833494</v>
      </c>
      <c r="K435" s="237">
        <f t="shared" si="96"/>
        <v>56.671452499345627</v>
      </c>
      <c r="L435" s="237">
        <f t="shared" si="101"/>
        <v>17.322188956302313</v>
      </c>
      <c r="M435" s="236">
        <f t="shared" si="97"/>
        <v>6.53546429878112</v>
      </c>
      <c r="N435" s="236">
        <f t="shared" si="98"/>
        <v>4.2399625346065459</v>
      </c>
      <c r="O435" s="236">
        <f t="shared" si="102"/>
        <v>3.2342392574740746</v>
      </c>
      <c r="P435" s="236" t="str">
        <f t="shared" si="103"/>
        <v>CLAY</v>
      </c>
      <c r="Q435" s="236">
        <f t="shared" si="99"/>
        <v>9.4340456250545301</v>
      </c>
      <c r="R435" s="238">
        <v>35</v>
      </c>
      <c r="S435" s="236">
        <f t="shared" si="104"/>
        <v>2.6123752882329279</v>
      </c>
      <c r="T435" s="236" t="e">
        <f t="shared" si="90"/>
        <v>#N/A</v>
      </c>
    </row>
    <row r="436" spans="1:20" x14ac:dyDescent="0.2">
      <c r="A436" s="53">
        <f t="shared" si="91"/>
        <v>424</v>
      </c>
      <c r="B436" s="239">
        <v>3.956</v>
      </c>
      <c r="C436" s="3">
        <f t="shared" si="92"/>
        <v>3.9489999999999998</v>
      </c>
      <c r="D436" s="239">
        <v>0.15620000000000001</v>
      </c>
      <c r="E436" s="239">
        <v>4.7999999999999996E-3</v>
      </c>
      <c r="F436" s="239">
        <v>8.2699999999999996E-2</v>
      </c>
      <c r="G436">
        <f t="shared" si="93"/>
        <v>0.17274</v>
      </c>
      <c r="H436" s="235">
        <f t="shared" si="94"/>
        <v>2.7787426189649183</v>
      </c>
      <c r="I436" s="236">
        <f t="shared" si="95"/>
        <v>14.397448019032124</v>
      </c>
      <c r="J436" s="237">
        <f t="shared" si="100"/>
        <v>4.3974480190321241</v>
      </c>
      <c r="K436" s="237">
        <f t="shared" si="96"/>
        <v>56.855522227157856</v>
      </c>
      <c r="L436" s="237">
        <f t="shared" si="101"/>
        <v>17.396304363291083</v>
      </c>
      <c r="M436" s="236">
        <f t="shared" si="97"/>
        <v>6.6614423013531825</v>
      </c>
      <c r="N436" s="236">
        <f t="shared" si="98"/>
        <v>4.1420560304970309</v>
      </c>
      <c r="O436" s="236">
        <f t="shared" si="102"/>
        <v>3.2216398645322331</v>
      </c>
      <c r="P436" s="236" t="str">
        <f t="shared" si="103"/>
        <v>CLAY</v>
      </c>
      <c r="Q436" s="236">
        <f t="shared" si="99"/>
        <v>9.6570398144035128</v>
      </c>
      <c r="R436" s="238">
        <v>35</v>
      </c>
      <c r="S436" s="236">
        <f t="shared" si="104"/>
        <v>2.675471609616261</v>
      </c>
      <c r="T436" s="236" t="e">
        <f t="shared" si="90"/>
        <v>#N/A</v>
      </c>
    </row>
    <row r="437" spans="1:20" x14ac:dyDescent="0.2">
      <c r="A437" s="53">
        <f t="shared" si="91"/>
        <v>425</v>
      </c>
      <c r="B437" s="239">
        <v>3.9649999999999999</v>
      </c>
      <c r="C437" s="3">
        <f t="shared" si="92"/>
        <v>3.9579999999999997</v>
      </c>
      <c r="D437" s="239">
        <v>0.1598</v>
      </c>
      <c r="E437" s="239">
        <v>4.5999999999999999E-3</v>
      </c>
      <c r="F437" s="239">
        <v>8.1299999999999997E-2</v>
      </c>
      <c r="G437">
        <f t="shared" si="93"/>
        <v>0.17605999999999999</v>
      </c>
      <c r="H437" s="235">
        <f t="shared" si="94"/>
        <v>2.6127456548903782</v>
      </c>
      <c r="I437" s="236">
        <f t="shared" si="95"/>
        <v>14.354983827690971</v>
      </c>
      <c r="J437" s="237">
        <f t="shared" si="100"/>
        <v>4.3549838276909707</v>
      </c>
      <c r="K437" s="237">
        <f t="shared" si="96"/>
        <v>56.817025990000857</v>
      </c>
      <c r="L437" s="237">
        <f t="shared" si="101"/>
        <v>17.267510876794699</v>
      </c>
      <c r="M437" s="236">
        <f t="shared" si="97"/>
        <v>6.9056261125769014</v>
      </c>
      <c r="N437" s="236">
        <f t="shared" si="98"/>
        <v>3.8576696347864194</v>
      </c>
      <c r="O437" s="236">
        <f t="shared" si="102"/>
        <v>3.1912227528120591</v>
      </c>
      <c r="P437" s="236" t="str">
        <f t="shared" si="103"/>
        <v>CLAY</v>
      </c>
      <c r="Q437" s="236">
        <f t="shared" si="99"/>
        <v>9.9369145008332627</v>
      </c>
      <c r="R437" s="238">
        <v>35</v>
      </c>
      <c r="S437" s="236">
        <f t="shared" si="104"/>
        <v>2.7986193642432569</v>
      </c>
      <c r="T437" s="236" t="e">
        <f t="shared" si="90"/>
        <v>#N/A</v>
      </c>
    </row>
    <row r="438" spans="1:20" x14ac:dyDescent="0.2">
      <c r="A438" s="53">
        <f t="shared" si="91"/>
        <v>426</v>
      </c>
      <c r="B438" s="239">
        <v>3.976</v>
      </c>
      <c r="C438" s="3">
        <f t="shared" si="92"/>
        <v>3.9689999999999999</v>
      </c>
      <c r="D438" s="239">
        <v>0.15989999999999999</v>
      </c>
      <c r="E438" s="239">
        <v>4.4999999999999997E-3</v>
      </c>
      <c r="F438" s="239">
        <v>7.8799999999999995E-2</v>
      </c>
      <c r="G438">
        <f t="shared" si="93"/>
        <v>0.17565999999999998</v>
      </c>
      <c r="H438" s="235">
        <f t="shared" si="94"/>
        <v>2.5617670499829215</v>
      </c>
      <c r="I438" s="236">
        <f t="shared" si="95"/>
        <v>14.328322432150413</v>
      </c>
      <c r="J438" s="237">
        <f t="shared" si="100"/>
        <v>4.3283224321504132</v>
      </c>
      <c r="K438" s="237">
        <f t="shared" si="96"/>
        <v>56.869111733204988</v>
      </c>
      <c r="L438" s="237">
        <f t="shared" si="101"/>
        <v>17.209409990230043</v>
      </c>
      <c r="M438" s="236">
        <f t="shared" si="97"/>
        <v>6.9026705932529824</v>
      </c>
      <c r="N438" s="236">
        <f t="shared" si="98"/>
        <v>3.7881693332348463</v>
      </c>
      <c r="O438" s="236">
        <f t="shared" si="102"/>
        <v>3.186913712868082</v>
      </c>
      <c r="P438" s="236" t="str">
        <f t="shared" si="103"/>
        <v>CLAY</v>
      </c>
      <c r="Q438" s="236">
        <f t="shared" si="99"/>
        <v>9.8992406888995834</v>
      </c>
      <c r="R438" s="238">
        <v>35</v>
      </c>
      <c r="S438" s="236">
        <f t="shared" si="104"/>
        <v>2.7971222279003838</v>
      </c>
      <c r="T438" s="236" t="e">
        <f t="shared" si="90"/>
        <v>#N/A</v>
      </c>
    </row>
    <row r="439" spans="1:20" x14ac:dyDescent="0.2">
      <c r="A439" s="53">
        <f t="shared" si="91"/>
        <v>427</v>
      </c>
      <c r="B439" s="239">
        <v>3.9860000000000002</v>
      </c>
      <c r="C439" s="3">
        <f t="shared" si="92"/>
        <v>3.9790000000000001</v>
      </c>
      <c r="D439" s="239">
        <v>0.16</v>
      </c>
      <c r="E439" s="239">
        <v>4.5999999999999999E-3</v>
      </c>
      <c r="F439" s="239">
        <v>7.9399999999999998E-2</v>
      </c>
      <c r="G439">
        <f t="shared" si="93"/>
        <v>0.17588000000000001</v>
      </c>
      <c r="H439" s="235">
        <f t="shared" si="94"/>
        <v>2.6154196042756426</v>
      </c>
      <c r="I439" s="236">
        <f t="shared" si="95"/>
        <v>14.354584011175637</v>
      </c>
      <c r="J439" s="237">
        <f t="shared" si="100"/>
        <v>4.3545840111756373</v>
      </c>
      <c r="K439" s="237">
        <f t="shared" si="96"/>
        <v>57.116889780467865</v>
      </c>
      <c r="L439" s="237">
        <f t="shared" si="101"/>
        <v>17.357371868546092</v>
      </c>
      <c r="M439" s="236">
        <f t="shared" si="97"/>
        <v>6.8422288304341148</v>
      </c>
      <c r="N439" s="236">
        <f t="shared" si="98"/>
        <v>3.8732565958376779</v>
      </c>
      <c r="O439" s="236">
        <f t="shared" si="102"/>
        <v>3.1955161571507684</v>
      </c>
      <c r="P439" s="236" t="str">
        <f t="shared" si="103"/>
        <v>CLAY</v>
      </c>
      <c r="Q439" s="236">
        <f t="shared" si="99"/>
        <v>9.8969258516276781</v>
      </c>
      <c r="R439" s="238">
        <v>35</v>
      </c>
      <c r="S439" s="236">
        <f t="shared" si="104"/>
        <v>2.7665403060476916</v>
      </c>
      <c r="T439" s="236" t="e">
        <f t="shared" si="90"/>
        <v>#N/A</v>
      </c>
    </row>
    <row r="440" spans="1:20" x14ac:dyDescent="0.2">
      <c r="A440" s="53">
        <f t="shared" si="91"/>
        <v>428</v>
      </c>
      <c r="B440" s="239">
        <v>3.9969999999999999</v>
      </c>
      <c r="C440" s="3">
        <f t="shared" si="92"/>
        <v>3.9899999999999998</v>
      </c>
      <c r="D440" s="239">
        <v>0.15870000000000001</v>
      </c>
      <c r="E440" s="239">
        <v>4.5999999999999999E-3</v>
      </c>
      <c r="F440" s="239">
        <v>8.1699999999999995E-2</v>
      </c>
      <c r="G440">
        <f t="shared" si="93"/>
        <v>0.17504</v>
      </c>
      <c r="H440" s="235">
        <f t="shared" si="94"/>
        <v>2.6279707495429618</v>
      </c>
      <c r="I440" s="236">
        <f t="shared" si="95"/>
        <v>14.352712774110739</v>
      </c>
      <c r="J440" s="237">
        <f t="shared" si="100"/>
        <v>4.3527127741107385</v>
      </c>
      <c r="K440" s="237">
        <f t="shared" si="96"/>
        <v>57.267323968701845</v>
      </c>
      <c r="L440" s="237">
        <f t="shared" si="101"/>
        <v>17.397792958120622</v>
      </c>
      <c r="M440" s="236">
        <f t="shared" si="97"/>
        <v>6.7694032406752136</v>
      </c>
      <c r="N440" s="236">
        <f t="shared" si="98"/>
        <v>3.9058295650661345</v>
      </c>
      <c r="O440" s="236">
        <f t="shared" si="102"/>
        <v>3.2014058333612154</v>
      </c>
      <c r="P440" s="236" t="str">
        <f t="shared" si="103"/>
        <v>CLAY</v>
      </c>
      <c r="Q440" s="236">
        <f t="shared" si="99"/>
        <v>9.8143896692748456</v>
      </c>
      <c r="R440" s="238">
        <v>35</v>
      </c>
      <c r="S440" s="236">
        <f t="shared" si="104"/>
        <v>2.7297821518763596</v>
      </c>
      <c r="T440" s="236" t="e">
        <f t="shared" si="90"/>
        <v>#N/A</v>
      </c>
    </row>
    <row r="441" spans="1:20" x14ac:dyDescent="0.2">
      <c r="A441" s="53">
        <f t="shared" si="91"/>
        <v>429</v>
      </c>
      <c r="B441" s="239">
        <v>4.0069999999999997</v>
      </c>
      <c r="C441" s="3">
        <f t="shared" si="92"/>
        <v>3.9999999999999996</v>
      </c>
      <c r="D441" s="239">
        <v>0.15959999999999999</v>
      </c>
      <c r="E441" s="239">
        <v>4.4999999999999997E-3</v>
      </c>
      <c r="F441" s="239">
        <v>8.2600000000000007E-2</v>
      </c>
      <c r="G441">
        <f t="shared" si="93"/>
        <v>0.17612</v>
      </c>
      <c r="H441" s="235">
        <f t="shared" si="94"/>
        <v>2.5550760844878488</v>
      </c>
      <c r="I441" s="236">
        <f t="shared" si="95"/>
        <v>14.329344650684654</v>
      </c>
      <c r="J441" s="237">
        <f t="shared" si="100"/>
        <v>4.3293446506846536</v>
      </c>
      <c r="K441" s="237">
        <f t="shared" si="96"/>
        <v>57.317378602738607</v>
      </c>
      <c r="L441" s="237">
        <f t="shared" si="101"/>
        <v>17.347684015293407</v>
      </c>
      <c r="M441" s="236">
        <f t="shared" si="97"/>
        <v>6.848327493890662</v>
      </c>
      <c r="N441" s="236">
        <f t="shared" si="98"/>
        <v>3.7877952077779096</v>
      </c>
      <c r="O441" s="236">
        <f t="shared" si="102"/>
        <v>3.1897239514759441</v>
      </c>
      <c r="P441" s="236" t="str">
        <f t="shared" si="103"/>
        <v>CLAY</v>
      </c>
      <c r="Q441" s="236">
        <f t="shared" si="99"/>
        <v>9.9002184497717831</v>
      </c>
      <c r="R441" s="238">
        <v>35</v>
      </c>
      <c r="S441" s="236">
        <f t="shared" si="104"/>
        <v>2.7696230145655938</v>
      </c>
      <c r="T441" s="236" t="e">
        <f t="shared" si="90"/>
        <v>#N/A</v>
      </c>
    </row>
    <row r="442" spans="1:20" x14ac:dyDescent="0.2">
      <c r="A442" s="53">
        <f t="shared" si="91"/>
        <v>430</v>
      </c>
      <c r="B442" s="239">
        <v>4.0170000000000003</v>
      </c>
      <c r="C442" s="3">
        <f t="shared" si="92"/>
        <v>4.0100000000000007</v>
      </c>
      <c r="D442" s="239">
        <v>0.15870000000000001</v>
      </c>
      <c r="E442" s="239">
        <v>4.4999999999999997E-3</v>
      </c>
      <c r="F442" s="239">
        <v>8.6300000000000002E-2</v>
      </c>
      <c r="G442">
        <f t="shared" si="93"/>
        <v>0.17596000000000001</v>
      </c>
      <c r="H442" s="235">
        <f t="shared" si="94"/>
        <v>2.5573994089565808</v>
      </c>
      <c r="I442" s="236">
        <f t="shared" si="95"/>
        <v>14.328989399550258</v>
      </c>
      <c r="J442" s="237">
        <f t="shared" si="100"/>
        <v>4.3289893995502577</v>
      </c>
      <c r="K442" s="237">
        <f t="shared" si="96"/>
        <v>57.459247492196546</v>
      </c>
      <c r="L442" s="237">
        <f t="shared" si="101"/>
        <v>17.389550417993387</v>
      </c>
      <c r="M442" s="236">
        <f t="shared" si="97"/>
        <v>6.8144805161373165</v>
      </c>
      <c r="N442" s="236">
        <f t="shared" si="98"/>
        <v>3.79744423960824</v>
      </c>
      <c r="O442" s="236">
        <f t="shared" si="102"/>
        <v>3.192124082889447</v>
      </c>
      <c r="P442" s="236" t="str">
        <f t="shared" si="103"/>
        <v>CLAY</v>
      </c>
      <c r="Q442" s="236">
        <f t="shared" si="99"/>
        <v>9.8750627089836218</v>
      </c>
      <c r="R442" s="238">
        <v>35</v>
      </c>
      <c r="S442" s="236">
        <f t="shared" si="104"/>
        <v>2.7525229666686024</v>
      </c>
      <c r="T442" s="236" t="e">
        <f t="shared" si="90"/>
        <v>#N/A</v>
      </c>
    </row>
    <row r="443" spans="1:20" x14ac:dyDescent="0.2">
      <c r="A443" s="53">
        <f t="shared" si="91"/>
        <v>431</v>
      </c>
      <c r="B443" s="239">
        <v>4.0270000000000001</v>
      </c>
      <c r="C443" s="3">
        <f t="shared" si="92"/>
        <v>4.0200000000000005</v>
      </c>
      <c r="D443" s="239">
        <v>0.1565</v>
      </c>
      <c r="E443" s="239">
        <v>4.4999999999999997E-3</v>
      </c>
      <c r="F443" s="239">
        <v>8.9499999999999996E-2</v>
      </c>
      <c r="G443">
        <f t="shared" si="93"/>
        <v>0.1744</v>
      </c>
      <c r="H443" s="235">
        <f t="shared" si="94"/>
        <v>2.580275229357798</v>
      </c>
      <c r="I443" s="236">
        <f t="shared" si="95"/>
        <v>14.325508674112807</v>
      </c>
      <c r="J443" s="237">
        <f t="shared" si="100"/>
        <v>4.3255086741128075</v>
      </c>
      <c r="K443" s="237">
        <f t="shared" si="96"/>
        <v>57.588544869933493</v>
      </c>
      <c r="L443" s="237">
        <f t="shared" si="101"/>
        <v>17.418823430652278</v>
      </c>
      <c r="M443" s="236">
        <f t="shared" si="97"/>
        <v>6.7060473742739068</v>
      </c>
      <c r="N443" s="236">
        <f t="shared" si="98"/>
        <v>3.852361906620688</v>
      </c>
      <c r="O443" s="236">
        <f t="shared" si="102"/>
        <v>3.2013932955683293</v>
      </c>
      <c r="P443" s="236" t="str">
        <f t="shared" si="103"/>
        <v>CLAY</v>
      </c>
      <c r="Q443" s="236">
        <f t="shared" si="99"/>
        <v>9.7342879275055427</v>
      </c>
      <c r="R443" s="238">
        <v>35</v>
      </c>
      <c r="S443" s="236">
        <f t="shared" si="104"/>
        <v>2.6978840470231291</v>
      </c>
      <c r="T443" s="236" t="e">
        <f t="shared" si="90"/>
        <v>#N/A</v>
      </c>
    </row>
    <row r="444" spans="1:20" x14ac:dyDescent="0.2">
      <c r="A444" s="53">
        <f t="shared" si="91"/>
        <v>432</v>
      </c>
      <c r="B444" s="239">
        <v>4.0369999999999999</v>
      </c>
      <c r="C444" s="3">
        <f t="shared" si="92"/>
        <v>4.03</v>
      </c>
      <c r="D444" s="239">
        <v>0.15659999999999999</v>
      </c>
      <c r="E444" s="239">
        <v>4.3E-3</v>
      </c>
      <c r="F444" s="239">
        <v>9.0999999999999998E-2</v>
      </c>
      <c r="G444">
        <f t="shared" si="93"/>
        <v>0.17479999999999998</v>
      </c>
      <c r="H444" s="235">
        <f t="shared" si="94"/>
        <v>2.4599542334096114</v>
      </c>
      <c r="I444" s="236">
        <f t="shared" si="95"/>
        <v>14.273095169915917</v>
      </c>
      <c r="J444" s="237">
        <f t="shared" si="100"/>
        <v>4.2730951699159174</v>
      </c>
      <c r="K444" s="237">
        <f t="shared" si="96"/>
        <v>57.520573534761148</v>
      </c>
      <c r="L444" s="237">
        <f t="shared" si="101"/>
        <v>17.250485200950557</v>
      </c>
      <c r="M444" s="236">
        <f t="shared" si="97"/>
        <v>6.7986161026228036</v>
      </c>
      <c r="N444" s="236">
        <f t="shared" si="98"/>
        <v>3.6664572206741677</v>
      </c>
      <c r="O444" s="236">
        <f t="shared" si="102"/>
        <v>3.1843934319477172</v>
      </c>
      <c r="P444" s="236" t="str">
        <f t="shared" si="103"/>
        <v>CLAY</v>
      </c>
      <c r="Q444" s="236">
        <f t="shared" si="99"/>
        <v>9.7732855387699029</v>
      </c>
      <c r="R444" s="238">
        <v>35</v>
      </c>
      <c r="S444" s="236">
        <f t="shared" si="104"/>
        <v>2.7445153042250467</v>
      </c>
      <c r="T444" s="236" t="e">
        <f t="shared" si="90"/>
        <v>#N/A</v>
      </c>
    </row>
    <row r="445" spans="1:20" x14ac:dyDescent="0.2">
      <c r="A445" s="53">
        <f t="shared" si="91"/>
        <v>433</v>
      </c>
      <c r="B445" s="239">
        <v>4.0469999999999997</v>
      </c>
      <c r="C445" s="3">
        <f t="shared" si="92"/>
        <v>4.04</v>
      </c>
      <c r="D445" s="239">
        <v>0.15609999999999999</v>
      </c>
      <c r="E445" s="239">
        <v>4.4000000000000003E-3</v>
      </c>
      <c r="F445" s="239">
        <v>9.2799999999999994E-2</v>
      </c>
      <c r="G445">
        <f t="shared" si="93"/>
        <v>0.17465999999999998</v>
      </c>
      <c r="H445" s="235">
        <f t="shared" si="94"/>
        <v>2.5191801213786791</v>
      </c>
      <c r="I445" s="236">
        <f t="shared" si="95"/>
        <v>14.299739391135402</v>
      </c>
      <c r="J445" s="237">
        <f t="shared" si="100"/>
        <v>4.299739391135402</v>
      </c>
      <c r="K445" s="237">
        <f t="shared" si="96"/>
        <v>57.770947140187026</v>
      </c>
      <c r="L445" s="237">
        <f t="shared" si="101"/>
        <v>17.401045315924971</v>
      </c>
      <c r="M445" s="236">
        <f t="shared" si="97"/>
        <v>6.7173581091038947</v>
      </c>
      <c r="N445" s="236">
        <f t="shared" si="98"/>
        <v>3.764253274664648</v>
      </c>
      <c r="O445" s="236">
        <f t="shared" si="102"/>
        <v>3.1951310216052065</v>
      </c>
      <c r="P445" s="236" t="str">
        <f t="shared" si="103"/>
        <v>CLAY</v>
      </c>
      <c r="Q445" s="236">
        <f t="shared" si="99"/>
        <v>9.740754404984413</v>
      </c>
      <c r="R445" s="238">
        <v>35</v>
      </c>
      <c r="S445" s="236">
        <f t="shared" si="104"/>
        <v>2.7035732183335006</v>
      </c>
      <c r="T445" s="236" t="e">
        <f t="shared" si="90"/>
        <v>#N/A</v>
      </c>
    </row>
    <row r="446" spans="1:20" x14ac:dyDescent="0.2">
      <c r="A446" s="53">
        <f t="shared" si="91"/>
        <v>434</v>
      </c>
      <c r="B446" s="239">
        <v>4.056</v>
      </c>
      <c r="C446" s="3">
        <f t="shared" si="92"/>
        <v>4.0490000000000004</v>
      </c>
      <c r="D446" s="239">
        <v>0.158</v>
      </c>
      <c r="E446" s="239">
        <v>4.3E-3</v>
      </c>
      <c r="F446" s="239">
        <v>8.9700000000000002E-2</v>
      </c>
      <c r="G446">
        <f t="shared" si="93"/>
        <v>0.17593999999999999</v>
      </c>
      <c r="H446" s="235">
        <f t="shared" si="94"/>
        <v>2.4440150051153804</v>
      </c>
      <c r="I446" s="236">
        <f t="shared" si="95"/>
        <v>14.275636013318657</v>
      </c>
      <c r="J446" s="237">
        <f t="shared" si="100"/>
        <v>4.2756360133186568</v>
      </c>
      <c r="K446" s="237">
        <f t="shared" si="96"/>
        <v>57.802050217927246</v>
      </c>
      <c r="L446" s="237">
        <f t="shared" si="101"/>
        <v>17.341979670020471</v>
      </c>
      <c r="M446" s="236">
        <f t="shared" si="97"/>
        <v>6.8122528125379409</v>
      </c>
      <c r="N446" s="236">
        <f t="shared" si="98"/>
        <v>3.6398126156177111</v>
      </c>
      <c r="O446" s="236">
        <f t="shared" si="102"/>
        <v>3.1818985102192672</v>
      </c>
      <c r="P446" s="236" t="str">
        <f t="shared" si="103"/>
        <v>CLAY</v>
      </c>
      <c r="Q446" s="236">
        <f t="shared" si="99"/>
        <v>9.8448291485060633</v>
      </c>
      <c r="R446" s="238">
        <v>35</v>
      </c>
      <c r="S446" s="236">
        <f t="shared" si="104"/>
        <v>2.7513982377331576</v>
      </c>
      <c r="T446" s="236" t="e">
        <f t="shared" si="90"/>
        <v>#N/A</v>
      </c>
    </row>
    <row r="447" spans="1:20" x14ac:dyDescent="0.2">
      <c r="A447" s="53">
        <f t="shared" si="91"/>
        <v>435</v>
      </c>
      <c r="B447" s="239">
        <v>4.0659999999999998</v>
      </c>
      <c r="C447" s="3">
        <f t="shared" si="92"/>
        <v>4.0590000000000002</v>
      </c>
      <c r="D447" s="239">
        <v>0.15870000000000001</v>
      </c>
      <c r="E447" s="239">
        <v>4.1999999999999997E-3</v>
      </c>
      <c r="F447" s="239">
        <v>8.8400000000000006E-2</v>
      </c>
      <c r="G447">
        <f t="shared" si="93"/>
        <v>0.17638000000000001</v>
      </c>
      <c r="H447" s="235">
        <f t="shared" si="94"/>
        <v>2.3812223608118832</v>
      </c>
      <c r="I447" s="236">
        <f t="shared" si="95"/>
        <v>14.249020542897156</v>
      </c>
      <c r="J447" s="237">
        <f t="shared" si="100"/>
        <v>4.2490205428971564</v>
      </c>
      <c r="K447" s="237">
        <f t="shared" si="96"/>
        <v>57.836774383619563</v>
      </c>
      <c r="L447" s="237">
        <f t="shared" si="101"/>
        <v>17.276517527419838</v>
      </c>
      <c r="M447" s="236">
        <f t="shared" si="97"/>
        <v>6.8615231876585412</v>
      </c>
      <c r="N447" s="236">
        <f t="shared" si="98"/>
        <v>3.5430114020953716</v>
      </c>
      <c r="O447" s="236">
        <f t="shared" si="102"/>
        <v>3.1727622062470031</v>
      </c>
      <c r="P447" s="236" t="str">
        <f t="shared" si="103"/>
        <v>CLAY</v>
      </c>
      <c r="Q447" s="236">
        <f t="shared" si="99"/>
        <v>9.8786021346983688</v>
      </c>
      <c r="R447" s="238">
        <v>35</v>
      </c>
      <c r="S447" s="236">
        <f t="shared" si="104"/>
        <v>2.7762954275637424</v>
      </c>
      <c r="T447" s="236" t="e">
        <f t="shared" si="90"/>
        <v>#N/A</v>
      </c>
    </row>
    <row r="448" spans="1:20" x14ac:dyDescent="0.2">
      <c r="A448" s="53">
        <f t="shared" si="91"/>
        <v>436</v>
      </c>
      <c r="B448" s="239">
        <v>4.077</v>
      </c>
      <c r="C448" s="3">
        <f t="shared" si="92"/>
        <v>4.07</v>
      </c>
      <c r="D448" s="239">
        <v>0.1608</v>
      </c>
      <c r="E448" s="239">
        <v>4.3E-3</v>
      </c>
      <c r="F448" s="239">
        <v>8.9399999999999993E-2</v>
      </c>
      <c r="G448">
        <f t="shared" si="93"/>
        <v>0.17868000000000001</v>
      </c>
      <c r="H448" s="235">
        <f t="shared" si="94"/>
        <v>2.4065368256100292</v>
      </c>
      <c r="I448" s="236">
        <f t="shared" si="95"/>
        <v>14.281676233867191</v>
      </c>
      <c r="J448" s="237">
        <f t="shared" si="100"/>
        <v>4.2816762338671914</v>
      </c>
      <c r="K448" s="237">
        <f t="shared" si="96"/>
        <v>58.126422271839473</v>
      </c>
      <c r="L448" s="237">
        <f t="shared" si="101"/>
        <v>17.45639400547654</v>
      </c>
      <c r="M448" s="236">
        <f t="shared" si="97"/>
        <v>6.905984001640868</v>
      </c>
      <c r="N448" s="236">
        <f t="shared" si="98"/>
        <v>3.5668787945026272</v>
      </c>
      <c r="O448" s="236">
        <f t="shared" si="102"/>
        <v>3.1720624386539598</v>
      </c>
      <c r="P448" s="236" t="str">
        <f t="shared" si="103"/>
        <v>CLAY</v>
      </c>
      <c r="Q448" s="236">
        <f t="shared" si="99"/>
        <v>10.046131477346711</v>
      </c>
      <c r="R448" s="238">
        <v>35</v>
      </c>
      <c r="S448" s="236">
        <f t="shared" si="104"/>
        <v>2.7988006660066316</v>
      </c>
      <c r="T448" s="236" t="e">
        <f t="shared" si="90"/>
        <v>#N/A</v>
      </c>
    </row>
    <row r="449" spans="1:20" x14ac:dyDescent="0.2">
      <c r="A449" s="53">
        <f t="shared" si="91"/>
        <v>437</v>
      </c>
      <c r="B449" s="239">
        <v>4.0869999999999997</v>
      </c>
      <c r="C449" s="3">
        <f t="shared" si="92"/>
        <v>4.08</v>
      </c>
      <c r="D449" s="239">
        <v>0.16259999999999999</v>
      </c>
      <c r="E449" s="239">
        <v>4.3E-3</v>
      </c>
      <c r="F449" s="239">
        <v>8.8300000000000003E-2</v>
      </c>
      <c r="G449">
        <f t="shared" si="93"/>
        <v>0.18025999999999998</v>
      </c>
      <c r="H449" s="235">
        <f t="shared" si="94"/>
        <v>2.3854432486408523</v>
      </c>
      <c r="I449" s="236">
        <f t="shared" si="95"/>
        <v>14.285117314504783</v>
      </c>
      <c r="J449" s="237">
        <f t="shared" si="100"/>
        <v>4.2851173145047827</v>
      </c>
      <c r="K449" s="237">
        <f t="shared" si="96"/>
        <v>58.283278643179514</v>
      </c>
      <c r="L449" s="237">
        <f t="shared" si="101"/>
        <v>17.513274464381045</v>
      </c>
      <c r="M449" s="236">
        <f t="shared" si="97"/>
        <v>6.9648152665510894</v>
      </c>
      <c r="N449" s="236">
        <f t="shared" si="98"/>
        <v>3.5252628142226752</v>
      </c>
      <c r="O449" s="236">
        <f t="shared" si="102"/>
        <v>3.1661600966860526</v>
      </c>
      <c r="P449" s="236" t="str">
        <f t="shared" si="103"/>
        <v>CLAY</v>
      </c>
      <c r="Q449" s="236">
        <f t="shared" si="99"/>
        <v>10.164726779735037</v>
      </c>
      <c r="R449" s="238">
        <v>35</v>
      </c>
      <c r="S449" s="236">
        <f t="shared" si="104"/>
        <v>2.8286356518724176</v>
      </c>
      <c r="T449" s="236" t="e">
        <f t="shared" si="90"/>
        <v>#N/A</v>
      </c>
    </row>
    <row r="450" spans="1:20" x14ac:dyDescent="0.2">
      <c r="A450" s="53">
        <f t="shared" si="91"/>
        <v>438</v>
      </c>
      <c r="B450" s="239">
        <v>4.0970000000000004</v>
      </c>
      <c r="C450" s="3">
        <f t="shared" si="92"/>
        <v>4.0900000000000007</v>
      </c>
      <c r="D450" s="239">
        <v>0.1643</v>
      </c>
      <c r="E450" s="239">
        <v>4.3E-3</v>
      </c>
      <c r="F450" s="239">
        <v>8.7999999999999995E-2</v>
      </c>
      <c r="G450">
        <f t="shared" si="93"/>
        <v>0.18190000000000001</v>
      </c>
      <c r="H450" s="235">
        <f t="shared" si="94"/>
        <v>2.363936228697086</v>
      </c>
      <c r="I450" s="236">
        <f t="shared" si="95"/>
        <v>14.288657313604505</v>
      </c>
      <c r="J450" s="237">
        <f t="shared" si="100"/>
        <v>4.2886573136045048</v>
      </c>
      <c r="K450" s="237">
        <f t="shared" si="96"/>
        <v>58.440608412642433</v>
      </c>
      <c r="L450" s="237">
        <f t="shared" si="101"/>
        <v>17.570629013837657</v>
      </c>
      <c r="M450" s="236">
        <f t="shared" si="97"/>
        <v>7.0264639638186983</v>
      </c>
      <c r="N450" s="236">
        <f t="shared" si="98"/>
        <v>3.4829266082664923</v>
      </c>
      <c r="O450" s="236">
        <f t="shared" si="102"/>
        <v>3.1600565647389911</v>
      </c>
      <c r="P450" s="236" t="str">
        <f t="shared" si="103"/>
        <v>CLAY</v>
      </c>
      <c r="Q450" s="236">
        <f t="shared" si="99"/>
        <v>10.288282632279797</v>
      </c>
      <c r="R450" s="238">
        <v>35</v>
      </c>
      <c r="S450" s="236">
        <f t="shared" si="104"/>
        <v>2.859967103660324</v>
      </c>
      <c r="T450" s="236" t="e">
        <f t="shared" si="90"/>
        <v>#N/A</v>
      </c>
    </row>
    <row r="451" spans="1:20" x14ac:dyDescent="0.2">
      <c r="A451" s="53">
        <f t="shared" si="91"/>
        <v>439</v>
      </c>
      <c r="B451" s="239">
        <v>4.1059999999999999</v>
      </c>
      <c r="C451" s="3">
        <f t="shared" si="92"/>
        <v>4.0990000000000002</v>
      </c>
      <c r="D451" s="239">
        <v>0.16639999999999999</v>
      </c>
      <c r="E451" s="239">
        <v>4.3E-3</v>
      </c>
      <c r="F451" s="239">
        <v>8.9300000000000004E-2</v>
      </c>
      <c r="G451">
        <f t="shared" si="93"/>
        <v>0.18425999999999998</v>
      </c>
      <c r="H451" s="235">
        <f t="shared" si="94"/>
        <v>2.3336589601649846</v>
      </c>
      <c r="I451" s="236">
        <f t="shared" si="95"/>
        <v>14.293695844591412</v>
      </c>
      <c r="J451" s="237">
        <f t="shared" si="100"/>
        <v>4.2936958445914115</v>
      </c>
      <c r="K451" s="237">
        <f t="shared" si="96"/>
        <v>58.589859266980199</v>
      </c>
      <c r="L451" s="237">
        <f t="shared" si="101"/>
        <v>17.629915137892336</v>
      </c>
      <c r="M451" s="236">
        <f t="shared" si="97"/>
        <v>7.1282328786095173</v>
      </c>
      <c r="N451" s="236">
        <f t="shared" si="98"/>
        <v>3.4216560711387638</v>
      </c>
      <c r="O451" s="236">
        <f t="shared" si="102"/>
        <v>3.1505759836324692</v>
      </c>
      <c r="P451" s="236" t="str">
        <f t="shared" si="103"/>
        <v>CLAY</v>
      </c>
      <c r="Q451" s="236">
        <f t="shared" si="99"/>
        <v>10.47251172775165</v>
      </c>
      <c r="R451" s="238">
        <v>35</v>
      </c>
      <c r="S451" s="236">
        <f t="shared" si="104"/>
        <v>2.9118389979045398</v>
      </c>
      <c r="T451" s="236" t="e">
        <f t="shared" si="90"/>
        <v>#N/A</v>
      </c>
    </row>
    <row r="452" spans="1:20" x14ac:dyDescent="0.2">
      <c r="A452" s="53">
        <f t="shared" si="91"/>
        <v>440</v>
      </c>
      <c r="B452" s="239">
        <v>4.1159999999999997</v>
      </c>
      <c r="C452" s="3">
        <f t="shared" si="92"/>
        <v>4.109</v>
      </c>
      <c r="D452" s="239">
        <v>0.16850000000000001</v>
      </c>
      <c r="E452" s="239">
        <v>4.4999999999999997E-3</v>
      </c>
      <c r="F452" s="239">
        <v>9.1399999999999995E-2</v>
      </c>
      <c r="G452">
        <f t="shared" si="93"/>
        <v>0.18678</v>
      </c>
      <c r="H452" s="235">
        <f t="shared" si="94"/>
        <v>2.4092515258592995</v>
      </c>
      <c r="I452" s="236">
        <f t="shared" si="95"/>
        <v>14.352314175535456</v>
      </c>
      <c r="J452" s="237">
        <f t="shared" si="100"/>
        <v>4.3523141755354562</v>
      </c>
      <c r="K452" s="237">
        <f t="shared" si="96"/>
        <v>58.97365894727519</v>
      </c>
      <c r="L452" s="237">
        <f t="shared" si="101"/>
        <v>17.914125146503935</v>
      </c>
      <c r="M452" s="236">
        <f t="shared" si="97"/>
        <v>7.1343892044690271</v>
      </c>
      <c r="N452" s="236">
        <f t="shared" si="98"/>
        <v>3.5209520614815073</v>
      </c>
      <c r="O452" s="236">
        <f t="shared" si="102"/>
        <v>3.1571996451062687</v>
      </c>
      <c r="P452" s="236" t="str">
        <f t="shared" si="103"/>
        <v>CLAY</v>
      </c>
      <c r="Q452" s="236">
        <f t="shared" si="99"/>
        <v>10.6505284210604</v>
      </c>
      <c r="R452" s="238">
        <v>35</v>
      </c>
      <c r="S452" s="236">
        <f t="shared" si="104"/>
        <v>2.9149828634435773</v>
      </c>
      <c r="T452" s="236" t="e">
        <f t="shared" si="90"/>
        <v>#N/A</v>
      </c>
    </row>
    <row r="453" spans="1:20" x14ac:dyDescent="0.2">
      <c r="A453" s="53">
        <f t="shared" si="91"/>
        <v>441</v>
      </c>
      <c r="B453" s="239">
        <v>4.1269999999999998</v>
      </c>
      <c r="C453" s="3">
        <f t="shared" si="92"/>
        <v>4.12</v>
      </c>
      <c r="D453" s="239">
        <v>0.17180000000000001</v>
      </c>
      <c r="E453" s="239">
        <v>4.5999999999999999E-3</v>
      </c>
      <c r="F453" s="239">
        <v>9.35E-2</v>
      </c>
      <c r="G453">
        <f t="shared" si="93"/>
        <v>0.1905</v>
      </c>
      <c r="H453" s="235">
        <f t="shared" si="94"/>
        <v>2.4146981627296586</v>
      </c>
      <c r="I453" s="236">
        <f t="shared" si="95"/>
        <v>14.385794681933211</v>
      </c>
      <c r="J453" s="237">
        <f t="shared" si="100"/>
        <v>4.385794681933211</v>
      </c>
      <c r="K453" s="237">
        <f t="shared" si="96"/>
        <v>59.269474089564831</v>
      </c>
      <c r="L453" s="237">
        <f t="shared" si="101"/>
        <v>18.10017465233836</v>
      </c>
      <c r="M453" s="236">
        <f t="shared" si="97"/>
        <v>7.2502353392198629</v>
      </c>
      <c r="N453" s="236">
        <f t="shared" si="98"/>
        <v>3.5052819975281508</v>
      </c>
      <c r="O453" s="236">
        <f t="shared" si="102"/>
        <v>3.1503189165857206</v>
      </c>
      <c r="P453" s="236" t="str">
        <f t="shared" si="103"/>
        <v>CLAY</v>
      </c>
      <c r="Q453" s="236">
        <f t="shared" si="99"/>
        <v>10.935877159202931</v>
      </c>
      <c r="R453" s="238">
        <v>35</v>
      </c>
      <c r="S453" s="236">
        <f t="shared" si="104"/>
        <v>2.9742682728305252</v>
      </c>
      <c r="T453" s="236" t="e">
        <f t="shared" si="90"/>
        <v>#N/A</v>
      </c>
    </row>
    <row r="454" spans="1:20" x14ac:dyDescent="0.2">
      <c r="A454" s="53">
        <f t="shared" si="91"/>
        <v>442</v>
      </c>
      <c r="B454" s="239">
        <v>4.1369999999999996</v>
      </c>
      <c r="C454" s="3">
        <f t="shared" si="92"/>
        <v>4.13</v>
      </c>
      <c r="D454" s="239">
        <v>0.17630000000000001</v>
      </c>
      <c r="E454" s="239">
        <v>4.4999999999999997E-3</v>
      </c>
      <c r="F454" s="239">
        <v>8.8599999999999998E-2</v>
      </c>
      <c r="G454">
        <f t="shared" si="93"/>
        <v>0.19402</v>
      </c>
      <c r="H454" s="235">
        <f t="shared" si="94"/>
        <v>2.3193485207710545</v>
      </c>
      <c r="I454" s="236">
        <f t="shared" si="95"/>
        <v>14.367178691800479</v>
      </c>
      <c r="J454" s="237">
        <f t="shared" si="100"/>
        <v>4.3671786918004791</v>
      </c>
      <c r="K454" s="237">
        <f t="shared" si="96"/>
        <v>59.336447997135977</v>
      </c>
      <c r="L454" s="237">
        <f t="shared" si="101"/>
        <v>18.067018247978581</v>
      </c>
      <c r="M454" s="236">
        <f t="shared" si="97"/>
        <v>7.45466408204536</v>
      </c>
      <c r="N454" s="236">
        <f t="shared" si="98"/>
        <v>3.341165222539058</v>
      </c>
      <c r="O454" s="236">
        <f t="shared" si="102"/>
        <v>3.1286674410066504</v>
      </c>
      <c r="P454" s="236" t="str">
        <f t="shared" si="103"/>
        <v>CLAY</v>
      </c>
      <c r="Q454" s="236">
        <f t="shared" si="99"/>
        <v>11.223629333572001</v>
      </c>
      <c r="R454" s="238">
        <v>35</v>
      </c>
      <c r="S454" s="236">
        <f t="shared" si="104"/>
        <v>3.0794638236803578</v>
      </c>
      <c r="T454" s="236" t="e">
        <f t="shared" si="90"/>
        <v>#N/A</v>
      </c>
    </row>
    <row r="455" spans="1:20" x14ac:dyDescent="0.2">
      <c r="A455" s="53">
        <f t="shared" si="91"/>
        <v>443</v>
      </c>
      <c r="B455" s="239">
        <v>4.1470000000000002</v>
      </c>
      <c r="C455" s="3">
        <f t="shared" si="92"/>
        <v>4.1400000000000006</v>
      </c>
      <c r="D455" s="239">
        <v>0.17849999999999999</v>
      </c>
      <c r="E455" s="239">
        <v>4.1999999999999997E-3</v>
      </c>
      <c r="F455" s="239">
        <v>8.0199999999999994E-2</v>
      </c>
      <c r="G455">
        <f t="shared" si="93"/>
        <v>0.19453999999999999</v>
      </c>
      <c r="H455" s="235">
        <f t="shared" si="94"/>
        <v>2.1589390356738973</v>
      </c>
      <c r="I455" s="236">
        <f t="shared" si="95"/>
        <v>14.287324158842335</v>
      </c>
      <c r="J455" s="237">
        <f t="shared" si="100"/>
        <v>4.2873241588423348</v>
      </c>
      <c r="K455" s="237">
        <f t="shared" si="96"/>
        <v>59.149522017607275</v>
      </c>
      <c r="L455" s="237">
        <f t="shared" si="101"/>
        <v>17.779533286719165</v>
      </c>
      <c r="M455" s="236">
        <f t="shared" si="97"/>
        <v>7.614962428936523</v>
      </c>
      <c r="N455" s="236">
        <f t="shared" si="98"/>
        <v>3.1021383945082182</v>
      </c>
      <c r="O455" s="236">
        <f t="shared" si="102"/>
        <v>3.1031029174483171</v>
      </c>
      <c r="P455" s="236" t="str">
        <f t="shared" si="103"/>
        <v>CLAY</v>
      </c>
      <c r="Q455" s="236">
        <f t="shared" si="99"/>
        <v>11.28253983186606</v>
      </c>
      <c r="R455" s="238">
        <v>35</v>
      </c>
      <c r="S455" s="236">
        <f t="shared" si="104"/>
        <v>3.1624576242582472</v>
      </c>
      <c r="T455" s="236" t="e">
        <f t="shared" si="90"/>
        <v>#N/A</v>
      </c>
    </row>
    <row r="456" spans="1:20" x14ac:dyDescent="0.2">
      <c r="A456" s="53">
        <f t="shared" si="91"/>
        <v>444</v>
      </c>
      <c r="B456" s="239">
        <v>4.1580000000000004</v>
      </c>
      <c r="C456" s="3">
        <f t="shared" si="92"/>
        <v>4.1510000000000007</v>
      </c>
      <c r="D456" s="239">
        <v>0.17749999999999999</v>
      </c>
      <c r="E456" s="239">
        <v>4.0000000000000001E-3</v>
      </c>
      <c r="F456" s="239">
        <v>7.46E-2</v>
      </c>
      <c r="G456">
        <f t="shared" si="93"/>
        <v>0.19241999999999998</v>
      </c>
      <c r="H456" s="235">
        <f t="shared" si="94"/>
        <v>2.0787859889824345</v>
      </c>
      <c r="I456" s="236">
        <f t="shared" si="95"/>
        <v>14.225830220248861</v>
      </c>
      <c r="J456" s="237">
        <f t="shared" si="100"/>
        <v>4.2258302202488611</v>
      </c>
      <c r="K456" s="237">
        <f t="shared" si="96"/>
        <v>59.051421244253035</v>
      </c>
      <c r="L456" s="237">
        <f t="shared" si="101"/>
        <v>17.571002055794764</v>
      </c>
      <c r="M456" s="236">
        <f t="shared" si="97"/>
        <v>7.5902659582105709</v>
      </c>
      <c r="N456" s="236">
        <f t="shared" si="98"/>
        <v>2.9992071875682611</v>
      </c>
      <c r="O456" s="236">
        <f t="shared" si="102"/>
        <v>3.0962234726272988</v>
      </c>
      <c r="P456" s="236" t="str">
        <f t="shared" si="103"/>
        <v>CLAY</v>
      </c>
      <c r="Q456" s="236">
        <f t="shared" si="99"/>
        <v>11.114048229645581</v>
      </c>
      <c r="R456" s="238">
        <v>35</v>
      </c>
      <c r="S456" s="236">
        <f t="shared" si="104"/>
        <v>3.1496424174734674</v>
      </c>
      <c r="T456" s="236" t="e">
        <f t="shared" si="90"/>
        <v>#N/A</v>
      </c>
    </row>
    <row r="457" spans="1:20" x14ac:dyDescent="0.2">
      <c r="A457" s="53">
        <f t="shared" si="91"/>
        <v>445</v>
      </c>
      <c r="B457" s="239">
        <v>4.1669999999999998</v>
      </c>
      <c r="C457" s="3">
        <f t="shared" si="92"/>
        <v>4.16</v>
      </c>
      <c r="D457" s="239">
        <v>0.1772</v>
      </c>
      <c r="E457" s="239">
        <v>3.8E-3</v>
      </c>
      <c r="F457" s="239">
        <v>6.7699999999999996E-2</v>
      </c>
      <c r="G457">
        <f t="shared" si="93"/>
        <v>0.19073999999999999</v>
      </c>
      <c r="H457" s="235">
        <f t="shared" si="94"/>
        <v>1.9922407465660061</v>
      </c>
      <c r="I457" s="236">
        <f t="shared" si="95"/>
        <v>14.162256365716448</v>
      </c>
      <c r="J457" s="237">
        <f t="shared" si="100"/>
        <v>4.1622563657164484</v>
      </c>
      <c r="K457" s="237">
        <f t="shared" si="96"/>
        <v>58.914986481380424</v>
      </c>
      <c r="L457" s="237">
        <f t="shared" si="101"/>
        <v>17.344122275940439</v>
      </c>
      <c r="M457" s="236">
        <f t="shared" si="97"/>
        <v>7.6005583575414279</v>
      </c>
      <c r="N457" s="236">
        <f t="shared" si="98"/>
        <v>2.8826092245864028</v>
      </c>
      <c r="O457" s="236">
        <f t="shared" si="102"/>
        <v>3.0863248817687703</v>
      </c>
      <c r="P457" s="236" t="str">
        <f t="shared" si="103"/>
        <v>CLAY</v>
      </c>
      <c r="Q457" s="236">
        <f t="shared" si="99"/>
        <v>10.985417793218296</v>
      </c>
      <c r="R457" s="238">
        <v>35</v>
      </c>
      <c r="S457" s="236">
        <f t="shared" si="104"/>
        <v>3.1549819652857116</v>
      </c>
      <c r="T457" s="236" t="e">
        <f t="shared" si="90"/>
        <v>#N/A</v>
      </c>
    </row>
    <row r="458" spans="1:20" x14ac:dyDescent="0.2">
      <c r="A458" s="53">
        <f t="shared" si="91"/>
        <v>446</v>
      </c>
      <c r="B458" s="239">
        <v>4.1779999999999999</v>
      </c>
      <c r="C458" s="3">
        <f t="shared" si="92"/>
        <v>4.1710000000000003</v>
      </c>
      <c r="D458" s="239">
        <v>0.1706</v>
      </c>
      <c r="E458" s="239">
        <v>3.8999999999999998E-3</v>
      </c>
      <c r="F458" s="239">
        <v>6.7199999999999996E-2</v>
      </c>
      <c r="G458">
        <f t="shared" si="93"/>
        <v>0.18404000000000001</v>
      </c>
      <c r="H458" s="235">
        <f t="shared" si="94"/>
        <v>2.1191045424907626</v>
      </c>
      <c r="I458" s="236">
        <f t="shared" si="95"/>
        <v>14.178738495487517</v>
      </c>
      <c r="J458" s="237">
        <f t="shared" si="100"/>
        <v>4.1787384954875169</v>
      </c>
      <c r="K458" s="237">
        <f t="shared" si="96"/>
        <v>59.139518264678436</v>
      </c>
      <c r="L458" s="237">
        <f t="shared" si="101"/>
        <v>17.458769434146845</v>
      </c>
      <c r="M458" s="236">
        <f t="shared" si="97"/>
        <v>7.1540255002757638</v>
      </c>
      <c r="N458" s="236">
        <f t="shared" si="98"/>
        <v>3.12248595506985</v>
      </c>
      <c r="O458" s="236">
        <f t="shared" si="102"/>
        <v>3.1273132420823737</v>
      </c>
      <c r="P458" s="236" t="str">
        <f t="shared" si="103"/>
        <v>CLAY</v>
      </c>
      <c r="Q458" s="236">
        <f t="shared" si="99"/>
        <v>10.408373477943465</v>
      </c>
      <c r="R458" s="238">
        <v>35</v>
      </c>
      <c r="S458" s="236">
        <f t="shared" si="104"/>
        <v>2.9250151071723436</v>
      </c>
      <c r="T458" s="236" t="e">
        <f t="shared" si="90"/>
        <v>#N/A</v>
      </c>
    </row>
    <row r="459" spans="1:20" x14ac:dyDescent="0.2">
      <c r="A459" s="53">
        <f t="shared" si="91"/>
        <v>447</v>
      </c>
      <c r="B459" s="239">
        <v>4.1870000000000003</v>
      </c>
      <c r="C459" s="3">
        <f t="shared" si="92"/>
        <v>4.1800000000000006</v>
      </c>
      <c r="D459" s="239">
        <v>0.1636</v>
      </c>
      <c r="E459" s="239">
        <v>4.0000000000000001E-3</v>
      </c>
      <c r="F459" s="239">
        <v>6.59E-2</v>
      </c>
      <c r="G459">
        <f t="shared" si="93"/>
        <v>0.17677999999999999</v>
      </c>
      <c r="H459" s="235">
        <f t="shared" si="94"/>
        <v>2.2626994003846592</v>
      </c>
      <c r="I459" s="236">
        <f t="shared" si="95"/>
        <v>14.192694847574717</v>
      </c>
      <c r="J459" s="237">
        <f t="shared" si="100"/>
        <v>4.1926948475747174</v>
      </c>
      <c r="K459" s="237">
        <f t="shared" si="96"/>
        <v>59.325464462862328</v>
      </c>
      <c r="L459" s="237">
        <f t="shared" si="101"/>
        <v>17.554813326795344</v>
      </c>
      <c r="M459" s="236">
        <f t="shared" si="97"/>
        <v>6.6907311032386332</v>
      </c>
      <c r="N459" s="236">
        <f t="shared" si="98"/>
        <v>3.4055730429713797</v>
      </c>
      <c r="O459" s="236">
        <f t="shared" si="102"/>
        <v>3.1723320288889987</v>
      </c>
      <c r="P459" s="236" t="str">
        <f t="shared" si="103"/>
        <v>CLAY</v>
      </c>
      <c r="Q459" s="236">
        <f t="shared" si="99"/>
        <v>9.7878779614281388</v>
      </c>
      <c r="R459" s="238">
        <v>35</v>
      </c>
      <c r="S459" s="236">
        <f t="shared" si="104"/>
        <v>2.6901839598470367</v>
      </c>
      <c r="T459" s="236" t="e">
        <f t="shared" si="90"/>
        <v>#N/A</v>
      </c>
    </row>
    <row r="460" spans="1:20" x14ac:dyDescent="0.2">
      <c r="A460" s="53">
        <f t="shared" si="91"/>
        <v>448</v>
      </c>
      <c r="B460" s="239">
        <v>4.1980000000000004</v>
      </c>
      <c r="C460" s="3">
        <f t="shared" si="92"/>
        <v>4.1910000000000007</v>
      </c>
      <c r="D460" s="239">
        <v>0.15709999999999999</v>
      </c>
      <c r="E460" s="239">
        <v>4.1999999999999997E-3</v>
      </c>
      <c r="F460" s="239">
        <v>6.6500000000000004E-2</v>
      </c>
      <c r="G460">
        <f t="shared" si="93"/>
        <v>0.1704</v>
      </c>
      <c r="H460" s="235">
        <f t="shared" si="94"/>
        <v>2.464788732394366</v>
      </c>
      <c r="I460" s="236">
        <f t="shared" si="95"/>
        <v>14.235538769844432</v>
      </c>
      <c r="J460" s="237">
        <f t="shared" si="100"/>
        <v>4.2355387698444318</v>
      </c>
      <c r="K460" s="237">
        <f t="shared" si="96"/>
        <v>59.661142984418021</v>
      </c>
      <c r="L460" s="237">
        <f t="shared" si="101"/>
        <v>17.780791755806927</v>
      </c>
      <c r="M460" s="236">
        <f t="shared" si="97"/>
        <v>6.2280048344538095</v>
      </c>
      <c r="N460" s="236">
        <f t="shared" si="98"/>
        <v>3.7927066552700839</v>
      </c>
      <c r="O460" s="236">
        <f t="shared" si="102"/>
        <v>3.2241785011055275</v>
      </c>
      <c r="P460" s="236" t="str">
        <f t="shared" si="103"/>
        <v>CLAY</v>
      </c>
      <c r="Q460" s="236">
        <f t="shared" si="99"/>
        <v>9.2282380846318315</v>
      </c>
      <c r="R460" s="238">
        <v>35</v>
      </c>
      <c r="S460" s="236">
        <f t="shared" si="104"/>
        <v>2.459666266337607</v>
      </c>
      <c r="T460" s="236" t="e">
        <f t="shared" si="90"/>
        <v>#N/A</v>
      </c>
    </row>
    <row r="461" spans="1:20" x14ac:dyDescent="0.2">
      <c r="A461" s="53">
        <f t="shared" si="91"/>
        <v>449</v>
      </c>
      <c r="B461" s="239">
        <v>4.2069999999999999</v>
      </c>
      <c r="C461" s="3">
        <f t="shared" si="92"/>
        <v>4.2</v>
      </c>
      <c r="D461" s="239">
        <v>0.1537</v>
      </c>
      <c r="E461" s="239">
        <v>4.4000000000000003E-3</v>
      </c>
      <c r="F461" s="239">
        <v>6.6900000000000001E-2</v>
      </c>
      <c r="G461">
        <f t="shared" si="93"/>
        <v>0.16708000000000001</v>
      </c>
      <c r="H461" s="235">
        <f t="shared" si="94"/>
        <v>2.6334689968877183</v>
      </c>
      <c r="I461" s="236">
        <f t="shared" si="95"/>
        <v>14.282397300828968</v>
      </c>
      <c r="J461" s="237">
        <f t="shared" si="100"/>
        <v>4.2823973008289684</v>
      </c>
      <c r="K461" s="237">
        <f t="shared" si="96"/>
        <v>59.986068663481667</v>
      </c>
      <c r="L461" s="237">
        <f t="shared" si="101"/>
        <v>18.016045444587469</v>
      </c>
      <c r="M461" s="236">
        <f t="shared" si="97"/>
        <v>5.9443639652170397</v>
      </c>
      <c r="N461" s="236">
        <f t="shared" si="98"/>
        <v>4.108542795178562</v>
      </c>
      <c r="O461" s="236">
        <f t="shared" si="102"/>
        <v>3.2604077560839388</v>
      </c>
      <c r="P461" s="236" t="str">
        <f t="shared" si="103"/>
        <v>CLAY</v>
      </c>
      <c r="Q461" s="236">
        <f t="shared" si="99"/>
        <v>8.9244942780431966</v>
      </c>
      <c r="R461" s="238">
        <v>35</v>
      </c>
      <c r="S461" s="236">
        <f t="shared" si="104"/>
        <v>2.3204475145304913</v>
      </c>
      <c r="T461" s="236" t="e">
        <f t="shared" ref="T461:T524" si="105">IF(P461="SAND",17.6+(11*LOG(M461)),#N/A)</f>
        <v>#N/A</v>
      </c>
    </row>
    <row r="462" spans="1:20" x14ac:dyDescent="0.2">
      <c r="A462" s="53">
        <f t="shared" ref="A462:A525" si="106">$A461+1</f>
        <v>450</v>
      </c>
      <c r="B462" s="239">
        <v>4.218</v>
      </c>
      <c r="C462" s="3">
        <f t="shared" ref="C462:C525" si="107">MAX($B462 - $B$13, 0.001)</f>
        <v>4.2110000000000003</v>
      </c>
      <c r="D462" s="239">
        <v>0.14849999999999999</v>
      </c>
      <c r="E462" s="239">
        <v>4.5999999999999999E-3</v>
      </c>
      <c r="F462" s="239">
        <v>6.9699999999999998E-2</v>
      </c>
      <c r="G462">
        <f t="shared" si="93"/>
        <v>0.16244</v>
      </c>
      <c r="H462" s="235">
        <f t="shared" si="94"/>
        <v>2.8318148239349914</v>
      </c>
      <c r="I462" s="236">
        <f t="shared" si="95"/>
        <v>14.323512882658935</v>
      </c>
      <c r="J462" s="237">
        <f t="shared" si="100"/>
        <v>4.3235128826589353</v>
      </c>
      <c r="K462" s="237">
        <f t="shared" si="96"/>
        <v>60.316312748876783</v>
      </c>
      <c r="L462" s="237">
        <f t="shared" si="101"/>
        <v>18.23657733905539</v>
      </c>
      <c r="M462" s="236">
        <f t="shared" si="97"/>
        <v>5.5999371676183713</v>
      </c>
      <c r="N462" s="236">
        <f t="shared" si="98"/>
        <v>4.5043418660438217</v>
      </c>
      <c r="O462" s="236">
        <f t="shared" si="102"/>
        <v>3.3043579343459593</v>
      </c>
      <c r="P462" s="236" t="str">
        <f t="shared" si="103"/>
        <v>CLAY</v>
      </c>
      <c r="Q462" s="236">
        <f t="shared" si="99"/>
        <v>8.5103072709269352</v>
      </c>
      <c r="R462" s="238">
        <v>35</v>
      </c>
      <c r="S462" s="236">
        <f t="shared" si="104"/>
        <v>2.1536193834011104</v>
      </c>
      <c r="T462" s="236" t="e">
        <f t="shared" si="105"/>
        <v>#N/A</v>
      </c>
    </row>
    <row r="463" spans="1:20" x14ac:dyDescent="0.2">
      <c r="A463" s="53">
        <f t="shared" si="106"/>
        <v>451</v>
      </c>
      <c r="B463" s="239">
        <v>4.2270000000000003</v>
      </c>
      <c r="C463" s="3">
        <f t="shared" si="107"/>
        <v>4.2200000000000006</v>
      </c>
      <c r="D463" s="239">
        <v>0.1409</v>
      </c>
      <c r="E463" s="239">
        <v>4.7000000000000002E-3</v>
      </c>
      <c r="F463" s="239">
        <v>7.0199999999999999E-2</v>
      </c>
      <c r="G463">
        <f t="shared" ref="G463:G526" si="108">$D463+($F463*(1-$P$8))</f>
        <v>0.15493999999999999</v>
      </c>
      <c r="H463" s="235">
        <f t="shared" ref="H463:H526" si="109">($E463/$G463)*100</f>
        <v>3.0334322963727898</v>
      </c>
      <c r="I463" s="236">
        <f t="shared" ref="I463:I526" si="110">((0.27*(LOG($H463)))+(0.36*(LOG(($G463*1000)/101)))+1.236)*10</f>
        <v>14.330254467276561</v>
      </c>
      <c r="J463" s="237">
        <f t="shared" si="100"/>
        <v>4.3302544672765606</v>
      </c>
      <c r="K463" s="237">
        <f t="shared" ref="K463:K526" si="111">$I463*$C463</f>
        <v>60.473673851907094</v>
      </c>
      <c r="L463" s="237">
        <f t="shared" si="101"/>
        <v>18.303985633178023</v>
      </c>
      <c r="M463" s="236">
        <f t="shared" ref="M463:M526" si="112">(($G463*1000)-$K463)/$L463</f>
        <v>5.1609702958279264</v>
      </c>
      <c r="N463" s="236">
        <f t="shared" ref="N463:N526" si="113">(($E463*1000)/(($G463*1000)-$K463))*100</f>
        <v>4.9753178636712381</v>
      </c>
      <c r="O463" s="236">
        <f t="shared" si="102"/>
        <v>3.3580846414067493</v>
      </c>
      <c r="P463" s="236" t="str">
        <f t="shared" si="103"/>
        <v>CLAY</v>
      </c>
      <c r="Q463" s="236">
        <f t="shared" ref="Q463:Q526" si="114">IF(P463="CLAY",($G463*1000 -$K463)/$L$8,#N/A)</f>
        <v>7.8721938456744089</v>
      </c>
      <c r="R463" s="238">
        <v>35</v>
      </c>
      <c r="S463" s="236">
        <f t="shared" si="104"/>
        <v>1.9447071368775153</v>
      </c>
      <c r="T463" s="236" t="e">
        <f t="shared" si="105"/>
        <v>#N/A</v>
      </c>
    </row>
    <row r="464" spans="1:20" x14ac:dyDescent="0.2">
      <c r="A464" s="53">
        <f t="shared" si="106"/>
        <v>452</v>
      </c>
      <c r="B464" s="239">
        <v>4.2380000000000004</v>
      </c>
      <c r="C464" s="3">
        <f t="shared" si="107"/>
        <v>4.2310000000000008</v>
      </c>
      <c r="D464" s="239">
        <v>0.1386</v>
      </c>
      <c r="E464" s="239">
        <v>4.8999999999999998E-3</v>
      </c>
      <c r="F464" s="239">
        <v>7.1900000000000006E-2</v>
      </c>
      <c r="G464">
        <f t="shared" si="108"/>
        <v>0.15298</v>
      </c>
      <c r="H464" s="235">
        <f t="shared" si="109"/>
        <v>3.2030330762191133</v>
      </c>
      <c r="I464" s="236">
        <f t="shared" si="110"/>
        <v>14.374143661387119</v>
      </c>
      <c r="J464" s="237">
        <f t="shared" ref="J464:J527" si="115">$I464-10</f>
        <v>4.3741436613871194</v>
      </c>
      <c r="K464" s="237">
        <f t="shared" si="111"/>
        <v>60.817001831328916</v>
      </c>
      <c r="L464" s="237">
        <f t="shared" ref="L464:L527" si="116">$J464*$B464</f>
        <v>18.537620836958613</v>
      </c>
      <c r="M464" s="236">
        <f t="shared" si="112"/>
        <v>4.9716734946334071</v>
      </c>
      <c r="N464" s="236">
        <f t="shared" si="113"/>
        <v>5.3166673148287975</v>
      </c>
      <c r="O464" s="236">
        <f t="shared" ref="O464:O527" si="117">((3.47-LOG($M464))^2+(LOG($N464)+1.22)^2)^0.5</f>
        <v>3.3878903227498105</v>
      </c>
      <c r="P464" s="236" t="str">
        <f t="shared" ref="P464:P527" si="118">IF(O464&lt;2.6,"SAND","CLAY")</f>
        <v>CLAY</v>
      </c>
      <c r="Q464" s="236">
        <f t="shared" si="114"/>
        <v>7.6802498473892582</v>
      </c>
      <c r="R464" s="238">
        <v>35</v>
      </c>
      <c r="S464" s="236">
        <f t="shared" ref="S464:S527" si="119">IF(P464="SAND",#N/A,0.25*($M464)^1.25)</f>
        <v>1.8559584870485979</v>
      </c>
      <c r="T464" s="236" t="e">
        <f t="shared" si="105"/>
        <v>#N/A</v>
      </c>
    </row>
    <row r="465" spans="1:20" x14ac:dyDescent="0.2">
      <c r="A465" s="53">
        <f t="shared" si="106"/>
        <v>453</v>
      </c>
      <c r="B465" s="239">
        <v>4.2469999999999999</v>
      </c>
      <c r="C465" s="3">
        <f t="shared" si="107"/>
        <v>4.24</v>
      </c>
      <c r="D465" s="239">
        <v>0.13669999999999999</v>
      </c>
      <c r="E465" s="239">
        <v>4.8999999999999998E-3</v>
      </c>
      <c r="F465" s="239">
        <v>7.4999999999999997E-2</v>
      </c>
      <c r="G465">
        <f t="shared" si="108"/>
        <v>0.15169999999999997</v>
      </c>
      <c r="H465" s="235">
        <f t="shared" si="109"/>
        <v>3.2300593276203036</v>
      </c>
      <c r="I465" s="236">
        <f t="shared" si="110"/>
        <v>14.370859493167531</v>
      </c>
      <c r="J465" s="237">
        <f t="shared" si="115"/>
        <v>4.3708594931675311</v>
      </c>
      <c r="K465" s="237">
        <f t="shared" si="111"/>
        <v>60.932444251030333</v>
      </c>
      <c r="L465" s="237">
        <f t="shared" si="116"/>
        <v>18.563040267482503</v>
      </c>
      <c r="M465" s="236">
        <f t="shared" si="112"/>
        <v>4.8896923370882401</v>
      </c>
      <c r="N465" s="236">
        <f t="shared" si="113"/>
        <v>5.3984047048172528</v>
      </c>
      <c r="O465" s="236">
        <f t="shared" si="117"/>
        <v>3.3976073248381979</v>
      </c>
      <c r="P465" s="236" t="str">
        <f t="shared" si="118"/>
        <v>CLAY</v>
      </c>
      <c r="Q465" s="236">
        <f t="shared" si="114"/>
        <v>7.5639629790808023</v>
      </c>
      <c r="R465" s="238">
        <v>35</v>
      </c>
      <c r="S465" s="236">
        <f t="shared" si="119"/>
        <v>1.8177825330678286</v>
      </c>
      <c r="T465" s="236" t="e">
        <f t="shared" si="105"/>
        <v>#N/A</v>
      </c>
    </row>
    <row r="466" spans="1:20" x14ac:dyDescent="0.2">
      <c r="A466" s="53">
        <f t="shared" si="106"/>
        <v>454</v>
      </c>
      <c r="B466" s="239">
        <v>4.258</v>
      </c>
      <c r="C466" s="3">
        <f t="shared" si="107"/>
        <v>4.2510000000000003</v>
      </c>
      <c r="D466" s="239">
        <v>0.1384</v>
      </c>
      <c r="E466" s="239">
        <v>4.8999999999999998E-3</v>
      </c>
      <c r="F466" s="239">
        <v>7.7600000000000002E-2</v>
      </c>
      <c r="G466">
        <f t="shared" si="108"/>
        <v>0.15392</v>
      </c>
      <c r="H466" s="235">
        <f t="shared" si="109"/>
        <v>3.1834719334719335</v>
      </c>
      <c r="I466" s="236">
        <f t="shared" si="110"/>
        <v>14.376538019683839</v>
      </c>
      <c r="J466" s="237">
        <f t="shared" si="115"/>
        <v>4.3765380196838386</v>
      </c>
      <c r="K466" s="237">
        <f t="shared" si="111"/>
        <v>61.114663121676003</v>
      </c>
      <c r="L466" s="237">
        <f t="shared" si="116"/>
        <v>18.635298887813786</v>
      </c>
      <c r="M466" s="236">
        <f t="shared" si="112"/>
        <v>4.9800830905380513</v>
      </c>
      <c r="N466" s="236">
        <f t="shared" si="113"/>
        <v>5.2798687713663854</v>
      </c>
      <c r="O466" s="236">
        <f t="shared" si="117"/>
        <v>3.3855577906176459</v>
      </c>
      <c r="P466" s="236" t="str">
        <f t="shared" si="118"/>
        <v>CLAY</v>
      </c>
      <c r="Q466" s="236">
        <f t="shared" si="114"/>
        <v>7.7337780731936654</v>
      </c>
      <c r="R466" s="238">
        <v>35</v>
      </c>
      <c r="S466" s="236">
        <f t="shared" si="119"/>
        <v>1.8598835134017251</v>
      </c>
      <c r="T466" s="236" t="e">
        <f t="shared" si="105"/>
        <v>#N/A</v>
      </c>
    </row>
    <row r="467" spans="1:20" x14ac:dyDescent="0.2">
      <c r="A467" s="53">
        <f t="shared" si="106"/>
        <v>455</v>
      </c>
      <c r="B467" s="239">
        <v>4.2670000000000003</v>
      </c>
      <c r="C467" s="3">
        <f t="shared" si="107"/>
        <v>4.2600000000000007</v>
      </c>
      <c r="D467" s="239">
        <v>0.14050000000000001</v>
      </c>
      <c r="E467" s="239">
        <v>4.7999999999999996E-3</v>
      </c>
      <c r="F467" s="239">
        <v>7.8200000000000006E-2</v>
      </c>
      <c r="G467">
        <f t="shared" si="108"/>
        <v>0.15614</v>
      </c>
      <c r="H467" s="235">
        <f t="shared" si="109"/>
        <v>3.0741642116049697</v>
      </c>
      <c r="I467" s="236">
        <f t="shared" si="110"/>
        <v>14.357957152822374</v>
      </c>
      <c r="J467" s="237">
        <f t="shared" si="115"/>
        <v>4.3579571528223742</v>
      </c>
      <c r="K467" s="237">
        <f t="shared" si="111"/>
        <v>61.164897471023323</v>
      </c>
      <c r="L467" s="237">
        <f t="shared" si="116"/>
        <v>18.595403171093071</v>
      </c>
      <c r="M467" s="236">
        <f t="shared" si="112"/>
        <v>5.1074505701827109</v>
      </c>
      <c r="N467" s="236">
        <f t="shared" si="113"/>
        <v>5.0539561129039381</v>
      </c>
      <c r="O467" s="236">
        <f t="shared" si="117"/>
        <v>3.3656907481930713</v>
      </c>
      <c r="P467" s="236" t="str">
        <f t="shared" si="118"/>
        <v>CLAY</v>
      </c>
      <c r="Q467" s="236">
        <f t="shared" si="114"/>
        <v>7.9145918774147246</v>
      </c>
      <c r="R467" s="238">
        <v>35</v>
      </c>
      <c r="S467" s="236">
        <f t="shared" si="119"/>
        <v>1.9195314141008195</v>
      </c>
      <c r="T467" s="236" t="e">
        <f t="shared" si="105"/>
        <v>#N/A</v>
      </c>
    </row>
    <row r="468" spans="1:20" x14ac:dyDescent="0.2">
      <c r="A468" s="53">
        <f t="shared" si="106"/>
        <v>456</v>
      </c>
      <c r="B468" s="239">
        <v>4.2779999999999996</v>
      </c>
      <c r="C468" s="3">
        <f t="shared" si="107"/>
        <v>4.2709999999999999</v>
      </c>
      <c r="D468" s="239">
        <v>0.1419</v>
      </c>
      <c r="E468" s="239">
        <v>4.7999999999999996E-3</v>
      </c>
      <c r="F468" s="239">
        <v>7.5899999999999995E-2</v>
      </c>
      <c r="G468">
        <f t="shared" si="108"/>
        <v>0.15708</v>
      </c>
      <c r="H468" s="235">
        <f t="shared" si="109"/>
        <v>3.0557677616501144</v>
      </c>
      <c r="I468" s="236">
        <f t="shared" si="110"/>
        <v>14.360303198635114</v>
      </c>
      <c r="J468" s="237">
        <f t="shared" si="115"/>
        <v>4.3603031986351137</v>
      </c>
      <c r="K468" s="237">
        <f t="shared" si="111"/>
        <v>61.332854961370572</v>
      </c>
      <c r="L468" s="237">
        <f t="shared" si="116"/>
        <v>18.653377083761015</v>
      </c>
      <c r="M468" s="236">
        <f t="shared" si="112"/>
        <v>5.1329657149312427</v>
      </c>
      <c r="N468" s="236">
        <f t="shared" si="113"/>
        <v>5.0132043081424813</v>
      </c>
      <c r="O468" s="236">
        <f t="shared" si="117"/>
        <v>3.361905699888891</v>
      </c>
      <c r="P468" s="236" t="str">
        <f t="shared" si="118"/>
        <v>CLAY</v>
      </c>
      <c r="Q468" s="236">
        <f t="shared" si="114"/>
        <v>7.978928753219118</v>
      </c>
      <c r="R468" s="238">
        <v>35</v>
      </c>
      <c r="S468" s="236">
        <f t="shared" si="119"/>
        <v>1.9315255752027483</v>
      </c>
      <c r="T468" s="236" t="e">
        <f t="shared" si="105"/>
        <v>#N/A</v>
      </c>
    </row>
    <row r="469" spans="1:20" x14ac:dyDescent="0.2">
      <c r="A469" s="53">
        <f t="shared" si="106"/>
        <v>457</v>
      </c>
      <c r="B469" s="239">
        <v>4.2869999999999999</v>
      </c>
      <c r="C469" s="3">
        <f t="shared" si="107"/>
        <v>4.28</v>
      </c>
      <c r="D469" s="239">
        <v>0.14449999999999999</v>
      </c>
      <c r="E469" s="239">
        <v>4.5999999999999999E-3</v>
      </c>
      <c r="F469" s="239">
        <v>7.4999999999999997E-2</v>
      </c>
      <c r="G469">
        <f t="shared" si="108"/>
        <v>0.15949999999999998</v>
      </c>
      <c r="H469" s="235">
        <f t="shared" si="109"/>
        <v>2.8840125391849534</v>
      </c>
      <c r="I469" s="236">
        <f t="shared" si="110"/>
        <v>14.316373818576619</v>
      </c>
      <c r="J469" s="237">
        <f t="shared" si="115"/>
        <v>4.3163738185766185</v>
      </c>
      <c r="K469" s="237">
        <f t="shared" si="111"/>
        <v>61.274079943507928</v>
      </c>
      <c r="L469" s="237">
        <f t="shared" si="116"/>
        <v>18.504294560237962</v>
      </c>
      <c r="M469" s="236">
        <f t="shared" si="112"/>
        <v>5.3082769373743082</v>
      </c>
      <c r="N469" s="236">
        <f t="shared" si="113"/>
        <v>4.6830816116096763</v>
      </c>
      <c r="O469" s="236">
        <f t="shared" si="117"/>
        <v>3.3330751714006821</v>
      </c>
      <c r="P469" s="236" t="str">
        <f t="shared" si="118"/>
        <v>CLAY</v>
      </c>
      <c r="Q469" s="236">
        <f t="shared" si="114"/>
        <v>8.1854933380410042</v>
      </c>
      <c r="R469" s="238">
        <v>35</v>
      </c>
      <c r="S469" s="236">
        <f t="shared" si="119"/>
        <v>2.014336276342461</v>
      </c>
      <c r="T469" s="236" t="e">
        <f t="shared" si="105"/>
        <v>#N/A</v>
      </c>
    </row>
    <row r="470" spans="1:20" x14ac:dyDescent="0.2">
      <c r="A470" s="53">
        <f t="shared" si="106"/>
        <v>458</v>
      </c>
      <c r="B470" s="239">
        <v>4.298</v>
      </c>
      <c r="C470" s="3">
        <f t="shared" si="107"/>
        <v>4.2910000000000004</v>
      </c>
      <c r="D470" s="239">
        <v>0.1454</v>
      </c>
      <c r="E470" s="239">
        <v>4.7000000000000002E-3</v>
      </c>
      <c r="F470" s="239">
        <v>7.4700000000000003E-2</v>
      </c>
      <c r="G470">
        <f t="shared" si="108"/>
        <v>0.16034000000000001</v>
      </c>
      <c r="H470" s="235">
        <f t="shared" si="109"/>
        <v>2.9312710490208307</v>
      </c>
      <c r="I470" s="236">
        <f t="shared" si="110"/>
        <v>14.343644962144158</v>
      </c>
      <c r="J470" s="237">
        <f t="shared" si="115"/>
        <v>4.3436449621441575</v>
      </c>
      <c r="K470" s="237">
        <f t="shared" si="111"/>
        <v>61.548580532560585</v>
      </c>
      <c r="L470" s="237">
        <f t="shared" si="116"/>
        <v>18.66898604729559</v>
      </c>
      <c r="M470" s="236">
        <f t="shared" si="112"/>
        <v>5.291739959372376</v>
      </c>
      <c r="N470" s="236">
        <f t="shared" si="113"/>
        <v>4.7574981970464236</v>
      </c>
      <c r="O470" s="236">
        <f t="shared" si="117"/>
        <v>3.3380783250765154</v>
      </c>
      <c r="P470" s="236" t="str">
        <f t="shared" si="118"/>
        <v>CLAY</v>
      </c>
      <c r="Q470" s="236">
        <f t="shared" si="114"/>
        <v>8.2326182889532848</v>
      </c>
      <c r="R470" s="238">
        <v>35</v>
      </c>
      <c r="S470" s="236">
        <f t="shared" si="119"/>
        <v>2.0064952073024029</v>
      </c>
      <c r="T470" s="236" t="e">
        <f t="shared" si="105"/>
        <v>#N/A</v>
      </c>
    </row>
    <row r="471" spans="1:20" x14ac:dyDescent="0.2">
      <c r="A471" s="53">
        <f t="shared" si="106"/>
        <v>459</v>
      </c>
      <c r="B471" s="239">
        <v>4.3070000000000004</v>
      </c>
      <c r="C471" s="3">
        <f t="shared" si="107"/>
        <v>4.3000000000000007</v>
      </c>
      <c r="D471" s="239">
        <v>0.1439</v>
      </c>
      <c r="E471" s="239">
        <v>4.7000000000000002E-3</v>
      </c>
      <c r="F471" s="239">
        <v>7.7200000000000005E-2</v>
      </c>
      <c r="G471">
        <f t="shared" si="108"/>
        <v>0.15934000000000001</v>
      </c>
      <c r="H471" s="235">
        <f t="shared" si="109"/>
        <v>2.9496673779339773</v>
      </c>
      <c r="I471" s="236">
        <f t="shared" si="110"/>
        <v>14.341199602355516</v>
      </c>
      <c r="J471" s="237">
        <f t="shared" si="115"/>
        <v>4.3411996023555162</v>
      </c>
      <c r="K471" s="237">
        <f t="shared" si="111"/>
        <v>61.667158290128732</v>
      </c>
      <c r="L471" s="237">
        <f t="shared" si="116"/>
        <v>18.697546687345209</v>
      </c>
      <c r="M471" s="236">
        <f t="shared" si="112"/>
        <v>5.2238319466787466</v>
      </c>
      <c r="N471" s="236">
        <f t="shared" si="113"/>
        <v>4.8119824484690881</v>
      </c>
      <c r="O471" s="236">
        <f t="shared" si="117"/>
        <v>3.345504475013537</v>
      </c>
      <c r="P471" s="236" t="str">
        <f t="shared" si="118"/>
        <v>CLAY</v>
      </c>
      <c r="Q471" s="236">
        <f t="shared" si="114"/>
        <v>8.1394034758226059</v>
      </c>
      <c r="R471" s="238">
        <v>35</v>
      </c>
      <c r="S471" s="236">
        <f t="shared" si="119"/>
        <v>1.9743607327969845</v>
      </c>
      <c r="T471" s="236" t="e">
        <f t="shared" si="105"/>
        <v>#N/A</v>
      </c>
    </row>
    <row r="472" spans="1:20" x14ac:dyDescent="0.2">
      <c r="A472" s="53">
        <f t="shared" si="106"/>
        <v>460</v>
      </c>
      <c r="B472" s="239">
        <v>4.3179999999999996</v>
      </c>
      <c r="C472" s="3">
        <f t="shared" si="107"/>
        <v>4.3109999999999999</v>
      </c>
      <c r="D472" s="239">
        <v>0.14480000000000001</v>
      </c>
      <c r="E472" s="239">
        <v>4.7999999999999996E-3</v>
      </c>
      <c r="F472" s="239">
        <v>7.9600000000000004E-2</v>
      </c>
      <c r="G472">
        <f t="shared" si="108"/>
        <v>0.16072</v>
      </c>
      <c r="H472" s="235">
        <f t="shared" si="109"/>
        <v>2.9865604778496762</v>
      </c>
      <c r="I472" s="236">
        <f t="shared" si="110"/>
        <v>14.369257326662746</v>
      </c>
      <c r="J472" s="237">
        <f t="shared" si="115"/>
        <v>4.3692573266627459</v>
      </c>
      <c r="K472" s="237">
        <f t="shared" si="111"/>
        <v>61.945868335243098</v>
      </c>
      <c r="L472" s="237">
        <f t="shared" si="116"/>
        <v>18.866453136529735</v>
      </c>
      <c r="M472" s="236">
        <f t="shared" si="112"/>
        <v>5.2354372573352315</v>
      </c>
      <c r="N472" s="236">
        <f t="shared" si="113"/>
        <v>4.8595719538101125</v>
      </c>
      <c r="O472" s="236">
        <f t="shared" si="117"/>
        <v>3.3471444274905968</v>
      </c>
      <c r="P472" s="236" t="str">
        <f t="shared" si="118"/>
        <v>CLAY</v>
      </c>
      <c r="Q472" s="236">
        <f t="shared" si="114"/>
        <v>8.2311776387297417</v>
      </c>
      <c r="R472" s="238">
        <v>35</v>
      </c>
      <c r="S472" s="236">
        <f t="shared" si="119"/>
        <v>1.9798450758376589</v>
      </c>
      <c r="T472" s="236" t="e">
        <f t="shared" si="105"/>
        <v>#N/A</v>
      </c>
    </row>
    <row r="473" spans="1:20" x14ac:dyDescent="0.2">
      <c r="A473" s="53">
        <f t="shared" si="106"/>
        <v>461</v>
      </c>
      <c r="B473" s="239">
        <v>4.327</v>
      </c>
      <c r="C473" s="3">
        <f t="shared" si="107"/>
        <v>4.32</v>
      </c>
      <c r="D473" s="239">
        <v>0.14610000000000001</v>
      </c>
      <c r="E473" s="239">
        <v>4.7000000000000002E-3</v>
      </c>
      <c r="F473" s="239">
        <v>8.1799999999999998E-2</v>
      </c>
      <c r="G473">
        <f t="shared" si="108"/>
        <v>0.16245999999999999</v>
      </c>
      <c r="H473" s="235">
        <f t="shared" si="109"/>
        <v>2.8930198202634498</v>
      </c>
      <c r="I473" s="236">
        <f t="shared" si="110"/>
        <v>14.348779074817417</v>
      </c>
      <c r="J473" s="237">
        <f t="shared" si="115"/>
        <v>4.3487790748174167</v>
      </c>
      <c r="K473" s="237">
        <f t="shared" si="111"/>
        <v>61.986725603211241</v>
      </c>
      <c r="L473" s="237">
        <f t="shared" si="116"/>
        <v>18.817167056734963</v>
      </c>
      <c r="M473" s="236">
        <f t="shared" si="112"/>
        <v>5.3394474361552611</v>
      </c>
      <c r="N473" s="236">
        <f t="shared" si="113"/>
        <v>4.6778608821274954</v>
      </c>
      <c r="O473" s="236">
        <f t="shared" si="117"/>
        <v>3.3307064210199679</v>
      </c>
      <c r="P473" s="236" t="str">
        <f t="shared" si="118"/>
        <v>CLAY</v>
      </c>
      <c r="Q473" s="236">
        <f t="shared" si="114"/>
        <v>8.3727728663990622</v>
      </c>
      <c r="R473" s="238">
        <v>35</v>
      </c>
      <c r="S473" s="236">
        <f t="shared" si="119"/>
        <v>2.0291324819750174</v>
      </c>
      <c r="T473" s="236" t="e">
        <f t="shared" si="105"/>
        <v>#N/A</v>
      </c>
    </row>
    <row r="474" spans="1:20" x14ac:dyDescent="0.2">
      <c r="A474" s="53">
        <f t="shared" si="106"/>
        <v>462</v>
      </c>
      <c r="B474" s="239">
        <v>4.3380000000000001</v>
      </c>
      <c r="C474" s="3">
        <f t="shared" si="107"/>
        <v>4.3310000000000004</v>
      </c>
      <c r="D474" s="239">
        <v>0.14599999999999999</v>
      </c>
      <c r="E474" s="239">
        <v>4.7999999999999996E-3</v>
      </c>
      <c r="F474" s="239">
        <v>8.4000000000000005E-2</v>
      </c>
      <c r="G474">
        <f t="shared" si="108"/>
        <v>0.1628</v>
      </c>
      <c r="H474" s="235">
        <f t="shared" si="109"/>
        <v>2.9484029484029484</v>
      </c>
      <c r="I474" s="236">
        <f t="shared" si="110"/>
        <v>14.374283355794438</v>
      </c>
      <c r="J474" s="237">
        <f t="shared" si="115"/>
        <v>4.3742833557944376</v>
      </c>
      <c r="K474" s="237">
        <f t="shared" si="111"/>
        <v>62.255021213945717</v>
      </c>
      <c r="L474" s="237">
        <f t="shared" si="116"/>
        <v>18.975641197436271</v>
      </c>
      <c r="M474" s="236">
        <f t="shared" si="112"/>
        <v>5.2986340614217848</v>
      </c>
      <c r="N474" s="236">
        <f t="shared" si="113"/>
        <v>4.7739828064549412</v>
      </c>
      <c r="O474" s="236">
        <f t="shared" si="117"/>
        <v>3.3384673466535766</v>
      </c>
      <c r="P474" s="236" t="str">
        <f t="shared" si="118"/>
        <v>CLAY</v>
      </c>
      <c r="Q474" s="236">
        <f t="shared" si="114"/>
        <v>8.3787482321711906</v>
      </c>
      <c r="R474" s="238">
        <v>35</v>
      </c>
      <c r="S474" s="236">
        <f t="shared" si="119"/>
        <v>2.0097633277133049</v>
      </c>
      <c r="T474" s="236" t="e">
        <f t="shared" si="105"/>
        <v>#N/A</v>
      </c>
    </row>
    <row r="475" spans="1:20" x14ac:dyDescent="0.2">
      <c r="A475" s="53">
        <f t="shared" si="106"/>
        <v>463</v>
      </c>
      <c r="B475" s="239">
        <v>4.3479999999999999</v>
      </c>
      <c r="C475" s="3">
        <f t="shared" si="107"/>
        <v>4.3410000000000002</v>
      </c>
      <c r="D475" s="239">
        <v>0.14460000000000001</v>
      </c>
      <c r="E475" s="239">
        <v>4.7999999999999996E-3</v>
      </c>
      <c r="F475" s="239">
        <v>8.5599999999999996E-2</v>
      </c>
      <c r="G475">
        <f t="shared" si="108"/>
        <v>0.16172</v>
      </c>
      <c r="H475" s="235">
        <f t="shared" si="109"/>
        <v>2.9680930002473409</v>
      </c>
      <c r="I475" s="236">
        <f t="shared" si="110"/>
        <v>14.371681754692045</v>
      </c>
      <c r="J475" s="237">
        <f t="shared" si="115"/>
        <v>4.3716817546920446</v>
      </c>
      <c r="K475" s="237">
        <f t="shared" si="111"/>
        <v>62.387470497118166</v>
      </c>
      <c r="L475" s="237">
        <f t="shared" si="116"/>
        <v>19.008072269401008</v>
      </c>
      <c r="M475" s="236">
        <f t="shared" si="112"/>
        <v>5.2258076513516984</v>
      </c>
      <c r="N475" s="236">
        <f t="shared" si="113"/>
        <v>4.8322538689208976</v>
      </c>
      <c r="O475" s="236">
        <f t="shared" si="117"/>
        <v>3.3464079009094765</v>
      </c>
      <c r="P475" s="236" t="str">
        <f t="shared" si="118"/>
        <v>CLAY</v>
      </c>
      <c r="Q475" s="236">
        <f t="shared" si="114"/>
        <v>8.27771079190682</v>
      </c>
      <c r="R475" s="238">
        <v>35</v>
      </c>
      <c r="S475" s="236">
        <f t="shared" si="119"/>
        <v>1.9752941802549997</v>
      </c>
      <c r="T475" s="236" t="e">
        <f t="shared" si="105"/>
        <v>#N/A</v>
      </c>
    </row>
    <row r="476" spans="1:20" x14ac:dyDescent="0.2">
      <c r="A476" s="53">
        <f t="shared" si="106"/>
        <v>464</v>
      </c>
      <c r="B476" s="239">
        <v>4.3579999999999997</v>
      </c>
      <c r="C476" s="3">
        <f t="shared" si="107"/>
        <v>4.351</v>
      </c>
      <c r="D476" s="239">
        <v>0.14299999999999999</v>
      </c>
      <c r="E476" s="239">
        <v>4.7000000000000002E-3</v>
      </c>
      <c r="F476" s="239">
        <v>8.7300000000000003E-2</v>
      </c>
      <c r="G476">
        <f t="shared" si="108"/>
        <v>0.16045999999999999</v>
      </c>
      <c r="H476" s="235">
        <f t="shared" si="109"/>
        <v>2.9290788981677678</v>
      </c>
      <c r="I476" s="236">
        <f t="shared" si="110"/>
        <v>14.343937379888752</v>
      </c>
      <c r="J476" s="237">
        <f t="shared" si="115"/>
        <v>4.3439373798887519</v>
      </c>
      <c r="K476" s="237">
        <f t="shared" si="111"/>
        <v>62.410471539895958</v>
      </c>
      <c r="L476" s="237">
        <f t="shared" si="116"/>
        <v>18.930879101555181</v>
      </c>
      <c r="M476" s="236">
        <f t="shared" si="112"/>
        <v>5.1793436498175733</v>
      </c>
      <c r="N476" s="236">
        <f t="shared" si="113"/>
        <v>4.7934957707750847</v>
      </c>
      <c r="O476" s="236">
        <f t="shared" si="117"/>
        <v>3.3476112569716774</v>
      </c>
      <c r="P476" s="236" t="str">
        <f t="shared" si="118"/>
        <v>CLAY</v>
      </c>
      <c r="Q476" s="236">
        <f t="shared" si="114"/>
        <v>8.1707940383420024</v>
      </c>
      <c r="R476" s="238">
        <v>35</v>
      </c>
      <c r="S476" s="236">
        <f t="shared" si="119"/>
        <v>1.9533650725261218</v>
      </c>
      <c r="T476" s="236" t="e">
        <f t="shared" si="105"/>
        <v>#N/A</v>
      </c>
    </row>
    <row r="477" spans="1:20" x14ac:dyDescent="0.2">
      <c r="A477" s="53">
        <f t="shared" si="106"/>
        <v>465</v>
      </c>
      <c r="B477" s="239">
        <v>4.3680000000000003</v>
      </c>
      <c r="C477" s="3">
        <f t="shared" si="107"/>
        <v>4.3610000000000007</v>
      </c>
      <c r="D477" s="239">
        <v>0.14219999999999999</v>
      </c>
      <c r="E477" s="239">
        <v>4.7000000000000002E-3</v>
      </c>
      <c r="F477" s="239">
        <v>8.8999999999999996E-2</v>
      </c>
      <c r="G477">
        <f t="shared" si="108"/>
        <v>0.15999999999999998</v>
      </c>
      <c r="H477" s="235">
        <f t="shared" si="109"/>
        <v>2.9375000000000004</v>
      </c>
      <c r="I477" s="236">
        <f t="shared" si="110"/>
        <v>14.342815255199257</v>
      </c>
      <c r="J477" s="237">
        <f t="shared" si="115"/>
        <v>4.3428152551992572</v>
      </c>
      <c r="K477" s="237">
        <f t="shared" si="111"/>
        <v>62.54901732792397</v>
      </c>
      <c r="L477" s="237">
        <f t="shared" si="116"/>
        <v>18.969417034710357</v>
      </c>
      <c r="M477" s="236">
        <f t="shared" si="112"/>
        <v>5.1372681877234072</v>
      </c>
      <c r="N477" s="236">
        <f t="shared" si="113"/>
        <v>4.8229375129192587</v>
      </c>
      <c r="O477" s="236">
        <f t="shared" si="117"/>
        <v>3.3520372552821689</v>
      </c>
      <c r="P477" s="236" t="str">
        <f t="shared" si="118"/>
        <v>CLAY</v>
      </c>
      <c r="Q477" s="236">
        <f t="shared" si="114"/>
        <v>8.1209152226730001</v>
      </c>
      <c r="R477" s="238">
        <v>35</v>
      </c>
      <c r="S477" s="236">
        <f t="shared" si="119"/>
        <v>1.9335495529656972</v>
      </c>
      <c r="T477" s="236" t="e">
        <f t="shared" si="105"/>
        <v>#N/A</v>
      </c>
    </row>
    <row r="478" spans="1:20" x14ac:dyDescent="0.2">
      <c r="A478" s="53">
        <f t="shared" si="106"/>
        <v>466</v>
      </c>
      <c r="B478" s="239">
        <v>4.3789999999999996</v>
      </c>
      <c r="C478" s="3">
        <f t="shared" si="107"/>
        <v>4.3719999999999999</v>
      </c>
      <c r="D478" s="239">
        <v>0.1416</v>
      </c>
      <c r="E478" s="239">
        <v>4.7999999999999996E-3</v>
      </c>
      <c r="F478" s="239">
        <v>9.0899999999999995E-2</v>
      </c>
      <c r="G478">
        <f t="shared" si="108"/>
        <v>0.15978000000000001</v>
      </c>
      <c r="H478" s="235">
        <f t="shared" si="109"/>
        <v>3.0041306796845659</v>
      </c>
      <c r="I478" s="236">
        <f t="shared" si="110"/>
        <v>14.366964570436897</v>
      </c>
      <c r="J478" s="237">
        <f t="shared" si="115"/>
        <v>4.3669645704368971</v>
      </c>
      <c r="K478" s="237">
        <f t="shared" si="111"/>
        <v>62.812369101950111</v>
      </c>
      <c r="L478" s="237">
        <f t="shared" si="116"/>
        <v>19.122937853943171</v>
      </c>
      <c r="M478" s="236">
        <f t="shared" si="112"/>
        <v>5.0707496744834666</v>
      </c>
      <c r="N478" s="236">
        <f t="shared" si="113"/>
        <v>4.9501054687482648</v>
      </c>
      <c r="O478" s="236">
        <f t="shared" si="117"/>
        <v>3.3631197418371261</v>
      </c>
      <c r="P478" s="236" t="str">
        <f t="shared" si="118"/>
        <v>CLAY</v>
      </c>
      <c r="Q478" s="236">
        <f t="shared" si="114"/>
        <v>8.0806359081708248</v>
      </c>
      <c r="R478" s="238">
        <v>35</v>
      </c>
      <c r="S478" s="236">
        <f t="shared" si="119"/>
        <v>1.9023053222917059</v>
      </c>
      <c r="T478" s="236" t="e">
        <f t="shared" si="105"/>
        <v>#N/A</v>
      </c>
    </row>
    <row r="479" spans="1:20" x14ac:dyDescent="0.2">
      <c r="A479" s="53">
        <f t="shared" si="106"/>
        <v>467</v>
      </c>
      <c r="B479" s="239">
        <v>4.3879999999999999</v>
      </c>
      <c r="C479" s="3">
        <f t="shared" si="107"/>
        <v>4.3810000000000002</v>
      </c>
      <c r="D479" s="239">
        <v>0.14069999999999999</v>
      </c>
      <c r="E479" s="239">
        <v>4.8999999999999998E-3</v>
      </c>
      <c r="F479" s="239">
        <v>9.3600000000000003E-2</v>
      </c>
      <c r="G479">
        <f t="shared" si="108"/>
        <v>0.15941999999999998</v>
      </c>
      <c r="H479" s="235">
        <f t="shared" si="109"/>
        <v>3.0736419520762768</v>
      </c>
      <c r="I479" s="236">
        <f t="shared" si="110"/>
        <v>14.390260994774003</v>
      </c>
      <c r="J479" s="237">
        <f t="shared" si="115"/>
        <v>4.3902609947740032</v>
      </c>
      <c r="K479" s="237">
        <f t="shared" si="111"/>
        <v>63.043733418104914</v>
      </c>
      <c r="L479" s="237">
        <f t="shared" si="116"/>
        <v>19.264465245068326</v>
      </c>
      <c r="M479" s="236">
        <f t="shared" si="112"/>
        <v>5.0027999924143884</v>
      </c>
      <c r="N479" s="236">
        <f t="shared" si="113"/>
        <v>5.0842392777647785</v>
      </c>
      <c r="O479" s="236">
        <f t="shared" si="117"/>
        <v>3.3745527632794112</v>
      </c>
      <c r="P479" s="236" t="str">
        <f t="shared" si="118"/>
        <v>CLAY</v>
      </c>
      <c r="Q479" s="236">
        <f t="shared" si="114"/>
        <v>8.0313555484912555</v>
      </c>
      <c r="R479" s="238">
        <v>35</v>
      </c>
      <c r="S479" s="236">
        <f t="shared" si="119"/>
        <v>1.8704944947421616</v>
      </c>
      <c r="T479" s="236" t="e">
        <f t="shared" si="105"/>
        <v>#N/A</v>
      </c>
    </row>
    <row r="480" spans="1:20" x14ac:dyDescent="0.2">
      <c r="A480" s="53">
        <f t="shared" si="106"/>
        <v>468</v>
      </c>
      <c r="B480" s="239">
        <v>4.399</v>
      </c>
      <c r="C480" s="3">
        <f t="shared" si="107"/>
        <v>4.3920000000000003</v>
      </c>
      <c r="D480" s="239">
        <v>0.1444</v>
      </c>
      <c r="E480" s="239">
        <v>5.0000000000000001E-3</v>
      </c>
      <c r="F480" s="239">
        <v>9.6100000000000005E-2</v>
      </c>
      <c r="G480">
        <f t="shared" si="108"/>
        <v>0.16361999999999999</v>
      </c>
      <c r="H480" s="235">
        <f t="shared" si="109"/>
        <v>3.0558611416697228</v>
      </c>
      <c r="I480" s="236">
        <f t="shared" si="110"/>
        <v>14.424114815582483</v>
      </c>
      <c r="J480" s="237">
        <f t="shared" si="115"/>
        <v>4.4241148155824828</v>
      </c>
      <c r="K480" s="237">
        <f t="shared" si="111"/>
        <v>63.350712270038272</v>
      </c>
      <c r="L480" s="237">
        <f t="shared" si="116"/>
        <v>19.461681073747343</v>
      </c>
      <c r="M480" s="236">
        <f t="shared" si="112"/>
        <v>5.1521390855191358</v>
      </c>
      <c r="N480" s="236">
        <f t="shared" si="113"/>
        <v>4.9865717740667046</v>
      </c>
      <c r="O480" s="236">
        <f t="shared" si="117"/>
        <v>3.3592554700917128</v>
      </c>
      <c r="P480" s="236" t="str">
        <f t="shared" si="118"/>
        <v>CLAY</v>
      </c>
      <c r="Q480" s="236">
        <f t="shared" si="114"/>
        <v>8.3557739774968081</v>
      </c>
      <c r="R480" s="238">
        <v>35</v>
      </c>
      <c r="S480" s="236">
        <f t="shared" si="119"/>
        <v>1.9405484124238679</v>
      </c>
      <c r="T480" s="236" t="e">
        <f t="shared" si="105"/>
        <v>#N/A</v>
      </c>
    </row>
    <row r="481" spans="1:20" x14ac:dyDescent="0.2">
      <c r="A481" s="53">
        <f t="shared" si="106"/>
        <v>469</v>
      </c>
      <c r="B481" s="239">
        <v>4.4080000000000004</v>
      </c>
      <c r="C481" s="3">
        <f t="shared" si="107"/>
        <v>4.4010000000000007</v>
      </c>
      <c r="D481" s="239">
        <v>0.14879999999999999</v>
      </c>
      <c r="E481" s="239">
        <v>5.0000000000000001E-3</v>
      </c>
      <c r="F481" s="239">
        <v>9.6699999999999994E-2</v>
      </c>
      <c r="G481">
        <f t="shared" si="108"/>
        <v>0.16813999999999998</v>
      </c>
      <c r="H481" s="235">
        <f t="shared" si="109"/>
        <v>2.9737123825383613</v>
      </c>
      <c r="I481" s="236">
        <f t="shared" si="110"/>
        <v>14.434766004862766</v>
      </c>
      <c r="J481" s="237">
        <f t="shared" si="115"/>
        <v>4.434766004862766</v>
      </c>
      <c r="K481" s="237">
        <f t="shared" si="111"/>
        <v>63.527405187401044</v>
      </c>
      <c r="L481" s="237">
        <f t="shared" si="116"/>
        <v>19.548448549435076</v>
      </c>
      <c r="M481" s="236">
        <f t="shared" si="112"/>
        <v>5.3514525486792204</v>
      </c>
      <c r="N481" s="236">
        <f t="shared" si="113"/>
        <v>4.7795392217896016</v>
      </c>
      <c r="O481" s="236">
        <f t="shared" si="117"/>
        <v>3.3352128606529736</v>
      </c>
      <c r="P481" s="236" t="str">
        <f t="shared" si="118"/>
        <v>CLAY</v>
      </c>
      <c r="Q481" s="236">
        <f t="shared" si="114"/>
        <v>8.7177162343832446</v>
      </c>
      <c r="R481" s="238">
        <v>35</v>
      </c>
      <c r="S481" s="236">
        <f t="shared" si="119"/>
        <v>2.0348369126602992</v>
      </c>
      <c r="T481" s="236" t="e">
        <f t="shared" si="105"/>
        <v>#N/A</v>
      </c>
    </row>
    <row r="482" spans="1:20" x14ac:dyDescent="0.2">
      <c r="A482" s="53">
        <f t="shared" si="106"/>
        <v>470</v>
      </c>
      <c r="B482" s="239">
        <v>4.4180000000000001</v>
      </c>
      <c r="C482" s="3">
        <f t="shared" si="107"/>
        <v>4.4110000000000005</v>
      </c>
      <c r="D482" s="239">
        <v>0.1552</v>
      </c>
      <c r="E482" s="239">
        <v>5.0000000000000001E-3</v>
      </c>
      <c r="F482" s="239">
        <v>9.7199999999999995E-2</v>
      </c>
      <c r="G482">
        <f t="shared" si="108"/>
        <v>0.17463999999999999</v>
      </c>
      <c r="H482" s="235">
        <f t="shared" si="109"/>
        <v>2.8630325240494732</v>
      </c>
      <c r="I482" s="236">
        <f t="shared" si="110"/>
        <v>14.449591416520713</v>
      </c>
      <c r="J482" s="237">
        <f t="shared" si="115"/>
        <v>4.4495914165207129</v>
      </c>
      <c r="K482" s="237">
        <f t="shared" si="111"/>
        <v>63.737147738272874</v>
      </c>
      <c r="L482" s="237">
        <f t="shared" si="116"/>
        <v>19.65829487818851</v>
      </c>
      <c r="M482" s="236">
        <f t="shared" si="112"/>
        <v>5.6415295908892524</v>
      </c>
      <c r="N482" s="236">
        <f t="shared" si="113"/>
        <v>4.5084503220892493</v>
      </c>
      <c r="O482" s="236">
        <f t="shared" si="117"/>
        <v>3.3019359858302053</v>
      </c>
      <c r="P482" s="236" t="str">
        <f t="shared" si="118"/>
        <v>CLAY</v>
      </c>
      <c r="Q482" s="236">
        <f t="shared" si="114"/>
        <v>9.2419043551439248</v>
      </c>
      <c r="R482" s="238">
        <v>35</v>
      </c>
      <c r="S482" s="236">
        <f t="shared" si="119"/>
        <v>2.1736323885094944</v>
      </c>
      <c r="T482" s="236" t="e">
        <f t="shared" si="105"/>
        <v>#N/A</v>
      </c>
    </row>
    <row r="483" spans="1:20" x14ac:dyDescent="0.2">
      <c r="A483" s="53">
        <f t="shared" si="106"/>
        <v>471</v>
      </c>
      <c r="B483" s="239">
        <v>4.4279999999999999</v>
      </c>
      <c r="C483" s="3">
        <f t="shared" si="107"/>
        <v>4.4210000000000003</v>
      </c>
      <c r="D483" s="239">
        <v>0.15939999999999999</v>
      </c>
      <c r="E483" s="239">
        <v>5.0000000000000001E-3</v>
      </c>
      <c r="F483" s="239">
        <v>9.4899999999999998E-2</v>
      </c>
      <c r="G483">
        <f t="shared" si="108"/>
        <v>0.17837999999999998</v>
      </c>
      <c r="H483" s="235">
        <f t="shared" si="109"/>
        <v>2.8030048211682925</v>
      </c>
      <c r="I483" s="236">
        <f t="shared" si="110"/>
        <v>14.45787360971946</v>
      </c>
      <c r="J483" s="237">
        <f t="shared" si="115"/>
        <v>4.45787360971946</v>
      </c>
      <c r="K483" s="237">
        <f t="shared" si="111"/>
        <v>63.918259228569738</v>
      </c>
      <c r="L483" s="237">
        <f t="shared" si="116"/>
        <v>19.739464343837767</v>
      </c>
      <c r="M483" s="236">
        <f t="shared" si="112"/>
        <v>5.7986244599977068</v>
      </c>
      <c r="N483" s="236">
        <f t="shared" si="113"/>
        <v>4.3682718490054659</v>
      </c>
      <c r="O483" s="236">
        <f t="shared" si="117"/>
        <v>3.2843327586770577</v>
      </c>
      <c r="P483" s="236" t="str">
        <f t="shared" si="118"/>
        <v>CLAY</v>
      </c>
      <c r="Q483" s="236">
        <f t="shared" si="114"/>
        <v>9.5384783976191887</v>
      </c>
      <c r="R483" s="238">
        <v>35</v>
      </c>
      <c r="S483" s="236">
        <f t="shared" si="119"/>
        <v>2.2495530410809685</v>
      </c>
      <c r="T483" s="236" t="e">
        <f t="shared" si="105"/>
        <v>#N/A</v>
      </c>
    </row>
    <row r="484" spans="1:20" x14ac:dyDescent="0.2">
      <c r="A484" s="53">
        <f t="shared" si="106"/>
        <v>472</v>
      </c>
      <c r="B484" s="239">
        <v>4.4379999999999997</v>
      </c>
      <c r="C484" s="3">
        <f t="shared" si="107"/>
        <v>4.431</v>
      </c>
      <c r="D484" s="239">
        <v>0.155</v>
      </c>
      <c r="E484" s="239">
        <v>5.0000000000000001E-3</v>
      </c>
      <c r="F484" s="239">
        <v>9.4399999999999998E-2</v>
      </c>
      <c r="G484">
        <f t="shared" si="108"/>
        <v>0.17387999999999998</v>
      </c>
      <c r="H484" s="235">
        <f t="shared" si="109"/>
        <v>2.8755463538072239</v>
      </c>
      <c r="I484" s="236">
        <f t="shared" si="110"/>
        <v>14.447886734456656</v>
      </c>
      <c r="J484" s="237">
        <f t="shared" si="115"/>
        <v>4.4478867344566559</v>
      </c>
      <c r="K484" s="237">
        <f t="shared" si="111"/>
        <v>64.018586120377449</v>
      </c>
      <c r="L484" s="237">
        <f t="shared" si="116"/>
        <v>19.739721327518637</v>
      </c>
      <c r="M484" s="236">
        <f t="shared" si="112"/>
        <v>5.5654997381582865</v>
      </c>
      <c r="N484" s="236">
        <f t="shared" si="113"/>
        <v>4.5511884686634438</v>
      </c>
      <c r="O484" s="236">
        <f t="shared" si="117"/>
        <v>3.3091132327077837</v>
      </c>
      <c r="P484" s="236" t="str">
        <f t="shared" si="118"/>
        <v>CLAY</v>
      </c>
      <c r="Q484" s="236">
        <f t="shared" si="114"/>
        <v>9.1551178233018771</v>
      </c>
      <c r="R484" s="238">
        <v>35</v>
      </c>
      <c r="S484" s="236">
        <f t="shared" si="119"/>
        <v>2.1370772297394902</v>
      </c>
      <c r="T484" s="236" t="e">
        <f t="shared" si="105"/>
        <v>#N/A</v>
      </c>
    </row>
    <row r="485" spans="1:20" x14ac:dyDescent="0.2">
      <c r="A485" s="53">
        <f t="shared" si="106"/>
        <v>473</v>
      </c>
      <c r="B485" s="239">
        <v>4.4480000000000004</v>
      </c>
      <c r="C485" s="3">
        <f t="shared" si="107"/>
        <v>4.4410000000000007</v>
      </c>
      <c r="D485" s="239">
        <v>0.14749999999999999</v>
      </c>
      <c r="E485" s="239">
        <v>5.1000000000000004E-3</v>
      </c>
      <c r="F485" s="239">
        <v>9.5399999999999999E-2</v>
      </c>
      <c r="G485">
        <f t="shared" si="108"/>
        <v>0.16657999999999998</v>
      </c>
      <c r="H485" s="235">
        <f t="shared" si="109"/>
        <v>3.061592027854485</v>
      </c>
      <c r="I485" s="236">
        <f t="shared" si="110"/>
        <v>14.454343101820825</v>
      </c>
      <c r="J485" s="237">
        <f t="shared" si="115"/>
        <v>4.4543431018208253</v>
      </c>
      <c r="K485" s="237">
        <f t="shared" si="111"/>
        <v>64.191737715186292</v>
      </c>
      <c r="L485" s="237">
        <f t="shared" si="116"/>
        <v>19.812918116899034</v>
      </c>
      <c r="M485" s="236">
        <f t="shared" si="112"/>
        <v>5.1677527601289412</v>
      </c>
      <c r="N485" s="236">
        <f t="shared" si="113"/>
        <v>4.981039707279451</v>
      </c>
      <c r="O485" s="236">
        <f t="shared" si="117"/>
        <v>3.357901332973352</v>
      </c>
      <c r="P485" s="236" t="str">
        <f t="shared" si="118"/>
        <v>CLAY</v>
      </c>
      <c r="Q485" s="236">
        <f t="shared" si="114"/>
        <v>8.532355190401141</v>
      </c>
      <c r="R485" s="238">
        <v>35</v>
      </c>
      <c r="S485" s="236">
        <f t="shared" si="119"/>
        <v>1.9479022901165428</v>
      </c>
      <c r="T485" s="236" t="e">
        <f t="shared" si="105"/>
        <v>#N/A</v>
      </c>
    </row>
    <row r="486" spans="1:20" x14ac:dyDescent="0.2">
      <c r="A486" s="53">
        <f t="shared" si="106"/>
        <v>474</v>
      </c>
      <c r="B486" s="239">
        <v>4.4569999999999999</v>
      </c>
      <c r="C486" s="3">
        <f t="shared" si="107"/>
        <v>4.45</v>
      </c>
      <c r="D486" s="239">
        <v>0.1414</v>
      </c>
      <c r="E486" s="239">
        <v>5.0000000000000001E-3</v>
      </c>
      <c r="F486" s="239">
        <v>9.2799999999999994E-2</v>
      </c>
      <c r="G486">
        <f t="shared" si="108"/>
        <v>0.15995999999999999</v>
      </c>
      <c r="H486" s="235">
        <f t="shared" si="109"/>
        <v>3.1257814453613406</v>
      </c>
      <c r="I486" s="236">
        <f t="shared" si="110"/>
        <v>14.415272322005073</v>
      </c>
      <c r="J486" s="237">
        <f t="shared" si="115"/>
        <v>4.4152723220050731</v>
      </c>
      <c r="K486" s="237">
        <f t="shared" si="111"/>
        <v>64.147961832922576</v>
      </c>
      <c r="L486" s="237">
        <f t="shared" si="116"/>
        <v>19.678868739176611</v>
      </c>
      <c r="M486" s="236">
        <f t="shared" si="112"/>
        <v>4.868777745152352</v>
      </c>
      <c r="N486" s="236">
        <f t="shared" si="113"/>
        <v>5.2185509207945051</v>
      </c>
      <c r="O486" s="236">
        <f t="shared" si="117"/>
        <v>3.3907007312872501</v>
      </c>
      <c r="P486" s="236" t="str">
        <f t="shared" si="118"/>
        <v>CLAY</v>
      </c>
      <c r="Q486" s="236">
        <f t="shared" si="114"/>
        <v>7.9843365139231173</v>
      </c>
      <c r="R486" s="238">
        <v>35</v>
      </c>
      <c r="S486" s="236">
        <f t="shared" si="119"/>
        <v>1.8080687748437367</v>
      </c>
      <c r="T486" s="236" t="e">
        <f t="shared" si="105"/>
        <v>#N/A</v>
      </c>
    </row>
    <row r="487" spans="1:20" x14ac:dyDescent="0.2">
      <c r="A487" s="53">
        <f t="shared" si="106"/>
        <v>475</v>
      </c>
      <c r="B487" s="239">
        <v>4.468</v>
      </c>
      <c r="C487" s="3">
        <f t="shared" si="107"/>
        <v>4.4610000000000003</v>
      </c>
      <c r="D487" s="239">
        <v>0.13850000000000001</v>
      </c>
      <c r="E487" s="239">
        <v>4.7999999999999996E-3</v>
      </c>
      <c r="F487" s="239">
        <v>8.8999999999999996E-2</v>
      </c>
      <c r="G487">
        <f t="shared" si="108"/>
        <v>0.15629999999999999</v>
      </c>
      <c r="H487" s="235">
        <f t="shared" si="109"/>
        <v>3.0710172744721689</v>
      </c>
      <c r="I487" s="236">
        <f t="shared" si="110"/>
        <v>14.358357475513841</v>
      </c>
      <c r="J487" s="237">
        <f t="shared" si="115"/>
        <v>4.3583574755138415</v>
      </c>
      <c r="K487" s="237">
        <f t="shared" si="111"/>
        <v>64.052632698267246</v>
      </c>
      <c r="L487" s="237">
        <f t="shared" si="116"/>
        <v>19.473141200595844</v>
      </c>
      <c r="M487" s="236">
        <f t="shared" si="112"/>
        <v>4.7371590618831503</v>
      </c>
      <c r="N487" s="236">
        <f t="shared" si="113"/>
        <v>5.2034005309871203</v>
      </c>
      <c r="O487" s="236">
        <f t="shared" si="117"/>
        <v>3.3997556046577198</v>
      </c>
      <c r="P487" s="236" t="str">
        <f t="shared" si="118"/>
        <v>CLAY</v>
      </c>
      <c r="Q487" s="236">
        <f t="shared" si="114"/>
        <v>7.6872806084777281</v>
      </c>
      <c r="R487" s="238">
        <v>35</v>
      </c>
      <c r="S487" s="236">
        <f t="shared" si="119"/>
        <v>1.7471792692429144</v>
      </c>
      <c r="T487" s="236" t="e">
        <f t="shared" si="105"/>
        <v>#N/A</v>
      </c>
    </row>
    <row r="488" spans="1:20" x14ac:dyDescent="0.2">
      <c r="A488" s="53">
        <f t="shared" si="106"/>
        <v>476</v>
      </c>
      <c r="B488" s="239">
        <v>4.4779999999999998</v>
      </c>
      <c r="C488" s="3">
        <f t="shared" si="107"/>
        <v>4.4710000000000001</v>
      </c>
      <c r="D488" s="239">
        <v>0.1366</v>
      </c>
      <c r="E488" s="239">
        <v>4.7999999999999996E-3</v>
      </c>
      <c r="F488" s="239">
        <v>8.6300000000000002E-2</v>
      </c>
      <c r="G488">
        <f t="shared" si="108"/>
        <v>0.15386</v>
      </c>
      <c r="H488" s="235">
        <f t="shared" si="109"/>
        <v>3.1197192252697254</v>
      </c>
      <c r="I488" s="236">
        <f t="shared" si="110"/>
        <v>14.352207550588128</v>
      </c>
      <c r="J488" s="237">
        <f t="shared" si="115"/>
        <v>4.3522075505881279</v>
      </c>
      <c r="K488" s="237">
        <f t="shared" si="111"/>
        <v>64.168719958679517</v>
      </c>
      <c r="L488" s="237">
        <f t="shared" si="116"/>
        <v>19.489185411533636</v>
      </c>
      <c r="M488" s="236">
        <f t="shared" si="112"/>
        <v>4.6021051238109445</v>
      </c>
      <c r="N488" s="236">
        <f t="shared" si="113"/>
        <v>5.351690819652319</v>
      </c>
      <c r="O488" s="236">
        <f t="shared" si="117"/>
        <v>3.4170323749872669</v>
      </c>
      <c r="P488" s="236" t="str">
        <f t="shared" si="118"/>
        <v>CLAY</v>
      </c>
      <c r="Q488" s="236">
        <f t="shared" si="114"/>
        <v>7.4742733367767054</v>
      </c>
      <c r="R488" s="238">
        <v>35</v>
      </c>
      <c r="S488" s="236">
        <f t="shared" si="119"/>
        <v>1.6851387959719992</v>
      </c>
      <c r="T488" s="236" t="e">
        <f t="shared" si="105"/>
        <v>#N/A</v>
      </c>
    </row>
    <row r="489" spans="1:20" x14ac:dyDescent="0.2">
      <c r="A489" s="53">
        <f t="shared" si="106"/>
        <v>477</v>
      </c>
      <c r="B489" s="239">
        <v>4.4889999999999999</v>
      </c>
      <c r="C489" s="3">
        <f t="shared" si="107"/>
        <v>4.4820000000000002</v>
      </c>
      <c r="D489" s="239">
        <v>0.13519999999999999</v>
      </c>
      <c r="E489" s="239">
        <v>4.5999999999999999E-3</v>
      </c>
      <c r="F489" s="239">
        <v>8.2900000000000001E-2</v>
      </c>
      <c r="G489">
        <f t="shared" si="108"/>
        <v>0.15177999999999997</v>
      </c>
      <c r="H489" s="235">
        <f t="shared" si="109"/>
        <v>3.0307023323230995</v>
      </c>
      <c r="I489" s="236">
        <f t="shared" si="110"/>
        <v>14.29698229356411</v>
      </c>
      <c r="J489" s="237">
        <f t="shared" si="115"/>
        <v>4.2969822935641098</v>
      </c>
      <c r="K489" s="237">
        <f t="shared" si="111"/>
        <v>64.079074639754339</v>
      </c>
      <c r="L489" s="237">
        <f t="shared" si="116"/>
        <v>19.289153515809289</v>
      </c>
      <c r="M489" s="236">
        <f t="shared" si="112"/>
        <v>4.5466445838780025</v>
      </c>
      <c r="N489" s="236">
        <f t="shared" si="113"/>
        <v>5.2450985905847185</v>
      </c>
      <c r="O489" s="236">
        <f t="shared" si="117"/>
        <v>3.4163908034476353</v>
      </c>
      <c r="P489" s="236" t="str">
        <f t="shared" si="118"/>
        <v>CLAY</v>
      </c>
      <c r="Q489" s="236">
        <f t="shared" si="114"/>
        <v>7.3084104466871365</v>
      </c>
      <c r="R489" s="238">
        <v>35</v>
      </c>
      <c r="S489" s="236">
        <f t="shared" si="119"/>
        <v>1.6597923802396071</v>
      </c>
      <c r="T489" s="236" t="e">
        <f t="shared" si="105"/>
        <v>#N/A</v>
      </c>
    </row>
    <row r="490" spans="1:20" x14ac:dyDescent="0.2">
      <c r="A490" s="53">
        <f t="shared" si="106"/>
        <v>478</v>
      </c>
      <c r="B490" s="239">
        <v>4.4980000000000002</v>
      </c>
      <c r="C490" s="3">
        <f t="shared" si="107"/>
        <v>4.4910000000000005</v>
      </c>
      <c r="D490" s="239">
        <v>0.13250000000000001</v>
      </c>
      <c r="E490" s="239">
        <v>4.5999999999999999E-3</v>
      </c>
      <c r="F490" s="239">
        <v>8.3099999999999993E-2</v>
      </c>
      <c r="G490">
        <f t="shared" si="108"/>
        <v>0.14912</v>
      </c>
      <c r="H490" s="235">
        <f t="shared" si="109"/>
        <v>3.0847639484978542</v>
      </c>
      <c r="I490" s="236">
        <f t="shared" si="110"/>
        <v>14.290071505431651</v>
      </c>
      <c r="J490" s="237">
        <f t="shared" si="115"/>
        <v>4.2900715054316514</v>
      </c>
      <c r="K490" s="237">
        <f t="shared" si="111"/>
        <v>64.176711130893551</v>
      </c>
      <c r="L490" s="237">
        <f t="shared" si="116"/>
        <v>19.296741631431569</v>
      </c>
      <c r="M490" s="236">
        <f t="shared" si="112"/>
        <v>4.4019498468459703</v>
      </c>
      <c r="N490" s="236">
        <f t="shared" si="113"/>
        <v>5.4153777905731664</v>
      </c>
      <c r="O490" s="236">
        <f t="shared" si="117"/>
        <v>3.4358328548369177</v>
      </c>
      <c r="P490" s="236" t="str">
        <f t="shared" si="118"/>
        <v>CLAY</v>
      </c>
      <c r="Q490" s="236">
        <f t="shared" si="114"/>
        <v>7.0786074057588708</v>
      </c>
      <c r="R490" s="238">
        <v>35</v>
      </c>
      <c r="S490" s="236">
        <f t="shared" si="119"/>
        <v>1.5940295621671363</v>
      </c>
      <c r="T490" s="236" t="e">
        <f t="shared" si="105"/>
        <v>#N/A</v>
      </c>
    </row>
    <row r="491" spans="1:20" x14ac:dyDescent="0.2">
      <c r="A491" s="53">
        <f t="shared" si="106"/>
        <v>479</v>
      </c>
      <c r="B491" s="239">
        <v>4.5090000000000003</v>
      </c>
      <c r="C491" s="3">
        <f t="shared" si="107"/>
        <v>4.5020000000000007</v>
      </c>
      <c r="D491" s="239">
        <v>0.1293</v>
      </c>
      <c r="E491" s="239">
        <v>4.7000000000000002E-3</v>
      </c>
      <c r="F491" s="239">
        <v>8.77E-2</v>
      </c>
      <c r="G491">
        <f t="shared" si="108"/>
        <v>0.14684</v>
      </c>
      <c r="H491" s="235">
        <f t="shared" si="109"/>
        <v>3.2007627349496053</v>
      </c>
      <c r="I491" s="236">
        <f t="shared" si="110"/>
        <v>14.30926720905768</v>
      </c>
      <c r="J491" s="237">
        <f t="shared" si="115"/>
        <v>4.3092672090576798</v>
      </c>
      <c r="K491" s="237">
        <f t="shared" si="111"/>
        <v>64.420320975177688</v>
      </c>
      <c r="L491" s="237">
        <f t="shared" si="116"/>
        <v>19.43048584564108</v>
      </c>
      <c r="M491" s="236">
        <f t="shared" si="112"/>
        <v>4.2417713936531269</v>
      </c>
      <c r="N491" s="236">
        <f t="shared" si="113"/>
        <v>5.7025216011633608</v>
      </c>
      <c r="O491" s="236">
        <f t="shared" si="117"/>
        <v>3.4618460585310356</v>
      </c>
      <c r="P491" s="236" t="str">
        <f t="shared" si="118"/>
        <v>CLAY</v>
      </c>
      <c r="Q491" s="236">
        <f t="shared" si="114"/>
        <v>6.8683065854018599</v>
      </c>
      <c r="R491" s="238">
        <v>35</v>
      </c>
      <c r="S491" s="236">
        <f t="shared" si="119"/>
        <v>1.5218578272450503</v>
      </c>
      <c r="T491" s="236" t="e">
        <f t="shared" si="105"/>
        <v>#N/A</v>
      </c>
    </row>
    <row r="492" spans="1:20" x14ac:dyDescent="0.2">
      <c r="A492" s="53">
        <f t="shared" si="106"/>
        <v>480</v>
      </c>
      <c r="B492" s="239">
        <v>4.5179999999999998</v>
      </c>
      <c r="C492" s="3">
        <f t="shared" si="107"/>
        <v>4.5110000000000001</v>
      </c>
      <c r="D492" s="239">
        <v>0.1275</v>
      </c>
      <c r="E492" s="239">
        <v>4.7999999999999996E-3</v>
      </c>
      <c r="F492" s="239">
        <v>9.1600000000000001E-2</v>
      </c>
      <c r="G492">
        <f t="shared" si="108"/>
        <v>0.14582000000000001</v>
      </c>
      <c r="H492" s="235">
        <f t="shared" si="109"/>
        <v>3.2917295295569873</v>
      </c>
      <c r="I492" s="236">
        <f t="shared" si="110"/>
        <v>14.331229779805966</v>
      </c>
      <c r="J492" s="237">
        <f t="shared" si="115"/>
        <v>4.331229779805966</v>
      </c>
      <c r="K492" s="237">
        <f t="shared" si="111"/>
        <v>64.648177536704708</v>
      </c>
      <c r="L492" s="237">
        <f t="shared" si="116"/>
        <v>19.568496145163355</v>
      </c>
      <c r="M492" s="236">
        <f t="shared" si="112"/>
        <v>4.1480868974879357</v>
      </c>
      <c r="N492" s="236">
        <f t="shared" si="113"/>
        <v>5.9133820756217341</v>
      </c>
      <c r="O492" s="236">
        <f t="shared" si="117"/>
        <v>3.478819099204213</v>
      </c>
      <c r="P492" s="236" t="str">
        <f t="shared" si="118"/>
        <v>CLAY</v>
      </c>
      <c r="Q492" s="236">
        <f t="shared" si="114"/>
        <v>6.7643185386079407</v>
      </c>
      <c r="R492" s="238">
        <v>35</v>
      </c>
      <c r="S492" s="236">
        <f t="shared" si="119"/>
        <v>1.4799594490751347</v>
      </c>
      <c r="T492" s="236" t="e">
        <f t="shared" si="105"/>
        <v>#N/A</v>
      </c>
    </row>
    <row r="493" spans="1:20" x14ac:dyDescent="0.2">
      <c r="A493" s="53">
        <f t="shared" si="106"/>
        <v>481</v>
      </c>
      <c r="B493" s="239">
        <v>4.5289999999999999</v>
      </c>
      <c r="C493" s="3">
        <f t="shared" si="107"/>
        <v>4.5220000000000002</v>
      </c>
      <c r="D493" s="239">
        <v>0.13120000000000001</v>
      </c>
      <c r="E493" s="239">
        <v>4.7999999999999996E-3</v>
      </c>
      <c r="F493" s="239">
        <v>9.4299999999999995E-2</v>
      </c>
      <c r="G493">
        <f t="shared" si="108"/>
        <v>0.15006</v>
      </c>
      <c r="H493" s="235">
        <f t="shared" si="109"/>
        <v>3.1987205117952819</v>
      </c>
      <c r="I493" s="236">
        <f t="shared" si="110"/>
        <v>14.342432843199305</v>
      </c>
      <c r="J493" s="237">
        <f t="shared" si="115"/>
        <v>4.3424328431993047</v>
      </c>
      <c r="K493" s="237">
        <f t="shared" si="111"/>
        <v>64.856481316947253</v>
      </c>
      <c r="L493" s="237">
        <f t="shared" si="116"/>
        <v>19.66687834684965</v>
      </c>
      <c r="M493" s="236">
        <f t="shared" si="112"/>
        <v>4.3323356752598778</v>
      </c>
      <c r="N493" s="236">
        <f t="shared" si="113"/>
        <v>5.6335701555418689</v>
      </c>
      <c r="O493" s="236">
        <f t="shared" si="117"/>
        <v>3.4512971596486741</v>
      </c>
      <c r="P493" s="236" t="str">
        <f t="shared" si="118"/>
        <v>CLAY</v>
      </c>
      <c r="Q493" s="236">
        <f t="shared" si="114"/>
        <v>7.1002932235877294</v>
      </c>
      <c r="R493" s="238">
        <v>35</v>
      </c>
      <c r="S493" s="236">
        <f t="shared" si="119"/>
        <v>1.5625813351283424</v>
      </c>
      <c r="T493" s="236" t="e">
        <f t="shared" si="105"/>
        <v>#N/A</v>
      </c>
    </row>
    <row r="494" spans="1:20" x14ac:dyDescent="0.2">
      <c r="A494" s="53">
        <f t="shared" si="106"/>
        <v>482</v>
      </c>
      <c r="B494" s="239">
        <v>4.54</v>
      </c>
      <c r="C494" s="3">
        <f t="shared" si="107"/>
        <v>4.5330000000000004</v>
      </c>
      <c r="D494" s="239">
        <v>0.13650000000000001</v>
      </c>
      <c r="E494" s="239">
        <v>4.8999999999999998E-3</v>
      </c>
      <c r="F494" s="239">
        <v>9.7100000000000006E-2</v>
      </c>
      <c r="G494">
        <f t="shared" si="108"/>
        <v>0.15592</v>
      </c>
      <c r="H494" s="235">
        <f t="shared" si="109"/>
        <v>3.1426372498717292</v>
      </c>
      <c r="I494" s="236">
        <f t="shared" si="110"/>
        <v>14.38158411395808</v>
      </c>
      <c r="J494" s="237">
        <f t="shared" si="115"/>
        <v>4.3815841139580805</v>
      </c>
      <c r="K494" s="237">
        <f t="shared" si="111"/>
        <v>65.191720788571985</v>
      </c>
      <c r="L494" s="237">
        <f t="shared" si="116"/>
        <v>19.892391877369686</v>
      </c>
      <c r="M494" s="236">
        <f t="shared" si="112"/>
        <v>4.5609537440615098</v>
      </c>
      <c r="N494" s="236">
        <f t="shared" si="113"/>
        <v>5.4007416900097018</v>
      </c>
      <c r="O494" s="236">
        <f t="shared" si="117"/>
        <v>3.4224965072004898</v>
      </c>
      <c r="P494" s="236" t="str">
        <f t="shared" si="118"/>
        <v>CLAY</v>
      </c>
      <c r="Q494" s="236">
        <f t="shared" si="114"/>
        <v>7.5606899342856693</v>
      </c>
      <c r="R494" s="238">
        <v>35</v>
      </c>
      <c r="S494" s="236">
        <f t="shared" si="119"/>
        <v>1.6663245520910865</v>
      </c>
      <c r="T494" s="236" t="e">
        <f t="shared" si="105"/>
        <v>#N/A</v>
      </c>
    </row>
    <row r="495" spans="1:20" x14ac:dyDescent="0.2">
      <c r="A495" s="53">
        <f t="shared" si="106"/>
        <v>483</v>
      </c>
      <c r="B495" s="239">
        <v>4.5490000000000004</v>
      </c>
      <c r="C495" s="3">
        <f t="shared" si="107"/>
        <v>4.5420000000000007</v>
      </c>
      <c r="D495" s="239">
        <v>0.14280000000000001</v>
      </c>
      <c r="E495" s="239">
        <v>4.7999999999999996E-3</v>
      </c>
      <c r="F495" s="239">
        <v>0.10009999999999999</v>
      </c>
      <c r="G495">
        <f t="shared" si="108"/>
        <v>0.16282000000000002</v>
      </c>
      <c r="H495" s="235">
        <f t="shared" si="109"/>
        <v>2.9480407812308065</v>
      </c>
      <c r="I495" s="236">
        <f t="shared" si="110"/>
        <v>14.37433137066259</v>
      </c>
      <c r="J495" s="237">
        <f t="shared" si="115"/>
        <v>4.3743313706625901</v>
      </c>
      <c r="K495" s="237">
        <f t="shared" si="111"/>
        <v>65.288213085549501</v>
      </c>
      <c r="L495" s="237">
        <f t="shared" si="116"/>
        <v>19.898833405144124</v>
      </c>
      <c r="M495" s="236">
        <f t="shared" si="112"/>
        <v>4.9013821528470709</v>
      </c>
      <c r="N495" s="236">
        <f t="shared" si="113"/>
        <v>4.921472426430876</v>
      </c>
      <c r="O495" s="236">
        <f t="shared" si="117"/>
        <v>3.3738311136925168</v>
      </c>
      <c r="P495" s="236" t="str">
        <f t="shared" si="118"/>
        <v>CLAY</v>
      </c>
      <c r="Q495" s="236">
        <f t="shared" si="114"/>
        <v>8.1276489095375428</v>
      </c>
      <c r="R495" s="238">
        <v>35</v>
      </c>
      <c r="S495" s="236">
        <f t="shared" si="119"/>
        <v>1.8232163844791469</v>
      </c>
      <c r="T495" s="236" t="e">
        <f t="shared" si="105"/>
        <v>#N/A</v>
      </c>
    </row>
    <row r="496" spans="1:20" x14ac:dyDescent="0.2">
      <c r="A496" s="53">
        <f t="shared" si="106"/>
        <v>484</v>
      </c>
      <c r="B496" s="239">
        <v>4.5599999999999996</v>
      </c>
      <c r="C496" s="3">
        <f t="shared" si="107"/>
        <v>4.5529999999999999</v>
      </c>
      <c r="D496" s="239">
        <v>0.14829999999999999</v>
      </c>
      <c r="E496" s="239">
        <v>4.8999999999999998E-3</v>
      </c>
      <c r="F496" s="239">
        <v>0.1013</v>
      </c>
      <c r="G496">
        <f t="shared" si="108"/>
        <v>0.16855999999999999</v>
      </c>
      <c r="H496" s="235">
        <f t="shared" si="109"/>
        <v>2.9069767441860463</v>
      </c>
      <c r="I496" s="236">
        <f t="shared" si="110"/>
        <v>14.412051540799514</v>
      </c>
      <c r="J496" s="237">
        <f t="shared" si="115"/>
        <v>4.4120515407995136</v>
      </c>
      <c r="K496" s="237">
        <f t="shared" si="111"/>
        <v>65.618070665260191</v>
      </c>
      <c r="L496" s="237">
        <f t="shared" si="116"/>
        <v>20.118955026045779</v>
      </c>
      <c r="M496" s="236">
        <f t="shared" si="112"/>
        <v>5.1166638228214287</v>
      </c>
      <c r="N496" s="236">
        <f t="shared" si="113"/>
        <v>4.7599651878162321</v>
      </c>
      <c r="O496" s="236">
        <f t="shared" si="117"/>
        <v>3.3502378304996379</v>
      </c>
      <c r="P496" s="236" t="str">
        <f t="shared" si="118"/>
        <v>CLAY</v>
      </c>
      <c r="Q496" s="236">
        <f t="shared" si="114"/>
        <v>8.5784941112283146</v>
      </c>
      <c r="R496" s="238">
        <v>35</v>
      </c>
      <c r="S496" s="236">
        <f t="shared" si="119"/>
        <v>1.9238606566377283</v>
      </c>
      <c r="T496" s="236" t="e">
        <f t="shared" si="105"/>
        <v>#N/A</v>
      </c>
    </row>
    <row r="497" spans="1:20" x14ac:dyDescent="0.2">
      <c r="A497" s="53">
        <f t="shared" si="106"/>
        <v>485</v>
      </c>
      <c r="B497" s="239">
        <v>4.569</v>
      </c>
      <c r="C497" s="3">
        <f t="shared" si="107"/>
        <v>4.5620000000000003</v>
      </c>
      <c r="D497" s="239">
        <v>0.1484</v>
      </c>
      <c r="E497" s="239">
        <v>4.8999999999999998E-3</v>
      </c>
      <c r="F497" s="239">
        <v>0.1016</v>
      </c>
      <c r="G497">
        <f t="shared" si="108"/>
        <v>0.16872000000000001</v>
      </c>
      <c r="H497" s="235">
        <f t="shared" si="109"/>
        <v>2.9042200094831672</v>
      </c>
      <c r="I497" s="236">
        <f t="shared" si="110"/>
        <v>14.412422380517761</v>
      </c>
      <c r="J497" s="237">
        <f t="shared" si="115"/>
        <v>4.4124223805177607</v>
      </c>
      <c r="K497" s="237">
        <f t="shared" si="111"/>
        <v>65.749470899922031</v>
      </c>
      <c r="L497" s="237">
        <f t="shared" si="116"/>
        <v>20.160357856585648</v>
      </c>
      <c r="M497" s="236">
        <f t="shared" si="112"/>
        <v>5.1075744702835859</v>
      </c>
      <c r="N497" s="236">
        <f t="shared" si="113"/>
        <v>4.7586431213125513</v>
      </c>
      <c r="O497" s="236">
        <f t="shared" si="117"/>
        <v>3.3508059108347332</v>
      </c>
      <c r="P497" s="236" t="str">
        <f t="shared" si="118"/>
        <v>CLAY</v>
      </c>
      <c r="Q497" s="236">
        <f t="shared" si="114"/>
        <v>8.5808774250064968</v>
      </c>
      <c r="R497" s="238">
        <v>35</v>
      </c>
      <c r="S497" s="236">
        <f t="shared" si="119"/>
        <v>1.9195896209433896</v>
      </c>
      <c r="T497" s="236" t="e">
        <f t="shared" si="105"/>
        <v>#N/A</v>
      </c>
    </row>
    <row r="498" spans="1:20" x14ac:dyDescent="0.2">
      <c r="A498" s="53">
        <f t="shared" si="106"/>
        <v>486</v>
      </c>
      <c r="B498" s="239">
        <v>4.5789999999999997</v>
      </c>
      <c r="C498" s="3">
        <f t="shared" si="107"/>
        <v>4.5720000000000001</v>
      </c>
      <c r="D498" s="239">
        <v>0.14499999999999999</v>
      </c>
      <c r="E498" s="239">
        <v>4.7999999999999996E-3</v>
      </c>
      <c r="F498" s="239">
        <v>0.1017</v>
      </c>
      <c r="G498">
        <f t="shared" si="108"/>
        <v>0.16533999999999999</v>
      </c>
      <c r="H498" s="235">
        <f t="shared" si="109"/>
        <v>2.9031087456150964</v>
      </c>
      <c r="I498" s="236">
        <f t="shared" si="110"/>
        <v>14.380334535259149</v>
      </c>
      <c r="J498" s="237">
        <f t="shared" si="115"/>
        <v>4.3803345352591485</v>
      </c>
      <c r="K498" s="237">
        <f t="shared" si="111"/>
        <v>65.746889495204826</v>
      </c>
      <c r="L498" s="237">
        <f t="shared" si="116"/>
        <v>20.057551836951639</v>
      </c>
      <c r="M498" s="236">
        <f t="shared" si="112"/>
        <v>4.9653672249928675</v>
      </c>
      <c r="N498" s="236">
        <f t="shared" si="113"/>
        <v>4.8196104887886717</v>
      </c>
      <c r="O498" s="236">
        <f t="shared" si="117"/>
        <v>3.364045218272925</v>
      </c>
      <c r="P498" s="236" t="str">
        <f t="shared" si="118"/>
        <v>CLAY</v>
      </c>
      <c r="Q498" s="236">
        <f t="shared" si="114"/>
        <v>8.2994258753995958</v>
      </c>
      <c r="R498" s="238">
        <v>35</v>
      </c>
      <c r="S498" s="236">
        <f t="shared" si="119"/>
        <v>1.8530162387469555</v>
      </c>
      <c r="T498" s="236" t="e">
        <f t="shared" si="105"/>
        <v>#N/A</v>
      </c>
    </row>
    <row r="499" spans="1:20" x14ac:dyDescent="0.2">
      <c r="A499" s="53">
        <f t="shared" si="106"/>
        <v>487</v>
      </c>
      <c r="B499" s="239">
        <v>4.5880000000000001</v>
      </c>
      <c r="C499" s="3">
        <f t="shared" si="107"/>
        <v>4.5810000000000004</v>
      </c>
      <c r="D499" s="239">
        <v>0.1384</v>
      </c>
      <c r="E499" s="239">
        <v>4.5999999999999999E-3</v>
      </c>
      <c r="F499" s="239">
        <v>9.7600000000000006E-2</v>
      </c>
      <c r="G499">
        <f t="shared" si="108"/>
        <v>0.15792</v>
      </c>
      <c r="H499" s="235">
        <f t="shared" si="109"/>
        <v>2.9128672745694022</v>
      </c>
      <c r="I499" s="236">
        <f t="shared" si="110"/>
        <v>14.312482621715743</v>
      </c>
      <c r="J499" s="237">
        <f t="shared" si="115"/>
        <v>4.312482621715743</v>
      </c>
      <c r="K499" s="237">
        <f t="shared" si="111"/>
        <v>65.565482890079821</v>
      </c>
      <c r="L499" s="237">
        <f t="shared" si="116"/>
        <v>19.785670268431829</v>
      </c>
      <c r="M499" s="236">
        <f t="shared" si="112"/>
        <v>4.6677477111944219</v>
      </c>
      <c r="N499" s="236">
        <f t="shared" si="113"/>
        <v>4.9808067260262829</v>
      </c>
      <c r="O499" s="236">
        <f t="shared" si="117"/>
        <v>3.3942653990483698</v>
      </c>
      <c r="P499" s="236" t="str">
        <f t="shared" si="118"/>
        <v>CLAY</v>
      </c>
      <c r="Q499" s="236">
        <f t="shared" si="114"/>
        <v>7.6962097591600163</v>
      </c>
      <c r="R499" s="238">
        <v>35</v>
      </c>
      <c r="S499" s="236">
        <f t="shared" si="119"/>
        <v>1.7152373576928575</v>
      </c>
      <c r="T499" s="236" t="e">
        <f t="shared" si="105"/>
        <v>#N/A</v>
      </c>
    </row>
    <row r="500" spans="1:20" x14ac:dyDescent="0.2">
      <c r="A500" s="53">
        <f t="shared" si="106"/>
        <v>488</v>
      </c>
      <c r="B500" s="239">
        <v>4.5979999999999999</v>
      </c>
      <c r="C500" s="3">
        <f t="shared" si="107"/>
        <v>4.5910000000000002</v>
      </c>
      <c r="D500" s="239">
        <v>0.1321</v>
      </c>
      <c r="E500" s="239">
        <v>4.4999999999999997E-3</v>
      </c>
      <c r="F500" s="239">
        <v>9.0800000000000006E-2</v>
      </c>
      <c r="G500">
        <f t="shared" si="108"/>
        <v>0.15026</v>
      </c>
      <c r="H500" s="235">
        <f t="shared" si="109"/>
        <v>2.994808997737255</v>
      </c>
      <c r="I500" s="236">
        <f t="shared" si="110"/>
        <v>14.267275887629278</v>
      </c>
      <c r="J500" s="237">
        <f t="shared" si="115"/>
        <v>4.2672758876292782</v>
      </c>
      <c r="K500" s="237">
        <f t="shared" si="111"/>
        <v>65.501063600106022</v>
      </c>
      <c r="L500" s="237">
        <f t="shared" si="116"/>
        <v>19.620934531319421</v>
      </c>
      <c r="M500" s="236">
        <f t="shared" si="112"/>
        <v>4.3198215795786723</v>
      </c>
      <c r="N500" s="236">
        <f t="shared" si="113"/>
        <v>5.3091746913492761</v>
      </c>
      <c r="O500" s="236">
        <f t="shared" si="117"/>
        <v>3.4376902372379075</v>
      </c>
      <c r="P500" s="236" t="str">
        <f t="shared" si="118"/>
        <v>CLAY</v>
      </c>
      <c r="Q500" s="236">
        <f t="shared" si="114"/>
        <v>7.0632446999911638</v>
      </c>
      <c r="R500" s="238">
        <v>35</v>
      </c>
      <c r="S500" s="236">
        <f t="shared" si="119"/>
        <v>1.5569414135321487</v>
      </c>
      <c r="T500" s="236" t="e">
        <f t="shared" si="105"/>
        <v>#N/A</v>
      </c>
    </row>
    <row r="501" spans="1:20" x14ac:dyDescent="0.2">
      <c r="A501" s="53">
        <f t="shared" si="106"/>
        <v>489</v>
      </c>
      <c r="B501" s="239">
        <v>4.6079999999999997</v>
      </c>
      <c r="C501" s="3">
        <f t="shared" si="107"/>
        <v>4.601</v>
      </c>
      <c r="D501" s="239">
        <v>0.127</v>
      </c>
      <c r="E501" s="239">
        <v>4.4999999999999997E-3</v>
      </c>
      <c r="F501" s="239">
        <v>8.6499999999999994E-2</v>
      </c>
      <c r="G501">
        <f t="shared" si="108"/>
        <v>0.14429999999999998</v>
      </c>
      <c r="H501" s="235">
        <f t="shared" si="109"/>
        <v>3.1185031185031189</v>
      </c>
      <c r="I501" s="236">
        <f t="shared" si="110"/>
        <v>14.25145653956006</v>
      </c>
      <c r="J501" s="237">
        <f t="shared" si="115"/>
        <v>4.2514565395600599</v>
      </c>
      <c r="K501" s="237">
        <f t="shared" si="111"/>
        <v>65.570951538515828</v>
      </c>
      <c r="L501" s="237">
        <f t="shared" si="116"/>
        <v>19.590711734292753</v>
      </c>
      <c r="M501" s="236">
        <f t="shared" si="112"/>
        <v>4.0186926095018851</v>
      </c>
      <c r="N501" s="236">
        <f t="shared" si="113"/>
        <v>5.7158064119135021</v>
      </c>
      <c r="O501" s="236">
        <f t="shared" si="117"/>
        <v>3.4817101382608051</v>
      </c>
      <c r="P501" s="236" t="str">
        <f t="shared" si="118"/>
        <v>CLAY</v>
      </c>
      <c r="Q501" s="236">
        <f t="shared" si="114"/>
        <v>6.5607540384570129</v>
      </c>
      <c r="R501" s="238">
        <v>35</v>
      </c>
      <c r="S501" s="236">
        <f t="shared" si="119"/>
        <v>1.4224794267222589</v>
      </c>
      <c r="T501" s="236" t="e">
        <f t="shared" si="105"/>
        <v>#N/A</v>
      </c>
    </row>
    <row r="502" spans="1:20" x14ac:dyDescent="0.2">
      <c r="A502" s="53">
        <f t="shared" si="106"/>
        <v>490</v>
      </c>
      <c r="B502" s="239">
        <v>4.6189999999999998</v>
      </c>
      <c r="C502" s="3">
        <f t="shared" si="107"/>
        <v>4.6120000000000001</v>
      </c>
      <c r="D502" s="239">
        <v>0.1205</v>
      </c>
      <c r="E502" s="239">
        <v>4.4999999999999997E-3</v>
      </c>
      <c r="F502" s="239">
        <v>8.4000000000000005E-2</v>
      </c>
      <c r="G502">
        <f t="shared" si="108"/>
        <v>0.13730000000000001</v>
      </c>
      <c r="H502" s="235">
        <f t="shared" si="109"/>
        <v>3.2774945375091034</v>
      </c>
      <c r="I502" s="236">
        <f t="shared" si="110"/>
        <v>14.232020325088994</v>
      </c>
      <c r="J502" s="237">
        <f t="shared" si="115"/>
        <v>4.2320203250889943</v>
      </c>
      <c r="K502" s="237">
        <f t="shared" si="111"/>
        <v>65.638077739310447</v>
      </c>
      <c r="L502" s="237">
        <f t="shared" si="116"/>
        <v>19.547701881586065</v>
      </c>
      <c r="M502" s="236">
        <f t="shared" si="112"/>
        <v>3.6660024127027993</v>
      </c>
      <c r="N502" s="236">
        <f t="shared" si="113"/>
        <v>6.2794854757454539</v>
      </c>
      <c r="O502" s="236">
        <f t="shared" si="117"/>
        <v>3.5377582319592213</v>
      </c>
      <c r="P502" s="236" t="str">
        <f t="shared" si="118"/>
        <v>CLAY</v>
      </c>
      <c r="Q502" s="236">
        <f t="shared" si="114"/>
        <v>5.971826855057464</v>
      </c>
      <c r="R502" s="238">
        <v>35</v>
      </c>
      <c r="S502" s="236">
        <f t="shared" si="119"/>
        <v>1.2681801224268097</v>
      </c>
      <c r="T502" s="236" t="e">
        <f t="shared" si="105"/>
        <v>#N/A</v>
      </c>
    </row>
    <row r="503" spans="1:20" x14ac:dyDescent="0.2">
      <c r="A503" s="53">
        <f t="shared" si="106"/>
        <v>491</v>
      </c>
      <c r="B503" s="239">
        <v>4.6280000000000001</v>
      </c>
      <c r="C503" s="3">
        <f t="shared" si="107"/>
        <v>4.6210000000000004</v>
      </c>
      <c r="D503" s="239">
        <v>0.1167</v>
      </c>
      <c r="E503" s="239">
        <v>4.5999999999999999E-3</v>
      </c>
      <c r="F503" s="239">
        <v>8.4099999999999994E-2</v>
      </c>
      <c r="G503">
        <f t="shared" si="108"/>
        <v>0.13352</v>
      </c>
      <c r="H503" s="235">
        <f t="shared" si="109"/>
        <v>3.4451767525464345</v>
      </c>
      <c r="I503" s="236">
        <f t="shared" si="110"/>
        <v>14.246880891226807</v>
      </c>
      <c r="J503" s="237">
        <f t="shared" si="115"/>
        <v>4.246880891226807</v>
      </c>
      <c r="K503" s="237">
        <f t="shared" si="111"/>
        <v>65.834836598359075</v>
      </c>
      <c r="L503" s="237">
        <f t="shared" si="116"/>
        <v>19.654564764597662</v>
      </c>
      <c r="M503" s="236">
        <f t="shared" si="112"/>
        <v>3.4437375852533401</v>
      </c>
      <c r="N503" s="236">
        <f t="shared" si="113"/>
        <v>6.7961718178972133</v>
      </c>
      <c r="O503" s="236">
        <f t="shared" si="117"/>
        <v>3.5796789921079424</v>
      </c>
      <c r="P503" s="236" t="str">
        <f t="shared" si="118"/>
        <v>CLAY</v>
      </c>
      <c r="Q503" s="236">
        <f t="shared" si="114"/>
        <v>5.6404302834700779</v>
      </c>
      <c r="R503" s="238">
        <v>35</v>
      </c>
      <c r="S503" s="236">
        <f t="shared" si="119"/>
        <v>1.1728097610913741</v>
      </c>
      <c r="T503" s="236" t="e">
        <f t="shared" si="105"/>
        <v>#N/A</v>
      </c>
    </row>
    <row r="504" spans="1:20" x14ac:dyDescent="0.2">
      <c r="A504" s="53">
        <f t="shared" si="106"/>
        <v>492</v>
      </c>
      <c r="B504" s="239">
        <v>4.6390000000000002</v>
      </c>
      <c r="C504" s="3">
        <f t="shared" si="107"/>
        <v>4.6320000000000006</v>
      </c>
      <c r="D504" s="239">
        <v>0.1148</v>
      </c>
      <c r="E504" s="239">
        <v>4.7999999999999996E-3</v>
      </c>
      <c r="F504" s="239">
        <v>8.6099999999999996E-2</v>
      </c>
      <c r="G504">
        <f t="shared" si="108"/>
        <v>0.13202</v>
      </c>
      <c r="H504" s="235">
        <f t="shared" si="109"/>
        <v>3.6358127556430841</v>
      </c>
      <c r="I504" s="236">
        <f t="shared" si="110"/>
        <v>14.292370150870582</v>
      </c>
      <c r="J504" s="237">
        <f t="shared" si="115"/>
        <v>4.2923701508705818</v>
      </c>
      <c r="K504" s="237">
        <f t="shared" si="111"/>
        <v>66.202258538832538</v>
      </c>
      <c r="L504" s="237">
        <f t="shared" si="116"/>
        <v>19.91230512988863</v>
      </c>
      <c r="M504" s="236">
        <f t="shared" si="112"/>
        <v>3.3053803179408989</v>
      </c>
      <c r="N504" s="236">
        <f t="shared" si="113"/>
        <v>7.2928664725330989</v>
      </c>
      <c r="O504" s="236">
        <f t="shared" si="117"/>
        <v>3.6118636878002186</v>
      </c>
      <c r="P504" s="236" t="str">
        <f t="shared" si="118"/>
        <v>CLAY</v>
      </c>
      <c r="Q504" s="236">
        <f t="shared" si="114"/>
        <v>5.4848117884306227</v>
      </c>
      <c r="R504" s="238">
        <v>35</v>
      </c>
      <c r="S504" s="236">
        <f t="shared" si="119"/>
        <v>1.1142093654623724</v>
      </c>
      <c r="T504" s="236" t="e">
        <f t="shared" si="105"/>
        <v>#N/A</v>
      </c>
    </row>
    <row r="505" spans="1:20" x14ac:dyDescent="0.2">
      <c r="A505" s="53">
        <f t="shared" si="106"/>
        <v>493</v>
      </c>
      <c r="B505" s="239">
        <v>4.6479999999999997</v>
      </c>
      <c r="C505" s="3">
        <f t="shared" si="107"/>
        <v>4.641</v>
      </c>
      <c r="D505" s="239">
        <v>0.1234</v>
      </c>
      <c r="E505" s="239">
        <v>5.0000000000000001E-3</v>
      </c>
      <c r="F505" s="239">
        <v>8.8200000000000001E-2</v>
      </c>
      <c r="G505">
        <f t="shared" si="108"/>
        <v>0.14104</v>
      </c>
      <c r="H505" s="235">
        <f t="shared" si="109"/>
        <v>3.5450935904707888</v>
      </c>
      <c r="I505" s="236">
        <f t="shared" si="110"/>
        <v>14.366070135451876</v>
      </c>
      <c r="J505" s="237">
        <f t="shared" si="115"/>
        <v>4.3660701354518761</v>
      </c>
      <c r="K505" s="237">
        <f t="shared" si="111"/>
        <v>66.672931498632153</v>
      </c>
      <c r="L505" s="237">
        <f t="shared" si="116"/>
        <v>20.29349398958032</v>
      </c>
      <c r="M505" s="236">
        <f t="shared" si="112"/>
        <v>3.664576860916684</v>
      </c>
      <c r="N505" s="236">
        <f t="shared" si="113"/>
        <v>6.7234060730900467</v>
      </c>
      <c r="O505" s="236">
        <f t="shared" si="117"/>
        <v>3.5549007841677152</v>
      </c>
      <c r="P505" s="236" t="str">
        <f t="shared" si="118"/>
        <v>CLAY</v>
      </c>
      <c r="Q505" s="236">
        <f t="shared" si="114"/>
        <v>6.1972557084473197</v>
      </c>
      <c r="R505" s="238">
        <v>35</v>
      </c>
      <c r="S505" s="236">
        <f t="shared" si="119"/>
        <v>1.2675637260255612</v>
      </c>
      <c r="T505" s="236" t="e">
        <f t="shared" si="105"/>
        <v>#N/A</v>
      </c>
    </row>
    <row r="506" spans="1:20" x14ac:dyDescent="0.2">
      <c r="A506" s="53">
        <f t="shared" si="106"/>
        <v>494</v>
      </c>
      <c r="B506" s="239">
        <v>4.6589999999999998</v>
      </c>
      <c r="C506" s="3">
        <f t="shared" si="107"/>
        <v>4.6520000000000001</v>
      </c>
      <c r="D506" s="239">
        <v>0.1318</v>
      </c>
      <c r="E506" s="239">
        <v>5.0000000000000001E-3</v>
      </c>
      <c r="F506" s="239">
        <v>8.9899999999999994E-2</v>
      </c>
      <c r="G506">
        <f t="shared" si="108"/>
        <v>0.14978</v>
      </c>
      <c r="H506" s="235">
        <f t="shared" si="109"/>
        <v>3.3382294031245827</v>
      </c>
      <c r="I506" s="236">
        <f t="shared" si="110"/>
        <v>14.389570509715172</v>
      </c>
      <c r="J506" s="237">
        <f t="shared" si="115"/>
        <v>4.3895705097151723</v>
      </c>
      <c r="K506" s="237">
        <f t="shared" si="111"/>
        <v>66.940282011194981</v>
      </c>
      <c r="L506" s="237">
        <f t="shared" si="116"/>
        <v>20.451009004762987</v>
      </c>
      <c r="M506" s="236">
        <f t="shared" si="112"/>
        <v>4.0506420964125471</v>
      </c>
      <c r="N506" s="236">
        <f t="shared" si="113"/>
        <v>6.0357520780982155</v>
      </c>
      <c r="O506" s="236">
        <f t="shared" si="117"/>
        <v>3.4923767966377954</v>
      </c>
      <c r="P506" s="236" t="str">
        <f t="shared" si="118"/>
        <v>CLAY</v>
      </c>
      <c r="Q506" s="236">
        <f t="shared" si="114"/>
        <v>6.9033098324004181</v>
      </c>
      <c r="R506" s="238">
        <v>35</v>
      </c>
      <c r="S506" s="236">
        <f t="shared" si="119"/>
        <v>1.4366297261712415</v>
      </c>
      <c r="T506" s="236" t="e">
        <f t="shared" si="105"/>
        <v>#N/A</v>
      </c>
    </row>
    <row r="507" spans="1:20" x14ac:dyDescent="0.2">
      <c r="A507" s="53">
        <f t="shared" si="106"/>
        <v>495</v>
      </c>
      <c r="B507" s="239">
        <v>4.6689999999999996</v>
      </c>
      <c r="C507" s="3">
        <f t="shared" si="107"/>
        <v>4.6619999999999999</v>
      </c>
      <c r="D507" s="239">
        <v>0.1384</v>
      </c>
      <c r="E507" s="239">
        <v>5.1000000000000004E-3</v>
      </c>
      <c r="F507" s="239">
        <v>9.2700000000000005E-2</v>
      </c>
      <c r="G507">
        <f t="shared" si="108"/>
        <v>0.15694</v>
      </c>
      <c r="H507" s="235">
        <f t="shared" si="109"/>
        <v>3.2496495475978082</v>
      </c>
      <c r="I507" s="236">
        <f t="shared" si="110"/>
        <v>14.431042813292805</v>
      </c>
      <c r="J507" s="237">
        <f t="shared" si="115"/>
        <v>4.4310428132928052</v>
      </c>
      <c r="K507" s="237">
        <f t="shared" si="111"/>
        <v>67.277521595571059</v>
      </c>
      <c r="L507" s="237">
        <f t="shared" si="116"/>
        <v>20.688538895264106</v>
      </c>
      <c r="M507" s="236">
        <f t="shared" si="112"/>
        <v>4.3339202859296133</v>
      </c>
      <c r="N507" s="236">
        <f t="shared" si="113"/>
        <v>5.6879980240966468</v>
      </c>
      <c r="O507" s="236">
        <f t="shared" si="117"/>
        <v>3.4535530260967482</v>
      </c>
      <c r="P507" s="236" t="str">
        <f t="shared" si="118"/>
        <v>CLAY</v>
      </c>
      <c r="Q507" s="236">
        <f t="shared" si="114"/>
        <v>7.4718732003690782</v>
      </c>
      <c r="R507" s="238">
        <v>35</v>
      </c>
      <c r="S507" s="236">
        <f t="shared" si="119"/>
        <v>1.5632957869964754</v>
      </c>
      <c r="T507" s="236" t="e">
        <f t="shared" si="105"/>
        <v>#N/A</v>
      </c>
    </row>
    <row r="508" spans="1:20" x14ac:dyDescent="0.2">
      <c r="A508" s="53">
        <f t="shared" si="106"/>
        <v>496</v>
      </c>
      <c r="B508" s="239">
        <v>4.6790000000000003</v>
      </c>
      <c r="C508" s="3">
        <f t="shared" si="107"/>
        <v>4.6720000000000006</v>
      </c>
      <c r="D508" s="239">
        <v>0.1454</v>
      </c>
      <c r="E508" s="239">
        <v>5.0000000000000001E-3</v>
      </c>
      <c r="F508" s="239">
        <v>9.4700000000000006E-2</v>
      </c>
      <c r="G508">
        <f t="shared" si="108"/>
        <v>0.16433999999999999</v>
      </c>
      <c r="H508" s="235">
        <f t="shared" si="109"/>
        <v>3.0424729219909947</v>
      </c>
      <c r="I508" s="236">
        <f t="shared" si="110"/>
        <v>14.425831020463582</v>
      </c>
      <c r="J508" s="237">
        <f t="shared" si="115"/>
        <v>4.4258310204635816</v>
      </c>
      <c r="K508" s="237">
        <f t="shared" si="111"/>
        <v>67.39748252760586</v>
      </c>
      <c r="L508" s="237">
        <f t="shared" si="116"/>
        <v>20.708463344749099</v>
      </c>
      <c r="M508" s="236">
        <f t="shared" si="112"/>
        <v>4.6812994213293546</v>
      </c>
      <c r="N508" s="236">
        <f t="shared" si="113"/>
        <v>5.1576956431153418</v>
      </c>
      <c r="O508" s="236">
        <f t="shared" si="117"/>
        <v>3.4018132306534263</v>
      </c>
      <c r="P508" s="236" t="str">
        <f t="shared" si="118"/>
        <v>CLAY</v>
      </c>
      <c r="Q508" s="236">
        <f t="shared" si="114"/>
        <v>8.078543122699509</v>
      </c>
      <c r="R508" s="238">
        <v>35</v>
      </c>
      <c r="S508" s="236">
        <f t="shared" si="119"/>
        <v>1.7214643515211092</v>
      </c>
      <c r="T508" s="236" t="e">
        <f t="shared" si="105"/>
        <v>#N/A</v>
      </c>
    </row>
    <row r="509" spans="1:20" x14ac:dyDescent="0.2">
      <c r="A509" s="53">
        <f t="shared" si="106"/>
        <v>497</v>
      </c>
      <c r="B509" s="239">
        <v>4.6890000000000001</v>
      </c>
      <c r="C509" s="3">
        <f t="shared" si="107"/>
        <v>4.6820000000000004</v>
      </c>
      <c r="D509" s="239">
        <v>0.15260000000000001</v>
      </c>
      <c r="E509" s="239">
        <v>5.1000000000000004E-3</v>
      </c>
      <c r="F509" s="239">
        <v>9.9099999999999994E-2</v>
      </c>
      <c r="G509">
        <f t="shared" si="108"/>
        <v>0.17242000000000002</v>
      </c>
      <c r="H509" s="235">
        <f t="shared" si="109"/>
        <v>2.9578935158334296</v>
      </c>
      <c r="I509" s="236">
        <f t="shared" si="110"/>
        <v>14.46781140652821</v>
      </c>
      <c r="J509" s="237">
        <f t="shared" si="115"/>
        <v>4.4678114065282095</v>
      </c>
      <c r="K509" s="237">
        <f t="shared" si="111"/>
        <v>67.73829300536508</v>
      </c>
      <c r="L509" s="237">
        <f t="shared" si="116"/>
        <v>20.949567685210774</v>
      </c>
      <c r="M509" s="236">
        <f t="shared" si="112"/>
        <v>4.9968433032885153</v>
      </c>
      <c r="N509" s="236">
        <f t="shared" si="113"/>
        <v>4.8719113839645178</v>
      </c>
      <c r="O509" s="236">
        <f t="shared" si="117"/>
        <v>3.3644381818088873</v>
      </c>
      <c r="P509" s="236" t="str">
        <f t="shared" si="118"/>
        <v>CLAY</v>
      </c>
      <c r="Q509" s="236">
        <f t="shared" si="114"/>
        <v>8.7234755828862447</v>
      </c>
      <c r="R509" s="238">
        <v>35</v>
      </c>
      <c r="S509" s="236">
        <f t="shared" si="119"/>
        <v>1.8677109796507245</v>
      </c>
      <c r="T509" s="236" t="e">
        <f t="shared" si="105"/>
        <v>#N/A</v>
      </c>
    </row>
    <row r="510" spans="1:20" x14ac:dyDescent="0.2">
      <c r="A510" s="53">
        <f t="shared" si="106"/>
        <v>498</v>
      </c>
      <c r="B510" s="239">
        <v>4.6989999999999998</v>
      </c>
      <c r="C510" s="3">
        <f t="shared" si="107"/>
        <v>4.6920000000000002</v>
      </c>
      <c r="D510" s="239">
        <v>0.16259999999999999</v>
      </c>
      <c r="E510" s="239">
        <v>5.1000000000000004E-3</v>
      </c>
      <c r="F510" s="239">
        <v>0.10440000000000001</v>
      </c>
      <c r="G510">
        <f t="shared" si="108"/>
        <v>0.18347999999999998</v>
      </c>
      <c r="H510" s="235">
        <f t="shared" si="109"/>
        <v>2.7795945062132117</v>
      </c>
      <c r="I510" s="236">
        <f t="shared" si="110"/>
        <v>14.492112388160866</v>
      </c>
      <c r="J510" s="237">
        <f t="shared" si="115"/>
        <v>4.4921123881608658</v>
      </c>
      <c r="K510" s="237">
        <f t="shared" si="111"/>
        <v>67.996991325250789</v>
      </c>
      <c r="L510" s="237">
        <f t="shared" si="116"/>
        <v>21.108436111967908</v>
      </c>
      <c r="M510" s="236">
        <f t="shared" si="112"/>
        <v>5.4709410049223628</v>
      </c>
      <c r="N510" s="236">
        <f t="shared" si="113"/>
        <v>4.4162340923796304</v>
      </c>
      <c r="O510" s="236">
        <f t="shared" si="117"/>
        <v>3.3078549464418057</v>
      </c>
      <c r="P510" s="236" t="str">
        <f t="shared" si="118"/>
        <v>CLAY</v>
      </c>
      <c r="Q510" s="236">
        <f t="shared" si="114"/>
        <v>9.6235840562291006</v>
      </c>
      <c r="R510" s="238">
        <v>35</v>
      </c>
      <c r="S510" s="236">
        <f t="shared" si="119"/>
        <v>2.0917874268095167</v>
      </c>
      <c r="T510" s="236" t="e">
        <f t="shared" si="105"/>
        <v>#N/A</v>
      </c>
    </row>
    <row r="511" spans="1:20" x14ac:dyDescent="0.2">
      <c r="A511" s="53">
        <f t="shared" si="106"/>
        <v>499</v>
      </c>
      <c r="B511" s="239">
        <v>4.7089999999999996</v>
      </c>
      <c r="C511" s="3">
        <f t="shared" si="107"/>
        <v>4.702</v>
      </c>
      <c r="D511" s="239">
        <v>0.17050000000000001</v>
      </c>
      <c r="E511" s="239">
        <v>5.1999999999999998E-3</v>
      </c>
      <c r="F511" s="239">
        <v>0.1096</v>
      </c>
      <c r="G511">
        <f t="shared" si="108"/>
        <v>0.19242000000000001</v>
      </c>
      <c r="H511" s="235">
        <f t="shared" si="109"/>
        <v>2.7024217856771644</v>
      </c>
      <c r="I511" s="236">
        <f t="shared" si="110"/>
        <v>14.53347727147732</v>
      </c>
      <c r="J511" s="237">
        <f t="shared" si="115"/>
        <v>4.5334772714773202</v>
      </c>
      <c r="K511" s="237">
        <f t="shared" si="111"/>
        <v>68.336410130486357</v>
      </c>
      <c r="L511" s="237">
        <f t="shared" si="116"/>
        <v>21.3481444713867</v>
      </c>
      <c r="M511" s="236">
        <f t="shared" si="112"/>
        <v>5.8123828998733407</v>
      </c>
      <c r="N511" s="236">
        <f t="shared" si="113"/>
        <v>4.1907233708085991</v>
      </c>
      <c r="O511" s="236">
        <f t="shared" si="117"/>
        <v>3.2733083942549435</v>
      </c>
      <c r="P511" s="236" t="str">
        <f t="shared" si="118"/>
        <v>CLAY</v>
      </c>
      <c r="Q511" s="236">
        <f t="shared" si="114"/>
        <v>10.340299155792804</v>
      </c>
      <c r="R511" s="238">
        <v>35</v>
      </c>
      <c r="S511" s="236">
        <f t="shared" si="119"/>
        <v>2.2562269329992271</v>
      </c>
      <c r="T511" s="236" t="e">
        <f t="shared" si="105"/>
        <v>#N/A</v>
      </c>
    </row>
    <row r="512" spans="1:20" x14ac:dyDescent="0.2">
      <c r="A512" s="53">
        <f t="shared" si="106"/>
        <v>500</v>
      </c>
      <c r="B512" s="239">
        <v>4.7190000000000003</v>
      </c>
      <c r="C512" s="3">
        <f t="shared" si="107"/>
        <v>4.7120000000000006</v>
      </c>
      <c r="D512" s="239">
        <v>0.1736</v>
      </c>
      <c r="E512" s="239">
        <v>5.4000000000000003E-3</v>
      </c>
      <c r="F512" s="239">
        <v>0.1133</v>
      </c>
      <c r="G512">
        <f t="shared" si="108"/>
        <v>0.19625999999999999</v>
      </c>
      <c r="H512" s="235">
        <f t="shared" si="109"/>
        <v>2.7514521553041886</v>
      </c>
      <c r="I512" s="236">
        <f t="shared" si="110"/>
        <v>14.585454820962266</v>
      </c>
      <c r="J512" s="237">
        <f t="shared" si="115"/>
        <v>4.5854548209622656</v>
      </c>
      <c r="K512" s="237">
        <f t="shared" si="111"/>
        <v>68.726663116374212</v>
      </c>
      <c r="L512" s="237">
        <f t="shared" si="116"/>
        <v>21.638761300120933</v>
      </c>
      <c r="M512" s="236">
        <f t="shared" si="112"/>
        <v>5.8937447996578731</v>
      </c>
      <c r="N512" s="236">
        <f t="shared" si="113"/>
        <v>4.2341870227448863</v>
      </c>
      <c r="O512" s="236">
        <f t="shared" si="117"/>
        <v>3.2708479873960936</v>
      </c>
      <c r="P512" s="236" t="str">
        <f t="shared" si="118"/>
        <v>CLAY</v>
      </c>
      <c r="Q512" s="236">
        <f t="shared" si="114"/>
        <v>10.627778073635481</v>
      </c>
      <c r="R512" s="238">
        <v>35</v>
      </c>
      <c r="S512" s="236">
        <f t="shared" si="119"/>
        <v>2.2957741805318208</v>
      </c>
      <c r="T512" s="236" t="e">
        <f t="shared" si="105"/>
        <v>#N/A</v>
      </c>
    </row>
    <row r="513" spans="1:20" x14ac:dyDescent="0.2">
      <c r="A513" s="53">
        <f t="shared" si="106"/>
        <v>501</v>
      </c>
      <c r="B513" s="239">
        <v>4.7279999999999998</v>
      </c>
      <c r="C513" s="3">
        <f t="shared" si="107"/>
        <v>4.7210000000000001</v>
      </c>
      <c r="D513" s="239">
        <v>0.17530000000000001</v>
      </c>
      <c r="E513" s="239">
        <v>5.4999999999999997E-3</v>
      </c>
      <c r="F513" s="239">
        <v>0.1172</v>
      </c>
      <c r="G513">
        <f t="shared" si="108"/>
        <v>0.19874</v>
      </c>
      <c r="H513" s="235">
        <f t="shared" si="109"/>
        <v>2.7674348394887791</v>
      </c>
      <c r="I513" s="236">
        <f t="shared" si="110"/>
        <v>14.61187907295262</v>
      </c>
      <c r="J513" s="237">
        <f t="shared" si="115"/>
        <v>4.61187907295262</v>
      </c>
      <c r="K513" s="237">
        <f t="shared" si="111"/>
        <v>68.98268110340932</v>
      </c>
      <c r="L513" s="237">
        <f t="shared" si="116"/>
        <v>21.804964256919988</v>
      </c>
      <c r="M513" s="236">
        <f t="shared" si="112"/>
        <v>5.9508154825528372</v>
      </c>
      <c r="N513" s="236">
        <f t="shared" si="113"/>
        <v>4.2386819077104949</v>
      </c>
      <c r="O513" s="236">
        <f t="shared" si="117"/>
        <v>3.2676550696384079</v>
      </c>
      <c r="P513" s="236" t="str">
        <f t="shared" si="118"/>
        <v>CLAY</v>
      </c>
      <c r="Q513" s="236">
        <f t="shared" si="114"/>
        <v>10.813109908049222</v>
      </c>
      <c r="R513" s="238">
        <v>35</v>
      </c>
      <c r="S513" s="236">
        <f t="shared" si="119"/>
        <v>2.3235959669674782</v>
      </c>
      <c r="T513" s="236" t="e">
        <f t="shared" si="105"/>
        <v>#N/A</v>
      </c>
    </row>
    <row r="514" spans="1:20" x14ac:dyDescent="0.2">
      <c r="A514" s="53">
        <f t="shared" si="106"/>
        <v>502</v>
      </c>
      <c r="B514" s="239">
        <v>4.7389999999999999</v>
      </c>
      <c r="C514" s="3">
        <f t="shared" si="107"/>
        <v>4.7320000000000002</v>
      </c>
      <c r="D514" s="239">
        <v>0.17660000000000001</v>
      </c>
      <c r="E514" s="239">
        <v>5.5999999999999999E-3</v>
      </c>
      <c r="F514" s="239">
        <v>0.1201</v>
      </c>
      <c r="G514">
        <f t="shared" si="108"/>
        <v>0.20061999999999999</v>
      </c>
      <c r="H514" s="235">
        <f t="shared" si="109"/>
        <v>2.7913468248429867</v>
      </c>
      <c r="I514" s="236">
        <f t="shared" si="110"/>
        <v>14.636687530767251</v>
      </c>
      <c r="J514" s="237">
        <f t="shared" si="115"/>
        <v>4.6366875307672508</v>
      </c>
      <c r="K514" s="237">
        <f t="shared" si="111"/>
        <v>69.260805395590637</v>
      </c>
      <c r="L514" s="237">
        <f t="shared" si="116"/>
        <v>21.973262208306</v>
      </c>
      <c r="M514" s="236">
        <f t="shared" si="112"/>
        <v>5.9781380369982093</v>
      </c>
      <c r="N514" s="236">
        <f t="shared" si="113"/>
        <v>4.2631199261418304</v>
      </c>
      <c r="O514" s="236">
        <f t="shared" si="117"/>
        <v>3.267426977175492</v>
      </c>
      <c r="P514" s="236" t="str">
        <f t="shared" si="118"/>
        <v>CLAY</v>
      </c>
      <c r="Q514" s="236">
        <f t="shared" si="114"/>
        <v>10.946599550367447</v>
      </c>
      <c r="R514" s="238">
        <v>35</v>
      </c>
      <c r="S514" s="236">
        <f t="shared" si="119"/>
        <v>2.3369393003875949</v>
      </c>
      <c r="T514" s="236" t="e">
        <f t="shared" si="105"/>
        <v>#N/A</v>
      </c>
    </row>
    <row r="515" spans="1:20" x14ac:dyDescent="0.2">
      <c r="A515" s="53">
        <f t="shared" si="106"/>
        <v>503</v>
      </c>
      <c r="B515" s="239">
        <v>4.7489999999999997</v>
      </c>
      <c r="C515" s="3">
        <f t="shared" si="107"/>
        <v>4.742</v>
      </c>
      <c r="D515" s="239">
        <v>0.18060000000000001</v>
      </c>
      <c r="E515" s="239">
        <v>5.7999999999999996E-3</v>
      </c>
      <c r="F515" s="239">
        <v>0.1211</v>
      </c>
      <c r="G515">
        <f t="shared" si="108"/>
        <v>0.20482</v>
      </c>
      <c r="H515" s="235">
        <f t="shared" si="109"/>
        <v>2.8317547114539594</v>
      </c>
      <c r="I515" s="236">
        <f t="shared" si="110"/>
        <v>14.685933762625611</v>
      </c>
      <c r="J515" s="237">
        <f t="shared" si="115"/>
        <v>4.685933762625611</v>
      </c>
      <c r="K515" s="237">
        <f t="shared" si="111"/>
        <v>69.640697902370647</v>
      </c>
      <c r="L515" s="237">
        <f t="shared" si="116"/>
        <v>22.253499438709024</v>
      </c>
      <c r="M515" s="236">
        <f t="shared" si="112"/>
        <v>6.0745188625250846</v>
      </c>
      <c r="N515" s="236">
        <f t="shared" si="113"/>
        <v>4.2905976802655168</v>
      </c>
      <c r="O515" s="236">
        <f t="shared" si="117"/>
        <v>3.2632867737761719</v>
      </c>
      <c r="P515" s="236" t="str">
        <f t="shared" si="118"/>
        <v>CLAY</v>
      </c>
      <c r="Q515" s="236">
        <f t="shared" si="114"/>
        <v>11.264941841469112</v>
      </c>
      <c r="R515" s="238">
        <v>35</v>
      </c>
      <c r="S515" s="236">
        <f t="shared" si="119"/>
        <v>2.3841296283013955</v>
      </c>
      <c r="T515" s="236" t="e">
        <f t="shared" si="105"/>
        <v>#N/A</v>
      </c>
    </row>
    <row r="516" spans="1:20" x14ac:dyDescent="0.2">
      <c r="A516" s="53">
        <f t="shared" si="106"/>
        <v>504</v>
      </c>
      <c r="B516" s="239">
        <v>4.7590000000000003</v>
      </c>
      <c r="C516" s="3">
        <f t="shared" si="107"/>
        <v>4.7520000000000007</v>
      </c>
      <c r="D516" s="239">
        <v>0.1835</v>
      </c>
      <c r="E516" s="239">
        <v>5.7999999999999996E-3</v>
      </c>
      <c r="F516" s="239">
        <v>0.1235</v>
      </c>
      <c r="G516">
        <f t="shared" si="108"/>
        <v>0.2082</v>
      </c>
      <c r="H516" s="235">
        <f t="shared" si="109"/>
        <v>2.7857829010566761</v>
      </c>
      <c r="I516" s="236">
        <f t="shared" si="110"/>
        <v>14.692331289659483</v>
      </c>
      <c r="J516" s="237">
        <f t="shared" si="115"/>
        <v>4.6923312896594833</v>
      </c>
      <c r="K516" s="237">
        <f t="shared" si="111"/>
        <v>69.817958288461881</v>
      </c>
      <c r="L516" s="237">
        <f t="shared" si="116"/>
        <v>22.330804607489483</v>
      </c>
      <c r="M516" s="236">
        <f t="shared" si="112"/>
        <v>6.1969124778032603</v>
      </c>
      <c r="N516" s="236">
        <f t="shared" si="113"/>
        <v>4.1912952925570286</v>
      </c>
      <c r="O516" s="236">
        <f t="shared" si="117"/>
        <v>3.2503833465030452</v>
      </c>
      <c r="P516" s="236" t="str">
        <f t="shared" si="118"/>
        <v>CLAY</v>
      </c>
      <c r="Q516" s="236">
        <f t="shared" si="114"/>
        <v>11.531836809294843</v>
      </c>
      <c r="R516" s="238">
        <v>35</v>
      </c>
      <c r="S516" s="236">
        <f t="shared" si="119"/>
        <v>2.4443264748866604</v>
      </c>
      <c r="T516" s="236" t="e">
        <f t="shared" si="105"/>
        <v>#N/A</v>
      </c>
    </row>
    <row r="517" spans="1:20" x14ac:dyDescent="0.2">
      <c r="A517" s="53">
        <f t="shared" si="106"/>
        <v>505</v>
      </c>
      <c r="B517" s="239">
        <v>4.7690000000000001</v>
      </c>
      <c r="C517" s="3">
        <f t="shared" si="107"/>
        <v>4.7620000000000005</v>
      </c>
      <c r="D517" s="239">
        <v>0.18529999999999999</v>
      </c>
      <c r="E517" s="239">
        <v>5.7999999999999996E-3</v>
      </c>
      <c r="F517" s="239">
        <v>0.1236</v>
      </c>
      <c r="G517">
        <f t="shared" si="108"/>
        <v>0.21001999999999998</v>
      </c>
      <c r="H517" s="235">
        <f t="shared" si="109"/>
        <v>2.7616417484049141</v>
      </c>
      <c r="I517" s="236">
        <f t="shared" si="110"/>
        <v>14.695733225731733</v>
      </c>
      <c r="J517" s="237">
        <f t="shared" si="115"/>
        <v>4.6957332257317326</v>
      </c>
      <c r="K517" s="237">
        <f t="shared" si="111"/>
        <v>69.981081620934518</v>
      </c>
      <c r="L517" s="237">
        <f t="shared" si="116"/>
        <v>22.393951753514632</v>
      </c>
      <c r="M517" s="236">
        <f t="shared" si="112"/>
        <v>6.2534259214471604</v>
      </c>
      <c r="N517" s="236">
        <f t="shared" si="113"/>
        <v>4.1417057965987869</v>
      </c>
      <c r="O517" s="236">
        <f t="shared" si="117"/>
        <v>3.2442059861023038</v>
      </c>
      <c r="P517" s="236" t="str">
        <f t="shared" si="118"/>
        <v>CLAY</v>
      </c>
      <c r="Q517" s="236">
        <f t="shared" si="114"/>
        <v>11.669909864922124</v>
      </c>
      <c r="R517" s="238">
        <v>35</v>
      </c>
      <c r="S517" s="236">
        <f t="shared" si="119"/>
        <v>2.4722223059229953</v>
      </c>
      <c r="T517" s="236" t="e">
        <f t="shared" si="105"/>
        <v>#N/A</v>
      </c>
    </row>
    <row r="518" spans="1:20" x14ac:dyDescent="0.2">
      <c r="A518" s="53">
        <f t="shared" si="106"/>
        <v>506</v>
      </c>
      <c r="B518" s="239">
        <v>4.7789999999999999</v>
      </c>
      <c r="C518" s="3">
        <f t="shared" si="107"/>
        <v>4.7720000000000002</v>
      </c>
      <c r="D518" s="239">
        <v>0.18870000000000001</v>
      </c>
      <c r="E518" s="239">
        <v>5.7000000000000002E-3</v>
      </c>
      <c r="F518" s="239">
        <v>0.1236</v>
      </c>
      <c r="G518">
        <f t="shared" si="108"/>
        <v>0.21342</v>
      </c>
      <c r="H518" s="235">
        <f t="shared" si="109"/>
        <v>2.6707899915659263</v>
      </c>
      <c r="I518" s="236">
        <f t="shared" si="110"/>
        <v>14.681616768710695</v>
      </c>
      <c r="J518" s="237">
        <f t="shared" si="115"/>
        <v>4.6816167687106951</v>
      </c>
      <c r="K518" s="237">
        <f t="shared" si="111"/>
        <v>70.060675220287436</v>
      </c>
      <c r="L518" s="237">
        <f t="shared" si="116"/>
        <v>22.373446537668411</v>
      </c>
      <c r="M518" s="236">
        <f t="shared" si="112"/>
        <v>6.407565528107158</v>
      </c>
      <c r="N518" s="236">
        <f t="shared" si="113"/>
        <v>3.9760231912076041</v>
      </c>
      <c r="O518" s="236">
        <f t="shared" si="117"/>
        <v>3.2254609296217538</v>
      </c>
      <c r="P518" s="236" t="str">
        <f t="shared" si="118"/>
        <v>CLAY</v>
      </c>
      <c r="Q518" s="236">
        <f t="shared" si="114"/>
        <v>11.94661039830938</v>
      </c>
      <c r="R518" s="238">
        <v>35</v>
      </c>
      <c r="S518" s="236">
        <f t="shared" si="119"/>
        <v>2.5486272894503474</v>
      </c>
      <c r="T518" s="236" t="e">
        <f t="shared" si="105"/>
        <v>#N/A</v>
      </c>
    </row>
    <row r="519" spans="1:20" x14ac:dyDescent="0.2">
      <c r="A519" s="53">
        <f t="shared" si="106"/>
        <v>507</v>
      </c>
      <c r="B519" s="239">
        <v>4.7889999999999997</v>
      </c>
      <c r="C519" s="3">
        <f t="shared" si="107"/>
        <v>4.782</v>
      </c>
      <c r="D519" s="239">
        <v>0.193</v>
      </c>
      <c r="E519" s="239">
        <v>5.5999999999999999E-3</v>
      </c>
      <c r="F519" s="239">
        <v>0.124</v>
      </c>
      <c r="G519">
        <f t="shared" si="108"/>
        <v>0.21779999999999999</v>
      </c>
      <c r="H519" s="235">
        <f t="shared" si="109"/>
        <v>2.5711662075298443</v>
      </c>
      <c r="I519" s="236">
        <f t="shared" si="110"/>
        <v>14.66880281517701</v>
      </c>
      <c r="J519" s="237">
        <f t="shared" si="115"/>
        <v>4.6688028151770098</v>
      </c>
      <c r="K519" s="237">
        <f t="shared" si="111"/>
        <v>70.146215062176466</v>
      </c>
      <c r="L519" s="237">
        <f t="shared" si="116"/>
        <v>22.358896681882698</v>
      </c>
      <c r="M519" s="236">
        <f t="shared" si="112"/>
        <v>6.6038046080094208</v>
      </c>
      <c r="N519" s="236">
        <f t="shared" si="113"/>
        <v>3.7926559094696692</v>
      </c>
      <c r="O519" s="236">
        <f t="shared" si="117"/>
        <v>3.2030904161184606</v>
      </c>
      <c r="P519" s="236" t="str">
        <f t="shared" si="118"/>
        <v>CLAY</v>
      </c>
      <c r="Q519" s="236">
        <f t="shared" si="114"/>
        <v>12.304482078151958</v>
      </c>
      <c r="R519" s="238">
        <v>35</v>
      </c>
      <c r="S519" s="236">
        <f t="shared" si="119"/>
        <v>2.646566295509623</v>
      </c>
      <c r="T519" s="236" t="e">
        <f t="shared" si="105"/>
        <v>#N/A</v>
      </c>
    </row>
    <row r="520" spans="1:20" x14ac:dyDescent="0.2">
      <c r="A520" s="53">
        <f t="shared" si="106"/>
        <v>508</v>
      </c>
      <c r="B520" s="239">
        <v>4.7990000000000004</v>
      </c>
      <c r="C520" s="3">
        <f t="shared" si="107"/>
        <v>4.7920000000000007</v>
      </c>
      <c r="D520" s="239">
        <v>0.19689999999999999</v>
      </c>
      <c r="E520" s="239">
        <v>5.4999999999999997E-3</v>
      </c>
      <c r="F520" s="239">
        <v>0.1212</v>
      </c>
      <c r="G520">
        <f t="shared" si="108"/>
        <v>0.22113999999999998</v>
      </c>
      <c r="H520" s="235">
        <f t="shared" si="109"/>
        <v>2.4871122365922043</v>
      </c>
      <c r="I520" s="236">
        <f t="shared" si="110"/>
        <v>14.653622890747842</v>
      </c>
      <c r="J520" s="237">
        <f t="shared" si="115"/>
        <v>4.6536228907478421</v>
      </c>
      <c r="K520" s="237">
        <f t="shared" si="111"/>
        <v>70.220160892463667</v>
      </c>
      <c r="L520" s="237">
        <f t="shared" si="116"/>
        <v>22.332736252698897</v>
      </c>
      <c r="M520" s="236">
        <f t="shared" si="112"/>
        <v>6.7577854052388115</v>
      </c>
      <c r="N520" s="236">
        <f t="shared" si="113"/>
        <v>3.6443187539320352</v>
      </c>
      <c r="O520" s="236">
        <f t="shared" si="117"/>
        <v>3.1850886430789083</v>
      </c>
      <c r="P520" s="236" t="str">
        <f t="shared" si="118"/>
        <v>CLAY</v>
      </c>
      <c r="Q520" s="236">
        <f t="shared" si="114"/>
        <v>12.576653258961359</v>
      </c>
      <c r="R520" s="238">
        <v>35</v>
      </c>
      <c r="S520" s="236">
        <f t="shared" si="119"/>
        <v>2.7239272500149476</v>
      </c>
      <c r="T520" s="236" t="e">
        <f t="shared" si="105"/>
        <v>#N/A</v>
      </c>
    </row>
    <row r="521" spans="1:20" x14ac:dyDescent="0.2">
      <c r="A521" s="53">
        <f t="shared" si="106"/>
        <v>509</v>
      </c>
      <c r="B521" s="239">
        <v>4.8090000000000002</v>
      </c>
      <c r="C521" s="3">
        <f t="shared" si="107"/>
        <v>4.8020000000000005</v>
      </c>
      <c r="D521" s="239">
        <v>0.19969999999999999</v>
      </c>
      <c r="E521" s="239">
        <v>5.1999999999999998E-3</v>
      </c>
      <c r="F521" s="239">
        <v>0.112</v>
      </c>
      <c r="G521">
        <f t="shared" si="108"/>
        <v>0.22209999999999999</v>
      </c>
      <c r="H521" s="235">
        <f t="shared" si="109"/>
        <v>2.3412877082395318</v>
      </c>
      <c r="I521" s="236">
        <f t="shared" si="110"/>
        <v>14.58954578489007</v>
      </c>
      <c r="J521" s="237">
        <f t="shared" si="115"/>
        <v>4.5895457848900705</v>
      </c>
      <c r="K521" s="237">
        <f t="shared" si="111"/>
        <v>70.05899885904212</v>
      </c>
      <c r="L521" s="237">
        <f t="shared" si="116"/>
        <v>22.071125679536351</v>
      </c>
      <c r="M521" s="236">
        <f t="shared" si="112"/>
        <v>6.8886835836345881</v>
      </c>
      <c r="N521" s="236">
        <f t="shared" si="113"/>
        <v>3.4201300708215268</v>
      </c>
      <c r="O521" s="236">
        <f t="shared" si="117"/>
        <v>3.1628108370648573</v>
      </c>
      <c r="P521" s="236" t="str">
        <f t="shared" si="118"/>
        <v>CLAY</v>
      </c>
      <c r="Q521" s="236">
        <f t="shared" si="114"/>
        <v>12.670083428413156</v>
      </c>
      <c r="R521" s="238">
        <v>35</v>
      </c>
      <c r="S521" s="236">
        <f t="shared" si="119"/>
        <v>2.7900391974269194</v>
      </c>
      <c r="T521" s="236" t="e">
        <f t="shared" si="105"/>
        <v>#N/A</v>
      </c>
    </row>
    <row r="522" spans="1:20" x14ac:dyDescent="0.2">
      <c r="A522" s="53">
        <f t="shared" si="106"/>
        <v>510</v>
      </c>
      <c r="B522" s="239">
        <v>4.82</v>
      </c>
      <c r="C522" s="3">
        <f t="shared" si="107"/>
        <v>4.8130000000000006</v>
      </c>
      <c r="D522" s="239">
        <v>0.19939999999999999</v>
      </c>
      <c r="E522" s="239">
        <v>5.0000000000000001E-3</v>
      </c>
      <c r="F522" s="239">
        <v>0.1022</v>
      </c>
      <c r="G522">
        <f t="shared" si="108"/>
        <v>0.21983999999999998</v>
      </c>
      <c r="H522" s="235">
        <f t="shared" si="109"/>
        <v>2.2743813682678313</v>
      </c>
      <c r="I522" s="236">
        <f t="shared" si="110"/>
        <v>14.539558109931248</v>
      </c>
      <c r="J522" s="237">
        <f t="shared" si="115"/>
        <v>4.5395581099312476</v>
      </c>
      <c r="K522" s="237">
        <f t="shared" si="111"/>
        <v>69.978893183099103</v>
      </c>
      <c r="L522" s="237">
        <f t="shared" si="116"/>
        <v>21.880670089868616</v>
      </c>
      <c r="M522" s="236">
        <f t="shared" si="112"/>
        <v>6.8490181608419256</v>
      </c>
      <c r="N522" s="236">
        <f t="shared" si="113"/>
        <v>3.3364227091349061</v>
      </c>
      <c r="O522" s="236">
        <f t="shared" si="117"/>
        <v>3.1589465085600401</v>
      </c>
      <c r="P522" s="236" t="str">
        <f t="shared" si="118"/>
        <v>CLAY</v>
      </c>
      <c r="Q522" s="236">
        <f t="shared" si="114"/>
        <v>12.488425568075073</v>
      </c>
      <c r="R522" s="238">
        <v>35</v>
      </c>
      <c r="S522" s="236">
        <f t="shared" si="119"/>
        <v>2.7699721712026539</v>
      </c>
      <c r="T522" s="236" t="e">
        <f t="shared" si="105"/>
        <v>#N/A</v>
      </c>
    </row>
    <row r="523" spans="1:20" x14ac:dyDescent="0.2">
      <c r="A523" s="53">
        <f t="shared" si="106"/>
        <v>511</v>
      </c>
      <c r="B523" s="239">
        <v>4.8289999999999997</v>
      </c>
      <c r="C523" s="3">
        <f t="shared" si="107"/>
        <v>4.8220000000000001</v>
      </c>
      <c r="D523" s="239">
        <v>0.19670000000000001</v>
      </c>
      <c r="E523" s="239">
        <v>4.7999999999999996E-3</v>
      </c>
      <c r="F523" s="239">
        <v>9.7500000000000003E-2</v>
      </c>
      <c r="G523">
        <f t="shared" si="108"/>
        <v>0.2162</v>
      </c>
      <c r="H523" s="235">
        <f t="shared" si="109"/>
        <v>2.2201665124884364</v>
      </c>
      <c r="I523" s="236">
        <f t="shared" si="110"/>
        <v>14.485164515952134</v>
      </c>
      <c r="J523" s="237">
        <f t="shared" si="115"/>
        <v>4.4851645159521336</v>
      </c>
      <c r="K523" s="237">
        <f t="shared" si="111"/>
        <v>69.847463295921187</v>
      </c>
      <c r="L523" s="237">
        <f t="shared" si="116"/>
        <v>21.658859447532851</v>
      </c>
      <c r="M523" s="236">
        <f t="shared" si="112"/>
        <v>6.7571672949172665</v>
      </c>
      <c r="N523" s="236">
        <f t="shared" si="113"/>
        <v>3.2797518294510191</v>
      </c>
      <c r="O523" s="236">
        <f t="shared" si="117"/>
        <v>3.1597446904288078</v>
      </c>
      <c r="P523" s="236" t="str">
        <f t="shared" si="118"/>
        <v>CLAY</v>
      </c>
      <c r="Q523" s="236">
        <f t="shared" si="114"/>
        <v>12.196044725339902</v>
      </c>
      <c r="R523" s="238">
        <v>35</v>
      </c>
      <c r="S523" s="236">
        <f t="shared" si="119"/>
        <v>2.7236158187921311</v>
      </c>
      <c r="T523" s="236" t="e">
        <f t="shared" si="105"/>
        <v>#N/A</v>
      </c>
    </row>
    <row r="524" spans="1:20" x14ac:dyDescent="0.2">
      <c r="A524" s="53">
        <f t="shared" si="106"/>
        <v>512</v>
      </c>
      <c r="B524" s="239">
        <v>4.84</v>
      </c>
      <c r="C524" s="3">
        <f t="shared" si="107"/>
        <v>4.8330000000000002</v>
      </c>
      <c r="D524" s="239">
        <v>0.19209999999999999</v>
      </c>
      <c r="E524" s="239">
        <v>4.7000000000000002E-3</v>
      </c>
      <c r="F524" s="239">
        <v>9.5899999999999999E-2</v>
      </c>
      <c r="G524">
        <f t="shared" si="108"/>
        <v>0.21128</v>
      </c>
      <c r="H524" s="235">
        <f t="shared" si="109"/>
        <v>2.2245361605452483</v>
      </c>
      <c r="I524" s="236">
        <f t="shared" si="110"/>
        <v>14.451479820187904</v>
      </c>
      <c r="J524" s="237">
        <f t="shared" si="115"/>
        <v>4.4514798201879042</v>
      </c>
      <c r="K524" s="237">
        <f t="shared" si="111"/>
        <v>69.844001970968151</v>
      </c>
      <c r="L524" s="237">
        <f t="shared" si="116"/>
        <v>21.545162329709456</v>
      </c>
      <c r="M524" s="236">
        <f t="shared" si="112"/>
        <v>6.5646290273710441</v>
      </c>
      <c r="N524" s="236">
        <f t="shared" si="113"/>
        <v>3.3230578250914982</v>
      </c>
      <c r="O524" s="236">
        <f t="shared" si="117"/>
        <v>3.1733654114681187</v>
      </c>
      <c r="P524" s="236" t="str">
        <f t="shared" si="118"/>
        <v>CLAY</v>
      </c>
      <c r="Q524" s="236">
        <f t="shared" si="114"/>
        <v>11.786333169085987</v>
      </c>
      <c r="R524" s="238">
        <v>35</v>
      </c>
      <c r="S524" s="236">
        <f t="shared" si="119"/>
        <v>2.6269556732419659</v>
      </c>
      <c r="T524" s="236" t="e">
        <f t="shared" si="105"/>
        <v>#N/A</v>
      </c>
    </row>
    <row r="525" spans="1:20" x14ac:dyDescent="0.2">
      <c r="A525" s="53">
        <f t="shared" si="106"/>
        <v>513</v>
      </c>
      <c r="B525" s="239">
        <v>4.8499999999999996</v>
      </c>
      <c r="C525" s="3">
        <f t="shared" si="107"/>
        <v>4.843</v>
      </c>
      <c r="D525" s="239">
        <v>0.19320000000000001</v>
      </c>
      <c r="E525" s="239">
        <v>4.7999999999999996E-3</v>
      </c>
      <c r="F525" s="239">
        <v>9.4899999999999998E-2</v>
      </c>
      <c r="G525">
        <f t="shared" si="108"/>
        <v>0.21218000000000001</v>
      </c>
      <c r="H525" s="235">
        <f t="shared" si="109"/>
        <v>2.2622301819210104</v>
      </c>
      <c r="I525" s="236">
        <f t="shared" si="110"/>
        <v>14.477828395863465</v>
      </c>
      <c r="J525" s="237">
        <f t="shared" si="115"/>
        <v>4.4778283958634653</v>
      </c>
      <c r="K525" s="237">
        <f t="shared" si="111"/>
        <v>70.116122921166763</v>
      </c>
      <c r="L525" s="237">
        <f t="shared" si="116"/>
        <v>21.717467719937805</v>
      </c>
      <c r="M525" s="236">
        <f t="shared" si="112"/>
        <v>6.5414568084478351</v>
      </c>
      <c r="N525" s="236">
        <f t="shared" si="113"/>
        <v>3.3787617927225884</v>
      </c>
      <c r="O525" s="236">
        <f t="shared" si="117"/>
        <v>3.1786155838741856</v>
      </c>
      <c r="P525" s="236" t="str">
        <f t="shared" si="118"/>
        <v>CLAY</v>
      </c>
      <c r="Q525" s="236">
        <f t="shared" si="114"/>
        <v>11.838656423236102</v>
      </c>
      <c r="R525" s="238">
        <v>35</v>
      </c>
      <c r="S525" s="236">
        <f t="shared" si="119"/>
        <v>2.6153698111363628</v>
      </c>
      <c r="T525" s="236" t="e">
        <f t="shared" ref="T525:T588" si="120">IF(P525="SAND",17.6+(11*LOG(M525)),#N/A)</f>
        <v>#N/A</v>
      </c>
    </row>
    <row r="526" spans="1:20" x14ac:dyDescent="0.2">
      <c r="A526" s="53">
        <f t="shared" ref="A526:A589" si="121">$A525+1</f>
        <v>514</v>
      </c>
      <c r="B526" s="239">
        <v>4.859</v>
      </c>
      <c r="C526" s="3">
        <f t="shared" ref="C526:C589" si="122">MAX($B526 - $B$13, 0.001)</f>
        <v>4.8520000000000003</v>
      </c>
      <c r="D526" s="239">
        <v>0.1903</v>
      </c>
      <c r="E526" s="239">
        <v>5.0000000000000001E-3</v>
      </c>
      <c r="F526" s="239">
        <v>9.6100000000000005E-2</v>
      </c>
      <c r="G526">
        <f t="shared" si="108"/>
        <v>0.20951999999999998</v>
      </c>
      <c r="H526" s="235">
        <f t="shared" si="109"/>
        <v>2.3864070255822836</v>
      </c>
      <c r="I526" s="236">
        <f t="shared" si="110"/>
        <v>14.520765002965195</v>
      </c>
      <c r="J526" s="237">
        <f t="shared" si="115"/>
        <v>4.5207650029651951</v>
      </c>
      <c r="K526" s="237">
        <f t="shared" si="111"/>
        <v>70.454751794387136</v>
      </c>
      <c r="L526" s="237">
        <f t="shared" si="116"/>
        <v>21.966397149407882</v>
      </c>
      <c r="M526" s="236">
        <f t="shared" si="112"/>
        <v>6.3308173506897303</v>
      </c>
      <c r="N526" s="236">
        <f t="shared" si="113"/>
        <v>3.5954345636426179</v>
      </c>
      <c r="O526" s="236">
        <f t="shared" si="117"/>
        <v>3.2053704747605694</v>
      </c>
      <c r="P526" s="236" t="str">
        <f t="shared" si="118"/>
        <v>CLAY</v>
      </c>
      <c r="Q526" s="236">
        <f t="shared" si="114"/>
        <v>11.588770683801071</v>
      </c>
      <c r="R526" s="238">
        <v>35</v>
      </c>
      <c r="S526" s="236">
        <f t="shared" si="119"/>
        <v>2.5105260875634969</v>
      </c>
      <c r="T526" s="236" t="e">
        <f t="shared" si="120"/>
        <v>#N/A</v>
      </c>
    </row>
    <row r="527" spans="1:20" x14ac:dyDescent="0.2">
      <c r="A527" s="53">
        <f t="shared" si="121"/>
        <v>515</v>
      </c>
      <c r="B527" s="239">
        <v>4.87</v>
      </c>
      <c r="C527" s="3">
        <f t="shared" si="122"/>
        <v>4.8630000000000004</v>
      </c>
      <c r="D527" s="239">
        <v>0.19009999999999999</v>
      </c>
      <c r="E527" s="239">
        <v>5.0000000000000001E-3</v>
      </c>
      <c r="F527" s="239">
        <v>9.5399999999999999E-2</v>
      </c>
      <c r="G527">
        <f t="shared" ref="G527:G590" si="123">$D527+($F527*(1-$P$8))</f>
        <v>0.20917999999999998</v>
      </c>
      <c r="H527" s="235">
        <f t="shared" ref="H527:H590" si="124">($E527/$G527)*100</f>
        <v>2.3902858781910319</v>
      </c>
      <c r="I527" s="236">
        <f t="shared" ref="I527:I590" si="125">((0.27*(LOG($H527)))+(0.36*(LOG(($G527*1000)/101)))+1.236)*10</f>
        <v>14.520130208885078</v>
      </c>
      <c r="J527" s="237">
        <f t="shared" si="115"/>
        <v>4.5201302088850781</v>
      </c>
      <c r="K527" s="237">
        <f t="shared" ref="K527:K590" si="126">$I527*$C527</f>
        <v>70.611393205808142</v>
      </c>
      <c r="L527" s="237">
        <f t="shared" si="116"/>
        <v>22.01303411727033</v>
      </c>
      <c r="M527" s="236">
        <f t="shared" ref="M527:M590" si="127">(($G527*1000)-$K527)/$L527</f>
        <v>6.2948435938450586</v>
      </c>
      <c r="N527" s="236">
        <f t="shared" ref="N527:N590" si="128">(($E527*1000)/(($G527*1000)-$K527))*100</f>
        <v>3.6083209001489194</v>
      </c>
      <c r="O527" s="236">
        <f t="shared" si="117"/>
        <v>3.2082916077636545</v>
      </c>
      <c r="P527" s="236" t="str">
        <f t="shared" si="118"/>
        <v>CLAY</v>
      </c>
      <c r="Q527" s="236">
        <f t="shared" ref="Q527:Q590" si="129">IF(P527="CLAY",($G527*1000 -$K527)/$L$8,#N/A)</f>
        <v>11.547383899515987</v>
      </c>
      <c r="R527" s="238">
        <v>35</v>
      </c>
      <c r="S527" s="236">
        <f t="shared" si="119"/>
        <v>2.4927067424924112</v>
      </c>
      <c r="T527" s="236" t="e">
        <f t="shared" si="120"/>
        <v>#N/A</v>
      </c>
    </row>
    <row r="528" spans="1:20" x14ac:dyDescent="0.2">
      <c r="A528" s="53">
        <f t="shared" si="121"/>
        <v>516</v>
      </c>
      <c r="B528" s="239">
        <v>4.88</v>
      </c>
      <c r="C528" s="3">
        <f t="shared" si="122"/>
        <v>4.8730000000000002</v>
      </c>
      <c r="D528" s="239">
        <v>0.1893</v>
      </c>
      <c r="E528" s="239">
        <v>5.0000000000000001E-3</v>
      </c>
      <c r="F528" s="239">
        <v>9.4500000000000001E-2</v>
      </c>
      <c r="G528">
        <f t="shared" si="123"/>
        <v>0.2082</v>
      </c>
      <c r="H528" s="235">
        <f t="shared" si="124"/>
        <v>2.4015369836695486</v>
      </c>
      <c r="I528" s="236">
        <f t="shared" si="125"/>
        <v>14.518294718746802</v>
      </c>
      <c r="J528" s="237">
        <f t="shared" ref="J528:J591" si="130">$I528-10</f>
        <v>4.5182947187468017</v>
      </c>
      <c r="K528" s="237">
        <f t="shared" si="126"/>
        <v>70.747650164453162</v>
      </c>
      <c r="L528" s="237">
        <f t="shared" ref="L528:L591" si="131">$J528*$B528</f>
        <v>22.049278227484393</v>
      </c>
      <c r="M528" s="236">
        <f t="shared" si="127"/>
        <v>6.2338707152877539</v>
      </c>
      <c r="N528" s="236">
        <f t="shared" si="128"/>
        <v>3.6376242428610261</v>
      </c>
      <c r="O528" s="236">
        <f t="shared" ref="O528:O591" si="132">((3.47-LOG($M528))^2+(LOG($N528)+1.22)^2)^0.5</f>
        <v>3.2137568419739648</v>
      </c>
      <c r="P528" s="236" t="str">
        <f t="shared" ref="P528:P591" si="133">IF(O528&lt;2.6,"SAND","CLAY")</f>
        <v>CLAY</v>
      </c>
      <c r="Q528" s="236">
        <f t="shared" si="129"/>
        <v>11.454362486295571</v>
      </c>
      <c r="R528" s="238">
        <v>35</v>
      </c>
      <c r="S528" s="236">
        <f t="shared" ref="S528:S591" si="134">IF(P528="SAND",#N/A,0.25*($M528)^1.25)</f>
        <v>2.462562420050288</v>
      </c>
      <c r="T528" s="236" t="e">
        <f t="shared" si="120"/>
        <v>#N/A</v>
      </c>
    </row>
    <row r="529" spans="1:20" x14ac:dyDescent="0.2">
      <c r="A529" s="53">
        <f t="shared" si="121"/>
        <v>517</v>
      </c>
      <c r="B529" s="239">
        <v>4.8899999999999997</v>
      </c>
      <c r="C529" s="3">
        <f t="shared" si="122"/>
        <v>4.883</v>
      </c>
      <c r="D529" s="239">
        <v>0.17810000000000001</v>
      </c>
      <c r="E529" s="239">
        <v>5.1000000000000004E-3</v>
      </c>
      <c r="F529" s="239">
        <v>9.4100000000000003E-2</v>
      </c>
      <c r="G529">
        <f t="shared" si="123"/>
        <v>0.19692000000000001</v>
      </c>
      <c r="H529" s="235">
        <f t="shared" si="124"/>
        <v>2.5898842169408898</v>
      </c>
      <c r="I529" s="236">
        <f t="shared" si="125"/>
        <v>14.519743374237562</v>
      </c>
      <c r="J529" s="237">
        <f t="shared" si="130"/>
        <v>4.5197433742375619</v>
      </c>
      <c r="K529" s="237">
        <f t="shared" si="126"/>
        <v>70.899906896402015</v>
      </c>
      <c r="L529" s="237">
        <f t="shared" si="131"/>
        <v>22.101545100021678</v>
      </c>
      <c r="M529" s="236">
        <f t="shared" si="127"/>
        <v>5.7018680157105575</v>
      </c>
      <c r="N529" s="236">
        <f t="shared" si="128"/>
        <v>4.0469736804649212</v>
      </c>
      <c r="O529" s="236">
        <f t="shared" si="132"/>
        <v>3.2717133554021678</v>
      </c>
      <c r="P529" s="236" t="str">
        <f t="shared" si="133"/>
        <v>CLAY</v>
      </c>
      <c r="Q529" s="236">
        <f t="shared" si="129"/>
        <v>10.501674425299834</v>
      </c>
      <c r="R529" s="238">
        <v>35</v>
      </c>
      <c r="S529" s="236">
        <f t="shared" si="134"/>
        <v>2.202730975200716</v>
      </c>
      <c r="T529" s="236" t="e">
        <f t="shared" si="120"/>
        <v>#N/A</v>
      </c>
    </row>
    <row r="530" spans="1:20" x14ac:dyDescent="0.2">
      <c r="A530" s="53">
        <f t="shared" si="121"/>
        <v>518</v>
      </c>
      <c r="B530" s="239">
        <v>4.899</v>
      </c>
      <c r="C530" s="3">
        <f t="shared" si="122"/>
        <v>4.8920000000000003</v>
      </c>
      <c r="D530" s="239">
        <v>0.1668</v>
      </c>
      <c r="E530" s="239">
        <v>5.1000000000000004E-3</v>
      </c>
      <c r="F530" s="239">
        <v>8.9399999999999993E-2</v>
      </c>
      <c r="G530">
        <f t="shared" si="123"/>
        <v>0.18468000000000001</v>
      </c>
      <c r="H530" s="235">
        <f t="shared" si="124"/>
        <v>2.7615334632878494</v>
      </c>
      <c r="I530" s="236">
        <f t="shared" si="125"/>
        <v>14.494660409138106</v>
      </c>
      <c r="J530" s="237">
        <f t="shared" si="130"/>
        <v>4.4946604091381062</v>
      </c>
      <c r="K530" s="237">
        <f t="shared" si="126"/>
        <v>70.907878721503621</v>
      </c>
      <c r="L530" s="237">
        <f t="shared" si="131"/>
        <v>22.019341344367582</v>
      </c>
      <c r="M530" s="236">
        <f t="shared" si="127"/>
        <v>5.1669175521273543</v>
      </c>
      <c r="N530" s="236">
        <f t="shared" si="128"/>
        <v>4.4826447311428756</v>
      </c>
      <c r="O530" s="236">
        <f t="shared" si="132"/>
        <v>3.3320283764063521</v>
      </c>
      <c r="P530" s="236" t="str">
        <f t="shared" si="133"/>
        <v>CLAY</v>
      </c>
      <c r="Q530" s="236">
        <f t="shared" si="129"/>
        <v>9.4810101065413654</v>
      </c>
      <c r="R530" s="238">
        <v>35</v>
      </c>
      <c r="S530" s="236">
        <f t="shared" si="134"/>
        <v>1.9475087750854825</v>
      </c>
      <c r="T530" s="236" t="e">
        <f t="shared" si="120"/>
        <v>#N/A</v>
      </c>
    </row>
    <row r="531" spans="1:20" x14ac:dyDescent="0.2">
      <c r="A531" s="53">
        <f t="shared" si="121"/>
        <v>519</v>
      </c>
      <c r="B531" s="239">
        <v>4.91</v>
      </c>
      <c r="C531" s="3">
        <f t="shared" si="122"/>
        <v>4.9030000000000005</v>
      </c>
      <c r="D531" s="239">
        <v>0.16739999999999999</v>
      </c>
      <c r="E531" s="239">
        <v>5.1000000000000004E-3</v>
      </c>
      <c r="F531" s="239">
        <v>8.5000000000000006E-2</v>
      </c>
      <c r="G531">
        <f t="shared" si="123"/>
        <v>0.18439999999999998</v>
      </c>
      <c r="H531" s="235">
        <f t="shared" si="124"/>
        <v>2.7657266811279833</v>
      </c>
      <c r="I531" s="236">
        <f t="shared" si="125"/>
        <v>14.494067354892763</v>
      </c>
      <c r="J531" s="237">
        <f t="shared" si="130"/>
        <v>4.4940673548927634</v>
      </c>
      <c r="K531" s="237">
        <f t="shared" si="126"/>
        <v>71.064412241039221</v>
      </c>
      <c r="L531" s="237">
        <f t="shared" si="131"/>
        <v>22.06587071252347</v>
      </c>
      <c r="M531" s="236">
        <f t="shared" si="127"/>
        <v>5.136239092284594</v>
      </c>
      <c r="N531" s="236">
        <f t="shared" si="128"/>
        <v>4.4999104878218397</v>
      </c>
      <c r="O531" s="236">
        <f t="shared" si="132"/>
        <v>3.3351059192649313</v>
      </c>
      <c r="P531" s="236" t="str">
        <f t="shared" si="133"/>
        <v>CLAY</v>
      </c>
      <c r="Q531" s="236">
        <f t="shared" si="129"/>
        <v>9.4446323132467302</v>
      </c>
      <c r="R531" s="238">
        <v>35</v>
      </c>
      <c r="S531" s="236">
        <f t="shared" si="134"/>
        <v>1.9330654052811185</v>
      </c>
      <c r="T531" s="236" t="e">
        <f t="shared" si="120"/>
        <v>#N/A</v>
      </c>
    </row>
    <row r="532" spans="1:20" x14ac:dyDescent="0.2">
      <c r="A532" s="53">
        <f t="shared" si="121"/>
        <v>520</v>
      </c>
      <c r="B532" s="239">
        <v>4.9189999999999996</v>
      </c>
      <c r="C532" s="3">
        <f t="shared" si="122"/>
        <v>4.9119999999999999</v>
      </c>
      <c r="D532" s="239">
        <v>0.16650000000000001</v>
      </c>
      <c r="E532" s="239">
        <v>5.1000000000000004E-3</v>
      </c>
      <c r="F532" s="239">
        <v>8.8499999999999995E-2</v>
      </c>
      <c r="G532">
        <f t="shared" si="123"/>
        <v>0.1842</v>
      </c>
      <c r="H532" s="235">
        <f t="shared" si="124"/>
        <v>2.7687296416938114</v>
      </c>
      <c r="I532" s="236">
        <f t="shared" si="125"/>
        <v>14.493643193121661</v>
      </c>
      <c r="J532" s="237">
        <f t="shared" si="130"/>
        <v>4.4936431931216614</v>
      </c>
      <c r="K532" s="237">
        <f t="shared" si="126"/>
        <v>71.192775364613595</v>
      </c>
      <c r="L532" s="237">
        <f t="shared" si="131"/>
        <v>22.104230866965452</v>
      </c>
      <c r="M532" s="236">
        <f t="shared" si="127"/>
        <v>5.1124703372635576</v>
      </c>
      <c r="N532" s="236">
        <f t="shared" si="128"/>
        <v>4.5129857993194333</v>
      </c>
      <c r="O532" s="236">
        <f t="shared" si="132"/>
        <v>3.337480339319371</v>
      </c>
      <c r="P532" s="236" t="str">
        <f t="shared" si="133"/>
        <v>CLAY</v>
      </c>
      <c r="Q532" s="236">
        <f t="shared" si="129"/>
        <v>9.4172687196155334</v>
      </c>
      <c r="R532" s="238">
        <v>35</v>
      </c>
      <c r="S532" s="236">
        <f t="shared" si="134"/>
        <v>1.9218899254442878</v>
      </c>
      <c r="T532" s="236" t="e">
        <f t="shared" si="120"/>
        <v>#N/A</v>
      </c>
    </row>
    <row r="533" spans="1:20" x14ac:dyDescent="0.2">
      <c r="A533" s="53">
        <f t="shared" si="121"/>
        <v>521</v>
      </c>
      <c r="B533" s="239">
        <v>4.93</v>
      </c>
      <c r="C533" s="3">
        <f t="shared" si="122"/>
        <v>4.923</v>
      </c>
      <c r="D533" s="239">
        <v>0.16289999999999999</v>
      </c>
      <c r="E533" s="239">
        <v>5.3E-3</v>
      </c>
      <c r="F533" s="239">
        <v>9.1800000000000007E-2</v>
      </c>
      <c r="G533">
        <f t="shared" si="123"/>
        <v>0.18125999999999998</v>
      </c>
      <c r="H533" s="235">
        <f t="shared" si="124"/>
        <v>2.923976608187135</v>
      </c>
      <c r="I533" s="236">
        <f t="shared" si="125"/>
        <v>14.532459680395849</v>
      </c>
      <c r="J533" s="237">
        <f t="shared" si="130"/>
        <v>4.5324596803958492</v>
      </c>
      <c r="K533" s="237">
        <f t="shared" si="126"/>
        <v>71.543299006588768</v>
      </c>
      <c r="L533" s="237">
        <f t="shared" si="131"/>
        <v>22.345026224351535</v>
      </c>
      <c r="M533" s="236">
        <f t="shared" si="127"/>
        <v>4.9101173519251606</v>
      </c>
      <c r="N533" s="236">
        <f t="shared" si="128"/>
        <v>4.8306228240660269</v>
      </c>
      <c r="O533" s="236">
        <f t="shared" si="132"/>
        <v>3.368613705925033</v>
      </c>
      <c r="P533" s="236" t="str">
        <f t="shared" si="133"/>
        <v>CLAY</v>
      </c>
      <c r="Q533" s="236">
        <f t="shared" si="129"/>
        <v>9.1430584161176025</v>
      </c>
      <c r="R533" s="238">
        <v>35</v>
      </c>
      <c r="S533" s="236">
        <f t="shared" si="134"/>
        <v>1.8272789386568451</v>
      </c>
      <c r="T533" s="236" t="e">
        <f t="shared" si="120"/>
        <v>#N/A</v>
      </c>
    </row>
    <row r="534" spans="1:20" x14ac:dyDescent="0.2">
      <c r="A534" s="53">
        <f t="shared" si="121"/>
        <v>522</v>
      </c>
      <c r="B534" s="239">
        <v>4.9400000000000004</v>
      </c>
      <c r="C534" s="3">
        <f t="shared" si="122"/>
        <v>4.9330000000000007</v>
      </c>
      <c r="D534" s="239">
        <v>0.16830000000000001</v>
      </c>
      <c r="E534" s="239">
        <v>5.3E-3</v>
      </c>
      <c r="F534" s="239">
        <v>9.3799999999999994E-2</v>
      </c>
      <c r="G534">
        <f t="shared" si="123"/>
        <v>0.18706</v>
      </c>
      <c r="H534" s="235">
        <f t="shared" si="124"/>
        <v>2.8333155137389072</v>
      </c>
      <c r="I534" s="236">
        <f t="shared" si="125"/>
        <v>14.544770739313082</v>
      </c>
      <c r="J534" s="237">
        <f t="shared" si="130"/>
        <v>4.5447707393130816</v>
      </c>
      <c r="K534" s="237">
        <f t="shared" si="126"/>
        <v>71.749354057031439</v>
      </c>
      <c r="L534" s="237">
        <f t="shared" si="131"/>
        <v>22.451167452206626</v>
      </c>
      <c r="M534" s="236">
        <f t="shared" si="127"/>
        <v>5.1360645805363312</v>
      </c>
      <c r="N534" s="236">
        <f t="shared" si="128"/>
        <v>4.5962798635447104</v>
      </c>
      <c r="O534" s="236">
        <f t="shared" si="132"/>
        <v>3.3402955361365132</v>
      </c>
      <c r="P534" s="236" t="str">
        <f t="shared" si="133"/>
        <v>CLAY</v>
      </c>
      <c r="Q534" s="236">
        <f t="shared" si="129"/>
        <v>9.6092204952473796</v>
      </c>
      <c r="R534" s="238">
        <v>35</v>
      </c>
      <c r="S534" s="236">
        <f t="shared" si="134"/>
        <v>1.9329833069829792</v>
      </c>
      <c r="T534" s="236" t="e">
        <f t="shared" si="120"/>
        <v>#N/A</v>
      </c>
    </row>
    <row r="535" spans="1:20" x14ac:dyDescent="0.2">
      <c r="A535" s="53">
        <f t="shared" si="121"/>
        <v>523</v>
      </c>
      <c r="B535" s="239">
        <v>4.95</v>
      </c>
      <c r="C535" s="3">
        <f t="shared" si="122"/>
        <v>4.9430000000000005</v>
      </c>
      <c r="D535" s="239">
        <v>0.17660000000000001</v>
      </c>
      <c r="E535" s="239">
        <v>5.4999999999999997E-3</v>
      </c>
      <c r="F535" s="239">
        <v>9.6600000000000005E-2</v>
      </c>
      <c r="G535">
        <f t="shared" si="123"/>
        <v>0.19592000000000001</v>
      </c>
      <c r="H535" s="235">
        <f t="shared" si="124"/>
        <v>2.8072682727643934</v>
      </c>
      <c r="I535" s="236">
        <f t="shared" si="125"/>
        <v>14.606293210921937</v>
      </c>
      <c r="J535" s="237">
        <f t="shared" si="130"/>
        <v>4.6062932109219368</v>
      </c>
      <c r="K535" s="237">
        <f t="shared" si="126"/>
        <v>72.198907341587145</v>
      </c>
      <c r="L535" s="237">
        <f t="shared" si="131"/>
        <v>22.801151394063588</v>
      </c>
      <c r="M535" s="236">
        <f t="shared" si="127"/>
        <v>5.4260896969713723</v>
      </c>
      <c r="N535" s="236">
        <f t="shared" si="128"/>
        <v>4.4454828855942914</v>
      </c>
      <c r="O535" s="236">
        <f t="shared" si="132"/>
        <v>3.3124239947169278</v>
      </c>
      <c r="P535" s="236" t="str">
        <f t="shared" si="133"/>
        <v>CLAY</v>
      </c>
      <c r="Q535" s="236">
        <f t="shared" si="129"/>
        <v>10.310091054867739</v>
      </c>
      <c r="R535" s="238">
        <v>35</v>
      </c>
      <c r="S535" s="236">
        <f t="shared" si="134"/>
        <v>2.0703735919612316</v>
      </c>
      <c r="T535" s="236" t="e">
        <f t="shared" si="120"/>
        <v>#N/A</v>
      </c>
    </row>
    <row r="536" spans="1:20" x14ac:dyDescent="0.2">
      <c r="A536" s="53">
        <f t="shared" si="121"/>
        <v>524</v>
      </c>
      <c r="B536" s="239">
        <v>4.96</v>
      </c>
      <c r="C536" s="3">
        <f t="shared" si="122"/>
        <v>4.9530000000000003</v>
      </c>
      <c r="D536" s="239">
        <v>0.17449999999999999</v>
      </c>
      <c r="E536" s="239">
        <v>5.7999999999999996E-3</v>
      </c>
      <c r="F536" s="239">
        <v>9.74E-2</v>
      </c>
      <c r="G536">
        <f t="shared" si="123"/>
        <v>0.19397999999999999</v>
      </c>
      <c r="H536" s="235">
        <f t="shared" si="124"/>
        <v>2.9899989689658728</v>
      </c>
      <c r="I536" s="236">
        <f t="shared" si="125"/>
        <v>14.664679896498097</v>
      </c>
      <c r="J536" s="237">
        <f t="shared" si="130"/>
        <v>4.6646798964980967</v>
      </c>
      <c r="K536" s="237">
        <f t="shared" si="126"/>
        <v>72.634159527355081</v>
      </c>
      <c r="L536" s="237">
        <f t="shared" si="131"/>
        <v>23.136812286630558</v>
      </c>
      <c r="M536" s="236">
        <f t="shared" si="127"/>
        <v>5.2447086906074674</v>
      </c>
      <c r="N536" s="236">
        <f t="shared" si="128"/>
        <v>4.7797270820399476</v>
      </c>
      <c r="O536" s="236">
        <f t="shared" si="132"/>
        <v>3.3424189850649286</v>
      </c>
      <c r="P536" s="236" t="str">
        <f t="shared" si="133"/>
        <v>CLAY</v>
      </c>
      <c r="Q536" s="236">
        <f t="shared" si="129"/>
        <v>10.112153372720408</v>
      </c>
      <c r="R536" s="238">
        <v>35</v>
      </c>
      <c r="S536" s="236">
        <f t="shared" si="134"/>
        <v>1.9842286789015642</v>
      </c>
      <c r="T536" s="236" t="e">
        <f t="shared" si="120"/>
        <v>#N/A</v>
      </c>
    </row>
    <row r="537" spans="1:20" x14ac:dyDescent="0.2">
      <c r="A537" s="53">
        <f t="shared" si="121"/>
        <v>525</v>
      </c>
      <c r="B537" s="239">
        <v>4.97</v>
      </c>
      <c r="C537" s="3">
        <f t="shared" si="122"/>
        <v>4.9630000000000001</v>
      </c>
      <c r="D537" s="239">
        <v>0.17560000000000001</v>
      </c>
      <c r="E537" s="239">
        <v>5.7999999999999996E-3</v>
      </c>
      <c r="F537" s="239">
        <v>9.7199999999999995E-2</v>
      </c>
      <c r="G537">
        <f t="shared" si="123"/>
        <v>0.19503999999999999</v>
      </c>
      <c r="H537" s="235">
        <f t="shared" si="124"/>
        <v>2.9737489745693191</v>
      </c>
      <c r="I537" s="236">
        <f t="shared" si="125"/>
        <v>14.666809956449294</v>
      </c>
      <c r="J537" s="237">
        <f t="shared" si="130"/>
        <v>4.6668099564492938</v>
      </c>
      <c r="K537" s="237">
        <f t="shared" si="126"/>
        <v>72.791377813857849</v>
      </c>
      <c r="L537" s="237">
        <f t="shared" si="131"/>
        <v>23.194045483552987</v>
      </c>
      <c r="M537" s="236">
        <f t="shared" si="127"/>
        <v>5.270689939485945</v>
      </c>
      <c r="N537" s="236">
        <f t="shared" si="128"/>
        <v>4.7444297500290977</v>
      </c>
      <c r="O537" s="236">
        <f t="shared" si="132"/>
        <v>3.3388240818842401</v>
      </c>
      <c r="P537" s="236" t="str">
        <f t="shared" si="133"/>
        <v>CLAY</v>
      </c>
      <c r="Q537" s="236">
        <f t="shared" si="129"/>
        <v>10.187385182178511</v>
      </c>
      <c r="R537" s="238">
        <v>35</v>
      </c>
      <c r="S537" s="236">
        <f t="shared" si="134"/>
        <v>1.9965231230476697</v>
      </c>
      <c r="T537" s="236" t="e">
        <f t="shared" si="120"/>
        <v>#N/A</v>
      </c>
    </row>
    <row r="538" spans="1:20" x14ac:dyDescent="0.2">
      <c r="A538" s="53">
        <f t="shared" si="121"/>
        <v>526</v>
      </c>
      <c r="B538" s="239">
        <v>4.9800000000000004</v>
      </c>
      <c r="C538" s="3">
        <f t="shared" si="122"/>
        <v>4.9730000000000008</v>
      </c>
      <c r="D538" s="239">
        <v>0.1769</v>
      </c>
      <c r="E538" s="239">
        <v>5.7999999999999996E-3</v>
      </c>
      <c r="F538" s="239">
        <v>9.5699999999999993E-2</v>
      </c>
      <c r="G538">
        <f t="shared" si="123"/>
        <v>0.19603999999999999</v>
      </c>
      <c r="H538" s="235">
        <f t="shared" si="124"/>
        <v>2.9585798816568047</v>
      </c>
      <c r="I538" s="236">
        <f t="shared" si="125"/>
        <v>14.668808861458951</v>
      </c>
      <c r="J538" s="237">
        <f t="shared" si="130"/>
        <v>4.6688088614589507</v>
      </c>
      <c r="K538" s="237">
        <f t="shared" si="126"/>
        <v>72.947986468035367</v>
      </c>
      <c r="L538" s="237">
        <f t="shared" si="131"/>
        <v>23.250668130065577</v>
      </c>
      <c r="M538" s="236">
        <f t="shared" si="127"/>
        <v>5.2941280157361845</v>
      </c>
      <c r="N538" s="236">
        <f t="shared" si="128"/>
        <v>4.7119222714590263</v>
      </c>
      <c r="O538" s="236">
        <f t="shared" si="132"/>
        <v>3.3355425492632502</v>
      </c>
      <c r="P538" s="236" t="str">
        <f t="shared" si="133"/>
        <v>CLAY</v>
      </c>
      <c r="Q538" s="236">
        <f t="shared" si="129"/>
        <v>10.257667794330386</v>
      </c>
      <c r="R538" s="238">
        <v>35</v>
      </c>
      <c r="S538" s="236">
        <f t="shared" si="134"/>
        <v>2.0076271350687276</v>
      </c>
      <c r="T538" s="236" t="e">
        <f t="shared" si="120"/>
        <v>#N/A</v>
      </c>
    </row>
    <row r="539" spans="1:20" x14ac:dyDescent="0.2">
      <c r="A539" s="53">
        <f t="shared" si="121"/>
        <v>527</v>
      </c>
      <c r="B539" s="239">
        <v>4.9909999999999997</v>
      </c>
      <c r="C539" s="3">
        <f t="shared" si="122"/>
        <v>4.984</v>
      </c>
      <c r="D539" s="239">
        <v>0.18260000000000001</v>
      </c>
      <c r="E539" s="239">
        <v>5.7000000000000002E-3</v>
      </c>
      <c r="F539" s="239">
        <v>9.4600000000000004E-2</v>
      </c>
      <c r="G539">
        <f t="shared" si="123"/>
        <v>0.20152</v>
      </c>
      <c r="H539" s="235">
        <f t="shared" si="124"/>
        <v>2.8285033743549031</v>
      </c>
      <c r="I539" s="236">
        <f t="shared" si="125"/>
        <v>14.659191503739263</v>
      </c>
      <c r="J539" s="237">
        <f t="shared" si="130"/>
        <v>4.6591915037392635</v>
      </c>
      <c r="K539" s="237">
        <f t="shared" si="126"/>
        <v>73.061410454636487</v>
      </c>
      <c r="L539" s="237">
        <f t="shared" si="131"/>
        <v>23.254024795162664</v>
      </c>
      <c r="M539" s="236">
        <f t="shared" si="127"/>
        <v>5.5241443439109794</v>
      </c>
      <c r="N539" s="236">
        <f t="shared" si="128"/>
        <v>4.4372276078799056</v>
      </c>
      <c r="O539" s="236">
        <f t="shared" si="132"/>
        <v>3.305547497211252</v>
      </c>
      <c r="P539" s="236" t="str">
        <f t="shared" si="133"/>
        <v>CLAY</v>
      </c>
      <c r="Q539" s="236">
        <f t="shared" si="129"/>
        <v>10.704882462113625</v>
      </c>
      <c r="R539" s="238">
        <v>35</v>
      </c>
      <c r="S539" s="236">
        <f t="shared" si="134"/>
        <v>2.1172458056744818</v>
      </c>
      <c r="T539" s="236" t="e">
        <f t="shared" si="120"/>
        <v>#N/A</v>
      </c>
    </row>
    <row r="540" spans="1:20" x14ac:dyDescent="0.2">
      <c r="A540" s="53">
        <f t="shared" si="121"/>
        <v>528</v>
      </c>
      <c r="B540" s="239">
        <v>5</v>
      </c>
      <c r="C540" s="3">
        <f t="shared" si="122"/>
        <v>4.9930000000000003</v>
      </c>
      <c r="D540" s="239">
        <v>0.19359999999999999</v>
      </c>
      <c r="E540" s="239">
        <v>5.5999999999999999E-3</v>
      </c>
      <c r="F540" s="239">
        <v>9.4700000000000006E-2</v>
      </c>
      <c r="G540">
        <f t="shared" si="123"/>
        <v>0.21254000000000001</v>
      </c>
      <c r="H540" s="235">
        <f t="shared" si="124"/>
        <v>2.6347981556412909</v>
      </c>
      <c r="I540" s="236">
        <f t="shared" si="125"/>
        <v>14.659247335917707</v>
      </c>
      <c r="J540" s="237">
        <f t="shared" si="130"/>
        <v>4.6592473359177067</v>
      </c>
      <c r="K540" s="237">
        <f t="shared" si="126"/>
        <v>73.193621948237109</v>
      </c>
      <c r="L540" s="237">
        <f t="shared" si="131"/>
        <v>23.296236679588532</v>
      </c>
      <c r="M540" s="236">
        <f t="shared" si="127"/>
        <v>5.9814973537701928</v>
      </c>
      <c r="N540" s="236">
        <f t="shared" si="128"/>
        <v>4.0187625098657183</v>
      </c>
      <c r="O540" s="236">
        <f t="shared" si="132"/>
        <v>3.2527812264339575</v>
      </c>
      <c r="P540" s="236" t="str">
        <f t="shared" si="133"/>
        <v>CLAY</v>
      </c>
      <c r="Q540" s="236">
        <f t="shared" si="129"/>
        <v>11.612198170980243</v>
      </c>
      <c r="R540" s="238">
        <v>35</v>
      </c>
      <c r="S540" s="236">
        <f t="shared" si="134"/>
        <v>2.3385809216362832</v>
      </c>
      <c r="T540" s="236" t="e">
        <f t="shared" si="120"/>
        <v>#N/A</v>
      </c>
    </row>
    <row r="541" spans="1:20" x14ac:dyDescent="0.2">
      <c r="A541" s="53">
        <f t="shared" si="121"/>
        <v>529</v>
      </c>
      <c r="B541" s="239">
        <v>5.01</v>
      </c>
      <c r="C541" s="3">
        <f t="shared" si="122"/>
        <v>5.0030000000000001</v>
      </c>
      <c r="D541" s="239">
        <v>0.19900000000000001</v>
      </c>
      <c r="E541" s="239">
        <v>5.4999999999999997E-3</v>
      </c>
      <c r="F541" s="239">
        <v>9.5399999999999999E-2</v>
      </c>
      <c r="G541">
        <f t="shared" si="123"/>
        <v>0.21808</v>
      </c>
      <c r="H541" s="235">
        <f t="shared" si="124"/>
        <v>2.5220102714600143</v>
      </c>
      <c r="I541" s="236">
        <f t="shared" si="125"/>
        <v>14.648176570658485</v>
      </c>
      <c r="J541" s="237">
        <f t="shared" si="130"/>
        <v>4.6481765706584852</v>
      </c>
      <c r="K541" s="237">
        <f t="shared" si="126"/>
        <v>73.284827383004398</v>
      </c>
      <c r="L541" s="237">
        <f t="shared" si="131"/>
        <v>23.28736461899901</v>
      </c>
      <c r="M541" s="236">
        <f t="shared" si="127"/>
        <v>6.217756924665677</v>
      </c>
      <c r="N541" s="236">
        <f t="shared" si="128"/>
        <v>3.7984691758670053</v>
      </c>
      <c r="O541" s="236">
        <f t="shared" si="132"/>
        <v>3.2251399186855845</v>
      </c>
      <c r="P541" s="236" t="str">
        <f t="shared" si="133"/>
        <v>CLAY</v>
      </c>
      <c r="Q541" s="236">
        <f t="shared" si="129"/>
        <v>12.066264384749632</v>
      </c>
      <c r="R541" s="238">
        <v>35</v>
      </c>
      <c r="S541" s="236">
        <f t="shared" si="134"/>
        <v>2.4546082156395039</v>
      </c>
      <c r="T541" s="236" t="e">
        <f t="shared" si="120"/>
        <v>#N/A</v>
      </c>
    </row>
    <row r="542" spans="1:20" x14ac:dyDescent="0.2">
      <c r="A542" s="53">
        <f t="shared" si="121"/>
        <v>530</v>
      </c>
      <c r="B542" s="239">
        <v>5.0209999999999999</v>
      </c>
      <c r="C542" s="3">
        <f t="shared" si="122"/>
        <v>5.0140000000000002</v>
      </c>
      <c r="D542" s="239">
        <v>0.1978</v>
      </c>
      <c r="E542" s="239">
        <v>5.7000000000000002E-3</v>
      </c>
      <c r="F542" s="239">
        <v>9.7299999999999998E-2</v>
      </c>
      <c r="G542">
        <f t="shared" si="123"/>
        <v>0.21726000000000001</v>
      </c>
      <c r="H542" s="235">
        <f t="shared" si="124"/>
        <v>2.6235846451256561</v>
      </c>
      <c r="I542" s="236">
        <f t="shared" si="125"/>
        <v>14.688586962378803</v>
      </c>
      <c r="J542" s="237">
        <f t="shared" si="130"/>
        <v>4.6885869623788032</v>
      </c>
      <c r="K542" s="237">
        <f t="shared" si="126"/>
        <v>73.648575029367322</v>
      </c>
      <c r="L542" s="237">
        <f t="shared" si="131"/>
        <v>23.541395138103972</v>
      </c>
      <c r="M542" s="236">
        <f t="shared" si="127"/>
        <v>6.1003786788398129</v>
      </c>
      <c r="N542" s="236">
        <f t="shared" si="128"/>
        <v>3.9690435500974943</v>
      </c>
      <c r="O542" s="236">
        <f t="shared" si="132"/>
        <v>3.2426728810301051</v>
      </c>
      <c r="P542" s="236" t="str">
        <f t="shared" si="133"/>
        <v>CLAY</v>
      </c>
      <c r="Q542" s="236">
        <f t="shared" si="129"/>
        <v>11.967618747552725</v>
      </c>
      <c r="R542" s="238">
        <v>35</v>
      </c>
      <c r="S542" s="236">
        <f t="shared" si="134"/>
        <v>2.3968232112697083</v>
      </c>
      <c r="T542" s="236" t="e">
        <f t="shared" si="120"/>
        <v>#N/A</v>
      </c>
    </row>
    <row r="543" spans="1:20" x14ac:dyDescent="0.2">
      <c r="A543" s="53">
        <f t="shared" si="121"/>
        <v>531</v>
      </c>
      <c r="B543" s="239">
        <v>5.03</v>
      </c>
      <c r="C543" s="3">
        <f t="shared" si="122"/>
        <v>5.0230000000000006</v>
      </c>
      <c r="D543" s="239">
        <v>0.1976</v>
      </c>
      <c r="E543" s="239">
        <v>5.7000000000000002E-3</v>
      </c>
      <c r="F543" s="239">
        <v>9.74E-2</v>
      </c>
      <c r="G543">
        <f t="shared" si="123"/>
        <v>0.21708</v>
      </c>
      <c r="H543" s="235">
        <f t="shared" si="124"/>
        <v>2.6257600884466559</v>
      </c>
      <c r="I543" s="236">
        <f t="shared" si="125"/>
        <v>14.688262996314908</v>
      </c>
      <c r="J543" s="237">
        <f t="shared" si="130"/>
        <v>4.6882629963149078</v>
      </c>
      <c r="K543" s="237">
        <f t="shared" si="126"/>
        <v>73.779145030489786</v>
      </c>
      <c r="L543" s="237">
        <f t="shared" si="131"/>
        <v>23.581962871463986</v>
      </c>
      <c r="M543" s="236">
        <f t="shared" si="127"/>
        <v>6.0767144681970224</v>
      </c>
      <c r="N543" s="236">
        <f t="shared" si="128"/>
        <v>3.9776454936104719</v>
      </c>
      <c r="O543" s="236">
        <f t="shared" si="132"/>
        <v>3.244597695134154</v>
      </c>
      <c r="P543" s="236" t="str">
        <f t="shared" si="133"/>
        <v>CLAY</v>
      </c>
      <c r="Q543" s="236">
        <f t="shared" si="129"/>
        <v>11.94173791412585</v>
      </c>
      <c r="R543" s="238">
        <v>35</v>
      </c>
      <c r="S543" s="236">
        <f t="shared" si="134"/>
        <v>2.3852068422204429</v>
      </c>
      <c r="T543" s="236" t="e">
        <f t="shared" si="120"/>
        <v>#N/A</v>
      </c>
    </row>
    <row r="544" spans="1:20" x14ac:dyDescent="0.2">
      <c r="A544" s="53">
        <f t="shared" si="121"/>
        <v>532</v>
      </c>
      <c r="B544" s="239">
        <v>5.0410000000000004</v>
      </c>
      <c r="C544" s="3">
        <f t="shared" si="122"/>
        <v>5.0340000000000007</v>
      </c>
      <c r="D544" s="239">
        <v>0.19520000000000001</v>
      </c>
      <c r="E544" s="239">
        <v>5.7999999999999996E-3</v>
      </c>
      <c r="F544" s="239">
        <v>9.9000000000000005E-2</v>
      </c>
      <c r="G544">
        <f t="shared" si="123"/>
        <v>0.21500000000000002</v>
      </c>
      <c r="H544" s="235">
        <f t="shared" si="124"/>
        <v>2.6976744186046506</v>
      </c>
      <c r="I544" s="236">
        <f t="shared" si="125"/>
        <v>14.704893250926464</v>
      </c>
      <c r="J544" s="237">
        <f t="shared" si="130"/>
        <v>4.7048932509264638</v>
      </c>
      <c r="K544" s="237">
        <f t="shared" si="126"/>
        <v>74.024432625163826</v>
      </c>
      <c r="L544" s="237">
        <f t="shared" si="131"/>
        <v>23.717366877920306</v>
      </c>
      <c r="M544" s="236">
        <f t="shared" si="127"/>
        <v>5.9439805481137737</v>
      </c>
      <c r="N544" s="236">
        <f t="shared" si="128"/>
        <v>4.1141880880525443</v>
      </c>
      <c r="O544" s="236">
        <f t="shared" si="132"/>
        <v>3.2607663348990772</v>
      </c>
      <c r="P544" s="236" t="str">
        <f t="shared" si="133"/>
        <v>CLAY</v>
      </c>
      <c r="Q544" s="236">
        <f t="shared" si="129"/>
        <v>11.747963947903017</v>
      </c>
      <c r="R544" s="238">
        <v>35</v>
      </c>
      <c r="S544" s="236">
        <f t="shared" si="134"/>
        <v>2.320260427212133</v>
      </c>
      <c r="T544" s="236" t="e">
        <f t="shared" si="120"/>
        <v>#N/A</v>
      </c>
    </row>
    <row r="545" spans="1:20" x14ac:dyDescent="0.2">
      <c r="A545" s="53">
        <f t="shared" si="121"/>
        <v>533</v>
      </c>
      <c r="B545" s="239">
        <v>5.05</v>
      </c>
      <c r="C545" s="3">
        <f t="shared" si="122"/>
        <v>5.0430000000000001</v>
      </c>
      <c r="D545" s="239">
        <v>0.19439999999999999</v>
      </c>
      <c r="E545" s="239">
        <v>6.0000000000000001E-3</v>
      </c>
      <c r="F545" s="239">
        <v>0.1024</v>
      </c>
      <c r="G545">
        <f t="shared" si="123"/>
        <v>0.21487999999999999</v>
      </c>
      <c r="H545" s="235">
        <f t="shared" si="124"/>
        <v>2.7922561429635149</v>
      </c>
      <c r="I545" s="236">
        <f t="shared" si="125"/>
        <v>14.744427826210501</v>
      </c>
      <c r="J545" s="237">
        <f t="shared" si="130"/>
        <v>4.7444278262105009</v>
      </c>
      <c r="K545" s="237">
        <f t="shared" si="126"/>
        <v>74.356149527579561</v>
      </c>
      <c r="L545" s="237">
        <f t="shared" si="131"/>
        <v>23.959360522363028</v>
      </c>
      <c r="M545" s="236">
        <f t="shared" si="127"/>
        <v>5.8650918642531895</v>
      </c>
      <c r="N545" s="236">
        <f t="shared" si="128"/>
        <v>4.2697378273004096</v>
      </c>
      <c r="O545" s="236">
        <f t="shared" si="132"/>
        <v>3.2746455669566363</v>
      </c>
      <c r="P545" s="236" t="str">
        <f t="shared" si="133"/>
        <v>CLAY</v>
      </c>
      <c r="Q545" s="236">
        <f t="shared" si="129"/>
        <v>11.710320872701702</v>
      </c>
      <c r="R545" s="238">
        <v>35</v>
      </c>
      <c r="S545" s="236">
        <f t="shared" si="134"/>
        <v>2.2818312953070521</v>
      </c>
      <c r="T545" s="236" t="e">
        <f t="shared" si="120"/>
        <v>#N/A</v>
      </c>
    </row>
    <row r="546" spans="1:20" x14ac:dyDescent="0.2">
      <c r="A546" s="53">
        <f t="shared" si="121"/>
        <v>534</v>
      </c>
      <c r="B546" s="239">
        <v>5.0599999999999996</v>
      </c>
      <c r="C546" s="3">
        <f t="shared" si="122"/>
        <v>5.0529999999999999</v>
      </c>
      <c r="D546" s="239">
        <v>0.19600000000000001</v>
      </c>
      <c r="E546" s="239">
        <v>5.8999999999999999E-3</v>
      </c>
      <c r="F546" s="239">
        <v>0.1057</v>
      </c>
      <c r="G546">
        <f t="shared" si="123"/>
        <v>0.21714</v>
      </c>
      <c r="H546" s="235">
        <f t="shared" si="124"/>
        <v>2.7171410150133557</v>
      </c>
      <c r="I546" s="236">
        <f t="shared" si="125"/>
        <v>14.728809335958935</v>
      </c>
      <c r="J546" s="237">
        <f t="shared" si="130"/>
        <v>4.7288093359589354</v>
      </c>
      <c r="K546" s="237">
        <f t="shared" si="126"/>
        <v>74.424673574600504</v>
      </c>
      <c r="L546" s="237">
        <f t="shared" si="131"/>
        <v>23.927775239952211</v>
      </c>
      <c r="M546" s="236">
        <f t="shared" si="127"/>
        <v>5.9644210543698053</v>
      </c>
      <c r="N546" s="236">
        <f t="shared" si="128"/>
        <v>4.1341039871313772</v>
      </c>
      <c r="O546" s="236">
        <f t="shared" si="132"/>
        <v>3.2607144689950105</v>
      </c>
      <c r="P546" s="236" t="str">
        <f t="shared" si="133"/>
        <v>CLAY</v>
      </c>
      <c r="Q546" s="236">
        <f t="shared" si="129"/>
        <v>11.892943868783291</v>
      </c>
      <c r="R546" s="238">
        <v>35</v>
      </c>
      <c r="S546" s="236">
        <f t="shared" si="134"/>
        <v>2.33023851909482</v>
      </c>
      <c r="T546" s="236" t="e">
        <f t="shared" si="120"/>
        <v>#N/A</v>
      </c>
    </row>
    <row r="547" spans="1:20" x14ac:dyDescent="0.2">
      <c r="A547" s="53">
        <f t="shared" si="121"/>
        <v>535</v>
      </c>
      <c r="B547" s="239">
        <v>5.07</v>
      </c>
      <c r="C547" s="3">
        <f t="shared" si="122"/>
        <v>5.0630000000000006</v>
      </c>
      <c r="D547" s="239">
        <v>0.19839999999999999</v>
      </c>
      <c r="E547" s="239">
        <v>6.0000000000000001E-3</v>
      </c>
      <c r="F547" s="239">
        <v>0.10780000000000001</v>
      </c>
      <c r="G547">
        <f t="shared" si="123"/>
        <v>0.21995999999999999</v>
      </c>
      <c r="H547" s="235">
        <f t="shared" si="124"/>
        <v>2.7277686852154939</v>
      </c>
      <c r="I547" s="236">
        <f t="shared" si="125"/>
        <v>14.75356077032718</v>
      </c>
      <c r="J547" s="237">
        <f t="shared" si="130"/>
        <v>4.7535607703271801</v>
      </c>
      <c r="K547" s="237">
        <f t="shared" si="126"/>
        <v>74.697278180166521</v>
      </c>
      <c r="L547" s="237">
        <f t="shared" si="131"/>
        <v>24.100553105558806</v>
      </c>
      <c r="M547" s="236">
        <f t="shared" si="127"/>
        <v>6.0273605001342707</v>
      </c>
      <c r="N547" s="236">
        <f t="shared" si="128"/>
        <v>4.1304471820662174</v>
      </c>
      <c r="O547" s="236">
        <f t="shared" si="132"/>
        <v>3.2567316601522291</v>
      </c>
      <c r="P547" s="236" t="str">
        <f t="shared" si="133"/>
        <v>CLAY</v>
      </c>
      <c r="Q547" s="236">
        <f t="shared" si="129"/>
        <v>12.105226818319457</v>
      </c>
      <c r="R547" s="238">
        <v>35</v>
      </c>
      <c r="S547" s="236">
        <f t="shared" si="134"/>
        <v>2.3610162069197993</v>
      </c>
      <c r="T547" s="236" t="e">
        <f t="shared" si="120"/>
        <v>#N/A</v>
      </c>
    </row>
    <row r="548" spans="1:20" x14ac:dyDescent="0.2">
      <c r="A548" s="53">
        <f t="shared" si="121"/>
        <v>536</v>
      </c>
      <c r="B548" s="239">
        <v>5.08</v>
      </c>
      <c r="C548" s="3">
        <f t="shared" si="122"/>
        <v>5.0730000000000004</v>
      </c>
      <c r="D548" s="239">
        <v>0.19839999999999999</v>
      </c>
      <c r="E548" s="239">
        <v>6.1000000000000004E-3</v>
      </c>
      <c r="F548" s="239">
        <v>0.11</v>
      </c>
      <c r="G548">
        <f t="shared" si="123"/>
        <v>0.22039999999999998</v>
      </c>
      <c r="H548" s="235">
        <f t="shared" si="124"/>
        <v>2.7676950998185119</v>
      </c>
      <c r="I548" s="236">
        <f t="shared" si="125"/>
        <v>14.773724040073331</v>
      </c>
      <c r="J548" s="237">
        <f t="shared" si="130"/>
        <v>4.773724040073331</v>
      </c>
      <c r="K548" s="237">
        <f t="shared" si="126"/>
        <v>74.947102055292021</v>
      </c>
      <c r="L548" s="237">
        <f t="shared" si="131"/>
        <v>24.250518123572522</v>
      </c>
      <c r="M548" s="236">
        <f t="shared" si="127"/>
        <v>5.9979294959195792</v>
      </c>
      <c r="N548" s="236">
        <f t="shared" si="128"/>
        <v>4.1937975015931528</v>
      </c>
      <c r="O548" s="236">
        <f t="shared" si="132"/>
        <v>3.2622168744875637</v>
      </c>
      <c r="P548" s="236" t="str">
        <f t="shared" si="133"/>
        <v>CLAY</v>
      </c>
      <c r="Q548" s="236">
        <f t="shared" si="129"/>
        <v>12.121074828725662</v>
      </c>
      <c r="R548" s="238">
        <v>35</v>
      </c>
      <c r="S548" s="236">
        <f t="shared" si="134"/>
        <v>2.3466142531674352</v>
      </c>
      <c r="T548" s="236" t="e">
        <f t="shared" si="120"/>
        <v>#N/A</v>
      </c>
    </row>
    <row r="549" spans="1:20" x14ac:dyDescent="0.2">
      <c r="A549" s="53">
        <f t="shared" si="121"/>
        <v>537</v>
      </c>
      <c r="B549" s="239">
        <v>5.09</v>
      </c>
      <c r="C549" s="3">
        <f t="shared" si="122"/>
        <v>5.0830000000000002</v>
      </c>
      <c r="D549" s="239">
        <v>0.19919999999999999</v>
      </c>
      <c r="E549" s="239">
        <v>6.1000000000000004E-3</v>
      </c>
      <c r="F549" s="239">
        <v>0.1108</v>
      </c>
      <c r="G549">
        <f t="shared" si="123"/>
        <v>0.22135999999999997</v>
      </c>
      <c r="H549" s="235">
        <f t="shared" si="124"/>
        <v>2.7556920852909292</v>
      </c>
      <c r="I549" s="236">
        <f t="shared" si="125"/>
        <v>14.775422840431162</v>
      </c>
      <c r="J549" s="237">
        <f t="shared" si="130"/>
        <v>4.7754228404311618</v>
      </c>
      <c r="K549" s="237">
        <f t="shared" si="126"/>
        <v>75.103474297911603</v>
      </c>
      <c r="L549" s="237">
        <f t="shared" si="131"/>
        <v>24.306902257794611</v>
      </c>
      <c r="M549" s="236">
        <f t="shared" si="127"/>
        <v>6.0170779538633958</v>
      </c>
      <c r="N549" s="236">
        <f t="shared" si="128"/>
        <v>4.1707540711210127</v>
      </c>
      <c r="O549" s="236">
        <f t="shared" si="132"/>
        <v>3.2597232020871223</v>
      </c>
      <c r="P549" s="236" t="str">
        <f t="shared" si="133"/>
        <v>CLAY</v>
      </c>
      <c r="Q549" s="236">
        <f t="shared" si="129"/>
        <v>12.188043808507365</v>
      </c>
      <c r="R549" s="238">
        <v>35</v>
      </c>
      <c r="S549" s="236">
        <f t="shared" si="134"/>
        <v>2.3559824779923044</v>
      </c>
      <c r="T549" s="236" t="e">
        <f t="shared" si="120"/>
        <v>#N/A</v>
      </c>
    </row>
    <row r="550" spans="1:20" x14ac:dyDescent="0.2">
      <c r="A550" s="53">
        <f t="shared" si="121"/>
        <v>538</v>
      </c>
      <c r="B550" s="239">
        <v>5.0999999999999996</v>
      </c>
      <c r="C550" s="3">
        <f t="shared" si="122"/>
        <v>5.093</v>
      </c>
      <c r="D550" s="239">
        <v>0.2019</v>
      </c>
      <c r="E550" s="239">
        <v>6.1999999999999998E-3</v>
      </c>
      <c r="F550" s="239">
        <v>0.11169999999999999</v>
      </c>
      <c r="G550">
        <f t="shared" si="123"/>
        <v>0.22423999999999999</v>
      </c>
      <c r="H550" s="235">
        <f t="shared" si="124"/>
        <v>2.7648947556189798</v>
      </c>
      <c r="I550" s="236">
        <f t="shared" si="125"/>
        <v>14.79954239230478</v>
      </c>
      <c r="J550" s="237">
        <f t="shared" si="130"/>
        <v>4.7995423923047795</v>
      </c>
      <c r="K550" s="237">
        <f t="shared" si="126"/>
        <v>75.374069404008239</v>
      </c>
      <c r="L550" s="237">
        <f t="shared" si="131"/>
        <v>24.477666200754374</v>
      </c>
      <c r="M550" s="236">
        <f t="shared" si="127"/>
        <v>6.0817044147535553</v>
      </c>
      <c r="N550" s="236">
        <f t="shared" si="128"/>
        <v>4.1648213094681958</v>
      </c>
      <c r="O550" s="236">
        <f t="shared" si="132"/>
        <v>3.2555452474156419</v>
      </c>
      <c r="P550" s="236" t="str">
        <f t="shared" si="133"/>
        <v>CLAY</v>
      </c>
      <c r="Q550" s="236">
        <f t="shared" si="129"/>
        <v>12.405494216332647</v>
      </c>
      <c r="R550" s="238">
        <v>35</v>
      </c>
      <c r="S550" s="236">
        <f t="shared" si="134"/>
        <v>2.3876553849660564</v>
      </c>
      <c r="T550" s="236" t="e">
        <f t="shared" si="120"/>
        <v>#N/A</v>
      </c>
    </row>
    <row r="551" spans="1:20" x14ac:dyDescent="0.2">
      <c r="A551" s="53">
        <f t="shared" si="121"/>
        <v>539</v>
      </c>
      <c r="B551" s="239">
        <v>5.1100000000000003</v>
      </c>
      <c r="C551" s="3">
        <f t="shared" si="122"/>
        <v>5.1030000000000006</v>
      </c>
      <c r="D551" s="239">
        <v>0.20100000000000001</v>
      </c>
      <c r="E551" s="239">
        <v>6.1000000000000004E-3</v>
      </c>
      <c r="F551" s="239">
        <v>0.1153</v>
      </c>
      <c r="G551">
        <f t="shared" si="123"/>
        <v>0.22406000000000001</v>
      </c>
      <c r="H551" s="235">
        <f t="shared" si="124"/>
        <v>2.7224850486476835</v>
      </c>
      <c r="I551" s="236">
        <f t="shared" si="125"/>
        <v>14.780161507384195</v>
      </c>
      <c r="J551" s="237">
        <f t="shared" si="130"/>
        <v>4.7801615073841948</v>
      </c>
      <c r="K551" s="237">
        <f t="shared" si="126"/>
        <v>75.423164172181558</v>
      </c>
      <c r="L551" s="237">
        <f t="shared" si="131"/>
        <v>24.426625302733235</v>
      </c>
      <c r="M551" s="236">
        <f t="shared" si="127"/>
        <v>6.0850336051614393</v>
      </c>
      <c r="N551" s="236">
        <f t="shared" si="128"/>
        <v>4.1039624976047433</v>
      </c>
      <c r="O551" s="236">
        <f t="shared" si="132"/>
        <v>3.2517407615726821</v>
      </c>
      <c r="P551" s="236" t="str">
        <f t="shared" si="133"/>
        <v>CLAY</v>
      </c>
      <c r="Q551" s="236">
        <f t="shared" si="129"/>
        <v>12.386402985651538</v>
      </c>
      <c r="R551" s="238">
        <v>35</v>
      </c>
      <c r="S551" s="236">
        <f t="shared" si="134"/>
        <v>2.389289282042157</v>
      </c>
      <c r="T551" s="236" t="e">
        <f t="shared" si="120"/>
        <v>#N/A</v>
      </c>
    </row>
    <row r="552" spans="1:20" x14ac:dyDescent="0.2">
      <c r="A552" s="53">
        <f t="shared" si="121"/>
        <v>540</v>
      </c>
      <c r="B552" s="239">
        <v>5.1210000000000004</v>
      </c>
      <c r="C552" s="3">
        <f t="shared" si="122"/>
        <v>5.1140000000000008</v>
      </c>
      <c r="D552" s="239">
        <v>0.1983</v>
      </c>
      <c r="E552" s="239">
        <v>6.1999999999999998E-3</v>
      </c>
      <c r="F552" s="239">
        <v>0.11650000000000001</v>
      </c>
      <c r="G552">
        <f t="shared" si="123"/>
        <v>0.22159999999999999</v>
      </c>
      <c r="H552" s="235">
        <f t="shared" si="124"/>
        <v>2.7978339350180503</v>
      </c>
      <c r="I552" s="236">
        <f t="shared" si="125"/>
        <v>14.794913396478524</v>
      </c>
      <c r="J552" s="237">
        <f t="shared" si="130"/>
        <v>4.794913396478524</v>
      </c>
      <c r="K552" s="237">
        <f t="shared" si="126"/>
        <v>75.661187109591182</v>
      </c>
      <c r="L552" s="237">
        <f t="shared" si="131"/>
        <v>24.554751503366525</v>
      </c>
      <c r="M552" s="236">
        <f t="shared" si="127"/>
        <v>5.9434041867782783</v>
      </c>
      <c r="N552" s="236">
        <f t="shared" si="128"/>
        <v>4.2483557850068454</v>
      </c>
      <c r="O552" s="236">
        <f t="shared" si="132"/>
        <v>3.2686612351045539</v>
      </c>
      <c r="P552" s="236" t="str">
        <f t="shared" si="133"/>
        <v>CLAY</v>
      </c>
      <c r="Q552" s="236">
        <f t="shared" si="129"/>
        <v>12.161567740867403</v>
      </c>
      <c r="R552" s="238">
        <v>35</v>
      </c>
      <c r="S552" s="236">
        <f t="shared" si="134"/>
        <v>2.3199791989640328</v>
      </c>
      <c r="T552" s="236" t="e">
        <f t="shared" si="120"/>
        <v>#N/A</v>
      </c>
    </row>
    <row r="553" spans="1:20" x14ac:dyDescent="0.2">
      <c r="A553" s="53">
        <f t="shared" si="121"/>
        <v>541</v>
      </c>
      <c r="B553" s="239">
        <v>5.181</v>
      </c>
      <c r="C553" s="3">
        <f t="shared" si="122"/>
        <v>5.1740000000000004</v>
      </c>
      <c r="D553" s="239">
        <v>0.19900000000000001</v>
      </c>
      <c r="E553" s="239">
        <v>6.4999999999999997E-3</v>
      </c>
      <c r="F553" s="239">
        <v>0.1139</v>
      </c>
      <c r="G553">
        <f t="shared" si="123"/>
        <v>0.22178</v>
      </c>
      <c r="H553" s="235">
        <f t="shared" si="124"/>
        <v>2.9308323563892142</v>
      </c>
      <c r="I553" s="236">
        <f t="shared" si="125"/>
        <v>14.850639258542703</v>
      </c>
      <c r="J553" s="237">
        <f t="shared" si="130"/>
        <v>4.8506392585427029</v>
      </c>
      <c r="K553" s="237">
        <f t="shared" si="126"/>
        <v>76.837207523699945</v>
      </c>
      <c r="L553" s="237">
        <f t="shared" si="131"/>
        <v>25.131161998509743</v>
      </c>
      <c r="M553" s="236">
        <f t="shared" si="127"/>
        <v>5.7674528732453769</v>
      </c>
      <c r="N553" s="236">
        <f t="shared" si="128"/>
        <v>4.4845279223268939</v>
      </c>
      <c r="O553" s="236">
        <f t="shared" si="132"/>
        <v>3.2927330470827565</v>
      </c>
      <c r="P553" s="236" t="str">
        <f t="shared" si="133"/>
        <v>CLAY</v>
      </c>
      <c r="Q553" s="236">
        <f t="shared" si="129"/>
        <v>12.078566039691671</v>
      </c>
      <c r="R553" s="238">
        <v>35</v>
      </c>
      <c r="S553" s="236">
        <f t="shared" si="134"/>
        <v>2.2344470975387907</v>
      </c>
      <c r="T553" s="236" t="e">
        <f t="shared" si="120"/>
        <v>#N/A</v>
      </c>
    </row>
    <row r="554" spans="1:20" x14ac:dyDescent="0.2">
      <c r="A554" s="53">
        <f t="shared" si="121"/>
        <v>542</v>
      </c>
      <c r="B554" s="239">
        <v>5.1920000000000002</v>
      </c>
      <c r="C554" s="3">
        <f t="shared" si="122"/>
        <v>5.1850000000000005</v>
      </c>
      <c r="D554" s="239">
        <v>0.1978</v>
      </c>
      <c r="E554" s="239">
        <v>6.4000000000000003E-3</v>
      </c>
      <c r="F554" s="239">
        <v>0.11749999999999999</v>
      </c>
      <c r="G554">
        <f t="shared" si="123"/>
        <v>0.2213</v>
      </c>
      <c r="H554" s="235">
        <f t="shared" si="124"/>
        <v>2.89200180750113</v>
      </c>
      <c r="I554" s="236">
        <f t="shared" si="125"/>
        <v>14.831612256673514</v>
      </c>
      <c r="J554" s="237">
        <f t="shared" si="130"/>
        <v>4.8316122566735142</v>
      </c>
      <c r="K554" s="237">
        <f t="shared" si="126"/>
        <v>76.901909550852181</v>
      </c>
      <c r="L554" s="237">
        <f t="shared" si="131"/>
        <v>25.085730836648885</v>
      </c>
      <c r="M554" s="236">
        <f t="shared" si="127"/>
        <v>5.7561843180661914</v>
      </c>
      <c r="N554" s="236">
        <f t="shared" si="128"/>
        <v>4.4321915754515242</v>
      </c>
      <c r="O554" s="236">
        <f t="shared" si="132"/>
        <v>3.2905371448208611</v>
      </c>
      <c r="P554" s="236" t="str">
        <f t="shared" si="133"/>
        <v>CLAY</v>
      </c>
      <c r="Q554" s="236">
        <f t="shared" si="129"/>
        <v>12.03317420409565</v>
      </c>
      <c r="R554" s="238">
        <v>35</v>
      </c>
      <c r="S554" s="236">
        <f t="shared" si="134"/>
        <v>2.2289913013311957</v>
      </c>
      <c r="T554" s="236" t="e">
        <f t="shared" si="120"/>
        <v>#N/A</v>
      </c>
    </row>
    <row r="555" spans="1:20" x14ac:dyDescent="0.2">
      <c r="A555" s="53">
        <f t="shared" si="121"/>
        <v>543</v>
      </c>
      <c r="B555" s="239">
        <v>5.2009999999999996</v>
      </c>
      <c r="C555" s="3">
        <f t="shared" si="122"/>
        <v>5.194</v>
      </c>
      <c r="D555" s="239">
        <v>0.19489999999999999</v>
      </c>
      <c r="E555" s="239">
        <v>6.4999999999999997E-3</v>
      </c>
      <c r="F555" s="239">
        <v>0.1196</v>
      </c>
      <c r="G555">
        <f t="shared" si="123"/>
        <v>0.21881999999999999</v>
      </c>
      <c r="H555" s="235">
        <f t="shared" si="124"/>
        <v>2.9704780184626633</v>
      </c>
      <c r="I555" s="236">
        <f t="shared" si="125"/>
        <v>14.84538742964588</v>
      </c>
      <c r="J555" s="237">
        <f t="shared" si="130"/>
        <v>4.8453874296458803</v>
      </c>
      <c r="K555" s="237">
        <f t="shared" si="126"/>
        <v>77.106942309580702</v>
      </c>
      <c r="L555" s="237">
        <f t="shared" si="131"/>
        <v>25.200860021588223</v>
      </c>
      <c r="M555" s="236">
        <f t="shared" si="127"/>
        <v>5.6233421228093539</v>
      </c>
      <c r="N555" s="236">
        <f t="shared" si="128"/>
        <v>4.5867332946831487</v>
      </c>
      <c r="O555" s="236">
        <f t="shared" si="132"/>
        <v>3.3073380925768907</v>
      </c>
      <c r="P555" s="236" t="str">
        <f t="shared" si="133"/>
        <v>CLAY</v>
      </c>
      <c r="Q555" s="236">
        <f t="shared" si="129"/>
        <v>11.809421474201608</v>
      </c>
      <c r="R555" s="238">
        <v>35</v>
      </c>
      <c r="S555" s="236">
        <f t="shared" si="134"/>
        <v>2.164876579210897</v>
      </c>
      <c r="T555" s="236" t="e">
        <f t="shared" si="120"/>
        <v>#N/A</v>
      </c>
    </row>
    <row r="556" spans="1:20" x14ac:dyDescent="0.2">
      <c r="A556" s="53">
        <f t="shared" si="121"/>
        <v>544</v>
      </c>
      <c r="B556" s="239">
        <v>5.21</v>
      </c>
      <c r="C556" s="3">
        <f t="shared" si="122"/>
        <v>5.2030000000000003</v>
      </c>
      <c r="D556" s="239">
        <v>0.19409999999999999</v>
      </c>
      <c r="E556" s="239">
        <v>6.4000000000000003E-3</v>
      </c>
      <c r="F556" s="239">
        <v>0.1195</v>
      </c>
      <c r="G556">
        <f t="shared" si="123"/>
        <v>0.218</v>
      </c>
      <c r="H556" s="235">
        <f t="shared" si="124"/>
        <v>2.9357798165137616</v>
      </c>
      <c r="I556" s="236">
        <f t="shared" si="125"/>
        <v>14.825739828383126</v>
      </c>
      <c r="J556" s="237">
        <f t="shared" si="130"/>
        <v>4.8257398283831261</v>
      </c>
      <c r="K556" s="237">
        <f t="shared" si="126"/>
        <v>77.138324327077413</v>
      </c>
      <c r="L556" s="237">
        <f t="shared" si="131"/>
        <v>25.142104505876087</v>
      </c>
      <c r="M556" s="236">
        <f t="shared" si="127"/>
        <v>5.6026207209504317</v>
      </c>
      <c r="N556" s="236">
        <f t="shared" si="128"/>
        <v>4.5434643379230035</v>
      </c>
      <c r="O556" s="236">
        <f t="shared" si="132"/>
        <v>3.3063177019189873</v>
      </c>
      <c r="P556" s="236" t="str">
        <f t="shared" si="133"/>
        <v>CLAY</v>
      </c>
      <c r="Q556" s="236">
        <f t="shared" si="129"/>
        <v>11.73847297274355</v>
      </c>
      <c r="R556" s="238">
        <v>35</v>
      </c>
      <c r="S556" s="236">
        <f t="shared" si="134"/>
        <v>2.1549095091760186</v>
      </c>
      <c r="T556" s="236" t="e">
        <f t="shared" si="120"/>
        <v>#N/A</v>
      </c>
    </row>
    <row r="557" spans="1:20" x14ac:dyDescent="0.2">
      <c r="A557" s="53">
        <f t="shared" si="121"/>
        <v>545</v>
      </c>
      <c r="B557" s="239">
        <v>5.2210000000000001</v>
      </c>
      <c r="C557" s="3">
        <f t="shared" si="122"/>
        <v>5.2140000000000004</v>
      </c>
      <c r="D557" s="239">
        <v>0.19289999999999999</v>
      </c>
      <c r="E557" s="239">
        <v>6.3E-3</v>
      </c>
      <c r="F557" s="239">
        <v>0.1192</v>
      </c>
      <c r="G557">
        <f t="shared" si="123"/>
        <v>0.21673999999999999</v>
      </c>
      <c r="H557" s="235">
        <f t="shared" si="124"/>
        <v>2.9067084986619913</v>
      </c>
      <c r="I557" s="236">
        <f t="shared" si="125"/>
        <v>14.805007700035713</v>
      </c>
      <c r="J557" s="237">
        <f t="shared" si="130"/>
        <v>4.8050077000357128</v>
      </c>
      <c r="K557" s="237">
        <f t="shared" si="126"/>
        <v>77.19331014798621</v>
      </c>
      <c r="L557" s="237">
        <f t="shared" si="131"/>
        <v>25.086945201886458</v>
      </c>
      <c r="M557" s="236">
        <f t="shared" si="127"/>
        <v>5.5625222094207114</v>
      </c>
      <c r="N557" s="236">
        <f t="shared" si="128"/>
        <v>4.5146180154334106</v>
      </c>
      <c r="O557" s="236">
        <f t="shared" si="132"/>
        <v>3.3073173305534413</v>
      </c>
      <c r="P557" s="236" t="str">
        <f t="shared" si="133"/>
        <v>CLAY</v>
      </c>
      <c r="Q557" s="236">
        <f t="shared" si="129"/>
        <v>11.628890821001148</v>
      </c>
      <c r="R557" s="238">
        <v>35</v>
      </c>
      <c r="S557" s="236">
        <f t="shared" si="134"/>
        <v>2.1356481614682776</v>
      </c>
      <c r="T557" s="236" t="e">
        <f t="shared" si="120"/>
        <v>#N/A</v>
      </c>
    </row>
    <row r="558" spans="1:20" x14ac:dyDescent="0.2">
      <c r="A558" s="53">
        <f t="shared" si="121"/>
        <v>546</v>
      </c>
      <c r="B558" s="239">
        <v>5.23</v>
      </c>
      <c r="C558" s="3">
        <f t="shared" si="122"/>
        <v>5.2230000000000008</v>
      </c>
      <c r="D558" s="239">
        <v>0.18809999999999999</v>
      </c>
      <c r="E558" s="239">
        <v>6.3E-3</v>
      </c>
      <c r="F558" s="239">
        <v>0.1195</v>
      </c>
      <c r="G558">
        <f t="shared" si="123"/>
        <v>0.21199999999999999</v>
      </c>
      <c r="H558" s="235">
        <f t="shared" si="124"/>
        <v>2.9716981132075473</v>
      </c>
      <c r="I558" s="236">
        <f t="shared" si="125"/>
        <v>14.796364812743033</v>
      </c>
      <c r="J558" s="237">
        <f t="shared" si="130"/>
        <v>4.7963648127430325</v>
      </c>
      <c r="K558" s="237">
        <f t="shared" si="126"/>
        <v>77.281413416956866</v>
      </c>
      <c r="L558" s="237">
        <f t="shared" si="131"/>
        <v>25.084987970646061</v>
      </c>
      <c r="M558" s="236">
        <f t="shared" si="127"/>
        <v>5.3704863937223353</v>
      </c>
      <c r="N558" s="236">
        <f t="shared" si="128"/>
        <v>4.6764148584030449</v>
      </c>
      <c r="O558" s="236">
        <f t="shared" si="132"/>
        <v>3.3285577397224664</v>
      </c>
      <c r="P558" s="236" t="str">
        <f t="shared" si="133"/>
        <v>CLAY</v>
      </c>
      <c r="Q558" s="236">
        <f t="shared" si="129"/>
        <v>11.226548881920261</v>
      </c>
      <c r="R558" s="238">
        <v>35</v>
      </c>
      <c r="S558" s="236">
        <f t="shared" si="134"/>
        <v>2.0438877204460901</v>
      </c>
      <c r="T558" s="236" t="e">
        <f t="shared" si="120"/>
        <v>#N/A</v>
      </c>
    </row>
    <row r="559" spans="1:20" x14ac:dyDescent="0.2">
      <c r="A559" s="53">
        <f t="shared" si="121"/>
        <v>547</v>
      </c>
      <c r="B559" s="239">
        <v>5.2409999999999997</v>
      </c>
      <c r="C559" s="3">
        <f t="shared" si="122"/>
        <v>5.234</v>
      </c>
      <c r="D559" s="239">
        <v>0.183</v>
      </c>
      <c r="E559" s="239">
        <v>6.1999999999999998E-3</v>
      </c>
      <c r="F559" s="239">
        <v>0.1196</v>
      </c>
      <c r="G559">
        <f t="shared" si="123"/>
        <v>0.20691999999999999</v>
      </c>
      <c r="H559" s="235">
        <f t="shared" si="124"/>
        <v>2.9963270829306015</v>
      </c>
      <c r="I559" s="236">
        <f t="shared" si="125"/>
        <v>14.768122838791111</v>
      </c>
      <c r="J559" s="237">
        <f t="shared" si="130"/>
        <v>4.7681228387911112</v>
      </c>
      <c r="K559" s="237">
        <f t="shared" si="126"/>
        <v>77.296354938232682</v>
      </c>
      <c r="L559" s="237">
        <f t="shared" si="131"/>
        <v>24.989731798104213</v>
      </c>
      <c r="M559" s="236">
        <f t="shared" si="127"/>
        <v>5.1870762803305039</v>
      </c>
      <c r="N559" s="236">
        <f t="shared" si="128"/>
        <v>4.7830779616216024</v>
      </c>
      <c r="O559" s="236">
        <f t="shared" si="132"/>
        <v>3.3465414566657352</v>
      </c>
      <c r="P559" s="236" t="str">
        <f t="shared" si="133"/>
        <v>CLAY</v>
      </c>
      <c r="Q559" s="236">
        <f t="shared" si="129"/>
        <v>10.801970421813943</v>
      </c>
      <c r="R559" s="238">
        <v>35</v>
      </c>
      <c r="S559" s="236">
        <f t="shared" si="134"/>
        <v>1.9570111590746437</v>
      </c>
      <c r="T559" s="236" t="e">
        <f t="shared" si="120"/>
        <v>#N/A</v>
      </c>
    </row>
    <row r="560" spans="1:20" x14ac:dyDescent="0.2">
      <c r="A560" s="53">
        <f t="shared" si="121"/>
        <v>548</v>
      </c>
      <c r="B560" s="239">
        <v>5.25</v>
      </c>
      <c r="C560" s="3">
        <f t="shared" si="122"/>
        <v>5.2430000000000003</v>
      </c>
      <c r="D560" s="239">
        <v>0.18110000000000001</v>
      </c>
      <c r="E560" s="239">
        <v>6.1999999999999998E-3</v>
      </c>
      <c r="F560" s="239">
        <v>0.1191</v>
      </c>
      <c r="G560">
        <f t="shared" si="123"/>
        <v>0.20491999999999999</v>
      </c>
      <c r="H560" s="235">
        <f t="shared" si="124"/>
        <v>3.0255709545188365</v>
      </c>
      <c r="I560" s="236">
        <f t="shared" si="125"/>
        <v>14.764326528511646</v>
      </c>
      <c r="J560" s="237">
        <f t="shared" si="130"/>
        <v>4.7643265285116456</v>
      </c>
      <c r="K560" s="237">
        <f t="shared" si="126"/>
        <v>77.40936398898657</v>
      </c>
      <c r="L560" s="237">
        <f t="shared" si="131"/>
        <v>25.01271427468614</v>
      </c>
      <c r="M560" s="236">
        <f t="shared" si="127"/>
        <v>5.0978328305640641</v>
      </c>
      <c r="N560" s="236">
        <f t="shared" si="128"/>
        <v>4.8623394831663225</v>
      </c>
      <c r="O560" s="236">
        <f t="shared" si="132"/>
        <v>3.3567986671047256</v>
      </c>
      <c r="P560" s="236" t="str">
        <f t="shared" si="133"/>
        <v>CLAY</v>
      </c>
      <c r="Q560" s="236">
        <f t="shared" si="129"/>
        <v>10.625886334251119</v>
      </c>
      <c r="R560" s="238">
        <v>35</v>
      </c>
      <c r="S560" s="236">
        <f t="shared" si="134"/>
        <v>1.9150141883694829</v>
      </c>
      <c r="T560" s="236" t="e">
        <f t="shared" si="120"/>
        <v>#N/A</v>
      </c>
    </row>
    <row r="561" spans="1:20" x14ac:dyDescent="0.2">
      <c r="A561" s="53">
        <f t="shared" si="121"/>
        <v>549</v>
      </c>
      <c r="B561" s="239">
        <v>5.2610000000000001</v>
      </c>
      <c r="C561" s="3">
        <f t="shared" si="122"/>
        <v>5.2540000000000004</v>
      </c>
      <c r="D561" s="239">
        <v>0.18149999999999999</v>
      </c>
      <c r="E561" s="239">
        <v>6.1000000000000004E-3</v>
      </c>
      <c r="F561" s="239">
        <v>0.11990000000000001</v>
      </c>
      <c r="G561">
        <f t="shared" si="123"/>
        <v>0.20548</v>
      </c>
      <c r="H561" s="235">
        <f t="shared" si="124"/>
        <v>2.9686587502433328</v>
      </c>
      <c r="I561" s="236">
        <f t="shared" si="125"/>
        <v>14.746326210258626</v>
      </c>
      <c r="J561" s="237">
        <f t="shared" si="130"/>
        <v>4.7463262102586263</v>
      </c>
      <c r="K561" s="237">
        <f t="shared" si="126"/>
        <v>77.477197908698827</v>
      </c>
      <c r="L561" s="237">
        <f t="shared" si="131"/>
        <v>24.970422192170634</v>
      </c>
      <c r="M561" s="236">
        <f t="shared" si="127"/>
        <v>5.1261769266935291</v>
      </c>
      <c r="N561" s="236">
        <f t="shared" si="128"/>
        <v>4.7655206763747442</v>
      </c>
      <c r="O561" s="236">
        <f t="shared" si="132"/>
        <v>3.3498600492179995</v>
      </c>
      <c r="P561" s="236" t="str">
        <f t="shared" si="133"/>
        <v>CLAY</v>
      </c>
      <c r="Q561" s="236">
        <f t="shared" si="129"/>
        <v>10.666900174275098</v>
      </c>
      <c r="R561" s="238">
        <v>35</v>
      </c>
      <c r="S561" s="236">
        <f t="shared" si="134"/>
        <v>1.9283328426092448</v>
      </c>
      <c r="T561" s="236" t="e">
        <f t="shared" si="120"/>
        <v>#N/A</v>
      </c>
    </row>
    <row r="562" spans="1:20" x14ac:dyDescent="0.2">
      <c r="A562" s="53">
        <f t="shared" si="121"/>
        <v>550</v>
      </c>
      <c r="B562" s="239">
        <v>5.27</v>
      </c>
      <c r="C562" s="3">
        <f t="shared" si="122"/>
        <v>5.2629999999999999</v>
      </c>
      <c r="D562" s="239">
        <v>0.1799</v>
      </c>
      <c r="E562" s="239">
        <v>6.0000000000000001E-3</v>
      </c>
      <c r="F562" s="239">
        <v>0.1208</v>
      </c>
      <c r="G562">
        <f t="shared" si="123"/>
        <v>0.20405999999999999</v>
      </c>
      <c r="H562" s="235">
        <f t="shared" si="124"/>
        <v>2.9403116730373422</v>
      </c>
      <c r="I562" s="236">
        <f t="shared" si="125"/>
        <v>14.724233524503054</v>
      </c>
      <c r="J562" s="237">
        <f t="shared" si="130"/>
        <v>4.7242335245030542</v>
      </c>
      <c r="K562" s="237">
        <f t="shared" si="126"/>
        <v>77.493641039459575</v>
      </c>
      <c r="L562" s="237">
        <f t="shared" si="131"/>
        <v>24.896710674131093</v>
      </c>
      <c r="M562" s="236">
        <f t="shared" si="127"/>
        <v>5.0836578621628563</v>
      </c>
      <c r="N562" s="236">
        <f t="shared" si="128"/>
        <v>4.7405961973438924</v>
      </c>
      <c r="O562" s="236">
        <f t="shared" si="132"/>
        <v>3.351552475034318</v>
      </c>
      <c r="P562" s="236" t="str">
        <f t="shared" si="133"/>
        <v>CLAY</v>
      </c>
      <c r="Q562" s="236">
        <f t="shared" si="129"/>
        <v>10.547196580045036</v>
      </c>
      <c r="R562" s="238">
        <v>35</v>
      </c>
      <c r="S562" s="236">
        <f t="shared" si="134"/>
        <v>1.9083604236788831</v>
      </c>
      <c r="T562" s="236" t="e">
        <f t="shared" si="120"/>
        <v>#N/A</v>
      </c>
    </row>
    <row r="563" spans="1:20" x14ac:dyDescent="0.2">
      <c r="A563" s="53">
        <f t="shared" si="121"/>
        <v>551</v>
      </c>
      <c r="B563" s="239">
        <v>5.2809999999999997</v>
      </c>
      <c r="C563" s="3">
        <f t="shared" si="122"/>
        <v>5.274</v>
      </c>
      <c r="D563" s="239">
        <v>0.17599999999999999</v>
      </c>
      <c r="E563" s="239">
        <v>6.1000000000000004E-3</v>
      </c>
      <c r="F563" s="239">
        <v>0.12509999999999999</v>
      </c>
      <c r="G563">
        <f t="shared" si="123"/>
        <v>0.20101999999999998</v>
      </c>
      <c r="H563" s="235">
        <f t="shared" si="124"/>
        <v>3.034523927967367</v>
      </c>
      <c r="I563" s="236">
        <f t="shared" si="125"/>
        <v>14.737748950698354</v>
      </c>
      <c r="J563" s="237">
        <f t="shared" si="130"/>
        <v>4.7377489506983537</v>
      </c>
      <c r="K563" s="237">
        <f t="shared" si="126"/>
        <v>77.726887965983124</v>
      </c>
      <c r="L563" s="237">
        <f t="shared" si="131"/>
        <v>25.020052208638003</v>
      </c>
      <c r="M563" s="236">
        <f t="shared" si="127"/>
        <v>4.9277719728918372</v>
      </c>
      <c r="N563" s="236">
        <f t="shared" si="128"/>
        <v>4.9475594373163334</v>
      </c>
      <c r="O563" s="236">
        <f t="shared" si="132"/>
        <v>3.3732125119605945</v>
      </c>
      <c r="P563" s="236" t="str">
        <f t="shared" si="133"/>
        <v>CLAY</v>
      </c>
      <c r="Q563" s="236">
        <f t="shared" si="129"/>
        <v>10.274426002834739</v>
      </c>
      <c r="R563" s="238">
        <v>35</v>
      </c>
      <c r="S563" s="236">
        <f t="shared" si="134"/>
        <v>1.8354952400185311</v>
      </c>
      <c r="T563" s="236" t="e">
        <f t="shared" si="120"/>
        <v>#N/A</v>
      </c>
    </row>
    <row r="564" spans="1:20" x14ac:dyDescent="0.2">
      <c r="A564" s="53">
        <f t="shared" si="121"/>
        <v>552</v>
      </c>
      <c r="B564" s="239">
        <v>5.2910000000000004</v>
      </c>
      <c r="C564" s="3">
        <f t="shared" si="122"/>
        <v>5.2840000000000007</v>
      </c>
      <c r="D564" s="239">
        <v>0.17230000000000001</v>
      </c>
      <c r="E564" s="239">
        <v>6.1000000000000004E-3</v>
      </c>
      <c r="F564" s="239">
        <v>0.12839999999999999</v>
      </c>
      <c r="G564">
        <f t="shared" si="123"/>
        <v>0.19797999999999999</v>
      </c>
      <c r="H564" s="235">
        <f t="shared" si="124"/>
        <v>3.0811193049803012</v>
      </c>
      <c r="I564" s="236">
        <f t="shared" si="125"/>
        <v>14.731792796836258</v>
      </c>
      <c r="J564" s="237">
        <f t="shared" si="130"/>
        <v>4.7317927968362579</v>
      </c>
      <c r="K564" s="237">
        <f t="shared" si="126"/>
        <v>77.84279313848279</v>
      </c>
      <c r="L564" s="237">
        <f t="shared" si="131"/>
        <v>25.035915688060641</v>
      </c>
      <c r="M564" s="236">
        <f t="shared" si="127"/>
        <v>4.7985944815595198</v>
      </c>
      <c r="N564" s="236">
        <f t="shared" si="128"/>
        <v>5.077527736291974</v>
      </c>
      <c r="O564" s="236">
        <f t="shared" si="132"/>
        <v>3.3891033679156695</v>
      </c>
      <c r="P564" s="236" t="str">
        <f t="shared" si="133"/>
        <v>CLAY</v>
      </c>
      <c r="Q564" s="236">
        <f t="shared" si="129"/>
        <v>10.011433905126433</v>
      </c>
      <c r="R564" s="238">
        <v>35</v>
      </c>
      <c r="S564" s="236">
        <f t="shared" si="134"/>
        <v>1.7755486295608827</v>
      </c>
      <c r="T564" s="236" t="e">
        <f t="shared" si="120"/>
        <v>#N/A</v>
      </c>
    </row>
    <row r="565" spans="1:20" x14ac:dyDescent="0.2">
      <c r="A565" s="53">
        <f t="shared" si="121"/>
        <v>553</v>
      </c>
      <c r="B565" s="239">
        <v>5.3010000000000002</v>
      </c>
      <c r="C565" s="3">
        <f t="shared" si="122"/>
        <v>5.2940000000000005</v>
      </c>
      <c r="D565" s="239">
        <v>0.17069999999999999</v>
      </c>
      <c r="E565" s="239">
        <v>6.1000000000000004E-3</v>
      </c>
      <c r="F565" s="239">
        <v>0.12820000000000001</v>
      </c>
      <c r="G565">
        <f t="shared" si="123"/>
        <v>0.19633999999999999</v>
      </c>
      <c r="H565" s="235">
        <f t="shared" si="124"/>
        <v>3.1068554548232661</v>
      </c>
      <c r="I565" s="236">
        <f t="shared" si="125"/>
        <v>14.728541516904265</v>
      </c>
      <c r="J565" s="237">
        <f t="shared" si="130"/>
        <v>4.7285415169042651</v>
      </c>
      <c r="K565" s="237">
        <f t="shared" si="126"/>
        <v>77.972898790491186</v>
      </c>
      <c r="L565" s="237">
        <f t="shared" si="131"/>
        <v>25.065998581109511</v>
      </c>
      <c r="M565" s="236">
        <f t="shared" si="127"/>
        <v>4.7222176617656793</v>
      </c>
      <c r="N565" s="236">
        <f t="shared" si="128"/>
        <v>5.1534589743843187</v>
      </c>
      <c r="O565" s="236">
        <f t="shared" si="132"/>
        <v>3.3985004700222179</v>
      </c>
      <c r="P565" s="236" t="str">
        <f t="shared" si="133"/>
        <v>CLAY</v>
      </c>
      <c r="Q565" s="236">
        <f t="shared" si="129"/>
        <v>9.8639251007923985</v>
      </c>
      <c r="R565" s="238">
        <v>35</v>
      </c>
      <c r="S565" s="236">
        <f t="shared" si="134"/>
        <v>1.740293548344914</v>
      </c>
      <c r="T565" s="236" t="e">
        <f t="shared" si="120"/>
        <v>#N/A</v>
      </c>
    </row>
    <row r="566" spans="1:20" x14ac:dyDescent="0.2">
      <c r="A566" s="53">
        <f t="shared" si="121"/>
        <v>554</v>
      </c>
      <c r="B566" s="239">
        <v>5.3120000000000003</v>
      </c>
      <c r="C566" s="3">
        <f t="shared" si="122"/>
        <v>5.3050000000000006</v>
      </c>
      <c r="D566" s="239">
        <v>0.1759</v>
      </c>
      <c r="E566" s="239">
        <v>6.0000000000000001E-3</v>
      </c>
      <c r="F566" s="239">
        <v>0.1265</v>
      </c>
      <c r="G566">
        <f t="shared" si="123"/>
        <v>0.20119999999999999</v>
      </c>
      <c r="H566" s="235">
        <f t="shared" si="124"/>
        <v>2.9821073558648115</v>
      </c>
      <c r="I566" s="236">
        <f t="shared" si="125"/>
        <v>14.718716609163824</v>
      </c>
      <c r="J566" s="237">
        <f t="shared" si="130"/>
        <v>4.718716609163824</v>
      </c>
      <c r="K566" s="237">
        <f t="shared" si="126"/>
        <v>78.082791611614098</v>
      </c>
      <c r="L566" s="237">
        <f t="shared" si="131"/>
        <v>25.065822627878234</v>
      </c>
      <c r="M566" s="236">
        <f t="shared" si="127"/>
        <v>4.9117561476500198</v>
      </c>
      <c r="N566" s="236">
        <f t="shared" si="128"/>
        <v>4.8734048461141057</v>
      </c>
      <c r="O566" s="236">
        <f t="shared" si="132"/>
        <v>3.3706601355246226</v>
      </c>
      <c r="P566" s="236" t="str">
        <f t="shared" si="133"/>
        <v>CLAY</v>
      </c>
      <c r="Q566" s="236">
        <f t="shared" si="129"/>
        <v>10.259767365698824</v>
      </c>
      <c r="R566" s="238">
        <v>35</v>
      </c>
      <c r="S566" s="236">
        <f t="shared" si="134"/>
        <v>1.8280413088863707</v>
      </c>
      <c r="T566" s="236" t="e">
        <f t="shared" si="120"/>
        <v>#N/A</v>
      </c>
    </row>
    <row r="567" spans="1:20" x14ac:dyDescent="0.2">
      <c r="A567" s="53">
        <f t="shared" si="121"/>
        <v>555</v>
      </c>
      <c r="B567" s="239">
        <v>5.3220000000000001</v>
      </c>
      <c r="C567" s="3">
        <f t="shared" si="122"/>
        <v>5.3150000000000004</v>
      </c>
      <c r="D567" s="239">
        <v>0.17979999999999999</v>
      </c>
      <c r="E567" s="239">
        <v>5.8999999999999999E-3</v>
      </c>
      <c r="F567" s="239">
        <v>0.1246</v>
      </c>
      <c r="G567">
        <f t="shared" si="123"/>
        <v>0.20471999999999999</v>
      </c>
      <c r="H567" s="235">
        <f t="shared" si="124"/>
        <v>2.8819851504493945</v>
      </c>
      <c r="I567" s="236">
        <f t="shared" si="125"/>
        <v>14.705787731407492</v>
      </c>
      <c r="J567" s="237">
        <f t="shared" si="130"/>
        <v>4.7057877314074918</v>
      </c>
      <c r="K567" s="237">
        <f t="shared" si="126"/>
        <v>78.161261792430821</v>
      </c>
      <c r="L567" s="237">
        <f t="shared" si="131"/>
        <v>25.044202306550673</v>
      </c>
      <c r="M567" s="236">
        <f t="shared" si="127"/>
        <v>5.0534146250074778</v>
      </c>
      <c r="N567" s="236">
        <f t="shared" si="128"/>
        <v>4.6618669588214452</v>
      </c>
      <c r="O567" s="236">
        <f t="shared" si="132"/>
        <v>3.3495836646345296</v>
      </c>
      <c r="P567" s="236" t="str">
        <f t="shared" si="133"/>
        <v>CLAY</v>
      </c>
      <c r="Q567" s="236">
        <f t="shared" si="129"/>
        <v>10.546561517297432</v>
      </c>
      <c r="R567" s="238">
        <v>35</v>
      </c>
      <c r="S567" s="236">
        <f t="shared" si="134"/>
        <v>1.8941796862720484</v>
      </c>
      <c r="T567" s="236" t="e">
        <f t="shared" si="120"/>
        <v>#N/A</v>
      </c>
    </row>
    <row r="568" spans="1:20" x14ac:dyDescent="0.2">
      <c r="A568" s="53">
        <f t="shared" si="121"/>
        <v>556</v>
      </c>
      <c r="B568" s="239">
        <v>5.3319999999999999</v>
      </c>
      <c r="C568" s="3">
        <f t="shared" si="122"/>
        <v>5.3250000000000002</v>
      </c>
      <c r="D568" s="239">
        <v>0.18479999999999999</v>
      </c>
      <c r="E568" s="239">
        <v>5.7999999999999996E-3</v>
      </c>
      <c r="F568" s="239">
        <v>0.12820000000000001</v>
      </c>
      <c r="G568">
        <f t="shared" si="123"/>
        <v>0.21043999999999999</v>
      </c>
      <c r="H568" s="235">
        <f t="shared" si="124"/>
        <v>2.7561300133054552</v>
      </c>
      <c r="I568" s="236">
        <f t="shared" si="125"/>
        <v>14.696514100815026</v>
      </c>
      <c r="J568" s="237">
        <f t="shared" si="130"/>
        <v>4.6965141008150262</v>
      </c>
      <c r="K568" s="237">
        <f t="shared" si="126"/>
        <v>78.25893758684002</v>
      </c>
      <c r="L568" s="237">
        <f t="shared" si="131"/>
        <v>25.04181318554572</v>
      </c>
      <c r="M568" s="236">
        <f t="shared" si="127"/>
        <v>5.2784142040263937</v>
      </c>
      <c r="N568" s="236">
        <f t="shared" si="128"/>
        <v>4.3879205493680091</v>
      </c>
      <c r="O568" s="236">
        <f t="shared" si="132"/>
        <v>3.3191482147390081</v>
      </c>
      <c r="P568" s="236" t="str">
        <f t="shared" si="133"/>
        <v>CLAY</v>
      </c>
      <c r="Q568" s="236">
        <f t="shared" si="129"/>
        <v>11.015088534429998</v>
      </c>
      <c r="R568" s="238">
        <v>35</v>
      </c>
      <c r="S568" s="236">
        <f t="shared" si="134"/>
        <v>2.0001812060000344</v>
      </c>
      <c r="T568" s="236" t="e">
        <f t="shared" si="120"/>
        <v>#N/A</v>
      </c>
    </row>
    <row r="569" spans="1:20" x14ac:dyDescent="0.2">
      <c r="A569" s="53">
        <f t="shared" si="121"/>
        <v>557</v>
      </c>
      <c r="B569" s="239">
        <v>5.3419999999999996</v>
      </c>
      <c r="C569" s="3">
        <f t="shared" si="122"/>
        <v>5.335</v>
      </c>
      <c r="D569" s="239">
        <v>0.19489999999999999</v>
      </c>
      <c r="E569" s="239">
        <v>5.7000000000000002E-3</v>
      </c>
      <c r="F569" s="239">
        <v>0.12909999999999999</v>
      </c>
      <c r="G569">
        <f t="shared" si="123"/>
        <v>0.22071999999999997</v>
      </c>
      <c r="H569" s="235">
        <f t="shared" si="124"/>
        <v>2.5824574121058359</v>
      </c>
      <c r="I569" s="236">
        <f t="shared" si="125"/>
        <v>14.69476268342223</v>
      </c>
      <c r="J569" s="237">
        <f t="shared" si="130"/>
        <v>4.6947626834222298</v>
      </c>
      <c r="K569" s="237">
        <f t="shared" si="126"/>
        <v>78.3965589160576</v>
      </c>
      <c r="L569" s="237">
        <f t="shared" si="131"/>
        <v>25.07942225484155</v>
      </c>
      <c r="M569" s="236">
        <f t="shared" si="127"/>
        <v>5.6749090803504068</v>
      </c>
      <c r="N569" s="236">
        <f t="shared" si="128"/>
        <v>4.0049621879491655</v>
      </c>
      <c r="O569" s="236">
        <f t="shared" si="132"/>
        <v>3.2708934887627299</v>
      </c>
      <c r="P569" s="236" t="str">
        <f t="shared" si="133"/>
        <v>CLAY</v>
      </c>
      <c r="Q569" s="236">
        <f t="shared" si="129"/>
        <v>11.860286756995199</v>
      </c>
      <c r="R569" s="238">
        <v>35</v>
      </c>
      <c r="S569" s="236">
        <f t="shared" si="134"/>
        <v>2.1897202951772456</v>
      </c>
      <c r="T569" s="236" t="e">
        <f t="shared" si="120"/>
        <v>#N/A</v>
      </c>
    </row>
    <row r="570" spans="1:20" x14ac:dyDescent="0.2">
      <c r="A570" s="53">
        <f t="shared" si="121"/>
        <v>558</v>
      </c>
      <c r="B570" s="239">
        <v>5.3529999999999998</v>
      </c>
      <c r="C570" s="3">
        <f t="shared" si="122"/>
        <v>5.3460000000000001</v>
      </c>
      <c r="D570" s="239">
        <v>0.19120000000000001</v>
      </c>
      <c r="E570" s="239">
        <v>5.7999999999999996E-3</v>
      </c>
      <c r="F570" s="239">
        <v>0.12939999999999999</v>
      </c>
      <c r="G570">
        <f t="shared" si="123"/>
        <v>0.21708</v>
      </c>
      <c r="H570" s="235">
        <f t="shared" si="124"/>
        <v>2.6718260549106319</v>
      </c>
      <c r="I570" s="236">
        <f t="shared" si="125"/>
        <v>14.708656468619113</v>
      </c>
      <c r="J570" s="237">
        <f t="shared" si="130"/>
        <v>4.7086564686191128</v>
      </c>
      <c r="K570" s="237">
        <f t="shared" si="126"/>
        <v>78.632477481237785</v>
      </c>
      <c r="L570" s="237">
        <f t="shared" si="131"/>
        <v>25.20543807651811</v>
      </c>
      <c r="M570" s="236">
        <f t="shared" si="127"/>
        <v>5.4927639860281845</v>
      </c>
      <c r="N570" s="236">
        <f t="shared" si="128"/>
        <v>4.1893129573438141</v>
      </c>
      <c r="O570" s="236">
        <f t="shared" si="132"/>
        <v>3.2935591133328743</v>
      </c>
      <c r="P570" s="236" t="str">
        <f t="shared" si="133"/>
        <v>CLAY</v>
      </c>
      <c r="Q570" s="236">
        <f t="shared" si="129"/>
        <v>11.537293543230183</v>
      </c>
      <c r="R570" s="238">
        <v>35</v>
      </c>
      <c r="S570" s="236">
        <f t="shared" si="134"/>
        <v>2.1022225091646458</v>
      </c>
      <c r="T570" s="236" t="e">
        <f t="shared" si="120"/>
        <v>#N/A</v>
      </c>
    </row>
    <row r="571" spans="1:20" x14ac:dyDescent="0.2">
      <c r="A571" s="53">
        <f t="shared" si="121"/>
        <v>559</v>
      </c>
      <c r="B571" s="239">
        <v>5.3620000000000001</v>
      </c>
      <c r="C571" s="3">
        <f t="shared" si="122"/>
        <v>5.3550000000000004</v>
      </c>
      <c r="D571" s="239">
        <v>0.1918</v>
      </c>
      <c r="E571" s="239">
        <v>5.5999999999999999E-3</v>
      </c>
      <c r="F571" s="239">
        <v>0.1244</v>
      </c>
      <c r="G571">
        <f t="shared" si="123"/>
        <v>0.21667999999999998</v>
      </c>
      <c r="H571" s="235">
        <f t="shared" si="124"/>
        <v>2.5844563411482375</v>
      </c>
      <c r="I571" s="236">
        <f t="shared" si="125"/>
        <v>14.666787671522876</v>
      </c>
      <c r="J571" s="237">
        <f t="shared" si="130"/>
        <v>4.6667876715228758</v>
      </c>
      <c r="K571" s="237">
        <f t="shared" si="126"/>
        <v>78.540647981005009</v>
      </c>
      <c r="L571" s="237">
        <f t="shared" si="131"/>
        <v>25.02331549470566</v>
      </c>
      <c r="M571" s="236">
        <f t="shared" si="127"/>
        <v>5.5204256225847441</v>
      </c>
      <c r="N571" s="236">
        <f t="shared" si="128"/>
        <v>4.0538774202661427</v>
      </c>
      <c r="O571" s="236">
        <f t="shared" si="132"/>
        <v>3.2837851137644209</v>
      </c>
      <c r="P571" s="236" t="str">
        <f t="shared" si="133"/>
        <v>CLAY</v>
      </c>
      <c r="Q571" s="236">
        <f t="shared" si="129"/>
        <v>11.511612668249581</v>
      </c>
      <c r="R571" s="238">
        <v>35</v>
      </c>
      <c r="S571" s="236">
        <f t="shared" si="134"/>
        <v>2.1154643568197273</v>
      </c>
      <c r="T571" s="236" t="e">
        <f t="shared" si="120"/>
        <v>#N/A</v>
      </c>
    </row>
    <row r="572" spans="1:20" x14ac:dyDescent="0.2">
      <c r="A572" s="53">
        <f t="shared" si="121"/>
        <v>560</v>
      </c>
      <c r="B572" s="239">
        <v>5.3719999999999999</v>
      </c>
      <c r="C572" s="3">
        <f t="shared" si="122"/>
        <v>5.3650000000000002</v>
      </c>
      <c r="D572" s="239">
        <v>0.19919999999999999</v>
      </c>
      <c r="E572" s="239">
        <v>5.5999999999999999E-3</v>
      </c>
      <c r="F572" s="239">
        <v>0.12280000000000001</v>
      </c>
      <c r="G572">
        <f t="shared" si="123"/>
        <v>0.22375999999999999</v>
      </c>
      <c r="H572" s="235">
        <f t="shared" si="124"/>
        <v>2.5026814444047196</v>
      </c>
      <c r="I572" s="236">
        <f t="shared" si="125"/>
        <v>14.679354935326351</v>
      </c>
      <c r="J572" s="237">
        <f t="shared" si="130"/>
        <v>4.6793549353263515</v>
      </c>
      <c r="K572" s="237">
        <f t="shared" si="126"/>
        <v>78.754739228025883</v>
      </c>
      <c r="L572" s="237">
        <f t="shared" si="131"/>
        <v>25.137494712573158</v>
      </c>
      <c r="M572" s="236">
        <f t="shared" si="127"/>
        <v>5.7684849834874772</v>
      </c>
      <c r="N572" s="236">
        <f t="shared" si="128"/>
        <v>3.8619288501582001</v>
      </c>
      <c r="O572" s="236">
        <f t="shared" si="132"/>
        <v>3.2562076127721591</v>
      </c>
      <c r="P572" s="236" t="str">
        <f t="shared" si="133"/>
        <v>CLAY</v>
      </c>
      <c r="Q572" s="236">
        <f t="shared" si="129"/>
        <v>12.083771730997844</v>
      </c>
      <c r="R572" s="238">
        <v>35</v>
      </c>
      <c r="S572" s="236">
        <f t="shared" si="134"/>
        <v>2.2349469384935237</v>
      </c>
      <c r="T572" s="236" t="e">
        <f t="shared" si="120"/>
        <v>#N/A</v>
      </c>
    </row>
    <row r="573" spans="1:20" x14ac:dyDescent="0.2">
      <c r="A573" s="53">
        <f t="shared" si="121"/>
        <v>561</v>
      </c>
      <c r="B573" s="239">
        <v>5.3819999999999997</v>
      </c>
      <c r="C573" s="3">
        <f t="shared" si="122"/>
        <v>5.375</v>
      </c>
      <c r="D573" s="239">
        <v>0.19189999999999999</v>
      </c>
      <c r="E573" s="239">
        <v>5.5999999999999999E-3</v>
      </c>
      <c r="F573" s="239">
        <v>0.1226</v>
      </c>
      <c r="G573">
        <f t="shared" si="123"/>
        <v>0.21641999999999997</v>
      </c>
      <c r="H573" s="235">
        <f t="shared" si="124"/>
        <v>2.5875612235468073</v>
      </c>
      <c r="I573" s="236">
        <f t="shared" si="125"/>
        <v>14.666318380731035</v>
      </c>
      <c r="J573" s="237">
        <f t="shared" si="130"/>
        <v>4.6663183807310347</v>
      </c>
      <c r="K573" s="237">
        <f t="shared" si="126"/>
        <v>78.83146129642931</v>
      </c>
      <c r="L573" s="237">
        <f t="shared" si="131"/>
        <v>25.114125525094426</v>
      </c>
      <c r="M573" s="236">
        <f t="shared" si="127"/>
        <v>5.4785319347906452</v>
      </c>
      <c r="N573" s="236">
        <f t="shared" si="128"/>
        <v>4.0701064585510194</v>
      </c>
      <c r="O573" s="236">
        <f t="shared" si="132"/>
        <v>3.2874994350334137</v>
      </c>
      <c r="P573" s="236" t="str">
        <f t="shared" si="133"/>
        <v>CLAY</v>
      </c>
      <c r="Q573" s="236">
        <f t="shared" si="129"/>
        <v>11.465711558630892</v>
      </c>
      <c r="R573" s="238">
        <v>35</v>
      </c>
      <c r="S573" s="236">
        <f t="shared" si="134"/>
        <v>2.0954159992602412</v>
      </c>
      <c r="T573" s="236" t="e">
        <f t="shared" si="120"/>
        <v>#N/A</v>
      </c>
    </row>
    <row r="574" spans="1:20" x14ac:dyDescent="0.2">
      <c r="A574" s="53">
        <f t="shared" si="121"/>
        <v>562</v>
      </c>
      <c r="B574" s="239">
        <v>5.3920000000000003</v>
      </c>
      <c r="C574" s="3">
        <f t="shared" si="122"/>
        <v>5.3850000000000007</v>
      </c>
      <c r="D574" s="239">
        <v>0.18709999999999999</v>
      </c>
      <c r="E574" s="239">
        <v>5.5999999999999999E-3</v>
      </c>
      <c r="F574" s="239">
        <v>0.1246</v>
      </c>
      <c r="G574">
        <f t="shared" si="123"/>
        <v>0.21201999999999999</v>
      </c>
      <c r="H574" s="235">
        <f t="shared" si="124"/>
        <v>2.6412602584661826</v>
      </c>
      <c r="I574" s="236">
        <f t="shared" si="125"/>
        <v>14.658289874455654</v>
      </c>
      <c r="J574" s="237">
        <f t="shared" si="130"/>
        <v>4.6582898744556545</v>
      </c>
      <c r="K574" s="237">
        <f t="shared" si="126"/>
        <v>78.934890973943709</v>
      </c>
      <c r="L574" s="237">
        <f t="shared" si="131"/>
        <v>25.117499003064889</v>
      </c>
      <c r="M574" s="236">
        <f t="shared" si="127"/>
        <v>5.2985016147434481</v>
      </c>
      <c r="N574" s="236">
        <f t="shared" si="128"/>
        <v>4.2078336494457806</v>
      </c>
      <c r="O574" s="236">
        <f t="shared" si="132"/>
        <v>3.3076014479540849</v>
      </c>
      <c r="P574" s="236" t="str">
        <f t="shared" si="133"/>
        <v>CLAY</v>
      </c>
      <c r="Q574" s="236">
        <f t="shared" si="129"/>
        <v>11.090425752171356</v>
      </c>
      <c r="R574" s="238">
        <v>35</v>
      </c>
      <c r="S574" s="236">
        <f t="shared" si="134"/>
        <v>2.0097005318959784</v>
      </c>
      <c r="T574" s="236" t="e">
        <f t="shared" si="120"/>
        <v>#N/A</v>
      </c>
    </row>
    <row r="575" spans="1:20" x14ac:dyDescent="0.2">
      <c r="A575" s="53">
        <f t="shared" si="121"/>
        <v>563</v>
      </c>
      <c r="B575" s="239">
        <v>5.4020000000000001</v>
      </c>
      <c r="C575" s="3">
        <f t="shared" si="122"/>
        <v>5.3950000000000005</v>
      </c>
      <c r="D575" s="239">
        <v>0.1827</v>
      </c>
      <c r="E575" s="239">
        <v>5.7000000000000002E-3</v>
      </c>
      <c r="F575" s="239">
        <v>0.12959999999999999</v>
      </c>
      <c r="G575">
        <f t="shared" si="123"/>
        <v>0.20862</v>
      </c>
      <c r="H575" s="235">
        <f t="shared" si="124"/>
        <v>2.7322404371584703</v>
      </c>
      <c r="I575" s="236">
        <f t="shared" si="125"/>
        <v>14.672725511658427</v>
      </c>
      <c r="J575" s="237">
        <f t="shared" si="130"/>
        <v>4.6727255116584274</v>
      </c>
      <c r="K575" s="237">
        <f t="shared" si="126"/>
        <v>79.159354135397223</v>
      </c>
      <c r="L575" s="237">
        <f t="shared" si="131"/>
        <v>25.242063213978824</v>
      </c>
      <c r="M575" s="236">
        <f t="shared" si="127"/>
        <v>5.1287664073715122</v>
      </c>
      <c r="N575" s="236">
        <f t="shared" si="128"/>
        <v>4.4028824064120462</v>
      </c>
      <c r="O575" s="236">
        <f t="shared" si="132"/>
        <v>3.3303219983205685</v>
      </c>
      <c r="P575" s="236" t="str">
        <f t="shared" si="133"/>
        <v>CLAY</v>
      </c>
      <c r="Q575" s="236">
        <f t="shared" si="129"/>
        <v>10.788387155383566</v>
      </c>
      <c r="R575" s="238">
        <v>35</v>
      </c>
      <c r="S575" s="236">
        <f t="shared" si="134"/>
        <v>1.929550537581568</v>
      </c>
      <c r="T575" s="236" t="e">
        <f t="shared" si="120"/>
        <v>#N/A</v>
      </c>
    </row>
    <row r="576" spans="1:20" x14ac:dyDescent="0.2">
      <c r="A576" s="53">
        <f t="shared" si="121"/>
        <v>564</v>
      </c>
      <c r="B576" s="239">
        <v>5.4109999999999996</v>
      </c>
      <c r="C576" s="3">
        <f t="shared" si="122"/>
        <v>5.4039999999999999</v>
      </c>
      <c r="D576" s="239">
        <v>0.1802</v>
      </c>
      <c r="E576" s="239">
        <v>5.7000000000000002E-3</v>
      </c>
      <c r="F576" s="239">
        <v>0.1328</v>
      </c>
      <c r="G576">
        <f t="shared" si="123"/>
        <v>0.20676</v>
      </c>
      <c r="H576" s="235">
        <f t="shared" si="124"/>
        <v>2.7568195008705749</v>
      </c>
      <c r="I576" s="236">
        <f t="shared" si="125"/>
        <v>14.669225035844303</v>
      </c>
      <c r="J576" s="237">
        <f t="shared" si="130"/>
        <v>4.6692250358443026</v>
      </c>
      <c r="K576" s="237">
        <f t="shared" si="126"/>
        <v>79.27249209370261</v>
      </c>
      <c r="L576" s="237">
        <f t="shared" si="131"/>
        <v>25.265176668953519</v>
      </c>
      <c r="M576" s="236">
        <f t="shared" si="127"/>
        <v>5.045977298189932</v>
      </c>
      <c r="N576" s="236">
        <f t="shared" si="128"/>
        <v>4.4710262939561645</v>
      </c>
      <c r="O576" s="236">
        <f t="shared" si="132"/>
        <v>3.3399124148403518</v>
      </c>
      <c r="P576" s="236" t="str">
        <f t="shared" si="133"/>
        <v>CLAY</v>
      </c>
      <c r="Q576" s="236">
        <f t="shared" si="129"/>
        <v>10.623958992191449</v>
      </c>
      <c r="R576" s="238">
        <v>35</v>
      </c>
      <c r="S576" s="236">
        <f t="shared" si="134"/>
        <v>1.8906956458268083</v>
      </c>
      <c r="T576" s="236" t="e">
        <f t="shared" si="120"/>
        <v>#N/A</v>
      </c>
    </row>
    <row r="577" spans="1:20" x14ac:dyDescent="0.2">
      <c r="A577" s="53">
        <f t="shared" si="121"/>
        <v>565</v>
      </c>
      <c r="B577" s="239">
        <v>5.4219999999999997</v>
      </c>
      <c r="C577" s="3">
        <f t="shared" si="122"/>
        <v>5.415</v>
      </c>
      <c r="D577" s="239">
        <v>0.1767</v>
      </c>
      <c r="E577" s="239">
        <v>5.5999999999999999E-3</v>
      </c>
      <c r="F577" s="239">
        <v>0.13270000000000001</v>
      </c>
      <c r="G577">
        <f t="shared" si="123"/>
        <v>0.20324</v>
      </c>
      <c r="H577" s="235">
        <f t="shared" si="124"/>
        <v>2.7553631174965556</v>
      </c>
      <c r="I577" s="236">
        <f t="shared" si="125"/>
        <v>14.64175899491366</v>
      </c>
      <c r="J577" s="237">
        <f t="shared" si="130"/>
        <v>4.6417589949136602</v>
      </c>
      <c r="K577" s="237">
        <f t="shared" si="126"/>
        <v>79.285124957457469</v>
      </c>
      <c r="L577" s="237">
        <f t="shared" si="131"/>
        <v>25.167617270421864</v>
      </c>
      <c r="M577" s="236">
        <f t="shared" si="127"/>
        <v>4.9251732379218902</v>
      </c>
      <c r="N577" s="236">
        <f t="shared" si="128"/>
        <v>4.5177730993460514</v>
      </c>
      <c r="O577" s="236">
        <f t="shared" si="132"/>
        <v>3.351161563573946</v>
      </c>
      <c r="P577" s="236" t="str">
        <f t="shared" si="133"/>
        <v>CLAY</v>
      </c>
      <c r="Q577" s="236">
        <f t="shared" si="129"/>
        <v>10.329572920211879</v>
      </c>
      <c r="R577" s="238">
        <v>35</v>
      </c>
      <c r="S577" s="236">
        <f t="shared" si="134"/>
        <v>1.8342853496225775</v>
      </c>
      <c r="T577" s="236" t="e">
        <f t="shared" si="120"/>
        <v>#N/A</v>
      </c>
    </row>
    <row r="578" spans="1:20" x14ac:dyDescent="0.2">
      <c r="A578" s="53">
        <f t="shared" si="121"/>
        <v>566</v>
      </c>
      <c r="B578" s="239">
        <v>5.4320000000000004</v>
      </c>
      <c r="C578" s="3">
        <f t="shared" si="122"/>
        <v>5.4250000000000007</v>
      </c>
      <c r="D578" s="239">
        <v>0.17510000000000001</v>
      </c>
      <c r="E578" s="239">
        <v>5.5999999999999999E-3</v>
      </c>
      <c r="F578" s="239">
        <v>0.13070000000000001</v>
      </c>
      <c r="G578">
        <f t="shared" si="123"/>
        <v>0.20124</v>
      </c>
      <c r="H578" s="235">
        <f t="shared" si="124"/>
        <v>2.7827469687934805</v>
      </c>
      <c r="I578" s="236">
        <f t="shared" si="125"/>
        <v>14.637893605087569</v>
      </c>
      <c r="J578" s="237">
        <f t="shared" si="130"/>
        <v>4.6378936050875694</v>
      </c>
      <c r="K578" s="237">
        <f t="shared" si="126"/>
        <v>79.410572807600076</v>
      </c>
      <c r="L578" s="237">
        <f t="shared" si="131"/>
        <v>25.193038062835679</v>
      </c>
      <c r="M578" s="236">
        <f t="shared" si="127"/>
        <v>4.8358370629432157</v>
      </c>
      <c r="N578" s="236">
        <f t="shared" si="128"/>
        <v>4.5965906013463913</v>
      </c>
      <c r="O578" s="236">
        <f t="shared" si="132"/>
        <v>3.3619537132633774</v>
      </c>
      <c r="P578" s="236" t="str">
        <f t="shared" si="133"/>
        <v>CLAY</v>
      </c>
      <c r="Q578" s="236">
        <f t="shared" si="129"/>
        <v>10.152452266033327</v>
      </c>
      <c r="R578" s="238">
        <v>35</v>
      </c>
      <c r="S578" s="236">
        <f t="shared" si="134"/>
        <v>1.7927906684087342</v>
      </c>
      <c r="T578" s="236" t="e">
        <f t="shared" si="120"/>
        <v>#N/A</v>
      </c>
    </row>
    <row r="579" spans="1:20" x14ac:dyDescent="0.2">
      <c r="A579" s="53">
        <f t="shared" si="121"/>
        <v>567</v>
      </c>
      <c r="B579" s="239">
        <v>5.4420000000000002</v>
      </c>
      <c r="C579" s="3">
        <f t="shared" si="122"/>
        <v>5.4350000000000005</v>
      </c>
      <c r="D579" s="239">
        <v>0.1774</v>
      </c>
      <c r="E579" s="239">
        <v>5.4999999999999997E-3</v>
      </c>
      <c r="F579" s="239">
        <v>0.12759999999999999</v>
      </c>
      <c r="G579">
        <f t="shared" si="123"/>
        <v>0.20291999999999999</v>
      </c>
      <c r="H579" s="235">
        <f t="shared" si="124"/>
        <v>2.7104277547802087</v>
      </c>
      <c r="I579" s="236">
        <f t="shared" si="125"/>
        <v>14.620014684297775</v>
      </c>
      <c r="J579" s="237">
        <f t="shared" si="130"/>
        <v>4.6200146842977752</v>
      </c>
      <c r="K579" s="237">
        <f t="shared" si="126"/>
        <v>79.45977980915842</v>
      </c>
      <c r="L579" s="237">
        <f t="shared" si="131"/>
        <v>25.142119911948495</v>
      </c>
      <c r="M579" s="236">
        <f t="shared" si="127"/>
        <v>4.9104936506236516</v>
      </c>
      <c r="N579" s="236">
        <f t="shared" si="128"/>
        <v>4.4548762277422185</v>
      </c>
      <c r="O579" s="236">
        <f t="shared" si="132"/>
        <v>3.3488344343405814</v>
      </c>
      <c r="P579" s="236" t="str">
        <f t="shared" si="133"/>
        <v>CLAY</v>
      </c>
      <c r="Q579" s="236">
        <f t="shared" si="129"/>
        <v>10.288351682570131</v>
      </c>
      <c r="R579" s="238">
        <v>35</v>
      </c>
      <c r="S579" s="236">
        <f t="shared" si="134"/>
        <v>1.8274539877503797</v>
      </c>
      <c r="T579" s="236" t="e">
        <f t="shared" si="120"/>
        <v>#N/A</v>
      </c>
    </row>
    <row r="580" spans="1:20" x14ac:dyDescent="0.2">
      <c r="A580" s="53">
        <f t="shared" si="121"/>
        <v>568</v>
      </c>
      <c r="B580" s="239">
        <v>5.452</v>
      </c>
      <c r="C580" s="3">
        <f t="shared" si="122"/>
        <v>5.4450000000000003</v>
      </c>
      <c r="D580" s="239">
        <v>0.17530000000000001</v>
      </c>
      <c r="E580" s="239">
        <v>5.4999999999999997E-3</v>
      </c>
      <c r="F580" s="239">
        <v>0.12640000000000001</v>
      </c>
      <c r="G580">
        <f t="shared" si="123"/>
        <v>0.20058000000000001</v>
      </c>
      <c r="H580" s="235">
        <f t="shared" si="124"/>
        <v>2.7420480606241893</v>
      </c>
      <c r="I580" s="236">
        <f t="shared" si="125"/>
        <v>14.615481180295536</v>
      </c>
      <c r="J580" s="237">
        <f t="shared" si="130"/>
        <v>4.6154811802955358</v>
      </c>
      <c r="K580" s="237">
        <f t="shared" si="126"/>
        <v>79.581295026709199</v>
      </c>
      <c r="L580" s="237">
        <f t="shared" si="131"/>
        <v>25.163603394971261</v>
      </c>
      <c r="M580" s="236">
        <f t="shared" si="127"/>
        <v>4.8084808472808556</v>
      </c>
      <c r="N580" s="236">
        <f t="shared" si="128"/>
        <v>4.5455031946119311</v>
      </c>
      <c r="O580" s="236">
        <f t="shared" si="132"/>
        <v>3.3612816077248668</v>
      </c>
      <c r="P580" s="236" t="str">
        <f t="shared" si="133"/>
        <v>CLAY</v>
      </c>
      <c r="Q580" s="236">
        <f t="shared" si="129"/>
        <v>10.083225414440902</v>
      </c>
      <c r="R580" s="238">
        <v>35</v>
      </c>
      <c r="S580" s="236">
        <f t="shared" si="134"/>
        <v>1.7801224275524974</v>
      </c>
      <c r="T580" s="236" t="e">
        <f t="shared" si="120"/>
        <v>#N/A</v>
      </c>
    </row>
    <row r="581" spans="1:20" x14ac:dyDescent="0.2">
      <c r="A581" s="53">
        <f t="shared" si="121"/>
        <v>569</v>
      </c>
      <c r="B581" s="239">
        <v>5.4630000000000001</v>
      </c>
      <c r="C581" s="3">
        <f t="shared" si="122"/>
        <v>5.4560000000000004</v>
      </c>
      <c r="D581" s="239">
        <v>0.16839999999999999</v>
      </c>
      <c r="E581" s="239">
        <v>5.3E-3</v>
      </c>
      <c r="F581" s="239">
        <v>0.1138</v>
      </c>
      <c r="G581">
        <f t="shared" si="123"/>
        <v>0.19116</v>
      </c>
      <c r="H581" s="235">
        <f t="shared" si="124"/>
        <v>2.7725465578572925</v>
      </c>
      <c r="I581" s="236">
        <f t="shared" si="125"/>
        <v>14.553245221968499</v>
      </c>
      <c r="J581" s="237">
        <f t="shared" si="130"/>
        <v>4.5532452219684991</v>
      </c>
      <c r="K581" s="237">
        <f t="shared" si="126"/>
        <v>79.402505931060134</v>
      </c>
      <c r="L581" s="237">
        <f t="shared" si="131"/>
        <v>24.874378647613913</v>
      </c>
      <c r="M581" s="236">
        <f t="shared" si="127"/>
        <v>4.4928758081625588</v>
      </c>
      <c r="N581" s="236">
        <f t="shared" si="128"/>
        <v>4.7424112755522128</v>
      </c>
      <c r="O581" s="236">
        <f t="shared" si="132"/>
        <v>3.3960243961395706</v>
      </c>
      <c r="P581" s="236" t="str">
        <f t="shared" si="133"/>
        <v>CLAY</v>
      </c>
      <c r="Q581" s="236">
        <f t="shared" si="129"/>
        <v>9.3131245057449892</v>
      </c>
      <c r="R581" s="238">
        <v>35</v>
      </c>
      <c r="S581" s="236">
        <f t="shared" si="134"/>
        <v>1.6352928059665035</v>
      </c>
      <c r="T581" s="236" t="e">
        <f t="shared" si="120"/>
        <v>#N/A</v>
      </c>
    </row>
    <row r="582" spans="1:20" x14ac:dyDescent="0.2">
      <c r="A582" s="53">
        <f t="shared" si="121"/>
        <v>570</v>
      </c>
      <c r="B582" s="239">
        <v>5.4720000000000004</v>
      </c>
      <c r="C582" s="3">
        <f t="shared" si="122"/>
        <v>5.4650000000000007</v>
      </c>
      <c r="D582" s="239">
        <v>0.1709</v>
      </c>
      <c r="E582" s="239">
        <v>5.1000000000000004E-3</v>
      </c>
      <c r="F582" s="239">
        <v>9.9500000000000005E-2</v>
      </c>
      <c r="G582">
        <f t="shared" si="123"/>
        <v>0.1908</v>
      </c>
      <c r="H582" s="235">
        <f t="shared" si="124"/>
        <v>2.6729559748427674</v>
      </c>
      <c r="I582" s="236">
        <f t="shared" si="125"/>
        <v>14.507403063178185</v>
      </c>
      <c r="J582" s="237">
        <f t="shared" si="130"/>
        <v>4.5074030631781845</v>
      </c>
      <c r="K582" s="237">
        <f t="shared" si="126"/>
        <v>79.282957740268785</v>
      </c>
      <c r="L582" s="237">
        <f t="shared" si="131"/>
        <v>24.664509561711029</v>
      </c>
      <c r="M582" s="236">
        <f t="shared" si="127"/>
        <v>4.5213565662318835</v>
      </c>
      <c r="N582" s="236">
        <f t="shared" si="128"/>
        <v>4.5732920248384392</v>
      </c>
      <c r="O582" s="236">
        <f t="shared" si="132"/>
        <v>3.3849627484605538</v>
      </c>
      <c r="P582" s="236" t="str">
        <f t="shared" si="133"/>
        <v>CLAY</v>
      </c>
      <c r="Q582" s="236">
        <f t="shared" si="129"/>
        <v>9.2930868549776022</v>
      </c>
      <c r="R582" s="238">
        <v>35</v>
      </c>
      <c r="S582" s="236">
        <f t="shared" si="134"/>
        <v>1.6482608990544849</v>
      </c>
      <c r="T582" s="236" t="e">
        <f t="shared" si="120"/>
        <v>#N/A</v>
      </c>
    </row>
    <row r="583" spans="1:20" x14ac:dyDescent="0.2">
      <c r="A583" s="53">
        <f t="shared" si="121"/>
        <v>571</v>
      </c>
      <c r="B583" s="239">
        <v>5.4829999999999997</v>
      </c>
      <c r="C583" s="3">
        <f t="shared" si="122"/>
        <v>5.476</v>
      </c>
      <c r="D583" s="239">
        <v>0.17660000000000001</v>
      </c>
      <c r="E583" s="239">
        <v>5.1999999999999998E-3</v>
      </c>
      <c r="F583" s="239">
        <v>9.6500000000000002E-2</v>
      </c>
      <c r="G583">
        <f t="shared" si="123"/>
        <v>0.19590000000000002</v>
      </c>
      <c r="H583" s="235">
        <f t="shared" si="124"/>
        <v>2.6544155181214899</v>
      </c>
      <c r="I583" s="236">
        <f t="shared" si="125"/>
        <v>14.540483074591709</v>
      </c>
      <c r="J583" s="237">
        <f t="shared" si="130"/>
        <v>4.5404830745917089</v>
      </c>
      <c r="K583" s="237">
        <f t="shared" si="126"/>
        <v>79.623685316464204</v>
      </c>
      <c r="L583" s="237">
        <f t="shared" si="131"/>
        <v>24.895468697986338</v>
      </c>
      <c r="M583" s="236">
        <f t="shared" si="127"/>
        <v>4.6705814658127229</v>
      </c>
      <c r="N583" s="236">
        <f t="shared" si="128"/>
        <v>4.4721059608335665</v>
      </c>
      <c r="O583" s="236">
        <f t="shared" si="132"/>
        <v>3.367838851123317</v>
      </c>
      <c r="P583" s="236" t="str">
        <f t="shared" si="133"/>
        <v>CLAY</v>
      </c>
      <c r="Q583" s="236">
        <f t="shared" si="129"/>
        <v>9.6896928902946495</v>
      </c>
      <c r="R583" s="238">
        <v>35</v>
      </c>
      <c r="S583" s="236">
        <f t="shared" si="134"/>
        <v>1.7165390911197582</v>
      </c>
      <c r="T583" s="236" t="e">
        <f t="shared" si="120"/>
        <v>#N/A</v>
      </c>
    </row>
    <row r="584" spans="1:20" x14ac:dyDescent="0.2">
      <c r="A584" s="53">
        <f t="shared" si="121"/>
        <v>572</v>
      </c>
      <c r="B584" s="239">
        <v>5.4930000000000003</v>
      </c>
      <c r="C584" s="3">
        <f t="shared" si="122"/>
        <v>5.4860000000000007</v>
      </c>
      <c r="D584" s="239">
        <v>0.18060000000000001</v>
      </c>
      <c r="E584" s="239">
        <v>5.4000000000000003E-3</v>
      </c>
      <c r="F584" s="239">
        <v>9.8299999999999998E-2</v>
      </c>
      <c r="G584">
        <f t="shared" si="123"/>
        <v>0.20025999999999999</v>
      </c>
      <c r="H584" s="235">
        <f t="shared" si="124"/>
        <v>2.6964945570758019</v>
      </c>
      <c r="I584" s="236">
        <f t="shared" si="125"/>
        <v>14.593340996550923</v>
      </c>
      <c r="J584" s="237">
        <f t="shared" si="130"/>
        <v>4.5933409965509231</v>
      </c>
      <c r="K584" s="237">
        <f t="shared" si="126"/>
        <v>80.059068707078367</v>
      </c>
      <c r="L584" s="237">
        <f t="shared" si="131"/>
        <v>25.231222094054221</v>
      </c>
      <c r="M584" s="236">
        <f t="shared" si="127"/>
        <v>4.7639757933583082</v>
      </c>
      <c r="N584" s="236">
        <f t="shared" si="128"/>
        <v>4.4924776721076825</v>
      </c>
      <c r="O584" s="236">
        <f t="shared" si="132"/>
        <v>3.361790832812241</v>
      </c>
      <c r="P584" s="236" t="str">
        <f t="shared" si="133"/>
        <v>CLAY</v>
      </c>
      <c r="Q584" s="236">
        <f t="shared" si="129"/>
        <v>10.016744274410135</v>
      </c>
      <c r="R584" s="238">
        <v>35</v>
      </c>
      <c r="S584" s="236">
        <f t="shared" si="134"/>
        <v>1.7595513324052674</v>
      </c>
      <c r="T584" s="236" t="e">
        <f t="shared" si="120"/>
        <v>#N/A</v>
      </c>
    </row>
    <row r="585" spans="1:20" x14ac:dyDescent="0.2">
      <c r="A585" s="53">
        <f t="shared" si="121"/>
        <v>573</v>
      </c>
      <c r="B585" s="239">
        <v>5.5019999999999998</v>
      </c>
      <c r="C585" s="3">
        <f t="shared" si="122"/>
        <v>5.4950000000000001</v>
      </c>
      <c r="D585" s="239">
        <v>0.18959999999999999</v>
      </c>
      <c r="E585" s="239">
        <v>5.4999999999999997E-3</v>
      </c>
      <c r="F585" s="239">
        <v>0.1028</v>
      </c>
      <c r="G585">
        <f t="shared" si="123"/>
        <v>0.21015999999999999</v>
      </c>
      <c r="H585" s="235">
        <f t="shared" si="124"/>
        <v>2.6170536733917014</v>
      </c>
      <c r="I585" s="236">
        <f t="shared" si="125"/>
        <v>14.633717369817155</v>
      </c>
      <c r="J585" s="237">
        <f t="shared" si="130"/>
        <v>4.6337173698171554</v>
      </c>
      <c r="K585" s="237">
        <f t="shared" si="126"/>
        <v>80.412276947145273</v>
      </c>
      <c r="L585" s="237">
        <f t="shared" si="131"/>
        <v>25.494712968733989</v>
      </c>
      <c r="M585" s="236">
        <f t="shared" si="127"/>
        <v>5.0892011693551424</v>
      </c>
      <c r="N585" s="236">
        <f t="shared" si="128"/>
        <v>4.2389953908936731</v>
      </c>
      <c r="O585" s="236">
        <f t="shared" si="132"/>
        <v>3.3239262503328715</v>
      </c>
      <c r="P585" s="236" t="str">
        <f t="shared" si="133"/>
        <v>CLAY</v>
      </c>
      <c r="Q585" s="236">
        <f t="shared" si="129"/>
        <v>10.81231025440456</v>
      </c>
      <c r="R585" s="238">
        <v>35</v>
      </c>
      <c r="S585" s="236">
        <f t="shared" si="134"/>
        <v>1.9109619140440852</v>
      </c>
      <c r="T585" s="236" t="e">
        <f t="shared" si="120"/>
        <v>#N/A</v>
      </c>
    </row>
    <row r="586" spans="1:20" x14ac:dyDescent="0.2">
      <c r="A586" s="53">
        <f t="shared" si="121"/>
        <v>574</v>
      </c>
      <c r="B586" s="239">
        <v>5.5129999999999999</v>
      </c>
      <c r="C586" s="3">
        <f t="shared" si="122"/>
        <v>5.5060000000000002</v>
      </c>
      <c r="D586" s="239">
        <v>0.19980000000000001</v>
      </c>
      <c r="E586" s="239">
        <v>5.5999999999999999E-3</v>
      </c>
      <c r="F586" s="239">
        <v>0.1065</v>
      </c>
      <c r="G586">
        <f t="shared" si="123"/>
        <v>0.22109999999999999</v>
      </c>
      <c r="H586" s="235">
        <f t="shared" si="124"/>
        <v>2.532790592492085</v>
      </c>
      <c r="I586" s="236">
        <f t="shared" si="125"/>
        <v>14.674680595620071</v>
      </c>
      <c r="J586" s="237">
        <f t="shared" si="130"/>
        <v>4.674680595620071</v>
      </c>
      <c r="K586" s="237">
        <f t="shared" si="126"/>
        <v>80.798791359484113</v>
      </c>
      <c r="L586" s="237">
        <f t="shared" si="131"/>
        <v>25.77151412365345</v>
      </c>
      <c r="M586" s="236">
        <f t="shared" si="127"/>
        <v>5.4440421299013044</v>
      </c>
      <c r="N586" s="236">
        <f t="shared" si="128"/>
        <v>3.9914125147335646</v>
      </c>
      <c r="O586" s="236">
        <f t="shared" si="132"/>
        <v>3.2850703971613169</v>
      </c>
      <c r="P586" s="236" t="str">
        <f t="shared" si="133"/>
        <v>CLAY</v>
      </c>
      <c r="Q586" s="236">
        <f t="shared" si="129"/>
        <v>11.691767386709657</v>
      </c>
      <c r="R586" s="238">
        <v>35</v>
      </c>
      <c r="S586" s="236">
        <f t="shared" si="134"/>
        <v>2.0789395215730511</v>
      </c>
      <c r="T586" s="236" t="e">
        <f t="shared" si="120"/>
        <v>#N/A</v>
      </c>
    </row>
    <row r="587" spans="1:20" x14ac:dyDescent="0.2">
      <c r="A587" s="53">
        <f t="shared" si="121"/>
        <v>575</v>
      </c>
      <c r="B587" s="239">
        <v>5.5229999999999997</v>
      </c>
      <c r="C587" s="3">
        <f t="shared" si="122"/>
        <v>5.516</v>
      </c>
      <c r="D587" s="239">
        <v>0.20319999999999999</v>
      </c>
      <c r="E587" s="239">
        <v>5.7000000000000002E-3</v>
      </c>
      <c r="F587" s="239">
        <v>0.1108</v>
      </c>
      <c r="G587">
        <f t="shared" si="123"/>
        <v>0.22535999999999998</v>
      </c>
      <c r="H587" s="235">
        <f t="shared" si="124"/>
        <v>2.5292864749733761</v>
      </c>
      <c r="I587" s="236">
        <f t="shared" si="125"/>
        <v>14.702894315278158</v>
      </c>
      <c r="J587" s="237">
        <f t="shared" si="130"/>
        <v>4.7028943152781579</v>
      </c>
      <c r="K587" s="237">
        <f t="shared" si="126"/>
        <v>81.101165043074317</v>
      </c>
      <c r="L587" s="237">
        <f t="shared" si="131"/>
        <v>25.974085303281264</v>
      </c>
      <c r="M587" s="236">
        <f t="shared" si="127"/>
        <v>5.5539524596348997</v>
      </c>
      <c r="N587" s="236">
        <f t="shared" si="128"/>
        <v>3.9512311337478678</v>
      </c>
      <c r="O587" s="236">
        <f t="shared" si="132"/>
        <v>3.2754099191316528</v>
      </c>
      <c r="P587" s="236" t="str">
        <f t="shared" si="133"/>
        <v>CLAY</v>
      </c>
      <c r="Q587" s="236">
        <f t="shared" si="129"/>
        <v>12.021569579743806</v>
      </c>
      <c r="R587" s="238">
        <v>35</v>
      </c>
      <c r="S587" s="236">
        <f t="shared" si="134"/>
        <v>2.1315361678949558</v>
      </c>
      <c r="T587" s="236" t="e">
        <f t="shared" si="120"/>
        <v>#N/A</v>
      </c>
    </row>
    <row r="588" spans="1:20" x14ac:dyDescent="0.2">
      <c r="A588" s="53">
        <f t="shared" si="121"/>
        <v>576</v>
      </c>
      <c r="B588" s="239">
        <v>5.5330000000000004</v>
      </c>
      <c r="C588" s="3">
        <f t="shared" si="122"/>
        <v>5.5260000000000007</v>
      </c>
      <c r="D588" s="239">
        <v>0.2034</v>
      </c>
      <c r="E588" s="239">
        <v>5.4999999999999997E-3</v>
      </c>
      <c r="F588" s="239">
        <v>0.1125</v>
      </c>
      <c r="G588">
        <f t="shared" si="123"/>
        <v>0.22589999999999999</v>
      </c>
      <c r="H588" s="235">
        <f t="shared" si="124"/>
        <v>2.4347056219566179</v>
      </c>
      <c r="I588" s="236">
        <f t="shared" si="125"/>
        <v>14.661946923845273</v>
      </c>
      <c r="J588" s="237">
        <f t="shared" si="130"/>
        <v>4.6619469238452727</v>
      </c>
      <c r="K588" s="237">
        <f t="shared" si="126"/>
        <v>81.021918701168985</v>
      </c>
      <c r="L588" s="237">
        <f t="shared" si="131"/>
        <v>25.794552329635895</v>
      </c>
      <c r="M588" s="236">
        <f t="shared" si="127"/>
        <v>5.6166154561394563</v>
      </c>
      <c r="N588" s="236">
        <f t="shared" si="128"/>
        <v>3.7962954442055961</v>
      </c>
      <c r="O588" s="236">
        <f t="shared" si="132"/>
        <v>3.2617410046480892</v>
      </c>
      <c r="P588" s="236" t="str">
        <f t="shared" si="133"/>
        <v>CLAY</v>
      </c>
      <c r="Q588" s="236">
        <f t="shared" si="129"/>
        <v>12.073173441569248</v>
      </c>
      <c r="R588" s="238">
        <v>35</v>
      </c>
      <c r="S588" s="236">
        <f t="shared" si="134"/>
        <v>2.1616400197261276</v>
      </c>
      <c r="T588" s="236" t="e">
        <f t="shared" si="120"/>
        <v>#N/A</v>
      </c>
    </row>
    <row r="589" spans="1:20" x14ac:dyDescent="0.2">
      <c r="A589" s="53">
        <f t="shared" si="121"/>
        <v>577</v>
      </c>
      <c r="B589" s="239">
        <v>5.5430000000000001</v>
      </c>
      <c r="C589" s="3">
        <f t="shared" si="122"/>
        <v>5.5360000000000005</v>
      </c>
      <c r="D589" s="239">
        <v>0.2014</v>
      </c>
      <c r="E589" s="239">
        <v>5.7000000000000002E-3</v>
      </c>
      <c r="F589" s="239">
        <v>0.1171</v>
      </c>
      <c r="G589">
        <f t="shared" si="123"/>
        <v>0.22481999999999999</v>
      </c>
      <c r="H589" s="235">
        <f t="shared" si="124"/>
        <v>2.5353616226314388</v>
      </c>
      <c r="I589" s="236">
        <f t="shared" si="125"/>
        <v>14.70195661382791</v>
      </c>
      <c r="J589" s="237">
        <f t="shared" si="130"/>
        <v>4.7019566138279103</v>
      </c>
      <c r="K589" s="237">
        <f t="shared" si="126"/>
        <v>81.390031814151314</v>
      </c>
      <c r="L589" s="237">
        <f t="shared" si="131"/>
        <v>26.062945510448106</v>
      </c>
      <c r="M589" s="236">
        <f t="shared" si="127"/>
        <v>5.50321406029685</v>
      </c>
      <c r="N589" s="236">
        <f t="shared" si="128"/>
        <v>3.9740648848323339</v>
      </c>
      <c r="O589" s="236">
        <f t="shared" si="132"/>
        <v>3.2801144216892402</v>
      </c>
      <c r="P589" s="236" t="str">
        <f t="shared" si="133"/>
        <v>CLAY</v>
      </c>
      <c r="Q589" s="236">
        <f t="shared" si="129"/>
        <v>11.952497348820723</v>
      </c>
      <c r="R589" s="238">
        <v>35</v>
      </c>
      <c r="S589" s="236">
        <f t="shared" si="134"/>
        <v>2.1072230888646373</v>
      </c>
      <c r="T589" s="236" t="e">
        <f t="shared" ref="T589:T652" si="135">IF(P589="SAND",17.6+(11*LOG(M589)),#N/A)</f>
        <v>#N/A</v>
      </c>
    </row>
    <row r="590" spans="1:20" x14ac:dyDescent="0.2">
      <c r="A590" s="53">
        <f t="shared" ref="A590:A653" si="136">$A589+1</f>
        <v>578</v>
      </c>
      <c r="B590" s="239">
        <v>5.5519999999999996</v>
      </c>
      <c r="C590" s="3">
        <f t="shared" ref="C590:C653" si="137">MAX($B590 - $B$13, 0.001)</f>
        <v>5.5449999999999999</v>
      </c>
      <c r="D590" s="239">
        <v>0.19839999999999999</v>
      </c>
      <c r="E590" s="239">
        <v>5.7000000000000002E-3</v>
      </c>
      <c r="F590" s="239">
        <v>0.1193</v>
      </c>
      <c r="G590">
        <f t="shared" si="123"/>
        <v>0.22225999999999999</v>
      </c>
      <c r="H590" s="235">
        <f t="shared" si="124"/>
        <v>2.5645640241159007</v>
      </c>
      <c r="I590" s="236">
        <f t="shared" si="125"/>
        <v>14.697480343708776</v>
      </c>
      <c r="J590" s="237">
        <f t="shared" si="130"/>
        <v>4.6974803437087758</v>
      </c>
      <c r="K590" s="237">
        <f t="shared" si="126"/>
        <v>81.497528505865162</v>
      </c>
      <c r="L590" s="237">
        <f t="shared" si="131"/>
        <v>26.08041086827112</v>
      </c>
      <c r="M590" s="236">
        <f t="shared" si="127"/>
        <v>5.3972490006046456</v>
      </c>
      <c r="N590" s="236">
        <f t="shared" si="128"/>
        <v>4.0493747655158945</v>
      </c>
      <c r="O590" s="236">
        <f t="shared" si="132"/>
        <v>3.2916631767485174</v>
      </c>
      <c r="P590" s="236" t="str">
        <f t="shared" si="133"/>
        <v>CLAY</v>
      </c>
      <c r="Q590" s="236">
        <f t="shared" si="129"/>
        <v>11.73020595784457</v>
      </c>
      <c r="R590" s="238">
        <v>35</v>
      </c>
      <c r="S590" s="236">
        <f t="shared" si="134"/>
        <v>2.0566272076627916</v>
      </c>
      <c r="T590" s="236" t="e">
        <f t="shared" si="135"/>
        <v>#N/A</v>
      </c>
    </row>
    <row r="591" spans="1:20" x14ac:dyDescent="0.2">
      <c r="A591" s="53">
        <f t="shared" si="136"/>
        <v>579</v>
      </c>
      <c r="B591" s="239">
        <v>5.5629999999999997</v>
      </c>
      <c r="C591" s="3">
        <f t="shared" si="137"/>
        <v>5.556</v>
      </c>
      <c r="D591" s="239">
        <v>0.19600000000000001</v>
      </c>
      <c r="E591" s="239">
        <v>5.7000000000000002E-3</v>
      </c>
      <c r="F591" s="239">
        <v>0.1206</v>
      </c>
      <c r="G591">
        <f t="shared" ref="G591:G654" si="138">$D591+($F591*(1-$P$8))</f>
        <v>0.22012000000000001</v>
      </c>
      <c r="H591" s="235">
        <f t="shared" ref="H591:H654" si="139">($E591/$G591)*100</f>
        <v>2.589496638197347</v>
      </c>
      <c r="I591" s="236">
        <f t="shared" ref="I591:I654" si="140">((0.27*(LOG($H591)))+(0.36*(LOG(($G591*1000)/101)))+1.236)*10</f>
        <v>14.69369871842342</v>
      </c>
      <c r="J591" s="237">
        <f t="shared" si="130"/>
        <v>4.6936987184234198</v>
      </c>
      <c r="K591" s="237">
        <f t="shared" ref="K591:K654" si="141">$I591*$C591</f>
        <v>81.638190079560516</v>
      </c>
      <c r="L591" s="237">
        <f t="shared" si="131"/>
        <v>26.111045970589483</v>
      </c>
      <c r="M591" s="236">
        <f t="shared" ref="M591:M654" si="142">(($G591*1000)-$K591)/$L591</f>
        <v>5.303571908854984</v>
      </c>
      <c r="N591" s="236">
        <f t="shared" ref="N591:N654" si="143">(($E591*1000)/(($G591*1000)-$K591))*100</f>
        <v>4.1160640543871869</v>
      </c>
      <c r="O591" s="236">
        <f t="shared" si="132"/>
        <v>3.3019265584653397</v>
      </c>
      <c r="P591" s="236" t="str">
        <f t="shared" si="133"/>
        <v>CLAY</v>
      </c>
      <c r="Q591" s="236">
        <f t="shared" ref="Q591:Q654" si="144">IF(P591="CLAY",($G591*1000 -$K591)/$L$8,#N/A)</f>
        <v>11.540150826703291</v>
      </c>
      <c r="R591" s="238">
        <v>35</v>
      </c>
      <c r="S591" s="236">
        <f t="shared" si="134"/>
        <v>2.0121047472960343</v>
      </c>
      <c r="T591" s="236" t="e">
        <f t="shared" si="135"/>
        <v>#N/A</v>
      </c>
    </row>
    <row r="592" spans="1:20" x14ac:dyDescent="0.2">
      <c r="A592" s="53">
        <f t="shared" si="136"/>
        <v>580</v>
      </c>
      <c r="B592" s="239">
        <v>5.5720000000000001</v>
      </c>
      <c r="C592" s="3">
        <f t="shared" si="137"/>
        <v>5.5650000000000004</v>
      </c>
      <c r="D592" s="239">
        <v>0.19309999999999999</v>
      </c>
      <c r="E592" s="239">
        <v>5.7000000000000002E-3</v>
      </c>
      <c r="F592" s="239">
        <v>0.1241</v>
      </c>
      <c r="G592">
        <f t="shared" si="138"/>
        <v>0.21792</v>
      </c>
      <c r="H592" s="235">
        <f t="shared" si="139"/>
        <v>2.6156387665198242</v>
      </c>
      <c r="I592" s="236">
        <f t="shared" si="140"/>
        <v>14.689772545907635</v>
      </c>
      <c r="J592" s="237">
        <f t="shared" ref="J592:J655" si="145">$I592-10</f>
        <v>4.6897725459076351</v>
      </c>
      <c r="K592" s="237">
        <f t="shared" si="141"/>
        <v>81.748584217975989</v>
      </c>
      <c r="L592" s="237">
        <f t="shared" ref="L592:L655" si="146">$J592*$B592</f>
        <v>26.131412625797342</v>
      </c>
      <c r="M592" s="236">
        <f t="shared" si="142"/>
        <v>5.2110239018457607</v>
      </c>
      <c r="N592" s="236">
        <f t="shared" si="143"/>
        <v>4.1859005190371645</v>
      </c>
      <c r="O592" s="236">
        <f t="shared" ref="O592:O655" si="147">((3.47-LOG($M592))^2+(LOG($N592)+1.22)^2)^0.5</f>
        <v>3.3123434259576783</v>
      </c>
      <c r="P592" s="236" t="str">
        <f t="shared" ref="P592:P655" si="148">IF(O592&lt;2.6,"SAND","CLAY")</f>
        <v>CLAY</v>
      </c>
      <c r="Q592" s="236">
        <f t="shared" si="144"/>
        <v>11.347617981835336</v>
      </c>
      <c r="R592" s="238">
        <v>35</v>
      </c>
      <c r="S592" s="236">
        <f t="shared" ref="S592:S655" si="149">IF(P592="SAND",#N/A,0.25*($M592)^1.25)</f>
        <v>1.9683115465667145</v>
      </c>
      <c r="T592" s="236" t="e">
        <f t="shared" si="135"/>
        <v>#N/A</v>
      </c>
    </row>
    <row r="593" spans="1:20" x14ac:dyDescent="0.2">
      <c r="A593" s="53">
        <f t="shared" si="136"/>
        <v>581</v>
      </c>
      <c r="B593" s="239">
        <v>5.5830000000000002</v>
      </c>
      <c r="C593" s="3">
        <f t="shared" si="137"/>
        <v>5.5760000000000005</v>
      </c>
      <c r="D593" s="239">
        <v>0.18909999999999999</v>
      </c>
      <c r="E593" s="239">
        <v>5.7999999999999996E-3</v>
      </c>
      <c r="F593" s="239">
        <v>0.1278</v>
      </c>
      <c r="G593">
        <f t="shared" si="138"/>
        <v>0.21465999999999999</v>
      </c>
      <c r="H593" s="235">
        <f t="shared" si="139"/>
        <v>2.7019472654430263</v>
      </c>
      <c r="I593" s="236">
        <f t="shared" si="140"/>
        <v>14.704274649524416</v>
      </c>
      <c r="J593" s="237">
        <f t="shared" si="145"/>
        <v>4.7042746495244163</v>
      </c>
      <c r="K593" s="237">
        <f t="shared" si="141"/>
        <v>81.991035445748153</v>
      </c>
      <c r="L593" s="237">
        <f t="shared" si="146"/>
        <v>26.263965368294816</v>
      </c>
      <c r="M593" s="236">
        <f t="shared" si="142"/>
        <v>5.0513683936853795</v>
      </c>
      <c r="N593" s="236">
        <f t="shared" si="143"/>
        <v>4.371783573865331</v>
      </c>
      <c r="O593" s="236">
        <f t="shared" si="147"/>
        <v>3.3340780063566675</v>
      </c>
      <c r="P593" s="236" t="str">
        <f t="shared" si="148"/>
        <v>CLAY</v>
      </c>
      <c r="Q593" s="236">
        <f t="shared" si="144"/>
        <v>11.055747046187653</v>
      </c>
      <c r="R593" s="238">
        <v>35</v>
      </c>
      <c r="S593" s="236">
        <f t="shared" si="149"/>
        <v>1.8932209945034546</v>
      </c>
      <c r="T593" s="236" t="e">
        <f t="shared" si="135"/>
        <v>#N/A</v>
      </c>
    </row>
    <row r="594" spans="1:20" x14ac:dyDescent="0.2">
      <c r="A594" s="53">
        <f t="shared" si="136"/>
        <v>582</v>
      </c>
      <c r="B594" s="239">
        <v>5.5919999999999996</v>
      </c>
      <c r="C594" s="3">
        <f t="shared" si="137"/>
        <v>5.585</v>
      </c>
      <c r="D594" s="239">
        <v>0.1875</v>
      </c>
      <c r="E594" s="239">
        <v>5.7999999999999996E-3</v>
      </c>
      <c r="F594" s="239">
        <v>0.13109999999999999</v>
      </c>
      <c r="G594">
        <f t="shared" si="138"/>
        <v>0.21371999999999999</v>
      </c>
      <c r="H594" s="235">
        <f t="shared" si="139"/>
        <v>2.7138311809844655</v>
      </c>
      <c r="I594" s="236">
        <f t="shared" si="140"/>
        <v>14.702559285962199</v>
      </c>
      <c r="J594" s="237">
        <f t="shared" si="145"/>
        <v>4.7025592859621987</v>
      </c>
      <c r="K594" s="237">
        <f t="shared" si="141"/>
        <v>82.113793612098874</v>
      </c>
      <c r="L594" s="237">
        <f t="shared" si="146"/>
        <v>26.296711527100612</v>
      </c>
      <c r="M594" s="236">
        <f t="shared" si="142"/>
        <v>5.0046640338382868</v>
      </c>
      <c r="N594" s="236">
        <f t="shared" si="143"/>
        <v>4.4070869901871195</v>
      </c>
      <c r="O594" s="236">
        <f t="shared" si="147"/>
        <v>3.3393748758213078</v>
      </c>
      <c r="P594" s="236" t="str">
        <f t="shared" si="148"/>
        <v>CLAY</v>
      </c>
      <c r="Q594" s="236">
        <f t="shared" si="144"/>
        <v>10.967183865658427</v>
      </c>
      <c r="R594" s="238">
        <v>35</v>
      </c>
      <c r="S594" s="236">
        <f t="shared" si="149"/>
        <v>1.8713657172584175</v>
      </c>
      <c r="T594" s="236" t="e">
        <f t="shared" si="135"/>
        <v>#N/A</v>
      </c>
    </row>
    <row r="595" spans="1:20" x14ac:dyDescent="0.2">
      <c r="A595" s="53">
        <f t="shared" si="136"/>
        <v>583</v>
      </c>
      <c r="B595" s="239">
        <v>5.6029999999999998</v>
      </c>
      <c r="C595" s="3">
        <f t="shared" si="137"/>
        <v>5.5960000000000001</v>
      </c>
      <c r="D595" s="239">
        <v>0.1898</v>
      </c>
      <c r="E595" s="239">
        <v>5.7999999999999996E-3</v>
      </c>
      <c r="F595" s="239">
        <v>0.13270000000000001</v>
      </c>
      <c r="G595">
        <f t="shared" si="138"/>
        <v>0.21634</v>
      </c>
      <c r="H595" s="235">
        <f t="shared" si="139"/>
        <v>2.6809651474530827</v>
      </c>
      <c r="I595" s="236">
        <f t="shared" si="140"/>
        <v>14.70732177983688</v>
      </c>
      <c r="J595" s="237">
        <f t="shared" si="145"/>
        <v>4.7073217798368798</v>
      </c>
      <c r="K595" s="237">
        <f t="shared" si="141"/>
        <v>82.302172679967185</v>
      </c>
      <c r="L595" s="237">
        <f t="shared" si="146"/>
        <v>26.375123932426035</v>
      </c>
      <c r="M595" s="236">
        <f t="shared" si="142"/>
        <v>5.0819790520583821</v>
      </c>
      <c r="N595" s="236">
        <f t="shared" si="143"/>
        <v>4.32713668668453</v>
      </c>
      <c r="O595" s="236">
        <f t="shared" si="147"/>
        <v>3.329413613857799</v>
      </c>
      <c r="P595" s="236" t="str">
        <f t="shared" si="148"/>
        <v>CLAY</v>
      </c>
      <c r="Q595" s="236">
        <f t="shared" si="144"/>
        <v>11.169818943336068</v>
      </c>
      <c r="R595" s="238">
        <v>35</v>
      </c>
      <c r="S595" s="236">
        <f t="shared" si="149"/>
        <v>1.9075726930261441</v>
      </c>
      <c r="T595" s="236" t="e">
        <f t="shared" si="135"/>
        <v>#N/A</v>
      </c>
    </row>
    <row r="596" spans="1:20" x14ac:dyDescent="0.2">
      <c r="A596" s="53">
        <f t="shared" si="136"/>
        <v>584</v>
      </c>
      <c r="B596" s="239">
        <v>5.6120000000000001</v>
      </c>
      <c r="C596" s="3">
        <f t="shared" si="137"/>
        <v>5.6050000000000004</v>
      </c>
      <c r="D596" s="239">
        <v>0.19109999999999999</v>
      </c>
      <c r="E596" s="239">
        <v>5.7999999999999996E-3</v>
      </c>
      <c r="F596" s="239">
        <v>0.13300000000000001</v>
      </c>
      <c r="G596">
        <f t="shared" si="138"/>
        <v>0.21769999999999998</v>
      </c>
      <c r="H596" s="235">
        <f t="shared" si="139"/>
        <v>2.6642168121267802</v>
      </c>
      <c r="I596" s="236">
        <f t="shared" si="140"/>
        <v>14.709771223139402</v>
      </c>
      <c r="J596" s="237">
        <f t="shared" si="145"/>
        <v>4.709771223139402</v>
      </c>
      <c r="K596" s="237">
        <f t="shared" si="141"/>
        <v>82.448267705696352</v>
      </c>
      <c r="L596" s="237">
        <f t="shared" si="146"/>
        <v>26.431236104258325</v>
      </c>
      <c r="M596" s="236">
        <f t="shared" si="142"/>
        <v>5.1171171776000772</v>
      </c>
      <c r="N596" s="236">
        <f t="shared" si="143"/>
        <v>4.2882999734002505</v>
      </c>
      <c r="O596" s="236">
        <f t="shared" si="147"/>
        <v>3.3247467956900199</v>
      </c>
      <c r="P596" s="236" t="str">
        <f t="shared" si="148"/>
        <v>CLAY</v>
      </c>
      <c r="Q596" s="236">
        <f t="shared" si="144"/>
        <v>11.270977691191968</v>
      </c>
      <c r="R596" s="238">
        <v>35</v>
      </c>
      <c r="S596" s="236">
        <f t="shared" si="149"/>
        <v>1.9240737351963464</v>
      </c>
      <c r="T596" s="236" t="e">
        <f t="shared" si="135"/>
        <v>#N/A</v>
      </c>
    </row>
    <row r="597" spans="1:20" x14ac:dyDescent="0.2">
      <c r="A597" s="53">
        <f t="shared" si="136"/>
        <v>585</v>
      </c>
      <c r="B597" s="239">
        <v>5.6230000000000002</v>
      </c>
      <c r="C597" s="3">
        <f t="shared" si="137"/>
        <v>5.6160000000000005</v>
      </c>
      <c r="D597" s="239">
        <v>0.1925</v>
      </c>
      <c r="E597" s="239">
        <v>5.7000000000000002E-3</v>
      </c>
      <c r="F597" s="239">
        <v>0.1353</v>
      </c>
      <c r="G597">
        <f t="shared" si="138"/>
        <v>0.21956000000000001</v>
      </c>
      <c r="H597" s="235">
        <f t="shared" si="139"/>
        <v>2.596101293496083</v>
      </c>
      <c r="I597" s="236">
        <f t="shared" si="140"/>
        <v>14.692703064596833</v>
      </c>
      <c r="J597" s="237">
        <f t="shared" si="145"/>
        <v>4.6927030645968326</v>
      </c>
      <c r="K597" s="237">
        <f t="shared" si="141"/>
        <v>82.51422041077582</v>
      </c>
      <c r="L597" s="237">
        <f t="shared" si="146"/>
        <v>26.387069332227991</v>
      </c>
      <c r="M597" s="236">
        <f t="shared" si="142"/>
        <v>5.1936718649479801</v>
      </c>
      <c r="N597" s="236">
        <f t="shared" si="143"/>
        <v>4.1591941153423058</v>
      </c>
      <c r="O597" s="236">
        <f t="shared" si="147"/>
        <v>3.3120032441762417</v>
      </c>
      <c r="P597" s="236" t="str">
        <f t="shared" si="148"/>
        <v>CLAY</v>
      </c>
      <c r="Q597" s="236">
        <f t="shared" si="144"/>
        <v>11.420481632435349</v>
      </c>
      <c r="R597" s="238">
        <v>35</v>
      </c>
      <c r="S597" s="236">
        <f t="shared" si="149"/>
        <v>1.9601221803229198</v>
      </c>
      <c r="T597" s="236" t="e">
        <f t="shared" si="135"/>
        <v>#N/A</v>
      </c>
    </row>
    <row r="598" spans="1:20" x14ac:dyDescent="0.2">
      <c r="A598" s="53">
        <f t="shared" si="136"/>
        <v>586</v>
      </c>
      <c r="B598" s="239">
        <v>5.633</v>
      </c>
      <c r="C598" s="3">
        <f t="shared" si="137"/>
        <v>5.6260000000000003</v>
      </c>
      <c r="D598" s="239">
        <v>0.19289999999999999</v>
      </c>
      <c r="E598" s="239">
        <v>5.8999999999999999E-3</v>
      </c>
      <c r="F598" s="239">
        <v>0.1384</v>
      </c>
      <c r="G598">
        <f t="shared" si="138"/>
        <v>0.22057999999999997</v>
      </c>
      <c r="H598" s="235">
        <f t="shared" si="139"/>
        <v>2.6747665246169192</v>
      </c>
      <c r="I598" s="236">
        <f t="shared" si="140"/>
        <v>14.734953004963788</v>
      </c>
      <c r="J598" s="237">
        <f t="shared" si="145"/>
        <v>4.7349530049637885</v>
      </c>
      <c r="K598" s="237">
        <f t="shared" si="141"/>
        <v>82.898845605926283</v>
      </c>
      <c r="L598" s="237">
        <f t="shared" si="146"/>
        <v>26.671990276961019</v>
      </c>
      <c r="M598" s="236">
        <f t="shared" si="142"/>
        <v>5.1620127693658171</v>
      </c>
      <c r="N598" s="236">
        <f t="shared" si="143"/>
        <v>4.2852633143334229</v>
      </c>
      <c r="O598" s="236">
        <f t="shared" si="147"/>
        <v>3.3214255018322656</v>
      </c>
      <c r="P598" s="236" t="str">
        <f t="shared" si="148"/>
        <v>CLAY</v>
      </c>
      <c r="Q598" s="236">
        <f t="shared" si="144"/>
        <v>11.473429532839475</v>
      </c>
      <c r="R598" s="238">
        <v>35</v>
      </c>
      <c r="S598" s="236">
        <f t="shared" si="149"/>
        <v>1.9451981678265753</v>
      </c>
      <c r="T598" s="236" t="e">
        <f t="shared" si="135"/>
        <v>#N/A</v>
      </c>
    </row>
    <row r="599" spans="1:20" x14ac:dyDescent="0.2">
      <c r="A599" s="53">
        <f t="shared" si="136"/>
        <v>587</v>
      </c>
      <c r="B599" s="239">
        <v>5.6429999999999998</v>
      </c>
      <c r="C599" s="3">
        <f t="shared" si="137"/>
        <v>5.6360000000000001</v>
      </c>
      <c r="D599" s="239">
        <v>0.19270000000000001</v>
      </c>
      <c r="E599" s="239">
        <v>6.0000000000000001E-3</v>
      </c>
      <c r="F599" s="239">
        <v>0.14069999999999999</v>
      </c>
      <c r="G599">
        <f t="shared" si="138"/>
        <v>0.22084000000000001</v>
      </c>
      <c r="H599" s="235">
        <f t="shared" si="139"/>
        <v>2.7168991124796231</v>
      </c>
      <c r="I599" s="236">
        <f t="shared" si="140"/>
        <v>14.755121395039614</v>
      </c>
      <c r="J599" s="237">
        <f t="shared" si="145"/>
        <v>4.7551213950396143</v>
      </c>
      <c r="K599" s="237">
        <f t="shared" si="141"/>
        <v>83.159864182443272</v>
      </c>
      <c r="L599" s="237">
        <f t="shared" si="146"/>
        <v>26.833150032208543</v>
      </c>
      <c r="M599" s="236">
        <f t="shared" si="142"/>
        <v>5.130971788712678</v>
      </c>
      <c r="N599" s="236">
        <f t="shared" si="143"/>
        <v>4.357927136236083</v>
      </c>
      <c r="O599" s="236">
        <f t="shared" si="147"/>
        <v>3.3276748769666118</v>
      </c>
      <c r="P599" s="236" t="str">
        <f t="shared" si="148"/>
        <v>CLAY</v>
      </c>
      <c r="Q599" s="236">
        <f t="shared" si="144"/>
        <v>11.47334465146306</v>
      </c>
      <c r="R599" s="238">
        <v>35</v>
      </c>
      <c r="S599" s="236">
        <f t="shared" si="149"/>
        <v>1.930587732278721</v>
      </c>
      <c r="T599" s="236" t="e">
        <f t="shared" si="135"/>
        <v>#N/A</v>
      </c>
    </row>
    <row r="600" spans="1:20" x14ac:dyDescent="0.2">
      <c r="A600" s="53">
        <f t="shared" si="136"/>
        <v>588</v>
      </c>
      <c r="B600" s="239">
        <v>5.6520000000000001</v>
      </c>
      <c r="C600" s="3">
        <f t="shared" si="137"/>
        <v>5.6450000000000005</v>
      </c>
      <c r="D600" s="239">
        <v>0.19370000000000001</v>
      </c>
      <c r="E600" s="239">
        <v>6.1000000000000004E-3</v>
      </c>
      <c r="F600" s="239">
        <v>0.1444</v>
      </c>
      <c r="G600">
        <f t="shared" si="138"/>
        <v>0.22258</v>
      </c>
      <c r="H600" s="235">
        <f t="shared" si="139"/>
        <v>2.7405876538772578</v>
      </c>
      <c r="I600" s="236">
        <f t="shared" si="140"/>
        <v>14.777571133180473</v>
      </c>
      <c r="J600" s="237">
        <f t="shared" si="145"/>
        <v>4.7775711331804729</v>
      </c>
      <c r="K600" s="237">
        <f t="shared" si="141"/>
        <v>83.419389046803772</v>
      </c>
      <c r="L600" s="237">
        <f t="shared" si="146"/>
        <v>27.002832044736035</v>
      </c>
      <c r="M600" s="236">
        <f t="shared" si="142"/>
        <v>5.1535561426537244</v>
      </c>
      <c r="N600" s="236">
        <f t="shared" si="143"/>
        <v>4.3834242737347626</v>
      </c>
      <c r="O600" s="236">
        <f t="shared" si="147"/>
        <v>3.3275100713632808</v>
      </c>
      <c r="P600" s="236" t="str">
        <f t="shared" si="148"/>
        <v>CLAY</v>
      </c>
      <c r="Q600" s="236">
        <f t="shared" si="144"/>
        <v>11.596717579433019</v>
      </c>
      <c r="R600" s="238">
        <v>35</v>
      </c>
      <c r="S600" s="236">
        <f t="shared" si="149"/>
        <v>1.9412156019305005</v>
      </c>
      <c r="T600" s="236" t="e">
        <f t="shared" si="135"/>
        <v>#N/A</v>
      </c>
    </row>
    <row r="601" spans="1:20" x14ac:dyDescent="0.2">
      <c r="A601" s="53">
        <f t="shared" si="136"/>
        <v>589</v>
      </c>
      <c r="B601" s="239">
        <v>5.6630000000000003</v>
      </c>
      <c r="C601" s="3">
        <f t="shared" si="137"/>
        <v>5.6560000000000006</v>
      </c>
      <c r="D601" s="239">
        <v>0.19470000000000001</v>
      </c>
      <c r="E601" s="239">
        <v>6.1000000000000004E-3</v>
      </c>
      <c r="F601" s="239">
        <v>0.1439</v>
      </c>
      <c r="G601">
        <f t="shared" si="138"/>
        <v>0.22348000000000001</v>
      </c>
      <c r="H601" s="235">
        <f t="shared" si="139"/>
        <v>2.7295507427957761</v>
      </c>
      <c r="I601" s="236">
        <f t="shared" si="140"/>
        <v>14.779148405330872</v>
      </c>
      <c r="J601" s="237">
        <f t="shared" si="145"/>
        <v>4.7791484053308722</v>
      </c>
      <c r="K601" s="237">
        <f t="shared" si="141"/>
        <v>83.590863380551426</v>
      </c>
      <c r="L601" s="237">
        <f t="shared" si="146"/>
        <v>27.064317419388729</v>
      </c>
      <c r="M601" s="236">
        <f t="shared" si="142"/>
        <v>5.1687664777103448</v>
      </c>
      <c r="N601" s="236">
        <f t="shared" si="143"/>
        <v>4.3605959314727274</v>
      </c>
      <c r="O601" s="236">
        <f t="shared" si="147"/>
        <v>3.3251806673921664</v>
      </c>
      <c r="P601" s="236" t="str">
        <f t="shared" si="148"/>
        <v>CLAY</v>
      </c>
      <c r="Q601" s="236">
        <f t="shared" si="144"/>
        <v>11.657428051620718</v>
      </c>
      <c r="R601" s="238">
        <v>35</v>
      </c>
      <c r="S601" s="236">
        <f t="shared" si="149"/>
        <v>1.9483799327462119</v>
      </c>
      <c r="T601" s="236" t="e">
        <f t="shared" si="135"/>
        <v>#N/A</v>
      </c>
    </row>
    <row r="602" spans="1:20" x14ac:dyDescent="0.2">
      <c r="A602" s="53">
        <f t="shared" si="136"/>
        <v>590</v>
      </c>
      <c r="B602" s="239">
        <v>5.6719999999999997</v>
      </c>
      <c r="C602" s="3">
        <f t="shared" si="137"/>
        <v>5.665</v>
      </c>
      <c r="D602" s="239">
        <v>0.19209999999999999</v>
      </c>
      <c r="E602" s="239">
        <v>6.0000000000000001E-3</v>
      </c>
      <c r="F602" s="239">
        <v>0.14080000000000001</v>
      </c>
      <c r="G602">
        <f t="shared" si="138"/>
        <v>0.22025999999999998</v>
      </c>
      <c r="H602" s="235">
        <f t="shared" si="139"/>
        <v>2.7240533914464726</v>
      </c>
      <c r="I602" s="236">
        <f t="shared" si="140"/>
        <v>14.754093501817191</v>
      </c>
      <c r="J602" s="237">
        <f t="shared" si="145"/>
        <v>4.7540935018171915</v>
      </c>
      <c r="K602" s="237">
        <f t="shared" si="141"/>
        <v>83.581939687794389</v>
      </c>
      <c r="L602" s="237">
        <f t="shared" si="146"/>
        <v>26.965218342307107</v>
      </c>
      <c r="M602" s="236">
        <f t="shared" si="142"/>
        <v>5.068679903761967</v>
      </c>
      <c r="N602" s="236">
        <f t="shared" si="143"/>
        <v>4.3898779264898513</v>
      </c>
      <c r="O602" s="236">
        <f t="shared" si="147"/>
        <v>3.3338469534120514</v>
      </c>
      <c r="P602" s="236" t="str">
        <f t="shared" si="148"/>
        <v>CLAY</v>
      </c>
      <c r="Q602" s="236">
        <f t="shared" si="144"/>
        <v>11.389838359350469</v>
      </c>
      <c r="R602" s="238">
        <v>35</v>
      </c>
      <c r="S602" s="236">
        <f t="shared" si="149"/>
        <v>1.9013347717814957</v>
      </c>
      <c r="T602" s="236" t="e">
        <f t="shared" si="135"/>
        <v>#N/A</v>
      </c>
    </row>
    <row r="603" spans="1:20" x14ac:dyDescent="0.2">
      <c r="A603" s="53">
        <f t="shared" si="136"/>
        <v>591</v>
      </c>
      <c r="B603" s="239">
        <v>5.6829999999999998</v>
      </c>
      <c r="C603" s="3">
        <f t="shared" si="137"/>
        <v>5.6760000000000002</v>
      </c>
      <c r="D603" s="239">
        <v>0.1925</v>
      </c>
      <c r="E603" s="239">
        <v>5.7000000000000002E-3</v>
      </c>
      <c r="F603" s="239">
        <v>0.13900000000000001</v>
      </c>
      <c r="G603">
        <f t="shared" si="138"/>
        <v>0.2203</v>
      </c>
      <c r="H603" s="235">
        <f t="shared" si="139"/>
        <v>2.5873808443032229</v>
      </c>
      <c r="I603" s="236">
        <f t="shared" si="140"/>
        <v>14.694018212133903</v>
      </c>
      <c r="J603" s="237">
        <f t="shared" si="145"/>
        <v>4.6940182121339031</v>
      </c>
      <c r="K603" s="237">
        <f t="shared" si="141"/>
        <v>83.40324737207203</v>
      </c>
      <c r="L603" s="237">
        <f t="shared" si="146"/>
        <v>26.676105499556972</v>
      </c>
      <c r="M603" s="236">
        <f t="shared" si="142"/>
        <v>5.1318117867768027</v>
      </c>
      <c r="N603" s="236">
        <f t="shared" si="143"/>
        <v>4.163721849189546</v>
      </c>
      <c r="O603" s="236">
        <f t="shared" si="147"/>
        <v>3.3165944368947775</v>
      </c>
      <c r="P603" s="236" t="str">
        <f t="shared" si="148"/>
        <v>CLAY</v>
      </c>
      <c r="Q603" s="236">
        <f t="shared" si="144"/>
        <v>11.408062718993996</v>
      </c>
      <c r="R603" s="238">
        <v>35</v>
      </c>
      <c r="S603" s="236">
        <f t="shared" si="149"/>
        <v>1.9309828141485104</v>
      </c>
      <c r="T603" s="236" t="e">
        <f t="shared" si="135"/>
        <v>#N/A</v>
      </c>
    </row>
    <row r="604" spans="1:20" x14ac:dyDescent="0.2">
      <c r="A604" s="53">
        <f t="shared" si="136"/>
        <v>592</v>
      </c>
      <c r="B604" s="239">
        <v>5.6929999999999996</v>
      </c>
      <c r="C604" s="3">
        <f t="shared" si="137"/>
        <v>5.6859999999999999</v>
      </c>
      <c r="D604" s="239">
        <v>0.19800000000000001</v>
      </c>
      <c r="E604" s="239">
        <v>5.5999999999999999E-3</v>
      </c>
      <c r="F604" s="239">
        <v>0.13739999999999999</v>
      </c>
      <c r="G604">
        <f t="shared" si="138"/>
        <v>0.22548000000000001</v>
      </c>
      <c r="H604" s="235">
        <f t="shared" si="139"/>
        <v>2.4835905623558632</v>
      </c>
      <c r="I604" s="236">
        <f t="shared" si="140"/>
        <v>14.682347950832565</v>
      </c>
      <c r="J604" s="237">
        <f t="shared" si="145"/>
        <v>4.6823479508325647</v>
      </c>
      <c r="K604" s="237">
        <f t="shared" si="141"/>
        <v>83.483830448433963</v>
      </c>
      <c r="L604" s="237">
        <f t="shared" si="146"/>
        <v>26.65660688408979</v>
      </c>
      <c r="M604" s="236">
        <f t="shared" si="142"/>
        <v>5.3268658749031408</v>
      </c>
      <c r="N604" s="236">
        <f t="shared" si="143"/>
        <v>3.9437683549388662</v>
      </c>
      <c r="O604" s="236">
        <f t="shared" si="147"/>
        <v>3.2900579627978241</v>
      </c>
      <c r="P604" s="236" t="str">
        <f t="shared" si="148"/>
        <v>CLAY</v>
      </c>
      <c r="Q604" s="236">
        <f t="shared" si="144"/>
        <v>11.833014129297171</v>
      </c>
      <c r="R604" s="238">
        <v>35</v>
      </c>
      <c r="S604" s="236">
        <f t="shared" si="149"/>
        <v>2.0231575822057342</v>
      </c>
      <c r="T604" s="236" t="e">
        <f t="shared" si="135"/>
        <v>#N/A</v>
      </c>
    </row>
    <row r="605" spans="1:20" x14ac:dyDescent="0.2">
      <c r="A605" s="53">
        <f t="shared" si="136"/>
        <v>593</v>
      </c>
      <c r="B605" s="239">
        <v>5.7030000000000003</v>
      </c>
      <c r="C605" s="3">
        <f t="shared" si="137"/>
        <v>5.6960000000000006</v>
      </c>
      <c r="D605" s="239">
        <v>0.20230000000000001</v>
      </c>
      <c r="E605" s="239">
        <v>5.4000000000000003E-3</v>
      </c>
      <c r="F605" s="239">
        <v>0.13439999999999999</v>
      </c>
      <c r="G605">
        <f t="shared" si="138"/>
        <v>0.22917999999999999</v>
      </c>
      <c r="H605" s="235">
        <f t="shared" si="139"/>
        <v>2.3562265468190944</v>
      </c>
      <c r="I605" s="236">
        <f t="shared" si="140"/>
        <v>14.646065249485662</v>
      </c>
      <c r="J605" s="237">
        <f t="shared" si="145"/>
        <v>4.6460652494856625</v>
      </c>
      <c r="K605" s="237">
        <f t="shared" si="141"/>
        <v>83.423987661070342</v>
      </c>
      <c r="L605" s="237">
        <f t="shared" si="146"/>
        <v>26.496510117816733</v>
      </c>
      <c r="M605" s="236">
        <f t="shared" si="142"/>
        <v>5.5009513211674133</v>
      </c>
      <c r="N605" s="236">
        <f t="shared" si="143"/>
        <v>3.7048214432782784</v>
      </c>
      <c r="O605" s="236">
        <f t="shared" si="147"/>
        <v>3.26346413825337</v>
      </c>
      <c r="P605" s="236" t="str">
        <f t="shared" si="148"/>
        <v>CLAY</v>
      </c>
      <c r="Q605" s="236">
        <f t="shared" si="144"/>
        <v>12.146334361577473</v>
      </c>
      <c r="R605" s="238">
        <v>35</v>
      </c>
      <c r="S605" s="236">
        <f t="shared" si="149"/>
        <v>2.1061401192127631</v>
      </c>
      <c r="T605" s="236" t="e">
        <f t="shared" si="135"/>
        <v>#N/A</v>
      </c>
    </row>
    <row r="606" spans="1:20" x14ac:dyDescent="0.2">
      <c r="A606" s="53">
        <f t="shared" si="136"/>
        <v>594</v>
      </c>
      <c r="B606" s="239">
        <v>5.7130000000000001</v>
      </c>
      <c r="C606" s="3">
        <f t="shared" si="137"/>
        <v>5.7060000000000004</v>
      </c>
      <c r="D606" s="239">
        <v>0.19700000000000001</v>
      </c>
      <c r="E606" s="239">
        <v>5.4000000000000003E-3</v>
      </c>
      <c r="F606" s="239">
        <v>0.13420000000000001</v>
      </c>
      <c r="G606">
        <f t="shared" si="138"/>
        <v>0.22384000000000001</v>
      </c>
      <c r="H606" s="235">
        <f t="shared" si="139"/>
        <v>2.4124374553252323</v>
      </c>
      <c r="I606" s="236">
        <f t="shared" si="140"/>
        <v>14.636850133337479</v>
      </c>
      <c r="J606" s="237">
        <f t="shared" si="145"/>
        <v>4.6368501333374788</v>
      </c>
      <c r="K606" s="237">
        <f t="shared" si="141"/>
        <v>83.517866860823659</v>
      </c>
      <c r="L606" s="237">
        <f t="shared" si="146"/>
        <v>26.490324811757016</v>
      </c>
      <c r="M606" s="236">
        <f t="shared" si="142"/>
        <v>5.2971088175143155</v>
      </c>
      <c r="N606" s="236">
        <f t="shared" si="143"/>
        <v>3.8482881347335942</v>
      </c>
      <c r="O606" s="236">
        <f t="shared" si="147"/>
        <v>3.2862278426298346</v>
      </c>
      <c r="P606" s="236" t="str">
        <f t="shared" si="148"/>
        <v>CLAY</v>
      </c>
      <c r="Q606" s="236">
        <f t="shared" si="144"/>
        <v>11.693511094931361</v>
      </c>
      <c r="R606" s="238">
        <v>35</v>
      </c>
      <c r="S606" s="236">
        <f t="shared" si="149"/>
        <v>2.0090402005523518</v>
      </c>
      <c r="T606" s="236" t="e">
        <f t="shared" si="135"/>
        <v>#N/A</v>
      </c>
    </row>
    <row r="607" spans="1:20" x14ac:dyDescent="0.2">
      <c r="A607" s="53">
        <f t="shared" si="136"/>
        <v>595</v>
      </c>
      <c r="B607" s="239">
        <v>5.7229999999999999</v>
      </c>
      <c r="C607" s="3">
        <f t="shared" si="137"/>
        <v>5.7160000000000002</v>
      </c>
      <c r="D607" s="239">
        <v>0.19370000000000001</v>
      </c>
      <c r="E607" s="239">
        <v>5.3E-3</v>
      </c>
      <c r="F607" s="239">
        <v>0.1381</v>
      </c>
      <c r="G607">
        <f t="shared" si="138"/>
        <v>0.22132000000000002</v>
      </c>
      <c r="H607" s="235">
        <f t="shared" si="139"/>
        <v>2.3947225736490148</v>
      </c>
      <c r="I607" s="236">
        <f t="shared" si="140"/>
        <v>14.610506497692519</v>
      </c>
      <c r="J607" s="237">
        <f t="shared" si="145"/>
        <v>4.6105064976925192</v>
      </c>
      <c r="K607" s="237">
        <f t="shared" si="141"/>
        <v>83.513655140810442</v>
      </c>
      <c r="L607" s="237">
        <f t="shared" si="146"/>
        <v>26.385928686294285</v>
      </c>
      <c r="M607" s="236">
        <f t="shared" si="142"/>
        <v>5.2227210380800697</v>
      </c>
      <c r="N607" s="236">
        <f t="shared" si="143"/>
        <v>3.8459767621117411</v>
      </c>
      <c r="O607" s="236">
        <f t="shared" si="147"/>
        <v>3.2912187543733902</v>
      </c>
      <c r="P607" s="236" t="str">
        <f t="shared" si="148"/>
        <v>CLAY</v>
      </c>
      <c r="Q607" s="236">
        <f t="shared" si="144"/>
        <v>11.483862071599132</v>
      </c>
      <c r="R607" s="238">
        <v>35</v>
      </c>
      <c r="S607" s="236">
        <f t="shared" si="149"/>
        <v>1.9738359082932764</v>
      </c>
      <c r="T607" s="236" t="e">
        <f t="shared" si="135"/>
        <v>#N/A</v>
      </c>
    </row>
    <row r="608" spans="1:20" x14ac:dyDescent="0.2">
      <c r="A608" s="53">
        <f t="shared" si="136"/>
        <v>596</v>
      </c>
      <c r="B608" s="239">
        <v>5.7329999999999997</v>
      </c>
      <c r="C608" s="3">
        <f t="shared" si="137"/>
        <v>5.726</v>
      </c>
      <c r="D608" s="239">
        <v>0.1966</v>
      </c>
      <c r="E608" s="239">
        <v>5.4000000000000003E-3</v>
      </c>
      <c r="F608" s="239">
        <v>0.1404</v>
      </c>
      <c r="G608">
        <f t="shared" si="138"/>
        <v>0.22467999999999999</v>
      </c>
      <c r="H608" s="235">
        <f t="shared" si="139"/>
        <v>2.4034181947658895</v>
      </c>
      <c r="I608" s="236">
        <f t="shared" si="140"/>
        <v>14.638314179588194</v>
      </c>
      <c r="J608" s="237">
        <f t="shared" si="145"/>
        <v>4.6383141795881944</v>
      </c>
      <c r="K608" s="237">
        <f t="shared" si="141"/>
        <v>83.818986992321996</v>
      </c>
      <c r="L608" s="237">
        <f t="shared" si="146"/>
        <v>26.591455191579115</v>
      </c>
      <c r="M608" s="236">
        <f t="shared" si="142"/>
        <v>5.2972284515021695</v>
      </c>
      <c r="N608" s="236">
        <f t="shared" si="143"/>
        <v>3.833566069630395</v>
      </c>
      <c r="O608" s="236">
        <f t="shared" si="147"/>
        <v>3.2853054859269313</v>
      </c>
      <c r="P608" s="236" t="str">
        <f t="shared" si="148"/>
        <v>CLAY</v>
      </c>
      <c r="Q608" s="236">
        <f t="shared" si="144"/>
        <v>11.738417750639831</v>
      </c>
      <c r="R608" s="238">
        <v>35</v>
      </c>
      <c r="S608" s="236">
        <f t="shared" si="149"/>
        <v>2.0090969178527125</v>
      </c>
      <c r="T608" s="236" t="e">
        <f t="shared" si="135"/>
        <v>#N/A</v>
      </c>
    </row>
    <row r="609" spans="1:20" x14ac:dyDescent="0.2">
      <c r="A609" s="53">
        <f t="shared" si="136"/>
        <v>597</v>
      </c>
      <c r="B609" s="239">
        <v>5.7430000000000003</v>
      </c>
      <c r="C609" s="3">
        <f t="shared" si="137"/>
        <v>5.7360000000000007</v>
      </c>
      <c r="D609" s="239">
        <v>0.19439999999999999</v>
      </c>
      <c r="E609" s="239">
        <v>5.1999999999999998E-3</v>
      </c>
      <c r="F609" s="239">
        <v>0.14019999999999999</v>
      </c>
      <c r="G609">
        <f t="shared" si="138"/>
        <v>0.22243999999999997</v>
      </c>
      <c r="H609" s="235">
        <f t="shared" si="139"/>
        <v>2.3377090451357674</v>
      </c>
      <c r="I609" s="236">
        <f t="shared" si="140"/>
        <v>14.590143679960821</v>
      </c>
      <c r="J609" s="237">
        <f t="shared" si="145"/>
        <v>4.5901436799608213</v>
      </c>
      <c r="K609" s="237">
        <f t="shared" si="141"/>
        <v>83.689064148255284</v>
      </c>
      <c r="L609" s="237">
        <f t="shared" si="146"/>
        <v>26.361195154014997</v>
      </c>
      <c r="M609" s="236">
        <f t="shared" si="142"/>
        <v>5.2634539155411524</v>
      </c>
      <c r="N609" s="236">
        <f t="shared" si="143"/>
        <v>3.7477224698190126</v>
      </c>
      <c r="O609" s="236">
        <f t="shared" si="147"/>
        <v>3.2822421673205824</v>
      </c>
      <c r="P609" s="236" t="str">
        <f t="shared" si="148"/>
        <v>CLAY</v>
      </c>
      <c r="Q609" s="236">
        <f t="shared" si="144"/>
        <v>11.56257798764539</v>
      </c>
      <c r="R609" s="238">
        <v>35</v>
      </c>
      <c r="S609" s="236">
        <f t="shared" si="149"/>
        <v>1.9930974783007858</v>
      </c>
      <c r="T609" s="236" t="e">
        <f t="shared" si="135"/>
        <v>#N/A</v>
      </c>
    </row>
    <row r="610" spans="1:20" x14ac:dyDescent="0.2">
      <c r="A610" s="53">
        <f t="shared" si="136"/>
        <v>598</v>
      </c>
      <c r="B610" s="239">
        <v>5.7530000000000001</v>
      </c>
      <c r="C610" s="3">
        <f t="shared" si="137"/>
        <v>5.7460000000000004</v>
      </c>
      <c r="D610" s="239">
        <v>0.1956</v>
      </c>
      <c r="E610" s="239">
        <v>5.3E-3</v>
      </c>
      <c r="F610" s="239">
        <v>0.14099999999999999</v>
      </c>
      <c r="G610">
        <f t="shared" si="138"/>
        <v>0.2238</v>
      </c>
      <c r="H610" s="235">
        <f t="shared" si="139"/>
        <v>2.3681858802502234</v>
      </c>
      <c r="I610" s="236">
        <f t="shared" si="140"/>
        <v>14.614861976277716</v>
      </c>
      <c r="J610" s="237">
        <f t="shared" si="145"/>
        <v>4.6148619762777159</v>
      </c>
      <c r="K610" s="237">
        <f t="shared" si="141"/>
        <v>83.976996915691757</v>
      </c>
      <c r="L610" s="237">
        <f t="shared" si="146"/>
        <v>26.549300949525701</v>
      </c>
      <c r="M610" s="236">
        <f t="shared" si="142"/>
        <v>5.266541795210852</v>
      </c>
      <c r="N610" s="236">
        <f t="shared" si="143"/>
        <v>3.7905064854059027</v>
      </c>
      <c r="O610" s="236">
        <f t="shared" si="147"/>
        <v>3.2847258119919149</v>
      </c>
      <c r="P610" s="236" t="str">
        <f t="shared" si="148"/>
        <v>CLAY</v>
      </c>
      <c r="Q610" s="236">
        <f t="shared" si="144"/>
        <v>11.651916923692355</v>
      </c>
      <c r="R610" s="238">
        <v>35</v>
      </c>
      <c r="S610" s="236">
        <f t="shared" si="149"/>
        <v>1.9945591839933778</v>
      </c>
      <c r="T610" s="236" t="e">
        <f t="shared" si="135"/>
        <v>#N/A</v>
      </c>
    </row>
    <row r="611" spans="1:20" x14ac:dyDescent="0.2">
      <c r="A611" s="53">
        <f t="shared" si="136"/>
        <v>599</v>
      </c>
      <c r="B611" s="239">
        <v>5.7629999999999999</v>
      </c>
      <c r="C611" s="3">
        <f t="shared" si="137"/>
        <v>5.7560000000000002</v>
      </c>
      <c r="D611" s="239">
        <v>0.19989999999999999</v>
      </c>
      <c r="E611" s="239">
        <v>5.3E-3</v>
      </c>
      <c r="F611" s="239">
        <v>0.14319999999999999</v>
      </c>
      <c r="G611">
        <f t="shared" si="138"/>
        <v>0.22853999999999999</v>
      </c>
      <c r="H611" s="235">
        <f t="shared" si="139"/>
        <v>2.319068871969896</v>
      </c>
      <c r="I611" s="236">
        <f t="shared" si="140"/>
        <v>14.623053903044747</v>
      </c>
      <c r="J611" s="237">
        <f t="shared" si="145"/>
        <v>4.6230539030447471</v>
      </c>
      <c r="K611" s="237">
        <f t="shared" si="141"/>
        <v>84.170298265925567</v>
      </c>
      <c r="L611" s="237">
        <f t="shared" si="146"/>
        <v>26.642659643246876</v>
      </c>
      <c r="M611" s="236">
        <f t="shared" si="142"/>
        <v>5.4187421101056579</v>
      </c>
      <c r="N611" s="236">
        <f t="shared" si="143"/>
        <v>3.6711303939399103</v>
      </c>
      <c r="O611" s="236">
        <f t="shared" si="147"/>
        <v>3.2667662722219855</v>
      </c>
      <c r="P611" s="236" t="str">
        <f t="shared" si="148"/>
        <v>CLAY</v>
      </c>
      <c r="Q611" s="236">
        <f t="shared" si="144"/>
        <v>12.030808477839535</v>
      </c>
      <c r="R611" s="238">
        <v>35</v>
      </c>
      <c r="S611" s="236">
        <f t="shared" si="149"/>
        <v>2.066869762573138</v>
      </c>
      <c r="T611" s="236" t="e">
        <f t="shared" si="135"/>
        <v>#N/A</v>
      </c>
    </row>
    <row r="612" spans="1:20" x14ac:dyDescent="0.2">
      <c r="A612" s="53">
        <f t="shared" si="136"/>
        <v>600</v>
      </c>
      <c r="B612" s="239">
        <v>5.7720000000000002</v>
      </c>
      <c r="C612" s="3">
        <f t="shared" si="137"/>
        <v>5.7650000000000006</v>
      </c>
      <c r="D612" s="239">
        <v>0.2039</v>
      </c>
      <c r="E612" s="239">
        <v>5.4000000000000003E-3</v>
      </c>
      <c r="F612" s="239">
        <v>0.14580000000000001</v>
      </c>
      <c r="G612">
        <f t="shared" si="138"/>
        <v>0.23305999999999999</v>
      </c>
      <c r="H612" s="235">
        <f t="shared" si="139"/>
        <v>2.3169999141851885</v>
      </c>
      <c r="I612" s="236">
        <f t="shared" si="140"/>
        <v>14.652627173810677</v>
      </c>
      <c r="J612" s="237">
        <f t="shared" si="145"/>
        <v>4.6526271738106768</v>
      </c>
      <c r="K612" s="237">
        <f t="shared" si="141"/>
        <v>84.472395657018566</v>
      </c>
      <c r="L612" s="237">
        <f t="shared" si="146"/>
        <v>26.854964047235228</v>
      </c>
      <c r="M612" s="236">
        <f t="shared" si="142"/>
        <v>5.5329660498383282</v>
      </c>
      <c r="N612" s="236">
        <f t="shared" si="143"/>
        <v>3.6342197075439091</v>
      </c>
      <c r="O612" s="236">
        <f t="shared" si="147"/>
        <v>3.2567809270951544</v>
      </c>
      <c r="P612" s="236" t="str">
        <f t="shared" si="148"/>
        <v>CLAY</v>
      </c>
      <c r="Q612" s="236">
        <f t="shared" si="144"/>
        <v>12.382300361915119</v>
      </c>
      <c r="R612" s="238">
        <v>35</v>
      </c>
      <c r="S612" s="236">
        <f t="shared" si="149"/>
        <v>2.121473032013506</v>
      </c>
      <c r="T612" s="236" t="e">
        <f t="shared" si="135"/>
        <v>#N/A</v>
      </c>
    </row>
    <row r="613" spans="1:20" x14ac:dyDescent="0.2">
      <c r="A613" s="53">
        <f t="shared" si="136"/>
        <v>601</v>
      </c>
      <c r="B613" s="239">
        <v>5.7839999999999998</v>
      </c>
      <c r="C613" s="3">
        <f t="shared" si="137"/>
        <v>5.7770000000000001</v>
      </c>
      <c r="D613" s="239">
        <v>0.20499999999999999</v>
      </c>
      <c r="E613" s="239">
        <v>5.4999999999999997E-3</v>
      </c>
      <c r="F613" s="239">
        <v>0.15060000000000001</v>
      </c>
      <c r="G613">
        <f t="shared" si="138"/>
        <v>0.23512</v>
      </c>
      <c r="H613" s="235">
        <f t="shared" si="139"/>
        <v>2.3392310309629125</v>
      </c>
      <c r="I613" s="236">
        <f t="shared" si="140"/>
        <v>14.677582931775046</v>
      </c>
      <c r="J613" s="237">
        <f t="shared" si="145"/>
        <v>4.6775829317750457</v>
      </c>
      <c r="K613" s="237">
        <f t="shared" si="141"/>
        <v>84.792396596864435</v>
      </c>
      <c r="L613" s="237">
        <f t="shared" si="146"/>
        <v>27.055139677386862</v>
      </c>
      <c r="M613" s="236">
        <f t="shared" si="142"/>
        <v>5.5563417966303055</v>
      </c>
      <c r="N613" s="236">
        <f t="shared" si="143"/>
        <v>3.6586760351993206</v>
      </c>
      <c r="O613" s="236">
        <f t="shared" si="147"/>
        <v>3.2568419641825916</v>
      </c>
      <c r="P613" s="236" t="str">
        <f t="shared" si="148"/>
        <v>CLAY</v>
      </c>
      <c r="Q613" s="236">
        <f t="shared" si="144"/>
        <v>12.527300283594633</v>
      </c>
      <c r="R613" s="238">
        <v>35</v>
      </c>
      <c r="S613" s="236">
        <f t="shared" si="149"/>
        <v>2.1326824758863019</v>
      </c>
      <c r="T613" s="236" t="e">
        <f t="shared" si="135"/>
        <v>#N/A</v>
      </c>
    </row>
    <row r="614" spans="1:20" x14ac:dyDescent="0.2">
      <c r="A614" s="53">
        <f t="shared" si="136"/>
        <v>602</v>
      </c>
      <c r="B614" s="239">
        <v>5.7930000000000001</v>
      </c>
      <c r="C614" s="3">
        <f t="shared" si="137"/>
        <v>5.7860000000000005</v>
      </c>
      <c r="D614" s="239">
        <v>0.2079</v>
      </c>
      <c r="E614" s="239">
        <v>5.5999999999999999E-3</v>
      </c>
      <c r="F614" s="239">
        <v>0.157</v>
      </c>
      <c r="G614">
        <f t="shared" si="138"/>
        <v>0.23929999999999998</v>
      </c>
      <c r="H614" s="235">
        <f t="shared" si="139"/>
        <v>2.3401587964897619</v>
      </c>
      <c r="I614" s="236">
        <f t="shared" si="140"/>
        <v>14.705599156051321</v>
      </c>
      <c r="J614" s="237">
        <f t="shared" si="145"/>
        <v>4.7055991560513206</v>
      </c>
      <c r="K614" s="237">
        <f t="shared" si="141"/>
        <v>85.08659671691295</v>
      </c>
      <c r="L614" s="237">
        <f t="shared" si="146"/>
        <v>27.259535911005301</v>
      </c>
      <c r="M614" s="236">
        <f t="shared" si="142"/>
        <v>5.6572277600965144</v>
      </c>
      <c r="N614" s="236">
        <f t="shared" si="143"/>
        <v>3.6313315709142167</v>
      </c>
      <c r="O614" s="236">
        <f t="shared" si="147"/>
        <v>3.2485192743335713</v>
      </c>
      <c r="P614" s="236" t="str">
        <f t="shared" si="148"/>
        <v>CLAY</v>
      </c>
      <c r="Q614" s="236">
        <f t="shared" si="144"/>
        <v>12.851116940257251</v>
      </c>
      <c r="R614" s="238">
        <v>35</v>
      </c>
      <c r="S614" s="236">
        <f t="shared" si="149"/>
        <v>2.1811954768465465</v>
      </c>
      <c r="T614" s="236" t="e">
        <f t="shared" si="135"/>
        <v>#N/A</v>
      </c>
    </row>
    <row r="615" spans="1:20" x14ac:dyDescent="0.2">
      <c r="A615" s="53">
        <f t="shared" si="136"/>
        <v>603</v>
      </c>
      <c r="B615" s="239">
        <v>5.8029999999999999</v>
      </c>
      <c r="C615" s="3">
        <f t="shared" si="137"/>
        <v>5.7960000000000003</v>
      </c>
      <c r="D615" s="239">
        <v>0.20830000000000001</v>
      </c>
      <c r="E615" s="239">
        <v>5.7999999999999996E-3</v>
      </c>
      <c r="F615" s="239">
        <v>0.16200000000000001</v>
      </c>
      <c r="G615">
        <f t="shared" si="138"/>
        <v>0.2407</v>
      </c>
      <c r="H615" s="235">
        <f t="shared" si="139"/>
        <v>2.4096385542168672</v>
      </c>
      <c r="I615" s="236">
        <f t="shared" si="140"/>
        <v>14.749027118249945</v>
      </c>
      <c r="J615" s="237">
        <f t="shared" si="145"/>
        <v>4.7490271182499448</v>
      </c>
      <c r="K615" s="237">
        <f t="shared" si="141"/>
        <v>85.485361177376689</v>
      </c>
      <c r="L615" s="237">
        <f t="shared" si="146"/>
        <v>27.558604367204431</v>
      </c>
      <c r="M615" s="236">
        <f t="shared" si="142"/>
        <v>5.6321661559659164</v>
      </c>
      <c r="N615" s="236">
        <f t="shared" si="143"/>
        <v>3.7367609421351955</v>
      </c>
      <c r="O615" s="236">
        <f t="shared" si="147"/>
        <v>3.2569564651207523</v>
      </c>
      <c r="P615" s="236" t="str">
        <f t="shared" si="148"/>
        <v>CLAY</v>
      </c>
      <c r="Q615" s="236">
        <f t="shared" si="144"/>
        <v>12.934553235218608</v>
      </c>
      <c r="R615" s="238">
        <v>35</v>
      </c>
      <c r="S615" s="236">
        <f t="shared" si="149"/>
        <v>2.1691237617186214</v>
      </c>
      <c r="T615" s="236" t="e">
        <f t="shared" si="135"/>
        <v>#N/A</v>
      </c>
    </row>
    <row r="616" spans="1:20" x14ac:dyDescent="0.2">
      <c r="A616" s="53">
        <f t="shared" si="136"/>
        <v>604</v>
      </c>
      <c r="B616" s="239">
        <v>5.8129999999999997</v>
      </c>
      <c r="C616" s="3">
        <f t="shared" si="137"/>
        <v>5.806</v>
      </c>
      <c r="D616" s="239">
        <v>0.20949999999999999</v>
      </c>
      <c r="E616" s="239">
        <v>5.8999999999999999E-3</v>
      </c>
      <c r="F616" s="239">
        <v>0.1608</v>
      </c>
      <c r="G616">
        <f t="shared" si="138"/>
        <v>0.24165999999999999</v>
      </c>
      <c r="H616" s="235">
        <f t="shared" si="139"/>
        <v>2.441446660597534</v>
      </c>
      <c r="I616" s="236">
        <f t="shared" si="140"/>
        <v>14.770627779850059</v>
      </c>
      <c r="J616" s="237">
        <f t="shared" si="145"/>
        <v>4.7706277798500594</v>
      </c>
      <c r="K616" s="237">
        <f t="shared" si="141"/>
        <v>85.758264889809439</v>
      </c>
      <c r="L616" s="237">
        <f t="shared" si="146"/>
        <v>27.731659284268392</v>
      </c>
      <c r="M616" s="236">
        <f t="shared" si="142"/>
        <v>5.6217961396428393</v>
      </c>
      <c r="N616" s="236">
        <f t="shared" si="143"/>
        <v>3.7844351096092099</v>
      </c>
      <c r="O616" s="236">
        <f t="shared" si="147"/>
        <v>3.2606574999931577</v>
      </c>
      <c r="P616" s="236" t="str">
        <f t="shared" si="148"/>
        <v>CLAY</v>
      </c>
      <c r="Q616" s="236">
        <f t="shared" si="144"/>
        <v>12.991811259182546</v>
      </c>
      <c r="R616" s="238">
        <v>35</v>
      </c>
      <c r="S616" s="236">
        <f t="shared" si="149"/>
        <v>2.1641326382296997</v>
      </c>
      <c r="T616" s="236" t="e">
        <f t="shared" si="135"/>
        <v>#N/A</v>
      </c>
    </row>
    <row r="617" spans="1:20" x14ac:dyDescent="0.2">
      <c r="A617" s="53">
        <f t="shared" si="136"/>
        <v>605</v>
      </c>
      <c r="B617" s="239">
        <v>5.8230000000000004</v>
      </c>
      <c r="C617" s="3">
        <f t="shared" si="137"/>
        <v>5.8160000000000007</v>
      </c>
      <c r="D617" s="239">
        <v>0.21279999999999999</v>
      </c>
      <c r="E617" s="239">
        <v>5.8999999999999999E-3</v>
      </c>
      <c r="F617" s="239">
        <v>0.1578</v>
      </c>
      <c r="G617">
        <f t="shared" si="138"/>
        <v>0.24435999999999997</v>
      </c>
      <c r="H617" s="235">
        <f t="shared" si="139"/>
        <v>2.4144704534293666</v>
      </c>
      <c r="I617" s="236">
        <f t="shared" si="140"/>
        <v>14.77497059063025</v>
      </c>
      <c r="J617" s="237">
        <f t="shared" si="145"/>
        <v>4.7749705906302502</v>
      </c>
      <c r="K617" s="237">
        <f t="shared" si="141"/>
        <v>85.931228955105553</v>
      </c>
      <c r="L617" s="237">
        <f t="shared" si="146"/>
        <v>27.80465374923995</v>
      </c>
      <c r="M617" s="236">
        <f t="shared" si="142"/>
        <v>5.6979228180183723</v>
      </c>
      <c r="N617" s="236">
        <f t="shared" si="143"/>
        <v>3.7240710516703435</v>
      </c>
      <c r="O617" s="236">
        <f t="shared" si="147"/>
        <v>3.2519347945446038</v>
      </c>
      <c r="P617" s="236" t="str">
        <f t="shared" si="148"/>
        <v>CLAY</v>
      </c>
      <c r="Q617" s="236">
        <f t="shared" si="144"/>
        <v>13.202397587074534</v>
      </c>
      <c r="R617" s="238">
        <v>35</v>
      </c>
      <c r="S617" s="236">
        <f t="shared" si="149"/>
        <v>2.2008260167298519</v>
      </c>
      <c r="T617" s="236" t="e">
        <f t="shared" si="135"/>
        <v>#N/A</v>
      </c>
    </row>
    <row r="618" spans="1:20" x14ac:dyDescent="0.2">
      <c r="A618" s="53">
        <f t="shared" si="136"/>
        <v>606</v>
      </c>
      <c r="B618" s="239">
        <v>5.8330000000000002</v>
      </c>
      <c r="C618" s="3">
        <f t="shared" si="137"/>
        <v>5.8260000000000005</v>
      </c>
      <c r="D618" s="239">
        <v>0.2233</v>
      </c>
      <c r="E618" s="239">
        <v>5.7000000000000002E-3</v>
      </c>
      <c r="F618" s="239">
        <v>0.14419999999999999</v>
      </c>
      <c r="G618">
        <f t="shared" si="138"/>
        <v>0.25213999999999998</v>
      </c>
      <c r="H618" s="235">
        <f t="shared" si="139"/>
        <v>2.2606488458792739</v>
      </c>
      <c r="I618" s="236">
        <f t="shared" si="140"/>
        <v>14.746782738346207</v>
      </c>
      <c r="J618" s="237">
        <f t="shared" si="145"/>
        <v>4.7467827383462069</v>
      </c>
      <c r="K618" s="237">
        <f t="shared" si="141"/>
        <v>85.914756233605004</v>
      </c>
      <c r="L618" s="237">
        <f t="shared" si="146"/>
        <v>27.687983712773427</v>
      </c>
      <c r="M618" s="236">
        <f t="shared" si="142"/>
        <v>6.0035156583001568</v>
      </c>
      <c r="N618" s="236">
        <f t="shared" si="143"/>
        <v>3.4290820520681606</v>
      </c>
      <c r="O618" s="236">
        <f t="shared" si="147"/>
        <v>3.2133050801089857</v>
      </c>
      <c r="P618" s="236" t="str">
        <f t="shared" si="148"/>
        <v>CLAY</v>
      </c>
      <c r="Q618" s="236">
        <f t="shared" si="144"/>
        <v>13.852103647199582</v>
      </c>
      <c r="R618" s="238">
        <v>35</v>
      </c>
      <c r="S618" s="236">
        <f t="shared" si="149"/>
        <v>2.3493464655911369</v>
      </c>
      <c r="T618" s="236" t="e">
        <f t="shared" si="135"/>
        <v>#N/A</v>
      </c>
    </row>
    <row r="619" spans="1:20" x14ac:dyDescent="0.2">
      <c r="A619" s="53">
        <f t="shared" si="136"/>
        <v>607</v>
      </c>
      <c r="B619" s="239">
        <v>5.843</v>
      </c>
      <c r="C619" s="3">
        <f t="shared" si="137"/>
        <v>5.8360000000000003</v>
      </c>
      <c r="D619" s="239">
        <v>0.2354</v>
      </c>
      <c r="E619" s="239">
        <v>5.4000000000000003E-3</v>
      </c>
      <c r="F619" s="239">
        <v>0.1336</v>
      </c>
      <c r="G619">
        <f t="shared" si="138"/>
        <v>0.26212000000000002</v>
      </c>
      <c r="H619" s="235">
        <f t="shared" si="139"/>
        <v>2.0601251335266291</v>
      </c>
      <c r="I619" s="236">
        <f t="shared" si="140"/>
        <v>14.698556349260192</v>
      </c>
      <c r="J619" s="237">
        <f t="shared" si="145"/>
        <v>4.6985563492601923</v>
      </c>
      <c r="K619" s="237">
        <f t="shared" si="141"/>
        <v>85.780774854282484</v>
      </c>
      <c r="L619" s="237">
        <f t="shared" si="146"/>
        <v>27.453664748727302</v>
      </c>
      <c r="M619" s="236">
        <f t="shared" si="142"/>
        <v>6.4231579557658973</v>
      </c>
      <c r="N619" s="236">
        <f t="shared" si="143"/>
        <v>3.0622795328366235</v>
      </c>
      <c r="O619" s="236">
        <f t="shared" si="147"/>
        <v>3.1619885314719887</v>
      </c>
      <c r="P619" s="236" t="str">
        <f t="shared" si="148"/>
        <v>CLAY</v>
      </c>
      <c r="Q619" s="236">
        <f t="shared" si="144"/>
        <v>14.694935428809794</v>
      </c>
      <c r="R619" s="238">
        <v>35</v>
      </c>
      <c r="S619" s="236">
        <f t="shared" si="149"/>
        <v>2.5563820613322723</v>
      </c>
      <c r="T619" s="236" t="e">
        <f t="shared" si="135"/>
        <v>#N/A</v>
      </c>
    </row>
    <row r="620" spans="1:20" x14ac:dyDescent="0.2">
      <c r="A620" s="53">
        <f t="shared" si="136"/>
        <v>608</v>
      </c>
      <c r="B620" s="239">
        <v>5.8529999999999998</v>
      </c>
      <c r="C620" s="3">
        <f t="shared" si="137"/>
        <v>5.8460000000000001</v>
      </c>
      <c r="D620" s="239">
        <v>0.24099999999999999</v>
      </c>
      <c r="E620" s="239">
        <v>5.4000000000000003E-3</v>
      </c>
      <c r="F620" s="239">
        <v>0.13750000000000001</v>
      </c>
      <c r="G620">
        <f t="shared" si="138"/>
        <v>0.26849999999999996</v>
      </c>
      <c r="H620" s="235">
        <f t="shared" si="139"/>
        <v>2.011173184357542</v>
      </c>
      <c r="I620" s="236">
        <f t="shared" si="140"/>
        <v>14.707956066936518</v>
      </c>
      <c r="J620" s="237">
        <f t="shared" si="145"/>
        <v>4.7079560669365179</v>
      </c>
      <c r="K620" s="237">
        <f t="shared" si="141"/>
        <v>85.982711167310882</v>
      </c>
      <c r="L620" s="237">
        <f t="shared" si="146"/>
        <v>27.555666859779439</v>
      </c>
      <c r="M620" s="236">
        <f t="shared" si="142"/>
        <v>6.6235845338620116</v>
      </c>
      <c r="N620" s="236">
        <f t="shared" si="143"/>
        <v>2.9586238293020566</v>
      </c>
      <c r="O620" s="236">
        <f t="shared" si="147"/>
        <v>3.1426887211704235</v>
      </c>
      <c r="P620" s="236" t="str">
        <f t="shared" si="148"/>
        <v>CLAY</v>
      </c>
      <c r="Q620" s="236">
        <f t="shared" si="144"/>
        <v>15.209774069390756</v>
      </c>
      <c r="R620" s="238">
        <v>35</v>
      </c>
      <c r="S620" s="236">
        <f t="shared" si="149"/>
        <v>2.6564788522044838</v>
      </c>
      <c r="T620" s="236" t="e">
        <f t="shared" si="135"/>
        <v>#N/A</v>
      </c>
    </row>
    <row r="621" spans="1:20" x14ac:dyDescent="0.2">
      <c r="A621" s="53">
        <f t="shared" si="136"/>
        <v>609</v>
      </c>
      <c r="B621" s="239">
        <v>5.8630000000000004</v>
      </c>
      <c r="C621" s="3">
        <f t="shared" si="137"/>
        <v>5.8560000000000008</v>
      </c>
      <c r="D621" s="239">
        <v>0.24440000000000001</v>
      </c>
      <c r="E621" s="239">
        <v>5.4999999999999997E-3</v>
      </c>
      <c r="F621" s="239">
        <v>0.1401</v>
      </c>
      <c r="G621">
        <f t="shared" si="138"/>
        <v>0.27242</v>
      </c>
      <c r="H621" s="235">
        <f t="shared" si="139"/>
        <v>2.01894134057705</v>
      </c>
      <c r="I621" s="236">
        <f t="shared" si="140"/>
        <v>14.735137405753402</v>
      </c>
      <c r="J621" s="237">
        <f t="shared" si="145"/>
        <v>4.7351374057534024</v>
      </c>
      <c r="K621" s="237">
        <f t="shared" si="141"/>
        <v>86.288964648091934</v>
      </c>
      <c r="L621" s="237">
        <f t="shared" si="146"/>
        <v>27.762110609932201</v>
      </c>
      <c r="M621" s="236">
        <f t="shared" si="142"/>
        <v>6.7044987309184503</v>
      </c>
      <c r="N621" s="236">
        <f t="shared" si="143"/>
        <v>2.9549075411316772</v>
      </c>
      <c r="O621" s="236">
        <f t="shared" si="147"/>
        <v>3.1379512005666315</v>
      </c>
      <c r="P621" s="236" t="str">
        <f t="shared" si="148"/>
        <v>CLAY</v>
      </c>
      <c r="Q621" s="236">
        <f t="shared" si="144"/>
        <v>15.510919612659007</v>
      </c>
      <c r="R621" s="238">
        <v>35</v>
      </c>
      <c r="S621" s="236">
        <f t="shared" si="149"/>
        <v>2.6971052835882574</v>
      </c>
      <c r="T621" s="236" t="e">
        <f t="shared" si="135"/>
        <v>#N/A</v>
      </c>
    </row>
    <row r="622" spans="1:20" x14ac:dyDescent="0.2">
      <c r="A622" s="53">
        <f t="shared" si="136"/>
        <v>610</v>
      </c>
      <c r="B622" s="239">
        <v>5.8739999999999997</v>
      </c>
      <c r="C622" s="3">
        <f t="shared" si="137"/>
        <v>5.867</v>
      </c>
      <c r="D622" s="239">
        <v>0.24379999999999999</v>
      </c>
      <c r="E622" s="239">
        <v>5.7000000000000002E-3</v>
      </c>
      <c r="F622" s="239">
        <v>0.14410000000000001</v>
      </c>
      <c r="G622">
        <f t="shared" si="138"/>
        <v>0.27261999999999997</v>
      </c>
      <c r="H622" s="235">
        <f t="shared" si="139"/>
        <v>2.0908223901401222</v>
      </c>
      <c r="I622" s="236">
        <f t="shared" si="140"/>
        <v>14.777307106813399</v>
      </c>
      <c r="J622" s="237">
        <f t="shared" si="145"/>
        <v>4.7773071068133994</v>
      </c>
      <c r="K622" s="237">
        <f t="shared" si="141"/>
        <v>86.698460795674208</v>
      </c>
      <c r="L622" s="237">
        <f t="shared" si="146"/>
        <v>28.061901945421905</v>
      </c>
      <c r="M622" s="236">
        <f t="shared" si="142"/>
        <v>6.6254076279622049</v>
      </c>
      <c r="N622" s="236">
        <f t="shared" si="143"/>
        <v>3.0658093862571576</v>
      </c>
      <c r="O622" s="236">
        <f t="shared" si="147"/>
        <v>3.1509317700986852</v>
      </c>
      <c r="P622" s="236" t="str">
        <f t="shared" si="148"/>
        <v>CLAY</v>
      </c>
      <c r="Q622" s="236">
        <f t="shared" si="144"/>
        <v>15.493461600360478</v>
      </c>
      <c r="R622" s="238">
        <v>35</v>
      </c>
      <c r="S622" s="236">
        <f t="shared" si="149"/>
        <v>2.6573928545683123</v>
      </c>
      <c r="T622" s="236" t="e">
        <f t="shared" si="135"/>
        <v>#N/A</v>
      </c>
    </row>
    <row r="623" spans="1:20" x14ac:dyDescent="0.2">
      <c r="A623" s="53">
        <f t="shared" si="136"/>
        <v>611</v>
      </c>
      <c r="B623" s="239">
        <v>5.883</v>
      </c>
      <c r="C623" s="3">
        <f t="shared" si="137"/>
        <v>5.8760000000000003</v>
      </c>
      <c r="D623" s="239">
        <v>0.2445</v>
      </c>
      <c r="E623" s="239">
        <v>5.7000000000000002E-3</v>
      </c>
      <c r="F623" s="239">
        <v>0.14380000000000001</v>
      </c>
      <c r="G623">
        <f t="shared" si="138"/>
        <v>0.27326</v>
      </c>
      <c r="H623" s="235">
        <f t="shared" si="139"/>
        <v>2.0859254922052259</v>
      </c>
      <c r="I623" s="236">
        <f t="shared" si="140"/>
        <v>14.778223622297366</v>
      </c>
      <c r="J623" s="237">
        <f t="shared" si="145"/>
        <v>4.7782236222973662</v>
      </c>
      <c r="K623" s="237">
        <f t="shared" si="141"/>
        <v>86.836842004619328</v>
      </c>
      <c r="L623" s="237">
        <f t="shared" si="146"/>
        <v>28.110289569975404</v>
      </c>
      <c r="M623" s="236">
        <f t="shared" si="142"/>
        <v>6.6318476560447541</v>
      </c>
      <c r="N623" s="236">
        <f t="shared" si="143"/>
        <v>3.0575600484899192</v>
      </c>
      <c r="O623" s="236">
        <f t="shared" si="147"/>
        <v>3.1499434085322253</v>
      </c>
      <c r="P623" s="236" t="str">
        <f t="shared" si="148"/>
        <v>CLAY</v>
      </c>
      <c r="Q623" s="236">
        <f t="shared" si="144"/>
        <v>15.535263166281723</v>
      </c>
      <c r="R623" s="238">
        <v>35</v>
      </c>
      <c r="S623" s="236">
        <f t="shared" si="149"/>
        <v>2.6606220452123206</v>
      </c>
      <c r="T623" s="236" t="e">
        <f t="shared" si="135"/>
        <v>#N/A</v>
      </c>
    </row>
    <row r="624" spans="1:20" x14ac:dyDescent="0.2">
      <c r="A624" s="53">
        <f t="shared" si="136"/>
        <v>612</v>
      </c>
      <c r="B624" s="239">
        <v>5.8940000000000001</v>
      </c>
      <c r="C624" s="3">
        <f t="shared" si="137"/>
        <v>5.8870000000000005</v>
      </c>
      <c r="D624" s="239">
        <v>0.24510000000000001</v>
      </c>
      <c r="E624" s="239">
        <v>5.5999999999999999E-3</v>
      </c>
      <c r="F624" s="239">
        <v>0.14169999999999999</v>
      </c>
      <c r="G624">
        <f t="shared" si="138"/>
        <v>0.27344000000000002</v>
      </c>
      <c r="H624" s="235">
        <f t="shared" si="139"/>
        <v>2.0479812755997657</v>
      </c>
      <c r="I624" s="236">
        <f t="shared" si="140"/>
        <v>14.757726568138223</v>
      </c>
      <c r="J624" s="237">
        <f t="shared" si="145"/>
        <v>4.7577265681382226</v>
      </c>
      <c r="K624" s="237">
        <f t="shared" si="141"/>
        <v>86.878736306629719</v>
      </c>
      <c r="L624" s="237">
        <f t="shared" si="146"/>
        <v>28.042040392606683</v>
      </c>
      <c r="M624" s="236">
        <f t="shared" si="142"/>
        <v>6.6529133073553872</v>
      </c>
      <c r="N624" s="236">
        <f t="shared" si="143"/>
        <v>3.0016949334155929</v>
      </c>
      <c r="O624" s="236">
        <f t="shared" si="147"/>
        <v>3.1444553428292861</v>
      </c>
      <c r="P624" s="236" t="str">
        <f t="shared" si="148"/>
        <v>CLAY</v>
      </c>
      <c r="Q624" s="236">
        <f t="shared" si="144"/>
        <v>15.546771974447523</v>
      </c>
      <c r="R624" s="238">
        <v>35</v>
      </c>
      <c r="S624" s="236">
        <f t="shared" si="149"/>
        <v>2.6711903618324522</v>
      </c>
      <c r="T624" s="236" t="e">
        <f t="shared" si="135"/>
        <v>#N/A</v>
      </c>
    </row>
    <row r="625" spans="1:20" x14ac:dyDescent="0.2">
      <c r="A625" s="53">
        <f t="shared" si="136"/>
        <v>613</v>
      </c>
      <c r="B625" s="239">
        <v>5.9039999999999999</v>
      </c>
      <c r="C625" s="3">
        <f t="shared" si="137"/>
        <v>5.8970000000000002</v>
      </c>
      <c r="D625" s="239">
        <v>0.2445</v>
      </c>
      <c r="E625" s="239">
        <v>5.7999999999999996E-3</v>
      </c>
      <c r="F625" s="239">
        <v>0.1447</v>
      </c>
      <c r="G625">
        <f t="shared" si="138"/>
        <v>0.27344000000000002</v>
      </c>
      <c r="H625" s="235">
        <f t="shared" si="139"/>
        <v>2.1211234640140431</v>
      </c>
      <c r="I625" s="236">
        <f t="shared" si="140"/>
        <v>14.798874477841412</v>
      </c>
      <c r="J625" s="237">
        <f t="shared" si="145"/>
        <v>4.7988744778414123</v>
      </c>
      <c r="K625" s="237">
        <f t="shared" si="141"/>
        <v>87.268962795830817</v>
      </c>
      <c r="L625" s="237">
        <f t="shared" si="146"/>
        <v>28.332554917175699</v>
      </c>
      <c r="M625" s="236">
        <f t="shared" si="142"/>
        <v>6.5709230158875993</v>
      </c>
      <c r="N625" s="236">
        <f t="shared" si="143"/>
        <v>3.1154147750916179</v>
      </c>
      <c r="O625" s="236">
        <f t="shared" si="147"/>
        <v>3.1577242564337906</v>
      </c>
      <c r="P625" s="236" t="str">
        <f t="shared" si="148"/>
        <v>CLAY</v>
      </c>
      <c r="Q625" s="236">
        <f t="shared" si="144"/>
        <v>15.514253100347432</v>
      </c>
      <c r="R625" s="238">
        <v>35</v>
      </c>
      <c r="S625" s="236">
        <f t="shared" si="149"/>
        <v>2.6301043679063096</v>
      </c>
      <c r="T625" s="236" t="e">
        <f t="shared" si="135"/>
        <v>#N/A</v>
      </c>
    </row>
    <row r="626" spans="1:20" x14ac:dyDescent="0.2">
      <c r="A626" s="53">
        <f t="shared" si="136"/>
        <v>614</v>
      </c>
      <c r="B626" s="239">
        <v>5.9130000000000003</v>
      </c>
      <c r="C626" s="3">
        <f t="shared" si="137"/>
        <v>5.9060000000000006</v>
      </c>
      <c r="D626" s="239">
        <v>0.24460000000000001</v>
      </c>
      <c r="E626" s="239">
        <v>5.7999999999999996E-3</v>
      </c>
      <c r="F626" s="239">
        <v>0.14449999999999999</v>
      </c>
      <c r="G626">
        <f t="shared" si="138"/>
        <v>0.27350000000000002</v>
      </c>
      <c r="H626" s="235">
        <f t="shared" si="139"/>
        <v>2.1206581352833638</v>
      </c>
      <c r="I626" s="236">
        <f t="shared" si="140"/>
        <v>14.798960234604923</v>
      </c>
      <c r="J626" s="237">
        <f t="shared" si="145"/>
        <v>4.7989602346049232</v>
      </c>
      <c r="K626" s="237">
        <f t="shared" si="141"/>
        <v>87.402659145576678</v>
      </c>
      <c r="L626" s="237">
        <f t="shared" si="146"/>
        <v>28.376251867218912</v>
      </c>
      <c r="M626" s="236">
        <f t="shared" si="142"/>
        <v>6.5582072546166144</v>
      </c>
      <c r="N626" s="236">
        <f t="shared" si="143"/>
        <v>3.1166485095222898</v>
      </c>
      <c r="O626" s="236">
        <f t="shared" si="147"/>
        <v>3.1585241922278007</v>
      </c>
      <c r="P626" s="236" t="str">
        <f t="shared" si="148"/>
        <v>CLAY</v>
      </c>
      <c r="Q626" s="236">
        <f t="shared" si="144"/>
        <v>15.50811173786861</v>
      </c>
      <c r="R626" s="238">
        <v>35</v>
      </c>
      <c r="S626" s="236">
        <f t="shared" si="149"/>
        <v>2.6237438297072329</v>
      </c>
      <c r="T626" s="236" t="e">
        <f t="shared" si="135"/>
        <v>#N/A</v>
      </c>
    </row>
    <row r="627" spans="1:20" x14ac:dyDescent="0.2">
      <c r="A627" s="53">
        <f t="shared" si="136"/>
        <v>615</v>
      </c>
      <c r="B627" s="239">
        <v>5.923</v>
      </c>
      <c r="C627" s="3">
        <f t="shared" si="137"/>
        <v>5.9160000000000004</v>
      </c>
      <c r="D627" s="239">
        <v>0.2419</v>
      </c>
      <c r="E627" s="239">
        <v>6.0000000000000001E-3</v>
      </c>
      <c r="F627" s="239">
        <v>0.14660000000000001</v>
      </c>
      <c r="G627">
        <f t="shared" si="138"/>
        <v>0.27122000000000002</v>
      </c>
      <c r="H627" s="235">
        <f t="shared" si="139"/>
        <v>2.2122262370031707</v>
      </c>
      <c r="I627" s="236">
        <f t="shared" si="140"/>
        <v>14.83544097088603</v>
      </c>
      <c r="J627" s="237">
        <f t="shared" si="145"/>
        <v>4.8354409708860295</v>
      </c>
      <c r="K627" s="237">
        <f t="shared" si="141"/>
        <v>87.766468783761752</v>
      </c>
      <c r="L627" s="237">
        <f t="shared" si="146"/>
        <v>28.640316870557953</v>
      </c>
      <c r="M627" s="236">
        <f t="shared" si="142"/>
        <v>6.4054295224934199</v>
      </c>
      <c r="N627" s="236">
        <f t="shared" si="143"/>
        <v>3.2705829973519278</v>
      </c>
      <c r="O627" s="236">
        <f t="shared" si="147"/>
        <v>3.1785058885115536</v>
      </c>
      <c r="P627" s="236" t="str">
        <f t="shared" si="148"/>
        <v>CLAY</v>
      </c>
      <c r="Q627" s="236">
        <f t="shared" si="144"/>
        <v>15.287794268019857</v>
      </c>
      <c r="R627" s="238">
        <v>35</v>
      </c>
      <c r="S627" s="236">
        <f t="shared" si="149"/>
        <v>2.5475653308737241</v>
      </c>
      <c r="T627" s="236" t="e">
        <f t="shared" si="135"/>
        <v>#N/A</v>
      </c>
    </row>
    <row r="628" spans="1:20" x14ac:dyDescent="0.2">
      <c r="A628" s="53">
        <f t="shared" si="136"/>
        <v>616</v>
      </c>
      <c r="B628" s="239">
        <v>5.9340000000000002</v>
      </c>
      <c r="C628" s="3">
        <f t="shared" si="137"/>
        <v>5.9270000000000005</v>
      </c>
      <c r="D628" s="239">
        <v>0.23949999999999999</v>
      </c>
      <c r="E628" s="239">
        <v>6.1000000000000004E-3</v>
      </c>
      <c r="F628" s="239">
        <v>0.14299999999999999</v>
      </c>
      <c r="G628">
        <f t="shared" si="138"/>
        <v>0.2681</v>
      </c>
      <c r="H628" s="235">
        <f t="shared" si="139"/>
        <v>2.275270421484521</v>
      </c>
      <c r="I628" s="236">
        <f t="shared" si="140"/>
        <v>14.850300741496149</v>
      </c>
      <c r="J628" s="237">
        <f t="shared" si="145"/>
        <v>4.8503007414961488</v>
      </c>
      <c r="K628" s="237">
        <f t="shared" si="141"/>
        <v>88.017732494847678</v>
      </c>
      <c r="L628" s="237">
        <f t="shared" si="146"/>
        <v>28.781684600038147</v>
      </c>
      <c r="M628" s="236">
        <f t="shared" si="142"/>
        <v>6.2568355538477984</v>
      </c>
      <c r="N628" s="236">
        <f t="shared" si="143"/>
        <v>3.3873407329377798</v>
      </c>
      <c r="O628" s="236">
        <f t="shared" si="147"/>
        <v>3.1953693195552515</v>
      </c>
      <c r="P628" s="236" t="str">
        <f t="shared" si="148"/>
        <v>CLAY</v>
      </c>
      <c r="Q628" s="236">
        <f t="shared" si="144"/>
        <v>15.006855625429361</v>
      </c>
      <c r="R628" s="238">
        <v>35</v>
      </c>
      <c r="S628" s="236">
        <f t="shared" si="149"/>
        <v>2.4739073709996329</v>
      </c>
      <c r="T628" s="236" t="e">
        <f t="shared" si="135"/>
        <v>#N/A</v>
      </c>
    </row>
    <row r="629" spans="1:20" x14ac:dyDescent="0.2">
      <c r="A629" s="53">
        <f t="shared" si="136"/>
        <v>617</v>
      </c>
      <c r="B629" s="239">
        <v>5.9429999999999996</v>
      </c>
      <c r="C629" s="3">
        <f t="shared" si="137"/>
        <v>5.9359999999999999</v>
      </c>
      <c r="D629" s="239">
        <v>0.2356</v>
      </c>
      <c r="E629" s="239">
        <v>6.3E-3</v>
      </c>
      <c r="F629" s="239">
        <v>0.1426</v>
      </c>
      <c r="G629">
        <f t="shared" si="138"/>
        <v>0.26412000000000002</v>
      </c>
      <c r="H629" s="235">
        <f t="shared" si="139"/>
        <v>2.3852794184461605</v>
      </c>
      <c r="I629" s="236">
        <f t="shared" si="140"/>
        <v>14.882283697648033</v>
      </c>
      <c r="J629" s="237">
        <f t="shared" si="145"/>
        <v>4.8822836976480328</v>
      </c>
      <c r="K629" s="237">
        <f t="shared" si="141"/>
        <v>88.341236029238729</v>
      </c>
      <c r="L629" s="237">
        <f t="shared" si="146"/>
        <v>29.015412015122259</v>
      </c>
      <c r="M629" s="236">
        <f t="shared" si="142"/>
        <v>6.0581171095950266</v>
      </c>
      <c r="N629" s="236">
        <f t="shared" si="143"/>
        <v>3.5840506883117746</v>
      </c>
      <c r="O629" s="236">
        <f t="shared" si="147"/>
        <v>3.2205484672483742</v>
      </c>
      <c r="P629" s="236" t="str">
        <f t="shared" si="148"/>
        <v>CLAY</v>
      </c>
      <c r="Q629" s="236">
        <f t="shared" si="144"/>
        <v>14.648230330896773</v>
      </c>
      <c r="R629" s="238">
        <v>35</v>
      </c>
      <c r="S629" s="236">
        <f t="shared" si="149"/>
        <v>2.3760856376846791</v>
      </c>
      <c r="T629" s="236" t="e">
        <f t="shared" si="135"/>
        <v>#N/A</v>
      </c>
    </row>
    <row r="630" spans="1:20" x14ac:dyDescent="0.2">
      <c r="A630" s="53">
        <f t="shared" si="136"/>
        <v>618</v>
      </c>
      <c r="B630" s="239">
        <v>5.9539999999999997</v>
      </c>
      <c r="C630" s="3">
        <f t="shared" si="137"/>
        <v>5.9470000000000001</v>
      </c>
      <c r="D630" s="239">
        <v>0.2334</v>
      </c>
      <c r="E630" s="239">
        <v>6.3E-3</v>
      </c>
      <c r="F630" s="239">
        <v>0.14349999999999999</v>
      </c>
      <c r="G630">
        <f t="shared" si="138"/>
        <v>0.2621</v>
      </c>
      <c r="H630" s="235">
        <f t="shared" si="139"/>
        <v>2.4036627241510877</v>
      </c>
      <c r="I630" s="236">
        <f t="shared" si="140"/>
        <v>14.879282856759097</v>
      </c>
      <c r="J630" s="237">
        <f t="shared" si="145"/>
        <v>4.8792828567590973</v>
      </c>
      <c r="K630" s="237">
        <f t="shared" si="141"/>
        <v>88.487095149146356</v>
      </c>
      <c r="L630" s="237">
        <f t="shared" si="146"/>
        <v>29.051250129143664</v>
      </c>
      <c r="M630" s="236">
        <f t="shared" si="142"/>
        <v>5.9760906700771717</v>
      </c>
      <c r="N630" s="236">
        <f t="shared" si="143"/>
        <v>3.6287625078401664</v>
      </c>
      <c r="O630" s="236">
        <f t="shared" si="147"/>
        <v>3.2284561171128776</v>
      </c>
      <c r="P630" s="236" t="str">
        <f t="shared" si="148"/>
        <v>CLAY</v>
      </c>
      <c r="Q630" s="236">
        <f t="shared" si="144"/>
        <v>14.467742070904473</v>
      </c>
      <c r="R630" s="238">
        <v>35</v>
      </c>
      <c r="S630" s="236">
        <f t="shared" si="149"/>
        <v>2.335938912108674</v>
      </c>
      <c r="T630" s="236" t="e">
        <f t="shared" si="135"/>
        <v>#N/A</v>
      </c>
    </row>
    <row r="631" spans="1:20" x14ac:dyDescent="0.2">
      <c r="A631" s="53">
        <f t="shared" si="136"/>
        <v>619</v>
      </c>
      <c r="B631" s="239">
        <v>5.9630000000000001</v>
      </c>
      <c r="C631" s="3">
        <f t="shared" si="137"/>
        <v>5.9560000000000004</v>
      </c>
      <c r="D631" s="239">
        <v>0.23200000000000001</v>
      </c>
      <c r="E631" s="239">
        <v>6.3E-3</v>
      </c>
      <c r="F631" s="239">
        <v>0.1467</v>
      </c>
      <c r="G631">
        <f t="shared" si="138"/>
        <v>0.26134000000000002</v>
      </c>
      <c r="H631" s="235">
        <f t="shared" si="139"/>
        <v>2.4106527894696561</v>
      </c>
      <c r="I631" s="236">
        <f t="shared" si="140"/>
        <v>14.878147835995055</v>
      </c>
      <c r="J631" s="237">
        <f t="shared" si="145"/>
        <v>4.8781478359950547</v>
      </c>
      <c r="K631" s="237">
        <f t="shared" si="141"/>
        <v>88.614248511186545</v>
      </c>
      <c r="L631" s="237">
        <f t="shared" si="146"/>
        <v>29.088395546038512</v>
      </c>
      <c r="M631" s="236">
        <f t="shared" si="142"/>
        <v>5.9379607656750482</v>
      </c>
      <c r="N631" s="236">
        <f t="shared" si="143"/>
        <v>3.6474005443293822</v>
      </c>
      <c r="O631" s="236">
        <f t="shared" si="147"/>
        <v>3.2320019691629462</v>
      </c>
      <c r="P631" s="236" t="str">
        <f t="shared" si="148"/>
        <v>CLAY</v>
      </c>
      <c r="Q631" s="236">
        <f t="shared" si="144"/>
        <v>14.393812624067792</v>
      </c>
      <c r="R631" s="238">
        <v>35</v>
      </c>
      <c r="S631" s="236">
        <f t="shared" si="149"/>
        <v>2.3173234865934229</v>
      </c>
      <c r="T631" s="236" t="e">
        <f t="shared" si="135"/>
        <v>#N/A</v>
      </c>
    </row>
    <row r="632" spans="1:20" x14ac:dyDescent="0.2">
      <c r="A632" s="53">
        <f t="shared" si="136"/>
        <v>620</v>
      </c>
      <c r="B632" s="239">
        <v>5.9740000000000002</v>
      </c>
      <c r="C632" s="3">
        <f t="shared" si="137"/>
        <v>5.9670000000000005</v>
      </c>
      <c r="D632" s="239">
        <v>0.2301</v>
      </c>
      <c r="E632" s="239">
        <v>6.4000000000000003E-3</v>
      </c>
      <c r="F632" s="239">
        <v>0.14599999999999999</v>
      </c>
      <c r="G632">
        <f t="shared" si="138"/>
        <v>0.25929999999999997</v>
      </c>
      <c r="H632" s="235">
        <f t="shared" si="139"/>
        <v>2.468183571153105</v>
      </c>
      <c r="I632" s="236">
        <f t="shared" si="140"/>
        <v>14.893551249231399</v>
      </c>
      <c r="J632" s="237">
        <f t="shared" si="145"/>
        <v>4.8935512492313986</v>
      </c>
      <c r="K632" s="237">
        <f t="shared" si="141"/>
        <v>88.869820304163767</v>
      </c>
      <c r="L632" s="237">
        <f t="shared" si="146"/>
        <v>29.234075162908375</v>
      </c>
      <c r="M632" s="236">
        <f t="shared" si="142"/>
        <v>5.829846805349761</v>
      </c>
      <c r="N632" s="236">
        <f t="shared" si="143"/>
        <v>3.7552034571705377</v>
      </c>
      <c r="O632" s="236">
        <f t="shared" si="147"/>
        <v>3.2456400892726323</v>
      </c>
      <c r="P632" s="236" t="str">
        <f t="shared" si="148"/>
        <v>CLAY</v>
      </c>
      <c r="Q632" s="236">
        <f t="shared" si="144"/>
        <v>14.202514974653015</v>
      </c>
      <c r="R632" s="238">
        <v>35</v>
      </c>
      <c r="S632" s="236">
        <f t="shared" si="149"/>
        <v>2.2647039470940311</v>
      </c>
      <c r="T632" s="236" t="e">
        <f t="shared" si="135"/>
        <v>#N/A</v>
      </c>
    </row>
    <row r="633" spans="1:20" x14ac:dyDescent="0.2">
      <c r="A633" s="53">
        <f t="shared" si="136"/>
        <v>621</v>
      </c>
      <c r="B633" s="239">
        <v>5.984</v>
      </c>
      <c r="C633" s="3">
        <f t="shared" si="137"/>
        <v>5.9770000000000003</v>
      </c>
      <c r="D633" s="239">
        <v>0.23169999999999999</v>
      </c>
      <c r="E633" s="239">
        <v>6.4000000000000003E-3</v>
      </c>
      <c r="F633" s="239">
        <v>0.14280000000000001</v>
      </c>
      <c r="G633">
        <f t="shared" si="138"/>
        <v>0.26025999999999999</v>
      </c>
      <c r="H633" s="235">
        <f t="shared" si="139"/>
        <v>2.4590793821563053</v>
      </c>
      <c r="I633" s="236">
        <f t="shared" si="140"/>
        <v>14.894995667044103</v>
      </c>
      <c r="J633" s="237">
        <f t="shared" si="145"/>
        <v>4.8949956670441033</v>
      </c>
      <c r="K633" s="237">
        <f t="shared" si="141"/>
        <v>89.027389101922608</v>
      </c>
      <c r="L633" s="237">
        <f t="shared" si="146"/>
        <v>29.291654071591914</v>
      </c>
      <c r="M633" s="236">
        <f t="shared" si="142"/>
        <v>5.8457815485450801</v>
      </c>
      <c r="N633" s="236">
        <f t="shared" si="143"/>
        <v>3.7376058020919074</v>
      </c>
      <c r="O633" s="236">
        <f t="shared" si="147"/>
        <v>3.2435245436147997</v>
      </c>
      <c r="P633" s="236" t="str">
        <f t="shared" si="148"/>
        <v>CLAY</v>
      </c>
      <c r="Q633" s="236">
        <f t="shared" si="144"/>
        <v>14.269384241506449</v>
      </c>
      <c r="R633" s="238">
        <v>35</v>
      </c>
      <c r="S633" s="236">
        <f t="shared" si="149"/>
        <v>2.2724442442140598</v>
      </c>
      <c r="T633" s="236" t="e">
        <f t="shared" si="135"/>
        <v>#N/A</v>
      </c>
    </row>
    <row r="634" spans="1:20" x14ac:dyDescent="0.2">
      <c r="A634" s="53">
        <f t="shared" si="136"/>
        <v>622</v>
      </c>
      <c r="B634" s="239">
        <v>5.9939999999999998</v>
      </c>
      <c r="C634" s="3">
        <f t="shared" si="137"/>
        <v>5.9870000000000001</v>
      </c>
      <c r="D634" s="239">
        <v>0.2321</v>
      </c>
      <c r="E634" s="239">
        <v>6.4000000000000003E-3</v>
      </c>
      <c r="F634" s="239">
        <v>0.1447</v>
      </c>
      <c r="G634">
        <f t="shared" si="138"/>
        <v>0.26103999999999999</v>
      </c>
      <c r="H634" s="235">
        <f t="shared" si="139"/>
        <v>2.4517315353968741</v>
      </c>
      <c r="I634" s="236">
        <f t="shared" si="140"/>
        <v>14.896165338840818</v>
      </c>
      <c r="J634" s="237">
        <f t="shared" si="145"/>
        <v>4.8961653388408184</v>
      </c>
      <c r="K634" s="237">
        <f t="shared" si="141"/>
        <v>89.183341883639983</v>
      </c>
      <c r="L634" s="237">
        <f t="shared" si="146"/>
        <v>29.347615041011863</v>
      </c>
      <c r="M634" s="236">
        <f t="shared" si="142"/>
        <v>5.8558986096893646</v>
      </c>
      <c r="N634" s="236">
        <f t="shared" si="143"/>
        <v>3.7240337791665383</v>
      </c>
      <c r="O634" s="236">
        <f t="shared" si="147"/>
        <v>3.2420256608135976</v>
      </c>
      <c r="P634" s="236" t="str">
        <f t="shared" si="148"/>
        <v>CLAY</v>
      </c>
      <c r="Q634" s="236">
        <f t="shared" si="144"/>
        <v>14.321388176363337</v>
      </c>
      <c r="R634" s="238">
        <v>35</v>
      </c>
      <c r="S634" s="236">
        <f t="shared" si="149"/>
        <v>2.2773613431100759</v>
      </c>
      <c r="T634" s="236" t="e">
        <f t="shared" si="135"/>
        <v>#N/A</v>
      </c>
    </row>
    <row r="635" spans="1:20" x14ac:dyDescent="0.2">
      <c r="A635" s="53">
        <f t="shared" si="136"/>
        <v>623</v>
      </c>
      <c r="B635" s="239">
        <v>6.0039999999999996</v>
      </c>
      <c r="C635" s="3">
        <f t="shared" si="137"/>
        <v>5.9969999999999999</v>
      </c>
      <c r="D635" s="239">
        <v>0.22800000000000001</v>
      </c>
      <c r="E635" s="239">
        <v>6.6E-3</v>
      </c>
      <c r="F635" s="239">
        <v>0.1459</v>
      </c>
      <c r="G635">
        <f t="shared" si="138"/>
        <v>0.25718000000000002</v>
      </c>
      <c r="H635" s="235">
        <f t="shared" si="139"/>
        <v>2.5662959794696318</v>
      </c>
      <c r="I635" s="236">
        <f t="shared" si="140"/>
        <v>14.926425153131174</v>
      </c>
      <c r="J635" s="237">
        <f t="shared" si="145"/>
        <v>4.9264251531311736</v>
      </c>
      <c r="K635" s="237">
        <f t="shared" si="141"/>
        <v>89.513771643327644</v>
      </c>
      <c r="L635" s="237">
        <f t="shared" si="146"/>
        <v>29.578256619399564</v>
      </c>
      <c r="M635" s="236">
        <f t="shared" si="142"/>
        <v>5.6685635841939623</v>
      </c>
      <c r="N635" s="236">
        <f t="shared" si="143"/>
        <v>3.9363920001587775</v>
      </c>
      <c r="O635" s="236">
        <f t="shared" si="147"/>
        <v>3.267124240890249</v>
      </c>
      <c r="P635" s="236" t="str">
        <f t="shared" si="148"/>
        <v>CLAY</v>
      </c>
      <c r="Q635" s="236">
        <f t="shared" si="144"/>
        <v>13.972185696389365</v>
      </c>
      <c r="R635" s="238">
        <v>35</v>
      </c>
      <c r="S635" s="236">
        <f t="shared" si="149"/>
        <v>2.1866601318160677</v>
      </c>
      <c r="T635" s="236" t="e">
        <f t="shared" si="135"/>
        <v>#N/A</v>
      </c>
    </row>
    <row r="636" spans="1:20" x14ac:dyDescent="0.2">
      <c r="A636" s="53">
        <f t="shared" si="136"/>
        <v>624</v>
      </c>
      <c r="B636" s="239">
        <v>6.0149999999999997</v>
      </c>
      <c r="C636" s="3">
        <f t="shared" si="137"/>
        <v>6.008</v>
      </c>
      <c r="D636" s="239">
        <v>0.2253</v>
      </c>
      <c r="E636" s="239">
        <v>6.6E-3</v>
      </c>
      <c r="F636" s="239">
        <v>0.14749999999999999</v>
      </c>
      <c r="G636">
        <f t="shared" si="138"/>
        <v>0.25479999999999997</v>
      </c>
      <c r="H636" s="235">
        <f t="shared" si="139"/>
        <v>2.590266875981162</v>
      </c>
      <c r="I636" s="236">
        <f t="shared" si="140"/>
        <v>14.922791161642515</v>
      </c>
      <c r="J636" s="237">
        <f t="shared" si="145"/>
        <v>4.9227911616425146</v>
      </c>
      <c r="K636" s="237">
        <f t="shared" si="141"/>
        <v>89.656129299148233</v>
      </c>
      <c r="L636" s="237">
        <f t="shared" si="146"/>
        <v>29.610588837279725</v>
      </c>
      <c r="M636" s="236">
        <f t="shared" si="142"/>
        <v>5.577189687391007</v>
      </c>
      <c r="N636" s="236">
        <f t="shared" si="143"/>
        <v>3.9965152639273573</v>
      </c>
      <c r="O636" s="236">
        <f t="shared" si="147"/>
        <v>3.2766501778686319</v>
      </c>
      <c r="P636" s="236" t="str">
        <f t="shared" si="148"/>
        <v>CLAY</v>
      </c>
      <c r="Q636" s="236">
        <f t="shared" si="144"/>
        <v>13.761989225070979</v>
      </c>
      <c r="R636" s="238">
        <v>35</v>
      </c>
      <c r="S636" s="236">
        <f t="shared" si="149"/>
        <v>2.1426896817346464</v>
      </c>
      <c r="T636" s="236" t="e">
        <f t="shared" si="135"/>
        <v>#N/A</v>
      </c>
    </row>
    <row r="637" spans="1:20" x14ac:dyDescent="0.2">
      <c r="A637" s="53">
        <f t="shared" si="136"/>
        <v>625</v>
      </c>
      <c r="B637" s="239">
        <v>6.024</v>
      </c>
      <c r="C637" s="3">
        <f t="shared" si="137"/>
        <v>6.0170000000000003</v>
      </c>
      <c r="D637" s="239">
        <v>0.2225</v>
      </c>
      <c r="E637" s="239">
        <v>6.6E-3</v>
      </c>
      <c r="F637" s="239">
        <v>0.15179999999999999</v>
      </c>
      <c r="G637">
        <f t="shared" si="138"/>
        <v>0.25285999999999997</v>
      </c>
      <c r="H637" s="235">
        <f t="shared" si="139"/>
        <v>2.6101399984180973</v>
      </c>
      <c r="I637" s="236">
        <f t="shared" si="140"/>
        <v>14.919803800587427</v>
      </c>
      <c r="J637" s="237">
        <f t="shared" si="145"/>
        <v>4.9198038005874274</v>
      </c>
      <c r="K637" s="237">
        <f t="shared" si="141"/>
        <v>89.772459468134556</v>
      </c>
      <c r="L637" s="237">
        <f t="shared" si="146"/>
        <v>29.636898094738662</v>
      </c>
      <c r="M637" s="236">
        <f t="shared" si="142"/>
        <v>5.5028545838546385</v>
      </c>
      <c r="N637" s="236">
        <f t="shared" si="143"/>
        <v>4.0469063292486371</v>
      </c>
      <c r="O637" s="236">
        <f t="shared" si="147"/>
        <v>3.2845195508593408</v>
      </c>
      <c r="P637" s="236" t="str">
        <f t="shared" si="148"/>
        <v>CLAY</v>
      </c>
      <c r="Q637" s="236">
        <f t="shared" si="144"/>
        <v>13.590628377655454</v>
      </c>
      <c r="R637" s="238">
        <v>35</v>
      </c>
      <c r="S637" s="236">
        <f t="shared" si="149"/>
        <v>2.107051032393306</v>
      </c>
      <c r="T637" s="236" t="e">
        <f t="shared" si="135"/>
        <v>#N/A</v>
      </c>
    </row>
    <row r="638" spans="1:20" x14ac:dyDescent="0.2">
      <c r="A638" s="53">
        <f t="shared" si="136"/>
        <v>626</v>
      </c>
      <c r="B638" s="239">
        <v>6.0350000000000001</v>
      </c>
      <c r="C638" s="3">
        <f t="shared" si="137"/>
        <v>6.0280000000000005</v>
      </c>
      <c r="D638" s="239">
        <v>0.22320000000000001</v>
      </c>
      <c r="E638" s="239">
        <v>6.7000000000000002E-3</v>
      </c>
      <c r="F638" s="239">
        <v>0.15390000000000001</v>
      </c>
      <c r="G638">
        <f t="shared" si="138"/>
        <v>0.25397999999999998</v>
      </c>
      <c r="H638" s="235">
        <f t="shared" si="139"/>
        <v>2.6380029923616033</v>
      </c>
      <c r="I638" s="236">
        <f t="shared" si="140"/>
        <v>14.939164588646605</v>
      </c>
      <c r="J638" s="237">
        <f t="shared" si="145"/>
        <v>4.9391645886466051</v>
      </c>
      <c r="K638" s="237">
        <f t="shared" si="141"/>
        <v>90.05328414036174</v>
      </c>
      <c r="L638" s="237">
        <f t="shared" si="146"/>
        <v>29.807858292482262</v>
      </c>
      <c r="M638" s="236">
        <f t="shared" si="142"/>
        <v>5.4994462953744536</v>
      </c>
      <c r="N638" s="236">
        <f t="shared" si="143"/>
        <v>4.0871922339595059</v>
      </c>
      <c r="O638" s="236">
        <f t="shared" si="147"/>
        <v>3.2871380132102064</v>
      </c>
      <c r="P638" s="236" t="str">
        <f t="shared" si="148"/>
        <v>CLAY</v>
      </c>
      <c r="Q638" s="236">
        <f t="shared" si="144"/>
        <v>13.660559654969854</v>
      </c>
      <c r="R638" s="238">
        <v>35</v>
      </c>
      <c r="S638" s="236">
        <f t="shared" si="149"/>
        <v>2.1054198604325043</v>
      </c>
      <c r="T638" s="236" t="e">
        <f t="shared" si="135"/>
        <v>#N/A</v>
      </c>
    </row>
    <row r="639" spans="1:20" x14ac:dyDescent="0.2">
      <c r="A639" s="53">
        <f t="shared" si="136"/>
        <v>627</v>
      </c>
      <c r="B639" s="239">
        <v>6.0439999999999996</v>
      </c>
      <c r="C639" s="3">
        <f t="shared" si="137"/>
        <v>6.0369999999999999</v>
      </c>
      <c r="D639" s="239">
        <v>0.22389999999999999</v>
      </c>
      <c r="E639" s="239">
        <v>6.7000000000000002E-3</v>
      </c>
      <c r="F639" s="239">
        <v>0.1522</v>
      </c>
      <c r="G639">
        <f t="shared" si="138"/>
        <v>0.25434000000000001</v>
      </c>
      <c r="H639" s="235">
        <f t="shared" si="139"/>
        <v>2.6342690886215303</v>
      </c>
      <c r="I639" s="236">
        <f t="shared" si="140"/>
        <v>14.939718221931395</v>
      </c>
      <c r="J639" s="237">
        <f t="shared" si="145"/>
        <v>4.9397182219313951</v>
      </c>
      <c r="K639" s="237">
        <f t="shared" si="141"/>
        <v>90.191078905799827</v>
      </c>
      <c r="L639" s="237">
        <f t="shared" si="146"/>
        <v>29.855656933353352</v>
      </c>
      <c r="M639" s="236">
        <f t="shared" si="142"/>
        <v>5.4980843818184635</v>
      </c>
      <c r="N639" s="236">
        <f t="shared" si="143"/>
        <v>4.0816594805122532</v>
      </c>
      <c r="O639" s="236">
        <f t="shared" si="147"/>
        <v>3.286899614327647</v>
      </c>
      <c r="P639" s="236" t="str">
        <f t="shared" si="148"/>
        <v>CLAY</v>
      </c>
      <c r="Q639" s="236">
        <f t="shared" si="144"/>
        <v>13.679076757850014</v>
      </c>
      <c r="R639" s="238">
        <v>35</v>
      </c>
      <c r="S639" s="236">
        <f t="shared" si="149"/>
        <v>2.1047681332114552</v>
      </c>
      <c r="T639" s="236" t="e">
        <f t="shared" si="135"/>
        <v>#N/A</v>
      </c>
    </row>
    <row r="640" spans="1:20" x14ac:dyDescent="0.2">
      <c r="A640" s="53">
        <f t="shared" si="136"/>
        <v>628</v>
      </c>
      <c r="B640" s="239">
        <v>6.0549999999999997</v>
      </c>
      <c r="C640" s="3">
        <f t="shared" si="137"/>
        <v>6.048</v>
      </c>
      <c r="D640" s="239">
        <v>0.22309999999999999</v>
      </c>
      <c r="E640" s="239">
        <v>6.6E-3</v>
      </c>
      <c r="F640" s="239">
        <v>0.15429999999999999</v>
      </c>
      <c r="G640">
        <f t="shared" si="138"/>
        <v>0.25395999999999996</v>
      </c>
      <c r="H640" s="235">
        <f t="shared" si="139"/>
        <v>2.5988344621200192</v>
      </c>
      <c r="I640" s="236">
        <f t="shared" si="140"/>
        <v>14.921500466907617</v>
      </c>
      <c r="J640" s="237">
        <f t="shared" si="145"/>
        <v>4.9215004669076166</v>
      </c>
      <c r="K640" s="237">
        <f t="shared" si="141"/>
        <v>90.24523482385726</v>
      </c>
      <c r="L640" s="237">
        <f t="shared" si="146"/>
        <v>29.799685327125616</v>
      </c>
      <c r="M640" s="236">
        <f t="shared" si="142"/>
        <v>5.4938420784973472</v>
      </c>
      <c r="N640" s="236">
        <f t="shared" si="143"/>
        <v>4.0314018060001979</v>
      </c>
      <c r="O640" s="236">
        <f t="shared" si="147"/>
        <v>3.2841842277152038</v>
      </c>
      <c r="P640" s="236" t="str">
        <f t="shared" si="148"/>
        <v>CLAY</v>
      </c>
      <c r="Q640" s="236">
        <f t="shared" si="144"/>
        <v>13.642897098011892</v>
      </c>
      <c r="R640" s="238">
        <v>35</v>
      </c>
      <c r="S640" s="236">
        <f t="shared" si="149"/>
        <v>2.1027382890759876</v>
      </c>
      <c r="T640" s="236" t="e">
        <f t="shared" si="135"/>
        <v>#N/A</v>
      </c>
    </row>
    <row r="641" spans="1:20" x14ac:dyDescent="0.2">
      <c r="A641" s="53">
        <f t="shared" si="136"/>
        <v>629</v>
      </c>
      <c r="B641" s="239">
        <v>6.0650000000000004</v>
      </c>
      <c r="C641" s="3">
        <f t="shared" si="137"/>
        <v>6.0580000000000007</v>
      </c>
      <c r="D641" s="239">
        <v>0.2243</v>
      </c>
      <c r="E641" s="239">
        <v>6.7000000000000002E-3</v>
      </c>
      <c r="F641" s="239">
        <v>0.15709999999999999</v>
      </c>
      <c r="G641">
        <f t="shared" si="138"/>
        <v>0.25572</v>
      </c>
      <c r="H641" s="235">
        <f t="shared" si="139"/>
        <v>2.6200531831690914</v>
      </c>
      <c r="I641" s="236">
        <f t="shared" si="140"/>
        <v>14.941833247860362</v>
      </c>
      <c r="J641" s="237">
        <f t="shared" si="145"/>
        <v>4.9418332478603624</v>
      </c>
      <c r="K641" s="237">
        <f t="shared" si="141"/>
        <v>90.517625815538082</v>
      </c>
      <c r="L641" s="237">
        <f t="shared" si="146"/>
        <v>29.972218648273099</v>
      </c>
      <c r="M641" s="236">
        <f t="shared" si="142"/>
        <v>5.5118500276248428</v>
      </c>
      <c r="N641" s="236">
        <f t="shared" si="143"/>
        <v>4.0556317868161527</v>
      </c>
      <c r="O641" s="236">
        <f t="shared" si="147"/>
        <v>3.2844506188149865</v>
      </c>
      <c r="P641" s="236" t="str">
        <f t="shared" si="148"/>
        <v>CLAY</v>
      </c>
      <c r="Q641" s="236">
        <f t="shared" si="144"/>
        <v>13.766864515371827</v>
      </c>
      <c r="R641" s="238">
        <v>35</v>
      </c>
      <c r="S641" s="236">
        <f t="shared" si="149"/>
        <v>2.1113573724403767</v>
      </c>
      <c r="T641" s="236" t="e">
        <f t="shared" si="135"/>
        <v>#N/A</v>
      </c>
    </row>
    <row r="642" spans="1:20" x14ac:dyDescent="0.2">
      <c r="A642" s="53">
        <f t="shared" si="136"/>
        <v>630</v>
      </c>
      <c r="B642" s="239">
        <v>6.0750000000000002</v>
      </c>
      <c r="C642" s="3">
        <f t="shared" si="137"/>
        <v>6.0680000000000005</v>
      </c>
      <c r="D642" s="239">
        <v>0.22259999999999999</v>
      </c>
      <c r="E642" s="239">
        <v>6.6E-3</v>
      </c>
      <c r="F642" s="239">
        <v>0.15790000000000001</v>
      </c>
      <c r="G642">
        <f t="shared" si="138"/>
        <v>0.25417999999999996</v>
      </c>
      <c r="H642" s="235">
        <f t="shared" si="139"/>
        <v>2.5965850971752307</v>
      </c>
      <c r="I642" s="236">
        <f t="shared" si="140"/>
        <v>14.921838918172185</v>
      </c>
      <c r="J642" s="237">
        <f t="shared" si="145"/>
        <v>4.9218389181721847</v>
      </c>
      <c r="K642" s="237">
        <f t="shared" si="141"/>
        <v>90.545718555468824</v>
      </c>
      <c r="L642" s="237">
        <f t="shared" si="146"/>
        <v>29.900171427896023</v>
      </c>
      <c r="M642" s="236">
        <f t="shared" si="142"/>
        <v>5.4726870659967162</v>
      </c>
      <c r="N642" s="236">
        <f t="shared" si="143"/>
        <v>4.0333846561591518</v>
      </c>
      <c r="O642" s="236">
        <f t="shared" si="147"/>
        <v>3.2856958956271538</v>
      </c>
      <c r="P642" s="236" t="str">
        <f t="shared" si="148"/>
        <v>CLAY</v>
      </c>
      <c r="Q642" s="236">
        <f t="shared" si="144"/>
        <v>13.636190120377593</v>
      </c>
      <c r="R642" s="238">
        <v>35</v>
      </c>
      <c r="S642" s="236">
        <f t="shared" si="149"/>
        <v>2.0926219574449232</v>
      </c>
      <c r="T642" s="236" t="e">
        <f t="shared" si="135"/>
        <v>#N/A</v>
      </c>
    </row>
    <row r="643" spans="1:20" x14ac:dyDescent="0.2">
      <c r="A643" s="53">
        <f t="shared" si="136"/>
        <v>631</v>
      </c>
      <c r="B643" s="239">
        <v>6.085</v>
      </c>
      <c r="C643" s="3">
        <f t="shared" si="137"/>
        <v>6.0780000000000003</v>
      </c>
      <c r="D643" s="239">
        <v>0.2213</v>
      </c>
      <c r="E643" s="239">
        <v>6.6E-3</v>
      </c>
      <c r="F643" s="239">
        <v>0.1583</v>
      </c>
      <c r="G643">
        <f t="shared" si="138"/>
        <v>0.25295999999999996</v>
      </c>
      <c r="H643" s="235">
        <f t="shared" si="139"/>
        <v>2.6091081593927901</v>
      </c>
      <c r="I643" s="236">
        <f t="shared" si="140"/>
        <v>14.919958347674854</v>
      </c>
      <c r="J643" s="237">
        <f t="shared" si="145"/>
        <v>4.9199583476748536</v>
      </c>
      <c r="K643" s="237">
        <f t="shared" si="141"/>
        <v>90.683506837167769</v>
      </c>
      <c r="L643" s="237">
        <f t="shared" si="146"/>
        <v>29.937946545601484</v>
      </c>
      <c r="M643" s="236">
        <f t="shared" si="142"/>
        <v>5.4204283154708897</v>
      </c>
      <c r="N643" s="236">
        <f t="shared" si="143"/>
        <v>4.0671325041374899</v>
      </c>
      <c r="O643" s="236">
        <f t="shared" si="147"/>
        <v>3.2911712013434102</v>
      </c>
      <c r="P643" s="236" t="str">
        <f t="shared" si="148"/>
        <v>CLAY</v>
      </c>
      <c r="Q643" s="236">
        <f t="shared" si="144"/>
        <v>13.523041096902682</v>
      </c>
      <c r="R643" s="238">
        <v>35</v>
      </c>
      <c r="S643" s="236">
        <f t="shared" si="149"/>
        <v>2.0676737550786619</v>
      </c>
      <c r="T643" s="236" t="e">
        <f t="shared" si="135"/>
        <v>#N/A</v>
      </c>
    </row>
    <row r="644" spans="1:20" x14ac:dyDescent="0.2">
      <c r="A644" s="53">
        <f t="shared" si="136"/>
        <v>632</v>
      </c>
      <c r="B644" s="239">
        <v>6.0949999999999998</v>
      </c>
      <c r="C644" s="3">
        <f t="shared" si="137"/>
        <v>6.0880000000000001</v>
      </c>
      <c r="D644" s="239">
        <v>0.22320000000000001</v>
      </c>
      <c r="E644" s="239">
        <v>6.4999999999999997E-3</v>
      </c>
      <c r="F644" s="239">
        <v>0.16170000000000001</v>
      </c>
      <c r="G644">
        <f t="shared" si="138"/>
        <v>0.25553999999999999</v>
      </c>
      <c r="H644" s="235">
        <f t="shared" si="139"/>
        <v>2.5436330907098692</v>
      </c>
      <c r="I644" s="236">
        <f t="shared" si="140"/>
        <v>14.906022118729849</v>
      </c>
      <c r="J644" s="237">
        <f t="shared" si="145"/>
        <v>4.9060221187298492</v>
      </c>
      <c r="K644" s="237">
        <f t="shared" si="141"/>
        <v>90.747862658827316</v>
      </c>
      <c r="L644" s="237">
        <f t="shared" si="146"/>
        <v>29.902204813658429</v>
      </c>
      <c r="M644" s="236">
        <f t="shared" si="142"/>
        <v>5.5110363388956722</v>
      </c>
      <c r="N644" s="236">
        <f t="shared" si="143"/>
        <v>3.9443629440541272</v>
      </c>
      <c r="O644" s="236">
        <f t="shared" si="147"/>
        <v>3.2777949651896172</v>
      </c>
      <c r="P644" s="236" t="str">
        <f t="shared" si="148"/>
        <v>CLAY</v>
      </c>
      <c r="Q644" s="236">
        <f t="shared" si="144"/>
        <v>13.732678111764391</v>
      </c>
      <c r="R644" s="238">
        <v>35</v>
      </c>
      <c r="S644" s="236">
        <f t="shared" si="149"/>
        <v>2.1109677673202456</v>
      </c>
      <c r="T644" s="236" t="e">
        <f t="shared" si="135"/>
        <v>#N/A</v>
      </c>
    </row>
    <row r="645" spans="1:20" x14ac:dyDescent="0.2">
      <c r="A645" s="53">
        <f t="shared" si="136"/>
        <v>633</v>
      </c>
      <c r="B645" s="239">
        <v>6.1059999999999999</v>
      </c>
      <c r="C645" s="3">
        <f t="shared" si="137"/>
        <v>6.0990000000000002</v>
      </c>
      <c r="D645" s="239">
        <v>0.2208</v>
      </c>
      <c r="E645" s="239">
        <v>6.6E-3</v>
      </c>
      <c r="F645" s="239">
        <v>0.1636</v>
      </c>
      <c r="G645">
        <f t="shared" si="138"/>
        <v>0.25351999999999997</v>
      </c>
      <c r="H645" s="235">
        <f t="shared" si="139"/>
        <v>2.6033449037551284</v>
      </c>
      <c r="I645" s="236">
        <f t="shared" si="140"/>
        <v>14.920822683909552</v>
      </c>
      <c r="J645" s="237">
        <f t="shared" si="145"/>
        <v>4.9208226839095524</v>
      </c>
      <c r="K645" s="237">
        <f t="shared" si="141"/>
        <v>91.002097549164361</v>
      </c>
      <c r="L645" s="237">
        <f t="shared" si="146"/>
        <v>30.046543307951726</v>
      </c>
      <c r="M645" s="236">
        <f t="shared" si="142"/>
        <v>5.4088718554132562</v>
      </c>
      <c r="N645" s="236">
        <f t="shared" si="143"/>
        <v>4.0610910554894772</v>
      </c>
      <c r="O645" s="236">
        <f t="shared" si="147"/>
        <v>3.2915830842153992</v>
      </c>
      <c r="P645" s="236" t="str">
        <f t="shared" si="148"/>
        <v>CLAY</v>
      </c>
      <c r="Q645" s="236">
        <f t="shared" si="144"/>
        <v>13.543158537569633</v>
      </c>
      <c r="R645" s="238">
        <v>35</v>
      </c>
      <c r="S645" s="236">
        <f t="shared" si="149"/>
        <v>2.0621648228731337</v>
      </c>
      <c r="T645" s="236" t="e">
        <f t="shared" si="135"/>
        <v>#N/A</v>
      </c>
    </row>
    <row r="646" spans="1:20" x14ac:dyDescent="0.2">
      <c r="A646" s="53">
        <f t="shared" si="136"/>
        <v>634</v>
      </c>
      <c r="B646" s="239">
        <v>6.1150000000000002</v>
      </c>
      <c r="C646" s="3">
        <f t="shared" si="137"/>
        <v>6.1080000000000005</v>
      </c>
      <c r="D646" s="239">
        <v>0.21970000000000001</v>
      </c>
      <c r="E646" s="239">
        <v>6.7000000000000002E-3</v>
      </c>
      <c r="F646" s="239">
        <v>0.1658</v>
      </c>
      <c r="G646">
        <f t="shared" si="138"/>
        <v>0.25285999999999997</v>
      </c>
      <c r="H646" s="235">
        <f t="shared" si="139"/>
        <v>2.649687574151705</v>
      </c>
      <c r="I646" s="236">
        <f t="shared" si="140"/>
        <v>14.937437141916615</v>
      </c>
      <c r="J646" s="237">
        <f t="shared" si="145"/>
        <v>4.9374371419166145</v>
      </c>
      <c r="K646" s="237">
        <f t="shared" si="141"/>
        <v>91.237866062826683</v>
      </c>
      <c r="L646" s="237">
        <f t="shared" si="146"/>
        <v>30.1924281228201</v>
      </c>
      <c r="M646" s="236">
        <f t="shared" si="142"/>
        <v>5.3530684342348653</v>
      </c>
      <c r="N646" s="236">
        <f t="shared" si="143"/>
        <v>4.145471809328086</v>
      </c>
      <c r="O646" s="236">
        <f t="shared" si="147"/>
        <v>3.3002934284574179</v>
      </c>
      <c r="P646" s="236" t="str">
        <f t="shared" si="148"/>
        <v>CLAY</v>
      </c>
      <c r="Q646" s="236">
        <f t="shared" si="144"/>
        <v>13.46851116143111</v>
      </c>
      <c r="R646" s="238">
        <v>35</v>
      </c>
      <c r="S646" s="236">
        <f t="shared" si="149"/>
        <v>2.0356049722761096</v>
      </c>
      <c r="T646" s="236" t="e">
        <f t="shared" si="135"/>
        <v>#N/A</v>
      </c>
    </row>
    <row r="647" spans="1:20" x14ac:dyDescent="0.2">
      <c r="A647" s="53">
        <f t="shared" si="136"/>
        <v>635</v>
      </c>
      <c r="B647" s="239">
        <v>6.125</v>
      </c>
      <c r="C647" s="3">
        <f t="shared" si="137"/>
        <v>6.1180000000000003</v>
      </c>
      <c r="D647" s="239">
        <v>0.22339999999999999</v>
      </c>
      <c r="E647" s="239">
        <v>6.7000000000000002E-3</v>
      </c>
      <c r="F647" s="239">
        <v>0.16650000000000001</v>
      </c>
      <c r="G647">
        <f t="shared" si="138"/>
        <v>0.25669999999999998</v>
      </c>
      <c r="H647" s="235">
        <f t="shared" si="139"/>
        <v>2.6100506427736661</v>
      </c>
      <c r="I647" s="236">
        <f t="shared" si="140"/>
        <v>14.943328303479017</v>
      </c>
      <c r="J647" s="237">
        <f t="shared" si="145"/>
        <v>4.9433283034790172</v>
      </c>
      <c r="K647" s="237">
        <f t="shared" si="141"/>
        <v>91.423282560684626</v>
      </c>
      <c r="L647" s="237">
        <f t="shared" si="146"/>
        <v>30.277885858808979</v>
      </c>
      <c r="M647" s="236">
        <f t="shared" si="142"/>
        <v>5.4586610904747204</v>
      </c>
      <c r="N647" s="236">
        <f t="shared" si="143"/>
        <v>4.0538075197796921</v>
      </c>
      <c r="O647" s="236">
        <f t="shared" si="147"/>
        <v>3.2878415128665326</v>
      </c>
      <c r="P647" s="236" t="str">
        <f t="shared" si="148"/>
        <v>CLAY</v>
      </c>
      <c r="Q647" s="236">
        <f t="shared" si="144"/>
        <v>13.773059786609613</v>
      </c>
      <c r="R647" s="238">
        <v>35</v>
      </c>
      <c r="S647" s="236">
        <f t="shared" si="149"/>
        <v>2.0859201181635774</v>
      </c>
      <c r="T647" s="236" t="e">
        <f t="shared" si="135"/>
        <v>#N/A</v>
      </c>
    </row>
    <row r="648" spans="1:20" x14ac:dyDescent="0.2">
      <c r="A648" s="53">
        <f t="shared" si="136"/>
        <v>636</v>
      </c>
      <c r="B648" s="239">
        <v>6.1360000000000001</v>
      </c>
      <c r="C648" s="3">
        <f t="shared" si="137"/>
        <v>6.1290000000000004</v>
      </c>
      <c r="D648" s="239">
        <v>0.22509999999999999</v>
      </c>
      <c r="E648" s="239">
        <v>6.7999999999999996E-3</v>
      </c>
      <c r="F648" s="239">
        <v>0.16800000000000001</v>
      </c>
      <c r="G648">
        <f t="shared" si="138"/>
        <v>0.25869999999999999</v>
      </c>
      <c r="H648" s="235">
        <f t="shared" si="139"/>
        <v>2.6285272516428293</v>
      </c>
      <c r="I648" s="236">
        <f t="shared" si="140"/>
        <v>14.963733904534212</v>
      </c>
      <c r="J648" s="237">
        <f t="shared" si="145"/>
        <v>4.9637339045342124</v>
      </c>
      <c r="K648" s="237">
        <f t="shared" si="141"/>
        <v>91.712725100890196</v>
      </c>
      <c r="L648" s="237">
        <f t="shared" si="146"/>
        <v>30.457471238221927</v>
      </c>
      <c r="M648" s="236">
        <f t="shared" si="142"/>
        <v>5.4826375306415072</v>
      </c>
      <c r="N648" s="236">
        <f t="shared" si="143"/>
        <v>4.0721665792249242</v>
      </c>
      <c r="O648" s="236">
        <f t="shared" si="147"/>
        <v>3.2873514645335771</v>
      </c>
      <c r="P648" s="236" t="str">
        <f t="shared" si="148"/>
        <v>CLAY</v>
      </c>
      <c r="Q648" s="236">
        <f t="shared" si="144"/>
        <v>13.915606241592483</v>
      </c>
      <c r="R648" s="238">
        <v>35</v>
      </c>
      <c r="S648" s="236">
        <f t="shared" si="149"/>
        <v>2.0973790563940491</v>
      </c>
      <c r="T648" s="236" t="e">
        <f t="shared" si="135"/>
        <v>#N/A</v>
      </c>
    </row>
    <row r="649" spans="1:20" x14ac:dyDescent="0.2">
      <c r="A649" s="53">
        <f t="shared" si="136"/>
        <v>637</v>
      </c>
      <c r="B649" s="239">
        <v>6.1449999999999996</v>
      </c>
      <c r="C649" s="3">
        <f t="shared" si="137"/>
        <v>6.1379999999999999</v>
      </c>
      <c r="D649" s="239">
        <v>0.2278</v>
      </c>
      <c r="E649" s="239">
        <v>6.6E-3</v>
      </c>
      <c r="F649" s="239">
        <v>0.16339999999999999</v>
      </c>
      <c r="G649">
        <f t="shared" si="138"/>
        <v>0.26047999999999999</v>
      </c>
      <c r="H649" s="235">
        <f t="shared" si="139"/>
        <v>2.5337837837837838</v>
      </c>
      <c r="I649" s="236">
        <f t="shared" si="140"/>
        <v>14.931408625233729</v>
      </c>
      <c r="J649" s="237">
        <f t="shared" si="145"/>
        <v>4.931408625233729</v>
      </c>
      <c r="K649" s="237">
        <f t="shared" si="141"/>
        <v>91.648986141684631</v>
      </c>
      <c r="L649" s="237">
        <f t="shared" si="146"/>
        <v>30.303506002061262</v>
      </c>
      <c r="M649" s="236">
        <f t="shared" si="142"/>
        <v>5.5713359981129358</v>
      </c>
      <c r="N649" s="236">
        <f t="shared" si="143"/>
        <v>3.9092343575800514</v>
      </c>
      <c r="O649" s="236">
        <f t="shared" si="147"/>
        <v>3.2717080879983587</v>
      </c>
      <c r="P649" s="236" t="str">
        <f t="shared" si="148"/>
        <v>CLAY</v>
      </c>
      <c r="Q649" s="236">
        <f t="shared" si="144"/>
        <v>14.069251154859609</v>
      </c>
      <c r="R649" s="238">
        <v>35</v>
      </c>
      <c r="S649" s="236">
        <f t="shared" si="149"/>
        <v>2.1398789037422534</v>
      </c>
      <c r="T649" s="236" t="e">
        <f t="shared" si="135"/>
        <v>#N/A</v>
      </c>
    </row>
    <row r="650" spans="1:20" x14ac:dyDescent="0.2">
      <c r="A650" s="53">
        <f t="shared" si="136"/>
        <v>638</v>
      </c>
      <c r="B650" s="239">
        <v>6.1559999999999997</v>
      </c>
      <c r="C650" s="3">
        <f t="shared" si="137"/>
        <v>6.149</v>
      </c>
      <c r="D650" s="239">
        <v>0.22850000000000001</v>
      </c>
      <c r="E650" s="239">
        <v>6.4999999999999997E-3</v>
      </c>
      <c r="F650" s="239">
        <v>0.15770000000000001</v>
      </c>
      <c r="G650">
        <f t="shared" si="138"/>
        <v>0.26003999999999999</v>
      </c>
      <c r="H650" s="235">
        <f t="shared" si="139"/>
        <v>2.4996154437778801</v>
      </c>
      <c r="I650" s="236">
        <f t="shared" si="140"/>
        <v>14.912845258948895</v>
      </c>
      <c r="J650" s="237">
        <f t="shared" si="145"/>
        <v>4.9128452589488951</v>
      </c>
      <c r="K650" s="237">
        <f t="shared" si="141"/>
        <v>91.699085497276755</v>
      </c>
      <c r="L650" s="237">
        <f t="shared" si="146"/>
        <v>30.243475414089396</v>
      </c>
      <c r="M650" s="236">
        <f t="shared" si="142"/>
        <v>5.5661894738558715</v>
      </c>
      <c r="N650" s="236">
        <f t="shared" si="143"/>
        <v>3.8612122425501312</v>
      </c>
      <c r="O650" s="236">
        <f t="shared" si="147"/>
        <v>3.2690724564276259</v>
      </c>
      <c r="P650" s="236" t="str">
        <f t="shared" si="148"/>
        <v>CLAY</v>
      </c>
      <c r="Q650" s="236">
        <f t="shared" si="144"/>
        <v>14.028409541893604</v>
      </c>
      <c r="R650" s="238">
        <v>35</v>
      </c>
      <c r="S650" s="236">
        <f t="shared" si="149"/>
        <v>2.1374082964354253</v>
      </c>
      <c r="T650" s="236" t="e">
        <f t="shared" si="135"/>
        <v>#N/A</v>
      </c>
    </row>
    <row r="651" spans="1:20" x14ac:dyDescent="0.2">
      <c r="A651" s="53">
        <f t="shared" si="136"/>
        <v>639</v>
      </c>
      <c r="B651" s="239">
        <v>6.165</v>
      </c>
      <c r="C651" s="3">
        <f t="shared" si="137"/>
        <v>6.1580000000000004</v>
      </c>
      <c r="D651" s="239">
        <v>0.22989999999999999</v>
      </c>
      <c r="E651" s="239">
        <v>6.4999999999999997E-3</v>
      </c>
      <c r="F651" s="239">
        <v>0.1585</v>
      </c>
      <c r="G651">
        <f t="shared" si="138"/>
        <v>0.2616</v>
      </c>
      <c r="H651" s="235">
        <f t="shared" si="139"/>
        <v>2.4847094801223242</v>
      </c>
      <c r="I651" s="236">
        <f t="shared" si="140"/>
        <v>14.915183083005203</v>
      </c>
      <c r="J651" s="237">
        <f t="shared" si="145"/>
        <v>4.9151830830052035</v>
      </c>
      <c r="K651" s="237">
        <f t="shared" si="141"/>
        <v>91.847697425146052</v>
      </c>
      <c r="L651" s="237">
        <f t="shared" si="146"/>
        <v>30.302103706727081</v>
      </c>
      <c r="M651" s="236">
        <f t="shared" si="142"/>
        <v>5.6019972810392327</v>
      </c>
      <c r="N651" s="236">
        <f t="shared" si="143"/>
        <v>3.8291085902259034</v>
      </c>
      <c r="O651" s="236">
        <f t="shared" si="147"/>
        <v>3.2647478704755675</v>
      </c>
      <c r="P651" s="236" t="str">
        <f t="shared" si="148"/>
        <v>CLAY</v>
      </c>
      <c r="Q651" s="236">
        <f t="shared" si="144"/>
        <v>14.146025214571162</v>
      </c>
      <c r="R651" s="238">
        <v>35</v>
      </c>
      <c r="S651" s="236">
        <f t="shared" si="149"/>
        <v>2.1546097749149138</v>
      </c>
      <c r="T651" s="236" t="e">
        <f t="shared" si="135"/>
        <v>#N/A</v>
      </c>
    </row>
    <row r="652" spans="1:20" x14ac:dyDescent="0.2">
      <c r="A652" s="53">
        <f t="shared" si="136"/>
        <v>640</v>
      </c>
      <c r="B652" s="239">
        <v>6.1760000000000002</v>
      </c>
      <c r="C652" s="3">
        <f t="shared" si="137"/>
        <v>6.1690000000000005</v>
      </c>
      <c r="D652" s="239">
        <v>0.23080000000000001</v>
      </c>
      <c r="E652" s="239">
        <v>6.4000000000000003E-3</v>
      </c>
      <c r="F652" s="239">
        <v>0.16</v>
      </c>
      <c r="G652">
        <f t="shared" si="138"/>
        <v>0.26279999999999998</v>
      </c>
      <c r="H652" s="235">
        <f t="shared" si="139"/>
        <v>2.4353120243531206</v>
      </c>
      <c r="I652" s="236">
        <f t="shared" si="140"/>
        <v>14.898791808937951</v>
      </c>
      <c r="J652" s="237">
        <f t="shared" si="145"/>
        <v>4.8987918089379505</v>
      </c>
      <c r="K652" s="237">
        <f t="shared" si="141"/>
        <v>91.91064666933822</v>
      </c>
      <c r="L652" s="237">
        <f t="shared" si="146"/>
        <v>30.254938212000784</v>
      </c>
      <c r="M652" s="236">
        <f t="shared" si="142"/>
        <v>5.6483127525567891</v>
      </c>
      <c r="N652" s="236">
        <f t="shared" si="143"/>
        <v>3.7451133585931147</v>
      </c>
      <c r="O652" s="236">
        <f t="shared" si="147"/>
        <v>3.2564524175472718</v>
      </c>
      <c r="P652" s="236" t="str">
        <f t="shared" si="148"/>
        <v>CLAY</v>
      </c>
      <c r="Q652" s="236">
        <f t="shared" si="144"/>
        <v>14.240779444221809</v>
      </c>
      <c r="R652" s="238">
        <v>35</v>
      </c>
      <c r="S652" s="236">
        <f t="shared" si="149"/>
        <v>2.1768997460058506</v>
      </c>
      <c r="T652" s="236" t="e">
        <f t="shared" si="135"/>
        <v>#N/A</v>
      </c>
    </row>
    <row r="653" spans="1:20" x14ac:dyDescent="0.2">
      <c r="A653" s="53">
        <f t="shared" si="136"/>
        <v>641</v>
      </c>
      <c r="B653" s="239">
        <v>6.1849999999999996</v>
      </c>
      <c r="C653" s="3">
        <f t="shared" si="137"/>
        <v>6.1779999999999999</v>
      </c>
      <c r="D653" s="239">
        <v>0.23</v>
      </c>
      <c r="E653" s="239">
        <v>6.4000000000000003E-3</v>
      </c>
      <c r="F653" s="239">
        <v>0.1598</v>
      </c>
      <c r="G653">
        <f t="shared" si="138"/>
        <v>0.26196000000000003</v>
      </c>
      <c r="H653" s="235">
        <f t="shared" si="139"/>
        <v>2.4431210871888838</v>
      </c>
      <c r="I653" s="236">
        <f t="shared" si="140"/>
        <v>14.89754046772007</v>
      </c>
      <c r="J653" s="237">
        <f t="shared" si="145"/>
        <v>4.89754046772007</v>
      </c>
      <c r="K653" s="237">
        <f t="shared" si="141"/>
        <v>92.037005009574585</v>
      </c>
      <c r="L653" s="237">
        <f t="shared" si="146"/>
        <v>30.291287792848632</v>
      </c>
      <c r="M653" s="236">
        <f t="shared" si="142"/>
        <v>5.6096325832189278</v>
      </c>
      <c r="N653" s="236">
        <f t="shared" si="143"/>
        <v>3.766411956404498</v>
      </c>
      <c r="O653" s="236">
        <f t="shared" si="147"/>
        <v>3.2602997777869436</v>
      </c>
      <c r="P653" s="236" t="str">
        <f t="shared" si="148"/>
        <v>CLAY</v>
      </c>
      <c r="Q653" s="236">
        <f t="shared" si="144"/>
        <v>14.160249582535455</v>
      </c>
      <c r="R653" s="238">
        <v>35</v>
      </c>
      <c r="S653" s="236">
        <f t="shared" si="149"/>
        <v>2.15828121067829</v>
      </c>
      <c r="T653" s="236" t="e">
        <f t="shared" ref="T653:T716" si="150">IF(P653="SAND",17.6+(11*LOG(M653)),#N/A)</f>
        <v>#N/A</v>
      </c>
    </row>
    <row r="654" spans="1:20" x14ac:dyDescent="0.2">
      <c r="A654" s="53">
        <f t="shared" ref="A654:A717" si="151">$A653+1</f>
        <v>642</v>
      </c>
      <c r="B654" s="239">
        <v>6.1959999999999997</v>
      </c>
      <c r="C654" s="3">
        <f t="shared" ref="C654:C717" si="152">MAX($B654 - $B$13, 0.001)</f>
        <v>6.1890000000000001</v>
      </c>
      <c r="D654" s="239">
        <v>0.23150000000000001</v>
      </c>
      <c r="E654" s="239">
        <v>6.1000000000000004E-3</v>
      </c>
      <c r="F654" s="239">
        <v>0.15110000000000001</v>
      </c>
      <c r="G654">
        <f t="shared" si="138"/>
        <v>0.26172000000000001</v>
      </c>
      <c r="H654" s="235">
        <f t="shared" si="139"/>
        <v>2.3307351367874065</v>
      </c>
      <c r="I654" s="236">
        <f t="shared" si="140"/>
        <v>14.84088682937525</v>
      </c>
      <c r="J654" s="237">
        <f t="shared" si="145"/>
        <v>4.8408868293752505</v>
      </c>
      <c r="K654" s="237">
        <f t="shared" si="141"/>
        <v>91.850248587003421</v>
      </c>
      <c r="L654" s="237">
        <f t="shared" si="146"/>
        <v>29.99413479480905</v>
      </c>
      <c r="M654" s="236">
        <f t="shared" si="142"/>
        <v>5.6634322868481339</v>
      </c>
      <c r="N654" s="236">
        <f t="shared" si="143"/>
        <v>3.5909865937045775</v>
      </c>
      <c r="O654" s="236">
        <f t="shared" si="147"/>
        <v>3.2454645010310301</v>
      </c>
      <c r="P654" s="236" t="str">
        <f t="shared" si="148"/>
        <v>CLAY</v>
      </c>
      <c r="Q654" s="236">
        <f t="shared" si="144"/>
        <v>14.155812617749717</v>
      </c>
      <c r="R654" s="238">
        <v>35</v>
      </c>
      <c r="S654" s="236">
        <f t="shared" si="149"/>
        <v>2.1841861511374079</v>
      </c>
      <c r="T654" s="236" t="e">
        <f t="shared" si="150"/>
        <v>#N/A</v>
      </c>
    </row>
    <row r="655" spans="1:20" x14ac:dyDescent="0.2">
      <c r="A655" s="53">
        <f t="shared" si="151"/>
        <v>643</v>
      </c>
      <c r="B655" s="239">
        <v>6.2050000000000001</v>
      </c>
      <c r="C655" s="3">
        <f t="shared" si="152"/>
        <v>6.1980000000000004</v>
      </c>
      <c r="D655" s="239">
        <v>0.22919999999999999</v>
      </c>
      <c r="E655" s="239">
        <v>6.1000000000000004E-3</v>
      </c>
      <c r="F655" s="239">
        <v>0.14960000000000001</v>
      </c>
      <c r="G655">
        <f t="shared" ref="G655:G718" si="153">$D655+($F655*(1-$P$8))</f>
        <v>0.25911999999999996</v>
      </c>
      <c r="H655" s="235">
        <f t="shared" ref="H655:H718" si="154">($E655/$G655)*100</f>
        <v>2.354121642482248</v>
      </c>
      <c r="I655" s="236">
        <f t="shared" ref="I655:I718" si="155">((0.27*(LOG($H655)))+(0.36*(LOG(($G655*1000)/101)))+1.236)*10</f>
        <v>14.836984450413466</v>
      </c>
      <c r="J655" s="237">
        <f t="shared" si="145"/>
        <v>4.8369844504134658</v>
      </c>
      <c r="K655" s="237">
        <f t="shared" ref="K655:K718" si="156">$I655*$C655</f>
        <v>91.959629623662664</v>
      </c>
      <c r="L655" s="237">
        <f t="shared" si="146"/>
        <v>30.013488514815556</v>
      </c>
      <c r="M655" s="236">
        <f t="shared" ref="M655:M718" si="157">(($G655*1000)-$K655)/$L655</f>
        <v>5.5695081994158038</v>
      </c>
      <c r="N655" s="236">
        <f t="shared" ref="N655:N718" si="158">(($E655*1000)/(($G655*1000)-$K655))*100</f>
        <v>3.6491902873071753</v>
      </c>
      <c r="O655" s="236">
        <f t="shared" si="147"/>
        <v>3.2553645339321764</v>
      </c>
      <c r="P655" s="236" t="str">
        <f t="shared" si="148"/>
        <v>CLAY</v>
      </c>
      <c r="Q655" s="236">
        <f t="shared" ref="Q655:Q718" si="159">IF(P655="CLAY",($G655*1000 -$K655)/$L$8,#N/A)</f>
        <v>13.930030864694773</v>
      </c>
      <c r="R655" s="238">
        <v>35</v>
      </c>
      <c r="S655" s="236">
        <f t="shared" si="149"/>
        <v>2.1390013971030655</v>
      </c>
      <c r="T655" s="236" t="e">
        <f t="shared" si="150"/>
        <v>#N/A</v>
      </c>
    </row>
    <row r="656" spans="1:20" x14ac:dyDescent="0.2">
      <c r="A656" s="53">
        <f t="shared" si="151"/>
        <v>644</v>
      </c>
      <c r="B656" s="239">
        <v>6.2149999999999999</v>
      </c>
      <c r="C656" s="3">
        <f t="shared" si="152"/>
        <v>6.2080000000000002</v>
      </c>
      <c r="D656" s="239">
        <v>0.2258</v>
      </c>
      <c r="E656" s="239">
        <v>6.3E-3</v>
      </c>
      <c r="F656" s="239">
        <v>0.15049999999999999</v>
      </c>
      <c r="G656">
        <f t="shared" si="153"/>
        <v>0.25590000000000002</v>
      </c>
      <c r="H656" s="235">
        <f t="shared" si="154"/>
        <v>2.4618991793669402</v>
      </c>
      <c r="I656" s="236">
        <f t="shared" si="155"/>
        <v>14.869925795205624</v>
      </c>
      <c r="J656" s="237">
        <f t="shared" ref="J656:J719" si="160">$I656-10</f>
        <v>4.8699257952056243</v>
      </c>
      <c r="K656" s="237">
        <f t="shared" si="156"/>
        <v>92.31249933663652</v>
      </c>
      <c r="L656" s="237">
        <f t="shared" ref="L656:L719" si="161">$J656*$B656</f>
        <v>30.266588817202955</v>
      </c>
      <c r="M656" s="236">
        <f t="shared" si="157"/>
        <v>5.4048872719473247</v>
      </c>
      <c r="N656" s="236">
        <f t="shared" si="158"/>
        <v>3.8511499805626208</v>
      </c>
      <c r="O656" s="236">
        <f t="shared" ref="O656:O719" si="162">((3.47-LOG($M656))^2+(LOG($N656)+1.22)^2)^0.5</f>
        <v>3.2790995387257262</v>
      </c>
      <c r="P656" s="236" t="str">
        <f t="shared" ref="P656:P719" si="163">IF(O656&lt;2.6,"SAND","CLAY")</f>
        <v>CLAY</v>
      </c>
      <c r="Q656" s="236">
        <f t="shared" si="159"/>
        <v>13.632291721946956</v>
      </c>
      <c r="R656" s="238">
        <v>35</v>
      </c>
      <c r="S656" s="236">
        <f t="shared" ref="S656:S719" si="164">IF(P656="SAND",#N/A,0.25*($M656)^1.25)</f>
        <v>2.0602660648483995</v>
      </c>
      <c r="T656" s="236" t="e">
        <f t="shared" si="150"/>
        <v>#N/A</v>
      </c>
    </row>
    <row r="657" spans="1:20" x14ac:dyDescent="0.2">
      <c r="A657" s="53">
        <f t="shared" si="151"/>
        <v>645</v>
      </c>
      <c r="B657" s="239">
        <v>6.2249999999999996</v>
      </c>
      <c r="C657" s="3">
        <f t="shared" si="152"/>
        <v>6.218</v>
      </c>
      <c r="D657" s="239">
        <v>0.2243</v>
      </c>
      <c r="E657" s="239">
        <v>6.4000000000000003E-3</v>
      </c>
      <c r="F657" s="239">
        <v>0.15040000000000001</v>
      </c>
      <c r="G657">
        <f t="shared" si="153"/>
        <v>0.25438</v>
      </c>
      <c r="H657" s="235">
        <f t="shared" si="154"/>
        <v>2.5159210629766493</v>
      </c>
      <c r="I657" s="236">
        <f t="shared" si="155"/>
        <v>14.886063650826626</v>
      </c>
      <c r="J657" s="237">
        <f t="shared" si="160"/>
        <v>4.8860636508266264</v>
      </c>
      <c r="K657" s="237">
        <f t="shared" si="156"/>
        <v>92.561543780839969</v>
      </c>
      <c r="L657" s="237">
        <f t="shared" si="161"/>
        <v>30.415746226395747</v>
      </c>
      <c r="M657" s="236">
        <f t="shared" si="157"/>
        <v>5.3202198300408243</v>
      </c>
      <c r="N657" s="236">
        <f t="shared" si="158"/>
        <v>3.9550494730539962</v>
      </c>
      <c r="O657" s="236">
        <f t="shared" si="162"/>
        <v>3.2911948567155322</v>
      </c>
      <c r="P657" s="236" t="str">
        <f t="shared" si="163"/>
        <v>CLAY</v>
      </c>
      <c r="Q657" s="236">
        <f t="shared" si="159"/>
        <v>13.484871351596668</v>
      </c>
      <c r="R657" s="238">
        <v>35</v>
      </c>
      <c r="S657" s="236">
        <f t="shared" si="164"/>
        <v>2.0200028429239629</v>
      </c>
      <c r="T657" s="236" t="e">
        <f t="shared" si="150"/>
        <v>#N/A</v>
      </c>
    </row>
    <row r="658" spans="1:20" x14ac:dyDescent="0.2">
      <c r="A658" s="53">
        <f t="shared" si="151"/>
        <v>646</v>
      </c>
      <c r="B658" s="239">
        <v>6.2359999999999998</v>
      </c>
      <c r="C658" s="3">
        <f t="shared" si="152"/>
        <v>6.2290000000000001</v>
      </c>
      <c r="D658" s="239">
        <v>0.22550000000000001</v>
      </c>
      <c r="E658" s="239">
        <v>6.3E-3</v>
      </c>
      <c r="F658" s="239">
        <v>0.15010000000000001</v>
      </c>
      <c r="G658">
        <f t="shared" si="153"/>
        <v>0.25552000000000002</v>
      </c>
      <c r="H658" s="235">
        <f t="shared" si="154"/>
        <v>2.4655604257983721</v>
      </c>
      <c r="I658" s="236">
        <f t="shared" si="155"/>
        <v>14.869344946822125</v>
      </c>
      <c r="J658" s="237">
        <f t="shared" si="160"/>
        <v>4.8693449468221246</v>
      </c>
      <c r="K658" s="237">
        <f t="shared" si="156"/>
        <v>92.621149673755014</v>
      </c>
      <c r="L658" s="237">
        <f t="shared" si="161"/>
        <v>30.365235088382768</v>
      </c>
      <c r="M658" s="236">
        <f t="shared" si="157"/>
        <v>5.3646497335555754</v>
      </c>
      <c r="N658" s="236">
        <f t="shared" si="158"/>
        <v>3.8674306094749595</v>
      </c>
      <c r="O658" s="236">
        <f t="shared" si="162"/>
        <v>3.282817341471441</v>
      </c>
      <c r="P658" s="236" t="str">
        <f t="shared" si="163"/>
        <v>CLAY</v>
      </c>
      <c r="Q658" s="236">
        <f t="shared" si="159"/>
        <v>13.574904193853753</v>
      </c>
      <c r="R658" s="238">
        <v>35</v>
      </c>
      <c r="S658" s="236">
        <f t="shared" si="164"/>
        <v>2.0411114688870242</v>
      </c>
      <c r="T658" s="236" t="e">
        <f t="shared" si="150"/>
        <v>#N/A</v>
      </c>
    </row>
    <row r="659" spans="1:20" x14ac:dyDescent="0.2">
      <c r="A659" s="53">
        <f t="shared" si="151"/>
        <v>647</v>
      </c>
      <c r="B659" s="239">
        <v>6.2450000000000001</v>
      </c>
      <c r="C659" s="3">
        <f t="shared" si="152"/>
        <v>6.2380000000000004</v>
      </c>
      <c r="D659" s="239">
        <v>0.23089999999999999</v>
      </c>
      <c r="E659" s="239">
        <v>6.1999999999999998E-3</v>
      </c>
      <c r="F659" s="239">
        <v>0.14649999999999999</v>
      </c>
      <c r="G659">
        <f t="shared" si="153"/>
        <v>0.26019999999999999</v>
      </c>
      <c r="H659" s="235">
        <f t="shared" si="154"/>
        <v>2.3827824750192161</v>
      </c>
      <c r="I659" s="236">
        <f t="shared" si="155"/>
        <v>14.857677179030784</v>
      </c>
      <c r="J659" s="237">
        <f t="shared" si="160"/>
        <v>4.8576771790307838</v>
      </c>
      <c r="K659" s="237">
        <f t="shared" si="156"/>
        <v>92.682190242794036</v>
      </c>
      <c r="L659" s="237">
        <f t="shared" si="161"/>
        <v>30.336193983047245</v>
      </c>
      <c r="M659" s="236">
        <f t="shared" si="157"/>
        <v>5.522044388654022</v>
      </c>
      <c r="N659" s="236">
        <f t="shared" si="158"/>
        <v>3.7010990108968405</v>
      </c>
      <c r="O659" s="236">
        <f t="shared" si="162"/>
        <v>3.2618347132314174</v>
      </c>
      <c r="P659" s="236" t="str">
        <f t="shared" si="163"/>
        <v>CLAY</v>
      </c>
      <c r="Q659" s="236">
        <f t="shared" si="159"/>
        <v>13.959817479767162</v>
      </c>
      <c r="R659" s="238">
        <v>35</v>
      </c>
      <c r="S659" s="236">
        <f t="shared" si="164"/>
        <v>2.1162397878430887</v>
      </c>
      <c r="T659" s="236" t="e">
        <f t="shared" si="150"/>
        <v>#N/A</v>
      </c>
    </row>
    <row r="660" spans="1:20" x14ac:dyDescent="0.2">
      <c r="A660" s="53">
        <f t="shared" si="151"/>
        <v>648</v>
      </c>
      <c r="B660" s="239">
        <v>6.2560000000000002</v>
      </c>
      <c r="C660" s="3">
        <f t="shared" si="152"/>
        <v>6.2490000000000006</v>
      </c>
      <c r="D660" s="239">
        <v>0.23569999999999999</v>
      </c>
      <c r="E660" s="239">
        <v>6.1000000000000004E-3</v>
      </c>
      <c r="F660" s="239">
        <v>0.1457</v>
      </c>
      <c r="G660">
        <f t="shared" si="153"/>
        <v>0.26483999999999996</v>
      </c>
      <c r="H660" s="235">
        <f t="shared" si="154"/>
        <v>2.3032774505361733</v>
      </c>
      <c r="I660" s="236">
        <f t="shared" si="155"/>
        <v>14.845518830199911</v>
      </c>
      <c r="J660" s="237">
        <f t="shared" si="160"/>
        <v>4.8455188301999108</v>
      </c>
      <c r="K660" s="237">
        <f t="shared" si="156"/>
        <v>92.769647169919253</v>
      </c>
      <c r="L660" s="237">
        <f t="shared" si="161"/>
        <v>30.313565801730643</v>
      </c>
      <c r="M660" s="236">
        <f t="shared" si="157"/>
        <v>5.67634813916405</v>
      </c>
      <c r="N660" s="236">
        <f t="shared" si="158"/>
        <v>3.5450615981613893</v>
      </c>
      <c r="O660" s="236">
        <f t="shared" si="162"/>
        <v>3.2415813135023805</v>
      </c>
      <c r="P660" s="236" t="str">
        <f t="shared" si="163"/>
        <v>CLAY</v>
      </c>
      <c r="Q660" s="236">
        <f t="shared" si="159"/>
        <v>14.339196069173392</v>
      </c>
      <c r="R660" s="238">
        <v>35</v>
      </c>
      <c r="S660" s="236">
        <f t="shared" si="164"/>
        <v>2.1904144111805697</v>
      </c>
      <c r="T660" s="236" t="e">
        <f t="shared" si="150"/>
        <v>#N/A</v>
      </c>
    </row>
    <row r="661" spans="1:20" x14ac:dyDescent="0.2">
      <c r="A661" s="53">
        <f t="shared" si="151"/>
        <v>649</v>
      </c>
      <c r="B661" s="239">
        <v>6.266</v>
      </c>
      <c r="C661" s="3">
        <f t="shared" si="152"/>
        <v>6.2590000000000003</v>
      </c>
      <c r="D661" s="239">
        <v>0.2359</v>
      </c>
      <c r="E661" s="239">
        <v>6.1000000000000004E-3</v>
      </c>
      <c r="F661" s="239">
        <v>0.14580000000000001</v>
      </c>
      <c r="G661">
        <f t="shared" si="153"/>
        <v>0.26506000000000002</v>
      </c>
      <c r="H661" s="235">
        <f t="shared" si="154"/>
        <v>2.3013657285142983</v>
      </c>
      <c r="I661" s="236">
        <f t="shared" si="155"/>
        <v>14.845843383181066</v>
      </c>
      <c r="J661" s="237">
        <f t="shared" si="160"/>
        <v>4.8458433831810659</v>
      </c>
      <c r="K661" s="237">
        <f t="shared" si="156"/>
        <v>92.920133735330296</v>
      </c>
      <c r="L661" s="237">
        <f t="shared" si="161"/>
        <v>30.364054639012558</v>
      </c>
      <c r="M661" s="236">
        <f t="shared" si="157"/>
        <v>5.6691989364127862</v>
      </c>
      <c r="N661" s="236">
        <f t="shared" si="158"/>
        <v>3.5436300331621524</v>
      </c>
      <c r="O661" s="236">
        <f t="shared" si="162"/>
        <v>3.2419441571827936</v>
      </c>
      <c r="P661" s="236" t="str">
        <f t="shared" si="163"/>
        <v>CLAY</v>
      </c>
      <c r="Q661" s="236">
        <f t="shared" si="159"/>
        <v>14.344988855389142</v>
      </c>
      <c r="R661" s="238">
        <v>35</v>
      </c>
      <c r="S661" s="236">
        <f t="shared" si="164"/>
        <v>2.1869664966495184</v>
      </c>
      <c r="T661" s="236" t="e">
        <f t="shared" si="150"/>
        <v>#N/A</v>
      </c>
    </row>
    <row r="662" spans="1:20" x14ac:dyDescent="0.2">
      <c r="A662" s="53">
        <f t="shared" si="151"/>
        <v>650</v>
      </c>
      <c r="B662" s="239">
        <v>6.2759999999999998</v>
      </c>
      <c r="C662" s="3">
        <f t="shared" si="152"/>
        <v>6.2690000000000001</v>
      </c>
      <c r="D662" s="239">
        <v>0.23330000000000001</v>
      </c>
      <c r="E662" s="239">
        <v>6.4000000000000003E-3</v>
      </c>
      <c r="F662" s="239">
        <v>0.15040000000000001</v>
      </c>
      <c r="G662">
        <f t="shared" si="153"/>
        <v>0.26338</v>
      </c>
      <c r="H662" s="235">
        <f t="shared" si="154"/>
        <v>2.4299491229402386</v>
      </c>
      <c r="I662" s="236">
        <f t="shared" si="155"/>
        <v>14.899653498136971</v>
      </c>
      <c r="J662" s="237">
        <f t="shared" si="160"/>
        <v>4.8996534981369706</v>
      </c>
      <c r="K662" s="237">
        <f t="shared" si="156"/>
        <v>93.405927779820672</v>
      </c>
      <c r="L662" s="237">
        <f t="shared" si="161"/>
        <v>30.750225354307627</v>
      </c>
      <c r="M662" s="236">
        <f t="shared" si="157"/>
        <v>5.5275715953856777</v>
      </c>
      <c r="N662" s="236">
        <f t="shared" si="158"/>
        <v>3.7652801491451191</v>
      </c>
      <c r="O662" s="236">
        <f t="shared" si="162"/>
        <v>3.2655714126612545</v>
      </c>
      <c r="P662" s="236" t="str">
        <f t="shared" si="163"/>
        <v>CLAY</v>
      </c>
      <c r="Q662" s="236">
        <f t="shared" si="159"/>
        <v>14.164506018348277</v>
      </c>
      <c r="R662" s="238">
        <v>35</v>
      </c>
      <c r="S662" s="236">
        <f t="shared" si="164"/>
        <v>2.1188878917631402</v>
      </c>
      <c r="T662" s="236" t="e">
        <f t="shared" si="150"/>
        <v>#N/A</v>
      </c>
    </row>
    <row r="663" spans="1:20" x14ac:dyDescent="0.2">
      <c r="A663" s="53">
        <f t="shared" si="151"/>
        <v>651</v>
      </c>
      <c r="B663" s="239">
        <v>6.2869999999999999</v>
      </c>
      <c r="C663" s="3">
        <f t="shared" si="152"/>
        <v>6.28</v>
      </c>
      <c r="D663" s="239">
        <v>0.23230000000000001</v>
      </c>
      <c r="E663" s="239">
        <v>6.3E-3</v>
      </c>
      <c r="F663" s="239">
        <v>0.15459999999999999</v>
      </c>
      <c r="G663">
        <f t="shared" si="153"/>
        <v>0.26322000000000001</v>
      </c>
      <c r="H663" s="235">
        <f t="shared" si="154"/>
        <v>2.3934351493047639</v>
      </c>
      <c r="I663" s="236">
        <f t="shared" si="155"/>
        <v>14.880949534216887</v>
      </c>
      <c r="J663" s="237">
        <f t="shared" si="160"/>
        <v>4.8809495342168869</v>
      </c>
      <c r="K663" s="237">
        <f t="shared" si="156"/>
        <v>93.452363074882058</v>
      </c>
      <c r="L663" s="237">
        <f t="shared" si="161"/>
        <v>30.686529721621568</v>
      </c>
      <c r="M663" s="236">
        <f t="shared" si="157"/>
        <v>5.5323178757974905</v>
      </c>
      <c r="N663" s="236">
        <f t="shared" si="158"/>
        <v>3.7109546401820022</v>
      </c>
      <c r="O663" s="236">
        <f t="shared" si="162"/>
        <v>3.2617931297381944</v>
      </c>
      <c r="P663" s="236" t="str">
        <f t="shared" si="163"/>
        <v>CLAY</v>
      </c>
      <c r="Q663" s="236">
        <f t="shared" si="159"/>
        <v>14.147303077093165</v>
      </c>
      <c r="R663" s="238">
        <v>35</v>
      </c>
      <c r="S663" s="236">
        <f t="shared" si="164"/>
        <v>2.1211623795536112</v>
      </c>
      <c r="T663" s="236" t="e">
        <f t="shared" si="150"/>
        <v>#N/A</v>
      </c>
    </row>
    <row r="664" spans="1:20" x14ac:dyDescent="0.2">
      <c r="A664" s="53">
        <f t="shared" si="151"/>
        <v>652</v>
      </c>
      <c r="B664" s="239">
        <v>6.2960000000000003</v>
      </c>
      <c r="C664" s="3">
        <f t="shared" si="152"/>
        <v>6.2890000000000006</v>
      </c>
      <c r="D664" s="239">
        <v>0.2341</v>
      </c>
      <c r="E664" s="239">
        <v>6.4000000000000003E-3</v>
      </c>
      <c r="F664" s="239">
        <v>0.1573</v>
      </c>
      <c r="G664">
        <f t="shared" si="153"/>
        <v>0.26556000000000002</v>
      </c>
      <c r="H664" s="235">
        <f t="shared" si="154"/>
        <v>2.4100015062509414</v>
      </c>
      <c r="I664" s="236">
        <f t="shared" si="155"/>
        <v>14.902875378116375</v>
      </c>
      <c r="J664" s="237">
        <f t="shared" si="160"/>
        <v>4.9028753781163754</v>
      </c>
      <c r="K664" s="237">
        <f t="shared" si="156"/>
        <v>93.724183252973887</v>
      </c>
      <c r="L664" s="237">
        <f t="shared" si="161"/>
        <v>30.868503380620702</v>
      </c>
      <c r="M664" s="236">
        <f t="shared" si="157"/>
        <v>5.5667038543535261</v>
      </c>
      <c r="N664" s="236">
        <f t="shared" si="158"/>
        <v>3.724485454288017</v>
      </c>
      <c r="O664" s="236">
        <f t="shared" si="162"/>
        <v>3.2604116373051637</v>
      </c>
      <c r="P664" s="236" t="str">
        <f t="shared" si="163"/>
        <v>CLAY</v>
      </c>
      <c r="Q664" s="236">
        <f t="shared" si="159"/>
        <v>14.31965139558551</v>
      </c>
      <c r="R664" s="238">
        <v>35</v>
      </c>
      <c r="S664" s="236">
        <f t="shared" si="164"/>
        <v>2.1376552009488781</v>
      </c>
      <c r="T664" s="236" t="e">
        <f t="shared" si="150"/>
        <v>#N/A</v>
      </c>
    </row>
    <row r="665" spans="1:20" x14ac:dyDescent="0.2">
      <c r="A665" s="53">
        <f t="shared" si="151"/>
        <v>653</v>
      </c>
      <c r="B665" s="239">
        <v>6.306</v>
      </c>
      <c r="C665" s="3">
        <f t="shared" si="152"/>
        <v>6.2990000000000004</v>
      </c>
      <c r="D665" s="239">
        <v>0.2356</v>
      </c>
      <c r="E665" s="239">
        <v>6.3E-3</v>
      </c>
      <c r="F665" s="239">
        <v>0.1595</v>
      </c>
      <c r="G665">
        <f t="shared" si="153"/>
        <v>0.26750000000000002</v>
      </c>
      <c r="H665" s="235">
        <f t="shared" si="154"/>
        <v>2.3551401869158877</v>
      </c>
      <c r="I665" s="236">
        <f t="shared" si="155"/>
        <v>14.887253945628681</v>
      </c>
      <c r="J665" s="237">
        <f t="shared" si="160"/>
        <v>4.8872539456286805</v>
      </c>
      <c r="K665" s="237">
        <f t="shared" si="156"/>
        <v>93.774812603515059</v>
      </c>
      <c r="L665" s="237">
        <f t="shared" si="161"/>
        <v>30.81902338113446</v>
      </c>
      <c r="M665" s="236">
        <f t="shared" si="157"/>
        <v>5.636946545906091</v>
      </c>
      <c r="N665" s="236">
        <f t="shared" si="158"/>
        <v>3.6264171559773892</v>
      </c>
      <c r="O665" s="236">
        <f t="shared" si="162"/>
        <v>3.2495020056216535</v>
      </c>
      <c r="P665" s="236" t="str">
        <f t="shared" si="163"/>
        <v>CLAY</v>
      </c>
      <c r="Q665" s="236">
        <f t="shared" si="159"/>
        <v>14.477098949707079</v>
      </c>
      <c r="R665" s="238">
        <v>35</v>
      </c>
      <c r="S665" s="236">
        <f t="shared" si="164"/>
        <v>2.171425353375998</v>
      </c>
      <c r="T665" s="236" t="e">
        <f t="shared" si="150"/>
        <v>#N/A</v>
      </c>
    </row>
    <row r="666" spans="1:20" x14ac:dyDescent="0.2">
      <c r="A666" s="53">
        <f t="shared" si="151"/>
        <v>654</v>
      </c>
      <c r="B666" s="239">
        <v>6.3159999999999998</v>
      </c>
      <c r="C666" s="3">
        <f t="shared" si="152"/>
        <v>6.3090000000000002</v>
      </c>
      <c r="D666" s="239">
        <v>0.23780000000000001</v>
      </c>
      <c r="E666" s="239">
        <v>6.4000000000000003E-3</v>
      </c>
      <c r="F666" s="239">
        <v>0.1603</v>
      </c>
      <c r="G666">
        <f t="shared" si="153"/>
        <v>0.26985999999999999</v>
      </c>
      <c r="H666" s="235">
        <f t="shared" si="154"/>
        <v>2.3716000889350037</v>
      </c>
      <c r="I666" s="236">
        <f t="shared" si="155"/>
        <v>14.909153648561409</v>
      </c>
      <c r="J666" s="237">
        <f t="shared" si="160"/>
        <v>4.9091536485614089</v>
      </c>
      <c r="K666" s="237">
        <f t="shared" si="156"/>
        <v>94.061850368773932</v>
      </c>
      <c r="L666" s="237">
        <f t="shared" si="161"/>
        <v>31.006214444313859</v>
      </c>
      <c r="M666" s="236">
        <f t="shared" si="157"/>
        <v>5.6697714565237805</v>
      </c>
      <c r="N666" s="236">
        <f t="shared" si="158"/>
        <v>3.6405388870277409</v>
      </c>
      <c r="O666" s="236">
        <f t="shared" si="162"/>
        <v>3.2483176050573945</v>
      </c>
      <c r="P666" s="236" t="str">
        <f t="shared" si="163"/>
        <v>CLAY</v>
      </c>
      <c r="Q666" s="236">
        <f t="shared" si="159"/>
        <v>14.649845802602172</v>
      </c>
      <c r="R666" s="238">
        <v>35</v>
      </c>
      <c r="S666" s="236">
        <f t="shared" si="164"/>
        <v>2.1872425713914443</v>
      </c>
      <c r="T666" s="236" t="e">
        <f t="shared" si="150"/>
        <v>#N/A</v>
      </c>
    </row>
    <row r="667" spans="1:20" x14ac:dyDescent="0.2">
      <c r="A667" s="53">
        <f t="shared" si="151"/>
        <v>655</v>
      </c>
      <c r="B667" s="239">
        <v>6.327</v>
      </c>
      <c r="C667" s="3">
        <f t="shared" si="152"/>
        <v>6.32</v>
      </c>
      <c r="D667" s="239">
        <v>0.24030000000000001</v>
      </c>
      <c r="E667" s="239">
        <v>6.6E-3</v>
      </c>
      <c r="F667" s="239">
        <v>0.1636</v>
      </c>
      <c r="G667">
        <f t="shared" si="153"/>
        <v>0.27301999999999998</v>
      </c>
      <c r="H667" s="235">
        <f t="shared" si="154"/>
        <v>2.4174053182917001</v>
      </c>
      <c r="I667" s="236">
        <f t="shared" si="155"/>
        <v>14.949786696434373</v>
      </c>
      <c r="J667" s="237">
        <f t="shared" si="160"/>
        <v>4.9497866964343729</v>
      </c>
      <c r="K667" s="237">
        <f t="shared" si="156"/>
        <v>94.482651921465234</v>
      </c>
      <c r="L667" s="237">
        <f t="shared" si="161"/>
        <v>31.317300428340278</v>
      </c>
      <c r="M667" s="236">
        <f t="shared" si="157"/>
        <v>5.700917564304782</v>
      </c>
      <c r="N667" s="236">
        <f t="shared" si="158"/>
        <v>3.6967055190585669</v>
      </c>
      <c r="O667" s="236">
        <f t="shared" si="162"/>
        <v>3.2499811997365877</v>
      </c>
      <c r="P667" s="236" t="str">
        <f t="shared" si="163"/>
        <v>CLAY</v>
      </c>
      <c r="Q667" s="236">
        <f t="shared" si="159"/>
        <v>14.878112339877896</v>
      </c>
      <c r="R667" s="238">
        <v>35</v>
      </c>
      <c r="S667" s="236">
        <f t="shared" si="164"/>
        <v>2.202272014838631</v>
      </c>
      <c r="T667" s="236" t="e">
        <f t="shared" si="150"/>
        <v>#N/A</v>
      </c>
    </row>
    <row r="668" spans="1:20" x14ac:dyDescent="0.2">
      <c r="A668" s="53">
        <f t="shared" si="151"/>
        <v>656</v>
      </c>
      <c r="B668" s="239">
        <v>6.3369999999999997</v>
      </c>
      <c r="C668" s="3">
        <f t="shared" si="152"/>
        <v>6.33</v>
      </c>
      <c r="D668" s="239">
        <v>0.24529999999999999</v>
      </c>
      <c r="E668" s="239">
        <v>6.6E-3</v>
      </c>
      <c r="F668" s="239">
        <v>0.16170000000000001</v>
      </c>
      <c r="G668">
        <f t="shared" si="153"/>
        <v>0.27764</v>
      </c>
      <c r="H668" s="235">
        <f t="shared" si="154"/>
        <v>2.3771790808240887</v>
      </c>
      <c r="I668" s="236">
        <f t="shared" si="155"/>
        <v>14.956345512502821</v>
      </c>
      <c r="J668" s="237">
        <f t="shared" si="160"/>
        <v>4.9563455125028213</v>
      </c>
      <c r="K668" s="237">
        <f t="shared" si="156"/>
        <v>94.673667094142857</v>
      </c>
      <c r="L668" s="237">
        <f t="shared" si="161"/>
        <v>31.408361512730377</v>
      </c>
      <c r="M668" s="236">
        <f t="shared" si="157"/>
        <v>5.8254020297014728</v>
      </c>
      <c r="N668" s="236">
        <f t="shared" si="158"/>
        <v>3.6072210090125929</v>
      </c>
      <c r="O668" s="236">
        <f t="shared" si="162"/>
        <v>3.236294943530702</v>
      </c>
      <c r="P668" s="236" t="str">
        <f t="shared" si="163"/>
        <v>CLAY</v>
      </c>
      <c r="Q668" s="236">
        <f t="shared" si="159"/>
        <v>15.247194408821429</v>
      </c>
      <c r="R668" s="238">
        <v>35</v>
      </c>
      <c r="S668" s="236">
        <f t="shared" si="164"/>
        <v>2.262545841189477</v>
      </c>
      <c r="T668" s="236" t="e">
        <f t="shared" si="150"/>
        <v>#N/A</v>
      </c>
    </row>
    <row r="669" spans="1:20" x14ac:dyDescent="0.2">
      <c r="A669" s="53">
        <f t="shared" si="151"/>
        <v>657</v>
      </c>
      <c r="B669" s="239">
        <v>6.3460000000000001</v>
      </c>
      <c r="C669" s="3">
        <f t="shared" si="152"/>
        <v>6.3390000000000004</v>
      </c>
      <c r="D669" s="239">
        <v>0.24629999999999999</v>
      </c>
      <c r="E669" s="239">
        <v>6.4999999999999997E-3</v>
      </c>
      <c r="F669" s="239">
        <v>0.15759999999999999</v>
      </c>
      <c r="G669">
        <f t="shared" si="153"/>
        <v>0.27781999999999996</v>
      </c>
      <c r="H669" s="235">
        <f t="shared" si="154"/>
        <v>2.339644374055144</v>
      </c>
      <c r="I669" s="236">
        <f t="shared" si="155"/>
        <v>14.938696273597946</v>
      </c>
      <c r="J669" s="237">
        <f t="shared" si="160"/>
        <v>4.9386962735979463</v>
      </c>
      <c r="K669" s="237">
        <f t="shared" si="156"/>
        <v>94.696395678337382</v>
      </c>
      <c r="L669" s="237">
        <f t="shared" si="161"/>
        <v>31.340966552252567</v>
      </c>
      <c r="M669" s="236">
        <f t="shared" si="157"/>
        <v>5.8429469307002249</v>
      </c>
      <c r="N669" s="236">
        <f t="shared" si="158"/>
        <v>3.5495151070653561</v>
      </c>
      <c r="O669" s="236">
        <f t="shared" si="162"/>
        <v>3.2313615163034277</v>
      </c>
      <c r="P669" s="236" t="str">
        <f t="shared" si="163"/>
        <v>CLAY</v>
      </c>
      <c r="Q669" s="236">
        <f t="shared" si="159"/>
        <v>15.260300360138546</v>
      </c>
      <c r="R669" s="238">
        <v>35</v>
      </c>
      <c r="S669" s="236">
        <f t="shared" si="164"/>
        <v>2.2710669432344144</v>
      </c>
      <c r="T669" s="236" t="e">
        <f t="shared" si="150"/>
        <v>#N/A</v>
      </c>
    </row>
    <row r="670" spans="1:20" x14ac:dyDescent="0.2">
      <c r="A670" s="53">
        <f t="shared" si="151"/>
        <v>658</v>
      </c>
      <c r="B670" s="239">
        <v>6.3570000000000002</v>
      </c>
      <c r="C670" s="3">
        <f t="shared" si="152"/>
        <v>6.3500000000000005</v>
      </c>
      <c r="D670" s="239">
        <v>0.2427</v>
      </c>
      <c r="E670" s="239">
        <v>6.4000000000000003E-3</v>
      </c>
      <c r="F670" s="239">
        <v>0.156</v>
      </c>
      <c r="G670">
        <f t="shared" si="153"/>
        <v>0.27389999999999998</v>
      </c>
      <c r="H670" s="235">
        <f t="shared" si="154"/>
        <v>2.3366192040890841</v>
      </c>
      <c r="I670" s="236">
        <f t="shared" si="155"/>
        <v>14.914961813167547</v>
      </c>
      <c r="J670" s="237">
        <f t="shared" si="160"/>
        <v>4.9149618131675474</v>
      </c>
      <c r="K670" s="237">
        <f t="shared" si="156"/>
        <v>94.710007513613931</v>
      </c>
      <c r="L670" s="237">
        <f t="shared" si="161"/>
        <v>31.244412246306101</v>
      </c>
      <c r="M670" s="236">
        <f t="shared" si="157"/>
        <v>5.7351052429405502</v>
      </c>
      <c r="N670" s="236">
        <f t="shared" si="158"/>
        <v>3.5716280307820423</v>
      </c>
      <c r="O670" s="236">
        <f t="shared" si="162"/>
        <v>3.2396083755809393</v>
      </c>
      <c r="P670" s="236" t="str">
        <f t="shared" si="163"/>
        <v>CLAY</v>
      </c>
      <c r="Q670" s="236">
        <f t="shared" si="159"/>
        <v>14.932499373865504</v>
      </c>
      <c r="R670" s="238">
        <v>35</v>
      </c>
      <c r="S670" s="236">
        <f t="shared" si="164"/>
        <v>2.2187928031955844</v>
      </c>
      <c r="T670" s="236" t="e">
        <f t="shared" si="150"/>
        <v>#N/A</v>
      </c>
    </row>
    <row r="671" spans="1:20" x14ac:dyDescent="0.2">
      <c r="A671" s="53">
        <f t="shared" si="151"/>
        <v>659</v>
      </c>
      <c r="B671" s="239">
        <v>6.3659999999999997</v>
      </c>
      <c r="C671" s="3">
        <f t="shared" si="152"/>
        <v>6.359</v>
      </c>
      <c r="D671" s="239">
        <v>0.23910000000000001</v>
      </c>
      <c r="E671" s="239">
        <v>6.3E-3</v>
      </c>
      <c r="F671" s="239">
        <v>0.15620000000000001</v>
      </c>
      <c r="G671">
        <f t="shared" si="153"/>
        <v>0.27034000000000002</v>
      </c>
      <c r="H671" s="235">
        <f t="shared" si="154"/>
        <v>2.3303987571206624</v>
      </c>
      <c r="I671" s="236">
        <f t="shared" si="155"/>
        <v>14.891381816419027</v>
      </c>
      <c r="J671" s="237">
        <f t="shared" si="160"/>
        <v>4.8913818164190275</v>
      </c>
      <c r="K671" s="237">
        <f t="shared" si="156"/>
        <v>94.69429697060859</v>
      </c>
      <c r="L671" s="237">
        <f t="shared" si="161"/>
        <v>31.138536643323526</v>
      </c>
      <c r="M671" s="236">
        <f t="shared" si="157"/>
        <v>5.6407821935027238</v>
      </c>
      <c r="N671" s="236">
        <f t="shared" si="158"/>
        <v>3.5867657969098161</v>
      </c>
      <c r="O671" s="236">
        <f t="shared" si="162"/>
        <v>3.2466423644882636</v>
      </c>
      <c r="P671" s="236" t="str">
        <f t="shared" si="163"/>
        <v>CLAY</v>
      </c>
      <c r="Q671" s="236">
        <f t="shared" si="159"/>
        <v>14.637141919115953</v>
      </c>
      <c r="R671" s="238">
        <v>35</v>
      </c>
      <c r="S671" s="236">
        <f t="shared" si="164"/>
        <v>2.1732724373126868</v>
      </c>
      <c r="T671" s="236" t="e">
        <f t="shared" si="150"/>
        <v>#N/A</v>
      </c>
    </row>
    <row r="672" spans="1:20" x14ac:dyDescent="0.2">
      <c r="A672" s="53">
        <f t="shared" si="151"/>
        <v>660</v>
      </c>
      <c r="B672" s="239">
        <v>6.3769999999999998</v>
      </c>
      <c r="C672" s="3">
        <f t="shared" si="152"/>
        <v>6.37</v>
      </c>
      <c r="D672" s="239">
        <v>0.2351</v>
      </c>
      <c r="E672" s="239">
        <v>6.3E-3</v>
      </c>
      <c r="F672" s="239">
        <v>0.15659999999999999</v>
      </c>
      <c r="G672">
        <f t="shared" si="153"/>
        <v>0.26641999999999999</v>
      </c>
      <c r="H672" s="235">
        <f t="shared" si="154"/>
        <v>2.364687335785602</v>
      </c>
      <c r="I672" s="236">
        <f t="shared" si="155"/>
        <v>14.88567267947589</v>
      </c>
      <c r="J672" s="237">
        <f t="shared" si="160"/>
        <v>4.8856726794758902</v>
      </c>
      <c r="K672" s="237">
        <f t="shared" si="156"/>
        <v>94.821734968261424</v>
      </c>
      <c r="L672" s="237">
        <f t="shared" si="161"/>
        <v>31.155934677017751</v>
      </c>
      <c r="M672" s="236">
        <f t="shared" si="157"/>
        <v>5.5077232254668473</v>
      </c>
      <c r="N672" s="236">
        <f t="shared" si="158"/>
        <v>3.6713657908107398</v>
      </c>
      <c r="O672" s="236">
        <f t="shared" si="162"/>
        <v>3.2608592426785501</v>
      </c>
      <c r="P672" s="236" t="str">
        <f t="shared" si="163"/>
        <v>CLAY</v>
      </c>
      <c r="Q672" s="236">
        <f t="shared" si="159"/>
        <v>14.29985541931155</v>
      </c>
      <c r="R672" s="238">
        <v>35</v>
      </c>
      <c r="S672" s="236">
        <f t="shared" si="164"/>
        <v>2.109381552500972</v>
      </c>
      <c r="T672" s="236" t="e">
        <f t="shared" si="150"/>
        <v>#N/A</v>
      </c>
    </row>
    <row r="673" spans="1:20" x14ac:dyDescent="0.2">
      <c r="A673" s="53">
        <f t="shared" si="151"/>
        <v>661</v>
      </c>
      <c r="B673" s="239">
        <v>6.3860000000000001</v>
      </c>
      <c r="C673" s="3">
        <f t="shared" si="152"/>
        <v>6.3790000000000004</v>
      </c>
      <c r="D673" s="239">
        <v>0.23200000000000001</v>
      </c>
      <c r="E673" s="239">
        <v>6.4000000000000003E-3</v>
      </c>
      <c r="F673" s="239">
        <v>0.1585</v>
      </c>
      <c r="G673">
        <f t="shared" si="153"/>
        <v>0.26369999999999999</v>
      </c>
      <c r="H673" s="235">
        <f t="shared" si="154"/>
        <v>2.4270003792188093</v>
      </c>
      <c r="I673" s="236">
        <f t="shared" si="155"/>
        <v>14.900128100953074</v>
      </c>
      <c r="J673" s="237">
        <f t="shared" si="160"/>
        <v>4.9001281009530739</v>
      </c>
      <c r="K673" s="237">
        <f t="shared" si="156"/>
        <v>95.047917155979661</v>
      </c>
      <c r="L673" s="237">
        <f t="shared" si="161"/>
        <v>31.29221805268633</v>
      </c>
      <c r="M673" s="236">
        <f t="shared" si="157"/>
        <v>5.3895854413408104</v>
      </c>
      <c r="N673" s="236">
        <f t="shared" si="158"/>
        <v>3.7947945214048193</v>
      </c>
      <c r="O673" s="236">
        <f t="shared" si="162"/>
        <v>3.2766076134233928</v>
      </c>
      <c r="P673" s="236" t="str">
        <f t="shared" si="163"/>
        <v>CLAY</v>
      </c>
      <c r="Q673" s="236">
        <f t="shared" si="159"/>
        <v>14.054340237001695</v>
      </c>
      <c r="R673" s="238">
        <v>35</v>
      </c>
      <c r="S673" s="236">
        <f t="shared" si="164"/>
        <v>2.052977596977632</v>
      </c>
      <c r="T673" s="236" t="e">
        <f t="shared" si="150"/>
        <v>#N/A</v>
      </c>
    </row>
    <row r="674" spans="1:20" x14ac:dyDescent="0.2">
      <c r="A674" s="53">
        <f t="shared" si="151"/>
        <v>662</v>
      </c>
      <c r="B674" s="239">
        <v>6.3970000000000002</v>
      </c>
      <c r="C674" s="3">
        <f t="shared" si="152"/>
        <v>6.3900000000000006</v>
      </c>
      <c r="D674" s="239">
        <v>0.23039999999999999</v>
      </c>
      <c r="E674" s="239">
        <v>6.4000000000000003E-3</v>
      </c>
      <c r="F674" s="239">
        <v>0.16209999999999999</v>
      </c>
      <c r="G674">
        <f t="shared" si="153"/>
        <v>0.26282</v>
      </c>
      <c r="H674" s="235">
        <f t="shared" si="154"/>
        <v>2.4351267026862495</v>
      </c>
      <c r="I674" s="236">
        <f t="shared" si="155"/>
        <v>14.898821554003504</v>
      </c>
      <c r="J674" s="237">
        <f t="shared" si="160"/>
        <v>4.8988215540035043</v>
      </c>
      <c r="K674" s="237">
        <f t="shared" si="156"/>
        <v>95.203469730082404</v>
      </c>
      <c r="L674" s="237">
        <f t="shared" si="161"/>
        <v>31.337761480960417</v>
      </c>
      <c r="M674" s="236">
        <f t="shared" si="157"/>
        <v>5.3487078319794712</v>
      </c>
      <c r="N674" s="236">
        <f t="shared" si="158"/>
        <v>3.8182391615516091</v>
      </c>
      <c r="O674" s="236">
        <f t="shared" si="162"/>
        <v>3.2808398252236537</v>
      </c>
      <c r="P674" s="236" t="str">
        <f t="shared" si="163"/>
        <v>CLAY</v>
      </c>
      <c r="Q674" s="236">
        <f t="shared" si="159"/>
        <v>13.968044189159798</v>
      </c>
      <c r="R674" s="238">
        <v>35</v>
      </c>
      <c r="S674" s="236">
        <f t="shared" si="164"/>
        <v>2.0335324320793728</v>
      </c>
      <c r="T674" s="236" t="e">
        <f t="shared" si="150"/>
        <v>#N/A</v>
      </c>
    </row>
    <row r="675" spans="1:20" x14ac:dyDescent="0.2">
      <c r="A675" s="53">
        <f t="shared" si="151"/>
        <v>663</v>
      </c>
      <c r="B675" s="239">
        <v>6.4059999999999997</v>
      </c>
      <c r="C675" s="3">
        <f t="shared" si="152"/>
        <v>6.399</v>
      </c>
      <c r="D675" s="239">
        <v>0.2311</v>
      </c>
      <c r="E675" s="239">
        <v>6.4000000000000003E-3</v>
      </c>
      <c r="F675" s="239">
        <v>0.1653</v>
      </c>
      <c r="G675">
        <f t="shared" si="153"/>
        <v>0.26416000000000001</v>
      </c>
      <c r="H675" s="235">
        <f t="shared" si="154"/>
        <v>2.4227740763173835</v>
      </c>
      <c r="I675" s="236">
        <f t="shared" si="155"/>
        <v>14.90080933446583</v>
      </c>
      <c r="J675" s="237">
        <f t="shared" si="160"/>
        <v>4.9008093344658299</v>
      </c>
      <c r="K675" s="237">
        <f t="shared" si="156"/>
        <v>95.350278931246848</v>
      </c>
      <c r="L675" s="237">
        <f t="shared" si="161"/>
        <v>31.394584596588103</v>
      </c>
      <c r="M675" s="236">
        <f t="shared" si="157"/>
        <v>5.3770331169503365</v>
      </c>
      <c r="N675" s="236">
        <f t="shared" si="158"/>
        <v>3.7912508589439557</v>
      </c>
      <c r="O675" s="236">
        <f t="shared" si="162"/>
        <v>3.2772312700034418</v>
      </c>
      <c r="P675" s="236" t="str">
        <f t="shared" si="163"/>
        <v>CLAY</v>
      </c>
      <c r="Q675" s="236">
        <f t="shared" si="159"/>
        <v>14.06747675572943</v>
      </c>
      <c r="R675" s="238">
        <v>35</v>
      </c>
      <c r="S675" s="236">
        <f t="shared" si="164"/>
        <v>2.0470026165044617</v>
      </c>
      <c r="T675" s="236" t="e">
        <f t="shared" si="150"/>
        <v>#N/A</v>
      </c>
    </row>
    <row r="676" spans="1:20" x14ac:dyDescent="0.2">
      <c r="A676" s="53">
        <f t="shared" si="151"/>
        <v>664</v>
      </c>
      <c r="B676" s="239">
        <v>6.4160000000000004</v>
      </c>
      <c r="C676" s="3">
        <f t="shared" si="152"/>
        <v>6.4090000000000007</v>
      </c>
      <c r="D676" s="239">
        <v>0.23119999999999999</v>
      </c>
      <c r="E676" s="239">
        <v>6.3E-3</v>
      </c>
      <c r="F676" s="239">
        <v>0.16700000000000001</v>
      </c>
      <c r="G676">
        <f t="shared" si="153"/>
        <v>0.2646</v>
      </c>
      <c r="H676" s="235">
        <f t="shared" si="154"/>
        <v>2.3809523809523809</v>
      </c>
      <c r="I676" s="236">
        <f t="shared" si="155"/>
        <v>14.882993393773491</v>
      </c>
      <c r="J676" s="237">
        <f t="shared" si="160"/>
        <v>4.8829933937734911</v>
      </c>
      <c r="K676" s="237">
        <f t="shared" si="156"/>
        <v>95.38510466069431</v>
      </c>
      <c r="L676" s="237">
        <f t="shared" si="161"/>
        <v>31.329285614450722</v>
      </c>
      <c r="M676" s="236">
        <f t="shared" si="157"/>
        <v>5.401173120310629</v>
      </c>
      <c r="N676" s="236">
        <f t="shared" si="158"/>
        <v>3.7230764982996258</v>
      </c>
      <c r="O676" s="236">
        <f t="shared" si="162"/>
        <v>3.2712843418142494</v>
      </c>
      <c r="P676" s="236" t="str">
        <f t="shared" si="163"/>
        <v>CLAY</v>
      </c>
      <c r="Q676" s="236">
        <f t="shared" si="159"/>
        <v>14.101241278275475</v>
      </c>
      <c r="R676" s="238">
        <v>35</v>
      </c>
      <c r="S676" s="236">
        <f t="shared" si="164"/>
        <v>2.0584964897454991</v>
      </c>
      <c r="T676" s="236" t="e">
        <f t="shared" si="150"/>
        <v>#N/A</v>
      </c>
    </row>
    <row r="677" spans="1:20" x14ac:dyDescent="0.2">
      <c r="A677" s="53">
        <f t="shared" si="151"/>
        <v>665</v>
      </c>
      <c r="B677" s="239">
        <v>6.4260000000000002</v>
      </c>
      <c r="C677" s="3">
        <f t="shared" si="152"/>
        <v>6.4190000000000005</v>
      </c>
      <c r="D677" s="239">
        <v>0.23139999999999999</v>
      </c>
      <c r="E677" s="239">
        <v>6.4000000000000003E-3</v>
      </c>
      <c r="F677" s="239">
        <v>0.1701</v>
      </c>
      <c r="G677">
        <f t="shared" si="153"/>
        <v>0.26541999999999999</v>
      </c>
      <c r="H677" s="235">
        <f t="shared" si="154"/>
        <v>2.4112726998719016</v>
      </c>
      <c r="I677" s="236">
        <f t="shared" si="155"/>
        <v>14.902669264492555</v>
      </c>
      <c r="J677" s="237">
        <f t="shared" si="160"/>
        <v>4.9026692644925554</v>
      </c>
      <c r="K677" s="237">
        <f t="shared" si="156"/>
        <v>95.660234008777721</v>
      </c>
      <c r="L677" s="237">
        <f t="shared" si="161"/>
        <v>31.504552693629162</v>
      </c>
      <c r="M677" s="236">
        <f t="shared" si="157"/>
        <v>5.3884201322290499</v>
      </c>
      <c r="N677" s="236">
        <f t="shared" si="158"/>
        <v>3.7700334720836755</v>
      </c>
      <c r="O677" s="236">
        <f t="shared" si="162"/>
        <v>3.2751258737397073</v>
      </c>
      <c r="P677" s="236" t="str">
        <f t="shared" si="163"/>
        <v>CLAY</v>
      </c>
      <c r="Q677" s="236">
        <f t="shared" si="159"/>
        <v>14.146647165935192</v>
      </c>
      <c r="R677" s="238">
        <v>35</v>
      </c>
      <c r="S677" s="236">
        <f t="shared" si="164"/>
        <v>2.0524227563352704</v>
      </c>
      <c r="T677" s="236" t="e">
        <f t="shared" si="150"/>
        <v>#N/A</v>
      </c>
    </row>
    <row r="678" spans="1:20" x14ac:dyDescent="0.2">
      <c r="A678" s="53">
        <f t="shared" si="151"/>
        <v>666</v>
      </c>
      <c r="B678" s="239">
        <v>6.4359999999999999</v>
      </c>
      <c r="C678" s="3">
        <f t="shared" si="152"/>
        <v>6.4290000000000003</v>
      </c>
      <c r="D678" s="239">
        <v>0.23230000000000001</v>
      </c>
      <c r="E678" s="239">
        <v>6.4000000000000003E-3</v>
      </c>
      <c r="F678" s="239">
        <v>0.1721</v>
      </c>
      <c r="G678">
        <f t="shared" si="153"/>
        <v>0.26672000000000001</v>
      </c>
      <c r="H678" s="235">
        <f t="shared" si="154"/>
        <v>2.3995200959808041</v>
      </c>
      <c r="I678" s="236">
        <f t="shared" si="155"/>
        <v>14.904579008374519</v>
      </c>
      <c r="J678" s="237">
        <f t="shared" si="160"/>
        <v>4.9045790083745189</v>
      </c>
      <c r="K678" s="237">
        <f t="shared" si="156"/>
        <v>95.821538444839788</v>
      </c>
      <c r="L678" s="237">
        <f t="shared" si="161"/>
        <v>31.565870497898402</v>
      </c>
      <c r="M678" s="236">
        <f t="shared" si="157"/>
        <v>5.414026569187703</v>
      </c>
      <c r="N678" s="236">
        <f t="shared" si="158"/>
        <v>3.7449137585912657</v>
      </c>
      <c r="O678" s="236">
        <f t="shared" si="162"/>
        <v>3.2718120759551348</v>
      </c>
      <c r="P678" s="236" t="str">
        <f t="shared" si="163"/>
        <v>CLAY</v>
      </c>
      <c r="Q678" s="236">
        <f t="shared" si="159"/>
        <v>14.241538462930018</v>
      </c>
      <c r="R678" s="238">
        <v>35</v>
      </c>
      <c r="S678" s="236">
        <f t="shared" si="164"/>
        <v>2.0646216973605305</v>
      </c>
      <c r="T678" s="236" t="e">
        <f t="shared" si="150"/>
        <v>#N/A</v>
      </c>
    </row>
    <row r="679" spans="1:20" x14ac:dyDescent="0.2">
      <c r="A679" s="53">
        <f t="shared" si="151"/>
        <v>667</v>
      </c>
      <c r="B679" s="239">
        <v>6.4459999999999997</v>
      </c>
      <c r="C679" s="3">
        <f t="shared" si="152"/>
        <v>6.4390000000000001</v>
      </c>
      <c r="D679" s="239">
        <v>0.23269999999999999</v>
      </c>
      <c r="E679" s="239">
        <v>6.4000000000000003E-3</v>
      </c>
      <c r="F679" s="239">
        <v>0.17230000000000001</v>
      </c>
      <c r="G679">
        <f t="shared" si="153"/>
        <v>0.26715999999999995</v>
      </c>
      <c r="H679" s="235">
        <f t="shared" si="154"/>
        <v>2.3955681988321613</v>
      </c>
      <c r="I679" s="236">
        <f t="shared" si="155"/>
        <v>14.905223275452409</v>
      </c>
      <c r="J679" s="237">
        <f t="shared" si="160"/>
        <v>4.9052232754524088</v>
      </c>
      <c r="K679" s="237">
        <f t="shared" si="156"/>
        <v>95.974732670638062</v>
      </c>
      <c r="L679" s="237">
        <f t="shared" si="161"/>
        <v>31.619069233566226</v>
      </c>
      <c r="M679" s="236">
        <f t="shared" si="157"/>
        <v>5.4139881874712099</v>
      </c>
      <c r="N679" s="236">
        <f t="shared" si="158"/>
        <v>3.7386394868235624</v>
      </c>
      <c r="O679" s="236">
        <f t="shared" si="162"/>
        <v>3.2714155280217518</v>
      </c>
      <c r="P679" s="236" t="str">
        <f t="shared" si="163"/>
        <v>CLAY</v>
      </c>
      <c r="Q679" s="236">
        <f t="shared" si="159"/>
        <v>14.265438944113493</v>
      </c>
      <c r="R679" s="238">
        <v>35</v>
      </c>
      <c r="S679" s="236">
        <f t="shared" si="164"/>
        <v>2.0646034014458783</v>
      </c>
      <c r="T679" s="236" t="e">
        <f t="shared" si="150"/>
        <v>#N/A</v>
      </c>
    </row>
    <row r="680" spans="1:20" x14ac:dyDescent="0.2">
      <c r="A680" s="53">
        <f t="shared" si="151"/>
        <v>668</v>
      </c>
      <c r="B680" s="239">
        <v>6.4560000000000004</v>
      </c>
      <c r="C680" s="3">
        <f t="shared" si="152"/>
        <v>6.4490000000000007</v>
      </c>
      <c r="D680" s="239">
        <v>0.23419999999999999</v>
      </c>
      <c r="E680" s="239">
        <v>6.4999999999999997E-3</v>
      </c>
      <c r="F680" s="239">
        <v>0.1709</v>
      </c>
      <c r="G680">
        <f t="shared" si="153"/>
        <v>0.26838000000000001</v>
      </c>
      <c r="H680" s="235">
        <f t="shared" si="154"/>
        <v>2.4219390416573514</v>
      </c>
      <c r="I680" s="236">
        <f t="shared" si="155"/>
        <v>14.925184251018868</v>
      </c>
      <c r="J680" s="237">
        <f t="shared" si="160"/>
        <v>4.9251842510188677</v>
      </c>
      <c r="K680" s="237">
        <f t="shared" si="156"/>
        <v>96.252513234820682</v>
      </c>
      <c r="L680" s="237">
        <f t="shared" si="161"/>
        <v>31.79698952457781</v>
      </c>
      <c r="M680" s="236">
        <f t="shared" si="157"/>
        <v>5.4133265236361945</v>
      </c>
      <c r="N680" s="236">
        <f t="shared" si="158"/>
        <v>3.7762707875166188</v>
      </c>
      <c r="O680" s="236">
        <f t="shared" si="162"/>
        <v>3.2738454367318459</v>
      </c>
      <c r="P680" s="236" t="str">
        <f t="shared" si="163"/>
        <v>CLAY</v>
      </c>
      <c r="Q680" s="236">
        <f t="shared" si="159"/>
        <v>14.343957230431608</v>
      </c>
      <c r="R680" s="238">
        <v>35</v>
      </c>
      <c r="S680" s="236">
        <f t="shared" si="164"/>
        <v>2.0642880025921748</v>
      </c>
      <c r="T680" s="236" t="e">
        <f t="shared" si="150"/>
        <v>#N/A</v>
      </c>
    </row>
    <row r="681" spans="1:20" x14ac:dyDescent="0.2">
      <c r="A681" s="53">
        <f t="shared" si="151"/>
        <v>669</v>
      </c>
      <c r="B681" s="239">
        <v>6.4660000000000002</v>
      </c>
      <c r="C681" s="3">
        <f t="shared" si="152"/>
        <v>6.4590000000000005</v>
      </c>
      <c r="D681" s="239">
        <v>0.23180000000000001</v>
      </c>
      <c r="E681" s="239">
        <v>6.4999999999999997E-3</v>
      </c>
      <c r="F681" s="239">
        <v>0.17080000000000001</v>
      </c>
      <c r="G681">
        <f t="shared" si="153"/>
        <v>0.26595999999999997</v>
      </c>
      <c r="H681" s="235">
        <f t="shared" si="154"/>
        <v>2.4439765378252369</v>
      </c>
      <c r="I681" s="236">
        <f t="shared" si="155"/>
        <v>14.921643809169613</v>
      </c>
      <c r="J681" s="237">
        <f t="shared" si="160"/>
        <v>4.9216438091696126</v>
      </c>
      <c r="K681" s="237">
        <f t="shared" si="156"/>
        <v>96.378897363426532</v>
      </c>
      <c r="L681" s="237">
        <f t="shared" si="161"/>
        <v>31.823348870090715</v>
      </c>
      <c r="M681" s="236">
        <f t="shared" si="157"/>
        <v>5.3288264327188664</v>
      </c>
      <c r="N681" s="236">
        <f t="shared" si="158"/>
        <v>3.8329742518127423</v>
      </c>
      <c r="O681" s="236">
        <f t="shared" si="162"/>
        <v>3.2831101207832636</v>
      </c>
      <c r="P681" s="236" t="str">
        <f t="shared" si="163"/>
        <v>CLAY</v>
      </c>
      <c r="Q681" s="236">
        <f t="shared" si="159"/>
        <v>14.131758553047788</v>
      </c>
      <c r="R681" s="238">
        <v>35</v>
      </c>
      <c r="S681" s="236">
        <f t="shared" si="164"/>
        <v>2.0240884062520972</v>
      </c>
      <c r="T681" s="236" t="e">
        <f t="shared" si="150"/>
        <v>#N/A</v>
      </c>
    </row>
    <row r="682" spans="1:20" x14ac:dyDescent="0.2">
      <c r="A682" s="53">
        <f t="shared" si="151"/>
        <v>670</v>
      </c>
      <c r="B682" s="239">
        <v>6.4770000000000003</v>
      </c>
      <c r="C682" s="3">
        <f t="shared" si="152"/>
        <v>6.4700000000000006</v>
      </c>
      <c r="D682" s="239">
        <v>0.23100000000000001</v>
      </c>
      <c r="E682" s="239">
        <v>6.6E-3</v>
      </c>
      <c r="F682" s="239">
        <v>0.17080000000000001</v>
      </c>
      <c r="G682">
        <f t="shared" si="153"/>
        <v>0.26516000000000001</v>
      </c>
      <c r="H682" s="235">
        <f t="shared" si="154"/>
        <v>2.4890632071202292</v>
      </c>
      <c r="I682" s="236">
        <f t="shared" si="155"/>
        <v>14.938368889656475</v>
      </c>
      <c r="J682" s="237">
        <f t="shared" si="160"/>
        <v>4.9383688896564752</v>
      </c>
      <c r="K682" s="237">
        <f t="shared" si="156"/>
        <v>96.651246716077409</v>
      </c>
      <c r="L682" s="237">
        <f t="shared" si="161"/>
        <v>31.985815298304992</v>
      </c>
      <c r="M682" s="236">
        <f t="shared" si="157"/>
        <v>5.2682338002762208</v>
      </c>
      <c r="N682" s="236">
        <f t="shared" si="158"/>
        <v>3.916710480244058</v>
      </c>
      <c r="O682" s="236">
        <f t="shared" si="162"/>
        <v>3.2924199772977367</v>
      </c>
      <c r="P682" s="236" t="str">
        <f t="shared" si="163"/>
        <v>CLAY</v>
      </c>
      <c r="Q682" s="236">
        <f t="shared" si="159"/>
        <v>14.04239610699355</v>
      </c>
      <c r="R682" s="238">
        <v>35</v>
      </c>
      <c r="S682" s="236">
        <f t="shared" si="164"/>
        <v>1.9953602171695639</v>
      </c>
      <c r="T682" s="236" t="e">
        <f t="shared" si="150"/>
        <v>#N/A</v>
      </c>
    </row>
    <row r="683" spans="1:20" x14ac:dyDescent="0.2">
      <c r="A683" s="53">
        <f t="shared" si="151"/>
        <v>671</v>
      </c>
      <c r="B683" s="239">
        <v>6.4870000000000001</v>
      </c>
      <c r="C683" s="3">
        <f t="shared" si="152"/>
        <v>6.48</v>
      </c>
      <c r="D683" s="239">
        <v>0.22989999999999999</v>
      </c>
      <c r="E683" s="239">
        <v>6.4999999999999997E-3</v>
      </c>
      <c r="F683" s="239">
        <v>0.17219999999999999</v>
      </c>
      <c r="G683">
        <f t="shared" si="153"/>
        <v>0.26433999999999996</v>
      </c>
      <c r="H683" s="235">
        <f t="shared" si="154"/>
        <v>2.4589543769387912</v>
      </c>
      <c r="I683" s="236">
        <f t="shared" si="155"/>
        <v>14.919255714414348</v>
      </c>
      <c r="J683" s="237">
        <f t="shared" si="160"/>
        <v>4.9192557144143478</v>
      </c>
      <c r="K683" s="237">
        <f t="shared" si="156"/>
        <v>96.676777029404974</v>
      </c>
      <c r="L683" s="237">
        <f t="shared" si="161"/>
        <v>31.911211819405874</v>
      </c>
      <c r="M683" s="236">
        <f t="shared" si="157"/>
        <v>5.2540537764421558</v>
      </c>
      <c r="N683" s="236">
        <f t="shared" si="158"/>
        <v>3.8768191883917074</v>
      </c>
      <c r="O683" s="236">
        <f t="shared" si="162"/>
        <v>3.2909518716645554</v>
      </c>
      <c r="P683" s="236" t="str">
        <f t="shared" si="163"/>
        <v>CLAY</v>
      </c>
      <c r="Q683" s="236">
        <f t="shared" si="159"/>
        <v>13.971935247549583</v>
      </c>
      <c r="R683" s="238">
        <v>35</v>
      </c>
      <c r="S683" s="236">
        <f t="shared" si="164"/>
        <v>1.9886490663211418</v>
      </c>
      <c r="T683" s="236" t="e">
        <f t="shared" si="150"/>
        <v>#N/A</v>
      </c>
    </row>
    <row r="684" spans="1:20" x14ac:dyDescent="0.2">
      <c r="A684" s="53">
        <f t="shared" si="151"/>
        <v>672</v>
      </c>
      <c r="B684" s="239">
        <v>6.4969999999999999</v>
      </c>
      <c r="C684" s="3">
        <f t="shared" si="152"/>
        <v>6.49</v>
      </c>
      <c r="D684" s="239">
        <v>0.23200000000000001</v>
      </c>
      <c r="E684" s="239">
        <v>6.6E-3</v>
      </c>
      <c r="F684" s="239">
        <v>0.17249999999999999</v>
      </c>
      <c r="G684">
        <f t="shared" si="153"/>
        <v>0.26650000000000001</v>
      </c>
      <c r="H684" s="235">
        <f t="shared" si="154"/>
        <v>2.4765478424015006</v>
      </c>
      <c r="I684" s="236">
        <f t="shared" si="155"/>
        <v>14.940339172371864</v>
      </c>
      <c r="J684" s="237">
        <f t="shared" si="160"/>
        <v>4.9403391723718642</v>
      </c>
      <c r="K684" s="237">
        <f t="shared" si="156"/>
        <v>96.962801228693408</v>
      </c>
      <c r="L684" s="237">
        <f t="shared" si="161"/>
        <v>32.097383602900003</v>
      </c>
      <c r="M684" s="236">
        <f t="shared" si="157"/>
        <v>5.2819631926631203</v>
      </c>
      <c r="N684" s="236">
        <f t="shared" si="158"/>
        <v>3.8929509557975668</v>
      </c>
      <c r="O684" s="236">
        <f t="shared" si="162"/>
        <v>3.2900217460527807</v>
      </c>
      <c r="P684" s="236" t="str">
        <f t="shared" si="163"/>
        <v>CLAY</v>
      </c>
      <c r="Q684" s="236">
        <f t="shared" si="159"/>
        <v>14.128099897608882</v>
      </c>
      <c r="R684" s="238">
        <v>35</v>
      </c>
      <c r="S684" s="236">
        <f t="shared" si="164"/>
        <v>2.0018623967420304</v>
      </c>
      <c r="T684" s="236" t="e">
        <f t="shared" si="150"/>
        <v>#N/A</v>
      </c>
    </row>
    <row r="685" spans="1:20" x14ac:dyDescent="0.2">
      <c r="A685" s="53">
        <f t="shared" si="151"/>
        <v>673</v>
      </c>
      <c r="B685" s="239">
        <v>6.5069999999999997</v>
      </c>
      <c r="C685" s="3">
        <f t="shared" si="152"/>
        <v>6.5</v>
      </c>
      <c r="D685" s="239">
        <v>0.23</v>
      </c>
      <c r="E685" s="239">
        <v>6.4999999999999997E-3</v>
      </c>
      <c r="F685" s="239">
        <v>0.1744</v>
      </c>
      <c r="G685">
        <f t="shared" si="153"/>
        <v>0.26488</v>
      </c>
      <c r="H685" s="235">
        <f t="shared" si="154"/>
        <v>2.4539414074297792</v>
      </c>
      <c r="I685" s="236">
        <f t="shared" si="155"/>
        <v>14.920053368287807</v>
      </c>
      <c r="J685" s="237">
        <f t="shared" si="160"/>
        <v>4.9200533682878067</v>
      </c>
      <c r="K685" s="237">
        <f t="shared" si="156"/>
        <v>96.980346893870745</v>
      </c>
      <c r="L685" s="237">
        <f t="shared" si="161"/>
        <v>32.01478726744876</v>
      </c>
      <c r="M685" s="236">
        <f t="shared" si="157"/>
        <v>5.244440692468455</v>
      </c>
      <c r="N685" s="236">
        <f t="shared" si="158"/>
        <v>3.8713599937525509</v>
      </c>
      <c r="O685" s="236">
        <f t="shared" si="162"/>
        <v>3.2912801844227371</v>
      </c>
      <c r="P685" s="236" t="str">
        <f t="shared" si="163"/>
        <v>CLAY</v>
      </c>
      <c r="Q685" s="236">
        <f t="shared" si="159"/>
        <v>13.991637758844105</v>
      </c>
      <c r="R685" s="238">
        <v>35</v>
      </c>
      <c r="S685" s="236">
        <f t="shared" si="164"/>
        <v>1.9841019401663804</v>
      </c>
      <c r="T685" s="236" t="e">
        <f t="shared" si="150"/>
        <v>#N/A</v>
      </c>
    </row>
    <row r="686" spans="1:20" x14ac:dyDescent="0.2">
      <c r="A686" s="53">
        <f t="shared" si="151"/>
        <v>674</v>
      </c>
      <c r="B686" s="239">
        <v>6.5170000000000003</v>
      </c>
      <c r="C686" s="3">
        <f t="shared" si="152"/>
        <v>6.5100000000000007</v>
      </c>
      <c r="D686" s="239">
        <v>0.23080000000000001</v>
      </c>
      <c r="E686" s="239">
        <v>6.6E-3</v>
      </c>
      <c r="F686" s="239">
        <v>0.17749999999999999</v>
      </c>
      <c r="G686">
        <f t="shared" si="153"/>
        <v>0.26629999999999998</v>
      </c>
      <c r="H686" s="235">
        <f t="shared" si="154"/>
        <v>2.4784078107397676</v>
      </c>
      <c r="I686" s="236">
        <f t="shared" si="155"/>
        <v>14.940045730140579</v>
      </c>
      <c r="J686" s="237">
        <f t="shared" si="160"/>
        <v>4.9400457301405787</v>
      </c>
      <c r="K686" s="237">
        <f t="shared" si="156"/>
        <v>97.259697703215181</v>
      </c>
      <c r="L686" s="237">
        <f t="shared" si="161"/>
        <v>32.194278023326156</v>
      </c>
      <c r="M686" s="236">
        <f t="shared" si="157"/>
        <v>5.2506318723565633</v>
      </c>
      <c r="N686" s="236">
        <f t="shared" si="158"/>
        <v>3.9043943428427803</v>
      </c>
      <c r="O686" s="236">
        <f t="shared" si="162"/>
        <v>3.2928806725922306</v>
      </c>
      <c r="P686" s="236" t="str">
        <f t="shared" si="163"/>
        <v>CLAY</v>
      </c>
      <c r="Q686" s="236">
        <f t="shared" si="159"/>
        <v>14.086691858065398</v>
      </c>
      <c r="R686" s="238">
        <v>35</v>
      </c>
      <c r="S686" s="236">
        <f t="shared" si="164"/>
        <v>1.9870302181505854</v>
      </c>
      <c r="T686" s="236" t="e">
        <f t="shared" si="150"/>
        <v>#N/A</v>
      </c>
    </row>
    <row r="687" spans="1:20" x14ac:dyDescent="0.2">
      <c r="A687" s="53">
        <f t="shared" si="151"/>
        <v>675</v>
      </c>
      <c r="B687" s="239">
        <v>6.5270000000000001</v>
      </c>
      <c r="C687" s="3">
        <f t="shared" si="152"/>
        <v>6.5200000000000005</v>
      </c>
      <c r="D687" s="239">
        <v>0.23330000000000001</v>
      </c>
      <c r="E687" s="239">
        <v>6.6E-3</v>
      </c>
      <c r="F687" s="239">
        <v>0.18029999999999999</v>
      </c>
      <c r="G687">
        <f t="shared" si="153"/>
        <v>0.26935999999999999</v>
      </c>
      <c r="H687" s="235">
        <f t="shared" si="154"/>
        <v>2.4502524502524503</v>
      </c>
      <c r="I687" s="236">
        <f t="shared" si="155"/>
        <v>14.944511473387561</v>
      </c>
      <c r="J687" s="237">
        <f t="shared" si="160"/>
        <v>4.9445114733875606</v>
      </c>
      <c r="K687" s="237">
        <f t="shared" si="156"/>
        <v>97.438214806486897</v>
      </c>
      <c r="L687" s="237">
        <f t="shared" si="161"/>
        <v>32.27282638680061</v>
      </c>
      <c r="M687" s="236">
        <f t="shared" si="157"/>
        <v>5.3271375470178253</v>
      </c>
      <c r="N687" s="236">
        <f t="shared" si="158"/>
        <v>3.8389550181619612</v>
      </c>
      <c r="O687" s="236">
        <f t="shared" si="162"/>
        <v>3.2835971582034271</v>
      </c>
      <c r="P687" s="236" t="str">
        <f t="shared" si="163"/>
        <v>CLAY</v>
      </c>
      <c r="Q687" s="236">
        <f t="shared" si="159"/>
        <v>14.326815432792761</v>
      </c>
      <c r="R687" s="238">
        <v>35</v>
      </c>
      <c r="S687" s="236">
        <f t="shared" si="164"/>
        <v>2.0232865602519978</v>
      </c>
      <c r="T687" s="236" t="e">
        <f t="shared" si="150"/>
        <v>#N/A</v>
      </c>
    </row>
    <row r="688" spans="1:20" x14ac:dyDescent="0.2">
      <c r="A688" s="53">
        <f t="shared" si="151"/>
        <v>676</v>
      </c>
      <c r="B688" s="239">
        <v>6.5380000000000003</v>
      </c>
      <c r="C688" s="3">
        <f t="shared" si="152"/>
        <v>6.5310000000000006</v>
      </c>
      <c r="D688" s="239">
        <v>0.23400000000000001</v>
      </c>
      <c r="E688" s="239">
        <v>6.6E-3</v>
      </c>
      <c r="F688" s="239">
        <v>0.18179999999999999</v>
      </c>
      <c r="G688">
        <f t="shared" si="153"/>
        <v>0.27035999999999999</v>
      </c>
      <c r="H688" s="235">
        <f t="shared" si="154"/>
        <v>2.4411895250776743</v>
      </c>
      <c r="I688" s="236">
        <f t="shared" si="155"/>
        <v>14.945959874339842</v>
      </c>
      <c r="J688" s="237">
        <f t="shared" si="160"/>
        <v>4.9459598743398416</v>
      </c>
      <c r="K688" s="237">
        <f t="shared" si="156"/>
        <v>97.612063939313515</v>
      </c>
      <c r="L688" s="237">
        <f t="shared" si="161"/>
        <v>32.336685658433886</v>
      </c>
      <c r="M688" s="236">
        <f t="shared" si="157"/>
        <v>5.3421657953876078</v>
      </c>
      <c r="N688" s="236">
        <f t="shared" si="158"/>
        <v>3.8205955743988831</v>
      </c>
      <c r="O688" s="236">
        <f t="shared" si="162"/>
        <v>3.2814311591359488</v>
      </c>
      <c r="P688" s="236" t="str">
        <f t="shared" si="163"/>
        <v>CLAY</v>
      </c>
      <c r="Q688" s="236">
        <f t="shared" si="159"/>
        <v>14.395661338390541</v>
      </c>
      <c r="R688" s="238">
        <v>35</v>
      </c>
      <c r="S688" s="236">
        <f t="shared" si="164"/>
        <v>2.0304238754342938</v>
      </c>
      <c r="T688" s="236" t="e">
        <f t="shared" si="150"/>
        <v>#N/A</v>
      </c>
    </row>
    <row r="689" spans="1:20" x14ac:dyDescent="0.2">
      <c r="A689" s="53">
        <f t="shared" si="151"/>
        <v>677</v>
      </c>
      <c r="B689" s="239">
        <v>6.5469999999999997</v>
      </c>
      <c r="C689" s="3">
        <f t="shared" si="152"/>
        <v>6.54</v>
      </c>
      <c r="D689" s="239">
        <v>0.2324</v>
      </c>
      <c r="E689" s="239">
        <v>6.4999999999999997E-3</v>
      </c>
      <c r="F689" s="239">
        <v>0.1812</v>
      </c>
      <c r="G689">
        <f t="shared" si="153"/>
        <v>0.26863999999999999</v>
      </c>
      <c r="H689" s="235">
        <f t="shared" si="154"/>
        <v>2.419594997022037</v>
      </c>
      <c r="I689" s="236">
        <f t="shared" si="155"/>
        <v>14.925562728232773</v>
      </c>
      <c r="J689" s="237">
        <f t="shared" si="160"/>
        <v>4.925562728232773</v>
      </c>
      <c r="K689" s="237">
        <f t="shared" si="156"/>
        <v>97.613180242642329</v>
      </c>
      <c r="L689" s="237">
        <f t="shared" si="161"/>
        <v>32.247659181739962</v>
      </c>
      <c r="M689" s="236">
        <f t="shared" si="157"/>
        <v>5.3035421514936045</v>
      </c>
      <c r="N689" s="236">
        <f t="shared" si="158"/>
        <v>3.8005735060862391</v>
      </c>
      <c r="O689" s="236">
        <f t="shared" si="162"/>
        <v>3.2828135228844788</v>
      </c>
      <c r="P689" s="236" t="str">
        <f t="shared" si="163"/>
        <v>CLAY</v>
      </c>
      <c r="Q689" s="236">
        <f t="shared" si="159"/>
        <v>14.252234979779805</v>
      </c>
      <c r="R689" s="238">
        <v>35</v>
      </c>
      <c r="S689" s="236">
        <f t="shared" si="164"/>
        <v>2.0120906353712944</v>
      </c>
      <c r="T689" s="236" t="e">
        <f t="shared" si="150"/>
        <v>#N/A</v>
      </c>
    </row>
    <row r="690" spans="1:20" x14ac:dyDescent="0.2">
      <c r="A690" s="53">
        <f t="shared" si="151"/>
        <v>678</v>
      </c>
      <c r="B690" s="239">
        <v>6.5570000000000004</v>
      </c>
      <c r="C690" s="3">
        <f t="shared" si="152"/>
        <v>6.5500000000000007</v>
      </c>
      <c r="D690" s="239">
        <v>0.2293</v>
      </c>
      <c r="E690" s="239">
        <v>6.7999999999999996E-3</v>
      </c>
      <c r="F690" s="239">
        <v>0.18529999999999999</v>
      </c>
      <c r="G690">
        <f t="shared" si="153"/>
        <v>0.26635999999999999</v>
      </c>
      <c r="H690" s="235">
        <f t="shared" si="154"/>
        <v>2.5529358762576964</v>
      </c>
      <c r="I690" s="236">
        <f t="shared" si="155"/>
        <v>14.975139224287782</v>
      </c>
      <c r="J690" s="237">
        <f t="shared" si="160"/>
        <v>4.9751392242877817</v>
      </c>
      <c r="K690" s="237">
        <f t="shared" si="156"/>
        <v>98.087161919084977</v>
      </c>
      <c r="L690" s="237">
        <f t="shared" si="161"/>
        <v>32.621987893654989</v>
      </c>
      <c r="M690" s="236">
        <f t="shared" si="157"/>
        <v>5.1582643776789672</v>
      </c>
      <c r="N690" s="236">
        <f t="shared" si="158"/>
        <v>4.0410562260382017</v>
      </c>
      <c r="O690" s="236">
        <f t="shared" si="162"/>
        <v>3.3075474305240893</v>
      </c>
      <c r="P690" s="236" t="str">
        <f t="shared" si="163"/>
        <v>CLAY</v>
      </c>
      <c r="Q690" s="236">
        <f t="shared" si="159"/>
        <v>14.022736506742921</v>
      </c>
      <c r="R690" s="238">
        <v>35</v>
      </c>
      <c r="S690" s="236">
        <f t="shared" si="164"/>
        <v>1.9434326978878744</v>
      </c>
      <c r="T690" s="236" t="e">
        <f t="shared" si="150"/>
        <v>#N/A</v>
      </c>
    </row>
    <row r="691" spans="1:20" x14ac:dyDescent="0.2">
      <c r="A691" s="53">
        <f t="shared" si="151"/>
        <v>679</v>
      </c>
      <c r="B691" s="239">
        <v>6.5670000000000002</v>
      </c>
      <c r="C691" s="3">
        <f t="shared" si="152"/>
        <v>6.5600000000000005</v>
      </c>
      <c r="D691" s="239">
        <v>0.23139999999999999</v>
      </c>
      <c r="E691" s="239">
        <v>6.7999999999999996E-3</v>
      </c>
      <c r="F691" s="239">
        <v>0.18759999999999999</v>
      </c>
      <c r="G691">
        <f t="shared" si="153"/>
        <v>0.26891999999999999</v>
      </c>
      <c r="H691" s="235">
        <f t="shared" si="154"/>
        <v>2.5286330507214041</v>
      </c>
      <c r="I691" s="236">
        <f t="shared" si="155"/>
        <v>14.978877911013742</v>
      </c>
      <c r="J691" s="237">
        <f t="shared" si="160"/>
        <v>4.9788779110137416</v>
      </c>
      <c r="K691" s="237">
        <f t="shared" si="156"/>
        <v>98.261439096250157</v>
      </c>
      <c r="L691" s="237">
        <f t="shared" si="161"/>
        <v>32.696291241627243</v>
      </c>
      <c r="M691" s="236">
        <f t="shared" si="157"/>
        <v>5.2195082201395397</v>
      </c>
      <c r="N691" s="236">
        <f t="shared" si="158"/>
        <v>3.9845642457017725</v>
      </c>
      <c r="O691" s="236">
        <f t="shared" si="162"/>
        <v>3.299898373575183</v>
      </c>
      <c r="P691" s="236" t="str">
        <f t="shared" si="163"/>
        <v>CLAY</v>
      </c>
      <c r="Q691" s="236">
        <f t="shared" si="159"/>
        <v>14.221546741979154</v>
      </c>
      <c r="R691" s="238">
        <v>35</v>
      </c>
      <c r="S691" s="236">
        <f t="shared" si="164"/>
        <v>1.9723182397111829</v>
      </c>
      <c r="T691" s="236" t="e">
        <f t="shared" si="150"/>
        <v>#N/A</v>
      </c>
    </row>
    <row r="692" spans="1:20" x14ac:dyDescent="0.2">
      <c r="A692" s="53">
        <f t="shared" si="151"/>
        <v>680</v>
      </c>
      <c r="B692" s="239">
        <v>6.577</v>
      </c>
      <c r="C692" s="3">
        <f t="shared" si="152"/>
        <v>6.57</v>
      </c>
      <c r="D692" s="239">
        <v>0.23480000000000001</v>
      </c>
      <c r="E692" s="239">
        <v>6.7000000000000002E-3</v>
      </c>
      <c r="F692" s="239">
        <v>0.18290000000000001</v>
      </c>
      <c r="G692">
        <f t="shared" si="153"/>
        <v>0.27138000000000001</v>
      </c>
      <c r="H692" s="235">
        <f t="shared" si="154"/>
        <v>2.4688628491414253</v>
      </c>
      <c r="I692" s="236">
        <f t="shared" si="155"/>
        <v>14.965065075991324</v>
      </c>
      <c r="J692" s="237">
        <f t="shared" si="160"/>
        <v>4.9650650759913244</v>
      </c>
      <c r="K692" s="237">
        <f t="shared" si="156"/>
        <v>98.320477549263003</v>
      </c>
      <c r="L692" s="237">
        <f t="shared" si="161"/>
        <v>32.655233004794944</v>
      </c>
      <c r="M692" s="236">
        <f t="shared" si="157"/>
        <v>5.2995953948736405</v>
      </c>
      <c r="N692" s="236">
        <f t="shared" si="158"/>
        <v>3.8715003399522363</v>
      </c>
      <c r="O692" s="236">
        <f t="shared" si="162"/>
        <v>3.2874930635747028</v>
      </c>
      <c r="P692" s="236" t="str">
        <f t="shared" si="163"/>
        <v>CLAY</v>
      </c>
      <c r="Q692" s="236">
        <f t="shared" si="159"/>
        <v>14.42162687089475</v>
      </c>
      <c r="R692" s="238">
        <v>35</v>
      </c>
      <c r="S692" s="236">
        <f t="shared" si="164"/>
        <v>2.0102191283284974</v>
      </c>
      <c r="T692" s="236" t="e">
        <f t="shared" si="150"/>
        <v>#N/A</v>
      </c>
    </row>
    <row r="693" spans="1:20" x14ac:dyDescent="0.2">
      <c r="A693" s="53">
        <f t="shared" si="151"/>
        <v>681</v>
      </c>
      <c r="B693" s="239">
        <v>6.5869999999999997</v>
      </c>
      <c r="C693" s="3">
        <f t="shared" si="152"/>
        <v>6.58</v>
      </c>
      <c r="D693" s="239">
        <v>0.23619999999999999</v>
      </c>
      <c r="E693" s="239">
        <v>6.4999999999999997E-3</v>
      </c>
      <c r="F693" s="239">
        <v>0.1807</v>
      </c>
      <c r="G693">
        <f t="shared" si="153"/>
        <v>0.27233999999999997</v>
      </c>
      <c r="H693" s="235">
        <f t="shared" si="154"/>
        <v>2.3867224792538737</v>
      </c>
      <c r="I693" s="236">
        <f t="shared" si="155"/>
        <v>14.93090940713204</v>
      </c>
      <c r="J693" s="237">
        <f t="shared" si="160"/>
        <v>4.9309094071320398</v>
      </c>
      <c r="K693" s="237">
        <f t="shared" si="156"/>
        <v>98.245383898928822</v>
      </c>
      <c r="L693" s="237">
        <f t="shared" si="161"/>
        <v>32.479900264778742</v>
      </c>
      <c r="M693" s="236">
        <f t="shared" si="157"/>
        <v>5.3600723734321205</v>
      </c>
      <c r="N693" s="236">
        <f t="shared" si="158"/>
        <v>3.7336019605720638</v>
      </c>
      <c r="O693" s="236">
        <f t="shared" si="162"/>
        <v>3.274731795267205</v>
      </c>
      <c r="P693" s="236" t="str">
        <f t="shared" si="163"/>
        <v>CLAY</v>
      </c>
      <c r="Q693" s="236">
        <f t="shared" si="159"/>
        <v>14.507884675089263</v>
      </c>
      <c r="R693" s="238">
        <v>35</v>
      </c>
      <c r="S693" s="236">
        <f t="shared" si="164"/>
        <v>2.0389347411360128</v>
      </c>
      <c r="T693" s="236" t="e">
        <f t="shared" si="150"/>
        <v>#N/A</v>
      </c>
    </row>
    <row r="694" spans="1:20" x14ac:dyDescent="0.2">
      <c r="A694" s="53">
        <f t="shared" si="151"/>
        <v>682</v>
      </c>
      <c r="B694" s="239">
        <v>6.5960000000000001</v>
      </c>
      <c r="C694" s="3">
        <f t="shared" si="152"/>
        <v>6.5890000000000004</v>
      </c>
      <c r="D694" s="239">
        <v>0.23699999999999999</v>
      </c>
      <c r="E694" s="239">
        <v>6.4000000000000003E-3</v>
      </c>
      <c r="F694" s="239">
        <v>0.17730000000000001</v>
      </c>
      <c r="G694">
        <f t="shared" si="153"/>
        <v>0.27245999999999998</v>
      </c>
      <c r="H694" s="235">
        <f t="shared" si="154"/>
        <v>2.3489686559494976</v>
      </c>
      <c r="I694" s="236">
        <f t="shared" si="155"/>
        <v>14.912901461195132</v>
      </c>
      <c r="J694" s="237">
        <f t="shared" si="160"/>
        <v>4.9129014611951316</v>
      </c>
      <c r="K694" s="237">
        <f t="shared" si="156"/>
        <v>98.261107727814732</v>
      </c>
      <c r="L694" s="237">
        <f t="shared" si="161"/>
        <v>32.405498038043092</v>
      </c>
      <c r="M694" s="236">
        <f t="shared" si="157"/>
        <v>5.3755968221096593</v>
      </c>
      <c r="N694" s="236">
        <f t="shared" si="158"/>
        <v>3.6739613648059368</v>
      </c>
      <c r="O694" s="236">
        <f t="shared" si="162"/>
        <v>3.269857399860518</v>
      </c>
      <c r="P694" s="236" t="str">
        <f t="shared" si="163"/>
        <v>CLAY</v>
      </c>
      <c r="Q694" s="236">
        <f t="shared" si="159"/>
        <v>14.516574356015438</v>
      </c>
      <c r="R694" s="238">
        <v>35</v>
      </c>
      <c r="S694" s="236">
        <f t="shared" si="164"/>
        <v>2.0463191538360701</v>
      </c>
      <c r="T694" s="236" t="e">
        <f t="shared" si="150"/>
        <v>#N/A</v>
      </c>
    </row>
    <row r="695" spans="1:20" x14ac:dyDescent="0.2">
      <c r="A695" s="53">
        <f t="shared" si="151"/>
        <v>683</v>
      </c>
      <c r="B695" s="239">
        <v>6.6070000000000002</v>
      </c>
      <c r="C695" s="3">
        <f t="shared" si="152"/>
        <v>6.6000000000000005</v>
      </c>
      <c r="D695" s="239">
        <v>0.2429</v>
      </c>
      <c r="E695" s="239">
        <v>6.1999999999999998E-3</v>
      </c>
      <c r="F695" s="239">
        <v>0.17430000000000001</v>
      </c>
      <c r="G695">
        <f t="shared" si="153"/>
        <v>0.27776000000000001</v>
      </c>
      <c r="H695" s="235">
        <f t="shared" si="154"/>
        <v>2.2321428571428568</v>
      </c>
      <c r="I695" s="236">
        <f t="shared" si="155"/>
        <v>14.883203349174529</v>
      </c>
      <c r="J695" s="237">
        <f t="shared" si="160"/>
        <v>4.8832033491745293</v>
      </c>
      <c r="K695" s="237">
        <f t="shared" si="156"/>
        <v>98.229142104551897</v>
      </c>
      <c r="L695" s="237">
        <f t="shared" si="161"/>
        <v>32.263324527996119</v>
      </c>
      <c r="M695" s="236">
        <f t="shared" si="157"/>
        <v>5.5645492373131704</v>
      </c>
      <c r="N695" s="236">
        <f t="shared" si="158"/>
        <v>3.4534453144598922</v>
      </c>
      <c r="O695" s="236">
        <f t="shared" si="162"/>
        <v>3.2426430405529576</v>
      </c>
      <c r="P695" s="236" t="str">
        <f t="shared" si="163"/>
        <v>CLAY</v>
      </c>
      <c r="Q695" s="236">
        <f t="shared" si="159"/>
        <v>14.960904824620675</v>
      </c>
      <c r="R695" s="238">
        <v>35</v>
      </c>
      <c r="S695" s="236">
        <f t="shared" si="164"/>
        <v>2.1366210150142884</v>
      </c>
      <c r="T695" s="236" t="e">
        <f t="shared" si="150"/>
        <v>#N/A</v>
      </c>
    </row>
    <row r="696" spans="1:20" x14ac:dyDescent="0.2">
      <c r="A696" s="53">
        <f t="shared" si="151"/>
        <v>684</v>
      </c>
      <c r="B696" s="239">
        <v>6.6159999999999997</v>
      </c>
      <c r="C696" s="3">
        <f t="shared" si="152"/>
        <v>6.609</v>
      </c>
      <c r="D696" s="239">
        <v>0.24110000000000001</v>
      </c>
      <c r="E696" s="239">
        <v>6.1000000000000004E-3</v>
      </c>
      <c r="F696" s="239">
        <v>0.17119999999999999</v>
      </c>
      <c r="G696">
        <f t="shared" si="153"/>
        <v>0.27534000000000003</v>
      </c>
      <c r="H696" s="235">
        <f t="shared" si="154"/>
        <v>2.2154427253577391</v>
      </c>
      <c r="I696" s="236">
        <f t="shared" si="155"/>
        <v>14.860715986182029</v>
      </c>
      <c r="J696" s="237">
        <f t="shared" si="160"/>
        <v>4.8607159861820293</v>
      </c>
      <c r="K696" s="237">
        <f t="shared" si="156"/>
        <v>98.21447195267703</v>
      </c>
      <c r="L696" s="237">
        <f t="shared" si="161"/>
        <v>32.158496964580301</v>
      </c>
      <c r="M696" s="236">
        <f t="shared" si="157"/>
        <v>5.5078919963955677</v>
      </c>
      <c r="N696" s="236">
        <f t="shared" si="158"/>
        <v>3.4438852870322854</v>
      </c>
      <c r="O696" s="236">
        <f t="shared" si="162"/>
        <v>3.2457265219234768</v>
      </c>
      <c r="P696" s="236" t="str">
        <f t="shared" si="163"/>
        <v>CLAY</v>
      </c>
      <c r="Q696" s="236">
        <f t="shared" si="159"/>
        <v>14.76046067061025</v>
      </c>
      <c r="R696" s="238">
        <v>35</v>
      </c>
      <c r="S696" s="236">
        <f t="shared" si="164"/>
        <v>2.1094623489645601</v>
      </c>
      <c r="T696" s="236" t="e">
        <f t="shared" si="150"/>
        <v>#N/A</v>
      </c>
    </row>
    <row r="697" spans="1:20" x14ac:dyDescent="0.2">
      <c r="A697" s="53">
        <f t="shared" si="151"/>
        <v>685</v>
      </c>
      <c r="B697" s="239">
        <v>6.6269999999999998</v>
      </c>
      <c r="C697" s="3">
        <f t="shared" si="152"/>
        <v>6.62</v>
      </c>
      <c r="D697" s="239">
        <v>0.24099999999999999</v>
      </c>
      <c r="E697" s="239">
        <v>6.1000000000000004E-3</v>
      </c>
      <c r="F697" s="239">
        <v>0.16900000000000001</v>
      </c>
      <c r="G697">
        <f t="shared" si="153"/>
        <v>0.27479999999999999</v>
      </c>
      <c r="H697" s="235">
        <f t="shared" si="154"/>
        <v>2.2197962154294033</v>
      </c>
      <c r="I697" s="236">
        <f t="shared" si="155"/>
        <v>14.859948664460321</v>
      </c>
      <c r="J697" s="237">
        <f t="shared" si="160"/>
        <v>4.8599486644603207</v>
      </c>
      <c r="K697" s="237">
        <f t="shared" si="156"/>
        <v>98.37286015872732</v>
      </c>
      <c r="L697" s="237">
        <f t="shared" si="161"/>
        <v>32.206879799378541</v>
      </c>
      <c r="M697" s="236">
        <f t="shared" si="157"/>
        <v>5.4779333154985412</v>
      </c>
      <c r="N697" s="236">
        <f t="shared" si="158"/>
        <v>3.457517933741955</v>
      </c>
      <c r="O697" s="236">
        <f t="shared" si="162"/>
        <v>3.2486469286626045</v>
      </c>
      <c r="P697" s="236" t="str">
        <f t="shared" si="163"/>
        <v>CLAY</v>
      </c>
      <c r="Q697" s="236">
        <f t="shared" si="159"/>
        <v>14.702261653439392</v>
      </c>
      <c r="R697" s="238">
        <v>35</v>
      </c>
      <c r="S697" s="236">
        <f t="shared" si="164"/>
        <v>2.0951298050470304</v>
      </c>
      <c r="T697" s="236" t="e">
        <f t="shared" si="150"/>
        <v>#N/A</v>
      </c>
    </row>
    <row r="698" spans="1:20" x14ac:dyDescent="0.2">
      <c r="A698" s="53">
        <f t="shared" si="151"/>
        <v>686</v>
      </c>
      <c r="B698" s="239">
        <v>6.6360000000000001</v>
      </c>
      <c r="C698" s="3">
        <f t="shared" si="152"/>
        <v>6.6290000000000004</v>
      </c>
      <c r="D698" s="239">
        <v>0.2414</v>
      </c>
      <c r="E698" s="239">
        <v>6.1000000000000004E-3</v>
      </c>
      <c r="F698" s="239">
        <v>0.1686</v>
      </c>
      <c r="G698">
        <f t="shared" si="153"/>
        <v>0.27511999999999998</v>
      </c>
      <c r="H698" s="235">
        <f t="shared" si="154"/>
        <v>2.2172143064844434</v>
      </c>
      <c r="I698" s="236">
        <f t="shared" si="155"/>
        <v>14.860403555444119</v>
      </c>
      <c r="J698" s="237">
        <f t="shared" si="160"/>
        <v>4.860403555444119</v>
      </c>
      <c r="K698" s="237">
        <f t="shared" si="156"/>
        <v>98.509615169039066</v>
      </c>
      <c r="L698" s="237">
        <f t="shared" si="161"/>
        <v>32.253637993927171</v>
      </c>
      <c r="M698" s="236">
        <f t="shared" si="157"/>
        <v>5.4756733136340676</v>
      </c>
      <c r="N698" s="236">
        <f t="shared" si="158"/>
        <v>3.4539305295317115</v>
      </c>
      <c r="O698" s="236">
        <f t="shared" si="162"/>
        <v>3.2485535610604774</v>
      </c>
      <c r="P698" s="236" t="str">
        <f t="shared" si="163"/>
        <v>CLAY</v>
      </c>
      <c r="Q698" s="236">
        <f t="shared" si="159"/>
        <v>14.717532069246738</v>
      </c>
      <c r="R698" s="238">
        <v>35</v>
      </c>
      <c r="S698" s="236">
        <f t="shared" si="164"/>
        <v>2.0940493900480592</v>
      </c>
      <c r="T698" s="236" t="e">
        <f t="shared" si="150"/>
        <v>#N/A</v>
      </c>
    </row>
    <row r="699" spans="1:20" x14ac:dyDescent="0.2">
      <c r="A699" s="53">
        <f t="shared" si="151"/>
        <v>687</v>
      </c>
      <c r="B699" s="239">
        <v>6.6470000000000002</v>
      </c>
      <c r="C699" s="3">
        <f t="shared" si="152"/>
        <v>6.6400000000000006</v>
      </c>
      <c r="D699" s="239">
        <v>0.2404</v>
      </c>
      <c r="E699" s="239">
        <v>6.1000000000000004E-3</v>
      </c>
      <c r="F699" s="239">
        <v>0.16919999999999999</v>
      </c>
      <c r="G699">
        <f t="shared" si="153"/>
        <v>0.27423999999999998</v>
      </c>
      <c r="H699" s="235">
        <f t="shared" si="154"/>
        <v>2.2243290548424737</v>
      </c>
      <c r="I699" s="236">
        <f t="shared" si="155"/>
        <v>14.859151329130352</v>
      </c>
      <c r="J699" s="237">
        <f t="shared" si="160"/>
        <v>4.8591513291303521</v>
      </c>
      <c r="K699" s="237">
        <f t="shared" si="156"/>
        <v>98.66476482542555</v>
      </c>
      <c r="L699" s="237">
        <f t="shared" si="161"/>
        <v>32.298778884729451</v>
      </c>
      <c r="M699" s="236">
        <f t="shared" si="157"/>
        <v>5.4359713040911499</v>
      </c>
      <c r="N699" s="236">
        <f t="shared" si="158"/>
        <v>3.4742940790794159</v>
      </c>
      <c r="O699" s="236">
        <f t="shared" si="162"/>
        <v>3.252592832737891</v>
      </c>
      <c r="P699" s="236" t="str">
        <f t="shared" si="163"/>
        <v>CLAY</v>
      </c>
      <c r="Q699" s="236">
        <f t="shared" si="159"/>
        <v>14.631269597881206</v>
      </c>
      <c r="R699" s="238">
        <v>35</v>
      </c>
      <c r="S699" s="236">
        <f t="shared" si="164"/>
        <v>2.0750876850450517</v>
      </c>
      <c r="T699" s="236" t="e">
        <f t="shared" si="150"/>
        <v>#N/A</v>
      </c>
    </row>
    <row r="700" spans="1:20" x14ac:dyDescent="0.2">
      <c r="A700" s="53">
        <f t="shared" si="151"/>
        <v>688</v>
      </c>
      <c r="B700" s="239">
        <v>6.6559999999999997</v>
      </c>
      <c r="C700" s="3">
        <f t="shared" si="152"/>
        <v>6.649</v>
      </c>
      <c r="D700" s="239">
        <v>0.24249999999999999</v>
      </c>
      <c r="E700" s="239">
        <v>6.0000000000000001E-3</v>
      </c>
      <c r="F700" s="239">
        <v>0.1694</v>
      </c>
      <c r="G700">
        <f t="shared" si="153"/>
        <v>0.27637999999999996</v>
      </c>
      <c r="H700" s="235">
        <f t="shared" si="154"/>
        <v>2.1709240900209861</v>
      </c>
      <c r="I700" s="236">
        <f t="shared" si="155"/>
        <v>14.842807381663029</v>
      </c>
      <c r="J700" s="237">
        <f t="shared" si="160"/>
        <v>4.8428073816630288</v>
      </c>
      <c r="K700" s="237">
        <f t="shared" si="156"/>
        <v>98.68982628067748</v>
      </c>
      <c r="L700" s="237">
        <f t="shared" si="161"/>
        <v>32.233725932349117</v>
      </c>
      <c r="M700" s="236">
        <f t="shared" si="157"/>
        <v>5.5125545862197756</v>
      </c>
      <c r="N700" s="236">
        <f t="shared" si="158"/>
        <v>3.3766639282358617</v>
      </c>
      <c r="O700" s="236">
        <f t="shared" si="162"/>
        <v>3.2407907524825466</v>
      </c>
      <c r="P700" s="236" t="str">
        <f t="shared" si="163"/>
        <v>CLAY</v>
      </c>
      <c r="Q700" s="236">
        <f t="shared" si="159"/>
        <v>14.807514476610203</v>
      </c>
      <c r="R700" s="238">
        <v>35</v>
      </c>
      <c r="S700" s="236">
        <f t="shared" si="164"/>
        <v>2.1116947361985479</v>
      </c>
      <c r="T700" s="236" t="e">
        <f t="shared" si="150"/>
        <v>#N/A</v>
      </c>
    </row>
    <row r="701" spans="1:20" x14ac:dyDescent="0.2">
      <c r="A701" s="53">
        <f t="shared" si="151"/>
        <v>689</v>
      </c>
      <c r="B701" s="239">
        <v>6.6669999999999998</v>
      </c>
      <c r="C701" s="3">
        <f t="shared" si="152"/>
        <v>6.66</v>
      </c>
      <c r="D701" s="239">
        <v>0.24460000000000001</v>
      </c>
      <c r="E701" s="239">
        <v>6.1000000000000004E-3</v>
      </c>
      <c r="F701" s="239">
        <v>0.17019999999999999</v>
      </c>
      <c r="G701">
        <f t="shared" si="153"/>
        <v>0.27864</v>
      </c>
      <c r="H701" s="235">
        <f t="shared" si="154"/>
        <v>2.1892047085845538</v>
      </c>
      <c r="I701" s="236">
        <f t="shared" si="155"/>
        <v>14.865372724216719</v>
      </c>
      <c r="J701" s="237">
        <f t="shared" si="160"/>
        <v>4.8653727242167193</v>
      </c>
      <c r="K701" s="237">
        <f t="shared" si="156"/>
        <v>99.003382343283349</v>
      </c>
      <c r="L701" s="237">
        <f t="shared" si="161"/>
        <v>32.437439952352868</v>
      </c>
      <c r="M701" s="236">
        <f t="shared" si="157"/>
        <v>5.5379406611799089</v>
      </c>
      <c r="N701" s="236">
        <f t="shared" si="158"/>
        <v>3.3957441859972146</v>
      </c>
      <c r="O701" s="236">
        <f t="shared" si="162"/>
        <v>3.2404324955973678</v>
      </c>
      <c r="P701" s="236" t="str">
        <f t="shared" si="163"/>
        <v>CLAY</v>
      </c>
      <c r="Q701" s="236">
        <f t="shared" si="159"/>
        <v>14.969718138059719</v>
      </c>
      <c r="R701" s="238">
        <v>35</v>
      </c>
      <c r="S701" s="236">
        <f t="shared" si="164"/>
        <v>2.1238575328191232</v>
      </c>
      <c r="T701" s="236" t="e">
        <f t="shared" si="150"/>
        <v>#N/A</v>
      </c>
    </row>
    <row r="702" spans="1:20" x14ac:dyDescent="0.2">
      <c r="A702" s="53">
        <f t="shared" si="151"/>
        <v>690</v>
      </c>
      <c r="B702" s="239">
        <v>6.6769999999999996</v>
      </c>
      <c r="C702" s="3">
        <f t="shared" si="152"/>
        <v>6.67</v>
      </c>
      <c r="D702" s="239">
        <v>0.2422</v>
      </c>
      <c r="E702" s="239">
        <v>6.1000000000000004E-3</v>
      </c>
      <c r="F702" s="239">
        <v>0.16839999999999999</v>
      </c>
      <c r="G702">
        <f t="shared" si="153"/>
        <v>0.27588000000000001</v>
      </c>
      <c r="H702" s="235">
        <f t="shared" si="154"/>
        <v>2.2111062780919242</v>
      </c>
      <c r="I702" s="236">
        <f t="shared" si="155"/>
        <v>14.861481804496769</v>
      </c>
      <c r="J702" s="237">
        <f t="shared" si="160"/>
        <v>4.8614818044967691</v>
      </c>
      <c r="K702" s="237">
        <f t="shared" si="156"/>
        <v>99.126083635993453</v>
      </c>
      <c r="L702" s="237">
        <f t="shared" si="161"/>
        <v>32.460114008624927</v>
      </c>
      <c r="M702" s="236">
        <f t="shared" si="157"/>
        <v>5.4452648045857615</v>
      </c>
      <c r="N702" s="236">
        <f t="shared" si="158"/>
        <v>3.4511257942583162</v>
      </c>
      <c r="O702" s="236">
        <f t="shared" si="162"/>
        <v>3.2503966253589165</v>
      </c>
      <c r="P702" s="236" t="str">
        <f t="shared" si="163"/>
        <v>CLAY</v>
      </c>
      <c r="Q702" s="236">
        <f t="shared" si="159"/>
        <v>14.729493030333879</v>
      </c>
      <c r="R702" s="238">
        <v>35</v>
      </c>
      <c r="S702" s="236">
        <f t="shared" si="164"/>
        <v>2.0795231729341297</v>
      </c>
      <c r="T702" s="236" t="e">
        <f t="shared" si="150"/>
        <v>#N/A</v>
      </c>
    </row>
    <row r="703" spans="1:20" x14ac:dyDescent="0.2">
      <c r="A703" s="53">
        <f t="shared" si="151"/>
        <v>691</v>
      </c>
      <c r="B703" s="239">
        <v>6.6870000000000003</v>
      </c>
      <c r="C703" s="3">
        <f t="shared" si="152"/>
        <v>6.6800000000000006</v>
      </c>
      <c r="D703" s="239">
        <v>0.23980000000000001</v>
      </c>
      <c r="E703" s="239">
        <v>6.1000000000000004E-3</v>
      </c>
      <c r="F703" s="239">
        <v>0.1663</v>
      </c>
      <c r="G703">
        <f t="shared" si="153"/>
        <v>0.27306000000000002</v>
      </c>
      <c r="H703" s="235">
        <f t="shared" si="154"/>
        <v>2.2339412583315021</v>
      </c>
      <c r="I703" s="236">
        <f t="shared" si="155"/>
        <v>14.857465886212591</v>
      </c>
      <c r="J703" s="237">
        <f t="shared" si="160"/>
        <v>4.8574658862125908</v>
      </c>
      <c r="K703" s="237">
        <f t="shared" si="156"/>
        <v>99.247872119900109</v>
      </c>
      <c r="L703" s="237">
        <f t="shared" si="161"/>
        <v>32.481874381103594</v>
      </c>
      <c r="M703" s="236">
        <f t="shared" si="157"/>
        <v>5.3510498144533036</v>
      </c>
      <c r="N703" s="236">
        <f t="shared" si="158"/>
        <v>3.5095364600840386</v>
      </c>
      <c r="O703" s="236">
        <f t="shared" si="162"/>
        <v>3.2607151761597084</v>
      </c>
      <c r="P703" s="236" t="str">
        <f t="shared" si="163"/>
        <v>CLAY</v>
      </c>
      <c r="Q703" s="236">
        <f t="shared" si="159"/>
        <v>14.484343990008325</v>
      </c>
      <c r="R703" s="238">
        <v>35</v>
      </c>
      <c r="S703" s="236">
        <f t="shared" si="164"/>
        <v>2.0346454948274388</v>
      </c>
      <c r="T703" s="236" t="e">
        <f t="shared" si="150"/>
        <v>#N/A</v>
      </c>
    </row>
    <row r="704" spans="1:20" x14ac:dyDescent="0.2">
      <c r="A704" s="53">
        <f t="shared" si="151"/>
        <v>692</v>
      </c>
      <c r="B704" s="239">
        <v>6.6970000000000001</v>
      </c>
      <c r="C704" s="3">
        <f t="shared" si="152"/>
        <v>6.69</v>
      </c>
      <c r="D704" s="239">
        <v>0.23769999999999999</v>
      </c>
      <c r="E704" s="239">
        <v>6.0000000000000001E-3</v>
      </c>
      <c r="F704" s="239">
        <v>0.16650000000000001</v>
      </c>
      <c r="G704">
        <f t="shared" si="153"/>
        <v>0.27100000000000002</v>
      </c>
      <c r="H704" s="235">
        <f t="shared" si="154"/>
        <v>2.214022140221402</v>
      </c>
      <c r="I704" s="236">
        <f t="shared" si="155"/>
        <v>14.835123792205289</v>
      </c>
      <c r="J704" s="237">
        <f t="shared" si="160"/>
        <v>4.8351237922052892</v>
      </c>
      <c r="K704" s="237">
        <f t="shared" si="156"/>
        <v>99.246978169853392</v>
      </c>
      <c r="L704" s="237">
        <f t="shared" si="161"/>
        <v>32.38082403639882</v>
      </c>
      <c r="M704" s="236">
        <f t="shared" si="157"/>
        <v>5.304158462338127</v>
      </c>
      <c r="N704" s="236">
        <f t="shared" si="158"/>
        <v>3.4933883177517764</v>
      </c>
      <c r="O704" s="236">
        <f t="shared" si="162"/>
        <v>3.2628469344891773</v>
      </c>
      <c r="P704" s="236" t="str">
        <f t="shared" si="163"/>
        <v>CLAY</v>
      </c>
      <c r="Q704" s="236">
        <f t="shared" si="159"/>
        <v>14.312751819178885</v>
      </c>
      <c r="R704" s="238">
        <v>35</v>
      </c>
      <c r="S704" s="236">
        <f t="shared" si="164"/>
        <v>2.0123829143935037</v>
      </c>
      <c r="T704" s="236" t="e">
        <f t="shared" si="150"/>
        <v>#N/A</v>
      </c>
    </row>
    <row r="705" spans="1:20" x14ac:dyDescent="0.2">
      <c r="A705" s="53">
        <f t="shared" si="151"/>
        <v>693</v>
      </c>
      <c r="B705" s="239">
        <v>6.7069999999999999</v>
      </c>
      <c r="C705" s="3">
        <f t="shared" si="152"/>
        <v>6.7</v>
      </c>
      <c r="D705" s="239">
        <v>0.23519999999999999</v>
      </c>
      <c r="E705" s="239">
        <v>6.0000000000000001E-3</v>
      </c>
      <c r="F705" s="239">
        <v>0.16850000000000001</v>
      </c>
      <c r="G705">
        <f t="shared" si="153"/>
        <v>0.26889999999999997</v>
      </c>
      <c r="H705" s="235">
        <f t="shared" si="154"/>
        <v>2.2313127556712535</v>
      </c>
      <c r="I705" s="236">
        <f t="shared" si="155"/>
        <v>14.832083152419296</v>
      </c>
      <c r="J705" s="237">
        <f t="shared" si="160"/>
        <v>4.8320831524192958</v>
      </c>
      <c r="K705" s="237">
        <f t="shared" si="156"/>
        <v>99.374957121209277</v>
      </c>
      <c r="L705" s="237">
        <f t="shared" si="161"/>
        <v>32.408781703276219</v>
      </c>
      <c r="M705" s="236">
        <f t="shared" si="157"/>
        <v>5.2308366427008686</v>
      </c>
      <c r="N705" s="236">
        <f t="shared" si="158"/>
        <v>3.5393000928423071</v>
      </c>
      <c r="O705" s="236">
        <f t="shared" si="162"/>
        <v>3.2709982268153661</v>
      </c>
      <c r="P705" s="236" t="str">
        <f t="shared" si="163"/>
        <v>CLAY</v>
      </c>
      <c r="Q705" s="236">
        <f t="shared" si="159"/>
        <v>14.127086906565893</v>
      </c>
      <c r="R705" s="238">
        <v>35</v>
      </c>
      <c r="S705" s="236">
        <f t="shared" si="164"/>
        <v>1.9776705909151269</v>
      </c>
      <c r="T705" s="236" t="e">
        <f t="shared" si="150"/>
        <v>#N/A</v>
      </c>
    </row>
    <row r="706" spans="1:20" x14ac:dyDescent="0.2">
      <c r="A706" s="53">
        <f t="shared" si="151"/>
        <v>694</v>
      </c>
      <c r="B706" s="239">
        <v>6.7169999999999996</v>
      </c>
      <c r="C706" s="3">
        <f t="shared" si="152"/>
        <v>6.71</v>
      </c>
      <c r="D706" s="239">
        <v>0.23810000000000001</v>
      </c>
      <c r="E706" s="239">
        <v>6.1000000000000004E-3</v>
      </c>
      <c r="F706" s="239">
        <v>0.1704</v>
      </c>
      <c r="G706">
        <f t="shared" si="153"/>
        <v>0.27217999999999998</v>
      </c>
      <c r="H706" s="235">
        <f t="shared" si="154"/>
        <v>2.2411639356308326</v>
      </c>
      <c r="I706" s="236">
        <f t="shared" si="155"/>
        <v>14.856204197677894</v>
      </c>
      <c r="J706" s="237">
        <f t="shared" si="160"/>
        <v>4.8562041976778936</v>
      </c>
      <c r="K706" s="237">
        <f t="shared" si="156"/>
        <v>99.685130166418659</v>
      </c>
      <c r="L706" s="237">
        <f t="shared" si="161"/>
        <v>32.619123595802407</v>
      </c>
      <c r="M706" s="236">
        <f t="shared" si="157"/>
        <v>5.2881515754696364</v>
      </c>
      <c r="N706" s="236">
        <f t="shared" si="158"/>
        <v>3.5363370550585813</v>
      </c>
      <c r="O706" s="236">
        <f t="shared" si="162"/>
        <v>3.2668213163109092</v>
      </c>
      <c r="P706" s="236" t="str">
        <f t="shared" si="163"/>
        <v>CLAY</v>
      </c>
      <c r="Q706" s="236">
        <f t="shared" si="159"/>
        <v>14.374572486131774</v>
      </c>
      <c r="R706" s="238">
        <v>35</v>
      </c>
      <c r="S706" s="236">
        <f t="shared" si="164"/>
        <v>2.0047945699059939</v>
      </c>
      <c r="T706" s="236" t="e">
        <f t="shared" si="150"/>
        <v>#N/A</v>
      </c>
    </row>
    <row r="707" spans="1:20" x14ac:dyDescent="0.2">
      <c r="A707" s="53">
        <f t="shared" si="151"/>
        <v>695</v>
      </c>
      <c r="B707" s="239">
        <v>6.7279999999999998</v>
      </c>
      <c r="C707" s="3">
        <f t="shared" si="152"/>
        <v>6.7210000000000001</v>
      </c>
      <c r="D707" s="239">
        <v>0.23810000000000001</v>
      </c>
      <c r="E707" s="239">
        <v>6.1999999999999998E-3</v>
      </c>
      <c r="F707" s="239">
        <v>0.17330000000000001</v>
      </c>
      <c r="G707">
        <f t="shared" si="153"/>
        <v>0.27276</v>
      </c>
      <c r="H707" s="235">
        <f t="shared" si="154"/>
        <v>2.2730605660654053</v>
      </c>
      <c r="I707" s="236">
        <f t="shared" si="155"/>
        <v>14.876103229623109</v>
      </c>
      <c r="J707" s="237">
        <f t="shared" si="160"/>
        <v>4.8761032296231086</v>
      </c>
      <c r="K707" s="237">
        <f t="shared" si="156"/>
        <v>99.982289806296919</v>
      </c>
      <c r="L707" s="237">
        <f t="shared" si="161"/>
        <v>32.806422528904271</v>
      </c>
      <c r="M707" s="236">
        <f t="shared" si="157"/>
        <v>5.2665818725426812</v>
      </c>
      <c r="N707" s="236">
        <f t="shared" si="158"/>
        <v>3.5884258409543159</v>
      </c>
      <c r="O707" s="236">
        <f t="shared" si="162"/>
        <v>3.2717545506330556</v>
      </c>
      <c r="P707" s="236" t="str">
        <f t="shared" si="163"/>
        <v>CLAY</v>
      </c>
      <c r="Q707" s="236">
        <f t="shared" si="159"/>
        <v>14.398142516141922</v>
      </c>
      <c r="R707" s="238">
        <v>35</v>
      </c>
      <c r="S707" s="236">
        <f t="shared" si="164"/>
        <v>1.9945781567580059</v>
      </c>
      <c r="T707" s="236" t="e">
        <f t="shared" si="150"/>
        <v>#N/A</v>
      </c>
    </row>
    <row r="708" spans="1:20" x14ac:dyDescent="0.2">
      <c r="A708" s="53">
        <f t="shared" si="151"/>
        <v>696</v>
      </c>
      <c r="B708" s="239">
        <v>6.7370000000000001</v>
      </c>
      <c r="C708" s="3">
        <f t="shared" si="152"/>
        <v>6.73</v>
      </c>
      <c r="D708" s="239">
        <v>0.23699999999999999</v>
      </c>
      <c r="E708" s="239">
        <v>6.4000000000000003E-3</v>
      </c>
      <c r="F708" s="239">
        <v>0.17599999999999999</v>
      </c>
      <c r="G708">
        <f t="shared" si="153"/>
        <v>0.2722</v>
      </c>
      <c r="H708" s="235">
        <f t="shared" si="154"/>
        <v>2.3512123438648054</v>
      </c>
      <c r="I708" s="236">
        <f t="shared" si="155"/>
        <v>14.912528292919568</v>
      </c>
      <c r="J708" s="237">
        <f t="shared" si="160"/>
        <v>4.9125282929195677</v>
      </c>
      <c r="K708" s="237">
        <f t="shared" si="156"/>
        <v>100.3613154113487</v>
      </c>
      <c r="L708" s="237">
        <f t="shared" si="161"/>
        <v>33.095703109399125</v>
      </c>
      <c r="M708" s="236">
        <f t="shared" si="157"/>
        <v>5.1921750693929019</v>
      </c>
      <c r="N708" s="236">
        <f t="shared" si="158"/>
        <v>3.724423295790682</v>
      </c>
      <c r="O708" s="236">
        <f t="shared" si="162"/>
        <v>3.2857256111980666</v>
      </c>
      <c r="P708" s="236" t="str">
        <f t="shared" si="163"/>
        <v>CLAY</v>
      </c>
      <c r="Q708" s="236">
        <f t="shared" si="159"/>
        <v>14.319890382387607</v>
      </c>
      <c r="R708" s="238">
        <v>35</v>
      </c>
      <c r="S708" s="236">
        <f t="shared" si="164"/>
        <v>1.9594160815013095</v>
      </c>
      <c r="T708" s="236" t="e">
        <f t="shared" si="150"/>
        <v>#N/A</v>
      </c>
    </row>
    <row r="709" spans="1:20" x14ac:dyDescent="0.2">
      <c r="A709" s="53">
        <f t="shared" si="151"/>
        <v>697</v>
      </c>
      <c r="B709" s="239">
        <v>6.7469999999999999</v>
      </c>
      <c r="C709" s="3">
        <f t="shared" si="152"/>
        <v>6.74</v>
      </c>
      <c r="D709" s="239">
        <v>0.2339</v>
      </c>
      <c r="E709" s="239">
        <v>6.6E-3</v>
      </c>
      <c r="F709" s="239">
        <v>0.17960000000000001</v>
      </c>
      <c r="G709">
        <f t="shared" si="153"/>
        <v>0.26982</v>
      </c>
      <c r="H709" s="235">
        <f t="shared" si="154"/>
        <v>2.44607516121859</v>
      </c>
      <c r="I709" s="236">
        <f t="shared" si="155"/>
        <v>14.945178404501958</v>
      </c>
      <c r="J709" s="237">
        <f t="shared" si="160"/>
        <v>4.9451784045019576</v>
      </c>
      <c r="K709" s="237">
        <f t="shared" si="156"/>
        <v>100.73050244634319</v>
      </c>
      <c r="L709" s="237">
        <f t="shared" si="161"/>
        <v>33.365118695174708</v>
      </c>
      <c r="M709" s="236">
        <f t="shared" si="157"/>
        <v>5.0678524209209739</v>
      </c>
      <c r="N709" s="236">
        <f t="shared" si="158"/>
        <v>3.9032583900757269</v>
      </c>
      <c r="O709" s="236">
        <f t="shared" si="162"/>
        <v>3.3056720050882493</v>
      </c>
      <c r="P709" s="236" t="str">
        <f t="shared" si="163"/>
        <v>CLAY</v>
      </c>
      <c r="Q709" s="236">
        <f t="shared" si="159"/>
        <v>14.090791462804733</v>
      </c>
      <c r="R709" s="238">
        <v>35</v>
      </c>
      <c r="S709" s="236">
        <f t="shared" si="164"/>
        <v>1.9009467787979217</v>
      </c>
      <c r="T709" s="236" t="e">
        <f t="shared" si="150"/>
        <v>#N/A</v>
      </c>
    </row>
    <row r="710" spans="1:20" x14ac:dyDescent="0.2">
      <c r="A710" s="53">
        <f t="shared" si="151"/>
        <v>698</v>
      </c>
      <c r="B710" s="239">
        <v>6.7560000000000002</v>
      </c>
      <c r="C710" s="3">
        <f t="shared" si="152"/>
        <v>6.7490000000000006</v>
      </c>
      <c r="D710" s="239">
        <v>0.23230000000000001</v>
      </c>
      <c r="E710" s="239">
        <v>6.7000000000000002E-3</v>
      </c>
      <c r="F710" s="239">
        <v>0.1812</v>
      </c>
      <c r="G710">
        <f t="shared" si="153"/>
        <v>0.26854</v>
      </c>
      <c r="H710" s="235">
        <f t="shared" si="154"/>
        <v>2.4949728159678259</v>
      </c>
      <c r="I710" s="236">
        <f t="shared" si="155"/>
        <v>14.960953107797518</v>
      </c>
      <c r="J710" s="237">
        <f t="shared" si="160"/>
        <v>4.9609531077975184</v>
      </c>
      <c r="K710" s="237">
        <f t="shared" si="156"/>
        <v>100.97147252452547</v>
      </c>
      <c r="L710" s="237">
        <f t="shared" si="161"/>
        <v>33.516199196280034</v>
      </c>
      <c r="M710" s="236">
        <f t="shared" si="157"/>
        <v>4.9996279856838006</v>
      </c>
      <c r="N710" s="236">
        <f t="shared" si="158"/>
        <v>3.9983641922142072</v>
      </c>
      <c r="O710" s="236">
        <f t="shared" si="162"/>
        <v>3.3163295401617812</v>
      </c>
      <c r="P710" s="236" t="str">
        <f t="shared" si="163"/>
        <v>CLAY</v>
      </c>
      <c r="Q710" s="236">
        <f t="shared" si="159"/>
        <v>13.964043956289546</v>
      </c>
      <c r="R710" s="238">
        <v>35</v>
      </c>
      <c r="S710" s="236">
        <f t="shared" si="164"/>
        <v>1.8690121371576125</v>
      </c>
      <c r="T710" s="236" t="e">
        <f t="shared" si="150"/>
        <v>#N/A</v>
      </c>
    </row>
    <row r="711" spans="1:20" x14ac:dyDescent="0.2">
      <c r="A711" s="53">
        <f t="shared" si="151"/>
        <v>699</v>
      </c>
      <c r="B711" s="239">
        <v>6.7670000000000003</v>
      </c>
      <c r="C711" s="3">
        <f t="shared" si="152"/>
        <v>6.7600000000000007</v>
      </c>
      <c r="D711" s="239">
        <v>0.23089999999999999</v>
      </c>
      <c r="E711" s="239">
        <v>6.6E-3</v>
      </c>
      <c r="F711" s="239">
        <v>0.18290000000000001</v>
      </c>
      <c r="G711">
        <f t="shared" si="153"/>
        <v>0.26748</v>
      </c>
      <c r="H711" s="235">
        <f t="shared" si="154"/>
        <v>2.4674742036787798</v>
      </c>
      <c r="I711" s="236">
        <f t="shared" si="155"/>
        <v>14.941773863420609</v>
      </c>
      <c r="J711" s="237">
        <f t="shared" si="160"/>
        <v>4.9417738634206092</v>
      </c>
      <c r="K711" s="237">
        <f t="shared" si="156"/>
        <v>101.00639131672332</v>
      </c>
      <c r="L711" s="237">
        <f t="shared" si="161"/>
        <v>33.440983733767261</v>
      </c>
      <c r="M711" s="236">
        <f t="shared" si="157"/>
        <v>4.9781313255799597</v>
      </c>
      <c r="N711" s="236">
        <f t="shared" si="158"/>
        <v>3.9645923772558973</v>
      </c>
      <c r="O711" s="236">
        <f t="shared" si="162"/>
        <v>3.315871976984984</v>
      </c>
      <c r="P711" s="236" t="str">
        <f t="shared" si="163"/>
        <v>CLAY</v>
      </c>
      <c r="Q711" s="236">
        <f t="shared" si="159"/>
        <v>13.872800723606391</v>
      </c>
      <c r="R711" s="238">
        <v>35</v>
      </c>
      <c r="S711" s="236">
        <f t="shared" si="164"/>
        <v>1.8589724147437272</v>
      </c>
      <c r="T711" s="236" t="e">
        <f t="shared" si="150"/>
        <v>#N/A</v>
      </c>
    </row>
    <row r="712" spans="1:20" x14ac:dyDescent="0.2">
      <c r="A712" s="53">
        <f t="shared" si="151"/>
        <v>700</v>
      </c>
      <c r="B712" s="239">
        <v>6.7759999999999998</v>
      </c>
      <c r="C712" s="3">
        <f t="shared" si="152"/>
        <v>6.7690000000000001</v>
      </c>
      <c r="D712" s="239">
        <v>0.23250000000000001</v>
      </c>
      <c r="E712" s="239">
        <v>6.6E-3</v>
      </c>
      <c r="F712" s="239">
        <v>0.1797</v>
      </c>
      <c r="G712">
        <f t="shared" si="153"/>
        <v>0.26844000000000001</v>
      </c>
      <c r="H712" s="235">
        <f t="shared" si="154"/>
        <v>2.4586499776486366</v>
      </c>
      <c r="I712" s="236">
        <f t="shared" si="155"/>
        <v>14.943174187475361</v>
      </c>
      <c r="J712" s="237">
        <f t="shared" si="160"/>
        <v>4.9431741874753605</v>
      </c>
      <c r="K712" s="237">
        <f t="shared" si="156"/>
        <v>101.15034607502072</v>
      </c>
      <c r="L712" s="237">
        <f t="shared" si="161"/>
        <v>33.494948294333042</v>
      </c>
      <c r="M712" s="236">
        <f t="shared" si="157"/>
        <v>4.994474165326082</v>
      </c>
      <c r="N712" s="236">
        <f t="shared" si="158"/>
        <v>3.9452529461025461</v>
      </c>
      <c r="O712" s="236">
        <f t="shared" si="162"/>
        <v>3.3135172883770081</v>
      </c>
      <c r="P712" s="236" t="str">
        <f t="shared" si="163"/>
        <v>CLAY</v>
      </c>
      <c r="Q712" s="236">
        <f t="shared" si="159"/>
        <v>13.940804493748274</v>
      </c>
      <c r="R712" s="238">
        <v>35</v>
      </c>
      <c r="S712" s="236">
        <f t="shared" si="164"/>
        <v>1.8666041301755549</v>
      </c>
      <c r="T712" s="236" t="e">
        <f t="shared" si="150"/>
        <v>#N/A</v>
      </c>
    </row>
    <row r="713" spans="1:20" x14ac:dyDescent="0.2">
      <c r="A713" s="53">
        <f t="shared" si="151"/>
        <v>701</v>
      </c>
      <c r="B713" s="239">
        <v>6.7869999999999999</v>
      </c>
      <c r="C713" s="3">
        <f t="shared" si="152"/>
        <v>6.78</v>
      </c>
      <c r="D713" s="239">
        <v>0.2336</v>
      </c>
      <c r="E713" s="239">
        <v>6.6E-3</v>
      </c>
      <c r="F713" s="239">
        <v>0.17979999999999999</v>
      </c>
      <c r="G713">
        <f t="shared" si="153"/>
        <v>0.26956000000000002</v>
      </c>
      <c r="H713" s="235">
        <f t="shared" si="154"/>
        <v>2.4484344858287579</v>
      </c>
      <c r="I713" s="236">
        <f t="shared" si="155"/>
        <v>14.944801583275229</v>
      </c>
      <c r="J713" s="237">
        <f t="shared" si="160"/>
        <v>4.944801583275229</v>
      </c>
      <c r="K713" s="237">
        <f t="shared" si="156"/>
        <v>101.32575473460605</v>
      </c>
      <c r="L713" s="237">
        <f t="shared" si="161"/>
        <v>33.560368345688978</v>
      </c>
      <c r="M713" s="236">
        <f t="shared" si="157"/>
        <v>5.0128843501506024</v>
      </c>
      <c r="N713" s="236">
        <f t="shared" si="158"/>
        <v>3.9231013814032489</v>
      </c>
      <c r="O713" s="236">
        <f t="shared" si="162"/>
        <v>3.3108407252634127</v>
      </c>
      <c r="P713" s="236" t="str">
        <f t="shared" si="163"/>
        <v>CLAY</v>
      </c>
      <c r="Q713" s="236">
        <f t="shared" si="159"/>
        <v>14.019520438782829</v>
      </c>
      <c r="R713" s="238">
        <v>35</v>
      </c>
      <c r="S713" s="236">
        <f t="shared" si="164"/>
        <v>1.8752087262892447</v>
      </c>
      <c r="T713" s="236" t="e">
        <f t="shared" si="150"/>
        <v>#N/A</v>
      </c>
    </row>
    <row r="714" spans="1:20" x14ac:dyDescent="0.2">
      <c r="A714" s="53">
        <f t="shared" si="151"/>
        <v>702</v>
      </c>
      <c r="B714" s="239">
        <v>6.7969999999999997</v>
      </c>
      <c r="C714" s="3">
        <f t="shared" si="152"/>
        <v>6.79</v>
      </c>
      <c r="D714" s="239">
        <v>0.23400000000000001</v>
      </c>
      <c r="E714" s="239">
        <v>6.6E-3</v>
      </c>
      <c r="F714" s="239">
        <v>0.17780000000000001</v>
      </c>
      <c r="G714">
        <f t="shared" si="153"/>
        <v>0.26956000000000002</v>
      </c>
      <c r="H714" s="235">
        <f t="shared" si="154"/>
        <v>2.4484344858287579</v>
      </c>
      <c r="I714" s="236">
        <f t="shared" si="155"/>
        <v>14.944801583275229</v>
      </c>
      <c r="J714" s="237">
        <f t="shared" si="160"/>
        <v>4.944801583275229</v>
      </c>
      <c r="K714" s="237">
        <f t="shared" si="156"/>
        <v>101.47520275043881</v>
      </c>
      <c r="L714" s="237">
        <f t="shared" si="161"/>
        <v>33.60981636152173</v>
      </c>
      <c r="M714" s="236">
        <f t="shared" si="157"/>
        <v>5.0010626491251351</v>
      </c>
      <c r="N714" s="236">
        <f t="shared" si="158"/>
        <v>3.9265895000609468</v>
      </c>
      <c r="O714" s="236">
        <f t="shared" si="162"/>
        <v>3.311910023270412</v>
      </c>
      <c r="P714" s="236" t="str">
        <f t="shared" si="163"/>
        <v>CLAY</v>
      </c>
      <c r="Q714" s="236">
        <f t="shared" si="159"/>
        <v>14.007066437463431</v>
      </c>
      <c r="R714" s="238">
        <v>35</v>
      </c>
      <c r="S714" s="236">
        <f t="shared" si="164"/>
        <v>1.8696825619285431</v>
      </c>
      <c r="T714" s="236" t="e">
        <f t="shared" si="150"/>
        <v>#N/A</v>
      </c>
    </row>
    <row r="715" spans="1:20" x14ac:dyDescent="0.2">
      <c r="A715" s="53">
        <f t="shared" si="151"/>
        <v>703</v>
      </c>
      <c r="B715" s="239">
        <v>6.8070000000000004</v>
      </c>
      <c r="C715" s="3">
        <f t="shared" si="152"/>
        <v>6.8000000000000007</v>
      </c>
      <c r="D715" s="239">
        <v>0.2341</v>
      </c>
      <c r="E715" s="239">
        <v>6.6E-3</v>
      </c>
      <c r="F715" s="239">
        <v>0.18010000000000001</v>
      </c>
      <c r="G715">
        <f t="shared" si="153"/>
        <v>0.27012000000000003</v>
      </c>
      <c r="H715" s="235">
        <f t="shared" si="154"/>
        <v>2.4433585073300752</v>
      </c>
      <c r="I715" s="236">
        <f t="shared" si="155"/>
        <v>14.945612747288862</v>
      </c>
      <c r="J715" s="237">
        <f t="shared" si="160"/>
        <v>4.9456127472888625</v>
      </c>
      <c r="K715" s="237">
        <f t="shared" si="156"/>
        <v>101.63016668156428</v>
      </c>
      <c r="L715" s="237">
        <f t="shared" si="161"/>
        <v>33.664785970795286</v>
      </c>
      <c r="M715" s="236">
        <f t="shared" si="157"/>
        <v>5.0049281009718349</v>
      </c>
      <c r="N715" s="236">
        <f t="shared" si="158"/>
        <v>3.9171502932918179</v>
      </c>
      <c r="O715" s="236">
        <f t="shared" si="162"/>
        <v>3.3110568381247516</v>
      </c>
      <c r="P715" s="236" t="str">
        <f t="shared" si="163"/>
        <v>CLAY</v>
      </c>
      <c r="Q715" s="236">
        <f t="shared" si="159"/>
        <v>14.040819443202977</v>
      </c>
      <c r="R715" s="238">
        <v>35</v>
      </c>
      <c r="S715" s="236">
        <f t="shared" si="164"/>
        <v>1.8714891444846704</v>
      </c>
      <c r="T715" s="236" t="e">
        <f t="shared" si="150"/>
        <v>#N/A</v>
      </c>
    </row>
    <row r="716" spans="1:20" x14ac:dyDescent="0.2">
      <c r="A716" s="53">
        <f t="shared" si="151"/>
        <v>704</v>
      </c>
      <c r="B716" s="239">
        <v>6.8170000000000002</v>
      </c>
      <c r="C716" s="3">
        <f t="shared" si="152"/>
        <v>6.8100000000000005</v>
      </c>
      <c r="D716" s="239">
        <v>0.2359</v>
      </c>
      <c r="E716" s="239">
        <v>6.7000000000000002E-3</v>
      </c>
      <c r="F716" s="239">
        <v>0.18310000000000001</v>
      </c>
      <c r="G716">
        <f t="shared" si="153"/>
        <v>0.27251999999999998</v>
      </c>
      <c r="H716" s="235">
        <f t="shared" si="154"/>
        <v>2.4585351533832385</v>
      </c>
      <c r="I716" s="236">
        <f t="shared" si="155"/>
        <v>14.966703563915342</v>
      </c>
      <c r="J716" s="237">
        <f t="shared" si="160"/>
        <v>4.9667035639153418</v>
      </c>
      <c r="K716" s="237">
        <f t="shared" si="156"/>
        <v>101.92325127026349</v>
      </c>
      <c r="L716" s="237">
        <f t="shared" si="161"/>
        <v>33.858018195210889</v>
      </c>
      <c r="M716" s="236">
        <f t="shared" si="157"/>
        <v>5.038592269226994</v>
      </c>
      <c r="N716" s="236">
        <f t="shared" si="158"/>
        <v>3.9273902051992229</v>
      </c>
      <c r="O716" s="236">
        <f t="shared" si="162"/>
        <v>3.3092424797552082</v>
      </c>
      <c r="P716" s="236" t="str">
        <f t="shared" si="163"/>
        <v>CLAY</v>
      </c>
      <c r="Q716" s="236">
        <f t="shared" si="159"/>
        <v>14.216395727478039</v>
      </c>
      <c r="R716" s="238">
        <v>35</v>
      </c>
      <c r="S716" s="236">
        <f t="shared" si="164"/>
        <v>1.8872373745313098</v>
      </c>
      <c r="T716" s="236" t="e">
        <f t="shared" si="150"/>
        <v>#N/A</v>
      </c>
    </row>
    <row r="717" spans="1:20" x14ac:dyDescent="0.2">
      <c r="A717" s="53">
        <f t="shared" si="151"/>
        <v>705</v>
      </c>
      <c r="B717" s="239">
        <v>6.827</v>
      </c>
      <c r="C717" s="3">
        <f t="shared" si="152"/>
        <v>6.82</v>
      </c>
      <c r="D717" s="239">
        <v>0.23799999999999999</v>
      </c>
      <c r="E717" s="239">
        <v>6.7999999999999996E-3</v>
      </c>
      <c r="F717" s="239">
        <v>0.18490000000000001</v>
      </c>
      <c r="G717">
        <f t="shared" si="153"/>
        <v>0.27498</v>
      </c>
      <c r="H717" s="235">
        <f t="shared" si="154"/>
        <v>2.4729071205178554</v>
      </c>
      <c r="I717" s="236">
        <f t="shared" si="155"/>
        <v>14.987588115554914</v>
      </c>
      <c r="J717" s="237">
        <f t="shared" si="160"/>
        <v>4.9875881155549138</v>
      </c>
      <c r="K717" s="237">
        <f t="shared" si="156"/>
        <v>102.21535094808452</v>
      </c>
      <c r="L717" s="237">
        <f t="shared" si="161"/>
        <v>34.050264064893398</v>
      </c>
      <c r="M717" s="236">
        <f t="shared" si="157"/>
        <v>5.0738123123702827</v>
      </c>
      <c r="N717" s="236">
        <f t="shared" si="158"/>
        <v>3.9359903992607941</v>
      </c>
      <c r="O717" s="236">
        <f t="shared" si="162"/>
        <v>3.3072340443653707</v>
      </c>
      <c r="P717" s="236" t="str">
        <f t="shared" si="163"/>
        <v>CLAY</v>
      </c>
      <c r="Q717" s="236">
        <f t="shared" si="159"/>
        <v>14.397054087659626</v>
      </c>
      <c r="R717" s="238">
        <v>35</v>
      </c>
      <c r="S717" s="236">
        <f t="shared" si="164"/>
        <v>1.903741626712848</v>
      </c>
      <c r="T717" s="236" t="e">
        <f t="shared" ref="T717:T780" si="165">IF(P717="SAND",17.6+(11*LOG(M717)),#N/A)</f>
        <v>#N/A</v>
      </c>
    </row>
    <row r="718" spans="1:20" x14ac:dyDescent="0.2">
      <c r="A718" s="53">
        <f t="shared" ref="A718:A781" si="166">$A717+1</f>
        <v>706</v>
      </c>
      <c r="B718" s="239">
        <v>6.8369999999999997</v>
      </c>
      <c r="C718" s="3">
        <f t="shared" ref="C718:C781" si="167">MAX($B718 - $B$13, 0.001)</f>
        <v>6.83</v>
      </c>
      <c r="D718" s="239">
        <v>0.23619999999999999</v>
      </c>
      <c r="E718" s="239">
        <v>6.7000000000000002E-3</v>
      </c>
      <c r="F718" s="239">
        <v>0.18720000000000001</v>
      </c>
      <c r="G718">
        <f t="shared" si="153"/>
        <v>0.27363999999999999</v>
      </c>
      <c r="H718" s="235">
        <f t="shared" si="154"/>
        <v>2.4484724455488966</v>
      </c>
      <c r="I718" s="236">
        <f t="shared" si="155"/>
        <v>14.968306645251978</v>
      </c>
      <c r="J718" s="237">
        <f t="shared" si="160"/>
        <v>4.9683066452519782</v>
      </c>
      <c r="K718" s="237">
        <f t="shared" si="156"/>
        <v>102.23353438707102</v>
      </c>
      <c r="L718" s="237">
        <f t="shared" si="161"/>
        <v>33.96831253358777</v>
      </c>
      <c r="M718" s="236">
        <f t="shared" si="157"/>
        <v>5.0460694932502976</v>
      </c>
      <c r="N718" s="236">
        <f t="shared" si="158"/>
        <v>3.9088373802246044</v>
      </c>
      <c r="O718" s="236">
        <f t="shared" si="162"/>
        <v>3.307576810535044</v>
      </c>
      <c r="P718" s="236" t="str">
        <f t="shared" si="163"/>
        <v>CLAY</v>
      </c>
      <c r="Q718" s="236">
        <f t="shared" si="159"/>
        <v>14.283872134410748</v>
      </c>
      <c r="R718" s="238">
        <v>35</v>
      </c>
      <c r="S718" s="236">
        <f t="shared" si="164"/>
        <v>1.8907388270548946</v>
      </c>
      <c r="T718" s="236" t="e">
        <f t="shared" si="165"/>
        <v>#N/A</v>
      </c>
    </row>
    <row r="719" spans="1:20" x14ac:dyDescent="0.2">
      <c r="A719" s="53">
        <f t="shared" si="166"/>
        <v>707</v>
      </c>
      <c r="B719" s="239">
        <v>6.8470000000000004</v>
      </c>
      <c r="C719" s="3">
        <f t="shared" si="167"/>
        <v>6.8400000000000007</v>
      </c>
      <c r="D719" s="239">
        <v>0.2361</v>
      </c>
      <c r="E719" s="239">
        <v>6.7000000000000002E-3</v>
      </c>
      <c r="F719" s="239">
        <v>0.1885</v>
      </c>
      <c r="G719">
        <f t="shared" ref="G719:G782" si="168">$D719+($F719*(1-$P$8))</f>
        <v>0.27379999999999999</v>
      </c>
      <c r="H719" s="235">
        <f t="shared" ref="H719:H782" si="169">($E719/$G719)*100</f>
        <v>2.4470416362308254</v>
      </c>
      <c r="I719" s="236">
        <f t="shared" ref="I719:I782" si="170">((0.27*(LOG($H719)))+(0.36*(LOG(($G719*1000)/101)))+1.236)*10</f>
        <v>14.968535121092891</v>
      </c>
      <c r="J719" s="237">
        <f t="shared" si="160"/>
        <v>4.9685351210928914</v>
      </c>
      <c r="K719" s="237">
        <f t="shared" ref="K719:K782" si="171">$I719*$C719</f>
        <v>102.38478022827539</v>
      </c>
      <c r="L719" s="237">
        <f t="shared" si="161"/>
        <v>34.019559974123027</v>
      </c>
      <c r="M719" s="236">
        <f t="shared" ref="M719:M782" si="172">(($G719*1000)-$K719)/$L719</f>
        <v>5.0387253657046589</v>
      </c>
      <c r="N719" s="236">
        <f t="shared" ref="N719:N782" si="173">(($E719*1000)/(($G719*1000)-$K719))*100</f>
        <v>3.9086377562753514</v>
      </c>
      <c r="O719" s="236">
        <f t="shared" si="162"/>
        <v>3.3080938480817519</v>
      </c>
      <c r="P719" s="236" t="str">
        <f t="shared" si="163"/>
        <v>CLAY</v>
      </c>
      <c r="Q719" s="236">
        <f t="shared" ref="Q719:Q782" si="174">IF(P719="CLAY",($G719*1000 -$K719)/$L$8,#N/A)</f>
        <v>14.284601647643719</v>
      </c>
      <c r="R719" s="238">
        <v>35</v>
      </c>
      <c r="S719" s="236">
        <f t="shared" si="164"/>
        <v>1.8872996899219565</v>
      </c>
      <c r="T719" s="236" t="e">
        <f t="shared" si="165"/>
        <v>#N/A</v>
      </c>
    </row>
    <row r="720" spans="1:20" x14ac:dyDescent="0.2">
      <c r="A720" s="53">
        <f t="shared" si="166"/>
        <v>708</v>
      </c>
      <c r="B720" s="239">
        <v>6.8579999999999997</v>
      </c>
      <c r="C720" s="3">
        <f t="shared" si="167"/>
        <v>6.851</v>
      </c>
      <c r="D720" s="239">
        <v>0.2344</v>
      </c>
      <c r="E720" s="239">
        <v>6.7000000000000002E-3</v>
      </c>
      <c r="F720" s="239">
        <v>0.18790000000000001</v>
      </c>
      <c r="G720">
        <f t="shared" si="168"/>
        <v>0.27198</v>
      </c>
      <c r="H720" s="235">
        <f t="shared" si="169"/>
        <v>2.463416427678506</v>
      </c>
      <c r="I720" s="236">
        <f t="shared" si="170"/>
        <v>14.965928294172816</v>
      </c>
      <c r="J720" s="237">
        <f t="shared" ref="J720:J783" si="175">$I720-10</f>
        <v>4.9659282941728158</v>
      </c>
      <c r="K720" s="237">
        <f t="shared" si="171"/>
        <v>102.53157474337796</v>
      </c>
      <c r="L720" s="237">
        <f t="shared" ref="L720:L783" si="176">$J720*$B720</f>
        <v>34.056336241437172</v>
      </c>
      <c r="M720" s="236">
        <f t="shared" si="172"/>
        <v>4.9755330125749122</v>
      </c>
      <c r="N720" s="236">
        <f t="shared" si="173"/>
        <v>3.954005467948817</v>
      </c>
      <c r="O720" s="236">
        <f t="shared" ref="O720:O783" si="177">((3.47-LOG($M720))^2+(LOG($N720)+1.22)^2)^0.5</f>
        <v>3.3154250046307485</v>
      </c>
      <c r="P720" s="236" t="str">
        <f t="shared" ref="P720:P783" si="178">IF(O720&lt;2.6,"SAND","CLAY")</f>
        <v>CLAY</v>
      </c>
      <c r="Q720" s="236">
        <f t="shared" si="174"/>
        <v>14.120702104718504</v>
      </c>
      <c r="R720" s="238">
        <v>35</v>
      </c>
      <c r="S720" s="236">
        <f t="shared" ref="S720:S783" si="179">IF(P720="SAND",#N/A,0.25*($M720)^1.25)</f>
        <v>1.8577596411377457</v>
      </c>
      <c r="T720" s="236" t="e">
        <f t="shared" si="165"/>
        <v>#N/A</v>
      </c>
    </row>
    <row r="721" spans="1:20" x14ac:dyDescent="0.2">
      <c r="A721" s="53">
        <f t="shared" si="166"/>
        <v>709</v>
      </c>
      <c r="B721" s="239">
        <v>6.867</v>
      </c>
      <c r="C721" s="3">
        <f t="shared" si="167"/>
        <v>6.86</v>
      </c>
      <c r="D721" s="239">
        <v>0.2379</v>
      </c>
      <c r="E721" s="239">
        <v>6.7000000000000002E-3</v>
      </c>
      <c r="F721" s="239">
        <v>0.18759999999999999</v>
      </c>
      <c r="G721">
        <f t="shared" si="168"/>
        <v>0.27542</v>
      </c>
      <c r="H721" s="235">
        <f t="shared" si="169"/>
        <v>2.4326483189310872</v>
      </c>
      <c r="I721" s="236">
        <f t="shared" si="170"/>
        <v>14.970840948233146</v>
      </c>
      <c r="J721" s="237">
        <f t="shared" si="175"/>
        <v>4.9708409482331462</v>
      </c>
      <c r="K721" s="237">
        <f t="shared" si="171"/>
        <v>102.69996890487938</v>
      </c>
      <c r="L721" s="237">
        <f t="shared" si="176"/>
        <v>34.134764791517014</v>
      </c>
      <c r="M721" s="236">
        <f t="shared" si="172"/>
        <v>5.0599449608055913</v>
      </c>
      <c r="N721" s="236">
        <f t="shared" si="173"/>
        <v>3.8791100010340815</v>
      </c>
      <c r="O721" s="236">
        <f t="shared" si="177"/>
        <v>3.3047634238063113</v>
      </c>
      <c r="P721" s="236" t="str">
        <f t="shared" si="178"/>
        <v>CLAY</v>
      </c>
      <c r="Q721" s="236">
        <f t="shared" si="174"/>
        <v>14.393335924593387</v>
      </c>
      <c r="R721" s="238">
        <v>35</v>
      </c>
      <c r="S721" s="236">
        <f t="shared" si="179"/>
        <v>1.8972399009453194</v>
      </c>
      <c r="T721" s="236" t="e">
        <f t="shared" si="165"/>
        <v>#N/A</v>
      </c>
    </row>
    <row r="722" spans="1:20" x14ac:dyDescent="0.2">
      <c r="A722" s="53">
        <f t="shared" si="166"/>
        <v>710</v>
      </c>
      <c r="B722" s="239">
        <v>6.8780000000000001</v>
      </c>
      <c r="C722" s="3">
        <f t="shared" si="167"/>
        <v>6.8710000000000004</v>
      </c>
      <c r="D722" s="239">
        <v>0.2369</v>
      </c>
      <c r="E722" s="239">
        <v>6.8999999999999999E-3</v>
      </c>
      <c r="F722" s="239">
        <v>0.1893</v>
      </c>
      <c r="G722">
        <f t="shared" si="168"/>
        <v>0.27476</v>
      </c>
      <c r="H722" s="235">
        <f t="shared" si="169"/>
        <v>2.5112825738826614</v>
      </c>
      <c r="I722" s="236">
        <f t="shared" si="170"/>
        <v>15.004393756307033</v>
      </c>
      <c r="J722" s="237">
        <f t="shared" si="175"/>
        <v>5.0043937563070333</v>
      </c>
      <c r="K722" s="237">
        <f t="shared" si="171"/>
        <v>103.09518949958563</v>
      </c>
      <c r="L722" s="237">
        <f t="shared" si="176"/>
        <v>34.420220255879777</v>
      </c>
      <c r="M722" s="236">
        <f t="shared" si="172"/>
        <v>4.9873245791066667</v>
      </c>
      <c r="N722" s="236">
        <f t="shared" si="173"/>
        <v>4.0194609366276284</v>
      </c>
      <c r="O722" s="236">
        <f t="shared" si="177"/>
        <v>3.3184794809576967</v>
      </c>
      <c r="P722" s="236" t="str">
        <f t="shared" si="178"/>
        <v>CLAY</v>
      </c>
      <c r="Q722" s="236">
        <f t="shared" si="174"/>
        <v>14.305400875034531</v>
      </c>
      <c r="R722" s="238">
        <v>35</v>
      </c>
      <c r="S722" s="236">
        <f t="shared" si="179"/>
        <v>1.8632646749422264</v>
      </c>
      <c r="T722" s="236" t="e">
        <f t="shared" si="165"/>
        <v>#N/A</v>
      </c>
    </row>
    <row r="723" spans="1:20" x14ac:dyDescent="0.2">
      <c r="A723" s="53">
        <f t="shared" si="166"/>
        <v>711</v>
      </c>
      <c r="B723" s="239">
        <v>6.8869999999999996</v>
      </c>
      <c r="C723" s="3">
        <f t="shared" si="167"/>
        <v>6.88</v>
      </c>
      <c r="D723" s="239">
        <v>0.23449999999999999</v>
      </c>
      <c r="E723" s="239">
        <v>6.7000000000000002E-3</v>
      </c>
      <c r="F723" s="239">
        <v>0.1883</v>
      </c>
      <c r="G723">
        <f t="shared" si="168"/>
        <v>0.27215999999999996</v>
      </c>
      <c r="H723" s="235">
        <f t="shared" si="169"/>
        <v>2.4617871840094065</v>
      </c>
      <c r="I723" s="236">
        <f t="shared" si="170"/>
        <v>14.966186888316361</v>
      </c>
      <c r="J723" s="237">
        <f t="shared" si="175"/>
        <v>4.9661868883163613</v>
      </c>
      <c r="K723" s="237">
        <f t="shared" si="171"/>
        <v>102.96736579161656</v>
      </c>
      <c r="L723" s="237">
        <f t="shared" si="176"/>
        <v>34.202129099834778</v>
      </c>
      <c r="M723" s="236">
        <f t="shared" si="172"/>
        <v>4.9468450842494702</v>
      </c>
      <c r="N723" s="236">
        <f t="shared" si="173"/>
        <v>3.9599832648435815</v>
      </c>
      <c r="O723" s="236">
        <f t="shared" si="177"/>
        <v>3.3178852370716703</v>
      </c>
      <c r="P723" s="236" t="str">
        <f t="shared" si="178"/>
        <v>CLAY</v>
      </c>
      <c r="Q723" s="236">
        <f t="shared" si="174"/>
        <v>14.099386184031951</v>
      </c>
      <c r="R723" s="238">
        <v>35</v>
      </c>
      <c r="S723" s="236">
        <f t="shared" si="179"/>
        <v>1.8443799669021479</v>
      </c>
      <c r="T723" s="236" t="e">
        <f t="shared" si="165"/>
        <v>#N/A</v>
      </c>
    </row>
    <row r="724" spans="1:20" x14ac:dyDescent="0.2">
      <c r="A724" s="53">
        <f t="shared" si="166"/>
        <v>712</v>
      </c>
      <c r="B724" s="239">
        <v>6.8979999999999997</v>
      </c>
      <c r="C724" s="3">
        <f t="shared" si="167"/>
        <v>6.891</v>
      </c>
      <c r="D724" s="239">
        <v>0.23380000000000001</v>
      </c>
      <c r="E724" s="239">
        <v>6.4999999999999997E-3</v>
      </c>
      <c r="F724" s="239">
        <v>0.1835</v>
      </c>
      <c r="G724">
        <f t="shared" si="168"/>
        <v>0.27050000000000002</v>
      </c>
      <c r="H724" s="235">
        <f t="shared" si="169"/>
        <v>2.4029574861367835</v>
      </c>
      <c r="I724" s="236">
        <f t="shared" si="170"/>
        <v>14.928259659816527</v>
      </c>
      <c r="J724" s="237">
        <f t="shared" si="175"/>
        <v>4.9282596598165274</v>
      </c>
      <c r="K724" s="237">
        <f t="shared" si="171"/>
        <v>102.87063731579569</v>
      </c>
      <c r="L724" s="237">
        <f t="shared" si="176"/>
        <v>33.995135133414401</v>
      </c>
      <c r="M724" s="236">
        <f t="shared" si="172"/>
        <v>4.9309809190738747</v>
      </c>
      <c r="N724" s="236">
        <f t="shared" si="173"/>
        <v>3.8776022863281425</v>
      </c>
      <c r="O724" s="236">
        <f t="shared" si="177"/>
        <v>3.3140610147702256</v>
      </c>
      <c r="P724" s="236" t="str">
        <f t="shared" si="178"/>
        <v>CLAY</v>
      </c>
      <c r="Q724" s="236">
        <f t="shared" si="174"/>
        <v>13.969113557017025</v>
      </c>
      <c r="R724" s="238">
        <v>35</v>
      </c>
      <c r="S724" s="236">
        <f t="shared" si="179"/>
        <v>1.8369894459295886</v>
      </c>
      <c r="T724" s="236" t="e">
        <f t="shared" si="165"/>
        <v>#N/A</v>
      </c>
    </row>
    <row r="725" spans="1:20" x14ac:dyDescent="0.2">
      <c r="A725" s="53">
        <f t="shared" si="166"/>
        <v>713</v>
      </c>
      <c r="B725" s="239">
        <v>6.907</v>
      </c>
      <c r="C725" s="3">
        <f t="shared" si="167"/>
        <v>6.9</v>
      </c>
      <c r="D725" s="239">
        <v>0.23369999999999999</v>
      </c>
      <c r="E725" s="239">
        <v>6.4000000000000003E-3</v>
      </c>
      <c r="F725" s="239">
        <v>0.18079999999999999</v>
      </c>
      <c r="G725">
        <f t="shared" si="168"/>
        <v>0.26985999999999999</v>
      </c>
      <c r="H725" s="235">
        <f t="shared" si="169"/>
        <v>2.3716000889350037</v>
      </c>
      <c r="I725" s="236">
        <f t="shared" si="170"/>
        <v>14.909153648561409</v>
      </c>
      <c r="J725" s="237">
        <f t="shared" si="175"/>
        <v>4.9091536485614089</v>
      </c>
      <c r="K725" s="237">
        <f t="shared" si="171"/>
        <v>102.87316017507372</v>
      </c>
      <c r="L725" s="237">
        <f t="shared" si="176"/>
        <v>33.907524250613655</v>
      </c>
      <c r="M725" s="236">
        <f t="shared" si="172"/>
        <v>4.924772407171667</v>
      </c>
      <c r="N725" s="236">
        <f t="shared" si="173"/>
        <v>3.8326373543627397</v>
      </c>
      <c r="O725" s="236">
        <f t="shared" si="177"/>
        <v>3.3117582448513185</v>
      </c>
      <c r="P725" s="236" t="str">
        <f t="shared" si="178"/>
        <v>CLAY</v>
      </c>
      <c r="Q725" s="236">
        <f t="shared" si="174"/>
        <v>13.915569985410523</v>
      </c>
      <c r="R725" s="238">
        <v>35</v>
      </c>
      <c r="S725" s="236">
        <f t="shared" si="179"/>
        <v>1.8340987494621463</v>
      </c>
      <c r="T725" s="236" t="e">
        <f t="shared" si="165"/>
        <v>#N/A</v>
      </c>
    </row>
    <row r="726" spans="1:20" x14ac:dyDescent="0.2">
      <c r="A726" s="53">
        <f t="shared" si="166"/>
        <v>714</v>
      </c>
      <c r="B726" s="239">
        <v>6.9180000000000001</v>
      </c>
      <c r="C726" s="3">
        <f t="shared" si="167"/>
        <v>6.9110000000000005</v>
      </c>
      <c r="D726" s="239">
        <v>0.23419999999999999</v>
      </c>
      <c r="E726" s="239">
        <v>6.4999999999999997E-3</v>
      </c>
      <c r="F726" s="239">
        <v>0.185</v>
      </c>
      <c r="G726">
        <f t="shared" si="168"/>
        <v>0.2712</v>
      </c>
      <c r="H726" s="235">
        <f t="shared" si="169"/>
        <v>2.3967551622418877</v>
      </c>
      <c r="I726" s="236">
        <f t="shared" si="170"/>
        <v>14.929269833993718</v>
      </c>
      <c r="J726" s="237">
        <f t="shared" si="175"/>
        <v>4.9292698339937182</v>
      </c>
      <c r="K726" s="237">
        <f t="shared" si="171"/>
        <v>103.17618382273059</v>
      </c>
      <c r="L726" s="237">
        <f t="shared" si="176"/>
        <v>34.100688711568544</v>
      </c>
      <c r="M726" s="236">
        <f t="shared" si="172"/>
        <v>4.9272851231379349</v>
      </c>
      <c r="N726" s="236">
        <f t="shared" si="173"/>
        <v>3.8684992091492161</v>
      </c>
      <c r="O726" s="236">
        <f t="shared" si="177"/>
        <v>3.313776992467286</v>
      </c>
      <c r="P726" s="236" t="str">
        <f t="shared" si="178"/>
        <v>CLAY</v>
      </c>
      <c r="Q726" s="236">
        <f t="shared" si="174"/>
        <v>14.001984681439117</v>
      </c>
      <c r="R726" s="238">
        <v>35</v>
      </c>
      <c r="S726" s="236">
        <f t="shared" si="179"/>
        <v>1.8352685657287189</v>
      </c>
      <c r="T726" s="236" t="e">
        <f t="shared" si="165"/>
        <v>#N/A</v>
      </c>
    </row>
    <row r="727" spans="1:20" x14ac:dyDescent="0.2">
      <c r="A727" s="53">
        <f t="shared" si="166"/>
        <v>715</v>
      </c>
      <c r="B727" s="239">
        <v>6.9269999999999996</v>
      </c>
      <c r="C727" s="3">
        <f t="shared" si="167"/>
        <v>6.92</v>
      </c>
      <c r="D727" s="239">
        <v>0.23330000000000001</v>
      </c>
      <c r="E727" s="239">
        <v>6.7000000000000002E-3</v>
      </c>
      <c r="F727" s="239">
        <v>0.18809999999999999</v>
      </c>
      <c r="G727">
        <f t="shared" si="168"/>
        <v>0.27091999999999999</v>
      </c>
      <c r="H727" s="235">
        <f t="shared" si="169"/>
        <v>2.4730547763177322</v>
      </c>
      <c r="I727" s="236">
        <f t="shared" si="170"/>
        <v>14.964401981915609</v>
      </c>
      <c r="J727" s="237">
        <f t="shared" si="175"/>
        <v>4.9644019819156089</v>
      </c>
      <c r="K727" s="237">
        <f t="shared" si="171"/>
        <v>103.55366171485601</v>
      </c>
      <c r="L727" s="237">
        <f t="shared" si="176"/>
        <v>34.388412528729418</v>
      </c>
      <c r="M727" s="236">
        <f t="shared" si="172"/>
        <v>4.8669399363904828</v>
      </c>
      <c r="N727" s="236">
        <f t="shared" si="173"/>
        <v>4.003194470673745</v>
      </c>
      <c r="O727" s="236">
        <f t="shared" si="177"/>
        <v>3.3263839798227761</v>
      </c>
      <c r="P727" s="236" t="str">
        <f t="shared" si="178"/>
        <v>CLAY</v>
      </c>
      <c r="Q727" s="236">
        <f t="shared" si="174"/>
        <v>13.947194857095335</v>
      </c>
      <c r="R727" s="238">
        <v>35</v>
      </c>
      <c r="S727" s="236">
        <f t="shared" si="179"/>
        <v>1.8072157045224506</v>
      </c>
      <c r="T727" s="236" t="e">
        <f t="shared" si="165"/>
        <v>#N/A</v>
      </c>
    </row>
    <row r="728" spans="1:20" x14ac:dyDescent="0.2">
      <c r="A728" s="53">
        <f t="shared" si="166"/>
        <v>716</v>
      </c>
      <c r="B728" s="239">
        <v>6.9379999999999997</v>
      </c>
      <c r="C728" s="3">
        <f t="shared" si="167"/>
        <v>6.931</v>
      </c>
      <c r="D728" s="239">
        <v>0.23180000000000001</v>
      </c>
      <c r="E728" s="239">
        <v>6.7000000000000002E-3</v>
      </c>
      <c r="F728" s="239">
        <v>0.192</v>
      </c>
      <c r="G728">
        <f t="shared" si="168"/>
        <v>0.2702</v>
      </c>
      <c r="H728" s="235">
        <f t="shared" si="169"/>
        <v>2.4796447076239825</v>
      </c>
      <c r="I728" s="236">
        <f t="shared" si="170"/>
        <v>14.963361831892128</v>
      </c>
      <c r="J728" s="237">
        <f t="shared" si="175"/>
        <v>4.9633618318921275</v>
      </c>
      <c r="K728" s="237">
        <f t="shared" si="171"/>
        <v>103.71106085684434</v>
      </c>
      <c r="L728" s="237">
        <f t="shared" si="176"/>
        <v>34.435804389667581</v>
      </c>
      <c r="M728" s="236">
        <f t="shared" si="172"/>
        <v>4.8347625993923478</v>
      </c>
      <c r="N728" s="236">
        <f t="shared" si="173"/>
        <v>4.0242913640280928</v>
      </c>
      <c r="O728" s="236">
        <f t="shared" si="177"/>
        <v>3.3300446319616364</v>
      </c>
      <c r="P728" s="236" t="str">
        <f t="shared" si="178"/>
        <v>CLAY</v>
      </c>
      <c r="Q728" s="236">
        <f t="shared" si="174"/>
        <v>13.874078261929638</v>
      </c>
      <c r="R728" s="238">
        <v>35</v>
      </c>
      <c r="S728" s="236">
        <f t="shared" si="179"/>
        <v>1.7922927621776614</v>
      </c>
      <c r="T728" s="236" t="e">
        <f t="shared" si="165"/>
        <v>#N/A</v>
      </c>
    </row>
    <row r="729" spans="1:20" x14ac:dyDescent="0.2">
      <c r="A729" s="53">
        <f t="shared" si="166"/>
        <v>717</v>
      </c>
      <c r="B729" s="239">
        <v>6.9470000000000001</v>
      </c>
      <c r="C729" s="3">
        <f t="shared" si="167"/>
        <v>6.94</v>
      </c>
      <c r="D729" s="239">
        <v>0.2311</v>
      </c>
      <c r="E729" s="239">
        <v>6.7999999999999996E-3</v>
      </c>
      <c r="F729" s="239">
        <v>0.19400000000000001</v>
      </c>
      <c r="G729">
        <f t="shared" si="168"/>
        <v>0.26989999999999997</v>
      </c>
      <c r="H729" s="235">
        <f t="shared" si="169"/>
        <v>2.5194516487587997</v>
      </c>
      <c r="I729" s="236">
        <f t="shared" si="170"/>
        <v>14.980299714790188</v>
      </c>
      <c r="J729" s="237">
        <f t="shared" si="175"/>
        <v>4.9802997147901884</v>
      </c>
      <c r="K729" s="237">
        <f t="shared" si="171"/>
        <v>103.96328002064391</v>
      </c>
      <c r="L729" s="237">
        <f t="shared" si="176"/>
        <v>34.598142118647438</v>
      </c>
      <c r="M729" s="236">
        <f t="shared" si="172"/>
        <v>4.7961164911777381</v>
      </c>
      <c r="N729" s="236">
        <f t="shared" si="173"/>
        <v>4.0979477000907201</v>
      </c>
      <c r="O729" s="236">
        <f t="shared" si="177"/>
        <v>3.3372796990498914</v>
      </c>
      <c r="P729" s="236" t="str">
        <f t="shared" si="178"/>
        <v>CLAY</v>
      </c>
      <c r="Q729" s="236">
        <f t="shared" si="174"/>
        <v>13.828059998279672</v>
      </c>
      <c r="R729" s="238">
        <v>35</v>
      </c>
      <c r="S729" s="236">
        <f t="shared" si="179"/>
        <v>1.7744025886731538</v>
      </c>
      <c r="T729" s="236" t="e">
        <f t="shared" si="165"/>
        <v>#N/A</v>
      </c>
    </row>
    <row r="730" spans="1:20" x14ac:dyDescent="0.2">
      <c r="A730" s="53">
        <f t="shared" si="166"/>
        <v>718</v>
      </c>
      <c r="B730" s="239">
        <v>6.9580000000000002</v>
      </c>
      <c r="C730" s="3">
        <f t="shared" si="167"/>
        <v>6.9510000000000005</v>
      </c>
      <c r="D730" s="239">
        <v>0.23200000000000001</v>
      </c>
      <c r="E730" s="239">
        <v>6.7999999999999996E-3</v>
      </c>
      <c r="F730" s="239">
        <v>0.19409999999999999</v>
      </c>
      <c r="G730">
        <f t="shared" si="168"/>
        <v>0.27082000000000001</v>
      </c>
      <c r="H730" s="235">
        <f t="shared" si="169"/>
        <v>2.5108928439553946</v>
      </c>
      <c r="I730" s="236">
        <f t="shared" si="170"/>
        <v>14.981629779067497</v>
      </c>
      <c r="J730" s="237">
        <f t="shared" si="175"/>
        <v>4.9816297790674966</v>
      </c>
      <c r="K730" s="237">
        <f t="shared" si="171"/>
        <v>104.13730859429818</v>
      </c>
      <c r="L730" s="237">
        <f t="shared" si="176"/>
        <v>34.66218000275164</v>
      </c>
      <c r="M730" s="236">
        <f t="shared" si="172"/>
        <v>4.8087769261041799</v>
      </c>
      <c r="N730" s="236">
        <f t="shared" si="173"/>
        <v>4.079607752102441</v>
      </c>
      <c r="O730" s="236">
        <f t="shared" si="177"/>
        <v>3.3352533120059489</v>
      </c>
      <c r="P730" s="236" t="str">
        <f t="shared" si="178"/>
        <v>CLAY</v>
      </c>
      <c r="Q730" s="236">
        <f t="shared" si="174"/>
        <v>13.890224283808484</v>
      </c>
      <c r="R730" s="238">
        <v>35</v>
      </c>
      <c r="S730" s="236">
        <f t="shared" si="179"/>
        <v>1.7802594408387731</v>
      </c>
      <c r="T730" s="236" t="e">
        <f t="shared" si="165"/>
        <v>#N/A</v>
      </c>
    </row>
    <row r="731" spans="1:20" x14ac:dyDescent="0.2">
      <c r="A731" s="53">
        <f t="shared" si="166"/>
        <v>719</v>
      </c>
      <c r="B731" s="239">
        <v>6.9669999999999996</v>
      </c>
      <c r="C731" s="3">
        <f t="shared" si="167"/>
        <v>6.96</v>
      </c>
      <c r="D731" s="239">
        <v>0.2339</v>
      </c>
      <c r="E731" s="239">
        <v>6.7000000000000002E-3</v>
      </c>
      <c r="F731" s="239">
        <v>0.19470000000000001</v>
      </c>
      <c r="G731">
        <f t="shared" si="168"/>
        <v>0.27283999999999997</v>
      </c>
      <c r="H731" s="235">
        <f t="shared" si="169"/>
        <v>2.4556516639788888</v>
      </c>
      <c r="I731" s="236">
        <f t="shared" si="170"/>
        <v>14.967162258447917</v>
      </c>
      <c r="J731" s="237">
        <f t="shared" si="175"/>
        <v>4.9671622584479174</v>
      </c>
      <c r="K731" s="237">
        <f t="shared" si="171"/>
        <v>104.1714493187975</v>
      </c>
      <c r="L731" s="237">
        <f t="shared" si="176"/>
        <v>34.606219454606638</v>
      </c>
      <c r="M731" s="236">
        <f t="shared" si="172"/>
        <v>4.8739374985021664</v>
      </c>
      <c r="N731" s="236">
        <f t="shared" si="173"/>
        <v>3.9722876451719533</v>
      </c>
      <c r="O731" s="236">
        <f t="shared" si="177"/>
        <v>3.3240187982689817</v>
      </c>
      <c r="P731" s="236" t="str">
        <f t="shared" si="178"/>
        <v>CLAY</v>
      </c>
      <c r="Q731" s="236">
        <f t="shared" si="174"/>
        <v>14.055712556766872</v>
      </c>
      <c r="R731" s="238">
        <v>35</v>
      </c>
      <c r="S731" s="236">
        <f t="shared" si="179"/>
        <v>1.810464248851958</v>
      </c>
      <c r="T731" s="236" t="e">
        <f t="shared" si="165"/>
        <v>#N/A</v>
      </c>
    </row>
    <row r="732" spans="1:20" x14ac:dyDescent="0.2">
      <c r="A732" s="53">
        <f t="shared" si="166"/>
        <v>720</v>
      </c>
      <c r="B732" s="239">
        <v>6.9779999999999998</v>
      </c>
      <c r="C732" s="3">
        <f t="shared" si="167"/>
        <v>6.9710000000000001</v>
      </c>
      <c r="D732" s="239">
        <v>0.23599999999999999</v>
      </c>
      <c r="E732" s="239">
        <v>6.7000000000000002E-3</v>
      </c>
      <c r="F732" s="239">
        <v>0.19409999999999999</v>
      </c>
      <c r="G732">
        <f t="shared" si="168"/>
        <v>0.27481999999999995</v>
      </c>
      <c r="H732" s="235">
        <f t="shared" si="169"/>
        <v>2.4379593916017761</v>
      </c>
      <c r="I732" s="236">
        <f t="shared" si="170"/>
        <v>14.969988523425137</v>
      </c>
      <c r="J732" s="237">
        <f t="shared" si="175"/>
        <v>4.9699885234251369</v>
      </c>
      <c r="K732" s="237">
        <f t="shared" si="171"/>
        <v>104.35578999679663</v>
      </c>
      <c r="L732" s="237">
        <f t="shared" si="176"/>
        <v>34.680579916460601</v>
      </c>
      <c r="M732" s="236">
        <f t="shared" si="172"/>
        <v>4.9152641165119357</v>
      </c>
      <c r="N732" s="236">
        <f t="shared" si="173"/>
        <v>3.9304438156690464</v>
      </c>
      <c r="O732" s="236">
        <f t="shared" si="177"/>
        <v>3.3184333877209533</v>
      </c>
      <c r="P732" s="236" t="str">
        <f t="shared" si="178"/>
        <v>CLAY</v>
      </c>
      <c r="Q732" s="236">
        <f t="shared" si="174"/>
        <v>14.205350833600276</v>
      </c>
      <c r="R732" s="238">
        <v>35</v>
      </c>
      <c r="S732" s="236">
        <f t="shared" si="179"/>
        <v>1.8296734350008794</v>
      </c>
      <c r="T732" s="236" t="e">
        <f t="shared" si="165"/>
        <v>#N/A</v>
      </c>
    </row>
    <row r="733" spans="1:20" x14ac:dyDescent="0.2">
      <c r="A733" s="53">
        <f t="shared" si="166"/>
        <v>721</v>
      </c>
      <c r="B733" s="239">
        <v>6.9880000000000004</v>
      </c>
      <c r="C733" s="3">
        <f t="shared" si="167"/>
        <v>6.9810000000000008</v>
      </c>
      <c r="D733" s="239">
        <v>0.2379</v>
      </c>
      <c r="E733" s="239">
        <v>6.7000000000000002E-3</v>
      </c>
      <c r="F733" s="239">
        <v>0.1933</v>
      </c>
      <c r="G733">
        <f t="shared" si="168"/>
        <v>0.27655999999999997</v>
      </c>
      <c r="H733" s="235">
        <f t="shared" si="169"/>
        <v>2.4226207694532835</v>
      </c>
      <c r="I733" s="236">
        <f t="shared" si="170"/>
        <v>14.972455451555632</v>
      </c>
      <c r="J733" s="237">
        <f t="shared" si="175"/>
        <v>4.9724554515556321</v>
      </c>
      <c r="K733" s="237">
        <f t="shared" si="171"/>
        <v>104.52271150730988</v>
      </c>
      <c r="L733" s="237">
        <f t="shared" si="176"/>
        <v>34.74751869547076</v>
      </c>
      <c r="M733" s="236">
        <f t="shared" si="172"/>
        <v>4.9510668661102022</v>
      </c>
      <c r="N733" s="236">
        <f t="shared" si="173"/>
        <v>3.8945045336986261</v>
      </c>
      <c r="O733" s="236">
        <f t="shared" si="177"/>
        <v>3.3136134377930251</v>
      </c>
      <c r="P733" s="236" t="str">
        <f t="shared" si="178"/>
        <v>CLAY</v>
      </c>
      <c r="Q733" s="236">
        <f t="shared" si="174"/>
        <v>14.336440707724172</v>
      </c>
      <c r="R733" s="238">
        <v>35</v>
      </c>
      <c r="S733" s="236">
        <f t="shared" si="179"/>
        <v>1.8463477363186911</v>
      </c>
      <c r="T733" s="236" t="e">
        <f t="shared" si="165"/>
        <v>#N/A</v>
      </c>
    </row>
    <row r="734" spans="1:20" x14ac:dyDescent="0.2">
      <c r="A734" s="53">
        <f t="shared" si="166"/>
        <v>722</v>
      </c>
      <c r="B734" s="239">
        <v>6.9980000000000002</v>
      </c>
      <c r="C734" s="3">
        <f t="shared" si="167"/>
        <v>6.9910000000000005</v>
      </c>
      <c r="D734" s="239">
        <v>0.24129999999999999</v>
      </c>
      <c r="E734" s="239">
        <v>6.7999999999999996E-3</v>
      </c>
      <c r="F734" s="239">
        <v>0.1963</v>
      </c>
      <c r="G734">
        <f t="shared" si="168"/>
        <v>0.28055999999999998</v>
      </c>
      <c r="H734" s="235">
        <f t="shared" si="169"/>
        <v>2.423723980610208</v>
      </c>
      <c r="I734" s="236">
        <f t="shared" si="170"/>
        <v>14.995440296275426</v>
      </c>
      <c r="J734" s="237">
        <f t="shared" si="175"/>
        <v>4.9954402962754259</v>
      </c>
      <c r="K734" s="237">
        <f t="shared" si="171"/>
        <v>104.83312311126151</v>
      </c>
      <c r="L734" s="237">
        <f t="shared" si="176"/>
        <v>34.958091193335434</v>
      </c>
      <c r="M734" s="236">
        <f t="shared" si="172"/>
        <v>5.0267869580430595</v>
      </c>
      <c r="N734" s="236">
        <f t="shared" si="173"/>
        <v>3.8696414119425913</v>
      </c>
      <c r="O734" s="236">
        <f t="shared" si="177"/>
        <v>3.3065731275368284</v>
      </c>
      <c r="P734" s="236" t="str">
        <f t="shared" si="178"/>
        <v>CLAY</v>
      </c>
      <c r="Q734" s="236">
        <f t="shared" si="174"/>
        <v>14.643906407394875</v>
      </c>
      <c r="R734" s="238">
        <v>35</v>
      </c>
      <c r="S734" s="236">
        <f t="shared" si="179"/>
        <v>1.8817117995187618</v>
      </c>
      <c r="T734" s="236" t="e">
        <f t="shared" si="165"/>
        <v>#N/A</v>
      </c>
    </row>
    <row r="735" spans="1:20" x14ac:dyDescent="0.2">
      <c r="A735" s="53">
        <f t="shared" si="166"/>
        <v>723</v>
      </c>
      <c r="B735" s="239">
        <v>7.008</v>
      </c>
      <c r="C735" s="3">
        <f t="shared" si="167"/>
        <v>7.0010000000000003</v>
      </c>
      <c r="D735" s="239">
        <v>0.24679999999999999</v>
      </c>
      <c r="E735" s="239">
        <v>6.7999999999999996E-3</v>
      </c>
      <c r="F735" s="239">
        <v>0.19320000000000001</v>
      </c>
      <c r="G735">
        <f t="shared" si="168"/>
        <v>0.28543999999999997</v>
      </c>
      <c r="H735" s="235">
        <f t="shared" si="169"/>
        <v>2.3822869955156949</v>
      </c>
      <c r="I735" s="236">
        <f t="shared" si="170"/>
        <v>15.002180468115752</v>
      </c>
      <c r="J735" s="237">
        <f t="shared" si="175"/>
        <v>5.0021804681157516</v>
      </c>
      <c r="K735" s="237">
        <f t="shared" si="171"/>
        <v>105.03026545727838</v>
      </c>
      <c r="L735" s="237">
        <f t="shared" si="176"/>
        <v>35.055280720555189</v>
      </c>
      <c r="M735" s="236">
        <f t="shared" si="172"/>
        <v>5.1464353111551517</v>
      </c>
      <c r="N735" s="236">
        <f t="shared" si="173"/>
        <v>3.7691979411397765</v>
      </c>
      <c r="O735" s="236">
        <f t="shared" si="177"/>
        <v>3.2917771130842639</v>
      </c>
      <c r="P735" s="236" t="str">
        <f t="shared" si="178"/>
        <v>CLAY</v>
      </c>
      <c r="Q735" s="236">
        <f t="shared" si="174"/>
        <v>15.034144545226802</v>
      </c>
      <c r="R735" s="238">
        <v>35</v>
      </c>
      <c r="S735" s="236">
        <f t="shared" si="179"/>
        <v>1.9378633824813254</v>
      </c>
      <c r="T735" s="236" t="e">
        <f t="shared" si="165"/>
        <v>#N/A</v>
      </c>
    </row>
    <row r="736" spans="1:20" x14ac:dyDescent="0.2">
      <c r="A736" s="53">
        <f t="shared" si="166"/>
        <v>724</v>
      </c>
      <c r="B736" s="239">
        <v>7.0190000000000001</v>
      </c>
      <c r="C736" s="3">
        <f t="shared" si="167"/>
        <v>7.0120000000000005</v>
      </c>
      <c r="D736" s="239">
        <v>0.2477</v>
      </c>
      <c r="E736" s="239">
        <v>6.6E-3</v>
      </c>
      <c r="F736" s="239">
        <v>0.19</v>
      </c>
      <c r="G736">
        <f t="shared" si="168"/>
        <v>0.28570000000000001</v>
      </c>
      <c r="H736" s="235">
        <f t="shared" si="169"/>
        <v>2.3101155057752889</v>
      </c>
      <c r="I736" s="236">
        <f t="shared" si="170"/>
        <v>14.96753089669</v>
      </c>
      <c r="J736" s="237">
        <f t="shared" si="175"/>
        <v>4.9675308966900005</v>
      </c>
      <c r="K736" s="237">
        <f t="shared" si="171"/>
        <v>104.9523266475903</v>
      </c>
      <c r="L736" s="237">
        <f t="shared" si="176"/>
        <v>34.867099363867112</v>
      </c>
      <c r="M736" s="236">
        <f t="shared" si="172"/>
        <v>5.1839033544533706</v>
      </c>
      <c r="N736" s="236">
        <f t="shared" si="173"/>
        <v>3.6514992849350607</v>
      </c>
      <c r="O736" s="236">
        <f t="shared" si="177"/>
        <v>3.2816336281575063</v>
      </c>
      <c r="P736" s="236" t="str">
        <f t="shared" si="178"/>
        <v>CLAY</v>
      </c>
      <c r="Q736" s="236">
        <f t="shared" si="174"/>
        <v>15.062306112700808</v>
      </c>
      <c r="R736" s="238">
        <v>35</v>
      </c>
      <c r="S736" s="236">
        <f t="shared" si="179"/>
        <v>1.9555148979461661</v>
      </c>
      <c r="T736" s="236" t="e">
        <f t="shared" si="165"/>
        <v>#N/A</v>
      </c>
    </row>
    <row r="737" spans="1:20" x14ac:dyDescent="0.2">
      <c r="A737" s="53">
        <f t="shared" si="166"/>
        <v>725</v>
      </c>
      <c r="B737" s="239">
        <v>7.0279999999999996</v>
      </c>
      <c r="C737" s="3">
        <f t="shared" si="167"/>
        <v>7.0209999999999999</v>
      </c>
      <c r="D737" s="239">
        <v>0.25</v>
      </c>
      <c r="E737" s="239">
        <v>6.4999999999999997E-3</v>
      </c>
      <c r="F737" s="239">
        <v>0.18540000000000001</v>
      </c>
      <c r="G737">
        <f t="shared" si="168"/>
        <v>0.28708</v>
      </c>
      <c r="H737" s="235">
        <f t="shared" si="169"/>
        <v>2.2641772328270862</v>
      </c>
      <c r="I737" s="236">
        <f t="shared" si="170"/>
        <v>14.951511761122447</v>
      </c>
      <c r="J737" s="237">
        <f t="shared" si="175"/>
        <v>4.9515117611224468</v>
      </c>
      <c r="K737" s="237">
        <f t="shared" si="171"/>
        <v>104.9745640748407</v>
      </c>
      <c r="L737" s="237">
        <f t="shared" si="176"/>
        <v>34.799224657168551</v>
      </c>
      <c r="M737" s="236">
        <f t="shared" si="172"/>
        <v>5.2330314171998662</v>
      </c>
      <c r="N737" s="236">
        <f t="shared" si="173"/>
        <v>3.5693607755187142</v>
      </c>
      <c r="O737" s="236">
        <f t="shared" si="177"/>
        <v>3.272832880649283</v>
      </c>
      <c r="P737" s="236" t="str">
        <f t="shared" si="178"/>
        <v>CLAY</v>
      </c>
      <c r="Q737" s="236">
        <f t="shared" si="174"/>
        <v>15.175452993763273</v>
      </c>
      <c r="R737" s="238">
        <v>35</v>
      </c>
      <c r="S737" s="236">
        <f t="shared" si="179"/>
        <v>1.9787078935747182</v>
      </c>
      <c r="T737" s="236" t="e">
        <f t="shared" si="165"/>
        <v>#N/A</v>
      </c>
    </row>
    <row r="738" spans="1:20" x14ac:dyDescent="0.2">
      <c r="A738" s="53">
        <f t="shared" si="166"/>
        <v>726</v>
      </c>
      <c r="B738" s="239">
        <v>7.0380000000000003</v>
      </c>
      <c r="C738" s="3">
        <f t="shared" si="167"/>
        <v>7.0310000000000006</v>
      </c>
      <c r="D738" s="239">
        <v>0.25090000000000001</v>
      </c>
      <c r="E738" s="239">
        <v>6.4999999999999997E-3</v>
      </c>
      <c r="F738" s="239">
        <v>0.18229999999999999</v>
      </c>
      <c r="G738">
        <f t="shared" si="168"/>
        <v>0.28736</v>
      </c>
      <c r="H738" s="235">
        <f t="shared" si="169"/>
        <v>2.2619710467706011</v>
      </c>
      <c r="I738" s="236">
        <f t="shared" si="170"/>
        <v>14.951892800806686</v>
      </c>
      <c r="J738" s="237">
        <f t="shared" si="175"/>
        <v>4.9518928008066858</v>
      </c>
      <c r="K738" s="237">
        <f t="shared" si="171"/>
        <v>105.12675828247181</v>
      </c>
      <c r="L738" s="237">
        <f t="shared" si="176"/>
        <v>34.851421532077453</v>
      </c>
      <c r="M738" s="236">
        <f t="shared" si="172"/>
        <v>5.2288610824611457</v>
      </c>
      <c r="N738" s="236">
        <f t="shared" si="173"/>
        <v>3.5668574727301219</v>
      </c>
      <c r="O738" s="236">
        <f t="shared" si="177"/>
        <v>3.272958946610788</v>
      </c>
      <c r="P738" s="236" t="str">
        <f t="shared" si="178"/>
        <v>CLAY</v>
      </c>
      <c r="Q738" s="236">
        <f t="shared" si="174"/>
        <v>15.186103476460682</v>
      </c>
      <c r="R738" s="238">
        <v>35</v>
      </c>
      <c r="S738" s="236">
        <f t="shared" si="179"/>
        <v>1.9767369871753309</v>
      </c>
      <c r="T738" s="236" t="e">
        <f t="shared" si="165"/>
        <v>#N/A</v>
      </c>
    </row>
    <row r="739" spans="1:20" x14ac:dyDescent="0.2">
      <c r="A739" s="53">
        <f t="shared" si="166"/>
        <v>727</v>
      </c>
      <c r="B739" s="239">
        <v>7.0869999999999997</v>
      </c>
      <c r="C739" s="3">
        <f t="shared" si="167"/>
        <v>7.08</v>
      </c>
      <c r="D739" s="239">
        <v>0.253</v>
      </c>
      <c r="E739" s="239">
        <v>7.1000000000000004E-3</v>
      </c>
      <c r="F739" s="239">
        <v>0.1754</v>
      </c>
      <c r="G739">
        <f t="shared" si="168"/>
        <v>0.28808</v>
      </c>
      <c r="H739" s="235">
        <f t="shared" si="169"/>
        <v>2.4645931685642877</v>
      </c>
      <c r="I739" s="236">
        <f t="shared" si="170"/>
        <v>15.056402393450895</v>
      </c>
      <c r="J739" s="237">
        <f t="shared" si="175"/>
        <v>5.0564023934508953</v>
      </c>
      <c r="K739" s="237">
        <f t="shared" si="171"/>
        <v>106.59932894563234</v>
      </c>
      <c r="L739" s="237">
        <f t="shared" si="176"/>
        <v>35.834723762386496</v>
      </c>
      <c r="M739" s="236">
        <f t="shared" si="172"/>
        <v>5.0643803551475042</v>
      </c>
      <c r="N739" s="236">
        <f t="shared" si="173"/>
        <v>3.9122623686315312</v>
      </c>
      <c r="O739" s="236">
        <f t="shared" si="177"/>
        <v>3.3064693941354721</v>
      </c>
      <c r="P739" s="236" t="str">
        <f t="shared" si="178"/>
        <v>CLAY</v>
      </c>
      <c r="Q739" s="236">
        <f t="shared" si="174"/>
        <v>15.123389254530636</v>
      </c>
      <c r="R739" s="238">
        <v>35</v>
      </c>
      <c r="S739" s="236">
        <f t="shared" si="179"/>
        <v>1.8993189573944578</v>
      </c>
      <c r="T739" s="236" t="e">
        <f t="shared" si="165"/>
        <v>#N/A</v>
      </c>
    </row>
    <row r="740" spans="1:20" x14ac:dyDescent="0.2">
      <c r="A740" s="53">
        <f t="shared" si="166"/>
        <v>728</v>
      </c>
      <c r="B740" s="239">
        <v>7.0970000000000004</v>
      </c>
      <c r="C740" s="3">
        <f t="shared" si="167"/>
        <v>7.0900000000000007</v>
      </c>
      <c r="D740" s="239">
        <v>0.248</v>
      </c>
      <c r="E740" s="239">
        <v>7.3000000000000001E-3</v>
      </c>
      <c r="F740" s="239">
        <v>0.1812</v>
      </c>
      <c r="G740">
        <f t="shared" si="168"/>
        <v>0.28423999999999999</v>
      </c>
      <c r="H740" s="235">
        <f t="shared" si="169"/>
        <v>2.5682521812552777</v>
      </c>
      <c r="I740" s="236">
        <f t="shared" si="170"/>
        <v>15.083731451740864</v>
      </c>
      <c r="J740" s="237">
        <f t="shared" si="175"/>
        <v>5.0837314517408636</v>
      </c>
      <c r="K740" s="237">
        <f t="shared" si="171"/>
        <v>106.94365599284274</v>
      </c>
      <c r="L740" s="237">
        <f t="shared" si="176"/>
        <v>36.079242113004909</v>
      </c>
      <c r="M740" s="236">
        <f t="shared" si="172"/>
        <v>4.9140817163465327</v>
      </c>
      <c r="N740" s="236">
        <f t="shared" si="173"/>
        <v>4.1174001871721089</v>
      </c>
      <c r="O740" s="236">
        <f t="shared" si="177"/>
        <v>3.3295982228915757</v>
      </c>
      <c r="P740" s="236" t="str">
        <f t="shared" si="178"/>
        <v>CLAY</v>
      </c>
      <c r="Q740" s="236">
        <f t="shared" si="174"/>
        <v>14.774695333929772</v>
      </c>
      <c r="R740" s="238">
        <v>35</v>
      </c>
      <c r="S740" s="236">
        <f t="shared" si="179"/>
        <v>1.829123276081585</v>
      </c>
      <c r="T740" s="236" t="e">
        <f t="shared" si="165"/>
        <v>#N/A</v>
      </c>
    </row>
    <row r="741" spans="1:20" x14ac:dyDescent="0.2">
      <c r="A741" s="53">
        <f t="shared" si="166"/>
        <v>729</v>
      </c>
      <c r="B741" s="239">
        <v>7.1070000000000002</v>
      </c>
      <c r="C741" s="3">
        <f t="shared" si="167"/>
        <v>7.1000000000000005</v>
      </c>
      <c r="D741" s="239">
        <v>0.24410000000000001</v>
      </c>
      <c r="E741" s="239">
        <v>7.4000000000000003E-3</v>
      </c>
      <c r="F741" s="239">
        <v>0.182</v>
      </c>
      <c r="G741">
        <f t="shared" si="168"/>
        <v>0.28049999999999997</v>
      </c>
      <c r="H741" s="235">
        <f t="shared" si="169"/>
        <v>2.6381461675579327</v>
      </c>
      <c r="I741" s="236">
        <f t="shared" si="170"/>
        <v>15.094508276689085</v>
      </c>
      <c r="J741" s="237">
        <f t="shared" si="175"/>
        <v>5.0945082766890852</v>
      </c>
      <c r="K741" s="237">
        <f t="shared" si="171"/>
        <v>107.17100876449251</v>
      </c>
      <c r="L741" s="237">
        <f t="shared" si="176"/>
        <v>36.206670322429332</v>
      </c>
      <c r="M741" s="236">
        <f t="shared" si="172"/>
        <v>4.7872115743306427</v>
      </c>
      <c r="N741" s="236">
        <f t="shared" si="173"/>
        <v>4.2693377185501475</v>
      </c>
      <c r="O741" s="236">
        <f t="shared" si="177"/>
        <v>3.3477564121027799</v>
      </c>
      <c r="P741" s="236" t="str">
        <f t="shared" si="178"/>
        <v>CLAY</v>
      </c>
      <c r="Q741" s="236">
        <f t="shared" si="174"/>
        <v>14.444082602958957</v>
      </c>
      <c r="R741" s="238">
        <v>35</v>
      </c>
      <c r="S741" s="236">
        <f t="shared" si="179"/>
        <v>1.7702853933727489</v>
      </c>
      <c r="T741" s="236" t="e">
        <f t="shared" si="165"/>
        <v>#N/A</v>
      </c>
    </row>
    <row r="742" spans="1:20" x14ac:dyDescent="0.2">
      <c r="A742" s="53">
        <f t="shared" si="166"/>
        <v>730</v>
      </c>
      <c r="B742" s="239">
        <v>7.1159999999999997</v>
      </c>
      <c r="C742" s="3">
        <f t="shared" si="167"/>
        <v>7.109</v>
      </c>
      <c r="D742" s="239">
        <v>0.2427</v>
      </c>
      <c r="E742" s="239">
        <v>7.4000000000000003E-3</v>
      </c>
      <c r="F742" s="239">
        <v>0.1812</v>
      </c>
      <c r="G742">
        <f t="shared" si="168"/>
        <v>0.27893999999999997</v>
      </c>
      <c r="H742" s="235">
        <f t="shared" si="169"/>
        <v>2.6529002652900266</v>
      </c>
      <c r="I742" s="236">
        <f t="shared" si="170"/>
        <v>15.092328414566181</v>
      </c>
      <c r="J742" s="237">
        <f t="shared" si="175"/>
        <v>5.0923284145661807</v>
      </c>
      <c r="K742" s="237">
        <f t="shared" si="171"/>
        <v>107.29136269915098</v>
      </c>
      <c r="L742" s="237">
        <f t="shared" si="176"/>
        <v>36.237008998052943</v>
      </c>
      <c r="M742" s="236">
        <f t="shared" si="172"/>
        <v>4.7368323723978394</v>
      </c>
      <c r="N742" s="236">
        <f t="shared" si="173"/>
        <v>4.3111323901919487</v>
      </c>
      <c r="O742" s="236">
        <f t="shared" si="177"/>
        <v>3.3539240211589476</v>
      </c>
      <c r="P742" s="236" t="str">
        <f t="shared" si="178"/>
        <v>CLAY</v>
      </c>
      <c r="Q742" s="236">
        <f t="shared" si="174"/>
        <v>14.304053108404082</v>
      </c>
      <c r="R742" s="238">
        <v>35</v>
      </c>
      <c r="S742" s="236">
        <f t="shared" si="179"/>
        <v>1.7470286567744815</v>
      </c>
      <c r="T742" s="236" t="e">
        <f t="shared" si="165"/>
        <v>#N/A</v>
      </c>
    </row>
    <row r="743" spans="1:20" x14ac:dyDescent="0.2">
      <c r="A743" s="53">
        <f t="shared" si="166"/>
        <v>731</v>
      </c>
      <c r="B743" s="239">
        <v>7.1269999999999998</v>
      </c>
      <c r="C743" s="3">
        <f t="shared" si="167"/>
        <v>7.12</v>
      </c>
      <c r="D743" s="239">
        <v>0.24060000000000001</v>
      </c>
      <c r="E743" s="239">
        <v>7.4000000000000003E-3</v>
      </c>
      <c r="F743" s="239">
        <v>0.18279999999999999</v>
      </c>
      <c r="G743">
        <f t="shared" si="168"/>
        <v>0.27716000000000002</v>
      </c>
      <c r="H743" s="235">
        <f t="shared" si="169"/>
        <v>2.6699379419829703</v>
      </c>
      <c r="I743" s="236">
        <f t="shared" si="170"/>
        <v>15.089826195051357</v>
      </c>
      <c r="J743" s="237">
        <f t="shared" si="175"/>
        <v>5.0898261950513568</v>
      </c>
      <c r="K743" s="237">
        <f t="shared" si="171"/>
        <v>107.43956250876566</v>
      </c>
      <c r="L743" s="237">
        <f t="shared" si="176"/>
        <v>36.275191292131019</v>
      </c>
      <c r="M743" s="236">
        <f t="shared" si="172"/>
        <v>4.6786917296849895</v>
      </c>
      <c r="N743" s="236">
        <f t="shared" si="173"/>
        <v>4.3601113156346845</v>
      </c>
      <c r="O743" s="236">
        <f t="shared" si="177"/>
        <v>3.3611061333650638</v>
      </c>
      <c r="P743" s="236" t="str">
        <f t="shared" si="178"/>
        <v>CLAY</v>
      </c>
      <c r="Q743" s="236">
        <f t="shared" si="174"/>
        <v>14.143369790936196</v>
      </c>
      <c r="R743" s="238">
        <v>35</v>
      </c>
      <c r="S743" s="236">
        <f t="shared" si="179"/>
        <v>1.7202657698926183</v>
      </c>
      <c r="T743" s="236" t="e">
        <f t="shared" si="165"/>
        <v>#N/A</v>
      </c>
    </row>
    <row r="744" spans="1:20" x14ac:dyDescent="0.2">
      <c r="A744" s="53">
        <f t="shared" si="166"/>
        <v>732</v>
      </c>
      <c r="B744" s="239">
        <v>7.1369999999999996</v>
      </c>
      <c r="C744" s="3">
        <f t="shared" si="167"/>
        <v>7.13</v>
      </c>
      <c r="D744" s="239">
        <v>0.23619999999999999</v>
      </c>
      <c r="E744" s="239">
        <v>7.4000000000000003E-3</v>
      </c>
      <c r="F744" s="239">
        <v>0.1845</v>
      </c>
      <c r="G744">
        <f t="shared" si="168"/>
        <v>0.27310000000000001</v>
      </c>
      <c r="H744" s="235">
        <f t="shared" si="169"/>
        <v>2.7096301720981328</v>
      </c>
      <c r="I744" s="236">
        <f t="shared" si="170"/>
        <v>15.084058227781883</v>
      </c>
      <c r="J744" s="237">
        <f t="shared" si="175"/>
        <v>5.0840582277818829</v>
      </c>
      <c r="K744" s="237">
        <f t="shared" si="171"/>
        <v>107.54933516408482</v>
      </c>
      <c r="L744" s="237">
        <f t="shared" si="176"/>
        <v>36.284923571679293</v>
      </c>
      <c r="M744" s="236">
        <f t="shared" si="172"/>
        <v>4.5625193204245571</v>
      </c>
      <c r="N744" s="236">
        <f t="shared" si="173"/>
        <v>4.4699307051013522</v>
      </c>
      <c r="O744" s="236">
        <f t="shared" si="177"/>
        <v>3.3761805598520174</v>
      </c>
      <c r="P744" s="236" t="str">
        <f t="shared" si="178"/>
        <v>CLAY</v>
      </c>
      <c r="Q744" s="236">
        <f t="shared" si="174"/>
        <v>13.795888736326267</v>
      </c>
      <c r="R744" s="238">
        <v>35</v>
      </c>
      <c r="S744" s="236">
        <f t="shared" si="179"/>
        <v>1.667039553383256</v>
      </c>
      <c r="T744" s="236" t="e">
        <f t="shared" si="165"/>
        <v>#N/A</v>
      </c>
    </row>
    <row r="745" spans="1:20" x14ac:dyDescent="0.2">
      <c r="A745" s="53">
        <f t="shared" si="166"/>
        <v>733</v>
      </c>
      <c r="B745" s="239">
        <v>7.1479999999999997</v>
      </c>
      <c r="C745" s="3">
        <f t="shared" si="167"/>
        <v>7.141</v>
      </c>
      <c r="D745" s="239">
        <v>0.23300000000000001</v>
      </c>
      <c r="E745" s="239">
        <v>7.1999999999999998E-3</v>
      </c>
      <c r="F745" s="239">
        <v>0.18360000000000001</v>
      </c>
      <c r="G745">
        <f t="shared" si="168"/>
        <v>0.26972000000000002</v>
      </c>
      <c r="H745" s="235">
        <f t="shared" si="169"/>
        <v>2.6694349695981017</v>
      </c>
      <c r="I745" s="236">
        <f t="shared" si="170"/>
        <v>15.047062630651054</v>
      </c>
      <c r="J745" s="237">
        <f t="shared" si="175"/>
        <v>5.0470626306510535</v>
      </c>
      <c r="K745" s="237">
        <f t="shared" si="171"/>
        <v>107.45107424547918</v>
      </c>
      <c r="L745" s="237">
        <f t="shared" si="176"/>
        <v>36.07640368389373</v>
      </c>
      <c r="M745" s="236">
        <f t="shared" si="172"/>
        <v>4.4979241050838343</v>
      </c>
      <c r="N745" s="236">
        <f t="shared" si="173"/>
        <v>4.4370787361297399</v>
      </c>
      <c r="O745" s="236">
        <f t="shared" si="177"/>
        <v>3.3795668969644082</v>
      </c>
      <c r="P745" s="236" t="str">
        <f t="shared" si="178"/>
        <v>CLAY</v>
      </c>
      <c r="Q745" s="236">
        <f t="shared" si="174"/>
        <v>13.522410479543405</v>
      </c>
      <c r="R745" s="238">
        <v>35</v>
      </c>
      <c r="S745" s="236">
        <f t="shared" si="179"/>
        <v>1.6375899434696155</v>
      </c>
      <c r="T745" s="236" t="e">
        <f t="shared" si="165"/>
        <v>#N/A</v>
      </c>
    </row>
    <row r="746" spans="1:20" x14ac:dyDescent="0.2">
      <c r="A746" s="53">
        <f t="shared" si="166"/>
        <v>734</v>
      </c>
      <c r="B746" s="239">
        <v>7.157</v>
      </c>
      <c r="C746" s="3">
        <f t="shared" si="167"/>
        <v>7.15</v>
      </c>
      <c r="D746" s="239">
        <v>0.2326</v>
      </c>
      <c r="E746" s="239">
        <v>7.1000000000000004E-3</v>
      </c>
      <c r="F746" s="239">
        <v>0.17960000000000001</v>
      </c>
      <c r="G746">
        <f t="shared" si="168"/>
        <v>0.26851999999999998</v>
      </c>
      <c r="H746" s="235">
        <f t="shared" si="169"/>
        <v>2.6441233427677644</v>
      </c>
      <c r="I746" s="236">
        <f t="shared" si="170"/>
        <v>15.028919570585584</v>
      </c>
      <c r="J746" s="237">
        <f t="shared" si="175"/>
        <v>5.0289195705855843</v>
      </c>
      <c r="K746" s="237">
        <f t="shared" si="171"/>
        <v>107.45677492968693</v>
      </c>
      <c r="L746" s="237">
        <f t="shared" si="176"/>
        <v>35.991977366681027</v>
      </c>
      <c r="M746" s="236">
        <f t="shared" si="172"/>
        <v>4.4749757266577594</v>
      </c>
      <c r="N746" s="236">
        <f t="shared" si="173"/>
        <v>4.4082067752588809</v>
      </c>
      <c r="O746" s="236">
        <f t="shared" si="177"/>
        <v>3.3798541114627012</v>
      </c>
      <c r="P746" s="236" t="str">
        <f t="shared" si="178"/>
        <v>CLAY</v>
      </c>
      <c r="Q746" s="236">
        <f t="shared" si="174"/>
        <v>13.421935422526088</v>
      </c>
      <c r="R746" s="238">
        <v>35</v>
      </c>
      <c r="S746" s="236">
        <f t="shared" si="179"/>
        <v>1.6271528964065065</v>
      </c>
      <c r="T746" s="236" t="e">
        <f t="shared" si="165"/>
        <v>#N/A</v>
      </c>
    </row>
    <row r="747" spans="1:20" x14ac:dyDescent="0.2">
      <c r="A747" s="53">
        <f t="shared" si="166"/>
        <v>735</v>
      </c>
      <c r="B747" s="239">
        <v>7.1680000000000001</v>
      </c>
      <c r="C747" s="3">
        <f t="shared" si="167"/>
        <v>7.1610000000000005</v>
      </c>
      <c r="D747" s="239">
        <v>0.23400000000000001</v>
      </c>
      <c r="E747" s="239">
        <v>6.8999999999999999E-3</v>
      </c>
      <c r="F747" s="239">
        <v>0.1711</v>
      </c>
      <c r="G747">
        <f t="shared" si="168"/>
        <v>0.26822000000000001</v>
      </c>
      <c r="H747" s="235">
        <f t="shared" si="169"/>
        <v>2.5725150995451496</v>
      </c>
      <c r="I747" s="236">
        <f t="shared" si="170"/>
        <v>14.994977641731042</v>
      </c>
      <c r="J747" s="237">
        <f t="shared" si="175"/>
        <v>4.9949776417310421</v>
      </c>
      <c r="K747" s="237">
        <f t="shared" si="171"/>
        <v>107.379034892436</v>
      </c>
      <c r="L747" s="237">
        <f t="shared" si="176"/>
        <v>35.803999735928109</v>
      </c>
      <c r="M747" s="236">
        <f t="shared" si="172"/>
        <v>4.4922624928456125</v>
      </c>
      <c r="N747" s="236">
        <f t="shared" si="173"/>
        <v>4.2899518759947464</v>
      </c>
      <c r="O747" s="236">
        <f t="shared" si="177"/>
        <v>3.371955329016878</v>
      </c>
      <c r="P747" s="236" t="str">
        <f t="shared" si="178"/>
        <v>CLAY</v>
      </c>
      <c r="Q747" s="236">
        <f t="shared" si="174"/>
        <v>13.403413758963671</v>
      </c>
      <c r="R747" s="238">
        <v>35</v>
      </c>
      <c r="S747" s="236">
        <f t="shared" si="179"/>
        <v>1.6350137717092867</v>
      </c>
      <c r="T747" s="236" t="e">
        <f t="shared" si="165"/>
        <v>#N/A</v>
      </c>
    </row>
    <row r="748" spans="1:20" x14ac:dyDescent="0.2">
      <c r="A748" s="53">
        <f t="shared" si="166"/>
        <v>736</v>
      </c>
      <c r="B748" s="239">
        <v>7.1779999999999999</v>
      </c>
      <c r="C748" s="3">
        <f t="shared" si="167"/>
        <v>7.1710000000000003</v>
      </c>
      <c r="D748" s="239">
        <v>0.23280000000000001</v>
      </c>
      <c r="E748" s="239">
        <v>6.6E-3</v>
      </c>
      <c r="F748" s="239">
        <v>0.16120000000000001</v>
      </c>
      <c r="G748">
        <f t="shared" si="168"/>
        <v>0.26504</v>
      </c>
      <c r="H748" s="235">
        <f t="shared" si="169"/>
        <v>2.4901901599758527</v>
      </c>
      <c r="I748" s="236">
        <f t="shared" si="170"/>
        <v>14.938191960932045</v>
      </c>
      <c r="J748" s="237">
        <f t="shared" si="175"/>
        <v>4.9381919609320448</v>
      </c>
      <c r="K748" s="237">
        <f t="shared" si="171"/>
        <v>107.1217745518437</v>
      </c>
      <c r="L748" s="237">
        <f t="shared" si="176"/>
        <v>35.446341895570214</v>
      </c>
      <c r="M748" s="236">
        <f t="shared" si="172"/>
        <v>4.4551346345810536</v>
      </c>
      <c r="N748" s="236">
        <f t="shared" si="173"/>
        <v>4.1793782707916405</v>
      </c>
      <c r="O748" s="236">
        <f t="shared" si="177"/>
        <v>3.3687562125253279</v>
      </c>
      <c r="P748" s="236" t="str">
        <f t="shared" si="178"/>
        <v>CLAY</v>
      </c>
      <c r="Q748" s="236">
        <f t="shared" si="174"/>
        <v>13.159852120679693</v>
      </c>
      <c r="R748" s="238">
        <v>35</v>
      </c>
      <c r="S748" s="236">
        <f t="shared" si="179"/>
        <v>1.6181398369739683</v>
      </c>
      <c r="T748" s="236" t="e">
        <f t="shared" si="165"/>
        <v>#N/A</v>
      </c>
    </row>
    <row r="749" spans="1:20" x14ac:dyDescent="0.2">
      <c r="A749" s="53">
        <f t="shared" si="166"/>
        <v>737</v>
      </c>
      <c r="B749" s="239">
        <v>7.1879999999999997</v>
      </c>
      <c r="C749" s="3">
        <f t="shared" si="167"/>
        <v>7.181</v>
      </c>
      <c r="D749" s="239">
        <v>0.22670000000000001</v>
      </c>
      <c r="E749" s="239">
        <v>6.7000000000000002E-3</v>
      </c>
      <c r="F749" s="239">
        <v>0.1633</v>
      </c>
      <c r="G749">
        <f t="shared" si="168"/>
        <v>0.25936000000000003</v>
      </c>
      <c r="H749" s="235">
        <f t="shared" si="169"/>
        <v>2.583281924737816</v>
      </c>
      <c r="I749" s="236">
        <f t="shared" si="170"/>
        <v>14.947357719428712</v>
      </c>
      <c r="J749" s="237">
        <f t="shared" si="175"/>
        <v>4.9473577194287124</v>
      </c>
      <c r="K749" s="237">
        <f t="shared" si="171"/>
        <v>107.33697578321758</v>
      </c>
      <c r="L749" s="237">
        <f t="shared" si="176"/>
        <v>35.561607287253587</v>
      </c>
      <c r="M749" s="236">
        <f t="shared" si="172"/>
        <v>4.2749199435446306</v>
      </c>
      <c r="N749" s="236">
        <f t="shared" si="173"/>
        <v>4.407227151622708</v>
      </c>
      <c r="O749" s="236">
        <f t="shared" si="177"/>
        <v>3.3963867077946834</v>
      </c>
      <c r="P749" s="236" t="str">
        <f t="shared" si="178"/>
        <v>CLAY</v>
      </c>
      <c r="Q749" s="236">
        <f t="shared" si="174"/>
        <v>12.668585351398535</v>
      </c>
      <c r="R749" s="238">
        <v>35</v>
      </c>
      <c r="S749" s="236">
        <f t="shared" si="179"/>
        <v>1.5367385689607815</v>
      </c>
      <c r="T749" s="236" t="e">
        <f t="shared" si="165"/>
        <v>#N/A</v>
      </c>
    </row>
    <row r="750" spans="1:20" x14ac:dyDescent="0.2">
      <c r="A750" s="53">
        <f t="shared" si="166"/>
        <v>738</v>
      </c>
      <c r="B750" s="239">
        <v>7.1980000000000004</v>
      </c>
      <c r="C750" s="3">
        <f t="shared" si="167"/>
        <v>7.1910000000000007</v>
      </c>
      <c r="D750" s="239">
        <v>0.2248</v>
      </c>
      <c r="E750" s="239">
        <v>6.6E-3</v>
      </c>
      <c r="F750" s="239">
        <v>0.1638</v>
      </c>
      <c r="G750">
        <f t="shared" si="168"/>
        <v>0.25756000000000001</v>
      </c>
      <c r="H750" s="235">
        <f t="shared" si="169"/>
        <v>2.5625097064761611</v>
      </c>
      <c r="I750" s="236">
        <f t="shared" si="170"/>
        <v>14.927002255123609</v>
      </c>
      <c r="J750" s="237">
        <f t="shared" si="175"/>
        <v>4.9270022551236092</v>
      </c>
      <c r="K750" s="237">
        <f t="shared" si="171"/>
        <v>107.34007321659388</v>
      </c>
      <c r="L750" s="237">
        <f t="shared" si="176"/>
        <v>35.464562232379741</v>
      </c>
      <c r="M750" s="236">
        <f t="shared" si="172"/>
        <v>4.2357755834993167</v>
      </c>
      <c r="N750" s="236">
        <f t="shared" si="173"/>
        <v>4.3935582590957978</v>
      </c>
      <c r="O750" s="236">
        <f t="shared" si="177"/>
        <v>3.3989873777540303</v>
      </c>
      <c r="P750" s="236" t="str">
        <f t="shared" si="178"/>
        <v>CLAY</v>
      </c>
      <c r="Q750" s="236">
        <f t="shared" si="174"/>
        <v>12.51832723195051</v>
      </c>
      <c r="R750" s="238">
        <v>35</v>
      </c>
      <c r="S750" s="236">
        <f t="shared" si="179"/>
        <v>1.5191693402469999</v>
      </c>
      <c r="T750" s="236" t="e">
        <f t="shared" si="165"/>
        <v>#N/A</v>
      </c>
    </row>
    <row r="751" spans="1:20" x14ac:dyDescent="0.2">
      <c r="A751" s="53">
        <f t="shared" si="166"/>
        <v>739</v>
      </c>
      <c r="B751" s="239">
        <v>7.2080000000000002</v>
      </c>
      <c r="C751" s="3">
        <f t="shared" si="167"/>
        <v>7.2010000000000005</v>
      </c>
      <c r="D751" s="239">
        <v>0.2281</v>
      </c>
      <c r="E751" s="239">
        <v>6.1999999999999998E-3</v>
      </c>
      <c r="F751" s="239">
        <v>0.16039999999999999</v>
      </c>
      <c r="G751">
        <f t="shared" si="168"/>
        <v>0.26017999999999997</v>
      </c>
      <c r="H751" s="235">
        <f t="shared" si="169"/>
        <v>2.3829656391728808</v>
      </c>
      <c r="I751" s="236">
        <f t="shared" si="170"/>
        <v>14.857647134445372</v>
      </c>
      <c r="J751" s="237">
        <f t="shared" si="175"/>
        <v>4.8576471344453722</v>
      </c>
      <c r="K751" s="237">
        <f t="shared" si="171"/>
        <v>106.98991701514113</v>
      </c>
      <c r="L751" s="237">
        <f t="shared" si="176"/>
        <v>35.013920545082243</v>
      </c>
      <c r="M751" s="236">
        <f t="shared" si="172"/>
        <v>4.3751193982295868</v>
      </c>
      <c r="N751" s="236">
        <f t="shared" si="173"/>
        <v>4.0472593781496968</v>
      </c>
      <c r="O751" s="236">
        <f t="shared" si="177"/>
        <v>3.3677612075341878</v>
      </c>
      <c r="P751" s="236" t="str">
        <f t="shared" si="178"/>
        <v>CLAY</v>
      </c>
      <c r="Q751" s="236">
        <f t="shared" si="174"/>
        <v>12.765840248738234</v>
      </c>
      <c r="R751" s="238">
        <v>35</v>
      </c>
      <c r="S751" s="236">
        <f t="shared" si="179"/>
        <v>1.5818940611378818</v>
      </c>
      <c r="T751" s="236" t="e">
        <f t="shared" si="165"/>
        <v>#N/A</v>
      </c>
    </row>
    <row r="752" spans="1:20" x14ac:dyDescent="0.2">
      <c r="A752" s="53">
        <f t="shared" si="166"/>
        <v>740</v>
      </c>
      <c r="B752" s="239">
        <v>7.2169999999999996</v>
      </c>
      <c r="C752" s="3">
        <f t="shared" si="167"/>
        <v>7.21</v>
      </c>
      <c r="D752" s="239">
        <v>0.22670000000000001</v>
      </c>
      <c r="E752" s="239">
        <v>6.4000000000000003E-3</v>
      </c>
      <c r="F752" s="239">
        <v>0.16669999999999999</v>
      </c>
      <c r="G752">
        <f t="shared" si="168"/>
        <v>0.26003999999999999</v>
      </c>
      <c r="H752" s="235">
        <f t="shared" si="169"/>
        <v>2.461159821565913</v>
      </c>
      <c r="I752" s="236">
        <f t="shared" si="170"/>
        <v>14.894665125769681</v>
      </c>
      <c r="J752" s="237">
        <f t="shared" si="175"/>
        <v>4.8946651257696807</v>
      </c>
      <c r="K752" s="237">
        <f t="shared" si="171"/>
        <v>107.39053555679939</v>
      </c>
      <c r="L752" s="237">
        <f t="shared" si="176"/>
        <v>35.324798212679781</v>
      </c>
      <c r="M752" s="236">
        <f t="shared" si="172"/>
        <v>4.3213117177384852</v>
      </c>
      <c r="N752" s="236">
        <f t="shared" si="173"/>
        <v>4.192612154483764</v>
      </c>
      <c r="O752" s="236">
        <f t="shared" si="177"/>
        <v>3.3806042038532564</v>
      </c>
      <c r="P752" s="236" t="str">
        <f t="shared" si="178"/>
        <v>CLAY</v>
      </c>
      <c r="Q752" s="236">
        <f t="shared" si="174"/>
        <v>12.720788703600052</v>
      </c>
      <c r="R752" s="238">
        <v>35</v>
      </c>
      <c r="S752" s="236">
        <f t="shared" si="179"/>
        <v>1.5576127832289572</v>
      </c>
      <c r="T752" s="236" t="e">
        <f t="shared" si="165"/>
        <v>#N/A</v>
      </c>
    </row>
    <row r="753" spans="1:20" x14ac:dyDescent="0.2">
      <c r="A753" s="53">
        <f t="shared" si="166"/>
        <v>741</v>
      </c>
      <c r="B753" s="239">
        <v>7.2279999999999998</v>
      </c>
      <c r="C753" s="3">
        <f t="shared" si="167"/>
        <v>7.2210000000000001</v>
      </c>
      <c r="D753" s="239">
        <v>0.22520000000000001</v>
      </c>
      <c r="E753" s="239">
        <v>6.4000000000000003E-3</v>
      </c>
      <c r="F753" s="239">
        <v>0.17100000000000001</v>
      </c>
      <c r="G753">
        <f t="shared" si="168"/>
        <v>0.25940000000000002</v>
      </c>
      <c r="H753" s="235">
        <f t="shared" si="169"/>
        <v>2.467232074016962</v>
      </c>
      <c r="I753" s="236">
        <f t="shared" si="170"/>
        <v>14.893701958712239</v>
      </c>
      <c r="J753" s="237">
        <f t="shared" si="175"/>
        <v>4.8937019587122386</v>
      </c>
      <c r="K753" s="237">
        <f t="shared" si="171"/>
        <v>107.54742184386107</v>
      </c>
      <c r="L753" s="237">
        <f t="shared" si="176"/>
        <v>35.371677757572058</v>
      </c>
      <c r="M753" s="236">
        <f t="shared" si="172"/>
        <v>4.2930555682683647</v>
      </c>
      <c r="N753" s="236">
        <f t="shared" si="173"/>
        <v>4.2146139879293623</v>
      </c>
      <c r="O753" s="236">
        <f t="shared" si="177"/>
        <v>3.3842318527877557</v>
      </c>
      <c r="P753" s="236" t="str">
        <f t="shared" si="178"/>
        <v>CLAY</v>
      </c>
      <c r="Q753" s="236">
        <f t="shared" si="174"/>
        <v>12.654381513011581</v>
      </c>
      <c r="R753" s="238">
        <v>35</v>
      </c>
      <c r="S753" s="236">
        <f t="shared" si="179"/>
        <v>1.5448920776160335</v>
      </c>
      <c r="T753" s="236" t="e">
        <f t="shared" si="165"/>
        <v>#N/A</v>
      </c>
    </row>
    <row r="754" spans="1:20" x14ac:dyDescent="0.2">
      <c r="A754" s="53">
        <f t="shared" si="166"/>
        <v>742</v>
      </c>
      <c r="B754" s="239">
        <v>7.2370000000000001</v>
      </c>
      <c r="C754" s="3">
        <f t="shared" si="167"/>
        <v>7.23</v>
      </c>
      <c r="D754" s="239">
        <v>0.2235</v>
      </c>
      <c r="E754" s="239">
        <v>6.4000000000000003E-3</v>
      </c>
      <c r="F754" s="239">
        <v>0.17319999999999999</v>
      </c>
      <c r="G754">
        <f t="shared" si="168"/>
        <v>0.25813999999999998</v>
      </c>
      <c r="H754" s="235">
        <f t="shared" si="169"/>
        <v>2.4792748121174562</v>
      </c>
      <c r="I754" s="236">
        <f t="shared" si="170"/>
        <v>14.891798759286035</v>
      </c>
      <c r="J754" s="237">
        <f t="shared" si="175"/>
        <v>4.8917987592860346</v>
      </c>
      <c r="K754" s="237">
        <f t="shared" si="171"/>
        <v>107.66770502963804</v>
      </c>
      <c r="L754" s="237">
        <f t="shared" si="176"/>
        <v>35.401947620953031</v>
      </c>
      <c r="M754" s="236">
        <f t="shared" si="172"/>
        <v>4.2503959550887318</v>
      </c>
      <c r="N754" s="236">
        <f t="shared" si="173"/>
        <v>4.2532746651206388</v>
      </c>
      <c r="O754" s="236">
        <f t="shared" si="177"/>
        <v>3.3900297714820189</v>
      </c>
      <c r="P754" s="236" t="str">
        <f t="shared" si="178"/>
        <v>CLAY</v>
      </c>
      <c r="Q754" s="236">
        <f t="shared" si="174"/>
        <v>12.539357914196827</v>
      </c>
      <c r="R754" s="238">
        <v>35</v>
      </c>
      <c r="S754" s="236">
        <f t="shared" si="179"/>
        <v>1.5257266974935531</v>
      </c>
      <c r="T754" s="236" t="e">
        <f t="shared" si="165"/>
        <v>#N/A</v>
      </c>
    </row>
    <row r="755" spans="1:20" x14ac:dyDescent="0.2">
      <c r="A755" s="53">
        <f t="shared" si="166"/>
        <v>743</v>
      </c>
      <c r="B755" s="239">
        <v>7.2480000000000002</v>
      </c>
      <c r="C755" s="3">
        <f t="shared" si="167"/>
        <v>7.2410000000000005</v>
      </c>
      <c r="D755" s="239">
        <v>0.22070000000000001</v>
      </c>
      <c r="E755" s="239">
        <v>6.4999999999999997E-3</v>
      </c>
      <c r="F755" s="239">
        <v>0.17810000000000001</v>
      </c>
      <c r="G755">
        <f t="shared" si="168"/>
        <v>0.25631999999999999</v>
      </c>
      <c r="H755" s="235">
        <f t="shared" si="169"/>
        <v>2.535892634207241</v>
      </c>
      <c r="I755" s="236">
        <f t="shared" si="170"/>
        <v>14.907213362281926</v>
      </c>
      <c r="J755" s="237">
        <f t="shared" si="175"/>
        <v>4.9072133622819258</v>
      </c>
      <c r="K755" s="237">
        <f t="shared" si="171"/>
        <v>107.94313195628344</v>
      </c>
      <c r="L755" s="237">
        <f t="shared" si="176"/>
        <v>35.567482449819401</v>
      </c>
      <c r="M755" s="236">
        <f t="shared" si="172"/>
        <v>4.1717000423927946</v>
      </c>
      <c r="N755" s="236">
        <f t="shared" si="173"/>
        <v>4.3807367588355435</v>
      </c>
      <c r="O755" s="236">
        <f t="shared" si="177"/>
        <v>3.403832163132757</v>
      </c>
      <c r="P755" s="236" t="str">
        <f t="shared" si="178"/>
        <v>CLAY</v>
      </c>
      <c r="Q755" s="236">
        <f t="shared" si="174"/>
        <v>12.364739003643047</v>
      </c>
      <c r="R755" s="238">
        <v>35</v>
      </c>
      <c r="S755" s="236">
        <f t="shared" si="179"/>
        <v>1.4904978398059459</v>
      </c>
      <c r="T755" s="236" t="e">
        <f t="shared" si="165"/>
        <v>#N/A</v>
      </c>
    </row>
    <row r="756" spans="1:20" x14ac:dyDescent="0.2">
      <c r="A756" s="53">
        <f t="shared" si="166"/>
        <v>744</v>
      </c>
      <c r="B756" s="239">
        <v>7.258</v>
      </c>
      <c r="C756" s="3">
        <f t="shared" si="167"/>
        <v>7.2510000000000003</v>
      </c>
      <c r="D756" s="239">
        <v>0.21990000000000001</v>
      </c>
      <c r="E756" s="239">
        <v>6.6E-3</v>
      </c>
      <c r="F756" s="239">
        <v>0.1812</v>
      </c>
      <c r="G756">
        <f t="shared" si="168"/>
        <v>0.25614000000000003</v>
      </c>
      <c r="H756" s="235">
        <f t="shared" si="169"/>
        <v>2.5767158585148744</v>
      </c>
      <c r="I756" s="236">
        <f t="shared" si="170"/>
        <v>14.924841345014364</v>
      </c>
      <c r="J756" s="237">
        <f t="shared" si="175"/>
        <v>4.9248413450143644</v>
      </c>
      <c r="K756" s="237">
        <f t="shared" si="171"/>
        <v>108.22002459269916</v>
      </c>
      <c r="L756" s="237">
        <f t="shared" si="176"/>
        <v>35.74449848211426</v>
      </c>
      <c r="M756" s="236">
        <f t="shared" si="172"/>
        <v>4.1382585205753184</v>
      </c>
      <c r="N756" s="236">
        <f t="shared" si="173"/>
        <v>4.4618720235902929</v>
      </c>
      <c r="O756" s="236">
        <f t="shared" si="177"/>
        <v>3.411120626485812</v>
      </c>
      <c r="P756" s="236" t="str">
        <f t="shared" si="178"/>
        <v>CLAY</v>
      </c>
      <c r="Q756" s="236">
        <f t="shared" si="174"/>
        <v>12.326664617275073</v>
      </c>
      <c r="R756" s="238">
        <v>35</v>
      </c>
      <c r="S756" s="236">
        <f t="shared" si="179"/>
        <v>1.4755775228140535</v>
      </c>
      <c r="T756" s="236" t="e">
        <f t="shared" si="165"/>
        <v>#N/A</v>
      </c>
    </row>
    <row r="757" spans="1:20" x14ac:dyDescent="0.2">
      <c r="A757" s="53">
        <f t="shared" si="166"/>
        <v>745</v>
      </c>
      <c r="B757" s="239">
        <v>7.2679999999999998</v>
      </c>
      <c r="C757" s="3">
        <f t="shared" si="167"/>
        <v>7.2610000000000001</v>
      </c>
      <c r="D757" s="239">
        <v>0.2198</v>
      </c>
      <c r="E757" s="239">
        <v>6.6E-3</v>
      </c>
      <c r="F757" s="239">
        <v>0.18429999999999999</v>
      </c>
      <c r="G757">
        <f t="shared" si="168"/>
        <v>0.25666</v>
      </c>
      <c r="H757" s="235">
        <f t="shared" si="169"/>
        <v>2.5714953635159352</v>
      </c>
      <c r="I757" s="236">
        <f t="shared" si="170"/>
        <v>14.925634051282682</v>
      </c>
      <c r="J757" s="237">
        <f t="shared" si="175"/>
        <v>4.9256340512826817</v>
      </c>
      <c r="K757" s="237">
        <f t="shared" si="171"/>
        <v>108.37502884636355</v>
      </c>
      <c r="L757" s="237">
        <f t="shared" si="176"/>
        <v>35.799508284722528</v>
      </c>
      <c r="M757" s="236">
        <f t="shared" si="172"/>
        <v>4.1420951923218796</v>
      </c>
      <c r="N757" s="236">
        <f t="shared" si="173"/>
        <v>4.4508893576017279</v>
      </c>
      <c r="O757" s="236">
        <f t="shared" si="177"/>
        <v>3.410197462984951</v>
      </c>
      <c r="P757" s="236" t="str">
        <f t="shared" si="178"/>
        <v>CLAY</v>
      </c>
      <c r="Q757" s="236">
        <f t="shared" si="174"/>
        <v>12.357080929469708</v>
      </c>
      <c r="R757" s="238">
        <v>35</v>
      </c>
      <c r="S757" s="236">
        <f t="shared" si="179"/>
        <v>1.4772877719750022</v>
      </c>
      <c r="T757" s="236" t="e">
        <f t="shared" si="165"/>
        <v>#N/A</v>
      </c>
    </row>
    <row r="758" spans="1:20" x14ac:dyDescent="0.2">
      <c r="A758" s="53">
        <f t="shared" si="166"/>
        <v>746</v>
      </c>
      <c r="B758" s="239">
        <v>7.2770000000000001</v>
      </c>
      <c r="C758" s="3">
        <f t="shared" si="167"/>
        <v>7.2700000000000005</v>
      </c>
      <c r="D758" s="239">
        <v>0.21959999999999999</v>
      </c>
      <c r="E758" s="239">
        <v>6.6E-3</v>
      </c>
      <c r="F758" s="239">
        <v>0.18579999999999999</v>
      </c>
      <c r="G758">
        <f t="shared" si="168"/>
        <v>0.25675999999999999</v>
      </c>
      <c r="H758" s="235">
        <f t="shared" si="169"/>
        <v>2.5704938463935192</v>
      </c>
      <c r="I758" s="236">
        <f t="shared" si="170"/>
        <v>14.925786310656548</v>
      </c>
      <c r="J758" s="237">
        <f t="shared" si="175"/>
        <v>4.925786310656548</v>
      </c>
      <c r="K758" s="237">
        <f t="shared" si="171"/>
        <v>108.51046647847311</v>
      </c>
      <c r="L758" s="237">
        <f t="shared" si="176"/>
        <v>35.844946982647699</v>
      </c>
      <c r="M758" s="236">
        <f t="shared" si="172"/>
        <v>4.1358558458265673</v>
      </c>
      <c r="N758" s="236">
        <f t="shared" si="173"/>
        <v>4.451953300103729</v>
      </c>
      <c r="O758" s="236">
        <f t="shared" si="177"/>
        <v>3.4108020172114402</v>
      </c>
      <c r="P758" s="236" t="str">
        <f t="shared" si="178"/>
        <v>CLAY</v>
      </c>
      <c r="Q758" s="236">
        <f t="shared" si="174"/>
        <v>12.354127793460572</v>
      </c>
      <c r="R758" s="238">
        <v>35</v>
      </c>
      <c r="S758" s="236">
        <f t="shared" si="179"/>
        <v>1.4745066993335436</v>
      </c>
      <c r="T758" s="236" t="e">
        <f t="shared" si="165"/>
        <v>#N/A</v>
      </c>
    </row>
    <row r="759" spans="1:20" x14ac:dyDescent="0.2">
      <c r="A759" s="53">
        <f t="shared" si="166"/>
        <v>747</v>
      </c>
      <c r="B759" s="239">
        <v>7.2880000000000003</v>
      </c>
      <c r="C759" s="3">
        <f t="shared" si="167"/>
        <v>7.2810000000000006</v>
      </c>
      <c r="D759" s="239">
        <v>0.21920000000000001</v>
      </c>
      <c r="E759" s="239">
        <v>6.4999999999999997E-3</v>
      </c>
      <c r="F759" s="239">
        <v>0.18559999999999999</v>
      </c>
      <c r="G759">
        <f t="shared" si="168"/>
        <v>0.25631999999999999</v>
      </c>
      <c r="H759" s="235">
        <f t="shared" si="169"/>
        <v>2.535892634207241</v>
      </c>
      <c r="I759" s="236">
        <f t="shared" si="170"/>
        <v>14.907213362281926</v>
      </c>
      <c r="J759" s="237">
        <f t="shared" si="175"/>
        <v>4.9072133622819258</v>
      </c>
      <c r="K759" s="237">
        <f t="shared" si="171"/>
        <v>108.53942049077472</v>
      </c>
      <c r="L759" s="237">
        <f t="shared" si="176"/>
        <v>35.763770984310675</v>
      </c>
      <c r="M759" s="236">
        <f t="shared" si="172"/>
        <v>4.1321307972264902</v>
      </c>
      <c r="N759" s="236">
        <f t="shared" si="173"/>
        <v>4.3984128507184765</v>
      </c>
      <c r="O759" s="236">
        <f t="shared" si="177"/>
        <v>3.4082538706404604</v>
      </c>
      <c r="P759" s="236" t="str">
        <f t="shared" si="178"/>
        <v>CLAY</v>
      </c>
      <c r="Q759" s="236">
        <f t="shared" si="174"/>
        <v>12.31504829243544</v>
      </c>
      <c r="R759" s="238">
        <v>35</v>
      </c>
      <c r="S759" s="236">
        <f t="shared" si="179"/>
        <v>1.4728468280753797</v>
      </c>
      <c r="T759" s="236" t="e">
        <f t="shared" si="165"/>
        <v>#N/A</v>
      </c>
    </row>
    <row r="760" spans="1:20" x14ac:dyDescent="0.2">
      <c r="A760" s="53">
        <f t="shared" si="166"/>
        <v>748</v>
      </c>
      <c r="B760" s="239">
        <v>7.298</v>
      </c>
      <c r="C760" s="3">
        <f t="shared" si="167"/>
        <v>7.2910000000000004</v>
      </c>
      <c r="D760" s="239">
        <v>0.2205</v>
      </c>
      <c r="E760" s="239">
        <v>6.3E-3</v>
      </c>
      <c r="F760" s="239">
        <v>0.1832</v>
      </c>
      <c r="G760">
        <f t="shared" si="168"/>
        <v>0.25713999999999998</v>
      </c>
      <c r="H760" s="235">
        <f t="shared" si="169"/>
        <v>2.4500272225246951</v>
      </c>
      <c r="I760" s="236">
        <f t="shared" si="170"/>
        <v>14.871815213518357</v>
      </c>
      <c r="J760" s="237">
        <f t="shared" si="175"/>
        <v>4.8718152135183566</v>
      </c>
      <c r="K760" s="237">
        <f t="shared" si="171"/>
        <v>108.43040472176234</v>
      </c>
      <c r="L760" s="237">
        <f t="shared" si="176"/>
        <v>35.554507428256969</v>
      </c>
      <c r="M760" s="236">
        <f t="shared" si="172"/>
        <v>4.1825806637402776</v>
      </c>
      <c r="N760" s="236">
        <f t="shared" si="173"/>
        <v>4.236444856307096</v>
      </c>
      <c r="O760" s="236">
        <f t="shared" si="177"/>
        <v>3.3949498061050818</v>
      </c>
      <c r="P760" s="236" t="str">
        <f t="shared" si="178"/>
        <v>CLAY</v>
      </c>
      <c r="Q760" s="236">
        <f t="shared" si="174"/>
        <v>12.392466273186471</v>
      </c>
      <c r="R760" s="238">
        <v>35</v>
      </c>
      <c r="S760" s="236">
        <f t="shared" si="179"/>
        <v>1.4953588156451481</v>
      </c>
      <c r="T760" s="236" t="e">
        <f t="shared" si="165"/>
        <v>#N/A</v>
      </c>
    </row>
    <row r="761" spans="1:20" x14ac:dyDescent="0.2">
      <c r="A761" s="53">
        <f t="shared" si="166"/>
        <v>749</v>
      </c>
      <c r="B761" s="239">
        <v>7.3079999999999998</v>
      </c>
      <c r="C761" s="3">
        <f t="shared" si="167"/>
        <v>7.3010000000000002</v>
      </c>
      <c r="D761" s="239">
        <v>0.21970000000000001</v>
      </c>
      <c r="E761" s="239">
        <v>6.4000000000000003E-3</v>
      </c>
      <c r="F761" s="239">
        <v>0.1845</v>
      </c>
      <c r="G761">
        <f t="shared" si="168"/>
        <v>0.25659999999999999</v>
      </c>
      <c r="H761" s="235">
        <f t="shared" si="169"/>
        <v>2.4941543257989087</v>
      </c>
      <c r="I761" s="236">
        <f t="shared" si="170"/>
        <v>14.889459970973999</v>
      </c>
      <c r="J761" s="237">
        <f t="shared" si="175"/>
        <v>4.8894599709739985</v>
      </c>
      <c r="K761" s="237">
        <f t="shared" si="171"/>
        <v>108.70794724808117</v>
      </c>
      <c r="L761" s="237">
        <f t="shared" si="176"/>
        <v>35.732173467877978</v>
      </c>
      <c r="M761" s="236">
        <f t="shared" si="172"/>
        <v>4.1389044773576078</v>
      </c>
      <c r="N761" s="236">
        <f t="shared" si="173"/>
        <v>4.3274806731742803</v>
      </c>
      <c r="O761" s="236">
        <f t="shared" si="177"/>
        <v>3.4038025479383109</v>
      </c>
      <c r="P761" s="236" t="str">
        <f t="shared" si="178"/>
        <v>CLAY</v>
      </c>
      <c r="Q761" s="236">
        <f t="shared" si="174"/>
        <v>12.324337729326572</v>
      </c>
      <c r="R761" s="238">
        <v>35</v>
      </c>
      <c r="S761" s="236">
        <f t="shared" si="179"/>
        <v>1.4758654391866599</v>
      </c>
      <c r="T761" s="236" t="e">
        <f t="shared" si="165"/>
        <v>#N/A</v>
      </c>
    </row>
    <row r="762" spans="1:20" x14ac:dyDescent="0.2">
      <c r="A762" s="53">
        <f t="shared" si="166"/>
        <v>750</v>
      </c>
      <c r="B762" s="239">
        <v>7.3179999999999996</v>
      </c>
      <c r="C762" s="3">
        <f t="shared" si="167"/>
        <v>7.3109999999999999</v>
      </c>
      <c r="D762" s="239">
        <v>0.2147</v>
      </c>
      <c r="E762" s="239">
        <v>6.6E-3</v>
      </c>
      <c r="F762" s="239">
        <v>0.18770000000000001</v>
      </c>
      <c r="G762">
        <f t="shared" si="168"/>
        <v>0.25224000000000002</v>
      </c>
      <c r="H762" s="235">
        <f t="shared" si="169"/>
        <v>2.6165556612749761</v>
      </c>
      <c r="I762" s="236">
        <f t="shared" si="170"/>
        <v>14.918844242311396</v>
      </c>
      <c r="J762" s="237">
        <f t="shared" si="175"/>
        <v>4.9188442423113958</v>
      </c>
      <c r="K762" s="237">
        <f t="shared" si="171"/>
        <v>109.07167025553862</v>
      </c>
      <c r="L762" s="237">
        <f t="shared" si="176"/>
        <v>35.996102165234795</v>
      </c>
      <c r="M762" s="236">
        <f t="shared" si="172"/>
        <v>3.9773286865135651</v>
      </c>
      <c r="N762" s="236">
        <f t="shared" si="173"/>
        <v>4.6099580904381732</v>
      </c>
      <c r="O762" s="236">
        <f t="shared" si="177"/>
        <v>3.4333015245991652</v>
      </c>
      <c r="P762" s="236" t="str">
        <f t="shared" si="178"/>
        <v>CLAY</v>
      </c>
      <c r="Q762" s="236">
        <f t="shared" si="174"/>
        <v>11.930694145371783</v>
      </c>
      <c r="R762" s="238">
        <v>35</v>
      </c>
      <c r="S762" s="236">
        <f t="shared" si="179"/>
        <v>1.4042012712957403</v>
      </c>
      <c r="T762" s="236" t="e">
        <f t="shared" si="165"/>
        <v>#N/A</v>
      </c>
    </row>
    <row r="763" spans="1:20" x14ac:dyDescent="0.2">
      <c r="A763" s="53">
        <f t="shared" si="166"/>
        <v>751</v>
      </c>
      <c r="B763" s="239">
        <v>7.3289999999999997</v>
      </c>
      <c r="C763" s="3">
        <f t="shared" si="167"/>
        <v>7.3220000000000001</v>
      </c>
      <c r="D763" s="239">
        <v>0.21179999999999999</v>
      </c>
      <c r="E763" s="239">
        <v>6.4999999999999997E-3</v>
      </c>
      <c r="F763" s="239">
        <v>0.1857</v>
      </c>
      <c r="G763">
        <f t="shared" si="168"/>
        <v>0.24893999999999999</v>
      </c>
      <c r="H763" s="235">
        <f t="shared" si="169"/>
        <v>2.6110709407889452</v>
      </c>
      <c r="I763" s="236">
        <f t="shared" si="170"/>
        <v>14.895794334009551</v>
      </c>
      <c r="J763" s="237">
        <f t="shared" si="175"/>
        <v>4.8957943340095511</v>
      </c>
      <c r="K763" s="237">
        <f t="shared" si="171"/>
        <v>109.06700611361794</v>
      </c>
      <c r="L763" s="237">
        <f t="shared" si="176"/>
        <v>35.881276673956002</v>
      </c>
      <c r="M763" s="236">
        <f t="shared" si="172"/>
        <v>3.8982167540294688</v>
      </c>
      <c r="N763" s="236">
        <f t="shared" si="173"/>
        <v>4.6470729047809671</v>
      </c>
      <c r="O763" s="236">
        <f t="shared" si="177"/>
        <v>3.442507675487676</v>
      </c>
      <c r="P763" s="236" t="str">
        <f t="shared" si="178"/>
        <v>CLAY</v>
      </c>
      <c r="Q763" s="236">
        <f t="shared" si="174"/>
        <v>11.656082823865171</v>
      </c>
      <c r="R763" s="238">
        <v>35</v>
      </c>
      <c r="S763" s="236">
        <f t="shared" si="179"/>
        <v>1.369375294452994</v>
      </c>
      <c r="T763" s="236" t="e">
        <f t="shared" si="165"/>
        <v>#N/A</v>
      </c>
    </row>
    <row r="764" spans="1:20" x14ac:dyDescent="0.2">
      <c r="A764" s="53">
        <f t="shared" si="166"/>
        <v>752</v>
      </c>
      <c r="B764" s="239">
        <v>7.3380000000000001</v>
      </c>
      <c r="C764" s="3">
        <f t="shared" si="167"/>
        <v>7.3310000000000004</v>
      </c>
      <c r="D764" s="239">
        <v>0.20899999999999999</v>
      </c>
      <c r="E764" s="239">
        <v>6.6E-3</v>
      </c>
      <c r="F764" s="239">
        <v>0.187</v>
      </c>
      <c r="G764">
        <f t="shared" si="168"/>
        <v>0.24639999999999998</v>
      </c>
      <c r="H764" s="235">
        <f t="shared" si="169"/>
        <v>2.6785714285714288</v>
      </c>
      <c r="I764" s="236">
        <f t="shared" si="170"/>
        <v>14.90968831348868</v>
      </c>
      <c r="J764" s="237">
        <f t="shared" si="175"/>
        <v>4.9096883134886795</v>
      </c>
      <c r="K764" s="237">
        <f t="shared" si="171"/>
        <v>109.30292502618552</v>
      </c>
      <c r="L764" s="237">
        <f t="shared" si="176"/>
        <v>36.027292844379929</v>
      </c>
      <c r="M764" s="236">
        <f t="shared" si="172"/>
        <v>3.8053671022689928</v>
      </c>
      <c r="N764" s="236">
        <f t="shared" si="173"/>
        <v>4.8141070852610088</v>
      </c>
      <c r="O764" s="236">
        <f t="shared" si="177"/>
        <v>3.4596783390924641</v>
      </c>
      <c r="P764" s="236" t="str">
        <f t="shared" si="178"/>
        <v>CLAY</v>
      </c>
      <c r="Q764" s="236">
        <f t="shared" si="174"/>
        <v>11.424756247817873</v>
      </c>
      <c r="R764" s="238">
        <v>35</v>
      </c>
      <c r="S764" s="236">
        <f t="shared" si="179"/>
        <v>1.3287268403202892</v>
      </c>
      <c r="T764" s="236" t="e">
        <f t="shared" si="165"/>
        <v>#N/A</v>
      </c>
    </row>
    <row r="765" spans="1:20" x14ac:dyDescent="0.2">
      <c r="A765" s="53">
        <f t="shared" si="166"/>
        <v>753</v>
      </c>
      <c r="B765" s="239">
        <v>7.3490000000000002</v>
      </c>
      <c r="C765" s="3">
        <f t="shared" si="167"/>
        <v>7.3420000000000005</v>
      </c>
      <c r="D765" s="239">
        <v>0.2102</v>
      </c>
      <c r="E765" s="239">
        <v>6.6E-3</v>
      </c>
      <c r="F765" s="239">
        <v>0.1908</v>
      </c>
      <c r="G765">
        <f t="shared" si="168"/>
        <v>0.24836</v>
      </c>
      <c r="H765" s="235">
        <f t="shared" si="169"/>
        <v>2.6574327588983735</v>
      </c>
      <c r="I765" s="236">
        <f t="shared" si="170"/>
        <v>14.912785166402083</v>
      </c>
      <c r="J765" s="237">
        <f t="shared" si="175"/>
        <v>4.9127851664020827</v>
      </c>
      <c r="K765" s="237">
        <f t="shared" si="171"/>
        <v>109.48966869172411</v>
      </c>
      <c r="L765" s="237">
        <f t="shared" si="176"/>
        <v>36.10405818788891</v>
      </c>
      <c r="M765" s="236">
        <f t="shared" si="172"/>
        <v>3.846391189200439</v>
      </c>
      <c r="N765" s="236">
        <f t="shared" si="173"/>
        <v>4.7526350213342354</v>
      </c>
      <c r="O765" s="236">
        <f t="shared" si="177"/>
        <v>3.4527202247022801</v>
      </c>
      <c r="P765" s="236" t="str">
        <f t="shared" si="178"/>
        <v>CLAY</v>
      </c>
      <c r="Q765" s="236">
        <f t="shared" si="174"/>
        <v>11.572527609022989</v>
      </c>
      <c r="R765" s="238">
        <v>35</v>
      </c>
      <c r="S765" s="236">
        <f t="shared" si="179"/>
        <v>1.3466564719587006</v>
      </c>
      <c r="T765" s="236" t="e">
        <f t="shared" si="165"/>
        <v>#N/A</v>
      </c>
    </row>
    <row r="766" spans="1:20" x14ac:dyDescent="0.2">
      <c r="A766" s="53">
        <f t="shared" si="166"/>
        <v>754</v>
      </c>
      <c r="B766" s="239">
        <v>7.359</v>
      </c>
      <c r="C766" s="3">
        <f t="shared" si="167"/>
        <v>7.3520000000000003</v>
      </c>
      <c r="D766" s="239">
        <v>0.20910000000000001</v>
      </c>
      <c r="E766" s="239">
        <v>6.7999999999999996E-3</v>
      </c>
      <c r="F766" s="239">
        <v>0.1943</v>
      </c>
      <c r="G766">
        <f t="shared" si="168"/>
        <v>0.24796000000000001</v>
      </c>
      <c r="H766" s="235">
        <f t="shared" si="169"/>
        <v>2.7423778028714305</v>
      </c>
      <c r="I766" s="236">
        <f t="shared" si="170"/>
        <v>14.947160583600906</v>
      </c>
      <c r="J766" s="237">
        <f t="shared" si="175"/>
        <v>4.9471605836009065</v>
      </c>
      <c r="K766" s="237">
        <f t="shared" si="171"/>
        <v>109.89152461063387</v>
      </c>
      <c r="L766" s="237">
        <f t="shared" si="176"/>
        <v>36.406154734719074</v>
      </c>
      <c r="M766" s="236">
        <f t="shared" si="172"/>
        <v>3.7924487327879159</v>
      </c>
      <c r="N766" s="236">
        <f t="shared" si="173"/>
        <v>4.9250924085482639</v>
      </c>
      <c r="O766" s="236">
        <f t="shared" si="177"/>
        <v>3.4663632192354483</v>
      </c>
      <c r="P766" s="236" t="str">
        <f t="shared" si="178"/>
        <v>CLAY</v>
      </c>
      <c r="Q766" s="236">
        <f t="shared" si="174"/>
        <v>11.505706282447179</v>
      </c>
      <c r="R766" s="238">
        <v>35</v>
      </c>
      <c r="S766" s="236">
        <f t="shared" si="179"/>
        <v>1.3230908222632067</v>
      </c>
      <c r="T766" s="236" t="e">
        <f t="shared" si="165"/>
        <v>#N/A</v>
      </c>
    </row>
    <row r="767" spans="1:20" x14ac:dyDescent="0.2">
      <c r="A767" s="53">
        <f t="shared" si="166"/>
        <v>755</v>
      </c>
      <c r="B767" s="239">
        <v>7.3689999999999998</v>
      </c>
      <c r="C767" s="3">
        <f t="shared" si="167"/>
        <v>7.3620000000000001</v>
      </c>
      <c r="D767" s="239">
        <v>0.21249999999999999</v>
      </c>
      <c r="E767" s="239">
        <v>6.7999999999999996E-3</v>
      </c>
      <c r="F767" s="239">
        <v>0.19389999999999999</v>
      </c>
      <c r="G767">
        <f t="shared" si="168"/>
        <v>0.25128</v>
      </c>
      <c r="H767" s="235">
        <f t="shared" si="169"/>
        <v>2.706144539955428</v>
      </c>
      <c r="I767" s="236">
        <f t="shared" si="170"/>
        <v>14.952359249740727</v>
      </c>
      <c r="J767" s="237">
        <f t="shared" si="175"/>
        <v>4.9523592497407272</v>
      </c>
      <c r="K767" s="237">
        <f t="shared" si="171"/>
        <v>110.07926879659124</v>
      </c>
      <c r="L767" s="237">
        <f t="shared" si="176"/>
        <v>36.49393531133942</v>
      </c>
      <c r="M767" s="236">
        <f t="shared" si="172"/>
        <v>3.8691560665844325</v>
      </c>
      <c r="N767" s="236">
        <f t="shared" si="173"/>
        <v>4.8158390838671803</v>
      </c>
      <c r="O767" s="236">
        <f t="shared" si="177"/>
        <v>3.4537366299283057</v>
      </c>
      <c r="P767" s="236" t="str">
        <f t="shared" si="178"/>
        <v>CLAY</v>
      </c>
      <c r="Q767" s="236">
        <f t="shared" si="174"/>
        <v>11.766727600284064</v>
      </c>
      <c r="R767" s="238">
        <v>35</v>
      </c>
      <c r="S767" s="236">
        <f t="shared" si="179"/>
        <v>1.3566265694255379</v>
      </c>
      <c r="T767" s="236" t="e">
        <f t="shared" si="165"/>
        <v>#N/A</v>
      </c>
    </row>
    <row r="768" spans="1:20" x14ac:dyDescent="0.2">
      <c r="A768" s="53">
        <f t="shared" si="166"/>
        <v>756</v>
      </c>
      <c r="B768" s="239">
        <v>7.3789999999999996</v>
      </c>
      <c r="C768" s="3">
        <f t="shared" si="167"/>
        <v>7.3719999999999999</v>
      </c>
      <c r="D768" s="239">
        <v>0.21429999999999999</v>
      </c>
      <c r="E768" s="239">
        <v>6.7000000000000002E-3</v>
      </c>
      <c r="F768" s="239">
        <v>0.19589999999999999</v>
      </c>
      <c r="G768">
        <f t="shared" si="168"/>
        <v>0.25347999999999998</v>
      </c>
      <c r="H768" s="235">
        <f t="shared" si="169"/>
        <v>2.643206564620483</v>
      </c>
      <c r="I768" s="236">
        <f t="shared" si="170"/>
        <v>14.9383943502826</v>
      </c>
      <c r="J768" s="237">
        <f t="shared" si="175"/>
        <v>4.9383943502826</v>
      </c>
      <c r="K768" s="237">
        <f t="shared" si="171"/>
        <v>110.12584315028333</v>
      </c>
      <c r="L768" s="237">
        <f t="shared" si="176"/>
        <v>36.4404119107353</v>
      </c>
      <c r="M768" s="236">
        <f t="shared" si="172"/>
        <v>3.9339334912261164</v>
      </c>
      <c r="N768" s="236">
        <f t="shared" si="173"/>
        <v>4.6737396021406283</v>
      </c>
      <c r="O768" s="236">
        <f t="shared" si="177"/>
        <v>3.4405597904105338</v>
      </c>
      <c r="P768" s="236" t="str">
        <f t="shared" si="178"/>
        <v>CLAY</v>
      </c>
      <c r="Q768" s="236">
        <f t="shared" si="174"/>
        <v>11.94617973747639</v>
      </c>
      <c r="R768" s="238">
        <v>35</v>
      </c>
      <c r="S768" s="236">
        <f t="shared" si="179"/>
        <v>1.385076545995642</v>
      </c>
      <c r="T768" s="236" t="e">
        <f t="shared" si="165"/>
        <v>#N/A</v>
      </c>
    </row>
    <row r="769" spans="1:20" x14ac:dyDescent="0.2">
      <c r="A769" s="53">
        <f t="shared" si="166"/>
        <v>757</v>
      </c>
      <c r="B769" s="239">
        <v>7.3879999999999999</v>
      </c>
      <c r="C769" s="3">
        <f t="shared" si="167"/>
        <v>7.3810000000000002</v>
      </c>
      <c r="D769" s="239">
        <v>0.21440000000000001</v>
      </c>
      <c r="E769" s="239">
        <v>6.7999999999999996E-3</v>
      </c>
      <c r="F769" s="239">
        <v>0.2019</v>
      </c>
      <c r="G769">
        <f t="shared" si="168"/>
        <v>0.25478000000000001</v>
      </c>
      <c r="H769" s="235">
        <f t="shared" si="169"/>
        <v>2.6689693068529712</v>
      </c>
      <c r="I769" s="236">
        <f t="shared" si="170"/>
        <v>14.957765918638222</v>
      </c>
      <c r="J769" s="237">
        <f t="shared" si="175"/>
        <v>4.9577659186382217</v>
      </c>
      <c r="K769" s="237">
        <f t="shared" si="171"/>
        <v>110.40327024546872</v>
      </c>
      <c r="L769" s="237">
        <f t="shared" si="176"/>
        <v>36.62797460689918</v>
      </c>
      <c r="M769" s="236">
        <f t="shared" si="172"/>
        <v>3.9417066137022148</v>
      </c>
      <c r="N769" s="236">
        <f t="shared" si="173"/>
        <v>4.7099002807179051</v>
      </c>
      <c r="O769" s="236">
        <f t="shared" si="177"/>
        <v>3.44168332485784</v>
      </c>
      <c r="P769" s="236" t="str">
        <f t="shared" si="178"/>
        <v>CLAY</v>
      </c>
      <c r="Q769" s="236">
        <f t="shared" si="174"/>
        <v>12.031394146210941</v>
      </c>
      <c r="R769" s="238">
        <v>35</v>
      </c>
      <c r="S769" s="236">
        <f t="shared" si="179"/>
        <v>1.3884983843168599</v>
      </c>
      <c r="T769" s="236" t="e">
        <f t="shared" si="165"/>
        <v>#N/A</v>
      </c>
    </row>
    <row r="770" spans="1:20" x14ac:dyDescent="0.2">
      <c r="A770" s="53">
        <f t="shared" si="166"/>
        <v>758</v>
      </c>
      <c r="B770" s="239">
        <v>7.399</v>
      </c>
      <c r="C770" s="3">
        <f t="shared" si="167"/>
        <v>7.3920000000000003</v>
      </c>
      <c r="D770" s="239">
        <v>0.2177</v>
      </c>
      <c r="E770" s="239">
        <v>6.7999999999999996E-3</v>
      </c>
      <c r="F770" s="239">
        <v>0.2046</v>
      </c>
      <c r="G770">
        <f t="shared" si="168"/>
        <v>0.25862000000000002</v>
      </c>
      <c r="H770" s="235">
        <f t="shared" si="169"/>
        <v>2.6293403449075861</v>
      </c>
      <c r="I770" s="236">
        <f t="shared" si="170"/>
        <v>14.963613015324649</v>
      </c>
      <c r="J770" s="237">
        <f t="shared" si="175"/>
        <v>4.9636130153246487</v>
      </c>
      <c r="K770" s="237">
        <f t="shared" si="171"/>
        <v>110.61102740927981</v>
      </c>
      <c r="L770" s="237">
        <f t="shared" si="176"/>
        <v>36.725772700387076</v>
      </c>
      <c r="M770" s="236">
        <f t="shared" si="172"/>
        <v>4.0301118726131042</v>
      </c>
      <c r="N770" s="236">
        <f t="shared" si="173"/>
        <v>4.5943160613671763</v>
      </c>
      <c r="O770" s="236">
        <f t="shared" si="177"/>
        <v>3.4277052826921239</v>
      </c>
      <c r="P770" s="236" t="str">
        <f t="shared" si="178"/>
        <v>CLAY</v>
      </c>
      <c r="Q770" s="236">
        <f t="shared" si="174"/>
        <v>12.334081049226683</v>
      </c>
      <c r="R770" s="238">
        <v>35</v>
      </c>
      <c r="S770" s="236">
        <f t="shared" si="179"/>
        <v>1.4275337546939606</v>
      </c>
      <c r="T770" s="236" t="e">
        <f t="shared" si="165"/>
        <v>#N/A</v>
      </c>
    </row>
    <row r="771" spans="1:20" x14ac:dyDescent="0.2">
      <c r="A771" s="53">
        <f t="shared" si="166"/>
        <v>759</v>
      </c>
      <c r="B771" s="239">
        <v>7.4080000000000004</v>
      </c>
      <c r="C771" s="3">
        <f t="shared" si="167"/>
        <v>7.4010000000000007</v>
      </c>
      <c r="D771" s="239">
        <v>0.2223</v>
      </c>
      <c r="E771" s="239">
        <v>6.7000000000000002E-3</v>
      </c>
      <c r="F771" s="239">
        <v>0.20660000000000001</v>
      </c>
      <c r="G771">
        <f t="shared" si="168"/>
        <v>0.26361999999999997</v>
      </c>
      <c r="H771" s="235">
        <f t="shared" si="169"/>
        <v>2.5415370609210228</v>
      </c>
      <c r="I771" s="236">
        <f t="shared" si="170"/>
        <v>14.953725541800132</v>
      </c>
      <c r="J771" s="237">
        <f t="shared" si="175"/>
        <v>4.9537255418001322</v>
      </c>
      <c r="K771" s="237">
        <f t="shared" si="171"/>
        <v>110.6725227348628</v>
      </c>
      <c r="L771" s="237">
        <f t="shared" si="176"/>
        <v>36.697198813655383</v>
      </c>
      <c r="M771" s="236">
        <f t="shared" si="172"/>
        <v>4.1678243083835573</v>
      </c>
      <c r="N771" s="236">
        <f t="shared" si="173"/>
        <v>4.3805887614513788</v>
      </c>
      <c r="O771" s="236">
        <f t="shared" si="177"/>
        <v>3.4041620996481452</v>
      </c>
      <c r="P771" s="236" t="str">
        <f t="shared" si="178"/>
        <v>CLAY</v>
      </c>
      <c r="Q771" s="236">
        <f t="shared" si="174"/>
        <v>12.745623105428095</v>
      </c>
      <c r="R771" s="238">
        <v>35</v>
      </c>
      <c r="S771" s="236">
        <f t="shared" si="179"/>
        <v>1.488767099913582</v>
      </c>
      <c r="T771" s="236" t="e">
        <f t="shared" si="165"/>
        <v>#N/A</v>
      </c>
    </row>
    <row r="772" spans="1:20" x14ac:dyDescent="0.2">
      <c r="A772" s="53">
        <f t="shared" si="166"/>
        <v>760</v>
      </c>
      <c r="B772" s="239">
        <v>7.4189999999999996</v>
      </c>
      <c r="C772" s="3">
        <f t="shared" si="167"/>
        <v>7.4119999999999999</v>
      </c>
      <c r="D772" s="239">
        <v>0.2235</v>
      </c>
      <c r="E772" s="239">
        <v>6.4999999999999997E-3</v>
      </c>
      <c r="F772" s="239">
        <v>0.20649999999999999</v>
      </c>
      <c r="G772">
        <f t="shared" si="168"/>
        <v>0.26479999999999998</v>
      </c>
      <c r="H772" s="235">
        <f t="shared" si="169"/>
        <v>2.4546827794561934</v>
      </c>
      <c r="I772" s="236">
        <f t="shared" si="170"/>
        <v>14.919935300009094</v>
      </c>
      <c r="J772" s="237">
        <f t="shared" si="175"/>
        <v>4.9199353000090937</v>
      </c>
      <c r="K772" s="237">
        <f t="shared" si="171"/>
        <v>110.58656044366739</v>
      </c>
      <c r="L772" s="237">
        <f t="shared" si="176"/>
        <v>36.500999990767461</v>
      </c>
      <c r="M772" s="236">
        <f t="shared" si="172"/>
        <v>4.2249099913793922</v>
      </c>
      <c r="N772" s="236">
        <f t="shared" si="173"/>
        <v>4.214937439110563</v>
      </c>
      <c r="O772" s="236">
        <f t="shared" si="177"/>
        <v>3.3900779694477015</v>
      </c>
      <c r="P772" s="236" t="str">
        <f t="shared" si="178"/>
        <v>CLAY</v>
      </c>
      <c r="Q772" s="236">
        <f t="shared" si="174"/>
        <v>12.851119963027713</v>
      </c>
      <c r="R772" s="238">
        <v>35</v>
      </c>
      <c r="S772" s="236">
        <f t="shared" si="179"/>
        <v>1.5142996954106782</v>
      </c>
      <c r="T772" s="236" t="e">
        <f t="shared" si="165"/>
        <v>#N/A</v>
      </c>
    </row>
    <row r="773" spans="1:20" x14ac:dyDescent="0.2">
      <c r="A773" s="53">
        <f t="shared" si="166"/>
        <v>761</v>
      </c>
      <c r="B773" s="239">
        <v>7.4279999999999999</v>
      </c>
      <c r="C773" s="3">
        <f t="shared" si="167"/>
        <v>7.4210000000000003</v>
      </c>
      <c r="D773" s="239">
        <v>0.22309999999999999</v>
      </c>
      <c r="E773" s="239">
        <v>6.4999999999999997E-3</v>
      </c>
      <c r="F773" s="239">
        <v>0.2064</v>
      </c>
      <c r="G773">
        <f t="shared" si="168"/>
        <v>0.26438</v>
      </c>
      <c r="H773" s="235">
        <f t="shared" si="169"/>
        <v>2.4585823435963383</v>
      </c>
      <c r="I773" s="236">
        <f t="shared" si="170"/>
        <v>14.919314855742002</v>
      </c>
      <c r="J773" s="237">
        <f t="shared" si="175"/>
        <v>4.9193148557420017</v>
      </c>
      <c r="K773" s="237">
        <f t="shared" si="171"/>
        <v>110.7162355444614</v>
      </c>
      <c r="L773" s="237">
        <f t="shared" si="176"/>
        <v>36.540670748451589</v>
      </c>
      <c r="M773" s="236">
        <f t="shared" si="172"/>
        <v>4.2052803440136657</v>
      </c>
      <c r="N773" s="236">
        <f t="shared" si="173"/>
        <v>4.2300148138572542</v>
      </c>
      <c r="O773" s="236">
        <f t="shared" si="177"/>
        <v>3.3926186842547508</v>
      </c>
      <c r="P773" s="236" t="str">
        <f t="shared" si="178"/>
        <v>CLAY</v>
      </c>
      <c r="Q773" s="236">
        <f t="shared" si="174"/>
        <v>12.805313704628217</v>
      </c>
      <c r="R773" s="238">
        <v>35</v>
      </c>
      <c r="S773" s="236">
        <f t="shared" si="179"/>
        <v>1.5055101929499242</v>
      </c>
      <c r="T773" s="236" t="e">
        <f t="shared" si="165"/>
        <v>#N/A</v>
      </c>
    </row>
    <row r="774" spans="1:20" x14ac:dyDescent="0.2">
      <c r="A774" s="53">
        <f t="shared" si="166"/>
        <v>762</v>
      </c>
      <c r="B774" s="239">
        <v>7.4379999999999997</v>
      </c>
      <c r="C774" s="3">
        <f t="shared" si="167"/>
        <v>7.431</v>
      </c>
      <c r="D774" s="239">
        <v>0.22409999999999999</v>
      </c>
      <c r="E774" s="239">
        <v>6.4000000000000003E-3</v>
      </c>
      <c r="F774" s="239">
        <v>0.2039</v>
      </c>
      <c r="G774">
        <f t="shared" si="168"/>
        <v>0.26488</v>
      </c>
      <c r="H774" s="235">
        <f t="shared" si="169"/>
        <v>2.4161884627000907</v>
      </c>
      <c r="I774" s="236">
        <f t="shared" si="170"/>
        <v>14.901873235108594</v>
      </c>
      <c r="J774" s="237">
        <f t="shared" si="175"/>
        <v>4.9018732351085941</v>
      </c>
      <c r="K774" s="237">
        <f t="shared" si="171"/>
        <v>110.73582001009197</v>
      </c>
      <c r="L774" s="237">
        <f t="shared" si="176"/>
        <v>36.460133122737723</v>
      </c>
      <c r="M774" s="236">
        <f t="shared" si="172"/>
        <v>4.2277459457156699</v>
      </c>
      <c r="N774" s="236">
        <f t="shared" si="173"/>
        <v>4.151956953820128</v>
      </c>
      <c r="O774" s="236">
        <f t="shared" si="177"/>
        <v>3.3862796996889659</v>
      </c>
      <c r="P774" s="236" t="str">
        <f t="shared" si="178"/>
        <v>CLAY</v>
      </c>
      <c r="Q774" s="236">
        <f t="shared" si="174"/>
        <v>12.845348332492335</v>
      </c>
      <c r="R774" s="238">
        <v>35</v>
      </c>
      <c r="S774" s="236">
        <f t="shared" si="179"/>
        <v>1.515570386699947</v>
      </c>
      <c r="T774" s="236" t="e">
        <f t="shared" si="165"/>
        <v>#N/A</v>
      </c>
    </row>
    <row r="775" spans="1:20" x14ac:dyDescent="0.2">
      <c r="A775" s="53">
        <f t="shared" si="166"/>
        <v>763</v>
      </c>
      <c r="B775" s="239">
        <v>7.4480000000000004</v>
      </c>
      <c r="C775" s="3">
        <f t="shared" si="167"/>
        <v>7.4410000000000007</v>
      </c>
      <c r="D775" s="239">
        <v>0.2253</v>
      </c>
      <c r="E775" s="239">
        <v>6.4999999999999997E-3</v>
      </c>
      <c r="F775" s="239">
        <v>0.20399999999999999</v>
      </c>
      <c r="G775">
        <f t="shared" si="168"/>
        <v>0.2661</v>
      </c>
      <c r="H775" s="235">
        <f t="shared" si="169"/>
        <v>2.4426907177752724</v>
      </c>
      <c r="I775" s="236">
        <f t="shared" si="170"/>
        <v>14.921849504414446</v>
      </c>
      <c r="J775" s="237">
        <f t="shared" si="175"/>
        <v>4.9218495044144461</v>
      </c>
      <c r="K775" s="237">
        <f t="shared" si="171"/>
        <v>111.03348216234791</v>
      </c>
      <c r="L775" s="237">
        <f t="shared" si="176"/>
        <v>36.657935108878796</v>
      </c>
      <c r="M775" s="236">
        <f t="shared" si="172"/>
        <v>4.2300941768019538</v>
      </c>
      <c r="N775" s="236">
        <f t="shared" si="173"/>
        <v>4.1917495089463586</v>
      </c>
      <c r="O775" s="236">
        <f t="shared" si="177"/>
        <v>3.3883278528569405</v>
      </c>
      <c r="P775" s="236" t="str">
        <f t="shared" si="178"/>
        <v>CLAY</v>
      </c>
      <c r="Q775" s="236">
        <f t="shared" si="174"/>
        <v>12.922209819804342</v>
      </c>
      <c r="R775" s="238">
        <v>35</v>
      </c>
      <c r="S775" s="236">
        <f t="shared" si="179"/>
        <v>1.5166227076645415</v>
      </c>
      <c r="T775" s="236" t="e">
        <f t="shared" si="165"/>
        <v>#N/A</v>
      </c>
    </row>
    <row r="776" spans="1:20" x14ac:dyDescent="0.2">
      <c r="A776" s="53">
        <f t="shared" si="166"/>
        <v>764</v>
      </c>
      <c r="B776" s="239">
        <v>7.4589999999999996</v>
      </c>
      <c r="C776" s="3">
        <f t="shared" si="167"/>
        <v>7.452</v>
      </c>
      <c r="D776" s="239">
        <v>0.2306</v>
      </c>
      <c r="E776" s="239">
        <v>6.3E-3</v>
      </c>
      <c r="F776" s="239">
        <v>0.20150000000000001</v>
      </c>
      <c r="G776">
        <f t="shared" si="168"/>
        <v>0.27089999999999997</v>
      </c>
      <c r="H776" s="235">
        <f t="shared" si="169"/>
        <v>2.3255813953488373</v>
      </c>
      <c r="I776" s="236">
        <f t="shared" si="170"/>
        <v>14.892190642437008</v>
      </c>
      <c r="J776" s="237">
        <f t="shared" si="175"/>
        <v>4.8921906424370079</v>
      </c>
      <c r="K776" s="237">
        <f t="shared" si="171"/>
        <v>110.97660466744058</v>
      </c>
      <c r="L776" s="237">
        <f t="shared" si="176"/>
        <v>36.490850001937638</v>
      </c>
      <c r="M776" s="236">
        <f t="shared" si="172"/>
        <v>4.3825615277272947</v>
      </c>
      <c r="N776" s="236">
        <f t="shared" si="173"/>
        <v>3.9393860960112819</v>
      </c>
      <c r="O776" s="236">
        <f t="shared" si="177"/>
        <v>3.360789073076349</v>
      </c>
      <c r="P776" s="236" t="str">
        <f t="shared" si="178"/>
        <v>CLAY</v>
      </c>
      <c r="Q776" s="236">
        <f t="shared" si="174"/>
        <v>13.326949611046615</v>
      </c>
      <c r="R776" s="238">
        <v>35</v>
      </c>
      <c r="S776" s="236">
        <f t="shared" si="179"/>
        <v>1.5852583014872235</v>
      </c>
      <c r="T776" s="236" t="e">
        <f t="shared" si="165"/>
        <v>#N/A</v>
      </c>
    </row>
    <row r="777" spans="1:20" x14ac:dyDescent="0.2">
      <c r="A777" s="53">
        <f t="shared" si="166"/>
        <v>765</v>
      </c>
      <c r="B777" s="239">
        <v>7.468</v>
      </c>
      <c r="C777" s="3">
        <f t="shared" si="167"/>
        <v>7.4610000000000003</v>
      </c>
      <c r="D777" s="239">
        <v>0.2356</v>
      </c>
      <c r="E777" s="239">
        <v>6.1999999999999998E-3</v>
      </c>
      <c r="F777" s="239">
        <v>0.19839999999999999</v>
      </c>
      <c r="G777">
        <f t="shared" si="168"/>
        <v>0.27527999999999997</v>
      </c>
      <c r="H777" s="235">
        <f t="shared" si="169"/>
        <v>2.2522522522522523</v>
      </c>
      <c r="I777" s="236">
        <f t="shared" si="170"/>
        <v>14.879697809679357</v>
      </c>
      <c r="J777" s="237">
        <f t="shared" si="175"/>
        <v>4.8796978096793566</v>
      </c>
      <c r="K777" s="237">
        <f t="shared" si="171"/>
        <v>111.01742535801769</v>
      </c>
      <c r="L777" s="237">
        <f t="shared" si="176"/>
        <v>36.441583242685432</v>
      </c>
      <c r="M777" s="236">
        <f t="shared" si="172"/>
        <v>4.5075586740582443</v>
      </c>
      <c r="N777" s="236">
        <f t="shared" si="173"/>
        <v>3.7744446740306983</v>
      </c>
      <c r="O777" s="236">
        <f t="shared" si="177"/>
        <v>3.3404890414593833</v>
      </c>
      <c r="P777" s="236" t="str">
        <f t="shared" si="178"/>
        <v>CLAY</v>
      </c>
      <c r="Q777" s="236">
        <f t="shared" si="174"/>
        <v>13.688547886831856</v>
      </c>
      <c r="R777" s="238">
        <v>35</v>
      </c>
      <c r="S777" s="236">
        <f t="shared" si="179"/>
        <v>1.6419757709810039</v>
      </c>
      <c r="T777" s="236" t="e">
        <f t="shared" si="165"/>
        <v>#N/A</v>
      </c>
    </row>
    <row r="778" spans="1:20" x14ac:dyDescent="0.2">
      <c r="A778" s="53">
        <f t="shared" si="166"/>
        <v>766</v>
      </c>
      <c r="B778" s="239">
        <v>7.4790000000000001</v>
      </c>
      <c r="C778" s="3">
        <f t="shared" si="167"/>
        <v>7.4720000000000004</v>
      </c>
      <c r="D778" s="239">
        <v>0.23860000000000001</v>
      </c>
      <c r="E778" s="239">
        <v>6.1000000000000004E-3</v>
      </c>
      <c r="F778" s="239">
        <v>0.19209999999999999</v>
      </c>
      <c r="G778">
        <f t="shared" si="168"/>
        <v>0.27701999999999999</v>
      </c>
      <c r="H778" s="235">
        <f t="shared" si="169"/>
        <v>2.2020070753014225</v>
      </c>
      <c r="I778" s="236">
        <f t="shared" si="170"/>
        <v>14.863093621352863</v>
      </c>
      <c r="J778" s="237">
        <f t="shared" si="175"/>
        <v>4.8630936213528635</v>
      </c>
      <c r="K778" s="237">
        <f t="shared" si="171"/>
        <v>111.05703553874861</v>
      </c>
      <c r="L778" s="237">
        <f t="shared" si="176"/>
        <v>36.371077194098064</v>
      </c>
      <c r="M778" s="236">
        <f t="shared" si="172"/>
        <v>4.5630478188911656</v>
      </c>
      <c r="N778" s="236">
        <f t="shared" si="173"/>
        <v>3.6755188242158772</v>
      </c>
      <c r="O778" s="236">
        <f t="shared" si="177"/>
        <v>3.3298123114154223</v>
      </c>
      <c r="P778" s="236" t="str">
        <f t="shared" si="178"/>
        <v>CLAY</v>
      </c>
      <c r="Q778" s="236">
        <f t="shared" si="174"/>
        <v>13.830247038437614</v>
      </c>
      <c r="R778" s="238">
        <v>35</v>
      </c>
      <c r="S778" s="236">
        <f t="shared" si="179"/>
        <v>1.6672809333485241</v>
      </c>
      <c r="T778" s="236" t="e">
        <f t="shared" si="165"/>
        <v>#N/A</v>
      </c>
    </row>
    <row r="779" spans="1:20" x14ac:dyDescent="0.2">
      <c r="A779" s="53">
        <f t="shared" si="166"/>
        <v>767</v>
      </c>
      <c r="B779" s="239">
        <v>7.4889999999999999</v>
      </c>
      <c r="C779" s="3">
        <f t="shared" si="167"/>
        <v>7.4820000000000002</v>
      </c>
      <c r="D779" s="239">
        <v>0.24149999999999999</v>
      </c>
      <c r="E779" s="239">
        <v>5.8999999999999999E-3</v>
      </c>
      <c r="F779" s="239">
        <v>0.18459999999999999</v>
      </c>
      <c r="G779">
        <f t="shared" si="168"/>
        <v>0.27842</v>
      </c>
      <c r="H779" s="235">
        <f t="shared" si="169"/>
        <v>2.1191006393218874</v>
      </c>
      <c r="I779" s="236">
        <f t="shared" si="170"/>
        <v>14.825973872037004</v>
      </c>
      <c r="J779" s="237">
        <f t="shared" si="175"/>
        <v>4.8259738720370038</v>
      </c>
      <c r="K779" s="237">
        <f t="shared" si="171"/>
        <v>110.92793651058086</v>
      </c>
      <c r="L779" s="237">
        <f t="shared" si="176"/>
        <v>36.141718327685119</v>
      </c>
      <c r="M779" s="236">
        <f t="shared" si="172"/>
        <v>4.634313785825662</v>
      </c>
      <c r="N779" s="236">
        <f t="shared" si="173"/>
        <v>3.5225549659388586</v>
      </c>
      <c r="O779" s="236">
        <f t="shared" si="177"/>
        <v>3.3142546799699169</v>
      </c>
      <c r="P779" s="236" t="str">
        <f t="shared" si="178"/>
        <v>CLAY</v>
      </c>
      <c r="Q779" s="236">
        <f t="shared" si="174"/>
        <v>13.957671957451595</v>
      </c>
      <c r="R779" s="238">
        <v>35</v>
      </c>
      <c r="S779" s="236">
        <f t="shared" si="179"/>
        <v>1.6998938548645877</v>
      </c>
      <c r="T779" s="236" t="e">
        <f t="shared" si="165"/>
        <v>#N/A</v>
      </c>
    </row>
    <row r="780" spans="1:20" x14ac:dyDescent="0.2">
      <c r="A780" s="53">
        <f t="shared" si="166"/>
        <v>768</v>
      </c>
      <c r="B780" s="239">
        <v>7.4989999999999997</v>
      </c>
      <c r="C780" s="3">
        <f t="shared" si="167"/>
        <v>7.492</v>
      </c>
      <c r="D780" s="239">
        <v>0.24390000000000001</v>
      </c>
      <c r="E780" s="239">
        <v>5.7999999999999996E-3</v>
      </c>
      <c r="F780" s="239">
        <v>0.18479999999999999</v>
      </c>
      <c r="G780">
        <f t="shared" si="168"/>
        <v>0.28086</v>
      </c>
      <c r="H780" s="235">
        <f t="shared" si="169"/>
        <v>2.0650858078758096</v>
      </c>
      <c r="I780" s="236">
        <f t="shared" si="170"/>
        <v>14.809339539362394</v>
      </c>
      <c r="J780" s="237">
        <f t="shared" si="175"/>
        <v>4.8093395393623943</v>
      </c>
      <c r="K780" s="237">
        <f t="shared" si="171"/>
        <v>110.95157182890306</v>
      </c>
      <c r="L780" s="237">
        <f t="shared" si="176"/>
        <v>36.065237205678592</v>
      </c>
      <c r="M780" s="236">
        <f t="shared" si="172"/>
        <v>4.7111412910475545</v>
      </c>
      <c r="N780" s="236">
        <f t="shared" si="173"/>
        <v>3.4136034700759099</v>
      </c>
      <c r="O780" s="236">
        <f t="shared" si="177"/>
        <v>3.3009482762025901</v>
      </c>
      <c r="P780" s="236" t="str">
        <f t="shared" si="178"/>
        <v>CLAY</v>
      </c>
      <c r="Q780" s="236">
        <f t="shared" si="174"/>
        <v>14.159035680924745</v>
      </c>
      <c r="R780" s="238">
        <v>35</v>
      </c>
      <c r="S780" s="236">
        <f t="shared" si="179"/>
        <v>1.7351925336227334</v>
      </c>
      <c r="T780" s="236" t="e">
        <f t="shared" si="165"/>
        <v>#N/A</v>
      </c>
    </row>
    <row r="781" spans="1:20" x14ac:dyDescent="0.2">
      <c r="A781" s="53">
        <f t="shared" si="166"/>
        <v>769</v>
      </c>
      <c r="B781" s="239">
        <v>7.51</v>
      </c>
      <c r="C781" s="3">
        <f t="shared" si="167"/>
        <v>7.5030000000000001</v>
      </c>
      <c r="D781" s="239">
        <v>0.24160000000000001</v>
      </c>
      <c r="E781" s="239">
        <v>5.7999999999999996E-3</v>
      </c>
      <c r="F781" s="239">
        <v>0.1842</v>
      </c>
      <c r="G781">
        <f t="shared" si="168"/>
        <v>0.27844000000000002</v>
      </c>
      <c r="H781" s="235">
        <f t="shared" si="169"/>
        <v>2.0830340468323514</v>
      </c>
      <c r="I781" s="236">
        <f t="shared" si="170"/>
        <v>14.805957099582292</v>
      </c>
      <c r="J781" s="237">
        <f t="shared" si="175"/>
        <v>4.805957099582292</v>
      </c>
      <c r="K781" s="237">
        <f t="shared" si="171"/>
        <v>111.08909611816594</v>
      </c>
      <c r="L781" s="237">
        <f t="shared" si="176"/>
        <v>36.092737817863011</v>
      </c>
      <c r="M781" s="236">
        <f t="shared" si="172"/>
        <v>4.6366918665562906</v>
      </c>
      <c r="N781" s="236">
        <f t="shared" si="173"/>
        <v>3.46577154079512</v>
      </c>
      <c r="O781" s="236">
        <f t="shared" si="177"/>
        <v>3.3103087553602406</v>
      </c>
      <c r="P781" s="236" t="str">
        <f t="shared" si="178"/>
        <v>CLAY</v>
      </c>
      <c r="Q781" s="236">
        <f t="shared" si="174"/>
        <v>13.945908656819505</v>
      </c>
      <c r="R781" s="238">
        <v>35</v>
      </c>
      <c r="S781" s="236">
        <f t="shared" si="179"/>
        <v>1.7009842924871199</v>
      </c>
      <c r="T781" s="236" t="e">
        <f t="shared" ref="T781:T844" si="180">IF(P781="SAND",17.6+(11*LOG(M781)),#N/A)</f>
        <v>#N/A</v>
      </c>
    </row>
    <row r="782" spans="1:20" x14ac:dyDescent="0.2">
      <c r="A782" s="53">
        <f t="shared" ref="A782:A845" si="181">$A781+1</f>
        <v>770</v>
      </c>
      <c r="B782" s="239">
        <v>7.52</v>
      </c>
      <c r="C782" s="3">
        <f t="shared" ref="C782:C845" si="182">MAX($B782 - $B$13, 0.001)</f>
        <v>7.5129999999999999</v>
      </c>
      <c r="D782" s="239">
        <v>0.24279999999999999</v>
      </c>
      <c r="E782" s="239">
        <v>5.7000000000000002E-3</v>
      </c>
      <c r="F782" s="239">
        <v>0.182</v>
      </c>
      <c r="G782">
        <f t="shared" si="168"/>
        <v>0.2792</v>
      </c>
      <c r="H782" s="235">
        <f t="shared" si="169"/>
        <v>2.0415472779369628</v>
      </c>
      <c r="I782" s="236">
        <f t="shared" si="170"/>
        <v>14.786629037254224</v>
      </c>
      <c r="J782" s="237">
        <f t="shared" si="175"/>
        <v>4.7866290372542242</v>
      </c>
      <c r="K782" s="237">
        <f t="shared" si="171"/>
        <v>111.09194395689099</v>
      </c>
      <c r="L782" s="237">
        <f t="shared" si="176"/>
        <v>35.995450360151764</v>
      </c>
      <c r="M782" s="236">
        <f t="shared" si="172"/>
        <v>4.670258445473169</v>
      </c>
      <c r="N782" s="236">
        <f t="shared" si="173"/>
        <v>3.3906762912886896</v>
      </c>
      <c r="O782" s="236">
        <f t="shared" si="177"/>
        <v>3.3026040557082212</v>
      </c>
      <c r="P782" s="236" t="str">
        <f t="shared" si="178"/>
        <v>CLAY</v>
      </c>
      <c r="Q782" s="236">
        <f t="shared" si="174"/>
        <v>14.009004670259083</v>
      </c>
      <c r="R782" s="238">
        <v>35</v>
      </c>
      <c r="S782" s="236">
        <f t="shared" si="179"/>
        <v>1.7163906962543249</v>
      </c>
      <c r="T782" s="236" t="e">
        <f t="shared" si="180"/>
        <v>#N/A</v>
      </c>
    </row>
    <row r="783" spans="1:20" x14ac:dyDescent="0.2">
      <c r="A783" s="53">
        <f t="shared" si="181"/>
        <v>771</v>
      </c>
      <c r="B783" s="239">
        <v>7.5289999999999999</v>
      </c>
      <c r="C783" s="3">
        <f t="shared" si="182"/>
        <v>7.5220000000000002</v>
      </c>
      <c r="D783" s="239">
        <v>0.24249999999999999</v>
      </c>
      <c r="E783" s="239">
        <v>5.7000000000000002E-3</v>
      </c>
      <c r="F783" s="239">
        <v>0.18179999999999999</v>
      </c>
      <c r="G783">
        <f t="shared" ref="G783:G846" si="183">$D783+($F783*(1-$P$8))</f>
        <v>0.27886</v>
      </c>
      <c r="H783" s="235">
        <f t="shared" ref="H783:H846" si="184">($E783/$G783)*100</f>
        <v>2.0440364340529298</v>
      </c>
      <c r="I783" s="236">
        <f t="shared" ref="I783:I846" si="185">((0.27*(LOG($H783)))+(0.36*(LOG(($G783*1000)/101)))+1.236)*10</f>
        <v>14.786152765427163</v>
      </c>
      <c r="J783" s="237">
        <f t="shared" si="175"/>
        <v>4.7861527654271629</v>
      </c>
      <c r="K783" s="237">
        <f t="shared" ref="K783:K846" si="186">$I783*$C783</f>
        <v>111.22144110154312</v>
      </c>
      <c r="L783" s="237">
        <f t="shared" si="176"/>
        <v>36.034944170901106</v>
      </c>
      <c r="M783" s="236">
        <f t="shared" ref="M783:M846" si="187">(($G783*1000)-$K783)/$L783</f>
        <v>4.6521109649401975</v>
      </c>
      <c r="N783" s="236">
        <f t="shared" ref="N783:N846" si="188">(($E783*1000)/(($G783*1000)-$K783))*100</f>
        <v>3.4001723931858905</v>
      </c>
      <c r="O783" s="236">
        <f t="shared" si="177"/>
        <v>3.3046816319955368</v>
      </c>
      <c r="P783" s="236" t="str">
        <f t="shared" si="178"/>
        <v>CLAY</v>
      </c>
      <c r="Q783" s="236">
        <f t="shared" ref="Q783:Q846" si="189">IF(P783="CLAY",($G783*1000 -$K783)/$L$8,#N/A)</f>
        <v>13.96987990820474</v>
      </c>
      <c r="R783" s="238">
        <v>35</v>
      </c>
      <c r="S783" s="236">
        <f t="shared" si="179"/>
        <v>1.7080579072020439</v>
      </c>
      <c r="T783" s="236" t="e">
        <f t="shared" si="180"/>
        <v>#N/A</v>
      </c>
    </row>
    <row r="784" spans="1:20" x14ac:dyDescent="0.2">
      <c r="A784" s="53">
        <f t="shared" si="181"/>
        <v>772</v>
      </c>
      <c r="B784" s="239">
        <v>7.54</v>
      </c>
      <c r="C784" s="3">
        <f t="shared" si="182"/>
        <v>7.5330000000000004</v>
      </c>
      <c r="D784" s="239">
        <v>0.24679999999999999</v>
      </c>
      <c r="E784" s="239">
        <v>5.7000000000000002E-3</v>
      </c>
      <c r="F784" s="239">
        <v>0.18360000000000001</v>
      </c>
      <c r="G784">
        <f t="shared" si="183"/>
        <v>0.28351999999999999</v>
      </c>
      <c r="H784" s="235">
        <f t="shared" si="184"/>
        <v>2.0104401805869077</v>
      </c>
      <c r="I784" s="236">
        <f t="shared" si="185"/>
        <v>14.792630494884476</v>
      </c>
      <c r="J784" s="237">
        <f t="shared" ref="J784:J847" si="190">$I784-10</f>
        <v>4.7926304948844756</v>
      </c>
      <c r="K784" s="237">
        <f t="shared" si="186"/>
        <v>111.43288551796476</v>
      </c>
      <c r="L784" s="237">
        <f t="shared" ref="L784:L847" si="191">$J784*$B784</f>
        <v>36.136433931428947</v>
      </c>
      <c r="M784" s="236">
        <f t="shared" si="187"/>
        <v>4.7621498792210888</v>
      </c>
      <c r="N784" s="236">
        <f t="shared" si="188"/>
        <v>3.3122758883815462</v>
      </c>
      <c r="O784" s="236">
        <f t="shared" ref="O784:O847" si="192">((3.47-LOG($M784))^2+(LOG($N784)+1.22)^2)^0.5</f>
        <v>3.2900462002363673</v>
      </c>
      <c r="P784" s="236" t="str">
        <f t="shared" ref="P784:P847" si="193">IF(O784&lt;2.6,"SAND","CLAY")</f>
        <v>CLAY</v>
      </c>
      <c r="Q784" s="236">
        <f t="shared" si="189"/>
        <v>14.340592873502935</v>
      </c>
      <c r="R784" s="238">
        <v>35</v>
      </c>
      <c r="S784" s="236">
        <f t="shared" ref="S784:S847" si="194">IF(P784="SAND",#N/A,0.25*($M784)^1.25)</f>
        <v>1.758708382143042</v>
      </c>
      <c r="T784" s="236" t="e">
        <f t="shared" si="180"/>
        <v>#N/A</v>
      </c>
    </row>
    <row r="785" spans="1:20" x14ac:dyDescent="0.2">
      <c r="A785" s="53">
        <f t="shared" si="181"/>
        <v>773</v>
      </c>
      <c r="B785" s="239">
        <v>7.55</v>
      </c>
      <c r="C785" s="3">
        <f t="shared" si="182"/>
        <v>7.5430000000000001</v>
      </c>
      <c r="D785" s="239">
        <v>0.25290000000000001</v>
      </c>
      <c r="E785" s="239">
        <v>5.5999999999999999E-3</v>
      </c>
      <c r="F785" s="239">
        <v>0.17849999999999999</v>
      </c>
      <c r="G785">
        <f t="shared" si="183"/>
        <v>0.28860000000000002</v>
      </c>
      <c r="H785" s="235">
        <f t="shared" si="184"/>
        <v>1.9404019404019404</v>
      </c>
      <c r="I785" s="236">
        <f t="shared" si="185"/>
        <v>14.778817421380957</v>
      </c>
      <c r="J785" s="237">
        <f t="shared" si="190"/>
        <v>4.7788174213809569</v>
      </c>
      <c r="K785" s="237">
        <f t="shared" si="186"/>
        <v>111.47661980947656</v>
      </c>
      <c r="L785" s="237">
        <f t="shared" si="191"/>
        <v>36.080071531426221</v>
      </c>
      <c r="M785" s="236">
        <f t="shared" si="187"/>
        <v>4.9091748622573164</v>
      </c>
      <c r="N785" s="236">
        <f t="shared" si="188"/>
        <v>3.1616379463718105</v>
      </c>
      <c r="O785" s="236">
        <f t="shared" si="192"/>
        <v>3.2681633222648223</v>
      </c>
      <c r="P785" s="236" t="str">
        <f t="shared" si="193"/>
        <v>CLAY</v>
      </c>
      <c r="Q785" s="236">
        <f t="shared" si="189"/>
        <v>14.760281682543621</v>
      </c>
      <c r="R785" s="238">
        <v>35</v>
      </c>
      <c r="S785" s="236">
        <f t="shared" si="194"/>
        <v>1.826840519859231</v>
      </c>
      <c r="T785" s="236" t="e">
        <f t="shared" si="180"/>
        <v>#N/A</v>
      </c>
    </row>
    <row r="786" spans="1:20" x14ac:dyDescent="0.2">
      <c r="A786" s="53">
        <f t="shared" si="181"/>
        <v>774</v>
      </c>
      <c r="B786" s="239">
        <v>7.5590000000000002</v>
      </c>
      <c r="C786" s="3">
        <f t="shared" si="182"/>
        <v>7.5520000000000005</v>
      </c>
      <c r="D786" s="239">
        <v>0.2525</v>
      </c>
      <c r="E786" s="239">
        <v>5.7000000000000002E-3</v>
      </c>
      <c r="F786" s="239">
        <v>0.1802</v>
      </c>
      <c r="G786">
        <f t="shared" si="183"/>
        <v>0.28854000000000002</v>
      </c>
      <c r="H786" s="235">
        <f t="shared" si="184"/>
        <v>1.9754626741526302</v>
      </c>
      <c r="I786" s="236">
        <f t="shared" si="185"/>
        <v>14.799490589409919</v>
      </c>
      <c r="J786" s="237">
        <f t="shared" si="190"/>
        <v>4.7994905894099187</v>
      </c>
      <c r="K786" s="237">
        <f t="shared" si="186"/>
        <v>111.76575293122372</v>
      </c>
      <c r="L786" s="237">
        <f t="shared" si="191"/>
        <v>36.279349365349574</v>
      </c>
      <c r="M786" s="236">
        <f t="shared" si="187"/>
        <v>4.8725859245318626</v>
      </c>
      <c r="N786" s="236">
        <f t="shared" si="188"/>
        <v>3.2244515785052905</v>
      </c>
      <c r="O786" s="236">
        <f t="shared" si="192"/>
        <v>3.2754269680450192</v>
      </c>
      <c r="P786" s="236" t="str">
        <f t="shared" si="193"/>
        <v>CLAY</v>
      </c>
      <c r="Q786" s="236">
        <f t="shared" si="189"/>
        <v>14.731187255731358</v>
      </c>
      <c r="R786" s="238">
        <v>35</v>
      </c>
      <c r="S786" s="236">
        <f t="shared" si="194"/>
        <v>1.8098367039953829</v>
      </c>
      <c r="T786" s="236" t="e">
        <f t="shared" si="180"/>
        <v>#N/A</v>
      </c>
    </row>
    <row r="787" spans="1:20" x14ac:dyDescent="0.2">
      <c r="A787" s="53">
        <f t="shared" si="181"/>
        <v>775</v>
      </c>
      <c r="B787" s="239">
        <v>7.57</v>
      </c>
      <c r="C787" s="3">
        <f t="shared" si="182"/>
        <v>7.5630000000000006</v>
      </c>
      <c r="D787" s="239">
        <v>0.24990000000000001</v>
      </c>
      <c r="E787" s="239">
        <v>5.7999999999999996E-3</v>
      </c>
      <c r="F787" s="239">
        <v>0.1812</v>
      </c>
      <c r="G787">
        <f t="shared" si="183"/>
        <v>0.28614000000000001</v>
      </c>
      <c r="H787" s="235">
        <f t="shared" si="184"/>
        <v>2.0269798000978541</v>
      </c>
      <c r="I787" s="236">
        <f t="shared" si="185"/>
        <v>14.816619352538176</v>
      </c>
      <c r="J787" s="237">
        <f t="shared" si="190"/>
        <v>4.8166193525381757</v>
      </c>
      <c r="K787" s="237">
        <f t="shared" si="186"/>
        <v>112.05809216324623</v>
      </c>
      <c r="L787" s="237">
        <f t="shared" si="191"/>
        <v>36.461808498713992</v>
      </c>
      <c r="M787" s="236">
        <f t="shared" si="187"/>
        <v>4.7743629568701627</v>
      </c>
      <c r="N787" s="236">
        <f t="shared" si="188"/>
        <v>3.331764955976344</v>
      </c>
      <c r="O787" s="236">
        <f t="shared" si="192"/>
        <v>3.2904508774786523</v>
      </c>
      <c r="P787" s="236" t="str">
        <f t="shared" si="193"/>
        <v>CLAY</v>
      </c>
      <c r="Q787" s="236">
        <f t="shared" si="189"/>
        <v>14.506825653062814</v>
      </c>
      <c r="R787" s="238">
        <v>35</v>
      </c>
      <c r="S787" s="236">
        <f t="shared" si="194"/>
        <v>1.7643481992200567</v>
      </c>
      <c r="T787" s="236" t="e">
        <f t="shared" si="180"/>
        <v>#N/A</v>
      </c>
    </row>
    <row r="788" spans="1:20" x14ac:dyDescent="0.2">
      <c r="A788" s="53">
        <f t="shared" si="181"/>
        <v>776</v>
      </c>
      <c r="B788" s="239">
        <v>7.58</v>
      </c>
      <c r="C788" s="3">
        <f t="shared" si="182"/>
        <v>7.5730000000000004</v>
      </c>
      <c r="D788" s="239">
        <v>0.25009999999999999</v>
      </c>
      <c r="E788" s="239">
        <v>6.0000000000000001E-3</v>
      </c>
      <c r="F788" s="239">
        <v>0.18360000000000001</v>
      </c>
      <c r="G788">
        <f t="shared" si="183"/>
        <v>0.28681999999999996</v>
      </c>
      <c r="H788" s="235">
        <f t="shared" si="184"/>
        <v>2.091904330241964</v>
      </c>
      <c r="I788" s="236">
        <f t="shared" si="185"/>
        <v>14.857299918740024</v>
      </c>
      <c r="J788" s="237">
        <f t="shared" si="190"/>
        <v>4.8572999187400239</v>
      </c>
      <c r="K788" s="237">
        <f t="shared" si="186"/>
        <v>112.51433228461821</v>
      </c>
      <c r="L788" s="237">
        <f t="shared" si="191"/>
        <v>36.818333384049382</v>
      </c>
      <c r="M788" s="236">
        <f t="shared" si="187"/>
        <v>4.7342085231618682</v>
      </c>
      <c r="N788" s="236">
        <f t="shared" si="188"/>
        <v>3.4422288607374556</v>
      </c>
      <c r="O788" s="236">
        <f t="shared" si="192"/>
        <v>3.3010798336107392</v>
      </c>
      <c r="P788" s="236" t="str">
        <f t="shared" si="193"/>
        <v>CLAY</v>
      </c>
      <c r="Q788" s="236">
        <f t="shared" si="189"/>
        <v>14.525472309615145</v>
      </c>
      <c r="R788" s="238">
        <v>35</v>
      </c>
      <c r="S788" s="236">
        <f t="shared" si="194"/>
        <v>1.7458190872754997</v>
      </c>
      <c r="T788" s="236" t="e">
        <f t="shared" si="180"/>
        <v>#N/A</v>
      </c>
    </row>
    <row r="789" spans="1:20" x14ac:dyDescent="0.2">
      <c r="A789" s="53">
        <f t="shared" si="181"/>
        <v>777</v>
      </c>
      <c r="B789" s="239">
        <v>7.59</v>
      </c>
      <c r="C789" s="3">
        <f t="shared" si="182"/>
        <v>7.5830000000000002</v>
      </c>
      <c r="D789" s="239">
        <v>0.253</v>
      </c>
      <c r="E789" s="239">
        <v>6.1000000000000004E-3</v>
      </c>
      <c r="F789" s="239">
        <v>0.18149999999999999</v>
      </c>
      <c r="G789">
        <f t="shared" si="183"/>
        <v>0.2893</v>
      </c>
      <c r="H789" s="235">
        <f t="shared" si="184"/>
        <v>2.1085378499827172</v>
      </c>
      <c r="I789" s="236">
        <f t="shared" si="185"/>
        <v>14.880047199194744</v>
      </c>
      <c r="J789" s="237">
        <f t="shared" si="190"/>
        <v>4.8800471991947436</v>
      </c>
      <c r="K789" s="237">
        <f t="shared" si="186"/>
        <v>112.83539791149374</v>
      </c>
      <c r="L789" s="237">
        <f t="shared" si="191"/>
        <v>37.039558241888102</v>
      </c>
      <c r="M789" s="236">
        <f t="shared" si="187"/>
        <v>4.76421994387995</v>
      </c>
      <c r="N789" s="236">
        <f t="shared" si="188"/>
        <v>3.4567839259573034</v>
      </c>
      <c r="O789" s="236">
        <f t="shared" si="192"/>
        <v>3.2997329890822718</v>
      </c>
      <c r="P789" s="236" t="str">
        <f t="shared" si="193"/>
        <v>CLAY</v>
      </c>
      <c r="Q789" s="236">
        <f t="shared" si="189"/>
        <v>14.705383507375522</v>
      </c>
      <c r="R789" s="238">
        <v>35</v>
      </c>
      <c r="S789" s="236">
        <f t="shared" si="194"/>
        <v>1.759664052889774</v>
      </c>
      <c r="T789" s="236" t="e">
        <f t="shared" si="180"/>
        <v>#N/A</v>
      </c>
    </row>
    <row r="790" spans="1:20" x14ac:dyDescent="0.2">
      <c r="A790" s="53">
        <f t="shared" si="181"/>
        <v>778</v>
      </c>
      <c r="B790" s="239">
        <v>7.6</v>
      </c>
      <c r="C790" s="3">
        <f t="shared" si="182"/>
        <v>7.593</v>
      </c>
      <c r="D790" s="239">
        <v>0.25390000000000001</v>
      </c>
      <c r="E790" s="239">
        <v>6.1000000000000004E-3</v>
      </c>
      <c r="F790" s="239">
        <v>0.17369999999999999</v>
      </c>
      <c r="G790">
        <f t="shared" si="183"/>
        <v>0.28864000000000001</v>
      </c>
      <c r="H790" s="235">
        <f t="shared" si="184"/>
        <v>2.1133592017738358</v>
      </c>
      <c r="I790" s="236">
        <f t="shared" si="185"/>
        <v>14.879154473187221</v>
      </c>
      <c r="J790" s="237">
        <f t="shared" si="190"/>
        <v>4.8791544731872207</v>
      </c>
      <c r="K790" s="237">
        <f t="shared" si="186"/>
        <v>112.97741991491057</v>
      </c>
      <c r="L790" s="237">
        <f t="shared" si="191"/>
        <v>37.081573996222879</v>
      </c>
      <c r="M790" s="236">
        <f t="shared" si="187"/>
        <v>4.737193197434995</v>
      </c>
      <c r="N790" s="236">
        <f t="shared" si="188"/>
        <v>3.4725665517637361</v>
      </c>
      <c r="O790" s="236">
        <f t="shared" si="192"/>
        <v>3.3028779566347723</v>
      </c>
      <c r="P790" s="236" t="str">
        <f t="shared" si="193"/>
        <v>CLAY</v>
      </c>
      <c r="Q790" s="236">
        <f t="shared" si="189"/>
        <v>14.638548340424117</v>
      </c>
      <c r="R790" s="238">
        <v>35</v>
      </c>
      <c r="S790" s="236">
        <f t="shared" si="194"/>
        <v>1.7471950067824054</v>
      </c>
      <c r="T790" s="236" t="e">
        <f t="shared" si="180"/>
        <v>#N/A</v>
      </c>
    </row>
    <row r="791" spans="1:20" x14ac:dyDescent="0.2">
      <c r="A791" s="53">
        <f t="shared" si="181"/>
        <v>779</v>
      </c>
      <c r="B791" s="239">
        <v>7.609</v>
      </c>
      <c r="C791" s="3">
        <f t="shared" si="182"/>
        <v>7.6020000000000003</v>
      </c>
      <c r="D791" s="239">
        <v>0.25059999999999999</v>
      </c>
      <c r="E791" s="239">
        <v>6.1000000000000004E-3</v>
      </c>
      <c r="F791" s="239">
        <v>0.17219999999999999</v>
      </c>
      <c r="G791">
        <f t="shared" si="183"/>
        <v>0.28503999999999996</v>
      </c>
      <c r="H791" s="235">
        <f t="shared" si="184"/>
        <v>2.1400505192253725</v>
      </c>
      <c r="I791" s="236">
        <f t="shared" si="185"/>
        <v>14.87424883732022</v>
      </c>
      <c r="J791" s="237">
        <f t="shared" si="190"/>
        <v>4.87424883732022</v>
      </c>
      <c r="K791" s="237">
        <f t="shared" si="186"/>
        <v>113.07403966130832</v>
      </c>
      <c r="L791" s="237">
        <f t="shared" si="191"/>
        <v>37.088159403169556</v>
      </c>
      <c r="M791" s="236">
        <f t="shared" si="187"/>
        <v>4.6366809004815543</v>
      </c>
      <c r="N791" s="236">
        <f t="shared" si="188"/>
        <v>3.5472136392492351</v>
      </c>
      <c r="O791" s="236">
        <f t="shared" si="192"/>
        <v>3.3156832228202262</v>
      </c>
      <c r="P791" s="236" t="str">
        <f t="shared" si="193"/>
        <v>CLAY</v>
      </c>
      <c r="Q791" s="236">
        <f t="shared" si="189"/>
        <v>14.33049669489097</v>
      </c>
      <c r="R791" s="238">
        <v>35</v>
      </c>
      <c r="S791" s="236">
        <f t="shared" si="194"/>
        <v>1.7009792638169234</v>
      </c>
      <c r="T791" s="236" t="e">
        <f t="shared" si="180"/>
        <v>#N/A</v>
      </c>
    </row>
    <row r="792" spans="1:20" x14ac:dyDescent="0.2">
      <c r="A792" s="53">
        <f t="shared" si="181"/>
        <v>780</v>
      </c>
      <c r="B792" s="239">
        <v>7.62</v>
      </c>
      <c r="C792" s="3">
        <f t="shared" si="182"/>
        <v>7.6130000000000004</v>
      </c>
      <c r="D792" s="239">
        <v>0.24690000000000001</v>
      </c>
      <c r="E792" s="239">
        <v>6.3E-3</v>
      </c>
      <c r="F792" s="239">
        <v>0.1764</v>
      </c>
      <c r="G792">
        <f t="shared" si="183"/>
        <v>0.28217999999999999</v>
      </c>
      <c r="H792" s="235">
        <f t="shared" si="184"/>
        <v>2.2326174782054009</v>
      </c>
      <c r="I792" s="236">
        <f t="shared" si="185"/>
        <v>14.908136144123908</v>
      </c>
      <c r="J792" s="237">
        <f t="shared" si="190"/>
        <v>4.9081361441239082</v>
      </c>
      <c r="K792" s="237">
        <f t="shared" si="186"/>
        <v>113.49564046521532</v>
      </c>
      <c r="L792" s="237">
        <f t="shared" si="191"/>
        <v>37.399997418224181</v>
      </c>
      <c r="M792" s="236">
        <f t="shared" si="187"/>
        <v>4.5102773042596134</v>
      </c>
      <c r="N792" s="236">
        <f t="shared" si="188"/>
        <v>3.734786092424216</v>
      </c>
      <c r="O792" s="236">
        <f t="shared" si="192"/>
        <v>3.337802844190326</v>
      </c>
      <c r="P792" s="236" t="str">
        <f t="shared" si="193"/>
        <v>CLAY</v>
      </c>
      <c r="Q792" s="236">
        <f t="shared" si="189"/>
        <v>14.057029961232056</v>
      </c>
      <c r="R792" s="238">
        <v>35</v>
      </c>
      <c r="S792" s="236">
        <f t="shared" si="194"/>
        <v>1.6432137641310034</v>
      </c>
      <c r="T792" s="236" t="e">
        <f t="shared" si="180"/>
        <v>#N/A</v>
      </c>
    </row>
    <row r="793" spans="1:20" x14ac:dyDescent="0.2">
      <c r="A793" s="53">
        <f t="shared" si="181"/>
        <v>781</v>
      </c>
      <c r="B793" s="239">
        <v>7.6289999999999996</v>
      </c>
      <c r="C793" s="3">
        <f t="shared" si="182"/>
        <v>7.6219999999999999</v>
      </c>
      <c r="D793" s="239">
        <v>0.24299999999999999</v>
      </c>
      <c r="E793" s="239">
        <v>6.4000000000000003E-3</v>
      </c>
      <c r="F793" s="239">
        <v>0.18390000000000001</v>
      </c>
      <c r="G793">
        <f t="shared" si="183"/>
        <v>0.27977999999999997</v>
      </c>
      <c r="H793" s="235">
        <f t="shared" si="184"/>
        <v>2.2875116162699269</v>
      </c>
      <c r="I793" s="236">
        <f t="shared" si="185"/>
        <v>14.923263983393305</v>
      </c>
      <c r="J793" s="237">
        <f t="shared" si="190"/>
        <v>4.923263983393305</v>
      </c>
      <c r="K793" s="237">
        <f t="shared" si="186"/>
        <v>113.74511808142377</v>
      </c>
      <c r="L793" s="237">
        <f t="shared" si="191"/>
        <v>37.559580929307522</v>
      </c>
      <c r="M793" s="236">
        <f t="shared" si="187"/>
        <v>4.4205733346992746</v>
      </c>
      <c r="N793" s="236">
        <f t="shared" si="188"/>
        <v>3.8546117093265804</v>
      </c>
      <c r="O793" s="236">
        <f t="shared" si="192"/>
        <v>3.3525344442475551</v>
      </c>
      <c r="P793" s="236" t="str">
        <f t="shared" si="193"/>
        <v>CLAY</v>
      </c>
      <c r="Q793" s="236">
        <f t="shared" si="189"/>
        <v>13.836240159881351</v>
      </c>
      <c r="R793" s="238">
        <v>35</v>
      </c>
      <c r="S793" s="236">
        <f t="shared" si="194"/>
        <v>1.6024639134370222</v>
      </c>
      <c r="T793" s="236" t="e">
        <f t="shared" si="180"/>
        <v>#N/A</v>
      </c>
    </row>
    <row r="794" spans="1:20" x14ac:dyDescent="0.2">
      <c r="A794" s="53">
        <f t="shared" si="181"/>
        <v>782</v>
      </c>
      <c r="B794" s="239">
        <v>7.64</v>
      </c>
      <c r="C794" s="3">
        <f t="shared" si="182"/>
        <v>7.633</v>
      </c>
      <c r="D794" s="239">
        <v>0.2397</v>
      </c>
      <c r="E794" s="239">
        <v>6.4999999999999997E-3</v>
      </c>
      <c r="F794" s="239">
        <v>0.19</v>
      </c>
      <c r="G794">
        <f t="shared" si="183"/>
        <v>0.2777</v>
      </c>
      <c r="H794" s="235">
        <f t="shared" si="184"/>
        <v>2.3406553835073818</v>
      </c>
      <c r="I794" s="236">
        <f t="shared" si="185"/>
        <v>14.938527409093428</v>
      </c>
      <c r="J794" s="237">
        <f t="shared" si="190"/>
        <v>4.9385274090934281</v>
      </c>
      <c r="K794" s="237">
        <f t="shared" si="186"/>
        <v>114.02577971361013</v>
      </c>
      <c r="L794" s="237">
        <f t="shared" si="191"/>
        <v>37.730349405473788</v>
      </c>
      <c r="M794" s="236">
        <f t="shared" si="187"/>
        <v>4.3379990608474088</v>
      </c>
      <c r="N794" s="236">
        <f t="shared" si="188"/>
        <v>3.9713034762753652</v>
      </c>
      <c r="O794" s="236">
        <f t="shared" si="192"/>
        <v>3.3664174687827915</v>
      </c>
      <c r="P794" s="236" t="str">
        <f t="shared" si="193"/>
        <v>CLAY</v>
      </c>
      <c r="Q794" s="236">
        <f t="shared" si="189"/>
        <v>13.639518357199156</v>
      </c>
      <c r="R794" s="238">
        <v>35</v>
      </c>
      <c r="S794" s="236">
        <f t="shared" si="194"/>
        <v>1.5651350806285109</v>
      </c>
      <c r="T794" s="236" t="e">
        <f t="shared" si="180"/>
        <v>#N/A</v>
      </c>
    </row>
    <row r="795" spans="1:20" x14ac:dyDescent="0.2">
      <c r="A795" s="53">
        <f t="shared" si="181"/>
        <v>783</v>
      </c>
      <c r="B795" s="239">
        <v>7.65</v>
      </c>
      <c r="C795" s="3">
        <f t="shared" si="182"/>
        <v>7.6430000000000007</v>
      </c>
      <c r="D795" s="239">
        <v>0.23749999999999999</v>
      </c>
      <c r="E795" s="239">
        <v>6.4000000000000003E-3</v>
      </c>
      <c r="F795" s="239">
        <v>0.19220000000000001</v>
      </c>
      <c r="G795">
        <f t="shared" si="183"/>
        <v>0.27593999999999996</v>
      </c>
      <c r="H795" s="235">
        <f t="shared" si="184"/>
        <v>2.3193447850982105</v>
      </c>
      <c r="I795" s="236">
        <f t="shared" si="185"/>
        <v>14.917862178100895</v>
      </c>
      <c r="J795" s="237">
        <f t="shared" si="190"/>
        <v>4.9178621781008953</v>
      </c>
      <c r="K795" s="237">
        <f t="shared" si="186"/>
        <v>114.01722062722516</v>
      </c>
      <c r="L795" s="237">
        <f t="shared" si="191"/>
        <v>37.621645662471849</v>
      </c>
      <c r="M795" s="236">
        <f t="shared" si="187"/>
        <v>4.3039791726680141</v>
      </c>
      <c r="N795" s="236">
        <f t="shared" si="188"/>
        <v>3.9525013248852852</v>
      </c>
      <c r="O795" s="236">
        <f t="shared" si="192"/>
        <v>3.3681829545756576</v>
      </c>
      <c r="P795" s="236" t="str">
        <f t="shared" si="193"/>
        <v>CLAY</v>
      </c>
      <c r="Q795" s="236">
        <f t="shared" si="189"/>
        <v>13.493564947731231</v>
      </c>
      <c r="R795" s="238">
        <v>35</v>
      </c>
      <c r="S795" s="236">
        <f t="shared" si="194"/>
        <v>1.5498073278777116</v>
      </c>
      <c r="T795" s="236" t="e">
        <f t="shared" si="180"/>
        <v>#N/A</v>
      </c>
    </row>
    <row r="796" spans="1:20" x14ac:dyDescent="0.2">
      <c r="A796" s="53">
        <f t="shared" si="181"/>
        <v>784</v>
      </c>
      <c r="B796" s="239">
        <v>7.66</v>
      </c>
      <c r="C796" s="3">
        <f t="shared" si="182"/>
        <v>7.6530000000000005</v>
      </c>
      <c r="D796" s="239">
        <v>0.23860000000000001</v>
      </c>
      <c r="E796" s="239">
        <v>6.3E-3</v>
      </c>
      <c r="F796" s="239">
        <v>0.192</v>
      </c>
      <c r="G796">
        <f t="shared" si="183"/>
        <v>0.27700000000000002</v>
      </c>
      <c r="H796" s="235">
        <f t="shared" si="184"/>
        <v>2.2743682310469313</v>
      </c>
      <c r="I796" s="236">
        <f t="shared" si="185"/>
        <v>14.900894330065162</v>
      </c>
      <c r="J796" s="237">
        <f t="shared" si="190"/>
        <v>4.900894330065162</v>
      </c>
      <c r="K796" s="237">
        <f t="shared" si="186"/>
        <v>114.03654430798869</v>
      </c>
      <c r="L796" s="237">
        <f t="shared" si="191"/>
        <v>37.540850568299142</v>
      </c>
      <c r="M796" s="236">
        <f t="shared" si="187"/>
        <v>4.340963329947126</v>
      </c>
      <c r="N796" s="236">
        <f t="shared" si="188"/>
        <v>3.8658974021185011</v>
      </c>
      <c r="O796" s="236">
        <f t="shared" si="192"/>
        <v>3.3598693631236798</v>
      </c>
      <c r="P796" s="236" t="str">
        <f t="shared" si="193"/>
        <v>CLAY</v>
      </c>
      <c r="Q796" s="236">
        <f t="shared" si="189"/>
        <v>13.580287974334276</v>
      </c>
      <c r="R796" s="238">
        <v>35</v>
      </c>
      <c r="S796" s="236">
        <f t="shared" si="194"/>
        <v>1.5664720673672807</v>
      </c>
      <c r="T796" s="236" t="e">
        <f t="shared" si="180"/>
        <v>#N/A</v>
      </c>
    </row>
    <row r="797" spans="1:20" x14ac:dyDescent="0.2">
      <c r="A797" s="53">
        <f t="shared" si="181"/>
        <v>785</v>
      </c>
      <c r="B797" s="239">
        <v>7.6710000000000003</v>
      </c>
      <c r="C797" s="3">
        <f t="shared" si="182"/>
        <v>7.6640000000000006</v>
      </c>
      <c r="D797" s="239">
        <v>0.2356</v>
      </c>
      <c r="E797" s="239">
        <v>6.4000000000000003E-3</v>
      </c>
      <c r="F797" s="239">
        <v>0.19370000000000001</v>
      </c>
      <c r="G797">
        <f t="shared" si="183"/>
        <v>0.27434000000000003</v>
      </c>
      <c r="H797" s="235">
        <f t="shared" si="184"/>
        <v>2.3328716191587078</v>
      </c>
      <c r="I797" s="236">
        <f t="shared" si="185"/>
        <v>14.915589205009656</v>
      </c>
      <c r="J797" s="237">
        <f t="shared" si="190"/>
        <v>4.9155892050096561</v>
      </c>
      <c r="K797" s="237">
        <f t="shared" si="186"/>
        <v>114.31307566719401</v>
      </c>
      <c r="L797" s="237">
        <f t="shared" si="191"/>
        <v>37.707484791629071</v>
      </c>
      <c r="M797" s="236">
        <f t="shared" si="187"/>
        <v>4.243903437662631</v>
      </c>
      <c r="N797" s="236">
        <f t="shared" si="188"/>
        <v>3.9993270049294956</v>
      </c>
      <c r="O797" s="236">
        <f t="shared" si="192"/>
        <v>3.376082538882291</v>
      </c>
      <c r="P797" s="236" t="str">
        <f t="shared" si="193"/>
        <v>CLAY</v>
      </c>
      <c r="Q797" s="236">
        <f t="shared" si="189"/>
        <v>13.335577027733834</v>
      </c>
      <c r="R797" s="238">
        <v>35</v>
      </c>
      <c r="S797" s="236">
        <f t="shared" si="194"/>
        <v>1.5228140526623966</v>
      </c>
      <c r="T797" s="236" t="e">
        <f t="shared" si="180"/>
        <v>#N/A</v>
      </c>
    </row>
    <row r="798" spans="1:20" x14ac:dyDescent="0.2">
      <c r="A798" s="53">
        <f t="shared" si="181"/>
        <v>786</v>
      </c>
      <c r="B798" s="239">
        <v>7.68</v>
      </c>
      <c r="C798" s="3">
        <f t="shared" si="182"/>
        <v>7.673</v>
      </c>
      <c r="D798" s="239">
        <v>0.23810000000000001</v>
      </c>
      <c r="E798" s="239">
        <v>6.4000000000000003E-3</v>
      </c>
      <c r="F798" s="239">
        <v>0.1961</v>
      </c>
      <c r="G798">
        <f t="shared" si="183"/>
        <v>0.27732000000000001</v>
      </c>
      <c r="H798" s="235">
        <f t="shared" si="184"/>
        <v>2.3078032597721045</v>
      </c>
      <c r="I798" s="236">
        <f t="shared" si="185"/>
        <v>14.919812056513042</v>
      </c>
      <c r="J798" s="237">
        <f t="shared" si="190"/>
        <v>4.9198120565130417</v>
      </c>
      <c r="K798" s="237">
        <f t="shared" si="186"/>
        <v>114.47971790962457</v>
      </c>
      <c r="L798" s="237">
        <f t="shared" si="191"/>
        <v>37.78415659402016</v>
      </c>
      <c r="M798" s="236">
        <f t="shared" si="187"/>
        <v>4.3097503495988319</v>
      </c>
      <c r="N798" s="236">
        <f t="shared" si="188"/>
        <v>3.930231462291399</v>
      </c>
      <c r="O798" s="236">
        <f t="shared" si="192"/>
        <v>3.3663697003263593</v>
      </c>
      <c r="P798" s="236" t="str">
        <f t="shared" si="193"/>
        <v>CLAY</v>
      </c>
      <c r="Q798" s="236">
        <f t="shared" si="189"/>
        <v>13.570023507531284</v>
      </c>
      <c r="R798" s="238">
        <v>35</v>
      </c>
      <c r="S798" s="236">
        <f t="shared" si="194"/>
        <v>1.5524054210000977</v>
      </c>
      <c r="T798" s="236" t="e">
        <f t="shared" si="180"/>
        <v>#N/A</v>
      </c>
    </row>
    <row r="799" spans="1:20" x14ac:dyDescent="0.2">
      <c r="A799" s="53">
        <f t="shared" si="181"/>
        <v>787</v>
      </c>
      <c r="B799" s="239">
        <v>7.69</v>
      </c>
      <c r="C799" s="3">
        <f t="shared" si="182"/>
        <v>7.6830000000000007</v>
      </c>
      <c r="D799" s="239">
        <v>0.2399</v>
      </c>
      <c r="E799" s="239">
        <v>6.4999999999999997E-3</v>
      </c>
      <c r="F799" s="239">
        <v>0.19639999999999999</v>
      </c>
      <c r="G799">
        <f t="shared" si="183"/>
        <v>0.27917999999999998</v>
      </c>
      <c r="H799" s="235">
        <f t="shared" si="184"/>
        <v>2.3282470090980731</v>
      </c>
      <c r="I799" s="236">
        <f t="shared" si="185"/>
        <v>14.940604989943417</v>
      </c>
      <c r="J799" s="237">
        <f t="shared" si="190"/>
        <v>4.9406049899434166</v>
      </c>
      <c r="K799" s="237">
        <f t="shared" si="186"/>
        <v>114.78866813773529</v>
      </c>
      <c r="L799" s="237">
        <f t="shared" si="191"/>
        <v>37.993252372664877</v>
      </c>
      <c r="M799" s="236">
        <f t="shared" si="187"/>
        <v>4.3268559966858717</v>
      </c>
      <c r="N799" s="236">
        <f t="shared" si="188"/>
        <v>3.9539797666740872</v>
      </c>
      <c r="O799" s="236">
        <f t="shared" si="192"/>
        <v>3.3663322469106358</v>
      </c>
      <c r="P799" s="236" t="str">
        <f t="shared" si="193"/>
        <v>CLAY</v>
      </c>
      <c r="Q799" s="236">
        <f t="shared" si="189"/>
        <v>13.699277655188729</v>
      </c>
      <c r="R799" s="238">
        <v>35</v>
      </c>
      <c r="S799" s="236">
        <f t="shared" si="194"/>
        <v>1.5601112214533375</v>
      </c>
      <c r="T799" s="236" t="e">
        <f t="shared" si="180"/>
        <v>#N/A</v>
      </c>
    </row>
    <row r="800" spans="1:20" x14ac:dyDescent="0.2">
      <c r="A800" s="53">
        <f t="shared" si="181"/>
        <v>788</v>
      </c>
      <c r="B800" s="239">
        <v>7.7009999999999996</v>
      </c>
      <c r="C800" s="3">
        <f t="shared" si="182"/>
        <v>7.694</v>
      </c>
      <c r="D800" s="239">
        <v>0.24060000000000001</v>
      </c>
      <c r="E800" s="239">
        <v>6.4000000000000003E-3</v>
      </c>
      <c r="F800" s="239">
        <v>0.19539999999999999</v>
      </c>
      <c r="G800">
        <f t="shared" si="183"/>
        <v>0.27967999999999998</v>
      </c>
      <c r="H800" s="235">
        <f t="shared" si="184"/>
        <v>2.2883295194508011</v>
      </c>
      <c r="I800" s="236">
        <f t="shared" si="185"/>
        <v>14.923124253997862</v>
      </c>
      <c r="J800" s="237">
        <f t="shared" si="190"/>
        <v>4.9231242539978624</v>
      </c>
      <c r="K800" s="237">
        <f t="shared" si="186"/>
        <v>114.81851801025955</v>
      </c>
      <c r="L800" s="237">
        <f t="shared" si="191"/>
        <v>37.912979880037533</v>
      </c>
      <c r="M800" s="236">
        <f t="shared" si="187"/>
        <v>4.3484179431790224</v>
      </c>
      <c r="N800" s="236">
        <f t="shared" si="188"/>
        <v>3.8820468691396819</v>
      </c>
      <c r="O800" s="236">
        <f t="shared" si="192"/>
        <v>3.3602155630851698</v>
      </c>
      <c r="P800" s="236" t="str">
        <f t="shared" si="193"/>
        <v>CLAY</v>
      </c>
      <c r="Q800" s="236">
        <f t="shared" si="189"/>
        <v>13.738456832478372</v>
      </c>
      <c r="R800" s="238">
        <v>35</v>
      </c>
      <c r="S800" s="236">
        <f t="shared" si="194"/>
        <v>1.5698353614409335</v>
      </c>
      <c r="T800" s="236" t="e">
        <f t="shared" si="180"/>
        <v>#N/A</v>
      </c>
    </row>
    <row r="801" spans="1:20" x14ac:dyDescent="0.2">
      <c r="A801" s="53">
        <f t="shared" si="181"/>
        <v>789</v>
      </c>
      <c r="B801" s="239">
        <v>7.7110000000000003</v>
      </c>
      <c r="C801" s="3">
        <f t="shared" si="182"/>
        <v>7.7040000000000006</v>
      </c>
      <c r="D801" s="239">
        <v>0.24129999999999999</v>
      </c>
      <c r="E801" s="239">
        <v>6.4000000000000003E-3</v>
      </c>
      <c r="F801" s="239">
        <v>0.19439999999999999</v>
      </c>
      <c r="G801">
        <f t="shared" si="183"/>
        <v>0.28017999999999998</v>
      </c>
      <c r="H801" s="235">
        <f t="shared" si="184"/>
        <v>2.2842458419587408</v>
      </c>
      <c r="I801" s="236">
        <f t="shared" si="185"/>
        <v>14.923822401994913</v>
      </c>
      <c r="J801" s="237">
        <f t="shared" si="190"/>
        <v>4.9238224019949133</v>
      </c>
      <c r="K801" s="237">
        <f t="shared" si="186"/>
        <v>114.97312778496882</v>
      </c>
      <c r="L801" s="237">
        <f t="shared" si="191"/>
        <v>37.96759454178278</v>
      </c>
      <c r="M801" s="236">
        <f t="shared" si="187"/>
        <v>4.3512599154319203</v>
      </c>
      <c r="N801" s="236">
        <f t="shared" si="188"/>
        <v>3.8739308566231077</v>
      </c>
      <c r="O801" s="236">
        <f t="shared" si="192"/>
        <v>3.3594871689333852</v>
      </c>
      <c r="P801" s="236" t="str">
        <f t="shared" si="193"/>
        <v>CLAY</v>
      </c>
      <c r="Q801" s="236">
        <f t="shared" si="189"/>
        <v>13.767239351252599</v>
      </c>
      <c r="R801" s="238">
        <v>35</v>
      </c>
      <c r="S801" s="236">
        <f t="shared" si="194"/>
        <v>1.5711179523212828</v>
      </c>
      <c r="T801" s="236" t="e">
        <f t="shared" si="180"/>
        <v>#N/A</v>
      </c>
    </row>
    <row r="802" spans="1:20" x14ac:dyDescent="0.2">
      <c r="A802" s="53">
        <f t="shared" si="181"/>
        <v>790</v>
      </c>
      <c r="B802" s="239">
        <v>7.7210000000000001</v>
      </c>
      <c r="C802" s="3">
        <f t="shared" si="182"/>
        <v>7.7140000000000004</v>
      </c>
      <c r="D802" s="239">
        <v>0.2397</v>
      </c>
      <c r="E802" s="239">
        <v>6.4999999999999997E-3</v>
      </c>
      <c r="F802" s="239">
        <v>0.19470000000000001</v>
      </c>
      <c r="G802">
        <f t="shared" si="183"/>
        <v>0.27864</v>
      </c>
      <c r="H802" s="235">
        <f t="shared" si="184"/>
        <v>2.3327591157048522</v>
      </c>
      <c r="I802" s="236">
        <f t="shared" si="185"/>
        <v>14.939848232623358</v>
      </c>
      <c r="J802" s="237">
        <f t="shared" si="190"/>
        <v>4.9398482326233584</v>
      </c>
      <c r="K802" s="237">
        <f t="shared" si="186"/>
        <v>115.24598926645659</v>
      </c>
      <c r="L802" s="237">
        <f t="shared" si="191"/>
        <v>38.14056820408495</v>
      </c>
      <c r="M802" s="236">
        <f t="shared" si="187"/>
        <v>4.283995190088528</v>
      </c>
      <c r="N802" s="236">
        <f t="shared" si="188"/>
        <v>3.9781139901143305</v>
      </c>
      <c r="O802" s="236">
        <f t="shared" si="192"/>
        <v>3.3713982915896539</v>
      </c>
      <c r="P802" s="236" t="str">
        <f t="shared" si="193"/>
        <v>CLAY</v>
      </c>
      <c r="Q802" s="236">
        <f t="shared" si="189"/>
        <v>13.616167561128615</v>
      </c>
      <c r="R802" s="238">
        <v>35</v>
      </c>
      <c r="S802" s="236">
        <f t="shared" si="194"/>
        <v>1.54081758694141</v>
      </c>
      <c r="T802" s="236" t="e">
        <f t="shared" si="180"/>
        <v>#N/A</v>
      </c>
    </row>
    <row r="803" spans="1:20" x14ac:dyDescent="0.2">
      <c r="A803" s="53">
        <f t="shared" si="181"/>
        <v>791</v>
      </c>
      <c r="B803" s="239">
        <v>7.7309999999999999</v>
      </c>
      <c r="C803" s="3">
        <f t="shared" si="182"/>
        <v>7.7240000000000002</v>
      </c>
      <c r="D803" s="239">
        <v>0.24</v>
      </c>
      <c r="E803" s="239">
        <v>6.4999999999999997E-3</v>
      </c>
      <c r="F803" s="239">
        <v>0.1953</v>
      </c>
      <c r="G803">
        <f t="shared" si="183"/>
        <v>0.27905999999999997</v>
      </c>
      <c r="H803" s="235">
        <f t="shared" si="184"/>
        <v>2.3292481903533289</v>
      </c>
      <c r="I803" s="236">
        <f t="shared" si="185"/>
        <v>14.940436948223841</v>
      </c>
      <c r="J803" s="237">
        <f t="shared" si="190"/>
        <v>4.9404369482238408</v>
      </c>
      <c r="K803" s="237">
        <f t="shared" si="186"/>
        <v>115.39993498808094</v>
      </c>
      <c r="L803" s="237">
        <f t="shared" si="191"/>
        <v>38.194518046718514</v>
      </c>
      <c r="M803" s="236">
        <f t="shared" si="187"/>
        <v>4.2849098085681945</v>
      </c>
      <c r="N803" s="236">
        <f t="shared" si="188"/>
        <v>3.9716469619675494</v>
      </c>
      <c r="O803" s="236">
        <f t="shared" si="192"/>
        <v>3.3709389164331385</v>
      </c>
      <c r="P803" s="236" t="str">
        <f t="shared" si="193"/>
        <v>CLAY</v>
      </c>
      <c r="Q803" s="236">
        <f t="shared" si="189"/>
        <v>13.638338750993256</v>
      </c>
      <c r="R803" s="238">
        <v>35</v>
      </c>
      <c r="S803" s="236">
        <f t="shared" si="194"/>
        <v>1.5412287970920138</v>
      </c>
      <c r="T803" s="236" t="e">
        <f t="shared" si="180"/>
        <v>#N/A</v>
      </c>
    </row>
    <row r="804" spans="1:20" x14ac:dyDescent="0.2">
      <c r="A804" s="53">
        <f t="shared" si="181"/>
        <v>792</v>
      </c>
      <c r="B804" s="239">
        <v>7.7409999999999997</v>
      </c>
      <c r="C804" s="3">
        <f t="shared" si="182"/>
        <v>7.734</v>
      </c>
      <c r="D804" s="239">
        <v>0.24679999999999999</v>
      </c>
      <c r="E804" s="239">
        <v>6.4999999999999997E-3</v>
      </c>
      <c r="F804" s="239">
        <v>0.19620000000000001</v>
      </c>
      <c r="G804">
        <f t="shared" si="183"/>
        <v>0.28603999999999996</v>
      </c>
      <c r="H804" s="235">
        <f t="shared" si="184"/>
        <v>2.2724094532233257</v>
      </c>
      <c r="I804" s="236">
        <f t="shared" si="185"/>
        <v>14.950093209750147</v>
      </c>
      <c r="J804" s="237">
        <f t="shared" si="190"/>
        <v>4.9500932097501469</v>
      </c>
      <c r="K804" s="237">
        <f t="shared" si="186"/>
        <v>115.62402088420764</v>
      </c>
      <c r="L804" s="237">
        <f t="shared" si="191"/>
        <v>38.318671536675886</v>
      </c>
      <c r="M804" s="236">
        <f t="shared" si="187"/>
        <v>4.4473352619409665</v>
      </c>
      <c r="N804" s="236">
        <f t="shared" si="188"/>
        <v>3.8141963175785607</v>
      </c>
      <c r="O804" s="236">
        <f t="shared" si="192"/>
        <v>3.3478609985630663</v>
      </c>
      <c r="P804" s="236" t="str">
        <f t="shared" si="193"/>
        <v>CLAY</v>
      </c>
      <c r="Q804" s="236">
        <f t="shared" si="189"/>
        <v>14.201331592982692</v>
      </c>
      <c r="R804" s="238">
        <v>35</v>
      </c>
      <c r="S804" s="236">
        <f t="shared" si="194"/>
        <v>1.6145996205590072</v>
      </c>
      <c r="T804" s="236" t="e">
        <f t="shared" si="180"/>
        <v>#N/A</v>
      </c>
    </row>
    <row r="805" spans="1:20" x14ac:dyDescent="0.2">
      <c r="A805" s="53">
        <f t="shared" si="181"/>
        <v>793</v>
      </c>
      <c r="B805" s="239">
        <v>7.75</v>
      </c>
      <c r="C805" s="3">
        <f t="shared" si="182"/>
        <v>7.7430000000000003</v>
      </c>
      <c r="D805" s="239">
        <v>0.25569999999999998</v>
      </c>
      <c r="E805" s="239">
        <v>6.4999999999999997E-3</v>
      </c>
      <c r="F805" s="239">
        <v>0.19489999999999999</v>
      </c>
      <c r="G805">
        <f t="shared" si="183"/>
        <v>0.29467999999999994</v>
      </c>
      <c r="H805" s="235">
        <f t="shared" si="184"/>
        <v>2.2057825437763001</v>
      </c>
      <c r="I805" s="236">
        <f t="shared" si="185"/>
        <v>14.961724712382757</v>
      </c>
      <c r="J805" s="237">
        <f t="shared" si="190"/>
        <v>4.9617247123827575</v>
      </c>
      <c r="K805" s="237">
        <f t="shared" si="186"/>
        <v>115.84863444797969</v>
      </c>
      <c r="L805" s="237">
        <f t="shared" si="191"/>
        <v>38.45336652096637</v>
      </c>
      <c r="M805" s="236">
        <f t="shared" si="187"/>
        <v>4.6506036202191554</v>
      </c>
      <c r="N805" s="236">
        <f t="shared" si="188"/>
        <v>3.6347091462035581</v>
      </c>
      <c r="O805" s="236">
        <f t="shared" si="192"/>
        <v>3.3202449014050308</v>
      </c>
      <c r="P805" s="236" t="str">
        <f t="shared" si="193"/>
        <v>CLAY</v>
      </c>
      <c r="Q805" s="236">
        <f t="shared" si="189"/>
        <v>14.902613796001688</v>
      </c>
      <c r="R805" s="238">
        <v>35</v>
      </c>
      <c r="S805" s="236">
        <f t="shared" si="194"/>
        <v>1.7073661438811001</v>
      </c>
      <c r="T805" s="236" t="e">
        <f t="shared" si="180"/>
        <v>#N/A</v>
      </c>
    </row>
    <row r="806" spans="1:20" x14ac:dyDescent="0.2">
      <c r="A806" s="53">
        <f t="shared" si="181"/>
        <v>794</v>
      </c>
      <c r="B806" s="239">
        <v>7.7610000000000001</v>
      </c>
      <c r="C806" s="3">
        <f t="shared" si="182"/>
        <v>7.7540000000000004</v>
      </c>
      <c r="D806" s="239">
        <v>0.26319999999999999</v>
      </c>
      <c r="E806" s="239">
        <v>6.4000000000000003E-3</v>
      </c>
      <c r="F806" s="239">
        <v>0.189</v>
      </c>
      <c r="G806">
        <f t="shared" si="183"/>
        <v>0.30099999999999999</v>
      </c>
      <c r="H806" s="235">
        <f t="shared" si="184"/>
        <v>2.1262458471760799</v>
      </c>
      <c r="I806" s="236">
        <f t="shared" si="185"/>
        <v>14.95183883017344</v>
      </c>
      <c r="J806" s="237">
        <f t="shared" si="190"/>
        <v>4.9518388301734397</v>
      </c>
      <c r="K806" s="237">
        <f t="shared" si="186"/>
        <v>115.93655828916486</v>
      </c>
      <c r="L806" s="237">
        <f t="shared" si="191"/>
        <v>38.431221160976065</v>
      </c>
      <c r="M806" s="236">
        <f t="shared" si="187"/>
        <v>4.815445258313904</v>
      </c>
      <c r="N806" s="236">
        <f t="shared" si="188"/>
        <v>3.458273520061359</v>
      </c>
      <c r="O806" s="236">
        <f t="shared" si="192"/>
        <v>3.2959037810968863</v>
      </c>
      <c r="P806" s="236" t="str">
        <f t="shared" si="193"/>
        <v>CLAY</v>
      </c>
      <c r="Q806" s="236">
        <f t="shared" si="189"/>
        <v>15.42195347590293</v>
      </c>
      <c r="R806" s="238">
        <v>35</v>
      </c>
      <c r="S806" s="236">
        <f t="shared" si="194"/>
        <v>1.7833458333334271</v>
      </c>
      <c r="T806" s="236" t="e">
        <f t="shared" si="180"/>
        <v>#N/A</v>
      </c>
    </row>
    <row r="807" spans="1:20" x14ac:dyDescent="0.2">
      <c r="A807" s="53">
        <f t="shared" si="181"/>
        <v>795</v>
      </c>
      <c r="B807" s="239">
        <v>7.7709999999999999</v>
      </c>
      <c r="C807" s="3">
        <f t="shared" si="182"/>
        <v>7.7640000000000002</v>
      </c>
      <c r="D807" s="239">
        <v>0.2671</v>
      </c>
      <c r="E807" s="239">
        <v>6.3E-3</v>
      </c>
      <c r="F807" s="239">
        <v>0.18529999999999999</v>
      </c>
      <c r="G807">
        <f t="shared" si="183"/>
        <v>0.30415999999999999</v>
      </c>
      <c r="H807" s="235">
        <f t="shared" si="184"/>
        <v>2.0712782745923199</v>
      </c>
      <c r="I807" s="236">
        <f t="shared" si="185"/>
        <v>14.937454427476389</v>
      </c>
      <c r="J807" s="237">
        <f t="shared" si="190"/>
        <v>4.9374544274763892</v>
      </c>
      <c r="K807" s="237">
        <f t="shared" si="186"/>
        <v>115.9743961749267</v>
      </c>
      <c r="L807" s="237">
        <f t="shared" si="191"/>
        <v>38.36895835591902</v>
      </c>
      <c r="M807" s="236">
        <f t="shared" si="187"/>
        <v>4.9046315534401952</v>
      </c>
      <c r="N807" s="236">
        <f t="shared" si="188"/>
        <v>3.3477587402786266</v>
      </c>
      <c r="O807" s="236">
        <f t="shared" si="192"/>
        <v>3.2816453044838929</v>
      </c>
      <c r="P807" s="236" t="str">
        <f t="shared" si="193"/>
        <v>CLAY</v>
      </c>
      <c r="Q807" s="236">
        <f t="shared" si="189"/>
        <v>15.682133652089439</v>
      </c>
      <c r="R807" s="238">
        <v>35</v>
      </c>
      <c r="S807" s="236">
        <f t="shared" si="194"/>
        <v>1.8247273999141251</v>
      </c>
      <c r="T807" s="236" t="e">
        <f t="shared" si="180"/>
        <v>#N/A</v>
      </c>
    </row>
    <row r="808" spans="1:20" x14ac:dyDescent="0.2">
      <c r="A808" s="53">
        <f t="shared" si="181"/>
        <v>796</v>
      </c>
      <c r="B808" s="239">
        <v>7.78</v>
      </c>
      <c r="C808" s="3">
        <f t="shared" si="182"/>
        <v>7.7730000000000006</v>
      </c>
      <c r="D808" s="239">
        <v>0.26829999999999998</v>
      </c>
      <c r="E808" s="239">
        <v>6.3E-3</v>
      </c>
      <c r="F808" s="239">
        <v>0.188</v>
      </c>
      <c r="G808">
        <f t="shared" si="183"/>
        <v>0.30589999999999995</v>
      </c>
      <c r="H808" s="235">
        <f t="shared" si="184"/>
        <v>2.0594965675057213</v>
      </c>
      <c r="I808" s="236">
        <f t="shared" si="185"/>
        <v>14.939684067193369</v>
      </c>
      <c r="J808" s="237">
        <f t="shared" si="190"/>
        <v>4.9396840671933688</v>
      </c>
      <c r="K808" s="237">
        <f t="shared" si="186"/>
        <v>116.12616425429407</v>
      </c>
      <c r="L808" s="237">
        <f t="shared" si="191"/>
        <v>38.430742042764408</v>
      </c>
      <c r="M808" s="236">
        <f t="shared" si="187"/>
        <v>4.9380736789971982</v>
      </c>
      <c r="N808" s="236">
        <f t="shared" si="188"/>
        <v>3.3197410882509137</v>
      </c>
      <c r="O808" s="236">
        <f t="shared" si="192"/>
        <v>3.2772055893277936</v>
      </c>
      <c r="P808" s="236" t="str">
        <f t="shared" si="193"/>
        <v>CLAY</v>
      </c>
      <c r="Q808" s="236">
        <f t="shared" si="189"/>
        <v>15.81448631214216</v>
      </c>
      <c r="R808" s="238">
        <v>35</v>
      </c>
      <c r="S808" s="236">
        <f t="shared" si="194"/>
        <v>1.8402929638245304</v>
      </c>
      <c r="T808" s="236" t="e">
        <f t="shared" si="180"/>
        <v>#N/A</v>
      </c>
    </row>
    <row r="809" spans="1:20" x14ac:dyDescent="0.2">
      <c r="A809" s="53">
        <f t="shared" si="181"/>
        <v>797</v>
      </c>
      <c r="B809" s="239">
        <v>7.7910000000000004</v>
      </c>
      <c r="C809" s="3">
        <f t="shared" si="182"/>
        <v>7.7840000000000007</v>
      </c>
      <c r="D809" s="239">
        <v>0.26790000000000003</v>
      </c>
      <c r="E809" s="239">
        <v>6.3E-3</v>
      </c>
      <c r="F809" s="239">
        <v>0.19120000000000001</v>
      </c>
      <c r="G809">
        <f t="shared" si="183"/>
        <v>0.30614000000000002</v>
      </c>
      <c r="H809" s="235">
        <f t="shared" si="184"/>
        <v>2.0578820147644867</v>
      </c>
      <c r="I809" s="236">
        <f t="shared" si="185"/>
        <v>14.939990607984491</v>
      </c>
      <c r="J809" s="237">
        <f t="shared" si="190"/>
        <v>4.9399906079844911</v>
      </c>
      <c r="K809" s="237">
        <f t="shared" si="186"/>
        <v>116.29288689255129</v>
      </c>
      <c r="L809" s="237">
        <f t="shared" si="191"/>
        <v>38.487466826807172</v>
      </c>
      <c r="M809" s="236">
        <f t="shared" si="187"/>
        <v>4.9326996230164211</v>
      </c>
      <c r="N809" s="236">
        <f t="shared" si="188"/>
        <v>3.3184597315600772</v>
      </c>
      <c r="O809" s="236">
        <f t="shared" si="192"/>
        <v>3.2775171744289966</v>
      </c>
      <c r="P809" s="236" t="str">
        <f t="shared" si="193"/>
        <v>CLAY</v>
      </c>
      <c r="Q809" s="236">
        <f t="shared" si="189"/>
        <v>15.820592758954064</v>
      </c>
      <c r="R809" s="238">
        <v>35</v>
      </c>
      <c r="S809" s="236">
        <f t="shared" si="194"/>
        <v>1.8377898390463079</v>
      </c>
      <c r="T809" s="236" t="e">
        <f t="shared" si="180"/>
        <v>#N/A</v>
      </c>
    </row>
    <row r="810" spans="1:20" x14ac:dyDescent="0.2">
      <c r="A810" s="53">
        <f t="shared" si="181"/>
        <v>798</v>
      </c>
      <c r="B810" s="239">
        <v>7.8010000000000002</v>
      </c>
      <c r="C810" s="3">
        <f t="shared" si="182"/>
        <v>7.7940000000000005</v>
      </c>
      <c r="D810" s="239">
        <v>0.26740000000000003</v>
      </c>
      <c r="E810" s="239">
        <v>6.4000000000000003E-3</v>
      </c>
      <c r="F810" s="239">
        <v>0.1905</v>
      </c>
      <c r="G810">
        <f t="shared" si="183"/>
        <v>0.30549999999999999</v>
      </c>
      <c r="H810" s="235">
        <f t="shared" si="184"/>
        <v>2.0949263502454993</v>
      </c>
      <c r="I810" s="236">
        <f t="shared" si="185"/>
        <v>14.957639077259696</v>
      </c>
      <c r="J810" s="237">
        <f t="shared" si="190"/>
        <v>4.9576390772596959</v>
      </c>
      <c r="K810" s="237">
        <f t="shared" si="186"/>
        <v>116.57983896816208</v>
      </c>
      <c r="L810" s="237">
        <f t="shared" si="191"/>
        <v>38.67454244170289</v>
      </c>
      <c r="M810" s="236">
        <f t="shared" si="187"/>
        <v>4.8848712642589582</v>
      </c>
      <c r="N810" s="236">
        <f t="shared" si="188"/>
        <v>3.3876744361452431</v>
      </c>
      <c r="O810" s="236">
        <f t="shared" si="192"/>
        <v>3.2858688038682766</v>
      </c>
      <c r="P810" s="236" t="str">
        <f t="shared" si="193"/>
        <v>CLAY</v>
      </c>
      <c r="Q810" s="236">
        <f t="shared" si="189"/>
        <v>15.74334675265316</v>
      </c>
      <c r="R810" s="238">
        <v>35</v>
      </c>
      <c r="S810" s="236">
        <f t="shared" si="194"/>
        <v>1.8155424684010122</v>
      </c>
      <c r="T810" s="236" t="e">
        <f t="shared" si="180"/>
        <v>#N/A</v>
      </c>
    </row>
    <row r="811" spans="1:20" x14ac:dyDescent="0.2">
      <c r="A811" s="53">
        <f t="shared" si="181"/>
        <v>799</v>
      </c>
      <c r="B811" s="239">
        <v>7.8109999999999999</v>
      </c>
      <c r="C811" s="3">
        <f t="shared" si="182"/>
        <v>7.8040000000000003</v>
      </c>
      <c r="D811" s="239">
        <v>0.26850000000000002</v>
      </c>
      <c r="E811" s="239">
        <v>6.4000000000000003E-3</v>
      </c>
      <c r="F811" s="239">
        <v>0.18720000000000001</v>
      </c>
      <c r="G811">
        <f t="shared" si="183"/>
        <v>0.30593999999999999</v>
      </c>
      <c r="H811" s="235">
        <f t="shared" si="184"/>
        <v>2.0919134470811271</v>
      </c>
      <c r="I811" s="236">
        <f t="shared" si="185"/>
        <v>14.958201620254988</v>
      </c>
      <c r="J811" s="237">
        <f t="shared" si="190"/>
        <v>4.9582016202549877</v>
      </c>
      <c r="K811" s="237">
        <f t="shared" si="186"/>
        <v>116.73380544446992</v>
      </c>
      <c r="L811" s="237">
        <f t="shared" si="191"/>
        <v>38.728512855811708</v>
      </c>
      <c r="M811" s="236">
        <f t="shared" si="187"/>
        <v>4.8854495203560928</v>
      </c>
      <c r="N811" s="236">
        <f t="shared" si="188"/>
        <v>3.3825531003540505</v>
      </c>
      <c r="O811" s="236">
        <f t="shared" si="192"/>
        <v>3.2854754242125934</v>
      </c>
      <c r="P811" s="236" t="str">
        <f t="shared" si="193"/>
        <v>CLAY</v>
      </c>
      <c r="Q811" s="236">
        <f t="shared" si="189"/>
        <v>15.767182879627507</v>
      </c>
      <c r="R811" s="238">
        <v>35</v>
      </c>
      <c r="S811" s="236">
        <f t="shared" si="194"/>
        <v>1.8158111203212559</v>
      </c>
      <c r="T811" s="236" t="e">
        <f t="shared" si="180"/>
        <v>#N/A</v>
      </c>
    </row>
    <row r="812" spans="1:20" x14ac:dyDescent="0.2">
      <c r="A812" s="53">
        <f t="shared" si="181"/>
        <v>800</v>
      </c>
      <c r="B812" s="239">
        <v>7.8209999999999997</v>
      </c>
      <c r="C812" s="3">
        <f t="shared" si="182"/>
        <v>7.8140000000000001</v>
      </c>
      <c r="D812" s="239">
        <v>0.2671</v>
      </c>
      <c r="E812" s="239">
        <v>6.4999999999999997E-3</v>
      </c>
      <c r="F812" s="239">
        <v>0.18940000000000001</v>
      </c>
      <c r="G812">
        <f t="shared" si="183"/>
        <v>0.30498000000000003</v>
      </c>
      <c r="H812" s="235">
        <f t="shared" si="184"/>
        <v>2.1312872975277064</v>
      </c>
      <c r="I812" s="236">
        <f t="shared" si="185"/>
        <v>14.975153341395908</v>
      </c>
      <c r="J812" s="237">
        <f t="shared" si="190"/>
        <v>4.9751533413959077</v>
      </c>
      <c r="K812" s="237">
        <f t="shared" si="186"/>
        <v>117.01584820966762</v>
      </c>
      <c r="L812" s="237">
        <f t="shared" si="191"/>
        <v>38.910674283057389</v>
      </c>
      <c r="M812" s="236">
        <f t="shared" si="187"/>
        <v>4.8306577887337285</v>
      </c>
      <c r="N812" s="236">
        <f t="shared" si="188"/>
        <v>3.4581062070019231</v>
      </c>
      <c r="O812" s="236">
        <f t="shared" si="192"/>
        <v>3.2947341792163165</v>
      </c>
      <c r="P812" s="236" t="str">
        <f t="shared" si="193"/>
        <v>CLAY</v>
      </c>
      <c r="Q812" s="236">
        <f t="shared" si="189"/>
        <v>15.663679315861032</v>
      </c>
      <c r="R812" s="238">
        <v>35</v>
      </c>
      <c r="S812" s="236">
        <f t="shared" si="194"/>
        <v>1.7903908483468267</v>
      </c>
      <c r="T812" s="236" t="e">
        <f t="shared" si="180"/>
        <v>#N/A</v>
      </c>
    </row>
    <row r="813" spans="1:20" x14ac:dyDescent="0.2">
      <c r="A813" s="53">
        <f t="shared" si="181"/>
        <v>801</v>
      </c>
      <c r="B813" s="239">
        <v>7.8310000000000004</v>
      </c>
      <c r="C813" s="3">
        <f t="shared" si="182"/>
        <v>7.8240000000000007</v>
      </c>
      <c r="D813" s="239">
        <v>0.2681</v>
      </c>
      <c r="E813" s="239">
        <v>6.6E-3</v>
      </c>
      <c r="F813" s="239">
        <v>0.1928</v>
      </c>
      <c r="G813">
        <f t="shared" si="183"/>
        <v>0.30665999999999999</v>
      </c>
      <c r="H813" s="235">
        <f t="shared" si="184"/>
        <v>2.1522207004500098</v>
      </c>
      <c r="I813" s="236">
        <f t="shared" si="185"/>
        <v>14.995203098550524</v>
      </c>
      <c r="J813" s="237">
        <f t="shared" si="190"/>
        <v>4.9952030985505242</v>
      </c>
      <c r="K813" s="237">
        <f t="shared" si="186"/>
        <v>117.32246904305931</v>
      </c>
      <c r="L813" s="237">
        <f t="shared" si="191"/>
        <v>39.117435464749157</v>
      </c>
      <c r="M813" s="236">
        <f t="shared" si="187"/>
        <v>4.8402337399537094</v>
      </c>
      <c r="N813" s="236">
        <f t="shared" si="188"/>
        <v>3.485838210017103</v>
      </c>
      <c r="O813" s="236">
        <f t="shared" si="192"/>
        <v>3.2958604783680565</v>
      </c>
      <c r="P813" s="236" t="str">
        <f t="shared" si="193"/>
        <v>CLAY</v>
      </c>
      <c r="Q813" s="236">
        <f t="shared" si="189"/>
        <v>15.778127579745055</v>
      </c>
      <c r="R813" s="238">
        <v>35</v>
      </c>
      <c r="S813" s="236">
        <f t="shared" si="194"/>
        <v>1.7948283758993562</v>
      </c>
      <c r="T813" s="236" t="e">
        <f t="shared" si="180"/>
        <v>#N/A</v>
      </c>
    </row>
    <row r="814" spans="1:20" x14ac:dyDescent="0.2">
      <c r="A814" s="53">
        <f t="shared" si="181"/>
        <v>802</v>
      </c>
      <c r="B814" s="239">
        <v>7.8410000000000002</v>
      </c>
      <c r="C814" s="3">
        <f t="shared" si="182"/>
        <v>7.8340000000000005</v>
      </c>
      <c r="D814" s="239">
        <v>0.26819999999999999</v>
      </c>
      <c r="E814" s="239">
        <v>6.7000000000000002E-3</v>
      </c>
      <c r="F814" s="239">
        <v>0.1961</v>
      </c>
      <c r="G814">
        <f t="shared" si="183"/>
        <v>0.30741999999999997</v>
      </c>
      <c r="H814" s="235">
        <f t="shared" si="184"/>
        <v>2.1794287944831177</v>
      </c>
      <c r="I814" s="236">
        <f t="shared" si="185"/>
        <v>15.013803928080893</v>
      </c>
      <c r="J814" s="237">
        <f t="shared" si="190"/>
        <v>5.0138039280808933</v>
      </c>
      <c r="K814" s="237">
        <f t="shared" si="186"/>
        <v>117.61813997258572</v>
      </c>
      <c r="L814" s="237">
        <f t="shared" si="191"/>
        <v>39.313236600082284</v>
      </c>
      <c r="M814" s="236">
        <f t="shared" si="187"/>
        <v>4.8279377747040293</v>
      </c>
      <c r="N814" s="236">
        <f t="shared" si="188"/>
        <v>3.529997018486688</v>
      </c>
      <c r="O814" s="236">
        <f t="shared" si="192"/>
        <v>3.2997197118857535</v>
      </c>
      <c r="P814" s="236" t="str">
        <f t="shared" si="193"/>
        <v>CLAY</v>
      </c>
      <c r="Q814" s="236">
        <f t="shared" si="189"/>
        <v>15.816821668951187</v>
      </c>
      <c r="R814" s="238">
        <v>35</v>
      </c>
      <c r="S814" s="236">
        <f t="shared" si="194"/>
        <v>1.7891307856317942</v>
      </c>
      <c r="T814" s="236" t="e">
        <f t="shared" si="180"/>
        <v>#N/A</v>
      </c>
    </row>
    <row r="815" spans="1:20" x14ac:dyDescent="0.2">
      <c r="A815" s="53">
        <f t="shared" si="181"/>
        <v>803</v>
      </c>
      <c r="B815" s="239">
        <v>7.8520000000000003</v>
      </c>
      <c r="C815" s="3">
        <f t="shared" si="182"/>
        <v>7.8450000000000006</v>
      </c>
      <c r="D815" s="239">
        <v>0.2641</v>
      </c>
      <c r="E815" s="239">
        <v>6.7999999999999996E-3</v>
      </c>
      <c r="F815" s="239">
        <v>0.19750000000000001</v>
      </c>
      <c r="G815">
        <f t="shared" si="183"/>
        <v>0.30359999999999998</v>
      </c>
      <c r="H815" s="235">
        <f t="shared" si="184"/>
        <v>2.2397891963109355</v>
      </c>
      <c r="I815" s="236">
        <f t="shared" si="185"/>
        <v>15.026288709190423</v>
      </c>
      <c r="J815" s="237">
        <f t="shared" si="190"/>
        <v>5.0262887091904229</v>
      </c>
      <c r="K815" s="237">
        <f t="shared" si="186"/>
        <v>117.88123492359888</v>
      </c>
      <c r="L815" s="237">
        <f t="shared" si="191"/>
        <v>39.466418944563202</v>
      </c>
      <c r="M815" s="236">
        <f t="shared" si="187"/>
        <v>4.7057414896768908</v>
      </c>
      <c r="N815" s="236">
        <f t="shared" si="188"/>
        <v>3.6614501486710895</v>
      </c>
      <c r="O815" s="236">
        <f t="shared" si="192"/>
        <v>3.3176359372505595</v>
      </c>
      <c r="P815" s="236" t="str">
        <f t="shared" si="193"/>
        <v>CLAY</v>
      </c>
      <c r="Q815" s="236">
        <f t="shared" si="189"/>
        <v>15.476563756366758</v>
      </c>
      <c r="R815" s="238">
        <v>35</v>
      </c>
      <c r="S815" s="236">
        <f t="shared" si="194"/>
        <v>1.7327068428840697</v>
      </c>
      <c r="T815" s="236" t="e">
        <f t="shared" si="180"/>
        <v>#N/A</v>
      </c>
    </row>
    <row r="816" spans="1:20" x14ac:dyDescent="0.2">
      <c r="A816" s="53">
        <f t="shared" si="181"/>
        <v>804</v>
      </c>
      <c r="B816" s="239">
        <v>7.8609999999999998</v>
      </c>
      <c r="C816" s="3">
        <f t="shared" si="182"/>
        <v>7.8540000000000001</v>
      </c>
      <c r="D816" s="239">
        <v>0.26390000000000002</v>
      </c>
      <c r="E816" s="239">
        <v>6.6E-3</v>
      </c>
      <c r="F816" s="239">
        <v>0.19539999999999999</v>
      </c>
      <c r="G816">
        <f t="shared" si="183"/>
        <v>0.30298000000000003</v>
      </c>
      <c r="H816" s="235">
        <f t="shared" si="184"/>
        <v>2.1783616080269321</v>
      </c>
      <c r="I816" s="236">
        <f t="shared" si="185"/>
        <v>14.990484245473903</v>
      </c>
      <c r="J816" s="237">
        <f t="shared" si="190"/>
        <v>4.9904842454739029</v>
      </c>
      <c r="K816" s="237">
        <f t="shared" si="186"/>
        <v>117.73526326395204</v>
      </c>
      <c r="L816" s="237">
        <f t="shared" si="191"/>
        <v>39.230196653670347</v>
      </c>
      <c r="M816" s="236">
        <f t="shared" si="187"/>
        <v>4.721993579879662</v>
      </c>
      <c r="N816" s="236">
        <f t="shared" si="188"/>
        <v>3.56285426311692</v>
      </c>
      <c r="O816" s="236">
        <f t="shared" si="192"/>
        <v>3.3100125650605876</v>
      </c>
      <c r="P816" s="236" t="str">
        <f t="shared" si="193"/>
        <v>CLAY</v>
      </c>
      <c r="Q816" s="236">
        <f t="shared" si="189"/>
        <v>15.437061394670664</v>
      </c>
      <c r="R816" s="238">
        <v>35</v>
      </c>
      <c r="S816" s="236">
        <f t="shared" si="194"/>
        <v>1.740190321965035</v>
      </c>
      <c r="T816" s="236" t="e">
        <f t="shared" si="180"/>
        <v>#N/A</v>
      </c>
    </row>
    <row r="817" spans="1:20" x14ac:dyDescent="0.2">
      <c r="A817" s="53">
        <f t="shared" si="181"/>
        <v>805</v>
      </c>
      <c r="B817" s="239">
        <v>7.8710000000000004</v>
      </c>
      <c r="C817" s="3">
        <f t="shared" si="182"/>
        <v>7.8640000000000008</v>
      </c>
      <c r="D817" s="239">
        <v>0.26169999999999999</v>
      </c>
      <c r="E817" s="239">
        <v>6.6E-3</v>
      </c>
      <c r="F817" s="239">
        <v>0.19109999999999999</v>
      </c>
      <c r="G817">
        <f t="shared" si="183"/>
        <v>0.29991999999999996</v>
      </c>
      <c r="H817" s="235">
        <f t="shared" si="184"/>
        <v>2.2005868231528409</v>
      </c>
      <c r="I817" s="236">
        <f t="shared" si="185"/>
        <v>14.986516565017677</v>
      </c>
      <c r="J817" s="237">
        <f t="shared" si="190"/>
        <v>4.986516565017677</v>
      </c>
      <c r="K817" s="237">
        <f t="shared" si="186"/>
        <v>117.85396626729903</v>
      </c>
      <c r="L817" s="237">
        <f t="shared" si="191"/>
        <v>39.248871883254139</v>
      </c>
      <c r="M817" s="236">
        <f t="shared" si="187"/>
        <v>4.6387583896489248</v>
      </c>
      <c r="N817" s="236">
        <f t="shared" si="188"/>
        <v>3.6250583728812082</v>
      </c>
      <c r="O817" s="236">
        <f t="shared" si="192"/>
        <v>3.3205609489782528</v>
      </c>
      <c r="P817" s="236" t="str">
        <f t="shared" si="193"/>
        <v>CLAY</v>
      </c>
      <c r="Q817" s="236">
        <f t="shared" si="189"/>
        <v>15.172169477725078</v>
      </c>
      <c r="R817" s="238">
        <v>35</v>
      </c>
      <c r="S817" s="236">
        <f t="shared" si="194"/>
        <v>1.7019319830042798</v>
      </c>
      <c r="T817" s="236" t="e">
        <f t="shared" si="180"/>
        <v>#N/A</v>
      </c>
    </row>
    <row r="818" spans="1:20" x14ac:dyDescent="0.2">
      <c r="A818" s="53">
        <f t="shared" si="181"/>
        <v>806</v>
      </c>
      <c r="B818" s="239">
        <v>7.8819999999999997</v>
      </c>
      <c r="C818" s="3">
        <f t="shared" si="182"/>
        <v>7.875</v>
      </c>
      <c r="D818" s="239">
        <v>0.25769999999999998</v>
      </c>
      <c r="E818" s="239">
        <v>6.6E-3</v>
      </c>
      <c r="F818" s="239">
        <v>0.19259999999999999</v>
      </c>
      <c r="G818">
        <f t="shared" si="183"/>
        <v>0.29621999999999998</v>
      </c>
      <c r="H818" s="235">
        <f t="shared" si="184"/>
        <v>2.2280737289852137</v>
      </c>
      <c r="I818" s="236">
        <f t="shared" si="185"/>
        <v>14.981664620188388</v>
      </c>
      <c r="J818" s="237">
        <f t="shared" si="190"/>
        <v>4.9816646201883881</v>
      </c>
      <c r="K818" s="237">
        <f t="shared" si="186"/>
        <v>117.98060888398355</v>
      </c>
      <c r="L818" s="237">
        <f t="shared" si="191"/>
        <v>39.265480536324873</v>
      </c>
      <c r="M818" s="236">
        <f t="shared" si="187"/>
        <v>4.5393406290068308</v>
      </c>
      <c r="N818" s="236">
        <f t="shared" si="188"/>
        <v>3.7028851808094685</v>
      </c>
      <c r="O818" s="236">
        <f t="shared" si="192"/>
        <v>3.3334495449491279</v>
      </c>
      <c r="P818" s="236" t="str">
        <f t="shared" si="193"/>
        <v>CLAY</v>
      </c>
      <c r="Q818" s="236">
        <f t="shared" si="189"/>
        <v>14.853282593001367</v>
      </c>
      <c r="R818" s="238">
        <v>35</v>
      </c>
      <c r="S818" s="236">
        <f t="shared" si="194"/>
        <v>1.6564600840111328</v>
      </c>
      <c r="T818" s="236" t="e">
        <f t="shared" si="180"/>
        <v>#N/A</v>
      </c>
    </row>
    <row r="819" spans="1:20" x14ac:dyDescent="0.2">
      <c r="A819" s="53">
        <f t="shared" si="181"/>
        <v>807</v>
      </c>
      <c r="B819" s="239">
        <v>7.891</v>
      </c>
      <c r="C819" s="3">
        <f t="shared" si="182"/>
        <v>7.8840000000000003</v>
      </c>
      <c r="D819" s="239">
        <v>0.26140000000000002</v>
      </c>
      <c r="E819" s="239">
        <v>6.6E-3</v>
      </c>
      <c r="F819" s="239">
        <v>0.19439999999999999</v>
      </c>
      <c r="G819">
        <f t="shared" si="183"/>
        <v>0.30027999999999999</v>
      </c>
      <c r="H819" s="235">
        <f t="shared" si="184"/>
        <v>2.1979485813240975</v>
      </c>
      <c r="I819" s="236">
        <f t="shared" si="185"/>
        <v>14.986985446820444</v>
      </c>
      <c r="J819" s="237">
        <f t="shared" si="190"/>
        <v>4.9869854468204444</v>
      </c>
      <c r="K819" s="237">
        <f t="shared" si="186"/>
        <v>118.15739326273238</v>
      </c>
      <c r="L819" s="237">
        <f t="shared" si="191"/>
        <v>39.352302160860127</v>
      </c>
      <c r="M819" s="236">
        <f t="shared" si="187"/>
        <v>4.6280038711027958</v>
      </c>
      <c r="N819" s="236">
        <f t="shared" si="188"/>
        <v>3.6239323158388812</v>
      </c>
      <c r="O819" s="236">
        <f t="shared" si="192"/>
        <v>3.3213398156665779</v>
      </c>
      <c r="P819" s="236" t="str">
        <f t="shared" si="193"/>
        <v>CLAY</v>
      </c>
      <c r="Q819" s="236">
        <f t="shared" si="189"/>
        <v>15.176883894772297</v>
      </c>
      <c r="R819" s="238">
        <v>35</v>
      </c>
      <c r="S819" s="236">
        <f t="shared" si="194"/>
        <v>1.6970012046288843</v>
      </c>
      <c r="T819" s="236" t="e">
        <f t="shared" si="180"/>
        <v>#N/A</v>
      </c>
    </row>
    <row r="820" spans="1:20" x14ac:dyDescent="0.2">
      <c r="A820" s="53">
        <f t="shared" si="181"/>
        <v>808</v>
      </c>
      <c r="B820" s="239">
        <v>7.9009999999999998</v>
      </c>
      <c r="C820" s="3">
        <f t="shared" si="182"/>
        <v>7.8940000000000001</v>
      </c>
      <c r="D820" s="239">
        <v>0.25219999999999998</v>
      </c>
      <c r="E820" s="239">
        <v>6.7000000000000002E-3</v>
      </c>
      <c r="F820" s="239">
        <v>0.19500000000000001</v>
      </c>
      <c r="G820">
        <f t="shared" si="183"/>
        <v>0.29119999999999996</v>
      </c>
      <c r="H820" s="235">
        <f t="shared" si="184"/>
        <v>2.3008241758241765</v>
      </c>
      <c r="I820" s="236">
        <f t="shared" si="185"/>
        <v>14.99261725525162</v>
      </c>
      <c r="J820" s="237">
        <f t="shared" si="190"/>
        <v>4.9926172552516199</v>
      </c>
      <c r="K820" s="237">
        <f t="shared" si="186"/>
        <v>118.35172061295629</v>
      </c>
      <c r="L820" s="237">
        <f t="shared" si="191"/>
        <v>39.446668933743048</v>
      </c>
      <c r="M820" s="236">
        <f t="shared" si="187"/>
        <v>4.3818219398289324</v>
      </c>
      <c r="N820" s="236">
        <f t="shared" si="188"/>
        <v>3.8762318165732452</v>
      </c>
      <c r="O820" s="236">
        <f t="shared" si="192"/>
        <v>3.3570646086092628</v>
      </c>
      <c r="P820" s="236" t="str">
        <f t="shared" si="193"/>
        <v>CLAY</v>
      </c>
      <c r="Q820" s="236">
        <f t="shared" si="189"/>
        <v>14.404023282253638</v>
      </c>
      <c r="R820" s="238">
        <v>35</v>
      </c>
      <c r="S820" s="236">
        <f t="shared" si="194"/>
        <v>1.5849239042645713</v>
      </c>
      <c r="T820" s="236" t="e">
        <f t="shared" si="180"/>
        <v>#N/A</v>
      </c>
    </row>
    <row r="821" spans="1:20" x14ac:dyDescent="0.2">
      <c r="A821" s="53">
        <f t="shared" si="181"/>
        <v>809</v>
      </c>
      <c r="B821" s="239">
        <v>7.9119999999999999</v>
      </c>
      <c r="C821" s="3">
        <f t="shared" si="182"/>
        <v>7.9050000000000002</v>
      </c>
      <c r="D821" s="239">
        <v>0.25169999999999998</v>
      </c>
      <c r="E821" s="239">
        <v>6.7000000000000002E-3</v>
      </c>
      <c r="F821" s="239">
        <v>0.19789999999999999</v>
      </c>
      <c r="G821">
        <f t="shared" si="183"/>
        <v>0.29127999999999998</v>
      </c>
      <c r="H821" s="235">
        <f t="shared" si="184"/>
        <v>2.3001922548750344</v>
      </c>
      <c r="I821" s="236">
        <f t="shared" si="185"/>
        <v>14.992724621008016</v>
      </c>
      <c r="J821" s="237">
        <f t="shared" si="190"/>
        <v>4.9927246210080156</v>
      </c>
      <c r="K821" s="237">
        <f t="shared" si="186"/>
        <v>118.51748812906837</v>
      </c>
      <c r="L821" s="237">
        <f t="shared" si="191"/>
        <v>39.502437201415418</v>
      </c>
      <c r="M821" s="236">
        <f t="shared" si="187"/>
        <v>4.3734646292847295</v>
      </c>
      <c r="N821" s="236">
        <f t="shared" si="188"/>
        <v>3.8781561621455665</v>
      </c>
      <c r="O821" s="236">
        <f t="shared" si="192"/>
        <v>3.3578792609398636</v>
      </c>
      <c r="P821" s="236" t="str">
        <f t="shared" si="193"/>
        <v>CLAY</v>
      </c>
      <c r="Q821" s="236">
        <f t="shared" si="189"/>
        <v>14.3968759892443</v>
      </c>
      <c r="R821" s="238">
        <v>35</v>
      </c>
      <c r="S821" s="236">
        <f t="shared" si="194"/>
        <v>1.5811462114340307</v>
      </c>
      <c r="T821" s="236" t="e">
        <f t="shared" si="180"/>
        <v>#N/A</v>
      </c>
    </row>
    <row r="822" spans="1:20" x14ac:dyDescent="0.2">
      <c r="A822" s="53">
        <f t="shared" si="181"/>
        <v>810</v>
      </c>
      <c r="B822" s="239">
        <v>7.9210000000000003</v>
      </c>
      <c r="C822" s="3">
        <f t="shared" si="182"/>
        <v>7.9140000000000006</v>
      </c>
      <c r="D822" s="239">
        <v>0.25159999999999999</v>
      </c>
      <c r="E822" s="239">
        <v>6.7999999999999996E-3</v>
      </c>
      <c r="F822" s="239">
        <v>0.2011</v>
      </c>
      <c r="G822">
        <f t="shared" si="183"/>
        <v>0.29181999999999997</v>
      </c>
      <c r="H822" s="235">
        <f t="shared" si="184"/>
        <v>2.330203550133644</v>
      </c>
      <c r="I822" s="236">
        <f t="shared" si="185"/>
        <v>15.01082066649988</v>
      </c>
      <c r="J822" s="237">
        <f t="shared" si="190"/>
        <v>5.01082066649988</v>
      </c>
      <c r="K822" s="237">
        <f t="shared" si="186"/>
        <v>118.79563475468007</v>
      </c>
      <c r="L822" s="237">
        <f t="shared" si="191"/>
        <v>39.690710499345549</v>
      </c>
      <c r="M822" s="236">
        <f t="shared" si="187"/>
        <v>4.3593164009541452</v>
      </c>
      <c r="N822" s="236">
        <f t="shared" si="188"/>
        <v>3.9300823270518719</v>
      </c>
      <c r="O822" s="236">
        <f t="shared" si="192"/>
        <v>3.3621786959002815</v>
      </c>
      <c r="P822" s="236" t="str">
        <f t="shared" si="193"/>
        <v>CLAY</v>
      </c>
      <c r="Q822" s="236">
        <f t="shared" si="189"/>
        <v>14.41869710377666</v>
      </c>
      <c r="R822" s="238">
        <v>35</v>
      </c>
      <c r="S822" s="236">
        <f t="shared" si="194"/>
        <v>1.5747550072887233</v>
      </c>
      <c r="T822" s="236" t="e">
        <f t="shared" si="180"/>
        <v>#N/A</v>
      </c>
    </row>
    <row r="823" spans="1:20" x14ac:dyDescent="0.2">
      <c r="A823" s="53">
        <f t="shared" si="181"/>
        <v>811</v>
      </c>
      <c r="B823" s="239">
        <v>7.9320000000000004</v>
      </c>
      <c r="C823" s="3">
        <f t="shared" si="182"/>
        <v>7.9250000000000007</v>
      </c>
      <c r="D823" s="239">
        <v>0.25269999999999998</v>
      </c>
      <c r="E823" s="239">
        <v>7.0000000000000001E-3</v>
      </c>
      <c r="F823" s="239">
        <v>0.2036</v>
      </c>
      <c r="G823">
        <f t="shared" si="183"/>
        <v>0.29341999999999996</v>
      </c>
      <c r="H823" s="235">
        <f t="shared" si="184"/>
        <v>2.3856587826324045</v>
      </c>
      <c r="I823" s="236">
        <f t="shared" si="185"/>
        <v>15.0469485039027</v>
      </c>
      <c r="J823" s="237">
        <f t="shared" si="190"/>
        <v>5.0469485039026996</v>
      </c>
      <c r="K823" s="237">
        <f t="shared" si="186"/>
        <v>119.24706689342891</v>
      </c>
      <c r="L823" s="237">
        <f t="shared" si="191"/>
        <v>40.032395532956215</v>
      </c>
      <c r="M823" s="236">
        <f t="shared" si="187"/>
        <v>4.3507996658152814</v>
      </c>
      <c r="N823" s="236">
        <f t="shared" si="188"/>
        <v>4.0189941543425212</v>
      </c>
      <c r="O823" s="236">
        <f t="shared" si="192"/>
        <v>3.3681456639953216</v>
      </c>
      <c r="P823" s="236" t="str">
        <f t="shared" si="193"/>
        <v>CLAY</v>
      </c>
      <c r="Q823" s="236">
        <f t="shared" si="189"/>
        <v>14.514411092214255</v>
      </c>
      <c r="R823" s="238">
        <v>35</v>
      </c>
      <c r="S823" s="236">
        <f t="shared" si="194"/>
        <v>1.5709102260281145</v>
      </c>
      <c r="T823" s="236" t="e">
        <f t="shared" si="180"/>
        <v>#N/A</v>
      </c>
    </row>
    <row r="824" spans="1:20" x14ac:dyDescent="0.2">
      <c r="A824" s="53">
        <f t="shared" si="181"/>
        <v>812</v>
      </c>
      <c r="B824" s="239">
        <v>7.9409999999999998</v>
      </c>
      <c r="C824" s="3">
        <f t="shared" si="182"/>
        <v>7.9340000000000002</v>
      </c>
      <c r="D824" s="239">
        <v>0.25600000000000001</v>
      </c>
      <c r="E824" s="239">
        <v>6.8999999999999999E-3</v>
      </c>
      <c r="F824" s="239">
        <v>0.20269999999999999</v>
      </c>
      <c r="G824">
        <f t="shared" si="183"/>
        <v>0.29654000000000003</v>
      </c>
      <c r="H824" s="235">
        <f t="shared" si="184"/>
        <v>2.3268361772442163</v>
      </c>
      <c r="I824" s="236">
        <f t="shared" si="185"/>
        <v>15.034210554274097</v>
      </c>
      <c r="J824" s="237">
        <f t="shared" si="190"/>
        <v>5.0342105542740967</v>
      </c>
      <c r="K824" s="237">
        <f t="shared" si="186"/>
        <v>119.28142653761068</v>
      </c>
      <c r="L824" s="237">
        <f t="shared" si="191"/>
        <v>39.9766660114906</v>
      </c>
      <c r="M824" s="236">
        <f t="shared" si="187"/>
        <v>4.4340509389011942</v>
      </c>
      <c r="N824" s="236">
        <f t="shared" si="188"/>
        <v>3.8926184867802962</v>
      </c>
      <c r="O824" s="236">
        <f t="shared" si="192"/>
        <v>3.3537188215403337</v>
      </c>
      <c r="P824" s="236" t="str">
        <f t="shared" si="193"/>
        <v>CLAY</v>
      </c>
      <c r="Q824" s="236">
        <f t="shared" si="189"/>
        <v>14.771547788532445</v>
      </c>
      <c r="R824" s="238">
        <v>35</v>
      </c>
      <c r="S824" s="236">
        <f t="shared" si="194"/>
        <v>1.6085733016682702</v>
      </c>
      <c r="T824" s="236" t="e">
        <f t="shared" si="180"/>
        <v>#N/A</v>
      </c>
    </row>
    <row r="825" spans="1:20" x14ac:dyDescent="0.2">
      <c r="A825" s="53">
        <f t="shared" si="181"/>
        <v>813</v>
      </c>
      <c r="B825" s="239">
        <v>7.952</v>
      </c>
      <c r="C825" s="3">
        <f t="shared" si="182"/>
        <v>7.9450000000000003</v>
      </c>
      <c r="D825" s="239">
        <v>0.25640000000000002</v>
      </c>
      <c r="E825" s="239">
        <v>6.7999999999999996E-3</v>
      </c>
      <c r="F825" s="239">
        <v>0.2024</v>
      </c>
      <c r="G825">
        <f t="shared" si="183"/>
        <v>0.29688000000000003</v>
      </c>
      <c r="H825" s="235">
        <f t="shared" si="184"/>
        <v>2.2904877391538667</v>
      </c>
      <c r="I825" s="236">
        <f t="shared" si="185"/>
        <v>15.017539965895978</v>
      </c>
      <c r="J825" s="237">
        <f t="shared" si="190"/>
        <v>5.0175399658959776</v>
      </c>
      <c r="K825" s="237">
        <f t="shared" si="186"/>
        <v>119.31435502904354</v>
      </c>
      <c r="L825" s="237">
        <f t="shared" si="191"/>
        <v>39.899477808804811</v>
      </c>
      <c r="M825" s="236">
        <f t="shared" si="187"/>
        <v>4.4503250348748233</v>
      </c>
      <c r="N825" s="236">
        <f t="shared" si="188"/>
        <v>3.8295696226104106</v>
      </c>
      <c r="O825" s="236">
        <f t="shared" si="192"/>
        <v>3.3485553652633402</v>
      </c>
      <c r="P825" s="236" t="str">
        <f t="shared" si="193"/>
        <v>CLAY</v>
      </c>
      <c r="Q825" s="236">
        <f t="shared" si="189"/>
        <v>14.797137080913041</v>
      </c>
      <c r="R825" s="238">
        <v>35</v>
      </c>
      <c r="S825" s="236">
        <f t="shared" si="194"/>
        <v>1.6159565263076157</v>
      </c>
      <c r="T825" s="236" t="e">
        <f t="shared" si="180"/>
        <v>#N/A</v>
      </c>
    </row>
    <row r="826" spans="1:20" x14ac:dyDescent="0.2">
      <c r="A826" s="53">
        <f t="shared" si="181"/>
        <v>814</v>
      </c>
      <c r="B826" s="239">
        <v>7.9610000000000003</v>
      </c>
      <c r="C826" s="3">
        <f t="shared" si="182"/>
        <v>7.9540000000000006</v>
      </c>
      <c r="D826" s="239">
        <v>0.25580000000000003</v>
      </c>
      <c r="E826" s="239">
        <v>6.7999999999999996E-3</v>
      </c>
      <c r="F826" s="239">
        <v>0.20669999999999999</v>
      </c>
      <c r="G826">
        <f t="shared" si="183"/>
        <v>0.29714000000000002</v>
      </c>
      <c r="H826" s="235">
        <f t="shared" si="184"/>
        <v>2.2884835431109911</v>
      </c>
      <c r="I826" s="236">
        <f t="shared" si="185"/>
        <v>15.017882125807278</v>
      </c>
      <c r="J826" s="237">
        <f t="shared" si="190"/>
        <v>5.0178821258072777</v>
      </c>
      <c r="K826" s="237">
        <f t="shared" si="186"/>
        <v>119.45223442867109</v>
      </c>
      <c r="L826" s="237">
        <f t="shared" si="191"/>
        <v>39.947359603551739</v>
      </c>
      <c r="M826" s="236">
        <f t="shared" si="187"/>
        <v>4.4480478142923534</v>
      </c>
      <c r="N826" s="236">
        <f t="shared" si="188"/>
        <v>3.8269376499477028</v>
      </c>
      <c r="O826" s="236">
        <f t="shared" si="192"/>
        <v>3.3485819075626049</v>
      </c>
      <c r="P826" s="236" t="str">
        <f t="shared" si="193"/>
        <v>CLAY</v>
      </c>
      <c r="Q826" s="236">
        <f t="shared" si="189"/>
        <v>14.807313797610746</v>
      </c>
      <c r="R826" s="238">
        <v>35</v>
      </c>
      <c r="S826" s="236">
        <f t="shared" si="194"/>
        <v>1.6149229911081324</v>
      </c>
      <c r="T826" s="236" t="e">
        <f t="shared" si="180"/>
        <v>#N/A</v>
      </c>
    </row>
    <row r="827" spans="1:20" x14ac:dyDescent="0.2">
      <c r="A827" s="53">
        <f t="shared" si="181"/>
        <v>815</v>
      </c>
      <c r="B827" s="239">
        <v>7.9720000000000004</v>
      </c>
      <c r="C827" s="3">
        <f t="shared" si="182"/>
        <v>7.9650000000000007</v>
      </c>
      <c r="D827" s="239">
        <v>0.25740000000000002</v>
      </c>
      <c r="E827" s="239">
        <v>6.8999999999999999E-3</v>
      </c>
      <c r="F827" s="239">
        <v>0.2084</v>
      </c>
      <c r="G827">
        <f t="shared" si="183"/>
        <v>0.29908000000000001</v>
      </c>
      <c r="H827" s="235">
        <f t="shared" si="184"/>
        <v>2.3070750300922831</v>
      </c>
      <c r="I827" s="236">
        <f t="shared" si="185"/>
        <v>15.037544234150255</v>
      </c>
      <c r="J827" s="237">
        <f t="shared" si="190"/>
        <v>5.0375442341502552</v>
      </c>
      <c r="K827" s="237">
        <f t="shared" si="186"/>
        <v>119.7740398250068</v>
      </c>
      <c r="L827" s="237">
        <f t="shared" si="191"/>
        <v>40.15930263464584</v>
      </c>
      <c r="M827" s="236">
        <f t="shared" si="187"/>
        <v>4.4648673759664383</v>
      </c>
      <c r="N827" s="236">
        <f t="shared" si="188"/>
        <v>3.8481710219035445</v>
      </c>
      <c r="O827" s="236">
        <f t="shared" si="192"/>
        <v>3.3484956416691047</v>
      </c>
      <c r="P827" s="236" t="str">
        <f t="shared" si="193"/>
        <v>CLAY</v>
      </c>
      <c r="Q827" s="236">
        <f t="shared" si="189"/>
        <v>14.942163347916102</v>
      </c>
      <c r="R827" s="238">
        <v>35</v>
      </c>
      <c r="S827" s="236">
        <f t="shared" si="194"/>
        <v>1.6225598029707948</v>
      </c>
      <c r="T827" s="236" t="e">
        <f t="shared" si="180"/>
        <v>#N/A</v>
      </c>
    </row>
    <row r="828" spans="1:20" x14ac:dyDescent="0.2">
      <c r="A828" s="53">
        <f t="shared" si="181"/>
        <v>816</v>
      </c>
      <c r="B828" s="239">
        <v>7.9820000000000002</v>
      </c>
      <c r="C828" s="3">
        <f t="shared" si="182"/>
        <v>7.9750000000000005</v>
      </c>
      <c r="D828" s="239">
        <v>0.25840000000000002</v>
      </c>
      <c r="E828" s="239">
        <v>6.7999999999999996E-3</v>
      </c>
      <c r="F828" s="239">
        <v>0.20960000000000001</v>
      </c>
      <c r="G828">
        <f t="shared" si="183"/>
        <v>0.30032000000000003</v>
      </c>
      <c r="H828" s="235">
        <f t="shared" si="184"/>
        <v>2.264251465103889</v>
      </c>
      <c r="I828" s="236">
        <f t="shared" si="185"/>
        <v>15.02204294843887</v>
      </c>
      <c r="J828" s="237">
        <f t="shared" si="190"/>
        <v>5.0220429484388696</v>
      </c>
      <c r="K828" s="237">
        <f t="shared" si="186"/>
        <v>119.80079251379999</v>
      </c>
      <c r="L828" s="237">
        <f t="shared" si="191"/>
        <v>40.085946814439055</v>
      </c>
      <c r="M828" s="236">
        <f t="shared" si="187"/>
        <v>4.5033040711708123</v>
      </c>
      <c r="N828" s="236">
        <f t="shared" si="188"/>
        <v>3.7669121722240178</v>
      </c>
      <c r="O828" s="236">
        <f t="shared" si="192"/>
        <v>3.3403682417592764</v>
      </c>
      <c r="P828" s="236" t="str">
        <f t="shared" si="193"/>
        <v>CLAY</v>
      </c>
      <c r="Q828" s="236">
        <f t="shared" si="189"/>
        <v>15.043267290516672</v>
      </c>
      <c r="R828" s="238">
        <v>35</v>
      </c>
      <c r="S828" s="236">
        <f t="shared" si="194"/>
        <v>1.6400387106654</v>
      </c>
      <c r="T828" s="236" t="e">
        <f t="shared" si="180"/>
        <v>#N/A</v>
      </c>
    </row>
    <row r="829" spans="1:20" x14ac:dyDescent="0.2">
      <c r="A829" s="53">
        <f t="shared" si="181"/>
        <v>817</v>
      </c>
      <c r="B829" s="239">
        <v>7.9930000000000003</v>
      </c>
      <c r="C829" s="3">
        <f t="shared" si="182"/>
        <v>7.9860000000000007</v>
      </c>
      <c r="D829" s="239">
        <v>0.25950000000000001</v>
      </c>
      <c r="E829" s="239">
        <v>6.7999999999999996E-3</v>
      </c>
      <c r="F829" s="239">
        <v>0.20780000000000001</v>
      </c>
      <c r="G829">
        <f t="shared" si="183"/>
        <v>0.30105999999999999</v>
      </c>
      <c r="H829" s="235">
        <f t="shared" si="184"/>
        <v>2.258685976217365</v>
      </c>
      <c r="I829" s="236">
        <f t="shared" si="185"/>
        <v>15.023004870255129</v>
      </c>
      <c r="J829" s="237">
        <f t="shared" si="190"/>
        <v>5.0230048702551287</v>
      </c>
      <c r="K829" s="237">
        <f t="shared" si="186"/>
        <v>119.97371689385747</v>
      </c>
      <c r="L829" s="237">
        <f t="shared" si="191"/>
        <v>40.148877927949243</v>
      </c>
      <c r="M829" s="236">
        <f t="shared" si="187"/>
        <v>4.5103697152164024</v>
      </c>
      <c r="N829" s="236">
        <f t="shared" si="188"/>
        <v>3.7551160051223893</v>
      </c>
      <c r="O829" s="236">
        <f t="shared" si="192"/>
        <v>3.3390618825809537</v>
      </c>
      <c r="P829" s="236" t="str">
        <f t="shared" si="193"/>
        <v>CLAY</v>
      </c>
      <c r="Q829" s="236">
        <f t="shared" si="189"/>
        <v>15.090523592178544</v>
      </c>
      <c r="R829" s="238">
        <v>35</v>
      </c>
      <c r="S829" s="236">
        <f t="shared" si="194"/>
        <v>1.643255848944978</v>
      </c>
      <c r="T829" s="236" t="e">
        <f t="shared" si="180"/>
        <v>#N/A</v>
      </c>
    </row>
    <row r="830" spans="1:20" x14ac:dyDescent="0.2">
      <c r="A830" s="53">
        <f t="shared" si="181"/>
        <v>818</v>
      </c>
      <c r="B830" s="239">
        <v>8.0030000000000001</v>
      </c>
      <c r="C830" s="3">
        <f t="shared" si="182"/>
        <v>7.9960000000000004</v>
      </c>
      <c r="D830" s="239">
        <v>0.2641</v>
      </c>
      <c r="E830" s="239">
        <v>6.7000000000000002E-3</v>
      </c>
      <c r="F830" s="239">
        <v>0.20280000000000001</v>
      </c>
      <c r="G830">
        <f t="shared" si="183"/>
        <v>0.30465999999999999</v>
      </c>
      <c r="H830" s="235">
        <f t="shared" si="184"/>
        <v>2.199172848421191</v>
      </c>
      <c r="I830" s="236">
        <f t="shared" si="185"/>
        <v>15.010278915648517</v>
      </c>
      <c r="J830" s="237">
        <f t="shared" si="190"/>
        <v>5.0102789156485166</v>
      </c>
      <c r="K830" s="237">
        <f t="shared" si="186"/>
        <v>120.02219020952555</v>
      </c>
      <c r="L830" s="237">
        <f t="shared" si="191"/>
        <v>40.097262161935078</v>
      </c>
      <c r="M830" s="236">
        <f t="shared" si="187"/>
        <v>4.604748549783876</v>
      </c>
      <c r="N830" s="236">
        <f t="shared" si="188"/>
        <v>3.628725886427655</v>
      </c>
      <c r="O830" s="236">
        <f t="shared" si="192"/>
        <v>3.3234948306007279</v>
      </c>
      <c r="P830" s="236" t="str">
        <f t="shared" si="193"/>
        <v>CLAY</v>
      </c>
      <c r="Q830" s="236">
        <f t="shared" si="189"/>
        <v>15.386484149206202</v>
      </c>
      <c r="R830" s="238">
        <v>35</v>
      </c>
      <c r="S830" s="236">
        <f t="shared" si="194"/>
        <v>1.6863488018629558</v>
      </c>
      <c r="T830" s="236" t="e">
        <f t="shared" si="180"/>
        <v>#N/A</v>
      </c>
    </row>
    <row r="831" spans="1:20" x14ac:dyDescent="0.2">
      <c r="A831" s="53">
        <f t="shared" si="181"/>
        <v>819</v>
      </c>
      <c r="B831" s="239">
        <v>8.0120000000000005</v>
      </c>
      <c r="C831" s="3">
        <f t="shared" si="182"/>
        <v>8.0050000000000008</v>
      </c>
      <c r="D831" s="239">
        <v>0.26619999999999999</v>
      </c>
      <c r="E831" s="239">
        <v>6.7000000000000002E-3</v>
      </c>
      <c r="F831" s="239">
        <v>0.20250000000000001</v>
      </c>
      <c r="G831">
        <f t="shared" si="183"/>
        <v>0.30669999999999997</v>
      </c>
      <c r="H831" s="235">
        <f t="shared" si="184"/>
        <v>2.1845451581349855</v>
      </c>
      <c r="I831" s="236">
        <f t="shared" si="185"/>
        <v>15.012887420058956</v>
      </c>
      <c r="J831" s="237">
        <f t="shared" si="190"/>
        <v>5.0128874200589557</v>
      </c>
      <c r="K831" s="237">
        <f t="shared" si="186"/>
        <v>120.17816379757195</v>
      </c>
      <c r="L831" s="237">
        <f t="shared" si="191"/>
        <v>40.163254009512357</v>
      </c>
      <c r="M831" s="236">
        <f t="shared" si="187"/>
        <v>4.644091740132704</v>
      </c>
      <c r="N831" s="236">
        <f t="shared" si="188"/>
        <v>3.5920727226428535</v>
      </c>
      <c r="O831" s="236">
        <f t="shared" si="192"/>
        <v>3.3180137848560025</v>
      </c>
      <c r="P831" s="236" t="str">
        <f t="shared" si="193"/>
        <v>CLAY</v>
      </c>
      <c r="Q831" s="236">
        <f t="shared" si="189"/>
        <v>15.543486350202336</v>
      </c>
      <c r="R831" s="238">
        <v>35</v>
      </c>
      <c r="S831" s="236">
        <f t="shared" si="194"/>
        <v>1.7043783013796612</v>
      </c>
      <c r="T831" s="236" t="e">
        <f t="shared" si="180"/>
        <v>#N/A</v>
      </c>
    </row>
    <row r="832" spans="1:20" x14ac:dyDescent="0.2">
      <c r="A832" s="53">
        <f t="shared" si="181"/>
        <v>820</v>
      </c>
      <c r="B832" s="239">
        <v>8.0229999999999997</v>
      </c>
      <c r="C832" s="3">
        <f t="shared" si="182"/>
        <v>8.016</v>
      </c>
      <c r="D832" s="239">
        <v>0.26469999999999999</v>
      </c>
      <c r="E832" s="239">
        <v>6.7000000000000002E-3</v>
      </c>
      <c r="F832" s="239">
        <v>0.20230000000000001</v>
      </c>
      <c r="G832">
        <f t="shared" si="183"/>
        <v>0.30515999999999999</v>
      </c>
      <c r="H832" s="235">
        <f t="shared" si="184"/>
        <v>2.1955695372919126</v>
      </c>
      <c r="I832" s="236">
        <f t="shared" si="185"/>
        <v>15.010919867275717</v>
      </c>
      <c r="J832" s="237">
        <f t="shared" si="190"/>
        <v>5.0109198672757174</v>
      </c>
      <c r="K832" s="237">
        <f t="shared" si="186"/>
        <v>120.32753365608215</v>
      </c>
      <c r="L832" s="237">
        <f t="shared" si="191"/>
        <v>40.202610095153076</v>
      </c>
      <c r="M832" s="236">
        <f t="shared" si="187"/>
        <v>4.5975240390225727</v>
      </c>
      <c r="N832" s="236">
        <f t="shared" si="188"/>
        <v>3.6249042890188501</v>
      </c>
      <c r="O832" s="236">
        <f t="shared" si="192"/>
        <v>3.3238257525646797</v>
      </c>
      <c r="P832" s="236" t="str">
        <f t="shared" si="193"/>
        <v>CLAY</v>
      </c>
      <c r="Q832" s="236">
        <f t="shared" si="189"/>
        <v>15.402705528659817</v>
      </c>
      <c r="R832" s="238">
        <v>35</v>
      </c>
      <c r="S832" s="236">
        <f t="shared" si="194"/>
        <v>1.6830422546352632</v>
      </c>
      <c r="T832" s="236" t="e">
        <f t="shared" si="180"/>
        <v>#N/A</v>
      </c>
    </row>
    <row r="833" spans="1:20" x14ac:dyDescent="0.2">
      <c r="A833" s="53">
        <f t="shared" si="181"/>
        <v>821</v>
      </c>
      <c r="B833" s="239">
        <v>8.032</v>
      </c>
      <c r="C833" s="3">
        <f t="shared" si="182"/>
        <v>8.0250000000000004</v>
      </c>
      <c r="D833" s="239">
        <v>0.26119999999999999</v>
      </c>
      <c r="E833" s="239">
        <v>6.8999999999999999E-3</v>
      </c>
      <c r="F833" s="239">
        <v>0.20649999999999999</v>
      </c>
      <c r="G833">
        <f t="shared" si="183"/>
        <v>0.30249999999999999</v>
      </c>
      <c r="H833" s="235">
        <f t="shared" si="184"/>
        <v>2.28099173553719</v>
      </c>
      <c r="I833" s="236">
        <f t="shared" si="185"/>
        <v>15.041988440462715</v>
      </c>
      <c r="J833" s="237">
        <f t="shared" si="190"/>
        <v>5.0419884404627151</v>
      </c>
      <c r="K833" s="237">
        <f t="shared" si="186"/>
        <v>120.7119572347133</v>
      </c>
      <c r="L833" s="237">
        <f t="shared" si="191"/>
        <v>40.497251153796526</v>
      </c>
      <c r="M833" s="236">
        <f t="shared" si="187"/>
        <v>4.488898322380197</v>
      </c>
      <c r="N833" s="236">
        <f t="shared" si="188"/>
        <v>3.7956291816777217</v>
      </c>
      <c r="O833" s="236">
        <f t="shared" si="192"/>
        <v>3.3433154794386595</v>
      </c>
      <c r="P833" s="236" t="str">
        <f t="shared" si="193"/>
        <v>CLAY</v>
      </c>
      <c r="Q833" s="236">
        <f t="shared" si="189"/>
        <v>15.149003563773894</v>
      </c>
      <c r="R833" s="238">
        <v>35</v>
      </c>
      <c r="S833" s="236">
        <f t="shared" si="194"/>
        <v>1.6334833763755396</v>
      </c>
      <c r="T833" s="236" t="e">
        <f t="shared" si="180"/>
        <v>#N/A</v>
      </c>
    </row>
    <row r="834" spans="1:20" x14ac:dyDescent="0.2">
      <c r="A834" s="53">
        <f t="shared" si="181"/>
        <v>822</v>
      </c>
      <c r="B834" s="239">
        <v>8.0429999999999993</v>
      </c>
      <c r="C834" s="3">
        <f t="shared" si="182"/>
        <v>8.0359999999999996</v>
      </c>
      <c r="D834" s="239">
        <v>0.26350000000000001</v>
      </c>
      <c r="E834" s="239">
        <v>7.0000000000000001E-3</v>
      </c>
      <c r="F834" s="239">
        <v>0.20899999999999999</v>
      </c>
      <c r="G834">
        <f t="shared" si="183"/>
        <v>0.30530000000000002</v>
      </c>
      <c r="H834" s="235">
        <f t="shared" si="184"/>
        <v>2.2928267278087127</v>
      </c>
      <c r="I834" s="236">
        <f t="shared" si="185"/>
        <v>15.062461886289775</v>
      </c>
      <c r="J834" s="237">
        <f t="shared" si="190"/>
        <v>5.0624618862897748</v>
      </c>
      <c r="K834" s="237">
        <f t="shared" si="186"/>
        <v>121.04194371822463</v>
      </c>
      <c r="L834" s="237">
        <f t="shared" si="191"/>
        <v>40.717380951428652</v>
      </c>
      <c r="M834" s="236">
        <f t="shared" si="187"/>
        <v>4.5252924421041456</v>
      </c>
      <c r="N834" s="236">
        <f t="shared" si="188"/>
        <v>3.7990197776184598</v>
      </c>
      <c r="O834" s="236">
        <f t="shared" si="192"/>
        <v>3.3405691852207298</v>
      </c>
      <c r="P834" s="236" t="str">
        <f t="shared" si="193"/>
        <v>CLAY</v>
      </c>
      <c r="Q834" s="236">
        <f t="shared" si="189"/>
        <v>15.354838023481284</v>
      </c>
      <c r="R834" s="238">
        <v>35</v>
      </c>
      <c r="S834" s="236">
        <f t="shared" si="194"/>
        <v>1.6500546240035827</v>
      </c>
      <c r="T834" s="236" t="e">
        <f t="shared" si="180"/>
        <v>#N/A</v>
      </c>
    </row>
    <row r="835" spans="1:20" x14ac:dyDescent="0.2">
      <c r="A835" s="53">
        <f t="shared" si="181"/>
        <v>823</v>
      </c>
      <c r="B835" s="239">
        <v>8.0519999999999996</v>
      </c>
      <c r="C835" s="3">
        <f t="shared" si="182"/>
        <v>8.0449999999999999</v>
      </c>
      <c r="D835" s="239">
        <v>0.26790000000000003</v>
      </c>
      <c r="E835" s="239">
        <v>7.0000000000000001E-3</v>
      </c>
      <c r="F835" s="239">
        <v>0.21179999999999999</v>
      </c>
      <c r="G835">
        <f t="shared" si="183"/>
        <v>0.31026000000000004</v>
      </c>
      <c r="H835" s="235">
        <f t="shared" si="184"/>
        <v>2.2561722426352087</v>
      </c>
      <c r="I835" s="236">
        <f t="shared" si="185"/>
        <v>15.068760971761122</v>
      </c>
      <c r="J835" s="237">
        <f t="shared" si="190"/>
        <v>5.0687609717611224</v>
      </c>
      <c r="K835" s="237">
        <f t="shared" si="186"/>
        <v>121.22818201781823</v>
      </c>
      <c r="L835" s="237">
        <f t="shared" si="191"/>
        <v>40.813663344620558</v>
      </c>
      <c r="M835" s="236">
        <f t="shared" si="187"/>
        <v>4.6315817422720311</v>
      </c>
      <c r="N835" s="236">
        <f t="shared" si="188"/>
        <v>3.7030802934243705</v>
      </c>
      <c r="O835" s="236">
        <f t="shared" si="192"/>
        <v>3.3260926082051676</v>
      </c>
      <c r="P835" s="236" t="str">
        <f t="shared" si="193"/>
        <v>CLAY</v>
      </c>
      <c r="Q835" s="236">
        <f t="shared" si="189"/>
        <v>15.752651498515151</v>
      </c>
      <c r="R835" s="238">
        <v>35</v>
      </c>
      <c r="S835" s="236">
        <f t="shared" si="194"/>
        <v>1.6986412849104873</v>
      </c>
      <c r="T835" s="236" t="e">
        <f t="shared" si="180"/>
        <v>#N/A</v>
      </c>
    </row>
    <row r="836" spans="1:20" x14ac:dyDescent="0.2">
      <c r="A836" s="53">
        <f t="shared" si="181"/>
        <v>824</v>
      </c>
      <c r="B836" s="239">
        <v>8.0630000000000006</v>
      </c>
      <c r="C836" s="3">
        <f t="shared" si="182"/>
        <v>8.0560000000000009</v>
      </c>
      <c r="D836" s="239">
        <v>0.26910000000000001</v>
      </c>
      <c r="E836" s="239">
        <v>6.8999999999999999E-3</v>
      </c>
      <c r="F836" s="239">
        <v>0.21060000000000001</v>
      </c>
      <c r="G836">
        <f t="shared" si="183"/>
        <v>0.31122</v>
      </c>
      <c r="H836" s="235">
        <f t="shared" si="184"/>
        <v>2.2170811644495854</v>
      </c>
      <c r="I836" s="236">
        <f t="shared" si="185"/>
        <v>15.053096347912582</v>
      </c>
      <c r="J836" s="237">
        <f t="shared" si="190"/>
        <v>5.0530963479125823</v>
      </c>
      <c r="K836" s="237">
        <f t="shared" si="186"/>
        <v>121.26774417878377</v>
      </c>
      <c r="L836" s="237">
        <f t="shared" si="191"/>
        <v>40.743115853219152</v>
      </c>
      <c r="M836" s="236">
        <f t="shared" si="187"/>
        <v>4.6621926635541771</v>
      </c>
      <c r="N836" s="236">
        <f t="shared" si="188"/>
        <v>3.6324917386052555</v>
      </c>
      <c r="O836" s="236">
        <f t="shared" si="192"/>
        <v>3.3191904612026608</v>
      </c>
      <c r="P836" s="236" t="str">
        <f t="shared" si="193"/>
        <v>CLAY</v>
      </c>
      <c r="Q836" s="236">
        <f t="shared" si="189"/>
        <v>15.829354651768016</v>
      </c>
      <c r="R836" s="238">
        <v>35</v>
      </c>
      <c r="S836" s="236">
        <f t="shared" si="194"/>
        <v>1.7126861252861529</v>
      </c>
      <c r="T836" s="236" t="e">
        <f t="shared" si="180"/>
        <v>#N/A</v>
      </c>
    </row>
    <row r="837" spans="1:20" x14ac:dyDescent="0.2">
      <c r="A837" s="53">
        <f t="shared" si="181"/>
        <v>825</v>
      </c>
      <c r="B837" s="239">
        <v>8.0719999999999992</v>
      </c>
      <c r="C837" s="3">
        <f t="shared" si="182"/>
        <v>8.0649999999999995</v>
      </c>
      <c r="D837" s="239">
        <v>0.26869999999999999</v>
      </c>
      <c r="E837" s="239">
        <v>6.7999999999999996E-3</v>
      </c>
      <c r="F837" s="239">
        <v>0.2084</v>
      </c>
      <c r="G837">
        <f t="shared" si="183"/>
        <v>0.31037999999999999</v>
      </c>
      <c r="H837" s="235">
        <f t="shared" si="184"/>
        <v>2.1908628133256012</v>
      </c>
      <c r="I837" s="236">
        <f t="shared" si="185"/>
        <v>15.034921474602779</v>
      </c>
      <c r="J837" s="237">
        <f t="shared" si="190"/>
        <v>5.0349214746027791</v>
      </c>
      <c r="K837" s="237">
        <f t="shared" si="186"/>
        <v>121.25664169267141</v>
      </c>
      <c r="L837" s="237">
        <f t="shared" si="191"/>
        <v>40.641886142993627</v>
      </c>
      <c r="M837" s="236">
        <f t="shared" si="187"/>
        <v>4.6534099731966334</v>
      </c>
      <c r="N837" s="236">
        <f t="shared" si="188"/>
        <v>3.5955368289039615</v>
      </c>
      <c r="O837" s="236">
        <f t="shared" si="192"/>
        <v>3.3175024433578431</v>
      </c>
      <c r="P837" s="236" t="str">
        <f t="shared" si="193"/>
        <v>CLAY</v>
      </c>
      <c r="Q837" s="236">
        <f t="shared" si="189"/>
        <v>15.760279858944051</v>
      </c>
      <c r="R837" s="238">
        <v>35</v>
      </c>
      <c r="S837" s="236">
        <f t="shared" si="194"/>
        <v>1.7086541039552465</v>
      </c>
      <c r="T837" s="236" t="e">
        <f t="shared" si="180"/>
        <v>#N/A</v>
      </c>
    </row>
    <row r="838" spans="1:20" x14ac:dyDescent="0.2">
      <c r="A838" s="53">
        <f t="shared" si="181"/>
        <v>826</v>
      </c>
      <c r="B838" s="239">
        <v>8.0830000000000002</v>
      </c>
      <c r="C838" s="3">
        <f t="shared" si="182"/>
        <v>8.0760000000000005</v>
      </c>
      <c r="D838" s="239">
        <v>0.26640000000000003</v>
      </c>
      <c r="E838" s="239">
        <v>6.7999999999999996E-3</v>
      </c>
      <c r="F838" s="239">
        <v>0.2056</v>
      </c>
      <c r="G838">
        <f t="shared" si="183"/>
        <v>0.30752000000000002</v>
      </c>
      <c r="H838" s="235">
        <f t="shared" si="184"/>
        <v>2.2112382934443287</v>
      </c>
      <c r="I838" s="236">
        <f t="shared" si="185"/>
        <v>15.031303148078932</v>
      </c>
      <c r="J838" s="237">
        <f t="shared" si="190"/>
        <v>5.0313031480789316</v>
      </c>
      <c r="K838" s="237">
        <f t="shared" si="186"/>
        <v>121.39280422388546</v>
      </c>
      <c r="L838" s="237">
        <f t="shared" si="191"/>
        <v>40.668023345922002</v>
      </c>
      <c r="M838" s="236">
        <f t="shared" si="187"/>
        <v>4.5767455721395063</v>
      </c>
      <c r="N838" s="236">
        <f t="shared" si="188"/>
        <v>3.6534155966006518</v>
      </c>
      <c r="O838" s="236">
        <f t="shared" si="192"/>
        <v>3.3273093133499811</v>
      </c>
      <c r="P838" s="236" t="str">
        <f t="shared" si="193"/>
        <v>CLAY</v>
      </c>
      <c r="Q838" s="236">
        <f t="shared" si="189"/>
        <v>15.510599648009547</v>
      </c>
      <c r="R838" s="238">
        <v>35</v>
      </c>
      <c r="S838" s="236">
        <f t="shared" si="194"/>
        <v>1.6735395150416623</v>
      </c>
      <c r="T838" s="236" t="e">
        <f t="shared" si="180"/>
        <v>#N/A</v>
      </c>
    </row>
    <row r="839" spans="1:20" x14ac:dyDescent="0.2">
      <c r="A839" s="53">
        <f t="shared" si="181"/>
        <v>827</v>
      </c>
      <c r="B839" s="239">
        <v>8.0920000000000005</v>
      </c>
      <c r="C839" s="3">
        <f t="shared" si="182"/>
        <v>8.0850000000000009</v>
      </c>
      <c r="D839" s="239">
        <v>0.26540000000000002</v>
      </c>
      <c r="E839" s="239">
        <v>6.7999999999999996E-3</v>
      </c>
      <c r="F839" s="239">
        <v>0.20749999999999999</v>
      </c>
      <c r="G839">
        <f t="shared" si="183"/>
        <v>0.30690000000000001</v>
      </c>
      <c r="H839" s="235">
        <f t="shared" si="184"/>
        <v>2.2157054415118931</v>
      </c>
      <c r="I839" s="236">
        <f t="shared" si="185"/>
        <v>15.030514318277966</v>
      </c>
      <c r="J839" s="237">
        <f t="shared" si="190"/>
        <v>5.0305143182779659</v>
      </c>
      <c r="K839" s="237">
        <f t="shared" si="186"/>
        <v>121.52170826327736</v>
      </c>
      <c r="L839" s="237">
        <f t="shared" si="191"/>
        <v>40.706921863505301</v>
      </c>
      <c r="M839" s="236">
        <f t="shared" si="187"/>
        <v>4.5539746866224888</v>
      </c>
      <c r="N839" s="236">
        <f t="shared" si="188"/>
        <v>3.6681749175127112</v>
      </c>
      <c r="O839" s="236">
        <f t="shared" si="192"/>
        <v>3.3300764681097368</v>
      </c>
      <c r="P839" s="236" t="str">
        <f t="shared" si="193"/>
        <v>CLAY</v>
      </c>
      <c r="Q839" s="236">
        <f t="shared" si="189"/>
        <v>15.448190978060223</v>
      </c>
      <c r="R839" s="238">
        <v>35</v>
      </c>
      <c r="S839" s="236">
        <f t="shared" si="194"/>
        <v>1.6631379517138039</v>
      </c>
      <c r="T839" s="236" t="e">
        <f t="shared" si="180"/>
        <v>#N/A</v>
      </c>
    </row>
    <row r="840" spans="1:20" x14ac:dyDescent="0.2">
      <c r="A840" s="53">
        <f t="shared" si="181"/>
        <v>828</v>
      </c>
      <c r="B840" s="239">
        <v>8.1029999999999998</v>
      </c>
      <c r="C840" s="3">
        <f t="shared" si="182"/>
        <v>8.0960000000000001</v>
      </c>
      <c r="D840" s="239">
        <v>0.26440000000000002</v>
      </c>
      <c r="E840" s="239">
        <v>6.8999999999999999E-3</v>
      </c>
      <c r="F840" s="239">
        <v>0.20810000000000001</v>
      </c>
      <c r="G840">
        <f t="shared" si="183"/>
        <v>0.30602000000000001</v>
      </c>
      <c r="H840" s="235">
        <f t="shared" si="184"/>
        <v>2.2547545912031892</v>
      </c>
      <c r="I840" s="236">
        <f t="shared" si="185"/>
        <v>15.046510429105904</v>
      </c>
      <c r="J840" s="237">
        <f t="shared" si="190"/>
        <v>5.0465104291059042</v>
      </c>
      <c r="K840" s="237">
        <f t="shared" si="186"/>
        <v>121.81654843404141</v>
      </c>
      <c r="L840" s="237">
        <f t="shared" si="191"/>
        <v>40.891874007045139</v>
      </c>
      <c r="M840" s="236">
        <f t="shared" si="187"/>
        <v>4.5046468531675208</v>
      </c>
      <c r="N840" s="236">
        <f t="shared" si="188"/>
        <v>3.745858148336207</v>
      </c>
      <c r="O840" s="236">
        <f t="shared" si="192"/>
        <v>3.3389509034947138</v>
      </c>
      <c r="P840" s="236" t="str">
        <f t="shared" si="193"/>
        <v>CLAY</v>
      </c>
      <c r="Q840" s="236">
        <f t="shared" si="189"/>
        <v>15.350287630496553</v>
      </c>
      <c r="R840" s="238">
        <v>35</v>
      </c>
      <c r="S840" s="236">
        <f t="shared" si="194"/>
        <v>1.6406500108615707</v>
      </c>
      <c r="T840" s="236" t="e">
        <f t="shared" si="180"/>
        <v>#N/A</v>
      </c>
    </row>
    <row r="841" spans="1:20" x14ac:dyDescent="0.2">
      <c r="A841" s="53">
        <f t="shared" si="181"/>
        <v>829</v>
      </c>
      <c r="B841" s="239">
        <v>8.1140000000000008</v>
      </c>
      <c r="C841" s="3">
        <f t="shared" si="182"/>
        <v>8.1070000000000011</v>
      </c>
      <c r="D841" s="239">
        <v>0.26419999999999999</v>
      </c>
      <c r="E841" s="239">
        <v>7.0000000000000001E-3</v>
      </c>
      <c r="F841" s="239">
        <v>0.2099</v>
      </c>
      <c r="G841">
        <f t="shared" si="183"/>
        <v>0.30618000000000001</v>
      </c>
      <c r="H841" s="235">
        <f t="shared" si="184"/>
        <v>2.2862368541380884</v>
      </c>
      <c r="I841" s="236">
        <f t="shared" si="185"/>
        <v>15.063586899265268</v>
      </c>
      <c r="J841" s="237">
        <f t="shared" si="190"/>
        <v>5.0635868992652675</v>
      </c>
      <c r="K841" s="237">
        <f t="shared" si="186"/>
        <v>122.12049899234354</v>
      </c>
      <c r="L841" s="237">
        <f t="shared" si="191"/>
        <v>41.085944100638386</v>
      </c>
      <c r="M841" s="236">
        <f t="shared" si="187"/>
        <v>4.4798654390613502</v>
      </c>
      <c r="N841" s="236">
        <f t="shared" si="188"/>
        <v>3.8031179926478318</v>
      </c>
      <c r="O841" s="236">
        <f t="shared" si="192"/>
        <v>3.3445134880017329</v>
      </c>
      <c r="P841" s="236" t="str">
        <f t="shared" si="193"/>
        <v>CLAY</v>
      </c>
      <c r="Q841" s="236">
        <f t="shared" si="189"/>
        <v>15.338291750638041</v>
      </c>
      <c r="R841" s="238">
        <v>35</v>
      </c>
      <c r="S841" s="236">
        <f t="shared" si="194"/>
        <v>1.6293756448081449</v>
      </c>
      <c r="T841" s="236" t="e">
        <f t="shared" si="180"/>
        <v>#N/A</v>
      </c>
    </row>
    <row r="842" spans="1:20" x14ac:dyDescent="0.2">
      <c r="A842" s="53">
        <f t="shared" si="181"/>
        <v>830</v>
      </c>
      <c r="B842" s="239">
        <v>8.1229999999999993</v>
      </c>
      <c r="C842" s="3">
        <f t="shared" si="182"/>
        <v>8.1159999999999997</v>
      </c>
      <c r="D842" s="239">
        <v>0.26229999999999998</v>
      </c>
      <c r="E842" s="239">
        <v>7.1000000000000004E-3</v>
      </c>
      <c r="F842" s="239">
        <v>0.2102</v>
      </c>
      <c r="G842">
        <f t="shared" si="183"/>
        <v>0.30433999999999994</v>
      </c>
      <c r="H842" s="235">
        <f t="shared" si="184"/>
        <v>2.3329171321548272</v>
      </c>
      <c r="I842" s="236">
        <f t="shared" si="185"/>
        <v>15.077863728576608</v>
      </c>
      <c r="J842" s="237">
        <f t="shared" si="190"/>
        <v>5.0778637285766077</v>
      </c>
      <c r="K842" s="237">
        <f t="shared" si="186"/>
        <v>122.37194202112774</v>
      </c>
      <c r="L842" s="237">
        <f t="shared" si="191"/>
        <v>41.24748706722778</v>
      </c>
      <c r="M842" s="236">
        <f t="shared" si="187"/>
        <v>4.4116156138745879</v>
      </c>
      <c r="N842" s="236">
        <f t="shared" si="188"/>
        <v>3.9017836860271169</v>
      </c>
      <c r="O842" s="236">
        <f t="shared" si="192"/>
        <v>3.3561246538264373</v>
      </c>
      <c r="P842" s="236" t="str">
        <f t="shared" si="193"/>
        <v>CLAY</v>
      </c>
      <c r="Q842" s="236">
        <f t="shared" si="189"/>
        <v>15.164004831572683</v>
      </c>
      <c r="R842" s="238">
        <v>35</v>
      </c>
      <c r="S842" s="236">
        <f t="shared" si="194"/>
        <v>1.5984059594357134</v>
      </c>
      <c r="T842" s="236" t="e">
        <f t="shared" si="180"/>
        <v>#N/A</v>
      </c>
    </row>
    <row r="843" spans="1:20" x14ac:dyDescent="0.2">
      <c r="A843" s="53">
        <f t="shared" si="181"/>
        <v>831</v>
      </c>
      <c r="B843" s="239">
        <v>8.1329999999999991</v>
      </c>
      <c r="C843" s="3">
        <f t="shared" si="182"/>
        <v>8.1259999999999994</v>
      </c>
      <c r="D843" s="239">
        <v>0.2586</v>
      </c>
      <c r="E843" s="239">
        <v>7.3000000000000001E-3</v>
      </c>
      <c r="F843" s="239">
        <v>0.21310000000000001</v>
      </c>
      <c r="G843">
        <f t="shared" si="183"/>
        <v>0.30121999999999999</v>
      </c>
      <c r="H843" s="235">
        <f t="shared" si="184"/>
        <v>2.4234778567160218</v>
      </c>
      <c r="I843" s="236">
        <f t="shared" si="185"/>
        <v>15.10641020047537</v>
      </c>
      <c r="J843" s="237">
        <f t="shared" si="190"/>
        <v>5.10641020047537</v>
      </c>
      <c r="K843" s="237">
        <f t="shared" si="186"/>
        <v>122.75468928906285</v>
      </c>
      <c r="L843" s="237">
        <f t="shared" si="191"/>
        <v>41.530434160466179</v>
      </c>
      <c r="M843" s="236">
        <f t="shared" si="187"/>
        <v>4.2972175542730673</v>
      </c>
      <c r="N843" s="236">
        <f t="shared" si="188"/>
        <v>4.0904307794717134</v>
      </c>
      <c r="O843" s="236">
        <f t="shared" si="192"/>
        <v>3.3768156457477128</v>
      </c>
      <c r="P843" s="236" t="str">
        <f t="shared" si="193"/>
        <v>CLAY</v>
      </c>
      <c r="Q843" s="236">
        <f t="shared" si="189"/>
        <v>14.872109225911425</v>
      </c>
      <c r="R843" s="238">
        <v>35</v>
      </c>
      <c r="S843" s="236">
        <f t="shared" si="194"/>
        <v>1.5467644614298188</v>
      </c>
      <c r="T843" s="236" t="e">
        <f t="shared" si="180"/>
        <v>#N/A</v>
      </c>
    </row>
    <row r="844" spans="1:20" x14ac:dyDescent="0.2">
      <c r="A844" s="53">
        <f t="shared" si="181"/>
        <v>832</v>
      </c>
      <c r="B844" s="239">
        <v>8.1440000000000001</v>
      </c>
      <c r="C844" s="3">
        <f t="shared" si="182"/>
        <v>8.1370000000000005</v>
      </c>
      <c r="D844" s="239">
        <v>0.25769999999999998</v>
      </c>
      <c r="E844" s="239">
        <v>7.4000000000000003E-3</v>
      </c>
      <c r="F844" s="239">
        <v>0.2155</v>
      </c>
      <c r="G844">
        <f t="shared" si="183"/>
        <v>0.30079999999999996</v>
      </c>
      <c r="H844" s="235">
        <f t="shared" si="184"/>
        <v>2.460106382978724</v>
      </c>
      <c r="I844" s="236">
        <f t="shared" si="185"/>
        <v>15.121818746383767</v>
      </c>
      <c r="J844" s="237">
        <f t="shared" si="190"/>
        <v>5.1218187463837666</v>
      </c>
      <c r="K844" s="237">
        <f t="shared" si="186"/>
        <v>123.04623913932471</v>
      </c>
      <c r="L844" s="237">
        <f t="shared" si="191"/>
        <v>41.712091870549393</v>
      </c>
      <c r="M844" s="236">
        <f t="shared" si="187"/>
        <v>4.2614444131050009</v>
      </c>
      <c r="N844" s="236">
        <f t="shared" si="188"/>
        <v>4.1630624095769075</v>
      </c>
      <c r="O844" s="236">
        <f t="shared" si="192"/>
        <v>3.3840149689989776</v>
      </c>
      <c r="P844" s="236" t="str">
        <f t="shared" si="193"/>
        <v>CLAY</v>
      </c>
      <c r="Q844" s="236">
        <f t="shared" si="189"/>
        <v>14.81281340505627</v>
      </c>
      <c r="R844" s="238">
        <v>35</v>
      </c>
      <c r="S844" s="236">
        <f t="shared" si="194"/>
        <v>1.5306857651930699</v>
      </c>
      <c r="T844" s="236" t="e">
        <f t="shared" si="180"/>
        <v>#N/A</v>
      </c>
    </row>
    <row r="845" spans="1:20" x14ac:dyDescent="0.2">
      <c r="A845" s="53">
        <f t="shared" si="181"/>
        <v>833</v>
      </c>
      <c r="B845" s="239">
        <v>8.1530000000000005</v>
      </c>
      <c r="C845" s="3">
        <f t="shared" si="182"/>
        <v>8.1460000000000008</v>
      </c>
      <c r="D845" s="239">
        <v>0.25650000000000001</v>
      </c>
      <c r="E845" s="239">
        <v>7.4000000000000003E-3</v>
      </c>
      <c r="F845" s="239">
        <v>0.21870000000000001</v>
      </c>
      <c r="G845">
        <f t="shared" si="183"/>
        <v>0.30024000000000001</v>
      </c>
      <c r="H845" s="235">
        <f t="shared" si="184"/>
        <v>2.4646949107380762</v>
      </c>
      <c r="I845" s="236">
        <f t="shared" si="185"/>
        <v>15.121090393920644</v>
      </c>
      <c r="J845" s="237">
        <f t="shared" si="190"/>
        <v>5.1210903939206442</v>
      </c>
      <c r="K845" s="237">
        <f t="shared" si="186"/>
        <v>123.17640234887757</v>
      </c>
      <c r="L845" s="237">
        <f t="shared" si="191"/>
        <v>41.752249981635018</v>
      </c>
      <c r="M845" s="236">
        <f t="shared" si="187"/>
        <v>4.2408157100277224</v>
      </c>
      <c r="N845" s="236">
        <f t="shared" si="188"/>
        <v>4.179289305179827</v>
      </c>
      <c r="O845" s="236">
        <f t="shared" si="192"/>
        <v>3.3867022442996184</v>
      </c>
      <c r="P845" s="236" t="str">
        <f t="shared" si="193"/>
        <v>CLAY</v>
      </c>
      <c r="Q845" s="236">
        <f t="shared" si="189"/>
        <v>14.755299804260204</v>
      </c>
      <c r="R845" s="238">
        <v>35</v>
      </c>
      <c r="S845" s="236">
        <f t="shared" si="194"/>
        <v>1.521429240486146</v>
      </c>
      <c r="T845" s="236" t="e">
        <f t="shared" ref="T845:T908" si="195">IF(P845="SAND",17.6+(11*LOG(M845)),#N/A)</f>
        <v>#N/A</v>
      </c>
    </row>
    <row r="846" spans="1:20" x14ac:dyDescent="0.2">
      <c r="A846" s="53">
        <f t="shared" ref="A846:A909" si="196">$A845+1</f>
        <v>834</v>
      </c>
      <c r="B846" s="239">
        <v>8.1639999999999997</v>
      </c>
      <c r="C846" s="3">
        <f t="shared" ref="C846:C909" si="197">MAX($B846 - $B$13, 0.001)</f>
        <v>8.157</v>
      </c>
      <c r="D846" s="239">
        <v>0.25729999999999997</v>
      </c>
      <c r="E846" s="239">
        <v>7.4999999999999997E-3</v>
      </c>
      <c r="F846" s="239">
        <v>0.2198</v>
      </c>
      <c r="G846">
        <f t="shared" si="183"/>
        <v>0.30125999999999997</v>
      </c>
      <c r="H846" s="235">
        <f t="shared" si="184"/>
        <v>2.4895439155546706</v>
      </c>
      <c r="I846" s="236">
        <f t="shared" si="185"/>
        <v>15.138155790122267</v>
      </c>
      <c r="J846" s="237">
        <f t="shared" si="190"/>
        <v>5.1381557901222674</v>
      </c>
      <c r="K846" s="237">
        <f t="shared" si="186"/>
        <v>123.48193678002734</v>
      </c>
      <c r="L846" s="237">
        <f t="shared" si="191"/>
        <v>41.947903870558193</v>
      </c>
      <c r="M846" s="236">
        <f t="shared" si="187"/>
        <v>4.2380678607578535</v>
      </c>
      <c r="N846" s="236">
        <f t="shared" si="188"/>
        <v>4.2187432263337907</v>
      </c>
      <c r="O846" s="236">
        <f t="shared" si="192"/>
        <v>3.3891584439788214</v>
      </c>
      <c r="P846" s="236" t="str">
        <f t="shared" si="193"/>
        <v>CLAY</v>
      </c>
      <c r="Q846" s="236">
        <f t="shared" si="189"/>
        <v>14.814838601664386</v>
      </c>
      <c r="R846" s="238">
        <v>35</v>
      </c>
      <c r="S846" s="236">
        <f t="shared" si="194"/>
        <v>1.5201970720043492</v>
      </c>
      <c r="T846" s="236" t="e">
        <f t="shared" si="195"/>
        <v>#N/A</v>
      </c>
    </row>
    <row r="847" spans="1:20" x14ac:dyDescent="0.2">
      <c r="A847" s="53">
        <f t="shared" si="196"/>
        <v>835</v>
      </c>
      <c r="B847" s="239">
        <v>8.1739999999999995</v>
      </c>
      <c r="C847" s="3">
        <f t="shared" si="197"/>
        <v>8.1669999999999998</v>
      </c>
      <c r="D847" s="239">
        <v>0.25979999999999998</v>
      </c>
      <c r="E847" s="239">
        <v>7.4000000000000003E-3</v>
      </c>
      <c r="F847" s="239">
        <v>0.2172</v>
      </c>
      <c r="G847">
        <f t="shared" ref="G847:G910" si="198">$D847+($F847*(1-$P$8))</f>
        <v>0.30323999999999995</v>
      </c>
      <c r="H847" s="235">
        <f t="shared" ref="H847:H910" si="199">($E847/$G847)*100</f>
        <v>2.4403113045772331</v>
      </c>
      <c r="I847" s="236">
        <f t="shared" ref="I847:I910" si="200">((0.27*(LOG($H847)))+(0.36*(LOG(($G847*1000)/101)))+1.236)*10</f>
        <v>15.124976536826908</v>
      </c>
      <c r="J847" s="237">
        <f t="shared" si="190"/>
        <v>5.1249765368269085</v>
      </c>
      <c r="K847" s="237">
        <f t="shared" ref="K847:K910" si="201">$I847*$C847</f>
        <v>123.52568337626536</v>
      </c>
      <c r="L847" s="237">
        <f t="shared" si="191"/>
        <v>41.891558212023149</v>
      </c>
      <c r="M847" s="236">
        <f t="shared" ref="M847:M910" si="202">(($G847*1000)-$K847)/$L847</f>
        <v>4.2899888257714753</v>
      </c>
      <c r="N847" s="236">
        <f t="shared" ref="N847:N910" si="203">(($E847*1000)/(($G847*1000)-$K847))*100</f>
        <v>4.1176463506206238</v>
      </c>
      <c r="O847" s="236">
        <f t="shared" si="192"/>
        <v>3.378992771944183</v>
      </c>
      <c r="P847" s="236" t="str">
        <f t="shared" si="193"/>
        <v>CLAY</v>
      </c>
      <c r="Q847" s="236">
        <f t="shared" ref="Q847:Q910" si="204">IF(P847="CLAY",($G847*1000 -$K847)/$L$8,#N/A)</f>
        <v>14.976193051977882</v>
      </c>
      <c r="R847" s="238">
        <v>35</v>
      </c>
      <c r="S847" s="236">
        <f t="shared" si="194"/>
        <v>1.5435127095347889</v>
      </c>
      <c r="T847" s="236" t="e">
        <f t="shared" si="195"/>
        <v>#N/A</v>
      </c>
    </row>
    <row r="848" spans="1:20" x14ac:dyDescent="0.2">
      <c r="A848" s="53">
        <f t="shared" si="196"/>
        <v>836</v>
      </c>
      <c r="B848" s="239">
        <v>8.1850000000000005</v>
      </c>
      <c r="C848" s="3">
        <f t="shared" si="197"/>
        <v>8.1780000000000008</v>
      </c>
      <c r="D848" s="239">
        <v>0.25990000000000002</v>
      </c>
      <c r="E848" s="239">
        <v>7.3000000000000001E-3</v>
      </c>
      <c r="F848" s="239">
        <v>0.2147</v>
      </c>
      <c r="G848">
        <f t="shared" si="198"/>
        <v>0.30284</v>
      </c>
      <c r="H848" s="235">
        <f t="shared" si="199"/>
        <v>2.4105138026680755</v>
      </c>
      <c r="I848" s="236">
        <f t="shared" si="200"/>
        <v>15.108506690468705</v>
      </c>
      <c r="J848" s="237">
        <f t="shared" ref="J848:J911" si="205">$I848-10</f>
        <v>5.1085066904687046</v>
      </c>
      <c r="K848" s="237">
        <f t="shared" si="201"/>
        <v>123.55736771465308</v>
      </c>
      <c r="L848" s="237">
        <f t="shared" ref="L848:L911" si="206">$J848*$B848</f>
        <v>41.813127261486351</v>
      </c>
      <c r="M848" s="236">
        <f t="shared" si="202"/>
        <v>4.2877116357303011</v>
      </c>
      <c r="N848" s="236">
        <f t="shared" si="203"/>
        <v>4.0717831431553799</v>
      </c>
      <c r="O848" s="236">
        <f t="shared" ref="O848:O911" si="207">((3.47-LOG($M848))^2+(LOG($N848)+1.22)^2)^0.5</f>
        <v>3.3765478740806252</v>
      </c>
      <c r="P848" s="236" t="str">
        <f t="shared" ref="P848:P911" si="208">IF(O848&lt;2.6,"SAND","CLAY")</f>
        <v>CLAY</v>
      </c>
      <c r="Q848" s="236">
        <f t="shared" si="204"/>
        <v>14.940219357112241</v>
      </c>
      <c r="R848" s="238">
        <v>35</v>
      </c>
      <c r="S848" s="236">
        <f t="shared" ref="S848:S911" si="209">IF(P848="SAND",#N/A,0.25*($M848)^1.25)</f>
        <v>1.5424886280441175</v>
      </c>
      <c r="T848" s="236" t="e">
        <f t="shared" si="195"/>
        <v>#N/A</v>
      </c>
    </row>
    <row r="849" spans="1:20" x14ac:dyDescent="0.2">
      <c r="A849" s="53">
        <f t="shared" si="196"/>
        <v>837</v>
      </c>
      <c r="B849" s="239">
        <v>8.1940000000000008</v>
      </c>
      <c r="C849" s="3">
        <f t="shared" si="197"/>
        <v>8.1870000000000012</v>
      </c>
      <c r="D849" s="239">
        <v>0.25779999999999997</v>
      </c>
      <c r="E849" s="239">
        <v>7.1999999999999998E-3</v>
      </c>
      <c r="F849" s="239">
        <v>0.21779999999999999</v>
      </c>
      <c r="G849">
        <f t="shared" si="198"/>
        <v>0.30135999999999996</v>
      </c>
      <c r="H849" s="235">
        <f t="shared" si="199"/>
        <v>2.3891691000796396</v>
      </c>
      <c r="I849" s="236">
        <f t="shared" si="200"/>
        <v>15.090417841222603</v>
      </c>
      <c r="J849" s="237">
        <f t="shared" si="205"/>
        <v>5.0904178412226031</v>
      </c>
      <c r="K849" s="237">
        <f t="shared" si="201"/>
        <v>123.54525086608948</v>
      </c>
      <c r="L849" s="237">
        <f t="shared" si="206"/>
        <v>41.710883790978016</v>
      </c>
      <c r="M849" s="236">
        <f t="shared" si="202"/>
        <v>4.2630300049497265</v>
      </c>
      <c r="N849" s="236">
        <f t="shared" si="203"/>
        <v>4.0491579214150297</v>
      </c>
      <c r="O849" s="236">
        <f t="shared" si="207"/>
        <v>3.3773453227771588</v>
      </c>
      <c r="P849" s="236" t="str">
        <f t="shared" si="208"/>
        <v>CLAY</v>
      </c>
      <c r="Q849" s="236">
        <f t="shared" si="204"/>
        <v>14.817895761159207</v>
      </c>
      <c r="R849" s="238">
        <v>35</v>
      </c>
      <c r="S849" s="236">
        <f t="shared" si="209"/>
        <v>1.5313977173804181</v>
      </c>
      <c r="T849" s="236" t="e">
        <f t="shared" si="195"/>
        <v>#N/A</v>
      </c>
    </row>
    <row r="850" spans="1:20" x14ac:dyDescent="0.2">
      <c r="A850" s="53">
        <f t="shared" si="196"/>
        <v>838</v>
      </c>
      <c r="B850" s="239">
        <v>8.2050000000000001</v>
      </c>
      <c r="C850" s="3">
        <f t="shared" si="197"/>
        <v>8.1980000000000004</v>
      </c>
      <c r="D850" s="239">
        <v>0.2581</v>
      </c>
      <c r="E850" s="239">
        <v>7.1999999999999998E-3</v>
      </c>
      <c r="F850" s="239">
        <v>0.22140000000000001</v>
      </c>
      <c r="G850">
        <f t="shared" si="198"/>
        <v>0.30237999999999998</v>
      </c>
      <c r="H850" s="235">
        <f t="shared" si="199"/>
        <v>2.3811098617633442</v>
      </c>
      <c r="I850" s="236">
        <f t="shared" si="200"/>
        <v>15.091738551176253</v>
      </c>
      <c r="J850" s="237">
        <f t="shared" si="205"/>
        <v>5.0917385511762525</v>
      </c>
      <c r="K850" s="237">
        <f t="shared" si="201"/>
        <v>123.72207264254293</v>
      </c>
      <c r="L850" s="237">
        <f t="shared" si="206"/>
        <v>41.77771481240115</v>
      </c>
      <c r="M850" s="236">
        <f t="shared" si="202"/>
        <v>4.2763930042536673</v>
      </c>
      <c r="N850" s="236">
        <f t="shared" si="203"/>
        <v>4.0300478722079358</v>
      </c>
      <c r="O850" s="236">
        <f t="shared" si="207"/>
        <v>3.3750907660174261</v>
      </c>
      <c r="P850" s="236" t="str">
        <f t="shared" si="208"/>
        <v>CLAY</v>
      </c>
      <c r="Q850" s="236">
        <f t="shared" si="204"/>
        <v>14.888160613121423</v>
      </c>
      <c r="R850" s="238">
        <v>35</v>
      </c>
      <c r="S850" s="236">
        <f t="shared" si="209"/>
        <v>1.5374005131409336</v>
      </c>
      <c r="T850" s="236" t="e">
        <f t="shared" si="195"/>
        <v>#N/A</v>
      </c>
    </row>
    <row r="851" spans="1:20" x14ac:dyDescent="0.2">
      <c r="A851" s="53">
        <f t="shared" si="196"/>
        <v>839</v>
      </c>
      <c r="B851" s="239">
        <v>8.2140000000000004</v>
      </c>
      <c r="C851" s="3">
        <f t="shared" si="197"/>
        <v>8.2070000000000007</v>
      </c>
      <c r="D851" s="239">
        <v>0.2601</v>
      </c>
      <c r="E851" s="239">
        <v>7.1000000000000004E-3</v>
      </c>
      <c r="F851" s="239">
        <v>0.22239999999999999</v>
      </c>
      <c r="G851">
        <f t="shared" si="198"/>
        <v>0.30457999999999996</v>
      </c>
      <c r="H851" s="235">
        <f t="shared" si="199"/>
        <v>2.331078862696172</v>
      </c>
      <c r="I851" s="236">
        <f t="shared" si="200"/>
        <v>15.078171840029505</v>
      </c>
      <c r="J851" s="237">
        <f t="shared" si="205"/>
        <v>5.0781718400295048</v>
      </c>
      <c r="K851" s="237">
        <f t="shared" si="201"/>
        <v>123.74655629112216</v>
      </c>
      <c r="L851" s="237">
        <f t="shared" si="206"/>
        <v>41.712103494002356</v>
      </c>
      <c r="M851" s="236">
        <f t="shared" si="202"/>
        <v>4.3352751015033144</v>
      </c>
      <c r="N851" s="236">
        <f t="shared" si="203"/>
        <v>3.9262648846251182</v>
      </c>
      <c r="O851" s="236">
        <f t="shared" si="207"/>
        <v>3.3639733307944484</v>
      </c>
      <c r="P851" s="236" t="str">
        <f t="shared" si="208"/>
        <v>CLAY</v>
      </c>
      <c r="Q851" s="236">
        <f t="shared" si="204"/>
        <v>15.069453642406486</v>
      </c>
      <c r="R851" s="238">
        <v>35</v>
      </c>
      <c r="S851" s="236">
        <f t="shared" si="209"/>
        <v>1.5639066831638737</v>
      </c>
      <c r="T851" s="236" t="e">
        <f t="shared" si="195"/>
        <v>#N/A</v>
      </c>
    </row>
    <row r="852" spans="1:20" x14ac:dyDescent="0.2">
      <c r="A852" s="53">
        <f t="shared" si="196"/>
        <v>840</v>
      </c>
      <c r="B852" s="239">
        <v>8.2249999999999996</v>
      </c>
      <c r="C852" s="3">
        <f t="shared" si="197"/>
        <v>8.218</v>
      </c>
      <c r="D852" s="239">
        <v>0.26440000000000002</v>
      </c>
      <c r="E852" s="239">
        <v>7.1000000000000004E-3</v>
      </c>
      <c r="F852" s="239">
        <v>0.22339999999999999</v>
      </c>
      <c r="G852">
        <f t="shared" si="198"/>
        <v>0.30908000000000002</v>
      </c>
      <c r="H852" s="235">
        <f t="shared" si="199"/>
        <v>2.2971398990552609</v>
      </c>
      <c r="I852" s="236">
        <f t="shared" si="200"/>
        <v>15.083904409139684</v>
      </c>
      <c r="J852" s="237">
        <f t="shared" si="205"/>
        <v>5.0839044091396843</v>
      </c>
      <c r="K852" s="237">
        <f t="shared" si="201"/>
        <v>123.95952643430992</v>
      </c>
      <c r="L852" s="237">
        <f t="shared" si="206"/>
        <v>41.815113765173905</v>
      </c>
      <c r="M852" s="236">
        <f t="shared" si="202"/>
        <v>4.4271187352327468</v>
      </c>
      <c r="N852" s="236">
        <f t="shared" si="203"/>
        <v>3.8353402318196643</v>
      </c>
      <c r="O852" s="236">
        <f t="shared" si="207"/>
        <v>3.3508208162661037</v>
      </c>
      <c r="P852" s="236" t="str">
        <f t="shared" si="208"/>
        <v>CLAY</v>
      </c>
      <c r="Q852" s="236">
        <f t="shared" si="204"/>
        <v>15.426706130474178</v>
      </c>
      <c r="R852" s="238">
        <v>35</v>
      </c>
      <c r="S852" s="236">
        <f t="shared" si="209"/>
        <v>1.605430358041344</v>
      </c>
      <c r="T852" s="236" t="e">
        <f t="shared" si="195"/>
        <v>#N/A</v>
      </c>
    </row>
    <row r="853" spans="1:20" x14ac:dyDescent="0.2">
      <c r="A853" s="53">
        <f t="shared" si="196"/>
        <v>841</v>
      </c>
      <c r="B853" s="239">
        <v>8.234</v>
      </c>
      <c r="C853" s="3">
        <f t="shared" si="197"/>
        <v>8.2270000000000003</v>
      </c>
      <c r="D853" s="239">
        <v>0.26779999999999998</v>
      </c>
      <c r="E853" s="239">
        <v>7.0000000000000001E-3</v>
      </c>
      <c r="F853" s="239">
        <v>0.22359999999999999</v>
      </c>
      <c r="G853">
        <f t="shared" si="198"/>
        <v>0.31251999999999996</v>
      </c>
      <c r="H853" s="235">
        <f t="shared" si="199"/>
        <v>2.2398566491744534</v>
      </c>
      <c r="I853" s="236">
        <f t="shared" si="200"/>
        <v>15.071597796494764</v>
      </c>
      <c r="J853" s="237">
        <f t="shared" si="205"/>
        <v>5.0715977964947641</v>
      </c>
      <c r="K853" s="237">
        <f t="shared" si="201"/>
        <v>123.99403507176243</v>
      </c>
      <c r="L853" s="237">
        <f t="shared" si="206"/>
        <v>41.759536256337888</v>
      </c>
      <c r="M853" s="236">
        <f t="shared" si="202"/>
        <v>4.514560788486361</v>
      </c>
      <c r="N853" s="236">
        <f t="shared" si="203"/>
        <v>3.7130164020985394</v>
      </c>
      <c r="O853" s="236">
        <f t="shared" si="207"/>
        <v>3.3360923420591773</v>
      </c>
      <c r="P853" s="236" t="str">
        <f t="shared" si="208"/>
        <v>CLAY</v>
      </c>
      <c r="Q853" s="236">
        <f t="shared" si="204"/>
        <v>15.71049707735313</v>
      </c>
      <c r="R853" s="238">
        <v>35</v>
      </c>
      <c r="S853" s="236">
        <f t="shared" si="209"/>
        <v>1.6451647294376732</v>
      </c>
      <c r="T853" s="236" t="e">
        <f t="shared" si="195"/>
        <v>#N/A</v>
      </c>
    </row>
    <row r="854" spans="1:20" x14ac:dyDescent="0.2">
      <c r="A854" s="53">
        <f t="shared" si="196"/>
        <v>842</v>
      </c>
      <c r="B854" s="239">
        <v>8.2439999999999998</v>
      </c>
      <c r="C854" s="3">
        <f t="shared" si="197"/>
        <v>8.2370000000000001</v>
      </c>
      <c r="D854" s="239">
        <v>0.2707</v>
      </c>
      <c r="E854" s="239">
        <v>6.8999999999999999E-3</v>
      </c>
      <c r="F854" s="239">
        <v>0.2238</v>
      </c>
      <c r="G854">
        <f t="shared" si="198"/>
        <v>0.31545999999999996</v>
      </c>
      <c r="H854" s="235">
        <f t="shared" si="199"/>
        <v>2.1872820642870732</v>
      </c>
      <c r="I854" s="236">
        <f t="shared" si="200"/>
        <v>15.058385468457235</v>
      </c>
      <c r="J854" s="237">
        <f t="shared" si="205"/>
        <v>5.0583854684572351</v>
      </c>
      <c r="K854" s="237">
        <f t="shared" si="201"/>
        <v>124.03592110368224</v>
      </c>
      <c r="L854" s="237">
        <f t="shared" si="206"/>
        <v>41.701329801961442</v>
      </c>
      <c r="M854" s="236">
        <f t="shared" si="202"/>
        <v>4.5903591037836398</v>
      </c>
      <c r="N854" s="236">
        <f t="shared" si="203"/>
        <v>3.6045622054356552</v>
      </c>
      <c r="O854" s="236">
        <f t="shared" si="207"/>
        <v>3.3230904390192797</v>
      </c>
      <c r="P854" s="236" t="str">
        <f t="shared" si="208"/>
        <v>CLAY</v>
      </c>
      <c r="Q854" s="236">
        <f t="shared" si="204"/>
        <v>15.952006574693144</v>
      </c>
      <c r="R854" s="238">
        <v>35</v>
      </c>
      <c r="S854" s="236">
        <f t="shared" si="209"/>
        <v>1.6797642568970494</v>
      </c>
      <c r="T854" s="236" t="e">
        <f t="shared" si="195"/>
        <v>#N/A</v>
      </c>
    </row>
    <row r="855" spans="1:20" x14ac:dyDescent="0.2">
      <c r="A855" s="53">
        <f t="shared" si="196"/>
        <v>843</v>
      </c>
      <c r="B855" s="239">
        <v>8.2550000000000008</v>
      </c>
      <c r="C855" s="3">
        <f t="shared" si="197"/>
        <v>8.2480000000000011</v>
      </c>
      <c r="D855" s="239">
        <v>0.27239999999999998</v>
      </c>
      <c r="E855" s="239">
        <v>6.7999999999999996E-3</v>
      </c>
      <c r="F855" s="239">
        <v>0.22520000000000001</v>
      </c>
      <c r="G855">
        <f t="shared" si="198"/>
        <v>0.31743999999999994</v>
      </c>
      <c r="H855" s="235">
        <f t="shared" si="199"/>
        <v>2.1421370967741939</v>
      </c>
      <c r="I855" s="236">
        <f t="shared" si="200"/>
        <v>15.043712604116003</v>
      </c>
      <c r="J855" s="237">
        <f t="shared" si="205"/>
        <v>5.0437126041160028</v>
      </c>
      <c r="K855" s="237">
        <f t="shared" si="201"/>
        <v>124.08054155874881</v>
      </c>
      <c r="L855" s="237">
        <f t="shared" si="206"/>
        <v>41.635847546977608</v>
      </c>
      <c r="M855" s="236">
        <f t="shared" si="202"/>
        <v>4.6440620242708937</v>
      </c>
      <c r="N855" s="236">
        <f t="shared" si="203"/>
        <v>3.5167661591615698</v>
      </c>
      <c r="O855" s="236">
        <f t="shared" si="207"/>
        <v>3.3131018082491241</v>
      </c>
      <c r="P855" s="236" t="str">
        <f t="shared" si="208"/>
        <v>CLAY</v>
      </c>
      <c r="Q855" s="236">
        <f t="shared" si="204"/>
        <v>16.113288203437595</v>
      </c>
      <c r="R855" s="238">
        <v>35</v>
      </c>
      <c r="S855" s="236">
        <f t="shared" si="209"/>
        <v>1.7043646692658914</v>
      </c>
      <c r="T855" s="236" t="e">
        <f t="shared" si="195"/>
        <v>#N/A</v>
      </c>
    </row>
    <row r="856" spans="1:20" x14ac:dyDescent="0.2">
      <c r="A856" s="53">
        <f t="shared" si="196"/>
        <v>844</v>
      </c>
      <c r="B856" s="239">
        <v>8.2639999999999993</v>
      </c>
      <c r="C856" s="3">
        <f t="shared" si="197"/>
        <v>8.2569999999999997</v>
      </c>
      <c r="D856" s="239">
        <v>0.27300000000000002</v>
      </c>
      <c r="E856" s="239">
        <v>6.8999999999999999E-3</v>
      </c>
      <c r="F856" s="239">
        <v>0.2293</v>
      </c>
      <c r="G856">
        <f t="shared" si="198"/>
        <v>0.31886000000000003</v>
      </c>
      <c r="H856" s="235">
        <f t="shared" si="199"/>
        <v>2.1639591043091011</v>
      </c>
      <c r="I856" s="236">
        <f t="shared" si="200"/>
        <v>15.062575636958396</v>
      </c>
      <c r="J856" s="237">
        <f t="shared" si="205"/>
        <v>5.0625756369583961</v>
      </c>
      <c r="K856" s="237">
        <f t="shared" si="201"/>
        <v>124.37168703436546</v>
      </c>
      <c r="L856" s="237">
        <f t="shared" si="206"/>
        <v>41.837125063824182</v>
      </c>
      <c r="M856" s="236">
        <f t="shared" si="202"/>
        <v>4.6487016655407123</v>
      </c>
      <c r="N856" s="236">
        <f t="shared" si="203"/>
        <v>3.5477710175928192</v>
      </c>
      <c r="O856" s="236">
        <f t="shared" si="207"/>
        <v>3.3147688450161419</v>
      </c>
      <c r="P856" s="236" t="str">
        <f t="shared" si="208"/>
        <v>CLAY</v>
      </c>
      <c r="Q856" s="236">
        <f t="shared" si="204"/>
        <v>16.20735941380288</v>
      </c>
      <c r="R856" s="238">
        <v>35</v>
      </c>
      <c r="S856" s="236">
        <f t="shared" si="209"/>
        <v>1.706493362822479</v>
      </c>
      <c r="T856" s="236" t="e">
        <f t="shared" si="195"/>
        <v>#N/A</v>
      </c>
    </row>
    <row r="857" spans="1:20" x14ac:dyDescent="0.2">
      <c r="A857" s="53">
        <f t="shared" si="196"/>
        <v>845</v>
      </c>
      <c r="B857" s="239">
        <v>8.2750000000000004</v>
      </c>
      <c r="C857" s="3">
        <f t="shared" si="197"/>
        <v>8.2680000000000007</v>
      </c>
      <c r="D857" s="239">
        <v>0.27510000000000001</v>
      </c>
      <c r="E857" s="239">
        <v>7.0000000000000001E-3</v>
      </c>
      <c r="F857" s="239">
        <v>0.23280000000000001</v>
      </c>
      <c r="G857">
        <f t="shared" si="198"/>
        <v>0.32166</v>
      </c>
      <c r="H857" s="235">
        <f t="shared" si="199"/>
        <v>2.1762109059255113</v>
      </c>
      <c r="I857" s="236">
        <f t="shared" si="200"/>
        <v>15.082865114269035</v>
      </c>
      <c r="J857" s="237">
        <f t="shared" si="205"/>
        <v>5.0828651142690351</v>
      </c>
      <c r="K857" s="237">
        <f t="shared" si="201"/>
        <v>124.70512876477639</v>
      </c>
      <c r="L857" s="237">
        <f t="shared" si="206"/>
        <v>42.060708820576266</v>
      </c>
      <c r="M857" s="236">
        <f t="shared" si="202"/>
        <v>4.6826331927832969</v>
      </c>
      <c r="N857" s="236">
        <f t="shared" si="203"/>
        <v>3.5541136688312136</v>
      </c>
      <c r="O857" s="236">
        <f t="shared" si="207"/>
        <v>3.3125133727427309</v>
      </c>
      <c r="P857" s="236" t="str">
        <f t="shared" si="208"/>
        <v>CLAY</v>
      </c>
      <c r="Q857" s="236">
        <f t="shared" si="204"/>
        <v>16.412905936268636</v>
      </c>
      <c r="R857" s="238">
        <v>35</v>
      </c>
      <c r="S857" s="236">
        <f t="shared" si="209"/>
        <v>1.7220774616777474</v>
      </c>
      <c r="T857" s="236" t="e">
        <f t="shared" si="195"/>
        <v>#N/A</v>
      </c>
    </row>
    <row r="858" spans="1:20" x14ac:dyDescent="0.2">
      <c r="A858" s="53">
        <f t="shared" si="196"/>
        <v>846</v>
      </c>
      <c r="B858" s="239">
        <v>8.2840000000000007</v>
      </c>
      <c r="C858" s="3">
        <f t="shared" si="197"/>
        <v>8.277000000000001</v>
      </c>
      <c r="D858" s="239">
        <v>0.27989999999999998</v>
      </c>
      <c r="E858" s="239">
        <v>6.8999999999999999E-3</v>
      </c>
      <c r="F858" s="239">
        <v>0.2324</v>
      </c>
      <c r="G858">
        <f t="shared" si="198"/>
        <v>0.32637999999999995</v>
      </c>
      <c r="H858" s="235">
        <f t="shared" si="199"/>
        <v>2.1141001286843557</v>
      </c>
      <c r="I858" s="236">
        <f t="shared" si="200"/>
        <v>15.071686783649582</v>
      </c>
      <c r="J858" s="237">
        <f t="shared" si="205"/>
        <v>5.0716867836495823</v>
      </c>
      <c r="K858" s="237">
        <f t="shared" si="201"/>
        <v>124.7483515082676</v>
      </c>
      <c r="L858" s="237">
        <f t="shared" si="206"/>
        <v>42.013853315753146</v>
      </c>
      <c r="M858" s="236">
        <f t="shared" si="202"/>
        <v>4.7991705730102669</v>
      </c>
      <c r="N858" s="236">
        <f t="shared" si="203"/>
        <v>3.4220818267440416</v>
      </c>
      <c r="O858" s="236">
        <f t="shared" si="207"/>
        <v>3.2947122506162856</v>
      </c>
      <c r="P858" s="236" t="str">
        <f t="shared" si="208"/>
        <v>CLAY</v>
      </c>
      <c r="Q858" s="236">
        <f t="shared" si="204"/>
        <v>16.802637374311029</v>
      </c>
      <c r="R858" s="238">
        <v>35</v>
      </c>
      <c r="S858" s="236">
        <f t="shared" si="209"/>
        <v>1.7758150861606885</v>
      </c>
      <c r="T858" s="236" t="e">
        <f t="shared" si="195"/>
        <v>#N/A</v>
      </c>
    </row>
    <row r="859" spans="1:20" x14ac:dyDescent="0.2">
      <c r="A859" s="53">
        <f t="shared" si="196"/>
        <v>847</v>
      </c>
      <c r="B859" s="239">
        <v>8.2949999999999999</v>
      </c>
      <c r="C859" s="3">
        <f t="shared" si="197"/>
        <v>8.2880000000000003</v>
      </c>
      <c r="D859" s="239">
        <v>0.2828</v>
      </c>
      <c r="E859" s="239">
        <v>6.7999999999999996E-3</v>
      </c>
      <c r="F859" s="239">
        <v>0.2301</v>
      </c>
      <c r="G859">
        <f t="shared" si="198"/>
        <v>0.32882</v>
      </c>
      <c r="H859" s="235">
        <f t="shared" si="199"/>
        <v>2.0680007298826104</v>
      </c>
      <c r="I859" s="236">
        <f t="shared" si="200"/>
        <v>15.057479521192834</v>
      </c>
      <c r="J859" s="237">
        <f t="shared" si="205"/>
        <v>5.0574795211928336</v>
      </c>
      <c r="K859" s="237">
        <f t="shared" si="201"/>
        <v>124.7963902716462</v>
      </c>
      <c r="L859" s="237">
        <f t="shared" si="206"/>
        <v>41.951792628294555</v>
      </c>
      <c r="M859" s="236">
        <f t="shared" si="202"/>
        <v>4.8632870479710855</v>
      </c>
      <c r="N859" s="236">
        <f t="shared" si="203"/>
        <v>3.3329475981009384</v>
      </c>
      <c r="O859" s="236">
        <f t="shared" si="207"/>
        <v>3.283737244361713</v>
      </c>
      <c r="P859" s="236" t="str">
        <f t="shared" si="208"/>
        <v>CLAY</v>
      </c>
      <c r="Q859" s="236">
        <f t="shared" si="204"/>
        <v>17.001967477362815</v>
      </c>
      <c r="R859" s="238">
        <v>35</v>
      </c>
      <c r="S859" s="236">
        <f t="shared" si="209"/>
        <v>1.8055203533527624</v>
      </c>
      <c r="T859" s="236" t="e">
        <f t="shared" si="195"/>
        <v>#N/A</v>
      </c>
    </row>
    <row r="860" spans="1:20" x14ac:dyDescent="0.2">
      <c r="A860" s="53">
        <f t="shared" si="196"/>
        <v>848</v>
      </c>
      <c r="B860" s="239">
        <v>8.3049999999999997</v>
      </c>
      <c r="C860" s="3">
        <f t="shared" si="197"/>
        <v>8.298</v>
      </c>
      <c r="D860" s="239">
        <v>0.28299999999999997</v>
      </c>
      <c r="E860" s="239">
        <v>6.7999999999999996E-3</v>
      </c>
      <c r="F860" s="239">
        <v>0.2298</v>
      </c>
      <c r="G860">
        <f t="shared" si="198"/>
        <v>0.32895999999999997</v>
      </c>
      <c r="H860" s="235">
        <f t="shared" si="199"/>
        <v>2.0671206225680931</v>
      </c>
      <c r="I860" s="236">
        <f t="shared" si="200"/>
        <v>15.05764590237057</v>
      </c>
      <c r="J860" s="237">
        <f t="shared" si="205"/>
        <v>5.0576459023705702</v>
      </c>
      <c r="K860" s="237">
        <f t="shared" si="201"/>
        <v>124.94834569787099</v>
      </c>
      <c r="L860" s="237">
        <f t="shared" si="206"/>
        <v>42.003749219187583</v>
      </c>
      <c r="M860" s="236">
        <f t="shared" si="202"/>
        <v>4.856986771288863</v>
      </c>
      <c r="N860" s="236">
        <f t="shared" si="203"/>
        <v>3.3331429144384117</v>
      </c>
      <c r="O860" s="236">
        <f t="shared" si="207"/>
        <v>3.2842279092879845</v>
      </c>
      <c r="P860" s="236" t="str">
        <f t="shared" si="208"/>
        <v>CLAY</v>
      </c>
      <c r="Q860" s="236">
        <f t="shared" si="204"/>
        <v>17.000971191844084</v>
      </c>
      <c r="R860" s="238">
        <v>35</v>
      </c>
      <c r="S860" s="236">
        <f t="shared" si="209"/>
        <v>1.8025970642735334</v>
      </c>
      <c r="T860" s="236" t="e">
        <f t="shared" si="195"/>
        <v>#N/A</v>
      </c>
    </row>
    <row r="861" spans="1:20" x14ac:dyDescent="0.2">
      <c r="A861" s="53">
        <f t="shared" si="196"/>
        <v>849</v>
      </c>
      <c r="B861" s="239">
        <v>8.3149999999999995</v>
      </c>
      <c r="C861" s="3">
        <f t="shared" si="197"/>
        <v>8.3079999999999998</v>
      </c>
      <c r="D861" s="239">
        <v>0.28260000000000002</v>
      </c>
      <c r="E861" s="239">
        <v>6.8999999999999999E-3</v>
      </c>
      <c r="F861" s="239">
        <v>0.23150000000000001</v>
      </c>
      <c r="G861">
        <f t="shared" si="198"/>
        <v>0.32890000000000003</v>
      </c>
      <c r="H861" s="235">
        <f t="shared" si="199"/>
        <v>2.0979020979020975</v>
      </c>
      <c r="I861" s="236">
        <f t="shared" si="200"/>
        <v>15.074693085507464</v>
      </c>
      <c r="J861" s="237">
        <f t="shared" si="205"/>
        <v>5.0746930855074641</v>
      </c>
      <c r="K861" s="237">
        <f t="shared" si="201"/>
        <v>125.240550154396</v>
      </c>
      <c r="L861" s="237">
        <f t="shared" si="206"/>
        <v>42.196073005994563</v>
      </c>
      <c r="M861" s="236">
        <f t="shared" si="202"/>
        <v>4.8265024524123668</v>
      </c>
      <c r="N861" s="236">
        <f t="shared" si="203"/>
        <v>3.3880087593435748</v>
      </c>
      <c r="O861" s="236">
        <f t="shared" si="207"/>
        <v>3.2903114609367115</v>
      </c>
      <c r="P861" s="236" t="str">
        <f t="shared" si="208"/>
        <v>CLAY</v>
      </c>
      <c r="Q861" s="236">
        <f t="shared" si="204"/>
        <v>16.971620820467002</v>
      </c>
      <c r="R861" s="238">
        <v>35</v>
      </c>
      <c r="S861" s="236">
        <f t="shared" si="209"/>
        <v>1.7884659355495505</v>
      </c>
      <c r="T861" s="236" t="e">
        <f t="shared" si="195"/>
        <v>#N/A</v>
      </c>
    </row>
    <row r="862" spans="1:20" x14ac:dyDescent="0.2">
      <c r="A862" s="53">
        <f t="shared" si="196"/>
        <v>850</v>
      </c>
      <c r="B862" s="239">
        <v>8.3239999999999998</v>
      </c>
      <c r="C862" s="3">
        <f t="shared" si="197"/>
        <v>8.3170000000000002</v>
      </c>
      <c r="D862" s="239">
        <v>0.2833</v>
      </c>
      <c r="E862" s="239">
        <v>7.0000000000000001E-3</v>
      </c>
      <c r="F862" s="239">
        <v>0.2354</v>
      </c>
      <c r="G862">
        <f t="shared" si="198"/>
        <v>0.33038000000000001</v>
      </c>
      <c r="H862" s="235">
        <f t="shared" si="199"/>
        <v>2.1187723227798294</v>
      </c>
      <c r="I862" s="236">
        <f t="shared" si="200"/>
        <v>15.093320136377358</v>
      </c>
      <c r="J862" s="237">
        <f t="shared" si="205"/>
        <v>5.0933201363773577</v>
      </c>
      <c r="K862" s="237">
        <f t="shared" si="201"/>
        <v>125.53114357425049</v>
      </c>
      <c r="L862" s="237">
        <f t="shared" si="206"/>
        <v>42.396796815205121</v>
      </c>
      <c r="M862" s="236">
        <f t="shared" si="202"/>
        <v>4.8317059734164358</v>
      </c>
      <c r="N862" s="236">
        <f t="shared" si="203"/>
        <v>3.4171535648954205</v>
      </c>
      <c r="O862" s="236">
        <f t="shared" si="207"/>
        <v>3.2918953811065506</v>
      </c>
      <c r="P862" s="236" t="str">
        <f t="shared" si="208"/>
        <v>CLAY</v>
      </c>
      <c r="Q862" s="236">
        <f t="shared" si="204"/>
        <v>17.070738035479124</v>
      </c>
      <c r="R862" s="238">
        <v>35</v>
      </c>
      <c r="S862" s="236">
        <f t="shared" si="209"/>
        <v>1.7908764735048579</v>
      </c>
      <c r="T862" s="236" t="e">
        <f t="shared" si="195"/>
        <v>#N/A</v>
      </c>
    </row>
    <row r="863" spans="1:20" x14ac:dyDescent="0.2">
      <c r="A863" s="53">
        <f t="shared" si="196"/>
        <v>851</v>
      </c>
      <c r="B863" s="239">
        <v>8.3350000000000009</v>
      </c>
      <c r="C863" s="3">
        <f t="shared" si="197"/>
        <v>8.3280000000000012</v>
      </c>
      <c r="D863" s="239">
        <v>0.2853</v>
      </c>
      <c r="E863" s="239">
        <v>7.1000000000000004E-3</v>
      </c>
      <c r="F863" s="239">
        <v>0.23830000000000001</v>
      </c>
      <c r="G863">
        <f t="shared" si="198"/>
        <v>0.33295999999999998</v>
      </c>
      <c r="H863" s="235">
        <f t="shared" si="199"/>
        <v>2.1323882748678527</v>
      </c>
      <c r="I863" s="236">
        <f t="shared" si="200"/>
        <v>15.112993452504785</v>
      </c>
      <c r="J863" s="237">
        <f t="shared" si="205"/>
        <v>5.1129934525047851</v>
      </c>
      <c r="K863" s="237">
        <f t="shared" si="201"/>
        <v>125.86100947245987</v>
      </c>
      <c r="L863" s="237">
        <f t="shared" si="206"/>
        <v>42.616800426627385</v>
      </c>
      <c r="M863" s="236">
        <f t="shared" si="202"/>
        <v>4.859562155166925</v>
      </c>
      <c r="N863" s="236">
        <f t="shared" si="203"/>
        <v>3.4283122201196052</v>
      </c>
      <c r="O863" s="236">
        <f t="shared" si="207"/>
        <v>3.2905377323133105</v>
      </c>
      <c r="P863" s="236" t="str">
        <f t="shared" si="208"/>
        <v>CLAY</v>
      </c>
      <c r="Q863" s="236">
        <f t="shared" si="204"/>
        <v>17.258249210628342</v>
      </c>
      <c r="R863" s="238">
        <v>35</v>
      </c>
      <c r="S863" s="236">
        <f t="shared" si="209"/>
        <v>1.8037919118442951</v>
      </c>
      <c r="T863" s="236" t="e">
        <f t="shared" si="195"/>
        <v>#N/A</v>
      </c>
    </row>
    <row r="864" spans="1:20" x14ac:dyDescent="0.2">
      <c r="A864" s="53">
        <f t="shared" si="196"/>
        <v>852</v>
      </c>
      <c r="B864" s="239">
        <v>8.3450000000000006</v>
      </c>
      <c r="C864" s="3">
        <f t="shared" si="197"/>
        <v>8.338000000000001</v>
      </c>
      <c r="D864" s="239">
        <v>0.28710000000000002</v>
      </c>
      <c r="E864" s="239">
        <v>7.0000000000000001E-3</v>
      </c>
      <c r="F864" s="239">
        <v>0.2389</v>
      </c>
      <c r="G864">
        <f t="shared" si="198"/>
        <v>0.33488000000000001</v>
      </c>
      <c r="H864" s="235">
        <f t="shared" si="199"/>
        <v>2.0903010033444818</v>
      </c>
      <c r="I864" s="236">
        <f t="shared" si="200"/>
        <v>15.098608052316129</v>
      </c>
      <c r="J864" s="237">
        <f t="shared" si="205"/>
        <v>5.0986080523161288</v>
      </c>
      <c r="K864" s="237">
        <f t="shared" si="201"/>
        <v>125.8921939402119</v>
      </c>
      <c r="L864" s="237">
        <f t="shared" si="206"/>
        <v>42.547884196578096</v>
      </c>
      <c r="M864" s="236">
        <f t="shared" si="202"/>
        <v>4.9118260521305999</v>
      </c>
      <c r="N864" s="236">
        <f t="shared" si="203"/>
        <v>3.3494777192873206</v>
      </c>
      <c r="O864" s="236">
        <f t="shared" si="207"/>
        <v>3.2812247167335524</v>
      </c>
      <c r="P864" s="236" t="str">
        <f t="shared" si="208"/>
        <v>CLAY</v>
      </c>
      <c r="Q864" s="236">
        <f t="shared" si="204"/>
        <v>17.415650504982342</v>
      </c>
      <c r="R864" s="238">
        <v>35</v>
      </c>
      <c r="S864" s="236">
        <f t="shared" si="209"/>
        <v>1.8280738299698875</v>
      </c>
      <c r="T864" s="236" t="e">
        <f t="shared" si="195"/>
        <v>#N/A</v>
      </c>
    </row>
    <row r="865" spans="1:20" x14ac:dyDescent="0.2">
      <c r="A865" s="53">
        <f t="shared" si="196"/>
        <v>853</v>
      </c>
      <c r="B865" s="239">
        <v>8.3550000000000004</v>
      </c>
      <c r="C865" s="3">
        <f t="shared" si="197"/>
        <v>8.3480000000000008</v>
      </c>
      <c r="D865" s="239">
        <v>0.29070000000000001</v>
      </c>
      <c r="E865" s="239">
        <v>6.8999999999999999E-3</v>
      </c>
      <c r="F865" s="239">
        <v>0.23599999999999999</v>
      </c>
      <c r="G865">
        <f t="shared" si="198"/>
        <v>0.33789999999999998</v>
      </c>
      <c r="H865" s="235">
        <f t="shared" si="199"/>
        <v>2.042024267534774</v>
      </c>
      <c r="I865" s="236">
        <f t="shared" si="200"/>
        <v>15.085244971970484</v>
      </c>
      <c r="J865" s="237">
        <f t="shared" si="205"/>
        <v>5.085244971970484</v>
      </c>
      <c r="K865" s="237">
        <f t="shared" si="201"/>
        <v>125.93162502600961</v>
      </c>
      <c r="L865" s="237">
        <f t="shared" si="206"/>
        <v>42.487221740813396</v>
      </c>
      <c r="M865" s="236">
        <f t="shared" si="202"/>
        <v>4.9889911905059376</v>
      </c>
      <c r="N865" s="236">
        <f t="shared" si="203"/>
        <v>3.2552025748400748</v>
      </c>
      <c r="O865" s="236">
        <f t="shared" si="207"/>
        <v>3.2689050127711363</v>
      </c>
      <c r="P865" s="236" t="str">
        <f t="shared" si="208"/>
        <v>CLAY</v>
      </c>
      <c r="Q865" s="236">
        <f t="shared" si="204"/>
        <v>17.664031247832529</v>
      </c>
      <c r="R865" s="238">
        <v>35</v>
      </c>
      <c r="S865" s="236">
        <f t="shared" si="209"/>
        <v>1.8640430150624292</v>
      </c>
      <c r="T865" s="236" t="e">
        <f t="shared" si="195"/>
        <v>#N/A</v>
      </c>
    </row>
    <row r="866" spans="1:20" x14ac:dyDescent="0.2">
      <c r="A866" s="53">
        <f t="shared" si="196"/>
        <v>854</v>
      </c>
      <c r="B866" s="239">
        <v>8.3650000000000002</v>
      </c>
      <c r="C866" s="3">
        <f t="shared" si="197"/>
        <v>8.3580000000000005</v>
      </c>
      <c r="D866" s="239">
        <v>0.29170000000000001</v>
      </c>
      <c r="E866" s="239">
        <v>6.7999999999999996E-3</v>
      </c>
      <c r="F866" s="239">
        <v>0.2319</v>
      </c>
      <c r="G866">
        <f t="shared" si="198"/>
        <v>0.33807999999999999</v>
      </c>
      <c r="H866" s="235">
        <f t="shared" si="199"/>
        <v>2.0113582584003784</v>
      </c>
      <c r="I866" s="236">
        <f t="shared" si="200"/>
        <v>15.06833465042674</v>
      </c>
      <c r="J866" s="237">
        <f t="shared" si="205"/>
        <v>5.0683346504267401</v>
      </c>
      <c r="K866" s="237">
        <f t="shared" si="201"/>
        <v>125.9411410082667</v>
      </c>
      <c r="L866" s="237">
        <f t="shared" si="206"/>
        <v>42.396619350819684</v>
      </c>
      <c r="M866" s="236">
        <f t="shared" si="202"/>
        <v>5.0036739306109759</v>
      </c>
      <c r="N866" s="236">
        <f t="shared" si="203"/>
        <v>3.2054476168673016</v>
      </c>
      <c r="O866" s="236">
        <f t="shared" si="207"/>
        <v>3.2642811140284307</v>
      </c>
      <c r="P866" s="236" t="str">
        <f t="shared" si="208"/>
        <v>CLAY</v>
      </c>
      <c r="Q866" s="236">
        <f t="shared" si="204"/>
        <v>17.678238249311107</v>
      </c>
      <c r="R866" s="238">
        <v>35</v>
      </c>
      <c r="S866" s="236">
        <f t="shared" si="209"/>
        <v>1.8709029490782303</v>
      </c>
      <c r="T866" s="236" t="e">
        <f t="shared" si="195"/>
        <v>#N/A</v>
      </c>
    </row>
    <row r="867" spans="1:20" x14ac:dyDescent="0.2">
      <c r="A867" s="53">
        <f t="shared" si="196"/>
        <v>855</v>
      </c>
      <c r="B867" s="239">
        <v>8.3759999999999994</v>
      </c>
      <c r="C867" s="3">
        <f t="shared" si="197"/>
        <v>8.3689999999999998</v>
      </c>
      <c r="D867" s="239">
        <v>0.29049999999999998</v>
      </c>
      <c r="E867" s="239">
        <v>6.8999999999999999E-3</v>
      </c>
      <c r="F867" s="239">
        <v>0.2326</v>
      </c>
      <c r="G867">
        <f t="shared" si="198"/>
        <v>0.33701999999999999</v>
      </c>
      <c r="H867" s="235">
        <f t="shared" si="199"/>
        <v>2.0473562399857577</v>
      </c>
      <c r="I867" s="236">
        <f t="shared" si="200"/>
        <v>15.084225706206883</v>
      </c>
      <c r="J867" s="237">
        <f t="shared" si="205"/>
        <v>5.0842257062068832</v>
      </c>
      <c r="K867" s="237">
        <f t="shared" si="201"/>
        <v>126.2398849352454</v>
      </c>
      <c r="L867" s="237">
        <f t="shared" si="206"/>
        <v>42.585474515188849</v>
      </c>
      <c r="M867" s="236">
        <f t="shared" si="202"/>
        <v>4.9495777014196749</v>
      </c>
      <c r="N867" s="236">
        <f t="shared" si="203"/>
        <v>3.2735535787520678</v>
      </c>
      <c r="O867" s="236">
        <f t="shared" si="207"/>
        <v>3.2731199913271332</v>
      </c>
      <c r="P867" s="236" t="str">
        <f t="shared" si="208"/>
        <v>CLAY</v>
      </c>
      <c r="Q867" s="236">
        <f t="shared" si="204"/>
        <v>17.565009588729549</v>
      </c>
      <c r="R867" s="238">
        <v>35</v>
      </c>
      <c r="S867" s="236">
        <f t="shared" si="209"/>
        <v>1.8456535898477864</v>
      </c>
      <c r="T867" s="236" t="e">
        <f t="shared" si="195"/>
        <v>#N/A</v>
      </c>
    </row>
    <row r="868" spans="1:20" x14ac:dyDescent="0.2">
      <c r="A868" s="53">
        <f t="shared" si="196"/>
        <v>856</v>
      </c>
      <c r="B868" s="239">
        <v>8.3849999999999998</v>
      </c>
      <c r="C868" s="3">
        <f t="shared" si="197"/>
        <v>8.3780000000000001</v>
      </c>
      <c r="D868" s="239">
        <v>0.2893</v>
      </c>
      <c r="E868" s="239">
        <v>7.0000000000000001E-3</v>
      </c>
      <c r="F868" s="239">
        <v>0.23150000000000001</v>
      </c>
      <c r="G868">
        <f t="shared" si="198"/>
        <v>0.33560000000000001</v>
      </c>
      <c r="H868" s="235">
        <f t="shared" si="199"/>
        <v>2.0858164481525625</v>
      </c>
      <c r="I868" s="236">
        <f t="shared" si="200"/>
        <v>15.099447519361977</v>
      </c>
      <c r="J868" s="237">
        <f t="shared" si="205"/>
        <v>5.099447519361977</v>
      </c>
      <c r="K868" s="237">
        <f t="shared" si="201"/>
        <v>126.50317131721465</v>
      </c>
      <c r="L868" s="237">
        <f t="shared" si="206"/>
        <v>42.758867449850179</v>
      </c>
      <c r="M868" s="236">
        <f t="shared" si="202"/>
        <v>4.8901395465636455</v>
      </c>
      <c r="N868" s="236">
        <f t="shared" si="203"/>
        <v>3.347731309028839</v>
      </c>
      <c r="O868" s="236">
        <f t="shared" si="207"/>
        <v>3.2827319312093399</v>
      </c>
      <c r="P868" s="236" t="str">
        <f t="shared" si="208"/>
        <v>CLAY</v>
      </c>
      <c r="Q868" s="236">
        <f t="shared" si="204"/>
        <v>17.424735723565448</v>
      </c>
      <c r="R868" s="238">
        <v>35</v>
      </c>
      <c r="S868" s="236">
        <f t="shared" si="209"/>
        <v>1.8179903526018957</v>
      </c>
      <c r="T868" s="236" t="e">
        <f t="shared" si="195"/>
        <v>#N/A</v>
      </c>
    </row>
    <row r="869" spans="1:20" x14ac:dyDescent="0.2">
      <c r="A869" s="53">
        <f t="shared" si="196"/>
        <v>857</v>
      </c>
      <c r="B869" s="239">
        <v>8.3949999999999996</v>
      </c>
      <c r="C869" s="3">
        <f t="shared" si="197"/>
        <v>8.3879999999999999</v>
      </c>
      <c r="D869" s="239">
        <v>0.2898</v>
      </c>
      <c r="E869" s="239">
        <v>7.0000000000000001E-3</v>
      </c>
      <c r="F869" s="239">
        <v>0.2331</v>
      </c>
      <c r="G869">
        <f t="shared" si="198"/>
        <v>0.33642</v>
      </c>
      <c r="H869" s="235">
        <f t="shared" si="199"/>
        <v>2.0807324178110695</v>
      </c>
      <c r="I869" s="236">
        <f t="shared" si="200"/>
        <v>15.100401388254905</v>
      </c>
      <c r="J869" s="237">
        <f t="shared" si="205"/>
        <v>5.1004013882549053</v>
      </c>
      <c r="K869" s="237">
        <f t="shared" si="201"/>
        <v>126.66216684468215</v>
      </c>
      <c r="L869" s="237">
        <f t="shared" si="206"/>
        <v>42.817869654399928</v>
      </c>
      <c r="M869" s="236">
        <f t="shared" si="202"/>
        <v>4.8988386122045977</v>
      </c>
      <c r="N869" s="236">
        <f t="shared" si="203"/>
        <v>3.3371816893325552</v>
      </c>
      <c r="O869" s="236">
        <f t="shared" si="207"/>
        <v>3.2813496463665821</v>
      </c>
      <c r="P869" s="236" t="str">
        <f t="shared" si="208"/>
        <v>CLAY</v>
      </c>
      <c r="Q869" s="236">
        <f t="shared" si="204"/>
        <v>17.479819429609822</v>
      </c>
      <c r="R869" s="238">
        <v>35</v>
      </c>
      <c r="S869" s="236">
        <f t="shared" si="209"/>
        <v>1.8220337782340914</v>
      </c>
      <c r="T869" s="236" t="e">
        <f t="shared" si="195"/>
        <v>#N/A</v>
      </c>
    </row>
    <row r="870" spans="1:20" x14ac:dyDescent="0.2">
      <c r="A870" s="53">
        <f t="shared" si="196"/>
        <v>858</v>
      </c>
      <c r="B870" s="239">
        <v>8.4049999999999994</v>
      </c>
      <c r="C870" s="3">
        <f t="shared" si="197"/>
        <v>8.3979999999999997</v>
      </c>
      <c r="D870" s="239">
        <v>0.28949999999999998</v>
      </c>
      <c r="E870" s="239">
        <v>7.1999999999999998E-3</v>
      </c>
      <c r="F870" s="239">
        <v>0.23530000000000001</v>
      </c>
      <c r="G870">
        <f t="shared" si="198"/>
        <v>0.33655999999999997</v>
      </c>
      <c r="H870" s="235">
        <f t="shared" si="199"/>
        <v>2.1392916567625391</v>
      </c>
      <c r="I870" s="236">
        <f t="shared" si="200"/>
        <v>15.133597043854955</v>
      </c>
      <c r="J870" s="237">
        <f t="shared" si="205"/>
        <v>5.1335970438549552</v>
      </c>
      <c r="K870" s="237">
        <f t="shared" si="201"/>
        <v>127.09194797429392</v>
      </c>
      <c r="L870" s="237">
        <f t="shared" si="206"/>
        <v>43.147883153600894</v>
      </c>
      <c r="M870" s="236">
        <f t="shared" si="202"/>
        <v>4.8546541965923753</v>
      </c>
      <c r="N870" s="236">
        <f t="shared" si="203"/>
        <v>3.4372783488321228</v>
      </c>
      <c r="O870" s="236">
        <f t="shared" si="207"/>
        <v>3.2915140425017086</v>
      </c>
      <c r="P870" s="236" t="str">
        <f t="shared" si="208"/>
        <v>CLAY</v>
      </c>
      <c r="Q870" s="236">
        <f t="shared" si="204"/>
        <v>17.455671002142168</v>
      </c>
      <c r="R870" s="238">
        <v>35</v>
      </c>
      <c r="S870" s="236">
        <f t="shared" si="209"/>
        <v>1.8015150045382264</v>
      </c>
      <c r="T870" s="236" t="e">
        <f t="shared" si="195"/>
        <v>#N/A</v>
      </c>
    </row>
    <row r="871" spans="1:20" x14ac:dyDescent="0.2">
      <c r="A871" s="53">
        <f t="shared" si="196"/>
        <v>859</v>
      </c>
      <c r="B871" s="239">
        <v>8.4149999999999991</v>
      </c>
      <c r="C871" s="3">
        <f t="shared" si="197"/>
        <v>8.4079999999999995</v>
      </c>
      <c r="D871" s="239">
        <v>0.29299999999999998</v>
      </c>
      <c r="E871" s="239">
        <v>7.1999999999999998E-3</v>
      </c>
      <c r="F871" s="239">
        <v>0.23699999999999999</v>
      </c>
      <c r="G871">
        <f t="shared" si="198"/>
        <v>0.34039999999999998</v>
      </c>
      <c r="H871" s="235">
        <f t="shared" si="199"/>
        <v>2.1151586368977675</v>
      </c>
      <c r="I871" s="236">
        <f t="shared" si="200"/>
        <v>15.138031391018208</v>
      </c>
      <c r="J871" s="237">
        <f t="shared" si="205"/>
        <v>5.1380313910182078</v>
      </c>
      <c r="K871" s="237">
        <f t="shared" si="201"/>
        <v>127.28056793568108</v>
      </c>
      <c r="L871" s="237">
        <f t="shared" si="206"/>
        <v>43.236534155418212</v>
      </c>
      <c r="M871" s="236">
        <f t="shared" si="202"/>
        <v>4.9291516128059429</v>
      </c>
      <c r="N871" s="236">
        <f t="shared" si="203"/>
        <v>3.3783873813191554</v>
      </c>
      <c r="O871" s="236">
        <f t="shared" si="207"/>
        <v>3.2819169871855416</v>
      </c>
      <c r="P871" s="236" t="str">
        <f t="shared" si="208"/>
        <v>CLAY</v>
      </c>
      <c r="Q871" s="236">
        <f t="shared" si="204"/>
        <v>17.759952672026575</v>
      </c>
      <c r="R871" s="238">
        <v>35</v>
      </c>
      <c r="S871" s="236">
        <f t="shared" si="209"/>
        <v>1.8361376223988306</v>
      </c>
      <c r="T871" s="236" t="e">
        <f t="shared" si="195"/>
        <v>#N/A</v>
      </c>
    </row>
    <row r="872" spans="1:20" x14ac:dyDescent="0.2">
      <c r="A872" s="53">
        <f t="shared" si="196"/>
        <v>860</v>
      </c>
      <c r="B872" s="239">
        <v>8.4239999999999995</v>
      </c>
      <c r="C872" s="3">
        <f t="shared" si="197"/>
        <v>8.4169999999999998</v>
      </c>
      <c r="D872" s="239">
        <v>0.29459999999999997</v>
      </c>
      <c r="E872" s="239">
        <v>7.1999999999999998E-3</v>
      </c>
      <c r="F872" s="239">
        <v>0.23469999999999999</v>
      </c>
      <c r="G872">
        <f t="shared" si="198"/>
        <v>0.34153999999999995</v>
      </c>
      <c r="H872" s="235">
        <f t="shared" si="199"/>
        <v>2.1080986121684138</v>
      </c>
      <c r="I872" s="236">
        <f t="shared" si="200"/>
        <v>15.139338211423254</v>
      </c>
      <c r="J872" s="237">
        <f t="shared" si="205"/>
        <v>5.1393382114232544</v>
      </c>
      <c r="K872" s="237">
        <f t="shared" si="201"/>
        <v>127.42780972554952</v>
      </c>
      <c r="L872" s="237">
        <f t="shared" si="206"/>
        <v>43.293785093029491</v>
      </c>
      <c r="M872" s="236">
        <f t="shared" si="202"/>
        <v>4.9455641222953162</v>
      </c>
      <c r="N872" s="236">
        <f t="shared" si="203"/>
        <v>3.3627230615739307</v>
      </c>
      <c r="O872" s="236">
        <f t="shared" si="207"/>
        <v>3.2796200276319349</v>
      </c>
      <c r="P872" s="236" t="str">
        <f t="shared" si="208"/>
        <v>CLAY</v>
      </c>
      <c r="Q872" s="236">
        <f t="shared" si="204"/>
        <v>17.84268252287087</v>
      </c>
      <c r="R872" s="238">
        <v>35</v>
      </c>
      <c r="S872" s="236">
        <f t="shared" si="209"/>
        <v>1.8437829944760238</v>
      </c>
      <c r="T872" s="236" t="e">
        <f t="shared" si="195"/>
        <v>#N/A</v>
      </c>
    </row>
    <row r="873" spans="1:20" x14ac:dyDescent="0.2">
      <c r="A873" s="53">
        <f t="shared" si="196"/>
        <v>861</v>
      </c>
      <c r="B873" s="239">
        <v>8.4350000000000005</v>
      </c>
      <c r="C873" s="3">
        <f t="shared" si="197"/>
        <v>8.4280000000000008</v>
      </c>
      <c r="D873" s="239">
        <v>0.29160000000000003</v>
      </c>
      <c r="E873" s="239">
        <v>7.0000000000000001E-3</v>
      </c>
      <c r="F873" s="239">
        <v>0.23139999999999999</v>
      </c>
      <c r="G873">
        <f t="shared" si="198"/>
        <v>0.33788000000000001</v>
      </c>
      <c r="H873" s="235">
        <f t="shared" si="199"/>
        <v>2.0717414466674562</v>
      </c>
      <c r="I873" s="236">
        <f t="shared" si="200"/>
        <v>15.102093999380525</v>
      </c>
      <c r="J873" s="237">
        <f t="shared" si="205"/>
        <v>5.102093999380525</v>
      </c>
      <c r="K873" s="237">
        <f t="shared" si="201"/>
        <v>127.28044822677907</v>
      </c>
      <c r="L873" s="237">
        <f t="shared" si="206"/>
        <v>43.036162884774733</v>
      </c>
      <c r="M873" s="236">
        <f t="shared" si="202"/>
        <v>4.8935485335224094</v>
      </c>
      <c r="N873" s="236">
        <f t="shared" si="203"/>
        <v>3.3238437314139122</v>
      </c>
      <c r="O873" s="236">
        <f t="shared" si="207"/>
        <v>3.2808235594990642</v>
      </c>
      <c r="P873" s="236" t="str">
        <f t="shared" si="208"/>
        <v>CLAY</v>
      </c>
      <c r="Q873" s="236">
        <f t="shared" si="204"/>
        <v>17.54996264776841</v>
      </c>
      <c r="R873" s="238">
        <v>35</v>
      </c>
      <c r="S873" s="236">
        <f t="shared" si="209"/>
        <v>1.8195746748120281</v>
      </c>
      <c r="T873" s="236" t="e">
        <f t="shared" si="195"/>
        <v>#N/A</v>
      </c>
    </row>
    <row r="874" spans="1:20" x14ac:dyDescent="0.2">
      <c r="A874" s="53">
        <f t="shared" si="196"/>
        <v>862</v>
      </c>
      <c r="B874" s="239">
        <v>8.4440000000000008</v>
      </c>
      <c r="C874" s="3">
        <f t="shared" si="197"/>
        <v>8.4370000000000012</v>
      </c>
      <c r="D874" s="239">
        <v>0.28589999999999999</v>
      </c>
      <c r="E874" s="239">
        <v>7.0000000000000001E-3</v>
      </c>
      <c r="F874" s="239">
        <v>0.2303</v>
      </c>
      <c r="G874">
        <f t="shared" si="198"/>
        <v>0.33195999999999998</v>
      </c>
      <c r="H874" s="235">
        <f t="shared" si="199"/>
        <v>2.1086877937100859</v>
      </c>
      <c r="I874" s="236">
        <f t="shared" si="200"/>
        <v>15.095184942744771</v>
      </c>
      <c r="J874" s="237">
        <f t="shared" si="205"/>
        <v>5.0951849427447709</v>
      </c>
      <c r="K874" s="237">
        <f t="shared" si="201"/>
        <v>127.35807536193765</v>
      </c>
      <c r="L874" s="237">
        <f t="shared" si="206"/>
        <v>43.023741656536849</v>
      </c>
      <c r="M874" s="236">
        <f t="shared" si="202"/>
        <v>4.7555585999800174</v>
      </c>
      <c r="N874" s="236">
        <f t="shared" si="203"/>
        <v>3.4212776895343939</v>
      </c>
      <c r="O874" s="236">
        <f t="shared" si="207"/>
        <v>3.2980145439748436</v>
      </c>
      <c r="P874" s="236" t="str">
        <f t="shared" si="208"/>
        <v>CLAY</v>
      </c>
      <c r="Q874" s="236">
        <f t="shared" si="204"/>
        <v>17.050160386505194</v>
      </c>
      <c r="R874" s="238">
        <v>35</v>
      </c>
      <c r="S874" s="236">
        <f t="shared" si="209"/>
        <v>1.7556661291509954</v>
      </c>
      <c r="T874" s="236" t="e">
        <f t="shared" si="195"/>
        <v>#N/A</v>
      </c>
    </row>
    <row r="875" spans="1:20" x14ac:dyDescent="0.2">
      <c r="A875" s="53">
        <f t="shared" si="196"/>
        <v>863</v>
      </c>
      <c r="B875" s="239">
        <v>8.4550000000000001</v>
      </c>
      <c r="C875" s="3">
        <f t="shared" si="197"/>
        <v>8.4480000000000004</v>
      </c>
      <c r="D875" s="239">
        <v>0.28289999999999998</v>
      </c>
      <c r="E875" s="239">
        <v>7.0000000000000001E-3</v>
      </c>
      <c r="F875" s="239">
        <v>0.22789999999999999</v>
      </c>
      <c r="G875">
        <f t="shared" si="198"/>
        <v>0.32847999999999999</v>
      </c>
      <c r="H875" s="235">
        <f t="shared" si="199"/>
        <v>2.1310277642474427</v>
      </c>
      <c r="I875" s="236">
        <f t="shared" si="200"/>
        <v>15.091065801244845</v>
      </c>
      <c r="J875" s="237">
        <f t="shared" si="205"/>
        <v>5.0910658012448451</v>
      </c>
      <c r="K875" s="237">
        <f t="shared" si="201"/>
        <v>127.48932388891646</v>
      </c>
      <c r="L875" s="237">
        <f t="shared" si="206"/>
        <v>43.044961349525167</v>
      </c>
      <c r="M875" s="236">
        <f t="shared" si="202"/>
        <v>4.6693194699151634</v>
      </c>
      <c r="N875" s="236">
        <f t="shared" si="203"/>
        <v>3.4827486207028024</v>
      </c>
      <c r="O875" s="236">
        <f t="shared" si="207"/>
        <v>3.3088593272447371</v>
      </c>
      <c r="P875" s="236" t="str">
        <f t="shared" si="208"/>
        <v>CLAY</v>
      </c>
      <c r="Q875" s="236">
        <f t="shared" si="204"/>
        <v>16.749223009256962</v>
      </c>
      <c r="R875" s="238">
        <v>35</v>
      </c>
      <c r="S875" s="236">
        <f t="shared" si="209"/>
        <v>1.7159593474261681</v>
      </c>
      <c r="T875" s="236" t="e">
        <f t="shared" si="195"/>
        <v>#N/A</v>
      </c>
    </row>
    <row r="876" spans="1:20" x14ac:dyDescent="0.2">
      <c r="A876" s="53">
        <f t="shared" si="196"/>
        <v>864</v>
      </c>
      <c r="B876" s="239">
        <v>8.4649999999999999</v>
      </c>
      <c r="C876" s="3">
        <f t="shared" si="197"/>
        <v>8.4580000000000002</v>
      </c>
      <c r="D876" s="239">
        <v>0.28249999999999997</v>
      </c>
      <c r="E876" s="239">
        <v>7.0000000000000001E-3</v>
      </c>
      <c r="F876" s="239">
        <v>0.22639999999999999</v>
      </c>
      <c r="G876">
        <f t="shared" si="198"/>
        <v>0.32777999999999996</v>
      </c>
      <c r="H876" s="235">
        <f t="shared" si="199"/>
        <v>2.1355787418390384</v>
      </c>
      <c r="I876" s="236">
        <f t="shared" si="200"/>
        <v>15.090231968229384</v>
      </c>
      <c r="J876" s="237">
        <f t="shared" si="205"/>
        <v>5.090231968229384</v>
      </c>
      <c r="K876" s="237">
        <f t="shared" si="201"/>
        <v>127.63318198728413</v>
      </c>
      <c r="L876" s="237">
        <f t="shared" si="206"/>
        <v>43.088813611061731</v>
      </c>
      <c r="M876" s="236">
        <f t="shared" si="202"/>
        <v>4.6449832622296725</v>
      </c>
      <c r="N876" s="236">
        <f t="shared" si="203"/>
        <v>3.4974325695026898</v>
      </c>
      <c r="O876" s="236">
        <f t="shared" si="207"/>
        <v>3.3117532526030025</v>
      </c>
      <c r="P876" s="236" t="str">
        <f t="shared" si="208"/>
        <v>CLAY</v>
      </c>
      <c r="Q876" s="236">
        <f t="shared" si="204"/>
        <v>16.678901501059652</v>
      </c>
      <c r="R876" s="238">
        <v>35</v>
      </c>
      <c r="S876" s="236">
        <f t="shared" si="209"/>
        <v>1.7047872961472239</v>
      </c>
      <c r="T876" s="236" t="e">
        <f t="shared" si="195"/>
        <v>#N/A</v>
      </c>
    </row>
    <row r="877" spans="1:20" x14ac:dyDescent="0.2">
      <c r="A877" s="53">
        <f t="shared" si="196"/>
        <v>865</v>
      </c>
      <c r="B877" s="239">
        <v>8.4760000000000009</v>
      </c>
      <c r="C877" s="3">
        <f t="shared" si="197"/>
        <v>8.4690000000000012</v>
      </c>
      <c r="D877" s="239">
        <v>0.28060000000000002</v>
      </c>
      <c r="E877" s="239">
        <v>7.0000000000000001E-3</v>
      </c>
      <c r="F877" s="239">
        <v>0.2286</v>
      </c>
      <c r="G877">
        <f t="shared" si="198"/>
        <v>0.32632</v>
      </c>
      <c r="H877" s="235">
        <f t="shared" si="199"/>
        <v>2.1451336111792103</v>
      </c>
      <c r="I877" s="236">
        <f t="shared" si="200"/>
        <v>15.088487085499114</v>
      </c>
      <c r="J877" s="237">
        <f t="shared" si="205"/>
        <v>5.0884870854991142</v>
      </c>
      <c r="K877" s="237">
        <f t="shared" si="201"/>
        <v>127.78439712709202</v>
      </c>
      <c r="L877" s="237">
        <f t="shared" si="206"/>
        <v>43.130016536690498</v>
      </c>
      <c r="M877" s="236">
        <f t="shared" si="202"/>
        <v>4.6031886564201683</v>
      </c>
      <c r="N877" s="236">
        <f t="shared" si="203"/>
        <v>3.525815973914276</v>
      </c>
      <c r="O877" s="236">
        <f t="shared" si="207"/>
        <v>3.3169452336806229</v>
      </c>
      <c r="P877" s="236" t="str">
        <f t="shared" si="208"/>
        <v>CLAY</v>
      </c>
      <c r="Q877" s="236">
        <f t="shared" si="204"/>
        <v>16.544633572742331</v>
      </c>
      <c r="R877" s="238">
        <v>35</v>
      </c>
      <c r="S877" s="236">
        <f t="shared" si="209"/>
        <v>1.6856347528550943</v>
      </c>
      <c r="T877" s="236" t="e">
        <f t="shared" si="195"/>
        <v>#N/A</v>
      </c>
    </row>
    <row r="878" spans="1:20" x14ac:dyDescent="0.2">
      <c r="A878" s="53">
        <f t="shared" si="196"/>
        <v>866</v>
      </c>
      <c r="B878" s="239">
        <v>8.4849999999999994</v>
      </c>
      <c r="C878" s="3">
        <f t="shared" si="197"/>
        <v>8.4779999999999998</v>
      </c>
      <c r="D878" s="239">
        <v>0.27839999999999998</v>
      </c>
      <c r="E878" s="239">
        <v>6.8999999999999999E-3</v>
      </c>
      <c r="F878" s="239">
        <v>0.22800000000000001</v>
      </c>
      <c r="G878">
        <f t="shared" si="198"/>
        <v>0.32399999999999995</v>
      </c>
      <c r="H878" s="235">
        <f t="shared" si="199"/>
        <v>2.1296296296296298</v>
      </c>
      <c r="I878" s="236">
        <f t="shared" si="200"/>
        <v>15.068826108559028</v>
      </c>
      <c r="J878" s="237">
        <f t="shared" si="205"/>
        <v>5.068826108559028</v>
      </c>
      <c r="K878" s="237">
        <f t="shared" si="201"/>
        <v>127.75350774836343</v>
      </c>
      <c r="L878" s="237">
        <f t="shared" si="206"/>
        <v>43.008989531123348</v>
      </c>
      <c r="M878" s="236">
        <f t="shared" si="202"/>
        <v>4.5629179943793661</v>
      </c>
      <c r="N878" s="236">
        <f t="shared" si="203"/>
        <v>3.5159864111876682</v>
      </c>
      <c r="O878" s="236">
        <f t="shared" si="207"/>
        <v>3.3195300079912649</v>
      </c>
      <c r="P878" s="236" t="str">
        <f t="shared" si="208"/>
        <v>CLAY</v>
      </c>
      <c r="Q878" s="236">
        <f t="shared" si="204"/>
        <v>16.353874354303041</v>
      </c>
      <c r="R878" s="238">
        <v>35</v>
      </c>
      <c r="S878" s="236">
        <f t="shared" si="209"/>
        <v>1.6672216382315348</v>
      </c>
      <c r="T878" s="236" t="e">
        <f t="shared" si="195"/>
        <v>#N/A</v>
      </c>
    </row>
    <row r="879" spans="1:20" x14ac:dyDescent="0.2">
      <c r="A879" s="53">
        <f t="shared" si="196"/>
        <v>867</v>
      </c>
      <c r="B879" s="239">
        <v>8.4960000000000004</v>
      </c>
      <c r="C879" s="3">
        <f t="shared" si="197"/>
        <v>8.4890000000000008</v>
      </c>
      <c r="D879" s="239">
        <v>0.2767</v>
      </c>
      <c r="E879" s="239">
        <v>7.0000000000000001E-3</v>
      </c>
      <c r="F879" s="239">
        <v>0.2334</v>
      </c>
      <c r="G879">
        <f t="shared" si="198"/>
        <v>0.32338</v>
      </c>
      <c r="H879" s="235">
        <f t="shared" si="199"/>
        <v>2.1646360319129201</v>
      </c>
      <c r="I879" s="236">
        <f t="shared" si="200"/>
        <v>15.084949603452237</v>
      </c>
      <c r="J879" s="237">
        <f t="shared" si="205"/>
        <v>5.0849496034522375</v>
      </c>
      <c r="K879" s="237">
        <f t="shared" si="201"/>
        <v>128.05613718370606</v>
      </c>
      <c r="L879" s="237">
        <f t="shared" si="206"/>
        <v>43.201731830930214</v>
      </c>
      <c r="M879" s="236">
        <f t="shared" si="202"/>
        <v>4.5212044642259483</v>
      </c>
      <c r="N879" s="236">
        <f t="shared" si="203"/>
        <v>3.5837915035418084</v>
      </c>
      <c r="O879" s="236">
        <f t="shared" si="207"/>
        <v>3.3273242035905426</v>
      </c>
      <c r="P879" s="236" t="str">
        <f t="shared" si="208"/>
        <v>CLAY</v>
      </c>
      <c r="Q879" s="236">
        <f t="shared" si="204"/>
        <v>16.276988568024496</v>
      </c>
      <c r="R879" s="238">
        <v>35</v>
      </c>
      <c r="S879" s="236">
        <f t="shared" si="209"/>
        <v>1.6481915883478595</v>
      </c>
      <c r="T879" s="236" t="e">
        <f t="shared" si="195"/>
        <v>#N/A</v>
      </c>
    </row>
    <row r="880" spans="1:20" x14ac:dyDescent="0.2">
      <c r="A880" s="53">
        <f t="shared" si="196"/>
        <v>868</v>
      </c>
      <c r="B880" s="239">
        <v>8.5050000000000008</v>
      </c>
      <c r="C880" s="3">
        <f t="shared" si="197"/>
        <v>8.4980000000000011</v>
      </c>
      <c r="D880" s="239">
        <v>0.2712</v>
      </c>
      <c r="E880" s="239">
        <v>7.3000000000000001E-3</v>
      </c>
      <c r="F880" s="239">
        <v>0.2384</v>
      </c>
      <c r="G880">
        <f t="shared" si="198"/>
        <v>0.31888</v>
      </c>
      <c r="H880" s="235">
        <f t="shared" si="199"/>
        <v>2.2892624184646264</v>
      </c>
      <c r="I880" s="236">
        <f t="shared" si="200"/>
        <v>15.12867932992849</v>
      </c>
      <c r="J880" s="237">
        <f t="shared" si="205"/>
        <v>5.1286793299284898</v>
      </c>
      <c r="K880" s="237">
        <f t="shared" si="201"/>
        <v>128.56351694573232</v>
      </c>
      <c r="L880" s="237">
        <f t="shared" si="206"/>
        <v>43.619417701041812</v>
      </c>
      <c r="M880" s="236">
        <f t="shared" si="202"/>
        <v>4.3631137939221531</v>
      </c>
      <c r="N880" s="236">
        <f t="shared" si="203"/>
        <v>3.8357161097383483</v>
      </c>
      <c r="O880" s="236">
        <f t="shared" si="207"/>
        <v>3.3561754519411546</v>
      </c>
      <c r="P880" s="236" t="str">
        <f t="shared" si="208"/>
        <v>CLAY</v>
      </c>
      <c r="Q880" s="236">
        <f t="shared" si="204"/>
        <v>15.859706921188973</v>
      </c>
      <c r="R880" s="238">
        <v>35</v>
      </c>
      <c r="S880" s="236">
        <f t="shared" si="209"/>
        <v>1.5764699019078503</v>
      </c>
      <c r="T880" s="236" t="e">
        <f t="shared" si="195"/>
        <v>#N/A</v>
      </c>
    </row>
    <row r="881" spans="1:20" x14ac:dyDescent="0.2">
      <c r="A881" s="53">
        <f t="shared" si="196"/>
        <v>869</v>
      </c>
      <c r="B881" s="239">
        <v>8.516</v>
      </c>
      <c r="C881" s="3">
        <f t="shared" si="197"/>
        <v>8.5090000000000003</v>
      </c>
      <c r="D881" s="239">
        <v>0.27289999999999998</v>
      </c>
      <c r="E881" s="239">
        <v>7.3000000000000001E-3</v>
      </c>
      <c r="F881" s="239">
        <v>0.24149999999999999</v>
      </c>
      <c r="G881">
        <f t="shared" si="198"/>
        <v>0.32119999999999999</v>
      </c>
      <c r="H881" s="235">
        <f t="shared" si="199"/>
        <v>2.2727272727272729</v>
      </c>
      <c r="I881" s="236">
        <f t="shared" si="200"/>
        <v>15.131512759653695</v>
      </c>
      <c r="J881" s="237">
        <f t="shared" si="205"/>
        <v>5.1315127596536954</v>
      </c>
      <c r="K881" s="237">
        <f t="shared" si="201"/>
        <v>128.75404207189331</v>
      </c>
      <c r="L881" s="237">
        <f t="shared" si="206"/>
        <v>43.699962661210868</v>
      </c>
      <c r="M881" s="236">
        <f t="shared" si="202"/>
        <v>4.4038014270187542</v>
      </c>
      <c r="N881" s="236">
        <f t="shared" si="203"/>
        <v>3.7932727081371644</v>
      </c>
      <c r="O881" s="236">
        <f t="shared" si="207"/>
        <v>3.3501792971212319</v>
      </c>
      <c r="P881" s="236" t="str">
        <f t="shared" si="208"/>
        <v>CLAY</v>
      </c>
      <c r="Q881" s="236">
        <f t="shared" si="204"/>
        <v>16.037163160675558</v>
      </c>
      <c r="R881" s="238">
        <v>35</v>
      </c>
      <c r="S881" s="236">
        <f t="shared" si="209"/>
        <v>1.5948677216198512</v>
      </c>
      <c r="T881" s="236" t="e">
        <f t="shared" si="195"/>
        <v>#N/A</v>
      </c>
    </row>
    <row r="882" spans="1:20" x14ac:dyDescent="0.2">
      <c r="A882" s="53">
        <f t="shared" si="196"/>
        <v>870</v>
      </c>
      <c r="B882" s="239">
        <v>8.5250000000000004</v>
      </c>
      <c r="C882" s="3">
        <f t="shared" si="197"/>
        <v>8.5180000000000007</v>
      </c>
      <c r="D882" s="239">
        <v>0.27310000000000001</v>
      </c>
      <c r="E882" s="239">
        <v>7.3000000000000001E-3</v>
      </c>
      <c r="F882" s="239">
        <v>0.2432</v>
      </c>
      <c r="G882">
        <f t="shared" si="198"/>
        <v>0.32174000000000003</v>
      </c>
      <c r="H882" s="235">
        <f t="shared" si="199"/>
        <v>2.2689127867221979</v>
      </c>
      <c r="I882" s="236">
        <f t="shared" si="200"/>
        <v>15.132169328440316</v>
      </c>
      <c r="J882" s="237">
        <f t="shared" si="205"/>
        <v>5.132169328440316</v>
      </c>
      <c r="K882" s="237">
        <f t="shared" si="201"/>
        <v>128.89581833965462</v>
      </c>
      <c r="L882" s="237">
        <f t="shared" si="206"/>
        <v>43.751743524953696</v>
      </c>
      <c r="M882" s="236">
        <f t="shared" si="202"/>
        <v>4.4076913540681462</v>
      </c>
      <c r="N882" s="236">
        <f t="shared" si="203"/>
        <v>3.785439590216634</v>
      </c>
      <c r="O882" s="236">
        <f t="shared" si="207"/>
        <v>3.3493737891511195</v>
      </c>
      <c r="P882" s="236" t="str">
        <f t="shared" si="208"/>
        <v>CLAY</v>
      </c>
      <c r="Q882" s="236">
        <f t="shared" si="204"/>
        <v>16.07034847169545</v>
      </c>
      <c r="R882" s="238">
        <v>35</v>
      </c>
      <c r="S882" s="236">
        <f t="shared" si="209"/>
        <v>1.5966288716288364</v>
      </c>
      <c r="T882" s="236" t="e">
        <f t="shared" si="195"/>
        <v>#N/A</v>
      </c>
    </row>
    <row r="883" spans="1:20" x14ac:dyDescent="0.2">
      <c r="A883" s="53">
        <f t="shared" si="196"/>
        <v>871</v>
      </c>
      <c r="B883" s="239">
        <v>8.5359999999999996</v>
      </c>
      <c r="C883" s="3">
        <f t="shared" si="197"/>
        <v>8.5289999999999999</v>
      </c>
      <c r="D883" s="239">
        <v>0.27660000000000001</v>
      </c>
      <c r="E883" s="239">
        <v>7.1999999999999998E-3</v>
      </c>
      <c r="F883" s="239">
        <v>0.24379999999999999</v>
      </c>
      <c r="G883">
        <f t="shared" si="198"/>
        <v>0.32535999999999998</v>
      </c>
      <c r="H883" s="235">
        <f t="shared" si="199"/>
        <v>2.2129333661175314</v>
      </c>
      <c r="I883" s="236">
        <f t="shared" si="200"/>
        <v>15.12036853820379</v>
      </c>
      <c r="J883" s="237">
        <f t="shared" si="205"/>
        <v>5.12036853820379</v>
      </c>
      <c r="K883" s="237">
        <f t="shared" si="201"/>
        <v>128.96162326234011</v>
      </c>
      <c r="L883" s="237">
        <f t="shared" si="206"/>
        <v>43.707465842107553</v>
      </c>
      <c r="M883" s="236">
        <f t="shared" si="202"/>
        <v>4.4934743516621509</v>
      </c>
      <c r="N883" s="236">
        <f t="shared" si="203"/>
        <v>3.6660180799851712</v>
      </c>
      <c r="O883" s="236">
        <f t="shared" si="207"/>
        <v>3.3348452829244843</v>
      </c>
      <c r="P883" s="236" t="str">
        <f t="shared" si="208"/>
        <v>CLAY</v>
      </c>
      <c r="Q883" s="236">
        <f t="shared" si="204"/>
        <v>16.366531394804987</v>
      </c>
      <c r="R883" s="238">
        <v>35</v>
      </c>
      <c r="S883" s="236">
        <f t="shared" si="209"/>
        <v>1.6355651288114992</v>
      </c>
      <c r="T883" s="236" t="e">
        <f t="shared" si="195"/>
        <v>#N/A</v>
      </c>
    </row>
    <row r="884" spans="1:20" x14ac:dyDescent="0.2">
      <c r="A884" s="53">
        <f t="shared" si="196"/>
        <v>872</v>
      </c>
      <c r="B884" s="239">
        <v>8.5449999999999999</v>
      </c>
      <c r="C884" s="3">
        <f t="shared" si="197"/>
        <v>8.5380000000000003</v>
      </c>
      <c r="D884" s="239">
        <v>0.27360000000000001</v>
      </c>
      <c r="E884" s="239">
        <v>7.1999999999999998E-3</v>
      </c>
      <c r="F884" s="239">
        <v>0.2452</v>
      </c>
      <c r="G884">
        <f t="shared" si="198"/>
        <v>0.32263999999999998</v>
      </c>
      <c r="H884" s="235">
        <f t="shared" si="199"/>
        <v>2.2315893875526904</v>
      </c>
      <c r="I884" s="236">
        <f t="shared" si="200"/>
        <v>15.117087182846518</v>
      </c>
      <c r="J884" s="237">
        <f t="shared" si="205"/>
        <v>5.1170871828465181</v>
      </c>
      <c r="K884" s="237">
        <f t="shared" si="201"/>
        <v>129.06969036714358</v>
      </c>
      <c r="L884" s="237">
        <f t="shared" si="206"/>
        <v>43.725509977423499</v>
      </c>
      <c r="M884" s="236">
        <f t="shared" si="202"/>
        <v>4.42694229827854</v>
      </c>
      <c r="N884" s="236">
        <f t="shared" si="203"/>
        <v>3.7195786965760376</v>
      </c>
      <c r="O884" s="236">
        <f t="shared" si="207"/>
        <v>3.3436891716800612</v>
      </c>
      <c r="P884" s="236" t="str">
        <f t="shared" si="208"/>
        <v>CLAY</v>
      </c>
      <c r="Q884" s="236">
        <f t="shared" si="204"/>
        <v>16.130859136071368</v>
      </c>
      <c r="R884" s="238">
        <v>35</v>
      </c>
      <c r="S884" s="236">
        <f t="shared" si="209"/>
        <v>1.6053503805637834</v>
      </c>
      <c r="T884" s="236" t="e">
        <f t="shared" si="195"/>
        <v>#N/A</v>
      </c>
    </row>
    <row r="885" spans="1:20" x14ac:dyDescent="0.2">
      <c r="A885" s="53">
        <f t="shared" si="196"/>
        <v>873</v>
      </c>
      <c r="B885" s="239">
        <v>8.5559999999999992</v>
      </c>
      <c r="C885" s="3">
        <f t="shared" si="197"/>
        <v>8.5489999999999995</v>
      </c>
      <c r="D885" s="239">
        <v>0.27450000000000002</v>
      </c>
      <c r="E885" s="239">
        <v>7.0000000000000001E-3</v>
      </c>
      <c r="F885" s="239">
        <v>0.24440000000000001</v>
      </c>
      <c r="G885">
        <f t="shared" si="198"/>
        <v>0.32338</v>
      </c>
      <c r="H885" s="235">
        <f t="shared" si="199"/>
        <v>2.1646360319129201</v>
      </c>
      <c r="I885" s="236">
        <f t="shared" si="200"/>
        <v>15.084949603452237</v>
      </c>
      <c r="J885" s="237">
        <f t="shared" si="205"/>
        <v>5.0849496034522375</v>
      </c>
      <c r="K885" s="237">
        <f t="shared" si="201"/>
        <v>128.96123415991318</v>
      </c>
      <c r="L885" s="237">
        <f t="shared" si="206"/>
        <v>43.506828807137339</v>
      </c>
      <c r="M885" s="236">
        <f t="shared" si="202"/>
        <v>4.4686954018628047</v>
      </c>
      <c r="N885" s="236">
        <f t="shared" si="203"/>
        <v>3.6004754838108761</v>
      </c>
      <c r="O885" s="236">
        <f t="shared" si="207"/>
        <v>3.3326918446138301</v>
      </c>
      <c r="P885" s="236" t="str">
        <f t="shared" si="208"/>
        <v>CLAY</v>
      </c>
      <c r="Q885" s="236">
        <f t="shared" si="204"/>
        <v>16.201563820007234</v>
      </c>
      <c r="R885" s="238">
        <v>35</v>
      </c>
      <c r="S885" s="236">
        <f t="shared" si="209"/>
        <v>1.6242988989891114</v>
      </c>
      <c r="T885" s="236" t="e">
        <f t="shared" si="195"/>
        <v>#N/A</v>
      </c>
    </row>
    <row r="886" spans="1:20" x14ac:dyDescent="0.2">
      <c r="A886" s="53">
        <f t="shared" si="196"/>
        <v>874</v>
      </c>
      <c r="B886" s="239">
        <v>8.5649999999999995</v>
      </c>
      <c r="C886" s="3">
        <f t="shared" si="197"/>
        <v>8.5579999999999998</v>
      </c>
      <c r="D886" s="239">
        <v>0.27950000000000003</v>
      </c>
      <c r="E886" s="239">
        <v>7.1000000000000004E-3</v>
      </c>
      <c r="F886" s="239">
        <v>0.24540000000000001</v>
      </c>
      <c r="G886">
        <f t="shared" si="198"/>
        <v>0.32858000000000004</v>
      </c>
      <c r="H886" s="235">
        <f t="shared" si="199"/>
        <v>2.1608131961774908</v>
      </c>
      <c r="I886" s="236">
        <f t="shared" si="200"/>
        <v>15.107817608673137</v>
      </c>
      <c r="J886" s="237">
        <f t="shared" si="205"/>
        <v>5.1078176086731375</v>
      </c>
      <c r="K886" s="237">
        <f t="shared" si="201"/>
        <v>129.29270309502471</v>
      </c>
      <c r="L886" s="237">
        <f t="shared" si="206"/>
        <v>43.748457818285424</v>
      </c>
      <c r="M886" s="236">
        <f t="shared" si="202"/>
        <v>4.5552987886507799</v>
      </c>
      <c r="N886" s="236">
        <f t="shared" si="203"/>
        <v>3.5626957213361372</v>
      </c>
      <c r="O886" s="236">
        <f t="shared" si="207"/>
        <v>3.3231968458132668</v>
      </c>
      <c r="P886" s="236" t="str">
        <f t="shared" si="208"/>
        <v>CLAY</v>
      </c>
      <c r="Q886" s="236">
        <f t="shared" si="204"/>
        <v>16.607274742081277</v>
      </c>
      <c r="R886" s="238">
        <v>35</v>
      </c>
      <c r="S886" s="236">
        <f t="shared" si="209"/>
        <v>1.6637424358507062</v>
      </c>
      <c r="T886" s="236" t="e">
        <f t="shared" si="195"/>
        <v>#N/A</v>
      </c>
    </row>
    <row r="887" spans="1:20" x14ac:dyDescent="0.2">
      <c r="A887" s="53">
        <f t="shared" si="196"/>
        <v>875</v>
      </c>
      <c r="B887" s="239">
        <v>8.5749999999999993</v>
      </c>
      <c r="C887" s="3">
        <f t="shared" si="197"/>
        <v>8.5679999999999996</v>
      </c>
      <c r="D887" s="239">
        <v>0.28389999999999999</v>
      </c>
      <c r="E887" s="239">
        <v>7.0000000000000001E-3</v>
      </c>
      <c r="F887" s="239">
        <v>0.2429</v>
      </c>
      <c r="G887">
        <f t="shared" si="198"/>
        <v>0.33248</v>
      </c>
      <c r="H887" s="235">
        <f t="shared" si="199"/>
        <v>2.1053897978825793</v>
      </c>
      <c r="I887" s="236">
        <f t="shared" si="200"/>
        <v>15.095796735710355</v>
      </c>
      <c r="J887" s="237">
        <f t="shared" si="205"/>
        <v>5.0957967357103549</v>
      </c>
      <c r="K887" s="237">
        <f t="shared" si="201"/>
        <v>129.3407864315663</v>
      </c>
      <c r="L887" s="237">
        <f t="shared" si="206"/>
        <v>43.696457008716287</v>
      </c>
      <c r="M887" s="236">
        <f t="shared" si="202"/>
        <v>4.6488714983897399</v>
      </c>
      <c r="N887" s="236">
        <f t="shared" si="203"/>
        <v>3.4459127201660813</v>
      </c>
      <c r="O887" s="236">
        <f t="shared" si="207"/>
        <v>3.3080173986922166</v>
      </c>
      <c r="P887" s="236" t="str">
        <f t="shared" si="208"/>
        <v>CLAY</v>
      </c>
      <c r="Q887" s="236">
        <f t="shared" si="204"/>
        <v>16.928267797369475</v>
      </c>
      <c r="R887" s="238">
        <v>35</v>
      </c>
      <c r="S887" s="236">
        <f t="shared" si="209"/>
        <v>1.7065712931711017</v>
      </c>
      <c r="T887" s="236" t="e">
        <f t="shared" si="195"/>
        <v>#N/A</v>
      </c>
    </row>
    <row r="888" spans="1:20" x14ac:dyDescent="0.2">
      <c r="A888" s="53">
        <f t="shared" si="196"/>
        <v>876</v>
      </c>
      <c r="B888" s="239">
        <v>8.5850000000000009</v>
      </c>
      <c r="C888" s="3">
        <f t="shared" si="197"/>
        <v>8.5780000000000012</v>
      </c>
      <c r="D888" s="239">
        <v>0.2787</v>
      </c>
      <c r="E888" s="239">
        <v>7.1000000000000004E-3</v>
      </c>
      <c r="F888" s="239">
        <v>0.2482</v>
      </c>
      <c r="G888">
        <f t="shared" si="198"/>
        <v>0.32833999999999997</v>
      </c>
      <c r="H888" s="235">
        <f t="shared" si="199"/>
        <v>2.1623926417737716</v>
      </c>
      <c r="I888" s="236">
        <f t="shared" si="200"/>
        <v>15.107532010389434</v>
      </c>
      <c r="J888" s="237">
        <f t="shared" si="205"/>
        <v>5.1075320103894342</v>
      </c>
      <c r="K888" s="237">
        <f t="shared" si="201"/>
        <v>129.59240958512058</v>
      </c>
      <c r="L888" s="237">
        <f t="shared" si="206"/>
        <v>43.848162309193299</v>
      </c>
      <c r="M888" s="236">
        <f t="shared" si="202"/>
        <v>4.5326321548761817</v>
      </c>
      <c r="N888" s="236">
        <f t="shared" si="203"/>
        <v>3.5723703543670502</v>
      </c>
      <c r="O888" s="236">
        <f t="shared" si="207"/>
        <v>3.3256575764172371</v>
      </c>
      <c r="P888" s="236" t="str">
        <f t="shared" si="208"/>
        <v>CLAY</v>
      </c>
      <c r="Q888" s="236">
        <f t="shared" si="204"/>
        <v>16.562299201239949</v>
      </c>
      <c r="R888" s="238">
        <v>35</v>
      </c>
      <c r="S888" s="236">
        <f t="shared" si="209"/>
        <v>1.6534006457095383</v>
      </c>
      <c r="T888" s="236" t="e">
        <f t="shared" si="195"/>
        <v>#N/A</v>
      </c>
    </row>
    <row r="889" spans="1:20" x14ac:dyDescent="0.2">
      <c r="A889" s="53">
        <f t="shared" si="196"/>
        <v>877</v>
      </c>
      <c r="B889" s="239">
        <v>8.5950000000000006</v>
      </c>
      <c r="C889" s="3">
        <f t="shared" si="197"/>
        <v>8.588000000000001</v>
      </c>
      <c r="D889" s="239">
        <v>0.28120000000000001</v>
      </c>
      <c r="E889" s="239">
        <v>7.0000000000000001E-3</v>
      </c>
      <c r="F889" s="239">
        <v>0.25030000000000002</v>
      </c>
      <c r="G889">
        <f t="shared" si="198"/>
        <v>0.33126</v>
      </c>
      <c r="H889" s="235">
        <f t="shared" si="199"/>
        <v>2.1131437541508182</v>
      </c>
      <c r="I889" s="236">
        <f t="shared" si="200"/>
        <v>15.094359860192384</v>
      </c>
      <c r="J889" s="237">
        <f t="shared" si="205"/>
        <v>5.0943598601923838</v>
      </c>
      <c r="K889" s="237">
        <f t="shared" si="201"/>
        <v>129.63036247933221</v>
      </c>
      <c r="L889" s="237">
        <f t="shared" si="206"/>
        <v>43.786022998353545</v>
      </c>
      <c r="M889" s="236">
        <f t="shared" si="202"/>
        <v>4.6048858451531327</v>
      </c>
      <c r="N889" s="236">
        <f t="shared" si="203"/>
        <v>3.4717118406179122</v>
      </c>
      <c r="O889" s="236">
        <f t="shared" si="207"/>
        <v>3.3132362330830873</v>
      </c>
      <c r="P889" s="236" t="str">
        <f t="shared" si="208"/>
        <v>CLAY</v>
      </c>
      <c r="Q889" s="236">
        <f t="shared" si="204"/>
        <v>16.802469793388983</v>
      </c>
      <c r="R889" s="238">
        <v>35</v>
      </c>
      <c r="S889" s="236">
        <f t="shared" si="209"/>
        <v>1.6864116524024162</v>
      </c>
      <c r="T889" s="236" t="e">
        <f t="shared" si="195"/>
        <v>#N/A</v>
      </c>
    </row>
    <row r="890" spans="1:20" x14ac:dyDescent="0.2">
      <c r="A890" s="53">
        <f t="shared" si="196"/>
        <v>878</v>
      </c>
      <c r="B890" s="239">
        <v>8.6039999999999992</v>
      </c>
      <c r="C890" s="3">
        <f t="shared" si="197"/>
        <v>8.5969999999999995</v>
      </c>
      <c r="D890" s="239">
        <v>0.28510000000000002</v>
      </c>
      <c r="E890" s="239">
        <v>7.0000000000000001E-3</v>
      </c>
      <c r="F890" s="239">
        <v>0.25040000000000001</v>
      </c>
      <c r="G890">
        <f t="shared" si="198"/>
        <v>0.33518000000000003</v>
      </c>
      <c r="H890" s="235">
        <f t="shared" si="199"/>
        <v>2.0884300972611727</v>
      </c>
      <c r="I890" s="236">
        <f t="shared" si="200"/>
        <v>15.098958049384896</v>
      </c>
      <c r="J890" s="237">
        <f t="shared" si="205"/>
        <v>5.0989580493848958</v>
      </c>
      <c r="K890" s="237">
        <f t="shared" si="201"/>
        <v>129.80574235056193</v>
      </c>
      <c r="L890" s="237">
        <f t="shared" si="206"/>
        <v>43.871435056907643</v>
      </c>
      <c r="M890" s="236">
        <f t="shared" si="202"/>
        <v>4.6812751254441016</v>
      </c>
      <c r="N890" s="236">
        <f t="shared" si="203"/>
        <v>3.4084115897078946</v>
      </c>
      <c r="O890" s="236">
        <f t="shared" si="207"/>
        <v>3.3029380001283073</v>
      </c>
      <c r="P890" s="236" t="str">
        <f t="shared" si="208"/>
        <v>CLAY</v>
      </c>
      <c r="Q890" s="236">
        <f t="shared" si="204"/>
        <v>17.114521470786507</v>
      </c>
      <c r="R890" s="238">
        <v>35</v>
      </c>
      <c r="S890" s="236">
        <f t="shared" si="209"/>
        <v>1.7214531835553766</v>
      </c>
      <c r="T890" s="236" t="e">
        <f t="shared" si="195"/>
        <v>#N/A</v>
      </c>
    </row>
    <row r="891" spans="1:20" x14ac:dyDescent="0.2">
      <c r="A891" s="53">
        <f t="shared" si="196"/>
        <v>879</v>
      </c>
      <c r="B891" s="239">
        <v>8.6150000000000002</v>
      </c>
      <c r="C891" s="3">
        <f t="shared" si="197"/>
        <v>8.6080000000000005</v>
      </c>
      <c r="D891" s="239">
        <v>0.28499999999999998</v>
      </c>
      <c r="E891" s="239">
        <v>6.8999999999999999E-3</v>
      </c>
      <c r="F891" s="239">
        <v>0.247</v>
      </c>
      <c r="G891">
        <f t="shared" si="198"/>
        <v>0.33439999999999998</v>
      </c>
      <c r="H891" s="235">
        <f t="shared" si="199"/>
        <v>2.0633971291866029</v>
      </c>
      <c r="I891" s="236">
        <f t="shared" si="200"/>
        <v>15.081175241263356</v>
      </c>
      <c r="J891" s="237">
        <f t="shared" si="205"/>
        <v>5.081175241263356</v>
      </c>
      <c r="K891" s="237">
        <f t="shared" si="201"/>
        <v>129.81875647679499</v>
      </c>
      <c r="L891" s="237">
        <f t="shared" si="206"/>
        <v>43.774324703483813</v>
      </c>
      <c r="M891" s="236">
        <f t="shared" si="202"/>
        <v>4.6735442501737383</v>
      </c>
      <c r="N891" s="236">
        <f t="shared" si="203"/>
        <v>3.3727432100672292</v>
      </c>
      <c r="O891" s="236">
        <f t="shared" si="207"/>
        <v>3.301124967319534</v>
      </c>
      <c r="P891" s="236" t="str">
        <f t="shared" si="208"/>
        <v>CLAY</v>
      </c>
      <c r="Q891" s="236">
        <f t="shared" si="204"/>
        <v>17.048436960267082</v>
      </c>
      <c r="R891" s="238">
        <v>35</v>
      </c>
      <c r="S891" s="236">
        <f t="shared" si="209"/>
        <v>1.7179003077088184</v>
      </c>
      <c r="T891" s="236" t="e">
        <f t="shared" si="195"/>
        <v>#N/A</v>
      </c>
    </row>
    <row r="892" spans="1:20" x14ac:dyDescent="0.2">
      <c r="A892" s="53">
        <f t="shared" si="196"/>
        <v>880</v>
      </c>
      <c r="B892" s="239">
        <v>8.6240000000000006</v>
      </c>
      <c r="C892" s="3">
        <f t="shared" si="197"/>
        <v>8.6170000000000009</v>
      </c>
      <c r="D892" s="239">
        <v>0.28239999999999998</v>
      </c>
      <c r="E892" s="239">
        <v>6.7000000000000002E-3</v>
      </c>
      <c r="F892" s="239">
        <v>0.23980000000000001</v>
      </c>
      <c r="G892">
        <f t="shared" si="198"/>
        <v>0.33035999999999999</v>
      </c>
      <c r="H892" s="235">
        <f t="shared" si="199"/>
        <v>2.0280905678653589</v>
      </c>
      <c r="I892" s="236">
        <f t="shared" si="200"/>
        <v>15.041933733371577</v>
      </c>
      <c r="J892" s="237">
        <f t="shared" si="205"/>
        <v>5.041933733371577</v>
      </c>
      <c r="K892" s="237">
        <f t="shared" si="201"/>
        <v>129.61634298046289</v>
      </c>
      <c r="L892" s="237">
        <f t="shared" si="206"/>
        <v>43.481636516596481</v>
      </c>
      <c r="M892" s="236">
        <f t="shared" si="202"/>
        <v>4.6167456678617738</v>
      </c>
      <c r="N892" s="236">
        <f t="shared" si="203"/>
        <v>3.3375898892526061</v>
      </c>
      <c r="O892" s="236">
        <f t="shared" si="207"/>
        <v>3.3032271015376979</v>
      </c>
      <c r="P892" s="236" t="str">
        <f t="shared" si="208"/>
        <v>CLAY</v>
      </c>
      <c r="Q892" s="236">
        <f t="shared" si="204"/>
        <v>16.728638084961428</v>
      </c>
      <c r="R892" s="238">
        <v>35</v>
      </c>
      <c r="S892" s="236">
        <f t="shared" si="209"/>
        <v>1.6918425628078988</v>
      </c>
      <c r="T892" s="236" t="e">
        <f t="shared" si="195"/>
        <v>#N/A</v>
      </c>
    </row>
    <row r="893" spans="1:20" x14ac:dyDescent="0.2">
      <c r="A893" s="53">
        <f t="shared" si="196"/>
        <v>881</v>
      </c>
      <c r="B893" s="239">
        <v>8.6349999999999998</v>
      </c>
      <c r="C893" s="3">
        <f t="shared" si="197"/>
        <v>8.6280000000000001</v>
      </c>
      <c r="D893" s="239">
        <v>0.27639999999999998</v>
      </c>
      <c r="E893" s="239">
        <v>6.7999999999999996E-3</v>
      </c>
      <c r="F893" s="239">
        <v>0.24349999999999999</v>
      </c>
      <c r="G893">
        <f t="shared" si="198"/>
        <v>0.32509999999999994</v>
      </c>
      <c r="H893" s="235">
        <f t="shared" si="199"/>
        <v>2.0916641033528149</v>
      </c>
      <c r="I893" s="236">
        <f t="shared" si="200"/>
        <v>15.053032391235838</v>
      </c>
      <c r="J893" s="237">
        <f t="shared" si="205"/>
        <v>5.0530323912358384</v>
      </c>
      <c r="K893" s="237">
        <f t="shared" si="201"/>
        <v>129.87756347158282</v>
      </c>
      <c r="L893" s="237">
        <f t="shared" si="206"/>
        <v>43.632934698321463</v>
      </c>
      <c r="M893" s="236">
        <f t="shared" si="202"/>
        <v>4.4741990855803531</v>
      </c>
      <c r="N893" s="236">
        <f t="shared" si="203"/>
        <v>3.483206193367109</v>
      </c>
      <c r="O893" s="236">
        <f t="shared" si="207"/>
        <v>3.3245957404730162</v>
      </c>
      <c r="P893" s="236" t="str">
        <f t="shared" si="208"/>
        <v>CLAY</v>
      </c>
      <c r="Q893" s="236">
        <f t="shared" si="204"/>
        <v>16.268536377368097</v>
      </c>
      <c r="R893" s="238">
        <v>35</v>
      </c>
      <c r="S893" s="236">
        <f t="shared" si="209"/>
        <v>1.626799909474409</v>
      </c>
      <c r="T893" s="236" t="e">
        <f t="shared" si="195"/>
        <v>#N/A</v>
      </c>
    </row>
    <row r="894" spans="1:20" x14ac:dyDescent="0.2">
      <c r="A894" s="53">
        <f t="shared" si="196"/>
        <v>882</v>
      </c>
      <c r="B894" s="239">
        <v>8.6440000000000001</v>
      </c>
      <c r="C894" s="3">
        <f t="shared" si="197"/>
        <v>8.6370000000000005</v>
      </c>
      <c r="D894" s="239">
        <v>0.27629999999999999</v>
      </c>
      <c r="E894" s="239">
        <v>6.8999999999999999E-3</v>
      </c>
      <c r="F894" s="239">
        <v>0.2465</v>
      </c>
      <c r="G894">
        <f t="shared" si="198"/>
        <v>0.3256</v>
      </c>
      <c r="H894" s="235">
        <f t="shared" si="199"/>
        <v>2.1191646191646192</v>
      </c>
      <c r="I894" s="236">
        <f t="shared" si="200"/>
        <v>15.070751555968522</v>
      </c>
      <c r="J894" s="237">
        <f t="shared" si="205"/>
        <v>5.0707515559685223</v>
      </c>
      <c r="K894" s="237">
        <f t="shared" si="201"/>
        <v>130.16608118890014</v>
      </c>
      <c r="L894" s="237">
        <f t="shared" si="206"/>
        <v>43.83157644979191</v>
      </c>
      <c r="M894" s="236">
        <f t="shared" si="202"/>
        <v>4.4587472010039395</v>
      </c>
      <c r="N894" s="236">
        <f t="shared" si="203"/>
        <v>3.5306051487763064</v>
      </c>
      <c r="O894" s="236">
        <f t="shared" si="207"/>
        <v>3.328983443204653</v>
      </c>
      <c r="P894" s="236" t="str">
        <f t="shared" si="208"/>
        <v>CLAY</v>
      </c>
      <c r="Q894" s="236">
        <f t="shared" si="204"/>
        <v>16.286159900924989</v>
      </c>
      <c r="R894" s="238">
        <v>35</v>
      </c>
      <c r="S894" s="236">
        <f t="shared" si="209"/>
        <v>1.6197801437530306</v>
      </c>
      <c r="T894" s="236" t="e">
        <f t="shared" si="195"/>
        <v>#N/A</v>
      </c>
    </row>
    <row r="895" spans="1:20" x14ac:dyDescent="0.2">
      <c r="A895" s="53">
        <f t="shared" si="196"/>
        <v>883</v>
      </c>
      <c r="B895" s="239">
        <v>8.6539999999999999</v>
      </c>
      <c r="C895" s="3">
        <f t="shared" si="197"/>
        <v>8.6470000000000002</v>
      </c>
      <c r="D895" s="239">
        <v>0.27439999999999998</v>
      </c>
      <c r="E895" s="239">
        <v>7.0000000000000001E-3</v>
      </c>
      <c r="F895" s="239">
        <v>0.24740000000000001</v>
      </c>
      <c r="G895">
        <f t="shared" si="198"/>
        <v>0.32387999999999995</v>
      </c>
      <c r="H895" s="235">
        <f t="shared" si="199"/>
        <v>2.1612943065332844</v>
      </c>
      <c r="I895" s="236">
        <f t="shared" si="200"/>
        <v>15.085553479964705</v>
      </c>
      <c r="J895" s="237">
        <f t="shared" si="205"/>
        <v>5.0855534799647053</v>
      </c>
      <c r="K895" s="237">
        <f t="shared" si="201"/>
        <v>130.44478094125481</v>
      </c>
      <c r="L895" s="237">
        <f t="shared" si="206"/>
        <v>44.010379815614556</v>
      </c>
      <c r="M895" s="236">
        <f t="shared" si="202"/>
        <v>4.3952181251141065</v>
      </c>
      <c r="N895" s="236">
        <f t="shared" si="203"/>
        <v>3.6187825743739777</v>
      </c>
      <c r="O895" s="236">
        <f t="shared" si="207"/>
        <v>3.3399587069583512</v>
      </c>
      <c r="P895" s="236" t="str">
        <f t="shared" si="208"/>
        <v>CLAY</v>
      </c>
      <c r="Q895" s="236">
        <f t="shared" si="204"/>
        <v>16.119601588228761</v>
      </c>
      <c r="R895" s="238">
        <v>35</v>
      </c>
      <c r="S895" s="236">
        <f t="shared" si="209"/>
        <v>1.5909830396580864</v>
      </c>
      <c r="T895" s="236" t="e">
        <f t="shared" si="195"/>
        <v>#N/A</v>
      </c>
    </row>
    <row r="896" spans="1:20" x14ac:dyDescent="0.2">
      <c r="A896" s="53">
        <f t="shared" si="196"/>
        <v>884</v>
      </c>
      <c r="B896" s="239">
        <v>8.6639999999999997</v>
      </c>
      <c r="C896" s="3">
        <f t="shared" si="197"/>
        <v>8.657</v>
      </c>
      <c r="D896" s="239">
        <v>0.27439999999999998</v>
      </c>
      <c r="E896" s="239">
        <v>6.8999999999999999E-3</v>
      </c>
      <c r="F896" s="239">
        <v>0.24260000000000001</v>
      </c>
      <c r="G896">
        <f t="shared" si="198"/>
        <v>0.32291999999999998</v>
      </c>
      <c r="H896" s="235">
        <f t="shared" si="199"/>
        <v>2.1367521367521367</v>
      </c>
      <c r="I896" s="236">
        <f t="shared" si="200"/>
        <v>15.067521048803316</v>
      </c>
      <c r="J896" s="237">
        <f t="shared" si="205"/>
        <v>5.0675210488033162</v>
      </c>
      <c r="K896" s="237">
        <f t="shared" si="201"/>
        <v>130.43952971949031</v>
      </c>
      <c r="L896" s="237">
        <f t="shared" si="206"/>
        <v>43.90500236683193</v>
      </c>
      <c r="M896" s="236">
        <f t="shared" si="202"/>
        <v>4.3840214076817627</v>
      </c>
      <c r="N896" s="236">
        <f t="shared" si="203"/>
        <v>3.5847792713433981</v>
      </c>
      <c r="O896" s="236">
        <f t="shared" si="207"/>
        <v>3.3387154857766492</v>
      </c>
      <c r="P896" s="236" t="str">
        <f t="shared" si="208"/>
        <v>CLAY</v>
      </c>
      <c r="Q896" s="236">
        <f t="shared" si="204"/>
        <v>16.040039190042471</v>
      </c>
      <c r="R896" s="238">
        <v>35</v>
      </c>
      <c r="S896" s="236">
        <f t="shared" si="209"/>
        <v>1.5859184129193904</v>
      </c>
      <c r="T896" s="236" t="e">
        <f t="shared" si="195"/>
        <v>#N/A</v>
      </c>
    </row>
    <row r="897" spans="1:20" x14ac:dyDescent="0.2">
      <c r="A897" s="53">
        <f t="shared" si="196"/>
        <v>885</v>
      </c>
      <c r="B897" s="239">
        <v>8.6739999999999995</v>
      </c>
      <c r="C897" s="3">
        <f t="shared" si="197"/>
        <v>8.6669999999999998</v>
      </c>
      <c r="D897" s="239">
        <v>0.2757</v>
      </c>
      <c r="E897" s="239">
        <v>7.1000000000000004E-3</v>
      </c>
      <c r="F897" s="239">
        <v>0.24199999999999999</v>
      </c>
      <c r="G897">
        <f t="shared" si="198"/>
        <v>0.3241</v>
      </c>
      <c r="H897" s="235">
        <f t="shared" si="199"/>
        <v>2.1906818883060786</v>
      </c>
      <c r="I897" s="236">
        <f t="shared" si="200"/>
        <v>15.10245172385298</v>
      </c>
      <c r="J897" s="237">
        <f t="shared" si="205"/>
        <v>5.1024517238529796</v>
      </c>
      <c r="K897" s="237">
        <f t="shared" si="201"/>
        <v>130.89294909063378</v>
      </c>
      <c r="L897" s="237">
        <f t="shared" si="206"/>
        <v>44.258666252700742</v>
      </c>
      <c r="M897" s="236">
        <f t="shared" si="202"/>
        <v>4.3654060835503916</v>
      </c>
      <c r="N897" s="236">
        <f t="shared" si="203"/>
        <v>3.6748141263905647</v>
      </c>
      <c r="O897" s="236">
        <f t="shared" si="207"/>
        <v>3.3460164131873849</v>
      </c>
      <c r="P897" s="236" t="str">
        <f t="shared" si="208"/>
        <v>CLAY</v>
      </c>
      <c r="Q897" s="236">
        <f t="shared" si="204"/>
        <v>16.100587575780519</v>
      </c>
      <c r="R897" s="238">
        <v>35</v>
      </c>
      <c r="S897" s="236">
        <f t="shared" si="209"/>
        <v>1.5775052756876147</v>
      </c>
      <c r="T897" s="236" t="e">
        <f t="shared" si="195"/>
        <v>#N/A</v>
      </c>
    </row>
    <row r="898" spans="1:20" x14ac:dyDescent="0.2">
      <c r="A898" s="53">
        <f t="shared" si="196"/>
        <v>886</v>
      </c>
      <c r="B898" s="239">
        <v>8.6839999999999993</v>
      </c>
      <c r="C898" s="3">
        <f t="shared" si="197"/>
        <v>8.6769999999999996</v>
      </c>
      <c r="D898" s="239">
        <v>0.27650000000000002</v>
      </c>
      <c r="E898" s="239">
        <v>7.0000000000000001E-3</v>
      </c>
      <c r="F898" s="239">
        <v>0.23980000000000001</v>
      </c>
      <c r="G898">
        <f t="shared" si="198"/>
        <v>0.32446000000000003</v>
      </c>
      <c r="H898" s="235">
        <f t="shared" si="199"/>
        <v>2.1574308081119398</v>
      </c>
      <c r="I898" s="236">
        <f t="shared" si="200"/>
        <v>15.086252809884286</v>
      </c>
      <c r="J898" s="237">
        <f t="shared" si="205"/>
        <v>5.0862528098842859</v>
      </c>
      <c r="K898" s="237">
        <f t="shared" si="201"/>
        <v>130.90341563136593</v>
      </c>
      <c r="L898" s="237">
        <f t="shared" si="206"/>
        <v>44.169019401035136</v>
      </c>
      <c r="M898" s="236">
        <f t="shared" si="202"/>
        <v>4.3821797946480547</v>
      </c>
      <c r="N898" s="236">
        <f t="shared" si="203"/>
        <v>3.6165134980209706</v>
      </c>
      <c r="O898" s="236">
        <f t="shared" si="207"/>
        <v>3.3409058674369634</v>
      </c>
      <c r="P898" s="236" t="str">
        <f t="shared" si="208"/>
        <v>CLAY</v>
      </c>
      <c r="Q898" s="236">
        <f t="shared" si="204"/>
        <v>16.129715364052842</v>
      </c>
      <c r="R898" s="238">
        <v>35</v>
      </c>
      <c r="S898" s="236">
        <f t="shared" si="209"/>
        <v>1.5850857029566277</v>
      </c>
      <c r="T898" s="236" t="e">
        <f t="shared" si="195"/>
        <v>#N/A</v>
      </c>
    </row>
    <row r="899" spans="1:20" x14ac:dyDescent="0.2">
      <c r="A899" s="53">
        <f t="shared" si="196"/>
        <v>887</v>
      </c>
      <c r="B899" s="239">
        <v>8.6950000000000003</v>
      </c>
      <c r="C899" s="3">
        <f t="shared" si="197"/>
        <v>8.6880000000000006</v>
      </c>
      <c r="D899" s="239">
        <v>0.27029999999999998</v>
      </c>
      <c r="E899" s="239">
        <v>7.1000000000000004E-3</v>
      </c>
      <c r="F899" s="239">
        <v>0.24679999999999999</v>
      </c>
      <c r="G899">
        <f t="shared" si="198"/>
        <v>0.31965999999999994</v>
      </c>
      <c r="H899" s="235">
        <f t="shared" si="199"/>
        <v>2.2211099292998817</v>
      </c>
      <c r="I899" s="236">
        <f t="shared" si="200"/>
        <v>15.097060061532195</v>
      </c>
      <c r="J899" s="237">
        <f t="shared" si="205"/>
        <v>5.0970600615321953</v>
      </c>
      <c r="K899" s="237">
        <f t="shared" si="201"/>
        <v>131.16325781459173</v>
      </c>
      <c r="L899" s="237">
        <f t="shared" si="206"/>
        <v>44.318937235022439</v>
      </c>
      <c r="M899" s="236">
        <f t="shared" si="202"/>
        <v>4.253187326803749</v>
      </c>
      <c r="N899" s="236">
        <f t="shared" si="203"/>
        <v>3.7666433476162329</v>
      </c>
      <c r="O899" s="236">
        <f t="shared" si="207"/>
        <v>3.3613026932365959</v>
      </c>
      <c r="P899" s="236" t="str">
        <f t="shared" si="208"/>
        <v>CLAY</v>
      </c>
      <c r="Q899" s="236">
        <f t="shared" si="204"/>
        <v>15.70806184878402</v>
      </c>
      <c r="R899" s="238">
        <v>35</v>
      </c>
      <c r="S899" s="236">
        <f t="shared" si="209"/>
        <v>1.5269792925320476</v>
      </c>
      <c r="T899" s="236" t="e">
        <f t="shared" si="195"/>
        <v>#N/A</v>
      </c>
    </row>
    <row r="900" spans="1:20" x14ac:dyDescent="0.2">
      <c r="A900" s="53">
        <f t="shared" si="196"/>
        <v>888</v>
      </c>
      <c r="B900" s="239">
        <v>8.7040000000000006</v>
      </c>
      <c r="C900" s="3">
        <f t="shared" si="197"/>
        <v>8.697000000000001</v>
      </c>
      <c r="D900" s="239">
        <v>0.27189999999999998</v>
      </c>
      <c r="E900" s="239">
        <v>7.1000000000000004E-3</v>
      </c>
      <c r="F900" s="239">
        <v>0.24210000000000001</v>
      </c>
      <c r="G900">
        <f t="shared" si="198"/>
        <v>0.32031999999999994</v>
      </c>
      <c r="H900" s="235">
        <f t="shared" si="199"/>
        <v>2.2165334665334671</v>
      </c>
      <c r="I900" s="236">
        <f t="shared" si="200"/>
        <v>15.097866246143292</v>
      </c>
      <c r="J900" s="237">
        <f t="shared" si="205"/>
        <v>5.0978662461432922</v>
      </c>
      <c r="K900" s="237">
        <f t="shared" si="201"/>
        <v>131.30614274270823</v>
      </c>
      <c r="L900" s="237">
        <f t="shared" si="206"/>
        <v>44.37182780643122</v>
      </c>
      <c r="M900" s="236">
        <f t="shared" si="202"/>
        <v>4.2597717200618943</v>
      </c>
      <c r="N900" s="236">
        <f t="shared" si="203"/>
        <v>3.7563383463124893</v>
      </c>
      <c r="O900" s="236">
        <f t="shared" si="207"/>
        <v>3.3600991632236945</v>
      </c>
      <c r="P900" s="236" t="str">
        <f t="shared" si="208"/>
        <v>CLAY</v>
      </c>
      <c r="Q900" s="236">
        <f t="shared" si="204"/>
        <v>15.751154771440975</v>
      </c>
      <c r="R900" s="238">
        <v>35</v>
      </c>
      <c r="S900" s="236">
        <f t="shared" si="209"/>
        <v>1.5299347751688088</v>
      </c>
      <c r="T900" s="236" t="e">
        <f t="shared" si="195"/>
        <v>#N/A</v>
      </c>
    </row>
    <row r="901" spans="1:20" x14ac:dyDescent="0.2">
      <c r="A901" s="53">
        <f t="shared" si="196"/>
        <v>889</v>
      </c>
      <c r="B901" s="239">
        <v>8.7140000000000004</v>
      </c>
      <c r="C901" s="3">
        <f t="shared" si="197"/>
        <v>8.7070000000000007</v>
      </c>
      <c r="D901" s="239">
        <v>0.2838</v>
      </c>
      <c r="E901" s="239">
        <v>7.1999999999999998E-3</v>
      </c>
      <c r="F901" s="239">
        <v>0.252</v>
      </c>
      <c r="G901">
        <f t="shared" si="198"/>
        <v>0.3342</v>
      </c>
      <c r="H901" s="235">
        <f t="shared" si="199"/>
        <v>2.1543985637342908</v>
      </c>
      <c r="I901" s="236">
        <f t="shared" si="200"/>
        <v>15.130846595748546</v>
      </c>
      <c r="J901" s="237">
        <f t="shared" si="205"/>
        <v>5.1308465957485456</v>
      </c>
      <c r="K901" s="237">
        <f t="shared" si="201"/>
        <v>131.74428130918261</v>
      </c>
      <c r="L901" s="237">
        <f t="shared" si="206"/>
        <v>44.71019723535283</v>
      </c>
      <c r="M901" s="236">
        <f t="shared" si="202"/>
        <v>4.5281777135783576</v>
      </c>
      <c r="N901" s="236">
        <f t="shared" si="203"/>
        <v>3.5563332300805808</v>
      </c>
      <c r="O901" s="236">
        <f t="shared" si="207"/>
        <v>3.3249776580820658</v>
      </c>
      <c r="P901" s="236" t="str">
        <f t="shared" si="208"/>
        <v>CLAY</v>
      </c>
      <c r="Q901" s="236">
        <f t="shared" si="204"/>
        <v>16.871309890901447</v>
      </c>
      <c r="R901" s="238">
        <v>35</v>
      </c>
      <c r="S901" s="236">
        <f t="shared" si="209"/>
        <v>1.6513697972688839</v>
      </c>
      <c r="T901" s="236" t="e">
        <f t="shared" si="195"/>
        <v>#N/A</v>
      </c>
    </row>
    <row r="902" spans="1:20" x14ac:dyDescent="0.2">
      <c r="A902" s="53">
        <f t="shared" si="196"/>
        <v>890</v>
      </c>
      <c r="B902" s="239">
        <v>8.7240000000000002</v>
      </c>
      <c r="C902" s="3">
        <f t="shared" si="197"/>
        <v>8.7170000000000005</v>
      </c>
      <c r="D902" s="239">
        <v>0.2797</v>
      </c>
      <c r="E902" s="239">
        <v>7.3000000000000001E-3</v>
      </c>
      <c r="F902" s="239">
        <v>0.25629999999999997</v>
      </c>
      <c r="G902">
        <f t="shared" si="198"/>
        <v>0.33095999999999998</v>
      </c>
      <c r="H902" s="235">
        <f t="shared" si="199"/>
        <v>2.2057046168721297</v>
      </c>
      <c r="I902" s="236">
        <f t="shared" si="200"/>
        <v>15.143212733806429</v>
      </c>
      <c r="J902" s="237">
        <f t="shared" si="205"/>
        <v>5.1432127338064291</v>
      </c>
      <c r="K902" s="237">
        <f t="shared" si="201"/>
        <v>132.00338540059064</v>
      </c>
      <c r="L902" s="237">
        <f t="shared" si="206"/>
        <v>44.869387889727285</v>
      </c>
      <c r="M902" s="236">
        <f t="shared" si="202"/>
        <v>4.4341281206771237</v>
      </c>
      <c r="N902" s="236">
        <f t="shared" si="203"/>
        <v>3.6691416441208746</v>
      </c>
      <c r="O902" s="236">
        <f t="shared" si="207"/>
        <v>3.3399224695199261</v>
      </c>
      <c r="P902" s="236" t="str">
        <f t="shared" si="208"/>
        <v>CLAY</v>
      </c>
      <c r="Q902" s="236">
        <f t="shared" si="204"/>
        <v>16.579717883284111</v>
      </c>
      <c r="R902" s="238">
        <v>35</v>
      </c>
      <c r="S902" s="236">
        <f t="shared" si="209"/>
        <v>1.608608301495736</v>
      </c>
      <c r="T902" s="236" t="e">
        <f t="shared" si="195"/>
        <v>#N/A</v>
      </c>
    </row>
    <row r="903" spans="1:20" x14ac:dyDescent="0.2">
      <c r="A903" s="53">
        <f t="shared" si="196"/>
        <v>891</v>
      </c>
      <c r="B903" s="239">
        <v>8.734</v>
      </c>
      <c r="C903" s="3">
        <f t="shared" si="197"/>
        <v>8.7270000000000003</v>
      </c>
      <c r="D903" s="239">
        <v>0.27850000000000003</v>
      </c>
      <c r="E903" s="239">
        <v>7.1000000000000004E-3</v>
      </c>
      <c r="F903" s="239">
        <v>0.25309999999999999</v>
      </c>
      <c r="G903">
        <f t="shared" si="198"/>
        <v>0.32912000000000002</v>
      </c>
      <c r="H903" s="235">
        <f t="shared" si="199"/>
        <v>2.1572678658240156</v>
      </c>
      <c r="I903" s="236">
        <f t="shared" si="200"/>
        <v>15.108459442839575</v>
      </c>
      <c r="J903" s="237">
        <f t="shared" si="205"/>
        <v>5.1084594428395746</v>
      </c>
      <c r="K903" s="237">
        <f t="shared" si="201"/>
        <v>131.85152555766098</v>
      </c>
      <c r="L903" s="237">
        <f t="shared" si="206"/>
        <v>44.617284773760844</v>
      </c>
      <c r="M903" s="236">
        <f t="shared" si="202"/>
        <v>4.4213464679130681</v>
      </c>
      <c r="N903" s="236">
        <f t="shared" si="203"/>
        <v>3.5991559320723137</v>
      </c>
      <c r="O903" s="236">
        <f t="shared" si="207"/>
        <v>3.3365222765350193</v>
      </c>
      <c r="P903" s="236" t="str">
        <f t="shared" si="208"/>
        <v>CLAY</v>
      </c>
      <c r="Q903" s="236">
        <f t="shared" si="204"/>
        <v>16.439039536861586</v>
      </c>
      <c r="R903" s="238">
        <v>35</v>
      </c>
      <c r="S903" s="236">
        <f t="shared" si="209"/>
        <v>1.602814248412082</v>
      </c>
      <c r="T903" s="236" t="e">
        <f t="shared" si="195"/>
        <v>#N/A</v>
      </c>
    </row>
    <row r="904" spans="1:20" x14ac:dyDescent="0.2">
      <c r="A904" s="53">
        <f t="shared" si="196"/>
        <v>892</v>
      </c>
      <c r="B904" s="239">
        <v>8.7430000000000003</v>
      </c>
      <c r="C904" s="3">
        <f t="shared" si="197"/>
        <v>8.7360000000000007</v>
      </c>
      <c r="D904" s="239">
        <v>0.27829999999999999</v>
      </c>
      <c r="E904" s="239">
        <v>7.0000000000000001E-3</v>
      </c>
      <c r="F904" s="239">
        <v>0.25069999999999998</v>
      </c>
      <c r="G904">
        <f t="shared" si="198"/>
        <v>0.32843999999999995</v>
      </c>
      <c r="H904" s="235">
        <f t="shared" si="199"/>
        <v>2.1312872975277073</v>
      </c>
      <c r="I904" s="236">
        <f t="shared" si="200"/>
        <v>15.091018201532954</v>
      </c>
      <c r="J904" s="237">
        <f t="shared" si="205"/>
        <v>5.0910182015329539</v>
      </c>
      <c r="K904" s="237">
        <f t="shared" si="201"/>
        <v>131.83513500859189</v>
      </c>
      <c r="L904" s="237">
        <f t="shared" si="206"/>
        <v>44.510772136002615</v>
      </c>
      <c r="M904" s="236">
        <f t="shared" si="202"/>
        <v>4.4170176241985226</v>
      </c>
      <c r="N904" s="236">
        <f t="shared" si="203"/>
        <v>3.5604408875161413</v>
      </c>
      <c r="O904" s="236">
        <f t="shared" si="207"/>
        <v>3.3343846601530474</v>
      </c>
      <c r="P904" s="236" t="str">
        <f t="shared" si="208"/>
        <v>CLAY</v>
      </c>
      <c r="Q904" s="236">
        <f t="shared" si="204"/>
        <v>16.383738749284003</v>
      </c>
      <c r="R904" s="238">
        <v>35</v>
      </c>
      <c r="S904" s="236">
        <f t="shared" si="209"/>
        <v>1.6008528880320956</v>
      </c>
      <c r="T904" s="236" t="e">
        <f t="shared" si="195"/>
        <v>#N/A</v>
      </c>
    </row>
    <row r="905" spans="1:20" x14ac:dyDescent="0.2">
      <c r="A905" s="53">
        <f t="shared" si="196"/>
        <v>893</v>
      </c>
      <c r="B905" s="239">
        <v>8.7539999999999996</v>
      </c>
      <c r="C905" s="3">
        <f t="shared" si="197"/>
        <v>8.7469999999999999</v>
      </c>
      <c r="D905" s="239">
        <v>0.28389999999999999</v>
      </c>
      <c r="E905" s="239">
        <v>6.7999999999999996E-3</v>
      </c>
      <c r="F905" s="239">
        <v>0.24640000000000001</v>
      </c>
      <c r="G905">
        <f t="shared" si="198"/>
        <v>0.33317999999999998</v>
      </c>
      <c r="H905" s="235">
        <f t="shared" si="199"/>
        <v>2.0409388318626571</v>
      </c>
      <c r="I905" s="236">
        <f t="shared" si="200"/>
        <v>15.062628150159913</v>
      </c>
      <c r="J905" s="237">
        <f t="shared" si="205"/>
        <v>5.0626281501599131</v>
      </c>
      <c r="K905" s="237">
        <f t="shared" si="201"/>
        <v>131.75280842944875</v>
      </c>
      <c r="L905" s="237">
        <f t="shared" si="206"/>
        <v>44.31824682649988</v>
      </c>
      <c r="M905" s="236">
        <f t="shared" si="202"/>
        <v>4.5450171429188577</v>
      </c>
      <c r="N905" s="236">
        <f t="shared" si="203"/>
        <v>3.3759096510156397</v>
      </c>
      <c r="O905" s="236">
        <f t="shared" si="207"/>
        <v>3.3116199754892248</v>
      </c>
      <c r="P905" s="236" t="str">
        <f t="shared" si="208"/>
        <v>CLAY</v>
      </c>
      <c r="Q905" s="236">
        <f t="shared" si="204"/>
        <v>16.785599297545932</v>
      </c>
      <c r="R905" s="238">
        <v>35</v>
      </c>
      <c r="S905" s="236">
        <f t="shared" si="209"/>
        <v>1.6590497740213166</v>
      </c>
      <c r="T905" s="236" t="e">
        <f t="shared" si="195"/>
        <v>#N/A</v>
      </c>
    </row>
    <row r="906" spans="1:20" x14ac:dyDescent="0.2">
      <c r="A906" s="53">
        <f t="shared" si="196"/>
        <v>894</v>
      </c>
      <c r="B906" s="239">
        <v>8.7629999999999999</v>
      </c>
      <c r="C906" s="3">
        <f t="shared" si="197"/>
        <v>8.7560000000000002</v>
      </c>
      <c r="D906" s="239">
        <v>0.28649999999999998</v>
      </c>
      <c r="E906" s="239">
        <v>6.7999999999999996E-3</v>
      </c>
      <c r="F906" s="239">
        <v>0.2492</v>
      </c>
      <c r="G906">
        <f t="shared" si="198"/>
        <v>0.33633999999999997</v>
      </c>
      <c r="H906" s="235">
        <f t="shared" si="199"/>
        <v>2.0217636915026462</v>
      </c>
      <c r="I906" s="236">
        <f t="shared" si="200"/>
        <v>15.066317786550588</v>
      </c>
      <c r="J906" s="237">
        <f t="shared" si="205"/>
        <v>5.066317786550588</v>
      </c>
      <c r="K906" s="237">
        <f t="shared" si="201"/>
        <v>131.92067853903694</v>
      </c>
      <c r="L906" s="237">
        <f t="shared" si="206"/>
        <v>44.396142763542805</v>
      </c>
      <c r="M906" s="236">
        <f t="shared" si="202"/>
        <v>4.6044387808579614</v>
      </c>
      <c r="N906" s="236">
        <f t="shared" si="203"/>
        <v>3.3264957301497367</v>
      </c>
      <c r="O906" s="236">
        <f t="shared" si="207"/>
        <v>3.3034490498247191</v>
      </c>
      <c r="P906" s="236" t="str">
        <f t="shared" si="208"/>
        <v>CLAY</v>
      </c>
      <c r="Q906" s="236">
        <f t="shared" si="204"/>
        <v>17.034943455080253</v>
      </c>
      <c r="R906" s="238">
        <v>35</v>
      </c>
      <c r="S906" s="236">
        <f t="shared" si="209"/>
        <v>1.6862069987713502</v>
      </c>
      <c r="T906" s="236" t="e">
        <f t="shared" si="195"/>
        <v>#N/A</v>
      </c>
    </row>
    <row r="907" spans="1:20" x14ac:dyDescent="0.2">
      <c r="A907" s="53">
        <f t="shared" si="196"/>
        <v>895</v>
      </c>
      <c r="B907" s="239">
        <v>8.7739999999999991</v>
      </c>
      <c r="C907" s="3">
        <f t="shared" si="197"/>
        <v>8.7669999999999995</v>
      </c>
      <c r="D907" s="239">
        <v>0.29060000000000002</v>
      </c>
      <c r="E907" s="239">
        <v>7.0000000000000001E-3</v>
      </c>
      <c r="F907" s="239">
        <v>0.25009999999999999</v>
      </c>
      <c r="G907">
        <f t="shared" si="198"/>
        <v>0.34062000000000003</v>
      </c>
      <c r="H907" s="235">
        <f t="shared" si="199"/>
        <v>2.0550760378133992</v>
      </c>
      <c r="I907" s="236">
        <f t="shared" si="200"/>
        <v>15.105250892569131</v>
      </c>
      <c r="J907" s="237">
        <f t="shared" si="205"/>
        <v>5.1052508925691313</v>
      </c>
      <c r="K907" s="237">
        <f t="shared" si="201"/>
        <v>132.42773457515358</v>
      </c>
      <c r="L907" s="237">
        <f t="shared" si="206"/>
        <v>44.793471331401555</v>
      </c>
      <c r="M907" s="236">
        <f t="shared" si="202"/>
        <v>4.6478261058302373</v>
      </c>
      <c r="N907" s="236">
        <f t="shared" si="203"/>
        <v>3.3622766848304795</v>
      </c>
      <c r="O907" s="236">
        <f t="shared" si="207"/>
        <v>3.3024440481643222</v>
      </c>
      <c r="P907" s="236" t="str">
        <f t="shared" si="208"/>
        <v>CLAY</v>
      </c>
      <c r="Q907" s="236">
        <f t="shared" si="204"/>
        <v>17.34935545207054</v>
      </c>
      <c r="R907" s="238">
        <v>35</v>
      </c>
      <c r="S907" s="236">
        <f t="shared" si="209"/>
        <v>1.7060916104182946</v>
      </c>
      <c r="T907" s="236" t="e">
        <f t="shared" si="195"/>
        <v>#N/A</v>
      </c>
    </row>
    <row r="908" spans="1:20" x14ac:dyDescent="0.2">
      <c r="A908" s="53">
        <f t="shared" si="196"/>
        <v>896</v>
      </c>
      <c r="B908" s="239">
        <v>8.7829999999999995</v>
      </c>
      <c r="C908" s="3">
        <f t="shared" si="197"/>
        <v>8.7759999999999998</v>
      </c>
      <c r="D908" s="239">
        <v>0.2858</v>
      </c>
      <c r="E908" s="239">
        <v>7.0000000000000001E-3</v>
      </c>
      <c r="F908" s="239">
        <v>0.24790000000000001</v>
      </c>
      <c r="G908">
        <f t="shared" si="198"/>
        <v>0.33538000000000001</v>
      </c>
      <c r="H908" s="235">
        <f t="shared" si="199"/>
        <v>2.0871846860277894</v>
      </c>
      <c r="I908" s="236">
        <f t="shared" si="200"/>
        <v>15.099191206772932</v>
      </c>
      <c r="J908" s="237">
        <f t="shared" si="205"/>
        <v>5.0991912067729324</v>
      </c>
      <c r="K908" s="237">
        <f t="shared" si="201"/>
        <v>132.51050203063926</v>
      </c>
      <c r="L908" s="237">
        <f t="shared" si="206"/>
        <v>44.78619636908666</v>
      </c>
      <c r="M908" s="236">
        <f t="shared" si="202"/>
        <v>4.529732694812858</v>
      </c>
      <c r="N908" s="236">
        <f t="shared" si="203"/>
        <v>3.4504940713449219</v>
      </c>
      <c r="O908" s="236">
        <f t="shared" si="207"/>
        <v>3.3178809758591901</v>
      </c>
      <c r="P908" s="236" t="str">
        <f t="shared" si="208"/>
        <v>CLAY</v>
      </c>
      <c r="Q908" s="236">
        <f t="shared" si="204"/>
        <v>16.905791497446728</v>
      </c>
      <c r="R908" s="238">
        <v>35</v>
      </c>
      <c r="S908" s="236">
        <f t="shared" si="209"/>
        <v>1.6520786804621406</v>
      </c>
      <c r="T908" s="236" t="e">
        <f t="shared" si="195"/>
        <v>#N/A</v>
      </c>
    </row>
    <row r="909" spans="1:20" x14ac:dyDescent="0.2">
      <c r="A909" s="53">
        <f t="shared" si="196"/>
        <v>897</v>
      </c>
      <c r="B909" s="239">
        <v>8.7940000000000005</v>
      </c>
      <c r="C909" s="3">
        <f t="shared" si="197"/>
        <v>8.7870000000000008</v>
      </c>
      <c r="D909" s="239">
        <v>0.27550000000000002</v>
      </c>
      <c r="E909" s="239">
        <v>7.1999999999999998E-3</v>
      </c>
      <c r="F909" s="239">
        <v>0.25219999999999998</v>
      </c>
      <c r="G909">
        <f t="shared" si="198"/>
        <v>0.32594000000000001</v>
      </c>
      <c r="H909" s="235">
        <f t="shared" si="199"/>
        <v>2.2089955206479721</v>
      </c>
      <c r="I909" s="236">
        <f t="shared" si="200"/>
        <v>15.121064689837386</v>
      </c>
      <c r="J909" s="237">
        <f t="shared" si="205"/>
        <v>5.1210646898373859</v>
      </c>
      <c r="K909" s="237">
        <f t="shared" si="201"/>
        <v>132.86879542960114</v>
      </c>
      <c r="L909" s="237">
        <f t="shared" si="206"/>
        <v>45.034642882429978</v>
      </c>
      <c r="M909" s="236">
        <f t="shared" si="202"/>
        <v>4.2871707692773677</v>
      </c>
      <c r="N909" s="236">
        <f t="shared" si="203"/>
        <v>3.729194115725678</v>
      </c>
      <c r="O909" s="236">
        <f t="shared" si="207"/>
        <v>3.3560630117085561</v>
      </c>
      <c r="P909" s="236" t="str">
        <f t="shared" si="208"/>
        <v>CLAY</v>
      </c>
      <c r="Q909" s="236">
        <f t="shared" si="204"/>
        <v>16.089267047533237</v>
      </c>
      <c r="R909" s="238">
        <v>35</v>
      </c>
      <c r="S909" s="236">
        <f t="shared" si="209"/>
        <v>1.5422454134612191</v>
      </c>
      <c r="T909" s="236" t="e">
        <f t="shared" ref="T909:T972" si="210">IF(P909="SAND",17.6+(11*LOG(M909)),#N/A)</f>
        <v>#N/A</v>
      </c>
    </row>
    <row r="910" spans="1:20" x14ac:dyDescent="0.2">
      <c r="A910" s="53">
        <f t="shared" ref="A910:A973" si="211">$A909+1</f>
        <v>898</v>
      </c>
      <c r="B910" s="239">
        <v>8.8040000000000003</v>
      </c>
      <c r="C910" s="3">
        <f t="shared" ref="C910:C973" si="212">MAX($B910 - $B$13, 0.001)</f>
        <v>8.7970000000000006</v>
      </c>
      <c r="D910" s="239">
        <v>0.2732</v>
      </c>
      <c r="E910" s="239">
        <v>7.1999999999999998E-3</v>
      </c>
      <c r="F910" s="239">
        <v>0.2535</v>
      </c>
      <c r="G910">
        <f t="shared" si="198"/>
        <v>0.32389999999999997</v>
      </c>
      <c r="H910" s="235">
        <f t="shared" si="199"/>
        <v>2.2229083050324174</v>
      </c>
      <c r="I910" s="236">
        <f t="shared" si="200"/>
        <v>15.11861064795607</v>
      </c>
      <c r="J910" s="237">
        <f t="shared" si="205"/>
        <v>5.1186106479560696</v>
      </c>
      <c r="K910" s="237">
        <f t="shared" si="201"/>
        <v>132.99841787006955</v>
      </c>
      <c r="L910" s="237">
        <f t="shared" si="206"/>
        <v>45.064248144605237</v>
      </c>
      <c r="M910" s="236">
        <f t="shared" si="202"/>
        <v>4.2362091899847609</v>
      </c>
      <c r="N910" s="236">
        <f t="shared" si="203"/>
        <v>3.7715769139616531</v>
      </c>
      <c r="O910" s="236">
        <f t="shared" si="207"/>
        <v>3.3630748270655868</v>
      </c>
      <c r="P910" s="236" t="str">
        <f t="shared" si="208"/>
        <v>CLAY</v>
      </c>
      <c r="Q910" s="236">
        <f t="shared" si="204"/>
        <v>15.908465177494202</v>
      </c>
      <c r="R910" s="238">
        <v>35</v>
      </c>
      <c r="S910" s="236">
        <f t="shared" si="209"/>
        <v>1.5193637350202227</v>
      </c>
      <c r="T910" s="236" t="e">
        <f t="shared" si="210"/>
        <v>#N/A</v>
      </c>
    </row>
    <row r="911" spans="1:20" x14ac:dyDescent="0.2">
      <c r="A911" s="53">
        <f t="shared" si="211"/>
        <v>899</v>
      </c>
      <c r="B911" s="239">
        <v>8.8140000000000001</v>
      </c>
      <c r="C911" s="3">
        <f t="shared" si="212"/>
        <v>8.8070000000000004</v>
      </c>
      <c r="D911" s="239">
        <v>0.28320000000000001</v>
      </c>
      <c r="E911" s="239">
        <v>7.0000000000000001E-3</v>
      </c>
      <c r="F911" s="239">
        <v>0.25190000000000001</v>
      </c>
      <c r="G911">
        <f t="shared" ref="G911:G974" si="213">$D911+($F911*(1-$P$8))</f>
        <v>0.33357999999999999</v>
      </c>
      <c r="H911" s="235">
        <f t="shared" ref="H911:H974" si="214">($E911/$G911)*100</f>
        <v>2.098447149109659</v>
      </c>
      <c r="I911" s="236">
        <f t="shared" ref="I911:I974" si="215">((0.27*(LOG($H911)))+(0.36*(LOG(($G911*1000)/101)))+1.236)*10</f>
        <v>15.097087766332153</v>
      </c>
      <c r="J911" s="237">
        <f t="shared" si="205"/>
        <v>5.0970877663321534</v>
      </c>
      <c r="K911" s="237">
        <f t="shared" ref="K911:K974" si="216">$I911*$C911</f>
        <v>132.96005195808729</v>
      </c>
      <c r="L911" s="237">
        <f t="shared" si="206"/>
        <v>44.925731572451603</v>
      </c>
      <c r="M911" s="236">
        <f t="shared" ref="M911:M974" si="217">(($G911*1000)-$K911)/$L911</f>
        <v>4.4655911216130884</v>
      </c>
      <c r="N911" s="236">
        <f t="shared" ref="N911:N974" si="218">(($E911*1000)/(($G911*1000)-$K911))*100</f>
        <v>3.4891844347091494</v>
      </c>
      <c r="O911" s="236">
        <f t="shared" si="207"/>
        <v>3.3256996775584664</v>
      </c>
      <c r="P911" s="236" t="str">
        <f t="shared" si="208"/>
        <v>CLAY</v>
      </c>
      <c r="Q911" s="236">
        <f t="shared" ref="Q911:Q974" si="219">IF(P911="CLAY",($G911*1000 -$K911)/$L$8,#N/A)</f>
        <v>16.718329003492723</v>
      </c>
      <c r="R911" s="238">
        <v>35</v>
      </c>
      <c r="S911" s="236">
        <f t="shared" si="209"/>
        <v>1.6228885765625782</v>
      </c>
      <c r="T911" s="236" t="e">
        <f t="shared" si="210"/>
        <v>#N/A</v>
      </c>
    </row>
    <row r="912" spans="1:20" x14ac:dyDescent="0.2">
      <c r="A912" s="53">
        <f t="shared" si="211"/>
        <v>900</v>
      </c>
      <c r="B912" s="239">
        <v>8.8230000000000004</v>
      </c>
      <c r="C912" s="3">
        <f t="shared" si="212"/>
        <v>8.8160000000000007</v>
      </c>
      <c r="D912" s="239">
        <v>0.28799999999999998</v>
      </c>
      <c r="E912" s="239">
        <v>6.6E-3</v>
      </c>
      <c r="F912" s="239">
        <v>0.2412</v>
      </c>
      <c r="G912">
        <f t="shared" si="213"/>
        <v>0.33623999999999998</v>
      </c>
      <c r="H912" s="235">
        <f t="shared" si="214"/>
        <v>1.9628836545324768</v>
      </c>
      <c r="I912" s="236">
        <f t="shared" si="215"/>
        <v>15.031196119643173</v>
      </c>
      <c r="J912" s="237">
        <f t="shared" ref="J912:J975" si="220">$I912-10</f>
        <v>5.0311961196431731</v>
      </c>
      <c r="K912" s="237">
        <f t="shared" si="216"/>
        <v>132.51502499077424</v>
      </c>
      <c r="L912" s="237">
        <f t="shared" ref="L912:L975" si="221">$J912*$B912</f>
        <v>44.390243363611717</v>
      </c>
      <c r="M912" s="236">
        <f t="shared" si="217"/>
        <v>4.5894088333885206</v>
      </c>
      <c r="N912" s="236">
        <f t="shared" si="218"/>
        <v>3.2396617055425412</v>
      </c>
      <c r="O912" s="236">
        <f t="shared" ref="O912:O975" si="222">((3.47-LOG($M912))^2+(LOG($N912)+1.22)^2)^0.5</f>
        <v>3.2986147468615834</v>
      </c>
      <c r="P912" s="236" t="str">
        <f t="shared" ref="P912:P975" si="223">IF(O912&lt;2.6,"SAND","CLAY")</f>
        <v>CLAY</v>
      </c>
      <c r="Q912" s="236">
        <f t="shared" si="219"/>
        <v>16.977081250768816</v>
      </c>
      <c r="R912" s="238">
        <v>35</v>
      </c>
      <c r="S912" s="236">
        <f t="shared" ref="S912:S975" si="224">IF(P912="SAND",#N/A,0.25*($M912)^1.25)</f>
        <v>1.6793295989267922</v>
      </c>
      <c r="T912" s="236" t="e">
        <f t="shared" si="210"/>
        <v>#N/A</v>
      </c>
    </row>
    <row r="913" spans="1:20" x14ac:dyDescent="0.2">
      <c r="A913" s="53">
        <f t="shared" si="211"/>
        <v>901</v>
      </c>
      <c r="B913" s="239">
        <v>8.8339999999999996</v>
      </c>
      <c r="C913" s="3">
        <f t="shared" si="212"/>
        <v>8.827</v>
      </c>
      <c r="D913" s="239">
        <v>0.33500000000000002</v>
      </c>
      <c r="E913" s="239">
        <v>6.7000000000000002E-3</v>
      </c>
      <c r="F913" s="239">
        <v>0.2417</v>
      </c>
      <c r="G913">
        <f t="shared" si="213"/>
        <v>0.38334000000000001</v>
      </c>
      <c r="H913" s="235">
        <f t="shared" si="214"/>
        <v>1.7477956905097303</v>
      </c>
      <c r="I913" s="236">
        <f t="shared" si="215"/>
        <v>15.100070746338922</v>
      </c>
      <c r="J913" s="237">
        <f t="shared" si="220"/>
        <v>5.1000707463389219</v>
      </c>
      <c r="K913" s="237">
        <f t="shared" si="216"/>
        <v>133.28832447793366</v>
      </c>
      <c r="L913" s="237">
        <f t="shared" si="221"/>
        <v>45.054024973158036</v>
      </c>
      <c r="M913" s="236">
        <f t="shared" si="217"/>
        <v>5.5500407715190896</v>
      </c>
      <c r="N913" s="236">
        <f t="shared" si="218"/>
        <v>2.6794461528848035</v>
      </c>
      <c r="O913" s="236">
        <f t="shared" si="222"/>
        <v>3.1852023142670496</v>
      </c>
      <c r="P913" s="236" t="str">
        <f t="shared" si="223"/>
        <v>CLAY</v>
      </c>
      <c r="Q913" s="236">
        <f t="shared" si="219"/>
        <v>20.837639626838865</v>
      </c>
      <c r="R913" s="238">
        <v>35</v>
      </c>
      <c r="S913" s="236">
        <f t="shared" si="224"/>
        <v>2.1296597630796477</v>
      </c>
      <c r="T913" s="236" t="e">
        <f t="shared" si="210"/>
        <v>#N/A</v>
      </c>
    </row>
    <row r="914" spans="1:20" x14ac:dyDescent="0.2">
      <c r="A914" s="53">
        <f t="shared" si="211"/>
        <v>902</v>
      </c>
      <c r="B914" s="239">
        <v>8.843</v>
      </c>
      <c r="C914" s="3">
        <f t="shared" si="212"/>
        <v>8.8360000000000003</v>
      </c>
      <c r="D914" s="239">
        <v>0.3387</v>
      </c>
      <c r="E914" s="239">
        <v>6.4000000000000003E-3</v>
      </c>
      <c r="F914" s="239">
        <v>0.23200000000000001</v>
      </c>
      <c r="G914">
        <f t="shared" si="213"/>
        <v>0.3851</v>
      </c>
      <c r="H914" s="235">
        <f t="shared" si="214"/>
        <v>1.6619059984419631</v>
      </c>
      <c r="I914" s="236">
        <f t="shared" si="215"/>
        <v>15.04814515089944</v>
      </c>
      <c r="J914" s="237">
        <f t="shared" si="220"/>
        <v>5.0481451508994404</v>
      </c>
      <c r="K914" s="237">
        <f t="shared" si="216"/>
        <v>132.96541055334745</v>
      </c>
      <c r="L914" s="237">
        <f t="shared" si="221"/>
        <v>44.64074756940375</v>
      </c>
      <c r="M914" s="236">
        <f t="shared" si="217"/>
        <v>5.6480817005731039</v>
      </c>
      <c r="N914" s="236">
        <f t="shared" si="218"/>
        <v>2.5383268571145936</v>
      </c>
      <c r="O914" s="236">
        <f t="shared" si="222"/>
        <v>3.1665781312384342</v>
      </c>
      <c r="P914" s="236" t="str">
        <f t="shared" si="223"/>
        <v>CLAY</v>
      </c>
      <c r="Q914" s="236">
        <f t="shared" si="219"/>
        <v>21.011215787221047</v>
      </c>
      <c r="R914" s="238">
        <v>35</v>
      </c>
      <c r="S914" s="236">
        <f t="shared" si="224"/>
        <v>2.1767884352359945</v>
      </c>
      <c r="T914" s="236" t="e">
        <f t="shared" si="210"/>
        <v>#N/A</v>
      </c>
    </row>
    <row r="915" spans="1:20" x14ac:dyDescent="0.2">
      <c r="A915" s="53">
        <f t="shared" si="211"/>
        <v>903</v>
      </c>
      <c r="B915" s="239">
        <v>8.8539999999999992</v>
      </c>
      <c r="C915" s="3">
        <f t="shared" si="212"/>
        <v>8.8469999999999995</v>
      </c>
      <c r="D915" s="239">
        <v>0.36480000000000001</v>
      </c>
      <c r="E915" s="239">
        <v>6.1000000000000004E-3</v>
      </c>
      <c r="F915" s="239">
        <v>0.2152</v>
      </c>
      <c r="G915">
        <f t="shared" si="213"/>
        <v>0.40783999999999998</v>
      </c>
      <c r="H915" s="235">
        <f t="shared" si="214"/>
        <v>1.4956845821890938</v>
      </c>
      <c r="I915" s="236">
        <f t="shared" si="215"/>
        <v>15.014274445224229</v>
      </c>
      <c r="J915" s="237">
        <f t="shared" si="220"/>
        <v>5.0142744452242294</v>
      </c>
      <c r="K915" s="237">
        <f t="shared" si="216"/>
        <v>132.83128601689876</v>
      </c>
      <c r="L915" s="237">
        <f t="shared" si="221"/>
        <v>44.396385938015321</v>
      </c>
      <c r="M915" s="236">
        <f t="shared" si="217"/>
        <v>6.1943941645848994</v>
      </c>
      <c r="N915" s="236">
        <f t="shared" si="218"/>
        <v>2.2181115324130545</v>
      </c>
      <c r="O915" s="236">
        <f t="shared" si="222"/>
        <v>3.1022563037570472</v>
      </c>
      <c r="P915" s="236" t="str">
        <f t="shared" si="223"/>
        <v>CLAY</v>
      </c>
      <c r="Q915" s="236">
        <f t="shared" si="219"/>
        <v>22.917392831925099</v>
      </c>
      <c r="R915" s="238">
        <v>35</v>
      </c>
      <c r="S915" s="236">
        <f t="shared" si="224"/>
        <v>2.4430848753456731</v>
      </c>
      <c r="T915" s="236" t="e">
        <f t="shared" si="210"/>
        <v>#N/A</v>
      </c>
    </row>
    <row r="916" spans="1:20" x14ac:dyDescent="0.2">
      <c r="A916" s="53">
        <f t="shared" si="211"/>
        <v>904</v>
      </c>
      <c r="B916" s="239">
        <v>8.8640000000000008</v>
      </c>
      <c r="C916" s="3">
        <f t="shared" si="212"/>
        <v>8.8570000000000011</v>
      </c>
      <c r="D916" s="239">
        <v>0.39810000000000001</v>
      </c>
      <c r="E916" s="239">
        <v>5.8999999999999999E-3</v>
      </c>
      <c r="F916" s="239">
        <v>0.19650000000000001</v>
      </c>
      <c r="G916">
        <f t="shared" si="213"/>
        <v>0.43740000000000001</v>
      </c>
      <c r="H916" s="235">
        <f t="shared" si="214"/>
        <v>1.3488797439414721</v>
      </c>
      <c r="I916" s="236">
        <f t="shared" si="215"/>
        <v>15.002534386647731</v>
      </c>
      <c r="J916" s="237">
        <f t="shared" si="220"/>
        <v>5.0025343866477314</v>
      </c>
      <c r="K916" s="237">
        <f t="shared" si="216"/>
        <v>132.87744706253898</v>
      </c>
      <c r="L916" s="237">
        <f t="shared" si="221"/>
        <v>44.342464803245498</v>
      </c>
      <c r="M916" s="236">
        <f t="shared" si="217"/>
        <v>6.8675152427515158</v>
      </c>
      <c r="N916" s="236">
        <f t="shared" si="218"/>
        <v>1.9374591284251008</v>
      </c>
      <c r="O916" s="236">
        <f t="shared" si="222"/>
        <v>3.0340557240376489</v>
      </c>
      <c r="P916" s="236" t="str">
        <f t="shared" si="223"/>
        <v>CLAY</v>
      </c>
      <c r="Q916" s="236">
        <f t="shared" si="219"/>
        <v>25.376879411455089</v>
      </c>
      <c r="R916" s="238">
        <v>35</v>
      </c>
      <c r="S916" s="236">
        <f t="shared" si="224"/>
        <v>2.7793263746047603</v>
      </c>
      <c r="T916" s="236" t="e">
        <f t="shared" si="210"/>
        <v>#N/A</v>
      </c>
    </row>
    <row r="917" spans="1:20" x14ac:dyDescent="0.2">
      <c r="A917" s="53">
        <f t="shared" si="211"/>
        <v>905</v>
      </c>
      <c r="B917" s="239">
        <v>8.8740000000000006</v>
      </c>
      <c r="C917" s="3">
        <f t="shared" si="212"/>
        <v>8.8670000000000009</v>
      </c>
      <c r="D917" s="239">
        <v>0.40960000000000002</v>
      </c>
      <c r="E917" s="239">
        <v>5.7999999999999996E-3</v>
      </c>
      <c r="F917" s="239">
        <v>0.1799</v>
      </c>
      <c r="G917">
        <f t="shared" si="213"/>
        <v>0.44558000000000003</v>
      </c>
      <c r="H917" s="235">
        <f t="shared" si="214"/>
        <v>1.3016742223618654</v>
      </c>
      <c r="I917" s="236">
        <f t="shared" si="215"/>
        <v>14.989731757243909</v>
      </c>
      <c r="J917" s="237">
        <f t="shared" si="220"/>
        <v>4.9897317572439093</v>
      </c>
      <c r="K917" s="237">
        <f t="shared" si="216"/>
        <v>132.91395149148175</v>
      </c>
      <c r="L917" s="237">
        <f t="shared" si="221"/>
        <v>44.278879613782451</v>
      </c>
      <c r="M917" s="236">
        <f t="shared" si="217"/>
        <v>7.0612908735657447</v>
      </c>
      <c r="N917" s="236">
        <f t="shared" si="218"/>
        <v>1.8550143284399436</v>
      </c>
      <c r="O917" s="236">
        <f t="shared" si="222"/>
        <v>3.0142040648346771</v>
      </c>
      <c r="P917" s="236" t="str">
        <f t="shared" si="223"/>
        <v>CLAY</v>
      </c>
      <c r="Q917" s="236">
        <f t="shared" si="219"/>
        <v>26.055504042376526</v>
      </c>
      <c r="R917" s="238">
        <v>35</v>
      </c>
      <c r="S917" s="236">
        <f t="shared" si="224"/>
        <v>2.8776974748017414</v>
      </c>
      <c r="T917" s="236" t="e">
        <f t="shared" si="210"/>
        <v>#N/A</v>
      </c>
    </row>
    <row r="918" spans="1:20" x14ac:dyDescent="0.2">
      <c r="A918" s="53">
        <f t="shared" si="211"/>
        <v>906</v>
      </c>
      <c r="B918" s="239">
        <v>8.8849999999999998</v>
      </c>
      <c r="C918" s="3">
        <f t="shared" si="212"/>
        <v>8.8780000000000001</v>
      </c>
      <c r="D918" s="239">
        <v>0.32300000000000001</v>
      </c>
      <c r="E918" s="239">
        <v>5.8999999999999999E-3</v>
      </c>
      <c r="F918" s="239">
        <v>0.20960000000000001</v>
      </c>
      <c r="G918">
        <f t="shared" si="213"/>
        <v>0.36492000000000002</v>
      </c>
      <c r="H918" s="235">
        <f t="shared" si="214"/>
        <v>1.6167927216924256</v>
      </c>
      <c r="I918" s="236">
        <f t="shared" si="215"/>
        <v>14.931721385388856</v>
      </c>
      <c r="J918" s="237">
        <f t="shared" si="220"/>
        <v>4.9317213853888564</v>
      </c>
      <c r="K918" s="237">
        <f t="shared" si="216"/>
        <v>132.56382245948228</v>
      </c>
      <c r="L918" s="237">
        <f t="shared" si="221"/>
        <v>43.818344509179987</v>
      </c>
      <c r="M918" s="236">
        <f t="shared" si="217"/>
        <v>5.3027146539467935</v>
      </c>
      <c r="N918" s="236">
        <f t="shared" si="218"/>
        <v>2.5392051386157664</v>
      </c>
      <c r="O918" s="236">
        <f t="shared" si="222"/>
        <v>3.1902073161127751</v>
      </c>
      <c r="P918" s="236" t="str">
        <f t="shared" si="223"/>
        <v>CLAY</v>
      </c>
      <c r="Q918" s="236">
        <f t="shared" si="219"/>
        <v>19.363014795043146</v>
      </c>
      <c r="R918" s="238">
        <v>35</v>
      </c>
      <c r="S918" s="236">
        <f t="shared" si="224"/>
        <v>2.0116982166012738</v>
      </c>
      <c r="T918" s="236" t="e">
        <f t="shared" si="210"/>
        <v>#N/A</v>
      </c>
    </row>
    <row r="919" spans="1:20" x14ac:dyDescent="0.2">
      <c r="A919" s="53">
        <f t="shared" si="211"/>
        <v>907</v>
      </c>
      <c r="B919" s="239">
        <v>8.8940000000000001</v>
      </c>
      <c r="C919" s="3">
        <f t="shared" si="212"/>
        <v>8.8870000000000005</v>
      </c>
      <c r="D919" s="239">
        <v>0.29970000000000002</v>
      </c>
      <c r="E919" s="239">
        <v>6.7000000000000002E-3</v>
      </c>
      <c r="F919" s="239">
        <v>0.2195</v>
      </c>
      <c r="G919">
        <f t="shared" si="213"/>
        <v>0.34360000000000002</v>
      </c>
      <c r="H919" s="235">
        <f t="shared" si="214"/>
        <v>1.9499417927823048</v>
      </c>
      <c r="I919" s="236">
        <f t="shared" si="215"/>
        <v>15.057292861318</v>
      </c>
      <c r="J919" s="237">
        <f t="shared" si="220"/>
        <v>5.0572928613180004</v>
      </c>
      <c r="K919" s="237">
        <f t="shared" si="216"/>
        <v>133.81416165853307</v>
      </c>
      <c r="L919" s="237">
        <f t="shared" si="221"/>
        <v>44.979562708562298</v>
      </c>
      <c r="M919" s="236">
        <f t="shared" si="217"/>
        <v>4.6640257421073636</v>
      </c>
      <c r="N919" s="236">
        <f t="shared" si="218"/>
        <v>3.193733215248999</v>
      </c>
      <c r="O919" s="236">
        <f t="shared" si="222"/>
        <v>3.2893990425369792</v>
      </c>
      <c r="P919" s="236" t="str">
        <f t="shared" si="223"/>
        <v>CLAY</v>
      </c>
      <c r="Q919" s="236">
        <f t="shared" si="219"/>
        <v>17.482153195122248</v>
      </c>
      <c r="R919" s="238">
        <v>35</v>
      </c>
      <c r="S919" s="236">
        <f t="shared" si="224"/>
        <v>1.7135279079820345</v>
      </c>
      <c r="T919" s="236" t="e">
        <f t="shared" si="210"/>
        <v>#N/A</v>
      </c>
    </row>
    <row r="920" spans="1:20" x14ac:dyDescent="0.2">
      <c r="A920" s="53">
        <f t="shared" si="211"/>
        <v>908</v>
      </c>
      <c r="B920" s="239">
        <v>8.9039999999999999</v>
      </c>
      <c r="C920" s="3">
        <f t="shared" si="212"/>
        <v>8.8970000000000002</v>
      </c>
      <c r="D920" s="239">
        <v>0.30349999999999999</v>
      </c>
      <c r="E920" s="239">
        <v>6.7000000000000002E-3</v>
      </c>
      <c r="F920" s="239">
        <v>0.22800000000000001</v>
      </c>
      <c r="G920">
        <f t="shared" si="213"/>
        <v>0.34909999999999997</v>
      </c>
      <c r="H920" s="235">
        <f t="shared" si="214"/>
        <v>1.9192208536236037</v>
      </c>
      <c r="I920" s="236">
        <f t="shared" si="215"/>
        <v>15.063499885607479</v>
      </c>
      <c r="J920" s="237">
        <f t="shared" si="220"/>
        <v>5.0634998856074791</v>
      </c>
      <c r="K920" s="237">
        <f t="shared" si="216"/>
        <v>134.01995848224973</v>
      </c>
      <c r="L920" s="237">
        <f t="shared" si="221"/>
        <v>45.085402981448993</v>
      </c>
      <c r="M920" s="236">
        <f t="shared" si="217"/>
        <v>4.7705028078876852</v>
      </c>
      <c r="N920" s="236">
        <f t="shared" si="218"/>
        <v>3.1151193540415321</v>
      </c>
      <c r="O920" s="236">
        <f t="shared" si="222"/>
        <v>3.2753793046226654</v>
      </c>
      <c r="P920" s="236" t="str">
        <f t="shared" si="223"/>
        <v>CLAY</v>
      </c>
      <c r="Q920" s="236">
        <f t="shared" si="219"/>
        <v>17.923336793145854</v>
      </c>
      <c r="R920" s="238">
        <v>35</v>
      </c>
      <c r="S920" s="236">
        <f t="shared" si="224"/>
        <v>1.7625652497162054</v>
      </c>
      <c r="T920" s="236" t="e">
        <f t="shared" si="210"/>
        <v>#N/A</v>
      </c>
    </row>
    <row r="921" spans="1:20" x14ac:dyDescent="0.2">
      <c r="A921" s="53">
        <f t="shared" si="211"/>
        <v>909</v>
      </c>
      <c r="B921" s="239">
        <v>8.9130000000000003</v>
      </c>
      <c r="C921" s="3">
        <f t="shared" si="212"/>
        <v>8.9060000000000006</v>
      </c>
      <c r="D921" s="239">
        <v>0.28100000000000003</v>
      </c>
      <c r="E921" s="239">
        <v>7.4999999999999997E-3</v>
      </c>
      <c r="F921" s="239">
        <v>0.23719999999999999</v>
      </c>
      <c r="G921">
        <f t="shared" si="213"/>
        <v>0.32844000000000001</v>
      </c>
      <c r="H921" s="235">
        <f t="shared" si="214"/>
        <v>2.2835221044939713</v>
      </c>
      <c r="I921" s="236">
        <f t="shared" si="215"/>
        <v>15.171918904652051</v>
      </c>
      <c r="J921" s="237">
        <f t="shared" si="220"/>
        <v>5.1719189046520508</v>
      </c>
      <c r="K921" s="237">
        <f t="shared" si="216"/>
        <v>135.12110976483117</v>
      </c>
      <c r="L921" s="237">
        <f t="shared" si="221"/>
        <v>46.097313197163729</v>
      </c>
      <c r="M921" s="236">
        <f t="shared" si="217"/>
        <v>4.1937127530257738</v>
      </c>
      <c r="N921" s="236">
        <f t="shared" si="218"/>
        <v>3.8796001729972636</v>
      </c>
      <c r="O921" s="236">
        <f t="shared" si="222"/>
        <v>3.3733373057575831</v>
      </c>
      <c r="P921" s="236" t="str">
        <f t="shared" si="223"/>
        <v>CLAY</v>
      </c>
      <c r="Q921" s="236">
        <f t="shared" si="219"/>
        <v>16.109907519597403</v>
      </c>
      <c r="R921" s="238">
        <v>35</v>
      </c>
      <c r="S921" s="236">
        <f t="shared" si="224"/>
        <v>1.5003354089419869</v>
      </c>
      <c r="T921" s="236" t="e">
        <f t="shared" si="210"/>
        <v>#N/A</v>
      </c>
    </row>
    <row r="922" spans="1:20" x14ac:dyDescent="0.2">
      <c r="A922" s="53">
        <f t="shared" si="211"/>
        <v>910</v>
      </c>
      <c r="B922" s="239">
        <v>8.9239999999999995</v>
      </c>
      <c r="C922" s="3">
        <f t="shared" si="212"/>
        <v>8.9169999999999998</v>
      </c>
      <c r="D922" s="239">
        <v>0.27879999999999999</v>
      </c>
      <c r="E922" s="239">
        <v>7.4999999999999997E-3</v>
      </c>
      <c r="F922" s="239">
        <v>0.24590000000000001</v>
      </c>
      <c r="G922">
        <f t="shared" si="213"/>
        <v>0.32797999999999999</v>
      </c>
      <c r="H922" s="235">
        <f t="shared" si="214"/>
        <v>2.2867248002927005</v>
      </c>
      <c r="I922" s="236">
        <f t="shared" si="215"/>
        <v>15.171371090920172</v>
      </c>
      <c r="J922" s="237">
        <f t="shared" si="220"/>
        <v>5.1713710909201716</v>
      </c>
      <c r="K922" s="237">
        <f t="shared" si="216"/>
        <v>135.28311601773515</v>
      </c>
      <c r="L922" s="237">
        <f t="shared" si="221"/>
        <v>46.149315615371606</v>
      </c>
      <c r="M922" s="236">
        <f t="shared" si="217"/>
        <v>4.1755090278756066</v>
      </c>
      <c r="N922" s="236">
        <f t="shared" si="218"/>
        <v>3.8921231340151166</v>
      </c>
      <c r="O922" s="236">
        <f t="shared" si="222"/>
        <v>3.3756824780845163</v>
      </c>
      <c r="P922" s="236" t="str">
        <f t="shared" si="223"/>
        <v>CLAY</v>
      </c>
      <c r="Q922" s="236">
        <f t="shared" si="219"/>
        <v>16.05807366518874</v>
      </c>
      <c r="R922" s="238">
        <v>35</v>
      </c>
      <c r="S922" s="236">
        <f t="shared" si="224"/>
        <v>1.4921991643218928</v>
      </c>
      <c r="T922" s="236" t="e">
        <f t="shared" si="210"/>
        <v>#N/A</v>
      </c>
    </row>
    <row r="923" spans="1:20" x14ac:dyDescent="0.2">
      <c r="A923" s="53">
        <f t="shared" si="211"/>
        <v>911</v>
      </c>
      <c r="B923" s="239">
        <v>8.9329999999999998</v>
      </c>
      <c r="C923" s="3">
        <f t="shared" si="212"/>
        <v>8.9260000000000002</v>
      </c>
      <c r="D923" s="239">
        <v>0.27939999999999998</v>
      </c>
      <c r="E923" s="239">
        <v>7.4000000000000003E-3</v>
      </c>
      <c r="F923" s="239">
        <v>0.24890000000000001</v>
      </c>
      <c r="G923">
        <f t="shared" si="213"/>
        <v>0.32917999999999997</v>
      </c>
      <c r="H923" s="235">
        <f t="shared" si="214"/>
        <v>2.2480102071814816</v>
      </c>
      <c r="I923" s="236">
        <f t="shared" si="215"/>
        <v>15.157058794464117</v>
      </c>
      <c r="J923" s="237">
        <f t="shared" si="220"/>
        <v>5.1570587944641169</v>
      </c>
      <c r="K923" s="237">
        <f t="shared" si="216"/>
        <v>135.29190679938671</v>
      </c>
      <c r="L923" s="237">
        <f t="shared" si="221"/>
        <v>46.068006210947956</v>
      </c>
      <c r="M923" s="236">
        <f t="shared" si="217"/>
        <v>4.2087363692882409</v>
      </c>
      <c r="N923" s="236">
        <f t="shared" si="218"/>
        <v>3.8166345740185945</v>
      </c>
      <c r="O923" s="236">
        <f t="shared" si="222"/>
        <v>3.3682199051412396</v>
      </c>
      <c r="P923" s="236" t="str">
        <f t="shared" si="223"/>
        <v>CLAY</v>
      </c>
      <c r="Q923" s="236">
        <f t="shared" si="219"/>
        <v>16.157341100051102</v>
      </c>
      <c r="R923" s="238">
        <v>35</v>
      </c>
      <c r="S923" s="236">
        <f t="shared" si="224"/>
        <v>1.5070569434779799</v>
      </c>
      <c r="T923" s="236" t="e">
        <f t="shared" si="210"/>
        <v>#N/A</v>
      </c>
    </row>
    <row r="924" spans="1:20" x14ac:dyDescent="0.2">
      <c r="A924" s="53">
        <f t="shared" si="211"/>
        <v>912</v>
      </c>
      <c r="B924" s="239">
        <v>8.9440000000000008</v>
      </c>
      <c r="C924" s="3">
        <f t="shared" si="212"/>
        <v>8.9370000000000012</v>
      </c>
      <c r="D924" s="239">
        <v>0.2883</v>
      </c>
      <c r="E924" s="239">
        <v>7.3000000000000001E-3</v>
      </c>
      <c r="F924" s="239">
        <v>0.24460000000000001</v>
      </c>
      <c r="G924">
        <f t="shared" si="213"/>
        <v>0.33721999999999996</v>
      </c>
      <c r="H924" s="235">
        <f t="shared" si="214"/>
        <v>2.1647589110966137</v>
      </c>
      <c r="I924" s="236">
        <f t="shared" si="215"/>
        <v>15.150536768357126</v>
      </c>
      <c r="J924" s="237">
        <f t="shared" si="220"/>
        <v>5.1505367683571261</v>
      </c>
      <c r="K924" s="237">
        <f t="shared" si="216"/>
        <v>135.40034709880766</v>
      </c>
      <c r="L924" s="237">
        <f t="shared" si="221"/>
        <v>46.066400856186142</v>
      </c>
      <c r="M924" s="236">
        <f t="shared" si="217"/>
        <v>4.3810597127231494</v>
      </c>
      <c r="N924" s="236">
        <f t="shared" si="218"/>
        <v>3.6170907515998767</v>
      </c>
      <c r="O924" s="236">
        <f t="shared" si="222"/>
        <v>3.3410367479680425</v>
      </c>
      <c r="P924" s="236" t="str">
        <f t="shared" si="223"/>
        <v>CLAY</v>
      </c>
      <c r="Q924" s="236">
        <f t="shared" si="219"/>
        <v>16.818304408432692</v>
      </c>
      <c r="R924" s="238">
        <v>35</v>
      </c>
      <c r="S924" s="236">
        <f t="shared" si="224"/>
        <v>1.5845792857167531</v>
      </c>
      <c r="T924" s="236" t="e">
        <f t="shared" si="210"/>
        <v>#N/A</v>
      </c>
    </row>
    <row r="925" spans="1:20" x14ac:dyDescent="0.2">
      <c r="A925" s="53">
        <f t="shared" si="211"/>
        <v>913</v>
      </c>
      <c r="B925" s="239">
        <v>8.9529999999999994</v>
      </c>
      <c r="C925" s="3">
        <f t="shared" si="212"/>
        <v>8.9459999999999997</v>
      </c>
      <c r="D925" s="239">
        <v>0.28760000000000002</v>
      </c>
      <c r="E925" s="239">
        <v>7.3000000000000001E-3</v>
      </c>
      <c r="F925" s="239">
        <v>0.2472</v>
      </c>
      <c r="G925">
        <f t="shared" si="213"/>
        <v>0.33704000000000001</v>
      </c>
      <c r="H925" s="235">
        <f t="shared" si="214"/>
        <v>2.1659150249228576</v>
      </c>
      <c r="I925" s="236">
        <f t="shared" si="215"/>
        <v>15.150328078214629</v>
      </c>
      <c r="J925" s="237">
        <f t="shared" si="220"/>
        <v>5.1503280782146295</v>
      </c>
      <c r="K925" s="237">
        <f t="shared" si="216"/>
        <v>135.53483498770808</v>
      </c>
      <c r="L925" s="237">
        <f t="shared" si="221"/>
        <v>46.110887284255575</v>
      </c>
      <c r="M925" s="236">
        <f t="shared" si="217"/>
        <v>4.3700127427627118</v>
      </c>
      <c r="N925" s="236">
        <f t="shared" si="218"/>
        <v>3.6227359231981451</v>
      </c>
      <c r="O925" s="236">
        <f t="shared" si="222"/>
        <v>3.3423254826902213</v>
      </c>
      <c r="P925" s="236" t="str">
        <f t="shared" si="223"/>
        <v>CLAY</v>
      </c>
      <c r="Q925" s="236">
        <f t="shared" si="219"/>
        <v>16.79209708435766</v>
      </c>
      <c r="R925" s="238">
        <v>35</v>
      </c>
      <c r="S925" s="236">
        <f t="shared" si="224"/>
        <v>1.5795864072590069</v>
      </c>
      <c r="T925" s="236" t="e">
        <f t="shared" si="210"/>
        <v>#N/A</v>
      </c>
    </row>
    <row r="926" spans="1:20" x14ac:dyDescent="0.2">
      <c r="A926" s="53">
        <f t="shared" si="211"/>
        <v>914</v>
      </c>
      <c r="B926" s="239">
        <v>9.0129999999999999</v>
      </c>
      <c r="C926" s="3">
        <f t="shared" si="212"/>
        <v>9.0060000000000002</v>
      </c>
      <c r="D926" s="239">
        <v>0.30759999999999998</v>
      </c>
      <c r="E926" s="239">
        <v>7.1999999999999998E-3</v>
      </c>
      <c r="F926" s="239">
        <v>0.217</v>
      </c>
      <c r="G926">
        <f t="shared" si="213"/>
        <v>0.35099999999999998</v>
      </c>
      <c r="H926" s="235">
        <f t="shared" si="214"/>
        <v>2.0512820512820511</v>
      </c>
      <c r="I926" s="236">
        <f t="shared" si="215"/>
        <v>15.150017199566152</v>
      </c>
      <c r="J926" s="237">
        <f t="shared" si="220"/>
        <v>5.1500171995661521</v>
      </c>
      <c r="K926" s="237">
        <f t="shared" si="216"/>
        <v>136.44105489929277</v>
      </c>
      <c r="L926" s="237">
        <f t="shared" si="221"/>
        <v>46.417105019689728</v>
      </c>
      <c r="M926" s="236">
        <f t="shared" si="217"/>
        <v>4.6224111781571304</v>
      </c>
      <c r="N926" s="236">
        <f t="shared" si="218"/>
        <v>3.3557211966252658</v>
      </c>
      <c r="O926" s="236">
        <f t="shared" si="222"/>
        <v>3.3040173457443558</v>
      </c>
      <c r="P926" s="236" t="str">
        <f t="shared" si="223"/>
        <v>CLAY</v>
      </c>
      <c r="Q926" s="236">
        <f t="shared" si="219"/>
        <v>17.879912091725604</v>
      </c>
      <c r="R926" s="238">
        <v>35</v>
      </c>
      <c r="S926" s="236">
        <f t="shared" si="224"/>
        <v>1.694438173985465</v>
      </c>
      <c r="T926" s="236" t="e">
        <f t="shared" si="210"/>
        <v>#N/A</v>
      </c>
    </row>
    <row r="927" spans="1:20" x14ac:dyDescent="0.2">
      <c r="A927" s="53">
        <f t="shared" si="211"/>
        <v>915</v>
      </c>
      <c r="B927" s="239">
        <v>9.0229999999999997</v>
      </c>
      <c r="C927" s="3">
        <f t="shared" si="212"/>
        <v>9.016</v>
      </c>
      <c r="D927" s="239">
        <v>0.29549999999999998</v>
      </c>
      <c r="E927" s="239">
        <v>7.6E-3</v>
      </c>
      <c r="F927" s="239">
        <v>0.23019999999999999</v>
      </c>
      <c r="G927">
        <f t="shared" si="213"/>
        <v>0.34153999999999995</v>
      </c>
      <c r="H927" s="235">
        <f t="shared" si="214"/>
        <v>2.2252152017333255</v>
      </c>
      <c r="I927" s="236">
        <f t="shared" si="215"/>
        <v>15.202737170216967</v>
      </c>
      <c r="J927" s="237">
        <f t="shared" si="220"/>
        <v>5.2027371702169667</v>
      </c>
      <c r="K927" s="237">
        <f t="shared" si="216"/>
        <v>137.06787832667618</v>
      </c>
      <c r="L927" s="237">
        <f t="shared" si="221"/>
        <v>46.94429748686769</v>
      </c>
      <c r="M927" s="236">
        <f t="shared" si="217"/>
        <v>4.355632795027411</v>
      </c>
      <c r="N927" s="236">
        <f t="shared" si="218"/>
        <v>3.7168881203972584</v>
      </c>
      <c r="O927" s="236">
        <f t="shared" si="222"/>
        <v>3.3494795679372369</v>
      </c>
      <c r="P927" s="236" t="str">
        <f t="shared" si="223"/>
        <v>CLAY</v>
      </c>
      <c r="Q927" s="236">
        <f t="shared" si="219"/>
        <v>17.039343472776981</v>
      </c>
      <c r="R927" s="238">
        <v>35</v>
      </c>
      <c r="S927" s="236">
        <f t="shared" si="224"/>
        <v>1.5730918554574729</v>
      </c>
      <c r="T927" s="236" t="e">
        <f t="shared" si="210"/>
        <v>#N/A</v>
      </c>
    </row>
    <row r="928" spans="1:20" x14ac:dyDescent="0.2">
      <c r="A928" s="53">
        <f t="shared" si="211"/>
        <v>916</v>
      </c>
      <c r="B928" s="239">
        <v>9.032</v>
      </c>
      <c r="C928" s="3">
        <f t="shared" si="212"/>
        <v>9.0250000000000004</v>
      </c>
      <c r="D928" s="239">
        <v>0.29549999999999998</v>
      </c>
      <c r="E928" s="239">
        <v>7.6E-3</v>
      </c>
      <c r="F928" s="239">
        <v>0.23180000000000001</v>
      </c>
      <c r="G928">
        <f t="shared" si="213"/>
        <v>0.34186</v>
      </c>
      <c r="H928" s="235">
        <f t="shared" si="214"/>
        <v>2.223132276370444</v>
      </c>
      <c r="I928" s="236">
        <f t="shared" si="215"/>
        <v>15.20310321300283</v>
      </c>
      <c r="J928" s="237">
        <f t="shared" si="220"/>
        <v>5.2031032130028301</v>
      </c>
      <c r="K928" s="237">
        <f t="shared" si="216"/>
        <v>137.20800649735054</v>
      </c>
      <c r="L928" s="237">
        <f t="shared" si="221"/>
        <v>46.994428219841559</v>
      </c>
      <c r="M928" s="236">
        <f t="shared" si="217"/>
        <v>4.354813990826325</v>
      </c>
      <c r="N928" s="236">
        <f t="shared" si="218"/>
        <v>3.7136212894508693</v>
      </c>
      <c r="O928" s="236">
        <f t="shared" si="222"/>
        <v>3.3493444980712028</v>
      </c>
      <c r="P928" s="236" t="str">
        <f t="shared" si="223"/>
        <v>CLAY</v>
      </c>
      <c r="Q928" s="236">
        <f t="shared" si="219"/>
        <v>17.054332791887457</v>
      </c>
      <c r="R928" s="238">
        <v>35</v>
      </c>
      <c r="S928" s="236">
        <f t="shared" si="224"/>
        <v>1.5727222122816464</v>
      </c>
      <c r="T928" s="236" t="e">
        <f t="shared" si="210"/>
        <v>#N/A</v>
      </c>
    </row>
    <row r="929" spans="1:21" x14ac:dyDescent="0.2">
      <c r="A929" s="53">
        <f t="shared" si="211"/>
        <v>917</v>
      </c>
      <c r="B929" s="239">
        <v>9.0429999999999993</v>
      </c>
      <c r="C929" s="3">
        <f t="shared" si="212"/>
        <v>9.0359999999999996</v>
      </c>
      <c r="D929" s="239">
        <v>0.28960000000000002</v>
      </c>
      <c r="E929" s="239">
        <v>7.4000000000000003E-3</v>
      </c>
      <c r="F929" s="239">
        <v>0.2402</v>
      </c>
      <c r="G929">
        <f t="shared" si="213"/>
        <v>0.33764</v>
      </c>
      <c r="H929" s="235">
        <f t="shared" si="214"/>
        <v>2.1916834498282198</v>
      </c>
      <c r="I929" s="236">
        <f t="shared" si="215"/>
        <v>15.166977200094003</v>
      </c>
      <c r="J929" s="237">
        <f t="shared" si="220"/>
        <v>5.1669772000940029</v>
      </c>
      <c r="K929" s="237">
        <f t="shared" si="216"/>
        <v>137.04880598004939</v>
      </c>
      <c r="L929" s="237">
        <f t="shared" si="221"/>
        <v>46.724974820450065</v>
      </c>
      <c r="M929" s="236">
        <f t="shared" si="217"/>
        <v>4.2930187718829567</v>
      </c>
      <c r="N929" s="236">
        <f t="shared" si="218"/>
        <v>3.6890951450560703</v>
      </c>
      <c r="O929" s="236">
        <f t="shared" si="222"/>
        <v>3.3530579435060344</v>
      </c>
      <c r="P929" s="236" t="str">
        <f t="shared" si="223"/>
        <v>CLAY</v>
      </c>
      <c r="Q929" s="236">
        <f t="shared" si="219"/>
        <v>16.715932834995883</v>
      </c>
      <c r="R929" s="238">
        <v>35</v>
      </c>
      <c r="S929" s="236">
        <f t="shared" si="224"/>
        <v>1.5448755257736182</v>
      </c>
      <c r="T929" s="236" t="e">
        <f t="shared" si="210"/>
        <v>#N/A</v>
      </c>
    </row>
    <row r="930" spans="1:21" x14ac:dyDescent="0.2">
      <c r="A930" s="53">
        <f t="shared" si="211"/>
        <v>918</v>
      </c>
      <c r="B930" s="239">
        <v>9.0519999999999996</v>
      </c>
      <c r="C930" s="3">
        <f t="shared" si="212"/>
        <v>9.0449999999999999</v>
      </c>
      <c r="D930" s="239">
        <v>0.29520000000000002</v>
      </c>
      <c r="E930" s="239">
        <v>7.1999999999999998E-3</v>
      </c>
      <c r="F930" s="239">
        <v>0.24610000000000001</v>
      </c>
      <c r="G930">
        <f t="shared" si="213"/>
        <v>0.34442</v>
      </c>
      <c r="H930" s="235">
        <f t="shared" si="214"/>
        <v>2.0904709366471166</v>
      </c>
      <c r="I930" s="236">
        <f t="shared" si="215"/>
        <v>15.142620320909192</v>
      </c>
      <c r="J930" s="237">
        <f t="shared" si="220"/>
        <v>5.1426203209091916</v>
      </c>
      <c r="K930" s="237">
        <f t="shared" si="216"/>
        <v>136.96500080262365</v>
      </c>
      <c r="L930" s="237">
        <f t="shared" si="221"/>
        <v>46.550999144869998</v>
      </c>
      <c r="M930" s="236">
        <f t="shared" si="217"/>
        <v>4.456510128853771</v>
      </c>
      <c r="N930" s="236">
        <f t="shared" si="218"/>
        <v>3.4706321987207418</v>
      </c>
      <c r="O930" s="236">
        <f t="shared" si="222"/>
        <v>3.3252230294132459</v>
      </c>
      <c r="P930" s="236" t="str">
        <f t="shared" si="223"/>
        <v>CLAY</v>
      </c>
      <c r="Q930" s="236">
        <f t="shared" si="219"/>
        <v>17.287916599781365</v>
      </c>
      <c r="R930" s="238">
        <v>35</v>
      </c>
      <c r="S930" s="236">
        <f t="shared" si="224"/>
        <v>1.6187643489562376</v>
      </c>
      <c r="T930" s="236" t="e">
        <f t="shared" si="210"/>
        <v>#N/A</v>
      </c>
    </row>
    <row r="931" spans="1:21" x14ac:dyDescent="0.2">
      <c r="A931" s="53">
        <f t="shared" si="211"/>
        <v>919</v>
      </c>
      <c r="B931" s="239">
        <v>9.0609999999999999</v>
      </c>
      <c r="C931" s="3">
        <f t="shared" si="212"/>
        <v>9.0540000000000003</v>
      </c>
      <c r="D931" s="239">
        <v>0.30709999999999998</v>
      </c>
      <c r="E931" s="239">
        <v>6.8999999999999999E-3</v>
      </c>
      <c r="F931" s="239">
        <v>0.24390000000000001</v>
      </c>
      <c r="G931">
        <f t="shared" si="213"/>
        <v>0.35587999999999997</v>
      </c>
      <c r="H931" s="235">
        <f t="shared" si="214"/>
        <v>1.9388557940878948</v>
      </c>
      <c r="I931" s="236">
        <f t="shared" si="215"/>
        <v>15.105508823079681</v>
      </c>
      <c r="J931" s="237">
        <f t="shared" si="220"/>
        <v>5.1055088230796812</v>
      </c>
      <c r="K931" s="237">
        <f t="shared" si="216"/>
        <v>136.76527688416343</v>
      </c>
      <c r="L931" s="237">
        <f t="shared" si="221"/>
        <v>46.26101544592499</v>
      </c>
      <c r="M931" s="236">
        <f t="shared" si="217"/>
        <v>4.7364875371566839</v>
      </c>
      <c r="N931" s="236">
        <f t="shared" si="218"/>
        <v>3.1490353098510249</v>
      </c>
      <c r="O931" s="236">
        <f t="shared" si="222"/>
        <v>3.280488982493869</v>
      </c>
      <c r="P931" s="236" t="str">
        <f t="shared" si="223"/>
        <v>CLAY</v>
      </c>
      <c r="Q931" s="236">
        <f t="shared" si="219"/>
        <v>18.259560259653046</v>
      </c>
      <c r="R931" s="238">
        <v>35</v>
      </c>
      <c r="S931" s="236">
        <f t="shared" si="224"/>
        <v>1.7468696814512532</v>
      </c>
      <c r="T931" s="236" t="e">
        <f t="shared" si="210"/>
        <v>#N/A</v>
      </c>
    </row>
    <row r="932" spans="1:21" x14ac:dyDescent="0.2">
      <c r="A932" s="53">
        <f t="shared" si="211"/>
        <v>920</v>
      </c>
      <c r="B932" s="239">
        <v>9.0719999999999992</v>
      </c>
      <c r="C932" s="3">
        <f t="shared" si="212"/>
        <v>9.0649999999999995</v>
      </c>
      <c r="D932" s="239">
        <v>0.30359999999999998</v>
      </c>
      <c r="E932" s="239">
        <v>6.7999999999999996E-3</v>
      </c>
      <c r="F932" s="239">
        <v>0.2477</v>
      </c>
      <c r="G932">
        <f t="shared" si="213"/>
        <v>0.35313999999999995</v>
      </c>
      <c r="H932" s="235">
        <f t="shared" si="214"/>
        <v>1.9255819221838368</v>
      </c>
      <c r="I932" s="236">
        <f t="shared" si="215"/>
        <v>15.085369340100341</v>
      </c>
      <c r="J932" s="237">
        <f t="shared" si="220"/>
        <v>5.0853693401003408</v>
      </c>
      <c r="K932" s="237">
        <f t="shared" si="216"/>
        <v>136.74887306800957</v>
      </c>
      <c r="L932" s="237">
        <f t="shared" si="221"/>
        <v>46.134470653390288</v>
      </c>
      <c r="M932" s="236">
        <f t="shared" si="217"/>
        <v>4.6904434768037904</v>
      </c>
      <c r="N932" s="236">
        <f t="shared" si="218"/>
        <v>3.1424578708059383</v>
      </c>
      <c r="O932" s="236">
        <f t="shared" si="222"/>
        <v>3.2836287865429181</v>
      </c>
      <c r="P932" s="236" t="str">
        <f t="shared" si="223"/>
        <v>CLAY</v>
      </c>
      <c r="Q932" s="236">
        <f t="shared" si="219"/>
        <v>18.032593910999196</v>
      </c>
      <c r="R932" s="238">
        <v>35</v>
      </c>
      <c r="S932" s="236">
        <f t="shared" si="224"/>
        <v>1.7256685813909509</v>
      </c>
      <c r="T932" s="236" t="e">
        <f t="shared" si="210"/>
        <v>#N/A</v>
      </c>
    </row>
    <row r="933" spans="1:21" x14ac:dyDescent="0.2">
      <c r="A933" s="53">
        <f t="shared" si="211"/>
        <v>921</v>
      </c>
      <c r="B933" s="239">
        <v>9.0820000000000007</v>
      </c>
      <c r="C933" s="3">
        <f t="shared" si="212"/>
        <v>9.0750000000000011</v>
      </c>
      <c r="D933" s="239">
        <v>0.29709999999999998</v>
      </c>
      <c r="E933" s="239">
        <v>6.7999999999999996E-3</v>
      </c>
      <c r="F933" s="239">
        <v>0.25130000000000002</v>
      </c>
      <c r="G933">
        <f t="shared" si="213"/>
        <v>0.34735999999999995</v>
      </c>
      <c r="H933" s="235">
        <f t="shared" si="214"/>
        <v>1.9576232151082451</v>
      </c>
      <c r="I933" s="236">
        <f t="shared" si="215"/>
        <v>15.078918944188635</v>
      </c>
      <c r="J933" s="237">
        <f t="shared" si="220"/>
        <v>5.0789189441886347</v>
      </c>
      <c r="K933" s="237">
        <f t="shared" si="216"/>
        <v>136.84118941851187</v>
      </c>
      <c r="L933" s="237">
        <f t="shared" si="221"/>
        <v>46.126741851121182</v>
      </c>
      <c r="M933" s="236">
        <f t="shared" si="217"/>
        <v>4.5639211037484344</v>
      </c>
      <c r="N933" s="236">
        <f t="shared" si="218"/>
        <v>3.2301151527586849</v>
      </c>
      <c r="O933" s="236">
        <f t="shared" si="222"/>
        <v>3.3000022828476294</v>
      </c>
      <c r="P933" s="236" t="str">
        <f t="shared" si="223"/>
        <v>CLAY</v>
      </c>
      <c r="Q933" s="236">
        <f t="shared" si="219"/>
        <v>17.543234215124006</v>
      </c>
      <c r="R933" s="238">
        <v>35</v>
      </c>
      <c r="S933" s="236">
        <f t="shared" si="224"/>
        <v>1.6676798021747474</v>
      </c>
      <c r="T933" s="236" t="e">
        <f t="shared" si="210"/>
        <v>#N/A</v>
      </c>
    </row>
    <row r="934" spans="1:21" x14ac:dyDescent="0.2">
      <c r="A934" s="53">
        <f t="shared" si="211"/>
        <v>922</v>
      </c>
      <c r="B934" s="239">
        <v>9.0920000000000005</v>
      </c>
      <c r="C934" s="3">
        <f t="shared" si="212"/>
        <v>9.0850000000000009</v>
      </c>
      <c r="D934" s="239">
        <v>0.29980000000000001</v>
      </c>
      <c r="E934" s="239">
        <v>6.7000000000000002E-3</v>
      </c>
      <c r="F934" s="239">
        <v>0.25069999999999998</v>
      </c>
      <c r="G934">
        <f t="shared" si="213"/>
        <v>0.34993999999999997</v>
      </c>
      <c r="H934" s="235">
        <f t="shared" si="214"/>
        <v>1.9146139338172261</v>
      </c>
      <c r="I934" s="236">
        <f t="shared" si="215"/>
        <v>15.064439250411636</v>
      </c>
      <c r="J934" s="237">
        <f t="shared" si="220"/>
        <v>5.0644392504116365</v>
      </c>
      <c r="K934" s="237">
        <f t="shared" si="216"/>
        <v>136.86043058998973</v>
      </c>
      <c r="L934" s="237">
        <f t="shared" si="221"/>
        <v>46.045881664742602</v>
      </c>
      <c r="M934" s="236">
        <f t="shared" si="217"/>
        <v>4.6275489078791079</v>
      </c>
      <c r="N934" s="236">
        <f t="shared" si="218"/>
        <v>3.1443652803276412</v>
      </c>
      <c r="O934" s="236">
        <f t="shared" si="222"/>
        <v>3.2887650409653806</v>
      </c>
      <c r="P934" s="236" t="str">
        <f t="shared" si="223"/>
        <v>CLAY</v>
      </c>
      <c r="Q934" s="236">
        <f t="shared" si="219"/>
        <v>17.756630784167523</v>
      </c>
      <c r="R934" s="238">
        <v>35</v>
      </c>
      <c r="S934" s="236">
        <f t="shared" si="224"/>
        <v>1.6967926742147881</v>
      </c>
      <c r="T934" s="236" t="e">
        <f t="shared" si="210"/>
        <v>#N/A</v>
      </c>
      <c r="U934" s="230"/>
    </row>
    <row r="935" spans="1:21" x14ac:dyDescent="0.2">
      <c r="A935" s="53">
        <f t="shared" si="211"/>
        <v>923</v>
      </c>
      <c r="B935" s="239">
        <v>9.1010000000000009</v>
      </c>
      <c r="C935" s="3">
        <f t="shared" si="212"/>
        <v>9.0940000000000012</v>
      </c>
      <c r="D935" s="239">
        <v>0.30359999999999998</v>
      </c>
      <c r="E935" s="239">
        <v>6.6E-3</v>
      </c>
      <c r="F935" s="239">
        <v>0.24560000000000001</v>
      </c>
      <c r="G935">
        <f t="shared" si="213"/>
        <v>0.35271999999999998</v>
      </c>
      <c r="H935" s="235">
        <f t="shared" si="214"/>
        <v>1.8711726014969381</v>
      </c>
      <c r="I935" s="236">
        <f t="shared" si="215"/>
        <v>15.049898757581971</v>
      </c>
      <c r="J935" s="237">
        <f t="shared" si="220"/>
        <v>5.0498987575819712</v>
      </c>
      <c r="K935" s="237">
        <f t="shared" si="216"/>
        <v>136.86377930145045</v>
      </c>
      <c r="L935" s="237">
        <f t="shared" si="221"/>
        <v>45.959128592753522</v>
      </c>
      <c r="M935" s="236">
        <f t="shared" si="217"/>
        <v>4.6966995960968685</v>
      </c>
      <c r="N935" s="236">
        <f t="shared" si="218"/>
        <v>3.0575908253379094</v>
      </c>
      <c r="O935" s="236">
        <f t="shared" si="222"/>
        <v>3.276931859434332</v>
      </c>
      <c r="P935" s="236" t="str">
        <f t="shared" si="223"/>
        <v>CLAY</v>
      </c>
      <c r="Q935" s="236">
        <f t="shared" si="219"/>
        <v>17.988018391545793</v>
      </c>
      <c r="R935" s="238">
        <v>35</v>
      </c>
      <c r="S935" s="236">
        <f t="shared" si="224"/>
        <v>1.7285461845221626</v>
      </c>
      <c r="T935" s="236" t="e">
        <f t="shared" si="210"/>
        <v>#N/A</v>
      </c>
    </row>
    <row r="936" spans="1:21" x14ac:dyDescent="0.2">
      <c r="A936" s="53">
        <f t="shared" si="211"/>
        <v>924</v>
      </c>
      <c r="B936" s="239">
        <v>9.1120000000000001</v>
      </c>
      <c r="C936" s="3">
        <f t="shared" si="212"/>
        <v>9.1050000000000004</v>
      </c>
      <c r="D936" s="239">
        <v>0.31130000000000002</v>
      </c>
      <c r="E936" s="239">
        <v>6.4000000000000003E-3</v>
      </c>
      <c r="F936" s="239">
        <v>0.2392</v>
      </c>
      <c r="G936">
        <f t="shared" si="213"/>
        <v>0.35914000000000001</v>
      </c>
      <c r="H936" s="235">
        <f t="shared" si="214"/>
        <v>1.7820348610569696</v>
      </c>
      <c r="I936" s="236">
        <f t="shared" si="215"/>
        <v>15.020866384621696</v>
      </c>
      <c r="J936" s="237">
        <f t="shared" si="220"/>
        <v>5.0208663846216961</v>
      </c>
      <c r="K936" s="237">
        <f t="shared" si="216"/>
        <v>136.76498843198056</v>
      </c>
      <c r="L936" s="237">
        <f t="shared" si="221"/>
        <v>45.750134496672892</v>
      </c>
      <c r="M936" s="236">
        <f t="shared" si="217"/>
        <v>4.8606417011559016</v>
      </c>
      <c r="N936" s="236">
        <f t="shared" si="218"/>
        <v>2.8780212105991896</v>
      </c>
      <c r="O936" s="236">
        <f t="shared" si="222"/>
        <v>3.2505616587015682</v>
      </c>
      <c r="P936" s="236" t="str">
        <f t="shared" si="223"/>
        <v>CLAY</v>
      </c>
      <c r="Q936" s="236">
        <f t="shared" si="219"/>
        <v>18.531250964001618</v>
      </c>
      <c r="R936" s="238">
        <v>35</v>
      </c>
      <c r="S936" s="236">
        <f t="shared" si="224"/>
        <v>1.8042928135539911</v>
      </c>
      <c r="T936" s="236" t="e">
        <f t="shared" si="210"/>
        <v>#N/A</v>
      </c>
    </row>
    <row r="937" spans="1:21" x14ac:dyDescent="0.2">
      <c r="A937" s="53">
        <f t="shared" si="211"/>
        <v>925</v>
      </c>
      <c r="B937" s="239">
        <v>9.1219999999999999</v>
      </c>
      <c r="C937" s="3">
        <f t="shared" si="212"/>
        <v>9.1150000000000002</v>
      </c>
      <c r="D937" s="239">
        <v>0.31900000000000001</v>
      </c>
      <c r="E937" s="239">
        <v>6.4000000000000003E-3</v>
      </c>
      <c r="F937" s="239">
        <v>0.23350000000000001</v>
      </c>
      <c r="G937">
        <f t="shared" si="213"/>
        <v>0.36570000000000003</v>
      </c>
      <c r="H937" s="235">
        <f t="shared" si="214"/>
        <v>1.7500683620453923</v>
      </c>
      <c r="I937" s="236">
        <f t="shared" si="215"/>
        <v>15.027941448443222</v>
      </c>
      <c r="J937" s="237">
        <f t="shared" si="220"/>
        <v>5.0279414484432223</v>
      </c>
      <c r="K937" s="237">
        <f t="shared" si="216"/>
        <v>136.97968630255997</v>
      </c>
      <c r="L937" s="237">
        <f t="shared" si="221"/>
        <v>45.864881892699074</v>
      </c>
      <c r="M937" s="236">
        <f t="shared" si="217"/>
        <v>4.9868287949052483</v>
      </c>
      <c r="N937" s="236">
        <f t="shared" si="218"/>
        <v>2.7981773444339377</v>
      </c>
      <c r="O937" s="236">
        <f t="shared" si="222"/>
        <v>3.2347225978684291</v>
      </c>
      <c r="P937" s="236" t="str">
        <f t="shared" si="223"/>
        <v>CLAY</v>
      </c>
      <c r="Q937" s="236">
        <f t="shared" si="219"/>
        <v>19.060026141453339</v>
      </c>
      <c r="R937" s="238">
        <v>35</v>
      </c>
      <c r="S937" s="236">
        <f t="shared" si="224"/>
        <v>1.8630331465709002</v>
      </c>
      <c r="T937" s="236" t="e">
        <f t="shared" si="210"/>
        <v>#N/A</v>
      </c>
    </row>
    <row r="938" spans="1:21" x14ac:dyDescent="0.2">
      <c r="A938" s="53">
        <f t="shared" si="211"/>
        <v>926</v>
      </c>
      <c r="B938" s="239">
        <v>9.1319999999999997</v>
      </c>
      <c r="C938" s="3">
        <f t="shared" si="212"/>
        <v>9.125</v>
      </c>
      <c r="D938" s="239">
        <v>0.33479999999999999</v>
      </c>
      <c r="E938" s="239">
        <v>6.1000000000000004E-3</v>
      </c>
      <c r="F938" s="239">
        <v>0.2329</v>
      </c>
      <c r="G938">
        <f t="shared" si="213"/>
        <v>0.38138</v>
      </c>
      <c r="H938" s="235">
        <f t="shared" si="214"/>
        <v>1.5994546121978082</v>
      </c>
      <c r="I938" s="236">
        <f t="shared" si="215"/>
        <v>14.988055731882049</v>
      </c>
      <c r="J938" s="237">
        <f t="shared" si="220"/>
        <v>4.9880557318820493</v>
      </c>
      <c r="K938" s="237">
        <f t="shared" si="216"/>
        <v>136.76600855342369</v>
      </c>
      <c r="L938" s="237">
        <f t="shared" si="221"/>
        <v>45.550924943546875</v>
      </c>
      <c r="M938" s="236">
        <f t="shared" si="217"/>
        <v>5.3701212818342645</v>
      </c>
      <c r="N938" s="236">
        <f t="shared" si="218"/>
        <v>2.4937248944454762</v>
      </c>
      <c r="O938" s="236">
        <f t="shared" si="222"/>
        <v>3.1814912176727361</v>
      </c>
      <c r="P938" s="236" t="str">
        <f t="shared" si="223"/>
        <v>CLAY</v>
      </c>
      <c r="Q938" s="236">
        <f t="shared" si="219"/>
        <v>20.384499287214691</v>
      </c>
      <c r="R938" s="238">
        <v>35</v>
      </c>
      <c r="S938" s="236">
        <f t="shared" si="224"/>
        <v>2.043714030088247</v>
      </c>
      <c r="T938" s="236" t="e">
        <f t="shared" si="210"/>
        <v>#N/A</v>
      </c>
    </row>
    <row r="939" spans="1:21" x14ac:dyDescent="0.2">
      <c r="A939" s="53">
        <f t="shared" si="211"/>
        <v>927</v>
      </c>
      <c r="B939" s="239">
        <v>9.1419999999999995</v>
      </c>
      <c r="C939" s="3">
        <f t="shared" si="212"/>
        <v>9.1349999999999998</v>
      </c>
      <c r="D939" s="239">
        <v>0.33550000000000002</v>
      </c>
      <c r="E939" s="239">
        <v>6.3E-3</v>
      </c>
      <c r="F939" s="239">
        <v>0.24079999999999999</v>
      </c>
      <c r="G939">
        <f t="shared" si="213"/>
        <v>0.38366</v>
      </c>
      <c r="H939" s="235">
        <f t="shared" si="214"/>
        <v>1.6420789240473337</v>
      </c>
      <c r="I939" s="236">
        <f t="shared" si="215"/>
        <v>15.028214408120373</v>
      </c>
      <c r="J939" s="237">
        <f t="shared" si="220"/>
        <v>5.0282144081203732</v>
      </c>
      <c r="K939" s="237">
        <f t="shared" si="216"/>
        <v>137.28273861817959</v>
      </c>
      <c r="L939" s="237">
        <f t="shared" si="221"/>
        <v>45.967936119036452</v>
      </c>
      <c r="M939" s="236">
        <f t="shared" si="217"/>
        <v>5.3597633955941202</v>
      </c>
      <c r="N939" s="236">
        <f t="shared" si="218"/>
        <v>2.5570541553494435</v>
      </c>
      <c r="O939" s="236">
        <f t="shared" si="222"/>
        <v>3.1877609709378762</v>
      </c>
      <c r="P939" s="236" t="str">
        <f t="shared" si="223"/>
        <v>CLAY</v>
      </c>
      <c r="Q939" s="236">
        <f t="shared" si="219"/>
        <v>20.531438448485037</v>
      </c>
      <c r="R939" s="238">
        <v>35</v>
      </c>
      <c r="S939" s="236">
        <f t="shared" si="224"/>
        <v>2.0387878258835692</v>
      </c>
      <c r="T939" s="236" t="e">
        <f t="shared" si="210"/>
        <v>#N/A</v>
      </c>
    </row>
    <row r="940" spans="1:21" x14ac:dyDescent="0.2">
      <c r="A940" s="53">
        <f t="shared" si="211"/>
        <v>928</v>
      </c>
      <c r="B940" s="239">
        <v>9.1519999999999992</v>
      </c>
      <c r="C940" s="3">
        <f t="shared" si="212"/>
        <v>9.1449999999999996</v>
      </c>
      <c r="D940" s="239">
        <v>0.33119999999999999</v>
      </c>
      <c r="E940" s="239">
        <v>6.1999999999999998E-3</v>
      </c>
      <c r="F940" s="239">
        <v>0.2339</v>
      </c>
      <c r="G940">
        <f t="shared" si="213"/>
        <v>0.37797999999999998</v>
      </c>
      <c r="H940" s="235">
        <f t="shared" si="214"/>
        <v>1.6402984284882798</v>
      </c>
      <c r="I940" s="236">
        <f t="shared" si="215"/>
        <v>15.003622554644533</v>
      </c>
      <c r="J940" s="237">
        <f t="shared" si="220"/>
        <v>5.003622554644533</v>
      </c>
      <c r="K940" s="237">
        <f t="shared" si="216"/>
        <v>137.20812826222425</v>
      </c>
      <c r="L940" s="237">
        <f t="shared" si="221"/>
        <v>45.793153620106764</v>
      </c>
      <c r="M940" s="236">
        <f t="shared" si="217"/>
        <v>5.2578137276847885</v>
      </c>
      <c r="N940" s="236">
        <f t="shared" si="218"/>
        <v>2.5750516267749131</v>
      </c>
      <c r="O940" s="236">
        <f t="shared" si="222"/>
        <v>3.1964878936682819</v>
      </c>
      <c r="P940" s="236" t="str">
        <f t="shared" si="223"/>
        <v>CLAY</v>
      </c>
      <c r="Q940" s="236">
        <f t="shared" si="219"/>
        <v>20.064322644814641</v>
      </c>
      <c r="R940" s="238">
        <v>35</v>
      </c>
      <c r="S940" s="236">
        <f t="shared" si="224"/>
        <v>1.990428143151866</v>
      </c>
      <c r="T940" s="236" t="e">
        <f t="shared" si="210"/>
        <v>#N/A</v>
      </c>
    </row>
    <row r="941" spans="1:21" x14ac:dyDescent="0.2">
      <c r="A941" s="53">
        <f t="shared" si="211"/>
        <v>929</v>
      </c>
      <c r="B941" s="239">
        <v>9.1620000000000008</v>
      </c>
      <c r="C941" s="3">
        <f t="shared" si="212"/>
        <v>9.1550000000000011</v>
      </c>
      <c r="D941" s="239">
        <v>0.32450000000000001</v>
      </c>
      <c r="E941" s="239">
        <v>6.4000000000000003E-3</v>
      </c>
      <c r="F941" s="239">
        <v>0.23319999999999999</v>
      </c>
      <c r="G941">
        <f t="shared" si="213"/>
        <v>0.37114000000000003</v>
      </c>
      <c r="H941" s="235">
        <f t="shared" si="214"/>
        <v>1.7244166621759982</v>
      </c>
      <c r="I941" s="236">
        <f t="shared" si="215"/>
        <v>15.03371297120918</v>
      </c>
      <c r="J941" s="237">
        <f t="shared" si="220"/>
        <v>5.0337129712091802</v>
      </c>
      <c r="K941" s="237">
        <f t="shared" si="216"/>
        <v>137.63364225142007</v>
      </c>
      <c r="L941" s="237">
        <f t="shared" si="221"/>
        <v>46.118878242218514</v>
      </c>
      <c r="M941" s="236">
        <f t="shared" si="217"/>
        <v>5.0631404459187754</v>
      </c>
      <c r="N941" s="236">
        <f t="shared" si="218"/>
        <v>2.7408247303017688</v>
      </c>
      <c r="O941" s="236">
        <f t="shared" si="222"/>
        <v>3.2244384261981645</v>
      </c>
      <c r="P941" s="236" t="str">
        <f t="shared" si="223"/>
        <v>CLAY</v>
      </c>
      <c r="Q941" s="236">
        <f t="shared" si="219"/>
        <v>19.458863145714997</v>
      </c>
      <c r="R941" s="238">
        <v>35</v>
      </c>
      <c r="S941" s="236">
        <f t="shared" si="224"/>
        <v>1.8987377137716248</v>
      </c>
      <c r="T941" s="236" t="e">
        <f t="shared" si="210"/>
        <v>#N/A</v>
      </c>
    </row>
    <row r="942" spans="1:21" x14ac:dyDescent="0.2">
      <c r="A942" s="53">
        <f t="shared" si="211"/>
        <v>930</v>
      </c>
      <c r="B942" s="239">
        <v>9.173</v>
      </c>
      <c r="C942" s="3">
        <f t="shared" si="212"/>
        <v>9.1660000000000004</v>
      </c>
      <c r="D942" s="239">
        <v>0.31590000000000001</v>
      </c>
      <c r="E942" s="239">
        <v>6.4999999999999997E-3</v>
      </c>
      <c r="F942" s="239">
        <v>0.2354</v>
      </c>
      <c r="G942">
        <f t="shared" si="213"/>
        <v>0.36298000000000002</v>
      </c>
      <c r="H942" s="235">
        <f t="shared" si="214"/>
        <v>1.7907322717505094</v>
      </c>
      <c r="I942" s="236">
        <f t="shared" si="215"/>
        <v>15.043203543993853</v>
      </c>
      <c r="J942" s="237">
        <f t="shared" si="220"/>
        <v>5.0432035439938527</v>
      </c>
      <c r="K942" s="237">
        <f t="shared" si="216"/>
        <v>137.88600368424767</v>
      </c>
      <c r="L942" s="237">
        <f t="shared" si="221"/>
        <v>46.26130610905561</v>
      </c>
      <c r="M942" s="236">
        <f t="shared" si="217"/>
        <v>4.8657077641759532</v>
      </c>
      <c r="N942" s="236">
        <f t="shared" si="218"/>
        <v>2.8876825265841717</v>
      </c>
      <c r="O942" s="236">
        <f t="shared" si="222"/>
        <v>3.2509264375593911</v>
      </c>
      <c r="P942" s="236" t="str">
        <f t="shared" si="223"/>
        <v>CLAY</v>
      </c>
      <c r="Q942" s="236">
        <f t="shared" si="219"/>
        <v>18.757833026312696</v>
      </c>
      <c r="R942" s="238">
        <v>35</v>
      </c>
      <c r="S942" s="236">
        <f t="shared" si="224"/>
        <v>1.8066438024312497</v>
      </c>
      <c r="T942" s="236" t="e">
        <f t="shared" si="210"/>
        <v>#N/A</v>
      </c>
    </row>
    <row r="943" spans="1:21" x14ac:dyDescent="0.2">
      <c r="A943" s="53">
        <f t="shared" si="211"/>
        <v>931</v>
      </c>
      <c r="B943" s="239">
        <v>9.1820000000000004</v>
      </c>
      <c r="C943" s="3">
        <f t="shared" si="212"/>
        <v>9.1750000000000007</v>
      </c>
      <c r="D943" s="239">
        <v>0.3105</v>
      </c>
      <c r="E943" s="239">
        <v>6.4999999999999997E-3</v>
      </c>
      <c r="F943" s="239">
        <v>0.23150000000000001</v>
      </c>
      <c r="G943">
        <f t="shared" si="213"/>
        <v>0.35680000000000001</v>
      </c>
      <c r="H943" s="235">
        <f t="shared" si="214"/>
        <v>1.8217488789237668</v>
      </c>
      <c r="I943" s="236">
        <f t="shared" si="215"/>
        <v>15.036491478451875</v>
      </c>
      <c r="J943" s="237">
        <f t="shared" si="220"/>
        <v>5.0364914784518753</v>
      </c>
      <c r="K943" s="237">
        <f t="shared" si="216"/>
        <v>137.95980931479596</v>
      </c>
      <c r="L943" s="237">
        <f t="shared" si="221"/>
        <v>46.245064755145123</v>
      </c>
      <c r="M943" s="236">
        <f t="shared" si="217"/>
        <v>4.7321847605555876</v>
      </c>
      <c r="N943" s="236">
        <f t="shared" si="218"/>
        <v>2.9702039555202555</v>
      </c>
      <c r="O943" s="236">
        <f t="shared" si="222"/>
        <v>3.2675993489321313</v>
      </c>
      <c r="P943" s="236" t="str">
        <f t="shared" si="223"/>
        <v>CLAY</v>
      </c>
      <c r="Q943" s="236">
        <f t="shared" si="219"/>
        <v>18.236682557100337</v>
      </c>
      <c r="R943" s="238">
        <v>35</v>
      </c>
      <c r="S943" s="236">
        <f t="shared" si="224"/>
        <v>1.7448862664676974</v>
      </c>
      <c r="T943" s="236" t="e">
        <f t="shared" si="210"/>
        <v>#N/A</v>
      </c>
    </row>
    <row r="944" spans="1:21" x14ac:dyDescent="0.2">
      <c r="A944" s="53">
        <f t="shared" si="211"/>
        <v>932</v>
      </c>
      <c r="B944" s="239">
        <v>9.1920000000000002</v>
      </c>
      <c r="C944" s="3">
        <f t="shared" si="212"/>
        <v>9.1850000000000005</v>
      </c>
      <c r="D944" s="239">
        <v>0.3024</v>
      </c>
      <c r="E944" s="239">
        <v>6.6E-3</v>
      </c>
      <c r="F944" s="239">
        <v>0.23669999999999999</v>
      </c>
      <c r="G944">
        <f t="shared" si="213"/>
        <v>0.34974</v>
      </c>
      <c r="H944" s="235">
        <f t="shared" si="214"/>
        <v>1.8871161434208268</v>
      </c>
      <c r="I944" s="236">
        <f t="shared" si="215"/>
        <v>15.046582455478312</v>
      </c>
      <c r="J944" s="237">
        <f t="shared" si="220"/>
        <v>5.0465824554783119</v>
      </c>
      <c r="K944" s="237">
        <f t="shared" si="216"/>
        <v>138.2028598535683</v>
      </c>
      <c r="L944" s="237">
        <f t="shared" si="221"/>
        <v>46.388185930756642</v>
      </c>
      <c r="M944" s="236">
        <f t="shared" si="217"/>
        <v>4.5601511656910212</v>
      </c>
      <c r="N944" s="236">
        <f t="shared" si="218"/>
        <v>3.1200194894529165</v>
      </c>
      <c r="O944" s="236">
        <f t="shared" si="222"/>
        <v>3.2924417973575895</v>
      </c>
      <c r="P944" s="236" t="str">
        <f t="shared" si="223"/>
        <v>CLAY</v>
      </c>
      <c r="Q944" s="236">
        <f t="shared" si="219"/>
        <v>17.628095012202643</v>
      </c>
      <c r="R944" s="238">
        <v>35</v>
      </c>
      <c r="S944" s="236">
        <f t="shared" si="224"/>
        <v>1.665958037020687</v>
      </c>
      <c r="T944" s="236" t="e">
        <f t="shared" si="210"/>
        <v>#N/A</v>
      </c>
    </row>
    <row r="945" spans="1:20" x14ac:dyDescent="0.2">
      <c r="A945" s="53">
        <f t="shared" si="211"/>
        <v>933</v>
      </c>
      <c r="B945" s="239">
        <v>9.2029999999999994</v>
      </c>
      <c r="C945" s="3">
        <f t="shared" si="212"/>
        <v>9.1959999999999997</v>
      </c>
      <c r="D945" s="239">
        <v>0.29570000000000002</v>
      </c>
      <c r="E945" s="239">
        <v>6.7999999999999996E-3</v>
      </c>
      <c r="F945" s="239">
        <v>0.24610000000000001</v>
      </c>
      <c r="G945">
        <f t="shared" si="213"/>
        <v>0.34492</v>
      </c>
      <c r="H945" s="235">
        <f t="shared" si="214"/>
        <v>1.9714716455989794</v>
      </c>
      <c r="I945" s="236">
        <f t="shared" si="215"/>
        <v>15.076163658375062</v>
      </c>
      <c r="J945" s="237">
        <f t="shared" si="220"/>
        <v>5.0761636583750622</v>
      </c>
      <c r="K945" s="237">
        <f t="shared" si="216"/>
        <v>138.64040100241706</v>
      </c>
      <c r="L945" s="237">
        <f t="shared" si="221"/>
        <v>46.715934148025696</v>
      </c>
      <c r="M945" s="236">
        <f t="shared" si="217"/>
        <v>4.4156154160154095</v>
      </c>
      <c r="N945" s="236">
        <f t="shared" si="218"/>
        <v>3.2964966157800597</v>
      </c>
      <c r="O945" s="236">
        <f t="shared" si="222"/>
        <v>3.3168511344822833</v>
      </c>
      <c r="P945" s="236" t="str">
        <f t="shared" si="223"/>
        <v>CLAY</v>
      </c>
      <c r="Q945" s="236">
        <f t="shared" si="219"/>
        <v>17.189966583131913</v>
      </c>
      <c r="R945" s="238">
        <v>35</v>
      </c>
      <c r="S945" s="236">
        <f t="shared" si="224"/>
        <v>1.6002176630544742</v>
      </c>
      <c r="T945" s="236" t="e">
        <f t="shared" si="210"/>
        <v>#N/A</v>
      </c>
    </row>
    <row r="946" spans="1:20" x14ac:dyDescent="0.2">
      <c r="A946" s="53">
        <f t="shared" si="211"/>
        <v>934</v>
      </c>
      <c r="B946" s="239">
        <v>9.2119999999999997</v>
      </c>
      <c r="C946" s="3">
        <f t="shared" si="212"/>
        <v>9.2050000000000001</v>
      </c>
      <c r="D946" s="239">
        <v>0.29520000000000002</v>
      </c>
      <c r="E946" s="239">
        <v>6.7999999999999996E-3</v>
      </c>
      <c r="F946" s="239">
        <v>0.255</v>
      </c>
      <c r="G946">
        <f t="shared" si="213"/>
        <v>0.34620000000000001</v>
      </c>
      <c r="H946" s="235">
        <f t="shared" si="214"/>
        <v>1.9641825534373194</v>
      </c>
      <c r="I946" s="236">
        <f t="shared" si="215"/>
        <v>15.077611475874761</v>
      </c>
      <c r="J946" s="237">
        <f t="shared" si="220"/>
        <v>5.077611475874761</v>
      </c>
      <c r="K946" s="237">
        <f t="shared" si="216"/>
        <v>138.78941363542717</v>
      </c>
      <c r="L946" s="237">
        <f t="shared" si="221"/>
        <v>46.774956915758295</v>
      </c>
      <c r="M946" s="236">
        <f t="shared" si="217"/>
        <v>4.434222926984611</v>
      </c>
      <c r="N946" s="236">
        <f t="shared" si="218"/>
        <v>3.2785211783006112</v>
      </c>
      <c r="O946" s="236">
        <f t="shared" si="222"/>
        <v>3.3140515075303716</v>
      </c>
      <c r="P946" s="236" t="str">
        <f t="shared" si="223"/>
        <v>CLAY</v>
      </c>
      <c r="Q946" s="236">
        <f t="shared" si="219"/>
        <v>17.284215530381069</v>
      </c>
      <c r="R946" s="238">
        <v>35</v>
      </c>
      <c r="S946" s="236">
        <f t="shared" si="224"/>
        <v>1.6086512937753616</v>
      </c>
      <c r="T946" s="236" t="e">
        <f t="shared" si="210"/>
        <v>#N/A</v>
      </c>
    </row>
    <row r="947" spans="1:20" x14ac:dyDescent="0.2">
      <c r="A947" s="53">
        <f t="shared" si="211"/>
        <v>935</v>
      </c>
      <c r="B947" s="239">
        <v>9.2230000000000008</v>
      </c>
      <c r="C947" s="3">
        <f t="shared" si="212"/>
        <v>9.2160000000000011</v>
      </c>
      <c r="D947" s="239">
        <v>0.2954</v>
      </c>
      <c r="E947" s="239">
        <v>6.7000000000000002E-3</v>
      </c>
      <c r="F947" s="239">
        <v>0.26129999999999998</v>
      </c>
      <c r="G947">
        <f t="shared" si="213"/>
        <v>0.34765999999999997</v>
      </c>
      <c r="H947" s="235">
        <f t="shared" si="214"/>
        <v>1.9271702237818562</v>
      </c>
      <c r="I947" s="236">
        <f t="shared" si="215"/>
        <v>15.061884274924012</v>
      </c>
      <c r="J947" s="237">
        <f t="shared" si="220"/>
        <v>5.0618842749240116</v>
      </c>
      <c r="K947" s="237">
        <f t="shared" si="216"/>
        <v>138.81032547769971</v>
      </c>
      <c r="L947" s="237">
        <f t="shared" si="221"/>
        <v>46.685758667624164</v>
      </c>
      <c r="M947" s="236">
        <f t="shared" si="217"/>
        <v>4.4735199873089826</v>
      </c>
      <c r="N947" s="236">
        <f t="shared" si="218"/>
        <v>3.2080490502677783</v>
      </c>
      <c r="O947" s="236">
        <f t="shared" si="222"/>
        <v>3.3058502532011489</v>
      </c>
      <c r="P947" s="236" t="str">
        <f t="shared" si="223"/>
        <v>CLAY</v>
      </c>
      <c r="Q947" s="236">
        <f t="shared" si="219"/>
        <v>17.404139543525023</v>
      </c>
      <c r="R947" s="238">
        <v>35</v>
      </c>
      <c r="S947" s="236">
        <f t="shared" si="224"/>
        <v>1.6264912687477877</v>
      </c>
      <c r="T947" s="236" t="e">
        <f t="shared" si="210"/>
        <v>#N/A</v>
      </c>
    </row>
    <row r="948" spans="1:20" x14ac:dyDescent="0.2">
      <c r="A948" s="53">
        <f t="shared" si="211"/>
        <v>936</v>
      </c>
      <c r="B948" s="239">
        <v>9.2330000000000005</v>
      </c>
      <c r="C948" s="3">
        <f t="shared" si="212"/>
        <v>9.2260000000000009</v>
      </c>
      <c r="D948" s="239">
        <v>0.2964</v>
      </c>
      <c r="E948" s="239">
        <v>6.6E-3</v>
      </c>
      <c r="F948" s="239">
        <v>0.26440000000000002</v>
      </c>
      <c r="G948">
        <f t="shared" si="213"/>
        <v>0.34927999999999998</v>
      </c>
      <c r="H948" s="235">
        <f t="shared" si="214"/>
        <v>1.8896014658726523</v>
      </c>
      <c r="I948" s="236">
        <f t="shared" si="215"/>
        <v>15.046068026874089</v>
      </c>
      <c r="J948" s="237">
        <f t="shared" si="220"/>
        <v>5.0460680268740887</v>
      </c>
      <c r="K948" s="237">
        <f t="shared" si="216"/>
        <v>138.81502361594036</v>
      </c>
      <c r="L948" s="237">
        <f t="shared" si="221"/>
        <v>46.590346092128463</v>
      </c>
      <c r="M948" s="236">
        <f t="shared" si="217"/>
        <v>4.5173516412151766</v>
      </c>
      <c r="N948" s="236">
        <f t="shared" si="218"/>
        <v>3.1359136866345976</v>
      </c>
      <c r="O948" s="236">
        <f t="shared" si="222"/>
        <v>3.2970872586904942</v>
      </c>
      <c r="P948" s="236" t="str">
        <f t="shared" si="223"/>
        <v>CLAY</v>
      </c>
      <c r="Q948" s="236">
        <f t="shared" si="219"/>
        <v>17.538748032004968</v>
      </c>
      <c r="R948" s="238">
        <v>35</v>
      </c>
      <c r="S948" s="236">
        <f t="shared" si="224"/>
        <v>1.64643610649682</v>
      </c>
      <c r="T948" s="236" t="e">
        <f t="shared" si="210"/>
        <v>#N/A</v>
      </c>
    </row>
    <row r="949" spans="1:20" x14ac:dyDescent="0.2">
      <c r="A949" s="53">
        <f t="shared" si="211"/>
        <v>937</v>
      </c>
      <c r="B949" s="239">
        <v>9.2420000000000009</v>
      </c>
      <c r="C949" s="3">
        <f t="shared" si="212"/>
        <v>9.2350000000000012</v>
      </c>
      <c r="D949" s="239">
        <v>0.29659999999999997</v>
      </c>
      <c r="E949" s="239">
        <v>6.4000000000000003E-3</v>
      </c>
      <c r="F949" s="239">
        <v>0.26379999999999998</v>
      </c>
      <c r="G949">
        <f t="shared" si="213"/>
        <v>0.34935999999999995</v>
      </c>
      <c r="H949" s="235">
        <f t="shared" si="214"/>
        <v>1.8319212273872227</v>
      </c>
      <c r="I949" s="236">
        <f t="shared" si="215"/>
        <v>15.010074845160936</v>
      </c>
      <c r="J949" s="237">
        <f t="shared" si="220"/>
        <v>5.0100748451609363</v>
      </c>
      <c r="K949" s="237">
        <f t="shared" si="216"/>
        <v>138.61804119506127</v>
      </c>
      <c r="L949" s="237">
        <f t="shared" si="221"/>
        <v>46.303111718977377</v>
      </c>
      <c r="M949" s="236">
        <f t="shared" si="217"/>
        <v>4.5513562907817677</v>
      </c>
      <c r="N949" s="236">
        <f t="shared" si="218"/>
        <v>3.0368893011589573</v>
      </c>
      <c r="O949" s="236">
        <f t="shared" si="222"/>
        <v>3.2870680455740247</v>
      </c>
      <c r="P949" s="236" t="str">
        <f t="shared" si="223"/>
        <v>CLAY</v>
      </c>
      <c r="Q949" s="236">
        <f t="shared" si="219"/>
        <v>17.561829900411556</v>
      </c>
      <c r="R949" s="238">
        <v>35</v>
      </c>
      <c r="S949" s="236">
        <f t="shared" si="224"/>
        <v>1.6619427209624442</v>
      </c>
      <c r="T949" s="236" t="e">
        <f t="shared" si="210"/>
        <v>#N/A</v>
      </c>
    </row>
    <row r="950" spans="1:20" x14ac:dyDescent="0.2">
      <c r="A950" s="53">
        <f t="shared" si="211"/>
        <v>938</v>
      </c>
      <c r="B950" s="239">
        <v>9.2530000000000001</v>
      </c>
      <c r="C950" s="3">
        <f t="shared" si="212"/>
        <v>9.2460000000000004</v>
      </c>
      <c r="D950" s="239">
        <v>0.3004</v>
      </c>
      <c r="E950" s="239">
        <v>6.4000000000000003E-3</v>
      </c>
      <c r="F950" s="239">
        <v>0.26229999999999998</v>
      </c>
      <c r="G950">
        <f t="shared" si="213"/>
        <v>0.35286000000000001</v>
      </c>
      <c r="H950" s="235">
        <f t="shared" si="214"/>
        <v>1.8137504959474013</v>
      </c>
      <c r="I950" s="236">
        <f t="shared" si="215"/>
        <v>15.013971170946094</v>
      </c>
      <c r="J950" s="237">
        <f t="shared" si="220"/>
        <v>5.0139711709460943</v>
      </c>
      <c r="K950" s="237">
        <f t="shared" si="216"/>
        <v>138.81917744656761</v>
      </c>
      <c r="L950" s="237">
        <f t="shared" si="221"/>
        <v>46.394275244764209</v>
      </c>
      <c r="M950" s="236">
        <f t="shared" si="217"/>
        <v>4.6135179701419693</v>
      </c>
      <c r="N950" s="236">
        <f t="shared" si="218"/>
        <v>2.9900838184278267</v>
      </c>
      <c r="O950" s="236">
        <f t="shared" si="222"/>
        <v>3.2785358421329343</v>
      </c>
      <c r="P950" s="236" t="str">
        <f t="shared" si="223"/>
        <v>CLAY</v>
      </c>
      <c r="Q950" s="236">
        <f t="shared" si="219"/>
        <v>17.836735212786035</v>
      </c>
      <c r="R950" s="238">
        <v>35</v>
      </c>
      <c r="S950" s="236">
        <f t="shared" si="224"/>
        <v>1.6903641731936447</v>
      </c>
      <c r="T950" s="236" t="e">
        <f t="shared" si="210"/>
        <v>#N/A</v>
      </c>
    </row>
    <row r="951" spans="1:20" x14ac:dyDescent="0.2">
      <c r="A951" s="53">
        <f t="shared" si="211"/>
        <v>939</v>
      </c>
      <c r="B951" s="239">
        <v>9.2620000000000005</v>
      </c>
      <c r="C951" s="3">
        <f t="shared" si="212"/>
        <v>9.2550000000000008</v>
      </c>
      <c r="D951" s="239">
        <v>0.30470000000000003</v>
      </c>
      <c r="E951" s="239">
        <v>6.1999999999999998E-3</v>
      </c>
      <c r="F951" s="239">
        <v>0.25879999999999997</v>
      </c>
      <c r="G951">
        <f t="shared" si="213"/>
        <v>0.35646</v>
      </c>
      <c r="H951" s="235">
        <f t="shared" si="214"/>
        <v>1.7393255905290914</v>
      </c>
      <c r="I951" s="236">
        <f t="shared" si="215"/>
        <v>14.980710338512068</v>
      </c>
      <c r="J951" s="237">
        <f t="shared" si="220"/>
        <v>4.9807103385120683</v>
      </c>
      <c r="K951" s="237">
        <f t="shared" si="216"/>
        <v>138.64647418292921</v>
      </c>
      <c r="L951" s="237">
        <f t="shared" si="221"/>
        <v>46.131339155298782</v>
      </c>
      <c r="M951" s="236">
        <f t="shared" si="217"/>
        <v>4.7215955531620866</v>
      </c>
      <c r="N951" s="236">
        <f t="shared" si="218"/>
        <v>2.8464715295996026</v>
      </c>
      <c r="O951" s="236">
        <f t="shared" si="222"/>
        <v>3.2588990382732765</v>
      </c>
      <c r="P951" s="236" t="str">
        <f t="shared" si="223"/>
        <v>CLAY</v>
      </c>
      <c r="Q951" s="236">
        <f t="shared" si="219"/>
        <v>18.151127151422564</v>
      </c>
      <c r="R951" s="238">
        <v>35</v>
      </c>
      <c r="S951" s="236">
        <f t="shared" si="224"/>
        <v>1.7400069685434603</v>
      </c>
      <c r="T951" s="236" t="e">
        <f t="shared" si="210"/>
        <v>#N/A</v>
      </c>
    </row>
    <row r="952" spans="1:20" x14ac:dyDescent="0.2">
      <c r="A952" s="53">
        <f t="shared" si="211"/>
        <v>940</v>
      </c>
      <c r="B952" s="239">
        <v>9.2720000000000002</v>
      </c>
      <c r="C952" s="3">
        <f t="shared" si="212"/>
        <v>9.2650000000000006</v>
      </c>
      <c r="D952" s="239">
        <v>0.30530000000000002</v>
      </c>
      <c r="E952" s="239">
        <v>6.1999999999999998E-3</v>
      </c>
      <c r="F952" s="239">
        <v>0.25609999999999999</v>
      </c>
      <c r="G952">
        <f t="shared" si="213"/>
        <v>0.35652</v>
      </c>
      <c r="H952" s="235">
        <f t="shared" si="214"/>
        <v>1.7390328733310896</v>
      </c>
      <c r="I952" s="236">
        <f t="shared" si="215"/>
        <v>14.980776124093932</v>
      </c>
      <c r="J952" s="237">
        <f t="shared" si="220"/>
        <v>4.9807761240939321</v>
      </c>
      <c r="K952" s="237">
        <f t="shared" si="216"/>
        <v>138.7968907897303</v>
      </c>
      <c r="L952" s="237">
        <f t="shared" si="221"/>
        <v>46.181756222598942</v>
      </c>
      <c r="M952" s="236">
        <f t="shared" si="217"/>
        <v>4.7144830993613738</v>
      </c>
      <c r="N952" s="236">
        <f t="shared" si="218"/>
        <v>2.847653619539416</v>
      </c>
      <c r="O952" s="236">
        <f t="shared" si="222"/>
        <v>3.2595533715750964</v>
      </c>
      <c r="P952" s="236" t="str">
        <f t="shared" si="223"/>
        <v>CLAY</v>
      </c>
      <c r="Q952" s="236">
        <f t="shared" si="219"/>
        <v>18.143592434189141</v>
      </c>
      <c r="R952" s="238">
        <v>35</v>
      </c>
      <c r="S952" s="236">
        <f t="shared" si="224"/>
        <v>1.7367312252425522</v>
      </c>
      <c r="T952" s="236" t="e">
        <f t="shared" si="210"/>
        <v>#N/A</v>
      </c>
    </row>
    <row r="953" spans="1:20" x14ac:dyDescent="0.2">
      <c r="A953" s="53">
        <f t="shared" si="211"/>
        <v>941</v>
      </c>
      <c r="B953" s="239">
        <v>9.2829999999999995</v>
      </c>
      <c r="C953" s="3">
        <f t="shared" si="212"/>
        <v>9.2759999999999998</v>
      </c>
      <c r="D953" s="239">
        <v>0.30570000000000003</v>
      </c>
      <c r="E953" s="239">
        <v>6.1999999999999998E-3</v>
      </c>
      <c r="F953" s="239">
        <v>0.25580000000000003</v>
      </c>
      <c r="G953">
        <f t="shared" si="213"/>
        <v>0.35686000000000001</v>
      </c>
      <c r="H953" s="235">
        <f t="shared" si="214"/>
        <v>1.7373760017934201</v>
      </c>
      <c r="I953" s="236">
        <f t="shared" si="215"/>
        <v>14.981148700060526</v>
      </c>
      <c r="J953" s="237">
        <f t="shared" si="220"/>
        <v>4.9811487000605261</v>
      </c>
      <c r="K953" s="237">
        <f t="shared" si="216"/>
        <v>138.96513534176142</v>
      </c>
      <c r="L953" s="237">
        <f t="shared" si="221"/>
        <v>46.240003382661861</v>
      </c>
      <c r="M953" s="236">
        <f t="shared" si="217"/>
        <v>4.7122588390627236</v>
      </c>
      <c r="N953" s="236">
        <f t="shared" si="218"/>
        <v>2.8454089589144331</v>
      </c>
      <c r="O953" s="236">
        <f t="shared" si="222"/>
        <v>3.259553299818633</v>
      </c>
      <c r="P953" s="236" t="str">
        <f t="shared" si="223"/>
        <v>CLAY</v>
      </c>
      <c r="Q953" s="236">
        <f t="shared" si="219"/>
        <v>18.157905388186549</v>
      </c>
      <c r="R953" s="238">
        <v>35</v>
      </c>
      <c r="S953" s="236">
        <f t="shared" si="224"/>
        <v>1.7357070635285881</v>
      </c>
      <c r="T953" s="236" t="e">
        <f t="shared" si="210"/>
        <v>#N/A</v>
      </c>
    </row>
    <row r="954" spans="1:20" x14ac:dyDescent="0.2">
      <c r="A954" s="53">
        <f t="shared" si="211"/>
        <v>942</v>
      </c>
      <c r="B954" s="239">
        <v>9.2919999999999998</v>
      </c>
      <c r="C954" s="3">
        <f t="shared" si="212"/>
        <v>9.2850000000000001</v>
      </c>
      <c r="D954" s="239">
        <v>0.29970000000000002</v>
      </c>
      <c r="E954" s="239">
        <v>6.3E-3</v>
      </c>
      <c r="F954" s="239">
        <v>0.2571</v>
      </c>
      <c r="G954">
        <f t="shared" si="213"/>
        <v>0.35111999999999999</v>
      </c>
      <c r="H954" s="235">
        <f t="shared" si="214"/>
        <v>1.7942583732057416</v>
      </c>
      <c r="I954" s="236">
        <f t="shared" si="215"/>
        <v>14.993572548960383</v>
      </c>
      <c r="J954" s="237">
        <f t="shared" si="220"/>
        <v>4.9935725489603833</v>
      </c>
      <c r="K954" s="237">
        <f t="shared" si="216"/>
        <v>139.21532111709715</v>
      </c>
      <c r="L954" s="237">
        <f t="shared" si="221"/>
        <v>46.400276124939879</v>
      </c>
      <c r="M954" s="236">
        <f t="shared" si="217"/>
        <v>4.566884005438177</v>
      </c>
      <c r="N954" s="236">
        <f t="shared" si="218"/>
        <v>2.9730348726661853</v>
      </c>
      <c r="O954" s="236">
        <f t="shared" si="222"/>
        <v>3.2810306463279089</v>
      </c>
      <c r="P954" s="236" t="str">
        <f t="shared" si="223"/>
        <v>CLAY</v>
      </c>
      <c r="Q954" s="236">
        <f t="shared" si="219"/>
        <v>17.658723240241905</v>
      </c>
      <c r="R954" s="238">
        <v>35</v>
      </c>
      <c r="S954" s="236">
        <f t="shared" si="224"/>
        <v>1.669033236015689</v>
      </c>
      <c r="T954" s="236" t="e">
        <f t="shared" si="210"/>
        <v>#N/A</v>
      </c>
    </row>
    <row r="955" spans="1:20" x14ac:dyDescent="0.2">
      <c r="A955" s="53">
        <f t="shared" si="211"/>
        <v>943</v>
      </c>
      <c r="B955" s="239">
        <v>9.3030000000000008</v>
      </c>
      <c r="C955" s="3">
        <f t="shared" si="212"/>
        <v>9.2960000000000012</v>
      </c>
      <c r="D955" s="239">
        <v>0.29630000000000001</v>
      </c>
      <c r="E955" s="239">
        <v>6.4000000000000003E-3</v>
      </c>
      <c r="F955" s="239">
        <v>0.25990000000000002</v>
      </c>
      <c r="G955">
        <f t="shared" si="213"/>
        <v>0.34827999999999998</v>
      </c>
      <c r="H955" s="235">
        <f t="shared" si="214"/>
        <v>1.8376019294820263</v>
      </c>
      <c r="I955" s="236">
        <f t="shared" si="215"/>
        <v>15.008864666347709</v>
      </c>
      <c r="J955" s="237">
        <f t="shared" si="220"/>
        <v>5.0088646663477085</v>
      </c>
      <c r="K955" s="237">
        <f t="shared" si="216"/>
        <v>139.52240593836831</v>
      </c>
      <c r="L955" s="237">
        <f t="shared" si="221"/>
        <v>46.597467991032737</v>
      </c>
      <c r="M955" s="236">
        <f t="shared" si="217"/>
        <v>4.480020118299243</v>
      </c>
      <c r="N955" s="236">
        <f t="shared" si="218"/>
        <v>3.0657567351109267</v>
      </c>
      <c r="O955" s="236">
        <f t="shared" si="222"/>
        <v>3.2950650267781469</v>
      </c>
      <c r="P955" s="236" t="str">
        <f t="shared" si="223"/>
        <v>CLAY</v>
      </c>
      <c r="Q955" s="236">
        <f t="shared" si="219"/>
        <v>17.39646617180264</v>
      </c>
      <c r="R955" s="238">
        <v>35</v>
      </c>
      <c r="S955" s="236">
        <f t="shared" si="224"/>
        <v>1.6294459682570719</v>
      </c>
      <c r="T955" s="236" t="e">
        <f t="shared" si="210"/>
        <v>#N/A</v>
      </c>
    </row>
    <row r="956" spans="1:20" x14ac:dyDescent="0.2">
      <c r="A956" s="53">
        <f t="shared" si="211"/>
        <v>944</v>
      </c>
      <c r="B956" s="239">
        <v>9.3119999999999994</v>
      </c>
      <c r="C956" s="3">
        <f t="shared" si="212"/>
        <v>9.3049999999999997</v>
      </c>
      <c r="D956" s="239">
        <v>0.2959</v>
      </c>
      <c r="E956" s="239">
        <v>6.6E-3</v>
      </c>
      <c r="F956" s="239">
        <v>0.26390000000000002</v>
      </c>
      <c r="G956">
        <f t="shared" si="213"/>
        <v>0.34867999999999999</v>
      </c>
      <c r="H956" s="235">
        <f t="shared" si="214"/>
        <v>1.8928530457726283</v>
      </c>
      <c r="I956" s="236">
        <f t="shared" si="215"/>
        <v>15.045396013927796</v>
      </c>
      <c r="J956" s="237">
        <f t="shared" si="220"/>
        <v>5.045396013927796</v>
      </c>
      <c r="K956" s="237">
        <f t="shared" si="216"/>
        <v>139.99740990959813</v>
      </c>
      <c r="L956" s="237">
        <f t="shared" si="221"/>
        <v>46.982727681695636</v>
      </c>
      <c r="M956" s="236">
        <f t="shared" si="217"/>
        <v>4.4416874112590987</v>
      </c>
      <c r="N956" s="236">
        <f t="shared" si="218"/>
        <v>3.1626979505769324</v>
      </c>
      <c r="O956" s="236">
        <f t="shared" si="222"/>
        <v>3.3052736485229555</v>
      </c>
      <c r="P956" s="236" t="str">
        <f t="shared" si="223"/>
        <v>CLAY</v>
      </c>
      <c r="Q956" s="236">
        <f t="shared" si="219"/>
        <v>17.390215840866823</v>
      </c>
      <c r="R956" s="238">
        <v>35</v>
      </c>
      <c r="S956" s="236">
        <f t="shared" si="224"/>
        <v>1.6120369709624023</v>
      </c>
      <c r="T956" s="236" t="e">
        <f t="shared" si="210"/>
        <v>#N/A</v>
      </c>
    </row>
    <row r="957" spans="1:20" x14ac:dyDescent="0.2">
      <c r="A957" s="53">
        <f t="shared" si="211"/>
        <v>945</v>
      </c>
      <c r="B957" s="239">
        <v>9.3230000000000004</v>
      </c>
      <c r="C957" s="3">
        <f t="shared" si="212"/>
        <v>9.3160000000000007</v>
      </c>
      <c r="D957" s="239">
        <v>0.30009999999999998</v>
      </c>
      <c r="E957" s="239">
        <v>6.6E-3</v>
      </c>
      <c r="F957" s="239">
        <v>0.26429999999999998</v>
      </c>
      <c r="G957">
        <f t="shared" si="213"/>
        <v>0.35295999999999994</v>
      </c>
      <c r="H957" s="235">
        <f t="shared" si="214"/>
        <v>1.8699002719854945</v>
      </c>
      <c r="I957" s="236">
        <f t="shared" si="215"/>
        <v>15.050164622029619</v>
      </c>
      <c r="J957" s="237">
        <f t="shared" si="220"/>
        <v>5.0501646220296195</v>
      </c>
      <c r="K957" s="237">
        <f t="shared" si="216"/>
        <v>140.20733361882796</v>
      </c>
      <c r="L957" s="237">
        <f t="shared" si="221"/>
        <v>47.082684771182144</v>
      </c>
      <c r="M957" s="236">
        <f t="shared" si="217"/>
        <v>4.5187029460008894</v>
      </c>
      <c r="N957" s="236">
        <f t="shared" si="218"/>
        <v>3.1021937878678836</v>
      </c>
      <c r="O957" s="236">
        <f t="shared" si="222"/>
        <v>3.2945345429163861</v>
      </c>
      <c r="P957" s="236" t="str">
        <f t="shared" si="223"/>
        <v>CLAY</v>
      </c>
      <c r="Q957" s="236">
        <f t="shared" si="219"/>
        <v>17.729388865097665</v>
      </c>
      <c r="R957" s="238">
        <v>35</v>
      </c>
      <c r="S957" s="236">
        <f t="shared" si="224"/>
        <v>1.6470517659450479</v>
      </c>
      <c r="T957" s="236" t="e">
        <f t="shared" si="210"/>
        <v>#N/A</v>
      </c>
    </row>
    <row r="958" spans="1:20" x14ac:dyDescent="0.2">
      <c r="A958" s="53">
        <f t="shared" si="211"/>
        <v>946</v>
      </c>
      <c r="B958" s="239">
        <v>9.3320000000000007</v>
      </c>
      <c r="C958" s="3">
        <f t="shared" si="212"/>
        <v>9.3250000000000011</v>
      </c>
      <c r="D958" s="239">
        <v>0.30599999999999999</v>
      </c>
      <c r="E958" s="239">
        <v>6.6E-3</v>
      </c>
      <c r="F958" s="239">
        <v>0.26390000000000002</v>
      </c>
      <c r="G958">
        <f t="shared" si="213"/>
        <v>0.35877999999999999</v>
      </c>
      <c r="H958" s="235">
        <f t="shared" si="214"/>
        <v>1.8395674229332737</v>
      </c>
      <c r="I958" s="236">
        <f t="shared" si="215"/>
        <v>15.05655708332454</v>
      </c>
      <c r="J958" s="237">
        <f t="shared" si="220"/>
        <v>5.0565570833245399</v>
      </c>
      <c r="K958" s="237">
        <f t="shared" si="216"/>
        <v>140.40239480200134</v>
      </c>
      <c r="L958" s="237">
        <f t="shared" si="221"/>
        <v>47.187790701584611</v>
      </c>
      <c r="M958" s="236">
        <f t="shared" si="217"/>
        <v>4.6278412689209736</v>
      </c>
      <c r="N958" s="236">
        <f t="shared" si="218"/>
        <v>3.0222879282955368</v>
      </c>
      <c r="O958" s="236">
        <f t="shared" si="222"/>
        <v>3.2797932815575144</v>
      </c>
      <c r="P958" s="236" t="str">
        <f t="shared" si="223"/>
        <v>CLAY</v>
      </c>
      <c r="Q958" s="236">
        <f t="shared" si="219"/>
        <v>18.198133766499886</v>
      </c>
      <c r="R958" s="238">
        <v>35</v>
      </c>
      <c r="S958" s="236">
        <f t="shared" si="224"/>
        <v>1.6969266760377666</v>
      </c>
      <c r="T958" s="236" t="e">
        <f t="shared" si="210"/>
        <v>#N/A</v>
      </c>
    </row>
    <row r="959" spans="1:20" x14ac:dyDescent="0.2">
      <c r="A959" s="53">
        <f t="shared" si="211"/>
        <v>947</v>
      </c>
      <c r="B959" s="239">
        <v>9.343</v>
      </c>
      <c r="C959" s="3">
        <f t="shared" si="212"/>
        <v>9.3360000000000003</v>
      </c>
      <c r="D959" s="239">
        <v>0.30149999999999999</v>
      </c>
      <c r="E959" s="239">
        <v>6.4999999999999997E-3</v>
      </c>
      <c r="F959" s="239">
        <v>0.26169999999999999</v>
      </c>
      <c r="G959">
        <f t="shared" si="213"/>
        <v>0.35383999999999999</v>
      </c>
      <c r="H959" s="235">
        <f t="shared" si="214"/>
        <v>1.8369884693646845</v>
      </c>
      <c r="I959" s="236">
        <f t="shared" si="215"/>
        <v>15.03323535104359</v>
      </c>
      <c r="J959" s="237">
        <f t="shared" si="220"/>
        <v>5.0332353510435901</v>
      </c>
      <c r="K959" s="237">
        <f t="shared" si="216"/>
        <v>140.35028523734297</v>
      </c>
      <c r="L959" s="237">
        <f t="shared" si="221"/>
        <v>47.025517884800259</v>
      </c>
      <c r="M959" s="236">
        <f t="shared" si="217"/>
        <v>4.5398695084155971</v>
      </c>
      <c r="N959" s="236">
        <f t="shared" si="218"/>
        <v>3.0446431610189029</v>
      </c>
      <c r="O959" s="236">
        <f t="shared" si="222"/>
        <v>3.288580433526382</v>
      </c>
      <c r="P959" s="236" t="str">
        <f t="shared" si="223"/>
        <v>CLAY</v>
      </c>
      <c r="Q959" s="236">
        <f t="shared" si="219"/>
        <v>17.790809563554749</v>
      </c>
      <c r="R959" s="238">
        <v>35</v>
      </c>
      <c r="S959" s="236">
        <f t="shared" si="224"/>
        <v>1.6567013306094704</v>
      </c>
      <c r="T959" s="236" t="e">
        <f t="shared" si="210"/>
        <v>#N/A</v>
      </c>
    </row>
    <row r="960" spans="1:20" x14ac:dyDescent="0.2">
      <c r="A960" s="53">
        <f t="shared" si="211"/>
        <v>948</v>
      </c>
      <c r="B960" s="239">
        <v>9.3520000000000003</v>
      </c>
      <c r="C960" s="3">
        <f t="shared" si="212"/>
        <v>9.3450000000000006</v>
      </c>
      <c r="D960" s="239">
        <v>0.29770000000000002</v>
      </c>
      <c r="E960" s="239">
        <v>6.3E-3</v>
      </c>
      <c r="F960" s="239">
        <v>0.2596</v>
      </c>
      <c r="G960">
        <f t="shared" si="213"/>
        <v>0.34961999999999999</v>
      </c>
      <c r="H960" s="235">
        <f t="shared" si="214"/>
        <v>1.8019564098163723</v>
      </c>
      <c r="I960" s="236">
        <f t="shared" si="215"/>
        <v>14.991899179533572</v>
      </c>
      <c r="J960" s="237">
        <f t="shared" si="220"/>
        <v>4.9918991795335721</v>
      </c>
      <c r="K960" s="237">
        <f t="shared" si="216"/>
        <v>140.09929783274123</v>
      </c>
      <c r="L960" s="237">
        <f t="shared" si="221"/>
        <v>46.684241126997968</v>
      </c>
      <c r="M960" s="236">
        <f t="shared" si="217"/>
        <v>4.4880391564529649</v>
      </c>
      <c r="N960" s="236">
        <f t="shared" si="218"/>
        <v>3.0068627752930865</v>
      </c>
      <c r="O960" s="236">
        <f t="shared" si="222"/>
        <v>3.2900447752150126</v>
      </c>
      <c r="P960" s="236" t="str">
        <f t="shared" si="223"/>
        <v>CLAY</v>
      </c>
      <c r="Q960" s="236">
        <f t="shared" si="219"/>
        <v>17.460058513938232</v>
      </c>
      <c r="R960" s="238">
        <v>35</v>
      </c>
      <c r="S960" s="236">
        <f t="shared" si="224"/>
        <v>1.6330925790182302</v>
      </c>
      <c r="T960" s="236" t="e">
        <f t="shared" si="210"/>
        <v>#N/A</v>
      </c>
    </row>
    <row r="961" spans="1:20" x14ac:dyDescent="0.2">
      <c r="A961" s="53">
        <f t="shared" si="211"/>
        <v>949</v>
      </c>
      <c r="B961" s="239">
        <v>9.3629999999999995</v>
      </c>
      <c r="C961" s="3">
        <f t="shared" si="212"/>
        <v>9.3559999999999999</v>
      </c>
      <c r="D961" s="239">
        <v>0.29770000000000002</v>
      </c>
      <c r="E961" s="239">
        <v>6.1999999999999998E-3</v>
      </c>
      <c r="F961" s="239">
        <v>0.25650000000000001</v>
      </c>
      <c r="G961">
        <f t="shared" si="213"/>
        <v>0.34900000000000003</v>
      </c>
      <c r="H961" s="235">
        <f t="shared" si="214"/>
        <v>1.7765042979942691</v>
      </c>
      <c r="I961" s="236">
        <f t="shared" si="215"/>
        <v>14.972443500291032</v>
      </c>
      <c r="J961" s="237">
        <f t="shared" si="220"/>
        <v>4.9724435002910319</v>
      </c>
      <c r="K961" s="237">
        <f t="shared" si="216"/>
        <v>140.08218138872289</v>
      </c>
      <c r="L961" s="237">
        <f t="shared" si="221"/>
        <v>46.556988493224928</v>
      </c>
      <c r="M961" s="236">
        <f t="shared" si="217"/>
        <v>4.4873567937427765</v>
      </c>
      <c r="N961" s="236">
        <f t="shared" si="218"/>
        <v>2.9676741032491951</v>
      </c>
      <c r="O961" s="236">
        <f t="shared" si="222"/>
        <v>3.287164368336406</v>
      </c>
      <c r="P961" s="236" t="str">
        <f t="shared" si="223"/>
        <v>CLAY</v>
      </c>
      <c r="Q961" s="236">
        <f t="shared" si="219"/>
        <v>17.409818217606432</v>
      </c>
      <c r="R961" s="238">
        <v>35</v>
      </c>
      <c r="S961" s="236">
        <f t="shared" si="224"/>
        <v>1.6327822151098288</v>
      </c>
      <c r="T961" s="236" t="e">
        <f t="shared" si="210"/>
        <v>#N/A</v>
      </c>
    </row>
    <row r="962" spans="1:20" x14ac:dyDescent="0.2">
      <c r="A962" s="53">
        <f t="shared" si="211"/>
        <v>950</v>
      </c>
      <c r="B962" s="239">
        <v>9.3729999999999993</v>
      </c>
      <c r="C962" s="3">
        <f t="shared" si="212"/>
        <v>9.3659999999999997</v>
      </c>
      <c r="D962" s="239">
        <v>0.30109999999999998</v>
      </c>
      <c r="E962" s="239">
        <v>6.0000000000000001E-3</v>
      </c>
      <c r="F962" s="239">
        <v>0.25009999999999999</v>
      </c>
      <c r="G962">
        <f t="shared" si="213"/>
        <v>0.35111999999999999</v>
      </c>
      <c r="H962" s="235">
        <f t="shared" si="214"/>
        <v>1.7088174982911826</v>
      </c>
      <c r="I962" s="236">
        <f t="shared" si="215"/>
        <v>14.936361441471551</v>
      </c>
      <c r="J962" s="237">
        <f t="shared" si="220"/>
        <v>4.9363614414715506</v>
      </c>
      <c r="K962" s="237">
        <f t="shared" si="216"/>
        <v>139.89396126082255</v>
      </c>
      <c r="L962" s="237">
        <f t="shared" si="221"/>
        <v>46.268515790912843</v>
      </c>
      <c r="M962" s="236">
        <f t="shared" si="217"/>
        <v>4.5652218388354342</v>
      </c>
      <c r="N962" s="236">
        <f t="shared" si="218"/>
        <v>2.8405588798684134</v>
      </c>
      <c r="O962" s="236">
        <f t="shared" si="222"/>
        <v>3.2709944594055131</v>
      </c>
      <c r="P962" s="236" t="str">
        <f t="shared" si="223"/>
        <v>CLAY</v>
      </c>
      <c r="Q962" s="236">
        <f t="shared" si="219"/>
        <v>17.602169894931453</v>
      </c>
      <c r="R962" s="238">
        <v>35</v>
      </c>
      <c r="S962" s="236">
        <f t="shared" si="224"/>
        <v>1.6682739422948569</v>
      </c>
      <c r="T962" s="236" t="e">
        <f t="shared" si="210"/>
        <v>#N/A</v>
      </c>
    </row>
    <row r="963" spans="1:20" x14ac:dyDescent="0.2">
      <c r="A963" s="53">
        <f t="shared" si="211"/>
        <v>951</v>
      </c>
      <c r="B963" s="239">
        <v>9.3840000000000003</v>
      </c>
      <c r="C963" s="3">
        <f t="shared" si="212"/>
        <v>9.3770000000000007</v>
      </c>
      <c r="D963" s="239">
        <v>0.30740000000000001</v>
      </c>
      <c r="E963" s="239">
        <v>5.7999999999999996E-3</v>
      </c>
      <c r="F963" s="239">
        <v>0.24199999999999999</v>
      </c>
      <c r="G963">
        <f t="shared" si="213"/>
        <v>0.35580000000000001</v>
      </c>
      <c r="H963" s="235">
        <f t="shared" si="214"/>
        <v>1.6301292861157952</v>
      </c>
      <c r="I963" s="236">
        <f t="shared" si="215"/>
        <v>14.901783986375534</v>
      </c>
      <c r="J963" s="237">
        <f t="shared" si="220"/>
        <v>4.9017839863755341</v>
      </c>
      <c r="K963" s="237">
        <f t="shared" si="216"/>
        <v>139.73402844024341</v>
      </c>
      <c r="L963" s="237">
        <f t="shared" si="221"/>
        <v>45.998340928148011</v>
      </c>
      <c r="M963" s="236">
        <f t="shared" si="217"/>
        <v>4.6972557531425707</v>
      </c>
      <c r="N963" s="236">
        <f t="shared" si="218"/>
        <v>2.6843653158942309</v>
      </c>
      <c r="O963" s="236">
        <f t="shared" si="222"/>
        <v>3.2478230440667728</v>
      </c>
      <c r="P963" s="236" t="str">
        <f t="shared" si="223"/>
        <v>CLAY</v>
      </c>
      <c r="Q963" s="236">
        <f t="shared" si="219"/>
        <v>18.005497629979718</v>
      </c>
      <c r="R963" s="238">
        <v>35</v>
      </c>
      <c r="S963" s="236">
        <f t="shared" si="224"/>
        <v>1.728802044341613</v>
      </c>
      <c r="T963" s="236" t="e">
        <f t="shared" si="210"/>
        <v>#N/A</v>
      </c>
    </row>
    <row r="964" spans="1:20" x14ac:dyDescent="0.2">
      <c r="A964" s="53">
        <f t="shared" si="211"/>
        <v>952</v>
      </c>
      <c r="B964" s="239">
        <v>9.3930000000000007</v>
      </c>
      <c r="C964" s="3">
        <f t="shared" si="212"/>
        <v>9.386000000000001</v>
      </c>
      <c r="D964" s="239">
        <v>0.30590000000000001</v>
      </c>
      <c r="E964" s="239">
        <v>5.8999999999999999E-3</v>
      </c>
      <c r="F964" s="239">
        <v>0.24579999999999999</v>
      </c>
      <c r="G964">
        <f t="shared" si="213"/>
        <v>0.35505999999999999</v>
      </c>
      <c r="H964" s="235">
        <f t="shared" si="214"/>
        <v>1.6616909818058918</v>
      </c>
      <c r="I964" s="236">
        <f t="shared" si="215"/>
        <v>14.92101505967965</v>
      </c>
      <c r="J964" s="237">
        <f t="shared" si="220"/>
        <v>4.9210150596796502</v>
      </c>
      <c r="K964" s="237">
        <f t="shared" si="216"/>
        <v>140.0486473501532</v>
      </c>
      <c r="L964" s="237">
        <f t="shared" si="221"/>
        <v>46.223094455570958</v>
      </c>
      <c r="M964" s="236">
        <f t="shared" si="217"/>
        <v>4.6516001401964324</v>
      </c>
      <c r="N964" s="236">
        <f t="shared" si="218"/>
        <v>2.7440411528447743</v>
      </c>
      <c r="O964" s="236">
        <f t="shared" si="222"/>
        <v>3.2563310486440598</v>
      </c>
      <c r="P964" s="236" t="str">
        <f t="shared" si="223"/>
        <v>CLAY</v>
      </c>
      <c r="Q964" s="236">
        <f t="shared" si="219"/>
        <v>17.917612720820568</v>
      </c>
      <c r="R964" s="238">
        <v>35</v>
      </c>
      <c r="S964" s="236">
        <f t="shared" si="224"/>
        <v>1.7078234689348846</v>
      </c>
      <c r="T964" s="236" t="e">
        <f t="shared" si="210"/>
        <v>#N/A</v>
      </c>
    </row>
    <row r="965" spans="1:20" x14ac:dyDescent="0.2">
      <c r="A965" s="53">
        <f t="shared" si="211"/>
        <v>953</v>
      </c>
      <c r="B965" s="239">
        <v>9.4019999999999992</v>
      </c>
      <c r="C965" s="3">
        <f t="shared" si="212"/>
        <v>9.3949999999999996</v>
      </c>
      <c r="D965" s="239">
        <v>0.30149999999999999</v>
      </c>
      <c r="E965" s="239">
        <v>6.3E-3</v>
      </c>
      <c r="F965" s="239">
        <v>0.25380000000000003</v>
      </c>
      <c r="G965">
        <f t="shared" si="213"/>
        <v>0.35225999999999996</v>
      </c>
      <c r="H965" s="235">
        <f t="shared" si="214"/>
        <v>1.7884517118037815</v>
      </c>
      <c r="I965" s="236">
        <f t="shared" si="215"/>
        <v>14.994839535592334</v>
      </c>
      <c r="J965" s="237">
        <f t="shared" si="220"/>
        <v>4.9948395355923338</v>
      </c>
      <c r="K965" s="237">
        <f t="shared" si="216"/>
        <v>140.87651743688997</v>
      </c>
      <c r="L965" s="237">
        <f t="shared" si="221"/>
        <v>46.961481313639119</v>
      </c>
      <c r="M965" s="236">
        <f t="shared" si="217"/>
        <v>4.5012098564641621</v>
      </c>
      <c r="N965" s="236">
        <f t="shared" si="218"/>
        <v>2.9803653169159481</v>
      </c>
      <c r="O965" s="236">
        <f t="shared" si="222"/>
        <v>3.2869717358329256</v>
      </c>
      <c r="P965" s="236" t="str">
        <f t="shared" si="223"/>
        <v>CLAY</v>
      </c>
      <c r="Q965" s="236">
        <f t="shared" si="219"/>
        <v>17.615290213592498</v>
      </c>
      <c r="R965" s="238">
        <v>35</v>
      </c>
      <c r="S965" s="236">
        <f t="shared" si="224"/>
        <v>1.6390854124156236</v>
      </c>
      <c r="T965" s="236" t="e">
        <f t="shared" si="210"/>
        <v>#N/A</v>
      </c>
    </row>
    <row r="966" spans="1:20" x14ac:dyDescent="0.2">
      <c r="A966" s="53">
        <f t="shared" si="211"/>
        <v>954</v>
      </c>
      <c r="B966" s="239">
        <v>9.4120000000000008</v>
      </c>
      <c r="C966" s="3">
        <f t="shared" si="212"/>
        <v>9.4050000000000011</v>
      </c>
      <c r="D966" s="239">
        <v>0.30230000000000001</v>
      </c>
      <c r="E966" s="239">
        <v>6.4000000000000003E-3</v>
      </c>
      <c r="F966" s="239">
        <v>0.26</v>
      </c>
      <c r="G966">
        <f t="shared" si="213"/>
        <v>0.3543</v>
      </c>
      <c r="H966" s="235">
        <f t="shared" si="214"/>
        <v>1.8063787750493931</v>
      </c>
      <c r="I966" s="236">
        <f t="shared" si="215"/>
        <v>15.01556302123884</v>
      </c>
      <c r="J966" s="237">
        <f t="shared" si="220"/>
        <v>5.0155630212388402</v>
      </c>
      <c r="K966" s="237">
        <f t="shared" si="216"/>
        <v>141.22137021475132</v>
      </c>
      <c r="L966" s="237">
        <f t="shared" si="221"/>
        <v>47.20647915589997</v>
      </c>
      <c r="M966" s="236">
        <f t="shared" si="217"/>
        <v>4.5137581449689126</v>
      </c>
      <c r="N966" s="236">
        <f t="shared" si="218"/>
        <v>3.003586050112224</v>
      </c>
      <c r="O966" s="236">
        <f t="shared" si="222"/>
        <v>3.2876749390025335</v>
      </c>
      <c r="P966" s="236" t="str">
        <f t="shared" si="223"/>
        <v>CLAY</v>
      </c>
      <c r="Q966" s="236">
        <f t="shared" si="219"/>
        <v>17.756552482104059</v>
      </c>
      <c r="R966" s="238">
        <v>35</v>
      </c>
      <c r="S966" s="236">
        <f t="shared" si="224"/>
        <v>1.6447991203785219</v>
      </c>
      <c r="T966" s="236" t="e">
        <f t="shared" si="210"/>
        <v>#N/A</v>
      </c>
    </row>
    <row r="967" spans="1:20" x14ac:dyDescent="0.2">
      <c r="A967" s="53">
        <f t="shared" si="211"/>
        <v>955</v>
      </c>
      <c r="B967" s="239">
        <v>9.4220000000000006</v>
      </c>
      <c r="C967" s="3">
        <f t="shared" si="212"/>
        <v>9.4150000000000009</v>
      </c>
      <c r="D967" s="239">
        <v>0.29420000000000002</v>
      </c>
      <c r="E967" s="239">
        <v>6.6E-3</v>
      </c>
      <c r="F967" s="239">
        <v>0.26419999999999999</v>
      </c>
      <c r="G967">
        <f t="shared" si="213"/>
        <v>0.34704000000000002</v>
      </c>
      <c r="H967" s="235">
        <f t="shared" si="214"/>
        <v>1.9017980636237897</v>
      </c>
      <c r="I967" s="236">
        <f t="shared" si="215"/>
        <v>15.043553261548638</v>
      </c>
      <c r="J967" s="237">
        <f t="shared" si="220"/>
        <v>5.043553261548638</v>
      </c>
      <c r="K967" s="237">
        <f t="shared" si="216"/>
        <v>141.63505395748044</v>
      </c>
      <c r="L967" s="237">
        <f t="shared" si="221"/>
        <v>47.520358830311274</v>
      </c>
      <c r="M967" s="236">
        <f t="shared" si="217"/>
        <v>4.3224620162485019</v>
      </c>
      <c r="N967" s="236">
        <f t="shared" si="218"/>
        <v>3.2131650805690795</v>
      </c>
      <c r="O967" s="236">
        <f t="shared" si="222"/>
        <v>3.3189422158366111</v>
      </c>
      <c r="P967" s="236" t="str">
        <f t="shared" si="223"/>
        <v>CLAY</v>
      </c>
      <c r="Q967" s="236">
        <f t="shared" si="219"/>
        <v>17.117078836876633</v>
      </c>
      <c r="R967" s="238">
        <v>35</v>
      </c>
      <c r="S967" s="236">
        <f t="shared" si="224"/>
        <v>1.558131080506056</v>
      </c>
      <c r="T967" s="236" t="e">
        <f t="shared" si="210"/>
        <v>#N/A</v>
      </c>
    </row>
    <row r="968" spans="1:20" x14ac:dyDescent="0.2">
      <c r="A968" s="53">
        <f t="shared" si="211"/>
        <v>956</v>
      </c>
      <c r="B968" s="239">
        <v>9.4329999999999998</v>
      </c>
      <c r="C968" s="3">
        <f t="shared" si="212"/>
        <v>9.4260000000000002</v>
      </c>
      <c r="D968" s="239">
        <v>0.28120000000000001</v>
      </c>
      <c r="E968" s="239">
        <v>6.7000000000000002E-3</v>
      </c>
      <c r="F968" s="239">
        <v>0.26129999999999998</v>
      </c>
      <c r="G968">
        <f t="shared" si="213"/>
        <v>0.33345999999999998</v>
      </c>
      <c r="H968" s="235">
        <f t="shared" si="214"/>
        <v>2.0092364901337492</v>
      </c>
      <c r="I968" s="236">
        <f t="shared" si="215"/>
        <v>15.045584392926523</v>
      </c>
      <c r="J968" s="237">
        <f t="shared" si="220"/>
        <v>5.0455843929265232</v>
      </c>
      <c r="K968" s="237">
        <f t="shared" si="216"/>
        <v>141.81967848772541</v>
      </c>
      <c r="L968" s="237">
        <f t="shared" si="221"/>
        <v>47.594997578475891</v>
      </c>
      <c r="M968" s="236">
        <f t="shared" si="217"/>
        <v>4.026480329078554</v>
      </c>
      <c r="N968" s="236">
        <f t="shared" si="218"/>
        <v>3.4961327277729835</v>
      </c>
      <c r="O968" s="236">
        <f t="shared" si="222"/>
        <v>3.3643563641808765</v>
      </c>
      <c r="P968" s="236" t="str">
        <f t="shared" si="223"/>
        <v>CLAY</v>
      </c>
      <c r="Q968" s="236">
        <f t="shared" si="219"/>
        <v>15.970026792689547</v>
      </c>
      <c r="R968" s="238">
        <v>35</v>
      </c>
      <c r="S968" s="236">
        <f t="shared" si="224"/>
        <v>1.4259259932105048</v>
      </c>
      <c r="T968" s="236" t="e">
        <f t="shared" si="210"/>
        <v>#N/A</v>
      </c>
    </row>
    <row r="969" spans="1:20" x14ac:dyDescent="0.2">
      <c r="A969" s="53">
        <f t="shared" si="211"/>
        <v>957</v>
      </c>
      <c r="B969" s="239">
        <v>9.4420000000000002</v>
      </c>
      <c r="C969" s="3">
        <f t="shared" si="212"/>
        <v>9.4350000000000005</v>
      </c>
      <c r="D969" s="239">
        <v>0.27739999999999998</v>
      </c>
      <c r="E969" s="239">
        <v>6.7000000000000002E-3</v>
      </c>
      <c r="F969" s="239">
        <v>0.25829999999999997</v>
      </c>
      <c r="G969">
        <f t="shared" si="213"/>
        <v>0.32905999999999996</v>
      </c>
      <c r="H969" s="235">
        <f t="shared" si="214"/>
        <v>2.0361028383881359</v>
      </c>
      <c r="I969" s="236">
        <f t="shared" si="215"/>
        <v>15.04039260570754</v>
      </c>
      <c r="J969" s="237">
        <f t="shared" si="220"/>
        <v>5.0403926057075399</v>
      </c>
      <c r="K969" s="237">
        <f t="shared" si="216"/>
        <v>141.90610423485066</v>
      </c>
      <c r="L969" s="237">
        <f t="shared" si="221"/>
        <v>47.591386983090594</v>
      </c>
      <c r="M969" s="236">
        <f t="shared" si="217"/>
        <v>3.9325161048919588</v>
      </c>
      <c r="N969" s="236">
        <f t="shared" si="218"/>
        <v>3.5799415088893038</v>
      </c>
      <c r="O969" s="236">
        <f t="shared" si="222"/>
        <v>3.3784842008237002</v>
      </c>
      <c r="P969" s="236" t="str">
        <f t="shared" si="223"/>
        <v>CLAY</v>
      </c>
      <c r="Q969" s="236">
        <f t="shared" si="219"/>
        <v>15.596157980429107</v>
      </c>
      <c r="R969" s="238">
        <v>35</v>
      </c>
      <c r="S969" s="236">
        <f t="shared" si="224"/>
        <v>1.3844527746011899</v>
      </c>
      <c r="T969" s="236" t="e">
        <f t="shared" si="210"/>
        <v>#N/A</v>
      </c>
    </row>
    <row r="970" spans="1:20" x14ac:dyDescent="0.2">
      <c r="A970" s="53">
        <f t="shared" si="211"/>
        <v>958</v>
      </c>
      <c r="B970" s="239">
        <v>9.4529999999999994</v>
      </c>
      <c r="C970" s="3">
        <f t="shared" si="212"/>
        <v>9.4459999999999997</v>
      </c>
      <c r="D970" s="239">
        <v>0.2707</v>
      </c>
      <c r="E970" s="239">
        <v>6.4999999999999997E-3</v>
      </c>
      <c r="F970" s="239">
        <v>0.2545</v>
      </c>
      <c r="G970">
        <f t="shared" si="213"/>
        <v>0.3216</v>
      </c>
      <c r="H970" s="235">
        <f t="shared" si="214"/>
        <v>2.0211442786069651</v>
      </c>
      <c r="I970" s="236">
        <f t="shared" si="215"/>
        <v>14.995893553386971</v>
      </c>
      <c r="J970" s="237">
        <f t="shared" si="220"/>
        <v>4.9958935533869706</v>
      </c>
      <c r="K970" s="237">
        <f t="shared" si="216"/>
        <v>141.65121050529331</v>
      </c>
      <c r="L970" s="237">
        <f t="shared" si="221"/>
        <v>47.22618176016703</v>
      </c>
      <c r="M970" s="236">
        <f t="shared" si="217"/>
        <v>3.8103607530364587</v>
      </c>
      <c r="N970" s="236">
        <f t="shared" si="218"/>
        <v>3.6121387747324638</v>
      </c>
      <c r="O970" s="236">
        <f t="shared" si="222"/>
        <v>3.3921915130244518</v>
      </c>
      <c r="P970" s="236" t="str">
        <f t="shared" si="223"/>
        <v>CLAY</v>
      </c>
      <c r="Q970" s="236">
        <f t="shared" si="219"/>
        <v>14.995732457892226</v>
      </c>
      <c r="R970" s="238">
        <v>35</v>
      </c>
      <c r="S970" s="236">
        <f t="shared" si="224"/>
        <v>1.3309067501893945</v>
      </c>
      <c r="T970" s="236" t="e">
        <f t="shared" si="210"/>
        <v>#N/A</v>
      </c>
    </row>
    <row r="971" spans="1:20" x14ac:dyDescent="0.2">
      <c r="A971" s="53">
        <f t="shared" si="211"/>
        <v>959</v>
      </c>
      <c r="B971" s="239">
        <v>9.4629999999999992</v>
      </c>
      <c r="C971" s="3">
        <f t="shared" si="212"/>
        <v>9.4559999999999995</v>
      </c>
      <c r="D971" s="239">
        <v>0.27110000000000001</v>
      </c>
      <c r="E971" s="239">
        <v>6.4999999999999997E-3</v>
      </c>
      <c r="F971" s="239">
        <v>0.24829999999999999</v>
      </c>
      <c r="G971">
        <f t="shared" si="213"/>
        <v>0.32075999999999999</v>
      </c>
      <c r="H971" s="235">
        <f t="shared" si="214"/>
        <v>2.0264372116223965</v>
      </c>
      <c r="I971" s="236">
        <f t="shared" si="215"/>
        <v>14.994871301641943</v>
      </c>
      <c r="J971" s="237">
        <f t="shared" si="220"/>
        <v>4.9948713016419433</v>
      </c>
      <c r="K971" s="237">
        <f t="shared" si="216"/>
        <v>141.79150302832622</v>
      </c>
      <c r="L971" s="237">
        <f t="shared" si="221"/>
        <v>47.266467127437707</v>
      </c>
      <c r="M971" s="236">
        <f t="shared" si="217"/>
        <v>3.7863734661858062</v>
      </c>
      <c r="N971" s="236">
        <f t="shared" si="218"/>
        <v>3.6319241151300425</v>
      </c>
      <c r="O971" s="236">
        <f t="shared" si="222"/>
        <v>3.395770682999661</v>
      </c>
      <c r="P971" s="236" t="str">
        <f t="shared" si="223"/>
        <v>CLAY</v>
      </c>
      <c r="Q971" s="236">
        <f t="shared" si="219"/>
        <v>14.914041414306148</v>
      </c>
      <c r="R971" s="238">
        <v>35</v>
      </c>
      <c r="S971" s="236">
        <f t="shared" si="224"/>
        <v>1.3204419666581593</v>
      </c>
      <c r="T971" s="236" t="e">
        <f t="shared" si="210"/>
        <v>#N/A</v>
      </c>
    </row>
    <row r="972" spans="1:20" x14ac:dyDescent="0.2">
      <c r="A972" s="53">
        <f t="shared" si="211"/>
        <v>960</v>
      </c>
      <c r="B972" s="239">
        <v>9.4730000000000008</v>
      </c>
      <c r="C972" s="3">
        <f t="shared" si="212"/>
        <v>9.4660000000000011</v>
      </c>
      <c r="D972" s="239">
        <v>0.27050000000000002</v>
      </c>
      <c r="E972" s="239">
        <v>6.1999999999999998E-3</v>
      </c>
      <c r="F972" s="239">
        <v>0.24299999999999999</v>
      </c>
      <c r="G972">
        <f t="shared" si="213"/>
        <v>0.31909999999999999</v>
      </c>
      <c r="H972" s="235">
        <f t="shared" si="214"/>
        <v>1.9429645879034785</v>
      </c>
      <c r="I972" s="236">
        <f t="shared" si="215"/>
        <v>14.937434739801931</v>
      </c>
      <c r="J972" s="237">
        <f t="shared" si="220"/>
        <v>4.9374347398019314</v>
      </c>
      <c r="K972" s="237">
        <f t="shared" si="216"/>
        <v>141.39775724696509</v>
      </c>
      <c r="L972" s="237">
        <f t="shared" si="221"/>
        <v>46.772319290143699</v>
      </c>
      <c r="M972" s="236">
        <f t="shared" si="217"/>
        <v>3.7993036362103605</v>
      </c>
      <c r="N972" s="236">
        <f t="shared" si="218"/>
        <v>3.4889824145982038</v>
      </c>
      <c r="O972" s="236">
        <f t="shared" si="222"/>
        <v>3.3853977520206975</v>
      </c>
      <c r="P972" s="236" t="str">
        <f t="shared" si="223"/>
        <v>CLAY</v>
      </c>
      <c r="Q972" s="236">
        <f t="shared" si="219"/>
        <v>14.808520229419578</v>
      </c>
      <c r="R972" s="238">
        <v>35</v>
      </c>
      <c r="S972" s="236">
        <f t="shared" si="224"/>
        <v>1.3260808785275011</v>
      </c>
      <c r="T972" s="236" t="e">
        <f t="shared" si="210"/>
        <v>#N/A</v>
      </c>
    </row>
    <row r="973" spans="1:20" x14ac:dyDescent="0.2">
      <c r="A973" s="53">
        <f t="shared" si="211"/>
        <v>961</v>
      </c>
      <c r="B973" s="239">
        <v>9.4830000000000005</v>
      </c>
      <c r="C973" s="3">
        <f t="shared" si="212"/>
        <v>9.4760000000000009</v>
      </c>
      <c r="D973" s="239">
        <v>0.27239999999999998</v>
      </c>
      <c r="E973" s="239">
        <v>6.3E-3</v>
      </c>
      <c r="F973" s="239">
        <v>0.2492</v>
      </c>
      <c r="G973">
        <f t="shared" si="213"/>
        <v>0.32223999999999997</v>
      </c>
      <c r="H973" s="235">
        <f t="shared" si="214"/>
        <v>1.9550645481628599</v>
      </c>
      <c r="I973" s="236">
        <f t="shared" si="215"/>
        <v>14.96002404189333</v>
      </c>
      <c r="J973" s="237">
        <f t="shared" si="220"/>
        <v>4.9600240418933303</v>
      </c>
      <c r="K973" s="237">
        <f t="shared" si="216"/>
        <v>141.76118782098121</v>
      </c>
      <c r="L973" s="237">
        <f t="shared" si="221"/>
        <v>47.035907989274456</v>
      </c>
      <c r="M973" s="236">
        <f t="shared" si="217"/>
        <v>3.8370432270633135</v>
      </c>
      <c r="N973" s="236">
        <f t="shared" si="218"/>
        <v>3.4907144633415288</v>
      </c>
      <c r="O973" s="236">
        <f t="shared" si="222"/>
        <v>3.3818459476193721</v>
      </c>
      <c r="P973" s="236" t="str">
        <f t="shared" si="223"/>
        <v>CLAY</v>
      </c>
      <c r="Q973" s="236">
        <f t="shared" si="219"/>
        <v>15.039901014918229</v>
      </c>
      <c r="R973" s="238">
        <v>35</v>
      </c>
      <c r="S973" s="236">
        <f t="shared" si="224"/>
        <v>1.3425667075185579</v>
      </c>
      <c r="T973" s="236" t="e">
        <f t="shared" ref="T973:T1036" si="225">IF(P973="SAND",17.6+(11*LOG(M973)),#N/A)</f>
        <v>#N/A</v>
      </c>
    </row>
    <row r="974" spans="1:20" x14ac:dyDescent="0.2">
      <c r="A974" s="53">
        <f t="shared" ref="A974:A1037" si="226">$A973+1</f>
        <v>962</v>
      </c>
      <c r="B974" s="239">
        <v>9.4930000000000003</v>
      </c>
      <c r="C974" s="3">
        <f t="shared" ref="C974:C1037" si="227">MAX($B974 - $B$13, 0.001)</f>
        <v>9.4860000000000007</v>
      </c>
      <c r="D974" s="239">
        <v>0.2767</v>
      </c>
      <c r="E974" s="239">
        <v>6.6E-3</v>
      </c>
      <c r="F974" s="239">
        <v>0.25850000000000001</v>
      </c>
      <c r="G974">
        <f t="shared" si="213"/>
        <v>0.32839999999999997</v>
      </c>
      <c r="H974" s="235">
        <f t="shared" si="214"/>
        <v>2.0097442143727164</v>
      </c>
      <c r="I974" s="236">
        <f t="shared" si="215"/>
        <v>15.021974513948194</v>
      </c>
      <c r="J974" s="237">
        <f t="shared" si="220"/>
        <v>5.0219745139481944</v>
      </c>
      <c r="K974" s="237">
        <f t="shared" si="216"/>
        <v>142.49845023931258</v>
      </c>
      <c r="L974" s="237">
        <f t="shared" si="221"/>
        <v>47.673604060910208</v>
      </c>
      <c r="M974" s="236">
        <f t="shared" si="217"/>
        <v>3.8994649853443044</v>
      </c>
      <c r="N974" s="236">
        <f t="shared" si="218"/>
        <v>3.5502662610915476</v>
      </c>
      <c r="O974" s="236">
        <f t="shared" si="222"/>
        <v>3.3797094267940126</v>
      </c>
      <c r="P974" s="236" t="str">
        <f t="shared" si="223"/>
        <v>CLAY</v>
      </c>
      <c r="Q974" s="236">
        <f t="shared" si="219"/>
        <v>15.491795813390617</v>
      </c>
      <c r="R974" s="238">
        <v>35</v>
      </c>
      <c r="S974" s="236">
        <f t="shared" si="224"/>
        <v>1.3699234186475038</v>
      </c>
      <c r="T974" s="236" t="e">
        <f t="shared" si="225"/>
        <v>#N/A</v>
      </c>
    </row>
    <row r="975" spans="1:20" x14ac:dyDescent="0.2">
      <c r="A975" s="53">
        <f t="shared" si="226"/>
        <v>963</v>
      </c>
      <c r="B975" s="239">
        <v>9.5030000000000001</v>
      </c>
      <c r="C975" s="3">
        <f t="shared" si="227"/>
        <v>9.4960000000000004</v>
      </c>
      <c r="D975" s="239">
        <v>0.2868</v>
      </c>
      <c r="E975" s="239">
        <v>6.6E-3</v>
      </c>
      <c r="F975" s="239">
        <v>0.26729999999999998</v>
      </c>
      <c r="G975">
        <f t="shared" ref="G975:G1038" si="228">$D975+($F975*(1-$P$8))</f>
        <v>0.34026000000000001</v>
      </c>
      <c r="H975" s="235">
        <f t="shared" ref="H975:H1038" si="229">($E975/$G975)*100</f>
        <v>1.9396931758067357</v>
      </c>
      <c r="I975" s="236">
        <f t="shared" ref="I975:I1038" si="230">((0.27*(LOG($H975)))+(0.36*(LOG(($G975*1000)/101)))+1.236)*10</f>
        <v>15.035841488248209</v>
      </c>
      <c r="J975" s="237">
        <f t="shared" si="220"/>
        <v>5.0358414882482094</v>
      </c>
      <c r="K975" s="237">
        <f t="shared" ref="K975:K1038" si="231">$I975*$C975</f>
        <v>142.780350772405</v>
      </c>
      <c r="L975" s="237">
        <f t="shared" si="221"/>
        <v>47.855601662822735</v>
      </c>
      <c r="M975" s="236">
        <f t="shared" ref="M975:M1038" si="232">(($G975*1000)-$K975)/$L975</f>
        <v>4.1265733240380449</v>
      </c>
      <c r="N975" s="236">
        <f t="shared" ref="N975:N1038" si="233">(($E975*1000)/(($G975*1000)-$K975))*100</f>
        <v>3.3421165298878517</v>
      </c>
      <c r="O975" s="236">
        <f t="shared" si="222"/>
        <v>3.3450366551615209</v>
      </c>
      <c r="P975" s="236" t="str">
        <f t="shared" si="223"/>
        <v>CLAY</v>
      </c>
      <c r="Q975" s="236">
        <f t="shared" ref="Q975:Q1038" si="234">IF(P975="CLAY",($G975*1000 -$K975)/$L$8,#N/A)</f>
        <v>16.456637435632917</v>
      </c>
      <c r="R975" s="238">
        <v>35</v>
      </c>
      <c r="S975" s="236">
        <f t="shared" si="224"/>
        <v>1.4703711289138086</v>
      </c>
      <c r="T975" s="236" t="e">
        <f t="shared" si="225"/>
        <v>#N/A</v>
      </c>
    </row>
    <row r="976" spans="1:20" x14ac:dyDescent="0.2">
      <c r="A976" s="53">
        <f t="shared" si="226"/>
        <v>964</v>
      </c>
      <c r="B976" s="239">
        <v>9.5129999999999999</v>
      </c>
      <c r="C976" s="3">
        <f t="shared" si="227"/>
        <v>9.5060000000000002</v>
      </c>
      <c r="D976" s="239">
        <v>0.29720000000000002</v>
      </c>
      <c r="E976" s="239">
        <v>6.7999999999999996E-3</v>
      </c>
      <c r="F976" s="239">
        <v>0.27150000000000002</v>
      </c>
      <c r="G976">
        <f t="shared" si="228"/>
        <v>0.35150000000000003</v>
      </c>
      <c r="H976" s="235">
        <f t="shared" si="229"/>
        <v>1.9345661450924607</v>
      </c>
      <c r="I976" s="236">
        <f t="shared" si="230"/>
        <v>15.083549915109584</v>
      </c>
      <c r="J976" s="237">
        <f t="shared" ref="J976:J1039" si="235">$I976-10</f>
        <v>5.0835499151095842</v>
      </c>
      <c r="K976" s="237">
        <f t="shared" si="231"/>
        <v>143.38422549303172</v>
      </c>
      <c r="L976" s="237">
        <f t="shared" ref="L976:L1039" si="236">$J976*$B976</f>
        <v>48.359810342437477</v>
      </c>
      <c r="M976" s="236">
        <f t="shared" si="232"/>
        <v>4.3034861599599621</v>
      </c>
      <c r="N976" s="236">
        <f t="shared" si="233"/>
        <v>3.2674121008411667</v>
      </c>
      <c r="O976" s="236">
        <f t="shared" ref="O976:O1039" si="237">((3.47-LOG($M976))^2+(LOG($N976)+1.22)^2)^0.5</f>
        <v>3.3243612733209305</v>
      </c>
      <c r="P976" s="236" t="str">
        <f t="shared" ref="P976:P1039" si="238">IF(O976&lt;2.6,"SAND","CLAY")</f>
        <v>CLAY</v>
      </c>
      <c r="Q976" s="236">
        <f t="shared" si="234"/>
        <v>17.342981208914029</v>
      </c>
      <c r="R976" s="238">
        <v>35</v>
      </c>
      <c r="S976" s="236">
        <f t="shared" ref="S976:S1039" si="239">IF(P976="SAND",#N/A,0.25*($M976)^1.25)</f>
        <v>1.5495854216671174</v>
      </c>
      <c r="T976" s="236" t="e">
        <f t="shared" si="225"/>
        <v>#N/A</v>
      </c>
    </row>
    <row r="977" spans="1:20" x14ac:dyDescent="0.2">
      <c r="A977" s="53">
        <f t="shared" si="226"/>
        <v>965</v>
      </c>
      <c r="B977" s="239">
        <v>9.5229999999999997</v>
      </c>
      <c r="C977" s="3">
        <f t="shared" si="227"/>
        <v>9.516</v>
      </c>
      <c r="D977" s="239">
        <v>0.30640000000000001</v>
      </c>
      <c r="E977" s="239">
        <v>6.7000000000000002E-3</v>
      </c>
      <c r="F977" s="239">
        <v>0.26700000000000002</v>
      </c>
      <c r="G977">
        <f t="shared" si="228"/>
        <v>0.35980000000000001</v>
      </c>
      <c r="H977" s="235">
        <f t="shared" si="229"/>
        <v>1.8621456364647027</v>
      </c>
      <c r="I977" s="236">
        <f t="shared" si="230"/>
        <v>15.075300064783297</v>
      </c>
      <c r="J977" s="237">
        <f t="shared" si="235"/>
        <v>5.0753000647832973</v>
      </c>
      <c r="K977" s="237">
        <f t="shared" si="231"/>
        <v>143.45655541647787</v>
      </c>
      <c r="L977" s="237">
        <f t="shared" si="236"/>
        <v>48.332082516931337</v>
      </c>
      <c r="M977" s="236">
        <f t="shared" si="232"/>
        <v>4.4761871063125476</v>
      </c>
      <c r="N977" s="236">
        <f t="shared" si="233"/>
        <v>3.0969276711379066</v>
      </c>
      <c r="O977" s="236">
        <f t="shared" si="237"/>
        <v>3.2976603065784906</v>
      </c>
      <c r="P977" s="236" t="str">
        <f t="shared" si="238"/>
        <v>CLAY</v>
      </c>
      <c r="Q977" s="236">
        <f t="shared" si="234"/>
        <v>18.028620381960177</v>
      </c>
      <c r="R977" s="238">
        <v>35</v>
      </c>
      <c r="S977" s="236">
        <f t="shared" si="239"/>
        <v>1.6277035045905295</v>
      </c>
      <c r="T977" s="236" t="e">
        <f t="shared" si="225"/>
        <v>#N/A</v>
      </c>
    </row>
    <row r="978" spans="1:20" x14ac:dyDescent="0.2">
      <c r="A978" s="53">
        <f t="shared" si="226"/>
        <v>966</v>
      </c>
      <c r="B978" s="239">
        <v>9.5340000000000007</v>
      </c>
      <c r="C978" s="3">
        <f t="shared" si="227"/>
        <v>9.527000000000001</v>
      </c>
      <c r="D978" s="239">
        <v>0.309</v>
      </c>
      <c r="E978" s="239">
        <v>6.4999999999999997E-3</v>
      </c>
      <c r="F978" s="239">
        <v>0.2631</v>
      </c>
      <c r="G978">
        <f t="shared" si="228"/>
        <v>0.36162</v>
      </c>
      <c r="H978" s="235">
        <f t="shared" si="229"/>
        <v>1.7974669542613793</v>
      </c>
      <c r="I978" s="236">
        <f t="shared" si="230"/>
        <v>15.041736314984595</v>
      </c>
      <c r="J978" s="237">
        <f t="shared" si="235"/>
        <v>5.0417363149845951</v>
      </c>
      <c r="K978" s="237">
        <f t="shared" si="231"/>
        <v>143.30262187285825</v>
      </c>
      <c r="L978" s="237">
        <f t="shared" si="236"/>
        <v>48.067914027063132</v>
      </c>
      <c r="M978" s="236">
        <f t="shared" si="232"/>
        <v>4.5418525547878987</v>
      </c>
      <c r="N978" s="236">
        <f t="shared" si="233"/>
        <v>2.9773168108562511</v>
      </c>
      <c r="O978" s="236">
        <f t="shared" si="237"/>
        <v>3.2833978313207792</v>
      </c>
      <c r="P978" s="236" t="str">
        <f t="shared" si="238"/>
        <v>CLAY</v>
      </c>
      <c r="Q978" s="236">
        <f t="shared" si="234"/>
        <v>18.19311484392848</v>
      </c>
      <c r="R978" s="238">
        <v>35</v>
      </c>
      <c r="S978" s="236">
        <f t="shared" si="239"/>
        <v>1.657605953231069</v>
      </c>
      <c r="T978" s="236" t="e">
        <f t="shared" si="225"/>
        <v>#N/A</v>
      </c>
    </row>
    <row r="979" spans="1:20" x14ac:dyDescent="0.2">
      <c r="A979" s="53">
        <f t="shared" si="226"/>
        <v>967</v>
      </c>
      <c r="B979" s="239">
        <v>9.5429999999999993</v>
      </c>
      <c r="C979" s="3">
        <f t="shared" si="227"/>
        <v>9.5359999999999996</v>
      </c>
      <c r="D979" s="239">
        <v>0.307</v>
      </c>
      <c r="E979" s="239">
        <v>6.4999999999999997E-3</v>
      </c>
      <c r="F979" s="239">
        <v>0.26050000000000001</v>
      </c>
      <c r="G979">
        <f t="shared" si="228"/>
        <v>0.35909999999999997</v>
      </c>
      <c r="H979" s="235">
        <f t="shared" si="229"/>
        <v>1.8100807574491784</v>
      </c>
      <c r="I979" s="236">
        <f t="shared" si="230"/>
        <v>15.039002981931661</v>
      </c>
      <c r="J979" s="237">
        <f t="shared" si="235"/>
        <v>5.0390029819316613</v>
      </c>
      <c r="K979" s="237">
        <f t="shared" si="231"/>
        <v>143.41193243570032</v>
      </c>
      <c r="L979" s="237">
        <f t="shared" si="236"/>
        <v>48.087205456573841</v>
      </c>
      <c r="M979" s="236">
        <f t="shared" si="232"/>
        <v>4.4853525073126006</v>
      </c>
      <c r="N979" s="236">
        <f t="shared" si="233"/>
        <v>3.0136113107241123</v>
      </c>
      <c r="O979" s="236">
        <f t="shared" si="237"/>
        <v>3.2907701157395848</v>
      </c>
      <c r="P979" s="236" t="str">
        <f t="shared" si="238"/>
        <v>CLAY</v>
      </c>
      <c r="Q979" s="236">
        <f t="shared" si="234"/>
        <v>17.974005630358302</v>
      </c>
      <c r="R979" s="238">
        <v>35</v>
      </c>
      <c r="S979" s="236">
        <f t="shared" si="239"/>
        <v>1.6318706594170485</v>
      </c>
      <c r="T979" s="236" t="e">
        <f t="shared" si="225"/>
        <v>#N/A</v>
      </c>
    </row>
    <row r="980" spans="1:20" x14ac:dyDescent="0.2">
      <c r="A980" s="53">
        <f t="shared" si="226"/>
        <v>968</v>
      </c>
      <c r="B980" s="239">
        <v>9.5530000000000008</v>
      </c>
      <c r="C980" s="3">
        <f t="shared" si="227"/>
        <v>9.5460000000000012</v>
      </c>
      <c r="D980" s="239">
        <v>0.30599999999999999</v>
      </c>
      <c r="E980" s="239">
        <v>6.4000000000000003E-3</v>
      </c>
      <c r="F980" s="239">
        <v>0.25590000000000002</v>
      </c>
      <c r="G980">
        <f t="shared" si="228"/>
        <v>0.35718</v>
      </c>
      <c r="H980" s="235">
        <f t="shared" si="229"/>
        <v>1.7918136513802565</v>
      </c>
      <c r="I980" s="236">
        <f t="shared" si="230"/>
        <v>15.018727403780838</v>
      </c>
      <c r="J980" s="237">
        <f t="shared" si="235"/>
        <v>5.0187274037808383</v>
      </c>
      <c r="K980" s="237">
        <f t="shared" si="231"/>
        <v>143.3687717964919</v>
      </c>
      <c r="L980" s="237">
        <f t="shared" si="236"/>
        <v>47.943902888318355</v>
      </c>
      <c r="M980" s="236">
        <f t="shared" si="232"/>
        <v>4.4596124913227229</v>
      </c>
      <c r="N980" s="236">
        <f t="shared" si="233"/>
        <v>2.9932946243161762</v>
      </c>
      <c r="O980" s="236">
        <f t="shared" si="237"/>
        <v>3.2913960152235573</v>
      </c>
      <c r="P980" s="236" t="str">
        <f t="shared" si="238"/>
        <v>CLAY</v>
      </c>
      <c r="Q980" s="236">
        <f t="shared" si="234"/>
        <v>17.817602350292344</v>
      </c>
      <c r="R980" s="238">
        <v>35</v>
      </c>
      <c r="S980" s="236">
        <f t="shared" si="239"/>
        <v>1.6201730831853292</v>
      </c>
      <c r="T980" s="236" t="e">
        <f t="shared" si="225"/>
        <v>#N/A</v>
      </c>
    </row>
    <row r="981" spans="1:20" x14ac:dyDescent="0.2">
      <c r="A981" s="53">
        <f t="shared" si="226"/>
        <v>969</v>
      </c>
      <c r="B981" s="239">
        <v>9.5630000000000006</v>
      </c>
      <c r="C981" s="3">
        <f t="shared" si="227"/>
        <v>9.5560000000000009</v>
      </c>
      <c r="D981" s="239">
        <v>0.29959999999999998</v>
      </c>
      <c r="E981" s="239">
        <v>6.4000000000000003E-3</v>
      </c>
      <c r="F981" s="239">
        <v>0.25440000000000002</v>
      </c>
      <c r="G981">
        <f t="shared" si="228"/>
        <v>0.35047999999999996</v>
      </c>
      <c r="H981" s="235">
        <f t="shared" si="229"/>
        <v>1.8260671079662183</v>
      </c>
      <c r="I981" s="236">
        <f t="shared" si="230"/>
        <v>15.011325900292089</v>
      </c>
      <c r="J981" s="237">
        <f t="shared" si="235"/>
        <v>5.0113259002920891</v>
      </c>
      <c r="K981" s="237">
        <f t="shared" si="231"/>
        <v>143.44823030319122</v>
      </c>
      <c r="L981" s="237">
        <f t="shared" si="236"/>
        <v>47.923309584493254</v>
      </c>
      <c r="M981" s="236">
        <f t="shared" si="232"/>
        <v>4.3200641085063722</v>
      </c>
      <c r="N981" s="236">
        <f t="shared" si="233"/>
        <v>3.0913129947991029</v>
      </c>
      <c r="O981" s="236">
        <f t="shared" si="237"/>
        <v>3.3104433032328053</v>
      </c>
      <c r="P981" s="236" t="str">
        <f t="shared" si="238"/>
        <v>CLAY</v>
      </c>
      <c r="Q981" s="236">
        <f t="shared" si="234"/>
        <v>17.252647474734061</v>
      </c>
      <c r="R981" s="238">
        <v>35</v>
      </c>
      <c r="S981" s="236">
        <f t="shared" si="239"/>
        <v>1.5570506790349328</v>
      </c>
      <c r="T981" s="236" t="e">
        <f t="shared" si="225"/>
        <v>#N/A</v>
      </c>
    </row>
    <row r="982" spans="1:20" x14ac:dyDescent="0.2">
      <c r="A982" s="53">
        <f t="shared" si="226"/>
        <v>970</v>
      </c>
      <c r="B982" s="239">
        <v>9.5730000000000004</v>
      </c>
      <c r="C982" s="3">
        <f t="shared" si="227"/>
        <v>9.5660000000000007</v>
      </c>
      <c r="D982" s="239">
        <v>0.29849999999999999</v>
      </c>
      <c r="E982" s="239">
        <v>6.6E-3</v>
      </c>
      <c r="F982" s="239">
        <v>0.2611</v>
      </c>
      <c r="G982">
        <f t="shared" si="228"/>
        <v>0.35071999999999998</v>
      </c>
      <c r="H982" s="235">
        <f t="shared" si="229"/>
        <v>1.8818430656934306</v>
      </c>
      <c r="I982" s="236">
        <f t="shared" si="230"/>
        <v>15.047676159566963</v>
      </c>
      <c r="J982" s="237">
        <f t="shared" si="235"/>
        <v>5.0476761595669632</v>
      </c>
      <c r="K982" s="237">
        <f t="shared" si="231"/>
        <v>143.94607014241757</v>
      </c>
      <c r="L982" s="237">
        <f t="shared" si="236"/>
        <v>48.321403875534543</v>
      </c>
      <c r="M982" s="236">
        <f t="shared" si="232"/>
        <v>4.2791374685674946</v>
      </c>
      <c r="N982" s="236">
        <f t="shared" si="233"/>
        <v>3.1918917459980642</v>
      </c>
      <c r="O982" s="236">
        <f t="shared" si="237"/>
        <v>3.3211805793563611</v>
      </c>
      <c r="P982" s="236" t="str">
        <f t="shared" si="238"/>
        <v>CLAY</v>
      </c>
      <c r="Q982" s="236">
        <f t="shared" si="234"/>
        <v>17.231160821465199</v>
      </c>
      <c r="R982" s="238">
        <v>35</v>
      </c>
      <c r="S982" s="236">
        <f t="shared" si="239"/>
        <v>1.5386339355798684</v>
      </c>
      <c r="T982" s="236" t="e">
        <f t="shared" si="225"/>
        <v>#N/A</v>
      </c>
    </row>
    <row r="983" spans="1:20" x14ac:dyDescent="0.2">
      <c r="A983" s="53">
        <f t="shared" si="226"/>
        <v>971</v>
      </c>
      <c r="B983" s="239">
        <v>9.5830000000000002</v>
      </c>
      <c r="C983" s="3">
        <f t="shared" si="227"/>
        <v>9.5760000000000005</v>
      </c>
      <c r="D983" s="239">
        <v>0.2949</v>
      </c>
      <c r="E983" s="239">
        <v>6.7999999999999996E-3</v>
      </c>
      <c r="F983" s="239">
        <v>0.26540000000000002</v>
      </c>
      <c r="G983">
        <f t="shared" si="228"/>
        <v>0.34798000000000001</v>
      </c>
      <c r="H983" s="235">
        <f t="shared" si="229"/>
        <v>1.954135295131904</v>
      </c>
      <c r="I983" s="236">
        <f t="shared" si="230"/>
        <v>15.079615974088036</v>
      </c>
      <c r="J983" s="237">
        <f t="shared" si="235"/>
        <v>5.0796159740880356</v>
      </c>
      <c r="K983" s="237">
        <f t="shared" si="231"/>
        <v>144.40240256786703</v>
      </c>
      <c r="L983" s="237">
        <f t="shared" si="236"/>
        <v>48.677959879685645</v>
      </c>
      <c r="M983" s="236">
        <f t="shared" si="232"/>
        <v>4.1821308439240958</v>
      </c>
      <c r="N983" s="236">
        <f t="shared" si="233"/>
        <v>3.3402496570217788</v>
      </c>
      <c r="O983" s="236">
        <f t="shared" si="237"/>
        <v>3.3399551630063433</v>
      </c>
      <c r="P983" s="236" t="str">
        <f t="shared" si="238"/>
        <v>CLAY</v>
      </c>
      <c r="Q983" s="236">
        <f t="shared" si="234"/>
        <v>16.964799786011081</v>
      </c>
      <c r="R983" s="238">
        <v>35</v>
      </c>
      <c r="S983" s="236">
        <f t="shared" si="239"/>
        <v>1.4951577935253979</v>
      </c>
      <c r="T983" s="236" t="e">
        <f t="shared" si="225"/>
        <v>#N/A</v>
      </c>
    </row>
    <row r="984" spans="1:20" x14ac:dyDescent="0.2">
      <c r="A984" s="53">
        <f t="shared" si="226"/>
        <v>972</v>
      </c>
      <c r="B984" s="239">
        <v>9.593</v>
      </c>
      <c r="C984" s="3">
        <f t="shared" si="227"/>
        <v>9.5860000000000003</v>
      </c>
      <c r="D984" s="239">
        <v>0.2969</v>
      </c>
      <c r="E984" s="239">
        <v>6.7999999999999996E-3</v>
      </c>
      <c r="F984" s="239">
        <v>0.26450000000000001</v>
      </c>
      <c r="G984">
        <f t="shared" si="228"/>
        <v>0.3498</v>
      </c>
      <c r="H984" s="235">
        <f t="shared" si="229"/>
        <v>1.9439679817038307</v>
      </c>
      <c r="I984" s="236">
        <f t="shared" si="230"/>
        <v>15.081654943317718</v>
      </c>
      <c r="J984" s="237">
        <f t="shared" si="235"/>
        <v>5.0816549433177176</v>
      </c>
      <c r="K984" s="237">
        <f t="shared" si="231"/>
        <v>144.57274428664365</v>
      </c>
      <c r="L984" s="237">
        <f t="shared" si="236"/>
        <v>48.748315871246866</v>
      </c>
      <c r="M984" s="236">
        <f t="shared" si="232"/>
        <v>4.2099352981834022</v>
      </c>
      <c r="N984" s="236">
        <f t="shared" si="233"/>
        <v>3.3134000532062129</v>
      </c>
      <c r="O984" s="236">
        <f t="shared" si="237"/>
        <v>3.3356710775349008</v>
      </c>
      <c r="P984" s="236" t="str">
        <f t="shared" si="238"/>
        <v>CLAY</v>
      </c>
      <c r="Q984" s="236">
        <f t="shared" si="234"/>
        <v>17.102271309446362</v>
      </c>
      <c r="R984" s="238">
        <v>35</v>
      </c>
      <c r="S984" s="236">
        <f t="shared" si="239"/>
        <v>1.5075936005325377</v>
      </c>
      <c r="T984" s="236" t="e">
        <f t="shared" si="225"/>
        <v>#N/A</v>
      </c>
    </row>
    <row r="985" spans="1:20" x14ac:dyDescent="0.2">
      <c r="A985" s="53">
        <f t="shared" si="226"/>
        <v>973</v>
      </c>
      <c r="B985" s="239">
        <v>9.6020000000000003</v>
      </c>
      <c r="C985" s="3">
        <f t="shared" si="227"/>
        <v>9.5950000000000006</v>
      </c>
      <c r="D985" s="239">
        <v>0.29020000000000001</v>
      </c>
      <c r="E985" s="239">
        <v>6.7000000000000002E-3</v>
      </c>
      <c r="F985" s="239">
        <v>0.2621</v>
      </c>
      <c r="G985">
        <f t="shared" si="228"/>
        <v>0.34261999999999998</v>
      </c>
      <c r="H985" s="235">
        <f t="shared" si="229"/>
        <v>1.955519234136945</v>
      </c>
      <c r="I985" s="236">
        <f t="shared" si="230"/>
        <v>15.056176461348754</v>
      </c>
      <c r="J985" s="237">
        <f t="shared" si="235"/>
        <v>5.0561764613487536</v>
      </c>
      <c r="K985" s="237">
        <f t="shared" si="231"/>
        <v>144.46401314664129</v>
      </c>
      <c r="L985" s="237">
        <f t="shared" si="236"/>
        <v>48.549406381870732</v>
      </c>
      <c r="M985" s="236">
        <f t="shared" si="232"/>
        <v>4.0815326410943289</v>
      </c>
      <c r="N985" s="236">
        <f t="shared" si="233"/>
        <v>3.3811746525519806</v>
      </c>
      <c r="O985" s="236">
        <f t="shared" si="237"/>
        <v>3.3517352275720165</v>
      </c>
      <c r="P985" s="236" t="str">
        <f t="shared" si="238"/>
        <v>CLAY</v>
      </c>
      <c r="Q985" s="236">
        <f t="shared" si="234"/>
        <v>16.512998904446558</v>
      </c>
      <c r="R985" s="238">
        <v>35</v>
      </c>
      <c r="S985" s="236">
        <f t="shared" si="239"/>
        <v>1.4503375832750032</v>
      </c>
      <c r="T985" s="236" t="e">
        <f t="shared" si="225"/>
        <v>#N/A</v>
      </c>
    </row>
    <row r="986" spans="1:20" x14ac:dyDescent="0.2">
      <c r="A986" s="53">
        <f t="shared" si="226"/>
        <v>974</v>
      </c>
      <c r="B986" s="239">
        <v>9.6129999999999995</v>
      </c>
      <c r="C986" s="3">
        <f t="shared" si="227"/>
        <v>9.6059999999999999</v>
      </c>
      <c r="D986" s="239">
        <v>0.28410000000000002</v>
      </c>
      <c r="E986" s="239">
        <v>6.4999999999999997E-3</v>
      </c>
      <c r="F986" s="239">
        <v>0.25679999999999997</v>
      </c>
      <c r="G986">
        <f t="shared" si="228"/>
        <v>0.33545999999999998</v>
      </c>
      <c r="H986" s="235">
        <f t="shared" si="229"/>
        <v>1.9376378703869312</v>
      </c>
      <c r="I986" s="236">
        <f t="shared" si="230"/>
        <v>15.012385785696281</v>
      </c>
      <c r="J986" s="237">
        <f t="shared" si="235"/>
        <v>5.0123857856962815</v>
      </c>
      <c r="K986" s="237">
        <f t="shared" si="231"/>
        <v>144.20897785739848</v>
      </c>
      <c r="L986" s="237">
        <f t="shared" si="236"/>
        <v>48.184064557898353</v>
      </c>
      <c r="M986" s="236">
        <f t="shared" si="232"/>
        <v>3.9691757824372154</v>
      </c>
      <c r="N986" s="236">
        <f t="shared" si="233"/>
        <v>3.3986746461168922</v>
      </c>
      <c r="O986" s="236">
        <f t="shared" si="237"/>
        <v>3.3632494799577914</v>
      </c>
      <c r="P986" s="236" t="str">
        <f t="shared" si="238"/>
        <v>CLAY</v>
      </c>
      <c r="Q986" s="236">
        <f t="shared" si="234"/>
        <v>15.937585178550124</v>
      </c>
      <c r="R986" s="238">
        <v>35</v>
      </c>
      <c r="S986" s="236">
        <f t="shared" si="239"/>
        <v>1.4006042014224398</v>
      </c>
      <c r="T986" s="236" t="e">
        <f t="shared" si="225"/>
        <v>#N/A</v>
      </c>
    </row>
    <row r="987" spans="1:20" x14ac:dyDescent="0.2">
      <c r="A987" s="53">
        <f t="shared" si="226"/>
        <v>975</v>
      </c>
      <c r="B987" s="239">
        <v>9.6219999999999999</v>
      </c>
      <c r="C987" s="3">
        <f t="shared" si="227"/>
        <v>9.6150000000000002</v>
      </c>
      <c r="D987" s="239">
        <v>0.28050000000000003</v>
      </c>
      <c r="E987" s="239">
        <v>6.7000000000000002E-3</v>
      </c>
      <c r="F987" s="239">
        <v>0.25829999999999997</v>
      </c>
      <c r="G987">
        <f t="shared" si="228"/>
        <v>0.33216000000000001</v>
      </c>
      <c r="H987" s="235">
        <f t="shared" si="229"/>
        <v>2.0171001926782273</v>
      </c>
      <c r="I987" s="236">
        <f t="shared" si="230"/>
        <v>15.044057620323827</v>
      </c>
      <c r="J987" s="237">
        <f t="shared" si="235"/>
        <v>5.0440576203238265</v>
      </c>
      <c r="K987" s="237">
        <f t="shared" si="231"/>
        <v>144.6486140194136</v>
      </c>
      <c r="L987" s="237">
        <f t="shared" si="236"/>
        <v>48.533922422755857</v>
      </c>
      <c r="M987" s="236">
        <f t="shared" si="232"/>
        <v>3.8635118824162644</v>
      </c>
      <c r="N987" s="236">
        <f t="shared" si="233"/>
        <v>3.5731163550215932</v>
      </c>
      <c r="O987" s="236">
        <f t="shared" si="237"/>
        <v>3.3845956274031468</v>
      </c>
      <c r="P987" s="236" t="str">
        <f t="shared" si="238"/>
        <v>CLAY</v>
      </c>
      <c r="Q987" s="236">
        <f t="shared" si="234"/>
        <v>15.625948831715535</v>
      </c>
      <c r="R987" s="238">
        <v>35</v>
      </c>
      <c r="S987" s="236">
        <f t="shared" si="239"/>
        <v>1.3541532737844131</v>
      </c>
      <c r="T987" s="236" t="e">
        <f t="shared" si="225"/>
        <v>#N/A</v>
      </c>
    </row>
    <row r="988" spans="1:20" x14ac:dyDescent="0.2">
      <c r="A988" s="53">
        <f t="shared" si="226"/>
        <v>976</v>
      </c>
      <c r="B988" s="239">
        <v>9.6329999999999991</v>
      </c>
      <c r="C988" s="3">
        <f t="shared" si="227"/>
        <v>9.6259999999999994</v>
      </c>
      <c r="D988" s="239">
        <v>0.27700000000000002</v>
      </c>
      <c r="E988" s="239">
        <v>6.7999999999999996E-3</v>
      </c>
      <c r="F988" s="239">
        <v>0.26150000000000001</v>
      </c>
      <c r="G988">
        <f t="shared" si="228"/>
        <v>0.32930000000000004</v>
      </c>
      <c r="H988" s="235">
        <f t="shared" si="229"/>
        <v>2.0649863346492556</v>
      </c>
      <c r="I988" s="236">
        <f t="shared" si="230"/>
        <v>15.058049676330041</v>
      </c>
      <c r="J988" s="237">
        <f t="shared" si="235"/>
        <v>5.0580496763300413</v>
      </c>
      <c r="K988" s="237">
        <f t="shared" si="231"/>
        <v>144.94878618435297</v>
      </c>
      <c r="L988" s="237">
        <f t="shared" si="236"/>
        <v>48.724192532087287</v>
      </c>
      <c r="M988" s="236">
        <f t="shared" si="232"/>
        <v>3.783566319631519</v>
      </c>
      <c r="N988" s="236">
        <f t="shared" si="233"/>
        <v>3.6886114602966833</v>
      </c>
      <c r="O988" s="236">
        <f t="shared" si="237"/>
        <v>3.3995755117544348</v>
      </c>
      <c r="P988" s="236" t="str">
        <f t="shared" si="238"/>
        <v>CLAY</v>
      </c>
      <c r="Q988" s="236">
        <f t="shared" si="234"/>
        <v>15.36260115130392</v>
      </c>
      <c r="R988" s="238">
        <v>35</v>
      </c>
      <c r="S988" s="236">
        <f t="shared" si="239"/>
        <v>1.3192183913231839</v>
      </c>
      <c r="T988" s="236" t="e">
        <f t="shared" si="225"/>
        <v>#N/A</v>
      </c>
    </row>
    <row r="989" spans="1:20" x14ac:dyDescent="0.2">
      <c r="A989" s="53">
        <f t="shared" si="226"/>
        <v>977</v>
      </c>
      <c r="B989" s="239">
        <v>9.6430000000000007</v>
      </c>
      <c r="C989" s="3">
        <f t="shared" si="227"/>
        <v>9.636000000000001</v>
      </c>
      <c r="D989" s="239">
        <v>0.27279999999999999</v>
      </c>
      <c r="E989" s="239">
        <v>6.7999999999999996E-3</v>
      </c>
      <c r="F989" s="239">
        <v>0.2631</v>
      </c>
      <c r="G989">
        <f t="shared" si="228"/>
        <v>0.32541999999999999</v>
      </c>
      <c r="H989" s="235">
        <f t="shared" si="229"/>
        <v>2.089607276750046</v>
      </c>
      <c r="I989" s="236">
        <f t="shared" si="230"/>
        <v>15.053416935357085</v>
      </c>
      <c r="J989" s="237">
        <f t="shared" si="235"/>
        <v>5.0534169353570846</v>
      </c>
      <c r="K989" s="237">
        <f t="shared" si="231"/>
        <v>145.05472558910088</v>
      </c>
      <c r="L989" s="237">
        <f t="shared" si="236"/>
        <v>48.730099507648369</v>
      </c>
      <c r="M989" s="236">
        <f t="shared" si="232"/>
        <v>3.7013114324256629</v>
      </c>
      <c r="N989" s="236">
        <f t="shared" si="233"/>
        <v>3.7701270503481634</v>
      </c>
      <c r="O989" s="236">
        <f t="shared" si="237"/>
        <v>3.4126873407404026</v>
      </c>
      <c r="P989" s="236" t="str">
        <f t="shared" si="238"/>
        <v>CLAY</v>
      </c>
      <c r="Q989" s="236">
        <f t="shared" si="234"/>
        <v>15.030439534241589</v>
      </c>
      <c r="R989" s="238">
        <v>35</v>
      </c>
      <c r="S989" s="236">
        <f t="shared" si="239"/>
        <v>1.2834665204798648</v>
      </c>
      <c r="T989" s="236" t="e">
        <f t="shared" si="225"/>
        <v>#N/A</v>
      </c>
    </row>
    <row r="990" spans="1:20" x14ac:dyDescent="0.2">
      <c r="A990" s="53">
        <f t="shared" si="226"/>
        <v>978</v>
      </c>
      <c r="B990" s="239">
        <v>9.6539999999999999</v>
      </c>
      <c r="C990" s="3">
        <f t="shared" si="227"/>
        <v>9.6470000000000002</v>
      </c>
      <c r="D990" s="239">
        <v>0.27360000000000001</v>
      </c>
      <c r="E990" s="239">
        <v>6.8999999999999999E-3</v>
      </c>
      <c r="F990" s="239">
        <v>0.26419999999999999</v>
      </c>
      <c r="G990">
        <f t="shared" si="228"/>
        <v>0.32644000000000001</v>
      </c>
      <c r="H990" s="235">
        <f t="shared" si="229"/>
        <v>2.1137115549565002</v>
      </c>
      <c r="I990" s="236">
        <f t="shared" si="230"/>
        <v>15.071758631638581</v>
      </c>
      <c r="J990" s="237">
        <f t="shared" si="235"/>
        <v>5.0717586316385805</v>
      </c>
      <c r="K990" s="237">
        <f t="shared" si="231"/>
        <v>145.3972555194174</v>
      </c>
      <c r="L990" s="237">
        <f t="shared" si="236"/>
        <v>48.962757829838857</v>
      </c>
      <c r="M990" s="236">
        <f t="shared" si="232"/>
        <v>3.6975601968697038</v>
      </c>
      <c r="N990" s="236">
        <f t="shared" si="233"/>
        <v>3.8112546403316627</v>
      </c>
      <c r="O990" s="236">
        <f t="shared" si="237"/>
        <v>3.4155441289485649</v>
      </c>
      <c r="P990" s="236" t="str">
        <f t="shared" si="238"/>
        <v>CLAY</v>
      </c>
      <c r="Q990" s="236">
        <f t="shared" si="234"/>
        <v>15.086895373381884</v>
      </c>
      <c r="R990" s="238">
        <v>35</v>
      </c>
      <c r="S990" s="236">
        <f t="shared" si="239"/>
        <v>1.2818407537620737</v>
      </c>
      <c r="T990" s="236" t="e">
        <f t="shared" si="225"/>
        <v>#N/A</v>
      </c>
    </row>
    <row r="991" spans="1:20" x14ac:dyDescent="0.2">
      <c r="A991" s="53">
        <f t="shared" si="226"/>
        <v>979</v>
      </c>
      <c r="B991" s="239">
        <v>9.6630000000000003</v>
      </c>
      <c r="C991" s="3">
        <f t="shared" si="227"/>
        <v>9.6560000000000006</v>
      </c>
      <c r="D991" s="239">
        <v>0.27610000000000001</v>
      </c>
      <c r="E991" s="239">
        <v>7.0000000000000001E-3</v>
      </c>
      <c r="F991" s="239">
        <v>0.26879999999999998</v>
      </c>
      <c r="G991">
        <f t="shared" si="228"/>
        <v>0.32985999999999999</v>
      </c>
      <c r="H991" s="235">
        <f t="shared" si="229"/>
        <v>2.1221124113260172</v>
      </c>
      <c r="I991" s="236">
        <f t="shared" si="230"/>
        <v>15.09270445159741</v>
      </c>
      <c r="J991" s="237">
        <f t="shared" si="235"/>
        <v>5.0927044515974096</v>
      </c>
      <c r="K991" s="237">
        <f t="shared" si="231"/>
        <v>145.73515418462461</v>
      </c>
      <c r="L991" s="237">
        <f t="shared" si="236"/>
        <v>49.210803115785772</v>
      </c>
      <c r="M991" s="236">
        <f t="shared" si="232"/>
        <v>3.7415533614063716</v>
      </c>
      <c r="N991" s="236">
        <f t="shared" si="233"/>
        <v>3.8017682887941149</v>
      </c>
      <c r="O991" s="236">
        <f t="shared" si="237"/>
        <v>3.4106093825649113</v>
      </c>
      <c r="P991" s="236" t="str">
        <f t="shared" si="238"/>
        <v>CLAY</v>
      </c>
      <c r="Q991" s="236">
        <f t="shared" si="234"/>
        <v>15.343737151281283</v>
      </c>
      <c r="R991" s="238">
        <v>35</v>
      </c>
      <c r="S991" s="236">
        <f t="shared" si="239"/>
        <v>1.3009330229135534</v>
      </c>
      <c r="T991" s="236" t="e">
        <f t="shared" si="225"/>
        <v>#N/A</v>
      </c>
    </row>
    <row r="992" spans="1:20" x14ac:dyDescent="0.2">
      <c r="A992" s="53">
        <f t="shared" si="226"/>
        <v>980</v>
      </c>
      <c r="B992" s="239">
        <v>9.6739999999999995</v>
      </c>
      <c r="C992" s="3">
        <f t="shared" si="227"/>
        <v>9.6669999999999998</v>
      </c>
      <c r="D992" s="239">
        <v>0.27689999999999998</v>
      </c>
      <c r="E992" s="239">
        <v>7.1000000000000004E-3</v>
      </c>
      <c r="F992" s="239">
        <v>0.27229999999999999</v>
      </c>
      <c r="G992">
        <f t="shared" si="228"/>
        <v>0.33135999999999999</v>
      </c>
      <c r="H992" s="235">
        <f t="shared" si="229"/>
        <v>2.1426846933848385</v>
      </c>
      <c r="I992" s="236">
        <f t="shared" si="230"/>
        <v>15.11111066931843</v>
      </c>
      <c r="J992" s="237">
        <f t="shared" si="235"/>
        <v>5.1111106693184301</v>
      </c>
      <c r="K992" s="237">
        <f t="shared" si="231"/>
        <v>146.07910684030125</v>
      </c>
      <c r="L992" s="237">
        <f t="shared" si="236"/>
        <v>49.444884614986492</v>
      </c>
      <c r="M992" s="236">
        <f t="shared" si="232"/>
        <v>3.7472206599819038</v>
      </c>
      <c r="N992" s="236">
        <f t="shared" si="233"/>
        <v>3.8320195239345662</v>
      </c>
      <c r="O992" s="236">
        <f t="shared" si="237"/>
        <v>3.4118692122671654</v>
      </c>
      <c r="P992" s="236" t="str">
        <f t="shared" si="238"/>
        <v>CLAY</v>
      </c>
      <c r="Q992" s="236">
        <f t="shared" si="234"/>
        <v>15.440074429974898</v>
      </c>
      <c r="R992" s="238">
        <v>35</v>
      </c>
      <c r="S992" s="236">
        <f t="shared" si="239"/>
        <v>1.3033966291226833</v>
      </c>
      <c r="T992" s="236" t="e">
        <f t="shared" si="225"/>
        <v>#N/A</v>
      </c>
    </row>
    <row r="993" spans="1:20" x14ac:dyDescent="0.2">
      <c r="A993" s="53">
        <f t="shared" si="226"/>
        <v>981</v>
      </c>
      <c r="B993" s="239">
        <v>9.6829999999999998</v>
      </c>
      <c r="C993" s="3">
        <f t="shared" si="227"/>
        <v>9.6760000000000002</v>
      </c>
      <c r="D993" s="239">
        <v>0.27429999999999999</v>
      </c>
      <c r="E993" s="239">
        <v>7.3000000000000001E-3</v>
      </c>
      <c r="F993" s="239">
        <v>0.27539999999999998</v>
      </c>
      <c r="G993">
        <f t="shared" si="228"/>
        <v>0.32937999999999995</v>
      </c>
      <c r="H993" s="235">
        <f t="shared" si="229"/>
        <v>2.2162851417815292</v>
      </c>
      <c r="I993" s="236">
        <f t="shared" si="230"/>
        <v>15.141342279398689</v>
      </c>
      <c r="J993" s="237">
        <f t="shared" si="235"/>
        <v>5.1413422793986889</v>
      </c>
      <c r="K993" s="237">
        <f t="shared" si="231"/>
        <v>146.50762789546172</v>
      </c>
      <c r="L993" s="237">
        <f t="shared" si="236"/>
        <v>49.783617291417507</v>
      </c>
      <c r="M993" s="236">
        <f t="shared" si="232"/>
        <v>3.6733444063347456</v>
      </c>
      <c r="N993" s="236">
        <f t="shared" si="233"/>
        <v>3.9918550385659048</v>
      </c>
      <c r="O993" s="236">
        <f t="shared" si="237"/>
        <v>3.4286067631699435</v>
      </c>
      <c r="P993" s="236" t="str">
        <f t="shared" si="238"/>
        <v>CLAY</v>
      </c>
      <c r="Q993" s="236">
        <f t="shared" si="234"/>
        <v>15.239364342044851</v>
      </c>
      <c r="R993" s="238">
        <v>35</v>
      </c>
      <c r="S993" s="236">
        <f t="shared" si="239"/>
        <v>1.271355686393481</v>
      </c>
      <c r="T993" s="236" t="e">
        <f t="shared" si="225"/>
        <v>#N/A</v>
      </c>
    </row>
    <row r="994" spans="1:20" x14ac:dyDescent="0.2">
      <c r="A994" s="53">
        <f t="shared" si="226"/>
        <v>982</v>
      </c>
      <c r="B994" s="239">
        <v>9.6940000000000008</v>
      </c>
      <c r="C994" s="3">
        <f t="shared" si="227"/>
        <v>9.6870000000000012</v>
      </c>
      <c r="D994" s="239">
        <v>0.2752</v>
      </c>
      <c r="E994" s="239">
        <v>7.3000000000000001E-3</v>
      </c>
      <c r="F994" s="239">
        <v>0.27829999999999999</v>
      </c>
      <c r="G994">
        <f t="shared" si="228"/>
        <v>0.33085999999999999</v>
      </c>
      <c r="H994" s="235">
        <f t="shared" si="229"/>
        <v>2.2063712748594573</v>
      </c>
      <c r="I994" s="236">
        <f t="shared" si="230"/>
        <v>15.143094615575885</v>
      </c>
      <c r="J994" s="237">
        <f t="shared" si="235"/>
        <v>5.143094615575885</v>
      </c>
      <c r="K994" s="237">
        <f t="shared" si="231"/>
        <v>146.69115754108361</v>
      </c>
      <c r="L994" s="237">
        <f t="shared" si="236"/>
        <v>49.857159203392634</v>
      </c>
      <c r="M994" s="236">
        <f t="shared" si="232"/>
        <v>3.693929726473149</v>
      </c>
      <c r="N994" s="236">
        <f t="shared" si="233"/>
        <v>3.96375407616978</v>
      </c>
      <c r="O994" s="236">
        <f t="shared" si="237"/>
        <v>3.4249210555199405</v>
      </c>
      <c r="P994" s="236" t="str">
        <f t="shared" si="238"/>
        <v>CLAY</v>
      </c>
      <c r="Q994" s="236">
        <f t="shared" si="234"/>
        <v>15.347403538243034</v>
      </c>
      <c r="R994" s="238">
        <v>35</v>
      </c>
      <c r="S994" s="236">
        <f t="shared" si="239"/>
        <v>1.2802677186504838</v>
      </c>
      <c r="T994" s="236" t="e">
        <f t="shared" si="225"/>
        <v>#N/A</v>
      </c>
    </row>
    <row r="995" spans="1:20" x14ac:dyDescent="0.2">
      <c r="A995" s="53">
        <f t="shared" si="226"/>
        <v>983</v>
      </c>
      <c r="B995" s="239">
        <v>9.7029999999999994</v>
      </c>
      <c r="C995" s="3">
        <f t="shared" si="227"/>
        <v>9.6959999999999997</v>
      </c>
      <c r="D995" s="239">
        <v>0.27939999999999998</v>
      </c>
      <c r="E995" s="239">
        <v>7.1999999999999998E-3</v>
      </c>
      <c r="F995" s="239">
        <v>0.2767</v>
      </c>
      <c r="G995">
        <f t="shared" si="228"/>
        <v>0.33473999999999998</v>
      </c>
      <c r="H995" s="235">
        <f t="shared" si="229"/>
        <v>2.1509231044990145</v>
      </c>
      <c r="I995" s="236">
        <f t="shared" si="230"/>
        <v>15.131477645361521</v>
      </c>
      <c r="J995" s="237">
        <f t="shared" si="235"/>
        <v>5.131477645361521</v>
      </c>
      <c r="K995" s="237">
        <f t="shared" si="231"/>
        <v>146.71480724942529</v>
      </c>
      <c r="L995" s="237">
        <f t="shared" si="236"/>
        <v>49.790727592942837</v>
      </c>
      <c r="M995" s="236">
        <f t="shared" si="232"/>
        <v>3.7763094021792272</v>
      </c>
      <c r="N995" s="236">
        <f t="shared" si="233"/>
        <v>3.8292740960256202</v>
      </c>
      <c r="O995" s="236">
        <f t="shared" si="237"/>
        <v>3.4088542050734629</v>
      </c>
      <c r="P995" s="236" t="str">
        <f t="shared" si="238"/>
        <v>CLAY</v>
      </c>
      <c r="Q995" s="236">
        <f t="shared" si="234"/>
        <v>15.668766062547894</v>
      </c>
      <c r="R995" s="238">
        <v>35</v>
      </c>
      <c r="S995" s="236">
        <f t="shared" si="239"/>
        <v>1.3160563076537217</v>
      </c>
      <c r="T995" s="236" t="e">
        <f t="shared" si="225"/>
        <v>#N/A</v>
      </c>
    </row>
    <row r="996" spans="1:20" x14ac:dyDescent="0.2">
      <c r="A996" s="53">
        <f t="shared" si="226"/>
        <v>984</v>
      </c>
      <c r="B996" s="239">
        <v>9.7129999999999992</v>
      </c>
      <c r="C996" s="3">
        <f t="shared" si="227"/>
        <v>9.7059999999999995</v>
      </c>
      <c r="D996" s="239">
        <v>0.28199999999999997</v>
      </c>
      <c r="E996" s="239">
        <v>7.0000000000000001E-3</v>
      </c>
      <c r="F996" s="239">
        <v>0.27750000000000002</v>
      </c>
      <c r="G996">
        <f t="shared" si="228"/>
        <v>0.33749999999999997</v>
      </c>
      <c r="H996" s="235">
        <f t="shared" si="229"/>
        <v>2.0740740740740744</v>
      </c>
      <c r="I996" s="236">
        <f t="shared" si="230"/>
        <v>15.10165416187132</v>
      </c>
      <c r="J996" s="237">
        <f t="shared" si="235"/>
        <v>5.1016541618713198</v>
      </c>
      <c r="K996" s="237">
        <f t="shared" si="231"/>
        <v>146.57665529512303</v>
      </c>
      <c r="L996" s="237">
        <f t="shared" si="236"/>
        <v>49.552366874256123</v>
      </c>
      <c r="M996" s="236">
        <f t="shared" si="232"/>
        <v>3.8529611550011968</v>
      </c>
      <c r="N996" s="236">
        <f t="shared" si="233"/>
        <v>3.6663929237256832</v>
      </c>
      <c r="O996" s="236">
        <f t="shared" si="237"/>
        <v>3.3914818949638557</v>
      </c>
      <c r="P996" s="236" t="str">
        <f t="shared" si="238"/>
        <v>CLAY</v>
      </c>
      <c r="Q996" s="236">
        <f t="shared" si="234"/>
        <v>15.910278725406409</v>
      </c>
      <c r="R996" s="238">
        <v>35</v>
      </c>
      <c r="S996" s="236">
        <f t="shared" si="239"/>
        <v>1.349532341428952</v>
      </c>
      <c r="T996" s="236" t="e">
        <f t="shared" si="225"/>
        <v>#N/A</v>
      </c>
    </row>
    <row r="997" spans="1:20" x14ac:dyDescent="0.2">
      <c r="A997" s="53">
        <f t="shared" si="226"/>
        <v>985</v>
      </c>
      <c r="B997" s="239">
        <v>9.7230000000000008</v>
      </c>
      <c r="C997" s="3">
        <f t="shared" si="227"/>
        <v>9.7160000000000011</v>
      </c>
      <c r="D997" s="239">
        <v>0.28539999999999999</v>
      </c>
      <c r="E997" s="239">
        <v>7.0000000000000001E-3</v>
      </c>
      <c r="F997" s="239">
        <v>0.27879999999999999</v>
      </c>
      <c r="G997">
        <f t="shared" si="228"/>
        <v>0.34115999999999996</v>
      </c>
      <c r="H997" s="235">
        <f t="shared" si="229"/>
        <v>2.0518231914644156</v>
      </c>
      <c r="I997" s="236">
        <f t="shared" si="230"/>
        <v>15.105870057585239</v>
      </c>
      <c r="J997" s="237">
        <f t="shared" si="235"/>
        <v>5.1058700575852392</v>
      </c>
      <c r="K997" s="237">
        <f t="shared" si="231"/>
        <v>146.76863347949819</v>
      </c>
      <c r="L997" s="237">
        <f t="shared" si="236"/>
        <v>49.644374569901281</v>
      </c>
      <c r="M997" s="236">
        <f t="shared" si="232"/>
        <v>3.9156776211731885</v>
      </c>
      <c r="N997" s="236">
        <f t="shared" si="233"/>
        <v>3.6009829681719605</v>
      </c>
      <c r="O997" s="236">
        <f t="shared" si="237"/>
        <v>3.3814067746905319</v>
      </c>
      <c r="P997" s="236" t="str">
        <f t="shared" si="238"/>
        <v>CLAY</v>
      </c>
      <c r="Q997" s="236">
        <f t="shared" si="234"/>
        <v>16.199280543375149</v>
      </c>
      <c r="R997" s="238">
        <v>35</v>
      </c>
      <c r="S997" s="236">
        <f t="shared" si="239"/>
        <v>1.3770467036165648</v>
      </c>
      <c r="T997" s="236" t="e">
        <f t="shared" si="225"/>
        <v>#N/A</v>
      </c>
    </row>
    <row r="998" spans="1:20" x14ac:dyDescent="0.2">
      <c r="A998" s="53">
        <f t="shared" si="226"/>
        <v>986</v>
      </c>
      <c r="B998" s="239">
        <v>9.7330000000000005</v>
      </c>
      <c r="C998" s="3">
        <f t="shared" si="227"/>
        <v>9.7260000000000009</v>
      </c>
      <c r="D998" s="239">
        <v>0.28889999999999999</v>
      </c>
      <c r="E998" s="239">
        <v>6.7999999999999996E-3</v>
      </c>
      <c r="F998" s="239">
        <v>0.27660000000000001</v>
      </c>
      <c r="G998">
        <f t="shared" si="228"/>
        <v>0.34421999999999997</v>
      </c>
      <c r="H998" s="235">
        <f t="shared" si="229"/>
        <v>1.975480797164604</v>
      </c>
      <c r="I998" s="236">
        <f t="shared" si="230"/>
        <v>15.075369608928801</v>
      </c>
      <c r="J998" s="237">
        <f t="shared" si="235"/>
        <v>5.075369608928801</v>
      </c>
      <c r="K998" s="237">
        <f t="shared" si="231"/>
        <v>146.62304481644153</v>
      </c>
      <c r="L998" s="237">
        <f t="shared" si="236"/>
        <v>49.398572403704023</v>
      </c>
      <c r="M998" s="236">
        <f t="shared" si="232"/>
        <v>4.0000539604408107</v>
      </c>
      <c r="N998" s="236">
        <f t="shared" si="233"/>
        <v>3.4413485742647776</v>
      </c>
      <c r="O998" s="236">
        <f t="shared" si="237"/>
        <v>3.3632041106288511</v>
      </c>
      <c r="P998" s="236" t="str">
        <f t="shared" si="238"/>
        <v>CLAY</v>
      </c>
      <c r="Q998" s="236">
        <f t="shared" si="234"/>
        <v>16.466412931963202</v>
      </c>
      <c r="R998" s="238">
        <v>35</v>
      </c>
      <c r="S998" s="236">
        <f t="shared" si="239"/>
        <v>1.414237409784316</v>
      </c>
      <c r="T998" s="236" t="e">
        <f t="shared" si="225"/>
        <v>#N/A</v>
      </c>
    </row>
    <row r="999" spans="1:20" x14ac:dyDescent="0.2">
      <c r="A999" s="53">
        <f t="shared" si="226"/>
        <v>987</v>
      </c>
      <c r="B999" s="239">
        <v>9.7430000000000003</v>
      </c>
      <c r="C999" s="3">
        <f t="shared" si="227"/>
        <v>9.7360000000000007</v>
      </c>
      <c r="D999" s="239">
        <v>0.29070000000000001</v>
      </c>
      <c r="E999" s="239">
        <v>6.8999999999999999E-3</v>
      </c>
      <c r="F999" s="239">
        <v>0.27639999999999998</v>
      </c>
      <c r="G999">
        <f t="shared" si="228"/>
        <v>0.34598000000000001</v>
      </c>
      <c r="H999" s="235">
        <f t="shared" si="229"/>
        <v>1.9943349326550668</v>
      </c>
      <c r="I999" s="236">
        <f t="shared" si="230"/>
        <v>15.094481494279012</v>
      </c>
      <c r="J999" s="237">
        <f t="shared" si="235"/>
        <v>5.0944814942790124</v>
      </c>
      <c r="K999" s="237">
        <f t="shared" si="231"/>
        <v>146.95987182830046</v>
      </c>
      <c r="L999" s="237">
        <f t="shared" si="236"/>
        <v>49.63553319876042</v>
      </c>
      <c r="M999" s="236">
        <f t="shared" si="232"/>
        <v>4.0096301046015519</v>
      </c>
      <c r="N999" s="236">
        <f t="shared" si="233"/>
        <v>3.4669860095995917</v>
      </c>
      <c r="O999" s="236">
        <f t="shared" si="237"/>
        <v>3.3640039020754258</v>
      </c>
      <c r="P999" s="236" t="str">
        <f t="shared" si="238"/>
        <v>CLAY</v>
      </c>
      <c r="Q999" s="236">
        <f t="shared" si="234"/>
        <v>16.585010680974964</v>
      </c>
      <c r="R999" s="238">
        <v>35</v>
      </c>
      <c r="S999" s="236">
        <f t="shared" si="239"/>
        <v>1.4184707875574927</v>
      </c>
      <c r="T999" s="236" t="e">
        <f t="shared" si="225"/>
        <v>#N/A</v>
      </c>
    </row>
    <row r="1000" spans="1:20" x14ac:dyDescent="0.2">
      <c r="A1000" s="53">
        <f t="shared" si="226"/>
        <v>988</v>
      </c>
      <c r="B1000" s="239">
        <v>9.7539999999999996</v>
      </c>
      <c r="C1000" s="3">
        <f t="shared" si="227"/>
        <v>9.7469999999999999</v>
      </c>
      <c r="D1000" s="239">
        <v>0.28970000000000001</v>
      </c>
      <c r="E1000" s="239">
        <v>6.8999999999999999E-3</v>
      </c>
      <c r="F1000" s="239">
        <v>0.27829999999999999</v>
      </c>
      <c r="G1000">
        <f t="shared" si="228"/>
        <v>0.34536</v>
      </c>
      <c r="H1000" s="235">
        <f t="shared" si="229"/>
        <v>1.9979152189020153</v>
      </c>
      <c r="I1000" s="236">
        <f t="shared" si="230"/>
        <v>15.093780431456466</v>
      </c>
      <c r="J1000" s="237">
        <f t="shared" si="235"/>
        <v>5.0937804314564659</v>
      </c>
      <c r="K1000" s="237">
        <f t="shared" si="231"/>
        <v>147.11907786540618</v>
      </c>
      <c r="L1000" s="237">
        <f t="shared" si="236"/>
        <v>49.684734328426366</v>
      </c>
      <c r="M1000" s="236">
        <f t="shared" si="232"/>
        <v>3.9899764950775496</v>
      </c>
      <c r="N1000" s="236">
        <f t="shared" si="233"/>
        <v>3.4806133495057638</v>
      </c>
      <c r="O1000" s="236">
        <f t="shared" si="237"/>
        <v>3.3667138723501622</v>
      </c>
      <c r="P1000" s="236" t="str">
        <f t="shared" si="238"/>
        <v>CLAY</v>
      </c>
      <c r="Q1000" s="236">
        <f t="shared" si="234"/>
        <v>16.520076844549486</v>
      </c>
      <c r="R1000" s="238">
        <v>35</v>
      </c>
      <c r="S1000" s="236">
        <f t="shared" si="239"/>
        <v>1.4097851456225579</v>
      </c>
      <c r="T1000" s="236" t="e">
        <f t="shared" si="225"/>
        <v>#N/A</v>
      </c>
    </row>
    <row r="1001" spans="1:20" x14ac:dyDescent="0.2">
      <c r="A1001" s="53">
        <f t="shared" si="226"/>
        <v>989</v>
      </c>
      <c r="B1001" s="239">
        <v>9.7629999999999999</v>
      </c>
      <c r="C1001" s="3">
        <f t="shared" si="227"/>
        <v>9.7560000000000002</v>
      </c>
      <c r="D1001" s="239">
        <v>0.2898</v>
      </c>
      <c r="E1001" s="239">
        <v>7.0000000000000001E-3</v>
      </c>
      <c r="F1001" s="239">
        <v>0.28060000000000002</v>
      </c>
      <c r="G1001">
        <f t="shared" si="228"/>
        <v>0.34592000000000001</v>
      </c>
      <c r="H1001" s="235">
        <f t="shared" si="229"/>
        <v>2.0235892691951896</v>
      </c>
      <c r="I1001" s="236">
        <f t="shared" si="230"/>
        <v>15.111285867466876</v>
      </c>
      <c r="J1001" s="237">
        <f t="shared" si="235"/>
        <v>5.1112858674668757</v>
      </c>
      <c r="K1001" s="237">
        <f t="shared" si="231"/>
        <v>147.42570492300683</v>
      </c>
      <c r="L1001" s="237">
        <f t="shared" si="236"/>
        <v>49.901483924079109</v>
      </c>
      <c r="M1001" s="236">
        <f t="shared" si="232"/>
        <v>3.9777232953429897</v>
      </c>
      <c r="N1001" s="236">
        <f t="shared" si="233"/>
        <v>3.5265497163456496</v>
      </c>
      <c r="O1001" s="236">
        <f t="shared" si="237"/>
        <v>3.3708342838956478</v>
      </c>
      <c r="P1001" s="236" t="str">
        <f t="shared" si="238"/>
        <v>CLAY</v>
      </c>
      <c r="Q1001" s="236">
        <f t="shared" si="234"/>
        <v>16.541191256416099</v>
      </c>
      <c r="R1001" s="238">
        <v>35</v>
      </c>
      <c r="S1001" s="236">
        <f t="shared" si="239"/>
        <v>1.4043754199314895</v>
      </c>
      <c r="T1001" s="236" t="e">
        <f t="shared" si="225"/>
        <v>#N/A</v>
      </c>
    </row>
    <row r="1002" spans="1:20" x14ac:dyDescent="0.2">
      <c r="A1002" s="53">
        <f t="shared" si="226"/>
        <v>990</v>
      </c>
      <c r="B1002" s="239">
        <v>9.7729999999999997</v>
      </c>
      <c r="C1002" s="3">
        <f t="shared" si="227"/>
        <v>9.766</v>
      </c>
      <c r="D1002" s="239">
        <v>0.29160000000000003</v>
      </c>
      <c r="E1002" s="239">
        <v>7.1000000000000004E-3</v>
      </c>
      <c r="F1002" s="239">
        <v>0.28050000000000003</v>
      </c>
      <c r="G1002">
        <f t="shared" si="228"/>
        <v>0.34770000000000001</v>
      </c>
      <c r="H1002" s="235">
        <f t="shared" si="229"/>
        <v>2.0419902214552774</v>
      </c>
      <c r="I1002" s="236">
        <f t="shared" si="230"/>
        <v>15.129924817538923</v>
      </c>
      <c r="J1002" s="237">
        <f t="shared" si="235"/>
        <v>5.1299248175389227</v>
      </c>
      <c r="K1002" s="237">
        <f t="shared" si="231"/>
        <v>147.75884576808511</v>
      </c>
      <c r="L1002" s="237">
        <f t="shared" si="236"/>
        <v>50.134755241807888</v>
      </c>
      <c r="M1002" s="236">
        <f t="shared" si="232"/>
        <v>3.9880748049445325</v>
      </c>
      <c r="N1002" s="236">
        <f t="shared" si="233"/>
        <v>3.5510448197996292</v>
      </c>
      <c r="O1002" s="236">
        <f t="shared" si="237"/>
        <v>3.3714507523959911</v>
      </c>
      <c r="P1002" s="236" t="str">
        <f t="shared" si="238"/>
        <v>CLAY</v>
      </c>
      <c r="Q1002" s="236">
        <f t="shared" si="234"/>
        <v>16.661762852659574</v>
      </c>
      <c r="R1002" s="238">
        <v>35</v>
      </c>
      <c r="S1002" s="236">
        <f t="shared" si="239"/>
        <v>1.4089452864276901</v>
      </c>
      <c r="T1002" s="236" t="e">
        <f t="shared" si="225"/>
        <v>#N/A</v>
      </c>
    </row>
    <row r="1003" spans="1:20" x14ac:dyDescent="0.2">
      <c r="A1003" s="53">
        <f t="shared" si="226"/>
        <v>991</v>
      </c>
      <c r="B1003" s="239">
        <v>9.7829999999999995</v>
      </c>
      <c r="C1003" s="3">
        <f t="shared" si="227"/>
        <v>9.7759999999999998</v>
      </c>
      <c r="D1003" s="239">
        <v>0.29120000000000001</v>
      </c>
      <c r="E1003" s="239">
        <v>7.1999999999999998E-3</v>
      </c>
      <c r="F1003" s="239">
        <v>0.28160000000000002</v>
      </c>
      <c r="G1003">
        <f t="shared" si="228"/>
        <v>0.34752</v>
      </c>
      <c r="H1003" s="235">
        <f t="shared" si="229"/>
        <v>2.0718232044198892</v>
      </c>
      <c r="I1003" s="236">
        <f t="shared" si="230"/>
        <v>15.146122617962373</v>
      </c>
      <c r="J1003" s="237">
        <f t="shared" si="235"/>
        <v>5.1461226179623729</v>
      </c>
      <c r="K1003" s="237">
        <f t="shared" si="231"/>
        <v>148.06849471320015</v>
      </c>
      <c r="L1003" s="237">
        <f t="shared" si="236"/>
        <v>50.344517571525891</v>
      </c>
      <c r="M1003" s="236">
        <f t="shared" si="232"/>
        <v>3.9617323773821727</v>
      </c>
      <c r="N1003" s="236">
        <f t="shared" si="233"/>
        <v>3.6099000554780538</v>
      </c>
      <c r="O1003" s="236">
        <f t="shared" si="237"/>
        <v>3.3776519813675501</v>
      </c>
      <c r="P1003" s="236" t="str">
        <f t="shared" si="238"/>
        <v>CLAY</v>
      </c>
      <c r="Q1003" s="236">
        <f t="shared" si="234"/>
        <v>16.620958773899986</v>
      </c>
      <c r="R1003" s="238">
        <v>35</v>
      </c>
      <c r="S1003" s="236">
        <f t="shared" si="239"/>
        <v>1.3973217757999217</v>
      </c>
      <c r="T1003" s="236" t="e">
        <f t="shared" si="225"/>
        <v>#N/A</v>
      </c>
    </row>
    <row r="1004" spans="1:20" x14ac:dyDescent="0.2">
      <c r="A1004" s="53">
        <f t="shared" si="226"/>
        <v>992</v>
      </c>
      <c r="B1004" s="239">
        <v>9.7929999999999993</v>
      </c>
      <c r="C1004" s="3">
        <f t="shared" si="227"/>
        <v>9.7859999999999996</v>
      </c>
      <c r="D1004" s="239">
        <v>0.28799999999999998</v>
      </c>
      <c r="E1004" s="239">
        <v>7.1999999999999998E-3</v>
      </c>
      <c r="F1004" s="239">
        <v>0.28389999999999999</v>
      </c>
      <c r="G1004">
        <f t="shared" si="228"/>
        <v>0.34477999999999998</v>
      </c>
      <c r="H1004" s="235">
        <f t="shared" si="229"/>
        <v>2.0882881837693601</v>
      </c>
      <c r="I1004" s="236">
        <f t="shared" si="230"/>
        <v>15.143028653541039</v>
      </c>
      <c r="J1004" s="237">
        <f t="shared" si="235"/>
        <v>5.1430286535410392</v>
      </c>
      <c r="K1004" s="237">
        <f t="shared" si="231"/>
        <v>148.18967840355259</v>
      </c>
      <c r="L1004" s="237">
        <f t="shared" si="236"/>
        <v>50.365679604127394</v>
      </c>
      <c r="M1004" s="236">
        <f t="shared" si="232"/>
        <v>3.9032595835426211</v>
      </c>
      <c r="N1004" s="236">
        <f t="shared" si="233"/>
        <v>3.6624386905373028</v>
      </c>
      <c r="O1004" s="236">
        <f t="shared" si="237"/>
        <v>3.3864460312768125</v>
      </c>
      <c r="P1004" s="236" t="str">
        <f t="shared" si="238"/>
        <v>CLAY</v>
      </c>
      <c r="Q1004" s="236">
        <f t="shared" si="234"/>
        <v>16.38252679970395</v>
      </c>
      <c r="R1004" s="238">
        <v>35</v>
      </c>
      <c r="S1004" s="236">
        <f t="shared" si="239"/>
        <v>1.3715899745455935</v>
      </c>
      <c r="T1004" s="236" t="e">
        <f t="shared" si="225"/>
        <v>#N/A</v>
      </c>
    </row>
    <row r="1005" spans="1:20" x14ac:dyDescent="0.2">
      <c r="A1005" s="53">
        <f t="shared" si="226"/>
        <v>993</v>
      </c>
      <c r="B1005" s="239">
        <v>9.8030000000000008</v>
      </c>
      <c r="C1005" s="3">
        <f t="shared" si="227"/>
        <v>9.7960000000000012</v>
      </c>
      <c r="D1005" s="239">
        <v>0.28799999999999998</v>
      </c>
      <c r="E1005" s="239">
        <v>7.4000000000000003E-3</v>
      </c>
      <c r="F1005" s="239">
        <v>0.28539999999999999</v>
      </c>
      <c r="G1005">
        <f t="shared" si="228"/>
        <v>0.34507999999999994</v>
      </c>
      <c r="H1005" s="235">
        <f t="shared" si="229"/>
        <v>2.144430277037209</v>
      </c>
      <c r="I1005" s="236">
        <f t="shared" si="230"/>
        <v>15.175496508085381</v>
      </c>
      <c r="J1005" s="237">
        <f t="shared" si="235"/>
        <v>5.1754965080853808</v>
      </c>
      <c r="K1005" s="237">
        <f t="shared" si="231"/>
        <v>148.65916379320441</v>
      </c>
      <c r="L1005" s="237">
        <f t="shared" si="236"/>
        <v>50.73539226876099</v>
      </c>
      <c r="M1005" s="236">
        <f t="shared" si="232"/>
        <v>3.8714756587727535</v>
      </c>
      <c r="N1005" s="236">
        <f t="shared" si="233"/>
        <v>3.7674210857187993</v>
      </c>
      <c r="O1005" s="236">
        <f t="shared" si="237"/>
        <v>3.3959402701192754</v>
      </c>
      <c r="P1005" s="236" t="str">
        <f t="shared" si="238"/>
        <v>CLAY</v>
      </c>
      <c r="Q1005" s="236">
        <f t="shared" si="234"/>
        <v>16.368403017232961</v>
      </c>
      <c r="R1005" s="238">
        <v>35</v>
      </c>
      <c r="S1005" s="236">
        <f t="shared" si="239"/>
        <v>1.3576432821535969</v>
      </c>
      <c r="T1005" s="236" t="e">
        <f t="shared" si="225"/>
        <v>#N/A</v>
      </c>
    </row>
    <row r="1006" spans="1:20" x14ac:dyDescent="0.2">
      <c r="A1006" s="53">
        <f t="shared" si="226"/>
        <v>994</v>
      </c>
      <c r="B1006" s="239">
        <v>9.8130000000000006</v>
      </c>
      <c r="C1006" s="3">
        <f t="shared" si="227"/>
        <v>9.8060000000000009</v>
      </c>
      <c r="D1006" s="239">
        <v>0.29049999999999998</v>
      </c>
      <c r="E1006" s="239">
        <v>7.3000000000000001E-3</v>
      </c>
      <c r="F1006" s="239">
        <v>0.2858</v>
      </c>
      <c r="G1006">
        <f t="shared" si="228"/>
        <v>0.34765999999999997</v>
      </c>
      <c r="H1006" s="235">
        <f t="shared" si="229"/>
        <v>2.0997526318817239</v>
      </c>
      <c r="I1006" s="236">
        <f t="shared" si="230"/>
        <v>15.162454029957008</v>
      </c>
      <c r="J1006" s="237">
        <f t="shared" si="235"/>
        <v>5.1624540299570079</v>
      </c>
      <c r="K1006" s="237">
        <f t="shared" si="231"/>
        <v>148.68302421775843</v>
      </c>
      <c r="L1006" s="237">
        <f t="shared" si="236"/>
        <v>50.65916139596812</v>
      </c>
      <c r="M1006" s="236">
        <f t="shared" si="232"/>
        <v>3.9277589738798517</v>
      </c>
      <c r="N1006" s="236">
        <f t="shared" si="233"/>
        <v>3.6687661832739122</v>
      </c>
      <c r="O1006" s="236">
        <f t="shared" si="237"/>
        <v>3.3845316831591381</v>
      </c>
      <c r="P1006" s="236" t="str">
        <f t="shared" si="238"/>
        <v>CLAY</v>
      </c>
      <c r="Q1006" s="236">
        <f t="shared" si="234"/>
        <v>16.581414648520127</v>
      </c>
      <c r="R1006" s="238">
        <v>35</v>
      </c>
      <c r="S1006" s="236">
        <f t="shared" si="239"/>
        <v>1.382359640437878</v>
      </c>
      <c r="T1006" s="236" t="e">
        <f t="shared" si="225"/>
        <v>#N/A</v>
      </c>
    </row>
    <row r="1007" spans="1:20" x14ac:dyDescent="0.2">
      <c r="A1007" s="53">
        <f t="shared" si="226"/>
        <v>995</v>
      </c>
      <c r="B1007" s="239">
        <v>9.8230000000000004</v>
      </c>
      <c r="C1007" s="3">
        <f t="shared" si="227"/>
        <v>9.8160000000000007</v>
      </c>
      <c r="D1007" s="239">
        <v>0.29120000000000001</v>
      </c>
      <c r="E1007" s="239">
        <v>7.1999999999999998E-3</v>
      </c>
      <c r="F1007" s="239">
        <v>0.28820000000000001</v>
      </c>
      <c r="G1007">
        <f t="shared" si="228"/>
        <v>0.34883999999999998</v>
      </c>
      <c r="H1007" s="235">
        <f t="shared" si="229"/>
        <v>2.0639834881320951</v>
      </c>
      <c r="I1007" s="236">
        <f t="shared" si="230"/>
        <v>15.147604444783159</v>
      </c>
      <c r="J1007" s="237">
        <f t="shared" si="235"/>
        <v>5.147604444783159</v>
      </c>
      <c r="K1007" s="237">
        <f t="shared" si="231"/>
        <v>148.68888522999151</v>
      </c>
      <c r="L1007" s="237">
        <f t="shared" si="236"/>
        <v>50.564918461104973</v>
      </c>
      <c r="M1007" s="236">
        <f t="shared" si="232"/>
        <v>3.9582999609495393</v>
      </c>
      <c r="N1007" s="236">
        <f t="shared" si="233"/>
        <v>3.5972819877987909</v>
      </c>
      <c r="O1007" s="236">
        <f t="shared" si="237"/>
        <v>3.3771721338164249</v>
      </c>
      <c r="P1007" s="236" t="str">
        <f t="shared" si="238"/>
        <v>CLAY</v>
      </c>
      <c r="Q1007" s="236">
        <f t="shared" si="234"/>
        <v>16.679259564167371</v>
      </c>
      <c r="R1007" s="238">
        <v>35</v>
      </c>
      <c r="S1007" s="236">
        <f t="shared" si="239"/>
        <v>1.395808652804577</v>
      </c>
      <c r="T1007" s="236" t="e">
        <f t="shared" si="225"/>
        <v>#N/A</v>
      </c>
    </row>
    <row r="1008" spans="1:20" x14ac:dyDescent="0.2">
      <c r="A1008" s="53">
        <f t="shared" si="226"/>
        <v>996</v>
      </c>
      <c r="B1008" s="239">
        <v>9.8330000000000002</v>
      </c>
      <c r="C1008" s="3">
        <f t="shared" si="227"/>
        <v>9.8260000000000005</v>
      </c>
      <c r="D1008" s="239">
        <v>0.29010000000000002</v>
      </c>
      <c r="E1008" s="239">
        <v>7.1999999999999998E-3</v>
      </c>
      <c r="F1008" s="239">
        <v>0.28870000000000001</v>
      </c>
      <c r="G1008">
        <f t="shared" si="228"/>
        <v>0.34784000000000004</v>
      </c>
      <c r="H1008" s="235">
        <f t="shared" si="229"/>
        <v>2.0699172033118671</v>
      </c>
      <c r="I1008" s="236">
        <f t="shared" si="230"/>
        <v>15.14648236491249</v>
      </c>
      <c r="J1008" s="237">
        <f t="shared" si="235"/>
        <v>5.1464823649124902</v>
      </c>
      <c r="K1008" s="237">
        <f t="shared" si="231"/>
        <v>148.82933571763013</v>
      </c>
      <c r="L1008" s="237">
        <f t="shared" si="236"/>
        <v>50.605361094184516</v>
      </c>
      <c r="M1008" s="236">
        <f t="shared" si="232"/>
        <v>3.9326004197851652</v>
      </c>
      <c r="N1008" s="236">
        <f t="shared" si="233"/>
        <v>3.6178965715044038</v>
      </c>
      <c r="O1008" s="236">
        <f t="shared" si="237"/>
        <v>3.3808833753159737</v>
      </c>
      <c r="P1008" s="236" t="str">
        <f t="shared" si="238"/>
        <v>CLAY</v>
      </c>
      <c r="Q1008" s="236">
        <f t="shared" si="234"/>
        <v>16.584222023530824</v>
      </c>
      <c r="R1008" s="238">
        <v>35</v>
      </c>
      <c r="S1008" s="236">
        <f t="shared" si="239"/>
        <v>1.3844898788041882</v>
      </c>
      <c r="T1008" s="236" t="e">
        <f t="shared" si="225"/>
        <v>#N/A</v>
      </c>
    </row>
    <row r="1009" spans="1:21" x14ac:dyDescent="0.2">
      <c r="A1009" s="53">
        <f t="shared" si="226"/>
        <v>997</v>
      </c>
      <c r="B1009" s="239">
        <v>9.843</v>
      </c>
      <c r="C1009" s="3">
        <f t="shared" si="227"/>
        <v>9.8360000000000003</v>
      </c>
      <c r="D1009" s="239">
        <v>0.29089999999999999</v>
      </c>
      <c r="E1009" s="239">
        <v>7.1999999999999998E-3</v>
      </c>
      <c r="F1009" s="239">
        <v>0.28860000000000002</v>
      </c>
      <c r="G1009">
        <f t="shared" si="228"/>
        <v>0.34861999999999999</v>
      </c>
      <c r="H1009" s="235">
        <f t="shared" si="229"/>
        <v>2.0652859847398313</v>
      </c>
      <c r="I1009" s="236">
        <f t="shared" si="230"/>
        <v>15.147357863444391</v>
      </c>
      <c r="J1009" s="237">
        <f t="shared" si="235"/>
        <v>5.1473578634443911</v>
      </c>
      <c r="K1009" s="237">
        <f t="shared" si="231"/>
        <v>148.98941194483905</v>
      </c>
      <c r="L1009" s="237">
        <f t="shared" si="236"/>
        <v>50.665443449883142</v>
      </c>
      <c r="M1009" s="236">
        <f t="shared" si="232"/>
        <v>3.9401725211905037</v>
      </c>
      <c r="N1009" s="236">
        <f t="shared" si="233"/>
        <v>3.6066617196010715</v>
      </c>
      <c r="O1009" s="236">
        <f t="shared" si="237"/>
        <v>3.3794624257431636</v>
      </c>
      <c r="P1009" s="236" t="str">
        <f t="shared" si="238"/>
        <v>CLAY</v>
      </c>
      <c r="Q1009" s="236">
        <f t="shared" si="234"/>
        <v>16.635882337930081</v>
      </c>
      <c r="R1009" s="238">
        <v>35</v>
      </c>
      <c r="S1009" s="236">
        <f t="shared" si="239"/>
        <v>1.3878229213939248</v>
      </c>
      <c r="T1009" s="236" t="e">
        <f t="shared" si="225"/>
        <v>#N/A</v>
      </c>
    </row>
    <row r="1010" spans="1:21" x14ac:dyDescent="0.2">
      <c r="A1010" s="53">
        <f t="shared" si="226"/>
        <v>998</v>
      </c>
      <c r="B1010" s="239">
        <v>9.8529999999999998</v>
      </c>
      <c r="C1010" s="3">
        <f t="shared" si="227"/>
        <v>9.8460000000000001</v>
      </c>
      <c r="D1010" s="239">
        <v>0.29659999999999997</v>
      </c>
      <c r="E1010" s="239">
        <v>7.1999999999999998E-3</v>
      </c>
      <c r="F1010" s="239">
        <v>0.28789999999999999</v>
      </c>
      <c r="G1010">
        <f t="shared" si="228"/>
        <v>0.35417999999999994</v>
      </c>
      <c r="H1010" s="235">
        <f t="shared" si="229"/>
        <v>2.0328646450957142</v>
      </c>
      <c r="I1010" s="236">
        <f t="shared" si="230"/>
        <v>15.153542424991267</v>
      </c>
      <c r="J1010" s="237">
        <f t="shared" si="235"/>
        <v>5.1535424249912669</v>
      </c>
      <c r="K1010" s="237">
        <f t="shared" si="231"/>
        <v>149.20177871646402</v>
      </c>
      <c r="L1010" s="237">
        <f t="shared" si="236"/>
        <v>50.777853513438949</v>
      </c>
      <c r="M1010" s="236">
        <f t="shared" si="232"/>
        <v>4.0367642013321037</v>
      </c>
      <c r="N1010" s="236">
        <f t="shared" si="233"/>
        <v>3.5125682889210981</v>
      </c>
      <c r="O1010" s="236">
        <f t="shared" si="237"/>
        <v>3.3644814816961257</v>
      </c>
      <c r="P1010" s="236" t="str">
        <f t="shared" si="238"/>
        <v>CLAY</v>
      </c>
      <c r="Q1010" s="236">
        <f t="shared" si="234"/>
        <v>17.081518440294662</v>
      </c>
      <c r="R1010" s="238">
        <v>35</v>
      </c>
      <c r="S1010" s="236">
        <f t="shared" si="239"/>
        <v>1.4304798212989807</v>
      </c>
      <c r="T1010" s="236" t="e">
        <f t="shared" si="225"/>
        <v>#N/A</v>
      </c>
      <c r="U1010" s="230"/>
    </row>
    <row r="1011" spans="1:21" x14ac:dyDescent="0.2">
      <c r="A1011" s="53">
        <f t="shared" si="226"/>
        <v>999</v>
      </c>
      <c r="B1011" s="239">
        <v>9.8629999999999995</v>
      </c>
      <c r="C1011" s="3">
        <f t="shared" si="227"/>
        <v>9.8559999999999999</v>
      </c>
      <c r="D1011" s="239">
        <v>0.30049999999999999</v>
      </c>
      <c r="E1011" s="239">
        <v>7.1999999999999998E-3</v>
      </c>
      <c r="F1011" s="239">
        <v>0.28620000000000001</v>
      </c>
      <c r="G1011">
        <f t="shared" si="228"/>
        <v>0.35774</v>
      </c>
      <c r="H1011" s="235">
        <f t="shared" si="229"/>
        <v>2.0126348744898532</v>
      </c>
      <c r="I1011" s="236">
        <f t="shared" si="230"/>
        <v>15.157451547135498</v>
      </c>
      <c r="J1011" s="237">
        <f t="shared" si="235"/>
        <v>5.1574515471354978</v>
      </c>
      <c r="K1011" s="237">
        <f t="shared" si="231"/>
        <v>149.39184244856747</v>
      </c>
      <c r="L1011" s="237">
        <f t="shared" si="236"/>
        <v>50.867944609397412</v>
      </c>
      <c r="M1011" s="236">
        <f t="shared" si="232"/>
        <v>4.0958634981477511</v>
      </c>
      <c r="N1011" s="236">
        <f t="shared" si="233"/>
        <v>3.4557541015080102</v>
      </c>
      <c r="O1011" s="236">
        <f t="shared" si="237"/>
        <v>3.3553930141068942</v>
      </c>
      <c r="P1011" s="236" t="str">
        <f t="shared" si="238"/>
        <v>CLAY</v>
      </c>
      <c r="Q1011" s="236">
        <f t="shared" si="234"/>
        <v>17.362346462619378</v>
      </c>
      <c r="R1011" s="238">
        <v>35</v>
      </c>
      <c r="S1011" s="236">
        <f t="shared" si="239"/>
        <v>1.4567058083483604</v>
      </c>
      <c r="T1011" s="236" t="e">
        <f t="shared" si="225"/>
        <v>#N/A</v>
      </c>
    </row>
    <row r="1012" spans="1:21" x14ac:dyDescent="0.2">
      <c r="A1012" s="53">
        <f t="shared" si="226"/>
        <v>1000</v>
      </c>
      <c r="B1012" s="239">
        <v>9.8740000000000006</v>
      </c>
      <c r="C1012" s="3">
        <f t="shared" si="227"/>
        <v>9.8670000000000009</v>
      </c>
      <c r="D1012" s="239">
        <v>0.30209999999999998</v>
      </c>
      <c r="E1012" s="239">
        <v>7.3000000000000001E-3</v>
      </c>
      <c r="F1012" s="239">
        <v>0.28510000000000002</v>
      </c>
      <c r="G1012">
        <f t="shared" si="228"/>
        <v>0.35911999999999999</v>
      </c>
      <c r="H1012" s="235">
        <f t="shared" si="229"/>
        <v>2.0327467141902429</v>
      </c>
      <c r="I1012" s="236">
        <f t="shared" si="230"/>
        <v>15.175130409861953</v>
      </c>
      <c r="J1012" s="237">
        <f t="shared" si="235"/>
        <v>5.1751304098619535</v>
      </c>
      <c r="K1012" s="237">
        <f t="shared" si="231"/>
        <v>149.73301175410791</v>
      </c>
      <c r="L1012" s="237">
        <f t="shared" si="236"/>
        <v>51.099237666976933</v>
      </c>
      <c r="M1012" s="236">
        <f t="shared" si="232"/>
        <v>4.0976538556309849</v>
      </c>
      <c r="N1012" s="236">
        <f t="shared" si="233"/>
        <v>3.4863675442082851</v>
      </c>
      <c r="O1012" s="236">
        <f t="shared" si="237"/>
        <v>3.3572405154143818</v>
      </c>
      <c r="P1012" s="236" t="str">
        <f t="shared" si="238"/>
        <v>CLAY</v>
      </c>
      <c r="Q1012" s="236">
        <f t="shared" si="234"/>
        <v>17.448915687157676</v>
      </c>
      <c r="R1012" s="238">
        <v>35</v>
      </c>
      <c r="S1012" s="236">
        <f t="shared" si="239"/>
        <v>1.4575017841635933</v>
      </c>
      <c r="T1012" s="236" t="e">
        <f t="shared" si="225"/>
        <v>#N/A</v>
      </c>
    </row>
    <row r="1013" spans="1:21" x14ac:dyDescent="0.2">
      <c r="A1013" s="53">
        <f t="shared" si="226"/>
        <v>1001</v>
      </c>
      <c r="B1013" s="239">
        <v>9.8829999999999991</v>
      </c>
      <c r="C1013" s="3">
        <f t="shared" si="227"/>
        <v>9.8759999999999994</v>
      </c>
      <c r="D1013" s="239">
        <v>0.30640000000000001</v>
      </c>
      <c r="E1013" s="239">
        <v>7.1999999999999998E-3</v>
      </c>
      <c r="F1013" s="239">
        <v>0.28370000000000001</v>
      </c>
      <c r="G1013">
        <f t="shared" si="228"/>
        <v>0.36314000000000002</v>
      </c>
      <c r="H1013" s="235">
        <f t="shared" si="229"/>
        <v>1.9827063942281213</v>
      </c>
      <c r="I1013" s="236">
        <f t="shared" si="230"/>
        <v>15.163307475062204</v>
      </c>
      <c r="J1013" s="237">
        <f t="shared" si="235"/>
        <v>5.1633074750622043</v>
      </c>
      <c r="K1013" s="237">
        <f t="shared" si="231"/>
        <v>149.75282462371433</v>
      </c>
      <c r="L1013" s="237">
        <f t="shared" si="236"/>
        <v>51.028967776039764</v>
      </c>
      <c r="M1013" s="236">
        <f t="shared" si="232"/>
        <v>4.1816870823806847</v>
      </c>
      <c r="N1013" s="236">
        <f t="shared" si="233"/>
        <v>3.3741484169812743</v>
      </c>
      <c r="O1013" s="236">
        <f t="shared" si="237"/>
        <v>3.3422860597209816</v>
      </c>
      <c r="P1013" s="236" t="str">
        <f t="shared" si="238"/>
        <v>CLAY</v>
      </c>
      <c r="Q1013" s="236">
        <f t="shared" si="234"/>
        <v>17.782264614690476</v>
      </c>
      <c r="R1013" s="238">
        <v>35</v>
      </c>
      <c r="S1013" s="236">
        <f t="shared" si="239"/>
        <v>1.4949594841125948</v>
      </c>
      <c r="T1013" s="236" t="e">
        <f t="shared" si="225"/>
        <v>#N/A</v>
      </c>
    </row>
    <row r="1014" spans="1:21" x14ac:dyDescent="0.2">
      <c r="A1014" s="53">
        <f t="shared" si="226"/>
        <v>1002</v>
      </c>
      <c r="B1014" s="239">
        <v>9.8919999999999995</v>
      </c>
      <c r="C1014" s="3">
        <f t="shared" si="227"/>
        <v>9.8849999999999998</v>
      </c>
      <c r="D1014" s="239">
        <v>0.31030000000000002</v>
      </c>
      <c r="E1014" s="239">
        <v>7.1999999999999998E-3</v>
      </c>
      <c r="F1014" s="239">
        <v>0.2843</v>
      </c>
      <c r="G1014">
        <f t="shared" si="228"/>
        <v>0.36715999999999999</v>
      </c>
      <c r="H1014" s="235">
        <f t="shared" si="229"/>
        <v>1.9609979300577407</v>
      </c>
      <c r="I1014" s="236">
        <f t="shared" si="230"/>
        <v>15.167610619813587</v>
      </c>
      <c r="J1014" s="237">
        <f t="shared" si="235"/>
        <v>5.1676106198135869</v>
      </c>
      <c r="K1014" s="237">
        <f t="shared" si="231"/>
        <v>149.9318309768573</v>
      </c>
      <c r="L1014" s="237">
        <f t="shared" si="236"/>
        <v>51.118004251195998</v>
      </c>
      <c r="M1014" s="236">
        <f t="shared" si="232"/>
        <v>4.2495432324719564</v>
      </c>
      <c r="N1014" s="236">
        <f t="shared" si="233"/>
        <v>3.3144872657988196</v>
      </c>
      <c r="O1014" s="236">
        <f t="shared" si="237"/>
        <v>3.3322766760272788</v>
      </c>
      <c r="P1014" s="236" t="str">
        <f t="shared" si="238"/>
        <v>CLAY</v>
      </c>
      <c r="Q1014" s="236">
        <f t="shared" si="234"/>
        <v>18.102347418595222</v>
      </c>
      <c r="R1014" s="238">
        <v>35</v>
      </c>
      <c r="S1014" s="236">
        <f t="shared" si="239"/>
        <v>1.5253440893061636</v>
      </c>
      <c r="T1014" s="236" t="e">
        <f t="shared" si="225"/>
        <v>#N/A</v>
      </c>
    </row>
    <row r="1015" spans="1:21" x14ac:dyDescent="0.2">
      <c r="A1015" s="53">
        <f t="shared" si="226"/>
        <v>1003</v>
      </c>
      <c r="B1015" s="239">
        <v>9.9030000000000005</v>
      </c>
      <c r="C1015" s="3">
        <f t="shared" si="227"/>
        <v>9.8960000000000008</v>
      </c>
      <c r="D1015" s="239">
        <v>0.31190000000000001</v>
      </c>
      <c r="E1015" s="239">
        <v>7.1999999999999998E-3</v>
      </c>
      <c r="F1015" s="239">
        <v>0.28339999999999999</v>
      </c>
      <c r="G1015">
        <f t="shared" si="228"/>
        <v>0.36858000000000002</v>
      </c>
      <c r="H1015" s="235">
        <f t="shared" si="229"/>
        <v>1.9534429431873674</v>
      </c>
      <c r="I1015" s="236">
        <f t="shared" si="230"/>
        <v>15.169119383879796</v>
      </c>
      <c r="J1015" s="237">
        <f t="shared" si="235"/>
        <v>5.1691193838797957</v>
      </c>
      <c r="K1015" s="237">
        <f t="shared" si="231"/>
        <v>150.11360542287446</v>
      </c>
      <c r="L1015" s="237">
        <f t="shared" si="236"/>
        <v>51.189789258561618</v>
      </c>
      <c r="M1015" s="236">
        <f t="shared" si="232"/>
        <v>4.2677728848158241</v>
      </c>
      <c r="N1015" s="236">
        <f t="shared" si="233"/>
        <v>3.2957013887360929</v>
      </c>
      <c r="O1015" s="236">
        <f t="shared" si="237"/>
        <v>3.3294022593075465</v>
      </c>
      <c r="P1015" s="236" t="str">
        <f t="shared" si="238"/>
        <v>CLAY</v>
      </c>
      <c r="Q1015" s="236">
        <f t="shared" si="234"/>
        <v>18.205532881427132</v>
      </c>
      <c r="R1015" s="238">
        <v>35</v>
      </c>
      <c r="S1015" s="236">
        <f t="shared" si="239"/>
        <v>1.5335277297220897</v>
      </c>
      <c r="T1015" s="236" t="e">
        <f t="shared" si="225"/>
        <v>#N/A</v>
      </c>
    </row>
    <row r="1016" spans="1:21" x14ac:dyDescent="0.2">
      <c r="A1016" s="53">
        <f t="shared" si="226"/>
        <v>1004</v>
      </c>
      <c r="B1016" s="239">
        <v>9.9120000000000008</v>
      </c>
      <c r="C1016" s="3">
        <f t="shared" si="227"/>
        <v>9.9050000000000011</v>
      </c>
      <c r="D1016" s="239">
        <v>0.31259999999999999</v>
      </c>
      <c r="E1016" s="239">
        <v>7.0000000000000001E-3</v>
      </c>
      <c r="F1016" s="239">
        <v>0.2797</v>
      </c>
      <c r="G1016">
        <f t="shared" si="228"/>
        <v>0.36853999999999998</v>
      </c>
      <c r="H1016" s="235">
        <f t="shared" si="229"/>
        <v>1.8993867694144462</v>
      </c>
      <c r="I1016" s="236">
        <f t="shared" si="230"/>
        <v>15.136043930777427</v>
      </c>
      <c r="J1016" s="237">
        <f t="shared" si="235"/>
        <v>5.1360439307774275</v>
      </c>
      <c r="K1016" s="237">
        <f t="shared" si="231"/>
        <v>149.92251513435045</v>
      </c>
      <c r="L1016" s="237">
        <f t="shared" si="236"/>
        <v>50.908467441865866</v>
      </c>
      <c r="M1016" s="236">
        <f t="shared" si="232"/>
        <v>4.2943246153559098</v>
      </c>
      <c r="N1016" s="236">
        <f t="shared" si="233"/>
        <v>3.2019396821355897</v>
      </c>
      <c r="O1016" s="236">
        <f t="shared" si="237"/>
        <v>3.3205746554390823</v>
      </c>
      <c r="P1016" s="236" t="str">
        <f t="shared" si="238"/>
        <v>CLAY</v>
      </c>
      <c r="Q1016" s="236">
        <f t="shared" si="234"/>
        <v>18.218123738804127</v>
      </c>
      <c r="R1016" s="238">
        <v>35</v>
      </c>
      <c r="S1016" s="236">
        <f t="shared" si="239"/>
        <v>1.545462945264453</v>
      </c>
      <c r="T1016" s="236" t="e">
        <f t="shared" si="225"/>
        <v>#N/A</v>
      </c>
    </row>
    <row r="1017" spans="1:21" x14ac:dyDescent="0.2">
      <c r="A1017" s="53">
        <f t="shared" si="226"/>
        <v>1005</v>
      </c>
      <c r="B1017" s="239">
        <v>9.923</v>
      </c>
      <c r="C1017" s="3">
        <f t="shared" si="227"/>
        <v>9.9160000000000004</v>
      </c>
      <c r="D1017" s="239">
        <v>0.31530000000000002</v>
      </c>
      <c r="E1017" s="239">
        <v>6.8999999999999999E-3</v>
      </c>
      <c r="F1017" s="239">
        <v>0.27950000000000003</v>
      </c>
      <c r="G1017">
        <f t="shared" si="228"/>
        <v>0.37120000000000003</v>
      </c>
      <c r="H1017" s="235">
        <f t="shared" si="229"/>
        <v>1.8588362068965514</v>
      </c>
      <c r="I1017" s="236">
        <f t="shared" si="230"/>
        <v>15.121982770165218</v>
      </c>
      <c r="J1017" s="237">
        <f t="shared" si="235"/>
        <v>5.1219827701652179</v>
      </c>
      <c r="K1017" s="237">
        <f t="shared" si="231"/>
        <v>149.94958114895832</v>
      </c>
      <c r="L1017" s="237">
        <f t="shared" si="236"/>
        <v>50.82543502834946</v>
      </c>
      <c r="M1017" s="236">
        <f t="shared" si="232"/>
        <v>4.3531436322705837</v>
      </c>
      <c r="N1017" s="236">
        <f t="shared" si="233"/>
        <v>3.1186381638651128</v>
      </c>
      <c r="O1017" s="236">
        <f t="shared" si="237"/>
        <v>3.3095849368418784</v>
      </c>
      <c r="P1017" s="236" t="str">
        <f t="shared" si="238"/>
        <v>CLAY</v>
      </c>
      <c r="Q1017" s="236">
        <f t="shared" si="234"/>
        <v>18.437534904253479</v>
      </c>
      <c r="R1017" s="238">
        <v>35</v>
      </c>
      <c r="S1017" s="236">
        <f t="shared" si="239"/>
        <v>1.5719681949910742</v>
      </c>
      <c r="T1017" s="236" t="e">
        <f t="shared" si="225"/>
        <v>#N/A</v>
      </c>
    </row>
    <row r="1018" spans="1:21" x14ac:dyDescent="0.2">
      <c r="A1018" s="53">
        <f t="shared" si="226"/>
        <v>1006</v>
      </c>
      <c r="B1018" s="239">
        <v>9.9329999999999998</v>
      </c>
      <c r="C1018" s="3">
        <f t="shared" si="227"/>
        <v>9.9260000000000002</v>
      </c>
      <c r="D1018" s="239">
        <v>0.313</v>
      </c>
      <c r="E1018" s="239">
        <v>6.8999999999999999E-3</v>
      </c>
      <c r="F1018" s="239">
        <v>0.28010000000000002</v>
      </c>
      <c r="G1018">
        <f t="shared" si="228"/>
        <v>0.36902000000000001</v>
      </c>
      <c r="H1018" s="235">
        <f t="shared" si="229"/>
        <v>1.8698173540729497</v>
      </c>
      <c r="I1018" s="236">
        <f t="shared" si="230"/>
        <v>15.119680513438807</v>
      </c>
      <c r="J1018" s="237">
        <f t="shared" si="235"/>
        <v>5.1196805134388068</v>
      </c>
      <c r="K1018" s="237">
        <f t="shared" si="231"/>
        <v>150.07794877639361</v>
      </c>
      <c r="L1018" s="237">
        <f t="shared" si="236"/>
        <v>50.853786539987667</v>
      </c>
      <c r="M1018" s="236">
        <f t="shared" si="232"/>
        <v>4.305324462937417</v>
      </c>
      <c r="N1018" s="236">
        <f t="shared" si="233"/>
        <v>3.1515188431997472</v>
      </c>
      <c r="O1018" s="236">
        <f t="shared" si="237"/>
        <v>3.3160478411236576</v>
      </c>
      <c r="P1018" s="236" t="str">
        <f t="shared" si="238"/>
        <v>CLAY</v>
      </c>
      <c r="Q1018" s="236">
        <f t="shared" si="234"/>
        <v>18.245170935300536</v>
      </c>
      <c r="R1018" s="238">
        <v>35</v>
      </c>
      <c r="S1018" s="236">
        <f t="shared" si="239"/>
        <v>1.5504128786043183</v>
      </c>
      <c r="T1018" s="236" t="e">
        <f t="shared" si="225"/>
        <v>#N/A</v>
      </c>
    </row>
    <row r="1019" spans="1:21" x14ac:dyDescent="0.2">
      <c r="A1019" s="53">
        <f t="shared" si="226"/>
        <v>1007</v>
      </c>
      <c r="B1019" s="239">
        <v>9.9429999999999996</v>
      </c>
      <c r="C1019" s="3">
        <f t="shared" si="227"/>
        <v>9.9359999999999999</v>
      </c>
      <c r="D1019" s="239">
        <v>0.30990000000000001</v>
      </c>
      <c r="E1019" s="239">
        <v>6.7999999999999996E-3</v>
      </c>
      <c r="F1019" s="239">
        <v>0.27950000000000003</v>
      </c>
      <c r="G1019">
        <f t="shared" si="228"/>
        <v>0.36580000000000001</v>
      </c>
      <c r="H1019" s="235">
        <f t="shared" si="229"/>
        <v>1.8589393110989609</v>
      </c>
      <c r="I1019" s="236">
        <f t="shared" si="230"/>
        <v>15.099136449715683</v>
      </c>
      <c r="J1019" s="237">
        <f t="shared" si="235"/>
        <v>5.099136449715683</v>
      </c>
      <c r="K1019" s="237">
        <f t="shared" si="231"/>
        <v>150.02501976437503</v>
      </c>
      <c r="L1019" s="237">
        <f t="shared" si="236"/>
        <v>50.700713719523037</v>
      </c>
      <c r="M1019" s="236">
        <f t="shared" si="232"/>
        <v>4.2558568589250001</v>
      </c>
      <c r="N1019" s="236">
        <f t="shared" si="233"/>
        <v>3.1514311773192798</v>
      </c>
      <c r="O1019" s="236">
        <f t="shared" si="237"/>
        <v>3.3203349149181975</v>
      </c>
      <c r="P1019" s="236" t="str">
        <f t="shared" si="238"/>
        <v>CLAY</v>
      </c>
      <c r="Q1019" s="236">
        <f t="shared" si="234"/>
        <v>17.981248352968748</v>
      </c>
      <c r="R1019" s="238">
        <v>35</v>
      </c>
      <c r="S1019" s="236">
        <f t="shared" si="239"/>
        <v>1.5281774057708908</v>
      </c>
      <c r="T1019" s="236" t="e">
        <f t="shared" si="225"/>
        <v>#N/A</v>
      </c>
    </row>
    <row r="1020" spans="1:21" x14ac:dyDescent="0.2">
      <c r="A1020" s="53">
        <f t="shared" si="226"/>
        <v>1008</v>
      </c>
      <c r="B1020" s="239">
        <v>9.9529999999999994</v>
      </c>
      <c r="C1020" s="3">
        <f t="shared" si="227"/>
        <v>9.9459999999999997</v>
      </c>
      <c r="D1020" s="239">
        <v>0.3044</v>
      </c>
      <c r="E1020" s="239">
        <v>6.8999999999999999E-3</v>
      </c>
      <c r="F1020" s="239">
        <v>0.27850000000000003</v>
      </c>
      <c r="G1020">
        <f t="shared" si="228"/>
        <v>0.36009999999999998</v>
      </c>
      <c r="H1020" s="235">
        <f t="shared" si="229"/>
        <v>1.9161344071091366</v>
      </c>
      <c r="I1020" s="236">
        <f t="shared" si="230"/>
        <v>15.110116408607233</v>
      </c>
      <c r="J1020" s="237">
        <f t="shared" si="235"/>
        <v>5.110116408607233</v>
      </c>
      <c r="K1020" s="237">
        <f t="shared" si="231"/>
        <v>150.28521780000753</v>
      </c>
      <c r="L1020" s="237">
        <f t="shared" si="236"/>
        <v>50.860988614867786</v>
      </c>
      <c r="M1020" s="236">
        <f t="shared" si="232"/>
        <v>4.1252596127999555</v>
      </c>
      <c r="N1020" s="236">
        <f t="shared" si="233"/>
        <v>3.2886148095242493</v>
      </c>
      <c r="O1020" s="236">
        <f t="shared" si="237"/>
        <v>3.3415060312888962</v>
      </c>
      <c r="P1020" s="236" t="str">
        <f t="shared" si="238"/>
        <v>CLAY</v>
      </c>
      <c r="Q1020" s="236">
        <f t="shared" si="234"/>
        <v>17.484565183332702</v>
      </c>
      <c r="R1020" s="238">
        <v>35</v>
      </c>
      <c r="S1020" s="236">
        <f t="shared" si="239"/>
        <v>1.4697860289864209</v>
      </c>
      <c r="T1020" s="236" t="e">
        <f t="shared" si="225"/>
        <v>#N/A</v>
      </c>
    </row>
    <row r="1021" spans="1:21" x14ac:dyDescent="0.2">
      <c r="A1021" s="53">
        <f t="shared" si="226"/>
        <v>1009</v>
      </c>
      <c r="B1021" s="239">
        <v>9.9629999999999992</v>
      </c>
      <c r="C1021" s="3">
        <f t="shared" si="227"/>
        <v>9.9559999999999995</v>
      </c>
      <c r="D1021" s="239">
        <v>0.30049999999999999</v>
      </c>
      <c r="E1021" s="239">
        <v>7.1000000000000004E-3</v>
      </c>
      <c r="F1021" s="239">
        <v>0.28270000000000001</v>
      </c>
      <c r="G1021">
        <f t="shared" si="228"/>
        <v>0.35703999999999997</v>
      </c>
      <c r="H1021" s="235">
        <f t="shared" si="229"/>
        <v>1.9885727089401752</v>
      </c>
      <c r="I1021" s="236">
        <f t="shared" si="230"/>
        <v>15.140285782373216</v>
      </c>
      <c r="J1021" s="237">
        <f t="shared" si="235"/>
        <v>5.1402857823732155</v>
      </c>
      <c r="K1021" s="237">
        <f t="shared" si="231"/>
        <v>150.73668524930773</v>
      </c>
      <c r="L1021" s="237">
        <f t="shared" si="236"/>
        <v>51.212667249784339</v>
      </c>
      <c r="M1021" s="236">
        <f t="shared" si="232"/>
        <v>4.0283649696367068</v>
      </c>
      <c r="N1021" s="236">
        <f t="shared" si="233"/>
        <v>3.4415346203137909</v>
      </c>
      <c r="O1021" s="236">
        <f t="shared" si="237"/>
        <v>3.360604859564372</v>
      </c>
      <c r="P1021" s="236" t="str">
        <f t="shared" si="238"/>
        <v>CLAY</v>
      </c>
      <c r="Q1021" s="236">
        <f t="shared" si="234"/>
        <v>17.191942895891021</v>
      </c>
      <c r="R1021" s="238">
        <v>35</v>
      </c>
      <c r="S1021" s="236">
        <f t="shared" si="239"/>
        <v>1.4267603184004969</v>
      </c>
      <c r="T1021" s="236" t="e">
        <f t="shared" si="225"/>
        <v>#N/A</v>
      </c>
    </row>
    <row r="1022" spans="1:21" x14ac:dyDescent="0.2">
      <c r="A1022" s="53">
        <f t="shared" si="226"/>
        <v>1010</v>
      </c>
      <c r="B1022" s="239">
        <v>9.9730000000000008</v>
      </c>
      <c r="C1022" s="3">
        <f t="shared" si="227"/>
        <v>9.9660000000000011</v>
      </c>
      <c r="D1022" s="239">
        <v>0.29970000000000002</v>
      </c>
      <c r="E1022" s="239">
        <v>7.1999999999999998E-3</v>
      </c>
      <c r="F1022" s="239">
        <v>0.28710000000000002</v>
      </c>
      <c r="G1022">
        <f t="shared" si="228"/>
        <v>0.35711999999999999</v>
      </c>
      <c r="H1022" s="235">
        <f t="shared" si="229"/>
        <v>2.0161290322580645</v>
      </c>
      <c r="I1022" s="236">
        <f t="shared" si="230"/>
        <v>15.156773550376229</v>
      </c>
      <c r="J1022" s="237">
        <f t="shared" si="235"/>
        <v>5.1567735503762293</v>
      </c>
      <c r="K1022" s="237">
        <f t="shared" si="231"/>
        <v>151.05240520304952</v>
      </c>
      <c r="L1022" s="237">
        <f t="shared" si="236"/>
        <v>51.42850261790214</v>
      </c>
      <c r="M1022" s="236">
        <f t="shared" si="232"/>
        <v>4.0068752599695339</v>
      </c>
      <c r="N1022" s="236">
        <f t="shared" si="233"/>
        <v>3.4939991448410646</v>
      </c>
      <c r="O1022" s="236">
        <f t="shared" si="237"/>
        <v>3.3660228355016275</v>
      </c>
      <c r="P1022" s="236" t="str">
        <f t="shared" si="238"/>
        <v>CLAY</v>
      </c>
      <c r="Q1022" s="236">
        <f t="shared" si="234"/>
        <v>17.172299566412541</v>
      </c>
      <c r="R1022" s="238">
        <v>35</v>
      </c>
      <c r="S1022" s="236">
        <f t="shared" si="239"/>
        <v>1.4172526792543436</v>
      </c>
      <c r="T1022" s="236" t="e">
        <f t="shared" si="225"/>
        <v>#N/A</v>
      </c>
    </row>
    <row r="1023" spans="1:21" x14ac:dyDescent="0.2">
      <c r="A1023" s="53">
        <f t="shared" si="226"/>
        <v>1011</v>
      </c>
      <c r="B1023" s="239">
        <v>9.984</v>
      </c>
      <c r="C1023" s="3">
        <f t="shared" si="227"/>
        <v>9.9770000000000003</v>
      </c>
      <c r="D1023" s="239">
        <v>0.30349999999999999</v>
      </c>
      <c r="E1023" s="239">
        <v>7.1000000000000004E-3</v>
      </c>
      <c r="F1023" s="239">
        <v>0.2863</v>
      </c>
      <c r="G1023">
        <f t="shared" si="228"/>
        <v>0.36075999999999997</v>
      </c>
      <c r="H1023" s="235">
        <f t="shared" si="229"/>
        <v>1.9680674132387186</v>
      </c>
      <c r="I1023" s="236">
        <f t="shared" si="230"/>
        <v>15.14433713635237</v>
      </c>
      <c r="J1023" s="237">
        <f t="shared" si="235"/>
        <v>5.1443371363523696</v>
      </c>
      <c r="K1023" s="237">
        <f t="shared" si="231"/>
        <v>151.09505160938758</v>
      </c>
      <c r="L1023" s="237">
        <f t="shared" si="236"/>
        <v>51.36106196934206</v>
      </c>
      <c r="M1023" s="236">
        <f t="shared" si="232"/>
        <v>4.0821770491381884</v>
      </c>
      <c r="N1023" s="236">
        <f t="shared" si="233"/>
        <v>3.3863552560881449</v>
      </c>
      <c r="O1023" s="236">
        <f t="shared" si="237"/>
        <v>3.352023772466477</v>
      </c>
      <c r="P1023" s="236" t="str">
        <f t="shared" si="238"/>
        <v>CLAY</v>
      </c>
      <c r="Q1023" s="236">
        <f t="shared" si="234"/>
        <v>17.472079032551033</v>
      </c>
      <c r="R1023" s="238">
        <v>35</v>
      </c>
      <c r="S1023" s="236">
        <f t="shared" si="239"/>
        <v>1.450623820006212</v>
      </c>
      <c r="T1023" s="236" t="e">
        <f t="shared" si="225"/>
        <v>#N/A</v>
      </c>
    </row>
    <row r="1024" spans="1:21" x14ac:dyDescent="0.2">
      <c r="A1024" s="53">
        <f t="shared" si="226"/>
        <v>1012</v>
      </c>
      <c r="B1024" s="239">
        <v>9.9930000000000003</v>
      </c>
      <c r="C1024" s="3">
        <f t="shared" si="227"/>
        <v>9.9860000000000007</v>
      </c>
      <c r="D1024" s="239">
        <v>0.3024</v>
      </c>
      <c r="E1024" s="239">
        <v>6.8999999999999999E-3</v>
      </c>
      <c r="F1024" s="239">
        <v>0.28649999999999998</v>
      </c>
      <c r="G1024">
        <f t="shared" si="228"/>
        <v>0.35969999999999996</v>
      </c>
      <c r="H1024" s="235">
        <f t="shared" si="229"/>
        <v>1.9182652210175146</v>
      </c>
      <c r="I1024" s="236">
        <f t="shared" si="230"/>
        <v>15.109681993409737</v>
      </c>
      <c r="J1024" s="237">
        <f t="shared" si="235"/>
        <v>5.1096819934097368</v>
      </c>
      <c r="K1024" s="237">
        <f t="shared" si="231"/>
        <v>150.88528438618965</v>
      </c>
      <c r="L1024" s="237">
        <f t="shared" si="236"/>
        <v>51.061052160143504</v>
      </c>
      <c r="M1024" s="236">
        <f t="shared" si="232"/>
        <v>4.0895106305076085</v>
      </c>
      <c r="N1024" s="236">
        <f t="shared" si="233"/>
        <v>3.3043648191735278</v>
      </c>
      <c r="O1024" s="236">
        <f t="shared" si="237"/>
        <v>3.345813765900473</v>
      </c>
      <c r="P1024" s="236" t="str">
        <f t="shared" si="238"/>
        <v>CLAY</v>
      </c>
      <c r="Q1024" s="236">
        <f t="shared" si="234"/>
        <v>17.40122630115086</v>
      </c>
      <c r="R1024" s="238">
        <v>35</v>
      </c>
      <c r="S1024" s="236">
        <f t="shared" si="239"/>
        <v>1.4538820862328155</v>
      </c>
      <c r="T1024" s="236" t="e">
        <f t="shared" si="225"/>
        <v>#N/A</v>
      </c>
    </row>
    <row r="1025" spans="1:20" x14ac:dyDescent="0.2">
      <c r="A1025" s="53">
        <f t="shared" si="226"/>
        <v>1013</v>
      </c>
      <c r="B1025" s="239">
        <v>10.004</v>
      </c>
      <c r="C1025" s="3">
        <f t="shared" si="227"/>
        <v>9.9969999999999999</v>
      </c>
      <c r="D1025" s="239">
        <v>0.30309999999999998</v>
      </c>
      <c r="E1025" s="239">
        <v>7.0000000000000001E-3</v>
      </c>
      <c r="F1025" s="239">
        <v>0.2863</v>
      </c>
      <c r="G1025">
        <f t="shared" si="228"/>
        <v>0.36035999999999996</v>
      </c>
      <c r="H1025" s="235">
        <f t="shared" si="229"/>
        <v>1.9425019425019427</v>
      </c>
      <c r="I1025" s="236">
        <f t="shared" si="230"/>
        <v>15.127270682842926</v>
      </c>
      <c r="J1025" s="237">
        <f t="shared" si="235"/>
        <v>5.1272706828429264</v>
      </c>
      <c r="K1025" s="237">
        <f t="shared" si="231"/>
        <v>151.22732501638075</v>
      </c>
      <c r="L1025" s="237">
        <f t="shared" si="236"/>
        <v>51.293215911160637</v>
      </c>
      <c r="M1025" s="236">
        <f t="shared" si="232"/>
        <v>4.0771995139831949</v>
      </c>
      <c r="N1025" s="236">
        <f t="shared" si="233"/>
        <v>3.347157492509619</v>
      </c>
      <c r="O1025" s="236">
        <f t="shared" si="237"/>
        <v>3.349839482424156</v>
      </c>
      <c r="P1025" s="236" t="str">
        <f t="shared" si="238"/>
        <v>CLAY</v>
      </c>
      <c r="Q1025" s="236">
        <f t="shared" si="234"/>
        <v>17.427722915301601</v>
      </c>
      <c r="R1025" s="238">
        <v>35</v>
      </c>
      <c r="S1025" s="236">
        <f t="shared" si="239"/>
        <v>1.4484131643594873</v>
      </c>
      <c r="T1025" s="236" t="e">
        <f t="shared" si="225"/>
        <v>#N/A</v>
      </c>
    </row>
    <row r="1026" spans="1:20" x14ac:dyDescent="0.2">
      <c r="A1026" s="53">
        <f t="shared" si="226"/>
        <v>1014</v>
      </c>
      <c r="B1026" s="239">
        <v>10.013</v>
      </c>
      <c r="C1026" s="3">
        <f t="shared" si="227"/>
        <v>10.006</v>
      </c>
      <c r="D1026" s="239">
        <v>0.30669999999999997</v>
      </c>
      <c r="E1026" s="239">
        <v>6.8999999999999999E-3</v>
      </c>
      <c r="F1026" s="239">
        <v>0.28549999999999998</v>
      </c>
      <c r="G1026">
        <f t="shared" si="228"/>
        <v>0.36379999999999996</v>
      </c>
      <c r="H1026" s="235">
        <f t="shared" si="229"/>
        <v>1.8966465090709181</v>
      </c>
      <c r="I1026" s="236">
        <f t="shared" si="230"/>
        <v>15.114112024627794</v>
      </c>
      <c r="J1026" s="237">
        <f t="shared" si="235"/>
        <v>5.1141120246277936</v>
      </c>
      <c r="K1026" s="237">
        <f t="shared" si="231"/>
        <v>151.23180491842569</v>
      </c>
      <c r="L1026" s="237">
        <f t="shared" si="236"/>
        <v>51.207603702598099</v>
      </c>
      <c r="M1026" s="236">
        <f t="shared" si="232"/>
        <v>4.1511060801853006</v>
      </c>
      <c r="N1026" s="236">
        <f t="shared" si="233"/>
        <v>3.2460171181074782</v>
      </c>
      <c r="O1026" s="236">
        <f t="shared" si="237"/>
        <v>3.3362471645640208</v>
      </c>
      <c r="P1026" s="236" t="str">
        <f t="shared" si="238"/>
        <v>CLAY</v>
      </c>
      <c r="Q1026" s="236">
        <f t="shared" si="234"/>
        <v>17.714016256797855</v>
      </c>
      <c r="R1026" s="238">
        <v>35</v>
      </c>
      <c r="S1026" s="236">
        <f t="shared" si="239"/>
        <v>1.481306056115387</v>
      </c>
      <c r="T1026" s="236" t="e">
        <f t="shared" si="225"/>
        <v>#N/A</v>
      </c>
    </row>
    <row r="1027" spans="1:20" x14ac:dyDescent="0.2">
      <c r="A1027" s="53">
        <f t="shared" si="226"/>
        <v>1015</v>
      </c>
      <c r="B1027" s="239">
        <v>10.023</v>
      </c>
      <c r="C1027" s="3">
        <f t="shared" si="227"/>
        <v>10.016</v>
      </c>
      <c r="D1027" s="239">
        <v>0.30869999999999997</v>
      </c>
      <c r="E1027" s="239">
        <v>7.0000000000000001E-3</v>
      </c>
      <c r="F1027" s="239">
        <v>0.28560000000000002</v>
      </c>
      <c r="G1027">
        <f t="shared" si="228"/>
        <v>0.36581999999999998</v>
      </c>
      <c r="H1027" s="235">
        <f t="shared" si="229"/>
        <v>1.9135093761959436</v>
      </c>
      <c r="I1027" s="236">
        <f t="shared" si="230"/>
        <v>15.133148463285988</v>
      </c>
      <c r="J1027" s="237">
        <f t="shared" si="235"/>
        <v>5.1331484632859876</v>
      </c>
      <c r="K1027" s="237">
        <f t="shared" si="231"/>
        <v>151.57361500827244</v>
      </c>
      <c r="L1027" s="237">
        <f t="shared" si="236"/>
        <v>51.449547047515452</v>
      </c>
      <c r="M1027" s="236">
        <f t="shared" si="232"/>
        <v>4.1642035214394317</v>
      </c>
      <c r="N1027" s="236">
        <f t="shared" si="233"/>
        <v>3.2672663299641123</v>
      </c>
      <c r="O1027" s="236">
        <f t="shared" si="237"/>
        <v>3.3365497343814932</v>
      </c>
      <c r="P1027" s="236" t="str">
        <f t="shared" si="238"/>
        <v>CLAY</v>
      </c>
      <c r="Q1027" s="236">
        <f t="shared" si="234"/>
        <v>17.853865415977296</v>
      </c>
      <c r="R1027" s="238">
        <v>35</v>
      </c>
      <c r="S1027" s="236">
        <f t="shared" si="239"/>
        <v>1.4871505721468223</v>
      </c>
      <c r="T1027" s="236" t="e">
        <f t="shared" si="225"/>
        <v>#N/A</v>
      </c>
    </row>
    <row r="1028" spans="1:20" x14ac:dyDescent="0.2">
      <c r="A1028" s="53">
        <f t="shared" si="226"/>
        <v>1016</v>
      </c>
      <c r="B1028" s="239">
        <v>10.034000000000001</v>
      </c>
      <c r="C1028" s="3">
        <f t="shared" si="227"/>
        <v>10.027000000000001</v>
      </c>
      <c r="D1028" s="239">
        <v>0.30840000000000001</v>
      </c>
      <c r="E1028" s="239">
        <v>7.1000000000000004E-3</v>
      </c>
      <c r="F1028" s="239">
        <v>0.28710000000000002</v>
      </c>
      <c r="G1028">
        <f t="shared" si="228"/>
        <v>0.36581999999999998</v>
      </c>
      <c r="H1028" s="235">
        <f t="shared" si="229"/>
        <v>1.9408452244273142</v>
      </c>
      <c r="I1028" s="236">
        <f t="shared" si="230"/>
        <v>15.149781296788998</v>
      </c>
      <c r="J1028" s="237">
        <f t="shared" si="235"/>
        <v>5.1497812967889978</v>
      </c>
      <c r="K1028" s="237">
        <f t="shared" si="231"/>
        <v>151.9068570629033</v>
      </c>
      <c r="L1028" s="237">
        <f t="shared" si="236"/>
        <v>51.67290553198081</v>
      </c>
      <c r="M1028" s="236">
        <f t="shared" si="232"/>
        <v>4.1397544948329639</v>
      </c>
      <c r="N1028" s="236">
        <f t="shared" si="233"/>
        <v>3.319104147839961</v>
      </c>
      <c r="O1028" s="236">
        <f t="shared" si="237"/>
        <v>3.3422907886078321</v>
      </c>
      <c r="P1028" s="236" t="str">
        <f t="shared" si="238"/>
        <v>CLAY</v>
      </c>
      <c r="Q1028" s="236">
        <f t="shared" si="234"/>
        <v>17.826095244758058</v>
      </c>
      <c r="R1028" s="238">
        <v>35</v>
      </c>
      <c r="S1028" s="236">
        <f t="shared" si="239"/>
        <v>1.476244326771851</v>
      </c>
      <c r="T1028" s="236" t="e">
        <f t="shared" si="225"/>
        <v>#N/A</v>
      </c>
    </row>
    <row r="1029" spans="1:20" x14ac:dyDescent="0.2">
      <c r="A1029" s="53">
        <f t="shared" si="226"/>
        <v>1017</v>
      </c>
      <c r="B1029" s="239">
        <v>10.042999999999999</v>
      </c>
      <c r="C1029" s="3">
        <f t="shared" si="227"/>
        <v>10.036</v>
      </c>
      <c r="D1029" s="239">
        <v>0.30570000000000003</v>
      </c>
      <c r="E1029" s="239">
        <v>7.1999999999999998E-3</v>
      </c>
      <c r="F1029" s="239">
        <v>0.28699999999999998</v>
      </c>
      <c r="G1029">
        <f t="shared" si="228"/>
        <v>0.36310000000000003</v>
      </c>
      <c r="H1029" s="235">
        <f t="shared" si="229"/>
        <v>1.9829248141007985</v>
      </c>
      <c r="I1029" s="236">
        <f t="shared" si="230"/>
        <v>15.163264418768513</v>
      </c>
      <c r="J1029" s="237">
        <f t="shared" si="235"/>
        <v>5.1632644187685131</v>
      </c>
      <c r="K1029" s="237">
        <f t="shared" si="231"/>
        <v>152.17852170676079</v>
      </c>
      <c r="L1029" s="237">
        <f t="shared" si="236"/>
        <v>51.854664557692175</v>
      </c>
      <c r="M1029" s="236">
        <f t="shared" si="232"/>
        <v>4.0675507226273417</v>
      </c>
      <c r="N1029" s="236">
        <f t="shared" si="233"/>
        <v>3.4135926119340048</v>
      </c>
      <c r="O1029" s="236">
        <f t="shared" si="237"/>
        <v>3.3551701960181157</v>
      </c>
      <c r="P1029" s="236" t="str">
        <f t="shared" si="238"/>
        <v>CLAY</v>
      </c>
      <c r="Q1029" s="236">
        <f t="shared" si="234"/>
        <v>17.576789857769935</v>
      </c>
      <c r="R1029" s="238">
        <v>35</v>
      </c>
      <c r="S1029" s="236">
        <f t="shared" si="239"/>
        <v>1.4441298015474169</v>
      </c>
      <c r="T1029" s="236" t="e">
        <f t="shared" si="225"/>
        <v>#N/A</v>
      </c>
    </row>
    <row r="1030" spans="1:20" x14ac:dyDescent="0.2">
      <c r="A1030" s="53">
        <f t="shared" si="226"/>
        <v>1018</v>
      </c>
      <c r="B1030" s="239">
        <v>10.054</v>
      </c>
      <c r="C1030" s="3">
        <f t="shared" si="227"/>
        <v>10.047000000000001</v>
      </c>
      <c r="D1030" s="239">
        <v>0.30109999999999998</v>
      </c>
      <c r="E1030" s="239">
        <v>7.1000000000000004E-3</v>
      </c>
      <c r="F1030" s="239">
        <v>0.28410000000000002</v>
      </c>
      <c r="G1030">
        <f t="shared" si="228"/>
        <v>0.35791999999999996</v>
      </c>
      <c r="H1030" s="235">
        <f t="shared" si="229"/>
        <v>1.9836835046937868</v>
      </c>
      <c r="I1030" s="236">
        <f t="shared" si="230"/>
        <v>15.141247966001288</v>
      </c>
      <c r="J1030" s="237">
        <f t="shared" si="235"/>
        <v>5.1412479660012878</v>
      </c>
      <c r="K1030" s="237">
        <f t="shared" si="231"/>
        <v>152.12411831441494</v>
      </c>
      <c r="L1030" s="237">
        <f t="shared" si="236"/>
        <v>51.690107050176948</v>
      </c>
      <c r="M1030" s="236">
        <f t="shared" si="232"/>
        <v>3.9813398236109965</v>
      </c>
      <c r="N1030" s="236">
        <f t="shared" si="233"/>
        <v>3.4500204483427819</v>
      </c>
      <c r="O1030" s="236">
        <f t="shared" si="237"/>
        <v>3.3655117200853875</v>
      </c>
      <c r="P1030" s="236" t="str">
        <f t="shared" si="238"/>
        <v>CLAY</v>
      </c>
      <c r="Q1030" s="236">
        <f t="shared" si="234"/>
        <v>17.149656807132086</v>
      </c>
      <c r="R1030" s="238">
        <v>35</v>
      </c>
      <c r="S1030" s="236">
        <f t="shared" si="239"/>
        <v>1.4059716661124493</v>
      </c>
      <c r="T1030" s="236" t="e">
        <f t="shared" si="225"/>
        <v>#N/A</v>
      </c>
    </row>
    <row r="1031" spans="1:20" x14ac:dyDescent="0.2">
      <c r="A1031" s="53">
        <f t="shared" si="226"/>
        <v>1019</v>
      </c>
      <c r="B1031" s="239">
        <v>10.063000000000001</v>
      </c>
      <c r="C1031" s="3">
        <f t="shared" si="227"/>
        <v>10.056000000000001</v>
      </c>
      <c r="D1031" s="239">
        <v>0.29820000000000002</v>
      </c>
      <c r="E1031" s="239">
        <v>7.0000000000000001E-3</v>
      </c>
      <c r="F1031" s="239">
        <v>0.27779999999999999</v>
      </c>
      <c r="G1031">
        <f t="shared" si="228"/>
        <v>0.35376000000000002</v>
      </c>
      <c r="H1031" s="235">
        <f t="shared" si="229"/>
        <v>1.9787426503844414</v>
      </c>
      <c r="I1031" s="236">
        <f t="shared" si="230"/>
        <v>15.120045615132156</v>
      </c>
      <c r="J1031" s="237">
        <f t="shared" si="235"/>
        <v>5.1200456151321561</v>
      </c>
      <c r="K1031" s="237">
        <f t="shared" si="231"/>
        <v>152.04717870576897</v>
      </c>
      <c r="L1031" s="237">
        <f t="shared" si="236"/>
        <v>51.523019025074888</v>
      </c>
      <c r="M1031" s="236">
        <f t="shared" si="232"/>
        <v>3.9150039169106674</v>
      </c>
      <c r="N1031" s="236">
        <f t="shared" si="233"/>
        <v>3.4702801512995345</v>
      </c>
      <c r="O1031" s="236">
        <f t="shared" si="237"/>
        <v>3.3730628941975538</v>
      </c>
      <c r="P1031" s="236" t="str">
        <f t="shared" si="238"/>
        <v>CLAY</v>
      </c>
      <c r="Q1031" s="236">
        <f t="shared" si="234"/>
        <v>16.809401774519252</v>
      </c>
      <c r="R1031" s="238">
        <v>35</v>
      </c>
      <c r="S1031" s="236">
        <f t="shared" si="239"/>
        <v>1.3767505536360789</v>
      </c>
      <c r="T1031" s="236" t="e">
        <f t="shared" si="225"/>
        <v>#N/A</v>
      </c>
    </row>
    <row r="1032" spans="1:20" x14ac:dyDescent="0.2">
      <c r="A1032" s="53">
        <f t="shared" si="226"/>
        <v>1020</v>
      </c>
      <c r="B1032" s="239">
        <v>10.074</v>
      </c>
      <c r="C1032" s="3">
        <f t="shared" si="227"/>
        <v>10.067</v>
      </c>
      <c r="D1032" s="239">
        <v>0.29420000000000002</v>
      </c>
      <c r="E1032" s="239">
        <v>6.8999999999999999E-3</v>
      </c>
      <c r="F1032" s="239">
        <v>0.27700000000000002</v>
      </c>
      <c r="G1032">
        <f t="shared" si="228"/>
        <v>0.34960000000000002</v>
      </c>
      <c r="H1032" s="235">
        <f t="shared" si="229"/>
        <v>1.9736842105263157</v>
      </c>
      <c r="I1032" s="236">
        <f t="shared" si="230"/>
        <v>15.098549880939204</v>
      </c>
      <c r="J1032" s="237">
        <f t="shared" si="235"/>
        <v>5.0985498809392045</v>
      </c>
      <c r="K1032" s="237">
        <f t="shared" si="231"/>
        <v>151.99710165141497</v>
      </c>
      <c r="L1032" s="237">
        <f t="shared" si="236"/>
        <v>51.362791500581544</v>
      </c>
      <c r="M1032" s="236">
        <f t="shared" si="232"/>
        <v>3.8471993553221839</v>
      </c>
      <c r="N1032" s="236">
        <f t="shared" si="233"/>
        <v>3.4918516163806093</v>
      </c>
      <c r="O1032" s="236">
        <f t="shared" si="237"/>
        <v>3.3809400818432307</v>
      </c>
      <c r="P1032" s="236" t="str">
        <f t="shared" si="238"/>
        <v>CLAY</v>
      </c>
      <c r="Q1032" s="236">
        <f t="shared" si="234"/>
        <v>16.466908195715423</v>
      </c>
      <c r="R1032" s="238">
        <v>35</v>
      </c>
      <c r="S1032" s="236">
        <f t="shared" si="239"/>
        <v>1.3470101641167136</v>
      </c>
      <c r="T1032" s="236" t="e">
        <f t="shared" si="225"/>
        <v>#N/A</v>
      </c>
    </row>
    <row r="1033" spans="1:20" x14ac:dyDescent="0.2">
      <c r="A1033" s="53">
        <f t="shared" si="226"/>
        <v>1021</v>
      </c>
      <c r="B1033" s="239">
        <v>10.083</v>
      </c>
      <c r="C1033" s="3">
        <f t="shared" si="227"/>
        <v>10.076000000000001</v>
      </c>
      <c r="D1033" s="239">
        <v>0.28949999999999998</v>
      </c>
      <c r="E1033" s="239">
        <v>6.8999999999999999E-3</v>
      </c>
      <c r="F1033" s="239">
        <v>0.2767</v>
      </c>
      <c r="G1033">
        <f t="shared" si="228"/>
        <v>0.34483999999999998</v>
      </c>
      <c r="H1033" s="235">
        <f t="shared" si="229"/>
        <v>2.0009279665932027</v>
      </c>
      <c r="I1033" s="236">
        <f t="shared" si="230"/>
        <v>15.093191472151954</v>
      </c>
      <c r="J1033" s="237">
        <f t="shared" si="235"/>
        <v>5.093191472151954</v>
      </c>
      <c r="K1033" s="237">
        <f t="shared" si="231"/>
        <v>152.0789972734031</v>
      </c>
      <c r="L1033" s="237">
        <f t="shared" si="236"/>
        <v>51.354649613708155</v>
      </c>
      <c r="M1033" s="236">
        <f t="shared" si="232"/>
        <v>3.7535258087934253</v>
      </c>
      <c r="N1033" s="236">
        <f t="shared" si="233"/>
        <v>3.5795622052177398</v>
      </c>
      <c r="O1033" s="236">
        <f t="shared" si="237"/>
        <v>3.3956948795452382</v>
      </c>
      <c r="P1033" s="236" t="str">
        <f t="shared" si="238"/>
        <v>CLAY</v>
      </c>
      <c r="Q1033" s="236">
        <f t="shared" si="234"/>
        <v>16.063416893883073</v>
      </c>
      <c r="R1033" s="238">
        <v>35</v>
      </c>
      <c r="S1033" s="236">
        <f t="shared" si="239"/>
        <v>1.3061386071848669</v>
      </c>
      <c r="T1033" s="236" t="e">
        <f t="shared" si="225"/>
        <v>#N/A</v>
      </c>
    </row>
    <row r="1034" spans="1:20" x14ac:dyDescent="0.2">
      <c r="A1034" s="53">
        <f t="shared" si="226"/>
        <v>1022</v>
      </c>
      <c r="B1034" s="239">
        <v>10.093</v>
      </c>
      <c r="C1034" s="3">
        <f t="shared" si="227"/>
        <v>10.086</v>
      </c>
      <c r="D1034" s="239">
        <v>0.28499999999999998</v>
      </c>
      <c r="E1034" s="239">
        <v>7.0000000000000001E-3</v>
      </c>
      <c r="F1034" s="239">
        <v>0.2777</v>
      </c>
      <c r="G1034">
        <f t="shared" si="228"/>
        <v>0.34053999999999995</v>
      </c>
      <c r="H1034" s="235">
        <f t="shared" si="229"/>
        <v>2.0555588183473308</v>
      </c>
      <c r="I1034" s="236">
        <f t="shared" si="230"/>
        <v>15.10515908094531</v>
      </c>
      <c r="J1034" s="237">
        <f t="shared" si="235"/>
        <v>5.1051590809453096</v>
      </c>
      <c r="K1034" s="237">
        <f t="shared" si="231"/>
        <v>152.35063449041439</v>
      </c>
      <c r="L1034" s="237">
        <f t="shared" si="236"/>
        <v>51.526370603981007</v>
      </c>
      <c r="M1034" s="236">
        <f t="shared" si="232"/>
        <v>3.6522922787627072</v>
      </c>
      <c r="N1034" s="236">
        <f t="shared" si="233"/>
        <v>3.7196575805679357</v>
      </c>
      <c r="O1034" s="236">
        <f t="shared" si="237"/>
        <v>3.4145389267753496</v>
      </c>
      <c r="P1034" s="236" t="str">
        <f t="shared" si="238"/>
        <v>CLAY</v>
      </c>
      <c r="Q1034" s="236">
        <f t="shared" si="234"/>
        <v>15.682447125798797</v>
      </c>
      <c r="R1034" s="238">
        <v>35</v>
      </c>
      <c r="S1034" s="236">
        <f t="shared" si="239"/>
        <v>1.2622544635586339</v>
      </c>
      <c r="T1034" s="236" t="e">
        <f t="shared" si="225"/>
        <v>#N/A</v>
      </c>
    </row>
    <row r="1035" spans="1:20" x14ac:dyDescent="0.2">
      <c r="A1035" s="53">
        <f t="shared" si="226"/>
        <v>1023</v>
      </c>
      <c r="B1035" s="239">
        <v>10.103999999999999</v>
      </c>
      <c r="C1035" s="3">
        <f t="shared" si="227"/>
        <v>10.097</v>
      </c>
      <c r="D1035" s="239">
        <v>0.28399999999999997</v>
      </c>
      <c r="E1035" s="239">
        <v>6.8999999999999999E-3</v>
      </c>
      <c r="F1035" s="239">
        <v>0.27189999999999998</v>
      </c>
      <c r="G1035">
        <f t="shared" si="228"/>
        <v>0.33837999999999996</v>
      </c>
      <c r="H1035" s="235">
        <f t="shared" si="229"/>
        <v>2.0391276080146583</v>
      </c>
      <c r="I1035" s="236">
        <f t="shared" si="230"/>
        <v>15.085799816850376</v>
      </c>
      <c r="J1035" s="237">
        <f t="shared" si="235"/>
        <v>5.0857998168503755</v>
      </c>
      <c r="K1035" s="237">
        <f t="shared" si="231"/>
        <v>152.32132075073824</v>
      </c>
      <c r="L1035" s="237">
        <f t="shared" si="236"/>
        <v>51.386921349456188</v>
      </c>
      <c r="M1035" s="236">
        <f t="shared" si="232"/>
        <v>3.6207399541212388</v>
      </c>
      <c r="N1035" s="236">
        <f t="shared" si="233"/>
        <v>3.7085074600342134</v>
      </c>
      <c r="O1035" s="236">
        <f t="shared" si="237"/>
        <v>3.4170652003718098</v>
      </c>
      <c r="P1035" s="236" t="str">
        <f t="shared" si="238"/>
        <v>CLAY</v>
      </c>
      <c r="Q1035" s="236">
        <f t="shared" si="234"/>
        <v>15.504889937438476</v>
      </c>
      <c r="R1035" s="238">
        <v>35</v>
      </c>
      <c r="S1035" s="236">
        <f t="shared" si="239"/>
        <v>1.2486383706183044</v>
      </c>
      <c r="T1035" s="236" t="e">
        <f t="shared" si="225"/>
        <v>#N/A</v>
      </c>
    </row>
    <row r="1036" spans="1:20" x14ac:dyDescent="0.2">
      <c r="A1036" s="53">
        <f t="shared" si="226"/>
        <v>1024</v>
      </c>
      <c r="B1036" s="239">
        <v>10.113</v>
      </c>
      <c r="C1036" s="3">
        <f t="shared" si="227"/>
        <v>10.106</v>
      </c>
      <c r="D1036" s="239">
        <v>0.28039999999999998</v>
      </c>
      <c r="E1036" s="239">
        <v>7.0000000000000001E-3</v>
      </c>
      <c r="F1036" s="239">
        <v>0.27660000000000001</v>
      </c>
      <c r="G1036">
        <f t="shared" si="228"/>
        <v>0.33571999999999996</v>
      </c>
      <c r="H1036" s="235">
        <f t="shared" si="229"/>
        <v>2.085070892410342</v>
      </c>
      <c r="I1036" s="236">
        <f t="shared" si="230"/>
        <v>15.099587255417941</v>
      </c>
      <c r="J1036" s="237">
        <f t="shared" si="235"/>
        <v>5.0995872554179407</v>
      </c>
      <c r="K1036" s="237">
        <f t="shared" si="231"/>
        <v>152.5964288032537</v>
      </c>
      <c r="L1036" s="237">
        <f t="shared" si="236"/>
        <v>51.572125914041635</v>
      </c>
      <c r="M1036" s="236">
        <f t="shared" si="232"/>
        <v>3.5508245578623101</v>
      </c>
      <c r="N1036" s="236">
        <f t="shared" si="233"/>
        <v>3.8225554221412952</v>
      </c>
      <c r="O1036" s="236">
        <f t="shared" si="237"/>
        <v>3.431174242305369</v>
      </c>
      <c r="P1036" s="236" t="str">
        <f t="shared" si="238"/>
        <v>CLAY</v>
      </c>
      <c r="Q1036" s="236">
        <f t="shared" si="234"/>
        <v>15.260297599728856</v>
      </c>
      <c r="R1036" s="238">
        <v>35</v>
      </c>
      <c r="S1036" s="236">
        <f t="shared" si="239"/>
        <v>1.2185729327201171</v>
      </c>
      <c r="T1036" s="236" t="e">
        <f t="shared" si="225"/>
        <v>#N/A</v>
      </c>
    </row>
    <row r="1037" spans="1:20" x14ac:dyDescent="0.2">
      <c r="A1037" s="53">
        <f t="shared" si="226"/>
        <v>1025</v>
      </c>
      <c r="B1037" s="239">
        <v>10.122999999999999</v>
      </c>
      <c r="C1037" s="3">
        <f t="shared" si="227"/>
        <v>10.116</v>
      </c>
      <c r="D1037" s="239">
        <v>0.27839999999999998</v>
      </c>
      <c r="E1037" s="239">
        <v>7.1000000000000004E-3</v>
      </c>
      <c r="F1037" s="239">
        <v>0.27879999999999999</v>
      </c>
      <c r="G1037">
        <f t="shared" si="228"/>
        <v>0.33415999999999996</v>
      </c>
      <c r="H1037" s="235">
        <f t="shared" si="229"/>
        <v>2.1247306679435005</v>
      </c>
      <c r="I1037" s="236">
        <f t="shared" si="230"/>
        <v>15.114399611955349</v>
      </c>
      <c r="J1037" s="237">
        <f t="shared" si="235"/>
        <v>5.1143996119553492</v>
      </c>
      <c r="K1037" s="237">
        <f t="shared" si="231"/>
        <v>152.89726647454032</v>
      </c>
      <c r="L1037" s="237">
        <f t="shared" si="236"/>
        <v>51.773067271823997</v>
      </c>
      <c r="M1037" s="236">
        <f t="shared" si="232"/>
        <v>3.5011009213299342</v>
      </c>
      <c r="N1037" s="236">
        <f t="shared" si="233"/>
        <v>3.9169661970273411</v>
      </c>
      <c r="O1037" s="236">
        <f t="shared" si="237"/>
        <v>3.4419566545341831</v>
      </c>
      <c r="P1037" s="236" t="str">
        <f t="shared" si="238"/>
        <v>CLAY</v>
      </c>
      <c r="Q1037" s="236">
        <f t="shared" si="234"/>
        <v>15.105227793788304</v>
      </c>
      <c r="R1037" s="238">
        <v>35</v>
      </c>
      <c r="S1037" s="236">
        <f t="shared" si="239"/>
        <v>1.1972801873904777</v>
      </c>
      <c r="T1037" s="236" t="e">
        <f t="shared" ref="T1037:T1100" si="240">IF(P1037="SAND",17.6+(11*LOG(M1037)),#N/A)</f>
        <v>#N/A</v>
      </c>
    </row>
    <row r="1038" spans="1:20" x14ac:dyDescent="0.2">
      <c r="A1038" s="53">
        <f t="shared" ref="A1038:A1101" si="241">$A1037+1</f>
        <v>1026</v>
      </c>
      <c r="B1038" s="239">
        <v>10.135</v>
      </c>
      <c r="C1038" s="3">
        <f t="shared" ref="C1038:C1101" si="242">MAX($B1038 - $B$13, 0.001)</f>
        <v>10.128</v>
      </c>
      <c r="D1038" s="239">
        <v>0.27539999999999998</v>
      </c>
      <c r="E1038" s="239">
        <v>7.1999999999999998E-3</v>
      </c>
      <c r="F1038" s="239">
        <v>0.2823</v>
      </c>
      <c r="G1038">
        <f t="shared" si="228"/>
        <v>0.33185999999999999</v>
      </c>
      <c r="H1038" s="235">
        <f t="shared" si="229"/>
        <v>2.1695895859699874</v>
      </c>
      <c r="I1038" s="236">
        <f t="shared" si="230"/>
        <v>15.12810021271444</v>
      </c>
      <c r="J1038" s="237">
        <f t="shared" si="235"/>
        <v>5.1281002127144397</v>
      </c>
      <c r="K1038" s="237">
        <f t="shared" si="231"/>
        <v>153.21739895437184</v>
      </c>
      <c r="L1038" s="237">
        <f t="shared" si="236"/>
        <v>51.973295655860845</v>
      </c>
      <c r="M1038" s="236">
        <f t="shared" si="232"/>
        <v>3.4371997925339044</v>
      </c>
      <c r="N1038" s="236">
        <f t="shared" si="233"/>
        <v>4.0303936227176891</v>
      </c>
      <c r="O1038" s="236">
        <f t="shared" si="237"/>
        <v>3.4552927186593827</v>
      </c>
      <c r="P1038" s="236" t="str">
        <f t="shared" si="238"/>
        <v>CLAY</v>
      </c>
      <c r="Q1038" s="236">
        <f t="shared" si="234"/>
        <v>14.886883420469013</v>
      </c>
      <c r="R1038" s="238">
        <v>35</v>
      </c>
      <c r="S1038" s="236">
        <f t="shared" si="239"/>
        <v>1.1700272586181117</v>
      </c>
      <c r="T1038" s="236" t="e">
        <f t="shared" si="240"/>
        <v>#N/A</v>
      </c>
    </row>
    <row r="1039" spans="1:20" x14ac:dyDescent="0.2">
      <c r="A1039" s="53">
        <f t="shared" si="241"/>
        <v>1027</v>
      </c>
      <c r="B1039" s="239">
        <v>10.144</v>
      </c>
      <c r="C1039" s="3">
        <f t="shared" si="242"/>
        <v>10.137</v>
      </c>
      <c r="D1039" s="239">
        <v>0.27539999999999998</v>
      </c>
      <c r="E1039" s="239">
        <v>7.1999999999999998E-3</v>
      </c>
      <c r="F1039" s="239">
        <v>0.28439999999999999</v>
      </c>
      <c r="G1039">
        <f t="shared" ref="G1039:G1102" si="243">$D1039+($F1039*(1-$P$8))</f>
        <v>0.33227999999999996</v>
      </c>
      <c r="H1039" s="235">
        <f t="shared" ref="H1039:H1102" si="244">($E1039/$G1039)*100</f>
        <v>2.1668472372697729</v>
      </c>
      <c r="I1039" s="236">
        <f t="shared" ref="I1039:I1102" si="245">((0.27*(LOG($H1039)))+(0.36*(LOG(($G1039*1000)/101)))+1.236)*10</f>
        <v>15.12859457636079</v>
      </c>
      <c r="J1039" s="237">
        <f t="shared" si="235"/>
        <v>5.1285945763607899</v>
      </c>
      <c r="K1039" s="237">
        <f t="shared" ref="K1039:K1102" si="246">$I1039*$C1039</f>
        <v>153.35856322056932</v>
      </c>
      <c r="L1039" s="237">
        <f t="shared" si="236"/>
        <v>52.024463382603855</v>
      </c>
      <c r="M1039" s="236">
        <f t="shared" ref="M1039:M1102" si="247">(($G1039*1000)-$K1039)/$L1039</f>
        <v>3.4391789005796665</v>
      </c>
      <c r="N1039" s="236">
        <f t="shared" ref="N1039:N1102" si="248">(($E1039*1000)/(($G1039*1000)-$K1039))*100</f>
        <v>4.0241125544257503</v>
      </c>
      <c r="O1039" s="236">
        <f t="shared" si="237"/>
        <v>3.4547226624764793</v>
      </c>
      <c r="P1039" s="236" t="str">
        <f t="shared" si="238"/>
        <v>CLAY</v>
      </c>
      <c r="Q1039" s="236">
        <f t="shared" ref="Q1039:Q1102" si="249">IF(P1039="CLAY",($G1039*1000 -$K1039)/$L$8,#N/A)</f>
        <v>14.91011973161922</v>
      </c>
      <c r="R1039" s="238">
        <v>35</v>
      </c>
      <c r="S1039" s="236">
        <f t="shared" si="239"/>
        <v>1.1708694328953144</v>
      </c>
      <c r="T1039" s="236" t="e">
        <f t="shared" si="240"/>
        <v>#N/A</v>
      </c>
    </row>
    <row r="1040" spans="1:20" x14ac:dyDescent="0.2">
      <c r="A1040" s="53">
        <f t="shared" si="241"/>
        <v>1028</v>
      </c>
      <c r="B1040" s="239">
        <v>10.154</v>
      </c>
      <c r="C1040" s="3">
        <f t="shared" si="242"/>
        <v>10.147</v>
      </c>
      <c r="D1040" s="239">
        <v>0.27660000000000001</v>
      </c>
      <c r="E1040" s="239">
        <v>7.1999999999999998E-3</v>
      </c>
      <c r="F1040" s="239">
        <v>0.28489999999999999</v>
      </c>
      <c r="G1040">
        <f t="shared" si="243"/>
        <v>0.33357999999999999</v>
      </c>
      <c r="H1040" s="235">
        <f t="shared" si="244"/>
        <v>2.1584027819413634</v>
      </c>
      <c r="I1040" s="236">
        <f t="shared" si="245"/>
        <v>15.130120798658083</v>
      </c>
      <c r="J1040" s="237">
        <f t="shared" ref="J1040:J1103" si="250">$I1040-10</f>
        <v>5.1301207986580835</v>
      </c>
      <c r="K1040" s="237">
        <f t="shared" si="246"/>
        <v>153.52533574398359</v>
      </c>
      <c r="L1040" s="237">
        <f t="shared" ref="L1040:L1103" si="251">$J1040*$B1040</f>
        <v>52.091246589574176</v>
      </c>
      <c r="M1040" s="236">
        <f t="shared" si="247"/>
        <v>3.4565243883423116</v>
      </c>
      <c r="N1040" s="236">
        <f t="shared" si="248"/>
        <v>3.9987856075544106</v>
      </c>
      <c r="O1040" s="236">
        <f t="shared" ref="O1040:O1103" si="252">((3.47-LOG($M1040))^2+(LOG($N1040)+1.22)^2)^0.5</f>
        <v>3.4514193777089779</v>
      </c>
      <c r="P1040" s="236" t="str">
        <f t="shared" ref="P1040:P1103" si="253">IF(O1040&lt;2.6,"SAND","CLAY")</f>
        <v>CLAY</v>
      </c>
      <c r="Q1040" s="236">
        <f t="shared" si="249"/>
        <v>15.004555354668033</v>
      </c>
      <c r="R1040" s="238">
        <v>35</v>
      </c>
      <c r="S1040" s="236">
        <f t="shared" ref="S1040:S1103" si="254">IF(P1040="SAND",#N/A,0.25*($M1040)^1.25)</f>
        <v>1.1782556759623786</v>
      </c>
      <c r="T1040" s="236" t="e">
        <f t="shared" si="240"/>
        <v>#N/A</v>
      </c>
    </row>
    <row r="1041" spans="1:20" x14ac:dyDescent="0.2">
      <c r="A1041" s="53">
        <f t="shared" si="241"/>
        <v>1029</v>
      </c>
      <c r="B1041" s="239">
        <v>10.164</v>
      </c>
      <c r="C1041" s="3">
        <f t="shared" si="242"/>
        <v>10.157</v>
      </c>
      <c r="D1041" s="239">
        <v>0.27889999999999998</v>
      </c>
      <c r="E1041" s="239">
        <v>7.1999999999999998E-3</v>
      </c>
      <c r="F1041" s="239">
        <v>0.28699999999999998</v>
      </c>
      <c r="G1041">
        <f t="shared" si="243"/>
        <v>0.33629999999999999</v>
      </c>
      <c r="H1041" s="235">
        <f t="shared" si="244"/>
        <v>2.1409455842997325</v>
      </c>
      <c r="I1041" s="236">
        <f t="shared" si="245"/>
        <v>15.133294975330083</v>
      </c>
      <c r="J1041" s="237">
        <f t="shared" si="250"/>
        <v>5.1332949753300827</v>
      </c>
      <c r="K1041" s="237">
        <f t="shared" si="246"/>
        <v>153.70887706442764</v>
      </c>
      <c r="L1041" s="237">
        <f t="shared" si="251"/>
        <v>52.174810129254958</v>
      </c>
      <c r="M1041" s="236">
        <f t="shared" si="247"/>
        <v>3.499603016920068</v>
      </c>
      <c r="N1041" s="236">
        <f t="shared" si="248"/>
        <v>3.9432366066013707</v>
      </c>
      <c r="O1041" s="236">
        <f t="shared" si="252"/>
        <v>3.4436445246059537</v>
      </c>
      <c r="P1041" s="236" t="str">
        <f t="shared" si="253"/>
        <v>CLAY</v>
      </c>
      <c r="Q1041" s="236">
        <f t="shared" si="249"/>
        <v>15.215926911297698</v>
      </c>
      <c r="R1041" s="238">
        <v>35</v>
      </c>
      <c r="S1041" s="236">
        <f t="shared" si="254"/>
        <v>1.1966399190179851</v>
      </c>
      <c r="T1041" s="236" t="e">
        <f t="shared" si="240"/>
        <v>#N/A</v>
      </c>
    </row>
    <row r="1042" spans="1:20" x14ac:dyDescent="0.2">
      <c r="A1042" s="53">
        <f t="shared" si="241"/>
        <v>1030</v>
      </c>
      <c r="B1042" s="239">
        <v>10.175000000000001</v>
      </c>
      <c r="C1042" s="3">
        <f t="shared" si="242"/>
        <v>10.168000000000001</v>
      </c>
      <c r="D1042" s="239">
        <v>0.28210000000000002</v>
      </c>
      <c r="E1042" s="239">
        <v>7.1999999999999998E-3</v>
      </c>
      <c r="F1042" s="239">
        <v>0.28770000000000001</v>
      </c>
      <c r="G1042">
        <f t="shared" si="243"/>
        <v>0.33964</v>
      </c>
      <c r="H1042" s="235">
        <f t="shared" si="244"/>
        <v>2.1198916499823341</v>
      </c>
      <c r="I1042" s="236">
        <f t="shared" si="245"/>
        <v>15.137157743734823</v>
      </c>
      <c r="J1042" s="237">
        <f t="shared" si="250"/>
        <v>5.1371577437348233</v>
      </c>
      <c r="K1042" s="237">
        <f t="shared" si="246"/>
        <v>153.91461993829569</v>
      </c>
      <c r="L1042" s="237">
        <f t="shared" si="251"/>
        <v>52.270580042501827</v>
      </c>
      <c r="M1042" s="236">
        <f t="shared" si="247"/>
        <v>3.5531532252117501</v>
      </c>
      <c r="N1042" s="236">
        <f t="shared" si="248"/>
        <v>3.8766914880496759</v>
      </c>
      <c r="O1042" s="236">
        <f t="shared" si="252"/>
        <v>3.434144296334086</v>
      </c>
      <c r="P1042" s="236" t="str">
        <f t="shared" si="253"/>
        <v>CLAY</v>
      </c>
      <c r="Q1042" s="236">
        <f t="shared" si="249"/>
        <v>15.477115005142025</v>
      </c>
      <c r="R1042" s="238">
        <v>35</v>
      </c>
      <c r="S1042" s="236">
        <f t="shared" si="254"/>
        <v>1.219571955460139</v>
      </c>
      <c r="T1042" s="236" t="e">
        <f t="shared" si="240"/>
        <v>#N/A</v>
      </c>
    </row>
    <row r="1043" spans="1:20" x14ac:dyDescent="0.2">
      <c r="A1043" s="53">
        <f t="shared" si="241"/>
        <v>1031</v>
      </c>
      <c r="B1043" s="239">
        <v>10.183999999999999</v>
      </c>
      <c r="C1043" s="3">
        <f t="shared" si="242"/>
        <v>10.177</v>
      </c>
      <c r="D1043" s="239">
        <v>0.28449999999999998</v>
      </c>
      <c r="E1043" s="239">
        <v>7.3000000000000001E-3</v>
      </c>
      <c r="F1043" s="239">
        <v>0.28820000000000001</v>
      </c>
      <c r="G1043">
        <f t="shared" si="243"/>
        <v>0.34213999999999994</v>
      </c>
      <c r="H1043" s="235">
        <f t="shared" si="244"/>
        <v>2.1336295083883794</v>
      </c>
      <c r="I1043" s="236">
        <f t="shared" si="245"/>
        <v>15.156198242648149</v>
      </c>
      <c r="J1043" s="237">
        <f t="shared" si="250"/>
        <v>5.1561982426481485</v>
      </c>
      <c r="K1043" s="237">
        <f t="shared" si="246"/>
        <v>154.2446295154302</v>
      </c>
      <c r="L1043" s="237">
        <f t="shared" si="251"/>
        <v>52.510722903128737</v>
      </c>
      <c r="M1043" s="236">
        <f t="shared" si="247"/>
        <v>3.5782285997318537</v>
      </c>
      <c r="N1043" s="236">
        <f t="shared" si="248"/>
        <v>3.8851409596595077</v>
      </c>
      <c r="O1043" s="236">
        <f t="shared" si="252"/>
        <v>3.4320467289152217</v>
      </c>
      <c r="P1043" s="236" t="str">
        <f t="shared" si="253"/>
        <v>CLAY</v>
      </c>
      <c r="Q1043" s="236">
        <f t="shared" si="249"/>
        <v>15.65794754038081</v>
      </c>
      <c r="R1043" s="238">
        <v>35</v>
      </c>
      <c r="S1043" s="236">
        <f t="shared" si="254"/>
        <v>1.2303399098094689</v>
      </c>
      <c r="T1043" s="236" t="e">
        <f t="shared" si="240"/>
        <v>#N/A</v>
      </c>
    </row>
    <row r="1044" spans="1:20" x14ac:dyDescent="0.2">
      <c r="A1044" s="53">
        <f t="shared" si="241"/>
        <v>1032</v>
      </c>
      <c r="B1044" s="239">
        <v>10.195</v>
      </c>
      <c r="C1044" s="3">
        <f t="shared" si="242"/>
        <v>10.188000000000001</v>
      </c>
      <c r="D1044" s="239">
        <v>0.2858</v>
      </c>
      <c r="E1044" s="239">
        <v>7.3000000000000001E-3</v>
      </c>
      <c r="F1044" s="239">
        <v>0.28889999999999999</v>
      </c>
      <c r="G1044">
        <f t="shared" si="243"/>
        <v>0.34358</v>
      </c>
      <c r="H1044" s="235">
        <f t="shared" si="244"/>
        <v>2.1246871179928983</v>
      </c>
      <c r="I1044" s="236">
        <f t="shared" si="245"/>
        <v>15.157839864522728</v>
      </c>
      <c r="J1044" s="237">
        <f t="shared" si="250"/>
        <v>5.1578398645227281</v>
      </c>
      <c r="K1044" s="237">
        <f t="shared" si="246"/>
        <v>154.42807253975755</v>
      </c>
      <c r="L1044" s="237">
        <f t="shared" si="251"/>
        <v>52.584177418809212</v>
      </c>
      <c r="M1044" s="236">
        <f t="shared" si="247"/>
        <v>3.597126298158718</v>
      </c>
      <c r="N1044" s="236">
        <f t="shared" si="248"/>
        <v>3.8593315426481056</v>
      </c>
      <c r="O1044" s="236">
        <f t="shared" si="252"/>
        <v>3.4285769917792592</v>
      </c>
      <c r="P1044" s="236" t="str">
        <f t="shared" si="253"/>
        <v>CLAY</v>
      </c>
      <c r="Q1044" s="236">
        <f t="shared" si="249"/>
        <v>15.762660621686869</v>
      </c>
      <c r="R1044" s="238">
        <v>35</v>
      </c>
      <c r="S1044" s="236">
        <f t="shared" si="254"/>
        <v>1.2384675073341753</v>
      </c>
      <c r="T1044" s="236" t="e">
        <f t="shared" si="240"/>
        <v>#N/A</v>
      </c>
    </row>
    <row r="1045" spans="1:20" x14ac:dyDescent="0.2">
      <c r="A1045" s="53">
        <f t="shared" si="241"/>
        <v>1033</v>
      </c>
      <c r="B1045" s="239">
        <v>10.204000000000001</v>
      </c>
      <c r="C1045" s="3">
        <f t="shared" si="242"/>
        <v>10.197000000000001</v>
      </c>
      <c r="D1045" s="239">
        <v>0.28589999999999999</v>
      </c>
      <c r="E1045" s="239">
        <v>7.1999999999999998E-3</v>
      </c>
      <c r="F1045" s="239">
        <v>0.28870000000000001</v>
      </c>
      <c r="G1045">
        <f t="shared" si="243"/>
        <v>0.34364</v>
      </c>
      <c r="H1045" s="235">
        <f t="shared" si="244"/>
        <v>2.0952159236410193</v>
      </c>
      <c r="I1045" s="236">
        <f t="shared" si="245"/>
        <v>15.141734134074049</v>
      </c>
      <c r="J1045" s="237">
        <f t="shared" si="250"/>
        <v>5.1417341340740492</v>
      </c>
      <c r="K1045" s="237">
        <f t="shared" si="246"/>
        <v>154.4002629651531</v>
      </c>
      <c r="L1045" s="237">
        <f t="shared" si="251"/>
        <v>52.466255104091601</v>
      </c>
      <c r="M1045" s="236">
        <f t="shared" si="247"/>
        <v>3.6068847806919031</v>
      </c>
      <c r="N1045" s="236">
        <f t="shared" si="248"/>
        <v>3.8046977409793072</v>
      </c>
      <c r="O1045" s="236">
        <f t="shared" si="252"/>
        <v>3.424317610401507</v>
      </c>
      <c r="P1045" s="236" t="str">
        <f t="shared" si="253"/>
        <v>CLAY</v>
      </c>
      <c r="Q1045" s="236">
        <f t="shared" si="249"/>
        <v>15.76997808623724</v>
      </c>
      <c r="R1045" s="238">
        <v>35</v>
      </c>
      <c r="S1045" s="236">
        <f t="shared" si="254"/>
        <v>1.2426686591904779</v>
      </c>
      <c r="T1045" s="236" t="e">
        <f t="shared" si="240"/>
        <v>#N/A</v>
      </c>
    </row>
    <row r="1046" spans="1:20" x14ac:dyDescent="0.2">
      <c r="A1046" s="53">
        <f t="shared" si="241"/>
        <v>1034</v>
      </c>
      <c r="B1046" s="239">
        <v>10.215</v>
      </c>
      <c r="C1046" s="3">
        <f t="shared" si="242"/>
        <v>10.208</v>
      </c>
      <c r="D1046" s="239">
        <v>0.28760000000000002</v>
      </c>
      <c r="E1046" s="239">
        <v>7.1999999999999998E-3</v>
      </c>
      <c r="F1046" s="239">
        <v>0.28510000000000002</v>
      </c>
      <c r="G1046">
        <f t="shared" si="243"/>
        <v>0.34462000000000004</v>
      </c>
      <c r="H1046" s="235">
        <f t="shared" si="244"/>
        <v>2.0892577331553595</v>
      </c>
      <c r="I1046" s="236">
        <f t="shared" si="245"/>
        <v>15.142847225033593</v>
      </c>
      <c r="J1046" s="237">
        <f t="shared" si="250"/>
        <v>5.1428472250335933</v>
      </c>
      <c r="K1046" s="237">
        <f t="shared" si="246"/>
        <v>154.57818447314293</v>
      </c>
      <c r="L1046" s="237">
        <f t="shared" si="251"/>
        <v>52.534184403718157</v>
      </c>
      <c r="M1046" s="236">
        <f t="shared" si="247"/>
        <v>3.6174886444683576</v>
      </c>
      <c r="N1046" s="236">
        <f t="shared" si="248"/>
        <v>3.788639873829494</v>
      </c>
      <c r="O1046" s="236">
        <f t="shared" si="252"/>
        <v>3.4222675293811928</v>
      </c>
      <c r="P1046" s="236" t="str">
        <f t="shared" si="253"/>
        <v>CLAY</v>
      </c>
      <c r="Q1046" s="236">
        <f t="shared" si="249"/>
        <v>15.836817960571429</v>
      </c>
      <c r="R1046" s="238">
        <v>35</v>
      </c>
      <c r="S1046" s="236">
        <f t="shared" si="254"/>
        <v>1.2472369808989052</v>
      </c>
      <c r="T1046" s="236" t="e">
        <f t="shared" si="240"/>
        <v>#N/A</v>
      </c>
    </row>
    <row r="1047" spans="1:20" x14ac:dyDescent="0.2">
      <c r="A1047" s="53">
        <f t="shared" si="241"/>
        <v>1035</v>
      </c>
      <c r="B1047" s="239">
        <v>10.224</v>
      </c>
      <c r="C1047" s="3">
        <f t="shared" si="242"/>
        <v>10.217000000000001</v>
      </c>
      <c r="D1047" s="239">
        <v>0.29010000000000002</v>
      </c>
      <c r="E1047" s="239">
        <v>7.1999999999999998E-3</v>
      </c>
      <c r="F1047" s="239">
        <v>0.28439999999999999</v>
      </c>
      <c r="G1047">
        <f t="shared" si="243"/>
        <v>0.34698000000000001</v>
      </c>
      <c r="H1047" s="235">
        <f t="shared" si="244"/>
        <v>2.0750475531730936</v>
      </c>
      <c r="I1047" s="236">
        <f t="shared" si="245"/>
        <v>15.145514793165427</v>
      </c>
      <c r="J1047" s="237">
        <f t="shared" si="250"/>
        <v>5.145514793165427</v>
      </c>
      <c r="K1047" s="237">
        <f t="shared" si="246"/>
        <v>154.74172464177119</v>
      </c>
      <c r="L1047" s="237">
        <f t="shared" si="251"/>
        <v>52.607743245323327</v>
      </c>
      <c r="M1047" s="236">
        <f t="shared" si="247"/>
        <v>3.6541821317400505</v>
      </c>
      <c r="N1047" s="236">
        <f t="shared" si="248"/>
        <v>3.7453519527175692</v>
      </c>
      <c r="O1047" s="236">
        <f t="shared" si="252"/>
        <v>3.4159163796185346</v>
      </c>
      <c r="P1047" s="236" t="str">
        <f t="shared" si="253"/>
        <v>CLAY</v>
      </c>
      <c r="Q1047" s="236">
        <f t="shared" si="249"/>
        <v>16.019856279852402</v>
      </c>
      <c r="R1047" s="238">
        <v>35</v>
      </c>
      <c r="S1047" s="236">
        <f t="shared" si="254"/>
        <v>1.2630709472377573</v>
      </c>
      <c r="T1047" s="236" t="e">
        <f t="shared" si="240"/>
        <v>#N/A</v>
      </c>
    </row>
    <row r="1048" spans="1:20" x14ac:dyDescent="0.2">
      <c r="A1048" s="53">
        <f t="shared" si="241"/>
        <v>1036</v>
      </c>
      <c r="B1048" s="239">
        <v>10.234999999999999</v>
      </c>
      <c r="C1048" s="3">
        <f t="shared" si="242"/>
        <v>10.228</v>
      </c>
      <c r="D1048" s="239">
        <v>0.28949999999999998</v>
      </c>
      <c r="E1048" s="239">
        <v>7.1999999999999998E-3</v>
      </c>
      <c r="F1048" s="239">
        <v>0.28110000000000002</v>
      </c>
      <c r="G1048">
        <f t="shared" si="243"/>
        <v>0.34571999999999997</v>
      </c>
      <c r="H1048" s="235">
        <f t="shared" si="244"/>
        <v>2.0826102047900039</v>
      </c>
      <c r="I1048" s="236">
        <f t="shared" si="245"/>
        <v>15.144092848642146</v>
      </c>
      <c r="J1048" s="237">
        <f t="shared" si="250"/>
        <v>5.1440928486421456</v>
      </c>
      <c r="K1048" s="237">
        <f t="shared" si="246"/>
        <v>154.89378165591185</v>
      </c>
      <c r="L1048" s="237">
        <f t="shared" si="251"/>
        <v>52.649790305852356</v>
      </c>
      <c r="M1048" s="236">
        <f t="shared" si="247"/>
        <v>3.6244440335952599</v>
      </c>
      <c r="N1048" s="236">
        <f t="shared" si="248"/>
        <v>3.7730664383954449</v>
      </c>
      <c r="O1048" s="236">
        <f t="shared" si="252"/>
        <v>3.4206178674115679</v>
      </c>
      <c r="P1048" s="236" t="str">
        <f t="shared" si="253"/>
        <v>CLAY</v>
      </c>
      <c r="Q1048" s="236">
        <f t="shared" si="249"/>
        <v>15.902184862007344</v>
      </c>
      <c r="R1048" s="238">
        <v>35</v>
      </c>
      <c r="S1048" s="236">
        <f t="shared" si="254"/>
        <v>1.2502352980093501</v>
      </c>
      <c r="T1048" s="236" t="e">
        <f t="shared" si="240"/>
        <v>#N/A</v>
      </c>
    </row>
    <row r="1049" spans="1:20" x14ac:dyDescent="0.2">
      <c r="A1049" s="53">
        <f t="shared" si="241"/>
        <v>1037</v>
      </c>
      <c r="B1049" s="239">
        <v>10.244</v>
      </c>
      <c r="C1049" s="3">
        <f t="shared" si="242"/>
        <v>10.237</v>
      </c>
      <c r="D1049" s="239">
        <v>0.2888</v>
      </c>
      <c r="E1049" s="239">
        <v>7.3000000000000001E-3</v>
      </c>
      <c r="F1049" s="239">
        <v>0.28470000000000001</v>
      </c>
      <c r="G1049">
        <f t="shared" si="243"/>
        <v>0.34573999999999999</v>
      </c>
      <c r="H1049" s="235">
        <f t="shared" si="244"/>
        <v>2.1114132006710244</v>
      </c>
      <c r="I1049" s="236">
        <f t="shared" si="245"/>
        <v>15.160289441601929</v>
      </c>
      <c r="J1049" s="237">
        <f t="shared" si="250"/>
        <v>5.1602894416019289</v>
      </c>
      <c r="K1049" s="237">
        <f t="shared" si="246"/>
        <v>155.19588301367895</v>
      </c>
      <c r="L1049" s="237">
        <f t="shared" si="251"/>
        <v>52.86200503977016</v>
      </c>
      <c r="M1049" s="236">
        <f t="shared" si="247"/>
        <v>3.6045571264837051</v>
      </c>
      <c r="N1049" s="236">
        <f t="shared" si="248"/>
        <v>3.8311337633814531</v>
      </c>
      <c r="O1049" s="236">
        <f t="shared" si="252"/>
        <v>3.4261379401717411</v>
      </c>
      <c r="P1049" s="236" t="str">
        <f t="shared" si="253"/>
        <v>CLAY</v>
      </c>
      <c r="Q1049" s="236">
        <f t="shared" si="249"/>
        <v>15.878676415526755</v>
      </c>
      <c r="R1049" s="238">
        <v>35</v>
      </c>
      <c r="S1049" s="236">
        <f t="shared" si="254"/>
        <v>1.2416663158448804</v>
      </c>
      <c r="T1049" s="236" t="e">
        <f t="shared" si="240"/>
        <v>#N/A</v>
      </c>
    </row>
    <row r="1050" spans="1:20" x14ac:dyDescent="0.2">
      <c r="A1050" s="53">
        <f t="shared" si="241"/>
        <v>1038</v>
      </c>
      <c r="B1050" s="239">
        <v>10.255000000000001</v>
      </c>
      <c r="C1050" s="3">
        <f t="shared" si="242"/>
        <v>10.248000000000001</v>
      </c>
      <c r="D1050" s="239">
        <v>0.29210000000000003</v>
      </c>
      <c r="E1050" s="239">
        <v>7.3000000000000001E-3</v>
      </c>
      <c r="F1050" s="239">
        <v>0.28749999999999998</v>
      </c>
      <c r="G1050">
        <f t="shared" si="243"/>
        <v>0.34960000000000002</v>
      </c>
      <c r="H1050" s="235">
        <f t="shared" si="244"/>
        <v>2.0881006864988558</v>
      </c>
      <c r="I1050" s="236">
        <f t="shared" si="245"/>
        <v>15.164629058273846</v>
      </c>
      <c r="J1050" s="237">
        <f t="shared" si="250"/>
        <v>5.1646290582738459</v>
      </c>
      <c r="K1050" s="237">
        <f t="shared" si="246"/>
        <v>155.40711858919039</v>
      </c>
      <c r="L1050" s="237">
        <f t="shared" si="251"/>
        <v>52.963270992598297</v>
      </c>
      <c r="M1050" s="236">
        <f t="shared" si="247"/>
        <v>3.6665575552905034</v>
      </c>
      <c r="N1050" s="236">
        <f t="shared" si="248"/>
        <v>3.7591491237812433</v>
      </c>
      <c r="O1050" s="236">
        <f t="shared" si="252"/>
        <v>3.4155058386925456</v>
      </c>
      <c r="P1050" s="236" t="str">
        <f t="shared" si="253"/>
        <v>CLAY</v>
      </c>
      <c r="Q1050" s="236">
        <f t="shared" si="249"/>
        <v>16.182740117567469</v>
      </c>
      <c r="R1050" s="238">
        <v>35</v>
      </c>
      <c r="S1050" s="236">
        <f t="shared" si="254"/>
        <v>1.268420177547247</v>
      </c>
      <c r="T1050" s="236" t="e">
        <f t="shared" si="240"/>
        <v>#N/A</v>
      </c>
    </row>
    <row r="1051" spans="1:20" x14ac:dyDescent="0.2">
      <c r="A1051" s="53">
        <f t="shared" si="241"/>
        <v>1039</v>
      </c>
      <c r="B1051" s="239">
        <v>10.263999999999999</v>
      </c>
      <c r="C1051" s="3">
        <f t="shared" si="242"/>
        <v>10.257</v>
      </c>
      <c r="D1051" s="239">
        <v>0.29310000000000003</v>
      </c>
      <c r="E1051" s="239">
        <v>7.4999999999999997E-3</v>
      </c>
      <c r="F1051" s="239">
        <v>0.29089999999999999</v>
      </c>
      <c r="G1051">
        <f t="shared" si="243"/>
        <v>0.35128000000000004</v>
      </c>
      <c r="H1051" s="235">
        <f t="shared" si="244"/>
        <v>2.1350489637895693</v>
      </c>
      <c r="I1051" s="236">
        <f t="shared" si="245"/>
        <v>15.198196547226775</v>
      </c>
      <c r="J1051" s="237">
        <f t="shared" si="250"/>
        <v>5.1981965472267753</v>
      </c>
      <c r="K1051" s="237">
        <f t="shared" si="246"/>
        <v>155.88790198490503</v>
      </c>
      <c r="L1051" s="237">
        <f t="shared" si="251"/>
        <v>53.354289360735621</v>
      </c>
      <c r="M1051" s="236">
        <f t="shared" si="247"/>
        <v>3.6621628805515973</v>
      </c>
      <c r="N1051" s="236">
        <f t="shared" si="248"/>
        <v>3.8384356768719416</v>
      </c>
      <c r="O1051" s="236">
        <f t="shared" si="252"/>
        <v>3.4207211856916895</v>
      </c>
      <c r="P1051" s="236" t="str">
        <f t="shared" si="253"/>
        <v>CLAY</v>
      </c>
      <c r="Q1051" s="236">
        <f t="shared" si="249"/>
        <v>16.282674834591251</v>
      </c>
      <c r="R1051" s="238">
        <v>35</v>
      </c>
      <c r="S1051" s="236">
        <f t="shared" si="254"/>
        <v>1.2665200782643498</v>
      </c>
      <c r="T1051" s="236" t="e">
        <f t="shared" si="240"/>
        <v>#N/A</v>
      </c>
    </row>
    <row r="1052" spans="1:20" x14ac:dyDescent="0.2">
      <c r="A1052" s="53">
        <f t="shared" si="241"/>
        <v>1040</v>
      </c>
      <c r="B1052" s="239">
        <v>10.275</v>
      </c>
      <c r="C1052" s="3">
        <f t="shared" si="242"/>
        <v>10.268000000000001</v>
      </c>
      <c r="D1052" s="239">
        <v>0.2984</v>
      </c>
      <c r="E1052" s="239">
        <v>7.4999999999999997E-3</v>
      </c>
      <c r="F1052" s="239">
        <v>0.29199999999999998</v>
      </c>
      <c r="G1052">
        <f t="shared" si="243"/>
        <v>0.35680000000000001</v>
      </c>
      <c r="H1052" s="235">
        <f t="shared" si="244"/>
        <v>2.1020179372197307</v>
      </c>
      <c r="I1052" s="236">
        <f t="shared" si="245"/>
        <v>15.204290826673754</v>
      </c>
      <c r="J1052" s="237">
        <f t="shared" si="250"/>
        <v>5.2042908266737538</v>
      </c>
      <c r="K1052" s="237">
        <f t="shared" si="246"/>
        <v>156.11765820828612</v>
      </c>
      <c r="L1052" s="237">
        <f t="shared" si="251"/>
        <v>53.474088244072824</v>
      </c>
      <c r="M1052" s="236">
        <f t="shared" si="247"/>
        <v>3.7528894532195776</v>
      </c>
      <c r="N1052" s="236">
        <f t="shared" si="248"/>
        <v>3.7372495920862692</v>
      </c>
      <c r="O1052" s="236">
        <f t="shared" si="252"/>
        <v>3.4055749332371872</v>
      </c>
      <c r="P1052" s="236" t="str">
        <f t="shared" si="253"/>
        <v>CLAY</v>
      </c>
      <c r="Q1052" s="236">
        <f t="shared" si="249"/>
        <v>16.723528482642823</v>
      </c>
      <c r="R1052" s="238">
        <v>35</v>
      </c>
      <c r="S1052" s="236">
        <f t="shared" si="254"/>
        <v>1.3058618171045435</v>
      </c>
      <c r="T1052" s="236" t="e">
        <f t="shared" si="240"/>
        <v>#N/A</v>
      </c>
    </row>
    <row r="1053" spans="1:20" x14ac:dyDescent="0.2">
      <c r="A1053" s="53">
        <f t="shared" si="241"/>
        <v>1041</v>
      </c>
      <c r="B1053" s="239">
        <v>10.285</v>
      </c>
      <c r="C1053" s="3">
        <f t="shared" si="242"/>
        <v>10.278</v>
      </c>
      <c r="D1053" s="239">
        <v>0.30149999999999999</v>
      </c>
      <c r="E1053" s="239">
        <v>7.4000000000000003E-3</v>
      </c>
      <c r="F1053" s="239">
        <v>0.29349999999999998</v>
      </c>
      <c r="G1053">
        <f t="shared" si="243"/>
        <v>0.36019999999999996</v>
      </c>
      <c r="H1053" s="235">
        <f t="shared" si="244"/>
        <v>2.0544142143253752</v>
      </c>
      <c r="I1053" s="236">
        <f t="shared" si="245"/>
        <v>15.192258035291285</v>
      </c>
      <c r="J1053" s="237">
        <f t="shared" si="250"/>
        <v>5.1922580352912853</v>
      </c>
      <c r="K1053" s="237">
        <f t="shared" si="246"/>
        <v>156.14602808672385</v>
      </c>
      <c r="L1053" s="237">
        <f t="shared" si="251"/>
        <v>53.402373892970871</v>
      </c>
      <c r="M1053" s="236">
        <f t="shared" si="247"/>
        <v>3.8210655639062314</v>
      </c>
      <c r="N1053" s="236">
        <f t="shared" si="248"/>
        <v>3.6264915260483308</v>
      </c>
      <c r="O1053" s="236">
        <f t="shared" si="252"/>
        <v>3.3920570779455752</v>
      </c>
      <c r="P1053" s="236" t="str">
        <f t="shared" si="253"/>
        <v>CLAY</v>
      </c>
      <c r="Q1053" s="236">
        <f t="shared" si="249"/>
        <v>17.004497659439679</v>
      </c>
      <c r="R1053" s="238">
        <v>35</v>
      </c>
      <c r="S1053" s="236">
        <f t="shared" si="254"/>
        <v>1.3355821948780544</v>
      </c>
      <c r="T1053" s="236" t="e">
        <f t="shared" si="240"/>
        <v>#N/A</v>
      </c>
    </row>
    <row r="1054" spans="1:20" x14ac:dyDescent="0.2">
      <c r="A1054" s="53">
        <f t="shared" si="241"/>
        <v>1042</v>
      </c>
      <c r="B1054" s="239">
        <v>10.294</v>
      </c>
      <c r="C1054" s="3">
        <f t="shared" si="242"/>
        <v>10.287000000000001</v>
      </c>
      <c r="D1054" s="239">
        <v>0.30259999999999998</v>
      </c>
      <c r="E1054" s="239">
        <v>7.3000000000000001E-3</v>
      </c>
      <c r="F1054" s="239">
        <v>0.29260000000000003</v>
      </c>
      <c r="G1054">
        <f t="shared" si="243"/>
        <v>0.36112</v>
      </c>
      <c r="H1054" s="235">
        <f t="shared" si="244"/>
        <v>2.0214887018165708</v>
      </c>
      <c r="I1054" s="236">
        <f t="shared" si="245"/>
        <v>15.177301164268036</v>
      </c>
      <c r="J1054" s="237">
        <f t="shared" si="250"/>
        <v>5.1773011642680355</v>
      </c>
      <c r="K1054" s="237">
        <f t="shared" si="246"/>
        <v>156.1288970768253</v>
      </c>
      <c r="L1054" s="237">
        <f t="shared" si="251"/>
        <v>53.295138184975158</v>
      </c>
      <c r="M1054" s="236">
        <f t="shared" si="247"/>
        <v>3.8463377693420697</v>
      </c>
      <c r="N1054" s="236">
        <f t="shared" si="248"/>
        <v>3.5611301641397817</v>
      </c>
      <c r="O1054" s="236">
        <f t="shared" si="252"/>
        <v>3.3854800095308253</v>
      </c>
      <c r="P1054" s="236" t="str">
        <f t="shared" si="253"/>
        <v>CLAY</v>
      </c>
      <c r="Q1054" s="236">
        <f t="shared" si="249"/>
        <v>17.082591910264558</v>
      </c>
      <c r="R1054" s="238">
        <v>35</v>
      </c>
      <c r="S1054" s="236">
        <f t="shared" si="254"/>
        <v>1.3466330935276019</v>
      </c>
      <c r="T1054" s="236" t="e">
        <f t="shared" si="240"/>
        <v>#N/A</v>
      </c>
    </row>
    <row r="1055" spans="1:20" x14ac:dyDescent="0.2">
      <c r="A1055" s="53">
        <f t="shared" si="241"/>
        <v>1043</v>
      </c>
      <c r="B1055" s="239">
        <v>10.304</v>
      </c>
      <c r="C1055" s="3">
        <f t="shared" si="242"/>
        <v>10.297000000000001</v>
      </c>
      <c r="D1055" s="239">
        <v>0.3024</v>
      </c>
      <c r="E1055" s="239">
        <v>7.4000000000000003E-3</v>
      </c>
      <c r="F1055" s="239">
        <v>0.29459999999999997</v>
      </c>
      <c r="G1055">
        <f t="shared" si="243"/>
        <v>0.36131999999999997</v>
      </c>
      <c r="H1055" s="235">
        <f t="shared" si="244"/>
        <v>2.048046053359903</v>
      </c>
      <c r="I1055" s="236">
        <f t="shared" si="245"/>
        <v>15.193471499060468</v>
      </c>
      <c r="J1055" s="237">
        <f t="shared" si="250"/>
        <v>5.1934714990604682</v>
      </c>
      <c r="K1055" s="237">
        <f t="shared" si="246"/>
        <v>156.44717602582566</v>
      </c>
      <c r="L1055" s="237">
        <f t="shared" si="251"/>
        <v>53.513530326319064</v>
      </c>
      <c r="M1055" s="236">
        <f t="shared" si="247"/>
        <v>3.8284303563021265</v>
      </c>
      <c r="N1055" s="236">
        <f t="shared" si="248"/>
        <v>3.6119968751603788</v>
      </c>
      <c r="O1055" s="236">
        <f t="shared" si="252"/>
        <v>3.3904328455553503</v>
      </c>
      <c r="P1055" s="236" t="str">
        <f t="shared" si="253"/>
        <v>CLAY</v>
      </c>
      <c r="Q1055" s="236">
        <f t="shared" si="249"/>
        <v>17.072735331181196</v>
      </c>
      <c r="R1055" s="238">
        <v>35</v>
      </c>
      <c r="S1055" s="236">
        <f t="shared" si="254"/>
        <v>1.3388007520178311</v>
      </c>
      <c r="T1055" s="236" t="e">
        <f t="shared" si="240"/>
        <v>#N/A</v>
      </c>
    </row>
    <row r="1056" spans="1:20" x14ac:dyDescent="0.2">
      <c r="A1056" s="53">
        <f t="shared" si="241"/>
        <v>1044</v>
      </c>
      <c r="B1056" s="239">
        <v>10.315</v>
      </c>
      <c r="C1056" s="3">
        <f t="shared" si="242"/>
        <v>10.308</v>
      </c>
      <c r="D1056" s="239">
        <v>0.29720000000000002</v>
      </c>
      <c r="E1056" s="239">
        <v>7.4000000000000003E-3</v>
      </c>
      <c r="F1056" s="239">
        <v>0.2979</v>
      </c>
      <c r="G1056">
        <f t="shared" si="243"/>
        <v>0.35677999999999999</v>
      </c>
      <c r="H1056" s="235">
        <f t="shared" si="244"/>
        <v>2.074107293009698</v>
      </c>
      <c r="I1056" s="236">
        <f t="shared" si="245"/>
        <v>15.188529148700738</v>
      </c>
      <c r="J1056" s="237">
        <f t="shared" si="250"/>
        <v>5.1885291487007379</v>
      </c>
      <c r="K1056" s="237">
        <f t="shared" si="246"/>
        <v>156.56335846480721</v>
      </c>
      <c r="L1056" s="237">
        <f t="shared" si="251"/>
        <v>53.51967816884811</v>
      </c>
      <c r="M1056" s="236">
        <f t="shared" si="247"/>
        <v>3.7409911342055064</v>
      </c>
      <c r="N1056" s="236">
        <f t="shared" si="248"/>
        <v>3.6959964682552511</v>
      </c>
      <c r="O1056" s="236">
        <f t="shared" si="252"/>
        <v>3.4042136049883429</v>
      </c>
      <c r="P1056" s="236" t="str">
        <f t="shared" si="253"/>
        <v>CLAY</v>
      </c>
      <c r="Q1056" s="236">
        <f t="shared" si="249"/>
        <v>16.684720127932732</v>
      </c>
      <c r="R1056" s="238">
        <v>35</v>
      </c>
      <c r="S1056" s="236">
        <f t="shared" si="254"/>
        <v>1.3006886704607066</v>
      </c>
      <c r="T1056" s="236" t="e">
        <f t="shared" si="240"/>
        <v>#N/A</v>
      </c>
    </row>
    <row r="1057" spans="1:20" x14ac:dyDescent="0.2">
      <c r="A1057" s="53">
        <f t="shared" si="241"/>
        <v>1045</v>
      </c>
      <c r="B1057" s="239">
        <v>10.324</v>
      </c>
      <c r="C1057" s="3">
        <f t="shared" si="242"/>
        <v>10.317</v>
      </c>
      <c r="D1057" s="239">
        <v>0.29530000000000001</v>
      </c>
      <c r="E1057" s="239">
        <v>7.4999999999999997E-3</v>
      </c>
      <c r="F1057" s="239">
        <v>0.29870000000000002</v>
      </c>
      <c r="G1057">
        <f t="shared" si="243"/>
        <v>0.35504000000000002</v>
      </c>
      <c r="H1057" s="235">
        <f t="shared" si="244"/>
        <v>2.1124380351509688</v>
      </c>
      <c r="I1057" s="236">
        <f t="shared" si="245"/>
        <v>15.202358021939215</v>
      </c>
      <c r="J1057" s="237">
        <f t="shared" si="250"/>
        <v>5.2023580219392151</v>
      </c>
      <c r="K1057" s="237">
        <f t="shared" si="246"/>
        <v>156.84272771234689</v>
      </c>
      <c r="L1057" s="237">
        <f t="shared" si="251"/>
        <v>53.709144218500455</v>
      </c>
      <c r="M1057" s="236">
        <f t="shared" si="247"/>
        <v>3.6901960582604634</v>
      </c>
      <c r="N1057" s="236">
        <f t="shared" si="248"/>
        <v>3.7841085870823155</v>
      </c>
      <c r="O1057" s="236">
        <f t="shared" si="252"/>
        <v>3.4146442013765146</v>
      </c>
      <c r="P1057" s="236" t="str">
        <f t="shared" si="253"/>
        <v>CLAY</v>
      </c>
      <c r="Q1057" s="236">
        <f t="shared" si="249"/>
        <v>16.516439357304428</v>
      </c>
      <c r="R1057" s="238">
        <v>35</v>
      </c>
      <c r="S1057" s="236">
        <f t="shared" si="254"/>
        <v>1.2786503723735088</v>
      </c>
      <c r="T1057" s="236" t="e">
        <f t="shared" si="240"/>
        <v>#N/A</v>
      </c>
    </row>
    <row r="1058" spans="1:20" x14ac:dyDescent="0.2">
      <c r="A1058" s="53">
        <f t="shared" si="241"/>
        <v>1046</v>
      </c>
      <c r="B1058" s="239">
        <v>10.335000000000001</v>
      </c>
      <c r="C1058" s="3">
        <f t="shared" si="242"/>
        <v>10.328000000000001</v>
      </c>
      <c r="D1058" s="239">
        <v>0.29749999999999999</v>
      </c>
      <c r="E1058" s="239">
        <v>7.6E-3</v>
      </c>
      <c r="F1058" s="239">
        <v>0.2979</v>
      </c>
      <c r="G1058">
        <f t="shared" si="243"/>
        <v>0.35707999999999995</v>
      </c>
      <c r="H1058" s="235">
        <f t="shared" si="244"/>
        <v>2.1283745939285317</v>
      </c>
      <c r="I1058" s="236">
        <f t="shared" si="245"/>
        <v>15.220128727032263</v>
      </c>
      <c r="J1058" s="237">
        <f t="shared" si="250"/>
        <v>5.2201287270322627</v>
      </c>
      <c r="K1058" s="237">
        <f t="shared" si="246"/>
        <v>157.19348949278924</v>
      </c>
      <c r="L1058" s="237">
        <f t="shared" si="251"/>
        <v>53.950030393878443</v>
      </c>
      <c r="M1058" s="236">
        <f t="shared" si="247"/>
        <v>3.7050305448927281</v>
      </c>
      <c r="N1058" s="236">
        <f t="shared" si="248"/>
        <v>3.8021575246448851</v>
      </c>
      <c r="O1058" s="236">
        <f t="shared" si="252"/>
        <v>3.41425210609522</v>
      </c>
      <c r="P1058" s="236" t="str">
        <f t="shared" si="253"/>
        <v>CLAY</v>
      </c>
      <c r="Q1058" s="236">
        <f t="shared" si="249"/>
        <v>16.657209208934223</v>
      </c>
      <c r="R1058" s="238">
        <v>35</v>
      </c>
      <c r="S1058" s="236">
        <f t="shared" si="254"/>
        <v>1.2850787719119423</v>
      </c>
      <c r="T1058" s="236" t="e">
        <f t="shared" si="240"/>
        <v>#N/A</v>
      </c>
    </row>
    <row r="1059" spans="1:20" x14ac:dyDescent="0.2">
      <c r="A1059" s="53">
        <f t="shared" si="241"/>
        <v>1047</v>
      </c>
      <c r="B1059" s="239">
        <v>10.343999999999999</v>
      </c>
      <c r="C1059" s="3">
        <f t="shared" si="242"/>
        <v>10.337</v>
      </c>
      <c r="D1059" s="239">
        <v>0.30399999999999999</v>
      </c>
      <c r="E1059" s="239">
        <v>7.4999999999999997E-3</v>
      </c>
      <c r="F1059" s="239">
        <v>0.29680000000000001</v>
      </c>
      <c r="G1059">
        <f t="shared" si="243"/>
        <v>0.36335999999999996</v>
      </c>
      <c r="H1059" s="235">
        <f t="shared" si="244"/>
        <v>2.0640686922060767</v>
      </c>
      <c r="I1059" s="236">
        <f t="shared" si="245"/>
        <v>15.21141187072817</v>
      </c>
      <c r="J1059" s="237">
        <f t="shared" si="250"/>
        <v>5.2114118707281705</v>
      </c>
      <c r="K1059" s="237">
        <f t="shared" si="246"/>
        <v>157.24036450771709</v>
      </c>
      <c r="L1059" s="237">
        <f t="shared" si="251"/>
        <v>53.906844390812189</v>
      </c>
      <c r="M1059" s="236">
        <f t="shared" si="247"/>
        <v>3.8236264396773634</v>
      </c>
      <c r="N1059" s="236">
        <f t="shared" si="248"/>
        <v>3.6386635276583346</v>
      </c>
      <c r="O1059" s="236">
        <f t="shared" si="252"/>
        <v>3.3925730699326642</v>
      </c>
      <c r="P1059" s="236" t="str">
        <f t="shared" si="253"/>
        <v>CLAY</v>
      </c>
      <c r="Q1059" s="236">
        <f t="shared" si="249"/>
        <v>17.176636291023573</v>
      </c>
      <c r="R1059" s="238">
        <v>35</v>
      </c>
      <c r="S1059" s="236">
        <f t="shared" si="254"/>
        <v>1.3367011715450463</v>
      </c>
      <c r="T1059" s="236" t="e">
        <f t="shared" si="240"/>
        <v>#N/A</v>
      </c>
    </row>
    <row r="1060" spans="1:20" x14ac:dyDescent="0.2">
      <c r="A1060" s="53">
        <f t="shared" si="241"/>
        <v>1048</v>
      </c>
      <c r="B1060" s="239">
        <v>10.355</v>
      </c>
      <c r="C1060" s="3">
        <f t="shared" si="242"/>
        <v>10.348000000000001</v>
      </c>
      <c r="D1060" s="239">
        <v>0.31130000000000002</v>
      </c>
      <c r="E1060" s="239">
        <v>7.6E-3</v>
      </c>
      <c r="F1060" s="239">
        <v>0.29299999999999998</v>
      </c>
      <c r="G1060">
        <f t="shared" si="243"/>
        <v>0.36990000000000001</v>
      </c>
      <c r="H1060" s="235">
        <f t="shared" si="244"/>
        <v>2.0546093538794268</v>
      </c>
      <c r="I1060" s="236">
        <f t="shared" si="245"/>
        <v>15.233915651724477</v>
      </c>
      <c r="J1060" s="237">
        <f t="shared" si="250"/>
        <v>5.2339156517244767</v>
      </c>
      <c r="K1060" s="237">
        <f t="shared" si="246"/>
        <v>157.6405591640449</v>
      </c>
      <c r="L1060" s="237">
        <f t="shared" si="251"/>
        <v>54.197196573606959</v>
      </c>
      <c r="M1060" s="236">
        <f t="shared" si="247"/>
        <v>3.916428417984291</v>
      </c>
      <c r="N1060" s="236">
        <f t="shared" si="248"/>
        <v>3.5805238956950167</v>
      </c>
      <c r="O1060" s="236">
        <f t="shared" si="252"/>
        <v>3.3800365821391813</v>
      </c>
      <c r="P1060" s="236" t="str">
        <f t="shared" si="253"/>
        <v>CLAY</v>
      </c>
      <c r="Q1060" s="236">
        <f t="shared" si="249"/>
        <v>17.688286736329594</v>
      </c>
      <c r="R1060" s="238">
        <v>35</v>
      </c>
      <c r="S1060" s="236">
        <f t="shared" si="254"/>
        <v>1.3773767572983235</v>
      </c>
      <c r="T1060" s="236" t="e">
        <f t="shared" si="240"/>
        <v>#N/A</v>
      </c>
    </row>
    <row r="1061" spans="1:20" x14ac:dyDescent="0.2">
      <c r="A1061" s="53">
        <f t="shared" si="241"/>
        <v>1049</v>
      </c>
      <c r="B1061" s="239">
        <v>10.366</v>
      </c>
      <c r="C1061" s="3">
        <f t="shared" si="242"/>
        <v>10.359</v>
      </c>
      <c r="D1061" s="239">
        <v>0.31950000000000001</v>
      </c>
      <c r="E1061" s="239">
        <v>7.4000000000000003E-3</v>
      </c>
      <c r="F1061" s="239">
        <v>0.2883</v>
      </c>
      <c r="G1061">
        <f t="shared" si="243"/>
        <v>0.37716</v>
      </c>
      <c r="H1061" s="235">
        <f t="shared" si="244"/>
        <v>1.9620320288471735</v>
      </c>
      <c r="I1061" s="236">
        <f t="shared" si="245"/>
        <v>15.210241762014807</v>
      </c>
      <c r="J1061" s="237">
        <f t="shared" si="250"/>
        <v>5.2102417620148067</v>
      </c>
      <c r="K1061" s="237">
        <f t="shared" si="246"/>
        <v>157.56289441271139</v>
      </c>
      <c r="L1061" s="237">
        <f t="shared" si="251"/>
        <v>54.009366105045487</v>
      </c>
      <c r="M1061" s="236">
        <f t="shared" si="247"/>
        <v>4.0659078493938123</v>
      </c>
      <c r="N1061" s="236">
        <f t="shared" si="248"/>
        <v>3.3698076211931416</v>
      </c>
      <c r="O1061" s="236">
        <f t="shared" si="252"/>
        <v>3.3523936588365362</v>
      </c>
      <c r="P1061" s="236" t="str">
        <f t="shared" si="253"/>
        <v>CLAY</v>
      </c>
      <c r="Q1061" s="236">
        <f t="shared" si="249"/>
        <v>18.299758798940715</v>
      </c>
      <c r="R1061" s="238">
        <v>35</v>
      </c>
      <c r="S1061" s="236">
        <f t="shared" si="254"/>
        <v>1.4434007379891367</v>
      </c>
      <c r="T1061" s="236" t="e">
        <f t="shared" si="240"/>
        <v>#N/A</v>
      </c>
    </row>
    <row r="1062" spans="1:20" x14ac:dyDescent="0.2">
      <c r="A1062" s="53">
        <f t="shared" si="241"/>
        <v>1050</v>
      </c>
      <c r="B1062" s="239">
        <v>10.375</v>
      </c>
      <c r="C1062" s="3">
        <f t="shared" si="242"/>
        <v>10.368</v>
      </c>
      <c r="D1062" s="239">
        <v>0.32779999999999998</v>
      </c>
      <c r="E1062" s="239">
        <v>7.4000000000000003E-3</v>
      </c>
      <c r="F1062" s="239">
        <v>0.28410000000000002</v>
      </c>
      <c r="G1062">
        <f t="shared" si="243"/>
        <v>0.38461999999999996</v>
      </c>
      <c r="H1062" s="235">
        <f t="shared" si="244"/>
        <v>1.9239769122770529</v>
      </c>
      <c r="I1062" s="236">
        <f t="shared" si="245"/>
        <v>15.217897374834648</v>
      </c>
      <c r="J1062" s="237">
        <f t="shared" si="250"/>
        <v>5.2178973748346476</v>
      </c>
      <c r="K1062" s="237">
        <f t="shared" si="246"/>
        <v>157.77915998228562</v>
      </c>
      <c r="L1062" s="237">
        <f t="shared" si="251"/>
        <v>54.135685263909465</v>
      </c>
      <c r="M1062" s="236">
        <f t="shared" si="247"/>
        <v>4.1902275534496995</v>
      </c>
      <c r="N1062" s="236">
        <f t="shared" si="248"/>
        <v>3.2621991698770483</v>
      </c>
      <c r="O1062" s="236">
        <f t="shared" si="252"/>
        <v>3.3338880003937321</v>
      </c>
      <c r="P1062" s="236" t="str">
        <f t="shared" si="253"/>
        <v>CLAY</v>
      </c>
      <c r="Q1062" s="236">
        <f t="shared" si="249"/>
        <v>18.903403334809529</v>
      </c>
      <c r="R1062" s="238">
        <v>35</v>
      </c>
      <c r="S1062" s="236">
        <f t="shared" si="254"/>
        <v>1.4987769971800868</v>
      </c>
      <c r="T1062" s="236" t="e">
        <f t="shared" si="240"/>
        <v>#N/A</v>
      </c>
    </row>
    <row r="1063" spans="1:20" x14ac:dyDescent="0.2">
      <c r="A1063" s="53">
        <f t="shared" si="241"/>
        <v>1051</v>
      </c>
      <c r="B1063" s="239">
        <v>10.385</v>
      </c>
      <c r="C1063" s="3">
        <f t="shared" si="242"/>
        <v>10.378</v>
      </c>
      <c r="D1063" s="239">
        <v>0.34489999999999998</v>
      </c>
      <c r="E1063" s="239">
        <v>7.3000000000000001E-3</v>
      </c>
      <c r="F1063" s="239">
        <v>0.28539999999999999</v>
      </c>
      <c r="G1063">
        <f t="shared" si="243"/>
        <v>0.40197999999999995</v>
      </c>
      <c r="H1063" s="235">
        <f t="shared" si="244"/>
        <v>1.816010746803324</v>
      </c>
      <c r="I1063" s="236">
        <f t="shared" si="245"/>
        <v>15.219198777978416</v>
      </c>
      <c r="J1063" s="237">
        <f t="shared" si="250"/>
        <v>5.2191987779784164</v>
      </c>
      <c r="K1063" s="237">
        <f t="shared" si="246"/>
        <v>157.94484491786</v>
      </c>
      <c r="L1063" s="237">
        <f t="shared" si="251"/>
        <v>54.20137930930585</v>
      </c>
      <c r="M1063" s="236">
        <f t="shared" si="247"/>
        <v>4.5023790573580751</v>
      </c>
      <c r="N1063" s="236">
        <f t="shared" si="248"/>
        <v>2.9913722871374362</v>
      </c>
      <c r="O1063" s="236">
        <f t="shared" si="252"/>
        <v>3.2877006084843408</v>
      </c>
      <c r="P1063" s="236" t="str">
        <f t="shared" si="253"/>
        <v>CLAY</v>
      </c>
      <c r="Q1063" s="236">
        <f t="shared" si="249"/>
        <v>20.336262923511665</v>
      </c>
      <c r="R1063" s="238">
        <v>35</v>
      </c>
      <c r="S1063" s="236">
        <f t="shared" si="254"/>
        <v>1.6396176255346664</v>
      </c>
      <c r="T1063" s="236" t="e">
        <f t="shared" si="240"/>
        <v>#N/A</v>
      </c>
    </row>
    <row r="1064" spans="1:20" x14ac:dyDescent="0.2">
      <c r="A1064" s="53">
        <f t="shared" si="241"/>
        <v>1052</v>
      </c>
      <c r="B1064" s="239">
        <v>10.396000000000001</v>
      </c>
      <c r="C1064" s="3">
        <f t="shared" si="242"/>
        <v>10.389000000000001</v>
      </c>
      <c r="D1064" s="239">
        <v>0.36620000000000003</v>
      </c>
      <c r="E1064" s="239">
        <v>7.3000000000000001E-3</v>
      </c>
      <c r="F1064" s="239">
        <v>0.2903</v>
      </c>
      <c r="G1064">
        <f t="shared" si="243"/>
        <v>0.42426000000000003</v>
      </c>
      <c r="H1064" s="235">
        <f t="shared" si="244"/>
        <v>1.720643001932777</v>
      </c>
      <c r="I1064" s="236">
        <f t="shared" si="245"/>
        <v>15.240283655572584</v>
      </c>
      <c r="J1064" s="237">
        <f t="shared" si="250"/>
        <v>5.2402836555725845</v>
      </c>
      <c r="K1064" s="237">
        <f t="shared" si="246"/>
        <v>158.33130689774359</v>
      </c>
      <c r="L1064" s="237">
        <f t="shared" si="251"/>
        <v>54.477988883332593</v>
      </c>
      <c r="M1064" s="236">
        <f t="shared" si="247"/>
        <v>4.8813970293902811</v>
      </c>
      <c r="N1064" s="236">
        <f t="shared" si="248"/>
        <v>2.7450967832166047</v>
      </c>
      <c r="O1064" s="236">
        <f t="shared" si="252"/>
        <v>3.2384116874130915</v>
      </c>
      <c r="P1064" s="236" t="str">
        <f t="shared" si="253"/>
        <v>CLAY</v>
      </c>
      <c r="Q1064" s="236">
        <f t="shared" si="249"/>
        <v>22.16072442518804</v>
      </c>
      <c r="R1064" s="238">
        <v>35</v>
      </c>
      <c r="S1064" s="236">
        <f t="shared" si="254"/>
        <v>1.8139285415075546</v>
      </c>
      <c r="T1064" s="236" t="e">
        <f t="shared" si="240"/>
        <v>#N/A</v>
      </c>
    </row>
    <row r="1065" spans="1:20" x14ac:dyDescent="0.2">
      <c r="A1065" s="53">
        <f t="shared" si="241"/>
        <v>1053</v>
      </c>
      <c r="B1065" s="239">
        <v>10.404999999999999</v>
      </c>
      <c r="C1065" s="3">
        <f t="shared" si="242"/>
        <v>10.398</v>
      </c>
      <c r="D1065" s="239">
        <v>0.37719999999999998</v>
      </c>
      <c r="E1065" s="239">
        <v>7.1999999999999998E-3</v>
      </c>
      <c r="F1065" s="239">
        <v>0.28889999999999999</v>
      </c>
      <c r="G1065">
        <f t="shared" si="243"/>
        <v>0.43497999999999998</v>
      </c>
      <c r="H1065" s="235">
        <f t="shared" si="244"/>
        <v>1.6552485171732034</v>
      </c>
      <c r="I1065" s="236">
        <f t="shared" si="245"/>
        <v>15.233863154786802</v>
      </c>
      <c r="J1065" s="237">
        <f t="shared" si="250"/>
        <v>5.2338631547868015</v>
      </c>
      <c r="K1065" s="237">
        <f t="shared" si="246"/>
        <v>158.40170908347315</v>
      </c>
      <c r="L1065" s="237">
        <f t="shared" si="251"/>
        <v>54.458346125556666</v>
      </c>
      <c r="M1065" s="236">
        <f t="shared" si="247"/>
        <v>5.0787126417475221</v>
      </c>
      <c r="N1065" s="236">
        <f t="shared" si="248"/>
        <v>2.6032411929875607</v>
      </c>
      <c r="O1065" s="236">
        <f t="shared" si="252"/>
        <v>3.2118476478218878</v>
      </c>
      <c r="P1065" s="236" t="str">
        <f t="shared" si="253"/>
        <v>CLAY</v>
      </c>
      <c r="Q1065" s="236">
        <f t="shared" si="249"/>
        <v>23.04819090971057</v>
      </c>
      <c r="R1065" s="238">
        <v>35</v>
      </c>
      <c r="S1065" s="236">
        <f t="shared" si="254"/>
        <v>1.906040215629369</v>
      </c>
      <c r="T1065" s="236" t="e">
        <f t="shared" si="240"/>
        <v>#N/A</v>
      </c>
    </row>
    <row r="1066" spans="1:20" x14ac:dyDescent="0.2">
      <c r="A1066" s="53">
        <f t="shared" si="241"/>
        <v>1054</v>
      </c>
      <c r="B1066" s="239">
        <v>10.416</v>
      </c>
      <c r="C1066" s="3">
        <f t="shared" si="242"/>
        <v>10.409000000000001</v>
      </c>
      <c r="D1066" s="239">
        <v>0.38569999999999999</v>
      </c>
      <c r="E1066" s="239">
        <v>7.1000000000000004E-3</v>
      </c>
      <c r="F1066" s="239">
        <v>0.2838</v>
      </c>
      <c r="G1066">
        <f t="shared" si="243"/>
        <v>0.44245999999999996</v>
      </c>
      <c r="H1066" s="235">
        <f t="shared" si="244"/>
        <v>1.6046648284590699</v>
      </c>
      <c r="I1066" s="236">
        <f t="shared" si="245"/>
        <v>15.224127209424982</v>
      </c>
      <c r="J1066" s="237">
        <f t="shared" si="250"/>
        <v>5.2241272094249815</v>
      </c>
      <c r="K1066" s="237">
        <f t="shared" si="246"/>
        <v>158.46794012290465</v>
      </c>
      <c r="L1066" s="237">
        <f t="shared" si="251"/>
        <v>54.414509013370612</v>
      </c>
      <c r="M1066" s="236">
        <f t="shared" si="247"/>
        <v>5.2190503052653376</v>
      </c>
      <c r="N1066" s="236">
        <f t="shared" si="248"/>
        <v>2.5000698974023088</v>
      </c>
      <c r="O1066" s="236">
        <f t="shared" si="252"/>
        <v>3.1927295230643598</v>
      </c>
      <c r="P1066" s="236" t="str">
        <f t="shared" si="253"/>
        <v>CLAY</v>
      </c>
      <c r="Q1066" s="236">
        <f t="shared" si="249"/>
        <v>23.666004989757948</v>
      </c>
      <c r="R1066" s="238">
        <v>35</v>
      </c>
      <c r="S1066" s="236">
        <f t="shared" si="254"/>
        <v>1.9721019492303693</v>
      </c>
      <c r="T1066" s="236" t="e">
        <f t="shared" si="240"/>
        <v>#N/A</v>
      </c>
    </row>
    <row r="1067" spans="1:20" x14ac:dyDescent="0.2">
      <c r="A1067" s="53">
        <f t="shared" si="241"/>
        <v>1055</v>
      </c>
      <c r="B1067" s="239">
        <v>10.425000000000001</v>
      </c>
      <c r="C1067" s="3">
        <f t="shared" si="242"/>
        <v>10.418000000000001</v>
      </c>
      <c r="D1067" s="239">
        <v>0.39489999999999997</v>
      </c>
      <c r="E1067" s="239">
        <v>6.8999999999999999E-3</v>
      </c>
      <c r="F1067" s="239">
        <v>0.28120000000000001</v>
      </c>
      <c r="G1067">
        <f t="shared" si="243"/>
        <v>0.45113999999999999</v>
      </c>
      <c r="H1067" s="235">
        <f t="shared" si="244"/>
        <v>1.5294587046149755</v>
      </c>
      <c r="I1067" s="236">
        <f t="shared" si="245"/>
        <v>15.198215801061421</v>
      </c>
      <c r="J1067" s="237">
        <f t="shared" si="250"/>
        <v>5.198215801061421</v>
      </c>
      <c r="K1067" s="237">
        <f t="shared" si="246"/>
        <v>158.33501221545791</v>
      </c>
      <c r="L1067" s="237">
        <f t="shared" si="251"/>
        <v>54.19139972606532</v>
      </c>
      <c r="M1067" s="236">
        <f t="shared" si="247"/>
        <v>5.4031634035041698</v>
      </c>
      <c r="N1067" s="236">
        <f t="shared" si="248"/>
        <v>2.356517234288817</v>
      </c>
      <c r="O1067" s="236">
        <f t="shared" si="252"/>
        <v>3.1667682490358922</v>
      </c>
      <c r="P1067" s="236" t="str">
        <f t="shared" si="253"/>
        <v>CLAY</v>
      </c>
      <c r="Q1067" s="236">
        <f t="shared" si="249"/>
        <v>24.400415648711839</v>
      </c>
      <c r="R1067" s="238">
        <v>35</v>
      </c>
      <c r="S1067" s="236">
        <f t="shared" si="254"/>
        <v>2.0594447049692683</v>
      </c>
      <c r="T1067" s="236" t="e">
        <f t="shared" si="240"/>
        <v>#N/A</v>
      </c>
    </row>
    <row r="1068" spans="1:20" x14ac:dyDescent="0.2">
      <c r="A1068" s="53">
        <f t="shared" si="241"/>
        <v>1056</v>
      </c>
      <c r="B1068" s="239">
        <v>10.436</v>
      </c>
      <c r="C1068" s="3">
        <f t="shared" si="242"/>
        <v>10.429</v>
      </c>
      <c r="D1068" s="239">
        <v>0.4002</v>
      </c>
      <c r="E1068" s="239">
        <v>6.7999999999999996E-3</v>
      </c>
      <c r="F1068" s="239">
        <v>0.27</v>
      </c>
      <c r="G1068">
        <f t="shared" si="243"/>
        <v>0.45419999999999999</v>
      </c>
      <c r="H1068" s="235">
        <f t="shared" si="244"/>
        <v>1.4971378247468077</v>
      </c>
      <c r="I1068" s="236">
        <f t="shared" si="245"/>
        <v>15.183739535584667</v>
      </c>
      <c r="J1068" s="237">
        <f t="shared" si="250"/>
        <v>5.1837395355846674</v>
      </c>
      <c r="K1068" s="237">
        <f t="shared" si="246"/>
        <v>158.3512196166125</v>
      </c>
      <c r="L1068" s="237">
        <f t="shared" si="251"/>
        <v>54.097505793361591</v>
      </c>
      <c r="M1068" s="236">
        <f t="shared" si="247"/>
        <v>5.4688062978994436</v>
      </c>
      <c r="N1068" s="236">
        <f t="shared" si="248"/>
        <v>2.2984715337301531</v>
      </c>
      <c r="O1068" s="236">
        <f t="shared" si="252"/>
        <v>3.1567959843299866</v>
      </c>
      <c r="P1068" s="236" t="str">
        <f t="shared" si="253"/>
        <v>CLAY</v>
      </c>
      <c r="Q1068" s="236">
        <f t="shared" si="249"/>
        <v>24.65406503194896</v>
      </c>
      <c r="R1068" s="238">
        <v>35</v>
      </c>
      <c r="S1068" s="236">
        <f t="shared" si="254"/>
        <v>2.0907672331414822</v>
      </c>
      <c r="T1068" s="236" t="e">
        <f t="shared" si="240"/>
        <v>#N/A</v>
      </c>
    </row>
    <row r="1069" spans="1:20" x14ac:dyDescent="0.2">
      <c r="A1069" s="53">
        <f t="shared" si="241"/>
        <v>1057</v>
      </c>
      <c r="B1069" s="239">
        <v>10.445</v>
      </c>
      <c r="C1069" s="3">
        <f t="shared" si="242"/>
        <v>10.438000000000001</v>
      </c>
      <c r="D1069" s="239">
        <v>0.38169999999999998</v>
      </c>
      <c r="E1069" s="239">
        <v>7.0000000000000001E-3</v>
      </c>
      <c r="F1069" s="239">
        <v>0.26840000000000003</v>
      </c>
      <c r="G1069">
        <f t="shared" si="243"/>
        <v>0.43537999999999999</v>
      </c>
      <c r="H1069" s="235">
        <f t="shared" si="244"/>
        <v>1.6077908953098443</v>
      </c>
      <c r="I1069" s="236">
        <f t="shared" si="245"/>
        <v>15.201189389946723</v>
      </c>
      <c r="J1069" s="237">
        <f t="shared" si="250"/>
        <v>5.2011893899467232</v>
      </c>
      <c r="K1069" s="237">
        <f t="shared" si="246"/>
        <v>158.6700148522639</v>
      </c>
      <c r="L1069" s="237">
        <f t="shared" si="251"/>
        <v>54.326423177993526</v>
      </c>
      <c r="M1069" s="236">
        <f t="shared" si="247"/>
        <v>5.0934696039371392</v>
      </c>
      <c r="N1069" s="236">
        <f t="shared" si="248"/>
        <v>2.5297243958372819</v>
      </c>
      <c r="O1069" s="236">
        <f t="shared" si="252"/>
        <v>3.2044437632546288</v>
      </c>
      <c r="P1069" s="236" t="str">
        <f t="shared" si="253"/>
        <v>CLAY</v>
      </c>
      <c r="Q1069" s="236">
        <f t="shared" si="249"/>
        <v>23.059165428978009</v>
      </c>
      <c r="R1069" s="238">
        <v>35</v>
      </c>
      <c r="S1069" s="236">
        <f t="shared" si="254"/>
        <v>1.9129655857974257</v>
      </c>
      <c r="T1069" s="236" t="e">
        <f t="shared" si="240"/>
        <v>#N/A</v>
      </c>
    </row>
    <row r="1070" spans="1:20" x14ac:dyDescent="0.2">
      <c r="A1070" s="53">
        <f t="shared" si="241"/>
        <v>1058</v>
      </c>
      <c r="B1070" s="239">
        <v>10.456</v>
      </c>
      <c r="C1070" s="3">
        <f t="shared" si="242"/>
        <v>10.449</v>
      </c>
      <c r="D1070" s="239">
        <v>0.37540000000000001</v>
      </c>
      <c r="E1070" s="239">
        <v>7.1999999999999998E-3</v>
      </c>
      <c r="F1070" s="239">
        <v>0.27110000000000001</v>
      </c>
      <c r="G1070">
        <f t="shared" si="243"/>
        <v>0.42962</v>
      </c>
      <c r="H1070" s="235">
        <f t="shared" si="244"/>
        <v>1.6758996322331361</v>
      </c>
      <c r="I1070" s="236">
        <f t="shared" si="245"/>
        <v>15.229016836441872</v>
      </c>
      <c r="J1070" s="237">
        <f t="shared" si="250"/>
        <v>5.2290168364418719</v>
      </c>
      <c r="K1070" s="237">
        <f t="shared" si="246"/>
        <v>159.12799692398113</v>
      </c>
      <c r="L1070" s="237">
        <f t="shared" si="251"/>
        <v>54.674600041836207</v>
      </c>
      <c r="M1070" s="236">
        <f t="shared" si="247"/>
        <v>4.9473064799567323</v>
      </c>
      <c r="N1070" s="236">
        <f t="shared" si="248"/>
        <v>2.6618162156818057</v>
      </c>
      <c r="O1070" s="236">
        <f t="shared" si="252"/>
        <v>3.2265677343102852</v>
      </c>
      <c r="P1070" s="236" t="str">
        <f t="shared" si="253"/>
        <v>CLAY</v>
      </c>
      <c r="Q1070" s="236">
        <f t="shared" si="249"/>
        <v>22.541000256334907</v>
      </c>
      <c r="R1070" s="238">
        <v>35</v>
      </c>
      <c r="S1070" s="236">
        <f t="shared" si="254"/>
        <v>1.8445950026739644</v>
      </c>
      <c r="T1070" s="236" t="e">
        <f t="shared" si="240"/>
        <v>#N/A</v>
      </c>
    </row>
    <row r="1071" spans="1:20" x14ac:dyDescent="0.2">
      <c r="A1071" s="53">
        <f t="shared" si="241"/>
        <v>1059</v>
      </c>
      <c r="B1071" s="239">
        <v>10.465999999999999</v>
      </c>
      <c r="C1071" s="3">
        <f t="shared" si="242"/>
        <v>10.459</v>
      </c>
      <c r="D1071" s="239">
        <v>0.36849999999999999</v>
      </c>
      <c r="E1071" s="239">
        <v>7.4999999999999997E-3</v>
      </c>
      <c r="F1071" s="239">
        <v>0.27489999999999998</v>
      </c>
      <c r="G1071">
        <f t="shared" si="243"/>
        <v>0.42347999999999997</v>
      </c>
      <c r="H1071" s="235">
        <f t="shared" si="244"/>
        <v>1.7710399546613773</v>
      </c>
      <c r="I1071" s="236">
        <f t="shared" si="245"/>
        <v>15.271258079506911</v>
      </c>
      <c r="J1071" s="237">
        <f t="shared" si="250"/>
        <v>5.2712580795069108</v>
      </c>
      <c r="K1071" s="237">
        <f t="shared" si="246"/>
        <v>159.72208825356279</v>
      </c>
      <c r="L1071" s="237">
        <f t="shared" si="251"/>
        <v>55.168987060119328</v>
      </c>
      <c r="M1071" s="236">
        <f t="shared" si="247"/>
        <v>4.7809090904462703</v>
      </c>
      <c r="N1071" s="236">
        <f t="shared" si="248"/>
        <v>2.8435165983608868</v>
      </c>
      <c r="O1071" s="236">
        <f t="shared" si="252"/>
        <v>3.2540167272041112</v>
      </c>
      <c r="P1071" s="236" t="str">
        <f t="shared" si="253"/>
        <v>CLAY</v>
      </c>
      <c r="Q1071" s="236">
        <f t="shared" si="249"/>
        <v>21.979825978869766</v>
      </c>
      <c r="R1071" s="238">
        <v>35</v>
      </c>
      <c r="S1071" s="236">
        <f t="shared" si="254"/>
        <v>1.7673725916577643</v>
      </c>
      <c r="T1071" s="236" t="e">
        <f t="shared" si="240"/>
        <v>#N/A</v>
      </c>
    </row>
    <row r="1072" spans="1:20" x14ac:dyDescent="0.2">
      <c r="A1072" s="53">
        <f t="shared" si="241"/>
        <v>1060</v>
      </c>
      <c r="B1072" s="239">
        <v>10.475</v>
      </c>
      <c r="C1072" s="3">
        <f t="shared" si="242"/>
        <v>10.468</v>
      </c>
      <c r="D1072" s="239">
        <v>0.36399999999999999</v>
      </c>
      <c r="E1072" s="239">
        <v>7.4999999999999997E-3</v>
      </c>
      <c r="F1072" s="239">
        <v>0.27529999999999999</v>
      </c>
      <c r="G1072">
        <f t="shared" si="243"/>
        <v>0.41905999999999999</v>
      </c>
      <c r="H1072" s="235">
        <f t="shared" si="244"/>
        <v>1.789719849186274</v>
      </c>
      <c r="I1072" s="236">
        <f t="shared" si="245"/>
        <v>15.267157053329189</v>
      </c>
      <c r="J1072" s="237">
        <f t="shared" si="250"/>
        <v>5.2671570533291892</v>
      </c>
      <c r="K1072" s="237">
        <f t="shared" si="246"/>
        <v>159.81660003424994</v>
      </c>
      <c r="L1072" s="237">
        <f t="shared" si="251"/>
        <v>55.173470133623255</v>
      </c>
      <c r="M1072" s="236">
        <f t="shared" si="247"/>
        <v>4.6986966623251165</v>
      </c>
      <c r="N1072" s="236">
        <f t="shared" si="248"/>
        <v>2.8930341142690081</v>
      </c>
      <c r="O1072" s="236">
        <f t="shared" si="252"/>
        <v>3.2643345718654251</v>
      </c>
      <c r="P1072" s="236" t="str">
        <f t="shared" si="253"/>
        <v>CLAY</v>
      </c>
      <c r="Q1072" s="236">
        <f t="shared" si="249"/>
        <v>21.603616663812506</v>
      </c>
      <c r="R1072" s="238">
        <v>35</v>
      </c>
      <c r="S1072" s="236">
        <f t="shared" si="254"/>
        <v>1.7294649692444408</v>
      </c>
      <c r="T1072" s="236" t="e">
        <f t="shared" si="240"/>
        <v>#N/A</v>
      </c>
    </row>
    <row r="1073" spans="1:20" x14ac:dyDescent="0.2">
      <c r="A1073" s="53">
        <f t="shared" si="241"/>
        <v>1061</v>
      </c>
      <c r="B1073" s="239">
        <v>10.486000000000001</v>
      </c>
      <c r="C1073" s="3">
        <f t="shared" si="242"/>
        <v>10.479000000000001</v>
      </c>
      <c r="D1073" s="239">
        <v>0.36070000000000002</v>
      </c>
      <c r="E1073" s="239">
        <v>7.4999999999999997E-3</v>
      </c>
      <c r="F1073" s="239">
        <v>0.28520000000000001</v>
      </c>
      <c r="G1073">
        <f t="shared" si="243"/>
        <v>0.41774</v>
      </c>
      <c r="H1073" s="235">
        <f t="shared" si="244"/>
        <v>1.7953751137070904</v>
      </c>
      <c r="I1073" s="236">
        <f t="shared" si="245"/>
        <v>15.265923921702896</v>
      </c>
      <c r="J1073" s="237">
        <f t="shared" si="250"/>
        <v>5.2659239217028961</v>
      </c>
      <c r="K1073" s="237">
        <f t="shared" si="246"/>
        <v>159.97161677552467</v>
      </c>
      <c r="L1073" s="237">
        <f t="shared" si="251"/>
        <v>55.218478242976573</v>
      </c>
      <c r="M1073" s="236">
        <f t="shared" si="247"/>
        <v>4.6681544190736863</v>
      </c>
      <c r="N1073" s="236">
        <f t="shared" si="248"/>
        <v>2.9095887968031717</v>
      </c>
      <c r="O1073" s="236">
        <f t="shared" si="252"/>
        <v>3.2680386234125618</v>
      </c>
      <c r="P1073" s="236" t="str">
        <f t="shared" si="253"/>
        <v>CLAY</v>
      </c>
      <c r="Q1073" s="236">
        <f t="shared" si="249"/>
        <v>21.48069860203961</v>
      </c>
      <c r="R1073" s="238">
        <v>35</v>
      </c>
      <c r="S1073" s="236">
        <f t="shared" si="254"/>
        <v>1.7154241737412634</v>
      </c>
      <c r="T1073" s="236" t="e">
        <f t="shared" si="240"/>
        <v>#N/A</v>
      </c>
    </row>
    <row r="1074" spans="1:20" x14ac:dyDescent="0.2">
      <c r="A1074" s="53">
        <f t="shared" si="241"/>
        <v>1062</v>
      </c>
      <c r="B1074" s="239">
        <v>10.496</v>
      </c>
      <c r="C1074" s="3">
        <f t="shared" si="242"/>
        <v>10.489000000000001</v>
      </c>
      <c r="D1074" s="239">
        <v>0.37340000000000001</v>
      </c>
      <c r="E1074" s="239">
        <v>7.1999999999999998E-3</v>
      </c>
      <c r="F1074" s="239">
        <v>0.28710000000000002</v>
      </c>
      <c r="G1074">
        <f t="shared" si="243"/>
        <v>0.43081999999999998</v>
      </c>
      <c r="H1074" s="235">
        <f t="shared" si="244"/>
        <v>1.6712316048465716</v>
      </c>
      <c r="I1074" s="236">
        <f t="shared" si="245"/>
        <v>15.23010706549805</v>
      </c>
      <c r="J1074" s="237">
        <f t="shared" si="250"/>
        <v>5.2301070654980499</v>
      </c>
      <c r="K1074" s="237">
        <f t="shared" si="246"/>
        <v>159.74859301000905</v>
      </c>
      <c r="L1074" s="237">
        <f t="shared" si="251"/>
        <v>54.895203759467535</v>
      </c>
      <c r="M1074" s="236">
        <f t="shared" si="247"/>
        <v>4.9379797946963704</v>
      </c>
      <c r="N1074" s="236">
        <f t="shared" si="248"/>
        <v>2.6561266936818066</v>
      </c>
      <c r="O1074" s="236">
        <f t="shared" si="252"/>
        <v>3.2267991127167366</v>
      </c>
      <c r="P1074" s="236" t="str">
        <f t="shared" si="253"/>
        <v>CLAY</v>
      </c>
      <c r="Q1074" s="236">
        <f t="shared" si="249"/>
        <v>22.589283915832578</v>
      </c>
      <c r="R1074" s="238">
        <v>35</v>
      </c>
      <c r="S1074" s="236">
        <f t="shared" si="254"/>
        <v>1.8402492286003189</v>
      </c>
      <c r="T1074" s="236" t="e">
        <f t="shared" si="240"/>
        <v>#N/A</v>
      </c>
    </row>
    <row r="1075" spans="1:20" x14ac:dyDescent="0.2">
      <c r="A1075" s="53">
        <f t="shared" si="241"/>
        <v>1063</v>
      </c>
      <c r="B1075" s="239">
        <v>10.506</v>
      </c>
      <c r="C1075" s="3">
        <f t="shared" si="242"/>
        <v>10.499000000000001</v>
      </c>
      <c r="D1075" s="239">
        <v>0.38519999999999999</v>
      </c>
      <c r="E1075" s="239">
        <v>7.3000000000000001E-3</v>
      </c>
      <c r="F1075" s="239">
        <v>0.28899999999999998</v>
      </c>
      <c r="G1075">
        <f t="shared" si="243"/>
        <v>0.44299999999999995</v>
      </c>
      <c r="H1075" s="235">
        <f t="shared" si="244"/>
        <v>1.647855530474041</v>
      </c>
      <c r="I1075" s="236">
        <f t="shared" si="245"/>
        <v>15.25717813030848</v>
      </c>
      <c r="J1075" s="237">
        <f t="shared" si="250"/>
        <v>5.2571781303084801</v>
      </c>
      <c r="K1075" s="237">
        <f t="shared" si="246"/>
        <v>160.18511319010875</v>
      </c>
      <c r="L1075" s="237">
        <f t="shared" si="251"/>
        <v>55.231913437020893</v>
      </c>
      <c r="M1075" s="236">
        <f t="shared" si="247"/>
        <v>5.1204977197173429</v>
      </c>
      <c r="N1075" s="236">
        <f t="shared" si="248"/>
        <v>2.5811936855032238</v>
      </c>
      <c r="O1075" s="236">
        <f t="shared" si="252"/>
        <v>3.2069043806543225</v>
      </c>
      <c r="P1075" s="236" t="str">
        <f t="shared" si="253"/>
        <v>CLAY</v>
      </c>
      <c r="Q1075" s="236">
        <f t="shared" si="249"/>
        <v>23.567907234157598</v>
      </c>
      <c r="R1075" s="238">
        <v>35</v>
      </c>
      <c r="S1075" s="236">
        <f t="shared" si="254"/>
        <v>1.9256627522917336</v>
      </c>
      <c r="T1075" s="236" t="e">
        <f t="shared" si="240"/>
        <v>#N/A</v>
      </c>
    </row>
    <row r="1076" spans="1:20" x14ac:dyDescent="0.2">
      <c r="A1076" s="53">
        <f t="shared" si="241"/>
        <v>1064</v>
      </c>
      <c r="B1076" s="239">
        <v>10.516</v>
      </c>
      <c r="C1076" s="3">
        <f t="shared" si="242"/>
        <v>10.509</v>
      </c>
      <c r="D1076" s="239">
        <v>0.3967</v>
      </c>
      <c r="E1076" s="239">
        <v>7.1999999999999998E-3</v>
      </c>
      <c r="F1076" s="239">
        <v>0.28599999999999998</v>
      </c>
      <c r="G1076">
        <f t="shared" si="243"/>
        <v>0.45389999999999997</v>
      </c>
      <c r="H1076" s="235">
        <f t="shared" si="244"/>
        <v>1.5862524785194978</v>
      </c>
      <c r="I1076" s="236">
        <f t="shared" si="245"/>
        <v>15.250504959215476</v>
      </c>
      <c r="J1076" s="237">
        <f t="shared" si="250"/>
        <v>5.2505049592154762</v>
      </c>
      <c r="K1076" s="237">
        <f t="shared" si="246"/>
        <v>160.26755661639544</v>
      </c>
      <c r="L1076" s="237">
        <f t="shared" si="251"/>
        <v>55.214310151109949</v>
      </c>
      <c r="M1076" s="236">
        <f t="shared" si="247"/>
        <v>5.3180496610388559</v>
      </c>
      <c r="N1076" s="236">
        <f t="shared" si="248"/>
        <v>2.4520451204344078</v>
      </c>
      <c r="O1076" s="236">
        <f t="shared" si="252"/>
        <v>3.1814268510005301</v>
      </c>
      <c r="P1076" s="236" t="str">
        <f t="shared" si="253"/>
        <v>CLAY</v>
      </c>
      <c r="Q1076" s="236">
        <f t="shared" si="249"/>
        <v>24.469370281967045</v>
      </c>
      <c r="R1076" s="238">
        <v>35</v>
      </c>
      <c r="S1076" s="236">
        <f t="shared" si="254"/>
        <v>2.0189729221337456</v>
      </c>
      <c r="T1076" s="236" t="e">
        <f t="shared" si="240"/>
        <v>#N/A</v>
      </c>
    </row>
    <row r="1077" spans="1:20" x14ac:dyDescent="0.2">
      <c r="A1077" s="53">
        <f t="shared" si="241"/>
        <v>1065</v>
      </c>
      <c r="B1077" s="239">
        <v>10.526999999999999</v>
      </c>
      <c r="C1077" s="3">
        <f t="shared" si="242"/>
        <v>10.52</v>
      </c>
      <c r="D1077" s="239">
        <v>0.38619999999999999</v>
      </c>
      <c r="E1077" s="239">
        <v>7.1999999999999998E-3</v>
      </c>
      <c r="F1077" s="239">
        <v>0.28189999999999998</v>
      </c>
      <c r="G1077">
        <f t="shared" si="243"/>
        <v>0.44257999999999997</v>
      </c>
      <c r="H1077" s="235">
        <f t="shared" si="244"/>
        <v>1.6268245288987304</v>
      </c>
      <c r="I1077" s="236">
        <f t="shared" si="245"/>
        <v>15.240633400755208</v>
      </c>
      <c r="J1077" s="237">
        <f t="shared" si="250"/>
        <v>5.2406334007552076</v>
      </c>
      <c r="K1077" s="237">
        <f t="shared" si="246"/>
        <v>160.33146337594476</v>
      </c>
      <c r="L1077" s="237">
        <f t="shared" si="251"/>
        <v>55.168147809750067</v>
      </c>
      <c r="M1077" s="236">
        <f t="shared" si="247"/>
        <v>5.1161503119046596</v>
      </c>
      <c r="N1077" s="236">
        <f t="shared" si="248"/>
        <v>2.5509432523967837</v>
      </c>
      <c r="O1077" s="236">
        <f t="shared" si="252"/>
        <v>3.2046200414438202</v>
      </c>
      <c r="P1077" s="236" t="str">
        <f t="shared" si="253"/>
        <v>CLAY</v>
      </c>
      <c r="Q1077" s="236">
        <f t="shared" si="249"/>
        <v>23.520711385337933</v>
      </c>
      <c r="R1077" s="238">
        <v>35</v>
      </c>
      <c r="S1077" s="236">
        <f t="shared" si="254"/>
        <v>1.9236193101544869</v>
      </c>
      <c r="T1077" s="236" t="e">
        <f t="shared" si="240"/>
        <v>#N/A</v>
      </c>
    </row>
    <row r="1078" spans="1:20" x14ac:dyDescent="0.2">
      <c r="A1078" s="53">
        <f t="shared" si="241"/>
        <v>1066</v>
      </c>
      <c r="B1078" s="239">
        <v>10.536</v>
      </c>
      <c r="C1078" s="3">
        <f t="shared" si="242"/>
        <v>10.529</v>
      </c>
      <c r="D1078" s="239">
        <v>0.38019999999999998</v>
      </c>
      <c r="E1078" s="239">
        <v>7.6E-3</v>
      </c>
      <c r="F1078" s="239">
        <v>0.28510000000000002</v>
      </c>
      <c r="G1078">
        <f t="shared" si="243"/>
        <v>0.43722</v>
      </c>
      <c r="H1078" s="235">
        <f t="shared" si="244"/>
        <v>1.7382553405608161</v>
      </c>
      <c r="I1078" s="236">
        <f t="shared" si="245"/>
        <v>15.299269771458217</v>
      </c>
      <c r="J1078" s="237">
        <f t="shared" si="250"/>
        <v>5.2992697714582171</v>
      </c>
      <c r="K1078" s="237">
        <f t="shared" si="246"/>
        <v>161.08601142368357</v>
      </c>
      <c r="L1078" s="237">
        <f t="shared" si="251"/>
        <v>55.833106312083771</v>
      </c>
      <c r="M1078" s="236">
        <f t="shared" si="247"/>
        <v>4.9457034869749599</v>
      </c>
      <c r="N1078" s="236">
        <f t="shared" si="248"/>
        <v>2.7522870470179566</v>
      </c>
      <c r="O1078" s="236">
        <f t="shared" si="252"/>
        <v>3.2341139502282332</v>
      </c>
      <c r="P1078" s="236" t="str">
        <f t="shared" si="253"/>
        <v>CLAY</v>
      </c>
      <c r="Q1078" s="236">
        <f t="shared" si="249"/>
        <v>23.011165714693032</v>
      </c>
      <c r="R1078" s="238">
        <v>35</v>
      </c>
      <c r="S1078" s="236">
        <f t="shared" si="254"/>
        <v>1.8438479413468771</v>
      </c>
      <c r="T1078" s="236" t="e">
        <f t="shared" si="240"/>
        <v>#N/A</v>
      </c>
    </row>
    <row r="1079" spans="1:20" x14ac:dyDescent="0.2">
      <c r="A1079" s="53">
        <f t="shared" si="241"/>
        <v>1067</v>
      </c>
      <c r="B1079" s="239">
        <v>10.545999999999999</v>
      </c>
      <c r="C1079" s="3">
        <f t="shared" si="242"/>
        <v>10.539</v>
      </c>
      <c r="D1079" s="239">
        <v>0.37940000000000002</v>
      </c>
      <c r="E1079" s="239">
        <v>7.6E-3</v>
      </c>
      <c r="F1079" s="239">
        <v>0.2792</v>
      </c>
      <c r="G1079">
        <f t="shared" si="243"/>
        <v>0.43524000000000002</v>
      </c>
      <c r="H1079" s="235">
        <f t="shared" si="244"/>
        <v>1.7461630364856171</v>
      </c>
      <c r="I1079" s="236">
        <f t="shared" si="245"/>
        <v>15.297495675005877</v>
      </c>
      <c r="J1079" s="237">
        <f t="shared" si="250"/>
        <v>5.2974956750058766</v>
      </c>
      <c r="K1079" s="237">
        <f t="shared" si="246"/>
        <v>161.22030691888693</v>
      </c>
      <c r="L1079" s="237">
        <f t="shared" si="251"/>
        <v>55.867389388611969</v>
      </c>
      <c r="M1079" s="236">
        <f t="shared" si="247"/>
        <v>4.9048236561590501</v>
      </c>
      <c r="N1079" s="236">
        <f t="shared" si="248"/>
        <v>2.7735232875216416</v>
      </c>
      <c r="O1079" s="236">
        <f t="shared" si="252"/>
        <v>3.2389209809153652</v>
      </c>
      <c r="P1079" s="236" t="str">
        <f t="shared" si="253"/>
        <v>CLAY</v>
      </c>
      <c r="Q1079" s="236">
        <f t="shared" si="249"/>
        <v>22.83497442342609</v>
      </c>
      <c r="R1079" s="238">
        <v>35</v>
      </c>
      <c r="S1079" s="236">
        <f t="shared" si="254"/>
        <v>1.8248167381261449</v>
      </c>
      <c r="T1079" s="236" t="e">
        <f t="shared" si="240"/>
        <v>#N/A</v>
      </c>
    </row>
    <row r="1080" spans="1:20" x14ac:dyDescent="0.2">
      <c r="A1080" s="53">
        <f t="shared" si="241"/>
        <v>1068</v>
      </c>
      <c r="B1080" s="239">
        <v>10.555999999999999</v>
      </c>
      <c r="C1080" s="3">
        <f t="shared" si="242"/>
        <v>10.548999999999999</v>
      </c>
      <c r="D1080" s="239">
        <v>0.36349999999999999</v>
      </c>
      <c r="E1080" s="239">
        <v>7.9000000000000008E-3</v>
      </c>
      <c r="F1080" s="239">
        <v>0.28749999999999998</v>
      </c>
      <c r="G1080">
        <f t="shared" si="243"/>
        <v>0.42099999999999999</v>
      </c>
      <c r="H1080" s="235">
        <f t="shared" si="244"/>
        <v>1.8764845605700713</v>
      </c>
      <c r="I1080" s="236">
        <f t="shared" si="245"/>
        <v>15.32989008711878</v>
      </c>
      <c r="J1080" s="237">
        <f t="shared" si="250"/>
        <v>5.3298900871187804</v>
      </c>
      <c r="K1080" s="237">
        <f t="shared" si="246"/>
        <v>161.71501052901601</v>
      </c>
      <c r="L1080" s="237">
        <f t="shared" si="251"/>
        <v>56.262319759625839</v>
      </c>
      <c r="M1080" s="236">
        <f t="shared" si="247"/>
        <v>4.6085015793651714</v>
      </c>
      <c r="N1080" s="236">
        <f t="shared" si="248"/>
        <v>3.0468404731482042</v>
      </c>
      <c r="O1080" s="236">
        <f t="shared" si="252"/>
        <v>3.2831708429288549</v>
      </c>
      <c r="P1080" s="236" t="str">
        <f t="shared" si="253"/>
        <v>CLAY</v>
      </c>
      <c r="Q1080" s="236">
        <f t="shared" si="249"/>
        <v>21.607082455915332</v>
      </c>
      <c r="R1080" s="238">
        <v>35</v>
      </c>
      <c r="S1080" s="236">
        <f t="shared" si="254"/>
        <v>1.6880670177231232</v>
      </c>
      <c r="T1080" s="236" t="e">
        <f t="shared" si="240"/>
        <v>#N/A</v>
      </c>
    </row>
    <row r="1081" spans="1:20" x14ac:dyDescent="0.2">
      <c r="A1081" s="53">
        <f t="shared" si="241"/>
        <v>1069</v>
      </c>
      <c r="B1081" s="239">
        <v>10.566000000000001</v>
      </c>
      <c r="C1081" s="3">
        <f t="shared" si="242"/>
        <v>10.559000000000001</v>
      </c>
      <c r="D1081" s="239">
        <v>0.3614</v>
      </c>
      <c r="E1081" s="239">
        <v>8.5000000000000006E-3</v>
      </c>
      <c r="F1081" s="239">
        <v>0.29399999999999998</v>
      </c>
      <c r="G1081">
        <f t="shared" si="243"/>
        <v>0.42019999999999996</v>
      </c>
      <c r="H1081" s="235">
        <f t="shared" si="244"/>
        <v>2.0228462636839604</v>
      </c>
      <c r="I1081" s="236">
        <f t="shared" si="245"/>
        <v>15.414984597074017</v>
      </c>
      <c r="J1081" s="237">
        <f t="shared" si="250"/>
        <v>5.4149845970740174</v>
      </c>
      <c r="K1081" s="237">
        <f t="shared" si="246"/>
        <v>162.76682236050456</v>
      </c>
      <c r="L1081" s="237">
        <f t="shared" si="251"/>
        <v>57.214727252684071</v>
      </c>
      <c r="M1081" s="236">
        <f t="shared" si="247"/>
        <v>4.4994215650555009</v>
      </c>
      <c r="N1081" s="236">
        <f t="shared" si="248"/>
        <v>3.3018277123173458</v>
      </c>
      <c r="O1081" s="236">
        <f t="shared" si="252"/>
        <v>3.3102678366985701</v>
      </c>
      <c r="P1081" s="236" t="str">
        <f t="shared" si="253"/>
        <v>CLAY</v>
      </c>
      <c r="Q1081" s="236">
        <f t="shared" si="249"/>
        <v>21.452764803291284</v>
      </c>
      <c r="R1081" s="238">
        <v>35</v>
      </c>
      <c r="S1081" s="236">
        <f t="shared" si="254"/>
        <v>1.638271459924395</v>
      </c>
      <c r="T1081" s="236" t="e">
        <f t="shared" si="240"/>
        <v>#N/A</v>
      </c>
    </row>
    <row r="1082" spans="1:20" x14ac:dyDescent="0.2">
      <c r="A1082" s="53">
        <f t="shared" si="241"/>
        <v>1070</v>
      </c>
      <c r="B1082" s="239">
        <v>10.574999999999999</v>
      </c>
      <c r="C1082" s="3">
        <f t="shared" si="242"/>
        <v>10.568</v>
      </c>
      <c r="D1082" s="239">
        <v>0.3695</v>
      </c>
      <c r="E1082" s="239">
        <v>8.6999999999999994E-3</v>
      </c>
      <c r="F1082" s="239">
        <v>0.3019</v>
      </c>
      <c r="G1082">
        <f t="shared" si="243"/>
        <v>0.42987999999999998</v>
      </c>
      <c r="H1082" s="235">
        <f t="shared" si="244"/>
        <v>2.0238206010979809</v>
      </c>
      <c r="I1082" s="236">
        <f t="shared" si="245"/>
        <v>15.451157552637223</v>
      </c>
      <c r="J1082" s="237">
        <f t="shared" si="250"/>
        <v>5.4511575526372233</v>
      </c>
      <c r="K1082" s="237">
        <f t="shared" si="246"/>
        <v>163.28783301627018</v>
      </c>
      <c r="L1082" s="237">
        <f t="shared" si="251"/>
        <v>57.645991119138635</v>
      </c>
      <c r="M1082" s="236">
        <f t="shared" si="247"/>
        <v>4.6246436535847932</v>
      </c>
      <c r="N1082" s="236">
        <f t="shared" si="248"/>
        <v>3.2634117117668207</v>
      </c>
      <c r="O1082" s="236">
        <f t="shared" si="252"/>
        <v>3.2974541744204799</v>
      </c>
      <c r="P1082" s="236" t="str">
        <f t="shared" si="253"/>
        <v>CLAY</v>
      </c>
      <c r="Q1082" s="236">
        <f t="shared" si="249"/>
        <v>22.216013915310821</v>
      </c>
      <c r="R1082" s="238">
        <v>35</v>
      </c>
      <c r="S1082" s="236">
        <f t="shared" si="254"/>
        <v>1.695461184429724</v>
      </c>
      <c r="T1082" s="236" t="e">
        <f t="shared" si="240"/>
        <v>#N/A</v>
      </c>
    </row>
    <row r="1083" spans="1:20" x14ac:dyDescent="0.2">
      <c r="A1083" s="53">
        <f t="shared" si="241"/>
        <v>1071</v>
      </c>
      <c r="B1083" s="239">
        <v>10.586</v>
      </c>
      <c r="C1083" s="3">
        <f t="shared" si="242"/>
        <v>10.579000000000001</v>
      </c>
      <c r="D1083" s="239">
        <v>0.40139999999999998</v>
      </c>
      <c r="E1083" s="239">
        <v>8.8000000000000005E-3</v>
      </c>
      <c r="F1083" s="239">
        <v>0.30399999999999999</v>
      </c>
      <c r="G1083">
        <f t="shared" si="243"/>
        <v>0.46219999999999994</v>
      </c>
      <c r="H1083" s="235">
        <f t="shared" si="244"/>
        <v>1.9039376893119866</v>
      </c>
      <c r="I1083" s="236">
        <f t="shared" si="245"/>
        <v>15.492893216216723</v>
      </c>
      <c r="J1083" s="237">
        <f t="shared" si="250"/>
        <v>5.4928932162167232</v>
      </c>
      <c r="K1083" s="237">
        <f t="shared" si="246"/>
        <v>163.89931733435674</v>
      </c>
      <c r="L1083" s="237">
        <f t="shared" si="251"/>
        <v>58.147767586870231</v>
      </c>
      <c r="M1083" s="236">
        <f t="shared" si="247"/>
        <v>5.1300453146373153</v>
      </c>
      <c r="N1083" s="236">
        <f t="shared" si="248"/>
        <v>2.9500435337131532</v>
      </c>
      <c r="O1083" s="236">
        <f t="shared" si="252"/>
        <v>3.2361166680031808</v>
      </c>
      <c r="P1083" s="236" t="str">
        <f t="shared" si="253"/>
        <v>CLAY</v>
      </c>
      <c r="Q1083" s="236">
        <f t="shared" si="249"/>
        <v>24.858390222136933</v>
      </c>
      <c r="R1083" s="238">
        <v>35</v>
      </c>
      <c r="S1083" s="236">
        <f t="shared" si="254"/>
        <v>1.9301519963242848</v>
      </c>
      <c r="T1083" s="236" t="e">
        <f t="shared" si="240"/>
        <v>#N/A</v>
      </c>
    </row>
    <row r="1084" spans="1:20" x14ac:dyDescent="0.2">
      <c r="A1084" s="53">
        <f t="shared" si="241"/>
        <v>1072</v>
      </c>
      <c r="B1084" s="239">
        <v>10.595000000000001</v>
      </c>
      <c r="C1084" s="3">
        <f t="shared" si="242"/>
        <v>10.588000000000001</v>
      </c>
      <c r="D1084" s="239">
        <v>0.42349999999999999</v>
      </c>
      <c r="E1084" s="239">
        <v>8.9999999999999993E-3</v>
      </c>
      <c r="F1084" s="239">
        <v>0.30580000000000002</v>
      </c>
      <c r="G1084">
        <f t="shared" si="243"/>
        <v>0.48465999999999998</v>
      </c>
      <c r="H1084" s="235">
        <f t="shared" si="244"/>
        <v>1.8569718978252794</v>
      </c>
      <c r="I1084" s="236">
        <f t="shared" si="245"/>
        <v>15.537791290044341</v>
      </c>
      <c r="J1084" s="237">
        <f t="shared" si="250"/>
        <v>5.5377912900443409</v>
      </c>
      <c r="K1084" s="237">
        <f t="shared" si="246"/>
        <v>164.51413417898951</v>
      </c>
      <c r="L1084" s="237">
        <f t="shared" si="251"/>
        <v>58.672898718019795</v>
      </c>
      <c r="M1084" s="236">
        <f t="shared" si="247"/>
        <v>5.4564521749576747</v>
      </c>
      <c r="N1084" s="236">
        <f t="shared" si="248"/>
        <v>2.8112185603020676</v>
      </c>
      <c r="O1084" s="236">
        <f t="shared" si="252"/>
        <v>3.2023410565707291</v>
      </c>
      <c r="P1084" s="236" t="str">
        <f t="shared" si="253"/>
        <v>CLAY</v>
      </c>
      <c r="Q1084" s="236">
        <f t="shared" si="249"/>
        <v>26.678822151750875</v>
      </c>
      <c r="R1084" s="238">
        <v>35</v>
      </c>
      <c r="S1084" s="236">
        <f t="shared" si="254"/>
        <v>2.084865054442381</v>
      </c>
      <c r="T1084" s="236" t="e">
        <f t="shared" si="240"/>
        <v>#N/A</v>
      </c>
    </row>
    <row r="1085" spans="1:20" x14ac:dyDescent="0.2">
      <c r="A1085" s="53">
        <f t="shared" si="241"/>
        <v>1073</v>
      </c>
      <c r="B1085" s="239">
        <v>10.606</v>
      </c>
      <c r="C1085" s="3">
        <f t="shared" si="242"/>
        <v>10.599</v>
      </c>
      <c r="D1085" s="239">
        <v>0.44990000000000002</v>
      </c>
      <c r="E1085" s="239">
        <v>8.9999999999999993E-3</v>
      </c>
      <c r="F1085" s="239">
        <v>0.30399999999999999</v>
      </c>
      <c r="G1085">
        <f t="shared" si="243"/>
        <v>0.51070000000000004</v>
      </c>
      <c r="H1085" s="235">
        <f t="shared" si="244"/>
        <v>1.7622870569806146</v>
      </c>
      <c r="I1085" s="236">
        <f t="shared" si="245"/>
        <v>15.558247101938649</v>
      </c>
      <c r="J1085" s="237">
        <f t="shared" si="250"/>
        <v>5.5582471019386492</v>
      </c>
      <c r="K1085" s="237">
        <f t="shared" si="246"/>
        <v>164.90186103344774</v>
      </c>
      <c r="L1085" s="237">
        <f t="shared" si="251"/>
        <v>58.950768763161314</v>
      </c>
      <c r="M1085" s="236">
        <f t="shared" si="247"/>
        <v>5.8658800592714853</v>
      </c>
      <c r="N1085" s="236">
        <f t="shared" si="248"/>
        <v>2.6026745045237316</v>
      </c>
      <c r="O1085" s="236">
        <f t="shared" si="252"/>
        <v>3.1581009681378296</v>
      </c>
      <c r="P1085" s="236" t="str">
        <f t="shared" si="253"/>
        <v>CLAY</v>
      </c>
      <c r="Q1085" s="236">
        <f t="shared" si="249"/>
        <v>28.816511580546024</v>
      </c>
      <c r="R1085" s="238">
        <v>35</v>
      </c>
      <c r="S1085" s="236">
        <f t="shared" si="254"/>
        <v>2.2822146137427701</v>
      </c>
      <c r="T1085" s="236" t="e">
        <f t="shared" si="240"/>
        <v>#N/A</v>
      </c>
    </row>
    <row r="1086" spans="1:20" x14ac:dyDescent="0.2">
      <c r="A1086" s="53">
        <f t="shared" si="241"/>
        <v>1074</v>
      </c>
      <c r="B1086" s="239">
        <v>10.616</v>
      </c>
      <c r="C1086" s="3">
        <f t="shared" si="242"/>
        <v>10.609</v>
      </c>
      <c r="D1086" s="239">
        <v>0.46989999999999998</v>
      </c>
      <c r="E1086" s="239">
        <v>8.6999999999999994E-3</v>
      </c>
      <c r="F1086" s="239">
        <v>0.2868</v>
      </c>
      <c r="G1086">
        <f t="shared" si="243"/>
        <v>0.52725999999999995</v>
      </c>
      <c r="H1086" s="235">
        <f t="shared" si="244"/>
        <v>1.6500398285475857</v>
      </c>
      <c r="I1086" s="236">
        <f t="shared" si="245"/>
        <v>15.530967379229901</v>
      </c>
      <c r="J1086" s="237">
        <f t="shared" si="250"/>
        <v>5.5309673792299012</v>
      </c>
      <c r="K1086" s="237">
        <f t="shared" si="246"/>
        <v>164.76803292625002</v>
      </c>
      <c r="L1086" s="237">
        <f t="shared" si="251"/>
        <v>58.716749697904632</v>
      </c>
      <c r="M1086" s="236">
        <f t="shared" si="247"/>
        <v>6.1735700449830224</v>
      </c>
      <c r="N1086" s="236">
        <f t="shared" si="248"/>
        <v>2.4000531846902864</v>
      </c>
      <c r="O1086" s="236">
        <f t="shared" si="252"/>
        <v>3.1209344930588543</v>
      </c>
      <c r="P1086" s="236" t="str">
        <f t="shared" si="253"/>
        <v>CLAY</v>
      </c>
      <c r="Q1086" s="236">
        <f t="shared" si="249"/>
        <v>30.207663922812497</v>
      </c>
      <c r="R1086" s="238">
        <v>35</v>
      </c>
      <c r="S1086" s="236">
        <f t="shared" si="254"/>
        <v>2.4328228356871233</v>
      </c>
      <c r="T1086" s="236" t="e">
        <f t="shared" si="240"/>
        <v>#N/A</v>
      </c>
    </row>
    <row r="1087" spans="1:20" x14ac:dyDescent="0.2">
      <c r="A1087" s="53">
        <f t="shared" si="241"/>
        <v>1075</v>
      </c>
      <c r="B1087" s="239">
        <v>10.627000000000001</v>
      </c>
      <c r="C1087" s="3">
        <f t="shared" si="242"/>
        <v>10.620000000000001</v>
      </c>
      <c r="D1087" s="239">
        <v>0.47770000000000001</v>
      </c>
      <c r="E1087" s="239">
        <v>8.0000000000000002E-3</v>
      </c>
      <c r="F1087" s="239">
        <v>0.25969999999999999</v>
      </c>
      <c r="G1087">
        <f t="shared" si="243"/>
        <v>0.52964</v>
      </c>
      <c r="H1087" s="235">
        <f t="shared" si="244"/>
        <v>1.5104599350502228</v>
      </c>
      <c r="I1087" s="236">
        <f t="shared" si="245"/>
        <v>15.434368718462634</v>
      </c>
      <c r="J1087" s="237">
        <f t="shared" si="250"/>
        <v>5.4343687184626344</v>
      </c>
      <c r="K1087" s="237">
        <f t="shared" si="246"/>
        <v>163.91299579007318</v>
      </c>
      <c r="L1087" s="237">
        <f t="shared" si="251"/>
        <v>57.751036371102416</v>
      </c>
      <c r="M1087" s="236">
        <f t="shared" si="247"/>
        <v>6.3328214901599589</v>
      </c>
      <c r="N1087" s="236">
        <f t="shared" si="248"/>
        <v>2.1874239276594438</v>
      </c>
      <c r="O1087" s="236">
        <f t="shared" si="252"/>
        <v>3.090916383669589</v>
      </c>
      <c r="P1087" s="236" t="str">
        <f t="shared" si="253"/>
        <v>CLAY</v>
      </c>
      <c r="Q1087" s="236">
        <f t="shared" si="249"/>
        <v>30.477250350827234</v>
      </c>
      <c r="R1087" s="238">
        <v>35</v>
      </c>
      <c r="S1087" s="236">
        <f t="shared" si="254"/>
        <v>2.5115195697689652</v>
      </c>
      <c r="T1087" s="236" t="e">
        <f t="shared" si="240"/>
        <v>#N/A</v>
      </c>
    </row>
    <row r="1088" spans="1:20" x14ac:dyDescent="0.2">
      <c r="A1088" s="53">
        <f t="shared" si="241"/>
        <v>1076</v>
      </c>
      <c r="B1088" s="239">
        <v>10.635999999999999</v>
      </c>
      <c r="C1088" s="3">
        <f t="shared" si="242"/>
        <v>10.629</v>
      </c>
      <c r="D1088" s="239">
        <v>0.44180000000000003</v>
      </c>
      <c r="E1088" s="239">
        <v>8.2000000000000007E-3</v>
      </c>
      <c r="F1088" s="239">
        <v>0.25019999999999998</v>
      </c>
      <c r="G1088">
        <f t="shared" si="243"/>
        <v>0.49184</v>
      </c>
      <c r="H1088" s="235">
        <f t="shared" si="244"/>
        <v>1.6672088484059859</v>
      </c>
      <c r="I1088" s="236">
        <f t="shared" si="245"/>
        <v>15.434381917056207</v>
      </c>
      <c r="J1088" s="237">
        <f t="shared" si="250"/>
        <v>5.4343819170562071</v>
      </c>
      <c r="K1088" s="237">
        <f t="shared" si="246"/>
        <v>164.05204539639041</v>
      </c>
      <c r="L1088" s="237">
        <f t="shared" si="251"/>
        <v>57.800086069809815</v>
      </c>
      <c r="M1088" s="236">
        <f t="shared" si="247"/>
        <v>5.6710634341913213</v>
      </c>
      <c r="N1088" s="236">
        <f t="shared" si="248"/>
        <v>2.5016172451840615</v>
      </c>
      <c r="O1088" s="236">
        <f t="shared" si="252"/>
        <v>3.1618218291219802</v>
      </c>
      <c r="P1088" s="236" t="str">
        <f t="shared" si="253"/>
        <v>CLAY</v>
      </c>
      <c r="Q1088" s="236">
        <f t="shared" si="249"/>
        <v>27.315662883634133</v>
      </c>
      <c r="R1088" s="238">
        <v>35</v>
      </c>
      <c r="S1088" s="236">
        <f t="shared" si="254"/>
        <v>2.1878656011432995</v>
      </c>
      <c r="T1088" s="236" t="e">
        <f t="shared" si="240"/>
        <v>#N/A</v>
      </c>
    </row>
    <row r="1089" spans="1:20" x14ac:dyDescent="0.2">
      <c r="A1089" s="53">
        <f t="shared" si="241"/>
        <v>1077</v>
      </c>
      <c r="B1089" s="239">
        <v>10.646000000000001</v>
      </c>
      <c r="C1089" s="3">
        <f t="shared" si="242"/>
        <v>10.639000000000001</v>
      </c>
      <c r="D1089" s="239">
        <v>0.3871</v>
      </c>
      <c r="E1089" s="239">
        <v>8.6999999999999994E-3</v>
      </c>
      <c r="F1089" s="239">
        <v>0.26229999999999998</v>
      </c>
      <c r="G1089">
        <f t="shared" si="243"/>
        <v>0.43956000000000001</v>
      </c>
      <c r="H1089" s="235">
        <f t="shared" si="244"/>
        <v>1.9792519792519792</v>
      </c>
      <c r="I1089" s="236">
        <f t="shared" si="245"/>
        <v>15.45986138469371</v>
      </c>
      <c r="J1089" s="237">
        <f t="shared" si="250"/>
        <v>5.4598613846937099</v>
      </c>
      <c r="K1089" s="237">
        <f t="shared" si="246"/>
        <v>164.47746527175639</v>
      </c>
      <c r="L1089" s="237">
        <f t="shared" si="251"/>
        <v>58.12568430144924</v>
      </c>
      <c r="M1089" s="236">
        <f t="shared" si="247"/>
        <v>4.7325470320765755</v>
      </c>
      <c r="N1089" s="236">
        <f t="shared" si="248"/>
        <v>3.1626871580904989</v>
      </c>
      <c r="O1089" s="236">
        <f t="shared" si="252"/>
        <v>3.2817811861698338</v>
      </c>
      <c r="P1089" s="236" t="str">
        <f t="shared" si="253"/>
        <v>CLAY</v>
      </c>
      <c r="Q1089" s="236">
        <f t="shared" si="249"/>
        <v>22.923544560686967</v>
      </c>
      <c r="R1089" s="238">
        <v>35</v>
      </c>
      <c r="S1089" s="236">
        <f t="shared" si="254"/>
        <v>1.7450532423685177</v>
      </c>
      <c r="T1089" s="236" t="e">
        <f t="shared" si="240"/>
        <v>#N/A</v>
      </c>
    </row>
    <row r="1090" spans="1:20" x14ac:dyDescent="0.2">
      <c r="A1090" s="53">
        <f t="shared" si="241"/>
        <v>1078</v>
      </c>
      <c r="B1090" s="239">
        <v>10.656000000000001</v>
      </c>
      <c r="C1090" s="3">
        <f t="shared" si="242"/>
        <v>10.649000000000001</v>
      </c>
      <c r="D1090" s="239">
        <v>0.36859999999999998</v>
      </c>
      <c r="E1090" s="239">
        <v>9.4999999999999998E-3</v>
      </c>
      <c r="F1090" s="239">
        <v>0.27200000000000002</v>
      </c>
      <c r="G1090">
        <f t="shared" si="243"/>
        <v>0.42299999999999999</v>
      </c>
      <c r="H1090" s="235">
        <f t="shared" si="244"/>
        <v>2.2458628841607564</v>
      </c>
      <c r="I1090" s="236">
        <f t="shared" si="245"/>
        <v>15.548003119299914</v>
      </c>
      <c r="J1090" s="237">
        <f t="shared" si="250"/>
        <v>5.5480031192999135</v>
      </c>
      <c r="K1090" s="237">
        <f t="shared" si="246"/>
        <v>165.5706852174248</v>
      </c>
      <c r="L1090" s="237">
        <f t="shared" si="251"/>
        <v>59.119521239259882</v>
      </c>
      <c r="M1090" s="236">
        <f t="shared" si="247"/>
        <v>4.3543876774770371</v>
      </c>
      <c r="N1090" s="236">
        <f t="shared" si="248"/>
        <v>3.6903334058996742</v>
      </c>
      <c r="O1090" s="236">
        <f t="shared" si="252"/>
        <v>3.3479213377604666</v>
      </c>
      <c r="P1090" s="236" t="str">
        <f t="shared" si="253"/>
        <v>CLAY</v>
      </c>
      <c r="Q1090" s="236">
        <f t="shared" si="249"/>
        <v>21.452442898547933</v>
      </c>
      <c r="R1090" s="238">
        <v>35</v>
      </c>
      <c r="S1090" s="236">
        <f t="shared" si="254"/>
        <v>1.5725297631120136</v>
      </c>
      <c r="T1090" s="236" t="e">
        <f t="shared" si="240"/>
        <v>#N/A</v>
      </c>
    </row>
    <row r="1091" spans="1:20" x14ac:dyDescent="0.2">
      <c r="A1091" s="53">
        <f t="shared" si="241"/>
        <v>1079</v>
      </c>
      <c r="B1091" s="239">
        <v>10.667</v>
      </c>
      <c r="C1091" s="3">
        <f t="shared" si="242"/>
        <v>10.66</v>
      </c>
      <c r="D1091" s="239">
        <v>0.36030000000000001</v>
      </c>
      <c r="E1091" s="239">
        <v>9.9000000000000008E-3</v>
      </c>
      <c r="F1091" s="239">
        <v>0.28349999999999997</v>
      </c>
      <c r="G1091">
        <f t="shared" si="243"/>
        <v>0.41699999999999998</v>
      </c>
      <c r="H1091" s="235">
        <f t="shared" si="244"/>
        <v>2.3741007194244608</v>
      </c>
      <c r="I1091" s="236">
        <f t="shared" si="245"/>
        <v>15.590780529272251</v>
      </c>
      <c r="J1091" s="237">
        <f t="shared" si="250"/>
        <v>5.5907805292722514</v>
      </c>
      <c r="K1091" s="237">
        <f t="shared" si="246"/>
        <v>166.1977204420422</v>
      </c>
      <c r="L1091" s="237">
        <f t="shared" si="251"/>
        <v>59.636855905747105</v>
      </c>
      <c r="M1091" s="236">
        <f t="shared" si="247"/>
        <v>4.2054913148730968</v>
      </c>
      <c r="N1091" s="236">
        <f t="shared" si="248"/>
        <v>3.947332543168617</v>
      </c>
      <c r="O1091" s="236">
        <f t="shared" si="252"/>
        <v>3.3763468916278208</v>
      </c>
      <c r="P1091" s="236" t="str">
        <f t="shared" si="253"/>
        <v>CLAY</v>
      </c>
      <c r="Q1091" s="236">
        <f t="shared" si="249"/>
        <v>20.90018996316315</v>
      </c>
      <c r="R1091" s="238">
        <v>35</v>
      </c>
      <c r="S1091" s="236">
        <f t="shared" si="254"/>
        <v>1.5056046042450908</v>
      </c>
      <c r="T1091" s="236" t="e">
        <f t="shared" si="240"/>
        <v>#N/A</v>
      </c>
    </row>
    <row r="1092" spans="1:20" x14ac:dyDescent="0.2">
      <c r="A1092" s="53">
        <f t="shared" si="241"/>
        <v>1080</v>
      </c>
      <c r="B1092" s="239">
        <v>10.676</v>
      </c>
      <c r="C1092" s="3">
        <f t="shared" si="242"/>
        <v>10.669</v>
      </c>
      <c r="D1092" s="239">
        <v>0.36070000000000002</v>
      </c>
      <c r="E1092" s="239">
        <v>9.7999999999999997E-3</v>
      </c>
      <c r="F1092" s="239">
        <v>0.29160000000000003</v>
      </c>
      <c r="G1092">
        <f t="shared" si="243"/>
        <v>0.41902</v>
      </c>
      <c r="H1092" s="235">
        <f t="shared" si="244"/>
        <v>2.3387905111927831</v>
      </c>
      <c r="I1092" s="236">
        <f t="shared" si="245"/>
        <v>15.580764736018809</v>
      </c>
      <c r="J1092" s="237">
        <f t="shared" si="250"/>
        <v>5.5807647360188088</v>
      </c>
      <c r="K1092" s="237">
        <f t="shared" si="246"/>
        <v>166.23117896858469</v>
      </c>
      <c r="L1092" s="237">
        <f t="shared" si="251"/>
        <v>59.580244321736807</v>
      </c>
      <c r="M1092" s="236">
        <f t="shared" si="247"/>
        <v>4.2428295470951891</v>
      </c>
      <c r="N1092" s="236">
        <f t="shared" si="248"/>
        <v>3.876753710870033</v>
      </c>
      <c r="O1092" s="236">
        <f t="shared" si="252"/>
        <v>3.3688987884498802</v>
      </c>
      <c r="P1092" s="236" t="str">
        <f t="shared" si="253"/>
        <v>CLAY</v>
      </c>
      <c r="Q1092" s="236">
        <f t="shared" si="249"/>
        <v>21.065735085951275</v>
      </c>
      <c r="R1092" s="238">
        <v>35</v>
      </c>
      <c r="S1092" s="236">
        <f t="shared" si="254"/>
        <v>1.5223323958747343</v>
      </c>
      <c r="T1092" s="236" t="e">
        <f t="shared" si="240"/>
        <v>#N/A</v>
      </c>
    </row>
    <row r="1093" spans="1:20" x14ac:dyDescent="0.2">
      <c r="A1093" s="53">
        <f t="shared" si="241"/>
        <v>1081</v>
      </c>
      <c r="B1093" s="239">
        <v>10.686999999999999</v>
      </c>
      <c r="C1093" s="3">
        <f t="shared" si="242"/>
        <v>10.68</v>
      </c>
      <c r="D1093" s="239">
        <v>0.3609</v>
      </c>
      <c r="E1093" s="239">
        <v>9.7000000000000003E-3</v>
      </c>
      <c r="F1093" s="239">
        <v>0.29659999999999997</v>
      </c>
      <c r="G1093">
        <f t="shared" si="243"/>
        <v>0.42021999999999998</v>
      </c>
      <c r="H1093" s="235">
        <f t="shared" si="244"/>
        <v>2.3083146923040312</v>
      </c>
      <c r="I1093" s="236">
        <f t="shared" si="245"/>
        <v>15.569855783483284</v>
      </c>
      <c r="J1093" s="237">
        <f t="shared" si="250"/>
        <v>5.569855783483284</v>
      </c>
      <c r="K1093" s="237">
        <f t="shared" si="246"/>
        <v>166.28605976760147</v>
      </c>
      <c r="L1093" s="237">
        <f t="shared" si="251"/>
        <v>59.525048758085852</v>
      </c>
      <c r="M1093" s="236">
        <f t="shared" si="247"/>
        <v>4.266001381442031</v>
      </c>
      <c r="N1093" s="236">
        <f t="shared" si="248"/>
        <v>3.8198911067668351</v>
      </c>
      <c r="O1093" s="236">
        <f t="shared" si="252"/>
        <v>3.3634607938192183</v>
      </c>
      <c r="P1093" s="236" t="str">
        <f t="shared" si="253"/>
        <v>CLAY</v>
      </c>
      <c r="Q1093" s="236">
        <f t="shared" si="249"/>
        <v>21.161161686033207</v>
      </c>
      <c r="R1093" s="238">
        <v>35</v>
      </c>
      <c r="S1093" s="236">
        <f t="shared" si="254"/>
        <v>1.5327320838871743</v>
      </c>
      <c r="T1093" s="236" t="e">
        <f t="shared" si="240"/>
        <v>#N/A</v>
      </c>
    </row>
    <row r="1094" spans="1:20" x14ac:dyDescent="0.2">
      <c r="A1094" s="53">
        <f t="shared" si="241"/>
        <v>1082</v>
      </c>
      <c r="B1094" s="239">
        <v>10.696</v>
      </c>
      <c r="C1094" s="3">
        <f t="shared" si="242"/>
        <v>10.689</v>
      </c>
      <c r="D1094" s="239">
        <v>0.36270000000000002</v>
      </c>
      <c r="E1094" s="239">
        <v>9.4999999999999998E-3</v>
      </c>
      <c r="F1094" s="239">
        <v>0.30030000000000001</v>
      </c>
      <c r="G1094">
        <f t="shared" si="243"/>
        <v>0.42276000000000002</v>
      </c>
      <c r="H1094" s="235">
        <f t="shared" si="244"/>
        <v>2.2471378559939441</v>
      </c>
      <c r="I1094" s="236">
        <f t="shared" si="245"/>
        <v>15.547781288968356</v>
      </c>
      <c r="J1094" s="237">
        <f t="shared" si="250"/>
        <v>5.5477812889683555</v>
      </c>
      <c r="K1094" s="237">
        <f t="shared" si="246"/>
        <v>166.19023419778276</v>
      </c>
      <c r="L1094" s="237">
        <f t="shared" si="251"/>
        <v>59.339068666805531</v>
      </c>
      <c r="M1094" s="236">
        <f t="shared" si="247"/>
        <v>4.3237915856563358</v>
      </c>
      <c r="N1094" s="236">
        <f t="shared" si="248"/>
        <v>3.7026966019539866</v>
      </c>
      <c r="O1094" s="236">
        <f t="shared" si="252"/>
        <v>3.3512862748910575</v>
      </c>
      <c r="P1094" s="236" t="str">
        <f t="shared" si="253"/>
        <v>CLAY</v>
      </c>
      <c r="Q1094" s="236">
        <f t="shared" si="249"/>
        <v>21.38081381685144</v>
      </c>
      <c r="R1094" s="238">
        <v>35</v>
      </c>
      <c r="S1094" s="236">
        <f t="shared" si="254"/>
        <v>1.5587301959689621</v>
      </c>
      <c r="T1094" s="236" t="e">
        <f t="shared" si="240"/>
        <v>#N/A</v>
      </c>
    </row>
    <row r="1095" spans="1:20" x14ac:dyDescent="0.2">
      <c r="A1095" s="53">
        <f t="shared" si="241"/>
        <v>1083</v>
      </c>
      <c r="B1095" s="239">
        <v>10.707000000000001</v>
      </c>
      <c r="C1095" s="3">
        <f t="shared" si="242"/>
        <v>10.700000000000001</v>
      </c>
      <c r="D1095" s="239">
        <v>0.36530000000000001</v>
      </c>
      <c r="E1095" s="239">
        <v>9.1999999999999998E-3</v>
      </c>
      <c r="F1095" s="239">
        <v>0.30209999999999998</v>
      </c>
      <c r="G1095">
        <f t="shared" si="243"/>
        <v>0.42571999999999999</v>
      </c>
      <c r="H1095" s="235">
        <f t="shared" si="244"/>
        <v>2.1610448181903599</v>
      </c>
      <c r="I1095" s="236">
        <f t="shared" si="245"/>
        <v>15.512881836346592</v>
      </c>
      <c r="J1095" s="237">
        <f t="shared" si="250"/>
        <v>5.5128818363465921</v>
      </c>
      <c r="K1095" s="237">
        <f t="shared" si="246"/>
        <v>165.98783564890854</v>
      </c>
      <c r="L1095" s="237">
        <f t="shared" si="251"/>
        <v>59.026425821762963</v>
      </c>
      <c r="M1095" s="236">
        <f t="shared" si="247"/>
        <v>4.4002692139175492</v>
      </c>
      <c r="N1095" s="236">
        <f t="shared" si="248"/>
        <v>3.5421103978342674</v>
      </c>
      <c r="O1095" s="236">
        <f t="shared" si="252"/>
        <v>3.3345926160118111</v>
      </c>
      <c r="P1095" s="236" t="str">
        <f t="shared" si="253"/>
        <v>CLAY</v>
      </c>
      <c r="Q1095" s="236">
        <f t="shared" si="249"/>
        <v>21.64434702925762</v>
      </c>
      <c r="R1095" s="238">
        <v>35</v>
      </c>
      <c r="S1095" s="236">
        <f t="shared" si="254"/>
        <v>1.5932688621364115</v>
      </c>
      <c r="T1095" s="236" t="e">
        <f t="shared" si="240"/>
        <v>#N/A</v>
      </c>
    </row>
    <row r="1096" spans="1:20" x14ac:dyDescent="0.2">
      <c r="A1096" s="53">
        <f t="shared" si="241"/>
        <v>1084</v>
      </c>
      <c r="B1096" s="239">
        <v>10.715999999999999</v>
      </c>
      <c r="C1096" s="3">
        <f t="shared" si="242"/>
        <v>10.709</v>
      </c>
      <c r="D1096" s="239">
        <v>0.36880000000000002</v>
      </c>
      <c r="E1096" s="239">
        <v>9.1999999999999998E-3</v>
      </c>
      <c r="F1096" s="239">
        <v>0.30420000000000003</v>
      </c>
      <c r="G1096">
        <f t="shared" si="243"/>
        <v>0.42964000000000002</v>
      </c>
      <c r="H1096" s="235">
        <f t="shared" si="244"/>
        <v>2.1413276231263381</v>
      </c>
      <c r="I1096" s="236">
        <f t="shared" si="245"/>
        <v>15.516464425335986</v>
      </c>
      <c r="J1096" s="237">
        <f t="shared" si="250"/>
        <v>5.516464425335986</v>
      </c>
      <c r="K1096" s="237">
        <f t="shared" si="246"/>
        <v>166.16581753092308</v>
      </c>
      <c r="L1096" s="237">
        <f t="shared" si="251"/>
        <v>59.114432781900419</v>
      </c>
      <c r="M1096" s="236">
        <f t="shared" si="247"/>
        <v>4.4570195478513854</v>
      </c>
      <c r="N1096" s="236">
        <f t="shared" si="248"/>
        <v>3.4918032248111337</v>
      </c>
      <c r="O1096" s="236">
        <f t="shared" si="252"/>
        <v>3.3265799518652219</v>
      </c>
      <c r="P1096" s="236" t="str">
        <f t="shared" si="253"/>
        <v>CLAY</v>
      </c>
      <c r="Q1096" s="236">
        <f t="shared" si="249"/>
        <v>21.956181872423077</v>
      </c>
      <c r="R1096" s="238">
        <v>35</v>
      </c>
      <c r="S1096" s="236">
        <f t="shared" si="254"/>
        <v>1.6189956513292416</v>
      </c>
      <c r="T1096" s="236" t="e">
        <f t="shared" si="240"/>
        <v>#N/A</v>
      </c>
    </row>
    <row r="1097" spans="1:20" x14ac:dyDescent="0.2">
      <c r="A1097" s="53">
        <f t="shared" si="241"/>
        <v>1085</v>
      </c>
      <c r="B1097" s="239">
        <v>10.727</v>
      </c>
      <c r="C1097" s="3">
        <f t="shared" si="242"/>
        <v>10.72</v>
      </c>
      <c r="D1097" s="239">
        <v>0.37059999999999998</v>
      </c>
      <c r="E1097" s="239">
        <v>9.1999999999999998E-3</v>
      </c>
      <c r="F1097" s="239">
        <v>0.30549999999999999</v>
      </c>
      <c r="G1097">
        <f t="shared" si="243"/>
        <v>0.43169999999999997</v>
      </c>
      <c r="H1097" s="235">
        <f t="shared" si="244"/>
        <v>2.1311095668288162</v>
      </c>
      <c r="I1097" s="236">
        <f t="shared" si="245"/>
        <v>15.518334032006127</v>
      </c>
      <c r="J1097" s="237">
        <f t="shared" si="250"/>
        <v>5.5183340320061269</v>
      </c>
      <c r="K1097" s="237">
        <f t="shared" si="246"/>
        <v>166.35654082310569</v>
      </c>
      <c r="L1097" s="237">
        <f t="shared" si="251"/>
        <v>59.195169161329723</v>
      </c>
      <c r="M1097" s="236">
        <f t="shared" si="247"/>
        <v>4.4825188091570576</v>
      </c>
      <c r="N1097" s="236">
        <f t="shared" si="248"/>
        <v>3.4672043654434734</v>
      </c>
      <c r="O1097" s="236">
        <f t="shared" si="252"/>
        <v>3.3228519661153029</v>
      </c>
      <c r="P1097" s="236" t="str">
        <f t="shared" si="253"/>
        <v>CLAY</v>
      </c>
      <c r="Q1097" s="236">
        <f t="shared" si="249"/>
        <v>22.111954931407855</v>
      </c>
      <c r="R1097" s="238">
        <v>35</v>
      </c>
      <c r="S1097" s="236">
        <f t="shared" si="254"/>
        <v>1.6305820584562034</v>
      </c>
      <c r="T1097" s="236" t="e">
        <f t="shared" si="240"/>
        <v>#N/A</v>
      </c>
    </row>
    <row r="1098" spans="1:20" x14ac:dyDescent="0.2">
      <c r="A1098" s="53">
        <f t="shared" si="241"/>
        <v>1086</v>
      </c>
      <c r="B1098" s="239">
        <v>10.736000000000001</v>
      </c>
      <c r="C1098" s="3">
        <f t="shared" si="242"/>
        <v>10.729000000000001</v>
      </c>
      <c r="D1098" s="239">
        <v>0.375</v>
      </c>
      <c r="E1098" s="239">
        <v>9.1999999999999998E-3</v>
      </c>
      <c r="F1098" s="239">
        <v>0.30790000000000001</v>
      </c>
      <c r="G1098">
        <f t="shared" si="243"/>
        <v>0.43657999999999997</v>
      </c>
      <c r="H1098" s="235">
        <f t="shared" si="244"/>
        <v>2.1072884694672225</v>
      </c>
      <c r="I1098" s="236">
        <f t="shared" si="245"/>
        <v>15.522727641092317</v>
      </c>
      <c r="J1098" s="237">
        <f t="shared" si="250"/>
        <v>5.5227276410923167</v>
      </c>
      <c r="K1098" s="237">
        <f t="shared" si="246"/>
        <v>166.54334486127948</v>
      </c>
      <c r="L1098" s="237">
        <f t="shared" si="251"/>
        <v>59.292003954767118</v>
      </c>
      <c r="M1098" s="236">
        <f t="shared" si="247"/>
        <v>4.5543519720589467</v>
      </c>
      <c r="N1098" s="236">
        <f t="shared" si="248"/>
        <v>3.4069448813435601</v>
      </c>
      <c r="O1098" s="236">
        <f t="shared" si="252"/>
        <v>3.312963704029833</v>
      </c>
      <c r="P1098" s="236" t="str">
        <f t="shared" si="253"/>
        <v>CLAY</v>
      </c>
      <c r="Q1098" s="236">
        <f t="shared" si="249"/>
        <v>22.503054594893374</v>
      </c>
      <c r="R1098" s="238">
        <v>35</v>
      </c>
      <c r="S1098" s="236">
        <f t="shared" si="254"/>
        <v>1.6633101870327198</v>
      </c>
      <c r="T1098" s="236" t="e">
        <f t="shared" si="240"/>
        <v>#N/A</v>
      </c>
    </row>
    <row r="1099" spans="1:20" x14ac:dyDescent="0.2">
      <c r="A1099" s="53">
        <f t="shared" si="241"/>
        <v>1087</v>
      </c>
      <c r="B1099" s="239">
        <v>10.746</v>
      </c>
      <c r="C1099" s="3">
        <f t="shared" si="242"/>
        <v>10.739000000000001</v>
      </c>
      <c r="D1099" s="239">
        <v>0.37990000000000002</v>
      </c>
      <c r="E1099" s="239">
        <v>9.1000000000000004E-3</v>
      </c>
      <c r="F1099" s="239">
        <v>0.3054</v>
      </c>
      <c r="G1099">
        <f t="shared" si="243"/>
        <v>0.44097999999999998</v>
      </c>
      <c r="H1099" s="235">
        <f t="shared" si="244"/>
        <v>2.0635856501428638</v>
      </c>
      <c r="I1099" s="236">
        <f t="shared" si="245"/>
        <v>15.513831817463142</v>
      </c>
      <c r="J1099" s="237">
        <f t="shared" si="250"/>
        <v>5.5138318174631422</v>
      </c>
      <c r="K1099" s="237">
        <f t="shared" si="246"/>
        <v>166.60303988773668</v>
      </c>
      <c r="L1099" s="237">
        <f t="shared" si="251"/>
        <v>59.251636710458932</v>
      </c>
      <c r="M1099" s="236">
        <f t="shared" si="247"/>
        <v>4.6307068520831436</v>
      </c>
      <c r="N1099" s="236">
        <f t="shared" si="248"/>
        <v>3.3166050080431932</v>
      </c>
      <c r="O1099" s="236">
        <f t="shared" si="252"/>
        <v>3.3006679426967627</v>
      </c>
      <c r="P1099" s="236" t="str">
        <f t="shared" si="253"/>
        <v>CLAY</v>
      </c>
      <c r="Q1099" s="236">
        <f t="shared" si="249"/>
        <v>22.864746676021941</v>
      </c>
      <c r="R1099" s="238">
        <v>35</v>
      </c>
      <c r="S1099" s="236">
        <f t="shared" si="254"/>
        <v>1.6982402098606573</v>
      </c>
      <c r="T1099" s="236" t="e">
        <f t="shared" si="240"/>
        <v>#N/A</v>
      </c>
    </row>
    <row r="1100" spans="1:20" x14ac:dyDescent="0.2">
      <c r="A1100" s="53">
        <f t="shared" si="241"/>
        <v>1088</v>
      </c>
      <c r="B1100" s="239">
        <v>10.756</v>
      </c>
      <c r="C1100" s="3">
        <f t="shared" si="242"/>
        <v>10.749000000000001</v>
      </c>
      <c r="D1100" s="239">
        <v>0.37780000000000002</v>
      </c>
      <c r="E1100" s="239">
        <v>9.1000000000000004E-3</v>
      </c>
      <c r="F1100" s="239">
        <v>0.3044</v>
      </c>
      <c r="G1100">
        <f t="shared" si="243"/>
        <v>0.43868000000000001</v>
      </c>
      <c r="H1100" s="235">
        <f t="shared" si="244"/>
        <v>2.0744050332816633</v>
      </c>
      <c r="I1100" s="236">
        <f t="shared" si="245"/>
        <v>15.511787864967497</v>
      </c>
      <c r="J1100" s="237">
        <f t="shared" si="250"/>
        <v>5.5117878649674967</v>
      </c>
      <c r="K1100" s="237">
        <f t="shared" si="246"/>
        <v>166.73620776053562</v>
      </c>
      <c r="L1100" s="237">
        <f t="shared" si="251"/>
        <v>59.284790275590396</v>
      </c>
      <c r="M1100" s="236">
        <f t="shared" si="247"/>
        <v>4.5870752173586267</v>
      </c>
      <c r="N1100" s="236">
        <f t="shared" si="248"/>
        <v>3.3462797312125625</v>
      </c>
      <c r="O1100" s="236">
        <f t="shared" si="252"/>
        <v>3.3062014814323932</v>
      </c>
      <c r="P1100" s="236" t="str">
        <f t="shared" si="253"/>
        <v>CLAY</v>
      </c>
      <c r="Q1100" s="236">
        <f t="shared" si="249"/>
        <v>22.661982686622036</v>
      </c>
      <c r="R1100" s="238">
        <v>35</v>
      </c>
      <c r="S1100" s="236">
        <f t="shared" si="254"/>
        <v>1.678262287891517</v>
      </c>
      <c r="T1100" s="236" t="e">
        <f t="shared" si="240"/>
        <v>#N/A</v>
      </c>
    </row>
    <row r="1101" spans="1:20" x14ac:dyDescent="0.2">
      <c r="A1101" s="53">
        <f t="shared" si="241"/>
        <v>1089</v>
      </c>
      <c r="B1101" s="239">
        <v>10.766999999999999</v>
      </c>
      <c r="C1101" s="3">
        <f t="shared" si="242"/>
        <v>10.76</v>
      </c>
      <c r="D1101" s="239">
        <v>0.37830000000000003</v>
      </c>
      <c r="E1101" s="239">
        <v>8.9999999999999993E-3</v>
      </c>
      <c r="F1101" s="239">
        <v>0.30330000000000001</v>
      </c>
      <c r="G1101">
        <f t="shared" si="243"/>
        <v>0.43896000000000002</v>
      </c>
      <c r="H1101" s="235">
        <f t="shared" si="244"/>
        <v>2.0503007107709128</v>
      </c>
      <c r="I1101" s="236">
        <f t="shared" si="245"/>
        <v>15.499080282337886</v>
      </c>
      <c r="J1101" s="237">
        <f t="shared" si="250"/>
        <v>5.4990802823378857</v>
      </c>
      <c r="K1101" s="237">
        <f t="shared" si="246"/>
        <v>166.77010383795565</v>
      </c>
      <c r="L1101" s="237">
        <f t="shared" si="251"/>
        <v>59.20859739993201</v>
      </c>
      <c r="M1101" s="236">
        <f t="shared" si="247"/>
        <v>4.5971346749443009</v>
      </c>
      <c r="N1101" s="236">
        <f t="shared" si="248"/>
        <v>3.3065150936543128</v>
      </c>
      <c r="O1101" s="236">
        <f t="shared" si="252"/>
        <v>3.3026561645492287</v>
      </c>
      <c r="P1101" s="236" t="str">
        <f t="shared" si="253"/>
        <v>CLAY</v>
      </c>
      <c r="Q1101" s="236">
        <f t="shared" si="249"/>
        <v>22.682491346837036</v>
      </c>
      <c r="R1101" s="238">
        <v>35</v>
      </c>
      <c r="S1101" s="236">
        <f t="shared" si="254"/>
        <v>1.6828640855672159</v>
      </c>
      <c r="T1101" s="236" t="e">
        <f t="shared" ref="T1101:T1164" si="255">IF(P1101="SAND",17.6+(11*LOG(M1101)),#N/A)</f>
        <v>#N/A</v>
      </c>
    </row>
    <row r="1102" spans="1:20" x14ac:dyDescent="0.2">
      <c r="A1102" s="53">
        <f t="shared" ref="A1102:A1165" si="256">$A1101+1</f>
        <v>1090</v>
      </c>
      <c r="B1102" s="239">
        <v>10.776</v>
      </c>
      <c r="C1102" s="3">
        <f t="shared" ref="C1102:C1165" si="257">MAX($B1102 - $B$13, 0.001)</f>
        <v>10.769</v>
      </c>
      <c r="D1102" s="239">
        <v>0.37930000000000003</v>
      </c>
      <c r="E1102" s="239">
        <v>9.1000000000000004E-3</v>
      </c>
      <c r="F1102" s="239">
        <v>0.29959999999999998</v>
      </c>
      <c r="G1102">
        <f t="shared" si="243"/>
        <v>0.43922</v>
      </c>
      <c r="H1102" s="235">
        <f t="shared" si="244"/>
        <v>2.0718546514275307</v>
      </c>
      <c r="I1102" s="236">
        <f t="shared" si="245"/>
        <v>15.512268710496201</v>
      </c>
      <c r="J1102" s="237">
        <f t="shared" si="250"/>
        <v>5.5122687104962012</v>
      </c>
      <c r="K1102" s="237">
        <f t="shared" si="246"/>
        <v>167.05162174333358</v>
      </c>
      <c r="L1102" s="237">
        <f t="shared" si="251"/>
        <v>59.400207624307065</v>
      </c>
      <c r="M1102" s="236">
        <f t="shared" si="247"/>
        <v>4.5819432143751095</v>
      </c>
      <c r="N1102" s="236">
        <f t="shared" si="248"/>
        <v>3.3435184712818882</v>
      </c>
      <c r="O1102" s="236">
        <f t="shared" si="252"/>
        <v>3.3064253226546909</v>
      </c>
      <c r="P1102" s="236" t="str">
        <f t="shared" si="253"/>
        <v>CLAY</v>
      </c>
      <c r="Q1102" s="236">
        <f t="shared" si="249"/>
        <v>22.680698188055533</v>
      </c>
      <c r="R1102" s="238">
        <v>35</v>
      </c>
      <c r="S1102" s="236">
        <f t="shared" si="254"/>
        <v>1.6759155740758689</v>
      </c>
      <c r="T1102" s="236" t="e">
        <f t="shared" si="255"/>
        <v>#N/A</v>
      </c>
    </row>
    <row r="1103" spans="1:20" x14ac:dyDescent="0.2">
      <c r="A1103" s="53">
        <f t="shared" si="256"/>
        <v>1091</v>
      </c>
      <c r="B1103" s="239">
        <v>10.786</v>
      </c>
      <c r="C1103" s="3">
        <f t="shared" si="257"/>
        <v>10.779</v>
      </c>
      <c r="D1103" s="239">
        <v>0.37919999999999998</v>
      </c>
      <c r="E1103" s="239">
        <v>9.1999999999999998E-3</v>
      </c>
      <c r="F1103" s="239">
        <v>0.29770000000000002</v>
      </c>
      <c r="G1103">
        <f t="shared" ref="G1103:G1166" si="258">$D1103+($F1103*(1-$P$8))</f>
        <v>0.43873999999999996</v>
      </c>
      <c r="H1103" s="235">
        <f t="shared" ref="H1103:H1166" si="259">($E1103/$G1103)*100</f>
        <v>2.0969138897752657</v>
      </c>
      <c r="I1103" s="236">
        <f t="shared" ref="I1103:I1166" si="260">((0.27*(LOG($H1103)))+(0.36*(LOG(($G1103*1000)/101)))+1.236)*10</f>
        <v>15.524656696035697</v>
      </c>
      <c r="J1103" s="237">
        <f t="shared" si="250"/>
        <v>5.5246566960356969</v>
      </c>
      <c r="K1103" s="237">
        <f t="shared" ref="K1103:K1166" si="261">$I1103*$C1103</f>
        <v>167.34027452656878</v>
      </c>
      <c r="L1103" s="237">
        <f t="shared" si="251"/>
        <v>59.588947123441024</v>
      </c>
      <c r="M1103" s="236">
        <f t="shared" ref="M1103:M1166" si="262">(($G1103*1000)-$K1103)/$L1103</f>
        <v>4.5545313111711003</v>
      </c>
      <c r="N1103" s="236">
        <f t="shared" ref="N1103:N1166" si="263">(($E1103*1000)/(($G1103*1000)-$K1103))*100</f>
        <v>3.3898339373599096</v>
      </c>
      <c r="O1103" s="236">
        <f t="shared" si="252"/>
        <v>3.3117930771814375</v>
      </c>
      <c r="P1103" s="236" t="str">
        <f t="shared" si="253"/>
        <v>CLAY</v>
      </c>
      <c r="Q1103" s="236">
        <f t="shared" ref="Q1103:Q1166" si="264">IF(P1103="CLAY",($G1103*1000 -$K1103)/$L$8,#N/A)</f>
        <v>22.616643789452599</v>
      </c>
      <c r="R1103" s="238">
        <v>35</v>
      </c>
      <c r="S1103" s="236">
        <f t="shared" si="254"/>
        <v>1.6633920587353972</v>
      </c>
      <c r="T1103" s="236" t="e">
        <f t="shared" si="255"/>
        <v>#N/A</v>
      </c>
    </row>
    <row r="1104" spans="1:20" x14ac:dyDescent="0.2">
      <c r="A1104" s="53">
        <f t="shared" si="256"/>
        <v>1092</v>
      </c>
      <c r="B1104" s="239">
        <v>10.797000000000001</v>
      </c>
      <c r="C1104" s="3">
        <f t="shared" si="257"/>
        <v>10.790000000000001</v>
      </c>
      <c r="D1104" s="239">
        <v>0.38069999999999998</v>
      </c>
      <c r="E1104" s="239">
        <v>8.9999999999999993E-3</v>
      </c>
      <c r="F1104" s="239">
        <v>0.29120000000000001</v>
      </c>
      <c r="G1104">
        <f t="shared" si="258"/>
        <v>0.43894</v>
      </c>
      <c r="H1104" s="235">
        <f t="shared" si="259"/>
        <v>2.0503941313163527</v>
      </c>
      <c r="I1104" s="236">
        <f t="shared" si="260"/>
        <v>15.499062473246472</v>
      </c>
      <c r="J1104" s="237">
        <f t="shared" ref="J1104:J1167" si="265">$I1104-10</f>
        <v>5.4990624732464717</v>
      </c>
      <c r="K1104" s="237">
        <f t="shared" si="261"/>
        <v>167.23488408632943</v>
      </c>
      <c r="L1104" s="237">
        <f t="shared" ref="L1104:L1167" si="266">$J1104*$B1104</f>
        <v>59.373377523642155</v>
      </c>
      <c r="M1104" s="236">
        <f t="shared" si="262"/>
        <v>4.576211211927081</v>
      </c>
      <c r="N1104" s="236">
        <f t="shared" si="263"/>
        <v>3.3124146263258396</v>
      </c>
      <c r="O1104" s="236">
        <f t="shared" ref="O1104:O1167" si="267">((3.47-LOG($M1104))^2+(LOG($N1104)+1.22)^2)^0.5</f>
        <v>3.3047480613733535</v>
      </c>
      <c r="P1104" s="236" t="str">
        <f t="shared" ref="P1104:P1167" si="268">IF(O1104&lt;2.6,"SAND","CLAY")</f>
        <v>CLAY</v>
      </c>
      <c r="Q1104" s="236">
        <f t="shared" si="264"/>
        <v>22.642092992805882</v>
      </c>
      <c r="R1104" s="238">
        <v>35</v>
      </c>
      <c r="S1104" s="236">
        <f t="shared" ref="S1104:S1167" si="269">IF(P1104="SAND",#N/A,0.25*($M1104)^1.25)</f>
        <v>1.6732952749301917</v>
      </c>
      <c r="T1104" s="236" t="e">
        <f t="shared" si="255"/>
        <v>#N/A</v>
      </c>
    </row>
    <row r="1105" spans="1:20" x14ac:dyDescent="0.2">
      <c r="A1105" s="53">
        <f t="shared" si="256"/>
        <v>1093</v>
      </c>
      <c r="B1105" s="239">
        <v>10.805999999999999</v>
      </c>
      <c r="C1105" s="3">
        <f t="shared" si="257"/>
        <v>10.798999999999999</v>
      </c>
      <c r="D1105" s="239">
        <v>0.37980000000000003</v>
      </c>
      <c r="E1105" s="239">
        <v>8.8000000000000005E-3</v>
      </c>
      <c r="F1105" s="239">
        <v>0.28820000000000001</v>
      </c>
      <c r="G1105">
        <f t="shared" si="258"/>
        <v>0.43744</v>
      </c>
      <c r="H1105" s="235">
        <f t="shared" si="259"/>
        <v>2.0117044623262621</v>
      </c>
      <c r="I1105" s="236">
        <f t="shared" si="260"/>
        <v>15.471372912786897</v>
      </c>
      <c r="J1105" s="237">
        <f t="shared" si="265"/>
        <v>5.4713729127868973</v>
      </c>
      <c r="K1105" s="237">
        <f t="shared" si="261"/>
        <v>167.07535608518569</v>
      </c>
      <c r="L1105" s="237">
        <f t="shared" si="266"/>
        <v>59.123655695575209</v>
      </c>
      <c r="M1105" s="236">
        <f t="shared" si="262"/>
        <v>4.57286750513041</v>
      </c>
      <c r="N1105" s="236">
        <f t="shared" si="263"/>
        <v>3.2548634586897678</v>
      </c>
      <c r="O1105" s="236">
        <f t="shared" si="267"/>
        <v>3.3010164822743686</v>
      </c>
      <c r="P1105" s="236" t="str">
        <f t="shared" si="268"/>
        <v>CLAY</v>
      </c>
      <c r="Q1105" s="236">
        <f t="shared" si="264"/>
        <v>22.530386992901196</v>
      </c>
      <c r="R1105" s="238">
        <v>35</v>
      </c>
      <c r="S1105" s="236">
        <f t="shared" si="269"/>
        <v>1.671767128222952</v>
      </c>
      <c r="T1105" s="236" t="e">
        <f t="shared" si="255"/>
        <v>#N/A</v>
      </c>
    </row>
    <row r="1106" spans="1:20" x14ac:dyDescent="0.2">
      <c r="A1106" s="53">
        <f t="shared" si="256"/>
        <v>1094</v>
      </c>
      <c r="B1106" s="239">
        <v>10.817</v>
      </c>
      <c r="C1106" s="3">
        <f t="shared" si="257"/>
        <v>10.81</v>
      </c>
      <c r="D1106" s="239">
        <v>0.3785</v>
      </c>
      <c r="E1106" s="239">
        <v>8.8000000000000005E-3</v>
      </c>
      <c r="F1106" s="239">
        <v>0.28660000000000002</v>
      </c>
      <c r="G1106">
        <f t="shared" si="258"/>
        <v>0.43581999999999999</v>
      </c>
      <c r="H1106" s="235">
        <f t="shared" si="259"/>
        <v>2.0191822311963659</v>
      </c>
      <c r="I1106" s="236">
        <f t="shared" si="260"/>
        <v>15.46992270991262</v>
      </c>
      <c r="J1106" s="237">
        <f t="shared" si="265"/>
        <v>5.4699227099126198</v>
      </c>
      <c r="K1106" s="237">
        <f t="shared" si="261"/>
        <v>167.22986449415544</v>
      </c>
      <c r="L1106" s="237">
        <f t="shared" si="266"/>
        <v>59.168153953124808</v>
      </c>
      <c r="M1106" s="236">
        <f t="shared" si="262"/>
        <v>4.5394374771035038</v>
      </c>
      <c r="N1106" s="236">
        <f t="shared" si="263"/>
        <v>3.2763675342829228</v>
      </c>
      <c r="O1106" s="236">
        <f t="shared" si="267"/>
        <v>3.3052299547451116</v>
      </c>
      <c r="P1106" s="236" t="str">
        <f t="shared" si="268"/>
        <v>CLAY</v>
      </c>
      <c r="Q1106" s="236">
        <f t="shared" si="264"/>
        <v>22.382511292153712</v>
      </c>
      <c r="R1106" s="238">
        <v>35</v>
      </c>
      <c r="S1106" s="236">
        <f t="shared" si="269"/>
        <v>1.656504260425534</v>
      </c>
      <c r="T1106" s="236" t="e">
        <f t="shared" si="255"/>
        <v>#N/A</v>
      </c>
    </row>
    <row r="1107" spans="1:20" x14ac:dyDescent="0.2">
      <c r="A1107" s="53">
        <f t="shared" si="256"/>
        <v>1095</v>
      </c>
      <c r="B1107" s="239">
        <v>10.826000000000001</v>
      </c>
      <c r="C1107" s="3">
        <f t="shared" si="257"/>
        <v>10.819000000000001</v>
      </c>
      <c r="D1107" s="239">
        <v>0.3745</v>
      </c>
      <c r="E1107" s="239">
        <v>8.9999999999999993E-3</v>
      </c>
      <c r="F1107" s="239">
        <v>0.28689999999999999</v>
      </c>
      <c r="G1107">
        <f t="shared" si="258"/>
        <v>0.43187999999999999</v>
      </c>
      <c r="H1107" s="235">
        <f t="shared" si="259"/>
        <v>2.0839121978327313</v>
      </c>
      <c r="I1107" s="236">
        <f t="shared" si="260"/>
        <v>15.492724613299147</v>
      </c>
      <c r="J1107" s="237">
        <f t="shared" si="265"/>
        <v>5.4927246132991474</v>
      </c>
      <c r="K1107" s="237">
        <f t="shared" si="261"/>
        <v>167.61578759128349</v>
      </c>
      <c r="L1107" s="237">
        <f t="shared" si="266"/>
        <v>59.464236663576571</v>
      </c>
      <c r="M1107" s="236">
        <f t="shared" si="262"/>
        <v>4.4440865171415771</v>
      </c>
      <c r="N1107" s="236">
        <f t="shared" si="263"/>
        <v>3.4056824864656341</v>
      </c>
      <c r="O1107" s="236">
        <f t="shared" si="267"/>
        <v>3.321916764839159</v>
      </c>
      <c r="P1107" s="236" t="str">
        <f t="shared" si="268"/>
        <v>CLAY</v>
      </c>
      <c r="Q1107" s="236">
        <f t="shared" si="264"/>
        <v>22.022017700726376</v>
      </c>
      <c r="R1107" s="238">
        <v>35</v>
      </c>
      <c r="S1107" s="236">
        <f t="shared" si="269"/>
        <v>1.6131254391795076</v>
      </c>
      <c r="T1107" s="236" t="e">
        <f t="shared" si="255"/>
        <v>#N/A</v>
      </c>
    </row>
    <row r="1108" spans="1:20" x14ac:dyDescent="0.2">
      <c r="A1108" s="53">
        <f t="shared" si="256"/>
        <v>1096</v>
      </c>
      <c r="B1108" s="239">
        <v>10.837</v>
      </c>
      <c r="C1108" s="3">
        <f t="shared" si="257"/>
        <v>10.83</v>
      </c>
      <c r="D1108" s="239">
        <v>0.37359999999999999</v>
      </c>
      <c r="E1108" s="239">
        <v>8.9999999999999993E-3</v>
      </c>
      <c r="F1108" s="239">
        <v>0.28420000000000001</v>
      </c>
      <c r="G1108">
        <f t="shared" si="258"/>
        <v>0.43043999999999999</v>
      </c>
      <c r="H1108" s="235">
        <f t="shared" si="259"/>
        <v>2.0908837468636743</v>
      </c>
      <c r="I1108" s="236">
        <f t="shared" si="260"/>
        <v>15.491419190319897</v>
      </c>
      <c r="J1108" s="237">
        <f t="shared" si="265"/>
        <v>5.4914191903198972</v>
      </c>
      <c r="K1108" s="237">
        <f t="shared" si="261"/>
        <v>167.77206983116449</v>
      </c>
      <c r="L1108" s="237">
        <f t="shared" si="266"/>
        <v>59.510509765496728</v>
      </c>
      <c r="M1108" s="236">
        <f t="shared" si="262"/>
        <v>4.4138074300470249</v>
      </c>
      <c r="N1108" s="236">
        <f t="shared" si="263"/>
        <v>3.4263794572162101</v>
      </c>
      <c r="O1108" s="236">
        <f t="shared" si="267"/>
        <v>3.3258272524419885</v>
      </c>
      <c r="P1108" s="236" t="str">
        <f t="shared" si="268"/>
        <v>CLAY</v>
      </c>
      <c r="Q1108" s="236">
        <f t="shared" si="264"/>
        <v>21.88899418073629</v>
      </c>
      <c r="R1108" s="238">
        <v>35</v>
      </c>
      <c r="S1108" s="236">
        <f t="shared" si="269"/>
        <v>1.5993986880316506</v>
      </c>
      <c r="T1108" s="236" t="e">
        <f t="shared" si="255"/>
        <v>#N/A</v>
      </c>
    </row>
    <row r="1109" spans="1:20" x14ac:dyDescent="0.2">
      <c r="A1109" s="53">
        <f t="shared" si="256"/>
        <v>1097</v>
      </c>
      <c r="B1109" s="239">
        <v>10.847</v>
      </c>
      <c r="C1109" s="3">
        <f t="shared" si="257"/>
        <v>10.84</v>
      </c>
      <c r="D1109" s="239">
        <v>0.37080000000000002</v>
      </c>
      <c r="E1109" s="239">
        <v>9.1000000000000004E-3</v>
      </c>
      <c r="F1109" s="239">
        <v>0.28120000000000001</v>
      </c>
      <c r="G1109">
        <f t="shared" si="258"/>
        <v>0.42704000000000003</v>
      </c>
      <c r="H1109" s="235">
        <f t="shared" si="259"/>
        <v>2.1309479205695014</v>
      </c>
      <c r="I1109" s="236">
        <f t="shared" si="260"/>
        <v>15.501276514448531</v>
      </c>
      <c r="J1109" s="237">
        <f t="shared" si="265"/>
        <v>5.5012765144485307</v>
      </c>
      <c r="K1109" s="237">
        <f t="shared" si="261"/>
        <v>168.03383741662208</v>
      </c>
      <c r="L1109" s="237">
        <f t="shared" si="266"/>
        <v>59.672346352223208</v>
      </c>
      <c r="M1109" s="236">
        <f t="shared" si="262"/>
        <v>4.3404722357415428</v>
      </c>
      <c r="N1109" s="236">
        <f t="shared" si="263"/>
        <v>3.5134299158115874</v>
      </c>
      <c r="O1109" s="236">
        <f t="shared" si="267"/>
        <v>3.3377617876114183</v>
      </c>
      <c r="P1109" s="236" t="str">
        <f t="shared" si="268"/>
        <v>CLAY</v>
      </c>
      <c r="Q1109" s="236">
        <f t="shared" si="264"/>
        <v>21.583846881948162</v>
      </c>
      <c r="R1109" s="238">
        <v>35</v>
      </c>
      <c r="S1109" s="236">
        <f t="shared" si="269"/>
        <v>1.566250551306779</v>
      </c>
      <c r="T1109" s="236" t="e">
        <f t="shared" si="255"/>
        <v>#N/A</v>
      </c>
    </row>
    <row r="1110" spans="1:20" x14ac:dyDescent="0.2">
      <c r="A1110" s="53">
        <f t="shared" si="256"/>
        <v>1098</v>
      </c>
      <c r="B1110" s="239">
        <v>10.858000000000001</v>
      </c>
      <c r="C1110" s="3">
        <f t="shared" si="257"/>
        <v>10.851000000000001</v>
      </c>
      <c r="D1110" s="239">
        <v>0.36299999999999999</v>
      </c>
      <c r="E1110" s="239">
        <v>9.1000000000000004E-3</v>
      </c>
      <c r="F1110" s="239">
        <v>0.28320000000000001</v>
      </c>
      <c r="G1110">
        <f t="shared" si="258"/>
        <v>0.41963999999999996</v>
      </c>
      <c r="H1110" s="235">
        <f t="shared" si="259"/>
        <v>2.1685254027261465</v>
      </c>
      <c r="I1110" s="236">
        <f t="shared" si="260"/>
        <v>15.494444004170623</v>
      </c>
      <c r="J1110" s="237">
        <f t="shared" si="265"/>
        <v>5.4944440041706226</v>
      </c>
      <c r="K1110" s="237">
        <f t="shared" si="261"/>
        <v>168.13021188925543</v>
      </c>
      <c r="L1110" s="237">
        <f t="shared" si="266"/>
        <v>59.658672997284626</v>
      </c>
      <c r="M1110" s="236">
        <f t="shared" si="262"/>
        <v>4.2158126467578656</v>
      </c>
      <c r="N1110" s="236">
        <f t="shared" si="263"/>
        <v>3.6181494439465305</v>
      </c>
      <c r="O1110" s="236">
        <f t="shared" si="267"/>
        <v>3.3552517994969997</v>
      </c>
      <c r="P1110" s="236" t="str">
        <f t="shared" si="268"/>
        <v>CLAY</v>
      </c>
      <c r="Q1110" s="236">
        <f t="shared" si="264"/>
        <v>20.959149009228707</v>
      </c>
      <c r="R1110" s="238">
        <v>35</v>
      </c>
      <c r="S1110" s="236">
        <f t="shared" si="269"/>
        <v>1.5102249351580317</v>
      </c>
      <c r="T1110" s="236" t="e">
        <f t="shared" si="255"/>
        <v>#N/A</v>
      </c>
    </row>
    <row r="1111" spans="1:20" x14ac:dyDescent="0.2">
      <c r="A1111" s="53">
        <f t="shared" si="256"/>
        <v>1099</v>
      </c>
      <c r="B1111" s="239">
        <v>10.867000000000001</v>
      </c>
      <c r="C1111" s="3">
        <f t="shared" si="257"/>
        <v>10.860000000000001</v>
      </c>
      <c r="D1111" s="239">
        <v>0.35520000000000002</v>
      </c>
      <c r="E1111" s="239">
        <v>9.1999999999999998E-3</v>
      </c>
      <c r="F1111" s="239">
        <v>0.2848</v>
      </c>
      <c r="G1111">
        <f t="shared" si="258"/>
        <v>0.41216000000000003</v>
      </c>
      <c r="H1111" s="235">
        <f t="shared" si="259"/>
        <v>2.2321428571428568</v>
      </c>
      <c r="I1111" s="236">
        <f t="shared" si="260"/>
        <v>15.500229445424816</v>
      </c>
      <c r="J1111" s="237">
        <f t="shared" si="265"/>
        <v>5.5002294454248162</v>
      </c>
      <c r="K1111" s="237">
        <f t="shared" si="261"/>
        <v>168.33249177731352</v>
      </c>
      <c r="L1111" s="237">
        <f t="shared" si="266"/>
        <v>59.770993383431481</v>
      </c>
      <c r="M1111" s="236">
        <f t="shared" si="262"/>
        <v>4.0793618178391444</v>
      </c>
      <c r="N1111" s="236">
        <f t="shared" si="263"/>
        <v>3.7731591759522405</v>
      </c>
      <c r="O1111" s="236">
        <f t="shared" si="267"/>
        <v>3.3770345167505234</v>
      </c>
      <c r="P1111" s="236" t="str">
        <f t="shared" si="268"/>
        <v>CLAY</v>
      </c>
      <c r="Q1111" s="236">
        <f t="shared" si="264"/>
        <v>20.318959018557209</v>
      </c>
      <c r="R1111" s="238">
        <v>35</v>
      </c>
      <c r="S1111" s="236">
        <f t="shared" si="269"/>
        <v>1.4493734181299738</v>
      </c>
      <c r="T1111" s="236" t="e">
        <f t="shared" si="255"/>
        <v>#N/A</v>
      </c>
    </row>
    <row r="1112" spans="1:20" x14ac:dyDescent="0.2">
      <c r="A1112" s="53">
        <f t="shared" si="256"/>
        <v>1100</v>
      </c>
      <c r="B1112" s="239">
        <v>10.877000000000001</v>
      </c>
      <c r="C1112" s="3">
        <f t="shared" si="257"/>
        <v>10.870000000000001</v>
      </c>
      <c r="D1112" s="239">
        <v>0.3488</v>
      </c>
      <c r="E1112" s="239">
        <v>9.4000000000000004E-3</v>
      </c>
      <c r="F1112" s="239">
        <v>0.28439999999999999</v>
      </c>
      <c r="G1112">
        <f t="shared" si="258"/>
        <v>0.40567999999999999</v>
      </c>
      <c r="H1112" s="235">
        <f t="shared" si="259"/>
        <v>2.3170972194833368</v>
      </c>
      <c r="I1112" s="236">
        <f t="shared" si="260"/>
        <v>15.519253496887508</v>
      </c>
      <c r="J1112" s="237">
        <f t="shared" si="265"/>
        <v>5.519253496887508</v>
      </c>
      <c r="K1112" s="237">
        <f t="shared" si="261"/>
        <v>168.69428551116724</v>
      </c>
      <c r="L1112" s="237">
        <f t="shared" si="266"/>
        <v>60.032920285645432</v>
      </c>
      <c r="M1112" s="236">
        <f t="shared" si="262"/>
        <v>3.9475959750287011</v>
      </c>
      <c r="N1112" s="236">
        <f t="shared" si="263"/>
        <v>3.9664838111762837</v>
      </c>
      <c r="O1112" s="236">
        <f t="shared" si="267"/>
        <v>3.4006709638996786</v>
      </c>
      <c r="P1112" s="236" t="str">
        <f t="shared" si="268"/>
        <v>CLAY</v>
      </c>
      <c r="Q1112" s="236">
        <f t="shared" si="264"/>
        <v>19.748809540736065</v>
      </c>
      <c r="R1112" s="238">
        <v>35</v>
      </c>
      <c r="S1112" s="236">
        <f t="shared" si="269"/>
        <v>1.3910920880595112</v>
      </c>
      <c r="T1112" s="236" t="e">
        <f t="shared" si="255"/>
        <v>#N/A</v>
      </c>
    </row>
    <row r="1113" spans="1:20" x14ac:dyDescent="0.2">
      <c r="A1113" s="53">
        <f t="shared" si="256"/>
        <v>1101</v>
      </c>
      <c r="B1113" s="239">
        <v>10.888</v>
      </c>
      <c r="C1113" s="3">
        <f t="shared" si="257"/>
        <v>10.881</v>
      </c>
      <c r="D1113" s="239">
        <v>0.34670000000000001</v>
      </c>
      <c r="E1113" s="239">
        <v>9.4000000000000004E-3</v>
      </c>
      <c r="F1113" s="239">
        <v>0.28539999999999999</v>
      </c>
      <c r="G1113">
        <f t="shared" si="258"/>
        <v>0.40377999999999997</v>
      </c>
      <c r="H1113" s="235">
        <f t="shared" si="259"/>
        <v>2.3280003962553866</v>
      </c>
      <c r="I1113" s="236">
        <f t="shared" si="260"/>
        <v>15.517418582431111</v>
      </c>
      <c r="J1113" s="237">
        <f t="shared" si="265"/>
        <v>5.5174185824311106</v>
      </c>
      <c r="K1113" s="237">
        <f t="shared" si="261"/>
        <v>168.84503159543291</v>
      </c>
      <c r="L1113" s="237">
        <f t="shared" si="266"/>
        <v>60.073653525509933</v>
      </c>
      <c r="M1113" s="236">
        <f t="shared" si="262"/>
        <v>3.910782091933251</v>
      </c>
      <c r="N1113" s="236">
        <f t="shared" si="263"/>
        <v>4.0011072271765178</v>
      </c>
      <c r="O1113" s="236">
        <f t="shared" si="267"/>
        <v>3.406127908852957</v>
      </c>
      <c r="P1113" s="236" t="str">
        <f t="shared" si="268"/>
        <v>CLAY</v>
      </c>
      <c r="Q1113" s="236">
        <f t="shared" si="264"/>
        <v>19.57791403371392</v>
      </c>
      <c r="R1113" s="238">
        <v>35</v>
      </c>
      <c r="S1113" s="236">
        <f t="shared" si="269"/>
        <v>1.3748949947730114</v>
      </c>
      <c r="T1113" s="236" t="e">
        <f t="shared" si="255"/>
        <v>#N/A</v>
      </c>
    </row>
    <row r="1114" spans="1:20" x14ac:dyDescent="0.2">
      <c r="A1114" s="53">
        <f t="shared" si="256"/>
        <v>1102</v>
      </c>
      <c r="B1114" s="239">
        <v>10.897</v>
      </c>
      <c r="C1114" s="3">
        <f t="shared" si="257"/>
        <v>10.89</v>
      </c>
      <c r="D1114" s="239">
        <v>0.34549999999999997</v>
      </c>
      <c r="E1114" s="239">
        <v>9.4000000000000004E-3</v>
      </c>
      <c r="F1114" s="239">
        <v>0.28610000000000002</v>
      </c>
      <c r="G1114">
        <f t="shared" si="258"/>
        <v>0.40271999999999997</v>
      </c>
      <c r="H1114" s="235">
        <f t="shared" si="259"/>
        <v>2.3341279300754869</v>
      </c>
      <c r="I1114" s="236">
        <f t="shared" si="260"/>
        <v>15.516391137485533</v>
      </c>
      <c r="J1114" s="237">
        <f t="shared" si="265"/>
        <v>5.5163911374855328</v>
      </c>
      <c r="K1114" s="237">
        <f t="shared" si="261"/>
        <v>168.97349948721745</v>
      </c>
      <c r="L1114" s="237">
        <f t="shared" si="266"/>
        <v>60.112114225179852</v>
      </c>
      <c r="M1114" s="236">
        <f t="shared" si="262"/>
        <v>3.8885090555485808</v>
      </c>
      <c r="N1114" s="236">
        <f t="shared" si="263"/>
        <v>4.0214505797428854</v>
      </c>
      <c r="O1114" s="236">
        <f t="shared" si="267"/>
        <v>3.4094019525072321</v>
      </c>
      <c r="P1114" s="236" t="str">
        <f t="shared" si="268"/>
        <v>CLAY</v>
      </c>
      <c r="Q1114" s="236">
        <f t="shared" si="264"/>
        <v>19.478875042731875</v>
      </c>
      <c r="R1114" s="238">
        <v>35</v>
      </c>
      <c r="S1114" s="236">
        <f t="shared" si="269"/>
        <v>1.3651139415564784</v>
      </c>
      <c r="T1114" s="236" t="e">
        <f t="shared" si="255"/>
        <v>#N/A</v>
      </c>
    </row>
    <row r="1115" spans="1:20" x14ac:dyDescent="0.2">
      <c r="A1115" s="53">
        <f t="shared" si="256"/>
        <v>1103</v>
      </c>
      <c r="B1115" s="239">
        <v>10.907</v>
      </c>
      <c r="C1115" s="3">
        <f t="shared" si="257"/>
        <v>10.9</v>
      </c>
      <c r="D1115" s="239">
        <v>0.34039999999999998</v>
      </c>
      <c r="E1115" s="239">
        <v>9.2999999999999992E-3</v>
      </c>
      <c r="F1115" s="239">
        <v>0.2858</v>
      </c>
      <c r="G1115">
        <f t="shared" si="258"/>
        <v>0.39755999999999997</v>
      </c>
      <c r="H1115" s="235">
        <f t="shared" si="259"/>
        <v>2.3392695442197406</v>
      </c>
      <c r="I1115" s="236">
        <f t="shared" si="260"/>
        <v>15.498809429214738</v>
      </c>
      <c r="J1115" s="237">
        <f t="shared" si="265"/>
        <v>5.498809429214738</v>
      </c>
      <c r="K1115" s="237">
        <f t="shared" si="261"/>
        <v>168.93702277844065</v>
      </c>
      <c r="L1115" s="237">
        <f t="shared" si="266"/>
        <v>59.975514444445146</v>
      </c>
      <c r="M1115" s="236">
        <f t="shared" si="262"/>
        <v>3.8119385775895425</v>
      </c>
      <c r="N1115" s="236">
        <f t="shared" si="263"/>
        <v>4.0678326006520935</v>
      </c>
      <c r="O1115" s="236">
        <f t="shared" si="267"/>
        <v>3.4193635805508555</v>
      </c>
      <c r="P1115" s="236" t="str">
        <f t="shared" si="268"/>
        <v>CLAY</v>
      </c>
      <c r="Q1115" s="236">
        <f t="shared" si="264"/>
        <v>19.051914768463273</v>
      </c>
      <c r="R1115" s="238">
        <v>35</v>
      </c>
      <c r="S1115" s="236">
        <f t="shared" si="269"/>
        <v>1.3315956764381225</v>
      </c>
      <c r="T1115" s="236" t="e">
        <f t="shared" si="255"/>
        <v>#N/A</v>
      </c>
    </row>
    <row r="1116" spans="1:20" x14ac:dyDescent="0.2">
      <c r="A1116" s="53">
        <f t="shared" si="256"/>
        <v>1104</v>
      </c>
      <c r="B1116" s="239">
        <v>10.917</v>
      </c>
      <c r="C1116" s="3">
        <f t="shared" si="257"/>
        <v>10.91</v>
      </c>
      <c r="D1116" s="239">
        <v>0.33329999999999999</v>
      </c>
      <c r="E1116" s="239">
        <v>9.7999999999999997E-3</v>
      </c>
      <c r="F1116" s="239">
        <v>0.29780000000000001</v>
      </c>
      <c r="G1116">
        <f t="shared" si="258"/>
        <v>0.39285999999999999</v>
      </c>
      <c r="H1116" s="235">
        <f t="shared" si="259"/>
        <v>2.494527312528636</v>
      </c>
      <c r="I1116" s="236">
        <f t="shared" si="260"/>
        <v>15.555567489831081</v>
      </c>
      <c r="J1116" s="237">
        <f t="shared" si="265"/>
        <v>5.5555674898310805</v>
      </c>
      <c r="K1116" s="237">
        <f t="shared" si="261"/>
        <v>169.71124131405708</v>
      </c>
      <c r="L1116" s="237">
        <f t="shared" si="266"/>
        <v>60.650130286485904</v>
      </c>
      <c r="M1116" s="236">
        <f t="shared" si="262"/>
        <v>3.6792791315019659</v>
      </c>
      <c r="N1116" s="236">
        <f t="shared" si="263"/>
        <v>4.3916892290637426</v>
      </c>
      <c r="O1116" s="236">
        <f t="shared" si="267"/>
        <v>3.4502160160506747</v>
      </c>
      <c r="P1116" s="236" t="str">
        <f t="shared" si="268"/>
        <v>CLAY</v>
      </c>
      <c r="Q1116" s="236">
        <f t="shared" si="264"/>
        <v>18.595729890495246</v>
      </c>
      <c r="R1116" s="238">
        <v>35</v>
      </c>
      <c r="S1116" s="236">
        <f t="shared" si="269"/>
        <v>1.2739237377722212</v>
      </c>
      <c r="T1116" s="236" t="e">
        <f t="shared" si="255"/>
        <v>#N/A</v>
      </c>
    </row>
    <row r="1117" spans="1:20" x14ac:dyDescent="0.2">
      <c r="A1117" s="53">
        <f t="shared" si="256"/>
        <v>1105</v>
      </c>
      <c r="B1117" s="239">
        <v>10.927</v>
      </c>
      <c r="C1117" s="3">
        <f t="shared" si="257"/>
        <v>10.92</v>
      </c>
      <c r="D1117" s="239">
        <v>0.33429999999999999</v>
      </c>
      <c r="E1117" s="239">
        <v>9.7000000000000003E-3</v>
      </c>
      <c r="F1117" s="239">
        <v>0.30430000000000001</v>
      </c>
      <c r="G1117">
        <f t="shared" si="258"/>
        <v>0.39515999999999996</v>
      </c>
      <c r="H1117" s="235">
        <f t="shared" si="259"/>
        <v>2.4547018929041404</v>
      </c>
      <c r="I1117" s="236">
        <f t="shared" si="260"/>
        <v>15.545822415984926</v>
      </c>
      <c r="J1117" s="237">
        <f t="shared" si="265"/>
        <v>5.5458224159849259</v>
      </c>
      <c r="K1117" s="237">
        <f t="shared" si="261"/>
        <v>169.76038078255539</v>
      </c>
      <c r="L1117" s="237">
        <f t="shared" si="266"/>
        <v>60.59920153946728</v>
      </c>
      <c r="M1117" s="236">
        <f t="shared" si="262"/>
        <v>3.7195146716684948</v>
      </c>
      <c r="N1117" s="236">
        <f t="shared" si="263"/>
        <v>4.3034677847624687</v>
      </c>
      <c r="O1117" s="236">
        <f t="shared" si="267"/>
        <v>3.4414855911914439</v>
      </c>
      <c r="P1117" s="236" t="str">
        <f t="shared" si="268"/>
        <v>CLAY</v>
      </c>
      <c r="Q1117" s="236">
        <f t="shared" si="264"/>
        <v>18.783301601453715</v>
      </c>
      <c r="R1117" s="238">
        <v>35</v>
      </c>
      <c r="S1117" s="236">
        <f t="shared" si="269"/>
        <v>1.2913615576999238</v>
      </c>
      <c r="T1117" s="236" t="e">
        <f t="shared" si="255"/>
        <v>#N/A</v>
      </c>
    </row>
    <row r="1118" spans="1:20" x14ac:dyDescent="0.2">
      <c r="A1118" s="53">
        <f t="shared" si="256"/>
        <v>1106</v>
      </c>
      <c r="B1118" s="239">
        <v>10.938000000000001</v>
      </c>
      <c r="C1118" s="3">
        <f t="shared" si="257"/>
        <v>10.931000000000001</v>
      </c>
      <c r="D1118" s="239">
        <v>0.3342</v>
      </c>
      <c r="E1118" s="239">
        <v>9.9000000000000008E-3</v>
      </c>
      <c r="F1118" s="239">
        <v>0.30890000000000001</v>
      </c>
      <c r="G1118">
        <f t="shared" si="258"/>
        <v>0.39598</v>
      </c>
      <c r="H1118" s="235">
        <f t="shared" si="259"/>
        <v>2.5001262690034851</v>
      </c>
      <c r="I1118" s="236">
        <f t="shared" si="260"/>
        <v>15.570564005972045</v>
      </c>
      <c r="J1118" s="237">
        <f t="shared" si="265"/>
        <v>5.5705640059720452</v>
      </c>
      <c r="K1118" s="237">
        <f t="shared" si="261"/>
        <v>170.20183514928044</v>
      </c>
      <c r="L1118" s="237">
        <f t="shared" si="266"/>
        <v>60.930829097322231</v>
      </c>
      <c r="M1118" s="236">
        <f t="shared" si="262"/>
        <v>3.705483220819032</v>
      </c>
      <c r="N1118" s="236">
        <f t="shared" si="263"/>
        <v>4.3848350023332419</v>
      </c>
      <c r="O1118" s="236">
        <f t="shared" si="267"/>
        <v>3.4472555932838937</v>
      </c>
      <c r="P1118" s="236" t="str">
        <f t="shared" si="268"/>
        <v>CLAY</v>
      </c>
      <c r="Q1118" s="236">
        <f t="shared" si="264"/>
        <v>18.814847070893297</v>
      </c>
      <c r="R1118" s="238">
        <v>35</v>
      </c>
      <c r="S1118" s="236">
        <f t="shared" si="269"/>
        <v>1.2852750365244807</v>
      </c>
      <c r="T1118" s="236" t="e">
        <f t="shared" si="255"/>
        <v>#N/A</v>
      </c>
    </row>
    <row r="1119" spans="1:20" x14ac:dyDescent="0.2">
      <c r="A1119" s="53">
        <f t="shared" si="256"/>
        <v>1107</v>
      </c>
      <c r="B1119" s="239">
        <v>10.946999999999999</v>
      </c>
      <c r="C1119" s="3">
        <f t="shared" si="257"/>
        <v>10.94</v>
      </c>
      <c r="D1119" s="239">
        <v>0.33239999999999997</v>
      </c>
      <c r="E1119" s="239">
        <v>9.9000000000000008E-3</v>
      </c>
      <c r="F1119" s="239">
        <v>0.31290000000000001</v>
      </c>
      <c r="G1119">
        <f t="shared" si="258"/>
        <v>0.39497999999999994</v>
      </c>
      <c r="H1119" s="235">
        <f t="shared" si="259"/>
        <v>2.5064560230897772</v>
      </c>
      <c r="I1119" s="236">
        <f t="shared" si="260"/>
        <v>15.569575674724021</v>
      </c>
      <c r="J1119" s="237">
        <f t="shared" si="265"/>
        <v>5.569575674724021</v>
      </c>
      <c r="K1119" s="237">
        <f t="shared" si="261"/>
        <v>170.33115788148078</v>
      </c>
      <c r="L1119" s="237">
        <f t="shared" si="266"/>
        <v>60.970144911203853</v>
      </c>
      <c r="M1119" s="236">
        <f t="shared" si="262"/>
        <v>3.6845712347525974</v>
      </c>
      <c r="N1119" s="236">
        <f t="shared" si="263"/>
        <v>4.4068778216880391</v>
      </c>
      <c r="O1119" s="236">
        <f t="shared" si="267"/>
        <v>3.4505004165686333</v>
      </c>
      <c r="P1119" s="236" t="str">
        <f t="shared" si="268"/>
        <v>CLAY</v>
      </c>
      <c r="Q1119" s="236">
        <f t="shared" si="264"/>
        <v>18.720736843209931</v>
      </c>
      <c r="R1119" s="238">
        <v>35</v>
      </c>
      <c r="S1119" s="236">
        <f t="shared" si="269"/>
        <v>1.2762145899343873</v>
      </c>
      <c r="T1119" s="236" t="e">
        <f t="shared" si="255"/>
        <v>#N/A</v>
      </c>
    </row>
    <row r="1120" spans="1:20" x14ac:dyDescent="0.2">
      <c r="A1120" s="53">
        <f t="shared" si="256"/>
        <v>1108</v>
      </c>
      <c r="B1120" s="239">
        <v>10.957000000000001</v>
      </c>
      <c r="C1120" s="3">
        <f t="shared" si="257"/>
        <v>10.950000000000001</v>
      </c>
      <c r="D1120" s="239">
        <v>0.3352</v>
      </c>
      <c r="E1120" s="239">
        <v>9.7999999999999997E-3</v>
      </c>
      <c r="F1120" s="239">
        <v>0.31269999999999998</v>
      </c>
      <c r="G1120">
        <f t="shared" si="258"/>
        <v>0.39773999999999998</v>
      </c>
      <c r="H1120" s="235">
        <f t="shared" si="259"/>
        <v>2.4639211545230553</v>
      </c>
      <c r="I1120" s="236">
        <f t="shared" si="260"/>
        <v>15.560392801213279</v>
      </c>
      <c r="J1120" s="237">
        <f t="shared" si="265"/>
        <v>5.5603928012132791</v>
      </c>
      <c r="K1120" s="237">
        <f t="shared" si="261"/>
        <v>170.38630117328543</v>
      </c>
      <c r="L1120" s="237">
        <f t="shared" si="266"/>
        <v>60.925223922893906</v>
      </c>
      <c r="M1120" s="236">
        <f t="shared" si="262"/>
        <v>3.7316842546930999</v>
      </c>
      <c r="N1120" s="236">
        <f t="shared" si="263"/>
        <v>4.3104642900353278</v>
      </c>
      <c r="O1120" s="236">
        <f t="shared" si="267"/>
        <v>3.4406706793537247</v>
      </c>
      <c r="P1120" s="236" t="str">
        <f t="shared" si="268"/>
        <v>CLAY</v>
      </c>
      <c r="Q1120" s="236">
        <f t="shared" si="264"/>
        <v>18.94614156889288</v>
      </c>
      <c r="R1120" s="238">
        <v>35</v>
      </c>
      <c r="S1120" s="236">
        <f t="shared" si="269"/>
        <v>1.2966450943460652</v>
      </c>
      <c r="T1120" s="236" t="e">
        <f t="shared" si="255"/>
        <v>#N/A</v>
      </c>
    </row>
    <row r="1121" spans="1:20" x14ac:dyDescent="0.2">
      <c r="A1121" s="53">
        <f t="shared" si="256"/>
        <v>1109</v>
      </c>
      <c r="B1121" s="239">
        <v>10.967000000000001</v>
      </c>
      <c r="C1121" s="3">
        <f t="shared" si="257"/>
        <v>10.96</v>
      </c>
      <c r="D1121" s="239">
        <v>0.33939999999999998</v>
      </c>
      <c r="E1121" s="239">
        <v>9.4999999999999998E-3</v>
      </c>
      <c r="F1121" s="239">
        <v>0.31069999999999998</v>
      </c>
      <c r="G1121">
        <f t="shared" si="258"/>
        <v>0.40153999999999995</v>
      </c>
      <c r="H1121" s="235">
        <f t="shared" si="259"/>
        <v>2.3658913184240675</v>
      </c>
      <c r="I1121" s="236">
        <f t="shared" si="260"/>
        <v>15.527652721852569</v>
      </c>
      <c r="J1121" s="237">
        <f t="shared" si="265"/>
        <v>5.5276527218525686</v>
      </c>
      <c r="K1121" s="237">
        <f t="shared" si="261"/>
        <v>170.18307383150417</v>
      </c>
      <c r="L1121" s="237">
        <f t="shared" si="266"/>
        <v>60.621767400557125</v>
      </c>
      <c r="M1121" s="236">
        <f t="shared" si="262"/>
        <v>3.8164002154508214</v>
      </c>
      <c r="N1121" s="236">
        <f t="shared" si="263"/>
        <v>4.1062094648859615</v>
      </c>
      <c r="O1121" s="236">
        <f t="shared" si="267"/>
        <v>3.4211181493714937</v>
      </c>
      <c r="P1121" s="236" t="str">
        <f t="shared" si="268"/>
        <v>CLAY</v>
      </c>
      <c r="Q1121" s="236">
        <f t="shared" si="264"/>
        <v>19.27974384737465</v>
      </c>
      <c r="R1121" s="238">
        <v>35</v>
      </c>
      <c r="S1121" s="236">
        <f t="shared" si="269"/>
        <v>1.3335441491514113</v>
      </c>
      <c r="T1121" s="236" t="e">
        <f t="shared" si="255"/>
        <v>#N/A</v>
      </c>
    </row>
    <row r="1122" spans="1:20" x14ac:dyDescent="0.2">
      <c r="A1122" s="53">
        <f t="shared" si="256"/>
        <v>1110</v>
      </c>
      <c r="B1122" s="239">
        <v>10.978</v>
      </c>
      <c r="C1122" s="3">
        <f t="shared" si="257"/>
        <v>10.971</v>
      </c>
      <c r="D1122" s="239">
        <v>0.34100000000000003</v>
      </c>
      <c r="E1122" s="239">
        <v>9.2999999999999992E-3</v>
      </c>
      <c r="F1122" s="239">
        <v>0.3075</v>
      </c>
      <c r="G1122">
        <f t="shared" si="258"/>
        <v>0.40250000000000002</v>
      </c>
      <c r="H1122" s="235">
        <f t="shared" si="259"/>
        <v>2.3105590062111796</v>
      </c>
      <c r="I1122" s="236">
        <f t="shared" si="260"/>
        <v>15.50363631171161</v>
      </c>
      <c r="J1122" s="237">
        <f t="shared" si="265"/>
        <v>5.5036363117116096</v>
      </c>
      <c r="K1122" s="237">
        <f t="shared" si="261"/>
        <v>170.09039397578806</v>
      </c>
      <c r="L1122" s="237">
        <f t="shared" si="266"/>
        <v>60.418919429970046</v>
      </c>
      <c r="M1122" s="236">
        <f t="shared" si="262"/>
        <v>3.8466362559428378</v>
      </c>
      <c r="N1122" s="236">
        <f t="shared" si="263"/>
        <v>4.0015557700446962</v>
      </c>
      <c r="O1122" s="236">
        <f t="shared" si="267"/>
        <v>3.4122243492806223</v>
      </c>
      <c r="P1122" s="236" t="str">
        <f t="shared" si="268"/>
        <v>CLAY</v>
      </c>
      <c r="Q1122" s="236">
        <f t="shared" si="264"/>
        <v>19.367467168684328</v>
      </c>
      <c r="R1122" s="238">
        <v>35</v>
      </c>
      <c r="S1122" s="236">
        <f t="shared" si="269"/>
        <v>1.3467637229268099</v>
      </c>
      <c r="T1122" s="236" t="e">
        <f t="shared" si="255"/>
        <v>#N/A</v>
      </c>
    </row>
    <row r="1123" spans="1:20" x14ac:dyDescent="0.2">
      <c r="A1123" s="53">
        <f t="shared" si="256"/>
        <v>1111</v>
      </c>
      <c r="B1123" s="239">
        <v>10.988</v>
      </c>
      <c r="C1123" s="3">
        <f t="shared" si="257"/>
        <v>10.981</v>
      </c>
      <c r="D1123" s="239">
        <v>0.33910000000000001</v>
      </c>
      <c r="E1123" s="239">
        <v>9.1000000000000004E-3</v>
      </c>
      <c r="F1123" s="239">
        <v>0.307</v>
      </c>
      <c r="G1123">
        <f t="shared" si="258"/>
        <v>0.40049999999999997</v>
      </c>
      <c r="H1123" s="235">
        <f t="shared" si="259"/>
        <v>2.2721598002496881</v>
      </c>
      <c r="I1123" s="236">
        <f t="shared" si="260"/>
        <v>15.476197082027671</v>
      </c>
      <c r="J1123" s="237">
        <f t="shared" si="265"/>
        <v>5.4761970820276709</v>
      </c>
      <c r="K1123" s="237">
        <f t="shared" si="261"/>
        <v>169.94412015774586</v>
      </c>
      <c r="L1123" s="237">
        <f t="shared" si="266"/>
        <v>60.172453537320045</v>
      </c>
      <c r="M1123" s="236">
        <f t="shared" si="262"/>
        <v>3.8315851571393735</v>
      </c>
      <c r="N1123" s="236">
        <f t="shared" si="263"/>
        <v>3.9469824001999871</v>
      </c>
      <c r="O1123" s="236">
        <f t="shared" si="267"/>
        <v>3.4104842803980207</v>
      </c>
      <c r="P1123" s="236" t="str">
        <f t="shared" si="268"/>
        <v>CLAY</v>
      </c>
      <c r="Q1123" s="236">
        <f t="shared" si="264"/>
        <v>19.212989986854506</v>
      </c>
      <c r="R1123" s="238">
        <v>35</v>
      </c>
      <c r="S1123" s="236">
        <f t="shared" si="269"/>
        <v>1.3401799349696553</v>
      </c>
      <c r="T1123" s="236" t="e">
        <f t="shared" si="255"/>
        <v>#N/A</v>
      </c>
    </row>
    <row r="1124" spans="1:20" x14ac:dyDescent="0.2">
      <c r="A1124" s="53">
        <f t="shared" si="256"/>
        <v>1112</v>
      </c>
      <c r="B1124" s="239">
        <v>10.997999999999999</v>
      </c>
      <c r="C1124" s="3">
        <f t="shared" si="257"/>
        <v>10.991</v>
      </c>
      <c r="D1124" s="239">
        <v>0.34360000000000002</v>
      </c>
      <c r="E1124" s="239">
        <v>8.8999999999999999E-3</v>
      </c>
      <c r="F1124" s="239">
        <v>0.30459999999999998</v>
      </c>
      <c r="G1124">
        <f t="shared" si="258"/>
        <v>0.40451999999999999</v>
      </c>
      <c r="H1124" s="235">
        <f t="shared" si="259"/>
        <v>2.2001384356768519</v>
      </c>
      <c r="I1124" s="236">
        <f t="shared" si="260"/>
        <v>15.454042071035488</v>
      </c>
      <c r="J1124" s="237">
        <f t="shared" si="265"/>
        <v>5.454042071035488</v>
      </c>
      <c r="K1124" s="237">
        <f t="shared" si="261"/>
        <v>169.85537640275103</v>
      </c>
      <c r="L1124" s="237">
        <f t="shared" si="266"/>
        <v>59.983554697248294</v>
      </c>
      <c r="M1124" s="236">
        <f t="shared" si="262"/>
        <v>3.9121493346244454</v>
      </c>
      <c r="N1124" s="236">
        <f t="shared" si="263"/>
        <v>3.7926466561380483</v>
      </c>
      <c r="O1124" s="236">
        <f t="shared" si="267"/>
        <v>3.3936244177359938</v>
      </c>
      <c r="P1124" s="236" t="str">
        <f t="shared" si="268"/>
        <v>CLAY</v>
      </c>
      <c r="Q1124" s="236">
        <f t="shared" si="264"/>
        <v>19.555385299770744</v>
      </c>
      <c r="R1124" s="238">
        <v>35</v>
      </c>
      <c r="S1124" s="236">
        <f t="shared" si="269"/>
        <v>1.3754958647624764</v>
      </c>
      <c r="T1124" s="236" t="e">
        <f t="shared" si="255"/>
        <v>#N/A</v>
      </c>
    </row>
    <row r="1125" spans="1:20" x14ac:dyDescent="0.2">
      <c r="A1125" s="53">
        <f t="shared" si="256"/>
        <v>1113</v>
      </c>
      <c r="B1125" s="239">
        <v>11.007999999999999</v>
      </c>
      <c r="C1125" s="3">
        <f t="shared" si="257"/>
        <v>11.000999999999999</v>
      </c>
      <c r="D1125" s="239">
        <v>0.3513</v>
      </c>
      <c r="E1125" s="239">
        <v>8.8000000000000005E-3</v>
      </c>
      <c r="F1125" s="239">
        <v>0.3029</v>
      </c>
      <c r="G1125">
        <f t="shared" si="258"/>
        <v>0.41187999999999997</v>
      </c>
      <c r="H1125" s="235">
        <f t="shared" si="259"/>
        <v>2.1365446246479558</v>
      </c>
      <c r="I1125" s="236">
        <f t="shared" si="260"/>
        <v>15.447839902850715</v>
      </c>
      <c r="J1125" s="237">
        <f t="shared" si="265"/>
        <v>5.4478399028507152</v>
      </c>
      <c r="K1125" s="237">
        <f t="shared" si="261"/>
        <v>169.94168677126072</v>
      </c>
      <c r="L1125" s="237">
        <f t="shared" si="266"/>
        <v>59.96982165058067</v>
      </c>
      <c r="M1125" s="236">
        <f t="shared" si="262"/>
        <v>4.0343343796887323</v>
      </c>
      <c r="N1125" s="236">
        <f t="shared" si="263"/>
        <v>3.6372907963858081</v>
      </c>
      <c r="O1125" s="236">
        <f t="shared" si="267"/>
        <v>3.3726803923352544</v>
      </c>
      <c r="P1125" s="236" t="str">
        <f t="shared" si="268"/>
        <v>CLAY</v>
      </c>
      <c r="Q1125" s="236">
        <f t="shared" si="264"/>
        <v>20.161526102394941</v>
      </c>
      <c r="R1125" s="238">
        <v>35</v>
      </c>
      <c r="S1125" s="236">
        <f t="shared" si="269"/>
        <v>1.4294036037221864</v>
      </c>
      <c r="T1125" s="236" t="e">
        <f t="shared" si="255"/>
        <v>#N/A</v>
      </c>
    </row>
    <row r="1126" spans="1:20" x14ac:dyDescent="0.2">
      <c r="A1126" s="53">
        <f t="shared" si="256"/>
        <v>1114</v>
      </c>
      <c r="B1126" s="239">
        <v>11.052</v>
      </c>
      <c r="C1126" s="3">
        <f t="shared" si="257"/>
        <v>11.045</v>
      </c>
      <c r="D1126" s="239">
        <v>0.3463</v>
      </c>
      <c r="E1126" s="239">
        <v>9.4999999999999998E-3</v>
      </c>
      <c r="F1126" s="239">
        <v>0.31390000000000001</v>
      </c>
      <c r="G1126">
        <f t="shared" si="258"/>
        <v>0.40908</v>
      </c>
      <c r="H1126" s="235">
        <f t="shared" si="259"/>
        <v>2.3222841497995499</v>
      </c>
      <c r="I1126" s="236">
        <f t="shared" si="260"/>
        <v>15.534924211211241</v>
      </c>
      <c r="J1126" s="237">
        <f t="shared" si="265"/>
        <v>5.5349242112112407</v>
      </c>
      <c r="K1126" s="237">
        <f t="shared" si="261"/>
        <v>171.58323791282814</v>
      </c>
      <c r="L1126" s="237">
        <f t="shared" si="266"/>
        <v>61.171982382306631</v>
      </c>
      <c r="M1126" s="236">
        <f t="shared" si="262"/>
        <v>3.8824434461333617</v>
      </c>
      <c r="N1126" s="236">
        <f t="shared" si="263"/>
        <v>4.0000545340121647</v>
      </c>
      <c r="O1126" s="236">
        <f t="shared" si="267"/>
        <v>3.4087357470054389</v>
      </c>
      <c r="P1126" s="236" t="str">
        <f t="shared" si="268"/>
        <v>CLAY</v>
      </c>
      <c r="Q1126" s="236">
        <f t="shared" si="264"/>
        <v>19.791396840597653</v>
      </c>
      <c r="R1126" s="238">
        <v>35</v>
      </c>
      <c r="S1126" s="236">
        <f t="shared" si="269"/>
        <v>1.3624526925071057</v>
      </c>
      <c r="T1126" s="236" t="e">
        <f t="shared" si="255"/>
        <v>#N/A</v>
      </c>
    </row>
    <row r="1127" spans="1:20" x14ac:dyDescent="0.2">
      <c r="A1127" s="53">
        <f t="shared" si="256"/>
        <v>1115</v>
      </c>
      <c r="B1127" s="239">
        <v>11.061</v>
      </c>
      <c r="C1127" s="3">
        <f t="shared" si="257"/>
        <v>11.054</v>
      </c>
      <c r="D1127" s="239">
        <v>0.34150000000000003</v>
      </c>
      <c r="E1127" s="239">
        <v>9.7000000000000003E-3</v>
      </c>
      <c r="F1127" s="239">
        <v>0.32350000000000001</v>
      </c>
      <c r="G1127">
        <f t="shared" si="258"/>
        <v>0.40620000000000001</v>
      </c>
      <c r="H1127" s="235">
        <f t="shared" si="259"/>
        <v>2.3879862136878387</v>
      </c>
      <c r="I1127" s="236">
        <f t="shared" si="260"/>
        <v>15.556592664063258</v>
      </c>
      <c r="J1127" s="237">
        <f t="shared" si="265"/>
        <v>5.5565926640632579</v>
      </c>
      <c r="K1127" s="237">
        <f t="shared" si="261"/>
        <v>171.96257530855524</v>
      </c>
      <c r="L1127" s="237">
        <f t="shared" si="266"/>
        <v>61.461471457203693</v>
      </c>
      <c r="M1127" s="236">
        <f t="shared" si="262"/>
        <v>3.8111262086288784</v>
      </c>
      <c r="N1127" s="236">
        <f t="shared" si="263"/>
        <v>4.1410974411017261</v>
      </c>
      <c r="O1127" s="236">
        <f t="shared" si="267"/>
        <v>3.4235954830550903</v>
      </c>
      <c r="P1127" s="236" t="str">
        <f t="shared" si="268"/>
        <v>CLAY</v>
      </c>
      <c r="Q1127" s="236">
        <f t="shared" si="264"/>
        <v>19.519785390953729</v>
      </c>
      <c r="R1127" s="238">
        <v>35</v>
      </c>
      <c r="S1127" s="236">
        <f t="shared" si="269"/>
        <v>1.3312409625059876</v>
      </c>
      <c r="T1127" s="236" t="e">
        <f t="shared" si="255"/>
        <v>#N/A</v>
      </c>
    </row>
    <row r="1128" spans="1:20" x14ac:dyDescent="0.2">
      <c r="A1128" s="53">
        <f t="shared" si="256"/>
        <v>1116</v>
      </c>
      <c r="B1128" s="239">
        <v>11.071</v>
      </c>
      <c r="C1128" s="3">
        <f t="shared" si="257"/>
        <v>11.064</v>
      </c>
      <c r="D1128" s="239">
        <v>0.34150000000000003</v>
      </c>
      <c r="E1128" s="239">
        <v>9.4999999999999998E-3</v>
      </c>
      <c r="F1128" s="239">
        <v>0.32379999999999998</v>
      </c>
      <c r="G1128">
        <f t="shared" si="258"/>
        <v>0.40626000000000001</v>
      </c>
      <c r="H1128" s="235">
        <f t="shared" si="259"/>
        <v>2.3384039777482402</v>
      </c>
      <c r="I1128" s="236">
        <f t="shared" si="260"/>
        <v>15.532220446425335</v>
      </c>
      <c r="J1128" s="237">
        <f t="shared" si="265"/>
        <v>5.5322204464253346</v>
      </c>
      <c r="K1128" s="237">
        <f t="shared" si="261"/>
        <v>171.84848701924992</v>
      </c>
      <c r="L1128" s="237">
        <f t="shared" si="266"/>
        <v>61.247212562374877</v>
      </c>
      <c r="M1128" s="236">
        <f t="shared" si="262"/>
        <v>3.827300919891214</v>
      </c>
      <c r="N1128" s="236">
        <f t="shared" si="263"/>
        <v>4.0527019680898269</v>
      </c>
      <c r="O1128" s="236">
        <f t="shared" si="267"/>
        <v>3.4170220443400177</v>
      </c>
      <c r="P1128" s="236" t="str">
        <f t="shared" si="268"/>
        <v>CLAY</v>
      </c>
      <c r="Q1128" s="236">
        <f t="shared" si="264"/>
        <v>19.534292748395838</v>
      </c>
      <c r="R1128" s="238">
        <v>35</v>
      </c>
      <c r="S1128" s="236">
        <f t="shared" si="269"/>
        <v>1.3383070658296679</v>
      </c>
      <c r="T1128" s="236" t="e">
        <f t="shared" si="255"/>
        <v>#N/A</v>
      </c>
    </row>
    <row r="1129" spans="1:20" x14ac:dyDescent="0.2">
      <c r="A1129" s="53">
        <f t="shared" si="256"/>
        <v>1117</v>
      </c>
      <c r="B1129" s="239">
        <v>11.081</v>
      </c>
      <c r="C1129" s="3">
        <f t="shared" si="257"/>
        <v>11.074</v>
      </c>
      <c r="D1129" s="239">
        <v>0.34060000000000001</v>
      </c>
      <c r="E1129" s="239">
        <v>9.2999999999999992E-3</v>
      </c>
      <c r="F1129" s="239">
        <v>0.32090000000000002</v>
      </c>
      <c r="G1129">
        <f t="shared" si="258"/>
        <v>0.40478000000000003</v>
      </c>
      <c r="H1129" s="235">
        <f t="shared" si="259"/>
        <v>2.2975443450763371</v>
      </c>
      <c r="I1129" s="236">
        <f t="shared" si="260"/>
        <v>15.505844156936078</v>
      </c>
      <c r="J1129" s="237">
        <f t="shared" si="265"/>
        <v>5.5058441569360781</v>
      </c>
      <c r="K1129" s="237">
        <f t="shared" si="261"/>
        <v>171.71171819391012</v>
      </c>
      <c r="L1129" s="237">
        <f t="shared" si="266"/>
        <v>61.010259103008678</v>
      </c>
      <c r="M1129" s="236">
        <f t="shared" si="262"/>
        <v>3.8201490246514345</v>
      </c>
      <c r="N1129" s="236">
        <f t="shared" si="263"/>
        <v>3.9902469473463107</v>
      </c>
      <c r="O1129" s="236">
        <f t="shared" si="267"/>
        <v>3.4141060822605342</v>
      </c>
      <c r="P1129" s="236" t="str">
        <f t="shared" si="268"/>
        <v>CLAY</v>
      </c>
      <c r="Q1129" s="236">
        <f t="shared" si="264"/>
        <v>19.422356817174158</v>
      </c>
      <c r="R1129" s="238">
        <v>35</v>
      </c>
      <c r="S1129" s="236">
        <f t="shared" si="269"/>
        <v>1.335181757884689</v>
      </c>
      <c r="T1129" s="236" t="e">
        <f t="shared" si="255"/>
        <v>#N/A</v>
      </c>
    </row>
    <row r="1130" spans="1:20" x14ac:dyDescent="0.2">
      <c r="A1130" s="53">
        <f t="shared" si="256"/>
        <v>1118</v>
      </c>
      <c r="B1130" s="239">
        <v>11.090999999999999</v>
      </c>
      <c r="C1130" s="3">
        <f t="shared" si="257"/>
        <v>11.084</v>
      </c>
      <c r="D1130" s="239">
        <v>0.33810000000000001</v>
      </c>
      <c r="E1130" s="239">
        <v>9.1999999999999998E-3</v>
      </c>
      <c r="F1130" s="239">
        <v>0.32779999999999998</v>
      </c>
      <c r="G1130">
        <f t="shared" si="258"/>
        <v>0.40366000000000002</v>
      </c>
      <c r="H1130" s="235">
        <f t="shared" si="259"/>
        <v>2.279145815785562</v>
      </c>
      <c r="I1130" s="236">
        <f t="shared" si="260"/>
        <v>15.492084332499074</v>
      </c>
      <c r="J1130" s="237">
        <f t="shared" si="265"/>
        <v>5.4920843324990738</v>
      </c>
      <c r="K1130" s="237">
        <f t="shared" si="261"/>
        <v>171.71426274141973</v>
      </c>
      <c r="L1130" s="237">
        <f t="shared" si="266"/>
        <v>60.912707331747221</v>
      </c>
      <c r="M1130" s="236">
        <f t="shared" si="262"/>
        <v>3.8078382560693047</v>
      </c>
      <c r="N1130" s="236">
        <f t="shared" si="263"/>
        <v>3.9664449576598835</v>
      </c>
      <c r="O1130" s="236">
        <f t="shared" si="267"/>
        <v>3.4139072248596261</v>
      </c>
      <c r="P1130" s="236" t="str">
        <f t="shared" si="268"/>
        <v>CLAY</v>
      </c>
      <c r="Q1130" s="236">
        <f t="shared" si="264"/>
        <v>19.328811438215023</v>
      </c>
      <c r="R1130" s="238">
        <v>35</v>
      </c>
      <c r="S1130" s="236">
        <f t="shared" si="269"/>
        <v>1.3298054993501309</v>
      </c>
      <c r="T1130" s="236" t="e">
        <f t="shared" si="255"/>
        <v>#N/A</v>
      </c>
    </row>
    <row r="1131" spans="1:20" x14ac:dyDescent="0.2">
      <c r="A1131" s="53">
        <f t="shared" si="256"/>
        <v>1119</v>
      </c>
      <c r="B1131" s="239">
        <v>11.101000000000001</v>
      </c>
      <c r="C1131" s="3">
        <f t="shared" si="257"/>
        <v>11.094000000000001</v>
      </c>
      <c r="D1131" s="239">
        <v>0.34110000000000001</v>
      </c>
      <c r="E1131" s="239">
        <v>9.1000000000000004E-3</v>
      </c>
      <c r="F1131" s="239">
        <v>0.32490000000000002</v>
      </c>
      <c r="G1131">
        <f t="shared" si="258"/>
        <v>0.40608</v>
      </c>
      <c r="H1131" s="235">
        <f t="shared" si="259"/>
        <v>2.2409377462568951</v>
      </c>
      <c r="I1131" s="236">
        <f t="shared" si="260"/>
        <v>15.481605254022588</v>
      </c>
      <c r="J1131" s="237">
        <f t="shared" si="265"/>
        <v>5.4816052540225879</v>
      </c>
      <c r="K1131" s="237">
        <f t="shared" si="261"/>
        <v>171.75292868812662</v>
      </c>
      <c r="L1131" s="237">
        <f t="shared" si="266"/>
        <v>60.851299924904751</v>
      </c>
      <c r="M1131" s="236">
        <f t="shared" si="262"/>
        <v>3.8508145528698852</v>
      </c>
      <c r="N1131" s="236">
        <f t="shared" si="263"/>
        <v>3.883460817844866</v>
      </c>
      <c r="O1131" s="236">
        <f t="shared" si="267"/>
        <v>3.4048949919541784</v>
      </c>
      <c r="P1131" s="236" t="str">
        <f t="shared" si="268"/>
        <v>CLAY</v>
      </c>
      <c r="Q1131" s="236">
        <f t="shared" si="264"/>
        <v>19.527255942656115</v>
      </c>
      <c r="R1131" s="238">
        <v>35</v>
      </c>
      <c r="S1131" s="236">
        <f t="shared" si="269"/>
        <v>1.3485925748730467</v>
      </c>
      <c r="T1131" s="236" t="e">
        <f t="shared" si="255"/>
        <v>#N/A</v>
      </c>
    </row>
    <row r="1132" spans="1:20" x14ac:dyDescent="0.2">
      <c r="A1132" s="53">
        <f t="shared" si="256"/>
        <v>1120</v>
      </c>
      <c r="B1132" s="239">
        <v>11.11</v>
      </c>
      <c r="C1132" s="3">
        <f t="shared" si="257"/>
        <v>11.103</v>
      </c>
      <c r="D1132" s="239">
        <v>0.3427</v>
      </c>
      <c r="E1132" s="239">
        <v>9.1000000000000004E-3</v>
      </c>
      <c r="F1132" s="239">
        <v>0.32390000000000002</v>
      </c>
      <c r="G1132">
        <f t="shared" si="258"/>
        <v>0.40748000000000001</v>
      </c>
      <c r="H1132" s="235">
        <f t="shared" si="259"/>
        <v>2.233238441150486</v>
      </c>
      <c r="I1132" s="236">
        <f t="shared" si="260"/>
        <v>15.482950481387121</v>
      </c>
      <c r="J1132" s="237">
        <f t="shared" si="265"/>
        <v>5.482950481387121</v>
      </c>
      <c r="K1132" s="237">
        <f t="shared" si="261"/>
        <v>171.90719919484121</v>
      </c>
      <c r="L1132" s="237">
        <f t="shared" si="266"/>
        <v>60.915579848210911</v>
      </c>
      <c r="M1132" s="236">
        <f t="shared" si="262"/>
        <v>3.8672011559630186</v>
      </c>
      <c r="N1132" s="236">
        <f t="shared" si="263"/>
        <v>3.8629247387208201</v>
      </c>
      <c r="O1132" s="236">
        <f t="shared" si="267"/>
        <v>3.4021093083380425</v>
      </c>
      <c r="P1132" s="236" t="str">
        <f t="shared" si="268"/>
        <v>CLAY</v>
      </c>
      <c r="Q1132" s="236">
        <f t="shared" si="264"/>
        <v>19.631066733763234</v>
      </c>
      <c r="R1132" s="238">
        <v>35</v>
      </c>
      <c r="S1132" s="236">
        <f t="shared" si="269"/>
        <v>1.3557698205228925</v>
      </c>
      <c r="T1132" s="236" t="e">
        <f t="shared" si="255"/>
        <v>#N/A</v>
      </c>
    </row>
    <row r="1133" spans="1:20" x14ac:dyDescent="0.2">
      <c r="A1133" s="53">
        <f t="shared" si="256"/>
        <v>1121</v>
      </c>
      <c r="B1133" s="239">
        <v>11.121</v>
      </c>
      <c r="C1133" s="3">
        <f t="shared" si="257"/>
        <v>11.114000000000001</v>
      </c>
      <c r="D1133" s="239">
        <v>0.34300000000000003</v>
      </c>
      <c r="E1133" s="239">
        <v>9.1999999999999998E-3</v>
      </c>
      <c r="F1133" s="239">
        <v>0.32369999999999999</v>
      </c>
      <c r="G1133">
        <f t="shared" si="258"/>
        <v>0.40773999999999999</v>
      </c>
      <c r="H1133" s="235">
        <f t="shared" si="259"/>
        <v>2.2563398243979007</v>
      </c>
      <c r="I1133" s="236">
        <f t="shared" si="260"/>
        <v>15.49601517493997</v>
      </c>
      <c r="J1133" s="237">
        <f t="shared" si="265"/>
        <v>5.4960151749399699</v>
      </c>
      <c r="K1133" s="237">
        <f t="shared" si="261"/>
        <v>172.22271265428284</v>
      </c>
      <c r="L1133" s="237">
        <f t="shared" si="266"/>
        <v>61.121184760507411</v>
      </c>
      <c r="M1133" s="236">
        <f t="shared" si="262"/>
        <v>3.8532840662128875</v>
      </c>
      <c r="N1133" s="236">
        <f t="shared" si="263"/>
        <v>3.9062949916263543</v>
      </c>
      <c r="O1133" s="236">
        <f t="shared" si="267"/>
        <v>3.4060128032025108</v>
      </c>
      <c r="P1133" s="236" t="str">
        <f t="shared" si="268"/>
        <v>CLAY</v>
      </c>
      <c r="Q1133" s="236">
        <f t="shared" si="264"/>
        <v>19.626440612143096</v>
      </c>
      <c r="R1133" s="238">
        <v>35</v>
      </c>
      <c r="S1133" s="236">
        <f t="shared" si="269"/>
        <v>1.3496737209002252</v>
      </c>
      <c r="T1133" s="236" t="e">
        <f t="shared" si="255"/>
        <v>#N/A</v>
      </c>
    </row>
    <row r="1134" spans="1:20" x14ac:dyDescent="0.2">
      <c r="A1134" s="53">
        <f t="shared" si="256"/>
        <v>1122</v>
      </c>
      <c r="B1134" s="239">
        <v>11.131</v>
      </c>
      <c r="C1134" s="3">
        <f t="shared" si="257"/>
        <v>11.124000000000001</v>
      </c>
      <c r="D1134" s="239">
        <v>0.34279999999999999</v>
      </c>
      <c r="E1134" s="239">
        <v>9.1999999999999998E-3</v>
      </c>
      <c r="F1134" s="239">
        <v>0.32590000000000002</v>
      </c>
      <c r="G1134">
        <f t="shared" si="258"/>
        <v>0.40798000000000001</v>
      </c>
      <c r="H1134" s="235">
        <f t="shared" si="259"/>
        <v>2.255012500612775</v>
      </c>
      <c r="I1134" s="236">
        <f t="shared" si="260"/>
        <v>15.496245174476082</v>
      </c>
      <c r="J1134" s="237">
        <f t="shared" si="265"/>
        <v>5.4962451744760816</v>
      </c>
      <c r="K1134" s="237">
        <f t="shared" si="261"/>
        <v>172.38023132087193</v>
      </c>
      <c r="L1134" s="237">
        <f t="shared" si="266"/>
        <v>61.178705037093266</v>
      </c>
      <c r="M1134" s="236">
        <f t="shared" si="262"/>
        <v>3.8510094081965542</v>
      </c>
      <c r="N1134" s="236">
        <f t="shared" si="263"/>
        <v>3.9049274333243575</v>
      </c>
      <c r="O1134" s="236">
        <f t="shared" si="267"/>
        <v>3.4061490792700475</v>
      </c>
      <c r="P1134" s="236" t="str">
        <f t="shared" si="268"/>
        <v>CLAY</v>
      </c>
      <c r="Q1134" s="236">
        <f t="shared" si="264"/>
        <v>19.633314056594006</v>
      </c>
      <c r="R1134" s="238">
        <v>35</v>
      </c>
      <c r="S1134" s="236">
        <f t="shared" si="269"/>
        <v>1.348677875692267</v>
      </c>
      <c r="T1134" s="236" t="e">
        <f t="shared" si="255"/>
        <v>#N/A</v>
      </c>
    </row>
    <row r="1135" spans="1:20" x14ac:dyDescent="0.2">
      <c r="A1135" s="53">
        <f t="shared" si="256"/>
        <v>1123</v>
      </c>
      <c r="B1135" s="239">
        <v>11.141</v>
      </c>
      <c r="C1135" s="3">
        <f t="shared" si="257"/>
        <v>11.134</v>
      </c>
      <c r="D1135" s="239">
        <v>0.33750000000000002</v>
      </c>
      <c r="E1135" s="239">
        <v>9.1999999999999998E-3</v>
      </c>
      <c r="F1135" s="239">
        <v>0.32719999999999999</v>
      </c>
      <c r="G1135">
        <f t="shared" si="258"/>
        <v>0.40294000000000002</v>
      </c>
      <c r="H1135" s="235">
        <f t="shared" si="259"/>
        <v>2.2832183451630512</v>
      </c>
      <c r="I1135" s="236">
        <f t="shared" si="260"/>
        <v>15.491386532104778</v>
      </c>
      <c r="J1135" s="237">
        <f t="shared" si="265"/>
        <v>5.4913865321047783</v>
      </c>
      <c r="K1135" s="237">
        <f t="shared" si="261"/>
        <v>172.48109764845461</v>
      </c>
      <c r="L1135" s="237">
        <f t="shared" si="266"/>
        <v>61.179537354179338</v>
      </c>
      <c r="M1135" s="236">
        <f t="shared" si="262"/>
        <v>3.7669278376097775</v>
      </c>
      <c r="N1135" s="236">
        <f t="shared" si="263"/>
        <v>3.9920349815630836</v>
      </c>
      <c r="O1135" s="236">
        <f t="shared" si="267"/>
        <v>3.4193651928708344</v>
      </c>
      <c r="P1135" s="236" t="str">
        <f t="shared" si="268"/>
        <v>CLAY</v>
      </c>
      <c r="Q1135" s="236">
        <f t="shared" si="264"/>
        <v>19.204908529295448</v>
      </c>
      <c r="R1135" s="238">
        <v>35</v>
      </c>
      <c r="S1135" s="236">
        <f t="shared" si="269"/>
        <v>1.311970694759836</v>
      </c>
      <c r="T1135" s="236" t="e">
        <f t="shared" si="255"/>
        <v>#N/A</v>
      </c>
    </row>
    <row r="1136" spans="1:20" x14ac:dyDescent="0.2">
      <c r="A1136" s="53">
        <f t="shared" si="256"/>
        <v>1124</v>
      </c>
      <c r="B1136" s="239">
        <v>11.15</v>
      </c>
      <c r="C1136" s="3">
        <f t="shared" si="257"/>
        <v>11.143000000000001</v>
      </c>
      <c r="D1136" s="239">
        <v>0.33189999999999997</v>
      </c>
      <c r="E1136" s="239">
        <v>8.9999999999999993E-3</v>
      </c>
      <c r="F1136" s="239">
        <v>0.3306</v>
      </c>
      <c r="G1136">
        <f t="shared" si="258"/>
        <v>0.39801999999999993</v>
      </c>
      <c r="H1136" s="235">
        <f t="shared" si="259"/>
        <v>2.2611929048791519</v>
      </c>
      <c r="I1136" s="236">
        <f t="shared" si="260"/>
        <v>15.460812235700473</v>
      </c>
      <c r="J1136" s="237">
        <f t="shared" si="265"/>
        <v>5.4608122357004731</v>
      </c>
      <c r="K1136" s="237">
        <f t="shared" si="261"/>
        <v>172.27983074241038</v>
      </c>
      <c r="L1136" s="237">
        <f t="shared" si="266"/>
        <v>60.888056428060274</v>
      </c>
      <c r="M1136" s="236">
        <f t="shared" si="262"/>
        <v>3.7074622265912422</v>
      </c>
      <c r="N1136" s="236">
        <f t="shared" si="263"/>
        <v>3.9868845804444324</v>
      </c>
      <c r="O1136" s="236">
        <f t="shared" si="267"/>
        <v>3.4249179150877218</v>
      </c>
      <c r="P1136" s="236" t="str">
        <f t="shared" si="268"/>
        <v>CLAY</v>
      </c>
      <c r="Q1136" s="236">
        <f t="shared" si="264"/>
        <v>18.811680771465795</v>
      </c>
      <c r="R1136" s="238">
        <v>35</v>
      </c>
      <c r="S1136" s="236">
        <f t="shared" si="269"/>
        <v>1.2861331353029712</v>
      </c>
      <c r="T1136" s="236" t="e">
        <f t="shared" si="255"/>
        <v>#N/A</v>
      </c>
    </row>
    <row r="1137" spans="1:20" x14ac:dyDescent="0.2">
      <c r="A1137" s="53">
        <f t="shared" si="256"/>
        <v>1125</v>
      </c>
      <c r="B1137" s="239">
        <v>11.161</v>
      </c>
      <c r="C1137" s="3">
        <f t="shared" si="257"/>
        <v>11.154</v>
      </c>
      <c r="D1137" s="239">
        <v>0.33279999999999998</v>
      </c>
      <c r="E1137" s="239">
        <v>8.6999999999999994E-3</v>
      </c>
      <c r="F1137" s="239">
        <v>0.32840000000000003</v>
      </c>
      <c r="G1137">
        <f t="shared" si="258"/>
        <v>0.39847999999999995</v>
      </c>
      <c r="H1137" s="235">
        <f t="shared" si="259"/>
        <v>2.1832965268018469</v>
      </c>
      <c r="I1137" s="236">
        <f t="shared" si="260"/>
        <v>15.421510912304651</v>
      </c>
      <c r="J1137" s="237">
        <f t="shared" si="265"/>
        <v>5.421510912304651</v>
      </c>
      <c r="K1137" s="237">
        <f t="shared" si="261"/>
        <v>172.01153271584607</v>
      </c>
      <c r="L1137" s="237">
        <f t="shared" si="266"/>
        <v>60.509483292232204</v>
      </c>
      <c r="M1137" s="236">
        <f t="shared" si="262"/>
        <v>3.7426937888465885</v>
      </c>
      <c r="N1137" s="236">
        <f t="shared" si="263"/>
        <v>3.8415944190075519</v>
      </c>
      <c r="O1137" s="236">
        <f t="shared" si="267"/>
        <v>3.4128877825738111</v>
      </c>
      <c r="P1137" s="236" t="str">
        <f t="shared" si="268"/>
        <v>CLAY</v>
      </c>
      <c r="Q1137" s="236">
        <f t="shared" si="264"/>
        <v>18.872372273679492</v>
      </c>
      <c r="R1137" s="238">
        <v>35</v>
      </c>
      <c r="S1137" s="236">
        <f t="shared" si="269"/>
        <v>1.3014286981370515</v>
      </c>
      <c r="T1137" s="236" t="e">
        <f t="shared" si="255"/>
        <v>#N/A</v>
      </c>
    </row>
    <row r="1138" spans="1:20" x14ac:dyDescent="0.2">
      <c r="A1138" s="53">
        <f t="shared" si="256"/>
        <v>1126</v>
      </c>
      <c r="B1138" s="239">
        <v>11.172000000000001</v>
      </c>
      <c r="C1138" s="3">
        <f t="shared" si="257"/>
        <v>11.165000000000001</v>
      </c>
      <c r="D1138" s="239">
        <v>0.33400000000000002</v>
      </c>
      <c r="E1138" s="239">
        <v>8.5000000000000006E-3</v>
      </c>
      <c r="F1138" s="239">
        <v>0.32979999999999998</v>
      </c>
      <c r="G1138">
        <f t="shared" si="258"/>
        <v>0.39995999999999998</v>
      </c>
      <c r="H1138" s="235">
        <f t="shared" si="259"/>
        <v>2.1252125212521253</v>
      </c>
      <c r="I1138" s="236">
        <f t="shared" si="260"/>
        <v>15.395689057548417</v>
      </c>
      <c r="J1138" s="237">
        <f t="shared" si="265"/>
        <v>5.3956890575484167</v>
      </c>
      <c r="K1138" s="237">
        <f t="shared" si="261"/>
        <v>171.89286832752808</v>
      </c>
      <c r="L1138" s="237">
        <f t="shared" si="266"/>
        <v>60.280638150930912</v>
      </c>
      <c r="M1138" s="236">
        <f t="shared" si="262"/>
        <v>3.7834226489347453</v>
      </c>
      <c r="N1138" s="236">
        <f t="shared" si="263"/>
        <v>3.7269728161473457</v>
      </c>
      <c r="O1138" s="236">
        <f t="shared" si="267"/>
        <v>3.4019534258908943</v>
      </c>
      <c r="P1138" s="236" t="str">
        <f t="shared" si="268"/>
        <v>CLAY</v>
      </c>
      <c r="Q1138" s="236">
        <f t="shared" si="264"/>
        <v>19.005594306039324</v>
      </c>
      <c r="R1138" s="238">
        <v>35</v>
      </c>
      <c r="S1138" s="236">
        <f t="shared" si="269"/>
        <v>1.3191557744328504</v>
      </c>
      <c r="T1138" s="236" t="e">
        <f t="shared" si="255"/>
        <v>#N/A</v>
      </c>
    </row>
    <row r="1139" spans="1:20" x14ac:dyDescent="0.2">
      <c r="A1139" s="53">
        <f t="shared" si="256"/>
        <v>1127</v>
      </c>
      <c r="B1139" s="239">
        <v>11.180999999999999</v>
      </c>
      <c r="C1139" s="3">
        <f t="shared" si="257"/>
        <v>11.173999999999999</v>
      </c>
      <c r="D1139" s="239">
        <v>0.33250000000000002</v>
      </c>
      <c r="E1139" s="239">
        <v>8.5000000000000006E-3</v>
      </c>
      <c r="F1139" s="239">
        <v>0.33360000000000001</v>
      </c>
      <c r="G1139">
        <f t="shared" si="258"/>
        <v>0.39922000000000002</v>
      </c>
      <c r="H1139" s="235">
        <f t="shared" si="259"/>
        <v>2.1291518460998948</v>
      </c>
      <c r="I1139" s="236">
        <f t="shared" si="260"/>
        <v>15.394965215090872</v>
      </c>
      <c r="J1139" s="237">
        <f t="shared" si="265"/>
        <v>5.3949652150908722</v>
      </c>
      <c r="K1139" s="237">
        <f t="shared" si="261"/>
        <v>172.02334131342539</v>
      </c>
      <c r="L1139" s="237">
        <f t="shared" si="266"/>
        <v>60.321106069931041</v>
      </c>
      <c r="M1139" s="236">
        <f t="shared" si="262"/>
        <v>3.7664537918648673</v>
      </c>
      <c r="N1139" s="236">
        <f t="shared" si="263"/>
        <v>3.7412522037685565</v>
      </c>
      <c r="O1139" s="236">
        <f t="shared" si="267"/>
        <v>3.404487593387012</v>
      </c>
      <c r="P1139" s="236" t="str">
        <f t="shared" si="268"/>
        <v>CLAY</v>
      </c>
      <c r="Q1139" s="236">
        <f t="shared" si="264"/>
        <v>18.933054890547886</v>
      </c>
      <c r="R1139" s="238">
        <v>35</v>
      </c>
      <c r="S1139" s="236">
        <f t="shared" si="269"/>
        <v>1.3117643182481078</v>
      </c>
      <c r="T1139" s="236" t="e">
        <f t="shared" si="255"/>
        <v>#N/A</v>
      </c>
    </row>
    <row r="1140" spans="1:20" x14ac:dyDescent="0.2">
      <c r="A1140" s="53">
        <f t="shared" si="256"/>
        <v>1128</v>
      </c>
      <c r="B1140" s="239">
        <v>11.191000000000001</v>
      </c>
      <c r="C1140" s="3">
        <f t="shared" si="257"/>
        <v>11.184000000000001</v>
      </c>
      <c r="D1140" s="239">
        <v>0.33310000000000001</v>
      </c>
      <c r="E1140" s="239">
        <v>8.6E-3</v>
      </c>
      <c r="F1140" s="239">
        <v>0.33789999999999998</v>
      </c>
      <c r="G1140">
        <f t="shared" si="258"/>
        <v>0.40067999999999998</v>
      </c>
      <c r="H1140" s="235">
        <f t="shared" si="259"/>
        <v>2.1463512029549765</v>
      </c>
      <c r="I1140" s="236">
        <f t="shared" si="260"/>
        <v>15.410106771331915</v>
      </c>
      <c r="J1140" s="237">
        <f t="shared" si="265"/>
        <v>5.4101067713319146</v>
      </c>
      <c r="K1140" s="237">
        <f t="shared" si="261"/>
        <v>172.34663413057615</v>
      </c>
      <c r="L1140" s="237">
        <f t="shared" si="266"/>
        <v>60.544504877975463</v>
      </c>
      <c r="M1140" s="236">
        <f t="shared" si="262"/>
        <v>3.7713309627292975</v>
      </c>
      <c r="N1140" s="236">
        <f t="shared" si="263"/>
        <v>3.766422820972231</v>
      </c>
      <c r="O1140" s="236">
        <f t="shared" si="267"/>
        <v>3.4055446647158143</v>
      </c>
      <c r="P1140" s="236" t="str">
        <f t="shared" si="268"/>
        <v>CLAY</v>
      </c>
      <c r="Q1140" s="236">
        <f t="shared" si="264"/>
        <v>19.027780489118655</v>
      </c>
      <c r="R1140" s="238">
        <v>35</v>
      </c>
      <c r="S1140" s="236">
        <f t="shared" si="269"/>
        <v>1.3138879119113605</v>
      </c>
      <c r="T1140" s="236" t="e">
        <f t="shared" si="255"/>
        <v>#N/A</v>
      </c>
    </row>
    <row r="1141" spans="1:20" x14ac:dyDescent="0.2">
      <c r="A1141" s="53">
        <f t="shared" si="256"/>
        <v>1129</v>
      </c>
      <c r="B1141" s="239">
        <v>11.201000000000001</v>
      </c>
      <c r="C1141" s="3">
        <f t="shared" si="257"/>
        <v>11.194000000000001</v>
      </c>
      <c r="D1141" s="239">
        <v>0.33529999999999999</v>
      </c>
      <c r="E1141" s="239">
        <v>8.6999999999999994E-3</v>
      </c>
      <c r="F1141" s="239">
        <v>0.34370000000000001</v>
      </c>
      <c r="G1141">
        <f t="shared" si="258"/>
        <v>0.40403999999999995</v>
      </c>
      <c r="H1141" s="235">
        <f t="shared" si="259"/>
        <v>2.1532521532521534</v>
      </c>
      <c r="I1141" s="236">
        <f t="shared" si="260"/>
        <v>15.426926962644899</v>
      </c>
      <c r="J1141" s="237">
        <f t="shared" si="265"/>
        <v>5.4269269626448988</v>
      </c>
      <c r="K1141" s="237">
        <f t="shared" si="261"/>
        <v>172.689020419847</v>
      </c>
      <c r="L1141" s="237">
        <f t="shared" si="266"/>
        <v>60.787008908585513</v>
      </c>
      <c r="M1141" s="236">
        <f t="shared" si="262"/>
        <v>3.8059280055722091</v>
      </c>
      <c r="N1141" s="236">
        <f t="shared" si="263"/>
        <v>3.7605200616779024</v>
      </c>
      <c r="O1141" s="236">
        <f t="shared" si="267"/>
        <v>3.401816159463491</v>
      </c>
      <c r="P1141" s="236" t="str">
        <f t="shared" si="268"/>
        <v>CLAY</v>
      </c>
      <c r="Q1141" s="236">
        <f t="shared" si="264"/>
        <v>19.279248298346079</v>
      </c>
      <c r="R1141" s="238">
        <v>35</v>
      </c>
      <c r="S1141" s="236">
        <f t="shared" si="269"/>
        <v>1.3289716593433289</v>
      </c>
      <c r="T1141" s="236" t="e">
        <f t="shared" si="255"/>
        <v>#N/A</v>
      </c>
    </row>
    <row r="1142" spans="1:20" x14ac:dyDescent="0.2">
      <c r="A1142" s="53">
        <f t="shared" si="256"/>
        <v>1130</v>
      </c>
      <c r="B1142" s="239">
        <v>11.211</v>
      </c>
      <c r="C1142" s="3">
        <f t="shared" si="257"/>
        <v>11.204000000000001</v>
      </c>
      <c r="D1142" s="239">
        <v>0.3397</v>
      </c>
      <c r="E1142" s="239">
        <v>8.5000000000000006E-3</v>
      </c>
      <c r="F1142" s="239">
        <v>0.34329999999999999</v>
      </c>
      <c r="G1142">
        <f t="shared" si="258"/>
        <v>0.40836</v>
      </c>
      <c r="H1142" s="235">
        <f t="shared" si="259"/>
        <v>2.081496718581644</v>
      </c>
      <c r="I1142" s="236">
        <f t="shared" si="260"/>
        <v>15.403813029440167</v>
      </c>
      <c r="J1142" s="237">
        <f t="shared" si="265"/>
        <v>5.4038130294401672</v>
      </c>
      <c r="K1142" s="237">
        <f t="shared" si="261"/>
        <v>172.58432118184766</v>
      </c>
      <c r="L1142" s="237">
        <f t="shared" si="266"/>
        <v>60.582147873053714</v>
      </c>
      <c r="M1142" s="236">
        <f t="shared" si="262"/>
        <v>3.8918342629945419</v>
      </c>
      <c r="N1142" s="236">
        <f t="shared" si="263"/>
        <v>3.6051216319711363</v>
      </c>
      <c r="O1142" s="236">
        <f t="shared" si="267"/>
        <v>3.3839260408745564</v>
      </c>
      <c r="P1142" s="236" t="str">
        <f t="shared" si="268"/>
        <v>CLAY</v>
      </c>
      <c r="Q1142" s="236">
        <f t="shared" si="264"/>
        <v>19.647973234846031</v>
      </c>
      <c r="R1142" s="238">
        <v>35</v>
      </c>
      <c r="S1142" s="236">
        <f t="shared" si="269"/>
        <v>1.3665732965716229</v>
      </c>
      <c r="T1142" s="236" t="e">
        <f t="shared" si="255"/>
        <v>#N/A</v>
      </c>
    </row>
    <row r="1143" spans="1:20" x14ac:dyDescent="0.2">
      <c r="A1143" s="53">
        <f t="shared" si="256"/>
        <v>1131</v>
      </c>
      <c r="B1143" s="239">
        <v>11.222</v>
      </c>
      <c r="C1143" s="3">
        <f t="shared" si="257"/>
        <v>11.215</v>
      </c>
      <c r="D1143" s="239">
        <v>0.34460000000000002</v>
      </c>
      <c r="E1143" s="239">
        <v>8.3000000000000001E-3</v>
      </c>
      <c r="F1143" s="239">
        <v>0.33839999999999998</v>
      </c>
      <c r="G1143">
        <f t="shared" si="258"/>
        <v>0.41227999999999998</v>
      </c>
      <c r="H1143" s="235">
        <f t="shared" si="259"/>
        <v>2.0131949160764528</v>
      </c>
      <c r="I1143" s="236">
        <f t="shared" si="260"/>
        <v>15.379626944434456</v>
      </c>
      <c r="J1143" s="237">
        <f t="shared" si="265"/>
        <v>5.379626944434456</v>
      </c>
      <c r="K1143" s="237">
        <f t="shared" si="261"/>
        <v>172.48251618183241</v>
      </c>
      <c r="L1143" s="237">
        <f t="shared" si="266"/>
        <v>60.370173570443463</v>
      </c>
      <c r="M1143" s="236">
        <f t="shared" si="262"/>
        <v>3.9721185087923887</v>
      </c>
      <c r="N1143" s="236">
        <f t="shared" si="263"/>
        <v>3.4612539997682727</v>
      </c>
      <c r="O1143" s="236">
        <f t="shared" si="267"/>
        <v>3.3671079501486889</v>
      </c>
      <c r="P1143" s="236" t="str">
        <f t="shared" si="268"/>
        <v>CLAY</v>
      </c>
      <c r="Q1143" s="236">
        <f t="shared" si="264"/>
        <v>19.983123651513964</v>
      </c>
      <c r="R1143" s="238">
        <v>35</v>
      </c>
      <c r="S1143" s="236">
        <f t="shared" si="269"/>
        <v>1.4019023225620648</v>
      </c>
      <c r="T1143" s="236" t="e">
        <f t="shared" si="255"/>
        <v>#N/A</v>
      </c>
    </row>
    <row r="1144" spans="1:20" x14ac:dyDescent="0.2">
      <c r="A1144" s="53">
        <f t="shared" si="256"/>
        <v>1132</v>
      </c>
      <c r="B1144" s="239">
        <v>11.231999999999999</v>
      </c>
      <c r="C1144" s="3">
        <f t="shared" si="257"/>
        <v>11.225</v>
      </c>
      <c r="D1144" s="239">
        <v>0.35310000000000002</v>
      </c>
      <c r="E1144" s="239">
        <v>8.3000000000000001E-3</v>
      </c>
      <c r="F1144" s="239">
        <v>0.33560000000000001</v>
      </c>
      <c r="G1144">
        <f t="shared" si="258"/>
        <v>0.42022000000000004</v>
      </c>
      <c r="H1144" s="235">
        <f t="shared" si="259"/>
        <v>1.975155870734377</v>
      </c>
      <c r="I1144" s="236">
        <f t="shared" si="260"/>
        <v>15.387082950379822</v>
      </c>
      <c r="J1144" s="237">
        <f t="shared" si="265"/>
        <v>5.3870829503798223</v>
      </c>
      <c r="K1144" s="237">
        <f t="shared" si="261"/>
        <v>172.72000611801349</v>
      </c>
      <c r="L1144" s="237">
        <f t="shared" si="266"/>
        <v>60.507715698666161</v>
      </c>
      <c r="M1144" s="236">
        <f t="shared" si="262"/>
        <v>4.090387333651111</v>
      </c>
      <c r="N1144" s="236">
        <f t="shared" si="263"/>
        <v>3.3535354364322223</v>
      </c>
      <c r="O1144" s="236">
        <f t="shared" si="267"/>
        <v>3.3490731432864607</v>
      </c>
      <c r="P1144" s="236" t="str">
        <f t="shared" si="268"/>
        <v>CLAY</v>
      </c>
      <c r="Q1144" s="236">
        <f t="shared" si="264"/>
        <v>20.624999490165546</v>
      </c>
      <c r="R1144" s="238">
        <v>35</v>
      </c>
      <c r="S1144" s="236">
        <f t="shared" si="269"/>
        <v>1.4542716979935764</v>
      </c>
      <c r="T1144" s="236" t="e">
        <f t="shared" si="255"/>
        <v>#N/A</v>
      </c>
    </row>
    <row r="1145" spans="1:20" x14ac:dyDescent="0.2">
      <c r="A1145" s="53">
        <f t="shared" si="256"/>
        <v>1133</v>
      </c>
      <c r="B1145" s="239">
        <v>11.242000000000001</v>
      </c>
      <c r="C1145" s="3">
        <f t="shared" si="257"/>
        <v>11.235000000000001</v>
      </c>
      <c r="D1145" s="239">
        <v>0.36349999999999999</v>
      </c>
      <c r="E1145" s="239">
        <v>8.0999999999999996E-3</v>
      </c>
      <c r="F1145" s="239">
        <v>0.33079999999999998</v>
      </c>
      <c r="G1145">
        <f t="shared" si="258"/>
        <v>0.42965999999999999</v>
      </c>
      <c r="H1145" s="235">
        <f t="shared" si="259"/>
        <v>1.8852115626309174</v>
      </c>
      <c r="I1145" s="236">
        <f t="shared" si="260"/>
        <v>15.367165037053896</v>
      </c>
      <c r="J1145" s="237">
        <f t="shared" si="265"/>
        <v>5.3671650370538959</v>
      </c>
      <c r="K1145" s="237">
        <f t="shared" si="261"/>
        <v>172.65009919130054</v>
      </c>
      <c r="L1145" s="237">
        <f t="shared" si="266"/>
        <v>60.337669346559906</v>
      </c>
      <c r="M1145" s="236">
        <f t="shared" si="262"/>
        <v>4.2595264880470989</v>
      </c>
      <c r="N1145" s="236">
        <f t="shared" si="263"/>
        <v>3.151629557660149</v>
      </c>
      <c r="O1145" s="236">
        <f t="shared" si="267"/>
        <v>3.3200287957557886</v>
      </c>
      <c r="P1145" s="236" t="str">
        <f t="shared" si="268"/>
        <v>CLAY</v>
      </c>
      <c r="Q1145" s="236">
        <f t="shared" si="264"/>
        <v>21.417491734058284</v>
      </c>
      <c r="R1145" s="238">
        <v>35</v>
      </c>
      <c r="S1145" s="236">
        <f t="shared" si="269"/>
        <v>1.5298246793960426</v>
      </c>
      <c r="T1145" s="236" t="e">
        <f t="shared" si="255"/>
        <v>#N/A</v>
      </c>
    </row>
    <row r="1146" spans="1:20" x14ac:dyDescent="0.2">
      <c r="A1146" s="53">
        <f t="shared" si="256"/>
        <v>1134</v>
      </c>
      <c r="B1146" s="239">
        <v>11.250999999999999</v>
      </c>
      <c r="C1146" s="3">
        <f t="shared" si="257"/>
        <v>11.244</v>
      </c>
      <c r="D1146" s="239">
        <v>0.37009999999999998</v>
      </c>
      <c r="E1146" s="239">
        <v>7.7999999999999996E-3</v>
      </c>
      <c r="F1146" s="239">
        <v>0.32129999999999997</v>
      </c>
      <c r="G1146">
        <f t="shared" si="258"/>
        <v>0.43435999999999997</v>
      </c>
      <c r="H1146" s="235">
        <f t="shared" si="259"/>
        <v>1.7957454645915831</v>
      </c>
      <c r="I1146" s="236">
        <f t="shared" si="260"/>
        <v>15.327163323656931</v>
      </c>
      <c r="J1146" s="237">
        <f t="shared" si="265"/>
        <v>5.3271633236569311</v>
      </c>
      <c r="K1146" s="237">
        <f t="shared" si="261"/>
        <v>172.33862441119854</v>
      </c>
      <c r="L1146" s="237">
        <f t="shared" si="266"/>
        <v>59.935914554464127</v>
      </c>
      <c r="M1146" s="236">
        <f t="shared" si="262"/>
        <v>4.3716922906165223</v>
      </c>
      <c r="N1146" s="236">
        <f t="shared" si="263"/>
        <v>2.9768563661923482</v>
      </c>
      <c r="O1146" s="236">
        <f t="shared" si="267"/>
        <v>3.2975808593402651</v>
      </c>
      <c r="P1146" s="236" t="str">
        <f t="shared" si="268"/>
        <v>CLAY</v>
      </c>
      <c r="Q1146" s="236">
        <f t="shared" si="264"/>
        <v>21.835114632400121</v>
      </c>
      <c r="R1146" s="238">
        <v>35</v>
      </c>
      <c r="S1146" s="236">
        <f t="shared" si="269"/>
        <v>1.580345306190982</v>
      </c>
      <c r="T1146" s="236" t="e">
        <f t="shared" si="255"/>
        <v>#N/A</v>
      </c>
    </row>
    <row r="1147" spans="1:20" x14ac:dyDescent="0.2">
      <c r="A1147" s="53">
        <f t="shared" si="256"/>
        <v>1135</v>
      </c>
      <c r="B1147" s="239">
        <v>11.260999999999999</v>
      </c>
      <c r="C1147" s="3">
        <f t="shared" si="257"/>
        <v>11.254</v>
      </c>
      <c r="D1147" s="239">
        <v>0.37469999999999998</v>
      </c>
      <c r="E1147" s="239">
        <v>7.7000000000000002E-3</v>
      </c>
      <c r="F1147" s="239">
        <v>0.318</v>
      </c>
      <c r="G1147">
        <f t="shared" si="258"/>
        <v>0.43829999999999997</v>
      </c>
      <c r="H1147" s="235">
        <f t="shared" si="259"/>
        <v>1.7567875884097652</v>
      </c>
      <c r="I1147" s="236">
        <f t="shared" si="260"/>
        <v>15.315562335936752</v>
      </c>
      <c r="J1147" s="237">
        <f t="shared" si="265"/>
        <v>5.3155623359367521</v>
      </c>
      <c r="K1147" s="237">
        <f t="shared" si="261"/>
        <v>172.36133852863219</v>
      </c>
      <c r="L1147" s="237">
        <f t="shared" si="266"/>
        <v>59.858547464983758</v>
      </c>
      <c r="M1147" s="236">
        <f t="shared" si="262"/>
        <v>4.4427850780531788</v>
      </c>
      <c r="N1147" s="236">
        <f t="shared" si="263"/>
        <v>2.8954045107236199</v>
      </c>
      <c r="O1147" s="236">
        <f t="shared" si="267"/>
        <v>3.2853881917168635</v>
      </c>
      <c r="P1147" s="236" t="str">
        <f t="shared" si="268"/>
        <v>CLAY</v>
      </c>
      <c r="Q1147" s="236">
        <f t="shared" si="264"/>
        <v>22.161555122613979</v>
      </c>
      <c r="R1147" s="238">
        <v>35</v>
      </c>
      <c r="S1147" s="236">
        <f t="shared" si="269"/>
        <v>1.6125349613508788</v>
      </c>
      <c r="T1147" s="236" t="e">
        <f t="shared" si="255"/>
        <v>#N/A</v>
      </c>
    </row>
    <row r="1148" spans="1:20" x14ac:dyDescent="0.2">
      <c r="A1148" s="53">
        <f t="shared" si="256"/>
        <v>1136</v>
      </c>
      <c r="B1148" s="239">
        <v>11.272</v>
      </c>
      <c r="C1148" s="3">
        <f t="shared" si="257"/>
        <v>11.265000000000001</v>
      </c>
      <c r="D1148" s="239">
        <v>0.38190000000000002</v>
      </c>
      <c r="E1148" s="239">
        <v>7.9000000000000008E-3</v>
      </c>
      <c r="F1148" s="239">
        <v>0.32019999999999998</v>
      </c>
      <c r="G1148">
        <f t="shared" si="258"/>
        <v>0.44594</v>
      </c>
      <c r="H1148" s="235">
        <f t="shared" si="259"/>
        <v>1.7715387720321121</v>
      </c>
      <c r="I1148" s="236">
        <f t="shared" si="260"/>
        <v>15.352384987430373</v>
      </c>
      <c r="J1148" s="237">
        <f t="shared" si="265"/>
        <v>5.3523849874303728</v>
      </c>
      <c r="K1148" s="237">
        <f t="shared" si="261"/>
        <v>172.94461688340317</v>
      </c>
      <c r="L1148" s="237">
        <f t="shared" si="266"/>
        <v>60.332083578315164</v>
      </c>
      <c r="M1148" s="236">
        <f t="shared" si="262"/>
        <v>4.5248790846454057</v>
      </c>
      <c r="N1148" s="236">
        <f t="shared" si="263"/>
        <v>2.8938218331062018</v>
      </c>
      <c r="O1148" s="236">
        <f t="shared" si="267"/>
        <v>3.278437959983231</v>
      </c>
      <c r="P1148" s="236" t="str">
        <f t="shared" si="268"/>
        <v>CLAY</v>
      </c>
      <c r="Q1148" s="236">
        <f t="shared" si="264"/>
        <v>22.749615259716403</v>
      </c>
      <c r="R1148" s="238">
        <v>35</v>
      </c>
      <c r="S1148" s="236">
        <f t="shared" si="269"/>
        <v>1.6498662233071262</v>
      </c>
      <c r="T1148" s="236" t="e">
        <f t="shared" si="255"/>
        <v>#N/A</v>
      </c>
    </row>
    <row r="1149" spans="1:20" x14ac:dyDescent="0.2">
      <c r="A1149" s="53">
        <f t="shared" si="256"/>
        <v>1137</v>
      </c>
      <c r="B1149" s="239">
        <v>11.281000000000001</v>
      </c>
      <c r="C1149" s="3">
        <f t="shared" si="257"/>
        <v>11.274000000000001</v>
      </c>
      <c r="D1149" s="239">
        <v>0.3861</v>
      </c>
      <c r="E1149" s="239">
        <v>8.0000000000000002E-3</v>
      </c>
      <c r="F1149" s="239">
        <v>0.32040000000000002</v>
      </c>
      <c r="G1149">
        <f t="shared" si="258"/>
        <v>0.45017999999999997</v>
      </c>
      <c r="H1149" s="235">
        <f t="shared" si="259"/>
        <v>1.7770669509973789</v>
      </c>
      <c r="I1149" s="236">
        <f t="shared" si="260"/>
        <v>15.370833596411162</v>
      </c>
      <c r="J1149" s="237">
        <f t="shared" si="265"/>
        <v>5.3708335964111615</v>
      </c>
      <c r="K1149" s="237">
        <f t="shared" si="261"/>
        <v>173.29077796593944</v>
      </c>
      <c r="L1149" s="237">
        <f t="shared" si="266"/>
        <v>60.588373801114315</v>
      </c>
      <c r="M1149" s="236">
        <f t="shared" si="262"/>
        <v>4.5700058387929214</v>
      </c>
      <c r="N1149" s="236">
        <f t="shared" si="263"/>
        <v>2.8892421096173653</v>
      </c>
      <c r="O1149" s="236">
        <f t="shared" si="267"/>
        <v>3.2743858177364999</v>
      </c>
      <c r="P1149" s="236" t="str">
        <f t="shared" si="268"/>
        <v>CLAY</v>
      </c>
      <c r="Q1149" s="236">
        <f t="shared" si="264"/>
        <v>23.074101836171707</v>
      </c>
      <c r="R1149" s="238">
        <v>35</v>
      </c>
      <c r="S1149" s="236">
        <f t="shared" si="269"/>
        <v>1.6704595063030125</v>
      </c>
      <c r="T1149" s="236" t="e">
        <f t="shared" si="255"/>
        <v>#N/A</v>
      </c>
    </row>
    <row r="1150" spans="1:20" x14ac:dyDescent="0.2">
      <c r="A1150" s="53">
        <f t="shared" si="256"/>
        <v>1138</v>
      </c>
      <c r="B1150" s="239">
        <v>11.291</v>
      </c>
      <c r="C1150" s="3">
        <f t="shared" si="257"/>
        <v>11.284000000000001</v>
      </c>
      <c r="D1150" s="239">
        <v>0.38890000000000002</v>
      </c>
      <c r="E1150" s="239">
        <v>8.0000000000000002E-3</v>
      </c>
      <c r="F1150" s="239">
        <v>0.31580000000000003</v>
      </c>
      <c r="G1150">
        <f t="shared" si="258"/>
        <v>0.45206000000000002</v>
      </c>
      <c r="H1150" s="235">
        <f t="shared" si="259"/>
        <v>1.7696765916028847</v>
      </c>
      <c r="I1150" s="236">
        <f t="shared" si="260"/>
        <v>15.372462491886594</v>
      </c>
      <c r="J1150" s="237">
        <f t="shared" si="265"/>
        <v>5.3724624918865942</v>
      </c>
      <c r="K1150" s="237">
        <f t="shared" si="261"/>
        <v>173.46286675844834</v>
      </c>
      <c r="L1150" s="237">
        <f t="shared" si="266"/>
        <v>60.660473995891536</v>
      </c>
      <c r="M1150" s="236">
        <f t="shared" si="262"/>
        <v>4.5927292500289516</v>
      </c>
      <c r="N1150" s="236">
        <f t="shared" si="263"/>
        <v>2.8715299066138527</v>
      </c>
      <c r="O1150" s="236">
        <f t="shared" si="267"/>
        <v>3.2711665413585234</v>
      </c>
      <c r="P1150" s="236" t="str">
        <f t="shared" si="268"/>
        <v>CLAY</v>
      </c>
      <c r="Q1150" s="236">
        <f t="shared" si="264"/>
        <v>23.216427770129304</v>
      </c>
      <c r="R1150" s="238">
        <v>35</v>
      </c>
      <c r="S1150" s="236">
        <f t="shared" si="269"/>
        <v>1.680848470512263</v>
      </c>
      <c r="T1150" s="236" t="e">
        <f t="shared" si="255"/>
        <v>#N/A</v>
      </c>
    </row>
    <row r="1151" spans="1:20" x14ac:dyDescent="0.2">
      <c r="A1151" s="53">
        <f t="shared" si="256"/>
        <v>1139</v>
      </c>
      <c r="B1151" s="239">
        <v>11.302</v>
      </c>
      <c r="C1151" s="3">
        <f t="shared" si="257"/>
        <v>11.295</v>
      </c>
      <c r="D1151" s="239">
        <v>0.38940000000000002</v>
      </c>
      <c r="E1151" s="239">
        <v>8.2000000000000007E-3</v>
      </c>
      <c r="F1151" s="239">
        <v>0.31459999999999999</v>
      </c>
      <c r="G1151">
        <f t="shared" si="258"/>
        <v>0.45232</v>
      </c>
      <c r="H1151" s="235">
        <f t="shared" si="259"/>
        <v>1.8128758401131941</v>
      </c>
      <c r="I1151" s="236">
        <f t="shared" si="260"/>
        <v>15.401641667849422</v>
      </c>
      <c r="J1151" s="237">
        <f t="shared" si="265"/>
        <v>5.4016416678494217</v>
      </c>
      <c r="K1151" s="237">
        <f t="shared" si="261"/>
        <v>173.96154263835922</v>
      </c>
      <c r="L1151" s="237">
        <f t="shared" si="266"/>
        <v>61.04935413003416</v>
      </c>
      <c r="M1151" s="236">
        <f t="shared" si="262"/>
        <v>4.5595643283750658</v>
      </c>
      <c r="N1151" s="236">
        <f t="shared" si="263"/>
        <v>2.945841875156908</v>
      </c>
      <c r="O1151" s="236">
        <f t="shared" si="267"/>
        <v>3.2795701624384503</v>
      </c>
      <c r="P1151" s="236" t="str">
        <f t="shared" si="268"/>
        <v>CLAY</v>
      </c>
      <c r="Q1151" s="236">
        <f t="shared" si="264"/>
        <v>23.196538113470066</v>
      </c>
      <c r="R1151" s="238">
        <v>35</v>
      </c>
      <c r="S1151" s="236">
        <f t="shared" si="269"/>
        <v>1.6656900550557043</v>
      </c>
      <c r="T1151" s="236" t="e">
        <f t="shared" si="255"/>
        <v>#N/A</v>
      </c>
    </row>
    <row r="1152" spans="1:20" x14ac:dyDescent="0.2">
      <c r="A1152" s="53">
        <f t="shared" si="256"/>
        <v>1140</v>
      </c>
      <c r="B1152" s="239">
        <v>11.311</v>
      </c>
      <c r="C1152" s="3">
        <f t="shared" si="257"/>
        <v>11.304</v>
      </c>
      <c r="D1152" s="239">
        <v>0.3921</v>
      </c>
      <c r="E1152" s="239">
        <v>8.6E-3</v>
      </c>
      <c r="F1152" s="239">
        <v>0.31659999999999999</v>
      </c>
      <c r="G1152">
        <f t="shared" si="258"/>
        <v>0.45541999999999999</v>
      </c>
      <c r="H1152" s="235">
        <f t="shared" si="259"/>
        <v>1.8883667823108339</v>
      </c>
      <c r="I1152" s="236">
        <f t="shared" si="260"/>
        <v>15.460159761804203</v>
      </c>
      <c r="J1152" s="237">
        <f t="shared" si="265"/>
        <v>5.4601597618042028</v>
      </c>
      <c r="K1152" s="237">
        <f t="shared" si="261"/>
        <v>174.76164594743472</v>
      </c>
      <c r="L1152" s="237">
        <f t="shared" si="266"/>
        <v>61.759867065767338</v>
      </c>
      <c r="M1152" s="236">
        <f t="shared" si="262"/>
        <v>4.5443484156741398</v>
      </c>
      <c r="N1152" s="236">
        <f t="shared" si="263"/>
        <v>3.0642237709372728</v>
      </c>
      <c r="O1152" s="236">
        <f t="shared" si="267"/>
        <v>3.2896573456601521</v>
      </c>
      <c r="P1152" s="236" t="str">
        <f t="shared" si="268"/>
        <v>CLAY</v>
      </c>
      <c r="Q1152" s="236">
        <f t="shared" si="264"/>
        <v>23.38819617104711</v>
      </c>
      <c r="R1152" s="238">
        <v>35</v>
      </c>
      <c r="S1152" s="236">
        <f t="shared" si="269"/>
        <v>1.658744651030629</v>
      </c>
      <c r="T1152" s="236" t="e">
        <f t="shared" si="255"/>
        <v>#N/A</v>
      </c>
    </row>
    <row r="1153" spans="1:20" x14ac:dyDescent="0.2">
      <c r="A1153" s="53">
        <f t="shared" si="256"/>
        <v>1141</v>
      </c>
      <c r="B1153" s="239">
        <v>11.321</v>
      </c>
      <c r="C1153" s="3">
        <f t="shared" si="257"/>
        <v>11.314</v>
      </c>
      <c r="D1153" s="239">
        <v>0.39439999999999997</v>
      </c>
      <c r="E1153" s="239">
        <v>8.8000000000000005E-3</v>
      </c>
      <c r="F1153" s="239">
        <v>0.31950000000000001</v>
      </c>
      <c r="G1153">
        <f t="shared" si="258"/>
        <v>0.45829999999999993</v>
      </c>
      <c r="H1153" s="235">
        <f t="shared" si="259"/>
        <v>1.9201396465197473</v>
      </c>
      <c r="I1153" s="236">
        <f t="shared" si="260"/>
        <v>15.48958114070825</v>
      </c>
      <c r="J1153" s="237">
        <f t="shared" si="265"/>
        <v>5.4895811407082498</v>
      </c>
      <c r="K1153" s="237">
        <f t="shared" si="261"/>
        <v>175.24912102597312</v>
      </c>
      <c r="L1153" s="237">
        <f t="shared" si="266"/>
        <v>62.147548093958093</v>
      </c>
      <c r="M1153" s="236">
        <f t="shared" si="262"/>
        <v>4.5544979271924753</v>
      </c>
      <c r="N1153" s="236">
        <f t="shared" si="263"/>
        <v>3.1089816897574449</v>
      </c>
      <c r="O1153" s="236">
        <f t="shared" si="267"/>
        <v>3.2921008109472871</v>
      </c>
      <c r="P1153" s="236" t="str">
        <f t="shared" si="268"/>
        <v>CLAY</v>
      </c>
      <c r="Q1153" s="236">
        <f t="shared" si="264"/>
        <v>23.587573247835568</v>
      </c>
      <c r="R1153" s="238">
        <v>35</v>
      </c>
      <c r="S1153" s="236">
        <f t="shared" si="269"/>
        <v>1.6633768182555706</v>
      </c>
      <c r="T1153" s="236" t="e">
        <f t="shared" si="255"/>
        <v>#N/A</v>
      </c>
    </row>
    <row r="1154" spans="1:20" x14ac:dyDescent="0.2">
      <c r="A1154" s="53">
        <f t="shared" si="256"/>
        <v>1142</v>
      </c>
      <c r="B1154" s="239">
        <v>11.332000000000001</v>
      </c>
      <c r="C1154" s="3">
        <f t="shared" si="257"/>
        <v>11.325000000000001</v>
      </c>
      <c r="D1154" s="239">
        <v>0.39229999999999998</v>
      </c>
      <c r="E1154" s="239">
        <v>8.9999999999999993E-3</v>
      </c>
      <c r="F1154" s="239">
        <v>0.31890000000000002</v>
      </c>
      <c r="G1154">
        <f t="shared" si="258"/>
        <v>0.45607999999999999</v>
      </c>
      <c r="H1154" s="235">
        <f t="shared" si="259"/>
        <v>1.9733380108752849</v>
      </c>
      <c r="I1154" s="236">
        <f t="shared" si="260"/>
        <v>15.514034755065131</v>
      </c>
      <c r="J1154" s="237">
        <f t="shared" si="265"/>
        <v>5.514034755065131</v>
      </c>
      <c r="K1154" s="237">
        <f t="shared" si="261"/>
        <v>175.69644360111263</v>
      </c>
      <c r="L1154" s="237">
        <f t="shared" si="266"/>
        <v>62.485041844398069</v>
      </c>
      <c r="M1154" s="236">
        <f t="shared" si="262"/>
        <v>4.4872108287469183</v>
      </c>
      <c r="N1154" s="236">
        <f t="shared" si="263"/>
        <v>3.2098886666506794</v>
      </c>
      <c r="O1154" s="236">
        <f t="shared" si="267"/>
        <v>3.3048485897971305</v>
      </c>
      <c r="P1154" s="236" t="str">
        <f t="shared" si="268"/>
        <v>CLAY</v>
      </c>
      <c r="Q1154" s="236">
        <f t="shared" si="264"/>
        <v>23.365296366573943</v>
      </c>
      <c r="R1154" s="238">
        <v>35</v>
      </c>
      <c r="S1154" s="236">
        <f t="shared" si="269"/>
        <v>1.6327158263393442</v>
      </c>
      <c r="T1154" s="236" t="e">
        <f t="shared" si="255"/>
        <v>#N/A</v>
      </c>
    </row>
    <row r="1155" spans="1:20" x14ac:dyDescent="0.2">
      <c r="A1155" s="53">
        <f t="shared" si="256"/>
        <v>1143</v>
      </c>
      <c r="B1155" s="239">
        <v>11.342000000000001</v>
      </c>
      <c r="C1155" s="3">
        <f t="shared" si="257"/>
        <v>11.335000000000001</v>
      </c>
      <c r="D1155" s="239">
        <v>0.39119999999999999</v>
      </c>
      <c r="E1155" s="239">
        <v>9.1000000000000004E-3</v>
      </c>
      <c r="F1155" s="239">
        <v>0.31759999999999999</v>
      </c>
      <c r="G1155">
        <f t="shared" si="258"/>
        <v>0.45471999999999996</v>
      </c>
      <c r="H1155" s="235">
        <f t="shared" si="259"/>
        <v>2.0012315270935965</v>
      </c>
      <c r="I1155" s="236">
        <f t="shared" si="260"/>
        <v>15.525824464272077</v>
      </c>
      <c r="J1155" s="237">
        <f t="shared" si="265"/>
        <v>5.5258244642720769</v>
      </c>
      <c r="K1155" s="237">
        <f t="shared" si="261"/>
        <v>175.985220302524</v>
      </c>
      <c r="L1155" s="237">
        <f t="shared" si="266"/>
        <v>62.673901073773898</v>
      </c>
      <c r="M1155" s="236">
        <f t="shared" si="262"/>
        <v>4.4473820030665596</v>
      </c>
      <c r="N1155" s="236">
        <f t="shared" si="263"/>
        <v>3.2647522529756277</v>
      </c>
      <c r="O1155" s="236">
        <f t="shared" si="267"/>
        <v>3.3119980683310639</v>
      </c>
      <c r="P1155" s="236" t="str">
        <f t="shared" si="268"/>
        <v>CLAY</v>
      </c>
      <c r="Q1155" s="236">
        <f t="shared" si="264"/>
        <v>23.227898308122999</v>
      </c>
      <c r="R1155" s="238">
        <v>35</v>
      </c>
      <c r="S1155" s="236">
        <f t="shared" si="269"/>
        <v>1.6146208322223823</v>
      </c>
      <c r="T1155" s="236" t="e">
        <f t="shared" si="255"/>
        <v>#N/A</v>
      </c>
    </row>
    <row r="1156" spans="1:20" x14ac:dyDescent="0.2">
      <c r="A1156" s="53">
        <f t="shared" si="256"/>
        <v>1144</v>
      </c>
      <c r="B1156" s="239">
        <v>11.352</v>
      </c>
      <c r="C1156" s="3">
        <f t="shared" si="257"/>
        <v>11.345000000000001</v>
      </c>
      <c r="D1156" s="239">
        <v>0.39100000000000001</v>
      </c>
      <c r="E1156" s="239">
        <v>8.9999999999999993E-3</v>
      </c>
      <c r="F1156" s="239">
        <v>0.31559999999999999</v>
      </c>
      <c r="G1156">
        <f t="shared" si="258"/>
        <v>0.45411999999999997</v>
      </c>
      <c r="H1156" s="235">
        <f t="shared" si="259"/>
        <v>1.9818550162952524</v>
      </c>
      <c r="I1156" s="236">
        <f t="shared" si="260"/>
        <v>15.512351396132562</v>
      </c>
      <c r="J1156" s="237">
        <f t="shared" si="265"/>
        <v>5.5123513961325621</v>
      </c>
      <c r="K1156" s="237">
        <f t="shared" si="261"/>
        <v>175.98762658912392</v>
      </c>
      <c r="L1156" s="237">
        <f t="shared" si="266"/>
        <v>62.576213048896847</v>
      </c>
      <c r="M1156" s="236">
        <f t="shared" si="262"/>
        <v>4.4446980707116985</v>
      </c>
      <c r="N1156" s="236">
        <f t="shared" si="263"/>
        <v>3.2358692695958085</v>
      </c>
      <c r="O1156" s="236">
        <f t="shared" si="267"/>
        <v>3.3102028686457863</v>
      </c>
      <c r="P1156" s="236" t="str">
        <f t="shared" si="268"/>
        <v>CLAY</v>
      </c>
      <c r="Q1156" s="236">
        <f t="shared" si="264"/>
        <v>23.177697784239669</v>
      </c>
      <c r="R1156" s="238">
        <v>35</v>
      </c>
      <c r="S1156" s="236">
        <f t="shared" si="269"/>
        <v>1.6134029229735125</v>
      </c>
      <c r="T1156" s="236" t="e">
        <f t="shared" si="255"/>
        <v>#N/A</v>
      </c>
    </row>
    <row r="1157" spans="1:20" x14ac:dyDescent="0.2">
      <c r="A1157" s="53">
        <f t="shared" si="256"/>
        <v>1145</v>
      </c>
      <c r="B1157" s="239">
        <v>11.362</v>
      </c>
      <c r="C1157" s="3">
        <f t="shared" si="257"/>
        <v>11.355</v>
      </c>
      <c r="D1157" s="239">
        <v>0.39150000000000001</v>
      </c>
      <c r="E1157" s="239">
        <v>9.1000000000000004E-3</v>
      </c>
      <c r="F1157" s="239">
        <v>0.3115</v>
      </c>
      <c r="G1157">
        <f t="shared" si="258"/>
        <v>0.45379999999999998</v>
      </c>
      <c r="H1157" s="235">
        <f t="shared" si="259"/>
        <v>2.005288673424416</v>
      </c>
      <c r="I1157" s="236">
        <f t="shared" si="260"/>
        <v>15.525032856043467</v>
      </c>
      <c r="J1157" s="237">
        <f t="shared" si="265"/>
        <v>5.5250328560434667</v>
      </c>
      <c r="K1157" s="237">
        <f t="shared" si="261"/>
        <v>176.28674808037357</v>
      </c>
      <c r="L1157" s="237">
        <f t="shared" si="266"/>
        <v>62.775423310365866</v>
      </c>
      <c r="M1157" s="236">
        <f t="shared" si="262"/>
        <v>4.4207308734117561</v>
      </c>
      <c r="N1157" s="236">
        <f t="shared" si="263"/>
        <v>3.2791226858728715</v>
      </c>
      <c r="O1157" s="236">
        <f t="shared" si="267"/>
        <v>3.3152207144623627</v>
      </c>
      <c r="P1157" s="236" t="str">
        <f t="shared" si="268"/>
        <v>CLAY</v>
      </c>
      <c r="Q1157" s="236">
        <f t="shared" si="264"/>
        <v>23.126104326635531</v>
      </c>
      <c r="R1157" s="238">
        <v>35</v>
      </c>
      <c r="S1157" s="236">
        <f t="shared" si="269"/>
        <v>1.6025352987549399</v>
      </c>
      <c r="T1157" s="236" t="e">
        <f t="shared" si="255"/>
        <v>#N/A</v>
      </c>
    </row>
    <row r="1158" spans="1:20" x14ac:dyDescent="0.2">
      <c r="A1158" s="53">
        <f t="shared" si="256"/>
        <v>1146</v>
      </c>
      <c r="B1158" s="239">
        <v>11.371</v>
      </c>
      <c r="C1158" s="3">
        <f t="shared" si="257"/>
        <v>11.364000000000001</v>
      </c>
      <c r="D1158" s="239">
        <v>0.3911</v>
      </c>
      <c r="E1158" s="239">
        <v>8.9999999999999993E-3</v>
      </c>
      <c r="F1158" s="239">
        <v>0.31140000000000001</v>
      </c>
      <c r="G1158">
        <f t="shared" si="258"/>
        <v>0.45338000000000001</v>
      </c>
      <c r="H1158" s="235">
        <f t="shared" si="259"/>
        <v>1.9850897701707175</v>
      </c>
      <c r="I1158" s="236">
        <f t="shared" si="260"/>
        <v>15.511713952189741</v>
      </c>
      <c r="J1158" s="237">
        <f t="shared" si="265"/>
        <v>5.5117139521897407</v>
      </c>
      <c r="K1158" s="237">
        <f t="shared" si="261"/>
        <v>176.27511735268422</v>
      </c>
      <c r="L1158" s="237">
        <f t="shared" si="266"/>
        <v>62.673699350349544</v>
      </c>
      <c r="M1158" s="236">
        <f t="shared" si="262"/>
        <v>4.4213902405582237</v>
      </c>
      <c r="N1158" s="236">
        <f t="shared" si="263"/>
        <v>3.2478677077136595</v>
      </c>
      <c r="O1158" s="236">
        <f t="shared" si="267"/>
        <v>3.3129896770512204</v>
      </c>
      <c r="P1158" s="236" t="str">
        <f t="shared" si="268"/>
        <v>CLAY</v>
      </c>
      <c r="Q1158" s="236">
        <f t="shared" si="264"/>
        <v>23.092073553942981</v>
      </c>
      <c r="R1158" s="238">
        <v>35</v>
      </c>
      <c r="S1158" s="236">
        <f t="shared" si="269"/>
        <v>1.6028340838588966</v>
      </c>
      <c r="T1158" s="236" t="e">
        <f t="shared" si="255"/>
        <v>#N/A</v>
      </c>
    </row>
    <row r="1159" spans="1:20" x14ac:dyDescent="0.2">
      <c r="A1159" s="53">
        <f t="shared" si="256"/>
        <v>1147</v>
      </c>
      <c r="B1159" s="239">
        <v>11.382</v>
      </c>
      <c r="C1159" s="3">
        <f t="shared" si="257"/>
        <v>11.375</v>
      </c>
      <c r="D1159" s="239">
        <v>0.3876</v>
      </c>
      <c r="E1159" s="239">
        <v>8.8999999999999999E-3</v>
      </c>
      <c r="F1159" s="239">
        <v>0.30819999999999997</v>
      </c>
      <c r="G1159">
        <f t="shared" si="258"/>
        <v>0.44923999999999997</v>
      </c>
      <c r="H1159" s="235">
        <f t="shared" si="259"/>
        <v>1.9811236755409138</v>
      </c>
      <c r="I1159" s="236">
        <f t="shared" si="260"/>
        <v>15.495026649039541</v>
      </c>
      <c r="J1159" s="237">
        <f t="shared" si="265"/>
        <v>5.4950266490395414</v>
      </c>
      <c r="K1159" s="237">
        <f t="shared" si="261"/>
        <v>176.25592813282478</v>
      </c>
      <c r="L1159" s="237">
        <f t="shared" si="266"/>
        <v>62.544393319368055</v>
      </c>
      <c r="M1159" s="236">
        <f t="shared" si="262"/>
        <v>4.3646449726236378</v>
      </c>
      <c r="N1159" s="236">
        <f t="shared" si="263"/>
        <v>3.2602634795228784</v>
      </c>
      <c r="O1159" s="236">
        <f t="shared" si="267"/>
        <v>3.3186373734082988</v>
      </c>
      <c r="P1159" s="236" t="str">
        <f t="shared" si="268"/>
        <v>CLAY</v>
      </c>
      <c r="Q1159" s="236">
        <f t="shared" si="264"/>
        <v>22.748672655597932</v>
      </c>
      <c r="R1159" s="238">
        <v>35</v>
      </c>
      <c r="S1159" s="236">
        <f t="shared" si="269"/>
        <v>1.5771614845513124</v>
      </c>
      <c r="T1159" s="236" t="e">
        <f t="shared" si="255"/>
        <v>#N/A</v>
      </c>
    </row>
    <row r="1160" spans="1:20" x14ac:dyDescent="0.2">
      <c r="A1160" s="53">
        <f t="shared" si="256"/>
        <v>1148</v>
      </c>
      <c r="B1160" s="239">
        <v>11.391999999999999</v>
      </c>
      <c r="C1160" s="3">
        <f t="shared" si="257"/>
        <v>11.385</v>
      </c>
      <c r="D1160" s="239">
        <v>0.38529999999999998</v>
      </c>
      <c r="E1160" s="239">
        <v>8.8999999999999999E-3</v>
      </c>
      <c r="F1160" s="239">
        <v>0.30249999999999999</v>
      </c>
      <c r="G1160">
        <f t="shared" si="258"/>
        <v>0.44579999999999997</v>
      </c>
      <c r="H1160" s="235">
        <f t="shared" si="259"/>
        <v>1.996410946612831</v>
      </c>
      <c r="I1160" s="236">
        <f t="shared" si="260"/>
        <v>15.492022130053549</v>
      </c>
      <c r="J1160" s="237">
        <f t="shared" si="265"/>
        <v>5.4920221300535488</v>
      </c>
      <c r="K1160" s="237">
        <f t="shared" si="261"/>
        <v>176.37667195065964</v>
      </c>
      <c r="L1160" s="237">
        <f t="shared" si="266"/>
        <v>62.565116105570027</v>
      </c>
      <c r="M1160" s="236">
        <f t="shared" si="262"/>
        <v>4.3062867108681697</v>
      </c>
      <c r="N1160" s="236">
        <f t="shared" si="263"/>
        <v>3.3033516675920942</v>
      </c>
      <c r="O1160" s="236">
        <f t="shared" si="267"/>
        <v>3.3266012622053394</v>
      </c>
      <c r="P1160" s="236" t="str">
        <f t="shared" si="268"/>
        <v>CLAY</v>
      </c>
      <c r="Q1160" s="236">
        <f t="shared" si="264"/>
        <v>22.451944004111692</v>
      </c>
      <c r="R1160" s="238">
        <v>35</v>
      </c>
      <c r="S1160" s="236">
        <f t="shared" si="269"/>
        <v>1.5508460408649529</v>
      </c>
      <c r="T1160" s="236" t="e">
        <f t="shared" si="255"/>
        <v>#N/A</v>
      </c>
    </row>
    <row r="1161" spans="1:20" x14ac:dyDescent="0.2">
      <c r="A1161" s="53">
        <f t="shared" si="256"/>
        <v>1149</v>
      </c>
      <c r="B1161" s="239">
        <v>11.401999999999999</v>
      </c>
      <c r="C1161" s="3">
        <f t="shared" si="257"/>
        <v>11.395</v>
      </c>
      <c r="D1161" s="239">
        <v>0.38350000000000001</v>
      </c>
      <c r="E1161" s="239">
        <v>9.1000000000000004E-3</v>
      </c>
      <c r="F1161" s="239">
        <v>0.30199999999999999</v>
      </c>
      <c r="G1161">
        <f t="shared" si="258"/>
        <v>0.44389999999999996</v>
      </c>
      <c r="H1161" s="235">
        <f t="shared" si="259"/>
        <v>2.0500112637981531</v>
      </c>
      <c r="I1161" s="236">
        <f t="shared" si="260"/>
        <v>15.516411444172268</v>
      </c>
      <c r="J1161" s="237">
        <f t="shared" si="265"/>
        <v>5.5164114441722685</v>
      </c>
      <c r="K1161" s="237">
        <f t="shared" si="261"/>
        <v>176.80950840634299</v>
      </c>
      <c r="L1161" s="237">
        <f t="shared" si="266"/>
        <v>62.898123286452204</v>
      </c>
      <c r="M1161" s="236">
        <f t="shared" si="262"/>
        <v>4.2463984239603914</v>
      </c>
      <c r="N1161" s="236">
        <f t="shared" si="263"/>
        <v>3.4070849717272789</v>
      </c>
      <c r="O1161" s="236">
        <f t="shared" si="267"/>
        <v>3.3388159832342046</v>
      </c>
      <c r="P1161" s="236" t="str">
        <f t="shared" si="268"/>
        <v>CLAY</v>
      </c>
      <c r="Q1161" s="236">
        <f t="shared" si="264"/>
        <v>22.257540966138084</v>
      </c>
      <c r="R1161" s="238">
        <v>35</v>
      </c>
      <c r="S1161" s="236">
        <f t="shared" si="269"/>
        <v>1.5239332108319126</v>
      </c>
      <c r="T1161" s="236" t="e">
        <f t="shared" si="255"/>
        <v>#N/A</v>
      </c>
    </row>
    <row r="1162" spans="1:20" x14ac:dyDescent="0.2">
      <c r="A1162" s="53">
        <f t="shared" si="256"/>
        <v>1150</v>
      </c>
      <c r="B1162" s="239">
        <v>11.412000000000001</v>
      </c>
      <c r="C1162" s="3">
        <f t="shared" si="257"/>
        <v>11.405000000000001</v>
      </c>
      <c r="D1162" s="239">
        <v>0.37569999999999998</v>
      </c>
      <c r="E1162" s="239">
        <v>9.2999999999999992E-3</v>
      </c>
      <c r="F1162" s="239">
        <v>0.30420000000000003</v>
      </c>
      <c r="G1162">
        <f t="shared" si="258"/>
        <v>0.43653999999999998</v>
      </c>
      <c r="H1162" s="235">
        <f t="shared" si="259"/>
        <v>2.1303889677921841</v>
      </c>
      <c r="I1162" s="236">
        <f t="shared" si="260"/>
        <v>15.535368655176091</v>
      </c>
      <c r="J1162" s="237">
        <f t="shared" si="265"/>
        <v>5.5353686551760912</v>
      </c>
      <c r="K1162" s="237">
        <f t="shared" si="261"/>
        <v>177.18087951228333</v>
      </c>
      <c r="L1162" s="237">
        <f t="shared" si="266"/>
        <v>63.169627092869554</v>
      </c>
      <c r="M1162" s="236">
        <f t="shared" si="262"/>
        <v>4.1057567128964809</v>
      </c>
      <c r="N1162" s="236">
        <f t="shared" si="263"/>
        <v>3.5857616969519492</v>
      </c>
      <c r="O1162" s="236">
        <f t="shared" si="267"/>
        <v>3.3629364509338324</v>
      </c>
      <c r="P1162" s="236" t="str">
        <f t="shared" si="268"/>
        <v>CLAY</v>
      </c>
      <c r="Q1162" s="236">
        <f t="shared" si="264"/>
        <v>21.613260040643052</v>
      </c>
      <c r="R1162" s="238">
        <v>35</v>
      </c>
      <c r="S1162" s="236">
        <f t="shared" si="269"/>
        <v>1.4611053238570295</v>
      </c>
      <c r="T1162" s="236" t="e">
        <f t="shared" si="255"/>
        <v>#N/A</v>
      </c>
    </row>
    <row r="1163" spans="1:20" x14ac:dyDescent="0.2">
      <c r="A1163" s="53">
        <f t="shared" si="256"/>
        <v>1151</v>
      </c>
      <c r="B1163" s="239">
        <v>11.422000000000001</v>
      </c>
      <c r="C1163" s="3">
        <f t="shared" si="257"/>
        <v>11.415000000000001</v>
      </c>
      <c r="D1163" s="239">
        <v>0.374</v>
      </c>
      <c r="E1163" s="239">
        <v>9.5999999999999992E-3</v>
      </c>
      <c r="F1163" s="239">
        <v>0.30809999999999998</v>
      </c>
      <c r="G1163">
        <f t="shared" si="258"/>
        <v>0.43562000000000001</v>
      </c>
      <c r="H1163" s="235">
        <f t="shared" si="259"/>
        <v>2.2037555667783848</v>
      </c>
      <c r="I1163" s="236">
        <f t="shared" si="260"/>
        <v>15.571772413205684</v>
      </c>
      <c r="J1163" s="237">
        <f t="shared" si="265"/>
        <v>5.5717724132056841</v>
      </c>
      <c r="K1163" s="237">
        <f t="shared" si="261"/>
        <v>177.75178209674289</v>
      </c>
      <c r="L1163" s="237">
        <f t="shared" si="266"/>
        <v>63.640784503635324</v>
      </c>
      <c r="M1163" s="236">
        <f t="shared" si="262"/>
        <v>4.0519333618291116</v>
      </c>
      <c r="N1163" s="236">
        <f t="shared" si="263"/>
        <v>3.7228317929437793</v>
      </c>
      <c r="O1163" s="236">
        <f t="shared" si="267"/>
        <v>3.3764189205008055</v>
      </c>
      <c r="P1163" s="236" t="str">
        <f t="shared" si="268"/>
        <v>CLAY</v>
      </c>
      <c r="Q1163" s="236">
        <f t="shared" si="264"/>
        <v>21.489018158604761</v>
      </c>
      <c r="R1163" s="238">
        <v>35</v>
      </c>
      <c r="S1163" s="236">
        <f t="shared" si="269"/>
        <v>1.437202210777317</v>
      </c>
      <c r="T1163" s="236" t="e">
        <f t="shared" si="255"/>
        <v>#N/A</v>
      </c>
    </row>
    <row r="1164" spans="1:20" x14ac:dyDescent="0.2">
      <c r="A1164" s="53">
        <f t="shared" si="256"/>
        <v>1152</v>
      </c>
      <c r="B1164" s="239">
        <v>11.430999999999999</v>
      </c>
      <c r="C1164" s="3">
        <f t="shared" si="257"/>
        <v>11.423999999999999</v>
      </c>
      <c r="D1164" s="239">
        <v>0.37790000000000001</v>
      </c>
      <c r="E1164" s="239">
        <v>9.5999999999999992E-3</v>
      </c>
      <c r="F1164" s="239">
        <v>0.30980000000000002</v>
      </c>
      <c r="G1164">
        <f t="shared" si="258"/>
        <v>0.43986000000000003</v>
      </c>
      <c r="H1164" s="235">
        <f t="shared" si="259"/>
        <v>2.1825126176510707</v>
      </c>
      <c r="I1164" s="236">
        <f t="shared" si="260"/>
        <v>15.575558406490078</v>
      </c>
      <c r="J1164" s="237">
        <f t="shared" si="265"/>
        <v>5.5755584064900781</v>
      </c>
      <c r="K1164" s="237">
        <f t="shared" si="261"/>
        <v>177.93517923574265</v>
      </c>
      <c r="L1164" s="237">
        <f t="shared" si="266"/>
        <v>63.734208144588081</v>
      </c>
      <c r="M1164" s="236">
        <f t="shared" si="262"/>
        <v>4.1096426611287296</v>
      </c>
      <c r="N1164" s="236">
        <f t="shared" si="263"/>
        <v>3.6651738357550991</v>
      </c>
      <c r="O1164" s="236">
        <f t="shared" si="267"/>
        <v>3.3676176599681886</v>
      </c>
      <c r="P1164" s="236" t="str">
        <f t="shared" si="268"/>
        <v>CLAY</v>
      </c>
      <c r="Q1164" s="236">
        <f t="shared" si="264"/>
        <v>21.827068397021446</v>
      </c>
      <c r="R1164" s="238">
        <v>35</v>
      </c>
      <c r="S1164" s="236">
        <f t="shared" si="269"/>
        <v>1.4628341316063871</v>
      </c>
      <c r="T1164" s="236" t="e">
        <f t="shared" si="255"/>
        <v>#N/A</v>
      </c>
    </row>
    <row r="1165" spans="1:20" x14ac:dyDescent="0.2">
      <c r="A1165" s="53">
        <f t="shared" si="256"/>
        <v>1153</v>
      </c>
      <c r="B1165" s="239">
        <v>11.441000000000001</v>
      </c>
      <c r="C1165" s="3">
        <f t="shared" si="257"/>
        <v>11.434000000000001</v>
      </c>
      <c r="D1165" s="239">
        <v>0.37769999999999998</v>
      </c>
      <c r="E1165" s="239">
        <v>9.7000000000000003E-3</v>
      </c>
      <c r="F1165" s="239">
        <v>0.31540000000000001</v>
      </c>
      <c r="G1165">
        <f t="shared" si="258"/>
        <v>0.44077999999999995</v>
      </c>
      <c r="H1165" s="235">
        <f t="shared" si="259"/>
        <v>2.2006443123553701</v>
      </c>
      <c r="I1165" s="236">
        <f t="shared" si="260"/>
        <v>15.588526429410198</v>
      </c>
      <c r="J1165" s="237">
        <f t="shared" si="265"/>
        <v>5.5885264294101979</v>
      </c>
      <c r="K1165" s="237">
        <f t="shared" si="261"/>
        <v>178.23921119387623</v>
      </c>
      <c r="L1165" s="237">
        <f t="shared" si="266"/>
        <v>63.938330878882077</v>
      </c>
      <c r="M1165" s="236">
        <f t="shared" si="262"/>
        <v>4.1061564353854161</v>
      </c>
      <c r="N1165" s="236">
        <f t="shared" si="263"/>
        <v>3.6946639964440262</v>
      </c>
      <c r="O1165" s="236">
        <f t="shared" si="267"/>
        <v>3.369775213666899</v>
      </c>
      <c r="P1165" s="236" t="str">
        <f t="shared" si="268"/>
        <v>CLAY</v>
      </c>
      <c r="Q1165" s="236">
        <f t="shared" si="264"/>
        <v>21.878399067176975</v>
      </c>
      <c r="R1165" s="238">
        <v>35</v>
      </c>
      <c r="S1165" s="236">
        <f t="shared" si="269"/>
        <v>1.4612831363179208</v>
      </c>
      <c r="T1165" s="236" t="e">
        <f t="shared" ref="T1165:T1228" si="270">IF(P1165="SAND",17.6+(11*LOG(M1165)),#N/A)</f>
        <v>#N/A</v>
      </c>
    </row>
    <row r="1166" spans="1:20" x14ac:dyDescent="0.2">
      <c r="A1166" s="53">
        <f t="shared" ref="A1166:A1229" si="271">$A1165+1</f>
        <v>1154</v>
      </c>
      <c r="B1166" s="239">
        <v>11.452</v>
      </c>
      <c r="C1166" s="3">
        <f t="shared" ref="C1166:C1229" si="272">MAX($B1166 - $B$13, 0.001)</f>
        <v>11.445</v>
      </c>
      <c r="D1166" s="239">
        <v>0.37959999999999999</v>
      </c>
      <c r="E1166" s="239">
        <v>9.5999999999999992E-3</v>
      </c>
      <c r="F1166" s="239">
        <v>0.3145</v>
      </c>
      <c r="G1166">
        <f t="shared" si="258"/>
        <v>0.4425</v>
      </c>
      <c r="H1166" s="235">
        <f t="shared" si="259"/>
        <v>2.1694915254237288</v>
      </c>
      <c r="I1166" s="236">
        <f t="shared" si="260"/>
        <v>15.577897331119781</v>
      </c>
      <c r="J1166" s="237">
        <f t="shared" si="265"/>
        <v>5.5778973311197806</v>
      </c>
      <c r="K1166" s="237">
        <f t="shared" si="261"/>
        <v>178.28903495466588</v>
      </c>
      <c r="L1166" s="237">
        <f t="shared" si="266"/>
        <v>63.878080235983724</v>
      </c>
      <c r="M1166" s="236">
        <f t="shared" si="262"/>
        <v>4.136175728344746</v>
      </c>
      <c r="N1166" s="236">
        <f t="shared" si="263"/>
        <v>3.6334601019881232</v>
      </c>
      <c r="O1166" s="236">
        <f t="shared" si="267"/>
        <v>3.3632481445849285</v>
      </c>
      <c r="P1166" s="236" t="str">
        <f t="shared" si="268"/>
        <v>CLAY</v>
      </c>
      <c r="Q1166" s="236">
        <f t="shared" si="264"/>
        <v>22.017580420444506</v>
      </c>
      <c r="R1166" s="238">
        <v>35</v>
      </c>
      <c r="S1166" s="236">
        <f t="shared" si="269"/>
        <v>1.4746492555219202</v>
      </c>
      <c r="T1166" s="236" t="e">
        <f t="shared" si="270"/>
        <v>#N/A</v>
      </c>
    </row>
    <row r="1167" spans="1:20" x14ac:dyDescent="0.2">
      <c r="A1167" s="53">
        <f t="shared" si="271"/>
        <v>1155</v>
      </c>
      <c r="B1167" s="239">
        <v>11.461</v>
      </c>
      <c r="C1167" s="3">
        <f t="shared" si="272"/>
        <v>11.454000000000001</v>
      </c>
      <c r="D1167" s="239">
        <v>0.38</v>
      </c>
      <c r="E1167" s="239">
        <v>9.4999999999999998E-3</v>
      </c>
      <c r="F1167" s="239">
        <v>0.31419999999999998</v>
      </c>
      <c r="G1167">
        <f t="shared" ref="G1167:G1230" si="273">$D1167+($F1167*(1-$P$8))</f>
        <v>0.44284000000000001</v>
      </c>
      <c r="H1167" s="235">
        <f t="shared" ref="H1167:H1230" si="274">($E1167/$G1167)*100</f>
        <v>2.1452443320386596</v>
      </c>
      <c r="I1167" s="236">
        <f t="shared" ref="I1167:I1230" si="275">((0.27*(LOG($H1167)))+(0.36*(LOG(($G1167*1000)/101)))+1.236)*10</f>
        <v>15.56591894654817</v>
      </c>
      <c r="J1167" s="237">
        <f t="shared" si="265"/>
        <v>5.5659189465481695</v>
      </c>
      <c r="K1167" s="237">
        <f t="shared" ref="K1167:K1230" si="276">$I1167*$C1167</f>
        <v>178.29203561376275</v>
      </c>
      <c r="L1167" s="237">
        <f t="shared" si="266"/>
        <v>63.790997046388576</v>
      </c>
      <c r="M1167" s="236">
        <f t="shared" ref="M1167:M1230" si="277">(($G1167*1000)-$K1167)/$L1167</f>
        <v>4.1471050247711121</v>
      </c>
      <c r="N1167" s="236">
        <f t="shared" ref="N1167:N1230" si="278">(($E1167*1000)/(($G1167*1000)-$K1167))*100</f>
        <v>3.5910312226519725</v>
      </c>
      <c r="O1167" s="236">
        <f t="shared" si="267"/>
        <v>3.3595775824635852</v>
      </c>
      <c r="P1167" s="236" t="str">
        <f t="shared" si="268"/>
        <v>CLAY</v>
      </c>
      <c r="Q1167" s="236">
        <f t="shared" ref="Q1167:Q1230" si="279">IF(P1167="CLAY",($G1167*1000 -$K1167)/$L$8,#N/A)</f>
        <v>22.045663698853105</v>
      </c>
      <c r="R1167" s="238">
        <v>35</v>
      </c>
      <c r="S1167" s="236">
        <f t="shared" si="269"/>
        <v>1.4795215698663029</v>
      </c>
      <c r="T1167" s="236" t="e">
        <f t="shared" si="270"/>
        <v>#N/A</v>
      </c>
    </row>
    <row r="1168" spans="1:20" x14ac:dyDescent="0.2">
      <c r="A1168" s="53">
        <f t="shared" si="271"/>
        <v>1156</v>
      </c>
      <c r="B1168" s="239">
        <v>11.472</v>
      </c>
      <c r="C1168" s="3">
        <f t="shared" si="272"/>
        <v>11.465</v>
      </c>
      <c r="D1168" s="239">
        <v>0.38019999999999998</v>
      </c>
      <c r="E1168" s="239">
        <v>9.4000000000000004E-3</v>
      </c>
      <c r="F1168" s="239">
        <v>0.31609999999999999</v>
      </c>
      <c r="G1168">
        <f t="shared" si="273"/>
        <v>0.44341999999999998</v>
      </c>
      <c r="H1168" s="235">
        <f t="shared" si="274"/>
        <v>2.1198863380091115</v>
      </c>
      <c r="I1168" s="236">
        <f t="shared" si="275"/>
        <v>15.554022008962548</v>
      </c>
      <c r="J1168" s="237">
        <f t="shared" ref="J1168:J1231" si="280">$I1168-10</f>
        <v>5.5540220089625478</v>
      </c>
      <c r="K1168" s="237">
        <f t="shared" si="276"/>
        <v>178.32686233275561</v>
      </c>
      <c r="L1168" s="237">
        <f t="shared" ref="L1168:L1231" si="281">$J1168*$B1168</f>
        <v>63.715740486818348</v>
      </c>
      <c r="M1168" s="236">
        <f t="shared" si="277"/>
        <v>4.1605596300350216</v>
      </c>
      <c r="N1168" s="236">
        <f t="shared" si="278"/>
        <v>3.5459235507632267</v>
      </c>
      <c r="O1168" s="236">
        <f t="shared" ref="O1168:O1231" si="282">((3.47-LOG($M1168))^2+(LOG($N1168)+1.22)^2)^0.5</f>
        <v>3.3554847304477815</v>
      </c>
      <c r="P1168" s="236" t="str">
        <f t="shared" ref="P1168:P1231" si="283">IF(O1168&lt;2.6,"SAND","CLAY")</f>
        <v>CLAY</v>
      </c>
      <c r="Q1168" s="236">
        <f t="shared" si="279"/>
        <v>22.091094805603699</v>
      </c>
      <c r="R1168" s="238">
        <v>35</v>
      </c>
      <c r="S1168" s="236">
        <f t="shared" ref="S1168:S1231" si="284">IF(P1168="SAND",#N/A,0.25*($M1168)^1.25)</f>
        <v>1.4855240839451151</v>
      </c>
      <c r="T1168" s="236" t="e">
        <f t="shared" si="270"/>
        <v>#N/A</v>
      </c>
    </row>
    <row r="1169" spans="1:20" x14ac:dyDescent="0.2">
      <c r="A1169" s="53">
        <f t="shared" si="271"/>
        <v>1157</v>
      </c>
      <c r="B1169" s="239">
        <v>11.481999999999999</v>
      </c>
      <c r="C1169" s="3">
        <f t="shared" si="272"/>
        <v>11.475</v>
      </c>
      <c r="D1169" s="239">
        <v>0.38080000000000003</v>
      </c>
      <c r="E1169" s="239">
        <v>9.2999999999999992E-3</v>
      </c>
      <c r="F1169" s="239">
        <v>0.31309999999999999</v>
      </c>
      <c r="G1169">
        <f t="shared" si="273"/>
        <v>0.44342000000000004</v>
      </c>
      <c r="H1169" s="235">
        <f t="shared" si="274"/>
        <v>2.0973343556898647</v>
      </c>
      <c r="I1169" s="236">
        <f t="shared" si="275"/>
        <v>15.541480765338987</v>
      </c>
      <c r="J1169" s="237">
        <f t="shared" si="280"/>
        <v>5.5414807653389868</v>
      </c>
      <c r="K1169" s="237">
        <f t="shared" si="276"/>
        <v>178.33849178226487</v>
      </c>
      <c r="L1169" s="237">
        <f t="shared" si="281"/>
        <v>63.627282147622246</v>
      </c>
      <c r="M1169" s="236">
        <f t="shared" si="277"/>
        <v>4.1661611068459141</v>
      </c>
      <c r="N1169" s="236">
        <f t="shared" si="278"/>
        <v>3.5083548688583273</v>
      </c>
      <c r="O1169" s="236">
        <f t="shared" si="282"/>
        <v>3.352550513743251</v>
      </c>
      <c r="P1169" s="236" t="str">
        <f t="shared" si="283"/>
        <v>CLAY</v>
      </c>
      <c r="Q1169" s="236">
        <f t="shared" si="279"/>
        <v>22.090125684811266</v>
      </c>
      <c r="R1169" s="238">
        <v>35</v>
      </c>
      <c r="S1169" s="236">
        <f t="shared" si="284"/>
        <v>1.4880245073700948</v>
      </c>
      <c r="T1169" s="236" t="e">
        <f t="shared" si="270"/>
        <v>#N/A</v>
      </c>
    </row>
    <row r="1170" spans="1:20" x14ac:dyDescent="0.2">
      <c r="A1170" s="53">
        <f t="shared" si="271"/>
        <v>1158</v>
      </c>
      <c r="B1170" s="239">
        <v>11.492000000000001</v>
      </c>
      <c r="C1170" s="3">
        <f t="shared" si="272"/>
        <v>11.485000000000001</v>
      </c>
      <c r="D1170" s="239">
        <v>0.37930000000000003</v>
      </c>
      <c r="E1170" s="239">
        <v>9.1000000000000004E-3</v>
      </c>
      <c r="F1170" s="239">
        <v>0.309</v>
      </c>
      <c r="G1170">
        <f t="shared" si="273"/>
        <v>0.44109999999999999</v>
      </c>
      <c r="H1170" s="235">
        <f t="shared" si="274"/>
        <v>2.0630242575379731</v>
      </c>
      <c r="I1170" s="236">
        <f t="shared" si="275"/>
        <v>15.513938165650005</v>
      </c>
      <c r="J1170" s="237">
        <f t="shared" si="280"/>
        <v>5.5139381656500053</v>
      </c>
      <c r="K1170" s="237">
        <f t="shared" si="276"/>
        <v>178.17757983249032</v>
      </c>
      <c r="L1170" s="237">
        <f t="shared" si="281"/>
        <v>63.366177399649864</v>
      </c>
      <c r="M1170" s="236">
        <f t="shared" si="277"/>
        <v>4.1492548699799343</v>
      </c>
      <c r="N1170" s="236">
        <f t="shared" si="278"/>
        <v>3.4610970012379805</v>
      </c>
      <c r="O1170" s="236">
        <f t="shared" si="282"/>
        <v>3.350956217574856</v>
      </c>
      <c r="P1170" s="236" t="str">
        <f t="shared" si="283"/>
        <v>CLAY</v>
      </c>
      <c r="Q1170" s="236">
        <f t="shared" si="279"/>
        <v>21.910201680625804</v>
      </c>
      <c r="R1170" s="238">
        <v>35</v>
      </c>
      <c r="S1170" s="236">
        <f t="shared" si="284"/>
        <v>1.4804803557010537</v>
      </c>
      <c r="T1170" s="236" t="e">
        <f t="shared" si="270"/>
        <v>#N/A</v>
      </c>
    </row>
    <row r="1171" spans="1:20" x14ac:dyDescent="0.2">
      <c r="A1171" s="53">
        <f t="shared" si="271"/>
        <v>1159</v>
      </c>
      <c r="B1171" s="239">
        <v>11.503</v>
      </c>
      <c r="C1171" s="3">
        <f t="shared" si="272"/>
        <v>11.496</v>
      </c>
      <c r="D1171" s="239">
        <v>0.37769999999999998</v>
      </c>
      <c r="E1171" s="239">
        <v>8.9999999999999993E-3</v>
      </c>
      <c r="F1171" s="239">
        <v>0.30790000000000001</v>
      </c>
      <c r="G1171">
        <f t="shared" si="273"/>
        <v>0.43927999999999995</v>
      </c>
      <c r="H1171" s="235">
        <f t="shared" si="274"/>
        <v>2.0488071389546532</v>
      </c>
      <c r="I1171" s="236">
        <f t="shared" si="275"/>
        <v>15.499365117499853</v>
      </c>
      <c r="J1171" s="237">
        <f t="shared" si="280"/>
        <v>5.4993651174998526</v>
      </c>
      <c r="K1171" s="237">
        <f t="shared" si="276"/>
        <v>178.18070139077832</v>
      </c>
      <c r="L1171" s="237">
        <f t="shared" si="281"/>
        <v>63.259196946600802</v>
      </c>
      <c r="M1171" s="236">
        <f t="shared" si="277"/>
        <v>4.1274519945238044</v>
      </c>
      <c r="N1171" s="236">
        <f t="shared" si="278"/>
        <v>3.4469644491347298</v>
      </c>
      <c r="O1171" s="236">
        <f t="shared" si="282"/>
        <v>3.3519718361538997</v>
      </c>
      <c r="P1171" s="236" t="str">
        <f t="shared" si="283"/>
        <v>CLAY</v>
      </c>
      <c r="Q1171" s="236">
        <f t="shared" si="279"/>
        <v>21.758274884101805</v>
      </c>
      <c r="R1171" s="238">
        <v>35</v>
      </c>
      <c r="S1171" s="236">
        <f t="shared" si="284"/>
        <v>1.4707624966414055</v>
      </c>
      <c r="T1171" s="236" t="e">
        <f t="shared" si="270"/>
        <v>#N/A</v>
      </c>
    </row>
    <row r="1172" spans="1:20" x14ac:dyDescent="0.2">
      <c r="A1172" s="53">
        <f t="shared" si="271"/>
        <v>1160</v>
      </c>
      <c r="B1172" s="239">
        <v>11.512</v>
      </c>
      <c r="C1172" s="3">
        <f t="shared" si="272"/>
        <v>11.505000000000001</v>
      </c>
      <c r="D1172" s="239">
        <v>0.38119999999999998</v>
      </c>
      <c r="E1172" s="239">
        <v>8.8000000000000005E-3</v>
      </c>
      <c r="F1172" s="239">
        <v>0.30359999999999998</v>
      </c>
      <c r="G1172">
        <f t="shared" si="273"/>
        <v>0.44191999999999998</v>
      </c>
      <c r="H1172" s="235">
        <f t="shared" si="274"/>
        <v>1.991310644460536</v>
      </c>
      <c r="I1172" s="236">
        <f t="shared" si="275"/>
        <v>15.475355560396626</v>
      </c>
      <c r="J1172" s="237">
        <f t="shared" si="280"/>
        <v>5.4753555603966255</v>
      </c>
      <c r="K1172" s="237">
        <f t="shared" si="276"/>
        <v>178.0439657223632</v>
      </c>
      <c r="L1172" s="237">
        <f t="shared" si="281"/>
        <v>63.032293211285953</v>
      </c>
      <c r="M1172" s="236">
        <f t="shared" si="277"/>
        <v>4.1863625902538111</v>
      </c>
      <c r="N1172" s="236">
        <f t="shared" si="278"/>
        <v>3.3348992924234619</v>
      </c>
      <c r="O1172" s="236">
        <f t="shared" si="282"/>
        <v>3.3392170882418357</v>
      </c>
      <c r="P1172" s="236" t="str">
        <f t="shared" si="283"/>
        <v>CLAY</v>
      </c>
      <c r="Q1172" s="236">
        <f t="shared" si="279"/>
        <v>21.989669523136399</v>
      </c>
      <c r="R1172" s="238">
        <v>35</v>
      </c>
      <c r="S1172" s="236">
        <f t="shared" si="284"/>
        <v>1.4970491525038847</v>
      </c>
      <c r="T1172" s="236" t="e">
        <f t="shared" si="270"/>
        <v>#N/A</v>
      </c>
    </row>
    <row r="1173" spans="1:20" x14ac:dyDescent="0.2">
      <c r="A1173" s="53">
        <f t="shared" si="271"/>
        <v>1161</v>
      </c>
      <c r="B1173" s="239">
        <v>11.522</v>
      </c>
      <c r="C1173" s="3">
        <f t="shared" si="272"/>
        <v>11.515000000000001</v>
      </c>
      <c r="D1173" s="239">
        <v>0.38619999999999999</v>
      </c>
      <c r="E1173" s="239">
        <v>8.6999999999999994E-3</v>
      </c>
      <c r="F1173" s="239">
        <v>0.29970000000000002</v>
      </c>
      <c r="G1173">
        <f t="shared" si="273"/>
        <v>0.44613999999999998</v>
      </c>
      <c r="H1173" s="235">
        <f t="shared" si="274"/>
        <v>1.9500605191195588</v>
      </c>
      <c r="I1173" s="236">
        <f t="shared" si="275"/>
        <v>15.465669083100867</v>
      </c>
      <c r="J1173" s="237">
        <f t="shared" si="280"/>
        <v>5.4656690831008667</v>
      </c>
      <c r="K1173" s="237">
        <f t="shared" si="276"/>
        <v>178.08717949190648</v>
      </c>
      <c r="L1173" s="237">
        <f t="shared" si="281"/>
        <v>62.975439175488191</v>
      </c>
      <c r="M1173" s="236">
        <f t="shared" si="277"/>
        <v>4.2564660765784259</v>
      </c>
      <c r="N1173" s="236">
        <f t="shared" si="278"/>
        <v>3.2456289710024939</v>
      </c>
      <c r="O1173" s="236">
        <f t="shared" si="282"/>
        <v>3.3269201017489025</v>
      </c>
      <c r="P1173" s="236" t="str">
        <f t="shared" si="283"/>
        <v>CLAY</v>
      </c>
      <c r="Q1173" s="236">
        <f t="shared" si="279"/>
        <v>22.337735042341127</v>
      </c>
      <c r="R1173" s="238">
        <v>35</v>
      </c>
      <c r="S1173" s="236">
        <f t="shared" si="284"/>
        <v>1.5284508552025071</v>
      </c>
      <c r="T1173" s="236" t="e">
        <f t="shared" si="270"/>
        <v>#N/A</v>
      </c>
    </row>
    <row r="1174" spans="1:20" x14ac:dyDescent="0.2">
      <c r="A1174" s="53">
        <f t="shared" si="271"/>
        <v>1162</v>
      </c>
      <c r="B1174" s="239">
        <v>11.532999999999999</v>
      </c>
      <c r="C1174" s="3">
        <f t="shared" si="272"/>
        <v>11.526</v>
      </c>
      <c r="D1174" s="239">
        <v>0.38600000000000001</v>
      </c>
      <c r="E1174" s="239">
        <v>8.6E-3</v>
      </c>
      <c r="F1174" s="239">
        <v>0.2969</v>
      </c>
      <c r="G1174">
        <f t="shared" si="273"/>
        <v>0.44538</v>
      </c>
      <c r="H1174" s="235">
        <f t="shared" si="274"/>
        <v>1.9309353810229468</v>
      </c>
      <c r="I1174" s="236">
        <f t="shared" si="275"/>
        <v>15.451446512582816</v>
      </c>
      <c r="J1174" s="237">
        <f t="shared" si="280"/>
        <v>5.451446512582816</v>
      </c>
      <c r="K1174" s="237">
        <f t="shared" si="276"/>
        <v>178.09337250402953</v>
      </c>
      <c r="L1174" s="237">
        <f t="shared" si="281"/>
        <v>62.871532629617612</v>
      </c>
      <c r="M1174" s="236">
        <f t="shared" si="277"/>
        <v>4.2513140099603159</v>
      </c>
      <c r="N1174" s="236">
        <f t="shared" si="278"/>
        <v>3.2175197392281252</v>
      </c>
      <c r="O1174" s="236">
        <f t="shared" si="282"/>
        <v>3.32540524771276</v>
      </c>
      <c r="P1174" s="236" t="str">
        <f t="shared" si="283"/>
        <v>CLAY</v>
      </c>
      <c r="Q1174" s="236">
        <f t="shared" si="279"/>
        <v>22.273885624664207</v>
      </c>
      <c r="R1174" s="238">
        <v>35</v>
      </c>
      <c r="S1174" s="236">
        <f t="shared" si="284"/>
        <v>1.5261386410682687</v>
      </c>
      <c r="T1174" s="236" t="e">
        <f t="shared" si="270"/>
        <v>#N/A</v>
      </c>
    </row>
    <row r="1175" spans="1:20" x14ac:dyDescent="0.2">
      <c r="A1175" s="53">
        <f t="shared" si="271"/>
        <v>1163</v>
      </c>
      <c r="B1175" s="239">
        <v>11.542</v>
      </c>
      <c r="C1175" s="3">
        <f t="shared" si="272"/>
        <v>11.535</v>
      </c>
      <c r="D1175" s="239">
        <v>0.38109999999999999</v>
      </c>
      <c r="E1175" s="239">
        <v>8.8000000000000005E-3</v>
      </c>
      <c r="F1175" s="239">
        <v>0.29949999999999999</v>
      </c>
      <c r="G1175">
        <f t="shared" si="273"/>
        <v>0.44099999999999995</v>
      </c>
      <c r="H1175" s="235">
        <f t="shared" si="274"/>
        <v>1.9954648526077101</v>
      </c>
      <c r="I1175" s="236">
        <f t="shared" si="275"/>
        <v>15.474540999708996</v>
      </c>
      <c r="J1175" s="237">
        <f t="shared" si="280"/>
        <v>5.4745409997089958</v>
      </c>
      <c r="K1175" s="237">
        <f t="shared" si="276"/>
        <v>178.49883043164326</v>
      </c>
      <c r="L1175" s="237">
        <f t="shared" si="281"/>
        <v>63.187152218641231</v>
      </c>
      <c r="M1175" s="236">
        <f t="shared" si="277"/>
        <v>4.1543440454484442</v>
      </c>
      <c r="N1175" s="236">
        <f t="shared" si="278"/>
        <v>3.3523660159191921</v>
      </c>
      <c r="O1175" s="236">
        <f t="shared" si="282"/>
        <v>3.343245404087138</v>
      </c>
      <c r="P1175" s="236" t="str">
        <f t="shared" si="283"/>
        <v>CLAY</v>
      </c>
      <c r="Q1175" s="236">
        <f t="shared" si="279"/>
        <v>21.875097464029722</v>
      </c>
      <c r="R1175" s="238">
        <v>35</v>
      </c>
      <c r="S1175" s="236">
        <f t="shared" si="284"/>
        <v>1.4827505160483174</v>
      </c>
      <c r="T1175" s="236" t="e">
        <f t="shared" si="270"/>
        <v>#N/A</v>
      </c>
    </row>
    <row r="1176" spans="1:20" x14ac:dyDescent="0.2">
      <c r="A1176" s="53">
        <f t="shared" si="271"/>
        <v>1164</v>
      </c>
      <c r="B1176" s="239">
        <v>11.552</v>
      </c>
      <c r="C1176" s="3">
        <f t="shared" si="272"/>
        <v>11.545</v>
      </c>
      <c r="D1176" s="239">
        <v>0.37630000000000002</v>
      </c>
      <c r="E1176" s="239">
        <v>8.8999999999999999E-3</v>
      </c>
      <c r="F1176" s="239">
        <v>0.30399999999999999</v>
      </c>
      <c r="G1176">
        <f t="shared" si="273"/>
        <v>0.43709999999999999</v>
      </c>
      <c r="H1176" s="235">
        <f t="shared" si="274"/>
        <v>2.0361473347060168</v>
      </c>
      <c r="I1176" s="236">
        <f t="shared" si="275"/>
        <v>15.484318798164438</v>
      </c>
      <c r="J1176" s="237">
        <f t="shared" si="280"/>
        <v>5.4843187981644377</v>
      </c>
      <c r="K1176" s="237">
        <f t="shared" si="276"/>
        <v>178.76646052480842</v>
      </c>
      <c r="L1176" s="237">
        <f t="shared" si="281"/>
        <v>63.354850756395585</v>
      </c>
      <c r="M1176" s="236">
        <f t="shared" si="277"/>
        <v>4.0775652754436189</v>
      </c>
      <c r="N1176" s="236">
        <f t="shared" si="278"/>
        <v>3.4451585411946448</v>
      </c>
      <c r="O1176" s="236">
        <f t="shared" si="282"/>
        <v>3.3563508609631065</v>
      </c>
      <c r="P1176" s="236" t="str">
        <f t="shared" si="283"/>
        <v>CLAY</v>
      </c>
      <c r="Q1176" s="236">
        <f t="shared" si="279"/>
        <v>21.527794956265961</v>
      </c>
      <c r="R1176" s="238">
        <v>35</v>
      </c>
      <c r="S1176" s="236">
        <f t="shared" si="284"/>
        <v>1.4485755857877944</v>
      </c>
      <c r="T1176" s="236" t="e">
        <f t="shared" si="270"/>
        <v>#N/A</v>
      </c>
    </row>
    <row r="1177" spans="1:20" x14ac:dyDescent="0.2">
      <c r="A1177" s="53">
        <f t="shared" si="271"/>
        <v>1165</v>
      </c>
      <c r="B1177" s="239">
        <v>11.561999999999999</v>
      </c>
      <c r="C1177" s="3">
        <f t="shared" si="272"/>
        <v>11.555</v>
      </c>
      <c r="D1177" s="239">
        <v>0.37209999999999999</v>
      </c>
      <c r="E1177" s="239">
        <v>8.8999999999999999E-3</v>
      </c>
      <c r="F1177" s="239">
        <v>0.30859999999999999</v>
      </c>
      <c r="G1177">
        <f t="shared" si="273"/>
        <v>0.43381999999999998</v>
      </c>
      <c r="H1177" s="235">
        <f t="shared" si="274"/>
        <v>2.0515421142409296</v>
      </c>
      <c r="I1177" s="236">
        <f t="shared" si="275"/>
        <v>15.481374685336631</v>
      </c>
      <c r="J1177" s="237">
        <f t="shared" si="280"/>
        <v>5.4813746853366307</v>
      </c>
      <c r="K1177" s="237">
        <f t="shared" si="276"/>
        <v>178.88728448906477</v>
      </c>
      <c r="L1177" s="237">
        <f t="shared" si="281"/>
        <v>63.375654111862119</v>
      </c>
      <c r="M1177" s="236">
        <f t="shared" si="277"/>
        <v>4.0225654327916294</v>
      </c>
      <c r="N1177" s="236">
        <f t="shared" si="278"/>
        <v>3.4911172472166441</v>
      </c>
      <c r="O1177" s="236">
        <f t="shared" si="282"/>
        <v>3.36438939225178</v>
      </c>
      <c r="P1177" s="236" t="str">
        <f t="shared" si="283"/>
        <v>CLAY</v>
      </c>
      <c r="Q1177" s="236">
        <f t="shared" si="279"/>
        <v>21.244392959244603</v>
      </c>
      <c r="R1177" s="238">
        <v>35</v>
      </c>
      <c r="S1177" s="236">
        <f t="shared" si="284"/>
        <v>1.4241931914523038</v>
      </c>
      <c r="T1177" s="236" t="e">
        <f t="shared" si="270"/>
        <v>#N/A</v>
      </c>
    </row>
    <row r="1178" spans="1:20" x14ac:dyDescent="0.2">
      <c r="A1178" s="53">
        <f t="shared" si="271"/>
        <v>1166</v>
      </c>
      <c r="B1178" s="239">
        <v>11.573</v>
      </c>
      <c r="C1178" s="3">
        <f t="shared" si="272"/>
        <v>11.566000000000001</v>
      </c>
      <c r="D1178" s="239">
        <v>0.36969999999999997</v>
      </c>
      <c r="E1178" s="239">
        <v>8.9999999999999993E-3</v>
      </c>
      <c r="F1178" s="239">
        <v>0.31480000000000002</v>
      </c>
      <c r="G1178">
        <f t="shared" si="273"/>
        <v>0.43265999999999993</v>
      </c>
      <c r="H1178" s="235">
        <f t="shared" si="274"/>
        <v>2.0801553182637638</v>
      </c>
      <c r="I1178" s="236">
        <f t="shared" si="275"/>
        <v>15.493429901218773</v>
      </c>
      <c r="J1178" s="237">
        <f t="shared" si="280"/>
        <v>5.4934299012187733</v>
      </c>
      <c r="K1178" s="237">
        <f t="shared" si="276"/>
        <v>179.19701023749633</v>
      </c>
      <c r="L1178" s="237">
        <f t="shared" si="281"/>
        <v>63.575464246804863</v>
      </c>
      <c r="M1178" s="236">
        <f t="shared" si="277"/>
        <v>3.9868051734320127</v>
      </c>
      <c r="N1178" s="236">
        <f t="shared" si="278"/>
        <v>3.5508142661905224</v>
      </c>
      <c r="O1178" s="236">
        <f t="shared" si="282"/>
        <v>3.3715536310851562</v>
      </c>
      <c r="P1178" s="236" t="str">
        <f t="shared" si="283"/>
        <v>CLAY</v>
      </c>
      <c r="Q1178" s="236">
        <f t="shared" si="279"/>
        <v>21.121915813541964</v>
      </c>
      <c r="R1178" s="238">
        <v>35</v>
      </c>
      <c r="S1178" s="236">
        <f t="shared" si="284"/>
        <v>1.4083846242565243</v>
      </c>
      <c r="T1178" s="236" t="e">
        <f t="shared" si="270"/>
        <v>#N/A</v>
      </c>
    </row>
    <row r="1179" spans="1:20" x14ac:dyDescent="0.2">
      <c r="A1179" s="53">
        <f t="shared" si="271"/>
        <v>1167</v>
      </c>
      <c r="B1179" s="239">
        <v>11.582000000000001</v>
      </c>
      <c r="C1179" s="3">
        <f t="shared" si="272"/>
        <v>11.575000000000001</v>
      </c>
      <c r="D1179" s="239">
        <v>0.36969999999999997</v>
      </c>
      <c r="E1179" s="239">
        <v>9.1000000000000004E-3</v>
      </c>
      <c r="F1179" s="239">
        <v>0.31609999999999999</v>
      </c>
      <c r="G1179">
        <f t="shared" si="273"/>
        <v>0.43291999999999997</v>
      </c>
      <c r="H1179" s="235">
        <f t="shared" si="274"/>
        <v>2.1020049893744805</v>
      </c>
      <c r="I1179" s="236">
        <f t="shared" si="275"/>
        <v>15.50662169844677</v>
      </c>
      <c r="J1179" s="237">
        <f t="shared" si="280"/>
        <v>5.5066216984467697</v>
      </c>
      <c r="K1179" s="237">
        <f t="shared" si="276"/>
        <v>179.48914615952137</v>
      </c>
      <c r="L1179" s="237">
        <f t="shared" si="281"/>
        <v>63.777692511410493</v>
      </c>
      <c r="M1179" s="236">
        <f t="shared" si="277"/>
        <v>3.9736598152267297</v>
      </c>
      <c r="N1179" s="236">
        <f t="shared" si="278"/>
        <v>3.5907230165936985</v>
      </c>
      <c r="O1179" s="236">
        <f t="shared" si="282"/>
        <v>3.3753247138704792</v>
      </c>
      <c r="P1179" s="236" t="str">
        <f t="shared" si="283"/>
        <v>CLAY</v>
      </c>
      <c r="Q1179" s="236">
        <f t="shared" si="279"/>
        <v>21.119237820039881</v>
      </c>
      <c r="R1179" s="238">
        <v>35</v>
      </c>
      <c r="S1179" s="236">
        <f t="shared" si="284"/>
        <v>1.4025823330717302</v>
      </c>
      <c r="T1179" s="236" t="e">
        <f t="shared" si="270"/>
        <v>#N/A</v>
      </c>
    </row>
    <row r="1180" spans="1:20" x14ac:dyDescent="0.2">
      <c r="A1180" s="53">
        <f t="shared" si="271"/>
        <v>1168</v>
      </c>
      <c r="B1180" s="239">
        <v>11.592000000000001</v>
      </c>
      <c r="C1180" s="3">
        <f t="shared" si="272"/>
        <v>11.585000000000001</v>
      </c>
      <c r="D1180" s="239">
        <v>0.36940000000000001</v>
      </c>
      <c r="E1180" s="239">
        <v>8.9999999999999993E-3</v>
      </c>
      <c r="F1180" s="239">
        <v>0.31109999999999999</v>
      </c>
      <c r="G1180">
        <f t="shared" si="273"/>
        <v>0.43162</v>
      </c>
      <c r="H1180" s="235">
        <f t="shared" si="274"/>
        <v>2.0851675084565127</v>
      </c>
      <c r="I1180" s="236">
        <f t="shared" si="275"/>
        <v>15.492489234232936</v>
      </c>
      <c r="J1180" s="237">
        <f t="shared" si="280"/>
        <v>5.4924892342329361</v>
      </c>
      <c r="K1180" s="237">
        <f t="shared" si="276"/>
        <v>179.48048777858858</v>
      </c>
      <c r="L1180" s="237">
        <f t="shared" si="281"/>
        <v>63.668935203228202</v>
      </c>
      <c r="M1180" s="236">
        <f t="shared" si="277"/>
        <v>3.9601653681908475</v>
      </c>
      <c r="N1180" s="236">
        <f t="shared" si="278"/>
        <v>3.5694524514257107</v>
      </c>
      <c r="O1180" s="236">
        <f t="shared" si="282"/>
        <v>3.3752255035138385</v>
      </c>
      <c r="P1180" s="236" t="str">
        <f t="shared" si="283"/>
        <v>CLAY</v>
      </c>
      <c r="Q1180" s="236">
        <f t="shared" si="279"/>
        <v>21.011626018450951</v>
      </c>
      <c r="R1180" s="238">
        <v>35</v>
      </c>
      <c r="S1180" s="236">
        <f t="shared" si="284"/>
        <v>1.3966309455053845</v>
      </c>
      <c r="T1180" s="236" t="e">
        <f t="shared" si="270"/>
        <v>#N/A</v>
      </c>
    </row>
    <row r="1181" spans="1:20" x14ac:dyDescent="0.2">
      <c r="A1181" s="53">
        <f t="shared" si="271"/>
        <v>1169</v>
      </c>
      <c r="B1181" s="239">
        <v>11.602</v>
      </c>
      <c r="C1181" s="3">
        <f t="shared" si="272"/>
        <v>11.595000000000001</v>
      </c>
      <c r="D1181" s="239">
        <v>0.36770000000000003</v>
      </c>
      <c r="E1181" s="239">
        <v>9.1000000000000004E-3</v>
      </c>
      <c r="F1181" s="239">
        <v>0.31240000000000001</v>
      </c>
      <c r="G1181">
        <f t="shared" si="273"/>
        <v>0.43018000000000001</v>
      </c>
      <c r="H1181" s="235">
        <f t="shared" si="274"/>
        <v>2.1153935561857828</v>
      </c>
      <c r="I1181" s="236">
        <f t="shared" si="275"/>
        <v>15.504140007356098</v>
      </c>
      <c r="J1181" s="237">
        <f t="shared" si="280"/>
        <v>5.5041400073560975</v>
      </c>
      <c r="K1181" s="237">
        <f t="shared" si="276"/>
        <v>179.77050338529395</v>
      </c>
      <c r="L1181" s="237">
        <f t="shared" si="281"/>
        <v>63.859032365345442</v>
      </c>
      <c r="M1181" s="236">
        <f t="shared" si="277"/>
        <v>3.9212854836584787</v>
      </c>
      <c r="N1181" s="236">
        <f t="shared" si="278"/>
        <v>3.6340474794379558</v>
      </c>
      <c r="O1181" s="236">
        <f t="shared" si="282"/>
        <v>3.3829653402948017</v>
      </c>
      <c r="P1181" s="236" t="str">
        <f t="shared" si="283"/>
        <v>CLAY</v>
      </c>
      <c r="Q1181" s="236">
        <f t="shared" si="279"/>
        <v>20.867458051225505</v>
      </c>
      <c r="R1181" s="238">
        <v>35</v>
      </c>
      <c r="S1181" s="236">
        <f t="shared" si="284"/>
        <v>1.3795123274634544</v>
      </c>
      <c r="T1181" s="236" t="e">
        <f t="shared" si="270"/>
        <v>#N/A</v>
      </c>
    </row>
    <row r="1182" spans="1:20" x14ac:dyDescent="0.2">
      <c r="A1182" s="53">
        <f t="shared" si="271"/>
        <v>1170</v>
      </c>
      <c r="B1182" s="239">
        <v>11.612</v>
      </c>
      <c r="C1182" s="3">
        <f t="shared" si="272"/>
        <v>11.605</v>
      </c>
      <c r="D1182" s="239">
        <v>0.36630000000000001</v>
      </c>
      <c r="E1182" s="239">
        <v>9.4000000000000004E-3</v>
      </c>
      <c r="F1182" s="239">
        <v>0.31840000000000002</v>
      </c>
      <c r="G1182">
        <f t="shared" si="273"/>
        <v>0.42998000000000003</v>
      </c>
      <c r="H1182" s="235">
        <f t="shared" si="274"/>
        <v>2.1861481929392066</v>
      </c>
      <c r="I1182" s="236">
        <f t="shared" si="275"/>
        <v>15.541991688931493</v>
      </c>
      <c r="J1182" s="237">
        <f t="shared" si="280"/>
        <v>5.5419916889314926</v>
      </c>
      <c r="K1182" s="237">
        <f t="shared" si="276"/>
        <v>180.36481355004997</v>
      </c>
      <c r="L1182" s="237">
        <f t="shared" si="281"/>
        <v>64.353607491872495</v>
      </c>
      <c r="M1182" s="236">
        <f t="shared" si="277"/>
        <v>3.8788064287068145</v>
      </c>
      <c r="N1182" s="236">
        <f t="shared" si="278"/>
        <v>3.7657965181075954</v>
      </c>
      <c r="O1182" s="236">
        <f t="shared" si="282"/>
        <v>3.3951439474937737</v>
      </c>
      <c r="P1182" s="236" t="str">
        <f t="shared" si="283"/>
        <v>CLAY</v>
      </c>
      <c r="Q1182" s="236">
        <f t="shared" si="279"/>
        <v>20.801265537495837</v>
      </c>
      <c r="R1182" s="238">
        <v>35</v>
      </c>
      <c r="S1182" s="236">
        <f t="shared" si="284"/>
        <v>1.3608574716540129</v>
      </c>
      <c r="T1182" s="236" t="e">
        <f t="shared" si="270"/>
        <v>#N/A</v>
      </c>
    </row>
    <row r="1183" spans="1:20" x14ac:dyDescent="0.2">
      <c r="A1183" s="53">
        <f t="shared" si="271"/>
        <v>1171</v>
      </c>
      <c r="B1183" s="239">
        <v>11.621</v>
      </c>
      <c r="C1183" s="3">
        <f t="shared" si="272"/>
        <v>11.614000000000001</v>
      </c>
      <c r="D1183" s="239">
        <v>0.36499999999999999</v>
      </c>
      <c r="E1183" s="239">
        <v>9.7000000000000003E-3</v>
      </c>
      <c r="F1183" s="239">
        <v>0.32479999999999998</v>
      </c>
      <c r="G1183">
        <f t="shared" si="273"/>
        <v>0.42995999999999995</v>
      </c>
      <c r="H1183" s="235">
        <f t="shared" si="274"/>
        <v>2.2560238161689465</v>
      </c>
      <c r="I1183" s="236">
        <f t="shared" si="275"/>
        <v>15.57881198569371</v>
      </c>
      <c r="J1183" s="237">
        <f t="shared" si="280"/>
        <v>5.5788119856937097</v>
      </c>
      <c r="K1183" s="237">
        <f t="shared" si="276"/>
        <v>180.93232240184676</v>
      </c>
      <c r="L1183" s="237">
        <f t="shared" si="281"/>
        <v>64.831374085746603</v>
      </c>
      <c r="M1183" s="236">
        <f t="shared" si="277"/>
        <v>3.8411599493292679</v>
      </c>
      <c r="N1183" s="236">
        <f t="shared" si="278"/>
        <v>3.8951493639403942</v>
      </c>
      <c r="O1183" s="236">
        <f t="shared" si="282"/>
        <v>3.4065121255496016</v>
      </c>
      <c r="P1183" s="236" t="str">
        <f t="shared" si="283"/>
        <v>CLAY</v>
      </c>
      <c r="Q1183" s="236">
        <f t="shared" si="279"/>
        <v>20.752306466512767</v>
      </c>
      <c r="R1183" s="238">
        <v>35</v>
      </c>
      <c r="S1183" s="236">
        <f t="shared" si="284"/>
        <v>1.3443674805882817</v>
      </c>
      <c r="T1183" s="236" t="e">
        <f t="shared" si="270"/>
        <v>#N/A</v>
      </c>
    </row>
    <row r="1184" spans="1:20" x14ac:dyDescent="0.2">
      <c r="A1184" s="53">
        <f t="shared" si="271"/>
        <v>1172</v>
      </c>
      <c r="B1184" s="239">
        <v>11.632</v>
      </c>
      <c r="C1184" s="3">
        <f t="shared" si="272"/>
        <v>11.625</v>
      </c>
      <c r="D1184" s="239">
        <v>0.3659</v>
      </c>
      <c r="E1184" s="239">
        <v>9.7999999999999997E-3</v>
      </c>
      <c r="F1184" s="239">
        <v>0.33029999999999998</v>
      </c>
      <c r="G1184">
        <f t="shared" si="273"/>
        <v>0.43196000000000001</v>
      </c>
      <c r="H1184" s="235">
        <f t="shared" si="274"/>
        <v>2.2687285859801833</v>
      </c>
      <c r="I1184" s="236">
        <f t="shared" si="275"/>
        <v>15.592652638003198</v>
      </c>
      <c r="J1184" s="237">
        <f t="shared" si="280"/>
        <v>5.592652638003198</v>
      </c>
      <c r="K1184" s="237">
        <f t="shared" si="276"/>
        <v>181.26458691678718</v>
      </c>
      <c r="L1184" s="237">
        <f t="shared" si="281"/>
        <v>65.053735485253199</v>
      </c>
      <c r="M1184" s="236">
        <f t="shared" si="277"/>
        <v>3.85366668359947</v>
      </c>
      <c r="N1184" s="236">
        <f t="shared" si="278"/>
        <v>3.9091261700696149</v>
      </c>
      <c r="O1184" s="236">
        <f t="shared" si="282"/>
        <v>3.4061436732946091</v>
      </c>
      <c r="P1184" s="236" t="str">
        <f t="shared" si="283"/>
        <v>CLAY</v>
      </c>
      <c r="Q1184" s="236">
        <f t="shared" si="279"/>
        <v>20.891284423601071</v>
      </c>
      <c r="R1184" s="238">
        <v>35</v>
      </c>
      <c r="S1184" s="236">
        <f t="shared" si="284"/>
        <v>1.3498412452224948</v>
      </c>
      <c r="T1184" s="236" t="e">
        <f t="shared" si="270"/>
        <v>#N/A</v>
      </c>
    </row>
    <row r="1185" spans="1:20" x14ac:dyDescent="0.2">
      <c r="A1185" s="53">
        <f t="shared" si="271"/>
        <v>1173</v>
      </c>
      <c r="B1185" s="239">
        <v>11.641999999999999</v>
      </c>
      <c r="C1185" s="3">
        <f t="shared" si="272"/>
        <v>11.635</v>
      </c>
      <c r="D1185" s="239">
        <v>0.36909999999999998</v>
      </c>
      <c r="E1185" s="239">
        <v>9.9000000000000008E-3</v>
      </c>
      <c r="F1185" s="239">
        <v>0.33339999999999997</v>
      </c>
      <c r="G1185">
        <f t="shared" si="273"/>
        <v>0.43577999999999995</v>
      </c>
      <c r="H1185" s="235">
        <f t="shared" si="274"/>
        <v>2.2717885171416774</v>
      </c>
      <c r="I1185" s="236">
        <f t="shared" si="275"/>
        <v>15.607998644886408</v>
      </c>
      <c r="J1185" s="237">
        <f t="shared" si="280"/>
        <v>5.6079986448864076</v>
      </c>
      <c r="K1185" s="237">
        <f t="shared" si="276"/>
        <v>181.59906423325336</v>
      </c>
      <c r="L1185" s="237">
        <f t="shared" si="281"/>
        <v>65.288320223767556</v>
      </c>
      <c r="M1185" s="236">
        <f t="shared" si="277"/>
        <v>3.8932068537768045</v>
      </c>
      <c r="N1185" s="236">
        <f t="shared" si="278"/>
        <v>3.894863306776438</v>
      </c>
      <c r="O1185" s="236">
        <f t="shared" si="282"/>
        <v>3.4015453979151111</v>
      </c>
      <c r="P1185" s="236" t="str">
        <f t="shared" si="283"/>
        <v>CLAY</v>
      </c>
      <c r="Q1185" s="236">
        <f t="shared" si="279"/>
        <v>21.181744647228886</v>
      </c>
      <c r="R1185" s="238">
        <v>35</v>
      </c>
      <c r="S1185" s="236">
        <f t="shared" si="284"/>
        <v>1.3671757851635991</v>
      </c>
      <c r="T1185" s="236" t="e">
        <f t="shared" si="270"/>
        <v>#N/A</v>
      </c>
    </row>
    <row r="1186" spans="1:20" x14ac:dyDescent="0.2">
      <c r="A1186" s="53">
        <f t="shared" si="271"/>
        <v>1174</v>
      </c>
      <c r="B1186" s="239">
        <v>11.651999999999999</v>
      </c>
      <c r="C1186" s="3">
        <f t="shared" si="272"/>
        <v>11.645</v>
      </c>
      <c r="D1186" s="239">
        <v>0.37130000000000002</v>
      </c>
      <c r="E1186" s="239">
        <v>9.7999999999999997E-3</v>
      </c>
      <c r="F1186" s="239">
        <v>0.33479999999999999</v>
      </c>
      <c r="G1186">
        <f t="shared" si="273"/>
        <v>0.43825999999999998</v>
      </c>
      <c r="H1186" s="235">
        <f t="shared" si="274"/>
        <v>2.2361155478483092</v>
      </c>
      <c r="I1186" s="236">
        <f t="shared" si="275"/>
        <v>15.598312109708313</v>
      </c>
      <c r="J1186" s="237">
        <f t="shared" si="280"/>
        <v>5.5983121097083135</v>
      </c>
      <c r="K1186" s="237">
        <f t="shared" si="276"/>
        <v>181.64234451755331</v>
      </c>
      <c r="L1186" s="237">
        <f t="shared" si="281"/>
        <v>65.23153270232126</v>
      </c>
      <c r="M1186" s="236">
        <f t="shared" si="277"/>
        <v>3.9339510333675629</v>
      </c>
      <c r="N1186" s="236">
        <f t="shared" si="278"/>
        <v>3.818911049427129</v>
      </c>
      <c r="O1186" s="236">
        <f t="shared" si="282"/>
        <v>3.3931688262706854</v>
      </c>
      <c r="P1186" s="236" t="str">
        <f t="shared" si="283"/>
        <v>CLAY</v>
      </c>
      <c r="Q1186" s="236">
        <f t="shared" si="279"/>
        <v>21.384804623537224</v>
      </c>
      <c r="R1186" s="238">
        <v>35</v>
      </c>
      <c r="S1186" s="236">
        <f t="shared" si="284"/>
        <v>1.3850842663925047</v>
      </c>
      <c r="T1186" s="236" t="e">
        <f t="shared" si="270"/>
        <v>#N/A</v>
      </c>
    </row>
    <row r="1187" spans="1:20" x14ac:dyDescent="0.2">
      <c r="A1187" s="53">
        <f t="shared" si="271"/>
        <v>1175</v>
      </c>
      <c r="B1187" s="239">
        <v>11.662000000000001</v>
      </c>
      <c r="C1187" s="3">
        <f t="shared" si="272"/>
        <v>11.655000000000001</v>
      </c>
      <c r="D1187" s="239">
        <v>0.37309999999999999</v>
      </c>
      <c r="E1187" s="239">
        <v>9.9000000000000008E-3</v>
      </c>
      <c r="F1187" s="239">
        <v>0.33360000000000001</v>
      </c>
      <c r="G1187">
        <f t="shared" si="273"/>
        <v>0.43981999999999999</v>
      </c>
      <c r="H1187" s="235">
        <f t="shared" si="274"/>
        <v>2.2509208312491475</v>
      </c>
      <c r="I1187" s="236">
        <f t="shared" si="275"/>
        <v>15.611605556585864</v>
      </c>
      <c r="J1187" s="237">
        <f t="shared" si="280"/>
        <v>5.6116055565858645</v>
      </c>
      <c r="K1187" s="237">
        <f t="shared" si="276"/>
        <v>181.95326276200828</v>
      </c>
      <c r="L1187" s="237">
        <f t="shared" si="281"/>
        <v>65.442544000904363</v>
      </c>
      <c r="M1187" s="236">
        <f t="shared" si="277"/>
        <v>3.9403531933970695</v>
      </c>
      <c r="N1187" s="236">
        <f t="shared" si="278"/>
        <v>3.8391923309065796</v>
      </c>
      <c r="O1187" s="236">
        <f t="shared" si="282"/>
        <v>3.3937928150268606</v>
      </c>
      <c r="P1187" s="236" t="str">
        <f t="shared" si="283"/>
        <v>CLAY</v>
      </c>
      <c r="Q1187" s="236">
        <f t="shared" si="279"/>
        <v>21.488894769832644</v>
      </c>
      <c r="R1187" s="238">
        <v>35</v>
      </c>
      <c r="S1187" s="236">
        <f t="shared" si="284"/>
        <v>1.3879024681857683</v>
      </c>
      <c r="T1187" s="236" t="e">
        <f t="shared" si="270"/>
        <v>#N/A</v>
      </c>
    </row>
    <row r="1188" spans="1:20" x14ac:dyDescent="0.2">
      <c r="A1188" s="53">
        <f t="shared" si="271"/>
        <v>1176</v>
      </c>
      <c r="B1188" s="239">
        <v>11.673</v>
      </c>
      <c r="C1188" s="3">
        <f t="shared" si="272"/>
        <v>11.666</v>
      </c>
      <c r="D1188" s="239">
        <v>0.37569999999999998</v>
      </c>
      <c r="E1188" s="239">
        <v>9.4999999999999998E-3</v>
      </c>
      <c r="F1188" s="239">
        <v>0.32519999999999999</v>
      </c>
      <c r="G1188">
        <f t="shared" si="273"/>
        <v>0.44073999999999997</v>
      </c>
      <c r="H1188" s="235">
        <f t="shared" si="274"/>
        <v>2.1554658075055593</v>
      </c>
      <c r="I1188" s="236">
        <f t="shared" si="275"/>
        <v>15.56406100925599</v>
      </c>
      <c r="J1188" s="237">
        <f t="shared" si="280"/>
        <v>5.5640610092559903</v>
      </c>
      <c r="K1188" s="237">
        <f t="shared" si="276"/>
        <v>181.57033573398039</v>
      </c>
      <c r="L1188" s="237">
        <f t="shared" si="281"/>
        <v>64.949284161045171</v>
      </c>
      <c r="M1188" s="236">
        <f t="shared" si="277"/>
        <v>3.9903390408952739</v>
      </c>
      <c r="N1188" s="236">
        <f t="shared" si="278"/>
        <v>3.6655524584269674</v>
      </c>
      <c r="O1188" s="236">
        <f t="shared" si="282"/>
        <v>3.3784994186319981</v>
      </c>
      <c r="P1188" s="236" t="str">
        <f t="shared" si="283"/>
        <v>CLAY</v>
      </c>
      <c r="Q1188" s="236">
        <f t="shared" si="279"/>
        <v>21.597472022168301</v>
      </c>
      <c r="R1188" s="238">
        <v>35</v>
      </c>
      <c r="S1188" s="236">
        <f t="shared" si="284"/>
        <v>1.409945271100161</v>
      </c>
      <c r="T1188" s="236" t="e">
        <f t="shared" si="270"/>
        <v>#N/A</v>
      </c>
    </row>
    <row r="1189" spans="1:20" x14ac:dyDescent="0.2">
      <c r="A1189" s="53">
        <f t="shared" si="271"/>
        <v>1177</v>
      </c>
      <c r="B1189" s="239">
        <v>11.682</v>
      </c>
      <c r="C1189" s="3">
        <f t="shared" si="272"/>
        <v>11.675000000000001</v>
      </c>
      <c r="D1189" s="239">
        <v>0.37509999999999999</v>
      </c>
      <c r="E1189" s="239">
        <v>9.4000000000000004E-3</v>
      </c>
      <c r="F1189" s="239">
        <v>0.31890000000000002</v>
      </c>
      <c r="G1189">
        <f t="shared" si="273"/>
        <v>0.43887999999999999</v>
      </c>
      <c r="H1189" s="235">
        <f t="shared" si="274"/>
        <v>2.1418155304411228</v>
      </c>
      <c r="I1189" s="236">
        <f t="shared" si="275"/>
        <v>15.549999470336083</v>
      </c>
      <c r="J1189" s="237">
        <f t="shared" si="280"/>
        <v>5.5499994703360827</v>
      </c>
      <c r="K1189" s="237">
        <f t="shared" si="276"/>
        <v>181.54624381617379</v>
      </c>
      <c r="L1189" s="237">
        <f t="shared" si="281"/>
        <v>64.835093812466113</v>
      </c>
      <c r="M1189" s="236">
        <f t="shared" si="277"/>
        <v>3.9690504177900578</v>
      </c>
      <c r="N1189" s="236">
        <f t="shared" si="278"/>
        <v>3.6528437385747079</v>
      </c>
      <c r="O1189" s="236">
        <f t="shared" si="282"/>
        <v>3.3796766368372166</v>
      </c>
      <c r="P1189" s="236" t="str">
        <f t="shared" si="283"/>
        <v>CLAY</v>
      </c>
      <c r="Q1189" s="236">
        <f t="shared" si="279"/>
        <v>21.444479681985516</v>
      </c>
      <c r="R1189" s="238">
        <v>35</v>
      </c>
      <c r="S1189" s="236">
        <f t="shared" si="284"/>
        <v>1.4005489048168245</v>
      </c>
      <c r="T1189" s="236" t="e">
        <f t="shared" si="270"/>
        <v>#N/A</v>
      </c>
    </row>
    <row r="1190" spans="1:20" x14ac:dyDescent="0.2">
      <c r="A1190" s="53">
        <f t="shared" si="271"/>
        <v>1178</v>
      </c>
      <c r="B1190" s="239">
        <v>11.692</v>
      </c>
      <c r="C1190" s="3">
        <f t="shared" si="272"/>
        <v>11.685</v>
      </c>
      <c r="D1190" s="239">
        <v>0.37640000000000001</v>
      </c>
      <c r="E1190" s="239">
        <v>9.1000000000000004E-3</v>
      </c>
      <c r="F1190" s="239">
        <v>0.31569999999999998</v>
      </c>
      <c r="G1190">
        <f t="shared" si="273"/>
        <v>0.43953999999999999</v>
      </c>
      <c r="H1190" s="235">
        <f t="shared" si="274"/>
        <v>2.0703462711016063</v>
      </c>
      <c r="I1190" s="236">
        <f t="shared" si="275"/>
        <v>15.512553377108967</v>
      </c>
      <c r="J1190" s="237">
        <f t="shared" si="280"/>
        <v>5.5125533771089668</v>
      </c>
      <c r="K1190" s="237">
        <f t="shared" si="276"/>
        <v>181.26418621151828</v>
      </c>
      <c r="L1190" s="237">
        <f t="shared" si="281"/>
        <v>64.45277408515804</v>
      </c>
      <c r="M1190" s="236">
        <f t="shared" si="277"/>
        <v>4.0072102008710369</v>
      </c>
      <c r="N1190" s="236">
        <f t="shared" si="278"/>
        <v>3.5233651446172818</v>
      </c>
      <c r="O1190" s="236">
        <f t="shared" si="282"/>
        <v>3.3678975095071459</v>
      </c>
      <c r="P1190" s="236" t="str">
        <f t="shared" si="283"/>
        <v>CLAY</v>
      </c>
      <c r="Q1190" s="236">
        <f t="shared" si="279"/>
        <v>21.522984482373474</v>
      </c>
      <c r="R1190" s="238">
        <v>35</v>
      </c>
      <c r="S1190" s="236">
        <f t="shared" si="284"/>
        <v>1.4174007687315591</v>
      </c>
      <c r="T1190" s="236" t="e">
        <f t="shared" si="270"/>
        <v>#N/A</v>
      </c>
    </row>
    <row r="1191" spans="1:20" x14ac:dyDescent="0.2">
      <c r="A1191" s="53">
        <f t="shared" si="271"/>
        <v>1179</v>
      </c>
      <c r="B1191" s="239">
        <v>11.702</v>
      </c>
      <c r="C1191" s="3">
        <f t="shared" si="272"/>
        <v>11.695</v>
      </c>
      <c r="D1191" s="239">
        <v>0.37980000000000003</v>
      </c>
      <c r="E1191" s="239">
        <v>8.9999999999999993E-3</v>
      </c>
      <c r="F1191" s="239">
        <v>0.32029999999999997</v>
      </c>
      <c r="G1191">
        <f t="shared" si="273"/>
        <v>0.44386000000000003</v>
      </c>
      <c r="H1191" s="235">
        <f t="shared" si="274"/>
        <v>2.027666381291398</v>
      </c>
      <c r="I1191" s="236">
        <f t="shared" si="275"/>
        <v>15.503419237805751</v>
      </c>
      <c r="J1191" s="237">
        <f t="shared" si="280"/>
        <v>5.5034192378057512</v>
      </c>
      <c r="K1191" s="237">
        <f t="shared" si="276"/>
        <v>181.31248798613825</v>
      </c>
      <c r="L1191" s="237">
        <f t="shared" si="281"/>
        <v>64.401011920802901</v>
      </c>
      <c r="M1191" s="236">
        <f t="shared" si="277"/>
        <v>4.0767606623437747</v>
      </c>
      <c r="N1191" s="236">
        <f t="shared" si="278"/>
        <v>3.4279509757932218</v>
      </c>
      <c r="O1191" s="236">
        <f t="shared" si="282"/>
        <v>3.3552859074487253</v>
      </c>
      <c r="P1191" s="236" t="str">
        <f t="shared" si="283"/>
        <v>CLAY</v>
      </c>
      <c r="Q1191" s="236">
        <f t="shared" si="279"/>
        <v>21.878959334488481</v>
      </c>
      <c r="R1191" s="238">
        <v>35</v>
      </c>
      <c r="S1191" s="236">
        <f t="shared" si="284"/>
        <v>1.4482182910349284</v>
      </c>
      <c r="T1191" s="236" t="e">
        <f t="shared" si="270"/>
        <v>#N/A</v>
      </c>
    </row>
    <row r="1192" spans="1:20" x14ac:dyDescent="0.2">
      <c r="A1192" s="53">
        <f t="shared" si="271"/>
        <v>1180</v>
      </c>
      <c r="B1192" s="239">
        <v>11.712</v>
      </c>
      <c r="C1192" s="3">
        <f t="shared" si="272"/>
        <v>11.705</v>
      </c>
      <c r="D1192" s="239">
        <v>0.37909999999999999</v>
      </c>
      <c r="E1192" s="239">
        <v>9.1999999999999998E-3</v>
      </c>
      <c r="F1192" s="239">
        <v>0.32619999999999999</v>
      </c>
      <c r="G1192">
        <f t="shared" si="273"/>
        <v>0.44433999999999996</v>
      </c>
      <c r="H1192" s="235">
        <f t="shared" si="274"/>
        <v>2.0704865643426209</v>
      </c>
      <c r="I1192" s="236">
        <f t="shared" si="275"/>
        <v>15.529614057837886</v>
      </c>
      <c r="J1192" s="237">
        <f t="shared" si="280"/>
        <v>5.5296140578378861</v>
      </c>
      <c r="K1192" s="237">
        <f t="shared" si="276"/>
        <v>181.77413254699246</v>
      </c>
      <c r="L1192" s="237">
        <f t="shared" si="281"/>
        <v>64.762839845397323</v>
      </c>
      <c r="M1192" s="236">
        <f t="shared" si="277"/>
        <v>4.0542673557831632</v>
      </c>
      <c r="N1192" s="236">
        <f t="shared" si="278"/>
        <v>3.503882697794511</v>
      </c>
      <c r="O1192" s="236">
        <f t="shared" si="282"/>
        <v>3.3623177516478355</v>
      </c>
      <c r="P1192" s="236" t="str">
        <f t="shared" si="283"/>
        <v>CLAY</v>
      </c>
      <c r="Q1192" s="236">
        <f t="shared" si="279"/>
        <v>21.880488954417292</v>
      </c>
      <c r="R1192" s="238">
        <v>35</v>
      </c>
      <c r="S1192" s="236">
        <f t="shared" si="284"/>
        <v>1.4382371064872823</v>
      </c>
      <c r="T1192" s="236" t="e">
        <f t="shared" si="270"/>
        <v>#N/A</v>
      </c>
    </row>
    <row r="1193" spans="1:20" x14ac:dyDescent="0.2">
      <c r="A1193" s="53">
        <f t="shared" si="271"/>
        <v>1181</v>
      </c>
      <c r="B1193" s="239">
        <v>11.722</v>
      </c>
      <c r="C1193" s="3">
        <f t="shared" si="272"/>
        <v>11.715</v>
      </c>
      <c r="D1193" s="239">
        <v>0.38030000000000003</v>
      </c>
      <c r="E1193" s="239">
        <v>9.2999999999999992E-3</v>
      </c>
      <c r="F1193" s="239">
        <v>0.3322</v>
      </c>
      <c r="G1193">
        <f t="shared" si="273"/>
        <v>0.44674000000000003</v>
      </c>
      <c r="H1193" s="235">
        <f t="shared" si="274"/>
        <v>2.0817477727537268</v>
      </c>
      <c r="I1193" s="236">
        <f t="shared" si="275"/>
        <v>15.544396371362685</v>
      </c>
      <c r="J1193" s="237">
        <f t="shared" si="280"/>
        <v>5.5443963713626854</v>
      </c>
      <c r="K1193" s="237">
        <f t="shared" si="276"/>
        <v>182.10260349051384</v>
      </c>
      <c r="L1193" s="237">
        <f t="shared" si="281"/>
        <v>64.991414265113391</v>
      </c>
      <c r="M1193" s="236">
        <f t="shared" si="277"/>
        <v>4.0718824094206596</v>
      </c>
      <c r="N1193" s="236">
        <f t="shared" si="278"/>
        <v>3.5142425532691606</v>
      </c>
      <c r="O1193" s="236">
        <f t="shared" si="282"/>
        <v>3.361388559777061</v>
      </c>
      <c r="P1193" s="236" t="str">
        <f t="shared" si="283"/>
        <v>CLAY</v>
      </c>
      <c r="Q1193" s="236">
        <f t="shared" si="279"/>
        <v>22.053116375790513</v>
      </c>
      <c r="R1193" s="238">
        <v>35</v>
      </c>
      <c r="S1193" s="236">
        <f t="shared" si="284"/>
        <v>1.4460524421335768</v>
      </c>
      <c r="T1193" s="236" t="e">
        <f t="shared" si="270"/>
        <v>#N/A</v>
      </c>
    </row>
    <row r="1194" spans="1:20" x14ac:dyDescent="0.2">
      <c r="A1194" s="53">
        <f t="shared" si="271"/>
        <v>1182</v>
      </c>
      <c r="B1194" s="239">
        <v>11.731999999999999</v>
      </c>
      <c r="C1194" s="3">
        <f t="shared" si="272"/>
        <v>11.725</v>
      </c>
      <c r="D1194" s="239">
        <v>0.41820000000000002</v>
      </c>
      <c r="E1194" s="239">
        <v>9.1999999999999998E-3</v>
      </c>
      <c r="F1194" s="239">
        <v>0.33</v>
      </c>
      <c r="G1194">
        <f t="shared" si="273"/>
        <v>0.48420000000000002</v>
      </c>
      <c r="H1194" s="235">
        <f t="shared" si="274"/>
        <v>1.9000413052457661</v>
      </c>
      <c r="I1194" s="236">
        <f t="shared" si="275"/>
        <v>15.563192494810629</v>
      </c>
      <c r="J1194" s="237">
        <f t="shared" si="280"/>
        <v>5.5631924948106288</v>
      </c>
      <c r="K1194" s="237">
        <f t="shared" si="276"/>
        <v>182.47843200165462</v>
      </c>
      <c r="L1194" s="237">
        <f t="shared" si="281"/>
        <v>65.267374349118299</v>
      </c>
      <c r="M1194" s="236">
        <f t="shared" si="277"/>
        <v>4.6228543894599223</v>
      </c>
      <c r="N1194" s="236">
        <f t="shared" si="278"/>
        <v>3.0491688284115139</v>
      </c>
      <c r="O1194" s="236">
        <f t="shared" si="282"/>
        <v>3.2821887808784398</v>
      </c>
      <c r="P1194" s="236" t="str">
        <f t="shared" si="283"/>
        <v>CLAY</v>
      </c>
      <c r="Q1194" s="236">
        <f t="shared" si="279"/>
        <v>25.143463999862121</v>
      </c>
      <c r="R1194" s="238">
        <v>35</v>
      </c>
      <c r="S1194" s="236">
        <f t="shared" si="284"/>
        <v>1.6946412614874178</v>
      </c>
      <c r="T1194" s="236" t="e">
        <f t="shared" si="270"/>
        <v>#N/A</v>
      </c>
    </row>
    <row r="1195" spans="1:20" x14ac:dyDescent="0.2">
      <c r="A1195" s="53">
        <f t="shared" si="271"/>
        <v>1183</v>
      </c>
      <c r="B1195" s="239">
        <v>11.742000000000001</v>
      </c>
      <c r="C1195" s="3">
        <f t="shared" si="272"/>
        <v>11.735000000000001</v>
      </c>
      <c r="D1195" s="239">
        <v>0.43869999999999998</v>
      </c>
      <c r="E1195" s="239">
        <v>8.9999999999999993E-3</v>
      </c>
      <c r="F1195" s="239">
        <v>0.31330000000000002</v>
      </c>
      <c r="G1195">
        <f t="shared" si="273"/>
        <v>0.50136000000000003</v>
      </c>
      <c r="H1195" s="235">
        <f t="shared" si="274"/>
        <v>1.7951172809956915</v>
      </c>
      <c r="I1195" s="236">
        <f t="shared" si="275"/>
        <v>15.551032543391386</v>
      </c>
      <c r="J1195" s="237">
        <f t="shared" si="280"/>
        <v>5.5510325433913863</v>
      </c>
      <c r="K1195" s="237">
        <f t="shared" si="276"/>
        <v>182.49136689669794</v>
      </c>
      <c r="L1195" s="237">
        <f t="shared" si="281"/>
        <v>65.180224124501663</v>
      </c>
      <c r="M1195" s="236">
        <f t="shared" si="277"/>
        <v>4.8921070368556352</v>
      </c>
      <c r="N1195" s="236">
        <f t="shared" si="278"/>
        <v>2.822478935105643</v>
      </c>
      <c r="O1195" s="236">
        <f t="shared" si="282"/>
        <v>3.2437955755095129</v>
      </c>
      <c r="P1195" s="236" t="str">
        <f t="shared" si="283"/>
        <v>CLAY</v>
      </c>
      <c r="Q1195" s="236">
        <f t="shared" si="279"/>
        <v>26.572386091941837</v>
      </c>
      <c r="R1195" s="238">
        <v>35</v>
      </c>
      <c r="S1195" s="236">
        <f t="shared" si="284"/>
        <v>1.8189047074497759</v>
      </c>
      <c r="T1195" s="236" t="e">
        <f t="shared" si="270"/>
        <v>#N/A</v>
      </c>
    </row>
    <row r="1196" spans="1:20" x14ac:dyDescent="0.2">
      <c r="A1196" s="53">
        <f t="shared" si="271"/>
        <v>1184</v>
      </c>
      <c r="B1196" s="239">
        <v>11.752000000000001</v>
      </c>
      <c r="C1196" s="3">
        <f t="shared" si="272"/>
        <v>11.745000000000001</v>
      </c>
      <c r="D1196" s="239">
        <v>0.3836</v>
      </c>
      <c r="E1196" s="239">
        <v>9.1000000000000004E-3</v>
      </c>
      <c r="F1196" s="239">
        <v>0.31890000000000002</v>
      </c>
      <c r="G1196">
        <f t="shared" si="273"/>
        <v>0.44738</v>
      </c>
      <c r="H1196" s="235">
        <f t="shared" si="274"/>
        <v>2.0340650006705712</v>
      </c>
      <c r="I1196" s="236">
        <f t="shared" si="275"/>
        <v>15.519463722310594</v>
      </c>
      <c r="J1196" s="237">
        <f t="shared" si="280"/>
        <v>5.5194637223105936</v>
      </c>
      <c r="K1196" s="237">
        <f t="shared" si="276"/>
        <v>182.27610141853793</v>
      </c>
      <c r="L1196" s="237">
        <f t="shared" si="281"/>
        <v>64.864737664594102</v>
      </c>
      <c r="M1196" s="236">
        <f t="shared" si="277"/>
        <v>4.0870264511401384</v>
      </c>
      <c r="N1196" s="236">
        <f t="shared" si="278"/>
        <v>3.4326164378166317</v>
      </c>
      <c r="O1196" s="236">
        <f t="shared" si="282"/>
        <v>3.3546641399664621</v>
      </c>
      <c r="P1196" s="236" t="str">
        <f t="shared" si="283"/>
        <v>CLAY</v>
      </c>
      <c r="Q1196" s="236">
        <f t="shared" si="279"/>
        <v>22.091991548455173</v>
      </c>
      <c r="R1196" s="238">
        <v>35</v>
      </c>
      <c r="S1196" s="236">
        <f t="shared" si="284"/>
        <v>1.4527782165023868</v>
      </c>
      <c r="T1196" s="236" t="e">
        <f t="shared" si="270"/>
        <v>#N/A</v>
      </c>
    </row>
    <row r="1197" spans="1:20" x14ac:dyDescent="0.2">
      <c r="A1197" s="53">
        <f t="shared" si="271"/>
        <v>1185</v>
      </c>
      <c r="B1197" s="239">
        <v>11.762</v>
      </c>
      <c r="C1197" s="3">
        <f t="shared" si="272"/>
        <v>11.755000000000001</v>
      </c>
      <c r="D1197" s="239">
        <v>0.3775</v>
      </c>
      <c r="E1197" s="239">
        <v>9.2999999999999992E-3</v>
      </c>
      <c r="F1197" s="239">
        <v>0.30059999999999998</v>
      </c>
      <c r="G1197">
        <f t="shared" si="273"/>
        <v>0.43762000000000001</v>
      </c>
      <c r="H1197" s="235">
        <f t="shared" si="274"/>
        <v>2.1251313925323334</v>
      </c>
      <c r="I1197" s="236">
        <f t="shared" si="275"/>
        <v>15.53633446109535</v>
      </c>
      <c r="J1197" s="237">
        <f t="shared" si="280"/>
        <v>5.5363344610953504</v>
      </c>
      <c r="K1197" s="237">
        <f t="shared" si="276"/>
        <v>182.62961159017587</v>
      </c>
      <c r="L1197" s="237">
        <f t="shared" si="281"/>
        <v>65.118365931403517</v>
      </c>
      <c r="M1197" s="236">
        <f t="shared" si="277"/>
        <v>3.9157983275936949</v>
      </c>
      <c r="N1197" s="236">
        <f t="shared" si="278"/>
        <v>3.647196295514052</v>
      </c>
      <c r="O1197" s="236">
        <f t="shared" si="282"/>
        <v>3.384308097757041</v>
      </c>
      <c r="P1197" s="236" t="str">
        <f t="shared" si="283"/>
        <v>CLAY</v>
      </c>
      <c r="Q1197" s="236">
        <f t="shared" si="279"/>
        <v>21.24919903415201</v>
      </c>
      <c r="R1197" s="238">
        <v>35</v>
      </c>
      <c r="S1197" s="236">
        <f t="shared" si="284"/>
        <v>1.3770997656389752</v>
      </c>
      <c r="T1197" s="236" t="e">
        <f t="shared" si="270"/>
        <v>#N/A</v>
      </c>
    </row>
    <row r="1198" spans="1:20" x14ac:dyDescent="0.2">
      <c r="A1198" s="53">
        <f t="shared" si="271"/>
        <v>1186</v>
      </c>
      <c r="B1198" s="239">
        <v>11.771000000000001</v>
      </c>
      <c r="C1198" s="3">
        <f t="shared" si="272"/>
        <v>11.764000000000001</v>
      </c>
      <c r="D1198" s="239">
        <v>0.37630000000000002</v>
      </c>
      <c r="E1198" s="239">
        <v>9.2999999999999992E-3</v>
      </c>
      <c r="F1198" s="239">
        <v>0.32190000000000002</v>
      </c>
      <c r="G1198">
        <f t="shared" si="273"/>
        <v>0.44068000000000002</v>
      </c>
      <c r="H1198" s="235">
        <f t="shared" si="274"/>
        <v>2.1103748751928832</v>
      </c>
      <c r="I1198" s="236">
        <f t="shared" si="275"/>
        <v>15.539058022162218</v>
      </c>
      <c r="J1198" s="237">
        <f t="shared" si="280"/>
        <v>5.5390580221622177</v>
      </c>
      <c r="K1198" s="237">
        <f t="shared" si="276"/>
        <v>182.80147857271635</v>
      </c>
      <c r="L1198" s="237">
        <f t="shared" si="281"/>
        <v>65.200251978871464</v>
      </c>
      <c r="M1198" s="236">
        <f t="shared" si="277"/>
        <v>3.9551767608329298</v>
      </c>
      <c r="N1198" s="236">
        <f t="shared" si="278"/>
        <v>3.606349202146486</v>
      </c>
      <c r="O1198" s="236">
        <f t="shared" si="282"/>
        <v>3.3780387306578898</v>
      </c>
      <c r="P1198" s="236" t="str">
        <f t="shared" si="283"/>
        <v>CLAY</v>
      </c>
      <c r="Q1198" s="236">
        <f t="shared" si="279"/>
        <v>21.48987678560697</v>
      </c>
      <c r="R1198" s="238">
        <v>35</v>
      </c>
      <c r="S1198" s="236">
        <f t="shared" si="284"/>
        <v>1.3944321276086011</v>
      </c>
      <c r="T1198" s="236" t="e">
        <f t="shared" si="270"/>
        <v>#N/A</v>
      </c>
    </row>
    <row r="1199" spans="1:20" x14ac:dyDescent="0.2">
      <c r="A1199" s="53">
        <f t="shared" si="271"/>
        <v>1187</v>
      </c>
      <c r="B1199" s="239">
        <v>11.782</v>
      </c>
      <c r="C1199" s="3">
        <f t="shared" si="272"/>
        <v>11.775</v>
      </c>
      <c r="D1199" s="239">
        <v>0.37830000000000003</v>
      </c>
      <c r="E1199" s="239">
        <v>9.1000000000000004E-3</v>
      </c>
      <c r="F1199" s="239">
        <v>0.32229999999999998</v>
      </c>
      <c r="G1199">
        <f t="shared" si="273"/>
        <v>0.44275999999999999</v>
      </c>
      <c r="H1199" s="235">
        <f t="shared" si="274"/>
        <v>2.0552895473845876</v>
      </c>
      <c r="I1199" s="236">
        <f t="shared" si="275"/>
        <v>15.515406354546112</v>
      </c>
      <c r="J1199" s="237">
        <f t="shared" si="280"/>
        <v>5.5154063545461121</v>
      </c>
      <c r="K1199" s="237">
        <f t="shared" si="276"/>
        <v>182.69390982478046</v>
      </c>
      <c r="L1199" s="237">
        <f t="shared" si="281"/>
        <v>64.982517669262293</v>
      </c>
      <c r="M1199" s="236">
        <f t="shared" si="277"/>
        <v>4.0020931706411043</v>
      </c>
      <c r="N1199" s="236">
        <f t="shared" si="278"/>
        <v>3.4991105506561331</v>
      </c>
      <c r="O1199" s="236">
        <f t="shared" si="282"/>
        <v>3.3667971978612785</v>
      </c>
      <c r="P1199" s="236" t="str">
        <f t="shared" si="283"/>
        <v>CLAY</v>
      </c>
      <c r="Q1199" s="236">
        <f t="shared" si="279"/>
        <v>21.672174181268293</v>
      </c>
      <c r="R1199" s="238">
        <v>35</v>
      </c>
      <c r="S1199" s="236">
        <f t="shared" si="284"/>
        <v>1.4151386823463508</v>
      </c>
      <c r="T1199" s="236" t="e">
        <f t="shared" si="270"/>
        <v>#N/A</v>
      </c>
    </row>
    <row r="1200" spans="1:20" x14ac:dyDescent="0.2">
      <c r="A1200" s="53">
        <f t="shared" si="271"/>
        <v>1188</v>
      </c>
      <c r="B1200" s="239">
        <v>11.792</v>
      </c>
      <c r="C1200" s="3">
        <f t="shared" si="272"/>
        <v>11.785</v>
      </c>
      <c r="D1200" s="239">
        <v>0.3795</v>
      </c>
      <c r="E1200" s="239">
        <v>9.1999999999999998E-3</v>
      </c>
      <c r="F1200" s="239">
        <v>0.32640000000000002</v>
      </c>
      <c r="G1200">
        <f t="shared" si="273"/>
        <v>0.44478000000000001</v>
      </c>
      <c r="H1200" s="235">
        <f t="shared" si="274"/>
        <v>2.0684383290615584</v>
      </c>
      <c r="I1200" s="236">
        <f t="shared" si="275"/>
        <v>15.530000913670332</v>
      </c>
      <c r="J1200" s="237">
        <f t="shared" si="280"/>
        <v>5.5300009136703316</v>
      </c>
      <c r="K1200" s="237">
        <f t="shared" si="276"/>
        <v>183.02106076760487</v>
      </c>
      <c r="L1200" s="237">
        <f t="shared" si="281"/>
        <v>65.209770774000546</v>
      </c>
      <c r="M1200" s="236">
        <f t="shared" si="277"/>
        <v>4.0141061090305152</v>
      </c>
      <c r="N1200" s="236">
        <f t="shared" si="278"/>
        <v>3.5146841697093074</v>
      </c>
      <c r="O1200" s="236">
        <f t="shared" si="282"/>
        <v>3.366699768759009</v>
      </c>
      <c r="P1200" s="236" t="str">
        <f t="shared" si="283"/>
        <v>CLAY</v>
      </c>
      <c r="Q1200" s="236">
        <f t="shared" si="279"/>
        <v>21.81324493603293</v>
      </c>
      <c r="R1200" s="238">
        <v>35</v>
      </c>
      <c r="S1200" s="236">
        <f t="shared" si="284"/>
        <v>1.4204503863797027</v>
      </c>
      <c r="T1200" s="236" t="e">
        <f t="shared" si="270"/>
        <v>#N/A</v>
      </c>
    </row>
    <row r="1201" spans="1:20" x14ac:dyDescent="0.2">
      <c r="A1201" s="53">
        <f t="shared" si="271"/>
        <v>1189</v>
      </c>
      <c r="B1201" s="239">
        <v>11.801</v>
      </c>
      <c r="C1201" s="3">
        <f t="shared" si="272"/>
        <v>11.794</v>
      </c>
      <c r="D1201" s="239">
        <v>0.38009999999999999</v>
      </c>
      <c r="E1201" s="239">
        <v>9.1999999999999998E-3</v>
      </c>
      <c r="F1201" s="239">
        <v>0.32729999999999998</v>
      </c>
      <c r="G1201">
        <f t="shared" si="273"/>
        <v>0.44555999999999996</v>
      </c>
      <c r="H1201" s="235">
        <f t="shared" si="274"/>
        <v>2.0648173085555261</v>
      </c>
      <c r="I1201" s="236">
        <f t="shared" si="275"/>
        <v>15.530685763961891</v>
      </c>
      <c r="J1201" s="237">
        <f t="shared" si="280"/>
        <v>5.5306857639618912</v>
      </c>
      <c r="K1201" s="237">
        <f t="shared" si="276"/>
        <v>183.16890790016654</v>
      </c>
      <c r="L1201" s="237">
        <f t="shared" si="281"/>
        <v>65.267622700514281</v>
      </c>
      <c r="M1201" s="236">
        <f t="shared" si="277"/>
        <v>4.0202336356547859</v>
      </c>
      <c r="N1201" s="236">
        <f t="shared" si="278"/>
        <v>3.5062165892810206</v>
      </c>
      <c r="O1201" s="236">
        <f t="shared" si="282"/>
        <v>3.3655863429326502</v>
      </c>
      <c r="P1201" s="236" t="str">
        <f t="shared" si="283"/>
        <v>CLAY</v>
      </c>
      <c r="Q1201" s="236">
        <f t="shared" si="279"/>
        <v>21.865924341652782</v>
      </c>
      <c r="R1201" s="238">
        <v>35</v>
      </c>
      <c r="S1201" s="236">
        <f t="shared" si="284"/>
        <v>1.4231612974431971</v>
      </c>
      <c r="T1201" s="236" t="e">
        <f t="shared" si="270"/>
        <v>#N/A</v>
      </c>
    </row>
    <row r="1202" spans="1:20" x14ac:dyDescent="0.2">
      <c r="A1202" s="53">
        <f t="shared" si="271"/>
        <v>1190</v>
      </c>
      <c r="B1202" s="239">
        <v>11.813000000000001</v>
      </c>
      <c r="C1202" s="3">
        <f t="shared" si="272"/>
        <v>11.806000000000001</v>
      </c>
      <c r="D1202" s="239">
        <v>0.374</v>
      </c>
      <c r="E1202" s="239">
        <v>9.2999999999999992E-3</v>
      </c>
      <c r="F1202" s="239">
        <v>0.32969999999999999</v>
      </c>
      <c r="G1202">
        <f t="shared" si="273"/>
        <v>0.43994</v>
      </c>
      <c r="H1202" s="235">
        <f t="shared" si="274"/>
        <v>2.113924626085375</v>
      </c>
      <c r="I1202" s="236">
        <f t="shared" si="275"/>
        <v>15.538401120903949</v>
      </c>
      <c r="J1202" s="237">
        <f t="shared" si="280"/>
        <v>5.5384011209039485</v>
      </c>
      <c r="K1202" s="237">
        <f t="shared" si="276"/>
        <v>183.44636363339202</v>
      </c>
      <c r="L1202" s="237">
        <f t="shared" si="281"/>
        <v>65.425132441238347</v>
      </c>
      <c r="M1202" s="236">
        <f t="shared" si="277"/>
        <v>3.9204144767605631</v>
      </c>
      <c r="N1202" s="236">
        <f t="shared" si="278"/>
        <v>3.6258209489094111</v>
      </c>
      <c r="O1202" s="236">
        <f t="shared" si="282"/>
        <v>3.3825295039559613</v>
      </c>
      <c r="P1202" s="236" t="str">
        <f t="shared" si="283"/>
        <v>CLAY</v>
      </c>
      <c r="Q1202" s="236">
        <f t="shared" si="279"/>
        <v>21.374469697217332</v>
      </c>
      <c r="R1202" s="238">
        <v>35</v>
      </c>
      <c r="S1202" s="236">
        <f t="shared" si="284"/>
        <v>1.3791293116787489</v>
      </c>
      <c r="T1202" s="236" t="e">
        <f t="shared" si="270"/>
        <v>#N/A</v>
      </c>
    </row>
    <row r="1203" spans="1:20" x14ac:dyDescent="0.2">
      <c r="A1203" s="53">
        <f t="shared" si="271"/>
        <v>1191</v>
      </c>
      <c r="B1203" s="239">
        <v>11.821999999999999</v>
      </c>
      <c r="C1203" s="3">
        <f t="shared" si="272"/>
        <v>11.815</v>
      </c>
      <c r="D1203" s="239">
        <v>0.37359999999999999</v>
      </c>
      <c r="E1203" s="239">
        <v>9.4000000000000004E-3</v>
      </c>
      <c r="F1203" s="239">
        <v>0.33439999999999998</v>
      </c>
      <c r="G1203">
        <f t="shared" si="273"/>
        <v>0.44047999999999998</v>
      </c>
      <c r="H1203" s="235">
        <f t="shared" si="274"/>
        <v>2.1340355975299676</v>
      </c>
      <c r="I1203" s="236">
        <f t="shared" si="275"/>
        <v>15.551421833746002</v>
      </c>
      <c r="J1203" s="237">
        <f t="shared" si="280"/>
        <v>5.5514218337460015</v>
      </c>
      <c r="K1203" s="237">
        <f t="shared" si="276"/>
        <v>183.74004896570901</v>
      </c>
      <c r="L1203" s="237">
        <f t="shared" si="281"/>
        <v>65.628908918545221</v>
      </c>
      <c r="M1203" s="236">
        <f t="shared" si="277"/>
        <v>3.9119948093749599</v>
      </c>
      <c r="N1203" s="236">
        <f t="shared" si="278"/>
        <v>3.6612922773146859</v>
      </c>
      <c r="O1203" s="236">
        <f t="shared" si="282"/>
        <v>3.3855492004294607</v>
      </c>
      <c r="P1203" s="236" t="str">
        <f t="shared" si="283"/>
        <v>CLAY</v>
      </c>
      <c r="Q1203" s="236">
        <f t="shared" si="279"/>
        <v>21.394995919524245</v>
      </c>
      <c r="R1203" s="238">
        <v>35</v>
      </c>
      <c r="S1203" s="236">
        <f t="shared" si="284"/>
        <v>1.3754279520327819</v>
      </c>
      <c r="T1203" s="236" t="e">
        <f t="shared" si="270"/>
        <v>#N/A</v>
      </c>
    </row>
    <row r="1204" spans="1:20" x14ac:dyDescent="0.2">
      <c r="A1204" s="53">
        <f t="shared" si="271"/>
        <v>1192</v>
      </c>
      <c r="B1204" s="239">
        <v>11.832000000000001</v>
      </c>
      <c r="C1204" s="3">
        <f t="shared" si="272"/>
        <v>11.825000000000001</v>
      </c>
      <c r="D1204" s="239">
        <v>0.37659999999999999</v>
      </c>
      <c r="E1204" s="239">
        <v>9.4000000000000004E-3</v>
      </c>
      <c r="F1204" s="239">
        <v>0.33789999999999998</v>
      </c>
      <c r="G1204">
        <f t="shared" si="273"/>
        <v>0.44417999999999996</v>
      </c>
      <c r="H1204" s="235">
        <f t="shared" si="274"/>
        <v>2.1162591742086545</v>
      </c>
      <c r="I1204" s="236">
        <f t="shared" si="275"/>
        <v>15.554691358890933</v>
      </c>
      <c r="J1204" s="237">
        <f t="shared" si="280"/>
        <v>5.554691358890933</v>
      </c>
      <c r="K1204" s="237">
        <f t="shared" si="276"/>
        <v>183.9342253188853</v>
      </c>
      <c r="L1204" s="237">
        <f t="shared" si="281"/>
        <v>65.723108158397523</v>
      </c>
      <c r="M1204" s="236">
        <f t="shared" si="277"/>
        <v>3.9597301766968052</v>
      </c>
      <c r="N1204" s="236">
        <f t="shared" si="278"/>
        <v>3.6119702659987638</v>
      </c>
      <c r="O1204" s="236">
        <f t="shared" si="282"/>
        <v>3.377969695754258</v>
      </c>
      <c r="P1204" s="236" t="str">
        <f t="shared" si="283"/>
        <v>CLAY</v>
      </c>
      <c r="Q1204" s="236">
        <f t="shared" si="279"/>
        <v>21.687147890092888</v>
      </c>
      <c r="R1204" s="238">
        <v>35</v>
      </c>
      <c r="S1204" s="236">
        <f t="shared" si="284"/>
        <v>1.3964390994895077</v>
      </c>
      <c r="T1204" s="236" t="e">
        <f t="shared" si="270"/>
        <v>#N/A</v>
      </c>
    </row>
    <row r="1205" spans="1:20" x14ac:dyDescent="0.2">
      <c r="A1205" s="53">
        <f t="shared" si="271"/>
        <v>1193</v>
      </c>
      <c r="B1205" s="239">
        <v>11.843</v>
      </c>
      <c r="C1205" s="3">
        <f t="shared" si="272"/>
        <v>11.836</v>
      </c>
      <c r="D1205" s="239">
        <v>0.38190000000000002</v>
      </c>
      <c r="E1205" s="239">
        <v>9.1000000000000004E-3</v>
      </c>
      <c r="F1205" s="239">
        <v>0.33139999999999997</v>
      </c>
      <c r="G1205">
        <f t="shared" si="273"/>
        <v>0.44818000000000002</v>
      </c>
      <c r="H1205" s="235">
        <f t="shared" si="274"/>
        <v>2.0304342005444243</v>
      </c>
      <c r="I1205" s="236">
        <f t="shared" si="275"/>
        <v>15.520162038693961</v>
      </c>
      <c r="J1205" s="237">
        <f t="shared" si="280"/>
        <v>5.5201620386939609</v>
      </c>
      <c r="K1205" s="237">
        <f t="shared" si="276"/>
        <v>183.69663788998173</v>
      </c>
      <c r="L1205" s="237">
        <f t="shared" si="281"/>
        <v>65.375279024252578</v>
      </c>
      <c r="M1205" s="236">
        <f t="shared" si="277"/>
        <v>4.0456173351382807</v>
      </c>
      <c r="N1205" s="236">
        <f t="shared" si="278"/>
        <v>3.4406701152772827</v>
      </c>
      <c r="O1205" s="236">
        <f t="shared" si="282"/>
        <v>3.3589657307114082</v>
      </c>
      <c r="P1205" s="236" t="str">
        <f t="shared" si="283"/>
        <v>CLAY</v>
      </c>
      <c r="Q1205" s="236">
        <f t="shared" si="279"/>
        <v>22.040280175834855</v>
      </c>
      <c r="R1205" s="238">
        <v>35</v>
      </c>
      <c r="S1205" s="236">
        <f t="shared" si="284"/>
        <v>1.4344024244389342</v>
      </c>
      <c r="T1205" s="236" t="e">
        <f t="shared" si="270"/>
        <v>#N/A</v>
      </c>
    </row>
    <row r="1206" spans="1:20" x14ac:dyDescent="0.2">
      <c r="A1206" s="53">
        <f t="shared" si="271"/>
        <v>1194</v>
      </c>
      <c r="B1206" s="239">
        <v>11.852</v>
      </c>
      <c r="C1206" s="3">
        <f t="shared" si="272"/>
        <v>11.845000000000001</v>
      </c>
      <c r="D1206" s="239">
        <v>0.38390000000000002</v>
      </c>
      <c r="E1206" s="239">
        <v>9.1000000000000004E-3</v>
      </c>
      <c r="F1206" s="239">
        <v>0.3322</v>
      </c>
      <c r="G1206">
        <f t="shared" si="273"/>
        <v>0.45034000000000002</v>
      </c>
      <c r="H1206" s="235">
        <f t="shared" si="274"/>
        <v>2.0206954745303549</v>
      </c>
      <c r="I1206" s="236">
        <f t="shared" si="275"/>
        <v>15.522041284785679</v>
      </c>
      <c r="J1206" s="237">
        <f t="shared" si="280"/>
        <v>5.5220412847856792</v>
      </c>
      <c r="K1206" s="237">
        <f t="shared" si="276"/>
        <v>183.85857901828638</v>
      </c>
      <c r="L1206" s="237">
        <f t="shared" si="281"/>
        <v>65.447233307279873</v>
      </c>
      <c r="M1206" s="236">
        <f t="shared" si="277"/>
        <v>4.071698794822427</v>
      </c>
      <c r="N1206" s="236">
        <f t="shared" si="278"/>
        <v>3.4148722137835099</v>
      </c>
      <c r="O1206" s="236">
        <f t="shared" si="282"/>
        <v>3.3548778451072594</v>
      </c>
      <c r="P1206" s="236" t="str">
        <f t="shared" si="283"/>
        <v>CLAY</v>
      </c>
      <c r="Q1206" s="236">
        <f t="shared" si="279"/>
        <v>22.206785081809471</v>
      </c>
      <c r="R1206" s="238">
        <v>35</v>
      </c>
      <c r="S1206" s="236">
        <f t="shared" si="284"/>
        <v>1.4459709335047517</v>
      </c>
      <c r="T1206" s="236" t="e">
        <f t="shared" si="270"/>
        <v>#N/A</v>
      </c>
    </row>
    <row r="1207" spans="1:20" x14ac:dyDescent="0.2">
      <c r="A1207" s="53">
        <f t="shared" si="271"/>
        <v>1195</v>
      </c>
      <c r="B1207" s="239">
        <v>11.862</v>
      </c>
      <c r="C1207" s="3">
        <f t="shared" si="272"/>
        <v>11.855</v>
      </c>
      <c r="D1207" s="239">
        <v>0.38829999999999998</v>
      </c>
      <c r="E1207" s="239">
        <v>9.1000000000000004E-3</v>
      </c>
      <c r="F1207" s="239">
        <v>0.3342</v>
      </c>
      <c r="G1207">
        <f t="shared" si="273"/>
        <v>0.45513999999999999</v>
      </c>
      <c r="H1207" s="235">
        <f t="shared" si="274"/>
        <v>1.9993848046754845</v>
      </c>
      <c r="I1207" s="236">
        <f t="shared" si="275"/>
        <v>15.526185318306368</v>
      </c>
      <c r="J1207" s="237">
        <f t="shared" si="280"/>
        <v>5.5261853183063678</v>
      </c>
      <c r="K1207" s="237">
        <f t="shared" si="276"/>
        <v>184.062926948522</v>
      </c>
      <c r="L1207" s="237">
        <f t="shared" si="281"/>
        <v>65.55161024575014</v>
      </c>
      <c r="M1207" s="236">
        <f t="shared" si="277"/>
        <v>4.1353228705629324</v>
      </c>
      <c r="N1207" s="236">
        <f t="shared" si="278"/>
        <v>3.3569788464817507</v>
      </c>
      <c r="O1207" s="236">
        <f t="shared" si="282"/>
        <v>3.3452570904559313</v>
      </c>
      <c r="P1207" s="236" t="str">
        <f t="shared" si="283"/>
        <v>CLAY</v>
      </c>
      <c r="Q1207" s="236">
        <f t="shared" si="279"/>
        <v>22.589756087623169</v>
      </c>
      <c r="R1207" s="238">
        <v>35</v>
      </c>
      <c r="S1207" s="236">
        <f t="shared" si="284"/>
        <v>1.4742691841231135</v>
      </c>
      <c r="T1207" s="236" t="e">
        <f t="shared" si="270"/>
        <v>#N/A</v>
      </c>
    </row>
    <row r="1208" spans="1:20" x14ac:dyDescent="0.2">
      <c r="A1208" s="53">
        <f t="shared" si="271"/>
        <v>1196</v>
      </c>
      <c r="B1208" s="239">
        <v>11.872</v>
      </c>
      <c r="C1208" s="3">
        <f t="shared" si="272"/>
        <v>11.865</v>
      </c>
      <c r="D1208" s="239">
        <v>0.39069999999999999</v>
      </c>
      <c r="E1208" s="239">
        <v>9.1000000000000004E-3</v>
      </c>
      <c r="F1208" s="239">
        <v>0.33510000000000001</v>
      </c>
      <c r="G1208">
        <f t="shared" si="273"/>
        <v>0.45771999999999996</v>
      </c>
      <c r="H1208" s="235">
        <f t="shared" si="274"/>
        <v>1.988115004806432</v>
      </c>
      <c r="I1208" s="236">
        <f t="shared" si="275"/>
        <v>15.528394713990409</v>
      </c>
      <c r="J1208" s="237">
        <f t="shared" si="280"/>
        <v>5.5283947139904086</v>
      </c>
      <c r="K1208" s="237">
        <f t="shared" si="276"/>
        <v>184.2444032814962</v>
      </c>
      <c r="L1208" s="237">
        <f t="shared" si="281"/>
        <v>65.633102044494137</v>
      </c>
      <c r="M1208" s="236">
        <f t="shared" si="277"/>
        <v>4.16673276440764</v>
      </c>
      <c r="N1208" s="236">
        <f t="shared" si="278"/>
        <v>3.327536390520025</v>
      </c>
      <c r="O1208" s="236">
        <f t="shared" si="282"/>
        <v>3.3404575656888609</v>
      </c>
      <c r="P1208" s="236" t="str">
        <f t="shared" si="283"/>
        <v>CLAY</v>
      </c>
      <c r="Q1208" s="236">
        <f t="shared" si="279"/>
        <v>22.789633059875314</v>
      </c>
      <c r="R1208" s="238">
        <v>35</v>
      </c>
      <c r="S1208" s="236">
        <f t="shared" si="284"/>
        <v>1.4882797348533152</v>
      </c>
      <c r="T1208" s="236" t="e">
        <f t="shared" si="270"/>
        <v>#N/A</v>
      </c>
    </row>
    <row r="1209" spans="1:20" x14ac:dyDescent="0.2">
      <c r="A1209" s="53">
        <f t="shared" si="271"/>
        <v>1197</v>
      </c>
      <c r="B1209" s="239">
        <v>11.882</v>
      </c>
      <c r="C1209" s="3">
        <f t="shared" si="272"/>
        <v>11.875</v>
      </c>
      <c r="D1209" s="239">
        <v>0.38869999999999999</v>
      </c>
      <c r="E1209" s="239">
        <v>9.1000000000000004E-3</v>
      </c>
      <c r="F1209" s="239">
        <v>0.33350000000000002</v>
      </c>
      <c r="G1209">
        <f t="shared" si="273"/>
        <v>0.45539999999999997</v>
      </c>
      <c r="H1209" s="235">
        <f t="shared" si="274"/>
        <v>1.9982433025911288</v>
      </c>
      <c r="I1209" s="236">
        <f t="shared" si="275"/>
        <v>15.52640853730065</v>
      </c>
      <c r="J1209" s="237">
        <f t="shared" si="280"/>
        <v>5.5264085373006502</v>
      </c>
      <c r="K1209" s="237">
        <f t="shared" si="276"/>
        <v>184.37610138044522</v>
      </c>
      <c r="L1209" s="237">
        <f t="shared" si="281"/>
        <v>65.664786240206325</v>
      </c>
      <c r="M1209" s="236">
        <f t="shared" si="277"/>
        <v>4.127385683220389</v>
      </c>
      <c r="N1209" s="236">
        <f t="shared" si="278"/>
        <v>3.3576374800710731</v>
      </c>
      <c r="O1209" s="236">
        <f t="shared" si="282"/>
        <v>3.3460132913544975</v>
      </c>
      <c r="P1209" s="236" t="str">
        <f t="shared" si="283"/>
        <v>CLAY</v>
      </c>
      <c r="Q1209" s="236">
        <f t="shared" si="279"/>
        <v>22.585324884962898</v>
      </c>
      <c r="R1209" s="238">
        <v>35</v>
      </c>
      <c r="S1209" s="236">
        <f t="shared" si="284"/>
        <v>1.4707329602644719</v>
      </c>
      <c r="T1209" s="236" t="e">
        <f t="shared" si="270"/>
        <v>#N/A</v>
      </c>
    </row>
    <row r="1210" spans="1:20" x14ac:dyDescent="0.2">
      <c r="A1210" s="53">
        <f t="shared" si="271"/>
        <v>1198</v>
      </c>
      <c r="B1210" s="239">
        <v>11.891999999999999</v>
      </c>
      <c r="C1210" s="3">
        <f t="shared" si="272"/>
        <v>11.885</v>
      </c>
      <c r="D1210" s="239">
        <v>0.38929999999999998</v>
      </c>
      <c r="E1210" s="239">
        <v>9.1999999999999998E-3</v>
      </c>
      <c r="F1210" s="239">
        <v>0.33650000000000002</v>
      </c>
      <c r="G1210">
        <f t="shared" si="273"/>
        <v>0.45659999999999995</v>
      </c>
      <c r="H1210" s="235">
        <f t="shared" si="274"/>
        <v>2.0148926850635132</v>
      </c>
      <c r="I1210" s="236">
        <f t="shared" si="275"/>
        <v>15.540252504654282</v>
      </c>
      <c r="J1210" s="237">
        <f t="shared" si="280"/>
        <v>5.5402525046542817</v>
      </c>
      <c r="K1210" s="237">
        <f t="shared" si="276"/>
        <v>184.69590101781614</v>
      </c>
      <c r="L1210" s="237">
        <f t="shared" si="281"/>
        <v>65.884682785348716</v>
      </c>
      <c r="M1210" s="236">
        <f t="shared" si="277"/>
        <v>4.1269698431734616</v>
      </c>
      <c r="N1210" s="236">
        <f t="shared" si="278"/>
        <v>3.3835459025583936</v>
      </c>
      <c r="O1210" s="236">
        <f t="shared" si="282"/>
        <v>3.3477938034657386</v>
      </c>
      <c r="P1210" s="236" t="str">
        <f t="shared" si="283"/>
        <v>CLAY</v>
      </c>
      <c r="Q1210" s="236">
        <f t="shared" si="279"/>
        <v>22.658674915181987</v>
      </c>
      <c r="R1210" s="238">
        <v>35</v>
      </c>
      <c r="S1210" s="236">
        <f t="shared" si="284"/>
        <v>1.4705477395195379</v>
      </c>
      <c r="T1210" s="236" t="e">
        <f t="shared" si="270"/>
        <v>#N/A</v>
      </c>
    </row>
    <row r="1211" spans="1:20" x14ac:dyDescent="0.2">
      <c r="A1211" s="53">
        <f t="shared" si="271"/>
        <v>1199</v>
      </c>
      <c r="B1211" s="239">
        <v>11.901999999999999</v>
      </c>
      <c r="C1211" s="3">
        <f t="shared" si="272"/>
        <v>11.895</v>
      </c>
      <c r="D1211" s="239">
        <v>0.39179999999999998</v>
      </c>
      <c r="E1211" s="239">
        <v>8.9999999999999993E-3</v>
      </c>
      <c r="F1211" s="239">
        <v>0.33850000000000002</v>
      </c>
      <c r="G1211">
        <f t="shared" si="273"/>
        <v>0.45949999999999996</v>
      </c>
      <c r="H1211" s="235">
        <f t="shared" si="274"/>
        <v>1.958650707290533</v>
      </c>
      <c r="I1211" s="236">
        <f t="shared" si="275"/>
        <v>15.516954794018581</v>
      </c>
      <c r="J1211" s="237">
        <f t="shared" si="280"/>
        <v>5.5169547940185808</v>
      </c>
      <c r="K1211" s="237">
        <f t="shared" si="276"/>
        <v>184.57417727485102</v>
      </c>
      <c r="L1211" s="237">
        <f t="shared" si="281"/>
        <v>65.662795958409149</v>
      </c>
      <c r="M1211" s="236">
        <f t="shared" si="277"/>
        <v>4.1869344537093287</v>
      </c>
      <c r="N1211" s="236">
        <f t="shared" si="278"/>
        <v>3.2736102817804618</v>
      </c>
      <c r="O1211" s="236">
        <f t="shared" si="282"/>
        <v>3.3349683775493228</v>
      </c>
      <c r="P1211" s="236" t="str">
        <f t="shared" si="283"/>
        <v>CLAY</v>
      </c>
      <c r="Q1211" s="236">
        <f t="shared" si="279"/>
        <v>22.910485227095744</v>
      </c>
      <c r="R1211" s="238">
        <v>35</v>
      </c>
      <c r="S1211" s="236">
        <f t="shared" si="284"/>
        <v>1.497304780838947</v>
      </c>
      <c r="T1211" s="236" t="e">
        <f t="shared" si="270"/>
        <v>#N/A</v>
      </c>
    </row>
    <row r="1212" spans="1:20" x14ac:dyDescent="0.2">
      <c r="A1212" s="53">
        <f t="shared" si="271"/>
        <v>1200</v>
      </c>
      <c r="B1212" s="239">
        <v>11.912000000000001</v>
      </c>
      <c r="C1212" s="3">
        <f t="shared" si="272"/>
        <v>11.905000000000001</v>
      </c>
      <c r="D1212" s="239">
        <v>0.39510000000000001</v>
      </c>
      <c r="E1212" s="239">
        <v>8.9999999999999993E-3</v>
      </c>
      <c r="F1212" s="239">
        <v>0.3397</v>
      </c>
      <c r="G1212">
        <f t="shared" si="273"/>
        <v>0.46304000000000001</v>
      </c>
      <c r="H1212" s="235">
        <f t="shared" si="274"/>
        <v>1.9436765722183829</v>
      </c>
      <c r="I1212" s="236">
        <f t="shared" si="275"/>
        <v>15.519954488363714</v>
      </c>
      <c r="J1212" s="237">
        <f t="shared" si="280"/>
        <v>5.5199544883637142</v>
      </c>
      <c r="K1212" s="237">
        <f t="shared" si="276"/>
        <v>184.76505818397004</v>
      </c>
      <c r="L1212" s="237">
        <f t="shared" si="281"/>
        <v>65.753697865388574</v>
      </c>
      <c r="M1212" s="236">
        <f t="shared" si="277"/>
        <v>4.2320804890048374</v>
      </c>
      <c r="N1212" s="236">
        <f t="shared" si="278"/>
        <v>3.2342114389695857</v>
      </c>
      <c r="O1212" s="236">
        <f t="shared" si="282"/>
        <v>3.3282554536166256</v>
      </c>
      <c r="P1212" s="236" t="str">
        <f t="shared" si="283"/>
        <v>CLAY</v>
      </c>
      <c r="Q1212" s="236">
        <f t="shared" si="279"/>
        <v>23.189578484669166</v>
      </c>
      <c r="R1212" s="238">
        <v>35</v>
      </c>
      <c r="S1212" s="236">
        <f t="shared" si="284"/>
        <v>1.517512954685414</v>
      </c>
      <c r="T1212" s="236" t="e">
        <f t="shared" si="270"/>
        <v>#N/A</v>
      </c>
    </row>
    <row r="1213" spans="1:20" x14ac:dyDescent="0.2">
      <c r="A1213" s="53">
        <f t="shared" si="271"/>
        <v>1201</v>
      </c>
      <c r="B1213" s="239">
        <v>11.922000000000001</v>
      </c>
      <c r="C1213" s="3">
        <f t="shared" si="272"/>
        <v>11.915000000000001</v>
      </c>
      <c r="D1213" s="239">
        <v>0.39939999999999998</v>
      </c>
      <c r="E1213" s="239">
        <v>8.8999999999999999E-3</v>
      </c>
      <c r="F1213" s="239">
        <v>0.33639999999999998</v>
      </c>
      <c r="G1213">
        <f t="shared" si="273"/>
        <v>0.46667999999999998</v>
      </c>
      <c r="H1213" s="235">
        <f t="shared" si="274"/>
        <v>1.9070883689037457</v>
      </c>
      <c r="I1213" s="236">
        <f t="shared" si="275"/>
        <v>15.509913342599329</v>
      </c>
      <c r="J1213" s="237">
        <f t="shared" si="280"/>
        <v>5.5099133425993294</v>
      </c>
      <c r="K1213" s="237">
        <f t="shared" si="276"/>
        <v>184.80061747707103</v>
      </c>
      <c r="L1213" s="237">
        <f t="shared" si="281"/>
        <v>65.689186870469214</v>
      </c>
      <c r="M1213" s="236">
        <f t="shared" si="277"/>
        <v>4.2911078055930201</v>
      </c>
      <c r="N1213" s="236">
        <f t="shared" si="278"/>
        <v>3.1573788477687068</v>
      </c>
      <c r="O1213" s="236">
        <f t="shared" si="282"/>
        <v>3.317694463037463</v>
      </c>
      <c r="P1213" s="236" t="str">
        <f t="shared" si="283"/>
        <v>CLAY</v>
      </c>
      <c r="Q1213" s="236">
        <f t="shared" si="279"/>
        <v>23.489948543577412</v>
      </c>
      <c r="R1213" s="238">
        <v>35</v>
      </c>
      <c r="S1213" s="236">
        <f t="shared" si="284"/>
        <v>1.5440159788775925</v>
      </c>
      <c r="T1213" s="236" t="e">
        <f t="shared" si="270"/>
        <v>#N/A</v>
      </c>
    </row>
    <row r="1214" spans="1:20" x14ac:dyDescent="0.2">
      <c r="A1214" s="53">
        <f t="shared" si="271"/>
        <v>1202</v>
      </c>
      <c r="B1214" s="239">
        <v>11.930999999999999</v>
      </c>
      <c r="C1214" s="3">
        <f t="shared" si="272"/>
        <v>11.923999999999999</v>
      </c>
      <c r="D1214" s="239">
        <v>0.40439999999999998</v>
      </c>
      <c r="E1214" s="239">
        <v>8.6999999999999994E-3</v>
      </c>
      <c r="F1214" s="239">
        <v>0.33090000000000003</v>
      </c>
      <c r="G1214">
        <f t="shared" si="273"/>
        <v>0.47058</v>
      </c>
      <c r="H1214" s="235">
        <f t="shared" si="274"/>
        <v>1.8487823536911894</v>
      </c>
      <c r="I1214" s="236">
        <f t="shared" si="275"/>
        <v>15.486515155307117</v>
      </c>
      <c r="J1214" s="237">
        <f t="shared" si="280"/>
        <v>5.4865151553071172</v>
      </c>
      <c r="K1214" s="237">
        <f t="shared" si="276"/>
        <v>184.66120671188204</v>
      </c>
      <c r="L1214" s="237">
        <f t="shared" si="281"/>
        <v>65.459612317969217</v>
      </c>
      <c r="M1214" s="236">
        <f t="shared" si="277"/>
        <v>4.3678656680591255</v>
      </c>
      <c r="N1214" s="236">
        <f t="shared" si="278"/>
        <v>3.0428220194791753</v>
      </c>
      <c r="O1214" s="236">
        <f t="shared" si="282"/>
        <v>3.3028059271499273</v>
      </c>
      <c r="P1214" s="236" t="str">
        <f t="shared" si="283"/>
        <v>CLAY</v>
      </c>
      <c r="Q1214" s="236">
        <f t="shared" si="279"/>
        <v>23.826566107343165</v>
      </c>
      <c r="R1214" s="238">
        <v>35</v>
      </c>
      <c r="S1214" s="236">
        <f t="shared" si="284"/>
        <v>1.5786163638338424</v>
      </c>
      <c r="T1214" s="236" t="e">
        <f t="shared" si="270"/>
        <v>#N/A</v>
      </c>
    </row>
    <row r="1215" spans="1:20" x14ac:dyDescent="0.2">
      <c r="A1215" s="53">
        <f t="shared" si="271"/>
        <v>1203</v>
      </c>
      <c r="B1215" s="239">
        <v>11.942</v>
      </c>
      <c r="C1215" s="3">
        <f t="shared" si="272"/>
        <v>11.935</v>
      </c>
      <c r="D1215" s="239">
        <v>0.40760000000000002</v>
      </c>
      <c r="E1215" s="239">
        <v>8.6E-3</v>
      </c>
      <c r="F1215" s="239">
        <v>0.32779999999999998</v>
      </c>
      <c r="G1215">
        <f t="shared" si="273"/>
        <v>0.47316000000000003</v>
      </c>
      <c r="H1215" s="235">
        <f t="shared" si="274"/>
        <v>1.817566996364866</v>
      </c>
      <c r="I1215" s="236">
        <f t="shared" si="275"/>
        <v>15.475096093548883</v>
      </c>
      <c r="J1215" s="237">
        <f t="shared" si="280"/>
        <v>5.475096093548883</v>
      </c>
      <c r="K1215" s="237">
        <f t="shared" si="276"/>
        <v>184.69527187650593</v>
      </c>
      <c r="L1215" s="237">
        <f t="shared" si="281"/>
        <v>65.383597549160768</v>
      </c>
      <c r="M1215" s="236">
        <f t="shared" si="277"/>
        <v>4.4118821682548521</v>
      </c>
      <c r="N1215" s="236">
        <f t="shared" si="278"/>
        <v>2.981300367620082</v>
      </c>
      <c r="O1215" s="236">
        <f t="shared" si="282"/>
        <v>3.2945046470072712</v>
      </c>
      <c r="P1215" s="236" t="str">
        <f t="shared" si="283"/>
        <v>CLAY</v>
      </c>
      <c r="Q1215" s="236">
        <f t="shared" si="279"/>
        <v>24.038727343624505</v>
      </c>
      <c r="R1215" s="238">
        <v>35</v>
      </c>
      <c r="S1215" s="236">
        <f t="shared" si="284"/>
        <v>1.5985266820249702</v>
      </c>
      <c r="T1215" s="236" t="e">
        <f t="shared" si="270"/>
        <v>#N/A</v>
      </c>
    </row>
    <row r="1216" spans="1:20" x14ac:dyDescent="0.2">
      <c r="A1216" s="53">
        <f t="shared" si="271"/>
        <v>1204</v>
      </c>
      <c r="B1216" s="239">
        <v>11.951000000000001</v>
      </c>
      <c r="C1216" s="3">
        <f t="shared" si="272"/>
        <v>11.944000000000001</v>
      </c>
      <c r="D1216" s="239">
        <v>0.40870000000000001</v>
      </c>
      <c r="E1216" s="239">
        <v>8.3999999999999995E-3</v>
      </c>
      <c r="F1216" s="239">
        <v>0.32119999999999999</v>
      </c>
      <c r="G1216">
        <f t="shared" si="273"/>
        <v>0.47293999999999997</v>
      </c>
      <c r="H1216" s="235">
        <f t="shared" si="274"/>
        <v>1.7761238212035353</v>
      </c>
      <c r="I1216" s="236">
        <f t="shared" si="275"/>
        <v>15.447322569080439</v>
      </c>
      <c r="J1216" s="237">
        <f t="shared" si="280"/>
        <v>5.4473225690804394</v>
      </c>
      <c r="K1216" s="237">
        <f t="shared" si="276"/>
        <v>184.50282076509677</v>
      </c>
      <c r="L1216" s="237">
        <f t="shared" si="281"/>
        <v>65.100952023080339</v>
      </c>
      <c r="M1216" s="236">
        <f t="shared" si="277"/>
        <v>4.4306138431377038</v>
      </c>
      <c r="N1216" s="236">
        <f t="shared" si="278"/>
        <v>2.9122459255361948</v>
      </c>
      <c r="O1216" s="236">
        <f t="shared" si="282"/>
        <v>3.287701358021923</v>
      </c>
      <c r="P1216" s="236" t="str">
        <f t="shared" si="283"/>
        <v>CLAY</v>
      </c>
      <c r="Q1216" s="236">
        <f t="shared" si="279"/>
        <v>24.036431602908603</v>
      </c>
      <c r="R1216" s="238">
        <v>35</v>
      </c>
      <c r="S1216" s="236">
        <f t="shared" si="284"/>
        <v>1.6070148270538076</v>
      </c>
      <c r="T1216" s="236" t="e">
        <f t="shared" si="270"/>
        <v>#N/A</v>
      </c>
    </row>
    <row r="1217" spans="1:20" x14ac:dyDescent="0.2">
      <c r="A1217" s="53">
        <f t="shared" si="271"/>
        <v>1205</v>
      </c>
      <c r="B1217" s="239">
        <v>11.962</v>
      </c>
      <c r="C1217" s="3">
        <f t="shared" si="272"/>
        <v>11.955</v>
      </c>
      <c r="D1217" s="239">
        <v>0.41020000000000001</v>
      </c>
      <c r="E1217" s="239">
        <v>8.6E-3</v>
      </c>
      <c r="F1217" s="239">
        <v>0.32479999999999998</v>
      </c>
      <c r="G1217">
        <f t="shared" si="273"/>
        <v>0.47515999999999997</v>
      </c>
      <c r="H1217" s="235">
        <f t="shared" si="274"/>
        <v>1.8099166596514857</v>
      </c>
      <c r="I1217" s="236">
        <f t="shared" si="275"/>
        <v>15.476744759034025</v>
      </c>
      <c r="J1217" s="237">
        <f t="shared" si="280"/>
        <v>5.476744759034025</v>
      </c>
      <c r="K1217" s="237">
        <f t="shared" si="276"/>
        <v>185.02448359425176</v>
      </c>
      <c r="L1217" s="237">
        <f t="shared" si="281"/>
        <v>65.512820807565006</v>
      </c>
      <c r="M1217" s="236">
        <f t="shared" si="277"/>
        <v>4.4286830093605918</v>
      </c>
      <c r="N1217" s="236">
        <f t="shared" si="278"/>
        <v>2.9641321085189332</v>
      </c>
      <c r="O1217" s="236">
        <f t="shared" si="282"/>
        <v>3.2917992794970874</v>
      </c>
      <c r="P1217" s="236" t="str">
        <f t="shared" si="283"/>
        <v>CLAY</v>
      </c>
      <c r="Q1217" s="236">
        <f t="shared" si="279"/>
        <v>24.177959700479018</v>
      </c>
      <c r="R1217" s="238">
        <v>35</v>
      </c>
      <c r="S1217" s="236">
        <f t="shared" si="284"/>
        <v>1.6061394659941028</v>
      </c>
      <c r="T1217" s="236" t="e">
        <f t="shared" si="270"/>
        <v>#N/A</v>
      </c>
    </row>
    <row r="1218" spans="1:20" x14ac:dyDescent="0.2">
      <c r="A1218" s="53">
        <f t="shared" si="271"/>
        <v>1206</v>
      </c>
      <c r="B1218" s="239">
        <v>11.973000000000001</v>
      </c>
      <c r="C1218" s="3">
        <f t="shared" si="272"/>
        <v>11.966000000000001</v>
      </c>
      <c r="D1218" s="239">
        <v>0.4103</v>
      </c>
      <c r="E1218" s="239">
        <v>8.8000000000000005E-3</v>
      </c>
      <c r="F1218" s="239">
        <v>0.32679999999999998</v>
      </c>
      <c r="G1218">
        <f t="shared" si="273"/>
        <v>0.47565999999999997</v>
      </c>
      <c r="H1218" s="235">
        <f t="shared" si="274"/>
        <v>1.8500609679182611</v>
      </c>
      <c r="I1218" s="236">
        <f t="shared" si="275"/>
        <v>15.504113237568617</v>
      </c>
      <c r="J1218" s="237">
        <f t="shared" si="280"/>
        <v>5.5041132375686175</v>
      </c>
      <c r="K1218" s="237">
        <f t="shared" si="276"/>
        <v>185.52221900074611</v>
      </c>
      <c r="L1218" s="237">
        <f t="shared" si="281"/>
        <v>65.900747793409067</v>
      </c>
      <c r="M1218" s="236">
        <f t="shared" si="277"/>
        <v>4.4026477803985014</v>
      </c>
      <c r="N1218" s="236">
        <f t="shared" si="278"/>
        <v>3.0330417395804896</v>
      </c>
      <c r="O1218" s="236">
        <f t="shared" si="282"/>
        <v>3.2991336624410699</v>
      </c>
      <c r="P1218" s="236" t="str">
        <f t="shared" si="283"/>
        <v>CLAY</v>
      </c>
      <c r="Q1218" s="236">
        <f t="shared" si="279"/>
        <v>24.17814841660449</v>
      </c>
      <c r="R1218" s="238">
        <v>35</v>
      </c>
      <c r="S1218" s="236">
        <f t="shared" si="284"/>
        <v>1.5943454871555005</v>
      </c>
      <c r="T1218" s="236" t="e">
        <f t="shared" si="270"/>
        <v>#N/A</v>
      </c>
    </row>
    <row r="1219" spans="1:20" x14ac:dyDescent="0.2">
      <c r="A1219" s="53">
        <f t="shared" si="271"/>
        <v>1207</v>
      </c>
      <c r="B1219" s="239">
        <v>11.983000000000001</v>
      </c>
      <c r="C1219" s="3">
        <f t="shared" si="272"/>
        <v>11.976000000000001</v>
      </c>
      <c r="D1219" s="239">
        <v>0.40889999999999999</v>
      </c>
      <c r="E1219" s="239">
        <v>8.9999999999999993E-3</v>
      </c>
      <c r="F1219" s="239">
        <v>0.32919999999999999</v>
      </c>
      <c r="G1219">
        <f t="shared" si="273"/>
        <v>0.47473999999999994</v>
      </c>
      <c r="H1219" s="235">
        <f t="shared" si="274"/>
        <v>1.895774529215992</v>
      </c>
      <c r="I1219" s="236">
        <f t="shared" si="275"/>
        <v>15.529708072779355</v>
      </c>
      <c r="J1219" s="237">
        <f t="shared" si="280"/>
        <v>5.5297080727793553</v>
      </c>
      <c r="K1219" s="237">
        <f t="shared" si="276"/>
        <v>185.98378387960557</v>
      </c>
      <c r="L1219" s="237">
        <f t="shared" si="281"/>
        <v>66.262491836115018</v>
      </c>
      <c r="M1219" s="236">
        <f t="shared" si="277"/>
        <v>4.3577627118908566</v>
      </c>
      <c r="N1219" s="236">
        <f t="shared" si="278"/>
        <v>3.1168160190350775</v>
      </c>
      <c r="O1219" s="236">
        <f t="shared" si="282"/>
        <v>3.309059481677127</v>
      </c>
      <c r="P1219" s="236" t="str">
        <f t="shared" si="283"/>
        <v>CLAY</v>
      </c>
      <c r="Q1219" s="236">
        <f t="shared" si="279"/>
        <v>24.063018010032863</v>
      </c>
      <c r="R1219" s="238">
        <v>35</v>
      </c>
      <c r="S1219" s="236">
        <f t="shared" si="284"/>
        <v>1.5740534722325776</v>
      </c>
      <c r="T1219" s="236" t="e">
        <f t="shared" si="270"/>
        <v>#N/A</v>
      </c>
    </row>
    <row r="1220" spans="1:20" x14ac:dyDescent="0.2">
      <c r="A1220" s="53">
        <f t="shared" si="271"/>
        <v>1208</v>
      </c>
      <c r="B1220" s="239">
        <v>11.993</v>
      </c>
      <c r="C1220" s="3">
        <f t="shared" si="272"/>
        <v>11.986000000000001</v>
      </c>
      <c r="D1220" s="239">
        <v>0.40439999999999998</v>
      </c>
      <c r="E1220" s="239">
        <v>9.4000000000000004E-3</v>
      </c>
      <c r="F1220" s="239">
        <v>0.3342</v>
      </c>
      <c r="G1220">
        <f t="shared" si="273"/>
        <v>0.47123999999999999</v>
      </c>
      <c r="H1220" s="235">
        <f t="shared" si="274"/>
        <v>1.994737288854936</v>
      </c>
      <c r="I1220" s="236">
        <f t="shared" si="275"/>
        <v>15.577806191687911</v>
      </c>
      <c r="J1220" s="237">
        <f t="shared" si="280"/>
        <v>5.5778061916879107</v>
      </c>
      <c r="K1220" s="237">
        <f t="shared" si="276"/>
        <v>186.71558501357131</v>
      </c>
      <c r="L1220" s="237">
        <f t="shared" si="281"/>
        <v>66.894629656913111</v>
      </c>
      <c r="M1220" s="236">
        <f t="shared" si="277"/>
        <v>4.2533222240064381</v>
      </c>
      <c r="N1220" s="236">
        <f t="shared" si="278"/>
        <v>3.3037586600251378</v>
      </c>
      <c r="O1220" s="236">
        <f t="shared" si="282"/>
        <v>3.3312122229985417</v>
      </c>
      <c r="P1220" s="236" t="str">
        <f t="shared" si="283"/>
        <v>CLAY</v>
      </c>
      <c r="Q1220" s="236">
        <f t="shared" si="279"/>
        <v>23.710367915535727</v>
      </c>
      <c r="R1220" s="238">
        <v>35</v>
      </c>
      <c r="S1220" s="236">
        <f t="shared" si="284"/>
        <v>1.5270398312633389</v>
      </c>
      <c r="T1220" s="236" t="e">
        <f t="shared" si="270"/>
        <v>#N/A</v>
      </c>
    </row>
    <row r="1221" spans="1:20" x14ac:dyDescent="0.2">
      <c r="A1221" s="53">
        <f t="shared" si="271"/>
        <v>1209</v>
      </c>
      <c r="B1221" s="239">
        <v>12.003</v>
      </c>
      <c r="C1221" s="3">
        <f t="shared" si="272"/>
        <v>11.996</v>
      </c>
      <c r="D1221" s="239">
        <v>0.40310000000000001</v>
      </c>
      <c r="E1221" s="239">
        <v>9.4999999999999998E-3</v>
      </c>
      <c r="F1221" s="239">
        <v>0.33660000000000001</v>
      </c>
      <c r="G1221">
        <f t="shared" si="273"/>
        <v>0.47042</v>
      </c>
      <c r="H1221" s="235">
        <f t="shared" si="274"/>
        <v>2.0194719612261385</v>
      </c>
      <c r="I1221" s="236">
        <f t="shared" si="275"/>
        <v>15.589533988481675</v>
      </c>
      <c r="J1221" s="237">
        <f t="shared" si="280"/>
        <v>5.5895339884816746</v>
      </c>
      <c r="K1221" s="237">
        <f t="shared" si="276"/>
        <v>187.01204972582619</v>
      </c>
      <c r="L1221" s="237">
        <f t="shared" si="281"/>
        <v>67.091176463745541</v>
      </c>
      <c r="M1221" s="236">
        <f t="shared" si="277"/>
        <v>4.2242209067137262</v>
      </c>
      <c r="N1221" s="236">
        <f t="shared" si="278"/>
        <v>3.3520583987885781</v>
      </c>
      <c r="O1221" s="236">
        <f t="shared" si="282"/>
        <v>3.3370480635167183</v>
      </c>
      <c r="P1221" s="236" t="str">
        <f t="shared" si="283"/>
        <v>CLAY</v>
      </c>
      <c r="Q1221" s="236">
        <f t="shared" si="279"/>
        <v>23.617329189514482</v>
      </c>
      <c r="R1221" s="238">
        <v>35</v>
      </c>
      <c r="S1221" s="236">
        <f t="shared" si="284"/>
        <v>1.5139909730276653</v>
      </c>
      <c r="T1221" s="236" t="e">
        <f t="shared" si="270"/>
        <v>#N/A</v>
      </c>
    </row>
    <row r="1222" spans="1:20" x14ac:dyDescent="0.2">
      <c r="A1222" s="53">
        <f t="shared" si="271"/>
        <v>1210</v>
      </c>
      <c r="B1222" s="239">
        <v>12.013</v>
      </c>
      <c r="C1222" s="3">
        <f t="shared" si="272"/>
        <v>12.006</v>
      </c>
      <c r="D1222" s="239">
        <v>0.40360000000000001</v>
      </c>
      <c r="E1222" s="239">
        <v>9.7999999999999997E-3</v>
      </c>
      <c r="F1222" s="239">
        <v>0.34150000000000003</v>
      </c>
      <c r="G1222">
        <f t="shared" si="273"/>
        <v>0.47189999999999999</v>
      </c>
      <c r="H1222" s="235">
        <f t="shared" si="274"/>
        <v>2.0767111676202585</v>
      </c>
      <c r="I1222" s="236">
        <f t="shared" si="275"/>
        <v>15.627218438360877</v>
      </c>
      <c r="J1222" s="237">
        <f t="shared" si="280"/>
        <v>5.6272184383608774</v>
      </c>
      <c r="K1222" s="237">
        <f t="shared" si="276"/>
        <v>187.62038457096071</v>
      </c>
      <c r="L1222" s="237">
        <f t="shared" si="281"/>
        <v>67.59977510002922</v>
      </c>
      <c r="M1222" s="236">
        <f t="shared" si="277"/>
        <v>4.2053337456875122</v>
      </c>
      <c r="N1222" s="236">
        <f t="shared" si="278"/>
        <v>3.4473101369613448</v>
      </c>
      <c r="O1222" s="236">
        <f t="shared" si="282"/>
        <v>3.3450843006030451</v>
      </c>
      <c r="P1222" s="236" t="str">
        <f t="shared" si="283"/>
        <v>CLAY</v>
      </c>
      <c r="Q1222" s="236">
        <f t="shared" si="279"/>
        <v>23.689967952419938</v>
      </c>
      <c r="R1222" s="238">
        <v>35</v>
      </c>
      <c r="S1222" s="236">
        <f t="shared" si="284"/>
        <v>1.5055340905516699</v>
      </c>
      <c r="T1222" s="236" t="e">
        <f t="shared" si="270"/>
        <v>#N/A</v>
      </c>
    </row>
    <row r="1223" spans="1:20" x14ac:dyDescent="0.2">
      <c r="A1223" s="53">
        <f t="shared" si="271"/>
        <v>1211</v>
      </c>
      <c r="B1223" s="239">
        <v>12.023</v>
      </c>
      <c r="C1223" s="3">
        <f t="shared" si="272"/>
        <v>12.016</v>
      </c>
      <c r="D1223" s="239">
        <v>0.4093</v>
      </c>
      <c r="E1223" s="239">
        <v>9.7000000000000003E-3</v>
      </c>
      <c r="F1223" s="239">
        <v>0.33929999999999999</v>
      </c>
      <c r="G1223">
        <f t="shared" si="273"/>
        <v>0.47715999999999997</v>
      </c>
      <c r="H1223" s="235">
        <f t="shared" si="274"/>
        <v>2.0328610948109649</v>
      </c>
      <c r="I1223" s="236">
        <f t="shared" si="275"/>
        <v>15.619524363821764</v>
      </c>
      <c r="J1223" s="237">
        <f t="shared" si="280"/>
        <v>5.619524363821764</v>
      </c>
      <c r="K1223" s="237">
        <f t="shared" si="276"/>
        <v>187.68420475568232</v>
      </c>
      <c r="L1223" s="237">
        <f t="shared" si="281"/>
        <v>67.563541426229065</v>
      </c>
      <c r="M1223" s="236">
        <f t="shared" si="277"/>
        <v>4.2844970694792393</v>
      </c>
      <c r="N1223" s="236">
        <f t="shared" si="278"/>
        <v>3.350884654039278</v>
      </c>
      <c r="O1223" s="236">
        <f t="shared" si="282"/>
        <v>3.3317253888068228</v>
      </c>
      <c r="P1223" s="236" t="str">
        <f t="shared" si="283"/>
        <v>CLAY</v>
      </c>
      <c r="Q1223" s="236">
        <f t="shared" si="279"/>
        <v>24.122982937026467</v>
      </c>
      <c r="R1223" s="238">
        <v>35</v>
      </c>
      <c r="S1223" s="236">
        <f t="shared" si="284"/>
        <v>1.5410432279264532</v>
      </c>
      <c r="T1223" s="236" t="e">
        <f t="shared" si="270"/>
        <v>#N/A</v>
      </c>
    </row>
    <row r="1224" spans="1:20" x14ac:dyDescent="0.2">
      <c r="A1224" s="53">
        <f t="shared" si="271"/>
        <v>1212</v>
      </c>
      <c r="B1224" s="239">
        <v>12.032999999999999</v>
      </c>
      <c r="C1224" s="3">
        <f t="shared" si="272"/>
        <v>12.026</v>
      </c>
      <c r="D1224" s="239">
        <v>0.4108</v>
      </c>
      <c r="E1224" s="239">
        <v>9.5999999999999992E-3</v>
      </c>
      <c r="F1224" s="239">
        <v>0.3367</v>
      </c>
      <c r="G1224">
        <f t="shared" si="273"/>
        <v>0.47814000000000001</v>
      </c>
      <c r="H1224" s="235">
        <f t="shared" si="274"/>
        <v>2.007780148073786</v>
      </c>
      <c r="I1224" s="236">
        <f t="shared" si="275"/>
        <v>15.608174953077327</v>
      </c>
      <c r="J1224" s="237">
        <f t="shared" si="280"/>
        <v>5.6081749530773273</v>
      </c>
      <c r="K1224" s="237">
        <f t="shared" si="276"/>
        <v>187.70391198570795</v>
      </c>
      <c r="L1224" s="237">
        <f t="shared" si="281"/>
        <v>67.483169210379472</v>
      </c>
      <c r="M1224" s="236">
        <f t="shared" si="277"/>
        <v>4.3038299980970747</v>
      </c>
      <c r="N1224" s="236">
        <f t="shared" si="278"/>
        <v>3.305374365022983</v>
      </c>
      <c r="O1224" s="236">
        <f t="shared" si="282"/>
        <v>3.3269515073138782</v>
      </c>
      <c r="P1224" s="236" t="str">
        <f t="shared" si="283"/>
        <v>CLAY</v>
      </c>
      <c r="Q1224" s="236">
        <f t="shared" si="279"/>
        <v>24.20300733452434</v>
      </c>
      <c r="R1224" s="238">
        <v>35</v>
      </c>
      <c r="S1224" s="236">
        <f t="shared" si="284"/>
        <v>1.5497401833725162</v>
      </c>
      <c r="T1224" s="236" t="e">
        <f t="shared" si="270"/>
        <v>#N/A</v>
      </c>
    </row>
    <row r="1225" spans="1:20" x14ac:dyDescent="0.2">
      <c r="A1225" s="53">
        <f t="shared" si="271"/>
        <v>1213</v>
      </c>
      <c r="B1225" s="239">
        <v>12.042999999999999</v>
      </c>
      <c r="C1225" s="3">
        <f t="shared" si="272"/>
        <v>12.036</v>
      </c>
      <c r="D1225" s="239">
        <v>0.41139999999999999</v>
      </c>
      <c r="E1225" s="239">
        <v>9.7000000000000003E-3</v>
      </c>
      <c r="F1225" s="239">
        <v>0.33429999999999999</v>
      </c>
      <c r="G1225">
        <f t="shared" si="273"/>
        <v>0.47825999999999996</v>
      </c>
      <c r="H1225" s="235">
        <f t="shared" si="274"/>
        <v>2.028185505791829</v>
      </c>
      <c r="I1225" s="236">
        <f t="shared" si="275"/>
        <v>15.620424390463574</v>
      </c>
      <c r="J1225" s="237">
        <f t="shared" si="280"/>
        <v>5.6204243904635742</v>
      </c>
      <c r="K1225" s="237">
        <f t="shared" si="276"/>
        <v>188.00742796361956</v>
      </c>
      <c r="L1225" s="237">
        <f t="shared" si="281"/>
        <v>67.686770934352822</v>
      </c>
      <c r="M1225" s="236">
        <f t="shared" si="277"/>
        <v>4.2881728294866788</v>
      </c>
      <c r="N1225" s="236">
        <f t="shared" si="278"/>
        <v>3.3419169835243343</v>
      </c>
      <c r="O1225" s="236">
        <f t="shared" si="282"/>
        <v>3.3307986222038042</v>
      </c>
      <c r="P1225" s="236" t="str">
        <f t="shared" si="283"/>
        <v>CLAY</v>
      </c>
      <c r="Q1225" s="236">
        <f t="shared" si="279"/>
        <v>24.187714336365037</v>
      </c>
      <c r="R1225" s="238">
        <v>35</v>
      </c>
      <c r="S1225" s="236">
        <f t="shared" si="284"/>
        <v>1.5426960217979013</v>
      </c>
      <c r="T1225" s="236" t="e">
        <f t="shared" si="270"/>
        <v>#N/A</v>
      </c>
    </row>
    <row r="1226" spans="1:20" x14ac:dyDescent="0.2">
      <c r="A1226" s="53">
        <f t="shared" si="271"/>
        <v>1214</v>
      </c>
      <c r="B1226" s="239">
        <v>12.053000000000001</v>
      </c>
      <c r="C1226" s="3">
        <f t="shared" si="272"/>
        <v>12.046000000000001</v>
      </c>
      <c r="D1226" s="239">
        <v>0.40960000000000002</v>
      </c>
      <c r="E1226" s="239">
        <v>9.7000000000000003E-3</v>
      </c>
      <c r="F1226" s="239">
        <v>0.33350000000000002</v>
      </c>
      <c r="G1226">
        <f t="shared" si="273"/>
        <v>0.4763</v>
      </c>
      <c r="H1226" s="235">
        <f t="shared" si="274"/>
        <v>2.0365315977325213</v>
      </c>
      <c r="I1226" s="236">
        <f t="shared" si="275"/>
        <v>15.61881926026178</v>
      </c>
      <c r="J1226" s="237">
        <f t="shared" si="280"/>
        <v>5.6188192602617804</v>
      </c>
      <c r="K1226" s="237">
        <f t="shared" si="276"/>
        <v>188.14429680911343</v>
      </c>
      <c r="L1226" s="237">
        <f t="shared" si="281"/>
        <v>67.723628543935249</v>
      </c>
      <c r="M1226" s="236">
        <f t="shared" si="277"/>
        <v>4.254876907606147</v>
      </c>
      <c r="N1226" s="236">
        <f t="shared" si="278"/>
        <v>3.3662356471127377</v>
      </c>
      <c r="O1226" s="236">
        <f t="shared" si="282"/>
        <v>3.3353316222900213</v>
      </c>
      <c r="P1226" s="236" t="str">
        <f t="shared" si="283"/>
        <v>CLAY</v>
      </c>
      <c r="Q1226" s="236">
        <f t="shared" si="279"/>
        <v>24.012975265907215</v>
      </c>
      <c r="R1226" s="238">
        <v>35</v>
      </c>
      <c r="S1226" s="236">
        <f t="shared" si="284"/>
        <v>1.5277375717936932</v>
      </c>
      <c r="T1226" s="236" t="e">
        <f t="shared" si="270"/>
        <v>#N/A</v>
      </c>
    </row>
    <row r="1227" spans="1:20" x14ac:dyDescent="0.2">
      <c r="A1227" s="53">
        <f t="shared" si="271"/>
        <v>1215</v>
      </c>
      <c r="B1227" s="239">
        <v>12.063000000000001</v>
      </c>
      <c r="C1227" s="3">
        <f t="shared" si="272"/>
        <v>12.056000000000001</v>
      </c>
      <c r="D1227" s="239">
        <v>0.40660000000000002</v>
      </c>
      <c r="E1227" s="239">
        <v>9.7999999999999997E-3</v>
      </c>
      <c r="F1227" s="239">
        <v>0.33400000000000002</v>
      </c>
      <c r="G1227">
        <f t="shared" si="273"/>
        <v>0.47339999999999999</v>
      </c>
      <c r="H1227" s="235">
        <f t="shared" si="274"/>
        <v>2.0701309674693706</v>
      </c>
      <c r="I1227" s="236">
        <f t="shared" si="275"/>
        <v>15.628458886985982</v>
      </c>
      <c r="J1227" s="237">
        <f t="shared" si="280"/>
        <v>5.6284588869859817</v>
      </c>
      <c r="K1227" s="237">
        <f t="shared" si="276"/>
        <v>188.416700341503</v>
      </c>
      <c r="L1227" s="237">
        <f t="shared" si="281"/>
        <v>67.896099553711906</v>
      </c>
      <c r="M1227" s="236">
        <f t="shared" si="277"/>
        <v>4.197344199913128</v>
      </c>
      <c r="N1227" s="236">
        <f t="shared" si="278"/>
        <v>3.4387979968452878</v>
      </c>
      <c r="O1227" s="236">
        <f t="shared" si="282"/>
        <v>3.3452231747371766</v>
      </c>
      <c r="P1227" s="236" t="str">
        <f t="shared" si="283"/>
        <v>CLAY</v>
      </c>
      <c r="Q1227" s="236">
        <f t="shared" si="279"/>
        <v>23.74860830487475</v>
      </c>
      <c r="R1227" s="238">
        <v>35</v>
      </c>
      <c r="S1227" s="236">
        <f t="shared" si="284"/>
        <v>1.5019595598680371</v>
      </c>
      <c r="T1227" s="236" t="e">
        <f t="shared" si="270"/>
        <v>#N/A</v>
      </c>
    </row>
    <row r="1228" spans="1:20" x14ac:dyDescent="0.2">
      <c r="A1228" s="53">
        <f t="shared" si="271"/>
        <v>1216</v>
      </c>
      <c r="B1228" s="239">
        <v>12.073</v>
      </c>
      <c r="C1228" s="3">
        <f t="shared" si="272"/>
        <v>12.066000000000001</v>
      </c>
      <c r="D1228" s="239">
        <v>0.40379999999999999</v>
      </c>
      <c r="E1228" s="239">
        <v>9.9000000000000008E-3</v>
      </c>
      <c r="F1228" s="239">
        <v>0.33410000000000001</v>
      </c>
      <c r="G1228">
        <f t="shared" si="273"/>
        <v>0.47061999999999998</v>
      </c>
      <c r="H1228" s="235">
        <f t="shared" si="274"/>
        <v>2.1036080064595644</v>
      </c>
      <c r="I1228" s="236">
        <f t="shared" si="275"/>
        <v>15.638061421347551</v>
      </c>
      <c r="J1228" s="237">
        <f t="shared" si="280"/>
        <v>5.6380614213475511</v>
      </c>
      <c r="K1228" s="237">
        <f t="shared" si="276"/>
        <v>188.68884910997957</v>
      </c>
      <c r="L1228" s="237">
        <f t="shared" si="281"/>
        <v>68.068315539928989</v>
      </c>
      <c r="M1228" s="236">
        <f t="shared" si="277"/>
        <v>4.1418852318247712</v>
      </c>
      <c r="N1228" s="236">
        <f t="shared" si="278"/>
        <v>3.5114956147084033</v>
      </c>
      <c r="O1228" s="236">
        <f t="shared" si="282"/>
        <v>3.354913019266021</v>
      </c>
      <c r="P1228" s="236" t="str">
        <f t="shared" si="283"/>
        <v>CLAY</v>
      </c>
      <c r="Q1228" s="236">
        <f t="shared" si="279"/>
        <v>23.494262574168371</v>
      </c>
      <c r="R1228" s="238">
        <v>35</v>
      </c>
      <c r="S1228" s="236">
        <f t="shared" si="284"/>
        <v>1.477194168950674</v>
      </c>
      <c r="T1228" s="236" t="e">
        <f t="shared" si="270"/>
        <v>#N/A</v>
      </c>
    </row>
    <row r="1229" spans="1:20" x14ac:dyDescent="0.2">
      <c r="A1229" s="53">
        <f t="shared" si="271"/>
        <v>1217</v>
      </c>
      <c r="B1229" s="239">
        <v>12.082000000000001</v>
      </c>
      <c r="C1229" s="3">
        <f t="shared" si="272"/>
        <v>12.075000000000001</v>
      </c>
      <c r="D1229" s="239">
        <v>0.40250000000000002</v>
      </c>
      <c r="E1229" s="239">
        <v>0.01</v>
      </c>
      <c r="F1229" s="239">
        <v>0.33479999999999999</v>
      </c>
      <c r="G1229">
        <f t="shared" si="273"/>
        <v>0.46945999999999999</v>
      </c>
      <c r="H1229" s="235">
        <f t="shared" si="274"/>
        <v>2.1301069313679548</v>
      </c>
      <c r="I1229" s="236">
        <f t="shared" si="275"/>
        <v>15.648881789370414</v>
      </c>
      <c r="J1229" s="237">
        <f t="shared" si="280"/>
        <v>5.6488817893704137</v>
      </c>
      <c r="K1229" s="237">
        <f t="shared" si="276"/>
        <v>188.96024760664775</v>
      </c>
      <c r="L1229" s="237">
        <f t="shared" si="281"/>
        <v>68.249789779173341</v>
      </c>
      <c r="M1229" s="236">
        <f t="shared" si="277"/>
        <v>4.1098991410951964</v>
      </c>
      <c r="N1229" s="236">
        <f t="shared" si="278"/>
        <v>3.565065535593321</v>
      </c>
      <c r="O1229" s="236">
        <f t="shared" si="282"/>
        <v>3.3612384185121722</v>
      </c>
      <c r="P1229" s="236" t="str">
        <f t="shared" si="283"/>
        <v>CLAY</v>
      </c>
      <c r="Q1229" s="236">
        <f t="shared" si="279"/>
        <v>23.374979366112683</v>
      </c>
      <c r="R1229" s="238">
        <v>35</v>
      </c>
      <c r="S1229" s="236">
        <f t="shared" si="284"/>
        <v>1.4629482505842442</v>
      </c>
      <c r="T1229" s="236" t="e">
        <f t="shared" ref="T1229:T1292" si="285">IF(P1229="SAND",17.6+(11*LOG(M1229)),#N/A)</f>
        <v>#N/A</v>
      </c>
    </row>
    <row r="1230" spans="1:20" x14ac:dyDescent="0.2">
      <c r="A1230" s="53">
        <f t="shared" ref="A1230:A1293" si="286">$A1229+1</f>
        <v>1218</v>
      </c>
      <c r="B1230" s="239">
        <v>12.093</v>
      </c>
      <c r="C1230" s="3">
        <f t="shared" ref="C1230:C1293" si="287">MAX($B1230 - $B$13, 0.001)</f>
        <v>12.086</v>
      </c>
      <c r="D1230" s="239">
        <v>0.40210000000000001</v>
      </c>
      <c r="E1230" s="239">
        <v>1.0200000000000001E-2</v>
      </c>
      <c r="F1230" s="239">
        <v>0.33739999999999998</v>
      </c>
      <c r="G1230">
        <f t="shared" si="273"/>
        <v>0.46958</v>
      </c>
      <c r="H1230" s="235">
        <f t="shared" si="274"/>
        <v>2.172153839601346</v>
      </c>
      <c r="I1230" s="236">
        <f t="shared" si="275"/>
        <v>15.67220215047872</v>
      </c>
      <c r="J1230" s="237">
        <f t="shared" si="280"/>
        <v>5.6722021504787197</v>
      </c>
      <c r="K1230" s="237">
        <f t="shared" si="276"/>
        <v>189.41423519068582</v>
      </c>
      <c r="L1230" s="237">
        <f t="shared" si="281"/>
        <v>68.593940605739164</v>
      </c>
      <c r="M1230" s="236">
        <f t="shared" si="277"/>
        <v>4.0844098230139156</v>
      </c>
      <c r="N1230" s="236">
        <f t="shared" si="278"/>
        <v>3.640701784867364</v>
      </c>
      <c r="O1230" s="236">
        <f t="shared" si="282"/>
        <v>3.3683470716428818</v>
      </c>
      <c r="P1230" s="236" t="str">
        <f t="shared" si="283"/>
        <v>CLAY</v>
      </c>
      <c r="Q1230" s="236">
        <f t="shared" si="279"/>
        <v>23.347147067442847</v>
      </c>
      <c r="R1230" s="238">
        <v>35</v>
      </c>
      <c r="S1230" s="236">
        <f t="shared" si="284"/>
        <v>1.451615673232693</v>
      </c>
      <c r="T1230" s="236" t="e">
        <f t="shared" si="285"/>
        <v>#N/A</v>
      </c>
    </row>
    <row r="1231" spans="1:20" x14ac:dyDescent="0.2">
      <c r="A1231" s="53">
        <f t="shared" si="286"/>
        <v>1219</v>
      </c>
      <c r="B1231" s="239">
        <v>12.102</v>
      </c>
      <c r="C1231" s="3">
        <f t="shared" si="287"/>
        <v>12.095000000000001</v>
      </c>
      <c r="D1231" s="239">
        <v>0.40379999999999999</v>
      </c>
      <c r="E1231" s="239">
        <v>1.03E-2</v>
      </c>
      <c r="F1231" s="239">
        <v>0.33779999999999999</v>
      </c>
      <c r="G1231">
        <f t="shared" ref="G1231:G1294" si="288">$D1231+($F1231*(1-$P$8))</f>
        <v>0.47136</v>
      </c>
      <c r="H1231" s="235">
        <f t="shared" ref="H1231:H1294" si="289">($E1231/$G1231)*100</f>
        <v>2.1851663272233539</v>
      </c>
      <c r="I1231" s="236">
        <f t="shared" ref="I1231:I1294" si="290">((0.27*(LOG($H1231)))+(0.36*(LOG(($G1231*1000)/101)))+1.236)*10</f>
        <v>15.685121013732735</v>
      </c>
      <c r="J1231" s="237">
        <f t="shared" si="280"/>
        <v>5.6851210137327346</v>
      </c>
      <c r="K1231" s="237">
        <f t="shared" ref="K1231:K1294" si="291">$I1231*$C1231</f>
        <v>189.71153866109742</v>
      </c>
      <c r="L1231" s="237">
        <f t="shared" si="281"/>
        <v>68.801334508193563</v>
      </c>
      <c r="M1231" s="236">
        <f t="shared" ref="M1231:M1294" si="292">(($G1231*1000)-$K1231)/$L1231</f>
        <v>4.093648231566803</v>
      </c>
      <c r="N1231" s="236">
        <f t="shared" ref="N1231:N1294" si="293">(($E1231*1000)/(($G1231*1000)-$K1231))*100</f>
        <v>3.6570411040187407</v>
      </c>
      <c r="O1231" s="236">
        <f t="shared" si="282"/>
        <v>3.3685433509561866</v>
      </c>
      <c r="P1231" s="236" t="str">
        <f t="shared" si="283"/>
        <v>CLAY</v>
      </c>
      <c r="Q1231" s="236">
        <f t="shared" ref="Q1231:Q1294" si="294">IF(P1231="CLAY",($G1231*1000 -$K1231)/$L$8,#N/A)</f>
        <v>23.470705111575217</v>
      </c>
      <c r="R1231" s="238">
        <v>35</v>
      </c>
      <c r="S1231" s="236">
        <f t="shared" si="284"/>
        <v>1.4557210424068192</v>
      </c>
      <c r="T1231" s="236" t="e">
        <f t="shared" si="285"/>
        <v>#N/A</v>
      </c>
    </row>
    <row r="1232" spans="1:20" x14ac:dyDescent="0.2">
      <c r="A1232" s="53">
        <f t="shared" si="286"/>
        <v>1220</v>
      </c>
      <c r="B1232" s="239">
        <v>12.113</v>
      </c>
      <c r="C1232" s="3">
        <f t="shared" si="287"/>
        <v>12.106</v>
      </c>
      <c r="D1232" s="239">
        <v>0.40570000000000001</v>
      </c>
      <c r="E1232" s="239">
        <v>1.04E-2</v>
      </c>
      <c r="F1232" s="239">
        <v>0.33960000000000001</v>
      </c>
      <c r="G1232">
        <f t="shared" si="288"/>
        <v>0.47361999999999999</v>
      </c>
      <c r="H1232" s="235">
        <f t="shared" si="289"/>
        <v>2.1958532156581225</v>
      </c>
      <c r="I1232" s="236">
        <f t="shared" si="290"/>
        <v>15.698320100608791</v>
      </c>
      <c r="J1232" s="237">
        <f t="shared" ref="J1232:J1295" si="295">$I1232-10</f>
        <v>5.6983201006087913</v>
      </c>
      <c r="K1232" s="237">
        <f t="shared" si="291"/>
        <v>190.04386313797002</v>
      </c>
      <c r="L1232" s="237">
        <f t="shared" ref="L1232:L1295" si="296">$J1232*$B1232</f>
        <v>69.023751378674291</v>
      </c>
      <c r="M1232" s="236">
        <f t="shared" si="292"/>
        <v>4.1083848848824553</v>
      </c>
      <c r="N1232" s="236">
        <f t="shared" si="293"/>
        <v>3.6674454046392397</v>
      </c>
      <c r="O1232" s="236">
        <f t="shared" ref="O1232:O1295" si="297">((3.47-LOG($M1232))^2+(LOG($N1232)+1.22)^2)^0.5</f>
        <v>3.3678729662910545</v>
      </c>
      <c r="P1232" s="236" t="str">
        <f t="shared" ref="P1232:P1295" si="298">IF(O1232&lt;2.6,"SAND","CLAY")</f>
        <v>CLAY</v>
      </c>
      <c r="Q1232" s="236">
        <f t="shared" si="294"/>
        <v>23.631344738502502</v>
      </c>
      <c r="R1232" s="238">
        <v>35</v>
      </c>
      <c r="S1232" s="236">
        <f t="shared" ref="S1232:S1295" si="299">IF(P1232="SAND",#N/A,0.25*($M1232)^1.25)</f>
        <v>1.4622745185877479</v>
      </c>
      <c r="T1232" s="236" t="e">
        <f t="shared" si="285"/>
        <v>#N/A</v>
      </c>
    </row>
    <row r="1233" spans="1:20" x14ac:dyDescent="0.2">
      <c r="A1233" s="53">
        <f t="shared" si="286"/>
        <v>1221</v>
      </c>
      <c r="B1233" s="239">
        <v>12.122</v>
      </c>
      <c r="C1233" s="3">
        <f t="shared" si="287"/>
        <v>12.115</v>
      </c>
      <c r="D1233" s="239">
        <v>0.40589999999999998</v>
      </c>
      <c r="E1233" s="239">
        <v>1.04E-2</v>
      </c>
      <c r="F1233" s="239">
        <v>0.33960000000000001</v>
      </c>
      <c r="G1233">
        <f t="shared" si="288"/>
        <v>0.47381999999999996</v>
      </c>
      <c r="H1233" s="235">
        <f t="shared" si="289"/>
        <v>2.1949263433371322</v>
      </c>
      <c r="I1233" s="236">
        <f t="shared" si="290"/>
        <v>15.698485120046231</v>
      </c>
      <c r="J1233" s="237">
        <f t="shared" si="295"/>
        <v>5.6984851200462305</v>
      </c>
      <c r="K1233" s="237">
        <f t="shared" si="291"/>
        <v>190.18714722936008</v>
      </c>
      <c r="L1233" s="237">
        <f t="shared" si="296"/>
        <v>69.077036625200407</v>
      </c>
      <c r="M1233" s="236">
        <f t="shared" si="292"/>
        <v>4.1060367761515417</v>
      </c>
      <c r="N1233" s="236">
        <f t="shared" si="293"/>
        <v>3.6667120534199813</v>
      </c>
      <c r="O1233" s="236">
        <f t="shared" si="297"/>
        <v>3.3680375326788696</v>
      </c>
      <c r="P1233" s="236" t="str">
        <f t="shared" si="298"/>
        <v>CLAY</v>
      </c>
      <c r="Q1233" s="236">
        <f t="shared" si="294"/>
        <v>23.636071064219987</v>
      </c>
      <c r="R1233" s="238">
        <v>35</v>
      </c>
      <c r="S1233" s="236">
        <f t="shared" si="299"/>
        <v>1.461229906677755</v>
      </c>
      <c r="T1233" s="236" t="e">
        <f t="shared" si="285"/>
        <v>#N/A</v>
      </c>
    </row>
    <row r="1234" spans="1:20" x14ac:dyDescent="0.2">
      <c r="A1234" s="53">
        <f t="shared" si="286"/>
        <v>1222</v>
      </c>
      <c r="B1234" s="239">
        <v>12.132999999999999</v>
      </c>
      <c r="C1234" s="3">
        <f t="shared" si="287"/>
        <v>12.125999999999999</v>
      </c>
      <c r="D1234" s="239">
        <v>0.40400000000000003</v>
      </c>
      <c r="E1234" s="239">
        <v>1.04E-2</v>
      </c>
      <c r="F1234" s="239">
        <v>0.3397</v>
      </c>
      <c r="G1234">
        <f t="shared" si="288"/>
        <v>0.47194000000000003</v>
      </c>
      <c r="H1234" s="235">
        <f t="shared" si="289"/>
        <v>2.2036699580455137</v>
      </c>
      <c r="I1234" s="236">
        <f t="shared" si="290"/>
        <v>15.696931179868482</v>
      </c>
      <c r="J1234" s="237">
        <f t="shared" si="295"/>
        <v>5.6969311798684821</v>
      </c>
      <c r="K1234" s="237">
        <f t="shared" si="291"/>
        <v>190.34098748708521</v>
      </c>
      <c r="L1234" s="237">
        <f t="shared" si="296"/>
        <v>69.120866005344283</v>
      </c>
      <c r="M1234" s="236">
        <f t="shared" si="292"/>
        <v>4.0740087442067372</v>
      </c>
      <c r="N1234" s="236">
        <f t="shared" si="293"/>
        <v>3.6931947691127043</v>
      </c>
      <c r="O1234" s="236">
        <f t="shared" si="297"/>
        <v>3.3725778084701861</v>
      </c>
      <c r="P1234" s="236" t="str">
        <f t="shared" si="298"/>
        <v>CLAY</v>
      </c>
      <c r="Q1234" s="236">
        <f t="shared" si="294"/>
        <v>23.466584376076238</v>
      </c>
      <c r="R1234" s="238">
        <v>35</v>
      </c>
      <c r="S1234" s="236">
        <f t="shared" si="299"/>
        <v>1.4469964134905664</v>
      </c>
      <c r="T1234" s="236" t="e">
        <f t="shared" si="285"/>
        <v>#N/A</v>
      </c>
    </row>
    <row r="1235" spans="1:20" x14ac:dyDescent="0.2">
      <c r="A1235" s="53">
        <f t="shared" si="286"/>
        <v>1223</v>
      </c>
      <c r="B1235" s="239">
        <v>12.141999999999999</v>
      </c>
      <c r="C1235" s="3">
        <f t="shared" si="287"/>
        <v>12.135</v>
      </c>
      <c r="D1235" s="239">
        <v>0.4027</v>
      </c>
      <c r="E1235" s="239">
        <v>1.03E-2</v>
      </c>
      <c r="F1235" s="239">
        <v>0.34010000000000001</v>
      </c>
      <c r="G1235">
        <f t="shared" si="288"/>
        <v>0.47071999999999997</v>
      </c>
      <c r="H1235" s="235">
        <f t="shared" si="289"/>
        <v>2.1881373215499664</v>
      </c>
      <c r="I1235" s="236">
        <f t="shared" si="290"/>
        <v>15.684589947029144</v>
      </c>
      <c r="J1235" s="237">
        <f t="shared" si="295"/>
        <v>5.6845899470291439</v>
      </c>
      <c r="K1235" s="237">
        <f t="shared" si="291"/>
        <v>190.33249900719866</v>
      </c>
      <c r="L1235" s="237">
        <f t="shared" si="296"/>
        <v>69.02229113682786</v>
      </c>
      <c r="M1235" s="236">
        <f t="shared" si="292"/>
        <v>4.0622746126605529</v>
      </c>
      <c r="N1235" s="236">
        <f t="shared" si="293"/>
        <v>3.6734875711397863</v>
      </c>
      <c r="O1235" s="236">
        <f t="shared" si="297"/>
        <v>3.3724096368654353</v>
      </c>
      <c r="P1235" s="236" t="str">
        <f t="shared" si="298"/>
        <v>CLAY</v>
      </c>
      <c r="Q1235" s="236">
        <f t="shared" si="294"/>
        <v>23.365625082733441</v>
      </c>
      <c r="R1235" s="238">
        <v>35</v>
      </c>
      <c r="S1235" s="236">
        <f t="shared" si="299"/>
        <v>1.4417886654595078</v>
      </c>
      <c r="T1235" s="236" t="e">
        <f t="shared" si="285"/>
        <v>#N/A</v>
      </c>
    </row>
    <row r="1236" spans="1:20" x14ac:dyDescent="0.2">
      <c r="A1236" s="53">
        <f t="shared" si="286"/>
        <v>1224</v>
      </c>
      <c r="B1236" s="239">
        <v>12.153</v>
      </c>
      <c r="C1236" s="3">
        <f t="shared" si="287"/>
        <v>12.146000000000001</v>
      </c>
      <c r="D1236" s="239">
        <v>0.40360000000000001</v>
      </c>
      <c r="E1236" s="239">
        <v>1.0200000000000001E-2</v>
      </c>
      <c r="F1236" s="239">
        <v>0.33510000000000001</v>
      </c>
      <c r="G1236">
        <f t="shared" si="288"/>
        <v>0.47061999999999998</v>
      </c>
      <c r="H1236" s="235">
        <f t="shared" si="289"/>
        <v>2.1673537036250057</v>
      </c>
      <c r="I1236" s="236">
        <f t="shared" si="290"/>
        <v>15.673066859691343</v>
      </c>
      <c r="J1236" s="237">
        <f t="shared" si="295"/>
        <v>5.6730668596913425</v>
      </c>
      <c r="K1236" s="237">
        <f t="shared" si="291"/>
        <v>190.36507007781105</v>
      </c>
      <c r="L1236" s="237">
        <f t="shared" si="296"/>
        <v>68.944781545828889</v>
      </c>
      <c r="M1236" s="236">
        <f t="shared" si="292"/>
        <v>4.0649186731543736</v>
      </c>
      <c r="N1236" s="236">
        <f t="shared" si="293"/>
        <v>3.6395434695232551</v>
      </c>
      <c r="O1236" s="236">
        <f t="shared" si="297"/>
        <v>3.370037440755929</v>
      </c>
      <c r="P1236" s="236" t="str">
        <f t="shared" si="298"/>
        <v>CLAY</v>
      </c>
      <c r="Q1236" s="236">
        <f t="shared" si="294"/>
        <v>23.354577493515745</v>
      </c>
      <c r="R1236" s="238">
        <v>35</v>
      </c>
      <c r="S1236" s="236">
        <f t="shared" si="299"/>
        <v>1.4429618033327953</v>
      </c>
      <c r="T1236" s="236" t="e">
        <f t="shared" si="285"/>
        <v>#N/A</v>
      </c>
    </row>
    <row r="1237" spans="1:20" x14ac:dyDescent="0.2">
      <c r="A1237" s="53">
        <f t="shared" si="286"/>
        <v>1225</v>
      </c>
      <c r="B1237" s="239">
        <v>12.163</v>
      </c>
      <c r="C1237" s="3">
        <f t="shared" si="287"/>
        <v>12.156000000000001</v>
      </c>
      <c r="D1237" s="239">
        <v>0.40379999999999999</v>
      </c>
      <c r="E1237" s="239">
        <v>1.01E-2</v>
      </c>
      <c r="F1237" s="239">
        <v>0.33450000000000002</v>
      </c>
      <c r="G1237">
        <f t="shared" si="288"/>
        <v>0.47070000000000001</v>
      </c>
      <c r="H1237" s="235">
        <f t="shared" si="289"/>
        <v>2.1457403866581686</v>
      </c>
      <c r="I1237" s="236">
        <f t="shared" si="290"/>
        <v>15.66158054207156</v>
      </c>
      <c r="J1237" s="237">
        <f t="shared" si="295"/>
        <v>5.6615805420715599</v>
      </c>
      <c r="K1237" s="237">
        <f t="shared" si="291"/>
        <v>190.3821730694219</v>
      </c>
      <c r="L1237" s="237">
        <f t="shared" si="296"/>
        <v>68.861804133216381</v>
      </c>
      <c r="M1237" s="236">
        <f t="shared" si="292"/>
        <v>4.0707302177022573</v>
      </c>
      <c r="N1237" s="236">
        <f t="shared" si="293"/>
        <v>3.6030530453924028</v>
      </c>
      <c r="O1237" s="236">
        <f t="shared" si="297"/>
        <v>3.3671995858495554</v>
      </c>
      <c r="P1237" s="236" t="str">
        <f t="shared" si="298"/>
        <v>CLAY</v>
      </c>
      <c r="Q1237" s="236">
        <f t="shared" si="294"/>
        <v>23.359818910881511</v>
      </c>
      <c r="R1237" s="238">
        <v>35</v>
      </c>
      <c r="S1237" s="236">
        <f t="shared" si="299"/>
        <v>1.4455409862070239</v>
      </c>
      <c r="T1237" s="236" t="e">
        <f t="shared" si="285"/>
        <v>#N/A</v>
      </c>
    </row>
    <row r="1238" spans="1:20" x14ac:dyDescent="0.2">
      <c r="A1238" s="53">
        <f t="shared" si="286"/>
        <v>1226</v>
      </c>
      <c r="B1238" s="239">
        <v>12.173</v>
      </c>
      <c r="C1238" s="3">
        <f t="shared" si="287"/>
        <v>12.166</v>
      </c>
      <c r="D1238" s="239">
        <v>0.40339999999999998</v>
      </c>
      <c r="E1238" s="239">
        <v>1.0200000000000001E-2</v>
      </c>
      <c r="F1238" s="239">
        <v>0.33489999999999998</v>
      </c>
      <c r="G1238">
        <f t="shared" si="288"/>
        <v>0.47037999999999996</v>
      </c>
      <c r="H1238" s="235">
        <f t="shared" si="289"/>
        <v>2.1684595433479319</v>
      </c>
      <c r="I1238" s="236">
        <f t="shared" si="290"/>
        <v>15.672867481136347</v>
      </c>
      <c r="J1238" s="237">
        <f t="shared" si="295"/>
        <v>5.6728674811363469</v>
      </c>
      <c r="K1238" s="237">
        <f t="shared" si="291"/>
        <v>190.67610577550479</v>
      </c>
      <c r="L1238" s="237">
        <f t="shared" si="296"/>
        <v>69.055815847872751</v>
      </c>
      <c r="M1238" s="236">
        <f t="shared" si="292"/>
        <v>4.0504031527289719</v>
      </c>
      <c r="N1238" s="236">
        <f t="shared" si="293"/>
        <v>3.6467136177279347</v>
      </c>
      <c r="O1238" s="236">
        <f t="shared" si="297"/>
        <v>3.3718080871478047</v>
      </c>
      <c r="P1238" s="236" t="str">
        <f t="shared" si="298"/>
        <v>CLAY</v>
      </c>
      <c r="Q1238" s="236">
        <f t="shared" si="294"/>
        <v>23.308657852041261</v>
      </c>
      <c r="R1238" s="238">
        <v>35</v>
      </c>
      <c r="S1238" s="236">
        <f t="shared" si="299"/>
        <v>1.436523795105461</v>
      </c>
      <c r="T1238" s="236" t="e">
        <f t="shared" si="285"/>
        <v>#N/A</v>
      </c>
    </row>
    <row r="1239" spans="1:20" x14ac:dyDescent="0.2">
      <c r="A1239" s="53">
        <f t="shared" si="286"/>
        <v>1227</v>
      </c>
      <c r="B1239" s="239">
        <v>12.183</v>
      </c>
      <c r="C1239" s="3">
        <f t="shared" si="287"/>
        <v>12.176</v>
      </c>
      <c r="D1239" s="239">
        <v>0.40139999999999998</v>
      </c>
      <c r="E1239" s="239">
        <v>1.0200000000000001E-2</v>
      </c>
      <c r="F1239" s="239">
        <v>0.33589999999999998</v>
      </c>
      <c r="G1239">
        <f t="shared" si="288"/>
        <v>0.46857999999999994</v>
      </c>
      <c r="H1239" s="235">
        <f t="shared" si="289"/>
        <v>2.1767894489734947</v>
      </c>
      <c r="I1239" s="236">
        <f t="shared" si="290"/>
        <v>15.671368891372078</v>
      </c>
      <c r="J1239" s="237">
        <f t="shared" si="295"/>
        <v>5.6713688913720777</v>
      </c>
      <c r="K1239" s="237">
        <f t="shared" si="291"/>
        <v>190.81458762134642</v>
      </c>
      <c r="L1239" s="237">
        <f t="shared" si="296"/>
        <v>69.09428720358602</v>
      </c>
      <c r="M1239" s="236">
        <f t="shared" si="292"/>
        <v>4.0200923060428853</v>
      </c>
      <c r="N1239" s="236">
        <f t="shared" si="293"/>
        <v>3.6721634679609512</v>
      </c>
      <c r="O1239" s="236">
        <f t="shared" si="297"/>
        <v>3.3761738294183585</v>
      </c>
      <c r="P1239" s="236" t="str">
        <f t="shared" si="298"/>
        <v>CLAY</v>
      </c>
      <c r="Q1239" s="236">
        <f t="shared" si="294"/>
        <v>23.147117698221127</v>
      </c>
      <c r="R1239" s="238">
        <v>35</v>
      </c>
      <c r="S1239" s="236">
        <f t="shared" si="299"/>
        <v>1.4230987594266882</v>
      </c>
      <c r="T1239" s="236" t="e">
        <f t="shared" si="285"/>
        <v>#N/A</v>
      </c>
    </row>
    <row r="1240" spans="1:20" x14ac:dyDescent="0.2">
      <c r="A1240" s="53">
        <f t="shared" si="286"/>
        <v>1228</v>
      </c>
      <c r="B1240" s="239">
        <v>12.193</v>
      </c>
      <c r="C1240" s="3">
        <f t="shared" si="287"/>
        <v>12.186</v>
      </c>
      <c r="D1240" s="239">
        <v>0.40250000000000002</v>
      </c>
      <c r="E1240" s="239">
        <v>1.03E-2</v>
      </c>
      <c r="F1240" s="239">
        <v>0.33610000000000001</v>
      </c>
      <c r="G1240">
        <f t="shared" si="288"/>
        <v>0.46972000000000003</v>
      </c>
      <c r="H1240" s="235">
        <f t="shared" si="289"/>
        <v>2.1927957080814098</v>
      </c>
      <c r="I1240" s="236">
        <f t="shared" si="290"/>
        <v>15.683758708074979</v>
      </c>
      <c r="J1240" s="237">
        <f t="shared" si="295"/>
        <v>5.6837587080749792</v>
      </c>
      <c r="K1240" s="237">
        <f t="shared" si="291"/>
        <v>191.12228361660169</v>
      </c>
      <c r="L1240" s="237">
        <f t="shared" si="296"/>
        <v>69.302069927558222</v>
      </c>
      <c r="M1240" s="236">
        <f t="shared" si="292"/>
        <v>4.02004899239832</v>
      </c>
      <c r="N1240" s="236">
        <f t="shared" si="293"/>
        <v>3.6970870162573157</v>
      </c>
      <c r="O1240" s="236">
        <f t="shared" si="297"/>
        <v>3.3777318110418721</v>
      </c>
      <c r="P1240" s="236" t="str">
        <f t="shared" si="298"/>
        <v>CLAY</v>
      </c>
      <c r="Q1240" s="236">
        <f t="shared" si="294"/>
        <v>23.216476365283196</v>
      </c>
      <c r="R1240" s="238">
        <v>35</v>
      </c>
      <c r="S1240" s="236">
        <f t="shared" si="299"/>
        <v>1.4230795933522118</v>
      </c>
      <c r="T1240" s="236" t="e">
        <f t="shared" si="285"/>
        <v>#N/A</v>
      </c>
    </row>
    <row r="1241" spans="1:20" x14ac:dyDescent="0.2">
      <c r="A1241" s="53">
        <f t="shared" si="286"/>
        <v>1229</v>
      </c>
      <c r="B1241" s="239">
        <v>12.202999999999999</v>
      </c>
      <c r="C1241" s="3">
        <f t="shared" si="287"/>
        <v>12.196</v>
      </c>
      <c r="D1241" s="239">
        <v>0.40239999999999998</v>
      </c>
      <c r="E1241" s="239">
        <v>1.03E-2</v>
      </c>
      <c r="F1241" s="239">
        <v>0.33650000000000002</v>
      </c>
      <c r="G1241">
        <f t="shared" si="288"/>
        <v>0.46969999999999995</v>
      </c>
      <c r="H1241" s="235">
        <f t="shared" si="289"/>
        <v>2.1928890781349799</v>
      </c>
      <c r="I1241" s="236">
        <f t="shared" si="290"/>
        <v>15.683742065251376</v>
      </c>
      <c r="J1241" s="237">
        <f t="shared" si="295"/>
        <v>5.6837420652513764</v>
      </c>
      <c r="K1241" s="237">
        <f t="shared" si="291"/>
        <v>191.27891822780578</v>
      </c>
      <c r="L1241" s="237">
        <f t="shared" si="296"/>
        <v>69.358704422262548</v>
      </c>
      <c r="M1241" s="236">
        <f t="shared" si="292"/>
        <v>4.0142197593129696</v>
      </c>
      <c r="N1241" s="236">
        <f t="shared" si="293"/>
        <v>3.6994325050527332</v>
      </c>
      <c r="O1241" s="236">
        <f t="shared" si="297"/>
        <v>3.3784122846031845</v>
      </c>
      <c r="P1241" s="236" t="str">
        <f t="shared" si="298"/>
        <v>CLAY</v>
      </c>
      <c r="Q1241" s="236">
        <f t="shared" si="294"/>
        <v>23.201756814349512</v>
      </c>
      <c r="R1241" s="238">
        <v>35</v>
      </c>
      <c r="S1241" s="236">
        <f t="shared" si="299"/>
        <v>1.4205006575841026</v>
      </c>
      <c r="T1241" s="236" t="e">
        <f t="shared" si="285"/>
        <v>#N/A</v>
      </c>
    </row>
    <row r="1242" spans="1:20" x14ac:dyDescent="0.2">
      <c r="A1242" s="53">
        <f t="shared" si="286"/>
        <v>1230</v>
      </c>
      <c r="B1242" s="239">
        <v>12.214</v>
      </c>
      <c r="C1242" s="3">
        <f t="shared" si="287"/>
        <v>12.207000000000001</v>
      </c>
      <c r="D1242" s="239">
        <v>0.39850000000000002</v>
      </c>
      <c r="E1242" s="239">
        <v>1.04E-2</v>
      </c>
      <c r="F1242" s="239">
        <v>0.33900000000000002</v>
      </c>
      <c r="G1242">
        <f t="shared" si="288"/>
        <v>0.46629999999999999</v>
      </c>
      <c r="H1242" s="235">
        <f t="shared" si="289"/>
        <v>2.2303238258631781</v>
      </c>
      <c r="I1242" s="236">
        <f t="shared" si="290"/>
        <v>15.692231944398236</v>
      </c>
      <c r="J1242" s="237">
        <f t="shared" si="295"/>
        <v>5.6922319443982357</v>
      </c>
      <c r="K1242" s="237">
        <f t="shared" si="291"/>
        <v>191.55507534526927</v>
      </c>
      <c r="L1242" s="237">
        <f t="shared" si="296"/>
        <v>69.524920968880053</v>
      </c>
      <c r="M1242" s="236">
        <f t="shared" si="292"/>
        <v>3.9517473853398402</v>
      </c>
      <c r="N1242" s="236">
        <f t="shared" si="293"/>
        <v>3.7853292515119534</v>
      </c>
      <c r="O1242" s="236">
        <f t="shared" si="297"/>
        <v>3.3894715254998493</v>
      </c>
      <c r="P1242" s="236" t="str">
        <f t="shared" si="298"/>
        <v>CLAY</v>
      </c>
      <c r="Q1242" s="236">
        <f t="shared" si="294"/>
        <v>22.895410387894231</v>
      </c>
      <c r="R1242" s="238">
        <v>35</v>
      </c>
      <c r="S1242" s="236">
        <f t="shared" si="299"/>
        <v>1.39292097107457</v>
      </c>
      <c r="T1242" s="236" t="e">
        <f t="shared" si="285"/>
        <v>#N/A</v>
      </c>
    </row>
    <row r="1243" spans="1:20" x14ac:dyDescent="0.2">
      <c r="A1243" s="53">
        <f t="shared" si="286"/>
        <v>1231</v>
      </c>
      <c r="B1243" s="239">
        <v>12.224</v>
      </c>
      <c r="C1243" s="3">
        <f t="shared" si="287"/>
        <v>12.217000000000001</v>
      </c>
      <c r="D1243" s="239">
        <v>0.39789999999999998</v>
      </c>
      <c r="E1243" s="239">
        <v>1.03E-2</v>
      </c>
      <c r="F1243" s="239">
        <v>0.33839999999999998</v>
      </c>
      <c r="G1243">
        <f t="shared" si="288"/>
        <v>0.46557999999999994</v>
      </c>
      <c r="H1243" s="235">
        <f t="shared" si="289"/>
        <v>2.2122943425404875</v>
      </c>
      <c r="I1243" s="236">
        <f t="shared" si="290"/>
        <v>15.680298445468361</v>
      </c>
      <c r="J1243" s="237">
        <f t="shared" si="295"/>
        <v>5.6802984454683614</v>
      </c>
      <c r="K1243" s="237">
        <f t="shared" si="291"/>
        <v>191.56620610828699</v>
      </c>
      <c r="L1243" s="237">
        <f t="shared" si="296"/>
        <v>69.435968197405245</v>
      </c>
      <c r="M1243" s="236">
        <f t="shared" si="292"/>
        <v>3.9462803069541201</v>
      </c>
      <c r="N1243" s="236">
        <f t="shared" si="293"/>
        <v>3.7589348527725734</v>
      </c>
      <c r="O1243" s="236">
        <f t="shared" si="297"/>
        <v>3.3883703228107409</v>
      </c>
      <c r="P1243" s="236" t="str">
        <f t="shared" si="298"/>
        <v>CLAY</v>
      </c>
      <c r="Q1243" s="236">
        <f t="shared" si="294"/>
        <v>22.834482824309408</v>
      </c>
      <c r="R1243" s="238">
        <v>35</v>
      </c>
      <c r="S1243" s="236">
        <f t="shared" si="299"/>
        <v>1.3905125773880991</v>
      </c>
      <c r="T1243" s="236" t="e">
        <f t="shared" si="285"/>
        <v>#N/A</v>
      </c>
    </row>
    <row r="1244" spans="1:20" x14ac:dyDescent="0.2">
      <c r="A1244" s="53">
        <f t="shared" si="286"/>
        <v>1232</v>
      </c>
      <c r="B1244" s="239">
        <v>12.233000000000001</v>
      </c>
      <c r="C1244" s="3">
        <f t="shared" si="287"/>
        <v>12.226000000000001</v>
      </c>
      <c r="D1244" s="239">
        <v>0.39529999999999998</v>
      </c>
      <c r="E1244" s="239">
        <v>1.03E-2</v>
      </c>
      <c r="F1244" s="239">
        <v>0.34050000000000002</v>
      </c>
      <c r="G1244">
        <f t="shared" si="288"/>
        <v>0.46339999999999998</v>
      </c>
      <c r="H1244" s="235">
        <f t="shared" si="289"/>
        <v>2.2227017695295643</v>
      </c>
      <c r="I1244" s="236">
        <f t="shared" si="290"/>
        <v>15.678463987595013</v>
      </c>
      <c r="J1244" s="237">
        <f t="shared" si="295"/>
        <v>5.6784639875950127</v>
      </c>
      <c r="K1244" s="237">
        <f t="shared" si="291"/>
        <v>191.68490071233663</v>
      </c>
      <c r="L1244" s="237">
        <f t="shared" si="296"/>
        <v>69.464649960249787</v>
      </c>
      <c r="M1244" s="236">
        <f t="shared" si="292"/>
        <v>3.911559324680232</v>
      </c>
      <c r="N1244" s="236">
        <f t="shared" si="293"/>
        <v>3.7907352322350865</v>
      </c>
      <c r="O1244" s="236">
        <f t="shared" si="297"/>
        <v>3.3935639129017292</v>
      </c>
      <c r="P1244" s="236" t="str">
        <f t="shared" si="298"/>
        <v>CLAY</v>
      </c>
      <c r="Q1244" s="236">
        <f t="shared" si="294"/>
        <v>22.642924940638611</v>
      </c>
      <c r="R1244" s="238">
        <v>35</v>
      </c>
      <c r="S1244" s="236">
        <f t="shared" si="299"/>
        <v>1.3752365632669594</v>
      </c>
      <c r="T1244" s="236" t="e">
        <f t="shared" si="285"/>
        <v>#N/A</v>
      </c>
    </row>
    <row r="1245" spans="1:20" x14ac:dyDescent="0.2">
      <c r="A1245" s="53">
        <f t="shared" si="286"/>
        <v>1233</v>
      </c>
      <c r="B1245" s="239">
        <v>12.244</v>
      </c>
      <c r="C1245" s="3">
        <f t="shared" si="287"/>
        <v>12.237</v>
      </c>
      <c r="D1245" s="239">
        <v>0.39550000000000002</v>
      </c>
      <c r="E1245" s="239">
        <v>1.01E-2</v>
      </c>
      <c r="F1245" s="239">
        <v>0.33450000000000002</v>
      </c>
      <c r="G1245">
        <f t="shared" si="288"/>
        <v>0.46240000000000003</v>
      </c>
      <c r="H1245" s="235">
        <f t="shared" si="289"/>
        <v>2.1842560553633215</v>
      </c>
      <c r="I1245" s="236">
        <f t="shared" si="290"/>
        <v>15.654626806466847</v>
      </c>
      <c r="J1245" s="237">
        <f t="shared" si="295"/>
        <v>5.6546268064668475</v>
      </c>
      <c r="K1245" s="237">
        <f t="shared" si="291"/>
        <v>191.56566823073481</v>
      </c>
      <c r="L1245" s="237">
        <f t="shared" si="296"/>
        <v>69.235250618380078</v>
      </c>
      <c r="M1245" s="236">
        <f t="shared" si="292"/>
        <v>3.9117982436733758</v>
      </c>
      <c r="N1245" s="236">
        <f t="shared" si="293"/>
        <v>3.7292170213503812</v>
      </c>
      <c r="O1245" s="236">
        <f t="shared" si="297"/>
        <v>3.3897803973825269</v>
      </c>
      <c r="P1245" s="236" t="str">
        <f t="shared" si="298"/>
        <v>CLAY</v>
      </c>
      <c r="Q1245" s="236">
        <f t="shared" si="294"/>
        <v>22.569527647438765</v>
      </c>
      <c r="R1245" s="238">
        <v>35</v>
      </c>
      <c r="S1245" s="236">
        <f t="shared" si="299"/>
        <v>1.3753415637975543</v>
      </c>
      <c r="T1245" s="236" t="e">
        <f t="shared" si="285"/>
        <v>#N/A</v>
      </c>
    </row>
    <row r="1246" spans="1:20" x14ac:dyDescent="0.2">
      <c r="A1246" s="53">
        <f t="shared" si="286"/>
        <v>1234</v>
      </c>
      <c r="B1246" s="239">
        <v>12.253</v>
      </c>
      <c r="C1246" s="3">
        <f t="shared" si="287"/>
        <v>12.246</v>
      </c>
      <c r="D1246" s="239">
        <v>0.39650000000000002</v>
      </c>
      <c r="E1246" s="239">
        <v>9.9000000000000008E-3</v>
      </c>
      <c r="F1246" s="239">
        <v>0.33429999999999999</v>
      </c>
      <c r="G1246">
        <f t="shared" si="288"/>
        <v>0.46335999999999999</v>
      </c>
      <c r="H1246" s="235">
        <f t="shared" si="289"/>
        <v>2.1365676795580111</v>
      </c>
      <c r="I1246" s="236">
        <f t="shared" si="290"/>
        <v>15.631984765958801</v>
      </c>
      <c r="J1246" s="237">
        <f t="shared" si="295"/>
        <v>5.6319847659588014</v>
      </c>
      <c r="K1246" s="237">
        <f t="shared" si="291"/>
        <v>191.42928544393149</v>
      </c>
      <c r="L1246" s="237">
        <f t="shared" si="296"/>
        <v>69.008709337293197</v>
      </c>
      <c r="M1246" s="236">
        <f t="shared" si="292"/>
        <v>3.9405274662790091</v>
      </c>
      <c r="N1246" s="236">
        <f t="shared" si="293"/>
        <v>3.6406332459214532</v>
      </c>
      <c r="O1246" s="236">
        <f t="shared" si="297"/>
        <v>3.3815719719827757</v>
      </c>
      <c r="P1246" s="236" t="str">
        <f t="shared" si="298"/>
        <v>CLAY</v>
      </c>
      <c r="Q1246" s="236">
        <f t="shared" si="294"/>
        <v>22.660892879672378</v>
      </c>
      <c r="R1246" s="238">
        <v>35</v>
      </c>
      <c r="S1246" s="236">
        <f t="shared" si="299"/>
        <v>1.3879791983316101</v>
      </c>
      <c r="T1246" s="236" t="e">
        <f t="shared" si="285"/>
        <v>#N/A</v>
      </c>
    </row>
    <row r="1247" spans="1:20" x14ac:dyDescent="0.2">
      <c r="A1247" s="53">
        <f t="shared" si="286"/>
        <v>1235</v>
      </c>
      <c r="B1247" s="239">
        <v>12.263999999999999</v>
      </c>
      <c r="C1247" s="3">
        <f t="shared" si="287"/>
        <v>12.257</v>
      </c>
      <c r="D1247" s="239">
        <v>0.39650000000000002</v>
      </c>
      <c r="E1247" s="239">
        <v>9.9000000000000008E-3</v>
      </c>
      <c r="F1247" s="239">
        <v>0.33500000000000002</v>
      </c>
      <c r="G1247">
        <f t="shared" si="288"/>
        <v>0.46350000000000002</v>
      </c>
      <c r="H1247" s="235">
        <f t="shared" si="289"/>
        <v>2.1359223300970873</v>
      </c>
      <c r="I1247" s="236">
        <f t="shared" si="290"/>
        <v>15.632102844428335</v>
      </c>
      <c r="J1247" s="237">
        <f t="shared" si="295"/>
        <v>5.632102844428335</v>
      </c>
      <c r="K1247" s="237">
        <f t="shared" si="291"/>
        <v>191.6026845641581</v>
      </c>
      <c r="L1247" s="237">
        <f t="shared" si="296"/>
        <v>69.0721092840691</v>
      </c>
      <c r="M1247" s="236">
        <f t="shared" si="292"/>
        <v>3.9364269928058029</v>
      </c>
      <c r="N1247" s="236">
        <f t="shared" si="293"/>
        <v>3.6410804513206192</v>
      </c>
      <c r="O1247" s="236">
        <f t="shared" si="297"/>
        <v>3.381984424288035</v>
      </c>
      <c r="P1247" s="236" t="str">
        <f t="shared" si="298"/>
        <v>CLAY</v>
      </c>
      <c r="Q1247" s="236">
        <f t="shared" si="294"/>
        <v>22.658109619653491</v>
      </c>
      <c r="R1247" s="238">
        <v>35</v>
      </c>
      <c r="S1247" s="236">
        <f t="shared" si="299"/>
        <v>1.3861740366362341</v>
      </c>
      <c r="T1247" s="236" t="e">
        <f t="shared" si="285"/>
        <v>#N/A</v>
      </c>
    </row>
    <row r="1248" spans="1:20" x14ac:dyDescent="0.2">
      <c r="A1248" s="53">
        <f t="shared" si="286"/>
        <v>1236</v>
      </c>
      <c r="B1248" s="239">
        <v>12.273</v>
      </c>
      <c r="C1248" s="3">
        <f t="shared" si="287"/>
        <v>12.266</v>
      </c>
      <c r="D1248" s="239">
        <v>0.39650000000000002</v>
      </c>
      <c r="E1248" s="239">
        <v>9.9000000000000008E-3</v>
      </c>
      <c r="F1248" s="239">
        <v>0.33760000000000001</v>
      </c>
      <c r="G1248">
        <f t="shared" si="288"/>
        <v>0.46401999999999999</v>
      </c>
      <c r="H1248" s="235">
        <f t="shared" si="289"/>
        <v>2.1335287272100345</v>
      </c>
      <c r="I1248" s="236">
        <f t="shared" si="290"/>
        <v>15.632541109562943</v>
      </c>
      <c r="J1248" s="237">
        <f t="shared" si="295"/>
        <v>5.6325411095629434</v>
      </c>
      <c r="K1248" s="237">
        <f t="shared" si="291"/>
        <v>191.74874924989908</v>
      </c>
      <c r="L1248" s="237">
        <f t="shared" si="296"/>
        <v>69.128177037666006</v>
      </c>
      <c r="M1248" s="236">
        <f t="shared" si="292"/>
        <v>3.9386435809199467</v>
      </c>
      <c r="N1248" s="236">
        <f t="shared" si="293"/>
        <v>3.6360798184625565</v>
      </c>
      <c r="O1248" s="236">
        <f t="shared" si="297"/>
        <v>3.3814622625175197</v>
      </c>
      <c r="P1248" s="236" t="str">
        <f t="shared" si="298"/>
        <v>CLAY</v>
      </c>
      <c r="Q1248" s="236">
        <f t="shared" si="294"/>
        <v>22.689270895841741</v>
      </c>
      <c r="R1248" s="238">
        <v>35</v>
      </c>
      <c r="S1248" s="236">
        <f t="shared" si="299"/>
        <v>1.3871497924226897</v>
      </c>
      <c r="T1248" s="236" t="e">
        <f t="shared" si="285"/>
        <v>#N/A</v>
      </c>
    </row>
    <row r="1249" spans="1:20" x14ac:dyDescent="0.2">
      <c r="A1249" s="53">
        <f t="shared" si="286"/>
        <v>1237</v>
      </c>
      <c r="B1249" s="239">
        <v>12.282999999999999</v>
      </c>
      <c r="C1249" s="3">
        <f t="shared" si="287"/>
        <v>12.276</v>
      </c>
      <c r="D1249" s="239">
        <v>0.39529999999999998</v>
      </c>
      <c r="E1249" s="239">
        <v>0.01</v>
      </c>
      <c r="F1249" s="239">
        <v>0.3387</v>
      </c>
      <c r="G1249">
        <f t="shared" si="288"/>
        <v>0.46303999999999995</v>
      </c>
      <c r="H1249" s="235">
        <f t="shared" si="289"/>
        <v>2.1596406357982034</v>
      </c>
      <c r="I1249" s="236">
        <f t="shared" si="290"/>
        <v>15.643499712877535</v>
      </c>
      <c r="J1249" s="237">
        <f t="shared" si="295"/>
        <v>5.643499712877535</v>
      </c>
      <c r="K1249" s="237">
        <f t="shared" si="291"/>
        <v>192.03960247528462</v>
      </c>
      <c r="L1249" s="237">
        <f t="shared" si="296"/>
        <v>69.319106973274756</v>
      </c>
      <c r="M1249" s="236">
        <f t="shared" si="292"/>
        <v>3.90946175387396</v>
      </c>
      <c r="N1249" s="236">
        <f t="shared" si="293"/>
        <v>3.6900314875324103</v>
      </c>
      <c r="O1249" s="236">
        <f t="shared" si="297"/>
        <v>3.3875783710120464</v>
      </c>
      <c r="P1249" s="236" t="str">
        <f t="shared" si="298"/>
        <v>CLAY</v>
      </c>
      <c r="Q1249" s="236">
        <f t="shared" si="294"/>
        <v>22.583366460392948</v>
      </c>
      <c r="R1249" s="238">
        <v>35</v>
      </c>
      <c r="S1249" s="236">
        <f t="shared" si="299"/>
        <v>1.3743147880746271</v>
      </c>
      <c r="T1249" s="236" t="e">
        <f t="shared" si="285"/>
        <v>#N/A</v>
      </c>
    </row>
    <row r="1250" spans="1:20" x14ac:dyDescent="0.2">
      <c r="A1250" s="53">
        <f t="shared" si="286"/>
        <v>1238</v>
      </c>
      <c r="B1250" s="239">
        <v>12.292999999999999</v>
      </c>
      <c r="C1250" s="3">
        <f t="shared" si="287"/>
        <v>12.286</v>
      </c>
      <c r="D1250" s="239">
        <v>0.39860000000000001</v>
      </c>
      <c r="E1250" s="239">
        <v>9.9000000000000008E-3</v>
      </c>
      <c r="F1250" s="239">
        <v>0.3397</v>
      </c>
      <c r="G1250">
        <f t="shared" si="288"/>
        <v>0.46654000000000001</v>
      </c>
      <c r="H1250" s="235">
        <f t="shared" si="289"/>
        <v>2.1220045440905388</v>
      </c>
      <c r="I1250" s="236">
        <f t="shared" si="290"/>
        <v>15.634658076320068</v>
      </c>
      <c r="J1250" s="237">
        <f t="shared" si="295"/>
        <v>5.6346580763200684</v>
      </c>
      <c r="K1250" s="237">
        <f t="shared" si="291"/>
        <v>192.08740912566836</v>
      </c>
      <c r="L1250" s="237">
        <f t="shared" si="296"/>
        <v>69.266851732202596</v>
      </c>
      <c r="M1250" s="236">
        <f t="shared" si="292"/>
        <v>3.9622501096976657</v>
      </c>
      <c r="N1250" s="236">
        <f t="shared" si="293"/>
        <v>3.6071803762031465</v>
      </c>
      <c r="O1250" s="236">
        <f t="shared" si="297"/>
        <v>3.3774314813173785</v>
      </c>
      <c r="P1250" s="236" t="str">
        <f t="shared" si="298"/>
        <v>CLAY</v>
      </c>
      <c r="Q1250" s="236">
        <f t="shared" si="294"/>
        <v>22.87104923952764</v>
      </c>
      <c r="R1250" s="238">
        <v>35</v>
      </c>
      <c r="S1250" s="236">
        <f t="shared" si="299"/>
        <v>1.397550037828639</v>
      </c>
      <c r="T1250" s="236" t="e">
        <f t="shared" si="285"/>
        <v>#N/A</v>
      </c>
    </row>
    <row r="1251" spans="1:20" x14ac:dyDescent="0.2">
      <c r="A1251" s="53">
        <f t="shared" si="286"/>
        <v>1239</v>
      </c>
      <c r="B1251" s="239">
        <v>12.303000000000001</v>
      </c>
      <c r="C1251" s="3">
        <f t="shared" si="287"/>
        <v>12.296000000000001</v>
      </c>
      <c r="D1251" s="239">
        <v>0.3972</v>
      </c>
      <c r="E1251" s="239">
        <v>1.01E-2</v>
      </c>
      <c r="F1251" s="239">
        <v>0.33850000000000002</v>
      </c>
      <c r="G1251">
        <f t="shared" si="288"/>
        <v>0.46489999999999998</v>
      </c>
      <c r="H1251" s="235">
        <f t="shared" si="289"/>
        <v>2.1725102172510216</v>
      </c>
      <c r="I1251" s="236">
        <f t="shared" si="290"/>
        <v>15.656734355160399</v>
      </c>
      <c r="J1251" s="237">
        <f t="shared" si="295"/>
        <v>5.656734355160399</v>
      </c>
      <c r="K1251" s="237">
        <f t="shared" si="291"/>
        <v>192.51520563105228</v>
      </c>
      <c r="L1251" s="237">
        <f t="shared" si="296"/>
        <v>69.594802771538397</v>
      </c>
      <c r="M1251" s="236">
        <f t="shared" si="292"/>
        <v>3.9138668912262893</v>
      </c>
      <c r="N1251" s="236">
        <f t="shared" si="293"/>
        <v>3.7079896561037309</v>
      </c>
      <c r="O1251" s="236">
        <f t="shared" si="297"/>
        <v>3.3882757499108984</v>
      </c>
      <c r="P1251" s="236" t="str">
        <f t="shared" si="298"/>
        <v>CLAY</v>
      </c>
      <c r="Q1251" s="236">
        <f t="shared" si="294"/>
        <v>22.698732864078977</v>
      </c>
      <c r="R1251" s="238">
        <v>35</v>
      </c>
      <c r="S1251" s="236">
        <f t="shared" si="299"/>
        <v>1.376250763616679</v>
      </c>
      <c r="T1251" s="236" t="e">
        <f t="shared" si="285"/>
        <v>#N/A</v>
      </c>
    </row>
    <row r="1252" spans="1:20" x14ac:dyDescent="0.2">
      <c r="A1252" s="53">
        <f t="shared" si="286"/>
        <v>1240</v>
      </c>
      <c r="B1252" s="239">
        <v>12.313000000000001</v>
      </c>
      <c r="C1252" s="3">
        <f t="shared" si="287"/>
        <v>12.306000000000001</v>
      </c>
      <c r="D1252" s="239">
        <v>0.39639999999999997</v>
      </c>
      <c r="E1252" s="239">
        <v>1.01E-2</v>
      </c>
      <c r="F1252" s="239">
        <v>0.3387</v>
      </c>
      <c r="G1252">
        <f t="shared" si="288"/>
        <v>0.46413999999999994</v>
      </c>
      <c r="H1252" s="235">
        <f t="shared" si="289"/>
        <v>2.1760675658206576</v>
      </c>
      <c r="I1252" s="236">
        <f t="shared" si="290"/>
        <v>15.656094861722259</v>
      </c>
      <c r="J1252" s="237">
        <f t="shared" si="295"/>
        <v>5.6560948617222593</v>
      </c>
      <c r="K1252" s="237">
        <f t="shared" si="291"/>
        <v>192.66390336835414</v>
      </c>
      <c r="L1252" s="237">
        <f t="shared" si="296"/>
        <v>69.643496032386182</v>
      </c>
      <c r="M1252" s="236">
        <f t="shared" si="292"/>
        <v>3.8980825503849168</v>
      </c>
      <c r="N1252" s="236">
        <f t="shared" si="293"/>
        <v>3.7204012159141415</v>
      </c>
      <c r="O1252" s="236">
        <f t="shared" si="297"/>
        <v>3.3905324849744711</v>
      </c>
      <c r="P1252" s="236" t="str">
        <f t="shared" si="298"/>
        <v>CLAY</v>
      </c>
      <c r="Q1252" s="236">
        <f t="shared" si="294"/>
        <v>22.623008052637147</v>
      </c>
      <c r="R1252" s="238">
        <v>35</v>
      </c>
      <c r="S1252" s="236">
        <f t="shared" si="299"/>
        <v>1.369316365468277</v>
      </c>
      <c r="T1252" s="236" t="e">
        <f t="shared" si="285"/>
        <v>#N/A</v>
      </c>
    </row>
    <row r="1253" spans="1:20" x14ac:dyDescent="0.2">
      <c r="A1253" s="53">
        <f t="shared" si="286"/>
        <v>1241</v>
      </c>
      <c r="B1253" s="239">
        <v>12.323</v>
      </c>
      <c r="C1253" s="3">
        <f t="shared" si="287"/>
        <v>12.316000000000001</v>
      </c>
      <c r="D1253" s="239">
        <v>0.39360000000000001</v>
      </c>
      <c r="E1253" s="239">
        <v>1.01E-2</v>
      </c>
      <c r="F1253" s="239">
        <v>0.3412</v>
      </c>
      <c r="G1253">
        <f t="shared" si="288"/>
        <v>0.46183999999999997</v>
      </c>
      <c r="H1253" s="235">
        <f t="shared" si="289"/>
        <v>2.1869045556902824</v>
      </c>
      <c r="I1253" s="236">
        <f t="shared" si="290"/>
        <v>15.654153153637138</v>
      </c>
      <c r="J1253" s="237">
        <f t="shared" si="295"/>
        <v>5.6541531536371377</v>
      </c>
      <c r="K1253" s="237">
        <f t="shared" si="291"/>
        <v>192.79655024019499</v>
      </c>
      <c r="L1253" s="237">
        <f t="shared" si="296"/>
        <v>69.676129312270447</v>
      </c>
      <c r="M1253" s="236">
        <f t="shared" si="292"/>
        <v>3.8613432235022929</v>
      </c>
      <c r="N1253" s="236">
        <f t="shared" si="293"/>
        <v>3.7540404752529817</v>
      </c>
      <c r="O1253" s="236">
        <f t="shared" si="297"/>
        <v>3.3960895013042514</v>
      </c>
      <c r="P1253" s="236" t="str">
        <f t="shared" si="298"/>
        <v>CLAY</v>
      </c>
      <c r="Q1253" s="236">
        <f t="shared" si="294"/>
        <v>22.420287479983745</v>
      </c>
      <c r="R1253" s="238">
        <v>35</v>
      </c>
      <c r="S1253" s="236">
        <f t="shared" si="299"/>
        <v>1.3532032021346005</v>
      </c>
      <c r="T1253" s="236" t="e">
        <f t="shared" si="285"/>
        <v>#N/A</v>
      </c>
    </row>
    <row r="1254" spans="1:20" x14ac:dyDescent="0.2">
      <c r="A1254" s="53">
        <f t="shared" si="286"/>
        <v>1242</v>
      </c>
      <c r="B1254" s="239">
        <v>12.333</v>
      </c>
      <c r="C1254" s="3">
        <f t="shared" si="287"/>
        <v>12.326000000000001</v>
      </c>
      <c r="D1254" s="239">
        <v>0.39369999999999999</v>
      </c>
      <c r="E1254" s="239">
        <v>0.01</v>
      </c>
      <c r="F1254" s="239">
        <v>0.33850000000000002</v>
      </c>
      <c r="G1254">
        <f t="shared" si="288"/>
        <v>0.46139999999999998</v>
      </c>
      <c r="H1254" s="235">
        <f t="shared" si="289"/>
        <v>2.1673168617251841</v>
      </c>
      <c r="I1254" s="236">
        <f t="shared" si="290"/>
        <v>15.642112885549054</v>
      </c>
      <c r="J1254" s="237">
        <f t="shared" si="295"/>
        <v>5.6421128855490537</v>
      </c>
      <c r="K1254" s="237">
        <f t="shared" si="291"/>
        <v>192.80468342727764</v>
      </c>
      <c r="L1254" s="237">
        <f t="shared" si="296"/>
        <v>69.584178217476477</v>
      </c>
      <c r="M1254" s="236">
        <f t="shared" si="292"/>
        <v>3.8600055853682997</v>
      </c>
      <c r="N1254" s="236">
        <f t="shared" si="293"/>
        <v>3.7230731077518593</v>
      </c>
      <c r="O1254" s="236">
        <f t="shared" si="297"/>
        <v>3.3943178343450509</v>
      </c>
      <c r="P1254" s="236" t="str">
        <f t="shared" si="298"/>
        <v>CLAY</v>
      </c>
      <c r="Q1254" s="236">
        <f t="shared" si="294"/>
        <v>22.382943047726865</v>
      </c>
      <c r="R1254" s="238">
        <v>35</v>
      </c>
      <c r="S1254" s="236">
        <f t="shared" si="299"/>
        <v>1.3526172603672344</v>
      </c>
      <c r="T1254" s="236" t="e">
        <f t="shared" si="285"/>
        <v>#N/A</v>
      </c>
    </row>
    <row r="1255" spans="1:20" x14ac:dyDescent="0.2">
      <c r="A1255" s="53">
        <f t="shared" si="286"/>
        <v>1243</v>
      </c>
      <c r="B1255" s="239">
        <v>12.343999999999999</v>
      </c>
      <c r="C1255" s="3">
        <f t="shared" si="287"/>
        <v>12.337</v>
      </c>
      <c r="D1255" s="239">
        <v>0.39150000000000001</v>
      </c>
      <c r="E1255" s="239">
        <v>9.9000000000000008E-3</v>
      </c>
      <c r="F1255" s="239">
        <v>0.33910000000000001</v>
      </c>
      <c r="G1255">
        <f t="shared" si="288"/>
        <v>0.45932000000000001</v>
      </c>
      <c r="H1255" s="235">
        <f t="shared" si="289"/>
        <v>2.1553600975354872</v>
      </c>
      <c r="I1255" s="236">
        <f t="shared" si="290"/>
        <v>15.628561900333398</v>
      </c>
      <c r="J1255" s="237">
        <f t="shared" si="295"/>
        <v>5.6285619003333984</v>
      </c>
      <c r="K1255" s="237">
        <f t="shared" si="291"/>
        <v>192.80956816441312</v>
      </c>
      <c r="L1255" s="237">
        <f t="shared" si="296"/>
        <v>69.478968097715466</v>
      </c>
      <c r="M1255" s="236">
        <f t="shared" si="292"/>
        <v>3.8358432649829464</v>
      </c>
      <c r="N1255" s="236">
        <f t="shared" si="293"/>
        <v>3.714676356874246</v>
      </c>
      <c r="O1255" s="236">
        <f t="shared" si="297"/>
        <v>3.3961178269408649</v>
      </c>
      <c r="P1255" s="236" t="str">
        <f t="shared" si="298"/>
        <v>CLAY</v>
      </c>
      <c r="Q1255" s="236">
        <f t="shared" si="294"/>
        <v>22.209202652965573</v>
      </c>
      <c r="R1255" s="238">
        <v>35</v>
      </c>
      <c r="S1255" s="236">
        <f t="shared" si="299"/>
        <v>1.3420419003748147</v>
      </c>
      <c r="T1255" s="236" t="e">
        <f t="shared" si="285"/>
        <v>#N/A</v>
      </c>
    </row>
    <row r="1256" spans="1:20" x14ac:dyDescent="0.2">
      <c r="A1256" s="53">
        <f t="shared" si="286"/>
        <v>1244</v>
      </c>
      <c r="B1256" s="239">
        <v>12.353999999999999</v>
      </c>
      <c r="C1256" s="3">
        <f t="shared" si="287"/>
        <v>12.347</v>
      </c>
      <c r="D1256" s="239">
        <v>0.3926</v>
      </c>
      <c r="E1256" s="239">
        <v>9.9000000000000008E-3</v>
      </c>
      <c r="F1256" s="239">
        <v>0.33900000000000002</v>
      </c>
      <c r="G1256">
        <f t="shared" si="288"/>
        <v>0.46039999999999998</v>
      </c>
      <c r="H1256" s="235">
        <f t="shared" si="289"/>
        <v>2.1503040834057345</v>
      </c>
      <c r="I1256" s="236">
        <f t="shared" si="290"/>
        <v>15.629479863257849</v>
      </c>
      <c r="J1256" s="237">
        <f t="shared" si="295"/>
        <v>5.6294798632578491</v>
      </c>
      <c r="K1256" s="237">
        <f t="shared" si="291"/>
        <v>192.97718787164465</v>
      </c>
      <c r="L1256" s="237">
        <f t="shared" si="296"/>
        <v>69.546594230687461</v>
      </c>
      <c r="M1256" s="236">
        <f t="shared" si="292"/>
        <v>3.8452323235456856</v>
      </c>
      <c r="N1256" s="236">
        <f t="shared" si="293"/>
        <v>3.7020028026809779</v>
      </c>
      <c r="O1256" s="236">
        <f t="shared" si="297"/>
        <v>3.3944333368768258</v>
      </c>
      <c r="P1256" s="236" t="str">
        <f t="shared" si="298"/>
        <v>CLAY</v>
      </c>
      <c r="Q1256" s="236">
        <f t="shared" si="294"/>
        <v>22.285234344029607</v>
      </c>
      <c r="R1256" s="238">
        <v>35</v>
      </c>
      <c r="S1256" s="236">
        <f t="shared" si="299"/>
        <v>1.3461493293282178</v>
      </c>
      <c r="T1256" s="236" t="e">
        <f t="shared" si="285"/>
        <v>#N/A</v>
      </c>
    </row>
    <row r="1257" spans="1:20" x14ac:dyDescent="0.2">
      <c r="A1257" s="53">
        <f t="shared" si="286"/>
        <v>1245</v>
      </c>
      <c r="B1257" s="239">
        <v>12.364000000000001</v>
      </c>
      <c r="C1257" s="3">
        <f t="shared" si="287"/>
        <v>12.357000000000001</v>
      </c>
      <c r="D1257" s="239">
        <v>0.3957</v>
      </c>
      <c r="E1257" s="239">
        <v>9.7999999999999997E-3</v>
      </c>
      <c r="F1257" s="239">
        <v>0.3382</v>
      </c>
      <c r="G1257">
        <f t="shared" si="288"/>
        <v>0.46333999999999997</v>
      </c>
      <c r="H1257" s="235">
        <f t="shared" si="289"/>
        <v>2.1150774808995556</v>
      </c>
      <c r="I1257" s="236">
        <f t="shared" si="290"/>
        <v>15.620063273650073</v>
      </c>
      <c r="J1257" s="237">
        <f t="shared" si="295"/>
        <v>5.6200632736500733</v>
      </c>
      <c r="K1257" s="237">
        <f t="shared" si="291"/>
        <v>193.01712187249396</v>
      </c>
      <c r="L1257" s="237">
        <f t="shared" si="296"/>
        <v>69.486462315409511</v>
      </c>
      <c r="M1257" s="236">
        <f t="shared" si="292"/>
        <v>3.8902955931253165</v>
      </c>
      <c r="N1257" s="236">
        <f t="shared" si="293"/>
        <v>3.6252943398218522</v>
      </c>
      <c r="O1257" s="236">
        <f t="shared" si="297"/>
        <v>3.385345285245811</v>
      </c>
      <c r="P1257" s="236" t="str">
        <f t="shared" si="298"/>
        <v>CLAY</v>
      </c>
      <c r="Q1257" s="236">
        <f t="shared" si="294"/>
        <v>22.526906510625498</v>
      </c>
      <c r="R1257" s="238">
        <v>35</v>
      </c>
      <c r="S1257" s="236">
        <f t="shared" si="299"/>
        <v>1.3658979719406574</v>
      </c>
      <c r="T1257" s="236" t="e">
        <f t="shared" si="285"/>
        <v>#N/A</v>
      </c>
    </row>
    <row r="1258" spans="1:20" x14ac:dyDescent="0.2">
      <c r="A1258" s="53">
        <f t="shared" si="286"/>
        <v>1246</v>
      </c>
      <c r="B1258" s="239">
        <v>12.375</v>
      </c>
      <c r="C1258" s="3">
        <f t="shared" si="287"/>
        <v>12.368</v>
      </c>
      <c r="D1258" s="239">
        <v>0.39660000000000001</v>
      </c>
      <c r="E1258" s="239">
        <v>9.7999999999999997E-3</v>
      </c>
      <c r="F1258" s="239">
        <v>0.3397</v>
      </c>
      <c r="G1258">
        <f t="shared" si="288"/>
        <v>0.46454000000000001</v>
      </c>
      <c r="H1258" s="235">
        <f t="shared" si="289"/>
        <v>2.1096138115124639</v>
      </c>
      <c r="I1258" s="236">
        <f t="shared" si="290"/>
        <v>15.621074262790806</v>
      </c>
      <c r="J1258" s="237">
        <f t="shared" si="295"/>
        <v>5.6210742627908061</v>
      </c>
      <c r="K1258" s="237">
        <f t="shared" si="291"/>
        <v>193.2014464821967</v>
      </c>
      <c r="L1258" s="237">
        <f t="shared" si="296"/>
        <v>69.560794002036232</v>
      </c>
      <c r="M1258" s="236">
        <f t="shared" si="292"/>
        <v>3.9007397401165451</v>
      </c>
      <c r="N1258" s="236">
        <f t="shared" si="293"/>
        <v>3.6117241258002766</v>
      </c>
      <c r="O1258" s="236">
        <f t="shared" si="297"/>
        <v>3.383498756233621</v>
      </c>
      <c r="P1258" s="236" t="str">
        <f t="shared" si="298"/>
        <v>CLAY</v>
      </c>
      <c r="Q1258" s="236">
        <f t="shared" si="294"/>
        <v>22.611546126483614</v>
      </c>
      <c r="R1258" s="238">
        <v>35</v>
      </c>
      <c r="S1258" s="236">
        <f t="shared" si="299"/>
        <v>1.3704832351147029</v>
      </c>
      <c r="T1258" s="236" t="e">
        <f t="shared" si="285"/>
        <v>#N/A</v>
      </c>
    </row>
    <row r="1259" spans="1:20" x14ac:dyDescent="0.2">
      <c r="A1259" s="53">
        <f t="shared" si="286"/>
        <v>1247</v>
      </c>
      <c r="B1259" s="239">
        <v>12.384</v>
      </c>
      <c r="C1259" s="3">
        <f t="shared" si="287"/>
        <v>12.377000000000001</v>
      </c>
      <c r="D1259" s="239">
        <v>0.39539999999999997</v>
      </c>
      <c r="E1259" s="239">
        <v>9.7000000000000003E-3</v>
      </c>
      <c r="F1259" s="239">
        <v>0.3377</v>
      </c>
      <c r="G1259">
        <f t="shared" si="288"/>
        <v>0.46293999999999996</v>
      </c>
      <c r="H1259" s="235">
        <f t="shared" si="289"/>
        <v>2.0953039270747831</v>
      </c>
      <c r="I1259" s="236">
        <f t="shared" si="290"/>
        <v>15.607698973479028</v>
      </c>
      <c r="J1259" s="237">
        <f t="shared" si="295"/>
        <v>5.6076989734790281</v>
      </c>
      <c r="K1259" s="237">
        <f t="shared" si="291"/>
        <v>193.17649019474993</v>
      </c>
      <c r="L1259" s="237">
        <f t="shared" si="296"/>
        <v>69.445744087564293</v>
      </c>
      <c r="M1259" s="236">
        <f t="shared" si="292"/>
        <v>3.8845218429095469</v>
      </c>
      <c r="N1259" s="236">
        <f t="shared" si="293"/>
        <v>3.5957420657088535</v>
      </c>
      <c r="O1259" s="236">
        <f t="shared" si="297"/>
        <v>3.3840273276319017</v>
      </c>
      <c r="P1259" s="236" t="str">
        <f t="shared" si="298"/>
        <v>CLAY</v>
      </c>
      <c r="Q1259" s="236">
        <f t="shared" si="294"/>
        <v>22.480292483770835</v>
      </c>
      <c r="R1259" s="238">
        <v>35</v>
      </c>
      <c r="S1259" s="236">
        <f t="shared" si="299"/>
        <v>1.3633644594093184</v>
      </c>
      <c r="T1259" s="236" t="e">
        <f t="shared" si="285"/>
        <v>#N/A</v>
      </c>
    </row>
    <row r="1260" spans="1:20" x14ac:dyDescent="0.2">
      <c r="A1260" s="53">
        <f t="shared" si="286"/>
        <v>1248</v>
      </c>
      <c r="B1260" s="239">
        <v>12.394</v>
      </c>
      <c r="C1260" s="3">
        <f t="shared" si="287"/>
        <v>12.387</v>
      </c>
      <c r="D1260" s="239">
        <v>0.39100000000000001</v>
      </c>
      <c r="E1260" s="239">
        <v>9.7000000000000003E-3</v>
      </c>
      <c r="F1260" s="239">
        <v>0.33789999999999998</v>
      </c>
      <c r="G1260">
        <f t="shared" si="288"/>
        <v>0.45857999999999999</v>
      </c>
      <c r="H1260" s="235">
        <f t="shared" si="289"/>
        <v>2.1152252605870294</v>
      </c>
      <c r="I1260" s="236">
        <f t="shared" si="290"/>
        <v>15.604000335873103</v>
      </c>
      <c r="J1260" s="237">
        <f t="shared" si="295"/>
        <v>5.6040003358731028</v>
      </c>
      <c r="K1260" s="237">
        <f t="shared" si="291"/>
        <v>193.28675216046014</v>
      </c>
      <c r="L1260" s="237">
        <f t="shared" si="296"/>
        <v>69.45598016281123</v>
      </c>
      <c r="M1260" s="236">
        <f t="shared" si="292"/>
        <v>3.8195882804859709</v>
      </c>
      <c r="N1260" s="236">
        <f t="shared" si="293"/>
        <v>3.6563312783094113</v>
      </c>
      <c r="O1260" s="236">
        <f t="shared" si="297"/>
        <v>3.3940683234904236</v>
      </c>
      <c r="P1260" s="236" t="str">
        <f t="shared" si="298"/>
        <v>CLAY</v>
      </c>
      <c r="Q1260" s="236">
        <f t="shared" si="294"/>
        <v>22.107770653294988</v>
      </c>
      <c r="R1260" s="238">
        <v>35</v>
      </c>
      <c r="S1260" s="236">
        <f t="shared" si="299"/>
        <v>1.334936779993124</v>
      </c>
      <c r="T1260" s="236" t="e">
        <f t="shared" si="285"/>
        <v>#N/A</v>
      </c>
    </row>
    <row r="1261" spans="1:20" x14ac:dyDescent="0.2">
      <c r="A1261" s="53">
        <f t="shared" si="286"/>
        <v>1249</v>
      </c>
      <c r="B1261" s="239">
        <v>12.404</v>
      </c>
      <c r="C1261" s="3">
        <f t="shared" si="287"/>
        <v>12.397</v>
      </c>
      <c r="D1261" s="239">
        <v>0.38769999999999999</v>
      </c>
      <c r="E1261" s="239">
        <v>9.7999999999999997E-3</v>
      </c>
      <c r="F1261" s="239">
        <v>0.34150000000000003</v>
      </c>
      <c r="G1261">
        <f t="shared" si="288"/>
        <v>0.45599999999999996</v>
      </c>
      <c r="H1261" s="235">
        <f t="shared" si="289"/>
        <v>2.1491228070175441</v>
      </c>
      <c r="I1261" s="236">
        <f t="shared" si="290"/>
        <v>15.613821817150214</v>
      </c>
      <c r="J1261" s="237">
        <f t="shared" si="295"/>
        <v>5.6138218171502139</v>
      </c>
      <c r="K1261" s="237">
        <f t="shared" si="291"/>
        <v>193.5645490672112</v>
      </c>
      <c r="L1261" s="237">
        <f t="shared" si="296"/>
        <v>69.633845819931253</v>
      </c>
      <c r="M1261" s="236">
        <f t="shared" si="292"/>
        <v>3.7687915674143624</v>
      </c>
      <c r="N1261" s="236">
        <f t="shared" si="293"/>
        <v>3.7342515903119495</v>
      </c>
      <c r="O1261" s="236">
        <f t="shared" si="297"/>
        <v>3.4038301699744848</v>
      </c>
      <c r="P1261" s="236" t="str">
        <f t="shared" si="298"/>
        <v>CLAY</v>
      </c>
      <c r="Q1261" s="236">
        <f t="shared" si="294"/>
        <v>21.869620911065727</v>
      </c>
      <c r="R1261" s="238">
        <v>35</v>
      </c>
      <c r="S1261" s="236">
        <f t="shared" si="299"/>
        <v>1.3127821352076308</v>
      </c>
      <c r="T1261" s="236" t="e">
        <f t="shared" si="285"/>
        <v>#N/A</v>
      </c>
    </row>
    <row r="1262" spans="1:20" x14ac:dyDescent="0.2">
      <c r="A1262" s="53">
        <f t="shared" si="286"/>
        <v>1250</v>
      </c>
      <c r="B1262" s="239">
        <v>12.413</v>
      </c>
      <c r="C1262" s="3">
        <f t="shared" si="287"/>
        <v>12.406000000000001</v>
      </c>
      <c r="D1262" s="239">
        <v>0.3851</v>
      </c>
      <c r="E1262" s="239">
        <v>9.5999999999999992E-3</v>
      </c>
      <c r="F1262" s="239">
        <v>0.34260000000000002</v>
      </c>
      <c r="G1262">
        <f t="shared" si="288"/>
        <v>0.45361999999999997</v>
      </c>
      <c r="H1262" s="235">
        <f t="shared" si="289"/>
        <v>2.1163088047264229</v>
      </c>
      <c r="I1262" s="236">
        <f t="shared" si="290"/>
        <v>15.587598358413771</v>
      </c>
      <c r="J1262" s="237">
        <f t="shared" si="295"/>
        <v>5.5875983584137714</v>
      </c>
      <c r="K1262" s="237">
        <f t="shared" si="291"/>
        <v>193.37974523448125</v>
      </c>
      <c r="L1262" s="237">
        <f t="shared" si="296"/>
        <v>69.358858422990153</v>
      </c>
      <c r="M1262" s="236">
        <f t="shared" si="292"/>
        <v>3.7520838820388902</v>
      </c>
      <c r="N1262" s="236">
        <f t="shared" si="293"/>
        <v>3.6888989401926997</v>
      </c>
      <c r="O1262" s="236">
        <f t="shared" si="297"/>
        <v>3.4026809358205385</v>
      </c>
      <c r="P1262" s="236" t="str">
        <f t="shared" si="298"/>
        <v>CLAY</v>
      </c>
      <c r="Q1262" s="236">
        <f t="shared" si="294"/>
        <v>21.686687897126557</v>
      </c>
      <c r="R1262" s="238">
        <v>35</v>
      </c>
      <c r="S1262" s="236">
        <f t="shared" si="299"/>
        <v>1.3055114416034064</v>
      </c>
      <c r="T1262" s="236" t="e">
        <f t="shared" si="285"/>
        <v>#N/A</v>
      </c>
    </row>
    <row r="1263" spans="1:20" x14ac:dyDescent="0.2">
      <c r="A1263" s="53">
        <f t="shared" si="286"/>
        <v>1251</v>
      </c>
      <c r="B1263" s="239">
        <v>12.423999999999999</v>
      </c>
      <c r="C1263" s="3">
        <f t="shared" si="287"/>
        <v>12.417</v>
      </c>
      <c r="D1263" s="239">
        <v>0.38729999999999998</v>
      </c>
      <c r="E1263" s="239">
        <v>9.4000000000000004E-3</v>
      </c>
      <c r="F1263" s="239">
        <v>0.33800000000000002</v>
      </c>
      <c r="G1263">
        <f t="shared" si="288"/>
        <v>0.45489999999999997</v>
      </c>
      <c r="H1263" s="235">
        <f t="shared" si="289"/>
        <v>2.0663882171905916</v>
      </c>
      <c r="I1263" s="236">
        <f t="shared" si="290"/>
        <v>15.564012602248631</v>
      </c>
      <c r="J1263" s="237">
        <f t="shared" si="295"/>
        <v>5.5640126022486314</v>
      </c>
      <c r="K1263" s="237">
        <f t="shared" si="291"/>
        <v>193.25834448212126</v>
      </c>
      <c r="L1263" s="237">
        <f t="shared" si="296"/>
        <v>69.127292570336991</v>
      </c>
      <c r="M1263" s="236">
        <f t="shared" si="292"/>
        <v>3.784925545169564</v>
      </c>
      <c r="N1263" s="236">
        <f t="shared" si="293"/>
        <v>3.5927000925728634</v>
      </c>
      <c r="O1263" s="236">
        <f t="shared" si="297"/>
        <v>3.3934424922236985</v>
      </c>
      <c r="P1263" s="236" t="str">
        <f t="shared" si="298"/>
        <v>CLAY</v>
      </c>
      <c r="Q1263" s="236">
        <f t="shared" si="294"/>
        <v>21.803471293156559</v>
      </c>
      <c r="R1263" s="238">
        <v>35</v>
      </c>
      <c r="S1263" s="236">
        <f t="shared" si="299"/>
        <v>1.3198108204264056</v>
      </c>
      <c r="T1263" s="236" t="e">
        <f t="shared" si="285"/>
        <v>#N/A</v>
      </c>
    </row>
    <row r="1264" spans="1:20" x14ac:dyDescent="0.2">
      <c r="A1264" s="53">
        <f t="shared" si="286"/>
        <v>1252</v>
      </c>
      <c r="B1264" s="239">
        <v>12.433</v>
      </c>
      <c r="C1264" s="3">
        <f t="shared" si="287"/>
        <v>12.426</v>
      </c>
      <c r="D1264" s="239">
        <v>0.38950000000000001</v>
      </c>
      <c r="E1264" s="239">
        <v>9.4000000000000004E-3</v>
      </c>
      <c r="F1264" s="239">
        <v>0.33400000000000002</v>
      </c>
      <c r="G1264">
        <f t="shared" si="288"/>
        <v>0.45629999999999998</v>
      </c>
      <c r="H1264" s="235">
        <f t="shared" si="289"/>
        <v>2.0600482138943681</v>
      </c>
      <c r="I1264" s="236">
        <f t="shared" si="290"/>
        <v>15.565213680997068</v>
      </c>
      <c r="J1264" s="237">
        <f t="shared" si="295"/>
        <v>5.5652136809970685</v>
      </c>
      <c r="K1264" s="237">
        <f t="shared" si="291"/>
        <v>193.41334520006959</v>
      </c>
      <c r="L1264" s="237">
        <f t="shared" si="296"/>
        <v>69.192301695836548</v>
      </c>
      <c r="M1264" s="236">
        <f t="shared" si="292"/>
        <v>3.7993627666204501</v>
      </c>
      <c r="N1264" s="236">
        <f t="shared" si="293"/>
        <v>3.5756855010969884</v>
      </c>
      <c r="O1264" s="236">
        <f t="shared" si="297"/>
        <v>3.3909548997198131</v>
      </c>
      <c r="P1264" s="236" t="str">
        <f t="shared" si="298"/>
        <v>CLAY</v>
      </c>
      <c r="Q1264" s="236">
        <f t="shared" si="294"/>
        <v>21.907221233327533</v>
      </c>
      <c r="R1264" s="238">
        <v>35</v>
      </c>
      <c r="S1264" s="236">
        <f t="shared" si="299"/>
        <v>1.3261066766296705</v>
      </c>
      <c r="T1264" s="236" t="e">
        <f t="shared" si="285"/>
        <v>#N/A</v>
      </c>
    </row>
    <row r="1265" spans="1:20" x14ac:dyDescent="0.2">
      <c r="A1265" s="53">
        <f t="shared" si="286"/>
        <v>1253</v>
      </c>
      <c r="B1265" s="239">
        <v>12.444000000000001</v>
      </c>
      <c r="C1265" s="3">
        <f t="shared" si="287"/>
        <v>12.437000000000001</v>
      </c>
      <c r="D1265" s="239">
        <v>0.39140000000000003</v>
      </c>
      <c r="E1265" s="239">
        <v>9.2999999999999992E-3</v>
      </c>
      <c r="F1265" s="239">
        <v>0.33400000000000002</v>
      </c>
      <c r="G1265">
        <f t="shared" si="288"/>
        <v>0.4582</v>
      </c>
      <c r="H1265" s="235">
        <f t="shared" si="289"/>
        <v>2.0296813618507201</v>
      </c>
      <c r="I1265" s="236">
        <f t="shared" si="290"/>
        <v>15.55429659184615</v>
      </c>
      <c r="J1265" s="237">
        <f t="shared" si="295"/>
        <v>5.5542965918461498</v>
      </c>
      <c r="K1265" s="237">
        <f t="shared" si="291"/>
        <v>193.44878671279059</v>
      </c>
      <c r="L1265" s="237">
        <f t="shared" si="296"/>
        <v>69.117666788933491</v>
      </c>
      <c r="M1265" s="236">
        <f t="shared" si="292"/>
        <v>3.8304419924313624</v>
      </c>
      <c r="N1265" s="236">
        <f t="shared" si="293"/>
        <v>3.5127317773275331</v>
      </c>
      <c r="O1265" s="236">
        <f t="shared" si="297"/>
        <v>3.3839081253739014</v>
      </c>
      <c r="P1265" s="236" t="str">
        <f t="shared" si="298"/>
        <v>CLAY</v>
      </c>
      <c r="Q1265" s="236">
        <f t="shared" si="294"/>
        <v>22.062601107267451</v>
      </c>
      <c r="R1265" s="238">
        <v>35</v>
      </c>
      <c r="S1265" s="236">
        <f t="shared" si="299"/>
        <v>1.3396801453262597</v>
      </c>
      <c r="T1265" s="236" t="e">
        <f t="shared" si="285"/>
        <v>#N/A</v>
      </c>
    </row>
    <row r="1266" spans="1:20" x14ac:dyDescent="0.2">
      <c r="A1266" s="53">
        <f t="shared" si="286"/>
        <v>1254</v>
      </c>
      <c r="B1266" s="239">
        <v>12.454000000000001</v>
      </c>
      <c r="C1266" s="3">
        <f t="shared" si="287"/>
        <v>12.447000000000001</v>
      </c>
      <c r="D1266" s="239">
        <v>0.3916</v>
      </c>
      <c r="E1266" s="239">
        <v>9.2999999999999992E-3</v>
      </c>
      <c r="F1266" s="239">
        <v>0.33760000000000001</v>
      </c>
      <c r="G1266">
        <f t="shared" si="288"/>
        <v>0.45911999999999997</v>
      </c>
      <c r="H1266" s="235">
        <f t="shared" si="289"/>
        <v>2.0256142185049661</v>
      </c>
      <c r="I1266" s="236">
        <f t="shared" si="290"/>
        <v>15.555080606043123</v>
      </c>
      <c r="J1266" s="237">
        <f t="shared" si="295"/>
        <v>5.5550806060431235</v>
      </c>
      <c r="K1266" s="237">
        <f t="shared" si="291"/>
        <v>193.61408830341878</v>
      </c>
      <c r="L1266" s="237">
        <f t="shared" si="296"/>
        <v>69.182973867661062</v>
      </c>
      <c r="M1266" s="236">
        <f t="shared" si="292"/>
        <v>3.8377348768565938</v>
      </c>
      <c r="N1266" s="236">
        <f t="shared" si="293"/>
        <v>3.5027468656245939</v>
      </c>
      <c r="O1266" s="236">
        <f t="shared" si="297"/>
        <v>3.382558430069686</v>
      </c>
      <c r="P1266" s="236" t="str">
        <f t="shared" si="298"/>
        <v>CLAY</v>
      </c>
      <c r="Q1266" s="236">
        <f t="shared" si="294"/>
        <v>22.125492641381765</v>
      </c>
      <c r="R1266" s="238">
        <v>35</v>
      </c>
      <c r="S1266" s="236">
        <f t="shared" si="299"/>
        <v>1.342869221346497</v>
      </c>
      <c r="T1266" s="236" t="e">
        <f t="shared" si="285"/>
        <v>#N/A</v>
      </c>
    </row>
    <row r="1267" spans="1:20" x14ac:dyDescent="0.2">
      <c r="A1267" s="53">
        <f t="shared" si="286"/>
        <v>1255</v>
      </c>
      <c r="B1267" s="239">
        <v>12.464</v>
      </c>
      <c r="C1267" s="3">
        <f t="shared" si="287"/>
        <v>12.457000000000001</v>
      </c>
      <c r="D1267" s="239">
        <v>0.39539999999999997</v>
      </c>
      <c r="E1267" s="239">
        <v>9.2999999999999992E-3</v>
      </c>
      <c r="F1267" s="239">
        <v>0.3377</v>
      </c>
      <c r="G1267">
        <f t="shared" si="288"/>
        <v>0.46293999999999996</v>
      </c>
      <c r="H1267" s="235">
        <f t="shared" si="289"/>
        <v>2.0088996414222144</v>
      </c>
      <c r="I1267" s="236">
        <f t="shared" si="290"/>
        <v>15.55831925205579</v>
      </c>
      <c r="J1267" s="237">
        <f t="shared" si="295"/>
        <v>5.5583192520557905</v>
      </c>
      <c r="K1267" s="237">
        <f t="shared" si="291"/>
        <v>193.80998292285901</v>
      </c>
      <c r="L1267" s="237">
        <f t="shared" si="296"/>
        <v>69.278891157623377</v>
      </c>
      <c r="M1267" s="236">
        <f t="shared" si="292"/>
        <v>3.8847333232400634</v>
      </c>
      <c r="N1267" s="236">
        <f t="shared" si="293"/>
        <v>3.4555788689057056</v>
      </c>
      <c r="O1267" s="236">
        <f t="shared" si="297"/>
        <v>3.3749778177928023</v>
      </c>
      <c r="P1267" s="236" t="str">
        <f t="shared" si="298"/>
        <v>CLAY</v>
      </c>
      <c r="Q1267" s="236">
        <f t="shared" si="294"/>
        <v>22.427501423095077</v>
      </c>
      <c r="R1267" s="238">
        <v>35</v>
      </c>
      <c r="S1267" s="236">
        <f t="shared" si="299"/>
        <v>1.3634572400462406</v>
      </c>
      <c r="T1267" s="236" t="e">
        <f t="shared" si="285"/>
        <v>#N/A</v>
      </c>
    </row>
    <row r="1268" spans="1:20" x14ac:dyDescent="0.2">
      <c r="A1268" s="53">
        <f t="shared" si="286"/>
        <v>1256</v>
      </c>
      <c r="B1268" s="239">
        <v>12.474</v>
      </c>
      <c r="C1268" s="3">
        <f t="shared" si="287"/>
        <v>12.467000000000001</v>
      </c>
      <c r="D1268" s="239">
        <v>0.39529999999999998</v>
      </c>
      <c r="E1268" s="239">
        <v>9.2999999999999992E-3</v>
      </c>
      <c r="F1268" s="239">
        <v>0.33560000000000001</v>
      </c>
      <c r="G1268">
        <f t="shared" si="288"/>
        <v>0.46241999999999994</v>
      </c>
      <c r="H1268" s="235">
        <f t="shared" si="289"/>
        <v>2.011158686908006</v>
      </c>
      <c r="I1268" s="236">
        <f t="shared" si="290"/>
        <v>15.5578799639108</v>
      </c>
      <c r="J1268" s="237">
        <f t="shared" si="295"/>
        <v>5.5578799639107999</v>
      </c>
      <c r="K1268" s="237">
        <f t="shared" si="291"/>
        <v>193.96008951007596</v>
      </c>
      <c r="L1268" s="237">
        <f t="shared" si="296"/>
        <v>69.328994669823317</v>
      </c>
      <c r="M1268" s="236">
        <f t="shared" si="292"/>
        <v>3.8722602537142516</v>
      </c>
      <c r="N1268" s="236">
        <f t="shared" si="293"/>
        <v>3.4642043882932203</v>
      </c>
      <c r="O1268" s="236">
        <f t="shared" si="297"/>
        <v>3.376734059007735</v>
      </c>
      <c r="P1268" s="236" t="str">
        <f t="shared" si="298"/>
        <v>CLAY</v>
      </c>
      <c r="Q1268" s="236">
        <f t="shared" si="294"/>
        <v>22.371659207493668</v>
      </c>
      <c r="R1268" s="238">
        <v>35</v>
      </c>
      <c r="S1268" s="236">
        <f t="shared" si="299"/>
        <v>1.3579872165885176</v>
      </c>
      <c r="T1268" s="236" t="e">
        <f t="shared" si="285"/>
        <v>#N/A</v>
      </c>
    </row>
    <row r="1269" spans="1:20" x14ac:dyDescent="0.2">
      <c r="A1269" s="53">
        <f t="shared" si="286"/>
        <v>1257</v>
      </c>
      <c r="B1269" s="239">
        <v>12.484999999999999</v>
      </c>
      <c r="C1269" s="3">
        <f t="shared" si="287"/>
        <v>12.478</v>
      </c>
      <c r="D1269" s="239">
        <v>0.39510000000000001</v>
      </c>
      <c r="E1269" s="239">
        <v>9.1999999999999998E-3</v>
      </c>
      <c r="F1269" s="239">
        <v>0.33529999999999999</v>
      </c>
      <c r="G1269">
        <f t="shared" si="288"/>
        <v>0.46216000000000002</v>
      </c>
      <c r="H1269" s="235">
        <f t="shared" si="289"/>
        <v>1.9906525878483641</v>
      </c>
      <c r="I1269" s="236">
        <f t="shared" si="290"/>
        <v>15.544983307295507</v>
      </c>
      <c r="J1269" s="237">
        <f t="shared" si="295"/>
        <v>5.5449833072955066</v>
      </c>
      <c r="K1269" s="237">
        <f t="shared" si="291"/>
        <v>193.97030170843334</v>
      </c>
      <c r="L1269" s="237">
        <f t="shared" si="296"/>
        <v>69.2291165915844</v>
      </c>
      <c r="M1269" s="236">
        <f t="shared" si="292"/>
        <v>3.8739436742165254</v>
      </c>
      <c r="N1269" s="236">
        <f t="shared" si="293"/>
        <v>3.4304076773292289</v>
      </c>
      <c r="O1269" s="236">
        <f t="shared" si="297"/>
        <v>3.3743560930564254</v>
      </c>
      <c r="P1269" s="236" t="str">
        <f t="shared" si="298"/>
        <v>CLAY</v>
      </c>
      <c r="Q1269" s="236">
        <f t="shared" si="294"/>
        <v>22.349141524297224</v>
      </c>
      <c r="R1269" s="238">
        <v>35</v>
      </c>
      <c r="S1269" s="236">
        <f t="shared" si="299"/>
        <v>1.3587252182945335</v>
      </c>
      <c r="T1269" s="236" t="e">
        <f t="shared" si="285"/>
        <v>#N/A</v>
      </c>
    </row>
    <row r="1270" spans="1:20" x14ac:dyDescent="0.2">
      <c r="A1270" s="53">
        <f t="shared" si="286"/>
        <v>1258</v>
      </c>
      <c r="B1270" s="239">
        <v>12.494</v>
      </c>
      <c r="C1270" s="3">
        <f t="shared" si="287"/>
        <v>12.487</v>
      </c>
      <c r="D1270" s="239">
        <v>0.39369999999999999</v>
      </c>
      <c r="E1270" s="239">
        <v>9.1999999999999998E-3</v>
      </c>
      <c r="F1270" s="239">
        <v>0.33789999999999998</v>
      </c>
      <c r="G1270">
        <f t="shared" si="288"/>
        <v>0.46127999999999997</v>
      </c>
      <c r="H1270" s="235">
        <f t="shared" si="289"/>
        <v>1.9944502254595911</v>
      </c>
      <c r="I1270" s="236">
        <f t="shared" si="290"/>
        <v>15.544238350755206</v>
      </c>
      <c r="J1270" s="237">
        <f t="shared" si="295"/>
        <v>5.5442383507552062</v>
      </c>
      <c r="K1270" s="237">
        <f t="shared" si="291"/>
        <v>194.10090428588026</v>
      </c>
      <c r="L1270" s="237">
        <f t="shared" si="296"/>
        <v>69.269713954335543</v>
      </c>
      <c r="M1270" s="236">
        <f t="shared" si="292"/>
        <v>3.8570838604913451</v>
      </c>
      <c r="N1270" s="236">
        <f t="shared" si="293"/>
        <v>3.4433831641693828</v>
      </c>
      <c r="O1270" s="236">
        <f t="shared" si="297"/>
        <v>3.376826796260608</v>
      </c>
      <c r="P1270" s="236" t="str">
        <f t="shared" si="298"/>
        <v>CLAY</v>
      </c>
      <c r="Q1270" s="236">
        <f t="shared" si="294"/>
        <v>22.264924642843312</v>
      </c>
      <c r="R1270" s="238">
        <v>35</v>
      </c>
      <c r="S1270" s="236">
        <f t="shared" si="299"/>
        <v>1.3513375985173133</v>
      </c>
      <c r="T1270" s="236" t="e">
        <f t="shared" si="285"/>
        <v>#N/A</v>
      </c>
    </row>
    <row r="1271" spans="1:20" x14ac:dyDescent="0.2">
      <c r="A1271" s="53">
        <f t="shared" si="286"/>
        <v>1259</v>
      </c>
      <c r="B1271" s="239">
        <v>12.504</v>
      </c>
      <c r="C1271" s="3">
        <f t="shared" si="287"/>
        <v>12.497</v>
      </c>
      <c r="D1271" s="239">
        <v>0.3987</v>
      </c>
      <c r="E1271" s="239">
        <v>8.8000000000000005E-3</v>
      </c>
      <c r="F1271" s="239">
        <v>0.32750000000000001</v>
      </c>
      <c r="G1271">
        <f t="shared" si="288"/>
        <v>0.4642</v>
      </c>
      <c r="H1271" s="235">
        <f t="shared" si="289"/>
        <v>1.8957345971563981</v>
      </c>
      <c r="I1271" s="236">
        <f t="shared" si="290"/>
        <v>15.494580891695851</v>
      </c>
      <c r="J1271" s="237">
        <f t="shared" si="295"/>
        <v>5.4945808916958505</v>
      </c>
      <c r="K1271" s="237">
        <f t="shared" si="291"/>
        <v>193.63577740352304</v>
      </c>
      <c r="L1271" s="237">
        <f t="shared" si="296"/>
        <v>68.704239469764914</v>
      </c>
      <c r="M1271" s="236">
        <f t="shared" si="292"/>
        <v>3.9381008316895172</v>
      </c>
      <c r="N1271" s="236">
        <f t="shared" si="293"/>
        <v>3.2524625449553382</v>
      </c>
      <c r="O1271" s="236">
        <f t="shared" si="297"/>
        <v>3.3562680563573499</v>
      </c>
      <c r="P1271" s="236" t="str">
        <f t="shared" si="298"/>
        <v>CLAY</v>
      </c>
      <c r="Q1271" s="236">
        <f t="shared" si="294"/>
        <v>22.547018549706412</v>
      </c>
      <c r="R1271" s="238">
        <v>35</v>
      </c>
      <c r="S1271" s="236">
        <f t="shared" si="299"/>
        <v>1.3869108581620579</v>
      </c>
      <c r="T1271" s="236" t="e">
        <f t="shared" si="285"/>
        <v>#N/A</v>
      </c>
    </row>
    <row r="1272" spans="1:20" x14ac:dyDescent="0.2">
      <c r="A1272" s="53">
        <f t="shared" si="286"/>
        <v>1260</v>
      </c>
      <c r="B1272" s="239">
        <v>12.513999999999999</v>
      </c>
      <c r="C1272" s="3">
        <f t="shared" si="287"/>
        <v>12.507</v>
      </c>
      <c r="D1272" s="239">
        <v>0.39989999999999998</v>
      </c>
      <c r="E1272" s="239">
        <v>8.8000000000000005E-3</v>
      </c>
      <c r="F1272" s="239">
        <v>0.32669999999999999</v>
      </c>
      <c r="G1272">
        <f t="shared" si="288"/>
        <v>0.46523999999999999</v>
      </c>
      <c r="H1272" s="235">
        <f t="shared" si="289"/>
        <v>1.8914968618347521</v>
      </c>
      <c r="I1272" s="236">
        <f t="shared" si="290"/>
        <v>15.495455611537295</v>
      </c>
      <c r="J1272" s="237">
        <f t="shared" si="295"/>
        <v>5.4954556115372952</v>
      </c>
      <c r="K1272" s="237">
        <f t="shared" si="291"/>
        <v>193.80166333349695</v>
      </c>
      <c r="L1272" s="237">
        <f t="shared" si="296"/>
        <v>68.770131522777703</v>
      </c>
      <c r="M1272" s="236">
        <f t="shared" si="292"/>
        <v>3.9470382076643054</v>
      </c>
      <c r="N1272" s="236">
        <f t="shared" si="293"/>
        <v>3.2419886255094226</v>
      </c>
      <c r="O1272" s="236">
        <f t="shared" si="297"/>
        <v>3.3547019046666708</v>
      </c>
      <c r="P1272" s="236" t="str">
        <f t="shared" si="298"/>
        <v>CLAY</v>
      </c>
      <c r="Q1272" s="236">
        <f t="shared" si="294"/>
        <v>22.619861388875254</v>
      </c>
      <c r="R1272" s="238">
        <v>35</v>
      </c>
      <c r="S1272" s="236">
        <f t="shared" si="299"/>
        <v>1.3908464030691194</v>
      </c>
      <c r="T1272" s="236" t="e">
        <f t="shared" si="285"/>
        <v>#N/A</v>
      </c>
    </row>
    <row r="1273" spans="1:20" x14ac:dyDescent="0.2">
      <c r="A1273" s="53">
        <f t="shared" si="286"/>
        <v>1261</v>
      </c>
      <c r="B1273" s="239">
        <v>12.523999999999999</v>
      </c>
      <c r="C1273" s="3">
        <f t="shared" si="287"/>
        <v>12.516999999999999</v>
      </c>
      <c r="D1273" s="239">
        <v>0.40139999999999998</v>
      </c>
      <c r="E1273" s="239">
        <v>8.8000000000000005E-3</v>
      </c>
      <c r="F1273" s="239">
        <v>0.32950000000000002</v>
      </c>
      <c r="G1273">
        <f t="shared" si="288"/>
        <v>0.46729999999999994</v>
      </c>
      <c r="H1273" s="235">
        <f t="shared" si="289"/>
        <v>1.8831585705114493</v>
      </c>
      <c r="I1273" s="236">
        <f t="shared" si="290"/>
        <v>15.497182472109824</v>
      </c>
      <c r="J1273" s="237">
        <f t="shared" si="295"/>
        <v>5.4971824721098237</v>
      </c>
      <c r="K1273" s="237">
        <f t="shared" si="291"/>
        <v>193.97823300339866</v>
      </c>
      <c r="L1273" s="237">
        <f t="shared" si="296"/>
        <v>68.846713280703426</v>
      </c>
      <c r="M1273" s="236">
        <f t="shared" si="292"/>
        <v>3.9700045793356527</v>
      </c>
      <c r="N1273" s="236">
        <f t="shared" si="293"/>
        <v>3.2196484373340919</v>
      </c>
      <c r="O1273" s="236">
        <f t="shared" si="297"/>
        <v>3.3509943487925162</v>
      </c>
      <c r="P1273" s="236" t="str">
        <f t="shared" si="298"/>
        <v>CLAY</v>
      </c>
      <c r="Q1273" s="236">
        <f t="shared" si="294"/>
        <v>22.776813916383443</v>
      </c>
      <c r="R1273" s="238">
        <v>35</v>
      </c>
      <c r="S1273" s="236">
        <f t="shared" si="299"/>
        <v>1.4009697832140506</v>
      </c>
      <c r="T1273" s="236" t="e">
        <f t="shared" si="285"/>
        <v>#N/A</v>
      </c>
    </row>
    <row r="1274" spans="1:20" x14ac:dyDescent="0.2">
      <c r="A1274" s="53">
        <f t="shared" si="286"/>
        <v>1262</v>
      </c>
      <c r="B1274" s="239">
        <v>12.535</v>
      </c>
      <c r="C1274" s="3">
        <f t="shared" si="287"/>
        <v>12.528</v>
      </c>
      <c r="D1274" s="239">
        <v>0.40089999999999998</v>
      </c>
      <c r="E1274" s="239">
        <v>8.8000000000000005E-3</v>
      </c>
      <c r="F1274" s="239">
        <v>0.32969999999999999</v>
      </c>
      <c r="G1274">
        <f t="shared" si="288"/>
        <v>0.46683999999999998</v>
      </c>
      <c r="H1274" s="235">
        <f t="shared" si="289"/>
        <v>1.8850141376060323</v>
      </c>
      <c r="I1274" s="236">
        <f t="shared" si="290"/>
        <v>15.496797523536717</v>
      </c>
      <c r="J1274" s="237">
        <f t="shared" si="295"/>
        <v>5.496797523536717</v>
      </c>
      <c r="K1274" s="237">
        <f t="shared" si="291"/>
        <v>194.14387937486799</v>
      </c>
      <c r="L1274" s="237">
        <f t="shared" si="296"/>
        <v>68.902356957532746</v>
      </c>
      <c r="M1274" s="236">
        <f t="shared" si="292"/>
        <v>3.9577183229480148</v>
      </c>
      <c r="N1274" s="236">
        <f t="shared" si="293"/>
        <v>3.2270352727522384</v>
      </c>
      <c r="O1274" s="236">
        <f t="shared" si="297"/>
        <v>3.3526609110804344</v>
      </c>
      <c r="P1274" s="236" t="str">
        <f t="shared" si="298"/>
        <v>CLAY</v>
      </c>
      <c r="Q1274" s="236">
        <f t="shared" si="294"/>
        <v>22.724676718761</v>
      </c>
      <c r="R1274" s="238">
        <v>35</v>
      </c>
      <c r="S1274" s="236">
        <f t="shared" si="299"/>
        <v>1.3955522799769435</v>
      </c>
      <c r="T1274" s="236" t="e">
        <f t="shared" si="285"/>
        <v>#N/A</v>
      </c>
    </row>
    <row r="1275" spans="1:20" x14ac:dyDescent="0.2">
      <c r="A1275" s="53">
        <f t="shared" si="286"/>
        <v>1263</v>
      </c>
      <c r="B1275" s="239">
        <v>12.544</v>
      </c>
      <c r="C1275" s="3">
        <f t="shared" si="287"/>
        <v>12.537000000000001</v>
      </c>
      <c r="D1275" s="239">
        <v>0.3977</v>
      </c>
      <c r="E1275" s="239">
        <v>8.9999999999999993E-3</v>
      </c>
      <c r="F1275" s="239">
        <v>0.33500000000000002</v>
      </c>
      <c r="G1275">
        <f t="shared" si="288"/>
        <v>0.4647</v>
      </c>
      <c r="H1275" s="235">
        <f t="shared" si="289"/>
        <v>1.9367333763718526</v>
      </c>
      <c r="I1275" s="236">
        <f t="shared" si="290"/>
        <v>15.521353235099644</v>
      </c>
      <c r="J1275" s="237">
        <f t="shared" si="295"/>
        <v>5.5213532350996442</v>
      </c>
      <c r="K1275" s="237">
        <f t="shared" si="291"/>
        <v>194.59120550844426</v>
      </c>
      <c r="L1275" s="237">
        <f t="shared" si="296"/>
        <v>69.259854981089944</v>
      </c>
      <c r="M1275" s="236">
        <f t="shared" si="292"/>
        <v>3.8999330068667293</v>
      </c>
      <c r="N1275" s="236">
        <f t="shared" si="293"/>
        <v>3.3319907324533125</v>
      </c>
      <c r="O1275" s="236">
        <f t="shared" si="297"/>
        <v>3.3653125313564787</v>
      </c>
      <c r="P1275" s="236" t="str">
        <f t="shared" si="298"/>
        <v>CLAY</v>
      </c>
      <c r="Q1275" s="236">
        <f t="shared" si="294"/>
        <v>22.509066207629644</v>
      </c>
      <c r="R1275" s="238">
        <v>35</v>
      </c>
      <c r="S1275" s="236">
        <f t="shared" si="299"/>
        <v>1.3701289478884344</v>
      </c>
      <c r="T1275" s="236" t="e">
        <f t="shared" si="285"/>
        <v>#N/A</v>
      </c>
    </row>
    <row r="1276" spans="1:20" x14ac:dyDescent="0.2">
      <c r="A1276" s="53">
        <f t="shared" si="286"/>
        <v>1264</v>
      </c>
      <c r="B1276" s="239">
        <v>12.554</v>
      </c>
      <c r="C1276" s="3">
        <f t="shared" si="287"/>
        <v>12.547000000000001</v>
      </c>
      <c r="D1276" s="239">
        <v>0.39550000000000002</v>
      </c>
      <c r="E1276" s="239">
        <v>9.1000000000000004E-3</v>
      </c>
      <c r="F1276" s="239">
        <v>0.3372</v>
      </c>
      <c r="G1276">
        <f t="shared" si="288"/>
        <v>0.46294000000000002</v>
      </c>
      <c r="H1276" s="235">
        <f t="shared" si="289"/>
        <v>1.9656974985959303</v>
      </c>
      <c r="I1276" s="236">
        <f t="shared" si="290"/>
        <v>15.532827050227118</v>
      </c>
      <c r="J1276" s="237">
        <f t="shared" si="295"/>
        <v>5.5328270502271177</v>
      </c>
      <c r="K1276" s="237">
        <f t="shared" si="291"/>
        <v>194.89038099919966</v>
      </c>
      <c r="L1276" s="237">
        <f t="shared" si="296"/>
        <v>69.459110788551243</v>
      </c>
      <c r="M1276" s="236">
        <f t="shared" si="292"/>
        <v>3.8590994897242803</v>
      </c>
      <c r="N1276" s="236">
        <f t="shared" si="293"/>
        <v>3.394893838656353</v>
      </c>
      <c r="O1276" s="236">
        <f t="shared" si="297"/>
        <v>3.3734323037188205</v>
      </c>
      <c r="P1276" s="236" t="str">
        <f t="shared" si="298"/>
        <v>CLAY</v>
      </c>
      <c r="Q1276" s="236">
        <f t="shared" si="294"/>
        <v>22.337468250066696</v>
      </c>
      <c r="R1276" s="238">
        <v>35</v>
      </c>
      <c r="S1276" s="236">
        <f t="shared" si="299"/>
        <v>1.35222038119947</v>
      </c>
      <c r="T1276" s="236" t="e">
        <f t="shared" si="285"/>
        <v>#N/A</v>
      </c>
    </row>
    <row r="1277" spans="1:20" x14ac:dyDescent="0.2">
      <c r="A1277" s="53">
        <f t="shared" si="286"/>
        <v>1265</v>
      </c>
      <c r="B1277" s="239">
        <v>12.563000000000001</v>
      </c>
      <c r="C1277" s="3">
        <f t="shared" si="287"/>
        <v>12.556000000000001</v>
      </c>
      <c r="D1277" s="239">
        <v>0.39579999999999999</v>
      </c>
      <c r="E1277" s="239">
        <v>9.1999999999999998E-3</v>
      </c>
      <c r="F1277" s="239">
        <v>0.3392</v>
      </c>
      <c r="G1277">
        <f t="shared" si="288"/>
        <v>0.46363999999999994</v>
      </c>
      <c r="H1277" s="235">
        <f t="shared" si="289"/>
        <v>1.9842981623673543</v>
      </c>
      <c r="I1277" s="236">
        <f t="shared" si="290"/>
        <v>15.546232995657313</v>
      </c>
      <c r="J1277" s="237">
        <f t="shared" si="295"/>
        <v>5.5462329956573129</v>
      </c>
      <c r="K1277" s="237">
        <f t="shared" si="291"/>
        <v>195.19850149347323</v>
      </c>
      <c r="L1277" s="237">
        <f t="shared" si="296"/>
        <v>69.677325124442831</v>
      </c>
      <c r="M1277" s="236">
        <f t="shared" si="292"/>
        <v>3.8526378276877531</v>
      </c>
      <c r="N1277" s="236">
        <f t="shared" si="293"/>
        <v>3.4271899282279992</v>
      </c>
      <c r="O1277" s="236">
        <f t="shared" si="297"/>
        <v>3.3761899888479046</v>
      </c>
      <c r="P1277" s="236" t="str">
        <f t="shared" si="298"/>
        <v>CLAY</v>
      </c>
      <c r="Q1277" s="236">
        <f t="shared" si="294"/>
        <v>22.370124875543894</v>
      </c>
      <c r="R1277" s="238">
        <v>35</v>
      </c>
      <c r="S1277" s="236">
        <f t="shared" si="299"/>
        <v>1.3493907827447076</v>
      </c>
      <c r="T1277" s="236" t="e">
        <f t="shared" si="285"/>
        <v>#N/A</v>
      </c>
    </row>
    <row r="1278" spans="1:20" x14ac:dyDescent="0.2">
      <c r="A1278" s="53">
        <f t="shared" si="286"/>
        <v>1266</v>
      </c>
      <c r="B1278" s="239">
        <v>12.574</v>
      </c>
      <c r="C1278" s="3">
        <f t="shared" si="287"/>
        <v>12.567</v>
      </c>
      <c r="D1278" s="239">
        <v>0.39450000000000002</v>
      </c>
      <c r="E1278" s="239">
        <v>9.4000000000000004E-3</v>
      </c>
      <c r="F1278" s="239">
        <v>0.34279999999999999</v>
      </c>
      <c r="G1278">
        <f t="shared" si="288"/>
        <v>0.46306000000000003</v>
      </c>
      <c r="H1278" s="235">
        <f t="shared" si="289"/>
        <v>2.0299745173411656</v>
      </c>
      <c r="I1278" s="236">
        <f t="shared" si="290"/>
        <v>15.570961799792329</v>
      </c>
      <c r="J1278" s="237">
        <f t="shared" si="295"/>
        <v>5.5709617997923289</v>
      </c>
      <c r="K1278" s="237">
        <f t="shared" si="291"/>
        <v>195.68027693799019</v>
      </c>
      <c r="L1278" s="237">
        <f t="shared" si="296"/>
        <v>70.049273670588747</v>
      </c>
      <c r="M1278" s="236">
        <f t="shared" si="292"/>
        <v>3.8170234900561613</v>
      </c>
      <c r="N1278" s="236">
        <f t="shared" si="293"/>
        <v>3.5155994225560567</v>
      </c>
      <c r="O1278" s="236">
        <f t="shared" si="297"/>
        <v>3.3853932221326719</v>
      </c>
      <c r="P1278" s="236" t="str">
        <f t="shared" si="298"/>
        <v>CLAY</v>
      </c>
      <c r="Q1278" s="236">
        <f t="shared" si="294"/>
        <v>22.281643588500817</v>
      </c>
      <c r="R1278" s="238">
        <v>35</v>
      </c>
      <c r="S1278" s="236">
        <f t="shared" si="299"/>
        <v>1.3338163890644594</v>
      </c>
      <c r="T1278" s="236" t="e">
        <f t="shared" si="285"/>
        <v>#N/A</v>
      </c>
    </row>
    <row r="1279" spans="1:20" x14ac:dyDescent="0.2">
      <c r="A1279" s="53">
        <f t="shared" si="286"/>
        <v>1267</v>
      </c>
      <c r="B1279" s="239">
        <v>12.583</v>
      </c>
      <c r="C1279" s="3">
        <f t="shared" si="287"/>
        <v>12.576000000000001</v>
      </c>
      <c r="D1279" s="239">
        <v>0.39539999999999997</v>
      </c>
      <c r="E1279" s="239">
        <v>9.2999999999999992E-3</v>
      </c>
      <c r="F1279" s="239">
        <v>0.34260000000000002</v>
      </c>
      <c r="G1279">
        <f t="shared" si="288"/>
        <v>0.46391999999999994</v>
      </c>
      <c r="H1279" s="235">
        <f t="shared" si="289"/>
        <v>2.0046559751681325</v>
      </c>
      <c r="I1279" s="236">
        <f t="shared" si="290"/>
        <v>15.559145801644254</v>
      </c>
      <c r="J1279" s="237">
        <f t="shared" si="295"/>
        <v>5.5591458016442541</v>
      </c>
      <c r="K1279" s="237">
        <f t="shared" si="291"/>
        <v>195.67181760147815</v>
      </c>
      <c r="L1279" s="237">
        <f t="shared" si="296"/>
        <v>69.950731622089648</v>
      </c>
      <c r="M1279" s="236">
        <f t="shared" si="292"/>
        <v>3.8348159651529943</v>
      </c>
      <c r="N1279" s="236">
        <f t="shared" si="293"/>
        <v>3.4669386822474313</v>
      </c>
      <c r="O1279" s="236">
        <f t="shared" si="297"/>
        <v>3.3805149230592444</v>
      </c>
      <c r="P1279" s="236" t="str">
        <f t="shared" si="298"/>
        <v>CLAY</v>
      </c>
      <c r="Q1279" s="236">
        <f t="shared" si="294"/>
        <v>22.354015199876816</v>
      </c>
      <c r="R1279" s="238">
        <v>35</v>
      </c>
      <c r="S1279" s="236">
        <f t="shared" si="299"/>
        <v>1.3415926402109855</v>
      </c>
      <c r="T1279" s="236" t="e">
        <f t="shared" si="285"/>
        <v>#N/A</v>
      </c>
    </row>
    <row r="1280" spans="1:20" x14ac:dyDescent="0.2">
      <c r="A1280" s="53">
        <f t="shared" si="286"/>
        <v>1268</v>
      </c>
      <c r="B1280" s="239">
        <v>12.593</v>
      </c>
      <c r="C1280" s="3">
        <f t="shared" si="287"/>
        <v>12.586</v>
      </c>
      <c r="D1280" s="239">
        <v>0.39660000000000001</v>
      </c>
      <c r="E1280" s="239">
        <v>9.2999999999999992E-3</v>
      </c>
      <c r="F1280" s="239">
        <v>0.34089999999999998</v>
      </c>
      <c r="G1280">
        <f t="shared" si="288"/>
        <v>0.46477999999999997</v>
      </c>
      <c r="H1280" s="235">
        <f t="shared" si="289"/>
        <v>2.0009466844528592</v>
      </c>
      <c r="I1280" s="236">
        <f t="shared" si="290"/>
        <v>15.55986970392718</v>
      </c>
      <c r="J1280" s="237">
        <f t="shared" si="295"/>
        <v>5.5598697039271805</v>
      </c>
      <c r="K1280" s="237">
        <f t="shared" si="291"/>
        <v>195.83652009362748</v>
      </c>
      <c r="L1280" s="237">
        <f t="shared" si="296"/>
        <v>70.015439181554981</v>
      </c>
      <c r="M1280" s="236">
        <f t="shared" si="292"/>
        <v>3.841202498337303</v>
      </c>
      <c r="N1280" s="236">
        <f t="shared" si="293"/>
        <v>3.4579756323661814</v>
      </c>
      <c r="O1280" s="236">
        <f t="shared" si="297"/>
        <v>3.3793126669389713</v>
      </c>
      <c r="P1280" s="236" t="str">
        <f t="shared" si="298"/>
        <v>CLAY</v>
      </c>
      <c r="Q1280" s="236">
        <f t="shared" si="294"/>
        <v>22.411956658864373</v>
      </c>
      <c r="R1280" s="238">
        <v>35</v>
      </c>
      <c r="S1280" s="236">
        <f t="shared" si="299"/>
        <v>1.3443860952719617</v>
      </c>
      <c r="T1280" s="236" t="e">
        <f t="shared" si="285"/>
        <v>#N/A</v>
      </c>
    </row>
    <row r="1281" spans="1:20" x14ac:dyDescent="0.2">
      <c r="A1281" s="53">
        <f t="shared" si="286"/>
        <v>1269</v>
      </c>
      <c r="B1281" s="239">
        <v>12.603</v>
      </c>
      <c r="C1281" s="3">
        <f t="shared" si="287"/>
        <v>12.596</v>
      </c>
      <c r="D1281" s="239">
        <v>0.39729999999999999</v>
      </c>
      <c r="E1281" s="239">
        <v>9.1999999999999998E-3</v>
      </c>
      <c r="F1281" s="239">
        <v>0.33510000000000001</v>
      </c>
      <c r="G1281">
        <f t="shared" si="288"/>
        <v>0.46431999999999995</v>
      </c>
      <c r="H1281" s="235">
        <f t="shared" si="289"/>
        <v>1.9813921433494146</v>
      </c>
      <c r="I1281" s="236">
        <f t="shared" si="290"/>
        <v>15.546805839897363</v>
      </c>
      <c r="J1281" s="237">
        <f t="shared" si="295"/>
        <v>5.5468058398973632</v>
      </c>
      <c r="K1281" s="237">
        <f t="shared" si="291"/>
        <v>195.8275663593472</v>
      </c>
      <c r="L1281" s="237">
        <f t="shared" si="296"/>
        <v>69.90639400022647</v>
      </c>
      <c r="M1281" s="236">
        <f t="shared" si="292"/>
        <v>3.8407421449858066</v>
      </c>
      <c r="N1281" s="236">
        <f t="shared" si="293"/>
        <v>3.4265397632445675</v>
      </c>
      <c r="O1281" s="236">
        <f t="shared" si="297"/>
        <v>3.3772945851769096</v>
      </c>
      <c r="P1281" s="236" t="str">
        <f t="shared" si="298"/>
        <v>CLAY</v>
      </c>
      <c r="Q1281" s="236">
        <f t="shared" si="294"/>
        <v>22.374369470054393</v>
      </c>
      <c r="R1281" s="238">
        <v>35</v>
      </c>
      <c r="S1281" s="236">
        <f t="shared" si="299"/>
        <v>1.3441846989080737</v>
      </c>
      <c r="T1281" s="236" t="e">
        <f t="shared" si="285"/>
        <v>#N/A</v>
      </c>
    </row>
    <row r="1282" spans="1:20" x14ac:dyDescent="0.2">
      <c r="A1282" s="53">
        <f t="shared" si="286"/>
        <v>1270</v>
      </c>
      <c r="B1282" s="239">
        <v>12.613</v>
      </c>
      <c r="C1282" s="3">
        <f t="shared" si="287"/>
        <v>12.606</v>
      </c>
      <c r="D1282" s="239">
        <v>0.39810000000000001</v>
      </c>
      <c r="E1282" s="239">
        <v>9.2999999999999992E-3</v>
      </c>
      <c r="F1282" s="239">
        <v>0.33900000000000002</v>
      </c>
      <c r="G1282">
        <f t="shared" si="288"/>
        <v>0.46589999999999998</v>
      </c>
      <c r="H1282" s="235">
        <f t="shared" si="289"/>
        <v>1.9961365099806825</v>
      </c>
      <c r="I1282" s="236">
        <f t="shared" si="290"/>
        <v>15.56081045488151</v>
      </c>
      <c r="J1282" s="237">
        <f t="shared" si="295"/>
        <v>5.5608104548815103</v>
      </c>
      <c r="K1282" s="237">
        <f t="shared" si="291"/>
        <v>196.15957659423631</v>
      </c>
      <c r="L1282" s="237">
        <f t="shared" si="296"/>
        <v>70.138502267420492</v>
      </c>
      <c r="M1282" s="236">
        <f t="shared" si="292"/>
        <v>3.8458252555395487</v>
      </c>
      <c r="N1282" s="236">
        <f t="shared" si="293"/>
        <v>3.4477591020943299</v>
      </c>
      <c r="O1282" s="236">
        <f t="shared" si="297"/>
        <v>3.3781979391650698</v>
      </c>
      <c r="P1282" s="236" t="str">
        <f t="shared" si="298"/>
        <v>CLAY</v>
      </c>
      <c r="Q1282" s="236">
        <f t="shared" si="294"/>
        <v>22.47836861714697</v>
      </c>
      <c r="R1282" s="238">
        <v>35</v>
      </c>
      <c r="S1282" s="236">
        <f t="shared" si="299"/>
        <v>1.3464088033738901</v>
      </c>
      <c r="T1282" s="236" t="e">
        <f t="shared" si="285"/>
        <v>#N/A</v>
      </c>
    </row>
    <row r="1283" spans="1:20" x14ac:dyDescent="0.2">
      <c r="A1283" s="53">
        <f t="shared" si="286"/>
        <v>1271</v>
      </c>
      <c r="B1283" s="239">
        <v>12.622999999999999</v>
      </c>
      <c r="C1283" s="3">
        <f t="shared" si="287"/>
        <v>12.616</v>
      </c>
      <c r="D1283" s="239">
        <v>0.40050000000000002</v>
      </c>
      <c r="E1283" s="239">
        <v>9.4000000000000004E-3</v>
      </c>
      <c r="F1283" s="239">
        <v>0.34250000000000003</v>
      </c>
      <c r="G1283">
        <f t="shared" si="288"/>
        <v>0.46900000000000003</v>
      </c>
      <c r="H1283" s="235">
        <f t="shared" si="289"/>
        <v>2.0042643923240937</v>
      </c>
      <c r="I1283" s="236">
        <f t="shared" si="290"/>
        <v>15.575943817545248</v>
      </c>
      <c r="J1283" s="237">
        <f t="shared" si="295"/>
        <v>5.575943817545248</v>
      </c>
      <c r="K1283" s="237">
        <f t="shared" si="291"/>
        <v>196.50610720215084</v>
      </c>
      <c r="L1283" s="237">
        <f t="shared" si="296"/>
        <v>70.385138808873663</v>
      </c>
      <c r="M1283" s="236">
        <f t="shared" si="292"/>
        <v>3.8714691397823184</v>
      </c>
      <c r="N1283" s="236">
        <f t="shared" si="293"/>
        <v>3.4496185963967392</v>
      </c>
      <c r="O1283" s="236">
        <f t="shared" si="297"/>
        <v>3.3758553086740726</v>
      </c>
      <c r="P1283" s="236" t="str">
        <f t="shared" si="298"/>
        <v>CLAY</v>
      </c>
      <c r="Q1283" s="236">
        <f t="shared" si="294"/>
        <v>22.707824399820765</v>
      </c>
      <c r="R1283" s="238">
        <v>35</v>
      </c>
      <c r="S1283" s="236">
        <f t="shared" si="299"/>
        <v>1.3576404245669529</v>
      </c>
      <c r="T1283" s="236" t="e">
        <f t="shared" si="285"/>
        <v>#N/A</v>
      </c>
    </row>
    <row r="1284" spans="1:20" x14ac:dyDescent="0.2">
      <c r="A1284" s="53">
        <f t="shared" si="286"/>
        <v>1272</v>
      </c>
      <c r="B1284" s="239">
        <v>12.634</v>
      </c>
      <c r="C1284" s="3">
        <f t="shared" si="287"/>
        <v>12.627000000000001</v>
      </c>
      <c r="D1284" s="239">
        <v>0.40389999999999998</v>
      </c>
      <c r="E1284" s="239">
        <v>9.4000000000000004E-3</v>
      </c>
      <c r="F1284" s="239">
        <v>0.34179999999999999</v>
      </c>
      <c r="G1284">
        <f t="shared" si="288"/>
        <v>0.47225999999999996</v>
      </c>
      <c r="H1284" s="235">
        <f t="shared" si="289"/>
        <v>1.9904290009740402</v>
      </c>
      <c r="I1284" s="236">
        <f t="shared" si="290"/>
        <v>15.578651305603557</v>
      </c>
      <c r="J1284" s="237">
        <f t="shared" si="295"/>
        <v>5.5786513056035574</v>
      </c>
      <c r="K1284" s="237">
        <f t="shared" si="291"/>
        <v>196.71163003585613</v>
      </c>
      <c r="L1284" s="237">
        <f t="shared" si="296"/>
        <v>70.480680594995349</v>
      </c>
      <c r="M1284" s="236">
        <f t="shared" si="292"/>
        <v>3.9095588697210992</v>
      </c>
      <c r="N1284" s="236">
        <f t="shared" si="293"/>
        <v>3.4113792802415022</v>
      </c>
      <c r="O1284" s="236">
        <f t="shared" si="297"/>
        <v>3.3697050697726416</v>
      </c>
      <c r="P1284" s="236" t="str">
        <f t="shared" si="298"/>
        <v>CLAY</v>
      </c>
      <c r="Q1284" s="236">
        <f t="shared" si="294"/>
        <v>22.962364163678654</v>
      </c>
      <c r="R1284" s="238">
        <v>35</v>
      </c>
      <c r="S1284" s="236">
        <f t="shared" si="299"/>
        <v>1.3743574627980668</v>
      </c>
      <c r="T1284" s="236" t="e">
        <f t="shared" si="285"/>
        <v>#N/A</v>
      </c>
    </row>
    <row r="1285" spans="1:20" x14ac:dyDescent="0.2">
      <c r="A1285" s="53">
        <f t="shared" si="286"/>
        <v>1273</v>
      </c>
      <c r="B1285" s="239">
        <v>12.643000000000001</v>
      </c>
      <c r="C1285" s="3">
        <f t="shared" si="287"/>
        <v>12.636000000000001</v>
      </c>
      <c r="D1285" s="239">
        <v>0.40400000000000003</v>
      </c>
      <c r="E1285" s="239">
        <v>9.5999999999999992E-3</v>
      </c>
      <c r="F1285" s="239">
        <v>0.33889999999999998</v>
      </c>
      <c r="G1285">
        <f t="shared" si="288"/>
        <v>0.47177999999999998</v>
      </c>
      <c r="H1285" s="235">
        <f t="shared" si="289"/>
        <v>2.0348467506040953</v>
      </c>
      <c r="I1285" s="236">
        <f t="shared" si="290"/>
        <v>15.602940957034237</v>
      </c>
      <c r="J1285" s="237">
        <f t="shared" si="295"/>
        <v>5.602940957034237</v>
      </c>
      <c r="K1285" s="237">
        <f t="shared" si="291"/>
        <v>197.15876193308463</v>
      </c>
      <c r="L1285" s="237">
        <f t="shared" si="296"/>
        <v>70.837982519783864</v>
      </c>
      <c r="M1285" s="236">
        <f t="shared" si="292"/>
        <v>3.8767512610938377</v>
      </c>
      <c r="N1285" s="236">
        <f t="shared" si="293"/>
        <v>3.4957238076615269</v>
      </c>
      <c r="O1285" s="236">
        <f t="shared" si="297"/>
        <v>3.3783561353916736</v>
      </c>
      <c r="P1285" s="236" t="str">
        <f t="shared" si="298"/>
        <v>CLAY</v>
      </c>
      <c r="Q1285" s="236">
        <f t="shared" si="294"/>
        <v>22.885103172242946</v>
      </c>
      <c r="R1285" s="238">
        <v>35</v>
      </c>
      <c r="S1285" s="236">
        <f t="shared" si="299"/>
        <v>1.3599562263240419</v>
      </c>
      <c r="T1285" s="236" t="e">
        <f t="shared" si="285"/>
        <v>#N/A</v>
      </c>
    </row>
    <row r="1286" spans="1:20" x14ac:dyDescent="0.2">
      <c r="A1286" s="53">
        <f t="shared" si="286"/>
        <v>1274</v>
      </c>
      <c r="B1286" s="239">
        <v>12.654</v>
      </c>
      <c r="C1286" s="3">
        <f t="shared" si="287"/>
        <v>12.647</v>
      </c>
      <c r="D1286" s="239">
        <v>0.3997</v>
      </c>
      <c r="E1286" s="239">
        <v>9.7000000000000003E-3</v>
      </c>
      <c r="F1286" s="239">
        <v>0.3392</v>
      </c>
      <c r="G1286">
        <f t="shared" si="288"/>
        <v>0.46753999999999996</v>
      </c>
      <c r="H1286" s="235">
        <f t="shared" si="289"/>
        <v>2.0746887966804981</v>
      </c>
      <c r="I1286" s="236">
        <f t="shared" si="290"/>
        <v>15.611563632155931</v>
      </c>
      <c r="J1286" s="237">
        <f t="shared" si="295"/>
        <v>5.6115636321559315</v>
      </c>
      <c r="K1286" s="237">
        <f t="shared" si="291"/>
        <v>197.43944525587608</v>
      </c>
      <c r="L1286" s="237">
        <f t="shared" si="296"/>
        <v>71.008726201301158</v>
      </c>
      <c r="M1286" s="236">
        <f t="shared" si="292"/>
        <v>3.8037656664678288</v>
      </c>
      <c r="N1286" s="236">
        <f t="shared" si="293"/>
        <v>3.5912551194828772</v>
      </c>
      <c r="O1286" s="236">
        <f t="shared" si="297"/>
        <v>3.3915135004868722</v>
      </c>
      <c r="P1286" s="236" t="str">
        <f t="shared" si="298"/>
        <v>CLAY</v>
      </c>
      <c r="Q1286" s="236">
        <f t="shared" si="294"/>
        <v>22.508379562010322</v>
      </c>
      <c r="R1286" s="238">
        <v>35</v>
      </c>
      <c r="S1286" s="236">
        <f t="shared" si="299"/>
        <v>1.3280279068378238</v>
      </c>
      <c r="T1286" s="236" t="e">
        <f t="shared" si="285"/>
        <v>#N/A</v>
      </c>
    </row>
    <row r="1287" spans="1:20" x14ac:dyDescent="0.2">
      <c r="A1287" s="53">
        <f t="shared" si="286"/>
        <v>1275</v>
      </c>
      <c r="B1287" s="239">
        <v>12.663</v>
      </c>
      <c r="C1287" s="3">
        <f t="shared" si="287"/>
        <v>12.656000000000001</v>
      </c>
      <c r="D1287" s="239">
        <v>0.3947</v>
      </c>
      <c r="E1287" s="239">
        <v>0.01</v>
      </c>
      <c r="F1287" s="239">
        <v>0.34370000000000001</v>
      </c>
      <c r="G1287">
        <f t="shared" si="288"/>
        <v>0.46343999999999996</v>
      </c>
      <c r="H1287" s="235">
        <f t="shared" si="289"/>
        <v>2.1577766269635772</v>
      </c>
      <c r="I1287" s="236">
        <f t="shared" si="290"/>
        <v>15.643837218324386</v>
      </c>
      <c r="J1287" s="237">
        <f t="shared" si="295"/>
        <v>5.6438372183243857</v>
      </c>
      <c r="K1287" s="237">
        <f t="shared" si="291"/>
        <v>197.98840383511344</v>
      </c>
      <c r="L1287" s="237">
        <f t="shared" si="296"/>
        <v>71.467910695641692</v>
      </c>
      <c r="M1287" s="236">
        <f t="shared" si="292"/>
        <v>3.7142767093802065</v>
      </c>
      <c r="N1287" s="236">
        <f t="shared" si="293"/>
        <v>3.7671651421483459</v>
      </c>
      <c r="O1287" s="236">
        <f t="shared" si="297"/>
        <v>3.4112164973028936</v>
      </c>
      <c r="P1287" s="236" t="str">
        <f t="shared" si="298"/>
        <v>CLAY</v>
      </c>
      <c r="Q1287" s="236">
        <f t="shared" si="294"/>
        <v>22.120966347073875</v>
      </c>
      <c r="R1287" s="238">
        <v>35</v>
      </c>
      <c r="S1287" s="236">
        <f t="shared" si="299"/>
        <v>1.2890887772991744</v>
      </c>
      <c r="T1287" s="236" t="e">
        <f t="shared" si="285"/>
        <v>#N/A</v>
      </c>
    </row>
    <row r="1288" spans="1:20" x14ac:dyDescent="0.2">
      <c r="A1288" s="53">
        <f t="shared" si="286"/>
        <v>1276</v>
      </c>
      <c r="B1288" s="239">
        <v>12.673</v>
      </c>
      <c r="C1288" s="3">
        <f t="shared" si="287"/>
        <v>12.666</v>
      </c>
      <c r="D1288" s="239">
        <v>0.39379999999999998</v>
      </c>
      <c r="E1288" s="239">
        <v>0.01</v>
      </c>
      <c r="F1288" s="239">
        <v>0.34739999999999999</v>
      </c>
      <c r="G1288">
        <f t="shared" si="288"/>
        <v>0.46327999999999997</v>
      </c>
      <c r="H1288" s="235">
        <f t="shared" si="289"/>
        <v>2.1585218442410641</v>
      </c>
      <c r="I1288" s="236">
        <f t="shared" si="290"/>
        <v>15.643702251115272</v>
      </c>
      <c r="J1288" s="237">
        <f t="shared" si="295"/>
        <v>5.6437022511152719</v>
      </c>
      <c r="K1288" s="237">
        <f t="shared" si="291"/>
        <v>198.14313271262603</v>
      </c>
      <c r="L1288" s="237">
        <f t="shared" si="296"/>
        <v>71.522638628383845</v>
      </c>
      <c r="M1288" s="236">
        <f t="shared" si="292"/>
        <v>3.7070341974513514</v>
      </c>
      <c r="N1288" s="236">
        <f t="shared" si="293"/>
        <v>3.7716369293755361</v>
      </c>
      <c r="O1288" s="236">
        <f t="shared" si="297"/>
        <v>3.4122084225748477</v>
      </c>
      <c r="P1288" s="236" t="str">
        <f t="shared" si="298"/>
        <v>CLAY</v>
      </c>
      <c r="Q1288" s="236">
        <f t="shared" si="294"/>
        <v>22.094738940614494</v>
      </c>
      <c r="R1288" s="238">
        <v>35</v>
      </c>
      <c r="S1288" s="236">
        <f t="shared" si="299"/>
        <v>1.2859475317548676</v>
      </c>
      <c r="T1288" s="236" t="e">
        <f t="shared" si="285"/>
        <v>#N/A</v>
      </c>
    </row>
    <row r="1289" spans="1:20" x14ac:dyDescent="0.2">
      <c r="A1289" s="53">
        <f t="shared" si="286"/>
        <v>1277</v>
      </c>
      <c r="B1289" s="239">
        <v>12.683</v>
      </c>
      <c r="C1289" s="3">
        <f t="shared" si="287"/>
        <v>12.676</v>
      </c>
      <c r="D1289" s="239">
        <v>0.39850000000000002</v>
      </c>
      <c r="E1289" s="239">
        <v>9.9000000000000008E-3</v>
      </c>
      <c r="F1289" s="239">
        <v>0.3448</v>
      </c>
      <c r="G1289">
        <f t="shared" si="288"/>
        <v>0.46745999999999999</v>
      </c>
      <c r="H1289" s="235">
        <f t="shared" si="289"/>
        <v>2.1178282633808241</v>
      </c>
      <c r="I1289" s="236">
        <f t="shared" si="290"/>
        <v>15.635428089055219</v>
      </c>
      <c r="J1289" s="237">
        <f t="shared" si="295"/>
        <v>5.6354280890552193</v>
      </c>
      <c r="K1289" s="237">
        <f t="shared" si="291"/>
        <v>198.19468645686396</v>
      </c>
      <c r="L1289" s="237">
        <f t="shared" si="296"/>
        <v>71.474134453487352</v>
      </c>
      <c r="M1289" s="236">
        <f t="shared" si="292"/>
        <v>3.7673112882306206</v>
      </c>
      <c r="N1289" s="236">
        <f t="shared" si="293"/>
        <v>3.6766711128628273</v>
      </c>
      <c r="O1289" s="236">
        <f t="shared" si="297"/>
        <v>3.4004267998148836</v>
      </c>
      <c r="P1289" s="236" t="str">
        <f t="shared" si="298"/>
        <v>CLAY</v>
      </c>
      <c r="Q1289" s="236">
        <f t="shared" si="294"/>
        <v>22.438776128594668</v>
      </c>
      <c r="R1289" s="238">
        <v>35</v>
      </c>
      <c r="S1289" s="236">
        <f t="shared" si="299"/>
        <v>1.3121376353013801</v>
      </c>
      <c r="T1289" s="236" t="e">
        <f t="shared" si="285"/>
        <v>#N/A</v>
      </c>
    </row>
    <row r="1290" spans="1:20" x14ac:dyDescent="0.2">
      <c r="A1290" s="53">
        <f t="shared" si="286"/>
        <v>1278</v>
      </c>
      <c r="B1290" s="239">
        <v>12.693</v>
      </c>
      <c r="C1290" s="3">
        <f t="shared" si="287"/>
        <v>12.686</v>
      </c>
      <c r="D1290" s="239">
        <v>0.39960000000000001</v>
      </c>
      <c r="E1290" s="239">
        <v>9.7000000000000003E-3</v>
      </c>
      <c r="F1290" s="239">
        <v>0.3382</v>
      </c>
      <c r="G1290">
        <f t="shared" si="288"/>
        <v>0.46723999999999999</v>
      </c>
      <c r="H1290" s="235">
        <f t="shared" si="289"/>
        <v>2.0760208886225495</v>
      </c>
      <c r="I1290" s="236">
        <f t="shared" si="290"/>
        <v>15.611312750634848</v>
      </c>
      <c r="J1290" s="237">
        <f t="shared" si="295"/>
        <v>5.6113127506348484</v>
      </c>
      <c r="K1290" s="237">
        <f t="shared" si="291"/>
        <v>198.04511355455369</v>
      </c>
      <c r="L1290" s="237">
        <f t="shared" si="296"/>
        <v>71.224392743808124</v>
      </c>
      <c r="M1290" s="236">
        <f t="shared" si="292"/>
        <v>3.779532209052757</v>
      </c>
      <c r="N1290" s="236">
        <f t="shared" si="293"/>
        <v>3.6033373917619924</v>
      </c>
      <c r="O1290" s="236">
        <f t="shared" si="297"/>
        <v>3.3946421067395423</v>
      </c>
      <c r="P1290" s="236" t="str">
        <f t="shared" si="298"/>
        <v>CLAY</v>
      </c>
      <c r="Q1290" s="236">
        <f t="shared" si="294"/>
        <v>22.432907203787192</v>
      </c>
      <c r="R1290" s="238">
        <v>35</v>
      </c>
      <c r="S1290" s="236">
        <f t="shared" si="299"/>
        <v>1.3174604059516579</v>
      </c>
      <c r="T1290" s="236" t="e">
        <f t="shared" si="285"/>
        <v>#N/A</v>
      </c>
    </row>
    <row r="1291" spans="1:20" x14ac:dyDescent="0.2">
      <c r="A1291" s="53">
        <f t="shared" si="286"/>
        <v>1279</v>
      </c>
      <c r="B1291" s="239">
        <v>12.704000000000001</v>
      </c>
      <c r="C1291" s="3">
        <f t="shared" si="287"/>
        <v>12.697000000000001</v>
      </c>
      <c r="D1291" s="239">
        <v>0.40050000000000002</v>
      </c>
      <c r="E1291" s="239">
        <v>9.5999999999999992E-3</v>
      </c>
      <c r="F1291" s="239">
        <v>0.34010000000000001</v>
      </c>
      <c r="G1291">
        <f t="shared" si="288"/>
        <v>0.46851999999999999</v>
      </c>
      <c r="H1291" s="235">
        <f t="shared" si="289"/>
        <v>2.0490053786391189</v>
      </c>
      <c r="I1291" s="236">
        <f t="shared" si="290"/>
        <v>15.600230704741797</v>
      </c>
      <c r="J1291" s="237">
        <f t="shared" si="295"/>
        <v>5.6002307047417972</v>
      </c>
      <c r="K1291" s="237">
        <f t="shared" si="291"/>
        <v>198.07612925810662</v>
      </c>
      <c r="L1291" s="237">
        <f t="shared" si="296"/>
        <v>71.145330873039796</v>
      </c>
      <c r="M1291" s="236">
        <f t="shared" si="292"/>
        <v>3.8012876941215668</v>
      </c>
      <c r="N1291" s="236">
        <f t="shared" si="293"/>
        <v>3.5497199376953383</v>
      </c>
      <c r="O1291" s="236">
        <f t="shared" si="297"/>
        <v>3.3891130764748434</v>
      </c>
      <c r="P1291" s="236" t="str">
        <f t="shared" si="298"/>
        <v>CLAY</v>
      </c>
      <c r="Q1291" s="236">
        <f t="shared" si="294"/>
        <v>22.536989228491112</v>
      </c>
      <c r="R1291" s="238">
        <v>35</v>
      </c>
      <c r="S1291" s="236">
        <f t="shared" si="299"/>
        <v>1.3269465611738185</v>
      </c>
      <c r="T1291" s="236" t="e">
        <f t="shared" si="285"/>
        <v>#N/A</v>
      </c>
    </row>
    <row r="1292" spans="1:20" x14ac:dyDescent="0.2">
      <c r="A1292" s="53">
        <f t="shared" si="286"/>
        <v>1280</v>
      </c>
      <c r="B1292" s="239">
        <v>12.712999999999999</v>
      </c>
      <c r="C1292" s="3">
        <f t="shared" si="287"/>
        <v>12.706</v>
      </c>
      <c r="D1292" s="239">
        <v>0.39989999999999998</v>
      </c>
      <c r="E1292" s="239">
        <v>9.5999999999999992E-3</v>
      </c>
      <c r="F1292" s="239">
        <v>0.3417</v>
      </c>
      <c r="G1292">
        <f t="shared" si="288"/>
        <v>0.46823999999999999</v>
      </c>
      <c r="H1292" s="235">
        <f t="shared" si="289"/>
        <v>2.0502306509482313</v>
      </c>
      <c r="I1292" s="236">
        <f t="shared" si="290"/>
        <v>15.599997043584832</v>
      </c>
      <c r="J1292" s="237">
        <f t="shared" si="295"/>
        <v>5.5999970435848319</v>
      </c>
      <c r="K1292" s="237">
        <f t="shared" si="291"/>
        <v>198.21356243578887</v>
      </c>
      <c r="L1292" s="237">
        <f t="shared" si="296"/>
        <v>71.192762415093966</v>
      </c>
      <c r="M1292" s="236">
        <f t="shared" si="292"/>
        <v>3.7928916985943699</v>
      </c>
      <c r="N1292" s="236">
        <f t="shared" si="293"/>
        <v>3.5552074406481622</v>
      </c>
      <c r="O1292" s="236">
        <f t="shared" si="297"/>
        <v>3.3902823720346738</v>
      </c>
      <c r="P1292" s="236" t="str">
        <f t="shared" si="298"/>
        <v>CLAY</v>
      </c>
      <c r="Q1292" s="236">
        <f t="shared" si="294"/>
        <v>22.502203130350932</v>
      </c>
      <c r="R1292" s="238">
        <v>35</v>
      </c>
      <c r="S1292" s="236">
        <f t="shared" si="299"/>
        <v>1.323283999742692</v>
      </c>
      <c r="T1292" s="236" t="e">
        <f t="shared" si="285"/>
        <v>#N/A</v>
      </c>
    </row>
    <row r="1293" spans="1:20" x14ac:dyDescent="0.2">
      <c r="A1293" s="53">
        <f t="shared" si="286"/>
        <v>1281</v>
      </c>
      <c r="B1293" s="239">
        <v>12.723000000000001</v>
      </c>
      <c r="C1293" s="3">
        <f t="shared" si="287"/>
        <v>12.716000000000001</v>
      </c>
      <c r="D1293" s="239">
        <v>0.4</v>
      </c>
      <c r="E1293" s="239">
        <v>9.4999999999999998E-3</v>
      </c>
      <c r="F1293" s="239">
        <v>0.34260000000000002</v>
      </c>
      <c r="G1293">
        <f t="shared" si="288"/>
        <v>0.46851999999999999</v>
      </c>
      <c r="H1293" s="235">
        <f t="shared" si="289"/>
        <v>2.027661572611628</v>
      </c>
      <c r="I1293" s="236">
        <f t="shared" si="290"/>
        <v>15.58795210981485</v>
      </c>
      <c r="J1293" s="237">
        <f t="shared" si="295"/>
        <v>5.5879521098148501</v>
      </c>
      <c r="K1293" s="237">
        <f t="shared" si="291"/>
        <v>198.21639902840565</v>
      </c>
      <c r="L1293" s="237">
        <f t="shared" si="296"/>
        <v>71.095514693174337</v>
      </c>
      <c r="M1293" s="236">
        <f t="shared" si="292"/>
        <v>3.8019782561268292</v>
      </c>
      <c r="N1293" s="236">
        <f t="shared" si="293"/>
        <v>3.5145665710159499</v>
      </c>
      <c r="O1293" s="236">
        <f t="shared" si="297"/>
        <v>3.3867901422572189</v>
      </c>
      <c r="P1293" s="236" t="str">
        <f t="shared" si="298"/>
        <v>CLAY</v>
      </c>
      <c r="Q1293" s="236">
        <f t="shared" si="294"/>
        <v>22.525300080966193</v>
      </c>
      <c r="R1293" s="238">
        <v>35</v>
      </c>
      <c r="S1293" s="236">
        <f t="shared" si="299"/>
        <v>1.3272478931694875</v>
      </c>
      <c r="T1293" s="236" t="e">
        <f t="shared" ref="T1293:T1356" si="300">IF(P1293="SAND",17.6+(11*LOG(M1293)),#N/A)</f>
        <v>#N/A</v>
      </c>
    </row>
    <row r="1294" spans="1:20" x14ac:dyDescent="0.2">
      <c r="A1294" s="53">
        <f t="shared" ref="A1294:A1357" si="301">$A1293+1</f>
        <v>1282</v>
      </c>
      <c r="B1294" s="239">
        <v>12.733000000000001</v>
      </c>
      <c r="C1294" s="3">
        <f t="shared" ref="C1294:C1357" si="302">MAX($B1294 - $B$13, 0.001)</f>
        <v>12.726000000000001</v>
      </c>
      <c r="D1294" s="239">
        <v>0.40560000000000002</v>
      </c>
      <c r="E1294" s="239">
        <v>9.7999999999999997E-3</v>
      </c>
      <c r="F1294" s="239">
        <v>0.34499999999999997</v>
      </c>
      <c r="G1294">
        <f t="shared" si="288"/>
        <v>0.47460000000000002</v>
      </c>
      <c r="H1294" s="235">
        <f t="shared" si="289"/>
        <v>2.0648967551622417</v>
      </c>
      <c r="I1294" s="236">
        <f t="shared" si="290"/>
        <v>15.62944841924541</v>
      </c>
      <c r="J1294" s="237">
        <f t="shared" si="295"/>
        <v>5.62944841924541</v>
      </c>
      <c r="K1294" s="237">
        <f t="shared" si="291"/>
        <v>198.90036058331711</v>
      </c>
      <c r="L1294" s="237">
        <f t="shared" si="296"/>
        <v>71.679766722251813</v>
      </c>
      <c r="M1294" s="236">
        <f t="shared" si="292"/>
        <v>3.8462686476781798</v>
      </c>
      <c r="N1294" s="236">
        <f t="shared" si="293"/>
        <v>3.5545929696297565</v>
      </c>
      <c r="O1294" s="236">
        <f t="shared" si="297"/>
        <v>3.3850691594988431</v>
      </c>
      <c r="P1294" s="236" t="str">
        <f t="shared" si="298"/>
        <v>CLAY</v>
      </c>
      <c r="Q1294" s="236">
        <f t="shared" si="294"/>
        <v>22.974969951390239</v>
      </c>
      <c r="R1294" s="238">
        <v>35</v>
      </c>
      <c r="S1294" s="236">
        <f t="shared" si="299"/>
        <v>1.3466028435480886</v>
      </c>
      <c r="T1294" s="236" t="e">
        <f t="shared" si="300"/>
        <v>#N/A</v>
      </c>
    </row>
    <row r="1295" spans="1:20" x14ac:dyDescent="0.2">
      <c r="A1295" s="53">
        <f t="shared" si="301"/>
        <v>1283</v>
      </c>
      <c r="B1295" s="239">
        <v>12.742000000000001</v>
      </c>
      <c r="C1295" s="3">
        <f t="shared" si="302"/>
        <v>12.735000000000001</v>
      </c>
      <c r="D1295" s="239">
        <v>0.41160000000000002</v>
      </c>
      <c r="E1295" s="239">
        <v>9.7999999999999997E-3</v>
      </c>
      <c r="F1295" s="239">
        <v>0.34320000000000001</v>
      </c>
      <c r="G1295">
        <f t="shared" ref="G1295:G1358" si="303">$D1295+($F1295*(1-$P$8))</f>
        <v>0.48024</v>
      </c>
      <c r="H1295" s="235">
        <f t="shared" ref="H1295:H1358" si="304">($E1295/$G1295)*100</f>
        <v>2.0406463434949189</v>
      </c>
      <c r="I1295" s="236">
        <f t="shared" ref="I1295:I1358" si="305">((0.27*(LOG($H1295)))+(0.36*(LOG(($G1295*1000)/101)))+1.236)*10</f>
        <v>15.634065956065257</v>
      </c>
      <c r="J1295" s="237">
        <f t="shared" si="295"/>
        <v>5.6340659560652568</v>
      </c>
      <c r="K1295" s="237">
        <f t="shared" ref="K1295:K1358" si="306">$I1295*$C1295</f>
        <v>199.09982995049106</v>
      </c>
      <c r="L1295" s="237">
        <f t="shared" si="296"/>
        <v>71.789268412183503</v>
      </c>
      <c r="M1295" s="236">
        <f t="shared" ref="M1295:M1358" si="307">(($G1295*1000)-$K1295)/$L1295</f>
        <v>3.9161865870442001</v>
      </c>
      <c r="N1295" s="236">
        <f t="shared" ref="N1295:N1358" si="308">(($E1295*1000)/(($G1295*1000)-$K1295))*100</f>
        <v>3.4858056741853058</v>
      </c>
      <c r="O1295" s="236">
        <f t="shared" si="297"/>
        <v>3.3739631929196467</v>
      </c>
      <c r="P1295" s="236" t="str">
        <f t="shared" si="298"/>
        <v>CLAY</v>
      </c>
      <c r="Q1295" s="236">
        <f t="shared" ref="Q1295:Q1358" si="309">IF(P1295="CLAY",($G1295*1000 -$K1295)/$L$8,#N/A)</f>
        <v>23.428347504125743</v>
      </c>
      <c r="R1295" s="238">
        <v>35</v>
      </c>
      <c r="S1295" s="236">
        <f t="shared" si="299"/>
        <v>1.377270445593652</v>
      </c>
      <c r="T1295" s="236" t="e">
        <f t="shared" si="300"/>
        <v>#N/A</v>
      </c>
    </row>
    <row r="1296" spans="1:20" x14ac:dyDescent="0.2">
      <c r="A1296" s="53">
        <f t="shared" si="301"/>
        <v>1284</v>
      </c>
      <c r="B1296" s="239">
        <v>12.753</v>
      </c>
      <c r="C1296" s="3">
        <f t="shared" si="302"/>
        <v>12.746</v>
      </c>
      <c r="D1296" s="239">
        <v>0.41320000000000001</v>
      </c>
      <c r="E1296" s="239">
        <v>9.7000000000000003E-3</v>
      </c>
      <c r="F1296" s="239">
        <v>0.33950000000000002</v>
      </c>
      <c r="G1296">
        <f t="shared" si="303"/>
        <v>0.48109999999999997</v>
      </c>
      <c r="H1296" s="235">
        <f t="shared" si="304"/>
        <v>2.0162128455622534</v>
      </c>
      <c r="I1296" s="236">
        <f t="shared" si="305"/>
        <v>15.622738558113657</v>
      </c>
      <c r="J1296" s="237">
        <f t="shared" ref="J1296:J1359" si="310">$I1296-10</f>
        <v>5.6227385581136566</v>
      </c>
      <c r="K1296" s="237">
        <f t="shared" si="306"/>
        <v>199.12742566171667</v>
      </c>
      <c r="L1296" s="237">
        <f t="shared" ref="L1296:L1359" si="311">$J1296*$B1296</f>
        <v>71.706784831623466</v>
      </c>
      <c r="M1296" s="236">
        <f t="shared" si="307"/>
        <v>3.9322997816788225</v>
      </c>
      <c r="N1296" s="236">
        <f t="shared" si="308"/>
        <v>3.4400508711754658</v>
      </c>
      <c r="O1296" s="236">
        <f t="shared" ref="O1296:O1359" si="312">((3.47-LOG($M1296))^2+(LOG($N1296)+1.22)^2)^0.5</f>
        <v>3.3694476089324814</v>
      </c>
      <c r="P1296" s="236" t="str">
        <f t="shared" ref="P1296:P1359" si="313">IF(O1296&lt;2.6,"SAND","CLAY")</f>
        <v>CLAY</v>
      </c>
      <c r="Q1296" s="236">
        <f t="shared" si="309"/>
        <v>23.497714528190272</v>
      </c>
      <c r="R1296" s="238">
        <v>35</v>
      </c>
      <c r="S1296" s="236">
        <f t="shared" ref="S1296:S1359" si="314">IF(P1296="SAND",#N/A,0.25*($M1296)^1.25)</f>
        <v>1.3843575788011913</v>
      </c>
      <c r="T1296" s="236" t="e">
        <f t="shared" si="300"/>
        <v>#N/A</v>
      </c>
    </row>
    <row r="1297" spans="1:20" x14ac:dyDescent="0.2">
      <c r="A1297" s="53">
        <f t="shared" si="301"/>
        <v>1285</v>
      </c>
      <c r="B1297" s="239">
        <v>12.763</v>
      </c>
      <c r="C1297" s="3">
        <f t="shared" si="302"/>
        <v>12.756</v>
      </c>
      <c r="D1297" s="239">
        <v>0.41199999999999998</v>
      </c>
      <c r="E1297" s="239">
        <v>9.5999999999999992E-3</v>
      </c>
      <c r="F1297" s="239">
        <v>0.33579999999999999</v>
      </c>
      <c r="G1297">
        <f t="shared" si="303"/>
        <v>0.47915999999999997</v>
      </c>
      <c r="H1297" s="235">
        <f t="shared" si="304"/>
        <v>2.0035061357375405</v>
      </c>
      <c r="I1297" s="236">
        <f t="shared" si="305"/>
        <v>15.609007884207088</v>
      </c>
      <c r="J1297" s="237">
        <f t="shared" si="310"/>
        <v>5.6090078842070881</v>
      </c>
      <c r="K1297" s="237">
        <f t="shared" si="306"/>
        <v>199.10850457094563</v>
      </c>
      <c r="L1297" s="237">
        <f t="shared" si="311"/>
        <v>71.587767626135062</v>
      </c>
      <c r="M1297" s="236">
        <f t="shared" si="307"/>
        <v>3.9120020740360943</v>
      </c>
      <c r="N1297" s="236">
        <f t="shared" si="308"/>
        <v>3.427940988242991</v>
      </c>
      <c r="O1297" s="236">
        <f t="shared" si="312"/>
        <v>3.3705680663001321</v>
      </c>
      <c r="P1297" s="236" t="str">
        <f t="shared" si="313"/>
        <v>CLAY</v>
      </c>
      <c r="Q1297" s="236">
        <f t="shared" si="309"/>
        <v>23.337624619087862</v>
      </c>
      <c r="R1297" s="238">
        <v>35</v>
      </c>
      <c r="S1297" s="236">
        <f t="shared" si="314"/>
        <v>1.3754311447837928</v>
      </c>
      <c r="T1297" s="236" t="e">
        <f t="shared" si="300"/>
        <v>#N/A</v>
      </c>
    </row>
    <row r="1298" spans="1:20" x14ac:dyDescent="0.2">
      <c r="A1298" s="53">
        <f t="shared" si="301"/>
        <v>1286</v>
      </c>
      <c r="B1298" s="239">
        <v>12.772</v>
      </c>
      <c r="C1298" s="3">
        <f t="shared" si="302"/>
        <v>12.765000000000001</v>
      </c>
      <c r="D1298" s="239">
        <v>0.41299999999999998</v>
      </c>
      <c r="E1298" s="239">
        <v>9.5999999999999992E-3</v>
      </c>
      <c r="F1298" s="239">
        <v>0.33450000000000002</v>
      </c>
      <c r="G1298">
        <f t="shared" si="303"/>
        <v>0.47989999999999999</v>
      </c>
      <c r="H1298" s="235">
        <f t="shared" si="304"/>
        <v>2.0004167534903106</v>
      </c>
      <c r="I1298" s="236">
        <f t="shared" si="305"/>
        <v>15.6096110585285</v>
      </c>
      <c r="J1298" s="237">
        <f t="shared" si="310"/>
        <v>5.6096110585285004</v>
      </c>
      <c r="K1298" s="237">
        <f t="shared" si="306"/>
        <v>199.25668516211633</v>
      </c>
      <c r="L1298" s="237">
        <f t="shared" si="311"/>
        <v>71.645952439526013</v>
      </c>
      <c r="M1298" s="236">
        <f t="shared" si="307"/>
        <v>3.9170854079267827</v>
      </c>
      <c r="N1298" s="236">
        <f t="shared" si="308"/>
        <v>3.4207121611093907</v>
      </c>
      <c r="O1298" s="236">
        <f t="shared" si="312"/>
        <v>3.3696092458996936</v>
      </c>
      <c r="P1298" s="236" t="str">
        <f t="shared" si="313"/>
        <v>CLAY</v>
      </c>
      <c r="Q1298" s="236">
        <f t="shared" si="309"/>
        <v>23.386942903156967</v>
      </c>
      <c r="R1298" s="238">
        <v>35</v>
      </c>
      <c r="S1298" s="236">
        <f t="shared" si="314"/>
        <v>1.3776655860328713</v>
      </c>
      <c r="T1298" s="236" t="e">
        <f t="shared" si="300"/>
        <v>#N/A</v>
      </c>
    </row>
    <row r="1299" spans="1:20" x14ac:dyDescent="0.2">
      <c r="A1299" s="53">
        <f t="shared" si="301"/>
        <v>1287</v>
      </c>
      <c r="B1299" s="239">
        <v>12.782</v>
      </c>
      <c r="C1299" s="3">
        <f t="shared" si="302"/>
        <v>12.775</v>
      </c>
      <c r="D1299" s="239">
        <v>0.41549999999999998</v>
      </c>
      <c r="E1299" s="239">
        <v>9.4999999999999998E-3</v>
      </c>
      <c r="F1299" s="239">
        <v>0.33229999999999998</v>
      </c>
      <c r="G1299">
        <f t="shared" si="303"/>
        <v>0.48195999999999994</v>
      </c>
      <c r="H1299" s="235">
        <f t="shared" si="304"/>
        <v>1.9711179350983488</v>
      </c>
      <c r="I1299" s="236">
        <f t="shared" si="305"/>
        <v>15.599006684799077</v>
      </c>
      <c r="J1299" s="237">
        <f t="shared" si="310"/>
        <v>5.5990066847990771</v>
      </c>
      <c r="K1299" s="237">
        <f t="shared" si="306"/>
        <v>199.2773103983082</v>
      </c>
      <c r="L1299" s="237">
        <f t="shared" si="311"/>
        <v>71.566503445101802</v>
      </c>
      <c r="M1299" s="236">
        <f t="shared" si="307"/>
        <v>3.9499301487955991</v>
      </c>
      <c r="N1299" s="236">
        <f t="shared" si="308"/>
        <v>3.3606585579703454</v>
      </c>
      <c r="O1299" s="236">
        <f t="shared" si="312"/>
        <v>3.3625119387923004</v>
      </c>
      <c r="P1299" s="236" t="str">
        <f t="shared" si="313"/>
        <v>CLAY</v>
      </c>
      <c r="Q1299" s="236">
        <f t="shared" si="309"/>
        <v>23.556890800140977</v>
      </c>
      <c r="R1299" s="238">
        <v>35</v>
      </c>
      <c r="S1299" s="236">
        <f t="shared" si="314"/>
        <v>1.392120337479509</v>
      </c>
      <c r="T1299" s="236" t="e">
        <f t="shared" si="300"/>
        <v>#N/A</v>
      </c>
    </row>
    <row r="1300" spans="1:20" x14ac:dyDescent="0.2">
      <c r="A1300" s="53">
        <f t="shared" si="301"/>
        <v>1288</v>
      </c>
      <c r="B1300" s="239">
        <v>12.792</v>
      </c>
      <c r="C1300" s="3">
        <f t="shared" si="302"/>
        <v>12.785</v>
      </c>
      <c r="D1300" s="239">
        <v>0.41560000000000002</v>
      </c>
      <c r="E1300" s="239">
        <v>9.4999999999999998E-3</v>
      </c>
      <c r="F1300" s="239">
        <v>0.33229999999999998</v>
      </c>
      <c r="G1300">
        <f t="shared" si="303"/>
        <v>0.48205999999999999</v>
      </c>
      <c r="H1300" s="235">
        <f t="shared" si="304"/>
        <v>1.9707090403684191</v>
      </c>
      <c r="I1300" s="236">
        <f t="shared" si="305"/>
        <v>15.599087775447636</v>
      </c>
      <c r="J1300" s="237">
        <f t="shared" si="310"/>
        <v>5.5990877754476358</v>
      </c>
      <c r="K1300" s="237">
        <f t="shared" si="306"/>
        <v>199.43433720909803</v>
      </c>
      <c r="L1300" s="237">
        <f t="shared" si="311"/>
        <v>71.623530823526153</v>
      </c>
      <c r="M1300" s="236">
        <f t="shared" si="307"/>
        <v>3.9459889723569455</v>
      </c>
      <c r="N1300" s="236">
        <f t="shared" si="308"/>
        <v>3.3613366550611112</v>
      </c>
      <c r="O1300" s="236">
        <f t="shared" si="312"/>
        <v>3.3629279364422149</v>
      </c>
      <c r="P1300" s="236" t="str">
        <f t="shared" si="313"/>
        <v>CLAY</v>
      </c>
      <c r="Q1300" s="236">
        <f t="shared" si="309"/>
        <v>23.552138565908496</v>
      </c>
      <c r="R1300" s="238">
        <v>35</v>
      </c>
      <c r="S1300" s="236">
        <f t="shared" si="314"/>
        <v>1.3903842601337286</v>
      </c>
      <c r="T1300" s="236" t="e">
        <f t="shared" si="300"/>
        <v>#N/A</v>
      </c>
    </row>
    <row r="1301" spans="1:20" x14ac:dyDescent="0.2">
      <c r="A1301" s="53">
        <f t="shared" si="301"/>
        <v>1289</v>
      </c>
      <c r="B1301" s="239">
        <v>12.803000000000001</v>
      </c>
      <c r="C1301" s="3">
        <f t="shared" si="302"/>
        <v>12.796000000000001</v>
      </c>
      <c r="D1301" s="239">
        <v>0.4103</v>
      </c>
      <c r="E1301" s="239">
        <v>9.5999999999999992E-3</v>
      </c>
      <c r="F1301" s="239">
        <v>0.3367</v>
      </c>
      <c r="G1301">
        <f t="shared" si="303"/>
        <v>0.47763999999999995</v>
      </c>
      <c r="H1301" s="235">
        <f t="shared" si="304"/>
        <v>2.009881919437233</v>
      </c>
      <c r="I1301" s="236">
        <f t="shared" si="305"/>
        <v>15.607766004292703</v>
      </c>
      <c r="J1301" s="237">
        <f t="shared" si="310"/>
        <v>5.6077660042927029</v>
      </c>
      <c r="K1301" s="237">
        <f t="shared" si="306"/>
        <v>199.71697379092944</v>
      </c>
      <c r="L1301" s="237">
        <f t="shared" si="311"/>
        <v>71.796228152959486</v>
      </c>
      <c r="M1301" s="236">
        <f t="shared" si="307"/>
        <v>3.8709975908060894</v>
      </c>
      <c r="N1301" s="236">
        <f t="shared" si="308"/>
        <v>3.4541938215577357</v>
      </c>
      <c r="O1301" s="236">
        <f t="shared" si="312"/>
        <v>3.3762002247922798</v>
      </c>
      <c r="P1301" s="236" t="str">
        <f t="shared" si="313"/>
        <v>CLAY</v>
      </c>
      <c r="Q1301" s="236">
        <f t="shared" si="309"/>
        <v>23.160252184089206</v>
      </c>
      <c r="R1301" s="238">
        <v>35</v>
      </c>
      <c r="S1301" s="236">
        <f t="shared" si="314"/>
        <v>1.3574337251907458</v>
      </c>
      <c r="T1301" s="236" t="e">
        <f t="shared" si="300"/>
        <v>#N/A</v>
      </c>
    </row>
    <row r="1302" spans="1:20" x14ac:dyDescent="0.2">
      <c r="A1302" s="53">
        <f t="shared" si="301"/>
        <v>1290</v>
      </c>
      <c r="B1302" s="239">
        <v>12.811999999999999</v>
      </c>
      <c r="C1302" s="3">
        <f t="shared" si="302"/>
        <v>12.805</v>
      </c>
      <c r="D1302" s="239">
        <v>0.40720000000000001</v>
      </c>
      <c r="E1302" s="239">
        <v>9.7999999999999997E-3</v>
      </c>
      <c r="F1302" s="239">
        <v>0.34</v>
      </c>
      <c r="G1302">
        <f t="shared" si="303"/>
        <v>0.47520000000000001</v>
      </c>
      <c r="H1302" s="235">
        <f t="shared" si="304"/>
        <v>2.0622895622895623</v>
      </c>
      <c r="I1302" s="236">
        <f t="shared" si="305"/>
        <v>15.629942247528046</v>
      </c>
      <c r="J1302" s="237">
        <f t="shared" si="310"/>
        <v>5.6299422475280458</v>
      </c>
      <c r="K1302" s="237">
        <f t="shared" si="306"/>
        <v>200.14141047959663</v>
      </c>
      <c r="L1302" s="237">
        <f t="shared" si="311"/>
        <v>72.130820075329325</v>
      </c>
      <c r="M1302" s="236">
        <f t="shared" si="307"/>
        <v>3.8133295758061232</v>
      </c>
      <c r="N1302" s="236">
        <f t="shared" si="308"/>
        <v>3.5628772826500121</v>
      </c>
      <c r="O1302" s="236">
        <f t="shared" si="312"/>
        <v>3.3887816258357657</v>
      </c>
      <c r="P1302" s="236" t="str">
        <f t="shared" si="313"/>
        <v>CLAY</v>
      </c>
      <c r="Q1302" s="236">
        <f t="shared" si="309"/>
        <v>22.921549126700281</v>
      </c>
      <c r="R1302" s="238">
        <v>35</v>
      </c>
      <c r="S1302" s="236">
        <f t="shared" si="314"/>
        <v>1.3322030877501998</v>
      </c>
      <c r="T1302" s="236" t="e">
        <f t="shared" si="300"/>
        <v>#N/A</v>
      </c>
    </row>
    <row r="1303" spans="1:20" x14ac:dyDescent="0.2">
      <c r="A1303" s="53">
        <f t="shared" si="301"/>
        <v>1291</v>
      </c>
      <c r="B1303" s="239">
        <v>12.823</v>
      </c>
      <c r="C1303" s="3">
        <f t="shared" si="302"/>
        <v>12.816000000000001</v>
      </c>
      <c r="D1303" s="239">
        <v>0.40279999999999999</v>
      </c>
      <c r="E1303" s="239">
        <v>0.01</v>
      </c>
      <c r="F1303" s="239">
        <v>0.34710000000000002</v>
      </c>
      <c r="G1303">
        <f t="shared" si="303"/>
        <v>0.47221999999999997</v>
      </c>
      <c r="H1303" s="235">
        <f t="shared" si="304"/>
        <v>2.1176570242683499</v>
      </c>
      <c r="I1303" s="236">
        <f t="shared" si="305"/>
        <v>15.651172993563183</v>
      </c>
      <c r="J1303" s="237">
        <f t="shared" si="310"/>
        <v>5.6511729935631827</v>
      </c>
      <c r="K1303" s="237">
        <f t="shared" si="306"/>
        <v>200.58543308550577</v>
      </c>
      <c r="L1303" s="237">
        <f t="shared" si="311"/>
        <v>72.464991296460695</v>
      </c>
      <c r="M1303" s="236">
        <f t="shared" si="307"/>
        <v>3.7484937492535275</v>
      </c>
      <c r="N1303" s="236">
        <f t="shared" si="308"/>
        <v>3.6814165861106418</v>
      </c>
      <c r="O1303" s="236">
        <f t="shared" si="312"/>
        <v>3.4025718127700371</v>
      </c>
      <c r="P1303" s="236" t="str">
        <f t="shared" si="313"/>
        <v>CLAY</v>
      </c>
      <c r="Q1303" s="236">
        <f t="shared" si="309"/>
        <v>22.636213909541183</v>
      </c>
      <c r="R1303" s="238">
        <v>35</v>
      </c>
      <c r="S1303" s="236">
        <f t="shared" si="314"/>
        <v>1.3039501762974766</v>
      </c>
      <c r="T1303" s="236" t="e">
        <f t="shared" si="300"/>
        <v>#N/A</v>
      </c>
    </row>
    <row r="1304" spans="1:20" x14ac:dyDescent="0.2">
      <c r="A1304" s="53">
        <f t="shared" si="301"/>
        <v>1292</v>
      </c>
      <c r="B1304" s="239">
        <v>12.832000000000001</v>
      </c>
      <c r="C1304" s="3">
        <f t="shared" si="302"/>
        <v>12.825000000000001</v>
      </c>
      <c r="D1304" s="239">
        <v>0.4022</v>
      </c>
      <c r="E1304" s="239">
        <v>1.01E-2</v>
      </c>
      <c r="F1304" s="239">
        <v>0.34749999999999998</v>
      </c>
      <c r="G1304">
        <f t="shared" si="303"/>
        <v>0.47170000000000001</v>
      </c>
      <c r="H1304" s="235">
        <f t="shared" si="304"/>
        <v>2.1411914352342589</v>
      </c>
      <c r="I1304" s="236">
        <f t="shared" si="305"/>
        <v>15.662410052216753</v>
      </c>
      <c r="J1304" s="237">
        <f t="shared" si="310"/>
        <v>5.6624100522167531</v>
      </c>
      <c r="K1304" s="237">
        <f t="shared" si="306"/>
        <v>200.87040891967987</v>
      </c>
      <c r="L1304" s="237">
        <f t="shared" si="311"/>
        <v>72.660045790045373</v>
      </c>
      <c r="M1304" s="236">
        <f t="shared" si="307"/>
        <v>3.7273523314710673</v>
      </c>
      <c r="N1304" s="236">
        <f t="shared" si="308"/>
        <v>3.7292822987738568</v>
      </c>
      <c r="O1304" s="236">
        <f t="shared" si="312"/>
        <v>3.4076091972764058</v>
      </c>
      <c r="P1304" s="236" t="str">
        <f t="shared" si="313"/>
        <v>CLAY</v>
      </c>
      <c r="Q1304" s="236">
        <f t="shared" si="309"/>
        <v>22.56913259002668</v>
      </c>
      <c r="R1304" s="238">
        <v>35</v>
      </c>
      <c r="S1304" s="236">
        <f t="shared" si="314"/>
        <v>1.2947638554340875</v>
      </c>
      <c r="T1304" s="236" t="e">
        <f t="shared" si="300"/>
        <v>#N/A</v>
      </c>
    </row>
    <row r="1305" spans="1:20" x14ac:dyDescent="0.2">
      <c r="A1305" s="53">
        <f t="shared" si="301"/>
        <v>1293</v>
      </c>
      <c r="B1305" s="239">
        <v>12.843</v>
      </c>
      <c r="C1305" s="3">
        <f t="shared" si="302"/>
        <v>12.836</v>
      </c>
      <c r="D1305" s="239">
        <v>0.39989999999999998</v>
      </c>
      <c r="E1305" s="239">
        <v>1.01E-2</v>
      </c>
      <c r="F1305" s="239">
        <v>0.3493</v>
      </c>
      <c r="G1305">
        <f t="shared" si="303"/>
        <v>0.46975999999999996</v>
      </c>
      <c r="H1305" s="235">
        <f t="shared" si="304"/>
        <v>2.1500340599455039</v>
      </c>
      <c r="I1305" s="236">
        <f t="shared" si="305"/>
        <v>15.660799194105584</v>
      </c>
      <c r="J1305" s="237">
        <f t="shared" si="310"/>
        <v>5.660799194105584</v>
      </c>
      <c r="K1305" s="237">
        <f t="shared" si="306"/>
        <v>201.02201845553927</v>
      </c>
      <c r="L1305" s="237">
        <f t="shared" si="311"/>
        <v>72.701644049898022</v>
      </c>
      <c r="M1305" s="236">
        <f t="shared" si="307"/>
        <v>3.6964498541465605</v>
      </c>
      <c r="N1305" s="236">
        <f t="shared" si="308"/>
        <v>3.7583076057780955</v>
      </c>
      <c r="O1305" s="236">
        <f t="shared" si="312"/>
        <v>3.4124551859687347</v>
      </c>
      <c r="P1305" s="236" t="str">
        <f t="shared" si="313"/>
        <v>CLAY</v>
      </c>
      <c r="Q1305" s="236">
        <f t="shared" si="309"/>
        <v>22.394831795371726</v>
      </c>
      <c r="R1305" s="238">
        <v>35</v>
      </c>
      <c r="S1305" s="236">
        <f t="shared" si="314"/>
        <v>1.2813596158466052</v>
      </c>
      <c r="T1305" s="236" t="e">
        <f t="shared" si="300"/>
        <v>#N/A</v>
      </c>
    </row>
    <row r="1306" spans="1:20" x14ac:dyDescent="0.2">
      <c r="A1306" s="53">
        <f t="shared" si="301"/>
        <v>1294</v>
      </c>
      <c r="B1306" s="239">
        <v>12.852</v>
      </c>
      <c r="C1306" s="3">
        <f t="shared" si="302"/>
        <v>12.845000000000001</v>
      </c>
      <c r="D1306" s="239">
        <v>0.3987</v>
      </c>
      <c r="E1306" s="239">
        <v>1.0200000000000001E-2</v>
      </c>
      <c r="F1306" s="239">
        <v>0.34749999999999998</v>
      </c>
      <c r="G1306">
        <f t="shared" si="303"/>
        <v>0.46819999999999995</v>
      </c>
      <c r="H1306" s="235">
        <f t="shared" si="304"/>
        <v>2.1785561725758225</v>
      </c>
      <c r="I1306" s="236">
        <f t="shared" si="305"/>
        <v>15.67105178656421</v>
      </c>
      <c r="J1306" s="237">
        <f t="shared" si="310"/>
        <v>5.6710517865642096</v>
      </c>
      <c r="K1306" s="237">
        <f t="shared" si="306"/>
        <v>201.29466019841729</v>
      </c>
      <c r="L1306" s="237">
        <f t="shared" si="311"/>
        <v>72.88435756092322</v>
      </c>
      <c r="M1306" s="236">
        <f t="shared" si="307"/>
        <v>3.6620387245435952</v>
      </c>
      <c r="N1306" s="236">
        <f t="shared" si="308"/>
        <v>3.8215795935677721</v>
      </c>
      <c r="O1306" s="236">
        <f t="shared" si="312"/>
        <v>3.4197259973764211</v>
      </c>
      <c r="P1306" s="236" t="str">
        <f t="shared" si="313"/>
        <v>CLAY</v>
      </c>
      <c r="Q1306" s="236">
        <f t="shared" si="309"/>
        <v>22.242111650131886</v>
      </c>
      <c r="R1306" s="238">
        <v>35</v>
      </c>
      <c r="S1306" s="236">
        <f t="shared" si="314"/>
        <v>1.2664664059483857</v>
      </c>
      <c r="T1306" s="236" t="e">
        <f t="shared" si="300"/>
        <v>#N/A</v>
      </c>
    </row>
    <row r="1307" spans="1:20" x14ac:dyDescent="0.2">
      <c r="A1307" s="53">
        <f t="shared" si="301"/>
        <v>1295</v>
      </c>
      <c r="B1307" s="239">
        <v>12.862</v>
      </c>
      <c r="C1307" s="3">
        <f t="shared" si="302"/>
        <v>12.855</v>
      </c>
      <c r="D1307" s="239">
        <v>0.40050000000000002</v>
      </c>
      <c r="E1307" s="239">
        <v>1.0200000000000001E-2</v>
      </c>
      <c r="F1307" s="239">
        <v>0.3518</v>
      </c>
      <c r="G1307">
        <f t="shared" si="303"/>
        <v>0.47086</v>
      </c>
      <c r="H1307" s="235">
        <f t="shared" si="304"/>
        <v>2.1662489912075777</v>
      </c>
      <c r="I1307" s="236">
        <f t="shared" si="305"/>
        <v>15.673266136596053</v>
      </c>
      <c r="J1307" s="237">
        <f t="shared" si="310"/>
        <v>5.6732661365960535</v>
      </c>
      <c r="K1307" s="237">
        <f t="shared" si="306"/>
        <v>201.47983618594228</v>
      </c>
      <c r="L1307" s="237">
        <f t="shared" si="311"/>
        <v>72.969549048898443</v>
      </c>
      <c r="M1307" s="236">
        <f t="shared" si="307"/>
        <v>3.6916791637774868</v>
      </c>
      <c r="N1307" s="236">
        <f t="shared" si="308"/>
        <v>3.7864703382690981</v>
      </c>
      <c r="O1307" s="236">
        <f t="shared" si="312"/>
        <v>3.4146385348755937</v>
      </c>
      <c r="P1307" s="236" t="str">
        <f t="shared" si="313"/>
        <v>CLAY</v>
      </c>
      <c r="Q1307" s="236">
        <f t="shared" si="309"/>
        <v>22.448346984504809</v>
      </c>
      <c r="R1307" s="238">
        <v>35</v>
      </c>
      <c r="S1307" s="236">
        <f t="shared" si="314"/>
        <v>1.279292773431667</v>
      </c>
      <c r="T1307" s="236" t="e">
        <f t="shared" si="300"/>
        <v>#N/A</v>
      </c>
    </row>
    <row r="1308" spans="1:20" x14ac:dyDescent="0.2">
      <c r="A1308" s="53">
        <f t="shared" si="301"/>
        <v>1296</v>
      </c>
      <c r="B1308" s="239">
        <v>12.872</v>
      </c>
      <c r="C1308" s="3">
        <f t="shared" si="302"/>
        <v>12.865</v>
      </c>
      <c r="D1308" s="239">
        <v>0.40550000000000003</v>
      </c>
      <c r="E1308" s="239">
        <v>1.01E-2</v>
      </c>
      <c r="F1308" s="239">
        <v>0.35320000000000001</v>
      </c>
      <c r="G1308">
        <f t="shared" si="303"/>
        <v>0.47614000000000001</v>
      </c>
      <c r="H1308" s="235">
        <f t="shared" si="304"/>
        <v>2.1212248498340824</v>
      </c>
      <c r="I1308" s="236">
        <f t="shared" si="305"/>
        <v>15.666071964445486</v>
      </c>
      <c r="J1308" s="237">
        <f t="shared" si="310"/>
        <v>5.6660719644454858</v>
      </c>
      <c r="K1308" s="237">
        <f t="shared" si="306"/>
        <v>201.54401582259118</v>
      </c>
      <c r="L1308" s="237">
        <f t="shared" si="311"/>
        <v>72.933678326342289</v>
      </c>
      <c r="M1308" s="236">
        <f t="shared" si="307"/>
        <v>3.7650093959162052</v>
      </c>
      <c r="N1308" s="236">
        <f t="shared" si="308"/>
        <v>3.6781309931592703</v>
      </c>
      <c r="O1308" s="236">
        <f t="shared" si="312"/>
        <v>3.4007432340030208</v>
      </c>
      <c r="P1308" s="236" t="str">
        <f t="shared" si="313"/>
        <v>CLAY</v>
      </c>
      <c r="Q1308" s="236">
        <f t="shared" si="309"/>
        <v>22.882998681450733</v>
      </c>
      <c r="R1308" s="238">
        <v>35</v>
      </c>
      <c r="S1308" s="236">
        <f t="shared" si="314"/>
        <v>1.3111355383871957</v>
      </c>
      <c r="T1308" s="236" t="e">
        <f t="shared" si="300"/>
        <v>#N/A</v>
      </c>
    </row>
    <row r="1309" spans="1:20" x14ac:dyDescent="0.2">
      <c r="A1309" s="53">
        <f t="shared" si="301"/>
        <v>1297</v>
      </c>
      <c r="B1309" s="239">
        <v>12.882999999999999</v>
      </c>
      <c r="C1309" s="3">
        <f t="shared" si="302"/>
        <v>12.875999999999999</v>
      </c>
      <c r="D1309" s="239">
        <v>0.40639999999999998</v>
      </c>
      <c r="E1309" s="239">
        <v>1.03E-2</v>
      </c>
      <c r="F1309" s="239">
        <v>0.3574</v>
      </c>
      <c r="G1309">
        <f t="shared" si="303"/>
        <v>0.47787999999999997</v>
      </c>
      <c r="H1309" s="235">
        <f t="shared" si="304"/>
        <v>2.1553528082363775</v>
      </c>
      <c r="I1309" s="236">
        <f t="shared" si="305"/>
        <v>15.690490530605272</v>
      </c>
      <c r="J1309" s="237">
        <f t="shared" si="310"/>
        <v>5.6904905306052722</v>
      </c>
      <c r="K1309" s="237">
        <f t="shared" si="306"/>
        <v>202.03075607207347</v>
      </c>
      <c r="L1309" s="237">
        <f t="shared" si="311"/>
        <v>73.310589505787718</v>
      </c>
      <c r="M1309" s="236">
        <f t="shared" si="307"/>
        <v>3.7627475892299134</v>
      </c>
      <c r="N1309" s="236">
        <f t="shared" si="308"/>
        <v>3.7339235929503474</v>
      </c>
      <c r="O1309" s="236">
        <f t="shared" si="312"/>
        <v>3.4044026969606671</v>
      </c>
      <c r="P1309" s="236" t="str">
        <f t="shared" si="313"/>
        <v>CLAY</v>
      </c>
      <c r="Q1309" s="236">
        <f t="shared" si="309"/>
        <v>22.987436993993878</v>
      </c>
      <c r="R1309" s="238">
        <v>35</v>
      </c>
      <c r="S1309" s="236">
        <f t="shared" si="314"/>
        <v>1.3101510413743185</v>
      </c>
      <c r="T1309" s="236" t="e">
        <f t="shared" si="300"/>
        <v>#N/A</v>
      </c>
    </row>
    <row r="1310" spans="1:20" x14ac:dyDescent="0.2">
      <c r="A1310" s="53">
        <f t="shared" si="301"/>
        <v>1298</v>
      </c>
      <c r="B1310" s="239">
        <v>12.891999999999999</v>
      </c>
      <c r="C1310" s="3">
        <f t="shared" si="302"/>
        <v>12.885</v>
      </c>
      <c r="D1310" s="239">
        <v>0.40560000000000002</v>
      </c>
      <c r="E1310" s="239">
        <v>1.04E-2</v>
      </c>
      <c r="F1310" s="239">
        <v>0.36049999999999999</v>
      </c>
      <c r="G1310">
        <f t="shared" si="303"/>
        <v>0.47770000000000001</v>
      </c>
      <c r="H1310" s="235">
        <f t="shared" si="304"/>
        <v>2.1770985974460957</v>
      </c>
      <c r="I1310" s="236">
        <f t="shared" si="305"/>
        <v>15.701672787644211</v>
      </c>
      <c r="J1310" s="237">
        <f t="shared" si="310"/>
        <v>5.7016727876442115</v>
      </c>
      <c r="K1310" s="237">
        <f t="shared" si="306"/>
        <v>202.31605386879565</v>
      </c>
      <c r="L1310" s="237">
        <f t="shared" si="311"/>
        <v>73.505965578309173</v>
      </c>
      <c r="M1310" s="236">
        <f t="shared" si="307"/>
        <v>3.7464162801565482</v>
      </c>
      <c r="N1310" s="236">
        <f t="shared" si="308"/>
        <v>3.7765454907981493</v>
      </c>
      <c r="O1310" s="236">
        <f t="shared" si="312"/>
        <v>3.4086052168158925</v>
      </c>
      <c r="P1310" s="236" t="str">
        <f t="shared" si="313"/>
        <v>CLAY</v>
      </c>
      <c r="Q1310" s="236">
        <f t="shared" si="309"/>
        <v>22.948662177600358</v>
      </c>
      <c r="R1310" s="238">
        <v>35</v>
      </c>
      <c r="S1310" s="236">
        <f t="shared" si="314"/>
        <v>1.3030469039815111</v>
      </c>
      <c r="T1310" s="236" t="e">
        <f t="shared" si="300"/>
        <v>#N/A</v>
      </c>
    </row>
    <row r="1311" spans="1:20" x14ac:dyDescent="0.2">
      <c r="A1311" s="53">
        <f t="shared" si="301"/>
        <v>1299</v>
      </c>
      <c r="B1311" s="239">
        <v>12.903</v>
      </c>
      <c r="C1311" s="3">
        <f t="shared" si="302"/>
        <v>12.896000000000001</v>
      </c>
      <c r="D1311" s="239">
        <v>0.40639999999999998</v>
      </c>
      <c r="E1311" s="239">
        <v>1.04E-2</v>
      </c>
      <c r="F1311" s="239">
        <v>0.36299999999999999</v>
      </c>
      <c r="G1311">
        <f t="shared" si="303"/>
        <v>0.47899999999999998</v>
      </c>
      <c r="H1311" s="235">
        <f t="shared" si="304"/>
        <v>2.1711899791231732</v>
      </c>
      <c r="I1311" s="236">
        <f t="shared" si="305"/>
        <v>15.7027350325623</v>
      </c>
      <c r="J1311" s="237">
        <f t="shared" si="310"/>
        <v>5.7027350325623001</v>
      </c>
      <c r="K1311" s="237">
        <f t="shared" si="306"/>
        <v>202.50247097992343</v>
      </c>
      <c r="L1311" s="237">
        <f t="shared" si="311"/>
        <v>73.582390125151363</v>
      </c>
      <c r="M1311" s="236">
        <f t="shared" si="307"/>
        <v>3.7576589799515947</v>
      </c>
      <c r="N1311" s="236">
        <f t="shared" si="308"/>
        <v>3.7613356028381917</v>
      </c>
      <c r="O1311" s="236">
        <f t="shared" si="312"/>
        <v>3.4065755050223099</v>
      </c>
      <c r="P1311" s="236" t="str">
        <f t="shared" si="313"/>
        <v>CLAY</v>
      </c>
      <c r="Q1311" s="236">
        <f t="shared" si="309"/>
        <v>23.041460751673046</v>
      </c>
      <c r="R1311" s="238">
        <v>35</v>
      </c>
      <c r="S1311" s="236">
        <f t="shared" si="314"/>
        <v>1.3079366623852007</v>
      </c>
      <c r="T1311" s="236" t="e">
        <f t="shared" si="300"/>
        <v>#N/A</v>
      </c>
    </row>
    <row r="1312" spans="1:20" x14ac:dyDescent="0.2">
      <c r="A1312" s="53">
        <f t="shared" si="301"/>
        <v>1300</v>
      </c>
      <c r="B1312" s="239">
        <v>12.912000000000001</v>
      </c>
      <c r="C1312" s="3">
        <f t="shared" si="302"/>
        <v>12.905000000000001</v>
      </c>
      <c r="D1312" s="239">
        <v>0.40660000000000002</v>
      </c>
      <c r="E1312" s="239">
        <v>1.04E-2</v>
      </c>
      <c r="F1312" s="239">
        <v>0.36409999999999998</v>
      </c>
      <c r="G1312">
        <f t="shared" si="303"/>
        <v>0.47942000000000001</v>
      </c>
      <c r="H1312" s="235">
        <f t="shared" si="304"/>
        <v>2.1692878895331855</v>
      </c>
      <c r="I1312" s="236">
        <f t="shared" si="305"/>
        <v>15.703077603303036</v>
      </c>
      <c r="J1312" s="237">
        <f t="shared" si="310"/>
        <v>5.7030776033030364</v>
      </c>
      <c r="K1312" s="237">
        <f t="shared" si="306"/>
        <v>202.6482164706257</v>
      </c>
      <c r="L1312" s="237">
        <f t="shared" si="311"/>
        <v>73.638138013848817</v>
      </c>
      <c r="M1312" s="236">
        <f t="shared" si="307"/>
        <v>3.7585385914744749</v>
      </c>
      <c r="N1312" s="236">
        <f t="shared" si="308"/>
        <v>3.7576084770564151</v>
      </c>
      <c r="O1312" s="236">
        <f t="shared" si="312"/>
        <v>3.406262218321003</v>
      </c>
      <c r="P1312" s="236" t="str">
        <f t="shared" si="313"/>
        <v>CLAY</v>
      </c>
      <c r="Q1312" s="236">
        <f t="shared" si="309"/>
        <v>23.064315294114525</v>
      </c>
      <c r="R1312" s="238">
        <v>35</v>
      </c>
      <c r="S1312" s="236">
        <f t="shared" si="314"/>
        <v>1.308319383990344</v>
      </c>
      <c r="T1312" s="236" t="e">
        <f t="shared" si="300"/>
        <v>#N/A</v>
      </c>
    </row>
    <row r="1313" spans="1:20" x14ac:dyDescent="0.2">
      <c r="A1313" s="53">
        <f t="shared" si="301"/>
        <v>1301</v>
      </c>
      <c r="B1313" s="239">
        <v>12.923</v>
      </c>
      <c r="C1313" s="3">
        <f t="shared" si="302"/>
        <v>12.916</v>
      </c>
      <c r="D1313" s="239">
        <v>0.40660000000000002</v>
      </c>
      <c r="E1313" s="239">
        <v>1.01E-2</v>
      </c>
      <c r="F1313" s="239">
        <v>0.36049999999999999</v>
      </c>
      <c r="G1313">
        <f t="shared" si="303"/>
        <v>0.47870000000000001</v>
      </c>
      <c r="H1313" s="235">
        <f t="shared" si="304"/>
        <v>2.1098809275120112</v>
      </c>
      <c r="I1313" s="236">
        <f t="shared" si="305"/>
        <v>15.668167848329375</v>
      </c>
      <c r="J1313" s="237">
        <f t="shared" si="310"/>
        <v>5.6681678483293751</v>
      </c>
      <c r="K1313" s="237">
        <f t="shared" si="306"/>
        <v>202.37005592902221</v>
      </c>
      <c r="L1313" s="237">
        <f t="shared" si="311"/>
        <v>73.249733103960509</v>
      </c>
      <c r="M1313" s="236">
        <f t="shared" si="307"/>
        <v>3.7724361900239742</v>
      </c>
      <c r="N1313" s="236">
        <f t="shared" si="308"/>
        <v>3.655050861011909</v>
      </c>
      <c r="O1313" s="236">
        <f t="shared" si="312"/>
        <v>3.3985799650351876</v>
      </c>
      <c r="P1313" s="236" t="str">
        <f t="shared" si="313"/>
        <v>CLAY</v>
      </c>
      <c r="Q1313" s="236">
        <f t="shared" si="309"/>
        <v>23.027495339248148</v>
      </c>
      <c r="R1313" s="238">
        <v>35</v>
      </c>
      <c r="S1313" s="236">
        <f t="shared" si="314"/>
        <v>1.3143692399851192</v>
      </c>
      <c r="T1313" s="236" t="e">
        <f t="shared" si="300"/>
        <v>#N/A</v>
      </c>
    </row>
    <row r="1314" spans="1:20" x14ac:dyDescent="0.2">
      <c r="A1314" s="53">
        <f t="shared" si="301"/>
        <v>1302</v>
      </c>
      <c r="B1314" s="239">
        <v>12.932</v>
      </c>
      <c r="C1314" s="3">
        <f t="shared" si="302"/>
        <v>12.925000000000001</v>
      </c>
      <c r="D1314" s="239">
        <v>0.40560000000000002</v>
      </c>
      <c r="E1314" s="239">
        <v>1.01E-2</v>
      </c>
      <c r="F1314" s="239">
        <v>0.35820000000000002</v>
      </c>
      <c r="G1314">
        <f t="shared" si="303"/>
        <v>0.47724</v>
      </c>
      <c r="H1314" s="235">
        <f t="shared" si="304"/>
        <v>2.116335596345654</v>
      </c>
      <c r="I1314" s="236">
        <f t="shared" si="305"/>
        <v>15.666973916925865</v>
      </c>
      <c r="J1314" s="237">
        <f t="shared" si="310"/>
        <v>5.6669739169258655</v>
      </c>
      <c r="K1314" s="237">
        <f t="shared" si="306"/>
        <v>202.49563787626681</v>
      </c>
      <c r="L1314" s="237">
        <f t="shared" si="311"/>
        <v>73.2853066936853</v>
      </c>
      <c r="M1314" s="236">
        <f t="shared" si="307"/>
        <v>3.7489692616297234</v>
      </c>
      <c r="N1314" s="236">
        <f t="shared" si="308"/>
        <v>3.6761445883469626</v>
      </c>
      <c r="O1314" s="236">
        <f t="shared" si="312"/>
        <v>3.4021982720015655</v>
      </c>
      <c r="P1314" s="236" t="str">
        <f t="shared" si="313"/>
        <v>CLAY</v>
      </c>
      <c r="Q1314" s="236">
        <f t="shared" si="309"/>
        <v>22.8953635103111</v>
      </c>
      <c r="R1314" s="238">
        <v>35</v>
      </c>
      <c r="S1314" s="236">
        <f t="shared" si="314"/>
        <v>1.304156944108712</v>
      </c>
      <c r="T1314" s="236" t="e">
        <f t="shared" si="300"/>
        <v>#N/A</v>
      </c>
    </row>
    <row r="1315" spans="1:20" x14ac:dyDescent="0.2">
      <c r="A1315" s="53">
        <f t="shared" si="301"/>
        <v>1303</v>
      </c>
      <c r="B1315" s="239">
        <v>12.943</v>
      </c>
      <c r="C1315" s="3">
        <f t="shared" si="302"/>
        <v>12.936</v>
      </c>
      <c r="D1315" s="239">
        <v>0.40339999999999998</v>
      </c>
      <c r="E1315" s="239">
        <v>1.01E-2</v>
      </c>
      <c r="F1315" s="239">
        <v>0.36030000000000001</v>
      </c>
      <c r="G1315">
        <f t="shared" si="303"/>
        <v>0.47545999999999999</v>
      </c>
      <c r="H1315" s="235">
        <f t="shared" si="304"/>
        <v>2.1242586127119001</v>
      </c>
      <c r="I1315" s="236">
        <f t="shared" si="305"/>
        <v>15.665513351019328</v>
      </c>
      <c r="J1315" s="237">
        <f t="shared" si="310"/>
        <v>5.6655133510193281</v>
      </c>
      <c r="K1315" s="237">
        <f t="shared" si="306"/>
        <v>202.64908070878602</v>
      </c>
      <c r="L1315" s="237">
        <f t="shared" si="311"/>
        <v>73.328739302243164</v>
      </c>
      <c r="M1315" s="236">
        <f t="shared" si="307"/>
        <v>3.7203819660222703</v>
      </c>
      <c r="N1315" s="236">
        <f t="shared" si="308"/>
        <v>3.7021978541917093</v>
      </c>
      <c r="O1315" s="236">
        <f t="shared" si="312"/>
        <v>3.406637711512392</v>
      </c>
      <c r="P1315" s="236" t="str">
        <f t="shared" si="313"/>
        <v>CLAY</v>
      </c>
      <c r="Q1315" s="236">
        <f t="shared" si="309"/>
        <v>22.734243274267829</v>
      </c>
      <c r="R1315" s="238">
        <v>35</v>
      </c>
      <c r="S1315" s="236">
        <f t="shared" si="314"/>
        <v>1.2917379586986883</v>
      </c>
      <c r="T1315" s="236" t="e">
        <f t="shared" si="300"/>
        <v>#N/A</v>
      </c>
    </row>
    <row r="1316" spans="1:20" x14ac:dyDescent="0.2">
      <c r="A1316" s="53">
        <f t="shared" si="301"/>
        <v>1304</v>
      </c>
      <c r="B1316" s="239">
        <v>12.952</v>
      </c>
      <c r="C1316" s="3">
        <f t="shared" si="302"/>
        <v>12.945</v>
      </c>
      <c r="D1316" s="239">
        <v>0.40479999999999999</v>
      </c>
      <c r="E1316" s="239">
        <v>0.01</v>
      </c>
      <c r="F1316" s="239">
        <v>0.35870000000000002</v>
      </c>
      <c r="G1316">
        <f t="shared" si="303"/>
        <v>0.47653999999999996</v>
      </c>
      <c r="H1316" s="235">
        <f t="shared" si="304"/>
        <v>2.0984597305577708</v>
      </c>
      <c r="I1316" s="236">
        <f t="shared" si="305"/>
        <v>15.654732478817756</v>
      </c>
      <c r="J1316" s="237">
        <f t="shared" si="310"/>
        <v>5.6547324788177562</v>
      </c>
      <c r="K1316" s="237">
        <f t="shared" si="306"/>
        <v>202.65051193829586</v>
      </c>
      <c r="L1316" s="237">
        <f t="shared" si="311"/>
        <v>73.24009506564758</v>
      </c>
      <c r="M1316" s="236">
        <f t="shared" si="307"/>
        <v>3.7396113128499859</v>
      </c>
      <c r="N1316" s="236">
        <f t="shared" si="308"/>
        <v>3.6511076313184816</v>
      </c>
      <c r="O1316" s="236">
        <f t="shared" si="312"/>
        <v>3.4015661208500623</v>
      </c>
      <c r="P1316" s="236" t="str">
        <f t="shared" si="313"/>
        <v>CLAY</v>
      </c>
      <c r="Q1316" s="236">
        <f t="shared" si="309"/>
        <v>22.824124005142011</v>
      </c>
      <c r="R1316" s="238">
        <v>35</v>
      </c>
      <c r="S1316" s="236">
        <f t="shared" si="314"/>
        <v>1.3000890181268574</v>
      </c>
      <c r="T1316" s="236" t="e">
        <f t="shared" si="300"/>
        <v>#N/A</v>
      </c>
    </row>
    <row r="1317" spans="1:20" x14ac:dyDescent="0.2">
      <c r="A1317" s="53">
        <f t="shared" si="301"/>
        <v>1305</v>
      </c>
      <c r="B1317" s="239">
        <v>12.962999999999999</v>
      </c>
      <c r="C1317" s="3">
        <f t="shared" si="302"/>
        <v>12.956</v>
      </c>
      <c r="D1317" s="239">
        <v>0.40560000000000002</v>
      </c>
      <c r="E1317" s="239">
        <v>0.01</v>
      </c>
      <c r="F1317" s="239">
        <v>0.3599</v>
      </c>
      <c r="G1317">
        <f t="shared" si="303"/>
        <v>0.47758</v>
      </c>
      <c r="H1317" s="235">
        <f t="shared" si="304"/>
        <v>2.0938900288956823</v>
      </c>
      <c r="I1317" s="236">
        <f t="shared" si="305"/>
        <v>15.655584572466463</v>
      </c>
      <c r="J1317" s="237">
        <f t="shared" si="310"/>
        <v>5.6555845724664628</v>
      </c>
      <c r="K1317" s="237">
        <f t="shared" si="306"/>
        <v>202.83375372087548</v>
      </c>
      <c r="L1317" s="237">
        <f t="shared" si="311"/>
        <v>73.313342812882752</v>
      </c>
      <c r="M1317" s="236">
        <f t="shared" si="307"/>
        <v>3.7475612997262706</v>
      </c>
      <c r="N1317" s="236">
        <f t="shared" si="308"/>
        <v>3.6397221565096989</v>
      </c>
      <c r="O1317" s="236">
        <f t="shared" si="312"/>
        <v>3.4000699078235388</v>
      </c>
      <c r="P1317" s="236" t="str">
        <f t="shared" si="313"/>
        <v>CLAY</v>
      </c>
      <c r="Q1317" s="236">
        <f t="shared" si="309"/>
        <v>22.895520523260377</v>
      </c>
      <c r="R1317" s="238">
        <v>35</v>
      </c>
      <c r="S1317" s="236">
        <f t="shared" si="314"/>
        <v>1.303544736806953</v>
      </c>
      <c r="T1317" s="236" t="e">
        <f t="shared" si="300"/>
        <v>#N/A</v>
      </c>
    </row>
    <row r="1318" spans="1:20" x14ac:dyDescent="0.2">
      <c r="A1318" s="53">
        <f t="shared" si="301"/>
        <v>1306</v>
      </c>
      <c r="B1318" s="239">
        <v>12.972</v>
      </c>
      <c r="C1318" s="3">
        <f t="shared" si="302"/>
        <v>12.965</v>
      </c>
      <c r="D1318" s="239">
        <v>0.40510000000000002</v>
      </c>
      <c r="E1318" s="239">
        <v>9.9000000000000008E-3</v>
      </c>
      <c r="F1318" s="239">
        <v>0.35970000000000002</v>
      </c>
      <c r="G1318">
        <f t="shared" si="303"/>
        <v>0.47704000000000002</v>
      </c>
      <c r="H1318" s="235">
        <f t="shared" si="304"/>
        <v>2.0752976689585778</v>
      </c>
      <c r="I1318" s="236">
        <f t="shared" si="305"/>
        <v>15.643357396499786</v>
      </c>
      <c r="J1318" s="237">
        <f t="shared" si="310"/>
        <v>5.6433573964997858</v>
      </c>
      <c r="K1318" s="237">
        <f t="shared" si="306"/>
        <v>202.81612864561973</v>
      </c>
      <c r="L1318" s="237">
        <f t="shared" si="311"/>
        <v>73.205632147395221</v>
      </c>
      <c r="M1318" s="236">
        <f t="shared" si="307"/>
        <v>3.7459395310219676</v>
      </c>
      <c r="N1318" s="236">
        <f t="shared" si="308"/>
        <v>3.6101889857744007</v>
      </c>
      <c r="O1318" s="236">
        <f t="shared" si="312"/>
        <v>3.3983779856312664</v>
      </c>
      <c r="P1318" s="236" t="str">
        <f t="shared" si="313"/>
        <v>CLAY</v>
      </c>
      <c r="Q1318" s="236">
        <f t="shared" si="309"/>
        <v>22.851989279531693</v>
      </c>
      <c r="R1318" s="238">
        <v>35</v>
      </c>
      <c r="S1318" s="236">
        <f t="shared" si="314"/>
        <v>1.3028396337013046</v>
      </c>
      <c r="T1318" s="236" t="e">
        <f t="shared" si="300"/>
        <v>#N/A</v>
      </c>
    </row>
    <row r="1319" spans="1:20" x14ac:dyDescent="0.2">
      <c r="A1319" s="53">
        <f t="shared" si="301"/>
        <v>1307</v>
      </c>
      <c r="B1319" s="239">
        <v>12.983000000000001</v>
      </c>
      <c r="C1319" s="3">
        <f t="shared" si="302"/>
        <v>12.976000000000001</v>
      </c>
      <c r="D1319" s="239">
        <v>0.40550000000000003</v>
      </c>
      <c r="E1319" s="239">
        <v>9.9000000000000008E-3</v>
      </c>
      <c r="F1319" s="239">
        <v>0.3589</v>
      </c>
      <c r="G1319">
        <f t="shared" si="303"/>
        <v>0.47728000000000004</v>
      </c>
      <c r="H1319" s="235">
        <f t="shared" si="304"/>
        <v>2.0742541066040898</v>
      </c>
      <c r="I1319" s="236">
        <f t="shared" si="305"/>
        <v>15.643553992212061</v>
      </c>
      <c r="J1319" s="237">
        <f t="shared" si="310"/>
        <v>5.6435539922120608</v>
      </c>
      <c r="K1319" s="237">
        <f t="shared" si="306"/>
        <v>202.99075660294372</v>
      </c>
      <c r="L1319" s="237">
        <f t="shared" si="311"/>
        <v>73.270261480889189</v>
      </c>
      <c r="M1319" s="236">
        <f t="shared" si="307"/>
        <v>3.7435275629335401</v>
      </c>
      <c r="N1319" s="236">
        <f t="shared" si="308"/>
        <v>3.60932856038723</v>
      </c>
      <c r="O1319" s="236">
        <f t="shared" si="312"/>
        <v>3.3985622597232918</v>
      </c>
      <c r="P1319" s="236" t="str">
        <f t="shared" si="313"/>
        <v>CLAY</v>
      </c>
      <c r="Q1319" s="236">
        <f t="shared" si="309"/>
        <v>22.857436949754696</v>
      </c>
      <c r="R1319" s="238">
        <v>35</v>
      </c>
      <c r="S1319" s="236">
        <f t="shared" si="314"/>
        <v>1.3017911134856182</v>
      </c>
      <c r="T1319" s="236" t="e">
        <f t="shared" si="300"/>
        <v>#N/A</v>
      </c>
    </row>
    <row r="1320" spans="1:20" x14ac:dyDescent="0.2">
      <c r="A1320" s="53">
        <f t="shared" si="301"/>
        <v>1308</v>
      </c>
      <c r="B1320" s="239">
        <v>12.987</v>
      </c>
      <c r="C1320" s="3">
        <f t="shared" si="302"/>
        <v>12.98</v>
      </c>
      <c r="D1320" s="239">
        <v>0.40679999999999999</v>
      </c>
      <c r="E1320" s="239">
        <v>9.9000000000000008E-3</v>
      </c>
      <c r="F1320" s="239">
        <v>0.35859999999999997</v>
      </c>
      <c r="G1320">
        <f t="shared" si="303"/>
        <v>0.47851999999999995</v>
      </c>
      <c r="H1320" s="235">
        <f t="shared" si="304"/>
        <v>2.0688790437181312</v>
      </c>
      <c r="I1320" s="236">
        <f t="shared" si="305"/>
        <v>15.644568164452529</v>
      </c>
      <c r="J1320" s="237">
        <f t="shared" si="310"/>
        <v>5.6445681644525294</v>
      </c>
      <c r="K1320" s="237">
        <f t="shared" si="306"/>
        <v>203.06649477459385</v>
      </c>
      <c r="L1320" s="237">
        <f t="shared" si="311"/>
        <v>73.306006751745002</v>
      </c>
      <c r="M1320" s="236">
        <f t="shared" si="307"/>
        <v>3.7575843703810676</v>
      </c>
      <c r="N1320" s="236">
        <f t="shared" si="308"/>
        <v>3.5940729786316363</v>
      </c>
      <c r="O1320" s="236">
        <f t="shared" si="312"/>
        <v>3.3962129214941688</v>
      </c>
      <c r="P1320" s="236" t="str">
        <f t="shared" si="313"/>
        <v>CLAY</v>
      </c>
      <c r="Q1320" s="236">
        <f t="shared" si="309"/>
        <v>22.954458768783837</v>
      </c>
      <c r="R1320" s="238">
        <v>35</v>
      </c>
      <c r="S1320" s="236">
        <f t="shared" si="314"/>
        <v>1.3079042005682224</v>
      </c>
      <c r="T1320" s="236" t="e">
        <f t="shared" si="300"/>
        <v>#N/A</v>
      </c>
    </row>
    <row r="1321" spans="1:20" x14ac:dyDescent="0.2">
      <c r="A1321" s="53">
        <f t="shared" si="301"/>
        <v>1309</v>
      </c>
      <c r="B1321" s="239">
        <v>12.987</v>
      </c>
      <c r="C1321" s="3">
        <f t="shared" si="302"/>
        <v>12.98</v>
      </c>
      <c r="D1321" s="239">
        <v>0.40749999999999997</v>
      </c>
      <c r="E1321" s="239">
        <v>0.01</v>
      </c>
      <c r="F1321" s="239">
        <v>0.36020000000000002</v>
      </c>
      <c r="G1321">
        <f t="shared" si="303"/>
        <v>0.47953999999999997</v>
      </c>
      <c r="H1321" s="235">
        <f t="shared" si="304"/>
        <v>2.0853317762856074</v>
      </c>
      <c r="I1321" s="236">
        <f t="shared" si="305"/>
        <v>15.657185409429353</v>
      </c>
      <c r="J1321" s="237">
        <f t="shared" si="310"/>
        <v>5.6571854094293528</v>
      </c>
      <c r="K1321" s="237">
        <f t="shared" si="306"/>
        <v>203.230266614393</v>
      </c>
      <c r="L1321" s="237">
        <f t="shared" si="311"/>
        <v>73.469866912259008</v>
      </c>
      <c r="M1321" s="236">
        <f t="shared" si="307"/>
        <v>3.7608579543990239</v>
      </c>
      <c r="N1321" s="236">
        <f t="shared" si="308"/>
        <v>3.6191269404340511</v>
      </c>
      <c r="O1321" s="236">
        <f t="shared" si="312"/>
        <v>3.3974689533249869</v>
      </c>
      <c r="P1321" s="236" t="str">
        <f t="shared" si="313"/>
        <v>CLAY</v>
      </c>
      <c r="Q1321" s="236">
        <f t="shared" si="309"/>
        <v>23.025811115467246</v>
      </c>
      <c r="R1321" s="238">
        <v>35</v>
      </c>
      <c r="S1321" s="236">
        <f t="shared" si="314"/>
        <v>1.3093286530954822</v>
      </c>
      <c r="T1321" s="236" t="e">
        <f t="shared" si="300"/>
        <v>#N/A</v>
      </c>
    </row>
    <row r="1322" spans="1:20" x14ac:dyDescent="0.2">
      <c r="A1322" s="53">
        <f t="shared" si="301"/>
        <v>1310</v>
      </c>
      <c r="B1322" s="239">
        <v>12.987</v>
      </c>
      <c r="C1322" s="3">
        <f t="shared" si="302"/>
        <v>12.98</v>
      </c>
      <c r="D1322" s="239">
        <v>0.34060000000000001</v>
      </c>
      <c r="E1322" s="239">
        <v>8.8000000000000005E-3</v>
      </c>
      <c r="F1322" s="239">
        <v>0.36130000000000001</v>
      </c>
      <c r="G1322">
        <f t="shared" si="303"/>
        <v>0.41286</v>
      </c>
      <c r="H1322" s="235">
        <f t="shared" si="304"/>
        <v>2.1314731385941967</v>
      </c>
      <c r="I1322" s="236">
        <f t="shared" si="305"/>
        <v>15.448768796594976</v>
      </c>
      <c r="J1322" s="237">
        <f t="shared" si="310"/>
        <v>5.448768796594976</v>
      </c>
      <c r="K1322" s="237">
        <f t="shared" si="306"/>
        <v>200.52501897980281</v>
      </c>
      <c r="L1322" s="237">
        <f t="shared" si="311"/>
        <v>70.763160361378951</v>
      </c>
      <c r="M1322" s="236">
        <f t="shared" si="307"/>
        <v>3.000642989033107</v>
      </c>
      <c r="N1322" s="236">
        <f t="shared" si="308"/>
        <v>4.1443948414524066</v>
      </c>
      <c r="O1322" s="236">
        <f t="shared" si="312"/>
        <v>3.5118413216960596</v>
      </c>
      <c r="P1322" s="236" t="str">
        <f t="shared" si="313"/>
        <v>CLAY</v>
      </c>
      <c r="Q1322" s="236">
        <f t="shared" si="309"/>
        <v>17.694581751683099</v>
      </c>
      <c r="R1322" s="238">
        <v>35</v>
      </c>
      <c r="S1322" s="236">
        <f t="shared" si="314"/>
        <v>0.98731996091035668</v>
      </c>
      <c r="T1322" s="236" t="e">
        <f t="shared" si="300"/>
        <v>#N/A</v>
      </c>
    </row>
    <row r="1323" spans="1:20" x14ac:dyDescent="0.2">
      <c r="A1323" s="53">
        <f t="shared" si="301"/>
        <v>1311</v>
      </c>
      <c r="B1323" s="239">
        <v>13.031000000000001</v>
      </c>
      <c r="C1323" s="3">
        <f t="shared" si="302"/>
        <v>13.024000000000001</v>
      </c>
      <c r="D1323" s="239">
        <v>0.40460000000000002</v>
      </c>
      <c r="E1323" s="239">
        <v>1.12E-2</v>
      </c>
      <c r="F1323" s="239">
        <v>0.36849999999999999</v>
      </c>
      <c r="G1323">
        <f t="shared" si="303"/>
        <v>0.4783</v>
      </c>
      <c r="H1323" s="235">
        <f t="shared" si="304"/>
        <v>2.3416265941877481</v>
      </c>
      <c r="I1323" s="236">
        <f t="shared" si="305"/>
        <v>15.789062058376743</v>
      </c>
      <c r="J1323" s="237">
        <f t="shared" si="310"/>
        <v>5.7890620583767429</v>
      </c>
      <c r="K1323" s="237">
        <f t="shared" si="306"/>
        <v>205.63674424829873</v>
      </c>
      <c r="L1323" s="237">
        <f t="shared" si="311"/>
        <v>75.437267682707343</v>
      </c>
      <c r="M1323" s="236">
        <f t="shared" si="307"/>
        <v>3.6144370564763246</v>
      </c>
      <c r="N1323" s="236">
        <f t="shared" si="308"/>
        <v>4.1076308463796796</v>
      </c>
      <c r="O1323" s="236">
        <f t="shared" si="312"/>
        <v>3.4411574518206463</v>
      </c>
      <c r="P1323" s="236" t="str">
        <f t="shared" si="313"/>
        <v>CLAY</v>
      </c>
      <c r="Q1323" s="236">
        <f t="shared" si="309"/>
        <v>22.721937979308439</v>
      </c>
      <c r="R1323" s="238">
        <v>35</v>
      </c>
      <c r="S1323" s="236">
        <f t="shared" si="314"/>
        <v>1.245921962265935</v>
      </c>
      <c r="T1323" s="236" t="e">
        <f t="shared" si="300"/>
        <v>#N/A</v>
      </c>
    </row>
    <row r="1324" spans="1:20" x14ac:dyDescent="0.2">
      <c r="A1324" s="53">
        <f t="shared" si="301"/>
        <v>1312</v>
      </c>
      <c r="B1324" s="239">
        <v>13.041</v>
      </c>
      <c r="C1324" s="3">
        <f t="shared" si="302"/>
        <v>13.034000000000001</v>
      </c>
      <c r="D1324" s="239">
        <v>0.40539999999999998</v>
      </c>
      <c r="E1324" s="239">
        <v>1.12E-2</v>
      </c>
      <c r="F1324" s="239">
        <v>0.3695</v>
      </c>
      <c r="G1324">
        <f t="shared" si="303"/>
        <v>0.47929999999999995</v>
      </c>
      <c r="H1324" s="235">
        <f t="shared" si="304"/>
        <v>2.3367410807427502</v>
      </c>
      <c r="I1324" s="236">
        <f t="shared" si="305"/>
        <v>15.789878401684586</v>
      </c>
      <c r="J1324" s="237">
        <f t="shared" si="310"/>
        <v>5.7898784016845859</v>
      </c>
      <c r="K1324" s="237">
        <f t="shared" si="306"/>
        <v>205.80527508755691</v>
      </c>
      <c r="L1324" s="237">
        <f t="shared" si="311"/>
        <v>75.505804236368689</v>
      </c>
      <c r="M1324" s="236">
        <f t="shared" si="307"/>
        <v>3.6221682250582474</v>
      </c>
      <c r="N1324" s="236">
        <f t="shared" si="308"/>
        <v>4.0951429697905803</v>
      </c>
      <c r="O1324" s="236">
        <f t="shared" si="312"/>
        <v>3.4396676663834365</v>
      </c>
      <c r="P1324" s="236" t="str">
        <f t="shared" si="313"/>
        <v>CLAY</v>
      </c>
      <c r="Q1324" s="236">
        <f t="shared" si="309"/>
        <v>22.791227076036922</v>
      </c>
      <c r="R1324" s="238">
        <v>35</v>
      </c>
      <c r="S1324" s="236">
        <f t="shared" si="314"/>
        <v>1.2492540879324083</v>
      </c>
      <c r="T1324" s="236" t="e">
        <f t="shared" si="300"/>
        <v>#N/A</v>
      </c>
    </row>
    <row r="1325" spans="1:20" x14ac:dyDescent="0.2">
      <c r="A1325" s="53">
        <f t="shared" si="301"/>
        <v>1313</v>
      </c>
      <c r="B1325" s="239">
        <v>13.051</v>
      </c>
      <c r="C1325" s="3">
        <f t="shared" si="302"/>
        <v>13.044</v>
      </c>
      <c r="D1325" s="239">
        <v>0.4047</v>
      </c>
      <c r="E1325" s="239">
        <v>1.11E-2</v>
      </c>
      <c r="F1325" s="239">
        <v>0.36909999999999998</v>
      </c>
      <c r="G1325">
        <f t="shared" si="303"/>
        <v>0.47852</v>
      </c>
      <c r="H1325" s="235">
        <f t="shared" si="304"/>
        <v>2.3196522611385104</v>
      </c>
      <c r="I1325" s="236">
        <f t="shared" si="305"/>
        <v>15.778725181763122</v>
      </c>
      <c r="J1325" s="237">
        <f t="shared" si="310"/>
        <v>5.7787251817631216</v>
      </c>
      <c r="K1325" s="237">
        <f t="shared" si="306"/>
        <v>205.81769127091817</v>
      </c>
      <c r="L1325" s="237">
        <f t="shared" si="311"/>
        <v>75.418142347190496</v>
      </c>
      <c r="M1325" s="236">
        <f t="shared" si="307"/>
        <v>3.6158714633103211</v>
      </c>
      <c r="N1325" s="236">
        <f t="shared" si="308"/>
        <v>4.0703725801703357</v>
      </c>
      <c r="O1325" s="236">
        <f t="shared" si="312"/>
        <v>3.4389045933054438</v>
      </c>
      <c r="P1325" s="236" t="str">
        <f t="shared" si="313"/>
        <v>CLAY</v>
      </c>
      <c r="Q1325" s="236">
        <f t="shared" si="309"/>
        <v>22.725192394090147</v>
      </c>
      <c r="R1325" s="238">
        <v>35</v>
      </c>
      <c r="S1325" s="236">
        <f t="shared" si="314"/>
        <v>1.2465400556218005</v>
      </c>
      <c r="T1325" s="236" t="e">
        <f t="shared" si="300"/>
        <v>#N/A</v>
      </c>
    </row>
    <row r="1326" spans="1:20" x14ac:dyDescent="0.2">
      <c r="A1326" s="53">
        <f t="shared" si="301"/>
        <v>1314</v>
      </c>
      <c r="B1326" s="239">
        <v>13.061</v>
      </c>
      <c r="C1326" s="3">
        <f t="shared" si="302"/>
        <v>13.054</v>
      </c>
      <c r="D1326" s="239">
        <v>0.40460000000000002</v>
      </c>
      <c r="E1326" s="239">
        <v>1.0999999999999999E-2</v>
      </c>
      <c r="F1326" s="239">
        <v>0.37</v>
      </c>
      <c r="G1326">
        <f t="shared" si="303"/>
        <v>0.47860000000000003</v>
      </c>
      <c r="H1326" s="235">
        <f t="shared" si="304"/>
        <v>2.2983702465524445</v>
      </c>
      <c r="I1326" s="236">
        <f t="shared" si="305"/>
        <v>15.76817872915937</v>
      </c>
      <c r="J1326" s="237">
        <f t="shared" si="310"/>
        <v>5.76817872915937</v>
      </c>
      <c r="K1326" s="237">
        <f t="shared" si="306"/>
        <v>205.83780513044641</v>
      </c>
      <c r="L1326" s="237">
        <f t="shared" si="311"/>
        <v>75.338182381550538</v>
      </c>
      <c r="M1326" s="236">
        <f t="shared" si="307"/>
        <v>3.620504055807297</v>
      </c>
      <c r="N1326" s="236">
        <f t="shared" si="308"/>
        <v>4.0328169397744675</v>
      </c>
      <c r="O1326" s="236">
        <f t="shared" si="312"/>
        <v>3.4362933721037172</v>
      </c>
      <c r="P1326" s="236" t="str">
        <f t="shared" si="313"/>
        <v>CLAY</v>
      </c>
      <c r="Q1326" s="236">
        <f t="shared" si="309"/>
        <v>22.730182905796131</v>
      </c>
      <c r="R1326" s="238">
        <v>35</v>
      </c>
      <c r="S1326" s="236">
        <f t="shared" si="314"/>
        <v>1.2485366823960011</v>
      </c>
      <c r="T1326" s="236" t="e">
        <f t="shared" si="300"/>
        <v>#N/A</v>
      </c>
    </row>
    <row r="1327" spans="1:20" x14ac:dyDescent="0.2">
      <c r="A1327" s="53">
        <f t="shared" si="301"/>
        <v>1315</v>
      </c>
      <c r="B1327" s="239">
        <v>13.071</v>
      </c>
      <c r="C1327" s="3">
        <f t="shared" si="302"/>
        <v>13.064</v>
      </c>
      <c r="D1327" s="239">
        <v>0.40360000000000001</v>
      </c>
      <c r="E1327" s="239">
        <v>1.0999999999999999E-2</v>
      </c>
      <c r="F1327" s="239">
        <v>0.3705</v>
      </c>
      <c r="G1327">
        <f t="shared" si="303"/>
        <v>0.47770000000000001</v>
      </c>
      <c r="H1327" s="235">
        <f t="shared" si="304"/>
        <v>2.3027004396064474</v>
      </c>
      <c r="I1327" s="236">
        <f t="shared" si="305"/>
        <v>15.767443021464713</v>
      </c>
      <c r="J1327" s="237">
        <f t="shared" si="310"/>
        <v>5.7674430214647128</v>
      </c>
      <c r="K1327" s="237">
        <f t="shared" si="306"/>
        <v>205.985875632415</v>
      </c>
      <c r="L1327" s="237">
        <f t="shared" si="311"/>
        <v>75.386247733565256</v>
      </c>
      <c r="M1327" s="236">
        <f t="shared" si="307"/>
        <v>3.6042929915797624</v>
      </c>
      <c r="N1327" s="236">
        <f t="shared" si="308"/>
        <v>4.0483725406629176</v>
      </c>
      <c r="O1327" s="236">
        <f t="shared" si="312"/>
        <v>3.4388328137701247</v>
      </c>
      <c r="P1327" s="236" t="str">
        <f t="shared" si="313"/>
        <v>CLAY</v>
      </c>
      <c r="Q1327" s="236">
        <f t="shared" si="309"/>
        <v>22.642843697298748</v>
      </c>
      <c r="R1327" s="238">
        <v>35</v>
      </c>
      <c r="S1327" s="236">
        <f t="shared" si="314"/>
        <v>1.2415525832844716</v>
      </c>
      <c r="T1327" s="236" t="e">
        <f t="shared" si="300"/>
        <v>#N/A</v>
      </c>
    </row>
    <row r="1328" spans="1:20" x14ac:dyDescent="0.2">
      <c r="A1328" s="53">
        <f t="shared" si="301"/>
        <v>1316</v>
      </c>
      <c r="B1328" s="239">
        <v>13.081</v>
      </c>
      <c r="C1328" s="3">
        <f t="shared" si="302"/>
        <v>13.074</v>
      </c>
      <c r="D1328" s="239">
        <v>0.40100000000000002</v>
      </c>
      <c r="E1328" s="239">
        <v>1.11E-2</v>
      </c>
      <c r="F1328" s="239">
        <v>0.37480000000000002</v>
      </c>
      <c r="G1328">
        <f t="shared" si="303"/>
        <v>0.47595999999999999</v>
      </c>
      <c r="H1328" s="235">
        <f t="shared" si="304"/>
        <v>2.3321287503151527</v>
      </c>
      <c r="I1328" s="236">
        <f t="shared" si="305"/>
        <v>15.7766285073736</v>
      </c>
      <c r="J1328" s="237">
        <f t="shared" si="310"/>
        <v>5.7766285073735997</v>
      </c>
      <c r="K1328" s="237">
        <f t="shared" si="306"/>
        <v>206.26364110540243</v>
      </c>
      <c r="L1328" s="237">
        <f t="shared" si="311"/>
        <v>75.564077504954057</v>
      </c>
      <c r="M1328" s="236">
        <f t="shared" si="307"/>
        <v>3.5691080709205507</v>
      </c>
      <c r="N1328" s="236">
        <f t="shared" si="308"/>
        <v>4.1157396582940482</v>
      </c>
      <c r="O1328" s="236">
        <f t="shared" si="312"/>
        <v>3.4462526017598423</v>
      </c>
      <c r="P1328" s="236" t="str">
        <f t="shared" si="313"/>
        <v>CLAY</v>
      </c>
      <c r="Q1328" s="236">
        <f t="shared" si="309"/>
        <v>22.474696574549796</v>
      </c>
      <c r="R1328" s="238">
        <v>35</v>
      </c>
      <c r="S1328" s="236">
        <f t="shared" si="314"/>
        <v>1.2264211505874871</v>
      </c>
      <c r="T1328" s="236" t="e">
        <f t="shared" si="300"/>
        <v>#N/A</v>
      </c>
    </row>
    <row r="1329" spans="1:20" x14ac:dyDescent="0.2">
      <c r="A1329" s="53">
        <f t="shared" si="301"/>
        <v>1317</v>
      </c>
      <c r="B1329" s="239">
        <v>13.09</v>
      </c>
      <c r="C1329" s="3">
        <f t="shared" si="302"/>
        <v>13.083</v>
      </c>
      <c r="D1329" s="239">
        <v>0.39850000000000002</v>
      </c>
      <c r="E1329" s="239">
        <v>1.0999999999999999E-2</v>
      </c>
      <c r="F1329" s="239">
        <v>0.37740000000000001</v>
      </c>
      <c r="G1329">
        <f t="shared" si="303"/>
        <v>0.47398000000000001</v>
      </c>
      <c r="H1329" s="235">
        <f t="shared" si="304"/>
        <v>2.3207730283978227</v>
      </c>
      <c r="I1329" s="236">
        <f t="shared" si="305"/>
        <v>15.764387319272908</v>
      </c>
      <c r="J1329" s="237">
        <f t="shared" si="310"/>
        <v>5.7643873192729078</v>
      </c>
      <c r="K1329" s="237">
        <f t="shared" si="306"/>
        <v>206.24547929804746</v>
      </c>
      <c r="L1329" s="237">
        <f t="shared" si="311"/>
        <v>75.455830009282366</v>
      </c>
      <c r="M1329" s="236">
        <f t="shared" si="307"/>
        <v>3.5482284227609262</v>
      </c>
      <c r="N1329" s="236">
        <f t="shared" si="308"/>
        <v>4.1085475160841964</v>
      </c>
      <c r="O1329" s="236">
        <f t="shared" si="312"/>
        <v>3.4480059834257912</v>
      </c>
      <c r="P1329" s="236" t="str">
        <f t="shared" si="313"/>
        <v>CLAY</v>
      </c>
      <c r="Q1329" s="236">
        <f t="shared" si="309"/>
        <v>22.311210058496044</v>
      </c>
      <c r="R1329" s="238">
        <v>35</v>
      </c>
      <c r="S1329" s="236">
        <f t="shared" si="314"/>
        <v>1.2174593565866083</v>
      </c>
      <c r="T1329" s="236" t="e">
        <f t="shared" si="300"/>
        <v>#N/A</v>
      </c>
    </row>
    <row r="1330" spans="1:20" x14ac:dyDescent="0.2">
      <c r="A1330" s="53">
        <f t="shared" si="301"/>
        <v>1318</v>
      </c>
      <c r="B1330" s="239">
        <v>13.1</v>
      </c>
      <c r="C1330" s="3">
        <f t="shared" si="302"/>
        <v>13.093</v>
      </c>
      <c r="D1330" s="239">
        <v>0.3972</v>
      </c>
      <c r="E1330" s="239">
        <v>1.09E-2</v>
      </c>
      <c r="F1330" s="239">
        <v>0.37909999999999999</v>
      </c>
      <c r="G1330">
        <f t="shared" si="303"/>
        <v>0.47302</v>
      </c>
      <c r="H1330" s="235">
        <f t="shared" si="304"/>
        <v>2.3043423111073529</v>
      </c>
      <c r="I1330" s="236">
        <f t="shared" si="305"/>
        <v>15.752886152199537</v>
      </c>
      <c r="J1330" s="237">
        <f t="shared" si="310"/>
        <v>5.7528861521995367</v>
      </c>
      <c r="K1330" s="237">
        <f t="shared" si="306"/>
        <v>206.25253839074853</v>
      </c>
      <c r="L1330" s="237">
        <f t="shared" si="311"/>
        <v>75.362808593813924</v>
      </c>
      <c r="M1330" s="236">
        <f t="shared" si="307"/>
        <v>3.5397760060543808</v>
      </c>
      <c r="N1330" s="236">
        <f t="shared" si="308"/>
        <v>4.0859555862797885</v>
      </c>
      <c r="O1330" s="236">
        <f t="shared" si="312"/>
        <v>3.447610605779337</v>
      </c>
      <c r="P1330" s="236" t="str">
        <f t="shared" si="313"/>
        <v>CLAY</v>
      </c>
      <c r="Q1330" s="236">
        <f t="shared" si="309"/>
        <v>22.230621800770951</v>
      </c>
      <c r="R1330" s="238">
        <v>35</v>
      </c>
      <c r="S1330" s="236">
        <f t="shared" si="314"/>
        <v>1.2138352213247285</v>
      </c>
      <c r="T1330" s="236" t="e">
        <f t="shared" si="300"/>
        <v>#N/A</v>
      </c>
    </row>
    <row r="1331" spans="1:20" x14ac:dyDescent="0.2">
      <c r="A1331" s="53">
        <f t="shared" si="301"/>
        <v>1319</v>
      </c>
      <c r="B1331" s="239">
        <v>13.11</v>
      </c>
      <c r="C1331" s="3">
        <f t="shared" si="302"/>
        <v>13.103</v>
      </c>
      <c r="D1331" s="239">
        <v>0.39539999999999997</v>
      </c>
      <c r="E1331" s="239">
        <v>1.09E-2</v>
      </c>
      <c r="F1331" s="239">
        <v>0.38100000000000001</v>
      </c>
      <c r="G1331">
        <f t="shared" si="303"/>
        <v>0.47159999999999996</v>
      </c>
      <c r="H1331" s="235">
        <f t="shared" si="304"/>
        <v>2.3112807463952505</v>
      </c>
      <c r="I1331" s="236">
        <f t="shared" si="305"/>
        <v>15.751711015602917</v>
      </c>
      <c r="J1331" s="237">
        <f t="shared" si="310"/>
        <v>5.7517110156029165</v>
      </c>
      <c r="K1331" s="237">
        <f t="shared" si="306"/>
        <v>206.394669437445</v>
      </c>
      <c r="L1331" s="237">
        <f t="shared" si="311"/>
        <v>75.404931414554227</v>
      </c>
      <c r="M1331" s="236">
        <f t="shared" si="307"/>
        <v>3.5170820473867122</v>
      </c>
      <c r="N1331" s="236">
        <f t="shared" si="308"/>
        <v>4.1100229685726379</v>
      </c>
      <c r="O1331" s="236">
        <f t="shared" si="312"/>
        <v>3.4513321346857393</v>
      </c>
      <c r="P1331" s="236" t="str">
        <f t="shared" si="313"/>
        <v>CLAY</v>
      </c>
      <c r="Q1331" s="236">
        <f t="shared" si="309"/>
        <v>22.10044421354625</v>
      </c>
      <c r="R1331" s="238">
        <v>35</v>
      </c>
      <c r="S1331" s="236">
        <f t="shared" si="314"/>
        <v>1.2041154625346364</v>
      </c>
      <c r="T1331" s="236" t="e">
        <f t="shared" si="300"/>
        <v>#N/A</v>
      </c>
    </row>
    <row r="1332" spans="1:20" x14ac:dyDescent="0.2">
      <c r="A1332" s="53">
        <f t="shared" si="301"/>
        <v>1320</v>
      </c>
      <c r="B1332" s="239">
        <v>13.12</v>
      </c>
      <c r="C1332" s="3">
        <f t="shared" si="302"/>
        <v>13.113</v>
      </c>
      <c r="D1332" s="239">
        <v>0.39539999999999997</v>
      </c>
      <c r="E1332" s="239">
        <v>1.09E-2</v>
      </c>
      <c r="F1332" s="239">
        <v>0.38429999999999997</v>
      </c>
      <c r="G1332">
        <f t="shared" si="303"/>
        <v>0.47225999999999996</v>
      </c>
      <c r="H1332" s="235">
        <f t="shared" si="304"/>
        <v>2.3080506500656419</v>
      </c>
      <c r="I1332" s="236">
        <f t="shared" si="305"/>
        <v>15.752257645324054</v>
      </c>
      <c r="J1332" s="237">
        <f t="shared" si="310"/>
        <v>5.7522576453240539</v>
      </c>
      <c r="K1332" s="237">
        <f t="shared" si="306"/>
        <v>206.5593545031343</v>
      </c>
      <c r="L1332" s="237">
        <f t="shared" si="311"/>
        <v>75.469620306651578</v>
      </c>
      <c r="M1332" s="236">
        <f t="shared" si="307"/>
        <v>3.5206304790889198</v>
      </c>
      <c r="N1332" s="236">
        <f t="shared" si="308"/>
        <v>4.1023611288624382</v>
      </c>
      <c r="O1332" s="236">
        <f t="shared" si="312"/>
        <v>3.4505305768713872</v>
      </c>
      <c r="P1332" s="236" t="str">
        <f t="shared" si="313"/>
        <v>CLAY</v>
      </c>
      <c r="Q1332" s="236">
        <f t="shared" si="309"/>
        <v>22.141720458072133</v>
      </c>
      <c r="R1332" s="238">
        <v>35</v>
      </c>
      <c r="S1332" s="236">
        <f t="shared" si="314"/>
        <v>1.2056342144921424</v>
      </c>
      <c r="T1332" s="236" t="e">
        <f t="shared" si="300"/>
        <v>#N/A</v>
      </c>
    </row>
    <row r="1333" spans="1:20" x14ac:dyDescent="0.2">
      <c r="A1333" s="53">
        <f t="shared" si="301"/>
        <v>1321</v>
      </c>
      <c r="B1333" s="239">
        <v>13.13</v>
      </c>
      <c r="C1333" s="3">
        <f t="shared" si="302"/>
        <v>13.123000000000001</v>
      </c>
      <c r="D1333" s="239">
        <v>0.39550000000000002</v>
      </c>
      <c r="E1333" s="239">
        <v>1.0999999999999999E-2</v>
      </c>
      <c r="F1333" s="239">
        <v>0.38790000000000002</v>
      </c>
      <c r="G1333">
        <f t="shared" si="303"/>
        <v>0.47308</v>
      </c>
      <c r="H1333" s="235">
        <f t="shared" si="304"/>
        <v>2.3251881288576985</v>
      </c>
      <c r="I1333" s="236">
        <f t="shared" si="305"/>
        <v>15.763644433634752</v>
      </c>
      <c r="J1333" s="237">
        <f t="shared" si="310"/>
        <v>5.7636444336347523</v>
      </c>
      <c r="K1333" s="237">
        <f t="shared" si="306"/>
        <v>206.86630590258886</v>
      </c>
      <c r="L1333" s="237">
        <f t="shared" si="311"/>
        <v>75.676651413624299</v>
      </c>
      <c r="M1333" s="236">
        <f t="shared" si="307"/>
        <v>3.5177784577487774</v>
      </c>
      <c r="N1333" s="236">
        <f t="shared" si="308"/>
        <v>4.1320188419664667</v>
      </c>
      <c r="O1333" s="236">
        <f t="shared" si="312"/>
        <v>3.4524915551941096</v>
      </c>
      <c r="P1333" s="236" t="str">
        <f t="shared" si="313"/>
        <v>CLAY</v>
      </c>
      <c r="Q1333" s="236">
        <f t="shared" si="309"/>
        <v>22.184474508117592</v>
      </c>
      <c r="R1333" s="238">
        <v>35</v>
      </c>
      <c r="S1333" s="236">
        <f t="shared" si="314"/>
        <v>1.2044135005204109</v>
      </c>
      <c r="T1333" s="236" t="e">
        <f t="shared" si="300"/>
        <v>#N/A</v>
      </c>
    </row>
    <row r="1334" spans="1:20" x14ac:dyDescent="0.2">
      <c r="A1334" s="53">
        <f t="shared" si="301"/>
        <v>1322</v>
      </c>
      <c r="B1334" s="239">
        <v>13.138999999999999</v>
      </c>
      <c r="C1334" s="3">
        <f t="shared" si="302"/>
        <v>13.132</v>
      </c>
      <c r="D1334" s="239">
        <v>0.39610000000000001</v>
      </c>
      <c r="E1334" s="239">
        <v>1.09E-2</v>
      </c>
      <c r="F1334" s="239">
        <v>0.38529999999999998</v>
      </c>
      <c r="G1334">
        <f t="shared" si="303"/>
        <v>0.47315999999999997</v>
      </c>
      <c r="H1334" s="235">
        <f t="shared" si="304"/>
        <v>2.3036604953926791</v>
      </c>
      <c r="I1334" s="236">
        <f t="shared" si="305"/>
        <v>15.753001819630935</v>
      </c>
      <c r="J1334" s="237">
        <f t="shared" si="310"/>
        <v>5.7530018196309349</v>
      </c>
      <c r="K1334" s="237">
        <f t="shared" si="306"/>
        <v>206.86841989539343</v>
      </c>
      <c r="L1334" s="237">
        <f t="shared" si="311"/>
        <v>75.588690908130857</v>
      </c>
      <c r="M1334" s="236">
        <f t="shared" si="307"/>
        <v>3.5229023932727257</v>
      </c>
      <c r="N1334" s="236">
        <f t="shared" si="308"/>
        <v>4.0932574720230308</v>
      </c>
      <c r="O1334" s="236">
        <f t="shared" si="312"/>
        <v>3.4497807311056699</v>
      </c>
      <c r="P1334" s="236" t="str">
        <f t="shared" si="313"/>
        <v>CLAY</v>
      </c>
      <c r="Q1334" s="236">
        <f t="shared" si="309"/>
        <v>22.19096500871721</v>
      </c>
      <c r="R1334" s="238">
        <v>35</v>
      </c>
      <c r="S1334" s="236">
        <f t="shared" si="314"/>
        <v>1.2066068095999165</v>
      </c>
      <c r="T1334" s="236" t="e">
        <f t="shared" si="300"/>
        <v>#N/A</v>
      </c>
    </row>
    <row r="1335" spans="1:20" x14ac:dyDescent="0.2">
      <c r="A1335" s="53">
        <f t="shared" si="301"/>
        <v>1323</v>
      </c>
      <c r="B1335" s="239">
        <v>13.151</v>
      </c>
      <c r="C1335" s="3">
        <f t="shared" si="302"/>
        <v>13.144</v>
      </c>
      <c r="D1335" s="239">
        <v>0.3952</v>
      </c>
      <c r="E1335" s="239">
        <v>1.09E-2</v>
      </c>
      <c r="F1335" s="239">
        <v>0.38779999999999998</v>
      </c>
      <c r="G1335">
        <f t="shared" si="303"/>
        <v>0.47275999999999996</v>
      </c>
      <c r="H1335" s="235">
        <f t="shared" si="304"/>
        <v>2.3056096116422711</v>
      </c>
      <c r="I1335" s="236">
        <f t="shared" si="305"/>
        <v>15.752671250401391</v>
      </c>
      <c r="J1335" s="237">
        <f t="shared" si="310"/>
        <v>5.7526712504013915</v>
      </c>
      <c r="K1335" s="237">
        <f t="shared" si="306"/>
        <v>207.05311091527588</v>
      </c>
      <c r="L1335" s="237">
        <f t="shared" si="311"/>
        <v>75.653379614028694</v>
      </c>
      <c r="M1335" s="236">
        <f t="shared" si="307"/>
        <v>3.5121615245785134</v>
      </c>
      <c r="N1335" s="236">
        <f t="shared" si="308"/>
        <v>4.1022647314667093</v>
      </c>
      <c r="O1335" s="236">
        <f t="shared" si="312"/>
        <v>3.4514113692800699</v>
      </c>
      <c r="P1335" s="236" t="str">
        <f t="shared" si="313"/>
        <v>CLAY</v>
      </c>
      <c r="Q1335" s="236">
        <f t="shared" si="309"/>
        <v>22.142240757060335</v>
      </c>
      <c r="R1335" s="238">
        <v>35</v>
      </c>
      <c r="S1335" s="236">
        <f t="shared" si="314"/>
        <v>1.2020100804965665</v>
      </c>
      <c r="T1335" s="236" t="e">
        <f t="shared" si="300"/>
        <v>#N/A</v>
      </c>
    </row>
    <row r="1336" spans="1:20" x14ac:dyDescent="0.2">
      <c r="A1336" s="53">
        <f t="shared" si="301"/>
        <v>1324</v>
      </c>
      <c r="B1336" s="239">
        <v>13.16</v>
      </c>
      <c r="C1336" s="3">
        <f t="shared" si="302"/>
        <v>13.153</v>
      </c>
      <c r="D1336" s="239">
        <v>0.39689999999999998</v>
      </c>
      <c r="E1336" s="239">
        <v>1.0800000000000001E-2</v>
      </c>
      <c r="F1336" s="239">
        <v>0.38840000000000002</v>
      </c>
      <c r="G1336">
        <f t="shared" si="303"/>
        <v>0.47457999999999995</v>
      </c>
      <c r="H1336" s="235">
        <f t="shared" si="304"/>
        <v>2.2756964052425306</v>
      </c>
      <c r="I1336" s="236">
        <f t="shared" si="305"/>
        <v>15.743365682997661</v>
      </c>
      <c r="J1336" s="237">
        <f t="shared" si="310"/>
        <v>5.7433656829976609</v>
      </c>
      <c r="K1336" s="237">
        <f t="shared" si="306"/>
        <v>207.07248882846824</v>
      </c>
      <c r="L1336" s="237">
        <f t="shared" si="311"/>
        <v>75.582692388249214</v>
      </c>
      <c r="M1336" s="236">
        <f t="shared" si="307"/>
        <v>3.5392694110103027</v>
      </c>
      <c r="N1336" s="236">
        <f t="shared" si="308"/>
        <v>4.0372698144818839</v>
      </c>
      <c r="O1336" s="236">
        <f t="shared" si="312"/>
        <v>3.4449008962505192</v>
      </c>
      <c r="P1336" s="236" t="str">
        <f t="shared" si="313"/>
        <v>CLAY</v>
      </c>
      <c r="Q1336" s="236">
        <f t="shared" si="309"/>
        <v>22.29229259762764</v>
      </c>
      <c r="R1336" s="238">
        <v>35</v>
      </c>
      <c r="S1336" s="236">
        <f t="shared" si="314"/>
        <v>1.2136180776744598</v>
      </c>
      <c r="T1336" s="236" t="e">
        <f t="shared" si="300"/>
        <v>#N/A</v>
      </c>
    </row>
    <row r="1337" spans="1:20" x14ac:dyDescent="0.2">
      <c r="A1337" s="53">
        <f t="shared" si="301"/>
        <v>1325</v>
      </c>
      <c r="B1337" s="239">
        <v>13.170999999999999</v>
      </c>
      <c r="C1337" s="3">
        <f t="shared" si="302"/>
        <v>13.164</v>
      </c>
      <c r="D1337" s="239">
        <v>0.39900000000000002</v>
      </c>
      <c r="E1337" s="239">
        <v>1.0699999999999999E-2</v>
      </c>
      <c r="F1337" s="239">
        <v>0.39079999999999998</v>
      </c>
      <c r="G1337">
        <f t="shared" si="303"/>
        <v>0.47716000000000003</v>
      </c>
      <c r="H1337" s="235">
        <f t="shared" si="304"/>
        <v>2.2424344035543631</v>
      </c>
      <c r="I1337" s="236">
        <f t="shared" si="305"/>
        <v>15.734576881052968</v>
      </c>
      <c r="J1337" s="237">
        <f t="shared" si="310"/>
        <v>5.734576881052968</v>
      </c>
      <c r="K1337" s="237">
        <f t="shared" si="306"/>
        <v>207.12997006218126</v>
      </c>
      <c r="L1337" s="237">
        <f t="shared" si="311"/>
        <v>75.530112100348632</v>
      </c>
      <c r="M1337" s="236">
        <f t="shared" si="307"/>
        <v>3.5751307978870637</v>
      </c>
      <c r="N1337" s="236">
        <f t="shared" si="308"/>
        <v>3.962522243346025</v>
      </c>
      <c r="O1337" s="236">
        <f t="shared" si="312"/>
        <v>3.4368891579981264</v>
      </c>
      <c r="P1337" s="236" t="str">
        <f t="shared" si="313"/>
        <v>CLAY</v>
      </c>
      <c r="Q1337" s="236">
        <f t="shared" si="309"/>
        <v>22.502502494818231</v>
      </c>
      <c r="R1337" s="238">
        <v>35</v>
      </c>
      <c r="S1337" s="236">
        <f t="shared" si="314"/>
        <v>1.229008616756931</v>
      </c>
      <c r="T1337" s="236" t="e">
        <f t="shared" si="300"/>
        <v>#N/A</v>
      </c>
    </row>
    <row r="1338" spans="1:20" x14ac:dyDescent="0.2">
      <c r="A1338" s="53">
        <f t="shared" si="301"/>
        <v>1326</v>
      </c>
      <c r="B1338" s="239">
        <v>13.18</v>
      </c>
      <c r="C1338" s="3">
        <f t="shared" si="302"/>
        <v>13.173</v>
      </c>
      <c r="D1338" s="239">
        <v>0.40039999999999998</v>
      </c>
      <c r="E1338" s="239">
        <v>1.0500000000000001E-2</v>
      </c>
      <c r="F1338" s="239">
        <v>0.38679999999999998</v>
      </c>
      <c r="G1338">
        <f t="shared" si="303"/>
        <v>0.47775999999999996</v>
      </c>
      <c r="H1338" s="235">
        <f t="shared" si="304"/>
        <v>2.197756195579371</v>
      </c>
      <c r="I1338" s="236">
        <f t="shared" si="305"/>
        <v>15.712942969311758</v>
      </c>
      <c r="J1338" s="237">
        <f t="shared" si="310"/>
        <v>5.7129429693117579</v>
      </c>
      <c r="K1338" s="237">
        <f t="shared" si="306"/>
        <v>206.98659773474378</v>
      </c>
      <c r="L1338" s="237">
        <f t="shared" si="311"/>
        <v>75.296588335528966</v>
      </c>
      <c r="M1338" s="236">
        <f t="shared" si="307"/>
        <v>3.5960912473041065</v>
      </c>
      <c r="N1338" s="236">
        <f t="shared" si="308"/>
        <v>3.8777811676325373</v>
      </c>
      <c r="O1338" s="236">
        <f t="shared" si="312"/>
        <v>3.4297749538969895</v>
      </c>
      <c r="P1338" s="236" t="str">
        <f t="shared" si="313"/>
        <v>CLAY</v>
      </c>
      <c r="Q1338" s="236">
        <f t="shared" si="309"/>
        <v>22.56445018877135</v>
      </c>
      <c r="R1338" s="238">
        <v>35</v>
      </c>
      <c r="S1338" s="236">
        <f t="shared" si="314"/>
        <v>1.2380220716461456</v>
      </c>
      <c r="T1338" s="236" t="e">
        <f t="shared" si="300"/>
        <v>#N/A</v>
      </c>
    </row>
    <row r="1339" spans="1:20" x14ac:dyDescent="0.2">
      <c r="A1339" s="53">
        <f t="shared" si="301"/>
        <v>1327</v>
      </c>
      <c r="B1339" s="239">
        <v>13.19</v>
      </c>
      <c r="C1339" s="3">
        <f t="shared" si="302"/>
        <v>13.183</v>
      </c>
      <c r="D1339" s="239">
        <v>0.40300000000000002</v>
      </c>
      <c r="E1339" s="239">
        <v>1.06E-2</v>
      </c>
      <c r="F1339" s="239">
        <v>0.3876</v>
      </c>
      <c r="G1339">
        <f t="shared" si="303"/>
        <v>0.48052</v>
      </c>
      <c r="H1339" s="235">
        <f t="shared" si="304"/>
        <v>2.2059435611420963</v>
      </c>
      <c r="I1339" s="236">
        <f t="shared" si="305"/>
        <v>15.726309212158993</v>
      </c>
      <c r="J1339" s="237">
        <f t="shared" si="310"/>
        <v>5.7263092121589931</v>
      </c>
      <c r="K1339" s="237">
        <f t="shared" si="306"/>
        <v>207.31993434389202</v>
      </c>
      <c r="L1339" s="237">
        <f t="shared" si="311"/>
        <v>75.530018508377111</v>
      </c>
      <c r="M1339" s="236">
        <f t="shared" si="307"/>
        <v>3.6171057686925776</v>
      </c>
      <c r="N1339" s="236">
        <f t="shared" si="308"/>
        <v>3.8799405024092506</v>
      </c>
      <c r="O1339" s="236">
        <f t="shared" si="312"/>
        <v>3.4277527000257342</v>
      </c>
      <c r="P1339" s="236" t="str">
        <f t="shared" si="313"/>
        <v>CLAY</v>
      </c>
      <c r="Q1339" s="236">
        <f t="shared" si="309"/>
        <v>22.766672138009</v>
      </c>
      <c r="R1339" s="238">
        <v>35</v>
      </c>
      <c r="S1339" s="236">
        <f t="shared" si="314"/>
        <v>1.247071973294327</v>
      </c>
      <c r="T1339" s="236" t="e">
        <f t="shared" si="300"/>
        <v>#N/A</v>
      </c>
    </row>
    <row r="1340" spans="1:20" x14ac:dyDescent="0.2">
      <c r="A1340" s="53">
        <f t="shared" si="301"/>
        <v>1328</v>
      </c>
      <c r="B1340" s="239">
        <v>13.201000000000001</v>
      </c>
      <c r="C1340" s="3">
        <f t="shared" si="302"/>
        <v>13.194000000000001</v>
      </c>
      <c r="D1340" s="239">
        <v>0.40849999999999997</v>
      </c>
      <c r="E1340" s="239">
        <v>1.06E-2</v>
      </c>
      <c r="F1340" s="239">
        <v>0.3881</v>
      </c>
      <c r="G1340">
        <f t="shared" si="303"/>
        <v>0.48611999999999994</v>
      </c>
      <c r="H1340" s="235">
        <f t="shared" si="304"/>
        <v>2.180531555994405</v>
      </c>
      <c r="I1340" s="236">
        <f t="shared" si="305"/>
        <v>15.730838030905458</v>
      </c>
      <c r="J1340" s="237">
        <f t="shared" si="310"/>
        <v>5.7308380309054581</v>
      </c>
      <c r="K1340" s="237">
        <f t="shared" si="306"/>
        <v>207.55267697976663</v>
      </c>
      <c r="L1340" s="237">
        <f t="shared" si="311"/>
        <v>75.652792845982958</v>
      </c>
      <c r="M1340" s="236">
        <f t="shared" si="307"/>
        <v>3.6821816160488883</v>
      </c>
      <c r="N1340" s="236">
        <f t="shared" si="308"/>
        <v>3.8051842854626869</v>
      </c>
      <c r="O1340" s="236">
        <f t="shared" si="312"/>
        <v>3.4167173748670518</v>
      </c>
      <c r="P1340" s="236" t="str">
        <f t="shared" si="313"/>
        <v>CLAY</v>
      </c>
      <c r="Q1340" s="236">
        <f t="shared" si="309"/>
        <v>23.21394358501944</v>
      </c>
      <c r="R1340" s="238">
        <v>35</v>
      </c>
      <c r="S1340" s="236">
        <f t="shared" si="314"/>
        <v>1.2751800669234075</v>
      </c>
      <c r="T1340" s="236" t="e">
        <f t="shared" si="300"/>
        <v>#N/A</v>
      </c>
    </row>
    <row r="1341" spans="1:20" x14ac:dyDescent="0.2">
      <c r="A1341" s="53">
        <f t="shared" si="301"/>
        <v>1329</v>
      </c>
      <c r="B1341" s="239">
        <v>13.211</v>
      </c>
      <c r="C1341" s="3">
        <f t="shared" si="302"/>
        <v>13.204000000000001</v>
      </c>
      <c r="D1341" s="239">
        <v>0.41360000000000002</v>
      </c>
      <c r="E1341" s="239">
        <v>1.04E-2</v>
      </c>
      <c r="F1341" s="239">
        <v>0.38600000000000001</v>
      </c>
      <c r="G1341">
        <f t="shared" si="303"/>
        <v>0.49080000000000001</v>
      </c>
      <c r="H1341" s="235">
        <f t="shared" si="304"/>
        <v>2.1189894050529743</v>
      </c>
      <c r="I1341" s="236">
        <f t="shared" si="305"/>
        <v>15.712247169138664</v>
      </c>
      <c r="J1341" s="237">
        <f t="shared" si="310"/>
        <v>5.7122471691386636</v>
      </c>
      <c r="K1341" s="237">
        <f t="shared" si="306"/>
        <v>207.46451162130691</v>
      </c>
      <c r="L1341" s="237">
        <f t="shared" si="311"/>
        <v>75.464497351490891</v>
      </c>
      <c r="M1341" s="236">
        <f t="shared" si="307"/>
        <v>3.7545534433099279</v>
      </c>
      <c r="N1341" s="236">
        <f t="shared" si="308"/>
        <v>3.6705603168565464</v>
      </c>
      <c r="O1341" s="236">
        <f t="shared" si="312"/>
        <v>3.4013015608109769</v>
      </c>
      <c r="P1341" s="236" t="str">
        <f t="shared" si="313"/>
        <v>CLAY</v>
      </c>
      <c r="Q1341" s="236">
        <f t="shared" si="309"/>
        <v>23.611290698224423</v>
      </c>
      <c r="R1341" s="238">
        <v>35</v>
      </c>
      <c r="S1341" s="236">
        <f t="shared" si="314"/>
        <v>1.3065856132518376</v>
      </c>
      <c r="T1341" s="236" t="e">
        <f t="shared" si="300"/>
        <v>#N/A</v>
      </c>
    </row>
    <row r="1342" spans="1:20" x14ac:dyDescent="0.2">
      <c r="A1342" s="53">
        <f t="shared" si="301"/>
        <v>1330</v>
      </c>
      <c r="B1342" s="239">
        <v>13.22</v>
      </c>
      <c r="C1342" s="3">
        <f t="shared" si="302"/>
        <v>13.213000000000001</v>
      </c>
      <c r="D1342" s="239">
        <v>0.41420000000000001</v>
      </c>
      <c r="E1342" s="239">
        <v>1.04E-2</v>
      </c>
      <c r="F1342" s="239">
        <v>0.3856</v>
      </c>
      <c r="G1342">
        <f t="shared" si="303"/>
        <v>0.49131999999999998</v>
      </c>
      <c r="H1342" s="235">
        <f t="shared" si="304"/>
        <v>2.1167467231132457</v>
      </c>
      <c r="I1342" s="236">
        <f t="shared" si="305"/>
        <v>15.712661069347442</v>
      </c>
      <c r="J1342" s="237">
        <f t="shared" si="310"/>
        <v>5.7126610693474422</v>
      </c>
      <c r="K1342" s="237">
        <f t="shared" si="306"/>
        <v>207.61139070928778</v>
      </c>
      <c r="L1342" s="237">
        <f t="shared" si="311"/>
        <v>75.521379336773194</v>
      </c>
      <c r="M1342" s="236">
        <f t="shared" si="307"/>
        <v>3.7566661491386135</v>
      </c>
      <c r="N1342" s="236">
        <f t="shared" si="308"/>
        <v>3.6657329596026704</v>
      </c>
      <c r="O1342" s="236">
        <f t="shared" si="312"/>
        <v>3.4007937049507357</v>
      </c>
      <c r="P1342" s="236" t="str">
        <f t="shared" si="313"/>
        <v>CLAY</v>
      </c>
      <c r="Q1342" s="236">
        <f t="shared" si="309"/>
        <v>23.642384107559351</v>
      </c>
      <c r="R1342" s="238">
        <v>35</v>
      </c>
      <c r="S1342" s="236">
        <f t="shared" si="314"/>
        <v>1.3075047056348257</v>
      </c>
      <c r="T1342" s="236" t="e">
        <f t="shared" si="300"/>
        <v>#N/A</v>
      </c>
    </row>
    <row r="1343" spans="1:20" x14ac:dyDescent="0.2">
      <c r="A1343" s="53">
        <f t="shared" si="301"/>
        <v>1331</v>
      </c>
      <c r="B1343" s="239">
        <v>13.23</v>
      </c>
      <c r="C1343" s="3">
        <f t="shared" si="302"/>
        <v>13.223000000000001</v>
      </c>
      <c r="D1343" s="239">
        <v>0.41349999999999998</v>
      </c>
      <c r="E1343" s="239">
        <v>1.03E-2</v>
      </c>
      <c r="F1343" s="239">
        <v>0.38479999999999998</v>
      </c>
      <c r="G1343">
        <f t="shared" si="303"/>
        <v>0.49045999999999995</v>
      </c>
      <c r="H1343" s="235">
        <f t="shared" si="304"/>
        <v>2.1000693226766711</v>
      </c>
      <c r="I1343" s="236">
        <f t="shared" si="305"/>
        <v>15.700646795506703</v>
      </c>
      <c r="J1343" s="237">
        <f t="shared" si="310"/>
        <v>5.7006467955067031</v>
      </c>
      <c r="K1343" s="237">
        <f t="shared" si="306"/>
        <v>207.60965257698516</v>
      </c>
      <c r="L1343" s="237">
        <f t="shared" si="311"/>
        <v>75.419557104553689</v>
      </c>
      <c r="M1343" s="236">
        <f t="shared" si="307"/>
        <v>3.7503581071273202</v>
      </c>
      <c r="N1343" s="236">
        <f t="shared" si="308"/>
        <v>3.641501625803524</v>
      </c>
      <c r="O1343" s="236">
        <f t="shared" si="312"/>
        <v>3.3999051385305283</v>
      </c>
      <c r="P1343" s="236" t="str">
        <f t="shared" si="313"/>
        <v>CLAY</v>
      </c>
      <c r="Q1343" s="236">
        <f t="shared" si="309"/>
        <v>23.570862285251234</v>
      </c>
      <c r="R1343" s="238">
        <v>35</v>
      </c>
      <c r="S1343" s="236">
        <f t="shared" si="314"/>
        <v>1.3047608955689172</v>
      </c>
      <c r="T1343" s="236" t="e">
        <f t="shared" si="300"/>
        <v>#N/A</v>
      </c>
    </row>
    <row r="1344" spans="1:20" x14ac:dyDescent="0.2">
      <c r="A1344" s="53">
        <f t="shared" si="301"/>
        <v>1332</v>
      </c>
      <c r="B1344" s="239">
        <v>13.24</v>
      </c>
      <c r="C1344" s="3">
        <f t="shared" si="302"/>
        <v>13.233000000000001</v>
      </c>
      <c r="D1344" s="239">
        <v>0.41220000000000001</v>
      </c>
      <c r="E1344" s="239">
        <v>1.03E-2</v>
      </c>
      <c r="F1344" s="239">
        <v>0.3836</v>
      </c>
      <c r="G1344">
        <f t="shared" si="303"/>
        <v>0.48892000000000002</v>
      </c>
      <c r="H1344" s="235">
        <f t="shared" si="304"/>
        <v>2.1066841201014479</v>
      </c>
      <c r="I1344" s="236">
        <f t="shared" si="305"/>
        <v>15.699417583866659</v>
      </c>
      <c r="J1344" s="237">
        <f t="shared" si="310"/>
        <v>5.6994175838666585</v>
      </c>
      <c r="K1344" s="237">
        <f t="shared" si="306"/>
        <v>207.7503928873075</v>
      </c>
      <c r="L1344" s="237">
        <f t="shared" si="311"/>
        <v>75.460288810394559</v>
      </c>
      <c r="M1344" s="236">
        <f t="shared" si="307"/>
        <v>3.7260605749757185</v>
      </c>
      <c r="N1344" s="236">
        <f t="shared" si="308"/>
        <v>3.6632693361739381</v>
      </c>
      <c r="O1344" s="236">
        <f t="shared" si="312"/>
        <v>3.4036656937632448</v>
      </c>
      <c r="P1344" s="236" t="str">
        <f t="shared" si="313"/>
        <v>CLAY</v>
      </c>
      <c r="Q1344" s="236">
        <f t="shared" si="309"/>
        <v>23.430800592724378</v>
      </c>
      <c r="R1344" s="238">
        <v>35</v>
      </c>
      <c r="S1344" s="236">
        <f t="shared" si="314"/>
        <v>1.2942029857431692</v>
      </c>
      <c r="T1344" s="236" t="e">
        <f t="shared" si="300"/>
        <v>#N/A</v>
      </c>
    </row>
    <row r="1345" spans="1:20" x14ac:dyDescent="0.2">
      <c r="A1345" s="53">
        <f t="shared" si="301"/>
        <v>1333</v>
      </c>
      <c r="B1345" s="239">
        <v>13.25</v>
      </c>
      <c r="C1345" s="3">
        <f t="shared" si="302"/>
        <v>13.243</v>
      </c>
      <c r="D1345" s="239">
        <v>0.41639999999999999</v>
      </c>
      <c r="E1345" s="239">
        <v>0.01</v>
      </c>
      <c r="F1345" s="239">
        <v>0.37940000000000002</v>
      </c>
      <c r="G1345">
        <f t="shared" si="303"/>
        <v>0.49228</v>
      </c>
      <c r="H1345" s="235">
        <f t="shared" si="304"/>
        <v>2.0313642642398633</v>
      </c>
      <c r="I1345" s="236">
        <f t="shared" si="305"/>
        <v>15.667434027115302</v>
      </c>
      <c r="J1345" s="237">
        <f t="shared" si="310"/>
        <v>5.6674340271153021</v>
      </c>
      <c r="K1345" s="237">
        <f t="shared" si="306"/>
        <v>207.48382882108794</v>
      </c>
      <c r="L1345" s="237">
        <f t="shared" si="311"/>
        <v>75.093500859277754</v>
      </c>
      <c r="M1345" s="236">
        <f t="shared" si="307"/>
        <v>3.7925541880462963</v>
      </c>
      <c r="N1345" s="236">
        <f t="shared" si="308"/>
        <v>3.5112831603757391</v>
      </c>
      <c r="O1345" s="236">
        <f t="shared" si="312"/>
        <v>3.3874983465947963</v>
      </c>
      <c r="P1345" s="236" t="str">
        <f t="shared" si="313"/>
        <v>CLAY</v>
      </c>
      <c r="Q1345" s="236">
        <f t="shared" si="309"/>
        <v>23.733014264909333</v>
      </c>
      <c r="R1345" s="238">
        <v>35</v>
      </c>
      <c r="S1345" s="236">
        <f t="shared" si="314"/>
        <v>1.3231368108115436</v>
      </c>
      <c r="T1345" s="236" t="e">
        <f t="shared" si="300"/>
        <v>#N/A</v>
      </c>
    </row>
    <row r="1346" spans="1:20" x14ac:dyDescent="0.2">
      <c r="A1346" s="53">
        <f t="shared" si="301"/>
        <v>1334</v>
      </c>
      <c r="B1346" s="239">
        <v>13.259</v>
      </c>
      <c r="C1346" s="3">
        <f t="shared" si="302"/>
        <v>13.252000000000001</v>
      </c>
      <c r="D1346" s="239">
        <v>0.41849999999999998</v>
      </c>
      <c r="E1346" s="239">
        <v>0.01</v>
      </c>
      <c r="F1346" s="239">
        <v>0.37980000000000003</v>
      </c>
      <c r="G1346">
        <f t="shared" si="303"/>
        <v>0.49445999999999996</v>
      </c>
      <c r="H1346" s="235">
        <f t="shared" si="304"/>
        <v>2.0224082837843307</v>
      </c>
      <c r="I1346" s="236">
        <f t="shared" si="305"/>
        <v>15.669161102453968</v>
      </c>
      <c r="J1346" s="237">
        <f t="shared" si="310"/>
        <v>5.6691611024539679</v>
      </c>
      <c r="K1346" s="237">
        <f t="shared" si="306"/>
        <v>207.64772292972</v>
      </c>
      <c r="L1346" s="237">
        <f t="shared" si="311"/>
        <v>75.16740705743716</v>
      </c>
      <c r="M1346" s="236">
        <f t="shared" si="307"/>
        <v>3.8156468115378788</v>
      </c>
      <c r="N1346" s="236">
        <f t="shared" si="308"/>
        <v>3.4866010974661377</v>
      </c>
      <c r="O1346" s="236">
        <f t="shared" si="312"/>
        <v>3.3836519002199799</v>
      </c>
      <c r="P1346" s="236" t="str">
        <f t="shared" si="313"/>
        <v>CLAY</v>
      </c>
      <c r="Q1346" s="236">
        <f t="shared" si="309"/>
        <v>23.901023089189994</v>
      </c>
      <c r="R1346" s="238">
        <v>35</v>
      </c>
      <c r="S1346" s="236">
        <f t="shared" si="314"/>
        <v>1.3332150849385169</v>
      </c>
      <c r="T1346" s="236" t="e">
        <f t="shared" si="300"/>
        <v>#N/A</v>
      </c>
    </row>
    <row r="1347" spans="1:20" x14ac:dyDescent="0.2">
      <c r="A1347" s="53">
        <f t="shared" si="301"/>
        <v>1335</v>
      </c>
      <c r="B1347" s="239">
        <v>13.27</v>
      </c>
      <c r="C1347" s="3">
        <f t="shared" si="302"/>
        <v>13.263</v>
      </c>
      <c r="D1347" s="239">
        <v>0.42099999999999999</v>
      </c>
      <c r="E1347" s="239">
        <v>9.9000000000000008E-3</v>
      </c>
      <c r="F1347" s="239">
        <v>0.37290000000000001</v>
      </c>
      <c r="G1347">
        <f t="shared" si="303"/>
        <v>0.49557999999999996</v>
      </c>
      <c r="H1347" s="235">
        <f t="shared" si="304"/>
        <v>1.9976593082852416</v>
      </c>
      <c r="I1347" s="236">
        <f t="shared" si="305"/>
        <v>15.658260474003885</v>
      </c>
      <c r="J1347" s="237">
        <f t="shared" si="310"/>
        <v>5.6582604740038853</v>
      </c>
      <c r="K1347" s="237">
        <f t="shared" si="306"/>
        <v>207.67550866671354</v>
      </c>
      <c r="L1347" s="237">
        <f t="shared" si="311"/>
        <v>75.085116490031552</v>
      </c>
      <c r="M1347" s="236">
        <f t="shared" si="307"/>
        <v>3.8343749705909986</v>
      </c>
      <c r="N1347" s="236">
        <f t="shared" si="308"/>
        <v>3.4386403470654714</v>
      </c>
      <c r="O1347" s="236">
        <f t="shared" si="312"/>
        <v>3.3787058769854386</v>
      </c>
      <c r="P1347" s="236" t="str">
        <f t="shared" si="313"/>
        <v>CLAY</v>
      </c>
      <c r="Q1347" s="236">
        <f t="shared" si="309"/>
        <v>23.992040944440536</v>
      </c>
      <c r="R1347" s="238">
        <v>35</v>
      </c>
      <c r="S1347" s="236">
        <f t="shared" si="314"/>
        <v>1.3413997930967752</v>
      </c>
      <c r="T1347" s="236" t="e">
        <f t="shared" si="300"/>
        <v>#N/A</v>
      </c>
    </row>
    <row r="1348" spans="1:20" x14ac:dyDescent="0.2">
      <c r="A1348" s="53">
        <f t="shared" si="301"/>
        <v>1336</v>
      </c>
      <c r="B1348" s="239">
        <v>13.28</v>
      </c>
      <c r="C1348" s="3">
        <f t="shared" si="302"/>
        <v>13.273</v>
      </c>
      <c r="D1348" s="239">
        <v>0.42180000000000001</v>
      </c>
      <c r="E1348" s="239">
        <v>9.9000000000000008E-3</v>
      </c>
      <c r="F1348" s="239">
        <v>0.36990000000000001</v>
      </c>
      <c r="G1348">
        <f t="shared" si="303"/>
        <v>0.49578</v>
      </c>
      <c r="H1348" s="235">
        <f t="shared" si="304"/>
        <v>1.9968534430594216</v>
      </c>
      <c r="I1348" s="236">
        <f t="shared" si="305"/>
        <v>15.658418182621951</v>
      </c>
      <c r="J1348" s="237">
        <f t="shared" si="310"/>
        <v>5.6584181826219506</v>
      </c>
      <c r="K1348" s="237">
        <f t="shared" si="306"/>
        <v>207.83418453794116</v>
      </c>
      <c r="L1348" s="237">
        <f t="shared" si="311"/>
        <v>75.143793465219503</v>
      </c>
      <c r="M1348" s="236">
        <f t="shared" si="307"/>
        <v>3.8319307847471831</v>
      </c>
      <c r="N1348" s="236">
        <f t="shared" si="308"/>
        <v>3.4381468555511878</v>
      </c>
      <c r="O1348" s="236">
        <f t="shared" si="312"/>
        <v>3.3789100473446463</v>
      </c>
      <c r="P1348" s="236" t="str">
        <f t="shared" si="313"/>
        <v>CLAY</v>
      </c>
      <c r="Q1348" s="236">
        <f t="shared" si="309"/>
        <v>23.995484621838234</v>
      </c>
      <c r="R1348" s="238">
        <v>35</v>
      </c>
      <c r="S1348" s="236">
        <f t="shared" si="314"/>
        <v>1.340331050105017</v>
      </c>
      <c r="T1348" s="236" t="e">
        <f t="shared" si="300"/>
        <v>#N/A</v>
      </c>
    </row>
    <row r="1349" spans="1:20" x14ac:dyDescent="0.2">
      <c r="A1349" s="53">
        <f t="shared" si="301"/>
        <v>1337</v>
      </c>
      <c r="B1349" s="239">
        <v>13.289</v>
      </c>
      <c r="C1349" s="3">
        <f t="shared" si="302"/>
        <v>13.282</v>
      </c>
      <c r="D1349" s="239">
        <v>0.42099999999999999</v>
      </c>
      <c r="E1349" s="239">
        <v>1.01E-2</v>
      </c>
      <c r="F1349" s="239">
        <v>0.37169999999999997</v>
      </c>
      <c r="G1349">
        <f t="shared" si="303"/>
        <v>0.49533999999999995</v>
      </c>
      <c r="H1349" s="235">
        <f t="shared" si="304"/>
        <v>2.0390035127387249</v>
      </c>
      <c r="I1349" s="236">
        <f t="shared" si="305"/>
        <v>15.68152382342765</v>
      </c>
      <c r="J1349" s="237">
        <f t="shared" si="310"/>
        <v>5.6815238234276499</v>
      </c>
      <c r="K1349" s="237">
        <f t="shared" si="306"/>
        <v>208.28199942276603</v>
      </c>
      <c r="L1349" s="237">
        <f t="shared" si="311"/>
        <v>75.501770089530041</v>
      </c>
      <c r="M1349" s="236">
        <f t="shared" si="307"/>
        <v>3.8020035853045617</v>
      </c>
      <c r="N1349" s="236">
        <f t="shared" si="308"/>
        <v>3.518452709797427</v>
      </c>
      <c r="O1349" s="236">
        <f t="shared" si="312"/>
        <v>3.3870379411842815</v>
      </c>
      <c r="P1349" s="236" t="str">
        <f t="shared" si="313"/>
        <v>CLAY</v>
      </c>
      <c r="Q1349" s="236">
        <f t="shared" si="309"/>
        <v>23.921500048102828</v>
      </c>
      <c r="R1349" s="238">
        <v>35</v>
      </c>
      <c r="S1349" s="236">
        <f t="shared" si="314"/>
        <v>1.3272589460094537</v>
      </c>
      <c r="T1349" s="236" t="e">
        <f t="shared" si="300"/>
        <v>#N/A</v>
      </c>
    </row>
    <row r="1350" spans="1:20" x14ac:dyDescent="0.2">
      <c r="A1350" s="53">
        <f t="shared" si="301"/>
        <v>1338</v>
      </c>
      <c r="B1350" s="239">
        <v>13.301</v>
      </c>
      <c r="C1350" s="3">
        <f t="shared" si="302"/>
        <v>13.294</v>
      </c>
      <c r="D1350" s="239">
        <v>0.41789999999999999</v>
      </c>
      <c r="E1350" s="239">
        <v>1.04E-2</v>
      </c>
      <c r="F1350" s="239">
        <v>0.38109999999999999</v>
      </c>
      <c r="G1350">
        <f t="shared" si="303"/>
        <v>0.49412</v>
      </c>
      <c r="H1350" s="235">
        <f t="shared" si="304"/>
        <v>2.1047518821338946</v>
      </c>
      <c r="I1350" s="236">
        <f t="shared" si="305"/>
        <v>15.714882259962074</v>
      </c>
      <c r="J1350" s="237">
        <f t="shared" si="310"/>
        <v>5.7148822599620743</v>
      </c>
      <c r="K1350" s="237">
        <f t="shared" si="306"/>
        <v>208.91364476393582</v>
      </c>
      <c r="L1350" s="237">
        <f t="shared" si="311"/>
        <v>76.013648939755555</v>
      </c>
      <c r="M1350" s="236">
        <f t="shared" si="307"/>
        <v>3.7520413664407006</v>
      </c>
      <c r="N1350" s="236">
        <f t="shared" si="308"/>
        <v>3.6464825587045433</v>
      </c>
      <c r="O1350" s="236">
        <f t="shared" si="312"/>
        <v>3.4000502175927689</v>
      </c>
      <c r="P1350" s="236" t="str">
        <f t="shared" si="313"/>
        <v>CLAY</v>
      </c>
      <c r="Q1350" s="236">
        <f t="shared" si="309"/>
        <v>23.767196269672013</v>
      </c>
      <c r="R1350" s="238">
        <v>35</v>
      </c>
      <c r="S1350" s="236">
        <f t="shared" si="314"/>
        <v>1.3054929503719297</v>
      </c>
      <c r="T1350" s="236" t="e">
        <f t="shared" si="300"/>
        <v>#N/A</v>
      </c>
    </row>
    <row r="1351" spans="1:20" x14ac:dyDescent="0.2">
      <c r="A1351" s="53">
        <f t="shared" si="301"/>
        <v>1339</v>
      </c>
      <c r="B1351" s="239">
        <v>13.31</v>
      </c>
      <c r="C1351" s="3">
        <f t="shared" si="302"/>
        <v>13.303000000000001</v>
      </c>
      <c r="D1351" s="239">
        <v>0.41489999999999999</v>
      </c>
      <c r="E1351" s="239">
        <v>1.06E-2</v>
      </c>
      <c r="F1351" s="239">
        <v>0.38600000000000001</v>
      </c>
      <c r="G1351">
        <f t="shared" si="303"/>
        <v>0.49209999999999998</v>
      </c>
      <c r="H1351" s="235">
        <f t="shared" si="304"/>
        <v>2.1540337329811017</v>
      </c>
      <c r="I1351" s="236">
        <f t="shared" si="305"/>
        <v>15.73561691912804</v>
      </c>
      <c r="J1351" s="237">
        <f t="shared" si="310"/>
        <v>5.7356169191280397</v>
      </c>
      <c r="K1351" s="237">
        <f t="shared" si="306"/>
        <v>209.33091187516033</v>
      </c>
      <c r="L1351" s="237">
        <f t="shared" si="311"/>
        <v>76.341061193594214</v>
      </c>
      <c r="M1351" s="236">
        <f t="shared" si="307"/>
        <v>3.7040235451765873</v>
      </c>
      <c r="N1351" s="236">
        <f t="shared" si="308"/>
        <v>3.7486417169192867</v>
      </c>
      <c r="O1351" s="236">
        <f t="shared" si="312"/>
        <v>3.4111109283510079</v>
      </c>
      <c r="P1351" s="236" t="str">
        <f t="shared" si="313"/>
        <v>CLAY</v>
      </c>
      <c r="Q1351" s="236">
        <f t="shared" si="309"/>
        <v>23.56409067706997</v>
      </c>
      <c r="R1351" s="238">
        <v>35</v>
      </c>
      <c r="S1351" s="236">
        <f t="shared" si="314"/>
        <v>1.284642193193188</v>
      </c>
      <c r="T1351" s="236" t="e">
        <f t="shared" si="300"/>
        <v>#N/A</v>
      </c>
    </row>
    <row r="1352" spans="1:20" x14ac:dyDescent="0.2">
      <c r="A1352" s="53">
        <f t="shared" si="301"/>
        <v>1340</v>
      </c>
      <c r="B1352" s="239">
        <v>13.32</v>
      </c>
      <c r="C1352" s="3">
        <f t="shared" si="302"/>
        <v>13.313000000000001</v>
      </c>
      <c r="D1352" s="239">
        <v>0.41110000000000002</v>
      </c>
      <c r="E1352" s="239">
        <v>1.0800000000000001E-2</v>
      </c>
      <c r="F1352" s="239">
        <v>0.39169999999999999</v>
      </c>
      <c r="G1352">
        <f t="shared" si="303"/>
        <v>0.48943999999999999</v>
      </c>
      <c r="H1352" s="235">
        <f t="shared" si="304"/>
        <v>2.2066034651847013</v>
      </c>
      <c r="I1352" s="236">
        <f t="shared" si="305"/>
        <v>15.755416707873792</v>
      </c>
      <c r="J1352" s="237">
        <f t="shared" si="310"/>
        <v>5.7554167078737919</v>
      </c>
      <c r="K1352" s="237">
        <f t="shared" si="306"/>
        <v>209.75186263192381</v>
      </c>
      <c r="L1352" s="237">
        <f t="shared" si="311"/>
        <v>76.662150548878913</v>
      </c>
      <c r="M1352" s="236">
        <f t="shared" si="307"/>
        <v>3.6483210471606875</v>
      </c>
      <c r="N1352" s="236">
        <f t="shared" si="308"/>
        <v>3.8614437142848663</v>
      </c>
      <c r="O1352" s="236">
        <f t="shared" si="312"/>
        <v>3.4234876000896728</v>
      </c>
      <c r="P1352" s="236" t="str">
        <f t="shared" si="313"/>
        <v>CLAY</v>
      </c>
      <c r="Q1352" s="236">
        <f t="shared" si="309"/>
        <v>23.307344780673017</v>
      </c>
      <c r="R1352" s="238">
        <v>35</v>
      </c>
      <c r="S1352" s="236">
        <f t="shared" si="314"/>
        <v>1.2605390945033133</v>
      </c>
      <c r="T1352" s="236" t="e">
        <f t="shared" si="300"/>
        <v>#N/A</v>
      </c>
    </row>
    <row r="1353" spans="1:20" x14ac:dyDescent="0.2">
      <c r="A1353" s="53">
        <f t="shared" si="301"/>
        <v>1341</v>
      </c>
      <c r="B1353" s="239">
        <v>13.33</v>
      </c>
      <c r="C1353" s="3">
        <f t="shared" si="302"/>
        <v>13.323</v>
      </c>
      <c r="D1353" s="239">
        <v>0.4108</v>
      </c>
      <c r="E1353" s="239">
        <v>1.0800000000000001E-2</v>
      </c>
      <c r="F1353" s="239">
        <v>0.39090000000000003</v>
      </c>
      <c r="G1353">
        <f t="shared" si="303"/>
        <v>0.48897999999999997</v>
      </c>
      <c r="H1353" s="235">
        <f t="shared" si="304"/>
        <v>2.2086792915865683</v>
      </c>
      <c r="I1353" s="236">
        <f t="shared" si="305"/>
        <v>15.755049180781635</v>
      </c>
      <c r="J1353" s="237">
        <f t="shared" si="310"/>
        <v>5.7550491807816346</v>
      </c>
      <c r="K1353" s="237">
        <f t="shared" si="306"/>
        <v>209.90452023555372</v>
      </c>
      <c r="L1353" s="237">
        <f t="shared" si="311"/>
        <v>76.714805579819185</v>
      </c>
      <c r="M1353" s="236">
        <f t="shared" si="307"/>
        <v>3.6378307636337235</v>
      </c>
      <c r="N1353" s="236">
        <f t="shared" si="308"/>
        <v>3.8699207859879863</v>
      </c>
      <c r="O1353" s="236">
        <f t="shared" si="312"/>
        <v>3.4250524381642933</v>
      </c>
      <c r="P1353" s="236" t="str">
        <f t="shared" si="313"/>
        <v>CLAY</v>
      </c>
      <c r="Q1353" s="236">
        <f t="shared" si="309"/>
        <v>23.256289980370521</v>
      </c>
      <c r="R1353" s="238">
        <v>35</v>
      </c>
      <c r="S1353" s="236">
        <f t="shared" si="314"/>
        <v>1.2560100741244142</v>
      </c>
      <c r="T1353" s="236" t="e">
        <f t="shared" si="300"/>
        <v>#N/A</v>
      </c>
    </row>
    <row r="1354" spans="1:20" x14ac:dyDescent="0.2">
      <c r="A1354" s="53">
        <f t="shared" si="301"/>
        <v>1342</v>
      </c>
      <c r="B1354" s="239">
        <v>13.339</v>
      </c>
      <c r="C1354" s="3">
        <f t="shared" si="302"/>
        <v>13.332000000000001</v>
      </c>
      <c r="D1354" s="239">
        <v>0.41320000000000001</v>
      </c>
      <c r="E1354" s="239">
        <v>1.0699999999999999E-2</v>
      </c>
      <c r="F1354" s="239">
        <v>0.39</v>
      </c>
      <c r="G1354">
        <f t="shared" si="303"/>
        <v>0.49119999999999997</v>
      </c>
      <c r="H1354" s="235">
        <f t="shared" si="304"/>
        <v>2.1783387622149837</v>
      </c>
      <c r="I1354" s="236">
        <f t="shared" si="305"/>
        <v>15.745911776452353</v>
      </c>
      <c r="J1354" s="237">
        <f t="shared" si="310"/>
        <v>5.7459117764523526</v>
      </c>
      <c r="K1354" s="237">
        <f t="shared" si="306"/>
        <v>209.92449580366278</v>
      </c>
      <c r="L1354" s="237">
        <f t="shared" si="311"/>
        <v>76.644717186097935</v>
      </c>
      <c r="M1354" s="236">
        <f t="shared" si="307"/>
        <v>3.669861596767114</v>
      </c>
      <c r="N1354" s="236">
        <f t="shared" si="308"/>
        <v>3.8040994826663383</v>
      </c>
      <c r="O1354" s="236">
        <f t="shared" si="312"/>
        <v>3.4178892943798984</v>
      </c>
      <c r="P1354" s="236" t="str">
        <f t="shared" si="313"/>
        <v>CLAY</v>
      </c>
      <c r="Q1354" s="236">
        <f t="shared" si="309"/>
        <v>23.439625349694769</v>
      </c>
      <c r="R1354" s="238">
        <v>35</v>
      </c>
      <c r="S1354" s="236">
        <f t="shared" si="314"/>
        <v>1.2698491012638513</v>
      </c>
      <c r="T1354" s="236" t="e">
        <f t="shared" si="300"/>
        <v>#N/A</v>
      </c>
    </row>
    <row r="1355" spans="1:20" x14ac:dyDescent="0.2">
      <c r="A1355" s="53">
        <f t="shared" si="301"/>
        <v>1343</v>
      </c>
      <c r="B1355" s="239">
        <v>13.351000000000001</v>
      </c>
      <c r="C1355" s="3">
        <f t="shared" si="302"/>
        <v>13.344000000000001</v>
      </c>
      <c r="D1355" s="239">
        <v>0.4133</v>
      </c>
      <c r="E1355" s="239">
        <v>1.0699999999999999E-2</v>
      </c>
      <c r="F1355" s="239">
        <v>0.39069999999999999</v>
      </c>
      <c r="G1355">
        <f t="shared" si="303"/>
        <v>0.49143999999999999</v>
      </c>
      <c r="H1355" s="235">
        <f t="shared" si="304"/>
        <v>2.1772749470942534</v>
      </c>
      <c r="I1355" s="236">
        <f t="shared" si="305"/>
        <v>15.746102706212909</v>
      </c>
      <c r="J1355" s="237">
        <f t="shared" si="310"/>
        <v>5.7461027062129091</v>
      </c>
      <c r="K1355" s="237">
        <f t="shared" si="306"/>
        <v>210.11599451170508</v>
      </c>
      <c r="L1355" s="237">
        <f t="shared" si="311"/>
        <v>76.716217230648553</v>
      </c>
      <c r="M1355" s="236">
        <f t="shared" si="307"/>
        <v>3.6670734773390836</v>
      </c>
      <c r="N1355" s="236">
        <f t="shared" si="308"/>
        <v>3.8034436419416027</v>
      </c>
      <c r="O1355" s="236">
        <f t="shared" si="312"/>
        <v>3.4181304386865823</v>
      </c>
      <c r="P1355" s="236" t="str">
        <f t="shared" si="313"/>
        <v>CLAY</v>
      </c>
      <c r="Q1355" s="236">
        <f t="shared" si="309"/>
        <v>23.443667124024575</v>
      </c>
      <c r="R1355" s="238">
        <v>35</v>
      </c>
      <c r="S1355" s="236">
        <f t="shared" si="314"/>
        <v>1.2686432810429602</v>
      </c>
      <c r="T1355" s="236" t="e">
        <f t="shared" si="300"/>
        <v>#N/A</v>
      </c>
    </row>
    <row r="1356" spans="1:20" x14ac:dyDescent="0.2">
      <c r="A1356" s="53">
        <f t="shared" si="301"/>
        <v>1344</v>
      </c>
      <c r="B1356" s="239">
        <v>13.36</v>
      </c>
      <c r="C1356" s="3">
        <f t="shared" si="302"/>
        <v>13.353</v>
      </c>
      <c r="D1356" s="239">
        <v>0.40949999999999998</v>
      </c>
      <c r="E1356" s="239">
        <v>1.0699999999999999E-2</v>
      </c>
      <c r="F1356" s="239">
        <v>0.38990000000000002</v>
      </c>
      <c r="G1356">
        <f t="shared" si="303"/>
        <v>0.48747999999999997</v>
      </c>
      <c r="H1356" s="235">
        <f t="shared" si="304"/>
        <v>2.1949618445884957</v>
      </c>
      <c r="I1356" s="236">
        <f t="shared" si="305"/>
        <v>15.742940376346148</v>
      </c>
      <c r="J1356" s="237">
        <f t="shared" si="310"/>
        <v>5.742940376346148</v>
      </c>
      <c r="K1356" s="237">
        <f t="shared" si="306"/>
        <v>210.21548284535012</v>
      </c>
      <c r="L1356" s="237">
        <f t="shared" si="311"/>
        <v>76.725683427984535</v>
      </c>
      <c r="M1356" s="236">
        <f t="shared" si="307"/>
        <v>3.6137119249630798</v>
      </c>
      <c r="N1356" s="236">
        <f t="shared" si="308"/>
        <v>3.8591306633123414</v>
      </c>
      <c r="O1356" s="236">
        <f t="shared" si="312"/>
        <v>3.4268672141199792</v>
      </c>
      <c r="P1356" s="236" t="str">
        <f t="shared" si="313"/>
        <v>CLAY</v>
      </c>
      <c r="Q1356" s="236">
        <f t="shared" si="309"/>
        <v>23.105376429554155</v>
      </c>
      <c r="R1356" s="238">
        <v>35</v>
      </c>
      <c r="S1356" s="236">
        <f t="shared" si="314"/>
        <v>1.2456095226639716</v>
      </c>
      <c r="T1356" s="236" t="e">
        <f t="shared" si="300"/>
        <v>#N/A</v>
      </c>
    </row>
    <row r="1357" spans="1:20" x14ac:dyDescent="0.2">
      <c r="A1357" s="53">
        <f t="shared" si="301"/>
        <v>1345</v>
      </c>
      <c r="B1357" s="239">
        <v>13.37</v>
      </c>
      <c r="C1357" s="3">
        <f t="shared" si="302"/>
        <v>13.363</v>
      </c>
      <c r="D1357" s="239">
        <v>0.40689999999999998</v>
      </c>
      <c r="E1357" s="239">
        <v>1.0800000000000001E-2</v>
      </c>
      <c r="F1357" s="239">
        <v>0.38869999999999999</v>
      </c>
      <c r="G1357">
        <f t="shared" si="303"/>
        <v>0.48463999999999996</v>
      </c>
      <c r="H1357" s="235">
        <f t="shared" si="304"/>
        <v>2.2284582370419281</v>
      </c>
      <c r="I1357" s="236">
        <f t="shared" si="305"/>
        <v>15.751564524587154</v>
      </c>
      <c r="J1357" s="237">
        <f t="shared" si="310"/>
        <v>5.7515645245871543</v>
      </c>
      <c r="K1357" s="237">
        <f t="shared" si="306"/>
        <v>210.48815674205812</v>
      </c>
      <c r="L1357" s="237">
        <f t="shared" si="311"/>
        <v>76.898417693730252</v>
      </c>
      <c r="M1357" s="236">
        <f t="shared" si="307"/>
        <v>3.565116831790081</v>
      </c>
      <c r="N1357" s="236">
        <f t="shared" si="308"/>
        <v>3.9394227197803589</v>
      </c>
      <c r="O1357" s="236">
        <f t="shared" si="312"/>
        <v>3.4365810008251367</v>
      </c>
      <c r="P1357" s="236" t="str">
        <f t="shared" si="313"/>
        <v>CLAY</v>
      </c>
      <c r="Q1357" s="236">
        <f t="shared" si="309"/>
        <v>22.845986938161825</v>
      </c>
      <c r="R1357" s="238">
        <v>35</v>
      </c>
      <c r="S1357" s="236">
        <f t="shared" si="314"/>
        <v>1.2247070473848189</v>
      </c>
      <c r="T1357" s="236" t="e">
        <f t="shared" ref="T1357:T1420" si="315">IF(P1357="SAND",17.6+(11*LOG(M1357)),#N/A)</f>
        <v>#N/A</v>
      </c>
    </row>
    <row r="1358" spans="1:20" x14ac:dyDescent="0.2">
      <c r="A1358" s="53">
        <f t="shared" ref="A1358:A1421" si="316">$A1357+1</f>
        <v>1346</v>
      </c>
      <c r="B1358" s="239">
        <v>13.38</v>
      </c>
      <c r="C1358" s="3">
        <f t="shared" ref="C1358:C1421" si="317">MAX($B1358 - $B$13, 0.001)</f>
        <v>13.373000000000001</v>
      </c>
      <c r="D1358" s="239">
        <v>0.40629999999999999</v>
      </c>
      <c r="E1358" s="239">
        <v>1.09E-2</v>
      </c>
      <c r="F1358" s="239">
        <v>0.38890000000000002</v>
      </c>
      <c r="G1358">
        <f t="shared" si="303"/>
        <v>0.48407999999999995</v>
      </c>
      <c r="H1358" s="235">
        <f t="shared" si="304"/>
        <v>2.2516939348867959</v>
      </c>
      <c r="I1358" s="236">
        <f t="shared" si="305"/>
        <v>15.761920024754104</v>
      </c>
      <c r="J1358" s="237">
        <f t="shared" si="310"/>
        <v>5.7619200247541045</v>
      </c>
      <c r="K1358" s="237">
        <f t="shared" si="306"/>
        <v>210.78415649103667</v>
      </c>
      <c r="L1358" s="237">
        <f t="shared" si="311"/>
        <v>77.094489931209921</v>
      </c>
      <c r="M1358" s="236">
        <f t="shared" si="307"/>
        <v>3.5449465163180971</v>
      </c>
      <c r="N1358" s="236">
        <f t="shared" si="308"/>
        <v>3.9883519119977082</v>
      </c>
      <c r="O1358" s="236">
        <f t="shared" si="312"/>
        <v>3.44150671130184</v>
      </c>
      <c r="P1358" s="236" t="str">
        <f t="shared" si="313"/>
        <v>CLAY</v>
      </c>
      <c r="Q1358" s="236">
        <f t="shared" si="309"/>
        <v>22.774653625746936</v>
      </c>
      <c r="R1358" s="238">
        <v>35</v>
      </c>
      <c r="S1358" s="236">
        <f t="shared" si="314"/>
        <v>1.2160519198455091</v>
      </c>
      <c r="T1358" s="236" t="e">
        <f t="shared" si="315"/>
        <v>#N/A</v>
      </c>
    </row>
    <row r="1359" spans="1:20" x14ac:dyDescent="0.2">
      <c r="A1359" s="53">
        <f t="shared" si="316"/>
        <v>1347</v>
      </c>
      <c r="B1359" s="239">
        <v>13.391</v>
      </c>
      <c r="C1359" s="3">
        <f t="shared" si="317"/>
        <v>13.384</v>
      </c>
      <c r="D1359" s="239">
        <v>0.40179999999999999</v>
      </c>
      <c r="E1359" s="239">
        <v>1.0999999999999999E-2</v>
      </c>
      <c r="F1359" s="239">
        <v>0.39190000000000003</v>
      </c>
      <c r="G1359">
        <f t="shared" ref="G1359:G1422" si="318">$D1359+($F1359*(1-$P$8))</f>
        <v>0.48018</v>
      </c>
      <c r="H1359" s="235">
        <f t="shared" ref="H1359:H1422" si="319">($E1359/$G1359)*100</f>
        <v>2.2908076138114875</v>
      </c>
      <c r="I1359" s="236">
        <f t="shared" ref="I1359:I1422" si="320">((0.27*(LOG($H1359)))+(0.36*(LOG(($G1359*1000)/101)))+1.236)*10</f>
        <v>15.769466964859536</v>
      </c>
      <c r="J1359" s="237">
        <f t="shared" si="310"/>
        <v>5.7694669648595358</v>
      </c>
      <c r="K1359" s="237">
        <f t="shared" ref="K1359:K1422" si="321">$I1359*$C1359</f>
        <v>211.05854585768003</v>
      </c>
      <c r="L1359" s="237">
        <f t="shared" si="311"/>
        <v>77.258932126434047</v>
      </c>
      <c r="M1359" s="236">
        <f t="shared" ref="M1359:M1422" si="322">(($G1359*1000)-$K1359)/$L1359</f>
        <v>3.4833701001963551</v>
      </c>
      <c r="N1359" s="236">
        <f t="shared" ref="N1359:N1422" si="323">(($E1359*1000)/(($G1359*1000)-$K1359))*100</f>
        <v>4.087373871792046</v>
      </c>
      <c r="O1359" s="236">
        <f t="shared" si="312"/>
        <v>3.4536031455398239</v>
      </c>
      <c r="P1359" s="236" t="str">
        <f t="shared" si="313"/>
        <v>CLAY</v>
      </c>
      <c r="Q1359" s="236">
        <f t="shared" ref="Q1359:Q1422" si="324">IF(P1359="CLAY",($G1359*1000 -$K1359)/$L$8,#N/A)</f>
        <v>22.426787845193331</v>
      </c>
      <c r="R1359" s="238">
        <v>35</v>
      </c>
      <c r="S1359" s="236">
        <f t="shared" si="314"/>
        <v>1.1897056752857138</v>
      </c>
      <c r="T1359" s="236" t="e">
        <f t="shared" si="315"/>
        <v>#N/A</v>
      </c>
    </row>
    <row r="1360" spans="1:20" x14ac:dyDescent="0.2">
      <c r="A1360" s="53">
        <f t="shared" si="316"/>
        <v>1348</v>
      </c>
      <c r="B1360" s="239">
        <v>13.4</v>
      </c>
      <c r="C1360" s="3">
        <f t="shared" si="317"/>
        <v>13.393000000000001</v>
      </c>
      <c r="D1360" s="239">
        <v>0.40110000000000001</v>
      </c>
      <c r="E1360" s="239">
        <v>1.0800000000000001E-2</v>
      </c>
      <c r="F1360" s="239">
        <v>0.38550000000000001</v>
      </c>
      <c r="G1360">
        <f t="shared" si="318"/>
        <v>0.47820000000000001</v>
      </c>
      <c r="H1360" s="235">
        <f t="shared" si="319"/>
        <v>2.2584692597239648</v>
      </c>
      <c r="I1360" s="236">
        <f t="shared" si="320"/>
        <v>15.746335808799031</v>
      </c>
      <c r="J1360" s="237">
        <f t="shared" ref="J1360:J1423" si="325">$I1360-10</f>
        <v>5.7463358087990315</v>
      </c>
      <c r="K1360" s="237">
        <f t="shared" si="321"/>
        <v>210.89067548724543</v>
      </c>
      <c r="L1360" s="237">
        <f t="shared" ref="L1360:L1423" si="326">$J1360*$B1360</f>
        <v>77.000899837907028</v>
      </c>
      <c r="M1360" s="236">
        <f t="shared" si="322"/>
        <v>3.4715091002243059</v>
      </c>
      <c r="N1360" s="236">
        <f t="shared" si="323"/>
        <v>4.0402630995705069</v>
      </c>
      <c r="O1360" s="236">
        <f t="shared" ref="O1360:O1423" si="327">((3.47-LOG($M1360))^2+(LOG($N1360)+1.22)^2)^0.5</f>
        <v>3.4521928077992605</v>
      </c>
      <c r="P1360" s="236" t="str">
        <f t="shared" ref="P1360:P1423" si="328">IF(O1360&lt;2.6,"SAND","CLAY")</f>
        <v>CLAY</v>
      </c>
      <c r="Q1360" s="236">
        <f t="shared" si="324"/>
        <v>22.275777042729544</v>
      </c>
      <c r="R1360" s="238">
        <v>35</v>
      </c>
      <c r="S1360" s="236">
        <f t="shared" ref="S1360:S1423" si="329">IF(P1360="SAND",#N/A,0.25*($M1360)^1.25)</f>
        <v>1.1846440943470244</v>
      </c>
      <c r="T1360" s="236" t="e">
        <f t="shared" si="315"/>
        <v>#N/A</v>
      </c>
    </row>
    <row r="1361" spans="1:20" x14ac:dyDescent="0.2">
      <c r="A1361" s="53">
        <f t="shared" si="316"/>
        <v>1349</v>
      </c>
      <c r="B1361" s="239">
        <v>13.41</v>
      </c>
      <c r="C1361" s="3">
        <f t="shared" si="317"/>
        <v>13.403</v>
      </c>
      <c r="D1361" s="239">
        <v>0.40339999999999998</v>
      </c>
      <c r="E1361" s="239">
        <v>1.0200000000000001E-2</v>
      </c>
      <c r="F1361" s="239">
        <v>0.37309999999999999</v>
      </c>
      <c r="G1361">
        <f t="shared" si="318"/>
        <v>0.47801999999999994</v>
      </c>
      <c r="H1361" s="235">
        <f t="shared" si="319"/>
        <v>2.1338019329735163</v>
      </c>
      <c r="I1361" s="236">
        <f t="shared" si="320"/>
        <v>15.679164978933953</v>
      </c>
      <c r="J1361" s="237">
        <f t="shared" si="325"/>
        <v>5.6791649789339527</v>
      </c>
      <c r="K1361" s="237">
        <f t="shared" si="321"/>
        <v>210.14784821265178</v>
      </c>
      <c r="L1361" s="237">
        <f t="shared" si="326"/>
        <v>76.15760236750431</v>
      </c>
      <c r="M1361" s="236">
        <f t="shared" si="322"/>
        <v>3.5173396149567662</v>
      </c>
      <c r="N1361" s="236">
        <f t="shared" si="323"/>
        <v>3.8077866369988813</v>
      </c>
      <c r="O1361" s="236">
        <f t="shared" si="327"/>
        <v>3.4337944946387697</v>
      </c>
      <c r="P1361" s="236" t="str">
        <f t="shared" si="328"/>
        <v>CLAY</v>
      </c>
      <c r="Q1361" s="236">
        <f t="shared" si="324"/>
        <v>22.322679315612344</v>
      </c>
      <c r="R1361" s="238">
        <v>35</v>
      </c>
      <c r="S1361" s="236">
        <f t="shared" si="329"/>
        <v>1.2042256902491879</v>
      </c>
      <c r="T1361" s="236" t="e">
        <f t="shared" si="315"/>
        <v>#N/A</v>
      </c>
    </row>
    <row r="1362" spans="1:20" x14ac:dyDescent="0.2">
      <c r="A1362" s="53">
        <f t="shared" si="316"/>
        <v>1350</v>
      </c>
      <c r="B1362" s="239">
        <v>13.419</v>
      </c>
      <c r="C1362" s="3">
        <f t="shared" si="317"/>
        <v>13.412000000000001</v>
      </c>
      <c r="D1362" s="239">
        <v>0.40010000000000001</v>
      </c>
      <c r="E1362" s="239">
        <v>1.0200000000000001E-2</v>
      </c>
      <c r="F1362" s="239">
        <v>0.37419999999999998</v>
      </c>
      <c r="G1362">
        <f t="shared" si="318"/>
        <v>0.47493999999999997</v>
      </c>
      <c r="H1362" s="235">
        <f t="shared" si="319"/>
        <v>2.1476397018570772</v>
      </c>
      <c r="I1362" s="236">
        <f t="shared" si="320"/>
        <v>15.676638391258212</v>
      </c>
      <c r="J1362" s="237">
        <f t="shared" si="325"/>
        <v>5.6766383912582121</v>
      </c>
      <c r="K1362" s="237">
        <f t="shared" si="321"/>
        <v>210.25507410355516</v>
      </c>
      <c r="L1362" s="237">
        <f t="shared" si="326"/>
        <v>76.17481057229395</v>
      </c>
      <c r="M1362" s="236">
        <f t="shared" si="322"/>
        <v>3.4747040906028213</v>
      </c>
      <c r="N1362" s="236">
        <f t="shared" si="323"/>
        <v>3.8536384214001829</v>
      </c>
      <c r="O1362" s="236">
        <f t="shared" si="327"/>
        <v>3.4410307061868775</v>
      </c>
      <c r="P1362" s="236" t="str">
        <f t="shared" si="328"/>
        <v>CLAY</v>
      </c>
      <c r="Q1362" s="236">
        <f t="shared" si="324"/>
        <v>22.057077158037071</v>
      </c>
      <c r="R1362" s="238">
        <v>35</v>
      </c>
      <c r="S1362" s="236">
        <f t="shared" si="329"/>
        <v>1.186007104533781</v>
      </c>
      <c r="T1362" s="236" t="e">
        <f t="shared" si="315"/>
        <v>#N/A</v>
      </c>
    </row>
    <row r="1363" spans="1:20" x14ac:dyDescent="0.2">
      <c r="A1363" s="53">
        <f t="shared" si="316"/>
        <v>1351</v>
      </c>
      <c r="B1363" s="239">
        <v>13.43</v>
      </c>
      <c r="C1363" s="3">
        <f t="shared" si="317"/>
        <v>13.423</v>
      </c>
      <c r="D1363" s="239">
        <v>0.40620000000000001</v>
      </c>
      <c r="E1363" s="239">
        <v>1.01E-2</v>
      </c>
      <c r="F1363" s="239">
        <v>0.37280000000000002</v>
      </c>
      <c r="G1363">
        <f t="shared" si="318"/>
        <v>0.48075999999999997</v>
      </c>
      <c r="H1363" s="235">
        <f t="shared" si="319"/>
        <v>2.1008403361344539</v>
      </c>
      <c r="I1363" s="236">
        <f t="shared" si="320"/>
        <v>15.669846257448443</v>
      </c>
      <c r="J1363" s="237">
        <f t="shared" si="325"/>
        <v>5.6698462574484427</v>
      </c>
      <c r="K1363" s="237">
        <f t="shared" si="321"/>
        <v>210.33634631373044</v>
      </c>
      <c r="L1363" s="237">
        <f t="shared" si="326"/>
        <v>76.146035237532587</v>
      </c>
      <c r="M1363" s="236">
        <f t="shared" si="322"/>
        <v>3.551381931346794</v>
      </c>
      <c r="N1363" s="236">
        <f t="shared" si="323"/>
        <v>3.7348803857659054</v>
      </c>
      <c r="O1363" s="236">
        <f t="shared" si="327"/>
        <v>3.4258335065808487</v>
      </c>
      <c r="P1363" s="236" t="str">
        <f t="shared" si="328"/>
        <v>CLAY</v>
      </c>
      <c r="Q1363" s="236">
        <f t="shared" si="324"/>
        <v>22.535304473855792</v>
      </c>
      <c r="R1363" s="238">
        <v>35</v>
      </c>
      <c r="S1363" s="236">
        <f t="shared" si="329"/>
        <v>1.2188120368904256</v>
      </c>
      <c r="T1363" s="236" t="e">
        <f t="shared" si="315"/>
        <v>#N/A</v>
      </c>
    </row>
    <row r="1364" spans="1:20" x14ac:dyDescent="0.2">
      <c r="A1364" s="53">
        <f t="shared" si="316"/>
        <v>1352</v>
      </c>
      <c r="B1364" s="239">
        <v>13.439</v>
      </c>
      <c r="C1364" s="3">
        <f t="shared" si="317"/>
        <v>13.432</v>
      </c>
      <c r="D1364" s="239">
        <v>0.4073</v>
      </c>
      <c r="E1364" s="239">
        <v>1.0200000000000001E-2</v>
      </c>
      <c r="F1364" s="239">
        <v>0.37869999999999998</v>
      </c>
      <c r="G1364">
        <f t="shared" si="318"/>
        <v>0.48303999999999997</v>
      </c>
      <c r="H1364" s="235">
        <f t="shared" si="319"/>
        <v>2.1116263663464729</v>
      </c>
      <c r="I1364" s="236">
        <f t="shared" si="320"/>
        <v>15.683248304250785</v>
      </c>
      <c r="J1364" s="237">
        <f t="shared" si="325"/>
        <v>5.6832483042507853</v>
      </c>
      <c r="K1364" s="237">
        <f t="shared" si="321"/>
        <v>210.65739122269656</v>
      </c>
      <c r="L1364" s="237">
        <f t="shared" si="326"/>
        <v>76.377173960826298</v>
      </c>
      <c r="M1364" s="236">
        <f t="shared" si="322"/>
        <v>3.5662828912340734</v>
      </c>
      <c r="N1364" s="236">
        <f t="shared" si="323"/>
        <v>3.7447324723802002</v>
      </c>
      <c r="O1364" s="236">
        <f t="shared" si="327"/>
        <v>3.4248828957333504</v>
      </c>
      <c r="P1364" s="236" t="str">
        <f t="shared" si="328"/>
        <v>CLAY</v>
      </c>
      <c r="Q1364" s="236">
        <f t="shared" si="324"/>
        <v>22.698550731441951</v>
      </c>
      <c r="R1364" s="238">
        <v>35</v>
      </c>
      <c r="S1364" s="236">
        <f t="shared" si="329"/>
        <v>1.2252077811852409</v>
      </c>
      <c r="T1364" s="236" t="e">
        <f t="shared" si="315"/>
        <v>#N/A</v>
      </c>
    </row>
    <row r="1365" spans="1:20" x14ac:dyDescent="0.2">
      <c r="A1365" s="53">
        <f t="shared" si="316"/>
        <v>1353</v>
      </c>
      <c r="B1365" s="239">
        <v>13.449</v>
      </c>
      <c r="C1365" s="3">
        <f t="shared" si="317"/>
        <v>13.442</v>
      </c>
      <c r="D1365" s="239">
        <v>0.40389999999999998</v>
      </c>
      <c r="E1365" s="239">
        <v>1.03E-2</v>
      </c>
      <c r="F1365" s="239">
        <v>0.38550000000000001</v>
      </c>
      <c r="G1365">
        <f t="shared" si="318"/>
        <v>0.48099999999999998</v>
      </c>
      <c r="H1365" s="235">
        <f t="shared" si="319"/>
        <v>2.1413721413721416</v>
      </c>
      <c r="I1365" s="236">
        <f t="shared" si="320"/>
        <v>15.6930341298229</v>
      </c>
      <c r="J1365" s="237">
        <f t="shared" si="325"/>
        <v>5.6930341298228999</v>
      </c>
      <c r="K1365" s="237">
        <f t="shared" si="321"/>
        <v>210.94576477307942</v>
      </c>
      <c r="L1365" s="237">
        <f t="shared" si="326"/>
        <v>76.565616011988183</v>
      </c>
      <c r="M1365" s="236">
        <f t="shared" si="322"/>
        <v>3.5270954417011038</v>
      </c>
      <c r="N1365" s="236">
        <f t="shared" si="323"/>
        <v>3.8140486822378992</v>
      </c>
      <c r="O1365" s="236">
        <f t="shared" si="327"/>
        <v>3.4331446971794231</v>
      </c>
      <c r="P1365" s="236" t="str">
        <f t="shared" si="328"/>
        <v>CLAY</v>
      </c>
      <c r="Q1365" s="236">
        <f t="shared" si="324"/>
        <v>22.504519602243381</v>
      </c>
      <c r="R1365" s="238">
        <v>35</v>
      </c>
      <c r="S1365" s="236">
        <f t="shared" si="329"/>
        <v>1.2084022444149083</v>
      </c>
      <c r="T1365" s="236" t="e">
        <f t="shared" si="315"/>
        <v>#N/A</v>
      </c>
    </row>
    <row r="1366" spans="1:20" x14ac:dyDescent="0.2">
      <c r="A1366" s="53">
        <f t="shared" si="316"/>
        <v>1354</v>
      </c>
      <c r="B1366" s="239">
        <v>13.459</v>
      </c>
      <c r="C1366" s="3">
        <f t="shared" si="317"/>
        <v>13.452</v>
      </c>
      <c r="D1366" s="239">
        <v>0.40660000000000002</v>
      </c>
      <c r="E1366" s="239">
        <v>1.04E-2</v>
      </c>
      <c r="F1366" s="239">
        <v>0.39190000000000003</v>
      </c>
      <c r="G1366">
        <f t="shared" si="318"/>
        <v>0.48498000000000002</v>
      </c>
      <c r="H1366" s="235">
        <f t="shared" si="319"/>
        <v>2.1444183265289287</v>
      </c>
      <c r="I1366" s="236">
        <f t="shared" si="320"/>
        <v>15.707584516753169</v>
      </c>
      <c r="J1366" s="237">
        <f t="shared" si="325"/>
        <v>5.7075845167531689</v>
      </c>
      <c r="K1366" s="237">
        <f t="shared" si="321"/>
        <v>211.29842691936364</v>
      </c>
      <c r="L1366" s="237">
        <f t="shared" si="326"/>
        <v>76.818380010980903</v>
      </c>
      <c r="M1366" s="236">
        <f t="shared" si="322"/>
        <v>3.5627095109466591</v>
      </c>
      <c r="N1366" s="236">
        <f t="shared" si="323"/>
        <v>3.8000366202717593</v>
      </c>
      <c r="O1366" s="236">
        <f t="shared" si="327"/>
        <v>3.4285917833291748</v>
      </c>
      <c r="P1366" s="236" t="str">
        <f t="shared" si="328"/>
        <v>CLAY</v>
      </c>
      <c r="Q1366" s="236">
        <f t="shared" si="324"/>
        <v>22.8067977567197</v>
      </c>
      <c r="R1366" s="238">
        <v>35</v>
      </c>
      <c r="S1366" s="236">
        <f t="shared" si="329"/>
        <v>1.2236734157922118</v>
      </c>
      <c r="T1366" s="236" t="e">
        <f t="shared" si="315"/>
        <v>#N/A</v>
      </c>
    </row>
    <row r="1367" spans="1:20" x14ac:dyDescent="0.2">
      <c r="A1367" s="53">
        <f t="shared" si="316"/>
        <v>1355</v>
      </c>
      <c r="B1367" s="239">
        <v>13.468999999999999</v>
      </c>
      <c r="C1367" s="3">
        <f t="shared" si="317"/>
        <v>13.462</v>
      </c>
      <c r="D1367" s="239">
        <v>0.41220000000000001</v>
      </c>
      <c r="E1367" s="239">
        <v>1.0200000000000001E-2</v>
      </c>
      <c r="F1367" s="239">
        <v>0.39119999999999999</v>
      </c>
      <c r="G1367">
        <f t="shared" si="318"/>
        <v>0.49043999999999999</v>
      </c>
      <c r="H1367" s="235">
        <f t="shared" si="319"/>
        <v>2.0797651088818205</v>
      </c>
      <c r="I1367" s="236">
        <f t="shared" si="320"/>
        <v>15.689190813522963</v>
      </c>
      <c r="J1367" s="237">
        <f t="shared" si="325"/>
        <v>5.6891908135229627</v>
      </c>
      <c r="K1367" s="237">
        <f t="shared" si="321"/>
        <v>211.20788673164611</v>
      </c>
      <c r="L1367" s="237">
        <f t="shared" si="326"/>
        <v>76.627711067340783</v>
      </c>
      <c r="M1367" s="236">
        <f t="shared" si="322"/>
        <v>3.6440095805936763</v>
      </c>
      <c r="N1367" s="236">
        <f t="shared" si="323"/>
        <v>3.6528749793894115</v>
      </c>
      <c r="O1367" s="236">
        <f t="shared" si="327"/>
        <v>3.4112602666551566</v>
      </c>
      <c r="P1367" s="236" t="str">
        <f t="shared" si="328"/>
        <v>CLAY</v>
      </c>
      <c r="Q1367" s="236">
        <f t="shared" si="324"/>
        <v>23.269342772362823</v>
      </c>
      <c r="R1367" s="238">
        <v>35</v>
      </c>
      <c r="S1367" s="236">
        <f t="shared" si="329"/>
        <v>1.2586772897768057</v>
      </c>
      <c r="T1367" s="236" t="e">
        <f t="shared" si="315"/>
        <v>#N/A</v>
      </c>
    </row>
    <row r="1368" spans="1:20" x14ac:dyDescent="0.2">
      <c r="A1368" s="53">
        <f t="shared" si="316"/>
        <v>1356</v>
      </c>
      <c r="B1368" s="239">
        <v>13.48</v>
      </c>
      <c r="C1368" s="3">
        <f t="shared" si="317"/>
        <v>13.473000000000001</v>
      </c>
      <c r="D1368" s="239">
        <v>0.41710000000000003</v>
      </c>
      <c r="E1368" s="239">
        <v>0.01</v>
      </c>
      <c r="F1368" s="239">
        <v>0.38619999999999999</v>
      </c>
      <c r="G1368">
        <f t="shared" si="318"/>
        <v>0.49434</v>
      </c>
      <c r="H1368" s="235">
        <f t="shared" si="319"/>
        <v>2.0228992191609017</v>
      </c>
      <c r="I1368" s="236">
        <f t="shared" si="320"/>
        <v>15.669066232299688</v>
      </c>
      <c r="J1368" s="237">
        <f t="shared" si="325"/>
        <v>5.6690662322996879</v>
      </c>
      <c r="K1368" s="237">
        <f t="shared" si="321"/>
        <v>211.10932934777369</v>
      </c>
      <c r="L1368" s="237">
        <f t="shared" si="326"/>
        <v>76.419012811399796</v>
      </c>
      <c r="M1368" s="236">
        <f t="shared" si="322"/>
        <v>3.7062853893602696</v>
      </c>
      <c r="N1368" s="236">
        <f t="shared" si="323"/>
        <v>3.5306910713348607</v>
      </c>
      <c r="O1368" s="236">
        <f t="shared" si="327"/>
        <v>3.3972759292093664</v>
      </c>
      <c r="P1368" s="236" t="str">
        <f t="shared" si="328"/>
        <v>CLAY</v>
      </c>
      <c r="Q1368" s="236">
        <f t="shared" si="324"/>
        <v>23.602555887685526</v>
      </c>
      <c r="R1368" s="238">
        <v>35</v>
      </c>
      <c r="S1368" s="236">
        <f t="shared" si="329"/>
        <v>1.2856228437595407</v>
      </c>
      <c r="T1368" s="236" t="e">
        <f t="shared" si="315"/>
        <v>#N/A</v>
      </c>
    </row>
    <row r="1369" spans="1:20" x14ac:dyDescent="0.2">
      <c r="A1369" s="53">
        <f t="shared" si="316"/>
        <v>1357</v>
      </c>
      <c r="B1369" s="239">
        <v>13.489000000000001</v>
      </c>
      <c r="C1369" s="3">
        <f t="shared" si="317"/>
        <v>13.482000000000001</v>
      </c>
      <c r="D1369" s="239">
        <v>0.41399999999999998</v>
      </c>
      <c r="E1369" s="239">
        <v>9.5999999999999992E-3</v>
      </c>
      <c r="F1369" s="239">
        <v>0.38219999999999998</v>
      </c>
      <c r="G1369">
        <f t="shared" si="318"/>
        <v>0.49043999999999999</v>
      </c>
      <c r="H1369" s="235">
        <f t="shared" si="319"/>
        <v>1.9574259848299487</v>
      </c>
      <c r="I1369" s="236">
        <f t="shared" si="320"/>
        <v>15.618102678972619</v>
      </c>
      <c r="J1369" s="237">
        <f t="shared" si="325"/>
        <v>5.6181026789726189</v>
      </c>
      <c r="K1369" s="237">
        <f t="shared" si="321"/>
        <v>210.56326031790886</v>
      </c>
      <c r="L1369" s="237">
        <f t="shared" si="326"/>
        <v>75.782587036661667</v>
      </c>
      <c r="M1369" s="236">
        <f t="shared" si="322"/>
        <v>3.6931536732401864</v>
      </c>
      <c r="N1369" s="236">
        <f t="shared" si="323"/>
        <v>3.4300814033007998</v>
      </c>
      <c r="O1369" s="236">
        <f t="shared" si="327"/>
        <v>3.3920783607866385</v>
      </c>
      <c r="P1369" s="236" t="str">
        <f t="shared" si="328"/>
        <v>CLAY</v>
      </c>
      <c r="Q1369" s="236">
        <f t="shared" si="324"/>
        <v>23.323061640174263</v>
      </c>
      <c r="R1369" s="238">
        <v>35</v>
      </c>
      <c r="S1369" s="236">
        <f t="shared" si="329"/>
        <v>1.2799315151076294</v>
      </c>
      <c r="T1369" s="236" t="e">
        <f t="shared" si="315"/>
        <v>#N/A</v>
      </c>
    </row>
    <row r="1370" spans="1:20" x14ac:dyDescent="0.2">
      <c r="A1370" s="53">
        <f t="shared" si="316"/>
        <v>1358</v>
      </c>
      <c r="B1370" s="239">
        <v>13.499000000000001</v>
      </c>
      <c r="C1370" s="3">
        <f t="shared" si="317"/>
        <v>13.492000000000001</v>
      </c>
      <c r="D1370" s="239">
        <v>0.40670000000000001</v>
      </c>
      <c r="E1370" s="239">
        <v>9.4000000000000004E-3</v>
      </c>
      <c r="F1370" s="239">
        <v>0.37640000000000001</v>
      </c>
      <c r="G1370">
        <f t="shared" si="318"/>
        <v>0.48197999999999996</v>
      </c>
      <c r="H1370" s="235">
        <f t="shared" si="319"/>
        <v>1.950288393709283</v>
      </c>
      <c r="I1370" s="236">
        <f t="shared" si="320"/>
        <v>15.586614374714017</v>
      </c>
      <c r="J1370" s="237">
        <f t="shared" si="325"/>
        <v>5.5866143747140171</v>
      </c>
      <c r="K1370" s="237">
        <f t="shared" si="321"/>
        <v>210.29460114364153</v>
      </c>
      <c r="L1370" s="237">
        <f t="shared" si="326"/>
        <v>75.413707444264517</v>
      </c>
      <c r="M1370" s="236">
        <f t="shared" si="322"/>
        <v>3.6025996872936008</v>
      </c>
      <c r="N1370" s="236">
        <f t="shared" si="323"/>
        <v>3.4598841305306327</v>
      </c>
      <c r="O1370" s="236">
        <f t="shared" si="327"/>
        <v>3.4032490129620219</v>
      </c>
      <c r="P1370" s="236" t="str">
        <f t="shared" si="328"/>
        <v>CLAY</v>
      </c>
      <c r="Q1370" s="236">
        <f t="shared" si="324"/>
        <v>22.640449904696538</v>
      </c>
      <c r="R1370" s="238">
        <v>35</v>
      </c>
      <c r="S1370" s="236">
        <f t="shared" si="329"/>
        <v>1.2408235211488725</v>
      </c>
      <c r="T1370" s="236" t="e">
        <f t="shared" si="315"/>
        <v>#N/A</v>
      </c>
    </row>
    <row r="1371" spans="1:20" x14ac:dyDescent="0.2">
      <c r="A1371" s="53">
        <f t="shared" si="316"/>
        <v>1359</v>
      </c>
      <c r="B1371" s="239">
        <v>13.51</v>
      </c>
      <c r="C1371" s="3">
        <f t="shared" si="317"/>
        <v>13.503</v>
      </c>
      <c r="D1371" s="239">
        <v>0.4017</v>
      </c>
      <c r="E1371" s="239">
        <v>9.2999999999999992E-3</v>
      </c>
      <c r="F1371" s="239">
        <v>0.3674</v>
      </c>
      <c r="G1371">
        <f t="shared" si="318"/>
        <v>0.47517999999999999</v>
      </c>
      <c r="H1371" s="235">
        <f t="shared" si="319"/>
        <v>1.957153078833284</v>
      </c>
      <c r="I1371" s="236">
        <f t="shared" si="320"/>
        <v>15.568519353359187</v>
      </c>
      <c r="J1371" s="237">
        <f t="shared" si="325"/>
        <v>5.5685193533591875</v>
      </c>
      <c r="K1371" s="237">
        <f t="shared" si="321"/>
        <v>210.22171682840911</v>
      </c>
      <c r="L1371" s="237">
        <f t="shared" si="326"/>
        <v>75.230696463882623</v>
      </c>
      <c r="M1371" s="236">
        <f t="shared" si="322"/>
        <v>3.5219437759531345</v>
      </c>
      <c r="N1371" s="236">
        <f t="shared" si="323"/>
        <v>3.5099865113396667</v>
      </c>
      <c r="O1371" s="236">
        <f t="shared" si="327"/>
        <v>3.4148944860627592</v>
      </c>
      <c r="P1371" s="236" t="str">
        <f t="shared" si="328"/>
        <v>CLAY</v>
      </c>
      <c r="Q1371" s="236">
        <f t="shared" si="324"/>
        <v>22.079856930965907</v>
      </c>
      <c r="R1371" s="238">
        <v>35</v>
      </c>
      <c r="S1371" s="236">
        <f t="shared" si="329"/>
        <v>1.2061964111872643</v>
      </c>
      <c r="T1371" s="236" t="e">
        <f t="shared" si="315"/>
        <v>#N/A</v>
      </c>
    </row>
    <row r="1372" spans="1:20" x14ac:dyDescent="0.2">
      <c r="A1372" s="53">
        <f t="shared" si="316"/>
        <v>1360</v>
      </c>
      <c r="B1372" s="239">
        <v>13.519</v>
      </c>
      <c r="C1372" s="3">
        <f t="shared" si="317"/>
        <v>13.512</v>
      </c>
      <c r="D1372" s="239">
        <v>0.39400000000000002</v>
      </c>
      <c r="E1372" s="239">
        <v>9.1999999999999998E-3</v>
      </c>
      <c r="F1372" s="239">
        <v>0.36609999999999998</v>
      </c>
      <c r="G1372">
        <f t="shared" si="318"/>
        <v>0.46721999999999997</v>
      </c>
      <c r="H1372" s="235">
        <f t="shared" si="319"/>
        <v>1.9690937887932882</v>
      </c>
      <c r="I1372" s="236">
        <f t="shared" si="320"/>
        <v>15.549239470787299</v>
      </c>
      <c r="J1372" s="237">
        <f t="shared" si="325"/>
        <v>5.549239470787299</v>
      </c>
      <c r="K1372" s="237">
        <f t="shared" si="321"/>
        <v>210.10132372927799</v>
      </c>
      <c r="L1372" s="237">
        <f t="shared" si="326"/>
        <v>75.0201684055735</v>
      </c>
      <c r="M1372" s="236">
        <f t="shared" si="322"/>
        <v>3.4273273672312863</v>
      </c>
      <c r="N1372" s="236">
        <f t="shared" si="323"/>
        <v>3.5781142519235978</v>
      </c>
      <c r="O1372" s="236">
        <f t="shared" si="327"/>
        <v>3.4293344733790128</v>
      </c>
      <c r="P1372" s="236" t="str">
        <f t="shared" si="328"/>
        <v>CLAY</v>
      </c>
      <c r="Q1372" s="236">
        <f t="shared" si="324"/>
        <v>21.426556355893496</v>
      </c>
      <c r="R1372" s="238">
        <v>35</v>
      </c>
      <c r="S1372" s="236">
        <f t="shared" si="329"/>
        <v>1.1658280349455583</v>
      </c>
      <c r="T1372" s="236" t="e">
        <f t="shared" si="315"/>
        <v>#N/A</v>
      </c>
    </row>
    <row r="1373" spans="1:20" x14ac:dyDescent="0.2">
      <c r="A1373" s="53">
        <f t="shared" si="316"/>
        <v>1361</v>
      </c>
      <c r="B1373" s="239">
        <v>13.529</v>
      </c>
      <c r="C1373" s="3">
        <f t="shared" si="317"/>
        <v>13.522</v>
      </c>
      <c r="D1373" s="239">
        <v>0.39200000000000002</v>
      </c>
      <c r="E1373" s="239">
        <v>9.1000000000000004E-3</v>
      </c>
      <c r="F1373" s="239">
        <v>0.36</v>
      </c>
      <c r="G1373">
        <f t="shared" si="318"/>
        <v>0.46399999999999997</v>
      </c>
      <c r="H1373" s="235">
        <f t="shared" si="319"/>
        <v>1.9612068965517242</v>
      </c>
      <c r="I1373" s="236">
        <f t="shared" si="320"/>
        <v>15.533720996148832</v>
      </c>
      <c r="J1373" s="237">
        <f t="shared" si="325"/>
        <v>5.5337209961488316</v>
      </c>
      <c r="K1373" s="237">
        <f t="shared" si="321"/>
        <v>210.04697530992451</v>
      </c>
      <c r="L1373" s="237">
        <f t="shared" si="326"/>
        <v>74.865711356897549</v>
      </c>
      <c r="M1373" s="236">
        <f t="shared" si="322"/>
        <v>3.3921139609485347</v>
      </c>
      <c r="N1373" s="236">
        <f t="shared" si="323"/>
        <v>3.5833398759891324</v>
      </c>
      <c r="O1373" s="236">
        <f t="shared" si="327"/>
        <v>3.4335014173990057</v>
      </c>
      <c r="P1373" s="236" t="str">
        <f t="shared" si="328"/>
        <v>CLAY</v>
      </c>
      <c r="Q1373" s="236">
        <f t="shared" si="324"/>
        <v>21.162752057506285</v>
      </c>
      <c r="R1373" s="238">
        <v>35</v>
      </c>
      <c r="S1373" s="236">
        <f t="shared" si="329"/>
        <v>1.1508747228498144</v>
      </c>
      <c r="T1373" s="236" t="e">
        <f t="shared" si="315"/>
        <v>#N/A</v>
      </c>
    </row>
    <row r="1374" spans="1:20" x14ac:dyDescent="0.2">
      <c r="A1374" s="53">
        <f t="shared" si="316"/>
        <v>1362</v>
      </c>
      <c r="B1374" s="239">
        <v>13.538</v>
      </c>
      <c r="C1374" s="3">
        <f t="shared" si="317"/>
        <v>13.531000000000001</v>
      </c>
      <c r="D1374" s="239">
        <v>0.37930000000000003</v>
      </c>
      <c r="E1374" s="239">
        <v>9.1999999999999998E-3</v>
      </c>
      <c r="F1374" s="239">
        <v>0.36259999999999998</v>
      </c>
      <c r="G1374">
        <f t="shared" si="318"/>
        <v>0.45182</v>
      </c>
      <c r="H1374" s="235">
        <f t="shared" si="319"/>
        <v>2.0362091098224959</v>
      </c>
      <c r="I1374" s="236">
        <f t="shared" si="320"/>
        <v>15.536139094327437</v>
      </c>
      <c r="J1374" s="237">
        <f t="shared" si="325"/>
        <v>5.5361390943274369</v>
      </c>
      <c r="K1374" s="237">
        <f t="shared" si="321"/>
        <v>210.21949808534455</v>
      </c>
      <c r="L1374" s="237">
        <f t="shared" si="326"/>
        <v>74.948251059004846</v>
      </c>
      <c r="M1374" s="236">
        <f t="shared" si="322"/>
        <v>3.2235642393369464</v>
      </c>
      <c r="N1374" s="236">
        <f t="shared" si="323"/>
        <v>3.8079391090213335</v>
      </c>
      <c r="O1374" s="236">
        <f t="shared" si="327"/>
        <v>3.4661125424883643</v>
      </c>
      <c r="P1374" s="236" t="str">
        <f t="shared" si="328"/>
        <v>CLAY</v>
      </c>
      <c r="Q1374" s="236">
        <f t="shared" si="324"/>
        <v>20.133375159554621</v>
      </c>
      <c r="R1374" s="238">
        <v>35</v>
      </c>
      <c r="S1374" s="236">
        <f t="shared" si="329"/>
        <v>1.0798425099654378</v>
      </c>
      <c r="T1374" s="236" t="e">
        <f t="shared" si="315"/>
        <v>#N/A</v>
      </c>
    </row>
    <row r="1375" spans="1:20" x14ac:dyDescent="0.2">
      <c r="A1375" s="53">
        <f t="shared" si="316"/>
        <v>1363</v>
      </c>
      <c r="B1375" s="239">
        <v>13.548999999999999</v>
      </c>
      <c r="C1375" s="3">
        <f t="shared" si="317"/>
        <v>13.542</v>
      </c>
      <c r="D1375" s="239">
        <v>0.36759999999999998</v>
      </c>
      <c r="E1375" s="239">
        <v>9.4000000000000004E-3</v>
      </c>
      <c r="F1375" s="239">
        <v>0.36420000000000002</v>
      </c>
      <c r="G1375">
        <f t="shared" si="318"/>
        <v>0.44043999999999994</v>
      </c>
      <c r="H1375" s="235">
        <f t="shared" si="319"/>
        <v>2.1342294069566803</v>
      </c>
      <c r="I1375" s="236">
        <f t="shared" si="320"/>
        <v>15.551386337670628</v>
      </c>
      <c r="J1375" s="237">
        <f t="shared" si="325"/>
        <v>5.5513863376706283</v>
      </c>
      <c r="K1375" s="237">
        <f t="shared" si="321"/>
        <v>210.59687378473564</v>
      </c>
      <c r="L1375" s="237">
        <f t="shared" si="326"/>
        <v>75.215733489099335</v>
      </c>
      <c r="M1375" s="236">
        <f t="shared" si="322"/>
        <v>3.0557852134563626</v>
      </c>
      <c r="N1375" s="236">
        <f t="shared" si="323"/>
        <v>4.0897459736064663</v>
      </c>
      <c r="O1375" s="236">
        <f t="shared" si="327"/>
        <v>3.5020855511556217</v>
      </c>
      <c r="P1375" s="236" t="str">
        <f t="shared" si="328"/>
        <v>CLAY</v>
      </c>
      <c r="Q1375" s="236">
        <f t="shared" si="324"/>
        <v>19.153593851272024</v>
      </c>
      <c r="R1375" s="238">
        <v>35</v>
      </c>
      <c r="S1375" s="236">
        <f t="shared" si="329"/>
        <v>1.0100515513380404</v>
      </c>
      <c r="T1375" s="236" t="e">
        <f t="shared" si="315"/>
        <v>#N/A</v>
      </c>
    </row>
    <row r="1376" spans="1:20" x14ac:dyDescent="0.2">
      <c r="A1376" s="53">
        <f t="shared" si="316"/>
        <v>1364</v>
      </c>
      <c r="B1376" s="239">
        <v>13.558999999999999</v>
      </c>
      <c r="C1376" s="3">
        <f t="shared" si="317"/>
        <v>13.552</v>
      </c>
      <c r="D1376" s="239">
        <v>0.36399999999999999</v>
      </c>
      <c r="E1376" s="239">
        <v>9.4999999999999998E-3</v>
      </c>
      <c r="F1376" s="239">
        <v>0.36299999999999999</v>
      </c>
      <c r="G1376">
        <f t="shared" si="318"/>
        <v>0.43659999999999999</v>
      </c>
      <c r="H1376" s="235">
        <f t="shared" si="319"/>
        <v>2.1759047182775997</v>
      </c>
      <c r="I1376" s="236">
        <f t="shared" si="320"/>
        <v>15.560372146898182</v>
      </c>
      <c r="J1376" s="237">
        <f t="shared" si="325"/>
        <v>5.5603721468981817</v>
      </c>
      <c r="K1376" s="237">
        <f t="shared" si="321"/>
        <v>210.87416333476415</v>
      </c>
      <c r="L1376" s="237">
        <f t="shared" si="326"/>
        <v>75.393085939792442</v>
      </c>
      <c r="M1376" s="236">
        <f t="shared" si="322"/>
        <v>2.9939859053587008</v>
      </c>
      <c r="N1376" s="236">
        <f t="shared" si="323"/>
        <v>4.2086453816489948</v>
      </c>
      <c r="O1376" s="236">
        <f t="shared" si="327"/>
        <v>3.5161628941045278</v>
      </c>
      <c r="P1376" s="236" t="str">
        <f t="shared" si="328"/>
        <v>CLAY</v>
      </c>
      <c r="Q1376" s="236">
        <f t="shared" si="324"/>
        <v>18.81048638876965</v>
      </c>
      <c r="R1376" s="238">
        <v>35</v>
      </c>
      <c r="S1376" s="236">
        <f t="shared" si="329"/>
        <v>0.98458269431523138</v>
      </c>
      <c r="T1376" s="236" t="e">
        <f t="shared" si="315"/>
        <v>#N/A</v>
      </c>
    </row>
    <row r="1377" spans="1:20" x14ac:dyDescent="0.2">
      <c r="A1377" s="53">
        <f t="shared" si="316"/>
        <v>1365</v>
      </c>
      <c r="B1377" s="239">
        <v>13.568</v>
      </c>
      <c r="C1377" s="3">
        <f t="shared" si="317"/>
        <v>13.561</v>
      </c>
      <c r="D1377" s="239">
        <v>0.3543</v>
      </c>
      <c r="E1377" s="239">
        <v>9.4999999999999998E-3</v>
      </c>
      <c r="F1377" s="239">
        <v>0.36159999999999998</v>
      </c>
      <c r="G1377">
        <f t="shared" si="318"/>
        <v>0.42662</v>
      </c>
      <c r="H1377" s="235">
        <f t="shared" si="319"/>
        <v>2.2268060569124746</v>
      </c>
      <c r="I1377" s="236">
        <f t="shared" si="320"/>
        <v>15.551333878896592</v>
      </c>
      <c r="J1377" s="237">
        <f t="shared" si="325"/>
        <v>5.5513338788965925</v>
      </c>
      <c r="K1377" s="237">
        <f t="shared" si="321"/>
        <v>210.89163873171668</v>
      </c>
      <c r="L1377" s="237">
        <f t="shared" si="326"/>
        <v>75.320498068868957</v>
      </c>
      <c r="M1377" s="236">
        <f t="shared" si="322"/>
        <v>2.8641388041676659</v>
      </c>
      <c r="N1377" s="236">
        <f t="shared" si="323"/>
        <v>4.403686165392803</v>
      </c>
      <c r="O1377" s="236">
        <f t="shared" si="327"/>
        <v>3.5428824724645294</v>
      </c>
      <c r="P1377" s="236" t="str">
        <f t="shared" si="328"/>
        <v>CLAY</v>
      </c>
      <c r="Q1377" s="236">
        <f t="shared" si="324"/>
        <v>17.977363439023609</v>
      </c>
      <c r="R1377" s="238">
        <v>35</v>
      </c>
      <c r="S1377" s="236">
        <f t="shared" si="329"/>
        <v>0.93149941236670109</v>
      </c>
      <c r="T1377" s="236" t="e">
        <f t="shared" si="315"/>
        <v>#N/A</v>
      </c>
    </row>
    <row r="1378" spans="1:20" x14ac:dyDescent="0.2">
      <c r="A1378" s="53">
        <f t="shared" si="316"/>
        <v>1366</v>
      </c>
      <c r="B1378" s="239">
        <v>13.579000000000001</v>
      </c>
      <c r="C1378" s="3">
        <f t="shared" si="317"/>
        <v>13.572000000000001</v>
      </c>
      <c r="D1378" s="239">
        <v>0.35020000000000001</v>
      </c>
      <c r="E1378" s="239">
        <v>9.2999999999999992E-3</v>
      </c>
      <c r="F1378" s="239">
        <v>0.36149999999999999</v>
      </c>
      <c r="G1378">
        <f t="shared" si="318"/>
        <v>0.42249999999999999</v>
      </c>
      <c r="H1378" s="235">
        <f t="shared" si="319"/>
        <v>2.2011834319526624</v>
      </c>
      <c r="I1378" s="236">
        <f t="shared" si="320"/>
        <v>15.522591057435251</v>
      </c>
      <c r="J1378" s="237">
        <f t="shared" si="325"/>
        <v>5.5225910574352515</v>
      </c>
      <c r="K1378" s="237">
        <f t="shared" si="321"/>
        <v>210.67260583151125</v>
      </c>
      <c r="L1378" s="237">
        <f t="shared" si="326"/>
        <v>74.991263968913287</v>
      </c>
      <c r="M1378" s="236">
        <f t="shared" si="322"/>
        <v>2.8246942771400576</v>
      </c>
      <c r="N1378" s="236">
        <f t="shared" si="323"/>
        <v>4.3903669950274349</v>
      </c>
      <c r="O1378" s="236">
        <f t="shared" si="327"/>
        <v>3.5473148588722538</v>
      </c>
      <c r="P1378" s="236" t="str">
        <f t="shared" si="328"/>
        <v>CLAY</v>
      </c>
      <c r="Q1378" s="236">
        <f t="shared" si="324"/>
        <v>17.652282847374064</v>
      </c>
      <c r="R1378" s="238">
        <v>35</v>
      </c>
      <c r="S1378" s="236">
        <f t="shared" si="329"/>
        <v>0.91549151021751241</v>
      </c>
      <c r="T1378" s="236" t="e">
        <f t="shared" si="315"/>
        <v>#N/A</v>
      </c>
    </row>
    <row r="1379" spans="1:20" x14ac:dyDescent="0.2">
      <c r="A1379" s="53">
        <f t="shared" si="316"/>
        <v>1367</v>
      </c>
      <c r="B1379" s="239">
        <v>13.587999999999999</v>
      </c>
      <c r="C1379" s="3">
        <f t="shared" si="317"/>
        <v>13.581</v>
      </c>
      <c r="D1379" s="239">
        <v>0.34699999999999998</v>
      </c>
      <c r="E1379" s="239">
        <v>9.1000000000000004E-3</v>
      </c>
      <c r="F1379" s="239">
        <v>0.35770000000000002</v>
      </c>
      <c r="G1379">
        <f t="shared" si="318"/>
        <v>0.41853999999999997</v>
      </c>
      <c r="H1379" s="235">
        <f t="shared" si="319"/>
        <v>2.1742246858125869</v>
      </c>
      <c r="I1379" s="236">
        <f t="shared" si="320"/>
        <v>15.493418086625654</v>
      </c>
      <c r="J1379" s="237">
        <f t="shared" si="325"/>
        <v>5.4934180866256543</v>
      </c>
      <c r="K1379" s="237">
        <f t="shared" si="321"/>
        <v>210.416111034463</v>
      </c>
      <c r="L1379" s="237">
        <f t="shared" si="326"/>
        <v>74.644564961069392</v>
      </c>
      <c r="M1379" s="236">
        <f t="shared" si="322"/>
        <v>2.7881988336871308</v>
      </c>
      <c r="N1379" s="236">
        <f t="shared" si="323"/>
        <v>4.3723957135487028</v>
      </c>
      <c r="O1379" s="236">
        <f t="shared" si="327"/>
        <v>3.5511890091803546</v>
      </c>
      <c r="P1379" s="236" t="str">
        <f t="shared" si="328"/>
        <v>CLAY</v>
      </c>
      <c r="Q1379" s="236">
        <f t="shared" si="324"/>
        <v>17.343657413794748</v>
      </c>
      <c r="R1379" s="238">
        <v>35</v>
      </c>
      <c r="S1379" s="236">
        <f t="shared" si="329"/>
        <v>0.90073011911405421</v>
      </c>
      <c r="T1379" s="236" t="e">
        <f t="shared" si="315"/>
        <v>#N/A</v>
      </c>
    </row>
    <row r="1380" spans="1:20" x14ac:dyDescent="0.2">
      <c r="A1380" s="53">
        <f t="shared" si="316"/>
        <v>1368</v>
      </c>
      <c r="B1380" s="239">
        <v>13.599</v>
      </c>
      <c r="C1380" s="3">
        <f t="shared" si="317"/>
        <v>13.592000000000001</v>
      </c>
      <c r="D1380" s="239">
        <v>0.3458</v>
      </c>
      <c r="E1380" s="239">
        <v>8.8999999999999999E-3</v>
      </c>
      <c r="F1380" s="239">
        <v>0.35139999999999999</v>
      </c>
      <c r="G1380">
        <f t="shared" si="318"/>
        <v>0.41608000000000001</v>
      </c>
      <c r="H1380" s="235">
        <f t="shared" si="319"/>
        <v>2.1390117285137471</v>
      </c>
      <c r="I1380" s="236">
        <f t="shared" si="320"/>
        <v>15.465055229013849</v>
      </c>
      <c r="J1380" s="237">
        <f t="shared" si="325"/>
        <v>5.4650552290138492</v>
      </c>
      <c r="K1380" s="237">
        <f t="shared" si="321"/>
        <v>210.20103067275625</v>
      </c>
      <c r="L1380" s="237">
        <f t="shared" si="326"/>
        <v>74.319286059359342</v>
      </c>
      <c r="M1380" s="236">
        <f t="shared" si="322"/>
        <v>2.7701957357718254</v>
      </c>
      <c r="N1380" s="236">
        <f t="shared" si="323"/>
        <v>4.3229281888688149</v>
      </c>
      <c r="O1380" s="236">
        <f t="shared" si="327"/>
        <v>3.5510005633049322</v>
      </c>
      <c r="P1380" s="236" t="str">
        <f t="shared" si="328"/>
        <v>CLAY</v>
      </c>
      <c r="Q1380" s="236">
        <f t="shared" si="324"/>
        <v>17.15658077727031</v>
      </c>
      <c r="R1380" s="238">
        <v>35</v>
      </c>
      <c r="S1380" s="236">
        <f t="shared" si="329"/>
        <v>0.89346610018813621</v>
      </c>
      <c r="T1380" s="236" t="e">
        <f t="shared" si="315"/>
        <v>#N/A</v>
      </c>
    </row>
    <row r="1381" spans="1:20" x14ac:dyDescent="0.2">
      <c r="A1381" s="53">
        <f t="shared" si="316"/>
        <v>1369</v>
      </c>
      <c r="B1381" s="239">
        <v>13.61</v>
      </c>
      <c r="C1381" s="3">
        <f t="shared" si="317"/>
        <v>13.603</v>
      </c>
      <c r="D1381" s="239">
        <v>0.34889999999999999</v>
      </c>
      <c r="E1381" s="239">
        <v>8.8999999999999999E-3</v>
      </c>
      <c r="F1381" s="239">
        <v>0.35110000000000002</v>
      </c>
      <c r="G1381">
        <f t="shared" si="318"/>
        <v>0.41911999999999999</v>
      </c>
      <c r="H1381" s="235">
        <f t="shared" si="319"/>
        <v>2.1234968505439973</v>
      </c>
      <c r="I1381" s="236">
        <f t="shared" si="320"/>
        <v>15.467900619219652</v>
      </c>
      <c r="J1381" s="237">
        <f t="shared" si="325"/>
        <v>5.4679006192196518</v>
      </c>
      <c r="K1381" s="237">
        <f t="shared" si="321"/>
        <v>210.40985212324492</v>
      </c>
      <c r="L1381" s="237">
        <f t="shared" si="326"/>
        <v>74.418127427579464</v>
      </c>
      <c r="M1381" s="236">
        <f t="shared" si="322"/>
        <v>2.8045605968769216</v>
      </c>
      <c r="N1381" s="236">
        <f t="shared" si="323"/>
        <v>4.2642871420202901</v>
      </c>
      <c r="O1381" s="236">
        <f t="shared" si="327"/>
        <v>3.543336401229837</v>
      </c>
      <c r="P1381" s="236" t="str">
        <f t="shared" si="328"/>
        <v>CLAY</v>
      </c>
      <c r="Q1381" s="236">
        <f t="shared" si="324"/>
        <v>17.392512323062924</v>
      </c>
      <c r="R1381" s="238">
        <v>35</v>
      </c>
      <c r="S1381" s="236">
        <f t="shared" si="329"/>
        <v>0.90734206124621664</v>
      </c>
      <c r="T1381" s="236" t="e">
        <f t="shared" si="315"/>
        <v>#N/A</v>
      </c>
    </row>
    <row r="1382" spans="1:20" x14ac:dyDescent="0.2">
      <c r="A1382" s="53">
        <f t="shared" si="316"/>
        <v>1370</v>
      </c>
      <c r="B1382" s="239">
        <v>13.619</v>
      </c>
      <c r="C1382" s="3">
        <f t="shared" si="317"/>
        <v>13.612</v>
      </c>
      <c r="D1382" s="239">
        <v>0.3518</v>
      </c>
      <c r="E1382" s="239">
        <v>8.8999999999999999E-3</v>
      </c>
      <c r="F1382" s="239">
        <v>0.35010000000000002</v>
      </c>
      <c r="G1382">
        <f t="shared" si="318"/>
        <v>0.42181999999999997</v>
      </c>
      <c r="H1382" s="235">
        <f t="shared" si="319"/>
        <v>2.1099046986866434</v>
      </c>
      <c r="I1382" s="236">
        <f t="shared" si="320"/>
        <v>15.470410522940185</v>
      </c>
      <c r="J1382" s="237">
        <f t="shared" si="325"/>
        <v>5.4704105229401847</v>
      </c>
      <c r="K1382" s="237">
        <f t="shared" si="321"/>
        <v>210.58322803826181</v>
      </c>
      <c r="L1382" s="237">
        <f t="shared" si="326"/>
        <v>74.50152091192237</v>
      </c>
      <c r="M1382" s="236">
        <f t="shared" si="322"/>
        <v>2.8353350290857522</v>
      </c>
      <c r="N1382" s="236">
        <f t="shared" si="323"/>
        <v>4.2132815784611966</v>
      </c>
      <c r="O1382" s="236">
        <f t="shared" si="327"/>
        <v>3.5365662780302221</v>
      </c>
      <c r="P1382" s="236" t="str">
        <f t="shared" si="328"/>
        <v>CLAY</v>
      </c>
      <c r="Q1382" s="236">
        <f t="shared" si="324"/>
        <v>17.60306433014485</v>
      </c>
      <c r="R1382" s="238">
        <v>35</v>
      </c>
      <c r="S1382" s="236">
        <f t="shared" si="329"/>
        <v>0.91980441096548282</v>
      </c>
      <c r="T1382" s="236" t="e">
        <f t="shared" si="315"/>
        <v>#N/A</v>
      </c>
    </row>
    <row r="1383" spans="1:20" x14ac:dyDescent="0.2">
      <c r="A1383" s="53">
        <f t="shared" si="316"/>
        <v>1371</v>
      </c>
      <c r="B1383" s="239">
        <v>13.63</v>
      </c>
      <c r="C1383" s="3">
        <f t="shared" si="317"/>
        <v>13.623000000000001</v>
      </c>
      <c r="D1383" s="239">
        <v>0.35049999999999998</v>
      </c>
      <c r="E1383" s="239">
        <v>9.1999999999999998E-3</v>
      </c>
      <c r="F1383" s="239">
        <v>0.35699999999999998</v>
      </c>
      <c r="G1383">
        <f t="shared" si="318"/>
        <v>0.42189999999999994</v>
      </c>
      <c r="H1383" s="235">
        <f t="shared" si="319"/>
        <v>2.1806115193173743</v>
      </c>
      <c r="I1383" s="236">
        <f t="shared" si="320"/>
        <v>15.509358761059179</v>
      </c>
      <c r="J1383" s="237">
        <f t="shared" si="325"/>
        <v>5.509358761059179</v>
      </c>
      <c r="K1383" s="237">
        <f t="shared" si="321"/>
        <v>211.28399440190921</v>
      </c>
      <c r="L1383" s="237">
        <f t="shared" si="326"/>
        <v>75.092559913236613</v>
      </c>
      <c r="M1383" s="236">
        <f t="shared" si="322"/>
        <v>2.8047519733172033</v>
      </c>
      <c r="N1383" s="236">
        <f t="shared" si="323"/>
        <v>4.3681390566090013</v>
      </c>
      <c r="O1383" s="236">
        <f t="shared" si="327"/>
        <v>3.5487779281311544</v>
      </c>
      <c r="P1383" s="236" t="str">
        <f t="shared" si="328"/>
        <v>CLAY</v>
      </c>
      <c r="Q1383" s="236">
        <f t="shared" si="324"/>
        <v>17.551333799840894</v>
      </c>
      <c r="R1383" s="238">
        <v>35</v>
      </c>
      <c r="S1383" s="236">
        <f t="shared" si="329"/>
        <v>0.90741945544439206</v>
      </c>
      <c r="T1383" s="236" t="e">
        <f t="shared" si="315"/>
        <v>#N/A</v>
      </c>
    </row>
    <row r="1384" spans="1:20" x14ac:dyDescent="0.2">
      <c r="A1384" s="53">
        <f t="shared" si="316"/>
        <v>1372</v>
      </c>
      <c r="B1384" s="239">
        <v>13.638999999999999</v>
      </c>
      <c r="C1384" s="3">
        <f t="shared" si="317"/>
        <v>13.632</v>
      </c>
      <c r="D1384" s="239">
        <v>0.34770000000000001</v>
      </c>
      <c r="E1384" s="239">
        <v>9.4999999999999998E-3</v>
      </c>
      <c r="F1384" s="239">
        <v>0.3584</v>
      </c>
      <c r="G1384">
        <f t="shared" si="318"/>
        <v>0.41937999999999998</v>
      </c>
      <c r="H1384" s="235">
        <f t="shared" si="319"/>
        <v>2.2652487004625876</v>
      </c>
      <c r="I1384" s="236">
        <f t="shared" si="320"/>
        <v>15.544643732486175</v>
      </c>
      <c r="J1384" s="237">
        <f t="shared" si="325"/>
        <v>5.5446437324861755</v>
      </c>
      <c r="K1384" s="237">
        <f t="shared" si="321"/>
        <v>211.90458336125153</v>
      </c>
      <c r="L1384" s="237">
        <f t="shared" si="326"/>
        <v>75.623395867378946</v>
      </c>
      <c r="M1384" s="236">
        <f t="shared" si="322"/>
        <v>2.7435347786100341</v>
      </c>
      <c r="N1384" s="236">
        <f t="shared" si="323"/>
        <v>4.5788557285035782</v>
      </c>
      <c r="O1384" s="236">
        <f t="shared" si="327"/>
        <v>3.5676866663097839</v>
      </c>
      <c r="P1384" s="236" t="str">
        <f t="shared" si="328"/>
        <v>CLAY</v>
      </c>
      <c r="Q1384" s="236">
        <f t="shared" si="324"/>
        <v>17.289618053229038</v>
      </c>
      <c r="R1384" s="238">
        <v>35</v>
      </c>
      <c r="S1384" s="236">
        <f t="shared" si="329"/>
        <v>0.88273042590887985</v>
      </c>
      <c r="T1384" s="236" t="e">
        <f t="shared" si="315"/>
        <v>#N/A</v>
      </c>
    </row>
    <row r="1385" spans="1:20" x14ac:dyDescent="0.2">
      <c r="A1385" s="53">
        <f t="shared" si="316"/>
        <v>1373</v>
      </c>
      <c r="B1385" s="239">
        <v>13.65</v>
      </c>
      <c r="C1385" s="3">
        <f t="shared" si="317"/>
        <v>13.643000000000001</v>
      </c>
      <c r="D1385" s="239">
        <v>0.34389999999999998</v>
      </c>
      <c r="E1385" s="239">
        <v>9.7000000000000003E-3</v>
      </c>
      <c r="F1385" s="239">
        <v>0.36509999999999998</v>
      </c>
      <c r="G1385">
        <f t="shared" si="318"/>
        <v>0.41691999999999996</v>
      </c>
      <c r="H1385" s="235">
        <f t="shared" si="319"/>
        <v>2.326585436054879</v>
      </c>
      <c r="I1385" s="236">
        <f t="shared" si="320"/>
        <v>15.566774193086303</v>
      </c>
      <c r="J1385" s="237">
        <f t="shared" si="325"/>
        <v>5.5667741930863031</v>
      </c>
      <c r="K1385" s="237">
        <f t="shared" si="321"/>
        <v>212.37750031627644</v>
      </c>
      <c r="L1385" s="237">
        <f t="shared" si="326"/>
        <v>75.98646773562804</v>
      </c>
      <c r="M1385" s="236">
        <f t="shared" si="322"/>
        <v>2.6918279764676964</v>
      </c>
      <c r="N1385" s="236">
        <f t="shared" si="323"/>
        <v>4.7422907293099241</v>
      </c>
      <c r="O1385" s="236">
        <f t="shared" si="327"/>
        <v>3.5827480463362886</v>
      </c>
      <c r="P1385" s="236" t="str">
        <f t="shared" si="328"/>
        <v>CLAY</v>
      </c>
      <c r="Q1385" s="236">
        <f t="shared" si="324"/>
        <v>17.04520830697696</v>
      </c>
      <c r="R1385" s="238">
        <v>35</v>
      </c>
      <c r="S1385" s="236">
        <f t="shared" si="329"/>
        <v>0.86198386538758354</v>
      </c>
      <c r="T1385" s="236" t="e">
        <f t="shared" si="315"/>
        <v>#N/A</v>
      </c>
    </row>
    <row r="1386" spans="1:20" x14ac:dyDescent="0.2">
      <c r="A1386" s="53">
        <f t="shared" si="316"/>
        <v>1374</v>
      </c>
      <c r="B1386" s="239">
        <v>13.66</v>
      </c>
      <c r="C1386" s="3">
        <f t="shared" si="317"/>
        <v>13.653</v>
      </c>
      <c r="D1386" s="239">
        <v>0.3412</v>
      </c>
      <c r="E1386" s="239">
        <v>9.9000000000000008E-3</v>
      </c>
      <c r="F1386" s="239">
        <v>0.37230000000000002</v>
      </c>
      <c r="G1386">
        <f t="shared" si="318"/>
        <v>0.41565999999999997</v>
      </c>
      <c r="H1386" s="235">
        <f t="shared" si="319"/>
        <v>2.3817543184333356</v>
      </c>
      <c r="I1386" s="236">
        <f t="shared" si="320"/>
        <v>15.589522489742727</v>
      </c>
      <c r="J1386" s="237">
        <f t="shared" si="325"/>
        <v>5.5895224897427269</v>
      </c>
      <c r="K1386" s="237">
        <f t="shared" si="321"/>
        <v>212.84375055245746</v>
      </c>
      <c r="L1386" s="237">
        <f t="shared" si="326"/>
        <v>76.352877209885648</v>
      </c>
      <c r="M1386" s="236">
        <f t="shared" si="322"/>
        <v>2.656301332168832</v>
      </c>
      <c r="N1386" s="236">
        <f t="shared" si="323"/>
        <v>4.8812656909724534</v>
      </c>
      <c r="O1386" s="236">
        <f t="shared" si="327"/>
        <v>3.5942902809144415</v>
      </c>
      <c r="P1386" s="236" t="str">
        <f t="shared" si="328"/>
        <v>CLAY</v>
      </c>
      <c r="Q1386" s="236">
        <f t="shared" si="324"/>
        <v>16.901354120628543</v>
      </c>
      <c r="R1386" s="238">
        <v>35</v>
      </c>
      <c r="S1386" s="236">
        <f t="shared" si="329"/>
        <v>0.84778686525358449</v>
      </c>
      <c r="T1386" s="236" t="e">
        <f t="shared" si="315"/>
        <v>#N/A</v>
      </c>
    </row>
    <row r="1387" spans="1:20" x14ac:dyDescent="0.2">
      <c r="A1387" s="53">
        <f t="shared" si="316"/>
        <v>1375</v>
      </c>
      <c r="B1387" s="239">
        <v>13.669</v>
      </c>
      <c r="C1387" s="3">
        <f t="shared" si="317"/>
        <v>13.662000000000001</v>
      </c>
      <c r="D1387" s="239">
        <v>0.34189999999999998</v>
      </c>
      <c r="E1387" s="239">
        <v>9.7999999999999997E-3</v>
      </c>
      <c r="F1387" s="239">
        <v>0.37590000000000001</v>
      </c>
      <c r="G1387">
        <f t="shared" si="318"/>
        <v>0.41707999999999995</v>
      </c>
      <c r="H1387" s="235">
        <f t="shared" si="319"/>
        <v>2.3496691282248015</v>
      </c>
      <c r="I1387" s="236">
        <f t="shared" si="320"/>
        <v>15.578950887134209</v>
      </c>
      <c r="J1387" s="237">
        <f t="shared" si="325"/>
        <v>5.5789508871342086</v>
      </c>
      <c r="K1387" s="237">
        <f t="shared" si="321"/>
        <v>212.83962702002756</v>
      </c>
      <c r="L1387" s="237">
        <f t="shared" si="326"/>
        <v>76.258679676237506</v>
      </c>
      <c r="M1387" s="236">
        <f t="shared" si="322"/>
        <v>2.6782573976771125</v>
      </c>
      <c r="N1387" s="236">
        <f t="shared" si="323"/>
        <v>4.7982677748835574</v>
      </c>
      <c r="O1387" s="236">
        <f t="shared" si="327"/>
        <v>3.5873088453128061</v>
      </c>
      <c r="P1387" s="236" t="str">
        <f t="shared" si="328"/>
        <v>CLAY</v>
      </c>
      <c r="Q1387" s="236">
        <f t="shared" si="324"/>
        <v>17.020031081664364</v>
      </c>
      <c r="R1387" s="238">
        <v>35</v>
      </c>
      <c r="S1387" s="236">
        <f t="shared" si="329"/>
        <v>0.85655528711000484</v>
      </c>
      <c r="T1387" s="236" t="e">
        <f t="shared" si="315"/>
        <v>#N/A</v>
      </c>
    </row>
    <row r="1388" spans="1:20" x14ac:dyDescent="0.2">
      <c r="A1388" s="53">
        <f t="shared" si="316"/>
        <v>1376</v>
      </c>
      <c r="B1388" s="239">
        <v>13.679</v>
      </c>
      <c r="C1388" s="3">
        <f t="shared" si="317"/>
        <v>13.672000000000001</v>
      </c>
      <c r="D1388" s="239">
        <v>0.34129999999999999</v>
      </c>
      <c r="E1388" s="239">
        <v>9.7000000000000003E-3</v>
      </c>
      <c r="F1388" s="239">
        <v>0.38009999999999999</v>
      </c>
      <c r="G1388">
        <f t="shared" si="318"/>
        <v>0.41731999999999997</v>
      </c>
      <c r="H1388" s="235">
        <f t="shared" si="319"/>
        <v>2.3243554107159974</v>
      </c>
      <c r="I1388" s="236">
        <f t="shared" si="320"/>
        <v>15.567149015740377</v>
      </c>
      <c r="J1388" s="237">
        <f t="shared" si="325"/>
        <v>5.5671490157403767</v>
      </c>
      <c r="K1388" s="237">
        <f t="shared" si="321"/>
        <v>212.83406134320245</v>
      </c>
      <c r="L1388" s="237">
        <f t="shared" si="326"/>
        <v>76.15303138631262</v>
      </c>
      <c r="M1388" s="236">
        <f t="shared" si="322"/>
        <v>2.6851976202952685</v>
      </c>
      <c r="N1388" s="236">
        <f t="shared" si="323"/>
        <v>4.7436024519417748</v>
      </c>
      <c r="O1388" s="236">
        <f t="shared" si="327"/>
        <v>3.5837204207318827</v>
      </c>
      <c r="P1388" s="236" t="str">
        <f t="shared" si="328"/>
        <v>CLAY</v>
      </c>
      <c r="Q1388" s="236">
        <f t="shared" si="324"/>
        <v>17.040494888066462</v>
      </c>
      <c r="R1388" s="238">
        <v>35</v>
      </c>
      <c r="S1388" s="236">
        <f t="shared" si="329"/>
        <v>0.85933069655583083</v>
      </c>
      <c r="T1388" s="236" t="e">
        <f t="shared" si="315"/>
        <v>#N/A</v>
      </c>
    </row>
    <row r="1389" spans="1:20" x14ac:dyDescent="0.2">
      <c r="A1389" s="53">
        <f t="shared" si="316"/>
        <v>1377</v>
      </c>
      <c r="B1389" s="239">
        <v>13.69</v>
      </c>
      <c r="C1389" s="3">
        <f t="shared" si="317"/>
        <v>13.683</v>
      </c>
      <c r="D1389" s="239">
        <v>0.34310000000000002</v>
      </c>
      <c r="E1389" s="239">
        <v>9.7999999999999997E-3</v>
      </c>
      <c r="F1389" s="239">
        <v>0.38290000000000002</v>
      </c>
      <c r="G1389">
        <f t="shared" si="318"/>
        <v>0.41968</v>
      </c>
      <c r="H1389" s="235">
        <f t="shared" si="319"/>
        <v>2.3351124666412502</v>
      </c>
      <c r="I1389" s="236">
        <f t="shared" si="320"/>
        <v>15.581379904673874</v>
      </c>
      <c r="J1389" s="237">
        <f t="shared" si="325"/>
        <v>5.5813799046738737</v>
      </c>
      <c r="K1389" s="237">
        <f t="shared" si="321"/>
        <v>213.2000212356526</v>
      </c>
      <c r="L1389" s="237">
        <f t="shared" si="326"/>
        <v>76.409090894985326</v>
      </c>
      <c r="M1389" s="236">
        <f t="shared" si="322"/>
        <v>2.7022959748091773</v>
      </c>
      <c r="N1389" s="236">
        <f t="shared" si="323"/>
        <v>4.7462228825510469</v>
      </c>
      <c r="O1389" s="236">
        <f t="shared" si="327"/>
        <v>3.5815084963647994</v>
      </c>
      <c r="P1389" s="236" t="str">
        <f t="shared" si="328"/>
        <v>CLAY</v>
      </c>
      <c r="Q1389" s="236">
        <f t="shared" si="324"/>
        <v>17.206664897028951</v>
      </c>
      <c r="R1389" s="238">
        <v>35</v>
      </c>
      <c r="S1389" s="236">
        <f t="shared" si="329"/>
        <v>0.86617601088419582</v>
      </c>
      <c r="T1389" s="236" t="e">
        <f t="shared" si="315"/>
        <v>#N/A</v>
      </c>
    </row>
    <row r="1390" spans="1:20" x14ac:dyDescent="0.2">
      <c r="A1390" s="53">
        <f t="shared" si="316"/>
        <v>1378</v>
      </c>
      <c r="B1390" s="239">
        <v>13.699</v>
      </c>
      <c r="C1390" s="3">
        <f t="shared" si="317"/>
        <v>13.692</v>
      </c>
      <c r="D1390" s="239">
        <v>0.34460000000000002</v>
      </c>
      <c r="E1390" s="239">
        <v>9.7999999999999997E-3</v>
      </c>
      <c r="F1390" s="239">
        <v>0.3861</v>
      </c>
      <c r="G1390">
        <f t="shared" si="318"/>
        <v>0.42181999999999997</v>
      </c>
      <c r="H1390" s="235">
        <f t="shared" si="319"/>
        <v>2.3232658479920345</v>
      </c>
      <c r="I1390" s="236">
        <f t="shared" si="320"/>
        <v>15.583367909368659</v>
      </c>
      <c r="J1390" s="237">
        <f t="shared" si="325"/>
        <v>5.5833679093686595</v>
      </c>
      <c r="K1390" s="237">
        <f t="shared" si="321"/>
        <v>213.36747341507569</v>
      </c>
      <c r="L1390" s="237">
        <f t="shared" si="326"/>
        <v>76.486556990441258</v>
      </c>
      <c r="M1390" s="236">
        <f t="shared" si="322"/>
        <v>2.725348542110154</v>
      </c>
      <c r="N1390" s="236">
        <f t="shared" si="323"/>
        <v>4.7013102506135587</v>
      </c>
      <c r="O1390" s="236">
        <f t="shared" si="327"/>
        <v>3.5761929109732282</v>
      </c>
      <c r="P1390" s="236" t="str">
        <f t="shared" si="328"/>
        <v>CLAY</v>
      </c>
      <c r="Q1390" s="236">
        <f t="shared" si="324"/>
        <v>17.371043882077025</v>
      </c>
      <c r="R1390" s="238">
        <v>35</v>
      </c>
      <c r="S1390" s="236">
        <f t="shared" si="329"/>
        <v>0.87542223520372664</v>
      </c>
      <c r="T1390" s="236" t="e">
        <f t="shared" si="315"/>
        <v>#N/A</v>
      </c>
    </row>
    <row r="1391" spans="1:20" x14ac:dyDescent="0.2">
      <c r="A1391" s="53">
        <f t="shared" si="316"/>
        <v>1379</v>
      </c>
      <c r="B1391" s="239">
        <v>13.709</v>
      </c>
      <c r="C1391" s="3">
        <f t="shared" si="317"/>
        <v>13.702</v>
      </c>
      <c r="D1391" s="239">
        <v>0.34820000000000001</v>
      </c>
      <c r="E1391" s="239">
        <v>9.7999999999999997E-3</v>
      </c>
      <c r="F1391" s="239">
        <v>0.38779999999999998</v>
      </c>
      <c r="G1391">
        <f t="shared" si="318"/>
        <v>0.42575999999999997</v>
      </c>
      <c r="H1391" s="235">
        <f t="shared" si="319"/>
        <v>2.3017662532882377</v>
      </c>
      <c r="I1391" s="236">
        <f t="shared" si="320"/>
        <v>15.587001830238805</v>
      </c>
      <c r="J1391" s="237">
        <f t="shared" si="325"/>
        <v>5.5870018302388047</v>
      </c>
      <c r="K1391" s="237">
        <f t="shared" si="321"/>
        <v>213.57309907793211</v>
      </c>
      <c r="L1391" s="237">
        <f t="shared" si="326"/>
        <v>76.592208090743767</v>
      </c>
      <c r="M1391" s="236">
        <f t="shared" si="322"/>
        <v>2.7703457859665863</v>
      </c>
      <c r="N1391" s="236">
        <f t="shared" si="323"/>
        <v>4.6185697408339781</v>
      </c>
      <c r="O1391" s="236">
        <f t="shared" si="327"/>
        <v>3.5660789452310198</v>
      </c>
      <c r="P1391" s="236" t="str">
        <f t="shared" si="328"/>
        <v>CLAY</v>
      </c>
      <c r="Q1391" s="236">
        <f t="shared" si="324"/>
        <v>17.682241743505656</v>
      </c>
      <c r="R1391" s="238">
        <v>35</v>
      </c>
      <c r="S1391" s="236">
        <f t="shared" si="329"/>
        <v>0.89352659486199604</v>
      </c>
      <c r="T1391" s="236" t="e">
        <f t="shared" si="315"/>
        <v>#N/A</v>
      </c>
    </row>
    <row r="1392" spans="1:20" x14ac:dyDescent="0.2">
      <c r="A1392" s="53">
        <f t="shared" si="316"/>
        <v>1380</v>
      </c>
      <c r="B1392" s="239">
        <v>13.718999999999999</v>
      </c>
      <c r="C1392" s="3">
        <f t="shared" si="317"/>
        <v>13.712</v>
      </c>
      <c r="D1392" s="239">
        <v>0.34989999999999999</v>
      </c>
      <c r="E1392" s="239">
        <v>9.7999999999999997E-3</v>
      </c>
      <c r="F1392" s="239">
        <v>0.38829999999999998</v>
      </c>
      <c r="G1392">
        <f t="shared" si="318"/>
        <v>0.42755999999999994</v>
      </c>
      <c r="H1392" s="235">
        <f t="shared" si="319"/>
        <v>2.2920759659462999</v>
      </c>
      <c r="I1392" s="236">
        <f t="shared" si="320"/>
        <v>15.588650820310999</v>
      </c>
      <c r="J1392" s="237">
        <f t="shared" si="325"/>
        <v>5.588650820310999</v>
      </c>
      <c r="K1392" s="237">
        <f t="shared" si="321"/>
        <v>213.75158004810442</v>
      </c>
      <c r="L1392" s="237">
        <f t="shared" si="326"/>
        <v>76.670700603846598</v>
      </c>
      <c r="M1392" s="236">
        <f t="shared" si="322"/>
        <v>2.788658747969869</v>
      </c>
      <c r="N1392" s="236">
        <f t="shared" si="323"/>
        <v>4.5835425949103819</v>
      </c>
      <c r="O1392" s="236">
        <f t="shared" si="327"/>
        <v>3.5619027749504508</v>
      </c>
      <c r="P1392" s="236" t="str">
        <f t="shared" si="328"/>
        <v>CLAY</v>
      </c>
      <c r="Q1392" s="236">
        <f t="shared" si="324"/>
        <v>17.817368329324626</v>
      </c>
      <c r="R1392" s="238">
        <v>35</v>
      </c>
      <c r="S1392" s="236">
        <f t="shared" si="329"/>
        <v>0.90091584259206947</v>
      </c>
      <c r="T1392" s="236" t="e">
        <f t="shared" si="315"/>
        <v>#N/A</v>
      </c>
    </row>
    <row r="1393" spans="1:20" x14ac:dyDescent="0.2">
      <c r="A1393" s="53">
        <f t="shared" si="316"/>
        <v>1381</v>
      </c>
      <c r="B1393" s="239">
        <v>13.728999999999999</v>
      </c>
      <c r="C1393" s="3">
        <f t="shared" si="317"/>
        <v>13.722</v>
      </c>
      <c r="D1393" s="239">
        <v>0.35</v>
      </c>
      <c r="E1393" s="239">
        <v>9.9000000000000008E-3</v>
      </c>
      <c r="F1393" s="239">
        <v>0.39179999999999998</v>
      </c>
      <c r="G1393">
        <f t="shared" si="318"/>
        <v>0.42835999999999996</v>
      </c>
      <c r="H1393" s="235">
        <f t="shared" si="319"/>
        <v>2.3111401624801573</v>
      </c>
      <c r="I1393" s="236">
        <f t="shared" si="320"/>
        <v>15.601286098701191</v>
      </c>
      <c r="J1393" s="237">
        <f t="shared" si="325"/>
        <v>5.6012860987011912</v>
      </c>
      <c r="K1393" s="237">
        <f t="shared" si="321"/>
        <v>214.08084784637774</v>
      </c>
      <c r="L1393" s="237">
        <f t="shared" si="326"/>
        <v>76.900056849068648</v>
      </c>
      <c r="M1393" s="236">
        <f t="shared" si="322"/>
        <v>2.7864628575527171</v>
      </c>
      <c r="N1393" s="236">
        <f t="shared" si="323"/>
        <v>4.620141483900607</v>
      </c>
      <c r="O1393" s="236">
        <f t="shared" si="327"/>
        <v>3.5640185599714562</v>
      </c>
      <c r="P1393" s="236" t="str">
        <f t="shared" si="328"/>
        <v>CLAY</v>
      </c>
      <c r="Q1393" s="236">
        <f t="shared" si="324"/>
        <v>17.856596012801852</v>
      </c>
      <c r="R1393" s="238">
        <v>35</v>
      </c>
      <c r="S1393" s="236">
        <f t="shared" si="329"/>
        <v>0.90002916288261081</v>
      </c>
      <c r="T1393" s="236" t="e">
        <f t="shared" si="315"/>
        <v>#N/A</v>
      </c>
    </row>
    <row r="1394" spans="1:20" x14ac:dyDescent="0.2">
      <c r="A1394" s="53">
        <f t="shared" si="316"/>
        <v>1382</v>
      </c>
      <c r="B1394" s="239">
        <v>13.739000000000001</v>
      </c>
      <c r="C1394" s="3">
        <f t="shared" si="317"/>
        <v>13.732000000000001</v>
      </c>
      <c r="D1394" s="239">
        <v>0.34839999999999999</v>
      </c>
      <c r="E1394" s="239">
        <v>0.01</v>
      </c>
      <c r="F1394" s="239">
        <v>0.39319999999999999</v>
      </c>
      <c r="G1394">
        <f t="shared" si="318"/>
        <v>0.42703999999999998</v>
      </c>
      <c r="H1394" s="235">
        <f t="shared" si="319"/>
        <v>2.3417010116148371</v>
      </c>
      <c r="I1394" s="236">
        <f t="shared" si="320"/>
        <v>15.611864755181575</v>
      </c>
      <c r="J1394" s="237">
        <f t="shared" si="325"/>
        <v>5.6118647551815748</v>
      </c>
      <c r="K1394" s="237">
        <f t="shared" si="321"/>
        <v>214.38212681815341</v>
      </c>
      <c r="L1394" s="237">
        <f t="shared" si="326"/>
        <v>77.101409871439657</v>
      </c>
      <c r="M1394" s="236">
        <f t="shared" si="322"/>
        <v>2.7581580354553346</v>
      </c>
      <c r="N1394" s="236">
        <f t="shared" si="323"/>
        <v>4.7023887949113776</v>
      </c>
      <c r="O1394" s="236">
        <f t="shared" si="327"/>
        <v>3.571836752853732</v>
      </c>
      <c r="P1394" s="236" t="str">
        <f t="shared" si="328"/>
        <v>CLAY</v>
      </c>
      <c r="Q1394" s="236">
        <f t="shared" si="324"/>
        <v>17.721489431820547</v>
      </c>
      <c r="R1394" s="238">
        <v>35</v>
      </c>
      <c r="S1394" s="236">
        <f t="shared" si="329"/>
        <v>0.888615617685515</v>
      </c>
      <c r="T1394" s="236" t="e">
        <f t="shared" si="315"/>
        <v>#N/A</v>
      </c>
    </row>
    <row r="1395" spans="1:20" x14ac:dyDescent="0.2">
      <c r="A1395" s="53">
        <f t="shared" si="316"/>
        <v>1383</v>
      </c>
      <c r="B1395" s="239">
        <v>13.749000000000001</v>
      </c>
      <c r="C1395" s="3">
        <f t="shared" si="317"/>
        <v>13.742000000000001</v>
      </c>
      <c r="D1395" s="239">
        <v>0.35020000000000001</v>
      </c>
      <c r="E1395" s="239">
        <v>1.01E-2</v>
      </c>
      <c r="F1395" s="239">
        <v>0.39269999999999999</v>
      </c>
      <c r="G1395">
        <f t="shared" si="318"/>
        <v>0.42874000000000001</v>
      </c>
      <c r="H1395" s="235">
        <f t="shared" si="319"/>
        <v>2.3557400755702758</v>
      </c>
      <c r="I1395" s="236">
        <f t="shared" si="320"/>
        <v>15.625085366849426</v>
      </c>
      <c r="J1395" s="237">
        <f t="shared" si="325"/>
        <v>5.6250853668494258</v>
      </c>
      <c r="K1395" s="237">
        <f t="shared" si="321"/>
        <v>214.71992311124481</v>
      </c>
      <c r="L1395" s="237">
        <f t="shared" si="326"/>
        <v>77.339298708812763</v>
      </c>
      <c r="M1395" s="236">
        <f t="shared" si="322"/>
        <v>2.767287529908359</v>
      </c>
      <c r="N1395" s="236">
        <f t="shared" si="323"/>
        <v>4.7191834274734168</v>
      </c>
      <c r="O1395" s="236">
        <f t="shared" si="327"/>
        <v>3.5714404548555998</v>
      </c>
      <c r="P1395" s="236" t="str">
        <f t="shared" si="328"/>
        <v>CLAY</v>
      </c>
      <c r="Q1395" s="236">
        <f t="shared" si="324"/>
        <v>17.835006407396268</v>
      </c>
      <c r="R1395" s="238">
        <v>35</v>
      </c>
      <c r="S1395" s="236">
        <f t="shared" si="329"/>
        <v>0.89229378127531422</v>
      </c>
      <c r="T1395" s="236" t="e">
        <f t="shared" si="315"/>
        <v>#N/A</v>
      </c>
    </row>
    <row r="1396" spans="1:20" x14ac:dyDescent="0.2">
      <c r="A1396" s="53">
        <f t="shared" si="316"/>
        <v>1384</v>
      </c>
      <c r="B1396" s="239">
        <v>13.759</v>
      </c>
      <c r="C1396" s="3">
        <f t="shared" si="317"/>
        <v>13.752000000000001</v>
      </c>
      <c r="D1396" s="239">
        <v>0.35120000000000001</v>
      </c>
      <c r="E1396" s="239">
        <v>0.01</v>
      </c>
      <c r="F1396" s="239">
        <v>0.39119999999999999</v>
      </c>
      <c r="G1396">
        <f t="shared" si="318"/>
        <v>0.42943999999999999</v>
      </c>
      <c r="H1396" s="235">
        <f t="shared" si="319"/>
        <v>2.3286140089418779</v>
      </c>
      <c r="I1396" s="236">
        <f t="shared" si="320"/>
        <v>15.614055299120079</v>
      </c>
      <c r="J1396" s="237">
        <f t="shared" si="325"/>
        <v>5.6140552991200785</v>
      </c>
      <c r="K1396" s="237">
        <f t="shared" si="321"/>
        <v>214.72448847349932</v>
      </c>
      <c r="L1396" s="237">
        <f t="shared" si="326"/>
        <v>77.243786860593161</v>
      </c>
      <c r="M1396" s="236">
        <f t="shared" si="322"/>
        <v>2.779712391807144</v>
      </c>
      <c r="N1396" s="236">
        <f t="shared" si="323"/>
        <v>4.6573253738893374</v>
      </c>
      <c r="O1396" s="236">
        <f t="shared" si="327"/>
        <v>3.5667543471765599</v>
      </c>
      <c r="P1396" s="236" t="str">
        <f t="shared" si="328"/>
        <v>CLAY</v>
      </c>
      <c r="Q1396" s="236">
        <f t="shared" si="324"/>
        <v>17.892959293875055</v>
      </c>
      <c r="R1396" s="238">
        <v>35</v>
      </c>
      <c r="S1396" s="236">
        <f t="shared" si="329"/>
        <v>0.89730448316056066</v>
      </c>
      <c r="T1396" s="236" t="e">
        <f t="shared" si="315"/>
        <v>#N/A</v>
      </c>
    </row>
    <row r="1397" spans="1:20" x14ac:dyDescent="0.2">
      <c r="A1397" s="53">
        <f t="shared" si="316"/>
        <v>1385</v>
      </c>
      <c r="B1397" s="239">
        <v>13.768000000000001</v>
      </c>
      <c r="C1397" s="3">
        <f t="shared" si="317"/>
        <v>13.761000000000001</v>
      </c>
      <c r="D1397" s="239">
        <v>0.35099999999999998</v>
      </c>
      <c r="E1397" s="239">
        <v>9.9000000000000008E-3</v>
      </c>
      <c r="F1397" s="239">
        <v>0.38929999999999998</v>
      </c>
      <c r="G1397">
        <f t="shared" si="318"/>
        <v>0.42885999999999996</v>
      </c>
      <c r="H1397" s="235">
        <f t="shared" si="319"/>
        <v>2.3084456465979577</v>
      </c>
      <c r="I1397" s="236">
        <f t="shared" si="320"/>
        <v>15.601742066921762</v>
      </c>
      <c r="J1397" s="237">
        <f t="shared" si="325"/>
        <v>5.6017420669217621</v>
      </c>
      <c r="K1397" s="237">
        <f t="shared" si="321"/>
        <v>214.69557258291039</v>
      </c>
      <c r="L1397" s="237">
        <f t="shared" si="326"/>
        <v>77.124784777378821</v>
      </c>
      <c r="M1397" s="236">
        <f t="shared" si="322"/>
        <v>2.7768560785651011</v>
      </c>
      <c r="N1397" s="236">
        <f t="shared" si="323"/>
        <v>4.622616425798646</v>
      </c>
      <c r="O1397" s="236">
        <f t="shared" si="327"/>
        <v>3.5654146230264505</v>
      </c>
      <c r="P1397" s="236" t="str">
        <f t="shared" si="328"/>
        <v>CLAY</v>
      </c>
      <c r="Q1397" s="236">
        <f t="shared" si="324"/>
        <v>17.847035618090796</v>
      </c>
      <c r="R1397" s="238">
        <v>35</v>
      </c>
      <c r="S1397" s="236">
        <f t="shared" si="329"/>
        <v>0.89615209173017507</v>
      </c>
      <c r="T1397" s="236" t="e">
        <f t="shared" si="315"/>
        <v>#N/A</v>
      </c>
    </row>
    <row r="1398" spans="1:20" x14ac:dyDescent="0.2">
      <c r="A1398" s="53">
        <f t="shared" si="316"/>
        <v>1386</v>
      </c>
      <c r="B1398" s="239">
        <v>13.779</v>
      </c>
      <c r="C1398" s="3">
        <f t="shared" si="317"/>
        <v>13.772</v>
      </c>
      <c r="D1398" s="239">
        <v>0.3553</v>
      </c>
      <c r="E1398" s="239">
        <v>9.7000000000000003E-3</v>
      </c>
      <c r="F1398" s="239">
        <v>0.38700000000000001</v>
      </c>
      <c r="G1398">
        <f t="shared" si="318"/>
        <v>0.43269999999999997</v>
      </c>
      <c r="H1398" s="235">
        <f t="shared" si="319"/>
        <v>2.2417379246591174</v>
      </c>
      <c r="I1398" s="236">
        <f t="shared" si="320"/>
        <v>15.5812949425802</v>
      </c>
      <c r="J1398" s="237">
        <f t="shared" si="325"/>
        <v>5.5812949425802003</v>
      </c>
      <c r="K1398" s="237">
        <f t="shared" si="321"/>
        <v>214.58559394921451</v>
      </c>
      <c r="L1398" s="237">
        <f t="shared" si="326"/>
        <v>76.904663013812581</v>
      </c>
      <c r="M1398" s="236">
        <f t="shared" si="322"/>
        <v>2.8361662024526484</v>
      </c>
      <c r="N1398" s="236">
        <f t="shared" si="323"/>
        <v>4.447207397085668</v>
      </c>
      <c r="O1398" s="236">
        <f t="shared" si="327"/>
        <v>3.5487545142816312</v>
      </c>
      <c r="P1398" s="236" t="str">
        <f t="shared" si="328"/>
        <v>CLAY</v>
      </c>
      <c r="Q1398" s="236">
        <f t="shared" si="324"/>
        <v>18.176200504232124</v>
      </c>
      <c r="R1398" s="238">
        <v>35</v>
      </c>
      <c r="S1398" s="236">
        <f t="shared" si="329"/>
        <v>0.92014147207724206</v>
      </c>
      <c r="T1398" s="236" t="e">
        <f t="shared" si="315"/>
        <v>#N/A</v>
      </c>
    </row>
    <row r="1399" spans="1:20" x14ac:dyDescent="0.2">
      <c r="A1399" s="53">
        <f t="shared" si="316"/>
        <v>1387</v>
      </c>
      <c r="B1399" s="239">
        <v>13.789</v>
      </c>
      <c r="C1399" s="3">
        <f t="shared" si="317"/>
        <v>13.782</v>
      </c>
      <c r="D1399" s="239">
        <v>0.35599999999999998</v>
      </c>
      <c r="E1399" s="239">
        <v>9.7000000000000003E-3</v>
      </c>
      <c r="F1399" s="239">
        <v>0.38779999999999998</v>
      </c>
      <c r="G1399">
        <f t="shared" si="318"/>
        <v>0.43355999999999995</v>
      </c>
      <c r="H1399" s="235">
        <f t="shared" si="319"/>
        <v>2.2372912630316453</v>
      </c>
      <c r="I1399" s="236">
        <f t="shared" si="320"/>
        <v>15.582071023755431</v>
      </c>
      <c r="J1399" s="237">
        <f t="shared" si="325"/>
        <v>5.5820710237554305</v>
      </c>
      <c r="K1399" s="237">
        <f t="shared" si="321"/>
        <v>214.75210284939735</v>
      </c>
      <c r="L1399" s="237">
        <f t="shared" si="326"/>
        <v>76.971177346563636</v>
      </c>
      <c r="M1399" s="236">
        <f t="shared" si="322"/>
        <v>2.842725091308107</v>
      </c>
      <c r="N1399" s="236">
        <f t="shared" si="323"/>
        <v>4.4331123905110328</v>
      </c>
      <c r="O1399" s="236">
        <f t="shared" si="327"/>
        <v>3.5471759055369025</v>
      </c>
      <c r="P1399" s="236" t="str">
        <f t="shared" si="328"/>
        <v>CLAY</v>
      </c>
      <c r="Q1399" s="236">
        <f t="shared" si="324"/>
        <v>18.233991429216882</v>
      </c>
      <c r="R1399" s="238">
        <v>35</v>
      </c>
      <c r="S1399" s="236">
        <f t="shared" si="329"/>
        <v>0.92280212769407621</v>
      </c>
      <c r="T1399" s="236" t="e">
        <f t="shared" si="315"/>
        <v>#N/A</v>
      </c>
    </row>
    <row r="1400" spans="1:20" x14ac:dyDescent="0.2">
      <c r="A1400" s="53">
        <f t="shared" si="316"/>
        <v>1388</v>
      </c>
      <c r="B1400" s="239">
        <v>13.798</v>
      </c>
      <c r="C1400" s="3">
        <f t="shared" si="317"/>
        <v>13.791</v>
      </c>
      <c r="D1400" s="239">
        <v>0.35809999999999997</v>
      </c>
      <c r="E1400" s="239">
        <v>9.5999999999999992E-3</v>
      </c>
      <c r="F1400" s="239">
        <v>0.38850000000000001</v>
      </c>
      <c r="G1400">
        <f t="shared" si="318"/>
        <v>0.43579999999999997</v>
      </c>
      <c r="H1400" s="235">
        <f t="shared" si="319"/>
        <v>2.2028453418999541</v>
      </c>
      <c r="I1400" s="236">
        <f t="shared" si="320"/>
        <v>15.571933886908534</v>
      </c>
      <c r="J1400" s="237">
        <f t="shared" si="325"/>
        <v>5.5719338869085338</v>
      </c>
      <c r="K1400" s="237">
        <f t="shared" si="321"/>
        <v>214.75254023435559</v>
      </c>
      <c r="L1400" s="237">
        <f t="shared" si="326"/>
        <v>76.881543771563955</v>
      </c>
      <c r="M1400" s="236">
        <f t="shared" si="322"/>
        <v>2.8751693699392495</v>
      </c>
      <c r="N1400" s="236">
        <f t="shared" si="323"/>
        <v>4.3429587520155026</v>
      </c>
      <c r="O1400" s="236">
        <f t="shared" si="327"/>
        <v>3.5382927582731858</v>
      </c>
      <c r="P1400" s="236" t="str">
        <f t="shared" si="328"/>
        <v>CLAY</v>
      </c>
      <c r="Q1400" s="236">
        <f t="shared" si="324"/>
        <v>18.420621647137029</v>
      </c>
      <c r="R1400" s="238">
        <v>35</v>
      </c>
      <c r="S1400" s="236">
        <f t="shared" si="329"/>
        <v>0.93598588628532153</v>
      </c>
      <c r="T1400" s="236" t="e">
        <f t="shared" si="315"/>
        <v>#N/A</v>
      </c>
    </row>
    <row r="1401" spans="1:20" x14ac:dyDescent="0.2">
      <c r="A1401" s="53">
        <f t="shared" si="316"/>
        <v>1389</v>
      </c>
      <c r="B1401" s="239">
        <v>13.81</v>
      </c>
      <c r="C1401" s="3">
        <f t="shared" si="317"/>
        <v>13.803000000000001</v>
      </c>
      <c r="D1401" s="239">
        <v>0.36399999999999999</v>
      </c>
      <c r="E1401" s="239">
        <v>9.4999999999999998E-3</v>
      </c>
      <c r="F1401" s="239">
        <v>0.38819999999999999</v>
      </c>
      <c r="G1401">
        <f t="shared" si="318"/>
        <v>0.44163999999999998</v>
      </c>
      <c r="H1401" s="235">
        <f t="shared" si="319"/>
        <v>2.1510732723485191</v>
      </c>
      <c r="I1401" s="236">
        <f t="shared" si="320"/>
        <v>15.564858349749498</v>
      </c>
      <c r="J1401" s="237">
        <f t="shared" si="325"/>
        <v>5.5648583497494979</v>
      </c>
      <c r="K1401" s="237">
        <f t="shared" si="321"/>
        <v>214.84173980159233</v>
      </c>
      <c r="L1401" s="237">
        <f t="shared" si="326"/>
        <v>76.850693810040568</v>
      </c>
      <c r="M1401" s="236">
        <f t="shared" si="322"/>
        <v>2.9511543611955835</v>
      </c>
      <c r="N1401" s="236">
        <f t="shared" si="323"/>
        <v>4.1887446542531714</v>
      </c>
      <c r="O1401" s="236">
        <f t="shared" si="327"/>
        <v>3.5204149597959531</v>
      </c>
      <c r="P1401" s="236" t="str">
        <f t="shared" si="328"/>
        <v>CLAY</v>
      </c>
      <c r="Q1401" s="236">
        <f t="shared" si="324"/>
        <v>18.899855016533973</v>
      </c>
      <c r="R1401" s="238">
        <v>35</v>
      </c>
      <c r="S1401" s="236">
        <f t="shared" si="329"/>
        <v>0.96700766425165008</v>
      </c>
      <c r="T1401" s="236" t="e">
        <f t="shared" si="315"/>
        <v>#N/A</v>
      </c>
    </row>
    <row r="1402" spans="1:20" x14ac:dyDescent="0.2">
      <c r="A1402" s="53">
        <f t="shared" si="316"/>
        <v>1390</v>
      </c>
      <c r="B1402" s="239">
        <v>13.819000000000001</v>
      </c>
      <c r="C1402" s="3">
        <f t="shared" si="317"/>
        <v>13.812000000000001</v>
      </c>
      <c r="D1402" s="239">
        <v>0.37190000000000001</v>
      </c>
      <c r="E1402" s="239">
        <v>9.1999999999999998E-3</v>
      </c>
      <c r="F1402" s="239">
        <v>0.3836</v>
      </c>
      <c r="G1402">
        <f t="shared" si="318"/>
        <v>0.44862000000000002</v>
      </c>
      <c r="H1402" s="235">
        <f t="shared" si="319"/>
        <v>2.0507333600820292</v>
      </c>
      <c r="I1402" s="236">
        <f t="shared" si="320"/>
        <v>15.533360956142776</v>
      </c>
      <c r="J1402" s="237">
        <f t="shared" si="325"/>
        <v>5.5333609561427757</v>
      </c>
      <c r="K1402" s="237">
        <f t="shared" si="321"/>
        <v>214.54678152624405</v>
      </c>
      <c r="L1402" s="237">
        <f t="shared" si="326"/>
        <v>76.465515052937022</v>
      </c>
      <c r="M1402" s="236">
        <f t="shared" si="322"/>
        <v>3.0611605546854324</v>
      </c>
      <c r="N1402" s="236">
        <f t="shared" si="323"/>
        <v>3.9303941134263054</v>
      </c>
      <c r="O1402" s="236">
        <f t="shared" si="327"/>
        <v>3.4924366967735878</v>
      </c>
      <c r="P1402" s="236" t="str">
        <f t="shared" si="328"/>
        <v>CLAY</v>
      </c>
      <c r="Q1402" s="236">
        <f t="shared" si="324"/>
        <v>19.506101539479662</v>
      </c>
      <c r="R1402" s="238">
        <v>35</v>
      </c>
      <c r="S1402" s="236">
        <f t="shared" si="329"/>
        <v>1.0122729791684988</v>
      </c>
      <c r="T1402" s="236" t="e">
        <f t="shared" si="315"/>
        <v>#N/A</v>
      </c>
    </row>
    <row r="1403" spans="1:20" x14ac:dyDescent="0.2">
      <c r="A1403" s="53">
        <f t="shared" si="316"/>
        <v>1391</v>
      </c>
      <c r="B1403" s="239">
        <v>13.83</v>
      </c>
      <c r="C1403" s="3">
        <f t="shared" si="317"/>
        <v>13.823</v>
      </c>
      <c r="D1403" s="239">
        <v>0.37769999999999998</v>
      </c>
      <c r="E1403" s="239">
        <v>8.9999999999999993E-3</v>
      </c>
      <c r="F1403" s="239">
        <v>0.37940000000000002</v>
      </c>
      <c r="G1403">
        <f t="shared" si="318"/>
        <v>0.45357999999999998</v>
      </c>
      <c r="H1403" s="235">
        <f t="shared" si="319"/>
        <v>1.9842144715375456</v>
      </c>
      <c r="I1403" s="236">
        <f t="shared" si="320"/>
        <v>15.511886336877069</v>
      </c>
      <c r="J1403" s="237">
        <f t="shared" si="325"/>
        <v>5.511886336877069</v>
      </c>
      <c r="K1403" s="237">
        <f t="shared" si="321"/>
        <v>214.42080483465173</v>
      </c>
      <c r="L1403" s="237">
        <f t="shared" si="326"/>
        <v>76.229388039009862</v>
      </c>
      <c r="M1403" s="236">
        <f t="shared" si="322"/>
        <v>3.1373621291956351</v>
      </c>
      <c r="N1403" s="236">
        <f t="shared" si="323"/>
        <v>3.7631837629231195</v>
      </c>
      <c r="O1403" s="236">
        <f t="shared" si="327"/>
        <v>3.473519406840968</v>
      </c>
      <c r="P1403" s="236" t="str">
        <f t="shared" si="328"/>
        <v>CLAY</v>
      </c>
      <c r="Q1403" s="236">
        <f t="shared" si="324"/>
        <v>19.929932930445688</v>
      </c>
      <c r="R1403" s="238">
        <v>35</v>
      </c>
      <c r="S1403" s="236">
        <f t="shared" si="329"/>
        <v>1.043868568859404</v>
      </c>
      <c r="T1403" s="236" t="e">
        <f t="shared" si="315"/>
        <v>#N/A</v>
      </c>
    </row>
    <row r="1404" spans="1:20" x14ac:dyDescent="0.2">
      <c r="A1404" s="53">
        <f t="shared" si="316"/>
        <v>1392</v>
      </c>
      <c r="B1404" s="239">
        <v>13.84</v>
      </c>
      <c r="C1404" s="3">
        <f t="shared" si="317"/>
        <v>13.833</v>
      </c>
      <c r="D1404" s="239">
        <v>0.38200000000000001</v>
      </c>
      <c r="E1404" s="239">
        <v>8.9999999999999993E-3</v>
      </c>
      <c r="F1404" s="239">
        <v>0.37990000000000002</v>
      </c>
      <c r="G1404">
        <f t="shared" si="318"/>
        <v>0.45798</v>
      </c>
      <c r="H1404" s="235">
        <f t="shared" si="319"/>
        <v>1.9651513166513819</v>
      </c>
      <c r="I1404" s="236">
        <f t="shared" si="320"/>
        <v>15.51565969135738</v>
      </c>
      <c r="J1404" s="237">
        <f t="shared" si="325"/>
        <v>5.5156596913573797</v>
      </c>
      <c r="K1404" s="237">
        <f t="shared" si="321"/>
        <v>214.62812051054664</v>
      </c>
      <c r="L1404" s="237">
        <f t="shared" si="326"/>
        <v>76.336730128386137</v>
      </c>
      <c r="M1404" s="236">
        <f t="shared" si="322"/>
        <v>3.1878740297124928</v>
      </c>
      <c r="N1404" s="236">
        <f t="shared" si="323"/>
        <v>3.6983482596813269</v>
      </c>
      <c r="O1404" s="236">
        <f t="shared" si="327"/>
        <v>3.4636811813893567</v>
      </c>
      <c r="P1404" s="236" t="str">
        <f t="shared" si="328"/>
        <v>CLAY</v>
      </c>
      <c r="Q1404" s="236">
        <f t="shared" si="324"/>
        <v>20.279323290787783</v>
      </c>
      <c r="R1404" s="238">
        <v>35</v>
      </c>
      <c r="S1404" s="236">
        <f t="shared" si="329"/>
        <v>1.0649186877320858</v>
      </c>
      <c r="T1404" s="236" t="e">
        <f t="shared" si="315"/>
        <v>#N/A</v>
      </c>
    </row>
    <row r="1405" spans="1:20" x14ac:dyDescent="0.2">
      <c r="A1405" s="53">
        <f t="shared" si="316"/>
        <v>1393</v>
      </c>
      <c r="B1405" s="239">
        <v>13.85</v>
      </c>
      <c r="C1405" s="3">
        <f t="shared" si="317"/>
        <v>13.843</v>
      </c>
      <c r="D1405" s="239">
        <v>0.39319999999999999</v>
      </c>
      <c r="E1405" s="239">
        <v>8.9999999999999993E-3</v>
      </c>
      <c r="F1405" s="239">
        <v>0.3785</v>
      </c>
      <c r="G1405">
        <f t="shared" si="318"/>
        <v>0.46889999999999998</v>
      </c>
      <c r="H1405" s="235">
        <f t="shared" si="319"/>
        <v>1.9193857965451053</v>
      </c>
      <c r="I1405" s="236">
        <f t="shared" si="320"/>
        <v>15.524870039333628</v>
      </c>
      <c r="J1405" s="237">
        <f t="shared" si="325"/>
        <v>5.5248700393336279</v>
      </c>
      <c r="K1405" s="237">
        <f t="shared" si="321"/>
        <v>214.91077595449542</v>
      </c>
      <c r="L1405" s="237">
        <f t="shared" si="326"/>
        <v>76.51945004477075</v>
      </c>
      <c r="M1405" s="236">
        <f t="shared" si="322"/>
        <v>3.319276653150252</v>
      </c>
      <c r="N1405" s="236">
        <f t="shared" si="323"/>
        <v>3.54345741785784</v>
      </c>
      <c r="O1405" s="236">
        <f t="shared" si="327"/>
        <v>3.4390721723788302</v>
      </c>
      <c r="P1405" s="236" t="str">
        <f t="shared" si="328"/>
        <v>CLAY</v>
      </c>
      <c r="Q1405" s="236">
        <f t="shared" si="324"/>
        <v>21.165768670458714</v>
      </c>
      <c r="R1405" s="238">
        <v>35</v>
      </c>
      <c r="S1405" s="236">
        <f t="shared" si="329"/>
        <v>1.1200678271416837</v>
      </c>
      <c r="T1405" s="236" t="e">
        <f t="shared" si="315"/>
        <v>#N/A</v>
      </c>
    </row>
    <row r="1406" spans="1:20" x14ac:dyDescent="0.2">
      <c r="A1406" s="53">
        <f t="shared" si="316"/>
        <v>1394</v>
      </c>
      <c r="B1406" s="239">
        <v>13.86</v>
      </c>
      <c r="C1406" s="3">
        <f t="shared" si="317"/>
        <v>13.853</v>
      </c>
      <c r="D1406" s="239">
        <v>0.4027</v>
      </c>
      <c r="E1406" s="239">
        <v>8.9999999999999993E-3</v>
      </c>
      <c r="F1406" s="239">
        <v>0.37490000000000001</v>
      </c>
      <c r="G1406">
        <f t="shared" si="318"/>
        <v>0.47767999999999999</v>
      </c>
      <c r="H1406" s="235">
        <f t="shared" si="319"/>
        <v>1.8841065148216378</v>
      </c>
      <c r="I1406" s="236">
        <f t="shared" si="320"/>
        <v>15.532121182225014</v>
      </c>
      <c r="J1406" s="237">
        <f t="shared" si="325"/>
        <v>5.5321211822250138</v>
      </c>
      <c r="K1406" s="237">
        <f t="shared" si="321"/>
        <v>215.1664747373631</v>
      </c>
      <c r="L1406" s="237">
        <f t="shared" si="326"/>
        <v>76.675199585638694</v>
      </c>
      <c r="M1406" s="236">
        <f t="shared" si="322"/>
        <v>3.4237084048204527</v>
      </c>
      <c r="N1406" s="236">
        <f t="shared" si="323"/>
        <v>3.4283947811815678</v>
      </c>
      <c r="O1406" s="236">
        <f t="shared" si="327"/>
        <v>3.4201641809262231</v>
      </c>
      <c r="P1406" s="236" t="str">
        <f t="shared" si="328"/>
        <v>CLAY</v>
      </c>
      <c r="Q1406" s="236">
        <f t="shared" si="324"/>
        <v>21.876127105219741</v>
      </c>
      <c r="R1406" s="238">
        <v>35</v>
      </c>
      <c r="S1406" s="236">
        <f t="shared" si="329"/>
        <v>1.1642894706494136</v>
      </c>
      <c r="T1406" s="236" t="e">
        <f t="shared" si="315"/>
        <v>#N/A</v>
      </c>
    </row>
    <row r="1407" spans="1:20" x14ac:dyDescent="0.2">
      <c r="A1407" s="53">
        <f t="shared" si="316"/>
        <v>1395</v>
      </c>
      <c r="B1407" s="239">
        <v>13.869</v>
      </c>
      <c r="C1407" s="3">
        <f t="shared" si="317"/>
        <v>13.862</v>
      </c>
      <c r="D1407" s="239">
        <v>0.40560000000000002</v>
      </c>
      <c r="E1407" s="239">
        <v>8.9999999999999993E-3</v>
      </c>
      <c r="F1407" s="239">
        <v>0.37280000000000002</v>
      </c>
      <c r="G1407">
        <f t="shared" si="318"/>
        <v>0.48016000000000003</v>
      </c>
      <c r="H1407" s="235">
        <f t="shared" si="319"/>
        <v>1.8743752082639116</v>
      </c>
      <c r="I1407" s="236">
        <f t="shared" si="320"/>
        <v>15.534145210141364</v>
      </c>
      <c r="J1407" s="237">
        <f t="shared" si="325"/>
        <v>5.5341452101413644</v>
      </c>
      <c r="K1407" s="237">
        <f t="shared" si="321"/>
        <v>215.33432090297958</v>
      </c>
      <c r="L1407" s="237">
        <f t="shared" si="326"/>
        <v>76.753059919450578</v>
      </c>
      <c r="M1407" s="236">
        <f t="shared" si="322"/>
        <v>3.4503598863021869</v>
      </c>
      <c r="N1407" s="236">
        <f t="shared" si="323"/>
        <v>3.398461973433776</v>
      </c>
      <c r="O1407" s="236">
        <f t="shared" si="327"/>
        <v>3.4153197941328113</v>
      </c>
      <c r="P1407" s="236" t="str">
        <f t="shared" si="328"/>
        <v>CLAY</v>
      </c>
      <c r="Q1407" s="236">
        <f t="shared" si="324"/>
        <v>22.068806591418369</v>
      </c>
      <c r="R1407" s="238">
        <v>35</v>
      </c>
      <c r="S1407" s="236">
        <f t="shared" si="329"/>
        <v>1.1756295771852445</v>
      </c>
      <c r="T1407" s="236" t="e">
        <f t="shared" si="315"/>
        <v>#N/A</v>
      </c>
    </row>
    <row r="1408" spans="1:20" x14ac:dyDescent="0.2">
      <c r="A1408" s="53">
        <f t="shared" si="316"/>
        <v>1396</v>
      </c>
      <c r="B1408" s="239">
        <v>13.88</v>
      </c>
      <c r="C1408" s="3">
        <f t="shared" si="317"/>
        <v>13.873000000000001</v>
      </c>
      <c r="D1408" s="239">
        <v>0.40720000000000001</v>
      </c>
      <c r="E1408" s="239">
        <v>8.8999999999999999E-3</v>
      </c>
      <c r="F1408" s="239">
        <v>0.37180000000000002</v>
      </c>
      <c r="G1408">
        <f t="shared" si="318"/>
        <v>0.48155999999999999</v>
      </c>
      <c r="H1408" s="235">
        <f t="shared" si="319"/>
        <v>1.848160146191544</v>
      </c>
      <c r="I1408" s="236">
        <f t="shared" si="320"/>
        <v>15.52218143752707</v>
      </c>
      <c r="J1408" s="237">
        <f t="shared" si="325"/>
        <v>5.5221814375270704</v>
      </c>
      <c r="K1408" s="237">
        <f t="shared" si="321"/>
        <v>215.33922308281308</v>
      </c>
      <c r="L1408" s="237">
        <f t="shared" si="326"/>
        <v>76.647878352875736</v>
      </c>
      <c r="M1408" s="236">
        <f t="shared" si="322"/>
        <v>3.473296099489473</v>
      </c>
      <c r="N1408" s="236">
        <f t="shared" si="323"/>
        <v>3.3430899357522783</v>
      </c>
      <c r="O1408" s="236">
        <f t="shared" si="327"/>
        <v>3.4091943340682045</v>
      </c>
      <c r="P1408" s="236" t="str">
        <f t="shared" si="328"/>
        <v>CLAY</v>
      </c>
      <c r="Q1408" s="236">
        <f t="shared" si="324"/>
        <v>22.185064743098909</v>
      </c>
      <c r="R1408" s="238">
        <v>35</v>
      </c>
      <c r="S1408" s="236">
        <f t="shared" si="329"/>
        <v>1.1854064048665658</v>
      </c>
      <c r="T1408" s="236" t="e">
        <f t="shared" si="315"/>
        <v>#N/A</v>
      </c>
    </row>
    <row r="1409" spans="1:20" x14ac:dyDescent="0.2">
      <c r="A1409" s="53">
        <f t="shared" si="316"/>
        <v>1397</v>
      </c>
      <c r="B1409" s="239">
        <v>13.888999999999999</v>
      </c>
      <c r="C1409" s="3">
        <f t="shared" si="317"/>
        <v>13.882</v>
      </c>
      <c r="D1409" s="239">
        <v>0.4123</v>
      </c>
      <c r="E1409" s="239">
        <v>8.8999999999999999E-3</v>
      </c>
      <c r="F1409" s="239">
        <v>0.3705</v>
      </c>
      <c r="G1409">
        <f t="shared" si="318"/>
        <v>0.4864</v>
      </c>
      <c r="H1409" s="235">
        <f t="shared" si="319"/>
        <v>1.8297697368421053</v>
      </c>
      <c r="I1409" s="236">
        <f t="shared" si="320"/>
        <v>15.526090281961961</v>
      </c>
      <c r="J1409" s="237">
        <f t="shared" si="325"/>
        <v>5.5260902819619613</v>
      </c>
      <c r="K1409" s="237">
        <f t="shared" si="321"/>
        <v>215.53318529419593</v>
      </c>
      <c r="L1409" s="237">
        <f t="shared" si="326"/>
        <v>76.75186792616968</v>
      </c>
      <c r="M1409" s="236">
        <f t="shared" si="322"/>
        <v>3.5291234210268385</v>
      </c>
      <c r="N1409" s="236">
        <f t="shared" si="323"/>
        <v>3.2857476504334939</v>
      </c>
      <c r="O1409" s="236">
        <f t="shared" si="327"/>
        <v>3.3994013331146409</v>
      </c>
      <c r="P1409" s="236" t="str">
        <f t="shared" si="328"/>
        <v>CLAY</v>
      </c>
      <c r="Q1409" s="236">
        <f t="shared" si="324"/>
        <v>22.572234558817001</v>
      </c>
      <c r="R1409" s="238">
        <v>35</v>
      </c>
      <c r="S1409" s="236">
        <f t="shared" si="329"/>
        <v>1.2092708028765542</v>
      </c>
      <c r="T1409" s="236" t="e">
        <f t="shared" si="315"/>
        <v>#N/A</v>
      </c>
    </row>
    <row r="1410" spans="1:20" x14ac:dyDescent="0.2">
      <c r="A1410" s="53">
        <f t="shared" si="316"/>
        <v>1398</v>
      </c>
      <c r="B1410" s="239">
        <v>13.9</v>
      </c>
      <c r="C1410" s="3">
        <f t="shared" si="317"/>
        <v>13.893000000000001</v>
      </c>
      <c r="D1410" s="239">
        <v>0.4168</v>
      </c>
      <c r="E1410" s="239">
        <v>8.8999999999999999E-3</v>
      </c>
      <c r="F1410" s="239">
        <v>0.36680000000000001</v>
      </c>
      <c r="G1410">
        <f t="shared" si="318"/>
        <v>0.49015999999999998</v>
      </c>
      <c r="H1410" s="235">
        <f t="shared" si="319"/>
        <v>1.8157336379957565</v>
      </c>
      <c r="I1410" s="236">
        <f t="shared" si="320"/>
        <v>15.529100152915259</v>
      </c>
      <c r="J1410" s="237">
        <f t="shared" si="325"/>
        <v>5.5291001529152588</v>
      </c>
      <c r="K1410" s="237">
        <f t="shared" si="321"/>
        <v>215.74578842445169</v>
      </c>
      <c r="L1410" s="237">
        <f t="shared" si="326"/>
        <v>76.8544921255221</v>
      </c>
      <c r="M1410" s="236">
        <f t="shared" si="322"/>
        <v>3.5705682776143135</v>
      </c>
      <c r="N1410" s="236">
        <f t="shared" si="323"/>
        <v>3.2432722594433723</v>
      </c>
      <c r="O1410" s="236">
        <f t="shared" si="327"/>
        <v>3.3921563895793385</v>
      </c>
      <c r="P1410" s="236" t="str">
        <f t="shared" si="328"/>
        <v>CLAY</v>
      </c>
      <c r="Q1410" s="236">
        <f t="shared" si="324"/>
        <v>22.867850964629024</v>
      </c>
      <c r="R1410" s="238">
        <v>35</v>
      </c>
      <c r="S1410" s="236">
        <f t="shared" si="329"/>
        <v>1.227048380105443</v>
      </c>
      <c r="T1410" s="236" t="e">
        <f t="shared" si="315"/>
        <v>#N/A</v>
      </c>
    </row>
    <row r="1411" spans="1:20" x14ac:dyDescent="0.2">
      <c r="A1411" s="53">
        <f t="shared" si="316"/>
        <v>1399</v>
      </c>
      <c r="B1411" s="239">
        <v>13.909000000000001</v>
      </c>
      <c r="C1411" s="3">
        <f t="shared" si="317"/>
        <v>13.902000000000001</v>
      </c>
      <c r="D1411" s="239">
        <v>0.41920000000000002</v>
      </c>
      <c r="E1411" s="239">
        <v>8.9999999999999993E-3</v>
      </c>
      <c r="F1411" s="239">
        <v>0.36659999999999998</v>
      </c>
      <c r="G1411">
        <f t="shared" si="318"/>
        <v>0.49252000000000001</v>
      </c>
      <c r="H1411" s="235">
        <f t="shared" si="319"/>
        <v>1.8273369609355963</v>
      </c>
      <c r="I1411" s="236">
        <f t="shared" si="320"/>
        <v>15.544079313588375</v>
      </c>
      <c r="J1411" s="237">
        <f t="shared" si="325"/>
        <v>5.5440793135883748</v>
      </c>
      <c r="K1411" s="237">
        <f t="shared" si="321"/>
        <v>216.09379061750559</v>
      </c>
      <c r="L1411" s="237">
        <f t="shared" si="326"/>
        <v>77.112599172700712</v>
      </c>
      <c r="M1411" s="236">
        <f t="shared" si="322"/>
        <v>3.5847087550947765</v>
      </c>
      <c r="N1411" s="236">
        <f t="shared" si="323"/>
        <v>3.2558417742315404</v>
      </c>
      <c r="O1411" s="236">
        <f t="shared" si="327"/>
        <v>3.3915381876551081</v>
      </c>
      <c r="P1411" s="236" t="str">
        <f t="shared" si="328"/>
        <v>CLAY</v>
      </c>
      <c r="Q1411" s="236">
        <f t="shared" si="324"/>
        <v>23.035517448541203</v>
      </c>
      <c r="R1411" s="238">
        <v>35</v>
      </c>
      <c r="S1411" s="236">
        <f t="shared" si="329"/>
        <v>1.2331257148393069</v>
      </c>
      <c r="T1411" s="236" t="e">
        <f t="shared" si="315"/>
        <v>#N/A</v>
      </c>
    </row>
    <row r="1412" spans="1:20" x14ac:dyDescent="0.2">
      <c r="A1412" s="53">
        <f t="shared" si="316"/>
        <v>1400</v>
      </c>
      <c r="B1412" s="239">
        <v>13.919</v>
      </c>
      <c r="C1412" s="3">
        <f t="shared" si="317"/>
        <v>13.912000000000001</v>
      </c>
      <c r="D1412" s="239">
        <v>0.4163</v>
      </c>
      <c r="E1412" s="239">
        <v>8.8999999999999999E-3</v>
      </c>
      <c r="F1412" s="239">
        <v>0.3634</v>
      </c>
      <c r="G1412">
        <f t="shared" si="318"/>
        <v>0.48897999999999997</v>
      </c>
      <c r="H1412" s="235">
        <f t="shared" si="319"/>
        <v>1.820115342140783</v>
      </c>
      <c r="I1412" s="236">
        <f t="shared" si="320"/>
        <v>15.528158058908135</v>
      </c>
      <c r="J1412" s="237">
        <f t="shared" si="325"/>
        <v>5.5281580589081347</v>
      </c>
      <c r="K1412" s="237">
        <f t="shared" si="321"/>
        <v>216.02773491552998</v>
      </c>
      <c r="L1412" s="237">
        <f t="shared" si="326"/>
        <v>76.946432021942329</v>
      </c>
      <c r="M1412" s="236">
        <f t="shared" si="322"/>
        <v>3.5473024273124705</v>
      </c>
      <c r="N1412" s="236">
        <f t="shared" si="323"/>
        <v>3.2606433939083579</v>
      </c>
      <c r="O1412" s="236">
        <f t="shared" si="327"/>
        <v>3.3957819088050334</v>
      </c>
      <c r="P1412" s="236" t="str">
        <f t="shared" si="328"/>
        <v>CLAY</v>
      </c>
      <c r="Q1412" s="236">
        <f t="shared" si="324"/>
        <v>22.746022090372502</v>
      </c>
      <c r="R1412" s="238">
        <v>35</v>
      </c>
      <c r="S1412" s="236">
        <f t="shared" si="329"/>
        <v>1.2170622129596897</v>
      </c>
      <c r="T1412" s="236" t="e">
        <f t="shared" si="315"/>
        <v>#N/A</v>
      </c>
    </row>
    <row r="1413" spans="1:20" x14ac:dyDescent="0.2">
      <c r="A1413" s="53">
        <f t="shared" si="316"/>
        <v>1401</v>
      </c>
      <c r="B1413" s="239">
        <v>13.929</v>
      </c>
      <c r="C1413" s="3">
        <f t="shared" si="317"/>
        <v>13.922000000000001</v>
      </c>
      <c r="D1413" s="239">
        <v>0.4078</v>
      </c>
      <c r="E1413" s="239">
        <v>8.9999999999999993E-3</v>
      </c>
      <c r="F1413" s="239">
        <v>0.35859999999999997</v>
      </c>
      <c r="G1413">
        <f t="shared" si="318"/>
        <v>0.47951999999999995</v>
      </c>
      <c r="H1413" s="235">
        <f t="shared" si="319"/>
        <v>1.8768768768768769</v>
      </c>
      <c r="I1413" s="236">
        <f t="shared" si="320"/>
        <v>15.533623882910078</v>
      </c>
      <c r="J1413" s="237">
        <f t="shared" si="325"/>
        <v>5.5336238829100779</v>
      </c>
      <c r="K1413" s="237">
        <f t="shared" si="321"/>
        <v>216.25911169787412</v>
      </c>
      <c r="L1413" s="237">
        <f t="shared" si="326"/>
        <v>77.07784706505447</v>
      </c>
      <c r="M1413" s="236">
        <f t="shared" si="322"/>
        <v>3.4155194822700614</v>
      </c>
      <c r="N1413" s="236">
        <f t="shared" si="323"/>
        <v>3.4186620192785115</v>
      </c>
      <c r="O1413" s="236">
        <f t="shared" si="327"/>
        <v>3.4204236016253704</v>
      </c>
      <c r="P1413" s="236" t="str">
        <f t="shared" si="328"/>
        <v>CLAY</v>
      </c>
      <c r="Q1413" s="236">
        <f t="shared" si="324"/>
        <v>21.938407358510485</v>
      </c>
      <c r="R1413" s="238">
        <v>35</v>
      </c>
      <c r="S1413" s="236">
        <f t="shared" si="329"/>
        <v>1.160809536421616</v>
      </c>
      <c r="T1413" s="236" t="e">
        <f t="shared" si="315"/>
        <v>#N/A</v>
      </c>
    </row>
    <row r="1414" spans="1:20" x14ac:dyDescent="0.2">
      <c r="A1414" s="53">
        <f t="shared" si="316"/>
        <v>1402</v>
      </c>
      <c r="B1414" s="239">
        <v>13.939</v>
      </c>
      <c r="C1414" s="3">
        <f t="shared" si="317"/>
        <v>13.932</v>
      </c>
      <c r="D1414" s="239">
        <v>0.40139999999999998</v>
      </c>
      <c r="E1414" s="239">
        <v>9.1000000000000004E-3</v>
      </c>
      <c r="F1414" s="239">
        <v>0.36309999999999998</v>
      </c>
      <c r="G1414">
        <f t="shared" si="318"/>
        <v>0.47401999999999994</v>
      </c>
      <c r="H1414" s="235">
        <f t="shared" si="319"/>
        <v>1.9197502215096411</v>
      </c>
      <c r="I1414" s="236">
        <f t="shared" si="320"/>
        <v>15.542071813003703</v>
      </c>
      <c r="J1414" s="237">
        <f t="shared" si="325"/>
        <v>5.5420718130037034</v>
      </c>
      <c r="K1414" s="237">
        <f t="shared" si="321"/>
        <v>216.53214449876759</v>
      </c>
      <c r="L1414" s="237">
        <f t="shared" si="326"/>
        <v>77.250939001458619</v>
      </c>
      <c r="M1414" s="236">
        <f t="shared" si="322"/>
        <v>3.3331356075344347</v>
      </c>
      <c r="N1414" s="236">
        <f t="shared" si="323"/>
        <v>3.5341472638721978</v>
      </c>
      <c r="O1414" s="236">
        <f t="shared" si="327"/>
        <v>3.4369326607348119</v>
      </c>
      <c r="P1414" s="236" t="str">
        <f t="shared" si="328"/>
        <v>CLAY</v>
      </c>
      <c r="Q1414" s="236">
        <f t="shared" si="324"/>
        <v>21.457321291769361</v>
      </c>
      <c r="R1414" s="238">
        <v>35</v>
      </c>
      <c r="S1414" s="236">
        <f t="shared" si="329"/>
        <v>1.1259166398967735</v>
      </c>
      <c r="T1414" s="236" t="e">
        <f t="shared" si="315"/>
        <v>#N/A</v>
      </c>
    </row>
    <row r="1415" spans="1:20" x14ac:dyDescent="0.2">
      <c r="A1415" s="53">
        <f t="shared" si="316"/>
        <v>1403</v>
      </c>
      <c r="B1415" s="239">
        <v>13.949</v>
      </c>
      <c r="C1415" s="3">
        <f t="shared" si="317"/>
        <v>13.942</v>
      </c>
      <c r="D1415" s="239">
        <v>0.40799999999999997</v>
      </c>
      <c r="E1415" s="239">
        <v>8.6999999999999994E-3</v>
      </c>
      <c r="F1415" s="239">
        <v>0.36080000000000001</v>
      </c>
      <c r="G1415">
        <f t="shared" si="318"/>
        <v>0.48015999999999998</v>
      </c>
      <c r="H1415" s="235">
        <f t="shared" si="319"/>
        <v>1.811896034655115</v>
      </c>
      <c r="I1415" s="236">
        <f t="shared" si="320"/>
        <v>15.494392416725455</v>
      </c>
      <c r="J1415" s="237">
        <f t="shared" si="325"/>
        <v>5.4943924167254554</v>
      </c>
      <c r="K1415" s="237">
        <f t="shared" si="321"/>
        <v>216.02281907398631</v>
      </c>
      <c r="L1415" s="237">
        <f t="shared" si="326"/>
        <v>76.641279820903378</v>
      </c>
      <c r="M1415" s="236">
        <f t="shared" si="322"/>
        <v>3.4464087961899104</v>
      </c>
      <c r="N1415" s="236">
        <f t="shared" si="323"/>
        <v>3.2937430351529793</v>
      </c>
      <c r="O1415" s="236">
        <f t="shared" si="327"/>
        <v>3.4087978947021913</v>
      </c>
      <c r="P1415" s="236" t="str">
        <f t="shared" si="328"/>
        <v>CLAY</v>
      </c>
      <c r="Q1415" s="236">
        <f t="shared" si="324"/>
        <v>22.011431743834475</v>
      </c>
      <c r="R1415" s="238">
        <v>35</v>
      </c>
      <c r="S1415" s="236">
        <f t="shared" si="329"/>
        <v>1.1739470159921988</v>
      </c>
      <c r="T1415" s="236" t="e">
        <f t="shared" si="315"/>
        <v>#N/A</v>
      </c>
    </row>
    <row r="1416" spans="1:20" x14ac:dyDescent="0.2">
      <c r="A1416" s="53">
        <f t="shared" si="316"/>
        <v>1404</v>
      </c>
      <c r="B1416" s="239">
        <v>13.96</v>
      </c>
      <c r="C1416" s="3">
        <f t="shared" si="317"/>
        <v>13.953000000000001</v>
      </c>
      <c r="D1416" s="239">
        <v>0.41110000000000002</v>
      </c>
      <c r="E1416" s="239">
        <v>8.5000000000000006E-3</v>
      </c>
      <c r="F1416" s="239">
        <v>0.35809999999999997</v>
      </c>
      <c r="G1416">
        <f t="shared" si="318"/>
        <v>0.48271999999999998</v>
      </c>
      <c r="H1416" s="235">
        <f t="shared" si="319"/>
        <v>1.760855154126616</v>
      </c>
      <c r="I1416" s="236">
        <f t="shared" si="320"/>
        <v>15.469199917358898</v>
      </c>
      <c r="J1416" s="237">
        <f t="shared" si="325"/>
        <v>5.4691999173588979</v>
      </c>
      <c r="K1416" s="237">
        <f t="shared" si="321"/>
        <v>215.84174644690873</v>
      </c>
      <c r="L1416" s="237">
        <f t="shared" si="326"/>
        <v>76.350030846330213</v>
      </c>
      <c r="M1416" s="236">
        <f t="shared" si="322"/>
        <v>3.4954570495228396</v>
      </c>
      <c r="N1416" s="236">
        <f t="shared" si="323"/>
        <v>3.184972880643143</v>
      </c>
      <c r="O1416" s="236">
        <f t="shared" si="327"/>
        <v>3.3960966417328793</v>
      </c>
      <c r="P1416" s="236" t="str">
        <f t="shared" si="328"/>
        <v>CLAY</v>
      </c>
      <c r="Q1416" s="236">
        <f t="shared" si="324"/>
        <v>22.239854462757602</v>
      </c>
      <c r="R1416" s="238">
        <v>35</v>
      </c>
      <c r="S1416" s="236">
        <f t="shared" si="329"/>
        <v>1.194868112632091</v>
      </c>
      <c r="T1416" s="236" t="e">
        <f t="shared" si="315"/>
        <v>#N/A</v>
      </c>
    </row>
    <row r="1417" spans="1:20" x14ac:dyDescent="0.2">
      <c r="A1417" s="53">
        <f t="shared" si="316"/>
        <v>1405</v>
      </c>
      <c r="B1417" s="239">
        <v>13.968999999999999</v>
      </c>
      <c r="C1417" s="3">
        <f t="shared" si="317"/>
        <v>13.962</v>
      </c>
      <c r="D1417" s="239">
        <v>0.41170000000000001</v>
      </c>
      <c r="E1417" s="239">
        <v>8.6E-3</v>
      </c>
      <c r="F1417" s="239">
        <v>0.36030000000000001</v>
      </c>
      <c r="G1417">
        <f t="shared" si="318"/>
        <v>0.48375999999999997</v>
      </c>
      <c r="H1417" s="235">
        <f t="shared" si="319"/>
        <v>1.7777410286092279</v>
      </c>
      <c r="I1417" s="236">
        <f t="shared" si="320"/>
        <v>15.483755832778217</v>
      </c>
      <c r="J1417" s="237">
        <f t="shared" si="325"/>
        <v>5.4837558327782165</v>
      </c>
      <c r="K1417" s="237">
        <f t="shared" si="321"/>
        <v>216.18419893724945</v>
      </c>
      <c r="L1417" s="237">
        <f t="shared" si="326"/>
        <v>76.602585228078908</v>
      </c>
      <c r="M1417" s="236">
        <f t="shared" si="322"/>
        <v>3.4930387827781799</v>
      </c>
      <c r="N1417" s="236">
        <f t="shared" si="323"/>
        <v>3.2140425127544217</v>
      </c>
      <c r="O1417" s="236">
        <f t="shared" si="327"/>
        <v>3.3983592483779947</v>
      </c>
      <c r="P1417" s="236" t="str">
        <f t="shared" si="328"/>
        <v>CLAY</v>
      </c>
      <c r="Q1417" s="236">
        <f t="shared" si="324"/>
        <v>22.297983421895879</v>
      </c>
      <c r="R1417" s="238">
        <v>35</v>
      </c>
      <c r="S1417" s="236">
        <f t="shared" si="329"/>
        <v>1.1938348929932914</v>
      </c>
      <c r="T1417" s="236" t="e">
        <f t="shared" si="315"/>
        <v>#N/A</v>
      </c>
    </row>
    <row r="1418" spans="1:20" x14ac:dyDescent="0.2">
      <c r="A1418" s="53">
        <f t="shared" si="316"/>
        <v>1406</v>
      </c>
      <c r="B1418" s="239">
        <v>13.978999999999999</v>
      </c>
      <c r="C1418" s="3">
        <f t="shared" si="317"/>
        <v>13.972</v>
      </c>
      <c r="D1418" s="239">
        <v>0.40989999999999999</v>
      </c>
      <c r="E1418" s="239">
        <v>8.6E-3</v>
      </c>
      <c r="F1418" s="239">
        <v>0.36349999999999999</v>
      </c>
      <c r="G1418">
        <f t="shared" si="318"/>
        <v>0.48259999999999997</v>
      </c>
      <c r="H1418" s="235">
        <f t="shared" si="319"/>
        <v>1.7820140903439703</v>
      </c>
      <c r="I1418" s="236">
        <f t="shared" si="320"/>
        <v>15.482817458555608</v>
      </c>
      <c r="J1418" s="237">
        <f t="shared" si="325"/>
        <v>5.4828174585556084</v>
      </c>
      <c r="K1418" s="237">
        <f t="shared" si="321"/>
        <v>216.32592553093895</v>
      </c>
      <c r="L1418" s="237">
        <f t="shared" si="326"/>
        <v>76.644305253148843</v>
      </c>
      <c r="M1418" s="236">
        <f t="shared" si="322"/>
        <v>3.474153410218582</v>
      </c>
      <c r="N1418" s="236">
        <f t="shared" si="323"/>
        <v>3.2297549121701117</v>
      </c>
      <c r="O1418" s="236">
        <f t="shared" si="327"/>
        <v>3.4014633646429071</v>
      </c>
      <c r="P1418" s="236" t="str">
        <f t="shared" si="328"/>
        <v>CLAY</v>
      </c>
      <c r="Q1418" s="236">
        <f t="shared" si="324"/>
        <v>22.189506205755084</v>
      </c>
      <c r="R1418" s="238">
        <v>35</v>
      </c>
      <c r="S1418" s="236">
        <f t="shared" si="329"/>
        <v>1.1857721572216684</v>
      </c>
      <c r="T1418" s="236" t="e">
        <f t="shared" si="315"/>
        <v>#N/A</v>
      </c>
    </row>
    <row r="1419" spans="1:20" x14ac:dyDescent="0.2">
      <c r="A1419" s="53">
        <f t="shared" si="316"/>
        <v>1407</v>
      </c>
      <c r="B1419" s="239">
        <v>13.989000000000001</v>
      </c>
      <c r="C1419" s="3">
        <f t="shared" si="317"/>
        <v>13.982000000000001</v>
      </c>
      <c r="D1419" s="239">
        <v>0.40989999999999999</v>
      </c>
      <c r="E1419" s="239">
        <v>8.8000000000000005E-3</v>
      </c>
      <c r="F1419" s="239">
        <v>0.36809999999999998</v>
      </c>
      <c r="G1419">
        <f t="shared" si="318"/>
        <v>0.48351999999999995</v>
      </c>
      <c r="H1419" s="235">
        <f t="shared" si="319"/>
        <v>1.8199867637326277</v>
      </c>
      <c r="I1419" s="236">
        <f t="shared" si="320"/>
        <v>15.51051926758098</v>
      </c>
      <c r="J1419" s="237">
        <f t="shared" si="325"/>
        <v>5.51051926758098</v>
      </c>
      <c r="K1419" s="237">
        <f t="shared" si="321"/>
        <v>216.86808039931728</v>
      </c>
      <c r="L1419" s="237">
        <f t="shared" si="326"/>
        <v>77.086654034190332</v>
      </c>
      <c r="M1419" s="236">
        <f t="shared" si="322"/>
        <v>3.459119129524213</v>
      </c>
      <c r="N1419" s="236">
        <f t="shared" si="323"/>
        <v>3.3001825050343547</v>
      </c>
      <c r="O1419" s="236">
        <f t="shared" si="327"/>
        <v>3.407855243224394</v>
      </c>
      <c r="P1419" s="236" t="str">
        <f t="shared" si="328"/>
        <v>CLAY</v>
      </c>
      <c r="Q1419" s="236">
        <f t="shared" si="324"/>
        <v>22.220993300056886</v>
      </c>
      <c r="R1419" s="238">
        <v>35</v>
      </c>
      <c r="S1419" s="236">
        <f t="shared" si="329"/>
        <v>1.1793613948169275</v>
      </c>
      <c r="T1419" s="236" t="e">
        <f t="shared" si="315"/>
        <v>#N/A</v>
      </c>
    </row>
    <row r="1420" spans="1:20" x14ac:dyDescent="0.2">
      <c r="A1420" s="53">
        <f t="shared" si="316"/>
        <v>1408</v>
      </c>
      <c r="B1420" s="239">
        <v>14</v>
      </c>
      <c r="C1420" s="3">
        <f t="shared" si="317"/>
        <v>13.993</v>
      </c>
      <c r="D1420" s="239">
        <v>0.4148</v>
      </c>
      <c r="E1420" s="239">
        <v>8.8000000000000005E-3</v>
      </c>
      <c r="F1420" s="239">
        <v>0.37119999999999997</v>
      </c>
      <c r="G1420">
        <f t="shared" si="318"/>
        <v>0.48903999999999997</v>
      </c>
      <c r="H1420" s="235">
        <f t="shared" si="319"/>
        <v>1.7994438082774418</v>
      </c>
      <c r="I1420" s="236">
        <f t="shared" si="320"/>
        <v>15.514956213691493</v>
      </c>
      <c r="J1420" s="237">
        <f t="shared" si="325"/>
        <v>5.5149562136914927</v>
      </c>
      <c r="K1420" s="237">
        <f t="shared" si="321"/>
        <v>217.10078229818507</v>
      </c>
      <c r="L1420" s="237">
        <f t="shared" si="326"/>
        <v>77.209386991680901</v>
      </c>
      <c r="M1420" s="236">
        <f t="shared" si="322"/>
        <v>3.5221004633946333</v>
      </c>
      <c r="N1420" s="236">
        <f t="shared" si="323"/>
        <v>3.2360172520792214</v>
      </c>
      <c r="O1420" s="236">
        <f t="shared" si="327"/>
        <v>3.3967669240290843</v>
      </c>
      <c r="P1420" s="236" t="str">
        <f t="shared" si="328"/>
        <v>CLAY</v>
      </c>
      <c r="Q1420" s="236">
        <f t="shared" si="324"/>
        <v>22.66160147515124</v>
      </c>
      <c r="R1420" s="238">
        <v>35</v>
      </c>
      <c r="S1420" s="236">
        <f t="shared" si="329"/>
        <v>1.2062634895155444</v>
      </c>
      <c r="T1420" s="236" t="e">
        <f t="shared" si="315"/>
        <v>#N/A</v>
      </c>
    </row>
    <row r="1421" spans="1:20" x14ac:dyDescent="0.2">
      <c r="A1421" s="53">
        <f t="shared" si="316"/>
        <v>1409</v>
      </c>
      <c r="B1421" s="239">
        <v>14.01</v>
      </c>
      <c r="C1421" s="3">
        <f t="shared" si="317"/>
        <v>14.003</v>
      </c>
      <c r="D1421" s="239">
        <v>0.41810000000000003</v>
      </c>
      <c r="E1421" s="239">
        <v>8.9999999999999993E-3</v>
      </c>
      <c r="F1421" s="239">
        <v>0.37380000000000002</v>
      </c>
      <c r="G1421">
        <f t="shared" si="318"/>
        <v>0.49286000000000002</v>
      </c>
      <c r="H1421" s="235">
        <f t="shared" si="319"/>
        <v>1.8260763705717646</v>
      </c>
      <c r="I1421" s="236">
        <f t="shared" si="320"/>
        <v>15.544349045299466</v>
      </c>
      <c r="J1421" s="237">
        <f t="shared" si="325"/>
        <v>5.5443490452994659</v>
      </c>
      <c r="K1421" s="237">
        <f t="shared" si="321"/>
        <v>217.66751968132843</v>
      </c>
      <c r="L1421" s="237">
        <f t="shared" si="326"/>
        <v>77.676330124645517</v>
      </c>
      <c r="M1421" s="236">
        <f t="shared" si="322"/>
        <v>3.5428100153171012</v>
      </c>
      <c r="N1421" s="236">
        <f t="shared" si="323"/>
        <v>3.2704382000474874</v>
      </c>
      <c r="O1421" s="236">
        <f t="shared" si="327"/>
        <v>3.3969201774621438</v>
      </c>
      <c r="P1421" s="236" t="str">
        <f t="shared" si="328"/>
        <v>CLAY</v>
      </c>
      <c r="Q1421" s="236">
        <f t="shared" si="324"/>
        <v>22.932706693222631</v>
      </c>
      <c r="R1421" s="238">
        <v>35</v>
      </c>
      <c r="S1421" s="236">
        <f t="shared" si="329"/>
        <v>1.2151358621659387</v>
      </c>
      <c r="T1421" s="236" t="e">
        <f t="shared" ref="T1421:T1484" si="330">IF(P1421="SAND",17.6+(11*LOG(M1421)),#N/A)</f>
        <v>#N/A</v>
      </c>
    </row>
    <row r="1422" spans="1:20" x14ac:dyDescent="0.2">
      <c r="A1422" s="53">
        <f t="shared" ref="A1422:A1485" si="331">$A1421+1</f>
        <v>1410</v>
      </c>
      <c r="B1422" s="239">
        <v>14.02</v>
      </c>
      <c r="C1422" s="3">
        <f t="shared" ref="C1422:C1485" si="332">MAX($B1422 - $B$13, 0.001)</f>
        <v>14.013</v>
      </c>
      <c r="D1422" s="239">
        <v>0.42509999999999998</v>
      </c>
      <c r="E1422" s="239">
        <v>9.1000000000000004E-3</v>
      </c>
      <c r="F1422" s="239">
        <v>0.37109999999999999</v>
      </c>
      <c r="G1422">
        <f t="shared" si="318"/>
        <v>0.49931999999999999</v>
      </c>
      <c r="H1422" s="235">
        <f t="shared" si="319"/>
        <v>1.8224785708563649</v>
      </c>
      <c r="I1422" s="236">
        <f t="shared" si="320"/>
        <v>15.562395879305955</v>
      </c>
      <c r="J1422" s="237">
        <f t="shared" si="325"/>
        <v>5.5623958793059547</v>
      </c>
      <c r="K1422" s="237">
        <f t="shared" si="321"/>
        <v>218.07585345671436</v>
      </c>
      <c r="L1422" s="237">
        <f t="shared" si="326"/>
        <v>77.984790227869482</v>
      </c>
      <c r="M1422" s="236">
        <f t="shared" si="322"/>
        <v>3.6063974234142031</v>
      </c>
      <c r="N1422" s="236">
        <f t="shared" si="323"/>
        <v>3.2356228962793505</v>
      </c>
      <c r="O1422" s="236">
        <f t="shared" si="327"/>
        <v>3.3879041663194585</v>
      </c>
      <c r="P1422" s="236" t="str">
        <f t="shared" si="328"/>
        <v>CLAY</v>
      </c>
      <c r="Q1422" s="236">
        <f t="shared" si="324"/>
        <v>23.43701221194047</v>
      </c>
      <c r="R1422" s="238">
        <v>35</v>
      </c>
      <c r="S1422" s="236">
        <f t="shared" si="329"/>
        <v>1.2424587781496261</v>
      </c>
      <c r="T1422" s="236" t="e">
        <f t="shared" si="330"/>
        <v>#N/A</v>
      </c>
    </row>
    <row r="1423" spans="1:20" x14ac:dyDescent="0.2">
      <c r="A1423" s="53">
        <f t="shared" si="331"/>
        <v>1411</v>
      </c>
      <c r="B1423" s="239">
        <v>14.03</v>
      </c>
      <c r="C1423" s="3">
        <f t="shared" si="332"/>
        <v>14.023</v>
      </c>
      <c r="D1423" s="239">
        <v>0.42959999999999998</v>
      </c>
      <c r="E1423" s="239">
        <v>9.2999999999999992E-3</v>
      </c>
      <c r="F1423" s="239">
        <v>0.37180000000000002</v>
      </c>
      <c r="G1423">
        <f t="shared" ref="G1423:G1486" si="333">$D1423+($F1423*(1-$P$8))</f>
        <v>0.50395999999999996</v>
      </c>
      <c r="H1423" s="235">
        <f t="shared" ref="H1423:H1486" si="334">($E1423/$G1423)*100</f>
        <v>1.8453845543297087</v>
      </c>
      <c r="I1423" s="236">
        <f t="shared" ref="I1423:I1486" si="335">((0.27*(LOG($H1423)))+(0.36*(LOG(($G1423*1000)/101)))+1.236)*10</f>
        <v>15.591503476013603</v>
      </c>
      <c r="J1423" s="237">
        <f t="shared" si="325"/>
        <v>5.5915034760136031</v>
      </c>
      <c r="K1423" s="237">
        <f t="shared" ref="K1423:K1486" si="336">$I1423*$C1423</f>
        <v>218.63965324413874</v>
      </c>
      <c r="L1423" s="237">
        <f t="shared" si="326"/>
        <v>78.44879376847085</v>
      </c>
      <c r="M1423" s="236">
        <f t="shared" ref="M1423:M1486" si="337">(($G1423*1000)-$K1423)/$L1423</f>
        <v>3.6370265628039982</v>
      </c>
      <c r="N1423" s="236">
        <f t="shared" ref="N1423:N1486" si="338">(($E1423*1000)/(($G1423*1000)-$K1423))*100</f>
        <v>3.2594941460511007</v>
      </c>
      <c r="O1423" s="236">
        <f t="shared" si="327"/>
        <v>3.3863794411371893</v>
      </c>
      <c r="P1423" s="236" t="str">
        <f t="shared" si="328"/>
        <v>CLAY</v>
      </c>
      <c r="Q1423" s="236">
        <f t="shared" ref="Q1423:Q1486" si="339">IF(P1423="CLAY",($G1423*1000 -$K1423)/$L$8,#N/A)</f>
        <v>23.776695562988436</v>
      </c>
      <c r="R1423" s="238">
        <v>35</v>
      </c>
      <c r="S1423" s="236">
        <f t="shared" si="329"/>
        <v>1.2556630072541002</v>
      </c>
      <c r="T1423" s="236" t="e">
        <f t="shared" si="330"/>
        <v>#N/A</v>
      </c>
    </row>
    <row r="1424" spans="1:20" x14ac:dyDescent="0.2">
      <c r="A1424" s="53">
        <f t="shared" si="331"/>
        <v>1412</v>
      </c>
      <c r="B1424" s="239">
        <v>14.04</v>
      </c>
      <c r="C1424" s="3">
        <f t="shared" si="332"/>
        <v>14.032999999999999</v>
      </c>
      <c r="D1424" s="239">
        <v>0.43009999999999998</v>
      </c>
      <c r="E1424" s="239">
        <v>9.4999999999999998E-3</v>
      </c>
      <c r="F1424" s="239">
        <v>0.37230000000000002</v>
      </c>
      <c r="G1424">
        <f t="shared" si="333"/>
        <v>0.50456000000000001</v>
      </c>
      <c r="H1424" s="235">
        <f t="shared" si="334"/>
        <v>1.8828286031393688</v>
      </c>
      <c r="I1424" s="236">
        <f t="shared" si="335"/>
        <v>15.616918324849111</v>
      </c>
      <c r="J1424" s="237">
        <f t="shared" ref="J1424:J1487" si="340">$I1424-10</f>
        <v>5.6169183248491112</v>
      </c>
      <c r="K1424" s="237">
        <f t="shared" si="336"/>
        <v>219.15221485260756</v>
      </c>
      <c r="L1424" s="237">
        <f t="shared" ref="L1424:L1487" si="341">$J1424*$B1424</f>
        <v>78.861533280881517</v>
      </c>
      <c r="M1424" s="236">
        <f t="shared" si="337"/>
        <v>3.6191001274455843</v>
      </c>
      <c r="N1424" s="236">
        <f t="shared" si="338"/>
        <v>3.3285707308558301</v>
      </c>
      <c r="O1424" s="236">
        <f t="shared" ref="O1424:O1487" si="342">((3.47-LOG($M1424))^2+(LOG($N1424)+1.22)^2)^0.5</f>
        <v>3.3928909031973293</v>
      </c>
      <c r="P1424" s="236" t="str">
        <f t="shared" ref="P1424:P1487" si="343">IF(O1424&lt;2.6,"SAND","CLAY")</f>
        <v>CLAY</v>
      </c>
      <c r="Q1424" s="236">
        <f t="shared" si="339"/>
        <v>23.783982095616039</v>
      </c>
      <c r="R1424" s="238">
        <v>35</v>
      </c>
      <c r="S1424" s="236">
        <f t="shared" ref="S1424:S1487" si="344">IF(P1424="SAND",#N/A,0.25*($M1424)^1.25)</f>
        <v>1.2479315280237293</v>
      </c>
      <c r="T1424" s="236" t="e">
        <f t="shared" si="330"/>
        <v>#N/A</v>
      </c>
    </row>
    <row r="1425" spans="1:20" x14ac:dyDescent="0.2">
      <c r="A1425" s="53">
        <f t="shared" si="331"/>
        <v>1413</v>
      </c>
      <c r="B1425" s="239">
        <v>14.05</v>
      </c>
      <c r="C1425" s="3">
        <f t="shared" si="332"/>
        <v>14.043000000000001</v>
      </c>
      <c r="D1425" s="239">
        <v>0.42880000000000001</v>
      </c>
      <c r="E1425" s="239">
        <v>9.7000000000000003E-3</v>
      </c>
      <c r="F1425" s="239">
        <v>0.36830000000000002</v>
      </c>
      <c r="G1425">
        <f t="shared" si="333"/>
        <v>0.50246000000000002</v>
      </c>
      <c r="H1425" s="235">
        <f t="shared" si="334"/>
        <v>1.9305019305019304</v>
      </c>
      <c r="I1425" s="236">
        <f t="shared" si="335"/>
        <v>15.639718081511678</v>
      </c>
      <c r="J1425" s="237">
        <f t="shared" si="340"/>
        <v>5.6397180815116776</v>
      </c>
      <c r="K1425" s="237">
        <f t="shared" si="336"/>
        <v>219.62856101866851</v>
      </c>
      <c r="L1425" s="237">
        <f t="shared" si="341"/>
        <v>79.238039045239077</v>
      </c>
      <c r="M1425" s="236">
        <f t="shared" si="337"/>
        <v>3.5693896818907347</v>
      </c>
      <c r="N1425" s="236">
        <f t="shared" si="338"/>
        <v>3.4296045853092929</v>
      </c>
      <c r="O1425" s="236">
        <f t="shared" si="342"/>
        <v>3.4047231397919209</v>
      </c>
      <c r="P1425" s="236" t="str">
        <f t="shared" si="343"/>
        <v>CLAY</v>
      </c>
      <c r="Q1425" s="236">
        <f t="shared" si="339"/>
        <v>23.569286581777629</v>
      </c>
      <c r="R1425" s="238">
        <v>35</v>
      </c>
      <c r="S1425" s="236">
        <f t="shared" si="344"/>
        <v>1.2265421111501433</v>
      </c>
      <c r="T1425" s="236" t="e">
        <f t="shared" si="330"/>
        <v>#N/A</v>
      </c>
    </row>
    <row r="1426" spans="1:20" x14ac:dyDescent="0.2">
      <c r="A1426" s="53">
        <f t="shared" si="331"/>
        <v>1414</v>
      </c>
      <c r="B1426" s="239">
        <v>14.061</v>
      </c>
      <c r="C1426" s="3">
        <f t="shared" si="332"/>
        <v>14.054</v>
      </c>
      <c r="D1426" s="239">
        <v>0.42520000000000002</v>
      </c>
      <c r="E1426" s="239">
        <v>9.9000000000000008E-3</v>
      </c>
      <c r="F1426" s="239">
        <v>0.36480000000000001</v>
      </c>
      <c r="G1426">
        <f t="shared" si="333"/>
        <v>0.49815999999999999</v>
      </c>
      <c r="H1426" s="235">
        <f t="shared" si="334"/>
        <v>1.9873133129918101</v>
      </c>
      <c r="I1426" s="236">
        <f t="shared" si="335"/>
        <v>15.660290047237879</v>
      </c>
      <c r="J1426" s="237">
        <f t="shared" si="340"/>
        <v>5.6602900472378792</v>
      </c>
      <c r="K1426" s="237">
        <f t="shared" si="336"/>
        <v>220.08971632388116</v>
      </c>
      <c r="L1426" s="237">
        <f t="shared" si="341"/>
        <v>79.589338354211819</v>
      </c>
      <c r="M1426" s="236">
        <f t="shared" si="337"/>
        <v>3.4938132346140245</v>
      </c>
      <c r="N1426" s="236">
        <f t="shared" si="338"/>
        <v>3.5602509801194664</v>
      </c>
      <c r="O1426" s="236">
        <f t="shared" si="342"/>
        <v>3.4210697593601402</v>
      </c>
      <c r="P1426" s="236" t="str">
        <f t="shared" si="343"/>
        <v>CLAY</v>
      </c>
      <c r="Q1426" s="236">
        <f t="shared" si="339"/>
        <v>23.172523639676569</v>
      </c>
      <c r="R1426" s="238">
        <v>35</v>
      </c>
      <c r="S1426" s="236">
        <f t="shared" si="344"/>
        <v>1.1941657629407156</v>
      </c>
      <c r="T1426" s="236" t="e">
        <f t="shared" si="330"/>
        <v>#N/A</v>
      </c>
    </row>
    <row r="1427" spans="1:20" x14ac:dyDescent="0.2">
      <c r="A1427" s="53">
        <f t="shared" si="331"/>
        <v>1415</v>
      </c>
      <c r="B1427" s="239">
        <v>14.07</v>
      </c>
      <c r="C1427" s="3">
        <f t="shared" si="332"/>
        <v>14.063000000000001</v>
      </c>
      <c r="D1427" s="239">
        <v>0.42230000000000001</v>
      </c>
      <c r="E1427" s="239">
        <v>0.01</v>
      </c>
      <c r="F1427" s="239">
        <v>0.36659999999999998</v>
      </c>
      <c r="G1427">
        <f t="shared" si="333"/>
        <v>0.49562</v>
      </c>
      <c r="H1427" s="235">
        <f t="shared" si="334"/>
        <v>2.0176748315241513</v>
      </c>
      <c r="I1427" s="236">
        <f t="shared" si="335"/>
        <v>15.670076995405182</v>
      </c>
      <c r="J1427" s="237">
        <f t="shared" si="340"/>
        <v>5.6700769954051822</v>
      </c>
      <c r="K1427" s="237">
        <f t="shared" si="336"/>
        <v>220.36829278638308</v>
      </c>
      <c r="L1427" s="237">
        <f t="shared" si="341"/>
        <v>79.777983325350917</v>
      </c>
      <c r="M1427" s="236">
        <f t="shared" si="337"/>
        <v>3.4502214237615432</v>
      </c>
      <c r="N1427" s="236">
        <f t="shared" si="338"/>
        <v>3.6330383201726031</v>
      </c>
      <c r="O1427" s="236">
        <f t="shared" si="342"/>
        <v>3.4302889969736188</v>
      </c>
      <c r="P1427" s="236" t="str">
        <f t="shared" si="343"/>
        <v>CLAY</v>
      </c>
      <c r="Q1427" s="236">
        <f t="shared" si="339"/>
        <v>22.937642267801408</v>
      </c>
      <c r="R1427" s="238">
        <v>35</v>
      </c>
      <c r="S1427" s="236">
        <f t="shared" si="344"/>
        <v>1.1755706051334429</v>
      </c>
      <c r="T1427" s="236" t="e">
        <f t="shared" si="330"/>
        <v>#N/A</v>
      </c>
    </row>
    <row r="1428" spans="1:20" x14ac:dyDescent="0.2">
      <c r="A1428" s="53">
        <f t="shared" si="331"/>
        <v>1416</v>
      </c>
      <c r="B1428" s="239">
        <v>14.08</v>
      </c>
      <c r="C1428" s="3">
        <f t="shared" si="332"/>
        <v>14.073</v>
      </c>
      <c r="D1428" s="239">
        <v>0.42420000000000002</v>
      </c>
      <c r="E1428" s="239">
        <v>9.9000000000000008E-3</v>
      </c>
      <c r="F1428" s="239">
        <v>0.3659</v>
      </c>
      <c r="G1428">
        <f t="shared" si="333"/>
        <v>0.49737999999999999</v>
      </c>
      <c r="H1428" s="235">
        <f t="shared" si="334"/>
        <v>1.9904298524267161</v>
      </c>
      <c r="I1428" s="236">
        <f t="shared" si="335"/>
        <v>15.659677565994174</v>
      </c>
      <c r="J1428" s="237">
        <f t="shared" si="340"/>
        <v>5.6596775659941745</v>
      </c>
      <c r="K1428" s="237">
        <f t="shared" si="336"/>
        <v>220.37864238623604</v>
      </c>
      <c r="L1428" s="237">
        <f t="shared" si="341"/>
        <v>79.688260129197971</v>
      </c>
      <c r="M1428" s="236">
        <f t="shared" si="337"/>
        <v>3.4760623103662165</v>
      </c>
      <c r="N1428" s="236">
        <f t="shared" si="338"/>
        <v>3.5739897036187225</v>
      </c>
      <c r="O1428" s="236">
        <f t="shared" si="342"/>
        <v>3.4238283744850029</v>
      </c>
      <c r="P1428" s="236" t="str">
        <f t="shared" si="343"/>
        <v>CLAY</v>
      </c>
      <c r="Q1428" s="236">
        <f t="shared" si="339"/>
        <v>23.083446467813662</v>
      </c>
      <c r="R1428" s="238">
        <v>35</v>
      </c>
      <c r="S1428" s="236">
        <f t="shared" si="344"/>
        <v>1.1865866276195369</v>
      </c>
      <c r="T1428" s="236" t="e">
        <f t="shared" si="330"/>
        <v>#N/A</v>
      </c>
    </row>
    <row r="1429" spans="1:20" x14ac:dyDescent="0.2">
      <c r="A1429" s="53">
        <f t="shared" si="331"/>
        <v>1417</v>
      </c>
      <c r="B1429" s="239">
        <v>14.089</v>
      </c>
      <c r="C1429" s="3">
        <f t="shared" si="332"/>
        <v>14.082000000000001</v>
      </c>
      <c r="D1429" s="239">
        <v>0.42480000000000001</v>
      </c>
      <c r="E1429" s="239">
        <v>9.7999999999999997E-3</v>
      </c>
      <c r="F1429" s="239">
        <v>0.3654</v>
      </c>
      <c r="G1429">
        <f t="shared" si="333"/>
        <v>0.49787999999999999</v>
      </c>
      <c r="H1429" s="235">
        <f t="shared" si="334"/>
        <v>1.968345786133205</v>
      </c>
      <c r="I1429" s="236">
        <f t="shared" si="335"/>
        <v>15.648165671541161</v>
      </c>
      <c r="J1429" s="237">
        <f t="shared" si="340"/>
        <v>5.648165671541161</v>
      </c>
      <c r="K1429" s="237">
        <f t="shared" si="336"/>
        <v>220.35746898664263</v>
      </c>
      <c r="L1429" s="237">
        <f t="shared" si="341"/>
        <v>79.577006146343422</v>
      </c>
      <c r="M1429" s="236">
        <f t="shared" si="337"/>
        <v>3.4874713746203128</v>
      </c>
      <c r="N1429" s="236">
        <f t="shared" si="338"/>
        <v>3.5312448197326067</v>
      </c>
      <c r="O1429" s="236">
        <f t="shared" si="342"/>
        <v>3.4199068248049524</v>
      </c>
      <c r="P1429" s="236" t="str">
        <f t="shared" si="343"/>
        <v>CLAY</v>
      </c>
      <c r="Q1429" s="236">
        <f t="shared" si="339"/>
        <v>23.126877584446447</v>
      </c>
      <c r="R1429" s="238">
        <v>35</v>
      </c>
      <c r="S1429" s="236">
        <f t="shared" si="344"/>
        <v>1.1914568627890698</v>
      </c>
      <c r="T1429" s="236" t="e">
        <f t="shared" si="330"/>
        <v>#N/A</v>
      </c>
    </row>
    <row r="1430" spans="1:20" x14ac:dyDescent="0.2">
      <c r="A1430" s="53">
        <f t="shared" si="331"/>
        <v>1418</v>
      </c>
      <c r="B1430" s="239">
        <v>14.1</v>
      </c>
      <c r="C1430" s="3">
        <f t="shared" si="332"/>
        <v>14.093</v>
      </c>
      <c r="D1430" s="239">
        <v>0.42949999999999999</v>
      </c>
      <c r="E1430" s="239">
        <v>0.01</v>
      </c>
      <c r="F1430" s="239">
        <v>0.36730000000000002</v>
      </c>
      <c r="G1430">
        <f t="shared" si="333"/>
        <v>0.50295999999999996</v>
      </c>
      <c r="H1430" s="235">
        <f t="shared" si="334"/>
        <v>1.9882296802926678</v>
      </c>
      <c r="I1430" s="236">
        <f t="shared" si="335"/>
        <v>15.675823156990404</v>
      </c>
      <c r="J1430" s="237">
        <f t="shared" si="340"/>
        <v>5.6758231569904041</v>
      </c>
      <c r="K1430" s="237">
        <f t="shared" si="336"/>
        <v>220.91937575146576</v>
      </c>
      <c r="L1430" s="237">
        <f t="shared" si="341"/>
        <v>80.029106513564699</v>
      </c>
      <c r="M1430" s="236">
        <f t="shared" si="337"/>
        <v>3.5242255791113841</v>
      </c>
      <c r="N1430" s="236">
        <f t="shared" si="338"/>
        <v>3.5455885217400458</v>
      </c>
      <c r="O1430" s="236">
        <f t="shared" si="342"/>
        <v>3.4169216284168393</v>
      </c>
      <c r="P1430" s="236" t="str">
        <f t="shared" si="343"/>
        <v>CLAY</v>
      </c>
      <c r="Q1430" s="236">
        <f t="shared" si="339"/>
        <v>23.503385354044514</v>
      </c>
      <c r="R1430" s="238">
        <v>35</v>
      </c>
      <c r="S1430" s="236">
        <f t="shared" si="344"/>
        <v>1.2071733311125152</v>
      </c>
      <c r="T1430" s="236" t="e">
        <f t="shared" si="330"/>
        <v>#N/A</v>
      </c>
    </row>
    <row r="1431" spans="1:20" x14ac:dyDescent="0.2">
      <c r="A1431" s="53">
        <f t="shared" si="331"/>
        <v>1419</v>
      </c>
      <c r="B1431" s="239">
        <v>14.11</v>
      </c>
      <c r="C1431" s="3">
        <f t="shared" si="332"/>
        <v>14.103</v>
      </c>
      <c r="D1431" s="239">
        <v>0.43059999999999998</v>
      </c>
      <c r="E1431" s="239">
        <v>1.0200000000000001E-2</v>
      </c>
      <c r="F1431" s="239">
        <v>0.36830000000000002</v>
      </c>
      <c r="G1431">
        <f t="shared" si="333"/>
        <v>0.50425999999999993</v>
      </c>
      <c r="H1431" s="235">
        <f t="shared" si="334"/>
        <v>2.0227660333954711</v>
      </c>
      <c r="I1431" s="236">
        <f t="shared" si="335"/>
        <v>15.700052585672786</v>
      </c>
      <c r="J1431" s="237">
        <f t="shared" si="340"/>
        <v>5.7000525856727862</v>
      </c>
      <c r="K1431" s="237">
        <f t="shared" si="336"/>
        <v>221.4178416157433</v>
      </c>
      <c r="L1431" s="237">
        <f t="shared" si="341"/>
        <v>80.427741983843006</v>
      </c>
      <c r="M1431" s="236">
        <f t="shared" si="337"/>
        <v>3.5167238493538258</v>
      </c>
      <c r="N1431" s="236">
        <f t="shared" si="338"/>
        <v>3.6062516487173526</v>
      </c>
      <c r="O1431" s="236">
        <f t="shared" si="342"/>
        <v>3.4215340953854825</v>
      </c>
      <c r="P1431" s="236" t="str">
        <f t="shared" si="343"/>
        <v>CLAY</v>
      </c>
      <c r="Q1431" s="236">
        <f t="shared" si="339"/>
        <v>23.570179865354721</v>
      </c>
      <c r="R1431" s="238">
        <v>35</v>
      </c>
      <c r="S1431" s="236">
        <f t="shared" si="344"/>
        <v>1.2039621727146887</v>
      </c>
      <c r="T1431" s="236" t="e">
        <f t="shared" si="330"/>
        <v>#N/A</v>
      </c>
    </row>
    <row r="1432" spans="1:20" x14ac:dyDescent="0.2">
      <c r="A1432" s="53">
        <f t="shared" si="331"/>
        <v>1420</v>
      </c>
      <c r="B1432" s="239">
        <v>14.12</v>
      </c>
      <c r="C1432" s="3">
        <f t="shared" si="332"/>
        <v>14.113</v>
      </c>
      <c r="D1432" s="239">
        <v>0.42930000000000001</v>
      </c>
      <c r="E1432" s="239">
        <v>1.04E-2</v>
      </c>
      <c r="F1432" s="239">
        <v>0.37090000000000001</v>
      </c>
      <c r="G1432">
        <f t="shared" si="333"/>
        <v>0.50348000000000004</v>
      </c>
      <c r="H1432" s="235">
        <f t="shared" si="334"/>
        <v>2.065623262095813</v>
      </c>
      <c r="I1432" s="236">
        <f t="shared" si="335"/>
        <v>15.722217071661589</v>
      </c>
      <c r="J1432" s="237">
        <f t="shared" si="340"/>
        <v>5.7222170716615892</v>
      </c>
      <c r="K1432" s="237">
        <f t="shared" si="336"/>
        <v>221.88764953236</v>
      </c>
      <c r="L1432" s="237">
        <f t="shared" si="341"/>
        <v>80.797705051861641</v>
      </c>
      <c r="M1432" s="236">
        <f t="shared" si="337"/>
        <v>3.4851528306019866</v>
      </c>
      <c r="N1432" s="236">
        <f t="shared" si="338"/>
        <v>3.6932821444647677</v>
      </c>
      <c r="O1432" s="236">
        <f t="shared" si="342"/>
        <v>3.4302665237454839</v>
      </c>
      <c r="P1432" s="236" t="str">
        <f t="shared" si="343"/>
        <v>CLAY</v>
      </c>
      <c r="Q1432" s="236">
        <f t="shared" si="339"/>
        <v>23.466029205636669</v>
      </c>
      <c r="R1432" s="238">
        <v>35</v>
      </c>
      <c r="S1432" s="236">
        <f t="shared" si="344"/>
        <v>1.1904668132370426</v>
      </c>
      <c r="T1432" s="236" t="e">
        <f t="shared" si="330"/>
        <v>#N/A</v>
      </c>
    </row>
    <row r="1433" spans="1:20" x14ac:dyDescent="0.2">
      <c r="A1433" s="53">
        <f t="shared" si="331"/>
        <v>1421</v>
      </c>
      <c r="B1433" s="239">
        <v>14.13</v>
      </c>
      <c r="C1433" s="3">
        <f t="shared" si="332"/>
        <v>14.123000000000001</v>
      </c>
      <c r="D1433" s="239">
        <v>0.4259</v>
      </c>
      <c r="E1433" s="239">
        <v>1.06E-2</v>
      </c>
      <c r="F1433" s="239">
        <v>0.37580000000000002</v>
      </c>
      <c r="G1433">
        <f t="shared" si="333"/>
        <v>0.50105999999999995</v>
      </c>
      <c r="H1433" s="235">
        <f t="shared" si="334"/>
        <v>2.1155151079711016</v>
      </c>
      <c r="I1433" s="236">
        <f t="shared" si="335"/>
        <v>15.742669651258785</v>
      </c>
      <c r="J1433" s="237">
        <f t="shared" si="340"/>
        <v>5.7426696512587849</v>
      </c>
      <c r="K1433" s="237">
        <f t="shared" si="336"/>
        <v>222.33372348472784</v>
      </c>
      <c r="L1433" s="237">
        <f t="shared" si="341"/>
        <v>81.143922172286636</v>
      </c>
      <c r="M1433" s="236">
        <f t="shared" si="337"/>
        <v>3.4349618437653788</v>
      </c>
      <c r="N1433" s="236">
        <f t="shared" si="338"/>
        <v>3.803014244844332</v>
      </c>
      <c r="O1433" s="236">
        <f t="shared" si="342"/>
        <v>3.4422775658100275</v>
      </c>
      <c r="P1433" s="236" t="str">
        <f t="shared" si="343"/>
        <v>CLAY</v>
      </c>
      <c r="Q1433" s="236">
        <f t="shared" si="339"/>
        <v>23.227189709606009</v>
      </c>
      <c r="R1433" s="238">
        <v>35</v>
      </c>
      <c r="S1433" s="236">
        <f t="shared" si="344"/>
        <v>1.1690750853095151</v>
      </c>
      <c r="T1433" s="236" t="e">
        <f t="shared" si="330"/>
        <v>#N/A</v>
      </c>
    </row>
    <row r="1434" spans="1:20" x14ac:dyDescent="0.2">
      <c r="A1434" s="53">
        <f t="shared" si="331"/>
        <v>1422</v>
      </c>
      <c r="B1434" s="239">
        <v>14.14</v>
      </c>
      <c r="C1434" s="3">
        <f t="shared" si="332"/>
        <v>14.133000000000001</v>
      </c>
      <c r="D1434" s="239">
        <v>0.4219</v>
      </c>
      <c r="E1434" s="239">
        <v>1.0800000000000001E-2</v>
      </c>
      <c r="F1434" s="239">
        <v>0.38090000000000002</v>
      </c>
      <c r="G1434">
        <f t="shared" si="333"/>
        <v>0.49807999999999997</v>
      </c>
      <c r="H1434" s="235">
        <f t="shared" si="334"/>
        <v>2.16832637327337</v>
      </c>
      <c r="I1434" s="236">
        <f t="shared" si="335"/>
        <v>15.762256387201848</v>
      </c>
      <c r="J1434" s="237">
        <f t="shared" si="340"/>
        <v>5.7622563872018482</v>
      </c>
      <c r="K1434" s="237">
        <f t="shared" si="336"/>
        <v>222.76796952032373</v>
      </c>
      <c r="L1434" s="237">
        <f t="shared" si="341"/>
        <v>81.478305315034135</v>
      </c>
      <c r="M1434" s="236">
        <f t="shared" si="337"/>
        <v>3.3789611776434003</v>
      </c>
      <c r="N1434" s="236">
        <f t="shared" si="338"/>
        <v>3.9228216729879759</v>
      </c>
      <c r="O1434" s="236">
        <f t="shared" si="342"/>
        <v>3.4554154614992147</v>
      </c>
      <c r="P1434" s="236" t="str">
        <f t="shared" si="343"/>
        <v>CLAY</v>
      </c>
      <c r="Q1434" s="236">
        <f t="shared" si="339"/>
        <v>22.942669206639689</v>
      </c>
      <c r="R1434" s="238">
        <v>35</v>
      </c>
      <c r="S1434" s="236">
        <f t="shared" si="344"/>
        <v>1.1452993419243942</v>
      </c>
      <c r="T1434" s="236" t="e">
        <f t="shared" si="330"/>
        <v>#N/A</v>
      </c>
    </row>
    <row r="1435" spans="1:20" x14ac:dyDescent="0.2">
      <c r="A1435" s="53">
        <f t="shared" si="331"/>
        <v>1423</v>
      </c>
      <c r="B1435" s="239">
        <v>14.151</v>
      </c>
      <c r="C1435" s="3">
        <f t="shared" si="332"/>
        <v>14.144</v>
      </c>
      <c r="D1435" s="239">
        <v>0.42309999999999998</v>
      </c>
      <c r="E1435" s="239">
        <v>1.0699999999999999E-2</v>
      </c>
      <c r="F1435" s="239">
        <v>0.37969999999999998</v>
      </c>
      <c r="G1435">
        <f t="shared" si="333"/>
        <v>0.49903999999999993</v>
      </c>
      <c r="H1435" s="235">
        <f t="shared" si="334"/>
        <v>2.1441167040718181</v>
      </c>
      <c r="I1435" s="236">
        <f t="shared" si="335"/>
        <v>15.752101075804315</v>
      </c>
      <c r="J1435" s="237">
        <f t="shared" si="340"/>
        <v>5.7521010758043154</v>
      </c>
      <c r="K1435" s="237">
        <f t="shared" si="336"/>
        <v>222.79771761617624</v>
      </c>
      <c r="L1435" s="237">
        <f t="shared" si="341"/>
        <v>81.39798232370687</v>
      </c>
      <c r="M1435" s="236">
        <f t="shared" si="337"/>
        <v>3.3937239535649897</v>
      </c>
      <c r="N1435" s="236">
        <f t="shared" si="338"/>
        <v>3.8734113791939104</v>
      </c>
      <c r="O1435" s="236">
        <f t="shared" si="342"/>
        <v>3.4509165608629724</v>
      </c>
      <c r="P1435" s="236" t="str">
        <f t="shared" si="343"/>
        <v>CLAY</v>
      </c>
      <c r="Q1435" s="236">
        <f t="shared" si="339"/>
        <v>23.020190198651971</v>
      </c>
      <c r="R1435" s="238">
        <v>35</v>
      </c>
      <c r="S1435" s="236">
        <f t="shared" si="344"/>
        <v>1.1515575602133048</v>
      </c>
      <c r="T1435" s="236" t="e">
        <f t="shared" si="330"/>
        <v>#N/A</v>
      </c>
    </row>
    <row r="1436" spans="1:20" x14ac:dyDescent="0.2">
      <c r="A1436" s="53">
        <f t="shared" si="331"/>
        <v>1424</v>
      </c>
      <c r="B1436" s="239">
        <v>14.161</v>
      </c>
      <c r="C1436" s="3">
        <f t="shared" si="332"/>
        <v>14.154</v>
      </c>
      <c r="D1436" s="239">
        <v>0.42530000000000001</v>
      </c>
      <c r="E1436" s="239">
        <v>1.0699999999999999E-2</v>
      </c>
      <c r="F1436" s="239">
        <v>0.37869999999999998</v>
      </c>
      <c r="G1436">
        <f t="shared" si="333"/>
        <v>0.50103999999999993</v>
      </c>
      <c r="H1436" s="235">
        <f t="shared" si="334"/>
        <v>2.1355580392783011</v>
      </c>
      <c r="I1436" s="236">
        <f t="shared" si="335"/>
        <v>15.753664412956478</v>
      </c>
      <c r="J1436" s="237">
        <f t="shared" si="340"/>
        <v>5.7536644129564785</v>
      </c>
      <c r="K1436" s="237">
        <f t="shared" si="336"/>
        <v>222.97736610098599</v>
      </c>
      <c r="L1436" s="237">
        <f t="shared" si="341"/>
        <v>81.477641751876689</v>
      </c>
      <c r="M1436" s="236">
        <f t="shared" si="337"/>
        <v>3.4127476927449147</v>
      </c>
      <c r="N1436" s="236">
        <f t="shared" si="338"/>
        <v>3.848053889860656</v>
      </c>
      <c r="O1436" s="236">
        <f t="shared" si="342"/>
        <v>3.4473544408318846</v>
      </c>
      <c r="P1436" s="236" t="str">
        <f t="shared" si="343"/>
        <v>CLAY</v>
      </c>
      <c r="Q1436" s="236">
        <f t="shared" si="339"/>
        <v>23.171886158251159</v>
      </c>
      <c r="R1436" s="238">
        <v>35</v>
      </c>
      <c r="S1436" s="236">
        <f t="shared" si="344"/>
        <v>1.1596321191664207</v>
      </c>
      <c r="T1436" s="236" t="e">
        <f t="shared" si="330"/>
        <v>#N/A</v>
      </c>
    </row>
    <row r="1437" spans="1:20" x14ac:dyDescent="0.2">
      <c r="A1437" s="53">
        <f t="shared" si="331"/>
        <v>1425</v>
      </c>
      <c r="B1437" s="239">
        <v>14.170999999999999</v>
      </c>
      <c r="C1437" s="3">
        <f t="shared" si="332"/>
        <v>14.164</v>
      </c>
      <c r="D1437" s="239">
        <v>0.4269</v>
      </c>
      <c r="E1437" s="239">
        <v>1.0500000000000001E-2</v>
      </c>
      <c r="F1437" s="239">
        <v>0.372</v>
      </c>
      <c r="G1437">
        <f t="shared" si="333"/>
        <v>0.50129999999999997</v>
      </c>
      <c r="H1437" s="235">
        <f t="shared" si="334"/>
        <v>2.0945541591861163</v>
      </c>
      <c r="I1437" s="236">
        <f t="shared" si="335"/>
        <v>15.731742096023069</v>
      </c>
      <c r="J1437" s="237">
        <f t="shared" si="340"/>
        <v>5.7317420960230692</v>
      </c>
      <c r="K1437" s="237">
        <f t="shared" si="336"/>
        <v>222.82439504807076</v>
      </c>
      <c r="L1437" s="237">
        <f t="shared" si="341"/>
        <v>81.224517242742905</v>
      </c>
      <c r="M1437" s="236">
        <f t="shared" si="337"/>
        <v>3.4284673446527614</v>
      </c>
      <c r="N1437" s="236">
        <f t="shared" si="338"/>
        <v>3.7705277637560113</v>
      </c>
      <c r="O1437" s="236">
        <f t="shared" si="342"/>
        <v>3.4410316139241868</v>
      </c>
      <c r="P1437" s="236" t="str">
        <f t="shared" si="343"/>
        <v>CLAY</v>
      </c>
      <c r="Q1437" s="236">
        <f t="shared" si="339"/>
        <v>23.206300412660767</v>
      </c>
      <c r="R1437" s="238">
        <v>35</v>
      </c>
      <c r="S1437" s="236">
        <f t="shared" si="344"/>
        <v>1.1663127686558266</v>
      </c>
      <c r="T1437" s="236" t="e">
        <f t="shared" si="330"/>
        <v>#N/A</v>
      </c>
    </row>
    <row r="1438" spans="1:20" x14ac:dyDescent="0.2">
      <c r="A1438" s="53">
        <f t="shared" si="331"/>
        <v>1426</v>
      </c>
      <c r="B1438" s="239">
        <v>14.180999999999999</v>
      </c>
      <c r="C1438" s="3">
        <f t="shared" si="332"/>
        <v>14.173999999999999</v>
      </c>
      <c r="D1438" s="239">
        <v>0.42620000000000002</v>
      </c>
      <c r="E1438" s="239">
        <v>1.0500000000000001E-2</v>
      </c>
      <c r="F1438" s="239">
        <v>0.36909999999999998</v>
      </c>
      <c r="G1438">
        <f t="shared" si="333"/>
        <v>0.50002000000000002</v>
      </c>
      <c r="H1438" s="235">
        <f t="shared" si="334"/>
        <v>2.0999160033598656</v>
      </c>
      <c r="I1438" s="236">
        <f t="shared" si="335"/>
        <v>15.730742800062401</v>
      </c>
      <c r="J1438" s="237">
        <f t="shared" si="340"/>
        <v>5.7307428000624014</v>
      </c>
      <c r="K1438" s="237">
        <f t="shared" si="336"/>
        <v>222.96754844808447</v>
      </c>
      <c r="L1438" s="237">
        <f t="shared" si="341"/>
        <v>81.267663647684913</v>
      </c>
      <c r="M1438" s="236">
        <f t="shared" si="337"/>
        <v>3.4091351850965634</v>
      </c>
      <c r="N1438" s="236">
        <f t="shared" si="338"/>
        <v>3.7898960796715611</v>
      </c>
      <c r="O1438" s="236">
        <f t="shared" si="342"/>
        <v>3.4442878989528483</v>
      </c>
      <c r="P1438" s="236" t="str">
        <f t="shared" si="343"/>
        <v>CLAY</v>
      </c>
      <c r="Q1438" s="236">
        <f t="shared" si="339"/>
        <v>23.087704295992964</v>
      </c>
      <c r="R1438" s="238">
        <v>35</v>
      </c>
      <c r="S1438" s="236">
        <f t="shared" si="344"/>
        <v>1.1580979354852179</v>
      </c>
      <c r="T1438" s="236" t="e">
        <f t="shared" si="330"/>
        <v>#N/A</v>
      </c>
    </row>
    <row r="1439" spans="1:20" x14ac:dyDescent="0.2">
      <c r="A1439" s="53">
        <f t="shared" si="331"/>
        <v>1427</v>
      </c>
      <c r="B1439" s="239">
        <v>14.19</v>
      </c>
      <c r="C1439" s="3">
        <f t="shared" si="332"/>
        <v>14.183</v>
      </c>
      <c r="D1439" s="239">
        <v>0.42559999999999998</v>
      </c>
      <c r="E1439" s="239">
        <v>1.04E-2</v>
      </c>
      <c r="F1439" s="239">
        <v>0.36820000000000003</v>
      </c>
      <c r="G1439">
        <f t="shared" si="333"/>
        <v>0.49923999999999996</v>
      </c>
      <c r="H1439" s="235">
        <f t="shared" si="334"/>
        <v>2.0831664129476803</v>
      </c>
      <c r="I1439" s="236">
        <f t="shared" si="335"/>
        <v>15.71891150755501</v>
      </c>
      <c r="J1439" s="237">
        <f t="shared" si="340"/>
        <v>5.7189115075550099</v>
      </c>
      <c r="K1439" s="237">
        <f t="shared" si="336"/>
        <v>222.94132191165269</v>
      </c>
      <c r="L1439" s="237">
        <f t="shared" si="341"/>
        <v>81.151354292205582</v>
      </c>
      <c r="M1439" s="236">
        <f t="shared" si="337"/>
        <v>3.4047328045009002</v>
      </c>
      <c r="N1439" s="236">
        <f t="shared" si="338"/>
        <v>3.7640426193695253</v>
      </c>
      <c r="O1439" s="236">
        <f t="shared" si="342"/>
        <v>3.4432152548534298</v>
      </c>
      <c r="P1439" s="236" t="str">
        <f t="shared" si="343"/>
        <v>CLAY</v>
      </c>
      <c r="Q1439" s="236">
        <f t="shared" si="339"/>
        <v>23.024889840695607</v>
      </c>
      <c r="R1439" s="238">
        <v>35</v>
      </c>
      <c r="S1439" s="236">
        <f t="shared" si="344"/>
        <v>1.1562288527258817</v>
      </c>
      <c r="T1439" s="236" t="e">
        <f t="shared" si="330"/>
        <v>#N/A</v>
      </c>
    </row>
    <row r="1440" spans="1:20" x14ac:dyDescent="0.2">
      <c r="A1440" s="53">
        <f t="shared" si="331"/>
        <v>1428</v>
      </c>
      <c r="B1440" s="239">
        <v>14.201000000000001</v>
      </c>
      <c r="C1440" s="3">
        <f t="shared" si="332"/>
        <v>14.194000000000001</v>
      </c>
      <c r="D1440" s="239">
        <v>0.42430000000000001</v>
      </c>
      <c r="E1440" s="239">
        <v>1.04E-2</v>
      </c>
      <c r="F1440" s="239">
        <v>0.36870000000000003</v>
      </c>
      <c r="G1440">
        <f t="shared" si="333"/>
        <v>0.49803999999999998</v>
      </c>
      <c r="H1440" s="235">
        <f t="shared" si="334"/>
        <v>2.0881856878965541</v>
      </c>
      <c r="I1440" s="236">
        <f t="shared" si="335"/>
        <v>15.717970872493996</v>
      </c>
      <c r="J1440" s="237">
        <f t="shared" si="340"/>
        <v>5.7179708724939964</v>
      </c>
      <c r="K1440" s="237">
        <f t="shared" si="336"/>
        <v>223.10087856417979</v>
      </c>
      <c r="L1440" s="237">
        <f t="shared" si="341"/>
        <v>81.20090436028724</v>
      </c>
      <c r="M1440" s="236">
        <f t="shared" si="337"/>
        <v>3.3859120609780318</v>
      </c>
      <c r="N1440" s="236">
        <f t="shared" si="338"/>
        <v>3.7826555732366742</v>
      </c>
      <c r="O1440" s="236">
        <f t="shared" si="342"/>
        <v>3.4463865815152204</v>
      </c>
      <c r="P1440" s="236" t="str">
        <f t="shared" si="343"/>
        <v>CLAY</v>
      </c>
      <c r="Q1440" s="236">
        <f t="shared" si="339"/>
        <v>22.911593452985016</v>
      </c>
      <c r="R1440" s="238">
        <v>35</v>
      </c>
      <c r="S1440" s="236">
        <f t="shared" si="344"/>
        <v>1.1482451023504978</v>
      </c>
      <c r="T1440" s="236" t="e">
        <f t="shared" si="330"/>
        <v>#N/A</v>
      </c>
    </row>
    <row r="1441" spans="1:21" x14ac:dyDescent="0.2">
      <c r="A1441" s="53">
        <f t="shared" si="331"/>
        <v>1429</v>
      </c>
      <c r="B1441" s="239">
        <v>14.211</v>
      </c>
      <c r="C1441" s="3">
        <f t="shared" si="332"/>
        <v>14.204000000000001</v>
      </c>
      <c r="D1441" s="239">
        <v>0.42330000000000001</v>
      </c>
      <c r="E1441" s="239">
        <v>1.04E-2</v>
      </c>
      <c r="F1441" s="239">
        <v>0.372</v>
      </c>
      <c r="G1441">
        <f t="shared" si="333"/>
        <v>0.49769999999999998</v>
      </c>
      <c r="H1441" s="235">
        <f t="shared" si="334"/>
        <v>2.0896122161944946</v>
      </c>
      <c r="I1441" s="236">
        <f t="shared" si="335"/>
        <v>15.717703947158814</v>
      </c>
      <c r="J1441" s="237">
        <f t="shared" si="340"/>
        <v>5.7177039471588138</v>
      </c>
      <c r="K1441" s="237">
        <f t="shared" si="336"/>
        <v>223.25426686544381</v>
      </c>
      <c r="L1441" s="237">
        <f t="shared" si="341"/>
        <v>81.254290793073906</v>
      </c>
      <c r="M1441" s="236">
        <f t="shared" si="337"/>
        <v>3.3776152675244302</v>
      </c>
      <c r="N1441" s="236">
        <f t="shared" si="338"/>
        <v>3.7894558903202382</v>
      </c>
      <c r="O1441" s="236">
        <f t="shared" si="342"/>
        <v>3.4477025373889081</v>
      </c>
      <c r="P1441" s="236" t="str">
        <f t="shared" si="343"/>
        <v>CLAY</v>
      </c>
      <c r="Q1441" s="236">
        <f t="shared" si="339"/>
        <v>22.870477761213014</v>
      </c>
      <c r="R1441" s="238">
        <v>35</v>
      </c>
      <c r="S1441" s="236">
        <f t="shared" si="344"/>
        <v>1.1447291248018292</v>
      </c>
      <c r="T1441" s="236" t="e">
        <f t="shared" si="330"/>
        <v>#N/A</v>
      </c>
    </row>
    <row r="1442" spans="1:21" x14ac:dyDescent="0.2">
      <c r="A1442" s="53">
        <f t="shared" si="331"/>
        <v>1430</v>
      </c>
      <c r="B1442" s="239">
        <v>14.221</v>
      </c>
      <c r="C1442" s="3">
        <f t="shared" si="332"/>
        <v>14.214</v>
      </c>
      <c r="D1442" s="239">
        <v>0.4209</v>
      </c>
      <c r="E1442" s="239">
        <v>1.0500000000000001E-2</v>
      </c>
      <c r="F1442" s="239">
        <v>0.37659999999999999</v>
      </c>
      <c r="G1442">
        <f t="shared" si="333"/>
        <v>0.49621999999999999</v>
      </c>
      <c r="H1442" s="235">
        <f t="shared" si="334"/>
        <v>2.1159969368425298</v>
      </c>
      <c r="I1442" s="236">
        <f t="shared" si="335"/>
        <v>15.727760999830689</v>
      </c>
      <c r="J1442" s="237">
        <f t="shared" si="340"/>
        <v>5.7277609998306893</v>
      </c>
      <c r="K1442" s="237">
        <f t="shared" si="336"/>
        <v>223.55439485159343</v>
      </c>
      <c r="L1442" s="237">
        <f t="shared" si="341"/>
        <v>81.45448917859224</v>
      </c>
      <c r="M1442" s="236">
        <f t="shared" si="337"/>
        <v>3.3474595187820313</v>
      </c>
      <c r="N1442" s="236">
        <f t="shared" si="338"/>
        <v>3.8508707375413396</v>
      </c>
      <c r="O1442" s="236">
        <f t="shared" si="342"/>
        <v>3.4546700065650664</v>
      </c>
      <c r="P1442" s="236" t="str">
        <f t="shared" si="343"/>
        <v>CLAY</v>
      </c>
      <c r="Q1442" s="236">
        <f t="shared" si="339"/>
        <v>22.722133762367211</v>
      </c>
      <c r="R1442" s="238">
        <v>35</v>
      </c>
      <c r="S1442" s="236">
        <f t="shared" si="344"/>
        <v>1.1319680678894113</v>
      </c>
      <c r="T1442" s="236" t="e">
        <f t="shared" si="330"/>
        <v>#N/A</v>
      </c>
    </row>
    <row r="1443" spans="1:21" x14ac:dyDescent="0.2">
      <c r="A1443" s="53">
        <f t="shared" si="331"/>
        <v>1431</v>
      </c>
      <c r="B1443" s="239">
        <v>14.23</v>
      </c>
      <c r="C1443" s="3">
        <f t="shared" si="332"/>
        <v>14.223000000000001</v>
      </c>
      <c r="D1443" s="239">
        <v>0.41789999999999999</v>
      </c>
      <c r="E1443" s="239">
        <v>1.04E-2</v>
      </c>
      <c r="F1443" s="239">
        <v>0.37819999999999998</v>
      </c>
      <c r="G1443">
        <f t="shared" si="333"/>
        <v>0.49353999999999998</v>
      </c>
      <c r="H1443" s="235">
        <f t="shared" si="334"/>
        <v>2.1072253515419215</v>
      </c>
      <c r="I1443" s="236">
        <f t="shared" si="335"/>
        <v>15.714423191566848</v>
      </c>
      <c r="J1443" s="237">
        <f t="shared" si="340"/>
        <v>5.7144231915668477</v>
      </c>
      <c r="K1443" s="237">
        <f t="shared" si="336"/>
        <v>223.50624105365529</v>
      </c>
      <c r="L1443" s="237">
        <f t="shared" si="341"/>
        <v>81.316242015996252</v>
      </c>
      <c r="M1443" s="236">
        <f t="shared" si="337"/>
        <v>3.3207850270948893</v>
      </c>
      <c r="N1443" s="236">
        <f t="shared" si="338"/>
        <v>3.8513703029503308</v>
      </c>
      <c r="O1443" s="236">
        <f t="shared" si="342"/>
        <v>3.457662154144451</v>
      </c>
      <c r="P1443" s="236" t="str">
        <f t="shared" si="343"/>
        <v>CLAY</v>
      </c>
      <c r="Q1443" s="236">
        <f t="shared" si="339"/>
        <v>22.502813245528724</v>
      </c>
      <c r="R1443" s="238">
        <v>35</v>
      </c>
      <c r="S1443" s="236">
        <f t="shared" si="344"/>
        <v>1.1207041017207897</v>
      </c>
      <c r="T1443" s="236" t="e">
        <f t="shared" si="330"/>
        <v>#N/A</v>
      </c>
      <c r="U1443" s="230"/>
    </row>
    <row r="1444" spans="1:21" x14ac:dyDescent="0.2">
      <c r="A1444" s="53">
        <f t="shared" si="331"/>
        <v>1432</v>
      </c>
      <c r="B1444" s="239">
        <v>14.241</v>
      </c>
      <c r="C1444" s="3">
        <f t="shared" si="332"/>
        <v>14.234</v>
      </c>
      <c r="D1444" s="239">
        <v>0.41370000000000001</v>
      </c>
      <c r="E1444" s="239">
        <v>1.04E-2</v>
      </c>
      <c r="F1444" s="239">
        <v>0.38150000000000001</v>
      </c>
      <c r="G1444">
        <f t="shared" si="333"/>
        <v>0.49</v>
      </c>
      <c r="H1444" s="235">
        <f t="shared" si="334"/>
        <v>2.1224489795918364</v>
      </c>
      <c r="I1444" s="236">
        <f t="shared" si="335"/>
        <v>15.711609542514857</v>
      </c>
      <c r="J1444" s="237">
        <f t="shared" si="340"/>
        <v>5.7116095425148572</v>
      </c>
      <c r="K1444" s="237">
        <f t="shared" si="336"/>
        <v>223.63905022815646</v>
      </c>
      <c r="L1444" s="237">
        <f t="shared" si="341"/>
        <v>81.339031494954085</v>
      </c>
      <c r="M1444" s="236">
        <f t="shared" si="337"/>
        <v>3.2747002868895407</v>
      </c>
      <c r="N1444" s="236">
        <f t="shared" si="338"/>
        <v>3.9044762413215284</v>
      </c>
      <c r="O1444" s="236">
        <f t="shared" si="342"/>
        <v>3.4659444376245108</v>
      </c>
      <c r="P1444" s="236" t="str">
        <f t="shared" si="343"/>
        <v>CLAY</v>
      </c>
      <c r="Q1444" s="236">
        <f t="shared" si="339"/>
        <v>22.196745814320295</v>
      </c>
      <c r="R1444" s="238">
        <v>35</v>
      </c>
      <c r="S1444" s="236">
        <f t="shared" si="344"/>
        <v>1.101296999510756</v>
      </c>
      <c r="T1444" s="236" t="e">
        <f t="shared" si="330"/>
        <v>#N/A</v>
      </c>
    </row>
    <row r="1445" spans="1:21" x14ac:dyDescent="0.2">
      <c r="A1445" s="53">
        <f t="shared" si="331"/>
        <v>1433</v>
      </c>
      <c r="B1445" s="239">
        <v>14.25</v>
      </c>
      <c r="C1445" s="3">
        <f t="shared" si="332"/>
        <v>14.243</v>
      </c>
      <c r="D1445" s="239">
        <v>0.41139999999999999</v>
      </c>
      <c r="E1445" s="239">
        <v>1.06E-2</v>
      </c>
      <c r="F1445" s="239">
        <v>0.38419999999999999</v>
      </c>
      <c r="G1445">
        <f t="shared" si="333"/>
        <v>0.48823999999999995</v>
      </c>
      <c r="H1445" s="235">
        <f t="shared" si="334"/>
        <v>2.1710634114369984</v>
      </c>
      <c r="I1445" s="236">
        <f t="shared" si="335"/>
        <v>15.732538911851051</v>
      </c>
      <c r="J1445" s="237">
        <f t="shared" si="340"/>
        <v>5.7325389118510515</v>
      </c>
      <c r="K1445" s="237">
        <f t="shared" si="336"/>
        <v>224.07855172149453</v>
      </c>
      <c r="L1445" s="237">
        <f t="shared" si="341"/>
        <v>81.688679493877487</v>
      </c>
      <c r="M1445" s="236">
        <f t="shared" si="337"/>
        <v>3.2337583361021784</v>
      </c>
      <c r="N1445" s="236">
        <f t="shared" si="338"/>
        <v>4.0126975639626341</v>
      </c>
      <c r="O1445" s="236">
        <f t="shared" si="342"/>
        <v>3.4768163211287564</v>
      </c>
      <c r="P1445" s="236" t="str">
        <f t="shared" si="343"/>
        <v>CLAY</v>
      </c>
      <c r="Q1445" s="236">
        <f t="shared" si="339"/>
        <v>22.013454023208784</v>
      </c>
      <c r="R1445" s="238">
        <v>35</v>
      </c>
      <c r="S1445" s="236">
        <f t="shared" si="344"/>
        <v>1.0841127703863469</v>
      </c>
      <c r="T1445" s="236" t="e">
        <f t="shared" si="330"/>
        <v>#N/A</v>
      </c>
    </row>
    <row r="1446" spans="1:21" x14ac:dyDescent="0.2">
      <c r="A1446" s="53">
        <f t="shared" si="331"/>
        <v>1434</v>
      </c>
      <c r="B1446" s="239">
        <v>14.26</v>
      </c>
      <c r="C1446" s="3">
        <f t="shared" si="332"/>
        <v>14.253</v>
      </c>
      <c r="D1446" s="239">
        <v>0.41439999999999999</v>
      </c>
      <c r="E1446" s="239">
        <v>1.04E-2</v>
      </c>
      <c r="F1446" s="239">
        <v>0.38579999999999998</v>
      </c>
      <c r="G1446">
        <f t="shared" si="333"/>
        <v>0.49156</v>
      </c>
      <c r="H1446" s="235">
        <f t="shared" si="334"/>
        <v>2.115713239482464</v>
      </c>
      <c r="I1446" s="236">
        <f t="shared" si="335"/>
        <v>15.712851952486698</v>
      </c>
      <c r="J1446" s="237">
        <f t="shared" si="340"/>
        <v>5.7128519524866981</v>
      </c>
      <c r="K1446" s="237">
        <f t="shared" si="336"/>
        <v>223.95527887879291</v>
      </c>
      <c r="L1446" s="237">
        <f t="shared" si="341"/>
        <v>81.465268842460318</v>
      </c>
      <c r="M1446" s="236">
        <f t="shared" si="337"/>
        <v>3.2848933652782533</v>
      </c>
      <c r="N1446" s="236">
        <f t="shared" si="338"/>
        <v>3.8863290439818114</v>
      </c>
      <c r="O1446" s="236">
        <f t="shared" si="342"/>
        <v>3.4637364250537188</v>
      </c>
      <c r="P1446" s="236" t="str">
        <f t="shared" si="343"/>
        <v>CLAY</v>
      </c>
      <c r="Q1446" s="236">
        <f t="shared" si="339"/>
        <v>22.300393426767258</v>
      </c>
      <c r="R1446" s="238">
        <v>35</v>
      </c>
      <c r="S1446" s="236">
        <f t="shared" si="344"/>
        <v>1.1055836402624555</v>
      </c>
      <c r="T1446" s="236" t="e">
        <f t="shared" si="330"/>
        <v>#N/A</v>
      </c>
    </row>
    <row r="1447" spans="1:21" x14ac:dyDescent="0.2">
      <c r="A1447" s="53">
        <f t="shared" si="331"/>
        <v>1435</v>
      </c>
      <c r="B1447" s="239">
        <v>14.27</v>
      </c>
      <c r="C1447" s="3">
        <f t="shared" si="332"/>
        <v>14.263</v>
      </c>
      <c r="D1447" s="239">
        <v>0.41880000000000001</v>
      </c>
      <c r="E1447" s="239">
        <v>1.03E-2</v>
      </c>
      <c r="F1447" s="239">
        <v>0.3836</v>
      </c>
      <c r="G1447">
        <f t="shared" si="333"/>
        <v>0.49551999999999996</v>
      </c>
      <c r="H1447" s="235">
        <f t="shared" si="334"/>
        <v>2.078624475298676</v>
      </c>
      <c r="I1447" s="236">
        <f t="shared" si="335"/>
        <v>15.704658630297892</v>
      </c>
      <c r="J1447" s="237">
        <f t="shared" si="340"/>
        <v>5.7046586302978923</v>
      </c>
      <c r="K1447" s="237">
        <f t="shared" si="336"/>
        <v>223.99554604393884</v>
      </c>
      <c r="L1447" s="237">
        <f t="shared" si="341"/>
        <v>81.405478654350915</v>
      </c>
      <c r="M1447" s="236">
        <f t="shared" si="337"/>
        <v>3.3354567584935988</v>
      </c>
      <c r="N1447" s="236">
        <f t="shared" si="338"/>
        <v>3.7933968193033456</v>
      </c>
      <c r="O1447" s="236">
        <f t="shared" si="342"/>
        <v>3.4525926976443806</v>
      </c>
      <c r="P1447" s="236" t="str">
        <f t="shared" si="343"/>
        <v>CLAY</v>
      </c>
      <c r="Q1447" s="236">
        <f t="shared" si="339"/>
        <v>22.627037829671764</v>
      </c>
      <c r="R1447" s="238">
        <v>35</v>
      </c>
      <c r="S1447" s="236">
        <f t="shared" si="344"/>
        <v>1.1268968167673088</v>
      </c>
      <c r="T1447" s="236" t="e">
        <f t="shared" si="330"/>
        <v>#N/A</v>
      </c>
    </row>
    <row r="1448" spans="1:21" x14ac:dyDescent="0.2">
      <c r="A1448" s="53">
        <f t="shared" si="331"/>
        <v>1436</v>
      </c>
      <c r="B1448" s="239">
        <v>14.28</v>
      </c>
      <c r="C1448" s="3">
        <f t="shared" si="332"/>
        <v>14.273</v>
      </c>
      <c r="D1448" s="239">
        <v>0.4209</v>
      </c>
      <c r="E1448" s="239">
        <v>1.03E-2</v>
      </c>
      <c r="F1448" s="239">
        <v>0.3841</v>
      </c>
      <c r="G1448">
        <f t="shared" si="333"/>
        <v>0.49772</v>
      </c>
      <c r="H1448" s="235">
        <f t="shared" si="334"/>
        <v>2.0694366310375312</v>
      </c>
      <c r="I1448" s="236">
        <f t="shared" si="335"/>
        <v>15.706390144293362</v>
      </c>
      <c r="J1448" s="237">
        <f t="shared" si="340"/>
        <v>5.706390144293362</v>
      </c>
      <c r="K1448" s="237">
        <f t="shared" si="336"/>
        <v>224.17730652949916</v>
      </c>
      <c r="L1448" s="237">
        <f t="shared" si="341"/>
        <v>81.487251260509211</v>
      </c>
      <c r="M1448" s="236">
        <f t="shared" si="337"/>
        <v>3.3568771708350229</v>
      </c>
      <c r="N1448" s="236">
        <f t="shared" si="338"/>
        <v>3.7654085617573863</v>
      </c>
      <c r="O1448" s="236">
        <f t="shared" si="342"/>
        <v>3.448544213204348</v>
      </c>
      <c r="P1448" s="236" t="str">
        <f t="shared" si="343"/>
        <v>CLAY</v>
      </c>
      <c r="Q1448" s="236">
        <f t="shared" si="339"/>
        <v>22.795224455875069</v>
      </c>
      <c r="R1448" s="238">
        <v>35</v>
      </c>
      <c r="S1448" s="236">
        <f t="shared" si="344"/>
        <v>1.135950277268571</v>
      </c>
      <c r="T1448" s="236" t="e">
        <f t="shared" si="330"/>
        <v>#N/A</v>
      </c>
    </row>
    <row r="1449" spans="1:21" x14ac:dyDescent="0.2">
      <c r="A1449" s="53">
        <f t="shared" si="331"/>
        <v>1437</v>
      </c>
      <c r="B1449" s="239">
        <v>14.291</v>
      </c>
      <c r="C1449" s="3">
        <f t="shared" si="332"/>
        <v>14.284000000000001</v>
      </c>
      <c r="D1449" s="239">
        <v>0.42120000000000002</v>
      </c>
      <c r="E1449" s="239">
        <v>1.04E-2</v>
      </c>
      <c r="F1449" s="239">
        <v>0.38719999999999999</v>
      </c>
      <c r="G1449">
        <f t="shared" si="333"/>
        <v>0.49863999999999997</v>
      </c>
      <c r="H1449" s="235">
        <f t="shared" si="334"/>
        <v>2.08567303064335</v>
      </c>
      <c r="I1449" s="236">
        <f t="shared" si="335"/>
        <v>15.718441472984741</v>
      </c>
      <c r="J1449" s="237">
        <f t="shared" si="340"/>
        <v>5.7184414729847415</v>
      </c>
      <c r="K1449" s="237">
        <f t="shared" si="336"/>
        <v>224.52221800011407</v>
      </c>
      <c r="L1449" s="237">
        <f t="shared" si="341"/>
        <v>81.722247090424943</v>
      </c>
      <c r="M1449" s="236">
        <f t="shared" si="337"/>
        <v>3.3542614374831983</v>
      </c>
      <c r="N1449" s="236">
        <f t="shared" si="338"/>
        <v>3.7939895486256083</v>
      </c>
      <c r="O1449" s="236">
        <f t="shared" si="342"/>
        <v>3.4505443695265718</v>
      </c>
      <c r="P1449" s="236" t="str">
        <f t="shared" si="343"/>
        <v>CLAY</v>
      </c>
      <c r="Q1449" s="236">
        <f t="shared" si="339"/>
        <v>22.843148499990491</v>
      </c>
      <c r="R1449" s="238">
        <v>35</v>
      </c>
      <c r="S1449" s="236">
        <f t="shared" si="344"/>
        <v>1.1348439463679267</v>
      </c>
      <c r="T1449" s="236" t="e">
        <f t="shared" si="330"/>
        <v>#N/A</v>
      </c>
    </row>
    <row r="1450" spans="1:21" x14ac:dyDescent="0.2">
      <c r="A1450" s="53">
        <f t="shared" si="331"/>
        <v>1438</v>
      </c>
      <c r="B1450" s="239">
        <v>14.3</v>
      </c>
      <c r="C1450" s="3">
        <f t="shared" si="332"/>
        <v>14.293000000000001</v>
      </c>
      <c r="D1450" s="239">
        <v>0.4219</v>
      </c>
      <c r="E1450" s="239">
        <v>1.04E-2</v>
      </c>
      <c r="F1450" s="239">
        <v>0.38690000000000002</v>
      </c>
      <c r="G1450">
        <f t="shared" si="333"/>
        <v>0.49928</v>
      </c>
      <c r="H1450" s="235">
        <f t="shared" si="334"/>
        <v>2.082999519307803</v>
      </c>
      <c r="I1450" s="236">
        <f t="shared" si="335"/>
        <v>15.718942823104737</v>
      </c>
      <c r="J1450" s="237">
        <f t="shared" si="340"/>
        <v>5.7189428231047366</v>
      </c>
      <c r="K1450" s="237">
        <f t="shared" si="336"/>
        <v>224.67084977063601</v>
      </c>
      <c r="L1450" s="237">
        <f t="shared" si="341"/>
        <v>81.780882370397734</v>
      </c>
      <c r="M1450" s="236">
        <f t="shared" si="337"/>
        <v>3.3578648489706735</v>
      </c>
      <c r="N1450" s="236">
        <f t="shared" si="338"/>
        <v>3.787200823903182</v>
      </c>
      <c r="O1450" s="236">
        <f t="shared" si="342"/>
        <v>3.4497409532944339</v>
      </c>
      <c r="P1450" s="236" t="str">
        <f t="shared" si="343"/>
        <v>CLAY</v>
      </c>
      <c r="Q1450" s="236">
        <f t="shared" si="339"/>
        <v>22.884095852447</v>
      </c>
      <c r="R1450" s="238">
        <v>35</v>
      </c>
      <c r="S1450" s="236">
        <f t="shared" si="344"/>
        <v>1.136368074247462</v>
      </c>
      <c r="T1450" s="236" t="e">
        <f t="shared" si="330"/>
        <v>#N/A</v>
      </c>
    </row>
    <row r="1451" spans="1:21" x14ac:dyDescent="0.2">
      <c r="A1451" s="53">
        <f t="shared" si="331"/>
        <v>1439</v>
      </c>
      <c r="B1451" s="239">
        <v>14.31</v>
      </c>
      <c r="C1451" s="3">
        <f t="shared" si="332"/>
        <v>14.303000000000001</v>
      </c>
      <c r="D1451" s="239">
        <v>0.42570000000000002</v>
      </c>
      <c r="E1451" s="239">
        <v>1.03E-2</v>
      </c>
      <c r="F1451" s="239">
        <v>0.38640000000000002</v>
      </c>
      <c r="G1451">
        <f t="shared" si="333"/>
        <v>0.50297999999999998</v>
      </c>
      <c r="H1451" s="235">
        <f t="shared" si="334"/>
        <v>2.0477951409598791</v>
      </c>
      <c r="I1451" s="236">
        <f t="shared" si="335"/>
        <v>15.710499205974575</v>
      </c>
      <c r="J1451" s="237">
        <f t="shared" si="340"/>
        <v>5.7104992059745747</v>
      </c>
      <c r="K1451" s="237">
        <f t="shared" si="336"/>
        <v>224.70727014305436</v>
      </c>
      <c r="L1451" s="237">
        <f t="shared" si="341"/>
        <v>81.717243637496168</v>
      </c>
      <c r="M1451" s="236">
        <f t="shared" si="337"/>
        <v>3.4053122385207257</v>
      </c>
      <c r="N1451" s="236">
        <f t="shared" si="338"/>
        <v>3.7014047353095014</v>
      </c>
      <c r="O1451" s="236">
        <f t="shared" si="342"/>
        <v>3.4393570417599824</v>
      </c>
      <c r="P1451" s="236" t="str">
        <f t="shared" si="343"/>
        <v>CLAY</v>
      </c>
      <c r="Q1451" s="236">
        <f t="shared" si="339"/>
        <v>23.189394154745468</v>
      </c>
      <c r="R1451" s="238">
        <v>35</v>
      </c>
      <c r="S1451" s="236">
        <f t="shared" si="344"/>
        <v>1.1564748237836462</v>
      </c>
      <c r="T1451" s="236" t="e">
        <f t="shared" si="330"/>
        <v>#N/A</v>
      </c>
    </row>
    <row r="1452" spans="1:21" x14ac:dyDescent="0.2">
      <c r="A1452" s="53">
        <f t="shared" si="331"/>
        <v>1440</v>
      </c>
      <c r="B1452" s="239">
        <v>14.321</v>
      </c>
      <c r="C1452" s="3">
        <f t="shared" si="332"/>
        <v>14.314</v>
      </c>
      <c r="D1452" s="239">
        <v>0.4284</v>
      </c>
      <c r="E1452" s="239">
        <v>1.0200000000000001E-2</v>
      </c>
      <c r="F1452" s="239">
        <v>0.38269999999999998</v>
      </c>
      <c r="G1452">
        <f t="shared" si="333"/>
        <v>0.50493999999999994</v>
      </c>
      <c r="H1452" s="235">
        <f t="shared" si="334"/>
        <v>2.0200419851863591</v>
      </c>
      <c r="I1452" s="236">
        <f t="shared" si="335"/>
        <v>15.700579316277516</v>
      </c>
      <c r="J1452" s="237">
        <f t="shared" si="340"/>
        <v>5.7005793162775156</v>
      </c>
      <c r="K1452" s="237">
        <f t="shared" si="336"/>
        <v>224.73809233319636</v>
      </c>
      <c r="L1452" s="237">
        <f t="shared" si="341"/>
        <v>81.637996388410301</v>
      </c>
      <c r="M1452" s="236">
        <f t="shared" si="337"/>
        <v>3.4322487084773958</v>
      </c>
      <c r="N1452" s="236">
        <f t="shared" si="338"/>
        <v>3.6402321757670277</v>
      </c>
      <c r="O1452" s="236">
        <f t="shared" si="342"/>
        <v>3.4326737224607422</v>
      </c>
      <c r="P1452" s="236" t="str">
        <f t="shared" si="343"/>
        <v>CLAY</v>
      </c>
      <c r="Q1452" s="236">
        <f t="shared" si="339"/>
        <v>23.350158972233629</v>
      </c>
      <c r="R1452" s="238">
        <v>35</v>
      </c>
      <c r="S1452" s="236">
        <f t="shared" si="344"/>
        <v>1.1679209437988101</v>
      </c>
      <c r="T1452" s="236" t="e">
        <f t="shared" si="330"/>
        <v>#N/A</v>
      </c>
    </row>
    <row r="1453" spans="1:21" x14ac:dyDescent="0.2">
      <c r="A1453" s="53">
        <f t="shared" si="331"/>
        <v>1441</v>
      </c>
      <c r="B1453" s="239">
        <v>14.33</v>
      </c>
      <c r="C1453" s="3">
        <f t="shared" si="332"/>
        <v>14.323</v>
      </c>
      <c r="D1453" s="239">
        <v>0.43049999999999999</v>
      </c>
      <c r="E1453" s="239">
        <v>1.01E-2</v>
      </c>
      <c r="F1453" s="239">
        <v>0.38</v>
      </c>
      <c r="G1453">
        <f t="shared" si="333"/>
        <v>0.50649999999999995</v>
      </c>
      <c r="H1453" s="235">
        <f t="shared" si="334"/>
        <v>1.9940769990128333</v>
      </c>
      <c r="I1453" s="236">
        <f t="shared" si="335"/>
        <v>15.690232268322291</v>
      </c>
      <c r="J1453" s="237">
        <f t="shared" si="340"/>
        <v>5.6902322683222906</v>
      </c>
      <c r="K1453" s="237">
        <f t="shared" si="336"/>
        <v>224.73119677918018</v>
      </c>
      <c r="L1453" s="237">
        <f t="shared" si="341"/>
        <v>81.541028405058427</v>
      </c>
      <c r="M1453" s="236">
        <f t="shared" si="337"/>
        <v>3.4555463517227381</v>
      </c>
      <c r="N1453" s="236">
        <f t="shared" si="338"/>
        <v>3.5844990235078353</v>
      </c>
      <c r="O1453" s="236">
        <f t="shared" si="342"/>
        <v>3.4266879908498797</v>
      </c>
      <c r="P1453" s="236" t="str">
        <f t="shared" si="343"/>
        <v>CLAY</v>
      </c>
      <c r="Q1453" s="236">
        <f t="shared" si="339"/>
        <v>23.480733601734983</v>
      </c>
      <c r="R1453" s="238">
        <v>35</v>
      </c>
      <c r="S1453" s="236">
        <f t="shared" si="344"/>
        <v>1.177838950840812</v>
      </c>
      <c r="T1453" s="236" t="e">
        <f t="shared" si="330"/>
        <v>#N/A</v>
      </c>
    </row>
    <row r="1454" spans="1:21" x14ac:dyDescent="0.2">
      <c r="A1454" s="53">
        <f t="shared" si="331"/>
        <v>1442</v>
      </c>
      <c r="B1454" s="239">
        <v>14.340999999999999</v>
      </c>
      <c r="C1454" s="3">
        <f t="shared" si="332"/>
        <v>14.334</v>
      </c>
      <c r="D1454" s="239">
        <v>0.43180000000000002</v>
      </c>
      <c r="E1454" s="239">
        <v>1.01E-2</v>
      </c>
      <c r="F1454" s="239">
        <v>0.38</v>
      </c>
      <c r="G1454">
        <f t="shared" si="333"/>
        <v>0.50780000000000003</v>
      </c>
      <c r="H1454" s="235">
        <f t="shared" si="334"/>
        <v>1.9889720362347378</v>
      </c>
      <c r="I1454" s="236">
        <f t="shared" si="335"/>
        <v>15.691234190479555</v>
      </c>
      <c r="J1454" s="237">
        <f t="shared" si="340"/>
        <v>5.6912341904795554</v>
      </c>
      <c r="K1454" s="237">
        <f t="shared" si="336"/>
        <v>224.91815088633393</v>
      </c>
      <c r="L1454" s="237">
        <f t="shared" si="341"/>
        <v>81.617989525667298</v>
      </c>
      <c r="M1454" s="236">
        <f t="shared" si="337"/>
        <v>3.4659252299360443</v>
      </c>
      <c r="N1454" s="236">
        <f t="shared" si="338"/>
        <v>3.5703952132827266</v>
      </c>
      <c r="O1454" s="236">
        <f t="shared" si="342"/>
        <v>3.4246872313775625</v>
      </c>
      <c r="P1454" s="236" t="str">
        <f t="shared" si="343"/>
        <v>CLAY</v>
      </c>
      <c r="Q1454" s="236">
        <f t="shared" si="339"/>
        <v>23.57348742613884</v>
      </c>
      <c r="R1454" s="238">
        <v>35</v>
      </c>
      <c r="S1454" s="236">
        <f t="shared" si="344"/>
        <v>1.1822627206278642</v>
      </c>
      <c r="T1454" s="236" t="e">
        <f t="shared" si="330"/>
        <v>#N/A</v>
      </c>
    </row>
    <row r="1455" spans="1:21" x14ac:dyDescent="0.2">
      <c r="A1455" s="53">
        <f t="shared" si="331"/>
        <v>1443</v>
      </c>
      <c r="B1455" s="239">
        <v>14.35</v>
      </c>
      <c r="C1455" s="3">
        <f t="shared" si="332"/>
        <v>14.343</v>
      </c>
      <c r="D1455" s="239">
        <v>0.435</v>
      </c>
      <c r="E1455" s="239">
        <v>1.01E-2</v>
      </c>
      <c r="F1455" s="239">
        <v>0.37840000000000001</v>
      </c>
      <c r="G1455">
        <f t="shared" si="333"/>
        <v>0.51068000000000002</v>
      </c>
      <c r="H1455" s="235">
        <f t="shared" si="334"/>
        <v>1.9777551499960835</v>
      </c>
      <c r="I1455" s="236">
        <f t="shared" si="335"/>
        <v>15.693444728334986</v>
      </c>
      <c r="J1455" s="237">
        <f t="shared" si="340"/>
        <v>5.6934447283349865</v>
      </c>
      <c r="K1455" s="237">
        <f t="shared" si="336"/>
        <v>225.09107773850872</v>
      </c>
      <c r="L1455" s="237">
        <f t="shared" si="341"/>
        <v>81.700931851607052</v>
      </c>
      <c r="M1455" s="236">
        <f t="shared" si="337"/>
        <v>3.4955405744968107</v>
      </c>
      <c r="N1455" s="236">
        <f t="shared" si="338"/>
        <v>3.5365517401799726</v>
      </c>
      <c r="O1455" s="236">
        <f t="shared" si="342"/>
        <v>3.4193849662988089</v>
      </c>
      <c r="P1455" s="236" t="str">
        <f t="shared" si="343"/>
        <v>CLAY</v>
      </c>
      <c r="Q1455" s="236">
        <f t="shared" si="339"/>
        <v>23.799076855124273</v>
      </c>
      <c r="R1455" s="238">
        <v>35</v>
      </c>
      <c r="S1455" s="236">
        <f t="shared" si="344"/>
        <v>1.1949038023947918</v>
      </c>
      <c r="T1455" s="236" t="e">
        <f t="shared" si="330"/>
        <v>#N/A</v>
      </c>
    </row>
    <row r="1456" spans="1:21" x14ac:dyDescent="0.2">
      <c r="A1456" s="53">
        <f t="shared" si="331"/>
        <v>1444</v>
      </c>
      <c r="B1456" s="239">
        <v>14.361000000000001</v>
      </c>
      <c r="C1456" s="3">
        <f t="shared" si="332"/>
        <v>14.354000000000001</v>
      </c>
      <c r="D1456" s="239">
        <v>0.43640000000000001</v>
      </c>
      <c r="E1456" s="239">
        <v>0.01</v>
      </c>
      <c r="F1456" s="239">
        <v>0.3775</v>
      </c>
      <c r="G1456">
        <f t="shared" si="333"/>
        <v>0.51190000000000002</v>
      </c>
      <c r="H1456" s="235">
        <f t="shared" si="334"/>
        <v>1.9535065442469233</v>
      </c>
      <c r="I1456" s="236">
        <f t="shared" si="335"/>
        <v>15.682709670977708</v>
      </c>
      <c r="J1456" s="237">
        <f t="shared" si="340"/>
        <v>5.6827096709777081</v>
      </c>
      <c r="K1456" s="237">
        <f t="shared" si="336"/>
        <v>225.10961461721405</v>
      </c>
      <c r="L1456" s="237">
        <f t="shared" si="341"/>
        <v>81.609393584910876</v>
      </c>
      <c r="M1456" s="236">
        <f t="shared" si="337"/>
        <v>3.5141835122741547</v>
      </c>
      <c r="N1456" s="236">
        <f t="shared" si="338"/>
        <v>3.486867241610196</v>
      </c>
      <c r="O1456" s="236">
        <f t="shared" si="342"/>
        <v>3.4142321695188418</v>
      </c>
      <c r="P1456" s="236" t="str">
        <f t="shared" si="343"/>
        <v>CLAY</v>
      </c>
      <c r="Q1456" s="236">
        <f t="shared" si="339"/>
        <v>23.899198781898832</v>
      </c>
      <c r="R1456" s="238">
        <v>35</v>
      </c>
      <c r="S1456" s="236">
        <f t="shared" si="344"/>
        <v>1.2028751547731171</v>
      </c>
      <c r="T1456" s="236" t="e">
        <f t="shared" si="330"/>
        <v>#N/A</v>
      </c>
    </row>
    <row r="1457" spans="1:20" x14ac:dyDescent="0.2">
      <c r="A1457" s="53">
        <f t="shared" si="331"/>
        <v>1445</v>
      </c>
      <c r="B1457" s="239">
        <v>14.371</v>
      </c>
      <c r="C1457" s="3">
        <f t="shared" si="332"/>
        <v>14.364000000000001</v>
      </c>
      <c r="D1457" s="239">
        <v>0.43490000000000001</v>
      </c>
      <c r="E1457" s="239">
        <v>1.01E-2</v>
      </c>
      <c r="F1457" s="239">
        <v>0.37780000000000002</v>
      </c>
      <c r="G1457">
        <f t="shared" si="333"/>
        <v>0.51046000000000002</v>
      </c>
      <c r="H1457" s="235">
        <f t="shared" si="334"/>
        <v>1.9786075304627198</v>
      </c>
      <c r="I1457" s="236">
        <f t="shared" si="335"/>
        <v>15.693276308120819</v>
      </c>
      <c r="J1457" s="237">
        <f t="shared" si="340"/>
        <v>5.6932763081208186</v>
      </c>
      <c r="K1457" s="237">
        <f t="shared" si="336"/>
        <v>225.41822088984745</v>
      </c>
      <c r="L1457" s="237">
        <f t="shared" si="341"/>
        <v>81.818073824004287</v>
      </c>
      <c r="M1457" s="236">
        <f t="shared" si="337"/>
        <v>3.4838485653340481</v>
      </c>
      <c r="N1457" s="236">
        <f t="shared" si="338"/>
        <v>3.5433402189427534</v>
      </c>
      <c r="O1457" s="236">
        <f t="shared" si="342"/>
        <v>3.4210610592788329</v>
      </c>
      <c r="P1457" s="236" t="str">
        <f t="shared" si="343"/>
        <v>CLAY</v>
      </c>
      <c r="Q1457" s="236">
        <f t="shared" si="339"/>
        <v>23.753481592512713</v>
      </c>
      <c r="R1457" s="238">
        <v>35</v>
      </c>
      <c r="S1457" s="236">
        <f t="shared" si="344"/>
        <v>1.1899099467407057</v>
      </c>
      <c r="T1457" s="236" t="e">
        <f t="shared" si="330"/>
        <v>#N/A</v>
      </c>
    </row>
    <row r="1458" spans="1:20" x14ac:dyDescent="0.2">
      <c r="A1458" s="53">
        <f t="shared" si="331"/>
        <v>1446</v>
      </c>
      <c r="B1458" s="239">
        <v>14.381</v>
      </c>
      <c r="C1458" s="3">
        <f t="shared" si="332"/>
        <v>14.374000000000001</v>
      </c>
      <c r="D1458" s="239">
        <v>0.4365</v>
      </c>
      <c r="E1458" s="239">
        <v>1.0200000000000001E-2</v>
      </c>
      <c r="F1458" s="239">
        <v>0.37840000000000001</v>
      </c>
      <c r="G1458">
        <f t="shared" si="333"/>
        <v>0.51217999999999997</v>
      </c>
      <c r="H1458" s="235">
        <f t="shared" si="334"/>
        <v>1.9914873677222853</v>
      </c>
      <c r="I1458" s="236">
        <f t="shared" si="335"/>
        <v>15.706143872357272</v>
      </c>
      <c r="J1458" s="237">
        <f t="shared" si="340"/>
        <v>5.7061438723572717</v>
      </c>
      <c r="K1458" s="237">
        <f t="shared" si="336"/>
        <v>225.76011202126344</v>
      </c>
      <c r="L1458" s="237">
        <f t="shared" si="341"/>
        <v>82.060055028369931</v>
      </c>
      <c r="M1458" s="236">
        <f t="shared" si="337"/>
        <v>3.490369192169259</v>
      </c>
      <c r="N1458" s="236">
        <f t="shared" si="338"/>
        <v>3.5612052193656463</v>
      </c>
      <c r="O1458" s="236">
        <f t="shared" si="342"/>
        <v>3.4214964519470565</v>
      </c>
      <c r="P1458" s="236" t="str">
        <f t="shared" si="343"/>
        <v>CLAY</v>
      </c>
      <c r="Q1458" s="236">
        <f t="shared" si="339"/>
        <v>23.868323998228039</v>
      </c>
      <c r="R1458" s="238">
        <v>35</v>
      </c>
      <c r="S1458" s="236">
        <f t="shared" si="344"/>
        <v>1.1926945013128898</v>
      </c>
      <c r="T1458" s="236" t="e">
        <f t="shared" si="330"/>
        <v>#N/A</v>
      </c>
    </row>
    <row r="1459" spans="1:20" x14ac:dyDescent="0.2">
      <c r="A1459" s="53">
        <f t="shared" si="331"/>
        <v>1447</v>
      </c>
      <c r="B1459" s="239">
        <v>14.391</v>
      </c>
      <c r="C1459" s="3">
        <f t="shared" si="332"/>
        <v>14.384</v>
      </c>
      <c r="D1459" s="239">
        <v>0.4405</v>
      </c>
      <c r="E1459" s="239">
        <v>1.03E-2</v>
      </c>
      <c r="F1459" s="239">
        <v>0.37880000000000003</v>
      </c>
      <c r="G1459">
        <f t="shared" si="333"/>
        <v>0.51625999999999994</v>
      </c>
      <c r="H1459" s="235">
        <f t="shared" si="334"/>
        <v>1.9951187386200755</v>
      </c>
      <c r="I1459" s="236">
        <f t="shared" si="335"/>
        <v>15.720685190446655</v>
      </c>
      <c r="J1459" s="237">
        <f t="shared" si="340"/>
        <v>5.7206851904466554</v>
      </c>
      <c r="K1459" s="237">
        <f t="shared" si="336"/>
        <v>226.1263357793847</v>
      </c>
      <c r="L1459" s="237">
        <f t="shared" si="341"/>
        <v>82.32638057571782</v>
      </c>
      <c r="M1459" s="236">
        <f t="shared" si="337"/>
        <v>3.5241882637336572</v>
      </c>
      <c r="N1459" s="236">
        <f t="shared" si="338"/>
        <v>3.550087863009225</v>
      </c>
      <c r="O1459" s="236">
        <f t="shared" si="342"/>
        <v>3.4172108479020618</v>
      </c>
      <c r="P1459" s="236" t="str">
        <f t="shared" si="343"/>
        <v>CLAY</v>
      </c>
      <c r="Q1459" s="236">
        <f t="shared" si="339"/>
        <v>24.177805351717939</v>
      </c>
      <c r="R1459" s="238">
        <v>35</v>
      </c>
      <c r="S1459" s="236">
        <f t="shared" si="344"/>
        <v>1.2071573538189928</v>
      </c>
      <c r="T1459" s="236" t="e">
        <f t="shared" si="330"/>
        <v>#N/A</v>
      </c>
    </row>
    <row r="1460" spans="1:20" x14ac:dyDescent="0.2">
      <c r="A1460" s="53">
        <f t="shared" si="331"/>
        <v>1448</v>
      </c>
      <c r="B1460" s="239">
        <v>14.401</v>
      </c>
      <c r="C1460" s="3">
        <f t="shared" si="332"/>
        <v>14.394</v>
      </c>
      <c r="D1460" s="239">
        <v>0.44269999999999998</v>
      </c>
      <c r="E1460" s="239">
        <v>1.03E-2</v>
      </c>
      <c r="F1460" s="239">
        <v>0.3755</v>
      </c>
      <c r="G1460">
        <f t="shared" si="333"/>
        <v>0.51779999999999993</v>
      </c>
      <c r="H1460" s="235">
        <f t="shared" si="334"/>
        <v>1.9891850135187332</v>
      </c>
      <c r="I1460" s="236">
        <f t="shared" si="335"/>
        <v>15.721849402575419</v>
      </c>
      <c r="J1460" s="237">
        <f t="shared" si="340"/>
        <v>5.721849402575419</v>
      </c>
      <c r="K1460" s="237">
        <f t="shared" si="336"/>
        <v>226.30030030067059</v>
      </c>
      <c r="L1460" s="237">
        <f t="shared" si="341"/>
        <v>82.400353246488606</v>
      </c>
      <c r="M1460" s="236">
        <f t="shared" si="337"/>
        <v>3.5376025491947911</v>
      </c>
      <c r="N1460" s="236">
        <f t="shared" si="338"/>
        <v>3.533451324520763</v>
      </c>
      <c r="O1460" s="236">
        <f t="shared" si="342"/>
        <v>3.4147428873697345</v>
      </c>
      <c r="P1460" s="236" t="str">
        <f t="shared" si="343"/>
        <v>CLAY</v>
      </c>
      <c r="Q1460" s="236">
        <f t="shared" si="339"/>
        <v>24.291641641610781</v>
      </c>
      <c r="R1460" s="238">
        <v>35</v>
      </c>
      <c r="S1460" s="236">
        <f t="shared" si="344"/>
        <v>1.2129036595655505</v>
      </c>
      <c r="T1460" s="236" t="e">
        <f t="shared" si="330"/>
        <v>#N/A</v>
      </c>
    </row>
    <row r="1461" spans="1:20" x14ac:dyDescent="0.2">
      <c r="A1461" s="53">
        <f t="shared" si="331"/>
        <v>1449</v>
      </c>
      <c r="B1461" s="239">
        <v>14.41</v>
      </c>
      <c r="C1461" s="3">
        <f t="shared" si="332"/>
        <v>14.403</v>
      </c>
      <c r="D1461" s="239">
        <v>0.44240000000000002</v>
      </c>
      <c r="E1461" s="239">
        <v>1.0200000000000001E-2</v>
      </c>
      <c r="F1461" s="239">
        <v>0.36930000000000002</v>
      </c>
      <c r="G1461">
        <f t="shared" si="333"/>
        <v>0.51625999999999994</v>
      </c>
      <c r="H1461" s="235">
        <f t="shared" si="334"/>
        <v>1.9757486537791038</v>
      </c>
      <c r="I1461" s="236">
        <f t="shared" si="335"/>
        <v>15.709245147499868</v>
      </c>
      <c r="J1461" s="237">
        <f t="shared" si="340"/>
        <v>5.7092451474998676</v>
      </c>
      <c r="K1461" s="237">
        <f t="shared" si="336"/>
        <v>226.2602578594406</v>
      </c>
      <c r="L1461" s="237">
        <f t="shared" si="341"/>
        <v>82.270222575473099</v>
      </c>
      <c r="M1461" s="236">
        <f t="shared" si="337"/>
        <v>3.5249660577315116</v>
      </c>
      <c r="N1461" s="236">
        <f t="shared" si="338"/>
        <v>3.5172445067403482</v>
      </c>
      <c r="O1461" s="236">
        <f t="shared" si="342"/>
        <v>3.4150394918423435</v>
      </c>
      <c r="P1461" s="236" t="str">
        <f t="shared" si="343"/>
        <v>CLAY</v>
      </c>
      <c r="Q1461" s="236">
        <f t="shared" si="339"/>
        <v>24.166645178379952</v>
      </c>
      <c r="R1461" s="238">
        <v>35</v>
      </c>
      <c r="S1461" s="236">
        <f t="shared" si="344"/>
        <v>1.2074903899592355</v>
      </c>
      <c r="T1461" s="236" t="e">
        <f t="shared" si="330"/>
        <v>#N/A</v>
      </c>
    </row>
    <row r="1462" spans="1:20" x14ac:dyDescent="0.2">
      <c r="A1462" s="53">
        <f t="shared" si="331"/>
        <v>1450</v>
      </c>
      <c r="B1462" s="239">
        <v>14.42</v>
      </c>
      <c r="C1462" s="3">
        <f t="shared" si="332"/>
        <v>14.413</v>
      </c>
      <c r="D1462" s="239">
        <v>0.44140000000000001</v>
      </c>
      <c r="E1462" s="239">
        <v>1.03E-2</v>
      </c>
      <c r="F1462" s="239">
        <v>0.37</v>
      </c>
      <c r="G1462">
        <f t="shared" si="333"/>
        <v>0.51539999999999997</v>
      </c>
      <c r="H1462" s="235">
        <f t="shared" si="334"/>
        <v>1.9984478075281338</v>
      </c>
      <c r="I1462" s="236">
        <f t="shared" si="335"/>
        <v>15.72003353387985</v>
      </c>
      <c r="J1462" s="237">
        <f t="shared" si="340"/>
        <v>5.7200335338798496</v>
      </c>
      <c r="K1462" s="237">
        <f t="shared" si="336"/>
        <v>226.57284332381028</v>
      </c>
      <c r="L1462" s="237">
        <f t="shared" si="341"/>
        <v>82.482883558547428</v>
      </c>
      <c r="M1462" s="236">
        <f t="shared" si="337"/>
        <v>3.5016617292626102</v>
      </c>
      <c r="N1462" s="236">
        <f t="shared" si="338"/>
        <v>3.566146659660383</v>
      </c>
      <c r="O1462" s="236">
        <f t="shared" si="342"/>
        <v>3.4206083554022277</v>
      </c>
      <c r="P1462" s="236" t="str">
        <f t="shared" si="343"/>
        <v>CLAY</v>
      </c>
      <c r="Q1462" s="236">
        <f t="shared" si="339"/>
        <v>24.06892972301581</v>
      </c>
      <c r="R1462" s="238">
        <v>35</v>
      </c>
      <c r="S1462" s="236">
        <f t="shared" si="344"/>
        <v>1.1975199182941645</v>
      </c>
      <c r="T1462" s="236" t="e">
        <f t="shared" si="330"/>
        <v>#N/A</v>
      </c>
    </row>
    <row r="1463" spans="1:20" x14ac:dyDescent="0.2">
      <c r="A1463" s="53">
        <f t="shared" si="331"/>
        <v>1451</v>
      </c>
      <c r="B1463" s="239">
        <v>14.430999999999999</v>
      </c>
      <c r="C1463" s="3">
        <f t="shared" si="332"/>
        <v>14.423999999999999</v>
      </c>
      <c r="D1463" s="239">
        <v>0.44400000000000001</v>
      </c>
      <c r="E1463" s="239">
        <v>1.0200000000000001E-2</v>
      </c>
      <c r="F1463" s="239">
        <v>0.36630000000000001</v>
      </c>
      <c r="G1463">
        <f t="shared" si="333"/>
        <v>0.51726000000000005</v>
      </c>
      <c r="H1463" s="235">
        <f t="shared" si="334"/>
        <v>1.97192901055562</v>
      </c>
      <c r="I1463" s="236">
        <f t="shared" si="335"/>
        <v>15.710001524068655</v>
      </c>
      <c r="J1463" s="237">
        <f t="shared" si="340"/>
        <v>5.7100015240686552</v>
      </c>
      <c r="K1463" s="237">
        <f t="shared" si="336"/>
        <v>226.60106198316629</v>
      </c>
      <c r="L1463" s="237">
        <f t="shared" si="341"/>
        <v>82.401031993834764</v>
      </c>
      <c r="M1463" s="236">
        <f t="shared" si="337"/>
        <v>3.5273701188424544</v>
      </c>
      <c r="N1463" s="236">
        <f t="shared" si="338"/>
        <v>3.5092676212177096</v>
      </c>
      <c r="O1463" s="236">
        <f t="shared" si="342"/>
        <v>3.4142761644317594</v>
      </c>
      <c r="P1463" s="236" t="str">
        <f t="shared" si="343"/>
        <v>CLAY</v>
      </c>
      <c r="Q1463" s="236">
        <f t="shared" si="339"/>
        <v>24.221578168069485</v>
      </c>
      <c r="R1463" s="238">
        <v>35</v>
      </c>
      <c r="S1463" s="236">
        <f t="shared" si="344"/>
        <v>1.208519877929018</v>
      </c>
      <c r="T1463" s="236" t="e">
        <f t="shared" si="330"/>
        <v>#N/A</v>
      </c>
    </row>
    <row r="1464" spans="1:20" x14ac:dyDescent="0.2">
      <c r="A1464" s="53">
        <f t="shared" si="331"/>
        <v>1452</v>
      </c>
      <c r="B1464" s="239">
        <v>14.44</v>
      </c>
      <c r="C1464" s="3">
        <f t="shared" si="332"/>
        <v>14.433</v>
      </c>
      <c r="D1464" s="239">
        <v>0.44269999999999998</v>
      </c>
      <c r="E1464" s="239">
        <v>1.04E-2</v>
      </c>
      <c r="F1464" s="239">
        <v>0.36549999999999999</v>
      </c>
      <c r="G1464">
        <f t="shared" si="333"/>
        <v>0.51579999999999993</v>
      </c>
      <c r="H1464" s="235">
        <f t="shared" si="334"/>
        <v>2.0162853819309814</v>
      </c>
      <c r="I1464" s="236">
        <f t="shared" si="335"/>
        <v>15.731666274510921</v>
      </c>
      <c r="J1464" s="237">
        <f t="shared" si="340"/>
        <v>5.7316662745109213</v>
      </c>
      <c r="K1464" s="237">
        <f t="shared" si="336"/>
        <v>227.05513934001613</v>
      </c>
      <c r="L1464" s="237">
        <f t="shared" si="341"/>
        <v>82.765261003937695</v>
      </c>
      <c r="M1464" s="236">
        <f t="shared" si="337"/>
        <v>3.4887204747200196</v>
      </c>
      <c r="N1464" s="236">
        <f t="shared" si="338"/>
        <v>3.6017957085811783</v>
      </c>
      <c r="O1464" s="236">
        <f t="shared" si="342"/>
        <v>3.4242230296801641</v>
      </c>
      <c r="P1464" s="236" t="str">
        <f t="shared" si="343"/>
        <v>CLAY</v>
      </c>
      <c r="Q1464" s="236">
        <f t="shared" si="339"/>
        <v>24.062071721665319</v>
      </c>
      <c r="R1464" s="238">
        <v>35</v>
      </c>
      <c r="S1464" s="236">
        <f t="shared" si="344"/>
        <v>1.1919903135871657</v>
      </c>
      <c r="T1464" s="236" t="e">
        <f t="shared" si="330"/>
        <v>#N/A</v>
      </c>
    </row>
    <row r="1465" spans="1:20" x14ac:dyDescent="0.2">
      <c r="A1465" s="53">
        <f t="shared" si="331"/>
        <v>1453</v>
      </c>
      <c r="B1465" s="239">
        <v>14.45</v>
      </c>
      <c r="C1465" s="3">
        <f t="shared" si="332"/>
        <v>14.443</v>
      </c>
      <c r="D1465" s="239">
        <v>0.44280000000000003</v>
      </c>
      <c r="E1465" s="239">
        <v>1.04E-2</v>
      </c>
      <c r="F1465" s="239">
        <v>0.36699999999999999</v>
      </c>
      <c r="G1465">
        <f t="shared" si="333"/>
        <v>0.51619999999999999</v>
      </c>
      <c r="H1465" s="235">
        <f t="shared" si="334"/>
        <v>2.014722975590856</v>
      </c>
      <c r="I1465" s="236">
        <f t="shared" si="335"/>
        <v>15.731969270676258</v>
      </c>
      <c r="J1465" s="237">
        <f t="shared" si="340"/>
        <v>5.7319692706762577</v>
      </c>
      <c r="K1465" s="237">
        <f t="shared" si="336"/>
        <v>227.21683217637718</v>
      </c>
      <c r="L1465" s="237">
        <f t="shared" si="341"/>
        <v>82.826955961271921</v>
      </c>
      <c r="M1465" s="236">
        <f t="shared" si="337"/>
        <v>3.4889990157159114</v>
      </c>
      <c r="N1465" s="236">
        <f t="shared" si="338"/>
        <v>3.5988255227195469</v>
      </c>
      <c r="O1465" s="236">
        <f t="shared" si="342"/>
        <v>3.4240075189689332</v>
      </c>
      <c r="P1465" s="236" t="str">
        <f t="shared" si="343"/>
        <v>CLAY</v>
      </c>
      <c r="Q1465" s="236">
        <f t="shared" si="339"/>
        <v>24.081930651968573</v>
      </c>
      <c r="R1465" s="238">
        <v>35</v>
      </c>
      <c r="S1465" s="236">
        <f t="shared" si="344"/>
        <v>1.1921092760710257</v>
      </c>
      <c r="T1465" s="236" t="e">
        <f t="shared" si="330"/>
        <v>#N/A</v>
      </c>
    </row>
    <row r="1466" spans="1:20" x14ac:dyDescent="0.2">
      <c r="A1466" s="53">
        <f t="shared" si="331"/>
        <v>1454</v>
      </c>
      <c r="B1466" s="239">
        <v>14.46</v>
      </c>
      <c r="C1466" s="3">
        <f t="shared" si="332"/>
        <v>14.453000000000001</v>
      </c>
      <c r="D1466" s="239">
        <v>0.44140000000000001</v>
      </c>
      <c r="E1466" s="239">
        <v>1.0500000000000001E-2</v>
      </c>
      <c r="F1466" s="239">
        <v>0.37180000000000002</v>
      </c>
      <c r="G1466">
        <f t="shared" si="333"/>
        <v>0.51576</v>
      </c>
      <c r="H1466" s="235">
        <f t="shared" si="334"/>
        <v>2.0358306188925082</v>
      </c>
      <c r="I1466" s="236">
        <f t="shared" si="335"/>
        <v>15.742857053354061</v>
      </c>
      <c r="J1466" s="237">
        <f t="shared" si="340"/>
        <v>5.7428570533540615</v>
      </c>
      <c r="K1466" s="237">
        <f t="shared" si="336"/>
        <v>227.53151299212627</v>
      </c>
      <c r="L1466" s="237">
        <f t="shared" si="341"/>
        <v>83.041712991499736</v>
      </c>
      <c r="M1466" s="236">
        <f t="shared" si="337"/>
        <v>3.4708880227142851</v>
      </c>
      <c r="N1466" s="236">
        <f t="shared" si="338"/>
        <v>3.642943176436674</v>
      </c>
      <c r="O1466" s="236">
        <f t="shared" si="342"/>
        <v>3.4286864693331309</v>
      </c>
      <c r="P1466" s="236" t="str">
        <f t="shared" si="343"/>
        <v>CLAY</v>
      </c>
      <c r="Q1466" s="236">
        <f t="shared" si="339"/>
        <v>24.019040583989476</v>
      </c>
      <c r="R1466" s="238">
        <v>35</v>
      </c>
      <c r="S1466" s="236">
        <f t="shared" si="344"/>
        <v>1.1843791737719906</v>
      </c>
      <c r="T1466" s="236" t="e">
        <f t="shared" si="330"/>
        <v>#N/A</v>
      </c>
    </row>
    <row r="1467" spans="1:20" x14ac:dyDescent="0.2">
      <c r="A1467" s="53">
        <f t="shared" si="331"/>
        <v>1455</v>
      </c>
      <c r="B1467" s="239">
        <v>14.471</v>
      </c>
      <c r="C1467" s="3">
        <f t="shared" si="332"/>
        <v>14.464</v>
      </c>
      <c r="D1467" s="239">
        <v>0.43569999999999998</v>
      </c>
      <c r="E1467" s="239">
        <v>1.0800000000000001E-2</v>
      </c>
      <c r="F1467" s="239">
        <v>0.37330000000000002</v>
      </c>
      <c r="G1467">
        <f t="shared" si="333"/>
        <v>0.51035999999999992</v>
      </c>
      <c r="H1467" s="235">
        <f t="shared" si="334"/>
        <v>2.1161533035504352</v>
      </c>
      <c r="I1467" s="236">
        <f t="shared" si="335"/>
        <v>15.771776160082736</v>
      </c>
      <c r="J1467" s="237">
        <f t="shared" si="340"/>
        <v>5.7717761600827355</v>
      </c>
      <c r="K1467" s="237">
        <f t="shared" si="336"/>
        <v>228.12297037943668</v>
      </c>
      <c r="L1467" s="237">
        <f t="shared" si="341"/>
        <v>83.52337281255727</v>
      </c>
      <c r="M1467" s="236">
        <f t="shared" si="337"/>
        <v>3.3791383192098596</v>
      </c>
      <c r="N1467" s="236">
        <f t="shared" si="338"/>
        <v>3.8265708842384774</v>
      </c>
      <c r="O1467" s="236">
        <f t="shared" si="342"/>
        <v>3.4497456960060662</v>
      </c>
      <c r="P1467" s="236" t="str">
        <f t="shared" si="343"/>
        <v>CLAY</v>
      </c>
      <c r="Q1467" s="236">
        <f t="shared" si="339"/>
        <v>23.519752468380272</v>
      </c>
      <c r="R1467" s="238">
        <v>35</v>
      </c>
      <c r="S1467" s="236">
        <f t="shared" si="344"/>
        <v>1.1453743951131945</v>
      </c>
      <c r="T1467" s="236" t="e">
        <f t="shared" si="330"/>
        <v>#N/A</v>
      </c>
    </row>
    <row r="1468" spans="1:20" x14ac:dyDescent="0.2">
      <c r="A1468" s="53">
        <f t="shared" si="331"/>
        <v>1456</v>
      </c>
      <c r="B1468" s="239">
        <v>14.481</v>
      </c>
      <c r="C1468" s="3">
        <f t="shared" si="332"/>
        <v>14.474</v>
      </c>
      <c r="D1468" s="239">
        <v>0.42980000000000002</v>
      </c>
      <c r="E1468" s="239">
        <v>1.0800000000000001E-2</v>
      </c>
      <c r="F1468" s="239">
        <v>0.37840000000000001</v>
      </c>
      <c r="G1468">
        <f t="shared" si="333"/>
        <v>0.50548000000000004</v>
      </c>
      <c r="H1468" s="235">
        <f t="shared" si="334"/>
        <v>2.1365830497744716</v>
      </c>
      <c r="I1468" s="236">
        <f t="shared" si="335"/>
        <v>15.768020773333697</v>
      </c>
      <c r="J1468" s="237">
        <f t="shared" si="340"/>
        <v>5.7680207733336974</v>
      </c>
      <c r="K1468" s="237">
        <f t="shared" si="336"/>
        <v>228.22633267323195</v>
      </c>
      <c r="L1468" s="237">
        <f t="shared" si="341"/>
        <v>83.526708818645275</v>
      </c>
      <c r="M1468" s="236">
        <f t="shared" si="337"/>
        <v>3.3193414567398598</v>
      </c>
      <c r="N1468" s="236">
        <f t="shared" si="338"/>
        <v>3.8953497366262932</v>
      </c>
      <c r="O1468" s="236">
        <f t="shared" si="342"/>
        <v>3.4604007266131074</v>
      </c>
      <c r="P1468" s="236" t="str">
        <f t="shared" si="343"/>
        <v>CLAY</v>
      </c>
      <c r="Q1468" s="236">
        <f t="shared" si="339"/>
        <v>23.104472277230673</v>
      </c>
      <c r="R1468" s="238">
        <v>35</v>
      </c>
      <c r="S1468" s="236">
        <f t="shared" si="344"/>
        <v>1.1200951616336998</v>
      </c>
      <c r="T1468" s="236" t="e">
        <f t="shared" si="330"/>
        <v>#N/A</v>
      </c>
    </row>
    <row r="1469" spans="1:20" x14ac:dyDescent="0.2">
      <c r="A1469" s="53">
        <f t="shared" si="331"/>
        <v>1457</v>
      </c>
      <c r="B1469" s="239">
        <v>14.491</v>
      </c>
      <c r="C1469" s="3">
        <f t="shared" si="332"/>
        <v>14.484</v>
      </c>
      <c r="D1469" s="239">
        <v>0.42509999999999998</v>
      </c>
      <c r="E1469" s="239">
        <v>1.0999999999999999E-2</v>
      </c>
      <c r="F1469" s="239">
        <v>0.38169999999999998</v>
      </c>
      <c r="G1469">
        <f t="shared" si="333"/>
        <v>0.50144</v>
      </c>
      <c r="H1469" s="235">
        <f t="shared" si="334"/>
        <v>2.1936821952776002</v>
      </c>
      <c r="I1469" s="236">
        <f t="shared" si="335"/>
        <v>15.786400381619341</v>
      </c>
      <c r="J1469" s="237">
        <f t="shared" si="340"/>
        <v>5.786400381619341</v>
      </c>
      <c r="K1469" s="237">
        <f t="shared" si="336"/>
        <v>228.65022312737455</v>
      </c>
      <c r="L1469" s="237">
        <f t="shared" si="341"/>
        <v>83.850727930045863</v>
      </c>
      <c r="M1469" s="236">
        <f t="shared" si="337"/>
        <v>3.2532785773810544</v>
      </c>
      <c r="N1469" s="236">
        <f t="shared" si="338"/>
        <v>4.0324091782721982</v>
      </c>
      <c r="O1469" s="236">
        <f t="shared" si="342"/>
        <v>3.4757085115272837</v>
      </c>
      <c r="P1469" s="236" t="str">
        <f t="shared" si="343"/>
        <v>CLAY</v>
      </c>
      <c r="Q1469" s="236">
        <f t="shared" si="339"/>
        <v>22.73248140605212</v>
      </c>
      <c r="R1469" s="238">
        <v>35</v>
      </c>
      <c r="S1469" s="236">
        <f t="shared" si="344"/>
        <v>1.0922990989927077</v>
      </c>
      <c r="T1469" s="236" t="e">
        <f t="shared" si="330"/>
        <v>#N/A</v>
      </c>
    </row>
    <row r="1470" spans="1:20" x14ac:dyDescent="0.2">
      <c r="A1470" s="53">
        <f t="shared" si="331"/>
        <v>1458</v>
      </c>
      <c r="B1470" s="239">
        <v>14.5</v>
      </c>
      <c r="C1470" s="3">
        <f t="shared" si="332"/>
        <v>14.493</v>
      </c>
      <c r="D1470" s="239">
        <v>0.4244</v>
      </c>
      <c r="E1470" s="239">
        <v>1.0999999999999999E-2</v>
      </c>
      <c r="F1470" s="239">
        <v>0.37980000000000003</v>
      </c>
      <c r="G1470">
        <f t="shared" si="333"/>
        <v>0.50036000000000003</v>
      </c>
      <c r="H1470" s="235">
        <f t="shared" si="334"/>
        <v>2.198417139659445</v>
      </c>
      <c r="I1470" s="236">
        <f t="shared" si="335"/>
        <v>15.785557629772772</v>
      </c>
      <c r="J1470" s="237">
        <f t="shared" si="340"/>
        <v>5.7855576297727715</v>
      </c>
      <c r="K1470" s="237">
        <f t="shared" si="336"/>
        <v>228.78008672829679</v>
      </c>
      <c r="L1470" s="237">
        <f t="shared" si="341"/>
        <v>83.890585631705193</v>
      </c>
      <c r="M1470" s="236">
        <f t="shared" si="337"/>
        <v>3.2373109715074353</v>
      </c>
      <c r="N1470" s="236">
        <f t="shared" si="338"/>
        <v>4.0503731912584442</v>
      </c>
      <c r="O1470" s="236">
        <f t="shared" si="342"/>
        <v>3.478540842588838</v>
      </c>
      <c r="P1470" s="236" t="str">
        <f t="shared" si="343"/>
        <v>CLAY</v>
      </c>
      <c r="Q1470" s="236">
        <f t="shared" si="339"/>
        <v>22.631659439308603</v>
      </c>
      <c r="R1470" s="238">
        <v>35</v>
      </c>
      <c r="S1470" s="236">
        <f t="shared" si="344"/>
        <v>1.0856017445811708</v>
      </c>
      <c r="T1470" s="236" t="e">
        <f t="shared" si="330"/>
        <v>#N/A</v>
      </c>
    </row>
    <row r="1471" spans="1:20" x14ac:dyDescent="0.2">
      <c r="A1471" s="53">
        <f t="shared" si="331"/>
        <v>1459</v>
      </c>
      <c r="B1471" s="239">
        <v>14.510999999999999</v>
      </c>
      <c r="C1471" s="3">
        <f t="shared" si="332"/>
        <v>14.504</v>
      </c>
      <c r="D1471" s="239">
        <v>0.42320000000000002</v>
      </c>
      <c r="E1471" s="239">
        <v>1.0999999999999999E-2</v>
      </c>
      <c r="F1471" s="239">
        <v>0.37909999999999999</v>
      </c>
      <c r="G1471">
        <f t="shared" si="333"/>
        <v>0.49902000000000002</v>
      </c>
      <c r="H1471" s="235">
        <f t="shared" si="334"/>
        <v>2.2043204681175101</v>
      </c>
      <c r="I1471" s="236">
        <f t="shared" si="335"/>
        <v>15.784509460990021</v>
      </c>
      <c r="J1471" s="237">
        <f t="shared" si="340"/>
        <v>5.7845094609900212</v>
      </c>
      <c r="K1471" s="237">
        <f t="shared" si="336"/>
        <v>228.93852522219925</v>
      </c>
      <c r="L1471" s="237">
        <f t="shared" si="341"/>
        <v>83.939016788426187</v>
      </c>
      <c r="M1471" s="236">
        <f t="shared" si="337"/>
        <v>3.2175915934130956</v>
      </c>
      <c r="N1471" s="236">
        <f t="shared" si="338"/>
        <v>4.0728450587178671</v>
      </c>
      <c r="O1471" s="236">
        <f t="shared" si="342"/>
        <v>3.4820610766658278</v>
      </c>
      <c r="P1471" s="236" t="str">
        <f t="shared" si="343"/>
        <v>CLAY</v>
      </c>
      <c r="Q1471" s="236">
        <f t="shared" si="339"/>
        <v>22.506789564816732</v>
      </c>
      <c r="R1471" s="238">
        <v>35</v>
      </c>
      <c r="S1471" s="236">
        <f t="shared" si="344"/>
        <v>1.0773421632685458</v>
      </c>
      <c r="T1471" s="236" t="e">
        <f t="shared" si="330"/>
        <v>#N/A</v>
      </c>
    </row>
    <row r="1472" spans="1:20" x14ac:dyDescent="0.2">
      <c r="A1472" s="53">
        <f t="shared" si="331"/>
        <v>1460</v>
      </c>
      <c r="B1472" s="239">
        <v>14.521000000000001</v>
      </c>
      <c r="C1472" s="3">
        <f t="shared" si="332"/>
        <v>14.514000000000001</v>
      </c>
      <c r="D1472" s="239">
        <v>0.42399999999999999</v>
      </c>
      <c r="E1472" s="239">
        <v>1.09E-2</v>
      </c>
      <c r="F1472" s="239">
        <v>0.38009999999999999</v>
      </c>
      <c r="G1472">
        <f t="shared" si="333"/>
        <v>0.50001999999999991</v>
      </c>
      <c r="H1472" s="235">
        <f t="shared" si="334"/>
        <v>2.179912803487861</v>
      </c>
      <c r="I1472" s="236">
        <f t="shared" si="335"/>
        <v>15.774583237013253</v>
      </c>
      <c r="J1472" s="237">
        <f t="shared" si="340"/>
        <v>5.7745832370132533</v>
      </c>
      <c r="K1472" s="237">
        <f t="shared" si="336"/>
        <v>228.95230110201038</v>
      </c>
      <c r="L1472" s="237">
        <f t="shared" si="341"/>
        <v>83.852723184669458</v>
      </c>
      <c r="M1472" s="236">
        <f t="shared" si="337"/>
        <v>3.2326642308445392</v>
      </c>
      <c r="N1472" s="236">
        <f t="shared" si="338"/>
        <v>4.0211356957370192</v>
      </c>
      <c r="O1472" s="236">
        <f t="shared" si="342"/>
        <v>3.47741998306094</v>
      </c>
      <c r="P1472" s="236" t="str">
        <f t="shared" si="343"/>
        <v>CLAY</v>
      </c>
      <c r="Q1472" s="236">
        <f t="shared" si="339"/>
        <v>22.588974908165795</v>
      </c>
      <c r="R1472" s="238">
        <v>35</v>
      </c>
      <c r="S1472" s="236">
        <f t="shared" si="344"/>
        <v>1.0836542932870665</v>
      </c>
      <c r="T1472" s="236" t="e">
        <f t="shared" si="330"/>
        <v>#N/A</v>
      </c>
    </row>
    <row r="1473" spans="1:20" x14ac:dyDescent="0.2">
      <c r="A1473" s="53">
        <f t="shared" si="331"/>
        <v>1461</v>
      </c>
      <c r="B1473" s="239">
        <v>14.53</v>
      </c>
      <c r="C1473" s="3">
        <f t="shared" si="332"/>
        <v>14.523</v>
      </c>
      <c r="D1473" s="239">
        <v>0.4304</v>
      </c>
      <c r="E1473" s="239">
        <v>1.0699999999999999E-2</v>
      </c>
      <c r="F1473" s="239">
        <v>0.378</v>
      </c>
      <c r="G1473">
        <f t="shared" si="333"/>
        <v>0.50600000000000001</v>
      </c>
      <c r="H1473" s="235">
        <f t="shared" si="334"/>
        <v>2.1146245059288535</v>
      </c>
      <c r="I1473" s="236">
        <f t="shared" si="335"/>
        <v>15.757514719288373</v>
      </c>
      <c r="J1473" s="237">
        <f t="shared" si="340"/>
        <v>5.7575147192883733</v>
      </c>
      <c r="K1473" s="237">
        <f t="shared" si="336"/>
        <v>228.84638626822505</v>
      </c>
      <c r="L1473" s="237">
        <f t="shared" si="341"/>
        <v>83.656688871260059</v>
      </c>
      <c r="M1473" s="236">
        <f t="shared" si="337"/>
        <v>3.3129880882363016</v>
      </c>
      <c r="N1473" s="236">
        <f t="shared" si="338"/>
        <v>3.8606749000773615</v>
      </c>
      <c r="O1473" s="236">
        <f t="shared" si="342"/>
        <v>3.4590800545170923</v>
      </c>
      <c r="P1473" s="236" t="str">
        <f t="shared" si="343"/>
        <v>CLAY</v>
      </c>
      <c r="Q1473" s="236">
        <f t="shared" si="339"/>
        <v>23.096134477647912</v>
      </c>
      <c r="R1473" s="238">
        <v>35</v>
      </c>
      <c r="S1473" s="236">
        <f t="shared" si="344"/>
        <v>1.1174159126150951</v>
      </c>
      <c r="T1473" s="236" t="e">
        <f t="shared" si="330"/>
        <v>#N/A</v>
      </c>
    </row>
    <row r="1474" spans="1:20" x14ac:dyDescent="0.2">
      <c r="A1474" s="53">
        <f t="shared" si="331"/>
        <v>1462</v>
      </c>
      <c r="B1474" s="239">
        <v>14.541</v>
      </c>
      <c r="C1474" s="3">
        <f t="shared" si="332"/>
        <v>14.534000000000001</v>
      </c>
      <c r="D1474" s="239">
        <v>0.432</v>
      </c>
      <c r="E1474" s="239">
        <v>1.0699999999999999E-2</v>
      </c>
      <c r="F1474" s="239">
        <v>0.3795</v>
      </c>
      <c r="G1474">
        <f t="shared" si="333"/>
        <v>0.50790000000000002</v>
      </c>
      <c r="H1474" s="235">
        <f t="shared" si="334"/>
        <v>2.1067139200630041</v>
      </c>
      <c r="I1474" s="236">
        <f t="shared" si="335"/>
        <v>15.758979645678291</v>
      </c>
      <c r="J1474" s="237">
        <f t="shared" si="340"/>
        <v>5.7589796456782913</v>
      </c>
      <c r="K1474" s="237">
        <f t="shared" si="336"/>
        <v>229.0410101702883</v>
      </c>
      <c r="L1474" s="237">
        <f t="shared" si="341"/>
        <v>83.741323027808036</v>
      </c>
      <c r="M1474" s="236">
        <f t="shared" si="337"/>
        <v>3.3300045873064468</v>
      </c>
      <c r="N1474" s="236">
        <f t="shared" si="338"/>
        <v>3.8370647496550392</v>
      </c>
      <c r="O1474" s="236">
        <f t="shared" si="342"/>
        <v>3.455791417770858</v>
      </c>
      <c r="P1474" s="236" t="str">
        <f t="shared" si="343"/>
        <v>CLAY</v>
      </c>
      <c r="Q1474" s="236">
        <f t="shared" si="339"/>
        <v>23.238249152475976</v>
      </c>
      <c r="R1474" s="238">
        <v>35</v>
      </c>
      <c r="S1474" s="236">
        <f t="shared" si="344"/>
        <v>1.1245947413324018</v>
      </c>
      <c r="T1474" s="236" t="e">
        <f t="shared" si="330"/>
        <v>#N/A</v>
      </c>
    </row>
    <row r="1475" spans="1:20" x14ac:dyDescent="0.2">
      <c r="A1475" s="53">
        <f t="shared" si="331"/>
        <v>1463</v>
      </c>
      <c r="B1475" s="239">
        <v>14.551</v>
      </c>
      <c r="C1475" s="3">
        <f t="shared" si="332"/>
        <v>14.544</v>
      </c>
      <c r="D1475" s="239">
        <v>0.42920000000000003</v>
      </c>
      <c r="E1475" s="239">
        <v>1.0800000000000001E-2</v>
      </c>
      <c r="F1475" s="239">
        <v>0.378</v>
      </c>
      <c r="G1475">
        <f t="shared" si="333"/>
        <v>0.50480000000000003</v>
      </c>
      <c r="H1475" s="235">
        <f t="shared" si="334"/>
        <v>2.1394611727416799</v>
      </c>
      <c r="I1475" s="236">
        <f t="shared" si="335"/>
        <v>15.76749460580972</v>
      </c>
      <c r="J1475" s="237">
        <f t="shared" si="340"/>
        <v>5.7674946058097198</v>
      </c>
      <c r="K1475" s="237">
        <f t="shared" si="336"/>
        <v>229.32244154689658</v>
      </c>
      <c r="L1475" s="237">
        <f t="shared" si="341"/>
        <v>83.922814009137241</v>
      </c>
      <c r="M1475" s="236">
        <f t="shared" si="337"/>
        <v>3.282510979947721</v>
      </c>
      <c r="N1475" s="236">
        <f t="shared" si="338"/>
        <v>3.9204645418833866</v>
      </c>
      <c r="O1475" s="236">
        <f t="shared" si="342"/>
        <v>3.4659906066941639</v>
      </c>
      <c r="P1475" s="236" t="str">
        <f t="shared" si="343"/>
        <v>CLAY</v>
      </c>
      <c r="Q1475" s="236">
        <f t="shared" si="339"/>
        <v>22.956463204425287</v>
      </c>
      <c r="R1475" s="238">
        <v>35</v>
      </c>
      <c r="S1475" s="236">
        <f t="shared" si="344"/>
        <v>1.1045814435674099</v>
      </c>
      <c r="T1475" s="236" t="e">
        <f t="shared" si="330"/>
        <v>#N/A</v>
      </c>
    </row>
    <row r="1476" spans="1:20" x14ac:dyDescent="0.2">
      <c r="A1476" s="53">
        <f t="shared" si="331"/>
        <v>1464</v>
      </c>
      <c r="B1476" s="239">
        <v>14.561</v>
      </c>
      <c r="C1476" s="3">
        <f t="shared" si="332"/>
        <v>14.554</v>
      </c>
      <c r="D1476" s="239">
        <v>0.42670000000000002</v>
      </c>
      <c r="E1476" s="239">
        <v>1.09E-2</v>
      </c>
      <c r="F1476" s="239">
        <v>0.37880000000000003</v>
      </c>
      <c r="G1476">
        <f t="shared" si="333"/>
        <v>0.50246000000000002</v>
      </c>
      <c r="H1476" s="235">
        <f t="shared" si="334"/>
        <v>2.1693269115949527</v>
      </c>
      <c r="I1476" s="236">
        <f t="shared" si="335"/>
        <v>15.776485943432501</v>
      </c>
      <c r="J1476" s="237">
        <f t="shared" si="340"/>
        <v>5.7764859434325011</v>
      </c>
      <c r="K1476" s="237">
        <f t="shared" si="336"/>
        <v>229.61097642071664</v>
      </c>
      <c r="L1476" s="237">
        <f t="shared" si="341"/>
        <v>84.111411822320648</v>
      </c>
      <c r="M1476" s="236">
        <f t="shared" si="337"/>
        <v>3.2439001755868455</v>
      </c>
      <c r="N1476" s="236">
        <f t="shared" si="338"/>
        <v>3.9948832717126148</v>
      </c>
      <c r="O1476" s="236">
        <f t="shared" si="342"/>
        <v>3.474645135136825</v>
      </c>
      <c r="P1476" s="236" t="str">
        <f t="shared" si="343"/>
        <v>CLAY</v>
      </c>
      <c r="Q1476" s="236">
        <f t="shared" si="339"/>
        <v>22.737418631606953</v>
      </c>
      <c r="R1476" s="238">
        <v>35</v>
      </c>
      <c r="S1476" s="236">
        <f t="shared" si="344"/>
        <v>1.088364481364323</v>
      </c>
      <c r="T1476" s="236" t="e">
        <f t="shared" si="330"/>
        <v>#N/A</v>
      </c>
    </row>
    <row r="1477" spans="1:20" x14ac:dyDescent="0.2">
      <c r="A1477" s="53">
        <f t="shared" si="331"/>
        <v>1465</v>
      </c>
      <c r="B1477" s="239">
        <v>14.57</v>
      </c>
      <c r="C1477" s="3">
        <f t="shared" si="332"/>
        <v>14.563000000000001</v>
      </c>
      <c r="D1477" s="239">
        <v>0.42359999999999998</v>
      </c>
      <c r="E1477" s="239">
        <v>1.09E-2</v>
      </c>
      <c r="F1477" s="239">
        <v>0.38240000000000002</v>
      </c>
      <c r="G1477">
        <f t="shared" si="333"/>
        <v>0.50007999999999997</v>
      </c>
      <c r="H1477" s="235">
        <f t="shared" si="334"/>
        <v>2.1796512557990724</v>
      </c>
      <c r="I1477" s="236">
        <f t="shared" si="335"/>
        <v>15.774630136127444</v>
      </c>
      <c r="J1477" s="237">
        <f t="shared" si="340"/>
        <v>5.7746301361274437</v>
      </c>
      <c r="K1477" s="237">
        <f t="shared" si="336"/>
        <v>229.72593867242398</v>
      </c>
      <c r="L1477" s="237">
        <f t="shared" si="341"/>
        <v>84.136361083376855</v>
      </c>
      <c r="M1477" s="236">
        <f t="shared" si="337"/>
        <v>3.2132844568790233</v>
      </c>
      <c r="N1477" s="236">
        <f t="shared" si="338"/>
        <v>4.0317500489822331</v>
      </c>
      <c r="O1477" s="236">
        <f t="shared" si="342"/>
        <v>3.480243825500227</v>
      </c>
      <c r="P1477" s="236" t="str">
        <f t="shared" si="343"/>
        <v>CLAY</v>
      </c>
      <c r="Q1477" s="236">
        <f t="shared" si="339"/>
        <v>22.529505110631334</v>
      </c>
      <c r="R1477" s="238">
        <v>35</v>
      </c>
      <c r="S1477" s="236">
        <f t="shared" si="344"/>
        <v>1.0755397735957817</v>
      </c>
      <c r="T1477" s="236" t="e">
        <f t="shared" si="330"/>
        <v>#N/A</v>
      </c>
    </row>
    <row r="1478" spans="1:20" x14ac:dyDescent="0.2">
      <c r="A1478" s="53">
        <f t="shared" si="331"/>
        <v>1466</v>
      </c>
      <c r="B1478" s="239">
        <v>14.581</v>
      </c>
      <c r="C1478" s="3">
        <f t="shared" si="332"/>
        <v>14.574</v>
      </c>
      <c r="D1478" s="239">
        <v>0.42159999999999997</v>
      </c>
      <c r="E1478" s="239">
        <v>1.0800000000000001E-2</v>
      </c>
      <c r="F1478" s="239">
        <v>0.38080000000000003</v>
      </c>
      <c r="G1478">
        <f t="shared" si="333"/>
        <v>0.49775999999999998</v>
      </c>
      <c r="H1478" s="235">
        <f t="shared" si="334"/>
        <v>2.169720347155256</v>
      </c>
      <c r="I1478" s="236">
        <f t="shared" si="335"/>
        <v>15.762005188585416</v>
      </c>
      <c r="J1478" s="237">
        <f t="shared" si="340"/>
        <v>5.762005188585416</v>
      </c>
      <c r="K1478" s="237">
        <f t="shared" si="336"/>
        <v>229.71546361844386</v>
      </c>
      <c r="L1478" s="237">
        <f t="shared" si="341"/>
        <v>84.015797654763944</v>
      </c>
      <c r="M1478" s="236">
        <f t="shared" si="337"/>
        <v>3.1904063743225937</v>
      </c>
      <c r="N1478" s="236">
        <f t="shared" si="338"/>
        <v>4.0291811748128357</v>
      </c>
      <c r="O1478" s="236">
        <f t="shared" si="342"/>
        <v>3.4827411444141667</v>
      </c>
      <c r="P1478" s="236" t="str">
        <f t="shared" si="343"/>
        <v>CLAY</v>
      </c>
      <c r="Q1478" s="236">
        <f t="shared" si="339"/>
        <v>22.337044698463007</v>
      </c>
      <c r="R1478" s="238">
        <v>35</v>
      </c>
      <c r="S1478" s="236">
        <f t="shared" si="344"/>
        <v>1.0659762141573492</v>
      </c>
      <c r="T1478" s="236" t="e">
        <f t="shared" si="330"/>
        <v>#N/A</v>
      </c>
    </row>
    <row r="1479" spans="1:20" x14ac:dyDescent="0.2">
      <c r="A1479" s="53">
        <f t="shared" si="331"/>
        <v>1467</v>
      </c>
      <c r="B1479" s="239">
        <v>14.59</v>
      </c>
      <c r="C1479" s="3">
        <f t="shared" si="332"/>
        <v>14.583</v>
      </c>
      <c r="D1479" s="239">
        <v>0.42130000000000001</v>
      </c>
      <c r="E1479" s="239">
        <v>1.0699999999999999E-2</v>
      </c>
      <c r="F1479" s="239">
        <v>0.38319999999999999</v>
      </c>
      <c r="G1479">
        <f t="shared" si="333"/>
        <v>0.49793999999999999</v>
      </c>
      <c r="H1479" s="235">
        <f t="shared" si="334"/>
        <v>2.1488532754950396</v>
      </c>
      <c r="I1479" s="236">
        <f t="shared" si="335"/>
        <v>15.751238567606457</v>
      </c>
      <c r="J1479" s="237">
        <f t="shared" si="340"/>
        <v>5.7512385676064568</v>
      </c>
      <c r="K1479" s="237">
        <f t="shared" si="336"/>
        <v>229.70031203140496</v>
      </c>
      <c r="L1479" s="237">
        <f t="shared" si="341"/>
        <v>83.910570701378205</v>
      </c>
      <c r="M1479" s="236">
        <f t="shared" si="337"/>
        <v>3.196732970905527</v>
      </c>
      <c r="N1479" s="236">
        <f t="shared" si="338"/>
        <v>3.9889697460626086</v>
      </c>
      <c r="O1479" s="236">
        <f t="shared" si="342"/>
        <v>3.4797270313560946</v>
      </c>
      <c r="P1479" s="236" t="str">
        <f t="shared" si="343"/>
        <v>CLAY</v>
      </c>
      <c r="Q1479" s="236">
        <f t="shared" si="339"/>
        <v>22.353307330716252</v>
      </c>
      <c r="R1479" s="238">
        <v>35</v>
      </c>
      <c r="S1479" s="236">
        <f t="shared" si="344"/>
        <v>1.0686191659984907</v>
      </c>
      <c r="T1479" s="236" t="e">
        <f t="shared" si="330"/>
        <v>#N/A</v>
      </c>
    </row>
    <row r="1480" spans="1:20" x14ac:dyDescent="0.2">
      <c r="A1480" s="53">
        <f t="shared" si="331"/>
        <v>1468</v>
      </c>
      <c r="B1480" s="239">
        <v>14.6</v>
      </c>
      <c r="C1480" s="3">
        <f t="shared" si="332"/>
        <v>14.593</v>
      </c>
      <c r="D1480" s="239">
        <v>0.42130000000000001</v>
      </c>
      <c r="E1480" s="239">
        <v>1.0699999999999999E-2</v>
      </c>
      <c r="F1480" s="239">
        <v>0.38100000000000001</v>
      </c>
      <c r="G1480">
        <f t="shared" si="333"/>
        <v>0.4975</v>
      </c>
      <c r="H1480" s="235">
        <f t="shared" si="334"/>
        <v>2.1507537688442211</v>
      </c>
      <c r="I1480" s="236">
        <f t="shared" si="335"/>
        <v>15.750893030706123</v>
      </c>
      <c r="J1480" s="237">
        <f t="shared" si="340"/>
        <v>5.7508930307061235</v>
      </c>
      <c r="K1480" s="237">
        <f t="shared" si="336"/>
        <v>229.85278199709447</v>
      </c>
      <c r="L1480" s="237">
        <f t="shared" si="341"/>
        <v>83.963038248309402</v>
      </c>
      <c r="M1480" s="236">
        <f t="shared" si="337"/>
        <v>3.1876790500526537</v>
      </c>
      <c r="N1480" s="236">
        <f t="shared" si="338"/>
        <v>3.9977998201662013</v>
      </c>
      <c r="O1480" s="236">
        <f t="shared" si="342"/>
        <v>3.4812792096706739</v>
      </c>
      <c r="P1480" s="236" t="str">
        <f t="shared" si="343"/>
        <v>CLAY</v>
      </c>
      <c r="Q1480" s="236">
        <f t="shared" si="339"/>
        <v>22.303934833575465</v>
      </c>
      <c r="R1480" s="238">
        <v>35</v>
      </c>
      <c r="S1480" s="236">
        <f t="shared" si="344"/>
        <v>1.0648372714441199</v>
      </c>
      <c r="T1480" s="236" t="e">
        <f t="shared" si="330"/>
        <v>#N/A</v>
      </c>
    </row>
    <row r="1481" spans="1:20" x14ac:dyDescent="0.2">
      <c r="A1481" s="53">
        <f t="shared" si="331"/>
        <v>1469</v>
      </c>
      <c r="B1481" s="239">
        <v>14.61</v>
      </c>
      <c r="C1481" s="3">
        <f t="shared" si="332"/>
        <v>14.603</v>
      </c>
      <c r="D1481" s="239">
        <v>0.41920000000000002</v>
      </c>
      <c r="E1481" s="239">
        <v>1.0500000000000001E-2</v>
      </c>
      <c r="F1481" s="239">
        <v>0.38190000000000002</v>
      </c>
      <c r="G1481">
        <f t="shared" si="333"/>
        <v>0.49558000000000002</v>
      </c>
      <c r="H1481" s="235">
        <f t="shared" si="334"/>
        <v>2.1187295693934383</v>
      </c>
      <c r="I1481" s="236">
        <f t="shared" si="335"/>
        <v>15.727256556079332</v>
      </c>
      <c r="J1481" s="237">
        <f t="shared" si="340"/>
        <v>5.7272565560793325</v>
      </c>
      <c r="K1481" s="237">
        <f t="shared" si="336"/>
        <v>229.66512748842649</v>
      </c>
      <c r="L1481" s="237">
        <f t="shared" si="341"/>
        <v>83.675218284319044</v>
      </c>
      <c r="M1481" s="236">
        <f t="shared" si="337"/>
        <v>3.1779405893872248</v>
      </c>
      <c r="N1481" s="236">
        <f t="shared" si="338"/>
        <v>3.9486320944846747</v>
      </c>
      <c r="O1481" s="236">
        <f t="shared" si="342"/>
        <v>3.4796030256642605</v>
      </c>
      <c r="P1481" s="236" t="str">
        <f t="shared" si="343"/>
        <v>CLAY</v>
      </c>
      <c r="Q1481" s="236">
        <f t="shared" si="339"/>
        <v>22.159572709297795</v>
      </c>
      <c r="R1481" s="238">
        <v>35</v>
      </c>
      <c r="S1481" s="236">
        <f t="shared" si="344"/>
        <v>1.0607724359265593</v>
      </c>
      <c r="T1481" s="236" t="e">
        <f t="shared" si="330"/>
        <v>#N/A</v>
      </c>
    </row>
    <row r="1482" spans="1:20" x14ac:dyDescent="0.2">
      <c r="A1482" s="53">
        <f t="shared" si="331"/>
        <v>1470</v>
      </c>
      <c r="B1482" s="239">
        <v>14.619</v>
      </c>
      <c r="C1482" s="3">
        <f t="shared" si="332"/>
        <v>14.612</v>
      </c>
      <c r="D1482" s="239">
        <v>0.41949999999999998</v>
      </c>
      <c r="E1482" s="239">
        <v>1.04E-2</v>
      </c>
      <c r="F1482" s="239">
        <v>0.38</v>
      </c>
      <c r="G1482">
        <f t="shared" si="333"/>
        <v>0.49549999999999994</v>
      </c>
      <c r="H1482" s="235">
        <f t="shared" si="334"/>
        <v>2.0988900100908174</v>
      </c>
      <c r="I1482" s="236">
        <f t="shared" si="335"/>
        <v>15.715972363428358</v>
      </c>
      <c r="J1482" s="237">
        <f t="shared" si="340"/>
        <v>5.7159723634283583</v>
      </c>
      <c r="K1482" s="237">
        <f t="shared" si="336"/>
        <v>229.64178817441518</v>
      </c>
      <c r="L1482" s="237">
        <f t="shared" si="341"/>
        <v>83.561799980959165</v>
      </c>
      <c r="M1482" s="236">
        <f t="shared" si="337"/>
        <v>3.1815759340531753</v>
      </c>
      <c r="N1482" s="236">
        <f t="shared" si="338"/>
        <v>3.9118596068880804</v>
      </c>
      <c r="O1482" s="236">
        <f t="shared" si="342"/>
        <v>3.4770597985592429</v>
      </c>
      <c r="P1482" s="236" t="str">
        <f t="shared" si="343"/>
        <v>CLAY</v>
      </c>
      <c r="Q1482" s="236">
        <f t="shared" si="339"/>
        <v>22.154850985465398</v>
      </c>
      <c r="R1482" s="238">
        <v>35</v>
      </c>
      <c r="S1482" s="236">
        <f t="shared" si="344"/>
        <v>1.0622894658097726</v>
      </c>
      <c r="T1482" s="236" t="e">
        <f t="shared" si="330"/>
        <v>#N/A</v>
      </c>
    </row>
    <row r="1483" spans="1:20" x14ac:dyDescent="0.2">
      <c r="A1483" s="53">
        <f t="shared" si="331"/>
        <v>1471</v>
      </c>
      <c r="B1483" s="239">
        <v>14.63</v>
      </c>
      <c r="C1483" s="3">
        <f t="shared" si="332"/>
        <v>14.623000000000001</v>
      </c>
      <c r="D1483" s="239">
        <v>0.41930000000000001</v>
      </c>
      <c r="E1483" s="239">
        <v>1.04E-2</v>
      </c>
      <c r="F1483" s="239">
        <v>0.37809999999999999</v>
      </c>
      <c r="G1483">
        <f t="shared" si="333"/>
        <v>0.49491999999999997</v>
      </c>
      <c r="H1483" s="235">
        <f t="shared" si="334"/>
        <v>2.101349713084943</v>
      </c>
      <c r="I1483" s="236">
        <f t="shared" si="335"/>
        <v>15.715514574317741</v>
      </c>
      <c r="J1483" s="237">
        <f t="shared" si="340"/>
        <v>5.7155145743177407</v>
      </c>
      <c r="K1483" s="237">
        <f t="shared" si="336"/>
        <v>229.80796962024834</v>
      </c>
      <c r="L1483" s="237">
        <f t="shared" si="341"/>
        <v>83.617978222268547</v>
      </c>
      <c r="M1483" s="236">
        <f t="shared" si="337"/>
        <v>3.1705147148505062</v>
      </c>
      <c r="N1483" s="236">
        <f t="shared" si="338"/>
        <v>3.9228698845174388</v>
      </c>
      <c r="O1483" s="236">
        <f t="shared" si="342"/>
        <v>3.478986855770263</v>
      </c>
      <c r="P1483" s="236" t="str">
        <f t="shared" si="343"/>
        <v>CLAY</v>
      </c>
      <c r="Q1483" s="236">
        <f t="shared" si="339"/>
        <v>22.092669198312635</v>
      </c>
      <c r="R1483" s="238">
        <v>35</v>
      </c>
      <c r="S1483" s="236">
        <f t="shared" si="344"/>
        <v>1.0576749657885263</v>
      </c>
      <c r="T1483" s="236" t="e">
        <f t="shared" si="330"/>
        <v>#N/A</v>
      </c>
    </row>
    <row r="1484" spans="1:20" x14ac:dyDescent="0.2">
      <c r="A1484" s="53">
        <f t="shared" si="331"/>
        <v>1472</v>
      </c>
      <c r="B1484" s="239">
        <v>14.64</v>
      </c>
      <c r="C1484" s="3">
        <f t="shared" si="332"/>
        <v>14.633000000000001</v>
      </c>
      <c r="D1484" s="239">
        <v>0.42199999999999999</v>
      </c>
      <c r="E1484" s="239">
        <v>1.03E-2</v>
      </c>
      <c r="F1484" s="239">
        <v>0.379</v>
      </c>
      <c r="G1484">
        <f t="shared" si="333"/>
        <v>0.49779999999999996</v>
      </c>
      <c r="H1484" s="235">
        <f t="shared" si="334"/>
        <v>2.0691040578545601</v>
      </c>
      <c r="I1484" s="236">
        <f t="shared" si="335"/>
        <v>15.70645296413177</v>
      </c>
      <c r="J1484" s="237">
        <f t="shared" si="340"/>
        <v>5.7064529641317705</v>
      </c>
      <c r="K1484" s="237">
        <f t="shared" si="336"/>
        <v>229.83252622414022</v>
      </c>
      <c r="L1484" s="237">
        <f t="shared" si="341"/>
        <v>83.54247139488912</v>
      </c>
      <c r="M1484" s="236">
        <f t="shared" si="337"/>
        <v>3.2075598112154147</v>
      </c>
      <c r="N1484" s="236">
        <f t="shared" si="338"/>
        <v>3.8437500846148933</v>
      </c>
      <c r="O1484" s="236">
        <f t="shared" si="342"/>
        <v>3.4700722122442431</v>
      </c>
      <c r="P1484" s="236" t="str">
        <f t="shared" si="343"/>
        <v>CLAY</v>
      </c>
      <c r="Q1484" s="236">
        <f t="shared" si="339"/>
        <v>22.330622814654976</v>
      </c>
      <c r="R1484" s="238">
        <v>35</v>
      </c>
      <c r="S1484" s="236">
        <f t="shared" si="344"/>
        <v>1.0731451395290839</v>
      </c>
      <c r="T1484" s="236" t="e">
        <f t="shared" si="330"/>
        <v>#N/A</v>
      </c>
    </row>
    <row r="1485" spans="1:20" x14ac:dyDescent="0.2">
      <c r="A1485" s="53">
        <f t="shared" si="331"/>
        <v>1473</v>
      </c>
      <c r="B1485" s="239">
        <v>14.65</v>
      </c>
      <c r="C1485" s="3">
        <f t="shared" si="332"/>
        <v>14.643000000000001</v>
      </c>
      <c r="D1485" s="239">
        <v>0.42230000000000001</v>
      </c>
      <c r="E1485" s="239">
        <v>1.03E-2</v>
      </c>
      <c r="F1485" s="239">
        <v>0.38619999999999999</v>
      </c>
      <c r="G1485">
        <f t="shared" si="333"/>
        <v>0.49953999999999998</v>
      </c>
      <c r="H1485" s="235">
        <f t="shared" si="334"/>
        <v>2.0618969451895746</v>
      </c>
      <c r="I1485" s="236">
        <f t="shared" si="335"/>
        <v>15.707816803642247</v>
      </c>
      <c r="J1485" s="237">
        <f t="shared" si="340"/>
        <v>5.7078168036422472</v>
      </c>
      <c r="K1485" s="237">
        <f t="shared" si="336"/>
        <v>230.00956145573343</v>
      </c>
      <c r="L1485" s="237">
        <f t="shared" si="341"/>
        <v>83.619516173358917</v>
      </c>
      <c r="M1485" s="236">
        <f t="shared" si="337"/>
        <v>3.223295839041683</v>
      </c>
      <c r="N1485" s="236">
        <f t="shared" si="338"/>
        <v>3.8214607803223575</v>
      </c>
      <c r="O1485" s="236">
        <f t="shared" si="342"/>
        <v>3.4669434278841162</v>
      </c>
      <c r="P1485" s="236" t="str">
        <f t="shared" si="343"/>
        <v>CLAY</v>
      </c>
      <c r="Q1485" s="236">
        <f t="shared" si="339"/>
        <v>22.460869878688879</v>
      </c>
      <c r="R1485" s="238">
        <v>35</v>
      </c>
      <c r="S1485" s="236">
        <f t="shared" si="344"/>
        <v>1.0797301238725709</v>
      </c>
      <c r="T1485" s="236" t="e">
        <f t="shared" ref="T1485:T1548" si="345">IF(P1485="SAND",17.6+(11*LOG(M1485)),#N/A)</f>
        <v>#N/A</v>
      </c>
    </row>
    <row r="1486" spans="1:20" x14ac:dyDescent="0.2">
      <c r="A1486" s="53">
        <f t="shared" ref="A1486:A1549" si="346">$A1485+1</f>
        <v>1474</v>
      </c>
      <c r="B1486" s="239">
        <v>14.66</v>
      </c>
      <c r="C1486" s="3">
        <f t="shared" ref="C1486:C1549" si="347">MAX($B1486 - $B$13, 0.001)</f>
        <v>14.653</v>
      </c>
      <c r="D1486" s="239">
        <v>0.42149999999999999</v>
      </c>
      <c r="E1486" s="239">
        <v>1.03E-2</v>
      </c>
      <c r="F1486" s="239">
        <v>0.38479999999999998</v>
      </c>
      <c r="G1486">
        <f t="shared" si="333"/>
        <v>0.49845999999999996</v>
      </c>
      <c r="H1486" s="235">
        <f t="shared" si="334"/>
        <v>2.0663644023592669</v>
      </c>
      <c r="I1486" s="236">
        <f t="shared" si="335"/>
        <v>15.706970842918411</v>
      </c>
      <c r="J1486" s="237">
        <f t="shared" si="340"/>
        <v>5.7069708429184107</v>
      </c>
      <c r="K1486" s="237">
        <f t="shared" si="336"/>
        <v>230.15424376128348</v>
      </c>
      <c r="L1486" s="237">
        <f t="shared" si="341"/>
        <v>83.664192557183895</v>
      </c>
      <c r="M1486" s="236">
        <f t="shared" si="337"/>
        <v>3.2069365404480705</v>
      </c>
      <c r="N1486" s="236">
        <f t="shared" si="338"/>
        <v>3.8389038477564017</v>
      </c>
      <c r="O1486" s="236">
        <f t="shared" si="342"/>
        <v>3.469859372249775</v>
      </c>
      <c r="P1486" s="236" t="str">
        <f t="shared" si="343"/>
        <v>CLAY</v>
      </c>
      <c r="Q1486" s="236">
        <f t="shared" si="339"/>
        <v>22.358813019893045</v>
      </c>
      <c r="R1486" s="238">
        <v>35</v>
      </c>
      <c r="S1486" s="236">
        <f t="shared" si="344"/>
        <v>1.0728844882134683</v>
      </c>
      <c r="T1486" s="236" t="e">
        <f t="shared" si="345"/>
        <v>#N/A</v>
      </c>
    </row>
    <row r="1487" spans="1:20" x14ac:dyDescent="0.2">
      <c r="A1487" s="53">
        <f t="shared" si="346"/>
        <v>1475</v>
      </c>
      <c r="B1487" s="239">
        <v>14.670999999999999</v>
      </c>
      <c r="C1487" s="3">
        <f t="shared" si="347"/>
        <v>14.664</v>
      </c>
      <c r="D1487" s="239">
        <v>0.42420000000000002</v>
      </c>
      <c r="E1487" s="239">
        <v>1.03E-2</v>
      </c>
      <c r="F1487" s="239">
        <v>0.3805</v>
      </c>
      <c r="G1487">
        <f t="shared" ref="G1487:G1550" si="348">$D1487+($F1487*(1-$P$8))</f>
        <v>0.50029999999999997</v>
      </c>
      <c r="H1487" s="235">
        <f t="shared" ref="H1487:H1550" si="349">($E1487/$G1487)*100</f>
        <v>2.0587647411553069</v>
      </c>
      <c r="I1487" s="236">
        <f t="shared" ref="I1487:I1550" si="350">((0.27*(LOG($H1487)))+(0.36*(LOG(($G1487*1000)/101)))+1.236)*10</f>
        <v>15.70841101368152</v>
      </c>
      <c r="J1487" s="237">
        <f t="shared" si="340"/>
        <v>5.7084110136815198</v>
      </c>
      <c r="K1487" s="237">
        <f t="shared" ref="K1487:K1550" si="351">$I1487*$C1487</f>
        <v>230.3481391046258</v>
      </c>
      <c r="L1487" s="237">
        <f t="shared" si="341"/>
        <v>83.748097981721571</v>
      </c>
      <c r="M1487" s="236">
        <f t="shared" ref="M1487:M1550" si="352">(($G1487*1000)-$K1487)/$L1487</f>
        <v>3.2233790068198616</v>
      </c>
      <c r="N1487" s="236">
        <f t="shared" ref="N1487:N1550" si="353">(($E1487*1000)/(($G1487*1000)-$K1487))*100</f>
        <v>3.8154950908050962</v>
      </c>
      <c r="O1487" s="236">
        <f t="shared" si="342"/>
        <v>3.4665811925693992</v>
      </c>
      <c r="P1487" s="236" t="str">
        <f t="shared" si="343"/>
        <v>CLAY</v>
      </c>
      <c r="Q1487" s="236">
        <f t="shared" ref="Q1487:Q1550" si="354">IF(P1487="CLAY",($G1487*1000 -$K1487)/$L$8,#N/A)</f>
        <v>22.495988407947845</v>
      </c>
      <c r="R1487" s="238">
        <v>35</v>
      </c>
      <c r="S1487" s="236">
        <f t="shared" si="344"/>
        <v>1.0797649481058793</v>
      </c>
      <c r="T1487" s="236" t="e">
        <f t="shared" si="345"/>
        <v>#N/A</v>
      </c>
    </row>
    <row r="1488" spans="1:20" x14ac:dyDescent="0.2">
      <c r="A1488" s="53">
        <f t="shared" si="346"/>
        <v>1476</v>
      </c>
      <c r="B1488" s="239">
        <v>14.68</v>
      </c>
      <c r="C1488" s="3">
        <f t="shared" si="347"/>
        <v>14.673</v>
      </c>
      <c r="D1488" s="239">
        <v>0.42220000000000002</v>
      </c>
      <c r="E1488" s="239">
        <v>1.0200000000000001E-2</v>
      </c>
      <c r="F1488" s="239">
        <v>0.38030000000000003</v>
      </c>
      <c r="G1488">
        <f t="shared" si="348"/>
        <v>0.49826000000000004</v>
      </c>
      <c r="H1488" s="235">
        <f t="shared" si="349"/>
        <v>2.0471239914903867</v>
      </c>
      <c r="I1488" s="236">
        <f t="shared" si="350"/>
        <v>15.695373939453541</v>
      </c>
      <c r="J1488" s="237">
        <f t="shared" ref="J1488:J1551" si="355">$I1488-10</f>
        <v>5.6953739394535408</v>
      </c>
      <c r="K1488" s="237">
        <f t="shared" si="351"/>
        <v>230.2982218136018</v>
      </c>
      <c r="L1488" s="237">
        <f t="shared" ref="L1488:L1551" si="356">$J1488*$B1488</f>
        <v>83.608089431177973</v>
      </c>
      <c r="M1488" s="236">
        <f t="shared" si="352"/>
        <v>3.2049743034371221</v>
      </c>
      <c r="N1488" s="236">
        <f t="shared" si="353"/>
        <v>3.8065130292219242</v>
      </c>
      <c r="O1488" s="236">
        <f t="shared" ref="O1488:O1551" si="357">((3.47-LOG($M1488))^2+(LOG($N1488)+1.22)^2)^0.5</f>
        <v>3.468174551556245</v>
      </c>
      <c r="P1488" s="236" t="str">
        <f t="shared" ref="P1488:P1551" si="358">IF(O1488&lt;2.6,"SAND","CLAY")</f>
        <v>CLAY</v>
      </c>
      <c r="Q1488" s="236">
        <f t="shared" si="354"/>
        <v>22.330148182199853</v>
      </c>
      <c r="R1488" s="238">
        <v>35</v>
      </c>
      <c r="S1488" s="236">
        <f t="shared" ref="S1488:S1551" si="359">IF(P1488="SAND",#N/A,0.25*($M1488)^1.25)</f>
        <v>1.0720639650359574</v>
      </c>
      <c r="T1488" s="236" t="e">
        <f t="shared" si="345"/>
        <v>#N/A</v>
      </c>
    </row>
    <row r="1489" spans="1:20" x14ac:dyDescent="0.2">
      <c r="A1489" s="53">
        <f t="shared" si="346"/>
        <v>1477</v>
      </c>
      <c r="B1489" s="239">
        <v>14.691000000000001</v>
      </c>
      <c r="C1489" s="3">
        <f t="shared" si="347"/>
        <v>14.684000000000001</v>
      </c>
      <c r="D1489" s="239">
        <v>0.41949999999999998</v>
      </c>
      <c r="E1489" s="239">
        <v>1.04E-2</v>
      </c>
      <c r="F1489" s="239">
        <v>0.38450000000000001</v>
      </c>
      <c r="G1489">
        <f t="shared" si="348"/>
        <v>0.49639999999999995</v>
      </c>
      <c r="H1489" s="235">
        <f t="shared" si="349"/>
        <v>2.0950846091861401</v>
      </c>
      <c r="I1489" s="236">
        <f t="shared" si="350"/>
        <v>15.716681666033217</v>
      </c>
      <c r="J1489" s="237">
        <f t="shared" si="355"/>
        <v>5.7166816660332174</v>
      </c>
      <c r="K1489" s="237">
        <f t="shared" si="351"/>
        <v>230.78375358403179</v>
      </c>
      <c r="L1489" s="237">
        <f t="shared" si="356"/>
        <v>83.983770355694006</v>
      </c>
      <c r="M1489" s="236">
        <f t="shared" si="352"/>
        <v>3.1627092388328299</v>
      </c>
      <c r="N1489" s="236">
        <f t="shared" si="353"/>
        <v>3.915423149122093</v>
      </c>
      <c r="O1489" s="236">
        <f t="shared" si="357"/>
        <v>3.4794704462678951</v>
      </c>
      <c r="P1489" s="236" t="str">
        <f t="shared" si="358"/>
        <v>CLAY</v>
      </c>
      <c r="Q1489" s="236">
        <f t="shared" si="354"/>
        <v>22.134687201330681</v>
      </c>
      <c r="R1489" s="238">
        <v>35</v>
      </c>
      <c r="S1489" s="236">
        <f t="shared" si="359"/>
        <v>1.0544211114516215</v>
      </c>
      <c r="T1489" s="236" t="e">
        <f t="shared" si="345"/>
        <v>#N/A</v>
      </c>
    </row>
    <row r="1490" spans="1:20" x14ac:dyDescent="0.2">
      <c r="A1490" s="53">
        <f t="shared" si="346"/>
        <v>1478</v>
      </c>
      <c r="B1490" s="239">
        <v>14.7</v>
      </c>
      <c r="C1490" s="3">
        <f t="shared" si="347"/>
        <v>14.693</v>
      </c>
      <c r="D1490" s="239">
        <v>0.41949999999999998</v>
      </c>
      <c r="E1490" s="239">
        <v>1.0500000000000001E-2</v>
      </c>
      <c r="F1490" s="239">
        <v>0.39</v>
      </c>
      <c r="G1490">
        <f t="shared" si="348"/>
        <v>0.49749999999999994</v>
      </c>
      <c r="H1490" s="235">
        <f t="shared" si="349"/>
        <v>2.1105527638190957</v>
      </c>
      <c r="I1490" s="236">
        <f t="shared" si="350"/>
        <v>15.728767938444889</v>
      </c>
      <c r="J1490" s="237">
        <f t="shared" si="355"/>
        <v>5.7287679384448893</v>
      </c>
      <c r="K1490" s="237">
        <f t="shared" si="351"/>
        <v>231.10278731957075</v>
      </c>
      <c r="L1490" s="237">
        <f t="shared" si="356"/>
        <v>84.212888695139867</v>
      </c>
      <c r="M1490" s="236">
        <f t="shared" si="352"/>
        <v>3.1633781575266595</v>
      </c>
      <c r="N1490" s="236">
        <f t="shared" si="353"/>
        <v>3.9414826808251284</v>
      </c>
      <c r="O1490" s="236">
        <f t="shared" si="357"/>
        <v>3.4808938916741039</v>
      </c>
      <c r="P1490" s="236" t="str">
        <f t="shared" si="358"/>
        <v>CLAY</v>
      </c>
      <c r="Q1490" s="236">
        <f t="shared" si="354"/>
        <v>22.199767723369103</v>
      </c>
      <c r="R1490" s="238">
        <v>35</v>
      </c>
      <c r="S1490" s="236">
        <f t="shared" si="359"/>
        <v>1.0546998837736552</v>
      </c>
      <c r="T1490" s="236" t="e">
        <f t="shared" si="345"/>
        <v>#N/A</v>
      </c>
    </row>
    <row r="1491" spans="1:20" x14ac:dyDescent="0.2">
      <c r="A1491" s="53">
        <f t="shared" si="346"/>
        <v>1479</v>
      </c>
      <c r="B1491" s="239">
        <v>14.71</v>
      </c>
      <c r="C1491" s="3">
        <f t="shared" si="347"/>
        <v>14.703000000000001</v>
      </c>
      <c r="D1491" s="239">
        <v>0.41880000000000001</v>
      </c>
      <c r="E1491" s="239">
        <v>1.0500000000000001E-2</v>
      </c>
      <c r="F1491" s="239">
        <v>0.39</v>
      </c>
      <c r="G1491">
        <f t="shared" si="348"/>
        <v>0.49680000000000002</v>
      </c>
      <c r="H1491" s="235">
        <f t="shared" si="349"/>
        <v>2.1135265700483092</v>
      </c>
      <c r="I1491" s="236">
        <f t="shared" si="350"/>
        <v>15.728217590322991</v>
      </c>
      <c r="J1491" s="237">
        <f t="shared" si="355"/>
        <v>5.7282175903229913</v>
      </c>
      <c r="K1491" s="237">
        <f t="shared" si="351"/>
        <v>231.25198323051896</v>
      </c>
      <c r="L1491" s="237">
        <f t="shared" si="356"/>
        <v>84.262080753651205</v>
      </c>
      <c r="M1491" s="236">
        <f t="shared" si="352"/>
        <v>3.1514533511917153</v>
      </c>
      <c r="N1491" s="236">
        <f t="shared" si="353"/>
        <v>3.9540871469263958</v>
      </c>
      <c r="O1491" s="236">
        <f t="shared" si="357"/>
        <v>3.4830165947737637</v>
      </c>
      <c r="P1491" s="236" t="str">
        <f t="shared" si="358"/>
        <v>CLAY</v>
      </c>
      <c r="Q1491" s="236">
        <f t="shared" si="354"/>
        <v>22.129001397456751</v>
      </c>
      <c r="R1491" s="238">
        <v>35</v>
      </c>
      <c r="S1491" s="236">
        <f t="shared" si="359"/>
        <v>1.0497324252365041</v>
      </c>
      <c r="T1491" s="236" t="e">
        <f t="shared" si="345"/>
        <v>#N/A</v>
      </c>
    </row>
    <row r="1492" spans="1:20" x14ac:dyDescent="0.2">
      <c r="A1492" s="53">
        <f t="shared" si="346"/>
        <v>1480</v>
      </c>
      <c r="B1492" s="239">
        <v>14.72</v>
      </c>
      <c r="C1492" s="3">
        <f t="shared" si="347"/>
        <v>14.713000000000001</v>
      </c>
      <c r="D1492" s="239">
        <v>0.42130000000000001</v>
      </c>
      <c r="E1492" s="239">
        <v>1.04E-2</v>
      </c>
      <c r="F1492" s="239">
        <v>0.39050000000000001</v>
      </c>
      <c r="G1492">
        <f t="shared" si="348"/>
        <v>0.49940000000000001</v>
      </c>
      <c r="H1492" s="235">
        <f t="shared" si="349"/>
        <v>2.0824989987985583</v>
      </c>
      <c r="I1492" s="236">
        <f t="shared" si="350"/>
        <v>15.719036754702991</v>
      </c>
      <c r="J1492" s="237">
        <f t="shared" si="355"/>
        <v>5.7190367547029908</v>
      </c>
      <c r="K1492" s="237">
        <f t="shared" si="351"/>
        <v>231.27418777194512</v>
      </c>
      <c r="L1492" s="237">
        <f t="shared" si="356"/>
        <v>84.184221029228027</v>
      </c>
      <c r="M1492" s="236">
        <f t="shared" si="352"/>
        <v>3.1849889320109517</v>
      </c>
      <c r="N1492" s="236">
        <f t="shared" si="353"/>
        <v>3.8787761288548603</v>
      </c>
      <c r="O1492" s="236">
        <f t="shared" si="357"/>
        <v>3.4747410175499573</v>
      </c>
      <c r="P1492" s="236" t="str">
        <f t="shared" si="358"/>
        <v>CLAY</v>
      </c>
      <c r="Q1492" s="236">
        <f t="shared" si="354"/>
        <v>22.34381768567124</v>
      </c>
      <c r="R1492" s="238">
        <v>35</v>
      </c>
      <c r="S1492" s="236">
        <f t="shared" si="359"/>
        <v>1.0637141048432477</v>
      </c>
      <c r="T1492" s="236" t="e">
        <f t="shared" si="345"/>
        <v>#N/A</v>
      </c>
    </row>
    <row r="1493" spans="1:20" x14ac:dyDescent="0.2">
      <c r="A1493" s="53">
        <f t="shared" si="346"/>
        <v>1481</v>
      </c>
      <c r="B1493" s="239">
        <v>14.73</v>
      </c>
      <c r="C1493" s="3">
        <f t="shared" si="347"/>
        <v>14.723000000000001</v>
      </c>
      <c r="D1493" s="239">
        <v>0.42259999999999998</v>
      </c>
      <c r="E1493" s="239">
        <v>1.0500000000000001E-2</v>
      </c>
      <c r="F1493" s="239">
        <v>0.39090000000000003</v>
      </c>
      <c r="G1493">
        <f t="shared" si="348"/>
        <v>0.50078</v>
      </c>
      <c r="H1493" s="235">
        <f t="shared" si="349"/>
        <v>2.0967291025999439</v>
      </c>
      <c r="I1493" s="236">
        <f t="shared" si="350"/>
        <v>15.731336440115806</v>
      </c>
      <c r="J1493" s="237">
        <f t="shared" si="355"/>
        <v>5.7313364401158058</v>
      </c>
      <c r="K1493" s="237">
        <f t="shared" si="351"/>
        <v>231.61246640782502</v>
      </c>
      <c r="L1493" s="237">
        <f t="shared" si="356"/>
        <v>84.422585762905825</v>
      </c>
      <c r="M1493" s="236">
        <f t="shared" si="352"/>
        <v>3.1883355758388023</v>
      </c>
      <c r="N1493" s="236">
        <f t="shared" si="353"/>
        <v>3.900916228592751</v>
      </c>
      <c r="O1493" s="236">
        <f t="shared" si="357"/>
        <v>3.4756390683063825</v>
      </c>
      <c r="P1493" s="236" t="str">
        <f t="shared" si="358"/>
        <v>CLAY</v>
      </c>
      <c r="Q1493" s="236">
        <f t="shared" si="354"/>
        <v>22.430627799347917</v>
      </c>
      <c r="R1493" s="238">
        <v>35</v>
      </c>
      <c r="S1493" s="236">
        <f t="shared" si="359"/>
        <v>1.0651114172696439</v>
      </c>
      <c r="T1493" s="236" t="e">
        <f t="shared" si="345"/>
        <v>#N/A</v>
      </c>
    </row>
    <row r="1494" spans="1:20" x14ac:dyDescent="0.2">
      <c r="A1494" s="53">
        <f t="shared" si="346"/>
        <v>1482</v>
      </c>
      <c r="B1494" s="239">
        <v>14.741</v>
      </c>
      <c r="C1494" s="3">
        <f t="shared" si="347"/>
        <v>14.734</v>
      </c>
      <c r="D1494" s="239">
        <v>0.41920000000000002</v>
      </c>
      <c r="E1494" s="239">
        <v>1.06E-2</v>
      </c>
      <c r="F1494" s="239">
        <v>0.39579999999999999</v>
      </c>
      <c r="G1494">
        <f t="shared" si="348"/>
        <v>0.49836000000000003</v>
      </c>
      <c r="H1494" s="235">
        <f t="shared" si="349"/>
        <v>2.1269764828637934</v>
      </c>
      <c r="I1494" s="236">
        <f t="shared" si="350"/>
        <v>15.74055775003912</v>
      </c>
      <c r="J1494" s="237">
        <f t="shared" si="355"/>
        <v>5.7405577500391196</v>
      </c>
      <c r="K1494" s="237">
        <f t="shared" si="351"/>
        <v>231.92137788907638</v>
      </c>
      <c r="L1494" s="237">
        <f t="shared" si="356"/>
        <v>84.621561793326663</v>
      </c>
      <c r="M1494" s="236">
        <f t="shared" si="352"/>
        <v>3.1485902229227731</v>
      </c>
      <c r="N1494" s="236">
        <f t="shared" si="353"/>
        <v>3.9784021986073066</v>
      </c>
      <c r="O1494" s="236">
        <f t="shared" si="357"/>
        <v>3.4847429410228683</v>
      </c>
      <c r="P1494" s="236" t="str">
        <f t="shared" si="358"/>
        <v>CLAY</v>
      </c>
      <c r="Q1494" s="236">
        <f t="shared" si="354"/>
        <v>22.203218509243637</v>
      </c>
      <c r="R1494" s="238">
        <v>35</v>
      </c>
      <c r="S1494" s="236">
        <f t="shared" si="359"/>
        <v>1.0485404445648308</v>
      </c>
      <c r="T1494" s="236" t="e">
        <f t="shared" si="345"/>
        <v>#N/A</v>
      </c>
    </row>
    <row r="1495" spans="1:20" x14ac:dyDescent="0.2">
      <c r="A1495" s="53">
        <f t="shared" si="346"/>
        <v>1483</v>
      </c>
      <c r="B1495" s="239">
        <v>14.75</v>
      </c>
      <c r="C1495" s="3">
        <f t="shared" si="347"/>
        <v>14.743</v>
      </c>
      <c r="D1495" s="239">
        <v>0.41589999999999999</v>
      </c>
      <c r="E1495" s="239">
        <v>1.0800000000000001E-2</v>
      </c>
      <c r="F1495" s="239">
        <v>0.39910000000000001</v>
      </c>
      <c r="G1495">
        <f t="shared" si="348"/>
        <v>0.49571999999999999</v>
      </c>
      <c r="H1495" s="235">
        <f t="shared" si="349"/>
        <v>2.1786492374727668</v>
      </c>
      <c r="I1495" s="236">
        <f t="shared" si="350"/>
        <v>15.760399991119041</v>
      </c>
      <c r="J1495" s="237">
        <f t="shared" si="355"/>
        <v>5.7603999911190407</v>
      </c>
      <c r="K1495" s="237">
        <f t="shared" si="351"/>
        <v>232.35557706906803</v>
      </c>
      <c r="L1495" s="237">
        <f t="shared" si="356"/>
        <v>84.965899869005852</v>
      </c>
      <c r="M1495" s="236">
        <f t="shared" si="352"/>
        <v>3.0996484864747829</v>
      </c>
      <c r="N1495" s="236">
        <f t="shared" si="353"/>
        <v>4.1007816772701799</v>
      </c>
      <c r="O1495" s="236">
        <f t="shared" si="357"/>
        <v>3.4974247234947105</v>
      </c>
      <c r="P1495" s="236" t="str">
        <f t="shared" si="358"/>
        <v>CLAY</v>
      </c>
      <c r="Q1495" s="236">
        <f t="shared" si="354"/>
        <v>21.947035244244329</v>
      </c>
      <c r="R1495" s="238">
        <v>35</v>
      </c>
      <c r="S1495" s="236">
        <f t="shared" si="359"/>
        <v>1.0282070228802596</v>
      </c>
      <c r="T1495" s="236" t="e">
        <f t="shared" si="345"/>
        <v>#N/A</v>
      </c>
    </row>
    <row r="1496" spans="1:20" x14ac:dyDescent="0.2">
      <c r="A1496" s="53">
        <f t="shared" si="346"/>
        <v>1484</v>
      </c>
      <c r="B1496" s="239">
        <v>14.76</v>
      </c>
      <c r="C1496" s="3">
        <f t="shared" si="347"/>
        <v>14.753</v>
      </c>
      <c r="D1496" s="239">
        <v>0.41289999999999999</v>
      </c>
      <c r="E1496" s="239">
        <v>1.0999999999999999E-2</v>
      </c>
      <c r="F1496" s="239">
        <v>0.4012</v>
      </c>
      <c r="G1496">
        <f t="shared" si="348"/>
        <v>0.49313999999999997</v>
      </c>
      <c r="H1496" s="235">
        <f t="shared" si="349"/>
        <v>2.2306038853064041</v>
      </c>
      <c r="I1496" s="236">
        <f t="shared" si="350"/>
        <v>15.779876512057701</v>
      </c>
      <c r="J1496" s="237">
        <f t="shared" si="355"/>
        <v>5.7798765120577009</v>
      </c>
      <c r="K1496" s="237">
        <f t="shared" si="351"/>
        <v>232.80051818238726</v>
      </c>
      <c r="L1496" s="237">
        <f t="shared" si="356"/>
        <v>85.310977317971663</v>
      </c>
      <c r="M1496" s="236">
        <f t="shared" si="352"/>
        <v>3.0516527884480054</v>
      </c>
      <c r="N1496" s="236">
        <f t="shared" si="353"/>
        <v>4.2252523217766571</v>
      </c>
      <c r="O1496" s="236">
        <f t="shared" si="357"/>
        <v>3.5100103359748633</v>
      </c>
      <c r="P1496" s="236" t="str">
        <f t="shared" si="358"/>
        <v>CLAY</v>
      </c>
      <c r="Q1496" s="236">
        <f t="shared" si="354"/>
        <v>21.694956818134397</v>
      </c>
      <c r="R1496" s="238">
        <v>35</v>
      </c>
      <c r="S1496" s="236">
        <f t="shared" si="359"/>
        <v>1.008344438358342</v>
      </c>
      <c r="T1496" s="236" t="e">
        <f t="shared" si="345"/>
        <v>#N/A</v>
      </c>
    </row>
    <row r="1497" spans="1:20" x14ac:dyDescent="0.2">
      <c r="A1497" s="53">
        <f t="shared" si="346"/>
        <v>1485</v>
      </c>
      <c r="B1497" s="239">
        <v>14.771000000000001</v>
      </c>
      <c r="C1497" s="3">
        <f t="shared" si="347"/>
        <v>14.764000000000001</v>
      </c>
      <c r="D1497" s="239">
        <v>0.40949999999999998</v>
      </c>
      <c r="E1497" s="239">
        <v>1.0999999999999999E-2</v>
      </c>
      <c r="F1497" s="239">
        <v>0.40550000000000003</v>
      </c>
      <c r="G1497">
        <f t="shared" si="348"/>
        <v>0.49059999999999998</v>
      </c>
      <c r="H1497" s="235">
        <f t="shared" si="349"/>
        <v>2.2421524663677128</v>
      </c>
      <c r="I1497" s="236">
        <f t="shared" si="350"/>
        <v>15.777858093793025</v>
      </c>
      <c r="J1497" s="237">
        <f t="shared" si="355"/>
        <v>5.7778580937930251</v>
      </c>
      <c r="K1497" s="237">
        <f t="shared" si="351"/>
        <v>232.94429689676025</v>
      </c>
      <c r="L1497" s="237">
        <f t="shared" si="356"/>
        <v>85.344741903416775</v>
      </c>
      <c r="M1497" s="236">
        <f t="shared" si="352"/>
        <v>3.0189991481235525</v>
      </c>
      <c r="N1497" s="236">
        <f t="shared" si="353"/>
        <v>4.2692631552550671</v>
      </c>
      <c r="O1497" s="236">
        <f t="shared" si="357"/>
        <v>3.5163511320648624</v>
      </c>
      <c r="P1497" s="236" t="str">
        <f t="shared" si="358"/>
        <v>CLAY</v>
      </c>
      <c r="Q1497" s="236">
        <f t="shared" si="354"/>
        <v>21.471308591936644</v>
      </c>
      <c r="R1497" s="238">
        <v>35</v>
      </c>
      <c r="S1497" s="236">
        <f t="shared" si="359"/>
        <v>0.99487552472447305</v>
      </c>
      <c r="T1497" s="236" t="e">
        <f t="shared" si="345"/>
        <v>#N/A</v>
      </c>
    </row>
    <row r="1498" spans="1:20" x14ac:dyDescent="0.2">
      <c r="A1498" s="53">
        <f t="shared" si="346"/>
        <v>1486</v>
      </c>
      <c r="B1498" s="239">
        <v>14.78</v>
      </c>
      <c r="C1498" s="3">
        <f t="shared" si="347"/>
        <v>14.773</v>
      </c>
      <c r="D1498" s="239">
        <v>0.40720000000000001</v>
      </c>
      <c r="E1498" s="239">
        <v>1.11E-2</v>
      </c>
      <c r="F1498" s="239">
        <v>0.40839999999999999</v>
      </c>
      <c r="G1498">
        <f t="shared" si="348"/>
        <v>0.48887999999999998</v>
      </c>
      <c r="H1498" s="235">
        <f t="shared" si="349"/>
        <v>2.2704958271968585</v>
      </c>
      <c r="I1498" s="236">
        <f t="shared" si="350"/>
        <v>15.787097140747054</v>
      </c>
      <c r="J1498" s="237">
        <f t="shared" si="355"/>
        <v>5.7870971407470542</v>
      </c>
      <c r="K1498" s="237">
        <f t="shared" si="351"/>
        <v>233.22278606025623</v>
      </c>
      <c r="L1498" s="237">
        <f t="shared" si="356"/>
        <v>85.533295740241456</v>
      </c>
      <c r="M1498" s="236">
        <f t="shared" si="352"/>
        <v>2.9889788733986888</v>
      </c>
      <c r="N1498" s="236">
        <f t="shared" si="353"/>
        <v>4.3417511397179567</v>
      </c>
      <c r="O1498" s="236">
        <f t="shared" si="357"/>
        <v>3.5238916570148531</v>
      </c>
      <c r="P1498" s="236" t="str">
        <f t="shared" si="358"/>
        <v>CLAY</v>
      </c>
      <c r="Q1498" s="236">
        <f t="shared" si="354"/>
        <v>21.304767828311981</v>
      </c>
      <c r="R1498" s="238">
        <v>35</v>
      </c>
      <c r="S1498" s="236">
        <f t="shared" si="359"/>
        <v>0.98252489988059011</v>
      </c>
      <c r="T1498" s="236" t="e">
        <f t="shared" si="345"/>
        <v>#N/A</v>
      </c>
    </row>
    <row r="1499" spans="1:20" x14ac:dyDescent="0.2">
      <c r="A1499" s="53">
        <f t="shared" si="346"/>
        <v>1487</v>
      </c>
      <c r="B1499" s="239">
        <v>14.79</v>
      </c>
      <c r="C1499" s="3">
        <f t="shared" si="347"/>
        <v>14.782999999999999</v>
      </c>
      <c r="D1499" s="239">
        <v>0.40870000000000001</v>
      </c>
      <c r="E1499" s="239">
        <v>1.11E-2</v>
      </c>
      <c r="F1499" s="239">
        <v>0.40870000000000001</v>
      </c>
      <c r="G1499">
        <f t="shared" si="348"/>
        <v>0.49043999999999999</v>
      </c>
      <c r="H1499" s="235">
        <f t="shared" si="349"/>
        <v>2.2632737949596282</v>
      </c>
      <c r="I1499" s="236">
        <f t="shared" si="350"/>
        <v>15.788342392489758</v>
      </c>
      <c r="J1499" s="237">
        <f t="shared" si="355"/>
        <v>5.7883423924897581</v>
      </c>
      <c r="K1499" s="237">
        <f t="shared" si="351"/>
        <v>233.39906558817609</v>
      </c>
      <c r="L1499" s="237">
        <f t="shared" si="356"/>
        <v>85.609583984923518</v>
      </c>
      <c r="M1499" s="236">
        <f t="shared" si="352"/>
        <v>3.0024784895239152</v>
      </c>
      <c r="N1499" s="236">
        <f t="shared" si="353"/>
        <v>4.3183783257712118</v>
      </c>
      <c r="O1499" s="236">
        <f t="shared" si="357"/>
        <v>3.5209929528660191</v>
      </c>
      <c r="P1499" s="236" t="str">
        <f t="shared" si="358"/>
        <v>CLAY</v>
      </c>
      <c r="Q1499" s="236">
        <f t="shared" si="354"/>
        <v>21.420077867651994</v>
      </c>
      <c r="R1499" s="238">
        <v>35</v>
      </c>
      <c r="S1499" s="236">
        <f t="shared" si="359"/>
        <v>0.98807495110169541</v>
      </c>
      <c r="T1499" s="236" t="e">
        <f t="shared" si="345"/>
        <v>#N/A</v>
      </c>
    </row>
    <row r="1500" spans="1:20" x14ac:dyDescent="0.2">
      <c r="A1500" s="53">
        <f t="shared" si="346"/>
        <v>1488</v>
      </c>
      <c r="B1500" s="239">
        <v>14.801</v>
      </c>
      <c r="C1500" s="3">
        <f t="shared" si="347"/>
        <v>14.794</v>
      </c>
      <c r="D1500" s="239">
        <v>0.41239999999999999</v>
      </c>
      <c r="E1500" s="239">
        <v>1.09E-2</v>
      </c>
      <c r="F1500" s="239">
        <v>0.4093</v>
      </c>
      <c r="G1500">
        <f t="shared" si="348"/>
        <v>0.49425999999999998</v>
      </c>
      <c r="H1500" s="235">
        <f t="shared" si="349"/>
        <v>2.2053170396147777</v>
      </c>
      <c r="I1500" s="236">
        <f t="shared" si="350"/>
        <v>15.770054517174806</v>
      </c>
      <c r="J1500" s="237">
        <f t="shared" si="355"/>
        <v>5.7700545171748061</v>
      </c>
      <c r="K1500" s="237">
        <f t="shared" si="351"/>
        <v>233.3021865270841</v>
      </c>
      <c r="L1500" s="237">
        <f t="shared" si="356"/>
        <v>85.402576908704305</v>
      </c>
      <c r="M1500" s="236">
        <f t="shared" si="352"/>
        <v>3.0556198995245869</v>
      </c>
      <c r="N1500" s="236">
        <f t="shared" si="353"/>
        <v>4.1769203439203721</v>
      </c>
      <c r="O1500" s="236">
        <f t="shared" si="357"/>
        <v>3.5069051221019261</v>
      </c>
      <c r="P1500" s="236" t="str">
        <f t="shared" si="358"/>
        <v>CLAY</v>
      </c>
      <c r="Q1500" s="236">
        <f t="shared" si="354"/>
        <v>21.74648445607632</v>
      </c>
      <c r="R1500" s="238">
        <v>35</v>
      </c>
      <c r="S1500" s="236">
        <f t="shared" si="359"/>
        <v>1.0099832487364075</v>
      </c>
      <c r="T1500" s="236" t="e">
        <f t="shared" si="345"/>
        <v>#N/A</v>
      </c>
    </row>
    <row r="1501" spans="1:20" x14ac:dyDescent="0.2">
      <c r="A1501" s="53">
        <f t="shared" si="346"/>
        <v>1489</v>
      </c>
      <c r="B1501" s="239">
        <v>14.81</v>
      </c>
      <c r="C1501" s="3">
        <f t="shared" si="347"/>
        <v>14.803000000000001</v>
      </c>
      <c r="D1501" s="239">
        <v>0.4194</v>
      </c>
      <c r="E1501" s="239">
        <v>1.0699999999999999E-2</v>
      </c>
      <c r="F1501" s="239">
        <v>0.40920000000000001</v>
      </c>
      <c r="G1501">
        <f t="shared" si="348"/>
        <v>0.50124000000000002</v>
      </c>
      <c r="H1501" s="235">
        <f t="shared" si="349"/>
        <v>2.1347059292953472</v>
      </c>
      <c r="I1501" s="236">
        <f t="shared" si="350"/>
        <v>15.753820403314025</v>
      </c>
      <c r="J1501" s="237">
        <f t="shared" si="355"/>
        <v>5.753820403314025</v>
      </c>
      <c r="K1501" s="237">
        <f t="shared" si="351"/>
        <v>233.20380343025752</v>
      </c>
      <c r="L1501" s="237">
        <f t="shared" si="356"/>
        <v>85.214080173080717</v>
      </c>
      <c r="M1501" s="236">
        <f t="shared" si="352"/>
        <v>3.1454449314635169</v>
      </c>
      <c r="N1501" s="236">
        <f t="shared" si="353"/>
        <v>3.9919981468681525</v>
      </c>
      <c r="O1501" s="236">
        <f t="shared" si="357"/>
        <v>3.4858869749779977</v>
      </c>
      <c r="P1501" s="236" t="str">
        <f t="shared" si="358"/>
        <v>CLAY</v>
      </c>
      <c r="Q1501" s="236">
        <f t="shared" si="354"/>
        <v>22.336349714145211</v>
      </c>
      <c r="R1501" s="238">
        <v>35</v>
      </c>
      <c r="S1501" s="236">
        <f t="shared" si="359"/>
        <v>1.0472313057301226</v>
      </c>
      <c r="T1501" s="236" t="e">
        <f t="shared" si="345"/>
        <v>#N/A</v>
      </c>
    </row>
    <row r="1502" spans="1:20" x14ac:dyDescent="0.2">
      <c r="A1502" s="53">
        <f t="shared" si="346"/>
        <v>1490</v>
      </c>
      <c r="B1502" s="239">
        <v>14.82</v>
      </c>
      <c r="C1502" s="3">
        <f t="shared" si="347"/>
        <v>14.813000000000001</v>
      </c>
      <c r="D1502" s="239">
        <v>0.42080000000000001</v>
      </c>
      <c r="E1502" s="239">
        <v>1.06E-2</v>
      </c>
      <c r="F1502" s="239">
        <v>0.41089999999999999</v>
      </c>
      <c r="G1502">
        <f t="shared" si="348"/>
        <v>0.50297999999999998</v>
      </c>
      <c r="H1502" s="235">
        <f t="shared" si="349"/>
        <v>2.1074396596286133</v>
      </c>
      <c r="I1502" s="236">
        <f t="shared" si="350"/>
        <v>15.74416453548549</v>
      </c>
      <c r="J1502" s="237">
        <f t="shared" si="355"/>
        <v>5.7441645354854902</v>
      </c>
      <c r="K1502" s="237">
        <f t="shared" si="351"/>
        <v>233.21830926414657</v>
      </c>
      <c r="L1502" s="237">
        <f t="shared" si="356"/>
        <v>85.128518415894973</v>
      </c>
      <c r="M1502" s="236">
        <f t="shared" si="352"/>
        <v>3.1688756688790698</v>
      </c>
      <c r="N1502" s="236">
        <f t="shared" si="353"/>
        <v>3.9293941148891154</v>
      </c>
      <c r="O1502" s="236">
        <f t="shared" si="357"/>
        <v>3.4795547530657398</v>
      </c>
      <c r="P1502" s="236" t="str">
        <f t="shared" si="358"/>
        <v>CLAY</v>
      </c>
      <c r="Q1502" s="236">
        <f t="shared" si="354"/>
        <v>22.480140894654451</v>
      </c>
      <c r="R1502" s="238">
        <v>35</v>
      </c>
      <c r="S1502" s="236">
        <f t="shared" si="359"/>
        <v>1.0569915334406885</v>
      </c>
      <c r="T1502" s="236" t="e">
        <f t="shared" si="345"/>
        <v>#N/A</v>
      </c>
    </row>
    <row r="1503" spans="1:20" x14ac:dyDescent="0.2">
      <c r="A1503" s="53">
        <f t="shared" si="346"/>
        <v>1491</v>
      </c>
      <c r="B1503" s="239">
        <v>14.83</v>
      </c>
      <c r="C1503" s="3">
        <f t="shared" si="347"/>
        <v>14.823</v>
      </c>
      <c r="D1503" s="239">
        <v>0.41889999999999999</v>
      </c>
      <c r="E1503" s="239">
        <v>1.0699999999999999E-2</v>
      </c>
      <c r="F1503" s="239">
        <v>0.41149999999999998</v>
      </c>
      <c r="G1503">
        <f t="shared" si="348"/>
        <v>0.50119999999999998</v>
      </c>
      <c r="H1503" s="235">
        <f t="shared" si="349"/>
        <v>2.1348762968874699</v>
      </c>
      <c r="I1503" s="236">
        <f t="shared" si="350"/>
        <v>15.753789210222454</v>
      </c>
      <c r="J1503" s="237">
        <f t="shared" si="355"/>
        <v>5.7537892102224539</v>
      </c>
      <c r="K1503" s="237">
        <f t="shared" si="351"/>
        <v>233.51841746312743</v>
      </c>
      <c r="L1503" s="237">
        <f t="shared" si="356"/>
        <v>85.328693987598996</v>
      </c>
      <c r="M1503" s="236">
        <f t="shared" si="352"/>
        <v>3.1370640991619454</v>
      </c>
      <c r="N1503" s="236">
        <f t="shared" si="353"/>
        <v>3.9972865890114417</v>
      </c>
      <c r="O1503" s="236">
        <f t="shared" si="357"/>
        <v>3.4871753459636365</v>
      </c>
      <c r="P1503" s="236" t="str">
        <f t="shared" si="358"/>
        <v>CLAY</v>
      </c>
      <c r="Q1503" s="236">
        <f t="shared" si="354"/>
        <v>22.30679854473938</v>
      </c>
      <c r="R1503" s="238">
        <v>35</v>
      </c>
      <c r="S1503" s="236">
        <f t="shared" si="359"/>
        <v>1.0437446189941495</v>
      </c>
      <c r="T1503" s="236" t="e">
        <f t="shared" si="345"/>
        <v>#N/A</v>
      </c>
    </row>
    <row r="1504" spans="1:20" x14ac:dyDescent="0.2">
      <c r="A1504" s="53">
        <f t="shared" si="346"/>
        <v>1492</v>
      </c>
      <c r="B1504" s="239">
        <v>14.840999999999999</v>
      </c>
      <c r="C1504" s="3">
        <f t="shared" si="347"/>
        <v>14.834</v>
      </c>
      <c r="D1504" s="239">
        <v>0.4219</v>
      </c>
      <c r="E1504" s="239">
        <v>1.04E-2</v>
      </c>
      <c r="F1504" s="239">
        <v>0.40629999999999999</v>
      </c>
      <c r="G1504">
        <f t="shared" si="348"/>
        <v>0.50315999999999994</v>
      </c>
      <c r="H1504" s="235">
        <f t="shared" si="349"/>
        <v>2.0669369584227684</v>
      </c>
      <c r="I1504" s="236">
        <f t="shared" si="350"/>
        <v>15.721968568095267</v>
      </c>
      <c r="J1504" s="237">
        <f t="shared" si="355"/>
        <v>5.7219685680952672</v>
      </c>
      <c r="K1504" s="237">
        <f t="shared" si="351"/>
        <v>233.21968173912518</v>
      </c>
      <c r="L1504" s="237">
        <f t="shared" si="356"/>
        <v>84.919735519101863</v>
      </c>
      <c r="M1504" s="236">
        <f t="shared" si="352"/>
        <v>3.1787701246449873</v>
      </c>
      <c r="N1504" s="236">
        <f t="shared" si="353"/>
        <v>3.8527034668267928</v>
      </c>
      <c r="O1504" s="236">
        <f t="shared" si="357"/>
        <v>3.4739423222298731</v>
      </c>
      <c r="P1504" s="236" t="str">
        <f t="shared" si="358"/>
        <v>CLAY</v>
      </c>
      <c r="Q1504" s="236">
        <f t="shared" si="354"/>
        <v>22.495026521739565</v>
      </c>
      <c r="R1504" s="238">
        <v>35</v>
      </c>
      <c r="S1504" s="236">
        <f t="shared" si="359"/>
        <v>1.0611185629312019</v>
      </c>
      <c r="T1504" s="236" t="e">
        <f t="shared" si="345"/>
        <v>#N/A</v>
      </c>
    </row>
    <row r="1505" spans="1:20" x14ac:dyDescent="0.2">
      <c r="A1505" s="53">
        <f t="shared" si="346"/>
        <v>1493</v>
      </c>
      <c r="B1505" s="239">
        <v>14.85</v>
      </c>
      <c r="C1505" s="3">
        <f t="shared" si="347"/>
        <v>14.843</v>
      </c>
      <c r="D1505" s="239">
        <v>0.4254</v>
      </c>
      <c r="E1505" s="239">
        <v>1.0200000000000001E-2</v>
      </c>
      <c r="F1505" s="239">
        <v>0.40029999999999999</v>
      </c>
      <c r="G1505">
        <f t="shared" si="348"/>
        <v>0.50546000000000002</v>
      </c>
      <c r="H1505" s="235">
        <f t="shared" si="349"/>
        <v>2.0179638349226448</v>
      </c>
      <c r="I1505" s="236">
        <f t="shared" si="350"/>
        <v>15.700981631866345</v>
      </c>
      <c r="J1505" s="237">
        <f t="shared" si="355"/>
        <v>5.7009816318663447</v>
      </c>
      <c r="K1505" s="237">
        <f t="shared" si="351"/>
        <v>233.04967036179215</v>
      </c>
      <c r="L1505" s="237">
        <f t="shared" si="356"/>
        <v>84.659577233215217</v>
      </c>
      <c r="M1505" s="236">
        <f t="shared" si="352"/>
        <v>3.2177142686147362</v>
      </c>
      <c r="N1505" s="236">
        <f t="shared" si="353"/>
        <v>3.7443514031008913</v>
      </c>
      <c r="O1505" s="236">
        <f t="shared" si="357"/>
        <v>3.4629935871146609</v>
      </c>
      <c r="P1505" s="236" t="str">
        <f t="shared" si="358"/>
        <v>CLAY</v>
      </c>
      <c r="Q1505" s="236">
        <f t="shared" si="354"/>
        <v>22.700860803183989</v>
      </c>
      <c r="R1505" s="238">
        <v>35</v>
      </c>
      <c r="S1505" s="236">
        <f t="shared" si="359"/>
        <v>1.0773935074933858</v>
      </c>
      <c r="T1505" s="236" t="e">
        <f t="shared" si="345"/>
        <v>#N/A</v>
      </c>
    </row>
    <row r="1506" spans="1:20" x14ac:dyDescent="0.2">
      <c r="A1506" s="53">
        <f t="shared" si="346"/>
        <v>1494</v>
      </c>
      <c r="B1506" s="239">
        <v>14.86</v>
      </c>
      <c r="C1506" s="3">
        <f t="shared" si="347"/>
        <v>14.853</v>
      </c>
      <c r="D1506" s="239">
        <v>0.42830000000000001</v>
      </c>
      <c r="E1506" s="239">
        <v>0.01</v>
      </c>
      <c r="F1506" s="239">
        <v>0.39529999999999998</v>
      </c>
      <c r="G1506">
        <f t="shared" si="348"/>
        <v>0.50736000000000003</v>
      </c>
      <c r="H1506" s="235">
        <f t="shared" si="349"/>
        <v>1.9709870703248187</v>
      </c>
      <c r="I1506" s="236">
        <f t="shared" si="350"/>
        <v>15.679227656597199</v>
      </c>
      <c r="J1506" s="237">
        <f t="shared" si="355"/>
        <v>5.6792276565971989</v>
      </c>
      <c r="K1506" s="237">
        <f t="shared" si="351"/>
        <v>232.88356838343819</v>
      </c>
      <c r="L1506" s="237">
        <f t="shared" si="356"/>
        <v>84.393322977034373</v>
      </c>
      <c r="M1506" s="236">
        <f t="shared" si="352"/>
        <v>3.2523477205803837</v>
      </c>
      <c r="N1506" s="236">
        <f t="shared" si="353"/>
        <v>3.6433000608117063</v>
      </c>
      <c r="O1506" s="236">
        <f t="shared" si="357"/>
        <v>3.4528717005872505</v>
      </c>
      <c r="P1506" s="236" t="str">
        <f t="shared" si="358"/>
        <v>CLAY</v>
      </c>
      <c r="Q1506" s="236">
        <f t="shared" si="354"/>
        <v>22.873035968046821</v>
      </c>
      <c r="R1506" s="238">
        <v>35</v>
      </c>
      <c r="S1506" s="236">
        <f t="shared" si="359"/>
        <v>1.0919084401343315</v>
      </c>
      <c r="T1506" s="236" t="e">
        <f t="shared" si="345"/>
        <v>#N/A</v>
      </c>
    </row>
    <row r="1507" spans="1:20" x14ac:dyDescent="0.2">
      <c r="A1507" s="53">
        <f t="shared" si="346"/>
        <v>1495</v>
      </c>
      <c r="B1507" s="239">
        <v>14.871</v>
      </c>
      <c r="C1507" s="3">
        <f t="shared" si="347"/>
        <v>14.864000000000001</v>
      </c>
      <c r="D1507" s="239">
        <v>0.4274</v>
      </c>
      <c r="E1507" s="239">
        <v>9.9000000000000008E-3</v>
      </c>
      <c r="F1507" s="239">
        <v>0.39079999999999998</v>
      </c>
      <c r="G1507">
        <f t="shared" si="348"/>
        <v>0.50556000000000001</v>
      </c>
      <c r="H1507" s="235">
        <f t="shared" si="349"/>
        <v>1.95822454308094</v>
      </c>
      <c r="I1507" s="236">
        <f t="shared" si="350"/>
        <v>15.666053514452898</v>
      </c>
      <c r="J1507" s="237">
        <f t="shared" si="355"/>
        <v>5.6660535144528978</v>
      </c>
      <c r="K1507" s="237">
        <f t="shared" si="351"/>
        <v>232.8602194388279</v>
      </c>
      <c r="L1507" s="237">
        <f t="shared" si="356"/>
        <v>84.259881813429047</v>
      </c>
      <c r="M1507" s="236">
        <f t="shared" si="352"/>
        <v>3.2364130436948964</v>
      </c>
      <c r="N1507" s="236">
        <f t="shared" si="353"/>
        <v>3.6303659576210139</v>
      </c>
      <c r="O1507" s="236">
        <f t="shared" si="357"/>
        <v>3.4539028519577637</v>
      </c>
      <c r="P1507" s="236" t="str">
        <f t="shared" si="358"/>
        <v>CLAY</v>
      </c>
      <c r="Q1507" s="236">
        <f t="shared" si="354"/>
        <v>22.72498171343101</v>
      </c>
      <c r="R1507" s="238">
        <v>35</v>
      </c>
      <c r="S1507" s="236">
        <f t="shared" si="359"/>
        <v>1.0852253680880828</v>
      </c>
      <c r="T1507" s="236" t="e">
        <f t="shared" si="345"/>
        <v>#N/A</v>
      </c>
    </row>
    <row r="1508" spans="1:20" x14ac:dyDescent="0.2">
      <c r="A1508" s="53">
        <f t="shared" si="346"/>
        <v>1496</v>
      </c>
      <c r="B1508" s="239">
        <v>14.88</v>
      </c>
      <c r="C1508" s="3">
        <f t="shared" si="347"/>
        <v>14.873000000000001</v>
      </c>
      <c r="D1508" s="239">
        <v>0.4289</v>
      </c>
      <c r="E1508" s="239">
        <v>9.7999999999999997E-3</v>
      </c>
      <c r="F1508" s="239">
        <v>0.38929999999999998</v>
      </c>
      <c r="G1508">
        <f t="shared" si="348"/>
        <v>0.50675999999999999</v>
      </c>
      <c r="H1508" s="235">
        <f t="shared" si="349"/>
        <v>1.9338542899992106</v>
      </c>
      <c r="I1508" s="236">
        <f t="shared" si="350"/>
        <v>15.655075553477502</v>
      </c>
      <c r="J1508" s="237">
        <f t="shared" si="355"/>
        <v>5.6550755534775021</v>
      </c>
      <c r="K1508" s="237">
        <f t="shared" si="351"/>
        <v>232.83793870687091</v>
      </c>
      <c r="L1508" s="237">
        <f t="shared" si="356"/>
        <v>84.147524235745237</v>
      </c>
      <c r="M1508" s="236">
        <f t="shared" si="352"/>
        <v>3.2552598995749071</v>
      </c>
      <c r="N1508" s="236">
        <f t="shared" si="353"/>
        <v>3.5776599934069702</v>
      </c>
      <c r="O1508" s="236">
        <f t="shared" si="357"/>
        <v>3.4484711353193656</v>
      </c>
      <c r="P1508" s="236" t="str">
        <f t="shared" si="358"/>
        <v>CLAY</v>
      </c>
      <c r="Q1508" s="236">
        <f t="shared" si="354"/>
        <v>22.826838441094093</v>
      </c>
      <c r="R1508" s="238">
        <v>35</v>
      </c>
      <c r="S1508" s="236">
        <f t="shared" si="359"/>
        <v>1.0931307066795137</v>
      </c>
      <c r="T1508" s="236" t="e">
        <f t="shared" si="345"/>
        <v>#N/A</v>
      </c>
    </row>
    <row r="1509" spans="1:20" x14ac:dyDescent="0.2">
      <c r="A1509" s="53">
        <f t="shared" si="346"/>
        <v>1497</v>
      </c>
      <c r="B1509" s="239">
        <v>14.888999999999999</v>
      </c>
      <c r="C1509" s="3">
        <f t="shared" si="347"/>
        <v>14.882</v>
      </c>
      <c r="D1509" s="239">
        <v>0.42930000000000001</v>
      </c>
      <c r="E1509" s="239">
        <v>9.7999999999999997E-3</v>
      </c>
      <c r="F1509" s="239">
        <v>0.39129999999999998</v>
      </c>
      <c r="G1509">
        <f t="shared" si="348"/>
        <v>0.50756000000000001</v>
      </c>
      <c r="H1509" s="235">
        <f t="shared" si="349"/>
        <v>1.9308062101032388</v>
      </c>
      <c r="I1509" s="236">
        <f t="shared" si="350"/>
        <v>15.655692108591879</v>
      </c>
      <c r="J1509" s="237">
        <f t="shared" si="355"/>
        <v>5.6556921085918788</v>
      </c>
      <c r="K1509" s="237">
        <f t="shared" si="351"/>
        <v>232.98800996006435</v>
      </c>
      <c r="L1509" s="237">
        <f t="shared" si="356"/>
        <v>84.207599804824483</v>
      </c>
      <c r="M1509" s="236">
        <f t="shared" si="352"/>
        <v>3.2606556970669609</v>
      </c>
      <c r="N1509" s="236">
        <f t="shared" si="353"/>
        <v>3.5691914526950175</v>
      </c>
      <c r="O1509" s="236">
        <f t="shared" si="357"/>
        <v>3.4473249795666594</v>
      </c>
      <c r="P1509" s="236" t="str">
        <f t="shared" si="358"/>
        <v>CLAY</v>
      </c>
      <c r="Q1509" s="236">
        <f t="shared" si="354"/>
        <v>22.880999169994638</v>
      </c>
      <c r="R1509" s="238">
        <v>35</v>
      </c>
      <c r="S1509" s="236">
        <f t="shared" si="359"/>
        <v>1.0953960916657677</v>
      </c>
      <c r="T1509" s="236" t="e">
        <f t="shared" si="345"/>
        <v>#N/A</v>
      </c>
    </row>
    <row r="1510" spans="1:20" x14ac:dyDescent="0.2">
      <c r="A1510" s="53">
        <f t="shared" si="346"/>
        <v>1498</v>
      </c>
      <c r="B1510" s="239">
        <v>14.9</v>
      </c>
      <c r="C1510" s="3">
        <f t="shared" si="347"/>
        <v>14.893000000000001</v>
      </c>
      <c r="D1510" s="239">
        <v>0.42980000000000002</v>
      </c>
      <c r="E1510" s="239">
        <v>9.9000000000000008E-3</v>
      </c>
      <c r="F1510" s="239">
        <v>0.39660000000000001</v>
      </c>
      <c r="G1510">
        <f t="shared" si="348"/>
        <v>0.50912000000000002</v>
      </c>
      <c r="H1510" s="235">
        <f t="shared" si="349"/>
        <v>1.9445317410433691</v>
      </c>
      <c r="I1510" s="236">
        <f t="shared" si="350"/>
        <v>15.66879622196571</v>
      </c>
      <c r="J1510" s="237">
        <f t="shared" si="355"/>
        <v>5.6687962219657102</v>
      </c>
      <c r="K1510" s="237">
        <f t="shared" si="351"/>
        <v>233.35538213373533</v>
      </c>
      <c r="L1510" s="237">
        <f t="shared" si="356"/>
        <v>84.46506370728909</v>
      </c>
      <c r="M1510" s="236">
        <f t="shared" si="352"/>
        <v>3.2648364396186085</v>
      </c>
      <c r="N1510" s="236">
        <f t="shared" si="353"/>
        <v>3.5900182106760061</v>
      </c>
      <c r="O1510" s="236">
        <f t="shared" si="357"/>
        <v>3.4481478177522682</v>
      </c>
      <c r="P1510" s="236" t="str">
        <f t="shared" si="358"/>
        <v>CLAY</v>
      </c>
      <c r="Q1510" s="236">
        <f t="shared" si="354"/>
        <v>22.980384822188721</v>
      </c>
      <c r="R1510" s="238">
        <v>35</v>
      </c>
      <c r="S1510" s="236">
        <f t="shared" si="359"/>
        <v>1.0971519895663122</v>
      </c>
      <c r="T1510" s="236" t="e">
        <f t="shared" si="345"/>
        <v>#N/A</v>
      </c>
    </row>
    <row r="1511" spans="1:20" x14ac:dyDescent="0.2">
      <c r="A1511" s="53">
        <f t="shared" si="346"/>
        <v>1499</v>
      </c>
      <c r="B1511" s="239">
        <v>14.909000000000001</v>
      </c>
      <c r="C1511" s="3">
        <f t="shared" si="347"/>
        <v>14.902000000000001</v>
      </c>
      <c r="D1511" s="239">
        <v>0.42599999999999999</v>
      </c>
      <c r="E1511" s="239">
        <v>0.01</v>
      </c>
      <c r="F1511" s="239">
        <v>0.3992</v>
      </c>
      <c r="G1511">
        <f t="shared" si="348"/>
        <v>0.50583999999999996</v>
      </c>
      <c r="H1511" s="235">
        <f t="shared" si="349"/>
        <v>1.9769096947651432</v>
      </c>
      <c r="I1511" s="236">
        <f t="shared" si="350"/>
        <v>15.678054906307132</v>
      </c>
      <c r="J1511" s="237">
        <f t="shared" si="355"/>
        <v>5.6780549063071319</v>
      </c>
      <c r="K1511" s="237">
        <f t="shared" si="351"/>
        <v>233.6343742137889</v>
      </c>
      <c r="L1511" s="237">
        <f t="shared" si="356"/>
        <v>84.654120598133034</v>
      </c>
      <c r="M1511" s="236">
        <f t="shared" si="352"/>
        <v>3.215503555679418</v>
      </c>
      <c r="N1511" s="236">
        <f t="shared" si="353"/>
        <v>3.6736933599799846</v>
      </c>
      <c r="O1511" s="236">
        <f t="shared" si="357"/>
        <v>3.4589717977993404</v>
      </c>
      <c r="P1511" s="236" t="str">
        <f t="shared" si="358"/>
        <v>CLAY</v>
      </c>
      <c r="Q1511" s="236">
        <f t="shared" si="354"/>
        <v>22.683802148850919</v>
      </c>
      <c r="R1511" s="238">
        <v>35</v>
      </c>
      <c r="S1511" s="236">
        <f t="shared" si="359"/>
        <v>1.0764683153466912</v>
      </c>
      <c r="T1511" s="236" t="e">
        <f t="shared" si="345"/>
        <v>#N/A</v>
      </c>
    </row>
    <row r="1512" spans="1:20" x14ac:dyDescent="0.2">
      <c r="A1512" s="53">
        <f t="shared" si="346"/>
        <v>1500</v>
      </c>
      <c r="B1512" s="239">
        <v>14.919</v>
      </c>
      <c r="C1512" s="3">
        <f t="shared" si="347"/>
        <v>14.912000000000001</v>
      </c>
      <c r="D1512" s="239">
        <v>0.42249999999999999</v>
      </c>
      <c r="E1512" s="239">
        <v>1.01E-2</v>
      </c>
      <c r="F1512" s="239">
        <v>0.39829999999999999</v>
      </c>
      <c r="G1512">
        <f t="shared" si="348"/>
        <v>0.50215999999999994</v>
      </c>
      <c r="H1512" s="235">
        <f t="shared" si="349"/>
        <v>2.0113111358929427</v>
      </c>
      <c r="I1512" s="236">
        <f t="shared" si="350"/>
        <v>15.686868667674009</v>
      </c>
      <c r="J1512" s="237">
        <f t="shared" si="355"/>
        <v>5.686868667674009</v>
      </c>
      <c r="K1512" s="237">
        <f t="shared" si="351"/>
        <v>233.92258557235485</v>
      </c>
      <c r="L1512" s="237">
        <f t="shared" si="356"/>
        <v>84.842393653028537</v>
      </c>
      <c r="M1512" s="236">
        <f t="shared" si="352"/>
        <v>3.1615964953161142</v>
      </c>
      <c r="N1512" s="236">
        <f t="shared" si="353"/>
        <v>3.7653211135929703</v>
      </c>
      <c r="O1512" s="236">
        <f t="shared" si="357"/>
        <v>3.4707867465145319</v>
      </c>
      <c r="P1512" s="236" t="str">
        <f t="shared" si="358"/>
        <v>CLAY</v>
      </c>
      <c r="Q1512" s="236">
        <f t="shared" si="354"/>
        <v>22.353117868970429</v>
      </c>
      <c r="R1512" s="238">
        <v>35</v>
      </c>
      <c r="S1512" s="236">
        <f t="shared" si="359"/>
        <v>1.0539574074869624</v>
      </c>
      <c r="T1512" s="236" t="e">
        <f t="shared" si="345"/>
        <v>#N/A</v>
      </c>
    </row>
    <row r="1513" spans="1:20" x14ac:dyDescent="0.2">
      <c r="A1513" s="53">
        <f t="shared" si="346"/>
        <v>1501</v>
      </c>
      <c r="B1513" s="239">
        <v>14.929</v>
      </c>
      <c r="C1513" s="3">
        <f t="shared" si="347"/>
        <v>14.922000000000001</v>
      </c>
      <c r="D1513" s="239">
        <v>0.42549999999999999</v>
      </c>
      <c r="E1513" s="239">
        <v>9.7999999999999997E-3</v>
      </c>
      <c r="F1513" s="239">
        <v>0.39079999999999998</v>
      </c>
      <c r="G1513">
        <f t="shared" si="348"/>
        <v>0.50366</v>
      </c>
      <c r="H1513" s="235">
        <f t="shared" si="349"/>
        <v>1.9457570583330024</v>
      </c>
      <c r="I1513" s="236">
        <f t="shared" si="350"/>
        <v>15.652677173781315</v>
      </c>
      <c r="J1513" s="237">
        <f t="shared" si="355"/>
        <v>5.6526771737813153</v>
      </c>
      <c r="K1513" s="237">
        <f t="shared" si="351"/>
        <v>233.56924878716481</v>
      </c>
      <c r="L1513" s="237">
        <f t="shared" si="356"/>
        <v>84.388817527381264</v>
      </c>
      <c r="M1513" s="236">
        <f t="shared" si="352"/>
        <v>3.2005514371048034</v>
      </c>
      <c r="N1513" s="236">
        <f t="shared" si="353"/>
        <v>3.628410064392567</v>
      </c>
      <c r="O1513" s="236">
        <f t="shared" si="357"/>
        <v>3.4579303422823253</v>
      </c>
      <c r="P1513" s="236" t="str">
        <f t="shared" si="358"/>
        <v>CLAY</v>
      </c>
      <c r="Q1513" s="236">
        <f t="shared" si="354"/>
        <v>22.507562601069594</v>
      </c>
      <c r="R1513" s="238">
        <v>35</v>
      </c>
      <c r="S1513" s="236">
        <f t="shared" si="359"/>
        <v>1.0702149730627475</v>
      </c>
      <c r="T1513" s="236" t="e">
        <f t="shared" si="345"/>
        <v>#N/A</v>
      </c>
    </row>
    <row r="1514" spans="1:20" x14ac:dyDescent="0.2">
      <c r="A1514" s="53">
        <f t="shared" si="346"/>
        <v>1502</v>
      </c>
      <c r="B1514" s="239">
        <v>14.939</v>
      </c>
      <c r="C1514" s="3">
        <f t="shared" si="347"/>
        <v>14.932</v>
      </c>
      <c r="D1514" s="239">
        <v>0.42580000000000001</v>
      </c>
      <c r="E1514" s="239">
        <v>9.9000000000000008E-3</v>
      </c>
      <c r="F1514" s="239">
        <v>0.38529999999999998</v>
      </c>
      <c r="G1514">
        <f t="shared" si="348"/>
        <v>0.50285999999999997</v>
      </c>
      <c r="H1514" s="235">
        <f t="shared" si="349"/>
        <v>1.9687388139840118</v>
      </c>
      <c r="I1514" s="236">
        <f t="shared" si="350"/>
        <v>15.663960461731104</v>
      </c>
      <c r="J1514" s="237">
        <f t="shared" si="355"/>
        <v>5.6639604617311043</v>
      </c>
      <c r="K1514" s="237">
        <f t="shared" si="351"/>
        <v>233.89425761456886</v>
      </c>
      <c r="L1514" s="237">
        <f t="shared" si="356"/>
        <v>84.613905337800972</v>
      </c>
      <c r="M1514" s="236">
        <f t="shared" si="352"/>
        <v>3.1787416183149695</v>
      </c>
      <c r="N1514" s="236">
        <f t="shared" si="353"/>
        <v>3.6807661496954442</v>
      </c>
      <c r="O1514" s="236">
        <f t="shared" si="357"/>
        <v>3.4636807560085732</v>
      </c>
      <c r="P1514" s="236" t="str">
        <f t="shared" si="358"/>
        <v>CLAY</v>
      </c>
      <c r="Q1514" s="236">
        <f t="shared" si="354"/>
        <v>22.41381186545259</v>
      </c>
      <c r="R1514" s="238">
        <v>35</v>
      </c>
      <c r="S1514" s="236">
        <f t="shared" si="359"/>
        <v>1.0611066681728327</v>
      </c>
      <c r="T1514" s="236" t="e">
        <f t="shared" si="345"/>
        <v>#N/A</v>
      </c>
    </row>
    <row r="1515" spans="1:20" x14ac:dyDescent="0.2">
      <c r="A1515" s="53">
        <f t="shared" si="346"/>
        <v>1503</v>
      </c>
      <c r="B1515" s="239">
        <v>14.949</v>
      </c>
      <c r="C1515" s="3">
        <f t="shared" si="347"/>
        <v>14.942</v>
      </c>
      <c r="D1515" s="239">
        <v>0.4204</v>
      </c>
      <c r="E1515" s="239">
        <v>9.7999999999999997E-3</v>
      </c>
      <c r="F1515" s="239">
        <v>0.38400000000000001</v>
      </c>
      <c r="G1515">
        <f t="shared" si="348"/>
        <v>0.49719999999999998</v>
      </c>
      <c r="H1515" s="235">
        <f t="shared" si="349"/>
        <v>1.9710378117457763</v>
      </c>
      <c r="I1515" s="236">
        <f t="shared" si="350"/>
        <v>15.647631466724869</v>
      </c>
      <c r="J1515" s="237">
        <f t="shared" si="355"/>
        <v>5.647631466724869</v>
      </c>
      <c r="K1515" s="237">
        <f t="shared" si="351"/>
        <v>233.806909375803</v>
      </c>
      <c r="L1515" s="237">
        <f t="shared" si="356"/>
        <v>84.426442796070063</v>
      </c>
      <c r="M1515" s="236">
        <f t="shared" si="352"/>
        <v>3.1197937743322472</v>
      </c>
      <c r="N1515" s="236">
        <f t="shared" si="353"/>
        <v>3.7206746679556626</v>
      </c>
      <c r="O1515" s="236">
        <f t="shared" si="357"/>
        <v>3.4730610128742172</v>
      </c>
      <c r="P1515" s="236" t="str">
        <f t="shared" si="358"/>
        <v>CLAY</v>
      </c>
      <c r="Q1515" s="236">
        <f t="shared" si="354"/>
        <v>21.949424218683081</v>
      </c>
      <c r="R1515" s="238">
        <v>35</v>
      </c>
      <c r="S1515" s="236">
        <f t="shared" si="359"/>
        <v>1.0365669736100951</v>
      </c>
      <c r="T1515" s="236" t="e">
        <f t="shared" si="345"/>
        <v>#N/A</v>
      </c>
    </row>
    <row r="1516" spans="1:20" x14ac:dyDescent="0.2">
      <c r="A1516" s="53">
        <f t="shared" si="346"/>
        <v>1504</v>
      </c>
      <c r="B1516" s="239">
        <v>14.96</v>
      </c>
      <c r="C1516" s="3">
        <f t="shared" si="347"/>
        <v>14.953000000000001</v>
      </c>
      <c r="D1516" s="239">
        <v>0.41649999999999998</v>
      </c>
      <c r="E1516" s="239">
        <v>9.7999999999999997E-3</v>
      </c>
      <c r="F1516" s="239">
        <v>0.3846</v>
      </c>
      <c r="G1516">
        <f t="shared" si="348"/>
        <v>0.49341999999999997</v>
      </c>
      <c r="H1516" s="235">
        <f t="shared" si="349"/>
        <v>1.9861375704268169</v>
      </c>
      <c r="I1516" s="236">
        <f t="shared" si="350"/>
        <v>15.644648532808162</v>
      </c>
      <c r="J1516" s="237">
        <f t="shared" si="355"/>
        <v>5.6446485328081621</v>
      </c>
      <c r="K1516" s="237">
        <f t="shared" si="351"/>
        <v>233.93442951108048</v>
      </c>
      <c r="L1516" s="237">
        <f t="shared" si="356"/>
        <v>84.443942050810108</v>
      </c>
      <c r="M1516" s="236">
        <f t="shared" si="352"/>
        <v>3.0728737217500632</v>
      </c>
      <c r="N1516" s="236">
        <f t="shared" si="353"/>
        <v>3.7767032600444645</v>
      </c>
      <c r="O1516" s="236">
        <f t="shared" si="357"/>
        <v>3.4820474119177871</v>
      </c>
      <c r="P1516" s="236" t="str">
        <f t="shared" si="358"/>
        <v>CLAY</v>
      </c>
      <c r="Q1516" s="236">
        <f t="shared" si="354"/>
        <v>21.623797540743293</v>
      </c>
      <c r="R1516" s="238">
        <v>35</v>
      </c>
      <c r="S1516" s="236">
        <f t="shared" si="359"/>
        <v>1.0171169705364327</v>
      </c>
      <c r="T1516" s="236" t="e">
        <f t="shared" si="345"/>
        <v>#N/A</v>
      </c>
    </row>
    <row r="1517" spans="1:20" x14ac:dyDescent="0.2">
      <c r="A1517" s="53">
        <f t="shared" si="346"/>
        <v>1505</v>
      </c>
      <c r="B1517" s="239">
        <v>14.97</v>
      </c>
      <c r="C1517" s="3">
        <f t="shared" si="347"/>
        <v>14.963000000000001</v>
      </c>
      <c r="D1517" s="239">
        <v>0.41099999999999998</v>
      </c>
      <c r="E1517" s="239">
        <v>0.01</v>
      </c>
      <c r="F1517" s="239">
        <v>0.38890000000000002</v>
      </c>
      <c r="G1517">
        <f t="shared" si="348"/>
        <v>0.48877999999999999</v>
      </c>
      <c r="H1517" s="235">
        <f t="shared" si="349"/>
        <v>2.0459102254593069</v>
      </c>
      <c r="I1517" s="236">
        <f t="shared" si="350"/>
        <v>15.664645138725353</v>
      </c>
      <c r="J1517" s="237">
        <f t="shared" si="355"/>
        <v>5.6646451387253531</v>
      </c>
      <c r="K1517" s="237">
        <f t="shared" si="351"/>
        <v>234.39008521074749</v>
      </c>
      <c r="L1517" s="237">
        <f t="shared" si="356"/>
        <v>84.799737726718547</v>
      </c>
      <c r="M1517" s="236">
        <f t="shared" si="352"/>
        <v>2.9998903488247439</v>
      </c>
      <c r="N1517" s="236">
        <f t="shared" si="353"/>
        <v>3.9309734461306882</v>
      </c>
      <c r="O1517" s="236">
        <f t="shared" si="357"/>
        <v>3.4999755501162753</v>
      </c>
      <c r="P1517" s="236" t="str">
        <f t="shared" si="358"/>
        <v>CLAY</v>
      </c>
      <c r="Q1517" s="236">
        <f t="shared" si="354"/>
        <v>21.199159565771041</v>
      </c>
      <c r="R1517" s="238">
        <v>35</v>
      </c>
      <c r="S1517" s="236">
        <f t="shared" si="359"/>
        <v>0.98701041333845707</v>
      </c>
      <c r="T1517" s="236" t="e">
        <f t="shared" si="345"/>
        <v>#N/A</v>
      </c>
    </row>
    <row r="1518" spans="1:20" x14ac:dyDescent="0.2">
      <c r="A1518" s="53">
        <f t="shared" si="346"/>
        <v>1506</v>
      </c>
      <c r="B1518" s="239">
        <v>14.981</v>
      </c>
      <c r="C1518" s="3">
        <f t="shared" si="347"/>
        <v>14.974</v>
      </c>
      <c r="D1518" s="239">
        <v>0.40439999999999998</v>
      </c>
      <c r="E1518" s="239">
        <v>1.03E-2</v>
      </c>
      <c r="F1518" s="239">
        <v>0.39350000000000002</v>
      </c>
      <c r="G1518">
        <f t="shared" si="348"/>
        <v>0.48309999999999997</v>
      </c>
      <c r="H1518" s="235">
        <f t="shared" si="349"/>
        <v>2.1320637549161665</v>
      </c>
      <c r="I1518" s="236">
        <f t="shared" si="350"/>
        <v>15.69473689482432</v>
      </c>
      <c r="J1518" s="237">
        <f t="shared" si="355"/>
        <v>5.6947368948243202</v>
      </c>
      <c r="K1518" s="237">
        <f t="shared" si="351"/>
        <v>235.01299026309937</v>
      </c>
      <c r="L1518" s="237">
        <f t="shared" si="356"/>
        <v>85.312853421363144</v>
      </c>
      <c r="M1518" s="236">
        <f t="shared" si="352"/>
        <v>2.9079675545675427</v>
      </c>
      <c r="N1518" s="236">
        <f t="shared" si="353"/>
        <v>4.1517691760335538</v>
      </c>
      <c r="O1518" s="236">
        <f t="shared" si="357"/>
        <v>3.5238622351949287</v>
      </c>
      <c r="P1518" s="236" t="str">
        <f t="shared" si="358"/>
        <v>CLAY</v>
      </c>
      <c r="Q1518" s="236">
        <f t="shared" si="354"/>
        <v>20.673917478075051</v>
      </c>
      <c r="R1518" s="238">
        <v>35</v>
      </c>
      <c r="S1518" s="236">
        <f t="shared" si="359"/>
        <v>0.9493513109178453</v>
      </c>
      <c r="T1518" s="236" t="e">
        <f t="shared" si="345"/>
        <v>#N/A</v>
      </c>
    </row>
    <row r="1519" spans="1:20" x14ac:dyDescent="0.2">
      <c r="A1519" s="53">
        <f t="shared" si="346"/>
        <v>1507</v>
      </c>
      <c r="B1519" s="239">
        <v>14.99</v>
      </c>
      <c r="C1519" s="3">
        <f t="shared" si="347"/>
        <v>14.983000000000001</v>
      </c>
      <c r="D1519" s="239">
        <v>0.40189999999999998</v>
      </c>
      <c r="E1519" s="239">
        <v>1.03E-2</v>
      </c>
      <c r="F1519" s="239">
        <v>0.39389999999999997</v>
      </c>
      <c r="G1519">
        <f t="shared" si="348"/>
        <v>0.48067999999999994</v>
      </c>
      <c r="H1519" s="235">
        <f t="shared" si="349"/>
        <v>2.142797703253724</v>
      </c>
      <c r="I1519" s="236">
        <f t="shared" si="350"/>
        <v>15.692774008336743</v>
      </c>
      <c r="J1519" s="237">
        <f t="shared" si="355"/>
        <v>5.6927740083367429</v>
      </c>
      <c r="K1519" s="237">
        <f t="shared" si="351"/>
        <v>235.12483296690942</v>
      </c>
      <c r="L1519" s="237">
        <f t="shared" si="356"/>
        <v>85.334682384967778</v>
      </c>
      <c r="M1519" s="236">
        <f t="shared" si="352"/>
        <v>2.8775541218437413</v>
      </c>
      <c r="N1519" s="236">
        <f t="shared" si="353"/>
        <v>4.1945767724822476</v>
      </c>
      <c r="O1519" s="236">
        <f t="shared" si="357"/>
        <v>3.5300820229292715</v>
      </c>
      <c r="P1519" s="236" t="str">
        <f t="shared" si="358"/>
        <v>CLAY</v>
      </c>
      <c r="Q1519" s="236">
        <f t="shared" si="354"/>
        <v>20.462930586090877</v>
      </c>
      <c r="R1519" s="238">
        <v>35</v>
      </c>
      <c r="S1519" s="236">
        <f t="shared" si="359"/>
        <v>0.93695640541413028</v>
      </c>
      <c r="T1519" s="236" t="e">
        <f t="shared" si="345"/>
        <v>#N/A</v>
      </c>
    </row>
    <row r="1520" spans="1:20" x14ac:dyDescent="0.2">
      <c r="A1520" s="53">
        <f t="shared" si="346"/>
        <v>1508</v>
      </c>
      <c r="B1520" s="239">
        <v>15</v>
      </c>
      <c r="C1520" s="3">
        <f t="shared" si="347"/>
        <v>14.993</v>
      </c>
      <c r="D1520" s="239">
        <v>0.39939999999999998</v>
      </c>
      <c r="E1520" s="239">
        <v>1.0500000000000001E-2</v>
      </c>
      <c r="F1520" s="239">
        <v>0.39589999999999997</v>
      </c>
      <c r="G1520">
        <f t="shared" si="348"/>
        <v>0.47857999999999995</v>
      </c>
      <c r="H1520" s="235">
        <f t="shared" si="349"/>
        <v>2.1939905553930381</v>
      </c>
      <c r="I1520" s="236">
        <f t="shared" si="350"/>
        <v>15.713613252696724</v>
      </c>
      <c r="J1520" s="237">
        <f t="shared" si="355"/>
        <v>5.7136132526967245</v>
      </c>
      <c r="K1520" s="237">
        <f t="shared" si="351"/>
        <v>235.594203497682</v>
      </c>
      <c r="L1520" s="237">
        <f t="shared" si="356"/>
        <v>85.704198790450874</v>
      </c>
      <c r="M1520" s="236">
        <f t="shared" si="352"/>
        <v>2.8351679372958714</v>
      </c>
      <c r="N1520" s="236">
        <f t="shared" si="353"/>
        <v>4.3212402334388456</v>
      </c>
      <c r="O1520" s="236">
        <f t="shared" si="357"/>
        <v>3.5423316248696355</v>
      </c>
      <c r="P1520" s="236" t="str">
        <f t="shared" si="358"/>
        <v>CLAY</v>
      </c>
      <c r="Q1520" s="236">
        <f t="shared" si="354"/>
        <v>20.248816375193162</v>
      </c>
      <c r="R1520" s="238">
        <v>35</v>
      </c>
      <c r="S1520" s="236">
        <f t="shared" si="359"/>
        <v>0.91973665414327022</v>
      </c>
      <c r="T1520" s="236" t="e">
        <f t="shared" si="345"/>
        <v>#N/A</v>
      </c>
    </row>
    <row r="1521" spans="1:20" x14ac:dyDescent="0.2">
      <c r="A1521" s="53">
        <f t="shared" si="346"/>
        <v>1509</v>
      </c>
      <c r="B1521" s="239">
        <v>15.057</v>
      </c>
      <c r="C1521" s="3">
        <f t="shared" si="347"/>
        <v>15.05</v>
      </c>
      <c r="D1521" s="239">
        <v>0.41670000000000001</v>
      </c>
      <c r="E1521" s="239">
        <v>1.03E-2</v>
      </c>
      <c r="F1521" s="239">
        <v>0.37209999999999999</v>
      </c>
      <c r="G1521">
        <f t="shared" si="348"/>
        <v>0.49112</v>
      </c>
      <c r="H1521" s="235">
        <f t="shared" si="349"/>
        <v>2.0972471086496172</v>
      </c>
      <c r="I1521" s="236">
        <f t="shared" si="350"/>
        <v>15.70117241942147</v>
      </c>
      <c r="J1521" s="237">
        <f t="shared" si="355"/>
        <v>5.7011724194214697</v>
      </c>
      <c r="K1521" s="237">
        <f t="shared" si="351"/>
        <v>236.30264491229312</v>
      </c>
      <c r="L1521" s="237">
        <f t="shared" si="356"/>
        <v>85.842553119229066</v>
      </c>
      <c r="M1521" s="236">
        <f t="shared" si="352"/>
        <v>2.9684270309829217</v>
      </c>
      <c r="N1521" s="236">
        <f t="shared" si="353"/>
        <v>4.0421108666067083</v>
      </c>
      <c r="O1521" s="236">
        <f t="shared" si="357"/>
        <v>3.510177447070971</v>
      </c>
      <c r="P1521" s="236" t="str">
        <f t="shared" si="358"/>
        <v>CLAY</v>
      </c>
      <c r="Q1521" s="236">
        <f t="shared" si="354"/>
        <v>21.234779590642241</v>
      </c>
      <c r="R1521" s="238">
        <v>35</v>
      </c>
      <c r="S1521" s="236">
        <f t="shared" si="359"/>
        <v>0.97408752354826089</v>
      </c>
      <c r="T1521" s="236" t="e">
        <f t="shared" si="345"/>
        <v>#N/A</v>
      </c>
    </row>
    <row r="1522" spans="1:20" x14ac:dyDescent="0.2">
      <c r="A1522" s="53">
        <f t="shared" si="346"/>
        <v>1510</v>
      </c>
      <c r="B1522" s="239">
        <v>15.067</v>
      </c>
      <c r="C1522" s="3">
        <f t="shared" si="347"/>
        <v>15.06</v>
      </c>
      <c r="D1522" s="239">
        <v>0.4083</v>
      </c>
      <c r="E1522" s="239">
        <v>1.04E-2</v>
      </c>
      <c r="F1522" s="239">
        <v>0.37419999999999998</v>
      </c>
      <c r="G1522">
        <f t="shared" si="348"/>
        <v>0.48313999999999996</v>
      </c>
      <c r="H1522" s="235">
        <f t="shared" si="349"/>
        <v>2.1525851719998346</v>
      </c>
      <c r="I1522" s="236">
        <f t="shared" si="350"/>
        <v>15.706098765961947</v>
      </c>
      <c r="J1522" s="237">
        <f t="shared" si="355"/>
        <v>5.7060987659619471</v>
      </c>
      <c r="K1522" s="237">
        <f t="shared" si="351"/>
        <v>236.53384741538693</v>
      </c>
      <c r="L1522" s="237">
        <f t="shared" si="356"/>
        <v>85.973790106748652</v>
      </c>
      <c r="M1522" s="236">
        <f t="shared" si="352"/>
        <v>2.8683875897342266</v>
      </c>
      <c r="N1522" s="236">
        <f t="shared" si="353"/>
        <v>4.2172508232257728</v>
      </c>
      <c r="O1522" s="236">
        <f t="shared" si="357"/>
        <v>3.5324862940853503</v>
      </c>
      <c r="P1522" s="236" t="str">
        <f t="shared" si="358"/>
        <v>CLAY</v>
      </c>
      <c r="Q1522" s="236">
        <f t="shared" si="354"/>
        <v>20.550512715384421</v>
      </c>
      <c r="R1522" s="238">
        <v>35</v>
      </c>
      <c r="S1522" s="236">
        <f t="shared" si="359"/>
        <v>0.93322701494746074</v>
      </c>
      <c r="T1522" s="236" t="e">
        <f t="shared" si="345"/>
        <v>#N/A</v>
      </c>
    </row>
    <row r="1523" spans="1:20" x14ac:dyDescent="0.2">
      <c r="A1523" s="53">
        <f t="shared" si="346"/>
        <v>1511</v>
      </c>
      <c r="B1523" s="239">
        <v>15.077</v>
      </c>
      <c r="C1523" s="3">
        <f t="shared" si="347"/>
        <v>15.07</v>
      </c>
      <c r="D1523" s="239">
        <v>0.40150000000000002</v>
      </c>
      <c r="E1523" s="239">
        <v>1.0500000000000001E-2</v>
      </c>
      <c r="F1523" s="239">
        <v>0.3805</v>
      </c>
      <c r="G1523">
        <f t="shared" si="348"/>
        <v>0.47760000000000002</v>
      </c>
      <c r="H1523" s="235">
        <f t="shared" si="349"/>
        <v>2.1984924623115578</v>
      </c>
      <c r="I1523" s="236">
        <f t="shared" si="350"/>
        <v>15.712812048180499</v>
      </c>
      <c r="J1523" s="237">
        <f t="shared" si="355"/>
        <v>5.7128120481804991</v>
      </c>
      <c r="K1523" s="237">
        <f t="shared" si="351"/>
        <v>236.79207756608014</v>
      </c>
      <c r="L1523" s="237">
        <f t="shared" si="356"/>
        <v>86.132067250417379</v>
      </c>
      <c r="M1523" s="236">
        <f t="shared" si="352"/>
        <v>2.7957987091358589</v>
      </c>
      <c r="N1523" s="236">
        <f t="shared" si="353"/>
        <v>4.3603216596336463</v>
      </c>
      <c r="O1523" s="236">
        <f t="shared" si="357"/>
        <v>3.5495528914746624</v>
      </c>
      <c r="P1523" s="236" t="str">
        <f t="shared" si="358"/>
        <v>CLAY</v>
      </c>
      <c r="Q1523" s="236">
        <f t="shared" si="354"/>
        <v>20.067326869493325</v>
      </c>
      <c r="R1523" s="238">
        <v>35</v>
      </c>
      <c r="S1523" s="236">
        <f t="shared" si="359"/>
        <v>0.90380009721200738</v>
      </c>
      <c r="T1523" s="236" t="e">
        <f t="shared" si="345"/>
        <v>#N/A</v>
      </c>
    </row>
    <row r="1524" spans="1:20" x14ac:dyDescent="0.2">
      <c r="A1524" s="53">
        <f t="shared" si="346"/>
        <v>1512</v>
      </c>
      <c r="B1524" s="239">
        <v>15.086</v>
      </c>
      <c r="C1524" s="3">
        <f t="shared" si="347"/>
        <v>15.079000000000001</v>
      </c>
      <c r="D1524" s="239">
        <v>0.40389999999999998</v>
      </c>
      <c r="E1524" s="239">
        <v>1.0500000000000001E-2</v>
      </c>
      <c r="F1524" s="239">
        <v>0.38479999999999998</v>
      </c>
      <c r="G1524">
        <f t="shared" si="348"/>
        <v>0.48085999999999995</v>
      </c>
      <c r="H1524" s="235">
        <f t="shared" si="349"/>
        <v>2.1835877386349458</v>
      </c>
      <c r="I1524" s="236">
        <f t="shared" si="350"/>
        <v>15.715470948757797</v>
      </c>
      <c r="J1524" s="237">
        <f t="shared" si="355"/>
        <v>5.7154709487577975</v>
      </c>
      <c r="K1524" s="237">
        <f t="shared" si="351"/>
        <v>236.97358643631884</v>
      </c>
      <c r="L1524" s="237">
        <f t="shared" si="356"/>
        <v>86.223594732960137</v>
      </c>
      <c r="M1524" s="236">
        <f t="shared" si="352"/>
        <v>2.8285345133082491</v>
      </c>
      <c r="N1524" s="236">
        <f t="shared" si="353"/>
        <v>4.3052828759804402</v>
      </c>
      <c r="O1524" s="236">
        <f t="shared" si="357"/>
        <v>3.5423570342744166</v>
      </c>
      <c r="P1524" s="236" t="str">
        <f t="shared" si="358"/>
        <v>CLAY</v>
      </c>
      <c r="Q1524" s="236">
        <f t="shared" si="354"/>
        <v>20.323867796973428</v>
      </c>
      <c r="R1524" s="238">
        <v>35</v>
      </c>
      <c r="S1524" s="236">
        <f t="shared" si="359"/>
        <v>0.91704756395340159</v>
      </c>
      <c r="T1524" s="236" t="e">
        <f t="shared" si="345"/>
        <v>#N/A</v>
      </c>
    </row>
    <row r="1525" spans="1:20" x14ac:dyDescent="0.2">
      <c r="A1525" s="53">
        <f t="shared" si="346"/>
        <v>1513</v>
      </c>
      <c r="B1525" s="239">
        <v>15.097</v>
      </c>
      <c r="C1525" s="3">
        <f t="shared" si="347"/>
        <v>15.09</v>
      </c>
      <c r="D1525" s="239">
        <v>0.4052</v>
      </c>
      <c r="E1525" s="239">
        <v>1.0200000000000001E-2</v>
      </c>
      <c r="F1525" s="239">
        <v>0.37759999999999999</v>
      </c>
      <c r="G1525">
        <f t="shared" si="348"/>
        <v>0.48071999999999998</v>
      </c>
      <c r="H1525" s="235">
        <f t="shared" si="349"/>
        <v>2.1218172740888672</v>
      </c>
      <c r="I1525" s="236">
        <f t="shared" si="350"/>
        <v>15.681366490044329</v>
      </c>
      <c r="J1525" s="237">
        <f t="shared" si="355"/>
        <v>5.6813664900443293</v>
      </c>
      <c r="K1525" s="237">
        <f t="shared" si="351"/>
        <v>236.63182033476892</v>
      </c>
      <c r="L1525" s="237">
        <f t="shared" si="356"/>
        <v>85.771589900199231</v>
      </c>
      <c r="M1525" s="236">
        <f t="shared" si="352"/>
        <v>2.8457928779126442</v>
      </c>
      <c r="N1525" s="236">
        <f t="shared" si="353"/>
        <v>4.1788176772793273</v>
      </c>
      <c r="O1525" s="236">
        <f t="shared" si="357"/>
        <v>3.5333422583047267</v>
      </c>
      <c r="P1525" s="236" t="str">
        <f t="shared" si="358"/>
        <v>CLAY</v>
      </c>
      <c r="Q1525" s="236">
        <f t="shared" si="354"/>
        <v>20.340681638769254</v>
      </c>
      <c r="R1525" s="238">
        <v>35</v>
      </c>
      <c r="S1525" s="236">
        <f t="shared" si="359"/>
        <v>0.92404712224081931</v>
      </c>
      <c r="T1525" s="236" t="e">
        <f t="shared" si="345"/>
        <v>#N/A</v>
      </c>
    </row>
    <row r="1526" spans="1:20" x14ac:dyDescent="0.2">
      <c r="A1526" s="53">
        <f t="shared" si="346"/>
        <v>1514</v>
      </c>
      <c r="B1526" s="239">
        <v>15.106999999999999</v>
      </c>
      <c r="C1526" s="3">
        <f t="shared" si="347"/>
        <v>15.1</v>
      </c>
      <c r="D1526" s="239">
        <v>0.40239999999999998</v>
      </c>
      <c r="E1526" s="239">
        <v>0.01</v>
      </c>
      <c r="F1526" s="239">
        <v>0.37180000000000002</v>
      </c>
      <c r="G1526">
        <f t="shared" si="348"/>
        <v>0.47675999999999996</v>
      </c>
      <c r="H1526" s="235">
        <f t="shared" si="349"/>
        <v>2.0974914002852589</v>
      </c>
      <c r="I1526" s="236">
        <f t="shared" si="350"/>
        <v>15.654912884375175</v>
      </c>
      <c r="J1526" s="237">
        <f t="shared" si="355"/>
        <v>5.6549128843751753</v>
      </c>
      <c r="K1526" s="237">
        <f t="shared" si="351"/>
        <v>236.38918455406514</v>
      </c>
      <c r="L1526" s="237">
        <f t="shared" si="356"/>
        <v>85.428768944255765</v>
      </c>
      <c r="M1526" s="236">
        <f t="shared" si="352"/>
        <v>2.8136986920972991</v>
      </c>
      <c r="N1526" s="236">
        <f t="shared" si="353"/>
        <v>4.1602388299295185</v>
      </c>
      <c r="O1526" s="236">
        <f t="shared" si="357"/>
        <v>3.5365406645722901</v>
      </c>
      <c r="P1526" s="236" t="str">
        <f t="shared" si="358"/>
        <v>CLAY</v>
      </c>
      <c r="Q1526" s="236">
        <f t="shared" si="354"/>
        <v>20.030901287161232</v>
      </c>
      <c r="R1526" s="238">
        <v>35</v>
      </c>
      <c r="S1526" s="236">
        <f t="shared" si="359"/>
        <v>0.91103905409621322</v>
      </c>
      <c r="T1526" s="236" t="e">
        <f t="shared" si="345"/>
        <v>#N/A</v>
      </c>
    </row>
    <row r="1527" spans="1:20" x14ac:dyDescent="0.2">
      <c r="A1527" s="53">
        <f t="shared" si="346"/>
        <v>1515</v>
      </c>
      <c r="B1527" s="239">
        <v>15.116</v>
      </c>
      <c r="C1527" s="3">
        <f t="shared" si="347"/>
        <v>15.109</v>
      </c>
      <c r="D1527" s="239">
        <v>0.39960000000000001</v>
      </c>
      <c r="E1527" s="239">
        <v>9.9000000000000008E-3</v>
      </c>
      <c r="F1527" s="239">
        <v>0.3725</v>
      </c>
      <c r="G1527">
        <f t="shared" si="348"/>
        <v>0.47409999999999997</v>
      </c>
      <c r="H1527" s="235">
        <f t="shared" si="349"/>
        <v>2.0881670533642693</v>
      </c>
      <c r="I1527" s="236">
        <f t="shared" si="350"/>
        <v>15.640941039582932</v>
      </c>
      <c r="J1527" s="237">
        <f t="shared" si="355"/>
        <v>5.6409410395829322</v>
      </c>
      <c r="K1527" s="237">
        <f t="shared" si="351"/>
        <v>236.31897816705853</v>
      </c>
      <c r="L1527" s="237">
        <f t="shared" si="356"/>
        <v>85.268464754335596</v>
      </c>
      <c r="M1527" s="236">
        <f t="shared" si="352"/>
        <v>2.7886161961283715</v>
      </c>
      <c r="N1527" s="236">
        <f t="shared" si="353"/>
        <v>4.1634945983853475</v>
      </c>
      <c r="O1527" s="236">
        <f t="shared" si="357"/>
        <v>3.5400394059466329</v>
      </c>
      <c r="P1527" s="236" t="str">
        <f t="shared" si="358"/>
        <v>CLAY</v>
      </c>
      <c r="Q1527" s="236">
        <f t="shared" si="354"/>
        <v>19.81508515274512</v>
      </c>
      <c r="R1527" s="238">
        <v>35</v>
      </c>
      <c r="S1527" s="236">
        <f t="shared" si="359"/>
        <v>0.90089865890338572</v>
      </c>
      <c r="T1527" s="236" t="e">
        <f t="shared" si="345"/>
        <v>#N/A</v>
      </c>
    </row>
    <row r="1528" spans="1:20" x14ac:dyDescent="0.2">
      <c r="A1528" s="53">
        <f t="shared" si="346"/>
        <v>1516</v>
      </c>
      <c r="B1528" s="239">
        <v>15.127000000000001</v>
      </c>
      <c r="C1528" s="3">
        <f t="shared" si="347"/>
        <v>15.120000000000001</v>
      </c>
      <c r="D1528" s="239">
        <v>0.40379999999999999</v>
      </c>
      <c r="E1528" s="239">
        <v>9.9000000000000008E-3</v>
      </c>
      <c r="F1528" s="239">
        <v>0.37980000000000003</v>
      </c>
      <c r="G1528">
        <f t="shared" si="348"/>
        <v>0.47975999999999996</v>
      </c>
      <c r="H1528" s="235">
        <f t="shared" si="349"/>
        <v>2.0635317658829417</v>
      </c>
      <c r="I1528" s="236">
        <f t="shared" si="350"/>
        <v>15.645579712042622</v>
      </c>
      <c r="J1528" s="237">
        <f t="shared" si="355"/>
        <v>5.6455797120426219</v>
      </c>
      <c r="K1528" s="237">
        <f t="shared" si="351"/>
        <v>236.56116524608447</v>
      </c>
      <c r="L1528" s="237">
        <f t="shared" si="356"/>
        <v>85.400684304068747</v>
      </c>
      <c r="M1528" s="236">
        <f t="shared" si="352"/>
        <v>2.8477387123504441</v>
      </c>
      <c r="N1528" s="236">
        <f t="shared" si="353"/>
        <v>4.0707431883945775</v>
      </c>
      <c r="O1528" s="236">
        <f t="shared" si="357"/>
        <v>3.5271724195455345</v>
      </c>
      <c r="P1528" s="236" t="str">
        <f t="shared" si="358"/>
        <v>CLAY</v>
      </c>
      <c r="Q1528" s="236">
        <f t="shared" si="354"/>
        <v>20.266569562826295</v>
      </c>
      <c r="R1528" s="238">
        <v>35</v>
      </c>
      <c r="S1528" s="236">
        <f t="shared" si="359"/>
        <v>0.92483697081809324</v>
      </c>
      <c r="T1528" s="236" t="e">
        <f t="shared" si="345"/>
        <v>#N/A</v>
      </c>
    </row>
    <row r="1529" spans="1:20" x14ac:dyDescent="0.2">
      <c r="A1529" s="53">
        <f t="shared" si="346"/>
        <v>1517</v>
      </c>
      <c r="B1529" s="239">
        <v>15.137</v>
      </c>
      <c r="C1529" s="3">
        <f t="shared" si="347"/>
        <v>15.13</v>
      </c>
      <c r="D1529" s="239">
        <v>0.41139999999999999</v>
      </c>
      <c r="E1529" s="239">
        <v>9.9000000000000008E-3</v>
      </c>
      <c r="F1529" s="239">
        <v>0.38840000000000002</v>
      </c>
      <c r="G1529">
        <f t="shared" si="348"/>
        <v>0.48907999999999996</v>
      </c>
      <c r="H1529" s="235">
        <f t="shared" si="349"/>
        <v>2.0242087184100765</v>
      </c>
      <c r="I1529" s="236">
        <f t="shared" si="350"/>
        <v>15.653099992976799</v>
      </c>
      <c r="J1529" s="237">
        <f t="shared" si="355"/>
        <v>5.6530999929767987</v>
      </c>
      <c r="K1529" s="237">
        <f t="shared" si="351"/>
        <v>236.83140289373898</v>
      </c>
      <c r="L1529" s="237">
        <f t="shared" si="356"/>
        <v>85.570974593689797</v>
      </c>
      <c r="M1529" s="236">
        <f t="shared" si="352"/>
        <v>2.9478289607427515</v>
      </c>
      <c r="N1529" s="236">
        <f t="shared" si="353"/>
        <v>3.9246997262107968</v>
      </c>
      <c r="O1529" s="236">
        <f t="shared" si="357"/>
        <v>3.506120412090576</v>
      </c>
      <c r="P1529" s="236" t="str">
        <f t="shared" si="358"/>
        <v>CLAY</v>
      </c>
      <c r="Q1529" s="236">
        <f t="shared" si="354"/>
        <v>21.020716425521751</v>
      </c>
      <c r="R1529" s="238">
        <v>35</v>
      </c>
      <c r="S1529" s="236">
        <f t="shared" si="359"/>
        <v>0.96564580958886559</v>
      </c>
      <c r="T1529" s="236" t="e">
        <f t="shared" si="345"/>
        <v>#N/A</v>
      </c>
    </row>
    <row r="1530" spans="1:20" x14ac:dyDescent="0.2">
      <c r="A1530" s="53">
        <f t="shared" si="346"/>
        <v>1518</v>
      </c>
      <c r="B1530" s="239">
        <v>15.146000000000001</v>
      </c>
      <c r="C1530" s="3">
        <f t="shared" si="347"/>
        <v>15.139000000000001</v>
      </c>
      <c r="D1530" s="239">
        <v>0.43009999999999998</v>
      </c>
      <c r="E1530" s="239">
        <v>9.7999999999999997E-3</v>
      </c>
      <c r="F1530" s="239">
        <v>0.39269999999999999</v>
      </c>
      <c r="G1530">
        <f t="shared" si="348"/>
        <v>0.50863999999999998</v>
      </c>
      <c r="H1530" s="235">
        <f t="shared" si="349"/>
        <v>1.926706511481598</v>
      </c>
      <c r="I1530" s="236">
        <f t="shared" si="350"/>
        <v>15.656522918265852</v>
      </c>
      <c r="J1530" s="237">
        <f t="shared" si="355"/>
        <v>5.6565229182658516</v>
      </c>
      <c r="K1530" s="237">
        <f t="shared" si="351"/>
        <v>237.02410045962674</v>
      </c>
      <c r="L1530" s="237">
        <f t="shared" si="356"/>
        <v>85.673696120054586</v>
      </c>
      <c r="M1530" s="236">
        <f t="shared" si="352"/>
        <v>3.1703534671803788</v>
      </c>
      <c r="N1530" s="236">
        <f t="shared" si="353"/>
        <v>3.6080362072262706</v>
      </c>
      <c r="O1530" s="236">
        <f t="shared" si="357"/>
        <v>3.4602042402286233</v>
      </c>
      <c r="P1530" s="236" t="str">
        <f t="shared" si="358"/>
        <v>CLAY</v>
      </c>
      <c r="Q1530" s="236">
        <f t="shared" si="354"/>
        <v>22.634658295031102</v>
      </c>
      <c r="R1530" s="238">
        <v>35</v>
      </c>
      <c r="S1530" s="236">
        <f t="shared" si="359"/>
        <v>1.0576077264933779</v>
      </c>
      <c r="T1530" s="236" t="e">
        <f t="shared" si="345"/>
        <v>#N/A</v>
      </c>
    </row>
    <row r="1531" spans="1:20" x14ac:dyDescent="0.2">
      <c r="A1531" s="53">
        <f t="shared" si="346"/>
        <v>1519</v>
      </c>
      <c r="B1531" s="239">
        <v>15.157</v>
      </c>
      <c r="C1531" s="3">
        <f t="shared" si="347"/>
        <v>15.15</v>
      </c>
      <c r="D1531" s="239">
        <v>0.45600000000000002</v>
      </c>
      <c r="E1531" s="239">
        <v>9.4999999999999998E-3</v>
      </c>
      <c r="F1531" s="239">
        <v>0.39760000000000001</v>
      </c>
      <c r="G1531">
        <f t="shared" si="348"/>
        <v>0.53552</v>
      </c>
      <c r="H1531" s="235">
        <f t="shared" si="349"/>
        <v>1.7739766955482521</v>
      </c>
      <c r="I1531" s="236">
        <f t="shared" si="350"/>
        <v>15.640194914174707</v>
      </c>
      <c r="J1531" s="237">
        <f t="shared" si="355"/>
        <v>5.6401949141747068</v>
      </c>
      <c r="K1531" s="237">
        <f t="shared" si="351"/>
        <v>236.94895294974683</v>
      </c>
      <c r="L1531" s="237">
        <f t="shared" si="356"/>
        <v>85.488434314146033</v>
      </c>
      <c r="M1531" s="236">
        <f t="shared" si="352"/>
        <v>3.4925314686790054</v>
      </c>
      <c r="N1531" s="236">
        <f t="shared" si="353"/>
        <v>3.1818222476210281</v>
      </c>
      <c r="O1531" s="236">
        <f t="shared" si="357"/>
        <v>3.3961919623647927</v>
      </c>
      <c r="P1531" s="236" t="str">
        <f t="shared" si="358"/>
        <v>CLAY</v>
      </c>
      <c r="Q1531" s="236">
        <f t="shared" si="354"/>
        <v>24.880920587521093</v>
      </c>
      <c r="R1531" s="238">
        <v>35</v>
      </c>
      <c r="S1531" s="236">
        <f t="shared" si="359"/>
        <v>1.1936181625490692</v>
      </c>
      <c r="T1531" s="236" t="e">
        <f t="shared" si="345"/>
        <v>#N/A</v>
      </c>
    </row>
    <row r="1532" spans="1:20" x14ac:dyDescent="0.2">
      <c r="A1532" s="53">
        <f t="shared" si="346"/>
        <v>1520</v>
      </c>
      <c r="B1532" s="239">
        <v>15.167</v>
      </c>
      <c r="C1532" s="3">
        <f t="shared" si="347"/>
        <v>15.16</v>
      </c>
      <c r="D1532" s="239">
        <v>0.51419999999999999</v>
      </c>
      <c r="E1532" s="239">
        <v>9.2999999999999992E-3</v>
      </c>
      <c r="F1532" s="239">
        <v>0.39650000000000002</v>
      </c>
      <c r="G1532">
        <f t="shared" si="348"/>
        <v>0.59349999999999992</v>
      </c>
      <c r="H1532" s="235">
        <f t="shared" si="349"/>
        <v>1.5669755686604887</v>
      </c>
      <c r="I1532" s="236">
        <f t="shared" si="350"/>
        <v>15.65542566643966</v>
      </c>
      <c r="J1532" s="237">
        <f t="shared" si="355"/>
        <v>5.65542566643966</v>
      </c>
      <c r="K1532" s="237">
        <f t="shared" si="351"/>
        <v>237.33625310322526</v>
      </c>
      <c r="L1532" s="237">
        <f t="shared" si="356"/>
        <v>85.775841082890324</v>
      </c>
      <c r="M1532" s="236">
        <f t="shared" si="352"/>
        <v>4.1522617837415581</v>
      </c>
      <c r="N1532" s="236">
        <f t="shared" si="353"/>
        <v>2.6111585137538933</v>
      </c>
      <c r="O1532" s="236">
        <f t="shared" si="357"/>
        <v>3.2880850123343066</v>
      </c>
      <c r="P1532" s="236" t="str">
        <f t="shared" si="358"/>
        <v>CLAY</v>
      </c>
      <c r="Q1532" s="236">
        <f t="shared" si="354"/>
        <v>29.680312241397885</v>
      </c>
      <c r="R1532" s="238">
        <v>35</v>
      </c>
      <c r="S1532" s="236">
        <f t="shared" si="359"/>
        <v>1.4818215844521307</v>
      </c>
      <c r="T1532" s="236" t="e">
        <f t="shared" si="345"/>
        <v>#N/A</v>
      </c>
    </row>
    <row r="1533" spans="1:20" x14ac:dyDescent="0.2">
      <c r="A1533" s="53">
        <f t="shared" si="346"/>
        <v>1521</v>
      </c>
      <c r="B1533" s="239">
        <v>15.176</v>
      </c>
      <c r="C1533" s="3">
        <f t="shared" si="347"/>
        <v>15.169</v>
      </c>
      <c r="D1533" s="239">
        <v>0.56640000000000001</v>
      </c>
      <c r="E1533" s="239">
        <v>8.8999999999999999E-3</v>
      </c>
      <c r="F1533" s="239">
        <v>0.38840000000000002</v>
      </c>
      <c r="G1533">
        <f t="shared" si="348"/>
        <v>0.64407999999999999</v>
      </c>
      <c r="H1533" s="235">
        <f t="shared" si="349"/>
        <v>1.3818159234877656</v>
      </c>
      <c r="I1533" s="236">
        <f t="shared" si="350"/>
        <v>15.635841904594587</v>
      </c>
      <c r="J1533" s="237">
        <f t="shared" si="355"/>
        <v>5.6358419045945869</v>
      </c>
      <c r="K1533" s="237">
        <f t="shared" si="351"/>
        <v>237.18008585079531</v>
      </c>
      <c r="L1533" s="237">
        <f t="shared" si="356"/>
        <v>85.529536744127455</v>
      </c>
      <c r="M1533" s="236">
        <f t="shared" si="352"/>
        <v>4.7574198299062216</v>
      </c>
      <c r="N1533" s="236">
        <f t="shared" si="353"/>
        <v>2.1872700608967173</v>
      </c>
      <c r="O1533" s="236">
        <f t="shared" si="357"/>
        <v>3.1987606323508375</v>
      </c>
      <c r="P1533" s="236" t="str">
        <f t="shared" si="358"/>
        <v>CLAY</v>
      </c>
      <c r="Q1533" s="236">
        <f t="shared" si="354"/>
        <v>33.908326179100392</v>
      </c>
      <c r="R1533" s="238">
        <v>35</v>
      </c>
      <c r="S1533" s="236">
        <f t="shared" si="359"/>
        <v>1.7565250866529321</v>
      </c>
      <c r="T1533" s="236" t="e">
        <f t="shared" si="345"/>
        <v>#N/A</v>
      </c>
    </row>
    <row r="1534" spans="1:20" x14ac:dyDescent="0.2">
      <c r="A1534" s="53">
        <f t="shared" si="346"/>
        <v>1522</v>
      </c>
      <c r="B1534" s="239">
        <v>15.186</v>
      </c>
      <c r="C1534" s="3">
        <f t="shared" si="347"/>
        <v>15.179</v>
      </c>
      <c r="D1534" s="239">
        <v>0.61439999999999995</v>
      </c>
      <c r="E1534" s="239">
        <v>8.5000000000000006E-3</v>
      </c>
      <c r="F1534" s="239">
        <v>0.37380000000000002</v>
      </c>
      <c r="G1534">
        <f t="shared" si="348"/>
        <v>0.68915999999999999</v>
      </c>
      <c r="H1534" s="235">
        <f t="shared" si="349"/>
        <v>1.2333855708398631</v>
      </c>
      <c r="I1534" s="236">
        <f t="shared" si="350"/>
        <v>15.608362209906989</v>
      </c>
      <c r="J1534" s="237">
        <f t="shared" si="355"/>
        <v>5.6083622099069892</v>
      </c>
      <c r="K1534" s="237">
        <f t="shared" si="351"/>
        <v>236.9193299841782</v>
      </c>
      <c r="L1534" s="237">
        <f t="shared" si="356"/>
        <v>85.168588519647543</v>
      </c>
      <c r="M1534" s="236">
        <f t="shared" si="352"/>
        <v>5.3099467523932766</v>
      </c>
      <c r="N1534" s="236">
        <f t="shared" si="353"/>
        <v>1.879530206715514</v>
      </c>
      <c r="O1534" s="236">
        <f t="shared" si="357"/>
        <v>3.1251741290323372</v>
      </c>
      <c r="P1534" s="236" t="str">
        <f t="shared" si="358"/>
        <v>CLAY</v>
      </c>
      <c r="Q1534" s="236">
        <f t="shared" si="354"/>
        <v>37.686722501318478</v>
      </c>
      <c r="R1534" s="238">
        <v>35</v>
      </c>
      <c r="S1534" s="236">
        <f t="shared" si="359"/>
        <v>2.0151283651067966</v>
      </c>
      <c r="T1534" s="236" t="e">
        <f t="shared" si="345"/>
        <v>#N/A</v>
      </c>
    </row>
    <row r="1535" spans="1:20" x14ac:dyDescent="0.2">
      <c r="A1535" s="53">
        <f t="shared" si="346"/>
        <v>1523</v>
      </c>
      <c r="B1535" s="239">
        <v>15.196999999999999</v>
      </c>
      <c r="C1535" s="3">
        <f t="shared" si="347"/>
        <v>15.19</v>
      </c>
      <c r="D1535" s="239">
        <v>0.66269999999999996</v>
      </c>
      <c r="E1535" s="239">
        <v>8.2000000000000007E-3</v>
      </c>
      <c r="F1535" s="239">
        <v>0.35699999999999998</v>
      </c>
      <c r="G1535">
        <f t="shared" si="348"/>
        <v>0.73409999999999997</v>
      </c>
      <c r="H1535" s="235">
        <f t="shared" si="349"/>
        <v>1.1170140307859966</v>
      </c>
      <c r="I1535" s="236">
        <f t="shared" si="350"/>
        <v>15.590920157482827</v>
      </c>
      <c r="J1535" s="237">
        <f t="shared" si="355"/>
        <v>5.5909201574828273</v>
      </c>
      <c r="K1535" s="237">
        <f t="shared" si="351"/>
        <v>236.82607719216415</v>
      </c>
      <c r="L1535" s="237">
        <f t="shared" si="356"/>
        <v>84.965213633266529</v>
      </c>
      <c r="M1535" s="236">
        <f t="shared" si="352"/>
        <v>5.8526766607591707</v>
      </c>
      <c r="N1535" s="236">
        <f t="shared" si="353"/>
        <v>1.6489905510626925</v>
      </c>
      <c r="O1535" s="236">
        <f t="shared" si="357"/>
        <v>3.0610273745583512</v>
      </c>
      <c r="P1535" s="236" t="str">
        <f t="shared" si="358"/>
        <v>CLAY</v>
      </c>
      <c r="Q1535" s="236">
        <f t="shared" si="354"/>
        <v>41.439493567319658</v>
      </c>
      <c r="R1535" s="238">
        <v>35</v>
      </c>
      <c r="S1535" s="236">
        <f t="shared" si="359"/>
        <v>2.2757951792900535</v>
      </c>
      <c r="T1535" s="236" t="e">
        <f t="shared" si="345"/>
        <v>#N/A</v>
      </c>
    </row>
    <row r="1536" spans="1:20" x14ac:dyDescent="0.2">
      <c r="A1536" s="53">
        <f t="shared" si="346"/>
        <v>1524</v>
      </c>
      <c r="B1536" s="239">
        <v>15.206</v>
      </c>
      <c r="C1536" s="3">
        <f t="shared" si="347"/>
        <v>15.199</v>
      </c>
      <c r="D1536" s="239">
        <v>0.71850000000000003</v>
      </c>
      <c r="E1536" s="239">
        <v>8.0000000000000002E-3</v>
      </c>
      <c r="F1536" s="239">
        <v>0.33460000000000001</v>
      </c>
      <c r="G1536">
        <f t="shared" si="348"/>
        <v>0.78542000000000001</v>
      </c>
      <c r="H1536" s="235">
        <f t="shared" si="349"/>
        <v>1.0185633164421584</v>
      </c>
      <c r="I1536" s="236">
        <f t="shared" si="350"/>
        <v>15.588377779648043</v>
      </c>
      <c r="J1536" s="237">
        <f t="shared" si="355"/>
        <v>5.5883777796480434</v>
      </c>
      <c r="K1536" s="237">
        <f t="shared" si="351"/>
        <v>236.9277538728706</v>
      </c>
      <c r="L1536" s="237">
        <f t="shared" si="356"/>
        <v>84.976872517328147</v>
      </c>
      <c r="M1536" s="236">
        <f t="shared" si="352"/>
        <v>6.4546061755247939</v>
      </c>
      <c r="N1536" s="236">
        <f t="shared" si="353"/>
        <v>1.4585438639265214</v>
      </c>
      <c r="O1536" s="236">
        <f t="shared" si="357"/>
        <v>2.9985873538710042</v>
      </c>
      <c r="P1536" s="236" t="str">
        <f t="shared" si="358"/>
        <v>CLAY</v>
      </c>
      <c r="Q1536" s="236">
        <f t="shared" si="354"/>
        <v>45.707687177260787</v>
      </c>
      <c r="R1536" s="238">
        <v>35</v>
      </c>
      <c r="S1536" s="236">
        <f t="shared" si="359"/>
        <v>2.5720369009999824</v>
      </c>
      <c r="T1536" s="236" t="e">
        <f t="shared" si="345"/>
        <v>#N/A</v>
      </c>
    </row>
    <row r="1537" spans="1:20" x14ac:dyDescent="0.2">
      <c r="A1537" s="53">
        <f t="shared" si="346"/>
        <v>1525</v>
      </c>
      <c r="B1537" s="239">
        <v>15.217000000000001</v>
      </c>
      <c r="C1537" s="3">
        <f t="shared" si="347"/>
        <v>15.21</v>
      </c>
      <c r="D1537" s="239">
        <v>0.75049999999999994</v>
      </c>
      <c r="E1537" s="239">
        <v>8.3000000000000001E-3</v>
      </c>
      <c r="F1537" s="239">
        <v>0.3196</v>
      </c>
      <c r="G1537">
        <f t="shared" si="348"/>
        <v>0.81441999999999992</v>
      </c>
      <c r="H1537" s="235">
        <f t="shared" si="349"/>
        <v>1.0191301785319615</v>
      </c>
      <c r="I1537" s="236">
        <f t="shared" si="350"/>
        <v>15.645717491020044</v>
      </c>
      <c r="J1537" s="237">
        <f t="shared" si="355"/>
        <v>5.6457174910200436</v>
      </c>
      <c r="K1537" s="237">
        <f t="shared" si="351"/>
        <v>237.97136303841486</v>
      </c>
      <c r="L1537" s="237">
        <f t="shared" si="356"/>
        <v>85.910883060852001</v>
      </c>
      <c r="M1537" s="236">
        <f t="shared" si="352"/>
        <v>6.7098441597123104</v>
      </c>
      <c r="N1537" s="236">
        <f t="shared" si="353"/>
        <v>1.4398507460697003</v>
      </c>
      <c r="O1537" s="236">
        <f t="shared" si="357"/>
        <v>2.9810615933022646</v>
      </c>
      <c r="P1537" s="236" t="str">
        <f t="shared" si="358"/>
        <v>CLAY</v>
      </c>
      <c r="Q1537" s="236">
        <f t="shared" si="354"/>
        <v>48.03738641346542</v>
      </c>
      <c r="R1537" s="238">
        <v>35</v>
      </c>
      <c r="S1537" s="236">
        <f t="shared" si="359"/>
        <v>2.699793519758046</v>
      </c>
      <c r="T1537" s="236" t="e">
        <f t="shared" si="345"/>
        <v>#N/A</v>
      </c>
    </row>
    <row r="1538" spans="1:20" x14ac:dyDescent="0.2">
      <c r="A1538" s="53">
        <f t="shared" si="346"/>
        <v>1526</v>
      </c>
      <c r="B1538" s="239">
        <v>15.227</v>
      </c>
      <c r="C1538" s="3">
        <f t="shared" si="347"/>
        <v>15.22</v>
      </c>
      <c r="D1538" s="239">
        <v>0.77470000000000006</v>
      </c>
      <c r="E1538" s="239">
        <v>8.2000000000000007E-3</v>
      </c>
      <c r="F1538" s="239">
        <v>0.3115</v>
      </c>
      <c r="G1538">
        <f t="shared" si="348"/>
        <v>0.83700000000000008</v>
      </c>
      <c r="H1538" s="235">
        <f t="shared" si="349"/>
        <v>0.97968936678614094</v>
      </c>
      <c r="I1538" s="236">
        <f t="shared" si="350"/>
        <v>15.642193368012457</v>
      </c>
      <c r="J1538" s="237">
        <f t="shared" si="355"/>
        <v>5.6421933680124567</v>
      </c>
      <c r="K1538" s="237">
        <f t="shared" si="351"/>
        <v>238.0741830611496</v>
      </c>
      <c r="L1538" s="237">
        <f t="shared" si="356"/>
        <v>85.91367841472568</v>
      </c>
      <c r="M1538" s="236">
        <f t="shared" si="352"/>
        <v>6.9712510043824887</v>
      </c>
      <c r="N1538" s="236">
        <f t="shared" si="353"/>
        <v>1.3691178052585451</v>
      </c>
      <c r="O1538" s="236">
        <f t="shared" si="357"/>
        <v>2.9562524024976589</v>
      </c>
      <c r="P1538" s="236" t="str">
        <f t="shared" si="358"/>
        <v>CLAY</v>
      </c>
      <c r="Q1538" s="236">
        <f t="shared" si="354"/>
        <v>49.91048474490421</v>
      </c>
      <c r="R1538" s="238">
        <v>35</v>
      </c>
      <c r="S1538" s="236">
        <f t="shared" si="359"/>
        <v>2.8319032295069575</v>
      </c>
      <c r="T1538" s="236" t="e">
        <f t="shared" si="345"/>
        <v>#N/A</v>
      </c>
    </row>
    <row r="1539" spans="1:20" x14ac:dyDescent="0.2">
      <c r="A1539" s="53">
        <f t="shared" si="346"/>
        <v>1527</v>
      </c>
      <c r="B1539" s="239">
        <v>15.236000000000001</v>
      </c>
      <c r="C1539" s="3">
        <f t="shared" si="347"/>
        <v>15.229000000000001</v>
      </c>
      <c r="D1539" s="239">
        <v>0.78039999999999998</v>
      </c>
      <c r="E1539" s="239">
        <v>8.6E-3</v>
      </c>
      <c r="F1539" s="239">
        <v>0.31190000000000001</v>
      </c>
      <c r="G1539">
        <f t="shared" si="348"/>
        <v>0.84277999999999997</v>
      </c>
      <c r="H1539" s="235">
        <f t="shared" si="349"/>
        <v>1.0204323785566813</v>
      </c>
      <c r="I1539" s="236">
        <f t="shared" si="350"/>
        <v>15.700731671480169</v>
      </c>
      <c r="J1539" s="237">
        <f t="shared" si="355"/>
        <v>5.7007316714801686</v>
      </c>
      <c r="K1539" s="237">
        <f t="shared" si="351"/>
        <v>239.10644262497149</v>
      </c>
      <c r="L1539" s="237">
        <f t="shared" si="356"/>
        <v>86.856347746671858</v>
      </c>
      <c r="M1539" s="236">
        <f t="shared" si="352"/>
        <v>6.9502526071637627</v>
      </c>
      <c r="N1539" s="236">
        <f t="shared" si="353"/>
        <v>1.4246110161584074</v>
      </c>
      <c r="O1539" s="236">
        <f t="shared" si="357"/>
        <v>2.9653705371345422</v>
      </c>
      <c r="P1539" s="236" t="str">
        <f t="shared" si="358"/>
        <v>CLAY</v>
      </c>
      <c r="Q1539" s="236">
        <f t="shared" si="354"/>
        <v>50.306129781252373</v>
      </c>
      <c r="R1539" s="238">
        <v>35</v>
      </c>
      <c r="S1539" s="236">
        <f t="shared" si="359"/>
        <v>2.8212446292446924</v>
      </c>
      <c r="T1539" s="236" t="e">
        <f t="shared" si="345"/>
        <v>#N/A</v>
      </c>
    </row>
    <row r="1540" spans="1:20" x14ac:dyDescent="0.2">
      <c r="A1540" s="53">
        <f t="shared" si="346"/>
        <v>1528</v>
      </c>
      <c r="B1540" s="239">
        <v>15.247</v>
      </c>
      <c r="C1540" s="3">
        <f t="shared" si="347"/>
        <v>15.24</v>
      </c>
      <c r="D1540" s="239">
        <v>0.77649999999999997</v>
      </c>
      <c r="E1540" s="239">
        <v>8.9999999999999993E-3</v>
      </c>
      <c r="F1540" s="239">
        <v>0.31359999999999999</v>
      </c>
      <c r="G1540">
        <f t="shared" si="348"/>
        <v>0.83921999999999997</v>
      </c>
      <c r="H1540" s="235">
        <f t="shared" si="349"/>
        <v>1.0724243940802174</v>
      </c>
      <c r="I1540" s="236">
        <f t="shared" si="350"/>
        <v>15.752386072606544</v>
      </c>
      <c r="J1540" s="237">
        <f t="shared" si="355"/>
        <v>5.7523860726065443</v>
      </c>
      <c r="K1540" s="237">
        <f t="shared" si="351"/>
        <v>240.06636374652373</v>
      </c>
      <c r="L1540" s="237">
        <f t="shared" si="356"/>
        <v>87.706630449031977</v>
      </c>
      <c r="M1540" s="236">
        <f t="shared" si="352"/>
        <v>6.8313379864895847</v>
      </c>
      <c r="N1540" s="236">
        <f t="shared" si="353"/>
        <v>1.5021188982974787</v>
      </c>
      <c r="O1540" s="236">
        <f t="shared" si="357"/>
        <v>2.9827190196910451</v>
      </c>
      <c r="P1540" s="236" t="str">
        <f t="shared" si="358"/>
        <v>CLAY</v>
      </c>
      <c r="Q1540" s="236">
        <f t="shared" si="354"/>
        <v>49.929469687789684</v>
      </c>
      <c r="R1540" s="238">
        <v>35</v>
      </c>
      <c r="S1540" s="236">
        <f t="shared" si="359"/>
        <v>2.7610369893782818</v>
      </c>
      <c r="T1540" s="236" t="e">
        <f t="shared" si="345"/>
        <v>#N/A</v>
      </c>
    </row>
    <row r="1541" spans="1:20" x14ac:dyDescent="0.2">
      <c r="A1541" s="53">
        <f t="shared" si="346"/>
        <v>1529</v>
      </c>
      <c r="B1541" s="239">
        <v>15.256</v>
      </c>
      <c r="C1541" s="3">
        <f t="shared" si="347"/>
        <v>15.249000000000001</v>
      </c>
      <c r="D1541" s="239">
        <v>0.76429999999999998</v>
      </c>
      <c r="E1541" s="239">
        <v>9.4000000000000004E-3</v>
      </c>
      <c r="F1541" s="239">
        <v>0.3125</v>
      </c>
      <c r="G1541">
        <f t="shared" si="348"/>
        <v>0.82679999999999998</v>
      </c>
      <c r="H1541" s="235">
        <f t="shared" si="349"/>
        <v>1.1369134010643445</v>
      </c>
      <c r="I1541" s="236">
        <f t="shared" si="350"/>
        <v>15.797548680261396</v>
      </c>
      <c r="J1541" s="237">
        <f t="shared" si="355"/>
        <v>5.7975486802613965</v>
      </c>
      <c r="K1541" s="237">
        <f t="shared" si="351"/>
        <v>240.89681982530604</v>
      </c>
      <c r="L1541" s="237">
        <f t="shared" si="356"/>
        <v>88.447402666067859</v>
      </c>
      <c r="M1541" s="236">
        <f t="shared" si="352"/>
        <v>6.6243118793071245</v>
      </c>
      <c r="N1541" s="236">
        <f t="shared" si="353"/>
        <v>1.6043606380831181</v>
      </c>
      <c r="O1541" s="236">
        <f t="shared" si="357"/>
        <v>3.0079795544462167</v>
      </c>
      <c r="P1541" s="236" t="str">
        <f t="shared" si="358"/>
        <v>CLAY</v>
      </c>
      <c r="Q1541" s="236">
        <f t="shared" si="354"/>
        <v>48.825265014557829</v>
      </c>
      <c r="R1541" s="238">
        <v>35</v>
      </c>
      <c r="S1541" s="236">
        <f t="shared" si="359"/>
        <v>2.6568434969645236</v>
      </c>
      <c r="T1541" s="236" t="e">
        <f t="shared" si="345"/>
        <v>#N/A</v>
      </c>
    </row>
    <row r="1542" spans="1:20" x14ac:dyDescent="0.2">
      <c r="A1542" s="53">
        <f t="shared" si="346"/>
        <v>1530</v>
      </c>
      <c r="B1542" s="239">
        <v>15.266</v>
      </c>
      <c r="C1542" s="3">
        <f t="shared" si="347"/>
        <v>15.259</v>
      </c>
      <c r="D1542" s="239">
        <v>0.77070000000000005</v>
      </c>
      <c r="E1542" s="239">
        <v>9.2999999999999992E-3</v>
      </c>
      <c r="F1542" s="239">
        <v>0.31209999999999999</v>
      </c>
      <c r="G1542">
        <f t="shared" si="348"/>
        <v>0.83312000000000008</v>
      </c>
      <c r="H1542" s="235">
        <f t="shared" si="349"/>
        <v>1.1162857691569039</v>
      </c>
      <c r="I1542" s="236">
        <f t="shared" si="350"/>
        <v>15.787983819776567</v>
      </c>
      <c r="J1542" s="237">
        <f t="shared" si="355"/>
        <v>5.7879838197765672</v>
      </c>
      <c r="K1542" s="237">
        <f t="shared" si="351"/>
        <v>240.90884510597064</v>
      </c>
      <c r="L1542" s="237">
        <f t="shared" si="356"/>
        <v>88.359360992709071</v>
      </c>
      <c r="M1542" s="236">
        <f t="shared" si="352"/>
        <v>6.7023023734055238</v>
      </c>
      <c r="N1542" s="236">
        <f t="shared" si="353"/>
        <v>1.5703858198456502</v>
      </c>
      <c r="O1542" s="236">
        <f t="shared" si="357"/>
        <v>2.9991041118566462</v>
      </c>
      <c r="P1542" s="236" t="str">
        <f t="shared" si="358"/>
        <v>CLAY</v>
      </c>
      <c r="Q1542" s="236">
        <f t="shared" si="354"/>
        <v>49.350929574502459</v>
      </c>
      <c r="R1542" s="238">
        <v>35</v>
      </c>
      <c r="S1542" s="236">
        <f t="shared" si="359"/>
        <v>2.6960008824438306</v>
      </c>
      <c r="T1542" s="236" t="e">
        <f t="shared" si="345"/>
        <v>#N/A</v>
      </c>
    </row>
    <row r="1543" spans="1:20" x14ac:dyDescent="0.2">
      <c r="A1543" s="53">
        <f t="shared" si="346"/>
        <v>1531</v>
      </c>
      <c r="B1543" s="239">
        <v>15.276999999999999</v>
      </c>
      <c r="C1543" s="3">
        <f t="shared" si="347"/>
        <v>15.27</v>
      </c>
      <c r="D1543" s="239">
        <v>0.79479999999999995</v>
      </c>
      <c r="E1543" s="239">
        <v>9.1999999999999998E-3</v>
      </c>
      <c r="F1543" s="239">
        <v>0.30769999999999997</v>
      </c>
      <c r="G1543">
        <f t="shared" si="348"/>
        <v>0.85633999999999988</v>
      </c>
      <c r="H1543" s="235">
        <f t="shared" si="349"/>
        <v>1.0743396314547962</v>
      </c>
      <c r="I1543" s="236">
        <f t="shared" si="350"/>
        <v>15.786051795730913</v>
      </c>
      <c r="J1543" s="237">
        <f t="shared" si="355"/>
        <v>5.7860517957309128</v>
      </c>
      <c r="K1543" s="237">
        <f t="shared" si="351"/>
        <v>241.05301092081103</v>
      </c>
      <c r="L1543" s="237">
        <f t="shared" si="356"/>
        <v>88.393513283381154</v>
      </c>
      <c r="M1543" s="236">
        <f t="shared" si="352"/>
        <v>6.9607708328849602</v>
      </c>
      <c r="N1543" s="236">
        <f t="shared" si="353"/>
        <v>1.4952372085371592</v>
      </c>
      <c r="O1543" s="236">
        <f t="shared" si="357"/>
        <v>2.9745832861254771</v>
      </c>
      <c r="P1543" s="236" t="str">
        <f t="shared" si="358"/>
        <v>CLAY</v>
      </c>
      <c r="Q1543" s="236">
        <f t="shared" si="354"/>
        <v>51.273915756599074</v>
      </c>
      <c r="R1543" s="238">
        <v>35</v>
      </c>
      <c r="S1543" s="236">
        <f t="shared" si="359"/>
        <v>2.8265825825714535</v>
      </c>
      <c r="T1543" s="236" t="e">
        <f t="shared" si="345"/>
        <v>#N/A</v>
      </c>
    </row>
    <row r="1544" spans="1:20" x14ac:dyDescent="0.2">
      <c r="A1544" s="53">
        <f t="shared" si="346"/>
        <v>1532</v>
      </c>
      <c r="B1544" s="239">
        <v>15.287000000000001</v>
      </c>
      <c r="C1544" s="3">
        <f t="shared" si="347"/>
        <v>15.280000000000001</v>
      </c>
      <c r="D1544" s="239">
        <v>0.79359999999999997</v>
      </c>
      <c r="E1544" s="239">
        <v>9.2999999999999992E-3</v>
      </c>
      <c r="F1544" s="239">
        <v>0.29749999999999999</v>
      </c>
      <c r="G1544">
        <f t="shared" si="348"/>
        <v>0.85309999999999997</v>
      </c>
      <c r="H1544" s="235">
        <f t="shared" si="349"/>
        <v>1.0901418356581878</v>
      </c>
      <c r="I1544" s="236">
        <f t="shared" si="350"/>
        <v>15.797246963238649</v>
      </c>
      <c r="J1544" s="237">
        <f t="shared" si="355"/>
        <v>5.7972469632386492</v>
      </c>
      <c r="K1544" s="237">
        <f t="shared" si="351"/>
        <v>241.38193359828657</v>
      </c>
      <c r="L1544" s="237">
        <f t="shared" si="356"/>
        <v>88.622514327029236</v>
      </c>
      <c r="M1544" s="236">
        <f t="shared" si="352"/>
        <v>6.9025131034354308</v>
      </c>
      <c r="N1544" s="236">
        <f t="shared" si="353"/>
        <v>1.5203082123608094</v>
      </c>
      <c r="O1544" s="236">
        <f t="shared" si="357"/>
        <v>2.9811969461610541</v>
      </c>
      <c r="P1544" s="236" t="str">
        <f t="shared" si="358"/>
        <v>CLAY</v>
      </c>
      <c r="Q1544" s="236">
        <f t="shared" si="354"/>
        <v>50.976505533476121</v>
      </c>
      <c r="R1544" s="238">
        <v>35</v>
      </c>
      <c r="S1544" s="236">
        <f t="shared" si="359"/>
        <v>2.7970424549691977</v>
      </c>
      <c r="T1544" s="236" t="e">
        <f t="shared" si="345"/>
        <v>#N/A</v>
      </c>
    </row>
    <row r="1545" spans="1:20" x14ac:dyDescent="0.2">
      <c r="A1545" s="53">
        <f t="shared" si="346"/>
        <v>1533</v>
      </c>
      <c r="B1545" s="239">
        <v>15.295999999999999</v>
      </c>
      <c r="C1545" s="3">
        <f t="shared" si="347"/>
        <v>15.289</v>
      </c>
      <c r="D1545" s="239">
        <v>0.78</v>
      </c>
      <c r="E1545" s="239">
        <v>9.2999999999999992E-3</v>
      </c>
      <c r="F1545" s="239">
        <v>0.29449999999999998</v>
      </c>
      <c r="G1545">
        <f t="shared" si="348"/>
        <v>0.83889999999999998</v>
      </c>
      <c r="H1545" s="235">
        <f t="shared" si="349"/>
        <v>1.1085945881511503</v>
      </c>
      <c r="I1545" s="236">
        <f t="shared" si="350"/>
        <v>15.790686190435018</v>
      </c>
      <c r="J1545" s="237">
        <f t="shared" si="355"/>
        <v>5.790686190435018</v>
      </c>
      <c r="K1545" s="237">
        <f t="shared" si="351"/>
        <v>241.42380116556097</v>
      </c>
      <c r="L1545" s="237">
        <f t="shared" si="356"/>
        <v>88.574335968894033</v>
      </c>
      <c r="M1545" s="236">
        <f t="shared" si="352"/>
        <v>6.7454775957255109</v>
      </c>
      <c r="N1545" s="236">
        <f t="shared" si="353"/>
        <v>1.5565473600693231</v>
      </c>
      <c r="O1545" s="236">
        <f t="shared" si="357"/>
        <v>2.9948316094638607</v>
      </c>
      <c r="P1545" s="236" t="str">
        <f t="shared" si="358"/>
        <v>CLAY</v>
      </c>
      <c r="Q1545" s="236">
        <f t="shared" si="354"/>
        <v>49.789683236203246</v>
      </c>
      <c r="R1545" s="238">
        <v>35</v>
      </c>
      <c r="S1545" s="236">
        <f t="shared" si="359"/>
        <v>2.7177273746477835</v>
      </c>
      <c r="T1545" s="236" t="e">
        <f t="shared" si="345"/>
        <v>#N/A</v>
      </c>
    </row>
    <row r="1546" spans="1:20" x14ac:dyDescent="0.2">
      <c r="A1546" s="53">
        <f t="shared" si="346"/>
        <v>1534</v>
      </c>
      <c r="B1546" s="239">
        <v>15.307</v>
      </c>
      <c r="C1546" s="3">
        <f t="shared" si="347"/>
        <v>15.3</v>
      </c>
      <c r="D1546" s="239">
        <v>0.75560000000000005</v>
      </c>
      <c r="E1546" s="239">
        <v>8.6999999999999994E-3</v>
      </c>
      <c r="F1546" s="239">
        <v>0.30690000000000001</v>
      </c>
      <c r="G1546">
        <f t="shared" si="348"/>
        <v>0.81698000000000004</v>
      </c>
      <c r="H1546" s="235">
        <f t="shared" si="349"/>
        <v>1.0648975495116157</v>
      </c>
      <c r="I1546" s="236">
        <f t="shared" si="350"/>
        <v>15.702135318915333</v>
      </c>
      <c r="J1546" s="237">
        <f t="shared" si="355"/>
        <v>5.7021353189153334</v>
      </c>
      <c r="K1546" s="237">
        <f t="shared" si="351"/>
        <v>240.24267037940461</v>
      </c>
      <c r="L1546" s="237">
        <f t="shared" si="356"/>
        <v>87.282585326637005</v>
      </c>
      <c r="M1546" s="236">
        <f t="shared" si="352"/>
        <v>6.6077021832279064</v>
      </c>
      <c r="N1546" s="236">
        <f t="shared" si="353"/>
        <v>1.5084856750512863</v>
      </c>
      <c r="O1546" s="236">
        <f t="shared" si="357"/>
        <v>2.9963561241138601</v>
      </c>
      <c r="P1546" s="236" t="str">
        <f t="shared" si="358"/>
        <v>CLAY</v>
      </c>
      <c r="Q1546" s="236">
        <f t="shared" si="354"/>
        <v>48.061444135049612</v>
      </c>
      <c r="R1546" s="238">
        <v>35</v>
      </c>
      <c r="S1546" s="236">
        <f t="shared" si="359"/>
        <v>2.6485189486983285</v>
      </c>
      <c r="T1546" s="236" t="e">
        <f t="shared" si="345"/>
        <v>#N/A</v>
      </c>
    </row>
    <row r="1547" spans="1:20" x14ac:dyDescent="0.2">
      <c r="A1547" s="53">
        <f t="shared" si="346"/>
        <v>1535</v>
      </c>
      <c r="B1547" s="239">
        <v>15.317</v>
      </c>
      <c r="C1547" s="3">
        <f t="shared" si="347"/>
        <v>15.31</v>
      </c>
      <c r="D1547" s="239">
        <v>0.73719999999999997</v>
      </c>
      <c r="E1547" s="239">
        <v>8.8999999999999999E-3</v>
      </c>
      <c r="F1547" s="239">
        <v>0.31209999999999999</v>
      </c>
      <c r="G1547">
        <f t="shared" si="348"/>
        <v>0.79962</v>
      </c>
      <c r="H1547" s="235">
        <f t="shared" si="349"/>
        <v>1.1130286886270979</v>
      </c>
      <c r="I1547" s="236">
        <f t="shared" si="350"/>
        <v>15.720391355617057</v>
      </c>
      <c r="J1547" s="237">
        <f t="shared" si="355"/>
        <v>5.7203913556170569</v>
      </c>
      <c r="K1547" s="237">
        <f t="shared" si="351"/>
        <v>240.67919165449715</v>
      </c>
      <c r="L1547" s="237">
        <f t="shared" si="356"/>
        <v>87.61923439398646</v>
      </c>
      <c r="M1547" s="236">
        <f t="shared" si="352"/>
        <v>6.379202149064481</v>
      </c>
      <c r="N1547" s="236">
        <f t="shared" si="353"/>
        <v>1.5922974073667149</v>
      </c>
      <c r="O1547" s="236">
        <f t="shared" si="357"/>
        <v>3.020864631575555</v>
      </c>
      <c r="P1547" s="236" t="str">
        <f t="shared" si="358"/>
        <v>CLAY</v>
      </c>
      <c r="Q1547" s="236">
        <f t="shared" si="354"/>
        <v>46.578400695458576</v>
      </c>
      <c r="R1547" s="238">
        <v>35</v>
      </c>
      <c r="S1547" s="236">
        <f t="shared" si="359"/>
        <v>2.5345330833326432</v>
      </c>
      <c r="T1547" s="236" t="e">
        <f t="shared" si="345"/>
        <v>#N/A</v>
      </c>
    </row>
    <row r="1548" spans="1:20" x14ac:dyDescent="0.2">
      <c r="A1548" s="53">
        <f t="shared" si="346"/>
        <v>1536</v>
      </c>
      <c r="B1548" s="239">
        <v>15.326000000000001</v>
      </c>
      <c r="C1548" s="3">
        <f t="shared" si="347"/>
        <v>15.319000000000001</v>
      </c>
      <c r="D1548" s="239">
        <v>0.72399999999999998</v>
      </c>
      <c r="E1548" s="239">
        <v>9.1000000000000004E-3</v>
      </c>
      <c r="F1548" s="239">
        <v>0.3145</v>
      </c>
      <c r="G1548">
        <f t="shared" si="348"/>
        <v>0.78689999999999993</v>
      </c>
      <c r="H1548" s="235">
        <f t="shared" si="349"/>
        <v>1.1564366501461432</v>
      </c>
      <c r="I1548" s="236">
        <f t="shared" si="350"/>
        <v>15.740182404428452</v>
      </c>
      <c r="J1548" s="237">
        <f t="shared" si="355"/>
        <v>5.7401824044284524</v>
      </c>
      <c r="K1548" s="237">
        <f t="shared" si="351"/>
        <v>241.12385425343948</v>
      </c>
      <c r="L1548" s="237">
        <f t="shared" si="356"/>
        <v>87.97403553027047</v>
      </c>
      <c r="M1548" s="236">
        <f t="shared" si="352"/>
        <v>6.203832101788346</v>
      </c>
      <c r="N1548" s="236">
        <f t="shared" si="353"/>
        <v>1.6673502627257961</v>
      </c>
      <c r="O1548" s="236">
        <f t="shared" si="357"/>
        <v>3.0409851525860305</v>
      </c>
      <c r="P1548" s="236" t="str">
        <f t="shared" si="358"/>
        <v>CLAY</v>
      </c>
      <c r="Q1548" s="236">
        <f t="shared" si="354"/>
        <v>45.481345478880037</v>
      </c>
      <c r="R1548" s="238">
        <v>35</v>
      </c>
      <c r="S1548" s="236">
        <f t="shared" si="359"/>
        <v>2.447738694339296</v>
      </c>
      <c r="T1548" s="236" t="e">
        <f t="shared" si="345"/>
        <v>#N/A</v>
      </c>
    </row>
    <row r="1549" spans="1:20" x14ac:dyDescent="0.2">
      <c r="A1549" s="53">
        <f t="shared" si="346"/>
        <v>1537</v>
      </c>
      <c r="B1549" s="239">
        <v>15.337</v>
      </c>
      <c r="C1549" s="3">
        <f t="shared" si="347"/>
        <v>15.33</v>
      </c>
      <c r="D1549" s="239">
        <v>0.72740000000000005</v>
      </c>
      <c r="E1549" s="239">
        <v>9.1999999999999998E-3</v>
      </c>
      <c r="F1549" s="239">
        <v>0.31090000000000001</v>
      </c>
      <c r="G1549">
        <f t="shared" si="348"/>
        <v>0.78958000000000006</v>
      </c>
      <c r="H1549" s="235">
        <f t="shared" si="349"/>
        <v>1.1651764229083816</v>
      </c>
      <c r="I1549" s="236">
        <f t="shared" si="350"/>
        <v>15.754326713455386</v>
      </c>
      <c r="J1549" s="237">
        <f t="shared" si="355"/>
        <v>5.7543267134553862</v>
      </c>
      <c r="K1549" s="237">
        <f t="shared" si="351"/>
        <v>241.51382851727107</v>
      </c>
      <c r="L1549" s="237">
        <f t="shared" si="356"/>
        <v>88.254108804265258</v>
      </c>
      <c r="M1549" s="236">
        <f t="shared" si="352"/>
        <v>6.2100924127879402</v>
      </c>
      <c r="N1549" s="236">
        <f t="shared" si="353"/>
        <v>1.6786294208070669</v>
      </c>
      <c r="O1549" s="236">
        <f t="shared" si="357"/>
        <v>3.0419892246368221</v>
      </c>
      <c r="P1549" s="236" t="str">
        <f t="shared" si="358"/>
        <v>CLAY</v>
      </c>
      <c r="Q1549" s="236">
        <f t="shared" si="354"/>
        <v>45.672180956894088</v>
      </c>
      <c r="R1549" s="238">
        <v>35</v>
      </c>
      <c r="S1549" s="236">
        <f t="shared" si="359"/>
        <v>2.4508266119404971</v>
      </c>
      <c r="T1549" s="236" t="e">
        <f t="shared" ref="T1549:T1612" si="360">IF(P1549="SAND",17.6+(11*LOG(M1549)),#N/A)</f>
        <v>#N/A</v>
      </c>
    </row>
    <row r="1550" spans="1:20" x14ac:dyDescent="0.2">
      <c r="A1550" s="53">
        <f t="shared" ref="A1550:A1613" si="361">$A1549+1</f>
        <v>1538</v>
      </c>
      <c r="B1550" s="239">
        <v>15.348000000000001</v>
      </c>
      <c r="C1550" s="3">
        <f t="shared" ref="C1550:C1613" si="362">MAX($B1550 - $B$13, 0.001)</f>
        <v>15.341000000000001</v>
      </c>
      <c r="D1550" s="239">
        <v>0.74790000000000001</v>
      </c>
      <c r="E1550" s="239">
        <v>8.9999999999999993E-3</v>
      </c>
      <c r="F1550" s="239">
        <v>0.30570000000000003</v>
      </c>
      <c r="G1550">
        <f t="shared" si="348"/>
        <v>0.80903999999999998</v>
      </c>
      <c r="H1550" s="235">
        <f t="shared" si="349"/>
        <v>1.1124295461287452</v>
      </c>
      <c r="I1550" s="236">
        <f t="shared" si="350"/>
        <v>15.738070824677983</v>
      </c>
      <c r="J1550" s="237">
        <f t="shared" si="355"/>
        <v>5.7380708246779832</v>
      </c>
      <c r="K1550" s="237">
        <f t="shared" si="351"/>
        <v>241.43774452138496</v>
      </c>
      <c r="L1550" s="237">
        <f t="shared" si="356"/>
        <v>88.067911017157698</v>
      </c>
      <c r="M1550" s="236">
        <f t="shared" si="352"/>
        <v>6.4450518801113921</v>
      </c>
      <c r="N1550" s="236">
        <f t="shared" si="353"/>
        <v>1.5856173778610161</v>
      </c>
      <c r="O1550" s="236">
        <f t="shared" si="357"/>
        <v>3.0160702152527952</v>
      </c>
      <c r="P1550" s="236" t="str">
        <f t="shared" si="358"/>
        <v>CLAY</v>
      </c>
      <c r="Q1550" s="236">
        <f t="shared" si="354"/>
        <v>47.300187956551248</v>
      </c>
      <c r="R1550" s="238">
        <v>35</v>
      </c>
      <c r="S1550" s="236">
        <f t="shared" si="359"/>
        <v>2.5672787772816434</v>
      </c>
      <c r="T1550" s="236" t="e">
        <f t="shared" si="360"/>
        <v>#N/A</v>
      </c>
    </row>
    <row r="1551" spans="1:20" x14ac:dyDescent="0.2">
      <c r="A1551" s="53">
        <f t="shared" si="361"/>
        <v>1539</v>
      </c>
      <c r="B1551" s="239">
        <v>15.356999999999999</v>
      </c>
      <c r="C1551" s="3">
        <f t="shared" si="362"/>
        <v>15.35</v>
      </c>
      <c r="D1551" s="239">
        <v>0.75890000000000002</v>
      </c>
      <c r="E1551" s="239">
        <v>8.9999999999999993E-3</v>
      </c>
      <c r="F1551" s="239">
        <v>0.3054</v>
      </c>
      <c r="G1551">
        <f t="shared" ref="G1551:G1614" si="363">$D1551+($F1551*(1-$P$8))</f>
        <v>0.81998000000000004</v>
      </c>
      <c r="H1551" s="235">
        <f t="shared" ref="H1551:H1614" si="364">($E1551/$G1551)*100</f>
        <v>1.0975877460425862</v>
      </c>
      <c r="I1551" s="236">
        <f t="shared" ref="I1551:I1614" si="365">((0.27*(LOG($H1551)))+(0.36*(LOG(($G1551*1000)/101)))+1.236)*10</f>
        <v>15.743320763604242</v>
      </c>
      <c r="J1551" s="237">
        <f t="shared" si="355"/>
        <v>5.7433207636042418</v>
      </c>
      <c r="K1551" s="237">
        <f t="shared" ref="K1551:K1614" si="366">$I1551*$C1551</f>
        <v>241.65997372132512</v>
      </c>
      <c r="L1551" s="237">
        <f t="shared" si="356"/>
        <v>88.200176966670341</v>
      </c>
      <c r="M1551" s="236">
        <f t="shared" ref="M1551:M1614" si="367">(($G1551*1000)-$K1551)/$L1551</f>
        <v>6.5569032417839059</v>
      </c>
      <c r="N1551" s="236">
        <f t="shared" ref="N1551:N1614" si="368">(($E1551*1000)/(($G1551*1000)-$K1551))*100</f>
        <v>1.5562317732471487</v>
      </c>
      <c r="O1551" s="236">
        <f t="shared" si="357"/>
        <v>3.0056548632996747</v>
      </c>
      <c r="P1551" s="236" t="str">
        <f t="shared" si="358"/>
        <v>CLAY</v>
      </c>
      <c r="Q1551" s="236">
        <f t="shared" ref="Q1551:Q1614" si="369">IF(P1551="CLAY",($G1551*1000 -$K1551)/$L$8,#N/A)</f>
        <v>48.193335523222913</v>
      </c>
      <c r="R1551" s="238">
        <v>35</v>
      </c>
      <c r="S1551" s="236">
        <f t="shared" si="359"/>
        <v>2.6230917249381225</v>
      </c>
      <c r="T1551" s="236" t="e">
        <f t="shared" si="360"/>
        <v>#N/A</v>
      </c>
    </row>
    <row r="1552" spans="1:20" x14ac:dyDescent="0.2">
      <c r="A1552" s="53">
        <f t="shared" si="361"/>
        <v>1540</v>
      </c>
      <c r="B1552" s="239">
        <v>15.368</v>
      </c>
      <c r="C1552" s="3">
        <f t="shared" si="362"/>
        <v>15.361000000000001</v>
      </c>
      <c r="D1552" s="239">
        <v>0.77739999999999998</v>
      </c>
      <c r="E1552" s="239">
        <v>8.6999999999999994E-3</v>
      </c>
      <c r="F1552" s="239">
        <v>0.30420000000000003</v>
      </c>
      <c r="G1552">
        <f t="shared" si="363"/>
        <v>0.83823999999999999</v>
      </c>
      <c r="H1552" s="235">
        <f t="shared" si="364"/>
        <v>1.0378889100973467</v>
      </c>
      <c r="I1552" s="236">
        <f t="shared" si="365"/>
        <v>15.71217657944624</v>
      </c>
      <c r="J1552" s="237">
        <f t="shared" ref="J1552:J1615" si="370">$I1552-10</f>
        <v>5.7121765794462398</v>
      </c>
      <c r="K1552" s="237">
        <f t="shared" si="366"/>
        <v>241.35474443687369</v>
      </c>
      <c r="L1552" s="237">
        <f t="shared" ref="L1552:L1615" si="371">$J1552*$B1552</f>
        <v>87.784729672929814</v>
      </c>
      <c r="M1552" s="236">
        <f t="shared" si="367"/>
        <v>6.7994201017308349</v>
      </c>
      <c r="N1552" s="236">
        <f t="shared" si="368"/>
        <v>1.4575665789887973</v>
      </c>
      <c r="O1552" s="236">
        <f t="shared" ref="O1552:O1615" si="372">((3.47-LOG($M1552))^2+(LOG($N1552)+1.22)^2)^0.5</f>
        <v>2.9784194071357839</v>
      </c>
      <c r="P1552" s="236" t="str">
        <f t="shared" ref="P1552:P1615" si="373">IF(O1552&lt;2.6,"SAND","CLAY")</f>
        <v>CLAY</v>
      </c>
      <c r="Q1552" s="236">
        <f t="shared" si="369"/>
        <v>49.740437963593855</v>
      </c>
      <c r="R1552" s="238">
        <v>35</v>
      </c>
      <c r="S1552" s="236">
        <f t="shared" ref="S1552:S1615" si="374">IF(P1552="SAND",#N/A,0.25*($M1552)^1.25)</f>
        <v>2.7449210155567672</v>
      </c>
      <c r="T1552" s="236" t="e">
        <f t="shared" si="360"/>
        <v>#N/A</v>
      </c>
    </row>
    <row r="1553" spans="1:21" x14ac:dyDescent="0.2">
      <c r="A1553" s="53">
        <f t="shared" si="361"/>
        <v>1541</v>
      </c>
      <c r="B1553" s="239">
        <v>15.377000000000001</v>
      </c>
      <c r="C1553" s="3">
        <f t="shared" si="362"/>
        <v>15.370000000000001</v>
      </c>
      <c r="D1553" s="239">
        <v>0.79349999999999998</v>
      </c>
      <c r="E1553" s="239">
        <v>8.3000000000000001E-3</v>
      </c>
      <c r="F1553" s="239">
        <v>0.30769999999999997</v>
      </c>
      <c r="G1553">
        <f t="shared" si="363"/>
        <v>0.85504000000000002</v>
      </c>
      <c r="H1553" s="235">
        <f t="shared" si="364"/>
        <v>0.97071482035928147</v>
      </c>
      <c r="I1553" s="236">
        <f t="shared" si="365"/>
        <v>15.664741692708958</v>
      </c>
      <c r="J1553" s="237">
        <f t="shared" si="370"/>
        <v>5.664741692708958</v>
      </c>
      <c r="K1553" s="237">
        <f t="shared" si="366"/>
        <v>240.7670798169367</v>
      </c>
      <c r="L1553" s="237">
        <f t="shared" si="371"/>
        <v>87.106733008785653</v>
      </c>
      <c r="M1553" s="236">
        <f t="shared" si="367"/>
        <v>7.0519568231437102</v>
      </c>
      <c r="N1553" s="236">
        <f t="shared" si="368"/>
        <v>1.3511909327740614</v>
      </c>
      <c r="O1553" s="236">
        <f t="shared" si="372"/>
        <v>2.9491856474853932</v>
      </c>
      <c r="P1553" s="236" t="str">
        <f t="shared" si="373"/>
        <v>CLAY</v>
      </c>
      <c r="Q1553" s="236">
        <f t="shared" si="369"/>
        <v>51.189410015255284</v>
      </c>
      <c r="R1553" s="238">
        <v>35</v>
      </c>
      <c r="S1553" s="236">
        <f t="shared" si="374"/>
        <v>2.872943362894854</v>
      </c>
      <c r="T1553" s="236" t="e">
        <f t="shared" si="360"/>
        <v>#N/A</v>
      </c>
    </row>
    <row r="1554" spans="1:21" x14ac:dyDescent="0.2">
      <c r="A1554" s="53">
        <f t="shared" si="361"/>
        <v>1542</v>
      </c>
      <c r="B1554" s="239">
        <v>15.387</v>
      </c>
      <c r="C1554" s="3">
        <f t="shared" si="362"/>
        <v>15.38</v>
      </c>
      <c r="D1554" s="239">
        <v>0.80230000000000001</v>
      </c>
      <c r="E1554" s="239">
        <v>8.0999999999999996E-3</v>
      </c>
      <c r="F1554" s="239">
        <v>0.3095</v>
      </c>
      <c r="G1554">
        <f t="shared" si="363"/>
        <v>0.86419999999999997</v>
      </c>
      <c r="H1554" s="235">
        <f t="shared" si="364"/>
        <v>0.93728303633418186</v>
      </c>
      <c r="I1554" s="236">
        <f t="shared" si="365"/>
        <v>15.640305441132531</v>
      </c>
      <c r="J1554" s="237">
        <f t="shared" si="370"/>
        <v>5.6403054411325311</v>
      </c>
      <c r="K1554" s="237">
        <f t="shared" si="366"/>
        <v>240.54789768461833</v>
      </c>
      <c r="L1554" s="237">
        <f t="shared" si="371"/>
        <v>86.787379822706257</v>
      </c>
      <c r="M1554" s="236">
        <f t="shared" si="367"/>
        <v>7.1859768504292951</v>
      </c>
      <c r="N1554" s="236">
        <f t="shared" si="368"/>
        <v>1.2988010414665161</v>
      </c>
      <c r="O1554" s="236">
        <f t="shared" si="372"/>
        <v>2.9340743587588736</v>
      </c>
      <c r="P1554" s="236" t="str">
        <f t="shared" si="373"/>
        <v>CLAY</v>
      </c>
      <c r="Q1554" s="236">
        <f t="shared" si="369"/>
        <v>51.9710085262818</v>
      </c>
      <c r="R1554" s="238">
        <v>35</v>
      </c>
      <c r="S1554" s="236">
        <f t="shared" si="374"/>
        <v>2.9413538627410141</v>
      </c>
      <c r="T1554" s="236" t="e">
        <f t="shared" si="360"/>
        <v>#N/A</v>
      </c>
    </row>
    <row r="1555" spans="1:21" x14ac:dyDescent="0.2">
      <c r="A1555" s="53">
        <f t="shared" si="361"/>
        <v>1543</v>
      </c>
      <c r="B1555" s="239">
        <v>15.396000000000001</v>
      </c>
      <c r="C1555" s="3">
        <f t="shared" si="362"/>
        <v>15.389000000000001</v>
      </c>
      <c r="D1555" s="239">
        <v>0.7994</v>
      </c>
      <c r="E1555" s="239">
        <v>8.0000000000000002E-3</v>
      </c>
      <c r="F1555" s="239">
        <v>0.31469999999999998</v>
      </c>
      <c r="G1555">
        <f t="shared" si="363"/>
        <v>0.86234</v>
      </c>
      <c r="H1555" s="235">
        <f t="shared" si="364"/>
        <v>0.92770832850151919</v>
      </c>
      <c r="I1555" s="236">
        <f t="shared" si="365"/>
        <v>15.624896697609167</v>
      </c>
      <c r="J1555" s="237">
        <f t="shared" si="370"/>
        <v>5.6248966976091666</v>
      </c>
      <c r="K1555" s="237">
        <f t="shared" si="366"/>
        <v>240.45153527950748</v>
      </c>
      <c r="L1555" s="237">
        <f t="shared" si="371"/>
        <v>86.600909556390732</v>
      </c>
      <c r="M1555" s="236">
        <f t="shared" si="367"/>
        <v>7.1810846780488591</v>
      </c>
      <c r="N1555" s="236">
        <f t="shared" si="368"/>
        <v>1.2864043078199878</v>
      </c>
      <c r="O1555" s="236">
        <f t="shared" si="372"/>
        <v>2.932447265579103</v>
      </c>
      <c r="P1555" s="236" t="str">
        <f t="shared" si="373"/>
        <v>CLAY</v>
      </c>
      <c r="Q1555" s="236">
        <f t="shared" si="369"/>
        <v>51.824038726707705</v>
      </c>
      <c r="R1555" s="238">
        <v>35</v>
      </c>
      <c r="S1555" s="236">
        <f t="shared" si="374"/>
        <v>2.9388510044529634</v>
      </c>
      <c r="T1555" s="236" t="e">
        <f t="shared" si="360"/>
        <v>#N/A</v>
      </c>
    </row>
    <row r="1556" spans="1:21" x14ac:dyDescent="0.2">
      <c r="A1556" s="53">
        <f t="shared" si="361"/>
        <v>1544</v>
      </c>
      <c r="B1556" s="239">
        <v>15.407</v>
      </c>
      <c r="C1556" s="3">
        <f t="shared" si="362"/>
        <v>15.4</v>
      </c>
      <c r="D1556" s="239">
        <v>0.78610000000000002</v>
      </c>
      <c r="E1556" s="239">
        <v>8.2000000000000007E-3</v>
      </c>
      <c r="F1556" s="239">
        <v>0.31869999999999998</v>
      </c>
      <c r="G1556">
        <f t="shared" si="363"/>
        <v>0.84984000000000004</v>
      </c>
      <c r="H1556" s="235">
        <f t="shared" si="364"/>
        <v>0.96488750823684466</v>
      </c>
      <c r="I1556" s="236">
        <f t="shared" si="365"/>
        <v>15.648143907441268</v>
      </c>
      <c r="J1556" s="237">
        <f t="shared" si="370"/>
        <v>5.648143907441268</v>
      </c>
      <c r="K1556" s="237">
        <f t="shared" si="366"/>
        <v>240.98141617459552</v>
      </c>
      <c r="L1556" s="237">
        <f t="shared" si="371"/>
        <v>87.020953181947618</v>
      </c>
      <c r="M1556" s="236">
        <f t="shared" si="367"/>
        <v>6.996689435846255</v>
      </c>
      <c r="N1556" s="236">
        <f t="shared" si="368"/>
        <v>1.3467823592927159</v>
      </c>
      <c r="O1556" s="236">
        <f t="shared" si="372"/>
        <v>2.9515745631375316</v>
      </c>
      <c r="P1556" s="236" t="str">
        <f t="shared" si="373"/>
        <v>CLAY</v>
      </c>
      <c r="Q1556" s="236">
        <f t="shared" si="369"/>
        <v>50.738215318783709</v>
      </c>
      <c r="R1556" s="238">
        <v>35</v>
      </c>
      <c r="S1556" s="236">
        <f t="shared" si="374"/>
        <v>2.844826305570701</v>
      </c>
      <c r="T1556" s="236" t="e">
        <f t="shared" si="360"/>
        <v>#N/A</v>
      </c>
    </row>
    <row r="1557" spans="1:21" x14ac:dyDescent="0.2">
      <c r="A1557" s="53">
        <f t="shared" si="361"/>
        <v>1545</v>
      </c>
      <c r="B1557" s="239">
        <v>15.417</v>
      </c>
      <c r="C1557" s="3">
        <f t="shared" si="362"/>
        <v>15.41</v>
      </c>
      <c r="D1557" s="239">
        <v>0.7772</v>
      </c>
      <c r="E1557" s="239">
        <v>8.6E-3</v>
      </c>
      <c r="F1557" s="239">
        <v>0.32129999999999997</v>
      </c>
      <c r="G1557">
        <f t="shared" si="363"/>
        <v>0.84145999999999999</v>
      </c>
      <c r="H1557" s="235">
        <f t="shared" si="364"/>
        <v>1.0220331328880756</v>
      </c>
      <c r="I1557" s="236">
        <f t="shared" si="365"/>
        <v>15.700119001136109</v>
      </c>
      <c r="J1557" s="237">
        <f t="shared" si="370"/>
        <v>5.7001190011361089</v>
      </c>
      <c r="K1557" s="237">
        <f t="shared" si="366"/>
        <v>241.93883380750745</v>
      </c>
      <c r="L1557" s="237">
        <f t="shared" si="371"/>
        <v>87.87873464051539</v>
      </c>
      <c r="M1557" s="236">
        <f t="shared" si="367"/>
        <v>6.8221415413518125</v>
      </c>
      <c r="N1557" s="236">
        <f t="shared" si="368"/>
        <v>1.4344781277061258</v>
      </c>
      <c r="O1557" s="236">
        <f t="shared" si="372"/>
        <v>2.9739199921353214</v>
      </c>
      <c r="P1557" s="236" t="str">
        <f t="shared" si="373"/>
        <v>CLAY</v>
      </c>
      <c r="Q1557" s="236">
        <f t="shared" si="369"/>
        <v>49.96009718270772</v>
      </c>
      <c r="R1557" s="238">
        <v>35</v>
      </c>
      <c r="S1557" s="236">
        <f t="shared" si="374"/>
        <v>2.756391587011747</v>
      </c>
      <c r="T1557" s="236" t="e">
        <f t="shared" si="360"/>
        <v>#N/A</v>
      </c>
      <c r="U1557" s="230"/>
    </row>
    <row r="1558" spans="1:21" x14ac:dyDescent="0.2">
      <c r="A1558" s="53">
        <f t="shared" si="361"/>
        <v>1546</v>
      </c>
      <c r="B1558" s="239">
        <v>15.428000000000001</v>
      </c>
      <c r="C1558" s="3">
        <f t="shared" si="362"/>
        <v>15.421000000000001</v>
      </c>
      <c r="D1558" s="239">
        <v>0.77259999999999995</v>
      </c>
      <c r="E1558" s="239">
        <v>8.6999999999999994E-3</v>
      </c>
      <c r="F1558" s="239">
        <v>0.31730000000000003</v>
      </c>
      <c r="G1558">
        <f t="shared" si="363"/>
        <v>0.83605999999999991</v>
      </c>
      <c r="H1558" s="235">
        <f t="shared" si="364"/>
        <v>1.0405951725952685</v>
      </c>
      <c r="I1558" s="236">
        <f t="shared" si="365"/>
        <v>15.711158737655634</v>
      </c>
      <c r="J1558" s="237">
        <f t="shared" si="370"/>
        <v>5.7111587376556336</v>
      </c>
      <c r="K1558" s="237">
        <f t="shared" si="366"/>
        <v>242.28177889338755</v>
      </c>
      <c r="L1558" s="237">
        <f t="shared" si="371"/>
        <v>88.111757004551123</v>
      </c>
      <c r="M1558" s="236">
        <f t="shared" si="367"/>
        <v>6.7389215842778247</v>
      </c>
      <c r="N1558" s="236">
        <f t="shared" si="368"/>
        <v>1.4651935168295642</v>
      </c>
      <c r="O1558" s="236">
        <f t="shared" si="372"/>
        <v>2.9829095827119261</v>
      </c>
      <c r="P1558" s="236" t="str">
        <f t="shared" si="373"/>
        <v>CLAY</v>
      </c>
      <c r="Q1558" s="236">
        <f t="shared" si="369"/>
        <v>49.48151842555103</v>
      </c>
      <c r="R1558" s="238">
        <v>35</v>
      </c>
      <c r="S1558" s="236">
        <f t="shared" si="374"/>
        <v>2.7144260356439451</v>
      </c>
      <c r="T1558" s="236" t="e">
        <f t="shared" si="360"/>
        <v>#N/A</v>
      </c>
    </row>
    <row r="1559" spans="1:21" x14ac:dyDescent="0.2">
      <c r="A1559" s="53">
        <f t="shared" si="361"/>
        <v>1547</v>
      </c>
      <c r="B1559" s="239">
        <v>15.436999999999999</v>
      </c>
      <c r="C1559" s="3">
        <f t="shared" si="362"/>
        <v>15.43</v>
      </c>
      <c r="D1559" s="239">
        <v>0.74199999999999999</v>
      </c>
      <c r="E1559" s="239">
        <v>9.1000000000000004E-3</v>
      </c>
      <c r="F1559" s="239">
        <v>0.31369999999999998</v>
      </c>
      <c r="G1559">
        <f t="shared" si="363"/>
        <v>0.80474000000000001</v>
      </c>
      <c r="H1559" s="235">
        <f t="shared" si="364"/>
        <v>1.1308000099410991</v>
      </c>
      <c r="I1559" s="236">
        <f t="shared" si="365"/>
        <v>15.748944843466512</v>
      </c>
      <c r="J1559" s="237">
        <f t="shared" si="370"/>
        <v>5.7489448434665125</v>
      </c>
      <c r="K1559" s="237">
        <f t="shared" si="366"/>
        <v>243.00621893468829</v>
      </c>
      <c r="L1559" s="237">
        <f t="shared" si="371"/>
        <v>88.746461548592549</v>
      </c>
      <c r="M1559" s="236">
        <f t="shared" si="367"/>
        <v>6.3296470784667633</v>
      </c>
      <c r="N1559" s="236">
        <f t="shared" si="368"/>
        <v>1.6199844671513461</v>
      </c>
      <c r="O1559" s="236">
        <f t="shared" si="372"/>
        <v>3.0273811565544384</v>
      </c>
      <c r="P1559" s="236" t="str">
        <f t="shared" si="373"/>
        <v>CLAY</v>
      </c>
      <c r="Q1559" s="236">
        <f t="shared" si="369"/>
        <v>46.811148422109312</v>
      </c>
      <c r="R1559" s="238">
        <v>35</v>
      </c>
      <c r="S1559" s="236">
        <f t="shared" si="374"/>
        <v>2.509946002305131</v>
      </c>
      <c r="T1559" s="236" t="e">
        <f t="shared" si="360"/>
        <v>#N/A</v>
      </c>
    </row>
    <row r="1560" spans="1:21" x14ac:dyDescent="0.2">
      <c r="A1560" s="53">
        <f t="shared" si="361"/>
        <v>1548</v>
      </c>
      <c r="B1560" s="239">
        <v>15.448</v>
      </c>
      <c r="C1560" s="3">
        <f t="shared" si="362"/>
        <v>15.441000000000001</v>
      </c>
      <c r="D1560" s="239">
        <v>0.71040000000000003</v>
      </c>
      <c r="E1560" s="239">
        <v>8.8000000000000005E-3</v>
      </c>
      <c r="F1560" s="239">
        <v>0.31569999999999998</v>
      </c>
      <c r="G1560">
        <f t="shared" si="363"/>
        <v>0.77354000000000001</v>
      </c>
      <c r="H1560" s="235">
        <f t="shared" si="364"/>
        <v>1.1376270134705382</v>
      </c>
      <c r="I1560" s="236">
        <f t="shared" si="365"/>
        <v>15.694180767697885</v>
      </c>
      <c r="J1560" s="237">
        <f t="shared" si="370"/>
        <v>5.6941807676978851</v>
      </c>
      <c r="K1560" s="237">
        <f t="shared" si="366"/>
        <v>242.33384523402304</v>
      </c>
      <c r="L1560" s="237">
        <f t="shared" si="371"/>
        <v>87.963704499396925</v>
      </c>
      <c r="M1560" s="236">
        <f t="shared" si="367"/>
        <v>6.0389243244026725</v>
      </c>
      <c r="N1560" s="236">
        <f t="shared" si="368"/>
        <v>1.6566073116899116</v>
      </c>
      <c r="O1560" s="236">
        <f t="shared" si="372"/>
        <v>3.0499657903880593</v>
      </c>
      <c r="P1560" s="236" t="str">
        <f t="shared" si="373"/>
        <v>CLAY</v>
      </c>
      <c r="Q1560" s="236">
        <f t="shared" si="369"/>
        <v>44.267179563831405</v>
      </c>
      <c r="R1560" s="238">
        <v>35</v>
      </c>
      <c r="S1560" s="236">
        <f t="shared" si="374"/>
        <v>2.3666797392846286</v>
      </c>
      <c r="T1560" s="236" t="e">
        <f t="shared" si="360"/>
        <v>#N/A</v>
      </c>
    </row>
    <row r="1561" spans="1:21" x14ac:dyDescent="0.2">
      <c r="A1561" s="53">
        <f t="shared" si="361"/>
        <v>1549</v>
      </c>
      <c r="B1561" s="239">
        <v>15.457000000000001</v>
      </c>
      <c r="C1561" s="3">
        <f t="shared" si="362"/>
        <v>15.450000000000001</v>
      </c>
      <c r="D1561" s="239">
        <v>0.66349999999999998</v>
      </c>
      <c r="E1561" s="239">
        <v>8.6E-3</v>
      </c>
      <c r="F1561" s="239">
        <v>0.32440000000000002</v>
      </c>
      <c r="G1561">
        <f t="shared" si="363"/>
        <v>0.72838000000000003</v>
      </c>
      <c r="H1561" s="235">
        <f t="shared" si="364"/>
        <v>1.1807023806254975</v>
      </c>
      <c r="I1561" s="236">
        <f t="shared" si="365"/>
        <v>15.643711083849784</v>
      </c>
      <c r="J1561" s="237">
        <f t="shared" si="370"/>
        <v>5.6437110838497837</v>
      </c>
      <c r="K1561" s="237">
        <f t="shared" si="366"/>
        <v>241.69533624547918</v>
      </c>
      <c r="L1561" s="237">
        <f t="shared" si="371"/>
        <v>87.23484222306611</v>
      </c>
      <c r="M1561" s="236">
        <f t="shared" si="367"/>
        <v>5.5790169541435199</v>
      </c>
      <c r="N1561" s="236">
        <f t="shared" si="368"/>
        <v>1.7670579413075074</v>
      </c>
      <c r="O1561" s="236">
        <f t="shared" si="372"/>
        <v>3.0935356705536199</v>
      </c>
      <c r="P1561" s="236" t="str">
        <f t="shared" si="373"/>
        <v>CLAY</v>
      </c>
      <c r="Q1561" s="236">
        <f t="shared" si="369"/>
        <v>40.557055312876734</v>
      </c>
      <c r="R1561" s="238">
        <v>35</v>
      </c>
      <c r="S1561" s="236">
        <f t="shared" si="374"/>
        <v>2.1435672352536654</v>
      </c>
      <c r="T1561" s="236" t="e">
        <f t="shared" si="360"/>
        <v>#N/A</v>
      </c>
    </row>
    <row r="1562" spans="1:21" x14ac:dyDescent="0.2">
      <c r="A1562" s="53">
        <f t="shared" si="361"/>
        <v>1550</v>
      </c>
      <c r="B1562" s="239">
        <v>15.468</v>
      </c>
      <c r="C1562" s="3">
        <f t="shared" si="362"/>
        <v>15.461</v>
      </c>
      <c r="D1562" s="239">
        <v>0.60840000000000005</v>
      </c>
      <c r="E1562" s="239">
        <v>8.6E-3</v>
      </c>
      <c r="F1562" s="239">
        <v>0.33350000000000002</v>
      </c>
      <c r="G1562">
        <f t="shared" si="363"/>
        <v>0.67510000000000003</v>
      </c>
      <c r="H1562" s="235">
        <f t="shared" si="364"/>
        <v>1.2738853503184713</v>
      </c>
      <c r="I1562" s="236">
        <f t="shared" si="365"/>
        <v>15.614020169930058</v>
      </c>
      <c r="J1562" s="237">
        <f t="shared" si="370"/>
        <v>5.6140201699300576</v>
      </c>
      <c r="K1562" s="237">
        <f t="shared" si="366"/>
        <v>241.40836584728862</v>
      </c>
      <c r="L1562" s="237">
        <f t="shared" si="371"/>
        <v>86.837663988478127</v>
      </c>
      <c r="M1562" s="236">
        <f t="shared" si="367"/>
        <v>4.9942802953595677</v>
      </c>
      <c r="N1562" s="236">
        <f t="shared" si="368"/>
        <v>1.9829757649813853</v>
      </c>
      <c r="O1562" s="236">
        <f t="shared" si="372"/>
        <v>3.1596858241799719</v>
      </c>
      <c r="P1562" s="236" t="str">
        <f t="shared" si="373"/>
        <v>CLAY</v>
      </c>
      <c r="Q1562" s="236">
        <f t="shared" si="369"/>
        <v>36.140969512725952</v>
      </c>
      <c r="R1562" s="238">
        <v>35</v>
      </c>
      <c r="S1562" s="236">
        <f t="shared" si="374"/>
        <v>1.8665135609003065</v>
      </c>
      <c r="T1562" s="236" t="e">
        <f t="shared" si="360"/>
        <v>#N/A</v>
      </c>
      <c r="U1562" s="230"/>
    </row>
    <row r="1563" spans="1:21" x14ac:dyDescent="0.2">
      <c r="A1563" s="53">
        <f t="shared" si="361"/>
        <v>1551</v>
      </c>
      <c r="B1563" s="239">
        <v>15.477</v>
      </c>
      <c r="C1563" s="3">
        <f t="shared" si="362"/>
        <v>15.47</v>
      </c>
      <c r="D1563" s="239">
        <v>0.5887</v>
      </c>
      <c r="E1563" s="239">
        <v>8.5000000000000006E-3</v>
      </c>
      <c r="F1563" s="239">
        <v>0.34200000000000003</v>
      </c>
      <c r="G1563">
        <f t="shared" si="363"/>
        <v>0.65710000000000002</v>
      </c>
      <c r="H1563" s="235">
        <f t="shared" si="364"/>
        <v>1.2935626236493685</v>
      </c>
      <c r="I1563" s="236">
        <f t="shared" si="365"/>
        <v>15.58974247428254</v>
      </c>
      <c r="J1563" s="237">
        <f t="shared" si="370"/>
        <v>5.5897424742825397</v>
      </c>
      <c r="K1563" s="237">
        <f t="shared" si="366"/>
        <v>241.1733160771509</v>
      </c>
      <c r="L1563" s="237">
        <f t="shared" si="371"/>
        <v>86.512444274470866</v>
      </c>
      <c r="M1563" s="236">
        <f t="shared" si="367"/>
        <v>4.8077093117756906</v>
      </c>
      <c r="N1563" s="236">
        <f t="shared" si="368"/>
        <v>2.0436294011799152</v>
      </c>
      <c r="O1563" s="236">
        <f t="shared" si="372"/>
        <v>3.1804746990547477</v>
      </c>
      <c r="P1563" s="236" t="str">
        <f t="shared" si="373"/>
        <v>CLAY</v>
      </c>
      <c r="Q1563" s="236">
        <f t="shared" si="369"/>
        <v>34.660556993570758</v>
      </c>
      <c r="R1563" s="238">
        <v>35</v>
      </c>
      <c r="S1563" s="236">
        <f t="shared" si="374"/>
        <v>1.7797654020821414</v>
      </c>
      <c r="T1563" s="236" t="e">
        <f t="shared" si="360"/>
        <v>#N/A</v>
      </c>
    </row>
    <row r="1564" spans="1:21" x14ac:dyDescent="0.2">
      <c r="A1564" s="53">
        <f t="shared" si="361"/>
        <v>1552</v>
      </c>
      <c r="B1564" s="239">
        <v>15.488</v>
      </c>
      <c r="C1564" s="3">
        <f t="shared" si="362"/>
        <v>15.481</v>
      </c>
      <c r="D1564" s="239">
        <v>0.60129999999999995</v>
      </c>
      <c r="E1564" s="239">
        <v>8.6E-3</v>
      </c>
      <c r="F1564" s="239">
        <v>0.34710000000000002</v>
      </c>
      <c r="G1564">
        <f t="shared" si="363"/>
        <v>0.67071999999999998</v>
      </c>
      <c r="H1564" s="235">
        <f t="shared" si="364"/>
        <v>1.2822041984732824</v>
      </c>
      <c r="I1564" s="236">
        <f t="shared" si="365"/>
        <v>15.611476003708555</v>
      </c>
      <c r="J1564" s="237">
        <f t="shared" si="370"/>
        <v>5.6114760037085549</v>
      </c>
      <c r="K1564" s="237">
        <f t="shared" si="366"/>
        <v>241.68126001341213</v>
      </c>
      <c r="L1564" s="237">
        <f t="shared" si="371"/>
        <v>86.910540345438093</v>
      </c>
      <c r="M1564" s="236">
        <f t="shared" si="367"/>
        <v>4.9365558916250363</v>
      </c>
      <c r="N1564" s="236">
        <f t="shared" si="368"/>
        <v>2.0044809940167276</v>
      </c>
      <c r="O1564" s="236">
        <f t="shared" si="372"/>
        <v>3.1663644567324218</v>
      </c>
      <c r="P1564" s="236" t="str">
        <f t="shared" si="373"/>
        <v>CLAY</v>
      </c>
      <c r="Q1564" s="236">
        <f t="shared" si="369"/>
        <v>35.753228332215656</v>
      </c>
      <c r="R1564" s="238">
        <v>35</v>
      </c>
      <c r="S1564" s="236">
        <f t="shared" si="374"/>
        <v>1.8395859406309534</v>
      </c>
      <c r="T1564" s="236" t="e">
        <f t="shared" si="360"/>
        <v>#N/A</v>
      </c>
    </row>
    <row r="1565" spans="1:21" x14ac:dyDescent="0.2">
      <c r="A1565" s="53">
        <f t="shared" si="361"/>
        <v>1553</v>
      </c>
      <c r="B1565" s="239">
        <v>15.497999999999999</v>
      </c>
      <c r="C1565" s="3">
        <f t="shared" si="362"/>
        <v>15.491</v>
      </c>
      <c r="D1565" s="239">
        <v>0.60319999999999996</v>
      </c>
      <c r="E1565" s="239">
        <v>8.8000000000000005E-3</v>
      </c>
      <c r="F1565" s="239">
        <v>0.34970000000000001</v>
      </c>
      <c r="G1565">
        <f t="shared" si="363"/>
        <v>0.67313999999999996</v>
      </c>
      <c r="H1565" s="235">
        <f t="shared" si="364"/>
        <v>1.3073060581751197</v>
      </c>
      <c r="I1565" s="236">
        <f t="shared" si="365"/>
        <v>15.639841127753062</v>
      </c>
      <c r="J1565" s="237">
        <f t="shared" si="370"/>
        <v>5.639841127753062</v>
      </c>
      <c r="K1565" s="237">
        <f t="shared" si="366"/>
        <v>242.27677891002267</v>
      </c>
      <c r="L1565" s="237">
        <f t="shared" si="371"/>
        <v>87.40625779791695</v>
      </c>
      <c r="M1565" s="236">
        <f t="shared" si="367"/>
        <v>4.9294321933577336</v>
      </c>
      <c r="N1565" s="236">
        <f t="shared" si="368"/>
        <v>2.0424115053817262</v>
      </c>
      <c r="O1565" s="236">
        <f t="shared" si="372"/>
        <v>3.1708351321396013</v>
      </c>
      <c r="P1565" s="236" t="str">
        <f t="shared" si="373"/>
        <v>CLAY</v>
      </c>
      <c r="Q1565" s="236">
        <f t="shared" si="369"/>
        <v>35.905268424164774</v>
      </c>
      <c r="R1565" s="238">
        <v>35</v>
      </c>
      <c r="S1565" s="236">
        <f t="shared" si="374"/>
        <v>1.8362682706861486</v>
      </c>
      <c r="T1565" s="236" t="e">
        <f t="shared" si="360"/>
        <v>#N/A</v>
      </c>
    </row>
    <row r="1566" spans="1:21" x14ac:dyDescent="0.2">
      <c r="A1566" s="53">
        <f t="shared" si="361"/>
        <v>1554</v>
      </c>
      <c r="B1566" s="239">
        <v>15.507</v>
      </c>
      <c r="C1566" s="3">
        <f t="shared" si="362"/>
        <v>15.5</v>
      </c>
      <c r="D1566" s="239">
        <v>0.59330000000000005</v>
      </c>
      <c r="E1566" s="239">
        <v>8.6999999999999994E-3</v>
      </c>
      <c r="F1566" s="239">
        <v>0.35239999999999999</v>
      </c>
      <c r="G1566">
        <f t="shared" si="363"/>
        <v>0.66378000000000004</v>
      </c>
      <c r="H1566" s="235">
        <f t="shared" si="364"/>
        <v>1.3106752237187018</v>
      </c>
      <c r="I1566" s="236">
        <f t="shared" si="365"/>
        <v>15.620966782950319</v>
      </c>
      <c r="J1566" s="237">
        <f t="shared" si="370"/>
        <v>5.6209667829503189</v>
      </c>
      <c r="K1566" s="237">
        <f t="shared" si="366"/>
        <v>242.12498513572996</v>
      </c>
      <c r="L1566" s="237">
        <f t="shared" si="371"/>
        <v>87.164331903210595</v>
      </c>
      <c r="M1566" s="236">
        <f t="shared" si="367"/>
        <v>4.8374719986666816</v>
      </c>
      <c r="N1566" s="236">
        <f t="shared" si="368"/>
        <v>2.0632981212853618</v>
      </c>
      <c r="O1566" s="236">
        <f t="shared" si="372"/>
        <v>3.1801306229601143</v>
      </c>
      <c r="P1566" s="236" t="str">
        <f t="shared" si="373"/>
        <v>CLAY</v>
      </c>
      <c r="Q1566" s="236">
        <f t="shared" si="369"/>
        <v>35.137917905355842</v>
      </c>
      <c r="R1566" s="238">
        <v>35</v>
      </c>
      <c r="S1566" s="236">
        <f t="shared" si="374"/>
        <v>1.7935483504115495</v>
      </c>
      <c r="T1566" s="236" t="e">
        <f t="shared" si="360"/>
        <v>#N/A</v>
      </c>
    </row>
    <row r="1567" spans="1:21" x14ac:dyDescent="0.2">
      <c r="A1567" s="53">
        <f t="shared" si="361"/>
        <v>1555</v>
      </c>
      <c r="B1567" s="239">
        <v>15.518000000000001</v>
      </c>
      <c r="C1567" s="3">
        <f t="shared" si="362"/>
        <v>15.511000000000001</v>
      </c>
      <c r="D1567" s="239">
        <v>0.59919999999999995</v>
      </c>
      <c r="E1567" s="239">
        <v>8.6999999999999994E-3</v>
      </c>
      <c r="F1567" s="239">
        <v>0.35680000000000001</v>
      </c>
      <c r="G1567">
        <f t="shared" si="363"/>
        <v>0.67055999999999993</v>
      </c>
      <c r="H1567" s="235">
        <f t="shared" si="364"/>
        <v>1.2974230493915533</v>
      </c>
      <c r="I1567" s="236">
        <f t="shared" si="365"/>
        <v>15.62493891559355</v>
      </c>
      <c r="J1567" s="237">
        <f t="shared" si="370"/>
        <v>5.6249389155935496</v>
      </c>
      <c r="K1567" s="237">
        <f t="shared" si="366"/>
        <v>242.35842751977157</v>
      </c>
      <c r="L1567" s="237">
        <f t="shared" si="371"/>
        <v>87.287802092180712</v>
      </c>
      <c r="M1567" s="236">
        <f t="shared" si="367"/>
        <v>4.9056289907268376</v>
      </c>
      <c r="N1567" s="236">
        <f t="shared" si="368"/>
        <v>2.0317533981969929</v>
      </c>
      <c r="O1567" s="236">
        <f t="shared" si="372"/>
        <v>3.1715812663227561</v>
      </c>
      <c r="P1567" s="236" t="str">
        <f t="shared" si="373"/>
        <v>CLAY</v>
      </c>
      <c r="Q1567" s="236">
        <f t="shared" si="369"/>
        <v>35.683464373352365</v>
      </c>
      <c r="R1567" s="238">
        <v>35</v>
      </c>
      <c r="S1567" s="236">
        <f t="shared" si="374"/>
        <v>1.8251912720194012</v>
      </c>
      <c r="T1567" s="236" t="e">
        <f t="shared" si="360"/>
        <v>#N/A</v>
      </c>
    </row>
    <row r="1568" spans="1:21" x14ac:dyDescent="0.2">
      <c r="A1568" s="53">
        <f t="shared" si="361"/>
        <v>1556</v>
      </c>
      <c r="B1568" s="239">
        <v>15.526999999999999</v>
      </c>
      <c r="C1568" s="3">
        <f t="shared" si="362"/>
        <v>15.52</v>
      </c>
      <c r="D1568" s="239">
        <v>0.60919999999999996</v>
      </c>
      <c r="E1568" s="239">
        <v>8.9999999999999993E-3</v>
      </c>
      <c r="F1568" s="239">
        <v>0.36180000000000001</v>
      </c>
      <c r="G1568">
        <f t="shared" si="363"/>
        <v>0.68155999999999994</v>
      </c>
      <c r="H1568" s="235">
        <f t="shared" si="364"/>
        <v>1.3205000293444451</v>
      </c>
      <c r="I1568" s="236">
        <f t="shared" si="365"/>
        <v>15.671051514689518</v>
      </c>
      <c r="J1568" s="237">
        <f t="shared" si="370"/>
        <v>5.671051514689518</v>
      </c>
      <c r="K1568" s="237">
        <f t="shared" si="366"/>
        <v>243.2147195079813</v>
      </c>
      <c r="L1568" s="237">
        <f t="shared" si="371"/>
        <v>88.054416868584141</v>
      </c>
      <c r="M1568" s="236">
        <f t="shared" si="367"/>
        <v>4.9781180329230086</v>
      </c>
      <c r="N1568" s="236">
        <f t="shared" si="368"/>
        <v>2.0531759780550143</v>
      </c>
      <c r="O1568" s="236">
        <f t="shared" si="372"/>
        <v>3.168200978850237</v>
      </c>
      <c r="P1568" s="236" t="str">
        <f t="shared" si="373"/>
        <v>CLAY</v>
      </c>
      <c r="Q1568" s="236">
        <f t="shared" si="369"/>
        <v>36.528773374334889</v>
      </c>
      <c r="R1568" s="238">
        <v>35</v>
      </c>
      <c r="S1568" s="236">
        <f t="shared" si="374"/>
        <v>1.8589662099369615</v>
      </c>
      <c r="T1568" s="236" t="e">
        <f t="shared" si="360"/>
        <v>#N/A</v>
      </c>
    </row>
    <row r="1569" spans="1:20" x14ac:dyDescent="0.2">
      <c r="A1569" s="53">
        <f t="shared" si="361"/>
        <v>1557</v>
      </c>
      <c r="B1569" s="239">
        <v>15.538</v>
      </c>
      <c r="C1569" s="3">
        <f t="shared" si="362"/>
        <v>15.531000000000001</v>
      </c>
      <c r="D1569" s="239">
        <v>0.60660000000000003</v>
      </c>
      <c r="E1569" s="239">
        <v>9.2999999999999992E-3</v>
      </c>
      <c r="F1569" s="239">
        <v>0.36699999999999999</v>
      </c>
      <c r="G1569">
        <f t="shared" si="363"/>
        <v>0.68</v>
      </c>
      <c r="H1569" s="235">
        <f t="shared" si="364"/>
        <v>1.3676470588235292</v>
      </c>
      <c r="I1569" s="236">
        <f t="shared" si="365"/>
        <v>15.708605036913724</v>
      </c>
      <c r="J1569" s="237">
        <f t="shared" si="370"/>
        <v>5.708605036913724</v>
      </c>
      <c r="K1569" s="237">
        <f t="shared" si="366"/>
        <v>243.97034482830705</v>
      </c>
      <c r="L1569" s="237">
        <f t="shared" si="371"/>
        <v>88.700305063565452</v>
      </c>
      <c r="M1569" s="236">
        <f t="shared" si="367"/>
        <v>4.9157627457901105</v>
      </c>
      <c r="N1569" s="236">
        <f t="shared" si="368"/>
        <v>2.1328824518456182</v>
      </c>
      <c r="O1569" s="236">
        <f t="shared" si="372"/>
        <v>3.1810148651330126</v>
      </c>
      <c r="P1569" s="236" t="str">
        <f t="shared" si="373"/>
        <v>CLAY</v>
      </c>
      <c r="Q1569" s="236">
        <f t="shared" si="369"/>
        <v>36.335804597641079</v>
      </c>
      <c r="R1569" s="238">
        <v>35</v>
      </c>
      <c r="S1569" s="236">
        <f t="shared" si="374"/>
        <v>1.8299054521140952</v>
      </c>
      <c r="T1569" s="236" t="e">
        <f t="shared" si="360"/>
        <v>#N/A</v>
      </c>
    </row>
    <row r="1570" spans="1:20" x14ac:dyDescent="0.2">
      <c r="A1570" s="53">
        <f t="shared" si="361"/>
        <v>1558</v>
      </c>
      <c r="B1570" s="239">
        <v>15.547000000000001</v>
      </c>
      <c r="C1570" s="3">
        <f t="shared" si="362"/>
        <v>15.540000000000001</v>
      </c>
      <c r="D1570" s="239">
        <v>0.61929999999999996</v>
      </c>
      <c r="E1570" s="239">
        <v>9.4000000000000004E-3</v>
      </c>
      <c r="F1570" s="239">
        <v>0.36320000000000002</v>
      </c>
      <c r="G1570">
        <f t="shared" si="363"/>
        <v>0.69194</v>
      </c>
      <c r="H1570" s="235">
        <f t="shared" si="364"/>
        <v>1.3584992918461138</v>
      </c>
      <c r="I1570" s="236">
        <f t="shared" si="365"/>
        <v>15.727949852611625</v>
      </c>
      <c r="J1570" s="237">
        <f t="shared" si="370"/>
        <v>5.7279498526116246</v>
      </c>
      <c r="K1570" s="237">
        <f t="shared" si="366"/>
        <v>244.41234070958467</v>
      </c>
      <c r="L1570" s="237">
        <f t="shared" si="371"/>
        <v>89.052436358552924</v>
      </c>
      <c r="M1570" s="236">
        <f t="shared" si="367"/>
        <v>5.0254398149033142</v>
      </c>
      <c r="N1570" s="236">
        <f t="shared" si="368"/>
        <v>2.1004288349248226</v>
      </c>
      <c r="O1570" s="236">
        <f t="shared" si="372"/>
        <v>3.1694022899964658</v>
      </c>
      <c r="P1570" s="236" t="str">
        <f t="shared" si="373"/>
        <v>CLAY</v>
      </c>
      <c r="Q1570" s="236">
        <f t="shared" si="369"/>
        <v>37.293971607534615</v>
      </c>
      <c r="R1570" s="238">
        <v>35</v>
      </c>
      <c r="S1570" s="236">
        <f t="shared" si="374"/>
        <v>1.8810814639189311</v>
      </c>
      <c r="T1570" s="236" t="e">
        <f t="shared" si="360"/>
        <v>#N/A</v>
      </c>
    </row>
    <row r="1571" spans="1:20" x14ac:dyDescent="0.2">
      <c r="A1571" s="53">
        <f t="shared" si="361"/>
        <v>1559</v>
      </c>
      <c r="B1571" s="239">
        <v>15.558</v>
      </c>
      <c r="C1571" s="3">
        <f t="shared" si="362"/>
        <v>15.551</v>
      </c>
      <c r="D1571" s="239">
        <v>0.63600000000000001</v>
      </c>
      <c r="E1571" s="239">
        <v>9.4000000000000004E-3</v>
      </c>
      <c r="F1571" s="239">
        <v>0.35970000000000002</v>
      </c>
      <c r="G1571">
        <f t="shared" si="363"/>
        <v>0.70794000000000001</v>
      </c>
      <c r="H1571" s="235">
        <f t="shared" si="364"/>
        <v>1.3277961409158969</v>
      </c>
      <c r="I1571" s="236">
        <f t="shared" si="365"/>
        <v>15.736885065463419</v>
      </c>
      <c r="J1571" s="237">
        <f t="shared" si="370"/>
        <v>5.7368850654634187</v>
      </c>
      <c r="K1571" s="237">
        <f t="shared" si="366"/>
        <v>244.72429965302163</v>
      </c>
      <c r="L1571" s="237">
        <f t="shared" si="371"/>
        <v>89.254457848479873</v>
      </c>
      <c r="M1571" s="236">
        <f t="shared" si="367"/>
        <v>5.1898326594884772</v>
      </c>
      <c r="N1571" s="236">
        <f t="shared" si="368"/>
        <v>2.0292921835246074</v>
      </c>
      <c r="O1571" s="236">
        <f t="shared" si="372"/>
        <v>3.1499145246880715</v>
      </c>
      <c r="P1571" s="236" t="str">
        <f t="shared" si="373"/>
        <v>CLAY</v>
      </c>
      <c r="Q1571" s="236">
        <f t="shared" si="369"/>
        <v>38.601308362248204</v>
      </c>
      <c r="R1571" s="238">
        <v>35</v>
      </c>
      <c r="S1571" s="236">
        <f t="shared" si="374"/>
        <v>1.958311174425629</v>
      </c>
      <c r="T1571" s="236" t="e">
        <f t="shared" si="360"/>
        <v>#N/A</v>
      </c>
    </row>
    <row r="1572" spans="1:20" x14ac:dyDescent="0.2">
      <c r="A1572" s="53">
        <f t="shared" si="361"/>
        <v>1560</v>
      </c>
      <c r="B1572" s="239">
        <v>15.567</v>
      </c>
      <c r="C1572" s="3">
        <f t="shared" si="362"/>
        <v>15.56</v>
      </c>
      <c r="D1572" s="239">
        <v>0.67110000000000003</v>
      </c>
      <c r="E1572" s="239">
        <v>9.7000000000000003E-3</v>
      </c>
      <c r="F1572" s="239">
        <v>0.36330000000000001</v>
      </c>
      <c r="G1572">
        <f t="shared" si="363"/>
        <v>0.74375999999999998</v>
      </c>
      <c r="H1572" s="235">
        <f t="shared" si="364"/>
        <v>1.304184145423255</v>
      </c>
      <c r="I1572" s="236">
        <f t="shared" si="365"/>
        <v>15.793016273057148</v>
      </c>
      <c r="J1572" s="237">
        <f t="shared" si="370"/>
        <v>5.7930162730571482</v>
      </c>
      <c r="K1572" s="237">
        <f t="shared" si="366"/>
        <v>245.73933320876924</v>
      </c>
      <c r="L1572" s="237">
        <f t="shared" si="371"/>
        <v>90.179884322680621</v>
      </c>
      <c r="M1572" s="236">
        <f t="shared" si="367"/>
        <v>5.5225250124431176</v>
      </c>
      <c r="N1572" s="236">
        <f t="shared" si="368"/>
        <v>1.9477103354962217</v>
      </c>
      <c r="O1572" s="236">
        <f t="shared" si="372"/>
        <v>3.1176748698413297</v>
      </c>
      <c r="P1572" s="236" t="str">
        <f t="shared" si="373"/>
        <v>CLAY</v>
      </c>
      <c r="Q1572" s="236">
        <f t="shared" si="369"/>
        <v>41.50172223260256</v>
      </c>
      <c r="R1572" s="238">
        <v>35</v>
      </c>
      <c r="S1572" s="236">
        <f t="shared" si="374"/>
        <v>2.116470030073029</v>
      </c>
      <c r="T1572" s="236" t="e">
        <f t="shared" si="360"/>
        <v>#N/A</v>
      </c>
    </row>
    <row r="1573" spans="1:20" x14ac:dyDescent="0.2">
      <c r="A1573" s="53">
        <f t="shared" si="361"/>
        <v>1561</v>
      </c>
      <c r="B1573" s="239">
        <v>15.577999999999999</v>
      </c>
      <c r="C1573" s="3">
        <f t="shared" si="362"/>
        <v>15.571</v>
      </c>
      <c r="D1573" s="239">
        <v>0.71940000000000004</v>
      </c>
      <c r="E1573" s="239">
        <v>9.4000000000000004E-3</v>
      </c>
      <c r="F1573" s="239">
        <v>0.36009999999999998</v>
      </c>
      <c r="G1573">
        <f t="shared" si="363"/>
        <v>0.79142000000000001</v>
      </c>
      <c r="H1573" s="235">
        <f t="shared" si="364"/>
        <v>1.1877384953627657</v>
      </c>
      <c r="I1573" s="236">
        <f t="shared" si="365"/>
        <v>15.780454578126193</v>
      </c>
      <c r="J1573" s="237">
        <f t="shared" si="370"/>
        <v>5.7804545781261929</v>
      </c>
      <c r="K1573" s="237">
        <f t="shared" si="366"/>
        <v>245.71745823600295</v>
      </c>
      <c r="L1573" s="237">
        <f t="shared" si="371"/>
        <v>90.047921418049825</v>
      </c>
      <c r="M1573" s="236">
        <f t="shared" si="367"/>
        <v>6.0601347945674258</v>
      </c>
      <c r="N1573" s="236">
        <f t="shared" si="368"/>
        <v>1.7225501588492269</v>
      </c>
      <c r="O1573" s="236">
        <f t="shared" si="372"/>
        <v>3.0566628875168451</v>
      </c>
      <c r="P1573" s="236" t="str">
        <f t="shared" si="373"/>
        <v>CLAY</v>
      </c>
      <c r="Q1573" s="236">
        <f t="shared" si="369"/>
        <v>45.475211813666419</v>
      </c>
      <c r="R1573" s="238">
        <v>35</v>
      </c>
      <c r="S1573" s="236">
        <f t="shared" si="374"/>
        <v>2.3770748872675185</v>
      </c>
      <c r="T1573" s="236" t="e">
        <f t="shared" si="360"/>
        <v>#N/A</v>
      </c>
    </row>
    <row r="1574" spans="1:20" x14ac:dyDescent="0.2">
      <c r="A1574" s="53">
        <f t="shared" si="361"/>
        <v>1562</v>
      </c>
      <c r="B1574" s="239">
        <v>15.587</v>
      </c>
      <c r="C1574" s="3">
        <f t="shared" si="362"/>
        <v>15.58</v>
      </c>
      <c r="D1574" s="239">
        <v>0.78620000000000001</v>
      </c>
      <c r="E1574" s="239">
        <v>8.9999999999999993E-3</v>
      </c>
      <c r="F1574" s="239">
        <v>0.34399999999999997</v>
      </c>
      <c r="G1574">
        <f t="shared" si="363"/>
        <v>0.85499999999999998</v>
      </c>
      <c r="H1574" s="235">
        <f t="shared" si="364"/>
        <v>1.0526315789473684</v>
      </c>
      <c r="I1574" s="236">
        <f t="shared" si="365"/>
        <v>15.759667333124019</v>
      </c>
      <c r="J1574" s="237">
        <f t="shared" si="370"/>
        <v>5.7596673331240194</v>
      </c>
      <c r="K1574" s="237">
        <f t="shared" si="366"/>
        <v>245.53561705007223</v>
      </c>
      <c r="L1574" s="237">
        <f t="shared" si="371"/>
        <v>89.775934721404084</v>
      </c>
      <c r="M1574" s="236">
        <f t="shared" si="367"/>
        <v>6.7887277903732173</v>
      </c>
      <c r="N1574" s="236">
        <f t="shared" si="368"/>
        <v>1.4767064740417193</v>
      </c>
      <c r="O1574" s="236">
        <f t="shared" si="372"/>
        <v>2.9816604079403501</v>
      </c>
      <c r="P1574" s="236" t="str">
        <f t="shared" si="373"/>
        <v>CLAY</v>
      </c>
      <c r="Q1574" s="236">
        <f t="shared" si="369"/>
        <v>50.788698579160645</v>
      </c>
      <c r="R1574" s="238">
        <v>35</v>
      </c>
      <c r="S1574" s="236">
        <f t="shared" si="374"/>
        <v>2.7395264785410438</v>
      </c>
      <c r="T1574" s="236" t="e">
        <f t="shared" si="360"/>
        <v>#N/A</v>
      </c>
    </row>
    <row r="1575" spans="1:20" x14ac:dyDescent="0.2">
      <c r="A1575" s="53">
        <f t="shared" si="361"/>
        <v>1563</v>
      </c>
      <c r="B1575" s="239">
        <v>15.597</v>
      </c>
      <c r="C1575" s="3">
        <f t="shared" si="362"/>
        <v>15.59</v>
      </c>
      <c r="D1575" s="239">
        <v>0.89190000000000003</v>
      </c>
      <c r="E1575" s="239">
        <v>9.1000000000000004E-3</v>
      </c>
      <c r="F1575" s="239">
        <v>0.33160000000000001</v>
      </c>
      <c r="G1575">
        <f t="shared" si="363"/>
        <v>0.95822000000000007</v>
      </c>
      <c r="H1575" s="235">
        <f t="shared" si="364"/>
        <v>0.94967752708146358</v>
      </c>
      <c r="I1575" s="236">
        <f t="shared" si="365"/>
        <v>15.817173521752594</v>
      </c>
      <c r="J1575" s="237">
        <f t="shared" si="370"/>
        <v>5.8171735217525935</v>
      </c>
      <c r="K1575" s="237">
        <f t="shared" si="366"/>
        <v>246.58973520412292</v>
      </c>
      <c r="L1575" s="237">
        <f t="shared" si="371"/>
        <v>90.730455418775193</v>
      </c>
      <c r="M1575" s="236">
        <f t="shared" si="367"/>
        <v>7.8433450103526843</v>
      </c>
      <c r="N1575" s="236">
        <f t="shared" si="368"/>
        <v>1.2787539330708804</v>
      </c>
      <c r="O1575" s="236">
        <f t="shared" si="372"/>
        <v>2.8971636392493654</v>
      </c>
      <c r="P1575" s="236" t="str">
        <f t="shared" si="373"/>
        <v>CLAY</v>
      </c>
      <c r="Q1575" s="236">
        <f t="shared" si="369"/>
        <v>59.302522066323093</v>
      </c>
      <c r="R1575" s="238">
        <v>35</v>
      </c>
      <c r="S1575" s="236">
        <f t="shared" si="374"/>
        <v>3.2814565450714595</v>
      </c>
      <c r="T1575" s="236" t="e">
        <f t="shared" si="360"/>
        <v>#N/A</v>
      </c>
    </row>
    <row r="1576" spans="1:20" x14ac:dyDescent="0.2">
      <c r="A1576" s="53">
        <f t="shared" si="361"/>
        <v>1564</v>
      </c>
      <c r="B1576" s="239">
        <v>15.606</v>
      </c>
      <c r="C1576" s="3">
        <f t="shared" si="362"/>
        <v>15.599</v>
      </c>
      <c r="D1576" s="239">
        <v>1.0206</v>
      </c>
      <c r="E1576" s="239">
        <v>8.9999999999999993E-3</v>
      </c>
      <c r="F1576" s="239">
        <v>0.317</v>
      </c>
      <c r="G1576">
        <f t="shared" si="363"/>
        <v>1.0839999999999999</v>
      </c>
      <c r="H1576" s="235">
        <f t="shared" si="364"/>
        <v>0.83025830258302591</v>
      </c>
      <c r="I1576" s="236">
        <f t="shared" si="365"/>
        <v>15.852424183850795</v>
      </c>
      <c r="J1576" s="237">
        <f t="shared" si="370"/>
        <v>5.8524241838507951</v>
      </c>
      <c r="K1576" s="237">
        <f t="shared" si="366"/>
        <v>247.28196484388855</v>
      </c>
      <c r="L1576" s="237">
        <f t="shared" si="371"/>
        <v>91.332931813175506</v>
      </c>
      <c r="M1576" s="236">
        <f t="shared" si="367"/>
        <v>9.1611866447870671</v>
      </c>
      <c r="N1576" s="236">
        <f t="shared" si="368"/>
        <v>1.0756311710576216</v>
      </c>
      <c r="O1576" s="236">
        <f t="shared" si="372"/>
        <v>2.8030282433809903</v>
      </c>
      <c r="P1576" s="236" t="str">
        <f t="shared" si="373"/>
        <v>CLAY</v>
      </c>
      <c r="Q1576" s="236">
        <f t="shared" si="369"/>
        <v>69.726502929675931</v>
      </c>
      <c r="R1576" s="238">
        <v>35</v>
      </c>
      <c r="S1576" s="236">
        <f t="shared" si="374"/>
        <v>3.9845535953187001</v>
      </c>
      <c r="T1576" s="236" t="e">
        <f t="shared" si="360"/>
        <v>#N/A</v>
      </c>
    </row>
    <row r="1577" spans="1:20" x14ac:dyDescent="0.2">
      <c r="A1577" s="53">
        <f t="shared" si="361"/>
        <v>1565</v>
      </c>
      <c r="B1577" s="239">
        <v>15.617000000000001</v>
      </c>
      <c r="C1577" s="3">
        <f t="shared" si="362"/>
        <v>15.610000000000001</v>
      </c>
      <c r="D1577" s="239">
        <v>1.1221000000000001</v>
      </c>
      <c r="E1577" s="239">
        <v>8.3999999999999995E-3</v>
      </c>
      <c r="F1577" s="239">
        <v>0.3034</v>
      </c>
      <c r="G1577">
        <f t="shared" si="363"/>
        <v>1.1827800000000002</v>
      </c>
      <c r="H1577" s="235">
        <f t="shared" si="364"/>
        <v>0.71019124435651593</v>
      </c>
      <c r="I1577" s="236">
        <f t="shared" si="365"/>
        <v>15.805610701814006</v>
      </c>
      <c r="J1577" s="237">
        <f t="shared" si="370"/>
        <v>5.8056107018140057</v>
      </c>
      <c r="K1577" s="237">
        <f t="shared" si="366"/>
        <v>246.72558305531666</v>
      </c>
      <c r="L1577" s="237">
        <f t="shared" si="371"/>
        <v>90.666222330229331</v>
      </c>
      <c r="M1577" s="236">
        <f t="shared" si="367"/>
        <v>10.324180195082315</v>
      </c>
      <c r="N1577" s="236">
        <f t="shared" si="368"/>
        <v>0.89738372555496426</v>
      </c>
      <c r="O1577" s="236">
        <f t="shared" si="372"/>
        <v>2.7218602579593081</v>
      </c>
      <c r="P1577" s="236" t="str">
        <f t="shared" si="373"/>
        <v>CLAY</v>
      </c>
      <c r="Q1577" s="236">
        <f t="shared" si="369"/>
        <v>78.004534745390302</v>
      </c>
      <c r="R1577" s="238">
        <v>35</v>
      </c>
      <c r="S1577" s="236">
        <f t="shared" si="374"/>
        <v>4.6265736350419182</v>
      </c>
      <c r="T1577" s="236" t="e">
        <f t="shared" si="360"/>
        <v>#N/A</v>
      </c>
    </row>
    <row r="1578" spans="1:20" x14ac:dyDescent="0.2">
      <c r="A1578" s="53">
        <f t="shared" si="361"/>
        <v>1566</v>
      </c>
      <c r="B1578" s="239">
        <v>15.625999999999999</v>
      </c>
      <c r="C1578" s="3">
        <f t="shared" si="362"/>
        <v>15.619</v>
      </c>
      <c r="D1578" s="239">
        <v>1.1707000000000001</v>
      </c>
      <c r="E1578" s="239">
        <v>7.7999999999999996E-3</v>
      </c>
      <c r="F1578" s="239">
        <v>0.29289999999999999</v>
      </c>
      <c r="G1578">
        <f t="shared" si="363"/>
        <v>1.2292800000000002</v>
      </c>
      <c r="H1578" s="235">
        <f t="shared" si="364"/>
        <v>0.63451776649746183</v>
      </c>
      <c r="I1578" s="236">
        <f t="shared" si="365"/>
        <v>15.733784215906399</v>
      </c>
      <c r="J1578" s="237">
        <f t="shared" si="370"/>
        <v>5.7337842159063985</v>
      </c>
      <c r="K1578" s="237">
        <f t="shared" si="366"/>
        <v>245.74597566824204</v>
      </c>
      <c r="L1578" s="237">
        <f t="shared" si="371"/>
        <v>89.596112157753382</v>
      </c>
      <c r="M1578" s="236">
        <f t="shared" si="367"/>
        <v>10.977418558073516</v>
      </c>
      <c r="N1578" s="236">
        <f t="shared" si="368"/>
        <v>0.79305848166254833</v>
      </c>
      <c r="O1578" s="236">
        <f t="shared" si="372"/>
        <v>2.674941742433079</v>
      </c>
      <c r="P1578" s="236" t="str">
        <f t="shared" si="373"/>
        <v>CLAY</v>
      </c>
      <c r="Q1578" s="236">
        <f t="shared" si="369"/>
        <v>81.961168694313173</v>
      </c>
      <c r="R1578" s="238">
        <v>35</v>
      </c>
      <c r="S1578" s="236">
        <f t="shared" si="374"/>
        <v>4.9953427053642097</v>
      </c>
      <c r="T1578" s="236" t="e">
        <f t="shared" si="360"/>
        <v>#N/A</v>
      </c>
    </row>
    <row r="1579" spans="1:20" x14ac:dyDescent="0.2">
      <c r="A1579" s="53">
        <f t="shared" si="361"/>
        <v>1567</v>
      </c>
      <c r="B1579" s="239">
        <v>15.637</v>
      </c>
      <c r="C1579" s="3">
        <f t="shared" si="362"/>
        <v>15.63</v>
      </c>
      <c r="D1579" s="239">
        <v>1.1788000000000001</v>
      </c>
      <c r="E1579" s="239">
        <v>8.0000000000000002E-3</v>
      </c>
      <c r="F1579" s="239">
        <v>0.28470000000000001</v>
      </c>
      <c r="G1579">
        <f t="shared" si="363"/>
        <v>1.2357400000000001</v>
      </c>
      <c r="H1579" s="235">
        <f t="shared" si="364"/>
        <v>0.64738537232751225</v>
      </c>
      <c r="I1579" s="236">
        <f t="shared" si="365"/>
        <v>15.765520413489247</v>
      </c>
      <c r="J1579" s="237">
        <f t="shared" si="370"/>
        <v>5.7655204134892468</v>
      </c>
      <c r="K1579" s="237">
        <f t="shared" si="366"/>
        <v>246.41508406283694</v>
      </c>
      <c r="L1579" s="237">
        <f t="shared" si="371"/>
        <v>90.15544270573136</v>
      </c>
      <c r="M1579" s="236">
        <f t="shared" si="367"/>
        <v>10.973546202488668</v>
      </c>
      <c r="N1579" s="236">
        <f t="shared" si="368"/>
        <v>0.8086322168912321</v>
      </c>
      <c r="O1579" s="236">
        <f t="shared" si="372"/>
        <v>2.6786257905728461</v>
      </c>
      <c r="P1579" s="236" t="str">
        <f t="shared" si="373"/>
        <v>CLAY</v>
      </c>
      <c r="Q1579" s="236">
        <f t="shared" si="369"/>
        <v>82.443742994763582</v>
      </c>
      <c r="R1579" s="238">
        <v>35</v>
      </c>
      <c r="S1579" s="236">
        <f t="shared" si="374"/>
        <v>4.9931401280811345</v>
      </c>
      <c r="T1579" s="236" t="e">
        <f t="shared" si="360"/>
        <v>#N/A</v>
      </c>
    </row>
    <row r="1580" spans="1:20" x14ac:dyDescent="0.2">
      <c r="A1580" s="53">
        <f t="shared" si="361"/>
        <v>1568</v>
      </c>
      <c r="B1580" s="239">
        <v>15.647</v>
      </c>
      <c r="C1580" s="3">
        <f t="shared" si="362"/>
        <v>15.64</v>
      </c>
      <c r="D1580" s="239">
        <v>1.1596</v>
      </c>
      <c r="E1580" s="239">
        <v>7.7999999999999996E-3</v>
      </c>
      <c r="F1580" s="239">
        <v>0.28139999999999998</v>
      </c>
      <c r="G1580">
        <f t="shared" si="363"/>
        <v>1.2158799999999998</v>
      </c>
      <c r="H1580" s="235">
        <f t="shared" si="364"/>
        <v>0.64151067539559825</v>
      </c>
      <c r="I1580" s="236">
        <f t="shared" si="365"/>
        <v>15.729500124979195</v>
      </c>
      <c r="J1580" s="237">
        <f t="shared" si="370"/>
        <v>5.7295001249791948</v>
      </c>
      <c r="K1580" s="237">
        <f t="shared" si="366"/>
        <v>246.00938195467461</v>
      </c>
      <c r="L1580" s="237">
        <f t="shared" si="371"/>
        <v>89.649488455549459</v>
      </c>
      <c r="M1580" s="236">
        <f t="shared" si="367"/>
        <v>10.818473532352751</v>
      </c>
      <c r="N1580" s="236">
        <f t="shared" si="368"/>
        <v>0.80423098245002</v>
      </c>
      <c r="O1580" s="236">
        <f t="shared" si="372"/>
        <v>2.6832385813303952</v>
      </c>
      <c r="P1580" s="236" t="str">
        <f t="shared" si="373"/>
        <v>CLAY</v>
      </c>
      <c r="Q1580" s="236">
        <f t="shared" si="369"/>
        <v>80.822551503777106</v>
      </c>
      <c r="R1580" s="238">
        <v>35</v>
      </c>
      <c r="S1580" s="236">
        <f t="shared" si="374"/>
        <v>4.9050957821902124</v>
      </c>
      <c r="T1580" s="236" t="e">
        <f t="shared" si="360"/>
        <v>#N/A</v>
      </c>
    </row>
    <row r="1581" spans="1:20" x14ac:dyDescent="0.2">
      <c r="A1581" s="53">
        <f t="shared" si="361"/>
        <v>1569</v>
      </c>
      <c r="B1581" s="239">
        <v>15.657</v>
      </c>
      <c r="C1581" s="3">
        <f t="shared" si="362"/>
        <v>15.65</v>
      </c>
      <c r="D1581" s="239">
        <v>1.1272</v>
      </c>
      <c r="E1581" s="239">
        <v>7.7000000000000002E-3</v>
      </c>
      <c r="F1581" s="239">
        <v>0.28389999999999999</v>
      </c>
      <c r="G1581">
        <f t="shared" si="363"/>
        <v>1.18398</v>
      </c>
      <c r="H1581" s="235">
        <f t="shared" si="364"/>
        <v>0.65034882345985578</v>
      </c>
      <c r="I1581" s="236">
        <f t="shared" si="365"/>
        <v>15.70397794199074</v>
      </c>
      <c r="J1581" s="237">
        <f t="shared" si="370"/>
        <v>5.7039779419907397</v>
      </c>
      <c r="K1581" s="237">
        <f t="shared" si="366"/>
        <v>245.76725479215509</v>
      </c>
      <c r="L1581" s="237">
        <f t="shared" si="371"/>
        <v>89.307182637749008</v>
      </c>
      <c r="M1581" s="236">
        <f t="shared" si="367"/>
        <v>10.505456756075903</v>
      </c>
      <c r="N1581" s="236">
        <f t="shared" si="368"/>
        <v>0.82070937954420964</v>
      </c>
      <c r="O1581" s="236">
        <f t="shared" si="372"/>
        <v>2.6985096603221752</v>
      </c>
      <c r="P1581" s="236" t="str">
        <f t="shared" si="373"/>
        <v>CLAY</v>
      </c>
      <c r="Q1581" s="236">
        <f t="shared" si="369"/>
        <v>78.184395433987078</v>
      </c>
      <c r="R1581" s="238">
        <v>35</v>
      </c>
      <c r="S1581" s="236">
        <f t="shared" si="374"/>
        <v>4.7283398386711344</v>
      </c>
      <c r="T1581" s="236" t="e">
        <f t="shared" si="360"/>
        <v>#N/A</v>
      </c>
    </row>
    <row r="1582" spans="1:20" x14ac:dyDescent="0.2">
      <c r="A1582" s="53">
        <f t="shared" si="361"/>
        <v>1570</v>
      </c>
      <c r="B1582" s="239">
        <v>15.667</v>
      </c>
      <c r="C1582" s="3">
        <f t="shared" si="362"/>
        <v>15.66</v>
      </c>
      <c r="D1582" s="239">
        <v>1.0871999999999999</v>
      </c>
      <c r="E1582" s="239">
        <v>7.7999999999999996E-3</v>
      </c>
      <c r="F1582" s="239">
        <v>0.28210000000000002</v>
      </c>
      <c r="G1582">
        <f t="shared" si="363"/>
        <v>1.1436199999999999</v>
      </c>
      <c r="H1582" s="235">
        <f t="shared" si="364"/>
        <v>0.68204473513929453</v>
      </c>
      <c r="I1582" s="236">
        <f t="shared" si="365"/>
        <v>15.705552049299257</v>
      </c>
      <c r="J1582" s="237">
        <f t="shared" si="370"/>
        <v>5.7055520492992571</v>
      </c>
      <c r="K1582" s="237">
        <f t="shared" si="366"/>
        <v>245.94894509202638</v>
      </c>
      <c r="L1582" s="237">
        <f t="shared" si="371"/>
        <v>89.388883956371458</v>
      </c>
      <c r="M1582" s="236">
        <f t="shared" si="367"/>
        <v>10.042311920418483</v>
      </c>
      <c r="N1582" s="236">
        <f t="shared" si="368"/>
        <v>0.86891517303068577</v>
      </c>
      <c r="O1582" s="236">
        <f t="shared" si="372"/>
        <v>2.7267331040891709</v>
      </c>
      <c r="P1582" s="236" t="str">
        <f t="shared" si="373"/>
        <v>CLAY</v>
      </c>
      <c r="Q1582" s="236">
        <f t="shared" si="369"/>
        <v>74.805921242331124</v>
      </c>
      <c r="R1582" s="238">
        <v>35</v>
      </c>
      <c r="S1582" s="236">
        <f t="shared" si="374"/>
        <v>4.4692242033788148</v>
      </c>
      <c r="T1582" s="236" t="e">
        <f t="shared" si="360"/>
        <v>#N/A</v>
      </c>
    </row>
    <row r="1583" spans="1:20" x14ac:dyDescent="0.2">
      <c r="A1583" s="53">
        <f t="shared" si="361"/>
        <v>1571</v>
      </c>
      <c r="B1583" s="239">
        <v>15.677</v>
      </c>
      <c r="C1583" s="3">
        <f t="shared" si="362"/>
        <v>15.67</v>
      </c>
      <c r="D1583" s="239">
        <v>1.0643</v>
      </c>
      <c r="E1583" s="239">
        <v>7.6E-3</v>
      </c>
      <c r="F1583" s="239">
        <v>0.28360000000000002</v>
      </c>
      <c r="G1583">
        <f t="shared" si="363"/>
        <v>1.1210200000000001</v>
      </c>
      <c r="H1583" s="235">
        <f t="shared" si="364"/>
        <v>0.67795400617294954</v>
      </c>
      <c r="I1583" s="236">
        <f t="shared" si="365"/>
        <v>15.667291778320291</v>
      </c>
      <c r="J1583" s="237">
        <f t="shared" si="370"/>
        <v>5.6672917783202905</v>
      </c>
      <c r="K1583" s="237">
        <f t="shared" si="366"/>
        <v>245.50646216627896</v>
      </c>
      <c r="L1583" s="237">
        <f t="shared" si="371"/>
        <v>88.846133208727196</v>
      </c>
      <c r="M1583" s="236">
        <f t="shared" si="367"/>
        <v>9.8542672169746286</v>
      </c>
      <c r="N1583" s="236">
        <f t="shared" si="368"/>
        <v>0.86806196267445979</v>
      </c>
      <c r="O1583" s="236">
        <f t="shared" si="372"/>
        <v>2.733985409773843</v>
      </c>
      <c r="P1583" s="236" t="str">
        <f t="shared" si="373"/>
        <v>CLAY</v>
      </c>
      <c r="Q1583" s="236">
        <f t="shared" si="369"/>
        <v>72.959461486143439</v>
      </c>
      <c r="R1583" s="238">
        <v>35</v>
      </c>
      <c r="S1583" s="236">
        <f t="shared" si="374"/>
        <v>4.3648610917574366</v>
      </c>
      <c r="T1583" s="236" t="e">
        <f t="shared" si="360"/>
        <v>#N/A</v>
      </c>
    </row>
    <row r="1584" spans="1:20" x14ac:dyDescent="0.2">
      <c r="A1584" s="53">
        <f t="shared" si="361"/>
        <v>1572</v>
      </c>
      <c r="B1584" s="239">
        <v>15.686999999999999</v>
      </c>
      <c r="C1584" s="3">
        <f t="shared" si="362"/>
        <v>15.68</v>
      </c>
      <c r="D1584" s="239">
        <v>1.0274000000000001</v>
      </c>
      <c r="E1584" s="239">
        <v>7.4000000000000003E-3</v>
      </c>
      <c r="F1584" s="239">
        <v>0.28549999999999998</v>
      </c>
      <c r="G1584">
        <f t="shared" si="363"/>
        <v>1.0845</v>
      </c>
      <c r="H1584" s="235">
        <f t="shared" si="364"/>
        <v>0.68234209313047489</v>
      </c>
      <c r="I1584" s="236">
        <f t="shared" si="365"/>
        <v>15.623075298371312</v>
      </c>
      <c r="J1584" s="237">
        <f t="shared" si="370"/>
        <v>5.6230752983713117</v>
      </c>
      <c r="K1584" s="237">
        <f t="shared" si="366"/>
        <v>244.96982067846216</v>
      </c>
      <c r="L1584" s="237">
        <f t="shared" si="371"/>
        <v>88.209182205550761</v>
      </c>
      <c r="M1584" s="236">
        <f t="shared" si="367"/>
        <v>9.5174919246525853</v>
      </c>
      <c r="N1584" s="236">
        <f t="shared" si="368"/>
        <v>0.88144538246144688</v>
      </c>
      <c r="O1584" s="236">
        <f t="shared" si="372"/>
        <v>2.7504800280733166</v>
      </c>
      <c r="P1584" s="236" t="str">
        <f t="shared" si="373"/>
        <v>CLAY</v>
      </c>
      <c r="Q1584" s="236">
        <f t="shared" si="369"/>
        <v>69.96084827679482</v>
      </c>
      <c r="R1584" s="238">
        <v>35</v>
      </c>
      <c r="S1584" s="236">
        <f t="shared" si="374"/>
        <v>4.1791999967439555</v>
      </c>
      <c r="T1584" s="236" t="e">
        <f t="shared" si="360"/>
        <v>#N/A</v>
      </c>
    </row>
    <row r="1585" spans="1:20" x14ac:dyDescent="0.2">
      <c r="A1585" s="53">
        <f t="shared" si="361"/>
        <v>1573</v>
      </c>
      <c r="B1585" s="239">
        <v>15.696999999999999</v>
      </c>
      <c r="C1585" s="3">
        <f t="shared" si="362"/>
        <v>15.69</v>
      </c>
      <c r="D1585" s="239">
        <v>0.98770000000000002</v>
      </c>
      <c r="E1585" s="239">
        <v>7.4000000000000003E-3</v>
      </c>
      <c r="F1585" s="239">
        <v>0.28649999999999998</v>
      </c>
      <c r="G1585">
        <f t="shared" si="363"/>
        <v>1.0449999999999999</v>
      </c>
      <c r="H1585" s="235">
        <f t="shared" si="364"/>
        <v>0.70813397129186617</v>
      </c>
      <c r="I1585" s="236">
        <f t="shared" si="365"/>
        <v>15.608573359058489</v>
      </c>
      <c r="J1585" s="237">
        <f t="shared" si="370"/>
        <v>5.6085733590584894</v>
      </c>
      <c r="K1585" s="237">
        <f t="shared" si="366"/>
        <v>244.89851600362769</v>
      </c>
      <c r="L1585" s="237">
        <f t="shared" si="371"/>
        <v>88.037776017141098</v>
      </c>
      <c r="M1585" s="236">
        <f t="shared" si="367"/>
        <v>9.0881610167048201</v>
      </c>
      <c r="N1585" s="236">
        <f t="shared" si="368"/>
        <v>0.92488267401258217</v>
      </c>
      <c r="O1585" s="236">
        <f t="shared" si="372"/>
        <v>2.7775086434298721</v>
      </c>
      <c r="P1585" s="236" t="str">
        <f t="shared" si="373"/>
        <v>CLAY</v>
      </c>
      <c r="Q1585" s="236">
        <f t="shared" si="369"/>
        <v>66.675123666364357</v>
      </c>
      <c r="R1585" s="238">
        <v>35</v>
      </c>
      <c r="S1585" s="236">
        <f t="shared" si="374"/>
        <v>3.9448911539946754</v>
      </c>
      <c r="T1585" s="236" t="e">
        <f t="shared" si="360"/>
        <v>#N/A</v>
      </c>
    </row>
    <row r="1586" spans="1:20" x14ac:dyDescent="0.2">
      <c r="A1586" s="53">
        <f t="shared" si="361"/>
        <v>1574</v>
      </c>
      <c r="B1586" s="239">
        <v>15.708</v>
      </c>
      <c r="C1586" s="3">
        <f t="shared" si="362"/>
        <v>15.701000000000001</v>
      </c>
      <c r="D1586" s="239">
        <v>0.94610000000000005</v>
      </c>
      <c r="E1586" s="239">
        <v>7.7999999999999996E-3</v>
      </c>
      <c r="F1586" s="239">
        <v>0.29160000000000003</v>
      </c>
      <c r="G1586">
        <f t="shared" si="363"/>
        <v>1.0044200000000001</v>
      </c>
      <c r="H1586" s="235">
        <f t="shared" si="364"/>
        <v>0.77656757133470056</v>
      </c>
      <c r="I1586" s="236">
        <f t="shared" si="365"/>
        <v>15.654822298261323</v>
      </c>
      <c r="J1586" s="237">
        <f t="shared" si="370"/>
        <v>5.6548222982613225</v>
      </c>
      <c r="K1586" s="237">
        <f t="shared" si="366"/>
        <v>245.79636490500104</v>
      </c>
      <c r="L1586" s="237">
        <f t="shared" si="371"/>
        <v>88.825948661088859</v>
      </c>
      <c r="M1586" s="236">
        <f t="shared" si="367"/>
        <v>8.5405632760477577</v>
      </c>
      <c r="N1586" s="236">
        <f t="shared" si="368"/>
        <v>1.0281778261526535</v>
      </c>
      <c r="O1586" s="236">
        <f t="shared" si="372"/>
        <v>2.8217092067327765</v>
      </c>
      <c r="P1586" s="236" t="str">
        <f t="shared" si="373"/>
        <v>CLAY</v>
      </c>
      <c r="Q1586" s="236">
        <f t="shared" si="369"/>
        <v>63.218636257916586</v>
      </c>
      <c r="R1586" s="238">
        <v>35</v>
      </c>
      <c r="S1586" s="236">
        <f t="shared" si="374"/>
        <v>3.6500444391874871</v>
      </c>
      <c r="T1586" s="236" t="e">
        <f t="shared" si="360"/>
        <v>#N/A</v>
      </c>
    </row>
    <row r="1587" spans="1:20" x14ac:dyDescent="0.2">
      <c r="A1587" s="53">
        <f t="shared" si="361"/>
        <v>1575</v>
      </c>
      <c r="B1587" s="239">
        <v>15.717000000000001</v>
      </c>
      <c r="C1587" s="3">
        <f t="shared" si="362"/>
        <v>15.71</v>
      </c>
      <c r="D1587" s="239">
        <v>0.89670000000000005</v>
      </c>
      <c r="E1587" s="239">
        <v>8.2000000000000007E-3</v>
      </c>
      <c r="F1587" s="239">
        <v>0.3019</v>
      </c>
      <c r="G1587">
        <f t="shared" si="363"/>
        <v>0.95708000000000004</v>
      </c>
      <c r="H1587" s="235">
        <f t="shared" si="364"/>
        <v>0.85677268357922021</v>
      </c>
      <c r="I1587" s="236">
        <f t="shared" si="365"/>
        <v>15.69459387264506</v>
      </c>
      <c r="J1587" s="237">
        <f t="shared" si="370"/>
        <v>5.6945938726450596</v>
      </c>
      <c r="K1587" s="237">
        <f t="shared" si="366"/>
        <v>246.5620697392539</v>
      </c>
      <c r="L1587" s="237">
        <f t="shared" si="371"/>
        <v>89.501931896362407</v>
      </c>
      <c r="M1587" s="236">
        <f t="shared" si="367"/>
        <v>7.9385764665223224</v>
      </c>
      <c r="N1587" s="236">
        <f t="shared" si="368"/>
        <v>1.1540876944499854</v>
      </c>
      <c r="O1587" s="236">
        <f t="shared" si="372"/>
        <v>2.8723438691372798</v>
      </c>
      <c r="P1587" s="236" t="str">
        <f t="shared" si="373"/>
        <v>CLAY</v>
      </c>
      <c r="Q1587" s="236">
        <f t="shared" si="369"/>
        <v>59.209827521728847</v>
      </c>
      <c r="R1587" s="238">
        <v>35</v>
      </c>
      <c r="S1587" s="236">
        <f t="shared" si="374"/>
        <v>3.3313349346810504</v>
      </c>
      <c r="T1587" s="236" t="e">
        <f t="shared" si="360"/>
        <v>#N/A</v>
      </c>
    </row>
    <row r="1588" spans="1:20" x14ac:dyDescent="0.2">
      <c r="A1588" s="53">
        <f t="shared" si="361"/>
        <v>1576</v>
      </c>
      <c r="B1588" s="239">
        <v>15.727</v>
      </c>
      <c r="C1588" s="3">
        <f t="shared" si="362"/>
        <v>15.72</v>
      </c>
      <c r="D1588" s="239">
        <v>0.83460000000000001</v>
      </c>
      <c r="E1588" s="239">
        <v>9.1000000000000004E-3</v>
      </c>
      <c r="F1588" s="239">
        <v>0.311</v>
      </c>
      <c r="G1588">
        <f t="shared" si="363"/>
        <v>0.89680000000000004</v>
      </c>
      <c r="H1588" s="235">
        <f t="shared" si="364"/>
        <v>1.0147190008920606</v>
      </c>
      <c r="I1588" s="236">
        <f t="shared" si="365"/>
        <v>15.791280853277666</v>
      </c>
      <c r="J1588" s="237">
        <f t="shared" si="370"/>
        <v>5.7912808532776658</v>
      </c>
      <c r="K1588" s="237">
        <f t="shared" si="366"/>
        <v>248.23893501352492</v>
      </c>
      <c r="L1588" s="237">
        <f t="shared" si="371"/>
        <v>91.079473979497848</v>
      </c>
      <c r="M1588" s="236">
        <f t="shared" si="367"/>
        <v>7.1208257651165985</v>
      </c>
      <c r="N1588" s="236">
        <f t="shared" si="368"/>
        <v>1.4031061208075708</v>
      </c>
      <c r="O1588" s="236">
        <f t="shared" si="372"/>
        <v>2.9529788023126082</v>
      </c>
      <c r="P1588" s="236" t="str">
        <f t="shared" si="373"/>
        <v>CLAY</v>
      </c>
      <c r="Q1588" s="236">
        <f t="shared" si="369"/>
        <v>54.046755415539593</v>
      </c>
      <c r="R1588" s="238">
        <v>35</v>
      </c>
      <c r="S1588" s="236">
        <f t="shared" si="374"/>
        <v>2.9080572893010097</v>
      </c>
      <c r="T1588" s="236" t="e">
        <f t="shared" si="360"/>
        <v>#N/A</v>
      </c>
    </row>
    <row r="1589" spans="1:20" x14ac:dyDescent="0.2">
      <c r="A1589" s="53">
        <f t="shared" si="361"/>
        <v>1577</v>
      </c>
      <c r="B1589" s="239">
        <v>15.736000000000001</v>
      </c>
      <c r="C1589" s="3">
        <f t="shared" si="362"/>
        <v>15.729000000000001</v>
      </c>
      <c r="D1589" s="239">
        <v>0.79159999999999997</v>
      </c>
      <c r="E1589" s="239">
        <v>9.7999999999999997E-3</v>
      </c>
      <c r="F1589" s="239">
        <v>0.32150000000000001</v>
      </c>
      <c r="G1589">
        <f t="shared" si="363"/>
        <v>0.85589999999999999</v>
      </c>
      <c r="H1589" s="235">
        <f t="shared" si="364"/>
        <v>1.144993574015656</v>
      </c>
      <c r="I1589" s="236">
        <f t="shared" si="365"/>
        <v>15.859934182491287</v>
      </c>
      <c r="J1589" s="237">
        <f t="shared" si="370"/>
        <v>5.8599341824912869</v>
      </c>
      <c r="K1589" s="237">
        <f t="shared" si="366"/>
        <v>249.46090475640545</v>
      </c>
      <c r="L1589" s="237">
        <f t="shared" si="371"/>
        <v>92.211924295682891</v>
      </c>
      <c r="M1589" s="236">
        <f t="shared" si="367"/>
        <v>6.5765799800361204</v>
      </c>
      <c r="N1589" s="236">
        <f t="shared" si="368"/>
        <v>1.6159908021865799</v>
      </c>
      <c r="O1589" s="236">
        <f t="shared" si="372"/>
        <v>3.0122319107620781</v>
      </c>
      <c r="P1589" s="236" t="str">
        <f t="shared" si="373"/>
        <v>CLAY</v>
      </c>
      <c r="Q1589" s="236">
        <f t="shared" si="369"/>
        <v>50.536591270299539</v>
      </c>
      <c r="R1589" s="238">
        <v>35</v>
      </c>
      <c r="S1589" s="236">
        <f t="shared" si="374"/>
        <v>2.6329350217684344</v>
      </c>
      <c r="T1589" s="236" t="e">
        <f t="shared" si="360"/>
        <v>#N/A</v>
      </c>
    </row>
    <row r="1590" spans="1:20" x14ac:dyDescent="0.2">
      <c r="A1590" s="53">
        <f t="shared" si="361"/>
        <v>1578</v>
      </c>
      <c r="B1590" s="239">
        <v>15.747</v>
      </c>
      <c r="C1590" s="3">
        <f t="shared" si="362"/>
        <v>15.74</v>
      </c>
      <c r="D1590" s="239">
        <v>0.76910000000000001</v>
      </c>
      <c r="E1590" s="239">
        <v>1.0500000000000001E-2</v>
      </c>
      <c r="F1590" s="239">
        <v>0.32619999999999999</v>
      </c>
      <c r="G1590">
        <f t="shared" si="363"/>
        <v>0.83433999999999997</v>
      </c>
      <c r="H1590" s="235">
        <f t="shared" si="364"/>
        <v>1.2584797564542034</v>
      </c>
      <c r="I1590" s="236">
        <f t="shared" si="365"/>
        <v>15.930862920431007</v>
      </c>
      <c r="J1590" s="237">
        <f t="shared" si="370"/>
        <v>5.9308629204310073</v>
      </c>
      <c r="K1590" s="237">
        <f t="shared" si="366"/>
        <v>250.75178236758407</v>
      </c>
      <c r="L1590" s="237">
        <f t="shared" si="371"/>
        <v>93.393298408027064</v>
      </c>
      <c r="M1590" s="236">
        <f t="shared" si="367"/>
        <v>6.2487162096232058</v>
      </c>
      <c r="N1590" s="236">
        <f t="shared" si="368"/>
        <v>1.7992138433839362</v>
      </c>
      <c r="O1590" s="236">
        <f t="shared" si="372"/>
        <v>3.0540569834242111</v>
      </c>
      <c r="P1590" s="236" t="str">
        <f t="shared" si="373"/>
        <v>CLAY</v>
      </c>
      <c r="Q1590" s="236">
        <f t="shared" si="369"/>
        <v>48.63235146936799</v>
      </c>
      <c r="R1590" s="238">
        <v>35</v>
      </c>
      <c r="S1590" s="236">
        <f t="shared" si="374"/>
        <v>2.4698951099147646</v>
      </c>
      <c r="T1590" s="236" t="e">
        <f t="shared" si="360"/>
        <v>#N/A</v>
      </c>
    </row>
    <row r="1591" spans="1:20" x14ac:dyDescent="0.2">
      <c r="A1591" s="53">
        <f t="shared" si="361"/>
        <v>1579</v>
      </c>
      <c r="B1591" s="239">
        <v>15.757</v>
      </c>
      <c r="C1591" s="3">
        <f t="shared" si="362"/>
        <v>15.75</v>
      </c>
      <c r="D1591" s="239">
        <v>0.76859999999999995</v>
      </c>
      <c r="E1591" s="239">
        <v>1.06E-2</v>
      </c>
      <c r="F1591" s="239">
        <v>0.33100000000000002</v>
      </c>
      <c r="G1591">
        <f t="shared" si="363"/>
        <v>0.83479999999999999</v>
      </c>
      <c r="H1591" s="235">
        <f t="shared" si="364"/>
        <v>1.2697652132247246</v>
      </c>
      <c r="I1591" s="236">
        <f t="shared" si="365"/>
        <v>15.942193086951441</v>
      </c>
      <c r="J1591" s="237">
        <f t="shared" si="370"/>
        <v>5.9421930869514412</v>
      </c>
      <c r="K1591" s="237">
        <f t="shared" si="366"/>
        <v>251.0895411194852</v>
      </c>
      <c r="L1591" s="237">
        <f t="shared" si="371"/>
        <v>93.631136471093853</v>
      </c>
      <c r="M1591" s="236">
        <f t="shared" si="367"/>
        <v>6.2341490328991149</v>
      </c>
      <c r="N1591" s="236">
        <f t="shared" si="368"/>
        <v>1.8159688315898093</v>
      </c>
      <c r="O1591" s="236">
        <f t="shared" si="372"/>
        <v>3.0568903750855005</v>
      </c>
      <c r="P1591" s="236" t="str">
        <f t="shared" si="373"/>
        <v>CLAY</v>
      </c>
      <c r="Q1591" s="236">
        <f t="shared" si="369"/>
        <v>48.642538240042903</v>
      </c>
      <c r="R1591" s="238">
        <v>35</v>
      </c>
      <c r="S1591" s="236">
        <f t="shared" si="374"/>
        <v>2.4626998503778363</v>
      </c>
      <c r="T1591" s="236" t="e">
        <f t="shared" si="360"/>
        <v>#N/A</v>
      </c>
    </row>
    <row r="1592" spans="1:20" x14ac:dyDescent="0.2">
      <c r="A1592" s="53">
        <f t="shared" si="361"/>
        <v>1580</v>
      </c>
      <c r="B1592" s="239">
        <v>15.766999999999999</v>
      </c>
      <c r="C1592" s="3">
        <f t="shared" si="362"/>
        <v>15.76</v>
      </c>
      <c r="D1592" s="239">
        <v>0.752</v>
      </c>
      <c r="E1592" s="239">
        <v>1.0500000000000001E-2</v>
      </c>
      <c r="F1592" s="239">
        <v>0.33829999999999999</v>
      </c>
      <c r="G1592">
        <f t="shared" si="363"/>
        <v>0.81965999999999994</v>
      </c>
      <c r="H1592" s="235">
        <f t="shared" si="364"/>
        <v>1.2810189590805945</v>
      </c>
      <c r="I1592" s="236">
        <f t="shared" si="365"/>
        <v>15.923924529418741</v>
      </c>
      <c r="J1592" s="237">
        <f t="shared" si="370"/>
        <v>5.9239245294187413</v>
      </c>
      <c r="K1592" s="237">
        <f t="shared" si="366"/>
        <v>250.96105058363935</v>
      </c>
      <c r="L1592" s="237">
        <f t="shared" si="371"/>
        <v>93.402518055345297</v>
      </c>
      <c r="M1592" s="236">
        <f t="shared" si="367"/>
        <v>6.0886896976308531</v>
      </c>
      <c r="N1592" s="236">
        <f t="shared" si="368"/>
        <v>1.846319570446868</v>
      </c>
      <c r="O1592" s="236">
        <f t="shared" si="372"/>
        <v>3.0693468881394681</v>
      </c>
      <c r="P1592" s="236" t="str">
        <f t="shared" si="373"/>
        <v>CLAY</v>
      </c>
      <c r="Q1592" s="236">
        <f t="shared" si="369"/>
        <v>47.391579118030052</v>
      </c>
      <c r="R1592" s="238">
        <v>35</v>
      </c>
      <c r="S1592" s="236">
        <f t="shared" si="374"/>
        <v>2.3910838733068807</v>
      </c>
      <c r="T1592" s="236" t="e">
        <f t="shared" si="360"/>
        <v>#N/A</v>
      </c>
    </row>
    <row r="1593" spans="1:20" x14ac:dyDescent="0.2">
      <c r="A1593" s="53">
        <f t="shared" si="361"/>
        <v>1581</v>
      </c>
      <c r="B1593" s="239">
        <v>15.776</v>
      </c>
      <c r="C1593" s="3">
        <f t="shared" si="362"/>
        <v>15.769</v>
      </c>
      <c r="D1593" s="239">
        <v>0.74550000000000005</v>
      </c>
      <c r="E1593" s="239">
        <v>1.03E-2</v>
      </c>
      <c r="F1593" s="239">
        <v>0.3458</v>
      </c>
      <c r="G1593">
        <f t="shared" si="363"/>
        <v>0.81466000000000005</v>
      </c>
      <c r="H1593" s="235">
        <f t="shared" si="364"/>
        <v>1.2643311320059902</v>
      </c>
      <c r="I1593" s="236">
        <f t="shared" si="365"/>
        <v>15.898982314670935</v>
      </c>
      <c r="J1593" s="237">
        <f t="shared" si="370"/>
        <v>5.8989823146709348</v>
      </c>
      <c r="K1593" s="237">
        <f t="shared" si="366"/>
        <v>250.71105212004596</v>
      </c>
      <c r="L1593" s="237">
        <f t="shared" si="371"/>
        <v>93.062344996248669</v>
      </c>
      <c r="M1593" s="236">
        <f t="shared" si="367"/>
        <v>6.0599047649474862</v>
      </c>
      <c r="N1593" s="236">
        <f t="shared" si="368"/>
        <v>1.8264064573079983</v>
      </c>
      <c r="O1593" s="236">
        <f t="shared" si="372"/>
        <v>3.0688712970251246</v>
      </c>
      <c r="P1593" s="236" t="str">
        <f t="shared" si="373"/>
        <v>CLAY</v>
      </c>
      <c r="Q1593" s="236">
        <f t="shared" si="369"/>
        <v>46.995745656662848</v>
      </c>
      <c r="R1593" s="238">
        <v>35</v>
      </c>
      <c r="S1593" s="236">
        <f t="shared" si="374"/>
        <v>2.3769621020207805</v>
      </c>
      <c r="T1593" s="236" t="e">
        <f t="shared" si="360"/>
        <v>#N/A</v>
      </c>
    </row>
    <row r="1594" spans="1:20" x14ac:dyDescent="0.2">
      <c r="A1594" s="53">
        <f t="shared" si="361"/>
        <v>1582</v>
      </c>
      <c r="B1594" s="239">
        <v>15.787000000000001</v>
      </c>
      <c r="C1594" s="3">
        <f t="shared" si="362"/>
        <v>15.780000000000001</v>
      </c>
      <c r="D1594" s="239">
        <v>0.78349999999999997</v>
      </c>
      <c r="E1594" s="239">
        <v>1.03E-2</v>
      </c>
      <c r="F1594" s="239">
        <v>0.34889999999999999</v>
      </c>
      <c r="G1594">
        <f t="shared" si="363"/>
        <v>0.85327999999999993</v>
      </c>
      <c r="H1594" s="235">
        <f t="shared" si="364"/>
        <v>1.2071066941683857</v>
      </c>
      <c r="I1594" s="236">
        <f t="shared" si="365"/>
        <v>15.917085970791373</v>
      </c>
      <c r="J1594" s="237">
        <f t="shared" si="370"/>
        <v>5.9170859707913728</v>
      </c>
      <c r="K1594" s="237">
        <f t="shared" si="366"/>
        <v>251.17161661908787</v>
      </c>
      <c r="L1594" s="237">
        <f t="shared" si="371"/>
        <v>93.413036220883413</v>
      </c>
      <c r="M1594" s="236">
        <f t="shared" si="367"/>
        <v>6.4456569204877718</v>
      </c>
      <c r="N1594" s="236">
        <f t="shared" si="368"/>
        <v>1.7106554707250949</v>
      </c>
      <c r="O1594" s="236">
        <f t="shared" si="372"/>
        <v>3.0316959786370585</v>
      </c>
      <c r="P1594" s="236" t="str">
        <f t="shared" si="373"/>
        <v>CLAY</v>
      </c>
      <c r="Q1594" s="236">
        <f t="shared" si="369"/>
        <v>50.175698615076008</v>
      </c>
      <c r="R1594" s="238">
        <v>35</v>
      </c>
      <c r="S1594" s="236">
        <f t="shared" si="374"/>
        <v>2.5675800404781177</v>
      </c>
      <c r="T1594" s="236" t="e">
        <f t="shared" si="360"/>
        <v>#N/A</v>
      </c>
    </row>
    <row r="1595" spans="1:20" x14ac:dyDescent="0.2">
      <c r="A1595" s="53">
        <f t="shared" si="361"/>
        <v>1583</v>
      </c>
      <c r="B1595" s="239">
        <v>15.797000000000001</v>
      </c>
      <c r="C1595" s="3">
        <f t="shared" si="362"/>
        <v>15.790000000000001</v>
      </c>
      <c r="D1595" s="239">
        <v>0.82499999999999996</v>
      </c>
      <c r="E1595" s="239">
        <v>1.04E-2</v>
      </c>
      <c r="F1595" s="239">
        <v>0.35460000000000003</v>
      </c>
      <c r="G1595">
        <f t="shared" si="363"/>
        <v>0.89591999999999994</v>
      </c>
      <c r="H1595" s="235">
        <f t="shared" si="364"/>
        <v>1.1608179301723369</v>
      </c>
      <c r="I1595" s="236">
        <f t="shared" si="365"/>
        <v>15.947475378963315</v>
      </c>
      <c r="J1595" s="237">
        <f t="shared" si="370"/>
        <v>5.9474753789633148</v>
      </c>
      <c r="K1595" s="237">
        <f t="shared" si="366"/>
        <v>251.81063623383076</v>
      </c>
      <c r="L1595" s="237">
        <f t="shared" si="371"/>
        <v>93.952268561483493</v>
      </c>
      <c r="M1595" s="236">
        <f t="shared" si="367"/>
        <v>6.8557084744010863</v>
      </c>
      <c r="N1595" s="236">
        <f t="shared" si="368"/>
        <v>1.6146326361706969</v>
      </c>
      <c r="O1595" s="236">
        <f t="shared" si="372"/>
        <v>2.9961767028343322</v>
      </c>
      <c r="P1595" s="236" t="str">
        <f t="shared" si="373"/>
        <v>CLAY</v>
      </c>
      <c r="Q1595" s="236">
        <f t="shared" si="369"/>
        <v>53.675780313847433</v>
      </c>
      <c r="R1595" s="238">
        <v>35</v>
      </c>
      <c r="S1595" s="236">
        <f t="shared" si="374"/>
        <v>2.7733548174827614</v>
      </c>
      <c r="T1595" s="236" t="e">
        <f t="shared" si="360"/>
        <v>#N/A</v>
      </c>
    </row>
    <row r="1596" spans="1:20" x14ac:dyDescent="0.2">
      <c r="A1596" s="53">
        <f t="shared" si="361"/>
        <v>1584</v>
      </c>
      <c r="B1596" s="239">
        <v>15.805999999999999</v>
      </c>
      <c r="C1596" s="3">
        <f t="shared" si="362"/>
        <v>15.798999999999999</v>
      </c>
      <c r="D1596" s="239">
        <v>0.91749999999999998</v>
      </c>
      <c r="E1596" s="239">
        <v>1.03E-2</v>
      </c>
      <c r="F1596" s="239">
        <v>0.36359999999999998</v>
      </c>
      <c r="G1596">
        <f t="shared" si="363"/>
        <v>0.99021999999999999</v>
      </c>
      <c r="H1596" s="235">
        <f t="shared" si="364"/>
        <v>1.0401728908727355</v>
      </c>
      <c r="I1596" s="236">
        <f t="shared" si="365"/>
        <v>15.975262085471069</v>
      </c>
      <c r="J1596" s="237">
        <f t="shared" si="370"/>
        <v>5.9752620854710692</v>
      </c>
      <c r="K1596" s="237">
        <f t="shared" si="366"/>
        <v>252.39316568835741</v>
      </c>
      <c r="L1596" s="237">
        <f t="shared" si="371"/>
        <v>94.444992522955715</v>
      </c>
      <c r="M1596" s="236">
        <f t="shared" si="367"/>
        <v>7.8122387921446137</v>
      </c>
      <c r="N1596" s="236">
        <f t="shared" si="368"/>
        <v>1.3959915146769377</v>
      </c>
      <c r="O1596" s="236">
        <f t="shared" si="372"/>
        <v>2.9163317837204596</v>
      </c>
      <c r="P1596" s="236" t="str">
        <f t="shared" si="373"/>
        <v>CLAY</v>
      </c>
      <c r="Q1596" s="236">
        <f t="shared" si="369"/>
        <v>61.48556952597022</v>
      </c>
      <c r="R1596" s="238">
        <v>35</v>
      </c>
      <c r="S1596" s="236">
        <f t="shared" si="374"/>
        <v>3.2651970520404805</v>
      </c>
      <c r="T1596" s="236" t="e">
        <f t="shared" si="360"/>
        <v>#N/A</v>
      </c>
    </row>
    <row r="1597" spans="1:20" x14ac:dyDescent="0.2">
      <c r="A1597" s="53">
        <f t="shared" si="361"/>
        <v>1585</v>
      </c>
      <c r="B1597" s="239">
        <v>15.816000000000001</v>
      </c>
      <c r="C1597" s="3">
        <f t="shared" si="362"/>
        <v>15.809000000000001</v>
      </c>
      <c r="D1597" s="239">
        <v>1.1028</v>
      </c>
      <c r="E1597" s="239">
        <v>0.01</v>
      </c>
      <c r="F1597" s="239">
        <v>0.3619</v>
      </c>
      <c r="G1597">
        <f t="shared" si="363"/>
        <v>1.1751799999999999</v>
      </c>
      <c r="H1597" s="235">
        <f t="shared" si="364"/>
        <v>0.85093347402100117</v>
      </c>
      <c r="I1597" s="236">
        <f t="shared" si="365"/>
        <v>16.00753700694025</v>
      </c>
      <c r="J1597" s="237">
        <f t="shared" si="370"/>
        <v>6.0075370069402503</v>
      </c>
      <c r="K1597" s="237">
        <f t="shared" si="366"/>
        <v>253.06315254271843</v>
      </c>
      <c r="L1597" s="237">
        <f t="shared" si="371"/>
        <v>95.015205301766997</v>
      </c>
      <c r="M1597" s="236">
        <f t="shared" si="367"/>
        <v>9.7049397991474198</v>
      </c>
      <c r="N1597" s="236">
        <f t="shared" si="368"/>
        <v>1.084461261886148</v>
      </c>
      <c r="O1597" s="236">
        <f t="shared" si="372"/>
        <v>2.7822449249110424</v>
      </c>
      <c r="P1597" s="236" t="str">
        <f t="shared" si="373"/>
        <v>CLAY</v>
      </c>
      <c r="Q1597" s="236">
        <f t="shared" si="369"/>
        <v>76.84307062144012</v>
      </c>
      <c r="R1597" s="238">
        <v>35</v>
      </c>
      <c r="S1597" s="236">
        <f t="shared" si="374"/>
        <v>4.2823392147193005</v>
      </c>
      <c r="T1597" s="236" t="e">
        <f t="shared" si="360"/>
        <v>#N/A</v>
      </c>
    </row>
    <row r="1598" spans="1:20" x14ac:dyDescent="0.2">
      <c r="A1598" s="53">
        <f t="shared" si="361"/>
        <v>1586</v>
      </c>
      <c r="B1598" s="239">
        <v>15.826000000000001</v>
      </c>
      <c r="C1598" s="3">
        <f t="shared" si="362"/>
        <v>15.819000000000001</v>
      </c>
      <c r="D1598" s="239">
        <v>1.3190999999999999</v>
      </c>
      <c r="E1598" s="239">
        <v>0.01</v>
      </c>
      <c r="F1598" s="239">
        <v>0.34539999999999998</v>
      </c>
      <c r="G1598">
        <f t="shared" si="363"/>
        <v>1.38818</v>
      </c>
      <c r="H1598" s="235">
        <f t="shared" si="364"/>
        <v>0.72036767566165771</v>
      </c>
      <c r="I1598" s="236">
        <f t="shared" si="365"/>
        <v>16.072644259152042</v>
      </c>
      <c r="J1598" s="237">
        <f t="shared" si="370"/>
        <v>6.0726442591520424</v>
      </c>
      <c r="K1598" s="237">
        <f t="shared" si="366"/>
        <v>254.25315953552618</v>
      </c>
      <c r="L1598" s="237">
        <f t="shared" si="371"/>
        <v>96.105668045340224</v>
      </c>
      <c r="M1598" s="236">
        <f t="shared" si="367"/>
        <v>11.798750932458175</v>
      </c>
      <c r="N1598" s="236">
        <f t="shared" si="368"/>
        <v>0.88189111000352083</v>
      </c>
      <c r="O1598" s="236">
        <f t="shared" si="372"/>
        <v>2.6663425230992268</v>
      </c>
      <c r="P1598" s="236" t="str">
        <f t="shared" si="373"/>
        <v>CLAY</v>
      </c>
      <c r="Q1598" s="236">
        <f t="shared" si="369"/>
        <v>94.493903372039483</v>
      </c>
      <c r="R1598" s="238">
        <v>35</v>
      </c>
      <c r="S1598" s="236">
        <f t="shared" si="374"/>
        <v>5.4668234724706029</v>
      </c>
      <c r="T1598" s="236" t="e">
        <f t="shared" si="360"/>
        <v>#N/A</v>
      </c>
    </row>
    <row r="1599" spans="1:20" x14ac:dyDescent="0.2">
      <c r="A1599" s="53">
        <f t="shared" si="361"/>
        <v>1587</v>
      </c>
      <c r="B1599" s="239">
        <v>15.836</v>
      </c>
      <c r="C1599" s="3">
        <f t="shared" si="362"/>
        <v>15.829000000000001</v>
      </c>
      <c r="D1599" s="239">
        <v>1.5150999999999999</v>
      </c>
      <c r="E1599" s="239">
        <v>9.7999999999999997E-3</v>
      </c>
      <c r="F1599" s="239">
        <v>0.32250000000000001</v>
      </c>
      <c r="G1599">
        <f t="shared" si="363"/>
        <v>1.5795999999999999</v>
      </c>
      <c r="H1599" s="235">
        <f t="shared" si="364"/>
        <v>0.62041023043808563</v>
      </c>
      <c r="I1599" s="236">
        <f t="shared" si="365"/>
        <v>16.09944587131028</v>
      </c>
      <c r="J1599" s="237">
        <f t="shared" si="370"/>
        <v>6.0994458713102802</v>
      </c>
      <c r="K1599" s="237">
        <f t="shared" si="366"/>
        <v>254.83812869697044</v>
      </c>
      <c r="L1599" s="237">
        <f t="shared" si="371"/>
        <v>96.590824818069592</v>
      </c>
      <c r="M1599" s="236">
        <f t="shared" si="367"/>
        <v>13.715193692550407</v>
      </c>
      <c r="N1599" s="236">
        <f t="shared" si="368"/>
        <v>0.7397555902149241</v>
      </c>
      <c r="O1599" s="236">
        <f t="shared" si="372"/>
        <v>2.5745018921736094</v>
      </c>
      <c r="P1599" s="236" t="str">
        <f t="shared" si="373"/>
        <v>SAND</v>
      </c>
      <c r="Q1599" s="236" t="e">
        <f t="shared" si="369"/>
        <v>#N/A</v>
      </c>
      <c r="R1599" s="238">
        <v>35</v>
      </c>
      <c r="S1599" s="236" t="e">
        <f t="shared" si="374"/>
        <v>#N/A</v>
      </c>
      <c r="T1599" s="236">
        <f t="shared" si="360"/>
        <v>30.109221398289542</v>
      </c>
    </row>
    <row r="1600" spans="1:20" x14ac:dyDescent="0.2">
      <c r="A1600" s="53">
        <f t="shared" si="361"/>
        <v>1588</v>
      </c>
      <c r="B1600" s="239">
        <v>15.847</v>
      </c>
      <c r="C1600" s="3">
        <f t="shared" si="362"/>
        <v>15.84</v>
      </c>
      <c r="D1600" s="239">
        <v>1.6533</v>
      </c>
      <c r="E1600" s="239">
        <v>8.9999999999999993E-3</v>
      </c>
      <c r="F1600" s="239">
        <v>0.29189999999999999</v>
      </c>
      <c r="G1600">
        <f t="shared" si="363"/>
        <v>1.7116799999999999</v>
      </c>
      <c r="H1600" s="235">
        <f t="shared" si="364"/>
        <v>0.52579921480650593</v>
      </c>
      <c r="I1600" s="236">
        <f t="shared" si="365"/>
        <v>16.030978148462093</v>
      </c>
      <c r="J1600" s="237">
        <f t="shared" si="370"/>
        <v>6.0309781484620935</v>
      </c>
      <c r="K1600" s="237">
        <f t="shared" si="366"/>
        <v>253.93069387163956</v>
      </c>
      <c r="L1600" s="237">
        <f t="shared" si="371"/>
        <v>95.572910718678799</v>
      </c>
      <c r="M1600" s="236">
        <f t="shared" si="367"/>
        <v>15.252745732724215</v>
      </c>
      <c r="N1600" s="236">
        <f t="shared" si="368"/>
        <v>0.61739010693842278</v>
      </c>
      <c r="O1600" s="236">
        <f t="shared" si="372"/>
        <v>2.500001613642421</v>
      </c>
      <c r="P1600" s="236" t="str">
        <f t="shared" si="373"/>
        <v>SAND</v>
      </c>
      <c r="Q1600" s="236" t="e">
        <f t="shared" si="369"/>
        <v>#N/A</v>
      </c>
      <c r="R1600" s="238">
        <v>35</v>
      </c>
      <c r="S1600" s="236" t="e">
        <f t="shared" si="374"/>
        <v>#N/A</v>
      </c>
      <c r="T1600" s="236">
        <f t="shared" si="360"/>
        <v>30.61682833569607</v>
      </c>
    </row>
    <row r="1601" spans="1:21" x14ac:dyDescent="0.2">
      <c r="A1601" s="53">
        <f t="shared" si="361"/>
        <v>1589</v>
      </c>
      <c r="B1601" s="239">
        <v>15.856999999999999</v>
      </c>
      <c r="C1601" s="3">
        <f t="shared" si="362"/>
        <v>15.85</v>
      </c>
      <c r="D1601" s="239">
        <v>1.7103999999999999</v>
      </c>
      <c r="E1601" s="239">
        <v>7.7999999999999996E-3</v>
      </c>
      <c r="F1601" s="239">
        <v>0.2555</v>
      </c>
      <c r="G1601">
        <f t="shared" si="363"/>
        <v>1.7614999999999998</v>
      </c>
      <c r="H1601" s="235">
        <f t="shared" si="364"/>
        <v>0.44280442804428044</v>
      </c>
      <c r="I1601" s="236">
        <f t="shared" si="365"/>
        <v>15.874392864412318</v>
      </c>
      <c r="J1601" s="237">
        <f t="shared" si="370"/>
        <v>5.874392864412318</v>
      </c>
      <c r="K1601" s="237">
        <f t="shared" si="366"/>
        <v>251.60912690093522</v>
      </c>
      <c r="L1601" s="237">
        <f t="shared" si="371"/>
        <v>93.150247650986117</v>
      </c>
      <c r="M1601" s="236">
        <f t="shared" si="367"/>
        <v>16.209198699678179</v>
      </c>
      <c r="N1601" s="236">
        <f t="shared" si="368"/>
        <v>0.51659362533865971</v>
      </c>
      <c r="O1601" s="236">
        <f t="shared" si="372"/>
        <v>2.4452903722539374</v>
      </c>
      <c r="P1601" s="236" t="str">
        <f t="shared" si="373"/>
        <v>SAND</v>
      </c>
      <c r="Q1601" s="236" t="e">
        <f t="shared" si="369"/>
        <v>#N/A</v>
      </c>
      <c r="R1601" s="238">
        <v>35</v>
      </c>
      <c r="S1601" s="236" t="e">
        <f t="shared" si="374"/>
        <v>#N/A</v>
      </c>
      <c r="T1601" s="236">
        <f t="shared" si="360"/>
        <v>30.907377006763262</v>
      </c>
      <c r="U1601" s="230"/>
    </row>
    <row r="1602" spans="1:21" x14ac:dyDescent="0.2">
      <c r="A1602" s="53">
        <f t="shared" si="361"/>
        <v>1590</v>
      </c>
      <c r="B1602" s="239">
        <v>15.867000000000001</v>
      </c>
      <c r="C1602" s="3">
        <f t="shared" si="362"/>
        <v>15.860000000000001</v>
      </c>
      <c r="D1602" s="239">
        <v>1.6833</v>
      </c>
      <c r="E1602" s="239">
        <v>7.1000000000000004E-3</v>
      </c>
      <c r="F1602" s="239">
        <v>0.2462</v>
      </c>
      <c r="G1602">
        <f t="shared" si="363"/>
        <v>1.73254</v>
      </c>
      <c r="H1602" s="235">
        <f t="shared" si="364"/>
        <v>0.4098029482724786</v>
      </c>
      <c r="I1602" s="236">
        <f t="shared" si="365"/>
        <v>15.757655539076197</v>
      </c>
      <c r="J1602" s="237">
        <f t="shared" si="370"/>
        <v>5.7576555390761968</v>
      </c>
      <c r="K1602" s="237">
        <f t="shared" si="366"/>
        <v>249.91641684974849</v>
      </c>
      <c r="L1602" s="237">
        <f t="shared" si="371"/>
        <v>91.356720438522018</v>
      </c>
      <c r="M1602" s="236">
        <f t="shared" si="367"/>
        <v>16.228949288388417</v>
      </c>
      <c r="N1602" s="236">
        <f t="shared" si="368"/>
        <v>0.47888082185459713</v>
      </c>
      <c r="O1602" s="236">
        <f t="shared" si="372"/>
        <v>2.4324261374911753</v>
      </c>
      <c r="P1602" s="236" t="str">
        <f t="shared" si="373"/>
        <v>SAND</v>
      </c>
      <c r="Q1602" s="236" t="e">
        <f t="shared" si="369"/>
        <v>#N/A</v>
      </c>
      <c r="R1602" s="238">
        <v>35</v>
      </c>
      <c r="S1602" s="236" t="e">
        <f t="shared" si="374"/>
        <v>#N/A</v>
      </c>
      <c r="T1602" s="236">
        <f t="shared" si="360"/>
        <v>30.913194435076218</v>
      </c>
    </row>
    <row r="1603" spans="1:21" x14ac:dyDescent="0.2">
      <c r="A1603" s="53">
        <f t="shared" si="361"/>
        <v>1591</v>
      </c>
      <c r="B1603" s="239">
        <v>15.877000000000001</v>
      </c>
      <c r="C1603" s="3">
        <f t="shared" si="362"/>
        <v>15.870000000000001</v>
      </c>
      <c r="D1603" s="239">
        <v>1.6112</v>
      </c>
      <c r="E1603" s="239">
        <v>7.1999999999999998E-3</v>
      </c>
      <c r="F1603" s="239">
        <v>0.23730000000000001</v>
      </c>
      <c r="G1603">
        <f t="shared" si="363"/>
        <v>1.65866</v>
      </c>
      <c r="H1603" s="235">
        <f t="shared" si="364"/>
        <v>0.43408534600219456</v>
      </c>
      <c r="I1603" s="236">
        <f t="shared" si="365"/>
        <v>15.757022429009604</v>
      </c>
      <c r="J1603" s="237">
        <f t="shared" si="370"/>
        <v>5.7570224290096039</v>
      </c>
      <c r="K1603" s="237">
        <f t="shared" si="366"/>
        <v>250.06394594838244</v>
      </c>
      <c r="L1603" s="237">
        <f t="shared" si="371"/>
        <v>91.404245105385485</v>
      </c>
      <c r="M1603" s="236">
        <f t="shared" si="367"/>
        <v>15.410619631807712</v>
      </c>
      <c r="N1603" s="236">
        <f t="shared" si="368"/>
        <v>0.51114725043352693</v>
      </c>
      <c r="O1603" s="236">
        <f t="shared" si="372"/>
        <v>2.4638471580621131</v>
      </c>
      <c r="P1603" s="236" t="str">
        <f t="shared" si="373"/>
        <v>SAND</v>
      </c>
      <c r="Q1603" s="236" t="e">
        <f t="shared" si="369"/>
        <v>#N/A</v>
      </c>
      <c r="R1603" s="238">
        <v>35</v>
      </c>
      <c r="S1603" s="236" t="e">
        <f t="shared" si="374"/>
        <v>#N/A</v>
      </c>
      <c r="T1603" s="236">
        <f t="shared" si="360"/>
        <v>30.666021113502389</v>
      </c>
    </row>
    <row r="1604" spans="1:21" x14ac:dyDescent="0.2">
      <c r="A1604" s="53">
        <f t="shared" si="361"/>
        <v>1592</v>
      </c>
      <c r="B1604" s="239">
        <v>15.887</v>
      </c>
      <c r="C1604" s="3">
        <f t="shared" si="362"/>
        <v>15.88</v>
      </c>
      <c r="D1604" s="239">
        <v>1.5249999999999999</v>
      </c>
      <c r="E1604" s="239">
        <v>6.7000000000000002E-3</v>
      </c>
      <c r="F1604" s="239">
        <v>0.2349</v>
      </c>
      <c r="G1604">
        <f t="shared" si="363"/>
        <v>1.5719799999999999</v>
      </c>
      <c r="H1604" s="235">
        <f t="shared" si="364"/>
        <v>0.42621407397040684</v>
      </c>
      <c r="I1604" s="236">
        <f t="shared" si="365"/>
        <v>15.651647336338556</v>
      </c>
      <c r="J1604" s="237">
        <f t="shared" si="370"/>
        <v>5.6516473363385558</v>
      </c>
      <c r="K1604" s="237">
        <f t="shared" si="366"/>
        <v>248.54815970105628</v>
      </c>
      <c r="L1604" s="237">
        <f t="shared" si="371"/>
        <v>89.787721232410632</v>
      </c>
      <c r="M1604" s="236">
        <f t="shared" si="367"/>
        <v>14.739563741386336</v>
      </c>
      <c r="N1604" s="236">
        <f t="shared" si="368"/>
        <v>0.50625954401146711</v>
      </c>
      <c r="O1604" s="236">
        <f t="shared" si="372"/>
        <v>2.4802094381235227</v>
      </c>
      <c r="P1604" s="236" t="str">
        <f t="shared" si="373"/>
        <v>SAND</v>
      </c>
      <c r="Q1604" s="236" t="e">
        <f t="shared" si="369"/>
        <v>#N/A</v>
      </c>
      <c r="R1604" s="238">
        <v>35</v>
      </c>
      <c r="S1604" s="236" t="e">
        <f t="shared" si="374"/>
        <v>#N/A</v>
      </c>
      <c r="T1604" s="236">
        <f t="shared" si="360"/>
        <v>30.453330925087361</v>
      </c>
    </row>
    <row r="1605" spans="1:21" x14ac:dyDescent="0.2">
      <c r="A1605" s="53">
        <f t="shared" si="361"/>
        <v>1593</v>
      </c>
      <c r="B1605" s="239">
        <v>15.896000000000001</v>
      </c>
      <c r="C1605" s="3">
        <f t="shared" si="362"/>
        <v>15.889000000000001</v>
      </c>
      <c r="D1605" s="239">
        <v>1.4218999999999999</v>
      </c>
      <c r="E1605" s="239">
        <v>6.7999999999999996E-3</v>
      </c>
      <c r="F1605" s="239">
        <v>0.23649999999999999</v>
      </c>
      <c r="G1605">
        <f t="shared" si="363"/>
        <v>1.4691999999999998</v>
      </c>
      <c r="H1605" s="235">
        <f t="shared" si="364"/>
        <v>0.46283691805063981</v>
      </c>
      <c r="I1605" s="236">
        <f t="shared" si="365"/>
        <v>15.642589946395255</v>
      </c>
      <c r="J1605" s="237">
        <f t="shared" si="370"/>
        <v>5.6425899463952547</v>
      </c>
      <c r="K1605" s="237">
        <f t="shared" si="366"/>
        <v>248.54511165827421</v>
      </c>
      <c r="L1605" s="237">
        <f t="shared" si="371"/>
        <v>89.694609787898969</v>
      </c>
      <c r="M1605" s="236">
        <f t="shared" si="367"/>
        <v>13.609010521682526</v>
      </c>
      <c r="N1605" s="236">
        <f t="shared" si="368"/>
        <v>0.55707801319977357</v>
      </c>
      <c r="O1605" s="236">
        <f t="shared" si="372"/>
        <v>2.5279834143207727</v>
      </c>
      <c r="P1605" s="236" t="str">
        <f t="shared" si="373"/>
        <v>SAND</v>
      </c>
      <c r="Q1605" s="236" t="e">
        <f t="shared" si="369"/>
        <v>#N/A</v>
      </c>
      <c r="R1605" s="238">
        <v>35</v>
      </c>
      <c r="S1605" s="236" t="e">
        <f t="shared" si="374"/>
        <v>#N/A</v>
      </c>
      <c r="T1605" s="236">
        <f t="shared" si="360"/>
        <v>30.072092048320815</v>
      </c>
    </row>
    <row r="1606" spans="1:21" x14ac:dyDescent="0.2">
      <c r="A1606" s="53">
        <f t="shared" si="361"/>
        <v>1594</v>
      </c>
      <c r="B1606" s="239">
        <v>15.906000000000001</v>
      </c>
      <c r="C1606" s="3">
        <f t="shared" si="362"/>
        <v>15.899000000000001</v>
      </c>
      <c r="D1606" s="239">
        <v>1.3223</v>
      </c>
      <c r="E1606" s="239">
        <v>7.3000000000000001E-3</v>
      </c>
      <c r="F1606" s="239">
        <v>0.24</v>
      </c>
      <c r="G1606">
        <f t="shared" si="363"/>
        <v>1.3703000000000001</v>
      </c>
      <c r="H1606" s="235">
        <f t="shared" si="364"/>
        <v>0.53273005911114346</v>
      </c>
      <c r="I1606" s="236">
        <f t="shared" si="365"/>
        <v>15.698548868661881</v>
      </c>
      <c r="J1606" s="237">
        <f t="shared" si="370"/>
        <v>5.6985488686618808</v>
      </c>
      <c r="K1606" s="237">
        <f t="shared" si="366"/>
        <v>249.59122846285527</v>
      </c>
      <c r="L1606" s="237">
        <f t="shared" si="371"/>
        <v>90.641118304935873</v>
      </c>
      <c r="M1606" s="236">
        <f t="shared" si="367"/>
        <v>12.364242547922277</v>
      </c>
      <c r="N1606" s="236">
        <f t="shared" si="368"/>
        <v>0.65137350446427267</v>
      </c>
      <c r="O1606" s="236">
        <f t="shared" si="372"/>
        <v>2.5928540211671596</v>
      </c>
      <c r="P1606" s="236" t="str">
        <f t="shared" si="373"/>
        <v>SAND</v>
      </c>
      <c r="Q1606" s="236" t="e">
        <f t="shared" si="369"/>
        <v>#N/A</v>
      </c>
      <c r="R1606" s="238">
        <v>35</v>
      </c>
      <c r="S1606" s="236" t="e">
        <f t="shared" si="374"/>
        <v>#N/A</v>
      </c>
      <c r="T1606" s="236">
        <f t="shared" si="360"/>
        <v>29.613842675776397</v>
      </c>
    </row>
    <row r="1607" spans="1:21" x14ac:dyDescent="0.2">
      <c r="A1607" s="53">
        <f t="shared" si="361"/>
        <v>1595</v>
      </c>
      <c r="B1607" s="239">
        <v>15.917</v>
      </c>
      <c r="C1607" s="3">
        <f t="shared" si="362"/>
        <v>15.91</v>
      </c>
      <c r="D1607" s="239">
        <v>1.2236</v>
      </c>
      <c r="E1607" s="239">
        <v>7.7000000000000002E-3</v>
      </c>
      <c r="F1607" s="239">
        <v>0.24329999999999999</v>
      </c>
      <c r="G1607">
        <f t="shared" si="363"/>
        <v>1.2722599999999999</v>
      </c>
      <c r="H1607" s="235">
        <f t="shared" si="364"/>
        <v>0.60522220300881902</v>
      </c>
      <c r="I1607" s="236">
        <f t="shared" si="365"/>
        <v>15.732086298161407</v>
      </c>
      <c r="J1607" s="237">
        <f t="shared" si="370"/>
        <v>5.7320862981614074</v>
      </c>
      <c r="K1607" s="237">
        <f t="shared" si="366"/>
        <v>250.297493003748</v>
      </c>
      <c r="L1607" s="237">
        <f t="shared" si="371"/>
        <v>91.237617607835119</v>
      </c>
      <c r="M1607" s="236">
        <f t="shared" si="367"/>
        <v>11.20110907968831</v>
      </c>
      <c r="N1607" s="236">
        <f t="shared" si="368"/>
        <v>0.75345229862021146</v>
      </c>
      <c r="O1607" s="236">
        <f t="shared" si="372"/>
        <v>2.6577261941192853</v>
      </c>
      <c r="P1607" s="236" t="str">
        <f t="shared" si="373"/>
        <v>CLAY</v>
      </c>
      <c r="Q1607" s="236">
        <f t="shared" si="369"/>
        <v>85.163542249687666</v>
      </c>
      <c r="R1607" s="238">
        <v>35</v>
      </c>
      <c r="S1607" s="236">
        <f t="shared" si="374"/>
        <v>5.1229048764364302</v>
      </c>
      <c r="T1607" s="236" t="e">
        <f t="shared" si="360"/>
        <v>#N/A</v>
      </c>
    </row>
    <row r="1608" spans="1:21" x14ac:dyDescent="0.2">
      <c r="A1608" s="53">
        <f t="shared" si="361"/>
        <v>1596</v>
      </c>
      <c r="B1608" s="239">
        <v>15.926</v>
      </c>
      <c r="C1608" s="3">
        <f t="shared" si="362"/>
        <v>15.919</v>
      </c>
      <c r="D1608" s="239">
        <v>1.1287</v>
      </c>
      <c r="E1608" s="239">
        <v>7.7000000000000002E-3</v>
      </c>
      <c r="F1608" s="239">
        <v>0.2475</v>
      </c>
      <c r="G1608">
        <f t="shared" si="363"/>
        <v>1.1781999999999999</v>
      </c>
      <c r="H1608" s="235">
        <f t="shared" si="364"/>
        <v>0.65353929723306747</v>
      </c>
      <c r="I1608" s="236">
        <f t="shared" si="365"/>
        <v>15.702065128908165</v>
      </c>
      <c r="J1608" s="237">
        <f t="shared" si="370"/>
        <v>5.7020651289081652</v>
      </c>
      <c r="K1608" s="237">
        <f t="shared" si="366"/>
        <v>249.96117478708908</v>
      </c>
      <c r="L1608" s="237">
        <f t="shared" si="371"/>
        <v>90.811089242991443</v>
      </c>
      <c r="M1608" s="236">
        <f t="shared" si="367"/>
        <v>10.221646199277913</v>
      </c>
      <c r="N1608" s="236">
        <f t="shared" si="368"/>
        <v>0.82952789636156909</v>
      </c>
      <c r="O1608" s="236">
        <f t="shared" si="372"/>
        <v>2.7112531623229121</v>
      </c>
      <c r="P1608" s="236" t="str">
        <f t="shared" si="373"/>
        <v>CLAY</v>
      </c>
      <c r="Q1608" s="236">
        <f t="shared" si="369"/>
        <v>77.353235434409228</v>
      </c>
      <c r="R1608" s="238">
        <v>35</v>
      </c>
      <c r="S1608" s="236">
        <f t="shared" si="374"/>
        <v>4.5692094311607807</v>
      </c>
      <c r="T1608" s="236" t="e">
        <f t="shared" si="360"/>
        <v>#N/A</v>
      </c>
    </row>
    <row r="1609" spans="1:21" x14ac:dyDescent="0.2">
      <c r="A1609" s="53">
        <f t="shared" si="361"/>
        <v>1597</v>
      </c>
      <c r="B1609" s="239">
        <v>15.936</v>
      </c>
      <c r="C1609" s="3">
        <f t="shared" si="362"/>
        <v>15.929</v>
      </c>
      <c r="D1609" s="239">
        <v>1.0583</v>
      </c>
      <c r="E1609" s="239">
        <v>7.6E-3</v>
      </c>
      <c r="F1609" s="239">
        <v>0.25430000000000003</v>
      </c>
      <c r="G1609">
        <f t="shared" si="363"/>
        <v>1.1091599999999999</v>
      </c>
      <c r="H1609" s="235">
        <f t="shared" si="364"/>
        <v>0.68520321684878649</v>
      </c>
      <c r="I1609" s="236">
        <f t="shared" si="365"/>
        <v>15.66313453271643</v>
      </c>
      <c r="J1609" s="237">
        <f t="shared" si="370"/>
        <v>5.6631345327164304</v>
      </c>
      <c r="K1609" s="237">
        <f t="shared" si="366"/>
        <v>249.49806997164004</v>
      </c>
      <c r="L1609" s="237">
        <f t="shared" si="371"/>
        <v>90.247711913369031</v>
      </c>
      <c r="M1609" s="236">
        <f t="shared" si="367"/>
        <v>9.5255814446971261</v>
      </c>
      <c r="N1609" s="236">
        <f t="shared" si="368"/>
        <v>0.88406846162761665</v>
      </c>
      <c r="O1609" s="236">
        <f t="shared" si="372"/>
        <v>2.7506928100351913</v>
      </c>
      <c r="P1609" s="236" t="str">
        <f t="shared" si="373"/>
        <v>CLAY</v>
      </c>
      <c r="Q1609" s="236">
        <f t="shared" si="369"/>
        <v>71.638494169029983</v>
      </c>
      <c r="R1609" s="238">
        <v>35</v>
      </c>
      <c r="S1609" s="236">
        <f t="shared" si="374"/>
        <v>4.1836406773303487</v>
      </c>
      <c r="T1609" s="236" t="e">
        <f t="shared" si="360"/>
        <v>#N/A</v>
      </c>
    </row>
    <row r="1610" spans="1:21" x14ac:dyDescent="0.2">
      <c r="A1610" s="53">
        <f t="shared" si="361"/>
        <v>1598</v>
      </c>
      <c r="B1610" s="239">
        <v>15.946</v>
      </c>
      <c r="C1610" s="3">
        <f t="shared" si="362"/>
        <v>15.939</v>
      </c>
      <c r="D1610" s="239">
        <v>1.0116000000000001</v>
      </c>
      <c r="E1610" s="239">
        <v>8.0999999999999996E-3</v>
      </c>
      <c r="F1610" s="239">
        <v>0.26379999999999998</v>
      </c>
      <c r="G1610">
        <f t="shared" si="363"/>
        <v>1.06436</v>
      </c>
      <c r="H1610" s="235">
        <f t="shared" si="364"/>
        <v>0.76102070727949189</v>
      </c>
      <c r="I1610" s="236">
        <f t="shared" si="365"/>
        <v>15.7217322957181</v>
      </c>
      <c r="J1610" s="237">
        <f t="shared" si="370"/>
        <v>5.7217322957181</v>
      </c>
      <c r="K1610" s="237">
        <f t="shared" si="366"/>
        <v>250.58869106145079</v>
      </c>
      <c r="L1610" s="237">
        <f t="shared" si="371"/>
        <v>91.238743187520825</v>
      </c>
      <c r="M1610" s="236">
        <f t="shared" si="367"/>
        <v>8.9191420279214526</v>
      </c>
      <c r="N1610" s="236">
        <f t="shared" si="368"/>
        <v>0.99536564032532904</v>
      </c>
      <c r="O1610" s="236">
        <f t="shared" si="372"/>
        <v>2.7986163556916246</v>
      </c>
      <c r="P1610" s="236" t="str">
        <f t="shared" si="373"/>
        <v>CLAY</v>
      </c>
      <c r="Q1610" s="236">
        <f t="shared" si="369"/>
        <v>67.814275744879083</v>
      </c>
      <c r="R1610" s="238">
        <v>35</v>
      </c>
      <c r="S1610" s="236">
        <f t="shared" si="374"/>
        <v>3.8533979166969132</v>
      </c>
      <c r="T1610" s="236" t="e">
        <f t="shared" si="360"/>
        <v>#N/A</v>
      </c>
    </row>
    <row r="1611" spans="1:21" x14ac:dyDescent="0.2">
      <c r="A1611" s="53">
        <f t="shared" si="361"/>
        <v>1599</v>
      </c>
      <c r="B1611" s="239">
        <v>15.957000000000001</v>
      </c>
      <c r="C1611" s="3">
        <f t="shared" si="362"/>
        <v>15.950000000000001</v>
      </c>
      <c r="D1611" s="239">
        <v>0.96870000000000001</v>
      </c>
      <c r="E1611" s="239">
        <v>8.3000000000000001E-3</v>
      </c>
      <c r="F1611" s="239">
        <v>0.2707</v>
      </c>
      <c r="G1611">
        <f t="shared" si="363"/>
        <v>1.02284</v>
      </c>
      <c r="H1611" s="235">
        <f t="shared" si="364"/>
        <v>0.81146611395721724</v>
      </c>
      <c r="I1611" s="236">
        <f t="shared" si="365"/>
        <v>15.73478083699661</v>
      </c>
      <c r="J1611" s="237">
        <f t="shared" si="370"/>
        <v>5.7347808369966096</v>
      </c>
      <c r="K1611" s="237">
        <f t="shared" si="366"/>
        <v>250.96975435009594</v>
      </c>
      <c r="L1611" s="237">
        <f t="shared" si="371"/>
        <v>91.509897815954901</v>
      </c>
      <c r="M1611" s="236">
        <f t="shared" si="367"/>
        <v>8.4348279702190538</v>
      </c>
      <c r="N1611" s="236">
        <f t="shared" si="368"/>
        <v>1.0753102670788297</v>
      </c>
      <c r="O1611" s="236">
        <f t="shared" si="372"/>
        <v>2.8351163968693229</v>
      </c>
      <c r="P1611" s="236" t="str">
        <f t="shared" si="373"/>
        <v>CLAY</v>
      </c>
      <c r="Q1611" s="236">
        <f t="shared" si="369"/>
        <v>64.322520470825324</v>
      </c>
      <c r="R1611" s="238">
        <v>35</v>
      </c>
      <c r="S1611" s="236">
        <f t="shared" si="374"/>
        <v>3.5936460149356337</v>
      </c>
      <c r="T1611" s="236" t="e">
        <f t="shared" si="360"/>
        <v>#N/A</v>
      </c>
    </row>
    <row r="1612" spans="1:21" x14ac:dyDescent="0.2">
      <c r="A1612" s="53">
        <f t="shared" si="361"/>
        <v>1600</v>
      </c>
      <c r="B1612" s="239">
        <v>15.967000000000001</v>
      </c>
      <c r="C1612" s="3">
        <f t="shared" si="362"/>
        <v>15.96</v>
      </c>
      <c r="D1612" s="239">
        <v>0.90990000000000004</v>
      </c>
      <c r="E1612" s="239">
        <v>8.8999999999999999E-3</v>
      </c>
      <c r="F1612" s="239">
        <v>0.2762</v>
      </c>
      <c r="G1612">
        <f t="shared" si="363"/>
        <v>0.96514</v>
      </c>
      <c r="H1612" s="235">
        <f t="shared" si="364"/>
        <v>0.92214600990529871</v>
      </c>
      <c r="I1612" s="236">
        <f t="shared" si="365"/>
        <v>15.793927356028185</v>
      </c>
      <c r="J1612" s="237">
        <f t="shared" si="370"/>
        <v>5.7939273560281848</v>
      </c>
      <c r="K1612" s="237">
        <f t="shared" si="366"/>
        <v>252.07108060220983</v>
      </c>
      <c r="L1612" s="237">
        <f t="shared" si="371"/>
        <v>92.511638093702032</v>
      </c>
      <c r="M1612" s="236">
        <f t="shared" si="367"/>
        <v>7.7078833981465751</v>
      </c>
      <c r="N1612" s="236">
        <f t="shared" si="368"/>
        <v>1.2481261990098149</v>
      </c>
      <c r="O1612" s="236">
        <f t="shared" si="372"/>
        <v>2.8990965020008916</v>
      </c>
      <c r="P1612" s="236" t="str">
        <f t="shared" si="373"/>
        <v>CLAY</v>
      </c>
      <c r="Q1612" s="236">
        <f t="shared" si="369"/>
        <v>59.422409949815851</v>
      </c>
      <c r="R1612" s="238">
        <v>35</v>
      </c>
      <c r="S1612" s="236">
        <f t="shared" si="374"/>
        <v>3.2107680219577275</v>
      </c>
      <c r="T1612" s="236" t="e">
        <f t="shared" si="360"/>
        <v>#N/A</v>
      </c>
    </row>
    <row r="1613" spans="1:21" x14ac:dyDescent="0.2">
      <c r="A1613" s="53">
        <f t="shared" si="361"/>
        <v>1601</v>
      </c>
      <c r="B1613" s="239">
        <v>15.976000000000001</v>
      </c>
      <c r="C1613" s="3">
        <f t="shared" si="362"/>
        <v>15.969000000000001</v>
      </c>
      <c r="D1613" s="239">
        <v>0.85260000000000002</v>
      </c>
      <c r="E1613" s="239">
        <v>8.8999999999999999E-3</v>
      </c>
      <c r="F1613" s="239">
        <v>0.28110000000000002</v>
      </c>
      <c r="G1613">
        <f t="shared" si="363"/>
        <v>0.90881999999999996</v>
      </c>
      <c r="H1613" s="235">
        <f t="shared" si="364"/>
        <v>0.97929182896503153</v>
      </c>
      <c r="I1613" s="236">
        <f t="shared" si="365"/>
        <v>15.770426160542662</v>
      </c>
      <c r="J1613" s="237">
        <f t="shared" si="370"/>
        <v>5.7704261605426623</v>
      </c>
      <c r="K1613" s="237">
        <f t="shared" si="366"/>
        <v>251.83793535770579</v>
      </c>
      <c r="L1613" s="237">
        <f t="shared" si="371"/>
        <v>92.188328340829585</v>
      </c>
      <c r="M1613" s="236">
        <f t="shared" si="367"/>
        <v>7.126521073398413</v>
      </c>
      <c r="N1613" s="236">
        <f t="shared" si="368"/>
        <v>1.3546792947606214</v>
      </c>
      <c r="O1613" s="236">
        <f t="shared" si="372"/>
        <v>2.9456394378852235</v>
      </c>
      <c r="P1613" s="236" t="str">
        <f t="shared" si="373"/>
        <v>CLAY</v>
      </c>
      <c r="Q1613" s="236">
        <f t="shared" si="369"/>
        <v>54.74850538685785</v>
      </c>
      <c r="R1613" s="238">
        <v>35</v>
      </c>
      <c r="S1613" s="236">
        <f t="shared" si="374"/>
        <v>2.91096494685616</v>
      </c>
      <c r="T1613" s="236" t="e">
        <f t="shared" ref="T1613:T1676" si="375">IF(P1613="SAND",17.6+(11*LOG(M1613)),#N/A)</f>
        <v>#N/A</v>
      </c>
    </row>
    <row r="1614" spans="1:21" x14ac:dyDescent="0.2">
      <c r="A1614" s="53">
        <f t="shared" ref="A1614:A1677" si="376">$A1613+1</f>
        <v>1602</v>
      </c>
      <c r="B1614" s="239">
        <v>15.986000000000001</v>
      </c>
      <c r="C1614" s="3">
        <f t="shared" ref="C1614:C1677" si="377">MAX($B1614 - $B$13, 0.001)</f>
        <v>15.979000000000001</v>
      </c>
      <c r="D1614" s="239">
        <v>0.80520000000000003</v>
      </c>
      <c r="E1614" s="239">
        <v>9.1999999999999998E-3</v>
      </c>
      <c r="F1614" s="239">
        <v>0.2853</v>
      </c>
      <c r="G1614">
        <f t="shared" si="363"/>
        <v>0.86226000000000003</v>
      </c>
      <c r="H1614" s="235">
        <f t="shared" si="364"/>
        <v>1.06696356087491</v>
      </c>
      <c r="I1614" s="236">
        <f t="shared" si="365"/>
        <v>15.788744604007128</v>
      </c>
      <c r="J1614" s="237">
        <f t="shared" si="370"/>
        <v>5.7887446040071282</v>
      </c>
      <c r="K1614" s="237">
        <f t="shared" si="366"/>
        <v>252.28835002742991</v>
      </c>
      <c r="L1614" s="237">
        <f t="shared" si="371"/>
        <v>92.538871239657951</v>
      </c>
      <c r="M1614" s="236">
        <f t="shared" si="367"/>
        <v>6.5915181566550594</v>
      </c>
      <c r="N1614" s="236">
        <f t="shared" si="368"/>
        <v>1.5082668186978387</v>
      </c>
      <c r="O1614" s="236">
        <f t="shared" si="372"/>
        <v>2.9972686467986387</v>
      </c>
      <c r="P1614" s="236" t="str">
        <f t="shared" si="373"/>
        <v>CLAY</v>
      </c>
      <c r="Q1614" s="236">
        <f t="shared" si="369"/>
        <v>50.830970831047502</v>
      </c>
      <c r="R1614" s="238">
        <v>35</v>
      </c>
      <c r="S1614" s="236">
        <f t="shared" si="374"/>
        <v>2.6404127703455313</v>
      </c>
      <c r="T1614" s="236" t="e">
        <f t="shared" si="375"/>
        <v>#N/A</v>
      </c>
    </row>
    <row r="1615" spans="1:21" x14ac:dyDescent="0.2">
      <c r="A1615" s="53">
        <f t="shared" si="376"/>
        <v>1603</v>
      </c>
      <c r="B1615" s="239">
        <v>15.997</v>
      </c>
      <c r="C1615" s="3">
        <f t="shared" si="377"/>
        <v>15.99</v>
      </c>
      <c r="D1615" s="239">
        <v>0.76349999999999996</v>
      </c>
      <c r="E1615" s="239">
        <v>1.03E-2</v>
      </c>
      <c r="F1615" s="239">
        <v>0.29110000000000003</v>
      </c>
      <c r="G1615">
        <f t="shared" ref="G1615:G1678" si="378">$D1615+($F1615*(1-$P$8))</f>
        <v>0.82172000000000001</v>
      </c>
      <c r="H1615" s="235">
        <f t="shared" ref="H1615:H1678" si="379">($E1615/$G1615)*100</f>
        <v>1.2534683347125541</v>
      </c>
      <c r="I1615" s="236">
        <f t="shared" ref="I1615:I1678" si="380">((0.27*(LOG($H1615)))+(0.36*(LOG(($G1615*1000)/101)))+1.236)*10</f>
        <v>15.902355032817185</v>
      </c>
      <c r="J1615" s="237">
        <f t="shared" si="370"/>
        <v>5.9023550328171854</v>
      </c>
      <c r="K1615" s="237">
        <f t="shared" ref="K1615:K1678" si="381">$I1615*$C1615</f>
        <v>254.27865697474681</v>
      </c>
      <c r="L1615" s="237">
        <f t="shared" si="371"/>
        <v>94.419973459976518</v>
      </c>
      <c r="M1615" s="236">
        <f t="shared" ref="M1615:M1678" si="382">(($G1615*1000)-$K1615)/$L1615</f>
        <v>6.0097596115697351</v>
      </c>
      <c r="N1615" s="236">
        <f t="shared" ref="N1615:N1678" si="383">(($E1615*1000)/(($G1615*1000)-$K1615))*100</f>
        <v>1.8151655896425603</v>
      </c>
      <c r="O1615" s="236">
        <f t="shared" si="372"/>
        <v>3.0707398748212404</v>
      </c>
      <c r="P1615" s="236" t="str">
        <f t="shared" si="373"/>
        <v>CLAY</v>
      </c>
      <c r="Q1615" s="236">
        <f t="shared" ref="Q1615:Q1678" si="384">IF(P1615="CLAY",($G1615*1000 -$K1615)/$L$8,#N/A)</f>
        <v>47.286778585437766</v>
      </c>
      <c r="R1615" s="238">
        <v>35</v>
      </c>
      <c r="S1615" s="236">
        <f t="shared" si="374"/>
        <v>2.352401158243854</v>
      </c>
      <c r="T1615" s="236" t="e">
        <f t="shared" si="375"/>
        <v>#N/A</v>
      </c>
    </row>
    <row r="1616" spans="1:21" x14ac:dyDescent="0.2">
      <c r="A1616" s="53">
        <f t="shared" si="376"/>
        <v>1604</v>
      </c>
      <c r="B1616" s="239">
        <v>16.007000000000001</v>
      </c>
      <c r="C1616" s="3">
        <f t="shared" si="377"/>
        <v>16</v>
      </c>
      <c r="D1616" s="239">
        <v>0.70289999999999997</v>
      </c>
      <c r="E1616" s="239">
        <v>1.14E-2</v>
      </c>
      <c r="F1616" s="239">
        <v>0.29289999999999999</v>
      </c>
      <c r="G1616">
        <f t="shared" si="378"/>
        <v>0.76147999999999993</v>
      </c>
      <c r="H1616" s="235">
        <f t="shared" si="379"/>
        <v>1.4970846246782583</v>
      </c>
      <c r="I1616" s="236">
        <f t="shared" si="380"/>
        <v>15.991578804100239</v>
      </c>
      <c r="J1616" s="237">
        <f t="shared" ref="J1616:J1679" si="385">$I1616-10</f>
        <v>5.9915788041002394</v>
      </c>
      <c r="K1616" s="237">
        <f t="shared" si="381"/>
        <v>255.86526086560383</v>
      </c>
      <c r="L1616" s="237">
        <f t="shared" ref="L1616:L1679" si="386">$J1616*$B1616</f>
        <v>95.907201917232541</v>
      </c>
      <c r="M1616" s="236">
        <f t="shared" si="382"/>
        <v>5.2719162797673862</v>
      </c>
      <c r="N1616" s="236">
        <f t="shared" si="383"/>
        <v>2.2546811075002693</v>
      </c>
      <c r="O1616" s="236">
        <f t="shared" ref="O1616:O1679" si="387">((3.47-LOG($M1616))^2+(LOG($N1616)+1.22)^2)^0.5</f>
        <v>3.1664292051553007</v>
      </c>
      <c r="P1616" s="236" t="str">
        <f t="shared" ref="P1616:P1679" si="388">IF(O1616&lt;2.6,"SAND","CLAY")</f>
        <v>CLAY</v>
      </c>
      <c r="Q1616" s="236">
        <f t="shared" si="384"/>
        <v>42.134561594533004</v>
      </c>
      <c r="R1616" s="238">
        <v>35</v>
      </c>
      <c r="S1616" s="236">
        <f t="shared" ref="S1616:S1679" si="389">IF(P1616="SAND",#N/A,0.25*($M1616)^1.25)</f>
        <v>1.9971038079205818</v>
      </c>
      <c r="T1616" s="236" t="e">
        <f t="shared" si="375"/>
        <v>#N/A</v>
      </c>
    </row>
    <row r="1617" spans="1:21" x14ac:dyDescent="0.2">
      <c r="A1617" s="53">
        <f t="shared" si="376"/>
        <v>1605</v>
      </c>
      <c r="B1617" s="239">
        <v>16.016999999999999</v>
      </c>
      <c r="C1617" s="3">
        <f t="shared" si="377"/>
        <v>16.009999999999998</v>
      </c>
      <c r="D1617" s="239">
        <v>0.65069999999999995</v>
      </c>
      <c r="E1617" s="239">
        <v>1.15E-2</v>
      </c>
      <c r="F1617" s="239">
        <v>0.30099999999999999</v>
      </c>
      <c r="G1617">
        <f t="shared" si="378"/>
        <v>0.71089999999999998</v>
      </c>
      <c r="H1617" s="235">
        <f t="shared" si="379"/>
        <v>1.61766774511183</v>
      </c>
      <c r="I1617" s="236">
        <f t="shared" si="380"/>
        <v>15.974954886142651</v>
      </c>
      <c r="J1617" s="237">
        <f t="shared" si="385"/>
        <v>5.9749548861426511</v>
      </c>
      <c r="K1617" s="237">
        <f t="shared" si="381"/>
        <v>255.7590277271438</v>
      </c>
      <c r="L1617" s="237">
        <f t="shared" si="386"/>
        <v>95.700852411346844</v>
      </c>
      <c r="M1617" s="236">
        <f t="shared" si="382"/>
        <v>4.7558716647218917</v>
      </c>
      <c r="N1617" s="236">
        <f t="shared" si="383"/>
        <v>2.526689685301672</v>
      </c>
      <c r="O1617" s="236">
        <f t="shared" si="387"/>
        <v>3.2298975613385794</v>
      </c>
      <c r="P1617" s="236" t="str">
        <f t="shared" si="388"/>
        <v>CLAY</v>
      </c>
      <c r="Q1617" s="236">
        <f t="shared" si="384"/>
        <v>37.92841435607135</v>
      </c>
      <c r="R1617" s="238">
        <v>35</v>
      </c>
      <c r="S1617" s="236">
        <f t="shared" si="389"/>
        <v>1.7558106026326141</v>
      </c>
      <c r="T1617" s="236" t="e">
        <f t="shared" si="375"/>
        <v>#N/A</v>
      </c>
    </row>
    <row r="1618" spans="1:21" x14ac:dyDescent="0.2">
      <c r="A1618" s="53">
        <f t="shared" si="376"/>
        <v>1606</v>
      </c>
      <c r="B1618" s="239">
        <v>16.027000000000001</v>
      </c>
      <c r="C1618" s="3">
        <f t="shared" si="377"/>
        <v>16.02</v>
      </c>
      <c r="D1618" s="239">
        <v>0.60540000000000005</v>
      </c>
      <c r="E1618" s="239">
        <v>1.11E-2</v>
      </c>
      <c r="F1618" s="239">
        <v>0.3075</v>
      </c>
      <c r="G1618">
        <f t="shared" si="378"/>
        <v>0.66690000000000005</v>
      </c>
      <c r="H1618" s="235">
        <f t="shared" si="379"/>
        <v>1.6644174538911383</v>
      </c>
      <c r="I1618" s="236">
        <f t="shared" si="380"/>
        <v>15.908469742783248</v>
      </c>
      <c r="J1618" s="237">
        <f t="shared" si="385"/>
        <v>5.9084697427832484</v>
      </c>
      <c r="K1618" s="237">
        <f t="shared" si="381"/>
        <v>254.85368527938763</v>
      </c>
      <c r="L1618" s="237">
        <f t="shared" si="386"/>
        <v>94.695044567587132</v>
      </c>
      <c r="M1618" s="236">
        <f t="shared" si="382"/>
        <v>4.3512975425712037</v>
      </c>
      <c r="N1618" s="236">
        <f t="shared" si="383"/>
        <v>2.6938719273648499</v>
      </c>
      <c r="O1618" s="236">
        <f t="shared" si="387"/>
        <v>3.2772646618615724</v>
      </c>
      <c r="P1618" s="236" t="str">
        <f t="shared" si="388"/>
        <v>CLAY</v>
      </c>
      <c r="Q1618" s="236">
        <f t="shared" si="384"/>
        <v>34.337192893384376</v>
      </c>
      <c r="R1618" s="238">
        <v>35</v>
      </c>
      <c r="S1618" s="236">
        <f t="shared" si="389"/>
        <v>1.5711349349708699</v>
      </c>
      <c r="T1618" s="236" t="e">
        <f t="shared" si="375"/>
        <v>#N/A</v>
      </c>
    </row>
    <row r="1619" spans="1:21" x14ac:dyDescent="0.2">
      <c r="A1619" s="53">
        <f t="shared" si="376"/>
        <v>1607</v>
      </c>
      <c r="B1619" s="239">
        <v>16.036999999999999</v>
      </c>
      <c r="C1619" s="3">
        <f t="shared" si="377"/>
        <v>16.029999999999998</v>
      </c>
      <c r="D1619" s="239">
        <v>0.56599999999999995</v>
      </c>
      <c r="E1619" s="239">
        <v>1.14E-2</v>
      </c>
      <c r="F1619" s="239">
        <v>0.31469999999999998</v>
      </c>
      <c r="G1619">
        <f t="shared" si="378"/>
        <v>0.62893999999999994</v>
      </c>
      <c r="H1619" s="235">
        <f t="shared" si="379"/>
        <v>1.8125735364263686</v>
      </c>
      <c r="I1619" s="236">
        <f t="shared" si="380"/>
        <v>15.916834447690391</v>
      </c>
      <c r="J1619" s="237">
        <f t="shared" si="385"/>
        <v>5.9168344476903911</v>
      </c>
      <c r="K1619" s="237">
        <f t="shared" si="381"/>
        <v>255.14685619647693</v>
      </c>
      <c r="L1619" s="237">
        <f t="shared" si="386"/>
        <v>94.888274037610799</v>
      </c>
      <c r="M1619" s="236">
        <f t="shared" si="382"/>
        <v>3.9392975327527071</v>
      </c>
      <c r="N1619" s="236">
        <f t="shared" si="383"/>
        <v>3.0498151688925002</v>
      </c>
      <c r="O1619" s="236">
        <f t="shared" si="387"/>
        <v>3.3418206712183713</v>
      </c>
      <c r="P1619" s="236" t="str">
        <f t="shared" si="388"/>
        <v>CLAY</v>
      </c>
      <c r="Q1619" s="236">
        <f t="shared" si="384"/>
        <v>31.149428650293583</v>
      </c>
      <c r="R1619" s="238">
        <v>35</v>
      </c>
      <c r="S1619" s="236">
        <f t="shared" si="389"/>
        <v>1.3874376922911731</v>
      </c>
      <c r="T1619" s="236" t="e">
        <f t="shared" si="375"/>
        <v>#N/A</v>
      </c>
    </row>
    <row r="1620" spans="1:21" x14ac:dyDescent="0.2">
      <c r="A1620" s="53">
        <f t="shared" si="376"/>
        <v>1608</v>
      </c>
      <c r="B1620" s="239">
        <v>16.047000000000001</v>
      </c>
      <c r="C1620" s="3">
        <f t="shared" si="377"/>
        <v>16.04</v>
      </c>
      <c r="D1620" s="239">
        <v>0.55869999999999997</v>
      </c>
      <c r="E1620" s="239">
        <v>1.1299999999999999E-2</v>
      </c>
      <c r="F1620" s="239">
        <v>0.3206</v>
      </c>
      <c r="G1620">
        <f t="shared" si="378"/>
        <v>0.62281999999999993</v>
      </c>
      <c r="H1620" s="235">
        <f t="shared" si="379"/>
        <v>1.8143283773803025</v>
      </c>
      <c r="I1620" s="236">
        <f t="shared" si="380"/>
        <v>15.902681146956299</v>
      </c>
      <c r="J1620" s="237">
        <f t="shared" si="385"/>
        <v>5.902681146956299</v>
      </c>
      <c r="K1620" s="237">
        <f t="shared" si="381"/>
        <v>255.07900559717902</v>
      </c>
      <c r="L1620" s="237">
        <f t="shared" si="386"/>
        <v>94.72032436520773</v>
      </c>
      <c r="M1620" s="236">
        <f t="shared" si="382"/>
        <v>3.8823874059483052</v>
      </c>
      <c r="N1620" s="236">
        <f t="shared" si="383"/>
        <v>3.0728148811231142</v>
      </c>
      <c r="O1620" s="236">
        <f t="shared" si="387"/>
        <v>3.3489210011670756</v>
      </c>
      <c r="P1620" s="236" t="str">
        <f t="shared" si="388"/>
        <v>CLAY</v>
      </c>
      <c r="Q1620" s="236">
        <f t="shared" si="384"/>
        <v>30.645082866901742</v>
      </c>
      <c r="R1620" s="238">
        <v>35</v>
      </c>
      <c r="S1620" s="236">
        <f t="shared" si="389"/>
        <v>1.3624281100616957</v>
      </c>
      <c r="T1620" s="236" t="e">
        <f t="shared" si="375"/>
        <v>#N/A</v>
      </c>
    </row>
    <row r="1621" spans="1:21" x14ac:dyDescent="0.2">
      <c r="A1621" s="53">
        <f t="shared" si="376"/>
        <v>1609</v>
      </c>
      <c r="B1621" s="239">
        <v>16.056999999999999</v>
      </c>
      <c r="C1621" s="3">
        <f t="shared" si="377"/>
        <v>16.049999999999997</v>
      </c>
      <c r="D1621" s="239">
        <v>0.56930000000000003</v>
      </c>
      <c r="E1621" s="239">
        <v>1.1599999999999999E-2</v>
      </c>
      <c r="F1621" s="239">
        <v>0.3266</v>
      </c>
      <c r="G1621">
        <f t="shared" si="378"/>
        <v>0.63461999999999996</v>
      </c>
      <c r="H1621" s="235">
        <f t="shared" si="379"/>
        <v>1.8278654943115566</v>
      </c>
      <c r="I1621" s="236">
        <f t="shared" si="380"/>
        <v>15.940742004558398</v>
      </c>
      <c r="J1621" s="237">
        <f t="shared" si="385"/>
        <v>5.9407420045583983</v>
      </c>
      <c r="K1621" s="237">
        <f t="shared" si="381"/>
        <v>255.84890917316224</v>
      </c>
      <c r="L1621" s="237">
        <f t="shared" si="386"/>
        <v>95.390494367194194</v>
      </c>
      <c r="M1621" s="236">
        <f t="shared" si="382"/>
        <v>3.9707425078310647</v>
      </c>
      <c r="N1621" s="236">
        <f t="shared" si="383"/>
        <v>3.0625357322486781</v>
      </c>
      <c r="O1621" s="236">
        <f t="shared" si="387"/>
        <v>3.3397740209193612</v>
      </c>
      <c r="P1621" s="236" t="str">
        <f t="shared" si="388"/>
        <v>CLAY</v>
      </c>
      <c r="Q1621" s="236">
        <f t="shared" si="384"/>
        <v>31.564257568903145</v>
      </c>
      <c r="R1621" s="238">
        <v>35</v>
      </c>
      <c r="S1621" s="236">
        <f t="shared" si="389"/>
        <v>1.4012952990675764</v>
      </c>
      <c r="T1621" s="236" t="e">
        <f t="shared" si="375"/>
        <v>#N/A</v>
      </c>
    </row>
    <row r="1622" spans="1:21" x14ac:dyDescent="0.2">
      <c r="A1622" s="53">
        <f t="shared" si="376"/>
        <v>1610</v>
      </c>
      <c r="B1622" s="239">
        <v>16.065999999999999</v>
      </c>
      <c r="C1622" s="3">
        <f t="shared" si="377"/>
        <v>16.058999999999997</v>
      </c>
      <c r="D1622" s="239">
        <v>0.58189999999999997</v>
      </c>
      <c r="E1622" s="239">
        <v>1.1299999999999999E-2</v>
      </c>
      <c r="F1622" s="239">
        <v>0.32940000000000003</v>
      </c>
      <c r="G1622">
        <f t="shared" si="378"/>
        <v>0.64778000000000002</v>
      </c>
      <c r="H1622" s="235">
        <f t="shared" si="379"/>
        <v>1.7444194016487078</v>
      </c>
      <c r="I1622" s="236">
        <f t="shared" si="380"/>
        <v>15.918039633448039</v>
      </c>
      <c r="J1622" s="237">
        <f t="shared" si="385"/>
        <v>5.9180396334480392</v>
      </c>
      <c r="K1622" s="237">
        <f t="shared" si="381"/>
        <v>255.62779847354201</v>
      </c>
      <c r="L1622" s="237">
        <f t="shared" si="386"/>
        <v>95.079224750976195</v>
      </c>
      <c r="M1622" s="236">
        <f t="shared" si="382"/>
        <v>4.1244783237721094</v>
      </c>
      <c r="N1622" s="236">
        <f t="shared" si="383"/>
        <v>2.8815342502259558</v>
      </c>
      <c r="O1622" s="236">
        <f t="shared" si="387"/>
        <v>3.3121071937802062</v>
      </c>
      <c r="P1622" s="236" t="str">
        <f t="shared" si="388"/>
        <v>CLAY</v>
      </c>
      <c r="Q1622" s="236">
        <f t="shared" si="384"/>
        <v>32.679350127204827</v>
      </c>
      <c r="R1622" s="238">
        <v>35</v>
      </c>
      <c r="S1622" s="236">
        <f t="shared" si="389"/>
        <v>1.4694380810332053</v>
      </c>
      <c r="T1622" s="236" t="e">
        <f t="shared" si="375"/>
        <v>#N/A</v>
      </c>
    </row>
    <row r="1623" spans="1:21" x14ac:dyDescent="0.2">
      <c r="A1623" s="53">
        <f t="shared" si="376"/>
        <v>1611</v>
      </c>
      <c r="B1623" s="239">
        <v>16.076000000000001</v>
      </c>
      <c r="C1623" s="3">
        <f t="shared" si="377"/>
        <v>16.068999999999999</v>
      </c>
      <c r="D1623" s="239">
        <v>0.58320000000000005</v>
      </c>
      <c r="E1623" s="239">
        <v>1.12E-2</v>
      </c>
      <c r="F1623" s="239">
        <v>0.33069999999999999</v>
      </c>
      <c r="G1623">
        <f t="shared" si="378"/>
        <v>0.64934000000000003</v>
      </c>
      <c r="H1623" s="235">
        <f t="shared" si="379"/>
        <v>1.7248282871839098</v>
      </c>
      <c r="I1623" s="236">
        <f t="shared" si="380"/>
        <v>15.908556656600044</v>
      </c>
      <c r="J1623" s="237">
        <f t="shared" si="385"/>
        <v>5.9085566566000445</v>
      </c>
      <c r="K1623" s="237">
        <f t="shared" si="381"/>
        <v>255.6345969149061</v>
      </c>
      <c r="L1623" s="237">
        <f t="shared" si="386"/>
        <v>94.985956811502319</v>
      </c>
      <c r="M1623" s="236">
        <f t="shared" si="382"/>
        <v>4.1448801096607815</v>
      </c>
      <c r="N1623" s="236">
        <f t="shared" si="383"/>
        <v>2.8447666484219609</v>
      </c>
      <c r="O1623" s="236">
        <f t="shared" si="387"/>
        <v>3.307434069209652</v>
      </c>
      <c r="P1623" s="236" t="str">
        <f t="shared" si="388"/>
        <v>CLAY</v>
      </c>
      <c r="Q1623" s="236">
        <f t="shared" si="384"/>
        <v>32.808783590424497</v>
      </c>
      <c r="R1623" s="238">
        <v>35</v>
      </c>
      <c r="S1623" s="236">
        <f t="shared" si="389"/>
        <v>1.4785294352654046</v>
      </c>
      <c r="T1623" s="236" t="e">
        <f t="shared" si="375"/>
        <v>#N/A</v>
      </c>
    </row>
    <row r="1624" spans="1:21" x14ac:dyDescent="0.2">
      <c r="A1624" s="53">
        <f t="shared" si="376"/>
        <v>1612</v>
      </c>
      <c r="B1624" s="239">
        <v>16.085999999999999</v>
      </c>
      <c r="C1624" s="3">
        <f t="shared" si="377"/>
        <v>16.078999999999997</v>
      </c>
      <c r="D1624" s="239">
        <v>0.56669999999999998</v>
      </c>
      <c r="E1624" s="239">
        <v>1.0699999999999999E-2</v>
      </c>
      <c r="F1624" s="239">
        <v>0.33050000000000002</v>
      </c>
      <c r="G1624">
        <f t="shared" si="378"/>
        <v>0.63280000000000003</v>
      </c>
      <c r="H1624" s="235">
        <f t="shared" si="379"/>
        <v>1.690897597977244</v>
      </c>
      <c r="I1624" s="236">
        <f t="shared" si="380"/>
        <v>15.844919077573213</v>
      </c>
      <c r="J1624" s="237">
        <f t="shared" si="385"/>
        <v>5.8449190775732127</v>
      </c>
      <c r="K1624" s="237">
        <f t="shared" si="381"/>
        <v>254.77045384829964</v>
      </c>
      <c r="L1624" s="237">
        <f t="shared" si="386"/>
        <v>94.021368281842697</v>
      </c>
      <c r="M1624" s="236">
        <f t="shared" si="382"/>
        <v>4.0206769275948204</v>
      </c>
      <c r="N1624" s="236">
        <f t="shared" si="383"/>
        <v>2.8304665889015377</v>
      </c>
      <c r="O1624" s="236">
        <f t="shared" si="387"/>
        <v>3.3177327325227139</v>
      </c>
      <c r="P1624" s="236" t="str">
        <f t="shared" si="388"/>
        <v>CLAY</v>
      </c>
      <c r="Q1624" s="236">
        <f t="shared" si="384"/>
        <v>31.502462179308367</v>
      </c>
      <c r="R1624" s="238">
        <v>35</v>
      </c>
      <c r="S1624" s="236">
        <f t="shared" si="389"/>
        <v>1.4233574566359586</v>
      </c>
      <c r="T1624" s="236" t="e">
        <f t="shared" si="375"/>
        <v>#N/A</v>
      </c>
    </row>
    <row r="1625" spans="1:21" x14ac:dyDescent="0.2">
      <c r="A1625" s="53">
        <f t="shared" si="376"/>
        <v>1613</v>
      </c>
      <c r="B1625" s="239">
        <v>16.097000000000001</v>
      </c>
      <c r="C1625" s="3">
        <f t="shared" si="377"/>
        <v>16.09</v>
      </c>
      <c r="D1625" s="239">
        <v>0.54610000000000003</v>
      </c>
      <c r="E1625" s="239">
        <v>9.9000000000000008E-3</v>
      </c>
      <c r="F1625" s="239">
        <v>0.3291</v>
      </c>
      <c r="G1625">
        <f t="shared" si="378"/>
        <v>0.61192000000000002</v>
      </c>
      <c r="H1625" s="235">
        <f t="shared" si="379"/>
        <v>1.6178585436004707</v>
      </c>
      <c r="I1625" s="236">
        <f t="shared" si="380"/>
        <v>15.740683262918685</v>
      </c>
      <c r="J1625" s="237">
        <f t="shared" si="385"/>
        <v>5.7406832629186848</v>
      </c>
      <c r="K1625" s="237">
        <f t="shared" si="381"/>
        <v>253.26759370036163</v>
      </c>
      <c r="L1625" s="237">
        <f t="shared" si="386"/>
        <v>92.40777848320208</v>
      </c>
      <c r="M1625" s="236">
        <f t="shared" si="382"/>
        <v>3.8811928193342986</v>
      </c>
      <c r="N1625" s="236">
        <f t="shared" si="383"/>
        <v>2.760332797468807</v>
      </c>
      <c r="O1625" s="236">
        <f t="shared" si="387"/>
        <v>3.325530684253998</v>
      </c>
      <c r="P1625" s="236" t="str">
        <f t="shared" si="388"/>
        <v>CLAY</v>
      </c>
      <c r="Q1625" s="236">
        <f t="shared" si="384"/>
        <v>29.887700524969869</v>
      </c>
      <c r="R1625" s="238">
        <v>35</v>
      </c>
      <c r="S1625" s="236">
        <f t="shared" si="389"/>
        <v>1.3619041168296002</v>
      </c>
      <c r="T1625" s="236" t="e">
        <f t="shared" si="375"/>
        <v>#N/A</v>
      </c>
    </row>
    <row r="1626" spans="1:21" x14ac:dyDescent="0.2">
      <c r="A1626" s="53">
        <f t="shared" si="376"/>
        <v>1614</v>
      </c>
      <c r="B1626" s="239">
        <v>16.106000000000002</v>
      </c>
      <c r="C1626" s="3">
        <f t="shared" si="377"/>
        <v>16.099</v>
      </c>
      <c r="D1626" s="239">
        <v>0.52200000000000002</v>
      </c>
      <c r="E1626" s="239">
        <v>8.8999999999999999E-3</v>
      </c>
      <c r="F1626" s="239">
        <v>0.33339999999999997</v>
      </c>
      <c r="G1626">
        <f t="shared" si="378"/>
        <v>0.58867999999999998</v>
      </c>
      <c r="H1626" s="235">
        <f t="shared" si="379"/>
        <v>1.5118570360807231</v>
      </c>
      <c r="I1626" s="236">
        <f t="shared" si="380"/>
        <v>15.600687425408335</v>
      </c>
      <c r="J1626" s="237">
        <f t="shared" si="385"/>
        <v>5.600687425408335</v>
      </c>
      <c r="K1626" s="237">
        <f t="shared" si="381"/>
        <v>251.15546686164879</v>
      </c>
      <c r="L1626" s="237">
        <f t="shared" si="386"/>
        <v>90.204671673626649</v>
      </c>
      <c r="M1626" s="236">
        <f t="shared" si="382"/>
        <v>3.7417633352689648</v>
      </c>
      <c r="N1626" s="236">
        <f t="shared" si="383"/>
        <v>2.6368453626900932</v>
      </c>
      <c r="O1626" s="236">
        <f t="shared" si="387"/>
        <v>3.3294632753634255</v>
      </c>
      <c r="P1626" s="236" t="str">
        <f t="shared" si="388"/>
        <v>CLAY</v>
      </c>
      <c r="Q1626" s="236">
        <f t="shared" si="384"/>
        <v>28.12704442819593</v>
      </c>
      <c r="R1626" s="238">
        <v>35</v>
      </c>
      <c r="S1626" s="236">
        <f t="shared" si="389"/>
        <v>1.3010242830873351</v>
      </c>
      <c r="T1626" s="236" t="e">
        <f t="shared" si="375"/>
        <v>#N/A</v>
      </c>
    </row>
    <row r="1627" spans="1:21" x14ac:dyDescent="0.2">
      <c r="A1627" s="53">
        <f t="shared" si="376"/>
        <v>1615</v>
      </c>
      <c r="B1627" s="239">
        <v>16.116</v>
      </c>
      <c r="C1627" s="3">
        <f t="shared" si="377"/>
        <v>16.108999999999998</v>
      </c>
      <c r="D1627" s="239">
        <v>0.49830000000000002</v>
      </c>
      <c r="E1627" s="239">
        <v>8.2000000000000007E-3</v>
      </c>
      <c r="F1627" s="239">
        <v>0.33929999999999999</v>
      </c>
      <c r="G1627">
        <f t="shared" si="378"/>
        <v>0.56616</v>
      </c>
      <c r="H1627" s="235">
        <f t="shared" si="379"/>
        <v>1.4483538222410628</v>
      </c>
      <c r="I1627" s="236">
        <f t="shared" si="380"/>
        <v>15.489385720156005</v>
      </c>
      <c r="J1627" s="237">
        <f t="shared" si="385"/>
        <v>5.4893857201560046</v>
      </c>
      <c r="K1627" s="237">
        <f t="shared" si="381"/>
        <v>249.51851456599306</v>
      </c>
      <c r="L1627" s="237">
        <f t="shared" si="386"/>
        <v>88.466940266034172</v>
      </c>
      <c r="M1627" s="236">
        <f t="shared" si="382"/>
        <v>3.5792069272636255</v>
      </c>
      <c r="N1627" s="236">
        <f t="shared" si="383"/>
        <v>2.5896796147101866</v>
      </c>
      <c r="O1627" s="236">
        <f t="shared" si="387"/>
        <v>3.3424230741228955</v>
      </c>
      <c r="P1627" s="236" t="str">
        <f t="shared" si="388"/>
        <v>CLAY</v>
      </c>
      <c r="Q1627" s="236">
        <f t="shared" si="384"/>
        <v>26.386790452833907</v>
      </c>
      <c r="R1627" s="238">
        <v>35</v>
      </c>
      <c r="S1627" s="236">
        <f t="shared" si="389"/>
        <v>1.2307604099634297</v>
      </c>
      <c r="T1627" s="236" t="e">
        <f t="shared" si="375"/>
        <v>#N/A</v>
      </c>
    </row>
    <row r="1628" spans="1:21" x14ac:dyDescent="0.2">
      <c r="A1628" s="53">
        <f t="shared" si="376"/>
        <v>1616</v>
      </c>
      <c r="B1628" s="239">
        <v>16.126999999999999</v>
      </c>
      <c r="C1628" s="3">
        <f t="shared" si="377"/>
        <v>16.119999999999997</v>
      </c>
      <c r="D1628" s="239">
        <v>0.4667</v>
      </c>
      <c r="E1628" s="239">
        <v>8.0999999999999996E-3</v>
      </c>
      <c r="F1628" s="239">
        <v>0.34420000000000001</v>
      </c>
      <c r="G1628">
        <f t="shared" si="378"/>
        <v>0.53554000000000002</v>
      </c>
      <c r="H1628" s="235">
        <f t="shared" si="379"/>
        <v>1.5124920640848489</v>
      </c>
      <c r="I1628" s="236">
        <f t="shared" si="380"/>
        <v>15.453265328183242</v>
      </c>
      <c r="J1628" s="237">
        <f t="shared" si="385"/>
        <v>5.4532653281832424</v>
      </c>
      <c r="K1628" s="237">
        <f t="shared" si="381"/>
        <v>249.10663709031382</v>
      </c>
      <c r="L1628" s="237">
        <f t="shared" si="386"/>
        <v>87.944809947611148</v>
      </c>
      <c r="M1628" s="236">
        <f t="shared" si="382"/>
        <v>3.256967217057094</v>
      </c>
      <c r="N1628" s="236">
        <f t="shared" si="383"/>
        <v>2.8278828687124586</v>
      </c>
      <c r="O1628" s="236">
        <f t="shared" si="387"/>
        <v>3.3968714917247746</v>
      </c>
      <c r="P1628" s="236" t="str">
        <f t="shared" si="388"/>
        <v>CLAY</v>
      </c>
      <c r="Q1628" s="236">
        <f t="shared" si="384"/>
        <v>23.86944690914051</v>
      </c>
      <c r="R1628" s="238">
        <v>35</v>
      </c>
      <c r="S1628" s="236">
        <f t="shared" si="389"/>
        <v>1.0938474096323103</v>
      </c>
      <c r="T1628" s="236" t="e">
        <f t="shared" si="375"/>
        <v>#N/A</v>
      </c>
    </row>
    <row r="1629" spans="1:21" x14ac:dyDescent="0.2">
      <c r="A1629" s="53">
        <f t="shared" si="376"/>
        <v>1617</v>
      </c>
      <c r="B1629" s="239">
        <v>16.137</v>
      </c>
      <c r="C1629" s="3">
        <f t="shared" si="377"/>
        <v>16.13</v>
      </c>
      <c r="D1629" s="239">
        <v>0.44409999999999999</v>
      </c>
      <c r="E1629" s="239">
        <v>8.5000000000000006E-3</v>
      </c>
      <c r="F1629" s="239">
        <v>0.34649999999999997</v>
      </c>
      <c r="G1629">
        <f t="shared" si="378"/>
        <v>0.51339999999999997</v>
      </c>
      <c r="H1629" s="235">
        <f t="shared" si="379"/>
        <v>1.6556291390728477</v>
      </c>
      <c r="I1629" s="236">
        <f t="shared" si="380"/>
        <v>15.49328443171296</v>
      </c>
      <c r="J1629" s="237">
        <f t="shared" si="385"/>
        <v>5.4932844317129597</v>
      </c>
      <c r="K1629" s="237">
        <f t="shared" si="381"/>
        <v>249.90667788353002</v>
      </c>
      <c r="L1629" s="237">
        <f t="shared" si="386"/>
        <v>88.645130874552038</v>
      </c>
      <c r="M1629" s="236">
        <f t="shared" si="382"/>
        <v>2.9724511602262496</v>
      </c>
      <c r="N1629" s="236">
        <f t="shared" si="383"/>
        <v>3.2258882053347864</v>
      </c>
      <c r="O1629" s="236">
        <f t="shared" si="387"/>
        <v>3.4597037130888602</v>
      </c>
      <c r="P1629" s="236" t="str">
        <f t="shared" si="388"/>
        <v>CLAY</v>
      </c>
      <c r="Q1629" s="236">
        <f t="shared" si="384"/>
        <v>21.957776843039159</v>
      </c>
      <c r="R1629" s="238">
        <v>35</v>
      </c>
      <c r="S1629" s="236">
        <f t="shared" si="389"/>
        <v>0.9757384476167269</v>
      </c>
      <c r="T1629" s="236" t="e">
        <f t="shared" si="375"/>
        <v>#N/A</v>
      </c>
      <c r="U1629" s="230"/>
    </row>
    <row r="1630" spans="1:21" x14ac:dyDescent="0.2">
      <c r="A1630" s="53">
        <f t="shared" si="376"/>
        <v>1618</v>
      </c>
      <c r="B1630" s="239">
        <v>16.146000000000001</v>
      </c>
      <c r="C1630" s="3">
        <f t="shared" si="377"/>
        <v>16.138999999999999</v>
      </c>
      <c r="D1630" s="239">
        <v>0.43209999999999998</v>
      </c>
      <c r="E1630" s="239">
        <v>8.5000000000000006E-3</v>
      </c>
      <c r="F1630" s="239">
        <v>0.3493</v>
      </c>
      <c r="G1630">
        <f t="shared" si="378"/>
        <v>0.50195999999999996</v>
      </c>
      <c r="H1630" s="235">
        <f t="shared" si="379"/>
        <v>1.6933620208781579</v>
      </c>
      <c r="I1630" s="236">
        <f t="shared" si="380"/>
        <v>15.484476353376506</v>
      </c>
      <c r="J1630" s="237">
        <f t="shared" si="385"/>
        <v>5.4844763533765057</v>
      </c>
      <c r="K1630" s="237">
        <f t="shared" si="381"/>
        <v>249.9039638671434</v>
      </c>
      <c r="L1630" s="237">
        <f t="shared" si="386"/>
        <v>88.552355201617061</v>
      </c>
      <c r="M1630" s="236">
        <f t="shared" si="382"/>
        <v>2.8464069144064252</v>
      </c>
      <c r="N1630" s="236">
        <f t="shared" si="383"/>
        <v>3.3722659970419131</v>
      </c>
      <c r="O1630" s="236">
        <f t="shared" si="387"/>
        <v>3.4856413142305542</v>
      </c>
      <c r="P1630" s="236" t="str">
        <f t="shared" si="388"/>
        <v>CLAY</v>
      </c>
      <c r="Q1630" s="236">
        <f t="shared" si="384"/>
        <v>21.004669677738047</v>
      </c>
      <c r="R1630" s="238">
        <v>35</v>
      </c>
      <c r="S1630" s="236">
        <f t="shared" si="389"/>
        <v>0.92429635592629455</v>
      </c>
      <c r="T1630" s="236" t="e">
        <f t="shared" si="375"/>
        <v>#N/A</v>
      </c>
    </row>
    <row r="1631" spans="1:21" x14ac:dyDescent="0.2">
      <c r="A1631" s="53">
        <f t="shared" si="376"/>
        <v>1619</v>
      </c>
      <c r="B1631" s="239">
        <v>16.155999999999999</v>
      </c>
      <c r="C1631" s="3">
        <f t="shared" si="377"/>
        <v>16.148999999999997</v>
      </c>
      <c r="D1631" s="239">
        <v>0.43790000000000001</v>
      </c>
      <c r="E1631" s="239">
        <v>7.9000000000000008E-3</v>
      </c>
      <c r="F1631" s="239">
        <v>0.35520000000000002</v>
      </c>
      <c r="G1631">
        <f t="shared" si="378"/>
        <v>0.50893999999999995</v>
      </c>
      <c r="H1631" s="235">
        <f t="shared" si="379"/>
        <v>1.5522458443038476</v>
      </c>
      <c r="I1631" s="236">
        <f t="shared" si="380"/>
        <v>15.404036127790262</v>
      </c>
      <c r="J1631" s="237">
        <f t="shared" si="385"/>
        <v>5.4040361277902615</v>
      </c>
      <c r="K1631" s="237">
        <f t="shared" si="381"/>
        <v>248.75977942768489</v>
      </c>
      <c r="L1631" s="237">
        <f t="shared" si="386"/>
        <v>87.307607680579466</v>
      </c>
      <c r="M1631" s="236">
        <f t="shared" si="382"/>
        <v>2.9800406572151337</v>
      </c>
      <c r="N1631" s="236">
        <f t="shared" si="383"/>
        <v>3.0363568693355982</v>
      </c>
      <c r="O1631" s="236">
        <f t="shared" si="387"/>
        <v>3.4456769717654496</v>
      </c>
      <c r="P1631" s="236" t="str">
        <f t="shared" si="388"/>
        <v>CLAY</v>
      </c>
      <c r="Q1631" s="236">
        <f t="shared" si="384"/>
        <v>21.681685047692923</v>
      </c>
      <c r="R1631" s="238">
        <v>35</v>
      </c>
      <c r="S1631" s="236">
        <f t="shared" si="389"/>
        <v>0.97885360645317532</v>
      </c>
      <c r="T1631" s="236" t="e">
        <f t="shared" si="375"/>
        <v>#N/A</v>
      </c>
    </row>
    <row r="1632" spans="1:21" x14ac:dyDescent="0.2">
      <c r="A1632" s="53">
        <f t="shared" si="376"/>
        <v>1620</v>
      </c>
      <c r="B1632" s="239">
        <v>16.167000000000002</v>
      </c>
      <c r="C1632" s="3">
        <f t="shared" si="377"/>
        <v>16.16</v>
      </c>
      <c r="D1632" s="239">
        <v>0.4627</v>
      </c>
      <c r="E1632" s="239">
        <v>7.6E-3</v>
      </c>
      <c r="F1632" s="239">
        <v>0.36059999999999998</v>
      </c>
      <c r="G1632">
        <f t="shared" si="378"/>
        <v>0.53481999999999996</v>
      </c>
      <c r="H1632" s="235">
        <f t="shared" si="379"/>
        <v>1.4210388541939345</v>
      </c>
      <c r="I1632" s="236">
        <f t="shared" si="380"/>
        <v>15.378026629239612</v>
      </c>
      <c r="J1632" s="237">
        <f t="shared" si="385"/>
        <v>5.3780266292396117</v>
      </c>
      <c r="K1632" s="237">
        <f t="shared" si="381"/>
        <v>248.50891032851212</v>
      </c>
      <c r="L1632" s="237">
        <f t="shared" si="386"/>
        <v>86.946556514916807</v>
      </c>
      <c r="M1632" s="236">
        <f t="shared" si="382"/>
        <v>3.2929549041124755</v>
      </c>
      <c r="N1632" s="236">
        <f t="shared" si="383"/>
        <v>2.654455336927469</v>
      </c>
      <c r="O1632" s="236">
        <f t="shared" si="387"/>
        <v>3.3792609986336024</v>
      </c>
      <c r="P1632" s="236" t="str">
        <f t="shared" si="388"/>
        <v>CLAY</v>
      </c>
      <c r="Q1632" s="236">
        <f t="shared" si="384"/>
        <v>23.859257472623984</v>
      </c>
      <c r="R1632" s="238">
        <v>35</v>
      </c>
      <c r="S1632" s="236">
        <f t="shared" si="389"/>
        <v>1.108976230559547</v>
      </c>
      <c r="T1632" s="236" t="e">
        <f t="shared" si="375"/>
        <v>#N/A</v>
      </c>
    </row>
    <row r="1633" spans="1:20" x14ac:dyDescent="0.2">
      <c r="A1633" s="53">
        <f t="shared" si="376"/>
        <v>1621</v>
      </c>
      <c r="B1633" s="239">
        <v>16.175999999999998</v>
      </c>
      <c r="C1633" s="3">
        <f t="shared" si="377"/>
        <v>16.168999999999997</v>
      </c>
      <c r="D1633" s="239">
        <v>0.48430000000000001</v>
      </c>
      <c r="E1633" s="239">
        <v>7.3000000000000001E-3</v>
      </c>
      <c r="F1633" s="239">
        <v>0.36199999999999999</v>
      </c>
      <c r="G1633">
        <f t="shared" si="378"/>
        <v>0.55669999999999997</v>
      </c>
      <c r="H1633" s="235">
        <f t="shared" si="379"/>
        <v>1.3112987246272678</v>
      </c>
      <c r="I1633" s="236">
        <f t="shared" si="380"/>
        <v>15.346473875883962</v>
      </c>
      <c r="J1633" s="237">
        <f t="shared" si="385"/>
        <v>5.3464738758839623</v>
      </c>
      <c r="K1633" s="237">
        <f t="shared" si="381"/>
        <v>248.13713609916775</v>
      </c>
      <c r="L1633" s="237">
        <f t="shared" si="386"/>
        <v>86.484561416298959</v>
      </c>
      <c r="M1633" s="236">
        <f t="shared" si="382"/>
        <v>3.5678375290075781</v>
      </c>
      <c r="N1633" s="236">
        <f t="shared" si="383"/>
        <v>2.3658064057721857</v>
      </c>
      <c r="O1633" s="236">
        <f t="shared" si="387"/>
        <v>3.3246247727932348</v>
      </c>
      <c r="P1633" s="236" t="str">
        <f t="shared" si="388"/>
        <v>CLAY</v>
      </c>
      <c r="Q1633" s="236">
        <f t="shared" si="384"/>
        <v>25.713571991736018</v>
      </c>
      <c r="R1633" s="238">
        <v>35</v>
      </c>
      <c r="S1633" s="236">
        <f t="shared" si="389"/>
        <v>1.2258754434737691</v>
      </c>
      <c r="T1633" s="236" t="e">
        <f t="shared" si="375"/>
        <v>#N/A</v>
      </c>
    </row>
    <row r="1634" spans="1:20" x14ac:dyDescent="0.2">
      <c r="A1634" s="53">
        <f t="shared" si="376"/>
        <v>1622</v>
      </c>
      <c r="B1634" s="239">
        <v>16.186</v>
      </c>
      <c r="C1634" s="3">
        <f t="shared" si="377"/>
        <v>16.178999999999998</v>
      </c>
      <c r="D1634" s="239">
        <v>0.5071</v>
      </c>
      <c r="E1634" s="239">
        <v>7.1999999999999998E-3</v>
      </c>
      <c r="F1634" s="239">
        <v>0.36399999999999999</v>
      </c>
      <c r="G1634">
        <f t="shared" si="378"/>
        <v>0.57989999999999997</v>
      </c>
      <c r="H1634" s="235">
        <f t="shared" si="379"/>
        <v>1.2415933781686497</v>
      </c>
      <c r="I1634" s="236">
        <f t="shared" si="380"/>
        <v>15.346258592620305</v>
      </c>
      <c r="J1634" s="237">
        <f t="shared" si="385"/>
        <v>5.3462585926203054</v>
      </c>
      <c r="K1634" s="237">
        <f t="shared" si="381"/>
        <v>248.2871177700039</v>
      </c>
      <c r="L1634" s="237">
        <f t="shared" si="386"/>
        <v>86.534541580152265</v>
      </c>
      <c r="M1634" s="236">
        <f t="shared" si="382"/>
        <v>3.8321446693380934</v>
      </c>
      <c r="N1634" s="236">
        <f t="shared" si="383"/>
        <v>2.1712063631491585</v>
      </c>
      <c r="O1634" s="236">
        <f t="shared" si="387"/>
        <v>3.2795633874311116</v>
      </c>
      <c r="P1634" s="236" t="str">
        <f t="shared" si="388"/>
        <v>CLAY</v>
      </c>
      <c r="Q1634" s="236">
        <f t="shared" si="384"/>
        <v>27.634406852499676</v>
      </c>
      <c r="R1634" s="238">
        <v>35</v>
      </c>
      <c r="S1634" s="236">
        <f t="shared" si="389"/>
        <v>1.3404245663291368</v>
      </c>
      <c r="T1634" s="236" t="e">
        <f t="shared" si="375"/>
        <v>#N/A</v>
      </c>
    </row>
    <row r="1635" spans="1:20" x14ac:dyDescent="0.2">
      <c r="A1635" s="53">
        <f t="shared" si="376"/>
        <v>1623</v>
      </c>
      <c r="B1635" s="239">
        <v>16.196999999999999</v>
      </c>
      <c r="C1635" s="3">
        <f t="shared" si="377"/>
        <v>16.189999999999998</v>
      </c>
      <c r="D1635" s="239">
        <v>0.52500000000000002</v>
      </c>
      <c r="E1635" s="239">
        <v>7.1000000000000004E-3</v>
      </c>
      <c r="F1635" s="239">
        <v>0.35970000000000002</v>
      </c>
      <c r="G1635">
        <f t="shared" si="378"/>
        <v>0.59694000000000003</v>
      </c>
      <c r="H1635" s="235">
        <f t="shared" si="379"/>
        <v>1.1893992696083358</v>
      </c>
      <c r="I1635" s="236">
        <f t="shared" si="380"/>
        <v>15.341178209048314</v>
      </c>
      <c r="J1635" s="237">
        <f t="shared" si="385"/>
        <v>5.341178209048314</v>
      </c>
      <c r="K1635" s="237">
        <f t="shared" si="381"/>
        <v>248.37367520449217</v>
      </c>
      <c r="L1635" s="237">
        <f t="shared" si="386"/>
        <v>86.511063451955536</v>
      </c>
      <c r="M1635" s="236">
        <f t="shared" si="382"/>
        <v>4.029153161307355</v>
      </c>
      <c r="N1635" s="236">
        <f t="shared" si="383"/>
        <v>2.0369150703715659</v>
      </c>
      <c r="O1635" s="236">
        <f t="shared" si="387"/>
        <v>3.2472693605152769</v>
      </c>
      <c r="P1635" s="236" t="str">
        <f t="shared" si="388"/>
        <v>CLAY</v>
      </c>
      <c r="Q1635" s="236">
        <f t="shared" si="384"/>
        <v>29.047193732958988</v>
      </c>
      <c r="R1635" s="238">
        <v>35</v>
      </c>
      <c r="S1635" s="236">
        <f t="shared" si="389"/>
        <v>1.4271092776277856</v>
      </c>
      <c r="T1635" s="236" t="e">
        <f t="shared" si="375"/>
        <v>#N/A</v>
      </c>
    </row>
    <row r="1636" spans="1:20" x14ac:dyDescent="0.2">
      <c r="A1636" s="53">
        <f t="shared" si="376"/>
        <v>1624</v>
      </c>
      <c r="B1636" s="239">
        <v>16.206</v>
      </c>
      <c r="C1636" s="3">
        <f t="shared" si="377"/>
        <v>16.198999999999998</v>
      </c>
      <c r="D1636" s="239">
        <v>0.52029999999999998</v>
      </c>
      <c r="E1636" s="239">
        <v>7.4000000000000003E-3</v>
      </c>
      <c r="F1636" s="239">
        <v>0.36</v>
      </c>
      <c r="G1636">
        <f t="shared" si="378"/>
        <v>0.59229999999999994</v>
      </c>
      <c r="H1636" s="235">
        <f t="shared" si="379"/>
        <v>1.2493668748944793</v>
      </c>
      <c r="I1636" s="236">
        <f t="shared" si="380"/>
        <v>15.386656257032971</v>
      </c>
      <c r="J1636" s="237">
        <f t="shared" si="385"/>
        <v>5.3866562570329712</v>
      </c>
      <c r="K1636" s="237">
        <f t="shared" si="381"/>
        <v>249.24844470767707</v>
      </c>
      <c r="L1636" s="237">
        <f t="shared" si="386"/>
        <v>87.296151301476328</v>
      </c>
      <c r="M1636" s="236">
        <f t="shared" si="382"/>
        <v>3.9297443263861425</v>
      </c>
      <c r="N1636" s="236">
        <f t="shared" si="383"/>
        <v>2.1571101736280642</v>
      </c>
      <c r="O1636" s="236">
        <f t="shared" si="387"/>
        <v>3.2686082532686878</v>
      </c>
      <c r="P1636" s="236" t="str">
        <f t="shared" si="388"/>
        <v>CLAY</v>
      </c>
      <c r="Q1636" s="236">
        <f t="shared" si="384"/>
        <v>28.587629607693572</v>
      </c>
      <c r="R1636" s="238">
        <v>35</v>
      </c>
      <c r="S1636" s="236">
        <f t="shared" si="389"/>
        <v>1.3832331170749477</v>
      </c>
      <c r="T1636" s="236" t="e">
        <f t="shared" si="375"/>
        <v>#N/A</v>
      </c>
    </row>
    <row r="1637" spans="1:20" x14ac:dyDescent="0.2">
      <c r="A1637" s="53">
        <f t="shared" si="376"/>
        <v>1625</v>
      </c>
      <c r="B1637" s="239">
        <v>16.216999999999999</v>
      </c>
      <c r="C1637" s="3">
        <f t="shared" si="377"/>
        <v>16.209999999999997</v>
      </c>
      <c r="D1637" s="239">
        <v>0.52210000000000001</v>
      </c>
      <c r="E1637" s="239">
        <v>7.4000000000000003E-3</v>
      </c>
      <c r="F1637" s="239">
        <v>0.35780000000000001</v>
      </c>
      <c r="G1637">
        <f t="shared" si="378"/>
        <v>0.59365999999999997</v>
      </c>
      <c r="H1637" s="235">
        <f t="shared" si="379"/>
        <v>1.2465047333490551</v>
      </c>
      <c r="I1637" s="236">
        <f t="shared" si="380"/>
        <v>15.387552706624634</v>
      </c>
      <c r="J1637" s="237">
        <f t="shared" si="385"/>
        <v>5.3875527066246338</v>
      </c>
      <c r="K1637" s="237">
        <f t="shared" si="381"/>
        <v>249.43222937438529</v>
      </c>
      <c r="L1637" s="237">
        <f t="shared" si="386"/>
        <v>87.369942243331678</v>
      </c>
      <c r="M1637" s="236">
        <f t="shared" si="382"/>
        <v>3.9398878125261332</v>
      </c>
      <c r="N1637" s="236">
        <f t="shared" si="383"/>
        <v>2.1497393968391671</v>
      </c>
      <c r="O1637" s="236">
        <f t="shared" si="387"/>
        <v>3.2669167092222628</v>
      </c>
      <c r="P1637" s="236" t="str">
        <f t="shared" si="388"/>
        <v>CLAY</v>
      </c>
      <c r="Q1637" s="236">
        <f t="shared" si="384"/>
        <v>28.685647552134554</v>
      </c>
      <c r="R1637" s="238">
        <v>35</v>
      </c>
      <c r="S1637" s="236">
        <f t="shared" si="389"/>
        <v>1.3876975710319552</v>
      </c>
      <c r="T1637" s="236" t="e">
        <f t="shared" si="375"/>
        <v>#N/A</v>
      </c>
    </row>
    <row r="1638" spans="1:20" x14ac:dyDescent="0.2">
      <c r="A1638" s="53">
        <f t="shared" si="376"/>
        <v>1626</v>
      </c>
      <c r="B1638" s="239">
        <v>16.225999999999999</v>
      </c>
      <c r="C1638" s="3">
        <f t="shared" si="377"/>
        <v>16.218999999999998</v>
      </c>
      <c r="D1638" s="239">
        <v>0.52180000000000004</v>
      </c>
      <c r="E1638" s="239">
        <v>7.4999999999999997E-3</v>
      </c>
      <c r="F1638" s="239">
        <v>0.35880000000000001</v>
      </c>
      <c r="G1638">
        <f t="shared" si="378"/>
        <v>0.59356000000000009</v>
      </c>
      <c r="H1638" s="235">
        <f t="shared" si="379"/>
        <v>1.2635622346519306</v>
      </c>
      <c r="I1638" s="236">
        <f t="shared" si="380"/>
        <v>15.403226629082361</v>
      </c>
      <c r="J1638" s="237">
        <f t="shared" si="385"/>
        <v>5.4032266290823614</v>
      </c>
      <c r="K1638" s="237">
        <f t="shared" si="381"/>
        <v>249.82493269708678</v>
      </c>
      <c r="L1638" s="237">
        <f t="shared" si="386"/>
        <v>87.672755283490389</v>
      </c>
      <c r="M1638" s="236">
        <f t="shared" si="382"/>
        <v>3.9206600293494129</v>
      </c>
      <c r="N1638" s="236">
        <f t="shared" si="383"/>
        <v>2.1819129653683822</v>
      </c>
      <c r="O1638" s="236">
        <f t="shared" si="387"/>
        <v>3.2718552060003518</v>
      </c>
      <c r="P1638" s="236" t="str">
        <f t="shared" si="388"/>
        <v>CLAY</v>
      </c>
      <c r="Q1638" s="236">
        <f t="shared" si="384"/>
        <v>28.644588941909443</v>
      </c>
      <c r="R1638" s="238">
        <v>35</v>
      </c>
      <c r="S1638" s="236">
        <f t="shared" si="389"/>
        <v>1.3792372885987243</v>
      </c>
      <c r="T1638" s="236" t="e">
        <f t="shared" si="375"/>
        <v>#N/A</v>
      </c>
    </row>
    <row r="1639" spans="1:20" x14ac:dyDescent="0.2">
      <c r="A1639" s="53">
        <f t="shared" si="376"/>
        <v>1627</v>
      </c>
      <c r="B1639" s="239">
        <v>16.236000000000001</v>
      </c>
      <c r="C1639" s="3">
        <f t="shared" si="377"/>
        <v>16.228999999999999</v>
      </c>
      <c r="D1639" s="239">
        <v>0.51839999999999997</v>
      </c>
      <c r="E1639" s="239">
        <v>7.6E-3</v>
      </c>
      <c r="F1639" s="239">
        <v>0.3624</v>
      </c>
      <c r="G1639">
        <f t="shared" si="378"/>
        <v>0.59087999999999996</v>
      </c>
      <c r="H1639" s="235">
        <f t="shared" si="379"/>
        <v>1.2862171676144059</v>
      </c>
      <c r="I1639" s="236">
        <f t="shared" si="380"/>
        <v>15.416989114816836</v>
      </c>
      <c r="J1639" s="237">
        <f t="shared" si="385"/>
        <v>5.4169891148168361</v>
      </c>
      <c r="K1639" s="237">
        <f t="shared" si="381"/>
        <v>250.20231634436243</v>
      </c>
      <c r="L1639" s="237">
        <f t="shared" si="386"/>
        <v>87.950235268166153</v>
      </c>
      <c r="M1639" s="236">
        <f t="shared" si="382"/>
        <v>3.8735278264678712</v>
      </c>
      <c r="N1639" s="236">
        <f t="shared" si="383"/>
        <v>2.2308476206742678</v>
      </c>
      <c r="O1639" s="236">
        <f t="shared" si="387"/>
        <v>3.2810679594649774</v>
      </c>
      <c r="P1639" s="236" t="str">
        <f t="shared" si="388"/>
        <v>CLAY</v>
      </c>
      <c r="Q1639" s="236">
        <f t="shared" si="384"/>
        <v>28.38980697130313</v>
      </c>
      <c r="R1639" s="238">
        <v>35</v>
      </c>
      <c r="S1639" s="236">
        <f t="shared" si="389"/>
        <v>1.3585429056149856</v>
      </c>
      <c r="T1639" s="236" t="e">
        <f t="shared" si="375"/>
        <v>#N/A</v>
      </c>
    </row>
    <row r="1640" spans="1:20" x14ac:dyDescent="0.2">
      <c r="A1640" s="53">
        <f t="shared" si="376"/>
        <v>1628</v>
      </c>
      <c r="B1640" s="239">
        <v>16.245999999999999</v>
      </c>
      <c r="C1640" s="3">
        <f t="shared" si="377"/>
        <v>16.238999999999997</v>
      </c>
      <c r="D1640" s="239">
        <v>0.50460000000000005</v>
      </c>
      <c r="E1640" s="239">
        <v>7.7000000000000002E-3</v>
      </c>
      <c r="F1640" s="239">
        <v>0.36580000000000001</v>
      </c>
      <c r="G1640">
        <f t="shared" si="378"/>
        <v>0.57776000000000005</v>
      </c>
      <c r="H1640" s="235">
        <f t="shared" si="379"/>
        <v>1.3327333148712266</v>
      </c>
      <c r="I1640" s="236">
        <f t="shared" si="380"/>
        <v>15.423540736322662</v>
      </c>
      <c r="J1640" s="237">
        <f t="shared" si="385"/>
        <v>5.4235407363226624</v>
      </c>
      <c r="K1640" s="237">
        <f t="shared" si="381"/>
        <v>250.46287801714368</v>
      </c>
      <c r="L1640" s="237">
        <f t="shared" si="386"/>
        <v>88.110842802297967</v>
      </c>
      <c r="M1640" s="236">
        <f t="shared" si="382"/>
        <v>3.7146066428764244</v>
      </c>
      <c r="N1640" s="236">
        <f t="shared" si="383"/>
        <v>2.3526024162239105</v>
      </c>
      <c r="O1640" s="236">
        <f t="shared" si="387"/>
        <v>3.3081010169903271</v>
      </c>
      <c r="P1640" s="236" t="str">
        <f t="shared" si="388"/>
        <v>CLAY</v>
      </c>
      <c r="Q1640" s="236">
        <f t="shared" si="384"/>
        <v>27.274760165238035</v>
      </c>
      <c r="R1640" s="238">
        <v>35</v>
      </c>
      <c r="S1640" s="236">
        <f t="shared" si="389"/>
        <v>1.2892319136090458</v>
      </c>
      <c r="T1640" s="236" t="e">
        <f t="shared" si="375"/>
        <v>#N/A</v>
      </c>
    </row>
    <row r="1641" spans="1:20" x14ac:dyDescent="0.2">
      <c r="A1641" s="53">
        <f t="shared" si="376"/>
        <v>1629</v>
      </c>
      <c r="B1641" s="239">
        <v>16.254999999999999</v>
      </c>
      <c r="C1641" s="3">
        <f t="shared" si="377"/>
        <v>16.247999999999998</v>
      </c>
      <c r="D1641" s="239">
        <v>0.48899999999999999</v>
      </c>
      <c r="E1641" s="239">
        <v>7.7999999999999996E-3</v>
      </c>
      <c r="F1641" s="239">
        <v>0.36799999999999999</v>
      </c>
      <c r="G1641">
        <f t="shared" si="378"/>
        <v>0.56259999999999999</v>
      </c>
      <c r="H1641" s="235">
        <f t="shared" si="379"/>
        <v>1.3864201919658727</v>
      </c>
      <c r="I1641" s="236">
        <f t="shared" si="380"/>
        <v>15.428278236693046</v>
      </c>
      <c r="J1641" s="237">
        <f t="shared" si="385"/>
        <v>5.4282782366930462</v>
      </c>
      <c r="K1641" s="237">
        <f t="shared" si="381"/>
        <v>250.67866478978857</v>
      </c>
      <c r="L1641" s="237">
        <f t="shared" si="386"/>
        <v>88.236662737445457</v>
      </c>
      <c r="M1641" s="236">
        <f t="shared" si="382"/>
        <v>3.5350536334126308</v>
      </c>
      <c r="N1641" s="236">
        <f t="shared" si="383"/>
        <v>2.5006304858061048</v>
      </c>
      <c r="O1641" s="236">
        <f t="shared" si="387"/>
        <v>3.3397386341428335</v>
      </c>
      <c r="P1641" s="236" t="str">
        <f t="shared" si="388"/>
        <v>CLAY</v>
      </c>
      <c r="Q1641" s="236">
        <f t="shared" si="384"/>
        <v>25.993444600850953</v>
      </c>
      <c r="R1641" s="238">
        <v>35</v>
      </c>
      <c r="S1641" s="236">
        <f t="shared" si="389"/>
        <v>1.2118113552638747</v>
      </c>
      <c r="T1641" s="236" t="e">
        <f t="shared" si="375"/>
        <v>#N/A</v>
      </c>
    </row>
    <row r="1642" spans="1:20" x14ac:dyDescent="0.2">
      <c r="A1642" s="53">
        <f t="shared" si="376"/>
        <v>1630</v>
      </c>
      <c r="B1642" s="239">
        <v>16.265999999999998</v>
      </c>
      <c r="C1642" s="3">
        <f t="shared" si="377"/>
        <v>16.258999999999997</v>
      </c>
      <c r="D1642" s="239">
        <v>0.47399999999999998</v>
      </c>
      <c r="E1642" s="239">
        <v>8.0999999999999996E-3</v>
      </c>
      <c r="F1642" s="239">
        <v>0.36890000000000001</v>
      </c>
      <c r="G1642">
        <f t="shared" si="378"/>
        <v>0.54777999999999993</v>
      </c>
      <c r="H1642" s="235">
        <f t="shared" si="379"/>
        <v>1.4786958267917778</v>
      </c>
      <c r="I1642" s="236">
        <f t="shared" si="380"/>
        <v>15.462098159865105</v>
      </c>
      <c r="J1642" s="237">
        <f t="shared" si="385"/>
        <v>5.4620981598651053</v>
      </c>
      <c r="K1642" s="237">
        <f t="shared" si="381"/>
        <v>251.39825398124671</v>
      </c>
      <c r="L1642" s="237">
        <f t="shared" si="386"/>
        <v>88.846488668365794</v>
      </c>
      <c r="M1642" s="236">
        <f t="shared" si="382"/>
        <v>3.3358858685462192</v>
      </c>
      <c r="N1642" s="236">
        <f t="shared" si="383"/>
        <v>2.7329618334482317</v>
      </c>
      <c r="O1642" s="236">
        <f t="shared" si="387"/>
        <v>3.3805323697254659</v>
      </c>
      <c r="P1642" s="236" t="str">
        <f t="shared" si="388"/>
        <v>CLAY</v>
      </c>
      <c r="Q1642" s="236">
        <f t="shared" si="384"/>
        <v>24.698478834896104</v>
      </c>
      <c r="R1642" s="238">
        <v>35</v>
      </c>
      <c r="S1642" s="236">
        <f t="shared" si="389"/>
        <v>1.1270780402711127</v>
      </c>
      <c r="T1642" s="236" t="e">
        <f t="shared" si="375"/>
        <v>#N/A</v>
      </c>
    </row>
    <row r="1643" spans="1:20" x14ac:dyDescent="0.2">
      <c r="A1643" s="53">
        <f t="shared" si="376"/>
        <v>1631</v>
      </c>
      <c r="B1643" s="239">
        <v>16.276</v>
      </c>
      <c r="C1643" s="3">
        <f t="shared" si="377"/>
        <v>16.268999999999998</v>
      </c>
      <c r="D1643" s="239">
        <v>0.46079999999999999</v>
      </c>
      <c r="E1643" s="239">
        <v>8.0999999999999996E-3</v>
      </c>
      <c r="F1643" s="239">
        <v>0.37330000000000002</v>
      </c>
      <c r="G1643">
        <f t="shared" si="378"/>
        <v>0.53545999999999994</v>
      </c>
      <c r="H1643" s="235">
        <f t="shared" si="379"/>
        <v>1.5127180368281479</v>
      </c>
      <c r="I1643" s="236">
        <f t="shared" si="380"/>
        <v>15.453206935647753</v>
      </c>
      <c r="J1643" s="237">
        <f t="shared" si="385"/>
        <v>5.4532069356477528</v>
      </c>
      <c r="K1643" s="237">
        <f t="shared" si="381"/>
        <v>251.40822363605326</v>
      </c>
      <c r="L1643" s="237">
        <f t="shared" si="386"/>
        <v>88.756396084602827</v>
      </c>
      <c r="M1643" s="236">
        <f t="shared" si="382"/>
        <v>3.2003527508393623</v>
      </c>
      <c r="N1643" s="236">
        <f t="shared" si="383"/>
        <v>2.8515927989204766</v>
      </c>
      <c r="O1643" s="236">
        <f t="shared" si="387"/>
        <v>3.405285590473369</v>
      </c>
      <c r="P1643" s="236" t="str">
        <f t="shared" si="388"/>
        <v>CLAY</v>
      </c>
      <c r="Q1643" s="236">
        <f t="shared" si="384"/>
        <v>23.670981363662221</v>
      </c>
      <c r="R1643" s="238">
        <v>35</v>
      </c>
      <c r="S1643" s="236">
        <f t="shared" si="389"/>
        <v>1.070131926683733</v>
      </c>
      <c r="T1643" s="236" t="e">
        <f t="shared" si="375"/>
        <v>#N/A</v>
      </c>
    </row>
    <row r="1644" spans="1:20" x14ac:dyDescent="0.2">
      <c r="A1644" s="53">
        <f t="shared" si="376"/>
        <v>1632</v>
      </c>
      <c r="B1644" s="239">
        <v>16.285</v>
      </c>
      <c r="C1644" s="3">
        <f t="shared" si="377"/>
        <v>16.277999999999999</v>
      </c>
      <c r="D1644" s="239">
        <v>0.45619999999999999</v>
      </c>
      <c r="E1644" s="239">
        <v>8.0000000000000002E-3</v>
      </c>
      <c r="F1644" s="239">
        <v>0.37919999999999998</v>
      </c>
      <c r="G1644">
        <f t="shared" si="378"/>
        <v>0.53203999999999996</v>
      </c>
      <c r="H1644" s="235">
        <f t="shared" si="379"/>
        <v>1.5036463423802724</v>
      </c>
      <c r="I1644" s="236">
        <f t="shared" si="380"/>
        <v>15.436135875569907</v>
      </c>
      <c r="J1644" s="237">
        <f t="shared" si="385"/>
        <v>5.4361358755699065</v>
      </c>
      <c r="K1644" s="237">
        <f t="shared" si="381"/>
        <v>251.26941978252691</v>
      </c>
      <c r="L1644" s="237">
        <f t="shared" si="386"/>
        <v>88.527472733655927</v>
      </c>
      <c r="M1644" s="236">
        <f t="shared" si="382"/>
        <v>3.1715643917928213</v>
      </c>
      <c r="N1644" s="236">
        <f t="shared" si="383"/>
        <v>2.8493013740269859</v>
      </c>
      <c r="O1644" s="236">
        <f t="shared" si="387"/>
        <v>3.4085312821033473</v>
      </c>
      <c r="P1644" s="236" t="str">
        <f t="shared" si="388"/>
        <v>CLAY</v>
      </c>
      <c r="Q1644" s="236">
        <f t="shared" si="384"/>
        <v>23.397548351456084</v>
      </c>
      <c r="R1644" s="238">
        <v>35</v>
      </c>
      <c r="S1644" s="236">
        <f t="shared" si="389"/>
        <v>1.0581126955681079</v>
      </c>
      <c r="T1644" s="236" t="e">
        <f t="shared" si="375"/>
        <v>#N/A</v>
      </c>
    </row>
    <row r="1645" spans="1:20" x14ac:dyDescent="0.2">
      <c r="A1645" s="53">
        <f t="shared" si="376"/>
        <v>1633</v>
      </c>
      <c r="B1645" s="239">
        <v>16.295999999999999</v>
      </c>
      <c r="C1645" s="3">
        <f t="shared" si="377"/>
        <v>16.288999999999998</v>
      </c>
      <c r="D1645" s="239">
        <v>0.46529999999999999</v>
      </c>
      <c r="E1645" s="239">
        <v>8.0000000000000002E-3</v>
      </c>
      <c r="F1645" s="239">
        <v>0.38269999999999998</v>
      </c>
      <c r="G1645">
        <f t="shared" si="378"/>
        <v>0.54183999999999999</v>
      </c>
      <c r="H1645" s="235">
        <f t="shared" si="379"/>
        <v>1.4764506127270043</v>
      </c>
      <c r="I1645" s="236">
        <f t="shared" si="380"/>
        <v>15.443269975599208</v>
      </c>
      <c r="J1645" s="237">
        <f t="shared" si="385"/>
        <v>5.4432699755992076</v>
      </c>
      <c r="K1645" s="237">
        <f t="shared" si="381"/>
        <v>251.55542463253545</v>
      </c>
      <c r="L1645" s="237">
        <f t="shared" si="386"/>
        <v>88.703527522364681</v>
      </c>
      <c r="M1645" s="236">
        <f t="shared" si="382"/>
        <v>3.2725257210799827</v>
      </c>
      <c r="N1645" s="236">
        <f t="shared" si="383"/>
        <v>2.755916324480205</v>
      </c>
      <c r="O1645" s="236">
        <f t="shared" si="387"/>
        <v>3.3895721498992777</v>
      </c>
      <c r="P1645" s="236" t="str">
        <f t="shared" si="388"/>
        <v>CLAY</v>
      </c>
      <c r="Q1645" s="236">
        <f t="shared" si="384"/>
        <v>24.190381280622049</v>
      </c>
      <c r="R1645" s="238">
        <v>35</v>
      </c>
      <c r="S1645" s="236">
        <f t="shared" si="389"/>
        <v>1.100382929606839</v>
      </c>
      <c r="T1645" s="236" t="e">
        <f t="shared" si="375"/>
        <v>#N/A</v>
      </c>
    </row>
    <row r="1646" spans="1:20" x14ac:dyDescent="0.2">
      <c r="A1646" s="53">
        <f t="shared" si="376"/>
        <v>1634</v>
      </c>
      <c r="B1646" s="239">
        <v>16.306000000000001</v>
      </c>
      <c r="C1646" s="3">
        <f t="shared" si="377"/>
        <v>16.298999999999999</v>
      </c>
      <c r="D1646" s="239">
        <v>0.47089999999999999</v>
      </c>
      <c r="E1646" s="239">
        <v>8.2000000000000007E-3</v>
      </c>
      <c r="F1646" s="239">
        <v>0.38890000000000002</v>
      </c>
      <c r="G1646">
        <f t="shared" si="378"/>
        <v>0.54867999999999995</v>
      </c>
      <c r="H1646" s="235">
        <f t="shared" si="379"/>
        <v>1.4944958810235478</v>
      </c>
      <c r="I1646" s="236">
        <f t="shared" si="380"/>
        <v>15.477127672786779</v>
      </c>
      <c r="J1646" s="237">
        <f t="shared" si="385"/>
        <v>5.4771276727867786</v>
      </c>
      <c r="K1646" s="237">
        <f t="shared" si="381"/>
        <v>252.26170393875171</v>
      </c>
      <c r="L1646" s="237">
        <f t="shared" si="386"/>
        <v>89.310043832461218</v>
      </c>
      <c r="M1646" s="236">
        <f t="shared" si="382"/>
        <v>3.318980523817749</v>
      </c>
      <c r="N1646" s="236">
        <f t="shared" si="383"/>
        <v>2.7663609530720912</v>
      </c>
      <c r="O1646" s="236">
        <f t="shared" si="387"/>
        <v>3.3850427277244028</v>
      </c>
      <c r="P1646" s="236" t="str">
        <f t="shared" si="388"/>
        <v>CLAY</v>
      </c>
      <c r="Q1646" s="236">
        <f t="shared" si="384"/>
        <v>24.701524671770688</v>
      </c>
      <c r="R1646" s="238">
        <v>35</v>
      </c>
      <c r="S1646" s="236">
        <f t="shared" si="389"/>
        <v>1.1199429199428885</v>
      </c>
      <c r="T1646" s="236" t="e">
        <f t="shared" si="375"/>
        <v>#N/A</v>
      </c>
    </row>
    <row r="1647" spans="1:20" x14ac:dyDescent="0.2">
      <c r="A1647" s="53">
        <f t="shared" si="376"/>
        <v>1635</v>
      </c>
      <c r="B1647" s="239">
        <v>16.315999999999999</v>
      </c>
      <c r="C1647" s="3">
        <f t="shared" si="377"/>
        <v>16.308999999999997</v>
      </c>
      <c r="D1647" s="239">
        <v>0.48549999999999999</v>
      </c>
      <c r="E1647" s="239">
        <v>8.2000000000000007E-3</v>
      </c>
      <c r="F1647" s="239">
        <v>0.39269999999999999</v>
      </c>
      <c r="G1647">
        <f t="shared" si="378"/>
        <v>0.56403999999999999</v>
      </c>
      <c r="H1647" s="235">
        <f t="shared" si="379"/>
        <v>1.4537976030068791</v>
      </c>
      <c r="I1647" s="236">
        <f t="shared" si="380"/>
        <v>15.48791936934494</v>
      </c>
      <c r="J1647" s="237">
        <f t="shared" si="385"/>
        <v>5.4879193693449402</v>
      </c>
      <c r="K1647" s="237">
        <f t="shared" si="381"/>
        <v>252.5924769946466</v>
      </c>
      <c r="L1647" s="237">
        <f t="shared" si="386"/>
        <v>89.540892430232034</v>
      </c>
      <c r="M1647" s="236">
        <f t="shared" si="382"/>
        <v>3.4782713747020697</v>
      </c>
      <c r="N1647" s="236">
        <f t="shared" si="383"/>
        <v>2.6328673032532208</v>
      </c>
      <c r="O1647" s="236">
        <f t="shared" si="387"/>
        <v>3.3567721366568248</v>
      </c>
      <c r="P1647" s="236" t="str">
        <f t="shared" si="388"/>
        <v>CLAY</v>
      </c>
      <c r="Q1647" s="236">
        <f t="shared" si="384"/>
        <v>25.953960250446112</v>
      </c>
      <c r="R1647" s="238">
        <v>35</v>
      </c>
      <c r="S1647" s="236">
        <f t="shared" si="389"/>
        <v>1.1875293086480634</v>
      </c>
      <c r="T1647" s="236" t="e">
        <f t="shared" si="375"/>
        <v>#N/A</v>
      </c>
    </row>
    <row r="1648" spans="1:20" x14ac:dyDescent="0.2">
      <c r="A1648" s="53">
        <f t="shared" si="376"/>
        <v>1636</v>
      </c>
      <c r="B1648" s="239">
        <v>16.326000000000001</v>
      </c>
      <c r="C1648" s="3">
        <f t="shared" si="377"/>
        <v>16.318999999999999</v>
      </c>
      <c r="D1648" s="239">
        <v>0.51329999999999998</v>
      </c>
      <c r="E1648" s="239">
        <v>8.2000000000000007E-3</v>
      </c>
      <c r="F1648" s="239">
        <v>0.39579999999999999</v>
      </c>
      <c r="G1648">
        <f t="shared" si="378"/>
        <v>0.59245999999999999</v>
      </c>
      <c r="H1648" s="235">
        <f t="shared" si="379"/>
        <v>1.3840596833541507</v>
      </c>
      <c r="I1648" s="236">
        <f t="shared" si="380"/>
        <v>15.507133586628868</v>
      </c>
      <c r="J1648" s="237">
        <f t="shared" si="385"/>
        <v>5.5071335866288678</v>
      </c>
      <c r="K1648" s="237">
        <f t="shared" si="381"/>
        <v>253.06091300019648</v>
      </c>
      <c r="L1648" s="237">
        <f t="shared" si="386"/>
        <v>89.909462935302898</v>
      </c>
      <c r="M1648" s="236">
        <f t="shared" si="382"/>
        <v>3.7748983913298262</v>
      </c>
      <c r="N1648" s="236">
        <f t="shared" si="383"/>
        <v>2.4160347844438212</v>
      </c>
      <c r="O1648" s="236">
        <f t="shared" si="387"/>
        <v>3.3075575509365058</v>
      </c>
      <c r="P1648" s="236" t="str">
        <f t="shared" si="388"/>
        <v>CLAY</v>
      </c>
      <c r="Q1648" s="236">
        <f t="shared" si="384"/>
        <v>28.283257249983631</v>
      </c>
      <c r="R1648" s="238">
        <v>35</v>
      </c>
      <c r="S1648" s="236">
        <f t="shared" si="389"/>
        <v>1.315441658934891</v>
      </c>
      <c r="T1648" s="236" t="e">
        <f t="shared" si="375"/>
        <v>#N/A</v>
      </c>
    </row>
    <row r="1649" spans="1:20" x14ac:dyDescent="0.2">
      <c r="A1649" s="53">
        <f t="shared" si="376"/>
        <v>1637</v>
      </c>
      <c r="B1649" s="239">
        <v>16.335999999999999</v>
      </c>
      <c r="C1649" s="3">
        <f t="shared" si="377"/>
        <v>16.328999999999997</v>
      </c>
      <c r="D1649" s="239">
        <v>0.53269999999999995</v>
      </c>
      <c r="E1649" s="239">
        <v>8.2000000000000007E-3</v>
      </c>
      <c r="F1649" s="239">
        <v>0.39689999999999998</v>
      </c>
      <c r="G1649">
        <f t="shared" si="378"/>
        <v>0.61207999999999996</v>
      </c>
      <c r="H1649" s="235">
        <f t="shared" si="379"/>
        <v>1.3396941576264543</v>
      </c>
      <c r="I1649" s="236">
        <f t="shared" si="380"/>
        <v>15.519867825878835</v>
      </c>
      <c r="J1649" s="237">
        <f t="shared" si="385"/>
        <v>5.5198678258788352</v>
      </c>
      <c r="K1649" s="237">
        <f t="shared" si="381"/>
        <v>253.42392172877544</v>
      </c>
      <c r="L1649" s="237">
        <f t="shared" si="386"/>
        <v>90.172560803556649</v>
      </c>
      <c r="M1649" s="236">
        <f t="shared" si="382"/>
        <v>3.9774414198191224</v>
      </c>
      <c r="N1649" s="236">
        <f t="shared" si="383"/>
        <v>2.2863128486557982</v>
      </c>
      <c r="O1649" s="236">
        <f t="shared" si="387"/>
        <v>3.2761019236221114</v>
      </c>
      <c r="P1649" s="236" t="str">
        <f t="shared" si="388"/>
        <v>CLAY</v>
      </c>
      <c r="Q1649" s="236">
        <f t="shared" si="384"/>
        <v>29.888006522602041</v>
      </c>
      <c r="R1649" s="238">
        <v>35</v>
      </c>
      <c r="S1649" s="236">
        <f t="shared" si="389"/>
        <v>1.4042510222794757</v>
      </c>
      <c r="T1649" s="236" t="e">
        <f t="shared" si="375"/>
        <v>#N/A</v>
      </c>
    </row>
    <row r="1650" spans="1:20" x14ac:dyDescent="0.2">
      <c r="A1650" s="53">
        <f t="shared" si="376"/>
        <v>1638</v>
      </c>
      <c r="B1650" s="239">
        <v>16.346</v>
      </c>
      <c r="C1650" s="3">
        <f t="shared" si="377"/>
        <v>16.338999999999999</v>
      </c>
      <c r="D1650" s="239">
        <v>0.54759999999999998</v>
      </c>
      <c r="E1650" s="239">
        <v>8.2000000000000007E-3</v>
      </c>
      <c r="F1650" s="239">
        <v>0.39510000000000001</v>
      </c>
      <c r="G1650">
        <f t="shared" si="378"/>
        <v>0.62661999999999995</v>
      </c>
      <c r="H1650" s="235">
        <f t="shared" si="379"/>
        <v>1.3086080878363284</v>
      </c>
      <c r="I1650" s="236">
        <f t="shared" si="380"/>
        <v>15.529044282853718</v>
      </c>
      <c r="J1650" s="237">
        <f t="shared" si="385"/>
        <v>5.5290442828537181</v>
      </c>
      <c r="K1650" s="237">
        <f t="shared" si="381"/>
        <v>253.72905453754689</v>
      </c>
      <c r="L1650" s="237">
        <f t="shared" si="386"/>
        <v>90.37775784752688</v>
      </c>
      <c r="M1650" s="236">
        <f t="shared" si="382"/>
        <v>4.1259149855381922</v>
      </c>
      <c r="N1650" s="236">
        <f t="shared" si="383"/>
        <v>2.1990343556962739</v>
      </c>
      <c r="O1650" s="236">
        <f t="shared" si="387"/>
        <v>3.2540164976259098</v>
      </c>
      <c r="P1650" s="236" t="str">
        <f t="shared" si="388"/>
        <v>CLAY</v>
      </c>
      <c r="Q1650" s="236">
        <f t="shared" si="384"/>
        <v>31.07424545520443</v>
      </c>
      <c r="R1650" s="238">
        <v>35</v>
      </c>
      <c r="S1650" s="236">
        <f t="shared" si="389"/>
        <v>1.470077912683744</v>
      </c>
      <c r="T1650" s="236" t="e">
        <f t="shared" si="375"/>
        <v>#N/A</v>
      </c>
    </row>
    <row r="1651" spans="1:20" x14ac:dyDescent="0.2">
      <c r="A1651" s="53">
        <f t="shared" si="376"/>
        <v>1639</v>
      </c>
      <c r="B1651" s="239">
        <v>16.356000000000002</v>
      </c>
      <c r="C1651" s="3">
        <f t="shared" si="377"/>
        <v>16.349</v>
      </c>
      <c r="D1651" s="239">
        <v>0.55630000000000002</v>
      </c>
      <c r="E1651" s="239">
        <v>8.3999999999999995E-3</v>
      </c>
      <c r="F1651" s="239">
        <v>0.39529999999999998</v>
      </c>
      <c r="G1651">
        <f t="shared" si="378"/>
        <v>0.63536000000000004</v>
      </c>
      <c r="H1651" s="235">
        <f t="shared" si="379"/>
        <v>1.3220851170989674</v>
      </c>
      <c r="I1651" s="236">
        <f t="shared" si="380"/>
        <v>15.562715009497394</v>
      </c>
      <c r="J1651" s="237">
        <f t="shared" si="385"/>
        <v>5.5627150094973938</v>
      </c>
      <c r="K1651" s="237">
        <f t="shared" si="381"/>
        <v>254.4348276902729</v>
      </c>
      <c r="L1651" s="237">
        <f t="shared" si="386"/>
        <v>90.983766695339384</v>
      </c>
      <c r="M1651" s="236">
        <f t="shared" si="382"/>
        <v>4.1867377681258375</v>
      </c>
      <c r="N1651" s="236">
        <f t="shared" si="383"/>
        <v>2.2051574982737105</v>
      </c>
      <c r="O1651" s="236">
        <f t="shared" si="387"/>
        <v>3.2490237164768856</v>
      </c>
      <c r="P1651" s="236" t="str">
        <f t="shared" si="388"/>
        <v>CLAY</v>
      </c>
      <c r="Q1651" s="236">
        <f t="shared" si="384"/>
        <v>31.743764359143928</v>
      </c>
      <c r="R1651" s="238">
        <v>35</v>
      </c>
      <c r="S1651" s="236">
        <f t="shared" si="389"/>
        <v>1.4972168595511817</v>
      </c>
      <c r="T1651" s="236" t="e">
        <f t="shared" si="375"/>
        <v>#N/A</v>
      </c>
    </row>
    <row r="1652" spans="1:20" x14ac:dyDescent="0.2">
      <c r="A1652" s="53">
        <f t="shared" si="376"/>
        <v>1640</v>
      </c>
      <c r="B1652" s="239">
        <v>16.366</v>
      </c>
      <c r="C1652" s="3">
        <f t="shared" si="377"/>
        <v>16.358999999999998</v>
      </c>
      <c r="D1652" s="239">
        <v>0.56420000000000003</v>
      </c>
      <c r="E1652" s="239">
        <v>8.3999999999999995E-3</v>
      </c>
      <c r="F1652" s="239">
        <v>0.39340000000000003</v>
      </c>
      <c r="G1652">
        <f t="shared" si="378"/>
        <v>0.64288000000000001</v>
      </c>
      <c r="H1652" s="235">
        <f t="shared" si="379"/>
        <v>1.3066202090592334</v>
      </c>
      <c r="I1652" s="236">
        <f t="shared" si="380"/>
        <v>15.567314050310905</v>
      </c>
      <c r="J1652" s="237">
        <f t="shared" si="385"/>
        <v>5.5673140503109053</v>
      </c>
      <c r="K1652" s="237">
        <f t="shared" si="381"/>
        <v>254.66569054903607</v>
      </c>
      <c r="L1652" s="237">
        <f t="shared" si="386"/>
        <v>91.114661747388269</v>
      </c>
      <c r="M1652" s="236">
        <f t="shared" si="382"/>
        <v>4.2607227202058047</v>
      </c>
      <c r="N1652" s="236">
        <f t="shared" si="383"/>
        <v>2.1637533175631227</v>
      </c>
      <c r="O1652" s="236">
        <f t="shared" si="387"/>
        <v>3.2383956548467716</v>
      </c>
      <c r="P1652" s="236" t="str">
        <f t="shared" si="388"/>
        <v>CLAY</v>
      </c>
      <c r="Q1652" s="236">
        <f t="shared" si="384"/>
        <v>32.351192454246991</v>
      </c>
      <c r="R1652" s="238">
        <v>35</v>
      </c>
      <c r="S1652" s="236">
        <f t="shared" si="389"/>
        <v>1.5303617372479055</v>
      </c>
      <c r="T1652" s="236" t="e">
        <f t="shared" si="375"/>
        <v>#N/A</v>
      </c>
    </row>
    <row r="1653" spans="1:20" x14ac:dyDescent="0.2">
      <c r="A1653" s="53">
        <f t="shared" si="376"/>
        <v>1641</v>
      </c>
      <c r="B1653" s="239">
        <v>16.376000000000001</v>
      </c>
      <c r="C1653" s="3">
        <f t="shared" si="377"/>
        <v>16.369</v>
      </c>
      <c r="D1653" s="239">
        <v>0.56440000000000001</v>
      </c>
      <c r="E1653" s="239">
        <v>8.5000000000000006E-3</v>
      </c>
      <c r="F1653" s="239">
        <v>0.38819999999999999</v>
      </c>
      <c r="G1653">
        <f t="shared" si="378"/>
        <v>0.64203999999999994</v>
      </c>
      <c r="H1653" s="235">
        <f t="shared" si="379"/>
        <v>1.3239050526446952</v>
      </c>
      <c r="I1653" s="236">
        <f t="shared" si="380"/>
        <v>15.580680031276019</v>
      </c>
      <c r="J1653" s="237">
        <f t="shared" si="385"/>
        <v>5.5806800312760192</v>
      </c>
      <c r="K1653" s="237">
        <f t="shared" si="381"/>
        <v>255.04015143195716</v>
      </c>
      <c r="L1653" s="237">
        <f t="shared" si="386"/>
        <v>91.389216192176093</v>
      </c>
      <c r="M1653" s="236">
        <f t="shared" si="382"/>
        <v>4.2346336328593459</v>
      </c>
      <c r="N1653" s="236">
        <f t="shared" si="383"/>
        <v>2.196383288378863</v>
      </c>
      <c r="O1653" s="236">
        <f t="shared" si="387"/>
        <v>3.2438601139267225</v>
      </c>
      <c r="P1653" s="236" t="str">
        <f t="shared" si="388"/>
        <v>CLAY</v>
      </c>
      <c r="Q1653" s="236">
        <f t="shared" si="384"/>
        <v>32.249987380670234</v>
      </c>
      <c r="R1653" s="238">
        <v>35</v>
      </c>
      <c r="S1653" s="236">
        <f t="shared" si="389"/>
        <v>1.5186574039145599</v>
      </c>
      <c r="T1653" s="236" t="e">
        <f t="shared" si="375"/>
        <v>#N/A</v>
      </c>
    </row>
    <row r="1654" spans="1:20" x14ac:dyDescent="0.2">
      <c r="A1654" s="53">
        <f t="shared" si="376"/>
        <v>1642</v>
      </c>
      <c r="B1654" s="239">
        <v>16.385000000000002</v>
      </c>
      <c r="C1654" s="3">
        <f t="shared" si="377"/>
        <v>16.378</v>
      </c>
      <c r="D1654" s="239">
        <v>0.56850000000000001</v>
      </c>
      <c r="E1654" s="239">
        <v>8.3999999999999995E-3</v>
      </c>
      <c r="F1654" s="239">
        <v>0.37819999999999998</v>
      </c>
      <c r="G1654">
        <f t="shared" si="378"/>
        <v>0.64413999999999993</v>
      </c>
      <c r="H1654" s="235">
        <f t="shared" si="379"/>
        <v>1.3040643338404696</v>
      </c>
      <c r="I1654" s="236">
        <f t="shared" si="380"/>
        <v>15.568079368798298</v>
      </c>
      <c r="J1654" s="237">
        <f t="shared" si="385"/>
        <v>5.5680793687982977</v>
      </c>
      <c r="K1654" s="237">
        <f t="shared" si="381"/>
        <v>254.97400390217851</v>
      </c>
      <c r="L1654" s="237">
        <f t="shared" si="386"/>
        <v>91.232980457760121</v>
      </c>
      <c r="M1654" s="236">
        <f t="shared" si="382"/>
        <v>4.2656284399039341</v>
      </c>
      <c r="N1654" s="236">
        <f t="shared" si="383"/>
        <v>2.1584619633336519</v>
      </c>
      <c r="O1654" s="236">
        <f t="shared" si="387"/>
        <v>3.2374467167349952</v>
      </c>
      <c r="P1654" s="236" t="str">
        <f t="shared" si="388"/>
        <v>CLAY</v>
      </c>
      <c r="Q1654" s="236">
        <f t="shared" si="384"/>
        <v>32.430499674818456</v>
      </c>
      <c r="R1654" s="238">
        <v>35</v>
      </c>
      <c r="S1654" s="236">
        <f t="shared" si="389"/>
        <v>1.5325645929620937</v>
      </c>
      <c r="T1654" s="236" t="e">
        <f t="shared" si="375"/>
        <v>#N/A</v>
      </c>
    </row>
    <row r="1655" spans="1:20" x14ac:dyDescent="0.2">
      <c r="A1655" s="53">
        <f t="shared" si="376"/>
        <v>1643</v>
      </c>
      <c r="B1655" s="239">
        <v>16.395</v>
      </c>
      <c r="C1655" s="3">
        <f t="shared" si="377"/>
        <v>16.387999999999998</v>
      </c>
      <c r="D1655" s="239">
        <v>0.56200000000000006</v>
      </c>
      <c r="E1655" s="239">
        <v>8.6E-3</v>
      </c>
      <c r="F1655" s="239">
        <v>0.37330000000000002</v>
      </c>
      <c r="G1655">
        <f t="shared" si="378"/>
        <v>0.63666</v>
      </c>
      <c r="H1655" s="235">
        <f t="shared" si="379"/>
        <v>1.3507994848113591</v>
      </c>
      <c r="I1655" s="236">
        <f t="shared" si="380"/>
        <v>15.59110568116637</v>
      </c>
      <c r="J1655" s="237">
        <f t="shared" si="385"/>
        <v>5.5911056811663702</v>
      </c>
      <c r="K1655" s="237">
        <f t="shared" si="381"/>
        <v>255.50703990295443</v>
      </c>
      <c r="L1655" s="237">
        <f t="shared" si="386"/>
        <v>91.66617764272263</v>
      </c>
      <c r="M1655" s="236">
        <f t="shared" si="382"/>
        <v>4.1580544743844809</v>
      </c>
      <c r="N1655" s="236">
        <f t="shared" si="383"/>
        <v>2.256312006027803</v>
      </c>
      <c r="O1655" s="236">
        <f t="shared" si="387"/>
        <v>3.2564416369362248</v>
      </c>
      <c r="P1655" s="236" t="str">
        <f t="shared" si="388"/>
        <v>CLAY</v>
      </c>
      <c r="Q1655" s="236">
        <f t="shared" si="384"/>
        <v>31.762746674753796</v>
      </c>
      <c r="R1655" s="238">
        <v>35</v>
      </c>
      <c r="S1655" s="236">
        <f t="shared" si="389"/>
        <v>1.4844060886375965</v>
      </c>
      <c r="T1655" s="236" t="e">
        <f t="shared" si="375"/>
        <v>#N/A</v>
      </c>
    </row>
    <row r="1656" spans="1:20" x14ac:dyDescent="0.2">
      <c r="A1656" s="53">
        <f t="shared" si="376"/>
        <v>1644</v>
      </c>
      <c r="B1656" s="239">
        <v>16.405000000000001</v>
      </c>
      <c r="C1656" s="3">
        <f t="shared" si="377"/>
        <v>16.398</v>
      </c>
      <c r="D1656" s="239">
        <v>0.54239999999999999</v>
      </c>
      <c r="E1656" s="239">
        <v>8.9999999999999993E-3</v>
      </c>
      <c r="F1656" s="239">
        <v>0.36549999999999999</v>
      </c>
      <c r="G1656">
        <f t="shared" si="378"/>
        <v>0.61549999999999994</v>
      </c>
      <c r="H1656" s="235">
        <f t="shared" si="379"/>
        <v>1.4622258326563771</v>
      </c>
      <c r="I1656" s="236">
        <f t="shared" si="380"/>
        <v>15.631203081409266</v>
      </c>
      <c r="J1656" s="237">
        <f t="shared" si="385"/>
        <v>5.6312030814092662</v>
      </c>
      <c r="K1656" s="237">
        <f t="shared" si="381"/>
        <v>256.32046812894913</v>
      </c>
      <c r="L1656" s="237">
        <f t="shared" si="386"/>
        <v>92.379886550519018</v>
      </c>
      <c r="M1656" s="236">
        <f t="shared" si="382"/>
        <v>3.8880707184526497</v>
      </c>
      <c r="N1656" s="236">
        <f t="shared" si="383"/>
        <v>2.505710710495356</v>
      </c>
      <c r="O1656" s="236">
        <f t="shared" si="387"/>
        <v>3.3040685054760663</v>
      </c>
      <c r="P1656" s="236" t="str">
        <f t="shared" si="388"/>
        <v>CLAY</v>
      </c>
      <c r="Q1656" s="236">
        <f t="shared" si="384"/>
        <v>29.931627655920895</v>
      </c>
      <c r="R1656" s="238">
        <v>35</v>
      </c>
      <c r="S1656" s="236">
        <f t="shared" si="389"/>
        <v>1.3649215890248503</v>
      </c>
      <c r="T1656" s="236" t="e">
        <f t="shared" si="375"/>
        <v>#N/A</v>
      </c>
    </row>
    <row r="1657" spans="1:20" x14ac:dyDescent="0.2">
      <c r="A1657" s="53">
        <f t="shared" si="376"/>
        <v>1645</v>
      </c>
      <c r="B1657" s="239">
        <v>16.414999999999999</v>
      </c>
      <c r="C1657" s="3">
        <f t="shared" si="377"/>
        <v>16.407999999999998</v>
      </c>
      <c r="D1657" s="239">
        <v>0.5141</v>
      </c>
      <c r="E1657" s="239">
        <v>9.1000000000000004E-3</v>
      </c>
      <c r="F1657" s="239">
        <v>0.36709999999999998</v>
      </c>
      <c r="G1657">
        <f t="shared" si="378"/>
        <v>0.58752000000000004</v>
      </c>
      <c r="H1657" s="235">
        <f t="shared" si="379"/>
        <v>1.5488834422657951</v>
      </c>
      <c r="I1657" s="236">
        <f t="shared" si="380"/>
        <v>15.625975203316056</v>
      </c>
      <c r="J1657" s="237">
        <f t="shared" si="385"/>
        <v>5.6259752033160559</v>
      </c>
      <c r="K1657" s="237">
        <f t="shared" si="381"/>
        <v>256.39100113600983</v>
      </c>
      <c r="L1657" s="237">
        <f t="shared" si="386"/>
        <v>92.350382962433059</v>
      </c>
      <c r="M1657" s="236">
        <f t="shared" si="382"/>
        <v>3.5855725579252797</v>
      </c>
      <c r="N1657" s="236">
        <f t="shared" si="383"/>
        <v>2.7481736819244222</v>
      </c>
      <c r="O1657" s="236">
        <f t="shared" si="387"/>
        <v>3.3544338761100359</v>
      </c>
      <c r="P1657" s="236" t="str">
        <f t="shared" si="388"/>
        <v>CLAY</v>
      </c>
      <c r="Q1657" s="236">
        <f t="shared" si="384"/>
        <v>27.594083238665856</v>
      </c>
      <c r="R1657" s="238">
        <v>35</v>
      </c>
      <c r="S1657" s="236">
        <f t="shared" si="389"/>
        <v>1.2334971569975126</v>
      </c>
      <c r="T1657" s="236" t="e">
        <f t="shared" si="375"/>
        <v>#N/A</v>
      </c>
    </row>
    <row r="1658" spans="1:20" x14ac:dyDescent="0.2">
      <c r="A1658" s="53">
        <f t="shared" si="376"/>
        <v>1646</v>
      </c>
      <c r="B1658" s="239">
        <v>16.425000000000001</v>
      </c>
      <c r="C1658" s="3">
        <f t="shared" si="377"/>
        <v>16.417999999999999</v>
      </c>
      <c r="D1658" s="239">
        <v>0.48320000000000002</v>
      </c>
      <c r="E1658" s="239">
        <v>8.5000000000000006E-3</v>
      </c>
      <c r="F1658" s="239">
        <v>0.37740000000000001</v>
      </c>
      <c r="G1658">
        <f t="shared" si="378"/>
        <v>0.55868000000000007</v>
      </c>
      <c r="H1658" s="235">
        <f t="shared" si="379"/>
        <v>1.5214434023054342</v>
      </c>
      <c r="I1658" s="236">
        <f t="shared" si="380"/>
        <v>15.526320965837987</v>
      </c>
      <c r="J1658" s="237">
        <f t="shared" si="385"/>
        <v>5.5263209658379875</v>
      </c>
      <c r="K1658" s="237">
        <f t="shared" si="381"/>
        <v>254.91113761712808</v>
      </c>
      <c r="L1658" s="237">
        <f t="shared" si="386"/>
        <v>90.76982186388895</v>
      </c>
      <c r="M1658" s="236">
        <f t="shared" si="382"/>
        <v>3.3465843178405605</v>
      </c>
      <c r="N1658" s="236">
        <f t="shared" si="383"/>
        <v>2.7981801470114314</v>
      </c>
      <c r="O1658" s="236">
        <f t="shared" si="387"/>
        <v>3.384352999650083</v>
      </c>
      <c r="P1658" s="236" t="str">
        <f t="shared" si="388"/>
        <v>CLAY</v>
      </c>
      <c r="Q1658" s="236">
        <f t="shared" si="384"/>
        <v>25.314071865239331</v>
      </c>
      <c r="R1658" s="238">
        <v>35</v>
      </c>
      <c r="S1658" s="236">
        <f t="shared" si="389"/>
        <v>1.1315981354326199</v>
      </c>
      <c r="T1658" s="236" t="e">
        <f t="shared" si="375"/>
        <v>#N/A</v>
      </c>
    </row>
    <row r="1659" spans="1:20" x14ac:dyDescent="0.2">
      <c r="A1659" s="53">
        <f t="shared" si="376"/>
        <v>1647</v>
      </c>
      <c r="B1659" s="239">
        <v>16.434999999999999</v>
      </c>
      <c r="C1659" s="3">
        <f t="shared" si="377"/>
        <v>16.427999999999997</v>
      </c>
      <c r="D1659" s="239">
        <v>0.4879</v>
      </c>
      <c r="E1659" s="239">
        <v>8.5000000000000006E-3</v>
      </c>
      <c r="F1659" s="239">
        <v>0.38679999999999998</v>
      </c>
      <c r="G1659">
        <f t="shared" si="378"/>
        <v>0.56525999999999998</v>
      </c>
      <c r="H1659" s="235">
        <f t="shared" si="379"/>
        <v>1.503732795527722</v>
      </c>
      <c r="I1659" s="236">
        <f t="shared" si="380"/>
        <v>15.530897582571075</v>
      </c>
      <c r="J1659" s="237">
        <f t="shared" si="385"/>
        <v>5.5308975825710753</v>
      </c>
      <c r="K1659" s="237">
        <f t="shared" si="381"/>
        <v>255.1415854864776</v>
      </c>
      <c r="L1659" s="237">
        <f t="shared" si="386"/>
        <v>90.900301769555611</v>
      </c>
      <c r="M1659" s="236">
        <f t="shared" si="382"/>
        <v>3.4116323980938361</v>
      </c>
      <c r="N1659" s="236">
        <f t="shared" si="383"/>
        <v>2.7408885129681217</v>
      </c>
      <c r="O1659" s="236">
        <f t="shared" si="387"/>
        <v>3.3726539490083596</v>
      </c>
      <c r="P1659" s="236" t="str">
        <f t="shared" si="388"/>
        <v>CLAY</v>
      </c>
      <c r="Q1659" s="236">
        <f t="shared" si="384"/>
        <v>25.843201209460201</v>
      </c>
      <c r="R1659" s="238">
        <v>35</v>
      </c>
      <c r="S1659" s="236">
        <f t="shared" si="389"/>
        <v>1.1591584251012421</v>
      </c>
      <c r="T1659" s="236" t="e">
        <f t="shared" si="375"/>
        <v>#N/A</v>
      </c>
    </row>
    <row r="1660" spans="1:20" x14ac:dyDescent="0.2">
      <c r="A1660" s="53">
        <f t="shared" si="376"/>
        <v>1648</v>
      </c>
      <c r="B1660" s="239">
        <v>16.443999999999999</v>
      </c>
      <c r="C1660" s="3">
        <f t="shared" si="377"/>
        <v>16.436999999999998</v>
      </c>
      <c r="D1660" s="239">
        <v>0.50309999999999999</v>
      </c>
      <c r="E1660" s="239">
        <v>8.3000000000000001E-3</v>
      </c>
      <c r="F1660" s="239">
        <v>0.3911</v>
      </c>
      <c r="G1660">
        <f t="shared" si="378"/>
        <v>0.58131999999999995</v>
      </c>
      <c r="H1660" s="235">
        <f t="shared" si="379"/>
        <v>1.427785040941306</v>
      </c>
      <c r="I1660" s="236">
        <f t="shared" si="380"/>
        <v>15.513927642189923</v>
      </c>
      <c r="J1660" s="237">
        <f t="shared" si="385"/>
        <v>5.5139276421899233</v>
      </c>
      <c r="K1660" s="237">
        <f t="shared" si="381"/>
        <v>255.00242865467573</v>
      </c>
      <c r="L1660" s="237">
        <f t="shared" si="386"/>
        <v>90.671026148171094</v>
      </c>
      <c r="M1660" s="236">
        <f t="shared" si="382"/>
        <v>3.5989178154007941</v>
      </c>
      <c r="N1660" s="236">
        <f t="shared" si="383"/>
        <v>2.5435344979374586</v>
      </c>
      <c r="O1660" s="236">
        <f t="shared" si="387"/>
        <v>3.3365313609352993</v>
      </c>
      <c r="P1660" s="236" t="str">
        <f t="shared" si="388"/>
        <v>CLAY</v>
      </c>
      <c r="Q1660" s="236">
        <f t="shared" si="384"/>
        <v>27.193130945443684</v>
      </c>
      <c r="R1660" s="238">
        <v>35</v>
      </c>
      <c r="S1660" s="236">
        <f t="shared" si="389"/>
        <v>1.2392385651938993</v>
      </c>
      <c r="T1660" s="236" t="e">
        <f t="shared" si="375"/>
        <v>#N/A</v>
      </c>
    </row>
    <row r="1661" spans="1:20" x14ac:dyDescent="0.2">
      <c r="A1661" s="53">
        <f t="shared" si="376"/>
        <v>1649</v>
      </c>
      <c r="B1661" s="239">
        <v>16.454999999999998</v>
      </c>
      <c r="C1661" s="3">
        <f t="shared" si="377"/>
        <v>16.447999999999997</v>
      </c>
      <c r="D1661" s="239">
        <v>0.51180000000000003</v>
      </c>
      <c r="E1661" s="239">
        <v>8.3999999999999995E-3</v>
      </c>
      <c r="F1661" s="239">
        <v>0.39429999999999998</v>
      </c>
      <c r="G1661">
        <f t="shared" si="378"/>
        <v>0.59065999999999996</v>
      </c>
      <c r="H1661" s="235">
        <f t="shared" si="379"/>
        <v>1.4221379473808959</v>
      </c>
      <c r="I1661" s="236">
        <f t="shared" si="380"/>
        <v>15.534200931703674</v>
      </c>
      <c r="J1661" s="237">
        <f t="shared" si="385"/>
        <v>5.5342009317036744</v>
      </c>
      <c r="K1661" s="237">
        <f t="shared" si="381"/>
        <v>255.50653692466199</v>
      </c>
      <c r="L1661" s="237">
        <f t="shared" si="386"/>
        <v>91.065276331183952</v>
      </c>
      <c r="M1661" s="236">
        <f t="shared" si="382"/>
        <v>3.680365080719243</v>
      </c>
      <c r="N1661" s="236">
        <f t="shared" si="383"/>
        <v>2.5063145470502848</v>
      </c>
      <c r="O1661" s="236">
        <f t="shared" si="387"/>
        <v>3.3249249388139916</v>
      </c>
      <c r="P1661" s="236" t="str">
        <f t="shared" si="388"/>
        <v>CLAY</v>
      </c>
      <c r="Q1661" s="236">
        <f t="shared" si="384"/>
        <v>27.929455256278164</v>
      </c>
      <c r="R1661" s="238">
        <v>35</v>
      </c>
      <c r="S1661" s="236">
        <f t="shared" si="389"/>
        <v>1.2743937576703395</v>
      </c>
      <c r="T1661" s="236" t="e">
        <f t="shared" si="375"/>
        <v>#N/A</v>
      </c>
    </row>
    <row r="1662" spans="1:20" x14ac:dyDescent="0.2">
      <c r="A1662" s="53">
        <f t="shared" si="376"/>
        <v>1650</v>
      </c>
      <c r="B1662" s="239">
        <v>16.465</v>
      </c>
      <c r="C1662" s="3">
        <f t="shared" si="377"/>
        <v>16.457999999999998</v>
      </c>
      <c r="D1662" s="239">
        <v>0.52359999999999995</v>
      </c>
      <c r="E1662" s="239">
        <v>8.3000000000000001E-3</v>
      </c>
      <c r="F1662" s="239">
        <v>0.39369999999999999</v>
      </c>
      <c r="G1662">
        <f t="shared" si="378"/>
        <v>0.60233999999999988</v>
      </c>
      <c r="H1662" s="235">
        <f t="shared" si="379"/>
        <v>1.3779592920941663</v>
      </c>
      <c r="I1662" s="236">
        <f t="shared" si="380"/>
        <v>15.527811437952103</v>
      </c>
      <c r="J1662" s="237">
        <f t="shared" si="385"/>
        <v>5.5278114379521028</v>
      </c>
      <c r="K1662" s="237">
        <f t="shared" si="381"/>
        <v>255.55672064581569</v>
      </c>
      <c r="L1662" s="237">
        <f t="shared" si="386"/>
        <v>91.015415325881378</v>
      </c>
      <c r="M1662" s="236">
        <f t="shared" si="382"/>
        <v>3.8101598296565928</v>
      </c>
      <c r="N1662" s="236">
        <f t="shared" si="383"/>
        <v>2.3934256621187506</v>
      </c>
      <c r="O1662" s="236">
        <f t="shared" si="387"/>
        <v>3.3020469420065379</v>
      </c>
      <c r="P1662" s="236" t="str">
        <f t="shared" si="388"/>
        <v>CLAY</v>
      </c>
      <c r="Q1662" s="236">
        <f t="shared" si="384"/>
        <v>28.898606612848685</v>
      </c>
      <c r="R1662" s="238">
        <v>35</v>
      </c>
      <c r="S1662" s="236">
        <f t="shared" si="389"/>
        <v>1.3308190260415875</v>
      </c>
      <c r="T1662" s="236" t="e">
        <f t="shared" si="375"/>
        <v>#N/A</v>
      </c>
    </row>
    <row r="1663" spans="1:20" x14ac:dyDescent="0.2">
      <c r="A1663" s="53">
        <f t="shared" si="376"/>
        <v>1651</v>
      </c>
      <c r="B1663" s="239">
        <v>16.475000000000001</v>
      </c>
      <c r="C1663" s="3">
        <f t="shared" si="377"/>
        <v>16.468</v>
      </c>
      <c r="D1663" s="239">
        <v>0.53269999999999995</v>
      </c>
      <c r="E1663" s="239">
        <v>8.0999999999999996E-3</v>
      </c>
      <c r="F1663" s="239">
        <v>0.3891</v>
      </c>
      <c r="G1663">
        <f t="shared" si="378"/>
        <v>0.61051999999999995</v>
      </c>
      <c r="H1663" s="235">
        <f t="shared" si="379"/>
        <v>1.3267378628054773</v>
      </c>
      <c r="I1663" s="236">
        <f t="shared" si="380"/>
        <v>15.504482511349224</v>
      </c>
      <c r="J1663" s="237">
        <f t="shared" si="385"/>
        <v>5.5044825113492237</v>
      </c>
      <c r="K1663" s="237">
        <f t="shared" si="381"/>
        <v>255.32781799689903</v>
      </c>
      <c r="L1663" s="237">
        <f t="shared" si="386"/>
        <v>90.686349374478468</v>
      </c>
      <c r="M1663" s="236">
        <f t="shared" si="382"/>
        <v>3.9167105573560708</v>
      </c>
      <c r="N1663" s="236">
        <f t="shared" si="383"/>
        <v>2.2804555985213897</v>
      </c>
      <c r="O1663" s="236">
        <f t="shared" si="387"/>
        <v>3.2814224131825083</v>
      </c>
      <c r="P1663" s="236" t="str">
        <f t="shared" si="388"/>
        <v>CLAY</v>
      </c>
      <c r="Q1663" s="236">
        <f t="shared" si="384"/>
        <v>29.599348500258412</v>
      </c>
      <c r="R1663" s="238">
        <v>35</v>
      </c>
      <c r="S1663" s="236">
        <f t="shared" si="389"/>
        <v>1.3775007911344237</v>
      </c>
      <c r="T1663" s="236" t="e">
        <f t="shared" si="375"/>
        <v>#N/A</v>
      </c>
    </row>
    <row r="1664" spans="1:20" x14ac:dyDescent="0.2">
      <c r="A1664" s="53">
        <f t="shared" si="376"/>
        <v>1652</v>
      </c>
      <c r="B1664" s="239">
        <v>16.484000000000002</v>
      </c>
      <c r="C1664" s="3">
        <f t="shared" si="377"/>
        <v>16.477</v>
      </c>
      <c r="D1664" s="239">
        <v>0.5262</v>
      </c>
      <c r="E1664" s="239">
        <v>8.0999999999999996E-3</v>
      </c>
      <c r="F1664" s="239">
        <v>0.38569999999999999</v>
      </c>
      <c r="G1664">
        <f t="shared" si="378"/>
        <v>0.60333999999999999</v>
      </c>
      <c r="H1664" s="235">
        <f t="shared" si="379"/>
        <v>1.3425266019160009</v>
      </c>
      <c r="I1664" s="236">
        <f t="shared" si="380"/>
        <v>15.499858512416198</v>
      </c>
      <c r="J1664" s="237">
        <f t="shared" si="385"/>
        <v>5.4998585124161981</v>
      </c>
      <c r="K1664" s="237">
        <f t="shared" si="381"/>
        <v>255.39116870908171</v>
      </c>
      <c r="L1664" s="237">
        <f t="shared" si="386"/>
        <v>90.659667718668615</v>
      </c>
      <c r="M1664" s="236">
        <f t="shared" si="382"/>
        <v>3.8379672024682345</v>
      </c>
      <c r="N1664" s="236">
        <f t="shared" si="383"/>
        <v>2.3279284974024326</v>
      </c>
      <c r="O1664" s="236">
        <f t="shared" si="387"/>
        <v>3.2934608196545478</v>
      </c>
      <c r="P1664" s="236" t="str">
        <f t="shared" si="388"/>
        <v>CLAY</v>
      </c>
      <c r="Q1664" s="236">
        <f t="shared" si="384"/>
        <v>28.995735940909857</v>
      </c>
      <c r="R1664" s="238">
        <v>35</v>
      </c>
      <c r="S1664" s="236">
        <f t="shared" si="389"/>
        <v>1.3429708389946664</v>
      </c>
      <c r="T1664" s="236" t="e">
        <f t="shared" si="375"/>
        <v>#N/A</v>
      </c>
    </row>
    <row r="1665" spans="1:21" x14ac:dyDescent="0.2">
      <c r="A1665" s="53">
        <f t="shared" si="376"/>
        <v>1653</v>
      </c>
      <c r="B1665" s="239">
        <v>16.495000000000001</v>
      </c>
      <c r="C1665" s="3">
        <f t="shared" si="377"/>
        <v>16.488</v>
      </c>
      <c r="D1665" s="239">
        <v>0.51300000000000001</v>
      </c>
      <c r="E1665" s="239">
        <v>8.3999999999999995E-3</v>
      </c>
      <c r="F1665" s="239">
        <v>0.38800000000000001</v>
      </c>
      <c r="G1665">
        <f t="shared" si="378"/>
        <v>0.59060000000000001</v>
      </c>
      <c r="H1665" s="235">
        <f t="shared" si="379"/>
        <v>1.4222824246528951</v>
      </c>
      <c r="I1665" s="236">
        <f t="shared" si="380"/>
        <v>15.534161225115719</v>
      </c>
      <c r="J1665" s="237">
        <f t="shared" si="385"/>
        <v>5.5341612251157191</v>
      </c>
      <c r="K1665" s="237">
        <f t="shared" si="381"/>
        <v>256.12725027970799</v>
      </c>
      <c r="L1665" s="237">
        <f t="shared" si="386"/>
        <v>91.285989408283797</v>
      </c>
      <c r="M1665" s="236">
        <f t="shared" si="382"/>
        <v>3.664009689639625</v>
      </c>
      <c r="N1665" s="236">
        <f t="shared" si="383"/>
        <v>2.511415356564811</v>
      </c>
      <c r="O1665" s="236">
        <f t="shared" si="387"/>
        <v>3.3270443727500232</v>
      </c>
      <c r="P1665" s="236" t="str">
        <f t="shared" si="388"/>
        <v>CLAY</v>
      </c>
      <c r="Q1665" s="236">
        <f t="shared" si="384"/>
        <v>27.87272914335767</v>
      </c>
      <c r="R1665" s="238">
        <v>35</v>
      </c>
      <c r="S1665" s="236">
        <f t="shared" si="389"/>
        <v>1.2673185026834954</v>
      </c>
      <c r="T1665" s="236" t="e">
        <f t="shared" si="375"/>
        <v>#N/A</v>
      </c>
    </row>
    <row r="1666" spans="1:21" x14ac:dyDescent="0.2">
      <c r="A1666" s="53">
        <f t="shared" si="376"/>
        <v>1654</v>
      </c>
      <c r="B1666" s="239">
        <v>16.504999999999999</v>
      </c>
      <c r="C1666" s="3">
        <f t="shared" si="377"/>
        <v>16.497999999999998</v>
      </c>
      <c r="D1666" s="239">
        <v>0.50749999999999995</v>
      </c>
      <c r="E1666" s="239">
        <v>8.6999999999999994E-3</v>
      </c>
      <c r="F1666" s="239">
        <v>0.3911</v>
      </c>
      <c r="G1666">
        <f t="shared" si="378"/>
        <v>0.58571999999999991</v>
      </c>
      <c r="H1666" s="235">
        <f t="shared" si="379"/>
        <v>1.4853513624257326</v>
      </c>
      <c r="I1666" s="236">
        <f t="shared" si="380"/>
        <v>15.572066084786487</v>
      </c>
      <c r="J1666" s="237">
        <f t="shared" si="385"/>
        <v>5.5720660847864867</v>
      </c>
      <c r="K1666" s="237">
        <f t="shared" si="381"/>
        <v>256.90794626680741</v>
      </c>
      <c r="L1666" s="237">
        <f t="shared" si="386"/>
        <v>91.966950729400963</v>
      </c>
      <c r="M1666" s="236">
        <f t="shared" si="382"/>
        <v>3.5753284318480119</v>
      </c>
      <c r="N1666" s="236">
        <f t="shared" si="383"/>
        <v>2.6458884037929549</v>
      </c>
      <c r="O1666" s="236">
        <f t="shared" si="387"/>
        <v>3.3474000506344317</v>
      </c>
      <c r="P1666" s="236" t="str">
        <f t="shared" si="388"/>
        <v>CLAY</v>
      </c>
      <c r="Q1666" s="236">
        <f t="shared" si="384"/>
        <v>27.40100447776604</v>
      </c>
      <c r="R1666" s="238">
        <v>35</v>
      </c>
      <c r="S1666" s="236">
        <f t="shared" si="389"/>
        <v>1.2290935421530491</v>
      </c>
      <c r="T1666" s="236" t="e">
        <f t="shared" si="375"/>
        <v>#N/A</v>
      </c>
    </row>
    <row r="1667" spans="1:21" x14ac:dyDescent="0.2">
      <c r="A1667" s="53">
        <f t="shared" si="376"/>
        <v>1655</v>
      </c>
      <c r="B1667" s="239">
        <v>16.515999999999998</v>
      </c>
      <c r="C1667" s="3">
        <f t="shared" si="377"/>
        <v>16.508999999999997</v>
      </c>
      <c r="D1667" s="239">
        <v>0.50800000000000001</v>
      </c>
      <c r="E1667" s="239">
        <v>8.6999999999999994E-3</v>
      </c>
      <c r="F1667" s="239">
        <v>0.39279999999999998</v>
      </c>
      <c r="G1667">
        <f t="shared" si="378"/>
        <v>0.58655999999999997</v>
      </c>
      <c r="H1667" s="235">
        <f t="shared" si="379"/>
        <v>1.4832242225859247</v>
      </c>
      <c r="I1667" s="236">
        <f t="shared" si="380"/>
        <v>15.572626235406668</v>
      </c>
      <c r="J1667" s="237">
        <f t="shared" si="385"/>
        <v>5.572626235406668</v>
      </c>
      <c r="K1667" s="237">
        <f t="shared" si="381"/>
        <v>257.08848652032862</v>
      </c>
      <c r="L1667" s="237">
        <f t="shared" si="386"/>
        <v>92.037494903976523</v>
      </c>
      <c r="M1667" s="236">
        <f t="shared" si="382"/>
        <v>3.5797531628105661</v>
      </c>
      <c r="N1667" s="236">
        <f t="shared" si="383"/>
        <v>2.6405924773635387</v>
      </c>
      <c r="O1667" s="236">
        <f t="shared" si="387"/>
        <v>3.346505083989614</v>
      </c>
      <c r="P1667" s="236" t="str">
        <f t="shared" si="388"/>
        <v>CLAY</v>
      </c>
      <c r="Q1667" s="236">
        <f t="shared" si="384"/>
        <v>27.455959456639278</v>
      </c>
      <c r="R1667" s="238">
        <v>35</v>
      </c>
      <c r="S1667" s="236">
        <f t="shared" si="389"/>
        <v>1.2309952028672209</v>
      </c>
      <c r="T1667" s="236" t="e">
        <f t="shared" si="375"/>
        <v>#N/A</v>
      </c>
    </row>
    <row r="1668" spans="1:21" x14ac:dyDescent="0.2">
      <c r="A1668" s="53">
        <f t="shared" si="376"/>
        <v>1656</v>
      </c>
      <c r="B1668" s="239">
        <v>16.524999999999999</v>
      </c>
      <c r="C1668" s="3">
        <f t="shared" si="377"/>
        <v>16.517999999999997</v>
      </c>
      <c r="D1668" s="239">
        <v>0.51439999999999997</v>
      </c>
      <c r="E1668" s="239">
        <v>8.5000000000000006E-3</v>
      </c>
      <c r="F1668" s="239">
        <v>0.38600000000000001</v>
      </c>
      <c r="G1668">
        <f t="shared" si="378"/>
        <v>0.5915999999999999</v>
      </c>
      <c r="H1668" s="235">
        <f t="shared" si="379"/>
        <v>1.4367816091954027</v>
      </c>
      <c r="I1668" s="236">
        <f t="shared" si="380"/>
        <v>15.548699502603448</v>
      </c>
      <c r="J1668" s="237">
        <f t="shared" si="385"/>
        <v>5.5486995026034478</v>
      </c>
      <c r="K1668" s="237">
        <f t="shared" si="381"/>
        <v>256.83341838400372</v>
      </c>
      <c r="L1668" s="237">
        <f t="shared" si="386"/>
        <v>91.692259280521967</v>
      </c>
      <c r="M1668" s="236">
        <f t="shared" si="382"/>
        <v>3.6509797472850591</v>
      </c>
      <c r="N1668" s="236">
        <f t="shared" si="383"/>
        <v>2.539082592703406</v>
      </c>
      <c r="O1668" s="236">
        <f t="shared" si="387"/>
        <v>3.3307143009089999</v>
      </c>
      <c r="P1668" s="236" t="str">
        <f t="shared" si="388"/>
        <v>CLAY</v>
      </c>
      <c r="Q1668" s="236">
        <f t="shared" si="384"/>
        <v>27.89721513466635</v>
      </c>
      <c r="R1668" s="238">
        <v>35</v>
      </c>
      <c r="S1668" s="236">
        <f t="shared" si="389"/>
        <v>1.2616874654381875</v>
      </c>
      <c r="T1668" s="236" t="e">
        <f t="shared" si="375"/>
        <v>#N/A</v>
      </c>
    </row>
    <row r="1669" spans="1:21" x14ac:dyDescent="0.2">
      <c r="A1669" s="53">
        <f t="shared" si="376"/>
        <v>1657</v>
      </c>
      <c r="B1669" s="239">
        <v>16.535</v>
      </c>
      <c r="C1669" s="3">
        <f t="shared" si="377"/>
        <v>16.527999999999999</v>
      </c>
      <c r="D1669" s="239">
        <v>0.51070000000000004</v>
      </c>
      <c r="E1669" s="239">
        <v>8.3999999999999995E-3</v>
      </c>
      <c r="F1669" s="239">
        <v>0.38100000000000001</v>
      </c>
      <c r="G1669">
        <f t="shared" si="378"/>
        <v>0.58689999999999998</v>
      </c>
      <c r="H1669" s="235">
        <f t="shared" si="379"/>
        <v>1.4312489350826376</v>
      </c>
      <c r="I1669" s="236">
        <f t="shared" si="380"/>
        <v>15.531704825311783</v>
      </c>
      <c r="J1669" s="237">
        <f t="shared" si="385"/>
        <v>5.5317048253117829</v>
      </c>
      <c r="K1669" s="237">
        <f t="shared" si="381"/>
        <v>256.70801735275313</v>
      </c>
      <c r="L1669" s="237">
        <f t="shared" si="386"/>
        <v>91.466739286530327</v>
      </c>
      <c r="M1669" s="236">
        <f t="shared" si="382"/>
        <v>3.6099677896342364</v>
      </c>
      <c r="N1669" s="236">
        <f t="shared" si="383"/>
        <v>2.5439745485807119</v>
      </c>
      <c r="O1669" s="236">
        <f t="shared" si="387"/>
        <v>3.335405314285294</v>
      </c>
      <c r="P1669" s="236" t="str">
        <f t="shared" si="388"/>
        <v>CLAY</v>
      </c>
      <c r="Q1669" s="236">
        <f t="shared" si="384"/>
        <v>27.515998553937237</v>
      </c>
      <c r="R1669" s="238">
        <v>35</v>
      </c>
      <c r="S1669" s="236">
        <f t="shared" si="389"/>
        <v>1.2439965252274916</v>
      </c>
      <c r="T1669" s="236" t="e">
        <f t="shared" si="375"/>
        <v>#N/A</v>
      </c>
      <c r="U1669" s="230"/>
    </row>
    <row r="1670" spans="1:21" x14ac:dyDescent="0.2">
      <c r="A1670" s="53">
        <f t="shared" si="376"/>
        <v>1658</v>
      </c>
      <c r="B1670" s="239">
        <v>16.545999999999999</v>
      </c>
      <c r="C1670" s="3">
        <f t="shared" si="377"/>
        <v>16.538999999999998</v>
      </c>
      <c r="D1670" s="239">
        <v>0.4914</v>
      </c>
      <c r="E1670" s="239">
        <v>8.6E-3</v>
      </c>
      <c r="F1670" s="239">
        <v>0.38850000000000001</v>
      </c>
      <c r="G1670">
        <f t="shared" si="378"/>
        <v>0.56909999999999994</v>
      </c>
      <c r="H1670" s="235">
        <f t="shared" si="379"/>
        <v>1.5111579687225445</v>
      </c>
      <c r="I1670" s="236">
        <f t="shared" si="380"/>
        <v>15.547258599787613</v>
      </c>
      <c r="J1670" s="237">
        <f t="shared" si="385"/>
        <v>5.5472585997876127</v>
      </c>
      <c r="K1670" s="237">
        <f t="shared" si="381"/>
        <v>257.13610998188727</v>
      </c>
      <c r="L1670" s="237">
        <f t="shared" si="386"/>
        <v>91.784940792085834</v>
      </c>
      <c r="M1670" s="236">
        <f t="shared" si="382"/>
        <v>3.398857016477062</v>
      </c>
      <c r="N1670" s="236">
        <f t="shared" si="383"/>
        <v>2.7567293123254371</v>
      </c>
      <c r="O1670" s="236">
        <f t="shared" si="387"/>
        <v>3.3753033939715724</v>
      </c>
      <c r="P1670" s="236" t="str">
        <f t="shared" si="388"/>
        <v>CLAY</v>
      </c>
      <c r="Q1670" s="236">
        <f t="shared" si="384"/>
        <v>25.99699083484272</v>
      </c>
      <c r="R1670" s="238">
        <v>35</v>
      </c>
      <c r="S1670" s="236">
        <f t="shared" si="389"/>
        <v>1.1537351587104987</v>
      </c>
      <c r="T1670" s="236" t="e">
        <f t="shared" si="375"/>
        <v>#N/A</v>
      </c>
    </row>
    <row r="1671" spans="1:21" x14ac:dyDescent="0.2">
      <c r="A1671" s="53">
        <f t="shared" si="376"/>
        <v>1659</v>
      </c>
      <c r="B1671" s="239">
        <v>16.555</v>
      </c>
      <c r="C1671" s="3">
        <f t="shared" si="377"/>
        <v>16.547999999999998</v>
      </c>
      <c r="D1671" s="239">
        <v>0.48199999999999998</v>
      </c>
      <c r="E1671" s="239">
        <v>8.6E-3</v>
      </c>
      <c r="F1671" s="239">
        <v>0.38690000000000002</v>
      </c>
      <c r="G1671">
        <f t="shared" si="378"/>
        <v>0.55937999999999999</v>
      </c>
      <c r="H1671" s="235">
        <f t="shared" si="379"/>
        <v>1.5374164253280418</v>
      </c>
      <c r="I1671" s="236">
        <f t="shared" si="380"/>
        <v>15.540525113884158</v>
      </c>
      <c r="J1671" s="237">
        <f t="shared" si="385"/>
        <v>5.5405251138841578</v>
      </c>
      <c r="K1671" s="237">
        <f t="shared" si="381"/>
        <v>257.16460958455502</v>
      </c>
      <c r="L1671" s="237">
        <f t="shared" si="386"/>
        <v>91.723393260352225</v>
      </c>
      <c r="M1671" s="236">
        <f t="shared" si="382"/>
        <v>3.2948561939659364</v>
      </c>
      <c r="N1671" s="236">
        <f t="shared" si="383"/>
        <v>2.8456525619618112</v>
      </c>
      <c r="O1671" s="236">
        <f t="shared" si="387"/>
        <v>3.3938406693741285</v>
      </c>
      <c r="P1671" s="236" t="str">
        <f t="shared" si="388"/>
        <v>CLAY</v>
      </c>
      <c r="Q1671" s="236">
        <f t="shared" si="384"/>
        <v>25.184615867953749</v>
      </c>
      <c r="R1671" s="238">
        <v>35</v>
      </c>
      <c r="S1671" s="236">
        <f t="shared" si="389"/>
        <v>1.1097766656813712</v>
      </c>
      <c r="T1671" s="236" t="e">
        <f t="shared" si="375"/>
        <v>#N/A</v>
      </c>
      <c r="U1671" s="230"/>
    </row>
    <row r="1672" spans="1:21" x14ac:dyDescent="0.2">
      <c r="A1672" s="53">
        <f t="shared" si="376"/>
        <v>1660</v>
      </c>
      <c r="B1672" s="239">
        <v>16.564</v>
      </c>
      <c r="C1672" s="3">
        <f t="shared" si="377"/>
        <v>16.556999999999999</v>
      </c>
      <c r="D1672" s="239">
        <v>0.50360000000000005</v>
      </c>
      <c r="E1672" s="239">
        <v>8.8999999999999999E-3</v>
      </c>
      <c r="F1672" s="239">
        <v>0.39240000000000003</v>
      </c>
      <c r="G1672">
        <f t="shared" si="378"/>
        <v>0.58208000000000004</v>
      </c>
      <c r="H1672" s="235">
        <f t="shared" si="379"/>
        <v>1.5289994502473885</v>
      </c>
      <c r="I1672" s="236">
        <f t="shared" si="380"/>
        <v>15.596280481968803</v>
      </c>
      <c r="J1672" s="237">
        <f t="shared" si="385"/>
        <v>5.5962804819688028</v>
      </c>
      <c r="K1672" s="237">
        <f t="shared" si="381"/>
        <v>258.22761593995745</v>
      </c>
      <c r="L1672" s="237">
        <f t="shared" si="386"/>
        <v>92.696789903331251</v>
      </c>
      <c r="M1672" s="236">
        <f t="shared" si="382"/>
        <v>3.4936742081119716</v>
      </c>
      <c r="N1672" s="236">
        <f t="shared" si="383"/>
        <v>2.7481656575824158</v>
      </c>
      <c r="O1672" s="236">
        <f t="shared" si="387"/>
        <v>3.3642382881421788</v>
      </c>
      <c r="P1672" s="236" t="str">
        <f t="shared" si="388"/>
        <v>CLAY</v>
      </c>
      <c r="Q1672" s="236">
        <f t="shared" si="384"/>
        <v>26.987698671670216</v>
      </c>
      <c r="R1672" s="238">
        <v>35</v>
      </c>
      <c r="S1672" s="236">
        <f t="shared" si="389"/>
        <v>1.1941063651381054</v>
      </c>
      <c r="T1672" s="236" t="e">
        <f t="shared" si="375"/>
        <v>#N/A</v>
      </c>
    </row>
    <row r="1673" spans="1:21" x14ac:dyDescent="0.2">
      <c r="A1673" s="53">
        <f t="shared" si="376"/>
        <v>1661</v>
      </c>
      <c r="B1673" s="239">
        <v>16.574999999999999</v>
      </c>
      <c r="C1673" s="3">
        <f t="shared" si="377"/>
        <v>16.567999999999998</v>
      </c>
      <c r="D1673" s="239">
        <v>0.59370000000000001</v>
      </c>
      <c r="E1673" s="239">
        <v>9.2999999999999992E-3</v>
      </c>
      <c r="F1673" s="239">
        <v>0.40039999999999998</v>
      </c>
      <c r="G1673">
        <f t="shared" si="378"/>
        <v>0.67378000000000005</v>
      </c>
      <c r="H1673" s="235">
        <f t="shared" si="379"/>
        <v>1.3802724925049719</v>
      </c>
      <c r="I1673" s="236">
        <f t="shared" si="380"/>
        <v>15.705013319474887</v>
      </c>
      <c r="J1673" s="237">
        <f t="shared" si="385"/>
        <v>5.7050133194748867</v>
      </c>
      <c r="K1673" s="237">
        <f t="shared" si="381"/>
        <v>260.20066067705989</v>
      </c>
      <c r="L1673" s="237">
        <f t="shared" si="386"/>
        <v>94.560595770296246</v>
      </c>
      <c r="M1673" s="236">
        <f t="shared" si="382"/>
        <v>4.3736964213676774</v>
      </c>
      <c r="N1673" s="236">
        <f t="shared" si="383"/>
        <v>2.248661651044944</v>
      </c>
      <c r="O1673" s="236">
        <f t="shared" si="387"/>
        <v>3.2365170882651633</v>
      </c>
      <c r="P1673" s="236" t="str">
        <f t="shared" si="388"/>
        <v>CLAY</v>
      </c>
      <c r="Q1673" s="236">
        <f t="shared" si="384"/>
        <v>34.464944943578352</v>
      </c>
      <c r="R1673" s="238">
        <v>35</v>
      </c>
      <c r="S1673" s="236">
        <f t="shared" si="389"/>
        <v>1.5812509623674598</v>
      </c>
      <c r="T1673" s="236" t="e">
        <f t="shared" si="375"/>
        <v>#N/A</v>
      </c>
    </row>
    <row r="1674" spans="1:21" x14ac:dyDescent="0.2">
      <c r="A1674" s="53">
        <f t="shared" si="376"/>
        <v>1662</v>
      </c>
      <c r="B1674" s="239">
        <v>16.584</v>
      </c>
      <c r="C1674" s="3">
        <f t="shared" si="377"/>
        <v>16.576999999999998</v>
      </c>
      <c r="D1674" s="239">
        <v>0.69220000000000004</v>
      </c>
      <c r="E1674" s="239">
        <v>9.1999999999999998E-3</v>
      </c>
      <c r="F1674" s="239">
        <v>0.40539999999999998</v>
      </c>
      <c r="G1674">
        <f t="shared" si="378"/>
        <v>0.77327999999999997</v>
      </c>
      <c r="H1674" s="235">
        <f t="shared" si="379"/>
        <v>1.1897372232567764</v>
      </c>
      <c r="I1674" s="236">
        <f t="shared" si="380"/>
        <v>15.746173288230811</v>
      </c>
      <c r="J1674" s="237">
        <f t="shared" si="385"/>
        <v>5.7461732882308105</v>
      </c>
      <c r="K1674" s="237">
        <f t="shared" si="381"/>
        <v>261.02431459900214</v>
      </c>
      <c r="L1674" s="237">
        <f t="shared" si="386"/>
        <v>95.294537812019755</v>
      </c>
      <c r="M1674" s="236">
        <f t="shared" si="382"/>
        <v>5.3754989232592267</v>
      </c>
      <c r="N1674" s="236">
        <f t="shared" si="383"/>
        <v>1.7959781144836224</v>
      </c>
      <c r="O1674" s="236">
        <f t="shared" si="387"/>
        <v>3.1110880447567593</v>
      </c>
      <c r="P1674" s="236" t="str">
        <f t="shared" si="388"/>
        <v>CLAY</v>
      </c>
      <c r="Q1674" s="236">
        <f t="shared" si="384"/>
        <v>42.687973783416489</v>
      </c>
      <c r="R1674" s="238">
        <v>35</v>
      </c>
      <c r="S1674" s="236">
        <f t="shared" si="389"/>
        <v>2.046272570209323</v>
      </c>
      <c r="T1674" s="236" t="e">
        <f t="shared" si="375"/>
        <v>#N/A</v>
      </c>
    </row>
    <row r="1675" spans="1:21" x14ac:dyDescent="0.2">
      <c r="A1675" s="53">
        <f t="shared" si="376"/>
        <v>1663</v>
      </c>
      <c r="B1675" s="239">
        <v>16.594999999999999</v>
      </c>
      <c r="C1675" s="3">
        <f t="shared" si="377"/>
        <v>16.587999999999997</v>
      </c>
      <c r="D1675" s="239">
        <v>0.75880000000000003</v>
      </c>
      <c r="E1675" s="239">
        <v>9.1000000000000004E-3</v>
      </c>
      <c r="F1675" s="239">
        <v>0.40760000000000002</v>
      </c>
      <c r="G1675">
        <f t="shared" si="378"/>
        <v>0.84031999999999996</v>
      </c>
      <c r="H1675" s="235">
        <f t="shared" si="379"/>
        <v>1.0829207920792081</v>
      </c>
      <c r="I1675" s="236">
        <f t="shared" si="380"/>
        <v>15.765855043715469</v>
      </c>
      <c r="J1675" s="237">
        <f t="shared" si="385"/>
        <v>5.7658550437154688</v>
      </c>
      <c r="K1675" s="237">
        <f t="shared" si="381"/>
        <v>261.52400346515213</v>
      </c>
      <c r="L1675" s="237">
        <f t="shared" si="386"/>
        <v>95.684364450458204</v>
      </c>
      <c r="M1675" s="236">
        <f t="shared" si="382"/>
        <v>6.0490133352406463</v>
      </c>
      <c r="N1675" s="236">
        <f t="shared" si="383"/>
        <v>1.5722292577143133</v>
      </c>
      <c r="O1675" s="236">
        <f t="shared" si="387"/>
        <v>3.0386768868928931</v>
      </c>
      <c r="P1675" s="236" t="str">
        <f t="shared" si="388"/>
        <v>CLAY</v>
      </c>
      <c r="Q1675" s="236">
        <f t="shared" si="384"/>
        <v>48.232999711237312</v>
      </c>
      <c r="R1675" s="238">
        <v>35</v>
      </c>
      <c r="S1675" s="236">
        <f t="shared" si="389"/>
        <v>2.3716231780030541</v>
      </c>
      <c r="T1675" s="236" t="e">
        <f t="shared" si="375"/>
        <v>#N/A</v>
      </c>
    </row>
    <row r="1676" spans="1:21" x14ac:dyDescent="0.2">
      <c r="A1676" s="53">
        <f t="shared" si="376"/>
        <v>1664</v>
      </c>
      <c r="B1676" s="239">
        <v>16.603999999999999</v>
      </c>
      <c r="C1676" s="3">
        <f t="shared" si="377"/>
        <v>16.596999999999998</v>
      </c>
      <c r="D1676" s="239">
        <v>0.84189999999999998</v>
      </c>
      <c r="E1676" s="239">
        <v>8.5000000000000006E-3</v>
      </c>
      <c r="F1676" s="239">
        <v>0.39300000000000002</v>
      </c>
      <c r="G1676">
        <f t="shared" si="378"/>
        <v>0.92049999999999998</v>
      </c>
      <c r="H1676" s="235">
        <f t="shared" si="379"/>
        <v>0.92341118957088542</v>
      </c>
      <c r="I1676" s="236">
        <f t="shared" si="380"/>
        <v>15.721495567367107</v>
      </c>
      <c r="J1676" s="237">
        <f t="shared" si="385"/>
        <v>5.7214955673671071</v>
      </c>
      <c r="K1676" s="237">
        <f t="shared" si="381"/>
        <v>260.92966193159185</v>
      </c>
      <c r="L1676" s="237">
        <f t="shared" si="386"/>
        <v>94.999712400563439</v>
      </c>
      <c r="M1676" s="236">
        <f t="shared" si="382"/>
        <v>6.9428666824521486</v>
      </c>
      <c r="N1676" s="236">
        <f t="shared" si="383"/>
        <v>1.2887177469036537</v>
      </c>
      <c r="O1676" s="236">
        <f t="shared" si="387"/>
        <v>2.9458662462479897</v>
      </c>
      <c r="P1676" s="236" t="str">
        <f t="shared" si="388"/>
        <v>CLAY</v>
      </c>
      <c r="Q1676" s="236">
        <f t="shared" si="384"/>
        <v>54.964194839034008</v>
      </c>
      <c r="R1676" s="238">
        <v>35</v>
      </c>
      <c r="S1676" s="236">
        <f t="shared" si="389"/>
        <v>2.8174975115308074</v>
      </c>
      <c r="T1676" s="236" t="e">
        <f t="shared" si="375"/>
        <v>#N/A</v>
      </c>
    </row>
    <row r="1677" spans="1:21" x14ac:dyDescent="0.2">
      <c r="A1677" s="53">
        <f t="shared" si="376"/>
        <v>1665</v>
      </c>
      <c r="B1677" s="239">
        <v>16.614000000000001</v>
      </c>
      <c r="C1677" s="3">
        <f t="shared" si="377"/>
        <v>16.606999999999999</v>
      </c>
      <c r="D1677" s="239">
        <v>0.85419999999999996</v>
      </c>
      <c r="E1677" s="239">
        <v>7.6E-3</v>
      </c>
      <c r="F1677" s="239">
        <v>0.35560000000000003</v>
      </c>
      <c r="G1677">
        <f t="shared" si="378"/>
        <v>0.92531999999999992</v>
      </c>
      <c r="H1677" s="235">
        <f t="shared" si="379"/>
        <v>0.82133748324903832</v>
      </c>
      <c r="I1677" s="236">
        <f t="shared" si="380"/>
        <v>15.592302507795882</v>
      </c>
      <c r="J1677" s="237">
        <f t="shared" si="385"/>
        <v>5.5923025077958819</v>
      </c>
      <c r="K1677" s="237">
        <f t="shared" si="381"/>
        <v>258.94136774696619</v>
      </c>
      <c r="L1677" s="237">
        <f t="shared" si="386"/>
        <v>92.91051386452078</v>
      </c>
      <c r="M1677" s="236">
        <f t="shared" si="382"/>
        <v>7.172262906916286</v>
      </c>
      <c r="N1677" s="236">
        <f t="shared" si="383"/>
        <v>1.1404927517415007</v>
      </c>
      <c r="O1677" s="236">
        <f t="shared" si="387"/>
        <v>2.9095977092801135</v>
      </c>
      <c r="P1677" s="236" t="str">
        <f t="shared" si="388"/>
        <v>CLAY</v>
      </c>
      <c r="Q1677" s="236">
        <f t="shared" si="384"/>
        <v>55.531552687752814</v>
      </c>
      <c r="R1677" s="238">
        <v>35</v>
      </c>
      <c r="S1677" s="236">
        <f t="shared" si="389"/>
        <v>2.9343388224954929</v>
      </c>
      <c r="T1677" s="236" t="e">
        <f t="shared" ref="T1677:T1740" si="390">IF(P1677="SAND",17.6+(11*LOG(M1677)),#N/A)</f>
        <v>#N/A</v>
      </c>
    </row>
    <row r="1678" spans="1:21" x14ac:dyDescent="0.2">
      <c r="A1678" s="53">
        <f t="shared" ref="A1678:A1741" si="391">$A1677+1</f>
        <v>1666</v>
      </c>
      <c r="B1678" s="239">
        <v>16.623999999999999</v>
      </c>
      <c r="C1678" s="3">
        <f t="shared" ref="C1678:C1741" si="392">MAX($B1678 - $B$13, 0.001)</f>
        <v>16.616999999999997</v>
      </c>
      <c r="D1678" s="239">
        <v>0.81569999999999998</v>
      </c>
      <c r="E1678" s="239">
        <v>6.0000000000000001E-3</v>
      </c>
      <c r="F1678" s="239">
        <v>0.27529999999999999</v>
      </c>
      <c r="G1678">
        <f t="shared" si="378"/>
        <v>0.87075999999999998</v>
      </c>
      <c r="H1678" s="235">
        <f t="shared" si="379"/>
        <v>0.68905324084707609</v>
      </c>
      <c r="I1678" s="236">
        <f t="shared" si="380"/>
        <v>15.29136005404165</v>
      </c>
      <c r="J1678" s="237">
        <f t="shared" si="385"/>
        <v>5.2913600540416503</v>
      </c>
      <c r="K1678" s="237">
        <f t="shared" si="381"/>
        <v>254.09653001801007</v>
      </c>
      <c r="L1678" s="237">
        <f t="shared" si="386"/>
        <v>87.963569538388384</v>
      </c>
      <c r="M1678" s="236">
        <f t="shared" si="382"/>
        <v>7.0104416318947855</v>
      </c>
      <c r="N1678" s="236">
        <f t="shared" si="383"/>
        <v>0.97297801670905426</v>
      </c>
      <c r="O1678" s="236">
        <f t="shared" si="387"/>
        <v>2.8889834282239124</v>
      </c>
      <c r="P1678" s="236" t="str">
        <f t="shared" si="388"/>
        <v>CLAY</v>
      </c>
      <c r="Q1678" s="236">
        <f t="shared" si="384"/>
        <v>51.38862249849916</v>
      </c>
      <c r="R1678" s="238">
        <v>35</v>
      </c>
      <c r="S1678" s="236">
        <f t="shared" si="389"/>
        <v>2.8518175077663548</v>
      </c>
      <c r="T1678" s="236" t="e">
        <f t="shared" si="390"/>
        <v>#N/A</v>
      </c>
    </row>
    <row r="1679" spans="1:21" x14ac:dyDescent="0.2">
      <c r="A1679" s="53">
        <f t="shared" si="391"/>
        <v>1667</v>
      </c>
      <c r="B1679" s="239">
        <v>16.635000000000002</v>
      </c>
      <c r="C1679" s="3">
        <f t="shared" si="392"/>
        <v>16.628</v>
      </c>
      <c r="D1679" s="239">
        <v>0.75800000000000001</v>
      </c>
      <c r="E1679" s="239">
        <v>5.8999999999999999E-3</v>
      </c>
      <c r="F1679" s="239">
        <v>0.26679999999999998</v>
      </c>
      <c r="G1679">
        <f t="shared" ref="G1679:G1742" si="393">$D1679+($F1679*(1-$P$8))</f>
        <v>0.81135999999999997</v>
      </c>
      <c r="H1679" s="235">
        <f t="shared" ref="H1679:H1742" si="394">($E1679/$G1679)*100</f>
        <v>0.72717412739104714</v>
      </c>
      <c r="I1679" s="236">
        <f t="shared" ref="I1679:I1742" si="395">((0.27*(LOG($H1679)))+(0.36*(LOG(($G1679*1000)/101)))+1.236)*10</f>
        <v>15.244035719699694</v>
      </c>
      <c r="J1679" s="237">
        <f t="shared" si="385"/>
        <v>5.2440357196996938</v>
      </c>
      <c r="K1679" s="237">
        <f t="shared" ref="K1679:K1742" si="396">$I1679*$C1679</f>
        <v>253.47782594716651</v>
      </c>
      <c r="L1679" s="237">
        <f t="shared" si="386"/>
        <v>87.234534197204411</v>
      </c>
      <c r="M1679" s="236">
        <f t="shared" ref="M1679:M1742" si="397">(($G1679*1000)-$K1679)/$L1679</f>
        <v>6.3951986353440278</v>
      </c>
      <c r="N1679" s="236">
        <f t="shared" ref="N1679:N1742" si="398">(($E1679*1000)/(($G1679*1000)-$K1679))*100</f>
        <v>1.0575709844138608</v>
      </c>
      <c r="O1679" s="236">
        <f t="shared" si="387"/>
        <v>2.9404047178004324</v>
      </c>
      <c r="P1679" s="236" t="str">
        <f t="shared" si="388"/>
        <v>CLAY</v>
      </c>
      <c r="Q1679" s="236">
        <f t="shared" ref="Q1679:Q1742" si="399">IF(P1679="CLAY",($G1679*1000 -$K1679)/$L$8,#N/A)</f>
        <v>46.490181171069459</v>
      </c>
      <c r="R1679" s="238">
        <v>35</v>
      </c>
      <c r="S1679" s="236">
        <f t="shared" si="389"/>
        <v>2.5424800654129966</v>
      </c>
      <c r="T1679" s="236" t="e">
        <f t="shared" si="390"/>
        <v>#N/A</v>
      </c>
    </row>
    <row r="1680" spans="1:21" x14ac:dyDescent="0.2">
      <c r="A1680" s="53">
        <f t="shared" si="391"/>
        <v>1668</v>
      </c>
      <c r="B1680" s="239">
        <v>16.643999999999998</v>
      </c>
      <c r="C1680" s="3">
        <f t="shared" si="392"/>
        <v>16.636999999999997</v>
      </c>
      <c r="D1680" s="239">
        <v>0.69599999999999995</v>
      </c>
      <c r="E1680" s="239">
        <v>6.4000000000000003E-3</v>
      </c>
      <c r="F1680" s="239">
        <v>0.27350000000000002</v>
      </c>
      <c r="G1680">
        <f t="shared" si="393"/>
        <v>0.75069999999999992</v>
      </c>
      <c r="H1680" s="235">
        <f t="shared" si="394"/>
        <v>0.85253763154389239</v>
      </c>
      <c r="I1680" s="236">
        <f t="shared" si="395"/>
        <v>15.309048758418729</v>
      </c>
      <c r="J1680" s="237">
        <f t="shared" ref="J1680:J1743" si="400">$I1680-10</f>
        <v>5.3090487584187294</v>
      </c>
      <c r="K1680" s="237">
        <f t="shared" si="396"/>
        <v>254.69664419381235</v>
      </c>
      <c r="L1680" s="237">
        <f t="shared" ref="L1680:L1743" si="401">$J1680*$B1680</f>
        <v>88.363807535121325</v>
      </c>
      <c r="M1680" s="236">
        <f t="shared" si="397"/>
        <v>5.6131958280435654</v>
      </c>
      <c r="N1680" s="236">
        <f t="shared" si="398"/>
        <v>1.2903138507193466</v>
      </c>
      <c r="O1680" s="236">
        <f t="shared" ref="O1680:O1743" si="402">((3.47-LOG($M1680))^2+(LOG($N1680)+1.22)^2)^0.5</f>
        <v>3.0287699332772577</v>
      </c>
      <c r="P1680" s="236" t="str">
        <f t="shared" ref="P1680:P1743" si="403">IF(O1680&lt;2.6,"SAND","CLAY")</f>
        <v>CLAY</v>
      </c>
      <c r="Q1680" s="236">
        <f t="shared" si="399"/>
        <v>41.333612983848965</v>
      </c>
      <c r="R1680" s="238">
        <v>35</v>
      </c>
      <c r="S1680" s="236">
        <f t="shared" ref="S1680:S1743" si="404">IF(P1680="SAND",#N/A,0.25*($M1680)^1.25)</f>
        <v>2.1599950249897764</v>
      </c>
      <c r="T1680" s="236" t="e">
        <f t="shared" si="390"/>
        <v>#N/A</v>
      </c>
    </row>
    <row r="1681" spans="1:20" x14ac:dyDescent="0.2">
      <c r="A1681" s="53">
        <f t="shared" si="391"/>
        <v>1669</v>
      </c>
      <c r="B1681" s="239">
        <v>16.654</v>
      </c>
      <c r="C1681" s="3">
        <f t="shared" si="392"/>
        <v>16.646999999999998</v>
      </c>
      <c r="D1681" s="239">
        <v>0.63980000000000004</v>
      </c>
      <c r="E1681" s="239">
        <v>7.9000000000000008E-3</v>
      </c>
      <c r="F1681" s="239">
        <v>0.28849999999999998</v>
      </c>
      <c r="G1681">
        <f t="shared" si="393"/>
        <v>0.69750000000000001</v>
      </c>
      <c r="H1681" s="235">
        <f t="shared" si="394"/>
        <v>1.1326164874551972</v>
      </c>
      <c r="I1681" s="236">
        <f t="shared" si="395"/>
        <v>15.527225991617751</v>
      </c>
      <c r="J1681" s="237">
        <f t="shared" si="400"/>
        <v>5.5272259916177511</v>
      </c>
      <c r="K1681" s="237">
        <f t="shared" si="396"/>
        <v>258.48173108246067</v>
      </c>
      <c r="L1681" s="237">
        <f t="shared" si="401"/>
        <v>92.050421664402023</v>
      </c>
      <c r="M1681" s="236">
        <f t="shared" si="397"/>
        <v>4.7693238225253847</v>
      </c>
      <c r="N1681" s="236">
        <f t="shared" si="398"/>
        <v>1.7994695344862415</v>
      </c>
      <c r="O1681" s="236">
        <f t="shared" si="402"/>
        <v>3.1573350580268875</v>
      </c>
      <c r="P1681" s="236" t="str">
        <f t="shared" si="403"/>
        <v>CLAY</v>
      </c>
      <c r="Q1681" s="236">
        <f t="shared" si="399"/>
        <v>36.58485574312828</v>
      </c>
      <c r="R1681" s="238">
        <v>35</v>
      </c>
      <c r="S1681" s="236">
        <f t="shared" si="404"/>
        <v>1.7620207645452384</v>
      </c>
      <c r="T1681" s="236" t="e">
        <f t="shared" si="390"/>
        <v>#N/A</v>
      </c>
    </row>
    <row r="1682" spans="1:20" x14ac:dyDescent="0.2">
      <c r="A1682" s="53">
        <f t="shared" si="391"/>
        <v>1670</v>
      </c>
      <c r="B1682" s="239">
        <v>16.664000000000001</v>
      </c>
      <c r="C1682" s="3">
        <f t="shared" si="392"/>
        <v>16.657</v>
      </c>
      <c r="D1682" s="239">
        <v>0.59379999999999999</v>
      </c>
      <c r="E1682" s="239">
        <v>1.14E-2</v>
      </c>
      <c r="F1682" s="239">
        <v>0.30659999999999998</v>
      </c>
      <c r="G1682">
        <f t="shared" si="393"/>
        <v>0.65511999999999992</v>
      </c>
      <c r="H1682" s="235">
        <f t="shared" si="394"/>
        <v>1.7401392111368912</v>
      </c>
      <c r="I1682" s="236">
        <f t="shared" si="395"/>
        <v>15.932774925285917</v>
      </c>
      <c r="J1682" s="237">
        <f t="shared" si="400"/>
        <v>5.9327749252859174</v>
      </c>
      <c r="K1682" s="237">
        <f t="shared" si="396"/>
        <v>265.39223193048753</v>
      </c>
      <c r="L1682" s="237">
        <f t="shared" si="401"/>
        <v>98.863761354964538</v>
      </c>
      <c r="M1682" s="236">
        <f t="shared" si="397"/>
        <v>3.9420689919961438</v>
      </c>
      <c r="N1682" s="236">
        <f t="shared" si="398"/>
        <v>2.9251187454435326</v>
      </c>
      <c r="O1682" s="236">
        <f t="shared" si="402"/>
        <v>3.3323476950710078</v>
      </c>
      <c r="P1682" s="236" t="str">
        <f t="shared" si="403"/>
        <v>CLAY</v>
      </c>
      <c r="Q1682" s="236">
        <f t="shared" si="399"/>
        <v>32.477314005792699</v>
      </c>
      <c r="R1682" s="238">
        <v>35</v>
      </c>
      <c r="S1682" s="236">
        <f t="shared" si="404"/>
        <v>1.3886579495467983</v>
      </c>
      <c r="T1682" s="236" t="e">
        <f t="shared" si="390"/>
        <v>#N/A</v>
      </c>
    </row>
    <row r="1683" spans="1:20" x14ac:dyDescent="0.2">
      <c r="A1683" s="53">
        <f t="shared" si="391"/>
        <v>1671</v>
      </c>
      <c r="B1683" s="239">
        <v>16.673999999999999</v>
      </c>
      <c r="C1683" s="3">
        <f t="shared" si="392"/>
        <v>16.666999999999998</v>
      </c>
      <c r="D1683" s="239">
        <v>0.54239999999999999</v>
      </c>
      <c r="E1683" s="239">
        <v>1.3899999999999999E-2</v>
      </c>
      <c r="F1683" s="239">
        <v>0.30180000000000001</v>
      </c>
      <c r="G1683">
        <f t="shared" si="393"/>
        <v>0.60275999999999996</v>
      </c>
      <c r="H1683" s="235">
        <f t="shared" si="394"/>
        <v>2.3060587962041277</v>
      </c>
      <c r="I1683" s="236">
        <f t="shared" si="395"/>
        <v>16.132712996855002</v>
      </c>
      <c r="J1683" s="237">
        <f t="shared" si="400"/>
        <v>6.1327129968550018</v>
      </c>
      <c r="K1683" s="237">
        <f t="shared" si="396"/>
        <v>268.88392751858231</v>
      </c>
      <c r="L1683" s="237">
        <f t="shared" si="401"/>
        <v>102.25685650956029</v>
      </c>
      <c r="M1683" s="236">
        <f t="shared" si="397"/>
        <v>3.2650727186220774</v>
      </c>
      <c r="N1683" s="236">
        <f t="shared" si="398"/>
        <v>4.1632213703405236</v>
      </c>
      <c r="O1683" s="236">
        <f t="shared" si="402"/>
        <v>3.4816763684664775</v>
      </c>
      <c r="P1683" s="236" t="str">
        <f t="shared" si="403"/>
        <v>CLAY</v>
      </c>
      <c r="Q1683" s="236">
        <f t="shared" si="399"/>
        <v>27.823006040118141</v>
      </c>
      <c r="R1683" s="238">
        <v>35</v>
      </c>
      <c r="S1683" s="236">
        <f t="shared" si="404"/>
        <v>1.097251242748142</v>
      </c>
      <c r="T1683" s="236" t="e">
        <f t="shared" si="390"/>
        <v>#N/A</v>
      </c>
    </row>
    <row r="1684" spans="1:20" x14ac:dyDescent="0.2">
      <c r="A1684" s="53">
        <f t="shared" si="391"/>
        <v>1672</v>
      </c>
      <c r="B1684" s="239">
        <v>16.684000000000001</v>
      </c>
      <c r="C1684" s="3">
        <f t="shared" si="392"/>
        <v>16.677</v>
      </c>
      <c r="D1684" s="239">
        <v>0.50480000000000003</v>
      </c>
      <c r="E1684" s="239">
        <v>1.5100000000000001E-2</v>
      </c>
      <c r="F1684" s="239">
        <v>0.31559999999999999</v>
      </c>
      <c r="G1684">
        <f t="shared" si="393"/>
        <v>0.56791999999999998</v>
      </c>
      <c r="H1684" s="235">
        <f t="shared" si="394"/>
        <v>2.6588251866460069</v>
      </c>
      <c r="I1684" s="236">
        <f t="shared" si="395"/>
        <v>16.206539258923538</v>
      </c>
      <c r="J1684" s="237">
        <f t="shared" si="400"/>
        <v>6.206539258923538</v>
      </c>
      <c r="K1684" s="237">
        <f t="shared" si="396"/>
        <v>270.27645522106786</v>
      </c>
      <c r="L1684" s="237">
        <f t="shared" si="401"/>
        <v>103.54990099588031</v>
      </c>
      <c r="M1684" s="236">
        <f t="shared" si="397"/>
        <v>2.8743971932022778</v>
      </c>
      <c r="N1684" s="236">
        <f t="shared" si="398"/>
        <v>5.0731824240351591</v>
      </c>
      <c r="O1684" s="236">
        <f t="shared" si="402"/>
        <v>3.5742908973737619</v>
      </c>
      <c r="P1684" s="236" t="str">
        <f t="shared" si="403"/>
        <v>CLAY</v>
      </c>
      <c r="Q1684" s="236">
        <f t="shared" si="399"/>
        <v>24.803628731577675</v>
      </c>
      <c r="R1684" s="238">
        <v>35</v>
      </c>
      <c r="S1684" s="236">
        <f t="shared" si="404"/>
        <v>0.93567167772504467</v>
      </c>
      <c r="T1684" s="236" t="e">
        <f t="shared" si="390"/>
        <v>#N/A</v>
      </c>
    </row>
    <row r="1685" spans="1:20" x14ac:dyDescent="0.2">
      <c r="A1685" s="53">
        <f t="shared" si="391"/>
        <v>1673</v>
      </c>
      <c r="B1685" s="239">
        <v>16.693999999999999</v>
      </c>
      <c r="C1685" s="3">
        <f t="shared" si="392"/>
        <v>16.686999999999998</v>
      </c>
      <c r="D1685" s="239">
        <v>0.49659999999999999</v>
      </c>
      <c r="E1685" s="239">
        <v>1.6500000000000001E-2</v>
      </c>
      <c r="F1685" s="239">
        <v>0.3211</v>
      </c>
      <c r="G1685">
        <f t="shared" si="393"/>
        <v>0.56081999999999999</v>
      </c>
      <c r="H1685" s="235">
        <f t="shared" si="394"/>
        <v>2.9421204664598268</v>
      </c>
      <c r="I1685" s="236">
        <f t="shared" si="395"/>
        <v>16.305590847526062</v>
      </c>
      <c r="J1685" s="237">
        <f t="shared" si="400"/>
        <v>6.3055908475260622</v>
      </c>
      <c r="K1685" s="237">
        <f t="shared" si="396"/>
        <v>272.09139447266739</v>
      </c>
      <c r="L1685" s="237">
        <f t="shared" si="401"/>
        <v>105.26553360860008</v>
      </c>
      <c r="M1685" s="236">
        <f t="shared" si="397"/>
        <v>2.7428598481330808</v>
      </c>
      <c r="N1685" s="236">
        <f t="shared" si="398"/>
        <v>5.7147091365832905</v>
      </c>
      <c r="O1685" s="236">
        <f t="shared" si="402"/>
        <v>3.619432980626796</v>
      </c>
      <c r="P1685" s="236" t="str">
        <f t="shared" si="403"/>
        <v>CLAY</v>
      </c>
      <c r="Q1685" s="236">
        <f t="shared" si="399"/>
        <v>24.060717127277712</v>
      </c>
      <c r="R1685" s="238">
        <v>35</v>
      </c>
      <c r="S1685" s="236">
        <f t="shared" si="404"/>
        <v>0.88245898623639774</v>
      </c>
      <c r="T1685" s="236" t="e">
        <f t="shared" si="390"/>
        <v>#N/A</v>
      </c>
    </row>
    <row r="1686" spans="1:20" x14ac:dyDescent="0.2">
      <c r="A1686" s="53">
        <f t="shared" si="391"/>
        <v>1674</v>
      </c>
      <c r="B1686" s="239">
        <v>16.704999999999998</v>
      </c>
      <c r="C1686" s="3">
        <f t="shared" si="392"/>
        <v>16.697999999999997</v>
      </c>
      <c r="D1686" s="239">
        <v>0.48620000000000002</v>
      </c>
      <c r="E1686" s="239">
        <v>1.7600000000000001E-2</v>
      </c>
      <c r="F1686" s="239">
        <v>0.32769999999999999</v>
      </c>
      <c r="G1686">
        <f t="shared" si="393"/>
        <v>0.55174000000000001</v>
      </c>
      <c r="H1686" s="235">
        <f t="shared" si="394"/>
        <v>3.1899082901366587</v>
      </c>
      <c r="I1686" s="236">
        <f t="shared" si="395"/>
        <v>16.374888280970147</v>
      </c>
      <c r="J1686" s="237">
        <f t="shared" si="400"/>
        <v>6.374888280970147</v>
      </c>
      <c r="K1686" s="237">
        <f t="shared" si="396"/>
        <v>273.42788451563945</v>
      </c>
      <c r="L1686" s="237">
        <f t="shared" si="401"/>
        <v>106.4925087336063</v>
      </c>
      <c r="M1686" s="236">
        <f t="shared" si="397"/>
        <v>2.6134431312963557</v>
      </c>
      <c r="N1686" s="236">
        <f t="shared" si="398"/>
        <v>6.3238353707203281</v>
      </c>
      <c r="O1686" s="236">
        <f t="shared" si="402"/>
        <v>3.661129681017719</v>
      </c>
      <c r="P1686" s="236" t="str">
        <f t="shared" si="403"/>
        <v>CLAY</v>
      </c>
      <c r="Q1686" s="236">
        <f t="shared" si="399"/>
        <v>23.19267629036338</v>
      </c>
      <c r="R1686" s="238">
        <v>35</v>
      </c>
      <c r="S1686" s="236">
        <f t="shared" si="404"/>
        <v>0.83072317534977358</v>
      </c>
      <c r="T1686" s="236" t="e">
        <f t="shared" si="390"/>
        <v>#N/A</v>
      </c>
    </row>
    <row r="1687" spans="1:20" x14ac:dyDescent="0.2">
      <c r="A1687" s="53">
        <f t="shared" si="391"/>
        <v>1675</v>
      </c>
      <c r="B1687" s="239">
        <v>16.713999999999999</v>
      </c>
      <c r="C1687" s="3">
        <f t="shared" si="392"/>
        <v>16.706999999999997</v>
      </c>
      <c r="D1687" s="239">
        <v>0.47670000000000001</v>
      </c>
      <c r="E1687" s="239">
        <v>1.8200000000000001E-2</v>
      </c>
      <c r="F1687" s="239">
        <v>0.3357</v>
      </c>
      <c r="G1687">
        <f t="shared" si="393"/>
        <v>0.54383999999999999</v>
      </c>
      <c r="H1687" s="235">
        <f t="shared" si="394"/>
        <v>3.3465725213298034</v>
      </c>
      <c r="I1687" s="236">
        <f t="shared" si="395"/>
        <v>16.408559834457275</v>
      </c>
      <c r="J1687" s="237">
        <f t="shared" si="400"/>
        <v>6.4085598344572752</v>
      </c>
      <c r="K1687" s="237">
        <f t="shared" si="396"/>
        <v>274.13780915427765</v>
      </c>
      <c r="L1687" s="237">
        <f t="shared" si="401"/>
        <v>107.11266907311889</v>
      </c>
      <c r="M1687" s="236">
        <f t="shared" si="397"/>
        <v>2.5179298880285965</v>
      </c>
      <c r="N1687" s="236">
        <f t="shared" si="398"/>
        <v>6.7481839665184395</v>
      </c>
      <c r="O1687" s="236">
        <f t="shared" si="402"/>
        <v>3.6902114017776011</v>
      </c>
      <c r="P1687" s="236" t="str">
        <f t="shared" si="403"/>
        <v>CLAY</v>
      </c>
      <c r="Q1687" s="236">
        <f t="shared" si="399"/>
        <v>22.475182570476864</v>
      </c>
      <c r="R1687" s="238">
        <v>35</v>
      </c>
      <c r="S1687" s="236">
        <f t="shared" si="404"/>
        <v>0.79294771121167962</v>
      </c>
      <c r="T1687" s="236" t="e">
        <f t="shared" si="390"/>
        <v>#N/A</v>
      </c>
    </row>
    <row r="1688" spans="1:20" x14ac:dyDescent="0.2">
      <c r="A1688" s="53">
        <f t="shared" si="391"/>
        <v>1676</v>
      </c>
      <c r="B1688" s="239">
        <v>16.724</v>
      </c>
      <c r="C1688" s="3">
        <f t="shared" si="392"/>
        <v>16.716999999999999</v>
      </c>
      <c r="D1688" s="239">
        <v>0.47549999999999998</v>
      </c>
      <c r="E1688" s="239">
        <v>1.8100000000000002E-2</v>
      </c>
      <c r="F1688" s="239">
        <v>0.34429999999999999</v>
      </c>
      <c r="G1688">
        <f t="shared" si="393"/>
        <v>0.54435999999999996</v>
      </c>
      <c r="H1688" s="235">
        <f t="shared" si="394"/>
        <v>3.3250055110588588</v>
      </c>
      <c r="I1688" s="236">
        <f t="shared" si="395"/>
        <v>16.402472791393205</v>
      </c>
      <c r="J1688" s="237">
        <f t="shared" si="400"/>
        <v>6.4024727913932047</v>
      </c>
      <c r="K1688" s="237">
        <f t="shared" si="396"/>
        <v>274.20013765372016</v>
      </c>
      <c r="L1688" s="237">
        <f t="shared" si="401"/>
        <v>107.07495496325996</v>
      </c>
      <c r="M1688" s="236">
        <f t="shared" si="397"/>
        <v>2.523091066804354</v>
      </c>
      <c r="N1688" s="236">
        <f t="shared" si="398"/>
        <v>6.6997369049589501</v>
      </c>
      <c r="O1688" s="236">
        <f t="shared" si="402"/>
        <v>3.6877347899790216</v>
      </c>
      <c r="P1688" s="236" t="str">
        <f t="shared" si="403"/>
        <v>CLAY</v>
      </c>
      <c r="Q1688" s="236">
        <f t="shared" si="399"/>
        <v>22.513321862189979</v>
      </c>
      <c r="R1688" s="238">
        <v>35</v>
      </c>
      <c r="S1688" s="236">
        <f t="shared" si="404"/>
        <v>0.79497993268917677</v>
      </c>
      <c r="T1688" s="236" t="e">
        <f t="shared" si="390"/>
        <v>#N/A</v>
      </c>
    </row>
    <row r="1689" spans="1:20" x14ac:dyDescent="0.2">
      <c r="A1689" s="53">
        <f t="shared" si="391"/>
        <v>1677</v>
      </c>
      <c r="B1689" s="239">
        <v>16.734000000000002</v>
      </c>
      <c r="C1689" s="3">
        <f t="shared" si="392"/>
        <v>16.727</v>
      </c>
      <c r="D1689" s="239">
        <v>0.4763</v>
      </c>
      <c r="E1689" s="239">
        <v>1.7999999999999999E-2</v>
      </c>
      <c r="F1689" s="239">
        <v>0.35120000000000001</v>
      </c>
      <c r="G1689">
        <f t="shared" si="393"/>
        <v>0.54654000000000003</v>
      </c>
      <c r="H1689" s="235">
        <f t="shared" si="394"/>
        <v>3.2934460423756722</v>
      </c>
      <c r="I1689" s="236">
        <f t="shared" si="395"/>
        <v>16.397538575374288</v>
      </c>
      <c r="J1689" s="237">
        <f t="shared" si="400"/>
        <v>6.3975385753742877</v>
      </c>
      <c r="K1689" s="237">
        <f t="shared" si="396"/>
        <v>274.28162775028574</v>
      </c>
      <c r="L1689" s="237">
        <f t="shared" si="401"/>
        <v>107.05641052031334</v>
      </c>
      <c r="M1689" s="236">
        <f t="shared" si="397"/>
        <v>2.5431300276787714</v>
      </c>
      <c r="N1689" s="236">
        <f t="shared" si="398"/>
        <v>6.6113669347477284</v>
      </c>
      <c r="O1689" s="236">
        <f t="shared" si="402"/>
        <v>3.6816781851558189</v>
      </c>
      <c r="P1689" s="236" t="str">
        <f t="shared" si="403"/>
        <v>CLAY</v>
      </c>
      <c r="Q1689" s="236">
        <f t="shared" si="399"/>
        <v>22.688197687476194</v>
      </c>
      <c r="R1689" s="238">
        <v>35</v>
      </c>
      <c r="S1689" s="236">
        <f t="shared" si="404"/>
        <v>0.80288014099378036</v>
      </c>
      <c r="T1689" s="236" t="e">
        <f t="shared" si="390"/>
        <v>#N/A</v>
      </c>
    </row>
    <row r="1690" spans="1:20" x14ac:dyDescent="0.2">
      <c r="A1690" s="53">
        <f t="shared" si="391"/>
        <v>1678</v>
      </c>
      <c r="B1690" s="239">
        <v>16.744</v>
      </c>
      <c r="C1690" s="3">
        <f t="shared" si="392"/>
        <v>16.736999999999998</v>
      </c>
      <c r="D1690" s="239">
        <v>0.47539999999999999</v>
      </c>
      <c r="E1690" s="239">
        <v>1.7999999999999999E-2</v>
      </c>
      <c r="F1690" s="239">
        <v>0.35680000000000001</v>
      </c>
      <c r="G1690">
        <f t="shared" si="393"/>
        <v>0.54675999999999991</v>
      </c>
      <c r="H1690" s="235">
        <f t="shared" si="394"/>
        <v>3.2921208574145879</v>
      </c>
      <c r="I1690" s="236">
        <f t="shared" si="395"/>
        <v>16.397695879515105</v>
      </c>
      <c r="J1690" s="237">
        <f t="shared" si="400"/>
        <v>6.3976958795151049</v>
      </c>
      <c r="K1690" s="237">
        <f t="shared" si="396"/>
        <v>274.4482359354443</v>
      </c>
      <c r="L1690" s="237">
        <f t="shared" si="401"/>
        <v>107.12301980660091</v>
      </c>
      <c r="M1690" s="236">
        <f t="shared" si="397"/>
        <v>2.5420471207419766</v>
      </c>
      <c r="N1690" s="236">
        <f t="shared" si="398"/>
        <v>6.610070652596864</v>
      </c>
      <c r="O1690" s="236">
        <f t="shared" si="402"/>
        <v>3.6817849642802982</v>
      </c>
      <c r="P1690" s="236" t="str">
        <f t="shared" si="403"/>
        <v>CLAY</v>
      </c>
      <c r="Q1690" s="236">
        <f t="shared" si="399"/>
        <v>22.69264700537963</v>
      </c>
      <c r="R1690" s="238">
        <v>35</v>
      </c>
      <c r="S1690" s="236">
        <f t="shared" si="404"/>
        <v>0.80245281414570191</v>
      </c>
      <c r="T1690" s="236" t="e">
        <f t="shared" si="390"/>
        <v>#N/A</v>
      </c>
    </row>
    <row r="1691" spans="1:20" x14ac:dyDescent="0.2">
      <c r="A1691" s="53">
        <f t="shared" si="391"/>
        <v>1679</v>
      </c>
      <c r="B1691" s="239">
        <v>16.754000000000001</v>
      </c>
      <c r="C1691" s="3">
        <f t="shared" si="392"/>
        <v>16.747</v>
      </c>
      <c r="D1691" s="239">
        <v>0.47410000000000002</v>
      </c>
      <c r="E1691" s="239">
        <v>1.8100000000000002E-2</v>
      </c>
      <c r="F1691" s="239">
        <v>0.3614</v>
      </c>
      <c r="G1691">
        <f t="shared" si="393"/>
        <v>0.54637999999999998</v>
      </c>
      <c r="H1691" s="235">
        <f t="shared" si="394"/>
        <v>3.3127127640103962</v>
      </c>
      <c r="I1691" s="236">
        <f t="shared" si="395"/>
        <v>16.403920520954326</v>
      </c>
      <c r="J1691" s="237">
        <f t="shared" si="400"/>
        <v>6.4039205209543262</v>
      </c>
      <c r="K1691" s="237">
        <f t="shared" si="396"/>
        <v>274.71645696442209</v>
      </c>
      <c r="L1691" s="237">
        <f t="shared" si="401"/>
        <v>107.29128440806879</v>
      </c>
      <c r="M1691" s="236">
        <f t="shared" si="397"/>
        <v>2.5320187425694343</v>
      </c>
      <c r="N1691" s="236">
        <f t="shared" si="398"/>
        <v>6.6626532944943477</v>
      </c>
      <c r="O1691" s="236">
        <f t="shared" si="402"/>
        <v>3.6851213130095481</v>
      </c>
      <c r="P1691" s="236" t="str">
        <f t="shared" si="403"/>
        <v>CLAY</v>
      </c>
      <c r="Q1691" s="236">
        <f t="shared" si="399"/>
        <v>22.638628586298157</v>
      </c>
      <c r="R1691" s="238">
        <v>35</v>
      </c>
      <c r="S1691" s="236">
        <f t="shared" si="404"/>
        <v>0.79849767107721981</v>
      </c>
      <c r="T1691" s="236" t="e">
        <f t="shared" si="390"/>
        <v>#N/A</v>
      </c>
    </row>
    <row r="1692" spans="1:20" x14ac:dyDescent="0.2">
      <c r="A1692" s="53">
        <f t="shared" si="391"/>
        <v>1680</v>
      </c>
      <c r="B1692" s="239">
        <v>16.763999999999999</v>
      </c>
      <c r="C1692" s="3">
        <f t="shared" si="392"/>
        <v>16.756999999999998</v>
      </c>
      <c r="D1692" s="239">
        <v>0.4748</v>
      </c>
      <c r="E1692" s="239">
        <v>1.8499999999999999E-2</v>
      </c>
      <c r="F1692" s="239">
        <v>0.36759999999999998</v>
      </c>
      <c r="G1692">
        <f t="shared" si="393"/>
        <v>0.54831999999999992</v>
      </c>
      <c r="H1692" s="235">
        <f t="shared" si="394"/>
        <v>3.3739422235191134</v>
      </c>
      <c r="I1692" s="236">
        <f t="shared" si="395"/>
        <v>16.430937399447835</v>
      </c>
      <c r="J1692" s="237">
        <f t="shared" si="400"/>
        <v>6.4309373994478349</v>
      </c>
      <c r="K1692" s="237">
        <f t="shared" si="396"/>
        <v>275.33321800254731</v>
      </c>
      <c r="L1692" s="237">
        <f t="shared" si="401"/>
        <v>107.80823456434351</v>
      </c>
      <c r="M1692" s="236">
        <f t="shared" si="397"/>
        <v>2.5321514919579275</v>
      </c>
      <c r="N1692" s="236">
        <f t="shared" si="398"/>
        <v>6.7768848970030469</v>
      </c>
      <c r="O1692" s="236">
        <f t="shared" si="402"/>
        <v>3.689201813757998</v>
      </c>
      <c r="P1692" s="236" t="str">
        <f t="shared" si="403"/>
        <v>CLAY</v>
      </c>
      <c r="Q1692" s="236">
        <f t="shared" si="399"/>
        <v>22.748898499787717</v>
      </c>
      <c r="R1692" s="238">
        <v>35</v>
      </c>
      <c r="S1692" s="236">
        <f t="shared" si="404"/>
        <v>0.79855000124486086</v>
      </c>
      <c r="T1692" s="236" t="e">
        <f t="shared" si="390"/>
        <v>#N/A</v>
      </c>
    </row>
    <row r="1693" spans="1:20" x14ac:dyDescent="0.2">
      <c r="A1693" s="53">
        <f t="shared" si="391"/>
        <v>1681</v>
      </c>
      <c r="B1693" s="239">
        <v>16.773</v>
      </c>
      <c r="C1693" s="3">
        <f t="shared" si="392"/>
        <v>16.765999999999998</v>
      </c>
      <c r="D1693" s="239">
        <v>0.4798</v>
      </c>
      <c r="E1693" s="239">
        <v>1.9099999999999999E-2</v>
      </c>
      <c r="F1693" s="239">
        <v>0.37180000000000002</v>
      </c>
      <c r="G1693">
        <f t="shared" si="393"/>
        <v>0.55415999999999999</v>
      </c>
      <c r="H1693" s="235">
        <f t="shared" si="394"/>
        <v>3.4466580049083295</v>
      </c>
      <c r="I1693" s="236">
        <f t="shared" si="395"/>
        <v>16.472504803117257</v>
      </c>
      <c r="J1693" s="237">
        <f t="shared" si="400"/>
        <v>6.472504803117257</v>
      </c>
      <c r="K1693" s="237">
        <f t="shared" si="396"/>
        <v>276.17801552906388</v>
      </c>
      <c r="L1693" s="237">
        <f t="shared" si="401"/>
        <v>108.56332306268575</v>
      </c>
      <c r="M1693" s="236">
        <f t="shared" si="397"/>
        <v>2.5605515438250355</v>
      </c>
      <c r="N1693" s="236">
        <f t="shared" si="398"/>
        <v>6.8709488625141342</v>
      </c>
      <c r="O1693" s="236">
        <f t="shared" si="402"/>
        <v>3.68851181236613</v>
      </c>
      <c r="P1693" s="236" t="str">
        <f t="shared" si="403"/>
        <v>CLAY</v>
      </c>
      <c r="Q1693" s="236">
        <f t="shared" si="399"/>
        <v>23.165165372578006</v>
      </c>
      <c r="R1693" s="238">
        <v>35</v>
      </c>
      <c r="S1693" s="236">
        <f t="shared" si="404"/>
        <v>0.809761103713732</v>
      </c>
      <c r="T1693" s="236" t="e">
        <f t="shared" si="390"/>
        <v>#N/A</v>
      </c>
    </row>
    <row r="1694" spans="1:20" x14ac:dyDescent="0.2">
      <c r="A1694" s="53">
        <f t="shared" si="391"/>
        <v>1682</v>
      </c>
      <c r="B1694" s="239">
        <v>16.783999999999999</v>
      </c>
      <c r="C1694" s="3">
        <f t="shared" si="392"/>
        <v>16.776999999999997</v>
      </c>
      <c r="D1694" s="239">
        <v>0.47960000000000003</v>
      </c>
      <c r="E1694" s="239">
        <v>1.8800000000000001E-2</v>
      </c>
      <c r="F1694" s="239">
        <v>0.37480000000000002</v>
      </c>
      <c r="G1694">
        <f t="shared" si="393"/>
        <v>0.55456000000000005</v>
      </c>
      <c r="H1694" s="235">
        <f t="shared" si="394"/>
        <v>3.3900750144258507</v>
      </c>
      <c r="I1694" s="236">
        <f t="shared" si="395"/>
        <v>16.454222934324861</v>
      </c>
      <c r="J1694" s="237">
        <f t="shared" si="400"/>
        <v>6.4542229343248607</v>
      </c>
      <c r="K1694" s="237">
        <f t="shared" si="396"/>
        <v>276.05249816916813</v>
      </c>
      <c r="L1694" s="237">
        <f t="shared" si="401"/>
        <v>108.32767772970845</v>
      </c>
      <c r="M1694" s="236">
        <f t="shared" si="397"/>
        <v>2.5709726975385192</v>
      </c>
      <c r="N1694" s="236">
        <f t="shared" si="398"/>
        <v>6.7502670040892818</v>
      </c>
      <c r="O1694" s="236">
        <f t="shared" si="402"/>
        <v>3.6827598194841262</v>
      </c>
      <c r="P1694" s="236" t="str">
        <f t="shared" si="403"/>
        <v>CLAY</v>
      </c>
      <c r="Q1694" s="236">
        <f t="shared" si="399"/>
        <v>23.208958485902659</v>
      </c>
      <c r="R1694" s="238">
        <v>35</v>
      </c>
      <c r="S1694" s="236">
        <f t="shared" si="404"/>
        <v>0.81388274189837295</v>
      </c>
      <c r="T1694" s="236" t="e">
        <f t="shared" si="390"/>
        <v>#N/A</v>
      </c>
    </row>
    <row r="1695" spans="1:20" x14ac:dyDescent="0.2">
      <c r="A1695" s="53">
        <f t="shared" si="391"/>
        <v>1683</v>
      </c>
      <c r="B1695" s="239">
        <v>16.794</v>
      </c>
      <c r="C1695" s="3">
        <f t="shared" si="392"/>
        <v>16.786999999999999</v>
      </c>
      <c r="D1695" s="239">
        <v>0.47699999999999998</v>
      </c>
      <c r="E1695" s="239">
        <v>1.6199999999999999E-2</v>
      </c>
      <c r="F1695" s="239">
        <v>0.3775</v>
      </c>
      <c r="G1695">
        <f t="shared" si="393"/>
        <v>0.55249999999999999</v>
      </c>
      <c r="H1695" s="235">
        <f t="shared" si="394"/>
        <v>2.932126696832579</v>
      </c>
      <c r="I1695" s="236">
        <f t="shared" si="395"/>
        <v>16.278232647769023</v>
      </c>
      <c r="J1695" s="237">
        <f t="shared" si="400"/>
        <v>6.2782326477690233</v>
      </c>
      <c r="K1695" s="237">
        <f t="shared" si="396"/>
        <v>273.26269145809857</v>
      </c>
      <c r="L1695" s="237">
        <f t="shared" si="401"/>
        <v>105.43663908663298</v>
      </c>
      <c r="M1695" s="236">
        <f t="shared" si="397"/>
        <v>2.6483896960378597</v>
      </c>
      <c r="N1695" s="236">
        <f t="shared" si="398"/>
        <v>5.8015170267153184</v>
      </c>
      <c r="O1695" s="236">
        <f t="shared" si="402"/>
        <v>3.6357607911099326</v>
      </c>
      <c r="P1695" s="236" t="str">
        <f t="shared" si="403"/>
        <v>CLAY</v>
      </c>
      <c r="Q1695" s="236">
        <f t="shared" si="399"/>
        <v>23.269775711825119</v>
      </c>
      <c r="R1695" s="238">
        <v>35</v>
      </c>
      <c r="S1695" s="236">
        <f t="shared" si="404"/>
        <v>0.84463168757322327</v>
      </c>
      <c r="T1695" s="236" t="e">
        <f t="shared" si="390"/>
        <v>#N/A</v>
      </c>
    </row>
    <row r="1696" spans="1:20" x14ac:dyDescent="0.2">
      <c r="A1696" s="53">
        <f t="shared" si="391"/>
        <v>1684</v>
      </c>
      <c r="B1696" s="239">
        <v>16.803999999999998</v>
      </c>
      <c r="C1696" s="3">
        <f t="shared" si="392"/>
        <v>16.796999999999997</v>
      </c>
      <c r="D1696" s="239">
        <v>0.47470000000000001</v>
      </c>
      <c r="E1696" s="239">
        <v>1.29E-2</v>
      </c>
      <c r="F1696" s="239">
        <v>0.38059999999999999</v>
      </c>
      <c r="G1696">
        <f t="shared" si="393"/>
        <v>0.55081999999999998</v>
      </c>
      <c r="H1696" s="235">
        <f t="shared" si="394"/>
        <v>2.3419628916887549</v>
      </c>
      <c r="I1696" s="236">
        <f t="shared" si="395"/>
        <v>16.009944002989315</v>
      </c>
      <c r="J1696" s="237">
        <f t="shared" si="400"/>
        <v>6.0099440029893145</v>
      </c>
      <c r="K1696" s="237">
        <f t="shared" si="396"/>
        <v>268.91902941821149</v>
      </c>
      <c r="L1696" s="237">
        <f t="shared" si="401"/>
        <v>100.99109902623243</v>
      </c>
      <c r="M1696" s="236">
        <f t="shared" si="397"/>
        <v>2.79134471552354</v>
      </c>
      <c r="N1696" s="236">
        <f t="shared" si="398"/>
        <v>4.5760750569169462</v>
      </c>
      <c r="O1696" s="236">
        <f t="shared" si="402"/>
        <v>3.5611737668929946</v>
      </c>
      <c r="P1696" s="236" t="str">
        <f t="shared" si="403"/>
        <v>CLAY</v>
      </c>
      <c r="Q1696" s="236">
        <f t="shared" si="399"/>
        <v>23.491747548482369</v>
      </c>
      <c r="R1696" s="238">
        <v>35</v>
      </c>
      <c r="S1696" s="236">
        <f t="shared" si="404"/>
        <v>0.90200064814313041</v>
      </c>
      <c r="T1696" s="236" t="e">
        <f t="shared" si="390"/>
        <v>#N/A</v>
      </c>
    </row>
    <row r="1697" spans="1:20" x14ac:dyDescent="0.2">
      <c r="A1697" s="53">
        <f t="shared" si="391"/>
        <v>1685</v>
      </c>
      <c r="B1697" s="239">
        <v>16.815000000000001</v>
      </c>
      <c r="C1697" s="3">
        <f t="shared" si="392"/>
        <v>16.808</v>
      </c>
      <c r="D1697" s="239">
        <v>0.47349999999999998</v>
      </c>
      <c r="E1697" s="239">
        <v>1.0200000000000001E-2</v>
      </c>
      <c r="F1697" s="239">
        <v>0.3851</v>
      </c>
      <c r="G1697">
        <f t="shared" si="393"/>
        <v>0.5505199999999999</v>
      </c>
      <c r="H1697" s="235">
        <f t="shared" si="394"/>
        <v>1.8527937222989177</v>
      </c>
      <c r="I1697" s="236">
        <f t="shared" si="395"/>
        <v>15.73435930922324</v>
      </c>
      <c r="J1697" s="237">
        <f t="shared" si="400"/>
        <v>5.7343593092232403</v>
      </c>
      <c r="K1697" s="237">
        <f t="shared" si="396"/>
        <v>264.46311126942425</v>
      </c>
      <c r="L1697" s="237">
        <f t="shared" si="401"/>
        <v>96.4232517845888</v>
      </c>
      <c r="M1697" s="236">
        <f t="shared" si="397"/>
        <v>2.9666795449880867</v>
      </c>
      <c r="N1697" s="236">
        <f t="shared" si="398"/>
        <v>3.5657243023456542</v>
      </c>
      <c r="O1697" s="236">
        <f t="shared" si="402"/>
        <v>3.4823683061111281</v>
      </c>
      <c r="P1697" s="236" t="str">
        <f t="shared" si="403"/>
        <v>CLAY</v>
      </c>
      <c r="Q1697" s="236">
        <f t="shared" si="399"/>
        <v>23.838074060881301</v>
      </c>
      <c r="R1697" s="238">
        <v>35</v>
      </c>
      <c r="S1697" s="236">
        <f t="shared" si="404"/>
        <v>0.97337078072036121</v>
      </c>
      <c r="T1697" s="236" t="e">
        <f t="shared" si="390"/>
        <v>#N/A</v>
      </c>
    </row>
    <row r="1698" spans="1:20" x14ac:dyDescent="0.2">
      <c r="A1698" s="53">
        <f t="shared" si="391"/>
        <v>1686</v>
      </c>
      <c r="B1698" s="239">
        <v>16.824000000000002</v>
      </c>
      <c r="C1698" s="3">
        <f t="shared" si="392"/>
        <v>16.817</v>
      </c>
      <c r="D1698" s="239">
        <v>0.47520000000000001</v>
      </c>
      <c r="E1698" s="239">
        <v>9.7000000000000003E-3</v>
      </c>
      <c r="F1698" s="239">
        <v>0.38829999999999998</v>
      </c>
      <c r="G1698">
        <f t="shared" si="393"/>
        <v>0.55286000000000002</v>
      </c>
      <c r="H1698" s="235">
        <f t="shared" si="394"/>
        <v>1.7545128965741779</v>
      </c>
      <c r="I1698" s="236">
        <f t="shared" si="395"/>
        <v>15.677080389374652</v>
      </c>
      <c r="J1698" s="237">
        <f t="shared" si="400"/>
        <v>5.6770803893746518</v>
      </c>
      <c r="K1698" s="237">
        <f t="shared" si="396"/>
        <v>263.64146090811352</v>
      </c>
      <c r="L1698" s="237">
        <f t="shared" si="401"/>
        <v>95.511200470839157</v>
      </c>
      <c r="M1698" s="236">
        <f t="shared" si="397"/>
        <v>3.0281112337205811</v>
      </c>
      <c r="N1698" s="236">
        <f t="shared" si="398"/>
        <v>3.3538652226295396</v>
      </c>
      <c r="O1698" s="236">
        <f t="shared" si="402"/>
        <v>3.4612170297172238</v>
      </c>
      <c r="P1698" s="236" t="str">
        <f t="shared" si="403"/>
        <v>CLAY</v>
      </c>
      <c r="Q1698" s="236">
        <f t="shared" si="399"/>
        <v>24.101544924323875</v>
      </c>
      <c r="R1698" s="238">
        <v>35</v>
      </c>
      <c r="S1698" s="236">
        <f t="shared" si="404"/>
        <v>0.99863041505243566</v>
      </c>
      <c r="T1698" s="236" t="e">
        <f t="shared" si="390"/>
        <v>#N/A</v>
      </c>
    </row>
    <row r="1699" spans="1:20" x14ac:dyDescent="0.2">
      <c r="A1699" s="53">
        <f t="shared" si="391"/>
        <v>1687</v>
      </c>
      <c r="B1699" s="239">
        <v>16.834</v>
      </c>
      <c r="C1699" s="3">
        <f t="shared" si="392"/>
        <v>16.826999999999998</v>
      </c>
      <c r="D1699" s="239">
        <v>0.47470000000000001</v>
      </c>
      <c r="E1699" s="239">
        <v>9.2999999999999992E-3</v>
      </c>
      <c r="F1699" s="239">
        <v>0.3916</v>
      </c>
      <c r="G1699">
        <f t="shared" si="393"/>
        <v>0.55301999999999996</v>
      </c>
      <c r="H1699" s="235">
        <f t="shared" si="394"/>
        <v>1.6816751654551372</v>
      </c>
      <c r="I1699" s="236">
        <f t="shared" si="395"/>
        <v>15.627813769564302</v>
      </c>
      <c r="J1699" s="237">
        <f t="shared" si="400"/>
        <v>5.6278137695643018</v>
      </c>
      <c r="K1699" s="237">
        <f t="shared" si="396"/>
        <v>262.96922230045845</v>
      </c>
      <c r="L1699" s="237">
        <f t="shared" si="401"/>
        <v>94.738616996845451</v>
      </c>
      <c r="M1699" s="236">
        <f t="shared" si="397"/>
        <v>3.0615897391577866</v>
      </c>
      <c r="N1699" s="236">
        <f t="shared" si="398"/>
        <v>3.206335136819976</v>
      </c>
      <c r="O1699" s="236">
        <f t="shared" si="402"/>
        <v>3.4472712566151094</v>
      </c>
      <c r="P1699" s="236" t="str">
        <f t="shared" si="403"/>
        <v>CLAY</v>
      </c>
      <c r="Q1699" s="236">
        <f t="shared" si="399"/>
        <v>24.170898141628459</v>
      </c>
      <c r="R1699" s="238">
        <v>35</v>
      </c>
      <c r="S1699" s="236">
        <f t="shared" si="404"/>
        <v>1.0124503871524795</v>
      </c>
      <c r="T1699" s="236" t="e">
        <f t="shared" si="390"/>
        <v>#N/A</v>
      </c>
    </row>
    <row r="1700" spans="1:20" x14ac:dyDescent="0.2">
      <c r="A1700" s="53">
        <f t="shared" si="391"/>
        <v>1688</v>
      </c>
      <c r="B1700" s="239">
        <v>16.844999999999999</v>
      </c>
      <c r="C1700" s="3">
        <f t="shared" si="392"/>
        <v>16.837999999999997</v>
      </c>
      <c r="D1700" s="239">
        <v>0.46789999999999998</v>
      </c>
      <c r="E1700" s="239">
        <v>9.4000000000000004E-3</v>
      </c>
      <c r="F1700" s="239">
        <v>0.3957</v>
      </c>
      <c r="G1700">
        <f t="shared" si="393"/>
        <v>0.54703999999999997</v>
      </c>
      <c r="H1700" s="235">
        <f t="shared" si="394"/>
        <v>1.7183386955250075</v>
      </c>
      <c r="I1700" s="236">
        <f t="shared" si="395"/>
        <v>15.63610543420894</v>
      </c>
      <c r="J1700" s="237">
        <f t="shared" si="400"/>
        <v>5.6361054342089396</v>
      </c>
      <c r="K1700" s="237">
        <f t="shared" si="396"/>
        <v>263.28074330121007</v>
      </c>
      <c r="L1700" s="237">
        <f t="shared" si="401"/>
        <v>94.940196039249585</v>
      </c>
      <c r="M1700" s="236">
        <f t="shared" si="397"/>
        <v>2.9888210530077264</v>
      </c>
      <c r="N1700" s="236">
        <f t="shared" si="398"/>
        <v>3.3126672621566979</v>
      </c>
      <c r="O1700" s="236">
        <f t="shared" si="402"/>
        <v>3.4634158857031307</v>
      </c>
      <c r="P1700" s="236" t="str">
        <f t="shared" si="403"/>
        <v>CLAY</v>
      </c>
      <c r="Q1700" s="236">
        <f t="shared" si="399"/>
        <v>23.646604724899159</v>
      </c>
      <c r="R1700" s="238">
        <v>35</v>
      </c>
      <c r="S1700" s="236">
        <f t="shared" si="404"/>
        <v>0.9824600527174967</v>
      </c>
      <c r="T1700" s="236" t="e">
        <f t="shared" si="390"/>
        <v>#N/A</v>
      </c>
    </row>
    <row r="1701" spans="1:20" x14ac:dyDescent="0.2">
      <c r="A1701" s="53">
        <f t="shared" si="391"/>
        <v>1689</v>
      </c>
      <c r="B1701" s="239">
        <v>16.853999999999999</v>
      </c>
      <c r="C1701" s="3">
        <f t="shared" si="392"/>
        <v>16.846999999999998</v>
      </c>
      <c r="D1701" s="239">
        <v>0.46279999999999999</v>
      </c>
      <c r="E1701" s="239">
        <v>9.2999999999999992E-3</v>
      </c>
      <c r="F1701" s="239">
        <v>0.40060000000000001</v>
      </c>
      <c r="G1701">
        <f t="shared" si="393"/>
        <v>0.54291999999999996</v>
      </c>
      <c r="H1701" s="235">
        <f t="shared" si="394"/>
        <v>1.7129595520518677</v>
      </c>
      <c r="I1701" s="236">
        <f t="shared" si="395"/>
        <v>15.620609271856942</v>
      </c>
      <c r="J1701" s="237">
        <f t="shared" si="400"/>
        <v>5.6206092718569423</v>
      </c>
      <c r="K1701" s="237">
        <f t="shared" si="396"/>
        <v>263.16040440297388</v>
      </c>
      <c r="L1701" s="237">
        <f t="shared" si="401"/>
        <v>94.729748667876905</v>
      </c>
      <c r="M1701" s="236">
        <f t="shared" si="397"/>
        <v>2.9532390778092843</v>
      </c>
      <c r="N1701" s="236">
        <f t="shared" si="398"/>
        <v>3.3242827578990322</v>
      </c>
      <c r="O1701" s="236">
        <f t="shared" si="402"/>
        <v>3.4686770135030023</v>
      </c>
      <c r="P1701" s="236" t="str">
        <f t="shared" si="403"/>
        <v>CLAY</v>
      </c>
      <c r="Q1701" s="236">
        <f t="shared" si="399"/>
        <v>23.313299633085506</v>
      </c>
      <c r="R1701" s="238">
        <v>35</v>
      </c>
      <c r="S1701" s="236">
        <f t="shared" si="404"/>
        <v>0.96786161607613097</v>
      </c>
      <c r="T1701" s="236" t="e">
        <f t="shared" si="390"/>
        <v>#N/A</v>
      </c>
    </row>
    <row r="1702" spans="1:20" x14ac:dyDescent="0.2">
      <c r="A1702" s="53">
        <f t="shared" si="391"/>
        <v>1690</v>
      </c>
      <c r="B1702" s="239">
        <v>16.864999999999998</v>
      </c>
      <c r="C1702" s="3">
        <f t="shared" si="392"/>
        <v>16.857999999999997</v>
      </c>
      <c r="D1702" s="239">
        <v>0.46350000000000002</v>
      </c>
      <c r="E1702" s="239">
        <v>9.1000000000000004E-3</v>
      </c>
      <c r="F1702" s="239">
        <v>0.40379999999999999</v>
      </c>
      <c r="G1702">
        <f t="shared" si="393"/>
        <v>0.54425999999999997</v>
      </c>
      <c r="H1702" s="235">
        <f t="shared" si="394"/>
        <v>1.6719950023885644</v>
      </c>
      <c r="I1702" s="236">
        <f t="shared" si="395"/>
        <v>15.596080589243861</v>
      </c>
      <c r="J1702" s="237">
        <f t="shared" si="400"/>
        <v>5.5960805892438614</v>
      </c>
      <c r="K1702" s="237">
        <f t="shared" si="396"/>
        <v>262.91872657347295</v>
      </c>
      <c r="L1702" s="237">
        <f t="shared" si="401"/>
        <v>94.377899137597709</v>
      </c>
      <c r="M1702" s="236">
        <f t="shared" si="397"/>
        <v>2.981008011381427</v>
      </c>
      <c r="N1702" s="236">
        <f t="shared" si="398"/>
        <v>3.2345058686799781</v>
      </c>
      <c r="O1702" s="236">
        <f t="shared" si="402"/>
        <v>3.4592015985108997</v>
      </c>
      <c r="P1702" s="236" t="str">
        <f t="shared" si="403"/>
        <v>CLAY</v>
      </c>
      <c r="Q1702" s="236">
        <f t="shared" si="399"/>
        <v>23.445106118877252</v>
      </c>
      <c r="R1702" s="238">
        <v>35</v>
      </c>
      <c r="S1702" s="236">
        <f t="shared" si="404"/>
        <v>0.97925080595558978</v>
      </c>
      <c r="T1702" s="236" t="e">
        <f t="shared" si="390"/>
        <v>#N/A</v>
      </c>
    </row>
    <row r="1703" spans="1:20" x14ac:dyDescent="0.2">
      <c r="A1703" s="53">
        <f t="shared" si="391"/>
        <v>1691</v>
      </c>
      <c r="B1703" s="239">
        <v>16.873999999999999</v>
      </c>
      <c r="C1703" s="3">
        <f t="shared" si="392"/>
        <v>16.866999999999997</v>
      </c>
      <c r="D1703" s="239">
        <v>0.46100000000000002</v>
      </c>
      <c r="E1703" s="239">
        <v>8.8999999999999999E-3</v>
      </c>
      <c r="F1703" s="239">
        <v>0.40510000000000002</v>
      </c>
      <c r="G1703">
        <f t="shared" si="393"/>
        <v>0.54201999999999995</v>
      </c>
      <c r="H1703" s="235">
        <f t="shared" si="394"/>
        <v>1.6420058300431719</v>
      </c>
      <c r="I1703" s="236">
        <f t="shared" si="395"/>
        <v>15.568409853006173</v>
      </c>
      <c r="J1703" s="237">
        <f t="shared" si="400"/>
        <v>5.5684098530061732</v>
      </c>
      <c r="K1703" s="237">
        <f t="shared" si="396"/>
        <v>262.59236899065507</v>
      </c>
      <c r="L1703" s="237">
        <f t="shared" si="401"/>
        <v>93.961347859626159</v>
      </c>
      <c r="M1703" s="236">
        <f t="shared" si="397"/>
        <v>2.9738572016527121</v>
      </c>
      <c r="N1703" s="236">
        <f t="shared" si="398"/>
        <v>3.1850822940635952</v>
      </c>
      <c r="O1703" s="236">
        <f t="shared" si="402"/>
        <v>3.456766575846578</v>
      </c>
      <c r="P1703" s="236" t="str">
        <f t="shared" si="403"/>
        <v>CLAY</v>
      </c>
      <c r="Q1703" s="236">
        <f t="shared" si="399"/>
        <v>23.285635917445408</v>
      </c>
      <c r="R1703" s="238">
        <v>35</v>
      </c>
      <c r="S1703" s="236">
        <f t="shared" si="404"/>
        <v>0.97631541663767651</v>
      </c>
      <c r="T1703" s="236" t="e">
        <f t="shared" si="390"/>
        <v>#N/A</v>
      </c>
    </row>
    <row r="1704" spans="1:20" x14ac:dyDescent="0.2">
      <c r="A1704" s="53">
        <f t="shared" si="391"/>
        <v>1692</v>
      </c>
      <c r="B1704" s="239">
        <v>16.884</v>
      </c>
      <c r="C1704" s="3">
        <f t="shared" si="392"/>
        <v>16.876999999999999</v>
      </c>
      <c r="D1704" s="239">
        <v>0.4607</v>
      </c>
      <c r="E1704" s="239">
        <v>8.8999999999999999E-3</v>
      </c>
      <c r="F1704" s="239">
        <v>0.40679999999999999</v>
      </c>
      <c r="G1704">
        <f t="shared" si="393"/>
        <v>0.54205999999999999</v>
      </c>
      <c r="H1704" s="235">
        <f t="shared" si="394"/>
        <v>1.6418846622145149</v>
      </c>
      <c r="I1704" s="236">
        <f t="shared" si="395"/>
        <v>15.568438697005426</v>
      </c>
      <c r="J1704" s="237">
        <f t="shared" si="400"/>
        <v>5.5684386970054263</v>
      </c>
      <c r="K1704" s="237">
        <f t="shared" si="396"/>
        <v>262.74853988936059</v>
      </c>
      <c r="L1704" s="237">
        <f t="shared" si="401"/>
        <v>94.017518960239613</v>
      </c>
      <c r="M1704" s="236">
        <f t="shared" si="397"/>
        <v>2.9708448297679637</v>
      </c>
      <c r="N1704" s="236">
        <f t="shared" si="398"/>
        <v>3.186407029799128</v>
      </c>
      <c r="O1704" s="236">
        <f t="shared" si="402"/>
        <v>3.4572381585928138</v>
      </c>
      <c r="P1704" s="236" t="str">
        <f t="shared" si="403"/>
        <v>CLAY</v>
      </c>
      <c r="Q1704" s="236">
        <f t="shared" si="399"/>
        <v>23.275955009219945</v>
      </c>
      <c r="R1704" s="238">
        <v>35</v>
      </c>
      <c r="S1704" s="236">
        <f t="shared" si="404"/>
        <v>0.97507937350049123</v>
      </c>
      <c r="T1704" s="236" t="e">
        <f t="shared" si="390"/>
        <v>#N/A</v>
      </c>
    </row>
    <row r="1705" spans="1:20" x14ac:dyDescent="0.2">
      <c r="A1705" s="53">
        <f t="shared" si="391"/>
        <v>1693</v>
      </c>
      <c r="B1705" s="239">
        <v>16.895</v>
      </c>
      <c r="C1705" s="3">
        <f t="shared" si="392"/>
        <v>16.887999999999998</v>
      </c>
      <c r="D1705" s="239">
        <v>0.46279999999999999</v>
      </c>
      <c r="E1705" s="239">
        <v>8.9999999999999993E-3</v>
      </c>
      <c r="F1705" s="239">
        <v>0.4088</v>
      </c>
      <c r="G1705">
        <f t="shared" si="393"/>
        <v>0.54455999999999993</v>
      </c>
      <c r="H1705" s="235">
        <f t="shared" si="394"/>
        <v>1.6527104451300134</v>
      </c>
      <c r="I1705" s="236">
        <f t="shared" si="395"/>
        <v>15.583338993705551</v>
      </c>
      <c r="J1705" s="237">
        <f t="shared" si="400"/>
        <v>5.5833389937055511</v>
      </c>
      <c r="K1705" s="237">
        <f t="shared" si="396"/>
        <v>263.17142892569933</v>
      </c>
      <c r="L1705" s="237">
        <f t="shared" si="401"/>
        <v>94.330512298655279</v>
      </c>
      <c r="M1705" s="236">
        <f t="shared" si="397"/>
        <v>2.9830069212749515</v>
      </c>
      <c r="N1705" s="236">
        <f t="shared" si="398"/>
        <v>3.1984241455291911</v>
      </c>
      <c r="O1705" s="236">
        <f t="shared" si="402"/>
        <v>3.4565156575746654</v>
      </c>
      <c r="P1705" s="236" t="str">
        <f t="shared" si="403"/>
        <v>CLAY</v>
      </c>
      <c r="Q1705" s="236">
        <f t="shared" si="399"/>
        <v>23.449047589525051</v>
      </c>
      <c r="R1705" s="238">
        <v>35</v>
      </c>
      <c r="S1705" s="236">
        <f t="shared" si="404"/>
        <v>0.98007166846189853</v>
      </c>
      <c r="T1705" s="236" t="e">
        <f t="shared" si="390"/>
        <v>#N/A</v>
      </c>
    </row>
    <row r="1706" spans="1:20" x14ac:dyDescent="0.2">
      <c r="A1706" s="53">
        <f t="shared" si="391"/>
        <v>1694</v>
      </c>
      <c r="B1706" s="239">
        <v>16.904</v>
      </c>
      <c r="C1706" s="3">
        <f t="shared" si="392"/>
        <v>16.896999999999998</v>
      </c>
      <c r="D1706" s="239">
        <v>0.46410000000000001</v>
      </c>
      <c r="E1706" s="239">
        <v>9.1000000000000004E-3</v>
      </c>
      <c r="F1706" s="239">
        <v>0.41220000000000001</v>
      </c>
      <c r="G1706">
        <f t="shared" si="393"/>
        <v>0.54654000000000003</v>
      </c>
      <c r="H1706" s="235">
        <f t="shared" si="394"/>
        <v>1.6650199436454789</v>
      </c>
      <c r="I1706" s="236">
        <f t="shared" si="395"/>
        <v>15.597714570862315</v>
      </c>
      <c r="J1706" s="237">
        <f t="shared" si="400"/>
        <v>5.5977145708623155</v>
      </c>
      <c r="K1706" s="237">
        <f t="shared" si="396"/>
        <v>263.55458310386052</v>
      </c>
      <c r="L1706" s="237">
        <f t="shared" si="401"/>
        <v>94.623767105856587</v>
      </c>
      <c r="M1706" s="236">
        <f t="shared" si="397"/>
        <v>2.990637823365887</v>
      </c>
      <c r="N1706" s="236">
        <f t="shared" si="398"/>
        <v>3.2157134101860287</v>
      </c>
      <c r="O1706" s="236">
        <f t="shared" si="402"/>
        <v>3.4567234905033195</v>
      </c>
      <c r="P1706" s="236" t="str">
        <f t="shared" si="403"/>
        <v>CLAY</v>
      </c>
      <c r="Q1706" s="236">
        <f t="shared" si="399"/>
        <v>23.582118074678295</v>
      </c>
      <c r="R1706" s="238">
        <v>35</v>
      </c>
      <c r="S1706" s="236">
        <f t="shared" si="404"/>
        <v>0.98320660121856429</v>
      </c>
      <c r="T1706" s="236" t="e">
        <f t="shared" si="390"/>
        <v>#N/A</v>
      </c>
    </row>
    <row r="1707" spans="1:20" x14ac:dyDescent="0.2">
      <c r="A1707" s="53">
        <f t="shared" si="391"/>
        <v>1695</v>
      </c>
      <c r="B1707" s="239">
        <v>16.914000000000001</v>
      </c>
      <c r="C1707" s="3">
        <f t="shared" si="392"/>
        <v>16.907</v>
      </c>
      <c r="D1707" s="239">
        <v>0.46160000000000001</v>
      </c>
      <c r="E1707" s="239">
        <v>9.1000000000000004E-3</v>
      </c>
      <c r="F1707" s="239">
        <v>0.41510000000000002</v>
      </c>
      <c r="G1707">
        <f t="shared" si="393"/>
        <v>0.54461999999999999</v>
      </c>
      <c r="H1707" s="235">
        <f t="shared" si="394"/>
        <v>1.670889794719254</v>
      </c>
      <c r="I1707" s="236">
        <f t="shared" si="395"/>
        <v>15.596339040895582</v>
      </c>
      <c r="J1707" s="237">
        <f t="shared" si="400"/>
        <v>5.5963390408955824</v>
      </c>
      <c r="K1707" s="237">
        <f t="shared" si="396"/>
        <v>263.68730416442162</v>
      </c>
      <c r="L1707" s="237">
        <f t="shared" si="401"/>
        <v>94.656478537707883</v>
      </c>
      <c r="M1707" s="236">
        <f t="shared" si="397"/>
        <v>2.9679183102471374</v>
      </c>
      <c r="N1707" s="236">
        <f t="shared" si="398"/>
        <v>3.2392100082668773</v>
      </c>
      <c r="O1707" s="236">
        <f t="shared" si="402"/>
        <v>3.4611723232791345</v>
      </c>
      <c r="P1707" s="236" t="str">
        <f t="shared" si="403"/>
        <v>CLAY</v>
      </c>
      <c r="Q1707" s="236">
        <f t="shared" si="399"/>
        <v>23.4110579862982</v>
      </c>
      <c r="R1707" s="238">
        <v>35</v>
      </c>
      <c r="S1707" s="236">
        <f t="shared" si="404"/>
        <v>0.97387885751884118</v>
      </c>
      <c r="T1707" s="236" t="e">
        <f t="shared" si="390"/>
        <v>#N/A</v>
      </c>
    </row>
    <row r="1708" spans="1:20" x14ac:dyDescent="0.2">
      <c r="A1708" s="53">
        <f t="shared" si="391"/>
        <v>1696</v>
      </c>
      <c r="B1708" s="239">
        <v>16.923999999999999</v>
      </c>
      <c r="C1708" s="3">
        <f t="shared" si="392"/>
        <v>16.916999999999998</v>
      </c>
      <c r="D1708" s="239">
        <v>0.45960000000000001</v>
      </c>
      <c r="E1708" s="239">
        <v>9.1999999999999998E-3</v>
      </c>
      <c r="F1708" s="239">
        <v>0.41739999999999999</v>
      </c>
      <c r="G1708">
        <f t="shared" si="393"/>
        <v>0.54308000000000001</v>
      </c>
      <c r="H1708" s="235">
        <f t="shared" si="394"/>
        <v>1.6940413935331811</v>
      </c>
      <c r="I1708" s="236">
        <f t="shared" si="395"/>
        <v>15.608047616612453</v>
      </c>
      <c r="J1708" s="237">
        <f t="shared" si="400"/>
        <v>5.6080476166124527</v>
      </c>
      <c r="K1708" s="237">
        <f t="shared" si="396"/>
        <v>264.04134153023284</v>
      </c>
      <c r="L1708" s="237">
        <f t="shared" si="401"/>
        <v>94.910597863549143</v>
      </c>
      <c r="M1708" s="236">
        <f t="shared" si="397"/>
        <v>2.9400158122587623</v>
      </c>
      <c r="N1708" s="236">
        <f t="shared" si="398"/>
        <v>3.2970341996525847</v>
      </c>
      <c r="O1708" s="236">
        <f t="shared" si="402"/>
        <v>3.4685700023280353</v>
      </c>
      <c r="P1708" s="236" t="str">
        <f t="shared" si="403"/>
        <v>CLAY</v>
      </c>
      <c r="Q1708" s="236">
        <f t="shared" si="399"/>
        <v>23.253221539147265</v>
      </c>
      <c r="R1708" s="238">
        <v>35</v>
      </c>
      <c r="S1708" s="236">
        <f t="shared" si="404"/>
        <v>0.96244759452370832</v>
      </c>
      <c r="T1708" s="236" t="e">
        <f t="shared" si="390"/>
        <v>#N/A</v>
      </c>
    </row>
    <row r="1709" spans="1:20" x14ac:dyDescent="0.2">
      <c r="A1709" s="53">
        <f t="shared" si="391"/>
        <v>1697</v>
      </c>
      <c r="B1709" s="239">
        <v>16.934000000000001</v>
      </c>
      <c r="C1709" s="3">
        <f t="shared" si="392"/>
        <v>16.927</v>
      </c>
      <c r="D1709" s="239">
        <v>0.45889999999999997</v>
      </c>
      <c r="E1709" s="239">
        <v>9.2999999999999992E-3</v>
      </c>
      <c r="F1709" s="239">
        <v>0.4199</v>
      </c>
      <c r="G1709">
        <f t="shared" si="393"/>
        <v>0.54287999999999992</v>
      </c>
      <c r="H1709" s="235">
        <f t="shared" si="394"/>
        <v>1.7130857648099029</v>
      </c>
      <c r="I1709" s="236">
        <f t="shared" si="395"/>
        <v>15.620580473549047</v>
      </c>
      <c r="J1709" s="237">
        <f t="shared" si="400"/>
        <v>5.6205804735490474</v>
      </c>
      <c r="K1709" s="237">
        <f t="shared" si="396"/>
        <v>264.40956567576472</v>
      </c>
      <c r="L1709" s="237">
        <f t="shared" si="401"/>
        <v>95.178909739079572</v>
      </c>
      <c r="M1709" s="236">
        <f t="shared" si="397"/>
        <v>2.9257577659549279</v>
      </c>
      <c r="N1709" s="236">
        <f t="shared" si="398"/>
        <v>3.3396723147892993</v>
      </c>
      <c r="O1709" s="236">
        <f t="shared" si="402"/>
        <v>3.473195515631244</v>
      </c>
      <c r="P1709" s="236" t="str">
        <f t="shared" si="403"/>
        <v>CLAY</v>
      </c>
      <c r="Q1709" s="236">
        <f t="shared" si="399"/>
        <v>23.205869527019598</v>
      </c>
      <c r="R1709" s="238">
        <v>35</v>
      </c>
      <c r="S1709" s="236">
        <f t="shared" si="404"/>
        <v>0.95661671877437104</v>
      </c>
      <c r="T1709" s="236" t="e">
        <f t="shared" si="390"/>
        <v>#N/A</v>
      </c>
    </row>
    <row r="1710" spans="1:20" x14ac:dyDescent="0.2">
      <c r="A1710" s="53">
        <f t="shared" si="391"/>
        <v>1698</v>
      </c>
      <c r="B1710" s="239">
        <v>16.943999999999999</v>
      </c>
      <c r="C1710" s="3">
        <f t="shared" si="392"/>
        <v>16.936999999999998</v>
      </c>
      <c r="D1710" s="239">
        <v>0.45650000000000002</v>
      </c>
      <c r="E1710" s="239">
        <v>9.2999999999999992E-3</v>
      </c>
      <c r="F1710" s="239">
        <v>0.42270000000000002</v>
      </c>
      <c r="G1710">
        <f t="shared" si="393"/>
        <v>0.54103999999999997</v>
      </c>
      <c r="H1710" s="235">
        <f t="shared" si="394"/>
        <v>1.7189117255655775</v>
      </c>
      <c r="I1710" s="236">
        <f t="shared" si="395"/>
        <v>15.61925345245367</v>
      </c>
      <c r="J1710" s="237">
        <f t="shared" si="400"/>
        <v>5.6192534524536697</v>
      </c>
      <c r="K1710" s="237">
        <f t="shared" si="396"/>
        <v>264.54329572420778</v>
      </c>
      <c r="L1710" s="237">
        <f t="shared" si="401"/>
        <v>95.212630498374978</v>
      </c>
      <c r="M1710" s="236">
        <f t="shared" si="397"/>
        <v>2.9039918635638498</v>
      </c>
      <c r="N1710" s="236">
        <f t="shared" si="398"/>
        <v>3.3635120622355394</v>
      </c>
      <c r="O1710" s="236">
        <f t="shared" si="402"/>
        <v>3.4775512133260857</v>
      </c>
      <c r="P1710" s="236" t="str">
        <f t="shared" si="403"/>
        <v>CLAY</v>
      </c>
      <c r="Q1710" s="236">
        <f t="shared" si="399"/>
        <v>23.041392022982681</v>
      </c>
      <c r="R1710" s="238">
        <v>35</v>
      </c>
      <c r="S1710" s="236">
        <f t="shared" si="404"/>
        <v>0.9477291804454745</v>
      </c>
      <c r="T1710" s="236" t="e">
        <f t="shared" si="390"/>
        <v>#N/A</v>
      </c>
    </row>
    <row r="1711" spans="1:20" x14ac:dyDescent="0.2">
      <c r="A1711" s="53">
        <f t="shared" si="391"/>
        <v>1699</v>
      </c>
      <c r="B1711" s="239">
        <v>16.954000000000001</v>
      </c>
      <c r="C1711" s="3">
        <f t="shared" si="392"/>
        <v>16.946999999999999</v>
      </c>
      <c r="D1711" s="239">
        <v>0.45519999999999999</v>
      </c>
      <c r="E1711" s="239">
        <v>9.2999999999999992E-3</v>
      </c>
      <c r="F1711" s="239">
        <v>0.42599999999999999</v>
      </c>
      <c r="G1711">
        <f t="shared" si="393"/>
        <v>0.54039999999999999</v>
      </c>
      <c r="H1711" s="235">
        <f t="shared" si="394"/>
        <v>1.7209474463360475</v>
      </c>
      <c r="I1711" s="236">
        <f t="shared" si="395"/>
        <v>15.618790821793105</v>
      </c>
      <c r="J1711" s="237">
        <f t="shared" si="400"/>
        <v>5.6187908217931053</v>
      </c>
      <c r="K1711" s="237">
        <f t="shared" si="396"/>
        <v>264.69164805692776</v>
      </c>
      <c r="L1711" s="237">
        <f t="shared" si="401"/>
        <v>95.260979592680314</v>
      </c>
      <c r="M1711" s="236">
        <f t="shared" si="397"/>
        <v>2.8942422503101906</v>
      </c>
      <c r="N1711" s="236">
        <f t="shared" si="398"/>
        <v>3.3731295894584457</v>
      </c>
      <c r="O1711" s="236">
        <f t="shared" si="402"/>
        <v>3.4794370011266307</v>
      </c>
      <c r="P1711" s="236" t="str">
        <f t="shared" si="403"/>
        <v>CLAY</v>
      </c>
      <c r="Q1711" s="236">
        <f t="shared" si="399"/>
        <v>22.975695995256018</v>
      </c>
      <c r="R1711" s="238">
        <v>35</v>
      </c>
      <c r="S1711" s="236">
        <f t="shared" si="404"/>
        <v>0.94375357012267247</v>
      </c>
      <c r="T1711" s="236" t="e">
        <f t="shared" si="390"/>
        <v>#N/A</v>
      </c>
    </row>
    <row r="1712" spans="1:20" x14ac:dyDescent="0.2">
      <c r="A1712" s="53">
        <f t="shared" si="391"/>
        <v>1700</v>
      </c>
      <c r="B1712" s="239">
        <v>16.963999999999999</v>
      </c>
      <c r="C1712" s="3">
        <f t="shared" si="392"/>
        <v>16.956999999999997</v>
      </c>
      <c r="D1712" s="239">
        <v>0.45900000000000002</v>
      </c>
      <c r="E1712" s="239">
        <v>9.2999999999999992E-3</v>
      </c>
      <c r="F1712" s="239">
        <v>0.42909999999999998</v>
      </c>
      <c r="G1712">
        <f t="shared" si="393"/>
        <v>0.54481999999999997</v>
      </c>
      <c r="H1712" s="235">
        <f t="shared" si="394"/>
        <v>1.7069857934730734</v>
      </c>
      <c r="I1712" s="236">
        <f t="shared" si="395"/>
        <v>15.62197475316562</v>
      </c>
      <c r="J1712" s="237">
        <f t="shared" si="400"/>
        <v>5.6219747531656203</v>
      </c>
      <c r="K1712" s="237">
        <f t="shared" si="396"/>
        <v>264.9018258894294</v>
      </c>
      <c r="L1712" s="237">
        <f t="shared" si="401"/>
        <v>95.371179712701576</v>
      </c>
      <c r="M1712" s="236">
        <f t="shared" si="397"/>
        <v>2.9350394422487249</v>
      </c>
      <c r="N1712" s="236">
        <f t="shared" si="398"/>
        <v>3.322399493905817</v>
      </c>
      <c r="O1712" s="236">
        <f t="shared" si="402"/>
        <v>3.4708754795921473</v>
      </c>
      <c r="P1712" s="236" t="str">
        <f t="shared" si="403"/>
        <v>CLAY</v>
      </c>
      <c r="Q1712" s="236">
        <f t="shared" si="399"/>
        <v>23.32651450921421</v>
      </c>
      <c r="R1712" s="238">
        <v>35</v>
      </c>
      <c r="S1712" s="236">
        <f t="shared" si="404"/>
        <v>0.9604116864433685</v>
      </c>
      <c r="T1712" s="236" t="e">
        <f t="shared" si="390"/>
        <v>#N/A</v>
      </c>
    </row>
    <row r="1713" spans="1:20" x14ac:dyDescent="0.2">
      <c r="A1713" s="53">
        <f t="shared" si="391"/>
        <v>1701</v>
      </c>
      <c r="B1713" s="239">
        <v>16.974</v>
      </c>
      <c r="C1713" s="3">
        <f t="shared" si="392"/>
        <v>16.966999999999999</v>
      </c>
      <c r="D1713" s="239">
        <v>0.46310000000000001</v>
      </c>
      <c r="E1713" s="239">
        <v>9.2999999999999992E-3</v>
      </c>
      <c r="F1713" s="239">
        <v>0.43099999999999999</v>
      </c>
      <c r="G1713">
        <f t="shared" si="393"/>
        <v>0.54930000000000001</v>
      </c>
      <c r="H1713" s="235">
        <f t="shared" si="394"/>
        <v>1.693063899508465</v>
      </c>
      <c r="I1713" s="236">
        <f t="shared" si="395"/>
        <v>15.625175654597335</v>
      </c>
      <c r="J1713" s="237">
        <f t="shared" si="400"/>
        <v>5.625175654597335</v>
      </c>
      <c r="K1713" s="237">
        <f t="shared" si="396"/>
        <v>265.11235533155298</v>
      </c>
      <c r="L1713" s="237">
        <f t="shared" si="401"/>
        <v>95.481731561135163</v>
      </c>
      <c r="M1713" s="236">
        <f t="shared" si="397"/>
        <v>2.9763562099466845</v>
      </c>
      <c r="N1713" s="236">
        <f t="shared" si="398"/>
        <v>3.2724856884084543</v>
      </c>
      <c r="O1713" s="236">
        <f t="shared" si="402"/>
        <v>3.462326525439511</v>
      </c>
      <c r="P1713" s="236" t="str">
        <f t="shared" si="403"/>
        <v>CLAY</v>
      </c>
      <c r="Q1713" s="236">
        <f t="shared" si="399"/>
        <v>23.68230372237058</v>
      </c>
      <c r="R1713" s="238">
        <v>35</v>
      </c>
      <c r="S1713" s="236">
        <f t="shared" si="404"/>
        <v>0.97734105286735362</v>
      </c>
      <c r="T1713" s="236" t="e">
        <f t="shared" si="390"/>
        <v>#N/A</v>
      </c>
    </row>
    <row r="1714" spans="1:20" x14ac:dyDescent="0.2">
      <c r="A1714" s="53">
        <f t="shared" si="391"/>
        <v>1702</v>
      </c>
      <c r="B1714" s="239">
        <v>16.984000000000002</v>
      </c>
      <c r="C1714" s="3">
        <f t="shared" si="392"/>
        <v>16.977</v>
      </c>
      <c r="D1714" s="239">
        <v>0.46300000000000002</v>
      </c>
      <c r="E1714" s="239">
        <v>9.4000000000000004E-3</v>
      </c>
      <c r="F1714" s="239">
        <v>0.43369999999999997</v>
      </c>
      <c r="G1714">
        <f t="shared" si="393"/>
        <v>0.54974000000000001</v>
      </c>
      <c r="H1714" s="235">
        <f t="shared" si="394"/>
        <v>1.7098992250882235</v>
      </c>
      <c r="I1714" s="236">
        <f t="shared" si="395"/>
        <v>15.638029863397819</v>
      </c>
      <c r="J1714" s="237">
        <f t="shared" si="400"/>
        <v>5.6380298633978185</v>
      </c>
      <c r="K1714" s="237">
        <f t="shared" si="396"/>
        <v>265.48683299090476</v>
      </c>
      <c r="L1714" s="237">
        <f t="shared" si="401"/>
        <v>95.756299199948558</v>
      </c>
      <c r="M1714" s="236">
        <f t="shared" si="397"/>
        <v>2.9685061910710093</v>
      </c>
      <c r="N1714" s="236">
        <f t="shared" si="398"/>
        <v>3.3069112646682415</v>
      </c>
      <c r="O1714" s="236">
        <f t="shared" si="402"/>
        <v>3.4655979953030918</v>
      </c>
      <c r="P1714" s="236" t="str">
        <f t="shared" si="403"/>
        <v>CLAY</v>
      </c>
      <c r="Q1714" s="236">
        <f t="shared" si="399"/>
        <v>23.687763917424604</v>
      </c>
      <c r="R1714" s="238">
        <v>35</v>
      </c>
      <c r="S1714" s="236">
        <f t="shared" si="404"/>
        <v>0.97411999407490635</v>
      </c>
      <c r="T1714" s="236" t="e">
        <f t="shared" si="390"/>
        <v>#N/A</v>
      </c>
    </row>
    <row r="1715" spans="1:20" x14ac:dyDescent="0.2">
      <c r="A1715" s="53">
        <f t="shared" si="391"/>
        <v>1703</v>
      </c>
      <c r="B1715" s="239">
        <v>17.027999999999999</v>
      </c>
      <c r="C1715" s="3">
        <f t="shared" si="392"/>
        <v>17.020999999999997</v>
      </c>
      <c r="D1715" s="239">
        <v>0.46200000000000002</v>
      </c>
      <c r="E1715" s="239">
        <v>9.9000000000000008E-3</v>
      </c>
      <c r="F1715" s="239">
        <v>0.44529999999999997</v>
      </c>
      <c r="G1715">
        <f t="shared" si="393"/>
        <v>0.55105999999999999</v>
      </c>
      <c r="H1715" s="235">
        <f t="shared" si="394"/>
        <v>1.7965375821144702</v>
      </c>
      <c r="I1715" s="236">
        <f t="shared" si="395"/>
        <v>15.699737078880887</v>
      </c>
      <c r="J1715" s="237">
        <f t="shared" si="400"/>
        <v>5.6997370788808865</v>
      </c>
      <c r="K1715" s="237">
        <f t="shared" si="396"/>
        <v>267.22522481963153</v>
      </c>
      <c r="L1715" s="237">
        <f t="shared" si="401"/>
        <v>97.055122979183722</v>
      </c>
      <c r="M1715" s="236">
        <f t="shared" si="397"/>
        <v>2.9244697906492272</v>
      </c>
      <c r="N1715" s="236">
        <f t="shared" si="398"/>
        <v>3.4879447008242206</v>
      </c>
      <c r="O1715" s="236">
        <f t="shared" si="402"/>
        <v>3.4828701311634407</v>
      </c>
      <c r="P1715" s="236" t="str">
        <f t="shared" si="403"/>
        <v>CLAY</v>
      </c>
      <c r="Q1715" s="236">
        <f t="shared" si="399"/>
        <v>23.652897931697368</v>
      </c>
      <c r="R1715" s="238">
        <v>35</v>
      </c>
      <c r="S1715" s="236">
        <f t="shared" si="404"/>
        <v>0.9560903462058451</v>
      </c>
      <c r="T1715" s="236" t="e">
        <f t="shared" si="390"/>
        <v>#N/A</v>
      </c>
    </row>
    <row r="1716" spans="1:20" x14ac:dyDescent="0.2">
      <c r="A1716" s="53">
        <f t="shared" si="391"/>
        <v>1704</v>
      </c>
      <c r="B1716" s="239">
        <v>17.038</v>
      </c>
      <c r="C1716" s="3">
        <f t="shared" si="392"/>
        <v>17.030999999999999</v>
      </c>
      <c r="D1716" s="239">
        <v>0.46550000000000002</v>
      </c>
      <c r="E1716" s="239">
        <v>9.7999999999999997E-3</v>
      </c>
      <c r="F1716" s="239">
        <v>0.44230000000000003</v>
      </c>
      <c r="G1716">
        <f t="shared" si="393"/>
        <v>0.55396000000000001</v>
      </c>
      <c r="H1716" s="235">
        <f t="shared" si="394"/>
        <v>1.7690808000577658</v>
      </c>
      <c r="I1716" s="236">
        <f t="shared" si="395"/>
        <v>15.689884024686869</v>
      </c>
      <c r="J1716" s="237">
        <f t="shared" si="400"/>
        <v>5.6898840246868687</v>
      </c>
      <c r="K1716" s="237">
        <f t="shared" si="396"/>
        <v>267.21441482444203</v>
      </c>
      <c r="L1716" s="237">
        <f t="shared" si="401"/>
        <v>96.944244012614874</v>
      </c>
      <c r="M1716" s="236">
        <f t="shared" si="397"/>
        <v>2.9578402317340804</v>
      </c>
      <c r="N1716" s="236">
        <f t="shared" si="398"/>
        <v>3.4176637781537305</v>
      </c>
      <c r="O1716" s="236">
        <f t="shared" si="402"/>
        <v>3.4741501495770102</v>
      </c>
      <c r="P1716" s="236" t="str">
        <f t="shared" si="403"/>
        <v>CLAY</v>
      </c>
      <c r="Q1716" s="236">
        <f t="shared" si="399"/>
        <v>23.8954654312965</v>
      </c>
      <c r="R1716" s="238">
        <v>35</v>
      </c>
      <c r="S1716" s="236">
        <f t="shared" si="404"/>
        <v>0.96974689656658375</v>
      </c>
      <c r="T1716" s="236" t="e">
        <f t="shared" si="390"/>
        <v>#N/A</v>
      </c>
    </row>
    <row r="1717" spans="1:20" x14ac:dyDescent="0.2">
      <c r="A1717" s="53">
        <f t="shared" si="391"/>
        <v>1705</v>
      </c>
      <c r="B1717" s="239">
        <v>17.047999999999998</v>
      </c>
      <c r="C1717" s="3">
        <f t="shared" si="392"/>
        <v>17.040999999999997</v>
      </c>
      <c r="D1717" s="239">
        <v>0.46610000000000001</v>
      </c>
      <c r="E1717" s="239">
        <v>9.7999999999999997E-3</v>
      </c>
      <c r="F1717" s="239">
        <v>0.43919999999999998</v>
      </c>
      <c r="G1717">
        <f t="shared" si="393"/>
        <v>0.55393999999999999</v>
      </c>
      <c r="H1717" s="235">
        <f t="shared" si="394"/>
        <v>1.7691446727082356</v>
      </c>
      <c r="I1717" s="236">
        <f t="shared" si="395"/>
        <v>15.689869912762191</v>
      </c>
      <c r="J1717" s="237">
        <f t="shared" si="400"/>
        <v>5.689869912762191</v>
      </c>
      <c r="K1717" s="237">
        <f t="shared" si="396"/>
        <v>267.37107318338047</v>
      </c>
      <c r="L1717" s="237">
        <f t="shared" si="401"/>
        <v>97.000902272769821</v>
      </c>
      <c r="M1717" s="236">
        <f t="shared" si="397"/>
        <v>2.9542913529894594</v>
      </c>
      <c r="N1717" s="236">
        <f t="shared" si="398"/>
        <v>3.4197706321003856</v>
      </c>
      <c r="O1717" s="236">
        <f t="shared" si="402"/>
        <v>3.4747353375222407</v>
      </c>
      <c r="P1717" s="236" t="str">
        <f t="shared" si="403"/>
        <v>CLAY</v>
      </c>
      <c r="Q1717" s="236">
        <f t="shared" si="399"/>
        <v>23.880743901384957</v>
      </c>
      <c r="R1717" s="238">
        <v>35</v>
      </c>
      <c r="S1717" s="236">
        <f t="shared" si="404"/>
        <v>0.968292711428827</v>
      </c>
      <c r="T1717" s="236" t="e">
        <f t="shared" si="390"/>
        <v>#N/A</v>
      </c>
    </row>
    <row r="1718" spans="1:20" x14ac:dyDescent="0.2">
      <c r="A1718" s="53">
        <f t="shared" si="391"/>
        <v>1706</v>
      </c>
      <c r="B1718" s="239">
        <v>17.058</v>
      </c>
      <c r="C1718" s="3">
        <f t="shared" si="392"/>
        <v>17.050999999999998</v>
      </c>
      <c r="D1718" s="239">
        <v>0.46129999999999999</v>
      </c>
      <c r="E1718" s="239">
        <v>9.7999999999999997E-3</v>
      </c>
      <c r="F1718" s="239">
        <v>0.44519999999999998</v>
      </c>
      <c r="G1718">
        <f t="shared" si="393"/>
        <v>0.55033999999999994</v>
      </c>
      <c r="H1718" s="235">
        <f t="shared" si="394"/>
        <v>1.7807173747138134</v>
      </c>
      <c r="I1718" s="236">
        <f t="shared" si="395"/>
        <v>15.687321430300717</v>
      </c>
      <c r="J1718" s="237">
        <f t="shared" si="400"/>
        <v>5.6873214303007167</v>
      </c>
      <c r="K1718" s="237">
        <f t="shared" si="396"/>
        <v>267.48451770805747</v>
      </c>
      <c r="L1718" s="237">
        <f t="shared" si="401"/>
        <v>97.014328958069626</v>
      </c>
      <c r="M1718" s="236">
        <f t="shared" si="397"/>
        <v>2.9156052031674089</v>
      </c>
      <c r="N1718" s="236">
        <f t="shared" si="398"/>
        <v>3.4646668046140841</v>
      </c>
      <c r="O1718" s="236">
        <f t="shared" si="402"/>
        <v>3.4825370053538878</v>
      </c>
      <c r="P1718" s="236" t="str">
        <f t="shared" si="403"/>
        <v>CLAY</v>
      </c>
      <c r="Q1718" s="236">
        <f t="shared" si="399"/>
        <v>23.571290190995203</v>
      </c>
      <c r="R1718" s="238">
        <v>35</v>
      </c>
      <c r="S1718" s="236">
        <f t="shared" si="404"/>
        <v>0.9524691202234018</v>
      </c>
      <c r="T1718" s="236" t="e">
        <f t="shared" si="390"/>
        <v>#N/A</v>
      </c>
    </row>
    <row r="1719" spans="1:20" x14ac:dyDescent="0.2">
      <c r="A1719" s="53">
        <f t="shared" si="391"/>
        <v>1707</v>
      </c>
      <c r="B1719" s="239">
        <v>17.068000000000001</v>
      </c>
      <c r="C1719" s="3">
        <f t="shared" si="392"/>
        <v>17.061</v>
      </c>
      <c r="D1719" s="239">
        <v>0.4602</v>
      </c>
      <c r="E1719" s="239">
        <v>9.9000000000000008E-3</v>
      </c>
      <c r="F1719" s="239">
        <v>0.44879999999999998</v>
      </c>
      <c r="G1719">
        <f t="shared" si="393"/>
        <v>0.54996</v>
      </c>
      <c r="H1719" s="235">
        <f t="shared" si="394"/>
        <v>1.8001309186122627</v>
      </c>
      <c r="I1719" s="236">
        <f t="shared" si="395"/>
        <v>15.69895607275904</v>
      </c>
      <c r="J1719" s="237">
        <f t="shared" si="400"/>
        <v>5.6989560727590405</v>
      </c>
      <c r="K1719" s="237">
        <f t="shared" si="396"/>
        <v>267.83988955734196</v>
      </c>
      <c r="L1719" s="237">
        <f t="shared" si="401"/>
        <v>97.269782249851318</v>
      </c>
      <c r="M1719" s="236">
        <f t="shared" si="397"/>
        <v>2.9003880127745356</v>
      </c>
      <c r="N1719" s="236">
        <f t="shared" si="398"/>
        <v>3.5091436709231725</v>
      </c>
      <c r="O1719" s="236">
        <f t="shared" si="402"/>
        <v>3.4872991553769652</v>
      </c>
      <c r="P1719" s="236" t="str">
        <f t="shared" si="403"/>
        <v>CLAY</v>
      </c>
      <c r="Q1719" s="236">
        <f t="shared" si="399"/>
        <v>23.510009203554841</v>
      </c>
      <c r="R1719" s="238">
        <v>35</v>
      </c>
      <c r="S1719" s="236">
        <f t="shared" si="404"/>
        <v>0.94625924495411173</v>
      </c>
      <c r="T1719" s="236" t="e">
        <f t="shared" si="390"/>
        <v>#N/A</v>
      </c>
    </row>
    <row r="1720" spans="1:20" x14ac:dyDescent="0.2">
      <c r="A1720" s="53">
        <f t="shared" si="391"/>
        <v>1708</v>
      </c>
      <c r="B1720" s="239">
        <v>17.077999999999999</v>
      </c>
      <c r="C1720" s="3">
        <f t="shared" si="392"/>
        <v>17.070999999999998</v>
      </c>
      <c r="D1720" s="239">
        <v>0.45989999999999998</v>
      </c>
      <c r="E1720" s="239">
        <v>9.9000000000000008E-3</v>
      </c>
      <c r="F1720" s="239">
        <v>0.4511</v>
      </c>
      <c r="G1720">
        <f t="shared" si="393"/>
        <v>0.55011999999999994</v>
      </c>
      <c r="H1720" s="235">
        <f t="shared" si="394"/>
        <v>1.7996073583945325</v>
      </c>
      <c r="I1720" s="236">
        <f t="shared" si="395"/>
        <v>15.699069770682531</v>
      </c>
      <c r="J1720" s="237">
        <f t="shared" si="400"/>
        <v>5.6990697706825308</v>
      </c>
      <c r="K1720" s="237">
        <f t="shared" si="396"/>
        <v>267.99882005532146</v>
      </c>
      <c r="L1720" s="237">
        <f t="shared" si="401"/>
        <v>97.328713543716262</v>
      </c>
      <c r="M1720" s="236">
        <f t="shared" si="397"/>
        <v>2.8986428534058515</v>
      </c>
      <c r="N1720" s="236">
        <f t="shared" si="398"/>
        <v>3.5091303680004833</v>
      </c>
      <c r="O1720" s="236">
        <f t="shared" si="402"/>
        <v>3.48752375719695</v>
      </c>
      <c r="P1720" s="236" t="str">
        <f t="shared" si="403"/>
        <v>CLAY</v>
      </c>
      <c r="Q1720" s="236">
        <f t="shared" si="399"/>
        <v>23.510098328723203</v>
      </c>
      <c r="R1720" s="238">
        <v>35</v>
      </c>
      <c r="S1720" s="236">
        <f t="shared" si="404"/>
        <v>0.94554759492790819</v>
      </c>
      <c r="T1720" s="236" t="e">
        <f t="shared" si="390"/>
        <v>#N/A</v>
      </c>
    </row>
    <row r="1721" spans="1:20" x14ac:dyDescent="0.2">
      <c r="A1721" s="53">
        <f t="shared" si="391"/>
        <v>1709</v>
      </c>
      <c r="B1721" s="239">
        <v>17.087</v>
      </c>
      <c r="C1721" s="3">
        <f t="shared" si="392"/>
        <v>17.079999999999998</v>
      </c>
      <c r="D1721" s="239">
        <v>0.45929999999999999</v>
      </c>
      <c r="E1721" s="239">
        <v>9.7999999999999997E-3</v>
      </c>
      <c r="F1721" s="239">
        <v>0.45090000000000002</v>
      </c>
      <c r="G1721">
        <f t="shared" si="393"/>
        <v>0.54947999999999997</v>
      </c>
      <c r="H1721" s="235">
        <f t="shared" si="394"/>
        <v>1.7835044041639367</v>
      </c>
      <c r="I1721" s="236">
        <f t="shared" si="395"/>
        <v>15.686710159370012</v>
      </c>
      <c r="J1721" s="237">
        <f t="shared" si="400"/>
        <v>5.686710159370012</v>
      </c>
      <c r="K1721" s="237">
        <f t="shared" si="396"/>
        <v>267.92900952203979</v>
      </c>
      <c r="L1721" s="237">
        <f t="shared" si="401"/>
        <v>97.16881649315539</v>
      </c>
      <c r="M1721" s="236">
        <f t="shared" si="397"/>
        <v>2.8975447127916061</v>
      </c>
      <c r="N1721" s="236">
        <f t="shared" si="398"/>
        <v>3.4807194190166211</v>
      </c>
      <c r="O1721" s="236">
        <f t="shared" si="402"/>
        <v>3.48588014176734</v>
      </c>
      <c r="P1721" s="236" t="str">
        <f t="shared" si="403"/>
        <v>CLAY</v>
      </c>
      <c r="Q1721" s="236">
        <f t="shared" si="399"/>
        <v>23.46258253983002</v>
      </c>
      <c r="R1721" s="238">
        <v>35</v>
      </c>
      <c r="S1721" s="236">
        <f t="shared" si="404"/>
        <v>0.94509984442322637</v>
      </c>
      <c r="T1721" s="236" t="e">
        <f t="shared" si="390"/>
        <v>#N/A</v>
      </c>
    </row>
    <row r="1722" spans="1:20" x14ac:dyDescent="0.2">
      <c r="A1722" s="53">
        <f t="shared" si="391"/>
        <v>1710</v>
      </c>
      <c r="B1722" s="239">
        <v>17.097999999999999</v>
      </c>
      <c r="C1722" s="3">
        <f t="shared" si="392"/>
        <v>17.090999999999998</v>
      </c>
      <c r="D1722" s="239">
        <v>0.45810000000000001</v>
      </c>
      <c r="E1722" s="239">
        <v>9.7999999999999997E-3</v>
      </c>
      <c r="F1722" s="239">
        <v>0.45050000000000001</v>
      </c>
      <c r="G1722">
        <f t="shared" si="393"/>
        <v>0.54820000000000002</v>
      </c>
      <c r="H1722" s="235">
        <f t="shared" si="394"/>
        <v>1.7876687340386717</v>
      </c>
      <c r="I1722" s="236">
        <f t="shared" si="395"/>
        <v>15.685798586835354</v>
      </c>
      <c r="J1722" s="237">
        <f t="shared" si="400"/>
        <v>5.6857985868353538</v>
      </c>
      <c r="K1722" s="237">
        <f t="shared" si="396"/>
        <v>268.08598364760297</v>
      </c>
      <c r="L1722" s="237">
        <f t="shared" si="401"/>
        <v>97.215784237710878</v>
      </c>
      <c r="M1722" s="236">
        <f t="shared" si="397"/>
        <v>2.8813635414128389</v>
      </c>
      <c r="N1722" s="236">
        <f t="shared" si="398"/>
        <v>3.4985753757038425</v>
      </c>
      <c r="O1722" s="236">
        <f t="shared" si="402"/>
        <v>3.489101911640256</v>
      </c>
      <c r="P1722" s="236" t="str">
        <f t="shared" si="403"/>
        <v>CLAY</v>
      </c>
      <c r="Q1722" s="236">
        <f t="shared" si="399"/>
        <v>23.342834696033091</v>
      </c>
      <c r="R1722" s="238">
        <v>35</v>
      </c>
      <c r="S1722" s="236">
        <f t="shared" si="404"/>
        <v>0.93850713667779584</v>
      </c>
      <c r="T1722" s="236" t="e">
        <f t="shared" si="390"/>
        <v>#N/A</v>
      </c>
    </row>
    <row r="1723" spans="1:20" x14ac:dyDescent="0.2">
      <c r="A1723" s="53">
        <f t="shared" si="391"/>
        <v>1711</v>
      </c>
      <c r="B1723" s="239">
        <v>17.108000000000001</v>
      </c>
      <c r="C1723" s="3">
        <f t="shared" si="392"/>
        <v>17.100999999999999</v>
      </c>
      <c r="D1723" s="239">
        <v>0.45650000000000002</v>
      </c>
      <c r="E1723" s="239">
        <v>9.5999999999999992E-3</v>
      </c>
      <c r="F1723" s="239">
        <v>0.44869999999999999</v>
      </c>
      <c r="G1723">
        <f t="shared" si="393"/>
        <v>0.54623999999999995</v>
      </c>
      <c r="H1723" s="235">
        <f t="shared" si="394"/>
        <v>1.7574692442882252</v>
      </c>
      <c r="I1723" s="236">
        <f t="shared" si="395"/>
        <v>15.660220533080498</v>
      </c>
      <c r="J1723" s="237">
        <f t="shared" si="400"/>
        <v>5.6602205330804978</v>
      </c>
      <c r="K1723" s="237">
        <f t="shared" si="396"/>
        <v>267.80543133620955</v>
      </c>
      <c r="L1723" s="237">
        <f t="shared" si="401"/>
        <v>96.835052879941159</v>
      </c>
      <c r="M1723" s="236">
        <f t="shared" si="397"/>
        <v>2.8753489607632208</v>
      </c>
      <c r="N1723" s="236">
        <f t="shared" si="398"/>
        <v>3.447847746086441</v>
      </c>
      <c r="O1723" s="236">
        <f t="shared" si="402"/>
        <v>3.4866832087833992</v>
      </c>
      <c r="P1723" s="236" t="str">
        <f t="shared" si="403"/>
        <v>CLAY</v>
      </c>
      <c r="Q1723" s="236">
        <f t="shared" si="399"/>
        <v>23.202880721982527</v>
      </c>
      <c r="R1723" s="238">
        <v>35</v>
      </c>
      <c r="S1723" s="236">
        <f t="shared" si="404"/>
        <v>0.93605896710567904</v>
      </c>
      <c r="T1723" s="236" t="e">
        <f t="shared" si="390"/>
        <v>#N/A</v>
      </c>
    </row>
    <row r="1724" spans="1:20" x14ac:dyDescent="0.2">
      <c r="A1724" s="53">
        <f t="shared" si="391"/>
        <v>1712</v>
      </c>
      <c r="B1724" s="239">
        <v>17.117999999999999</v>
      </c>
      <c r="C1724" s="3">
        <f t="shared" si="392"/>
        <v>17.110999999999997</v>
      </c>
      <c r="D1724" s="239">
        <v>0.45789999999999997</v>
      </c>
      <c r="E1724" s="239">
        <v>9.7000000000000003E-3</v>
      </c>
      <c r="F1724" s="239">
        <v>0.44719999999999999</v>
      </c>
      <c r="G1724">
        <f t="shared" si="393"/>
        <v>0.54733999999999994</v>
      </c>
      <c r="H1724" s="235">
        <f t="shared" si="394"/>
        <v>1.7722074030766983</v>
      </c>
      <c r="I1724" s="236">
        <f t="shared" si="395"/>
        <v>15.673158205970585</v>
      </c>
      <c r="J1724" s="237">
        <f t="shared" si="400"/>
        <v>5.6731582059705854</v>
      </c>
      <c r="K1724" s="237">
        <f t="shared" si="396"/>
        <v>268.18341006236267</v>
      </c>
      <c r="L1724" s="237">
        <f t="shared" si="401"/>
        <v>97.11312216980447</v>
      </c>
      <c r="M1724" s="236">
        <f t="shared" si="397"/>
        <v>2.8745506652491897</v>
      </c>
      <c r="N1724" s="236">
        <f t="shared" si="398"/>
        <v>3.4747522894469203</v>
      </c>
      <c r="O1724" s="236">
        <f t="shared" si="402"/>
        <v>3.4884901668375221</v>
      </c>
      <c r="P1724" s="236" t="str">
        <f t="shared" si="403"/>
        <v>CLAY</v>
      </c>
      <c r="Q1724" s="236">
        <f t="shared" si="399"/>
        <v>23.26304916146977</v>
      </c>
      <c r="R1724" s="238">
        <v>35</v>
      </c>
      <c r="S1724" s="236">
        <f t="shared" si="404"/>
        <v>0.93573412577777937</v>
      </c>
      <c r="T1724" s="236" t="e">
        <f t="shared" si="390"/>
        <v>#N/A</v>
      </c>
    </row>
    <row r="1725" spans="1:20" x14ac:dyDescent="0.2">
      <c r="A1725" s="53">
        <f t="shared" si="391"/>
        <v>1713</v>
      </c>
      <c r="B1725" s="239">
        <v>17.128</v>
      </c>
      <c r="C1725" s="3">
        <f t="shared" si="392"/>
        <v>17.120999999999999</v>
      </c>
      <c r="D1725" s="239">
        <v>0.46089999999999998</v>
      </c>
      <c r="E1725" s="239">
        <v>9.7000000000000003E-3</v>
      </c>
      <c r="F1725" s="239">
        <v>0.44440000000000002</v>
      </c>
      <c r="G1725">
        <f t="shared" si="393"/>
        <v>0.54977999999999994</v>
      </c>
      <c r="H1725" s="235">
        <f t="shared" si="394"/>
        <v>1.7643421004765545</v>
      </c>
      <c r="I1725" s="236">
        <f t="shared" si="395"/>
        <v>15.674896780155139</v>
      </c>
      <c r="J1725" s="237">
        <f t="shared" si="400"/>
        <v>5.6748967801551391</v>
      </c>
      <c r="K1725" s="237">
        <f t="shared" si="396"/>
        <v>268.36990777303612</v>
      </c>
      <c r="L1725" s="237">
        <f t="shared" si="401"/>
        <v>97.199632050497229</v>
      </c>
      <c r="M1725" s="236">
        <f t="shared" si="397"/>
        <v>2.8951765175486002</v>
      </c>
      <c r="N1725" s="236">
        <f t="shared" si="398"/>
        <v>3.4469268401990085</v>
      </c>
      <c r="O1725" s="236">
        <f t="shared" si="402"/>
        <v>3.484047428636293</v>
      </c>
      <c r="P1725" s="236" t="str">
        <f t="shared" si="403"/>
        <v>CLAY</v>
      </c>
      <c r="Q1725" s="236">
        <f t="shared" si="399"/>
        <v>23.450841018913653</v>
      </c>
      <c r="R1725" s="238">
        <v>35</v>
      </c>
      <c r="S1725" s="236">
        <f t="shared" si="404"/>
        <v>0.944134392433019</v>
      </c>
      <c r="T1725" s="236" t="e">
        <f t="shared" si="390"/>
        <v>#N/A</v>
      </c>
    </row>
    <row r="1726" spans="1:20" x14ac:dyDescent="0.2">
      <c r="A1726" s="53">
        <f t="shared" si="391"/>
        <v>1714</v>
      </c>
      <c r="B1726" s="239">
        <v>17.138999999999999</v>
      </c>
      <c r="C1726" s="3">
        <f t="shared" si="392"/>
        <v>17.131999999999998</v>
      </c>
      <c r="D1726" s="239">
        <v>0.46260000000000001</v>
      </c>
      <c r="E1726" s="239">
        <v>9.7999999999999997E-3</v>
      </c>
      <c r="F1726" s="239">
        <v>0.4466</v>
      </c>
      <c r="G1726">
        <f t="shared" si="393"/>
        <v>0.55191999999999997</v>
      </c>
      <c r="H1726" s="235">
        <f t="shared" si="394"/>
        <v>1.775619655022467</v>
      </c>
      <c r="I1726" s="236">
        <f t="shared" si="395"/>
        <v>15.688441977496907</v>
      </c>
      <c r="J1726" s="237">
        <f t="shared" si="400"/>
        <v>5.6884419774969075</v>
      </c>
      <c r="K1726" s="237">
        <f t="shared" si="396"/>
        <v>268.77438795847701</v>
      </c>
      <c r="L1726" s="237">
        <f t="shared" si="401"/>
        <v>97.494207052319496</v>
      </c>
      <c r="M1726" s="236">
        <f t="shared" si="397"/>
        <v>2.9042301137910185</v>
      </c>
      <c r="N1726" s="236">
        <f t="shared" si="398"/>
        <v>3.4611166775075577</v>
      </c>
      <c r="O1726" s="236">
        <f t="shared" si="402"/>
        <v>3.4837772891018375</v>
      </c>
      <c r="P1726" s="236" t="str">
        <f t="shared" si="403"/>
        <v>CLAY</v>
      </c>
      <c r="Q1726" s="236">
        <f t="shared" si="399"/>
        <v>23.595467670126911</v>
      </c>
      <c r="R1726" s="238">
        <v>35</v>
      </c>
      <c r="S1726" s="236">
        <f t="shared" si="404"/>
        <v>0.94782637381700707</v>
      </c>
      <c r="T1726" s="236" t="e">
        <f t="shared" si="390"/>
        <v>#N/A</v>
      </c>
    </row>
    <row r="1727" spans="1:20" x14ac:dyDescent="0.2">
      <c r="A1727" s="53">
        <f t="shared" si="391"/>
        <v>1715</v>
      </c>
      <c r="B1727" s="239">
        <v>17.148</v>
      </c>
      <c r="C1727" s="3">
        <f t="shared" si="392"/>
        <v>17.140999999999998</v>
      </c>
      <c r="D1727" s="239">
        <v>0.4667</v>
      </c>
      <c r="E1727" s="239">
        <v>9.7999999999999997E-3</v>
      </c>
      <c r="F1727" s="239">
        <v>0.44979999999999998</v>
      </c>
      <c r="G1727">
        <f t="shared" si="393"/>
        <v>0.55665999999999993</v>
      </c>
      <c r="H1727" s="235">
        <f t="shared" si="394"/>
        <v>1.7605001257500092</v>
      </c>
      <c r="I1727" s="236">
        <f t="shared" si="395"/>
        <v>15.691784472490953</v>
      </c>
      <c r="J1727" s="237">
        <f t="shared" si="400"/>
        <v>5.6917844724909532</v>
      </c>
      <c r="K1727" s="237">
        <f t="shared" si="396"/>
        <v>268.97287764296738</v>
      </c>
      <c r="L1727" s="237">
        <f t="shared" si="401"/>
        <v>97.602720134274861</v>
      </c>
      <c r="M1727" s="236">
        <f t="shared" si="397"/>
        <v>2.9475318101918999</v>
      </c>
      <c r="N1727" s="236">
        <f t="shared" si="398"/>
        <v>3.406478510302509</v>
      </c>
      <c r="O1727" s="236">
        <f t="shared" si="402"/>
        <v>3.4747409100683786</v>
      </c>
      <c r="P1727" s="236" t="str">
        <f t="shared" si="403"/>
        <v>CLAY</v>
      </c>
      <c r="Q1727" s="236">
        <f t="shared" si="399"/>
        <v>23.973926863086049</v>
      </c>
      <c r="R1727" s="238">
        <v>35</v>
      </c>
      <c r="S1727" s="236">
        <f t="shared" si="404"/>
        <v>0.96552413590443931</v>
      </c>
      <c r="T1727" s="236" t="e">
        <f t="shared" si="390"/>
        <v>#N/A</v>
      </c>
    </row>
    <row r="1728" spans="1:20" x14ac:dyDescent="0.2">
      <c r="A1728" s="53">
        <f t="shared" si="391"/>
        <v>1716</v>
      </c>
      <c r="B1728" s="239">
        <v>17.158000000000001</v>
      </c>
      <c r="C1728" s="3">
        <f t="shared" si="392"/>
        <v>17.151</v>
      </c>
      <c r="D1728" s="239">
        <v>0.4622</v>
      </c>
      <c r="E1728" s="239">
        <v>9.9000000000000008E-3</v>
      </c>
      <c r="F1728" s="239">
        <v>0.45190000000000002</v>
      </c>
      <c r="G1728">
        <f t="shared" si="393"/>
        <v>0.55257999999999996</v>
      </c>
      <c r="H1728" s="235">
        <f t="shared" si="394"/>
        <v>1.7915957870353616</v>
      </c>
      <c r="I1728" s="236">
        <f t="shared" si="395"/>
        <v>15.70081372566225</v>
      </c>
      <c r="J1728" s="237">
        <f t="shared" si="400"/>
        <v>5.7008137256622504</v>
      </c>
      <c r="K1728" s="237">
        <f t="shared" si="396"/>
        <v>269.28465620883327</v>
      </c>
      <c r="L1728" s="237">
        <f t="shared" si="401"/>
        <v>97.814561904912907</v>
      </c>
      <c r="M1728" s="236">
        <f t="shared" si="397"/>
        <v>2.8962491706149294</v>
      </c>
      <c r="N1728" s="236">
        <f t="shared" si="398"/>
        <v>3.4945862037527387</v>
      </c>
      <c r="O1728" s="236">
        <f t="shared" si="402"/>
        <v>3.4869206639982613</v>
      </c>
      <c r="P1728" s="236" t="str">
        <f t="shared" si="403"/>
        <v>CLAY</v>
      </c>
      <c r="Q1728" s="236">
        <f t="shared" si="399"/>
        <v>23.607945315930554</v>
      </c>
      <c r="R1728" s="238">
        <v>35</v>
      </c>
      <c r="S1728" s="236">
        <f t="shared" si="404"/>
        <v>0.94457166091308975</v>
      </c>
      <c r="T1728" s="236" t="e">
        <f t="shared" si="390"/>
        <v>#N/A</v>
      </c>
    </row>
    <row r="1729" spans="1:20" x14ac:dyDescent="0.2">
      <c r="A1729" s="53">
        <f t="shared" si="391"/>
        <v>1717</v>
      </c>
      <c r="B1729" s="239">
        <v>17.169</v>
      </c>
      <c r="C1729" s="3">
        <f t="shared" si="392"/>
        <v>17.161999999999999</v>
      </c>
      <c r="D1729" s="239">
        <v>0.45989999999999998</v>
      </c>
      <c r="E1729" s="239">
        <v>9.7000000000000003E-3</v>
      </c>
      <c r="F1729" s="239">
        <v>0.44929999999999998</v>
      </c>
      <c r="G1729">
        <f t="shared" si="393"/>
        <v>0.54975999999999992</v>
      </c>
      <c r="H1729" s="235">
        <f t="shared" si="394"/>
        <v>1.7644062863795114</v>
      </c>
      <c r="I1729" s="236">
        <f t="shared" si="395"/>
        <v>15.674882560934964</v>
      </c>
      <c r="J1729" s="237">
        <f t="shared" si="400"/>
        <v>5.6748825609349645</v>
      </c>
      <c r="K1729" s="237">
        <f t="shared" si="396"/>
        <v>269.01233451076587</v>
      </c>
      <c r="L1729" s="237">
        <f t="shared" si="401"/>
        <v>97.432058688692408</v>
      </c>
      <c r="M1729" s="236">
        <f t="shared" si="397"/>
        <v>2.881471142740172</v>
      </c>
      <c r="N1729" s="236">
        <f t="shared" si="398"/>
        <v>3.4550598962583257</v>
      </c>
      <c r="O1729" s="236">
        <f t="shared" si="402"/>
        <v>3.4863431048626272</v>
      </c>
      <c r="P1729" s="236" t="str">
        <f t="shared" si="403"/>
        <v>CLAY</v>
      </c>
      <c r="Q1729" s="236">
        <f t="shared" si="399"/>
        <v>23.3956387907695</v>
      </c>
      <c r="R1729" s="238">
        <v>35</v>
      </c>
      <c r="S1729" s="236">
        <f t="shared" si="404"/>
        <v>0.93855094626809776</v>
      </c>
      <c r="T1729" s="236" t="e">
        <f t="shared" si="390"/>
        <v>#N/A</v>
      </c>
    </row>
    <row r="1730" spans="1:20" x14ac:dyDescent="0.2">
      <c r="A1730" s="53">
        <f t="shared" si="391"/>
        <v>1718</v>
      </c>
      <c r="B1730" s="239">
        <v>17.178999999999998</v>
      </c>
      <c r="C1730" s="3">
        <f t="shared" si="392"/>
        <v>17.171999999999997</v>
      </c>
      <c r="D1730" s="239">
        <v>0.4587</v>
      </c>
      <c r="E1730" s="239">
        <v>9.7000000000000003E-3</v>
      </c>
      <c r="F1730" s="239">
        <v>0.45269999999999999</v>
      </c>
      <c r="G1730">
        <f t="shared" si="393"/>
        <v>0.54923999999999995</v>
      </c>
      <c r="H1730" s="235">
        <f t="shared" si="394"/>
        <v>1.7660767606146679</v>
      </c>
      <c r="I1730" s="236">
        <f t="shared" si="395"/>
        <v>15.674512679528778</v>
      </c>
      <c r="J1730" s="237">
        <f t="shared" si="400"/>
        <v>5.6745126795287781</v>
      </c>
      <c r="K1730" s="237">
        <f t="shared" si="396"/>
        <v>269.16273173286811</v>
      </c>
      <c r="L1730" s="237">
        <f t="shared" si="401"/>
        <v>97.482453321624874</v>
      </c>
      <c r="M1730" s="236">
        <f t="shared" si="397"/>
        <v>2.8731044277586033</v>
      </c>
      <c r="N1730" s="236">
        <f t="shared" si="398"/>
        <v>3.463329980335407</v>
      </c>
      <c r="O1730" s="236">
        <f t="shared" si="402"/>
        <v>3.4879572686530169</v>
      </c>
      <c r="P1730" s="236" t="str">
        <f t="shared" si="403"/>
        <v>CLAY</v>
      </c>
      <c r="Q1730" s="236">
        <f t="shared" si="399"/>
        <v>23.339772355594317</v>
      </c>
      <c r="R1730" s="238">
        <v>35</v>
      </c>
      <c r="S1730" s="236">
        <f t="shared" si="404"/>
        <v>0.93514568222062344</v>
      </c>
      <c r="T1730" s="236" t="e">
        <f t="shared" si="390"/>
        <v>#N/A</v>
      </c>
    </row>
    <row r="1731" spans="1:20" x14ac:dyDescent="0.2">
      <c r="A1731" s="53">
        <f t="shared" si="391"/>
        <v>1719</v>
      </c>
      <c r="B1731" s="239">
        <v>17.187999999999999</v>
      </c>
      <c r="C1731" s="3">
        <f t="shared" si="392"/>
        <v>17.180999999999997</v>
      </c>
      <c r="D1731" s="239">
        <v>0.4592</v>
      </c>
      <c r="E1731" s="239">
        <v>9.4999999999999998E-3</v>
      </c>
      <c r="F1731" s="239">
        <v>0.45119999999999999</v>
      </c>
      <c r="G1731">
        <f t="shared" si="393"/>
        <v>0.54943999999999993</v>
      </c>
      <c r="H1731" s="235">
        <f t="shared" si="394"/>
        <v>1.7290331974373911</v>
      </c>
      <c r="I1731" s="236">
        <f t="shared" si="395"/>
        <v>15.650225034795115</v>
      </c>
      <c r="J1731" s="237">
        <f t="shared" si="400"/>
        <v>5.6502250347951151</v>
      </c>
      <c r="K1731" s="237">
        <f t="shared" si="396"/>
        <v>268.88651632281483</v>
      </c>
      <c r="L1731" s="237">
        <f t="shared" si="401"/>
        <v>97.116067898058432</v>
      </c>
      <c r="M1731" s="236">
        <f t="shared" si="397"/>
        <v>2.8888472293964655</v>
      </c>
      <c r="N1731" s="236">
        <f t="shared" si="398"/>
        <v>3.3861636203851386</v>
      </c>
      <c r="O1731" s="236">
        <f t="shared" si="402"/>
        <v>3.4809792376392386</v>
      </c>
      <c r="P1731" s="236" t="str">
        <f t="shared" si="403"/>
        <v>CLAY</v>
      </c>
      <c r="Q1731" s="236">
        <f t="shared" si="399"/>
        <v>23.379456973098758</v>
      </c>
      <c r="R1731" s="238">
        <v>35</v>
      </c>
      <c r="S1731" s="236">
        <f t="shared" si="404"/>
        <v>0.94155507441763864</v>
      </c>
      <c r="T1731" s="236" t="e">
        <f t="shared" si="390"/>
        <v>#N/A</v>
      </c>
    </row>
    <row r="1732" spans="1:20" x14ac:dyDescent="0.2">
      <c r="A1732" s="53">
        <f t="shared" si="391"/>
        <v>1720</v>
      </c>
      <c r="B1732" s="239">
        <v>17.199000000000002</v>
      </c>
      <c r="C1732" s="3">
        <f t="shared" si="392"/>
        <v>17.192</v>
      </c>
      <c r="D1732" s="239">
        <v>0.46539999999999998</v>
      </c>
      <c r="E1732" s="239">
        <v>9.5999999999999992E-3</v>
      </c>
      <c r="F1732" s="239">
        <v>0.4501</v>
      </c>
      <c r="G1732">
        <f t="shared" si="393"/>
        <v>0.55541999999999991</v>
      </c>
      <c r="H1732" s="235">
        <f t="shared" si="394"/>
        <v>1.7284217349033164</v>
      </c>
      <c r="I1732" s="236">
        <f t="shared" si="395"/>
        <v>15.666734746290956</v>
      </c>
      <c r="J1732" s="237">
        <f t="shared" si="400"/>
        <v>5.6667347462909561</v>
      </c>
      <c r="K1732" s="237">
        <f t="shared" si="396"/>
        <v>269.3425037582341</v>
      </c>
      <c r="L1732" s="237">
        <f t="shared" si="401"/>
        <v>97.462170901458165</v>
      </c>
      <c r="M1732" s="236">
        <f t="shared" si="397"/>
        <v>2.9352670230484859</v>
      </c>
      <c r="N1732" s="236">
        <f t="shared" si="398"/>
        <v>3.355734067207782</v>
      </c>
      <c r="O1732" s="236">
        <f t="shared" si="402"/>
        <v>3.4730237495706109</v>
      </c>
      <c r="P1732" s="236" t="str">
        <f t="shared" si="403"/>
        <v>CLAY</v>
      </c>
      <c r="Q1732" s="236">
        <f t="shared" si="399"/>
        <v>23.839791353480489</v>
      </c>
      <c r="R1732" s="238">
        <v>35</v>
      </c>
      <c r="S1732" s="236">
        <f t="shared" si="404"/>
        <v>0.96050477436537174</v>
      </c>
      <c r="T1732" s="236" t="e">
        <f t="shared" si="390"/>
        <v>#N/A</v>
      </c>
    </row>
    <row r="1733" spans="1:20" x14ac:dyDescent="0.2">
      <c r="A1733" s="53">
        <f t="shared" si="391"/>
        <v>1721</v>
      </c>
      <c r="B1733" s="239">
        <v>17.207999999999998</v>
      </c>
      <c r="C1733" s="3">
        <f t="shared" si="392"/>
        <v>17.200999999999997</v>
      </c>
      <c r="D1733" s="239">
        <v>0.47010000000000002</v>
      </c>
      <c r="E1733" s="239">
        <v>9.5999999999999992E-3</v>
      </c>
      <c r="F1733" s="239">
        <v>0.4481</v>
      </c>
      <c r="G1733">
        <f t="shared" si="393"/>
        <v>0.55972</v>
      </c>
      <c r="H1733" s="235">
        <f t="shared" si="394"/>
        <v>1.7151432859286786</v>
      </c>
      <c r="I1733" s="236">
        <f t="shared" si="395"/>
        <v>15.669749126503625</v>
      </c>
      <c r="J1733" s="237">
        <f t="shared" si="400"/>
        <v>5.6697491265036248</v>
      </c>
      <c r="K1733" s="237">
        <f t="shared" si="396"/>
        <v>269.53535472498879</v>
      </c>
      <c r="L1733" s="237">
        <f t="shared" si="401"/>
        <v>97.565042968874366</v>
      </c>
      <c r="M1733" s="236">
        <f t="shared" si="397"/>
        <v>2.9742686155284863</v>
      </c>
      <c r="N1733" s="236">
        <f t="shared" si="398"/>
        <v>3.3082384462148133</v>
      </c>
      <c r="O1733" s="236">
        <f t="shared" si="402"/>
        <v>3.4649570469103455</v>
      </c>
      <c r="P1733" s="236" t="str">
        <f t="shared" si="403"/>
        <v>CLAY</v>
      </c>
      <c r="Q1733" s="236">
        <f t="shared" si="399"/>
        <v>24.182053772917602</v>
      </c>
      <c r="R1733" s="238">
        <v>35</v>
      </c>
      <c r="S1733" s="236">
        <f t="shared" si="404"/>
        <v>0.97648425319744969</v>
      </c>
      <c r="T1733" s="236" t="e">
        <f t="shared" si="390"/>
        <v>#N/A</v>
      </c>
    </row>
    <row r="1734" spans="1:20" x14ac:dyDescent="0.2">
      <c r="A1734" s="53">
        <f t="shared" si="391"/>
        <v>1722</v>
      </c>
      <c r="B1734" s="239">
        <v>17.218</v>
      </c>
      <c r="C1734" s="3">
        <f t="shared" si="392"/>
        <v>17.210999999999999</v>
      </c>
      <c r="D1734" s="239">
        <v>0.46949999999999997</v>
      </c>
      <c r="E1734" s="239">
        <v>9.5999999999999992E-3</v>
      </c>
      <c r="F1734" s="239">
        <v>0.4486</v>
      </c>
      <c r="G1734">
        <f t="shared" si="393"/>
        <v>0.55921999999999994</v>
      </c>
      <c r="H1734" s="235">
        <f t="shared" si="394"/>
        <v>1.7166767998283323</v>
      </c>
      <c r="I1734" s="236">
        <f t="shared" si="395"/>
        <v>15.669399809239312</v>
      </c>
      <c r="J1734" s="237">
        <f t="shared" si="400"/>
        <v>5.6693998092393123</v>
      </c>
      <c r="K1734" s="237">
        <f t="shared" si="396"/>
        <v>269.68604011681776</v>
      </c>
      <c r="L1734" s="237">
        <f t="shared" si="401"/>
        <v>97.615725915482486</v>
      </c>
      <c r="M1734" s="236">
        <f t="shared" si="397"/>
        <v>2.9660585645172177</v>
      </c>
      <c r="N1734" s="236">
        <f t="shared" si="398"/>
        <v>3.3156732301362153</v>
      </c>
      <c r="O1734" s="236">
        <f t="shared" si="402"/>
        <v>3.4664847241207539</v>
      </c>
      <c r="P1734" s="236" t="str">
        <f t="shared" si="403"/>
        <v>CLAY</v>
      </c>
      <c r="Q1734" s="236">
        <f t="shared" si="399"/>
        <v>24.12782999026518</v>
      </c>
      <c r="R1734" s="238">
        <v>35</v>
      </c>
      <c r="S1734" s="236">
        <f t="shared" si="404"/>
        <v>0.97311610692572437</v>
      </c>
      <c r="T1734" s="236" t="e">
        <f t="shared" si="390"/>
        <v>#N/A</v>
      </c>
    </row>
    <row r="1735" spans="1:20" x14ac:dyDescent="0.2">
      <c r="A1735" s="53">
        <f t="shared" si="391"/>
        <v>1723</v>
      </c>
      <c r="B1735" s="239">
        <v>17.228000000000002</v>
      </c>
      <c r="C1735" s="3">
        <f t="shared" si="392"/>
        <v>17.221</v>
      </c>
      <c r="D1735" s="239">
        <v>0.46970000000000001</v>
      </c>
      <c r="E1735" s="239">
        <v>9.7000000000000003E-3</v>
      </c>
      <c r="F1735" s="239">
        <v>0.44490000000000002</v>
      </c>
      <c r="G1735">
        <f t="shared" si="393"/>
        <v>0.55867999999999995</v>
      </c>
      <c r="H1735" s="235">
        <f t="shared" si="394"/>
        <v>1.7362354120426722</v>
      </c>
      <c r="I1735" s="236">
        <f t="shared" si="395"/>
        <v>15.681173548928257</v>
      </c>
      <c r="J1735" s="237">
        <f t="shared" si="400"/>
        <v>5.6811735489282569</v>
      </c>
      <c r="K1735" s="237">
        <f t="shared" si="396"/>
        <v>270.0454896860935</v>
      </c>
      <c r="L1735" s="237">
        <f t="shared" si="401"/>
        <v>97.87525790093602</v>
      </c>
      <c r="M1735" s="236">
        <f t="shared" si="397"/>
        <v>2.9490038289967675</v>
      </c>
      <c r="N1735" s="236">
        <f t="shared" si="398"/>
        <v>3.3606514998676702</v>
      </c>
      <c r="O1735" s="236">
        <f t="shared" si="402"/>
        <v>3.4715908532887743</v>
      </c>
      <c r="P1735" s="236" t="str">
        <f t="shared" si="403"/>
        <v>CLAY</v>
      </c>
      <c r="Q1735" s="236">
        <f t="shared" si="399"/>
        <v>24.052875859492204</v>
      </c>
      <c r="R1735" s="238">
        <v>35</v>
      </c>
      <c r="S1735" s="236">
        <f t="shared" si="404"/>
        <v>0.96612691073822821</v>
      </c>
      <c r="T1735" s="236" t="e">
        <f t="shared" si="390"/>
        <v>#N/A</v>
      </c>
    </row>
    <row r="1736" spans="1:20" x14ac:dyDescent="0.2">
      <c r="A1736" s="53">
        <f t="shared" si="391"/>
        <v>1724</v>
      </c>
      <c r="B1736" s="239">
        <v>17.239000000000001</v>
      </c>
      <c r="C1736" s="3">
        <f t="shared" si="392"/>
        <v>17.231999999999999</v>
      </c>
      <c r="D1736" s="239">
        <v>0.46700000000000003</v>
      </c>
      <c r="E1736" s="239">
        <v>9.7999999999999997E-3</v>
      </c>
      <c r="F1736" s="239">
        <v>0.44840000000000002</v>
      </c>
      <c r="G1736">
        <f t="shared" si="393"/>
        <v>0.55668000000000006</v>
      </c>
      <c r="H1736" s="235">
        <f t="shared" si="394"/>
        <v>1.7604368757634543</v>
      </c>
      <c r="I1736" s="236">
        <f t="shared" si="395"/>
        <v>15.691798515461969</v>
      </c>
      <c r="J1736" s="237">
        <f t="shared" si="400"/>
        <v>5.6917985154619686</v>
      </c>
      <c r="K1736" s="237">
        <f t="shared" si="396"/>
        <v>270.40107201844063</v>
      </c>
      <c r="L1736" s="237">
        <f t="shared" si="401"/>
        <v>98.120914608048878</v>
      </c>
      <c r="M1736" s="236">
        <f t="shared" si="397"/>
        <v>2.9176137332710503</v>
      </c>
      <c r="N1736" s="236">
        <f t="shared" si="398"/>
        <v>3.42323483921641</v>
      </c>
      <c r="O1736" s="236">
        <f t="shared" si="402"/>
        <v>3.4796416578193998</v>
      </c>
      <c r="P1736" s="236" t="str">
        <f t="shared" si="403"/>
        <v>CLAY</v>
      </c>
      <c r="Q1736" s="236">
        <f t="shared" si="399"/>
        <v>23.856577331796618</v>
      </c>
      <c r="R1736" s="238">
        <v>35</v>
      </c>
      <c r="S1736" s="236">
        <f t="shared" si="404"/>
        <v>0.95328937342780451</v>
      </c>
      <c r="T1736" s="236" t="e">
        <f t="shared" si="390"/>
        <v>#N/A</v>
      </c>
    </row>
    <row r="1737" spans="1:20" x14ac:dyDescent="0.2">
      <c r="A1737" s="53">
        <f t="shared" si="391"/>
        <v>1725</v>
      </c>
      <c r="B1737" s="239">
        <v>17.248000000000001</v>
      </c>
      <c r="C1737" s="3">
        <f t="shared" si="392"/>
        <v>17.241</v>
      </c>
      <c r="D1737" s="239">
        <v>0.46329999999999999</v>
      </c>
      <c r="E1737" s="239">
        <v>0.01</v>
      </c>
      <c r="F1737" s="239">
        <v>0.4536</v>
      </c>
      <c r="G1737">
        <f t="shared" si="393"/>
        <v>0.55401999999999996</v>
      </c>
      <c r="H1737" s="235">
        <f t="shared" si="394"/>
        <v>1.8049889895671638</v>
      </c>
      <c r="I1737" s="236">
        <f t="shared" si="395"/>
        <v>15.713615953034413</v>
      </c>
      <c r="J1737" s="237">
        <f t="shared" si="400"/>
        <v>5.7136159530344131</v>
      </c>
      <c r="K1737" s="237">
        <f t="shared" si="396"/>
        <v>270.9184526462663</v>
      </c>
      <c r="L1737" s="237">
        <f t="shared" si="401"/>
        <v>98.548447957937569</v>
      </c>
      <c r="M1737" s="236">
        <f t="shared" si="397"/>
        <v>2.8727144183393638</v>
      </c>
      <c r="N1737" s="236">
        <f t="shared" si="398"/>
        <v>3.5323014280473219</v>
      </c>
      <c r="O1737" s="236">
        <f t="shared" si="402"/>
        <v>3.4923359766001791</v>
      </c>
      <c r="P1737" s="236" t="str">
        <f t="shared" si="403"/>
        <v>CLAY</v>
      </c>
      <c r="Q1737" s="236">
        <f t="shared" si="399"/>
        <v>23.59179561281114</v>
      </c>
      <c r="R1737" s="238">
        <v>35</v>
      </c>
      <c r="S1737" s="236">
        <f t="shared" si="404"/>
        <v>0.93498700828235848</v>
      </c>
      <c r="T1737" s="236" t="e">
        <f t="shared" si="390"/>
        <v>#N/A</v>
      </c>
    </row>
    <row r="1738" spans="1:20" x14ac:dyDescent="0.2">
      <c r="A1738" s="53">
        <f t="shared" si="391"/>
        <v>1726</v>
      </c>
      <c r="B1738" s="239">
        <v>17.257999999999999</v>
      </c>
      <c r="C1738" s="3">
        <f t="shared" si="392"/>
        <v>17.250999999999998</v>
      </c>
      <c r="D1738" s="239">
        <v>0.46239999999999998</v>
      </c>
      <c r="E1738" s="239">
        <v>1.0200000000000001E-2</v>
      </c>
      <c r="F1738" s="239">
        <v>0.4577</v>
      </c>
      <c r="G1738">
        <f t="shared" si="393"/>
        <v>0.55393999999999999</v>
      </c>
      <c r="H1738" s="235">
        <f t="shared" si="394"/>
        <v>1.8413546593493881</v>
      </c>
      <c r="I1738" s="236">
        <f t="shared" si="395"/>
        <v>15.73677997214963</v>
      </c>
      <c r="J1738" s="237">
        <f t="shared" si="400"/>
        <v>5.7367799721496304</v>
      </c>
      <c r="K1738" s="237">
        <f t="shared" si="396"/>
        <v>271.47519129955322</v>
      </c>
      <c r="L1738" s="237">
        <f t="shared" si="401"/>
        <v>99.005348759358313</v>
      </c>
      <c r="M1738" s="236">
        <f t="shared" si="397"/>
        <v>2.8530257429525716</v>
      </c>
      <c r="N1738" s="236">
        <f t="shared" si="398"/>
        <v>3.6110693034391685</v>
      </c>
      <c r="O1738" s="236">
        <f t="shared" si="402"/>
        <v>3.4997672639215285</v>
      </c>
      <c r="P1738" s="236" t="str">
        <f t="shared" si="403"/>
        <v>CLAY</v>
      </c>
      <c r="Q1738" s="236">
        <f t="shared" si="399"/>
        <v>23.538734058370562</v>
      </c>
      <c r="R1738" s="238">
        <v>35</v>
      </c>
      <c r="S1738" s="236">
        <f t="shared" si="404"/>
        <v>0.92698375115881637</v>
      </c>
      <c r="T1738" s="236" t="e">
        <f t="shared" si="390"/>
        <v>#N/A</v>
      </c>
    </row>
    <row r="1739" spans="1:20" x14ac:dyDescent="0.2">
      <c r="A1739" s="53">
        <f t="shared" si="391"/>
        <v>1727</v>
      </c>
      <c r="B1739" s="239">
        <v>17.268000000000001</v>
      </c>
      <c r="C1739" s="3">
        <f t="shared" si="392"/>
        <v>17.260999999999999</v>
      </c>
      <c r="D1739" s="239">
        <v>0.46079999999999999</v>
      </c>
      <c r="E1739" s="239">
        <v>1.01E-2</v>
      </c>
      <c r="F1739" s="239">
        <v>0.45860000000000001</v>
      </c>
      <c r="G1739">
        <f t="shared" si="393"/>
        <v>0.55252000000000001</v>
      </c>
      <c r="H1739" s="235">
        <f t="shared" si="394"/>
        <v>1.8279881271266198</v>
      </c>
      <c r="I1739" s="236">
        <f t="shared" si="395"/>
        <v>15.724223966421466</v>
      </c>
      <c r="J1739" s="237">
        <f t="shared" si="400"/>
        <v>5.7242239664214658</v>
      </c>
      <c r="K1739" s="237">
        <f t="shared" si="396"/>
        <v>271.41582988440092</v>
      </c>
      <c r="L1739" s="237">
        <f t="shared" si="401"/>
        <v>98.845899452165881</v>
      </c>
      <c r="M1739" s="236">
        <f t="shared" si="397"/>
        <v>2.8438627365784934</v>
      </c>
      <c r="N1739" s="236">
        <f t="shared" si="398"/>
        <v>3.5929740906534953</v>
      </c>
      <c r="O1739" s="236">
        <f t="shared" si="402"/>
        <v>3.4998634770161545</v>
      </c>
      <c r="P1739" s="236" t="str">
        <f t="shared" si="403"/>
        <v>CLAY</v>
      </c>
      <c r="Q1739" s="236">
        <f t="shared" si="399"/>
        <v>23.425347509633255</v>
      </c>
      <c r="R1739" s="238">
        <v>35</v>
      </c>
      <c r="S1739" s="236">
        <f t="shared" si="404"/>
        <v>0.92326377714741903</v>
      </c>
      <c r="T1739" s="236" t="e">
        <f t="shared" si="390"/>
        <v>#N/A</v>
      </c>
    </row>
    <row r="1740" spans="1:20" x14ac:dyDescent="0.2">
      <c r="A1740" s="53">
        <f t="shared" si="391"/>
        <v>1728</v>
      </c>
      <c r="B1740" s="239">
        <v>17.277999999999999</v>
      </c>
      <c r="C1740" s="3">
        <f t="shared" si="392"/>
        <v>17.270999999999997</v>
      </c>
      <c r="D1740" s="239">
        <v>0.46400000000000002</v>
      </c>
      <c r="E1740" s="239">
        <v>0.01</v>
      </c>
      <c r="F1740" s="239">
        <v>0.45600000000000002</v>
      </c>
      <c r="G1740">
        <f t="shared" si="393"/>
        <v>0.55520000000000003</v>
      </c>
      <c r="H1740" s="235">
        <f t="shared" si="394"/>
        <v>1.8011527377521614</v>
      </c>
      <c r="I1740" s="236">
        <f t="shared" si="395"/>
        <v>15.714447566084607</v>
      </c>
      <c r="J1740" s="237">
        <f t="shared" si="400"/>
        <v>5.7144475660846066</v>
      </c>
      <c r="K1740" s="237">
        <f t="shared" si="396"/>
        <v>271.4042239138472</v>
      </c>
      <c r="L1740" s="237">
        <f t="shared" si="401"/>
        <v>98.734225046809826</v>
      </c>
      <c r="M1740" s="236">
        <f t="shared" si="397"/>
        <v>2.8743404422489309</v>
      </c>
      <c r="N1740" s="236">
        <f t="shared" si="398"/>
        <v>3.5236606188825959</v>
      </c>
      <c r="O1740" s="236">
        <f t="shared" si="402"/>
        <v>3.4915856273004091</v>
      </c>
      <c r="P1740" s="236" t="str">
        <f t="shared" si="403"/>
        <v>CLAY</v>
      </c>
      <c r="Q1740" s="236">
        <f t="shared" si="399"/>
        <v>23.649648007179405</v>
      </c>
      <c r="R1740" s="238">
        <v>35</v>
      </c>
      <c r="S1740" s="236">
        <f t="shared" si="404"/>
        <v>0.93564858587086075</v>
      </c>
      <c r="T1740" s="236" t="e">
        <f t="shared" si="390"/>
        <v>#N/A</v>
      </c>
    </row>
    <row r="1741" spans="1:20" x14ac:dyDescent="0.2">
      <c r="A1741" s="53">
        <f t="shared" si="391"/>
        <v>1729</v>
      </c>
      <c r="B1741" s="239">
        <v>17.288</v>
      </c>
      <c r="C1741" s="3">
        <f t="shared" si="392"/>
        <v>17.280999999999999</v>
      </c>
      <c r="D1741" s="239">
        <v>0.46689999999999998</v>
      </c>
      <c r="E1741" s="239">
        <v>9.7999999999999997E-3</v>
      </c>
      <c r="F1741" s="239">
        <v>0.45440000000000003</v>
      </c>
      <c r="G1741">
        <f t="shared" si="393"/>
        <v>0.55777999999999994</v>
      </c>
      <c r="H1741" s="235">
        <f t="shared" si="394"/>
        <v>1.7569651116927825</v>
      </c>
      <c r="I1741" s="236">
        <f t="shared" si="395"/>
        <v>15.692570102915457</v>
      </c>
      <c r="J1741" s="237">
        <f t="shared" si="400"/>
        <v>5.6925701029154574</v>
      </c>
      <c r="K1741" s="237">
        <f t="shared" si="396"/>
        <v>271.18330394848198</v>
      </c>
      <c r="L1741" s="237">
        <f t="shared" si="401"/>
        <v>98.413151939202436</v>
      </c>
      <c r="M1741" s="236">
        <f t="shared" si="397"/>
        <v>2.9121788135448745</v>
      </c>
      <c r="N1741" s="236">
        <f t="shared" si="398"/>
        <v>3.4194392800112294</v>
      </c>
      <c r="O1741" s="236">
        <f t="shared" si="402"/>
        <v>3.4800981280897485</v>
      </c>
      <c r="P1741" s="236" t="str">
        <f t="shared" si="403"/>
        <v>CLAY</v>
      </c>
      <c r="Q1741" s="236">
        <f t="shared" si="399"/>
        <v>23.883058004293165</v>
      </c>
      <c r="R1741" s="238">
        <v>35</v>
      </c>
      <c r="S1741" s="236">
        <f t="shared" si="404"/>
        <v>0.95107016077392259</v>
      </c>
      <c r="T1741" s="236" t="e">
        <f t="shared" ref="T1741:T1804" si="405">IF(P1741="SAND",17.6+(11*LOG(M1741)),#N/A)</f>
        <v>#N/A</v>
      </c>
    </row>
    <row r="1742" spans="1:20" x14ac:dyDescent="0.2">
      <c r="A1742" s="53">
        <f t="shared" ref="A1742:A1805" si="406">$A1741+1</f>
        <v>1730</v>
      </c>
      <c r="B1742" s="239">
        <v>17.297999999999998</v>
      </c>
      <c r="C1742" s="3">
        <f t="shared" ref="C1742:C1805" si="407">MAX($B1742 - $B$13, 0.001)</f>
        <v>17.290999999999997</v>
      </c>
      <c r="D1742" s="239">
        <v>0.46510000000000001</v>
      </c>
      <c r="E1742" s="239">
        <v>9.9000000000000008E-3</v>
      </c>
      <c r="F1742" s="239">
        <v>0.45469999999999999</v>
      </c>
      <c r="G1742">
        <f t="shared" si="393"/>
        <v>0.55603999999999998</v>
      </c>
      <c r="H1742" s="235">
        <f t="shared" si="394"/>
        <v>1.7804474498237539</v>
      </c>
      <c r="I1742" s="236">
        <f t="shared" si="395"/>
        <v>15.703253510994868</v>
      </c>
      <c r="J1742" s="237">
        <f t="shared" si="400"/>
        <v>5.7032535109948679</v>
      </c>
      <c r="K1742" s="237">
        <f t="shared" si="396"/>
        <v>271.52495645861222</v>
      </c>
      <c r="L1742" s="237">
        <f t="shared" si="401"/>
        <v>98.65487923318922</v>
      </c>
      <c r="M1742" s="236">
        <f t="shared" si="397"/>
        <v>2.8839429509500825</v>
      </c>
      <c r="N1742" s="236">
        <f t="shared" si="398"/>
        <v>3.4796051121844709</v>
      </c>
      <c r="O1742" s="236">
        <f t="shared" si="402"/>
        <v>3.4875733794647958</v>
      </c>
      <c r="P1742" s="236" t="str">
        <f t="shared" si="403"/>
        <v>CLAY</v>
      </c>
      <c r="Q1742" s="236">
        <f t="shared" si="399"/>
        <v>23.709586961782311</v>
      </c>
      <c r="R1742" s="238">
        <v>35</v>
      </c>
      <c r="S1742" s="236">
        <f t="shared" si="404"/>
        <v>0.93955744890495474</v>
      </c>
      <c r="T1742" s="236" t="e">
        <f t="shared" si="405"/>
        <v>#N/A</v>
      </c>
    </row>
    <row r="1743" spans="1:20" x14ac:dyDescent="0.2">
      <c r="A1743" s="53">
        <f t="shared" si="406"/>
        <v>1731</v>
      </c>
      <c r="B1743" s="239">
        <v>17.308</v>
      </c>
      <c r="C1743" s="3">
        <f t="shared" si="407"/>
        <v>17.300999999999998</v>
      </c>
      <c r="D1743" s="239">
        <v>0.4647</v>
      </c>
      <c r="E1743" s="239">
        <v>9.7999999999999997E-3</v>
      </c>
      <c r="F1743" s="239">
        <v>0.45269999999999999</v>
      </c>
      <c r="G1743">
        <f t="shared" ref="G1743:G1806" si="408">$D1743+($F1743*(1-$P$8))</f>
        <v>0.55523999999999996</v>
      </c>
      <c r="H1743" s="235">
        <f t="shared" ref="H1743:H1806" si="409">($E1743/$G1743)*100</f>
        <v>1.7650025214321736</v>
      </c>
      <c r="I1743" s="236">
        <f t="shared" ref="I1743:I1806" si="410">((0.27*(LOG($H1743)))+(0.36*(LOG(($G1743*1000)/101)))+1.236)*10</f>
        <v>15.690786129744993</v>
      </c>
      <c r="J1743" s="237">
        <f t="shared" si="400"/>
        <v>5.6907861297449926</v>
      </c>
      <c r="K1743" s="237">
        <f t="shared" ref="K1743:K1806" si="411">$I1743*$C1743</f>
        <v>271.46629083071809</v>
      </c>
      <c r="L1743" s="237">
        <f t="shared" si="401"/>
        <v>98.496126333626336</v>
      </c>
      <c r="M1743" s="236">
        <f t="shared" ref="M1743:M1806" si="412">(($G1743*1000)-$K1743)/$L1743</f>
        <v>2.8810646644933313</v>
      </c>
      <c r="N1743" s="236">
        <f t="shared" ref="N1743:N1806" si="413">(($E1743*1000)/(($G1743*1000)-$K1743))*100</f>
        <v>3.4534559345502731</v>
      </c>
      <c r="O1743" s="236">
        <f t="shared" si="402"/>
        <v>3.4862943001138245</v>
      </c>
      <c r="P1743" s="236" t="str">
        <f t="shared" si="403"/>
        <v>CLAY</v>
      </c>
      <c r="Q1743" s="236">
        <f t="shared" ref="Q1743:Q1806" si="414">IF(P1743="CLAY",($G1743*1000 -$K1743)/$L$8,#N/A)</f>
        <v>23.64780909744016</v>
      </c>
      <c r="R1743" s="238">
        <v>35</v>
      </c>
      <c r="S1743" s="236">
        <f t="shared" si="404"/>
        <v>0.93838545189171463</v>
      </c>
      <c r="T1743" s="236" t="e">
        <f t="shared" si="405"/>
        <v>#N/A</v>
      </c>
    </row>
    <row r="1744" spans="1:20" x14ac:dyDescent="0.2">
      <c r="A1744" s="53">
        <f t="shared" si="406"/>
        <v>1732</v>
      </c>
      <c r="B1744" s="239">
        <v>17.318000000000001</v>
      </c>
      <c r="C1744" s="3">
        <f t="shared" si="407"/>
        <v>17.311</v>
      </c>
      <c r="D1744" s="239">
        <v>0.47349999999999998</v>
      </c>
      <c r="E1744" s="239">
        <v>9.7999999999999997E-3</v>
      </c>
      <c r="F1744" s="239">
        <v>0.45219999999999999</v>
      </c>
      <c r="G1744">
        <f t="shared" si="408"/>
        <v>0.56394</v>
      </c>
      <c r="H1744" s="235">
        <f t="shared" si="409"/>
        <v>1.7377735220058872</v>
      </c>
      <c r="I1744" s="236">
        <f t="shared" si="410"/>
        <v>15.696863068738732</v>
      </c>
      <c r="J1744" s="237">
        <f t="shared" ref="J1744:J1807" si="415">$I1744-10</f>
        <v>5.6968630687387325</v>
      </c>
      <c r="K1744" s="237">
        <f t="shared" si="411"/>
        <v>271.72839658293617</v>
      </c>
      <c r="L1744" s="237">
        <f t="shared" ref="L1744:L1807" si="416">$J1744*$B1744</f>
        <v>98.658274624417373</v>
      </c>
      <c r="M1744" s="236">
        <f t="shared" si="412"/>
        <v>2.9618560078157197</v>
      </c>
      <c r="N1744" s="236">
        <f t="shared" si="413"/>
        <v>3.3537340356785177</v>
      </c>
      <c r="O1744" s="236">
        <f t="shared" ref="O1744:O1807" si="417">((3.47-LOG($M1744))^2+(LOG($N1744)+1.22)^2)^0.5</f>
        <v>3.4695084602870647</v>
      </c>
      <c r="P1744" s="236" t="str">
        <f t="shared" ref="P1744:P1807" si="418">IF(O1744&lt;2.6,"SAND","CLAY")</f>
        <v>CLAY</v>
      </c>
      <c r="Q1744" s="236">
        <f t="shared" si="414"/>
        <v>24.350966951421981</v>
      </c>
      <c r="R1744" s="238">
        <v>35</v>
      </c>
      <c r="S1744" s="236">
        <f t="shared" ref="S1744:S1807" si="419">IF(P1744="SAND",#N/A,0.25*($M1744)^1.25)</f>
        <v>0.97139292321037529</v>
      </c>
      <c r="T1744" s="236" t="e">
        <f t="shared" si="405"/>
        <v>#N/A</v>
      </c>
    </row>
    <row r="1745" spans="1:20" x14ac:dyDescent="0.2">
      <c r="A1745" s="53">
        <f t="shared" si="406"/>
        <v>1733</v>
      </c>
      <c r="B1745" s="239">
        <v>17.329000000000001</v>
      </c>
      <c r="C1745" s="3">
        <f t="shared" si="407"/>
        <v>17.321999999999999</v>
      </c>
      <c r="D1745" s="239">
        <v>0.47560000000000002</v>
      </c>
      <c r="E1745" s="239">
        <v>9.9000000000000008E-3</v>
      </c>
      <c r="F1745" s="239">
        <v>0.45040000000000002</v>
      </c>
      <c r="G1745">
        <f t="shared" si="408"/>
        <v>0.56567999999999996</v>
      </c>
      <c r="H1745" s="235">
        <f t="shared" si="409"/>
        <v>1.7501060670343662</v>
      </c>
      <c r="I1745" s="236">
        <f t="shared" si="410"/>
        <v>15.709971821608208</v>
      </c>
      <c r="J1745" s="237">
        <f t="shared" si="415"/>
        <v>5.7099718216082085</v>
      </c>
      <c r="K1745" s="237">
        <f t="shared" si="411"/>
        <v>272.12813189389738</v>
      </c>
      <c r="L1745" s="237">
        <f t="shared" si="416"/>
        <v>98.948101696648649</v>
      </c>
      <c r="M1745" s="236">
        <f t="shared" si="412"/>
        <v>2.9667256174965622</v>
      </c>
      <c r="N1745" s="236">
        <f t="shared" si="413"/>
        <v>3.3724874802778313</v>
      </c>
      <c r="O1745" s="236">
        <f t="shared" si="417"/>
        <v>3.4701111377782627</v>
      </c>
      <c r="P1745" s="236" t="str">
        <f t="shared" si="418"/>
        <v>CLAY</v>
      </c>
      <c r="Q1745" s="236">
        <f t="shared" si="414"/>
        <v>24.462655675508547</v>
      </c>
      <c r="R1745" s="238">
        <v>35</v>
      </c>
      <c r="S1745" s="236">
        <f t="shared" si="419"/>
        <v>0.9733896763071278</v>
      </c>
      <c r="T1745" s="236" t="e">
        <f t="shared" si="405"/>
        <v>#N/A</v>
      </c>
    </row>
    <row r="1746" spans="1:20" x14ac:dyDescent="0.2">
      <c r="A1746" s="53">
        <f t="shared" si="406"/>
        <v>1734</v>
      </c>
      <c r="B1746" s="239">
        <v>17.338999999999999</v>
      </c>
      <c r="C1746" s="3">
        <f t="shared" si="407"/>
        <v>17.331999999999997</v>
      </c>
      <c r="D1746" s="239">
        <v>0.47670000000000001</v>
      </c>
      <c r="E1746" s="239">
        <v>9.9000000000000008E-3</v>
      </c>
      <c r="F1746" s="239">
        <v>0.45150000000000001</v>
      </c>
      <c r="G1746">
        <f t="shared" si="408"/>
        <v>0.56699999999999995</v>
      </c>
      <c r="H1746" s="235">
        <f t="shared" si="409"/>
        <v>1.7460317460317465</v>
      </c>
      <c r="I1746" s="236">
        <f t="shared" si="410"/>
        <v>15.710882832799488</v>
      </c>
      <c r="J1746" s="237">
        <f t="shared" si="415"/>
        <v>5.7108828327994878</v>
      </c>
      <c r="K1746" s="237">
        <f t="shared" si="411"/>
        <v>272.30102125808065</v>
      </c>
      <c r="L1746" s="237">
        <f t="shared" si="416"/>
        <v>99.02099743791031</v>
      </c>
      <c r="M1746" s="236">
        <f t="shared" si="412"/>
        <v>2.9761261385667832</v>
      </c>
      <c r="N1746" s="236">
        <f t="shared" si="413"/>
        <v>3.3593601315700043</v>
      </c>
      <c r="O1746" s="236">
        <f t="shared" si="417"/>
        <v>3.4680711229272601</v>
      </c>
      <c r="P1746" s="236" t="str">
        <f t="shared" si="418"/>
        <v>CLAY</v>
      </c>
      <c r="Q1746" s="236">
        <f t="shared" si="414"/>
        <v>24.55824822849328</v>
      </c>
      <c r="R1746" s="238">
        <v>35</v>
      </c>
      <c r="S1746" s="236">
        <f t="shared" si="419"/>
        <v>0.97724661859265605</v>
      </c>
      <c r="T1746" s="236" t="e">
        <f t="shared" si="405"/>
        <v>#N/A</v>
      </c>
    </row>
    <row r="1747" spans="1:20" x14ac:dyDescent="0.2">
      <c r="A1747" s="53">
        <f t="shared" si="406"/>
        <v>1735</v>
      </c>
      <c r="B1747" s="239">
        <v>17.349</v>
      </c>
      <c r="C1747" s="3">
        <f t="shared" si="407"/>
        <v>17.341999999999999</v>
      </c>
      <c r="D1747" s="239">
        <v>0.47560000000000002</v>
      </c>
      <c r="E1747" s="239">
        <v>0.01</v>
      </c>
      <c r="F1747" s="239">
        <v>0.45229999999999998</v>
      </c>
      <c r="G1747">
        <f t="shared" si="408"/>
        <v>0.56606000000000001</v>
      </c>
      <c r="H1747" s="235">
        <f t="shared" si="409"/>
        <v>1.7665971805109</v>
      </c>
      <c r="I1747" s="236">
        <f t="shared" si="410"/>
        <v>15.722019274711785</v>
      </c>
      <c r="J1747" s="237">
        <f t="shared" si="415"/>
        <v>5.7220192747117853</v>
      </c>
      <c r="K1747" s="237">
        <f t="shared" si="411"/>
        <v>272.65125826205178</v>
      </c>
      <c r="L1747" s="237">
        <f t="shared" si="416"/>
        <v>99.271312396974764</v>
      </c>
      <c r="M1747" s="236">
        <f t="shared" si="412"/>
        <v>2.9556246880734269</v>
      </c>
      <c r="N1747" s="236">
        <f t="shared" si="413"/>
        <v>3.4082147453300098</v>
      </c>
      <c r="O1747" s="236">
        <f t="shared" si="417"/>
        <v>3.4738243223544059</v>
      </c>
      <c r="P1747" s="236" t="str">
        <f t="shared" si="418"/>
        <v>CLAY</v>
      </c>
      <c r="Q1747" s="236">
        <f t="shared" si="414"/>
        <v>24.450728478162358</v>
      </c>
      <c r="R1747" s="238">
        <v>35</v>
      </c>
      <c r="S1747" s="236">
        <f t="shared" si="419"/>
        <v>0.96883900634210796</v>
      </c>
      <c r="T1747" s="236" t="e">
        <f t="shared" si="405"/>
        <v>#N/A</v>
      </c>
    </row>
    <row r="1748" spans="1:20" x14ac:dyDescent="0.2">
      <c r="A1748" s="53">
        <f t="shared" si="406"/>
        <v>1736</v>
      </c>
      <c r="B1748" s="239">
        <v>17.358000000000001</v>
      </c>
      <c r="C1748" s="3">
        <f t="shared" si="407"/>
        <v>17.350999999999999</v>
      </c>
      <c r="D1748" s="239">
        <v>0.47139999999999999</v>
      </c>
      <c r="E1748" s="239">
        <v>0.01</v>
      </c>
      <c r="F1748" s="239">
        <v>0.44869999999999999</v>
      </c>
      <c r="G1748">
        <f t="shared" si="408"/>
        <v>0.56113999999999997</v>
      </c>
      <c r="H1748" s="235">
        <f t="shared" si="409"/>
        <v>1.7820864668353711</v>
      </c>
      <c r="I1748" s="236">
        <f t="shared" si="410"/>
        <v>15.718607159420181</v>
      </c>
      <c r="J1748" s="237">
        <f t="shared" si="415"/>
        <v>5.7186071594201806</v>
      </c>
      <c r="K1748" s="237">
        <f t="shared" si="411"/>
        <v>272.73355282309956</v>
      </c>
      <c r="L1748" s="237">
        <f t="shared" si="416"/>
        <v>99.2635830732155</v>
      </c>
      <c r="M1748" s="236">
        <f t="shared" si="412"/>
        <v>2.9054607767299281</v>
      </c>
      <c r="N1748" s="236">
        <f t="shared" si="413"/>
        <v>3.4673288679522067</v>
      </c>
      <c r="O1748" s="236">
        <f t="shared" si="417"/>
        <v>3.4840118339704649</v>
      </c>
      <c r="P1748" s="236" t="str">
        <f t="shared" si="418"/>
        <v>CLAY</v>
      </c>
      <c r="Q1748" s="236">
        <f t="shared" si="414"/>
        <v>24.033870598075037</v>
      </c>
      <c r="R1748" s="238">
        <v>35</v>
      </c>
      <c r="S1748" s="236">
        <f t="shared" si="419"/>
        <v>0.94832845032435609</v>
      </c>
      <c r="T1748" s="236" t="e">
        <f t="shared" si="405"/>
        <v>#N/A</v>
      </c>
    </row>
    <row r="1749" spans="1:20" x14ac:dyDescent="0.2">
      <c r="A1749" s="53">
        <f t="shared" si="406"/>
        <v>1737</v>
      </c>
      <c r="B1749" s="239">
        <v>17.369</v>
      </c>
      <c r="C1749" s="3">
        <f t="shared" si="407"/>
        <v>17.361999999999998</v>
      </c>
      <c r="D1749" s="239">
        <v>0.46710000000000002</v>
      </c>
      <c r="E1749" s="239">
        <v>0.01</v>
      </c>
      <c r="F1749" s="239">
        <v>0.45219999999999999</v>
      </c>
      <c r="G1749">
        <f t="shared" si="408"/>
        <v>0.55754000000000004</v>
      </c>
      <c r="H1749" s="235">
        <f t="shared" si="409"/>
        <v>1.7935932847867417</v>
      </c>
      <c r="I1749" s="236">
        <f t="shared" si="410"/>
        <v>15.716091482052626</v>
      </c>
      <c r="J1749" s="237">
        <f t="shared" si="415"/>
        <v>5.7160914820526258</v>
      </c>
      <c r="K1749" s="237">
        <f t="shared" si="411"/>
        <v>272.86278031139767</v>
      </c>
      <c r="L1749" s="237">
        <f t="shared" si="416"/>
        <v>99.282792951772052</v>
      </c>
      <c r="M1749" s="236">
        <f t="shared" si="412"/>
        <v>2.8673369395126524</v>
      </c>
      <c r="N1749" s="236">
        <f t="shared" si="413"/>
        <v>3.5127503391169199</v>
      </c>
      <c r="O1749" s="236">
        <f t="shared" si="417"/>
        <v>3.4918182565595166</v>
      </c>
      <c r="P1749" s="236" t="str">
        <f t="shared" si="418"/>
        <v>CLAY</v>
      </c>
      <c r="Q1749" s="236">
        <f t="shared" si="414"/>
        <v>23.723101640716866</v>
      </c>
      <c r="R1749" s="238">
        <v>35</v>
      </c>
      <c r="S1749" s="236">
        <f t="shared" si="419"/>
        <v>0.93279974952283518</v>
      </c>
      <c r="T1749" s="236" t="e">
        <f t="shared" si="405"/>
        <v>#N/A</v>
      </c>
    </row>
    <row r="1750" spans="1:20" x14ac:dyDescent="0.2">
      <c r="A1750" s="53">
        <f t="shared" si="406"/>
        <v>1738</v>
      </c>
      <c r="B1750" s="239">
        <v>17.378</v>
      </c>
      <c r="C1750" s="3">
        <f t="shared" si="407"/>
        <v>17.370999999999999</v>
      </c>
      <c r="D1750" s="239">
        <v>0.46539999999999998</v>
      </c>
      <c r="E1750" s="239">
        <v>0.01</v>
      </c>
      <c r="F1750" s="239">
        <v>0.45369999999999999</v>
      </c>
      <c r="G1750">
        <f t="shared" si="408"/>
        <v>0.55613999999999997</v>
      </c>
      <c r="H1750" s="235">
        <f t="shared" si="409"/>
        <v>1.7981083899737478</v>
      </c>
      <c r="I1750" s="236">
        <f t="shared" si="410"/>
        <v>15.715108773670599</v>
      </c>
      <c r="J1750" s="237">
        <f t="shared" si="415"/>
        <v>5.7151087736705986</v>
      </c>
      <c r="K1750" s="237">
        <f t="shared" si="411"/>
        <v>272.98715450743197</v>
      </c>
      <c r="L1750" s="237">
        <f t="shared" si="416"/>
        <v>99.317160268847658</v>
      </c>
      <c r="M1750" s="236">
        <f t="shared" si="412"/>
        <v>2.8509961896421965</v>
      </c>
      <c r="N1750" s="236">
        <f t="shared" si="413"/>
        <v>3.5316614892582714</v>
      </c>
      <c r="O1750" s="236">
        <f t="shared" si="417"/>
        <v>3.495138805596298</v>
      </c>
      <c r="P1750" s="236" t="str">
        <f t="shared" si="418"/>
        <v>CLAY</v>
      </c>
      <c r="Q1750" s="236">
        <f t="shared" si="414"/>
        <v>23.596070457714003</v>
      </c>
      <c r="R1750" s="238">
        <v>35</v>
      </c>
      <c r="S1750" s="236">
        <f t="shared" si="419"/>
        <v>0.92615954039640591</v>
      </c>
      <c r="T1750" s="236" t="e">
        <f t="shared" si="405"/>
        <v>#N/A</v>
      </c>
    </row>
    <row r="1751" spans="1:20" x14ac:dyDescent="0.2">
      <c r="A1751" s="53">
        <f t="shared" si="406"/>
        <v>1739</v>
      </c>
      <c r="B1751" s="239">
        <v>17.388999999999999</v>
      </c>
      <c r="C1751" s="3">
        <f t="shared" si="407"/>
        <v>17.381999999999998</v>
      </c>
      <c r="D1751" s="239">
        <v>0.46550000000000002</v>
      </c>
      <c r="E1751" s="239">
        <v>9.9000000000000008E-3</v>
      </c>
      <c r="F1751" s="239">
        <v>0.4541</v>
      </c>
      <c r="G1751">
        <f t="shared" si="408"/>
        <v>0.55632000000000004</v>
      </c>
      <c r="H1751" s="235">
        <f t="shared" si="409"/>
        <v>1.7795513373597929</v>
      </c>
      <c r="I1751" s="236">
        <f t="shared" si="410"/>
        <v>15.703450285801136</v>
      </c>
      <c r="J1751" s="237">
        <f t="shared" si="415"/>
        <v>5.7034502858011358</v>
      </c>
      <c r="K1751" s="237">
        <f t="shared" si="411"/>
        <v>272.9573728677953</v>
      </c>
      <c r="L1751" s="237">
        <f t="shared" si="416"/>
        <v>99.177297019795944</v>
      </c>
      <c r="M1751" s="236">
        <f t="shared" si="412"/>
        <v>2.8571319812804048</v>
      </c>
      <c r="N1751" s="236">
        <f t="shared" si="413"/>
        <v>3.4937564280066788</v>
      </c>
      <c r="O1751" s="236">
        <f t="shared" si="417"/>
        <v>3.491964636175684</v>
      </c>
      <c r="P1751" s="236" t="str">
        <f t="shared" si="418"/>
        <v>CLAY</v>
      </c>
      <c r="Q1751" s="236">
        <f t="shared" si="414"/>
        <v>23.613552261017063</v>
      </c>
      <c r="R1751" s="238">
        <v>35</v>
      </c>
      <c r="S1751" s="236">
        <f t="shared" si="419"/>
        <v>0.92865176132881633</v>
      </c>
      <c r="T1751" s="236" t="e">
        <f t="shared" si="405"/>
        <v>#N/A</v>
      </c>
    </row>
    <row r="1752" spans="1:20" x14ac:dyDescent="0.2">
      <c r="A1752" s="53">
        <f t="shared" si="406"/>
        <v>1740</v>
      </c>
      <c r="B1752" s="239">
        <v>17.399000000000001</v>
      </c>
      <c r="C1752" s="3">
        <f t="shared" si="407"/>
        <v>17.391999999999999</v>
      </c>
      <c r="D1752" s="239">
        <v>0.4718</v>
      </c>
      <c r="E1752" s="239">
        <v>9.9000000000000008E-3</v>
      </c>
      <c r="F1752" s="239">
        <v>0.45660000000000001</v>
      </c>
      <c r="G1752">
        <f t="shared" si="408"/>
        <v>0.56311999999999995</v>
      </c>
      <c r="H1752" s="235">
        <f t="shared" si="409"/>
        <v>1.7580622247478337</v>
      </c>
      <c r="I1752" s="236">
        <f t="shared" si="410"/>
        <v>15.708198936771542</v>
      </c>
      <c r="J1752" s="237">
        <f t="shared" si="415"/>
        <v>5.7081989367715416</v>
      </c>
      <c r="K1752" s="237">
        <f t="shared" si="411"/>
        <v>273.19699590833062</v>
      </c>
      <c r="L1752" s="237">
        <f t="shared" si="416"/>
        <v>99.316953300888059</v>
      </c>
      <c r="M1752" s="236">
        <f t="shared" si="412"/>
        <v>2.9191693306713327</v>
      </c>
      <c r="N1752" s="236">
        <f t="shared" si="413"/>
        <v>3.4146997169185531</v>
      </c>
      <c r="O1752" s="236">
        <f t="shared" si="417"/>
        <v>3.4788951986304877</v>
      </c>
      <c r="P1752" s="236" t="str">
        <f t="shared" si="418"/>
        <v>CLAY</v>
      </c>
      <c r="Q1752" s="236">
        <f t="shared" si="414"/>
        <v>24.16025034097245</v>
      </c>
      <c r="R1752" s="238">
        <v>35</v>
      </c>
      <c r="S1752" s="236">
        <f t="shared" si="419"/>
        <v>0.95392475281070743</v>
      </c>
      <c r="T1752" s="236" t="e">
        <f t="shared" si="405"/>
        <v>#N/A</v>
      </c>
    </row>
    <row r="1753" spans="1:20" x14ac:dyDescent="0.2">
      <c r="A1753" s="53">
        <f t="shared" si="406"/>
        <v>1741</v>
      </c>
      <c r="B1753" s="239">
        <v>17.408999999999999</v>
      </c>
      <c r="C1753" s="3">
        <f t="shared" si="407"/>
        <v>17.401999999999997</v>
      </c>
      <c r="D1753" s="239">
        <v>0.47189999999999999</v>
      </c>
      <c r="E1753" s="239">
        <v>0.01</v>
      </c>
      <c r="F1753" s="239">
        <v>0.45829999999999999</v>
      </c>
      <c r="G1753">
        <f t="shared" si="408"/>
        <v>0.56355999999999995</v>
      </c>
      <c r="H1753" s="235">
        <f t="shared" si="409"/>
        <v>1.7744339555681738</v>
      </c>
      <c r="I1753" s="236">
        <f t="shared" si="410"/>
        <v>15.720289198793061</v>
      </c>
      <c r="J1753" s="237">
        <f t="shared" si="415"/>
        <v>5.7202891987930613</v>
      </c>
      <c r="K1753" s="237">
        <f t="shared" si="411"/>
        <v>273.56447263739682</v>
      </c>
      <c r="L1753" s="237">
        <f t="shared" si="416"/>
        <v>99.584514661788404</v>
      </c>
      <c r="M1753" s="236">
        <f t="shared" si="412"/>
        <v>2.9120544328352023</v>
      </c>
      <c r="N1753" s="236">
        <f t="shared" si="413"/>
        <v>3.448329045260154</v>
      </c>
      <c r="O1753" s="236">
        <f t="shared" si="417"/>
        <v>3.4819570728418237</v>
      </c>
      <c r="P1753" s="236" t="str">
        <f t="shared" si="418"/>
        <v>CLAY</v>
      </c>
      <c r="Q1753" s="236">
        <f t="shared" si="414"/>
        <v>24.166293946883595</v>
      </c>
      <c r="R1753" s="238">
        <v>35</v>
      </c>
      <c r="S1753" s="236">
        <f t="shared" si="419"/>
        <v>0.95101938515300521</v>
      </c>
      <c r="T1753" s="236" t="e">
        <f t="shared" si="405"/>
        <v>#N/A</v>
      </c>
    </row>
    <row r="1754" spans="1:20" x14ac:dyDescent="0.2">
      <c r="A1754" s="53">
        <f t="shared" si="406"/>
        <v>1742</v>
      </c>
      <c r="B1754" s="239">
        <v>17.417999999999999</v>
      </c>
      <c r="C1754" s="3">
        <f t="shared" si="407"/>
        <v>17.410999999999998</v>
      </c>
      <c r="D1754" s="239">
        <v>0.46739999999999998</v>
      </c>
      <c r="E1754" s="239">
        <v>1.01E-2</v>
      </c>
      <c r="F1754" s="239">
        <v>0.45750000000000002</v>
      </c>
      <c r="G1754">
        <f t="shared" si="408"/>
        <v>0.55889999999999995</v>
      </c>
      <c r="H1754" s="235">
        <f t="shared" si="409"/>
        <v>1.8071211307926285</v>
      </c>
      <c r="I1754" s="236">
        <f t="shared" si="410"/>
        <v>15.728711462249937</v>
      </c>
      <c r="J1754" s="237">
        <f t="shared" si="415"/>
        <v>5.7287114622499367</v>
      </c>
      <c r="K1754" s="237">
        <f t="shared" si="411"/>
        <v>273.85259526923363</v>
      </c>
      <c r="L1754" s="237">
        <f t="shared" si="416"/>
        <v>99.782696249469396</v>
      </c>
      <c r="M1754" s="236">
        <f t="shared" si="412"/>
        <v>2.8566817238342779</v>
      </c>
      <c r="N1754" s="236">
        <f t="shared" si="413"/>
        <v>3.5432702885120722</v>
      </c>
      <c r="O1754" s="236">
        <f t="shared" si="417"/>
        <v>3.4951137698648327</v>
      </c>
      <c r="P1754" s="236" t="str">
        <f t="shared" si="418"/>
        <v>CLAY</v>
      </c>
      <c r="Q1754" s="236">
        <f t="shared" si="414"/>
        <v>23.753950394230529</v>
      </c>
      <c r="R1754" s="238">
        <v>35</v>
      </c>
      <c r="S1754" s="236">
        <f t="shared" si="419"/>
        <v>0.92846883132414282</v>
      </c>
      <c r="T1754" s="236" t="e">
        <f t="shared" si="405"/>
        <v>#N/A</v>
      </c>
    </row>
    <row r="1755" spans="1:20" x14ac:dyDescent="0.2">
      <c r="A1755" s="53">
        <f t="shared" si="406"/>
        <v>1743</v>
      </c>
      <c r="B1755" s="239">
        <v>17.428000000000001</v>
      </c>
      <c r="C1755" s="3">
        <f t="shared" si="407"/>
        <v>17.420999999999999</v>
      </c>
      <c r="D1755" s="239">
        <v>0.46579999999999999</v>
      </c>
      <c r="E1755" s="239">
        <v>1.03E-2</v>
      </c>
      <c r="F1755" s="239">
        <v>0.45879999999999999</v>
      </c>
      <c r="G1755">
        <f t="shared" si="408"/>
        <v>0.55755999999999994</v>
      </c>
      <c r="H1755" s="235">
        <f t="shared" si="409"/>
        <v>1.8473348159839302</v>
      </c>
      <c r="I1755" s="236">
        <f t="shared" si="410"/>
        <v>15.750766009563112</v>
      </c>
      <c r="J1755" s="237">
        <f t="shared" si="415"/>
        <v>5.7507660095631117</v>
      </c>
      <c r="K1755" s="237">
        <f t="shared" si="411"/>
        <v>274.39409465259894</v>
      </c>
      <c r="L1755" s="237">
        <f t="shared" si="416"/>
        <v>100.22435001466592</v>
      </c>
      <c r="M1755" s="236">
        <f t="shared" si="412"/>
        <v>2.8253204466376194</v>
      </c>
      <c r="N1755" s="236">
        <f t="shared" si="413"/>
        <v>3.6374435641760914</v>
      </c>
      <c r="O1755" s="236">
        <f t="shared" si="417"/>
        <v>3.505023179699883</v>
      </c>
      <c r="P1755" s="236" t="str">
        <f t="shared" si="418"/>
        <v>CLAY</v>
      </c>
      <c r="Q1755" s="236">
        <f t="shared" si="414"/>
        <v>23.597158778950085</v>
      </c>
      <c r="R1755" s="238">
        <v>35</v>
      </c>
      <c r="S1755" s="236">
        <f t="shared" si="419"/>
        <v>0.91574519640726626</v>
      </c>
      <c r="T1755" s="236" t="e">
        <f t="shared" si="405"/>
        <v>#N/A</v>
      </c>
    </row>
    <row r="1756" spans="1:20" x14ac:dyDescent="0.2">
      <c r="A1756" s="53">
        <f t="shared" si="406"/>
        <v>1744</v>
      </c>
      <c r="B1756" s="239">
        <v>17.439</v>
      </c>
      <c r="C1756" s="3">
        <f t="shared" si="407"/>
        <v>17.431999999999999</v>
      </c>
      <c r="D1756" s="239">
        <v>0.46529999999999999</v>
      </c>
      <c r="E1756" s="239">
        <v>1.0200000000000001E-2</v>
      </c>
      <c r="F1756" s="239">
        <v>0.46010000000000001</v>
      </c>
      <c r="G1756">
        <f t="shared" si="408"/>
        <v>0.55731999999999993</v>
      </c>
      <c r="H1756" s="235">
        <f t="shared" si="409"/>
        <v>1.8301873250556238</v>
      </c>
      <c r="I1756" s="236">
        <f t="shared" si="410"/>
        <v>15.739157683734684</v>
      </c>
      <c r="J1756" s="237">
        <f t="shared" si="415"/>
        <v>5.7391576837346836</v>
      </c>
      <c r="K1756" s="237">
        <f t="shared" si="411"/>
        <v>274.36499674286296</v>
      </c>
      <c r="L1756" s="237">
        <f t="shared" si="416"/>
        <v>100.08517084664915</v>
      </c>
      <c r="M1756" s="236">
        <f t="shared" si="412"/>
        <v>2.8271421316818417</v>
      </c>
      <c r="N1756" s="236">
        <f t="shared" si="413"/>
        <v>3.6048134447478537</v>
      </c>
      <c r="O1756" s="236">
        <f t="shared" si="417"/>
        <v>3.5027952435305254</v>
      </c>
      <c r="P1756" s="236" t="str">
        <f t="shared" si="418"/>
        <v>CLAY</v>
      </c>
      <c r="Q1756" s="236">
        <f t="shared" si="414"/>
        <v>23.579583604761414</v>
      </c>
      <c r="R1756" s="238">
        <v>35</v>
      </c>
      <c r="S1756" s="236">
        <f t="shared" si="419"/>
        <v>0.91648331345863365</v>
      </c>
      <c r="T1756" s="236" t="e">
        <f t="shared" si="405"/>
        <v>#N/A</v>
      </c>
    </row>
    <row r="1757" spans="1:20" x14ac:dyDescent="0.2">
      <c r="A1757" s="53">
        <f t="shared" si="406"/>
        <v>1745</v>
      </c>
      <c r="B1757" s="239">
        <v>17.448</v>
      </c>
      <c r="C1757" s="3">
        <f t="shared" si="407"/>
        <v>17.440999999999999</v>
      </c>
      <c r="D1757" s="239">
        <v>0.47010000000000002</v>
      </c>
      <c r="E1757" s="239">
        <v>1.0200000000000001E-2</v>
      </c>
      <c r="F1757" s="239">
        <v>0.46139999999999998</v>
      </c>
      <c r="G1757">
        <f t="shared" si="408"/>
        <v>0.56237999999999999</v>
      </c>
      <c r="H1757" s="235">
        <f t="shared" si="409"/>
        <v>1.8137202603222022</v>
      </c>
      <c r="I1757" s="236">
        <f t="shared" si="410"/>
        <v>15.742690398808584</v>
      </c>
      <c r="J1757" s="237">
        <f t="shared" si="415"/>
        <v>5.742690398808584</v>
      </c>
      <c r="K1757" s="237">
        <f t="shared" si="411"/>
        <v>274.56826324562047</v>
      </c>
      <c r="L1757" s="237">
        <f t="shared" si="416"/>
        <v>100.19846207841218</v>
      </c>
      <c r="M1757" s="236">
        <f t="shared" si="412"/>
        <v>2.8724167096411826</v>
      </c>
      <c r="N1757" s="236">
        <f t="shared" si="413"/>
        <v>3.5439833396039546</v>
      </c>
      <c r="O1757" s="236">
        <f t="shared" si="417"/>
        <v>3.4931009478014419</v>
      </c>
      <c r="P1757" s="236" t="str">
        <f t="shared" si="418"/>
        <v>CLAY</v>
      </c>
      <c r="Q1757" s="236">
        <f t="shared" si="414"/>
        <v>23.984311396198294</v>
      </c>
      <c r="R1757" s="238">
        <v>35</v>
      </c>
      <c r="S1757" s="236">
        <f t="shared" si="419"/>
        <v>0.93486589018698518</v>
      </c>
      <c r="T1757" s="236" t="e">
        <f t="shared" si="405"/>
        <v>#N/A</v>
      </c>
    </row>
    <row r="1758" spans="1:20" x14ac:dyDescent="0.2">
      <c r="A1758" s="53">
        <f t="shared" si="406"/>
        <v>1746</v>
      </c>
      <c r="B1758" s="239">
        <v>17.457999999999998</v>
      </c>
      <c r="C1758" s="3">
        <f t="shared" si="407"/>
        <v>17.450999999999997</v>
      </c>
      <c r="D1758" s="239">
        <v>0.47370000000000001</v>
      </c>
      <c r="E1758" s="239">
        <v>1.0200000000000001E-2</v>
      </c>
      <c r="F1758" s="239">
        <v>0.46329999999999999</v>
      </c>
      <c r="G1758">
        <f t="shared" si="408"/>
        <v>0.56635999999999997</v>
      </c>
      <c r="H1758" s="235">
        <f t="shared" si="409"/>
        <v>1.8009746451020554</v>
      </c>
      <c r="I1758" s="236">
        <f t="shared" si="410"/>
        <v>15.745446833915629</v>
      </c>
      <c r="J1758" s="237">
        <f t="shared" si="415"/>
        <v>5.7454468339156293</v>
      </c>
      <c r="K1758" s="237">
        <f t="shared" si="411"/>
        <v>274.77379269866162</v>
      </c>
      <c r="L1758" s="237">
        <f t="shared" si="416"/>
        <v>100.30401082649905</v>
      </c>
      <c r="M1758" s="236">
        <f t="shared" si="412"/>
        <v>2.9070244040959627</v>
      </c>
      <c r="N1758" s="236">
        <f t="shared" si="413"/>
        <v>3.498107847556335</v>
      </c>
      <c r="O1758" s="236">
        <f t="shared" si="417"/>
        <v>3.4857507646079404</v>
      </c>
      <c r="P1758" s="236" t="str">
        <f t="shared" si="418"/>
        <v>CLAY</v>
      </c>
      <c r="Q1758" s="236">
        <f t="shared" si="414"/>
        <v>24.298850608444866</v>
      </c>
      <c r="R1758" s="238">
        <v>35</v>
      </c>
      <c r="S1758" s="236">
        <f t="shared" si="419"/>
        <v>0.94896644381710726</v>
      </c>
      <c r="T1758" s="236" t="e">
        <f t="shared" si="405"/>
        <v>#N/A</v>
      </c>
    </row>
    <row r="1759" spans="1:20" x14ac:dyDescent="0.2">
      <c r="A1759" s="53">
        <f t="shared" si="406"/>
        <v>1747</v>
      </c>
      <c r="B1759" s="239">
        <v>17.468</v>
      </c>
      <c r="C1759" s="3">
        <f t="shared" si="407"/>
        <v>17.460999999999999</v>
      </c>
      <c r="D1759" s="239">
        <v>0.47749999999999998</v>
      </c>
      <c r="E1759" s="239">
        <v>1.01E-2</v>
      </c>
      <c r="F1759" s="239">
        <v>0.46179999999999999</v>
      </c>
      <c r="G1759">
        <f t="shared" si="408"/>
        <v>0.56985999999999992</v>
      </c>
      <c r="H1759" s="235">
        <f t="shared" si="409"/>
        <v>1.7723651423156566</v>
      </c>
      <c r="I1759" s="236">
        <f t="shared" si="410"/>
        <v>15.736302119971114</v>
      </c>
      <c r="J1759" s="237">
        <f t="shared" si="415"/>
        <v>5.7363021199711142</v>
      </c>
      <c r="K1759" s="237">
        <f t="shared" si="411"/>
        <v>274.7715713168156</v>
      </c>
      <c r="L1759" s="237">
        <f t="shared" si="416"/>
        <v>100.20172543165542</v>
      </c>
      <c r="M1759" s="236">
        <f t="shared" si="412"/>
        <v>2.9449435866696252</v>
      </c>
      <c r="N1759" s="236">
        <f t="shared" si="413"/>
        <v>3.4227028301552478</v>
      </c>
      <c r="O1759" s="236">
        <f t="shared" si="417"/>
        <v>3.4761113678254629</v>
      </c>
      <c r="P1759" s="236" t="str">
        <f t="shared" si="418"/>
        <v>CLAY</v>
      </c>
      <c r="Q1759" s="236">
        <f t="shared" si="414"/>
        <v>24.59070239026536</v>
      </c>
      <c r="R1759" s="238">
        <v>35</v>
      </c>
      <c r="S1759" s="236">
        <f t="shared" si="419"/>
        <v>0.96446447052788808</v>
      </c>
      <c r="T1759" s="236" t="e">
        <f t="shared" si="405"/>
        <v>#N/A</v>
      </c>
    </row>
    <row r="1760" spans="1:20" x14ac:dyDescent="0.2">
      <c r="A1760" s="53">
        <f t="shared" si="406"/>
        <v>1748</v>
      </c>
      <c r="B1760" s="239">
        <v>17.478000000000002</v>
      </c>
      <c r="C1760" s="3">
        <f t="shared" si="407"/>
        <v>17.471</v>
      </c>
      <c r="D1760" s="239">
        <v>0.47770000000000001</v>
      </c>
      <c r="E1760" s="239">
        <v>0.01</v>
      </c>
      <c r="F1760" s="239">
        <v>0.45989999999999998</v>
      </c>
      <c r="G1760">
        <f t="shared" si="408"/>
        <v>0.56967999999999996</v>
      </c>
      <c r="H1760" s="235">
        <f t="shared" si="409"/>
        <v>1.7553714365959836</v>
      </c>
      <c r="I1760" s="236">
        <f t="shared" si="410"/>
        <v>15.724510929868053</v>
      </c>
      <c r="J1760" s="237">
        <f t="shared" si="415"/>
        <v>5.7245109298680532</v>
      </c>
      <c r="K1760" s="237">
        <f t="shared" si="411"/>
        <v>274.72293045572474</v>
      </c>
      <c r="L1760" s="237">
        <f t="shared" si="416"/>
        <v>100.05300203223385</v>
      </c>
      <c r="M1760" s="236">
        <f t="shared" si="412"/>
        <v>2.9480081911910005</v>
      </c>
      <c r="N1760" s="236">
        <f t="shared" si="413"/>
        <v>3.3903238920330154</v>
      </c>
      <c r="O1760" s="236">
        <f t="shared" si="417"/>
        <v>3.4736396374052756</v>
      </c>
      <c r="P1760" s="236" t="str">
        <f t="shared" si="418"/>
        <v>CLAY</v>
      </c>
      <c r="Q1760" s="236">
        <f t="shared" si="414"/>
        <v>24.579755795356267</v>
      </c>
      <c r="R1760" s="238">
        <v>35</v>
      </c>
      <c r="S1760" s="236">
        <f t="shared" si="419"/>
        <v>0.96571920023031788</v>
      </c>
      <c r="T1760" s="236" t="e">
        <f t="shared" si="405"/>
        <v>#N/A</v>
      </c>
    </row>
    <row r="1761" spans="1:20" x14ac:dyDescent="0.2">
      <c r="A1761" s="53">
        <f t="shared" si="406"/>
        <v>1749</v>
      </c>
      <c r="B1761" s="239">
        <v>17.488</v>
      </c>
      <c r="C1761" s="3">
        <f t="shared" si="407"/>
        <v>17.480999999999998</v>
      </c>
      <c r="D1761" s="239">
        <v>0.47870000000000001</v>
      </c>
      <c r="E1761" s="239">
        <v>0.01</v>
      </c>
      <c r="F1761" s="239">
        <v>0.4582</v>
      </c>
      <c r="G1761">
        <f t="shared" si="408"/>
        <v>0.57033999999999996</v>
      </c>
      <c r="H1761" s="235">
        <f t="shared" si="409"/>
        <v>1.7533401129151034</v>
      </c>
      <c r="I1761" s="236">
        <f t="shared" si="410"/>
        <v>15.724963502544098</v>
      </c>
      <c r="J1761" s="237">
        <f t="shared" si="415"/>
        <v>5.7249635025440977</v>
      </c>
      <c r="K1761" s="237">
        <f t="shared" si="411"/>
        <v>274.88808698797334</v>
      </c>
      <c r="L1761" s="237">
        <f t="shared" si="416"/>
        <v>100.11816173249117</v>
      </c>
      <c r="M1761" s="236">
        <f t="shared" si="412"/>
        <v>2.9510321394179582</v>
      </c>
      <c r="N1761" s="236">
        <f t="shared" si="413"/>
        <v>3.3846455411486684</v>
      </c>
      <c r="O1761" s="236">
        <f t="shared" si="417"/>
        <v>3.4728882474397191</v>
      </c>
      <c r="P1761" s="236" t="str">
        <f t="shared" si="418"/>
        <v>CLAY</v>
      </c>
      <c r="Q1761" s="236">
        <f t="shared" si="414"/>
        <v>24.620992751002216</v>
      </c>
      <c r="R1761" s="238">
        <v>35</v>
      </c>
      <c r="S1761" s="236">
        <f t="shared" si="419"/>
        <v>0.96695760384757579</v>
      </c>
      <c r="T1761" s="236" t="e">
        <f t="shared" si="405"/>
        <v>#N/A</v>
      </c>
    </row>
    <row r="1762" spans="1:20" x14ac:dyDescent="0.2">
      <c r="A1762" s="53">
        <f t="shared" si="406"/>
        <v>1750</v>
      </c>
      <c r="B1762" s="239">
        <v>17.498999999999999</v>
      </c>
      <c r="C1762" s="3">
        <f t="shared" si="407"/>
        <v>17.491999999999997</v>
      </c>
      <c r="D1762" s="239">
        <v>0.47889999999999999</v>
      </c>
      <c r="E1762" s="239">
        <v>0.01</v>
      </c>
      <c r="F1762" s="239">
        <v>0.45519999999999999</v>
      </c>
      <c r="G1762">
        <f t="shared" si="408"/>
        <v>0.56994</v>
      </c>
      <c r="H1762" s="235">
        <f t="shared" si="409"/>
        <v>1.7545706565603398</v>
      </c>
      <c r="I1762" s="236">
        <f t="shared" si="410"/>
        <v>15.724689278634362</v>
      </c>
      <c r="J1762" s="237">
        <f t="shared" si="415"/>
        <v>5.7246892786343615</v>
      </c>
      <c r="K1762" s="237">
        <f t="shared" si="411"/>
        <v>275.05626486187219</v>
      </c>
      <c r="L1762" s="237">
        <f t="shared" si="416"/>
        <v>100.17633768682269</v>
      </c>
      <c r="M1762" s="236">
        <f t="shared" si="412"/>
        <v>2.9436465930708224</v>
      </c>
      <c r="N1762" s="236">
        <f t="shared" si="413"/>
        <v>3.3911670290380216</v>
      </c>
      <c r="O1762" s="236">
        <f t="shared" si="417"/>
        <v>3.4742494853854056</v>
      </c>
      <c r="P1762" s="236" t="str">
        <f t="shared" si="418"/>
        <v>CLAY</v>
      </c>
      <c r="Q1762" s="236">
        <f t="shared" si="414"/>
        <v>24.573644594843987</v>
      </c>
      <c r="R1762" s="238">
        <v>35</v>
      </c>
      <c r="S1762" s="236">
        <f t="shared" si="419"/>
        <v>0.96393354551365396</v>
      </c>
      <c r="T1762" s="236" t="e">
        <f t="shared" si="405"/>
        <v>#N/A</v>
      </c>
    </row>
    <row r="1763" spans="1:20" x14ac:dyDescent="0.2">
      <c r="A1763" s="53">
        <f t="shared" si="406"/>
        <v>1751</v>
      </c>
      <c r="B1763" s="239">
        <v>17.509</v>
      </c>
      <c r="C1763" s="3">
        <f t="shared" si="407"/>
        <v>17.501999999999999</v>
      </c>
      <c r="D1763" s="239">
        <v>0.47760000000000002</v>
      </c>
      <c r="E1763" s="239">
        <v>9.7999999999999997E-3</v>
      </c>
      <c r="F1763" s="239">
        <v>0.45250000000000001</v>
      </c>
      <c r="G1763">
        <f t="shared" si="408"/>
        <v>0.56810000000000005</v>
      </c>
      <c r="H1763" s="235">
        <f t="shared" si="409"/>
        <v>1.7250484069706036</v>
      </c>
      <c r="I1763" s="236">
        <f t="shared" si="410"/>
        <v>15.699735769101755</v>
      </c>
      <c r="J1763" s="237">
        <f t="shared" si="415"/>
        <v>5.6997357691017552</v>
      </c>
      <c r="K1763" s="237">
        <f t="shared" si="411"/>
        <v>274.77677543081893</v>
      </c>
      <c r="L1763" s="237">
        <f t="shared" si="416"/>
        <v>99.79667358120264</v>
      </c>
      <c r="M1763" s="236">
        <f t="shared" si="412"/>
        <v>2.939208432939497</v>
      </c>
      <c r="N1763" s="236">
        <f t="shared" si="413"/>
        <v>3.3410242282702853</v>
      </c>
      <c r="O1763" s="236">
        <f t="shared" si="417"/>
        <v>3.4715611715976902</v>
      </c>
      <c r="P1763" s="236" t="str">
        <f t="shared" si="418"/>
        <v>CLAY</v>
      </c>
      <c r="Q1763" s="236">
        <f t="shared" si="414"/>
        <v>24.443602047431757</v>
      </c>
      <c r="R1763" s="238">
        <v>35</v>
      </c>
      <c r="S1763" s="236">
        <f t="shared" si="419"/>
        <v>0.9621172248687454</v>
      </c>
      <c r="T1763" s="236" t="e">
        <f t="shared" si="405"/>
        <v>#N/A</v>
      </c>
    </row>
    <row r="1764" spans="1:20" x14ac:dyDescent="0.2">
      <c r="A1764" s="53">
        <f t="shared" si="406"/>
        <v>1752</v>
      </c>
      <c r="B1764" s="239">
        <v>17.518000000000001</v>
      </c>
      <c r="C1764" s="3">
        <f t="shared" si="407"/>
        <v>17.510999999999999</v>
      </c>
      <c r="D1764" s="239">
        <v>0.48070000000000002</v>
      </c>
      <c r="E1764" s="239">
        <v>9.7999999999999997E-3</v>
      </c>
      <c r="F1764" s="239">
        <v>0.4506</v>
      </c>
      <c r="G1764">
        <f t="shared" si="408"/>
        <v>0.57081999999999999</v>
      </c>
      <c r="H1764" s="235">
        <f t="shared" si="409"/>
        <v>1.7168284222697172</v>
      </c>
      <c r="I1764" s="236">
        <f t="shared" si="410"/>
        <v>15.7016027218517</v>
      </c>
      <c r="J1764" s="237">
        <f t="shared" si="415"/>
        <v>5.7016027218516996</v>
      </c>
      <c r="K1764" s="237">
        <f t="shared" si="411"/>
        <v>274.9507652623451</v>
      </c>
      <c r="L1764" s="237">
        <f t="shared" si="416"/>
        <v>99.880676481398083</v>
      </c>
      <c r="M1764" s="236">
        <f t="shared" si="412"/>
        <v>2.9622269808390618</v>
      </c>
      <c r="N1764" s="236">
        <f t="shared" si="413"/>
        <v>3.3122740891561726</v>
      </c>
      <c r="O1764" s="236">
        <f t="shared" si="417"/>
        <v>3.4667466081641249</v>
      </c>
      <c r="P1764" s="236" t="str">
        <f t="shared" si="418"/>
        <v>CLAY</v>
      </c>
      <c r="Q1764" s="236">
        <f t="shared" si="414"/>
        <v>24.655769561471246</v>
      </c>
      <c r="R1764" s="238">
        <v>35</v>
      </c>
      <c r="S1764" s="236">
        <f t="shared" si="419"/>
        <v>0.9715450095248146</v>
      </c>
      <c r="T1764" s="236" t="e">
        <f t="shared" si="405"/>
        <v>#N/A</v>
      </c>
    </row>
    <row r="1765" spans="1:20" x14ac:dyDescent="0.2">
      <c r="A1765" s="53">
        <f t="shared" si="406"/>
        <v>1753</v>
      </c>
      <c r="B1765" s="239">
        <v>17.527999999999999</v>
      </c>
      <c r="C1765" s="3">
        <f t="shared" si="407"/>
        <v>17.520999999999997</v>
      </c>
      <c r="D1765" s="239">
        <v>0.48209999999999997</v>
      </c>
      <c r="E1765" s="239">
        <v>9.7000000000000003E-3</v>
      </c>
      <c r="F1765" s="239">
        <v>0.44790000000000002</v>
      </c>
      <c r="G1765">
        <f t="shared" si="408"/>
        <v>0.57167999999999997</v>
      </c>
      <c r="H1765" s="235">
        <f t="shared" si="409"/>
        <v>1.696753428491464</v>
      </c>
      <c r="I1765" s="236">
        <f t="shared" si="410"/>
        <v>15.690164435873877</v>
      </c>
      <c r="J1765" s="237">
        <f t="shared" si="415"/>
        <v>5.6901644358738768</v>
      </c>
      <c r="K1765" s="237">
        <f t="shared" si="411"/>
        <v>274.90737108094618</v>
      </c>
      <c r="L1765" s="237">
        <f t="shared" si="416"/>
        <v>99.737202231997301</v>
      </c>
      <c r="M1765" s="236">
        <f t="shared" si="412"/>
        <v>2.9755459575528813</v>
      </c>
      <c r="N1765" s="236">
        <f t="shared" si="413"/>
        <v>3.2684954927719176</v>
      </c>
      <c r="O1765" s="236">
        <f t="shared" si="417"/>
        <v>3.4621633918495411</v>
      </c>
      <c r="P1765" s="236" t="str">
        <f t="shared" si="418"/>
        <v>CLAY</v>
      </c>
      <c r="Q1765" s="236">
        <f t="shared" si="414"/>
        <v>24.731052409921148</v>
      </c>
      <c r="R1765" s="238">
        <v>35</v>
      </c>
      <c r="S1765" s="236">
        <f t="shared" si="419"/>
        <v>0.97700848767569581</v>
      </c>
      <c r="T1765" s="236" t="e">
        <f t="shared" si="405"/>
        <v>#N/A</v>
      </c>
    </row>
    <row r="1766" spans="1:20" x14ac:dyDescent="0.2">
      <c r="A1766" s="53">
        <f t="shared" si="406"/>
        <v>1754</v>
      </c>
      <c r="B1766" s="239">
        <v>17.539000000000001</v>
      </c>
      <c r="C1766" s="3">
        <f t="shared" si="407"/>
        <v>17.532</v>
      </c>
      <c r="D1766" s="239">
        <v>0.4738</v>
      </c>
      <c r="E1766" s="239">
        <v>9.7999999999999997E-3</v>
      </c>
      <c r="F1766" s="239">
        <v>0.44850000000000001</v>
      </c>
      <c r="G1766">
        <f t="shared" si="408"/>
        <v>0.5635</v>
      </c>
      <c r="H1766" s="235">
        <f t="shared" si="409"/>
        <v>1.7391304347826086</v>
      </c>
      <c r="I1766" s="236">
        <f t="shared" si="410"/>
        <v>15.696557987096135</v>
      </c>
      <c r="J1766" s="237">
        <f t="shared" si="415"/>
        <v>5.6965579870961349</v>
      </c>
      <c r="K1766" s="237">
        <f t="shared" si="411"/>
        <v>275.19205462976942</v>
      </c>
      <c r="L1766" s="237">
        <f t="shared" si="416"/>
        <v>99.911930535679119</v>
      </c>
      <c r="M1766" s="236">
        <f t="shared" si="412"/>
        <v>2.8856208044871496</v>
      </c>
      <c r="N1766" s="236">
        <f t="shared" si="413"/>
        <v>3.3991432277092919</v>
      </c>
      <c r="O1766" s="236">
        <f t="shared" si="417"/>
        <v>3.4822341550722959</v>
      </c>
      <c r="P1766" s="236" t="str">
        <f t="shared" si="418"/>
        <v>CLAY</v>
      </c>
      <c r="Q1766" s="236">
        <f t="shared" si="414"/>
        <v>24.025662114185881</v>
      </c>
      <c r="R1766" s="238">
        <v>35</v>
      </c>
      <c r="S1766" s="236">
        <f t="shared" si="419"/>
        <v>0.940240781777682</v>
      </c>
      <c r="T1766" s="236" t="e">
        <f t="shared" si="405"/>
        <v>#N/A</v>
      </c>
    </row>
    <row r="1767" spans="1:20" x14ac:dyDescent="0.2">
      <c r="A1767" s="53">
        <f t="shared" si="406"/>
        <v>1755</v>
      </c>
      <c r="B1767" s="239">
        <v>17.547999999999998</v>
      </c>
      <c r="C1767" s="3">
        <f t="shared" si="407"/>
        <v>17.540999999999997</v>
      </c>
      <c r="D1767" s="239">
        <v>0.47239999999999999</v>
      </c>
      <c r="E1767" s="239">
        <v>9.9000000000000008E-3</v>
      </c>
      <c r="F1767" s="239">
        <v>0.45090000000000002</v>
      </c>
      <c r="G1767">
        <f t="shared" si="408"/>
        <v>0.56257999999999997</v>
      </c>
      <c r="H1767" s="235">
        <f t="shared" si="409"/>
        <v>1.7597497244836293</v>
      </c>
      <c r="I1767" s="236">
        <f t="shared" si="410"/>
        <v>15.707823939641944</v>
      </c>
      <c r="J1767" s="237">
        <f t="shared" si="415"/>
        <v>5.7078239396419441</v>
      </c>
      <c r="K1767" s="237">
        <f t="shared" si="411"/>
        <v>275.53093972525932</v>
      </c>
      <c r="L1767" s="237">
        <f t="shared" si="416"/>
        <v>100.16089449283683</v>
      </c>
      <c r="M1767" s="236">
        <f t="shared" si="412"/>
        <v>2.865879560363445</v>
      </c>
      <c r="N1767" s="236">
        <f t="shared" si="413"/>
        <v>3.4488877930917123</v>
      </c>
      <c r="O1767" s="236">
        <f t="shared" si="417"/>
        <v>3.4879865891314377</v>
      </c>
      <c r="P1767" s="236" t="str">
        <f t="shared" si="418"/>
        <v>CLAY</v>
      </c>
      <c r="Q1767" s="236">
        <f t="shared" si="414"/>
        <v>23.920755022895051</v>
      </c>
      <c r="R1767" s="238">
        <v>35</v>
      </c>
      <c r="S1767" s="236">
        <f t="shared" si="419"/>
        <v>0.93220714541287908</v>
      </c>
      <c r="T1767" s="236" t="e">
        <f t="shared" si="405"/>
        <v>#N/A</v>
      </c>
    </row>
    <row r="1768" spans="1:20" x14ac:dyDescent="0.2">
      <c r="A1768" s="53">
        <f t="shared" si="406"/>
        <v>1756</v>
      </c>
      <c r="B1768" s="239">
        <v>17.556999999999999</v>
      </c>
      <c r="C1768" s="3">
        <f t="shared" si="407"/>
        <v>17.549999999999997</v>
      </c>
      <c r="D1768" s="239">
        <v>0.47120000000000001</v>
      </c>
      <c r="E1768" s="239">
        <v>0.01</v>
      </c>
      <c r="F1768" s="239">
        <v>0.45419999999999999</v>
      </c>
      <c r="G1768">
        <f t="shared" si="408"/>
        <v>0.56203999999999998</v>
      </c>
      <c r="H1768" s="235">
        <f t="shared" si="409"/>
        <v>1.7792327948188742</v>
      </c>
      <c r="I1768" s="236">
        <f t="shared" si="410"/>
        <v>15.719233556980022</v>
      </c>
      <c r="J1768" s="237">
        <f t="shared" si="415"/>
        <v>5.7192335569800221</v>
      </c>
      <c r="K1768" s="237">
        <f t="shared" si="411"/>
        <v>275.87254892499936</v>
      </c>
      <c r="L1768" s="237">
        <f t="shared" si="416"/>
        <v>100.41258355989824</v>
      </c>
      <c r="M1768" s="236">
        <f t="shared" si="412"/>
        <v>2.8499162249350514</v>
      </c>
      <c r="N1768" s="236">
        <f t="shared" si="413"/>
        <v>3.4944575151487562</v>
      </c>
      <c r="O1768" s="236">
        <f t="shared" si="417"/>
        <v>3.4929565839264076</v>
      </c>
      <c r="P1768" s="236" t="str">
        <f t="shared" si="418"/>
        <v>CLAY</v>
      </c>
      <c r="Q1768" s="236">
        <f t="shared" si="414"/>
        <v>23.847287589583384</v>
      </c>
      <c r="R1768" s="238">
        <v>35</v>
      </c>
      <c r="S1768" s="236">
        <f t="shared" si="419"/>
        <v>0.92572102163617376</v>
      </c>
      <c r="T1768" s="236" t="e">
        <f t="shared" si="405"/>
        <v>#N/A</v>
      </c>
    </row>
    <row r="1769" spans="1:20" x14ac:dyDescent="0.2">
      <c r="A1769" s="53">
        <f t="shared" si="406"/>
        <v>1757</v>
      </c>
      <c r="B1769" s="239">
        <v>17.567</v>
      </c>
      <c r="C1769" s="3">
        <f t="shared" si="407"/>
        <v>17.559999999999999</v>
      </c>
      <c r="D1769" s="239">
        <v>0.46920000000000001</v>
      </c>
      <c r="E1769" s="239">
        <v>1.01E-2</v>
      </c>
      <c r="F1769" s="239">
        <v>0.45639999999999997</v>
      </c>
      <c r="G1769">
        <f t="shared" si="408"/>
        <v>0.56047999999999998</v>
      </c>
      <c r="H1769" s="235">
        <f t="shared" si="409"/>
        <v>1.8020268341421639</v>
      </c>
      <c r="I1769" s="236">
        <f t="shared" si="410"/>
        <v>15.729814871571877</v>
      </c>
      <c r="J1769" s="237">
        <f t="shared" si="415"/>
        <v>5.7298148715718771</v>
      </c>
      <c r="K1769" s="237">
        <f t="shared" si="411"/>
        <v>276.21554914480214</v>
      </c>
      <c r="L1769" s="237">
        <f t="shared" si="416"/>
        <v>100.65565784890316</v>
      </c>
      <c r="M1769" s="236">
        <f t="shared" si="412"/>
        <v>2.8241278923626396</v>
      </c>
      <c r="N1769" s="236">
        <f t="shared" si="413"/>
        <v>3.5530295714481941</v>
      </c>
      <c r="O1769" s="236">
        <f t="shared" si="417"/>
        <v>3.5000113479473658</v>
      </c>
      <c r="P1769" s="236" t="str">
        <f t="shared" si="418"/>
        <v>CLAY</v>
      </c>
      <c r="Q1769" s="236">
        <f t="shared" si="414"/>
        <v>23.688704237933155</v>
      </c>
      <c r="R1769" s="238">
        <v>35</v>
      </c>
      <c r="S1769" s="236">
        <f t="shared" si="419"/>
        <v>0.91526205730706911</v>
      </c>
      <c r="T1769" s="236" t="e">
        <f t="shared" si="405"/>
        <v>#N/A</v>
      </c>
    </row>
    <row r="1770" spans="1:20" x14ac:dyDescent="0.2">
      <c r="A1770" s="53">
        <f t="shared" si="406"/>
        <v>1758</v>
      </c>
      <c r="B1770" s="239">
        <v>17.577999999999999</v>
      </c>
      <c r="C1770" s="3">
        <f t="shared" si="407"/>
        <v>17.570999999999998</v>
      </c>
      <c r="D1770" s="239">
        <v>0.46939999999999998</v>
      </c>
      <c r="E1770" s="239">
        <v>1.0200000000000001E-2</v>
      </c>
      <c r="F1770" s="239">
        <v>0.4572</v>
      </c>
      <c r="G1770">
        <f t="shared" si="408"/>
        <v>0.56084000000000001</v>
      </c>
      <c r="H1770" s="235">
        <f t="shared" si="409"/>
        <v>1.8187005206476001</v>
      </c>
      <c r="I1770" s="236">
        <f t="shared" si="410"/>
        <v>15.741618600711879</v>
      </c>
      <c r="J1770" s="237">
        <f t="shared" si="415"/>
        <v>5.7416186007118792</v>
      </c>
      <c r="K1770" s="237">
        <f t="shared" si="411"/>
        <v>276.59598043310842</v>
      </c>
      <c r="L1770" s="237">
        <f t="shared" si="416"/>
        <v>100.92617176331341</v>
      </c>
      <c r="M1770" s="236">
        <f t="shared" si="412"/>
        <v>2.8163559025451326</v>
      </c>
      <c r="N1770" s="236">
        <f t="shared" si="413"/>
        <v>3.5884660002845257</v>
      </c>
      <c r="O1770" s="236">
        <f t="shared" si="417"/>
        <v>3.5032254791020785</v>
      </c>
      <c r="P1770" s="236" t="str">
        <f t="shared" si="418"/>
        <v>CLAY</v>
      </c>
      <c r="Q1770" s="236">
        <f t="shared" si="414"/>
        <v>23.687001630574301</v>
      </c>
      <c r="R1770" s="238">
        <v>35</v>
      </c>
      <c r="S1770" s="236">
        <f t="shared" si="419"/>
        <v>0.91211464376639129</v>
      </c>
      <c r="T1770" s="236" t="e">
        <f t="shared" si="405"/>
        <v>#N/A</v>
      </c>
    </row>
    <row r="1771" spans="1:20" x14ac:dyDescent="0.2">
      <c r="A1771" s="53">
        <f t="shared" si="406"/>
        <v>1759</v>
      </c>
      <c r="B1771" s="239">
        <v>17.587</v>
      </c>
      <c r="C1771" s="3">
        <f t="shared" si="407"/>
        <v>17.579999999999998</v>
      </c>
      <c r="D1771" s="239">
        <v>0.46800000000000003</v>
      </c>
      <c r="E1771" s="239">
        <v>1.0200000000000001E-2</v>
      </c>
      <c r="F1771" s="239">
        <v>0.45729999999999998</v>
      </c>
      <c r="G1771">
        <f t="shared" si="408"/>
        <v>0.55945999999999996</v>
      </c>
      <c r="H1771" s="235">
        <f t="shared" si="409"/>
        <v>1.823186644264112</v>
      </c>
      <c r="I1771" s="236">
        <f t="shared" si="410"/>
        <v>15.740655655037788</v>
      </c>
      <c r="J1771" s="237">
        <f t="shared" si="415"/>
        <v>5.7406556550377879</v>
      </c>
      <c r="K1771" s="237">
        <f t="shared" si="411"/>
        <v>276.72072641556429</v>
      </c>
      <c r="L1771" s="237">
        <f t="shared" si="416"/>
        <v>100.96091100514957</v>
      </c>
      <c r="M1771" s="236">
        <f t="shared" si="412"/>
        <v>2.8004825904355632</v>
      </c>
      <c r="N1771" s="236">
        <f t="shared" si="413"/>
        <v>3.6075639123950469</v>
      </c>
      <c r="O1771" s="236">
        <f t="shared" si="417"/>
        <v>3.5065097748542482</v>
      </c>
      <c r="P1771" s="236" t="str">
        <f t="shared" si="418"/>
        <v>CLAY</v>
      </c>
      <c r="Q1771" s="236">
        <f t="shared" si="414"/>
        <v>23.561606132036303</v>
      </c>
      <c r="R1771" s="238">
        <v>35</v>
      </c>
      <c r="S1771" s="236">
        <f t="shared" si="419"/>
        <v>0.90569319600188236</v>
      </c>
      <c r="T1771" s="236" t="e">
        <f t="shared" si="405"/>
        <v>#N/A</v>
      </c>
    </row>
    <row r="1772" spans="1:20" x14ac:dyDescent="0.2">
      <c r="A1772" s="53">
        <f t="shared" si="406"/>
        <v>1760</v>
      </c>
      <c r="B1772" s="239">
        <v>17.597000000000001</v>
      </c>
      <c r="C1772" s="3">
        <f t="shared" si="407"/>
        <v>17.59</v>
      </c>
      <c r="D1772" s="239">
        <v>0.46750000000000003</v>
      </c>
      <c r="E1772" s="239">
        <v>1.0200000000000001E-2</v>
      </c>
      <c r="F1772" s="239">
        <v>0.45879999999999999</v>
      </c>
      <c r="G1772">
        <f t="shared" si="408"/>
        <v>0.55925999999999998</v>
      </c>
      <c r="H1772" s="235">
        <f t="shared" si="409"/>
        <v>1.823838643922326</v>
      </c>
      <c r="I1772" s="236">
        <f t="shared" si="410"/>
        <v>15.740515900662118</v>
      </c>
      <c r="J1772" s="237">
        <f t="shared" si="415"/>
        <v>5.7405159006621176</v>
      </c>
      <c r="K1772" s="237">
        <f t="shared" si="411"/>
        <v>276.87567469264667</v>
      </c>
      <c r="L1772" s="237">
        <f t="shared" si="416"/>
        <v>101.01585830395129</v>
      </c>
      <c r="M1772" s="236">
        <f t="shared" si="412"/>
        <v>2.7954454879517439</v>
      </c>
      <c r="N1772" s="236">
        <f t="shared" si="413"/>
        <v>3.6120985075563583</v>
      </c>
      <c r="O1772" s="236">
        <f t="shared" si="417"/>
        <v>3.507460268028618</v>
      </c>
      <c r="P1772" s="236" t="str">
        <f t="shared" si="418"/>
        <v>CLAY</v>
      </c>
      <c r="Q1772" s="236">
        <f t="shared" si="414"/>
        <v>23.53202710894611</v>
      </c>
      <c r="R1772" s="238">
        <v>35</v>
      </c>
      <c r="S1772" s="236">
        <f t="shared" si="419"/>
        <v>0.9036573668458513</v>
      </c>
      <c r="T1772" s="236" t="e">
        <f t="shared" si="405"/>
        <v>#N/A</v>
      </c>
    </row>
    <row r="1773" spans="1:20" x14ac:dyDescent="0.2">
      <c r="A1773" s="53">
        <f t="shared" si="406"/>
        <v>1761</v>
      </c>
      <c r="B1773" s="239">
        <v>17.608000000000001</v>
      </c>
      <c r="C1773" s="3">
        <f t="shared" si="407"/>
        <v>17.600999999999999</v>
      </c>
      <c r="D1773" s="239">
        <v>0.47020000000000001</v>
      </c>
      <c r="E1773" s="239">
        <v>1.0200000000000001E-2</v>
      </c>
      <c r="F1773" s="239">
        <v>0.46050000000000002</v>
      </c>
      <c r="G1773">
        <f t="shared" si="408"/>
        <v>0.56230000000000002</v>
      </c>
      <c r="H1773" s="235">
        <f t="shared" si="409"/>
        <v>1.8139783033967634</v>
      </c>
      <c r="I1773" s="236">
        <f t="shared" si="410"/>
        <v>15.742634793298127</v>
      </c>
      <c r="J1773" s="237">
        <f t="shared" si="415"/>
        <v>5.7426347932981265</v>
      </c>
      <c r="K1773" s="237">
        <f t="shared" si="411"/>
        <v>277.08611499684031</v>
      </c>
      <c r="L1773" s="237">
        <f t="shared" si="416"/>
        <v>101.11631344039341</v>
      </c>
      <c r="M1773" s="236">
        <f t="shared" si="412"/>
        <v>2.8206515378083794</v>
      </c>
      <c r="N1773" s="236">
        <f t="shared" si="413"/>
        <v>3.576263476754296</v>
      </c>
      <c r="O1773" s="236">
        <f t="shared" si="417"/>
        <v>3.5019054443236812</v>
      </c>
      <c r="P1773" s="236" t="str">
        <f t="shared" si="418"/>
        <v>CLAY</v>
      </c>
      <c r="Q1773" s="236">
        <f t="shared" si="414"/>
        <v>23.767823750263315</v>
      </c>
      <c r="R1773" s="238">
        <v>35</v>
      </c>
      <c r="S1773" s="236">
        <f t="shared" si="419"/>
        <v>0.913853974078918</v>
      </c>
      <c r="T1773" s="236" t="e">
        <f t="shared" si="405"/>
        <v>#N/A</v>
      </c>
    </row>
    <row r="1774" spans="1:20" x14ac:dyDescent="0.2">
      <c r="A1774" s="53">
        <f t="shared" si="406"/>
        <v>1762</v>
      </c>
      <c r="B1774" s="239">
        <v>17.617000000000001</v>
      </c>
      <c r="C1774" s="3">
        <f t="shared" si="407"/>
        <v>17.61</v>
      </c>
      <c r="D1774" s="239">
        <v>0.47210000000000002</v>
      </c>
      <c r="E1774" s="239">
        <v>1.03E-2</v>
      </c>
      <c r="F1774" s="239">
        <v>0.4612</v>
      </c>
      <c r="G1774">
        <f t="shared" si="408"/>
        <v>0.56433999999999995</v>
      </c>
      <c r="H1774" s="235">
        <f t="shared" si="409"/>
        <v>1.8251408725236562</v>
      </c>
      <c r="I1774" s="236">
        <f t="shared" si="410"/>
        <v>15.755490311534611</v>
      </c>
      <c r="J1774" s="237">
        <f t="shared" si="415"/>
        <v>5.7554903115346114</v>
      </c>
      <c r="K1774" s="237">
        <f t="shared" si="411"/>
        <v>277.4541843861245</v>
      </c>
      <c r="L1774" s="237">
        <f t="shared" si="416"/>
        <v>101.39447281830526</v>
      </c>
      <c r="M1774" s="236">
        <f t="shared" si="412"/>
        <v>2.8294029017534621</v>
      </c>
      <c r="N1774" s="236">
        <f t="shared" si="413"/>
        <v>3.590278584516339</v>
      </c>
      <c r="O1774" s="236">
        <f t="shared" si="417"/>
        <v>3.5016062395538436</v>
      </c>
      <c r="P1774" s="236" t="str">
        <f t="shared" si="418"/>
        <v>CLAY</v>
      </c>
      <c r="Q1774" s="236">
        <f t="shared" si="414"/>
        <v>23.907151301156286</v>
      </c>
      <c r="R1774" s="238">
        <v>35</v>
      </c>
      <c r="S1774" s="236">
        <f t="shared" si="419"/>
        <v>0.91739950594987496</v>
      </c>
      <c r="T1774" s="236" t="e">
        <f t="shared" si="405"/>
        <v>#N/A</v>
      </c>
    </row>
    <row r="1775" spans="1:20" x14ac:dyDescent="0.2">
      <c r="A1775" s="53">
        <f t="shared" si="406"/>
        <v>1763</v>
      </c>
      <c r="B1775" s="239">
        <v>17.626000000000001</v>
      </c>
      <c r="C1775" s="3">
        <f t="shared" si="407"/>
        <v>17.619</v>
      </c>
      <c r="D1775" s="239">
        <v>0.47289999999999999</v>
      </c>
      <c r="E1775" s="239">
        <v>1.03E-2</v>
      </c>
      <c r="F1775" s="239">
        <v>0.46100000000000002</v>
      </c>
      <c r="G1775">
        <f t="shared" si="408"/>
        <v>0.56509999999999994</v>
      </c>
      <c r="H1775" s="235">
        <f t="shared" si="409"/>
        <v>1.8226862502212</v>
      </c>
      <c r="I1775" s="236">
        <f t="shared" si="410"/>
        <v>15.756016337654559</v>
      </c>
      <c r="J1775" s="237">
        <f t="shared" si="415"/>
        <v>5.7560163376545592</v>
      </c>
      <c r="K1775" s="237">
        <f t="shared" si="411"/>
        <v>277.60525185313566</v>
      </c>
      <c r="L1775" s="237">
        <f t="shared" si="416"/>
        <v>101.45554396749927</v>
      </c>
      <c r="M1775" s="236">
        <f t="shared" si="412"/>
        <v>2.8337017072123887</v>
      </c>
      <c r="N1775" s="236">
        <f t="shared" si="413"/>
        <v>3.5826741414901719</v>
      </c>
      <c r="O1775" s="236">
        <f t="shared" si="417"/>
        <v>3.5005711193404387</v>
      </c>
      <c r="P1775" s="236" t="str">
        <f t="shared" si="418"/>
        <v>CLAY</v>
      </c>
      <c r="Q1775" s="236">
        <f t="shared" si="414"/>
        <v>23.957895678905356</v>
      </c>
      <c r="R1775" s="238">
        <v>35</v>
      </c>
      <c r="S1775" s="236">
        <f t="shared" si="419"/>
        <v>0.91914213099978803</v>
      </c>
      <c r="T1775" s="236" t="e">
        <f t="shared" si="405"/>
        <v>#N/A</v>
      </c>
    </row>
    <row r="1776" spans="1:20" x14ac:dyDescent="0.2">
      <c r="A1776" s="53">
        <f t="shared" si="406"/>
        <v>1764</v>
      </c>
      <c r="B1776" s="239">
        <v>17.637</v>
      </c>
      <c r="C1776" s="3">
        <f t="shared" si="407"/>
        <v>17.63</v>
      </c>
      <c r="D1776" s="239">
        <v>0.47020000000000001</v>
      </c>
      <c r="E1776" s="239">
        <v>1.03E-2</v>
      </c>
      <c r="F1776" s="239">
        <v>0.46300000000000002</v>
      </c>
      <c r="G1776">
        <f t="shared" si="408"/>
        <v>0.56279999999999997</v>
      </c>
      <c r="H1776" s="235">
        <f t="shared" si="409"/>
        <v>1.8301350390902631</v>
      </c>
      <c r="I1776" s="236">
        <f t="shared" si="410"/>
        <v>15.75442224097289</v>
      </c>
      <c r="J1776" s="237">
        <f t="shared" si="415"/>
        <v>5.7544222409728896</v>
      </c>
      <c r="K1776" s="237">
        <f t="shared" si="411"/>
        <v>277.75046410835205</v>
      </c>
      <c r="L1776" s="237">
        <f t="shared" si="416"/>
        <v>101.49074506403886</v>
      </c>
      <c r="M1776" s="236">
        <f t="shared" si="412"/>
        <v>2.8086259068429018</v>
      </c>
      <c r="N1776" s="236">
        <f t="shared" si="413"/>
        <v>3.6134070409134793</v>
      </c>
      <c r="O1776" s="236">
        <f t="shared" si="417"/>
        <v>3.5057791691423996</v>
      </c>
      <c r="P1776" s="236" t="str">
        <f t="shared" si="418"/>
        <v>CLAY</v>
      </c>
      <c r="Q1776" s="236">
        <f t="shared" si="414"/>
        <v>23.754127990970659</v>
      </c>
      <c r="R1776" s="238">
        <v>35</v>
      </c>
      <c r="S1776" s="236">
        <f t="shared" si="419"/>
        <v>0.90898638961069944</v>
      </c>
      <c r="T1776" s="236" t="e">
        <f t="shared" si="405"/>
        <v>#N/A</v>
      </c>
    </row>
    <row r="1777" spans="1:20" x14ac:dyDescent="0.2">
      <c r="A1777" s="53">
        <f t="shared" si="406"/>
        <v>1765</v>
      </c>
      <c r="B1777" s="239">
        <v>17.646000000000001</v>
      </c>
      <c r="C1777" s="3">
        <f t="shared" si="407"/>
        <v>17.638999999999999</v>
      </c>
      <c r="D1777" s="239">
        <v>0.46660000000000001</v>
      </c>
      <c r="E1777" s="239">
        <v>1.04E-2</v>
      </c>
      <c r="F1777" s="239">
        <v>0.46410000000000001</v>
      </c>
      <c r="G1777">
        <f t="shared" si="408"/>
        <v>0.55942000000000003</v>
      </c>
      <c r="H1777" s="235">
        <f t="shared" si="409"/>
        <v>1.8590683207607879</v>
      </c>
      <c r="I1777" s="236">
        <f t="shared" si="410"/>
        <v>15.763397260509448</v>
      </c>
      <c r="J1777" s="237">
        <f t="shared" si="415"/>
        <v>5.7633972605094481</v>
      </c>
      <c r="K1777" s="237">
        <f t="shared" si="411"/>
        <v>278.05056427812616</v>
      </c>
      <c r="L1777" s="237">
        <f t="shared" si="416"/>
        <v>101.70090805894972</v>
      </c>
      <c r="M1777" s="236">
        <f t="shared" si="412"/>
        <v>2.7666364154662362</v>
      </c>
      <c r="N1777" s="236">
        <f t="shared" si="413"/>
        <v>3.6962081447539026</v>
      </c>
      <c r="O1777" s="236">
        <f t="shared" si="417"/>
        <v>3.51641112038179</v>
      </c>
      <c r="P1777" s="236" t="str">
        <f t="shared" si="418"/>
        <v>CLAY</v>
      </c>
      <c r="Q1777" s="236">
        <f t="shared" si="414"/>
        <v>23.447452976822827</v>
      </c>
      <c r="R1777" s="238">
        <v>35</v>
      </c>
      <c r="S1777" s="236">
        <f t="shared" si="419"/>
        <v>0.89203135449781479</v>
      </c>
      <c r="T1777" s="236" t="e">
        <f t="shared" si="405"/>
        <v>#N/A</v>
      </c>
    </row>
    <row r="1778" spans="1:20" x14ac:dyDescent="0.2">
      <c r="A1778" s="53">
        <f t="shared" si="406"/>
        <v>1766</v>
      </c>
      <c r="B1778" s="239">
        <v>17.657</v>
      </c>
      <c r="C1778" s="3">
        <f t="shared" si="407"/>
        <v>17.649999999999999</v>
      </c>
      <c r="D1778" s="239">
        <v>0.46710000000000002</v>
      </c>
      <c r="E1778" s="239">
        <v>1.04E-2</v>
      </c>
      <c r="F1778" s="239">
        <v>0.46629999999999999</v>
      </c>
      <c r="G1778">
        <f t="shared" si="408"/>
        <v>0.56035999999999997</v>
      </c>
      <c r="H1778" s="235">
        <f t="shared" si="409"/>
        <v>1.8559497465914769</v>
      </c>
      <c r="I1778" s="236">
        <f t="shared" si="410"/>
        <v>15.764053484442709</v>
      </c>
      <c r="J1778" s="237">
        <f t="shared" si="415"/>
        <v>5.7640534844427087</v>
      </c>
      <c r="K1778" s="237">
        <f t="shared" si="411"/>
        <v>278.23554400041377</v>
      </c>
      <c r="L1778" s="237">
        <f t="shared" si="416"/>
        <v>101.77589237480491</v>
      </c>
      <c r="M1778" s="236">
        <f t="shared" si="412"/>
        <v>2.7720165298145543</v>
      </c>
      <c r="N1778" s="236">
        <f t="shared" si="413"/>
        <v>3.6863163681262896</v>
      </c>
      <c r="O1778" s="236">
        <f t="shared" si="417"/>
        <v>3.515092930269498</v>
      </c>
      <c r="P1778" s="236" t="str">
        <f t="shared" si="418"/>
        <v>CLAY</v>
      </c>
      <c r="Q1778" s="236">
        <f t="shared" si="414"/>
        <v>23.510371333298853</v>
      </c>
      <c r="R1778" s="238">
        <v>35</v>
      </c>
      <c r="S1778" s="236">
        <f t="shared" si="419"/>
        <v>0.89420023215260724</v>
      </c>
      <c r="T1778" s="236" t="e">
        <f t="shared" si="405"/>
        <v>#N/A</v>
      </c>
    </row>
    <row r="1779" spans="1:20" x14ac:dyDescent="0.2">
      <c r="A1779" s="53">
        <f t="shared" si="406"/>
        <v>1767</v>
      </c>
      <c r="B1779" s="239">
        <v>17.666</v>
      </c>
      <c r="C1779" s="3">
        <f t="shared" si="407"/>
        <v>17.658999999999999</v>
      </c>
      <c r="D1779" s="239">
        <v>0.46920000000000001</v>
      </c>
      <c r="E1779" s="239">
        <v>1.0500000000000001E-2</v>
      </c>
      <c r="F1779" s="239">
        <v>0.46439999999999998</v>
      </c>
      <c r="G1779">
        <f t="shared" si="408"/>
        <v>0.56208000000000002</v>
      </c>
      <c r="H1779" s="235">
        <f t="shared" si="409"/>
        <v>1.8680614859094791</v>
      </c>
      <c r="I1779" s="236">
        <f t="shared" si="410"/>
        <v>15.776472481074475</v>
      </c>
      <c r="J1779" s="237">
        <f t="shared" si="415"/>
        <v>5.7764724810744745</v>
      </c>
      <c r="K1779" s="237">
        <f t="shared" si="411"/>
        <v>278.59672754329415</v>
      </c>
      <c r="L1779" s="237">
        <f t="shared" si="416"/>
        <v>102.04716285066166</v>
      </c>
      <c r="M1779" s="236">
        <f t="shared" si="412"/>
        <v>2.7779632920472497</v>
      </c>
      <c r="N1779" s="236">
        <f t="shared" si="413"/>
        <v>3.7039222487469976</v>
      </c>
      <c r="O1779" s="236">
        <f t="shared" si="417"/>
        <v>3.5153438716021954</v>
      </c>
      <c r="P1779" s="236" t="str">
        <f t="shared" si="418"/>
        <v>CLAY</v>
      </c>
      <c r="Q1779" s="236">
        <f t="shared" si="414"/>
        <v>23.623606038058824</v>
      </c>
      <c r="R1779" s="238">
        <v>35</v>
      </c>
      <c r="S1779" s="236">
        <f t="shared" si="419"/>
        <v>0.89659876644925418</v>
      </c>
      <c r="T1779" s="236" t="e">
        <f t="shared" si="405"/>
        <v>#N/A</v>
      </c>
    </row>
    <row r="1780" spans="1:20" x14ac:dyDescent="0.2">
      <c r="A1780" s="53">
        <f t="shared" si="406"/>
        <v>1768</v>
      </c>
      <c r="B1780" s="239">
        <v>17.677</v>
      </c>
      <c r="C1780" s="3">
        <f t="shared" si="407"/>
        <v>17.669999999999998</v>
      </c>
      <c r="D1780" s="239">
        <v>0.47139999999999999</v>
      </c>
      <c r="E1780" s="239">
        <v>1.04E-2</v>
      </c>
      <c r="F1780" s="239">
        <v>0.46629999999999999</v>
      </c>
      <c r="G1780">
        <f t="shared" si="408"/>
        <v>0.56465999999999994</v>
      </c>
      <c r="H1780" s="235">
        <f t="shared" si="409"/>
        <v>1.8418163142421988</v>
      </c>
      <c r="I1780" s="236">
        <f t="shared" si="410"/>
        <v>15.767041391910139</v>
      </c>
      <c r="J1780" s="237">
        <f t="shared" si="415"/>
        <v>5.7670413919101389</v>
      </c>
      <c r="K1780" s="237">
        <f t="shared" si="411"/>
        <v>278.60362139505213</v>
      </c>
      <c r="L1780" s="237">
        <f t="shared" si="416"/>
        <v>101.94399068479552</v>
      </c>
      <c r="M1780" s="236">
        <f t="shared" si="412"/>
        <v>2.8060151136266223</v>
      </c>
      <c r="N1780" s="236">
        <f t="shared" si="413"/>
        <v>3.6356469485907539</v>
      </c>
      <c r="O1780" s="236">
        <f t="shared" si="417"/>
        <v>3.5074793247689366</v>
      </c>
      <c r="P1780" s="236" t="str">
        <f t="shared" si="418"/>
        <v>CLAY</v>
      </c>
      <c r="Q1780" s="236">
        <f t="shared" si="414"/>
        <v>23.838031550412321</v>
      </c>
      <c r="R1780" s="238">
        <v>35</v>
      </c>
      <c r="S1780" s="236">
        <f t="shared" si="419"/>
        <v>0.9079303128304409</v>
      </c>
      <c r="T1780" s="236" t="e">
        <f t="shared" si="405"/>
        <v>#N/A</v>
      </c>
    </row>
    <row r="1781" spans="1:20" x14ac:dyDescent="0.2">
      <c r="A1781" s="53">
        <f t="shared" si="406"/>
        <v>1769</v>
      </c>
      <c r="B1781" s="239">
        <v>17.687000000000001</v>
      </c>
      <c r="C1781" s="3">
        <f t="shared" si="407"/>
        <v>17.68</v>
      </c>
      <c r="D1781" s="239">
        <v>0.47360000000000002</v>
      </c>
      <c r="E1781" s="239">
        <v>1.03E-2</v>
      </c>
      <c r="F1781" s="239">
        <v>0.4677</v>
      </c>
      <c r="G1781">
        <f t="shared" si="408"/>
        <v>0.56713999999999998</v>
      </c>
      <c r="H1781" s="235">
        <f t="shared" si="409"/>
        <v>1.8161300560708113</v>
      </c>
      <c r="I1781" s="236">
        <f t="shared" si="410"/>
        <v>15.757424812062094</v>
      </c>
      <c r="J1781" s="237">
        <f t="shared" si="415"/>
        <v>5.7574248120620943</v>
      </c>
      <c r="K1781" s="237">
        <f t="shared" si="411"/>
        <v>278.5912706772578</v>
      </c>
      <c r="L1781" s="237">
        <f t="shared" si="416"/>
        <v>101.83157265094226</v>
      </c>
      <c r="M1781" s="236">
        <f t="shared" si="412"/>
        <v>2.8335880691131821</v>
      </c>
      <c r="N1781" s="236">
        <f t="shared" si="413"/>
        <v>3.5695877171856938</v>
      </c>
      <c r="O1781" s="236">
        <f t="shared" si="417"/>
        <v>3.4997809190967173</v>
      </c>
      <c r="P1781" s="236" t="str">
        <f t="shared" si="418"/>
        <v>CLAY</v>
      </c>
      <c r="Q1781" s="236">
        <f t="shared" si="414"/>
        <v>24.045727443561848</v>
      </c>
      <c r="R1781" s="238">
        <v>35</v>
      </c>
      <c r="S1781" s="236">
        <f t="shared" si="419"/>
        <v>0.91909605653082926</v>
      </c>
      <c r="T1781" s="236" t="e">
        <f t="shared" si="405"/>
        <v>#N/A</v>
      </c>
    </row>
    <row r="1782" spans="1:20" x14ac:dyDescent="0.2">
      <c r="A1782" s="53">
        <f t="shared" si="406"/>
        <v>1770</v>
      </c>
      <c r="B1782" s="239">
        <v>17.696999999999999</v>
      </c>
      <c r="C1782" s="3">
        <f t="shared" si="407"/>
        <v>17.689999999999998</v>
      </c>
      <c r="D1782" s="239">
        <v>0.47089999999999999</v>
      </c>
      <c r="E1782" s="239">
        <v>1.0500000000000001E-2</v>
      </c>
      <c r="F1782" s="239">
        <v>0.46910000000000002</v>
      </c>
      <c r="G1782">
        <f t="shared" si="408"/>
        <v>0.56472</v>
      </c>
      <c r="H1782" s="235">
        <f t="shared" si="409"/>
        <v>1.8593285167870806</v>
      </c>
      <c r="I1782" s="236">
        <f t="shared" si="410"/>
        <v>15.778304013870184</v>
      </c>
      <c r="J1782" s="237">
        <f t="shared" si="415"/>
        <v>5.7783040138701836</v>
      </c>
      <c r="K1782" s="237">
        <f t="shared" si="411"/>
        <v>279.11819800536352</v>
      </c>
      <c r="L1782" s="237">
        <f t="shared" si="416"/>
        <v>102.25864613346063</v>
      </c>
      <c r="M1782" s="236">
        <f t="shared" si="412"/>
        <v>2.7929354904805757</v>
      </c>
      <c r="N1782" s="236">
        <f t="shared" si="413"/>
        <v>3.6764473916719846</v>
      </c>
      <c r="O1782" s="236">
        <f t="shared" si="417"/>
        <v>3.511689346376913</v>
      </c>
      <c r="P1782" s="236" t="str">
        <f t="shared" si="418"/>
        <v>CLAY</v>
      </c>
      <c r="Q1782" s="236">
        <f t="shared" si="414"/>
        <v>23.800150166219709</v>
      </c>
      <c r="R1782" s="238">
        <v>35</v>
      </c>
      <c r="S1782" s="236">
        <f t="shared" si="419"/>
        <v>0.90264325161495662</v>
      </c>
      <c r="T1782" s="236" t="e">
        <f t="shared" si="405"/>
        <v>#N/A</v>
      </c>
    </row>
    <row r="1783" spans="1:20" x14ac:dyDescent="0.2">
      <c r="A1783" s="53">
        <f t="shared" si="406"/>
        <v>1771</v>
      </c>
      <c r="B1783" s="239">
        <v>17.707000000000001</v>
      </c>
      <c r="C1783" s="3">
        <f t="shared" si="407"/>
        <v>17.7</v>
      </c>
      <c r="D1783" s="239">
        <v>0.46629999999999999</v>
      </c>
      <c r="E1783" s="239">
        <v>1.0500000000000001E-2</v>
      </c>
      <c r="F1783" s="239">
        <v>0.4708</v>
      </c>
      <c r="G1783">
        <f t="shared" si="408"/>
        <v>0.56045999999999996</v>
      </c>
      <c r="H1783" s="235">
        <f t="shared" si="409"/>
        <v>1.8734610855368805</v>
      </c>
      <c r="I1783" s="236">
        <f t="shared" si="410"/>
        <v>15.775344322088237</v>
      </c>
      <c r="J1783" s="237">
        <f t="shared" si="415"/>
        <v>5.7753443220882374</v>
      </c>
      <c r="K1783" s="237">
        <f t="shared" si="411"/>
        <v>279.22359450096178</v>
      </c>
      <c r="L1783" s="237">
        <f t="shared" si="416"/>
        <v>102.26402191121643</v>
      </c>
      <c r="M1783" s="236">
        <f t="shared" si="412"/>
        <v>2.7501011620998237</v>
      </c>
      <c r="N1783" s="236">
        <f t="shared" si="413"/>
        <v>3.733513796468968</v>
      </c>
      <c r="O1783" s="236">
        <f t="shared" si="417"/>
        <v>3.5208711356836533</v>
      </c>
      <c r="P1783" s="236" t="str">
        <f t="shared" si="418"/>
        <v>CLAY</v>
      </c>
      <c r="Q1783" s="236">
        <f t="shared" si="414"/>
        <v>23.436367124919844</v>
      </c>
      <c r="R1783" s="238">
        <v>35</v>
      </c>
      <c r="S1783" s="236">
        <f t="shared" si="419"/>
        <v>0.88537212724031655</v>
      </c>
      <c r="T1783" s="236" t="e">
        <f t="shared" si="405"/>
        <v>#N/A</v>
      </c>
    </row>
    <row r="1784" spans="1:20" x14ac:dyDescent="0.2">
      <c r="A1784" s="53">
        <f t="shared" si="406"/>
        <v>1772</v>
      </c>
      <c r="B1784" s="239">
        <v>17.718</v>
      </c>
      <c r="C1784" s="3">
        <f t="shared" si="407"/>
        <v>17.710999999999999</v>
      </c>
      <c r="D1784" s="239">
        <v>0.46400000000000002</v>
      </c>
      <c r="E1784" s="239">
        <v>1.0500000000000001E-2</v>
      </c>
      <c r="F1784" s="239">
        <v>0.47260000000000002</v>
      </c>
      <c r="G1784">
        <f t="shared" si="408"/>
        <v>0.55852000000000002</v>
      </c>
      <c r="H1784" s="235">
        <f t="shared" si="409"/>
        <v>1.8799684881472465</v>
      </c>
      <c r="I1784" s="236">
        <f t="shared" si="410"/>
        <v>15.773989018284514</v>
      </c>
      <c r="J1784" s="237">
        <f t="shared" si="415"/>
        <v>5.7739890182845137</v>
      </c>
      <c r="K1784" s="237">
        <f t="shared" si="411"/>
        <v>279.37311950283697</v>
      </c>
      <c r="L1784" s="237">
        <f t="shared" si="416"/>
        <v>102.30353742596502</v>
      </c>
      <c r="M1784" s="236">
        <f t="shared" si="412"/>
        <v>2.7286141566627244</v>
      </c>
      <c r="N1784" s="236">
        <f t="shared" si="413"/>
        <v>3.761460626498641</v>
      </c>
      <c r="O1784" s="236">
        <f t="shared" si="417"/>
        <v>3.5254520568275036</v>
      </c>
      <c r="P1784" s="236" t="str">
        <f t="shared" si="418"/>
        <v>CLAY</v>
      </c>
      <c r="Q1784" s="236">
        <f t="shared" si="414"/>
        <v>23.26224004143025</v>
      </c>
      <c r="R1784" s="238">
        <v>35</v>
      </c>
      <c r="S1784" s="236">
        <f t="shared" si="419"/>
        <v>0.87673363611604138</v>
      </c>
      <c r="T1784" s="236" t="e">
        <f t="shared" si="405"/>
        <v>#N/A</v>
      </c>
    </row>
    <row r="1785" spans="1:20" x14ac:dyDescent="0.2">
      <c r="A1785" s="53">
        <f t="shared" si="406"/>
        <v>1773</v>
      </c>
      <c r="B1785" s="239">
        <v>17.727</v>
      </c>
      <c r="C1785" s="3">
        <f t="shared" si="407"/>
        <v>17.72</v>
      </c>
      <c r="D1785" s="239">
        <v>0.46589999999999998</v>
      </c>
      <c r="E1785" s="239">
        <v>1.0500000000000001E-2</v>
      </c>
      <c r="F1785" s="239">
        <v>0.47270000000000001</v>
      </c>
      <c r="G1785">
        <f t="shared" si="408"/>
        <v>0.56043999999999994</v>
      </c>
      <c r="H1785" s="235">
        <f t="shared" si="409"/>
        <v>1.8735279423310258</v>
      </c>
      <c r="I1785" s="236">
        <f t="shared" si="410"/>
        <v>15.775330373831169</v>
      </c>
      <c r="J1785" s="237">
        <f t="shared" si="415"/>
        <v>5.775330373831169</v>
      </c>
      <c r="K1785" s="237">
        <f t="shared" si="411"/>
        <v>279.53885422428829</v>
      </c>
      <c r="L1785" s="237">
        <f t="shared" si="416"/>
        <v>102.37928153690514</v>
      </c>
      <c r="M1785" s="236">
        <f t="shared" si="412"/>
        <v>2.7437303872312673</v>
      </c>
      <c r="N1785" s="236">
        <f t="shared" si="413"/>
        <v>3.7379698010857636</v>
      </c>
      <c r="O1785" s="236">
        <f t="shared" si="417"/>
        <v>3.5220018080247546</v>
      </c>
      <c r="P1785" s="236" t="str">
        <f t="shared" si="418"/>
        <v>CLAY</v>
      </c>
      <c r="Q1785" s="236">
        <f t="shared" si="414"/>
        <v>23.408428814642637</v>
      </c>
      <c r="R1785" s="238">
        <v>35</v>
      </c>
      <c r="S1785" s="236">
        <f t="shared" si="419"/>
        <v>0.88280909778399463</v>
      </c>
      <c r="T1785" s="236" t="e">
        <f t="shared" si="405"/>
        <v>#N/A</v>
      </c>
    </row>
    <row r="1786" spans="1:20" x14ac:dyDescent="0.2">
      <c r="A1786" s="53">
        <f t="shared" si="406"/>
        <v>1774</v>
      </c>
      <c r="B1786" s="239">
        <v>17.736999999999998</v>
      </c>
      <c r="C1786" s="3">
        <f t="shared" si="407"/>
        <v>17.729999999999997</v>
      </c>
      <c r="D1786" s="239">
        <v>0.46839999999999998</v>
      </c>
      <c r="E1786" s="239">
        <v>1.04E-2</v>
      </c>
      <c r="F1786" s="239">
        <v>0.47189999999999999</v>
      </c>
      <c r="G1786">
        <f t="shared" si="408"/>
        <v>0.56277999999999995</v>
      </c>
      <c r="H1786" s="235">
        <f t="shared" si="409"/>
        <v>1.8479690109812006</v>
      </c>
      <c r="I1786" s="236">
        <f t="shared" si="410"/>
        <v>15.765737860113411</v>
      </c>
      <c r="J1786" s="237">
        <f t="shared" si="415"/>
        <v>5.7657378601134113</v>
      </c>
      <c r="K1786" s="237">
        <f t="shared" si="411"/>
        <v>279.52653225981072</v>
      </c>
      <c r="L1786" s="237">
        <f t="shared" si="416"/>
        <v>102.26689242483157</v>
      </c>
      <c r="M1786" s="236">
        <f t="shared" si="412"/>
        <v>2.7697474815555467</v>
      </c>
      <c r="N1786" s="236">
        <f t="shared" si="413"/>
        <v>3.6716231871658045</v>
      </c>
      <c r="O1786" s="236">
        <f t="shared" si="417"/>
        <v>3.5145180235575793</v>
      </c>
      <c r="P1786" s="236" t="str">
        <f t="shared" si="418"/>
        <v>CLAY</v>
      </c>
      <c r="Q1786" s="236">
        <f t="shared" si="414"/>
        <v>23.604455645015772</v>
      </c>
      <c r="R1786" s="238">
        <v>35</v>
      </c>
      <c r="S1786" s="236">
        <f t="shared" si="419"/>
        <v>0.89328538559086079</v>
      </c>
      <c r="T1786" s="236" t="e">
        <f t="shared" si="405"/>
        <v>#N/A</v>
      </c>
    </row>
    <row r="1787" spans="1:20" x14ac:dyDescent="0.2">
      <c r="A1787" s="53">
        <f t="shared" si="406"/>
        <v>1775</v>
      </c>
      <c r="B1787" s="239">
        <v>17.747</v>
      </c>
      <c r="C1787" s="3">
        <f t="shared" si="407"/>
        <v>17.739999999999998</v>
      </c>
      <c r="D1787" s="239">
        <v>0.47049999999999997</v>
      </c>
      <c r="E1787" s="239">
        <v>1.04E-2</v>
      </c>
      <c r="F1787" s="239">
        <v>0.47089999999999999</v>
      </c>
      <c r="G1787">
        <f t="shared" si="408"/>
        <v>0.56467999999999996</v>
      </c>
      <c r="H1787" s="235">
        <f t="shared" si="409"/>
        <v>1.8417510802578454</v>
      </c>
      <c r="I1787" s="236">
        <f t="shared" si="410"/>
        <v>15.767055235926424</v>
      </c>
      <c r="J1787" s="237">
        <f t="shared" si="415"/>
        <v>5.7670552359264242</v>
      </c>
      <c r="K1787" s="237">
        <f t="shared" si="411"/>
        <v>279.70755988533472</v>
      </c>
      <c r="L1787" s="237">
        <f t="shared" si="416"/>
        <v>102.34792927198625</v>
      </c>
      <c r="M1787" s="236">
        <f t="shared" si="412"/>
        <v>2.7843498363055335</v>
      </c>
      <c r="N1787" s="236">
        <f t="shared" si="413"/>
        <v>3.649475716253586</v>
      </c>
      <c r="O1787" s="236">
        <f t="shared" si="417"/>
        <v>3.5112165354690781</v>
      </c>
      <c r="P1787" s="236" t="str">
        <f t="shared" si="418"/>
        <v>CLAY</v>
      </c>
      <c r="Q1787" s="236">
        <f t="shared" si="414"/>
        <v>23.747703342888769</v>
      </c>
      <c r="R1787" s="238">
        <v>35</v>
      </c>
      <c r="S1787" s="236">
        <f t="shared" si="419"/>
        <v>0.89917610986419849</v>
      </c>
      <c r="T1787" s="236" t="e">
        <f t="shared" si="405"/>
        <v>#N/A</v>
      </c>
    </row>
    <row r="1788" spans="1:20" x14ac:dyDescent="0.2">
      <c r="A1788" s="53">
        <f t="shared" si="406"/>
        <v>1776</v>
      </c>
      <c r="B1788" s="239">
        <v>17.757000000000001</v>
      </c>
      <c r="C1788" s="3">
        <f t="shared" si="407"/>
        <v>17.75</v>
      </c>
      <c r="D1788" s="239">
        <v>0.47210000000000002</v>
      </c>
      <c r="E1788" s="239">
        <v>1.04E-2</v>
      </c>
      <c r="F1788" s="239">
        <v>0.46970000000000001</v>
      </c>
      <c r="G1788">
        <f t="shared" si="408"/>
        <v>0.56603999999999999</v>
      </c>
      <c r="H1788" s="235">
        <f t="shared" si="409"/>
        <v>1.8373259840293972</v>
      </c>
      <c r="I1788" s="236">
        <f t="shared" si="410"/>
        <v>15.767995480553187</v>
      </c>
      <c r="J1788" s="237">
        <f t="shared" si="415"/>
        <v>5.7679954805531874</v>
      </c>
      <c r="K1788" s="237">
        <f t="shared" si="411"/>
        <v>279.8819197798191</v>
      </c>
      <c r="L1788" s="237">
        <f t="shared" si="416"/>
        <v>102.42229574818296</v>
      </c>
      <c r="M1788" s="236">
        <f t="shared" si="412"/>
        <v>2.7939041800403843</v>
      </c>
      <c r="N1788" s="236">
        <f t="shared" si="413"/>
        <v>3.6343548265342869</v>
      </c>
      <c r="O1788" s="236">
        <f t="shared" si="417"/>
        <v>3.509019565353094</v>
      </c>
      <c r="P1788" s="236" t="str">
        <f t="shared" si="418"/>
        <v>CLAY</v>
      </c>
      <c r="Q1788" s="236">
        <f t="shared" si="414"/>
        <v>23.846506685015072</v>
      </c>
      <c r="R1788" s="238">
        <v>35</v>
      </c>
      <c r="S1788" s="236">
        <f t="shared" si="419"/>
        <v>0.90303460463854079</v>
      </c>
      <c r="T1788" s="236" t="e">
        <f t="shared" si="405"/>
        <v>#N/A</v>
      </c>
    </row>
    <row r="1789" spans="1:20" x14ac:dyDescent="0.2">
      <c r="A1789" s="53">
        <f t="shared" si="406"/>
        <v>1777</v>
      </c>
      <c r="B1789" s="239">
        <v>17.765999999999998</v>
      </c>
      <c r="C1789" s="3">
        <f t="shared" si="407"/>
        <v>17.758999999999997</v>
      </c>
      <c r="D1789" s="239">
        <v>0.4703</v>
      </c>
      <c r="E1789" s="239">
        <v>1.0500000000000001E-2</v>
      </c>
      <c r="F1789" s="239">
        <v>0.47070000000000001</v>
      </c>
      <c r="G1789">
        <f t="shared" si="408"/>
        <v>0.56443999999999994</v>
      </c>
      <c r="H1789" s="235">
        <f t="shared" si="409"/>
        <v>1.8602508681170722</v>
      </c>
      <c r="I1789" s="236">
        <f t="shared" si="410"/>
        <v>15.778110166741905</v>
      </c>
      <c r="J1789" s="237">
        <f t="shared" si="415"/>
        <v>5.7781101667419055</v>
      </c>
      <c r="K1789" s="237">
        <f t="shared" si="411"/>
        <v>280.20345845116947</v>
      </c>
      <c r="L1789" s="237">
        <f t="shared" si="416"/>
        <v>102.65390522233669</v>
      </c>
      <c r="M1789" s="236">
        <f t="shared" si="412"/>
        <v>2.7688819137782086</v>
      </c>
      <c r="N1789" s="236">
        <f t="shared" si="413"/>
        <v>3.6941063041312545</v>
      </c>
      <c r="O1789" s="236">
        <f t="shared" si="417"/>
        <v>3.5159821177656001</v>
      </c>
      <c r="P1789" s="236" t="str">
        <f t="shared" si="418"/>
        <v>CLAY</v>
      </c>
      <c r="Q1789" s="236">
        <f t="shared" si="414"/>
        <v>23.686378462402541</v>
      </c>
      <c r="R1789" s="238">
        <v>35</v>
      </c>
      <c r="S1789" s="236">
        <f t="shared" si="419"/>
        <v>0.89293645087538642</v>
      </c>
      <c r="T1789" s="236" t="e">
        <f t="shared" si="405"/>
        <v>#N/A</v>
      </c>
    </row>
    <row r="1790" spans="1:20" x14ac:dyDescent="0.2">
      <c r="A1790" s="53">
        <f t="shared" si="406"/>
        <v>1778</v>
      </c>
      <c r="B1790" s="239">
        <v>17.777000000000001</v>
      </c>
      <c r="C1790" s="3">
        <f t="shared" si="407"/>
        <v>17.77</v>
      </c>
      <c r="D1790" s="239">
        <v>0.46920000000000001</v>
      </c>
      <c r="E1790" s="239">
        <v>1.0500000000000001E-2</v>
      </c>
      <c r="F1790" s="239">
        <v>0.47349999999999998</v>
      </c>
      <c r="G1790">
        <f t="shared" si="408"/>
        <v>0.56389999999999996</v>
      </c>
      <c r="H1790" s="235">
        <f t="shared" si="409"/>
        <v>1.8620322752261043</v>
      </c>
      <c r="I1790" s="236">
        <f t="shared" si="410"/>
        <v>15.77773604700084</v>
      </c>
      <c r="J1790" s="237">
        <f t="shared" si="415"/>
        <v>5.7777360470008396</v>
      </c>
      <c r="K1790" s="237">
        <f t="shared" si="411"/>
        <v>280.37036955520489</v>
      </c>
      <c r="L1790" s="237">
        <f t="shared" si="416"/>
        <v>102.71081370753393</v>
      </c>
      <c r="M1790" s="236">
        <f t="shared" si="412"/>
        <v>2.7604652344799594</v>
      </c>
      <c r="N1790" s="236">
        <f t="shared" si="413"/>
        <v>3.7033166457868369</v>
      </c>
      <c r="O1790" s="236">
        <f t="shared" si="417"/>
        <v>3.5176704727689501</v>
      </c>
      <c r="P1790" s="236" t="str">
        <f t="shared" si="418"/>
        <v>CLAY</v>
      </c>
      <c r="Q1790" s="236">
        <f t="shared" si="414"/>
        <v>23.627469203732925</v>
      </c>
      <c r="R1790" s="238">
        <v>35</v>
      </c>
      <c r="S1790" s="236">
        <f t="shared" si="419"/>
        <v>0.88954487345630806</v>
      </c>
      <c r="T1790" s="236" t="e">
        <f t="shared" si="405"/>
        <v>#N/A</v>
      </c>
    </row>
    <row r="1791" spans="1:20" x14ac:dyDescent="0.2">
      <c r="A1791" s="53">
        <f t="shared" si="406"/>
        <v>1779</v>
      </c>
      <c r="B1791" s="239">
        <v>17.786999999999999</v>
      </c>
      <c r="C1791" s="3">
        <f t="shared" si="407"/>
        <v>17.779999999999998</v>
      </c>
      <c r="D1791" s="239">
        <v>0.46899999999999997</v>
      </c>
      <c r="E1791" s="239">
        <v>1.06E-2</v>
      </c>
      <c r="F1791" s="239">
        <v>0.47399999999999998</v>
      </c>
      <c r="G1791">
        <f t="shared" si="408"/>
        <v>0.56379999999999997</v>
      </c>
      <c r="H1791" s="235">
        <f t="shared" si="409"/>
        <v>1.8800993260021284</v>
      </c>
      <c r="I1791" s="236">
        <f t="shared" si="410"/>
        <v>15.788781454979389</v>
      </c>
      <c r="J1791" s="237">
        <f t="shared" si="415"/>
        <v>5.7887814549793895</v>
      </c>
      <c r="K1791" s="237">
        <f t="shared" si="411"/>
        <v>280.72453426953348</v>
      </c>
      <c r="L1791" s="237">
        <f t="shared" si="416"/>
        <v>102.96505573971839</v>
      </c>
      <c r="M1791" s="236">
        <f t="shared" si="412"/>
        <v>2.7492382119040717</v>
      </c>
      <c r="N1791" s="236">
        <f t="shared" si="413"/>
        <v>3.7445844953913845</v>
      </c>
      <c r="O1791" s="236">
        <f t="shared" si="417"/>
        <v>3.5216431173182072</v>
      </c>
      <c r="P1791" s="236" t="str">
        <f t="shared" si="418"/>
        <v>CLAY</v>
      </c>
      <c r="Q1791" s="236">
        <f t="shared" si="414"/>
        <v>23.589622144205538</v>
      </c>
      <c r="R1791" s="238">
        <v>35</v>
      </c>
      <c r="S1791" s="236">
        <f t="shared" si="419"/>
        <v>0.88502486634195765</v>
      </c>
      <c r="T1791" s="236" t="e">
        <f t="shared" si="405"/>
        <v>#N/A</v>
      </c>
    </row>
    <row r="1792" spans="1:20" x14ac:dyDescent="0.2">
      <c r="A1792" s="53">
        <f t="shared" si="406"/>
        <v>1780</v>
      </c>
      <c r="B1792" s="239">
        <v>17.795999999999999</v>
      </c>
      <c r="C1792" s="3">
        <f t="shared" si="407"/>
        <v>17.788999999999998</v>
      </c>
      <c r="D1792" s="239">
        <v>0.46589999999999998</v>
      </c>
      <c r="E1792" s="239">
        <v>1.0500000000000001E-2</v>
      </c>
      <c r="F1792" s="239">
        <v>0.47099999999999997</v>
      </c>
      <c r="G1792">
        <f t="shared" si="408"/>
        <v>0.56009999999999993</v>
      </c>
      <c r="H1792" s="235">
        <f t="shared" si="409"/>
        <v>1.8746652383502951</v>
      </c>
      <c r="I1792" s="236">
        <f t="shared" si="410"/>
        <v>15.775093177273188</v>
      </c>
      <c r="J1792" s="237">
        <f t="shared" si="415"/>
        <v>5.7750931772731882</v>
      </c>
      <c r="K1792" s="237">
        <f t="shared" si="411"/>
        <v>280.62313253051269</v>
      </c>
      <c r="L1792" s="237">
        <f t="shared" si="416"/>
        <v>102.77355818275365</v>
      </c>
      <c r="M1792" s="236">
        <f t="shared" si="412"/>
        <v>2.7193460303526402</v>
      </c>
      <c r="N1792" s="236">
        <f t="shared" si="413"/>
        <v>3.7570193537203469</v>
      </c>
      <c r="O1792" s="236">
        <f t="shared" si="417"/>
        <v>3.5264626576323272</v>
      </c>
      <c r="P1792" s="236" t="str">
        <f t="shared" si="418"/>
        <v>CLAY</v>
      </c>
      <c r="Q1792" s="236">
        <f t="shared" si="414"/>
        <v>23.2897389557906</v>
      </c>
      <c r="R1792" s="238">
        <v>35</v>
      </c>
      <c r="S1792" s="236">
        <f t="shared" si="419"/>
        <v>0.87301277972303071</v>
      </c>
      <c r="T1792" s="236" t="e">
        <f t="shared" si="405"/>
        <v>#N/A</v>
      </c>
    </row>
    <row r="1793" spans="1:21" x14ac:dyDescent="0.2">
      <c r="A1793" s="53">
        <f t="shared" si="406"/>
        <v>1781</v>
      </c>
      <c r="B1793" s="239">
        <v>17.806999999999999</v>
      </c>
      <c r="C1793" s="3">
        <f t="shared" si="407"/>
        <v>17.799999999999997</v>
      </c>
      <c r="D1793" s="239">
        <v>0.4652</v>
      </c>
      <c r="E1793" s="239">
        <v>1.04E-2</v>
      </c>
      <c r="F1793" s="239">
        <v>0.46860000000000002</v>
      </c>
      <c r="G1793">
        <f t="shared" si="408"/>
        <v>0.55891999999999997</v>
      </c>
      <c r="H1793" s="235">
        <f t="shared" si="409"/>
        <v>1.8607314105775423</v>
      </c>
      <c r="I1793" s="236">
        <f t="shared" si="410"/>
        <v>15.763047755833091</v>
      </c>
      <c r="J1793" s="237">
        <f t="shared" si="415"/>
        <v>5.7630477558330906</v>
      </c>
      <c r="K1793" s="237">
        <f t="shared" si="411"/>
        <v>280.58225005382894</v>
      </c>
      <c r="L1793" s="237">
        <f t="shared" si="416"/>
        <v>102.62259138811983</v>
      </c>
      <c r="M1793" s="236">
        <f t="shared" si="412"/>
        <v>2.7122463599997628</v>
      </c>
      <c r="N1793" s="236">
        <f t="shared" si="413"/>
        <v>3.7364676555771905</v>
      </c>
      <c r="O1793" s="236">
        <f t="shared" si="417"/>
        <v>3.5262284658162653</v>
      </c>
      <c r="P1793" s="236" t="str">
        <f t="shared" si="418"/>
        <v>CLAY</v>
      </c>
      <c r="Q1793" s="236">
        <f t="shared" si="414"/>
        <v>23.194812495514253</v>
      </c>
      <c r="R1793" s="238">
        <v>35</v>
      </c>
      <c r="S1793" s="236">
        <f t="shared" si="419"/>
        <v>0.87016463222379248</v>
      </c>
      <c r="T1793" s="236" t="e">
        <f t="shared" si="405"/>
        <v>#N/A</v>
      </c>
    </row>
    <row r="1794" spans="1:21" x14ac:dyDescent="0.2">
      <c r="A1794" s="53">
        <f t="shared" si="406"/>
        <v>1782</v>
      </c>
      <c r="B1794" s="239">
        <v>17.817</v>
      </c>
      <c r="C1794" s="3">
        <f t="shared" si="407"/>
        <v>17.809999999999999</v>
      </c>
      <c r="D1794" s="239">
        <v>0.46189999999999998</v>
      </c>
      <c r="E1794" s="239">
        <v>1.04E-2</v>
      </c>
      <c r="F1794" s="239">
        <v>0.4667</v>
      </c>
      <c r="G1794">
        <f t="shared" si="408"/>
        <v>0.55523999999999996</v>
      </c>
      <c r="H1794" s="235">
        <f t="shared" si="409"/>
        <v>1.873063900295368</v>
      </c>
      <c r="I1794" s="236">
        <f t="shared" si="410"/>
        <v>15.760465741481964</v>
      </c>
      <c r="J1794" s="237">
        <f t="shared" si="415"/>
        <v>5.7604657414819638</v>
      </c>
      <c r="K1794" s="237">
        <f t="shared" si="411"/>
        <v>280.69389485579376</v>
      </c>
      <c r="L1794" s="237">
        <f t="shared" si="416"/>
        <v>102.63421811598415</v>
      </c>
      <c r="M1794" s="236">
        <f t="shared" si="412"/>
        <v>2.6749958267714296</v>
      </c>
      <c r="N1794" s="236">
        <f t="shared" si="413"/>
        <v>3.7880704934922917</v>
      </c>
      <c r="O1794" s="236">
        <f t="shared" si="417"/>
        <v>3.534429254505242</v>
      </c>
      <c r="P1794" s="236" t="str">
        <f t="shared" si="418"/>
        <v>CLAY</v>
      </c>
      <c r="Q1794" s="236">
        <f t="shared" si="414"/>
        <v>22.878842095350521</v>
      </c>
      <c r="R1794" s="238">
        <v>35</v>
      </c>
      <c r="S1794" s="236">
        <f t="shared" si="419"/>
        <v>0.8552515987469731</v>
      </c>
      <c r="T1794" s="236" t="e">
        <f t="shared" si="405"/>
        <v>#N/A</v>
      </c>
    </row>
    <row r="1795" spans="1:21" x14ac:dyDescent="0.2">
      <c r="A1795" s="53">
        <f t="shared" si="406"/>
        <v>1783</v>
      </c>
      <c r="B1795" s="239">
        <v>17.826000000000001</v>
      </c>
      <c r="C1795" s="3">
        <f t="shared" si="407"/>
        <v>17.818999999999999</v>
      </c>
      <c r="D1795" s="239">
        <v>0.4592</v>
      </c>
      <c r="E1795" s="239">
        <v>1.0500000000000001E-2</v>
      </c>
      <c r="F1795" s="239">
        <v>0.46920000000000001</v>
      </c>
      <c r="G1795">
        <f t="shared" si="408"/>
        <v>0.55303999999999998</v>
      </c>
      <c r="H1795" s="235">
        <f t="shared" si="409"/>
        <v>1.8985968465210477</v>
      </c>
      <c r="I1795" s="236">
        <f t="shared" si="410"/>
        <v>15.770135051358258</v>
      </c>
      <c r="J1795" s="237">
        <f t="shared" si="415"/>
        <v>5.7701350513582579</v>
      </c>
      <c r="K1795" s="237">
        <f t="shared" si="411"/>
        <v>281.00803648015278</v>
      </c>
      <c r="L1795" s="237">
        <f t="shared" si="416"/>
        <v>102.8584274255123</v>
      </c>
      <c r="M1795" s="236">
        <f t="shared" si="412"/>
        <v>2.6447221713247213</v>
      </c>
      <c r="N1795" s="236">
        <f t="shared" si="413"/>
        <v>3.859840536435319</v>
      </c>
      <c r="O1795" s="236">
        <f t="shared" si="417"/>
        <v>3.5428350491557108</v>
      </c>
      <c r="P1795" s="236" t="str">
        <f t="shared" si="418"/>
        <v>CLAY</v>
      </c>
      <c r="Q1795" s="236">
        <f t="shared" si="414"/>
        <v>22.669330293320598</v>
      </c>
      <c r="R1795" s="238">
        <v>35</v>
      </c>
      <c r="S1795" s="236">
        <f t="shared" si="419"/>
        <v>0.8431698694784846</v>
      </c>
      <c r="T1795" s="236" t="e">
        <f t="shared" si="405"/>
        <v>#N/A</v>
      </c>
    </row>
    <row r="1796" spans="1:21" x14ac:dyDescent="0.2">
      <c r="A1796" s="53">
        <f t="shared" si="406"/>
        <v>1784</v>
      </c>
      <c r="B1796" s="239">
        <v>17.837</v>
      </c>
      <c r="C1796" s="3">
        <f t="shared" si="407"/>
        <v>17.829999999999998</v>
      </c>
      <c r="D1796" s="239">
        <v>0.45939999999999998</v>
      </c>
      <c r="E1796" s="239">
        <v>1.06E-2</v>
      </c>
      <c r="F1796" s="239">
        <v>0.4723</v>
      </c>
      <c r="G1796">
        <f t="shared" si="408"/>
        <v>0.55385999999999991</v>
      </c>
      <c r="H1796" s="235">
        <f t="shared" si="409"/>
        <v>1.9138410428628176</v>
      </c>
      <c r="I1796" s="236">
        <f t="shared" si="410"/>
        <v>15.781828891813054</v>
      </c>
      <c r="J1796" s="237">
        <f t="shared" si="415"/>
        <v>5.7818288918130545</v>
      </c>
      <c r="K1796" s="237">
        <f t="shared" si="411"/>
        <v>281.39000914102672</v>
      </c>
      <c r="L1796" s="237">
        <f t="shared" si="416"/>
        <v>103.13048194326944</v>
      </c>
      <c r="M1796" s="236">
        <f t="shared" si="412"/>
        <v>2.6419928010115856</v>
      </c>
      <c r="N1796" s="236">
        <f t="shared" si="413"/>
        <v>3.8903366813288507</v>
      </c>
      <c r="O1796" s="236">
        <f t="shared" si="417"/>
        <v>3.5449646556566439</v>
      </c>
      <c r="P1796" s="236" t="str">
        <f t="shared" si="418"/>
        <v>CLAY</v>
      </c>
      <c r="Q1796" s="236">
        <f t="shared" si="414"/>
        <v>22.705832571581098</v>
      </c>
      <c r="R1796" s="238">
        <v>35</v>
      </c>
      <c r="S1796" s="236">
        <f t="shared" si="419"/>
        <v>0.84208231390907984</v>
      </c>
      <c r="T1796" s="236" t="e">
        <f t="shared" si="405"/>
        <v>#N/A</v>
      </c>
    </row>
    <row r="1797" spans="1:21" x14ac:dyDescent="0.2">
      <c r="A1797" s="53">
        <f t="shared" si="406"/>
        <v>1785</v>
      </c>
      <c r="B1797" s="239">
        <v>17.846</v>
      </c>
      <c r="C1797" s="3">
        <f t="shared" si="407"/>
        <v>17.838999999999999</v>
      </c>
      <c r="D1797" s="239">
        <v>0.45900000000000002</v>
      </c>
      <c r="E1797" s="239">
        <v>1.04E-2</v>
      </c>
      <c r="F1797" s="239">
        <v>0.47210000000000002</v>
      </c>
      <c r="G1797">
        <f t="shared" si="408"/>
        <v>0.55342000000000002</v>
      </c>
      <c r="H1797" s="235">
        <f t="shared" si="409"/>
        <v>1.8792237360413429</v>
      </c>
      <c r="I1797" s="236">
        <f t="shared" si="410"/>
        <v>15.759182435508281</v>
      </c>
      <c r="J1797" s="237">
        <f t="shared" si="415"/>
        <v>5.759182435508281</v>
      </c>
      <c r="K1797" s="237">
        <f t="shared" si="411"/>
        <v>281.1280554670322</v>
      </c>
      <c r="L1797" s="237">
        <f t="shared" si="416"/>
        <v>102.77836974408078</v>
      </c>
      <c r="M1797" s="236">
        <f t="shared" si="412"/>
        <v>2.6493117687211587</v>
      </c>
      <c r="N1797" s="236">
        <f t="shared" si="413"/>
        <v>3.8194299202783855</v>
      </c>
      <c r="O1797" s="236">
        <f t="shared" si="417"/>
        <v>3.5398583102264545</v>
      </c>
      <c r="P1797" s="236" t="str">
        <f t="shared" si="418"/>
        <v>CLAY</v>
      </c>
      <c r="Q1797" s="236">
        <f t="shared" si="414"/>
        <v>22.690995377747324</v>
      </c>
      <c r="R1797" s="238">
        <v>35</v>
      </c>
      <c r="S1797" s="236">
        <f t="shared" si="419"/>
        <v>0.84499929099796101</v>
      </c>
      <c r="T1797" s="236" t="e">
        <f t="shared" si="405"/>
        <v>#N/A</v>
      </c>
    </row>
    <row r="1798" spans="1:21" x14ac:dyDescent="0.2">
      <c r="A1798" s="53">
        <f t="shared" si="406"/>
        <v>1786</v>
      </c>
      <c r="B1798" s="239">
        <v>17.856000000000002</v>
      </c>
      <c r="C1798" s="3">
        <f t="shared" si="407"/>
        <v>17.849</v>
      </c>
      <c r="D1798" s="239">
        <v>0.45800000000000002</v>
      </c>
      <c r="E1798" s="239">
        <v>1.0500000000000001E-2</v>
      </c>
      <c r="F1798" s="239">
        <v>0.47349999999999998</v>
      </c>
      <c r="G1798">
        <f t="shared" si="408"/>
        <v>0.55269999999999997</v>
      </c>
      <c r="H1798" s="235">
        <f t="shared" si="409"/>
        <v>1.8997647910258733</v>
      </c>
      <c r="I1798" s="236">
        <f t="shared" si="410"/>
        <v>15.769894679994918</v>
      </c>
      <c r="J1798" s="237">
        <f t="shared" si="415"/>
        <v>5.769894679994918</v>
      </c>
      <c r="K1798" s="237">
        <f t="shared" si="411"/>
        <v>281.47685014322929</v>
      </c>
      <c r="L1798" s="237">
        <f t="shared" si="416"/>
        <v>103.02723940598926</v>
      </c>
      <c r="M1798" s="236">
        <f t="shared" si="412"/>
        <v>2.632538262895586</v>
      </c>
      <c r="N1798" s="236">
        <f t="shared" si="413"/>
        <v>3.8713509542031761</v>
      </c>
      <c r="O1798" s="236">
        <f t="shared" si="417"/>
        <v>3.5452195270470455</v>
      </c>
      <c r="P1798" s="236" t="str">
        <f t="shared" si="418"/>
        <v>CLAY</v>
      </c>
      <c r="Q1798" s="236">
        <f t="shared" si="414"/>
        <v>22.601929154730886</v>
      </c>
      <c r="R1798" s="238">
        <v>35</v>
      </c>
      <c r="S1798" s="236">
        <f t="shared" si="419"/>
        <v>0.83831719445149355</v>
      </c>
      <c r="T1798" s="236" t="e">
        <f t="shared" si="405"/>
        <v>#N/A</v>
      </c>
    </row>
    <row r="1799" spans="1:21" x14ac:dyDescent="0.2">
      <c r="A1799" s="53">
        <f t="shared" si="406"/>
        <v>1787</v>
      </c>
      <c r="B1799" s="239">
        <v>17.867000000000001</v>
      </c>
      <c r="C1799" s="3">
        <f t="shared" si="407"/>
        <v>17.86</v>
      </c>
      <c r="D1799" s="239">
        <v>0.4627</v>
      </c>
      <c r="E1799" s="239">
        <v>1.0500000000000001E-2</v>
      </c>
      <c r="F1799" s="239">
        <v>0.47599999999999998</v>
      </c>
      <c r="G1799">
        <f t="shared" si="408"/>
        <v>0.55789999999999995</v>
      </c>
      <c r="H1799" s="235">
        <f t="shared" si="409"/>
        <v>1.8820577164366377</v>
      </c>
      <c r="I1799" s="236">
        <f t="shared" si="410"/>
        <v>15.773554887140651</v>
      </c>
      <c r="J1799" s="237">
        <f t="shared" si="415"/>
        <v>5.7735548871406515</v>
      </c>
      <c r="K1799" s="237">
        <f t="shared" si="411"/>
        <v>281.71569028433203</v>
      </c>
      <c r="L1799" s="237">
        <f t="shared" si="416"/>
        <v>103.15610516854203</v>
      </c>
      <c r="M1799" s="236">
        <f t="shared" si="412"/>
        <v>2.6773433260631845</v>
      </c>
      <c r="N1799" s="236">
        <f t="shared" si="413"/>
        <v>3.8018090205087183</v>
      </c>
      <c r="O1799" s="236">
        <f t="shared" si="417"/>
        <v>3.5349016419836801</v>
      </c>
      <c r="P1799" s="236" t="str">
        <f t="shared" si="418"/>
        <v>CLAY</v>
      </c>
      <c r="Q1799" s="236">
        <f t="shared" si="414"/>
        <v>23.015359142972329</v>
      </c>
      <c r="R1799" s="238">
        <v>35</v>
      </c>
      <c r="S1799" s="236">
        <f t="shared" si="419"/>
        <v>0.85618988185178846</v>
      </c>
      <c r="T1799" s="236" t="e">
        <f t="shared" si="405"/>
        <v>#N/A</v>
      </c>
    </row>
    <row r="1800" spans="1:21" x14ac:dyDescent="0.2">
      <c r="A1800" s="53">
        <f t="shared" si="406"/>
        <v>1788</v>
      </c>
      <c r="B1800" s="239">
        <v>17.876000000000001</v>
      </c>
      <c r="C1800" s="3">
        <f t="shared" si="407"/>
        <v>17.869</v>
      </c>
      <c r="D1800" s="239">
        <v>0.4637</v>
      </c>
      <c r="E1800" s="239">
        <v>1.0500000000000001E-2</v>
      </c>
      <c r="F1800" s="239">
        <v>0.47839999999999999</v>
      </c>
      <c r="G1800">
        <f t="shared" si="408"/>
        <v>0.55937999999999999</v>
      </c>
      <c r="H1800" s="235">
        <f t="shared" si="409"/>
        <v>1.8770781937144698</v>
      </c>
      <c r="I1800" s="236">
        <f t="shared" si="410"/>
        <v>15.774590403015358</v>
      </c>
      <c r="J1800" s="237">
        <f t="shared" si="415"/>
        <v>5.7745904030153579</v>
      </c>
      <c r="K1800" s="237">
        <f t="shared" si="411"/>
        <v>281.87615591148142</v>
      </c>
      <c r="L1800" s="237">
        <f t="shared" si="416"/>
        <v>103.22657804430254</v>
      </c>
      <c r="M1800" s="236">
        <f t="shared" si="412"/>
        <v>2.6882983951034407</v>
      </c>
      <c r="N1800" s="236">
        <f t="shared" si="413"/>
        <v>3.7837313693754435</v>
      </c>
      <c r="O1800" s="236">
        <f t="shared" si="417"/>
        <v>3.5323214219201033</v>
      </c>
      <c r="P1800" s="236" t="str">
        <f t="shared" si="418"/>
        <v>CLAY</v>
      </c>
      <c r="Q1800" s="236">
        <f t="shared" si="414"/>
        <v>23.12532034070988</v>
      </c>
      <c r="R1800" s="238">
        <v>35</v>
      </c>
      <c r="S1800" s="236">
        <f t="shared" si="419"/>
        <v>0.86057128284779272</v>
      </c>
      <c r="T1800" s="236" t="e">
        <f t="shared" si="405"/>
        <v>#N/A</v>
      </c>
    </row>
    <row r="1801" spans="1:21" x14ac:dyDescent="0.2">
      <c r="A1801" s="53">
        <f t="shared" si="406"/>
        <v>1789</v>
      </c>
      <c r="B1801" s="239">
        <v>17.885999999999999</v>
      </c>
      <c r="C1801" s="3">
        <f t="shared" si="407"/>
        <v>17.878999999999998</v>
      </c>
      <c r="D1801" s="239">
        <v>0.46579999999999999</v>
      </c>
      <c r="E1801" s="239">
        <v>1.0500000000000001E-2</v>
      </c>
      <c r="F1801" s="239">
        <v>0.47820000000000001</v>
      </c>
      <c r="G1801">
        <f t="shared" si="408"/>
        <v>0.56143999999999994</v>
      </c>
      <c r="H1801" s="235">
        <f t="shared" si="409"/>
        <v>1.8701909375890571</v>
      </c>
      <c r="I1801" s="236">
        <f t="shared" si="410"/>
        <v>15.776027177655516</v>
      </c>
      <c r="J1801" s="237">
        <f t="shared" si="415"/>
        <v>5.7760271776555161</v>
      </c>
      <c r="K1801" s="237">
        <f t="shared" si="411"/>
        <v>282.05958990930293</v>
      </c>
      <c r="L1801" s="237">
        <f t="shared" si="416"/>
        <v>103.31002209954656</v>
      </c>
      <c r="M1801" s="236">
        <f t="shared" si="412"/>
        <v>2.7042914560747464</v>
      </c>
      <c r="N1801" s="236">
        <f t="shared" si="413"/>
        <v>3.7583164820294015</v>
      </c>
      <c r="O1801" s="236">
        <f t="shared" si="417"/>
        <v>3.5286144706212124</v>
      </c>
      <c r="P1801" s="236" t="str">
        <f t="shared" si="418"/>
        <v>CLAY</v>
      </c>
      <c r="Q1801" s="236">
        <f t="shared" si="414"/>
        <v>23.281700840891418</v>
      </c>
      <c r="R1801" s="238">
        <v>35</v>
      </c>
      <c r="S1801" s="236">
        <f t="shared" si="419"/>
        <v>0.86697560756622616</v>
      </c>
      <c r="T1801" s="236" t="e">
        <f t="shared" si="405"/>
        <v>#N/A</v>
      </c>
    </row>
    <row r="1802" spans="1:21" x14ac:dyDescent="0.2">
      <c r="A1802" s="53">
        <f t="shared" si="406"/>
        <v>1790</v>
      </c>
      <c r="B1802" s="239">
        <v>17.895</v>
      </c>
      <c r="C1802" s="3">
        <f t="shared" si="407"/>
        <v>17.887999999999998</v>
      </c>
      <c r="D1802" s="239">
        <v>0.47020000000000001</v>
      </c>
      <c r="E1802" s="239">
        <v>1.06E-2</v>
      </c>
      <c r="F1802" s="239">
        <v>0.48080000000000001</v>
      </c>
      <c r="G1802">
        <f t="shared" si="408"/>
        <v>0.56635999999999997</v>
      </c>
      <c r="H1802" s="235">
        <f t="shared" si="409"/>
        <v>1.8716011017727241</v>
      </c>
      <c r="I1802" s="236">
        <f t="shared" si="410"/>
        <v>15.790552206373329</v>
      </c>
      <c r="J1802" s="237">
        <f t="shared" si="415"/>
        <v>5.790552206373329</v>
      </c>
      <c r="K1802" s="237">
        <f t="shared" si="411"/>
        <v>282.46139786760608</v>
      </c>
      <c r="L1802" s="237">
        <f t="shared" si="416"/>
        <v>103.62193173305072</v>
      </c>
      <c r="M1802" s="236">
        <f t="shared" si="412"/>
        <v>2.7397540017278321</v>
      </c>
      <c r="N1802" s="236">
        <f t="shared" si="413"/>
        <v>3.7337274366207587</v>
      </c>
      <c r="O1802" s="236">
        <f t="shared" si="417"/>
        <v>3.5222930402899952</v>
      </c>
      <c r="P1802" s="236" t="str">
        <f t="shared" si="418"/>
        <v>CLAY</v>
      </c>
      <c r="Q1802" s="236">
        <f t="shared" si="414"/>
        <v>23.658216844366162</v>
      </c>
      <c r="R1802" s="238">
        <v>35</v>
      </c>
      <c r="S1802" s="236">
        <f t="shared" si="419"/>
        <v>0.88121010998344862</v>
      </c>
      <c r="T1802" s="236" t="e">
        <f t="shared" si="405"/>
        <v>#N/A</v>
      </c>
    </row>
    <row r="1803" spans="1:21" x14ac:dyDescent="0.2">
      <c r="A1803" s="53">
        <f t="shared" si="406"/>
        <v>1791</v>
      </c>
      <c r="B1803" s="239">
        <v>17.905999999999999</v>
      </c>
      <c r="C1803" s="3">
        <f t="shared" si="407"/>
        <v>17.898999999999997</v>
      </c>
      <c r="D1803" s="239">
        <v>0.47320000000000001</v>
      </c>
      <c r="E1803" s="239">
        <v>1.04E-2</v>
      </c>
      <c r="F1803" s="239">
        <v>0.48320000000000002</v>
      </c>
      <c r="G1803">
        <f t="shared" si="408"/>
        <v>0.56984000000000001</v>
      </c>
      <c r="H1803" s="235">
        <f t="shared" si="409"/>
        <v>1.8250737048996208</v>
      </c>
      <c r="I1803" s="236">
        <f t="shared" si="410"/>
        <v>15.770610708692058</v>
      </c>
      <c r="J1803" s="237">
        <f t="shared" si="415"/>
        <v>5.7706107086920575</v>
      </c>
      <c r="K1803" s="237">
        <f t="shared" si="411"/>
        <v>282.27816107487911</v>
      </c>
      <c r="L1803" s="237">
        <f t="shared" si="416"/>
        <v>103.32855534983997</v>
      </c>
      <c r="M1803" s="236">
        <f t="shared" si="412"/>
        <v>2.782985186926513</v>
      </c>
      <c r="N1803" s="236">
        <f t="shared" si="413"/>
        <v>3.6166134000513495</v>
      </c>
      <c r="O1803" s="236">
        <f t="shared" si="417"/>
        <v>3.509407733389394</v>
      </c>
      <c r="P1803" s="236" t="str">
        <f t="shared" si="418"/>
        <v>CLAY</v>
      </c>
      <c r="Q1803" s="236">
        <f t="shared" si="414"/>
        <v>23.963486577093409</v>
      </c>
      <c r="R1803" s="238">
        <v>35</v>
      </c>
      <c r="S1803" s="236">
        <f t="shared" si="419"/>
        <v>0.89862526989798963</v>
      </c>
      <c r="T1803" s="236" t="e">
        <f t="shared" si="405"/>
        <v>#N/A</v>
      </c>
    </row>
    <row r="1804" spans="1:21" x14ac:dyDescent="0.2">
      <c r="A1804" s="53">
        <f t="shared" si="406"/>
        <v>1792</v>
      </c>
      <c r="B1804" s="239">
        <v>17.916</v>
      </c>
      <c r="C1804" s="3">
        <f t="shared" si="407"/>
        <v>17.908999999999999</v>
      </c>
      <c r="D1804" s="239">
        <v>0.47310000000000002</v>
      </c>
      <c r="E1804" s="239">
        <v>1.0500000000000001E-2</v>
      </c>
      <c r="F1804" s="239">
        <v>0.48520000000000002</v>
      </c>
      <c r="G1804">
        <f t="shared" si="408"/>
        <v>0.57013999999999998</v>
      </c>
      <c r="H1804" s="235">
        <f t="shared" si="409"/>
        <v>1.841652927351177</v>
      </c>
      <c r="I1804" s="236">
        <f t="shared" si="410"/>
        <v>15.782037522126885</v>
      </c>
      <c r="J1804" s="237">
        <f t="shared" si="415"/>
        <v>5.7820375221268847</v>
      </c>
      <c r="K1804" s="237">
        <f t="shared" si="411"/>
        <v>282.64050998377036</v>
      </c>
      <c r="L1804" s="237">
        <f t="shared" si="416"/>
        <v>103.59098424642526</v>
      </c>
      <c r="M1804" s="236">
        <f t="shared" si="412"/>
        <v>2.7753331248626565</v>
      </c>
      <c r="N1804" s="236">
        <f t="shared" si="413"/>
        <v>3.6521803914877431</v>
      </c>
      <c r="O1804" s="236">
        <f t="shared" si="417"/>
        <v>3.5125935982031953</v>
      </c>
      <c r="P1804" s="236" t="str">
        <f t="shared" si="418"/>
        <v>CLAY</v>
      </c>
      <c r="Q1804" s="236">
        <f t="shared" si="414"/>
        <v>23.958290834685801</v>
      </c>
      <c r="R1804" s="238">
        <v>35</v>
      </c>
      <c r="S1804" s="236">
        <f t="shared" si="419"/>
        <v>0.89553777083544406</v>
      </c>
      <c r="T1804" s="236" t="e">
        <f t="shared" si="405"/>
        <v>#N/A</v>
      </c>
    </row>
    <row r="1805" spans="1:21" x14ac:dyDescent="0.2">
      <c r="A1805" s="53">
        <f t="shared" si="406"/>
        <v>1793</v>
      </c>
      <c r="B1805" s="239">
        <v>17.925000000000001</v>
      </c>
      <c r="C1805" s="3">
        <f t="shared" si="407"/>
        <v>17.917999999999999</v>
      </c>
      <c r="D1805" s="239">
        <v>0.47649999999999998</v>
      </c>
      <c r="E1805" s="239">
        <v>1.04E-2</v>
      </c>
      <c r="F1805" s="239">
        <v>0.48520000000000002</v>
      </c>
      <c r="G1805">
        <f t="shared" si="408"/>
        <v>0.57353999999999994</v>
      </c>
      <c r="H1805" s="235">
        <f t="shared" si="409"/>
        <v>1.8132998570282806</v>
      </c>
      <c r="I1805" s="236">
        <f t="shared" si="410"/>
        <v>15.773140411280675</v>
      </c>
      <c r="J1805" s="237">
        <f t="shared" si="415"/>
        <v>5.773140411280675</v>
      </c>
      <c r="K1805" s="237">
        <f t="shared" si="411"/>
        <v>282.62312988932712</v>
      </c>
      <c r="L1805" s="237">
        <f t="shared" si="416"/>
        <v>103.4835418722061</v>
      </c>
      <c r="M1805" s="236">
        <f t="shared" si="412"/>
        <v>2.8112380466251525</v>
      </c>
      <c r="N1805" s="236">
        <f t="shared" si="413"/>
        <v>3.5749044034619071</v>
      </c>
      <c r="O1805" s="236">
        <f t="shared" si="417"/>
        <v>3.5030738399439878</v>
      </c>
      <c r="P1805" s="236" t="str">
        <f t="shared" si="418"/>
        <v>CLAY</v>
      </c>
      <c r="Q1805" s="236">
        <f t="shared" si="414"/>
        <v>24.243072509222738</v>
      </c>
      <c r="R1805" s="238">
        <v>35</v>
      </c>
      <c r="S1805" s="236">
        <f t="shared" si="419"/>
        <v>0.91004325672330855</v>
      </c>
      <c r="T1805" s="236" t="e">
        <f t="shared" ref="T1805:T1868" si="420">IF(P1805="SAND",17.6+(11*LOG(M1805)),#N/A)</f>
        <v>#N/A</v>
      </c>
    </row>
    <row r="1806" spans="1:21" x14ac:dyDescent="0.2">
      <c r="A1806" s="53">
        <f t="shared" ref="A1806:A1869" si="421">$A1805+1</f>
        <v>1794</v>
      </c>
      <c r="B1806" s="239">
        <v>17.934999999999999</v>
      </c>
      <c r="C1806" s="3">
        <f t="shared" ref="C1806:C1869" si="422">MAX($B1806 - $B$13, 0.001)</f>
        <v>17.927999999999997</v>
      </c>
      <c r="D1806" s="239">
        <v>0.47760000000000002</v>
      </c>
      <c r="E1806" s="239">
        <v>1.0500000000000001E-2</v>
      </c>
      <c r="F1806" s="239">
        <v>0.48530000000000001</v>
      </c>
      <c r="G1806">
        <f t="shared" si="408"/>
        <v>0.57465999999999995</v>
      </c>
      <c r="H1806" s="235">
        <f t="shared" si="409"/>
        <v>1.827167368530958</v>
      </c>
      <c r="I1806" s="236">
        <f t="shared" si="410"/>
        <v>15.785124033540004</v>
      </c>
      <c r="J1806" s="237">
        <f t="shared" si="415"/>
        <v>5.7851240335400043</v>
      </c>
      <c r="K1806" s="237">
        <f t="shared" si="411"/>
        <v>282.99570367330517</v>
      </c>
      <c r="L1806" s="237">
        <f t="shared" si="416"/>
        <v>103.75619954153997</v>
      </c>
      <c r="M1806" s="236">
        <f t="shared" si="412"/>
        <v>2.8110541598039518</v>
      </c>
      <c r="N1806" s="236">
        <f t="shared" si="413"/>
        <v>3.6000292570054206</v>
      </c>
      <c r="O1806" s="236">
        <f t="shared" si="417"/>
        <v>3.5046389749166162</v>
      </c>
      <c r="P1806" s="236" t="str">
        <f t="shared" si="418"/>
        <v>CLAY</v>
      </c>
      <c r="Q1806" s="236">
        <f t="shared" si="414"/>
        <v>24.305358027224568</v>
      </c>
      <c r="R1806" s="238">
        <v>35</v>
      </c>
      <c r="S1806" s="236">
        <f t="shared" si="419"/>
        <v>0.90996884840633485</v>
      </c>
      <c r="T1806" s="236" t="e">
        <f t="shared" si="420"/>
        <v>#N/A</v>
      </c>
      <c r="U1806" s="230"/>
    </row>
    <row r="1807" spans="1:21" x14ac:dyDescent="0.2">
      <c r="A1807" s="53">
        <f t="shared" si="421"/>
        <v>1795</v>
      </c>
      <c r="B1807" s="239">
        <v>17.946000000000002</v>
      </c>
      <c r="C1807" s="3">
        <f t="shared" si="422"/>
        <v>17.939</v>
      </c>
      <c r="D1807" s="239">
        <v>0.4773</v>
      </c>
      <c r="E1807" s="239">
        <v>1.04E-2</v>
      </c>
      <c r="F1807" s="239">
        <v>0.48330000000000001</v>
      </c>
      <c r="G1807">
        <f t="shared" ref="G1807:G1870" si="423">$D1807+($F1807*(1-$P$8))</f>
        <v>0.57396000000000003</v>
      </c>
      <c r="H1807" s="235">
        <f t="shared" ref="H1807:H1870" si="424">($E1807/$G1807)*100</f>
        <v>1.8119729597881384</v>
      </c>
      <c r="I1807" s="236">
        <f t="shared" ref="I1807:I1870" si="425">((0.27*(LOG($H1807)))+(0.36*(LOG(($G1807*1000)/101)))+1.236)*10</f>
        <v>15.773426534716823</v>
      </c>
      <c r="J1807" s="237">
        <f t="shared" si="415"/>
        <v>5.7734265347168225</v>
      </c>
      <c r="K1807" s="237">
        <f t="shared" ref="K1807:K1870" si="426">$I1807*$C1807</f>
        <v>282.95949860628508</v>
      </c>
      <c r="L1807" s="237">
        <f t="shared" si="416"/>
        <v>103.60991259202811</v>
      </c>
      <c r="M1807" s="236">
        <f t="shared" ref="M1807:M1870" si="427">(($G1807*1000)-$K1807)/$L1807</f>
        <v>2.8086164162646434</v>
      </c>
      <c r="N1807" s="236">
        <f t="shared" ref="N1807:N1870" si="428">(($E1807*1000)/(($G1807*1000)-$K1807))*100</f>
        <v>3.5738770037131697</v>
      </c>
      <c r="O1807" s="236">
        <f t="shared" si="417"/>
        <v>3.5033601076829735</v>
      </c>
      <c r="P1807" s="236" t="str">
        <f t="shared" si="418"/>
        <v>CLAY</v>
      </c>
      <c r="Q1807" s="236">
        <f t="shared" ref="Q1807:Q1870" si="429">IF(P1807="CLAY",($G1807*1000 -$K1807)/$L$8,#N/A)</f>
        <v>24.250041782809578</v>
      </c>
      <c r="R1807" s="238">
        <v>35</v>
      </c>
      <c r="S1807" s="236">
        <f t="shared" si="419"/>
        <v>0.90898255018747776</v>
      </c>
      <c r="T1807" s="236" t="e">
        <f t="shared" si="420"/>
        <v>#N/A</v>
      </c>
      <c r="U1807" s="230"/>
    </row>
    <row r="1808" spans="1:21" x14ac:dyDescent="0.2">
      <c r="A1808" s="53">
        <f t="shared" si="421"/>
        <v>1796</v>
      </c>
      <c r="B1808" s="239">
        <v>17.954999999999998</v>
      </c>
      <c r="C1808" s="3">
        <f t="shared" si="422"/>
        <v>17.947999999999997</v>
      </c>
      <c r="D1808" s="239">
        <v>0.47799999999999998</v>
      </c>
      <c r="E1808" s="239">
        <v>1.0500000000000001E-2</v>
      </c>
      <c r="F1808" s="239">
        <v>0.48099999999999998</v>
      </c>
      <c r="G1808">
        <f t="shared" si="423"/>
        <v>0.57419999999999993</v>
      </c>
      <c r="H1808" s="235">
        <f t="shared" si="424"/>
        <v>1.8286311389759669</v>
      </c>
      <c r="I1808" s="236">
        <f t="shared" si="425"/>
        <v>15.784811031215757</v>
      </c>
      <c r="J1808" s="237">
        <f t="shared" ref="J1808:J1871" si="430">$I1808-10</f>
        <v>5.7848110312157566</v>
      </c>
      <c r="K1808" s="237">
        <f t="shared" si="426"/>
        <v>283.30578838826034</v>
      </c>
      <c r="L1808" s="237">
        <f t="shared" ref="L1808:L1871" si="431">$J1808*$B1808</f>
        <v>103.8662820654789</v>
      </c>
      <c r="M1808" s="236">
        <f t="shared" si="427"/>
        <v>2.8006606747351892</v>
      </c>
      <c r="N1808" s="236">
        <f t="shared" si="428"/>
        <v>3.6095596202562086</v>
      </c>
      <c r="O1808" s="236">
        <f t="shared" ref="O1808:O1871" si="432">((3.47-LOG($M1808))^2+(LOG($N1808)+1.22)^2)^0.5</f>
        <v>3.5066077094486574</v>
      </c>
      <c r="P1808" s="236" t="str">
        <f t="shared" ref="P1808:P1871" si="433">IF(O1808&lt;2.6,"SAND","CLAY")</f>
        <v>CLAY</v>
      </c>
      <c r="Q1808" s="236">
        <f t="shared" si="429"/>
        <v>24.241184300978301</v>
      </c>
      <c r="R1808" s="238">
        <v>35</v>
      </c>
      <c r="S1808" s="236">
        <f t="shared" ref="S1808:S1871" si="434">IF(P1808="SAND",#N/A,0.25*($M1808)^1.25)</f>
        <v>0.9057651885135839</v>
      </c>
      <c r="T1808" s="236" t="e">
        <f t="shared" si="420"/>
        <v>#N/A</v>
      </c>
    </row>
    <row r="1809" spans="1:20" x14ac:dyDescent="0.2">
      <c r="A1809" s="53">
        <f t="shared" si="421"/>
        <v>1797</v>
      </c>
      <c r="B1809" s="239">
        <v>17.966000000000001</v>
      </c>
      <c r="C1809" s="3">
        <f t="shared" si="422"/>
        <v>17.959</v>
      </c>
      <c r="D1809" s="239">
        <v>0.48</v>
      </c>
      <c r="E1809" s="239">
        <v>1.04E-2</v>
      </c>
      <c r="F1809" s="239">
        <v>0.48010000000000003</v>
      </c>
      <c r="G1809">
        <f t="shared" si="423"/>
        <v>0.57601999999999998</v>
      </c>
      <c r="H1809" s="235">
        <f t="shared" si="424"/>
        <v>1.8054928648310824</v>
      </c>
      <c r="I1809" s="236">
        <f t="shared" si="425"/>
        <v>15.774826877037029</v>
      </c>
      <c r="J1809" s="237">
        <f t="shared" si="430"/>
        <v>5.7748268770370288</v>
      </c>
      <c r="K1809" s="237">
        <f t="shared" si="426"/>
        <v>283.30011588470802</v>
      </c>
      <c r="L1809" s="237">
        <f t="shared" si="431"/>
        <v>103.75053967284727</v>
      </c>
      <c r="M1809" s="236">
        <f t="shared" si="427"/>
        <v>2.8213817975146416</v>
      </c>
      <c r="N1809" s="236">
        <f t="shared" si="428"/>
        <v>3.5528847079974279</v>
      </c>
      <c r="O1809" s="236">
        <f t="shared" si="432"/>
        <v>3.500366846796505</v>
      </c>
      <c r="P1809" s="236" t="str">
        <f t="shared" si="433"/>
        <v>CLAY</v>
      </c>
      <c r="Q1809" s="236">
        <f t="shared" si="429"/>
        <v>24.393323676274331</v>
      </c>
      <c r="R1809" s="238">
        <v>35</v>
      </c>
      <c r="S1809" s="236">
        <f t="shared" si="434"/>
        <v>0.91414972681603646</v>
      </c>
      <c r="T1809" s="236" t="e">
        <f t="shared" si="420"/>
        <v>#N/A</v>
      </c>
    </row>
    <row r="1810" spans="1:20" x14ac:dyDescent="0.2">
      <c r="A1810" s="53">
        <f t="shared" si="421"/>
        <v>1798</v>
      </c>
      <c r="B1810" s="239">
        <v>17.975000000000001</v>
      </c>
      <c r="C1810" s="3">
        <f t="shared" si="422"/>
        <v>17.968</v>
      </c>
      <c r="D1810" s="239">
        <v>0.48220000000000002</v>
      </c>
      <c r="E1810" s="239">
        <v>1.0500000000000001E-2</v>
      </c>
      <c r="F1810" s="239">
        <v>0.48149999999999998</v>
      </c>
      <c r="G1810">
        <f t="shared" si="423"/>
        <v>0.57850000000000001</v>
      </c>
      <c r="H1810" s="235">
        <f t="shared" si="424"/>
        <v>1.8150388936905792</v>
      </c>
      <c r="I1810" s="236">
        <f t="shared" si="425"/>
        <v>15.787727188830312</v>
      </c>
      <c r="J1810" s="237">
        <f t="shared" si="430"/>
        <v>5.7877271888303117</v>
      </c>
      <c r="K1810" s="237">
        <f t="shared" si="426"/>
        <v>283.67388212890302</v>
      </c>
      <c r="L1810" s="237">
        <f t="shared" si="431"/>
        <v>104.03439621922486</v>
      </c>
      <c r="M1810" s="236">
        <f t="shared" si="427"/>
        <v>2.8339292444186368</v>
      </c>
      <c r="N1810" s="236">
        <f t="shared" si="428"/>
        <v>3.5614212457902998</v>
      </c>
      <c r="O1810" s="236">
        <f t="shared" si="432"/>
        <v>3.49923211677618</v>
      </c>
      <c r="P1810" s="236" t="str">
        <f t="shared" si="433"/>
        <v>CLAY</v>
      </c>
      <c r="Q1810" s="236">
        <f t="shared" si="429"/>
        <v>24.56884315592475</v>
      </c>
      <c r="R1810" s="238">
        <v>35</v>
      </c>
      <c r="S1810" s="236">
        <f t="shared" si="434"/>
        <v>0.91923438715152417</v>
      </c>
      <c r="T1810" s="236" t="e">
        <f t="shared" si="420"/>
        <v>#N/A</v>
      </c>
    </row>
    <row r="1811" spans="1:20" x14ac:dyDescent="0.2">
      <c r="A1811" s="53">
        <f t="shared" si="421"/>
        <v>1799</v>
      </c>
      <c r="B1811" s="239">
        <v>17.984999999999999</v>
      </c>
      <c r="C1811" s="3">
        <f t="shared" si="422"/>
        <v>17.977999999999998</v>
      </c>
      <c r="D1811" s="239">
        <v>0.48280000000000001</v>
      </c>
      <c r="E1811" s="239">
        <v>1.0500000000000001E-2</v>
      </c>
      <c r="F1811" s="239">
        <v>0.48199999999999998</v>
      </c>
      <c r="G1811">
        <f t="shared" si="423"/>
        <v>0.57919999999999994</v>
      </c>
      <c r="H1811" s="235">
        <f t="shared" si="424"/>
        <v>1.8128453038674035</v>
      </c>
      <c r="I1811" s="236">
        <f t="shared" si="425"/>
        <v>15.7881998597415</v>
      </c>
      <c r="J1811" s="237">
        <f t="shared" si="430"/>
        <v>5.7881998597414999</v>
      </c>
      <c r="K1811" s="237">
        <f t="shared" si="426"/>
        <v>283.84025707843267</v>
      </c>
      <c r="L1811" s="237">
        <f t="shared" si="431"/>
        <v>104.10077447745087</v>
      </c>
      <c r="M1811" s="236">
        <f t="shared" si="427"/>
        <v>2.837248276049519</v>
      </c>
      <c r="N1811" s="236">
        <f t="shared" si="428"/>
        <v>3.5549868428712279</v>
      </c>
      <c r="O1811" s="236">
        <f t="shared" si="432"/>
        <v>3.4983961568621544</v>
      </c>
      <c r="P1811" s="236" t="str">
        <f t="shared" si="433"/>
        <v>CLAY</v>
      </c>
      <c r="Q1811" s="236">
        <f t="shared" si="429"/>
        <v>24.613311910130605</v>
      </c>
      <c r="R1811" s="238">
        <v>35</v>
      </c>
      <c r="S1811" s="236">
        <f t="shared" si="434"/>
        <v>0.9205803163659021</v>
      </c>
      <c r="T1811" s="236" t="e">
        <f t="shared" si="420"/>
        <v>#N/A</v>
      </c>
    </row>
    <row r="1812" spans="1:20" x14ac:dyDescent="0.2">
      <c r="A1812" s="53">
        <f t="shared" si="421"/>
        <v>1800</v>
      </c>
      <c r="B1812" s="239">
        <v>17.995999999999999</v>
      </c>
      <c r="C1812" s="3">
        <f t="shared" si="422"/>
        <v>17.988999999999997</v>
      </c>
      <c r="D1812" s="239">
        <v>0.48110000000000003</v>
      </c>
      <c r="E1812" s="239">
        <v>1.06E-2</v>
      </c>
      <c r="F1812" s="239">
        <v>0.48470000000000002</v>
      </c>
      <c r="G1812">
        <f t="shared" si="423"/>
        <v>0.57804</v>
      </c>
      <c r="H1812" s="235">
        <f t="shared" si="424"/>
        <v>1.8337831291952114</v>
      </c>
      <c r="I1812" s="236">
        <f t="shared" si="425"/>
        <v>15.798530993723219</v>
      </c>
      <c r="J1812" s="237">
        <f t="shared" si="430"/>
        <v>5.7985309937232188</v>
      </c>
      <c r="K1812" s="237">
        <f t="shared" si="426"/>
        <v>284.19977404608693</v>
      </c>
      <c r="L1812" s="237">
        <f t="shared" si="431"/>
        <v>104.35036376304303</v>
      </c>
      <c r="M1812" s="236">
        <f t="shared" si="427"/>
        <v>2.8159003510630805</v>
      </c>
      <c r="N1812" s="236">
        <f t="shared" si="428"/>
        <v>3.6074026167072648</v>
      </c>
      <c r="O1812" s="236">
        <f t="shared" si="432"/>
        <v>3.5044446730567143</v>
      </c>
      <c r="P1812" s="236" t="str">
        <f t="shared" si="433"/>
        <v>CLAY</v>
      </c>
      <c r="Q1812" s="236">
        <f t="shared" si="429"/>
        <v>24.486685496159421</v>
      </c>
      <c r="R1812" s="238">
        <v>35</v>
      </c>
      <c r="S1812" s="236">
        <f t="shared" si="434"/>
        <v>0.91193022692131709</v>
      </c>
      <c r="T1812" s="236" t="e">
        <f t="shared" si="420"/>
        <v>#N/A</v>
      </c>
    </row>
    <row r="1813" spans="1:20" x14ac:dyDescent="0.2">
      <c r="A1813" s="53">
        <f t="shared" si="421"/>
        <v>1801</v>
      </c>
      <c r="B1813" s="239">
        <v>18.004999999999999</v>
      </c>
      <c r="C1813" s="3">
        <f t="shared" si="422"/>
        <v>17.997999999999998</v>
      </c>
      <c r="D1813" s="239">
        <v>0.48080000000000001</v>
      </c>
      <c r="E1813" s="239">
        <v>1.06E-2</v>
      </c>
      <c r="F1813" s="239">
        <v>0.48349999999999999</v>
      </c>
      <c r="G1813">
        <f t="shared" si="423"/>
        <v>0.57750000000000001</v>
      </c>
      <c r="H1813" s="235">
        <f t="shared" si="424"/>
        <v>1.8354978354978353</v>
      </c>
      <c r="I1813" s="236">
        <f t="shared" si="425"/>
        <v>15.798165680305129</v>
      </c>
      <c r="J1813" s="237">
        <f t="shared" si="430"/>
        <v>5.7981656803051287</v>
      </c>
      <c r="K1813" s="237">
        <f t="shared" si="426"/>
        <v>284.33538591413168</v>
      </c>
      <c r="L1813" s="237">
        <f t="shared" si="431"/>
        <v>104.39597307389384</v>
      </c>
      <c r="M1813" s="236">
        <f t="shared" si="427"/>
        <v>2.8081984913188149</v>
      </c>
      <c r="N1813" s="236">
        <f t="shared" si="428"/>
        <v>3.6157160484911883</v>
      </c>
      <c r="O1813" s="236">
        <f t="shared" si="432"/>
        <v>3.5059768365133213</v>
      </c>
      <c r="P1813" s="236" t="str">
        <f t="shared" si="433"/>
        <v>CLAY</v>
      </c>
      <c r="Q1813" s="236">
        <f t="shared" si="429"/>
        <v>24.430384507155694</v>
      </c>
      <c r="R1813" s="238">
        <v>35</v>
      </c>
      <c r="S1813" s="236">
        <f t="shared" si="434"/>
        <v>0.90881348143593577</v>
      </c>
      <c r="T1813" s="236" t="e">
        <f t="shared" si="420"/>
        <v>#N/A</v>
      </c>
    </row>
    <row r="1814" spans="1:20" x14ac:dyDescent="0.2">
      <c r="A1814" s="53">
        <f t="shared" si="421"/>
        <v>1802</v>
      </c>
      <c r="B1814" s="239">
        <v>18.015000000000001</v>
      </c>
      <c r="C1814" s="3">
        <f t="shared" si="422"/>
        <v>18.007999999999999</v>
      </c>
      <c r="D1814" s="239">
        <v>0.48380000000000001</v>
      </c>
      <c r="E1814" s="239">
        <v>1.0500000000000001E-2</v>
      </c>
      <c r="F1814" s="239">
        <v>0.48199999999999998</v>
      </c>
      <c r="G1814">
        <f t="shared" si="423"/>
        <v>0.58019999999999994</v>
      </c>
      <c r="H1814" s="235">
        <f t="shared" si="424"/>
        <v>1.8097207859358846</v>
      </c>
      <c r="I1814" s="236">
        <f t="shared" si="425"/>
        <v>15.7888741138913</v>
      </c>
      <c r="J1814" s="237">
        <f t="shared" si="430"/>
        <v>5.7888741138912998</v>
      </c>
      <c r="K1814" s="237">
        <f t="shared" si="426"/>
        <v>284.32604504295449</v>
      </c>
      <c r="L1814" s="237">
        <f t="shared" si="431"/>
        <v>104.28656716175178</v>
      </c>
      <c r="M1814" s="236">
        <f t="shared" si="427"/>
        <v>2.8371243105369031</v>
      </c>
      <c r="N1814" s="236">
        <f t="shared" si="428"/>
        <v>3.548808478774137</v>
      </c>
      <c r="O1814" s="236">
        <f t="shared" si="432"/>
        <v>3.498030193728618</v>
      </c>
      <c r="P1814" s="236" t="str">
        <f t="shared" si="433"/>
        <v>CLAY</v>
      </c>
      <c r="Q1814" s="236">
        <f t="shared" si="429"/>
        <v>24.656162913087119</v>
      </c>
      <c r="R1814" s="238">
        <v>35</v>
      </c>
      <c r="S1814" s="236">
        <f t="shared" si="434"/>
        <v>0.92053003895957264</v>
      </c>
      <c r="T1814" s="236" t="e">
        <f t="shared" si="420"/>
        <v>#N/A</v>
      </c>
    </row>
    <row r="1815" spans="1:20" x14ac:dyDescent="0.2">
      <c r="A1815" s="53">
        <f t="shared" si="421"/>
        <v>1803</v>
      </c>
      <c r="B1815" s="239">
        <v>18.026</v>
      </c>
      <c r="C1815" s="3">
        <f t="shared" si="422"/>
        <v>18.018999999999998</v>
      </c>
      <c r="D1815" s="239">
        <v>0.4834</v>
      </c>
      <c r="E1815" s="239">
        <v>1.06E-2</v>
      </c>
      <c r="F1815" s="239">
        <v>0.48170000000000002</v>
      </c>
      <c r="G1815">
        <f t="shared" si="423"/>
        <v>0.57973999999999992</v>
      </c>
      <c r="H1815" s="235">
        <f t="shared" si="424"/>
        <v>1.8284058370993899</v>
      </c>
      <c r="I1815" s="236">
        <f t="shared" si="425"/>
        <v>15.799678830159923</v>
      </c>
      <c r="J1815" s="237">
        <f t="shared" si="430"/>
        <v>5.7996788301599231</v>
      </c>
      <c r="K1815" s="237">
        <f t="shared" si="426"/>
        <v>284.69441284065164</v>
      </c>
      <c r="L1815" s="237">
        <f t="shared" si="431"/>
        <v>104.54501059246277</v>
      </c>
      <c r="M1815" s="236">
        <f t="shared" si="427"/>
        <v>2.8221871659614113</v>
      </c>
      <c r="N1815" s="236">
        <f t="shared" si="428"/>
        <v>3.592665154580045</v>
      </c>
      <c r="O1815" s="236">
        <f t="shared" si="432"/>
        <v>3.5027084723468125</v>
      </c>
      <c r="P1815" s="236" t="str">
        <f t="shared" si="433"/>
        <v>CLAY</v>
      </c>
      <c r="Q1815" s="236">
        <f t="shared" si="429"/>
        <v>24.58713226327902</v>
      </c>
      <c r="R1815" s="238">
        <v>35</v>
      </c>
      <c r="S1815" s="236">
        <f t="shared" si="434"/>
        <v>0.9144759205334424</v>
      </c>
      <c r="T1815" s="236" t="e">
        <f t="shared" si="420"/>
        <v>#N/A</v>
      </c>
    </row>
    <row r="1816" spans="1:20" x14ac:dyDescent="0.2">
      <c r="A1816" s="53">
        <f t="shared" si="421"/>
        <v>1804</v>
      </c>
      <c r="B1816" s="239">
        <v>18.035</v>
      </c>
      <c r="C1816" s="3">
        <f t="shared" si="422"/>
        <v>18.027999999999999</v>
      </c>
      <c r="D1816" s="239">
        <v>0.48139999999999999</v>
      </c>
      <c r="E1816" s="239">
        <v>1.06E-2</v>
      </c>
      <c r="F1816" s="239">
        <v>0.48199999999999998</v>
      </c>
      <c r="G1816">
        <f t="shared" si="423"/>
        <v>0.57779999999999998</v>
      </c>
      <c r="H1816" s="235">
        <f t="shared" si="424"/>
        <v>1.8345448251990308</v>
      </c>
      <c r="I1816" s="236">
        <f t="shared" si="425"/>
        <v>15.798368674354727</v>
      </c>
      <c r="J1816" s="237">
        <f t="shared" si="430"/>
        <v>5.7983686743547267</v>
      </c>
      <c r="K1816" s="237">
        <f t="shared" si="426"/>
        <v>284.81299046126702</v>
      </c>
      <c r="L1816" s="237">
        <f t="shared" si="431"/>
        <v>104.5735790419875</v>
      </c>
      <c r="M1816" s="236">
        <f t="shared" si="427"/>
        <v>2.8017307260861299</v>
      </c>
      <c r="N1816" s="236">
        <f t="shared" si="428"/>
        <v>3.6179078439990282</v>
      </c>
      <c r="O1816" s="236">
        <f t="shared" si="432"/>
        <v>3.506973380282671</v>
      </c>
      <c r="P1816" s="236" t="str">
        <f t="shared" si="433"/>
        <v>CLAY</v>
      </c>
      <c r="Q1816" s="236">
        <f t="shared" si="429"/>
        <v>24.415584128227746</v>
      </c>
      <c r="R1816" s="238">
        <v>35</v>
      </c>
      <c r="S1816" s="236">
        <f t="shared" si="434"/>
        <v>0.90619779248653354</v>
      </c>
      <c r="T1816" s="236" t="e">
        <f t="shared" si="420"/>
        <v>#N/A</v>
      </c>
    </row>
    <row r="1817" spans="1:20" x14ac:dyDescent="0.2">
      <c r="A1817" s="53">
        <f t="shared" si="421"/>
        <v>1805</v>
      </c>
      <c r="B1817" s="239">
        <v>18.045000000000002</v>
      </c>
      <c r="C1817" s="3">
        <f t="shared" si="422"/>
        <v>18.038</v>
      </c>
      <c r="D1817" s="239">
        <v>0.47960000000000003</v>
      </c>
      <c r="E1817" s="239">
        <v>1.06E-2</v>
      </c>
      <c r="F1817" s="239">
        <v>0.48259999999999997</v>
      </c>
      <c r="G1817">
        <f t="shared" si="423"/>
        <v>0.57611999999999997</v>
      </c>
      <c r="H1817" s="235">
        <f t="shared" si="424"/>
        <v>1.8398944664306047</v>
      </c>
      <c r="I1817" s="236">
        <f t="shared" si="425"/>
        <v>15.797230547412477</v>
      </c>
      <c r="J1817" s="237">
        <f t="shared" si="430"/>
        <v>5.797230547412477</v>
      </c>
      <c r="K1817" s="237">
        <f t="shared" si="426"/>
        <v>284.95044461422629</v>
      </c>
      <c r="L1817" s="237">
        <f t="shared" si="431"/>
        <v>104.61102522805815</v>
      </c>
      <c r="M1817" s="236">
        <f t="shared" si="427"/>
        <v>2.7833543811563559</v>
      </c>
      <c r="N1817" s="236">
        <f t="shared" si="428"/>
        <v>3.6404904990688136</v>
      </c>
      <c r="O1817" s="236">
        <f t="shared" si="432"/>
        <v>3.5108070764097197</v>
      </c>
      <c r="P1817" s="236" t="str">
        <f t="shared" si="433"/>
        <v>CLAY</v>
      </c>
      <c r="Q1817" s="236">
        <f t="shared" si="429"/>
        <v>24.264129615481142</v>
      </c>
      <c r="R1817" s="238">
        <v>35</v>
      </c>
      <c r="S1817" s="236">
        <f t="shared" si="434"/>
        <v>0.8987742882827241</v>
      </c>
      <c r="T1817" s="236" t="e">
        <f t="shared" si="420"/>
        <v>#N/A</v>
      </c>
    </row>
    <row r="1818" spans="1:20" x14ac:dyDescent="0.2">
      <c r="A1818" s="53">
        <f t="shared" si="421"/>
        <v>1806</v>
      </c>
      <c r="B1818" s="239">
        <v>18.055</v>
      </c>
      <c r="C1818" s="3">
        <f t="shared" si="422"/>
        <v>18.047999999999998</v>
      </c>
      <c r="D1818" s="239">
        <v>0.47539999999999999</v>
      </c>
      <c r="E1818" s="239">
        <v>1.0699999999999999E-2</v>
      </c>
      <c r="F1818" s="239">
        <v>0.48580000000000001</v>
      </c>
      <c r="G1818">
        <f t="shared" si="423"/>
        <v>0.57255999999999996</v>
      </c>
      <c r="H1818" s="235">
        <f t="shared" si="424"/>
        <v>1.8687997764426436</v>
      </c>
      <c r="I1818" s="236">
        <f t="shared" si="425"/>
        <v>15.80581815791785</v>
      </c>
      <c r="J1818" s="237">
        <f t="shared" si="430"/>
        <v>5.8058181579178498</v>
      </c>
      <c r="K1818" s="237">
        <f t="shared" si="426"/>
        <v>285.26340611410131</v>
      </c>
      <c r="L1818" s="237">
        <f t="shared" si="431"/>
        <v>104.82404684120678</v>
      </c>
      <c r="M1818" s="236">
        <f t="shared" si="427"/>
        <v>2.7407508347880452</v>
      </c>
      <c r="N1818" s="236">
        <f t="shared" si="428"/>
        <v>3.7243741233665868</v>
      </c>
      <c r="O1818" s="236">
        <f t="shared" si="432"/>
        <v>3.5216028964848021</v>
      </c>
      <c r="P1818" s="236" t="str">
        <f t="shared" si="433"/>
        <v>CLAY</v>
      </c>
      <c r="Q1818" s="236">
        <f t="shared" si="429"/>
        <v>23.941382823824885</v>
      </c>
      <c r="R1818" s="238">
        <v>35</v>
      </c>
      <c r="S1818" s="236">
        <f t="shared" si="434"/>
        <v>0.88161090295472899</v>
      </c>
      <c r="T1818" s="236" t="e">
        <f t="shared" si="420"/>
        <v>#N/A</v>
      </c>
    </row>
    <row r="1819" spans="1:20" x14ac:dyDescent="0.2">
      <c r="A1819" s="53">
        <f t="shared" si="421"/>
        <v>1807</v>
      </c>
      <c r="B1819" s="239">
        <v>18.062999999999999</v>
      </c>
      <c r="C1819" s="3">
        <f t="shared" si="422"/>
        <v>18.055999999999997</v>
      </c>
      <c r="D1819" s="239">
        <v>0.47060000000000002</v>
      </c>
      <c r="E1819" s="239">
        <v>1.09E-2</v>
      </c>
      <c r="F1819" s="239">
        <v>0.48849999999999999</v>
      </c>
      <c r="G1819">
        <f t="shared" si="423"/>
        <v>0.56830000000000003</v>
      </c>
      <c r="H1819" s="235">
        <f t="shared" si="424"/>
        <v>1.9180010557803977</v>
      </c>
      <c r="I1819" s="236">
        <f t="shared" si="425"/>
        <v>15.824614489262427</v>
      </c>
      <c r="J1819" s="237">
        <f t="shared" si="430"/>
        <v>5.8246144892624265</v>
      </c>
      <c r="K1819" s="237">
        <f t="shared" si="426"/>
        <v>285.72923921812236</v>
      </c>
      <c r="L1819" s="237">
        <f t="shared" si="431"/>
        <v>105.21001151954721</v>
      </c>
      <c r="M1819" s="236">
        <f t="shared" si="427"/>
        <v>2.6857782515248392</v>
      </c>
      <c r="N1819" s="236">
        <f t="shared" si="428"/>
        <v>3.8574408653745813</v>
      </c>
      <c r="O1819" s="236">
        <f t="shared" si="432"/>
        <v>3.5369437957359247</v>
      </c>
      <c r="P1819" s="236" t="str">
        <f t="shared" si="433"/>
        <v>CLAY</v>
      </c>
      <c r="Q1819" s="236">
        <f t="shared" si="429"/>
        <v>23.54756339848981</v>
      </c>
      <c r="R1819" s="238">
        <v>35</v>
      </c>
      <c r="S1819" s="236">
        <f t="shared" si="434"/>
        <v>0.85956297355884004</v>
      </c>
      <c r="T1819" s="236" t="e">
        <f t="shared" si="420"/>
        <v>#N/A</v>
      </c>
    </row>
    <row r="1820" spans="1:20" x14ac:dyDescent="0.2">
      <c r="A1820" s="53">
        <f t="shared" si="421"/>
        <v>1808</v>
      </c>
      <c r="B1820" s="239">
        <v>18.073</v>
      </c>
      <c r="C1820" s="3">
        <f t="shared" si="422"/>
        <v>18.065999999999999</v>
      </c>
      <c r="D1820" s="239">
        <v>0.46970000000000001</v>
      </c>
      <c r="E1820" s="239">
        <v>1.09E-2</v>
      </c>
      <c r="F1820" s="239">
        <v>0.49059999999999998</v>
      </c>
      <c r="G1820">
        <f t="shared" si="423"/>
        <v>0.56781999999999999</v>
      </c>
      <c r="H1820" s="235">
        <f t="shared" si="424"/>
        <v>1.919622415554225</v>
      </c>
      <c r="I1820" s="236">
        <f t="shared" si="425"/>
        <v>15.824284215651637</v>
      </c>
      <c r="J1820" s="237">
        <f t="shared" si="430"/>
        <v>5.8242842156516375</v>
      </c>
      <c r="K1820" s="237">
        <f t="shared" si="426"/>
        <v>285.88151863996245</v>
      </c>
      <c r="L1820" s="237">
        <f t="shared" si="431"/>
        <v>105.26228862947205</v>
      </c>
      <c r="M1820" s="236">
        <f t="shared" si="427"/>
        <v>2.6784376915124231</v>
      </c>
      <c r="N1820" s="236">
        <f t="shared" si="428"/>
        <v>3.8660916194978792</v>
      </c>
      <c r="O1820" s="236">
        <f t="shared" si="432"/>
        <v>3.5384625576096975</v>
      </c>
      <c r="P1820" s="236" t="str">
        <f t="shared" si="433"/>
        <v>CLAY</v>
      </c>
      <c r="Q1820" s="236">
        <f t="shared" si="429"/>
        <v>23.494873446669789</v>
      </c>
      <c r="R1820" s="238">
        <v>35</v>
      </c>
      <c r="S1820" s="236">
        <f t="shared" si="434"/>
        <v>0.85662736426429376</v>
      </c>
      <c r="T1820" s="236" t="e">
        <f t="shared" si="420"/>
        <v>#N/A</v>
      </c>
    </row>
    <row r="1821" spans="1:20" x14ac:dyDescent="0.2">
      <c r="A1821" s="53">
        <f t="shared" si="421"/>
        <v>1809</v>
      </c>
      <c r="B1821" s="239">
        <v>18.082000000000001</v>
      </c>
      <c r="C1821" s="3">
        <f t="shared" si="422"/>
        <v>18.074999999999999</v>
      </c>
      <c r="D1821" s="239">
        <v>0.46789999999999998</v>
      </c>
      <c r="E1821" s="239">
        <v>1.0999999999999999E-2</v>
      </c>
      <c r="F1821" s="239">
        <v>0.4924</v>
      </c>
      <c r="G1821">
        <f t="shared" si="423"/>
        <v>0.56637999999999999</v>
      </c>
      <c r="H1821" s="235">
        <f t="shared" si="424"/>
        <v>1.9421589745400611</v>
      </c>
      <c r="I1821" s="236">
        <f t="shared" si="425"/>
        <v>15.834000422548138</v>
      </c>
      <c r="J1821" s="237">
        <f t="shared" si="430"/>
        <v>5.8340004225481383</v>
      </c>
      <c r="K1821" s="237">
        <f t="shared" si="426"/>
        <v>286.19955763755758</v>
      </c>
      <c r="L1821" s="237">
        <f t="shared" si="431"/>
        <v>105.49039564051544</v>
      </c>
      <c r="M1821" s="236">
        <f t="shared" si="427"/>
        <v>2.6559805815614381</v>
      </c>
      <c r="N1821" s="236">
        <f t="shared" si="428"/>
        <v>3.9260413422327174</v>
      </c>
      <c r="O1821" s="236">
        <f t="shared" si="432"/>
        <v>3.5450216152085723</v>
      </c>
      <c r="P1821" s="236" t="str">
        <f t="shared" si="433"/>
        <v>CLAY</v>
      </c>
      <c r="Q1821" s="236">
        <f t="shared" si="429"/>
        <v>23.348370196870203</v>
      </c>
      <c r="R1821" s="238">
        <v>35</v>
      </c>
      <c r="S1821" s="236">
        <f t="shared" si="434"/>
        <v>0.84765890346885131</v>
      </c>
      <c r="T1821" s="236" t="e">
        <f t="shared" si="420"/>
        <v>#N/A</v>
      </c>
    </row>
    <row r="1822" spans="1:20" x14ac:dyDescent="0.2">
      <c r="A1822" s="53">
        <f t="shared" si="421"/>
        <v>1810</v>
      </c>
      <c r="B1822" s="239">
        <v>18.091999999999999</v>
      </c>
      <c r="C1822" s="3">
        <f t="shared" si="422"/>
        <v>18.084999999999997</v>
      </c>
      <c r="D1822" s="239">
        <v>0.4657</v>
      </c>
      <c r="E1822" s="239">
        <v>1.11E-2</v>
      </c>
      <c r="F1822" s="239">
        <v>0.49359999999999998</v>
      </c>
      <c r="G1822">
        <f t="shared" si="423"/>
        <v>0.56441999999999992</v>
      </c>
      <c r="H1822" s="235">
        <f t="shared" si="424"/>
        <v>1.9666206016796008</v>
      </c>
      <c r="I1822" s="236">
        <f t="shared" si="425"/>
        <v>15.843257252074183</v>
      </c>
      <c r="J1822" s="237">
        <f t="shared" si="430"/>
        <v>5.8432572520741832</v>
      </c>
      <c r="K1822" s="237">
        <f t="shared" si="426"/>
        <v>286.52530740376159</v>
      </c>
      <c r="L1822" s="237">
        <f t="shared" si="431"/>
        <v>105.71621020452612</v>
      </c>
      <c r="M1822" s="236">
        <f t="shared" si="427"/>
        <v>2.6286857243425912</v>
      </c>
      <c r="N1822" s="236">
        <f t="shared" si="428"/>
        <v>3.9943188177859614</v>
      </c>
      <c r="O1822" s="236">
        <f t="shared" si="432"/>
        <v>3.5527099244559723</v>
      </c>
      <c r="P1822" s="236" t="str">
        <f t="shared" si="433"/>
        <v>CLAY</v>
      </c>
      <c r="Q1822" s="236">
        <f t="shared" si="429"/>
        <v>23.15789104968653</v>
      </c>
      <c r="R1822" s="238">
        <v>35</v>
      </c>
      <c r="S1822" s="236">
        <f t="shared" si="434"/>
        <v>0.83678395068809575</v>
      </c>
      <c r="T1822" s="236" t="e">
        <f t="shared" si="420"/>
        <v>#N/A</v>
      </c>
    </row>
    <row r="1823" spans="1:20" x14ac:dyDescent="0.2">
      <c r="A1823" s="53">
        <f t="shared" si="421"/>
        <v>1811</v>
      </c>
      <c r="B1823" s="239">
        <v>18.100999999999999</v>
      </c>
      <c r="C1823" s="3">
        <f t="shared" si="422"/>
        <v>18.093999999999998</v>
      </c>
      <c r="D1823" s="239">
        <v>0.46329999999999999</v>
      </c>
      <c r="E1823" s="239">
        <v>1.11E-2</v>
      </c>
      <c r="F1823" s="239">
        <v>0.49459999999999998</v>
      </c>
      <c r="G1823">
        <f t="shared" si="423"/>
        <v>0.56221999999999994</v>
      </c>
      <c r="H1823" s="235">
        <f t="shared" si="424"/>
        <v>1.9743161040162216</v>
      </c>
      <c r="I1823" s="236">
        <f t="shared" si="425"/>
        <v>15.841730758842754</v>
      </c>
      <c r="J1823" s="237">
        <f t="shared" si="430"/>
        <v>5.8417307588427541</v>
      </c>
      <c r="K1823" s="237">
        <f t="shared" si="426"/>
        <v>286.64027635050076</v>
      </c>
      <c r="L1823" s="237">
        <f t="shared" si="431"/>
        <v>105.74116846581269</v>
      </c>
      <c r="M1823" s="236">
        <f t="shared" si="427"/>
        <v>2.6061724836963305</v>
      </c>
      <c r="N1823" s="236">
        <f t="shared" si="428"/>
        <v>4.0278725346708475</v>
      </c>
      <c r="O1823" s="236">
        <f t="shared" si="432"/>
        <v>3.5577799407316024</v>
      </c>
      <c r="P1823" s="236" t="str">
        <f t="shared" si="433"/>
        <v>CLAY</v>
      </c>
      <c r="Q1823" s="236">
        <f t="shared" si="429"/>
        <v>22.964976970791597</v>
      </c>
      <c r="R1823" s="238">
        <v>35</v>
      </c>
      <c r="S1823" s="236">
        <f t="shared" si="434"/>
        <v>0.82783532142132876</v>
      </c>
      <c r="T1823" s="236" t="e">
        <f t="shared" si="420"/>
        <v>#N/A</v>
      </c>
    </row>
    <row r="1824" spans="1:20" x14ac:dyDescent="0.2">
      <c r="A1824" s="53">
        <f t="shared" si="421"/>
        <v>1812</v>
      </c>
      <c r="B1824" s="239">
        <v>18.111000000000001</v>
      </c>
      <c r="C1824" s="3">
        <f t="shared" si="422"/>
        <v>18.103999999999999</v>
      </c>
      <c r="D1824" s="239">
        <v>0.45879999999999999</v>
      </c>
      <c r="E1824" s="239">
        <v>1.0999999999999999E-2</v>
      </c>
      <c r="F1824" s="239">
        <v>0.49430000000000002</v>
      </c>
      <c r="G1824">
        <f t="shared" si="423"/>
        <v>0.55765999999999993</v>
      </c>
      <c r="H1824" s="235">
        <f t="shared" si="424"/>
        <v>1.9725280636947247</v>
      </c>
      <c r="I1824" s="236">
        <f t="shared" si="425"/>
        <v>15.827935849275791</v>
      </c>
      <c r="J1824" s="237">
        <f t="shared" si="430"/>
        <v>5.8279358492757911</v>
      </c>
      <c r="K1824" s="237">
        <f t="shared" si="426"/>
        <v>286.5489506152889</v>
      </c>
      <c r="L1824" s="237">
        <f t="shared" si="431"/>
        <v>105.54974616623386</v>
      </c>
      <c r="M1824" s="236">
        <f t="shared" si="427"/>
        <v>2.5685618320458024</v>
      </c>
      <c r="N1824" s="236">
        <f t="shared" si="428"/>
        <v>4.0573779729614854</v>
      </c>
      <c r="O1824" s="236">
        <f t="shared" si="432"/>
        <v>3.5648251896040368</v>
      </c>
      <c r="P1824" s="236" t="str">
        <f t="shared" si="433"/>
        <v>CLAY</v>
      </c>
      <c r="Q1824" s="236">
        <f t="shared" si="429"/>
        <v>22.592587448725922</v>
      </c>
      <c r="R1824" s="238">
        <v>35</v>
      </c>
      <c r="S1824" s="236">
        <f t="shared" si="434"/>
        <v>0.81292885595791586</v>
      </c>
      <c r="T1824" s="236" t="e">
        <f t="shared" si="420"/>
        <v>#N/A</v>
      </c>
    </row>
    <row r="1825" spans="1:20" x14ac:dyDescent="0.2">
      <c r="A1825" s="53">
        <f t="shared" si="421"/>
        <v>1813</v>
      </c>
      <c r="B1825" s="239">
        <v>18.122</v>
      </c>
      <c r="C1825" s="3">
        <f t="shared" si="422"/>
        <v>18.114999999999998</v>
      </c>
      <c r="D1825" s="239">
        <v>0.45710000000000001</v>
      </c>
      <c r="E1825" s="239">
        <v>1.09E-2</v>
      </c>
      <c r="F1825" s="239">
        <v>0.49669999999999997</v>
      </c>
      <c r="G1825">
        <f t="shared" si="423"/>
        <v>0.55643999999999993</v>
      </c>
      <c r="H1825" s="235">
        <f t="shared" si="424"/>
        <v>1.9588814607145428</v>
      </c>
      <c r="I1825" s="236">
        <f t="shared" si="425"/>
        <v>15.816371106571257</v>
      </c>
      <c r="J1825" s="237">
        <f t="shared" si="430"/>
        <v>5.8163711065712569</v>
      </c>
      <c r="K1825" s="237">
        <f t="shared" si="426"/>
        <v>286.5135625955383</v>
      </c>
      <c r="L1825" s="237">
        <f t="shared" si="431"/>
        <v>105.40427719328432</v>
      </c>
      <c r="M1825" s="236">
        <f t="shared" si="427"/>
        <v>2.5608679703716959</v>
      </c>
      <c r="N1825" s="236">
        <f t="shared" si="428"/>
        <v>4.0381372439140835</v>
      </c>
      <c r="O1825" s="236">
        <f t="shared" si="432"/>
        <v>3.5648857384444619</v>
      </c>
      <c r="P1825" s="236" t="str">
        <f t="shared" si="433"/>
        <v>CLAY</v>
      </c>
      <c r="Q1825" s="236">
        <f t="shared" si="429"/>
        <v>22.493869783705136</v>
      </c>
      <c r="R1825" s="238">
        <v>35</v>
      </c>
      <c r="S1825" s="236">
        <f t="shared" si="434"/>
        <v>0.80988619095723779</v>
      </c>
      <c r="T1825" s="236" t="e">
        <f t="shared" si="420"/>
        <v>#N/A</v>
      </c>
    </row>
    <row r="1826" spans="1:20" x14ac:dyDescent="0.2">
      <c r="A1826" s="53">
        <f t="shared" si="421"/>
        <v>1814</v>
      </c>
      <c r="B1826" s="239">
        <v>18.131</v>
      </c>
      <c r="C1826" s="3">
        <f t="shared" si="422"/>
        <v>18.123999999999999</v>
      </c>
      <c r="D1826" s="239">
        <v>0.45839999999999997</v>
      </c>
      <c r="E1826" s="239">
        <v>1.0999999999999999E-2</v>
      </c>
      <c r="F1826" s="239">
        <v>0.49830000000000002</v>
      </c>
      <c r="G1826">
        <f t="shared" si="423"/>
        <v>0.55806</v>
      </c>
      <c r="H1826" s="235">
        <f t="shared" si="424"/>
        <v>1.9711142171092715</v>
      </c>
      <c r="I1826" s="236">
        <f t="shared" si="425"/>
        <v>15.828216109592329</v>
      </c>
      <c r="J1826" s="237">
        <f t="shared" si="430"/>
        <v>5.8282161095923293</v>
      </c>
      <c r="K1826" s="237">
        <f t="shared" si="426"/>
        <v>286.87058877025135</v>
      </c>
      <c r="L1826" s="237">
        <f t="shared" si="431"/>
        <v>105.67138628301852</v>
      </c>
      <c r="M1826" s="236">
        <f t="shared" si="427"/>
        <v>2.5663466787823239</v>
      </c>
      <c r="N1826" s="236">
        <f t="shared" si="428"/>
        <v>4.0562055686904843</v>
      </c>
      <c r="O1826" s="236">
        <f t="shared" si="432"/>
        <v>3.5650825049419401</v>
      </c>
      <c r="P1826" s="236" t="str">
        <f t="shared" si="433"/>
        <v>CLAY</v>
      </c>
      <c r="Q1826" s="236">
        <f t="shared" si="429"/>
        <v>22.599117602479051</v>
      </c>
      <c r="R1826" s="238">
        <v>35</v>
      </c>
      <c r="S1826" s="236">
        <f t="shared" si="434"/>
        <v>0.81205260303909643</v>
      </c>
      <c r="T1826" s="236" t="e">
        <f t="shared" si="420"/>
        <v>#N/A</v>
      </c>
    </row>
    <row r="1827" spans="1:20" x14ac:dyDescent="0.2">
      <c r="A1827" s="53">
        <f t="shared" si="421"/>
        <v>1815</v>
      </c>
      <c r="B1827" s="239">
        <v>18.141999999999999</v>
      </c>
      <c r="C1827" s="3">
        <f t="shared" si="422"/>
        <v>18.134999999999998</v>
      </c>
      <c r="D1827" s="239">
        <v>0.45789999999999997</v>
      </c>
      <c r="E1827" s="239">
        <v>1.0999999999999999E-2</v>
      </c>
      <c r="F1827" s="239">
        <v>0.5</v>
      </c>
      <c r="G1827">
        <f t="shared" si="423"/>
        <v>0.55789999999999995</v>
      </c>
      <c r="H1827" s="235">
        <f t="shared" si="424"/>
        <v>1.9716795124574298</v>
      </c>
      <c r="I1827" s="236">
        <f t="shared" si="425"/>
        <v>15.828104029579027</v>
      </c>
      <c r="J1827" s="237">
        <f t="shared" si="430"/>
        <v>5.828104029579027</v>
      </c>
      <c r="K1827" s="237">
        <f t="shared" si="426"/>
        <v>287.04266657641563</v>
      </c>
      <c r="L1827" s="237">
        <f t="shared" si="431"/>
        <v>105.7334633046227</v>
      </c>
      <c r="M1827" s="236">
        <f t="shared" si="427"/>
        <v>2.5616992478836393</v>
      </c>
      <c r="N1827" s="236">
        <f t="shared" si="428"/>
        <v>4.0611785772835187</v>
      </c>
      <c r="O1827" s="236">
        <f t="shared" si="432"/>
        <v>3.5660311830879077</v>
      </c>
      <c r="P1827" s="236" t="str">
        <f t="shared" si="433"/>
        <v>CLAY</v>
      </c>
      <c r="Q1827" s="236">
        <f t="shared" si="429"/>
        <v>22.571444451965363</v>
      </c>
      <c r="R1827" s="238">
        <v>35</v>
      </c>
      <c r="S1827" s="236">
        <f t="shared" si="434"/>
        <v>0.81021482342712636</v>
      </c>
      <c r="T1827" s="236" t="e">
        <f t="shared" si="420"/>
        <v>#N/A</v>
      </c>
    </row>
    <row r="1828" spans="1:20" x14ac:dyDescent="0.2">
      <c r="A1828" s="53">
        <f t="shared" si="421"/>
        <v>1816</v>
      </c>
      <c r="B1828" s="239">
        <v>18.151</v>
      </c>
      <c r="C1828" s="3">
        <f t="shared" si="422"/>
        <v>18.143999999999998</v>
      </c>
      <c r="D1828" s="239">
        <v>0.45569999999999999</v>
      </c>
      <c r="E1828" s="239">
        <v>1.12E-2</v>
      </c>
      <c r="F1828" s="239">
        <v>0.50290000000000001</v>
      </c>
      <c r="G1828">
        <f t="shared" si="423"/>
        <v>0.55628</v>
      </c>
      <c r="H1828" s="235">
        <f t="shared" si="424"/>
        <v>2.0133745595743151</v>
      </c>
      <c r="I1828" s="236">
        <f t="shared" si="425"/>
        <v>15.848095816974997</v>
      </c>
      <c r="J1828" s="237">
        <f t="shared" si="430"/>
        <v>5.8480958169749968</v>
      </c>
      <c r="K1828" s="237">
        <f t="shared" si="426"/>
        <v>287.5478505031943</v>
      </c>
      <c r="L1828" s="237">
        <f t="shared" si="431"/>
        <v>106.14878717391316</v>
      </c>
      <c r="M1828" s="236">
        <f t="shared" si="427"/>
        <v>2.5316553928827985</v>
      </c>
      <c r="N1828" s="236">
        <f t="shared" si="428"/>
        <v>4.1677186823280064</v>
      </c>
      <c r="O1828" s="236">
        <f t="shared" si="432"/>
        <v>3.5762037864160399</v>
      </c>
      <c r="P1828" s="236" t="str">
        <f t="shared" si="433"/>
        <v>CLAY</v>
      </c>
      <c r="Q1828" s="236">
        <f t="shared" si="429"/>
        <v>22.394345791400472</v>
      </c>
      <c r="R1828" s="238">
        <v>35</v>
      </c>
      <c r="S1828" s="236">
        <f t="shared" si="434"/>
        <v>0.7983544411569824</v>
      </c>
      <c r="T1828" s="236" t="e">
        <f t="shared" si="420"/>
        <v>#N/A</v>
      </c>
    </row>
    <row r="1829" spans="1:20" x14ac:dyDescent="0.2">
      <c r="A1829" s="53">
        <f t="shared" si="421"/>
        <v>1817</v>
      </c>
      <c r="B1829" s="239">
        <v>18.161999999999999</v>
      </c>
      <c r="C1829" s="3">
        <f t="shared" si="422"/>
        <v>18.154999999999998</v>
      </c>
      <c r="D1829" s="239">
        <v>0.45779999999999998</v>
      </c>
      <c r="E1829" s="239">
        <v>1.11E-2</v>
      </c>
      <c r="F1829" s="239">
        <v>0.50160000000000005</v>
      </c>
      <c r="G1829">
        <f t="shared" si="423"/>
        <v>0.55811999999999995</v>
      </c>
      <c r="H1829" s="235">
        <f t="shared" si="424"/>
        <v>1.9888196086863041</v>
      </c>
      <c r="I1829" s="236">
        <f t="shared" si="425"/>
        <v>15.838869924109689</v>
      </c>
      <c r="J1829" s="237">
        <f t="shared" si="430"/>
        <v>5.8388699241096891</v>
      </c>
      <c r="K1829" s="237">
        <f t="shared" si="426"/>
        <v>287.55468347221137</v>
      </c>
      <c r="L1829" s="237">
        <f t="shared" si="431"/>
        <v>106.04555556168016</v>
      </c>
      <c r="M1829" s="236">
        <f t="shared" si="427"/>
        <v>2.5514064695565435</v>
      </c>
      <c r="N1829" s="236">
        <f t="shared" si="428"/>
        <v>4.1025213957384539</v>
      </c>
      <c r="O1829" s="236">
        <f t="shared" si="432"/>
        <v>3.5697891161360378</v>
      </c>
      <c r="P1829" s="236" t="str">
        <f t="shared" si="433"/>
        <v>CLAY</v>
      </c>
      <c r="Q1829" s="236">
        <f t="shared" si="429"/>
        <v>22.547109710649053</v>
      </c>
      <c r="R1829" s="238">
        <v>35</v>
      </c>
      <c r="S1829" s="236">
        <f t="shared" si="434"/>
        <v>0.80614761638896892</v>
      </c>
      <c r="T1829" s="236" t="e">
        <f t="shared" si="420"/>
        <v>#N/A</v>
      </c>
    </row>
    <row r="1830" spans="1:20" x14ac:dyDescent="0.2">
      <c r="A1830" s="53">
        <f t="shared" si="421"/>
        <v>1818</v>
      </c>
      <c r="B1830" s="239">
        <v>18.172999999999998</v>
      </c>
      <c r="C1830" s="3">
        <f t="shared" si="422"/>
        <v>18.165999999999997</v>
      </c>
      <c r="D1830" s="239">
        <v>0.4587</v>
      </c>
      <c r="E1830" s="239">
        <v>1.0999999999999999E-2</v>
      </c>
      <c r="F1830" s="239">
        <v>0.49980000000000002</v>
      </c>
      <c r="G1830">
        <f t="shared" si="423"/>
        <v>0.55865999999999993</v>
      </c>
      <c r="H1830" s="235">
        <f t="shared" si="424"/>
        <v>1.9689972434038594</v>
      </c>
      <c r="I1830" s="236">
        <f t="shared" si="425"/>
        <v>15.828636123638455</v>
      </c>
      <c r="J1830" s="237">
        <f t="shared" si="430"/>
        <v>5.8286361236384554</v>
      </c>
      <c r="K1830" s="237">
        <f t="shared" si="426"/>
        <v>287.54300382201615</v>
      </c>
      <c r="L1830" s="237">
        <f t="shared" si="431"/>
        <v>105.92380427488165</v>
      </c>
      <c r="M1830" s="236">
        <f t="shared" si="427"/>
        <v>2.5595473844048429</v>
      </c>
      <c r="N1830" s="236">
        <f t="shared" si="428"/>
        <v>4.0572889767407583</v>
      </c>
      <c r="O1830" s="236">
        <f t="shared" si="432"/>
        <v>3.5661311536922695</v>
      </c>
      <c r="P1830" s="236" t="str">
        <f t="shared" si="433"/>
        <v>CLAY</v>
      </c>
      <c r="Q1830" s="236">
        <f t="shared" si="429"/>
        <v>22.593083014831986</v>
      </c>
      <c r="R1830" s="238">
        <v>35</v>
      </c>
      <c r="S1830" s="236">
        <f t="shared" si="434"/>
        <v>0.80936417293415086</v>
      </c>
      <c r="T1830" s="236" t="e">
        <f t="shared" si="420"/>
        <v>#N/A</v>
      </c>
    </row>
    <row r="1831" spans="1:20" x14ac:dyDescent="0.2">
      <c r="A1831" s="53">
        <f t="shared" si="421"/>
        <v>1819</v>
      </c>
      <c r="B1831" s="239">
        <v>18.181999999999999</v>
      </c>
      <c r="C1831" s="3">
        <f t="shared" si="422"/>
        <v>18.174999999999997</v>
      </c>
      <c r="D1831" s="239">
        <v>0.45739999999999997</v>
      </c>
      <c r="E1831" s="239">
        <v>1.0999999999999999E-2</v>
      </c>
      <c r="F1831" s="239">
        <v>0.49819999999999998</v>
      </c>
      <c r="G1831">
        <f t="shared" si="423"/>
        <v>0.55703999999999998</v>
      </c>
      <c r="H1831" s="235">
        <f t="shared" si="424"/>
        <v>1.9747235387045814</v>
      </c>
      <c r="I1831" s="236">
        <f t="shared" si="425"/>
        <v>15.827501048260466</v>
      </c>
      <c r="J1831" s="237">
        <f t="shared" si="430"/>
        <v>5.8275010482604657</v>
      </c>
      <c r="K1831" s="237">
        <f t="shared" si="426"/>
        <v>287.66483155213393</v>
      </c>
      <c r="L1831" s="237">
        <f t="shared" si="431"/>
        <v>105.95562405947177</v>
      </c>
      <c r="M1831" s="236">
        <f t="shared" si="427"/>
        <v>2.5423395014564645</v>
      </c>
      <c r="N1831" s="236">
        <f t="shared" si="428"/>
        <v>4.0835241285905326</v>
      </c>
      <c r="O1831" s="236">
        <f t="shared" si="432"/>
        <v>3.5700816593666791</v>
      </c>
      <c r="P1831" s="236" t="str">
        <f t="shared" si="433"/>
        <v>CLAY</v>
      </c>
      <c r="Q1831" s="236">
        <f t="shared" si="429"/>
        <v>22.447930703988835</v>
      </c>
      <c r="R1831" s="238">
        <v>35</v>
      </c>
      <c r="S1831" s="236">
        <f t="shared" si="434"/>
        <v>0.80256818626958037</v>
      </c>
      <c r="T1831" s="236" t="e">
        <f t="shared" si="420"/>
        <v>#N/A</v>
      </c>
    </row>
    <row r="1832" spans="1:20" x14ac:dyDescent="0.2">
      <c r="A1832" s="53">
        <f t="shared" si="421"/>
        <v>1820</v>
      </c>
      <c r="B1832" s="239">
        <v>18.192</v>
      </c>
      <c r="C1832" s="3">
        <f t="shared" si="422"/>
        <v>18.184999999999999</v>
      </c>
      <c r="D1832" s="239">
        <v>0.45500000000000002</v>
      </c>
      <c r="E1832" s="239">
        <v>1.0800000000000001E-2</v>
      </c>
      <c r="F1832" s="239">
        <v>0.49590000000000001</v>
      </c>
      <c r="G1832">
        <f t="shared" si="423"/>
        <v>0.55418000000000001</v>
      </c>
      <c r="H1832" s="235">
        <f t="shared" si="424"/>
        <v>1.94882529142156</v>
      </c>
      <c r="I1832" s="236">
        <f t="shared" si="425"/>
        <v>15.803972957685538</v>
      </c>
      <c r="J1832" s="237">
        <f t="shared" si="430"/>
        <v>5.8039729576855379</v>
      </c>
      <c r="K1832" s="237">
        <f t="shared" si="426"/>
        <v>287.39524823551147</v>
      </c>
      <c r="L1832" s="237">
        <f t="shared" si="431"/>
        <v>105.5858760462153</v>
      </c>
      <c r="M1832" s="236">
        <f t="shared" si="427"/>
        <v>2.526708701528563</v>
      </c>
      <c r="N1832" s="236">
        <f t="shared" si="428"/>
        <v>4.0482073763848376</v>
      </c>
      <c r="O1832" s="236">
        <f t="shared" si="432"/>
        <v>3.5704491191978356</v>
      </c>
      <c r="P1832" s="236" t="str">
        <f t="shared" si="433"/>
        <v>CLAY</v>
      </c>
      <c r="Q1832" s="236">
        <f t="shared" si="429"/>
        <v>22.232062647040706</v>
      </c>
      <c r="R1832" s="238">
        <v>35</v>
      </c>
      <c r="S1832" s="236">
        <f t="shared" si="434"/>
        <v>0.79640500128269565</v>
      </c>
      <c r="T1832" s="236" t="e">
        <f t="shared" si="420"/>
        <v>#N/A</v>
      </c>
    </row>
    <row r="1833" spans="1:20" x14ac:dyDescent="0.2">
      <c r="A1833" s="53">
        <f t="shared" si="421"/>
        <v>1821</v>
      </c>
      <c r="B1833" s="239">
        <v>18.201000000000001</v>
      </c>
      <c r="C1833" s="3">
        <f t="shared" si="422"/>
        <v>18.193999999999999</v>
      </c>
      <c r="D1833" s="239">
        <v>0.4521</v>
      </c>
      <c r="E1833" s="239">
        <v>1.0800000000000001E-2</v>
      </c>
      <c r="F1833" s="239">
        <v>0.49590000000000001</v>
      </c>
      <c r="G1833">
        <f t="shared" si="423"/>
        <v>0.55127999999999999</v>
      </c>
      <c r="H1833" s="235">
        <f t="shared" si="424"/>
        <v>1.95907705703091</v>
      </c>
      <c r="I1833" s="236">
        <f t="shared" si="425"/>
        <v>15.80192220741322</v>
      </c>
      <c r="J1833" s="237">
        <f t="shared" si="430"/>
        <v>5.8019222074132202</v>
      </c>
      <c r="K1833" s="237">
        <f t="shared" si="426"/>
        <v>287.5001726416761</v>
      </c>
      <c r="L1833" s="237">
        <f t="shared" si="431"/>
        <v>105.60078609712802</v>
      </c>
      <c r="M1833" s="236">
        <f t="shared" si="427"/>
        <v>2.4978964372074666</v>
      </c>
      <c r="N1833" s="236">
        <f t="shared" si="428"/>
        <v>4.0943237047953112</v>
      </c>
      <c r="O1833" s="236">
        <f t="shared" si="432"/>
        <v>3.5772462058656234</v>
      </c>
      <c r="P1833" s="236" t="str">
        <f t="shared" si="433"/>
        <v>CLAY</v>
      </c>
      <c r="Q1833" s="236">
        <f t="shared" si="429"/>
        <v>21.981652279860324</v>
      </c>
      <c r="R1833" s="238">
        <v>35</v>
      </c>
      <c r="S1833" s="236">
        <f t="shared" si="434"/>
        <v>0.78506938982915941</v>
      </c>
      <c r="T1833" s="236" t="e">
        <f t="shared" si="420"/>
        <v>#N/A</v>
      </c>
    </row>
    <row r="1834" spans="1:20" x14ac:dyDescent="0.2">
      <c r="A1834" s="53">
        <f t="shared" si="421"/>
        <v>1822</v>
      </c>
      <c r="B1834" s="239">
        <v>18.212</v>
      </c>
      <c r="C1834" s="3">
        <f t="shared" si="422"/>
        <v>18.204999999999998</v>
      </c>
      <c r="D1834" s="239">
        <v>0.45229999999999998</v>
      </c>
      <c r="E1834" s="239">
        <v>1.0800000000000001E-2</v>
      </c>
      <c r="F1834" s="239">
        <v>0.4965</v>
      </c>
      <c r="G1834">
        <f t="shared" si="423"/>
        <v>0.55159999999999998</v>
      </c>
      <c r="H1834" s="235">
        <f t="shared" si="424"/>
        <v>1.9579405366207399</v>
      </c>
      <c r="I1834" s="236">
        <f t="shared" si="425"/>
        <v>15.802149025950683</v>
      </c>
      <c r="J1834" s="237">
        <f t="shared" si="430"/>
        <v>5.8021490259506834</v>
      </c>
      <c r="K1834" s="237">
        <f t="shared" si="426"/>
        <v>287.67812301743214</v>
      </c>
      <c r="L1834" s="237">
        <f t="shared" si="431"/>
        <v>105.66873806061385</v>
      </c>
      <c r="M1834" s="236">
        <f t="shared" si="427"/>
        <v>2.4976344170134466</v>
      </c>
      <c r="N1834" s="236">
        <f t="shared" si="428"/>
        <v>4.092120033199576</v>
      </c>
      <c r="O1834" s="236">
        <f t="shared" si="432"/>
        <v>3.5771655891826883</v>
      </c>
      <c r="P1834" s="236" t="str">
        <f t="shared" si="433"/>
        <v>CLAY</v>
      </c>
      <c r="Q1834" s="236">
        <f t="shared" si="429"/>
        <v>21.993489748547322</v>
      </c>
      <c r="R1834" s="238">
        <v>35</v>
      </c>
      <c r="S1834" s="236">
        <f t="shared" si="434"/>
        <v>0.78496645254685893</v>
      </c>
      <c r="T1834" s="236" t="e">
        <f t="shared" si="420"/>
        <v>#N/A</v>
      </c>
    </row>
    <row r="1835" spans="1:20" x14ac:dyDescent="0.2">
      <c r="A1835" s="53">
        <f t="shared" si="421"/>
        <v>1823</v>
      </c>
      <c r="B1835" s="239">
        <v>18.221</v>
      </c>
      <c r="C1835" s="3">
        <f t="shared" si="422"/>
        <v>18.213999999999999</v>
      </c>
      <c r="D1835" s="239">
        <v>0.45229999999999998</v>
      </c>
      <c r="E1835" s="239">
        <v>1.0699999999999999E-2</v>
      </c>
      <c r="F1835" s="239">
        <v>0.496</v>
      </c>
      <c r="G1835">
        <f t="shared" si="423"/>
        <v>0.55149999999999999</v>
      </c>
      <c r="H1835" s="235">
        <f t="shared" si="424"/>
        <v>1.9401631912964641</v>
      </c>
      <c r="I1835" s="236">
        <f t="shared" si="425"/>
        <v>15.791170219231141</v>
      </c>
      <c r="J1835" s="237">
        <f t="shared" si="430"/>
        <v>5.7911702192311409</v>
      </c>
      <c r="K1835" s="237">
        <f t="shared" si="426"/>
        <v>287.620374373076</v>
      </c>
      <c r="L1835" s="237">
        <f t="shared" si="431"/>
        <v>105.52091256461063</v>
      </c>
      <c r="M1835" s="236">
        <f t="shared" si="427"/>
        <v>2.50073297523228</v>
      </c>
      <c r="N1835" s="236">
        <f t="shared" si="428"/>
        <v>4.054879180072728</v>
      </c>
      <c r="O1835" s="236">
        <f t="shared" si="432"/>
        <v>3.5746711254983849</v>
      </c>
      <c r="P1835" s="236" t="str">
        <f t="shared" si="433"/>
        <v>CLAY</v>
      </c>
      <c r="Q1835" s="236">
        <f t="shared" si="429"/>
        <v>21.989968802243666</v>
      </c>
      <c r="R1835" s="238">
        <v>35</v>
      </c>
      <c r="S1835" s="236">
        <f t="shared" si="434"/>
        <v>0.78618392521924008</v>
      </c>
      <c r="T1835" s="236" t="e">
        <f t="shared" si="420"/>
        <v>#N/A</v>
      </c>
    </row>
    <row r="1836" spans="1:20" x14ac:dyDescent="0.2">
      <c r="A1836" s="53">
        <f t="shared" si="421"/>
        <v>1824</v>
      </c>
      <c r="B1836" s="239">
        <v>18.231000000000002</v>
      </c>
      <c r="C1836" s="3">
        <f t="shared" si="422"/>
        <v>18.224</v>
      </c>
      <c r="D1836" s="239">
        <v>0.44979999999999998</v>
      </c>
      <c r="E1836" s="239">
        <v>1.06E-2</v>
      </c>
      <c r="F1836" s="239">
        <v>0.49509999999999998</v>
      </c>
      <c r="G1836">
        <f t="shared" si="423"/>
        <v>0.54881999999999997</v>
      </c>
      <c r="H1836" s="235">
        <f t="shared" si="424"/>
        <v>1.9314164935680187</v>
      </c>
      <c r="I1836" s="236">
        <f t="shared" si="425"/>
        <v>15.778255827119184</v>
      </c>
      <c r="J1836" s="237">
        <f t="shared" si="430"/>
        <v>5.7782558271191835</v>
      </c>
      <c r="K1836" s="237">
        <f t="shared" si="426"/>
        <v>287.54293419342002</v>
      </c>
      <c r="L1836" s="237">
        <f t="shared" si="431"/>
        <v>105.34338198420984</v>
      </c>
      <c r="M1836" s="236">
        <f t="shared" si="427"/>
        <v>2.4802418612850623</v>
      </c>
      <c r="N1836" s="236">
        <f t="shared" si="428"/>
        <v>4.0569959584003614</v>
      </c>
      <c r="O1836" s="236">
        <f t="shared" si="432"/>
        <v>3.5778581469999904</v>
      </c>
      <c r="P1836" s="236" t="str">
        <f t="shared" si="433"/>
        <v>CLAY</v>
      </c>
      <c r="Q1836" s="236">
        <f t="shared" si="429"/>
        <v>21.773088817214994</v>
      </c>
      <c r="R1836" s="238">
        <v>35</v>
      </c>
      <c r="S1836" s="236">
        <f t="shared" si="434"/>
        <v>0.77813965874932345</v>
      </c>
      <c r="T1836" s="236" t="e">
        <f t="shared" si="420"/>
        <v>#N/A</v>
      </c>
    </row>
    <row r="1837" spans="1:20" x14ac:dyDescent="0.2">
      <c r="A1837" s="53">
        <f t="shared" si="421"/>
        <v>1825</v>
      </c>
      <c r="B1837" s="239">
        <v>18.242000000000001</v>
      </c>
      <c r="C1837" s="3">
        <f t="shared" si="422"/>
        <v>18.234999999999999</v>
      </c>
      <c r="D1837" s="239">
        <v>0.44500000000000001</v>
      </c>
      <c r="E1837" s="239">
        <v>1.06E-2</v>
      </c>
      <c r="F1837" s="239">
        <v>0.49330000000000002</v>
      </c>
      <c r="G1837">
        <f t="shared" si="423"/>
        <v>0.54366000000000003</v>
      </c>
      <c r="H1837" s="235">
        <f t="shared" si="424"/>
        <v>1.9497480042673729</v>
      </c>
      <c r="I1837" s="236">
        <f t="shared" si="425"/>
        <v>15.774563533307006</v>
      </c>
      <c r="J1837" s="237">
        <f t="shared" si="430"/>
        <v>5.7745635333070062</v>
      </c>
      <c r="K1837" s="237">
        <f t="shared" si="426"/>
        <v>287.64916602985323</v>
      </c>
      <c r="L1837" s="237">
        <f t="shared" si="431"/>
        <v>105.33958797458641</v>
      </c>
      <c r="M1837" s="236">
        <f t="shared" si="427"/>
        <v>2.4303382886964631</v>
      </c>
      <c r="N1837" s="236">
        <f t="shared" si="428"/>
        <v>4.1404497753544502</v>
      </c>
      <c r="O1837" s="236">
        <f t="shared" si="432"/>
        <v>3.5899659219184672</v>
      </c>
      <c r="P1837" s="236" t="str">
        <f t="shared" si="433"/>
        <v>CLAY</v>
      </c>
      <c r="Q1837" s="236">
        <f t="shared" si="429"/>
        <v>21.334236164178904</v>
      </c>
      <c r="R1837" s="238">
        <v>35</v>
      </c>
      <c r="S1837" s="236">
        <f t="shared" si="434"/>
        <v>0.75861848351840022</v>
      </c>
      <c r="T1837" s="236" t="e">
        <f t="shared" si="420"/>
        <v>#N/A</v>
      </c>
    </row>
    <row r="1838" spans="1:20" x14ac:dyDescent="0.2">
      <c r="A1838" s="53">
        <f t="shared" si="421"/>
        <v>1826</v>
      </c>
      <c r="B1838" s="239">
        <v>18.251000000000001</v>
      </c>
      <c r="C1838" s="3">
        <f t="shared" si="422"/>
        <v>18.244</v>
      </c>
      <c r="D1838" s="239">
        <v>0.44009999999999999</v>
      </c>
      <c r="E1838" s="239">
        <v>1.06E-2</v>
      </c>
      <c r="F1838" s="239">
        <v>0.49430000000000002</v>
      </c>
      <c r="G1838">
        <f t="shared" si="423"/>
        <v>0.53895999999999999</v>
      </c>
      <c r="H1838" s="235">
        <f t="shared" si="424"/>
        <v>1.9667507792786108</v>
      </c>
      <c r="I1838" s="236">
        <f t="shared" si="425"/>
        <v>15.771169771507525</v>
      </c>
      <c r="J1838" s="237">
        <f t="shared" si="430"/>
        <v>5.771169771507525</v>
      </c>
      <c r="K1838" s="237">
        <f t="shared" si="426"/>
        <v>287.7292213113833</v>
      </c>
      <c r="L1838" s="237">
        <f t="shared" si="431"/>
        <v>105.32961949978385</v>
      </c>
      <c r="M1838" s="236">
        <f t="shared" si="427"/>
        <v>2.3851864260188682</v>
      </c>
      <c r="N1838" s="236">
        <f t="shared" si="428"/>
        <v>4.2192282551247313</v>
      </c>
      <c r="O1838" s="236">
        <f t="shared" si="432"/>
        <v>3.6011530161808913</v>
      </c>
      <c r="P1838" s="236" t="str">
        <f t="shared" si="433"/>
        <v>CLAY</v>
      </c>
      <c r="Q1838" s="236">
        <f t="shared" si="429"/>
        <v>20.935898224051396</v>
      </c>
      <c r="R1838" s="238">
        <v>35</v>
      </c>
      <c r="S1838" s="236">
        <f t="shared" si="434"/>
        <v>0.74104216538162793</v>
      </c>
      <c r="T1838" s="236" t="e">
        <f t="shared" si="420"/>
        <v>#N/A</v>
      </c>
    </row>
    <row r="1839" spans="1:20" x14ac:dyDescent="0.2">
      <c r="A1839" s="53">
        <f t="shared" si="421"/>
        <v>1827</v>
      </c>
      <c r="B1839" s="239">
        <v>18.262</v>
      </c>
      <c r="C1839" s="3">
        <f t="shared" si="422"/>
        <v>18.254999999999999</v>
      </c>
      <c r="D1839" s="239">
        <v>0.43790000000000001</v>
      </c>
      <c r="E1839" s="239">
        <v>1.0699999999999999E-2</v>
      </c>
      <c r="F1839" s="239">
        <v>0.49840000000000001</v>
      </c>
      <c r="G1839">
        <f t="shared" si="423"/>
        <v>0.53757999999999995</v>
      </c>
      <c r="H1839" s="235">
        <f t="shared" si="424"/>
        <v>1.9904014286245768</v>
      </c>
      <c r="I1839" s="236">
        <f t="shared" si="425"/>
        <v>15.781178046793372</v>
      </c>
      <c r="J1839" s="237">
        <f t="shared" si="430"/>
        <v>5.7811780467933715</v>
      </c>
      <c r="K1839" s="237">
        <f t="shared" si="426"/>
        <v>288.08540524421301</v>
      </c>
      <c r="L1839" s="237">
        <f t="shared" si="431"/>
        <v>105.57587349054056</v>
      </c>
      <c r="M1839" s="236">
        <f t="shared" si="427"/>
        <v>2.3631781249542896</v>
      </c>
      <c r="N1839" s="236">
        <f t="shared" si="428"/>
        <v>4.2886700653669445</v>
      </c>
      <c r="O1839" s="236">
        <f t="shared" si="432"/>
        <v>3.6082451879091257</v>
      </c>
      <c r="P1839" s="236" t="str">
        <f t="shared" si="433"/>
        <v>CLAY</v>
      </c>
      <c r="Q1839" s="236">
        <f t="shared" si="429"/>
        <v>20.79121622964891</v>
      </c>
      <c r="R1839" s="238">
        <v>35</v>
      </c>
      <c r="S1839" s="236">
        <f t="shared" si="434"/>
        <v>0.73250497899616041</v>
      </c>
      <c r="T1839" s="236" t="e">
        <f t="shared" si="420"/>
        <v>#N/A</v>
      </c>
    </row>
    <row r="1840" spans="1:20" x14ac:dyDescent="0.2">
      <c r="A1840" s="53">
        <f t="shared" si="421"/>
        <v>1828</v>
      </c>
      <c r="B1840" s="239">
        <v>18.271000000000001</v>
      </c>
      <c r="C1840" s="3">
        <f t="shared" si="422"/>
        <v>18.263999999999999</v>
      </c>
      <c r="D1840" s="239">
        <v>0.43709999999999999</v>
      </c>
      <c r="E1840" s="239">
        <v>1.06E-2</v>
      </c>
      <c r="F1840" s="239">
        <v>0.50080000000000002</v>
      </c>
      <c r="G1840">
        <f t="shared" si="423"/>
        <v>0.53725999999999996</v>
      </c>
      <c r="H1840" s="235">
        <f t="shared" si="424"/>
        <v>1.9729739790790308</v>
      </c>
      <c r="I1840" s="236">
        <f t="shared" si="425"/>
        <v>15.769934947568252</v>
      </c>
      <c r="J1840" s="237">
        <f t="shared" si="430"/>
        <v>5.7699349475682524</v>
      </c>
      <c r="K1840" s="237">
        <f t="shared" si="426"/>
        <v>288.02209188238658</v>
      </c>
      <c r="L1840" s="237">
        <f t="shared" si="431"/>
        <v>105.42248142701955</v>
      </c>
      <c r="M1840" s="236">
        <f t="shared" si="427"/>
        <v>2.3641817641159628</v>
      </c>
      <c r="N1840" s="236">
        <f t="shared" si="428"/>
        <v>4.2529645991884761</v>
      </c>
      <c r="O1840" s="236">
        <f t="shared" si="432"/>
        <v>3.6062242650095846</v>
      </c>
      <c r="P1840" s="236" t="str">
        <f t="shared" si="433"/>
        <v>CLAY</v>
      </c>
      <c r="Q1840" s="236">
        <f t="shared" si="429"/>
        <v>20.769825676467786</v>
      </c>
      <c r="R1840" s="238">
        <v>35</v>
      </c>
      <c r="S1840" s="236">
        <f t="shared" si="434"/>
        <v>0.73289386721590977</v>
      </c>
      <c r="T1840" s="236" t="e">
        <f t="shared" si="420"/>
        <v>#N/A</v>
      </c>
    </row>
    <row r="1841" spans="1:20" x14ac:dyDescent="0.2">
      <c r="A1841" s="53">
        <f t="shared" si="421"/>
        <v>1829</v>
      </c>
      <c r="B1841" s="239">
        <v>18.282</v>
      </c>
      <c r="C1841" s="3">
        <f t="shared" si="422"/>
        <v>18.274999999999999</v>
      </c>
      <c r="D1841" s="239">
        <v>0.438</v>
      </c>
      <c r="E1841" s="239">
        <v>1.06E-2</v>
      </c>
      <c r="F1841" s="239">
        <v>0.50119999999999998</v>
      </c>
      <c r="G1841">
        <f t="shared" si="423"/>
        <v>0.53823999999999994</v>
      </c>
      <c r="H1841" s="235">
        <f t="shared" si="424"/>
        <v>1.9693816884661122</v>
      </c>
      <c r="I1841" s="236">
        <f t="shared" si="425"/>
        <v>15.770647263400985</v>
      </c>
      <c r="J1841" s="237">
        <f t="shared" si="430"/>
        <v>5.7706472634009849</v>
      </c>
      <c r="K1841" s="237">
        <f t="shared" si="426"/>
        <v>288.20857873865299</v>
      </c>
      <c r="L1841" s="237">
        <f t="shared" si="431"/>
        <v>105.4989732694968</v>
      </c>
      <c r="M1841" s="236">
        <f t="shared" si="427"/>
        <v>2.3699891431421083</v>
      </c>
      <c r="N1841" s="236">
        <f t="shared" si="428"/>
        <v>4.2394671623772773</v>
      </c>
      <c r="O1841" s="236">
        <f t="shared" si="432"/>
        <v>3.604601790321539</v>
      </c>
      <c r="P1841" s="236" t="str">
        <f t="shared" si="433"/>
        <v>CLAY</v>
      </c>
      <c r="Q1841" s="236">
        <f t="shared" si="429"/>
        <v>20.835951771778909</v>
      </c>
      <c r="R1841" s="238">
        <v>35</v>
      </c>
      <c r="S1841" s="236">
        <f t="shared" si="434"/>
        <v>0.73514490952172851</v>
      </c>
      <c r="T1841" s="236" t="e">
        <f t="shared" si="420"/>
        <v>#N/A</v>
      </c>
    </row>
    <row r="1842" spans="1:20" x14ac:dyDescent="0.2">
      <c r="A1842" s="53">
        <f t="shared" si="421"/>
        <v>1830</v>
      </c>
      <c r="B1842" s="239">
        <v>18.292000000000002</v>
      </c>
      <c r="C1842" s="3">
        <f t="shared" si="422"/>
        <v>18.285</v>
      </c>
      <c r="D1842" s="239">
        <v>0.43609999999999999</v>
      </c>
      <c r="E1842" s="239">
        <v>1.0500000000000001E-2</v>
      </c>
      <c r="F1842" s="239">
        <v>0.49980000000000002</v>
      </c>
      <c r="G1842">
        <f t="shared" si="423"/>
        <v>0.53605999999999998</v>
      </c>
      <c r="H1842" s="235">
        <f t="shared" si="424"/>
        <v>1.9587359623922698</v>
      </c>
      <c r="I1842" s="236">
        <f t="shared" si="425"/>
        <v>15.757946223694653</v>
      </c>
      <c r="J1842" s="237">
        <f t="shared" si="430"/>
        <v>5.7579462236946526</v>
      </c>
      <c r="K1842" s="237">
        <f t="shared" si="426"/>
        <v>288.1340467002567</v>
      </c>
      <c r="L1842" s="237">
        <f t="shared" si="431"/>
        <v>105.32435232382259</v>
      </c>
      <c r="M1842" s="236">
        <f t="shared" si="427"/>
        <v>2.353928107124629</v>
      </c>
      <c r="N1842" s="236">
        <f t="shared" si="428"/>
        <v>4.2351354750284926</v>
      </c>
      <c r="O1842" s="236">
        <f t="shared" si="432"/>
        <v>3.6069106253720955</v>
      </c>
      <c r="P1842" s="236" t="str">
        <f t="shared" si="433"/>
        <v>CLAY</v>
      </c>
      <c r="Q1842" s="236">
        <f t="shared" si="429"/>
        <v>20.660496108311936</v>
      </c>
      <c r="R1842" s="238">
        <v>35</v>
      </c>
      <c r="S1842" s="236">
        <f t="shared" si="434"/>
        <v>0.72892274497075249</v>
      </c>
      <c r="T1842" s="236" t="e">
        <f t="shared" si="420"/>
        <v>#N/A</v>
      </c>
    </row>
    <row r="1843" spans="1:20" x14ac:dyDescent="0.2">
      <c r="A1843" s="53">
        <f t="shared" si="421"/>
        <v>1831</v>
      </c>
      <c r="B1843" s="239">
        <v>18.302</v>
      </c>
      <c r="C1843" s="3">
        <f t="shared" si="422"/>
        <v>18.294999999999998</v>
      </c>
      <c r="D1843" s="239">
        <v>0.4365</v>
      </c>
      <c r="E1843" s="239">
        <v>1.03E-2</v>
      </c>
      <c r="F1843" s="239">
        <v>0.49790000000000001</v>
      </c>
      <c r="G1843">
        <f t="shared" si="423"/>
        <v>0.53608</v>
      </c>
      <c r="H1843" s="235">
        <f t="shared" si="424"/>
        <v>1.9213550216385613</v>
      </c>
      <c r="I1843" s="236">
        <f t="shared" si="425"/>
        <v>15.735410205521525</v>
      </c>
      <c r="J1843" s="237">
        <f t="shared" si="430"/>
        <v>5.735410205521525</v>
      </c>
      <c r="K1843" s="237">
        <f t="shared" si="426"/>
        <v>287.87932971001629</v>
      </c>
      <c r="L1843" s="237">
        <f t="shared" si="431"/>
        <v>104.96947758145495</v>
      </c>
      <c r="M1843" s="236">
        <f t="shared" si="427"/>
        <v>2.3645032442633931</v>
      </c>
      <c r="N1843" s="236">
        <f t="shared" si="428"/>
        <v>4.1498679225829882</v>
      </c>
      <c r="O1843" s="236">
        <f t="shared" si="432"/>
        <v>3.6007216656704979</v>
      </c>
      <c r="P1843" s="236" t="str">
        <f t="shared" si="433"/>
        <v>CLAY</v>
      </c>
      <c r="Q1843" s="236">
        <f t="shared" si="429"/>
        <v>20.683389190831978</v>
      </c>
      <c r="R1843" s="238">
        <v>35</v>
      </c>
      <c r="S1843" s="236">
        <f t="shared" si="434"/>
        <v>0.73301844246891179</v>
      </c>
      <c r="T1843" s="236" t="e">
        <f t="shared" si="420"/>
        <v>#N/A</v>
      </c>
    </row>
    <row r="1844" spans="1:20" x14ac:dyDescent="0.2">
      <c r="A1844" s="53">
        <f t="shared" si="421"/>
        <v>1832</v>
      </c>
      <c r="B1844" s="239">
        <v>18.312000000000001</v>
      </c>
      <c r="C1844" s="3">
        <f t="shared" si="422"/>
        <v>18.305</v>
      </c>
      <c r="D1844" s="239">
        <v>0.43580000000000002</v>
      </c>
      <c r="E1844" s="239">
        <v>1.04E-2</v>
      </c>
      <c r="F1844" s="239">
        <v>0.49880000000000002</v>
      </c>
      <c r="G1844">
        <f t="shared" si="423"/>
        <v>0.53556000000000004</v>
      </c>
      <c r="H1844" s="235">
        <f t="shared" si="424"/>
        <v>1.9418925984016728</v>
      </c>
      <c r="I1844" s="236">
        <f t="shared" si="425"/>
        <v>15.746360390088531</v>
      </c>
      <c r="J1844" s="237">
        <f t="shared" si="430"/>
        <v>5.7463603900885314</v>
      </c>
      <c r="K1844" s="237">
        <f t="shared" si="426"/>
        <v>288.23712694057059</v>
      </c>
      <c r="L1844" s="237">
        <f t="shared" si="431"/>
        <v>105.22735146330119</v>
      </c>
      <c r="M1844" s="236">
        <f t="shared" si="427"/>
        <v>2.3503667974165929</v>
      </c>
      <c r="N1844" s="236">
        <f t="shared" si="428"/>
        <v>4.205029592026845</v>
      </c>
      <c r="O1844" s="236">
        <f t="shared" si="432"/>
        <v>3.60589026925686</v>
      </c>
      <c r="P1844" s="236" t="str">
        <f t="shared" si="433"/>
        <v>CLAY</v>
      </c>
      <c r="Q1844" s="236">
        <f t="shared" si="429"/>
        <v>20.610239421619124</v>
      </c>
      <c r="R1844" s="238">
        <v>35</v>
      </c>
      <c r="S1844" s="236">
        <f t="shared" si="434"/>
        <v>0.72754450165992002</v>
      </c>
      <c r="T1844" s="236" t="e">
        <f t="shared" si="420"/>
        <v>#N/A</v>
      </c>
    </row>
    <row r="1845" spans="1:20" x14ac:dyDescent="0.2">
      <c r="A1845" s="53">
        <f t="shared" si="421"/>
        <v>1833</v>
      </c>
      <c r="B1845" s="239">
        <v>18.323</v>
      </c>
      <c r="C1845" s="3">
        <f t="shared" si="422"/>
        <v>18.315999999999999</v>
      </c>
      <c r="D1845" s="239">
        <v>0.43930000000000002</v>
      </c>
      <c r="E1845" s="239">
        <v>1.0200000000000001E-2</v>
      </c>
      <c r="F1845" s="239">
        <v>0.495</v>
      </c>
      <c r="G1845">
        <f t="shared" si="423"/>
        <v>0.5383</v>
      </c>
      <c r="H1845" s="235">
        <f t="shared" si="424"/>
        <v>1.8948541705368755</v>
      </c>
      <c r="I1845" s="236">
        <f t="shared" si="425"/>
        <v>15.725585459973782</v>
      </c>
      <c r="J1845" s="237">
        <f t="shared" si="430"/>
        <v>5.7255854599737823</v>
      </c>
      <c r="K1845" s="237">
        <f t="shared" si="426"/>
        <v>288.0298232848798</v>
      </c>
      <c r="L1845" s="237">
        <f t="shared" si="431"/>
        <v>104.90990238309962</v>
      </c>
      <c r="M1845" s="236">
        <f t="shared" si="427"/>
        <v>2.3855724867725856</v>
      </c>
      <c r="N1845" s="236">
        <f t="shared" si="428"/>
        <v>4.0755954760085338</v>
      </c>
      <c r="O1845" s="236">
        <f t="shared" si="432"/>
        <v>3.5934082398866449</v>
      </c>
      <c r="P1845" s="236" t="str">
        <f t="shared" si="433"/>
        <v>CLAY</v>
      </c>
      <c r="Q1845" s="236">
        <f t="shared" si="429"/>
        <v>20.855848059593345</v>
      </c>
      <c r="R1845" s="238">
        <v>35</v>
      </c>
      <c r="S1845" s="236">
        <f t="shared" si="434"/>
        <v>0.74119209762682225</v>
      </c>
      <c r="T1845" s="236" t="e">
        <f t="shared" si="420"/>
        <v>#N/A</v>
      </c>
    </row>
    <row r="1846" spans="1:20" x14ac:dyDescent="0.2">
      <c r="A1846" s="53">
        <f t="shared" si="421"/>
        <v>1834</v>
      </c>
      <c r="B1846" s="239">
        <v>18.335999999999999</v>
      </c>
      <c r="C1846" s="3">
        <f t="shared" si="422"/>
        <v>18.328999999999997</v>
      </c>
      <c r="D1846" s="239">
        <v>0.43959999999999999</v>
      </c>
      <c r="E1846" s="239">
        <v>0.01</v>
      </c>
      <c r="F1846" s="239">
        <v>0.49030000000000001</v>
      </c>
      <c r="G1846">
        <f t="shared" si="423"/>
        <v>0.53766000000000003</v>
      </c>
      <c r="H1846" s="235">
        <f t="shared" si="424"/>
        <v>1.8599114682141129</v>
      </c>
      <c r="I1846" s="236">
        <f t="shared" si="425"/>
        <v>15.701900009319179</v>
      </c>
      <c r="J1846" s="237">
        <f t="shared" si="430"/>
        <v>5.7019000093191785</v>
      </c>
      <c r="K1846" s="237">
        <f t="shared" si="426"/>
        <v>287.80012527081118</v>
      </c>
      <c r="L1846" s="237">
        <f t="shared" si="431"/>
        <v>104.55003857087645</v>
      </c>
      <c r="M1846" s="236">
        <f t="shared" si="427"/>
        <v>2.3898592305138573</v>
      </c>
      <c r="N1846" s="236">
        <f t="shared" si="428"/>
        <v>4.0022432616835815</v>
      </c>
      <c r="O1846" s="236">
        <f t="shared" si="432"/>
        <v>3.5887256358450594</v>
      </c>
      <c r="P1846" s="236" t="str">
        <f t="shared" si="433"/>
        <v>CLAY</v>
      </c>
      <c r="Q1846" s="236">
        <f t="shared" si="429"/>
        <v>20.82165622743241</v>
      </c>
      <c r="R1846" s="238">
        <v>35</v>
      </c>
      <c r="S1846" s="236">
        <f t="shared" si="434"/>
        <v>0.74285732366917778</v>
      </c>
      <c r="T1846" s="236" t="e">
        <f t="shared" si="420"/>
        <v>#N/A</v>
      </c>
    </row>
    <row r="1847" spans="1:20" x14ac:dyDescent="0.2">
      <c r="A1847" s="53">
        <f t="shared" si="421"/>
        <v>1835</v>
      </c>
      <c r="B1847" s="239">
        <v>18.346</v>
      </c>
      <c r="C1847" s="3">
        <f t="shared" si="422"/>
        <v>18.338999999999999</v>
      </c>
      <c r="D1847" s="239">
        <v>0.43869999999999998</v>
      </c>
      <c r="E1847" s="239">
        <v>9.9000000000000008E-3</v>
      </c>
      <c r="F1847" s="239">
        <v>0.48799999999999999</v>
      </c>
      <c r="G1847">
        <f t="shared" si="423"/>
        <v>0.5363</v>
      </c>
      <c r="H1847" s="235">
        <f t="shared" si="424"/>
        <v>1.8459817266455343</v>
      </c>
      <c r="I1847" s="236">
        <f t="shared" si="425"/>
        <v>15.689125097062632</v>
      </c>
      <c r="J1847" s="237">
        <f t="shared" si="430"/>
        <v>5.6891250970626324</v>
      </c>
      <c r="K1847" s="237">
        <f t="shared" si="426"/>
        <v>287.72286515503157</v>
      </c>
      <c r="L1847" s="237">
        <f t="shared" si="431"/>
        <v>104.37268903071106</v>
      </c>
      <c r="M1847" s="236">
        <f t="shared" si="427"/>
        <v>2.3816300715585283</v>
      </c>
      <c r="N1847" s="236">
        <f t="shared" si="428"/>
        <v>3.9826671934948452</v>
      </c>
      <c r="O1847" s="236">
        <f t="shared" si="432"/>
        <v>3.5889357773987531</v>
      </c>
      <c r="P1847" s="236" t="str">
        <f t="shared" si="433"/>
        <v>CLAY</v>
      </c>
      <c r="Q1847" s="236">
        <f t="shared" si="429"/>
        <v>20.714761237080697</v>
      </c>
      <c r="R1847" s="238">
        <v>35</v>
      </c>
      <c r="S1847" s="236">
        <f t="shared" si="434"/>
        <v>0.73966128943719889</v>
      </c>
      <c r="T1847" s="236" t="e">
        <f t="shared" si="420"/>
        <v>#N/A</v>
      </c>
    </row>
    <row r="1848" spans="1:20" x14ac:dyDescent="0.2">
      <c r="A1848" s="53">
        <f t="shared" si="421"/>
        <v>1836</v>
      </c>
      <c r="B1848" s="239">
        <v>18.358000000000001</v>
      </c>
      <c r="C1848" s="3">
        <f t="shared" si="422"/>
        <v>18.350999999999999</v>
      </c>
      <c r="D1848" s="239">
        <v>0.43619999999999998</v>
      </c>
      <c r="E1848" s="239">
        <v>9.9000000000000008E-3</v>
      </c>
      <c r="F1848" s="239">
        <v>0.49059999999999998</v>
      </c>
      <c r="G1848">
        <f t="shared" si="423"/>
        <v>0.53431999999999991</v>
      </c>
      <c r="H1848" s="235">
        <f t="shared" si="424"/>
        <v>1.8528222787842497</v>
      </c>
      <c r="I1848" s="236">
        <f t="shared" si="425"/>
        <v>15.687679367206881</v>
      </c>
      <c r="J1848" s="237">
        <f t="shared" si="430"/>
        <v>5.6876793672068811</v>
      </c>
      <c r="K1848" s="237">
        <f t="shared" si="426"/>
        <v>287.88460406761345</v>
      </c>
      <c r="L1848" s="237">
        <f t="shared" si="431"/>
        <v>104.41441782318392</v>
      </c>
      <c r="M1848" s="236">
        <f t="shared" si="427"/>
        <v>2.3601663550880669</v>
      </c>
      <c r="N1848" s="236">
        <f t="shared" si="428"/>
        <v>4.0172800512456517</v>
      </c>
      <c r="O1848" s="236">
        <f t="shared" si="432"/>
        <v>3.5942304852072633</v>
      </c>
      <c r="P1848" s="236" t="str">
        <f t="shared" si="433"/>
        <v>CLAY</v>
      </c>
      <c r="Q1848" s="236">
        <f t="shared" si="429"/>
        <v>20.536282994365539</v>
      </c>
      <c r="R1848" s="238">
        <v>35</v>
      </c>
      <c r="S1848" s="236">
        <f t="shared" si="434"/>
        <v>0.73133823196072623</v>
      </c>
      <c r="T1848" s="236" t="e">
        <f t="shared" si="420"/>
        <v>#N/A</v>
      </c>
    </row>
    <row r="1849" spans="1:20" x14ac:dyDescent="0.2">
      <c r="A1849" s="53">
        <f t="shared" si="421"/>
        <v>1837</v>
      </c>
      <c r="B1849" s="239">
        <v>18.37</v>
      </c>
      <c r="C1849" s="3">
        <f t="shared" si="422"/>
        <v>18.363</v>
      </c>
      <c r="D1849" s="239">
        <v>0.43469999999999998</v>
      </c>
      <c r="E1849" s="239">
        <v>9.9000000000000008E-3</v>
      </c>
      <c r="F1849" s="239">
        <v>0.49020000000000002</v>
      </c>
      <c r="G1849">
        <f t="shared" si="423"/>
        <v>0.53273999999999999</v>
      </c>
      <c r="H1849" s="235">
        <f t="shared" si="424"/>
        <v>1.8583173780831175</v>
      </c>
      <c r="I1849" s="236">
        <f t="shared" si="425"/>
        <v>15.686521855530682</v>
      </c>
      <c r="J1849" s="237">
        <f t="shared" si="430"/>
        <v>5.6865218555306818</v>
      </c>
      <c r="K1849" s="237">
        <f t="shared" si="426"/>
        <v>288.05160083310989</v>
      </c>
      <c r="L1849" s="237">
        <f t="shared" si="431"/>
        <v>104.46140648609862</v>
      </c>
      <c r="M1849" s="236">
        <f t="shared" si="427"/>
        <v>2.3423808600495191</v>
      </c>
      <c r="N1849" s="236">
        <f t="shared" si="428"/>
        <v>4.0459621435700717</v>
      </c>
      <c r="O1849" s="236">
        <f t="shared" si="432"/>
        <v>3.5986292200185339</v>
      </c>
      <c r="P1849" s="236" t="str">
        <f t="shared" si="433"/>
        <v>CLAY</v>
      </c>
      <c r="Q1849" s="236">
        <f t="shared" si="429"/>
        <v>20.390699930574176</v>
      </c>
      <c r="R1849" s="238">
        <v>35</v>
      </c>
      <c r="S1849" s="236">
        <f t="shared" si="434"/>
        <v>0.72445580553234967</v>
      </c>
      <c r="T1849" s="236" t="e">
        <f t="shared" si="420"/>
        <v>#N/A</v>
      </c>
    </row>
    <row r="1850" spans="1:20" x14ac:dyDescent="0.2">
      <c r="A1850" s="53">
        <f t="shared" si="421"/>
        <v>1838</v>
      </c>
      <c r="B1850" s="239">
        <v>18.38</v>
      </c>
      <c r="C1850" s="3">
        <f t="shared" si="422"/>
        <v>18.372999999999998</v>
      </c>
      <c r="D1850" s="239">
        <v>0.43380000000000002</v>
      </c>
      <c r="E1850" s="239">
        <v>9.7999999999999997E-3</v>
      </c>
      <c r="F1850" s="239">
        <v>0.4879</v>
      </c>
      <c r="G1850">
        <f t="shared" si="423"/>
        <v>0.53137999999999996</v>
      </c>
      <c r="H1850" s="235">
        <f t="shared" si="424"/>
        <v>1.8442545824080696</v>
      </c>
      <c r="I1850" s="236">
        <f t="shared" si="425"/>
        <v>15.673618142776927</v>
      </c>
      <c r="J1850" s="237">
        <f t="shared" si="430"/>
        <v>5.6736181427769274</v>
      </c>
      <c r="K1850" s="237">
        <f t="shared" si="426"/>
        <v>287.97138613724047</v>
      </c>
      <c r="L1850" s="237">
        <f t="shared" si="431"/>
        <v>104.28110146423992</v>
      </c>
      <c r="M1850" s="236">
        <f t="shared" si="427"/>
        <v>2.3341584471681975</v>
      </c>
      <c r="N1850" s="236">
        <f t="shared" si="428"/>
        <v>4.0261516815199929</v>
      </c>
      <c r="O1850" s="236">
        <f t="shared" si="432"/>
        <v>3.5988636295268495</v>
      </c>
      <c r="P1850" s="236" t="str">
        <f t="shared" si="433"/>
        <v>CLAY</v>
      </c>
      <c r="Q1850" s="236">
        <f t="shared" si="429"/>
        <v>20.28405115522996</v>
      </c>
      <c r="R1850" s="238">
        <v>35</v>
      </c>
      <c r="S1850" s="236">
        <f t="shared" si="434"/>
        <v>0.72127839808755356</v>
      </c>
      <c r="T1850" s="236" t="e">
        <f t="shared" si="420"/>
        <v>#N/A</v>
      </c>
    </row>
    <row r="1851" spans="1:20" x14ac:dyDescent="0.2">
      <c r="A1851" s="53">
        <f t="shared" si="421"/>
        <v>1839</v>
      </c>
      <c r="B1851" s="239">
        <v>18.39</v>
      </c>
      <c r="C1851" s="3">
        <f t="shared" si="422"/>
        <v>18.382999999999999</v>
      </c>
      <c r="D1851" s="239">
        <v>0.434</v>
      </c>
      <c r="E1851" s="239">
        <v>9.7000000000000003E-3</v>
      </c>
      <c r="F1851" s="239">
        <v>0.48899999999999999</v>
      </c>
      <c r="G1851">
        <f t="shared" si="423"/>
        <v>0.53179999999999994</v>
      </c>
      <c r="H1851" s="235">
        <f t="shared" si="424"/>
        <v>1.8239939827002636</v>
      </c>
      <c r="I1851" s="236">
        <f t="shared" si="425"/>
        <v>15.661900236597342</v>
      </c>
      <c r="J1851" s="237">
        <f t="shared" si="430"/>
        <v>5.6619002365973419</v>
      </c>
      <c r="K1851" s="237">
        <f t="shared" si="426"/>
        <v>287.91271204936891</v>
      </c>
      <c r="L1851" s="237">
        <f t="shared" si="431"/>
        <v>104.12234535102512</v>
      </c>
      <c r="M1851" s="236">
        <f t="shared" si="427"/>
        <v>2.3423145831801984</v>
      </c>
      <c r="N1851" s="236">
        <f t="shared" si="428"/>
        <v>3.9772470642108768</v>
      </c>
      <c r="O1851" s="236">
        <f t="shared" si="432"/>
        <v>3.5948686313015701</v>
      </c>
      <c r="P1851" s="236" t="str">
        <f t="shared" si="433"/>
        <v>CLAY</v>
      </c>
      <c r="Q1851" s="236">
        <f t="shared" si="429"/>
        <v>20.323940662552587</v>
      </c>
      <c r="R1851" s="238">
        <v>35</v>
      </c>
      <c r="S1851" s="236">
        <f t="shared" si="434"/>
        <v>0.72443018283486793</v>
      </c>
      <c r="T1851" s="236" t="e">
        <f t="shared" si="420"/>
        <v>#N/A</v>
      </c>
    </row>
    <row r="1852" spans="1:20" x14ac:dyDescent="0.2">
      <c r="A1852" s="53">
        <f t="shared" si="421"/>
        <v>1840</v>
      </c>
      <c r="B1852" s="239">
        <v>18.399999999999999</v>
      </c>
      <c r="C1852" s="3">
        <f t="shared" si="422"/>
        <v>18.392999999999997</v>
      </c>
      <c r="D1852" s="239">
        <v>0.43480000000000002</v>
      </c>
      <c r="E1852" s="239">
        <v>9.7999999999999997E-3</v>
      </c>
      <c r="F1852" s="239">
        <v>0.4894</v>
      </c>
      <c r="G1852">
        <f t="shared" si="423"/>
        <v>0.53268000000000004</v>
      </c>
      <c r="H1852" s="235">
        <f t="shared" si="424"/>
        <v>1.839753698280393</v>
      </c>
      <c r="I1852" s="236">
        <f t="shared" si="425"/>
        <v>15.674573210717915</v>
      </c>
      <c r="J1852" s="237">
        <f t="shared" si="430"/>
        <v>5.6745732107179148</v>
      </c>
      <c r="K1852" s="237">
        <f t="shared" si="426"/>
        <v>288.30242506473456</v>
      </c>
      <c r="L1852" s="237">
        <f t="shared" si="431"/>
        <v>104.41214707720962</v>
      </c>
      <c r="M1852" s="236">
        <f t="shared" si="427"/>
        <v>2.3405090478079691</v>
      </c>
      <c r="N1852" s="236">
        <f t="shared" si="428"/>
        <v>4.0101879244018086</v>
      </c>
      <c r="O1852" s="236">
        <f t="shared" si="432"/>
        <v>3.5969717928913605</v>
      </c>
      <c r="P1852" s="236" t="str">
        <f t="shared" si="433"/>
        <v>CLAY</v>
      </c>
      <c r="Q1852" s="236">
        <f t="shared" si="429"/>
        <v>20.364797911272124</v>
      </c>
      <c r="R1852" s="238">
        <v>35</v>
      </c>
      <c r="S1852" s="236">
        <f t="shared" si="434"/>
        <v>0.72373223096970685</v>
      </c>
      <c r="T1852" s="236" t="e">
        <f t="shared" si="420"/>
        <v>#N/A</v>
      </c>
    </row>
    <row r="1853" spans="1:20" x14ac:dyDescent="0.2">
      <c r="A1853" s="53">
        <f t="shared" si="421"/>
        <v>1841</v>
      </c>
      <c r="B1853" s="239">
        <v>18.41</v>
      </c>
      <c r="C1853" s="3">
        <f t="shared" si="422"/>
        <v>18.402999999999999</v>
      </c>
      <c r="D1853" s="239">
        <v>0.44190000000000002</v>
      </c>
      <c r="E1853" s="239">
        <v>9.5999999999999992E-3</v>
      </c>
      <c r="F1853" s="239">
        <v>0.48830000000000001</v>
      </c>
      <c r="G1853">
        <f t="shared" si="423"/>
        <v>0.53956000000000004</v>
      </c>
      <c r="H1853" s="235">
        <f t="shared" si="424"/>
        <v>1.7792275187189559</v>
      </c>
      <c r="I1853" s="236">
        <f t="shared" si="425"/>
        <v>15.655411154987227</v>
      </c>
      <c r="J1853" s="237">
        <f t="shared" si="430"/>
        <v>5.6554111549872275</v>
      </c>
      <c r="K1853" s="237">
        <f t="shared" si="426"/>
        <v>288.10653148522994</v>
      </c>
      <c r="L1853" s="237">
        <f t="shared" si="431"/>
        <v>104.11611936331485</v>
      </c>
      <c r="M1853" s="236">
        <f t="shared" si="427"/>
        <v>2.4151252471994202</v>
      </c>
      <c r="N1853" s="236">
        <f t="shared" si="428"/>
        <v>3.8178037697006775</v>
      </c>
      <c r="O1853" s="236">
        <f t="shared" si="432"/>
        <v>3.5744193672947553</v>
      </c>
      <c r="P1853" s="236" t="str">
        <f t="shared" si="433"/>
        <v>CLAY</v>
      </c>
      <c r="Q1853" s="236">
        <f t="shared" si="429"/>
        <v>20.954455709564176</v>
      </c>
      <c r="R1853" s="238">
        <v>35</v>
      </c>
      <c r="S1853" s="236">
        <f t="shared" si="434"/>
        <v>0.75268728757971948</v>
      </c>
      <c r="T1853" s="236" t="e">
        <f t="shared" si="420"/>
        <v>#N/A</v>
      </c>
    </row>
    <row r="1854" spans="1:20" x14ac:dyDescent="0.2">
      <c r="A1854" s="53">
        <f t="shared" si="421"/>
        <v>1842</v>
      </c>
      <c r="B1854" s="239">
        <v>18.419</v>
      </c>
      <c r="C1854" s="3">
        <f t="shared" si="422"/>
        <v>18.411999999999999</v>
      </c>
      <c r="D1854" s="239">
        <v>0.44290000000000002</v>
      </c>
      <c r="E1854" s="239">
        <v>9.5999999999999992E-3</v>
      </c>
      <c r="F1854" s="239">
        <v>0.48680000000000001</v>
      </c>
      <c r="G1854">
        <f t="shared" si="423"/>
        <v>0.54025999999999996</v>
      </c>
      <c r="H1854" s="235">
        <f t="shared" si="424"/>
        <v>1.7769222226335468</v>
      </c>
      <c r="I1854" s="236">
        <f t="shared" si="425"/>
        <v>15.655917916413992</v>
      </c>
      <c r="J1854" s="237">
        <f t="shared" si="430"/>
        <v>5.6559179164139923</v>
      </c>
      <c r="K1854" s="237">
        <f t="shared" si="426"/>
        <v>288.25676067701443</v>
      </c>
      <c r="L1854" s="237">
        <f t="shared" si="431"/>
        <v>104.17635210242933</v>
      </c>
      <c r="M1854" s="236">
        <f t="shared" si="427"/>
        <v>2.4190061778627876</v>
      </c>
      <c r="N1854" s="236">
        <f t="shared" si="428"/>
        <v>3.8094748407959731</v>
      </c>
      <c r="O1854" s="236">
        <f t="shared" si="432"/>
        <v>3.5733390337176325</v>
      </c>
      <c r="P1854" s="236" t="str">
        <f t="shared" si="433"/>
        <v>CLAY</v>
      </c>
      <c r="Q1854" s="236">
        <f t="shared" si="429"/>
        <v>21.000269943582129</v>
      </c>
      <c r="R1854" s="238">
        <v>35</v>
      </c>
      <c r="S1854" s="236">
        <f t="shared" si="434"/>
        <v>0.75419948332246678</v>
      </c>
      <c r="T1854" s="236" t="e">
        <f t="shared" si="420"/>
        <v>#N/A</v>
      </c>
    </row>
    <row r="1855" spans="1:20" x14ac:dyDescent="0.2">
      <c r="A1855" s="53">
        <f t="shared" si="421"/>
        <v>1843</v>
      </c>
      <c r="B1855" s="239">
        <v>18.428999999999998</v>
      </c>
      <c r="C1855" s="3">
        <f t="shared" si="422"/>
        <v>18.421999999999997</v>
      </c>
      <c r="D1855" s="239">
        <v>0.44319999999999998</v>
      </c>
      <c r="E1855" s="239">
        <v>9.4999999999999998E-3</v>
      </c>
      <c r="F1855" s="239">
        <v>0.48659999999999998</v>
      </c>
      <c r="G1855">
        <f t="shared" si="423"/>
        <v>0.54052</v>
      </c>
      <c r="H1855" s="235">
        <f t="shared" si="424"/>
        <v>1.7575667875379266</v>
      </c>
      <c r="I1855" s="236">
        <f t="shared" si="425"/>
        <v>15.64382737994617</v>
      </c>
      <c r="J1855" s="237">
        <f t="shared" si="430"/>
        <v>5.6438273799461705</v>
      </c>
      <c r="K1855" s="237">
        <f t="shared" si="426"/>
        <v>288.1905879933683</v>
      </c>
      <c r="L1855" s="237">
        <f t="shared" si="431"/>
        <v>104.01009478502797</v>
      </c>
      <c r="M1855" s="236">
        <f t="shared" si="427"/>
        <v>2.4260088650832952</v>
      </c>
      <c r="N1855" s="236">
        <f t="shared" si="428"/>
        <v>3.7649198024328303</v>
      </c>
      <c r="O1855" s="236">
        <f t="shared" si="432"/>
        <v>3.5696817289028839</v>
      </c>
      <c r="P1855" s="236" t="str">
        <f t="shared" si="433"/>
        <v>CLAY</v>
      </c>
      <c r="Q1855" s="236">
        <f t="shared" si="429"/>
        <v>21.027451000552642</v>
      </c>
      <c r="R1855" s="238">
        <v>35</v>
      </c>
      <c r="S1855" s="236">
        <f t="shared" si="434"/>
        <v>0.75692959872788423</v>
      </c>
      <c r="T1855" s="236" t="e">
        <f t="shared" si="420"/>
        <v>#N/A</v>
      </c>
    </row>
    <row r="1856" spans="1:20" x14ac:dyDescent="0.2">
      <c r="A1856" s="53">
        <f t="shared" si="421"/>
        <v>1844</v>
      </c>
      <c r="B1856" s="239">
        <v>18.439</v>
      </c>
      <c r="C1856" s="3">
        <f t="shared" si="422"/>
        <v>18.431999999999999</v>
      </c>
      <c r="D1856" s="239">
        <v>0.44309999999999999</v>
      </c>
      <c r="E1856" s="239">
        <v>9.7000000000000003E-3</v>
      </c>
      <c r="F1856" s="239">
        <v>0.4899</v>
      </c>
      <c r="G1856">
        <f t="shared" si="423"/>
        <v>0.54108000000000001</v>
      </c>
      <c r="H1856" s="235">
        <f t="shared" si="424"/>
        <v>1.7927108745472018</v>
      </c>
      <c r="I1856" s="236">
        <f t="shared" si="425"/>
        <v>15.668662070120124</v>
      </c>
      <c r="J1856" s="237">
        <f t="shared" si="430"/>
        <v>5.6686620701201242</v>
      </c>
      <c r="K1856" s="237">
        <f t="shared" si="426"/>
        <v>288.8047792764541</v>
      </c>
      <c r="L1856" s="237">
        <f t="shared" si="431"/>
        <v>104.52445991094497</v>
      </c>
      <c r="M1856" s="236">
        <f t="shared" si="427"/>
        <v>2.4135520139351581</v>
      </c>
      <c r="N1856" s="236">
        <f t="shared" si="428"/>
        <v>3.8450070411908106</v>
      </c>
      <c r="O1856" s="236">
        <f t="shared" si="432"/>
        <v>3.5762190322599978</v>
      </c>
      <c r="P1856" s="236" t="str">
        <f t="shared" si="433"/>
        <v>CLAY</v>
      </c>
      <c r="Q1856" s="236">
        <f t="shared" si="429"/>
        <v>21.022935060295495</v>
      </c>
      <c r="R1856" s="238">
        <v>35</v>
      </c>
      <c r="S1856" s="236">
        <f t="shared" si="434"/>
        <v>0.75207445381303661</v>
      </c>
      <c r="T1856" s="236" t="e">
        <f t="shared" si="420"/>
        <v>#N/A</v>
      </c>
    </row>
    <row r="1857" spans="1:20" x14ac:dyDescent="0.2">
      <c r="A1857" s="53">
        <f t="shared" si="421"/>
        <v>1845</v>
      </c>
      <c r="B1857" s="239">
        <v>18.449000000000002</v>
      </c>
      <c r="C1857" s="3">
        <f t="shared" si="422"/>
        <v>18.442</v>
      </c>
      <c r="D1857" s="239">
        <v>0.44629999999999997</v>
      </c>
      <c r="E1857" s="239">
        <v>9.7999999999999997E-3</v>
      </c>
      <c r="F1857" s="239">
        <v>0.49159999999999998</v>
      </c>
      <c r="G1857">
        <f t="shared" si="423"/>
        <v>0.54461999999999999</v>
      </c>
      <c r="H1857" s="235">
        <f t="shared" si="424"/>
        <v>1.799419778928427</v>
      </c>
      <c r="I1857" s="236">
        <f t="shared" si="425"/>
        <v>15.683237685998366</v>
      </c>
      <c r="J1857" s="237">
        <f t="shared" si="430"/>
        <v>5.6832376859983658</v>
      </c>
      <c r="K1857" s="237">
        <f t="shared" si="426"/>
        <v>289.23026940518184</v>
      </c>
      <c r="L1857" s="237">
        <f t="shared" si="431"/>
        <v>104.85005206898386</v>
      </c>
      <c r="M1857" s="236">
        <f t="shared" si="427"/>
        <v>2.4357616000685431</v>
      </c>
      <c r="N1857" s="236">
        <f t="shared" si="428"/>
        <v>3.8372725391797098</v>
      </c>
      <c r="O1857" s="236">
        <f t="shared" si="432"/>
        <v>3.5723435989771599</v>
      </c>
      <c r="P1857" s="236" t="str">
        <f t="shared" si="433"/>
        <v>CLAY</v>
      </c>
      <c r="Q1857" s="236">
        <f t="shared" si="429"/>
        <v>21.282477549568181</v>
      </c>
      <c r="R1857" s="238">
        <v>35</v>
      </c>
      <c r="S1857" s="236">
        <f t="shared" si="434"/>
        <v>0.76073514935568798</v>
      </c>
      <c r="T1857" s="236" t="e">
        <f t="shared" si="420"/>
        <v>#N/A</v>
      </c>
    </row>
    <row r="1858" spans="1:20" x14ac:dyDescent="0.2">
      <c r="A1858" s="53">
        <f t="shared" si="421"/>
        <v>1846</v>
      </c>
      <c r="B1858" s="239">
        <v>18.46</v>
      </c>
      <c r="C1858" s="3">
        <f t="shared" si="422"/>
        <v>18.452999999999999</v>
      </c>
      <c r="D1858" s="239">
        <v>0.45169999999999999</v>
      </c>
      <c r="E1858" s="239">
        <v>9.7999999999999997E-3</v>
      </c>
      <c r="F1858" s="239">
        <v>0.48909999999999998</v>
      </c>
      <c r="G1858">
        <f t="shared" si="423"/>
        <v>0.54952000000000001</v>
      </c>
      <c r="H1858" s="235">
        <f t="shared" si="424"/>
        <v>1.7833745814529043</v>
      </c>
      <c r="I1858" s="236">
        <f t="shared" si="425"/>
        <v>15.686738611783761</v>
      </c>
      <c r="J1858" s="237">
        <f t="shared" si="430"/>
        <v>5.6867386117837615</v>
      </c>
      <c r="K1858" s="237">
        <f t="shared" si="426"/>
        <v>289.46738760324575</v>
      </c>
      <c r="L1858" s="237">
        <f t="shared" si="431"/>
        <v>104.97719477352824</v>
      </c>
      <c r="M1858" s="236">
        <f t="shared" si="427"/>
        <v>2.4772295826515158</v>
      </c>
      <c r="N1858" s="236">
        <f t="shared" si="428"/>
        <v>3.7684681994459033</v>
      </c>
      <c r="O1858" s="236">
        <f t="shared" si="432"/>
        <v>3.5620488163035513</v>
      </c>
      <c r="P1858" s="236" t="str">
        <f t="shared" si="433"/>
        <v>CLAY</v>
      </c>
      <c r="Q1858" s="236">
        <f t="shared" si="429"/>
        <v>21.671051033062852</v>
      </c>
      <c r="R1858" s="238">
        <v>35</v>
      </c>
      <c r="S1858" s="236">
        <f t="shared" si="434"/>
        <v>0.77695851511317593</v>
      </c>
      <c r="T1858" s="236" t="e">
        <f t="shared" si="420"/>
        <v>#N/A</v>
      </c>
    </row>
    <row r="1859" spans="1:20" x14ac:dyDescent="0.2">
      <c r="A1859" s="53">
        <f t="shared" si="421"/>
        <v>1847</v>
      </c>
      <c r="B1859" s="239">
        <v>18.469000000000001</v>
      </c>
      <c r="C1859" s="3">
        <f t="shared" si="422"/>
        <v>18.462</v>
      </c>
      <c r="D1859" s="239">
        <v>0.46260000000000001</v>
      </c>
      <c r="E1859" s="239">
        <v>9.5999999999999992E-3</v>
      </c>
      <c r="F1859" s="239">
        <v>0.48380000000000001</v>
      </c>
      <c r="G1859">
        <f t="shared" si="423"/>
        <v>0.55935999999999997</v>
      </c>
      <c r="H1859" s="235">
        <f t="shared" si="424"/>
        <v>1.7162471395881007</v>
      </c>
      <c r="I1859" s="236">
        <f t="shared" si="425"/>
        <v>15.669497649545782</v>
      </c>
      <c r="J1859" s="237">
        <f t="shared" si="430"/>
        <v>5.6694976495457823</v>
      </c>
      <c r="K1859" s="237">
        <f t="shared" si="426"/>
        <v>289.29026560591421</v>
      </c>
      <c r="L1859" s="237">
        <f t="shared" si="431"/>
        <v>104.70995208946105</v>
      </c>
      <c r="M1859" s="236">
        <f t="shared" si="427"/>
        <v>2.579217438313278</v>
      </c>
      <c r="N1859" s="236">
        <f t="shared" si="428"/>
        <v>3.5546374796635591</v>
      </c>
      <c r="O1859" s="236">
        <f t="shared" si="432"/>
        <v>3.5341493984842023</v>
      </c>
      <c r="P1859" s="236" t="str">
        <f t="shared" si="433"/>
        <v>CLAY</v>
      </c>
      <c r="Q1859" s="236">
        <f t="shared" si="429"/>
        <v>22.50581119950715</v>
      </c>
      <c r="R1859" s="238">
        <v>35</v>
      </c>
      <c r="S1859" s="236">
        <f t="shared" si="434"/>
        <v>0.8171465552077487</v>
      </c>
      <c r="T1859" s="236" t="e">
        <f t="shared" si="420"/>
        <v>#N/A</v>
      </c>
    </row>
    <row r="1860" spans="1:20" x14ac:dyDescent="0.2">
      <c r="A1860" s="53">
        <f t="shared" si="421"/>
        <v>1848</v>
      </c>
      <c r="B1860" s="239">
        <v>18.48</v>
      </c>
      <c r="C1860" s="3">
        <f t="shared" si="422"/>
        <v>18.472999999999999</v>
      </c>
      <c r="D1860" s="239">
        <v>0.47060000000000002</v>
      </c>
      <c r="E1860" s="239">
        <v>9.5999999999999992E-3</v>
      </c>
      <c r="F1860" s="239">
        <v>0.47939999999999999</v>
      </c>
      <c r="G1860">
        <f t="shared" si="423"/>
        <v>0.56647999999999998</v>
      </c>
      <c r="H1860" s="235">
        <f t="shared" si="424"/>
        <v>1.6946758932354187</v>
      </c>
      <c r="I1860" s="236">
        <f t="shared" si="425"/>
        <v>15.674441506830101</v>
      </c>
      <c r="J1860" s="237">
        <f t="shared" si="430"/>
        <v>5.6744415068301013</v>
      </c>
      <c r="K1860" s="237">
        <f t="shared" si="426"/>
        <v>289.55395795567244</v>
      </c>
      <c r="L1860" s="237">
        <f t="shared" si="431"/>
        <v>104.86367904622027</v>
      </c>
      <c r="M1860" s="236">
        <f t="shared" si="427"/>
        <v>2.6408194387521746</v>
      </c>
      <c r="N1860" s="236">
        <f t="shared" si="428"/>
        <v>3.466629548138823</v>
      </c>
      <c r="O1860" s="236">
        <f t="shared" si="432"/>
        <v>3.5198254333669148</v>
      </c>
      <c r="P1860" s="236" t="str">
        <f t="shared" si="433"/>
        <v>CLAY</v>
      </c>
      <c r="Q1860" s="236">
        <f t="shared" si="429"/>
        <v>23.077170170360631</v>
      </c>
      <c r="R1860" s="238">
        <v>35</v>
      </c>
      <c r="S1860" s="236">
        <f t="shared" si="434"/>
        <v>0.84161485770168787</v>
      </c>
      <c r="T1860" s="236" t="e">
        <f t="shared" si="420"/>
        <v>#N/A</v>
      </c>
    </row>
    <row r="1861" spans="1:20" x14ac:dyDescent="0.2">
      <c r="A1861" s="53">
        <f t="shared" si="421"/>
        <v>1849</v>
      </c>
      <c r="B1861" s="239">
        <v>18.491</v>
      </c>
      <c r="C1861" s="3">
        <f t="shared" si="422"/>
        <v>18.483999999999998</v>
      </c>
      <c r="D1861" s="239">
        <v>0.48359999999999997</v>
      </c>
      <c r="E1861" s="239">
        <v>9.5999999999999992E-3</v>
      </c>
      <c r="F1861" s="239">
        <v>0.47839999999999999</v>
      </c>
      <c r="G1861">
        <f t="shared" si="423"/>
        <v>0.57927999999999991</v>
      </c>
      <c r="H1861" s="235">
        <f t="shared" si="424"/>
        <v>1.6572296644109932</v>
      </c>
      <c r="I1861" s="236">
        <f t="shared" si="425"/>
        <v>15.683175064614581</v>
      </c>
      <c r="J1861" s="237">
        <f t="shared" si="430"/>
        <v>5.6831750646145807</v>
      </c>
      <c r="K1861" s="237">
        <f t="shared" si="426"/>
        <v>289.88780789433588</v>
      </c>
      <c r="L1861" s="237">
        <f t="shared" si="431"/>
        <v>105.0875901197882</v>
      </c>
      <c r="M1861" s="236">
        <f t="shared" si="427"/>
        <v>2.7538189026486282</v>
      </c>
      <c r="N1861" s="236">
        <f t="shared" si="428"/>
        <v>3.3172975159242757</v>
      </c>
      <c r="O1861" s="236">
        <f t="shared" si="432"/>
        <v>3.4945131321321341</v>
      </c>
      <c r="P1861" s="236" t="str">
        <f t="shared" si="433"/>
        <v>CLAY</v>
      </c>
      <c r="Q1861" s="236">
        <f t="shared" si="429"/>
        <v>24.116016008805332</v>
      </c>
      <c r="R1861" s="238">
        <v>35</v>
      </c>
      <c r="S1861" s="236">
        <f t="shared" si="434"/>
        <v>0.88686849941659973</v>
      </c>
      <c r="T1861" s="236" t="e">
        <f t="shared" si="420"/>
        <v>#N/A</v>
      </c>
    </row>
    <row r="1862" spans="1:20" x14ac:dyDescent="0.2">
      <c r="A1862" s="53">
        <f t="shared" si="421"/>
        <v>1850</v>
      </c>
      <c r="B1862" s="239">
        <v>18.5</v>
      </c>
      <c r="C1862" s="3">
        <f t="shared" si="422"/>
        <v>18.492999999999999</v>
      </c>
      <c r="D1862" s="239">
        <v>0.495</v>
      </c>
      <c r="E1862" s="239">
        <v>9.7999999999999997E-3</v>
      </c>
      <c r="F1862" s="239">
        <v>0.48570000000000002</v>
      </c>
      <c r="G1862">
        <f t="shared" si="423"/>
        <v>0.59214</v>
      </c>
      <c r="H1862" s="235">
        <f t="shared" si="424"/>
        <v>1.6550140169554497</v>
      </c>
      <c r="I1862" s="236">
        <f t="shared" si="425"/>
        <v>15.715935418173355</v>
      </c>
      <c r="J1862" s="237">
        <f t="shared" si="430"/>
        <v>5.7159354181733555</v>
      </c>
      <c r="K1862" s="237">
        <f t="shared" si="426"/>
        <v>290.63479368827984</v>
      </c>
      <c r="L1862" s="237">
        <f t="shared" si="431"/>
        <v>105.74480523620707</v>
      </c>
      <c r="M1862" s="236">
        <f t="shared" si="427"/>
        <v>2.8512531243330015</v>
      </c>
      <c r="N1862" s="236">
        <f t="shared" si="428"/>
        <v>3.2503584664033887</v>
      </c>
      <c r="O1862" s="236">
        <f t="shared" si="432"/>
        <v>3.4770095156505234</v>
      </c>
      <c r="P1862" s="236" t="str">
        <f t="shared" si="433"/>
        <v>CLAY</v>
      </c>
      <c r="Q1862" s="236">
        <f t="shared" si="429"/>
        <v>25.125433859310011</v>
      </c>
      <c r="R1862" s="238">
        <v>35</v>
      </c>
      <c r="S1862" s="236">
        <f t="shared" si="434"/>
        <v>0.92626387462729232</v>
      </c>
      <c r="T1862" s="236" t="e">
        <f t="shared" si="420"/>
        <v>#N/A</v>
      </c>
    </row>
    <row r="1863" spans="1:20" x14ac:dyDescent="0.2">
      <c r="A1863" s="53">
        <f t="shared" si="421"/>
        <v>1851</v>
      </c>
      <c r="B1863" s="239">
        <v>18.510000000000002</v>
      </c>
      <c r="C1863" s="3">
        <f t="shared" si="422"/>
        <v>18.503</v>
      </c>
      <c r="D1863" s="239">
        <v>0.51249999999999996</v>
      </c>
      <c r="E1863" s="239">
        <v>9.7999999999999997E-3</v>
      </c>
      <c r="F1863" s="239">
        <v>0.48930000000000001</v>
      </c>
      <c r="G1863">
        <f t="shared" si="423"/>
        <v>0.6103599999999999</v>
      </c>
      <c r="H1863" s="235">
        <f t="shared" si="424"/>
        <v>1.605609804050069</v>
      </c>
      <c r="I1863" s="236">
        <f t="shared" si="425"/>
        <v>15.727780916666937</v>
      </c>
      <c r="J1863" s="237">
        <f t="shared" si="430"/>
        <v>5.7277809166669371</v>
      </c>
      <c r="K1863" s="237">
        <f t="shared" si="426"/>
        <v>291.01113030108831</v>
      </c>
      <c r="L1863" s="237">
        <f t="shared" si="431"/>
        <v>106.02122476750502</v>
      </c>
      <c r="M1863" s="236">
        <f t="shared" si="427"/>
        <v>3.0121220576277521</v>
      </c>
      <c r="N1863" s="236">
        <f t="shared" si="428"/>
        <v>3.0687442260996987</v>
      </c>
      <c r="O1863" s="236">
        <f t="shared" si="432"/>
        <v>3.4439161036603947</v>
      </c>
      <c r="P1863" s="236" t="str">
        <f t="shared" si="433"/>
        <v>CLAY</v>
      </c>
      <c r="Q1863" s="236">
        <f t="shared" si="429"/>
        <v>26.612405808242631</v>
      </c>
      <c r="R1863" s="238">
        <v>35</v>
      </c>
      <c r="S1863" s="236">
        <f t="shared" si="434"/>
        <v>0.99204350183930745</v>
      </c>
      <c r="T1863" s="236" t="e">
        <f t="shared" si="420"/>
        <v>#N/A</v>
      </c>
    </row>
    <row r="1864" spans="1:20" x14ac:dyDescent="0.2">
      <c r="A1864" s="53">
        <f t="shared" si="421"/>
        <v>1852</v>
      </c>
      <c r="B1864" s="239">
        <v>18.521000000000001</v>
      </c>
      <c r="C1864" s="3">
        <f t="shared" si="422"/>
        <v>18.513999999999999</v>
      </c>
      <c r="D1864" s="239">
        <v>0.53610000000000002</v>
      </c>
      <c r="E1864" s="239">
        <v>9.7000000000000003E-3</v>
      </c>
      <c r="F1864" s="239">
        <v>0.48749999999999999</v>
      </c>
      <c r="G1864">
        <f t="shared" si="423"/>
        <v>0.63359999999999994</v>
      </c>
      <c r="H1864" s="235">
        <f t="shared" si="424"/>
        <v>1.5309343434343436</v>
      </c>
      <c r="I1864" s="236">
        <f t="shared" si="425"/>
        <v>15.730360388624639</v>
      </c>
      <c r="J1864" s="237">
        <f t="shared" si="430"/>
        <v>5.7303603886246393</v>
      </c>
      <c r="K1864" s="237">
        <f t="shared" si="426"/>
        <v>291.23189223499656</v>
      </c>
      <c r="L1864" s="237">
        <f t="shared" si="431"/>
        <v>106.13200475771694</v>
      </c>
      <c r="M1864" s="236">
        <f t="shared" si="427"/>
        <v>3.2258705425057892</v>
      </c>
      <c r="N1864" s="236">
        <f t="shared" si="428"/>
        <v>2.8332078193036443</v>
      </c>
      <c r="O1864" s="236">
        <f t="shared" si="432"/>
        <v>3.4009009292341399</v>
      </c>
      <c r="P1864" s="236" t="str">
        <f t="shared" si="433"/>
        <v>CLAY</v>
      </c>
      <c r="Q1864" s="236">
        <f t="shared" si="429"/>
        <v>28.530675647083612</v>
      </c>
      <c r="R1864" s="238">
        <v>35</v>
      </c>
      <c r="S1864" s="236">
        <f t="shared" si="434"/>
        <v>1.0808083147011955</v>
      </c>
      <c r="T1864" s="236" t="e">
        <f t="shared" si="420"/>
        <v>#N/A</v>
      </c>
    </row>
    <row r="1865" spans="1:20" x14ac:dyDescent="0.2">
      <c r="A1865" s="53">
        <f t="shared" si="421"/>
        <v>1853</v>
      </c>
      <c r="B1865" s="239">
        <v>18.53</v>
      </c>
      <c r="C1865" s="3">
        <f t="shared" si="422"/>
        <v>18.523</v>
      </c>
      <c r="D1865" s="239">
        <v>0.54790000000000005</v>
      </c>
      <c r="E1865" s="239">
        <v>9.4999999999999998E-3</v>
      </c>
      <c r="F1865" s="239">
        <v>0.48249999999999998</v>
      </c>
      <c r="G1865">
        <f t="shared" si="423"/>
        <v>0.64440000000000008</v>
      </c>
      <c r="H1865" s="235">
        <f t="shared" si="424"/>
        <v>1.4742396027312226</v>
      </c>
      <c r="I1865" s="236">
        <f t="shared" si="425"/>
        <v>15.712536767234837</v>
      </c>
      <c r="J1865" s="237">
        <f t="shared" si="430"/>
        <v>5.7125367672348375</v>
      </c>
      <c r="K1865" s="237">
        <f t="shared" si="426"/>
        <v>291.04331853949088</v>
      </c>
      <c r="L1865" s="237">
        <f t="shared" si="431"/>
        <v>105.85330629686155</v>
      </c>
      <c r="M1865" s="236">
        <f t="shared" si="427"/>
        <v>3.3381733062690921</v>
      </c>
      <c r="N1865" s="236">
        <f t="shared" si="428"/>
        <v>2.6885015901593219</v>
      </c>
      <c r="O1865" s="236">
        <f t="shared" si="432"/>
        <v>3.3767875477349847</v>
      </c>
      <c r="P1865" s="236" t="str">
        <f t="shared" si="433"/>
        <v>CLAY</v>
      </c>
      <c r="Q1865" s="236">
        <f t="shared" si="429"/>
        <v>29.446390121709101</v>
      </c>
      <c r="R1865" s="238">
        <v>35</v>
      </c>
      <c r="S1865" s="236">
        <f t="shared" si="434"/>
        <v>1.1280441786031998</v>
      </c>
      <c r="T1865" s="236" t="e">
        <f t="shared" si="420"/>
        <v>#N/A</v>
      </c>
    </row>
    <row r="1866" spans="1:20" x14ac:dyDescent="0.2">
      <c r="A1866" s="53">
        <f t="shared" si="421"/>
        <v>1854</v>
      </c>
      <c r="B1866" s="239">
        <v>18.54</v>
      </c>
      <c r="C1866" s="3">
        <f t="shared" si="422"/>
        <v>18.532999999999998</v>
      </c>
      <c r="D1866" s="239">
        <v>0.53820000000000001</v>
      </c>
      <c r="E1866" s="239">
        <v>9.4999999999999998E-3</v>
      </c>
      <c r="F1866" s="239">
        <v>0.47599999999999998</v>
      </c>
      <c r="G1866">
        <f t="shared" si="423"/>
        <v>0.63339999999999996</v>
      </c>
      <c r="H1866" s="235">
        <f t="shared" si="424"/>
        <v>1.4998421218819071</v>
      </c>
      <c r="I1866" s="236">
        <f t="shared" si="425"/>
        <v>15.70580704179468</v>
      </c>
      <c r="J1866" s="237">
        <f t="shared" si="430"/>
        <v>5.7058070417946798</v>
      </c>
      <c r="K1866" s="237">
        <f t="shared" si="426"/>
        <v>291.07572190558079</v>
      </c>
      <c r="L1866" s="237">
        <f t="shared" si="431"/>
        <v>105.78566255487335</v>
      </c>
      <c r="M1866" s="236">
        <f t="shared" si="427"/>
        <v>3.2360177156979852</v>
      </c>
      <c r="N1866" s="236">
        <f t="shared" si="428"/>
        <v>2.7751464350944248</v>
      </c>
      <c r="O1866" s="236">
        <f t="shared" si="432"/>
        <v>3.3952990336352196</v>
      </c>
      <c r="P1866" s="236" t="str">
        <f t="shared" si="433"/>
        <v>CLAY</v>
      </c>
      <c r="Q1866" s="236">
        <f t="shared" si="429"/>
        <v>28.527023174534932</v>
      </c>
      <c r="R1866" s="238">
        <v>35</v>
      </c>
      <c r="S1866" s="236">
        <f t="shared" si="434"/>
        <v>1.0850596702096096</v>
      </c>
      <c r="T1866" s="236" t="e">
        <f t="shared" si="420"/>
        <v>#N/A</v>
      </c>
    </row>
    <row r="1867" spans="1:20" x14ac:dyDescent="0.2">
      <c r="A1867" s="53">
        <f t="shared" si="421"/>
        <v>1855</v>
      </c>
      <c r="B1867" s="239">
        <v>18.55</v>
      </c>
      <c r="C1867" s="3">
        <f t="shared" si="422"/>
        <v>18.542999999999999</v>
      </c>
      <c r="D1867" s="239">
        <v>0.53180000000000005</v>
      </c>
      <c r="E1867" s="239">
        <v>9.7000000000000003E-3</v>
      </c>
      <c r="F1867" s="239">
        <v>0.47360000000000002</v>
      </c>
      <c r="G1867">
        <f t="shared" si="423"/>
        <v>0.62652000000000008</v>
      </c>
      <c r="H1867" s="235">
        <f t="shared" si="424"/>
        <v>1.548234693226074</v>
      </c>
      <c r="I1867" s="236">
        <f t="shared" si="425"/>
        <v>15.725968182233853</v>
      </c>
      <c r="J1867" s="237">
        <f t="shared" si="430"/>
        <v>5.7259681822338528</v>
      </c>
      <c r="K1867" s="237">
        <f t="shared" si="426"/>
        <v>291.60662800316231</v>
      </c>
      <c r="L1867" s="237">
        <f t="shared" si="431"/>
        <v>106.21670978043798</v>
      </c>
      <c r="M1867" s="236">
        <f t="shared" si="427"/>
        <v>3.1531137867962755</v>
      </c>
      <c r="N1867" s="236">
        <f t="shared" si="428"/>
        <v>2.8962713379182681</v>
      </c>
      <c r="O1867" s="236">
        <f t="shared" si="432"/>
        <v>3.4142307123419542</v>
      </c>
      <c r="P1867" s="236" t="str">
        <f t="shared" si="433"/>
        <v>CLAY</v>
      </c>
      <c r="Q1867" s="236">
        <f t="shared" si="429"/>
        <v>27.90944766640315</v>
      </c>
      <c r="R1867" s="238">
        <v>35</v>
      </c>
      <c r="S1867" s="236">
        <f t="shared" si="434"/>
        <v>1.0504238236483838</v>
      </c>
      <c r="T1867" s="236" t="e">
        <f t="shared" si="420"/>
        <v>#N/A</v>
      </c>
    </row>
    <row r="1868" spans="1:20" x14ac:dyDescent="0.2">
      <c r="A1868" s="53">
        <f t="shared" si="421"/>
        <v>1856</v>
      </c>
      <c r="B1868" s="239">
        <v>18.559000000000001</v>
      </c>
      <c r="C1868" s="3">
        <f t="shared" si="422"/>
        <v>18.552</v>
      </c>
      <c r="D1868" s="239">
        <v>0.5181</v>
      </c>
      <c r="E1868" s="239">
        <v>1.01E-2</v>
      </c>
      <c r="F1868" s="239">
        <v>0.47970000000000002</v>
      </c>
      <c r="G1868">
        <f t="shared" si="423"/>
        <v>0.61404000000000003</v>
      </c>
      <c r="H1868" s="235">
        <f t="shared" si="424"/>
        <v>1.6448439841052698</v>
      </c>
      <c r="I1868" s="236">
        <f t="shared" si="425"/>
        <v>15.765487760313391</v>
      </c>
      <c r="J1868" s="237">
        <f t="shared" si="430"/>
        <v>5.7654877603133912</v>
      </c>
      <c r="K1868" s="237">
        <f t="shared" si="426"/>
        <v>292.48132892933404</v>
      </c>
      <c r="L1868" s="237">
        <f t="shared" si="431"/>
        <v>107.00168734365623</v>
      </c>
      <c r="M1868" s="236">
        <f t="shared" si="427"/>
        <v>3.0051738346697219</v>
      </c>
      <c r="N1868" s="236">
        <f t="shared" si="428"/>
        <v>3.1409509083897209</v>
      </c>
      <c r="O1868" s="236">
        <f t="shared" si="432"/>
        <v>3.4498033748902706</v>
      </c>
      <c r="P1868" s="236" t="str">
        <f t="shared" si="433"/>
        <v>CLAY</v>
      </c>
      <c r="Q1868" s="236">
        <f t="shared" si="429"/>
        <v>26.796555922555502</v>
      </c>
      <c r="R1868" s="238">
        <v>35</v>
      </c>
      <c r="S1868" s="236">
        <f t="shared" si="434"/>
        <v>0.9891838274068484</v>
      </c>
      <c r="T1868" s="236" t="e">
        <f t="shared" si="420"/>
        <v>#N/A</v>
      </c>
    </row>
    <row r="1869" spans="1:20" x14ac:dyDescent="0.2">
      <c r="A1869" s="53">
        <f t="shared" si="421"/>
        <v>1857</v>
      </c>
      <c r="B1869" s="239">
        <v>18.57</v>
      </c>
      <c r="C1869" s="3">
        <f t="shared" si="422"/>
        <v>18.562999999999999</v>
      </c>
      <c r="D1869" s="239">
        <v>0.51060000000000005</v>
      </c>
      <c r="E1869" s="239">
        <v>1.06E-2</v>
      </c>
      <c r="F1869" s="239">
        <v>0.49340000000000001</v>
      </c>
      <c r="G1869">
        <f t="shared" si="423"/>
        <v>0.60928000000000004</v>
      </c>
      <c r="H1869" s="235">
        <f t="shared" si="424"/>
        <v>1.7397584033613442</v>
      </c>
      <c r="I1869" s="236">
        <f t="shared" si="425"/>
        <v>15.819104120728893</v>
      </c>
      <c r="J1869" s="237">
        <f t="shared" si="430"/>
        <v>5.8191041207288929</v>
      </c>
      <c r="K1869" s="237">
        <f t="shared" si="426"/>
        <v>293.65002979309043</v>
      </c>
      <c r="L1869" s="237">
        <f t="shared" si="431"/>
        <v>108.06076352193554</v>
      </c>
      <c r="M1869" s="236">
        <f t="shared" si="427"/>
        <v>2.9208563767258511</v>
      </c>
      <c r="N1869" s="236">
        <f t="shared" si="428"/>
        <v>3.3583629568038869</v>
      </c>
      <c r="O1869" s="236">
        <f t="shared" si="432"/>
        <v>3.4750425388224162</v>
      </c>
      <c r="P1869" s="236" t="str">
        <f t="shared" si="433"/>
        <v>CLAY</v>
      </c>
      <c r="Q1869" s="236">
        <f t="shared" si="429"/>
        <v>26.302497517242472</v>
      </c>
      <c r="R1869" s="238">
        <v>35</v>
      </c>
      <c r="S1869" s="236">
        <f t="shared" si="434"/>
        <v>0.95461391771017445</v>
      </c>
      <c r="T1869" s="236" t="e">
        <f t="shared" ref="T1869:T1932" si="435">IF(P1869="SAND",17.6+(11*LOG(M1869)),#N/A)</f>
        <v>#N/A</v>
      </c>
    </row>
    <row r="1870" spans="1:20" x14ac:dyDescent="0.2">
      <c r="A1870" s="53">
        <f t="shared" ref="A1870:A1933" si="436">$A1869+1</f>
        <v>1858</v>
      </c>
      <c r="B1870" s="239">
        <v>18.579000000000001</v>
      </c>
      <c r="C1870" s="3">
        <f t="shared" ref="C1870:C1933" si="437">MAX($B1870 - $B$13, 0.001)</f>
        <v>18.571999999999999</v>
      </c>
      <c r="D1870" s="239">
        <v>0.53459999999999996</v>
      </c>
      <c r="E1870" s="239">
        <v>1.0999999999999999E-2</v>
      </c>
      <c r="F1870" s="239">
        <v>0.50929999999999997</v>
      </c>
      <c r="G1870">
        <f t="shared" si="423"/>
        <v>0.63645999999999991</v>
      </c>
      <c r="H1870" s="235">
        <f t="shared" si="424"/>
        <v>1.7283097131005878</v>
      </c>
      <c r="I1870" s="236">
        <f t="shared" si="425"/>
        <v>15.879597307332865</v>
      </c>
      <c r="J1870" s="237">
        <f t="shared" si="430"/>
        <v>5.8795973073328653</v>
      </c>
      <c r="K1870" s="237">
        <f t="shared" si="426"/>
        <v>294.91588119178596</v>
      </c>
      <c r="L1870" s="237">
        <f t="shared" si="431"/>
        <v>109.23703837293731</v>
      </c>
      <c r="M1870" s="236">
        <f t="shared" si="427"/>
        <v>3.1266329067085827</v>
      </c>
      <c r="N1870" s="236">
        <f t="shared" si="428"/>
        <v>3.2206673733348019</v>
      </c>
      <c r="O1870" s="236">
        <f t="shared" si="432"/>
        <v>3.4403436495386588</v>
      </c>
      <c r="P1870" s="236" t="str">
        <f t="shared" si="433"/>
        <v>CLAY</v>
      </c>
      <c r="Q1870" s="236">
        <f t="shared" si="429"/>
        <v>28.462009900684496</v>
      </c>
      <c r="R1870" s="238">
        <v>35</v>
      </c>
      <c r="S1870" s="236">
        <f t="shared" si="434"/>
        <v>1.0394081711376226</v>
      </c>
      <c r="T1870" s="236" t="e">
        <f t="shared" si="435"/>
        <v>#N/A</v>
      </c>
    </row>
    <row r="1871" spans="1:20" x14ac:dyDescent="0.2">
      <c r="A1871" s="53">
        <f t="shared" si="436"/>
        <v>1859</v>
      </c>
      <c r="B1871" s="239">
        <v>18.59</v>
      </c>
      <c r="C1871" s="3">
        <f t="shared" si="437"/>
        <v>18.582999999999998</v>
      </c>
      <c r="D1871" s="239">
        <v>0.62050000000000005</v>
      </c>
      <c r="E1871" s="239">
        <v>1.12E-2</v>
      </c>
      <c r="F1871" s="239">
        <v>0.51970000000000005</v>
      </c>
      <c r="G1871">
        <f t="shared" ref="G1871:G1934" si="438">$D1871+($F1871*(1-$P$8))</f>
        <v>0.72444000000000008</v>
      </c>
      <c r="H1871" s="235">
        <f t="shared" ref="H1871:H1934" si="439">($E1871/$G1871)*100</f>
        <v>1.5460217547346915</v>
      </c>
      <c r="I1871" s="236">
        <f t="shared" ref="I1871:I1934" si="440">((0.27*(LOG($H1871)))+(0.36*(LOG(($G1871*1000)/101)))+1.236)*10</f>
        <v>15.951333895302966</v>
      </c>
      <c r="J1871" s="237">
        <f t="shared" si="430"/>
        <v>5.951333895302966</v>
      </c>
      <c r="K1871" s="237">
        <f t="shared" ref="K1871:K1934" si="441">$I1871*$C1871</f>
        <v>296.42363777641498</v>
      </c>
      <c r="L1871" s="237">
        <f t="shared" si="431"/>
        <v>110.63529711368214</v>
      </c>
      <c r="M1871" s="236">
        <f t="shared" ref="M1871:M1934" si="442">(($G1871*1000)-$K1871)/$L1871</f>
        <v>3.8687143559960013</v>
      </c>
      <c r="N1871" s="236">
        <f t="shared" ref="N1871:N1934" si="443">(($E1871*1000)/(($G1871*1000)-$K1871))*100</f>
        <v>2.6167223939325477</v>
      </c>
      <c r="O1871" s="236">
        <f t="shared" si="432"/>
        <v>3.3152182513662356</v>
      </c>
      <c r="P1871" s="236" t="str">
        <f t="shared" si="433"/>
        <v>CLAY</v>
      </c>
      <c r="Q1871" s="236">
        <f t="shared" ref="Q1871:Q1934" si="444">IF(P1871="CLAY",($G1871*1000 -$K1871)/$L$8,#N/A)</f>
        <v>35.668030185298754</v>
      </c>
      <c r="R1871" s="238">
        <v>35</v>
      </c>
      <c r="S1871" s="236">
        <f t="shared" si="434"/>
        <v>1.3564329781880515</v>
      </c>
      <c r="T1871" s="236" t="e">
        <f t="shared" si="435"/>
        <v>#N/A</v>
      </c>
    </row>
    <row r="1872" spans="1:20" x14ac:dyDescent="0.2">
      <c r="A1872" s="53">
        <f t="shared" si="436"/>
        <v>1860</v>
      </c>
      <c r="B1872" s="239">
        <v>18.599</v>
      </c>
      <c r="C1872" s="3">
        <f t="shared" si="437"/>
        <v>18.591999999999999</v>
      </c>
      <c r="D1872" s="239">
        <v>0.83350000000000002</v>
      </c>
      <c r="E1872" s="239">
        <v>1.09E-2</v>
      </c>
      <c r="F1872" s="239">
        <v>0.50760000000000005</v>
      </c>
      <c r="G1872">
        <f t="shared" si="438"/>
        <v>0.93501999999999996</v>
      </c>
      <c r="H1872" s="235">
        <f t="shared" si="439"/>
        <v>1.1657504652306905</v>
      </c>
      <c r="I1872" s="236">
        <f t="shared" si="440"/>
        <v>16.0192334092674</v>
      </c>
      <c r="J1872" s="237">
        <f t="shared" ref="J1872:J1935" si="445">$I1872-10</f>
        <v>6.0192334092674002</v>
      </c>
      <c r="K1872" s="237">
        <f t="shared" si="441"/>
        <v>297.82958754509946</v>
      </c>
      <c r="L1872" s="237">
        <f t="shared" ref="L1872:L1935" si="446">$J1872*$B1872</f>
        <v>111.95172217896437</v>
      </c>
      <c r="M1872" s="236">
        <f t="shared" si="442"/>
        <v>5.6916535096824799</v>
      </c>
      <c r="N1872" s="236">
        <f t="shared" si="443"/>
        <v>1.7106346528356604</v>
      </c>
      <c r="O1872" s="236">
        <f t="shared" ref="O1872:O1935" si="447">((3.47-LOG($M1872))^2+(LOG($N1872)+1.22)^2)^0.5</f>
        <v>3.0792200784053056</v>
      </c>
      <c r="P1872" s="236" t="str">
        <f t="shared" ref="P1872:P1935" si="448">IF(O1872&lt;2.6,"SAND","CLAY")</f>
        <v>CLAY</v>
      </c>
      <c r="Q1872" s="236">
        <f t="shared" si="444"/>
        <v>53.099201037908379</v>
      </c>
      <c r="R1872" s="238">
        <v>35</v>
      </c>
      <c r="S1872" s="236">
        <f t="shared" ref="S1872:S1935" si="449">IF(P1872="SAND",#N/A,0.25*($M1872)^1.25)</f>
        <v>2.1977995281411982</v>
      </c>
      <c r="T1872" s="236" t="e">
        <f t="shared" si="435"/>
        <v>#N/A</v>
      </c>
    </row>
    <row r="1873" spans="1:20" x14ac:dyDescent="0.2">
      <c r="A1873" s="53">
        <f t="shared" si="436"/>
        <v>1861</v>
      </c>
      <c r="B1873" s="239">
        <v>18.609000000000002</v>
      </c>
      <c r="C1873" s="3">
        <f t="shared" si="437"/>
        <v>18.602</v>
      </c>
      <c r="D1873" s="239">
        <v>1.1629</v>
      </c>
      <c r="E1873" s="239">
        <v>9.5999999999999992E-3</v>
      </c>
      <c r="F1873" s="239">
        <v>0.3992</v>
      </c>
      <c r="G1873">
        <f t="shared" si="438"/>
        <v>1.24274</v>
      </c>
      <c r="H1873" s="235">
        <f t="shared" si="439"/>
        <v>0.77248660218549337</v>
      </c>
      <c r="I1873" s="236">
        <f t="shared" si="440"/>
        <v>15.981517633044389</v>
      </c>
      <c r="J1873" s="237">
        <f t="shared" si="445"/>
        <v>5.9815176330443887</v>
      </c>
      <c r="K1873" s="237">
        <f t="shared" si="441"/>
        <v>297.2881910098917</v>
      </c>
      <c r="L1873" s="237">
        <f t="shared" si="446"/>
        <v>111.31006163332304</v>
      </c>
      <c r="M1873" s="236">
        <f t="shared" si="442"/>
        <v>8.4938575643288203</v>
      </c>
      <c r="N1873" s="236">
        <f t="shared" si="443"/>
        <v>1.0153875542587742</v>
      </c>
      <c r="O1873" s="236">
        <f t="shared" si="447"/>
        <v>2.8214842183483064</v>
      </c>
      <c r="P1873" s="236" t="str">
        <f t="shared" si="448"/>
        <v>CLAY</v>
      </c>
      <c r="Q1873" s="236">
        <f t="shared" si="444"/>
        <v>78.787650749175683</v>
      </c>
      <c r="R1873" s="238">
        <v>35</v>
      </c>
      <c r="S1873" s="236">
        <f t="shared" si="449"/>
        <v>3.6251103069597974</v>
      </c>
      <c r="T1873" s="236" t="e">
        <f t="shared" si="435"/>
        <v>#N/A</v>
      </c>
    </row>
    <row r="1874" spans="1:20" x14ac:dyDescent="0.2">
      <c r="A1874" s="53">
        <f t="shared" si="436"/>
        <v>1862</v>
      </c>
      <c r="B1874" s="239">
        <v>18.619</v>
      </c>
      <c r="C1874" s="3">
        <f t="shared" si="437"/>
        <v>18.611999999999998</v>
      </c>
      <c r="D1874" s="239">
        <v>1.6246</v>
      </c>
      <c r="E1874" s="239">
        <v>8.6E-3</v>
      </c>
      <c r="F1874" s="239">
        <v>0.38009999999999999</v>
      </c>
      <c r="G1874">
        <f t="shared" si="438"/>
        <v>1.70062</v>
      </c>
      <c r="H1874" s="235">
        <f t="shared" si="439"/>
        <v>0.50569792193435337</v>
      </c>
      <c r="I1874" s="236">
        <f t="shared" si="440"/>
        <v>15.975135426769334</v>
      </c>
      <c r="J1874" s="237">
        <f t="shared" si="445"/>
        <v>5.9751354267693344</v>
      </c>
      <c r="K1874" s="237">
        <f t="shared" si="441"/>
        <v>297.32922056303084</v>
      </c>
      <c r="L1874" s="237">
        <f t="shared" si="446"/>
        <v>111.25104651101823</v>
      </c>
      <c r="M1874" s="236">
        <f t="shared" si="442"/>
        <v>12.613731047446716</v>
      </c>
      <c r="N1874" s="236">
        <f t="shared" si="443"/>
        <v>0.61284518690064405</v>
      </c>
      <c r="O1874" s="236">
        <f t="shared" si="447"/>
        <v>2.5744237799849961</v>
      </c>
      <c r="P1874" s="236" t="str">
        <f t="shared" si="448"/>
        <v>SAND</v>
      </c>
      <c r="Q1874" s="236" t="e">
        <f t="shared" si="444"/>
        <v>#N/A</v>
      </c>
      <c r="R1874" s="238">
        <v>35</v>
      </c>
      <c r="S1874" s="236" t="e">
        <f t="shared" si="449"/>
        <v>#N/A</v>
      </c>
      <c r="T1874" s="236">
        <f t="shared" si="435"/>
        <v>29.709279233042786</v>
      </c>
    </row>
    <row r="1875" spans="1:20" x14ac:dyDescent="0.2">
      <c r="A1875" s="53">
        <f t="shared" si="436"/>
        <v>1863</v>
      </c>
      <c r="B1875" s="239">
        <v>18.629000000000001</v>
      </c>
      <c r="C1875" s="3">
        <f t="shared" si="437"/>
        <v>18.622</v>
      </c>
      <c r="D1875" s="239">
        <v>2.1774</v>
      </c>
      <c r="E1875" s="239">
        <v>6.3E-3</v>
      </c>
      <c r="F1875" s="239">
        <v>0.3004</v>
      </c>
      <c r="G1875">
        <f t="shared" si="438"/>
        <v>2.2374800000000001</v>
      </c>
      <c r="H1875" s="235">
        <f t="shared" si="439"/>
        <v>0.2815667626079339</v>
      </c>
      <c r="I1875" s="236">
        <f t="shared" si="440"/>
        <v>15.717445783715034</v>
      </c>
      <c r="J1875" s="237">
        <f t="shared" si="445"/>
        <v>5.7174457837150339</v>
      </c>
      <c r="K1875" s="237">
        <f t="shared" si="441"/>
        <v>292.69027538434136</v>
      </c>
      <c r="L1875" s="237">
        <f t="shared" si="446"/>
        <v>106.51029750482738</v>
      </c>
      <c r="M1875" s="236">
        <f t="shared" si="442"/>
        <v>18.25917089873413</v>
      </c>
      <c r="N1875" s="236">
        <f t="shared" si="443"/>
        <v>0.32394247667289816</v>
      </c>
      <c r="O1875" s="236">
        <f t="shared" si="447"/>
        <v>2.3261855660139741</v>
      </c>
      <c r="P1875" s="236" t="str">
        <f t="shared" si="448"/>
        <v>SAND</v>
      </c>
      <c r="Q1875" s="236" t="e">
        <f t="shared" si="444"/>
        <v>#N/A</v>
      </c>
      <c r="R1875" s="238">
        <v>35</v>
      </c>
      <c r="S1875" s="236" t="e">
        <f t="shared" si="449"/>
        <v>#N/A</v>
      </c>
      <c r="T1875" s="236">
        <f t="shared" si="435"/>
        <v>31.47629158814518</v>
      </c>
    </row>
    <row r="1876" spans="1:20" x14ac:dyDescent="0.2">
      <c r="A1876" s="53">
        <f t="shared" si="436"/>
        <v>1864</v>
      </c>
      <c r="B1876" s="239">
        <v>18.638999999999999</v>
      </c>
      <c r="C1876" s="3">
        <f t="shared" si="437"/>
        <v>18.631999999999998</v>
      </c>
      <c r="D1876" s="239">
        <v>2.6229</v>
      </c>
      <c r="E1876" s="239">
        <v>4.4999999999999997E-3</v>
      </c>
      <c r="F1876" s="239">
        <v>0.23960000000000001</v>
      </c>
      <c r="G1876">
        <f t="shared" si="438"/>
        <v>2.67082</v>
      </c>
      <c r="H1876" s="235">
        <f t="shared" si="439"/>
        <v>0.16848758059322602</v>
      </c>
      <c r="I1876" s="236">
        <f t="shared" si="440"/>
        <v>15.392096999321234</v>
      </c>
      <c r="J1876" s="237">
        <f t="shared" si="445"/>
        <v>5.3920969993212342</v>
      </c>
      <c r="K1876" s="237">
        <f t="shared" si="441"/>
        <v>286.78555129135322</v>
      </c>
      <c r="L1876" s="237">
        <f t="shared" si="446"/>
        <v>100.50329597034847</v>
      </c>
      <c r="M1876" s="236">
        <f t="shared" si="442"/>
        <v>23.720957862038766</v>
      </c>
      <c r="N1876" s="236">
        <f t="shared" si="443"/>
        <v>0.18875566174966568</v>
      </c>
      <c r="O1876" s="236">
        <f t="shared" si="447"/>
        <v>2.152762830520297</v>
      </c>
      <c r="P1876" s="236" t="str">
        <f t="shared" si="448"/>
        <v>SAND</v>
      </c>
      <c r="Q1876" s="236" t="e">
        <f t="shared" si="444"/>
        <v>#N/A</v>
      </c>
      <c r="R1876" s="238">
        <v>35</v>
      </c>
      <c r="S1876" s="236" t="e">
        <f t="shared" si="449"/>
        <v>#N/A</v>
      </c>
      <c r="T1876" s="236">
        <f t="shared" si="435"/>
        <v>32.726454442398037</v>
      </c>
    </row>
    <row r="1877" spans="1:20" x14ac:dyDescent="0.2">
      <c r="A1877" s="53">
        <f t="shared" si="436"/>
        <v>1865</v>
      </c>
      <c r="B1877" s="239">
        <v>18.649000000000001</v>
      </c>
      <c r="C1877" s="3">
        <f t="shared" si="437"/>
        <v>18.641999999999999</v>
      </c>
      <c r="D1877" s="239">
        <v>2.8805000000000001</v>
      </c>
      <c r="E1877" s="239">
        <v>3.0999999999999999E-3</v>
      </c>
      <c r="F1877" s="239">
        <v>0.2135</v>
      </c>
      <c r="G1877">
        <f t="shared" si="438"/>
        <v>2.9232</v>
      </c>
      <c r="H1877" s="235">
        <f t="shared" si="439"/>
        <v>0.10604816639299397</v>
      </c>
      <c r="I1877" s="236">
        <f t="shared" si="440"/>
        <v>14.990392304742638</v>
      </c>
      <c r="J1877" s="237">
        <f t="shared" si="445"/>
        <v>4.9903923047426382</v>
      </c>
      <c r="K1877" s="237">
        <f t="shared" si="441"/>
        <v>279.45089334501228</v>
      </c>
      <c r="L1877" s="237">
        <f t="shared" si="446"/>
        <v>93.065826091145468</v>
      </c>
      <c r="M1877" s="236">
        <f t="shared" si="442"/>
        <v>28.407302848908152</v>
      </c>
      <c r="N1877" s="236">
        <f t="shared" si="443"/>
        <v>0.11725772283748535</v>
      </c>
      <c r="O1877" s="236">
        <f t="shared" si="447"/>
        <v>2.0371934962593099</v>
      </c>
      <c r="P1877" s="236" t="str">
        <f t="shared" si="448"/>
        <v>SAND</v>
      </c>
      <c r="Q1877" s="236" t="e">
        <f t="shared" si="444"/>
        <v>#N/A</v>
      </c>
      <c r="R1877" s="238">
        <v>35</v>
      </c>
      <c r="S1877" s="236" t="e">
        <f t="shared" si="449"/>
        <v>#N/A</v>
      </c>
      <c r="T1877" s="236">
        <f t="shared" si="435"/>
        <v>33.587730014181375</v>
      </c>
    </row>
    <row r="1878" spans="1:20" x14ac:dyDescent="0.2">
      <c r="A1878" s="53">
        <f t="shared" si="436"/>
        <v>1866</v>
      </c>
      <c r="B1878" s="239">
        <v>18.658999999999999</v>
      </c>
      <c r="C1878" s="3">
        <f t="shared" si="437"/>
        <v>18.651999999999997</v>
      </c>
      <c r="D1878" s="239">
        <v>3.0289999999999999</v>
      </c>
      <c r="E1878" s="239">
        <v>2.8E-3</v>
      </c>
      <c r="F1878" s="239">
        <v>0.19869999999999999</v>
      </c>
      <c r="G1878">
        <f t="shared" si="438"/>
        <v>3.06874</v>
      </c>
      <c r="H1878" s="235">
        <f t="shared" si="439"/>
        <v>9.1242659853881386E-2</v>
      </c>
      <c r="I1878" s="236">
        <f t="shared" si="440"/>
        <v>14.89003382383013</v>
      </c>
      <c r="J1878" s="237">
        <f t="shared" si="445"/>
        <v>4.8900338238301302</v>
      </c>
      <c r="K1878" s="237">
        <f t="shared" si="441"/>
        <v>277.72891088207956</v>
      </c>
      <c r="L1878" s="237">
        <f t="shared" si="446"/>
        <v>91.243141118846395</v>
      </c>
      <c r="M1878" s="236">
        <f t="shared" si="442"/>
        <v>30.588722120850282</v>
      </c>
      <c r="N1878" s="236">
        <f t="shared" si="443"/>
        <v>0.10032206646964344</v>
      </c>
      <c r="O1878" s="236">
        <f t="shared" si="447"/>
        <v>1.9967506641821466</v>
      </c>
      <c r="P1878" s="236" t="str">
        <f t="shared" si="448"/>
        <v>SAND</v>
      </c>
      <c r="Q1878" s="236" t="e">
        <f t="shared" si="444"/>
        <v>#N/A</v>
      </c>
      <c r="R1878" s="238">
        <v>35</v>
      </c>
      <c r="S1878" s="236" t="e">
        <f t="shared" si="449"/>
        <v>#N/A</v>
      </c>
      <c r="T1878" s="236">
        <f t="shared" si="435"/>
        <v>33.941174676317893</v>
      </c>
    </row>
    <row r="1879" spans="1:20" x14ac:dyDescent="0.2">
      <c r="A1879" s="53">
        <f t="shared" si="436"/>
        <v>1867</v>
      </c>
      <c r="B1879" s="239">
        <v>18.669</v>
      </c>
      <c r="C1879" s="3">
        <f t="shared" si="437"/>
        <v>18.661999999999999</v>
      </c>
      <c r="D1879" s="239">
        <v>3.0474999999999999</v>
      </c>
      <c r="E1879" s="239">
        <v>3.0999999999999999E-3</v>
      </c>
      <c r="F1879" s="239">
        <v>0.188</v>
      </c>
      <c r="G1879">
        <f t="shared" si="438"/>
        <v>3.0850999999999997</v>
      </c>
      <c r="H1879" s="235">
        <f t="shared" si="439"/>
        <v>0.10048296651648245</v>
      </c>
      <c r="I1879" s="236">
        <f t="shared" si="440"/>
        <v>15.011461948917241</v>
      </c>
      <c r="J1879" s="237">
        <f t="shared" si="445"/>
        <v>5.0114619489172405</v>
      </c>
      <c r="K1879" s="237">
        <f t="shared" si="441"/>
        <v>280.14390289069354</v>
      </c>
      <c r="L1879" s="237">
        <f t="shared" si="446"/>
        <v>93.558983124335967</v>
      </c>
      <c r="M1879" s="236">
        <f t="shared" si="442"/>
        <v>29.980617610835267</v>
      </c>
      <c r="N1879" s="236">
        <f t="shared" si="443"/>
        <v>0.11051866384628108</v>
      </c>
      <c r="O1879" s="236">
        <f t="shared" si="447"/>
        <v>2.0104931786753628</v>
      </c>
      <c r="P1879" s="236" t="str">
        <f t="shared" si="448"/>
        <v>SAND</v>
      </c>
      <c r="Q1879" s="236" t="e">
        <f t="shared" si="444"/>
        <v>#N/A</v>
      </c>
      <c r="R1879" s="238">
        <v>35</v>
      </c>
      <c r="S1879" s="236" t="e">
        <f t="shared" si="449"/>
        <v>#N/A</v>
      </c>
      <c r="T1879" s="236">
        <f t="shared" si="435"/>
        <v>33.845246327389518</v>
      </c>
    </row>
    <row r="1880" spans="1:20" x14ac:dyDescent="0.2">
      <c r="A1880" s="53">
        <f t="shared" si="436"/>
        <v>1868</v>
      </c>
      <c r="B1880" s="239">
        <v>18.678999999999998</v>
      </c>
      <c r="C1880" s="3">
        <f t="shared" si="437"/>
        <v>18.671999999999997</v>
      </c>
      <c r="D1880" s="239">
        <v>3.0581</v>
      </c>
      <c r="E1880" s="239">
        <v>3.2000000000000002E-3</v>
      </c>
      <c r="F1880" s="239">
        <v>0.1825</v>
      </c>
      <c r="G1880">
        <f t="shared" si="438"/>
        <v>3.0946000000000002</v>
      </c>
      <c r="H1880" s="235">
        <f t="shared" si="439"/>
        <v>0.10340593291540102</v>
      </c>
      <c r="I1880" s="236">
        <f t="shared" si="440"/>
        <v>15.04989206492734</v>
      </c>
      <c r="J1880" s="237">
        <f t="shared" si="445"/>
        <v>5.0498920649273398</v>
      </c>
      <c r="K1880" s="237">
        <f t="shared" si="441"/>
        <v>281.01158463632322</v>
      </c>
      <c r="L1880" s="237">
        <f t="shared" si="446"/>
        <v>94.326933880777773</v>
      </c>
      <c r="M1880" s="236">
        <f t="shared" si="442"/>
        <v>29.828049101223236</v>
      </c>
      <c r="N1880" s="236">
        <f t="shared" si="443"/>
        <v>0.11373376370638691</v>
      </c>
      <c r="O1880" s="236">
        <f t="shared" si="447"/>
        <v>2.0143577038613611</v>
      </c>
      <c r="P1880" s="236" t="str">
        <f t="shared" si="448"/>
        <v>SAND</v>
      </c>
      <c r="Q1880" s="236" t="e">
        <f t="shared" si="444"/>
        <v>#N/A</v>
      </c>
      <c r="R1880" s="238">
        <v>35</v>
      </c>
      <c r="S1880" s="236" t="e">
        <f t="shared" si="449"/>
        <v>#N/A</v>
      </c>
      <c r="T1880" s="236">
        <f t="shared" si="435"/>
        <v>33.820873342628502</v>
      </c>
    </row>
    <row r="1881" spans="1:20" x14ac:dyDescent="0.2">
      <c r="A1881" s="53">
        <f t="shared" si="436"/>
        <v>1869</v>
      </c>
      <c r="B1881" s="239">
        <v>18.689</v>
      </c>
      <c r="C1881" s="3">
        <f t="shared" si="437"/>
        <v>18.681999999999999</v>
      </c>
      <c r="D1881" s="239">
        <v>3.0164</v>
      </c>
      <c r="E1881" s="239">
        <v>3.3E-3</v>
      </c>
      <c r="F1881" s="239">
        <v>0.1845</v>
      </c>
      <c r="G1881">
        <f t="shared" si="438"/>
        <v>3.0533000000000001</v>
      </c>
      <c r="H1881" s="235">
        <f t="shared" si="439"/>
        <v>0.10807978253037696</v>
      </c>
      <c r="I1881" s="236">
        <f t="shared" si="440"/>
        <v>15.080723221997339</v>
      </c>
      <c r="J1881" s="237">
        <f t="shared" si="445"/>
        <v>5.0807232219973386</v>
      </c>
      <c r="K1881" s="237">
        <f t="shared" si="441"/>
        <v>281.73807123335428</v>
      </c>
      <c r="L1881" s="237">
        <f t="shared" si="446"/>
        <v>94.953636295908268</v>
      </c>
      <c r="M1881" s="236">
        <f t="shared" si="442"/>
        <v>29.188581258009997</v>
      </c>
      <c r="N1881" s="236">
        <f t="shared" si="443"/>
        <v>0.11906643563503236</v>
      </c>
      <c r="O1881" s="236">
        <f t="shared" si="447"/>
        <v>2.026490146068201</v>
      </c>
      <c r="P1881" s="236" t="str">
        <f t="shared" si="448"/>
        <v>SAND</v>
      </c>
      <c r="Q1881" s="236" t="e">
        <f t="shared" si="444"/>
        <v>#N/A</v>
      </c>
      <c r="R1881" s="238">
        <v>35</v>
      </c>
      <c r="S1881" s="236" t="e">
        <f t="shared" si="449"/>
        <v>#N/A</v>
      </c>
      <c r="T1881" s="236">
        <f t="shared" si="435"/>
        <v>33.717342847721611</v>
      </c>
    </row>
    <row r="1882" spans="1:20" x14ac:dyDescent="0.2">
      <c r="A1882" s="53">
        <f t="shared" si="436"/>
        <v>1870</v>
      </c>
      <c r="B1882" s="239">
        <v>18.699000000000002</v>
      </c>
      <c r="C1882" s="3">
        <f t="shared" si="437"/>
        <v>18.692</v>
      </c>
      <c r="D1882" s="239">
        <v>2.9847000000000001</v>
      </c>
      <c r="E1882" s="239">
        <v>3.3E-3</v>
      </c>
      <c r="F1882" s="239">
        <v>0.1885</v>
      </c>
      <c r="G1882">
        <f t="shared" si="438"/>
        <v>3.0224000000000002</v>
      </c>
      <c r="H1882" s="235">
        <f t="shared" si="439"/>
        <v>0.10918475383800952</v>
      </c>
      <c r="I1882" s="236">
        <f t="shared" si="440"/>
        <v>15.076747438572763</v>
      </c>
      <c r="J1882" s="237">
        <f t="shared" si="445"/>
        <v>5.0767474385727631</v>
      </c>
      <c r="K1882" s="237">
        <f t="shared" si="441"/>
        <v>281.81456312180211</v>
      </c>
      <c r="L1882" s="237">
        <f t="shared" si="446"/>
        <v>94.930100353872106</v>
      </c>
      <c r="M1882" s="236">
        <f t="shared" si="442"/>
        <v>28.869509530297385</v>
      </c>
      <c r="N1882" s="236">
        <f t="shared" si="443"/>
        <v>0.12041222855504301</v>
      </c>
      <c r="O1882" s="236">
        <f t="shared" si="447"/>
        <v>2.031929277485014</v>
      </c>
      <c r="P1882" s="236" t="str">
        <f t="shared" si="448"/>
        <v>SAND</v>
      </c>
      <c r="Q1882" s="236" t="e">
        <f t="shared" si="444"/>
        <v>#N/A</v>
      </c>
      <c r="R1882" s="238">
        <v>35</v>
      </c>
      <c r="S1882" s="236" t="e">
        <f t="shared" si="449"/>
        <v>#N/A</v>
      </c>
      <c r="T1882" s="236">
        <f t="shared" si="435"/>
        <v>33.664833461931337</v>
      </c>
    </row>
    <row r="1883" spans="1:20" x14ac:dyDescent="0.2">
      <c r="A1883" s="53">
        <f t="shared" si="436"/>
        <v>1871</v>
      </c>
      <c r="B1883" s="239">
        <v>18.707999999999998</v>
      </c>
      <c r="C1883" s="3">
        <f t="shared" si="437"/>
        <v>18.700999999999997</v>
      </c>
      <c r="D1883" s="239">
        <v>2.9319000000000002</v>
      </c>
      <c r="E1883" s="239">
        <v>3.3E-3</v>
      </c>
      <c r="F1883" s="239">
        <v>0.1918</v>
      </c>
      <c r="G1883">
        <f t="shared" si="438"/>
        <v>2.9702600000000001</v>
      </c>
      <c r="H1883" s="235">
        <f t="shared" si="439"/>
        <v>0.1111013850639338</v>
      </c>
      <c r="I1883" s="236">
        <f t="shared" si="440"/>
        <v>15.069945712081639</v>
      </c>
      <c r="J1883" s="237">
        <f t="shared" si="445"/>
        <v>5.0699457120816387</v>
      </c>
      <c r="K1883" s="237">
        <f t="shared" si="441"/>
        <v>281.82305476163867</v>
      </c>
      <c r="L1883" s="237">
        <f t="shared" si="446"/>
        <v>94.848544381623284</v>
      </c>
      <c r="M1883" s="236">
        <f t="shared" si="442"/>
        <v>28.344525082234586</v>
      </c>
      <c r="N1883" s="236">
        <f t="shared" si="443"/>
        <v>0.12274790397613047</v>
      </c>
      <c r="O1883" s="236">
        <f t="shared" si="447"/>
        <v>2.0410586212420019</v>
      </c>
      <c r="P1883" s="236" t="str">
        <f t="shared" si="448"/>
        <v>SAND</v>
      </c>
      <c r="Q1883" s="236" t="e">
        <f t="shared" si="444"/>
        <v>#N/A</v>
      </c>
      <c r="R1883" s="238">
        <v>35</v>
      </c>
      <c r="S1883" s="236" t="e">
        <f t="shared" si="449"/>
        <v>#N/A</v>
      </c>
      <c r="T1883" s="236">
        <f t="shared" si="435"/>
        <v>33.577161031738505</v>
      </c>
    </row>
    <row r="1884" spans="1:20" x14ac:dyDescent="0.2">
      <c r="A1884" s="53">
        <f t="shared" si="436"/>
        <v>1872</v>
      </c>
      <c r="B1884" s="239">
        <v>18.707999999999998</v>
      </c>
      <c r="C1884" s="3">
        <f t="shared" si="437"/>
        <v>18.700999999999997</v>
      </c>
      <c r="D1884" s="239">
        <v>2.8435999999999999</v>
      </c>
      <c r="E1884" s="239">
        <v>3.3999999999999998E-3</v>
      </c>
      <c r="F1884" s="239">
        <v>0.19450000000000001</v>
      </c>
      <c r="G1884">
        <f t="shared" si="438"/>
        <v>2.8824999999999998</v>
      </c>
      <c r="H1884" s="235">
        <f t="shared" si="439"/>
        <v>0.11795316565481352</v>
      </c>
      <c r="I1884" s="236">
        <f t="shared" si="440"/>
        <v>15.093228514766636</v>
      </c>
      <c r="J1884" s="237">
        <f t="shared" si="445"/>
        <v>5.0932285147666363</v>
      </c>
      <c r="K1884" s="237">
        <f t="shared" si="441"/>
        <v>282.25846645465083</v>
      </c>
      <c r="L1884" s="237">
        <f t="shared" si="446"/>
        <v>95.284119054254219</v>
      </c>
      <c r="M1884" s="236">
        <f t="shared" si="442"/>
        <v>27.289348522651366</v>
      </c>
      <c r="N1884" s="236">
        <f t="shared" si="443"/>
        <v>0.13075708376076142</v>
      </c>
      <c r="O1884" s="236">
        <f t="shared" si="447"/>
        <v>2.0616480401306059</v>
      </c>
      <c r="P1884" s="236" t="str">
        <f t="shared" si="448"/>
        <v>SAND</v>
      </c>
      <c r="Q1884" s="236" t="e">
        <f t="shared" si="444"/>
        <v>#N/A</v>
      </c>
      <c r="R1884" s="238">
        <v>35</v>
      </c>
      <c r="S1884" s="236" t="e">
        <f t="shared" si="449"/>
        <v>#N/A</v>
      </c>
      <c r="T1884" s="236">
        <f t="shared" si="435"/>
        <v>33.395924846918419</v>
      </c>
    </row>
    <row r="1885" spans="1:20" x14ac:dyDescent="0.2">
      <c r="A1885" s="53">
        <f t="shared" si="436"/>
        <v>1873</v>
      </c>
      <c r="B1885" s="239">
        <v>18.707999999999998</v>
      </c>
      <c r="C1885" s="3">
        <f t="shared" si="437"/>
        <v>18.700999999999997</v>
      </c>
      <c r="D1885" s="239">
        <v>2.4123000000000001</v>
      </c>
      <c r="E1885" s="239">
        <v>4.4000000000000003E-3</v>
      </c>
      <c r="F1885" s="239">
        <v>0.19620000000000001</v>
      </c>
      <c r="G1885">
        <f t="shared" si="438"/>
        <v>2.4515400000000001</v>
      </c>
      <c r="H1885" s="235">
        <f t="shared" si="439"/>
        <v>0.17947902134984539</v>
      </c>
      <c r="I1885" s="236">
        <f t="shared" si="440"/>
        <v>15.332260366232447</v>
      </c>
      <c r="J1885" s="237">
        <f t="shared" si="445"/>
        <v>5.3322603662324468</v>
      </c>
      <c r="K1885" s="237">
        <f t="shared" si="441"/>
        <v>286.72860110891293</v>
      </c>
      <c r="L1885" s="237">
        <f t="shared" si="446"/>
        <v>99.755926931476608</v>
      </c>
      <c r="M1885" s="236">
        <f t="shared" si="442"/>
        <v>21.70108048194589</v>
      </c>
      <c r="N1885" s="236">
        <f t="shared" si="443"/>
        <v>0.20325096228954986</v>
      </c>
      <c r="O1885" s="236">
        <f t="shared" si="447"/>
        <v>2.1978899506342371</v>
      </c>
      <c r="P1885" s="236" t="str">
        <f t="shared" si="448"/>
        <v>SAND</v>
      </c>
      <c r="Q1885" s="236" t="e">
        <f t="shared" si="444"/>
        <v>#N/A</v>
      </c>
      <c r="R1885" s="238">
        <v>35</v>
      </c>
      <c r="S1885" s="236" t="e">
        <f t="shared" si="449"/>
        <v>#N/A</v>
      </c>
      <c r="T1885" s="236">
        <f t="shared" si="435"/>
        <v>32.301294933730802</v>
      </c>
    </row>
    <row r="1886" spans="1:20" x14ac:dyDescent="0.2">
      <c r="A1886" s="53">
        <f t="shared" si="436"/>
        <v>1874</v>
      </c>
      <c r="B1886" s="239">
        <v>18.707999999999998</v>
      </c>
      <c r="C1886" s="3">
        <f t="shared" si="437"/>
        <v>18.700999999999997</v>
      </c>
      <c r="D1886" s="239">
        <v>2.2435999999999998</v>
      </c>
      <c r="E1886" s="239">
        <v>5.4999999999999997E-3</v>
      </c>
      <c r="F1886" s="239">
        <v>0.19980000000000001</v>
      </c>
      <c r="G1886">
        <f t="shared" si="438"/>
        <v>2.2835599999999996</v>
      </c>
      <c r="H1886" s="235">
        <f t="shared" si="439"/>
        <v>0.24085200301283963</v>
      </c>
      <c r="I1886" s="236">
        <f t="shared" si="440"/>
        <v>15.566173500387086</v>
      </c>
      <c r="J1886" s="237">
        <f t="shared" si="445"/>
        <v>5.5661735003870856</v>
      </c>
      <c r="K1886" s="237">
        <f t="shared" si="441"/>
        <v>291.10301063073882</v>
      </c>
      <c r="L1886" s="237">
        <f t="shared" si="446"/>
        <v>104.13197384524159</v>
      </c>
      <c r="M1886" s="236">
        <f t="shared" si="442"/>
        <v>19.133959683991026</v>
      </c>
      <c r="N1886" s="236">
        <f t="shared" si="443"/>
        <v>0.27604109043985436</v>
      </c>
      <c r="O1886" s="236">
        <f t="shared" si="447"/>
        <v>2.2858443236639676</v>
      </c>
      <c r="P1886" s="236" t="str">
        <f t="shared" si="448"/>
        <v>SAND</v>
      </c>
      <c r="Q1886" s="236" t="e">
        <f t="shared" si="444"/>
        <v>#N/A</v>
      </c>
      <c r="R1886" s="238">
        <v>35</v>
      </c>
      <c r="S1886" s="236" t="e">
        <f t="shared" si="449"/>
        <v>#N/A</v>
      </c>
      <c r="T1886" s="236">
        <f t="shared" si="435"/>
        <v>31.699853400071298</v>
      </c>
    </row>
    <row r="1887" spans="1:20" x14ac:dyDescent="0.2">
      <c r="A1887" s="53">
        <f t="shared" si="436"/>
        <v>1875</v>
      </c>
      <c r="B1887" s="239">
        <v>18.716000000000001</v>
      </c>
      <c r="C1887" s="3">
        <f t="shared" si="437"/>
        <v>18.709</v>
      </c>
      <c r="D1887" s="239">
        <v>2.1541999999999999</v>
      </c>
      <c r="E1887" s="239">
        <v>6.1000000000000004E-3</v>
      </c>
      <c r="F1887" s="239">
        <v>0.2026</v>
      </c>
      <c r="G1887">
        <f t="shared" si="438"/>
        <v>2.1947199999999998</v>
      </c>
      <c r="H1887" s="235">
        <f t="shared" si="439"/>
        <v>0.27793978275133052</v>
      </c>
      <c r="I1887" s="236">
        <f t="shared" si="440"/>
        <v>15.672074818074982</v>
      </c>
      <c r="J1887" s="237">
        <f t="shared" si="445"/>
        <v>5.6720748180749823</v>
      </c>
      <c r="K1887" s="237">
        <f t="shared" si="441"/>
        <v>293.20884777136484</v>
      </c>
      <c r="L1887" s="237">
        <f t="shared" si="446"/>
        <v>106.15855229509137</v>
      </c>
      <c r="M1887" s="236">
        <f t="shared" si="442"/>
        <v>17.911992120455455</v>
      </c>
      <c r="N1887" s="236">
        <f t="shared" si="443"/>
        <v>0.3207974874536284</v>
      </c>
      <c r="O1887" s="236">
        <f t="shared" si="447"/>
        <v>2.3327799765797925</v>
      </c>
      <c r="P1887" s="236" t="str">
        <f t="shared" si="448"/>
        <v>SAND</v>
      </c>
      <c r="Q1887" s="236" t="e">
        <f t="shared" si="444"/>
        <v>#N/A</v>
      </c>
      <c r="R1887" s="238">
        <v>35</v>
      </c>
      <c r="S1887" s="236" t="e">
        <f t="shared" si="449"/>
        <v>#N/A</v>
      </c>
      <c r="T1887" s="236">
        <f t="shared" si="435"/>
        <v>31.384582784757818</v>
      </c>
    </row>
    <row r="1888" spans="1:20" x14ac:dyDescent="0.2">
      <c r="A1888" s="53">
        <f t="shared" si="436"/>
        <v>1876</v>
      </c>
      <c r="B1888" s="239">
        <v>18.725999999999999</v>
      </c>
      <c r="C1888" s="3">
        <f t="shared" si="437"/>
        <v>18.718999999999998</v>
      </c>
      <c r="D1888" s="239">
        <v>2.7412999999999998</v>
      </c>
      <c r="E1888" s="239">
        <v>4.7999999999999996E-3</v>
      </c>
      <c r="F1888" s="239">
        <v>0.20050000000000001</v>
      </c>
      <c r="G1888">
        <f t="shared" si="438"/>
        <v>2.7813999999999997</v>
      </c>
      <c r="H1888" s="235">
        <f t="shared" si="439"/>
        <v>0.17257496224922703</v>
      </c>
      <c r="I1888" s="236">
        <f t="shared" si="440"/>
        <v>15.483631500582007</v>
      </c>
      <c r="J1888" s="237">
        <f t="shared" si="445"/>
        <v>5.4836315005820069</v>
      </c>
      <c r="K1888" s="237">
        <f t="shared" si="441"/>
        <v>289.83809805939455</v>
      </c>
      <c r="L1888" s="237">
        <f t="shared" si="446"/>
        <v>102.68648347989865</v>
      </c>
      <c r="M1888" s="236">
        <f t="shared" si="442"/>
        <v>24.263776667630648</v>
      </c>
      <c r="N1888" s="236">
        <f t="shared" si="443"/>
        <v>0.19265024064870392</v>
      </c>
      <c r="O1888" s="236">
        <f t="shared" si="447"/>
        <v>2.145271726045352</v>
      </c>
      <c r="P1888" s="236" t="str">
        <f t="shared" si="448"/>
        <v>SAND</v>
      </c>
      <c r="Q1888" s="236" t="e">
        <f t="shared" si="444"/>
        <v>#N/A</v>
      </c>
      <c r="R1888" s="238">
        <v>35</v>
      </c>
      <c r="S1888" s="236" t="e">
        <f t="shared" si="449"/>
        <v>#N/A</v>
      </c>
      <c r="T1888" s="236">
        <f t="shared" si="435"/>
        <v>32.834542399133404</v>
      </c>
    </row>
    <row r="1889" spans="1:20" x14ac:dyDescent="0.2">
      <c r="A1889" s="53">
        <f t="shared" si="436"/>
        <v>1877</v>
      </c>
      <c r="B1889" s="239">
        <v>18.734999999999999</v>
      </c>
      <c r="C1889" s="3">
        <f t="shared" si="437"/>
        <v>18.727999999999998</v>
      </c>
      <c r="D1889" s="239">
        <v>2.7233999999999998</v>
      </c>
      <c r="E1889" s="239">
        <v>5.0000000000000001E-3</v>
      </c>
      <c r="F1889" s="239">
        <v>0.2074</v>
      </c>
      <c r="G1889">
        <f t="shared" si="438"/>
        <v>2.7648799999999998</v>
      </c>
      <c r="H1889" s="235">
        <f t="shared" si="439"/>
        <v>0.18083967477792889</v>
      </c>
      <c r="I1889" s="236">
        <f t="shared" si="440"/>
        <v>15.529170724397169</v>
      </c>
      <c r="J1889" s="237">
        <f t="shared" si="445"/>
        <v>5.5291707243971686</v>
      </c>
      <c r="K1889" s="237">
        <f t="shared" si="441"/>
        <v>290.83030932651013</v>
      </c>
      <c r="L1889" s="237">
        <f t="shared" si="446"/>
        <v>103.58901352158095</v>
      </c>
      <c r="M1889" s="236">
        <f t="shared" si="442"/>
        <v>23.883321276711115</v>
      </c>
      <c r="N1889" s="236">
        <f t="shared" si="443"/>
        <v>0.20209780017146267</v>
      </c>
      <c r="O1889" s="236">
        <f t="shared" si="447"/>
        <v>2.1569150836775193</v>
      </c>
      <c r="P1889" s="236" t="str">
        <f t="shared" si="448"/>
        <v>SAND</v>
      </c>
      <c r="Q1889" s="236" t="e">
        <f t="shared" si="444"/>
        <v>#N/A</v>
      </c>
      <c r="R1889" s="238">
        <v>35</v>
      </c>
      <c r="S1889" s="236" t="e">
        <f t="shared" si="449"/>
        <v>#N/A</v>
      </c>
      <c r="T1889" s="236">
        <f t="shared" si="435"/>
        <v>32.759041928536583</v>
      </c>
    </row>
    <row r="1890" spans="1:20" x14ac:dyDescent="0.2">
      <c r="A1890" s="53">
        <f t="shared" si="436"/>
        <v>1878</v>
      </c>
      <c r="B1890" s="239">
        <v>18.744</v>
      </c>
      <c r="C1890" s="3">
        <f t="shared" si="437"/>
        <v>18.736999999999998</v>
      </c>
      <c r="D1890" s="239">
        <v>2.6113</v>
      </c>
      <c r="E1890" s="239">
        <v>6.0000000000000001E-3</v>
      </c>
      <c r="F1890" s="239">
        <v>0.2092</v>
      </c>
      <c r="G1890">
        <f t="shared" si="438"/>
        <v>2.6531400000000001</v>
      </c>
      <c r="H1890" s="235">
        <f t="shared" si="439"/>
        <v>0.22614713132363914</v>
      </c>
      <c r="I1890" s="236">
        <f t="shared" si="440"/>
        <v>15.726835580981364</v>
      </c>
      <c r="J1890" s="237">
        <f t="shared" si="445"/>
        <v>5.7268355809813638</v>
      </c>
      <c r="K1890" s="237">
        <f t="shared" si="441"/>
        <v>294.67371828084777</v>
      </c>
      <c r="L1890" s="237">
        <f t="shared" si="446"/>
        <v>107.34380612991468</v>
      </c>
      <c r="M1890" s="236">
        <f t="shared" si="442"/>
        <v>21.97114455644304</v>
      </c>
      <c r="N1890" s="236">
        <f t="shared" si="443"/>
        <v>0.25440261946956616</v>
      </c>
      <c r="O1890" s="236">
        <f t="shared" si="447"/>
        <v>2.2181722779759934</v>
      </c>
      <c r="P1890" s="236" t="str">
        <f t="shared" si="448"/>
        <v>SAND</v>
      </c>
      <c r="Q1890" s="236" t="e">
        <f t="shared" si="444"/>
        <v>#N/A</v>
      </c>
      <c r="R1890" s="238">
        <v>35</v>
      </c>
      <c r="S1890" s="236" t="e">
        <f t="shared" si="449"/>
        <v>#N/A</v>
      </c>
      <c r="T1890" s="236">
        <f t="shared" si="435"/>
        <v>32.36037949629403</v>
      </c>
    </row>
    <row r="1891" spans="1:20" x14ac:dyDescent="0.2">
      <c r="A1891" s="53">
        <f t="shared" si="436"/>
        <v>1879</v>
      </c>
      <c r="B1891" s="239">
        <v>18.754999999999999</v>
      </c>
      <c r="C1891" s="3">
        <f t="shared" si="437"/>
        <v>18.747999999999998</v>
      </c>
      <c r="D1891" s="239">
        <v>2.5705</v>
      </c>
      <c r="E1891" s="239">
        <v>7.0000000000000001E-3</v>
      </c>
      <c r="F1891" s="239">
        <v>0.2223</v>
      </c>
      <c r="G1891">
        <f t="shared" si="438"/>
        <v>2.61496</v>
      </c>
      <c r="H1891" s="235">
        <f t="shared" si="439"/>
        <v>0.26769051916664116</v>
      </c>
      <c r="I1891" s="236">
        <f t="shared" si="440"/>
        <v>15.901926307443169</v>
      </c>
      <c r="J1891" s="237">
        <f t="shared" si="445"/>
        <v>5.9019263074431692</v>
      </c>
      <c r="K1891" s="237">
        <f t="shared" si="441"/>
        <v>298.12931441194451</v>
      </c>
      <c r="L1891" s="237">
        <f t="shared" si="446"/>
        <v>110.69062789609663</v>
      </c>
      <c r="M1891" s="236">
        <f t="shared" si="442"/>
        <v>20.930685186489541</v>
      </c>
      <c r="N1891" s="236">
        <f t="shared" si="443"/>
        <v>0.30213688223070417</v>
      </c>
      <c r="O1891" s="236">
        <f t="shared" si="447"/>
        <v>2.2604019730663421</v>
      </c>
      <c r="P1891" s="236" t="str">
        <f t="shared" si="448"/>
        <v>SAND</v>
      </c>
      <c r="Q1891" s="236" t="e">
        <f t="shared" si="444"/>
        <v>#N/A</v>
      </c>
      <c r="R1891" s="238">
        <v>35</v>
      </c>
      <c r="S1891" s="236" t="e">
        <f t="shared" si="449"/>
        <v>#N/A</v>
      </c>
      <c r="T1891" s="236">
        <f t="shared" si="435"/>
        <v>32.12861790189509</v>
      </c>
    </row>
    <row r="1892" spans="1:20" x14ac:dyDescent="0.2">
      <c r="A1892" s="53">
        <f t="shared" si="436"/>
        <v>1880</v>
      </c>
      <c r="B1892" s="239">
        <v>18.763999999999999</v>
      </c>
      <c r="C1892" s="3">
        <f t="shared" si="437"/>
        <v>18.756999999999998</v>
      </c>
      <c r="D1892" s="239">
        <v>2.4205999999999999</v>
      </c>
      <c r="E1892" s="239">
        <v>8.6999999999999994E-3</v>
      </c>
      <c r="F1892" s="239">
        <v>0.2198</v>
      </c>
      <c r="G1892">
        <f t="shared" si="438"/>
        <v>2.4645599999999996</v>
      </c>
      <c r="H1892" s="235">
        <f t="shared" si="439"/>
        <v>0.3530041873600156</v>
      </c>
      <c r="I1892" s="236">
        <f t="shared" si="440"/>
        <v>16.133710492464989</v>
      </c>
      <c r="J1892" s="237">
        <f t="shared" si="445"/>
        <v>6.1337104924649886</v>
      </c>
      <c r="K1892" s="237">
        <f t="shared" si="441"/>
        <v>302.62000770716577</v>
      </c>
      <c r="L1892" s="237">
        <f t="shared" si="446"/>
        <v>115.09294368061305</v>
      </c>
      <c r="M1892" s="236">
        <f t="shared" si="442"/>
        <v>18.78429661415467</v>
      </c>
      <c r="N1892" s="236">
        <f t="shared" si="443"/>
        <v>0.40241634971437212</v>
      </c>
      <c r="O1892" s="236">
        <f t="shared" si="447"/>
        <v>2.3459340465791509</v>
      </c>
      <c r="P1892" s="236" t="str">
        <f t="shared" si="448"/>
        <v>SAND</v>
      </c>
      <c r="Q1892" s="236" t="e">
        <f t="shared" si="444"/>
        <v>#N/A</v>
      </c>
      <c r="R1892" s="238">
        <v>35</v>
      </c>
      <c r="S1892" s="236" t="e">
        <f t="shared" si="449"/>
        <v>#N/A</v>
      </c>
      <c r="T1892" s="236">
        <f t="shared" si="435"/>
        <v>31.611744311018349</v>
      </c>
    </row>
    <row r="1893" spans="1:20" x14ac:dyDescent="0.2">
      <c r="A1893" s="53">
        <f t="shared" si="436"/>
        <v>1881</v>
      </c>
      <c r="B1893" s="239">
        <v>18.774000000000001</v>
      </c>
      <c r="C1893" s="3">
        <f t="shared" si="437"/>
        <v>18.766999999999999</v>
      </c>
      <c r="D1893" s="239">
        <v>2.2955000000000001</v>
      </c>
      <c r="E1893" s="239">
        <v>1.0999999999999999E-2</v>
      </c>
      <c r="F1893" s="239">
        <v>0.22850000000000001</v>
      </c>
      <c r="G1893">
        <f t="shared" si="438"/>
        <v>2.3412000000000002</v>
      </c>
      <c r="H1893" s="235">
        <f t="shared" si="439"/>
        <v>0.46984452417563638</v>
      </c>
      <c r="I1893" s="236">
        <f t="shared" si="440"/>
        <v>16.388697968207623</v>
      </c>
      <c r="J1893" s="237">
        <f t="shared" si="445"/>
        <v>6.388697968207623</v>
      </c>
      <c r="K1893" s="237">
        <f t="shared" si="441"/>
        <v>307.56669476935247</v>
      </c>
      <c r="L1893" s="237">
        <f t="shared" si="446"/>
        <v>119.94141565512992</v>
      </c>
      <c r="M1893" s="236">
        <f t="shared" si="442"/>
        <v>16.955221798265217</v>
      </c>
      <c r="N1893" s="236">
        <f t="shared" si="443"/>
        <v>0.54090380855325426</v>
      </c>
      <c r="O1893" s="236">
        <f t="shared" si="447"/>
        <v>2.4349863911461522</v>
      </c>
      <c r="P1893" s="236" t="str">
        <f t="shared" si="448"/>
        <v>SAND</v>
      </c>
      <c r="Q1893" s="236" t="e">
        <f t="shared" si="444"/>
        <v>#N/A</v>
      </c>
      <c r="R1893" s="238">
        <v>35</v>
      </c>
      <c r="S1893" s="236" t="e">
        <f t="shared" si="449"/>
        <v>#N/A</v>
      </c>
      <c r="T1893" s="236">
        <f t="shared" si="435"/>
        <v>31.122338228705999</v>
      </c>
    </row>
    <row r="1894" spans="1:20" x14ac:dyDescent="0.2">
      <c r="A1894" s="53">
        <f t="shared" si="436"/>
        <v>1882</v>
      </c>
      <c r="B1894" s="239">
        <v>18.785</v>
      </c>
      <c r="C1894" s="3">
        <f t="shared" si="437"/>
        <v>18.777999999999999</v>
      </c>
      <c r="D1894" s="239">
        <v>2.1522999999999999</v>
      </c>
      <c r="E1894" s="239">
        <v>1.37E-2</v>
      </c>
      <c r="F1894" s="239">
        <v>0.217</v>
      </c>
      <c r="G1894">
        <f t="shared" si="438"/>
        <v>2.1957</v>
      </c>
      <c r="H1894" s="235">
        <f t="shared" si="439"/>
        <v>0.62394680511909639</v>
      </c>
      <c r="I1894" s="236">
        <f t="shared" si="440"/>
        <v>16.621004287394847</v>
      </c>
      <c r="J1894" s="237">
        <f t="shared" si="445"/>
        <v>6.6210042873948467</v>
      </c>
      <c r="K1894" s="237">
        <f t="shared" si="441"/>
        <v>312.10921850870039</v>
      </c>
      <c r="L1894" s="237">
        <f t="shared" si="446"/>
        <v>124.37556553871219</v>
      </c>
      <c r="M1894" s="236">
        <f t="shared" si="442"/>
        <v>15.144379632227901</v>
      </c>
      <c r="N1894" s="236">
        <f t="shared" si="443"/>
        <v>0.72733420308806518</v>
      </c>
      <c r="O1894" s="236">
        <f t="shared" si="447"/>
        <v>2.5324092717146307</v>
      </c>
      <c r="P1894" s="236" t="str">
        <f t="shared" si="448"/>
        <v>SAND</v>
      </c>
      <c r="Q1894" s="236" t="e">
        <f t="shared" si="444"/>
        <v>#N/A</v>
      </c>
      <c r="R1894" s="238">
        <v>35</v>
      </c>
      <c r="S1894" s="236" t="e">
        <f t="shared" si="449"/>
        <v>#N/A</v>
      </c>
      <c r="T1894" s="236">
        <f t="shared" si="435"/>
        <v>30.582766365615342</v>
      </c>
    </row>
    <row r="1895" spans="1:20" x14ac:dyDescent="0.2">
      <c r="A1895" s="53">
        <f t="shared" si="436"/>
        <v>1883</v>
      </c>
      <c r="B1895" s="239">
        <v>18.794</v>
      </c>
      <c r="C1895" s="3">
        <f t="shared" si="437"/>
        <v>18.786999999999999</v>
      </c>
      <c r="D1895" s="239">
        <v>1.9916</v>
      </c>
      <c r="E1895" s="239">
        <v>1.72E-2</v>
      </c>
      <c r="F1895" s="239">
        <v>0.20599999999999999</v>
      </c>
      <c r="G1895">
        <f t="shared" si="438"/>
        <v>2.0327999999999999</v>
      </c>
      <c r="H1895" s="235">
        <f t="shared" si="439"/>
        <v>0.84612357339630073</v>
      </c>
      <c r="I1895" s="236">
        <f t="shared" si="440"/>
        <v>16.857655047870949</v>
      </c>
      <c r="J1895" s="237">
        <f t="shared" si="445"/>
        <v>6.8576550478709493</v>
      </c>
      <c r="K1895" s="237">
        <f t="shared" si="441"/>
        <v>316.7047653843515</v>
      </c>
      <c r="L1895" s="237">
        <f t="shared" si="446"/>
        <v>128.88276896968662</v>
      </c>
      <c r="M1895" s="236">
        <f t="shared" si="442"/>
        <v>13.315164225089516</v>
      </c>
      <c r="N1895" s="236">
        <f t="shared" si="443"/>
        <v>1.0022753780242424</v>
      </c>
      <c r="O1895" s="236">
        <f t="shared" si="447"/>
        <v>2.6444091246836336</v>
      </c>
      <c r="P1895" s="236" t="str">
        <f t="shared" si="448"/>
        <v>CLAY</v>
      </c>
      <c r="Q1895" s="236">
        <f t="shared" si="444"/>
        <v>143.00793621797069</v>
      </c>
      <c r="R1895" s="238">
        <v>35</v>
      </c>
      <c r="S1895" s="236">
        <f t="shared" si="449"/>
        <v>6.3587707487209189</v>
      </c>
      <c r="T1895" s="236" t="e">
        <f t="shared" si="435"/>
        <v>#N/A</v>
      </c>
    </row>
    <row r="1896" spans="1:20" x14ac:dyDescent="0.2">
      <c r="A1896" s="53">
        <f t="shared" si="436"/>
        <v>1884</v>
      </c>
      <c r="B1896" s="239">
        <v>18.805</v>
      </c>
      <c r="C1896" s="3">
        <f t="shared" si="437"/>
        <v>18.797999999999998</v>
      </c>
      <c r="D1896" s="239">
        <v>1.8623000000000001</v>
      </c>
      <c r="E1896" s="239">
        <v>2.0299999999999999E-2</v>
      </c>
      <c r="F1896" s="239">
        <v>0.2029</v>
      </c>
      <c r="G1896">
        <f t="shared" si="438"/>
        <v>1.9028800000000001</v>
      </c>
      <c r="H1896" s="235">
        <f t="shared" si="439"/>
        <v>1.0668040023543259</v>
      </c>
      <c r="I1896" s="236">
        <f t="shared" si="440"/>
        <v>17.026152618133466</v>
      </c>
      <c r="J1896" s="237">
        <f t="shared" si="445"/>
        <v>7.0261526181334659</v>
      </c>
      <c r="K1896" s="237">
        <f t="shared" si="441"/>
        <v>320.05761691567284</v>
      </c>
      <c r="L1896" s="237">
        <f t="shared" si="446"/>
        <v>132.12679998399983</v>
      </c>
      <c r="M1896" s="236">
        <f t="shared" si="442"/>
        <v>11.979571012663611</v>
      </c>
      <c r="N1896" s="236">
        <f t="shared" si="443"/>
        <v>1.2825191390358601</v>
      </c>
      <c r="O1896" s="236">
        <f t="shared" si="447"/>
        <v>2.7355633385564935</v>
      </c>
      <c r="P1896" s="236" t="str">
        <f t="shared" si="448"/>
        <v>CLAY</v>
      </c>
      <c r="Q1896" s="236">
        <f t="shared" si="444"/>
        <v>131.90186525702725</v>
      </c>
      <c r="R1896" s="238">
        <v>35</v>
      </c>
      <c r="S1896" s="236">
        <f t="shared" si="449"/>
        <v>5.5717496124165065</v>
      </c>
      <c r="T1896" s="236" t="e">
        <f t="shared" si="435"/>
        <v>#N/A</v>
      </c>
    </row>
    <row r="1897" spans="1:20" x14ac:dyDescent="0.2">
      <c r="A1897" s="53">
        <f t="shared" si="436"/>
        <v>1885</v>
      </c>
      <c r="B1897" s="239">
        <v>18.809000000000001</v>
      </c>
      <c r="C1897" s="3">
        <f t="shared" si="437"/>
        <v>18.802</v>
      </c>
      <c r="D1897" s="239">
        <v>1.6431</v>
      </c>
      <c r="E1897" s="239">
        <v>2.29E-2</v>
      </c>
      <c r="F1897" s="239">
        <v>0.23219999999999999</v>
      </c>
      <c r="G1897">
        <f t="shared" si="438"/>
        <v>1.68954</v>
      </c>
      <c r="H1897" s="235">
        <f t="shared" si="439"/>
        <v>1.3553985108372695</v>
      </c>
      <c r="I1897" s="236">
        <f t="shared" si="440"/>
        <v>17.12099048707173</v>
      </c>
      <c r="J1897" s="237">
        <f t="shared" si="445"/>
        <v>7.1209904870717295</v>
      </c>
      <c r="K1897" s="237">
        <f t="shared" si="441"/>
        <v>321.90886313792265</v>
      </c>
      <c r="L1897" s="237">
        <f t="shared" si="446"/>
        <v>133.93871007133217</v>
      </c>
      <c r="M1897" s="236">
        <f t="shared" si="442"/>
        <v>10.210872839776593</v>
      </c>
      <c r="N1897" s="236">
        <f t="shared" si="443"/>
        <v>1.674428095615186</v>
      </c>
      <c r="O1897" s="236">
        <f t="shared" si="447"/>
        <v>2.8532371170041664</v>
      </c>
      <c r="P1897" s="236" t="str">
        <f t="shared" si="448"/>
        <v>CLAY</v>
      </c>
      <c r="Q1897" s="236">
        <f t="shared" si="444"/>
        <v>113.9692614051731</v>
      </c>
      <c r="R1897" s="238">
        <v>35</v>
      </c>
      <c r="S1897" s="236">
        <f t="shared" si="449"/>
        <v>4.5631904338495008</v>
      </c>
      <c r="T1897" s="236" t="e">
        <f t="shared" si="435"/>
        <v>#N/A</v>
      </c>
    </row>
    <row r="1898" spans="1:20" x14ac:dyDescent="0.2">
      <c r="A1898" s="53">
        <f t="shared" si="436"/>
        <v>1886</v>
      </c>
      <c r="B1898" s="239">
        <v>18.809000000000001</v>
      </c>
      <c r="C1898" s="3">
        <f t="shared" si="437"/>
        <v>18.802</v>
      </c>
      <c r="D1898" s="239">
        <v>1.3885000000000001</v>
      </c>
      <c r="E1898" s="239">
        <v>2.58E-2</v>
      </c>
      <c r="F1898" s="239">
        <v>0.25009999999999999</v>
      </c>
      <c r="G1898">
        <f t="shared" si="438"/>
        <v>1.43852</v>
      </c>
      <c r="H1898" s="235">
        <f t="shared" si="439"/>
        <v>1.7935099963851737</v>
      </c>
      <c r="I1898" s="236">
        <f t="shared" si="440"/>
        <v>17.197940574390937</v>
      </c>
      <c r="J1898" s="237">
        <f t="shared" si="445"/>
        <v>7.1979405743909375</v>
      </c>
      <c r="K1898" s="237">
        <f t="shared" si="441"/>
        <v>323.35567867969837</v>
      </c>
      <c r="L1898" s="237">
        <f t="shared" si="446"/>
        <v>135.38606426371916</v>
      </c>
      <c r="M1898" s="236">
        <f t="shared" si="442"/>
        <v>8.2369210404703654</v>
      </c>
      <c r="N1898" s="236">
        <f t="shared" si="443"/>
        <v>2.3135603880739324</v>
      </c>
      <c r="O1898" s="236">
        <f t="shared" si="447"/>
        <v>3.0056717570450608</v>
      </c>
      <c r="P1898" s="236" t="str">
        <f t="shared" si="448"/>
        <v>CLAY</v>
      </c>
      <c r="Q1898" s="236">
        <f t="shared" si="444"/>
        <v>92.93036011002512</v>
      </c>
      <c r="R1898" s="238">
        <v>35</v>
      </c>
      <c r="S1898" s="236">
        <f t="shared" si="449"/>
        <v>3.4885595210432001</v>
      </c>
      <c r="T1898" s="236" t="e">
        <f t="shared" si="435"/>
        <v>#N/A</v>
      </c>
    </row>
    <row r="1899" spans="1:20" x14ac:dyDescent="0.2">
      <c r="A1899" s="53">
        <f t="shared" si="436"/>
        <v>1887</v>
      </c>
      <c r="B1899" s="239">
        <v>18.809000000000001</v>
      </c>
      <c r="C1899" s="3">
        <f t="shared" si="437"/>
        <v>18.802</v>
      </c>
      <c r="D1899" s="239">
        <v>1.1524000000000001</v>
      </c>
      <c r="E1899" s="239">
        <v>2.81E-2</v>
      </c>
      <c r="F1899" s="239">
        <v>0.26490000000000002</v>
      </c>
      <c r="G1899">
        <f t="shared" si="438"/>
        <v>1.2053800000000001</v>
      </c>
      <c r="H1899" s="235">
        <f t="shared" si="439"/>
        <v>2.3312150525145592</v>
      </c>
      <c r="I1899" s="236">
        <f t="shared" si="440"/>
        <v>17.228961701257429</v>
      </c>
      <c r="J1899" s="237">
        <f t="shared" si="445"/>
        <v>7.228961701257429</v>
      </c>
      <c r="K1899" s="237">
        <f t="shared" si="441"/>
        <v>323.93893790704215</v>
      </c>
      <c r="L1899" s="237">
        <f t="shared" si="446"/>
        <v>135.969540638951</v>
      </c>
      <c r="M1899" s="236">
        <f t="shared" si="442"/>
        <v>6.4826361694749508</v>
      </c>
      <c r="N1899" s="236">
        <f t="shared" si="443"/>
        <v>3.1879613065991399</v>
      </c>
      <c r="O1899" s="236">
        <f t="shared" si="447"/>
        <v>3.1680879888891273</v>
      </c>
      <c r="P1899" s="236" t="str">
        <f t="shared" si="448"/>
        <v>CLAY</v>
      </c>
      <c r="Q1899" s="236">
        <f t="shared" si="444"/>
        <v>73.45342184107983</v>
      </c>
      <c r="R1899" s="238">
        <v>35</v>
      </c>
      <c r="S1899" s="236">
        <f t="shared" si="449"/>
        <v>2.5860062411188629</v>
      </c>
      <c r="T1899" s="236" t="e">
        <f t="shared" si="435"/>
        <v>#N/A</v>
      </c>
    </row>
    <row r="1900" spans="1:20" x14ac:dyDescent="0.2">
      <c r="A1900" s="53">
        <f t="shared" si="436"/>
        <v>1888</v>
      </c>
      <c r="B1900" s="239">
        <v>18.809000000000001</v>
      </c>
      <c r="C1900" s="3">
        <f t="shared" si="437"/>
        <v>18.802</v>
      </c>
      <c r="D1900" s="239">
        <v>1.1195999999999999</v>
      </c>
      <c r="E1900" s="239">
        <v>2.8199999999999999E-2</v>
      </c>
      <c r="F1900" s="239">
        <v>0.2712</v>
      </c>
      <c r="G1900">
        <f t="shared" si="438"/>
        <v>1.17384</v>
      </c>
      <c r="H1900" s="235">
        <f t="shared" si="439"/>
        <v>2.4023717031281944</v>
      </c>
      <c r="I1900" s="236">
        <f t="shared" si="440"/>
        <v>17.222763660924361</v>
      </c>
      <c r="J1900" s="237">
        <f t="shared" si="445"/>
        <v>7.2227636609243611</v>
      </c>
      <c r="K1900" s="237">
        <f t="shared" si="441"/>
        <v>323.82240235269984</v>
      </c>
      <c r="L1900" s="237">
        <f t="shared" si="446"/>
        <v>135.85296169832631</v>
      </c>
      <c r="M1900" s="236">
        <f t="shared" si="442"/>
        <v>6.2568941230360551</v>
      </c>
      <c r="N1900" s="236">
        <f t="shared" si="443"/>
        <v>3.317578374618674</v>
      </c>
      <c r="O1900" s="236">
        <f t="shared" si="447"/>
        <v>3.190425622785741</v>
      </c>
      <c r="P1900" s="236" t="str">
        <f t="shared" si="448"/>
        <v>CLAY</v>
      </c>
      <c r="Q1900" s="236">
        <f t="shared" si="444"/>
        <v>70.834799803941678</v>
      </c>
      <c r="R1900" s="238">
        <v>35</v>
      </c>
      <c r="S1900" s="236">
        <f t="shared" si="449"/>
        <v>2.4739363183234917</v>
      </c>
      <c r="T1900" s="236" t="e">
        <f t="shared" si="435"/>
        <v>#N/A</v>
      </c>
    </row>
    <row r="1901" spans="1:20" x14ac:dyDescent="0.2">
      <c r="A1901" s="53">
        <f t="shared" si="436"/>
        <v>1889</v>
      </c>
      <c r="B1901" s="239">
        <v>18.812000000000001</v>
      </c>
      <c r="C1901" s="3">
        <f t="shared" si="437"/>
        <v>18.805</v>
      </c>
      <c r="D1901" s="239">
        <v>1.0899000000000001</v>
      </c>
      <c r="E1901" s="239">
        <v>2.6200000000000001E-2</v>
      </c>
      <c r="F1901" s="239">
        <v>0.27279999999999999</v>
      </c>
      <c r="G1901">
        <f t="shared" si="438"/>
        <v>1.14446</v>
      </c>
      <c r="H1901" s="235">
        <f t="shared" si="439"/>
        <v>2.289289271796306</v>
      </c>
      <c r="I1901" s="236">
        <f t="shared" si="440"/>
        <v>17.126597097377569</v>
      </c>
      <c r="J1901" s="237">
        <f t="shared" si="445"/>
        <v>7.1265970973775694</v>
      </c>
      <c r="K1901" s="237">
        <f t="shared" si="441"/>
        <v>322.06565841618522</v>
      </c>
      <c r="L1901" s="237">
        <f t="shared" si="446"/>
        <v>134.06554459586684</v>
      </c>
      <c r="M1901" s="236">
        <f t="shared" si="442"/>
        <v>6.1342706961947382</v>
      </c>
      <c r="N1901" s="236">
        <f t="shared" si="443"/>
        <v>3.1858195849867497</v>
      </c>
      <c r="O1901" s="236">
        <f t="shared" si="447"/>
        <v>3.1880851448136713</v>
      </c>
      <c r="P1901" s="236" t="str">
        <f t="shared" si="448"/>
        <v>CLAY</v>
      </c>
      <c r="Q1901" s="236">
        <f t="shared" si="444"/>
        <v>68.53286179865124</v>
      </c>
      <c r="R1901" s="238">
        <v>35</v>
      </c>
      <c r="S1901" s="236">
        <f t="shared" si="449"/>
        <v>2.4134798635899486</v>
      </c>
      <c r="T1901" s="236" t="e">
        <f t="shared" si="435"/>
        <v>#N/A</v>
      </c>
    </row>
    <row r="1902" spans="1:20" x14ac:dyDescent="0.2">
      <c r="A1902" s="53">
        <f t="shared" si="436"/>
        <v>1890</v>
      </c>
      <c r="B1902" s="239">
        <v>18.821000000000002</v>
      </c>
      <c r="C1902" s="3">
        <f t="shared" si="437"/>
        <v>18.814</v>
      </c>
      <c r="D1902" s="239">
        <v>1.1000000000000001</v>
      </c>
      <c r="E1902" s="239">
        <v>2.69E-2</v>
      </c>
      <c r="F1902" s="239">
        <v>0.27329999999999999</v>
      </c>
      <c r="G1902">
        <f t="shared" si="438"/>
        <v>1.15466</v>
      </c>
      <c r="H1902" s="235">
        <f t="shared" si="439"/>
        <v>2.3296901252316702</v>
      </c>
      <c r="I1902" s="236">
        <f t="shared" si="440"/>
        <v>17.160982919419034</v>
      </c>
      <c r="J1902" s="237">
        <f t="shared" si="445"/>
        <v>7.160982919419034</v>
      </c>
      <c r="K1902" s="237">
        <f t="shared" si="441"/>
        <v>322.8667326459497</v>
      </c>
      <c r="L1902" s="237">
        <f t="shared" si="446"/>
        <v>134.77685952638564</v>
      </c>
      <c r="M1902" s="236">
        <f t="shared" si="442"/>
        <v>6.1716326547229565</v>
      </c>
      <c r="N1902" s="236">
        <f t="shared" si="443"/>
        <v>3.2339766448903093</v>
      </c>
      <c r="O1902" s="236">
        <f t="shared" si="447"/>
        <v>3.1893957837465741</v>
      </c>
      <c r="P1902" s="236" t="str">
        <f t="shared" si="448"/>
        <v>CLAY</v>
      </c>
      <c r="Q1902" s="236">
        <f t="shared" si="444"/>
        <v>69.316105612837532</v>
      </c>
      <c r="R1902" s="238">
        <v>35</v>
      </c>
      <c r="S1902" s="236">
        <f t="shared" si="449"/>
        <v>2.4318685372979045</v>
      </c>
      <c r="T1902" s="236" t="e">
        <f t="shared" si="435"/>
        <v>#N/A</v>
      </c>
    </row>
    <row r="1903" spans="1:20" x14ac:dyDescent="0.2">
      <c r="A1903" s="53">
        <f t="shared" si="436"/>
        <v>1891</v>
      </c>
      <c r="B1903" s="239">
        <v>18.832000000000001</v>
      </c>
      <c r="C1903" s="3">
        <f t="shared" si="437"/>
        <v>18.824999999999999</v>
      </c>
      <c r="D1903" s="239">
        <v>1.3976</v>
      </c>
      <c r="E1903" s="239">
        <v>2.4899999999999999E-2</v>
      </c>
      <c r="F1903" s="239">
        <v>0.21440000000000001</v>
      </c>
      <c r="G1903">
        <f t="shared" si="438"/>
        <v>1.44048</v>
      </c>
      <c r="H1903" s="235">
        <f t="shared" si="439"/>
        <v>1.7285904698433854</v>
      </c>
      <c r="I1903" s="236">
        <f t="shared" si="440"/>
        <v>17.156837801061371</v>
      </c>
      <c r="J1903" s="237">
        <f t="shared" si="445"/>
        <v>7.1568378010613714</v>
      </c>
      <c r="K1903" s="237">
        <f t="shared" si="441"/>
        <v>322.97747160498028</v>
      </c>
      <c r="L1903" s="237">
        <f t="shared" si="446"/>
        <v>134.77756946958775</v>
      </c>
      <c r="M1903" s="236">
        <f t="shared" si="442"/>
        <v>8.2914577907355831</v>
      </c>
      <c r="N1903" s="236">
        <f t="shared" si="443"/>
        <v>2.2281828780970989</v>
      </c>
      <c r="O1903" s="236">
        <f t="shared" si="447"/>
        <v>2.9946542584481337</v>
      </c>
      <c r="P1903" s="236" t="str">
        <f t="shared" si="448"/>
        <v>CLAY</v>
      </c>
      <c r="Q1903" s="236">
        <f t="shared" si="444"/>
        <v>93.125210699584969</v>
      </c>
      <c r="R1903" s="238">
        <v>35</v>
      </c>
      <c r="S1903" s="236">
        <f t="shared" si="449"/>
        <v>3.5174556186244845</v>
      </c>
      <c r="T1903" s="236" t="e">
        <f t="shared" si="435"/>
        <v>#N/A</v>
      </c>
    </row>
    <row r="1904" spans="1:20" x14ac:dyDescent="0.2">
      <c r="A1904" s="53">
        <f t="shared" si="436"/>
        <v>1892</v>
      </c>
      <c r="B1904" s="239">
        <v>18.841999999999999</v>
      </c>
      <c r="C1904" s="3">
        <f t="shared" si="437"/>
        <v>18.834999999999997</v>
      </c>
      <c r="D1904" s="239">
        <v>1.2369000000000001</v>
      </c>
      <c r="E1904" s="239">
        <v>2.4299999999999999E-2</v>
      </c>
      <c r="F1904" s="239">
        <v>0.23549999999999999</v>
      </c>
      <c r="G1904">
        <f t="shared" si="438"/>
        <v>1.284</v>
      </c>
      <c r="H1904" s="235">
        <f t="shared" si="439"/>
        <v>1.8925233644859811</v>
      </c>
      <c r="I1904" s="236">
        <f t="shared" si="440"/>
        <v>17.083288514457479</v>
      </c>
      <c r="J1904" s="237">
        <f t="shared" si="445"/>
        <v>7.0832885144574789</v>
      </c>
      <c r="K1904" s="237">
        <f t="shared" si="441"/>
        <v>321.76373916980657</v>
      </c>
      <c r="L1904" s="237">
        <f t="shared" si="446"/>
        <v>133.46332218940782</v>
      </c>
      <c r="M1904" s="236">
        <f t="shared" si="442"/>
        <v>7.2097430593299014</v>
      </c>
      <c r="N1904" s="236">
        <f t="shared" si="443"/>
        <v>2.525367312497095</v>
      </c>
      <c r="O1904" s="236">
        <f t="shared" si="447"/>
        <v>3.0748821110813433</v>
      </c>
      <c r="P1904" s="236" t="str">
        <f t="shared" si="448"/>
        <v>CLAY</v>
      </c>
      <c r="Q1904" s="236">
        <f t="shared" si="444"/>
        <v>80.186355069182795</v>
      </c>
      <c r="R1904" s="238">
        <v>35</v>
      </c>
      <c r="S1904" s="236">
        <f t="shared" si="449"/>
        <v>2.953518824358627</v>
      </c>
      <c r="T1904" s="236" t="e">
        <f t="shared" si="435"/>
        <v>#N/A</v>
      </c>
    </row>
    <row r="1905" spans="1:21" x14ac:dyDescent="0.2">
      <c r="A1905" s="53">
        <f t="shared" si="436"/>
        <v>1893</v>
      </c>
      <c r="B1905" s="239">
        <v>18.853000000000002</v>
      </c>
      <c r="C1905" s="3">
        <f t="shared" si="437"/>
        <v>18.846</v>
      </c>
      <c r="D1905" s="239">
        <v>1.0859000000000001</v>
      </c>
      <c r="E1905" s="239">
        <v>2.52E-2</v>
      </c>
      <c r="F1905" s="239">
        <v>0.23799999999999999</v>
      </c>
      <c r="G1905">
        <f t="shared" si="438"/>
        <v>1.1335000000000002</v>
      </c>
      <c r="H1905" s="235">
        <f t="shared" si="439"/>
        <v>2.2232024702249662</v>
      </c>
      <c r="I1905" s="236">
        <f t="shared" si="440"/>
        <v>17.07720388650894</v>
      </c>
      <c r="J1905" s="237">
        <f t="shared" si="445"/>
        <v>7.0772038865089399</v>
      </c>
      <c r="K1905" s="237">
        <f t="shared" si="441"/>
        <v>321.83698444514749</v>
      </c>
      <c r="L1905" s="237">
        <f t="shared" si="446"/>
        <v>133.42652487235304</v>
      </c>
      <c r="M1905" s="236">
        <f t="shared" si="442"/>
        <v>6.0832208313253862</v>
      </c>
      <c r="N1905" s="236">
        <f t="shared" si="443"/>
        <v>3.1047367586132135</v>
      </c>
      <c r="O1905" s="236">
        <f t="shared" si="447"/>
        <v>3.1851071053788251</v>
      </c>
      <c r="P1905" s="236" t="str">
        <f t="shared" si="448"/>
        <v>CLAY</v>
      </c>
      <c r="Q1905" s="236">
        <f t="shared" si="444"/>
        <v>67.638584629571071</v>
      </c>
      <c r="R1905" s="238">
        <v>35</v>
      </c>
      <c r="S1905" s="236">
        <f t="shared" si="449"/>
        <v>2.3883995828067235</v>
      </c>
      <c r="T1905" s="236" t="e">
        <f t="shared" si="435"/>
        <v>#N/A</v>
      </c>
      <c r="U1905" s="230"/>
    </row>
    <row r="1906" spans="1:21" x14ac:dyDescent="0.2">
      <c r="A1906" s="53">
        <f t="shared" si="436"/>
        <v>1894</v>
      </c>
      <c r="B1906" s="239">
        <v>18.861999999999998</v>
      </c>
      <c r="C1906" s="3">
        <f t="shared" si="437"/>
        <v>18.854999999999997</v>
      </c>
      <c r="D1906" s="239">
        <v>1.3246</v>
      </c>
      <c r="E1906" s="239">
        <v>2.9100000000000001E-2</v>
      </c>
      <c r="F1906" s="239">
        <v>0.2319</v>
      </c>
      <c r="G1906">
        <f t="shared" si="438"/>
        <v>1.3709800000000001</v>
      </c>
      <c r="H1906" s="235">
        <f t="shared" si="439"/>
        <v>2.1225692570278194</v>
      </c>
      <c r="I1906" s="236">
        <f t="shared" si="440"/>
        <v>17.320282132016487</v>
      </c>
      <c r="J1906" s="237">
        <f t="shared" si="445"/>
        <v>7.3202821320164873</v>
      </c>
      <c r="K1906" s="237">
        <f t="shared" si="441"/>
        <v>326.57391959917084</v>
      </c>
      <c r="L1906" s="237">
        <f t="shared" si="446"/>
        <v>138.07516157409498</v>
      </c>
      <c r="M1906" s="236">
        <f t="shared" si="442"/>
        <v>7.5640402552806112</v>
      </c>
      <c r="N1906" s="236">
        <f t="shared" si="443"/>
        <v>2.7862725568230906</v>
      </c>
      <c r="O1906" s="236">
        <f t="shared" si="447"/>
        <v>3.0800747208340495</v>
      </c>
      <c r="P1906" s="236" t="str">
        <f t="shared" si="448"/>
        <v>CLAY</v>
      </c>
      <c r="Q1906" s="236">
        <f t="shared" si="444"/>
        <v>87.033840033402427</v>
      </c>
      <c r="R1906" s="238">
        <v>35</v>
      </c>
      <c r="S1906" s="236">
        <f t="shared" si="449"/>
        <v>3.1360450875852348</v>
      </c>
      <c r="T1906" s="236" t="e">
        <f t="shared" si="435"/>
        <v>#N/A</v>
      </c>
    </row>
    <row r="1907" spans="1:21" x14ac:dyDescent="0.2">
      <c r="A1907" s="53">
        <f t="shared" si="436"/>
        <v>1895</v>
      </c>
      <c r="B1907" s="239">
        <v>18.870999999999999</v>
      </c>
      <c r="C1907" s="3">
        <f t="shared" si="437"/>
        <v>18.863999999999997</v>
      </c>
      <c r="D1907" s="239">
        <v>1.3059000000000001</v>
      </c>
      <c r="E1907" s="239">
        <v>3.2500000000000001E-2</v>
      </c>
      <c r="F1907" s="239">
        <v>0.20830000000000001</v>
      </c>
      <c r="G1907">
        <f t="shared" si="438"/>
        <v>1.3475600000000001</v>
      </c>
      <c r="H1907" s="235">
        <f t="shared" si="439"/>
        <v>2.4117664519576123</v>
      </c>
      <c r="I1907" s="236">
        <f t="shared" si="440"/>
        <v>17.443121429119806</v>
      </c>
      <c r="J1907" s="237">
        <f t="shared" si="445"/>
        <v>7.443121429119806</v>
      </c>
      <c r="K1907" s="237">
        <f t="shared" si="441"/>
        <v>329.04704263891597</v>
      </c>
      <c r="L1907" s="237">
        <f t="shared" si="446"/>
        <v>140.45914448891986</v>
      </c>
      <c r="M1907" s="236">
        <f t="shared" si="442"/>
        <v>7.2513111272824942</v>
      </c>
      <c r="N1907" s="236">
        <f t="shared" si="443"/>
        <v>3.1909265135129807</v>
      </c>
      <c r="O1907" s="236">
        <f t="shared" si="447"/>
        <v>3.1275893239757986</v>
      </c>
      <c r="P1907" s="236" t="str">
        <f t="shared" si="448"/>
        <v>CLAY</v>
      </c>
      <c r="Q1907" s="236">
        <f t="shared" si="444"/>
        <v>84.87607978009035</v>
      </c>
      <c r="R1907" s="238">
        <v>35</v>
      </c>
      <c r="S1907" s="236">
        <f t="shared" si="449"/>
        <v>2.9748199345175377</v>
      </c>
      <c r="T1907" s="236" t="e">
        <f t="shared" si="435"/>
        <v>#N/A</v>
      </c>
    </row>
    <row r="1908" spans="1:21" x14ac:dyDescent="0.2">
      <c r="A1908" s="53">
        <f t="shared" si="436"/>
        <v>1896</v>
      </c>
      <c r="B1908" s="239">
        <v>18.882000000000001</v>
      </c>
      <c r="C1908" s="3">
        <f t="shared" si="437"/>
        <v>18.875</v>
      </c>
      <c r="D1908" s="239">
        <v>1.1896</v>
      </c>
      <c r="E1908" s="239">
        <v>3.39E-2</v>
      </c>
      <c r="F1908" s="239">
        <v>0.21890000000000001</v>
      </c>
      <c r="G1908">
        <f t="shared" si="438"/>
        <v>1.2333799999999999</v>
      </c>
      <c r="H1908" s="235">
        <f t="shared" si="439"/>
        <v>2.7485446496619046</v>
      </c>
      <c r="I1908" s="236">
        <f t="shared" si="440"/>
        <v>17.457969451151378</v>
      </c>
      <c r="J1908" s="237">
        <f t="shared" si="445"/>
        <v>7.4579694511513779</v>
      </c>
      <c r="K1908" s="237">
        <f t="shared" si="441"/>
        <v>329.51917339048225</v>
      </c>
      <c r="L1908" s="237">
        <f t="shared" si="446"/>
        <v>140.82137917664033</v>
      </c>
      <c r="M1908" s="236">
        <f t="shared" si="442"/>
        <v>6.4184915095580273</v>
      </c>
      <c r="N1908" s="236">
        <f t="shared" si="443"/>
        <v>3.7505774121401707</v>
      </c>
      <c r="O1908" s="236">
        <f t="shared" si="447"/>
        <v>3.210615407860117</v>
      </c>
      <c r="P1908" s="236" t="str">
        <f t="shared" si="448"/>
        <v>CLAY</v>
      </c>
      <c r="Q1908" s="236">
        <f t="shared" si="444"/>
        <v>75.321735550793136</v>
      </c>
      <c r="R1908" s="238">
        <v>35</v>
      </c>
      <c r="S1908" s="236">
        <f t="shared" si="449"/>
        <v>2.5540607468141721</v>
      </c>
      <c r="T1908" s="236" t="e">
        <f t="shared" si="435"/>
        <v>#N/A</v>
      </c>
    </row>
    <row r="1909" spans="1:21" x14ac:dyDescent="0.2">
      <c r="A1909" s="53">
        <f t="shared" si="436"/>
        <v>1897</v>
      </c>
      <c r="B1909" s="239">
        <v>18.891999999999999</v>
      </c>
      <c r="C1909" s="3">
        <f t="shared" si="437"/>
        <v>18.884999999999998</v>
      </c>
      <c r="D1909" s="239">
        <v>1.0361</v>
      </c>
      <c r="E1909" s="239">
        <v>3.0700000000000002E-2</v>
      </c>
      <c r="F1909" s="239">
        <v>0.23899999999999999</v>
      </c>
      <c r="G1909">
        <f t="shared" si="438"/>
        <v>1.0839000000000001</v>
      </c>
      <c r="H1909" s="235">
        <f t="shared" si="439"/>
        <v>2.8323646092812993</v>
      </c>
      <c r="I1909" s="236">
        <f t="shared" si="440"/>
        <v>17.291206962829804</v>
      </c>
      <c r="J1909" s="237">
        <f t="shared" si="445"/>
        <v>7.2912069628298042</v>
      </c>
      <c r="K1909" s="237">
        <f t="shared" si="441"/>
        <v>326.54444349304083</v>
      </c>
      <c r="L1909" s="237">
        <f t="shared" si="446"/>
        <v>137.74548194178067</v>
      </c>
      <c r="M1909" s="236">
        <f t="shared" si="442"/>
        <v>5.4982243034806917</v>
      </c>
      <c r="N1909" s="236">
        <f t="shared" si="443"/>
        <v>4.053578234982937</v>
      </c>
      <c r="O1909" s="236">
        <f t="shared" si="447"/>
        <v>3.2852213402447581</v>
      </c>
      <c r="P1909" s="236" t="str">
        <f t="shared" si="448"/>
        <v>CLAY</v>
      </c>
      <c r="Q1909" s="236">
        <f t="shared" si="444"/>
        <v>63.112963042246605</v>
      </c>
      <c r="R1909" s="238">
        <v>35</v>
      </c>
      <c r="S1909" s="236">
        <f t="shared" si="449"/>
        <v>2.1048350891665204</v>
      </c>
      <c r="T1909" s="236" t="e">
        <f t="shared" si="435"/>
        <v>#N/A</v>
      </c>
    </row>
    <row r="1910" spans="1:21" x14ac:dyDescent="0.2">
      <c r="A1910" s="53">
        <f t="shared" si="436"/>
        <v>1898</v>
      </c>
      <c r="B1910" s="239">
        <v>18.901</v>
      </c>
      <c r="C1910" s="3">
        <f t="shared" si="437"/>
        <v>18.893999999999998</v>
      </c>
      <c r="D1910" s="239">
        <v>0.91100000000000003</v>
      </c>
      <c r="E1910" s="239">
        <v>2.7799999999999998E-2</v>
      </c>
      <c r="F1910" s="239">
        <v>0.25290000000000001</v>
      </c>
      <c r="G1910">
        <f t="shared" si="438"/>
        <v>0.96157999999999999</v>
      </c>
      <c r="H1910" s="235">
        <f t="shared" si="439"/>
        <v>2.8910751055554398</v>
      </c>
      <c r="I1910" s="236">
        <f t="shared" si="440"/>
        <v>17.128050882997133</v>
      </c>
      <c r="J1910" s="237">
        <f t="shared" si="445"/>
        <v>7.1280508829971332</v>
      </c>
      <c r="K1910" s="237">
        <f t="shared" si="441"/>
        <v>323.6173933833478</v>
      </c>
      <c r="L1910" s="237">
        <f t="shared" si="446"/>
        <v>134.7272897395288</v>
      </c>
      <c r="M1910" s="236">
        <f t="shared" si="442"/>
        <v>4.7352144309444597</v>
      </c>
      <c r="N1910" s="236">
        <f t="shared" si="443"/>
        <v>4.3576221727843123</v>
      </c>
      <c r="O1910" s="236">
        <f t="shared" si="447"/>
        <v>3.3566256032328035</v>
      </c>
      <c r="P1910" s="236" t="str">
        <f t="shared" si="448"/>
        <v>CLAY</v>
      </c>
      <c r="Q1910" s="236">
        <f t="shared" si="444"/>
        <v>53.163550551387686</v>
      </c>
      <c r="R1910" s="238">
        <v>35</v>
      </c>
      <c r="S1910" s="236">
        <f t="shared" si="449"/>
        <v>1.746282781375033</v>
      </c>
      <c r="T1910" s="236" t="e">
        <f t="shared" si="435"/>
        <v>#N/A</v>
      </c>
    </row>
    <row r="1911" spans="1:21" x14ac:dyDescent="0.2">
      <c r="A1911" s="53">
        <f t="shared" si="436"/>
        <v>1899</v>
      </c>
      <c r="B1911" s="239">
        <v>18.911999999999999</v>
      </c>
      <c r="C1911" s="3">
        <f t="shared" si="437"/>
        <v>18.904999999999998</v>
      </c>
      <c r="D1911" s="239">
        <v>0.88719999999999999</v>
      </c>
      <c r="E1911" s="239">
        <v>2.4199999999999999E-2</v>
      </c>
      <c r="F1911" s="239">
        <v>0.2787</v>
      </c>
      <c r="G1911">
        <f t="shared" si="438"/>
        <v>0.94294</v>
      </c>
      <c r="H1911" s="235">
        <f t="shared" si="439"/>
        <v>2.5664411309309179</v>
      </c>
      <c r="I1911" s="236">
        <f t="shared" si="440"/>
        <v>16.957780195740714</v>
      </c>
      <c r="J1911" s="237">
        <f t="shared" si="445"/>
        <v>6.9577801957407139</v>
      </c>
      <c r="K1911" s="237">
        <f t="shared" si="441"/>
        <v>320.58683460047814</v>
      </c>
      <c r="L1911" s="237">
        <f t="shared" si="446"/>
        <v>131.58553906184838</v>
      </c>
      <c r="M1911" s="236">
        <f t="shared" si="442"/>
        <v>4.7296471165193985</v>
      </c>
      <c r="N1911" s="236">
        <f t="shared" si="443"/>
        <v>3.8884674081258543</v>
      </c>
      <c r="O1911" s="236">
        <f t="shared" si="447"/>
        <v>3.3299069754497408</v>
      </c>
      <c r="P1911" s="236" t="str">
        <f t="shared" si="448"/>
        <v>CLAY</v>
      </c>
      <c r="Q1911" s="236">
        <f t="shared" si="444"/>
        <v>51.862763783293495</v>
      </c>
      <c r="R1911" s="238">
        <v>35</v>
      </c>
      <c r="S1911" s="236">
        <f t="shared" si="449"/>
        <v>1.7437167212144715</v>
      </c>
      <c r="T1911" s="236" t="e">
        <f t="shared" si="435"/>
        <v>#N/A</v>
      </c>
    </row>
    <row r="1912" spans="1:21" x14ac:dyDescent="0.2">
      <c r="A1912" s="53">
        <f t="shared" si="436"/>
        <v>1900</v>
      </c>
      <c r="B1912" s="239">
        <v>18.920999999999999</v>
      </c>
      <c r="C1912" s="3">
        <f t="shared" si="437"/>
        <v>18.913999999999998</v>
      </c>
      <c r="D1912" s="239">
        <v>0.95109999999999995</v>
      </c>
      <c r="E1912" s="239">
        <v>2.1700000000000001E-2</v>
      </c>
      <c r="F1912" s="239">
        <v>0.28820000000000001</v>
      </c>
      <c r="G1912">
        <f t="shared" si="438"/>
        <v>1.00874</v>
      </c>
      <c r="H1912" s="235">
        <f t="shared" si="439"/>
        <v>2.1511985248924401</v>
      </c>
      <c r="I1912" s="236">
        <f t="shared" si="440"/>
        <v>16.856285653965116</v>
      </c>
      <c r="J1912" s="237">
        <f t="shared" si="445"/>
        <v>6.8562856539651165</v>
      </c>
      <c r="K1912" s="237">
        <f t="shared" si="441"/>
        <v>318.81978685909615</v>
      </c>
      <c r="L1912" s="237">
        <f t="shared" si="446"/>
        <v>129.72778085867395</v>
      </c>
      <c r="M1912" s="236">
        <f t="shared" si="442"/>
        <v>5.3182148694311362</v>
      </c>
      <c r="N1912" s="236">
        <f t="shared" si="443"/>
        <v>3.1452912360995233</v>
      </c>
      <c r="O1912" s="236">
        <f t="shared" si="447"/>
        <v>3.2374650194629577</v>
      </c>
      <c r="P1912" s="236" t="str">
        <f t="shared" si="448"/>
        <v>CLAY</v>
      </c>
      <c r="Q1912" s="236">
        <f t="shared" si="444"/>
        <v>57.493351095075319</v>
      </c>
      <c r="R1912" s="238">
        <v>35</v>
      </c>
      <c r="S1912" s="236">
        <f t="shared" si="449"/>
        <v>2.0190513231893532</v>
      </c>
      <c r="T1912" s="236" t="e">
        <f t="shared" si="435"/>
        <v>#N/A</v>
      </c>
    </row>
    <row r="1913" spans="1:21" x14ac:dyDescent="0.2">
      <c r="A1913" s="53">
        <f t="shared" si="436"/>
        <v>1901</v>
      </c>
      <c r="B1913" s="239">
        <v>18.931000000000001</v>
      </c>
      <c r="C1913" s="3">
        <f t="shared" si="437"/>
        <v>18.923999999999999</v>
      </c>
      <c r="D1913" s="239">
        <v>1.0242</v>
      </c>
      <c r="E1913" s="239">
        <v>1.95E-2</v>
      </c>
      <c r="F1913" s="239">
        <v>0.27200000000000002</v>
      </c>
      <c r="G1913">
        <f t="shared" si="438"/>
        <v>1.0786</v>
      </c>
      <c r="H1913" s="235">
        <f t="shared" si="439"/>
        <v>1.8078991284999073</v>
      </c>
      <c r="I1913" s="236">
        <f t="shared" si="440"/>
        <v>16.757110879418214</v>
      </c>
      <c r="J1913" s="237">
        <f t="shared" si="445"/>
        <v>6.7571108794182138</v>
      </c>
      <c r="K1913" s="237">
        <f t="shared" si="441"/>
        <v>317.11156628211029</v>
      </c>
      <c r="L1913" s="237">
        <f t="shared" si="446"/>
        <v>127.91886605826622</v>
      </c>
      <c r="M1913" s="236">
        <f t="shared" si="442"/>
        <v>5.9529016882547765</v>
      </c>
      <c r="N1913" s="236">
        <f t="shared" si="443"/>
        <v>2.5607742858014584</v>
      </c>
      <c r="O1913" s="236">
        <f t="shared" si="447"/>
        <v>3.1489808536144985</v>
      </c>
      <c r="P1913" s="236" t="str">
        <f t="shared" si="448"/>
        <v>CLAY</v>
      </c>
      <c r="Q1913" s="236">
        <f t="shared" si="444"/>
        <v>63.457369476490804</v>
      </c>
      <c r="R1913" s="238">
        <v>35</v>
      </c>
      <c r="S1913" s="236">
        <f t="shared" si="449"/>
        <v>2.3246142542041692</v>
      </c>
      <c r="T1913" s="236" t="e">
        <f t="shared" si="435"/>
        <v>#N/A</v>
      </c>
    </row>
    <row r="1914" spans="1:21" x14ac:dyDescent="0.2">
      <c r="A1914" s="53">
        <f t="shared" si="436"/>
        <v>1902</v>
      </c>
      <c r="B1914" s="239">
        <v>18.942</v>
      </c>
      <c r="C1914" s="3">
        <f t="shared" si="437"/>
        <v>18.934999999999999</v>
      </c>
      <c r="D1914" s="239">
        <v>0.84740000000000004</v>
      </c>
      <c r="E1914" s="239">
        <v>1.7299999999999999E-2</v>
      </c>
      <c r="F1914" s="239">
        <v>0.33789999999999998</v>
      </c>
      <c r="G1914">
        <f t="shared" si="438"/>
        <v>0.91498000000000002</v>
      </c>
      <c r="H1914" s="235">
        <f t="shared" si="439"/>
        <v>1.8907517104198999</v>
      </c>
      <c r="I1914" s="236">
        <f t="shared" si="440"/>
        <v>16.552437973898662</v>
      </c>
      <c r="J1914" s="237">
        <f t="shared" si="445"/>
        <v>6.5524379738986624</v>
      </c>
      <c r="K1914" s="237">
        <f t="shared" si="441"/>
        <v>313.42041303577116</v>
      </c>
      <c r="L1914" s="237">
        <f t="shared" si="446"/>
        <v>124.11628010158846</v>
      </c>
      <c r="M1914" s="236">
        <f t="shared" si="442"/>
        <v>4.8467419944575827</v>
      </c>
      <c r="N1914" s="236">
        <f t="shared" si="443"/>
        <v>2.8758580820404624</v>
      </c>
      <c r="O1914" s="236">
        <f t="shared" si="447"/>
        <v>3.2514580427382724</v>
      </c>
      <c r="P1914" s="236" t="str">
        <f t="shared" si="448"/>
        <v>CLAY</v>
      </c>
      <c r="Q1914" s="236">
        <f t="shared" si="444"/>
        <v>50.129965580352405</v>
      </c>
      <c r="R1914" s="238">
        <v>35</v>
      </c>
      <c r="S1914" s="236">
        <f t="shared" si="449"/>
        <v>1.7978455758864533</v>
      </c>
      <c r="T1914" s="236" t="e">
        <f t="shared" si="435"/>
        <v>#N/A</v>
      </c>
    </row>
    <row r="1915" spans="1:21" x14ac:dyDescent="0.2">
      <c r="A1915" s="53">
        <f t="shared" si="436"/>
        <v>1903</v>
      </c>
      <c r="B1915" s="239">
        <v>18.986000000000001</v>
      </c>
      <c r="C1915" s="3">
        <f t="shared" si="437"/>
        <v>18.978999999999999</v>
      </c>
      <c r="D1915" s="239">
        <v>0.79569999999999996</v>
      </c>
      <c r="E1915" s="239">
        <v>1.38E-2</v>
      </c>
      <c r="F1915" s="239">
        <v>0.29239999999999999</v>
      </c>
      <c r="G1915">
        <f t="shared" si="438"/>
        <v>0.85417999999999994</v>
      </c>
      <c r="H1915" s="235">
        <f t="shared" si="439"/>
        <v>1.6155845372169801</v>
      </c>
      <c r="I1915" s="236">
        <f t="shared" si="440"/>
        <v>16.260511046335782</v>
      </c>
      <c r="J1915" s="237">
        <f t="shared" si="445"/>
        <v>6.2605110463357825</v>
      </c>
      <c r="K1915" s="237">
        <f t="shared" si="441"/>
        <v>308.60823914840682</v>
      </c>
      <c r="L1915" s="237">
        <f t="shared" si="446"/>
        <v>118.86206272573116</v>
      </c>
      <c r="M1915" s="236">
        <f t="shared" si="442"/>
        <v>4.5899570337297213</v>
      </c>
      <c r="N1915" s="236">
        <f t="shared" si="443"/>
        <v>2.5294564327265254</v>
      </c>
      <c r="O1915" s="236">
        <f t="shared" si="447"/>
        <v>3.2434790163106504</v>
      </c>
      <c r="P1915" s="236" t="str">
        <f t="shared" si="448"/>
        <v>CLAY</v>
      </c>
      <c r="Q1915" s="236">
        <f t="shared" si="444"/>
        <v>45.464313404299425</v>
      </c>
      <c r="R1915" s="238">
        <v>35</v>
      </c>
      <c r="S1915" s="236">
        <f t="shared" si="449"/>
        <v>1.6795803454929248</v>
      </c>
      <c r="T1915" s="236" t="e">
        <f t="shared" si="435"/>
        <v>#N/A</v>
      </c>
    </row>
    <row r="1916" spans="1:21" x14ac:dyDescent="0.2">
      <c r="A1916" s="53">
        <f t="shared" si="436"/>
        <v>1904</v>
      </c>
      <c r="B1916" s="239">
        <v>18.995000000000001</v>
      </c>
      <c r="C1916" s="3">
        <f t="shared" si="437"/>
        <v>18.988</v>
      </c>
      <c r="D1916" s="239">
        <v>0.751</v>
      </c>
      <c r="E1916" s="239">
        <v>1.47E-2</v>
      </c>
      <c r="F1916" s="239">
        <v>0.3105</v>
      </c>
      <c r="G1916">
        <f t="shared" si="438"/>
        <v>0.81309999999999993</v>
      </c>
      <c r="H1916" s="235">
        <f t="shared" si="439"/>
        <v>1.8078957077850206</v>
      </c>
      <c r="I1916" s="236">
        <f t="shared" si="440"/>
        <v>16.315329423160623</v>
      </c>
      <c r="J1916" s="237">
        <f t="shared" si="445"/>
        <v>6.3153294231606232</v>
      </c>
      <c r="K1916" s="237">
        <f t="shared" si="441"/>
        <v>309.79547508697391</v>
      </c>
      <c r="L1916" s="237">
        <f t="shared" si="446"/>
        <v>119.95968239293605</v>
      </c>
      <c r="M1916" s="236">
        <f t="shared" si="442"/>
        <v>4.1956140169196017</v>
      </c>
      <c r="N1916" s="236">
        <f t="shared" si="443"/>
        <v>2.920696968210299</v>
      </c>
      <c r="O1916" s="236">
        <f t="shared" si="447"/>
        <v>3.3086912893944862</v>
      </c>
      <c r="P1916" s="236" t="str">
        <f t="shared" si="448"/>
        <v>CLAY</v>
      </c>
      <c r="Q1916" s="236">
        <f t="shared" si="444"/>
        <v>41.942043742752169</v>
      </c>
      <c r="R1916" s="238">
        <v>35</v>
      </c>
      <c r="S1916" s="236">
        <f t="shared" si="449"/>
        <v>1.5011856982156579</v>
      </c>
      <c r="T1916" s="236" t="e">
        <f t="shared" si="435"/>
        <v>#N/A</v>
      </c>
    </row>
    <row r="1917" spans="1:21" x14ac:dyDescent="0.2">
      <c r="A1917" s="53">
        <f t="shared" si="436"/>
        <v>1905</v>
      </c>
      <c r="B1917" s="239">
        <v>19.004999999999999</v>
      </c>
      <c r="C1917" s="3">
        <f t="shared" si="437"/>
        <v>18.997999999999998</v>
      </c>
      <c r="D1917" s="239">
        <v>0.7006</v>
      </c>
      <c r="E1917" s="239">
        <v>1.4800000000000001E-2</v>
      </c>
      <c r="F1917" s="239">
        <v>0.32229999999999998</v>
      </c>
      <c r="G1917">
        <f t="shared" si="438"/>
        <v>0.76505999999999996</v>
      </c>
      <c r="H1917" s="235">
        <f t="shared" si="439"/>
        <v>1.9344887982641885</v>
      </c>
      <c r="I1917" s="236">
        <f t="shared" si="440"/>
        <v>16.299475632466066</v>
      </c>
      <c r="J1917" s="237">
        <f t="shared" si="445"/>
        <v>6.2994756324660663</v>
      </c>
      <c r="K1917" s="237">
        <f t="shared" si="441"/>
        <v>309.65743806559027</v>
      </c>
      <c r="L1917" s="237">
        <f t="shared" si="446"/>
        <v>119.72153439501758</v>
      </c>
      <c r="M1917" s="236">
        <f t="shared" si="442"/>
        <v>3.8038483572372428</v>
      </c>
      <c r="N1917" s="236">
        <f t="shared" si="443"/>
        <v>3.2498719236743341</v>
      </c>
      <c r="O1917" s="236">
        <f t="shared" si="447"/>
        <v>3.3690014359394955</v>
      </c>
      <c r="P1917" s="236" t="str">
        <f t="shared" si="448"/>
        <v>CLAY</v>
      </c>
      <c r="Q1917" s="236">
        <f t="shared" si="444"/>
        <v>37.95021349453414</v>
      </c>
      <c r="R1917" s="238">
        <v>35</v>
      </c>
      <c r="S1917" s="236">
        <f t="shared" si="449"/>
        <v>1.3280639947430277</v>
      </c>
      <c r="T1917" s="236" t="e">
        <f t="shared" si="435"/>
        <v>#N/A</v>
      </c>
    </row>
    <row r="1918" spans="1:21" x14ac:dyDescent="0.2">
      <c r="A1918" s="53">
        <f t="shared" si="436"/>
        <v>1906</v>
      </c>
      <c r="B1918" s="239">
        <v>19.015000000000001</v>
      </c>
      <c r="C1918" s="3">
        <f t="shared" si="437"/>
        <v>19.007999999999999</v>
      </c>
      <c r="D1918" s="239">
        <v>0.67710000000000004</v>
      </c>
      <c r="E1918" s="239">
        <v>1.5100000000000001E-2</v>
      </c>
      <c r="F1918" s="239">
        <v>0.33710000000000001</v>
      </c>
      <c r="G1918">
        <f t="shared" si="438"/>
        <v>0.74452000000000007</v>
      </c>
      <c r="H1918" s="235">
        <f t="shared" si="439"/>
        <v>2.0281523666254766</v>
      </c>
      <c r="I1918" s="236">
        <f t="shared" si="440"/>
        <v>16.31236954388045</v>
      </c>
      <c r="J1918" s="237">
        <f t="shared" si="445"/>
        <v>6.3123695438804504</v>
      </c>
      <c r="K1918" s="237">
        <f t="shared" si="441"/>
        <v>310.06552029007958</v>
      </c>
      <c r="L1918" s="237">
        <f t="shared" si="446"/>
        <v>120.02970687688676</v>
      </c>
      <c r="M1918" s="236">
        <f t="shared" si="442"/>
        <v>3.6195579495627364</v>
      </c>
      <c r="N1918" s="236">
        <f t="shared" si="443"/>
        <v>3.4756230411255218</v>
      </c>
      <c r="O1918" s="236">
        <f t="shared" si="447"/>
        <v>3.4025229838312687</v>
      </c>
      <c r="P1918" s="236" t="str">
        <f t="shared" si="448"/>
        <v>CLAY</v>
      </c>
      <c r="Q1918" s="236">
        <f t="shared" si="444"/>
        <v>36.204539975826712</v>
      </c>
      <c r="R1918" s="238">
        <v>35</v>
      </c>
      <c r="S1918" s="236">
        <f t="shared" si="449"/>
        <v>1.2481288628818779</v>
      </c>
      <c r="T1918" s="236" t="e">
        <f t="shared" si="435"/>
        <v>#N/A</v>
      </c>
    </row>
    <row r="1919" spans="1:21" x14ac:dyDescent="0.2">
      <c r="A1919" s="53">
        <f t="shared" si="436"/>
        <v>1907</v>
      </c>
      <c r="B1919" s="239">
        <v>19.024999999999999</v>
      </c>
      <c r="C1919" s="3">
        <f t="shared" si="437"/>
        <v>19.017999999999997</v>
      </c>
      <c r="D1919" s="239">
        <v>0.64639999999999997</v>
      </c>
      <c r="E1919" s="239">
        <v>1.5900000000000001E-2</v>
      </c>
      <c r="F1919" s="239">
        <v>0.3518</v>
      </c>
      <c r="G1919">
        <f t="shared" si="438"/>
        <v>0.71675999999999995</v>
      </c>
      <c r="H1919" s="235">
        <f t="shared" si="439"/>
        <v>2.2183157542273566</v>
      </c>
      <c r="I1919" s="236">
        <f t="shared" si="440"/>
        <v>16.358051674762933</v>
      </c>
      <c r="J1919" s="237">
        <f t="shared" si="445"/>
        <v>6.3580516747629332</v>
      </c>
      <c r="K1919" s="237">
        <f t="shared" si="441"/>
        <v>311.09742675064143</v>
      </c>
      <c r="L1919" s="237">
        <f t="shared" si="446"/>
        <v>120.96193311236479</v>
      </c>
      <c r="M1919" s="236">
        <f t="shared" si="442"/>
        <v>3.3536383125799394</v>
      </c>
      <c r="N1919" s="236">
        <f t="shared" si="443"/>
        <v>3.9195136668983159</v>
      </c>
      <c r="O1919" s="236">
        <f t="shared" si="447"/>
        <v>3.4580045786734703</v>
      </c>
      <c r="P1919" s="236" t="str">
        <f t="shared" si="448"/>
        <v>CLAY</v>
      </c>
      <c r="Q1919" s="236">
        <f t="shared" si="444"/>
        <v>33.805214437446544</v>
      </c>
      <c r="R1919" s="238">
        <v>35</v>
      </c>
      <c r="S1919" s="236">
        <f t="shared" si="449"/>
        <v>1.1345804259493055</v>
      </c>
      <c r="T1919" s="236" t="e">
        <f t="shared" si="435"/>
        <v>#N/A</v>
      </c>
    </row>
    <row r="1920" spans="1:21" x14ac:dyDescent="0.2">
      <c r="A1920" s="53">
        <f t="shared" si="436"/>
        <v>1908</v>
      </c>
      <c r="B1920" s="239">
        <v>19.035</v>
      </c>
      <c r="C1920" s="3">
        <f t="shared" si="437"/>
        <v>19.027999999999999</v>
      </c>
      <c r="D1920" s="239">
        <v>0.62539999999999996</v>
      </c>
      <c r="E1920" s="239">
        <v>1.61E-2</v>
      </c>
      <c r="F1920" s="239">
        <v>0.36849999999999999</v>
      </c>
      <c r="G1920">
        <f t="shared" si="438"/>
        <v>0.69909999999999994</v>
      </c>
      <c r="H1920" s="235">
        <f t="shared" si="439"/>
        <v>2.3029609497925905</v>
      </c>
      <c r="I1920" s="236">
        <f t="shared" si="440"/>
        <v>16.36295829158459</v>
      </c>
      <c r="J1920" s="237">
        <f t="shared" si="445"/>
        <v>6.3629582915845901</v>
      </c>
      <c r="K1920" s="237">
        <f t="shared" si="441"/>
        <v>311.35437037227155</v>
      </c>
      <c r="L1920" s="237">
        <f t="shared" si="446"/>
        <v>121.11891108031267</v>
      </c>
      <c r="M1920" s="236">
        <f t="shared" si="442"/>
        <v>3.2013632402178578</v>
      </c>
      <c r="N1920" s="236">
        <f t="shared" si="443"/>
        <v>4.1522066968124154</v>
      </c>
      <c r="O1920" s="236">
        <f t="shared" si="447"/>
        <v>3.4883389152299897</v>
      </c>
      <c r="P1920" s="236" t="str">
        <f t="shared" si="448"/>
        <v>CLAY</v>
      </c>
      <c r="Q1920" s="236">
        <f t="shared" si="444"/>
        <v>32.312135802310699</v>
      </c>
      <c r="R1920" s="238">
        <v>35</v>
      </c>
      <c r="S1920" s="236">
        <f t="shared" si="449"/>
        <v>1.0705543018503174</v>
      </c>
      <c r="T1920" s="236" t="e">
        <f t="shared" si="435"/>
        <v>#N/A</v>
      </c>
    </row>
    <row r="1921" spans="1:20" x14ac:dyDescent="0.2">
      <c r="A1921" s="53">
        <f t="shared" si="436"/>
        <v>1909</v>
      </c>
      <c r="B1921" s="239">
        <v>19.045000000000002</v>
      </c>
      <c r="C1921" s="3">
        <f t="shared" si="437"/>
        <v>19.038</v>
      </c>
      <c r="D1921" s="239">
        <v>0.62529999999999997</v>
      </c>
      <c r="E1921" s="239">
        <v>1.6E-2</v>
      </c>
      <c r="F1921" s="239">
        <v>0.38190000000000002</v>
      </c>
      <c r="G1921">
        <f t="shared" si="438"/>
        <v>0.70167999999999997</v>
      </c>
      <c r="H1921" s="235">
        <f t="shared" si="439"/>
        <v>2.2802417056207962</v>
      </c>
      <c r="I1921" s="236">
        <f t="shared" si="440"/>
        <v>16.3570921957538</v>
      </c>
      <c r="J1921" s="237">
        <f t="shared" si="445"/>
        <v>6.3570921957538005</v>
      </c>
      <c r="K1921" s="237">
        <f t="shared" si="441"/>
        <v>311.40632122276088</v>
      </c>
      <c r="L1921" s="237">
        <f t="shared" si="446"/>
        <v>121.07082086813114</v>
      </c>
      <c r="M1921" s="236">
        <f t="shared" si="442"/>
        <v>3.2235155917735159</v>
      </c>
      <c r="N1921" s="236">
        <f t="shared" si="443"/>
        <v>4.0996871862149078</v>
      </c>
      <c r="O1921" s="236">
        <f t="shared" si="447"/>
        <v>3.4828818131063621</v>
      </c>
      <c r="P1921" s="236" t="str">
        <f t="shared" si="448"/>
        <v>CLAY</v>
      </c>
      <c r="Q1921" s="236">
        <f t="shared" si="444"/>
        <v>32.522806564769922</v>
      </c>
      <c r="R1921" s="238">
        <v>35</v>
      </c>
      <c r="S1921" s="236">
        <f t="shared" si="449"/>
        <v>1.0798221398083685</v>
      </c>
      <c r="T1921" s="236" t="e">
        <f t="shared" si="435"/>
        <v>#N/A</v>
      </c>
    </row>
    <row r="1922" spans="1:20" x14ac:dyDescent="0.2">
      <c r="A1922" s="53">
        <f t="shared" si="436"/>
        <v>1910</v>
      </c>
      <c r="B1922" s="239">
        <v>19.055</v>
      </c>
      <c r="C1922" s="3">
        <f t="shared" si="437"/>
        <v>19.047999999999998</v>
      </c>
      <c r="D1922" s="239">
        <v>0.62960000000000005</v>
      </c>
      <c r="E1922" s="239">
        <v>1.52E-2</v>
      </c>
      <c r="F1922" s="239">
        <v>0.39150000000000001</v>
      </c>
      <c r="G1922">
        <f t="shared" si="438"/>
        <v>0.70789999999999997</v>
      </c>
      <c r="H1922" s="235">
        <f t="shared" si="439"/>
        <v>2.1471959316287612</v>
      </c>
      <c r="I1922" s="236">
        <f t="shared" si="440"/>
        <v>16.300395462929337</v>
      </c>
      <c r="J1922" s="237">
        <f t="shared" si="445"/>
        <v>6.3003954629293375</v>
      </c>
      <c r="K1922" s="237">
        <f t="shared" si="441"/>
        <v>310.48993277787798</v>
      </c>
      <c r="L1922" s="237">
        <f t="shared" si="446"/>
        <v>120.05403554611853</v>
      </c>
      <c r="M1922" s="236">
        <f t="shared" si="442"/>
        <v>3.3102599626437188</v>
      </c>
      <c r="N1922" s="236">
        <f t="shared" si="443"/>
        <v>3.8247647087169425</v>
      </c>
      <c r="O1922" s="236">
        <f t="shared" si="447"/>
        <v>3.4572673327857446</v>
      </c>
      <c r="P1922" s="236" t="str">
        <f t="shared" si="448"/>
        <v>CLAY</v>
      </c>
      <c r="Q1922" s="236">
        <f t="shared" si="444"/>
        <v>33.117505601843497</v>
      </c>
      <c r="R1922" s="238">
        <v>35</v>
      </c>
      <c r="S1922" s="236">
        <f t="shared" si="449"/>
        <v>1.116265841660697</v>
      </c>
      <c r="T1922" s="236" t="e">
        <f t="shared" si="435"/>
        <v>#N/A</v>
      </c>
    </row>
    <row r="1923" spans="1:20" x14ac:dyDescent="0.2">
      <c r="A1923" s="53">
        <f t="shared" si="436"/>
        <v>1911</v>
      </c>
      <c r="B1923" s="239">
        <v>19.065000000000001</v>
      </c>
      <c r="C1923" s="3">
        <f t="shared" si="437"/>
        <v>19.058</v>
      </c>
      <c r="D1923" s="239">
        <v>0.63739999999999997</v>
      </c>
      <c r="E1923" s="239">
        <v>1.52E-2</v>
      </c>
      <c r="F1923" s="239">
        <v>0.40110000000000001</v>
      </c>
      <c r="G1923">
        <f t="shared" si="438"/>
        <v>0.71761999999999992</v>
      </c>
      <c r="H1923" s="235">
        <f t="shared" si="439"/>
        <v>2.1181126501491043</v>
      </c>
      <c r="I1923" s="236">
        <f t="shared" si="440"/>
        <v>16.305725822388297</v>
      </c>
      <c r="J1923" s="237">
        <f t="shared" si="445"/>
        <v>6.3057258223882968</v>
      </c>
      <c r="K1923" s="237">
        <f t="shared" si="441"/>
        <v>310.75452272307615</v>
      </c>
      <c r="L1923" s="237">
        <f t="shared" si="446"/>
        <v>120.21866280383288</v>
      </c>
      <c r="M1923" s="236">
        <f t="shared" si="442"/>
        <v>3.3843786629104962</v>
      </c>
      <c r="N1923" s="236">
        <f t="shared" si="443"/>
        <v>3.7358785271561548</v>
      </c>
      <c r="O1923" s="236">
        <f t="shared" si="447"/>
        <v>3.4437386389446307</v>
      </c>
      <c r="P1923" s="236" t="str">
        <f t="shared" si="448"/>
        <v>CLAY</v>
      </c>
      <c r="Q1923" s="236">
        <f t="shared" si="444"/>
        <v>33.905456439743645</v>
      </c>
      <c r="R1923" s="238">
        <v>35</v>
      </c>
      <c r="S1923" s="236">
        <f t="shared" si="449"/>
        <v>1.1475951234435136</v>
      </c>
      <c r="T1923" s="236" t="e">
        <f t="shared" si="435"/>
        <v>#N/A</v>
      </c>
    </row>
    <row r="1924" spans="1:20" x14ac:dyDescent="0.2">
      <c r="A1924" s="53">
        <f t="shared" si="436"/>
        <v>1912</v>
      </c>
      <c r="B1924" s="239">
        <v>19.074999999999999</v>
      </c>
      <c r="C1924" s="3">
        <f t="shared" si="437"/>
        <v>19.067999999999998</v>
      </c>
      <c r="D1924" s="239">
        <v>0.64690000000000003</v>
      </c>
      <c r="E1924" s="239">
        <v>1.5299999999999999E-2</v>
      </c>
      <c r="F1924" s="239">
        <v>0.40889999999999999</v>
      </c>
      <c r="G1924">
        <f t="shared" si="438"/>
        <v>0.72867999999999999</v>
      </c>
      <c r="H1924" s="235">
        <f t="shared" si="439"/>
        <v>2.0996871054509523</v>
      </c>
      <c r="I1924" s="236">
        <f t="shared" si="440"/>
        <v>16.319393082279849</v>
      </c>
      <c r="J1924" s="237">
        <f t="shared" si="445"/>
        <v>6.3193930822798485</v>
      </c>
      <c r="K1924" s="237">
        <f t="shared" si="441"/>
        <v>311.17818729291213</v>
      </c>
      <c r="L1924" s="237">
        <f t="shared" si="446"/>
        <v>120.5424230444881</v>
      </c>
      <c r="M1924" s="236">
        <f t="shared" si="442"/>
        <v>3.4635259700479235</v>
      </c>
      <c r="N1924" s="236">
        <f t="shared" si="443"/>
        <v>3.6646547474356042</v>
      </c>
      <c r="O1924" s="236">
        <f t="shared" si="447"/>
        <v>3.4308156614242509</v>
      </c>
      <c r="P1924" s="236" t="str">
        <f t="shared" si="448"/>
        <v>CLAY</v>
      </c>
      <c r="Q1924" s="236">
        <f t="shared" si="444"/>
        <v>34.791817725590654</v>
      </c>
      <c r="R1924" s="238">
        <v>35</v>
      </c>
      <c r="S1924" s="236">
        <f t="shared" si="449"/>
        <v>1.1812397939040393</v>
      </c>
      <c r="T1924" s="236" t="e">
        <f t="shared" si="435"/>
        <v>#N/A</v>
      </c>
    </row>
    <row r="1925" spans="1:20" x14ac:dyDescent="0.2">
      <c r="A1925" s="53">
        <f t="shared" si="436"/>
        <v>1913</v>
      </c>
      <c r="B1925" s="239">
        <v>19.085000000000001</v>
      </c>
      <c r="C1925" s="3">
        <f t="shared" si="437"/>
        <v>19.077999999999999</v>
      </c>
      <c r="D1925" s="239">
        <v>0.65539999999999998</v>
      </c>
      <c r="E1925" s="239">
        <v>1.5100000000000001E-2</v>
      </c>
      <c r="F1925" s="239">
        <v>0.41539999999999999</v>
      </c>
      <c r="G1925">
        <f t="shared" si="438"/>
        <v>0.73847999999999991</v>
      </c>
      <c r="H1925" s="235">
        <f t="shared" si="439"/>
        <v>2.044740548152963</v>
      </c>
      <c r="I1925" s="236">
        <f t="shared" si="440"/>
        <v>16.309185676237203</v>
      </c>
      <c r="J1925" s="237">
        <f t="shared" si="445"/>
        <v>6.3091856762372025</v>
      </c>
      <c r="K1925" s="237">
        <f t="shared" si="441"/>
        <v>311.14664433125336</v>
      </c>
      <c r="L1925" s="237">
        <f t="shared" si="446"/>
        <v>120.41080863098702</v>
      </c>
      <c r="M1925" s="236">
        <f t="shared" si="442"/>
        <v>3.5489617628792738</v>
      </c>
      <c r="N1925" s="236">
        <f t="shared" si="443"/>
        <v>3.5335411569662205</v>
      </c>
      <c r="O1925" s="236">
        <f t="shared" si="447"/>
        <v>3.4135575942719507</v>
      </c>
      <c r="P1925" s="236" t="str">
        <f t="shared" si="448"/>
        <v>CLAY</v>
      </c>
      <c r="Q1925" s="236">
        <f t="shared" si="444"/>
        <v>35.611112972395546</v>
      </c>
      <c r="R1925" s="238">
        <v>35</v>
      </c>
      <c r="S1925" s="236">
        <f t="shared" si="449"/>
        <v>1.2177738920204295</v>
      </c>
      <c r="T1925" s="236" t="e">
        <f t="shared" si="435"/>
        <v>#N/A</v>
      </c>
    </row>
    <row r="1926" spans="1:20" x14ac:dyDescent="0.2">
      <c r="A1926" s="53">
        <f t="shared" si="436"/>
        <v>1914</v>
      </c>
      <c r="B1926" s="239">
        <v>19.094999999999999</v>
      </c>
      <c r="C1926" s="3">
        <f t="shared" si="437"/>
        <v>19.087999999999997</v>
      </c>
      <c r="D1926" s="239">
        <v>0.64970000000000006</v>
      </c>
      <c r="E1926" s="239">
        <v>1.4800000000000001E-2</v>
      </c>
      <c r="F1926" s="239">
        <v>0.4209</v>
      </c>
      <c r="G1926">
        <f t="shared" si="438"/>
        <v>0.73388000000000009</v>
      </c>
      <c r="H1926" s="235">
        <f t="shared" si="439"/>
        <v>2.0166784760451297</v>
      </c>
      <c r="I1926" s="236">
        <f t="shared" si="440"/>
        <v>16.283212233008811</v>
      </c>
      <c r="J1926" s="237">
        <f t="shared" si="445"/>
        <v>6.2832122330088112</v>
      </c>
      <c r="K1926" s="237">
        <f t="shared" si="441"/>
        <v>310.81395510367213</v>
      </c>
      <c r="L1926" s="237">
        <f t="shared" si="446"/>
        <v>119.97793758930324</v>
      </c>
      <c r="M1926" s="236">
        <f t="shared" si="442"/>
        <v>3.5261986778313057</v>
      </c>
      <c r="N1926" s="236">
        <f t="shared" si="443"/>
        <v>3.498271765966642</v>
      </c>
      <c r="O1926" s="236">
        <f t="shared" si="447"/>
        <v>3.4136952114219832</v>
      </c>
      <c r="P1926" s="236" t="str">
        <f t="shared" si="448"/>
        <v>CLAY</v>
      </c>
      <c r="Q1926" s="236">
        <f t="shared" si="444"/>
        <v>35.255503741360663</v>
      </c>
      <c r="R1926" s="238">
        <v>35</v>
      </c>
      <c r="S1926" s="236">
        <f t="shared" si="449"/>
        <v>1.2080182113454523</v>
      </c>
      <c r="T1926" s="236" t="e">
        <f t="shared" si="435"/>
        <v>#N/A</v>
      </c>
    </row>
    <row r="1927" spans="1:20" x14ac:dyDescent="0.2">
      <c r="A1927" s="53">
        <f t="shared" si="436"/>
        <v>1915</v>
      </c>
      <c r="B1927" s="239">
        <v>19.103999999999999</v>
      </c>
      <c r="C1927" s="3">
        <f t="shared" si="437"/>
        <v>19.096999999999998</v>
      </c>
      <c r="D1927" s="239">
        <v>0.64080000000000004</v>
      </c>
      <c r="E1927" s="239">
        <v>1.38E-2</v>
      </c>
      <c r="F1927" s="239">
        <v>0.42530000000000001</v>
      </c>
      <c r="G1927">
        <f t="shared" si="438"/>
        <v>0.72586000000000006</v>
      </c>
      <c r="H1927" s="235">
        <f t="shared" si="439"/>
        <v>1.9011930675336839</v>
      </c>
      <c r="I1927" s="236">
        <f t="shared" si="440"/>
        <v>16.196884165605084</v>
      </c>
      <c r="J1927" s="237">
        <f t="shared" si="445"/>
        <v>6.1968841656050841</v>
      </c>
      <c r="K1927" s="237">
        <f t="shared" si="441"/>
        <v>309.31189691056028</v>
      </c>
      <c r="L1927" s="237">
        <f t="shared" si="446"/>
        <v>118.38527509971952</v>
      </c>
      <c r="M1927" s="236">
        <f t="shared" si="442"/>
        <v>3.5185803533299946</v>
      </c>
      <c r="N1927" s="236">
        <f t="shared" si="443"/>
        <v>3.3129427064122079</v>
      </c>
      <c r="O1927" s="236">
        <f t="shared" si="447"/>
        <v>3.4023479622845842</v>
      </c>
      <c r="P1927" s="236" t="str">
        <f t="shared" si="448"/>
        <v>CLAY</v>
      </c>
      <c r="Q1927" s="236">
        <f t="shared" si="444"/>
        <v>34.712341924119976</v>
      </c>
      <c r="R1927" s="238">
        <v>35</v>
      </c>
      <c r="S1927" s="236">
        <f t="shared" si="449"/>
        <v>1.2047567005663822</v>
      </c>
      <c r="T1927" s="236" t="e">
        <f t="shared" si="435"/>
        <v>#N/A</v>
      </c>
    </row>
    <row r="1928" spans="1:20" x14ac:dyDescent="0.2">
      <c r="A1928" s="53">
        <f t="shared" si="436"/>
        <v>1916</v>
      </c>
      <c r="B1928" s="239">
        <v>19.114000000000001</v>
      </c>
      <c r="C1928" s="3">
        <f t="shared" si="437"/>
        <v>19.106999999999999</v>
      </c>
      <c r="D1928" s="239">
        <v>0.61939999999999995</v>
      </c>
      <c r="E1928" s="239">
        <v>1.29E-2</v>
      </c>
      <c r="F1928" s="239">
        <v>0.43059999999999998</v>
      </c>
      <c r="G1928">
        <f t="shared" si="438"/>
        <v>0.70551999999999992</v>
      </c>
      <c r="H1928" s="235">
        <f t="shared" si="439"/>
        <v>1.8284385984805536</v>
      </c>
      <c r="I1928" s="236">
        <f t="shared" si="440"/>
        <v>16.106693668825965</v>
      </c>
      <c r="J1928" s="237">
        <f t="shared" si="445"/>
        <v>6.1066936688259652</v>
      </c>
      <c r="K1928" s="237">
        <f t="shared" si="441"/>
        <v>307.7505959302577</v>
      </c>
      <c r="L1928" s="237">
        <f t="shared" si="446"/>
        <v>116.72334278593951</v>
      </c>
      <c r="M1928" s="236">
        <f t="shared" si="442"/>
        <v>3.4077965433119655</v>
      </c>
      <c r="N1928" s="236">
        <f t="shared" si="443"/>
        <v>3.2430850306772716</v>
      </c>
      <c r="O1928" s="236">
        <f t="shared" si="447"/>
        <v>3.4095861580646174</v>
      </c>
      <c r="P1928" s="236" t="str">
        <f t="shared" si="448"/>
        <v>CLAY</v>
      </c>
      <c r="Q1928" s="236">
        <f t="shared" si="444"/>
        <v>33.147450339145188</v>
      </c>
      <c r="R1928" s="238">
        <v>35</v>
      </c>
      <c r="S1928" s="236">
        <f t="shared" si="449"/>
        <v>1.1575295353986437</v>
      </c>
      <c r="T1928" s="236" t="e">
        <f t="shared" si="435"/>
        <v>#N/A</v>
      </c>
    </row>
    <row r="1929" spans="1:20" x14ac:dyDescent="0.2">
      <c r="A1929" s="53">
        <f t="shared" si="436"/>
        <v>1917</v>
      </c>
      <c r="B1929" s="239">
        <v>19.123999999999999</v>
      </c>
      <c r="C1929" s="3">
        <f t="shared" si="437"/>
        <v>19.116999999999997</v>
      </c>
      <c r="D1929" s="239">
        <v>0.59599999999999997</v>
      </c>
      <c r="E1929" s="239">
        <v>1.24E-2</v>
      </c>
      <c r="F1929" s="239">
        <v>0.4345</v>
      </c>
      <c r="G1929">
        <f t="shared" si="438"/>
        <v>0.68289999999999995</v>
      </c>
      <c r="H1929" s="235">
        <f t="shared" si="439"/>
        <v>1.8157856201493632</v>
      </c>
      <c r="I1929" s="236">
        <f t="shared" si="440"/>
        <v>16.047603005767087</v>
      </c>
      <c r="J1929" s="237">
        <f t="shared" si="445"/>
        <v>6.0476030057670869</v>
      </c>
      <c r="K1929" s="237">
        <f t="shared" si="441"/>
        <v>306.78202666124935</v>
      </c>
      <c r="L1929" s="237">
        <f t="shared" si="446"/>
        <v>115.65435988228977</v>
      </c>
      <c r="M1929" s="236">
        <f t="shared" si="442"/>
        <v>3.2520864213122143</v>
      </c>
      <c r="N1929" s="236">
        <f t="shared" si="443"/>
        <v>3.2968379282507572</v>
      </c>
      <c r="O1929" s="236">
        <f t="shared" si="447"/>
        <v>3.4307125254248416</v>
      </c>
      <c r="P1929" s="236" t="str">
        <f t="shared" si="448"/>
        <v>CLAY</v>
      </c>
      <c r="Q1929" s="236">
        <f t="shared" si="444"/>
        <v>31.343164444895887</v>
      </c>
      <c r="R1929" s="238">
        <v>35</v>
      </c>
      <c r="S1929" s="236">
        <f t="shared" si="449"/>
        <v>1.0917987839584573</v>
      </c>
      <c r="T1929" s="236" t="e">
        <f t="shared" si="435"/>
        <v>#N/A</v>
      </c>
    </row>
    <row r="1930" spans="1:20" x14ac:dyDescent="0.2">
      <c r="A1930" s="53">
        <f t="shared" si="436"/>
        <v>1918</v>
      </c>
      <c r="B1930" s="239">
        <v>19.134</v>
      </c>
      <c r="C1930" s="3">
        <f t="shared" si="437"/>
        <v>19.126999999999999</v>
      </c>
      <c r="D1930" s="239">
        <v>0.56999999999999995</v>
      </c>
      <c r="E1930" s="239">
        <v>1.24E-2</v>
      </c>
      <c r="F1930" s="239">
        <v>0.43790000000000001</v>
      </c>
      <c r="G1930">
        <f t="shared" si="438"/>
        <v>0.65757999999999994</v>
      </c>
      <c r="H1930" s="235">
        <f t="shared" si="439"/>
        <v>1.8857021198941573</v>
      </c>
      <c r="I1930" s="236">
        <f t="shared" si="440"/>
        <v>16.032835340595859</v>
      </c>
      <c r="J1930" s="237">
        <f t="shared" si="445"/>
        <v>6.0328353405958595</v>
      </c>
      <c r="K1930" s="237">
        <f t="shared" si="441"/>
        <v>306.660041559577</v>
      </c>
      <c r="L1930" s="237">
        <f t="shared" si="446"/>
        <v>115.43227140696118</v>
      </c>
      <c r="M1930" s="236">
        <f t="shared" si="442"/>
        <v>3.0400507082048165</v>
      </c>
      <c r="N1930" s="236">
        <f t="shared" si="443"/>
        <v>3.5335693230754779</v>
      </c>
      <c r="O1930" s="236">
        <f t="shared" si="447"/>
        <v>3.4712332593571187</v>
      </c>
      <c r="P1930" s="236" t="str">
        <f t="shared" si="448"/>
        <v>CLAY</v>
      </c>
      <c r="Q1930" s="236">
        <f t="shared" si="444"/>
        <v>29.243329870035243</v>
      </c>
      <c r="R1930" s="238">
        <v>35</v>
      </c>
      <c r="S1930" s="236">
        <f t="shared" si="449"/>
        <v>1.0035546863572988</v>
      </c>
      <c r="T1930" s="236" t="e">
        <f t="shared" si="435"/>
        <v>#N/A</v>
      </c>
    </row>
    <row r="1931" spans="1:20" x14ac:dyDescent="0.2">
      <c r="A1931" s="53">
        <f t="shared" si="436"/>
        <v>1919</v>
      </c>
      <c r="B1931" s="239">
        <v>19.143999999999998</v>
      </c>
      <c r="C1931" s="3">
        <f t="shared" si="437"/>
        <v>19.136999999999997</v>
      </c>
      <c r="D1931" s="239">
        <v>0.56069999999999998</v>
      </c>
      <c r="E1931" s="239">
        <v>1.26E-2</v>
      </c>
      <c r="F1931" s="239">
        <v>0.44140000000000001</v>
      </c>
      <c r="G1931">
        <f t="shared" si="438"/>
        <v>0.64898</v>
      </c>
      <c r="H1931" s="235">
        <f t="shared" si="439"/>
        <v>1.9415082128879164</v>
      </c>
      <c r="I1931" s="236">
        <f t="shared" si="440"/>
        <v>16.04645170798722</v>
      </c>
      <c r="J1931" s="237">
        <f t="shared" si="445"/>
        <v>6.0464517079872202</v>
      </c>
      <c r="K1931" s="237">
        <f t="shared" si="441"/>
        <v>307.08094633575138</v>
      </c>
      <c r="L1931" s="237">
        <f t="shared" si="446"/>
        <v>115.75327149770733</v>
      </c>
      <c r="M1931" s="236">
        <f t="shared" si="442"/>
        <v>2.953688040437116</v>
      </c>
      <c r="N1931" s="236">
        <f t="shared" si="443"/>
        <v>3.6852982963718404</v>
      </c>
      <c r="O1931" s="236">
        <f t="shared" si="447"/>
        <v>3.491317359116239</v>
      </c>
      <c r="P1931" s="236" t="str">
        <f t="shared" si="448"/>
        <v>CLAY</v>
      </c>
      <c r="Q1931" s="236">
        <f t="shared" si="444"/>
        <v>28.491587805354055</v>
      </c>
      <c r="R1931" s="238">
        <v>35</v>
      </c>
      <c r="S1931" s="236">
        <f t="shared" si="449"/>
        <v>0.96804554207238525</v>
      </c>
      <c r="T1931" s="236" t="e">
        <f t="shared" si="435"/>
        <v>#N/A</v>
      </c>
    </row>
    <row r="1932" spans="1:20" x14ac:dyDescent="0.2">
      <c r="A1932" s="53">
        <f t="shared" si="436"/>
        <v>1920</v>
      </c>
      <c r="B1932" s="239">
        <v>19.152999999999999</v>
      </c>
      <c r="C1932" s="3">
        <f t="shared" si="437"/>
        <v>19.145999999999997</v>
      </c>
      <c r="D1932" s="239">
        <v>0.55659999999999998</v>
      </c>
      <c r="E1932" s="239">
        <v>1.2200000000000001E-2</v>
      </c>
      <c r="F1932" s="239">
        <v>0.44890000000000002</v>
      </c>
      <c r="G1932">
        <f t="shared" si="438"/>
        <v>0.64637999999999995</v>
      </c>
      <c r="H1932" s="235">
        <f t="shared" si="439"/>
        <v>1.8874346359726477</v>
      </c>
      <c r="I1932" s="236">
        <f t="shared" si="440"/>
        <v>16.007053716410748</v>
      </c>
      <c r="J1932" s="237">
        <f t="shared" si="445"/>
        <v>6.0070537164107485</v>
      </c>
      <c r="K1932" s="237">
        <f t="shared" si="441"/>
        <v>306.47105045440014</v>
      </c>
      <c r="L1932" s="237">
        <f t="shared" si="446"/>
        <v>115.05309983041506</v>
      </c>
      <c r="M1932" s="236">
        <f t="shared" si="442"/>
        <v>2.9543658540849034</v>
      </c>
      <c r="N1932" s="236">
        <f t="shared" si="443"/>
        <v>3.5891964646148078</v>
      </c>
      <c r="O1932" s="236">
        <f t="shared" si="447"/>
        <v>3.4853736866385359</v>
      </c>
      <c r="P1932" s="236" t="str">
        <f t="shared" si="448"/>
        <v>CLAY</v>
      </c>
      <c r="Q1932" s="236">
        <f t="shared" si="444"/>
        <v>28.325745795466656</v>
      </c>
      <c r="R1932" s="238">
        <v>35</v>
      </c>
      <c r="S1932" s="236">
        <f t="shared" si="449"/>
        <v>0.96832323444030832</v>
      </c>
      <c r="T1932" s="236" t="e">
        <f t="shared" si="435"/>
        <v>#N/A</v>
      </c>
    </row>
    <row r="1933" spans="1:20" x14ac:dyDescent="0.2">
      <c r="A1933" s="53">
        <f t="shared" si="436"/>
        <v>1921</v>
      </c>
      <c r="B1933" s="239">
        <v>19.164000000000001</v>
      </c>
      <c r="C1933" s="3">
        <f t="shared" si="437"/>
        <v>19.157</v>
      </c>
      <c r="D1933" s="239">
        <v>0.57689999999999997</v>
      </c>
      <c r="E1933" s="239">
        <v>1.23E-2</v>
      </c>
      <c r="F1933" s="239">
        <v>0.45490000000000003</v>
      </c>
      <c r="G1933">
        <f t="shared" si="438"/>
        <v>0.66787999999999992</v>
      </c>
      <c r="H1933" s="235">
        <f t="shared" si="439"/>
        <v>1.8416482002754988</v>
      </c>
      <c r="I1933" s="236">
        <f t="shared" si="440"/>
        <v>16.029415449913817</v>
      </c>
      <c r="J1933" s="237">
        <f t="shared" si="445"/>
        <v>6.0294154499138166</v>
      </c>
      <c r="K1933" s="237">
        <f t="shared" si="441"/>
        <v>307.07551177399898</v>
      </c>
      <c r="L1933" s="237">
        <f t="shared" si="446"/>
        <v>115.54771768214839</v>
      </c>
      <c r="M1933" s="236">
        <f t="shared" si="442"/>
        <v>3.1225583288326915</v>
      </c>
      <c r="N1933" s="236">
        <f t="shared" si="443"/>
        <v>3.4090485017180607</v>
      </c>
      <c r="O1933" s="236">
        <f t="shared" si="447"/>
        <v>3.4532970439335458</v>
      </c>
      <c r="P1933" s="236" t="str">
        <f t="shared" si="448"/>
        <v>CLAY</v>
      </c>
      <c r="Q1933" s="236">
        <f t="shared" si="444"/>
        <v>30.067040685500075</v>
      </c>
      <c r="R1933" s="238">
        <v>35</v>
      </c>
      <c r="S1933" s="236">
        <f t="shared" si="449"/>
        <v>1.0377152719621285</v>
      </c>
      <c r="T1933" s="236" t="e">
        <f t="shared" ref="T1933:T1996" si="450">IF(P1933="SAND",17.6+(11*LOG(M1933)),#N/A)</f>
        <v>#N/A</v>
      </c>
    </row>
    <row r="1934" spans="1:20" x14ac:dyDescent="0.2">
      <c r="A1934" s="53">
        <f t="shared" ref="A1934:A1997" si="451">$A1933+1</f>
        <v>1922</v>
      </c>
      <c r="B1934" s="239">
        <v>19.172999999999998</v>
      </c>
      <c r="C1934" s="3">
        <f t="shared" ref="C1934:C1997" si="452">MAX($B1934 - $B$13, 0.001)</f>
        <v>19.165999999999997</v>
      </c>
      <c r="D1934" s="239">
        <v>0.60770000000000002</v>
      </c>
      <c r="E1934" s="239">
        <v>1.2500000000000001E-2</v>
      </c>
      <c r="F1934" s="239">
        <v>0.45950000000000002</v>
      </c>
      <c r="G1934">
        <f t="shared" si="438"/>
        <v>0.6996</v>
      </c>
      <c r="H1934" s="235">
        <f t="shared" si="439"/>
        <v>1.7867352773013152</v>
      </c>
      <c r="I1934" s="236">
        <f t="shared" si="440"/>
        <v>16.066464910230213</v>
      </c>
      <c r="J1934" s="237">
        <f t="shared" si="445"/>
        <v>6.0664649102302128</v>
      </c>
      <c r="K1934" s="237">
        <f t="shared" si="441"/>
        <v>307.92986646947219</v>
      </c>
      <c r="L1934" s="237">
        <f t="shared" si="446"/>
        <v>116.31233172384385</v>
      </c>
      <c r="M1934" s="236">
        <f t="shared" si="442"/>
        <v>3.3673998941097323</v>
      </c>
      <c r="N1934" s="236">
        <f t="shared" si="443"/>
        <v>3.1914611122692906</v>
      </c>
      <c r="O1934" s="236">
        <f t="shared" si="447"/>
        <v>3.4105211494733041</v>
      </c>
      <c r="P1934" s="236" t="str">
        <f t="shared" si="448"/>
        <v>CLAY</v>
      </c>
      <c r="Q1934" s="236">
        <f t="shared" si="444"/>
        <v>32.639177794210653</v>
      </c>
      <c r="R1934" s="238">
        <v>35</v>
      </c>
      <c r="S1934" s="236">
        <f t="shared" si="449"/>
        <v>1.1404030654774948</v>
      </c>
      <c r="T1934" s="236" t="e">
        <f t="shared" si="450"/>
        <v>#N/A</v>
      </c>
    </row>
    <row r="1935" spans="1:20" x14ac:dyDescent="0.2">
      <c r="A1935" s="53">
        <f t="shared" si="451"/>
        <v>1923</v>
      </c>
      <c r="B1935" s="239">
        <v>19.183</v>
      </c>
      <c r="C1935" s="3">
        <f t="shared" si="452"/>
        <v>19.175999999999998</v>
      </c>
      <c r="D1935" s="239">
        <v>0.6421</v>
      </c>
      <c r="E1935" s="239">
        <v>1.24E-2</v>
      </c>
      <c r="F1935" s="239">
        <v>0.45850000000000002</v>
      </c>
      <c r="G1935">
        <f t="shared" ref="G1935:G1998" si="453">$D1935+($F1935*(1-$P$8))</f>
        <v>0.73380000000000001</v>
      </c>
      <c r="H1935" s="235">
        <f t="shared" ref="H1935:H1998" si="454">($E1935/$G1935)*100</f>
        <v>1.6898337421640774</v>
      </c>
      <c r="I1935" s="236">
        <f t="shared" ref="I1935:I1998" si="455">((0.27*(LOG($H1935)))+(0.36*(LOG(($G1935*1000)/101)))+1.236)*10</f>
        <v>16.075701540998459</v>
      </c>
      <c r="J1935" s="237">
        <f t="shared" si="445"/>
        <v>6.0757015409984589</v>
      </c>
      <c r="K1935" s="237">
        <f t="shared" ref="K1935:K1998" si="456">$I1935*$C1935</f>
        <v>308.26765275018641</v>
      </c>
      <c r="L1935" s="237">
        <f t="shared" si="446"/>
        <v>116.55018266097343</v>
      </c>
      <c r="M1935" s="236">
        <f t="shared" ref="M1935:M1998" si="457">(($G1935*1000)-$K1935)/$L1935</f>
        <v>3.6510654684053283</v>
      </c>
      <c r="N1935" s="236">
        <f t="shared" ref="N1935:N1998" si="458">(($E1935*1000)/(($G1935*1000)-$K1935))*100</f>
        <v>2.9139970392710102</v>
      </c>
      <c r="O1935" s="236">
        <f t="shared" si="447"/>
        <v>3.3602867752811099</v>
      </c>
      <c r="P1935" s="236" t="str">
        <f t="shared" si="448"/>
        <v>CLAY</v>
      </c>
      <c r="Q1935" s="236">
        <f t="shared" ref="Q1935:Q1998" si="459">IF(P1935="CLAY",($G1935*1000 -$K1935)/$L$8,#N/A)</f>
        <v>35.461028937484464</v>
      </c>
      <c r="R1935" s="238">
        <v>35</v>
      </c>
      <c r="S1935" s="236">
        <f t="shared" si="449"/>
        <v>1.2617244943961201</v>
      </c>
      <c r="T1935" s="236" t="e">
        <f t="shared" si="450"/>
        <v>#N/A</v>
      </c>
    </row>
    <row r="1936" spans="1:20" x14ac:dyDescent="0.2">
      <c r="A1936" s="53">
        <f t="shared" si="451"/>
        <v>1924</v>
      </c>
      <c r="B1936" s="239">
        <v>19.193999999999999</v>
      </c>
      <c r="C1936" s="3">
        <f t="shared" si="452"/>
        <v>19.186999999999998</v>
      </c>
      <c r="D1936" s="239">
        <v>0.6744</v>
      </c>
      <c r="E1936" s="239">
        <v>1.2699999999999999E-2</v>
      </c>
      <c r="F1936" s="239">
        <v>0.4481</v>
      </c>
      <c r="G1936">
        <f t="shared" si="453"/>
        <v>0.76401999999999992</v>
      </c>
      <c r="H1936" s="235">
        <f t="shared" si="454"/>
        <v>1.6622601502578469</v>
      </c>
      <c r="I1936" s="236">
        <f t="shared" si="455"/>
        <v>16.119507355616712</v>
      </c>
      <c r="J1936" s="237">
        <f t="shared" ref="J1936:J1999" si="460">$I1936-10</f>
        <v>6.1195073556167117</v>
      </c>
      <c r="K1936" s="237">
        <f t="shared" si="456"/>
        <v>309.28498763221779</v>
      </c>
      <c r="L1936" s="237">
        <f t="shared" ref="L1936:L1999" si="461">$J1936*$B1936</f>
        <v>117.45782418370716</v>
      </c>
      <c r="M1936" s="236">
        <f t="shared" si="457"/>
        <v>3.8714748508925587</v>
      </c>
      <c r="N1936" s="236">
        <f t="shared" si="458"/>
        <v>2.7928353116844344</v>
      </c>
      <c r="O1936" s="236">
        <f t="shared" ref="O1936:O1999" si="462">((3.47-LOG($M1936))^2+(LOG($N1936)+1.22)^2)^0.5</f>
        <v>3.3290153547909851</v>
      </c>
      <c r="P1936" s="236" t="str">
        <f t="shared" ref="P1936:P1999" si="463">IF(O1936&lt;2.6,"SAND","CLAY")</f>
        <v>CLAY</v>
      </c>
      <c r="Q1936" s="236">
        <f t="shared" si="459"/>
        <v>37.894584363981842</v>
      </c>
      <c r="R1936" s="238">
        <v>35</v>
      </c>
      <c r="S1936" s="236">
        <f t="shared" ref="S1936:S1999" si="464">IF(P1936="SAND",#N/A,0.25*($M1936)^1.25)</f>
        <v>1.3576429280208362</v>
      </c>
      <c r="T1936" s="236" t="e">
        <f t="shared" si="450"/>
        <v>#N/A</v>
      </c>
    </row>
    <row r="1937" spans="1:20" x14ac:dyDescent="0.2">
      <c r="A1937" s="53">
        <f t="shared" si="451"/>
        <v>1925</v>
      </c>
      <c r="B1937" s="239">
        <v>19.202999999999999</v>
      </c>
      <c r="C1937" s="3">
        <f t="shared" si="452"/>
        <v>19.195999999999998</v>
      </c>
      <c r="D1937" s="239">
        <v>0.69810000000000005</v>
      </c>
      <c r="E1937" s="239">
        <v>1.35E-2</v>
      </c>
      <c r="F1937" s="239">
        <v>0.44180000000000003</v>
      </c>
      <c r="G1937">
        <f t="shared" si="453"/>
        <v>0.78646000000000005</v>
      </c>
      <c r="H1937" s="235">
        <f t="shared" si="454"/>
        <v>1.7165526536632503</v>
      </c>
      <c r="I1937" s="236">
        <f t="shared" si="455"/>
        <v>16.202453204372034</v>
      </c>
      <c r="J1937" s="237">
        <f t="shared" si="460"/>
        <v>6.2024532043720342</v>
      </c>
      <c r="K1937" s="237">
        <f t="shared" si="456"/>
        <v>311.02229171112555</v>
      </c>
      <c r="L1937" s="237">
        <f t="shared" si="461"/>
        <v>119.10570888355618</v>
      </c>
      <c r="M1937" s="236">
        <f t="shared" si="457"/>
        <v>3.9917289670278246</v>
      </c>
      <c r="N1937" s="236">
        <f t="shared" si="458"/>
        <v>2.8394886994948751</v>
      </c>
      <c r="O1937" s="236">
        <f t="shared" si="462"/>
        <v>3.321139793478399</v>
      </c>
      <c r="P1937" s="236" t="str">
        <f t="shared" si="463"/>
        <v>CLAY</v>
      </c>
      <c r="Q1937" s="236">
        <f t="shared" si="459"/>
        <v>39.619809024072872</v>
      </c>
      <c r="R1937" s="238">
        <v>35</v>
      </c>
      <c r="S1937" s="236">
        <f t="shared" si="464"/>
        <v>1.410559192961544</v>
      </c>
      <c r="T1937" s="236" t="e">
        <f t="shared" si="450"/>
        <v>#N/A</v>
      </c>
    </row>
    <row r="1938" spans="1:20" x14ac:dyDescent="0.2">
      <c r="A1938" s="53">
        <f t="shared" si="451"/>
        <v>1926</v>
      </c>
      <c r="B1938" s="239">
        <v>19.213000000000001</v>
      </c>
      <c r="C1938" s="3">
        <f t="shared" si="452"/>
        <v>19.206</v>
      </c>
      <c r="D1938" s="239">
        <v>0.72209999999999996</v>
      </c>
      <c r="E1938" s="239">
        <v>1.4200000000000001E-2</v>
      </c>
      <c r="F1938" s="239">
        <v>0.43209999999999998</v>
      </c>
      <c r="G1938">
        <f t="shared" si="453"/>
        <v>0.80851999999999991</v>
      </c>
      <c r="H1938" s="235">
        <f t="shared" si="454"/>
        <v>1.756295453421066</v>
      </c>
      <c r="I1938" s="236">
        <f t="shared" si="455"/>
        <v>16.272543274809173</v>
      </c>
      <c r="J1938" s="237">
        <f t="shared" si="460"/>
        <v>6.2725432748091734</v>
      </c>
      <c r="K1938" s="237">
        <f t="shared" si="456"/>
        <v>312.53046613598497</v>
      </c>
      <c r="L1938" s="237">
        <f t="shared" si="461"/>
        <v>120.51437393890865</v>
      </c>
      <c r="M1938" s="236">
        <f t="shared" si="457"/>
        <v>4.1156047835044367</v>
      </c>
      <c r="N1938" s="236">
        <f t="shared" si="458"/>
        <v>2.8629636374329634</v>
      </c>
      <c r="O1938" s="236">
        <f t="shared" si="462"/>
        <v>3.3114906670323925</v>
      </c>
      <c r="P1938" s="236" t="str">
        <f t="shared" si="463"/>
        <v>CLAY</v>
      </c>
      <c r="Q1938" s="236">
        <f t="shared" si="459"/>
        <v>41.332461155334578</v>
      </c>
      <c r="R1938" s="238">
        <v>35</v>
      </c>
      <c r="S1938" s="236">
        <f t="shared" si="464"/>
        <v>1.4654873967064275</v>
      </c>
      <c r="T1938" s="236" t="e">
        <f t="shared" si="450"/>
        <v>#N/A</v>
      </c>
    </row>
    <row r="1939" spans="1:20" x14ac:dyDescent="0.2">
      <c r="A1939" s="53">
        <f t="shared" si="451"/>
        <v>1927</v>
      </c>
      <c r="B1939" s="239">
        <v>19.222999999999999</v>
      </c>
      <c r="C1939" s="3">
        <f t="shared" si="452"/>
        <v>19.215999999999998</v>
      </c>
      <c r="D1939" s="239">
        <v>0.7258</v>
      </c>
      <c r="E1939" s="239">
        <v>1.44E-2</v>
      </c>
      <c r="F1939" s="239">
        <v>0.41649999999999998</v>
      </c>
      <c r="G1939">
        <f t="shared" si="453"/>
        <v>0.80909999999999993</v>
      </c>
      <c r="H1939" s="235">
        <f t="shared" si="454"/>
        <v>1.7797552836484982</v>
      </c>
      <c r="I1939" s="236">
        <f t="shared" si="455"/>
        <v>16.289223764094956</v>
      </c>
      <c r="J1939" s="237">
        <f t="shared" si="460"/>
        <v>6.289223764094956</v>
      </c>
      <c r="K1939" s="237">
        <f t="shared" si="456"/>
        <v>313.01372385084863</v>
      </c>
      <c r="L1939" s="237">
        <f t="shared" si="461"/>
        <v>120.89774841719733</v>
      </c>
      <c r="M1939" s="236">
        <f t="shared" si="457"/>
        <v>4.1033541372271287</v>
      </c>
      <c r="N1939" s="236">
        <f t="shared" si="458"/>
        <v>2.9027208960061124</v>
      </c>
      <c r="O1939" s="236">
        <f t="shared" si="462"/>
        <v>3.3156429815319415</v>
      </c>
      <c r="P1939" s="236" t="str">
        <f t="shared" si="463"/>
        <v>CLAY</v>
      </c>
      <c r="Q1939" s="236">
        <f t="shared" si="459"/>
        <v>41.340523012429273</v>
      </c>
      <c r="R1939" s="238">
        <v>35</v>
      </c>
      <c r="S1939" s="236">
        <f t="shared" si="464"/>
        <v>1.4600366538363438</v>
      </c>
      <c r="T1939" s="236" t="e">
        <f t="shared" si="450"/>
        <v>#N/A</v>
      </c>
    </row>
    <row r="1940" spans="1:20" x14ac:dyDescent="0.2">
      <c r="A1940" s="53">
        <f t="shared" si="451"/>
        <v>1928</v>
      </c>
      <c r="B1940" s="239">
        <v>19.233000000000001</v>
      </c>
      <c r="C1940" s="3">
        <f t="shared" si="452"/>
        <v>19.225999999999999</v>
      </c>
      <c r="D1940" s="239">
        <v>0.71750000000000003</v>
      </c>
      <c r="E1940" s="239">
        <v>1.44E-2</v>
      </c>
      <c r="F1940" s="239">
        <v>0.4037</v>
      </c>
      <c r="G1940">
        <f t="shared" si="453"/>
        <v>0.79824000000000006</v>
      </c>
      <c r="H1940" s="235">
        <f t="shared" si="454"/>
        <v>1.8039687312086587</v>
      </c>
      <c r="I1940" s="236">
        <f t="shared" si="455"/>
        <v>16.283941920975256</v>
      </c>
      <c r="J1940" s="237">
        <f t="shared" si="460"/>
        <v>6.2839419209752556</v>
      </c>
      <c r="K1940" s="237">
        <f t="shared" si="456"/>
        <v>313.07506737267028</v>
      </c>
      <c r="L1940" s="237">
        <f t="shared" si="461"/>
        <v>120.8590549661171</v>
      </c>
      <c r="M1940" s="236">
        <f t="shared" si="457"/>
        <v>4.0143035436057808</v>
      </c>
      <c r="N1940" s="236">
        <f t="shared" si="458"/>
        <v>2.9680628239182916</v>
      </c>
      <c r="O1940" s="236">
        <f t="shared" si="462"/>
        <v>3.3287618708781088</v>
      </c>
      <c r="P1940" s="236" t="str">
        <f t="shared" si="463"/>
        <v>CLAY</v>
      </c>
      <c r="Q1940" s="236">
        <f t="shared" si="459"/>
        <v>40.430411052277478</v>
      </c>
      <c r="R1940" s="238">
        <v>35</v>
      </c>
      <c r="S1940" s="236">
        <f t="shared" si="464"/>
        <v>1.4205377183208949</v>
      </c>
      <c r="T1940" s="236" t="e">
        <f t="shared" si="450"/>
        <v>#N/A</v>
      </c>
    </row>
    <row r="1941" spans="1:20" x14ac:dyDescent="0.2">
      <c r="A1941" s="53">
        <f t="shared" si="451"/>
        <v>1929</v>
      </c>
      <c r="B1941" s="239">
        <v>19.291</v>
      </c>
      <c r="C1941" s="3">
        <f t="shared" si="452"/>
        <v>19.283999999999999</v>
      </c>
      <c r="D1941" s="239">
        <v>0.79239999999999999</v>
      </c>
      <c r="E1941" s="239">
        <v>1.49E-2</v>
      </c>
      <c r="F1941" s="239">
        <v>0.32300000000000001</v>
      </c>
      <c r="G1941">
        <f t="shared" si="453"/>
        <v>0.85699999999999998</v>
      </c>
      <c r="H1941" s="235">
        <f t="shared" si="454"/>
        <v>1.7386231038506419</v>
      </c>
      <c r="I1941" s="236">
        <f t="shared" si="455"/>
        <v>16.351728718826504</v>
      </c>
      <c r="J1941" s="237">
        <f t="shared" si="460"/>
        <v>6.3517287188265037</v>
      </c>
      <c r="K1941" s="237">
        <f t="shared" si="456"/>
        <v>315.3267366138503</v>
      </c>
      <c r="L1941" s="237">
        <f t="shared" si="461"/>
        <v>122.53119871488208</v>
      </c>
      <c r="M1941" s="236">
        <f t="shared" si="457"/>
        <v>4.4206966802517744</v>
      </c>
      <c r="N1941" s="236">
        <f t="shared" si="458"/>
        <v>2.7507357307717148</v>
      </c>
      <c r="O1941" s="236">
        <f t="shared" si="462"/>
        <v>3.275915633123593</v>
      </c>
      <c r="P1941" s="236" t="str">
        <f t="shared" si="463"/>
        <v>CLAY</v>
      </c>
      <c r="Q1941" s="236">
        <f t="shared" si="459"/>
        <v>45.139438615512482</v>
      </c>
      <c r="R1941" s="238">
        <v>35</v>
      </c>
      <c r="S1941" s="236">
        <f t="shared" si="464"/>
        <v>1.6025198047974825</v>
      </c>
      <c r="T1941" s="236" t="e">
        <f t="shared" si="450"/>
        <v>#N/A</v>
      </c>
    </row>
    <row r="1942" spans="1:20" x14ac:dyDescent="0.2">
      <c r="A1942" s="53">
        <f t="shared" si="451"/>
        <v>1930</v>
      </c>
      <c r="B1942" s="239">
        <v>19.309999999999999</v>
      </c>
      <c r="C1942" s="3">
        <f t="shared" si="452"/>
        <v>19.302999999999997</v>
      </c>
      <c r="D1942" s="239">
        <v>0.77470000000000006</v>
      </c>
      <c r="E1942" s="239">
        <v>1.67E-2</v>
      </c>
      <c r="F1942" s="239">
        <v>0.33339999999999997</v>
      </c>
      <c r="G1942">
        <f t="shared" si="453"/>
        <v>0.84138000000000002</v>
      </c>
      <c r="H1942" s="235">
        <f t="shared" si="454"/>
        <v>1.9848344386602963</v>
      </c>
      <c r="I1942" s="236">
        <f t="shared" si="455"/>
        <v>16.478270492457799</v>
      </c>
      <c r="J1942" s="237">
        <f t="shared" si="460"/>
        <v>6.4782704924577992</v>
      </c>
      <c r="K1942" s="237">
        <f t="shared" si="456"/>
        <v>318.08005531591283</v>
      </c>
      <c r="L1942" s="237">
        <f t="shared" si="461"/>
        <v>125.0954032093601</v>
      </c>
      <c r="M1942" s="236">
        <f t="shared" si="457"/>
        <v>4.1832068266192852</v>
      </c>
      <c r="N1942" s="236">
        <f t="shared" si="458"/>
        <v>3.1912864065142759</v>
      </c>
      <c r="O1942" s="236">
        <f t="shared" si="462"/>
        <v>3.3295580896942383</v>
      </c>
      <c r="P1942" s="236" t="str">
        <f t="shared" si="463"/>
        <v>CLAY</v>
      </c>
      <c r="Q1942" s="236">
        <f t="shared" si="459"/>
        <v>43.608328723673935</v>
      </c>
      <c r="R1942" s="238">
        <v>35</v>
      </c>
      <c r="S1942" s="236">
        <f t="shared" si="464"/>
        <v>1.4956386535544015</v>
      </c>
      <c r="T1942" s="236" t="e">
        <f t="shared" si="450"/>
        <v>#N/A</v>
      </c>
    </row>
    <row r="1943" spans="1:20" x14ac:dyDescent="0.2">
      <c r="A1943" s="53">
        <f t="shared" si="451"/>
        <v>1931</v>
      </c>
      <c r="B1943" s="239">
        <v>19.327000000000002</v>
      </c>
      <c r="C1943" s="3">
        <f t="shared" si="452"/>
        <v>19.32</v>
      </c>
      <c r="D1943" s="239">
        <v>0.76160000000000005</v>
      </c>
      <c r="E1943" s="239">
        <v>1.52E-2</v>
      </c>
      <c r="F1943" s="239">
        <v>0.34939999999999999</v>
      </c>
      <c r="G1943">
        <f t="shared" si="453"/>
        <v>0.83148</v>
      </c>
      <c r="H1943" s="235">
        <f t="shared" si="454"/>
        <v>1.828065617934286</v>
      </c>
      <c r="I1943" s="236">
        <f t="shared" si="455"/>
        <v>16.363287368476303</v>
      </c>
      <c r="J1943" s="237">
        <f t="shared" si="460"/>
        <v>6.3632873684763034</v>
      </c>
      <c r="K1943" s="237">
        <f t="shared" si="456"/>
        <v>316.13871195896218</v>
      </c>
      <c r="L1943" s="237">
        <f t="shared" si="461"/>
        <v>122.98325497054152</v>
      </c>
      <c r="M1943" s="236">
        <f t="shared" si="457"/>
        <v>4.1903370354320089</v>
      </c>
      <c r="N1943" s="236">
        <f t="shared" si="458"/>
        <v>2.9495016899925912</v>
      </c>
      <c r="O1943" s="236">
        <f t="shared" si="462"/>
        <v>3.3113345512340495</v>
      </c>
      <c r="P1943" s="236" t="str">
        <f t="shared" si="463"/>
        <v>CLAY</v>
      </c>
      <c r="Q1943" s="236">
        <f t="shared" si="459"/>
        <v>42.945107336753154</v>
      </c>
      <c r="R1943" s="238">
        <v>35</v>
      </c>
      <c r="S1943" s="236">
        <f t="shared" si="464"/>
        <v>1.49882594727006</v>
      </c>
      <c r="T1943" s="236" t="e">
        <f t="shared" si="450"/>
        <v>#N/A</v>
      </c>
    </row>
    <row r="1944" spans="1:20" x14ac:dyDescent="0.2">
      <c r="A1944" s="53">
        <f t="shared" si="451"/>
        <v>1932</v>
      </c>
      <c r="B1944" s="239">
        <v>19.343</v>
      </c>
      <c r="C1944" s="3">
        <f t="shared" si="452"/>
        <v>19.335999999999999</v>
      </c>
      <c r="D1944" s="239">
        <v>0.7298</v>
      </c>
      <c r="E1944" s="239">
        <v>1.44E-2</v>
      </c>
      <c r="F1944" s="239">
        <v>0.36059999999999998</v>
      </c>
      <c r="G1944">
        <f t="shared" si="453"/>
        <v>0.80191999999999997</v>
      </c>
      <c r="H1944" s="235">
        <f t="shared" si="454"/>
        <v>1.7956903431763767</v>
      </c>
      <c r="I1944" s="236">
        <f t="shared" si="455"/>
        <v>16.285739723519896</v>
      </c>
      <c r="J1944" s="237">
        <f t="shared" si="460"/>
        <v>6.285739723519896</v>
      </c>
      <c r="K1944" s="237">
        <f t="shared" si="456"/>
        <v>314.90106329398071</v>
      </c>
      <c r="L1944" s="237">
        <f t="shared" si="461"/>
        <v>121.58506347204535</v>
      </c>
      <c r="M1944" s="236">
        <f t="shared" si="457"/>
        <v>4.0055819588233703</v>
      </c>
      <c r="N1944" s="236">
        <f t="shared" si="458"/>
        <v>2.956763878093783</v>
      </c>
      <c r="O1944" s="236">
        <f t="shared" si="462"/>
        <v>3.3287335965423517</v>
      </c>
      <c r="P1944" s="236" t="str">
        <f t="shared" si="463"/>
        <v>CLAY</v>
      </c>
      <c r="Q1944" s="236">
        <f t="shared" si="459"/>
        <v>40.584911392168273</v>
      </c>
      <c r="R1944" s="238">
        <v>35</v>
      </c>
      <c r="S1944" s="236">
        <f t="shared" si="464"/>
        <v>1.4166808931250505</v>
      </c>
      <c r="T1944" s="236" t="e">
        <f t="shared" si="450"/>
        <v>#N/A</v>
      </c>
    </row>
    <row r="1945" spans="1:20" x14ac:dyDescent="0.2">
      <c r="A1945" s="53">
        <f t="shared" si="451"/>
        <v>1933</v>
      </c>
      <c r="B1945" s="239">
        <v>19.359000000000002</v>
      </c>
      <c r="C1945" s="3">
        <f t="shared" si="452"/>
        <v>19.352</v>
      </c>
      <c r="D1945" s="239">
        <v>0.70630000000000004</v>
      </c>
      <c r="E1945" s="239">
        <v>1.47E-2</v>
      </c>
      <c r="F1945" s="239">
        <v>0.37630000000000002</v>
      </c>
      <c r="G1945">
        <f t="shared" si="453"/>
        <v>0.78156000000000003</v>
      </c>
      <c r="H1945" s="235">
        <f t="shared" si="454"/>
        <v>1.8808536772608626</v>
      </c>
      <c r="I1945" s="236">
        <f t="shared" si="455"/>
        <v>16.299865950002101</v>
      </c>
      <c r="J1945" s="237">
        <f t="shared" si="460"/>
        <v>6.2998659500021006</v>
      </c>
      <c r="K1945" s="237">
        <f t="shared" si="456"/>
        <v>315.43500586444065</v>
      </c>
      <c r="L1945" s="237">
        <f t="shared" si="461"/>
        <v>121.95910492609067</v>
      </c>
      <c r="M1945" s="236">
        <f t="shared" si="457"/>
        <v>3.8219778213200173</v>
      </c>
      <c r="N1945" s="236">
        <f t="shared" si="458"/>
        <v>3.1536605384702701</v>
      </c>
      <c r="O1945" s="236">
        <f t="shared" si="462"/>
        <v>3.3605363362649325</v>
      </c>
      <c r="P1945" s="236" t="str">
        <f t="shared" si="463"/>
        <v>CLAY</v>
      </c>
      <c r="Q1945" s="236">
        <f t="shared" si="459"/>
        <v>38.843749511296615</v>
      </c>
      <c r="R1945" s="238">
        <v>35</v>
      </c>
      <c r="S1945" s="236">
        <f t="shared" si="464"/>
        <v>1.3359807849758434</v>
      </c>
      <c r="T1945" s="236" t="e">
        <f t="shared" si="450"/>
        <v>#N/A</v>
      </c>
    </row>
    <row r="1946" spans="1:20" x14ac:dyDescent="0.2">
      <c r="A1946" s="53">
        <f t="shared" si="451"/>
        <v>1934</v>
      </c>
      <c r="B1946" s="239">
        <v>19.375</v>
      </c>
      <c r="C1946" s="3">
        <f t="shared" si="452"/>
        <v>19.367999999999999</v>
      </c>
      <c r="D1946" s="239">
        <v>0.70379999999999998</v>
      </c>
      <c r="E1946" s="239">
        <v>1.55E-2</v>
      </c>
      <c r="F1946" s="239">
        <v>0.38769999999999999</v>
      </c>
      <c r="G1946">
        <f t="shared" si="453"/>
        <v>0.78133999999999992</v>
      </c>
      <c r="H1946" s="235">
        <f t="shared" si="454"/>
        <v>1.9837714695267108</v>
      </c>
      <c r="I1946" s="236">
        <f t="shared" si="455"/>
        <v>16.361894691817682</v>
      </c>
      <c r="J1946" s="237">
        <f t="shared" si="460"/>
        <v>6.3618946918176817</v>
      </c>
      <c r="K1946" s="237">
        <f t="shared" si="456"/>
        <v>316.89717639112484</v>
      </c>
      <c r="L1946" s="237">
        <f t="shared" si="461"/>
        <v>123.26170965396759</v>
      </c>
      <c r="M1946" s="236">
        <f t="shared" si="457"/>
        <v>3.7679407896637547</v>
      </c>
      <c r="N1946" s="236">
        <f t="shared" si="458"/>
        <v>3.3373322209093144</v>
      </c>
      <c r="O1946" s="236">
        <f t="shared" si="462"/>
        <v>3.3784723276428297</v>
      </c>
      <c r="P1946" s="236" t="str">
        <f t="shared" si="463"/>
        <v>CLAY</v>
      </c>
      <c r="Q1946" s="236">
        <f t="shared" si="459"/>
        <v>38.703568634072923</v>
      </c>
      <c r="R1946" s="238">
        <v>35</v>
      </c>
      <c r="S1946" s="236">
        <f t="shared" si="464"/>
        <v>1.312411706684937</v>
      </c>
      <c r="T1946" s="236" t="e">
        <f t="shared" si="450"/>
        <v>#N/A</v>
      </c>
    </row>
    <row r="1947" spans="1:20" x14ac:dyDescent="0.2">
      <c r="A1947" s="53">
        <f t="shared" si="451"/>
        <v>1935</v>
      </c>
      <c r="B1947" s="239">
        <v>19.393000000000001</v>
      </c>
      <c r="C1947" s="3">
        <f t="shared" si="452"/>
        <v>19.385999999999999</v>
      </c>
      <c r="D1947" s="239">
        <v>0.70530000000000004</v>
      </c>
      <c r="E1947" s="239">
        <v>1.4800000000000001E-2</v>
      </c>
      <c r="F1947" s="239">
        <v>0.39479999999999998</v>
      </c>
      <c r="G1947">
        <f t="shared" si="453"/>
        <v>0.78425999999999996</v>
      </c>
      <c r="H1947" s="235">
        <f t="shared" si="454"/>
        <v>1.8871292683548826</v>
      </c>
      <c r="I1947" s="236">
        <f t="shared" si="455"/>
        <v>16.309163744484025</v>
      </c>
      <c r="J1947" s="237">
        <f t="shared" si="460"/>
        <v>6.3091637444840245</v>
      </c>
      <c r="K1947" s="237">
        <f t="shared" si="456"/>
        <v>316.16944835056728</v>
      </c>
      <c r="L1947" s="237">
        <f t="shared" si="461"/>
        <v>122.35361249677869</v>
      </c>
      <c r="M1947" s="236">
        <f t="shared" si="457"/>
        <v>3.8257190948224475</v>
      </c>
      <c r="N1947" s="236">
        <f t="shared" si="458"/>
        <v>3.1617814005962188</v>
      </c>
      <c r="O1947" s="236">
        <f t="shared" si="462"/>
        <v>3.360742671200255</v>
      </c>
      <c r="P1947" s="236" t="str">
        <f t="shared" si="463"/>
        <v>CLAY</v>
      </c>
      <c r="Q1947" s="236">
        <f t="shared" si="459"/>
        <v>39.007545970786062</v>
      </c>
      <c r="R1947" s="238">
        <v>35</v>
      </c>
      <c r="S1947" s="236">
        <f t="shared" si="464"/>
        <v>1.3376156979664235</v>
      </c>
      <c r="T1947" s="236" t="e">
        <f t="shared" si="450"/>
        <v>#N/A</v>
      </c>
    </row>
    <row r="1948" spans="1:20" x14ac:dyDescent="0.2">
      <c r="A1948" s="53">
        <f t="shared" si="451"/>
        <v>1936</v>
      </c>
      <c r="B1948" s="239">
        <v>19.408999999999999</v>
      </c>
      <c r="C1948" s="3">
        <f t="shared" si="452"/>
        <v>19.401999999999997</v>
      </c>
      <c r="D1948" s="239">
        <v>0.70950000000000002</v>
      </c>
      <c r="E1948" s="239">
        <v>1.44E-2</v>
      </c>
      <c r="F1948" s="239">
        <v>0.39610000000000001</v>
      </c>
      <c r="G1948">
        <f t="shared" si="453"/>
        <v>0.78871999999999998</v>
      </c>
      <c r="H1948" s="235">
        <f t="shared" si="454"/>
        <v>1.8257429759610508</v>
      </c>
      <c r="I1948" s="236">
        <f t="shared" si="455"/>
        <v>16.279252351284995</v>
      </c>
      <c r="J1948" s="237">
        <f t="shared" si="460"/>
        <v>6.2792523512849954</v>
      </c>
      <c r="K1948" s="237">
        <f t="shared" si="456"/>
        <v>315.85005411963147</v>
      </c>
      <c r="L1948" s="237">
        <f t="shared" si="461"/>
        <v>121.87400888609046</v>
      </c>
      <c r="M1948" s="236">
        <f t="shared" si="457"/>
        <v>3.8799900832205858</v>
      </c>
      <c r="N1948" s="236">
        <f t="shared" si="458"/>
        <v>3.0452347681328553</v>
      </c>
      <c r="O1948" s="236">
        <f t="shared" si="462"/>
        <v>3.347157119451126</v>
      </c>
      <c r="P1948" s="236" t="str">
        <f t="shared" si="463"/>
        <v>CLAY</v>
      </c>
      <c r="Q1948" s="236">
        <f t="shared" si="459"/>
        <v>39.405828823364047</v>
      </c>
      <c r="R1948" s="238">
        <v>35</v>
      </c>
      <c r="S1948" s="236">
        <f t="shared" si="464"/>
        <v>1.361376589634355</v>
      </c>
      <c r="T1948" s="236" t="e">
        <f t="shared" si="450"/>
        <v>#N/A</v>
      </c>
    </row>
    <row r="1949" spans="1:20" x14ac:dyDescent="0.2">
      <c r="A1949" s="53">
        <f t="shared" si="451"/>
        <v>1937</v>
      </c>
      <c r="B1949" s="239">
        <v>19.423999999999999</v>
      </c>
      <c r="C1949" s="3">
        <f t="shared" si="452"/>
        <v>19.416999999999998</v>
      </c>
      <c r="D1949" s="239">
        <v>0.76190000000000002</v>
      </c>
      <c r="E1949" s="239">
        <v>1.5100000000000001E-2</v>
      </c>
      <c r="F1949" s="239">
        <v>0.3886</v>
      </c>
      <c r="G1949">
        <f t="shared" si="453"/>
        <v>0.83962000000000003</v>
      </c>
      <c r="H1949" s="235">
        <f t="shared" si="454"/>
        <v>1.7984326242824134</v>
      </c>
      <c r="I1949" s="236">
        <f t="shared" si="455"/>
        <v>16.359355309626491</v>
      </c>
      <c r="J1949" s="237">
        <f t="shared" si="460"/>
        <v>6.3593553096264905</v>
      </c>
      <c r="K1949" s="237">
        <f t="shared" si="456"/>
        <v>317.64960204701754</v>
      </c>
      <c r="L1949" s="237">
        <f t="shared" si="461"/>
        <v>123.52411753418495</v>
      </c>
      <c r="M1949" s="236">
        <f t="shared" si="457"/>
        <v>4.2256557534890193</v>
      </c>
      <c r="N1949" s="236">
        <f t="shared" si="458"/>
        <v>2.8928843588099733</v>
      </c>
      <c r="O1949" s="236">
        <f t="shared" si="462"/>
        <v>3.3039086653528589</v>
      </c>
      <c r="P1949" s="236" t="str">
        <f t="shared" si="463"/>
        <v>CLAY</v>
      </c>
      <c r="Q1949" s="236">
        <f t="shared" si="459"/>
        <v>43.497533162748539</v>
      </c>
      <c r="R1949" s="238">
        <v>35</v>
      </c>
      <c r="S1949" s="236">
        <f t="shared" si="464"/>
        <v>1.5146338244969171</v>
      </c>
      <c r="T1949" s="236" t="e">
        <f t="shared" si="450"/>
        <v>#N/A</v>
      </c>
    </row>
    <row r="1950" spans="1:20" x14ac:dyDescent="0.2">
      <c r="A1950" s="53">
        <f t="shared" si="451"/>
        <v>1938</v>
      </c>
      <c r="B1950" s="239">
        <v>19.439</v>
      </c>
      <c r="C1950" s="3">
        <f t="shared" si="452"/>
        <v>19.431999999999999</v>
      </c>
      <c r="D1950" s="239">
        <v>0.80730000000000002</v>
      </c>
      <c r="E1950" s="239">
        <v>1.4999999999999999E-2</v>
      </c>
      <c r="F1950" s="239">
        <v>0.37069999999999997</v>
      </c>
      <c r="G1950">
        <f t="shared" si="453"/>
        <v>0.88144</v>
      </c>
      <c r="H1950" s="235">
        <f t="shared" si="454"/>
        <v>1.7017607551279723</v>
      </c>
      <c r="I1950" s="236">
        <f t="shared" si="455"/>
        <v>16.370562933359146</v>
      </c>
      <c r="J1950" s="237">
        <f t="shared" si="460"/>
        <v>6.370562933359146</v>
      </c>
      <c r="K1950" s="237">
        <f t="shared" si="456"/>
        <v>318.11277892103493</v>
      </c>
      <c r="L1950" s="237">
        <f t="shared" si="461"/>
        <v>123.83737286156844</v>
      </c>
      <c r="M1950" s="236">
        <f t="shared" si="457"/>
        <v>4.5489274203893215</v>
      </c>
      <c r="N1950" s="236">
        <f t="shared" si="458"/>
        <v>2.6627507847516845</v>
      </c>
      <c r="O1950" s="236">
        <f t="shared" si="462"/>
        <v>3.258062042711515</v>
      </c>
      <c r="P1950" s="236" t="str">
        <f t="shared" si="463"/>
        <v>CLAY</v>
      </c>
      <c r="Q1950" s="236">
        <f t="shared" si="459"/>
        <v>46.943935089913758</v>
      </c>
      <c r="R1950" s="238">
        <v>35</v>
      </c>
      <c r="S1950" s="236">
        <f t="shared" si="464"/>
        <v>1.6608341574097936</v>
      </c>
      <c r="T1950" s="236" t="e">
        <f t="shared" si="450"/>
        <v>#N/A</v>
      </c>
    </row>
    <row r="1951" spans="1:20" x14ac:dyDescent="0.2">
      <c r="A1951" s="53">
        <f t="shared" si="451"/>
        <v>1939</v>
      </c>
      <c r="B1951" s="239">
        <v>19.457999999999998</v>
      </c>
      <c r="C1951" s="3">
        <f t="shared" si="452"/>
        <v>19.450999999999997</v>
      </c>
      <c r="D1951" s="239">
        <v>0.80759999999999998</v>
      </c>
      <c r="E1951" s="239">
        <v>1.49E-2</v>
      </c>
      <c r="F1951" s="239">
        <v>0.37840000000000001</v>
      </c>
      <c r="G1951">
        <f t="shared" si="453"/>
        <v>0.88327999999999995</v>
      </c>
      <c r="H1951" s="235">
        <f t="shared" si="454"/>
        <v>1.6868943030522598</v>
      </c>
      <c r="I1951" s="236">
        <f t="shared" si="455"/>
        <v>16.36353453628033</v>
      </c>
      <c r="J1951" s="237">
        <f t="shared" si="460"/>
        <v>6.3635345362803299</v>
      </c>
      <c r="K1951" s="237">
        <f t="shared" si="456"/>
        <v>318.28711026518863</v>
      </c>
      <c r="L1951" s="237">
        <f t="shared" si="461"/>
        <v>123.82165500694265</v>
      </c>
      <c r="M1951" s="236">
        <f t="shared" si="457"/>
        <v>4.5629570183271442</v>
      </c>
      <c r="N1951" s="236">
        <f t="shared" si="458"/>
        <v>2.637201329558954</v>
      </c>
      <c r="O1951" s="236">
        <f t="shared" si="462"/>
        <v>3.254794495752404</v>
      </c>
      <c r="P1951" s="236" t="str">
        <f t="shared" si="463"/>
        <v>CLAY</v>
      </c>
      <c r="Q1951" s="236">
        <f t="shared" si="459"/>
        <v>47.082740811234281</v>
      </c>
      <c r="R1951" s="238">
        <v>35</v>
      </c>
      <c r="S1951" s="236">
        <f t="shared" si="464"/>
        <v>1.6672394617054003</v>
      </c>
      <c r="T1951" s="236" t="e">
        <f t="shared" si="450"/>
        <v>#N/A</v>
      </c>
    </row>
    <row r="1952" spans="1:20" x14ac:dyDescent="0.2">
      <c r="A1952" s="53">
        <f t="shared" si="451"/>
        <v>1940</v>
      </c>
      <c r="B1952" s="239">
        <v>19.474</v>
      </c>
      <c r="C1952" s="3">
        <f t="shared" si="452"/>
        <v>19.466999999999999</v>
      </c>
      <c r="D1952" s="239">
        <v>0.8135</v>
      </c>
      <c r="E1952" s="239">
        <v>1.72E-2</v>
      </c>
      <c r="F1952" s="239">
        <v>0.37459999999999999</v>
      </c>
      <c r="G1952">
        <f t="shared" si="453"/>
        <v>0.88841999999999999</v>
      </c>
      <c r="H1952" s="235">
        <f t="shared" si="454"/>
        <v>1.9360212512100134</v>
      </c>
      <c r="I1952" s="236">
        <f t="shared" si="455"/>
        <v>16.53412635512549</v>
      </c>
      <c r="J1952" s="237">
        <f t="shared" si="460"/>
        <v>6.5341263551254904</v>
      </c>
      <c r="K1952" s="237">
        <f t="shared" si="456"/>
        <v>321.86983775522788</v>
      </c>
      <c r="L1952" s="237">
        <f t="shared" si="461"/>
        <v>127.2455766397138</v>
      </c>
      <c r="M1952" s="236">
        <f t="shared" si="457"/>
        <v>4.4524153782485962</v>
      </c>
      <c r="N1952" s="236">
        <f t="shared" si="458"/>
        <v>3.0359182904211965</v>
      </c>
      <c r="O1952" s="236">
        <f t="shared" si="462"/>
        <v>3.2951652283478166</v>
      </c>
      <c r="P1952" s="236" t="str">
        <f t="shared" si="463"/>
        <v>CLAY</v>
      </c>
      <c r="Q1952" s="236">
        <f t="shared" si="459"/>
        <v>47.212513520397671</v>
      </c>
      <c r="R1952" s="238">
        <v>35</v>
      </c>
      <c r="S1952" s="236">
        <f t="shared" si="464"/>
        <v>1.6169053621496454</v>
      </c>
      <c r="T1952" s="236" t="e">
        <f t="shared" si="450"/>
        <v>#N/A</v>
      </c>
    </row>
    <row r="1953" spans="1:20" x14ac:dyDescent="0.2">
      <c r="A1953" s="53">
        <f t="shared" si="451"/>
        <v>1941</v>
      </c>
      <c r="B1953" s="239">
        <v>19.489999999999998</v>
      </c>
      <c r="C1953" s="3">
        <f t="shared" si="452"/>
        <v>19.482999999999997</v>
      </c>
      <c r="D1953" s="239">
        <v>0.75829999999999997</v>
      </c>
      <c r="E1953" s="239">
        <v>1.7299999999999999E-2</v>
      </c>
      <c r="F1953" s="239">
        <v>0.3589</v>
      </c>
      <c r="G1953">
        <f t="shared" si="453"/>
        <v>0.83007999999999993</v>
      </c>
      <c r="H1953" s="235">
        <f t="shared" si="454"/>
        <v>2.0841364687740942</v>
      </c>
      <c r="I1953" s="236">
        <f t="shared" si="455"/>
        <v>16.514375487891403</v>
      </c>
      <c r="J1953" s="237">
        <f t="shared" si="460"/>
        <v>6.5143754878914031</v>
      </c>
      <c r="K1953" s="237">
        <f t="shared" si="456"/>
        <v>321.74957763058813</v>
      </c>
      <c r="L1953" s="237">
        <f t="shared" si="461"/>
        <v>126.96517825900344</v>
      </c>
      <c r="M1953" s="236">
        <f t="shared" si="457"/>
        <v>4.0036995130463238</v>
      </c>
      <c r="N1953" s="236">
        <f t="shared" si="458"/>
        <v>3.403298177465329</v>
      </c>
      <c r="O1953" s="236">
        <f t="shared" si="462"/>
        <v>3.3603468281028364</v>
      </c>
      <c r="P1953" s="236" t="str">
        <f t="shared" si="463"/>
        <v>CLAY</v>
      </c>
      <c r="Q1953" s="236">
        <f t="shared" si="459"/>
        <v>42.360868530784316</v>
      </c>
      <c r="R1953" s="238">
        <v>35</v>
      </c>
      <c r="S1953" s="236">
        <f t="shared" si="464"/>
        <v>1.4158487205741848</v>
      </c>
      <c r="T1953" s="236" t="e">
        <f t="shared" si="450"/>
        <v>#N/A</v>
      </c>
    </row>
    <row r="1954" spans="1:20" x14ac:dyDescent="0.2">
      <c r="A1954" s="53">
        <f t="shared" si="451"/>
        <v>1942</v>
      </c>
      <c r="B1954" s="239">
        <v>19.507999999999999</v>
      </c>
      <c r="C1954" s="3">
        <f t="shared" si="452"/>
        <v>19.500999999999998</v>
      </c>
      <c r="D1954" s="239">
        <v>0.68089999999999995</v>
      </c>
      <c r="E1954" s="239">
        <v>1.7299999999999999E-2</v>
      </c>
      <c r="F1954" s="239">
        <v>0.3654</v>
      </c>
      <c r="G1954">
        <f t="shared" si="453"/>
        <v>0.75397999999999987</v>
      </c>
      <c r="H1954" s="235">
        <f t="shared" si="454"/>
        <v>2.294490570041646</v>
      </c>
      <c r="I1954" s="236">
        <f t="shared" si="455"/>
        <v>16.476791376202748</v>
      </c>
      <c r="J1954" s="237">
        <f t="shared" si="460"/>
        <v>6.4767913762027476</v>
      </c>
      <c r="K1954" s="237">
        <f t="shared" si="456"/>
        <v>321.31390862732974</v>
      </c>
      <c r="L1954" s="237">
        <f t="shared" si="461"/>
        <v>126.3492461669632</v>
      </c>
      <c r="M1954" s="236">
        <f t="shared" si="457"/>
        <v>3.4243662269336141</v>
      </c>
      <c r="N1954" s="236">
        <f t="shared" si="458"/>
        <v>3.998464484497565</v>
      </c>
      <c r="O1954" s="236">
        <f t="shared" si="462"/>
        <v>3.4548493976415475</v>
      </c>
      <c r="P1954" s="236" t="str">
        <f t="shared" si="463"/>
        <v>CLAY</v>
      </c>
      <c r="Q1954" s="236">
        <f t="shared" si="459"/>
        <v>36.055507614389178</v>
      </c>
      <c r="R1954" s="238">
        <v>35</v>
      </c>
      <c r="S1954" s="236">
        <f t="shared" si="464"/>
        <v>1.1645691066694475</v>
      </c>
      <c r="T1954" s="236" t="e">
        <f t="shared" si="450"/>
        <v>#N/A</v>
      </c>
    </row>
    <row r="1955" spans="1:20" x14ac:dyDescent="0.2">
      <c r="A1955" s="53">
        <f t="shared" si="451"/>
        <v>1943</v>
      </c>
      <c r="B1955" s="239">
        <v>19.524999999999999</v>
      </c>
      <c r="C1955" s="3">
        <f t="shared" si="452"/>
        <v>19.517999999999997</v>
      </c>
      <c r="D1955" s="239">
        <v>0.63649999999999995</v>
      </c>
      <c r="E1955" s="239">
        <v>1.78E-2</v>
      </c>
      <c r="F1955" s="239">
        <v>0.377</v>
      </c>
      <c r="G1955">
        <f t="shared" si="453"/>
        <v>0.71189999999999998</v>
      </c>
      <c r="H1955" s="235">
        <f t="shared" si="454"/>
        <v>2.5003511729175449</v>
      </c>
      <c r="I1955" s="236">
        <f t="shared" si="455"/>
        <v>16.4877541542598</v>
      </c>
      <c r="J1955" s="237">
        <f t="shared" si="460"/>
        <v>6.4877541542598003</v>
      </c>
      <c r="K1955" s="237">
        <f t="shared" si="456"/>
        <v>321.80798558284272</v>
      </c>
      <c r="L1955" s="237">
        <f t="shared" si="461"/>
        <v>126.67339986192259</v>
      </c>
      <c r="M1955" s="236">
        <f t="shared" si="457"/>
        <v>3.0795101011133199</v>
      </c>
      <c r="N1955" s="236">
        <f t="shared" si="458"/>
        <v>4.5630259892900566</v>
      </c>
      <c r="O1955" s="236">
        <f t="shared" si="462"/>
        <v>3.5243500669432248</v>
      </c>
      <c r="P1955" s="236" t="str">
        <f t="shared" si="463"/>
        <v>CLAY</v>
      </c>
      <c r="Q1955" s="236">
        <f t="shared" si="459"/>
        <v>32.507667868096441</v>
      </c>
      <c r="R1955" s="238">
        <v>35</v>
      </c>
      <c r="S1955" s="236">
        <f t="shared" si="464"/>
        <v>1.0198635019238722</v>
      </c>
      <c r="T1955" s="236" t="e">
        <f t="shared" si="450"/>
        <v>#N/A</v>
      </c>
    </row>
    <row r="1956" spans="1:20" x14ac:dyDescent="0.2">
      <c r="A1956" s="53">
        <f t="shared" si="451"/>
        <v>1944</v>
      </c>
      <c r="B1956" s="239">
        <v>19.588000000000001</v>
      </c>
      <c r="C1956" s="3">
        <f t="shared" si="452"/>
        <v>19.581</v>
      </c>
      <c r="D1956" s="239">
        <v>0.55630000000000002</v>
      </c>
      <c r="E1956" s="239">
        <v>1.1900000000000001E-2</v>
      </c>
      <c r="F1956" s="239">
        <v>0.43269999999999997</v>
      </c>
      <c r="G1956">
        <f t="shared" si="453"/>
        <v>0.64283999999999997</v>
      </c>
      <c r="H1956" s="235">
        <f t="shared" si="454"/>
        <v>1.8511604753904551</v>
      </c>
      <c r="I1956" s="236">
        <f t="shared" si="455"/>
        <v>15.975712453320757</v>
      </c>
      <c r="J1956" s="237">
        <f t="shared" si="460"/>
        <v>5.9757124533207566</v>
      </c>
      <c r="K1956" s="237">
        <f t="shared" si="456"/>
        <v>312.82042554847374</v>
      </c>
      <c r="L1956" s="237">
        <f t="shared" si="461"/>
        <v>117.05225553564699</v>
      </c>
      <c r="M1956" s="236">
        <f t="shared" si="457"/>
        <v>2.8194208897668127</v>
      </c>
      <c r="N1956" s="236">
        <f t="shared" si="458"/>
        <v>3.6058467197823423</v>
      </c>
      <c r="O1956" s="236">
        <f t="shared" si="462"/>
        <v>3.5038819838851891</v>
      </c>
      <c r="P1956" s="236" t="str">
        <f t="shared" si="463"/>
        <v>CLAY</v>
      </c>
      <c r="Q1956" s="236">
        <f t="shared" si="459"/>
        <v>27.501631204293847</v>
      </c>
      <c r="R1956" s="238">
        <v>35</v>
      </c>
      <c r="S1956" s="236">
        <f t="shared" si="464"/>
        <v>0.91335560905262303</v>
      </c>
      <c r="T1956" s="236" t="e">
        <f t="shared" si="450"/>
        <v>#N/A</v>
      </c>
    </row>
    <row r="1957" spans="1:20" x14ac:dyDescent="0.2">
      <c r="A1957" s="53">
        <f t="shared" si="451"/>
        <v>1945</v>
      </c>
      <c r="B1957" s="239">
        <v>19.599</v>
      </c>
      <c r="C1957" s="3">
        <f t="shared" si="452"/>
        <v>19.591999999999999</v>
      </c>
      <c r="D1957" s="239">
        <v>0.55410000000000004</v>
      </c>
      <c r="E1957" s="239">
        <v>1.24E-2</v>
      </c>
      <c r="F1957" s="239">
        <v>0.43169999999999997</v>
      </c>
      <c r="G1957">
        <f t="shared" si="453"/>
        <v>0.64044000000000001</v>
      </c>
      <c r="H1957" s="235">
        <f t="shared" si="454"/>
        <v>1.9361688838923239</v>
      </c>
      <c r="I1957" s="236">
        <f t="shared" si="455"/>
        <v>16.022512208286614</v>
      </c>
      <c r="J1957" s="237">
        <f t="shared" si="460"/>
        <v>6.0225122082866136</v>
      </c>
      <c r="K1957" s="237">
        <f t="shared" si="456"/>
        <v>313.91305918475132</v>
      </c>
      <c r="L1957" s="237">
        <f t="shared" si="461"/>
        <v>118.03521677020935</v>
      </c>
      <c r="M1957" s="236">
        <f t="shared" si="457"/>
        <v>2.7663518545565138</v>
      </c>
      <c r="N1957" s="236">
        <f t="shared" si="458"/>
        <v>3.797542698633253</v>
      </c>
      <c r="O1957" s="236">
        <f t="shared" si="462"/>
        <v>3.5224358804059785</v>
      </c>
      <c r="P1957" s="236" t="str">
        <f t="shared" si="463"/>
        <v>CLAY</v>
      </c>
      <c r="Q1957" s="236">
        <f t="shared" si="459"/>
        <v>27.210578401270727</v>
      </c>
      <c r="R1957" s="238">
        <v>35</v>
      </c>
      <c r="S1957" s="236">
        <f t="shared" si="464"/>
        <v>0.89191666921214763</v>
      </c>
      <c r="T1957" s="236" t="e">
        <f t="shared" si="450"/>
        <v>#N/A</v>
      </c>
    </row>
    <row r="1958" spans="1:20" x14ac:dyDescent="0.2">
      <c r="A1958" s="53">
        <f t="shared" si="451"/>
        <v>1946</v>
      </c>
      <c r="B1958" s="239">
        <v>19.608000000000001</v>
      </c>
      <c r="C1958" s="3">
        <f t="shared" si="452"/>
        <v>19.600999999999999</v>
      </c>
      <c r="D1958" s="239">
        <v>0.54730000000000001</v>
      </c>
      <c r="E1958" s="239">
        <v>1.2800000000000001E-2</v>
      </c>
      <c r="F1958" s="239">
        <v>0.43230000000000002</v>
      </c>
      <c r="G1958">
        <f t="shared" si="453"/>
        <v>0.63375999999999999</v>
      </c>
      <c r="H1958" s="235">
        <f t="shared" si="454"/>
        <v>2.0196919969704621</v>
      </c>
      <c r="I1958" s="236">
        <f t="shared" si="455"/>
        <v>16.055642314985928</v>
      </c>
      <c r="J1958" s="237">
        <f t="shared" si="460"/>
        <v>6.0556423149859278</v>
      </c>
      <c r="K1958" s="237">
        <f t="shared" si="456"/>
        <v>314.70664501603915</v>
      </c>
      <c r="L1958" s="237">
        <f t="shared" si="461"/>
        <v>118.73903451224407</v>
      </c>
      <c r="M1958" s="236">
        <f t="shared" si="457"/>
        <v>2.6870132159535189</v>
      </c>
      <c r="N1958" s="236">
        <f t="shared" si="458"/>
        <v>4.011868171906066</v>
      </c>
      <c r="O1958" s="236">
        <f t="shared" si="462"/>
        <v>3.5455088709795093</v>
      </c>
      <c r="P1958" s="236" t="str">
        <f t="shared" si="463"/>
        <v>CLAY</v>
      </c>
      <c r="Q1958" s="236">
        <f t="shared" si="459"/>
        <v>26.587779581996738</v>
      </c>
      <c r="R1958" s="238">
        <v>35</v>
      </c>
      <c r="S1958" s="236">
        <f t="shared" si="464"/>
        <v>0.8600570532089904</v>
      </c>
      <c r="T1958" s="236" t="e">
        <f t="shared" si="450"/>
        <v>#N/A</v>
      </c>
    </row>
    <row r="1959" spans="1:20" x14ac:dyDescent="0.2">
      <c r="A1959" s="53">
        <f t="shared" si="451"/>
        <v>1947</v>
      </c>
      <c r="B1959" s="239">
        <v>19.664000000000001</v>
      </c>
      <c r="C1959" s="3">
        <f t="shared" si="452"/>
        <v>19.657</v>
      </c>
      <c r="D1959" s="239">
        <v>0.54249999999999998</v>
      </c>
      <c r="E1959" s="239">
        <v>1.21E-2</v>
      </c>
      <c r="F1959" s="239">
        <v>0.41349999999999998</v>
      </c>
      <c r="G1959">
        <f t="shared" si="453"/>
        <v>0.62519999999999998</v>
      </c>
      <c r="H1959" s="235">
        <f t="shared" si="454"/>
        <v>1.9353806781829814</v>
      </c>
      <c r="I1959" s="236">
        <f t="shared" si="455"/>
        <v>15.984380626649335</v>
      </c>
      <c r="J1959" s="237">
        <f t="shared" si="460"/>
        <v>5.9843806266493349</v>
      </c>
      <c r="K1959" s="237">
        <f t="shared" si="456"/>
        <v>314.20496997804599</v>
      </c>
      <c r="L1959" s="237">
        <f t="shared" si="461"/>
        <v>117.67686064243253</v>
      </c>
      <c r="M1959" s="236">
        <f t="shared" si="457"/>
        <v>2.6427882960519238</v>
      </c>
      <c r="N1959" s="236">
        <f t="shared" si="458"/>
        <v>3.8907374176191269</v>
      </c>
      <c r="O1959" s="236">
        <f t="shared" si="462"/>
        <v>3.5448750788204499</v>
      </c>
      <c r="P1959" s="236" t="str">
        <f t="shared" si="463"/>
        <v>CLAY</v>
      </c>
      <c r="Q1959" s="236">
        <f t="shared" si="459"/>
        <v>25.916252501829494</v>
      </c>
      <c r="R1959" s="238">
        <v>35</v>
      </c>
      <c r="S1959" s="236">
        <f t="shared" si="464"/>
        <v>0.84239926098504792</v>
      </c>
      <c r="T1959" s="236" t="e">
        <f t="shared" si="450"/>
        <v>#N/A</v>
      </c>
    </row>
    <row r="1960" spans="1:20" x14ac:dyDescent="0.2">
      <c r="A1960" s="53">
        <f t="shared" si="451"/>
        <v>1948</v>
      </c>
      <c r="B1960" s="239">
        <v>19.672999999999998</v>
      </c>
      <c r="C1960" s="3">
        <f t="shared" si="452"/>
        <v>19.665999999999997</v>
      </c>
      <c r="D1960" s="239">
        <v>0.54149999999999998</v>
      </c>
      <c r="E1960" s="239">
        <v>1.29E-2</v>
      </c>
      <c r="F1960" s="239">
        <v>0.42799999999999999</v>
      </c>
      <c r="G1960">
        <f t="shared" si="453"/>
        <v>0.62709999999999999</v>
      </c>
      <c r="H1960" s="235">
        <f t="shared" si="454"/>
        <v>2.057088183702759</v>
      </c>
      <c r="I1960" s="236">
        <f t="shared" si="455"/>
        <v>16.060638392888272</v>
      </c>
      <c r="J1960" s="237">
        <f t="shared" si="460"/>
        <v>6.0606383928882721</v>
      </c>
      <c r="K1960" s="237">
        <f t="shared" si="456"/>
        <v>315.84851463454072</v>
      </c>
      <c r="L1960" s="237">
        <f t="shared" si="461"/>
        <v>119.23093910329096</v>
      </c>
      <c r="M1960" s="236">
        <f t="shared" si="457"/>
        <v>2.6104926096054566</v>
      </c>
      <c r="N1960" s="236">
        <f t="shared" si="458"/>
        <v>4.1445585343483016</v>
      </c>
      <c r="O1960" s="236">
        <f t="shared" si="462"/>
        <v>3.5635417926434019</v>
      </c>
      <c r="P1960" s="236" t="str">
        <f t="shared" si="463"/>
        <v>CLAY</v>
      </c>
      <c r="Q1960" s="236">
        <f t="shared" si="459"/>
        <v>25.937623780454942</v>
      </c>
      <c r="R1960" s="238">
        <v>35</v>
      </c>
      <c r="S1960" s="236">
        <f t="shared" si="464"/>
        <v>0.82955100485144639</v>
      </c>
      <c r="T1960" s="236" t="e">
        <f t="shared" si="450"/>
        <v>#N/A</v>
      </c>
    </row>
    <row r="1961" spans="1:20" x14ac:dyDescent="0.2">
      <c r="A1961" s="53">
        <f t="shared" si="451"/>
        <v>1949</v>
      </c>
      <c r="B1961" s="239">
        <v>19.683</v>
      </c>
      <c r="C1961" s="3">
        <f t="shared" si="452"/>
        <v>19.675999999999998</v>
      </c>
      <c r="D1961" s="239">
        <v>0.5413</v>
      </c>
      <c r="E1961" s="239">
        <v>1.3899999999999999E-2</v>
      </c>
      <c r="F1961" s="239">
        <v>0.43980000000000002</v>
      </c>
      <c r="G1961">
        <f t="shared" si="453"/>
        <v>0.62925999999999993</v>
      </c>
      <c r="H1961" s="235">
        <f t="shared" si="454"/>
        <v>2.2089438387947751</v>
      </c>
      <c r="I1961" s="236">
        <f t="shared" si="455"/>
        <v>16.149530128419194</v>
      </c>
      <c r="J1961" s="237">
        <f t="shared" si="460"/>
        <v>6.1495301284191939</v>
      </c>
      <c r="K1961" s="237">
        <f t="shared" si="456"/>
        <v>317.75815480677602</v>
      </c>
      <c r="L1961" s="237">
        <f t="shared" si="461"/>
        <v>121.04120151767499</v>
      </c>
      <c r="M1961" s="236">
        <f t="shared" si="457"/>
        <v>2.5735191099184265</v>
      </c>
      <c r="N1961" s="236">
        <f t="shared" si="458"/>
        <v>4.4622528612560419</v>
      </c>
      <c r="O1961" s="236">
        <f t="shared" si="462"/>
        <v>3.5854714369334455</v>
      </c>
      <c r="P1961" s="236" t="str">
        <f t="shared" si="463"/>
        <v>CLAY</v>
      </c>
      <c r="Q1961" s="236">
        <f t="shared" si="459"/>
        <v>25.95848709943532</v>
      </c>
      <c r="R1961" s="238">
        <v>35</v>
      </c>
      <c r="S1961" s="236">
        <f t="shared" si="464"/>
        <v>0.8148905013417127</v>
      </c>
      <c r="T1961" s="236" t="e">
        <f t="shared" si="450"/>
        <v>#N/A</v>
      </c>
    </row>
    <row r="1962" spans="1:20" x14ac:dyDescent="0.2">
      <c r="A1962" s="53">
        <f t="shared" si="451"/>
        <v>1950</v>
      </c>
      <c r="B1962" s="239">
        <v>19.693000000000001</v>
      </c>
      <c r="C1962" s="3">
        <f t="shared" si="452"/>
        <v>19.686</v>
      </c>
      <c r="D1962" s="239">
        <v>0.53849999999999998</v>
      </c>
      <c r="E1962" s="239">
        <v>1.44E-2</v>
      </c>
      <c r="F1962" s="239">
        <v>0.4461</v>
      </c>
      <c r="G1962">
        <f t="shared" si="453"/>
        <v>0.62771999999999994</v>
      </c>
      <c r="H1962" s="235">
        <f t="shared" si="454"/>
        <v>2.2940164404511565</v>
      </c>
      <c r="I1962" s="236">
        <f t="shared" si="455"/>
        <v>16.190011152507214</v>
      </c>
      <c r="J1962" s="237">
        <f t="shared" si="460"/>
        <v>6.1900111525072141</v>
      </c>
      <c r="K1962" s="237">
        <f t="shared" si="456"/>
        <v>318.71655954825701</v>
      </c>
      <c r="L1962" s="237">
        <f t="shared" si="461"/>
        <v>121.89988962632458</v>
      </c>
      <c r="M1962" s="236">
        <f t="shared" si="457"/>
        <v>2.534895161915002</v>
      </c>
      <c r="N1962" s="236">
        <f t="shared" si="458"/>
        <v>4.6601422880431818</v>
      </c>
      <c r="O1962" s="236">
        <f t="shared" si="462"/>
        <v>3.6009238701564033</v>
      </c>
      <c r="P1962" s="236" t="str">
        <f t="shared" si="463"/>
        <v>CLAY</v>
      </c>
      <c r="Q1962" s="236">
        <f t="shared" si="459"/>
        <v>25.750286704311907</v>
      </c>
      <c r="R1962" s="238">
        <v>35</v>
      </c>
      <c r="S1962" s="236">
        <f t="shared" si="464"/>
        <v>0.79963171689316559</v>
      </c>
      <c r="T1962" s="236" t="e">
        <f t="shared" si="450"/>
        <v>#N/A</v>
      </c>
    </row>
    <row r="1963" spans="1:20" x14ac:dyDescent="0.2">
      <c r="A1963" s="53">
        <f t="shared" si="451"/>
        <v>1951</v>
      </c>
      <c r="B1963" s="239">
        <v>19.702999999999999</v>
      </c>
      <c r="C1963" s="3">
        <f t="shared" si="452"/>
        <v>19.695999999999998</v>
      </c>
      <c r="D1963" s="239">
        <v>0.53700000000000003</v>
      </c>
      <c r="E1963" s="239">
        <v>1.4999999999999999E-2</v>
      </c>
      <c r="F1963" s="239">
        <v>0.45350000000000001</v>
      </c>
      <c r="G1963">
        <f t="shared" si="453"/>
        <v>0.62770000000000004</v>
      </c>
      <c r="H1963" s="235">
        <f t="shared" si="454"/>
        <v>2.3896765971005256</v>
      </c>
      <c r="I1963" s="236">
        <f t="shared" si="455"/>
        <v>16.237866369618466</v>
      </c>
      <c r="J1963" s="237">
        <f t="shared" si="460"/>
        <v>6.237866369618466</v>
      </c>
      <c r="K1963" s="237">
        <f t="shared" si="456"/>
        <v>319.82101601600527</v>
      </c>
      <c r="L1963" s="237">
        <f t="shared" si="461"/>
        <v>122.90468108059262</v>
      </c>
      <c r="M1963" s="236">
        <f t="shared" si="457"/>
        <v>2.5050224391543594</v>
      </c>
      <c r="N1963" s="236">
        <f t="shared" si="458"/>
        <v>4.872044140817283</v>
      </c>
      <c r="O1963" s="236">
        <f t="shared" si="462"/>
        <v>3.6154612623919213</v>
      </c>
      <c r="P1963" s="236" t="str">
        <f t="shared" si="463"/>
        <v>CLAY</v>
      </c>
      <c r="Q1963" s="236">
        <f t="shared" si="459"/>
        <v>25.65658199866623</v>
      </c>
      <c r="R1963" s="238">
        <v>35</v>
      </c>
      <c r="S1963" s="236">
        <f t="shared" si="464"/>
        <v>0.7878699460601879</v>
      </c>
      <c r="T1963" s="236" t="e">
        <f t="shared" si="450"/>
        <v>#N/A</v>
      </c>
    </row>
    <row r="1964" spans="1:20" x14ac:dyDescent="0.2">
      <c r="A1964" s="53">
        <f t="shared" si="451"/>
        <v>1952</v>
      </c>
      <c r="B1964" s="239">
        <v>19.713000000000001</v>
      </c>
      <c r="C1964" s="3">
        <f t="shared" si="452"/>
        <v>19.706</v>
      </c>
      <c r="D1964" s="239">
        <v>0.53620000000000001</v>
      </c>
      <c r="E1964" s="239">
        <v>1.5299999999999999E-2</v>
      </c>
      <c r="F1964" s="239">
        <v>0.46060000000000001</v>
      </c>
      <c r="G1964">
        <f t="shared" si="453"/>
        <v>0.62831999999999999</v>
      </c>
      <c r="H1964" s="235">
        <f t="shared" si="454"/>
        <v>2.4350649350649349</v>
      </c>
      <c r="I1964" s="236">
        <f t="shared" si="455"/>
        <v>16.261472713123712</v>
      </c>
      <c r="J1964" s="237">
        <f t="shared" si="460"/>
        <v>6.2614727131237125</v>
      </c>
      <c r="K1964" s="237">
        <f t="shared" si="456"/>
        <v>320.44858128481587</v>
      </c>
      <c r="L1964" s="237">
        <f t="shared" si="461"/>
        <v>123.43241159380774</v>
      </c>
      <c r="M1964" s="236">
        <f t="shared" si="457"/>
        <v>2.4942510215900953</v>
      </c>
      <c r="N1964" s="236">
        <f t="shared" si="458"/>
        <v>4.9696071378922744</v>
      </c>
      <c r="O1964" s="236">
        <f t="shared" si="462"/>
        <v>3.6216000631102272</v>
      </c>
      <c r="P1964" s="236" t="str">
        <f t="shared" si="463"/>
        <v>CLAY</v>
      </c>
      <c r="Q1964" s="236">
        <f t="shared" si="459"/>
        <v>25.655951559598673</v>
      </c>
      <c r="R1964" s="238">
        <v>35</v>
      </c>
      <c r="S1964" s="236">
        <f t="shared" si="464"/>
        <v>0.78363749402456773</v>
      </c>
      <c r="T1964" s="236" t="e">
        <f t="shared" si="450"/>
        <v>#N/A</v>
      </c>
    </row>
    <row r="1965" spans="1:20" x14ac:dyDescent="0.2">
      <c r="A1965" s="53">
        <f t="shared" si="451"/>
        <v>1953</v>
      </c>
      <c r="B1965" s="239">
        <v>19.722999999999999</v>
      </c>
      <c r="C1965" s="3">
        <f t="shared" si="452"/>
        <v>19.715999999999998</v>
      </c>
      <c r="D1965" s="239">
        <v>0.54410000000000003</v>
      </c>
      <c r="E1965" s="239">
        <v>1.55E-2</v>
      </c>
      <c r="F1965" s="239">
        <v>0.46639999999999998</v>
      </c>
      <c r="G1965">
        <f t="shared" si="453"/>
        <v>0.63738000000000006</v>
      </c>
      <c r="H1965" s="235">
        <f t="shared" si="454"/>
        <v>2.4318303053123724</v>
      </c>
      <c r="I1965" s="236">
        <f t="shared" si="455"/>
        <v>16.28229722811755</v>
      </c>
      <c r="J1965" s="237">
        <f t="shared" si="460"/>
        <v>6.2822972281175495</v>
      </c>
      <c r="K1965" s="237">
        <f t="shared" si="456"/>
        <v>321.02177214956555</v>
      </c>
      <c r="L1965" s="237">
        <f t="shared" si="461"/>
        <v>123.90574823016242</v>
      </c>
      <c r="M1965" s="236">
        <f t="shared" si="457"/>
        <v>2.55321671810399</v>
      </c>
      <c r="N1965" s="236">
        <f t="shared" si="458"/>
        <v>4.8995090487508897</v>
      </c>
      <c r="O1965" s="236">
        <f t="shared" si="462"/>
        <v>3.6097250174182842</v>
      </c>
      <c r="P1965" s="236" t="str">
        <f t="shared" si="463"/>
        <v>CLAY</v>
      </c>
      <c r="Q1965" s="236">
        <f t="shared" si="459"/>
        <v>26.36318565420288</v>
      </c>
      <c r="R1965" s="238">
        <v>35</v>
      </c>
      <c r="S1965" s="236">
        <f t="shared" si="464"/>
        <v>0.80686264208754255</v>
      </c>
      <c r="T1965" s="236" t="e">
        <f t="shared" si="450"/>
        <v>#N/A</v>
      </c>
    </row>
    <row r="1966" spans="1:20" x14ac:dyDescent="0.2">
      <c r="A1966" s="53">
        <f t="shared" si="451"/>
        <v>1954</v>
      </c>
      <c r="B1966" s="239">
        <v>19.733000000000001</v>
      </c>
      <c r="C1966" s="3">
        <f t="shared" si="452"/>
        <v>19.725999999999999</v>
      </c>
      <c r="D1966" s="239">
        <v>0.55740000000000001</v>
      </c>
      <c r="E1966" s="239">
        <v>1.55E-2</v>
      </c>
      <c r="F1966" s="239">
        <v>0.47320000000000001</v>
      </c>
      <c r="G1966">
        <f t="shared" si="453"/>
        <v>0.65203999999999995</v>
      </c>
      <c r="H1966" s="235">
        <f t="shared" si="454"/>
        <v>2.3771547757806268</v>
      </c>
      <c r="I1966" s="236">
        <f t="shared" si="455"/>
        <v>16.291185454315386</v>
      </c>
      <c r="J1966" s="237">
        <f t="shared" si="460"/>
        <v>6.2911854543153858</v>
      </c>
      <c r="K1966" s="237">
        <f t="shared" si="456"/>
        <v>321.35992427182526</v>
      </c>
      <c r="L1966" s="237">
        <f t="shared" si="461"/>
        <v>124.14396257000551</v>
      </c>
      <c r="M1966" s="236">
        <f t="shared" si="457"/>
        <v>2.6636822998275269</v>
      </c>
      <c r="N1966" s="236">
        <f t="shared" si="458"/>
        <v>4.6873099220956069</v>
      </c>
      <c r="O1966" s="236">
        <f t="shared" si="462"/>
        <v>3.5839474871108954</v>
      </c>
      <c r="P1966" s="236" t="str">
        <f t="shared" si="463"/>
        <v>CLAY</v>
      </c>
      <c r="Q1966" s="236">
        <f t="shared" si="459"/>
        <v>27.55667297734789</v>
      </c>
      <c r="R1966" s="238">
        <v>35</v>
      </c>
      <c r="S1966" s="236">
        <f t="shared" si="464"/>
        <v>0.85073253037901742</v>
      </c>
      <c r="T1966" s="236" t="e">
        <f t="shared" si="450"/>
        <v>#N/A</v>
      </c>
    </row>
    <row r="1967" spans="1:20" x14ac:dyDescent="0.2">
      <c r="A1967" s="53">
        <f t="shared" si="451"/>
        <v>1955</v>
      </c>
      <c r="B1967" s="239">
        <v>19.742999999999999</v>
      </c>
      <c r="C1967" s="3">
        <f t="shared" si="452"/>
        <v>19.735999999999997</v>
      </c>
      <c r="D1967" s="239">
        <v>0.58330000000000004</v>
      </c>
      <c r="E1967" s="239">
        <v>1.5100000000000001E-2</v>
      </c>
      <c r="F1967" s="239">
        <v>0.47589999999999999</v>
      </c>
      <c r="G1967">
        <f t="shared" si="453"/>
        <v>0.67847999999999997</v>
      </c>
      <c r="H1967" s="235">
        <f t="shared" si="454"/>
        <v>2.2255630232283932</v>
      </c>
      <c r="I1967" s="236">
        <f t="shared" si="455"/>
        <v>16.276064157255057</v>
      </c>
      <c r="J1967" s="237">
        <f t="shared" si="460"/>
        <v>6.2760641572550568</v>
      </c>
      <c r="K1967" s="237">
        <f t="shared" si="456"/>
        <v>321.22440220758574</v>
      </c>
      <c r="L1967" s="237">
        <f t="shared" si="461"/>
        <v>123.90833465668658</v>
      </c>
      <c r="M1967" s="236">
        <f t="shared" si="457"/>
        <v>2.8832249160822321</v>
      </c>
      <c r="N1967" s="236">
        <f t="shared" si="458"/>
        <v>4.226665752281356</v>
      </c>
      <c r="O1967" s="236">
        <f t="shared" si="462"/>
        <v>3.5310819269521372</v>
      </c>
      <c r="P1967" s="236" t="str">
        <f t="shared" si="463"/>
        <v>CLAY</v>
      </c>
      <c r="Q1967" s="236">
        <f t="shared" si="459"/>
        <v>29.771299816034524</v>
      </c>
      <c r="R1967" s="238">
        <v>35</v>
      </c>
      <c r="S1967" s="236">
        <f t="shared" si="464"/>
        <v>0.93926504800505317</v>
      </c>
      <c r="T1967" s="236" t="e">
        <f t="shared" si="450"/>
        <v>#N/A</v>
      </c>
    </row>
    <row r="1968" spans="1:20" x14ac:dyDescent="0.2">
      <c r="A1968" s="53">
        <f t="shared" si="451"/>
        <v>1956</v>
      </c>
      <c r="B1968" s="239">
        <v>19.753</v>
      </c>
      <c r="C1968" s="3">
        <f t="shared" si="452"/>
        <v>19.745999999999999</v>
      </c>
      <c r="D1968" s="239">
        <v>0.61939999999999995</v>
      </c>
      <c r="E1968" s="239">
        <v>1.4800000000000001E-2</v>
      </c>
      <c r="F1968" s="239">
        <v>0.47420000000000001</v>
      </c>
      <c r="G1968">
        <f t="shared" si="453"/>
        <v>0.71423999999999999</v>
      </c>
      <c r="H1968" s="235">
        <f t="shared" si="454"/>
        <v>2.0721326164874552</v>
      </c>
      <c r="I1968" s="236">
        <f t="shared" si="455"/>
        <v>16.272609437675772</v>
      </c>
      <c r="J1968" s="237">
        <f t="shared" si="460"/>
        <v>6.2726094376757722</v>
      </c>
      <c r="K1968" s="237">
        <f t="shared" si="456"/>
        <v>321.31894595634577</v>
      </c>
      <c r="L1968" s="237">
        <f t="shared" si="461"/>
        <v>123.90285422240953</v>
      </c>
      <c r="M1968" s="236">
        <f t="shared" si="457"/>
        <v>3.1712026047305462</v>
      </c>
      <c r="N1968" s="236">
        <f t="shared" si="458"/>
        <v>3.7666599556550344</v>
      </c>
      <c r="O1968" s="236">
        <f t="shared" si="462"/>
        <v>3.4697392473967197</v>
      </c>
      <c r="P1968" s="236" t="str">
        <f t="shared" si="463"/>
        <v>CLAY</v>
      </c>
      <c r="Q1968" s="236">
        <f t="shared" si="459"/>
        <v>32.743421170304522</v>
      </c>
      <c r="R1968" s="238">
        <v>35</v>
      </c>
      <c r="S1968" s="236">
        <f t="shared" si="464"/>
        <v>1.0579618212763842</v>
      </c>
      <c r="T1968" s="236" t="e">
        <f t="shared" si="450"/>
        <v>#N/A</v>
      </c>
    </row>
    <row r="1969" spans="1:20" x14ac:dyDescent="0.2">
      <c r="A1969" s="53">
        <f t="shared" si="451"/>
        <v>1957</v>
      </c>
      <c r="B1969" s="239">
        <v>19.763000000000002</v>
      </c>
      <c r="C1969" s="3">
        <f t="shared" si="452"/>
        <v>19.756</v>
      </c>
      <c r="D1969" s="239">
        <v>0.68740000000000001</v>
      </c>
      <c r="E1969" s="239">
        <v>1.4800000000000001E-2</v>
      </c>
      <c r="F1969" s="239">
        <v>0.4672</v>
      </c>
      <c r="G1969">
        <f t="shared" si="453"/>
        <v>0.78083999999999998</v>
      </c>
      <c r="H1969" s="235">
        <f t="shared" si="454"/>
        <v>1.8953947031402081</v>
      </c>
      <c r="I1969" s="236">
        <f t="shared" si="455"/>
        <v>16.307455533452206</v>
      </c>
      <c r="J1969" s="237">
        <f t="shared" si="460"/>
        <v>6.307455533452206</v>
      </c>
      <c r="K1969" s="237">
        <f t="shared" si="456"/>
        <v>322.1700915188818</v>
      </c>
      <c r="L1969" s="237">
        <f t="shared" si="461"/>
        <v>124.65424370761596</v>
      </c>
      <c r="M1969" s="236">
        <f t="shared" si="457"/>
        <v>3.6795370525608107</v>
      </c>
      <c r="N1969" s="236">
        <f t="shared" si="458"/>
        <v>3.2267213798720924</v>
      </c>
      <c r="O1969" s="236">
        <f t="shared" si="462"/>
        <v>3.379797842857811</v>
      </c>
      <c r="P1969" s="236" t="str">
        <f t="shared" si="463"/>
        <v>CLAY</v>
      </c>
      <c r="Q1969" s="236">
        <f t="shared" si="459"/>
        <v>38.222492373426519</v>
      </c>
      <c r="R1969" s="238">
        <v>35</v>
      </c>
      <c r="S1969" s="236">
        <f t="shared" si="464"/>
        <v>1.2740353678724017</v>
      </c>
      <c r="T1969" s="236" t="e">
        <f t="shared" si="450"/>
        <v>#N/A</v>
      </c>
    </row>
    <row r="1970" spans="1:20" x14ac:dyDescent="0.2">
      <c r="A1970" s="53">
        <f t="shared" si="451"/>
        <v>1958</v>
      </c>
      <c r="B1970" s="239">
        <v>19.771999999999998</v>
      </c>
      <c r="C1970" s="3">
        <f t="shared" si="452"/>
        <v>19.764999999999997</v>
      </c>
      <c r="D1970" s="239">
        <v>0.77610000000000001</v>
      </c>
      <c r="E1970" s="239">
        <v>1.4800000000000001E-2</v>
      </c>
      <c r="F1970" s="239">
        <v>0.45190000000000002</v>
      </c>
      <c r="G1970">
        <f t="shared" si="453"/>
        <v>0.86648000000000003</v>
      </c>
      <c r="H1970" s="235">
        <f t="shared" si="454"/>
        <v>1.7080601975810172</v>
      </c>
      <c r="I1970" s="236">
        <f t="shared" si="455"/>
        <v>16.348132374492437</v>
      </c>
      <c r="J1970" s="237">
        <f t="shared" si="460"/>
        <v>6.3481323744924367</v>
      </c>
      <c r="K1970" s="237">
        <f t="shared" si="456"/>
        <v>323.12083638184293</v>
      </c>
      <c r="L1970" s="237">
        <f t="shared" si="461"/>
        <v>125.51527330846444</v>
      </c>
      <c r="M1970" s="236">
        <f t="shared" si="457"/>
        <v>4.3290282472859358</v>
      </c>
      <c r="N1970" s="236">
        <f t="shared" si="458"/>
        <v>2.7237968899703011</v>
      </c>
      <c r="O1970" s="236">
        <f t="shared" si="462"/>
        <v>3.2816073205947562</v>
      </c>
      <c r="P1970" s="236" t="str">
        <f t="shared" si="463"/>
        <v>CLAY</v>
      </c>
      <c r="Q1970" s="236">
        <f t="shared" si="459"/>
        <v>45.279930301513083</v>
      </c>
      <c r="R1970" s="238">
        <v>35</v>
      </c>
      <c r="S1970" s="236">
        <f t="shared" si="464"/>
        <v>1.5610903287965749</v>
      </c>
      <c r="T1970" s="236" t="e">
        <f t="shared" si="450"/>
        <v>#N/A</v>
      </c>
    </row>
    <row r="1971" spans="1:20" x14ac:dyDescent="0.2">
      <c r="A1971" s="53">
        <f t="shared" si="451"/>
        <v>1959</v>
      </c>
      <c r="B1971" s="239">
        <v>19.782</v>
      </c>
      <c r="C1971" s="3">
        <f t="shared" si="452"/>
        <v>19.774999999999999</v>
      </c>
      <c r="D1971" s="239">
        <v>0.87639999999999996</v>
      </c>
      <c r="E1971" s="239">
        <v>1.5599999999999999E-2</v>
      </c>
      <c r="F1971" s="239">
        <v>0.437</v>
      </c>
      <c r="G1971">
        <f t="shared" si="453"/>
        <v>0.96379999999999999</v>
      </c>
      <c r="H1971" s="235">
        <f t="shared" si="454"/>
        <v>1.6185930691014732</v>
      </c>
      <c r="I1971" s="236">
        <f t="shared" si="455"/>
        <v>16.451467699708203</v>
      </c>
      <c r="J1971" s="237">
        <f t="shared" si="460"/>
        <v>6.4514676997082034</v>
      </c>
      <c r="K1971" s="237">
        <f t="shared" si="456"/>
        <v>325.3277737617297</v>
      </c>
      <c r="L1971" s="237">
        <f t="shared" si="461"/>
        <v>127.62293403562768</v>
      </c>
      <c r="M1971" s="236">
        <f t="shared" si="457"/>
        <v>5.0028016599276111</v>
      </c>
      <c r="N1971" s="236">
        <f t="shared" si="458"/>
        <v>2.4433325928539711</v>
      </c>
      <c r="O1971" s="236">
        <f t="shared" si="462"/>
        <v>3.2035709798281609</v>
      </c>
      <c r="P1971" s="236" t="str">
        <f t="shared" si="463"/>
        <v>CLAY</v>
      </c>
      <c r="Q1971" s="236">
        <f t="shared" si="459"/>
        <v>53.206018853189185</v>
      </c>
      <c r="R1971" s="238">
        <v>35</v>
      </c>
      <c r="S1971" s="236">
        <f t="shared" si="464"/>
        <v>1.8704952740743446</v>
      </c>
      <c r="T1971" s="236" t="e">
        <f t="shared" si="450"/>
        <v>#N/A</v>
      </c>
    </row>
    <row r="1972" spans="1:20" x14ac:dyDescent="0.2">
      <c r="A1972" s="53">
        <f t="shared" si="451"/>
        <v>1960</v>
      </c>
      <c r="B1972" s="239">
        <v>19.792000000000002</v>
      </c>
      <c r="C1972" s="3">
        <f t="shared" si="452"/>
        <v>19.785</v>
      </c>
      <c r="D1972" s="239">
        <v>0.98419999999999996</v>
      </c>
      <c r="E1972" s="239">
        <v>1.6299999999999999E-2</v>
      </c>
      <c r="F1972" s="239">
        <v>0.41810000000000003</v>
      </c>
      <c r="G1972">
        <f t="shared" si="453"/>
        <v>1.06782</v>
      </c>
      <c r="H1972" s="235">
        <f t="shared" si="454"/>
        <v>1.5264744994474724</v>
      </c>
      <c r="I1972" s="236">
        <f t="shared" si="455"/>
        <v>16.542997832015196</v>
      </c>
      <c r="J1972" s="237">
        <f t="shared" si="460"/>
        <v>6.542997832015196</v>
      </c>
      <c r="K1972" s="237">
        <f t="shared" si="456"/>
        <v>327.30321210642063</v>
      </c>
      <c r="L1972" s="237">
        <f t="shared" si="461"/>
        <v>129.49901309124476</v>
      </c>
      <c r="M1972" s="236">
        <f t="shared" si="457"/>
        <v>5.7183199332323289</v>
      </c>
      <c r="N1972" s="236">
        <f t="shared" si="458"/>
        <v>2.2011654923267581</v>
      </c>
      <c r="O1972" s="236">
        <f t="shared" si="462"/>
        <v>3.1306222879994863</v>
      </c>
      <c r="P1972" s="236" t="str">
        <f t="shared" si="463"/>
        <v>CLAY</v>
      </c>
      <c r="Q1972" s="236">
        <f t="shared" si="459"/>
        <v>61.709732324464937</v>
      </c>
      <c r="R1972" s="238">
        <v>35</v>
      </c>
      <c r="S1972" s="236">
        <f t="shared" si="464"/>
        <v>2.2106784165402815</v>
      </c>
      <c r="T1972" s="236" t="e">
        <f t="shared" si="450"/>
        <v>#N/A</v>
      </c>
    </row>
    <row r="1973" spans="1:20" x14ac:dyDescent="0.2">
      <c r="A1973" s="53">
        <f t="shared" si="451"/>
        <v>1961</v>
      </c>
      <c r="B1973" s="239">
        <v>19.802</v>
      </c>
      <c r="C1973" s="3">
        <f t="shared" si="452"/>
        <v>19.794999999999998</v>
      </c>
      <c r="D1973" s="239">
        <v>1.0783</v>
      </c>
      <c r="E1973" s="239">
        <v>1.72E-2</v>
      </c>
      <c r="F1973" s="239">
        <v>0.39079999999999998</v>
      </c>
      <c r="G1973">
        <f t="shared" si="453"/>
        <v>1.15646</v>
      </c>
      <c r="H1973" s="235">
        <f t="shared" si="454"/>
        <v>1.4872974421942824</v>
      </c>
      <c r="I1973" s="236">
        <f t="shared" si="455"/>
        <v>16.637187415300669</v>
      </c>
      <c r="J1973" s="237">
        <f t="shared" si="460"/>
        <v>6.6371874153006694</v>
      </c>
      <c r="K1973" s="237">
        <f t="shared" si="456"/>
        <v>329.33312488587671</v>
      </c>
      <c r="L1973" s="237">
        <f t="shared" si="461"/>
        <v>131.42958519778387</v>
      </c>
      <c r="M1973" s="236">
        <f t="shared" si="457"/>
        <v>6.2933081152878065</v>
      </c>
      <c r="N1973" s="236">
        <f t="shared" si="458"/>
        <v>2.0794875027639286</v>
      </c>
      <c r="O1973" s="236">
        <f t="shared" si="462"/>
        <v>3.0822389669538937</v>
      </c>
      <c r="P1973" s="236" t="str">
        <f t="shared" si="463"/>
        <v>CLAY</v>
      </c>
      <c r="Q1973" s="236">
        <f t="shared" si="459"/>
        <v>68.927239592843605</v>
      </c>
      <c r="R1973" s="238">
        <v>35</v>
      </c>
      <c r="S1973" s="236">
        <f t="shared" si="464"/>
        <v>2.4919467194304863</v>
      </c>
      <c r="T1973" s="236" t="e">
        <f t="shared" si="450"/>
        <v>#N/A</v>
      </c>
    </row>
    <row r="1974" spans="1:20" x14ac:dyDescent="0.2">
      <c r="A1974" s="53">
        <f t="shared" si="451"/>
        <v>1962</v>
      </c>
      <c r="B1974" s="239">
        <v>19.812000000000001</v>
      </c>
      <c r="C1974" s="3">
        <f t="shared" si="452"/>
        <v>19.805</v>
      </c>
      <c r="D1974" s="239">
        <v>1.1299999999999999</v>
      </c>
      <c r="E1974" s="239">
        <v>1.78E-2</v>
      </c>
      <c r="F1974" s="239">
        <v>0.34739999999999999</v>
      </c>
      <c r="G1974">
        <f t="shared" si="453"/>
        <v>1.1994799999999999</v>
      </c>
      <c r="H1974" s="235">
        <f t="shared" si="454"/>
        <v>1.4839763897689</v>
      </c>
      <c r="I1974" s="236">
        <f t="shared" si="455"/>
        <v>16.691670770502931</v>
      </c>
      <c r="J1974" s="237">
        <f t="shared" si="460"/>
        <v>6.691670770502931</v>
      </c>
      <c r="K1974" s="237">
        <f t="shared" si="456"/>
        <v>330.57853960981055</v>
      </c>
      <c r="L1974" s="237">
        <f t="shared" si="461"/>
        <v>132.57538130520408</v>
      </c>
      <c r="M1974" s="236">
        <f t="shared" si="457"/>
        <v>6.5540181882628428</v>
      </c>
      <c r="N1974" s="236">
        <f t="shared" si="458"/>
        <v>2.0485637107810506</v>
      </c>
      <c r="O1974" s="236">
        <f t="shared" si="462"/>
        <v>3.0637165644793418</v>
      </c>
      <c r="P1974" s="236" t="str">
        <f t="shared" si="463"/>
        <v>CLAY</v>
      </c>
      <c r="Q1974" s="236">
        <f t="shared" si="459"/>
        <v>72.408455032515761</v>
      </c>
      <c r="R1974" s="238">
        <v>35</v>
      </c>
      <c r="S1974" s="236">
        <f t="shared" si="464"/>
        <v>2.621649095799194</v>
      </c>
      <c r="T1974" s="236" t="e">
        <f t="shared" si="450"/>
        <v>#N/A</v>
      </c>
    </row>
    <row r="1975" spans="1:20" x14ac:dyDescent="0.2">
      <c r="A1975" s="53">
        <f t="shared" si="451"/>
        <v>1963</v>
      </c>
      <c r="B1975" s="239">
        <v>19.821999999999999</v>
      </c>
      <c r="C1975" s="3">
        <f t="shared" si="452"/>
        <v>19.814999999999998</v>
      </c>
      <c r="D1975" s="239">
        <v>1.1377999999999999</v>
      </c>
      <c r="E1975" s="239">
        <v>1.8200000000000001E-2</v>
      </c>
      <c r="F1975" s="239">
        <v>0.29289999999999999</v>
      </c>
      <c r="G1975">
        <f t="shared" si="453"/>
        <v>1.19638</v>
      </c>
      <c r="H1975" s="235">
        <f t="shared" si="454"/>
        <v>1.5212557882946891</v>
      </c>
      <c r="I1975" s="236">
        <f t="shared" si="455"/>
        <v>16.71671803179164</v>
      </c>
      <c r="J1975" s="237">
        <f t="shared" si="460"/>
        <v>6.7167180317916397</v>
      </c>
      <c r="K1975" s="237">
        <f t="shared" si="456"/>
        <v>331.24176779995128</v>
      </c>
      <c r="L1975" s="237">
        <f t="shared" si="461"/>
        <v>133.13878482617389</v>
      </c>
      <c r="M1975" s="236">
        <f t="shared" si="457"/>
        <v>6.4980180893912625</v>
      </c>
      <c r="N1975" s="236">
        <f t="shared" si="458"/>
        <v>2.1037100572607166</v>
      </c>
      <c r="O1975" s="236">
        <f t="shared" si="462"/>
        <v>3.0727217082001301</v>
      </c>
      <c r="P1975" s="236" t="str">
        <f t="shared" si="463"/>
        <v>CLAY</v>
      </c>
      <c r="Q1975" s="236">
        <f t="shared" si="459"/>
        <v>72.094852683337407</v>
      </c>
      <c r="R1975" s="238">
        <v>35</v>
      </c>
      <c r="S1975" s="236">
        <f t="shared" si="464"/>
        <v>2.5936785697228601</v>
      </c>
      <c r="T1975" s="236" t="e">
        <f t="shared" si="450"/>
        <v>#N/A</v>
      </c>
    </row>
    <row r="1976" spans="1:20" x14ac:dyDescent="0.2">
      <c r="A1976" s="53">
        <f t="shared" si="451"/>
        <v>1964</v>
      </c>
      <c r="B1976" s="239">
        <v>19.832000000000001</v>
      </c>
      <c r="C1976" s="3">
        <f t="shared" si="452"/>
        <v>19.824999999999999</v>
      </c>
      <c r="D1976" s="239">
        <v>1.1036999999999999</v>
      </c>
      <c r="E1976" s="239">
        <v>1.9E-2</v>
      </c>
      <c r="F1976" s="239">
        <v>0.2712</v>
      </c>
      <c r="G1976">
        <f t="shared" si="453"/>
        <v>1.15794</v>
      </c>
      <c r="H1976" s="235">
        <f t="shared" si="454"/>
        <v>1.6408449487883656</v>
      </c>
      <c r="I1976" s="236">
        <f t="shared" si="455"/>
        <v>16.75439522780843</v>
      </c>
      <c r="J1976" s="237">
        <f t="shared" si="460"/>
        <v>6.7543952278084305</v>
      </c>
      <c r="K1976" s="237">
        <f t="shared" si="456"/>
        <v>332.15588539130215</v>
      </c>
      <c r="L1976" s="237">
        <f t="shared" si="461"/>
        <v>133.95316615789679</v>
      </c>
      <c r="M1976" s="236">
        <f t="shared" si="457"/>
        <v>6.1647226287679384</v>
      </c>
      <c r="N1976" s="236">
        <f t="shared" si="458"/>
        <v>2.3008434848620514</v>
      </c>
      <c r="O1976" s="236">
        <f t="shared" si="462"/>
        <v>3.112110240837906</v>
      </c>
      <c r="P1976" s="236" t="str">
        <f t="shared" si="463"/>
        <v>CLAY</v>
      </c>
      <c r="Q1976" s="236">
        <f t="shared" si="459"/>
        <v>68.815342884058154</v>
      </c>
      <c r="R1976" s="238">
        <v>35</v>
      </c>
      <c r="S1976" s="236">
        <f t="shared" si="464"/>
        <v>2.4284654827205148</v>
      </c>
      <c r="T1976" s="236" t="e">
        <f t="shared" si="450"/>
        <v>#N/A</v>
      </c>
    </row>
    <row r="1977" spans="1:20" x14ac:dyDescent="0.2">
      <c r="A1977" s="53">
        <f t="shared" si="451"/>
        <v>1965</v>
      </c>
      <c r="B1977" s="239">
        <v>19.841999999999999</v>
      </c>
      <c r="C1977" s="3">
        <f t="shared" si="452"/>
        <v>19.834999999999997</v>
      </c>
      <c r="D1977" s="239">
        <v>1.0438000000000001</v>
      </c>
      <c r="E1977" s="239">
        <v>2.0400000000000001E-2</v>
      </c>
      <c r="F1977" s="239">
        <v>0.26750000000000002</v>
      </c>
      <c r="G1977">
        <f t="shared" si="453"/>
        <v>1.0973000000000002</v>
      </c>
      <c r="H1977" s="235">
        <f t="shared" si="454"/>
        <v>1.8591087214070898</v>
      </c>
      <c r="I1977" s="236">
        <f t="shared" si="455"/>
        <v>16.816737347712166</v>
      </c>
      <c r="J1977" s="237">
        <f t="shared" si="460"/>
        <v>6.8167373477121664</v>
      </c>
      <c r="K1977" s="237">
        <f t="shared" si="456"/>
        <v>333.55998529187076</v>
      </c>
      <c r="L1977" s="237">
        <f t="shared" si="461"/>
        <v>135.2577024533048</v>
      </c>
      <c r="M1977" s="236">
        <f t="shared" si="457"/>
        <v>5.6465546941535276</v>
      </c>
      <c r="N1977" s="236">
        <f t="shared" si="458"/>
        <v>2.6710660181653649</v>
      </c>
      <c r="O1977" s="236">
        <f t="shared" si="462"/>
        <v>3.1780923480506575</v>
      </c>
      <c r="P1977" s="236" t="str">
        <f t="shared" si="463"/>
        <v>CLAY</v>
      </c>
      <c r="Q1977" s="236">
        <f t="shared" si="459"/>
        <v>63.645001225677447</v>
      </c>
      <c r="R1977" s="238">
        <v>35</v>
      </c>
      <c r="S1977" s="236">
        <f t="shared" si="464"/>
        <v>2.1760528187580519</v>
      </c>
      <c r="T1977" s="236" t="e">
        <f t="shared" si="450"/>
        <v>#N/A</v>
      </c>
    </row>
    <row r="1978" spans="1:20" x14ac:dyDescent="0.2">
      <c r="A1978" s="53">
        <f t="shared" si="451"/>
        <v>1966</v>
      </c>
      <c r="B1978" s="239">
        <v>19.853000000000002</v>
      </c>
      <c r="C1978" s="3">
        <f t="shared" si="452"/>
        <v>19.846</v>
      </c>
      <c r="D1978" s="239">
        <v>0.96609999999999996</v>
      </c>
      <c r="E1978" s="239">
        <v>2.23E-2</v>
      </c>
      <c r="F1978" s="239">
        <v>0.2777</v>
      </c>
      <c r="G1978">
        <f t="shared" si="453"/>
        <v>1.0216399999999999</v>
      </c>
      <c r="H1978" s="235">
        <f t="shared" si="454"/>
        <v>2.1827649661328845</v>
      </c>
      <c r="I1978" s="236">
        <f t="shared" si="455"/>
        <v>16.893234284176952</v>
      </c>
      <c r="J1978" s="237">
        <f t="shared" si="460"/>
        <v>6.8932342841769518</v>
      </c>
      <c r="K1978" s="237">
        <f t="shared" si="456"/>
        <v>335.26312760377579</v>
      </c>
      <c r="L1978" s="237">
        <f t="shared" si="461"/>
        <v>136.85138024376502</v>
      </c>
      <c r="M1978" s="236">
        <f t="shared" si="457"/>
        <v>5.0154910471025058</v>
      </c>
      <c r="N1978" s="236">
        <f t="shared" si="458"/>
        <v>3.2489439689522204</v>
      </c>
      <c r="O1978" s="236">
        <f t="shared" si="462"/>
        <v>3.2665110828883712</v>
      </c>
      <c r="P1978" s="236" t="str">
        <f t="shared" si="463"/>
        <v>CLAY</v>
      </c>
      <c r="Q1978" s="236">
        <f t="shared" si="459"/>
        <v>57.198072699685348</v>
      </c>
      <c r="R1978" s="238">
        <v>35</v>
      </c>
      <c r="S1978" s="236">
        <f t="shared" si="464"/>
        <v>1.8764276898176375</v>
      </c>
      <c r="T1978" s="236" t="e">
        <f t="shared" si="450"/>
        <v>#N/A</v>
      </c>
    </row>
    <row r="1979" spans="1:20" x14ac:dyDescent="0.2">
      <c r="A1979" s="53">
        <f t="shared" si="451"/>
        <v>1967</v>
      </c>
      <c r="B1979" s="239">
        <v>19.863</v>
      </c>
      <c r="C1979" s="3">
        <f t="shared" si="452"/>
        <v>19.855999999999998</v>
      </c>
      <c r="D1979" s="239">
        <v>0.88329999999999997</v>
      </c>
      <c r="E1979" s="239">
        <v>2.3900000000000001E-2</v>
      </c>
      <c r="F1979" s="239">
        <v>0.28649999999999998</v>
      </c>
      <c r="G1979">
        <f t="shared" si="453"/>
        <v>0.94059999999999999</v>
      </c>
      <c r="H1979" s="235">
        <f t="shared" si="454"/>
        <v>2.5409313204337658</v>
      </c>
      <c r="I1979" s="236">
        <f t="shared" si="455"/>
        <v>16.942181863911511</v>
      </c>
      <c r="J1979" s="237">
        <f t="shared" si="460"/>
        <v>6.9421818639115109</v>
      </c>
      <c r="K1979" s="237">
        <f t="shared" si="456"/>
        <v>336.4039630898269</v>
      </c>
      <c r="L1979" s="237">
        <f t="shared" si="461"/>
        <v>137.89255836287433</v>
      </c>
      <c r="M1979" s="236">
        <f t="shared" si="457"/>
        <v>4.3816435352529117</v>
      </c>
      <c r="N1979" s="236">
        <f t="shared" si="458"/>
        <v>3.955669772715384</v>
      </c>
      <c r="O1979" s="236">
        <f t="shared" si="462"/>
        <v>3.3618336736066423</v>
      </c>
      <c r="P1979" s="236" t="str">
        <f t="shared" si="463"/>
        <v>CLAY</v>
      </c>
      <c r="Q1979" s="236">
        <f t="shared" si="459"/>
        <v>50.349669742514429</v>
      </c>
      <c r="R1979" s="238">
        <v>35</v>
      </c>
      <c r="S1979" s="236">
        <f t="shared" si="464"/>
        <v>1.5848432425438344</v>
      </c>
      <c r="T1979" s="236" t="e">
        <f t="shared" si="450"/>
        <v>#N/A</v>
      </c>
    </row>
    <row r="1980" spans="1:20" x14ac:dyDescent="0.2">
      <c r="A1980" s="53">
        <f t="shared" si="451"/>
        <v>1968</v>
      </c>
      <c r="B1980" s="239">
        <v>19.873000000000001</v>
      </c>
      <c r="C1980" s="3">
        <f t="shared" si="452"/>
        <v>19.866</v>
      </c>
      <c r="D1980" s="239">
        <v>0.81320000000000003</v>
      </c>
      <c r="E1980" s="239">
        <v>2.4299999999999999E-2</v>
      </c>
      <c r="F1980" s="239">
        <v>0.3009</v>
      </c>
      <c r="G1980">
        <f t="shared" si="453"/>
        <v>0.87338000000000005</v>
      </c>
      <c r="H1980" s="235">
        <f t="shared" si="454"/>
        <v>2.7822940758890744</v>
      </c>
      <c r="I1980" s="236">
        <f t="shared" si="455"/>
        <v>16.932662911397834</v>
      </c>
      <c r="J1980" s="237">
        <f t="shared" si="460"/>
        <v>6.9326629113978342</v>
      </c>
      <c r="K1980" s="237">
        <f t="shared" si="456"/>
        <v>336.38428139782934</v>
      </c>
      <c r="L1980" s="237">
        <f t="shared" si="461"/>
        <v>137.77281003820917</v>
      </c>
      <c r="M1980" s="236">
        <f t="shared" si="457"/>
        <v>3.8976901062934197</v>
      </c>
      <c r="N1980" s="236">
        <f t="shared" si="458"/>
        <v>4.5251757431612738</v>
      </c>
      <c r="O1980" s="236">
        <f t="shared" si="462"/>
        <v>3.4362419746275905</v>
      </c>
      <c r="P1980" s="236" t="str">
        <f t="shared" si="463"/>
        <v>CLAY</v>
      </c>
      <c r="Q1980" s="236">
        <f t="shared" si="459"/>
        <v>44.749643216847552</v>
      </c>
      <c r="R1980" s="238">
        <v>35</v>
      </c>
      <c r="S1980" s="236">
        <f t="shared" si="464"/>
        <v>1.3691440456972008</v>
      </c>
      <c r="T1980" s="236" t="e">
        <f t="shared" si="450"/>
        <v>#N/A</v>
      </c>
    </row>
    <row r="1981" spans="1:20" x14ac:dyDescent="0.2">
      <c r="A1981" s="53">
        <f t="shared" si="451"/>
        <v>1969</v>
      </c>
      <c r="B1981" s="239">
        <v>19.882999999999999</v>
      </c>
      <c r="C1981" s="3">
        <f t="shared" si="452"/>
        <v>19.875999999999998</v>
      </c>
      <c r="D1981" s="239">
        <v>0.76880000000000004</v>
      </c>
      <c r="E1981" s="239">
        <v>2.2800000000000001E-2</v>
      </c>
      <c r="F1981" s="239">
        <v>0.31840000000000002</v>
      </c>
      <c r="G1981">
        <f t="shared" si="453"/>
        <v>0.83248</v>
      </c>
      <c r="H1981" s="235">
        <f t="shared" si="454"/>
        <v>2.7388045358447051</v>
      </c>
      <c r="I1981" s="236">
        <f t="shared" si="455"/>
        <v>16.839203568980476</v>
      </c>
      <c r="J1981" s="237">
        <f t="shared" si="460"/>
        <v>6.8392035689804764</v>
      </c>
      <c r="K1981" s="237">
        <f t="shared" si="456"/>
        <v>334.69601013705591</v>
      </c>
      <c r="L1981" s="237">
        <f t="shared" si="461"/>
        <v>135.98388456203881</v>
      </c>
      <c r="M1981" s="236">
        <f t="shared" si="457"/>
        <v>3.6606101632274242</v>
      </c>
      <c r="N1981" s="236">
        <f t="shared" si="458"/>
        <v>4.5802999823834369</v>
      </c>
      <c r="O1981" s="236">
        <f t="shared" si="462"/>
        <v>3.4619637946113757</v>
      </c>
      <c r="P1981" s="236" t="str">
        <f t="shared" si="463"/>
        <v>CLAY</v>
      </c>
      <c r="Q1981" s="236">
        <f t="shared" si="459"/>
        <v>41.48199915524534</v>
      </c>
      <c r="R1981" s="238">
        <v>35</v>
      </c>
      <c r="S1981" s="236">
        <f t="shared" si="464"/>
        <v>1.2658488753797208</v>
      </c>
      <c r="T1981" s="236" t="e">
        <f t="shared" si="450"/>
        <v>#N/A</v>
      </c>
    </row>
    <row r="1982" spans="1:20" x14ac:dyDescent="0.2">
      <c r="A1982" s="53">
        <f t="shared" si="451"/>
        <v>1970</v>
      </c>
      <c r="B1982" s="239">
        <v>19.891999999999999</v>
      </c>
      <c r="C1982" s="3">
        <f t="shared" si="452"/>
        <v>19.884999999999998</v>
      </c>
      <c r="D1982" s="239">
        <v>0.75890000000000002</v>
      </c>
      <c r="E1982" s="239">
        <v>2.0400000000000001E-2</v>
      </c>
      <c r="F1982" s="239">
        <v>0.33689999999999998</v>
      </c>
      <c r="G1982">
        <f t="shared" si="453"/>
        <v>0.82628000000000001</v>
      </c>
      <c r="H1982" s="235">
        <f t="shared" si="454"/>
        <v>2.4688967420244956</v>
      </c>
      <c r="I1982" s="236">
        <f t="shared" si="455"/>
        <v>16.705859023190374</v>
      </c>
      <c r="J1982" s="237">
        <f t="shared" si="460"/>
        <v>6.7058590231903743</v>
      </c>
      <c r="K1982" s="237">
        <f t="shared" si="456"/>
        <v>332.19600667614054</v>
      </c>
      <c r="L1982" s="237">
        <f t="shared" si="461"/>
        <v>133.39294768930293</v>
      </c>
      <c r="M1982" s="236">
        <f t="shared" si="457"/>
        <v>3.7039738748008872</v>
      </c>
      <c r="N1982" s="236">
        <f t="shared" si="458"/>
        <v>4.1288526395608853</v>
      </c>
      <c r="O1982" s="236">
        <f t="shared" si="462"/>
        <v>3.4333653158405828</v>
      </c>
      <c r="P1982" s="236" t="str">
        <f t="shared" si="463"/>
        <v>CLAY</v>
      </c>
      <c r="Q1982" s="236">
        <f t="shared" si="459"/>
        <v>41.173666110321619</v>
      </c>
      <c r="R1982" s="238">
        <v>35</v>
      </c>
      <c r="S1982" s="236">
        <f t="shared" si="464"/>
        <v>1.2846206596659846</v>
      </c>
      <c r="T1982" s="236" t="e">
        <f t="shared" si="450"/>
        <v>#N/A</v>
      </c>
    </row>
    <row r="1983" spans="1:20" x14ac:dyDescent="0.2">
      <c r="A1983" s="53">
        <f t="shared" si="451"/>
        <v>1971</v>
      </c>
      <c r="B1983" s="239">
        <v>19.902000000000001</v>
      </c>
      <c r="C1983" s="3">
        <f t="shared" si="452"/>
        <v>19.895</v>
      </c>
      <c r="D1983" s="239">
        <v>0.7994</v>
      </c>
      <c r="E1983" s="239">
        <v>1.83E-2</v>
      </c>
      <c r="F1983" s="239">
        <v>0.3528</v>
      </c>
      <c r="G1983">
        <f t="shared" si="453"/>
        <v>0.86995999999999996</v>
      </c>
      <c r="H1983" s="235">
        <f t="shared" si="454"/>
        <v>2.1035449905742793</v>
      </c>
      <c r="I1983" s="236">
        <f t="shared" si="455"/>
        <v>16.598610352792122</v>
      </c>
      <c r="J1983" s="237">
        <f t="shared" si="460"/>
        <v>6.5986103527921216</v>
      </c>
      <c r="K1983" s="237">
        <f t="shared" si="456"/>
        <v>330.22935296879928</v>
      </c>
      <c r="L1983" s="237">
        <f t="shared" si="461"/>
        <v>131.3255432412688</v>
      </c>
      <c r="M1983" s="236">
        <f t="shared" si="457"/>
        <v>4.1098679945272929</v>
      </c>
      <c r="N1983" s="236">
        <f t="shared" si="458"/>
        <v>3.3905801163338642</v>
      </c>
      <c r="O1983" s="236">
        <f t="shared" si="462"/>
        <v>3.3498027303710471</v>
      </c>
      <c r="P1983" s="236" t="str">
        <f t="shared" si="463"/>
        <v>CLAY</v>
      </c>
      <c r="Q1983" s="236">
        <f t="shared" si="459"/>
        <v>44.977553919266718</v>
      </c>
      <c r="R1983" s="238">
        <v>35</v>
      </c>
      <c r="S1983" s="236">
        <f t="shared" si="464"/>
        <v>1.4629343920404279</v>
      </c>
      <c r="T1983" s="236" t="e">
        <f t="shared" si="450"/>
        <v>#N/A</v>
      </c>
    </row>
    <row r="1984" spans="1:20" x14ac:dyDescent="0.2">
      <c r="A1984" s="53">
        <f t="shared" si="451"/>
        <v>1972</v>
      </c>
      <c r="B1984" s="239">
        <v>19.913</v>
      </c>
      <c r="C1984" s="3">
        <f t="shared" si="452"/>
        <v>19.905999999999999</v>
      </c>
      <c r="D1984" s="239">
        <v>0.85670000000000002</v>
      </c>
      <c r="E1984" s="239">
        <v>1.8100000000000002E-2</v>
      </c>
      <c r="F1984" s="239">
        <v>0.36399999999999999</v>
      </c>
      <c r="G1984">
        <f t="shared" si="453"/>
        <v>0.92949999999999999</v>
      </c>
      <c r="H1984" s="235">
        <f t="shared" si="454"/>
        <v>1.9472834857450243</v>
      </c>
      <c r="I1984" s="236">
        <f t="shared" si="455"/>
        <v>16.611599661226411</v>
      </c>
      <c r="J1984" s="237">
        <f t="shared" si="460"/>
        <v>6.6115996612264105</v>
      </c>
      <c r="K1984" s="237">
        <f t="shared" si="456"/>
        <v>330.67050285637293</v>
      </c>
      <c r="L1984" s="237">
        <f t="shared" si="461"/>
        <v>131.65678405400152</v>
      </c>
      <c r="M1984" s="236">
        <f t="shared" si="457"/>
        <v>4.5484135241979322</v>
      </c>
      <c r="N1984" s="236">
        <f t="shared" si="458"/>
        <v>3.0225631980948964</v>
      </c>
      <c r="O1984" s="236">
        <f t="shared" si="462"/>
        <v>3.2862453000840754</v>
      </c>
      <c r="P1984" s="236" t="str">
        <f t="shared" si="463"/>
        <v>CLAY</v>
      </c>
      <c r="Q1984" s="236">
        <f t="shared" si="459"/>
        <v>49.902458095302258</v>
      </c>
      <c r="R1984" s="238">
        <v>35</v>
      </c>
      <c r="S1984" s="236">
        <f t="shared" si="464"/>
        <v>1.6605996284163955</v>
      </c>
      <c r="T1984" s="236" t="e">
        <f t="shared" si="450"/>
        <v>#N/A</v>
      </c>
    </row>
    <row r="1985" spans="1:20" x14ac:dyDescent="0.2">
      <c r="A1985" s="53">
        <f t="shared" si="451"/>
        <v>1973</v>
      </c>
      <c r="B1985" s="239">
        <v>19.922000000000001</v>
      </c>
      <c r="C1985" s="3">
        <f t="shared" si="452"/>
        <v>19.914999999999999</v>
      </c>
      <c r="D1985" s="239">
        <v>0.90300000000000002</v>
      </c>
      <c r="E1985" s="239">
        <v>1.8700000000000001E-2</v>
      </c>
      <c r="F1985" s="239">
        <v>0.36080000000000001</v>
      </c>
      <c r="G1985">
        <f t="shared" si="453"/>
        <v>0.97516000000000003</v>
      </c>
      <c r="H1985" s="235">
        <f t="shared" si="454"/>
        <v>1.9176340292875016</v>
      </c>
      <c r="I1985" s="236">
        <f t="shared" si="455"/>
        <v>16.668583682851615</v>
      </c>
      <c r="J1985" s="237">
        <f t="shared" si="460"/>
        <v>6.6685836828516152</v>
      </c>
      <c r="K1985" s="237">
        <f t="shared" si="456"/>
        <v>331.95484404398991</v>
      </c>
      <c r="L1985" s="237">
        <f t="shared" si="461"/>
        <v>132.85152412976987</v>
      </c>
      <c r="M1985" s="236">
        <f t="shared" si="457"/>
        <v>4.8415338865644104</v>
      </c>
      <c r="N1985" s="236">
        <f t="shared" si="458"/>
        <v>2.9073150031276995</v>
      </c>
      <c r="O1985" s="236">
        <f t="shared" si="462"/>
        <v>3.2542995313706982</v>
      </c>
      <c r="P1985" s="236" t="str">
        <f t="shared" si="463"/>
        <v>CLAY</v>
      </c>
      <c r="Q1985" s="236">
        <f t="shared" si="459"/>
        <v>53.600429663000853</v>
      </c>
      <c r="R1985" s="238">
        <v>35</v>
      </c>
      <c r="S1985" s="236">
        <f t="shared" si="464"/>
        <v>1.7954310374912443</v>
      </c>
      <c r="T1985" s="236" t="e">
        <f t="shared" si="450"/>
        <v>#N/A</v>
      </c>
    </row>
    <row r="1986" spans="1:20" x14ac:dyDescent="0.2">
      <c r="A1986" s="53">
        <f t="shared" si="451"/>
        <v>1974</v>
      </c>
      <c r="B1986" s="239">
        <v>19.933</v>
      </c>
      <c r="C1986" s="3">
        <f t="shared" si="452"/>
        <v>19.925999999999998</v>
      </c>
      <c r="D1986" s="239">
        <v>0.93879999999999997</v>
      </c>
      <c r="E1986" s="239">
        <v>1.9400000000000001E-2</v>
      </c>
      <c r="F1986" s="239">
        <v>0.34329999999999999</v>
      </c>
      <c r="G1986">
        <f t="shared" si="453"/>
        <v>1.00746</v>
      </c>
      <c r="H1986" s="235">
        <f t="shared" si="454"/>
        <v>1.9256347646556686</v>
      </c>
      <c r="I1986" s="236">
        <f t="shared" si="455"/>
        <v>16.724412756003129</v>
      </c>
      <c r="J1986" s="237">
        <f t="shared" si="460"/>
        <v>6.7244127560031295</v>
      </c>
      <c r="K1986" s="237">
        <f t="shared" si="456"/>
        <v>333.25064857611835</v>
      </c>
      <c r="L1986" s="237">
        <f t="shared" si="461"/>
        <v>134.03771946541039</v>
      </c>
      <c r="M1986" s="236">
        <f t="shared" si="457"/>
        <v>5.0299971837245954</v>
      </c>
      <c r="N1986" s="236">
        <f t="shared" si="458"/>
        <v>2.8774445146790972</v>
      </c>
      <c r="O1986" s="236">
        <f t="shared" si="462"/>
        <v>3.2377896059734548</v>
      </c>
      <c r="P1986" s="236" t="str">
        <f t="shared" si="463"/>
        <v>CLAY</v>
      </c>
      <c r="Q1986" s="236">
        <f t="shared" si="459"/>
        <v>56.184112618656805</v>
      </c>
      <c r="R1986" s="238">
        <v>35</v>
      </c>
      <c r="S1986" s="236">
        <f t="shared" si="464"/>
        <v>1.8832140517864409</v>
      </c>
      <c r="T1986" s="236" t="e">
        <f t="shared" si="450"/>
        <v>#N/A</v>
      </c>
    </row>
    <row r="1987" spans="1:20" x14ac:dyDescent="0.2">
      <c r="A1987" s="53">
        <f t="shared" si="451"/>
        <v>1975</v>
      </c>
      <c r="B1987" s="239">
        <v>19.942</v>
      </c>
      <c r="C1987" s="3">
        <f t="shared" si="452"/>
        <v>19.934999999999999</v>
      </c>
      <c r="D1987" s="239">
        <v>0.94620000000000004</v>
      </c>
      <c r="E1987" s="239">
        <v>1.95E-2</v>
      </c>
      <c r="F1987" s="239">
        <v>0.33079999999999998</v>
      </c>
      <c r="G1987">
        <f t="shared" si="453"/>
        <v>1.0123599999999999</v>
      </c>
      <c r="H1987" s="235">
        <f t="shared" si="454"/>
        <v>1.9261922636216369</v>
      </c>
      <c r="I1987" s="236">
        <f t="shared" si="455"/>
        <v>16.732337984486968</v>
      </c>
      <c r="J1987" s="237">
        <f t="shared" si="460"/>
        <v>6.7323379844869677</v>
      </c>
      <c r="K1987" s="237">
        <f t="shared" si="456"/>
        <v>333.55915772074769</v>
      </c>
      <c r="L1987" s="237">
        <f t="shared" si="461"/>
        <v>134.25628408663911</v>
      </c>
      <c r="M1987" s="236">
        <f t="shared" si="457"/>
        <v>5.0560079693640576</v>
      </c>
      <c r="N1987" s="236">
        <f t="shared" si="458"/>
        <v>2.8727129940681313</v>
      </c>
      <c r="O1987" s="236">
        <f t="shared" si="462"/>
        <v>3.2355037326336356</v>
      </c>
      <c r="P1987" s="236" t="str">
        <f t="shared" si="463"/>
        <v>CLAY</v>
      </c>
      <c r="Q1987" s="236">
        <f t="shared" si="459"/>
        <v>56.566736856604358</v>
      </c>
      <c r="R1987" s="238">
        <v>35</v>
      </c>
      <c r="S1987" s="236">
        <f t="shared" si="464"/>
        <v>1.8953948486021484</v>
      </c>
      <c r="T1987" s="236" t="e">
        <f t="shared" si="450"/>
        <v>#N/A</v>
      </c>
    </row>
    <row r="1988" spans="1:20" x14ac:dyDescent="0.2">
      <c r="A1988" s="53">
        <f t="shared" si="451"/>
        <v>1976</v>
      </c>
      <c r="B1988" s="239">
        <v>19.952000000000002</v>
      </c>
      <c r="C1988" s="3">
        <f t="shared" si="452"/>
        <v>19.945</v>
      </c>
      <c r="D1988" s="239">
        <v>0.94779999999999998</v>
      </c>
      <c r="E1988" s="239">
        <v>2.01E-2</v>
      </c>
      <c r="F1988" s="239">
        <v>0.32819999999999999</v>
      </c>
      <c r="G1988">
        <f t="shared" si="453"/>
        <v>1.0134399999999999</v>
      </c>
      <c r="H1988" s="235">
        <f t="shared" si="454"/>
        <v>1.9833438585412064</v>
      </c>
      <c r="I1988" s="236">
        <f t="shared" si="455"/>
        <v>16.768290646940443</v>
      </c>
      <c r="J1988" s="237">
        <f t="shared" si="460"/>
        <v>6.7682906469404429</v>
      </c>
      <c r="K1988" s="237">
        <f t="shared" si="456"/>
        <v>334.44355695322713</v>
      </c>
      <c r="L1988" s="237">
        <f t="shared" si="461"/>
        <v>135.04093498775572</v>
      </c>
      <c r="M1988" s="236">
        <f t="shared" si="457"/>
        <v>5.0280786571000711</v>
      </c>
      <c r="N1988" s="236">
        <f t="shared" si="458"/>
        <v>2.9602511479747777</v>
      </c>
      <c r="O1988" s="236">
        <f t="shared" si="462"/>
        <v>3.2443376563875139</v>
      </c>
      <c r="P1988" s="236" t="str">
        <f t="shared" si="463"/>
        <v>CLAY</v>
      </c>
      <c r="Q1988" s="236">
        <f t="shared" si="459"/>
        <v>56.583036920564403</v>
      </c>
      <c r="R1988" s="238">
        <v>35</v>
      </c>
      <c r="S1988" s="236">
        <f t="shared" si="464"/>
        <v>1.8823162321922278</v>
      </c>
      <c r="T1988" s="236" t="e">
        <f t="shared" si="450"/>
        <v>#N/A</v>
      </c>
    </row>
    <row r="1989" spans="1:20" x14ac:dyDescent="0.2">
      <c r="A1989" s="53">
        <f t="shared" si="451"/>
        <v>1977</v>
      </c>
      <c r="B1989" s="239">
        <v>19.962</v>
      </c>
      <c r="C1989" s="3">
        <f t="shared" si="452"/>
        <v>19.954999999999998</v>
      </c>
      <c r="D1989" s="239">
        <v>0.95340000000000003</v>
      </c>
      <c r="E1989" s="239">
        <v>2.0299999999999999E-2</v>
      </c>
      <c r="F1989" s="239">
        <v>0.33260000000000001</v>
      </c>
      <c r="G1989">
        <f t="shared" si="453"/>
        <v>1.0199199999999999</v>
      </c>
      <c r="H1989" s="235">
        <f t="shared" si="454"/>
        <v>1.9903521844850576</v>
      </c>
      <c r="I1989" s="236">
        <f t="shared" si="455"/>
        <v>16.782391854050548</v>
      </c>
      <c r="J1989" s="237">
        <f t="shared" si="460"/>
        <v>6.7823918540505481</v>
      </c>
      <c r="K1989" s="237">
        <f t="shared" si="456"/>
        <v>334.89262944757866</v>
      </c>
      <c r="L1989" s="237">
        <f t="shared" si="461"/>
        <v>135.39010619055705</v>
      </c>
      <c r="M1989" s="236">
        <f t="shared" si="457"/>
        <v>5.0596560548395475</v>
      </c>
      <c r="N1989" s="236">
        <f t="shared" si="458"/>
        <v>2.9633852416188313</v>
      </c>
      <c r="O1989" s="236">
        <f t="shared" si="462"/>
        <v>3.2422574989790771</v>
      </c>
      <c r="P1989" s="236" t="str">
        <f t="shared" si="463"/>
        <v>CLAY</v>
      </c>
      <c r="Q1989" s="236">
        <f t="shared" si="459"/>
        <v>57.085614212701778</v>
      </c>
      <c r="R1989" s="238">
        <v>35</v>
      </c>
      <c r="S1989" s="236">
        <f t="shared" si="464"/>
        <v>1.8971044943305779</v>
      </c>
      <c r="T1989" s="236" t="e">
        <f t="shared" si="450"/>
        <v>#N/A</v>
      </c>
    </row>
    <row r="1990" spans="1:20" x14ac:dyDescent="0.2">
      <c r="A1990" s="53">
        <f t="shared" si="451"/>
        <v>1978</v>
      </c>
      <c r="B1990" s="239">
        <v>19.972000000000001</v>
      </c>
      <c r="C1990" s="3">
        <f t="shared" si="452"/>
        <v>19.965</v>
      </c>
      <c r="D1990" s="239">
        <v>0.94650000000000001</v>
      </c>
      <c r="E1990" s="239">
        <v>1.9300000000000001E-2</v>
      </c>
      <c r="F1990" s="239">
        <v>0.33729999999999999</v>
      </c>
      <c r="G1990">
        <f t="shared" si="453"/>
        <v>1.01396</v>
      </c>
      <c r="H1990" s="235">
        <f t="shared" si="454"/>
        <v>1.9034281431220168</v>
      </c>
      <c r="I1990" s="236">
        <f t="shared" si="455"/>
        <v>16.720866529157934</v>
      </c>
      <c r="J1990" s="237">
        <f t="shared" si="460"/>
        <v>6.7208665291579344</v>
      </c>
      <c r="K1990" s="237">
        <f t="shared" si="456"/>
        <v>333.83210025463814</v>
      </c>
      <c r="L1990" s="237">
        <f t="shared" si="461"/>
        <v>134.22914632034227</v>
      </c>
      <c r="M1990" s="236">
        <f t="shared" si="457"/>
        <v>5.0669166748793453</v>
      </c>
      <c r="N1990" s="236">
        <f t="shared" si="458"/>
        <v>2.8377015569021462</v>
      </c>
      <c r="O1990" s="236">
        <f t="shared" si="462"/>
        <v>3.2319436413162554</v>
      </c>
      <c r="P1990" s="236" t="str">
        <f t="shared" si="463"/>
        <v>CLAY</v>
      </c>
      <c r="Q1990" s="236">
        <f t="shared" si="459"/>
        <v>56.677324978780149</v>
      </c>
      <c r="R1990" s="238">
        <v>35</v>
      </c>
      <c r="S1990" s="236">
        <f t="shared" si="464"/>
        <v>1.9005080420761282</v>
      </c>
      <c r="T1990" s="236" t="e">
        <f t="shared" si="450"/>
        <v>#N/A</v>
      </c>
    </row>
    <row r="1991" spans="1:20" x14ac:dyDescent="0.2">
      <c r="A1991" s="53">
        <f t="shared" si="451"/>
        <v>1979</v>
      </c>
      <c r="B1991" s="239">
        <v>19.981999999999999</v>
      </c>
      <c r="C1991" s="3">
        <f t="shared" si="452"/>
        <v>19.974999999999998</v>
      </c>
      <c r="D1991" s="239">
        <v>0.93799999999999994</v>
      </c>
      <c r="E1991" s="239">
        <v>1.84E-2</v>
      </c>
      <c r="F1991" s="239">
        <v>0.34470000000000001</v>
      </c>
      <c r="G1991">
        <f t="shared" si="453"/>
        <v>1.0069399999999999</v>
      </c>
      <c r="H1991" s="235">
        <f t="shared" si="454"/>
        <v>1.8273184102329829</v>
      </c>
      <c r="I1991" s="236">
        <f t="shared" si="455"/>
        <v>16.662154410432791</v>
      </c>
      <c r="J1991" s="237">
        <f t="shared" si="460"/>
        <v>6.662154410432791</v>
      </c>
      <c r="K1991" s="237">
        <f t="shared" si="456"/>
        <v>332.82653434839494</v>
      </c>
      <c r="L1991" s="237">
        <f t="shared" si="461"/>
        <v>133.12316942926802</v>
      </c>
      <c r="M1991" s="236">
        <f t="shared" si="457"/>
        <v>5.0638327538451522</v>
      </c>
      <c r="N1991" s="236">
        <f t="shared" si="458"/>
        <v>2.7295108223679185</v>
      </c>
      <c r="O1991" s="236">
        <f t="shared" si="462"/>
        <v>3.223464189186561</v>
      </c>
      <c r="P1991" s="236" t="str">
        <f t="shared" si="463"/>
        <v>CLAY</v>
      </c>
      <c r="Q1991" s="236">
        <f t="shared" si="459"/>
        <v>56.176122137633747</v>
      </c>
      <c r="R1991" s="238">
        <v>35</v>
      </c>
      <c r="S1991" s="236">
        <f t="shared" si="464"/>
        <v>1.8990622489218123</v>
      </c>
      <c r="T1991" s="236" t="e">
        <f t="shared" si="450"/>
        <v>#N/A</v>
      </c>
    </row>
    <row r="1992" spans="1:20" x14ac:dyDescent="0.2">
      <c r="A1992" s="53">
        <f t="shared" si="451"/>
        <v>1980</v>
      </c>
      <c r="B1992" s="239">
        <v>19.992999999999999</v>
      </c>
      <c r="C1992" s="3">
        <f t="shared" si="452"/>
        <v>19.985999999999997</v>
      </c>
      <c r="D1992" s="239">
        <v>0.93689999999999996</v>
      </c>
      <c r="E1992" s="239">
        <v>1.6199999999999999E-2</v>
      </c>
      <c r="F1992" s="239">
        <v>0.35139999999999999</v>
      </c>
      <c r="G1992">
        <f t="shared" si="453"/>
        <v>1.00718</v>
      </c>
      <c r="H1992" s="235">
        <f t="shared" si="454"/>
        <v>1.6084513195258048</v>
      </c>
      <c r="I1992" s="236">
        <f t="shared" si="455"/>
        <v>16.512929977541894</v>
      </c>
      <c r="J1992" s="237">
        <f t="shared" si="460"/>
        <v>6.5129299775418943</v>
      </c>
      <c r="K1992" s="237">
        <f t="shared" si="456"/>
        <v>330.02741853115225</v>
      </c>
      <c r="L1992" s="237">
        <f t="shared" si="461"/>
        <v>130.21300904099508</v>
      </c>
      <c r="M1992" s="236">
        <f t="shared" si="457"/>
        <v>5.2003450842277923</v>
      </c>
      <c r="N1992" s="236">
        <f t="shared" si="458"/>
        <v>2.3923707068885003</v>
      </c>
      <c r="O1992" s="236">
        <f t="shared" si="462"/>
        <v>3.1844295157180325</v>
      </c>
      <c r="P1992" s="236" t="str">
        <f t="shared" si="463"/>
        <v>CLAY</v>
      </c>
      <c r="Q1992" s="236">
        <f t="shared" si="459"/>
        <v>56.429381789070646</v>
      </c>
      <c r="R1992" s="238">
        <v>35</v>
      </c>
      <c r="S1992" s="236">
        <f t="shared" si="464"/>
        <v>1.9632708258316143</v>
      </c>
      <c r="T1992" s="236" t="e">
        <f t="shared" si="450"/>
        <v>#N/A</v>
      </c>
    </row>
    <row r="1993" spans="1:20" x14ac:dyDescent="0.2">
      <c r="A1993" s="53">
        <f t="shared" si="451"/>
        <v>1981</v>
      </c>
      <c r="B1993" s="239">
        <v>20.001999999999999</v>
      </c>
      <c r="C1993" s="3">
        <f t="shared" si="452"/>
        <v>19.994999999999997</v>
      </c>
      <c r="D1993" s="239">
        <v>0.9546</v>
      </c>
      <c r="E1993" s="239">
        <v>1.67E-2</v>
      </c>
      <c r="F1993" s="239">
        <v>0.35620000000000002</v>
      </c>
      <c r="G1993">
        <f t="shared" si="453"/>
        <v>1.0258400000000001</v>
      </c>
      <c r="H1993" s="235">
        <f t="shared" si="454"/>
        <v>1.6279341807689307</v>
      </c>
      <c r="I1993" s="236">
        <f t="shared" si="455"/>
        <v>16.555749192814471</v>
      </c>
      <c r="J1993" s="237">
        <f t="shared" si="460"/>
        <v>6.5557491928144707</v>
      </c>
      <c r="K1993" s="237">
        <f t="shared" si="456"/>
        <v>331.03220511032532</v>
      </c>
      <c r="L1993" s="237">
        <f t="shared" si="461"/>
        <v>131.12809535467503</v>
      </c>
      <c r="M1993" s="236">
        <f t="shared" si="457"/>
        <v>5.2986950890300051</v>
      </c>
      <c r="N1993" s="236">
        <f t="shared" si="458"/>
        <v>2.4035424073864502</v>
      </c>
      <c r="O1993" s="236">
        <f t="shared" si="462"/>
        <v>3.1784138687954795</v>
      </c>
      <c r="P1993" s="236" t="str">
        <f t="shared" si="463"/>
        <v>CLAY</v>
      </c>
      <c r="Q1993" s="236">
        <f t="shared" si="459"/>
        <v>57.900649574139571</v>
      </c>
      <c r="R1993" s="238">
        <v>35</v>
      </c>
      <c r="S1993" s="236">
        <f t="shared" si="464"/>
        <v>2.0097922623463012</v>
      </c>
      <c r="T1993" s="236" t="e">
        <f t="shared" si="450"/>
        <v>#N/A</v>
      </c>
    </row>
    <row r="1994" spans="1:20" x14ac:dyDescent="0.2">
      <c r="A1994" s="53">
        <f t="shared" si="451"/>
        <v>1982</v>
      </c>
      <c r="B1994" s="239">
        <v>20.012</v>
      </c>
      <c r="C1994" s="3">
        <f t="shared" si="452"/>
        <v>20.004999999999999</v>
      </c>
      <c r="D1994" s="239">
        <v>0.98140000000000005</v>
      </c>
      <c r="E1994" s="239">
        <v>1.72E-2</v>
      </c>
      <c r="F1994" s="239">
        <v>0.35730000000000001</v>
      </c>
      <c r="G1994">
        <f t="shared" si="453"/>
        <v>1.0528600000000001</v>
      </c>
      <c r="H1994" s="235">
        <f t="shared" si="454"/>
        <v>1.6336454989267328</v>
      </c>
      <c r="I1994" s="236">
        <f t="shared" si="455"/>
        <v>16.600503424783831</v>
      </c>
      <c r="J1994" s="237">
        <f t="shared" si="460"/>
        <v>6.600503424783831</v>
      </c>
      <c r="K1994" s="237">
        <f t="shared" si="456"/>
        <v>332.09307101280052</v>
      </c>
      <c r="L1994" s="237">
        <f t="shared" si="461"/>
        <v>132.08927453677404</v>
      </c>
      <c r="M1994" s="236">
        <f t="shared" si="457"/>
        <v>5.456665058649679</v>
      </c>
      <c r="N1994" s="236">
        <f t="shared" si="458"/>
        <v>2.3863470018205373</v>
      </c>
      <c r="O1994" s="236">
        <f t="shared" si="462"/>
        <v>3.1658235962954011</v>
      </c>
      <c r="P1994" s="236" t="str">
        <f t="shared" si="463"/>
        <v>CLAY</v>
      </c>
      <c r="Q1994" s="236">
        <f t="shared" si="459"/>
        <v>60.063910748933303</v>
      </c>
      <c r="R1994" s="238">
        <v>35</v>
      </c>
      <c r="S1994" s="236">
        <f t="shared" si="464"/>
        <v>2.0849667313013529</v>
      </c>
      <c r="T1994" s="236" t="e">
        <f t="shared" si="450"/>
        <v>#N/A</v>
      </c>
    </row>
    <row r="1995" spans="1:20" x14ac:dyDescent="0.2">
      <c r="A1995" s="53">
        <f t="shared" si="451"/>
        <v>1983</v>
      </c>
      <c r="B1995" s="239">
        <v>20.021999999999998</v>
      </c>
      <c r="C1995" s="3">
        <f t="shared" si="452"/>
        <v>20.014999999999997</v>
      </c>
      <c r="D1995" s="239">
        <v>1.0136000000000001</v>
      </c>
      <c r="E1995" s="239">
        <v>1.84E-2</v>
      </c>
      <c r="F1995" s="239">
        <v>0.35199999999999998</v>
      </c>
      <c r="G1995">
        <f t="shared" si="453"/>
        <v>1.0840000000000001</v>
      </c>
      <c r="H1995" s="235">
        <f t="shared" si="454"/>
        <v>1.6974169741697416</v>
      </c>
      <c r="I1995" s="236">
        <f t="shared" si="455"/>
        <v>16.690977530490365</v>
      </c>
      <c r="J1995" s="237">
        <f t="shared" si="460"/>
        <v>6.6909775304903647</v>
      </c>
      <c r="K1995" s="237">
        <f t="shared" si="456"/>
        <v>334.0699152727646</v>
      </c>
      <c r="L1995" s="237">
        <f t="shared" si="461"/>
        <v>133.96675211547807</v>
      </c>
      <c r="M1995" s="236">
        <f t="shared" si="457"/>
        <v>5.597882107948716</v>
      </c>
      <c r="N1995" s="236">
        <f t="shared" si="458"/>
        <v>2.4535620552804525</v>
      </c>
      <c r="O1995" s="236">
        <f t="shared" si="462"/>
        <v>3.1623727244011191</v>
      </c>
      <c r="P1995" s="236" t="str">
        <f t="shared" si="463"/>
        <v>CLAY</v>
      </c>
      <c r="Q1995" s="236">
        <f t="shared" si="459"/>
        <v>62.494173727269619</v>
      </c>
      <c r="R1995" s="238">
        <v>35</v>
      </c>
      <c r="S1995" s="236">
        <f t="shared" si="464"/>
        <v>2.1526315122061357</v>
      </c>
      <c r="T1995" s="236" t="e">
        <f t="shared" si="450"/>
        <v>#N/A</v>
      </c>
    </row>
    <row r="1996" spans="1:20" x14ac:dyDescent="0.2">
      <c r="A1996" s="53">
        <f t="shared" si="451"/>
        <v>1984</v>
      </c>
      <c r="B1996" s="239">
        <v>20.033000000000001</v>
      </c>
      <c r="C1996" s="3">
        <f t="shared" si="452"/>
        <v>20.026</v>
      </c>
      <c r="D1996" s="239">
        <v>1.0387</v>
      </c>
      <c r="E1996" s="239">
        <v>1.8599999999999998E-2</v>
      </c>
      <c r="F1996" s="239">
        <v>0.34239999999999998</v>
      </c>
      <c r="G1996">
        <f t="shared" si="453"/>
        <v>1.1071800000000001</v>
      </c>
      <c r="H1996" s="235">
        <f t="shared" si="454"/>
        <v>1.6799436406004442</v>
      </c>
      <c r="I1996" s="236">
        <f t="shared" si="455"/>
        <v>16.711924412685207</v>
      </c>
      <c r="J1996" s="237">
        <f t="shared" si="460"/>
        <v>6.7119244126852067</v>
      </c>
      <c r="K1996" s="237">
        <f t="shared" si="456"/>
        <v>334.67299828843397</v>
      </c>
      <c r="L1996" s="237">
        <f t="shared" si="461"/>
        <v>134.45998175932274</v>
      </c>
      <c r="M1996" s="236">
        <f t="shared" si="457"/>
        <v>5.7452558865753716</v>
      </c>
      <c r="N1996" s="236">
        <f t="shared" si="458"/>
        <v>2.4077451672010541</v>
      </c>
      <c r="O1996" s="236">
        <f t="shared" si="462"/>
        <v>3.1484916887481371</v>
      </c>
      <c r="P1996" s="236" t="str">
        <f t="shared" si="463"/>
        <v>CLAY</v>
      </c>
      <c r="Q1996" s="236">
        <f t="shared" si="459"/>
        <v>64.375583475963836</v>
      </c>
      <c r="R1996" s="238">
        <v>35</v>
      </c>
      <c r="S1996" s="236">
        <f t="shared" si="464"/>
        <v>2.2237027295781027</v>
      </c>
      <c r="T1996" s="236" t="e">
        <f t="shared" si="450"/>
        <v>#N/A</v>
      </c>
    </row>
    <row r="1997" spans="1:20" x14ac:dyDescent="0.2">
      <c r="A1997" s="53">
        <f t="shared" si="451"/>
        <v>1985</v>
      </c>
      <c r="B1997" s="239">
        <v>20.042999999999999</v>
      </c>
      <c r="C1997" s="3">
        <f t="shared" si="452"/>
        <v>20.035999999999998</v>
      </c>
      <c r="D1997" s="239">
        <v>1.0685</v>
      </c>
      <c r="E1997" s="239">
        <v>1.7899999999999999E-2</v>
      </c>
      <c r="F1997" s="239">
        <v>0.33489999999999998</v>
      </c>
      <c r="G1997">
        <f t="shared" si="453"/>
        <v>1.13548</v>
      </c>
      <c r="H1997" s="235">
        <f t="shared" si="454"/>
        <v>1.5764258287244159</v>
      </c>
      <c r="I1997" s="236">
        <f t="shared" si="455"/>
        <v>16.676807778210968</v>
      </c>
      <c r="J1997" s="237">
        <f t="shared" si="460"/>
        <v>6.6768077782109678</v>
      </c>
      <c r="K1997" s="237">
        <f t="shared" si="456"/>
        <v>334.13652064423491</v>
      </c>
      <c r="L1997" s="237">
        <f t="shared" si="461"/>
        <v>133.82325829868242</v>
      </c>
      <c r="M1997" s="236">
        <f t="shared" si="457"/>
        <v>5.9880732956541296</v>
      </c>
      <c r="N1997" s="236">
        <f t="shared" si="458"/>
        <v>2.2337487558257272</v>
      </c>
      <c r="O1997" s="236">
        <f t="shared" si="462"/>
        <v>3.1164998683867919</v>
      </c>
      <c r="P1997" s="236" t="str">
        <f t="shared" si="463"/>
        <v>CLAY</v>
      </c>
      <c r="Q1997" s="236">
        <f t="shared" si="459"/>
        <v>66.778623279647093</v>
      </c>
      <c r="R1997" s="238">
        <v>35</v>
      </c>
      <c r="S1997" s="236">
        <f t="shared" si="464"/>
        <v>2.3417951011461882</v>
      </c>
      <c r="T1997" s="236" t="e">
        <f t="shared" ref="T1997:T2060" si="465">IF(P1997="SAND",17.6+(11*LOG(M1997)),#N/A)</f>
        <v>#N/A</v>
      </c>
    </row>
    <row r="1998" spans="1:20" x14ac:dyDescent="0.2">
      <c r="A1998" s="53">
        <f t="shared" ref="A1998:A2061" si="466">$A1997+1</f>
        <v>1986</v>
      </c>
      <c r="B1998" s="239">
        <v>20.053000000000001</v>
      </c>
      <c r="C1998" s="3">
        <f t="shared" ref="C1998:C2061" si="467">MAX($B1998 - $B$13, 0.001)</f>
        <v>20.045999999999999</v>
      </c>
      <c r="D1998" s="239">
        <v>1.0952</v>
      </c>
      <c r="E1998" s="239">
        <v>1.8200000000000001E-2</v>
      </c>
      <c r="F1998" s="239">
        <v>0.3337</v>
      </c>
      <c r="G1998">
        <f t="shared" si="453"/>
        <v>1.16194</v>
      </c>
      <c r="H1998" s="235">
        <f t="shared" si="454"/>
        <v>1.5663459386887446</v>
      </c>
      <c r="I1998" s="236">
        <f t="shared" si="455"/>
        <v>16.705301134310247</v>
      </c>
      <c r="J1998" s="237">
        <f t="shared" si="460"/>
        <v>6.7053011343102469</v>
      </c>
      <c r="K1998" s="237">
        <f t="shared" si="456"/>
        <v>334.87446653838322</v>
      </c>
      <c r="L1998" s="237">
        <f t="shared" si="461"/>
        <v>134.46140364632339</v>
      </c>
      <c r="M1998" s="236">
        <f t="shared" si="457"/>
        <v>6.1509512100369292</v>
      </c>
      <c r="N1998" s="236">
        <f t="shared" si="458"/>
        <v>2.2005511369607378</v>
      </c>
      <c r="O1998" s="236">
        <f t="shared" si="462"/>
        <v>3.1031556625902015</v>
      </c>
      <c r="P1998" s="236" t="str">
        <f t="shared" si="463"/>
        <v>CLAY</v>
      </c>
      <c r="Q1998" s="236">
        <f t="shared" si="459"/>
        <v>68.922127788468075</v>
      </c>
      <c r="R1998" s="238">
        <v>35</v>
      </c>
      <c r="S1998" s="236">
        <f t="shared" si="464"/>
        <v>2.4216861689656346</v>
      </c>
      <c r="T1998" s="236" t="e">
        <f t="shared" si="465"/>
        <v>#N/A</v>
      </c>
    </row>
    <row r="1999" spans="1:20" x14ac:dyDescent="0.2">
      <c r="A1999" s="53">
        <f t="shared" si="466"/>
        <v>1987</v>
      </c>
      <c r="B1999" s="239">
        <v>20.062000000000001</v>
      </c>
      <c r="C1999" s="3">
        <f t="shared" si="467"/>
        <v>20.055</v>
      </c>
      <c r="D1999" s="239">
        <v>1.1344000000000001</v>
      </c>
      <c r="E1999" s="239">
        <v>1.78E-2</v>
      </c>
      <c r="F1999" s="239">
        <v>0.33479999999999999</v>
      </c>
      <c r="G1999">
        <f t="shared" ref="G1999:G2062" si="468">$D1999+($F1999*(1-$P$8))</f>
        <v>1.20136</v>
      </c>
      <c r="H1999" s="235">
        <f t="shared" ref="H1999:H2062" si="469">($E1999/$G1999)*100</f>
        <v>1.481654125324632</v>
      </c>
      <c r="I1999" s="236">
        <f t="shared" ref="I1999:I2062" si="470">((0.27*(LOG($H1999)))+(0.36*(LOG(($G1999*1000)/101)))+1.236)*10</f>
        <v>16.692282911598191</v>
      </c>
      <c r="J1999" s="237">
        <f t="shared" si="460"/>
        <v>6.6922829115981912</v>
      </c>
      <c r="K1999" s="237">
        <f t="shared" ref="K1999:K2062" si="471">$I1999*$C1999</f>
        <v>334.76373379210173</v>
      </c>
      <c r="L1999" s="237">
        <f t="shared" si="461"/>
        <v>134.26057977248291</v>
      </c>
      <c r="M1999" s="236">
        <f t="shared" ref="M1999:M2062" si="472">(($G1999*1000)-$K1999)/$L1999</f>
        <v>6.4545845673869913</v>
      </c>
      <c r="N1999" s="236">
        <f t="shared" ref="N1999:N2062" si="473">(($E1999*1000)/(($G1999*1000)-$K1999))*100</f>
        <v>2.0540130039897662</v>
      </c>
      <c r="O1999" s="236">
        <f t="shared" si="462"/>
        <v>3.0700444981879214</v>
      </c>
      <c r="P1999" s="236" t="str">
        <f t="shared" si="463"/>
        <v>CLAY</v>
      </c>
      <c r="Q1999" s="236">
        <f t="shared" ref="Q1999:Q2062" si="474">IF(P1999="CLAY",($G1999*1000 -$K1999)/$L$8,#N/A)</f>
        <v>72.216355517324857</v>
      </c>
      <c r="R1999" s="238">
        <v>35</v>
      </c>
      <c r="S1999" s="236">
        <f t="shared" si="464"/>
        <v>2.5720261379683156</v>
      </c>
      <c r="T1999" s="236" t="e">
        <f t="shared" si="465"/>
        <v>#N/A</v>
      </c>
    </row>
    <row r="2000" spans="1:20" x14ac:dyDescent="0.2">
      <c r="A2000" s="53">
        <f t="shared" si="466"/>
        <v>1988</v>
      </c>
      <c r="B2000" s="239">
        <v>20.071999999999999</v>
      </c>
      <c r="C2000" s="3">
        <f t="shared" si="467"/>
        <v>20.064999999999998</v>
      </c>
      <c r="D2000" s="239">
        <v>1.1896</v>
      </c>
      <c r="E2000" s="239">
        <v>1.84E-2</v>
      </c>
      <c r="F2000" s="239">
        <v>0.33029999999999998</v>
      </c>
      <c r="G2000">
        <f t="shared" si="468"/>
        <v>1.25566</v>
      </c>
      <c r="H2000" s="235">
        <f t="shared" si="469"/>
        <v>1.4653648280585507</v>
      </c>
      <c r="I2000" s="236">
        <f t="shared" si="470"/>
        <v>16.748436030232057</v>
      </c>
      <c r="J2000" s="237">
        <f t="shared" ref="J2000:J2063" si="475">$I2000-10</f>
        <v>6.7484360302320567</v>
      </c>
      <c r="K2000" s="237">
        <f t="shared" si="471"/>
        <v>336.05736894660618</v>
      </c>
      <c r="L2000" s="237">
        <f t="shared" ref="L2000:L2063" si="476">$J2000*$B2000</f>
        <v>135.45460799881783</v>
      </c>
      <c r="M2000" s="236">
        <f t="shared" si="472"/>
        <v>6.7890095777429709</v>
      </c>
      <c r="N2000" s="236">
        <f t="shared" si="473"/>
        <v>2.0008642188118815</v>
      </c>
      <c r="O2000" s="236">
        <f t="shared" ref="O2000:O2063" si="477">((3.47-LOG($M2000))^2+(LOG($N2000)+1.22)^2)^0.5</f>
        <v>3.0453519335603851</v>
      </c>
      <c r="P2000" s="236" t="str">
        <f t="shared" ref="P2000:P2063" si="478">IF(O2000&lt;2.6,"SAND","CLAY")</f>
        <v>CLAY</v>
      </c>
      <c r="Q2000" s="236">
        <f t="shared" si="474"/>
        <v>76.63355258778283</v>
      </c>
      <c r="R2000" s="238">
        <v>35</v>
      </c>
      <c r="S2000" s="236">
        <f t="shared" ref="S2000:S2063" si="479">IF(P2000="SAND",#N/A,0.25*($M2000)^1.25)</f>
        <v>2.7396686200419804</v>
      </c>
      <c r="T2000" s="236" t="e">
        <f t="shared" si="465"/>
        <v>#N/A</v>
      </c>
    </row>
    <row r="2001" spans="1:20" x14ac:dyDescent="0.2">
      <c r="A2001" s="53">
        <f t="shared" si="466"/>
        <v>1989</v>
      </c>
      <c r="B2001" s="239">
        <v>20.082000000000001</v>
      </c>
      <c r="C2001" s="3">
        <f t="shared" si="467"/>
        <v>20.074999999999999</v>
      </c>
      <c r="D2001" s="239">
        <v>1.2573000000000001</v>
      </c>
      <c r="E2001" s="239">
        <v>1.9199999999999998E-2</v>
      </c>
      <c r="F2001" s="239">
        <v>0.32700000000000001</v>
      </c>
      <c r="G2001">
        <f t="shared" si="468"/>
        <v>1.3227</v>
      </c>
      <c r="H2001" s="235">
        <f t="shared" si="469"/>
        <v>1.4515763211612609</v>
      </c>
      <c r="I2001" s="236">
        <f t="shared" si="470"/>
        <v>16.818671590073457</v>
      </c>
      <c r="J2001" s="237">
        <f t="shared" si="475"/>
        <v>6.8186715900734569</v>
      </c>
      <c r="K2001" s="237">
        <f t="shared" si="471"/>
        <v>337.63483217072462</v>
      </c>
      <c r="L2001" s="237">
        <f t="shared" si="476"/>
        <v>136.93256287185517</v>
      </c>
      <c r="M2001" s="236">
        <f t="shared" si="472"/>
        <v>7.1937977875366537</v>
      </c>
      <c r="N2001" s="236">
        <f t="shared" si="473"/>
        <v>1.9491096251337159</v>
      </c>
      <c r="O2001" s="236">
        <f t="shared" si="477"/>
        <v>3.0178788682551119</v>
      </c>
      <c r="P2001" s="236" t="str">
        <f t="shared" si="478"/>
        <v>CLAY</v>
      </c>
      <c r="Q2001" s="236">
        <f t="shared" si="474"/>
        <v>82.088763985772957</v>
      </c>
      <c r="R2001" s="238">
        <v>35</v>
      </c>
      <c r="S2001" s="236">
        <f t="shared" si="479"/>
        <v>2.9453559756061787</v>
      </c>
      <c r="T2001" s="236" t="e">
        <f t="shared" si="465"/>
        <v>#N/A</v>
      </c>
    </row>
    <row r="2002" spans="1:20" x14ac:dyDescent="0.2">
      <c r="A2002" s="53">
        <f t="shared" si="466"/>
        <v>1990</v>
      </c>
      <c r="B2002" s="239">
        <v>20.091999999999999</v>
      </c>
      <c r="C2002" s="3">
        <f t="shared" si="467"/>
        <v>20.084999999999997</v>
      </c>
      <c r="D2002" s="239">
        <v>1.3382000000000001</v>
      </c>
      <c r="E2002" s="239">
        <v>0.02</v>
      </c>
      <c r="F2002" s="239">
        <v>0.31709999999999999</v>
      </c>
      <c r="G2002">
        <f t="shared" si="468"/>
        <v>1.4016200000000001</v>
      </c>
      <c r="H2002" s="235">
        <f t="shared" si="469"/>
        <v>1.4269202779640702</v>
      </c>
      <c r="I2002" s="236">
        <f t="shared" si="470"/>
        <v>16.889191299989058</v>
      </c>
      <c r="J2002" s="237">
        <f t="shared" si="475"/>
        <v>6.8891912999890579</v>
      </c>
      <c r="K2002" s="237">
        <f t="shared" si="471"/>
        <v>339.21940726028021</v>
      </c>
      <c r="L2002" s="237">
        <f t="shared" si="476"/>
        <v>138.41763159938014</v>
      </c>
      <c r="M2002" s="236">
        <f t="shared" si="472"/>
        <v>7.6753270552598991</v>
      </c>
      <c r="N2002" s="236">
        <f t="shared" si="473"/>
        <v>1.882529070171542</v>
      </c>
      <c r="O2002" s="236">
        <f t="shared" si="477"/>
        <v>2.9859632968235812</v>
      </c>
      <c r="P2002" s="236" t="str">
        <f t="shared" si="478"/>
        <v>CLAY</v>
      </c>
      <c r="Q2002" s="236">
        <f t="shared" si="474"/>
        <v>88.533382728310002</v>
      </c>
      <c r="R2002" s="238">
        <v>35</v>
      </c>
      <c r="S2002" s="236">
        <f t="shared" si="479"/>
        <v>3.1938250410587723</v>
      </c>
      <c r="T2002" s="236" t="e">
        <f t="shared" si="465"/>
        <v>#N/A</v>
      </c>
    </row>
    <row r="2003" spans="1:20" x14ac:dyDescent="0.2">
      <c r="A2003" s="53">
        <f t="shared" si="466"/>
        <v>1991</v>
      </c>
      <c r="B2003" s="239">
        <v>20.102</v>
      </c>
      <c r="C2003" s="3">
        <f t="shared" si="467"/>
        <v>20.094999999999999</v>
      </c>
      <c r="D2003" s="239">
        <v>1.4450000000000001</v>
      </c>
      <c r="E2003" s="239">
        <v>2.1000000000000001E-2</v>
      </c>
      <c r="F2003" s="239">
        <v>0.31419999999999998</v>
      </c>
      <c r="G2003">
        <f t="shared" si="468"/>
        <v>1.5078400000000001</v>
      </c>
      <c r="H2003" s="235">
        <f t="shared" si="469"/>
        <v>1.392720713073005</v>
      </c>
      <c r="I2003" s="236">
        <f t="shared" si="470"/>
        <v>16.974954884253123</v>
      </c>
      <c r="J2003" s="237">
        <f t="shared" si="475"/>
        <v>6.9749548842531226</v>
      </c>
      <c r="K2003" s="237">
        <f t="shared" si="471"/>
        <v>341.11171839906649</v>
      </c>
      <c r="L2003" s="237">
        <f t="shared" si="476"/>
        <v>140.21054308325628</v>
      </c>
      <c r="M2003" s="236">
        <f t="shared" si="472"/>
        <v>8.3212592715523304</v>
      </c>
      <c r="N2003" s="236">
        <f t="shared" si="473"/>
        <v>1.7999049419788398</v>
      </c>
      <c r="O2003" s="236">
        <f t="shared" si="477"/>
        <v>2.9458270745442836</v>
      </c>
      <c r="P2003" s="236" t="str">
        <f t="shared" si="478"/>
        <v>CLAY</v>
      </c>
      <c r="Q2003" s="236">
        <f t="shared" si="474"/>
        <v>97.227356800077814</v>
      </c>
      <c r="R2003" s="238">
        <v>35</v>
      </c>
      <c r="S2003" s="236">
        <f t="shared" si="479"/>
        <v>3.5332659324548574</v>
      </c>
      <c r="T2003" s="236" t="e">
        <f t="shared" si="465"/>
        <v>#N/A</v>
      </c>
    </row>
    <row r="2004" spans="1:20" x14ac:dyDescent="0.2">
      <c r="A2004" s="53">
        <f t="shared" si="466"/>
        <v>1992</v>
      </c>
      <c r="B2004" s="239">
        <v>20.111999999999998</v>
      </c>
      <c r="C2004" s="3">
        <f t="shared" si="467"/>
        <v>20.104999999999997</v>
      </c>
      <c r="D2004" s="239">
        <v>1.5760000000000001</v>
      </c>
      <c r="E2004" s="239">
        <v>2.12E-2</v>
      </c>
      <c r="F2004" s="239">
        <v>0.30220000000000002</v>
      </c>
      <c r="G2004">
        <f t="shared" si="468"/>
        <v>1.6364400000000001</v>
      </c>
      <c r="H2004" s="235">
        <f t="shared" si="469"/>
        <v>1.2954950991175966</v>
      </c>
      <c r="I2004" s="236">
        <f t="shared" si="470"/>
        <v>17.018059956783333</v>
      </c>
      <c r="J2004" s="237">
        <f t="shared" si="475"/>
        <v>7.0180599567833326</v>
      </c>
      <c r="K2004" s="237">
        <f t="shared" si="471"/>
        <v>342.14809543112887</v>
      </c>
      <c r="L2004" s="237">
        <f t="shared" si="476"/>
        <v>141.14722185082638</v>
      </c>
      <c r="M2004" s="236">
        <f t="shared" si="472"/>
        <v>9.1698007767858414</v>
      </c>
      <c r="N2004" s="236">
        <f t="shared" si="473"/>
        <v>1.6379612609152279</v>
      </c>
      <c r="O2004" s="236">
        <f t="shared" si="477"/>
        <v>2.8888554414590812</v>
      </c>
      <c r="P2004" s="236" t="str">
        <f t="shared" si="478"/>
        <v>CLAY</v>
      </c>
      <c r="Q2004" s="236">
        <f t="shared" si="474"/>
        <v>107.8576587140726</v>
      </c>
      <c r="R2004" s="238">
        <v>35</v>
      </c>
      <c r="S2004" s="236">
        <f t="shared" si="479"/>
        <v>3.989237418665299</v>
      </c>
      <c r="T2004" s="236" t="e">
        <f t="shared" si="465"/>
        <v>#N/A</v>
      </c>
    </row>
    <row r="2005" spans="1:20" x14ac:dyDescent="0.2">
      <c r="A2005" s="53">
        <f t="shared" si="466"/>
        <v>1993</v>
      </c>
      <c r="B2005" s="239">
        <v>20.122</v>
      </c>
      <c r="C2005" s="3">
        <f t="shared" si="467"/>
        <v>20.114999999999998</v>
      </c>
      <c r="D2005" s="239">
        <v>1.7344999999999999</v>
      </c>
      <c r="E2005" s="239">
        <v>2.1899999999999999E-2</v>
      </c>
      <c r="F2005" s="239">
        <v>0.2923</v>
      </c>
      <c r="G2005">
        <f t="shared" si="468"/>
        <v>1.7929599999999999</v>
      </c>
      <c r="H2005" s="235">
        <f t="shared" si="469"/>
        <v>1.2214438693557024</v>
      </c>
      <c r="I2005" s="236">
        <f t="shared" si="470"/>
        <v>17.091855705159531</v>
      </c>
      <c r="J2005" s="237">
        <f t="shared" si="475"/>
        <v>7.0918557051595315</v>
      </c>
      <c r="K2005" s="237">
        <f t="shared" si="471"/>
        <v>343.80267750928397</v>
      </c>
      <c r="L2005" s="237">
        <f t="shared" si="476"/>
        <v>142.70232049922009</v>
      </c>
      <c r="M2005" s="236">
        <f t="shared" si="472"/>
        <v>10.155106920623872</v>
      </c>
      <c r="N2005" s="236">
        <f t="shared" si="473"/>
        <v>1.5112230853141415</v>
      </c>
      <c r="O2005" s="236">
        <f t="shared" si="477"/>
        <v>2.8330273072166015</v>
      </c>
      <c r="P2005" s="236" t="str">
        <f t="shared" si="478"/>
        <v>CLAY</v>
      </c>
      <c r="Q2005" s="236">
        <f t="shared" si="474"/>
        <v>120.76311020755965</v>
      </c>
      <c r="R2005" s="238">
        <v>35</v>
      </c>
      <c r="S2005" s="236">
        <f t="shared" si="479"/>
        <v>4.5320598251366562</v>
      </c>
      <c r="T2005" s="236" t="e">
        <f t="shared" si="465"/>
        <v>#N/A</v>
      </c>
    </row>
    <row r="2006" spans="1:20" x14ac:dyDescent="0.2">
      <c r="A2006" s="53">
        <f t="shared" si="466"/>
        <v>1994</v>
      </c>
      <c r="B2006" s="239">
        <v>20.131</v>
      </c>
      <c r="C2006" s="3">
        <f t="shared" si="467"/>
        <v>20.123999999999999</v>
      </c>
      <c r="D2006" s="239">
        <v>1.9213</v>
      </c>
      <c r="E2006" s="239">
        <v>2.3099999999999999E-2</v>
      </c>
      <c r="F2006" s="239">
        <v>0.27139999999999997</v>
      </c>
      <c r="G2006">
        <f t="shared" si="468"/>
        <v>1.9755799999999999</v>
      </c>
      <c r="H2006" s="235">
        <f t="shared" si="469"/>
        <v>1.1692768705899028</v>
      </c>
      <c r="I2006" s="236">
        <f t="shared" si="470"/>
        <v>17.192320558886987</v>
      </c>
      <c r="J2006" s="237">
        <f t="shared" si="475"/>
        <v>7.192320558886987</v>
      </c>
      <c r="K2006" s="237">
        <f t="shared" si="471"/>
        <v>345.97825892704168</v>
      </c>
      <c r="L2006" s="237">
        <f t="shared" si="476"/>
        <v>144.78860517095393</v>
      </c>
      <c r="M2006" s="236">
        <f t="shared" si="472"/>
        <v>11.255041369787801</v>
      </c>
      <c r="N2006" s="236">
        <f t="shared" si="473"/>
        <v>1.4175242587057224</v>
      </c>
      <c r="O2006" s="236">
        <f t="shared" si="477"/>
        <v>2.7804635915284064</v>
      </c>
      <c r="P2006" s="236" t="str">
        <f t="shared" si="478"/>
        <v>CLAY</v>
      </c>
      <c r="Q2006" s="236">
        <f t="shared" si="474"/>
        <v>135.80014508941318</v>
      </c>
      <c r="R2006" s="238">
        <v>35</v>
      </c>
      <c r="S2006" s="236">
        <f t="shared" si="479"/>
        <v>5.1537562947018731</v>
      </c>
      <c r="T2006" s="236" t="e">
        <f t="shared" si="465"/>
        <v>#N/A</v>
      </c>
    </row>
    <row r="2007" spans="1:20" x14ac:dyDescent="0.2">
      <c r="A2007" s="53">
        <f t="shared" si="466"/>
        <v>1995</v>
      </c>
      <c r="B2007" s="239">
        <v>20.140999999999998</v>
      </c>
      <c r="C2007" s="3">
        <f t="shared" si="467"/>
        <v>20.133999999999997</v>
      </c>
      <c r="D2007" s="239">
        <v>2.1183000000000001</v>
      </c>
      <c r="E2007" s="239">
        <v>2.5000000000000001E-2</v>
      </c>
      <c r="F2007" s="239">
        <v>0.24490000000000001</v>
      </c>
      <c r="G2007">
        <f t="shared" si="468"/>
        <v>2.1672799999999999</v>
      </c>
      <c r="H2007" s="235">
        <f t="shared" si="469"/>
        <v>1.1535196190616812</v>
      </c>
      <c r="I2007" s="236">
        <f t="shared" si="470"/>
        <v>17.321204598741392</v>
      </c>
      <c r="J2007" s="237">
        <f t="shared" si="475"/>
        <v>7.3212045987413923</v>
      </c>
      <c r="K2007" s="237">
        <f t="shared" si="471"/>
        <v>348.74513339105914</v>
      </c>
      <c r="L2007" s="237">
        <f t="shared" si="476"/>
        <v>147.45638182325038</v>
      </c>
      <c r="M2007" s="236">
        <f t="shared" si="472"/>
        <v>12.332696924496222</v>
      </c>
      <c r="N2007" s="236">
        <f t="shared" si="473"/>
        <v>1.3747330589607014</v>
      </c>
      <c r="O2007" s="236">
        <f t="shared" si="477"/>
        <v>2.7393652399043136</v>
      </c>
      <c r="P2007" s="236" t="str">
        <f t="shared" si="478"/>
        <v>CLAY</v>
      </c>
      <c r="Q2007" s="236">
        <f t="shared" si="474"/>
        <v>151.54457221741171</v>
      </c>
      <c r="R2007" s="238">
        <v>35</v>
      </c>
      <c r="S2007" s="236">
        <f t="shared" si="479"/>
        <v>5.7778010336412224</v>
      </c>
      <c r="T2007" s="236" t="e">
        <f t="shared" si="465"/>
        <v>#N/A</v>
      </c>
    </row>
    <row r="2008" spans="1:20" x14ac:dyDescent="0.2">
      <c r="A2008" s="53">
        <f t="shared" si="466"/>
        <v>1996</v>
      </c>
      <c r="B2008" s="239">
        <v>20.152000000000001</v>
      </c>
      <c r="C2008" s="3">
        <f t="shared" si="467"/>
        <v>20.145</v>
      </c>
      <c r="D2008" s="239">
        <v>2.2959000000000001</v>
      </c>
      <c r="E2008" s="239">
        <v>2.7E-2</v>
      </c>
      <c r="F2008" s="239">
        <v>0.20619999999999999</v>
      </c>
      <c r="G2008">
        <f t="shared" si="468"/>
        <v>2.3371400000000002</v>
      </c>
      <c r="H2008" s="235">
        <f t="shared" si="469"/>
        <v>1.155258136012391</v>
      </c>
      <c r="I2008" s="236">
        <f t="shared" si="470"/>
        <v>17.440941473170287</v>
      </c>
      <c r="J2008" s="237">
        <f t="shared" si="475"/>
        <v>7.4409414731702874</v>
      </c>
      <c r="K2008" s="237">
        <f t="shared" si="471"/>
        <v>351.34776597701546</v>
      </c>
      <c r="L2008" s="237">
        <f t="shared" si="476"/>
        <v>149.94985256732764</v>
      </c>
      <c r="M2008" s="236">
        <f t="shared" si="472"/>
        <v>13.243042257286396</v>
      </c>
      <c r="N2008" s="236">
        <f t="shared" si="473"/>
        <v>1.3596588574274526</v>
      </c>
      <c r="O2008" s="236">
        <f t="shared" si="477"/>
        <v>2.710153889142588</v>
      </c>
      <c r="P2008" s="236" t="str">
        <f t="shared" si="478"/>
        <v>CLAY</v>
      </c>
      <c r="Q2008" s="236">
        <f t="shared" si="474"/>
        <v>165.48268616858206</v>
      </c>
      <c r="R2008" s="238">
        <v>35</v>
      </c>
      <c r="S2008" s="236">
        <f t="shared" si="479"/>
        <v>6.3157468585616749</v>
      </c>
      <c r="T2008" s="236" t="e">
        <f t="shared" si="465"/>
        <v>#N/A</v>
      </c>
    </row>
    <row r="2009" spans="1:20" x14ac:dyDescent="0.2">
      <c r="A2009" s="53">
        <f t="shared" si="466"/>
        <v>1997</v>
      </c>
      <c r="B2009" s="239">
        <v>20.161999999999999</v>
      </c>
      <c r="C2009" s="3">
        <f t="shared" si="467"/>
        <v>20.154999999999998</v>
      </c>
      <c r="D2009" s="239">
        <v>2.4582000000000002</v>
      </c>
      <c r="E2009" s="239">
        <v>2.92E-2</v>
      </c>
      <c r="F2009" s="239">
        <v>0.17019999999999999</v>
      </c>
      <c r="G2009">
        <f t="shared" si="468"/>
        <v>2.4922400000000002</v>
      </c>
      <c r="H2009" s="235">
        <f t="shared" si="469"/>
        <v>1.1716367605046063</v>
      </c>
      <c r="I2009" s="236">
        <f t="shared" si="470"/>
        <v>17.557907629171506</v>
      </c>
      <c r="J2009" s="237">
        <f t="shared" si="475"/>
        <v>7.5579076291715062</v>
      </c>
      <c r="K2009" s="237">
        <f t="shared" si="471"/>
        <v>353.87962826595168</v>
      </c>
      <c r="L2009" s="237">
        <f t="shared" si="476"/>
        <v>152.38253361935591</v>
      </c>
      <c r="M2009" s="236">
        <f t="shared" si="472"/>
        <v>14.032844322404873</v>
      </c>
      <c r="N2009" s="236">
        <f t="shared" si="473"/>
        <v>1.3655322267462808</v>
      </c>
      <c r="O2009" s="236">
        <f t="shared" si="477"/>
        <v>2.6893299261772645</v>
      </c>
      <c r="P2009" s="236" t="str">
        <f t="shared" si="478"/>
        <v>CLAY</v>
      </c>
      <c r="Q2009" s="236">
        <f t="shared" si="474"/>
        <v>178.19669764450404</v>
      </c>
      <c r="R2009" s="238">
        <v>35</v>
      </c>
      <c r="S2009" s="236">
        <f t="shared" si="479"/>
        <v>6.7900370300129707</v>
      </c>
      <c r="T2009" s="236" t="e">
        <f t="shared" si="465"/>
        <v>#N/A</v>
      </c>
    </row>
    <row r="2010" spans="1:20" x14ac:dyDescent="0.2">
      <c r="A2010" s="53">
        <f t="shared" si="466"/>
        <v>1998</v>
      </c>
      <c r="B2010" s="239">
        <v>20.172000000000001</v>
      </c>
      <c r="C2010" s="3">
        <f t="shared" si="467"/>
        <v>20.164999999999999</v>
      </c>
      <c r="D2010" s="239">
        <v>2.5945999999999998</v>
      </c>
      <c r="E2010" s="239">
        <v>2.9899999999999999E-2</v>
      </c>
      <c r="F2010" s="239">
        <v>0.1208</v>
      </c>
      <c r="G2010">
        <f t="shared" si="468"/>
        <v>2.61876</v>
      </c>
      <c r="H2010" s="235">
        <f t="shared" si="469"/>
        <v>1.1417617498358001</v>
      </c>
      <c r="I2010" s="236">
        <f t="shared" si="470"/>
        <v>17.605041391698304</v>
      </c>
      <c r="J2010" s="237">
        <f t="shared" si="475"/>
        <v>7.605041391698304</v>
      </c>
      <c r="K2010" s="237">
        <f t="shared" si="471"/>
        <v>355.0056596635963</v>
      </c>
      <c r="L2010" s="237">
        <f t="shared" si="476"/>
        <v>153.4088949533382</v>
      </c>
      <c r="M2010" s="236">
        <f t="shared" si="472"/>
        <v>14.756343437744995</v>
      </c>
      <c r="N2010" s="236">
        <f t="shared" si="473"/>
        <v>1.3208146956244702</v>
      </c>
      <c r="O2010" s="236">
        <f t="shared" si="477"/>
        <v>2.6631852644718585</v>
      </c>
      <c r="P2010" s="236" t="str">
        <f t="shared" si="478"/>
        <v>CLAY</v>
      </c>
      <c r="Q2010" s="236">
        <f t="shared" si="474"/>
        <v>188.64619502803362</v>
      </c>
      <c r="R2010" s="238">
        <v>35</v>
      </c>
      <c r="S2010" s="236">
        <f t="shared" si="479"/>
        <v>7.230418774436834</v>
      </c>
      <c r="T2010" s="236" t="e">
        <f t="shared" si="465"/>
        <v>#N/A</v>
      </c>
    </row>
    <row r="2011" spans="1:20" x14ac:dyDescent="0.2">
      <c r="A2011" s="53">
        <f t="shared" si="466"/>
        <v>1999</v>
      </c>
      <c r="B2011" s="239">
        <v>20.181999999999999</v>
      </c>
      <c r="C2011" s="3">
        <f t="shared" si="467"/>
        <v>20.174999999999997</v>
      </c>
      <c r="D2011" s="239">
        <v>2.6762000000000001</v>
      </c>
      <c r="E2011" s="239">
        <v>3.1099999999999999E-2</v>
      </c>
      <c r="F2011" s="239">
        <v>9.4399999999999998E-2</v>
      </c>
      <c r="G2011">
        <f t="shared" si="468"/>
        <v>2.6950799999999999</v>
      </c>
      <c r="H2011" s="235">
        <f t="shared" si="469"/>
        <v>1.1539546135921754</v>
      </c>
      <c r="I2011" s="236">
        <f t="shared" si="470"/>
        <v>17.662410599825836</v>
      </c>
      <c r="J2011" s="237">
        <f t="shared" si="475"/>
        <v>7.6624105998258365</v>
      </c>
      <c r="K2011" s="237">
        <f t="shared" si="471"/>
        <v>356.33913385148622</v>
      </c>
      <c r="L2011" s="237">
        <f t="shared" si="476"/>
        <v>154.64277072568501</v>
      </c>
      <c r="M2011" s="236">
        <f t="shared" si="472"/>
        <v>15.123505969102935</v>
      </c>
      <c r="N2011" s="236">
        <f t="shared" si="473"/>
        <v>1.3297753697362853</v>
      </c>
      <c r="O2011" s="236">
        <f t="shared" si="477"/>
        <v>2.655453225181319</v>
      </c>
      <c r="P2011" s="236" t="str">
        <f t="shared" si="478"/>
        <v>CLAY</v>
      </c>
      <c r="Q2011" s="236">
        <f t="shared" si="474"/>
        <v>194.89507217904281</v>
      </c>
      <c r="R2011" s="238">
        <v>35</v>
      </c>
      <c r="S2011" s="236">
        <f t="shared" si="479"/>
        <v>7.4559950541863023</v>
      </c>
      <c r="T2011" s="236" t="e">
        <f t="shared" si="465"/>
        <v>#N/A</v>
      </c>
    </row>
    <row r="2012" spans="1:20" x14ac:dyDescent="0.2">
      <c r="A2012" s="53">
        <f t="shared" si="466"/>
        <v>2000</v>
      </c>
      <c r="B2012" s="239">
        <v>20.190999999999999</v>
      </c>
      <c r="C2012" s="3">
        <f t="shared" si="467"/>
        <v>20.183999999999997</v>
      </c>
      <c r="D2012" s="239">
        <v>2.7284999999999999</v>
      </c>
      <c r="E2012" s="239">
        <v>2.8799999999999999E-2</v>
      </c>
      <c r="F2012" s="239">
        <v>9.5799999999999996E-2</v>
      </c>
      <c r="G2012">
        <f t="shared" si="468"/>
        <v>2.7476599999999998</v>
      </c>
      <c r="H2012" s="235">
        <f t="shared" si="469"/>
        <v>1.0481646200767198</v>
      </c>
      <c r="I2012" s="236">
        <f t="shared" si="470"/>
        <v>17.579869463586633</v>
      </c>
      <c r="J2012" s="237">
        <f t="shared" si="475"/>
        <v>7.5798694635866326</v>
      </c>
      <c r="K2012" s="237">
        <f t="shared" si="471"/>
        <v>354.83208525303257</v>
      </c>
      <c r="L2012" s="237">
        <f t="shared" si="476"/>
        <v>153.0451443392777</v>
      </c>
      <c r="M2012" s="236">
        <f t="shared" si="472"/>
        <v>15.634784919686401</v>
      </c>
      <c r="N2012" s="236">
        <f t="shared" si="473"/>
        <v>1.2035967911652139</v>
      </c>
      <c r="O2012" s="236">
        <f t="shared" si="477"/>
        <v>2.6212608636037134</v>
      </c>
      <c r="P2012" s="236" t="str">
        <f t="shared" si="478"/>
        <v>CLAY</v>
      </c>
      <c r="Q2012" s="236">
        <f t="shared" si="474"/>
        <v>199.40232622891395</v>
      </c>
      <c r="R2012" s="238">
        <v>35</v>
      </c>
      <c r="S2012" s="236">
        <f t="shared" si="479"/>
        <v>7.7723956084735049</v>
      </c>
      <c r="T2012" s="236" t="e">
        <f t="shared" si="465"/>
        <v>#N/A</v>
      </c>
    </row>
    <row r="2013" spans="1:20" x14ac:dyDescent="0.2">
      <c r="A2013" s="53">
        <f t="shared" si="466"/>
        <v>2001</v>
      </c>
      <c r="B2013" s="239">
        <v>20.201000000000001</v>
      </c>
      <c r="C2013" s="3">
        <f t="shared" si="467"/>
        <v>20.193999999999999</v>
      </c>
      <c r="D2013" s="239">
        <v>2.7242999999999999</v>
      </c>
      <c r="E2013" s="239">
        <v>2.4500000000000001E-2</v>
      </c>
      <c r="F2013" s="239">
        <v>9.9299999999999999E-2</v>
      </c>
      <c r="G2013">
        <f t="shared" si="468"/>
        <v>2.7441599999999999</v>
      </c>
      <c r="H2013" s="235">
        <f t="shared" si="469"/>
        <v>0.89280508425164717</v>
      </c>
      <c r="I2013" s="236">
        <f t="shared" si="470"/>
        <v>17.389759968797595</v>
      </c>
      <c r="J2013" s="237">
        <f t="shared" si="475"/>
        <v>7.3897599687975948</v>
      </c>
      <c r="K2013" s="237">
        <f t="shared" si="471"/>
        <v>351.16881280989861</v>
      </c>
      <c r="L2013" s="237">
        <f t="shared" si="476"/>
        <v>149.28054112968022</v>
      </c>
      <c r="M2013" s="236">
        <f t="shared" si="472"/>
        <v>16.030161527290463</v>
      </c>
      <c r="N2013" s="236">
        <f t="shared" si="473"/>
        <v>1.0238232439446797</v>
      </c>
      <c r="O2013" s="236">
        <f t="shared" si="477"/>
        <v>2.5775879883361719</v>
      </c>
      <c r="P2013" s="236" t="str">
        <f t="shared" si="478"/>
        <v>SAND</v>
      </c>
      <c r="Q2013" s="236" t="e">
        <f t="shared" si="474"/>
        <v>#N/A</v>
      </c>
      <c r="R2013" s="238">
        <v>35</v>
      </c>
      <c r="S2013" s="236" t="e">
        <f t="shared" si="479"/>
        <v>#N/A</v>
      </c>
      <c r="T2013" s="236">
        <f t="shared" si="465"/>
        <v>30.854316883801545</v>
      </c>
    </row>
    <row r="2014" spans="1:20" x14ac:dyDescent="0.2">
      <c r="A2014" s="53">
        <f t="shared" si="466"/>
        <v>2002</v>
      </c>
      <c r="B2014" s="239">
        <v>20.212</v>
      </c>
      <c r="C2014" s="3">
        <f t="shared" si="467"/>
        <v>20.204999999999998</v>
      </c>
      <c r="D2014" s="239">
        <v>2.7406999999999999</v>
      </c>
      <c r="E2014" s="239">
        <v>2.23E-2</v>
      </c>
      <c r="F2014" s="239">
        <v>9.9400000000000002E-2</v>
      </c>
      <c r="G2014">
        <f t="shared" si="468"/>
        <v>2.76058</v>
      </c>
      <c r="H2014" s="235">
        <f t="shared" si="469"/>
        <v>0.80780125915568479</v>
      </c>
      <c r="I2014" s="236">
        <f t="shared" si="470"/>
        <v>17.281766488146136</v>
      </c>
      <c r="J2014" s="237">
        <f t="shared" si="475"/>
        <v>7.2817664881461361</v>
      </c>
      <c r="K2014" s="237">
        <f t="shared" si="471"/>
        <v>349.17809189299265</v>
      </c>
      <c r="L2014" s="237">
        <f t="shared" si="476"/>
        <v>147.17906425840971</v>
      </c>
      <c r="M2014" s="236">
        <f t="shared" si="472"/>
        <v>16.38413669945059</v>
      </c>
      <c r="N2014" s="236">
        <f t="shared" si="473"/>
        <v>0.92477325845304204</v>
      </c>
      <c r="O2014" s="236">
        <f t="shared" si="477"/>
        <v>2.5483925735033588</v>
      </c>
      <c r="P2014" s="236" t="str">
        <f t="shared" si="478"/>
        <v>SAND</v>
      </c>
      <c r="Q2014" s="236" t="e">
        <f t="shared" si="474"/>
        <v>#N/A</v>
      </c>
      <c r="R2014" s="238">
        <v>35</v>
      </c>
      <c r="S2014" s="236" t="e">
        <f t="shared" si="479"/>
        <v>#N/A</v>
      </c>
      <c r="T2014" s="236">
        <f t="shared" si="465"/>
        <v>30.958659190850732</v>
      </c>
    </row>
    <row r="2015" spans="1:20" x14ac:dyDescent="0.2">
      <c r="A2015" s="53">
        <f t="shared" si="466"/>
        <v>2003</v>
      </c>
      <c r="B2015" s="239">
        <v>20.222000000000001</v>
      </c>
      <c r="C2015" s="3">
        <f t="shared" si="467"/>
        <v>20.215</v>
      </c>
      <c r="D2015" s="239">
        <v>2.7503000000000002</v>
      </c>
      <c r="E2015" s="239">
        <v>2.0400000000000001E-2</v>
      </c>
      <c r="F2015" s="239">
        <v>0.1047</v>
      </c>
      <c r="G2015">
        <f t="shared" si="468"/>
        <v>2.7712400000000001</v>
      </c>
      <c r="H2015" s="235">
        <f t="shared" si="469"/>
        <v>0.73613256159697471</v>
      </c>
      <c r="I2015" s="236">
        <f t="shared" si="470"/>
        <v>17.17885123151153</v>
      </c>
      <c r="J2015" s="237">
        <f t="shared" si="475"/>
        <v>7.1788512315115298</v>
      </c>
      <c r="K2015" s="237">
        <f t="shared" si="471"/>
        <v>347.2704776450056</v>
      </c>
      <c r="L2015" s="237">
        <f t="shared" si="476"/>
        <v>145.17072960362617</v>
      </c>
      <c r="M2015" s="236">
        <f t="shared" si="472"/>
        <v>16.697370943670226</v>
      </c>
      <c r="N2015" s="236">
        <f t="shared" si="473"/>
        <v>0.84159474002711421</v>
      </c>
      <c r="O2015" s="236">
        <f t="shared" si="477"/>
        <v>2.5222710980718026</v>
      </c>
      <c r="P2015" s="236" t="str">
        <f t="shared" si="478"/>
        <v>SAND</v>
      </c>
      <c r="Q2015" s="236" t="e">
        <f t="shared" si="474"/>
        <v>#N/A</v>
      </c>
      <c r="R2015" s="238">
        <v>35</v>
      </c>
      <c r="S2015" s="236" t="e">
        <f t="shared" si="479"/>
        <v>#N/A</v>
      </c>
      <c r="T2015" s="236">
        <f t="shared" si="465"/>
        <v>31.049129049692347</v>
      </c>
    </row>
    <row r="2016" spans="1:20" x14ac:dyDescent="0.2">
      <c r="A2016" s="53">
        <f t="shared" si="466"/>
        <v>2004</v>
      </c>
      <c r="B2016" s="239">
        <v>20.231000000000002</v>
      </c>
      <c r="C2016" s="3">
        <f t="shared" si="467"/>
        <v>20.224</v>
      </c>
      <c r="D2016" s="239">
        <v>2.7528000000000001</v>
      </c>
      <c r="E2016" s="239">
        <v>1.9199999999999998E-2</v>
      </c>
      <c r="F2016" s="239">
        <v>0.1096</v>
      </c>
      <c r="G2016">
        <f t="shared" si="468"/>
        <v>2.7747200000000003</v>
      </c>
      <c r="H2016" s="235">
        <f t="shared" si="469"/>
        <v>0.69196171145196628</v>
      </c>
      <c r="I2016" s="236">
        <f t="shared" si="470"/>
        <v>17.108253619971034</v>
      </c>
      <c r="J2016" s="237">
        <f t="shared" si="475"/>
        <v>7.108253619971034</v>
      </c>
      <c r="K2016" s="237">
        <f t="shared" si="471"/>
        <v>345.99732121029422</v>
      </c>
      <c r="L2016" s="237">
        <f t="shared" si="476"/>
        <v>143.80707898563401</v>
      </c>
      <c r="M2016" s="236">
        <f t="shared" si="472"/>
        <v>16.888756074604157</v>
      </c>
      <c r="N2016" s="236">
        <f t="shared" si="473"/>
        <v>0.79053900091911045</v>
      </c>
      <c r="O2016" s="236">
        <f t="shared" si="477"/>
        <v>2.5056178371766524</v>
      </c>
      <c r="P2016" s="236" t="str">
        <f t="shared" si="478"/>
        <v>SAND</v>
      </c>
      <c r="Q2016" s="236" t="e">
        <f t="shared" si="474"/>
        <v>#N/A</v>
      </c>
      <c r="R2016" s="238">
        <v>35</v>
      </c>
      <c r="S2016" s="236" t="e">
        <f t="shared" si="479"/>
        <v>#N/A</v>
      </c>
      <c r="T2016" s="236">
        <f t="shared" si="465"/>
        <v>31.103574295184664</v>
      </c>
    </row>
    <row r="2017" spans="1:20" x14ac:dyDescent="0.2">
      <c r="A2017" s="53">
        <f t="shared" si="466"/>
        <v>2005</v>
      </c>
      <c r="B2017" s="239">
        <v>20.241</v>
      </c>
      <c r="C2017" s="3">
        <f t="shared" si="467"/>
        <v>20.233999999999998</v>
      </c>
      <c r="D2017" s="239">
        <v>2.8096000000000001</v>
      </c>
      <c r="E2017" s="239">
        <v>1.77E-2</v>
      </c>
      <c r="F2017" s="239">
        <v>0.12759999999999999</v>
      </c>
      <c r="G2017">
        <f t="shared" si="468"/>
        <v>2.8351200000000003</v>
      </c>
      <c r="H2017" s="235">
        <f t="shared" si="469"/>
        <v>0.62431219842546348</v>
      </c>
      <c r="I2017" s="236">
        <f t="shared" si="470"/>
        <v>17.02128517466695</v>
      </c>
      <c r="J2017" s="237">
        <f t="shared" si="475"/>
        <v>7.02128517466695</v>
      </c>
      <c r="K2017" s="237">
        <f t="shared" si="471"/>
        <v>344.40868422421102</v>
      </c>
      <c r="L2017" s="237">
        <f t="shared" si="476"/>
        <v>142.11783322043374</v>
      </c>
      <c r="M2017" s="236">
        <f t="shared" si="472"/>
        <v>17.525677526426531</v>
      </c>
      <c r="N2017" s="236">
        <f t="shared" si="473"/>
        <v>0.7106403655811443</v>
      </c>
      <c r="O2017" s="236">
        <f t="shared" si="477"/>
        <v>2.4708211737131416</v>
      </c>
      <c r="P2017" s="236" t="str">
        <f t="shared" si="478"/>
        <v>SAND</v>
      </c>
      <c r="Q2017" s="236" t="e">
        <f t="shared" si="474"/>
        <v>#N/A</v>
      </c>
      <c r="R2017" s="238">
        <v>35</v>
      </c>
      <c r="S2017" s="236" t="e">
        <f t="shared" si="479"/>
        <v>#N/A</v>
      </c>
      <c r="T2017" s="236">
        <f t="shared" si="465"/>
        <v>31.280422980232931</v>
      </c>
    </row>
    <row r="2018" spans="1:20" x14ac:dyDescent="0.2">
      <c r="A2018" s="53">
        <f t="shared" si="466"/>
        <v>2006</v>
      </c>
      <c r="B2018" s="239">
        <v>20.251000000000001</v>
      </c>
      <c r="C2018" s="3">
        <f t="shared" si="467"/>
        <v>20.244</v>
      </c>
      <c r="D2018" s="239">
        <v>2.9039999999999999</v>
      </c>
      <c r="E2018" s="239">
        <v>1.6500000000000001E-2</v>
      </c>
      <c r="F2018" s="239">
        <v>0.13519999999999999</v>
      </c>
      <c r="G2018">
        <f t="shared" si="468"/>
        <v>2.9310399999999999</v>
      </c>
      <c r="H2018" s="235">
        <f t="shared" si="469"/>
        <v>0.56294011681860368</v>
      </c>
      <c r="I2018" s="236">
        <f t="shared" si="470"/>
        <v>16.951969274539088</v>
      </c>
      <c r="J2018" s="237">
        <f t="shared" si="475"/>
        <v>6.9519692745390884</v>
      </c>
      <c r="K2018" s="237">
        <f t="shared" si="471"/>
        <v>343.17566599376931</v>
      </c>
      <c r="L2018" s="237">
        <f t="shared" si="476"/>
        <v>140.78432977869107</v>
      </c>
      <c r="M2018" s="236">
        <f t="shared" si="472"/>
        <v>18.381764064752655</v>
      </c>
      <c r="N2018" s="236">
        <f t="shared" si="473"/>
        <v>0.63759138310224384</v>
      </c>
      <c r="O2018" s="236">
        <f t="shared" si="477"/>
        <v>2.431957048967043</v>
      </c>
      <c r="P2018" s="236" t="str">
        <f t="shared" si="478"/>
        <v>SAND</v>
      </c>
      <c r="Q2018" s="236" t="e">
        <f t="shared" si="474"/>
        <v>#N/A</v>
      </c>
      <c r="R2018" s="238">
        <v>35</v>
      </c>
      <c r="S2018" s="236" t="e">
        <f t="shared" si="479"/>
        <v>#N/A</v>
      </c>
      <c r="T2018" s="236">
        <f t="shared" si="465"/>
        <v>31.508259062593108</v>
      </c>
    </row>
    <row r="2019" spans="1:20" x14ac:dyDescent="0.2">
      <c r="A2019" s="53">
        <f t="shared" si="466"/>
        <v>2007</v>
      </c>
      <c r="B2019" s="239">
        <v>20.260999999999999</v>
      </c>
      <c r="C2019" s="3">
        <f t="shared" si="467"/>
        <v>20.253999999999998</v>
      </c>
      <c r="D2019" s="239">
        <v>3.0272000000000001</v>
      </c>
      <c r="E2019" s="239">
        <v>1.55E-2</v>
      </c>
      <c r="F2019" s="239">
        <v>0.13739999999999999</v>
      </c>
      <c r="G2019">
        <f t="shared" si="468"/>
        <v>3.0546800000000003</v>
      </c>
      <c r="H2019" s="235">
        <f t="shared" si="469"/>
        <v>0.50741812563018052</v>
      </c>
      <c r="I2019" s="236">
        <f t="shared" si="470"/>
        <v>16.894807788745666</v>
      </c>
      <c r="J2019" s="237">
        <f t="shared" si="475"/>
        <v>6.8948077887456662</v>
      </c>
      <c r="K2019" s="237">
        <f t="shared" si="471"/>
        <v>342.18743695325469</v>
      </c>
      <c r="L2019" s="237">
        <f t="shared" si="476"/>
        <v>139.69570060777593</v>
      </c>
      <c r="M2019" s="236">
        <f t="shared" si="472"/>
        <v>19.417151360030896</v>
      </c>
      <c r="N2019" s="236">
        <f t="shared" si="473"/>
        <v>0.57143013813796328</v>
      </c>
      <c r="O2019" s="236">
        <f t="shared" si="477"/>
        <v>2.3905588098538706</v>
      </c>
      <c r="P2019" s="236" t="str">
        <f t="shared" si="478"/>
        <v>SAND</v>
      </c>
      <c r="Q2019" s="236" t="e">
        <f t="shared" si="474"/>
        <v>#N/A</v>
      </c>
      <c r="R2019" s="238">
        <v>35</v>
      </c>
      <c r="S2019" s="236" t="e">
        <f t="shared" si="479"/>
        <v>#N/A</v>
      </c>
      <c r="T2019" s="236">
        <f t="shared" si="465"/>
        <v>31.770040676296503</v>
      </c>
    </row>
    <row r="2020" spans="1:20" x14ac:dyDescent="0.2">
      <c r="A2020" s="53">
        <f t="shared" si="466"/>
        <v>2008</v>
      </c>
      <c r="B2020" s="239">
        <v>20.271000000000001</v>
      </c>
      <c r="C2020" s="3">
        <f t="shared" si="467"/>
        <v>20.263999999999999</v>
      </c>
      <c r="D2020" s="239">
        <v>3.1741000000000001</v>
      </c>
      <c r="E2020" s="239">
        <v>1.5299999999999999E-2</v>
      </c>
      <c r="F2020" s="239">
        <v>0.14030000000000001</v>
      </c>
      <c r="G2020">
        <f t="shared" si="468"/>
        <v>3.2021600000000001</v>
      </c>
      <c r="H2020" s="235">
        <f t="shared" si="469"/>
        <v>0.47780248332375647</v>
      </c>
      <c r="I2020" s="236">
        <f t="shared" si="470"/>
        <v>16.898008642971785</v>
      </c>
      <c r="J2020" s="237">
        <f t="shared" si="475"/>
        <v>6.8980086429717851</v>
      </c>
      <c r="K2020" s="237">
        <f t="shared" si="471"/>
        <v>342.42124714118023</v>
      </c>
      <c r="L2020" s="237">
        <f t="shared" si="476"/>
        <v>139.82953320168107</v>
      </c>
      <c r="M2020" s="236">
        <f t="shared" si="472"/>
        <v>20.45160766384107</v>
      </c>
      <c r="N2020" s="236">
        <f t="shared" si="473"/>
        <v>0.53501390589279918</v>
      </c>
      <c r="O2020" s="236">
        <f t="shared" si="477"/>
        <v>2.3583583780912662</v>
      </c>
      <c r="P2020" s="236" t="str">
        <f t="shared" si="478"/>
        <v>SAND</v>
      </c>
      <c r="Q2020" s="236" t="e">
        <f t="shared" si="474"/>
        <v>#N/A</v>
      </c>
      <c r="R2020" s="238">
        <v>35</v>
      </c>
      <c r="S2020" s="236" t="e">
        <f t="shared" si="479"/>
        <v>#N/A</v>
      </c>
      <c r="T2020" s="236">
        <f t="shared" si="465"/>
        <v>32.018001980667592</v>
      </c>
    </row>
    <row r="2021" spans="1:20" x14ac:dyDescent="0.2">
      <c r="A2021" s="53">
        <f t="shared" si="466"/>
        <v>2009</v>
      </c>
      <c r="B2021" s="239">
        <v>20.280999999999999</v>
      </c>
      <c r="C2021" s="3">
        <f t="shared" si="467"/>
        <v>20.273999999999997</v>
      </c>
      <c r="D2021" s="239">
        <v>3.3210000000000002</v>
      </c>
      <c r="E2021" s="239">
        <v>1.5800000000000002E-2</v>
      </c>
      <c r="F2021" s="239">
        <v>0.1454</v>
      </c>
      <c r="G2021">
        <f t="shared" si="468"/>
        <v>3.3500800000000002</v>
      </c>
      <c r="H2021" s="235">
        <f t="shared" si="469"/>
        <v>0.47163052822619167</v>
      </c>
      <c r="I2021" s="236">
        <f t="shared" si="470"/>
        <v>16.953366849471497</v>
      </c>
      <c r="J2021" s="237">
        <f t="shared" si="475"/>
        <v>6.9533668494714966</v>
      </c>
      <c r="K2021" s="237">
        <f t="shared" si="471"/>
        <v>343.71255950618507</v>
      </c>
      <c r="L2021" s="237">
        <f t="shared" si="476"/>
        <v>141.0212330741314</v>
      </c>
      <c r="M2021" s="236">
        <f t="shared" si="472"/>
        <v>21.31854455501351</v>
      </c>
      <c r="N2021" s="236">
        <f t="shared" si="473"/>
        <v>0.52555119468047296</v>
      </c>
      <c r="O2021" s="236">
        <f t="shared" si="477"/>
        <v>2.3387338141533007</v>
      </c>
      <c r="P2021" s="236" t="str">
        <f t="shared" si="478"/>
        <v>SAND</v>
      </c>
      <c r="Q2021" s="236" t="e">
        <f t="shared" si="474"/>
        <v>#N/A</v>
      </c>
      <c r="R2021" s="238">
        <v>35</v>
      </c>
      <c r="S2021" s="236" t="e">
        <f t="shared" si="479"/>
        <v>#N/A</v>
      </c>
      <c r="T2021" s="236">
        <f t="shared" si="465"/>
        <v>32.216333066642385</v>
      </c>
    </row>
    <row r="2022" spans="1:20" x14ac:dyDescent="0.2">
      <c r="A2022" s="53">
        <f t="shared" si="466"/>
        <v>2010</v>
      </c>
      <c r="B2022" s="239">
        <v>20.291</v>
      </c>
      <c r="C2022" s="3">
        <f t="shared" si="467"/>
        <v>20.283999999999999</v>
      </c>
      <c r="D2022" s="239">
        <v>3.5236999999999998</v>
      </c>
      <c r="E2022" s="239">
        <v>1.6500000000000001E-2</v>
      </c>
      <c r="F2022" s="239">
        <v>0.14419999999999999</v>
      </c>
      <c r="G2022">
        <f t="shared" si="468"/>
        <v>3.55254</v>
      </c>
      <c r="H2022" s="235">
        <f t="shared" si="469"/>
        <v>0.46445641709875185</v>
      </c>
      <c r="I2022" s="236">
        <f t="shared" si="470"/>
        <v>17.027134782688563</v>
      </c>
      <c r="J2022" s="237">
        <f t="shared" si="475"/>
        <v>7.0271347826885631</v>
      </c>
      <c r="K2022" s="237">
        <f t="shared" si="471"/>
        <v>345.37840193205477</v>
      </c>
      <c r="L2022" s="237">
        <f t="shared" si="476"/>
        <v>142.58759187553363</v>
      </c>
      <c r="M2022" s="236">
        <f t="shared" si="472"/>
        <v>22.492571449467455</v>
      </c>
      <c r="N2022" s="236">
        <f t="shared" si="473"/>
        <v>0.51447360837507883</v>
      </c>
      <c r="O2022" s="236">
        <f t="shared" si="477"/>
        <v>2.3136973793170283</v>
      </c>
      <c r="P2022" s="236" t="str">
        <f t="shared" si="478"/>
        <v>SAND</v>
      </c>
      <c r="Q2022" s="236" t="e">
        <f t="shared" si="474"/>
        <v>#N/A</v>
      </c>
      <c r="R2022" s="238">
        <v>35</v>
      </c>
      <c r="S2022" s="236" t="e">
        <f t="shared" si="479"/>
        <v>#N/A</v>
      </c>
      <c r="T2022" s="236">
        <f t="shared" si="465"/>
        <v>32.472430195973573</v>
      </c>
    </row>
    <row r="2023" spans="1:20" x14ac:dyDescent="0.2">
      <c r="A2023" s="53">
        <f t="shared" si="466"/>
        <v>2011</v>
      </c>
      <c r="B2023" s="239">
        <v>20.300999999999998</v>
      </c>
      <c r="C2023" s="3">
        <f t="shared" si="467"/>
        <v>20.293999999999997</v>
      </c>
      <c r="D2023" s="239">
        <v>3.7519999999999998</v>
      </c>
      <c r="E2023" s="239">
        <v>1.77E-2</v>
      </c>
      <c r="F2023" s="239">
        <v>0.13109999999999999</v>
      </c>
      <c r="G2023">
        <f t="shared" si="468"/>
        <v>3.7782199999999997</v>
      </c>
      <c r="H2023" s="235">
        <f t="shared" si="469"/>
        <v>0.4684745726823743</v>
      </c>
      <c r="I2023" s="236">
        <f t="shared" si="470"/>
        <v>17.133529391925251</v>
      </c>
      <c r="J2023" s="237">
        <f t="shared" si="475"/>
        <v>7.1335293919252507</v>
      </c>
      <c r="K2023" s="237">
        <f t="shared" si="471"/>
        <v>347.70784547973096</v>
      </c>
      <c r="L2023" s="237">
        <f t="shared" si="476"/>
        <v>144.8177801854745</v>
      </c>
      <c r="M2023" s="236">
        <f t="shared" si="472"/>
        <v>23.688473543280811</v>
      </c>
      <c r="N2023" s="236">
        <f t="shared" si="473"/>
        <v>0.51595794454997956</v>
      </c>
      <c r="O2023" s="236">
        <f t="shared" si="477"/>
        <v>2.2936290687322334</v>
      </c>
      <c r="P2023" s="236" t="str">
        <f t="shared" si="478"/>
        <v>SAND</v>
      </c>
      <c r="Q2023" s="236" t="e">
        <f t="shared" si="474"/>
        <v>#N/A</v>
      </c>
      <c r="R2023" s="238">
        <v>35</v>
      </c>
      <c r="S2023" s="236" t="e">
        <f t="shared" si="479"/>
        <v>#N/A</v>
      </c>
      <c r="T2023" s="236">
        <f t="shared" si="465"/>
        <v>32.719907838318633</v>
      </c>
    </row>
    <row r="2024" spans="1:20" x14ac:dyDescent="0.2">
      <c r="A2024" s="53">
        <f t="shared" si="466"/>
        <v>2012</v>
      </c>
      <c r="B2024" s="239">
        <v>20.311</v>
      </c>
      <c r="C2024" s="3">
        <f t="shared" si="467"/>
        <v>20.303999999999998</v>
      </c>
      <c r="D2024" s="239">
        <v>4.0068999999999999</v>
      </c>
      <c r="E2024" s="239">
        <v>2.01E-2</v>
      </c>
      <c r="F2024" s="239">
        <v>0.1152</v>
      </c>
      <c r="G2024">
        <f t="shared" si="468"/>
        <v>4.0299399999999999</v>
      </c>
      <c r="H2024" s="235">
        <f t="shared" si="469"/>
        <v>0.49876673101832786</v>
      </c>
      <c r="I2024" s="236">
        <f t="shared" si="470"/>
        <v>17.307841131570957</v>
      </c>
      <c r="J2024" s="237">
        <f t="shared" si="475"/>
        <v>7.3078411315709566</v>
      </c>
      <c r="K2024" s="237">
        <f t="shared" si="471"/>
        <v>351.41840633541671</v>
      </c>
      <c r="L2024" s="237">
        <f t="shared" si="476"/>
        <v>148.42956122333769</v>
      </c>
      <c r="M2024" s="236">
        <f t="shared" si="472"/>
        <v>24.782944605822944</v>
      </c>
      <c r="N2024" s="236">
        <f t="shared" si="473"/>
        <v>0.54641516946964996</v>
      </c>
      <c r="O2024" s="236">
        <f t="shared" si="477"/>
        <v>2.2860426437951276</v>
      </c>
      <c r="P2024" s="236" t="str">
        <f t="shared" si="478"/>
        <v>SAND</v>
      </c>
      <c r="Q2024" s="236" t="e">
        <f t="shared" si="474"/>
        <v>#N/A</v>
      </c>
      <c r="R2024" s="238">
        <v>35</v>
      </c>
      <c r="S2024" s="236" t="e">
        <f t="shared" si="479"/>
        <v>#N/A</v>
      </c>
      <c r="T2024" s="236">
        <f t="shared" si="465"/>
        <v>32.935681967756629</v>
      </c>
    </row>
    <row r="2025" spans="1:20" x14ac:dyDescent="0.2">
      <c r="A2025" s="53">
        <f t="shared" si="466"/>
        <v>2013</v>
      </c>
      <c r="B2025" s="239">
        <v>20.32</v>
      </c>
      <c r="C2025" s="3">
        <f t="shared" si="467"/>
        <v>20.312999999999999</v>
      </c>
      <c r="D2025" s="239">
        <v>4.2983000000000002</v>
      </c>
      <c r="E2025" s="239">
        <v>2.2599999999999999E-2</v>
      </c>
      <c r="F2025" s="239">
        <v>7.8600000000000003E-2</v>
      </c>
      <c r="G2025">
        <f t="shared" si="468"/>
        <v>4.3140200000000002</v>
      </c>
      <c r="H2025" s="235">
        <f t="shared" si="469"/>
        <v>0.52387332464847169</v>
      </c>
      <c r="I2025" s="236">
        <f t="shared" si="470"/>
        <v>17.471929778843258</v>
      </c>
      <c r="J2025" s="237">
        <f t="shared" si="475"/>
        <v>7.4719297788432577</v>
      </c>
      <c r="K2025" s="237">
        <f t="shared" si="471"/>
        <v>354.90730959764306</v>
      </c>
      <c r="L2025" s="237">
        <f t="shared" si="476"/>
        <v>151.829613106095</v>
      </c>
      <c r="M2025" s="236">
        <f t="shared" si="472"/>
        <v>26.076024363151223</v>
      </c>
      <c r="N2025" s="236">
        <f t="shared" si="473"/>
        <v>0.57083497660439675</v>
      </c>
      <c r="O2025" s="236">
        <f t="shared" si="477"/>
        <v>2.2740926501032765</v>
      </c>
      <c r="P2025" s="236" t="str">
        <f t="shared" si="478"/>
        <v>SAND</v>
      </c>
      <c r="Q2025" s="236" t="e">
        <f t="shared" si="474"/>
        <v>#N/A</v>
      </c>
      <c r="R2025" s="238">
        <v>35</v>
      </c>
      <c r="S2025" s="236" t="e">
        <f t="shared" si="479"/>
        <v>#N/A</v>
      </c>
      <c r="T2025" s="236">
        <f t="shared" si="465"/>
        <v>33.178655159485338</v>
      </c>
    </row>
    <row r="2026" spans="1:20" x14ac:dyDescent="0.2">
      <c r="A2026" s="53">
        <f t="shared" si="466"/>
        <v>2014</v>
      </c>
      <c r="B2026" s="239">
        <v>20.329999999999998</v>
      </c>
      <c r="C2026" s="3">
        <f t="shared" si="467"/>
        <v>20.322999999999997</v>
      </c>
      <c r="D2026" s="239">
        <v>4.5921000000000003</v>
      </c>
      <c r="E2026" s="239">
        <v>2.6599999999999999E-2</v>
      </c>
      <c r="F2026" s="239">
        <v>5.5E-2</v>
      </c>
      <c r="G2026">
        <f t="shared" si="468"/>
        <v>4.6031000000000004</v>
      </c>
      <c r="H2026" s="235">
        <f t="shared" si="469"/>
        <v>0.57787143446807576</v>
      </c>
      <c r="I2026" s="236">
        <f t="shared" si="470"/>
        <v>17.688368842126703</v>
      </c>
      <c r="J2026" s="237">
        <f t="shared" si="475"/>
        <v>7.6883688421267031</v>
      </c>
      <c r="K2026" s="237">
        <f t="shared" si="471"/>
        <v>359.48071997854095</v>
      </c>
      <c r="L2026" s="237">
        <f t="shared" si="476"/>
        <v>156.30453856043587</v>
      </c>
      <c r="M2026" s="236">
        <f t="shared" si="472"/>
        <v>27.149686881169124</v>
      </c>
      <c r="N2026" s="236">
        <f t="shared" si="473"/>
        <v>0.62682343171618082</v>
      </c>
      <c r="O2026" s="236">
        <f t="shared" si="477"/>
        <v>2.2761454459739872</v>
      </c>
      <c r="P2026" s="236" t="str">
        <f t="shared" si="478"/>
        <v>SAND</v>
      </c>
      <c r="Q2026" s="236" t="e">
        <f t="shared" si="474"/>
        <v>#N/A</v>
      </c>
      <c r="R2026" s="238">
        <v>35</v>
      </c>
      <c r="S2026" s="236" t="e">
        <f t="shared" si="479"/>
        <v>#N/A</v>
      </c>
      <c r="T2026" s="236">
        <f t="shared" si="465"/>
        <v>33.37141307732783</v>
      </c>
    </row>
    <row r="2027" spans="1:20" x14ac:dyDescent="0.2">
      <c r="A2027" s="53">
        <f t="shared" si="466"/>
        <v>2015</v>
      </c>
      <c r="B2027" s="239">
        <v>20.341000000000001</v>
      </c>
      <c r="C2027" s="3">
        <f t="shared" si="467"/>
        <v>20.334</v>
      </c>
      <c r="D2027" s="239">
        <v>4.8487999999999998</v>
      </c>
      <c r="E2027" s="239">
        <v>2.8500000000000001E-2</v>
      </c>
      <c r="F2027" s="239">
        <v>3.78E-2</v>
      </c>
      <c r="G2027">
        <f t="shared" si="468"/>
        <v>4.8563599999999996</v>
      </c>
      <c r="H2027" s="235">
        <f t="shared" si="469"/>
        <v>0.58685929379205826</v>
      </c>
      <c r="I2027" s="236">
        <f t="shared" si="470"/>
        <v>17.79020396240659</v>
      </c>
      <c r="J2027" s="237">
        <f t="shared" si="475"/>
        <v>7.79020396240659</v>
      </c>
      <c r="K2027" s="237">
        <f t="shared" si="471"/>
        <v>361.74600737157562</v>
      </c>
      <c r="L2027" s="237">
        <f t="shared" si="476"/>
        <v>158.46053879931245</v>
      </c>
      <c r="M2027" s="236">
        <f t="shared" si="472"/>
        <v>28.364247822738857</v>
      </c>
      <c r="N2027" s="236">
        <f t="shared" si="473"/>
        <v>0.63409227236738441</v>
      </c>
      <c r="O2027" s="236">
        <f t="shared" si="477"/>
        <v>2.2614171213536745</v>
      </c>
      <c r="P2027" s="236" t="str">
        <f t="shared" si="478"/>
        <v>SAND</v>
      </c>
      <c r="Q2027" s="236" t="e">
        <f t="shared" si="474"/>
        <v>#N/A</v>
      </c>
      <c r="R2027" s="238">
        <v>35</v>
      </c>
      <c r="S2027" s="236" t="e">
        <f t="shared" si="479"/>
        <v>#N/A</v>
      </c>
      <c r="T2027" s="236">
        <f t="shared" si="465"/>
        <v>33.580483983374791</v>
      </c>
    </row>
    <row r="2028" spans="1:20" x14ac:dyDescent="0.2">
      <c r="A2028" s="53">
        <f t="shared" si="466"/>
        <v>2016</v>
      </c>
      <c r="B2028" s="239">
        <v>20.350999999999999</v>
      </c>
      <c r="C2028" s="3">
        <f t="shared" si="467"/>
        <v>20.343999999999998</v>
      </c>
      <c r="D2028" s="239">
        <v>5.1539999999999999</v>
      </c>
      <c r="E2028" s="239">
        <v>2.9600000000000001E-2</v>
      </c>
      <c r="F2028" s="239">
        <v>2.92E-2</v>
      </c>
      <c r="G2028">
        <f t="shared" si="468"/>
        <v>5.15984</v>
      </c>
      <c r="H2028" s="235">
        <f t="shared" si="469"/>
        <v>0.57366119879686195</v>
      </c>
      <c r="I2028" s="236">
        <f t="shared" si="470"/>
        <v>17.858303285672193</v>
      </c>
      <c r="J2028" s="237">
        <f t="shared" si="475"/>
        <v>7.8583032856721928</v>
      </c>
      <c r="K2028" s="237">
        <f t="shared" si="471"/>
        <v>363.30932204371504</v>
      </c>
      <c r="L2028" s="237">
        <f t="shared" si="476"/>
        <v>159.92433016671478</v>
      </c>
      <c r="M2028" s="236">
        <f t="shared" si="472"/>
        <v>29.992501284551839</v>
      </c>
      <c r="N2028" s="236">
        <f t="shared" si="473"/>
        <v>0.61711270056156553</v>
      </c>
      <c r="O2028" s="236">
        <f t="shared" si="477"/>
        <v>2.2344652212365448</v>
      </c>
      <c r="P2028" s="236" t="str">
        <f t="shared" si="478"/>
        <v>SAND</v>
      </c>
      <c r="Q2028" s="236" t="e">
        <f t="shared" si="474"/>
        <v>#N/A</v>
      </c>
      <c r="R2028" s="238">
        <v>35</v>
      </c>
      <c r="S2028" s="236" t="e">
        <f t="shared" si="479"/>
        <v>#N/A</v>
      </c>
      <c r="T2028" s="236">
        <f t="shared" si="465"/>
        <v>33.847139547382305</v>
      </c>
    </row>
    <row r="2029" spans="1:20" x14ac:dyDescent="0.2">
      <c r="A2029" s="53">
        <f t="shared" si="466"/>
        <v>2017</v>
      </c>
      <c r="B2029" s="239">
        <v>20.36</v>
      </c>
      <c r="C2029" s="3">
        <f t="shared" si="467"/>
        <v>20.352999999999998</v>
      </c>
      <c r="D2029" s="239">
        <v>5.4097999999999997</v>
      </c>
      <c r="E2029" s="239">
        <v>3.0800000000000001E-2</v>
      </c>
      <c r="F2029" s="239">
        <v>4.1000000000000003E-3</v>
      </c>
      <c r="G2029">
        <f t="shared" si="468"/>
        <v>5.4106199999999998</v>
      </c>
      <c r="H2029" s="235">
        <f t="shared" si="469"/>
        <v>0.56925084371107193</v>
      </c>
      <c r="I2029" s="236">
        <f t="shared" si="470"/>
        <v>17.923452319107376</v>
      </c>
      <c r="J2029" s="237">
        <f t="shared" si="475"/>
        <v>7.9234523191073762</v>
      </c>
      <c r="K2029" s="237">
        <f t="shared" si="471"/>
        <v>364.79602505079237</v>
      </c>
      <c r="L2029" s="237">
        <f t="shared" si="476"/>
        <v>161.32148921702617</v>
      </c>
      <c r="M2029" s="236">
        <f t="shared" si="472"/>
        <v>31.278064685858741</v>
      </c>
      <c r="N2029" s="236">
        <f t="shared" si="473"/>
        <v>0.61040575638213856</v>
      </c>
      <c r="O2029" s="236">
        <f t="shared" si="477"/>
        <v>2.2160655151220099</v>
      </c>
      <c r="P2029" s="236" t="str">
        <f t="shared" si="478"/>
        <v>SAND</v>
      </c>
      <c r="Q2029" s="236" t="e">
        <f t="shared" si="474"/>
        <v>#N/A</v>
      </c>
      <c r="R2029" s="238">
        <v>35</v>
      </c>
      <c r="S2029" s="236" t="e">
        <f t="shared" si="479"/>
        <v>#N/A</v>
      </c>
      <c r="T2029" s="236">
        <f t="shared" si="465"/>
        <v>34.047638608189246</v>
      </c>
    </row>
    <row r="2030" spans="1:20" x14ac:dyDescent="0.2">
      <c r="A2030" s="53">
        <f t="shared" si="466"/>
        <v>2018</v>
      </c>
      <c r="B2030" s="239">
        <v>20.37</v>
      </c>
      <c r="C2030" s="3">
        <f t="shared" si="467"/>
        <v>20.363</v>
      </c>
      <c r="D2030" s="239">
        <v>5.5884999999999998</v>
      </c>
      <c r="E2030" s="239">
        <v>3.1E-2</v>
      </c>
      <c r="F2030" s="239">
        <v>-1.15E-2</v>
      </c>
      <c r="G2030">
        <f t="shared" si="468"/>
        <v>5.5861999999999998</v>
      </c>
      <c r="H2030" s="235">
        <f t="shared" si="469"/>
        <v>0.55493895671476134</v>
      </c>
      <c r="I2030" s="236">
        <f t="shared" si="470"/>
        <v>17.943524460164607</v>
      </c>
      <c r="J2030" s="237">
        <f t="shared" si="475"/>
        <v>7.9435244601646069</v>
      </c>
      <c r="K2030" s="237">
        <f t="shared" si="471"/>
        <v>365.38398858233188</v>
      </c>
      <c r="L2030" s="237">
        <f t="shared" si="476"/>
        <v>161.80959325355306</v>
      </c>
      <c r="M2030" s="236">
        <f t="shared" si="472"/>
        <v>32.265182220912777</v>
      </c>
      <c r="N2030" s="236">
        <f t="shared" si="473"/>
        <v>0.59377691020339585</v>
      </c>
      <c r="O2030" s="236">
        <f t="shared" si="477"/>
        <v>2.1986020823958139</v>
      </c>
      <c r="P2030" s="236" t="str">
        <f t="shared" si="478"/>
        <v>SAND</v>
      </c>
      <c r="Q2030" s="236" t="e">
        <f t="shared" si="474"/>
        <v>#N/A</v>
      </c>
      <c r="R2030" s="238">
        <v>35</v>
      </c>
      <c r="S2030" s="236" t="e">
        <f t="shared" si="479"/>
        <v>#N/A</v>
      </c>
      <c r="T2030" s="236">
        <f t="shared" si="465"/>
        <v>34.19607534389776</v>
      </c>
    </row>
    <row r="2031" spans="1:20" x14ac:dyDescent="0.2">
      <c r="A2031" s="53">
        <f t="shared" si="466"/>
        <v>2019</v>
      </c>
      <c r="B2031" s="239">
        <v>20.379000000000001</v>
      </c>
      <c r="C2031" s="3">
        <f t="shared" si="467"/>
        <v>20.372</v>
      </c>
      <c r="D2031" s="239">
        <v>5.7908999999999997</v>
      </c>
      <c r="E2031" s="239">
        <v>2.93E-2</v>
      </c>
      <c r="F2031" s="239">
        <v>-1.8700000000000001E-2</v>
      </c>
      <c r="G2031">
        <f t="shared" si="468"/>
        <v>5.7871600000000001</v>
      </c>
      <c r="H2031" s="235">
        <f t="shared" si="469"/>
        <v>0.50629324228118799</v>
      </c>
      <c r="I2031" s="236">
        <f t="shared" si="470"/>
        <v>17.891204570021998</v>
      </c>
      <c r="J2031" s="237">
        <f t="shared" si="475"/>
        <v>7.8912045700219977</v>
      </c>
      <c r="K2031" s="237">
        <f t="shared" si="471"/>
        <v>364.47961950048813</v>
      </c>
      <c r="L2031" s="237">
        <f t="shared" si="476"/>
        <v>160.8148579324783</v>
      </c>
      <c r="M2031" s="236">
        <f t="shared" si="472"/>
        <v>33.720020962095084</v>
      </c>
      <c r="N2031" s="236">
        <f t="shared" si="473"/>
        <v>0.54032319709208132</v>
      </c>
      <c r="O2031" s="236">
        <f t="shared" si="477"/>
        <v>2.1631801968900648</v>
      </c>
      <c r="P2031" s="236" t="str">
        <f t="shared" si="478"/>
        <v>SAND</v>
      </c>
      <c r="Q2031" s="236" t="e">
        <f t="shared" si="474"/>
        <v>#N/A</v>
      </c>
      <c r="R2031" s="238">
        <v>35</v>
      </c>
      <c r="S2031" s="236" t="e">
        <f t="shared" si="479"/>
        <v>#N/A</v>
      </c>
      <c r="T2031" s="236">
        <f t="shared" si="465"/>
        <v>34.406766195257731</v>
      </c>
    </row>
    <row r="2032" spans="1:20" x14ac:dyDescent="0.2">
      <c r="A2032" s="53">
        <f t="shared" si="466"/>
        <v>2020</v>
      </c>
      <c r="B2032" s="239">
        <v>20.388999999999999</v>
      </c>
      <c r="C2032" s="3">
        <f t="shared" si="467"/>
        <v>20.381999999999998</v>
      </c>
      <c r="D2032" s="239">
        <v>5.9485999999999999</v>
      </c>
      <c r="E2032" s="239">
        <v>2.47E-2</v>
      </c>
      <c r="F2032" s="239">
        <v>-1.32E-2</v>
      </c>
      <c r="G2032">
        <f t="shared" si="468"/>
        <v>5.9459599999999995</v>
      </c>
      <c r="H2032" s="235">
        <f t="shared" si="469"/>
        <v>0.41540810903537867</v>
      </c>
      <c r="I2032" s="236">
        <f t="shared" si="470"/>
        <v>17.701524613124988</v>
      </c>
      <c r="J2032" s="237">
        <f t="shared" si="475"/>
        <v>7.7015246131249882</v>
      </c>
      <c r="K2032" s="237">
        <f t="shared" si="471"/>
        <v>360.7924746647135</v>
      </c>
      <c r="L2032" s="237">
        <f t="shared" si="476"/>
        <v>157.02638533700537</v>
      </c>
      <c r="M2032" s="236">
        <f t="shared" si="472"/>
        <v>35.56833785193848</v>
      </c>
      <c r="N2032" s="236">
        <f t="shared" si="473"/>
        <v>0.44224277764196912</v>
      </c>
      <c r="O2032" s="236">
        <f t="shared" si="477"/>
        <v>2.1051568950098938</v>
      </c>
      <c r="P2032" s="236" t="str">
        <f t="shared" si="478"/>
        <v>SAND</v>
      </c>
      <c r="Q2032" s="236" t="e">
        <f t="shared" si="474"/>
        <v>#N/A</v>
      </c>
      <c r="R2032" s="238">
        <v>35</v>
      </c>
      <c r="S2032" s="236" t="e">
        <f t="shared" si="479"/>
        <v>#N/A</v>
      </c>
      <c r="T2032" s="236">
        <f t="shared" si="465"/>
        <v>34.661699276543885</v>
      </c>
    </row>
    <row r="2033" spans="1:20" x14ac:dyDescent="0.2">
      <c r="A2033" s="53">
        <f t="shared" si="466"/>
        <v>2021</v>
      </c>
      <c r="B2033" s="239">
        <v>20.399999999999999</v>
      </c>
      <c r="C2033" s="3">
        <f t="shared" si="467"/>
        <v>20.392999999999997</v>
      </c>
      <c r="D2033" s="239">
        <v>6.1748000000000003</v>
      </c>
      <c r="E2033" s="239">
        <v>2.06E-2</v>
      </c>
      <c r="F2033" s="239">
        <v>-1E-3</v>
      </c>
      <c r="G2033">
        <f t="shared" si="468"/>
        <v>6.1745999999999999</v>
      </c>
      <c r="H2033" s="235">
        <f t="shared" si="469"/>
        <v>0.33362485019272509</v>
      </c>
      <c r="I2033" s="236">
        <f t="shared" si="470"/>
        <v>17.503432495105177</v>
      </c>
      <c r="J2033" s="237">
        <f t="shared" si="475"/>
        <v>7.5034324951051765</v>
      </c>
      <c r="K2033" s="237">
        <f t="shared" si="471"/>
        <v>356.94749887267983</v>
      </c>
      <c r="L2033" s="237">
        <f t="shared" si="476"/>
        <v>153.0700229001456</v>
      </c>
      <c r="M2033" s="236">
        <f t="shared" si="472"/>
        <v>38.006478282964871</v>
      </c>
      <c r="N2033" s="236">
        <f t="shared" si="473"/>
        <v>0.35409471425129335</v>
      </c>
      <c r="O2033" s="236">
        <f t="shared" si="477"/>
        <v>2.0406329656224136</v>
      </c>
      <c r="P2033" s="236" t="str">
        <f t="shared" si="478"/>
        <v>SAND</v>
      </c>
      <c r="Q2033" s="236" t="e">
        <f t="shared" si="474"/>
        <v>#N/A</v>
      </c>
      <c r="R2033" s="238">
        <v>35</v>
      </c>
      <c r="S2033" s="236" t="e">
        <f t="shared" si="479"/>
        <v>#N/A</v>
      </c>
      <c r="T2033" s="236">
        <f t="shared" si="465"/>
        <v>34.978433922527827</v>
      </c>
    </row>
    <row r="2034" spans="1:20" x14ac:dyDescent="0.2">
      <c r="A2034" s="53">
        <f t="shared" si="466"/>
        <v>2022</v>
      </c>
      <c r="B2034" s="239">
        <v>20.408999999999999</v>
      </c>
      <c r="C2034" s="3">
        <f t="shared" si="467"/>
        <v>20.401999999999997</v>
      </c>
      <c r="D2034" s="239">
        <v>6.4179000000000004</v>
      </c>
      <c r="E2034" s="239">
        <v>1.89E-2</v>
      </c>
      <c r="F2034" s="239">
        <v>-1.8E-3</v>
      </c>
      <c r="G2034">
        <f t="shared" si="468"/>
        <v>6.4175400000000007</v>
      </c>
      <c r="H2034" s="235">
        <f t="shared" si="469"/>
        <v>0.29450537121700837</v>
      </c>
      <c r="I2034" s="236">
        <f t="shared" si="470"/>
        <v>17.417521651496639</v>
      </c>
      <c r="J2034" s="237">
        <f t="shared" si="475"/>
        <v>7.4175216514966387</v>
      </c>
      <c r="K2034" s="237">
        <f t="shared" si="471"/>
        <v>355.3522767338344</v>
      </c>
      <c r="L2034" s="237">
        <f t="shared" si="476"/>
        <v>151.38419938539488</v>
      </c>
      <c r="M2034" s="236">
        <f t="shared" si="472"/>
        <v>40.04504927117928</v>
      </c>
      <c r="N2034" s="236">
        <f t="shared" si="473"/>
        <v>0.31176863638622387</v>
      </c>
      <c r="O2034" s="236">
        <f t="shared" si="477"/>
        <v>1.9992325008183458</v>
      </c>
      <c r="P2034" s="236" t="str">
        <f t="shared" si="478"/>
        <v>SAND</v>
      </c>
      <c r="Q2034" s="236" t="e">
        <f t="shared" si="474"/>
        <v>#N/A</v>
      </c>
      <c r="R2034" s="238">
        <v>35</v>
      </c>
      <c r="S2034" s="236" t="e">
        <f t="shared" si="479"/>
        <v>#N/A</v>
      </c>
      <c r="T2034" s="236">
        <f t="shared" si="465"/>
        <v>35.228037155878908</v>
      </c>
    </row>
    <row r="2035" spans="1:20" x14ac:dyDescent="0.2">
      <c r="A2035" s="53">
        <f t="shared" si="466"/>
        <v>2023</v>
      </c>
      <c r="B2035" s="239">
        <v>20.419</v>
      </c>
      <c r="C2035" s="3">
        <f t="shared" si="467"/>
        <v>20.411999999999999</v>
      </c>
      <c r="D2035" s="239">
        <v>6.6967999999999996</v>
      </c>
      <c r="E2035" s="239">
        <v>1.8200000000000001E-2</v>
      </c>
      <c r="F2035" s="239">
        <v>6.4000000000000003E-3</v>
      </c>
      <c r="G2035">
        <f t="shared" si="468"/>
        <v>6.69808</v>
      </c>
      <c r="H2035" s="235">
        <f t="shared" si="469"/>
        <v>0.27171965697632755</v>
      </c>
      <c r="I2035" s="236">
        <f t="shared" si="470"/>
        <v>17.389991099236514</v>
      </c>
      <c r="J2035" s="237">
        <f t="shared" si="475"/>
        <v>7.3899910992365143</v>
      </c>
      <c r="K2035" s="237">
        <f t="shared" si="471"/>
        <v>354.96449831761572</v>
      </c>
      <c r="L2035" s="237">
        <f t="shared" si="476"/>
        <v>150.89622825531038</v>
      </c>
      <c r="M2035" s="236">
        <f t="shared" si="472"/>
        <v>42.036276022420431</v>
      </c>
      <c r="N2035" s="236">
        <f t="shared" si="473"/>
        <v>0.28692524982672657</v>
      </c>
      <c r="O2035" s="236">
        <f t="shared" si="477"/>
        <v>1.9668436564154501</v>
      </c>
      <c r="P2035" s="236" t="str">
        <f t="shared" si="478"/>
        <v>SAND</v>
      </c>
      <c r="Q2035" s="236" t="e">
        <f t="shared" si="474"/>
        <v>#N/A</v>
      </c>
      <c r="R2035" s="238">
        <v>35</v>
      </c>
      <c r="S2035" s="236" t="e">
        <f t="shared" si="479"/>
        <v>#N/A</v>
      </c>
      <c r="T2035" s="236">
        <f t="shared" si="465"/>
        <v>35.459866585864852</v>
      </c>
    </row>
    <row r="2036" spans="1:20" x14ac:dyDescent="0.2">
      <c r="A2036" s="53">
        <f t="shared" si="466"/>
        <v>2024</v>
      </c>
      <c r="B2036" s="239">
        <v>20.428999999999998</v>
      </c>
      <c r="C2036" s="3">
        <f t="shared" si="467"/>
        <v>20.421999999999997</v>
      </c>
      <c r="D2036" s="239">
        <v>6.9930000000000003</v>
      </c>
      <c r="E2036" s="239">
        <v>1.7500000000000002E-2</v>
      </c>
      <c r="F2036" s="239">
        <v>1.14E-2</v>
      </c>
      <c r="G2036">
        <f t="shared" si="468"/>
        <v>6.9952800000000002</v>
      </c>
      <c r="H2036" s="235">
        <f t="shared" si="469"/>
        <v>0.25016868517057217</v>
      </c>
      <c r="I2036" s="236">
        <f t="shared" si="470"/>
        <v>17.360970378244318</v>
      </c>
      <c r="J2036" s="237">
        <f t="shared" si="475"/>
        <v>7.3609703782443177</v>
      </c>
      <c r="K2036" s="237">
        <f t="shared" si="471"/>
        <v>354.54573706450543</v>
      </c>
      <c r="L2036" s="237">
        <f t="shared" si="476"/>
        <v>150.37726385715317</v>
      </c>
      <c r="M2036" s="236">
        <f t="shared" si="472"/>
        <v>44.160494030824239</v>
      </c>
      <c r="N2036" s="236">
        <f t="shared" si="473"/>
        <v>0.2635250757988355</v>
      </c>
      <c r="O2036" s="236">
        <f t="shared" si="477"/>
        <v>1.9342062839470928</v>
      </c>
      <c r="P2036" s="236" t="str">
        <f t="shared" si="478"/>
        <v>SAND</v>
      </c>
      <c r="Q2036" s="236" t="e">
        <f t="shared" si="474"/>
        <v>#N/A</v>
      </c>
      <c r="R2036" s="238">
        <v>35</v>
      </c>
      <c r="S2036" s="236" t="e">
        <f t="shared" si="479"/>
        <v>#N/A</v>
      </c>
      <c r="T2036" s="236">
        <f t="shared" si="465"/>
        <v>35.695373156005665</v>
      </c>
    </row>
    <row r="2037" spans="1:20" x14ac:dyDescent="0.2">
      <c r="A2037" s="53">
        <f t="shared" si="466"/>
        <v>2025</v>
      </c>
      <c r="B2037" s="239">
        <v>20.437999999999999</v>
      </c>
      <c r="C2037" s="3">
        <f t="shared" si="467"/>
        <v>20.430999999999997</v>
      </c>
      <c r="D2037" s="239">
        <v>7.3541999999999996</v>
      </c>
      <c r="E2037" s="239">
        <v>1.7000000000000001E-2</v>
      </c>
      <c r="F2037" s="239">
        <v>2.2700000000000001E-2</v>
      </c>
      <c r="G2037">
        <f t="shared" si="468"/>
        <v>7.3587400000000001</v>
      </c>
      <c r="H2037" s="235">
        <f t="shared" si="469"/>
        <v>0.23101781011423153</v>
      </c>
      <c r="I2037" s="236">
        <f t="shared" si="470"/>
        <v>17.346778254884839</v>
      </c>
      <c r="J2037" s="237">
        <f t="shared" si="475"/>
        <v>7.346778254884839</v>
      </c>
      <c r="K2037" s="237">
        <f t="shared" si="471"/>
        <v>354.41202652555211</v>
      </c>
      <c r="L2037" s="237">
        <f t="shared" si="476"/>
        <v>150.15345397333633</v>
      </c>
      <c r="M2037" s="236">
        <f t="shared" si="472"/>
        <v>46.647797890271967</v>
      </c>
      <c r="N2037" s="236">
        <f t="shared" si="473"/>
        <v>0.24270708145562853</v>
      </c>
      <c r="O2037" s="236">
        <f t="shared" si="477"/>
        <v>1.9000878944539386</v>
      </c>
      <c r="P2037" s="236" t="str">
        <f t="shared" si="478"/>
        <v>SAND</v>
      </c>
      <c r="Q2037" s="236" t="e">
        <f t="shared" si="474"/>
        <v>#N/A</v>
      </c>
      <c r="R2037" s="238">
        <v>35</v>
      </c>
      <c r="S2037" s="236" t="e">
        <f t="shared" si="479"/>
        <v>#N/A</v>
      </c>
      <c r="T2037" s="236">
        <f t="shared" si="465"/>
        <v>35.957142614364443</v>
      </c>
    </row>
    <row r="2038" spans="1:20" x14ac:dyDescent="0.2">
      <c r="A2038" s="53">
        <f t="shared" si="466"/>
        <v>2026</v>
      </c>
      <c r="B2038" s="239">
        <v>20.448</v>
      </c>
      <c r="C2038" s="3">
        <f t="shared" si="467"/>
        <v>20.440999999999999</v>
      </c>
      <c r="D2038" s="239">
        <v>7.7663000000000002</v>
      </c>
      <c r="E2038" s="239">
        <v>1.7500000000000002E-2</v>
      </c>
      <c r="F2038" s="239">
        <v>2.6700000000000002E-2</v>
      </c>
      <c r="G2038">
        <f t="shared" si="468"/>
        <v>7.7716400000000005</v>
      </c>
      <c r="H2038" s="235">
        <f t="shared" si="469"/>
        <v>0.22517769737146859</v>
      </c>
      <c r="I2038" s="236">
        <f t="shared" si="470"/>
        <v>17.402107193234485</v>
      </c>
      <c r="J2038" s="237">
        <f t="shared" si="475"/>
        <v>7.4021071932344853</v>
      </c>
      <c r="K2038" s="237">
        <f t="shared" si="471"/>
        <v>355.71647313690607</v>
      </c>
      <c r="L2038" s="237">
        <f t="shared" si="476"/>
        <v>151.35828788725877</v>
      </c>
      <c r="M2038" s="236">
        <f t="shared" si="472"/>
        <v>48.99582064767371</v>
      </c>
      <c r="N2038" s="236">
        <f t="shared" si="473"/>
        <v>0.23597870092118425</v>
      </c>
      <c r="O2038" s="236">
        <f t="shared" si="477"/>
        <v>1.8759882783353199</v>
      </c>
      <c r="P2038" s="236" t="str">
        <f t="shared" si="478"/>
        <v>SAND</v>
      </c>
      <c r="Q2038" s="236" t="e">
        <f t="shared" si="474"/>
        <v>#N/A</v>
      </c>
      <c r="R2038" s="238">
        <v>35</v>
      </c>
      <c r="S2038" s="236" t="e">
        <f t="shared" si="479"/>
        <v>#N/A</v>
      </c>
      <c r="T2038" s="236">
        <f t="shared" si="465"/>
        <v>36.191749398319715</v>
      </c>
    </row>
    <row r="2039" spans="1:20" x14ac:dyDescent="0.2">
      <c r="A2039" s="53">
        <f t="shared" si="466"/>
        <v>2027</v>
      </c>
      <c r="B2039" s="239">
        <v>20.457999999999998</v>
      </c>
      <c r="C2039" s="3">
        <f t="shared" si="467"/>
        <v>20.450999999999997</v>
      </c>
      <c r="D2039" s="239">
        <v>8.1189</v>
      </c>
      <c r="E2039" s="239">
        <v>1.8499999999999999E-2</v>
      </c>
      <c r="F2039" s="239">
        <v>3.6600000000000001E-2</v>
      </c>
      <c r="G2039">
        <f t="shared" si="468"/>
        <v>8.12622</v>
      </c>
      <c r="H2039" s="235">
        <f t="shared" si="469"/>
        <v>0.2276581239493885</v>
      </c>
      <c r="I2039" s="236">
        <f t="shared" si="470"/>
        <v>17.484706439238767</v>
      </c>
      <c r="J2039" s="237">
        <f t="shared" si="475"/>
        <v>7.4847064392387672</v>
      </c>
      <c r="K2039" s="237">
        <f t="shared" si="471"/>
        <v>357.57973138887195</v>
      </c>
      <c r="L2039" s="237">
        <f t="shared" si="476"/>
        <v>153.12212433394669</v>
      </c>
      <c r="M2039" s="236">
        <f t="shared" si="472"/>
        <v>50.73493005927979</v>
      </c>
      <c r="N2039" s="236">
        <f t="shared" si="473"/>
        <v>0.23813691148434932</v>
      </c>
      <c r="O2039" s="236">
        <f t="shared" si="477"/>
        <v>1.8628857402117724</v>
      </c>
      <c r="P2039" s="236" t="str">
        <f t="shared" si="478"/>
        <v>SAND</v>
      </c>
      <c r="Q2039" s="236" t="e">
        <f t="shared" si="474"/>
        <v>#N/A</v>
      </c>
      <c r="R2039" s="238">
        <v>35</v>
      </c>
      <c r="S2039" s="236" t="e">
        <f t="shared" si="479"/>
        <v>#N/A</v>
      </c>
      <c r="T2039" s="236">
        <f t="shared" si="465"/>
        <v>36.358377726149811</v>
      </c>
    </row>
    <row r="2040" spans="1:20" x14ac:dyDescent="0.2">
      <c r="A2040" s="53">
        <f t="shared" si="466"/>
        <v>2028</v>
      </c>
      <c r="B2040" s="239">
        <v>20.468</v>
      </c>
      <c r="C2040" s="3">
        <f t="shared" si="467"/>
        <v>20.460999999999999</v>
      </c>
      <c r="D2040" s="239">
        <v>8.5716999999999999</v>
      </c>
      <c r="E2040" s="239">
        <v>1.9300000000000001E-2</v>
      </c>
      <c r="F2040" s="239">
        <v>4.7000000000000002E-3</v>
      </c>
      <c r="G2040">
        <f t="shared" si="468"/>
        <v>8.5726399999999998</v>
      </c>
      <c r="H2040" s="235">
        <f t="shared" si="469"/>
        <v>0.22513484760820474</v>
      </c>
      <c r="I2040" s="236">
        <f t="shared" si="470"/>
        <v>17.555250916390605</v>
      </c>
      <c r="J2040" s="237">
        <f t="shared" si="475"/>
        <v>7.5552509163906052</v>
      </c>
      <c r="K2040" s="237">
        <f t="shared" si="471"/>
        <v>359.19798900026814</v>
      </c>
      <c r="L2040" s="237">
        <f t="shared" si="476"/>
        <v>154.6408757566829</v>
      </c>
      <c r="M2040" s="236">
        <f t="shared" si="472"/>
        <v>53.11300761076285</v>
      </c>
      <c r="N2040" s="236">
        <f t="shared" si="473"/>
        <v>0.23498065700290768</v>
      </c>
      <c r="O2040" s="236">
        <f t="shared" si="477"/>
        <v>1.8421842679728304</v>
      </c>
      <c r="P2040" s="236" t="str">
        <f t="shared" si="478"/>
        <v>SAND</v>
      </c>
      <c r="Q2040" s="236" t="e">
        <f t="shared" si="474"/>
        <v>#N/A</v>
      </c>
      <c r="R2040" s="238">
        <v>35</v>
      </c>
      <c r="S2040" s="236" t="e">
        <f t="shared" si="479"/>
        <v>#N/A</v>
      </c>
      <c r="T2040" s="236">
        <f t="shared" si="465"/>
        <v>36.577209842244343</v>
      </c>
    </row>
    <row r="2041" spans="1:20" x14ac:dyDescent="0.2">
      <c r="A2041" s="53">
        <f t="shared" si="466"/>
        <v>2029</v>
      </c>
      <c r="B2041" s="239">
        <v>20.478000000000002</v>
      </c>
      <c r="C2041" s="3">
        <f t="shared" si="467"/>
        <v>20.471</v>
      </c>
      <c r="D2041" s="239">
        <v>9.0633999999999997</v>
      </c>
      <c r="E2041" s="239">
        <v>1.9400000000000001E-2</v>
      </c>
      <c r="F2041" s="239">
        <v>-2.8E-3</v>
      </c>
      <c r="G2041">
        <f t="shared" si="468"/>
        <v>9.0628399999999996</v>
      </c>
      <c r="H2041" s="235">
        <f t="shared" si="469"/>
        <v>0.21406093454149033</v>
      </c>
      <c r="I2041" s="236">
        <f t="shared" si="470"/>
        <v>17.583045606717988</v>
      </c>
      <c r="J2041" s="237">
        <f t="shared" si="475"/>
        <v>7.5830456067179881</v>
      </c>
      <c r="K2041" s="237">
        <f t="shared" si="471"/>
        <v>359.94252661512394</v>
      </c>
      <c r="L2041" s="237">
        <f t="shared" si="476"/>
        <v>155.28560793437097</v>
      </c>
      <c r="M2041" s="236">
        <f t="shared" si="472"/>
        <v>56.044456335341899</v>
      </c>
      <c r="N2041" s="236">
        <f t="shared" si="473"/>
        <v>0.22291426572964823</v>
      </c>
      <c r="O2041" s="236">
        <f t="shared" si="477"/>
        <v>1.8127963017460145</v>
      </c>
      <c r="P2041" s="236" t="str">
        <f t="shared" si="478"/>
        <v>SAND</v>
      </c>
      <c r="Q2041" s="236" t="e">
        <f t="shared" si="474"/>
        <v>#N/A</v>
      </c>
      <c r="R2041" s="238">
        <v>35</v>
      </c>
      <c r="S2041" s="236" t="e">
        <f t="shared" si="479"/>
        <v>#N/A</v>
      </c>
      <c r="T2041" s="236">
        <f t="shared" si="465"/>
        <v>36.833859266661207</v>
      </c>
    </row>
    <row r="2042" spans="1:20" x14ac:dyDescent="0.2">
      <c r="A2042" s="53">
        <f t="shared" si="466"/>
        <v>2030</v>
      </c>
      <c r="B2042" s="239">
        <v>20.486999999999998</v>
      </c>
      <c r="C2042" s="3">
        <f t="shared" si="467"/>
        <v>20.479999999999997</v>
      </c>
      <c r="D2042" s="239">
        <v>9.35</v>
      </c>
      <c r="E2042" s="239">
        <v>1.9099999999999999E-2</v>
      </c>
      <c r="F2042" s="239">
        <v>9.7000000000000003E-3</v>
      </c>
      <c r="G2042">
        <f t="shared" si="468"/>
        <v>9.351939999999999</v>
      </c>
      <c r="H2042" s="235">
        <f t="shared" si="469"/>
        <v>0.20423569868925595</v>
      </c>
      <c r="I2042" s="236">
        <f t="shared" si="470"/>
        <v>17.5770446865933</v>
      </c>
      <c r="J2042" s="237">
        <f t="shared" si="475"/>
        <v>7.5770446865933003</v>
      </c>
      <c r="K2042" s="237">
        <f t="shared" si="471"/>
        <v>359.97787518143076</v>
      </c>
      <c r="L2042" s="237">
        <f t="shared" si="476"/>
        <v>155.23091449423694</v>
      </c>
      <c r="M2042" s="236">
        <f t="shared" si="472"/>
        <v>57.926361859785359</v>
      </c>
      <c r="N2042" s="236">
        <f t="shared" si="473"/>
        <v>0.21241192672823206</v>
      </c>
      <c r="O2042" s="236">
        <f t="shared" si="477"/>
        <v>1.7926729301747171</v>
      </c>
      <c r="P2042" s="236" t="str">
        <f t="shared" si="478"/>
        <v>SAND</v>
      </c>
      <c r="Q2042" s="236" t="e">
        <f t="shared" si="474"/>
        <v>#N/A</v>
      </c>
      <c r="R2042" s="238">
        <v>35</v>
      </c>
      <c r="S2042" s="236" t="e">
        <f t="shared" si="479"/>
        <v>#N/A</v>
      </c>
      <c r="T2042" s="236">
        <f t="shared" si="465"/>
        <v>36.991638782207062</v>
      </c>
    </row>
    <row r="2043" spans="1:20" x14ac:dyDescent="0.2">
      <c r="A2043" s="53">
        <f t="shared" si="466"/>
        <v>2031</v>
      </c>
      <c r="B2043" s="239">
        <v>20.497</v>
      </c>
      <c r="C2043" s="3">
        <f t="shared" si="467"/>
        <v>20.49</v>
      </c>
      <c r="D2043" s="239">
        <v>9.64</v>
      </c>
      <c r="E2043" s="239">
        <v>1.6199999999999999E-2</v>
      </c>
      <c r="F2043" s="239">
        <v>1.78E-2</v>
      </c>
      <c r="G2043">
        <f t="shared" si="468"/>
        <v>9.6435600000000008</v>
      </c>
      <c r="H2043" s="235">
        <f t="shared" si="469"/>
        <v>0.16798775555915033</v>
      </c>
      <c r="I2043" s="236">
        <f t="shared" si="470"/>
        <v>17.395947241862451</v>
      </c>
      <c r="J2043" s="237">
        <f t="shared" si="475"/>
        <v>7.3959472418624514</v>
      </c>
      <c r="K2043" s="237">
        <f t="shared" si="471"/>
        <v>356.44295898576161</v>
      </c>
      <c r="L2043" s="237">
        <f t="shared" si="476"/>
        <v>151.59473061645465</v>
      </c>
      <c r="M2043" s="236">
        <f t="shared" si="472"/>
        <v>61.262795898304013</v>
      </c>
      <c r="N2043" s="236">
        <f t="shared" si="473"/>
        <v>0.17443518724332571</v>
      </c>
      <c r="O2043" s="236">
        <f t="shared" si="477"/>
        <v>1.7449735253011616</v>
      </c>
      <c r="P2043" s="236" t="str">
        <f t="shared" si="478"/>
        <v>SAND</v>
      </c>
      <c r="Q2043" s="236" t="e">
        <f t="shared" si="474"/>
        <v>#N/A</v>
      </c>
      <c r="R2043" s="238">
        <v>35</v>
      </c>
      <c r="S2043" s="236" t="e">
        <f t="shared" si="479"/>
        <v>#N/A</v>
      </c>
      <c r="T2043" s="236">
        <f t="shared" si="465"/>
        <v>37.259164944771101</v>
      </c>
    </row>
    <row r="2044" spans="1:20" x14ac:dyDescent="0.2">
      <c r="A2044" s="53">
        <f t="shared" si="466"/>
        <v>2032</v>
      </c>
      <c r="B2044" s="239">
        <v>20.507999999999999</v>
      </c>
      <c r="C2044" s="3">
        <f t="shared" si="467"/>
        <v>20.500999999999998</v>
      </c>
      <c r="D2044" s="239">
        <v>9.8719999999999999</v>
      </c>
      <c r="E2044" s="239">
        <v>1.43E-2</v>
      </c>
      <c r="F2044" s="239">
        <v>2.7199999999999998E-2</v>
      </c>
      <c r="G2044">
        <f t="shared" si="468"/>
        <v>9.87744</v>
      </c>
      <c r="H2044" s="235">
        <f t="shared" si="469"/>
        <v>0.14477435448861242</v>
      </c>
      <c r="I2044" s="236">
        <f t="shared" si="470"/>
        <v>17.259030315774005</v>
      </c>
      <c r="J2044" s="237">
        <f t="shared" si="475"/>
        <v>7.2590303157740053</v>
      </c>
      <c r="K2044" s="237">
        <f t="shared" si="471"/>
        <v>353.82738050368283</v>
      </c>
      <c r="L2044" s="237">
        <f t="shared" si="476"/>
        <v>148.86819371589328</v>
      </c>
      <c r="M2044" s="236">
        <f t="shared" si="472"/>
        <v>63.973454515553577</v>
      </c>
      <c r="N2044" s="236">
        <f t="shared" si="473"/>
        <v>0.15015310440835944</v>
      </c>
      <c r="O2044" s="236">
        <f t="shared" si="477"/>
        <v>1.7105952529489321</v>
      </c>
      <c r="P2044" s="236" t="str">
        <f t="shared" si="478"/>
        <v>SAND</v>
      </c>
      <c r="Q2044" s="236" t="e">
        <f t="shared" si="474"/>
        <v>#N/A</v>
      </c>
      <c r="R2044" s="238">
        <v>35</v>
      </c>
      <c r="S2044" s="236" t="e">
        <f t="shared" si="479"/>
        <v>#N/A</v>
      </c>
      <c r="T2044" s="236">
        <f t="shared" si="465"/>
        <v>37.465997831972984</v>
      </c>
    </row>
    <row r="2045" spans="1:20" x14ac:dyDescent="0.2">
      <c r="A2045" s="53">
        <f t="shared" si="466"/>
        <v>2033</v>
      </c>
      <c r="B2045" s="239">
        <v>20.516999999999999</v>
      </c>
      <c r="C2045" s="3">
        <f t="shared" si="467"/>
        <v>20.509999999999998</v>
      </c>
      <c r="D2045" s="239">
        <v>10.09</v>
      </c>
      <c r="E2045" s="239">
        <v>1.2699999999999999E-2</v>
      </c>
      <c r="F2045" s="239">
        <v>3.1099999999999999E-2</v>
      </c>
      <c r="G2045">
        <f t="shared" si="468"/>
        <v>10.096220000000001</v>
      </c>
      <c r="H2045" s="235">
        <f t="shared" si="469"/>
        <v>0.12578965196875661</v>
      </c>
      <c r="I2045" s="236">
        <f t="shared" si="470"/>
        <v>17.128456025845825</v>
      </c>
      <c r="J2045" s="237">
        <f t="shared" si="475"/>
        <v>7.1284560258458249</v>
      </c>
      <c r="K2045" s="237">
        <f t="shared" si="471"/>
        <v>351.30463309009781</v>
      </c>
      <c r="L2045" s="237">
        <f t="shared" si="476"/>
        <v>146.25453228227877</v>
      </c>
      <c r="M2045" s="236">
        <f t="shared" si="472"/>
        <v>66.629835088472433</v>
      </c>
      <c r="N2045" s="236">
        <f t="shared" si="473"/>
        <v>0.1303243745258626</v>
      </c>
      <c r="O2045" s="236">
        <f t="shared" si="477"/>
        <v>1.6800740485694416</v>
      </c>
      <c r="P2045" s="236" t="str">
        <f t="shared" si="478"/>
        <v>SAND</v>
      </c>
      <c r="Q2045" s="236" t="e">
        <f t="shared" si="474"/>
        <v>#N/A</v>
      </c>
      <c r="R2045" s="238">
        <v>35</v>
      </c>
      <c r="S2045" s="236" t="e">
        <f t="shared" si="479"/>
        <v>#N/A</v>
      </c>
      <c r="T2045" s="236">
        <f t="shared" si="465"/>
        <v>37.660356122104304</v>
      </c>
    </row>
    <row r="2046" spans="1:20" x14ac:dyDescent="0.2">
      <c r="A2046" s="53">
        <f t="shared" si="466"/>
        <v>2034</v>
      </c>
      <c r="B2046" s="239">
        <v>20.527000000000001</v>
      </c>
      <c r="C2046" s="3">
        <f t="shared" si="467"/>
        <v>20.52</v>
      </c>
      <c r="D2046" s="239">
        <v>10.236599999999999</v>
      </c>
      <c r="E2046" s="239">
        <v>1.35E-2</v>
      </c>
      <c r="F2046" s="239">
        <v>3.5000000000000003E-2</v>
      </c>
      <c r="G2046">
        <f t="shared" si="468"/>
        <v>10.243599999999999</v>
      </c>
      <c r="H2046" s="235">
        <f t="shared" si="469"/>
        <v>0.13178960521691593</v>
      </c>
      <c r="I2046" s="236">
        <f t="shared" si="470"/>
        <v>17.205751579634196</v>
      </c>
      <c r="J2046" s="237">
        <f t="shared" si="475"/>
        <v>7.205751579634196</v>
      </c>
      <c r="K2046" s="237">
        <f t="shared" si="471"/>
        <v>353.06202241409369</v>
      </c>
      <c r="L2046" s="237">
        <f t="shared" si="476"/>
        <v>147.91246267515115</v>
      </c>
      <c r="M2046" s="236">
        <f t="shared" si="472"/>
        <v>66.867509327511769</v>
      </c>
      <c r="N2046" s="236">
        <f t="shared" si="473"/>
        <v>0.13649409193507892</v>
      </c>
      <c r="O2046" s="236">
        <f t="shared" si="477"/>
        <v>1.6826832921938957</v>
      </c>
      <c r="P2046" s="236" t="str">
        <f t="shared" si="478"/>
        <v>SAND</v>
      </c>
      <c r="Q2046" s="236" t="e">
        <f t="shared" si="474"/>
        <v>#N/A</v>
      </c>
      <c r="R2046" s="238">
        <v>35</v>
      </c>
      <c r="S2046" s="236" t="e">
        <f t="shared" si="479"/>
        <v>#N/A</v>
      </c>
      <c r="T2046" s="236">
        <f t="shared" si="465"/>
        <v>37.677366616510533</v>
      </c>
    </row>
    <row r="2047" spans="1:20" x14ac:dyDescent="0.2">
      <c r="A2047" s="53">
        <f t="shared" si="466"/>
        <v>2035</v>
      </c>
      <c r="B2047" s="239">
        <v>20.536999999999999</v>
      </c>
      <c r="C2047" s="3">
        <f t="shared" si="467"/>
        <v>20.529999999999998</v>
      </c>
      <c r="D2047" s="239">
        <v>10.3843</v>
      </c>
      <c r="E2047" s="239">
        <v>1.38E-2</v>
      </c>
      <c r="F2047" s="239">
        <v>3.6200000000000003E-2</v>
      </c>
      <c r="G2047">
        <f t="shared" si="468"/>
        <v>10.391539999999999</v>
      </c>
      <c r="H2047" s="235">
        <f t="shared" si="469"/>
        <v>0.13280033565766</v>
      </c>
      <c r="I2047" s="236">
        <f t="shared" si="470"/>
        <v>17.237128509971356</v>
      </c>
      <c r="J2047" s="237">
        <f t="shared" si="475"/>
        <v>7.237128509971356</v>
      </c>
      <c r="K2047" s="237">
        <f t="shared" si="471"/>
        <v>353.87824830971192</v>
      </c>
      <c r="L2047" s="237">
        <f t="shared" si="476"/>
        <v>148.62890820928172</v>
      </c>
      <c r="M2047" s="236">
        <f t="shared" si="472"/>
        <v>67.535056757306151</v>
      </c>
      <c r="N2047" s="236">
        <f t="shared" si="473"/>
        <v>0.13748221788481918</v>
      </c>
      <c r="O2047" s="236">
        <f t="shared" si="477"/>
        <v>1.6791321552058318</v>
      </c>
      <c r="P2047" s="236" t="str">
        <f t="shared" si="478"/>
        <v>SAND</v>
      </c>
      <c r="Q2047" s="236" t="e">
        <f t="shared" si="474"/>
        <v>#N/A</v>
      </c>
      <c r="R2047" s="238">
        <v>35</v>
      </c>
      <c r="S2047" s="236" t="e">
        <f t="shared" si="479"/>
        <v>#N/A</v>
      </c>
      <c r="T2047" s="236">
        <f t="shared" si="465"/>
        <v>37.724821961053692</v>
      </c>
    </row>
    <row r="2048" spans="1:20" x14ac:dyDescent="0.2">
      <c r="A2048" s="53">
        <f t="shared" si="466"/>
        <v>2036</v>
      </c>
      <c r="B2048" s="239">
        <v>20.544</v>
      </c>
      <c r="C2048" s="3">
        <f t="shared" si="467"/>
        <v>20.536999999999999</v>
      </c>
      <c r="D2048" s="239">
        <v>10.475199999999999</v>
      </c>
      <c r="E2048" s="239">
        <v>1.52E-2</v>
      </c>
      <c r="F2048" s="239">
        <v>5.57E-2</v>
      </c>
      <c r="G2048">
        <f t="shared" si="468"/>
        <v>10.486339999999998</v>
      </c>
      <c r="H2048" s="235">
        <f t="shared" si="469"/>
        <v>0.144950478431941</v>
      </c>
      <c r="I2048" s="236">
        <f t="shared" si="470"/>
        <v>17.353982283147865</v>
      </c>
      <c r="J2048" s="237">
        <f t="shared" si="475"/>
        <v>7.3539822831478645</v>
      </c>
      <c r="K2048" s="237">
        <f t="shared" si="471"/>
        <v>356.39873414900768</v>
      </c>
      <c r="L2048" s="237">
        <f t="shared" si="476"/>
        <v>151.08021202498972</v>
      </c>
      <c r="M2048" s="236">
        <f t="shared" si="472"/>
        <v>67.050086375146378</v>
      </c>
      <c r="N2048" s="236">
        <f t="shared" si="473"/>
        <v>0.15005022833884207</v>
      </c>
      <c r="O2048" s="236">
        <f t="shared" si="477"/>
        <v>1.6906882076116967</v>
      </c>
      <c r="P2048" s="236" t="str">
        <f t="shared" si="478"/>
        <v>SAND</v>
      </c>
      <c r="Q2048" s="236" t="e">
        <f t="shared" si="474"/>
        <v>#N/A</v>
      </c>
      <c r="R2048" s="238">
        <v>35</v>
      </c>
      <c r="S2048" s="236" t="e">
        <f t="shared" si="479"/>
        <v>#N/A</v>
      </c>
      <c r="T2048" s="236">
        <f t="shared" si="465"/>
        <v>37.690392758194719</v>
      </c>
    </row>
    <row r="2049" spans="1:20" x14ac:dyDescent="0.2">
      <c r="A2049" s="53">
        <f t="shared" si="466"/>
        <v>2037</v>
      </c>
      <c r="B2049" s="239">
        <v>20.544</v>
      </c>
      <c r="C2049" s="3">
        <f t="shared" si="467"/>
        <v>20.536999999999999</v>
      </c>
      <c r="D2049" s="239">
        <v>10.5168</v>
      </c>
      <c r="E2049" s="239">
        <v>1.5599999999999999E-2</v>
      </c>
      <c r="F2049" s="239">
        <v>6.9900000000000004E-2</v>
      </c>
      <c r="G2049">
        <f t="shared" si="468"/>
        <v>10.53078</v>
      </c>
      <c r="H2049" s="235">
        <f t="shared" si="469"/>
        <v>0.14813717502407228</v>
      </c>
      <c r="I2049" s="236">
        <f t="shared" si="470"/>
        <v>17.38609395589965</v>
      </c>
      <c r="J2049" s="237">
        <f t="shared" si="475"/>
        <v>7.3860939558996499</v>
      </c>
      <c r="K2049" s="237">
        <f t="shared" si="471"/>
        <v>357.05821157231111</v>
      </c>
      <c r="L2049" s="237">
        <f t="shared" si="476"/>
        <v>151.7399142300024</v>
      </c>
      <c r="M2049" s="236">
        <f t="shared" si="472"/>
        <v>67.047103855658534</v>
      </c>
      <c r="N2049" s="236">
        <f t="shared" si="473"/>
        <v>0.15333621583543344</v>
      </c>
      <c r="O2049" s="236">
        <f t="shared" si="477"/>
        <v>1.6929365862236141</v>
      </c>
      <c r="P2049" s="236" t="str">
        <f t="shared" si="478"/>
        <v>SAND</v>
      </c>
      <c r="Q2049" s="236" t="e">
        <f t="shared" si="474"/>
        <v>#N/A</v>
      </c>
      <c r="R2049" s="238">
        <v>35</v>
      </c>
      <c r="S2049" s="236" t="e">
        <f t="shared" si="479"/>
        <v>#N/A</v>
      </c>
      <c r="T2049" s="236">
        <f t="shared" si="465"/>
        <v>37.690180252484623</v>
      </c>
    </row>
    <row r="2050" spans="1:20" x14ac:dyDescent="0.2">
      <c r="A2050" s="53">
        <f t="shared" si="466"/>
        <v>2038</v>
      </c>
      <c r="B2050" s="239">
        <v>20.544</v>
      </c>
      <c r="C2050" s="3">
        <f t="shared" si="467"/>
        <v>20.536999999999999</v>
      </c>
      <c r="D2050" s="239">
        <v>9.5922000000000001</v>
      </c>
      <c r="E2050" s="239">
        <v>2.0299999999999999E-2</v>
      </c>
      <c r="F2050" s="239">
        <v>7.0099999999999996E-2</v>
      </c>
      <c r="G2050">
        <f t="shared" si="468"/>
        <v>9.6062200000000004</v>
      </c>
      <c r="H2050" s="235">
        <f t="shared" si="469"/>
        <v>0.21132141466674714</v>
      </c>
      <c r="I2050" s="236">
        <f t="shared" si="470"/>
        <v>17.658979632447164</v>
      </c>
      <c r="J2050" s="237">
        <f t="shared" si="475"/>
        <v>7.6589796324471635</v>
      </c>
      <c r="K2050" s="237">
        <f t="shared" si="471"/>
        <v>362.6624647115674</v>
      </c>
      <c r="L2050" s="237">
        <f t="shared" si="476"/>
        <v>157.34607756899453</v>
      </c>
      <c r="M2050" s="236">
        <f t="shared" si="472"/>
        <v>58.746666444450987</v>
      </c>
      <c r="N2050" s="236">
        <f t="shared" si="473"/>
        <v>0.2196124157014463</v>
      </c>
      <c r="O2050" s="236">
        <f t="shared" si="477"/>
        <v>1.7913448915523802</v>
      </c>
      <c r="P2050" s="236" t="str">
        <f t="shared" si="478"/>
        <v>SAND</v>
      </c>
      <c r="Q2050" s="236" t="e">
        <f t="shared" si="474"/>
        <v>#N/A</v>
      </c>
      <c r="R2050" s="238">
        <v>35</v>
      </c>
      <c r="S2050" s="236" t="e">
        <f t="shared" si="479"/>
        <v>#N/A</v>
      </c>
      <c r="T2050" s="236">
        <f t="shared" si="465"/>
        <v>37.058815505583112</v>
      </c>
    </row>
    <row r="2051" spans="1:20" x14ac:dyDescent="0.2">
      <c r="A2051" s="53">
        <f t="shared" si="466"/>
        <v>2039</v>
      </c>
      <c r="B2051" s="239">
        <v>20.544</v>
      </c>
      <c r="C2051" s="3">
        <f t="shared" si="467"/>
        <v>20.536999999999999</v>
      </c>
      <c r="D2051" s="239">
        <v>9.4222999999999999</v>
      </c>
      <c r="E2051" s="239">
        <v>2.23E-2</v>
      </c>
      <c r="F2051" s="239">
        <v>7.7700000000000005E-2</v>
      </c>
      <c r="G2051">
        <f t="shared" si="468"/>
        <v>9.4378399999999996</v>
      </c>
      <c r="H2051" s="235">
        <f t="shared" si="469"/>
        <v>0.23628287828570946</v>
      </c>
      <c r="I2051" s="236">
        <f t="shared" si="470"/>
        <v>17.762251534027648</v>
      </c>
      <c r="J2051" s="237">
        <f t="shared" si="475"/>
        <v>7.7622515340276479</v>
      </c>
      <c r="K2051" s="237">
        <f t="shared" si="471"/>
        <v>364.78335975432577</v>
      </c>
      <c r="L2051" s="237">
        <f t="shared" si="476"/>
        <v>159.46769551506401</v>
      </c>
      <c r="M2051" s="236">
        <f t="shared" si="472"/>
        <v>56.895891114125966</v>
      </c>
      <c r="N2051" s="236">
        <f t="shared" si="473"/>
        <v>0.24578266051027511</v>
      </c>
      <c r="O2051" s="236">
        <f t="shared" si="477"/>
        <v>1.8203626903312009</v>
      </c>
      <c r="P2051" s="236" t="str">
        <f t="shared" si="478"/>
        <v>SAND</v>
      </c>
      <c r="Q2051" s="236" t="e">
        <f t="shared" si="474"/>
        <v>#N/A</v>
      </c>
      <c r="R2051" s="238">
        <v>35</v>
      </c>
      <c r="S2051" s="236" t="e">
        <f t="shared" si="479"/>
        <v>#N/A</v>
      </c>
      <c r="T2051" s="236">
        <f t="shared" si="465"/>
        <v>36.905889941947748</v>
      </c>
    </row>
    <row r="2052" spans="1:20" x14ac:dyDescent="0.2">
      <c r="A2052" s="53">
        <f t="shared" si="466"/>
        <v>2040</v>
      </c>
      <c r="B2052" s="239">
        <v>20.547999999999998</v>
      </c>
      <c r="C2052" s="3">
        <f t="shared" si="467"/>
        <v>20.540999999999997</v>
      </c>
      <c r="D2052" s="239">
        <v>9.3249999999999993</v>
      </c>
      <c r="E2052" s="239">
        <v>2.3199999999999998E-2</v>
      </c>
      <c r="F2052" s="239">
        <v>8.5699999999999998E-2</v>
      </c>
      <c r="G2052">
        <f t="shared" si="468"/>
        <v>9.3421399999999988</v>
      </c>
      <c r="H2052" s="235">
        <f t="shared" si="469"/>
        <v>0.24833710477470905</v>
      </c>
      <c r="I2052" s="236">
        <f t="shared" si="470"/>
        <v>17.804662347736976</v>
      </c>
      <c r="J2052" s="237">
        <f t="shared" si="475"/>
        <v>7.8046623477369756</v>
      </c>
      <c r="K2052" s="237">
        <f t="shared" si="471"/>
        <v>365.72556928486517</v>
      </c>
      <c r="L2052" s="237">
        <f t="shared" si="476"/>
        <v>160.37020192129935</v>
      </c>
      <c r="M2052" s="236">
        <f t="shared" si="472"/>
        <v>55.973081801819092</v>
      </c>
      <c r="N2052" s="236">
        <f t="shared" si="473"/>
        <v>0.25845509004815076</v>
      </c>
      <c r="O2052" s="236">
        <f t="shared" si="477"/>
        <v>1.8344662632509834</v>
      </c>
      <c r="P2052" s="236" t="str">
        <f t="shared" si="478"/>
        <v>SAND</v>
      </c>
      <c r="Q2052" s="236" t="e">
        <f t="shared" si="474"/>
        <v>#N/A</v>
      </c>
      <c r="R2052" s="238">
        <v>35</v>
      </c>
      <c r="S2052" s="236" t="e">
        <f t="shared" si="479"/>
        <v>#N/A</v>
      </c>
      <c r="T2052" s="236">
        <f t="shared" si="465"/>
        <v>36.827771411519137</v>
      </c>
    </row>
    <row r="2053" spans="1:20" x14ac:dyDescent="0.2">
      <c r="A2053" s="53">
        <f t="shared" si="466"/>
        <v>2041</v>
      </c>
      <c r="B2053" s="239">
        <v>20.556999999999999</v>
      </c>
      <c r="C2053" s="3">
        <f t="shared" si="467"/>
        <v>20.549999999999997</v>
      </c>
      <c r="D2053" s="239">
        <v>9.2293000000000003</v>
      </c>
      <c r="E2053" s="239">
        <v>2.41E-2</v>
      </c>
      <c r="F2053" s="239">
        <v>9.2399999999999996E-2</v>
      </c>
      <c r="G2053">
        <f t="shared" si="468"/>
        <v>9.2477800000000006</v>
      </c>
      <c r="H2053" s="235">
        <f t="shared" si="469"/>
        <v>0.26060308528100795</v>
      </c>
      <c r="I2053" s="236">
        <f t="shared" si="470"/>
        <v>17.845322809932956</v>
      </c>
      <c r="J2053" s="237">
        <f t="shared" si="475"/>
        <v>7.8453228099329557</v>
      </c>
      <c r="K2053" s="237">
        <f t="shared" si="471"/>
        <v>366.72138374412219</v>
      </c>
      <c r="L2053" s="237">
        <f t="shared" si="476"/>
        <v>161.27630100379176</v>
      </c>
      <c r="M2053" s="236">
        <f t="shared" si="472"/>
        <v>55.067350633538382</v>
      </c>
      <c r="N2053" s="236">
        <f t="shared" si="473"/>
        <v>0.27136404612719695</v>
      </c>
      <c r="O2053" s="236">
        <f t="shared" si="477"/>
        <v>1.8484960224476101</v>
      </c>
      <c r="P2053" s="236" t="str">
        <f t="shared" si="478"/>
        <v>SAND</v>
      </c>
      <c r="Q2053" s="236" t="e">
        <f t="shared" si="474"/>
        <v>#N/A</v>
      </c>
      <c r="R2053" s="238">
        <v>35</v>
      </c>
      <c r="S2053" s="236" t="e">
        <f t="shared" si="479"/>
        <v>#N/A</v>
      </c>
      <c r="T2053" s="236">
        <f t="shared" si="465"/>
        <v>36.7498360072276</v>
      </c>
    </row>
    <row r="2054" spans="1:20" x14ac:dyDescent="0.2">
      <c r="A2054" s="53">
        <f t="shared" si="466"/>
        <v>2042</v>
      </c>
      <c r="B2054" s="239">
        <v>20.565999999999999</v>
      </c>
      <c r="C2054" s="3">
        <f t="shared" si="467"/>
        <v>20.558999999999997</v>
      </c>
      <c r="D2054" s="239">
        <v>10.492800000000001</v>
      </c>
      <c r="E2054" s="239">
        <v>1.84E-2</v>
      </c>
      <c r="F2054" s="239">
        <v>9.1700000000000004E-2</v>
      </c>
      <c r="G2054">
        <f t="shared" si="468"/>
        <v>10.511140000000001</v>
      </c>
      <c r="H2054" s="235">
        <f t="shared" si="469"/>
        <v>0.17505237300616294</v>
      </c>
      <c r="I2054" s="236">
        <f t="shared" si="470"/>
        <v>17.578936015032056</v>
      </c>
      <c r="J2054" s="237">
        <f t="shared" si="475"/>
        <v>7.5789360150320562</v>
      </c>
      <c r="K2054" s="237">
        <f t="shared" si="471"/>
        <v>361.405345533044</v>
      </c>
      <c r="L2054" s="237">
        <f t="shared" si="476"/>
        <v>155.86839808514927</v>
      </c>
      <c r="M2054" s="236">
        <f t="shared" si="472"/>
        <v>65.117334746214979</v>
      </c>
      <c r="N2054" s="236">
        <f t="shared" si="473"/>
        <v>0.18128552741920254</v>
      </c>
      <c r="O2054" s="236">
        <f t="shared" si="477"/>
        <v>1.7239988939533626</v>
      </c>
      <c r="P2054" s="236" t="str">
        <f t="shared" si="478"/>
        <v>SAND</v>
      </c>
      <c r="Q2054" s="236" t="e">
        <f t="shared" si="474"/>
        <v>#N/A</v>
      </c>
      <c r="R2054" s="238">
        <v>35</v>
      </c>
      <c r="S2054" s="236" t="e">
        <f t="shared" si="479"/>
        <v>#N/A</v>
      </c>
      <c r="T2054" s="236">
        <f t="shared" si="465"/>
        <v>37.550662782196014</v>
      </c>
    </row>
    <row r="2055" spans="1:20" x14ac:dyDescent="0.2">
      <c r="A2055" s="53">
        <f t="shared" si="466"/>
        <v>2043</v>
      </c>
      <c r="B2055" s="239">
        <v>20.576000000000001</v>
      </c>
      <c r="C2055" s="3">
        <f t="shared" si="467"/>
        <v>20.568999999999999</v>
      </c>
      <c r="D2055" s="239">
        <v>10.529299999999999</v>
      </c>
      <c r="E2055" s="239">
        <v>1.8800000000000001E-2</v>
      </c>
      <c r="F2055" s="239">
        <v>0.1047</v>
      </c>
      <c r="G2055">
        <f t="shared" si="468"/>
        <v>10.550239999999999</v>
      </c>
      <c r="H2055" s="235">
        <f t="shared" si="469"/>
        <v>0.17819499840761921</v>
      </c>
      <c r="I2055" s="236">
        <f t="shared" si="470"/>
        <v>17.60560535268003</v>
      </c>
      <c r="J2055" s="237">
        <f t="shared" si="475"/>
        <v>7.6056053526800298</v>
      </c>
      <c r="K2055" s="237">
        <f t="shared" si="471"/>
        <v>362.1296964992755</v>
      </c>
      <c r="L2055" s="237">
        <f t="shared" si="476"/>
        <v>156.4929357367443</v>
      </c>
      <c r="M2055" s="236">
        <f t="shared" si="472"/>
        <v>65.102685022404941</v>
      </c>
      <c r="N2055" s="236">
        <f t="shared" si="473"/>
        <v>0.18452882271543683</v>
      </c>
      <c r="O2055" s="236">
        <f t="shared" si="477"/>
        <v>1.7262453532554292</v>
      </c>
      <c r="P2055" s="236" t="str">
        <f t="shared" si="478"/>
        <v>SAND</v>
      </c>
      <c r="Q2055" s="236" t="e">
        <f t="shared" si="474"/>
        <v>#N/A</v>
      </c>
      <c r="R2055" s="238">
        <v>35</v>
      </c>
      <c r="S2055" s="236" t="e">
        <f t="shared" si="479"/>
        <v>#N/A</v>
      </c>
      <c r="T2055" s="236">
        <f t="shared" si="465"/>
        <v>37.549587905433555</v>
      </c>
    </row>
    <row r="2056" spans="1:20" x14ac:dyDescent="0.2">
      <c r="A2056" s="53">
        <f t="shared" si="466"/>
        <v>2044</v>
      </c>
      <c r="B2056" s="239">
        <v>20.585000000000001</v>
      </c>
      <c r="C2056" s="3">
        <f t="shared" si="467"/>
        <v>20.577999999999999</v>
      </c>
      <c r="D2056" s="239">
        <v>10.5678</v>
      </c>
      <c r="E2056" s="239">
        <v>1.9099999999999999E-2</v>
      </c>
      <c r="F2056" s="239">
        <v>0.1061</v>
      </c>
      <c r="G2056">
        <f t="shared" si="468"/>
        <v>10.58902</v>
      </c>
      <c r="H2056" s="235">
        <f t="shared" si="469"/>
        <v>0.18037552105860599</v>
      </c>
      <c r="I2056" s="236">
        <f t="shared" si="470"/>
        <v>17.625603337672469</v>
      </c>
      <c r="J2056" s="237">
        <f t="shared" si="475"/>
        <v>7.6256033376724695</v>
      </c>
      <c r="K2056" s="237">
        <f t="shared" si="471"/>
        <v>362.69966548262408</v>
      </c>
      <c r="L2056" s="237">
        <f t="shared" si="476"/>
        <v>156.9730447059878</v>
      </c>
      <c r="M2056" s="236">
        <f t="shared" si="472"/>
        <v>65.146983379671241</v>
      </c>
      <c r="N2056" s="236">
        <f t="shared" si="473"/>
        <v>0.18677294838428712</v>
      </c>
      <c r="O2056" s="236">
        <f t="shared" si="477"/>
        <v>1.7274476768192053</v>
      </c>
      <c r="P2056" s="236" t="str">
        <f t="shared" si="478"/>
        <v>SAND</v>
      </c>
      <c r="Q2056" s="236" t="e">
        <f t="shared" si="474"/>
        <v>#N/A</v>
      </c>
      <c r="R2056" s="238">
        <v>35</v>
      </c>
      <c r="S2056" s="236" t="e">
        <f t="shared" si="479"/>
        <v>#N/A</v>
      </c>
      <c r="T2056" s="236">
        <f t="shared" si="465"/>
        <v>37.5528374163775</v>
      </c>
    </row>
    <row r="2057" spans="1:20" x14ac:dyDescent="0.2">
      <c r="A2057" s="53">
        <f t="shared" si="466"/>
        <v>2045</v>
      </c>
      <c r="B2057" s="239">
        <v>20.594999999999999</v>
      </c>
      <c r="C2057" s="3">
        <f t="shared" si="467"/>
        <v>20.587999999999997</v>
      </c>
      <c r="D2057" s="239">
        <v>10.5663</v>
      </c>
      <c r="E2057" s="239">
        <v>1.9300000000000001E-2</v>
      </c>
      <c r="F2057" s="239">
        <v>0.1081</v>
      </c>
      <c r="G2057">
        <f t="shared" si="468"/>
        <v>10.58792</v>
      </c>
      <c r="H2057" s="235">
        <f t="shared" si="469"/>
        <v>0.18228320576657173</v>
      </c>
      <c r="I2057" s="236">
        <f t="shared" si="470"/>
        <v>17.637777374790595</v>
      </c>
      <c r="J2057" s="237">
        <f t="shared" si="475"/>
        <v>7.6377773747905948</v>
      </c>
      <c r="K2057" s="237">
        <f t="shared" si="471"/>
        <v>363.1265605921887</v>
      </c>
      <c r="L2057" s="237">
        <f t="shared" si="476"/>
        <v>157.30002503381229</v>
      </c>
      <c r="M2057" s="236">
        <f t="shared" si="472"/>
        <v>65.001855131364096</v>
      </c>
      <c r="N2057" s="236">
        <f t="shared" si="473"/>
        <v>0.18875686941131789</v>
      </c>
      <c r="O2057" s="236">
        <f t="shared" si="477"/>
        <v>1.7296862774492343</v>
      </c>
      <c r="P2057" s="236" t="str">
        <f t="shared" si="478"/>
        <v>SAND</v>
      </c>
      <c r="Q2057" s="236" t="e">
        <f t="shared" si="474"/>
        <v>#N/A</v>
      </c>
      <c r="R2057" s="238">
        <v>35</v>
      </c>
      <c r="S2057" s="236" t="e">
        <f t="shared" si="479"/>
        <v>#N/A</v>
      </c>
      <c r="T2057" s="236">
        <f t="shared" si="465"/>
        <v>37.542183265840563</v>
      </c>
    </row>
    <row r="2058" spans="1:20" x14ac:dyDescent="0.2">
      <c r="A2058" s="53">
        <f t="shared" si="466"/>
        <v>2046</v>
      </c>
      <c r="B2058" s="239">
        <v>20.603999999999999</v>
      </c>
      <c r="C2058" s="3">
        <f t="shared" si="467"/>
        <v>20.596999999999998</v>
      </c>
      <c r="D2058" s="239">
        <v>10.5435</v>
      </c>
      <c r="E2058" s="239">
        <v>1.9300000000000001E-2</v>
      </c>
      <c r="F2058" s="239">
        <v>0.12039999999999999</v>
      </c>
      <c r="G2058">
        <f t="shared" si="468"/>
        <v>10.56758</v>
      </c>
      <c r="H2058" s="235">
        <f t="shared" si="469"/>
        <v>0.1826340562361487</v>
      </c>
      <c r="I2058" s="236">
        <f t="shared" si="470"/>
        <v>17.637025778540405</v>
      </c>
      <c r="J2058" s="237">
        <f t="shared" si="475"/>
        <v>7.637025778540405</v>
      </c>
      <c r="K2058" s="237">
        <f t="shared" si="471"/>
        <v>363.26981996059669</v>
      </c>
      <c r="L2058" s="237">
        <f t="shared" si="476"/>
        <v>157.3532791410465</v>
      </c>
      <c r="M2058" s="236">
        <f t="shared" si="472"/>
        <v>64.849682419980468</v>
      </c>
      <c r="N2058" s="236">
        <f t="shared" si="473"/>
        <v>0.18913576380452085</v>
      </c>
      <c r="O2058" s="236">
        <f t="shared" si="477"/>
        <v>1.7309112146031347</v>
      </c>
      <c r="P2058" s="236" t="str">
        <f t="shared" si="478"/>
        <v>SAND</v>
      </c>
      <c r="Q2058" s="236" t="e">
        <f t="shared" si="474"/>
        <v>#N/A</v>
      </c>
      <c r="R2058" s="238">
        <v>35</v>
      </c>
      <c r="S2058" s="236" t="e">
        <f t="shared" si="479"/>
        <v>#N/A</v>
      </c>
      <c r="T2058" s="236">
        <f t="shared" si="465"/>
        <v>37.530986389717995</v>
      </c>
    </row>
    <row r="2059" spans="1:20" x14ac:dyDescent="0.2">
      <c r="A2059" s="53">
        <f t="shared" si="466"/>
        <v>2047</v>
      </c>
      <c r="B2059" s="239">
        <v>20.661000000000001</v>
      </c>
      <c r="C2059" s="3">
        <f t="shared" si="467"/>
        <v>20.654</v>
      </c>
      <c r="D2059" s="239">
        <v>10.513400000000001</v>
      </c>
      <c r="E2059" s="239">
        <v>2.3900000000000001E-2</v>
      </c>
      <c r="F2059" s="239">
        <v>0.16289999999999999</v>
      </c>
      <c r="G2059">
        <f t="shared" si="468"/>
        <v>10.54598</v>
      </c>
      <c r="H2059" s="235">
        <f t="shared" si="469"/>
        <v>0.22662663877610237</v>
      </c>
      <c r="I2059" s="236">
        <f t="shared" si="470"/>
        <v>17.886895635980245</v>
      </c>
      <c r="J2059" s="237">
        <f t="shared" si="475"/>
        <v>7.8868956359802453</v>
      </c>
      <c r="K2059" s="237">
        <f t="shared" si="471"/>
        <v>369.43594246553596</v>
      </c>
      <c r="L2059" s="237">
        <f t="shared" si="476"/>
        <v>162.95115073498786</v>
      </c>
      <c r="M2059" s="236">
        <f t="shared" si="472"/>
        <v>62.451501641033943</v>
      </c>
      <c r="N2059" s="236">
        <f t="shared" si="473"/>
        <v>0.23485379579627555</v>
      </c>
      <c r="O2059" s="236">
        <f t="shared" si="477"/>
        <v>1.7756262032411525</v>
      </c>
      <c r="P2059" s="236" t="str">
        <f t="shared" si="478"/>
        <v>SAND</v>
      </c>
      <c r="Q2059" s="236" t="e">
        <f t="shared" si="474"/>
        <v>#N/A</v>
      </c>
      <c r="R2059" s="238">
        <v>35</v>
      </c>
      <c r="S2059" s="236" t="e">
        <f t="shared" si="479"/>
        <v>#N/A</v>
      </c>
      <c r="T2059" s="236">
        <f t="shared" si="465"/>
        <v>37.35097173950453</v>
      </c>
    </row>
    <row r="2060" spans="1:20" x14ac:dyDescent="0.2">
      <c r="A2060" s="53">
        <f t="shared" si="466"/>
        <v>2048</v>
      </c>
      <c r="B2060" s="239">
        <v>20.670999999999999</v>
      </c>
      <c r="C2060" s="3">
        <f t="shared" si="467"/>
        <v>20.663999999999998</v>
      </c>
      <c r="D2060" s="239">
        <v>10.5473</v>
      </c>
      <c r="E2060" s="239">
        <v>2.5499999999999998E-2</v>
      </c>
      <c r="F2060" s="239">
        <v>0.16400000000000001</v>
      </c>
      <c r="G2060">
        <f t="shared" si="468"/>
        <v>10.5801</v>
      </c>
      <c r="H2060" s="235">
        <f t="shared" si="469"/>
        <v>0.24101851589304449</v>
      </c>
      <c r="I2060" s="236">
        <f t="shared" si="470"/>
        <v>17.964142336842457</v>
      </c>
      <c r="J2060" s="237">
        <f t="shared" si="475"/>
        <v>7.9641423368424569</v>
      </c>
      <c r="K2060" s="237">
        <f t="shared" si="471"/>
        <v>371.21103724851247</v>
      </c>
      <c r="L2060" s="237">
        <f t="shared" si="476"/>
        <v>164.62678624487043</v>
      </c>
      <c r="M2060" s="236">
        <f t="shared" si="472"/>
        <v>62.012320082386253</v>
      </c>
      <c r="N2060" s="236">
        <f t="shared" si="473"/>
        <v>0.24978232296423439</v>
      </c>
      <c r="O2060" s="236">
        <f t="shared" si="477"/>
        <v>1.7875856849634986</v>
      </c>
      <c r="P2060" s="236" t="str">
        <f t="shared" si="478"/>
        <v>SAND</v>
      </c>
      <c r="Q2060" s="236" t="e">
        <f t="shared" si="474"/>
        <v>#N/A</v>
      </c>
      <c r="R2060" s="238">
        <v>35</v>
      </c>
      <c r="S2060" s="236" t="e">
        <f t="shared" si="479"/>
        <v>#N/A</v>
      </c>
      <c r="T2060" s="236">
        <f t="shared" si="465"/>
        <v>37.317257780204585</v>
      </c>
    </row>
    <row r="2061" spans="1:20" x14ac:dyDescent="0.2">
      <c r="A2061" s="53">
        <f t="shared" si="466"/>
        <v>2049</v>
      </c>
      <c r="B2061" s="239">
        <v>20.681000000000001</v>
      </c>
      <c r="C2061" s="3">
        <f t="shared" si="467"/>
        <v>20.673999999999999</v>
      </c>
      <c r="D2061" s="239">
        <v>10.581099999999999</v>
      </c>
      <c r="E2061" s="239">
        <v>2.6499999999999999E-2</v>
      </c>
      <c r="F2061" s="239">
        <v>0.17230000000000001</v>
      </c>
      <c r="G2061">
        <f t="shared" si="468"/>
        <v>10.615559999999999</v>
      </c>
      <c r="H2061" s="235">
        <f t="shared" si="469"/>
        <v>0.24963355677891699</v>
      </c>
      <c r="I2061" s="236">
        <f t="shared" si="470"/>
        <v>18.010555532413605</v>
      </c>
      <c r="J2061" s="237">
        <f t="shared" si="475"/>
        <v>8.0105555324136049</v>
      </c>
      <c r="K2061" s="237">
        <f t="shared" si="471"/>
        <v>372.35022507711886</v>
      </c>
      <c r="L2061" s="237">
        <f t="shared" si="476"/>
        <v>165.66629896584578</v>
      </c>
      <c r="M2061" s="236">
        <f t="shared" si="472"/>
        <v>61.830377323964051</v>
      </c>
      <c r="N2061" s="236">
        <f t="shared" si="473"/>
        <v>0.25870796930154166</v>
      </c>
      <c r="O2061" s="236">
        <f t="shared" si="477"/>
        <v>1.7941046020578204</v>
      </c>
      <c r="P2061" s="236" t="str">
        <f t="shared" si="478"/>
        <v>SAND</v>
      </c>
      <c r="Q2061" s="236" t="e">
        <f t="shared" si="474"/>
        <v>#N/A</v>
      </c>
      <c r="R2061" s="238">
        <v>35</v>
      </c>
      <c r="S2061" s="236" t="e">
        <f t="shared" si="479"/>
        <v>#N/A</v>
      </c>
      <c r="T2061" s="236">
        <f t="shared" ref="T2061:T2124" si="480">IF(P2061="SAND",17.6+(11*LOG(M2061)),#N/A)</f>
        <v>37.303220864995154</v>
      </c>
    </row>
    <row r="2062" spans="1:20" x14ac:dyDescent="0.2">
      <c r="A2062" s="53">
        <f t="shared" ref="A2062:A2125" si="481">$A2061+1</f>
        <v>2050</v>
      </c>
      <c r="B2062" s="239">
        <v>20.69</v>
      </c>
      <c r="C2062" s="3">
        <f t="shared" ref="C2062:C2125" si="482">MAX($B2062 - $B$13, 0.001)</f>
        <v>20.683</v>
      </c>
      <c r="D2062" s="239">
        <v>10.636100000000001</v>
      </c>
      <c r="E2062" s="239">
        <v>2.7699999999999999E-2</v>
      </c>
      <c r="F2062" s="239">
        <v>0.1673</v>
      </c>
      <c r="G2062">
        <f t="shared" si="468"/>
        <v>10.669560000000001</v>
      </c>
      <c r="H2062" s="235">
        <f t="shared" si="469"/>
        <v>0.25961707886735719</v>
      </c>
      <c r="I2062" s="236">
        <f t="shared" si="470"/>
        <v>18.064470289860459</v>
      </c>
      <c r="J2062" s="237">
        <f t="shared" si="475"/>
        <v>8.0644702898604592</v>
      </c>
      <c r="K2062" s="237">
        <f t="shared" si="471"/>
        <v>373.62743900518387</v>
      </c>
      <c r="L2062" s="237">
        <f t="shared" si="476"/>
        <v>166.8538902972129</v>
      </c>
      <c r="M2062" s="236">
        <f t="shared" si="472"/>
        <v>61.706278125460038</v>
      </c>
      <c r="N2062" s="236">
        <f t="shared" si="473"/>
        <v>0.26903828124262269</v>
      </c>
      <c r="O2062" s="236">
        <f t="shared" si="477"/>
        <v>1.8009863472677075</v>
      </c>
      <c r="P2062" s="236" t="str">
        <f t="shared" si="478"/>
        <v>SAND</v>
      </c>
      <c r="Q2062" s="236" t="e">
        <f t="shared" si="474"/>
        <v>#N/A</v>
      </c>
      <c r="R2062" s="238">
        <v>35</v>
      </c>
      <c r="S2062" s="236" t="e">
        <f t="shared" si="479"/>
        <v>#N/A</v>
      </c>
      <c r="T2062" s="236">
        <f t="shared" si="480"/>
        <v>37.293622875385147</v>
      </c>
    </row>
    <row r="2063" spans="1:20" x14ac:dyDescent="0.2">
      <c r="A2063" s="53">
        <f t="shared" si="481"/>
        <v>2051</v>
      </c>
      <c r="B2063" s="239">
        <v>20.701000000000001</v>
      </c>
      <c r="C2063" s="3">
        <f t="shared" si="482"/>
        <v>20.693999999999999</v>
      </c>
      <c r="D2063" s="239">
        <v>10.6919</v>
      </c>
      <c r="E2063" s="239">
        <v>2.8799999999999999E-2</v>
      </c>
      <c r="F2063" s="239">
        <v>0.16550000000000001</v>
      </c>
      <c r="G2063">
        <f t="shared" ref="G2063:G2126" si="483">$D2063+($F2063*(1-$P$8))</f>
        <v>10.725</v>
      </c>
      <c r="H2063" s="235">
        <f t="shared" ref="H2063:H2126" si="484">($E2063/$G2063)*100</f>
        <v>0.26853146853146853</v>
      </c>
      <c r="I2063" s="236">
        <f t="shared" ref="I2063:I2126" si="485">((0.27*(LOG($H2063)))+(0.36*(LOG(($G2063*1000)/101)))+1.236)*10</f>
        <v>18.112160342103497</v>
      </c>
      <c r="J2063" s="237">
        <f t="shared" si="475"/>
        <v>8.1121603421034969</v>
      </c>
      <c r="K2063" s="237">
        <f t="shared" ref="K2063:K2126" si="486">$I2063*$C2063</f>
        <v>374.81304611948974</v>
      </c>
      <c r="L2063" s="237">
        <f t="shared" si="476"/>
        <v>167.9298312418845</v>
      </c>
      <c r="M2063" s="236">
        <f t="shared" ref="M2063:M2126" si="487">(($G2063*1000)-$K2063)/$L2063</f>
        <v>61.633998422663815</v>
      </c>
      <c r="N2063" s="236">
        <f t="shared" ref="N2063:N2126" si="488">(($E2063*1000)/(($G2063*1000)-$K2063))*100</f>
        <v>0.27825584338070586</v>
      </c>
      <c r="O2063" s="236">
        <f t="shared" si="477"/>
        <v>1.806789943236929</v>
      </c>
      <c r="P2063" s="236" t="str">
        <f t="shared" si="478"/>
        <v>SAND</v>
      </c>
      <c r="Q2063" s="236" t="e">
        <f t="shared" ref="Q2063:Q2126" si="489">IF(P2063="CLAY",($G2063*1000 -$K2063)/$L$8,#N/A)</f>
        <v>#N/A</v>
      </c>
      <c r="R2063" s="238">
        <v>35</v>
      </c>
      <c r="S2063" s="236" t="e">
        <f t="shared" si="479"/>
        <v>#N/A</v>
      </c>
      <c r="T2063" s="236">
        <f t="shared" si="480"/>
        <v>37.288023772058175</v>
      </c>
    </row>
    <row r="2064" spans="1:20" x14ac:dyDescent="0.2">
      <c r="A2064" s="53">
        <f t="shared" si="481"/>
        <v>2052</v>
      </c>
      <c r="B2064" s="239">
        <v>20.71</v>
      </c>
      <c r="C2064" s="3">
        <f t="shared" si="482"/>
        <v>20.702999999999999</v>
      </c>
      <c r="D2064" s="239">
        <v>10.843</v>
      </c>
      <c r="E2064" s="239">
        <v>2.87E-2</v>
      </c>
      <c r="F2064" s="239">
        <v>0.1694</v>
      </c>
      <c r="G2064">
        <f t="shared" si="483"/>
        <v>10.87688</v>
      </c>
      <c r="H2064" s="235">
        <f t="shared" si="484"/>
        <v>0.26386243113834112</v>
      </c>
      <c r="I2064" s="236">
        <f t="shared" si="485"/>
        <v>18.113578079019508</v>
      </c>
      <c r="J2064" s="237">
        <f t="shared" ref="J2064:J2127" si="490">$I2064-10</f>
        <v>8.1135780790195078</v>
      </c>
      <c r="K2064" s="237">
        <f t="shared" si="486"/>
        <v>375.00540696994085</v>
      </c>
      <c r="L2064" s="237">
        <f t="shared" ref="L2064:L2127" si="491">$J2064*$B2064</f>
        <v>168.03220201649401</v>
      </c>
      <c r="M2064" s="236">
        <f t="shared" si="487"/>
        <v>62.499178532452937</v>
      </c>
      <c r="N2064" s="236">
        <f t="shared" si="488"/>
        <v>0.27328454311431</v>
      </c>
      <c r="O2064" s="236">
        <f t="shared" ref="O2064:O2127" si="492">((3.47-LOG($M2064))^2+(LOG($N2064)+1.22)^2)^0.5</f>
        <v>1.7982881241138271</v>
      </c>
      <c r="P2064" s="236" t="str">
        <f t="shared" ref="P2064:P2127" si="493">IF(O2064&lt;2.6,"SAND","CLAY")</f>
        <v>SAND</v>
      </c>
      <c r="Q2064" s="236" t="e">
        <f t="shared" si="489"/>
        <v>#N/A</v>
      </c>
      <c r="R2064" s="238">
        <v>35</v>
      </c>
      <c r="S2064" s="236" t="e">
        <f t="shared" ref="S2064:S2127" si="494">IF(P2064="SAND",#N/A,0.25*($M2064)^1.25)</f>
        <v>#N/A</v>
      </c>
      <c r="T2064" s="236">
        <f t="shared" si="480"/>
        <v>37.354617400819379</v>
      </c>
    </row>
    <row r="2065" spans="1:20" x14ac:dyDescent="0.2">
      <c r="A2065" s="53">
        <f t="shared" si="481"/>
        <v>2053</v>
      </c>
      <c r="B2065" s="239">
        <v>20.719000000000001</v>
      </c>
      <c r="C2065" s="3">
        <f t="shared" si="482"/>
        <v>20.712</v>
      </c>
      <c r="D2065" s="239">
        <v>11.0265</v>
      </c>
      <c r="E2065" s="239">
        <v>2.8299999999999999E-2</v>
      </c>
      <c r="F2065" s="239">
        <v>0.16109999999999999</v>
      </c>
      <c r="G2065">
        <f t="shared" si="483"/>
        <v>11.058720000000001</v>
      </c>
      <c r="H2065" s="235">
        <f t="shared" si="484"/>
        <v>0.25590665104098848</v>
      </c>
      <c r="I2065" s="236">
        <f t="shared" si="485"/>
        <v>18.103600806215788</v>
      </c>
      <c r="J2065" s="237">
        <f t="shared" si="490"/>
        <v>8.1036008062157876</v>
      </c>
      <c r="K2065" s="237">
        <f t="shared" si="486"/>
        <v>374.96177989834138</v>
      </c>
      <c r="L2065" s="237">
        <f t="shared" si="491"/>
        <v>167.89850510398492</v>
      </c>
      <c r="M2065" s="236">
        <f t="shared" si="487"/>
        <v>63.632241475198761</v>
      </c>
      <c r="N2065" s="236">
        <f t="shared" si="488"/>
        <v>0.26488806108278545</v>
      </c>
      <c r="O2065" s="236">
        <f t="shared" si="492"/>
        <v>1.7861021335926737</v>
      </c>
      <c r="P2065" s="236" t="str">
        <f t="shared" si="493"/>
        <v>SAND</v>
      </c>
      <c r="Q2065" s="236" t="e">
        <f t="shared" si="489"/>
        <v>#N/A</v>
      </c>
      <c r="R2065" s="238">
        <v>35</v>
      </c>
      <c r="S2065" s="236" t="e">
        <f t="shared" si="494"/>
        <v>#N/A</v>
      </c>
      <c r="T2065" s="236">
        <f t="shared" si="480"/>
        <v>37.440449439030985</v>
      </c>
    </row>
    <row r="2066" spans="1:20" x14ac:dyDescent="0.2">
      <c r="A2066" s="53">
        <f t="shared" si="481"/>
        <v>2054</v>
      </c>
      <c r="B2066" s="239">
        <v>20.73</v>
      </c>
      <c r="C2066" s="3">
        <f t="shared" si="482"/>
        <v>20.722999999999999</v>
      </c>
      <c r="D2066" s="239">
        <v>11.176399999999999</v>
      </c>
      <c r="E2066" s="239">
        <v>2.86E-2</v>
      </c>
      <c r="F2066" s="239">
        <v>0.16639999999999999</v>
      </c>
      <c r="G2066">
        <f t="shared" si="483"/>
        <v>11.209679999999999</v>
      </c>
      <c r="H2066" s="235">
        <f t="shared" si="484"/>
        <v>0.25513663191099123</v>
      </c>
      <c r="I2066" s="236">
        <f t="shared" si="485"/>
        <v>18.121265237396884</v>
      </c>
      <c r="J2066" s="237">
        <f t="shared" si="490"/>
        <v>8.1212652373968837</v>
      </c>
      <c r="K2066" s="237">
        <f t="shared" si="486"/>
        <v>375.5269795145756</v>
      </c>
      <c r="L2066" s="237">
        <f t="shared" si="491"/>
        <v>168.3538283712374</v>
      </c>
      <c r="M2066" s="236">
        <f t="shared" si="487"/>
        <v>64.353469863453341</v>
      </c>
      <c r="N2066" s="236">
        <f t="shared" si="488"/>
        <v>0.26398002636590584</v>
      </c>
      <c r="O2066" s="236">
        <f t="shared" si="492"/>
        <v>1.7809987476016658</v>
      </c>
      <c r="P2066" s="236" t="str">
        <f t="shared" si="493"/>
        <v>SAND</v>
      </c>
      <c r="Q2066" s="236" t="e">
        <f t="shared" si="489"/>
        <v>#N/A</v>
      </c>
      <c r="R2066" s="238">
        <v>35</v>
      </c>
      <c r="S2066" s="236" t="e">
        <f t="shared" si="494"/>
        <v>#N/A</v>
      </c>
      <c r="T2066" s="236">
        <f t="shared" si="480"/>
        <v>37.494291653716893</v>
      </c>
    </row>
    <row r="2067" spans="1:20" x14ac:dyDescent="0.2">
      <c r="A2067" s="53">
        <f t="shared" si="481"/>
        <v>2055</v>
      </c>
      <c r="B2067" s="239">
        <v>20.739000000000001</v>
      </c>
      <c r="C2067" s="3">
        <f t="shared" si="482"/>
        <v>20.731999999999999</v>
      </c>
      <c r="D2067" s="239">
        <v>11.3782</v>
      </c>
      <c r="E2067" s="239">
        <v>2.8400000000000002E-2</v>
      </c>
      <c r="F2067" s="239">
        <v>0.16170000000000001</v>
      </c>
      <c r="G2067">
        <f t="shared" si="483"/>
        <v>11.410539999999999</v>
      </c>
      <c r="H2067" s="235">
        <f t="shared" si="484"/>
        <v>0.24889269044234544</v>
      </c>
      <c r="I2067" s="236">
        <f t="shared" si="485"/>
        <v>18.119978150480954</v>
      </c>
      <c r="J2067" s="237">
        <f t="shared" si="490"/>
        <v>8.1199781504809536</v>
      </c>
      <c r="K2067" s="237">
        <f t="shared" si="486"/>
        <v>375.66338701577109</v>
      </c>
      <c r="L2067" s="237">
        <f t="shared" si="491"/>
        <v>168.4002268628245</v>
      </c>
      <c r="M2067" s="236">
        <f t="shared" si="487"/>
        <v>65.527682584258159</v>
      </c>
      <c r="N2067" s="236">
        <f t="shared" si="488"/>
        <v>0.25736581382870233</v>
      </c>
      <c r="O2067" s="236">
        <f t="shared" si="492"/>
        <v>1.7697189881131377</v>
      </c>
      <c r="P2067" s="236" t="str">
        <f t="shared" si="493"/>
        <v>SAND</v>
      </c>
      <c r="Q2067" s="236" t="e">
        <f t="shared" si="489"/>
        <v>#N/A</v>
      </c>
      <c r="R2067" s="238">
        <v>35</v>
      </c>
      <c r="S2067" s="236" t="e">
        <f t="shared" si="494"/>
        <v>#N/A</v>
      </c>
      <c r="T2067" s="236">
        <f t="shared" si="480"/>
        <v>37.580672901304816</v>
      </c>
    </row>
    <row r="2068" spans="1:20" x14ac:dyDescent="0.2">
      <c r="A2068" s="53">
        <f t="shared" si="481"/>
        <v>2056</v>
      </c>
      <c r="B2068" s="239">
        <v>20.748999999999999</v>
      </c>
      <c r="C2068" s="3">
        <f t="shared" si="482"/>
        <v>20.741999999999997</v>
      </c>
      <c r="D2068" s="239">
        <v>11.6205</v>
      </c>
      <c r="E2068" s="239">
        <v>2.8500000000000001E-2</v>
      </c>
      <c r="F2068" s="239">
        <v>0.16619999999999999</v>
      </c>
      <c r="G2068">
        <f t="shared" si="483"/>
        <v>11.653739999999999</v>
      </c>
      <c r="H2068" s="235">
        <f t="shared" si="484"/>
        <v>0.24455668309057865</v>
      </c>
      <c r="I2068" s="236">
        <f t="shared" si="485"/>
        <v>18.132342968512823</v>
      </c>
      <c r="J2068" s="237">
        <f t="shared" si="490"/>
        <v>8.1323429685128232</v>
      </c>
      <c r="K2068" s="237">
        <f t="shared" si="486"/>
        <v>376.10105785289295</v>
      </c>
      <c r="L2068" s="237">
        <f t="shared" si="491"/>
        <v>168.73798425367255</v>
      </c>
      <c r="M2068" s="236">
        <f t="shared" si="487"/>
        <v>66.835211953183276</v>
      </c>
      <c r="N2068" s="236">
        <f t="shared" si="488"/>
        <v>0.25271247063504582</v>
      </c>
      <c r="O2068" s="236">
        <f t="shared" si="492"/>
        <v>1.758883577776027</v>
      </c>
      <c r="P2068" s="236" t="str">
        <f t="shared" si="493"/>
        <v>SAND</v>
      </c>
      <c r="Q2068" s="236" t="e">
        <f t="shared" si="489"/>
        <v>#N/A</v>
      </c>
      <c r="R2068" s="238">
        <v>35</v>
      </c>
      <c r="S2068" s="236" t="e">
        <f t="shared" si="494"/>
        <v>#N/A</v>
      </c>
      <c r="T2068" s="236">
        <f t="shared" si="480"/>
        <v>37.675058626254504</v>
      </c>
    </row>
    <row r="2069" spans="1:20" x14ac:dyDescent="0.2">
      <c r="A2069" s="53">
        <f t="shared" si="481"/>
        <v>2057</v>
      </c>
      <c r="B2069" s="239">
        <v>20.757999999999999</v>
      </c>
      <c r="C2069" s="3">
        <f t="shared" si="482"/>
        <v>20.750999999999998</v>
      </c>
      <c r="D2069" s="239">
        <v>11.910399999999999</v>
      </c>
      <c r="E2069" s="239">
        <v>2.8400000000000002E-2</v>
      </c>
      <c r="F2069" s="239">
        <v>0.15989999999999999</v>
      </c>
      <c r="G2069">
        <f t="shared" si="483"/>
        <v>11.94238</v>
      </c>
      <c r="H2069" s="235">
        <f t="shared" si="484"/>
        <v>0.23780854402556273</v>
      </c>
      <c r="I2069" s="236">
        <f t="shared" si="485"/>
        <v>18.137784369980146</v>
      </c>
      <c r="J2069" s="237">
        <f t="shared" si="490"/>
        <v>8.137784369980146</v>
      </c>
      <c r="K2069" s="237">
        <f t="shared" si="486"/>
        <v>376.37716346145794</v>
      </c>
      <c r="L2069" s="237">
        <f t="shared" si="491"/>
        <v>168.92412795204785</v>
      </c>
      <c r="M2069" s="236">
        <f t="shared" si="487"/>
        <v>68.468625392707423</v>
      </c>
      <c r="N2069" s="236">
        <f t="shared" si="488"/>
        <v>0.24554723357217784</v>
      </c>
      <c r="O2069" s="236">
        <f t="shared" si="492"/>
        <v>1.7446725923610005</v>
      </c>
      <c r="P2069" s="236" t="str">
        <f t="shared" si="493"/>
        <v>SAND</v>
      </c>
      <c r="Q2069" s="236" t="e">
        <f t="shared" si="489"/>
        <v>#N/A</v>
      </c>
      <c r="R2069" s="238">
        <v>35</v>
      </c>
      <c r="S2069" s="236" t="e">
        <f t="shared" si="494"/>
        <v>#N/A</v>
      </c>
      <c r="T2069" s="236">
        <f t="shared" si="480"/>
        <v>37.790407697472304</v>
      </c>
    </row>
    <row r="2070" spans="1:20" x14ac:dyDescent="0.2">
      <c r="A2070" s="53">
        <f t="shared" si="481"/>
        <v>2058</v>
      </c>
      <c r="B2070" s="239">
        <v>20.768000000000001</v>
      </c>
      <c r="C2070" s="3">
        <f t="shared" si="482"/>
        <v>20.760999999999999</v>
      </c>
      <c r="D2070" s="239">
        <v>12.134399999999999</v>
      </c>
      <c r="E2070" s="239">
        <v>2.9899999999999999E-2</v>
      </c>
      <c r="F2070" s="239">
        <v>0.1658</v>
      </c>
      <c r="G2070">
        <f t="shared" si="483"/>
        <v>12.16756</v>
      </c>
      <c r="H2070" s="235">
        <f t="shared" si="484"/>
        <v>0.24573538162129463</v>
      </c>
      <c r="I2070" s="236">
        <f t="shared" si="485"/>
        <v>18.205438409699259</v>
      </c>
      <c r="J2070" s="237">
        <f t="shared" si="490"/>
        <v>8.2054384096992585</v>
      </c>
      <c r="K2070" s="237">
        <f t="shared" si="486"/>
        <v>377.96310682376628</v>
      </c>
      <c r="L2070" s="237">
        <f t="shared" si="491"/>
        <v>170.41054489263422</v>
      </c>
      <c r="M2070" s="236">
        <f t="shared" si="487"/>
        <v>69.183493900592666</v>
      </c>
      <c r="N2070" s="236">
        <f t="shared" si="488"/>
        <v>0.25361342097545325</v>
      </c>
      <c r="O2070" s="236">
        <f t="shared" si="492"/>
        <v>1.7454176735231171</v>
      </c>
      <c r="P2070" s="236" t="str">
        <f t="shared" si="493"/>
        <v>SAND</v>
      </c>
      <c r="Q2070" s="236" t="e">
        <f t="shared" si="489"/>
        <v>#N/A</v>
      </c>
      <c r="R2070" s="238">
        <v>35</v>
      </c>
      <c r="S2070" s="236" t="e">
        <f t="shared" si="494"/>
        <v>#N/A</v>
      </c>
      <c r="T2070" s="236">
        <f t="shared" si="480"/>
        <v>37.84002740040205</v>
      </c>
    </row>
    <row r="2071" spans="1:20" x14ac:dyDescent="0.2">
      <c r="A2071" s="53">
        <f t="shared" si="481"/>
        <v>2059</v>
      </c>
      <c r="B2071" s="239">
        <v>20.773</v>
      </c>
      <c r="C2071" s="3">
        <f t="shared" si="482"/>
        <v>20.765999999999998</v>
      </c>
      <c r="D2071" s="239">
        <v>12.3224</v>
      </c>
      <c r="E2071" s="239">
        <v>3.0099999999999998E-2</v>
      </c>
      <c r="F2071" s="239">
        <v>0.1444</v>
      </c>
      <c r="G2071">
        <f t="shared" si="483"/>
        <v>12.351279999999999</v>
      </c>
      <c r="H2071" s="235">
        <f t="shared" si="484"/>
        <v>0.24369943843876909</v>
      </c>
      <c r="I2071" s="236">
        <f t="shared" si="485"/>
        <v>18.219113362930731</v>
      </c>
      <c r="J2071" s="237">
        <f t="shared" si="490"/>
        <v>8.2191133629307309</v>
      </c>
      <c r="K2071" s="237">
        <f t="shared" si="486"/>
        <v>378.33810809461954</v>
      </c>
      <c r="L2071" s="237">
        <f t="shared" si="491"/>
        <v>170.73564188816007</v>
      </c>
      <c r="M2071" s="236">
        <f t="shared" si="487"/>
        <v>70.125615012173157</v>
      </c>
      <c r="N2071" s="236">
        <f t="shared" si="488"/>
        <v>0.25140020115148054</v>
      </c>
      <c r="O2071" s="236">
        <f t="shared" si="492"/>
        <v>1.7385712674462879</v>
      </c>
      <c r="P2071" s="236" t="str">
        <f t="shared" si="493"/>
        <v>SAND</v>
      </c>
      <c r="Q2071" s="236" t="e">
        <f t="shared" si="489"/>
        <v>#N/A</v>
      </c>
      <c r="R2071" s="238">
        <v>35</v>
      </c>
      <c r="S2071" s="236" t="e">
        <f t="shared" si="494"/>
        <v>#N/A</v>
      </c>
      <c r="T2071" s="236">
        <f t="shared" si="480"/>
        <v>37.904643514196103</v>
      </c>
    </row>
    <row r="2072" spans="1:20" x14ac:dyDescent="0.2">
      <c r="A2072" s="53">
        <f t="shared" si="481"/>
        <v>2060</v>
      </c>
      <c r="B2072" s="239">
        <v>20.773</v>
      </c>
      <c r="C2072" s="3">
        <f t="shared" si="482"/>
        <v>20.765999999999998</v>
      </c>
      <c r="D2072" s="239">
        <v>12.5025</v>
      </c>
      <c r="E2072" s="239">
        <v>3.1199999999999999E-2</v>
      </c>
      <c r="F2072" s="239">
        <v>0.1384</v>
      </c>
      <c r="G2072">
        <f t="shared" si="483"/>
        <v>12.53018</v>
      </c>
      <c r="H2072" s="235">
        <f t="shared" si="484"/>
        <v>0.24899881725561801</v>
      </c>
      <c r="I2072" s="236">
        <f t="shared" si="485"/>
        <v>18.266822037067215</v>
      </c>
      <c r="J2072" s="237">
        <f t="shared" si="490"/>
        <v>8.2668220370672145</v>
      </c>
      <c r="K2072" s="237">
        <f t="shared" si="486"/>
        <v>379.32882642173774</v>
      </c>
      <c r="L2072" s="237">
        <f t="shared" si="491"/>
        <v>171.72669417599724</v>
      </c>
      <c r="M2072" s="236">
        <f t="shared" si="487"/>
        <v>70.756915410747041</v>
      </c>
      <c r="N2072" s="236">
        <f t="shared" si="488"/>
        <v>0.25677213517225572</v>
      </c>
      <c r="O2072" s="236">
        <f t="shared" si="492"/>
        <v>1.738240314922282</v>
      </c>
      <c r="P2072" s="236" t="str">
        <f t="shared" si="493"/>
        <v>SAND</v>
      </c>
      <c r="Q2072" s="236" t="e">
        <f t="shared" si="489"/>
        <v>#N/A</v>
      </c>
      <c r="R2072" s="238">
        <v>35</v>
      </c>
      <c r="S2072" s="236" t="e">
        <f t="shared" si="494"/>
        <v>#N/A</v>
      </c>
      <c r="T2072" s="236">
        <f t="shared" si="480"/>
        <v>37.947457811354511</v>
      </c>
    </row>
    <row r="2073" spans="1:20" x14ac:dyDescent="0.2">
      <c r="A2073" s="53">
        <f t="shared" si="481"/>
        <v>2061</v>
      </c>
      <c r="B2073" s="239">
        <v>20.777000000000001</v>
      </c>
      <c r="C2073" s="3">
        <f t="shared" si="482"/>
        <v>20.77</v>
      </c>
      <c r="D2073" s="239">
        <v>11.405900000000001</v>
      </c>
      <c r="E2073" s="239">
        <v>3.7999999999999999E-2</v>
      </c>
      <c r="F2073" s="239">
        <v>0.15670000000000001</v>
      </c>
      <c r="G2073">
        <f t="shared" si="483"/>
        <v>11.437240000000001</v>
      </c>
      <c r="H2073" s="235">
        <f t="shared" si="484"/>
        <v>0.33224798989966109</v>
      </c>
      <c r="I2073" s="236">
        <f t="shared" si="485"/>
        <v>18.462347876276009</v>
      </c>
      <c r="J2073" s="237">
        <f t="shared" si="490"/>
        <v>8.4623478762760094</v>
      </c>
      <c r="K2073" s="237">
        <f t="shared" si="486"/>
        <v>383.46296539025269</v>
      </c>
      <c r="L2073" s="237">
        <f t="shared" si="491"/>
        <v>175.82220182538666</v>
      </c>
      <c r="M2073" s="236">
        <f t="shared" si="487"/>
        <v>62.869062722735819</v>
      </c>
      <c r="N2073" s="236">
        <f t="shared" si="488"/>
        <v>0.34377389629825816</v>
      </c>
      <c r="O2073" s="236">
        <f t="shared" si="492"/>
        <v>1.8346856963615321</v>
      </c>
      <c r="P2073" s="236" t="str">
        <f t="shared" si="493"/>
        <v>SAND</v>
      </c>
      <c r="Q2073" s="236" t="e">
        <f t="shared" si="489"/>
        <v>#N/A</v>
      </c>
      <c r="R2073" s="238">
        <v>35</v>
      </c>
      <c r="S2073" s="236" t="e">
        <f t="shared" si="494"/>
        <v>#N/A</v>
      </c>
      <c r="T2073" s="236">
        <f t="shared" si="480"/>
        <v>37.382806843378717</v>
      </c>
    </row>
    <row r="2074" spans="1:20" x14ac:dyDescent="0.2">
      <c r="A2074" s="53">
        <f t="shared" si="481"/>
        <v>2062</v>
      </c>
      <c r="B2074" s="239">
        <v>20.786000000000001</v>
      </c>
      <c r="C2074" s="3">
        <f t="shared" si="482"/>
        <v>20.779</v>
      </c>
      <c r="D2074" s="239">
        <v>11.382199999999999</v>
      </c>
      <c r="E2074" s="239">
        <v>0.04</v>
      </c>
      <c r="F2074" s="239">
        <v>0.1676</v>
      </c>
      <c r="G2074">
        <f t="shared" si="483"/>
        <v>11.415719999999999</v>
      </c>
      <c r="H2074" s="235">
        <f t="shared" si="484"/>
        <v>0.35039401807332349</v>
      </c>
      <c r="I2074" s="236">
        <f t="shared" si="485"/>
        <v>18.521758008207609</v>
      </c>
      <c r="J2074" s="237">
        <f t="shared" si="490"/>
        <v>8.521758008207609</v>
      </c>
      <c r="K2074" s="237">
        <f t="shared" si="486"/>
        <v>384.8636096525459</v>
      </c>
      <c r="L2074" s="237">
        <f t="shared" si="491"/>
        <v>177.13326195860338</v>
      </c>
      <c r="M2074" s="236">
        <f t="shared" si="487"/>
        <v>62.274336668205208</v>
      </c>
      <c r="N2074" s="236">
        <f t="shared" si="488"/>
        <v>0.36261917102829827</v>
      </c>
      <c r="O2074" s="236">
        <f t="shared" si="492"/>
        <v>1.8481026612394291</v>
      </c>
      <c r="P2074" s="236" t="str">
        <f t="shared" si="493"/>
        <v>SAND</v>
      </c>
      <c r="Q2074" s="236" t="e">
        <f t="shared" si="489"/>
        <v>#N/A</v>
      </c>
      <c r="R2074" s="238">
        <v>35</v>
      </c>
      <c r="S2074" s="236" t="e">
        <f t="shared" si="494"/>
        <v>#N/A</v>
      </c>
      <c r="T2074" s="236">
        <f t="shared" si="480"/>
        <v>37.337400212519654</v>
      </c>
    </row>
    <row r="2075" spans="1:20" x14ac:dyDescent="0.2">
      <c r="A2075" s="53">
        <f t="shared" si="481"/>
        <v>2063</v>
      </c>
      <c r="B2075" s="239">
        <v>20.795000000000002</v>
      </c>
      <c r="C2075" s="3">
        <f t="shared" si="482"/>
        <v>20.788</v>
      </c>
      <c r="D2075" s="239">
        <v>12.675599999999999</v>
      </c>
      <c r="E2075" s="239">
        <v>3.2000000000000001E-2</v>
      </c>
      <c r="F2075" s="239">
        <v>0.1464</v>
      </c>
      <c r="G2075">
        <f t="shared" si="483"/>
        <v>12.704879999999999</v>
      </c>
      <c r="H2075" s="235">
        <f t="shared" si="484"/>
        <v>0.25187172173212186</v>
      </c>
      <c r="I2075" s="236">
        <f t="shared" si="485"/>
        <v>18.301921506517079</v>
      </c>
      <c r="J2075" s="237">
        <f t="shared" si="490"/>
        <v>8.3019215065170791</v>
      </c>
      <c r="K2075" s="237">
        <f t="shared" si="486"/>
        <v>380.46034427747702</v>
      </c>
      <c r="L2075" s="237">
        <f t="shared" si="491"/>
        <v>172.63845772802267</v>
      </c>
      <c r="M2075" s="236">
        <f t="shared" si="487"/>
        <v>71.388610729705462</v>
      </c>
      <c r="N2075" s="236">
        <f t="shared" si="488"/>
        <v>0.25964711437866073</v>
      </c>
      <c r="O2075" s="236">
        <f t="shared" si="492"/>
        <v>1.7364037146503617</v>
      </c>
      <c r="P2075" s="236" t="str">
        <f t="shared" si="493"/>
        <v>SAND</v>
      </c>
      <c r="Q2075" s="236" t="e">
        <f t="shared" si="489"/>
        <v>#N/A</v>
      </c>
      <c r="R2075" s="238">
        <v>35</v>
      </c>
      <c r="S2075" s="236" t="e">
        <f t="shared" si="494"/>
        <v>#N/A</v>
      </c>
      <c r="T2075" s="236">
        <f t="shared" si="480"/>
        <v>37.989918234164946</v>
      </c>
    </row>
    <row r="2076" spans="1:20" x14ac:dyDescent="0.2">
      <c r="A2076" s="53">
        <f t="shared" si="481"/>
        <v>2064</v>
      </c>
      <c r="B2076" s="239">
        <v>20.805</v>
      </c>
      <c r="C2076" s="3">
        <f t="shared" si="482"/>
        <v>20.797999999999998</v>
      </c>
      <c r="D2076" s="239">
        <v>12.8817</v>
      </c>
      <c r="E2076" s="239">
        <v>0.03</v>
      </c>
      <c r="F2076" s="239">
        <v>0.13300000000000001</v>
      </c>
      <c r="G2076">
        <f t="shared" si="483"/>
        <v>12.908300000000001</v>
      </c>
      <c r="H2076" s="235">
        <f t="shared" si="484"/>
        <v>0.23240860531595947</v>
      </c>
      <c r="I2076" s="236">
        <f t="shared" si="485"/>
        <v>18.232452587329551</v>
      </c>
      <c r="J2076" s="237">
        <f t="shared" si="490"/>
        <v>8.2324525873295507</v>
      </c>
      <c r="K2076" s="237">
        <f t="shared" si="486"/>
        <v>379.19854891127994</v>
      </c>
      <c r="L2076" s="237">
        <f t="shared" si="491"/>
        <v>171.27617607939129</v>
      </c>
      <c r="M2076" s="236">
        <f t="shared" si="487"/>
        <v>73.151454790076187</v>
      </c>
      <c r="N2076" s="236">
        <f t="shared" si="488"/>
        <v>0.23944254994753145</v>
      </c>
      <c r="O2076" s="236">
        <f t="shared" si="492"/>
        <v>1.7139317695194107</v>
      </c>
      <c r="P2076" s="236" t="str">
        <f t="shared" si="493"/>
        <v>SAND</v>
      </c>
      <c r="Q2076" s="236" t="e">
        <f t="shared" si="489"/>
        <v>#N/A</v>
      </c>
      <c r="R2076" s="238">
        <v>35</v>
      </c>
      <c r="S2076" s="236" t="e">
        <f t="shared" si="494"/>
        <v>#N/A</v>
      </c>
      <c r="T2076" s="236">
        <f t="shared" si="480"/>
        <v>38.106452642746788</v>
      </c>
    </row>
    <row r="2077" spans="1:20" x14ac:dyDescent="0.2">
      <c r="A2077" s="53">
        <f t="shared" si="481"/>
        <v>2065</v>
      </c>
      <c r="B2077" s="239">
        <v>20.815000000000001</v>
      </c>
      <c r="C2077" s="3">
        <f t="shared" si="482"/>
        <v>20.808</v>
      </c>
      <c r="D2077" s="239">
        <v>13.040900000000001</v>
      </c>
      <c r="E2077" s="239">
        <v>2.9100000000000001E-2</v>
      </c>
      <c r="F2077" s="239">
        <v>0.13109999999999999</v>
      </c>
      <c r="G2077">
        <f t="shared" si="483"/>
        <v>13.067120000000001</v>
      </c>
      <c r="H2077" s="235">
        <f t="shared" si="484"/>
        <v>0.22269635543256663</v>
      </c>
      <c r="I2077" s="236">
        <f t="shared" si="485"/>
        <v>18.20151601610354</v>
      </c>
      <c r="J2077" s="237">
        <f t="shared" si="490"/>
        <v>8.2015160161035396</v>
      </c>
      <c r="K2077" s="237">
        <f t="shared" si="486"/>
        <v>378.73714526308243</v>
      </c>
      <c r="L2077" s="237">
        <f t="shared" si="491"/>
        <v>170.71455587519517</v>
      </c>
      <c r="M2077" s="236">
        <f t="shared" si="487"/>
        <v>74.325137594084552</v>
      </c>
      <c r="N2077" s="236">
        <f t="shared" si="488"/>
        <v>0.22934364712313346</v>
      </c>
      <c r="O2077" s="236">
        <f t="shared" si="492"/>
        <v>1.7009796605753165</v>
      </c>
      <c r="P2077" s="236" t="str">
        <f t="shared" si="493"/>
        <v>SAND</v>
      </c>
      <c r="Q2077" s="236" t="e">
        <f t="shared" si="489"/>
        <v>#N/A</v>
      </c>
      <c r="R2077" s="238">
        <v>35</v>
      </c>
      <c r="S2077" s="236" t="e">
        <f t="shared" si="494"/>
        <v>#N/A</v>
      </c>
      <c r="T2077" s="236">
        <f t="shared" si="480"/>
        <v>38.182492940498193</v>
      </c>
    </row>
    <row r="2078" spans="1:20" x14ac:dyDescent="0.2">
      <c r="A2078" s="53">
        <f t="shared" si="481"/>
        <v>2066</v>
      </c>
      <c r="B2078" s="239">
        <v>20.824999999999999</v>
      </c>
      <c r="C2078" s="3">
        <f t="shared" si="482"/>
        <v>20.817999999999998</v>
      </c>
      <c r="D2078" s="239">
        <v>13.189</v>
      </c>
      <c r="E2078" s="239">
        <v>2.7799999999999998E-2</v>
      </c>
      <c r="F2078" s="239">
        <v>0.13769999999999999</v>
      </c>
      <c r="G2078">
        <f t="shared" si="483"/>
        <v>13.21654</v>
      </c>
      <c r="H2078" s="235">
        <f t="shared" si="484"/>
        <v>0.21034249508570321</v>
      </c>
      <c r="I2078" s="236">
        <f t="shared" si="485"/>
        <v>18.152370000588625</v>
      </c>
      <c r="J2078" s="237">
        <f t="shared" si="490"/>
        <v>8.1523700005886255</v>
      </c>
      <c r="K2078" s="237">
        <f t="shared" si="486"/>
        <v>377.89603867225395</v>
      </c>
      <c r="L2078" s="237">
        <f t="shared" si="491"/>
        <v>169.77310526225813</v>
      </c>
      <c r="M2078" s="236">
        <f t="shared" si="487"/>
        <v>75.622366342979745</v>
      </c>
      <c r="N2078" s="236">
        <f t="shared" si="488"/>
        <v>0.21653377166419202</v>
      </c>
      <c r="O2078" s="236">
        <f t="shared" si="492"/>
        <v>1.6855274316628019</v>
      </c>
      <c r="P2078" s="236" t="str">
        <f t="shared" si="493"/>
        <v>SAND</v>
      </c>
      <c r="Q2078" s="236" t="e">
        <f t="shared" si="489"/>
        <v>#N/A</v>
      </c>
      <c r="R2078" s="238">
        <v>35</v>
      </c>
      <c r="S2078" s="236" t="e">
        <f t="shared" si="494"/>
        <v>#N/A</v>
      </c>
      <c r="T2078" s="236">
        <f t="shared" si="480"/>
        <v>38.265152892974456</v>
      </c>
    </row>
    <row r="2079" spans="1:20" x14ac:dyDescent="0.2">
      <c r="A2079" s="53">
        <f t="shared" si="481"/>
        <v>2067</v>
      </c>
      <c r="B2079" s="239">
        <v>20.834</v>
      </c>
      <c r="C2079" s="3">
        <f t="shared" si="482"/>
        <v>20.826999999999998</v>
      </c>
      <c r="D2079" s="239">
        <v>13.3232</v>
      </c>
      <c r="E2079" s="239">
        <v>2.75E-2</v>
      </c>
      <c r="F2079" s="239">
        <v>0.1512</v>
      </c>
      <c r="G2079">
        <f t="shared" si="483"/>
        <v>13.353439999999999</v>
      </c>
      <c r="H2079" s="235">
        <f t="shared" si="484"/>
        <v>0.20593944331947425</v>
      </c>
      <c r="I2079" s="236">
        <f t="shared" si="485"/>
        <v>18.143675171162744</v>
      </c>
      <c r="J2079" s="237">
        <f t="shared" si="490"/>
        <v>8.1436751711627444</v>
      </c>
      <c r="K2079" s="237">
        <f t="shared" si="486"/>
        <v>377.87832278980642</v>
      </c>
      <c r="L2079" s="237">
        <f t="shared" si="491"/>
        <v>169.66532851600462</v>
      </c>
      <c r="M2079" s="236">
        <f t="shared" si="487"/>
        <v>76.477391053919433</v>
      </c>
      <c r="N2079" s="236">
        <f t="shared" si="488"/>
        <v>0.21193687552115764</v>
      </c>
      <c r="O2079" s="236">
        <f t="shared" si="492"/>
        <v>1.6778614095332482</v>
      </c>
      <c r="P2079" s="236" t="str">
        <f t="shared" si="493"/>
        <v>SAND</v>
      </c>
      <c r="Q2079" s="236" t="e">
        <f t="shared" si="489"/>
        <v>#N/A</v>
      </c>
      <c r="R2079" s="238">
        <v>35</v>
      </c>
      <c r="S2079" s="236" t="e">
        <f t="shared" si="494"/>
        <v>#N/A</v>
      </c>
      <c r="T2079" s="236">
        <f t="shared" si="480"/>
        <v>38.318863704213932</v>
      </c>
    </row>
    <row r="2080" spans="1:20" x14ac:dyDescent="0.2">
      <c r="A2080" s="53">
        <f t="shared" si="481"/>
        <v>2068</v>
      </c>
      <c r="B2080" s="239">
        <v>20.844000000000001</v>
      </c>
      <c r="C2080" s="3">
        <f t="shared" si="482"/>
        <v>20.837</v>
      </c>
      <c r="D2080" s="239">
        <v>13.4549</v>
      </c>
      <c r="E2080" s="239">
        <v>2.6499999999999999E-2</v>
      </c>
      <c r="F2080" s="239">
        <v>0.1502</v>
      </c>
      <c r="G2080">
        <f t="shared" si="483"/>
        <v>13.48494</v>
      </c>
      <c r="H2080" s="235">
        <f t="shared" si="484"/>
        <v>0.19651552027669383</v>
      </c>
      <c r="I2080" s="236">
        <f t="shared" si="485"/>
        <v>18.104071030607745</v>
      </c>
      <c r="J2080" s="237">
        <f t="shared" si="490"/>
        <v>8.104071030607745</v>
      </c>
      <c r="K2080" s="237">
        <f t="shared" si="486"/>
        <v>377.2345280647736</v>
      </c>
      <c r="L2080" s="237">
        <f t="shared" si="491"/>
        <v>168.92125656198786</v>
      </c>
      <c r="M2080" s="236">
        <f t="shared" si="487"/>
        <v>77.596542547178984</v>
      </c>
      <c r="N2080" s="236">
        <f t="shared" si="488"/>
        <v>0.2021711584589605</v>
      </c>
      <c r="O2080" s="236">
        <f t="shared" si="492"/>
        <v>1.6653164292742217</v>
      </c>
      <c r="P2080" s="236" t="str">
        <f t="shared" si="493"/>
        <v>SAND</v>
      </c>
      <c r="Q2080" s="236" t="e">
        <f t="shared" si="489"/>
        <v>#N/A</v>
      </c>
      <c r="R2080" s="238">
        <v>35</v>
      </c>
      <c r="S2080" s="236" t="e">
        <f t="shared" si="494"/>
        <v>#N/A</v>
      </c>
      <c r="T2080" s="236">
        <f t="shared" si="480"/>
        <v>38.388266080135608</v>
      </c>
    </row>
    <row r="2081" spans="1:20" x14ac:dyDescent="0.2">
      <c r="A2081" s="53">
        <f t="shared" si="481"/>
        <v>2069</v>
      </c>
      <c r="B2081" s="239">
        <v>20.853000000000002</v>
      </c>
      <c r="C2081" s="3">
        <f t="shared" si="482"/>
        <v>20.846</v>
      </c>
      <c r="D2081" s="239">
        <v>13.760199999999999</v>
      </c>
      <c r="E2081" s="239">
        <v>2.5999999999999999E-2</v>
      </c>
      <c r="F2081" s="239">
        <v>0.16139999999999999</v>
      </c>
      <c r="G2081">
        <f t="shared" si="483"/>
        <v>13.792479999999999</v>
      </c>
      <c r="H2081" s="235">
        <f t="shared" si="484"/>
        <v>0.18850852058513043</v>
      </c>
      <c r="I2081" s="236">
        <f t="shared" si="485"/>
        <v>18.090549220490988</v>
      </c>
      <c r="J2081" s="237">
        <f t="shared" si="490"/>
        <v>8.0905492204909883</v>
      </c>
      <c r="K2081" s="237">
        <f t="shared" si="486"/>
        <v>377.11558905035514</v>
      </c>
      <c r="L2081" s="237">
        <f t="shared" si="491"/>
        <v>168.71222289489859</v>
      </c>
      <c r="M2081" s="236">
        <f t="shared" si="487"/>
        <v>79.516256621827068</v>
      </c>
      <c r="N2081" s="236">
        <f t="shared" si="488"/>
        <v>0.19380763133634116</v>
      </c>
      <c r="O2081" s="236">
        <f t="shared" si="492"/>
        <v>1.6495132014530831</v>
      </c>
      <c r="P2081" s="236" t="str">
        <f t="shared" si="493"/>
        <v>SAND</v>
      </c>
      <c r="Q2081" s="236" t="e">
        <f t="shared" si="489"/>
        <v>#N/A</v>
      </c>
      <c r="R2081" s="238">
        <v>35</v>
      </c>
      <c r="S2081" s="236" t="e">
        <f t="shared" si="494"/>
        <v>#N/A</v>
      </c>
      <c r="T2081" s="236">
        <f t="shared" si="480"/>
        <v>38.505015192999913</v>
      </c>
    </row>
    <row r="2082" spans="1:20" x14ac:dyDescent="0.2">
      <c r="A2082" s="53">
        <f t="shared" si="481"/>
        <v>2070</v>
      </c>
      <c r="B2082" s="239">
        <v>20.864000000000001</v>
      </c>
      <c r="C2082" s="3">
        <f t="shared" si="482"/>
        <v>20.856999999999999</v>
      </c>
      <c r="D2082" s="239">
        <v>13.9918</v>
      </c>
      <c r="E2082" s="239">
        <v>2.5600000000000001E-2</v>
      </c>
      <c r="F2082" s="239">
        <v>0.1681</v>
      </c>
      <c r="G2082">
        <f t="shared" si="483"/>
        <v>14.02542</v>
      </c>
      <c r="H2082" s="235">
        <f t="shared" si="484"/>
        <v>0.18252572828478575</v>
      </c>
      <c r="I2082" s="236">
        <f t="shared" si="485"/>
        <v>18.07891524853374</v>
      </c>
      <c r="J2082" s="237">
        <f t="shared" si="490"/>
        <v>8.0789152485337397</v>
      </c>
      <c r="K2082" s="237">
        <f t="shared" si="486"/>
        <v>377.0719353386682</v>
      </c>
      <c r="L2082" s="237">
        <f t="shared" si="491"/>
        <v>168.55848774540794</v>
      </c>
      <c r="M2082" s="236">
        <f t="shared" si="487"/>
        <v>80.970992604513057</v>
      </c>
      <c r="N2082" s="236">
        <f t="shared" si="488"/>
        <v>0.18756848725366412</v>
      </c>
      <c r="O2082" s="236">
        <f t="shared" si="492"/>
        <v>1.6376878605402008</v>
      </c>
      <c r="P2082" s="236" t="str">
        <f t="shared" si="493"/>
        <v>SAND</v>
      </c>
      <c r="Q2082" s="236" t="e">
        <f t="shared" si="489"/>
        <v>#N/A</v>
      </c>
      <c r="R2082" s="238">
        <v>35</v>
      </c>
      <c r="S2082" s="236" t="e">
        <f t="shared" si="494"/>
        <v>#N/A</v>
      </c>
      <c r="T2082" s="236">
        <f t="shared" si="480"/>
        <v>38.591624095459295</v>
      </c>
    </row>
    <row r="2083" spans="1:20" x14ac:dyDescent="0.2">
      <c r="A2083" s="53">
        <f t="shared" si="481"/>
        <v>2071</v>
      </c>
      <c r="B2083" s="239">
        <v>20.873999999999999</v>
      </c>
      <c r="C2083" s="3">
        <f t="shared" si="482"/>
        <v>20.866999999999997</v>
      </c>
      <c r="D2083" s="239">
        <v>14.238200000000001</v>
      </c>
      <c r="E2083" s="239">
        <v>2.52E-2</v>
      </c>
      <c r="F2083" s="239">
        <v>0.17180000000000001</v>
      </c>
      <c r="G2083">
        <f t="shared" si="483"/>
        <v>14.27256</v>
      </c>
      <c r="H2083" s="235">
        <f t="shared" si="484"/>
        <v>0.17656257882257984</v>
      </c>
      <c r="I2083" s="236">
        <f t="shared" si="485"/>
        <v>18.067276204153107</v>
      </c>
      <c r="J2083" s="237">
        <f t="shared" si="490"/>
        <v>8.0672762041531065</v>
      </c>
      <c r="K2083" s="237">
        <f t="shared" si="486"/>
        <v>377.00985255206285</v>
      </c>
      <c r="L2083" s="237">
        <f t="shared" si="491"/>
        <v>168.39632348549193</v>
      </c>
      <c r="M2083" s="236">
        <f t="shared" si="487"/>
        <v>82.516944906134469</v>
      </c>
      <c r="N2083" s="236">
        <f t="shared" si="488"/>
        <v>0.18135302116575963</v>
      </c>
      <c r="O2083" s="236">
        <f t="shared" si="492"/>
        <v>1.6254889092599385</v>
      </c>
      <c r="P2083" s="236" t="str">
        <f t="shared" si="493"/>
        <v>SAND</v>
      </c>
      <c r="Q2083" s="236" t="e">
        <f t="shared" si="489"/>
        <v>#N/A</v>
      </c>
      <c r="R2083" s="238">
        <v>35</v>
      </c>
      <c r="S2083" s="236" t="e">
        <f t="shared" si="494"/>
        <v>#N/A</v>
      </c>
      <c r="T2083" s="236">
        <f t="shared" si="480"/>
        <v>38.68197454386025</v>
      </c>
    </row>
    <row r="2084" spans="1:20" x14ac:dyDescent="0.2">
      <c r="A2084" s="53">
        <f t="shared" si="481"/>
        <v>2072</v>
      </c>
      <c r="B2084" s="239">
        <v>20.882999999999999</v>
      </c>
      <c r="C2084" s="3">
        <f t="shared" si="482"/>
        <v>20.875999999999998</v>
      </c>
      <c r="D2084" s="239">
        <v>14.473599999999999</v>
      </c>
      <c r="E2084" s="239">
        <v>2.63E-2</v>
      </c>
      <c r="F2084" s="239">
        <v>0.16900000000000001</v>
      </c>
      <c r="G2084">
        <f t="shared" si="483"/>
        <v>14.507399999999999</v>
      </c>
      <c r="H2084" s="235">
        <f t="shared" si="484"/>
        <v>0.18128679156844096</v>
      </c>
      <c r="I2084" s="236">
        <f t="shared" si="485"/>
        <v>18.1237542023811</v>
      </c>
      <c r="J2084" s="237">
        <f t="shared" si="490"/>
        <v>8.1237542023811002</v>
      </c>
      <c r="K2084" s="237">
        <f t="shared" si="486"/>
        <v>378.35149272890783</v>
      </c>
      <c r="L2084" s="237">
        <f t="shared" si="491"/>
        <v>169.64835900832452</v>
      </c>
      <c r="M2084" s="236">
        <f t="shared" si="487"/>
        <v>83.28432169849512</v>
      </c>
      <c r="N2084" s="236">
        <f t="shared" si="488"/>
        <v>0.18614133843808017</v>
      </c>
      <c r="O2084" s="236">
        <f t="shared" si="492"/>
        <v>1.6250231485444766</v>
      </c>
      <c r="P2084" s="236" t="str">
        <f t="shared" si="493"/>
        <v>SAND</v>
      </c>
      <c r="Q2084" s="236" t="e">
        <f t="shared" si="489"/>
        <v>#N/A</v>
      </c>
      <c r="R2084" s="238">
        <v>35</v>
      </c>
      <c r="S2084" s="236" t="e">
        <f t="shared" si="494"/>
        <v>#N/A</v>
      </c>
      <c r="T2084" s="236">
        <f t="shared" si="480"/>
        <v>38.726195783211047</v>
      </c>
    </row>
    <row r="2085" spans="1:20" x14ac:dyDescent="0.2">
      <c r="A2085" s="53">
        <f t="shared" si="481"/>
        <v>2073</v>
      </c>
      <c r="B2085" s="239">
        <v>20.893000000000001</v>
      </c>
      <c r="C2085" s="3">
        <f t="shared" si="482"/>
        <v>20.885999999999999</v>
      </c>
      <c r="D2085" s="239">
        <v>14.658200000000001</v>
      </c>
      <c r="E2085" s="239">
        <v>2.7099999999999999E-2</v>
      </c>
      <c r="F2085" s="239">
        <v>0.1724</v>
      </c>
      <c r="G2085">
        <f t="shared" si="483"/>
        <v>14.692680000000001</v>
      </c>
      <c r="H2085" s="235">
        <f t="shared" si="484"/>
        <v>0.18444558787096701</v>
      </c>
      <c r="I2085" s="236">
        <f t="shared" si="485"/>
        <v>18.163851057707433</v>
      </c>
      <c r="J2085" s="237">
        <f t="shared" si="490"/>
        <v>8.1638510577074328</v>
      </c>
      <c r="K2085" s="237">
        <f t="shared" si="486"/>
        <v>379.37019319127745</v>
      </c>
      <c r="L2085" s="237">
        <f t="shared" si="491"/>
        <v>170.56734014868141</v>
      </c>
      <c r="M2085" s="236">
        <f t="shared" si="487"/>
        <v>83.915887967368135</v>
      </c>
      <c r="N2085" s="236">
        <f t="shared" si="488"/>
        <v>0.1893342655596594</v>
      </c>
      <c r="O2085" s="236">
        <f t="shared" si="492"/>
        <v>1.6241412104570536</v>
      </c>
      <c r="P2085" s="236" t="str">
        <f t="shared" si="493"/>
        <v>SAND</v>
      </c>
      <c r="Q2085" s="236" t="e">
        <f t="shared" si="489"/>
        <v>#N/A</v>
      </c>
      <c r="R2085" s="238">
        <v>35</v>
      </c>
      <c r="S2085" s="236" t="e">
        <f t="shared" si="494"/>
        <v>#N/A</v>
      </c>
      <c r="T2085" s="236">
        <f t="shared" si="480"/>
        <v>38.762286139276128</v>
      </c>
    </row>
    <row r="2086" spans="1:20" x14ac:dyDescent="0.2">
      <c r="A2086" s="53">
        <f t="shared" si="481"/>
        <v>2074</v>
      </c>
      <c r="B2086" s="239">
        <v>20.902000000000001</v>
      </c>
      <c r="C2086" s="3">
        <f t="shared" si="482"/>
        <v>20.895</v>
      </c>
      <c r="D2086" s="239">
        <v>14.7728</v>
      </c>
      <c r="E2086" s="239">
        <v>2.7799999999999998E-2</v>
      </c>
      <c r="F2086" s="239">
        <v>0.17119999999999999</v>
      </c>
      <c r="G2086">
        <f t="shared" si="483"/>
        <v>14.807040000000001</v>
      </c>
      <c r="H2086" s="235">
        <f t="shared" si="484"/>
        <v>0.18774853042876899</v>
      </c>
      <c r="I2086" s="236">
        <f t="shared" si="485"/>
        <v>18.196785427999785</v>
      </c>
      <c r="J2086" s="237">
        <f t="shared" si="490"/>
        <v>8.1967854279997852</v>
      </c>
      <c r="K2086" s="237">
        <f t="shared" si="486"/>
        <v>380.22183151805552</v>
      </c>
      <c r="L2086" s="237">
        <f t="shared" si="491"/>
        <v>171.32920901605152</v>
      </c>
      <c r="M2086" s="236">
        <f t="shared" si="487"/>
        <v>84.205245861669283</v>
      </c>
      <c r="N2086" s="236">
        <f t="shared" si="488"/>
        <v>0.19269668249326274</v>
      </c>
      <c r="O2086" s="236">
        <f t="shared" si="492"/>
        <v>1.6250769652415389</v>
      </c>
      <c r="P2086" s="236" t="str">
        <f t="shared" si="493"/>
        <v>SAND</v>
      </c>
      <c r="Q2086" s="236" t="e">
        <f t="shared" si="489"/>
        <v>#N/A</v>
      </c>
      <c r="R2086" s="238">
        <v>35</v>
      </c>
      <c r="S2086" s="236" t="e">
        <f t="shared" si="494"/>
        <v>#N/A</v>
      </c>
      <c r="T2086" s="236">
        <f t="shared" si="480"/>
        <v>38.778730630675412</v>
      </c>
    </row>
    <row r="2087" spans="1:20" x14ac:dyDescent="0.2">
      <c r="A2087" s="53">
        <f t="shared" si="481"/>
        <v>2075</v>
      </c>
      <c r="B2087" s="239">
        <v>20.904</v>
      </c>
      <c r="C2087" s="3">
        <f t="shared" si="482"/>
        <v>20.896999999999998</v>
      </c>
      <c r="D2087" s="239">
        <v>14.9293</v>
      </c>
      <c r="E2087" s="239">
        <v>2.7699999999999999E-2</v>
      </c>
      <c r="F2087" s="239">
        <v>0.16950000000000001</v>
      </c>
      <c r="G2087">
        <f t="shared" si="483"/>
        <v>14.963199999999999</v>
      </c>
      <c r="H2087" s="235">
        <f t="shared" si="484"/>
        <v>0.18512082976903338</v>
      </c>
      <c r="I2087" s="236">
        <f t="shared" si="485"/>
        <v>18.196660463585236</v>
      </c>
      <c r="J2087" s="237">
        <f t="shared" si="490"/>
        <v>8.1966604635852356</v>
      </c>
      <c r="K2087" s="237">
        <f t="shared" si="486"/>
        <v>380.25561370754065</v>
      </c>
      <c r="L2087" s="237">
        <f t="shared" si="491"/>
        <v>171.34299033078577</v>
      </c>
      <c r="M2087" s="236">
        <f t="shared" si="487"/>
        <v>85.109664294637284</v>
      </c>
      <c r="N2087" s="236">
        <f t="shared" si="488"/>
        <v>0.18994792317823819</v>
      </c>
      <c r="O2087" s="236">
        <f t="shared" si="492"/>
        <v>1.6187345278699621</v>
      </c>
      <c r="P2087" s="236" t="str">
        <f t="shared" si="493"/>
        <v>SAND</v>
      </c>
      <c r="Q2087" s="236" t="e">
        <f t="shared" si="489"/>
        <v>#N/A</v>
      </c>
      <c r="R2087" s="238">
        <v>35</v>
      </c>
      <c r="S2087" s="236" t="e">
        <f t="shared" si="494"/>
        <v>#N/A</v>
      </c>
      <c r="T2087" s="236">
        <f t="shared" si="480"/>
        <v>38.829767652432324</v>
      </c>
    </row>
    <row r="2088" spans="1:20" x14ac:dyDescent="0.2">
      <c r="A2088" s="53">
        <f t="shared" si="481"/>
        <v>2076</v>
      </c>
      <c r="B2088" s="239">
        <v>20.904</v>
      </c>
      <c r="C2088" s="3">
        <f t="shared" si="482"/>
        <v>20.896999999999998</v>
      </c>
      <c r="D2088" s="239">
        <v>14.0725</v>
      </c>
      <c r="E2088" s="239">
        <v>3.1800000000000002E-2</v>
      </c>
      <c r="F2088" s="239">
        <v>0.17369999999999999</v>
      </c>
      <c r="G2088">
        <f t="shared" si="483"/>
        <v>14.107239999999999</v>
      </c>
      <c r="H2088" s="235">
        <f t="shared" si="484"/>
        <v>0.22541616928612546</v>
      </c>
      <c r="I2088" s="236">
        <f t="shared" si="485"/>
        <v>18.335494127713311</v>
      </c>
      <c r="J2088" s="237">
        <f t="shared" si="490"/>
        <v>8.3354941277133108</v>
      </c>
      <c r="K2088" s="237">
        <f t="shared" si="486"/>
        <v>383.15682078682505</v>
      </c>
      <c r="L2088" s="237">
        <f t="shared" si="491"/>
        <v>174.24516924571904</v>
      </c>
      <c r="M2088" s="236">
        <f t="shared" si="487"/>
        <v>78.763062635381246</v>
      </c>
      <c r="N2088" s="236">
        <f t="shared" si="488"/>
        <v>0.23170946710790158</v>
      </c>
      <c r="O2088" s="236">
        <f t="shared" si="492"/>
        <v>1.6788745632133359</v>
      </c>
      <c r="P2088" s="236" t="str">
        <f t="shared" si="493"/>
        <v>SAND</v>
      </c>
      <c r="Q2088" s="236" t="e">
        <f t="shared" si="489"/>
        <v>#N/A</v>
      </c>
      <c r="R2088" s="238">
        <v>35</v>
      </c>
      <c r="S2088" s="236" t="e">
        <f t="shared" si="494"/>
        <v>#N/A</v>
      </c>
      <c r="T2088" s="236">
        <f t="shared" si="480"/>
        <v>38.459548544666859</v>
      </c>
    </row>
    <row r="2089" spans="1:20" x14ac:dyDescent="0.2">
      <c r="A2089" s="53">
        <f t="shared" si="481"/>
        <v>2077</v>
      </c>
      <c r="B2089" s="239">
        <v>20.908999999999999</v>
      </c>
      <c r="C2089" s="3">
        <f t="shared" si="482"/>
        <v>20.901999999999997</v>
      </c>
      <c r="D2089" s="239">
        <v>13.5839</v>
      </c>
      <c r="E2089" s="239">
        <v>3.5999999999999997E-2</v>
      </c>
      <c r="F2089" s="239">
        <v>0.1827</v>
      </c>
      <c r="G2089">
        <f t="shared" si="483"/>
        <v>13.62044</v>
      </c>
      <c r="H2089" s="235">
        <f t="shared" si="484"/>
        <v>0.26430864201156495</v>
      </c>
      <c r="I2089" s="236">
        <f t="shared" si="485"/>
        <v>18.467231830133525</v>
      </c>
      <c r="J2089" s="237">
        <f t="shared" si="490"/>
        <v>8.4672318301335245</v>
      </c>
      <c r="K2089" s="237">
        <f t="shared" si="486"/>
        <v>386.00207971345088</v>
      </c>
      <c r="L2089" s="237">
        <f t="shared" si="491"/>
        <v>177.04135033626184</v>
      </c>
      <c r="M2089" s="236">
        <f t="shared" si="487"/>
        <v>74.753371995580935</v>
      </c>
      <c r="N2089" s="236">
        <f t="shared" si="488"/>
        <v>0.27201759694544347</v>
      </c>
      <c r="O2089" s="236">
        <f t="shared" si="492"/>
        <v>1.725367176544478</v>
      </c>
      <c r="P2089" s="236" t="str">
        <f t="shared" si="493"/>
        <v>SAND</v>
      </c>
      <c r="Q2089" s="236" t="e">
        <f t="shared" si="489"/>
        <v>#N/A</v>
      </c>
      <c r="R2089" s="238">
        <v>35</v>
      </c>
      <c r="S2089" s="236" t="e">
        <f t="shared" si="494"/>
        <v>#N/A</v>
      </c>
      <c r="T2089" s="236">
        <f t="shared" si="480"/>
        <v>38.20993866484055</v>
      </c>
    </row>
    <row r="2090" spans="1:20" x14ac:dyDescent="0.2">
      <c r="A2090" s="53">
        <f t="shared" si="481"/>
        <v>2078</v>
      </c>
      <c r="B2090" s="239">
        <v>20.917000000000002</v>
      </c>
      <c r="C2090" s="3">
        <f t="shared" si="482"/>
        <v>20.91</v>
      </c>
      <c r="D2090" s="239">
        <v>14.616899999999999</v>
      </c>
      <c r="E2090" s="239">
        <v>3.3700000000000001E-2</v>
      </c>
      <c r="F2090" s="239">
        <v>0.18149999999999999</v>
      </c>
      <c r="G2090">
        <f t="shared" si="483"/>
        <v>14.6532</v>
      </c>
      <c r="H2090" s="235">
        <f t="shared" si="484"/>
        <v>0.22998389430295088</v>
      </c>
      <c r="I2090" s="236">
        <f t="shared" si="485"/>
        <v>18.418383016295813</v>
      </c>
      <c r="J2090" s="237">
        <f t="shared" si="490"/>
        <v>8.4183830162958131</v>
      </c>
      <c r="K2090" s="237">
        <f t="shared" si="486"/>
        <v>385.12838887074548</v>
      </c>
      <c r="L2090" s="237">
        <f t="shared" si="491"/>
        <v>176.08731755185954</v>
      </c>
      <c r="M2090" s="236">
        <f t="shared" si="487"/>
        <v>81.028388696574694</v>
      </c>
      <c r="N2090" s="236">
        <f t="shared" si="488"/>
        <v>0.23619169372344354</v>
      </c>
      <c r="O2090" s="236">
        <f t="shared" si="492"/>
        <v>1.6702744368906195</v>
      </c>
      <c r="P2090" s="236" t="str">
        <f t="shared" si="493"/>
        <v>SAND</v>
      </c>
      <c r="Q2090" s="236" t="e">
        <f t="shared" si="489"/>
        <v>#N/A</v>
      </c>
      <c r="R2090" s="238">
        <v>35</v>
      </c>
      <c r="S2090" s="236" t="e">
        <f t="shared" si="494"/>
        <v>#N/A</v>
      </c>
      <c r="T2090" s="236">
        <f t="shared" si="480"/>
        <v>38.59500923034053</v>
      </c>
    </row>
    <row r="2091" spans="1:20" x14ac:dyDescent="0.2">
      <c r="A2091" s="53">
        <f t="shared" si="481"/>
        <v>2079</v>
      </c>
      <c r="B2091" s="239">
        <v>20.928000000000001</v>
      </c>
      <c r="C2091" s="3">
        <f t="shared" si="482"/>
        <v>20.920999999999999</v>
      </c>
      <c r="D2091" s="239">
        <v>15.1761</v>
      </c>
      <c r="E2091" s="239">
        <v>2.7699999999999999E-2</v>
      </c>
      <c r="F2091" s="239">
        <v>0.1638</v>
      </c>
      <c r="G2091">
        <f t="shared" si="483"/>
        <v>15.20886</v>
      </c>
      <c r="H2091" s="235">
        <f t="shared" si="484"/>
        <v>0.18213067909100353</v>
      </c>
      <c r="I2091" s="236">
        <f t="shared" si="485"/>
        <v>18.203025426802174</v>
      </c>
      <c r="J2091" s="237">
        <f t="shared" si="490"/>
        <v>8.2030254268021743</v>
      </c>
      <c r="K2091" s="237">
        <f t="shared" si="486"/>
        <v>380.82549495412826</v>
      </c>
      <c r="L2091" s="237">
        <f t="shared" si="491"/>
        <v>171.67291613211592</v>
      </c>
      <c r="M2091" s="236">
        <f t="shared" si="487"/>
        <v>86.373755622782824</v>
      </c>
      <c r="N2091" s="236">
        <f t="shared" si="488"/>
        <v>0.1868083055146243</v>
      </c>
      <c r="O2091" s="236">
        <f t="shared" si="492"/>
        <v>1.6104207459985325</v>
      </c>
      <c r="P2091" s="236" t="str">
        <f t="shared" si="493"/>
        <v>SAND</v>
      </c>
      <c r="Q2091" s="236" t="e">
        <f t="shared" si="489"/>
        <v>#N/A</v>
      </c>
      <c r="R2091" s="238">
        <v>35</v>
      </c>
      <c r="S2091" s="236" t="e">
        <f t="shared" si="494"/>
        <v>#N/A</v>
      </c>
      <c r="T2091" s="236">
        <f t="shared" si="480"/>
        <v>38.900199839538303</v>
      </c>
    </row>
    <row r="2092" spans="1:20" x14ac:dyDescent="0.2">
      <c r="A2092" s="53">
        <f t="shared" si="481"/>
        <v>2080</v>
      </c>
      <c r="B2092" s="239">
        <v>20.937000000000001</v>
      </c>
      <c r="C2092" s="3">
        <f t="shared" si="482"/>
        <v>20.93</v>
      </c>
      <c r="D2092" s="239">
        <v>15.242000000000001</v>
      </c>
      <c r="E2092" s="239">
        <v>2.76E-2</v>
      </c>
      <c r="F2092" s="239">
        <v>0.1668</v>
      </c>
      <c r="G2092">
        <f t="shared" si="483"/>
        <v>15.275360000000001</v>
      </c>
      <c r="H2092" s="235">
        <f t="shared" si="484"/>
        <v>0.18068313938263975</v>
      </c>
      <c r="I2092" s="236">
        <f t="shared" si="485"/>
        <v>18.200489884749565</v>
      </c>
      <c r="J2092" s="237">
        <f t="shared" si="490"/>
        <v>8.2004898847495653</v>
      </c>
      <c r="K2092" s="237">
        <f t="shared" si="486"/>
        <v>380.93625328780837</v>
      </c>
      <c r="L2092" s="237">
        <f t="shared" si="491"/>
        <v>171.69365671700166</v>
      </c>
      <c r="M2092" s="236">
        <f t="shared" si="487"/>
        <v>86.749994330089308</v>
      </c>
      <c r="N2092" s="236">
        <f t="shared" si="488"/>
        <v>0.18530424855202904</v>
      </c>
      <c r="O2092" s="236">
        <f t="shared" si="492"/>
        <v>1.6075542302016756</v>
      </c>
      <c r="P2092" s="236" t="str">
        <f t="shared" si="493"/>
        <v>SAND</v>
      </c>
      <c r="Q2092" s="236" t="e">
        <f t="shared" si="489"/>
        <v>#N/A</v>
      </c>
      <c r="R2092" s="238">
        <v>35</v>
      </c>
      <c r="S2092" s="236" t="e">
        <f t="shared" si="494"/>
        <v>#N/A</v>
      </c>
      <c r="T2092" s="236">
        <f t="shared" si="480"/>
        <v>38.920964005855467</v>
      </c>
    </row>
    <row r="2093" spans="1:20" x14ac:dyDescent="0.2">
      <c r="A2093" s="53">
        <f t="shared" si="481"/>
        <v>2081</v>
      </c>
      <c r="B2093" s="239">
        <v>20.946000000000002</v>
      </c>
      <c r="C2093" s="3">
        <f t="shared" si="482"/>
        <v>20.939</v>
      </c>
      <c r="D2093" s="239">
        <v>15.224500000000001</v>
      </c>
      <c r="E2093" s="239">
        <v>2.76E-2</v>
      </c>
      <c r="F2093" s="239">
        <v>0.15870000000000001</v>
      </c>
      <c r="G2093">
        <f t="shared" si="483"/>
        <v>15.25624</v>
      </c>
      <c r="H2093" s="235">
        <f t="shared" si="484"/>
        <v>0.18090958191533432</v>
      </c>
      <c r="I2093" s="236">
        <f t="shared" si="485"/>
        <v>18.200000336843686</v>
      </c>
      <c r="J2093" s="237">
        <f t="shared" si="490"/>
        <v>8.2000003368436865</v>
      </c>
      <c r="K2093" s="237">
        <f t="shared" si="486"/>
        <v>381.08980705316998</v>
      </c>
      <c r="L2093" s="237">
        <f t="shared" si="491"/>
        <v>171.75720705552786</v>
      </c>
      <c r="M2093" s="236">
        <f t="shared" si="487"/>
        <v>86.605682800476615</v>
      </c>
      <c r="N2093" s="236">
        <f t="shared" si="488"/>
        <v>0.18554434504524706</v>
      </c>
      <c r="O2093" s="236">
        <f t="shared" si="492"/>
        <v>1.6084138908985768</v>
      </c>
      <c r="P2093" s="236" t="str">
        <f t="shared" si="493"/>
        <v>SAND</v>
      </c>
      <c r="Q2093" s="236" t="e">
        <f t="shared" si="489"/>
        <v>#N/A</v>
      </c>
      <c r="R2093" s="238">
        <v>35</v>
      </c>
      <c r="S2093" s="236" t="e">
        <f t="shared" si="494"/>
        <v>#N/A</v>
      </c>
      <c r="T2093" s="236">
        <f t="shared" si="480"/>
        <v>38.913010290332494</v>
      </c>
    </row>
    <row r="2094" spans="1:20" x14ac:dyDescent="0.2">
      <c r="A2094" s="53">
        <f t="shared" si="481"/>
        <v>2082</v>
      </c>
      <c r="B2094" s="239">
        <v>20.956</v>
      </c>
      <c r="C2094" s="3">
        <f t="shared" si="482"/>
        <v>20.948999999999998</v>
      </c>
      <c r="D2094" s="239">
        <v>15.136900000000001</v>
      </c>
      <c r="E2094" s="239">
        <v>2.8400000000000002E-2</v>
      </c>
      <c r="F2094" s="239">
        <v>0.16059999999999999</v>
      </c>
      <c r="G2094">
        <f t="shared" si="483"/>
        <v>15.169020000000002</v>
      </c>
      <c r="H2094" s="235">
        <f t="shared" si="484"/>
        <v>0.18722369671870692</v>
      </c>
      <c r="I2094" s="236">
        <f t="shared" si="485"/>
        <v>18.23126434405695</v>
      </c>
      <c r="J2094" s="237">
        <f t="shared" si="490"/>
        <v>8.2312643440569495</v>
      </c>
      <c r="K2094" s="237">
        <f t="shared" si="486"/>
        <v>381.92675674364898</v>
      </c>
      <c r="L2094" s="237">
        <f t="shared" si="491"/>
        <v>172.49437559405743</v>
      </c>
      <c r="M2094" s="236">
        <f t="shared" si="487"/>
        <v>85.725074758702917</v>
      </c>
      <c r="N2094" s="236">
        <f t="shared" si="488"/>
        <v>0.19205938268463824</v>
      </c>
      <c r="O2094" s="236">
        <f t="shared" si="492"/>
        <v>1.6172460366245933</v>
      </c>
      <c r="P2094" s="236" t="str">
        <f t="shared" si="493"/>
        <v>SAND</v>
      </c>
      <c r="Q2094" s="236" t="e">
        <f t="shared" si="489"/>
        <v>#N/A</v>
      </c>
      <c r="R2094" s="238">
        <v>35</v>
      </c>
      <c r="S2094" s="236" t="e">
        <f t="shared" si="494"/>
        <v>#N/A</v>
      </c>
      <c r="T2094" s="236">
        <f t="shared" si="480"/>
        <v>38.864186597770043</v>
      </c>
    </row>
    <row r="2095" spans="1:20" x14ac:dyDescent="0.2">
      <c r="A2095" s="53">
        <f t="shared" si="481"/>
        <v>2083</v>
      </c>
      <c r="B2095" s="239">
        <v>20.965</v>
      </c>
      <c r="C2095" s="3">
        <f t="shared" si="482"/>
        <v>20.957999999999998</v>
      </c>
      <c r="D2095" s="239">
        <v>14.945</v>
      </c>
      <c r="E2095" s="239">
        <v>2.9100000000000001E-2</v>
      </c>
      <c r="F2095" s="239">
        <v>0.14879999999999999</v>
      </c>
      <c r="G2095">
        <f t="shared" si="483"/>
        <v>14.97476</v>
      </c>
      <c r="H2095" s="235">
        <f t="shared" si="484"/>
        <v>0.19432698754437466</v>
      </c>
      <c r="I2095" s="236">
        <f t="shared" si="485"/>
        <v>18.254778008268445</v>
      </c>
      <c r="J2095" s="237">
        <f t="shared" si="490"/>
        <v>8.2547780082684454</v>
      </c>
      <c r="K2095" s="237">
        <f t="shared" si="486"/>
        <v>382.58363749729006</v>
      </c>
      <c r="L2095" s="237">
        <f t="shared" si="491"/>
        <v>173.06142094334797</v>
      </c>
      <c r="M2095" s="236">
        <f t="shared" si="487"/>
        <v>84.317904492876494</v>
      </c>
      <c r="N2095" s="236">
        <f t="shared" si="488"/>
        <v>0.19942193184272236</v>
      </c>
      <c r="O2095" s="236">
        <f t="shared" si="492"/>
        <v>1.6292168477015017</v>
      </c>
      <c r="P2095" s="236" t="str">
        <f t="shared" si="493"/>
        <v>SAND</v>
      </c>
      <c r="Q2095" s="236" t="e">
        <f t="shared" si="489"/>
        <v>#N/A</v>
      </c>
      <c r="R2095" s="238">
        <v>35</v>
      </c>
      <c r="S2095" s="236" t="e">
        <f t="shared" si="494"/>
        <v>#N/A</v>
      </c>
      <c r="T2095" s="236">
        <f t="shared" si="480"/>
        <v>38.785117851892608</v>
      </c>
    </row>
    <row r="2096" spans="1:20" x14ac:dyDescent="0.2">
      <c r="A2096" s="53">
        <f t="shared" si="481"/>
        <v>2084</v>
      </c>
      <c r="B2096" s="239">
        <v>20.975000000000001</v>
      </c>
      <c r="C2096" s="3">
        <f t="shared" si="482"/>
        <v>20.968</v>
      </c>
      <c r="D2096" s="239">
        <v>14.7836</v>
      </c>
      <c r="E2096" s="239">
        <v>2.98E-2</v>
      </c>
      <c r="F2096" s="239">
        <v>0.15809999999999999</v>
      </c>
      <c r="G2096">
        <f t="shared" si="483"/>
        <v>14.81522</v>
      </c>
      <c r="H2096" s="235">
        <f t="shared" si="484"/>
        <v>0.20114449869796058</v>
      </c>
      <c r="I2096" s="236">
        <f t="shared" si="485"/>
        <v>18.278464261852939</v>
      </c>
      <c r="J2096" s="237">
        <f t="shared" si="490"/>
        <v>8.2784642618529389</v>
      </c>
      <c r="K2096" s="237">
        <f t="shared" si="486"/>
        <v>383.26283864253242</v>
      </c>
      <c r="L2096" s="237">
        <f t="shared" si="491"/>
        <v>173.64078789236541</v>
      </c>
      <c r="M2096" s="236">
        <f t="shared" si="487"/>
        <v>83.113865909796459</v>
      </c>
      <c r="N2096" s="236">
        <f t="shared" si="488"/>
        <v>0.20648620049809668</v>
      </c>
      <c r="O2096" s="236">
        <f t="shared" si="492"/>
        <v>1.640006318758525</v>
      </c>
      <c r="P2096" s="236" t="str">
        <f t="shared" si="493"/>
        <v>SAND</v>
      </c>
      <c r="Q2096" s="236" t="e">
        <f t="shared" si="489"/>
        <v>#N/A</v>
      </c>
      <c r="R2096" s="238">
        <v>35</v>
      </c>
      <c r="S2096" s="236" t="e">
        <f t="shared" si="494"/>
        <v>#N/A</v>
      </c>
      <c r="T2096" s="236">
        <f t="shared" si="480"/>
        <v>38.7164083162995</v>
      </c>
    </row>
    <row r="2097" spans="1:20" x14ac:dyDescent="0.2">
      <c r="A2097" s="53">
        <f t="shared" si="481"/>
        <v>2085</v>
      </c>
      <c r="B2097" s="239">
        <v>20.984999999999999</v>
      </c>
      <c r="C2097" s="3">
        <f t="shared" si="482"/>
        <v>20.977999999999998</v>
      </c>
      <c r="D2097" s="239">
        <v>14.5923</v>
      </c>
      <c r="E2097" s="239">
        <v>3.0499999999999999E-2</v>
      </c>
      <c r="F2097" s="239">
        <v>0.14979999999999999</v>
      </c>
      <c r="G2097">
        <f t="shared" si="483"/>
        <v>14.622260000000001</v>
      </c>
      <c r="H2097" s="235">
        <f t="shared" si="484"/>
        <v>0.20858608723959221</v>
      </c>
      <c r="I2097" s="236">
        <f t="shared" si="485"/>
        <v>18.300565672305925</v>
      </c>
      <c r="J2097" s="237">
        <f t="shared" si="490"/>
        <v>8.3005656723059253</v>
      </c>
      <c r="K2097" s="237">
        <f t="shared" si="486"/>
        <v>383.90926667363368</v>
      </c>
      <c r="L2097" s="237">
        <f t="shared" si="491"/>
        <v>174.18737063333984</v>
      </c>
      <c r="M2097" s="236">
        <f t="shared" si="487"/>
        <v>81.741579091274915</v>
      </c>
      <c r="N2097" s="236">
        <f t="shared" si="488"/>
        <v>0.2142102029318011</v>
      </c>
      <c r="O2097" s="236">
        <f t="shared" si="492"/>
        <v>1.6520921916603024</v>
      </c>
      <c r="P2097" s="236" t="str">
        <f t="shared" si="493"/>
        <v>SAND</v>
      </c>
      <c r="Q2097" s="236" t="e">
        <f t="shared" si="489"/>
        <v>#N/A</v>
      </c>
      <c r="R2097" s="238">
        <v>35</v>
      </c>
      <c r="S2097" s="236" t="e">
        <f t="shared" si="494"/>
        <v>#N/A</v>
      </c>
      <c r="T2097" s="236">
        <f t="shared" si="480"/>
        <v>38.636873255166961</v>
      </c>
    </row>
    <row r="2098" spans="1:20" x14ac:dyDescent="0.2">
      <c r="A2098" s="53">
        <f t="shared" si="481"/>
        <v>2086</v>
      </c>
      <c r="B2098" s="239">
        <v>20.995000000000001</v>
      </c>
      <c r="C2098" s="3">
        <f t="shared" si="482"/>
        <v>20.988</v>
      </c>
      <c r="D2098" s="239">
        <v>14.3894</v>
      </c>
      <c r="E2098" s="239">
        <v>3.0499999999999999E-2</v>
      </c>
      <c r="F2098" s="239">
        <v>0.13009999999999999</v>
      </c>
      <c r="G2098">
        <f t="shared" si="483"/>
        <v>14.415420000000001</v>
      </c>
      <c r="H2098" s="235">
        <f t="shared" si="484"/>
        <v>0.21157898972072958</v>
      </c>
      <c r="I2098" s="236">
        <f t="shared" si="485"/>
        <v>18.294997190871975</v>
      </c>
      <c r="J2098" s="237">
        <f t="shared" si="490"/>
        <v>8.2949971908719746</v>
      </c>
      <c r="K2098" s="237">
        <f t="shared" si="486"/>
        <v>383.97540104202102</v>
      </c>
      <c r="L2098" s="237">
        <f t="shared" si="491"/>
        <v>174.15346602235712</v>
      </c>
      <c r="M2098" s="236">
        <f t="shared" si="487"/>
        <v>80.56942488389339</v>
      </c>
      <c r="N2098" s="236">
        <f t="shared" si="488"/>
        <v>0.21736892295655019</v>
      </c>
      <c r="O2098" s="236">
        <f t="shared" si="492"/>
        <v>1.6601302498981796</v>
      </c>
      <c r="P2098" s="236" t="str">
        <f t="shared" si="493"/>
        <v>SAND</v>
      </c>
      <c r="Q2098" s="236" t="e">
        <f t="shared" si="489"/>
        <v>#N/A</v>
      </c>
      <c r="R2098" s="238">
        <v>35</v>
      </c>
      <c r="S2098" s="236" t="e">
        <f t="shared" si="494"/>
        <v>#N/A</v>
      </c>
      <c r="T2098" s="236">
        <f t="shared" si="480"/>
        <v>38.567872899587172</v>
      </c>
    </row>
    <row r="2099" spans="1:20" x14ac:dyDescent="0.2">
      <c r="A2099" s="53">
        <f t="shared" si="481"/>
        <v>2087</v>
      </c>
      <c r="B2099" s="239">
        <v>21.006</v>
      </c>
      <c r="C2099" s="3">
        <f t="shared" si="482"/>
        <v>20.998999999999999</v>
      </c>
      <c r="D2099" s="239">
        <v>14.311500000000001</v>
      </c>
      <c r="E2099" s="239">
        <v>3.0200000000000001E-2</v>
      </c>
      <c r="F2099" s="239">
        <v>0.1396</v>
      </c>
      <c r="G2099">
        <f t="shared" si="483"/>
        <v>14.33942</v>
      </c>
      <c r="H2099" s="235">
        <f t="shared" si="484"/>
        <v>0.21060823938485657</v>
      </c>
      <c r="I2099" s="236">
        <f t="shared" si="485"/>
        <v>18.281340227199685</v>
      </c>
      <c r="J2099" s="237">
        <f t="shared" si="490"/>
        <v>8.281340227199685</v>
      </c>
      <c r="K2099" s="237">
        <f t="shared" si="486"/>
        <v>383.88986343096616</v>
      </c>
      <c r="L2099" s="237">
        <f t="shared" si="491"/>
        <v>173.95783281255657</v>
      </c>
      <c r="M2099" s="236">
        <f t="shared" si="487"/>
        <v>80.223637596166355</v>
      </c>
      <c r="N2099" s="236">
        <f t="shared" si="488"/>
        <v>0.21640166804458402</v>
      </c>
      <c r="O2099" s="236">
        <f t="shared" si="492"/>
        <v>1.6612415442601576</v>
      </c>
      <c r="P2099" s="236" t="str">
        <f t="shared" si="493"/>
        <v>SAND</v>
      </c>
      <c r="Q2099" s="236" t="e">
        <f t="shared" si="489"/>
        <v>#N/A</v>
      </c>
      <c r="R2099" s="238">
        <v>35</v>
      </c>
      <c r="S2099" s="236" t="e">
        <f t="shared" si="494"/>
        <v>#N/A</v>
      </c>
      <c r="T2099" s="236">
        <f t="shared" si="480"/>
        <v>38.547325854313598</v>
      </c>
    </row>
    <row r="2100" spans="1:20" x14ac:dyDescent="0.2">
      <c r="A2100" s="53">
        <f t="shared" si="481"/>
        <v>2088</v>
      </c>
      <c r="B2100" s="239">
        <v>21.015000000000001</v>
      </c>
      <c r="C2100" s="3">
        <f t="shared" si="482"/>
        <v>21.007999999999999</v>
      </c>
      <c r="D2100" s="239">
        <v>14.137700000000001</v>
      </c>
      <c r="E2100" s="239">
        <v>2.9899999999999999E-2</v>
      </c>
      <c r="F2100" s="239">
        <v>0.13550000000000001</v>
      </c>
      <c r="G2100">
        <f t="shared" si="483"/>
        <v>14.164800000000001</v>
      </c>
      <c r="H2100" s="235">
        <f t="shared" si="484"/>
        <v>0.21108663729809105</v>
      </c>
      <c r="I2100" s="236">
        <f t="shared" si="485"/>
        <v>18.264844665046439</v>
      </c>
      <c r="J2100" s="237">
        <f t="shared" si="490"/>
        <v>8.2648446650464393</v>
      </c>
      <c r="K2100" s="237">
        <f t="shared" si="486"/>
        <v>383.70785672329561</v>
      </c>
      <c r="L2100" s="237">
        <f t="shared" si="491"/>
        <v>173.68571063595093</v>
      </c>
      <c r="M2100" s="236">
        <f t="shared" si="487"/>
        <v>79.344996734718023</v>
      </c>
      <c r="N2100" s="236">
        <f t="shared" si="488"/>
        <v>0.21696393645105347</v>
      </c>
      <c r="O2100" s="236">
        <f t="shared" si="492"/>
        <v>1.6661260343411701</v>
      </c>
      <c r="P2100" s="236" t="str">
        <f t="shared" si="493"/>
        <v>SAND</v>
      </c>
      <c r="Q2100" s="236" t="e">
        <f t="shared" si="489"/>
        <v>#N/A</v>
      </c>
      <c r="R2100" s="238">
        <v>35</v>
      </c>
      <c r="S2100" s="236" t="e">
        <f t="shared" si="494"/>
        <v>#N/A</v>
      </c>
      <c r="T2100" s="236">
        <f t="shared" si="480"/>
        <v>38.494715012647163</v>
      </c>
    </row>
    <row r="2101" spans="1:20" x14ac:dyDescent="0.2">
      <c r="A2101" s="53">
        <f t="shared" si="481"/>
        <v>2089</v>
      </c>
      <c r="B2101" s="239">
        <v>21.024999999999999</v>
      </c>
      <c r="C2101" s="3">
        <f t="shared" si="482"/>
        <v>21.017999999999997</v>
      </c>
      <c r="D2101" s="239">
        <v>13.942399999999999</v>
      </c>
      <c r="E2101" s="239">
        <v>2.98E-2</v>
      </c>
      <c r="F2101" s="239">
        <v>0.17219999999999999</v>
      </c>
      <c r="G2101">
        <f t="shared" si="483"/>
        <v>13.976839999999999</v>
      </c>
      <c r="H2101" s="235">
        <f t="shared" si="484"/>
        <v>0.21320985287089214</v>
      </c>
      <c r="I2101" s="236">
        <f t="shared" si="485"/>
        <v>18.255695061634135</v>
      </c>
      <c r="J2101" s="237">
        <f t="shared" si="490"/>
        <v>8.2556950616341354</v>
      </c>
      <c r="K2101" s="237">
        <f t="shared" si="486"/>
        <v>383.69819880542622</v>
      </c>
      <c r="L2101" s="237">
        <f t="shared" si="491"/>
        <v>173.5759886708577</v>
      </c>
      <c r="M2101" s="236">
        <f t="shared" si="487"/>
        <v>78.312339772815449</v>
      </c>
      <c r="N2101" s="236">
        <f t="shared" si="488"/>
        <v>0.21922819930695608</v>
      </c>
      <c r="O2101" s="236">
        <f t="shared" si="492"/>
        <v>1.6729961235421618</v>
      </c>
      <c r="P2101" s="236" t="str">
        <f t="shared" si="493"/>
        <v>SAND</v>
      </c>
      <c r="Q2101" s="236" t="e">
        <f t="shared" si="489"/>
        <v>#N/A</v>
      </c>
      <c r="R2101" s="238">
        <v>35</v>
      </c>
      <c r="S2101" s="236" t="e">
        <f t="shared" si="494"/>
        <v>#N/A</v>
      </c>
      <c r="T2101" s="236">
        <f t="shared" si="480"/>
        <v>38.432132197490489</v>
      </c>
    </row>
    <row r="2102" spans="1:20" x14ac:dyDescent="0.2">
      <c r="A2102" s="53">
        <f t="shared" si="481"/>
        <v>2090</v>
      </c>
      <c r="B2102" s="239">
        <v>21.035</v>
      </c>
      <c r="C2102" s="3">
        <f t="shared" si="482"/>
        <v>21.027999999999999</v>
      </c>
      <c r="D2102" s="239">
        <v>13.8063</v>
      </c>
      <c r="E2102" s="239">
        <v>2.92E-2</v>
      </c>
      <c r="F2102" s="239">
        <v>0.14799999999999999</v>
      </c>
      <c r="G2102">
        <f t="shared" si="483"/>
        <v>13.835900000000001</v>
      </c>
      <c r="H2102" s="235">
        <f t="shared" si="484"/>
        <v>0.211045179569092</v>
      </c>
      <c r="I2102" s="236">
        <f t="shared" si="485"/>
        <v>18.227883426305311</v>
      </c>
      <c r="J2102" s="237">
        <f t="shared" si="490"/>
        <v>8.2278834263053113</v>
      </c>
      <c r="K2102" s="237">
        <f t="shared" si="486"/>
        <v>383.29593268834805</v>
      </c>
      <c r="L2102" s="237">
        <f t="shared" si="491"/>
        <v>173.07352787233222</v>
      </c>
      <c r="M2102" s="236">
        <f t="shared" si="487"/>
        <v>77.727681596893149</v>
      </c>
      <c r="N2102" s="236">
        <f t="shared" si="488"/>
        <v>0.21705834687391706</v>
      </c>
      <c r="O2102" s="236">
        <f t="shared" si="492"/>
        <v>1.6746218872785057</v>
      </c>
      <c r="P2102" s="236" t="str">
        <f t="shared" si="493"/>
        <v>SAND</v>
      </c>
      <c r="Q2102" s="236" t="e">
        <f t="shared" si="489"/>
        <v>#N/A</v>
      </c>
      <c r="R2102" s="238">
        <v>35</v>
      </c>
      <c r="S2102" s="236" t="e">
        <f t="shared" si="494"/>
        <v>#N/A</v>
      </c>
      <c r="T2102" s="236">
        <f t="shared" si="480"/>
        <v>38.396332854967326</v>
      </c>
    </row>
    <row r="2103" spans="1:20" x14ac:dyDescent="0.2">
      <c r="A2103" s="53">
        <f t="shared" si="481"/>
        <v>2091</v>
      </c>
      <c r="B2103" s="239">
        <v>21.045000000000002</v>
      </c>
      <c r="C2103" s="3">
        <f t="shared" si="482"/>
        <v>21.038</v>
      </c>
      <c r="D2103" s="239">
        <v>13.7783</v>
      </c>
      <c r="E2103" s="239">
        <v>2.87E-2</v>
      </c>
      <c r="F2103" s="239">
        <v>0.15570000000000001</v>
      </c>
      <c r="G2103">
        <f t="shared" si="483"/>
        <v>13.80944</v>
      </c>
      <c r="H2103" s="235">
        <f t="shared" si="484"/>
        <v>0.20782884751300557</v>
      </c>
      <c r="I2103" s="236">
        <f t="shared" si="485"/>
        <v>18.206882636259188</v>
      </c>
      <c r="J2103" s="237">
        <f t="shared" si="490"/>
        <v>8.2068826362591878</v>
      </c>
      <c r="K2103" s="237">
        <f t="shared" si="486"/>
        <v>383.03639690162078</v>
      </c>
      <c r="L2103" s="237">
        <f t="shared" si="491"/>
        <v>172.71384508007463</v>
      </c>
      <c r="M2103" s="236">
        <f t="shared" si="487"/>
        <v>77.737853597512981</v>
      </c>
      <c r="N2103" s="236">
        <f t="shared" si="488"/>
        <v>0.21375791200986216</v>
      </c>
      <c r="O2103" s="236">
        <f t="shared" si="492"/>
        <v>1.6723683749853553</v>
      </c>
      <c r="P2103" s="236" t="str">
        <f t="shared" si="493"/>
        <v>SAND</v>
      </c>
      <c r="Q2103" s="236" t="e">
        <f t="shared" si="489"/>
        <v>#N/A</v>
      </c>
      <c r="R2103" s="238">
        <v>35</v>
      </c>
      <c r="S2103" s="236" t="e">
        <f t="shared" si="494"/>
        <v>#N/A</v>
      </c>
      <c r="T2103" s="236">
        <f t="shared" si="480"/>
        <v>38.39695799778292</v>
      </c>
    </row>
    <row r="2104" spans="1:20" x14ac:dyDescent="0.2">
      <c r="A2104" s="53">
        <f t="shared" si="481"/>
        <v>2092</v>
      </c>
      <c r="B2104" s="239">
        <v>21.053999999999998</v>
      </c>
      <c r="C2104" s="3">
        <f t="shared" si="482"/>
        <v>21.046999999999997</v>
      </c>
      <c r="D2104" s="239">
        <v>13.8171</v>
      </c>
      <c r="E2104" s="239">
        <v>2.9000000000000001E-2</v>
      </c>
      <c r="F2104" s="239">
        <v>0.16650000000000001</v>
      </c>
      <c r="G2104">
        <f t="shared" si="483"/>
        <v>13.8504</v>
      </c>
      <c r="H2104" s="235">
        <f t="shared" si="484"/>
        <v>0.20938023450586268</v>
      </c>
      <c r="I2104" s="236">
        <f t="shared" si="485"/>
        <v>18.220233733127913</v>
      </c>
      <c r="J2104" s="237">
        <f t="shared" si="490"/>
        <v>8.2202337331279125</v>
      </c>
      <c r="K2104" s="237">
        <f t="shared" si="486"/>
        <v>383.4812593811431</v>
      </c>
      <c r="L2104" s="237">
        <f t="shared" si="491"/>
        <v>173.06880101727506</v>
      </c>
      <c r="M2104" s="236">
        <f t="shared" si="487"/>
        <v>77.812515378058464</v>
      </c>
      <c r="N2104" s="236">
        <f t="shared" si="488"/>
        <v>0.21534250379435602</v>
      </c>
      <c r="O2104" s="236">
        <f t="shared" si="492"/>
        <v>1.6730323829268625</v>
      </c>
      <c r="P2104" s="236" t="str">
        <f t="shared" si="493"/>
        <v>SAND</v>
      </c>
      <c r="Q2104" s="236" t="e">
        <f t="shared" si="489"/>
        <v>#N/A</v>
      </c>
      <c r="R2104" s="238">
        <v>35</v>
      </c>
      <c r="S2104" s="236" t="e">
        <f t="shared" si="494"/>
        <v>#N/A</v>
      </c>
      <c r="T2104" s="236">
        <f t="shared" si="480"/>
        <v>38.401544000658255</v>
      </c>
    </row>
    <row r="2105" spans="1:20" x14ac:dyDescent="0.2">
      <c r="A2105" s="53">
        <f t="shared" si="481"/>
        <v>2093</v>
      </c>
      <c r="B2105" s="239">
        <v>21.064</v>
      </c>
      <c r="C2105" s="3">
        <f t="shared" si="482"/>
        <v>21.056999999999999</v>
      </c>
      <c r="D2105" s="239">
        <v>13.928599999999999</v>
      </c>
      <c r="E2105" s="239">
        <v>2.8500000000000001E-2</v>
      </c>
      <c r="F2105" s="239">
        <v>0.15559999999999999</v>
      </c>
      <c r="G2105">
        <f t="shared" si="483"/>
        <v>13.959719999999999</v>
      </c>
      <c r="H2105" s="235">
        <f t="shared" si="484"/>
        <v>0.20415882266979568</v>
      </c>
      <c r="I2105" s="236">
        <f t="shared" si="485"/>
        <v>18.202913213085452</v>
      </c>
      <c r="J2105" s="237">
        <f t="shared" si="490"/>
        <v>8.2029132130854521</v>
      </c>
      <c r="K2105" s="237">
        <f t="shared" si="486"/>
        <v>383.29874352794036</v>
      </c>
      <c r="L2105" s="237">
        <f t="shared" si="491"/>
        <v>172.78616392043196</v>
      </c>
      <c r="M2105" s="236">
        <f t="shared" si="487"/>
        <v>78.573544017818477</v>
      </c>
      <c r="N2105" s="236">
        <f t="shared" si="488"/>
        <v>0.20992277317863628</v>
      </c>
      <c r="O2105" s="236">
        <f t="shared" si="492"/>
        <v>1.6654078057768913</v>
      </c>
      <c r="P2105" s="236" t="str">
        <f t="shared" si="493"/>
        <v>SAND</v>
      </c>
      <c r="Q2105" s="236" t="e">
        <f t="shared" si="489"/>
        <v>#N/A</v>
      </c>
      <c r="R2105" s="238">
        <v>35</v>
      </c>
      <c r="S2105" s="236" t="e">
        <f t="shared" si="494"/>
        <v>#N/A</v>
      </c>
      <c r="T2105" s="236">
        <f t="shared" si="480"/>
        <v>38.448039764285539</v>
      </c>
    </row>
    <row r="2106" spans="1:20" x14ac:dyDescent="0.2">
      <c r="A2106" s="53">
        <f t="shared" si="481"/>
        <v>2094</v>
      </c>
      <c r="B2106" s="239">
        <v>21.074000000000002</v>
      </c>
      <c r="C2106" s="3">
        <f t="shared" si="482"/>
        <v>21.067</v>
      </c>
      <c r="D2106" s="239">
        <v>14.097</v>
      </c>
      <c r="E2106" s="239">
        <v>2.9399999999999999E-2</v>
      </c>
      <c r="F2106" s="239">
        <v>0.16350000000000001</v>
      </c>
      <c r="G2106">
        <f t="shared" si="483"/>
        <v>14.1297</v>
      </c>
      <c r="H2106" s="235">
        <f t="shared" si="484"/>
        <v>0.20807235822416612</v>
      </c>
      <c r="I2106" s="236">
        <f t="shared" si="485"/>
        <v>18.244100493450244</v>
      </c>
      <c r="J2106" s="237">
        <f t="shared" si="490"/>
        <v>8.2441004934502438</v>
      </c>
      <c r="K2106" s="237">
        <f t="shared" si="486"/>
        <v>384.3484650955163</v>
      </c>
      <c r="L2106" s="237">
        <f t="shared" si="491"/>
        <v>173.73617379897044</v>
      </c>
      <c r="M2106" s="236">
        <f t="shared" si="487"/>
        <v>79.116232586134785</v>
      </c>
      <c r="N2106" s="236">
        <f t="shared" si="488"/>
        <v>0.21389049181712544</v>
      </c>
      <c r="O2106" s="236">
        <f t="shared" si="492"/>
        <v>1.6652506395175204</v>
      </c>
      <c r="P2106" s="236" t="str">
        <f t="shared" si="493"/>
        <v>SAND</v>
      </c>
      <c r="Q2106" s="236" t="e">
        <f t="shared" si="489"/>
        <v>#N/A</v>
      </c>
      <c r="R2106" s="238">
        <v>35</v>
      </c>
      <c r="S2106" s="236" t="e">
        <f t="shared" si="494"/>
        <v>#N/A</v>
      </c>
      <c r="T2106" s="236">
        <f t="shared" si="480"/>
        <v>38.480921583867485</v>
      </c>
    </row>
    <row r="2107" spans="1:20" x14ac:dyDescent="0.2">
      <c r="A2107" s="53">
        <f t="shared" si="481"/>
        <v>2095</v>
      </c>
      <c r="B2107" s="239">
        <v>21.082999999999998</v>
      </c>
      <c r="C2107" s="3">
        <f t="shared" si="482"/>
        <v>21.075999999999997</v>
      </c>
      <c r="D2107" s="239">
        <v>14.3025</v>
      </c>
      <c r="E2107" s="239">
        <v>3.0099999999999998E-2</v>
      </c>
      <c r="F2107" s="239">
        <v>0.16</v>
      </c>
      <c r="G2107">
        <f t="shared" si="483"/>
        <v>14.3345</v>
      </c>
      <c r="H2107" s="235">
        <f t="shared" si="484"/>
        <v>0.20998290836792352</v>
      </c>
      <c r="I2107" s="236">
        <f t="shared" si="485"/>
        <v>18.27731688656085</v>
      </c>
      <c r="J2107" s="237">
        <f t="shared" si="490"/>
        <v>8.2773168865608504</v>
      </c>
      <c r="K2107" s="237">
        <f t="shared" si="486"/>
        <v>385.21273070115643</v>
      </c>
      <c r="L2107" s="237">
        <f t="shared" si="491"/>
        <v>174.51067191936241</v>
      </c>
      <c r="M2107" s="236">
        <f t="shared" si="487"/>
        <v>79.933720476100774</v>
      </c>
      <c r="N2107" s="236">
        <f t="shared" si="488"/>
        <v>0.21578163399249406</v>
      </c>
      <c r="O2107" s="236">
        <f t="shared" si="492"/>
        <v>1.6623077958134407</v>
      </c>
      <c r="P2107" s="236" t="str">
        <f t="shared" si="493"/>
        <v>SAND</v>
      </c>
      <c r="Q2107" s="236" t="e">
        <f t="shared" si="489"/>
        <v>#N/A</v>
      </c>
      <c r="R2107" s="238">
        <v>35</v>
      </c>
      <c r="S2107" s="236" t="e">
        <f t="shared" si="494"/>
        <v>#N/A</v>
      </c>
      <c r="T2107" s="236">
        <f t="shared" si="480"/>
        <v>38.530030302120778</v>
      </c>
    </row>
    <row r="2108" spans="1:20" x14ac:dyDescent="0.2">
      <c r="A2108" s="53">
        <f t="shared" si="481"/>
        <v>2096</v>
      </c>
      <c r="B2108" s="239">
        <v>21.091999999999999</v>
      </c>
      <c r="C2108" s="3">
        <f t="shared" si="482"/>
        <v>21.084999999999997</v>
      </c>
      <c r="D2108" s="239">
        <v>14.505100000000001</v>
      </c>
      <c r="E2108" s="239">
        <v>3.2199999999999999E-2</v>
      </c>
      <c r="F2108" s="239">
        <v>0.15540000000000001</v>
      </c>
      <c r="G2108">
        <f t="shared" si="483"/>
        <v>14.53618</v>
      </c>
      <c r="H2108" s="235">
        <f t="shared" si="484"/>
        <v>0.22151624429526875</v>
      </c>
      <c r="I2108" s="236">
        <f t="shared" si="485"/>
        <v>18.3618591709021</v>
      </c>
      <c r="J2108" s="237">
        <f t="shared" si="490"/>
        <v>8.3618591709021004</v>
      </c>
      <c r="K2108" s="237">
        <f t="shared" si="486"/>
        <v>387.15980061847074</v>
      </c>
      <c r="L2108" s="237">
        <f t="shared" si="491"/>
        <v>176.36833363266709</v>
      </c>
      <c r="M2108" s="236">
        <f t="shared" si="487"/>
        <v>80.224266499282933</v>
      </c>
      <c r="N2108" s="236">
        <f t="shared" si="488"/>
        <v>0.22757759580700507</v>
      </c>
      <c r="O2108" s="236">
        <f t="shared" si="492"/>
        <v>1.6686752034360846</v>
      </c>
      <c r="P2108" s="236" t="str">
        <f t="shared" si="493"/>
        <v>SAND</v>
      </c>
      <c r="Q2108" s="236" t="e">
        <f t="shared" si="489"/>
        <v>#N/A</v>
      </c>
      <c r="R2108" s="238">
        <v>35</v>
      </c>
      <c r="S2108" s="236" t="e">
        <f t="shared" si="494"/>
        <v>#N/A</v>
      </c>
      <c r="T2108" s="236">
        <f t="shared" si="480"/>
        <v>38.54736330473343</v>
      </c>
    </row>
    <row r="2109" spans="1:20" x14ac:dyDescent="0.2">
      <c r="A2109" s="53">
        <f t="shared" si="481"/>
        <v>2097</v>
      </c>
      <c r="B2109" s="239">
        <v>21.102</v>
      </c>
      <c r="C2109" s="3">
        <f t="shared" si="482"/>
        <v>21.094999999999999</v>
      </c>
      <c r="D2109" s="239">
        <v>14.666600000000001</v>
      </c>
      <c r="E2109" s="239">
        <v>3.4000000000000002E-2</v>
      </c>
      <c r="F2109" s="239">
        <v>0.1603</v>
      </c>
      <c r="G2109">
        <f t="shared" si="483"/>
        <v>14.69866</v>
      </c>
      <c r="H2109" s="235">
        <f t="shared" si="484"/>
        <v>0.23131360273657603</v>
      </c>
      <c r="I2109" s="236">
        <f t="shared" si="485"/>
        <v>18.429986100172066</v>
      </c>
      <c r="J2109" s="237">
        <f t="shared" si="490"/>
        <v>8.4299861001720657</v>
      </c>
      <c r="K2109" s="237">
        <f t="shared" si="486"/>
        <v>388.78055678312973</v>
      </c>
      <c r="L2109" s="237">
        <f t="shared" si="491"/>
        <v>177.88956668583094</v>
      </c>
      <c r="M2109" s="236">
        <f t="shared" si="487"/>
        <v>80.442488617049762</v>
      </c>
      <c r="N2109" s="236">
        <f t="shared" si="488"/>
        <v>0.23759808833411653</v>
      </c>
      <c r="O2109" s="236">
        <f t="shared" si="492"/>
        <v>1.6741369237451855</v>
      </c>
      <c r="P2109" s="236" t="str">
        <f t="shared" si="493"/>
        <v>SAND</v>
      </c>
      <c r="Q2109" s="236" t="e">
        <f t="shared" si="489"/>
        <v>#N/A</v>
      </c>
      <c r="R2109" s="238">
        <v>35</v>
      </c>
      <c r="S2109" s="236" t="e">
        <f t="shared" si="494"/>
        <v>#N/A</v>
      </c>
      <c r="T2109" s="236">
        <f t="shared" si="480"/>
        <v>38.56034047499665</v>
      </c>
    </row>
    <row r="2110" spans="1:20" x14ac:dyDescent="0.2">
      <c r="A2110" s="53">
        <f t="shared" si="481"/>
        <v>2098</v>
      </c>
      <c r="B2110" s="239">
        <v>21.113</v>
      </c>
      <c r="C2110" s="3">
        <f t="shared" si="482"/>
        <v>21.105999999999998</v>
      </c>
      <c r="D2110" s="239">
        <v>14.8392</v>
      </c>
      <c r="E2110" s="239">
        <v>3.4000000000000002E-2</v>
      </c>
      <c r="F2110" s="239">
        <v>0.1474</v>
      </c>
      <c r="G2110">
        <f t="shared" si="483"/>
        <v>14.868679999999999</v>
      </c>
      <c r="H2110" s="235">
        <f t="shared" si="484"/>
        <v>0.22866858389581324</v>
      </c>
      <c r="I2110" s="236">
        <f t="shared" si="485"/>
        <v>18.434481303697421</v>
      </c>
      <c r="J2110" s="237">
        <f t="shared" si="490"/>
        <v>8.4344813036974209</v>
      </c>
      <c r="K2110" s="237">
        <f t="shared" si="486"/>
        <v>389.07816239583775</v>
      </c>
      <c r="L2110" s="237">
        <f t="shared" si="491"/>
        <v>178.07720376496366</v>
      </c>
      <c r="M2110" s="236">
        <f t="shared" si="487"/>
        <v>81.310810881302686</v>
      </c>
      <c r="N2110" s="236">
        <f t="shared" si="488"/>
        <v>0.23481308658433206</v>
      </c>
      <c r="O2110" s="236">
        <f t="shared" si="492"/>
        <v>1.6679598865285969</v>
      </c>
      <c r="P2110" s="236" t="str">
        <f t="shared" si="493"/>
        <v>SAND</v>
      </c>
      <c r="Q2110" s="236" t="e">
        <f t="shared" si="489"/>
        <v>#N/A</v>
      </c>
      <c r="R2110" s="238">
        <v>35</v>
      </c>
      <c r="S2110" s="236" t="e">
        <f t="shared" si="494"/>
        <v>#N/A</v>
      </c>
      <c r="T2110" s="236">
        <f t="shared" si="480"/>
        <v>38.611631213509071</v>
      </c>
    </row>
    <row r="2111" spans="1:20" x14ac:dyDescent="0.2">
      <c r="A2111" s="53">
        <f t="shared" si="481"/>
        <v>2099</v>
      </c>
      <c r="B2111" s="239">
        <v>21.122</v>
      </c>
      <c r="C2111" s="3">
        <f t="shared" si="482"/>
        <v>21.114999999999998</v>
      </c>
      <c r="D2111" s="239">
        <v>14.9353</v>
      </c>
      <c r="E2111" s="239">
        <v>3.5299999999999998E-2</v>
      </c>
      <c r="F2111" s="239">
        <v>0.14680000000000001</v>
      </c>
      <c r="G2111">
        <f t="shared" si="483"/>
        <v>14.96466</v>
      </c>
      <c r="H2111" s="235">
        <f t="shared" si="484"/>
        <v>0.23588908802471956</v>
      </c>
      <c r="I2111" s="236">
        <f t="shared" si="485"/>
        <v>18.48099492755912</v>
      </c>
      <c r="J2111" s="237">
        <f t="shared" si="490"/>
        <v>8.4809949275591201</v>
      </c>
      <c r="K2111" s="237">
        <f t="shared" si="486"/>
        <v>390.22620789541077</v>
      </c>
      <c r="L2111" s="237">
        <f t="shared" si="491"/>
        <v>179.13557485990373</v>
      </c>
      <c r="M2111" s="236">
        <f t="shared" si="487"/>
        <v>81.359795805510956</v>
      </c>
      <c r="N2111" s="236">
        <f t="shared" si="488"/>
        <v>0.24220494945829779</v>
      </c>
      <c r="O2111" s="236">
        <f t="shared" si="492"/>
        <v>1.6725305827477759</v>
      </c>
      <c r="P2111" s="236" t="str">
        <f t="shared" si="493"/>
        <v>SAND</v>
      </c>
      <c r="Q2111" s="236" t="e">
        <f t="shared" si="489"/>
        <v>#N/A</v>
      </c>
      <c r="R2111" s="238">
        <v>35</v>
      </c>
      <c r="S2111" s="236" t="e">
        <f t="shared" si="494"/>
        <v>#N/A</v>
      </c>
      <c r="T2111" s="236">
        <f t="shared" si="480"/>
        <v>38.614508349298021</v>
      </c>
    </row>
    <row r="2112" spans="1:20" x14ac:dyDescent="0.2">
      <c r="A2112" s="53">
        <f t="shared" si="481"/>
        <v>2100</v>
      </c>
      <c r="B2112" s="239">
        <v>21.131</v>
      </c>
      <c r="C2112" s="3">
        <f t="shared" si="482"/>
        <v>21.123999999999999</v>
      </c>
      <c r="D2112" s="239">
        <v>14.986599999999999</v>
      </c>
      <c r="E2112" s="239">
        <v>3.6600000000000001E-2</v>
      </c>
      <c r="F2112" s="239">
        <v>0.15759999999999999</v>
      </c>
      <c r="G2112">
        <f t="shared" si="483"/>
        <v>15.01812</v>
      </c>
      <c r="H2112" s="235">
        <f t="shared" si="484"/>
        <v>0.24370560363081401</v>
      </c>
      <c r="I2112" s="236">
        <f t="shared" si="485"/>
        <v>18.524795998100061</v>
      </c>
      <c r="J2112" s="237">
        <f t="shared" si="490"/>
        <v>8.5247959981000605</v>
      </c>
      <c r="K2112" s="237">
        <f t="shared" si="486"/>
        <v>391.31779066386565</v>
      </c>
      <c r="L2112" s="237">
        <f t="shared" si="491"/>
        <v>180.13746423585238</v>
      </c>
      <c r="M2112" s="236">
        <f t="shared" si="487"/>
        <v>81.198002155650371</v>
      </c>
      <c r="N2112" s="236">
        <f t="shared" si="488"/>
        <v>0.25022557546200092</v>
      </c>
      <c r="O2112" s="236">
        <f t="shared" si="492"/>
        <v>1.678497191364541</v>
      </c>
      <c r="P2112" s="236" t="str">
        <f t="shared" si="493"/>
        <v>SAND</v>
      </c>
      <c r="Q2112" s="236" t="e">
        <f t="shared" si="489"/>
        <v>#N/A</v>
      </c>
      <c r="R2112" s="238">
        <v>35</v>
      </c>
      <c r="S2112" s="236" t="e">
        <f t="shared" si="494"/>
        <v>#N/A</v>
      </c>
      <c r="T2112" s="236">
        <f t="shared" si="480"/>
        <v>38.604998781037679</v>
      </c>
    </row>
    <row r="2113" spans="1:20" x14ac:dyDescent="0.2">
      <c r="A2113" s="53">
        <f t="shared" si="481"/>
        <v>2101</v>
      </c>
      <c r="B2113" s="239">
        <v>21.14</v>
      </c>
      <c r="C2113" s="3">
        <f t="shared" si="482"/>
        <v>21.132999999999999</v>
      </c>
      <c r="D2113" s="239">
        <v>15.015000000000001</v>
      </c>
      <c r="E2113" s="239">
        <v>3.7100000000000001E-2</v>
      </c>
      <c r="F2113" s="239">
        <v>0.1641</v>
      </c>
      <c r="G2113">
        <f t="shared" si="483"/>
        <v>15.04782</v>
      </c>
      <c r="H2113" s="235">
        <f t="shared" si="484"/>
        <v>0.24654734041209958</v>
      </c>
      <c r="I2113" s="236">
        <f t="shared" si="485"/>
        <v>18.541478839184173</v>
      </c>
      <c r="J2113" s="237">
        <f t="shared" si="490"/>
        <v>8.5414788391841725</v>
      </c>
      <c r="K2113" s="237">
        <f t="shared" si="486"/>
        <v>391.83707230847909</v>
      </c>
      <c r="L2113" s="237">
        <f t="shared" si="491"/>
        <v>180.56686266035342</v>
      </c>
      <c r="M2113" s="236">
        <f t="shared" si="487"/>
        <v>81.166514784384603</v>
      </c>
      <c r="N2113" s="236">
        <f t="shared" si="488"/>
        <v>0.25313894116171476</v>
      </c>
      <c r="O2113" s="236">
        <f t="shared" si="492"/>
        <v>1.6805120820726596</v>
      </c>
      <c r="P2113" s="236" t="str">
        <f t="shared" si="493"/>
        <v>SAND</v>
      </c>
      <c r="Q2113" s="236" t="e">
        <f t="shared" si="489"/>
        <v>#N/A</v>
      </c>
      <c r="R2113" s="238">
        <v>35</v>
      </c>
      <c r="S2113" s="236" t="e">
        <f t="shared" si="494"/>
        <v>#N/A</v>
      </c>
      <c r="T2113" s="236">
        <f t="shared" si="480"/>
        <v>38.603145879773109</v>
      </c>
    </row>
    <row r="2114" spans="1:20" x14ac:dyDescent="0.2">
      <c r="A2114" s="53">
        <f t="shared" si="481"/>
        <v>2102</v>
      </c>
      <c r="B2114" s="239">
        <v>21.151</v>
      </c>
      <c r="C2114" s="3">
        <f t="shared" si="482"/>
        <v>21.143999999999998</v>
      </c>
      <c r="D2114" s="239">
        <v>14.9848</v>
      </c>
      <c r="E2114" s="239">
        <v>3.8699999999999998E-2</v>
      </c>
      <c r="F2114" s="239">
        <v>0.15920000000000001</v>
      </c>
      <c r="G2114">
        <f t="shared" si="483"/>
        <v>15.016640000000001</v>
      </c>
      <c r="H2114" s="235">
        <f t="shared" si="484"/>
        <v>0.25771410914825155</v>
      </c>
      <c r="I2114" s="236">
        <f t="shared" si="485"/>
        <v>18.590178152368861</v>
      </c>
      <c r="J2114" s="237">
        <f t="shared" si="490"/>
        <v>8.5901781523688605</v>
      </c>
      <c r="K2114" s="237">
        <f t="shared" si="486"/>
        <v>393.07072685368718</v>
      </c>
      <c r="L2114" s="237">
        <f t="shared" si="491"/>
        <v>181.69085810075376</v>
      </c>
      <c r="M2114" s="236">
        <f t="shared" si="487"/>
        <v>80.485993769906941</v>
      </c>
      <c r="N2114" s="236">
        <f t="shared" si="488"/>
        <v>0.26464127380355723</v>
      </c>
      <c r="O2114" s="236">
        <f t="shared" si="492"/>
        <v>1.6911474534321471</v>
      </c>
      <c r="P2114" s="236" t="str">
        <f t="shared" si="493"/>
        <v>SAND</v>
      </c>
      <c r="Q2114" s="236" t="e">
        <f t="shared" si="489"/>
        <v>#N/A</v>
      </c>
      <c r="R2114" s="238">
        <v>35</v>
      </c>
      <c r="S2114" s="236" t="e">
        <f t="shared" si="494"/>
        <v>#N/A</v>
      </c>
      <c r="T2114" s="236">
        <f t="shared" si="480"/>
        <v>38.562923417779714</v>
      </c>
    </row>
    <row r="2115" spans="1:20" x14ac:dyDescent="0.2">
      <c r="A2115" s="53">
        <f t="shared" si="481"/>
        <v>2103</v>
      </c>
      <c r="B2115" s="239">
        <v>21.161000000000001</v>
      </c>
      <c r="C2115" s="3">
        <f t="shared" si="482"/>
        <v>21.154</v>
      </c>
      <c r="D2115" s="239">
        <v>14.8405</v>
      </c>
      <c r="E2115" s="239">
        <v>3.9699999999999999E-2</v>
      </c>
      <c r="F2115" s="239">
        <v>0.16819999999999999</v>
      </c>
      <c r="G2115">
        <f t="shared" si="483"/>
        <v>14.874140000000001</v>
      </c>
      <c r="H2115" s="235">
        <f t="shared" si="484"/>
        <v>0.26690618751739598</v>
      </c>
      <c r="I2115" s="236">
        <f t="shared" si="485"/>
        <v>18.616366101038956</v>
      </c>
      <c r="J2115" s="237">
        <f t="shared" si="490"/>
        <v>8.6163661010389561</v>
      </c>
      <c r="K2115" s="237">
        <f t="shared" si="486"/>
        <v>393.81060850137806</v>
      </c>
      <c r="L2115" s="237">
        <f t="shared" si="491"/>
        <v>182.33092306408537</v>
      </c>
      <c r="M2115" s="236">
        <f t="shared" si="487"/>
        <v>79.41784722062259</v>
      </c>
      <c r="N2115" s="236">
        <f t="shared" si="488"/>
        <v>0.2741650340033549</v>
      </c>
      <c r="O2115" s="236">
        <f t="shared" si="492"/>
        <v>1.7023915584856544</v>
      </c>
      <c r="P2115" s="236" t="str">
        <f t="shared" si="493"/>
        <v>SAND</v>
      </c>
      <c r="Q2115" s="236" t="e">
        <f t="shared" si="489"/>
        <v>#N/A</v>
      </c>
      <c r="R2115" s="238">
        <v>35</v>
      </c>
      <c r="S2115" s="236" t="e">
        <f t="shared" si="494"/>
        <v>#N/A</v>
      </c>
      <c r="T2115" s="236">
        <f t="shared" si="480"/>
        <v>38.499099215148341</v>
      </c>
    </row>
    <row r="2116" spans="1:20" x14ac:dyDescent="0.2">
      <c r="A2116" s="53">
        <f t="shared" si="481"/>
        <v>2104</v>
      </c>
      <c r="B2116" s="239">
        <v>21.17</v>
      </c>
      <c r="C2116" s="3">
        <f t="shared" si="482"/>
        <v>21.163</v>
      </c>
      <c r="D2116" s="239">
        <v>14.559200000000001</v>
      </c>
      <c r="E2116" s="239">
        <v>3.9800000000000002E-2</v>
      </c>
      <c r="F2116" s="239">
        <v>0.16769999999999999</v>
      </c>
      <c r="G2116">
        <f t="shared" si="483"/>
        <v>14.592740000000001</v>
      </c>
      <c r="H2116" s="235">
        <f t="shared" si="484"/>
        <v>0.27273836167847848</v>
      </c>
      <c r="I2116" s="236">
        <f t="shared" si="485"/>
        <v>18.611850509193495</v>
      </c>
      <c r="J2116" s="237">
        <f t="shared" si="490"/>
        <v>8.6118505091934949</v>
      </c>
      <c r="K2116" s="237">
        <f t="shared" si="486"/>
        <v>393.88259232606191</v>
      </c>
      <c r="L2116" s="237">
        <f t="shared" si="491"/>
        <v>182.3128752796263</v>
      </c>
      <c r="M2116" s="236">
        <f t="shared" si="487"/>
        <v>77.881813809892122</v>
      </c>
      <c r="N2116" s="236">
        <f t="shared" si="488"/>
        <v>0.28030424461118697</v>
      </c>
      <c r="O2116" s="236">
        <f t="shared" si="492"/>
        <v>1.713940927501892</v>
      </c>
      <c r="P2116" s="236" t="str">
        <f t="shared" si="493"/>
        <v>SAND</v>
      </c>
      <c r="Q2116" s="236" t="e">
        <f t="shared" si="489"/>
        <v>#N/A</v>
      </c>
      <c r="R2116" s="238">
        <v>35</v>
      </c>
      <c r="S2116" s="236" t="e">
        <f t="shared" si="494"/>
        <v>#N/A</v>
      </c>
      <c r="T2116" s="236">
        <f t="shared" si="480"/>
        <v>38.405796630996647</v>
      </c>
    </row>
    <row r="2117" spans="1:20" x14ac:dyDescent="0.2">
      <c r="A2117" s="53">
        <f t="shared" si="481"/>
        <v>2105</v>
      </c>
      <c r="B2117" s="239">
        <v>21.18</v>
      </c>
      <c r="C2117" s="3">
        <f t="shared" si="482"/>
        <v>21.172999999999998</v>
      </c>
      <c r="D2117" s="239">
        <v>14.3094</v>
      </c>
      <c r="E2117" s="239">
        <v>3.9199999999999999E-2</v>
      </c>
      <c r="F2117" s="239">
        <v>0.1729</v>
      </c>
      <c r="G2117">
        <f t="shared" si="483"/>
        <v>14.34398</v>
      </c>
      <c r="H2117" s="235">
        <f t="shared" si="484"/>
        <v>0.27328537825624405</v>
      </c>
      <c r="I2117" s="236">
        <f t="shared" si="485"/>
        <v>18.587318139248556</v>
      </c>
      <c r="J2117" s="237">
        <f t="shared" si="490"/>
        <v>8.5873181392485556</v>
      </c>
      <c r="K2117" s="237">
        <f t="shared" si="486"/>
        <v>393.54928696230962</v>
      </c>
      <c r="L2117" s="237">
        <f t="shared" si="491"/>
        <v>181.87939818928442</v>
      </c>
      <c r="M2117" s="236">
        <f t="shared" si="487"/>
        <v>76.701544275615433</v>
      </c>
      <c r="N2117" s="236">
        <f t="shared" si="488"/>
        <v>0.28099490837487012</v>
      </c>
      <c r="O2117" s="236">
        <f t="shared" si="492"/>
        <v>1.7204661095212388</v>
      </c>
      <c r="P2117" s="236" t="str">
        <f t="shared" si="493"/>
        <v>SAND</v>
      </c>
      <c r="Q2117" s="236" t="e">
        <f t="shared" si="489"/>
        <v>#N/A</v>
      </c>
      <c r="R2117" s="238">
        <v>35</v>
      </c>
      <c r="S2117" s="236" t="e">
        <f t="shared" si="494"/>
        <v>#N/A</v>
      </c>
      <c r="T2117" s="236">
        <f t="shared" si="480"/>
        <v>38.332845187270536</v>
      </c>
    </row>
    <row r="2118" spans="1:20" x14ac:dyDescent="0.2">
      <c r="A2118" s="53">
        <f t="shared" si="481"/>
        <v>2106</v>
      </c>
      <c r="B2118" s="239">
        <v>21.19</v>
      </c>
      <c r="C2118" s="3">
        <f t="shared" si="482"/>
        <v>21.183</v>
      </c>
      <c r="D2118" s="239">
        <v>14.0078</v>
      </c>
      <c r="E2118" s="239">
        <v>3.8300000000000001E-2</v>
      </c>
      <c r="F2118" s="239">
        <v>0.17680000000000001</v>
      </c>
      <c r="G2118">
        <f t="shared" si="483"/>
        <v>14.04316</v>
      </c>
      <c r="H2118" s="235">
        <f t="shared" si="484"/>
        <v>0.27273063897299465</v>
      </c>
      <c r="I2118" s="236">
        <f t="shared" si="485"/>
        <v>18.551798103685599</v>
      </c>
      <c r="J2118" s="237">
        <f t="shared" si="490"/>
        <v>8.5517981036855986</v>
      </c>
      <c r="K2118" s="237">
        <f t="shared" si="486"/>
        <v>392.98273923037203</v>
      </c>
      <c r="L2118" s="237">
        <f t="shared" si="491"/>
        <v>181.21260181709783</v>
      </c>
      <c r="M2118" s="236">
        <f t="shared" si="487"/>
        <v>75.326865371907601</v>
      </c>
      <c r="N2118" s="236">
        <f t="shared" si="488"/>
        <v>0.28058243690412382</v>
      </c>
      <c r="O2118" s="236">
        <f t="shared" si="492"/>
        <v>1.7274586666708689</v>
      </c>
      <c r="P2118" s="236" t="str">
        <f t="shared" si="493"/>
        <v>SAND</v>
      </c>
      <c r="Q2118" s="236" t="e">
        <f t="shared" si="489"/>
        <v>#N/A</v>
      </c>
      <c r="R2118" s="238">
        <v>35</v>
      </c>
      <c r="S2118" s="236" t="e">
        <f t="shared" si="494"/>
        <v>#N/A</v>
      </c>
      <c r="T2118" s="236">
        <f t="shared" si="480"/>
        <v>38.246448847385778</v>
      </c>
    </row>
    <row r="2119" spans="1:20" x14ac:dyDescent="0.2">
      <c r="A2119" s="53">
        <f t="shared" si="481"/>
        <v>2107</v>
      </c>
      <c r="B2119" s="239">
        <v>21.2</v>
      </c>
      <c r="C2119" s="3">
        <f t="shared" si="482"/>
        <v>21.192999999999998</v>
      </c>
      <c r="D2119" s="239">
        <v>13.776</v>
      </c>
      <c r="E2119" s="239">
        <v>3.8100000000000002E-2</v>
      </c>
      <c r="F2119" s="239">
        <v>0.17549999999999999</v>
      </c>
      <c r="G2119">
        <f t="shared" si="483"/>
        <v>13.8111</v>
      </c>
      <c r="H2119" s="235">
        <f t="shared" si="484"/>
        <v>0.27586506505636771</v>
      </c>
      <c r="I2119" s="236">
        <f t="shared" si="485"/>
        <v>18.539145931535657</v>
      </c>
      <c r="J2119" s="237">
        <f t="shared" si="490"/>
        <v>8.539145931535657</v>
      </c>
      <c r="K2119" s="237">
        <f t="shared" si="486"/>
        <v>392.90011972703513</v>
      </c>
      <c r="L2119" s="237">
        <f t="shared" si="491"/>
        <v>181.02989374855593</v>
      </c>
      <c r="M2119" s="236">
        <f t="shared" si="487"/>
        <v>74.1214591823733</v>
      </c>
      <c r="N2119" s="236">
        <f t="shared" si="488"/>
        <v>0.2839427072182274</v>
      </c>
      <c r="O2119" s="236">
        <f t="shared" si="492"/>
        <v>1.7359201970385048</v>
      </c>
      <c r="P2119" s="236" t="str">
        <f t="shared" si="493"/>
        <v>SAND</v>
      </c>
      <c r="Q2119" s="236" t="e">
        <f t="shared" si="489"/>
        <v>#N/A</v>
      </c>
      <c r="R2119" s="238">
        <v>35</v>
      </c>
      <c r="S2119" s="236" t="e">
        <f t="shared" si="494"/>
        <v>#N/A</v>
      </c>
      <c r="T2119" s="236">
        <f t="shared" si="480"/>
        <v>38.169383564535387</v>
      </c>
    </row>
    <row r="2120" spans="1:20" x14ac:dyDescent="0.2">
      <c r="A2120" s="53">
        <f t="shared" si="481"/>
        <v>2108</v>
      </c>
      <c r="B2120" s="239">
        <v>21.209</v>
      </c>
      <c r="C2120" s="3">
        <f t="shared" si="482"/>
        <v>21.201999999999998</v>
      </c>
      <c r="D2120" s="239">
        <v>13.4939</v>
      </c>
      <c r="E2120" s="239">
        <v>3.9100000000000003E-2</v>
      </c>
      <c r="F2120" s="239">
        <v>0.18129999999999999</v>
      </c>
      <c r="G2120">
        <f t="shared" si="483"/>
        <v>13.53016</v>
      </c>
      <c r="H2120" s="235">
        <f t="shared" si="484"/>
        <v>0.2889840179273564</v>
      </c>
      <c r="I2120" s="236">
        <f t="shared" si="485"/>
        <v>18.56149293846477</v>
      </c>
      <c r="J2120" s="237">
        <f t="shared" si="490"/>
        <v>8.5614929384647702</v>
      </c>
      <c r="K2120" s="237">
        <f t="shared" si="486"/>
        <v>393.54077328133002</v>
      </c>
      <c r="L2120" s="237">
        <f t="shared" si="491"/>
        <v>181.58070373189932</v>
      </c>
      <c r="M2120" s="236">
        <f t="shared" si="487"/>
        <v>72.345898857813964</v>
      </c>
      <c r="N2120" s="236">
        <f t="shared" si="488"/>
        <v>0.29764126770512017</v>
      </c>
      <c r="O2120" s="236">
        <f t="shared" si="492"/>
        <v>1.7536241648077653</v>
      </c>
      <c r="P2120" s="236" t="str">
        <f t="shared" si="493"/>
        <v>SAND</v>
      </c>
      <c r="Q2120" s="236" t="e">
        <f t="shared" si="489"/>
        <v>#N/A</v>
      </c>
      <c r="R2120" s="238">
        <v>35</v>
      </c>
      <c r="S2120" s="236" t="e">
        <f t="shared" si="494"/>
        <v>#N/A</v>
      </c>
      <c r="T2120" s="236">
        <f t="shared" si="480"/>
        <v>38.053553085680278</v>
      </c>
    </row>
    <row r="2121" spans="1:20" x14ac:dyDescent="0.2">
      <c r="A2121" s="53">
        <f t="shared" si="481"/>
        <v>2109</v>
      </c>
      <c r="B2121" s="239">
        <v>21.219000000000001</v>
      </c>
      <c r="C2121" s="3">
        <f t="shared" si="482"/>
        <v>21.212</v>
      </c>
      <c r="D2121" s="239">
        <v>13.172800000000001</v>
      </c>
      <c r="E2121" s="239">
        <v>3.8300000000000001E-2</v>
      </c>
      <c r="F2121" s="239">
        <v>0.17799999999999999</v>
      </c>
      <c r="G2121">
        <f t="shared" si="483"/>
        <v>13.208400000000001</v>
      </c>
      <c r="H2121" s="235">
        <f t="shared" si="484"/>
        <v>0.28996699070288601</v>
      </c>
      <c r="I2121" s="236">
        <f t="shared" si="485"/>
        <v>18.52784493536868</v>
      </c>
      <c r="J2121" s="237">
        <f t="shared" si="490"/>
        <v>8.5278449353686803</v>
      </c>
      <c r="K2121" s="237">
        <f t="shared" si="486"/>
        <v>393.01264676904043</v>
      </c>
      <c r="L2121" s="237">
        <f t="shared" si="491"/>
        <v>180.95234168358803</v>
      </c>
      <c r="M2121" s="236">
        <f t="shared" si="487"/>
        <v>70.821892847564555</v>
      </c>
      <c r="N2121" s="236">
        <f t="shared" si="488"/>
        <v>0.29885947996994383</v>
      </c>
      <c r="O2121" s="236">
        <f t="shared" si="492"/>
        <v>1.7628192278025174</v>
      </c>
      <c r="P2121" s="236" t="str">
        <f t="shared" si="493"/>
        <v>SAND</v>
      </c>
      <c r="Q2121" s="236" t="e">
        <f t="shared" si="489"/>
        <v>#N/A</v>
      </c>
      <c r="R2121" s="238">
        <v>35</v>
      </c>
      <c r="S2121" s="236" t="e">
        <f t="shared" si="494"/>
        <v>#N/A</v>
      </c>
      <c r="T2121" s="236">
        <f t="shared" si="480"/>
        <v>37.951842829005841</v>
      </c>
    </row>
    <row r="2122" spans="1:20" x14ac:dyDescent="0.2">
      <c r="A2122" s="53">
        <f t="shared" si="481"/>
        <v>2110</v>
      </c>
      <c r="B2122" s="239">
        <v>21.228999999999999</v>
      </c>
      <c r="C2122" s="3">
        <f t="shared" si="482"/>
        <v>21.221999999999998</v>
      </c>
      <c r="D2122" s="239">
        <v>12.886200000000001</v>
      </c>
      <c r="E2122" s="239">
        <v>3.85E-2</v>
      </c>
      <c r="F2122" s="239">
        <v>0.1855</v>
      </c>
      <c r="G2122">
        <f t="shared" si="483"/>
        <v>12.923300000000001</v>
      </c>
      <c r="H2122" s="235">
        <f t="shared" si="484"/>
        <v>0.29791152414630934</v>
      </c>
      <c r="I2122" s="236">
        <f t="shared" si="485"/>
        <v>18.525423107549315</v>
      </c>
      <c r="J2122" s="237">
        <f t="shared" si="490"/>
        <v>8.5254231075493152</v>
      </c>
      <c r="K2122" s="237">
        <f t="shared" si="486"/>
        <v>393.14652918841153</v>
      </c>
      <c r="L2122" s="237">
        <f t="shared" si="491"/>
        <v>180.9862071501644</v>
      </c>
      <c r="M2122" s="236">
        <f t="shared" si="487"/>
        <v>69.232643018013576</v>
      </c>
      <c r="N2122" s="236">
        <f t="shared" si="488"/>
        <v>0.30725880644386333</v>
      </c>
      <c r="O2122" s="236">
        <f t="shared" si="492"/>
        <v>1.7766397820393516</v>
      </c>
      <c r="P2122" s="236" t="str">
        <f t="shared" si="493"/>
        <v>SAND</v>
      </c>
      <c r="Q2122" s="236" t="e">
        <f t="shared" si="489"/>
        <v>#N/A</v>
      </c>
      <c r="R2122" s="238">
        <v>35</v>
      </c>
      <c r="S2122" s="236" t="e">
        <f t="shared" si="494"/>
        <v>#N/A</v>
      </c>
      <c r="T2122" s="236">
        <f t="shared" si="480"/>
        <v>37.843420026586315</v>
      </c>
    </row>
    <row r="2123" spans="1:20" x14ac:dyDescent="0.2">
      <c r="A2123" s="53">
        <f t="shared" si="481"/>
        <v>2111</v>
      </c>
      <c r="B2123" s="239">
        <v>21.239000000000001</v>
      </c>
      <c r="C2123" s="3">
        <f t="shared" si="482"/>
        <v>21.231999999999999</v>
      </c>
      <c r="D2123" s="239">
        <v>12.5703</v>
      </c>
      <c r="E2123" s="239">
        <v>3.85E-2</v>
      </c>
      <c r="F2123" s="239">
        <v>0.18340000000000001</v>
      </c>
      <c r="G2123">
        <f t="shared" si="483"/>
        <v>12.60698</v>
      </c>
      <c r="H2123" s="235">
        <f t="shared" si="484"/>
        <v>0.30538638119517919</v>
      </c>
      <c r="I2123" s="236">
        <f t="shared" si="485"/>
        <v>18.515736981529155</v>
      </c>
      <c r="J2123" s="237">
        <f t="shared" si="490"/>
        <v>8.5157369815291553</v>
      </c>
      <c r="K2123" s="237">
        <f t="shared" si="486"/>
        <v>393.12612759182701</v>
      </c>
      <c r="L2123" s="237">
        <f t="shared" si="491"/>
        <v>180.86573775069775</v>
      </c>
      <c r="M2123" s="236">
        <f t="shared" si="487"/>
        <v>67.529948039376805</v>
      </c>
      <c r="N2123" s="236">
        <f t="shared" si="488"/>
        <v>0.31521582296783335</v>
      </c>
      <c r="O2123" s="236">
        <f t="shared" si="492"/>
        <v>1.7909912010564295</v>
      </c>
      <c r="P2123" s="236" t="str">
        <f t="shared" si="493"/>
        <v>SAND</v>
      </c>
      <c r="Q2123" s="236" t="e">
        <f t="shared" si="489"/>
        <v>#N/A</v>
      </c>
      <c r="R2123" s="238">
        <v>35</v>
      </c>
      <c r="S2123" s="236" t="e">
        <f t="shared" si="494"/>
        <v>#N/A</v>
      </c>
      <c r="T2123" s="236">
        <f t="shared" si="480"/>
        <v>37.724460571097538</v>
      </c>
    </row>
    <row r="2124" spans="1:20" x14ac:dyDescent="0.2">
      <c r="A2124" s="53">
        <f t="shared" si="481"/>
        <v>2112</v>
      </c>
      <c r="B2124" s="239">
        <v>21.248000000000001</v>
      </c>
      <c r="C2124" s="3">
        <f t="shared" si="482"/>
        <v>21.241</v>
      </c>
      <c r="D2124" s="239">
        <v>12.3012</v>
      </c>
      <c r="E2124" s="239">
        <v>3.9800000000000002E-2</v>
      </c>
      <c r="F2124" s="239">
        <v>0.19270000000000001</v>
      </c>
      <c r="G2124">
        <f t="shared" si="483"/>
        <v>12.339739999999999</v>
      </c>
      <c r="H2124" s="235">
        <f t="shared" si="484"/>
        <v>0.32253515876347483</v>
      </c>
      <c r="I2124" s="236">
        <f t="shared" si="485"/>
        <v>18.546302757216289</v>
      </c>
      <c r="J2124" s="237">
        <f t="shared" si="490"/>
        <v>8.5463027572162886</v>
      </c>
      <c r="K2124" s="237">
        <f t="shared" si="486"/>
        <v>393.94201686603117</v>
      </c>
      <c r="L2124" s="237">
        <f t="shared" si="491"/>
        <v>181.59184098533171</v>
      </c>
      <c r="M2124" s="236">
        <f t="shared" si="487"/>
        <v>65.783781464602825</v>
      </c>
      <c r="N2124" s="236">
        <f t="shared" si="488"/>
        <v>0.33317154748634475</v>
      </c>
      <c r="O2124" s="236">
        <f t="shared" si="492"/>
        <v>1.8111507401358946</v>
      </c>
      <c r="P2124" s="236" t="str">
        <f t="shared" si="493"/>
        <v>SAND</v>
      </c>
      <c r="Q2124" s="236" t="e">
        <f t="shared" si="489"/>
        <v>#N/A</v>
      </c>
      <c r="R2124" s="238">
        <v>35</v>
      </c>
      <c r="S2124" s="236" t="e">
        <f t="shared" si="494"/>
        <v>#N/A</v>
      </c>
      <c r="T2124" s="236">
        <f t="shared" si="480"/>
        <v>37.599307179677901</v>
      </c>
    </row>
    <row r="2125" spans="1:20" x14ac:dyDescent="0.2">
      <c r="A2125" s="53">
        <f t="shared" si="481"/>
        <v>2113</v>
      </c>
      <c r="B2125" s="239">
        <v>21.257999999999999</v>
      </c>
      <c r="C2125" s="3">
        <f t="shared" si="482"/>
        <v>21.250999999999998</v>
      </c>
      <c r="D2125" s="239">
        <v>12.045199999999999</v>
      </c>
      <c r="E2125" s="239">
        <v>3.95E-2</v>
      </c>
      <c r="F2125" s="239">
        <v>0.1928</v>
      </c>
      <c r="G2125">
        <f t="shared" si="483"/>
        <v>12.08376</v>
      </c>
      <c r="H2125" s="235">
        <f t="shared" si="484"/>
        <v>0.32688500930174053</v>
      </c>
      <c r="I2125" s="236">
        <f t="shared" si="485"/>
        <v>18.529237094478002</v>
      </c>
      <c r="J2125" s="237">
        <f t="shared" si="490"/>
        <v>8.5292370944780025</v>
      </c>
      <c r="K2125" s="237">
        <f t="shared" si="486"/>
        <v>393.76481749475198</v>
      </c>
      <c r="L2125" s="237">
        <f t="shared" si="491"/>
        <v>181.31452215441337</v>
      </c>
      <c r="M2125" s="236">
        <f t="shared" si="487"/>
        <v>64.473573564888895</v>
      </c>
      <c r="N2125" s="236">
        <f t="shared" si="488"/>
        <v>0.33789577654500685</v>
      </c>
      <c r="O2125" s="236">
        <f t="shared" si="492"/>
        <v>1.8216280147631914</v>
      </c>
      <c r="P2125" s="236" t="str">
        <f t="shared" si="493"/>
        <v>SAND</v>
      </c>
      <c r="Q2125" s="236" t="e">
        <f t="shared" si="489"/>
        <v>#N/A</v>
      </c>
      <c r="R2125" s="238">
        <v>35</v>
      </c>
      <c r="S2125" s="236" t="e">
        <f t="shared" si="494"/>
        <v>#N/A</v>
      </c>
      <c r="T2125" s="236">
        <f t="shared" ref="T2125:T2188" si="495">IF(P2125="SAND",17.6+(11*LOG(M2125)),#N/A)</f>
        <v>37.503199166823578</v>
      </c>
    </row>
    <row r="2126" spans="1:20" x14ac:dyDescent="0.2">
      <c r="A2126" s="53">
        <f t="shared" ref="A2126:A2189" si="496">$A2125+1</f>
        <v>2114</v>
      </c>
      <c r="B2126" s="239">
        <v>21.266999999999999</v>
      </c>
      <c r="C2126" s="3">
        <f t="shared" ref="C2126:C2189" si="497">MAX($B2126 - $B$13, 0.001)</f>
        <v>21.259999999999998</v>
      </c>
      <c r="D2126" s="239">
        <v>11.771699999999999</v>
      </c>
      <c r="E2126" s="239">
        <v>3.9E-2</v>
      </c>
      <c r="F2126" s="239">
        <v>0.1966</v>
      </c>
      <c r="G2126">
        <f t="shared" si="483"/>
        <v>11.811019999999999</v>
      </c>
      <c r="H2126" s="235">
        <f t="shared" si="484"/>
        <v>0.3302001012613644</v>
      </c>
      <c r="I2126" s="236">
        <f t="shared" si="485"/>
        <v>18.505376157778489</v>
      </c>
      <c r="J2126" s="237">
        <f t="shared" si="490"/>
        <v>8.505376157778489</v>
      </c>
      <c r="K2126" s="237">
        <f t="shared" si="486"/>
        <v>393.42429711437063</v>
      </c>
      <c r="L2126" s="237">
        <f t="shared" si="491"/>
        <v>180.88383474747513</v>
      </c>
      <c r="M2126" s="236">
        <f t="shared" si="487"/>
        <v>63.121150205739987</v>
      </c>
      <c r="N2126" s="236">
        <f t="shared" si="488"/>
        <v>0.34157804335411285</v>
      </c>
      <c r="O2126" s="236">
        <f t="shared" si="492"/>
        <v>1.8319560448875432</v>
      </c>
      <c r="P2126" s="236" t="str">
        <f t="shared" si="493"/>
        <v>SAND</v>
      </c>
      <c r="Q2126" s="236" t="e">
        <f t="shared" si="489"/>
        <v>#N/A</v>
      </c>
      <c r="R2126" s="238">
        <v>35</v>
      </c>
      <c r="S2126" s="236" t="e">
        <f t="shared" si="494"/>
        <v>#N/A</v>
      </c>
      <c r="T2126" s="236">
        <f t="shared" si="495"/>
        <v>37.401923944781565</v>
      </c>
    </row>
    <row r="2127" spans="1:20" x14ac:dyDescent="0.2">
      <c r="A2127" s="53">
        <f t="shared" si="496"/>
        <v>2115</v>
      </c>
      <c r="B2127" s="239">
        <v>21.277000000000001</v>
      </c>
      <c r="C2127" s="3">
        <f t="shared" si="497"/>
        <v>21.27</v>
      </c>
      <c r="D2127" s="239">
        <v>11.4879</v>
      </c>
      <c r="E2127" s="239">
        <v>3.9199999999999999E-2</v>
      </c>
      <c r="F2127" s="239">
        <v>0.19520000000000001</v>
      </c>
      <c r="G2127">
        <f t="shared" ref="G2127:G2190" si="498">$D2127+($F2127*(1-$P$8))</f>
        <v>11.52694</v>
      </c>
      <c r="H2127" s="235">
        <f t="shared" ref="H2127:H2190" si="499">($E2127/$G2127)*100</f>
        <v>0.34007290746720292</v>
      </c>
      <c r="I2127" s="236">
        <f t="shared" ref="I2127:I2190" si="500">((0.27*(LOG($H2127)))+(0.36*(LOG(($G2127*1000)/101)))+1.236)*10</f>
        <v>18.501858064657203</v>
      </c>
      <c r="J2127" s="237">
        <f t="shared" si="490"/>
        <v>8.5018580646572026</v>
      </c>
      <c r="K2127" s="237">
        <f t="shared" ref="K2127:K2190" si="501">$I2127*$C2127</f>
        <v>393.53452103525871</v>
      </c>
      <c r="L2127" s="237">
        <f t="shared" si="491"/>
        <v>180.89403404171131</v>
      </c>
      <c r="M2127" s="236">
        <f t="shared" ref="M2127:M2190" si="502">(($G2127*1000)-$K2127)/$L2127</f>
        <v>61.546559774312705</v>
      </c>
      <c r="N2127" s="236">
        <f t="shared" ref="N2127:N2190" si="503">(($E2127*1000)/(($G2127*1000)-$K2127))*100</f>
        <v>0.35209352676558653</v>
      </c>
      <c r="O2127" s="236">
        <f t="shared" si="492"/>
        <v>1.8473874731891129</v>
      </c>
      <c r="P2127" s="236" t="str">
        <f t="shared" si="493"/>
        <v>SAND</v>
      </c>
      <c r="Q2127" s="236" t="e">
        <f t="shared" ref="Q2127:Q2190" si="504">IF(P2127="CLAY",($G2127*1000 -$K2127)/$L$8,#N/A)</f>
        <v>#N/A</v>
      </c>
      <c r="R2127" s="238">
        <v>35</v>
      </c>
      <c r="S2127" s="236" t="e">
        <f t="shared" si="494"/>
        <v>#N/A</v>
      </c>
      <c r="T2127" s="236">
        <f t="shared" si="495"/>
        <v>37.28124160734653</v>
      </c>
    </row>
    <row r="2128" spans="1:20" x14ac:dyDescent="0.2">
      <c r="A2128" s="53">
        <f t="shared" si="496"/>
        <v>2116</v>
      </c>
      <c r="B2128" s="239">
        <v>21.288</v>
      </c>
      <c r="C2128" s="3">
        <f t="shared" si="497"/>
        <v>21.280999999999999</v>
      </c>
      <c r="D2128" s="239">
        <v>11.1456</v>
      </c>
      <c r="E2128" s="239">
        <v>3.8699999999999998E-2</v>
      </c>
      <c r="F2128" s="239">
        <v>0.1978</v>
      </c>
      <c r="G2128">
        <f t="shared" si="498"/>
        <v>11.18516</v>
      </c>
      <c r="H2128" s="235">
        <f t="shared" si="499"/>
        <v>0.34599415654313392</v>
      </c>
      <c r="I2128" s="236">
        <f t="shared" si="500"/>
        <v>18.475040640757449</v>
      </c>
      <c r="J2128" s="237">
        <f t="shared" ref="J2128:J2191" si="505">$I2128-10</f>
        <v>8.4750406407574488</v>
      </c>
      <c r="K2128" s="237">
        <f t="shared" si="501"/>
        <v>393.16733987595927</v>
      </c>
      <c r="L2128" s="237">
        <f t="shared" ref="L2128:L2191" si="506">$J2128*$B2128</f>
        <v>180.41666516044458</v>
      </c>
      <c r="M2128" s="236">
        <f t="shared" si="502"/>
        <v>59.817049885755949</v>
      </c>
      <c r="N2128" s="236">
        <f t="shared" si="503"/>
        <v>0.35859920608540508</v>
      </c>
      <c r="O2128" s="236">
        <f t="shared" ref="O2128:O2191" si="507">((3.47-LOG($M2128))^2+(LOG($N2128)+1.22)^2)^0.5</f>
        <v>1.8619509171741853</v>
      </c>
      <c r="P2128" s="236" t="str">
        <f t="shared" ref="P2128:P2191" si="508">IF(O2128&lt;2.6,"SAND","CLAY")</f>
        <v>SAND</v>
      </c>
      <c r="Q2128" s="236" t="e">
        <f t="shared" si="504"/>
        <v>#N/A</v>
      </c>
      <c r="R2128" s="238">
        <v>35</v>
      </c>
      <c r="S2128" s="236" t="e">
        <f t="shared" ref="S2128:S2191" si="509">IF(P2128="SAND",#N/A,0.25*($M2128)^1.25)</f>
        <v>#N/A</v>
      </c>
      <c r="T2128" s="236">
        <f t="shared" si="495"/>
        <v>37.145074893019753</v>
      </c>
    </row>
    <row r="2129" spans="1:20" x14ac:dyDescent="0.2">
      <c r="A2129" s="53">
        <f t="shared" si="496"/>
        <v>2117</v>
      </c>
      <c r="B2129" s="239">
        <v>21.297000000000001</v>
      </c>
      <c r="C2129" s="3">
        <f t="shared" si="497"/>
        <v>21.29</v>
      </c>
      <c r="D2129" s="239">
        <v>10.8103</v>
      </c>
      <c r="E2129" s="239">
        <v>3.8399999999999997E-2</v>
      </c>
      <c r="F2129" s="239">
        <v>0.1968</v>
      </c>
      <c r="G2129">
        <f t="shared" si="498"/>
        <v>10.84966</v>
      </c>
      <c r="H2129" s="235">
        <f t="shared" si="499"/>
        <v>0.35392814152701557</v>
      </c>
      <c r="I2129" s="236">
        <f t="shared" si="500"/>
        <v>18.454011876043793</v>
      </c>
      <c r="J2129" s="237">
        <f t="shared" si="505"/>
        <v>8.4540118760437934</v>
      </c>
      <c r="K2129" s="237">
        <f t="shared" si="501"/>
        <v>392.88591284097237</v>
      </c>
      <c r="L2129" s="237">
        <f t="shared" si="506"/>
        <v>180.04509092410467</v>
      </c>
      <c r="M2129" s="236">
        <f t="shared" si="502"/>
        <v>58.078640375520841</v>
      </c>
      <c r="N2129" s="236">
        <f t="shared" si="503"/>
        <v>0.36722606494057669</v>
      </c>
      <c r="O2129" s="236">
        <f t="shared" si="507"/>
        <v>1.8778978943233509</v>
      </c>
      <c r="P2129" s="236" t="str">
        <f t="shared" si="508"/>
        <v>SAND</v>
      </c>
      <c r="Q2129" s="236" t="e">
        <f t="shared" si="504"/>
        <v>#N/A</v>
      </c>
      <c r="R2129" s="238">
        <v>35</v>
      </c>
      <c r="S2129" s="236" t="e">
        <f t="shared" si="509"/>
        <v>#N/A</v>
      </c>
      <c r="T2129" s="236">
        <f t="shared" si="495"/>
        <v>37.004180850460848</v>
      </c>
    </row>
    <row r="2130" spans="1:20" x14ac:dyDescent="0.2">
      <c r="A2130" s="53">
        <f t="shared" si="496"/>
        <v>2118</v>
      </c>
      <c r="B2130" s="239">
        <v>21.306999999999999</v>
      </c>
      <c r="C2130" s="3">
        <f t="shared" si="497"/>
        <v>21.299999999999997</v>
      </c>
      <c r="D2130" s="239">
        <v>10.440099999999999</v>
      </c>
      <c r="E2130" s="239">
        <v>3.73E-2</v>
      </c>
      <c r="F2130" s="239">
        <v>0.19739999999999999</v>
      </c>
      <c r="G2130">
        <f t="shared" si="498"/>
        <v>10.479579999999999</v>
      </c>
      <c r="H2130" s="235">
        <f t="shared" si="499"/>
        <v>0.35593029491639938</v>
      </c>
      <c r="I2130" s="236">
        <f t="shared" si="500"/>
        <v>18.406366389896611</v>
      </c>
      <c r="J2130" s="237">
        <f t="shared" si="505"/>
        <v>8.4063663898966112</v>
      </c>
      <c r="K2130" s="237">
        <f t="shared" si="501"/>
        <v>392.05560410479779</v>
      </c>
      <c r="L2130" s="237">
        <f t="shared" si="506"/>
        <v>179.11444866952709</v>
      </c>
      <c r="M2130" s="236">
        <f t="shared" si="502"/>
        <v>56.31887584070374</v>
      </c>
      <c r="N2130" s="236">
        <f t="shared" si="503"/>
        <v>0.36976366585222892</v>
      </c>
      <c r="O2130" s="236">
        <f t="shared" si="507"/>
        <v>1.8912893336205709</v>
      </c>
      <c r="P2130" s="236" t="str">
        <f t="shared" si="508"/>
        <v>SAND</v>
      </c>
      <c r="Q2130" s="236" t="e">
        <f t="shared" si="504"/>
        <v>#N/A</v>
      </c>
      <c r="R2130" s="238">
        <v>35</v>
      </c>
      <c r="S2130" s="236" t="e">
        <f t="shared" si="509"/>
        <v>#N/A</v>
      </c>
      <c r="T2130" s="236">
        <f t="shared" si="495"/>
        <v>36.857193751800466</v>
      </c>
    </row>
    <row r="2131" spans="1:20" x14ac:dyDescent="0.2">
      <c r="A2131" s="53">
        <f t="shared" si="496"/>
        <v>2119</v>
      </c>
      <c r="B2131" s="239">
        <v>21.317</v>
      </c>
      <c r="C2131" s="3">
        <f t="shared" si="497"/>
        <v>21.31</v>
      </c>
      <c r="D2131" s="239">
        <v>9.9802</v>
      </c>
      <c r="E2131" s="239">
        <v>3.6700000000000003E-2</v>
      </c>
      <c r="F2131" s="239">
        <v>0.20669999999999999</v>
      </c>
      <c r="G2131">
        <f t="shared" si="498"/>
        <v>10.02154</v>
      </c>
      <c r="H2131" s="235">
        <f t="shared" si="499"/>
        <v>0.36621118111587642</v>
      </c>
      <c r="I2131" s="236">
        <f t="shared" si="500"/>
        <v>18.369882445694365</v>
      </c>
      <c r="J2131" s="237">
        <f t="shared" si="505"/>
        <v>8.3698824456943655</v>
      </c>
      <c r="K2131" s="237">
        <f t="shared" si="501"/>
        <v>391.4621949177469</v>
      </c>
      <c r="L2131" s="237">
        <f t="shared" si="506"/>
        <v>178.4207840948668</v>
      </c>
      <c r="M2131" s="236">
        <f t="shared" si="502"/>
        <v>53.973968637879736</v>
      </c>
      <c r="N2131" s="236">
        <f t="shared" si="503"/>
        <v>0.38109764783656952</v>
      </c>
      <c r="O2131" s="236">
        <f t="shared" si="507"/>
        <v>1.9135470541034738</v>
      </c>
      <c r="P2131" s="236" t="str">
        <f t="shared" si="508"/>
        <v>SAND</v>
      </c>
      <c r="Q2131" s="236" t="e">
        <f t="shared" si="504"/>
        <v>#N/A</v>
      </c>
      <c r="R2131" s="238">
        <v>35</v>
      </c>
      <c r="S2131" s="236" t="e">
        <f t="shared" si="509"/>
        <v>#N/A</v>
      </c>
      <c r="T2131" s="236">
        <f t="shared" si="495"/>
        <v>36.654027876016087</v>
      </c>
    </row>
    <row r="2132" spans="1:20" x14ac:dyDescent="0.2">
      <c r="A2132" s="53">
        <f t="shared" si="496"/>
        <v>2120</v>
      </c>
      <c r="B2132" s="239">
        <v>21.327000000000002</v>
      </c>
      <c r="C2132" s="3">
        <f t="shared" si="497"/>
        <v>21.32</v>
      </c>
      <c r="D2132" s="239">
        <v>9.5313999999999997</v>
      </c>
      <c r="E2132" s="239">
        <v>3.6299999999999999E-2</v>
      </c>
      <c r="F2132" s="239">
        <v>0.2034</v>
      </c>
      <c r="G2132">
        <f t="shared" si="498"/>
        <v>9.5720799999999997</v>
      </c>
      <c r="H2132" s="235">
        <f t="shared" si="499"/>
        <v>0.37922792120416882</v>
      </c>
      <c r="I2132" s="236">
        <f t="shared" si="500"/>
        <v>18.339096629650196</v>
      </c>
      <c r="J2132" s="237">
        <f t="shared" si="505"/>
        <v>8.3390966296501965</v>
      </c>
      <c r="K2132" s="237">
        <f t="shared" si="501"/>
        <v>390.98954014414221</v>
      </c>
      <c r="L2132" s="237">
        <f t="shared" si="506"/>
        <v>177.84791382054976</v>
      </c>
      <c r="M2132" s="236">
        <f t="shared" si="502"/>
        <v>51.623267670823878</v>
      </c>
      <c r="N2132" s="236">
        <f t="shared" si="503"/>
        <v>0.39537787105704991</v>
      </c>
      <c r="O2132" s="236">
        <f t="shared" si="507"/>
        <v>1.9378083397952288</v>
      </c>
      <c r="P2132" s="236" t="str">
        <f t="shared" si="508"/>
        <v>SAND</v>
      </c>
      <c r="Q2132" s="236" t="e">
        <f t="shared" si="504"/>
        <v>#N/A</v>
      </c>
      <c r="R2132" s="238">
        <v>35</v>
      </c>
      <c r="S2132" s="236" t="e">
        <f t="shared" si="509"/>
        <v>#N/A</v>
      </c>
      <c r="T2132" s="236">
        <f t="shared" si="495"/>
        <v>36.441300403514823</v>
      </c>
    </row>
    <row r="2133" spans="1:20" x14ac:dyDescent="0.2">
      <c r="A2133" s="53">
        <f t="shared" si="496"/>
        <v>2121</v>
      </c>
      <c r="B2133" s="239">
        <v>21.335999999999999</v>
      </c>
      <c r="C2133" s="3">
        <f t="shared" si="497"/>
        <v>21.328999999999997</v>
      </c>
      <c r="D2133" s="239">
        <v>9.0065000000000008</v>
      </c>
      <c r="E2133" s="239">
        <v>3.6400000000000002E-2</v>
      </c>
      <c r="F2133" s="239">
        <v>0.2051</v>
      </c>
      <c r="G2133">
        <f t="shared" si="498"/>
        <v>9.0475200000000005</v>
      </c>
      <c r="H2133" s="235">
        <f t="shared" si="499"/>
        <v>0.40232019382106921</v>
      </c>
      <c r="I2133" s="236">
        <f t="shared" si="500"/>
        <v>18.320293386865007</v>
      </c>
      <c r="J2133" s="237">
        <f t="shared" si="505"/>
        <v>8.3202933868650071</v>
      </c>
      <c r="K2133" s="237">
        <f t="shared" si="501"/>
        <v>390.75353764844368</v>
      </c>
      <c r="L2133" s="237">
        <f t="shared" si="506"/>
        <v>177.52177970215178</v>
      </c>
      <c r="M2133" s="236">
        <f t="shared" si="502"/>
        <v>48.764531748588745</v>
      </c>
      <c r="N2133" s="236">
        <f t="shared" si="503"/>
        <v>0.42048032782568751</v>
      </c>
      <c r="O2133" s="236">
        <f t="shared" si="507"/>
        <v>1.9715628123406412</v>
      </c>
      <c r="P2133" s="236" t="str">
        <f t="shared" si="508"/>
        <v>SAND</v>
      </c>
      <c r="Q2133" s="236" t="e">
        <f t="shared" si="504"/>
        <v>#N/A</v>
      </c>
      <c r="R2133" s="238">
        <v>35</v>
      </c>
      <c r="S2133" s="236" t="e">
        <f t="shared" si="509"/>
        <v>#N/A</v>
      </c>
      <c r="T2133" s="236">
        <f t="shared" si="495"/>
        <v>36.169144641829874</v>
      </c>
    </row>
    <row r="2134" spans="1:20" x14ac:dyDescent="0.2">
      <c r="A2134" s="53">
        <f t="shared" si="496"/>
        <v>2122</v>
      </c>
      <c r="B2134" s="239">
        <v>21.347000000000001</v>
      </c>
      <c r="C2134" s="3">
        <f t="shared" si="497"/>
        <v>21.34</v>
      </c>
      <c r="D2134" s="239">
        <v>8.5335999999999999</v>
      </c>
      <c r="E2134" s="239">
        <v>3.7400000000000003E-2</v>
      </c>
      <c r="F2134" s="239">
        <v>0.2051</v>
      </c>
      <c r="G2134">
        <f t="shared" si="498"/>
        <v>8.5746199999999995</v>
      </c>
      <c r="H2134" s="235">
        <f t="shared" si="499"/>
        <v>0.43617093235618615</v>
      </c>
      <c r="I2134" s="236">
        <f t="shared" si="500"/>
        <v>18.331089774650618</v>
      </c>
      <c r="J2134" s="237">
        <f t="shared" si="505"/>
        <v>8.3310897746506178</v>
      </c>
      <c r="K2134" s="237">
        <f t="shared" si="501"/>
        <v>391.18545579104421</v>
      </c>
      <c r="L2134" s="237">
        <f t="shared" si="506"/>
        <v>177.84377341946674</v>
      </c>
      <c r="M2134" s="236">
        <f t="shared" si="502"/>
        <v>46.014737467964665</v>
      </c>
      <c r="N2134" s="236">
        <f t="shared" si="503"/>
        <v>0.45702082417786666</v>
      </c>
      <c r="O2134" s="236">
        <f t="shared" si="507"/>
        <v>2.0099524331682059</v>
      </c>
      <c r="P2134" s="236" t="str">
        <f t="shared" si="508"/>
        <v>SAND</v>
      </c>
      <c r="Q2134" s="236" t="e">
        <f t="shared" si="504"/>
        <v>#N/A</v>
      </c>
      <c r="R2134" s="238">
        <v>35</v>
      </c>
      <c r="S2134" s="236" t="e">
        <f t="shared" si="509"/>
        <v>#N/A</v>
      </c>
      <c r="T2134" s="236">
        <f t="shared" si="495"/>
        <v>35.891866434051494</v>
      </c>
    </row>
    <row r="2135" spans="1:20" x14ac:dyDescent="0.2">
      <c r="A2135" s="53">
        <f t="shared" si="496"/>
        <v>2123</v>
      </c>
      <c r="B2135" s="239">
        <v>21.356999999999999</v>
      </c>
      <c r="C2135" s="3">
        <f t="shared" si="497"/>
        <v>21.349999999999998</v>
      </c>
      <c r="D2135" s="239">
        <v>8.0594999999999999</v>
      </c>
      <c r="E2135" s="239">
        <v>3.8899999999999997E-2</v>
      </c>
      <c r="F2135" s="239">
        <v>0.20369999999999999</v>
      </c>
      <c r="G2135">
        <f t="shared" si="498"/>
        <v>8.1002399999999994</v>
      </c>
      <c r="H2135" s="235">
        <f t="shared" si="499"/>
        <v>0.48023268446367018</v>
      </c>
      <c r="I2135" s="236">
        <f t="shared" si="500"/>
        <v>18.354955075967297</v>
      </c>
      <c r="J2135" s="237">
        <f t="shared" si="505"/>
        <v>8.3549550759672968</v>
      </c>
      <c r="K2135" s="237">
        <f t="shared" si="501"/>
        <v>391.87829087190175</v>
      </c>
      <c r="L2135" s="237">
        <f t="shared" si="506"/>
        <v>178.43677555743355</v>
      </c>
      <c r="M2135" s="236">
        <f t="shared" si="502"/>
        <v>43.199400376112507</v>
      </c>
      <c r="N2135" s="236">
        <f t="shared" si="503"/>
        <v>0.5046467909508624</v>
      </c>
      <c r="O2135" s="236">
        <f t="shared" si="507"/>
        <v>2.0536255635287963</v>
      </c>
      <c r="P2135" s="236" t="str">
        <f t="shared" si="508"/>
        <v>SAND</v>
      </c>
      <c r="Q2135" s="236" t="e">
        <f t="shared" si="504"/>
        <v>#N/A</v>
      </c>
      <c r="R2135" s="238">
        <v>35</v>
      </c>
      <c r="S2135" s="236" t="e">
        <f t="shared" si="509"/>
        <v>#N/A</v>
      </c>
      <c r="T2135" s="236">
        <f t="shared" si="495"/>
        <v>35.590254905550111</v>
      </c>
    </row>
    <row r="2136" spans="1:20" x14ac:dyDescent="0.2">
      <c r="A2136" s="53">
        <f t="shared" si="496"/>
        <v>2124</v>
      </c>
      <c r="B2136" s="239">
        <v>21.367000000000001</v>
      </c>
      <c r="C2136" s="3">
        <f t="shared" si="497"/>
        <v>21.36</v>
      </c>
      <c r="D2136" s="239">
        <v>7.6109999999999998</v>
      </c>
      <c r="E2136" s="239">
        <v>3.9199999999999999E-2</v>
      </c>
      <c r="F2136" s="239">
        <v>0.20649999999999999</v>
      </c>
      <c r="G2136">
        <f t="shared" si="498"/>
        <v>7.6522999999999994</v>
      </c>
      <c r="H2136" s="235">
        <f t="shared" si="499"/>
        <v>0.51226428655436929</v>
      </c>
      <c r="I2136" s="236">
        <f t="shared" si="500"/>
        <v>18.341728224291323</v>
      </c>
      <c r="J2136" s="237">
        <f t="shared" si="505"/>
        <v>8.3417282242913231</v>
      </c>
      <c r="K2136" s="237">
        <f t="shared" si="501"/>
        <v>391.77931487086266</v>
      </c>
      <c r="L2136" s="237">
        <f t="shared" si="506"/>
        <v>178.23770696843272</v>
      </c>
      <c r="M2136" s="236">
        <f t="shared" si="502"/>
        <v>40.735043154561183</v>
      </c>
      <c r="N2136" s="236">
        <f t="shared" si="503"/>
        <v>0.53990618166392257</v>
      </c>
      <c r="O2136" s="236">
        <f t="shared" si="507"/>
        <v>2.089647939991667</v>
      </c>
      <c r="P2136" s="236" t="str">
        <f t="shared" si="508"/>
        <v>SAND</v>
      </c>
      <c r="Q2136" s="236" t="e">
        <f t="shared" si="504"/>
        <v>#N/A</v>
      </c>
      <c r="R2136" s="238">
        <v>35</v>
      </c>
      <c r="S2136" s="236" t="e">
        <f t="shared" si="509"/>
        <v>#N/A</v>
      </c>
      <c r="T2136" s="236">
        <f t="shared" si="495"/>
        <v>35.309649988106443</v>
      </c>
    </row>
    <row r="2137" spans="1:20" x14ac:dyDescent="0.2">
      <c r="A2137" s="53">
        <f t="shared" si="496"/>
        <v>2125</v>
      </c>
      <c r="B2137" s="239">
        <v>21.376999999999999</v>
      </c>
      <c r="C2137" s="3">
        <f t="shared" si="497"/>
        <v>21.369999999999997</v>
      </c>
      <c r="D2137" s="239">
        <v>7.3006000000000002</v>
      </c>
      <c r="E2137" s="239">
        <v>3.8300000000000001E-2</v>
      </c>
      <c r="F2137" s="239">
        <v>0.20219999999999999</v>
      </c>
      <c r="G2137">
        <f t="shared" si="498"/>
        <v>7.3410400000000005</v>
      </c>
      <c r="H2137" s="235">
        <f t="shared" si="499"/>
        <v>0.52172444231335069</v>
      </c>
      <c r="I2137" s="236">
        <f t="shared" si="500"/>
        <v>18.298261575520794</v>
      </c>
      <c r="J2137" s="237">
        <f t="shared" si="505"/>
        <v>8.2982615755207938</v>
      </c>
      <c r="K2137" s="237">
        <f t="shared" si="501"/>
        <v>391.03384986887932</v>
      </c>
      <c r="L2137" s="237">
        <f t="shared" si="506"/>
        <v>177.391937699908</v>
      </c>
      <c r="M2137" s="236">
        <f t="shared" si="502"/>
        <v>39.178816355726212</v>
      </c>
      <c r="N2137" s="236">
        <f t="shared" si="503"/>
        <v>0.55107864903511516</v>
      </c>
      <c r="O2137" s="236">
        <f t="shared" si="507"/>
        <v>2.1087598100183493</v>
      </c>
      <c r="P2137" s="236" t="str">
        <f t="shared" si="508"/>
        <v>SAND</v>
      </c>
      <c r="Q2137" s="236" t="e">
        <f t="shared" si="504"/>
        <v>#N/A</v>
      </c>
      <c r="R2137" s="238">
        <v>35</v>
      </c>
      <c r="S2137" s="236" t="e">
        <f t="shared" si="509"/>
        <v>#N/A</v>
      </c>
      <c r="T2137" s="236">
        <f t="shared" si="495"/>
        <v>35.123564423657889</v>
      </c>
    </row>
    <row r="2138" spans="1:20" x14ac:dyDescent="0.2">
      <c r="A2138" s="53">
        <f t="shared" si="496"/>
        <v>2126</v>
      </c>
      <c r="B2138" s="239">
        <v>21.385999999999999</v>
      </c>
      <c r="C2138" s="3">
        <f t="shared" si="497"/>
        <v>21.378999999999998</v>
      </c>
      <c r="D2138" s="239">
        <v>6.9766000000000004</v>
      </c>
      <c r="E2138" s="239">
        <v>3.7600000000000001E-2</v>
      </c>
      <c r="F2138" s="239">
        <v>0.2072</v>
      </c>
      <c r="G2138">
        <f t="shared" si="498"/>
        <v>7.0180400000000001</v>
      </c>
      <c r="H2138" s="235">
        <f t="shared" si="499"/>
        <v>0.53576212161800163</v>
      </c>
      <c r="I2138" s="236">
        <f t="shared" si="500"/>
        <v>18.259044490958157</v>
      </c>
      <c r="J2138" s="237">
        <f t="shared" si="505"/>
        <v>8.2590444909581571</v>
      </c>
      <c r="K2138" s="237">
        <f t="shared" si="501"/>
        <v>390.36011217219442</v>
      </c>
      <c r="L2138" s="237">
        <f t="shared" si="506"/>
        <v>176.62792548363115</v>
      </c>
      <c r="M2138" s="236">
        <f t="shared" si="502"/>
        <v>37.52339767157612</v>
      </c>
      <c r="N2138" s="236">
        <f t="shared" si="503"/>
        <v>0.56731768335786725</v>
      </c>
      <c r="O2138" s="236">
        <f t="shared" si="507"/>
        <v>2.1311987281174498</v>
      </c>
      <c r="P2138" s="236" t="str">
        <f t="shared" si="508"/>
        <v>SAND</v>
      </c>
      <c r="Q2138" s="236" t="e">
        <f t="shared" si="504"/>
        <v>#N/A</v>
      </c>
      <c r="R2138" s="238">
        <v>35</v>
      </c>
      <c r="S2138" s="236" t="e">
        <f t="shared" si="509"/>
        <v>#N/A</v>
      </c>
      <c r="T2138" s="236">
        <f t="shared" si="495"/>
        <v>34.917323716204208</v>
      </c>
    </row>
    <row r="2139" spans="1:20" x14ac:dyDescent="0.2">
      <c r="A2139" s="53">
        <f t="shared" si="496"/>
        <v>2127</v>
      </c>
      <c r="B2139" s="239">
        <v>21.396000000000001</v>
      </c>
      <c r="C2139" s="3">
        <f t="shared" si="497"/>
        <v>21.388999999999999</v>
      </c>
      <c r="D2139" s="239">
        <v>6.7343000000000002</v>
      </c>
      <c r="E2139" s="239">
        <v>3.7100000000000001E-2</v>
      </c>
      <c r="F2139" s="239">
        <v>0.20830000000000001</v>
      </c>
      <c r="G2139">
        <f t="shared" si="498"/>
        <v>6.7759600000000004</v>
      </c>
      <c r="H2139" s="235">
        <f t="shared" si="499"/>
        <v>0.54752389329334883</v>
      </c>
      <c r="I2139" s="236">
        <f t="shared" si="500"/>
        <v>18.229626360577015</v>
      </c>
      <c r="J2139" s="237">
        <f t="shared" si="505"/>
        <v>8.229626360577015</v>
      </c>
      <c r="K2139" s="237">
        <f t="shared" si="501"/>
        <v>389.91347822638176</v>
      </c>
      <c r="L2139" s="237">
        <f t="shared" si="506"/>
        <v>176.08108561090583</v>
      </c>
      <c r="M2139" s="236">
        <f t="shared" si="502"/>
        <v>36.267646235923081</v>
      </c>
      <c r="N2139" s="236">
        <f t="shared" si="503"/>
        <v>0.58095411415349496</v>
      </c>
      <c r="O2139" s="236">
        <f t="shared" si="507"/>
        <v>2.1490629071861855</v>
      </c>
      <c r="P2139" s="236" t="str">
        <f t="shared" si="508"/>
        <v>SAND</v>
      </c>
      <c r="Q2139" s="236" t="e">
        <f t="shared" si="504"/>
        <v>#N/A</v>
      </c>
      <c r="R2139" s="238">
        <v>35</v>
      </c>
      <c r="S2139" s="236" t="e">
        <f t="shared" si="509"/>
        <v>#N/A</v>
      </c>
      <c r="T2139" s="236">
        <f t="shared" si="495"/>
        <v>34.754713079426452</v>
      </c>
    </row>
    <row r="2140" spans="1:20" x14ac:dyDescent="0.2">
      <c r="A2140" s="53">
        <f t="shared" si="496"/>
        <v>2128</v>
      </c>
      <c r="B2140" s="239">
        <v>21.405000000000001</v>
      </c>
      <c r="C2140" s="3">
        <f t="shared" si="497"/>
        <v>21.398</v>
      </c>
      <c r="D2140" s="239">
        <v>6.4420000000000002</v>
      </c>
      <c r="E2140" s="239">
        <v>3.5700000000000003E-2</v>
      </c>
      <c r="F2140" s="239">
        <v>0.21479999999999999</v>
      </c>
      <c r="G2140">
        <f t="shared" si="498"/>
        <v>6.4849600000000001</v>
      </c>
      <c r="H2140" s="235">
        <f t="shared" si="499"/>
        <v>0.55050455207125415</v>
      </c>
      <c r="I2140" s="236">
        <f t="shared" si="500"/>
        <v>18.167363809369192</v>
      </c>
      <c r="J2140" s="237">
        <f t="shared" si="505"/>
        <v>8.167363809369192</v>
      </c>
      <c r="K2140" s="237">
        <f t="shared" si="501"/>
        <v>388.74525079288196</v>
      </c>
      <c r="L2140" s="237">
        <f t="shared" si="506"/>
        <v>174.82242233954756</v>
      </c>
      <c r="M2140" s="236">
        <f t="shared" si="502"/>
        <v>34.870897380467532</v>
      </c>
      <c r="N2140" s="236">
        <f t="shared" si="503"/>
        <v>0.58560929148113083</v>
      </c>
      <c r="O2140" s="236">
        <f t="shared" si="507"/>
        <v>2.1658180646791401</v>
      </c>
      <c r="P2140" s="236" t="str">
        <f t="shared" si="508"/>
        <v>SAND</v>
      </c>
      <c r="Q2140" s="236" t="e">
        <f t="shared" si="504"/>
        <v>#N/A</v>
      </c>
      <c r="R2140" s="238">
        <v>35</v>
      </c>
      <c r="S2140" s="236" t="e">
        <f t="shared" si="509"/>
        <v>#N/A</v>
      </c>
      <c r="T2140" s="236">
        <f t="shared" si="495"/>
        <v>34.567094361946623</v>
      </c>
    </row>
    <row r="2141" spans="1:20" x14ac:dyDescent="0.2">
      <c r="A2141" s="53">
        <f t="shared" si="496"/>
        <v>2129</v>
      </c>
      <c r="B2141" s="239">
        <v>21.416</v>
      </c>
      <c r="C2141" s="3">
        <f t="shared" si="497"/>
        <v>21.408999999999999</v>
      </c>
      <c r="D2141" s="239">
        <v>6.1776</v>
      </c>
      <c r="E2141" s="239">
        <v>3.61E-2</v>
      </c>
      <c r="F2141" s="239">
        <v>0.21179999999999999</v>
      </c>
      <c r="G2141">
        <f t="shared" si="498"/>
        <v>6.2199600000000004</v>
      </c>
      <c r="H2141" s="235">
        <f t="shared" si="499"/>
        <v>0.58038958449893563</v>
      </c>
      <c r="I2141" s="236">
        <f t="shared" si="500"/>
        <v>18.164121332139914</v>
      </c>
      <c r="J2141" s="237">
        <f t="shared" si="505"/>
        <v>8.1641213321399135</v>
      </c>
      <c r="K2141" s="237">
        <f t="shared" si="501"/>
        <v>388.8756735997834</v>
      </c>
      <c r="L2141" s="237">
        <f t="shared" si="506"/>
        <v>174.84282244910838</v>
      </c>
      <c r="M2141" s="236">
        <f t="shared" si="502"/>
        <v>33.350435806980151</v>
      </c>
      <c r="N2141" s="236">
        <f t="shared" si="503"/>
        <v>0.61909583156870773</v>
      </c>
      <c r="O2141" s="236">
        <f t="shared" si="507"/>
        <v>2.1940983853241187</v>
      </c>
      <c r="P2141" s="236" t="str">
        <f t="shared" si="508"/>
        <v>SAND</v>
      </c>
      <c r="Q2141" s="236" t="e">
        <f t="shared" si="504"/>
        <v>#N/A</v>
      </c>
      <c r="R2141" s="238">
        <v>35</v>
      </c>
      <c r="S2141" s="236" t="e">
        <f t="shared" si="509"/>
        <v>#N/A</v>
      </c>
      <c r="T2141" s="236">
        <f t="shared" si="495"/>
        <v>34.354116647783648</v>
      </c>
    </row>
    <row r="2142" spans="1:20" x14ac:dyDescent="0.2">
      <c r="A2142" s="53">
        <f t="shared" si="496"/>
        <v>2130</v>
      </c>
      <c r="B2142" s="239">
        <v>21.425999999999998</v>
      </c>
      <c r="C2142" s="3">
        <f t="shared" si="497"/>
        <v>21.418999999999997</v>
      </c>
      <c r="D2142" s="239">
        <v>5.9375</v>
      </c>
      <c r="E2142" s="239">
        <v>3.3599999999999998E-2</v>
      </c>
      <c r="F2142" s="239">
        <v>0.20619999999999999</v>
      </c>
      <c r="G2142">
        <f t="shared" si="498"/>
        <v>5.9787400000000002</v>
      </c>
      <c r="H2142" s="235">
        <f t="shared" si="499"/>
        <v>0.56199132258636431</v>
      </c>
      <c r="I2142" s="236">
        <f t="shared" si="500"/>
        <v>18.064507804069425</v>
      </c>
      <c r="J2142" s="237">
        <f t="shared" si="505"/>
        <v>8.0645078040694251</v>
      </c>
      <c r="K2142" s="237">
        <f t="shared" si="501"/>
        <v>386.92369265536297</v>
      </c>
      <c r="L2142" s="237">
        <f t="shared" si="506"/>
        <v>172.7901442099915</v>
      </c>
      <c r="M2142" s="236">
        <f t="shared" si="502"/>
        <v>32.361893862122798</v>
      </c>
      <c r="N2142" s="236">
        <f t="shared" si="503"/>
        <v>0.60087810745620673</v>
      </c>
      <c r="O2142" s="236">
        <f t="shared" si="507"/>
        <v>2.1997820878024972</v>
      </c>
      <c r="P2142" s="236" t="str">
        <f t="shared" si="508"/>
        <v>SAND</v>
      </c>
      <c r="Q2142" s="236" t="e">
        <f t="shared" si="504"/>
        <v>#N/A</v>
      </c>
      <c r="R2142" s="238">
        <v>35</v>
      </c>
      <c r="S2142" s="236" t="e">
        <f t="shared" si="509"/>
        <v>#N/A</v>
      </c>
      <c r="T2142" s="236">
        <f t="shared" si="495"/>
        <v>34.210373221076338</v>
      </c>
    </row>
    <row r="2143" spans="1:20" x14ac:dyDescent="0.2">
      <c r="A2143" s="53">
        <f t="shared" si="496"/>
        <v>2131</v>
      </c>
      <c r="B2143" s="239">
        <v>21.436</v>
      </c>
      <c r="C2143" s="3">
        <f t="shared" si="497"/>
        <v>21.428999999999998</v>
      </c>
      <c r="D2143" s="239">
        <v>5.7055999999999996</v>
      </c>
      <c r="E2143" s="239">
        <v>3.27E-2</v>
      </c>
      <c r="F2143" s="239">
        <v>0.2064</v>
      </c>
      <c r="G2143">
        <f t="shared" si="498"/>
        <v>5.74688</v>
      </c>
      <c r="H2143" s="235">
        <f t="shared" si="499"/>
        <v>0.5690043989086252</v>
      </c>
      <c r="I2143" s="236">
        <f t="shared" si="500"/>
        <v>18.01721090245892</v>
      </c>
      <c r="J2143" s="237">
        <f t="shared" si="505"/>
        <v>8.0172109024589204</v>
      </c>
      <c r="K2143" s="237">
        <f t="shared" si="501"/>
        <v>386.09081242879216</v>
      </c>
      <c r="L2143" s="237">
        <f t="shared" si="506"/>
        <v>171.85693290510943</v>
      </c>
      <c r="M2143" s="236">
        <f t="shared" si="502"/>
        <v>31.193325151049681</v>
      </c>
      <c r="N2143" s="236">
        <f t="shared" si="503"/>
        <v>0.60998481484430966</v>
      </c>
      <c r="O2143" s="236">
        <f t="shared" si="507"/>
        <v>2.2169796152817876</v>
      </c>
      <c r="P2143" s="236" t="str">
        <f t="shared" si="508"/>
        <v>SAND</v>
      </c>
      <c r="Q2143" s="236" t="e">
        <f t="shared" si="504"/>
        <v>#N/A</v>
      </c>
      <c r="R2143" s="238">
        <v>35</v>
      </c>
      <c r="S2143" s="236" t="e">
        <f t="shared" si="509"/>
        <v>#N/A</v>
      </c>
      <c r="T2143" s="236">
        <f t="shared" si="495"/>
        <v>34.034678394389751</v>
      </c>
    </row>
    <row r="2144" spans="1:20" x14ac:dyDescent="0.2">
      <c r="A2144" s="53">
        <f t="shared" si="496"/>
        <v>2132</v>
      </c>
      <c r="B2144" s="239">
        <v>21.446000000000002</v>
      </c>
      <c r="C2144" s="3">
        <f t="shared" si="497"/>
        <v>21.439</v>
      </c>
      <c r="D2144" s="239">
        <v>5.5849000000000002</v>
      </c>
      <c r="E2144" s="239">
        <v>3.2199999999999999E-2</v>
      </c>
      <c r="F2144" s="239">
        <v>0.20610000000000001</v>
      </c>
      <c r="G2144">
        <f t="shared" si="498"/>
        <v>5.6261200000000002</v>
      </c>
      <c r="H2144" s="235">
        <f t="shared" si="499"/>
        <v>0.57233048708523804</v>
      </c>
      <c r="I2144" s="236">
        <f t="shared" si="500"/>
        <v>17.990841999890506</v>
      </c>
      <c r="J2144" s="237">
        <f t="shared" si="505"/>
        <v>7.990841999890506</v>
      </c>
      <c r="K2144" s="237">
        <f t="shared" si="501"/>
        <v>385.70566163565258</v>
      </c>
      <c r="L2144" s="237">
        <f t="shared" si="506"/>
        <v>171.37159752965181</v>
      </c>
      <c r="M2144" s="236">
        <f t="shared" si="502"/>
        <v>30.579246584064887</v>
      </c>
      <c r="N2144" s="236">
        <f t="shared" si="503"/>
        <v>0.61445523046275674</v>
      </c>
      <c r="O2144" s="236">
        <f t="shared" si="507"/>
        <v>2.2261139765841751</v>
      </c>
      <c r="P2144" s="236" t="str">
        <f t="shared" si="508"/>
        <v>SAND</v>
      </c>
      <c r="Q2144" s="236" t="e">
        <f t="shared" si="504"/>
        <v>#N/A</v>
      </c>
      <c r="R2144" s="238">
        <v>35</v>
      </c>
      <c r="S2144" s="236" t="e">
        <f t="shared" si="509"/>
        <v>#N/A</v>
      </c>
      <c r="T2144" s="236">
        <f t="shared" si="495"/>
        <v>33.939694590970966</v>
      </c>
    </row>
    <row r="2145" spans="1:20" x14ac:dyDescent="0.2">
      <c r="A2145" s="53">
        <f t="shared" si="496"/>
        <v>2133</v>
      </c>
      <c r="B2145" s="239">
        <v>21.454999999999998</v>
      </c>
      <c r="C2145" s="3">
        <f t="shared" si="497"/>
        <v>21.447999999999997</v>
      </c>
      <c r="D2145" s="239">
        <v>5.4848999999999997</v>
      </c>
      <c r="E2145" s="239">
        <v>3.1E-2</v>
      </c>
      <c r="F2145" s="239">
        <v>0.20269999999999999</v>
      </c>
      <c r="G2145">
        <f t="shared" si="498"/>
        <v>5.5254399999999997</v>
      </c>
      <c r="H2145" s="235">
        <f t="shared" si="499"/>
        <v>0.56104129263913827</v>
      </c>
      <c r="I2145" s="236">
        <f t="shared" si="500"/>
        <v>17.939249808330139</v>
      </c>
      <c r="J2145" s="237">
        <f t="shared" si="505"/>
        <v>7.939249808330139</v>
      </c>
      <c r="K2145" s="237">
        <f t="shared" si="501"/>
        <v>384.76102988906479</v>
      </c>
      <c r="L2145" s="237">
        <f t="shared" si="506"/>
        <v>170.33660463772313</v>
      </c>
      <c r="M2145" s="236">
        <f t="shared" si="502"/>
        <v>30.179531763265334</v>
      </c>
      <c r="N2145" s="236">
        <f t="shared" si="503"/>
        <v>0.60303318258621053</v>
      </c>
      <c r="O2145" s="236">
        <f t="shared" si="507"/>
        <v>2.2275383004885283</v>
      </c>
      <c r="P2145" s="236" t="str">
        <f t="shared" si="508"/>
        <v>SAND</v>
      </c>
      <c r="Q2145" s="236" t="e">
        <f t="shared" si="504"/>
        <v>#N/A</v>
      </c>
      <c r="R2145" s="238">
        <v>35</v>
      </c>
      <c r="S2145" s="236" t="e">
        <f t="shared" si="509"/>
        <v>#N/A</v>
      </c>
      <c r="T2145" s="236">
        <f t="shared" si="495"/>
        <v>33.87683747133682</v>
      </c>
    </row>
    <row r="2146" spans="1:20" x14ac:dyDescent="0.2">
      <c r="A2146" s="53">
        <f t="shared" si="496"/>
        <v>2134</v>
      </c>
      <c r="B2146" s="239">
        <v>21.463999999999999</v>
      </c>
      <c r="C2146" s="3">
        <f t="shared" si="497"/>
        <v>21.456999999999997</v>
      </c>
      <c r="D2146" s="239">
        <v>5.4280999999999997</v>
      </c>
      <c r="E2146" s="239">
        <v>3.0599999999999999E-2</v>
      </c>
      <c r="F2146" s="239">
        <v>0.19589999999999999</v>
      </c>
      <c r="G2146">
        <f t="shared" si="498"/>
        <v>5.4672799999999997</v>
      </c>
      <c r="H2146" s="235">
        <f t="shared" si="499"/>
        <v>0.55969330270262363</v>
      </c>
      <c r="I2146" s="236">
        <f t="shared" si="500"/>
        <v>17.919885090568236</v>
      </c>
      <c r="J2146" s="237">
        <f t="shared" si="505"/>
        <v>7.9198850905682363</v>
      </c>
      <c r="K2146" s="237">
        <f t="shared" si="501"/>
        <v>384.50697438832259</v>
      </c>
      <c r="L2146" s="237">
        <f t="shared" si="506"/>
        <v>169.99241358395662</v>
      </c>
      <c r="M2146" s="236">
        <f t="shared" si="502"/>
        <v>29.899999173206481</v>
      </c>
      <c r="N2146" s="236">
        <f t="shared" si="503"/>
        <v>0.60203357194604412</v>
      </c>
      <c r="O2146" s="236">
        <f t="shared" si="507"/>
        <v>2.2308269813932373</v>
      </c>
      <c r="P2146" s="236" t="str">
        <f t="shared" si="508"/>
        <v>SAND</v>
      </c>
      <c r="Q2146" s="236" t="e">
        <f t="shared" si="504"/>
        <v>#N/A</v>
      </c>
      <c r="R2146" s="238">
        <v>35</v>
      </c>
      <c r="S2146" s="236" t="e">
        <f t="shared" si="509"/>
        <v>#N/A</v>
      </c>
      <c r="T2146" s="236">
        <f t="shared" si="495"/>
        <v>33.832382939468715</v>
      </c>
    </row>
    <row r="2147" spans="1:20" x14ac:dyDescent="0.2">
      <c r="A2147" s="53">
        <f t="shared" si="496"/>
        <v>2135</v>
      </c>
      <c r="B2147" s="239">
        <v>21.474</v>
      </c>
      <c r="C2147" s="3">
        <f t="shared" si="497"/>
        <v>21.466999999999999</v>
      </c>
      <c r="D2147" s="239">
        <v>5.4233000000000002</v>
      </c>
      <c r="E2147" s="239">
        <v>2.93E-2</v>
      </c>
      <c r="F2147" s="239">
        <v>0.19070000000000001</v>
      </c>
      <c r="G2147">
        <f t="shared" si="498"/>
        <v>5.4614400000000005</v>
      </c>
      <c r="H2147" s="235">
        <f t="shared" si="499"/>
        <v>0.53648854514560262</v>
      </c>
      <c r="I2147" s="236">
        <f t="shared" si="500"/>
        <v>17.868562079465189</v>
      </c>
      <c r="J2147" s="237">
        <f t="shared" si="505"/>
        <v>7.8685620794651889</v>
      </c>
      <c r="K2147" s="237">
        <f t="shared" si="501"/>
        <v>383.58442215987918</v>
      </c>
      <c r="L2147" s="237">
        <f t="shared" si="506"/>
        <v>168.96950209443546</v>
      </c>
      <c r="M2147" s="236">
        <f t="shared" si="502"/>
        <v>30.051905905493857</v>
      </c>
      <c r="N2147" s="236">
        <f t="shared" si="503"/>
        <v>0.57701522918189863</v>
      </c>
      <c r="O2147" s="236">
        <f t="shared" si="507"/>
        <v>2.2206535878323295</v>
      </c>
      <c r="P2147" s="236" t="str">
        <f t="shared" si="508"/>
        <v>SAND</v>
      </c>
      <c r="Q2147" s="236" t="e">
        <f t="shared" si="504"/>
        <v>#N/A</v>
      </c>
      <c r="R2147" s="238">
        <v>35</v>
      </c>
      <c r="S2147" s="236" t="e">
        <f t="shared" si="509"/>
        <v>#N/A</v>
      </c>
      <c r="T2147" s="236">
        <f t="shared" si="495"/>
        <v>33.856592224015941</v>
      </c>
    </row>
    <row r="2148" spans="1:20" x14ac:dyDescent="0.2">
      <c r="A2148" s="53">
        <f t="shared" si="496"/>
        <v>2136</v>
      </c>
      <c r="B2148" s="239">
        <v>21.484000000000002</v>
      </c>
      <c r="C2148" s="3">
        <f t="shared" si="497"/>
        <v>21.477</v>
      </c>
      <c r="D2148" s="239">
        <v>5.3895999999999997</v>
      </c>
      <c r="E2148" s="239">
        <v>2.8299999999999999E-2</v>
      </c>
      <c r="F2148" s="239">
        <v>0.1794</v>
      </c>
      <c r="G2148">
        <f t="shared" si="498"/>
        <v>5.4254799999999994</v>
      </c>
      <c r="H2148" s="235">
        <f t="shared" si="499"/>
        <v>0.52161283425613958</v>
      </c>
      <c r="I2148" s="236">
        <f t="shared" si="500"/>
        <v>17.825260780486701</v>
      </c>
      <c r="J2148" s="237">
        <f t="shared" si="505"/>
        <v>7.8252607804867012</v>
      </c>
      <c r="K2148" s="237">
        <f t="shared" si="501"/>
        <v>382.83312578251287</v>
      </c>
      <c r="L2148" s="237">
        <f t="shared" si="506"/>
        <v>168.1179026079763</v>
      </c>
      <c r="M2148" s="236">
        <f t="shared" si="502"/>
        <v>29.994704882656794</v>
      </c>
      <c r="N2148" s="236">
        <f t="shared" si="503"/>
        <v>0.56121320223105187</v>
      </c>
      <c r="O2148" s="236">
        <f t="shared" si="507"/>
        <v>2.2160956881554617</v>
      </c>
      <c r="P2148" s="236" t="str">
        <f t="shared" si="508"/>
        <v>SAND</v>
      </c>
      <c r="Q2148" s="236" t="e">
        <f t="shared" si="504"/>
        <v>#N/A</v>
      </c>
      <c r="R2148" s="238">
        <v>35</v>
      </c>
      <c r="S2148" s="236" t="e">
        <f t="shared" si="509"/>
        <v>#N/A</v>
      </c>
      <c r="T2148" s="236">
        <f t="shared" si="495"/>
        <v>33.847490526070857</v>
      </c>
    </row>
    <row r="2149" spans="1:20" x14ac:dyDescent="0.2">
      <c r="A2149" s="53">
        <f t="shared" si="496"/>
        <v>2137</v>
      </c>
      <c r="B2149" s="239">
        <v>21.494</v>
      </c>
      <c r="C2149" s="3">
        <f t="shared" si="497"/>
        <v>21.486999999999998</v>
      </c>
      <c r="D2149" s="239">
        <v>5.3350999999999997</v>
      </c>
      <c r="E2149" s="239">
        <v>2.6800000000000001E-2</v>
      </c>
      <c r="F2149" s="239">
        <v>0.15690000000000001</v>
      </c>
      <c r="G2149">
        <f t="shared" si="498"/>
        <v>5.3664800000000001</v>
      </c>
      <c r="H2149" s="235">
        <f t="shared" si="499"/>
        <v>0.49939625229200524</v>
      </c>
      <c r="I2149" s="236">
        <f t="shared" si="500"/>
        <v>17.757127561899217</v>
      </c>
      <c r="J2149" s="237">
        <f t="shared" si="505"/>
        <v>7.7571275618992175</v>
      </c>
      <c r="K2149" s="237">
        <f t="shared" si="501"/>
        <v>381.54739992252848</v>
      </c>
      <c r="L2149" s="237">
        <f t="shared" si="506"/>
        <v>166.73169981546178</v>
      </c>
      <c r="M2149" s="236">
        <f t="shared" si="502"/>
        <v>29.897929461492819</v>
      </c>
      <c r="N2149" s="236">
        <f t="shared" si="503"/>
        <v>0.53762010743301725</v>
      </c>
      <c r="O2149" s="236">
        <f t="shared" si="507"/>
        <v>2.209269348197318</v>
      </c>
      <c r="P2149" s="236" t="str">
        <f t="shared" si="508"/>
        <v>SAND</v>
      </c>
      <c r="Q2149" s="236" t="e">
        <f t="shared" si="504"/>
        <v>#N/A</v>
      </c>
      <c r="R2149" s="238">
        <v>35</v>
      </c>
      <c r="S2149" s="236" t="e">
        <f t="shared" si="509"/>
        <v>#N/A</v>
      </c>
      <c r="T2149" s="236">
        <f t="shared" si="495"/>
        <v>33.832052242122842</v>
      </c>
    </row>
    <row r="2150" spans="1:20" x14ac:dyDescent="0.2">
      <c r="A2150" s="53">
        <f t="shared" si="496"/>
        <v>2138</v>
      </c>
      <c r="B2150" s="239">
        <v>21.504999999999999</v>
      </c>
      <c r="C2150" s="3">
        <f t="shared" si="497"/>
        <v>21.497999999999998</v>
      </c>
      <c r="D2150" s="239">
        <v>5.2264999999999997</v>
      </c>
      <c r="E2150" s="239">
        <v>2.4400000000000002E-2</v>
      </c>
      <c r="F2150" s="239">
        <v>0.1588</v>
      </c>
      <c r="G2150">
        <f t="shared" si="498"/>
        <v>5.2582599999999999</v>
      </c>
      <c r="H2150" s="235">
        <f t="shared" si="499"/>
        <v>0.4640318280191546</v>
      </c>
      <c r="I2150" s="236">
        <f t="shared" si="500"/>
        <v>17.639153436286307</v>
      </c>
      <c r="J2150" s="237">
        <f t="shared" si="505"/>
        <v>7.6391534362863069</v>
      </c>
      <c r="K2150" s="237">
        <f t="shared" si="501"/>
        <v>379.206520573283</v>
      </c>
      <c r="L2150" s="237">
        <f t="shared" si="506"/>
        <v>164.27999464733702</v>
      </c>
      <c r="M2150" s="236">
        <f t="shared" si="502"/>
        <v>29.699620394441048</v>
      </c>
      <c r="N2150" s="236">
        <f t="shared" si="503"/>
        <v>0.50009699838065669</v>
      </c>
      <c r="O2150" s="236">
        <f t="shared" si="507"/>
        <v>2.1985596840484942</v>
      </c>
      <c r="P2150" s="236" t="str">
        <f t="shared" si="508"/>
        <v>SAND</v>
      </c>
      <c r="Q2150" s="236" t="e">
        <f t="shared" si="504"/>
        <v>#N/A</v>
      </c>
      <c r="R2150" s="238">
        <v>35</v>
      </c>
      <c r="S2150" s="236" t="e">
        <f t="shared" si="509"/>
        <v>#N/A</v>
      </c>
      <c r="T2150" s="236">
        <f t="shared" si="495"/>
        <v>33.800259882617809</v>
      </c>
    </row>
    <row r="2151" spans="1:20" x14ac:dyDescent="0.2">
      <c r="A2151" s="53">
        <f t="shared" si="496"/>
        <v>2139</v>
      </c>
      <c r="B2151" s="239">
        <v>21.515000000000001</v>
      </c>
      <c r="C2151" s="3">
        <f t="shared" si="497"/>
        <v>21.507999999999999</v>
      </c>
      <c r="D2151" s="239">
        <v>5.0937999999999999</v>
      </c>
      <c r="E2151" s="239">
        <v>2.3199999999999998E-2</v>
      </c>
      <c r="F2151" s="239">
        <v>0.17080000000000001</v>
      </c>
      <c r="G2151">
        <f t="shared" si="498"/>
        <v>5.1279599999999999</v>
      </c>
      <c r="H2151" s="235">
        <f t="shared" si="499"/>
        <v>0.45242162575371098</v>
      </c>
      <c r="I2151" s="236">
        <f t="shared" si="500"/>
        <v>17.570210779566491</v>
      </c>
      <c r="J2151" s="237">
        <f t="shared" si="505"/>
        <v>7.5702107795664908</v>
      </c>
      <c r="K2151" s="237">
        <f t="shared" si="501"/>
        <v>377.90009344691606</v>
      </c>
      <c r="L2151" s="237">
        <f t="shared" si="506"/>
        <v>162.87308492237307</v>
      </c>
      <c r="M2151" s="236">
        <f t="shared" si="502"/>
        <v>29.164179636046129</v>
      </c>
      <c r="N2151" s="236">
        <f t="shared" si="503"/>
        <v>0.48841489278890482</v>
      </c>
      <c r="O2151" s="236">
        <f t="shared" si="507"/>
        <v>2.2014823932289875</v>
      </c>
      <c r="P2151" s="236" t="str">
        <f t="shared" si="508"/>
        <v>SAND</v>
      </c>
      <c r="Q2151" s="236" t="e">
        <f t="shared" si="504"/>
        <v>#N/A</v>
      </c>
      <c r="R2151" s="238">
        <v>35</v>
      </c>
      <c r="S2151" s="236" t="e">
        <f t="shared" si="509"/>
        <v>#N/A</v>
      </c>
      <c r="T2151" s="236">
        <f t="shared" si="495"/>
        <v>33.713347410574805</v>
      </c>
    </row>
    <row r="2152" spans="1:20" x14ac:dyDescent="0.2">
      <c r="A2152" s="53">
        <f t="shared" si="496"/>
        <v>2140</v>
      </c>
      <c r="B2152" s="239">
        <v>21.524000000000001</v>
      </c>
      <c r="C2152" s="3">
        <f t="shared" si="497"/>
        <v>21.516999999999999</v>
      </c>
      <c r="D2152" s="239">
        <v>5.0507999999999997</v>
      </c>
      <c r="E2152" s="239">
        <v>2.2100000000000002E-2</v>
      </c>
      <c r="F2152" s="239">
        <v>0.17749999999999999</v>
      </c>
      <c r="G2152">
        <f t="shared" si="498"/>
        <v>5.0862999999999996</v>
      </c>
      <c r="H2152" s="235">
        <f t="shared" si="499"/>
        <v>0.4345005210074121</v>
      </c>
      <c r="I2152" s="236">
        <f t="shared" si="500"/>
        <v>17.510063968258073</v>
      </c>
      <c r="J2152" s="237">
        <f t="shared" si="505"/>
        <v>7.5100639682580734</v>
      </c>
      <c r="K2152" s="237">
        <f t="shared" si="501"/>
        <v>376.76404640500897</v>
      </c>
      <c r="L2152" s="237">
        <f t="shared" si="506"/>
        <v>161.64661685278679</v>
      </c>
      <c r="M2152" s="236">
        <f t="shared" si="502"/>
        <v>29.134763506272527</v>
      </c>
      <c r="N2152" s="236">
        <f t="shared" si="503"/>
        <v>0.46926067064272275</v>
      </c>
      <c r="O2152" s="236">
        <f t="shared" si="507"/>
        <v>2.1947675143126442</v>
      </c>
      <c r="P2152" s="236" t="str">
        <f t="shared" si="508"/>
        <v>SAND</v>
      </c>
      <c r="Q2152" s="236" t="e">
        <f t="shared" si="504"/>
        <v>#N/A</v>
      </c>
      <c r="R2152" s="238">
        <v>35</v>
      </c>
      <c r="S2152" s="236" t="e">
        <f t="shared" si="509"/>
        <v>#N/A</v>
      </c>
      <c r="T2152" s="236">
        <f t="shared" si="495"/>
        <v>33.708526468870296</v>
      </c>
    </row>
    <row r="2153" spans="1:20" x14ac:dyDescent="0.2">
      <c r="A2153" s="53">
        <f t="shared" si="496"/>
        <v>2141</v>
      </c>
      <c r="B2153" s="239">
        <v>21.533999999999999</v>
      </c>
      <c r="C2153" s="3">
        <f t="shared" si="497"/>
        <v>21.526999999999997</v>
      </c>
      <c r="D2153" s="239">
        <v>5.0452000000000004</v>
      </c>
      <c r="E2153" s="239">
        <v>2.1999999999999999E-2</v>
      </c>
      <c r="F2153" s="239">
        <v>0.17449999999999999</v>
      </c>
      <c r="G2153">
        <f t="shared" si="498"/>
        <v>5.0801000000000007</v>
      </c>
      <c r="H2153" s="235">
        <f t="shared" si="499"/>
        <v>0.4330623412924941</v>
      </c>
      <c r="I2153" s="236">
        <f t="shared" si="500"/>
        <v>17.50426932777582</v>
      </c>
      <c r="J2153" s="237">
        <f t="shared" si="505"/>
        <v>7.5042693277758197</v>
      </c>
      <c r="K2153" s="237">
        <f t="shared" si="501"/>
        <v>376.81440581903001</v>
      </c>
      <c r="L2153" s="237">
        <f t="shared" si="506"/>
        <v>161.59693570432449</v>
      </c>
      <c r="M2153" s="236">
        <f t="shared" si="502"/>
        <v>29.105041959376127</v>
      </c>
      <c r="N2153" s="236">
        <f t="shared" si="503"/>
        <v>0.46775811418339092</v>
      </c>
      <c r="O2153" s="236">
        <f t="shared" si="507"/>
        <v>2.1946073523723122</v>
      </c>
      <c r="P2153" s="236" t="str">
        <f t="shared" si="508"/>
        <v>SAND</v>
      </c>
      <c r="Q2153" s="236" t="e">
        <f t="shared" si="504"/>
        <v>#N/A</v>
      </c>
      <c r="R2153" s="238">
        <v>35</v>
      </c>
      <c r="S2153" s="236" t="e">
        <f t="shared" si="509"/>
        <v>#N/A</v>
      </c>
      <c r="T2153" s="236">
        <f t="shared" si="495"/>
        <v>33.703650526957063</v>
      </c>
    </row>
    <row r="2154" spans="1:20" x14ac:dyDescent="0.2">
      <c r="A2154" s="53">
        <f t="shared" si="496"/>
        <v>2142</v>
      </c>
      <c r="B2154" s="239">
        <v>21.544</v>
      </c>
      <c r="C2154" s="3">
        <f t="shared" si="497"/>
        <v>21.536999999999999</v>
      </c>
      <c r="D2154" s="239">
        <v>5.0574000000000003</v>
      </c>
      <c r="E2154" s="239">
        <v>2.1600000000000001E-2</v>
      </c>
      <c r="F2154" s="239">
        <v>0.1678</v>
      </c>
      <c r="G2154">
        <f t="shared" si="498"/>
        <v>5.0909599999999999</v>
      </c>
      <c r="H2154" s="235">
        <f t="shared" si="499"/>
        <v>0.42428147147099959</v>
      </c>
      <c r="I2154" s="236">
        <f t="shared" si="500"/>
        <v>17.48358789878397</v>
      </c>
      <c r="J2154" s="237">
        <f t="shared" si="505"/>
        <v>7.4835878987839699</v>
      </c>
      <c r="K2154" s="237">
        <f t="shared" si="501"/>
        <v>376.54403257611034</v>
      </c>
      <c r="L2154" s="237">
        <f t="shared" si="506"/>
        <v>161.22641769140185</v>
      </c>
      <c r="M2154" s="236">
        <f t="shared" si="502"/>
        <v>29.240964569761747</v>
      </c>
      <c r="N2154" s="236">
        <f t="shared" si="503"/>
        <v>0.45816915921831441</v>
      </c>
      <c r="O2154" s="236">
        <f t="shared" si="507"/>
        <v>2.1891221620501047</v>
      </c>
      <c r="P2154" s="236" t="str">
        <f t="shared" si="508"/>
        <v>SAND</v>
      </c>
      <c r="Q2154" s="236" t="e">
        <f t="shared" si="504"/>
        <v>#N/A</v>
      </c>
      <c r="R2154" s="238">
        <v>35</v>
      </c>
      <c r="S2154" s="236" t="e">
        <f t="shared" si="509"/>
        <v>#N/A</v>
      </c>
      <c r="T2154" s="236">
        <f t="shared" si="495"/>
        <v>33.7259086402197</v>
      </c>
    </row>
    <row r="2155" spans="1:20" x14ac:dyDescent="0.2">
      <c r="A2155" s="53">
        <f t="shared" si="496"/>
        <v>2143</v>
      </c>
      <c r="B2155" s="239">
        <v>21.553000000000001</v>
      </c>
      <c r="C2155" s="3">
        <f t="shared" si="497"/>
        <v>21.545999999999999</v>
      </c>
      <c r="D2155" s="239">
        <v>5.0533999999999999</v>
      </c>
      <c r="E2155" s="239">
        <v>2.1100000000000001E-2</v>
      </c>
      <c r="F2155" s="239">
        <v>0.15809999999999999</v>
      </c>
      <c r="G2155">
        <f t="shared" si="498"/>
        <v>5.0850200000000001</v>
      </c>
      <c r="H2155" s="235">
        <f t="shared" si="499"/>
        <v>0.41494428733810285</v>
      </c>
      <c r="I2155" s="236">
        <f t="shared" si="500"/>
        <v>17.455669082541721</v>
      </c>
      <c r="J2155" s="237">
        <f t="shared" si="505"/>
        <v>7.4556690825417213</v>
      </c>
      <c r="K2155" s="237">
        <f t="shared" si="501"/>
        <v>376.09984605244392</v>
      </c>
      <c r="L2155" s="237">
        <f t="shared" si="506"/>
        <v>160.69203573602172</v>
      </c>
      <c r="M2155" s="236">
        <f t="shared" si="502"/>
        <v>29.304004597235775</v>
      </c>
      <c r="N2155" s="236">
        <f t="shared" si="503"/>
        <v>0.44808574599234957</v>
      </c>
      <c r="O2155" s="236">
        <f t="shared" si="507"/>
        <v>2.1843927680669752</v>
      </c>
      <c r="P2155" s="236" t="str">
        <f t="shared" si="508"/>
        <v>SAND</v>
      </c>
      <c r="Q2155" s="236" t="e">
        <f t="shared" si="504"/>
        <v>#N/A</v>
      </c>
      <c r="R2155" s="238">
        <v>35</v>
      </c>
      <c r="S2155" s="236" t="e">
        <f t="shared" si="509"/>
        <v>#N/A</v>
      </c>
      <c r="T2155" s="236">
        <f t="shared" si="495"/>
        <v>33.736196711678573</v>
      </c>
    </row>
    <row r="2156" spans="1:20" x14ac:dyDescent="0.2">
      <c r="A2156" s="53">
        <f t="shared" si="496"/>
        <v>2144</v>
      </c>
      <c r="B2156" s="239">
        <v>21.562999999999999</v>
      </c>
      <c r="C2156" s="3">
        <f t="shared" si="497"/>
        <v>21.555999999999997</v>
      </c>
      <c r="D2156" s="239">
        <v>5.0343</v>
      </c>
      <c r="E2156" s="239">
        <v>2.0299999999999999E-2</v>
      </c>
      <c r="F2156" s="239">
        <v>0.15559999999999999</v>
      </c>
      <c r="G2156">
        <f t="shared" si="498"/>
        <v>5.0654199999999996</v>
      </c>
      <c r="H2156" s="235">
        <f t="shared" si="499"/>
        <v>0.40075650192876405</v>
      </c>
      <c r="I2156" s="236">
        <f t="shared" si="500"/>
        <v>17.408836271446827</v>
      </c>
      <c r="J2156" s="237">
        <f t="shared" si="505"/>
        <v>7.4088362714468268</v>
      </c>
      <c r="K2156" s="237">
        <f t="shared" si="501"/>
        <v>375.26487466730777</v>
      </c>
      <c r="L2156" s="237">
        <f t="shared" si="506"/>
        <v>159.75673652120793</v>
      </c>
      <c r="M2156" s="236">
        <f t="shared" si="502"/>
        <v>29.358105501298013</v>
      </c>
      <c r="N2156" s="236">
        <f t="shared" si="503"/>
        <v>0.43282150499361227</v>
      </c>
      <c r="O2156" s="236">
        <f t="shared" si="507"/>
        <v>2.1776955407685645</v>
      </c>
      <c r="P2156" s="236" t="str">
        <f t="shared" si="508"/>
        <v>SAND</v>
      </c>
      <c r="Q2156" s="236" t="e">
        <f t="shared" si="504"/>
        <v>#N/A</v>
      </c>
      <c r="R2156" s="238">
        <v>35</v>
      </c>
      <c r="S2156" s="236" t="e">
        <f t="shared" si="509"/>
        <v>#N/A</v>
      </c>
      <c r="T2156" s="236">
        <f t="shared" si="495"/>
        <v>33.745008295099041</v>
      </c>
    </row>
    <row r="2157" spans="1:20" x14ac:dyDescent="0.2">
      <c r="A2157" s="53">
        <f t="shared" si="496"/>
        <v>2145</v>
      </c>
      <c r="B2157" s="239">
        <v>21.573</v>
      </c>
      <c r="C2157" s="3">
        <f t="shared" si="497"/>
        <v>21.565999999999999</v>
      </c>
      <c r="D2157" s="239">
        <v>4.9958999999999998</v>
      </c>
      <c r="E2157" s="239">
        <v>2.0199999999999999E-2</v>
      </c>
      <c r="F2157" s="239">
        <v>0.15040000000000001</v>
      </c>
      <c r="G2157">
        <f t="shared" si="498"/>
        <v>5.0259799999999997</v>
      </c>
      <c r="H2157" s="235">
        <f t="shared" si="499"/>
        <v>0.40191166697838038</v>
      </c>
      <c r="I2157" s="236">
        <f t="shared" si="500"/>
        <v>17.39999043234398</v>
      </c>
      <c r="J2157" s="237">
        <f t="shared" si="505"/>
        <v>7.39999043234398</v>
      </c>
      <c r="K2157" s="237">
        <f t="shared" si="501"/>
        <v>375.24819366393024</v>
      </c>
      <c r="L2157" s="237">
        <f t="shared" si="506"/>
        <v>159.63999359695669</v>
      </c>
      <c r="M2157" s="236">
        <f t="shared" si="502"/>
        <v>29.132623358015021</v>
      </c>
      <c r="N2157" s="236">
        <f t="shared" si="503"/>
        <v>0.43434024667859583</v>
      </c>
      <c r="O2157" s="236">
        <f t="shared" si="507"/>
        <v>2.1813724230148965</v>
      </c>
      <c r="P2157" s="236" t="str">
        <f t="shared" si="508"/>
        <v>SAND</v>
      </c>
      <c r="Q2157" s="236" t="e">
        <f t="shared" si="504"/>
        <v>#N/A</v>
      </c>
      <c r="R2157" s="238">
        <v>35</v>
      </c>
      <c r="S2157" s="236" t="e">
        <f t="shared" si="509"/>
        <v>#N/A</v>
      </c>
      <c r="T2157" s="236">
        <f t="shared" si="495"/>
        <v>33.708175534980157</v>
      </c>
    </row>
    <row r="2158" spans="1:20" x14ac:dyDescent="0.2">
      <c r="A2158" s="53">
        <f t="shared" si="496"/>
        <v>2146</v>
      </c>
      <c r="B2158" s="239">
        <v>21.582000000000001</v>
      </c>
      <c r="C2158" s="3">
        <f t="shared" si="497"/>
        <v>21.574999999999999</v>
      </c>
      <c r="D2158" s="239">
        <v>4.9535</v>
      </c>
      <c r="E2158" s="239">
        <v>2.0799999999999999E-2</v>
      </c>
      <c r="F2158" s="239">
        <v>0.1454</v>
      </c>
      <c r="G2158">
        <f t="shared" si="498"/>
        <v>4.9825800000000005</v>
      </c>
      <c r="H2158" s="235">
        <f t="shared" si="499"/>
        <v>0.41745441116851106</v>
      </c>
      <c r="I2158" s="236">
        <f t="shared" si="500"/>
        <v>17.430922911172694</v>
      </c>
      <c r="J2158" s="237">
        <f t="shared" si="505"/>
        <v>7.4309229111726935</v>
      </c>
      <c r="K2158" s="237">
        <f t="shared" si="501"/>
        <v>376.07216180855085</v>
      </c>
      <c r="L2158" s="237">
        <f t="shared" si="506"/>
        <v>160.37417826892909</v>
      </c>
      <c r="M2158" s="236">
        <f t="shared" si="502"/>
        <v>28.723500802397659</v>
      </c>
      <c r="N2158" s="236">
        <f t="shared" si="503"/>
        <v>0.4515351049129277</v>
      </c>
      <c r="O2158" s="236">
        <f t="shared" si="507"/>
        <v>2.1936896166335638</v>
      </c>
      <c r="P2158" s="236" t="str">
        <f t="shared" si="508"/>
        <v>SAND</v>
      </c>
      <c r="Q2158" s="236" t="e">
        <f t="shared" si="504"/>
        <v>#N/A</v>
      </c>
      <c r="R2158" s="238">
        <v>35</v>
      </c>
      <c r="S2158" s="236" t="e">
        <f t="shared" si="509"/>
        <v>#N/A</v>
      </c>
      <c r="T2158" s="236">
        <f t="shared" si="495"/>
        <v>33.640611073709934</v>
      </c>
    </row>
    <row r="2159" spans="1:20" x14ac:dyDescent="0.2">
      <c r="A2159" s="53">
        <f t="shared" si="496"/>
        <v>2147</v>
      </c>
      <c r="B2159" s="239">
        <v>21.593</v>
      </c>
      <c r="C2159" s="3">
        <f t="shared" si="497"/>
        <v>21.585999999999999</v>
      </c>
      <c r="D2159" s="239">
        <v>4.8921000000000001</v>
      </c>
      <c r="E2159" s="239">
        <v>2.1100000000000001E-2</v>
      </c>
      <c r="F2159" s="239">
        <v>0.1376</v>
      </c>
      <c r="G2159">
        <f t="shared" si="498"/>
        <v>4.9196200000000001</v>
      </c>
      <c r="H2159" s="235">
        <f t="shared" si="499"/>
        <v>0.42889491464787927</v>
      </c>
      <c r="I2159" s="236">
        <f t="shared" si="500"/>
        <v>17.442744086248226</v>
      </c>
      <c r="J2159" s="237">
        <f t="shared" si="505"/>
        <v>7.4427440862482257</v>
      </c>
      <c r="K2159" s="237">
        <f t="shared" si="501"/>
        <v>376.51907384575418</v>
      </c>
      <c r="L2159" s="237">
        <f t="shared" si="506"/>
        <v>160.71117305435794</v>
      </c>
      <c r="M2159" s="236">
        <f t="shared" si="502"/>
        <v>28.268731039736831</v>
      </c>
      <c r="N2159" s="236">
        <f t="shared" si="503"/>
        <v>0.46444048553993361</v>
      </c>
      <c r="O2159" s="236">
        <f t="shared" si="507"/>
        <v>2.2049419830227786</v>
      </c>
      <c r="P2159" s="236" t="str">
        <f t="shared" si="508"/>
        <v>SAND</v>
      </c>
      <c r="Q2159" s="236" t="e">
        <f t="shared" si="504"/>
        <v>#N/A</v>
      </c>
      <c r="R2159" s="238">
        <v>35</v>
      </c>
      <c r="S2159" s="236" t="e">
        <f t="shared" si="509"/>
        <v>#N/A</v>
      </c>
      <c r="T2159" s="236">
        <f t="shared" si="495"/>
        <v>33.564369451824746</v>
      </c>
    </row>
    <row r="2160" spans="1:20" x14ac:dyDescent="0.2">
      <c r="A2160" s="53">
        <f t="shared" si="496"/>
        <v>2148</v>
      </c>
      <c r="B2160" s="239">
        <v>21.603000000000002</v>
      </c>
      <c r="C2160" s="3">
        <f t="shared" si="497"/>
        <v>21.596</v>
      </c>
      <c r="D2160" s="239">
        <v>4.8048000000000002</v>
      </c>
      <c r="E2160" s="239">
        <v>2.07E-2</v>
      </c>
      <c r="F2160" s="239">
        <v>0.1273</v>
      </c>
      <c r="G2160">
        <f t="shared" si="498"/>
        <v>4.83026</v>
      </c>
      <c r="H2160" s="235">
        <f t="shared" si="499"/>
        <v>0.42854835971562605</v>
      </c>
      <c r="I2160" s="236">
        <f t="shared" si="500"/>
        <v>17.413136444580026</v>
      </c>
      <c r="J2160" s="237">
        <f t="shared" si="505"/>
        <v>7.4131364445800259</v>
      </c>
      <c r="K2160" s="237">
        <f t="shared" si="501"/>
        <v>376.05409465715024</v>
      </c>
      <c r="L2160" s="237">
        <f t="shared" si="506"/>
        <v>160.14598661226231</v>
      </c>
      <c r="M2160" s="236">
        <f t="shared" si="502"/>
        <v>27.813409499465994</v>
      </c>
      <c r="N2160" s="236">
        <f t="shared" si="503"/>
        <v>0.46472930169595911</v>
      </c>
      <c r="O2160" s="236">
        <f t="shared" si="507"/>
        <v>2.2115085042091351</v>
      </c>
      <c r="P2160" s="236" t="str">
        <f t="shared" si="508"/>
        <v>SAND</v>
      </c>
      <c r="Q2160" s="236" t="e">
        <f t="shared" si="504"/>
        <v>#N/A</v>
      </c>
      <c r="R2160" s="238">
        <v>35</v>
      </c>
      <c r="S2160" s="236" t="e">
        <f t="shared" si="509"/>
        <v>#N/A</v>
      </c>
      <c r="T2160" s="236">
        <f t="shared" si="495"/>
        <v>33.486796530021934</v>
      </c>
    </row>
    <row r="2161" spans="1:20" x14ac:dyDescent="0.2">
      <c r="A2161" s="53">
        <f t="shared" si="496"/>
        <v>2149</v>
      </c>
      <c r="B2161" s="239">
        <v>21.611999999999998</v>
      </c>
      <c r="C2161" s="3">
        <f t="shared" si="497"/>
        <v>21.604999999999997</v>
      </c>
      <c r="D2161" s="239">
        <v>4.7651000000000003</v>
      </c>
      <c r="E2161" s="239">
        <v>2.01E-2</v>
      </c>
      <c r="F2161" s="239">
        <v>0.1207</v>
      </c>
      <c r="G2161">
        <f t="shared" si="498"/>
        <v>4.7892400000000004</v>
      </c>
      <c r="H2161" s="235">
        <f t="shared" si="499"/>
        <v>0.41969080689211646</v>
      </c>
      <c r="I2161" s="236">
        <f t="shared" si="500"/>
        <v>17.375312350406517</v>
      </c>
      <c r="J2161" s="237">
        <f t="shared" si="505"/>
        <v>7.3753123504065172</v>
      </c>
      <c r="K2161" s="237">
        <f t="shared" si="501"/>
        <v>375.39362333053276</v>
      </c>
      <c r="L2161" s="237">
        <f t="shared" si="506"/>
        <v>159.39525051698564</v>
      </c>
      <c r="M2161" s="236">
        <f t="shared" si="502"/>
        <v>27.691203861805874</v>
      </c>
      <c r="N2161" s="236">
        <f t="shared" si="503"/>
        <v>0.45538512863165731</v>
      </c>
      <c r="O2161" s="236">
        <f t="shared" si="507"/>
        <v>2.2097391293506981</v>
      </c>
      <c r="P2161" s="236" t="str">
        <f t="shared" si="508"/>
        <v>SAND</v>
      </c>
      <c r="Q2161" s="236" t="e">
        <f t="shared" si="504"/>
        <v>#N/A</v>
      </c>
      <c r="R2161" s="238">
        <v>35</v>
      </c>
      <c r="S2161" s="236" t="e">
        <f t="shared" si="509"/>
        <v>#N/A</v>
      </c>
      <c r="T2161" s="236">
        <f t="shared" si="495"/>
        <v>33.465760205903237</v>
      </c>
    </row>
    <row r="2162" spans="1:20" x14ac:dyDescent="0.2">
      <c r="A2162" s="53">
        <f t="shared" si="496"/>
        <v>2150</v>
      </c>
      <c r="B2162" s="239">
        <v>21.622</v>
      </c>
      <c r="C2162" s="3">
        <f t="shared" si="497"/>
        <v>21.614999999999998</v>
      </c>
      <c r="D2162" s="239">
        <v>4.7882999999999996</v>
      </c>
      <c r="E2162" s="239">
        <v>1.9800000000000002E-2</v>
      </c>
      <c r="F2162" s="239">
        <v>0.1211</v>
      </c>
      <c r="G2162">
        <f t="shared" si="498"/>
        <v>4.8125199999999992</v>
      </c>
      <c r="H2162" s="235">
        <f t="shared" si="499"/>
        <v>0.41142686160265318</v>
      </c>
      <c r="I2162" s="236">
        <f t="shared" si="500"/>
        <v>17.359574360724313</v>
      </c>
      <c r="J2162" s="237">
        <f t="shared" si="505"/>
        <v>7.3595743607243129</v>
      </c>
      <c r="K2162" s="237">
        <f t="shared" si="501"/>
        <v>375.22719980705602</v>
      </c>
      <c r="L2162" s="237">
        <f t="shared" si="506"/>
        <v>159.12871682758109</v>
      </c>
      <c r="M2162" s="236">
        <f t="shared" si="502"/>
        <v>27.884927929135706</v>
      </c>
      <c r="N2162" s="236">
        <f t="shared" si="503"/>
        <v>0.44621801831826502</v>
      </c>
      <c r="O2162" s="236">
        <f t="shared" si="507"/>
        <v>2.2034610773472565</v>
      </c>
      <c r="P2162" s="236" t="str">
        <f t="shared" si="508"/>
        <v>SAND</v>
      </c>
      <c r="Q2162" s="236" t="e">
        <f t="shared" si="504"/>
        <v>#N/A</v>
      </c>
      <c r="R2162" s="238">
        <v>35</v>
      </c>
      <c r="S2162" s="236" t="e">
        <f t="shared" si="509"/>
        <v>#N/A</v>
      </c>
      <c r="T2162" s="236">
        <f t="shared" si="495"/>
        <v>33.499064789955796</v>
      </c>
    </row>
    <row r="2163" spans="1:20" x14ac:dyDescent="0.2">
      <c r="A2163" s="53">
        <f t="shared" si="496"/>
        <v>2151</v>
      </c>
      <c r="B2163" s="239">
        <v>21.632000000000001</v>
      </c>
      <c r="C2163" s="3">
        <f t="shared" si="497"/>
        <v>21.625</v>
      </c>
      <c r="D2163" s="239">
        <v>4.8720999999999997</v>
      </c>
      <c r="E2163" s="239">
        <v>2.0400000000000001E-2</v>
      </c>
      <c r="F2163" s="239">
        <v>0.1149</v>
      </c>
      <c r="G2163">
        <f t="shared" si="498"/>
        <v>4.8950799999999992</v>
      </c>
      <c r="H2163" s="235">
        <f t="shared" si="499"/>
        <v>0.41674497658873816</v>
      </c>
      <c r="I2163" s="236">
        <f t="shared" si="500"/>
        <v>17.401228320893747</v>
      </c>
      <c r="J2163" s="237">
        <f t="shared" si="505"/>
        <v>7.4012283208937468</v>
      </c>
      <c r="K2163" s="237">
        <f t="shared" si="501"/>
        <v>376.30156243932726</v>
      </c>
      <c r="L2163" s="237">
        <f t="shared" si="506"/>
        <v>160.10337103757354</v>
      </c>
      <c r="M2163" s="236">
        <f t="shared" si="502"/>
        <v>28.224130499414603</v>
      </c>
      <c r="N2163" s="236">
        <f t="shared" si="503"/>
        <v>0.45144944107975199</v>
      </c>
      <c r="O2163" s="236">
        <f t="shared" si="507"/>
        <v>2.200644084918991</v>
      </c>
      <c r="P2163" s="236" t="str">
        <f t="shared" si="508"/>
        <v>SAND</v>
      </c>
      <c r="Q2163" s="236" t="e">
        <f t="shared" si="504"/>
        <v>#N/A</v>
      </c>
      <c r="R2163" s="238">
        <v>35</v>
      </c>
      <c r="S2163" s="236" t="e">
        <f t="shared" si="509"/>
        <v>#N/A</v>
      </c>
      <c r="T2163" s="236">
        <f t="shared" si="495"/>
        <v>33.556826286457181</v>
      </c>
    </row>
    <row r="2164" spans="1:20" x14ac:dyDescent="0.2">
      <c r="A2164" s="53">
        <f t="shared" si="496"/>
        <v>2152</v>
      </c>
      <c r="B2164" s="239">
        <v>21.641999999999999</v>
      </c>
      <c r="C2164" s="3">
        <f t="shared" si="497"/>
        <v>21.634999999999998</v>
      </c>
      <c r="D2164" s="239">
        <v>5.0137999999999998</v>
      </c>
      <c r="E2164" s="239">
        <v>2.18E-2</v>
      </c>
      <c r="F2164" s="239">
        <v>0.10829999999999999</v>
      </c>
      <c r="G2164">
        <f t="shared" si="498"/>
        <v>5.0354599999999996</v>
      </c>
      <c r="H2164" s="235">
        <f t="shared" si="499"/>
        <v>0.43292966283120116</v>
      </c>
      <c r="I2164" s="236">
        <f t="shared" si="500"/>
        <v>17.490110822500256</v>
      </c>
      <c r="J2164" s="237">
        <f t="shared" si="505"/>
        <v>7.4901108225002559</v>
      </c>
      <c r="K2164" s="237">
        <f t="shared" si="501"/>
        <v>378.39854764479298</v>
      </c>
      <c r="L2164" s="237">
        <f t="shared" si="506"/>
        <v>162.10097842055055</v>
      </c>
      <c r="M2164" s="236">
        <f t="shared" si="502"/>
        <v>28.729385212426344</v>
      </c>
      <c r="N2164" s="236">
        <f t="shared" si="503"/>
        <v>0.46810634180004496</v>
      </c>
      <c r="O2164" s="236">
        <f t="shared" si="507"/>
        <v>2.1998964333516895</v>
      </c>
      <c r="P2164" s="236" t="str">
        <f t="shared" si="508"/>
        <v>SAND</v>
      </c>
      <c r="Q2164" s="236" t="e">
        <f t="shared" si="504"/>
        <v>#N/A</v>
      </c>
      <c r="R2164" s="238">
        <v>35</v>
      </c>
      <c r="S2164" s="236" t="e">
        <f t="shared" si="509"/>
        <v>#N/A</v>
      </c>
      <c r="T2164" s="236">
        <f t="shared" si="495"/>
        <v>33.641589657621026</v>
      </c>
    </row>
    <row r="2165" spans="1:20" x14ac:dyDescent="0.2">
      <c r="A2165" s="53">
        <f t="shared" si="496"/>
        <v>2153</v>
      </c>
      <c r="B2165" s="239">
        <v>21.651</v>
      </c>
      <c r="C2165" s="3">
        <f t="shared" si="497"/>
        <v>21.643999999999998</v>
      </c>
      <c r="D2165" s="239">
        <v>5.1677999999999997</v>
      </c>
      <c r="E2165" s="239">
        <v>2.3900000000000001E-2</v>
      </c>
      <c r="F2165" s="239">
        <v>9.7799999999999998E-2</v>
      </c>
      <c r="G2165">
        <f t="shared" si="498"/>
        <v>5.18736</v>
      </c>
      <c r="H2165" s="235">
        <f t="shared" si="499"/>
        <v>0.46073532586903554</v>
      </c>
      <c r="I2165" s="236">
        <f t="shared" si="500"/>
        <v>17.609569136901552</v>
      </c>
      <c r="J2165" s="237">
        <f t="shared" si="505"/>
        <v>7.6095691369015519</v>
      </c>
      <c r="K2165" s="237">
        <f t="shared" si="501"/>
        <v>381.14151439909716</v>
      </c>
      <c r="L2165" s="237">
        <f t="shared" si="506"/>
        <v>164.7547813830555</v>
      </c>
      <c r="M2165" s="236">
        <f t="shared" si="502"/>
        <v>29.171951461769272</v>
      </c>
      <c r="N2165" s="236">
        <f t="shared" si="503"/>
        <v>0.49727244135077803</v>
      </c>
      <c r="O2165" s="236">
        <f t="shared" si="507"/>
        <v>2.2046107809993285</v>
      </c>
      <c r="P2165" s="236" t="str">
        <f t="shared" si="508"/>
        <v>SAND</v>
      </c>
      <c r="Q2165" s="236" t="e">
        <f t="shared" si="504"/>
        <v>#N/A</v>
      </c>
      <c r="R2165" s="238">
        <v>35</v>
      </c>
      <c r="S2165" s="236" t="e">
        <f t="shared" si="509"/>
        <v>#N/A</v>
      </c>
      <c r="T2165" s="236">
        <f t="shared" si="495"/>
        <v>33.714620305119084</v>
      </c>
    </row>
    <row r="2166" spans="1:20" x14ac:dyDescent="0.2">
      <c r="A2166" s="53">
        <f t="shared" si="496"/>
        <v>2154</v>
      </c>
      <c r="B2166" s="239">
        <v>21.661999999999999</v>
      </c>
      <c r="C2166" s="3">
        <f t="shared" si="497"/>
        <v>21.654999999999998</v>
      </c>
      <c r="D2166" s="239">
        <v>5.2801999999999998</v>
      </c>
      <c r="E2166" s="239">
        <v>2.5899999999999999E-2</v>
      </c>
      <c r="F2166" s="239">
        <v>8.5300000000000001E-2</v>
      </c>
      <c r="G2166">
        <f t="shared" si="498"/>
        <v>5.2972599999999996</v>
      </c>
      <c r="H2166" s="235">
        <f t="shared" si="499"/>
        <v>0.48893201390907753</v>
      </c>
      <c r="I2166" s="236">
        <f t="shared" si="500"/>
        <v>17.711998577943803</v>
      </c>
      <c r="J2166" s="237">
        <f t="shared" si="505"/>
        <v>7.7119985779438025</v>
      </c>
      <c r="K2166" s="237">
        <f t="shared" si="501"/>
        <v>383.55332920537302</v>
      </c>
      <c r="L2166" s="237">
        <f t="shared" si="506"/>
        <v>167.05731319541863</v>
      </c>
      <c r="M2166" s="236">
        <f t="shared" si="502"/>
        <v>29.413298806300801</v>
      </c>
      <c r="N2166" s="236">
        <f t="shared" si="503"/>
        <v>0.52709699083058104</v>
      </c>
      <c r="O2166" s="236">
        <f t="shared" si="507"/>
        <v>2.2120092595824077</v>
      </c>
      <c r="P2166" s="236" t="str">
        <f t="shared" si="508"/>
        <v>SAND</v>
      </c>
      <c r="Q2166" s="236" t="e">
        <f t="shared" si="504"/>
        <v>#N/A</v>
      </c>
      <c r="R2166" s="238">
        <v>35</v>
      </c>
      <c r="S2166" s="236" t="e">
        <f t="shared" si="509"/>
        <v>#N/A</v>
      </c>
      <c r="T2166" s="236">
        <f t="shared" si="495"/>
        <v>33.75398108404049</v>
      </c>
    </row>
    <row r="2167" spans="1:20" x14ac:dyDescent="0.2">
      <c r="A2167" s="53">
        <f t="shared" si="496"/>
        <v>2155</v>
      </c>
      <c r="B2167" s="239">
        <v>21.672000000000001</v>
      </c>
      <c r="C2167" s="3">
        <f t="shared" si="497"/>
        <v>21.664999999999999</v>
      </c>
      <c r="D2167" s="239">
        <v>5.3391000000000002</v>
      </c>
      <c r="E2167" s="239">
        <v>2.7E-2</v>
      </c>
      <c r="F2167" s="239">
        <v>7.1999999999999995E-2</v>
      </c>
      <c r="G2167">
        <f t="shared" si="498"/>
        <v>5.3535000000000004</v>
      </c>
      <c r="H2167" s="235">
        <f t="shared" si="499"/>
        <v>0.50434295320818157</v>
      </c>
      <c r="I2167" s="236">
        <f t="shared" si="500"/>
        <v>17.76489924392196</v>
      </c>
      <c r="J2167" s="237">
        <f t="shared" si="505"/>
        <v>7.7648992439219597</v>
      </c>
      <c r="K2167" s="237">
        <f t="shared" si="501"/>
        <v>384.87654211956925</v>
      </c>
      <c r="L2167" s="237">
        <f t="shared" si="506"/>
        <v>168.28089641427673</v>
      </c>
      <c r="M2167" s="236">
        <f t="shared" si="502"/>
        <v>29.525772465869153</v>
      </c>
      <c r="N2167" s="236">
        <f t="shared" si="503"/>
        <v>0.54341006576332418</v>
      </c>
      <c r="O2167" s="236">
        <f t="shared" si="507"/>
        <v>2.2161822688282711</v>
      </c>
      <c r="P2167" s="236" t="str">
        <f t="shared" si="508"/>
        <v>SAND</v>
      </c>
      <c r="Q2167" s="236" t="e">
        <f t="shared" si="504"/>
        <v>#N/A</v>
      </c>
      <c r="R2167" s="238">
        <v>35</v>
      </c>
      <c r="S2167" s="236" t="e">
        <f t="shared" si="509"/>
        <v>#N/A</v>
      </c>
      <c r="T2167" s="236">
        <f t="shared" si="495"/>
        <v>33.772213954950914</v>
      </c>
    </row>
    <row r="2168" spans="1:20" x14ac:dyDescent="0.2">
      <c r="A2168" s="53">
        <f t="shared" si="496"/>
        <v>2156</v>
      </c>
      <c r="B2168" s="239">
        <v>21.681000000000001</v>
      </c>
      <c r="C2168" s="3">
        <f t="shared" si="497"/>
        <v>21.673999999999999</v>
      </c>
      <c r="D2168" s="239">
        <v>5.3772000000000002</v>
      </c>
      <c r="E2168" s="239">
        <v>2.5499999999999998E-2</v>
      </c>
      <c r="F2168" s="239">
        <v>7.3999999999999996E-2</v>
      </c>
      <c r="G2168">
        <f t="shared" si="498"/>
        <v>5.3920000000000003</v>
      </c>
      <c r="H2168" s="235">
        <f t="shared" si="499"/>
        <v>0.47292284866468837</v>
      </c>
      <c r="I2168" s="236">
        <f t="shared" si="500"/>
        <v>17.700676436728703</v>
      </c>
      <c r="J2168" s="237">
        <f t="shared" si="505"/>
        <v>7.7006764367287026</v>
      </c>
      <c r="K2168" s="237">
        <f t="shared" si="501"/>
        <v>383.64446108965791</v>
      </c>
      <c r="L2168" s="237">
        <f t="shared" si="506"/>
        <v>166.958365824715</v>
      </c>
      <c r="M2168" s="236">
        <f t="shared" si="502"/>
        <v>29.997631530297063</v>
      </c>
      <c r="N2168" s="236">
        <f t="shared" si="503"/>
        <v>0.50914915688170148</v>
      </c>
      <c r="O2168" s="236">
        <f t="shared" si="507"/>
        <v>2.1978953723370926</v>
      </c>
      <c r="P2168" s="236" t="str">
        <f t="shared" si="508"/>
        <v>SAND</v>
      </c>
      <c r="Q2168" s="236" t="e">
        <f t="shared" si="504"/>
        <v>#N/A</v>
      </c>
      <c r="R2168" s="238">
        <v>35</v>
      </c>
      <c r="S2168" s="236" t="e">
        <f t="shared" si="509"/>
        <v>#N/A</v>
      </c>
      <c r="T2168" s="236">
        <f t="shared" si="495"/>
        <v>33.847956628809108</v>
      </c>
    </row>
    <row r="2169" spans="1:20" x14ac:dyDescent="0.2">
      <c r="A2169" s="53">
        <f t="shared" si="496"/>
        <v>2157</v>
      </c>
      <c r="B2169" s="239">
        <v>21.692</v>
      </c>
      <c r="C2169" s="3">
        <f t="shared" si="497"/>
        <v>21.684999999999999</v>
      </c>
      <c r="D2169" s="239">
        <v>5.45</v>
      </c>
      <c r="E2169" s="239">
        <v>2.69E-2</v>
      </c>
      <c r="F2169" s="239">
        <v>6.83E-2</v>
      </c>
      <c r="G2169">
        <f t="shared" si="498"/>
        <v>5.46366</v>
      </c>
      <c r="H2169" s="235">
        <f t="shared" si="499"/>
        <v>0.49234395990965762</v>
      </c>
      <c r="I2169" s="236">
        <f t="shared" si="500"/>
        <v>17.768509509475656</v>
      </c>
      <c r="J2169" s="237">
        <f t="shared" si="505"/>
        <v>7.7685095094756562</v>
      </c>
      <c r="K2169" s="237">
        <f t="shared" si="501"/>
        <v>385.31012871297958</v>
      </c>
      <c r="L2169" s="237">
        <f t="shared" si="506"/>
        <v>168.51450827954594</v>
      </c>
      <c r="M2169" s="236">
        <f t="shared" si="502"/>
        <v>30.13598011906862</v>
      </c>
      <c r="N2169" s="236">
        <f t="shared" si="503"/>
        <v>0.5296996205813338</v>
      </c>
      <c r="O2169" s="236">
        <f t="shared" si="507"/>
        <v>2.203391309495832</v>
      </c>
      <c r="P2169" s="236" t="str">
        <f t="shared" si="508"/>
        <v>SAND</v>
      </c>
      <c r="Q2169" s="236" t="e">
        <f t="shared" si="504"/>
        <v>#N/A</v>
      </c>
      <c r="R2169" s="238">
        <v>35</v>
      </c>
      <c r="S2169" s="236" t="e">
        <f t="shared" si="509"/>
        <v>#N/A</v>
      </c>
      <c r="T2169" s="236">
        <f t="shared" si="495"/>
        <v>33.869938527567882</v>
      </c>
    </row>
    <row r="2170" spans="1:20" x14ac:dyDescent="0.2">
      <c r="A2170" s="53">
        <f t="shared" si="496"/>
        <v>2158</v>
      </c>
      <c r="B2170" s="239">
        <v>21.701000000000001</v>
      </c>
      <c r="C2170" s="3">
        <f t="shared" si="497"/>
        <v>21.693999999999999</v>
      </c>
      <c r="D2170" s="239">
        <v>5.5092999999999996</v>
      </c>
      <c r="E2170" s="239">
        <v>2.4400000000000002E-2</v>
      </c>
      <c r="F2170" s="239">
        <v>6.9699999999999998E-2</v>
      </c>
      <c r="G2170">
        <f t="shared" si="498"/>
        <v>5.5232399999999995</v>
      </c>
      <c r="H2170" s="235">
        <f t="shared" si="499"/>
        <v>0.44176968590899551</v>
      </c>
      <c r="I2170" s="236">
        <f t="shared" si="500"/>
        <v>17.658370108930317</v>
      </c>
      <c r="J2170" s="237">
        <f t="shared" si="505"/>
        <v>7.6583701089303169</v>
      </c>
      <c r="K2170" s="237">
        <f t="shared" si="501"/>
        <v>383.08068114313426</v>
      </c>
      <c r="L2170" s="237">
        <f t="shared" si="506"/>
        <v>166.19428973389682</v>
      </c>
      <c r="M2170" s="236">
        <f t="shared" si="502"/>
        <v>30.928615700858728</v>
      </c>
      <c r="N2170" s="236">
        <f t="shared" si="503"/>
        <v>0.4746934576616661</v>
      </c>
      <c r="O2170" s="236">
        <f t="shared" si="507"/>
        <v>2.1731381290342342</v>
      </c>
      <c r="P2170" s="236" t="str">
        <f t="shared" si="508"/>
        <v>SAND</v>
      </c>
      <c r="Q2170" s="236" t="e">
        <f t="shared" si="504"/>
        <v>#N/A</v>
      </c>
      <c r="R2170" s="238">
        <v>35</v>
      </c>
      <c r="S2170" s="236" t="e">
        <f t="shared" si="509"/>
        <v>#N/A</v>
      </c>
      <c r="T2170" s="236">
        <f t="shared" si="495"/>
        <v>33.99396530573641</v>
      </c>
    </row>
    <row r="2171" spans="1:20" x14ac:dyDescent="0.2">
      <c r="A2171" s="53">
        <f t="shared" si="496"/>
        <v>2159</v>
      </c>
      <c r="B2171" s="239">
        <v>21.71</v>
      </c>
      <c r="C2171" s="3">
        <f t="shared" si="497"/>
        <v>21.702999999999999</v>
      </c>
      <c r="D2171" s="239">
        <v>5.5526999999999997</v>
      </c>
      <c r="E2171" s="239">
        <v>2.47E-2</v>
      </c>
      <c r="F2171" s="239">
        <v>7.1900000000000006E-2</v>
      </c>
      <c r="G2171">
        <f t="shared" si="498"/>
        <v>5.5670799999999998</v>
      </c>
      <c r="H2171" s="235">
        <f t="shared" si="499"/>
        <v>0.44367963097350854</v>
      </c>
      <c r="I2171" s="236">
        <f t="shared" si="500"/>
        <v>17.675789544205173</v>
      </c>
      <c r="J2171" s="237">
        <f t="shared" si="505"/>
        <v>7.6757895442051733</v>
      </c>
      <c r="K2171" s="237">
        <f t="shared" si="501"/>
        <v>383.61766047788484</v>
      </c>
      <c r="L2171" s="237">
        <f t="shared" si="506"/>
        <v>166.64139100469433</v>
      </c>
      <c r="M2171" s="236">
        <f t="shared" si="502"/>
        <v>31.105491308435465</v>
      </c>
      <c r="N2171" s="236">
        <f t="shared" si="503"/>
        <v>0.47651547136112105</v>
      </c>
      <c r="O2171" s="236">
        <f t="shared" si="507"/>
        <v>2.1715698419125635</v>
      </c>
      <c r="P2171" s="236" t="str">
        <f t="shared" si="508"/>
        <v>SAND</v>
      </c>
      <c r="Q2171" s="236" t="e">
        <f t="shared" si="504"/>
        <v>#N/A</v>
      </c>
      <c r="R2171" s="238">
        <v>35</v>
      </c>
      <c r="S2171" s="236" t="e">
        <f t="shared" si="509"/>
        <v>#N/A</v>
      </c>
      <c r="T2171" s="236">
        <f t="shared" si="495"/>
        <v>34.021207719126252</v>
      </c>
    </row>
    <row r="2172" spans="1:20" x14ac:dyDescent="0.2">
      <c r="A2172" s="53">
        <f t="shared" si="496"/>
        <v>2160</v>
      </c>
      <c r="B2172" s="239">
        <v>21.72</v>
      </c>
      <c r="C2172" s="3">
        <f t="shared" si="497"/>
        <v>21.712999999999997</v>
      </c>
      <c r="D2172" s="239">
        <v>5.5557999999999996</v>
      </c>
      <c r="E2172" s="239">
        <v>2.4400000000000002E-2</v>
      </c>
      <c r="F2172" s="239">
        <v>7.2700000000000001E-2</v>
      </c>
      <c r="G2172">
        <f t="shared" si="498"/>
        <v>5.5703399999999998</v>
      </c>
      <c r="H2172" s="235">
        <f t="shared" si="499"/>
        <v>0.43803430311255692</v>
      </c>
      <c r="I2172" s="236">
        <f t="shared" si="500"/>
        <v>17.661689119332159</v>
      </c>
      <c r="J2172" s="237">
        <f t="shared" si="505"/>
        <v>7.6616891193321592</v>
      </c>
      <c r="K2172" s="237">
        <f t="shared" si="501"/>
        <v>383.48825584805911</v>
      </c>
      <c r="L2172" s="237">
        <f t="shared" si="506"/>
        <v>166.41188767189448</v>
      </c>
      <c r="M2172" s="236">
        <f t="shared" si="502"/>
        <v>31.168757332881064</v>
      </c>
      <c r="N2172" s="236">
        <f t="shared" si="503"/>
        <v>0.47042023183929355</v>
      </c>
      <c r="O2172" s="236">
        <f t="shared" si="507"/>
        <v>2.168459339802753</v>
      </c>
      <c r="P2172" s="236" t="str">
        <f t="shared" si="508"/>
        <v>SAND</v>
      </c>
      <c r="Q2172" s="236" t="e">
        <f t="shared" si="504"/>
        <v>#N/A</v>
      </c>
      <c r="R2172" s="238">
        <v>35</v>
      </c>
      <c r="S2172" s="236" t="e">
        <f t="shared" si="509"/>
        <v>#N/A</v>
      </c>
      <c r="T2172" s="236">
        <f t="shared" si="495"/>
        <v>34.030914365098546</v>
      </c>
    </row>
    <row r="2173" spans="1:20" x14ac:dyDescent="0.2">
      <c r="A2173" s="53">
        <f t="shared" si="496"/>
        <v>2161</v>
      </c>
      <c r="B2173" s="239">
        <v>21.728999999999999</v>
      </c>
      <c r="C2173" s="3">
        <f t="shared" si="497"/>
        <v>21.721999999999998</v>
      </c>
      <c r="D2173" s="239">
        <v>5.5888</v>
      </c>
      <c r="E2173" s="239">
        <v>2.4400000000000002E-2</v>
      </c>
      <c r="F2173" s="239">
        <v>7.6399999999999996E-2</v>
      </c>
      <c r="G2173">
        <f t="shared" si="498"/>
        <v>5.6040799999999997</v>
      </c>
      <c r="H2173" s="235">
        <f t="shared" si="499"/>
        <v>0.43539706785056609</v>
      </c>
      <c r="I2173" s="236">
        <f t="shared" si="500"/>
        <v>17.664049479210217</v>
      </c>
      <c r="J2173" s="237">
        <f t="shared" si="505"/>
        <v>7.6640494792102167</v>
      </c>
      <c r="K2173" s="237">
        <f t="shared" si="501"/>
        <v>383.69848278740432</v>
      </c>
      <c r="L2173" s="237">
        <f t="shared" si="506"/>
        <v>166.53213113375878</v>
      </c>
      <c r="M2173" s="236">
        <f t="shared" si="502"/>
        <v>31.347593294290938</v>
      </c>
      <c r="N2173" s="236">
        <f t="shared" si="503"/>
        <v>0.46739878914114874</v>
      </c>
      <c r="O2173" s="236">
        <f t="shared" si="507"/>
        <v>2.1650436118672283</v>
      </c>
      <c r="P2173" s="236" t="str">
        <f t="shared" si="508"/>
        <v>SAND</v>
      </c>
      <c r="Q2173" s="236" t="e">
        <f t="shared" si="504"/>
        <v>#N/A</v>
      </c>
      <c r="R2173" s="238">
        <v>35</v>
      </c>
      <c r="S2173" s="236" t="e">
        <f t="shared" si="509"/>
        <v>#N/A</v>
      </c>
      <c r="T2173" s="236">
        <f t="shared" si="495"/>
        <v>34.058246239244184</v>
      </c>
    </row>
    <row r="2174" spans="1:20" x14ac:dyDescent="0.2">
      <c r="A2174" s="53">
        <f t="shared" si="496"/>
        <v>2162</v>
      </c>
      <c r="B2174" s="239">
        <v>21.74</v>
      </c>
      <c r="C2174" s="3">
        <f t="shared" si="497"/>
        <v>21.732999999999997</v>
      </c>
      <c r="D2174" s="239">
        <v>5.6162000000000001</v>
      </c>
      <c r="E2174" s="239">
        <v>2.4299999999999999E-2</v>
      </c>
      <c r="F2174" s="239">
        <v>7.7600000000000002E-2</v>
      </c>
      <c r="G2174">
        <f t="shared" si="498"/>
        <v>5.6317200000000005</v>
      </c>
      <c r="H2174" s="235">
        <f t="shared" si="499"/>
        <v>0.43148451982697994</v>
      </c>
      <c r="I2174" s="236">
        <f t="shared" si="500"/>
        <v>17.661156941925036</v>
      </c>
      <c r="J2174" s="237">
        <f t="shared" si="505"/>
        <v>7.6611569419250358</v>
      </c>
      <c r="K2174" s="237">
        <f t="shared" si="501"/>
        <v>383.82992381885674</v>
      </c>
      <c r="L2174" s="237">
        <f t="shared" si="506"/>
        <v>166.55355191745028</v>
      </c>
      <c r="M2174" s="236">
        <f t="shared" si="502"/>
        <v>31.508725066290872</v>
      </c>
      <c r="N2174" s="236">
        <f t="shared" si="503"/>
        <v>0.46304323541934689</v>
      </c>
      <c r="O2174" s="236">
        <f t="shared" si="507"/>
        <v>2.1613446065866371</v>
      </c>
      <c r="P2174" s="236" t="str">
        <f t="shared" si="508"/>
        <v>SAND</v>
      </c>
      <c r="Q2174" s="236" t="e">
        <f t="shared" si="504"/>
        <v>#N/A</v>
      </c>
      <c r="R2174" s="238">
        <v>35</v>
      </c>
      <c r="S2174" s="236" t="e">
        <f t="shared" si="509"/>
        <v>#N/A</v>
      </c>
      <c r="T2174" s="236">
        <f t="shared" si="495"/>
        <v>34.082739137971991</v>
      </c>
    </row>
    <row r="2175" spans="1:20" x14ac:dyDescent="0.2">
      <c r="A2175" s="53">
        <f t="shared" si="496"/>
        <v>2163</v>
      </c>
      <c r="B2175" s="239">
        <v>21.748999999999999</v>
      </c>
      <c r="C2175" s="3">
        <f t="shared" si="497"/>
        <v>21.741999999999997</v>
      </c>
      <c r="D2175" s="239">
        <v>5.6356000000000002</v>
      </c>
      <c r="E2175" s="239">
        <v>2.52E-2</v>
      </c>
      <c r="F2175" s="239">
        <v>8.5300000000000001E-2</v>
      </c>
      <c r="G2175">
        <f t="shared" si="498"/>
        <v>5.65266</v>
      </c>
      <c r="H2175" s="235">
        <f t="shared" si="499"/>
        <v>0.44580781437411771</v>
      </c>
      <c r="I2175" s="236">
        <f t="shared" si="500"/>
        <v>17.705252092100537</v>
      </c>
      <c r="J2175" s="237">
        <f t="shared" si="505"/>
        <v>7.7052520921005367</v>
      </c>
      <c r="K2175" s="237">
        <f t="shared" si="501"/>
        <v>384.94759098644982</v>
      </c>
      <c r="L2175" s="237">
        <f t="shared" si="506"/>
        <v>167.58152775109457</v>
      </c>
      <c r="M2175" s="236">
        <f t="shared" si="502"/>
        <v>31.433729479048409</v>
      </c>
      <c r="N2175" s="236">
        <f t="shared" si="503"/>
        <v>0.47838602496370974</v>
      </c>
      <c r="O2175" s="236">
        <f t="shared" si="507"/>
        <v>2.1681255063808873</v>
      </c>
      <c r="P2175" s="236" t="str">
        <f t="shared" si="508"/>
        <v>SAND</v>
      </c>
      <c r="Q2175" s="236" t="e">
        <f t="shared" si="504"/>
        <v>#N/A</v>
      </c>
      <c r="R2175" s="238">
        <v>35</v>
      </c>
      <c r="S2175" s="236" t="e">
        <f t="shared" si="509"/>
        <v>#N/A</v>
      </c>
      <c r="T2175" s="236">
        <f t="shared" si="495"/>
        <v>34.071355024057127</v>
      </c>
    </row>
    <row r="2176" spans="1:20" x14ac:dyDescent="0.2">
      <c r="A2176" s="53">
        <f t="shared" si="496"/>
        <v>2164</v>
      </c>
      <c r="B2176" s="239">
        <v>21.759</v>
      </c>
      <c r="C2176" s="3">
        <f t="shared" si="497"/>
        <v>21.751999999999999</v>
      </c>
      <c r="D2176" s="239">
        <v>5.6384999999999996</v>
      </c>
      <c r="E2176" s="239">
        <v>2.6100000000000002E-2</v>
      </c>
      <c r="F2176" s="239">
        <v>9.2100000000000001E-2</v>
      </c>
      <c r="G2176">
        <f t="shared" si="498"/>
        <v>5.6569199999999995</v>
      </c>
      <c r="H2176" s="235">
        <f t="shared" si="499"/>
        <v>0.46138181201077627</v>
      </c>
      <c r="I2176" s="236">
        <f t="shared" si="500"/>
        <v>17.746694457499231</v>
      </c>
      <c r="J2176" s="237">
        <f t="shared" si="505"/>
        <v>7.7466944574992311</v>
      </c>
      <c r="K2176" s="237">
        <f t="shared" si="501"/>
        <v>386.02609783952323</v>
      </c>
      <c r="L2176" s="237">
        <f t="shared" si="506"/>
        <v>168.56032470072577</v>
      </c>
      <c r="M2176" s="236">
        <f t="shared" si="502"/>
        <v>31.270074446752538</v>
      </c>
      <c r="N2176" s="236">
        <f t="shared" si="503"/>
        <v>0.49517217543122866</v>
      </c>
      <c r="O2176" s="236">
        <f t="shared" si="507"/>
        <v>2.1764408485663935</v>
      </c>
      <c r="P2176" s="236" t="str">
        <f t="shared" si="508"/>
        <v>SAND</v>
      </c>
      <c r="Q2176" s="236" t="e">
        <f t="shared" si="504"/>
        <v>#N/A</v>
      </c>
      <c r="R2176" s="238">
        <v>35</v>
      </c>
      <c r="S2176" s="236" t="e">
        <f t="shared" si="509"/>
        <v>#N/A</v>
      </c>
      <c r="T2176" s="236">
        <f t="shared" si="495"/>
        <v>34.046418067178138</v>
      </c>
    </row>
    <row r="2177" spans="1:20" x14ac:dyDescent="0.2">
      <c r="A2177" s="53">
        <f t="shared" si="496"/>
        <v>2165</v>
      </c>
      <c r="B2177" s="239">
        <v>21.768999999999998</v>
      </c>
      <c r="C2177" s="3">
        <f t="shared" si="497"/>
        <v>21.761999999999997</v>
      </c>
      <c r="D2177" s="239">
        <v>5.6234000000000002</v>
      </c>
      <c r="E2177" s="239">
        <v>2.64E-2</v>
      </c>
      <c r="F2177" s="239">
        <v>9.8100000000000007E-2</v>
      </c>
      <c r="G2177">
        <f t="shared" si="498"/>
        <v>5.6430199999999999</v>
      </c>
      <c r="H2177" s="235">
        <f t="shared" si="499"/>
        <v>0.46783459920397236</v>
      </c>
      <c r="I2177" s="236">
        <f t="shared" si="500"/>
        <v>17.759134087480962</v>
      </c>
      <c r="J2177" s="237">
        <f t="shared" si="505"/>
        <v>7.7591340874809624</v>
      </c>
      <c r="K2177" s="237">
        <f t="shared" si="501"/>
        <v>386.47427601176065</v>
      </c>
      <c r="L2177" s="237">
        <f t="shared" si="506"/>
        <v>168.90858995037306</v>
      </c>
      <c r="M2177" s="236">
        <f t="shared" si="502"/>
        <v>31.12065363598537</v>
      </c>
      <c r="N2177" s="236">
        <f t="shared" si="503"/>
        <v>0.50223095900267045</v>
      </c>
      <c r="O2177" s="236">
        <f t="shared" si="507"/>
        <v>2.1809171518301147</v>
      </c>
      <c r="P2177" s="236" t="str">
        <f t="shared" si="508"/>
        <v>SAND</v>
      </c>
      <c r="Q2177" s="236" t="e">
        <f t="shared" si="504"/>
        <v>#N/A</v>
      </c>
      <c r="R2177" s="238">
        <v>35</v>
      </c>
      <c r="S2177" s="236" t="e">
        <f t="shared" si="509"/>
        <v>#N/A</v>
      </c>
      <c r="T2177" s="236">
        <f t="shared" si="495"/>
        <v>34.023535810270687</v>
      </c>
    </row>
    <row r="2178" spans="1:20" x14ac:dyDescent="0.2">
      <c r="A2178" s="53">
        <f t="shared" si="496"/>
        <v>2166</v>
      </c>
      <c r="B2178" s="239">
        <v>21.779</v>
      </c>
      <c r="C2178" s="3">
        <f t="shared" si="497"/>
        <v>21.771999999999998</v>
      </c>
      <c r="D2178" s="239">
        <v>5.6429</v>
      </c>
      <c r="E2178" s="239">
        <v>2.7400000000000001E-2</v>
      </c>
      <c r="F2178" s="239">
        <v>0.10539999999999999</v>
      </c>
      <c r="G2178">
        <f t="shared" si="498"/>
        <v>5.6639800000000005</v>
      </c>
      <c r="H2178" s="235">
        <f t="shared" si="499"/>
        <v>0.48375877033464099</v>
      </c>
      <c r="I2178" s="236">
        <f t="shared" si="500"/>
        <v>17.804179114035495</v>
      </c>
      <c r="J2178" s="237">
        <f t="shared" si="505"/>
        <v>7.8041791140354952</v>
      </c>
      <c r="K2178" s="237">
        <f t="shared" si="501"/>
        <v>387.63258767078077</v>
      </c>
      <c r="L2178" s="237">
        <f t="shared" si="506"/>
        <v>169.96721692457905</v>
      </c>
      <c r="M2178" s="236">
        <f t="shared" si="502"/>
        <v>31.043324164509542</v>
      </c>
      <c r="N2178" s="236">
        <f t="shared" si="503"/>
        <v>0.51929863329269288</v>
      </c>
      <c r="O2178" s="236">
        <f t="shared" si="507"/>
        <v>2.188061933020808</v>
      </c>
      <c r="P2178" s="236" t="str">
        <f t="shared" si="508"/>
        <v>SAND</v>
      </c>
      <c r="Q2178" s="236" t="e">
        <f t="shared" si="504"/>
        <v>#N/A</v>
      </c>
      <c r="R2178" s="238">
        <v>35</v>
      </c>
      <c r="S2178" s="236" t="e">
        <f t="shared" si="509"/>
        <v>#N/A</v>
      </c>
      <c r="T2178" s="236">
        <f t="shared" si="495"/>
        <v>34.011650419603043</v>
      </c>
    </row>
    <row r="2179" spans="1:20" x14ac:dyDescent="0.2">
      <c r="A2179" s="53">
        <f t="shared" si="496"/>
        <v>2167</v>
      </c>
      <c r="B2179" s="239">
        <v>21.789000000000001</v>
      </c>
      <c r="C2179" s="3">
        <f t="shared" si="497"/>
        <v>21.782</v>
      </c>
      <c r="D2179" s="239">
        <v>5.6571999999999996</v>
      </c>
      <c r="E2179" s="239">
        <v>2.7699999999999999E-2</v>
      </c>
      <c r="F2179" s="239">
        <v>0.1142</v>
      </c>
      <c r="G2179">
        <f t="shared" si="498"/>
        <v>5.68004</v>
      </c>
      <c r="H2179" s="235">
        <f t="shared" si="499"/>
        <v>0.48767262202378858</v>
      </c>
      <c r="I2179" s="236">
        <f t="shared" si="500"/>
        <v>17.818054685557382</v>
      </c>
      <c r="J2179" s="237">
        <f t="shared" si="505"/>
        <v>7.8180546855573816</v>
      </c>
      <c r="K2179" s="237">
        <f t="shared" si="501"/>
        <v>388.11286716081088</v>
      </c>
      <c r="L2179" s="237">
        <f t="shared" si="506"/>
        <v>170.3475935436098</v>
      </c>
      <c r="M2179" s="236">
        <f t="shared" si="502"/>
        <v>31.065464576019561</v>
      </c>
      <c r="N2179" s="236">
        <f t="shared" si="503"/>
        <v>0.52343880224855976</v>
      </c>
      <c r="O2179" s="236">
        <f t="shared" si="507"/>
        <v>2.1892588004300086</v>
      </c>
      <c r="P2179" s="236" t="str">
        <f t="shared" si="508"/>
        <v>SAND</v>
      </c>
      <c r="Q2179" s="236" t="e">
        <f t="shared" si="504"/>
        <v>#N/A</v>
      </c>
      <c r="R2179" s="238">
        <v>35</v>
      </c>
      <c r="S2179" s="236" t="e">
        <f t="shared" si="509"/>
        <v>#N/A</v>
      </c>
      <c r="T2179" s="236">
        <f t="shared" si="495"/>
        <v>34.015056380357706</v>
      </c>
    </row>
    <row r="2180" spans="1:20" x14ac:dyDescent="0.2">
      <c r="A2180" s="53">
        <f t="shared" si="496"/>
        <v>2168</v>
      </c>
      <c r="B2180" s="239">
        <v>21.797999999999998</v>
      </c>
      <c r="C2180" s="3">
        <f t="shared" si="497"/>
        <v>21.790999999999997</v>
      </c>
      <c r="D2180" s="239">
        <v>5.6669</v>
      </c>
      <c r="E2180" s="239">
        <v>2.69E-2</v>
      </c>
      <c r="F2180" s="239">
        <v>0.1216</v>
      </c>
      <c r="G2180">
        <f t="shared" si="498"/>
        <v>5.6912200000000004</v>
      </c>
      <c r="H2180" s="235">
        <f t="shared" si="499"/>
        <v>0.47265788354693722</v>
      </c>
      <c r="I2180" s="236">
        <f t="shared" si="500"/>
        <v>17.784459047020977</v>
      </c>
      <c r="J2180" s="237">
        <f t="shared" si="505"/>
        <v>7.7844590470209774</v>
      </c>
      <c r="K2180" s="237">
        <f t="shared" si="501"/>
        <v>387.54114709363404</v>
      </c>
      <c r="L2180" s="237">
        <f t="shared" si="506"/>
        <v>169.68563830696326</v>
      </c>
      <c r="M2180" s="236">
        <f t="shared" si="502"/>
        <v>31.255908902036545</v>
      </c>
      <c r="N2180" s="236">
        <f t="shared" si="503"/>
        <v>0.50719511392095418</v>
      </c>
      <c r="O2180" s="236">
        <f t="shared" si="507"/>
        <v>2.1810185636978718</v>
      </c>
      <c r="P2180" s="236" t="str">
        <f t="shared" si="508"/>
        <v>SAND</v>
      </c>
      <c r="Q2180" s="236" t="e">
        <f t="shared" si="504"/>
        <v>#N/A</v>
      </c>
      <c r="R2180" s="238">
        <v>35</v>
      </c>
      <c r="S2180" s="236" t="e">
        <f t="shared" si="509"/>
        <v>#N/A</v>
      </c>
      <c r="T2180" s="236">
        <f t="shared" si="495"/>
        <v>34.044253456740378</v>
      </c>
    </row>
    <row r="2181" spans="1:20" x14ac:dyDescent="0.2">
      <c r="A2181" s="53">
        <f t="shared" si="496"/>
        <v>2169</v>
      </c>
      <c r="B2181" s="239">
        <v>21.809000000000001</v>
      </c>
      <c r="C2181" s="3">
        <f t="shared" si="497"/>
        <v>21.802</v>
      </c>
      <c r="D2181" s="239">
        <v>5.6981000000000002</v>
      </c>
      <c r="E2181" s="239">
        <v>2.5700000000000001E-2</v>
      </c>
      <c r="F2181" s="239">
        <v>0.13059999999999999</v>
      </c>
      <c r="G2181">
        <f t="shared" si="498"/>
        <v>5.7242199999999999</v>
      </c>
      <c r="H2181" s="235">
        <f t="shared" si="499"/>
        <v>0.44896946658234665</v>
      </c>
      <c r="I2181" s="236">
        <f t="shared" si="500"/>
        <v>17.733207172432355</v>
      </c>
      <c r="J2181" s="237">
        <f t="shared" si="505"/>
        <v>7.7332071724323548</v>
      </c>
      <c r="K2181" s="237">
        <f t="shared" si="501"/>
        <v>386.61938277337021</v>
      </c>
      <c r="L2181" s="237">
        <f t="shared" si="506"/>
        <v>168.65351522357724</v>
      </c>
      <c r="M2181" s="236">
        <f t="shared" si="502"/>
        <v>31.648321175818868</v>
      </c>
      <c r="N2181" s="236">
        <f t="shared" si="503"/>
        <v>0.48148975247521414</v>
      </c>
      <c r="O2181" s="236">
        <f t="shared" si="507"/>
        <v>2.1666060635465687</v>
      </c>
      <c r="P2181" s="236" t="str">
        <f t="shared" si="508"/>
        <v>SAND</v>
      </c>
      <c r="Q2181" s="236" t="e">
        <f t="shared" si="504"/>
        <v>#N/A</v>
      </c>
      <c r="R2181" s="238">
        <v>35</v>
      </c>
      <c r="S2181" s="236" t="e">
        <f t="shared" si="509"/>
        <v>#N/A</v>
      </c>
      <c r="T2181" s="236">
        <f t="shared" si="495"/>
        <v>34.103857450064908</v>
      </c>
    </row>
    <row r="2182" spans="1:20" x14ac:dyDescent="0.2">
      <c r="A2182" s="53">
        <f t="shared" si="496"/>
        <v>2170</v>
      </c>
      <c r="B2182" s="239">
        <v>21.818000000000001</v>
      </c>
      <c r="C2182" s="3">
        <f t="shared" si="497"/>
        <v>21.811</v>
      </c>
      <c r="D2182" s="239">
        <v>5.7312000000000003</v>
      </c>
      <c r="E2182" s="239">
        <v>2.7400000000000001E-2</v>
      </c>
      <c r="F2182" s="239">
        <v>0.13800000000000001</v>
      </c>
      <c r="G2182">
        <f t="shared" si="498"/>
        <v>5.7587999999999999</v>
      </c>
      <c r="H2182" s="235">
        <f t="shared" si="499"/>
        <v>0.47579356810446621</v>
      </c>
      <c r="I2182" s="236">
        <f t="shared" si="500"/>
        <v>17.810668370379577</v>
      </c>
      <c r="J2182" s="237">
        <f t="shared" si="505"/>
        <v>7.8106683703795774</v>
      </c>
      <c r="K2182" s="237">
        <f t="shared" si="501"/>
        <v>388.46848782634896</v>
      </c>
      <c r="L2182" s="237">
        <f t="shared" si="506"/>
        <v>170.41316250494162</v>
      </c>
      <c r="M2182" s="236">
        <f t="shared" si="502"/>
        <v>31.513595741279218</v>
      </c>
      <c r="N2182" s="236">
        <f t="shared" si="503"/>
        <v>0.51021058826422072</v>
      </c>
      <c r="O2182" s="236">
        <f t="shared" si="507"/>
        <v>2.1788848912485848</v>
      </c>
      <c r="P2182" s="236" t="str">
        <f t="shared" si="508"/>
        <v>SAND</v>
      </c>
      <c r="Q2182" s="236" t="e">
        <f t="shared" si="504"/>
        <v>#N/A</v>
      </c>
      <c r="R2182" s="238">
        <v>35</v>
      </c>
      <c r="S2182" s="236" t="e">
        <f t="shared" si="509"/>
        <v>#N/A</v>
      </c>
      <c r="T2182" s="236">
        <f t="shared" si="495"/>
        <v>34.08347755508278</v>
      </c>
    </row>
    <row r="2183" spans="1:20" x14ac:dyDescent="0.2">
      <c r="A2183" s="53">
        <f t="shared" si="496"/>
        <v>2171</v>
      </c>
      <c r="B2183" s="239">
        <v>21.827999999999999</v>
      </c>
      <c r="C2183" s="3">
        <f t="shared" si="497"/>
        <v>21.820999999999998</v>
      </c>
      <c r="D2183" s="239">
        <v>5.7519999999999998</v>
      </c>
      <c r="E2183" s="239">
        <v>2.92E-2</v>
      </c>
      <c r="F2183" s="239">
        <v>0.1439</v>
      </c>
      <c r="G2183">
        <f t="shared" si="498"/>
        <v>5.78078</v>
      </c>
      <c r="H2183" s="235">
        <f t="shared" si="499"/>
        <v>0.50512214614636775</v>
      </c>
      <c r="I2183" s="236">
        <f t="shared" si="500"/>
        <v>17.886764550805431</v>
      </c>
      <c r="J2183" s="237">
        <f t="shared" si="505"/>
        <v>7.8867645508054309</v>
      </c>
      <c r="K2183" s="237">
        <f t="shared" si="501"/>
        <v>390.30708926312525</v>
      </c>
      <c r="L2183" s="237">
        <f t="shared" si="506"/>
        <v>172.15229661498094</v>
      </c>
      <c r="M2183" s="236">
        <f t="shared" si="502"/>
        <v>31.312233509104335</v>
      </c>
      <c r="N2183" s="236">
        <f t="shared" si="503"/>
        <v>0.54169644265976602</v>
      </c>
      <c r="O2183" s="236">
        <f t="shared" si="507"/>
        <v>2.1925910471870917</v>
      </c>
      <c r="P2183" s="236" t="str">
        <f t="shared" si="508"/>
        <v>SAND</v>
      </c>
      <c r="Q2183" s="236" t="e">
        <f t="shared" si="504"/>
        <v>#N/A</v>
      </c>
      <c r="R2183" s="238">
        <v>35</v>
      </c>
      <c r="S2183" s="236" t="e">
        <f t="shared" si="509"/>
        <v>#N/A</v>
      </c>
      <c r="T2183" s="236">
        <f t="shared" si="495"/>
        <v>34.052854517561734</v>
      </c>
    </row>
    <row r="2184" spans="1:20" x14ac:dyDescent="0.2">
      <c r="A2184" s="53">
        <f t="shared" si="496"/>
        <v>2172</v>
      </c>
      <c r="B2184" s="239">
        <v>21.838000000000001</v>
      </c>
      <c r="C2184" s="3">
        <f t="shared" si="497"/>
        <v>21.831</v>
      </c>
      <c r="D2184" s="239">
        <v>5.7492000000000001</v>
      </c>
      <c r="E2184" s="239">
        <v>3.2300000000000002E-2</v>
      </c>
      <c r="F2184" s="239">
        <v>0.1512</v>
      </c>
      <c r="G2184">
        <f t="shared" si="498"/>
        <v>5.7794400000000001</v>
      </c>
      <c r="H2184" s="235">
        <f t="shared" si="499"/>
        <v>0.55887767672992539</v>
      </c>
      <c r="I2184" s="236">
        <f t="shared" si="500"/>
        <v>18.0049870481437</v>
      </c>
      <c r="J2184" s="237">
        <f t="shared" si="505"/>
        <v>8.0049870481437004</v>
      </c>
      <c r="K2184" s="237">
        <f t="shared" si="501"/>
        <v>393.06687224802511</v>
      </c>
      <c r="L2184" s="237">
        <f t="shared" si="506"/>
        <v>174.81290715736213</v>
      </c>
      <c r="M2184" s="236">
        <f t="shared" si="502"/>
        <v>30.812216416624771</v>
      </c>
      <c r="N2184" s="236">
        <f t="shared" si="503"/>
        <v>0.59966139058547807</v>
      </c>
      <c r="O2184" s="236">
        <f t="shared" si="507"/>
        <v>2.2183947686860188</v>
      </c>
      <c r="P2184" s="236" t="str">
        <f t="shared" si="508"/>
        <v>SAND</v>
      </c>
      <c r="Q2184" s="236" t="e">
        <f t="shared" si="504"/>
        <v>#N/A</v>
      </c>
      <c r="R2184" s="238">
        <v>35</v>
      </c>
      <c r="S2184" s="236" t="e">
        <f t="shared" si="509"/>
        <v>#N/A</v>
      </c>
      <c r="T2184" s="236">
        <f t="shared" si="495"/>
        <v>33.975952335227724</v>
      </c>
    </row>
    <row r="2185" spans="1:20" x14ac:dyDescent="0.2">
      <c r="A2185" s="53">
        <f t="shared" si="496"/>
        <v>2173</v>
      </c>
      <c r="B2185" s="239">
        <v>21.847999999999999</v>
      </c>
      <c r="C2185" s="3">
        <f t="shared" si="497"/>
        <v>21.840999999999998</v>
      </c>
      <c r="D2185" s="239">
        <v>5.7271000000000001</v>
      </c>
      <c r="E2185" s="239">
        <v>3.5999999999999997E-2</v>
      </c>
      <c r="F2185" s="239">
        <v>0.15659999999999999</v>
      </c>
      <c r="G2185">
        <f t="shared" si="498"/>
        <v>5.7584200000000001</v>
      </c>
      <c r="H2185" s="235">
        <f t="shared" si="499"/>
        <v>0.62517148801233668</v>
      </c>
      <c r="I2185" s="236">
        <f t="shared" si="500"/>
        <v>18.130732810377111</v>
      </c>
      <c r="J2185" s="237">
        <f t="shared" si="505"/>
        <v>8.1307328103771113</v>
      </c>
      <c r="K2185" s="237">
        <f t="shared" si="501"/>
        <v>395.99333531144646</v>
      </c>
      <c r="L2185" s="237">
        <f t="shared" si="506"/>
        <v>177.64025044111912</v>
      </c>
      <c r="M2185" s="236">
        <f t="shared" si="502"/>
        <v>30.187002390350663</v>
      </c>
      <c r="N2185" s="236">
        <f t="shared" si="503"/>
        <v>0.67133785226489173</v>
      </c>
      <c r="O2185" s="236">
        <f t="shared" si="507"/>
        <v>2.2487557038168702</v>
      </c>
      <c r="P2185" s="236" t="str">
        <f t="shared" si="508"/>
        <v>SAND</v>
      </c>
      <c r="Q2185" s="236" t="e">
        <f t="shared" si="504"/>
        <v>#N/A</v>
      </c>
      <c r="R2185" s="238">
        <v>35</v>
      </c>
      <c r="S2185" s="236" t="e">
        <f t="shared" si="509"/>
        <v>#N/A</v>
      </c>
      <c r="T2185" s="236">
        <f t="shared" si="495"/>
        <v>33.878019880563969</v>
      </c>
    </row>
    <row r="2186" spans="1:20" x14ac:dyDescent="0.2">
      <c r="A2186" s="53">
        <f t="shared" si="496"/>
        <v>2174</v>
      </c>
      <c r="B2186" s="239">
        <v>21.856999999999999</v>
      </c>
      <c r="C2186" s="3">
        <f t="shared" si="497"/>
        <v>21.849999999999998</v>
      </c>
      <c r="D2186" s="239">
        <v>5.6661999999999999</v>
      </c>
      <c r="E2186" s="239">
        <v>3.8899999999999997E-2</v>
      </c>
      <c r="F2186" s="239">
        <v>0.1636</v>
      </c>
      <c r="G2186">
        <f t="shared" si="498"/>
        <v>5.6989200000000002</v>
      </c>
      <c r="H2186" s="235">
        <f t="shared" si="499"/>
        <v>0.68258547233510902</v>
      </c>
      <c r="I2186" s="236">
        <f t="shared" si="500"/>
        <v>18.217520282412206</v>
      </c>
      <c r="J2186" s="237">
        <f t="shared" si="505"/>
        <v>8.217520282412206</v>
      </c>
      <c r="K2186" s="237">
        <f t="shared" si="501"/>
        <v>398.05281817070664</v>
      </c>
      <c r="L2186" s="237">
        <f t="shared" si="506"/>
        <v>179.61034081268357</v>
      </c>
      <c r="M2186" s="236">
        <f t="shared" si="502"/>
        <v>29.513151402332628</v>
      </c>
      <c r="N2186" s="236">
        <f t="shared" si="503"/>
        <v>0.73384219346872737</v>
      </c>
      <c r="O2186" s="236">
        <f t="shared" si="507"/>
        <v>2.2756253718490722</v>
      </c>
      <c r="P2186" s="236" t="str">
        <f t="shared" si="508"/>
        <v>SAND</v>
      </c>
      <c r="Q2186" s="236" t="e">
        <f t="shared" si="504"/>
        <v>#N/A</v>
      </c>
      <c r="R2186" s="238">
        <v>35</v>
      </c>
      <c r="S2186" s="236" t="e">
        <f t="shared" si="509"/>
        <v>#N/A</v>
      </c>
      <c r="T2186" s="236">
        <f t="shared" si="495"/>
        <v>33.770171443410575</v>
      </c>
    </row>
    <row r="2187" spans="1:20" x14ac:dyDescent="0.2">
      <c r="A2187" s="53">
        <f t="shared" si="496"/>
        <v>2175</v>
      </c>
      <c r="B2187" s="239">
        <v>21.867999999999999</v>
      </c>
      <c r="C2187" s="3">
        <f t="shared" si="497"/>
        <v>21.860999999999997</v>
      </c>
      <c r="D2187" s="239">
        <v>5.5791000000000004</v>
      </c>
      <c r="E2187" s="239">
        <v>4.1599999999999998E-2</v>
      </c>
      <c r="F2187" s="239">
        <v>0.1699</v>
      </c>
      <c r="G2187">
        <f t="shared" si="498"/>
        <v>5.6130800000000001</v>
      </c>
      <c r="H2187" s="235">
        <f t="shared" si="499"/>
        <v>0.7411260840750532</v>
      </c>
      <c r="I2187" s="236">
        <f t="shared" si="500"/>
        <v>18.290276155886552</v>
      </c>
      <c r="J2187" s="237">
        <f t="shared" si="505"/>
        <v>8.2902761558865521</v>
      </c>
      <c r="K2187" s="237">
        <f t="shared" si="501"/>
        <v>399.84372704383588</v>
      </c>
      <c r="L2187" s="237">
        <f t="shared" si="506"/>
        <v>181.2917589769271</v>
      </c>
      <c r="M2187" s="236">
        <f t="shared" si="502"/>
        <v>28.75605765190711</v>
      </c>
      <c r="N2187" s="236">
        <f t="shared" si="503"/>
        <v>0.79796882055396912</v>
      </c>
      <c r="O2187" s="236">
        <f t="shared" si="507"/>
        <v>2.3030549396097628</v>
      </c>
      <c r="P2187" s="236" t="str">
        <f t="shared" si="508"/>
        <v>SAND</v>
      </c>
      <c r="Q2187" s="236" t="e">
        <f t="shared" si="504"/>
        <v>#N/A</v>
      </c>
      <c r="R2187" s="238">
        <v>35</v>
      </c>
      <c r="S2187" s="236" t="e">
        <f t="shared" si="509"/>
        <v>#N/A</v>
      </c>
      <c r="T2187" s="236">
        <f t="shared" si="495"/>
        <v>33.646022802046261</v>
      </c>
    </row>
    <row r="2188" spans="1:20" x14ac:dyDescent="0.2">
      <c r="A2188" s="53">
        <f t="shared" si="496"/>
        <v>2176</v>
      </c>
      <c r="B2188" s="239">
        <v>21.878</v>
      </c>
      <c r="C2188" s="3">
        <f t="shared" si="497"/>
        <v>21.870999999999999</v>
      </c>
      <c r="D2188" s="239">
        <v>5.5087000000000002</v>
      </c>
      <c r="E2188" s="239">
        <v>4.4200000000000003E-2</v>
      </c>
      <c r="F2188" s="239">
        <v>0.17599999999999999</v>
      </c>
      <c r="G2188">
        <f t="shared" si="498"/>
        <v>5.5438999999999998</v>
      </c>
      <c r="H2188" s="235">
        <f t="shared" si="499"/>
        <v>0.79727267807860902</v>
      </c>
      <c r="I2188" s="236">
        <f t="shared" si="500"/>
        <v>18.356517030769727</v>
      </c>
      <c r="J2188" s="237">
        <f t="shared" si="505"/>
        <v>8.3565170307697265</v>
      </c>
      <c r="K2188" s="237">
        <f t="shared" si="501"/>
        <v>401.47538397996465</v>
      </c>
      <c r="L2188" s="237">
        <f t="shared" si="506"/>
        <v>182.82387959918009</v>
      </c>
      <c r="M2188" s="236">
        <f t="shared" si="502"/>
        <v>28.127751294274017</v>
      </c>
      <c r="N2188" s="236">
        <f t="shared" si="503"/>
        <v>0.85951673189928968</v>
      </c>
      <c r="O2188" s="236">
        <f t="shared" si="507"/>
        <v>2.327272731085289</v>
      </c>
      <c r="P2188" s="236" t="str">
        <f t="shared" si="508"/>
        <v>SAND</v>
      </c>
      <c r="Q2188" s="236" t="e">
        <f t="shared" si="504"/>
        <v>#N/A</v>
      </c>
      <c r="R2188" s="238">
        <v>35</v>
      </c>
      <c r="S2188" s="236" t="e">
        <f t="shared" si="509"/>
        <v>#N/A</v>
      </c>
      <c r="T2188" s="236">
        <f t="shared" si="495"/>
        <v>33.540485147141993</v>
      </c>
    </row>
    <row r="2189" spans="1:20" x14ac:dyDescent="0.2">
      <c r="A2189" s="53">
        <f t="shared" si="496"/>
        <v>2177</v>
      </c>
      <c r="B2189" s="239">
        <v>21.888000000000002</v>
      </c>
      <c r="C2189" s="3">
        <f t="shared" si="497"/>
        <v>21.881</v>
      </c>
      <c r="D2189" s="239">
        <v>5.4722</v>
      </c>
      <c r="E2189" s="239">
        <v>4.6899999999999997E-2</v>
      </c>
      <c r="F2189" s="239">
        <v>0.18529999999999999</v>
      </c>
      <c r="G2189">
        <f t="shared" si="498"/>
        <v>5.5092600000000003</v>
      </c>
      <c r="H2189" s="235">
        <f t="shared" si="499"/>
        <v>0.85129400318736081</v>
      </c>
      <c r="I2189" s="236">
        <f t="shared" si="500"/>
        <v>18.423593671483932</v>
      </c>
      <c r="J2189" s="237">
        <f t="shared" si="505"/>
        <v>8.4235936714839319</v>
      </c>
      <c r="K2189" s="237">
        <f t="shared" si="501"/>
        <v>403.12665312573989</v>
      </c>
      <c r="L2189" s="237">
        <f t="shared" si="506"/>
        <v>184.37561828144032</v>
      </c>
      <c r="M2189" s="236">
        <f t="shared" si="502"/>
        <v>27.694189689875365</v>
      </c>
      <c r="N2189" s="236">
        <f t="shared" si="503"/>
        <v>0.91850323550030311</v>
      </c>
      <c r="O2189" s="236">
        <f t="shared" si="507"/>
        <v>2.3475279883156119</v>
      </c>
      <c r="P2189" s="236" t="str">
        <f t="shared" si="508"/>
        <v>SAND</v>
      </c>
      <c r="Q2189" s="236" t="e">
        <f t="shared" si="504"/>
        <v>#N/A</v>
      </c>
      <c r="R2189" s="238">
        <v>35</v>
      </c>
      <c r="S2189" s="236" t="e">
        <f t="shared" si="509"/>
        <v>#N/A</v>
      </c>
      <c r="T2189" s="236">
        <f t="shared" ref="T2189:T2252" si="510">IF(P2189="SAND",17.6+(11*LOG(M2189)),#N/A)</f>
        <v>33.46627528810447</v>
      </c>
    </row>
    <row r="2190" spans="1:20" x14ac:dyDescent="0.2">
      <c r="A2190" s="53">
        <f t="shared" ref="A2190:A2253" si="511">$A2189+1</f>
        <v>2178</v>
      </c>
      <c r="B2190" s="239">
        <v>21.896999999999998</v>
      </c>
      <c r="C2190" s="3">
        <f t="shared" ref="C2190:C2253" si="512">MAX($B2190 - $B$13, 0.001)</f>
        <v>21.889999999999997</v>
      </c>
      <c r="D2190" s="239">
        <v>5.4757999999999996</v>
      </c>
      <c r="E2190" s="239">
        <v>4.9500000000000002E-2</v>
      </c>
      <c r="F2190" s="239">
        <v>0.1976</v>
      </c>
      <c r="G2190">
        <f t="shared" si="498"/>
        <v>5.5153199999999991</v>
      </c>
      <c r="H2190" s="235">
        <f t="shared" si="499"/>
        <v>0.89750005439394287</v>
      </c>
      <c r="I2190" s="236">
        <f t="shared" si="500"/>
        <v>18.487290735329221</v>
      </c>
      <c r="J2190" s="237">
        <f t="shared" si="505"/>
        <v>8.4872907353292213</v>
      </c>
      <c r="K2190" s="237">
        <f t="shared" si="501"/>
        <v>404.68679419635657</v>
      </c>
      <c r="L2190" s="237">
        <f t="shared" si="506"/>
        <v>185.84620523150394</v>
      </c>
      <c r="M2190" s="236">
        <f t="shared" si="502"/>
        <v>27.49926047420476</v>
      </c>
      <c r="N2190" s="236">
        <f t="shared" si="503"/>
        <v>0.96856882516608167</v>
      </c>
      <c r="O2190" s="236">
        <f t="shared" si="507"/>
        <v>2.3618653416061992</v>
      </c>
      <c r="P2190" s="236" t="str">
        <f t="shared" si="508"/>
        <v>SAND</v>
      </c>
      <c r="Q2190" s="236" t="e">
        <f t="shared" si="504"/>
        <v>#N/A</v>
      </c>
      <c r="R2190" s="238">
        <v>35</v>
      </c>
      <c r="S2190" s="236" t="e">
        <f t="shared" si="509"/>
        <v>#N/A</v>
      </c>
      <c r="T2190" s="236">
        <f t="shared" si="510"/>
        <v>33.432531161616637</v>
      </c>
    </row>
    <row r="2191" spans="1:20" x14ac:dyDescent="0.2">
      <c r="A2191" s="53">
        <f t="shared" si="511"/>
        <v>2179</v>
      </c>
      <c r="B2191" s="239">
        <v>21.907</v>
      </c>
      <c r="C2191" s="3">
        <f t="shared" si="512"/>
        <v>21.9</v>
      </c>
      <c r="D2191" s="239">
        <v>5.5381</v>
      </c>
      <c r="E2191" s="239">
        <v>5.2200000000000003E-2</v>
      </c>
      <c r="F2191" s="239">
        <v>0.21060000000000001</v>
      </c>
      <c r="G2191">
        <f t="shared" ref="G2191:G2254" si="513">$D2191+($F2191*(1-$P$8))</f>
        <v>5.5802199999999997</v>
      </c>
      <c r="H2191" s="235">
        <f t="shared" ref="H2191:H2254" si="514">($E2191/$G2191)*100</f>
        <v>0.93544698954521521</v>
      </c>
      <c r="I2191" s="236">
        <f t="shared" ref="I2191:I2254" si="515">((0.27*(LOG($H2191)))+(0.36*(LOG(($G2191*1000)/101)))+1.236)*10</f>
        <v>18.554139601677988</v>
      </c>
      <c r="J2191" s="237">
        <f t="shared" si="505"/>
        <v>8.5541396016779885</v>
      </c>
      <c r="K2191" s="237">
        <f t="shared" ref="K2191:K2254" si="516">$I2191*$C2191</f>
        <v>406.3356572767479</v>
      </c>
      <c r="L2191" s="237">
        <f t="shared" si="506"/>
        <v>187.3955362539597</v>
      </c>
      <c r="M2191" s="236">
        <f t="shared" ref="M2191:M2254" si="517">(($G2191*1000)-$K2191)/$L2191</f>
        <v>27.609432146300264</v>
      </c>
      <c r="N2191" s="236">
        <f t="shared" ref="N2191:N2254" si="518">(($E2191*1000)/(($G2191*1000)-$K2191))*100</f>
        <v>1.0089131596730816</v>
      </c>
      <c r="O2191" s="236">
        <f t="shared" si="507"/>
        <v>2.3694779727641704</v>
      </c>
      <c r="P2191" s="236" t="str">
        <f t="shared" si="508"/>
        <v>SAND</v>
      </c>
      <c r="Q2191" s="236" t="e">
        <f t="shared" ref="Q2191:Q2254" si="519">IF(P2191="CLAY",($G2191*1000 -$K2191)/$L$8,#N/A)</f>
        <v>#N/A</v>
      </c>
      <c r="R2191" s="238">
        <v>35</v>
      </c>
      <c r="S2191" s="236" t="e">
        <f t="shared" si="509"/>
        <v>#N/A</v>
      </c>
      <c r="T2191" s="236">
        <f t="shared" si="510"/>
        <v>33.451632218743285</v>
      </c>
    </row>
    <row r="2192" spans="1:20" x14ac:dyDescent="0.2">
      <c r="A2192" s="53">
        <f t="shared" si="511"/>
        <v>2180</v>
      </c>
      <c r="B2192" s="239">
        <v>21.916</v>
      </c>
      <c r="C2192" s="3">
        <f t="shared" si="512"/>
        <v>21.908999999999999</v>
      </c>
      <c r="D2192" s="239">
        <v>5.6527000000000003</v>
      </c>
      <c r="E2192" s="239">
        <v>5.5300000000000002E-2</v>
      </c>
      <c r="F2192" s="239">
        <v>0.22370000000000001</v>
      </c>
      <c r="G2192">
        <f t="shared" si="513"/>
        <v>5.6974400000000003</v>
      </c>
      <c r="H2192" s="235">
        <f t="shared" si="514"/>
        <v>0.97061136229604872</v>
      </c>
      <c r="I2192" s="236">
        <f t="shared" si="515"/>
        <v>18.629912693176554</v>
      </c>
      <c r="J2192" s="237">
        <f t="shared" ref="J2192:J2255" si="520">$I2192-10</f>
        <v>8.6299126931765535</v>
      </c>
      <c r="K2192" s="237">
        <f t="shared" si="516"/>
        <v>408.16275719480507</v>
      </c>
      <c r="L2192" s="237">
        <f t="shared" ref="L2192:L2255" si="521">$J2192*$B2192</f>
        <v>189.13316658365736</v>
      </c>
      <c r="M2192" s="236">
        <f t="shared" si="517"/>
        <v>27.965889528242226</v>
      </c>
      <c r="N2192" s="236">
        <f t="shared" si="518"/>
        <v>1.0455114652048634</v>
      </c>
      <c r="O2192" s="236">
        <f t="shared" ref="O2192:O2255" si="522">((3.47-LOG($M2192))^2+(LOG($N2192)+1.22)^2)^0.5</f>
        <v>2.3727552641033904</v>
      </c>
      <c r="P2192" s="236" t="str">
        <f t="shared" ref="P2192:P2255" si="523">IF(O2192&lt;2.6,"SAND","CLAY")</f>
        <v>SAND</v>
      </c>
      <c r="Q2192" s="236" t="e">
        <f t="shared" si="519"/>
        <v>#N/A</v>
      </c>
      <c r="R2192" s="238">
        <v>35</v>
      </c>
      <c r="S2192" s="236" t="e">
        <f t="shared" ref="S2192:S2255" si="524">IF(P2192="SAND",#N/A,0.25*($M2192)^1.25)</f>
        <v>#N/A</v>
      </c>
      <c r="T2192" s="236">
        <f t="shared" si="510"/>
        <v>33.512915015311208</v>
      </c>
    </row>
    <row r="2193" spans="1:20" x14ac:dyDescent="0.2">
      <c r="A2193" s="53">
        <f t="shared" si="511"/>
        <v>2181</v>
      </c>
      <c r="B2193" s="239">
        <v>21.925999999999998</v>
      </c>
      <c r="C2193" s="3">
        <f t="shared" si="512"/>
        <v>21.918999999999997</v>
      </c>
      <c r="D2193" s="239">
        <v>5.8395000000000001</v>
      </c>
      <c r="E2193" s="239">
        <v>5.9900000000000002E-2</v>
      </c>
      <c r="F2193" s="239">
        <v>0.20619999999999999</v>
      </c>
      <c r="G2193">
        <f t="shared" si="513"/>
        <v>5.8807400000000003</v>
      </c>
      <c r="H2193" s="235">
        <f t="shared" si="514"/>
        <v>1.0185792944425363</v>
      </c>
      <c r="I2193" s="236">
        <f t="shared" si="515"/>
        <v>18.73598425570453</v>
      </c>
      <c r="J2193" s="237">
        <f t="shared" si="520"/>
        <v>8.7359842557045297</v>
      </c>
      <c r="K2193" s="237">
        <f t="shared" si="516"/>
        <v>410.67403890078754</v>
      </c>
      <c r="L2193" s="237">
        <f t="shared" si="521"/>
        <v>191.54519079057749</v>
      </c>
      <c r="M2193" s="236">
        <f t="shared" si="517"/>
        <v>28.557574003932118</v>
      </c>
      <c r="N2193" s="236">
        <f t="shared" si="518"/>
        <v>1.09505078048388</v>
      </c>
      <c r="O2193" s="236">
        <f t="shared" si="522"/>
        <v>2.3756037738374687</v>
      </c>
      <c r="P2193" s="236" t="str">
        <f t="shared" si="523"/>
        <v>SAND</v>
      </c>
      <c r="Q2193" s="236" t="e">
        <f t="shared" si="519"/>
        <v>#N/A</v>
      </c>
      <c r="R2193" s="238">
        <v>35</v>
      </c>
      <c r="S2193" s="236" t="e">
        <f t="shared" si="524"/>
        <v>#N/A</v>
      </c>
      <c r="T2193" s="236">
        <f t="shared" si="510"/>
        <v>33.612934419859151</v>
      </c>
    </row>
    <row r="2194" spans="1:20" x14ac:dyDescent="0.2">
      <c r="A2194" s="53">
        <f t="shared" si="511"/>
        <v>2182</v>
      </c>
      <c r="B2194" s="239">
        <v>21.937000000000001</v>
      </c>
      <c r="C2194" s="3">
        <f t="shared" si="512"/>
        <v>21.93</v>
      </c>
      <c r="D2194" s="239">
        <v>6.0716999999999999</v>
      </c>
      <c r="E2194" s="239">
        <v>6.4699999999999994E-2</v>
      </c>
      <c r="F2194" s="239">
        <v>0.16339999999999999</v>
      </c>
      <c r="G2194">
        <f t="shared" si="513"/>
        <v>6.1043799999999999</v>
      </c>
      <c r="H2194" s="235">
        <f t="shared" si="514"/>
        <v>1.0598946985607056</v>
      </c>
      <c r="I2194" s="236">
        <f t="shared" si="515"/>
        <v>18.840962016895972</v>
      </c>
      <c r="J2194" s="237">
        <f t="shared" si="520"/>
        <v>8.8409620168959719</v>
      </c>
      <c r="K2194" s="237">
        <f t="shared" si="516"/>
        <v>413.18229703052867</v>
      </c>
      <c r="L2194" s="237">
        <f t="shared" si="521"/>
        <v>193.94418376464694</v>
      </c>
      <c r="M2194" s="236">
        <f t="shared" si="517"/>
        <v>29.344513418746256</v>
      </c>
      <c r="N2194" s="236">
        <f t="shared" si="518"/>
        <v>1.1368433039365642</v>
      </c>
      <c r="O2194" s="236">
        <f t="shared" si="522"/>
        <v>2.3743021095446286</v>
      </c>
      <c r="P2194" s="236" t="str">
        <f t="shared" si="523"/>
        <v>SAND</v>
      </c>
      <c r="Q2194" s="236" t="e">
        <f t="shared" si="519"/>
        <v>#N/A</v>
      </c>
      <c r="R2194" s="238">
        <v>35</v>
      </c>
      <c r="S2194" s="236" t="e">
        <f t="shared" si="524"/>
        <v>#N/A</v>
      </c>
      <c r="T2194" s="236">
        <f t="shared" si="510"/>
        <v>33.742796038361512</v>
      </c>
    </row>
    <row r="2195" spans="1:20" x14ac:dyDescent="0.2">
      <c r="A2195" s="53">
        <f t="shared" si="511"/>
        <v>2183</v>
      </c>
      <c r="B2195" s="239">
        <v>21.946000000000002</v>
      </c>
      <c r="C2195" s="3">
        <f t="shared" si="512"/>
        <v>21.939</v>
      </c>
      <c r="D2195" s="239">
        <v>6.3616999999999999</v>
      </c>
      <c r="E2195" s="239">
        <v>7.0400000000000004E-2</v>
      </c>
      <c r="F2195" s="239">
        <v>0.13289999999999999</v>
      </c>
      <c r="G2195">
        <f t="shared" si="513"/>
        <v>6.38828</v>
      </c>
      <c r="H2195" s="235">
        <f t="shared" si="514"/>
        <v>1.1020180705917713</v>
      </c>
      <c r="I2195" s="236">
        <f t="shared" si="515"/>
        <v>18.957734782879129</v>
      </c>
      <c r="J2195" s="237">
        <f t="shared" si="520"/>
        <v>8.9577347828791289</v>
      </c>
      <c r="K2195" s="237">
        <f t="shared" si="516"/>
        <v>415.91374340158524</v>
      </c>
      <c r="L2195" s="237">
        <f t="shared" si="521"/>
        <v>196.58644754506537</v>
      </c>
      <c r="M2195" s="236">
        <f t="shared" si="517"/>
        <v>30.380355976620983</v>
      </c>
      <c r="N2195" s="236">
        <f t="shared" si="518"/>
        <v>1.1787622690122259</v>
      </c>
      <c r="O2195" s="236">
        <f t="shared" si="522"/>
        <v>2.3701411021623917</v>
      </c>
      <c r="P2195" s="236" t="str">
        <f t="shared" si="523"/>
        <v>SAND</v>
      </c>
      <c r="Q2195" s="236" t="e">
        <f t="shared" si="519"/>
        <v>#N/A</v>
      </c>
      <c r="R2195" s="238">
        <v>35</v>
      </c>
      <c r="S2195" s="236" t="e">
        <f t="shared" si="524"/>
        <v>#N/A</v>
      </c>
      <c r="T2195" s="236">
        <f t="shared" si="510"/>
        <v>33.908521441606183</v>
      </c>
    </row>
    <row r="2196" spans="1:20" x14ac:dyDescent="0.2">
      <c r="A2196" s="53">
        <f t="shared" si="511"/>
        <v>2184</v>
      </c>
      <c r="B2196" s="239">
        <v>21.954999999999998</v>
      </c>
      <c r="C2196" s="3">
        <f t="shared" si="512"/>
        <v>21.947999999999997</v>
      </c>
      <c r="D2196" s="239">
        <v>6.6958000000000002</v>
      </c>
      <c r="E2196" s="239">
        <v>7.6499999999999999E-2</v>
      </c>
      <c r="F2196" s="239">
        <v>0.1163</v>
      </c>
      <c r="G2196">
        <f t="shared" si="513"/>
        <v>6.7190599999999998</v>
      </c>
      <c r="H2196" s="235">
        <f t="shared" si="514"/>
        <v>1.138552118897584</v>
      </c>
      <c r="I2196" s="236">
        <f t="shared" si="515"/>
        <v>19.074906596648205</v>
      </c>
      <c r="J2196" s="237">
        <f t="shared" si="520"/>
        <v>9.074906596648205</v>
      </c>
      <c r="K2196" s="237">
        <f t="shared" si="516"/>
        <v>418.65604998323477</v>
      </c>
      <c r="L2196" s="237">
        <f t="shared" si="521"/>
        <v>199.23957432941131</v>
      </c>
      <c r="M2196" s="236">
        <f t="shared" si="517"/>
        <v>31.622251609512261</v>
      </c>
      <c r="N2196" s="236">
        <f t="shared" si="518"/>
        <v>1.2142078604308608</v>
      </c>
      <c r="O2196" s="236">
        <f t="shared" si="522"/>
        <v>2.3626486709020127</v>
      </c>
      <c r="P2196" s="236" t="str">
        <f t="shared" si="523"/>
        <v>SAND</v>
      </c>
      <c r="Q2196" s="236" t="e">
        <f t="shared" si="519"/>
        <v>#N/A</v>
      </c>
      <c r="R2196" s="238">
        <v>35</v>
      </c>
      <c r="S2196" s="236" t="e">
        <f t="shared" si="524"/>
        <v>#N/A</v>
      </c>
      <c r="T2196" s="236">
        <f t="shared" si="510"/>
        <v>34.099920688999418</v>
      </c>
    </row>
    <row r="2197" spans="1:20" x14ac:dyDescent="0.2">
      <c r="A2197" s="53">
        <f t="shared" si="511"/>
        <v>2185</v>
      </c>
      <c r="B2197" s="239">
        <v>21.966000000000001</v>
      </c>
      <c r="C2197" s="3">
        <f t="shared" si="512"/>
        <v>21.959</v>
      </c>
      <c r="D2197" s="239">
        <v>6.9819000000000004</v>
      </c>
      <c r="E2197" s="239">
        <v>7.3800000000000004E-2</v>
      </c>
      <c r="F2197" s="239">
        <v>9.8000000000000004E-2</v>
      </c>
      <c r="G2197">
        <f t="shared" si="513"/>
        <v>7.0015000000000001</v>
      </c>
      <c r="H2197" s="235">
        <f t="shared" si="514"/>
        <v>1.0540598443190747</v>
      </c>
      <c r="I2197" s="236">
        <f t="shared" si="515"/>
        <v>19.048867215137808</v>
      </c>
      <c r="J2197" s="237">
        <f t="shared" si="520"/>
        <v>9.0488672151378076</v>
      </c>
      <c r="K2197" s="237">
        <f t="shared" si="516"/>
        <v>418.29407517721108</v>
      </c>
      <c r="L2197" s="237">
        <f t="shared" si="521"/>
        <v>198.76741724771708</v>
      </c>
      <c r="M2197" s="236">
        <f t="shared" si="517"/>
        <v>33.120146229089265</v>
      </c>
      <c r="N2197" s="236">
        <f t="shared" si="518"/>
        <v>1.121034353820348</v>
      </c>
      <c r="O2197" s="236">
        <f t="shared" si="522"/>
        <v>2.3268159482365345</v>
      </c>
      <c r="P2197" s="236" t="str">
        <f t="shared" si="523"/>
        <v>SAND</v>
      </c>
      <c r="Q2197" s="236" t="e">
        <f t="shared" si="519"/>
        <v>#N/A</v>
      </c>
      <c r="R2197" s="238">
        <v>35</v>
      </c>
      <c r="S2197" s="236" t="e">
        <f t="shared" si="524"/>
        <v>#N/A</v>
      </c>
      <c r="T2197" s="236">
        <f t="shared" si="510"/>
        <v>34.321014701324906</v>
      </c>
    </row>
    <row r="2198" spans="1:20" x14ac:dyDescent="0.2">
      <c r="A2198" s="53">
        <f t="shared" si="511"/>
        <v>2186</v>
      </c>
      <c r="B2198" s="239">
        <v>21.975000000000001</v>
      </c>
      <c r="C2198" s="3">
        <f t="shared" si="512"/>
        <v>21.968</v>
      </c>
      <c r="D2198" s="239">
        <v>7.1901999999999999</v>
      </c>
      <c r="E2198" s="239">
        <v>7.3200000000000001E-2</v>
      </c>
      <c r="F2198" s="239">
        <v>8.5599999999999996E-2</v>
      </c>
      <c r="G2198">
        <f t="shared" si="513"/>
        <v>7.2073200000000002</v>
      </c>
      <c r="H2198" s="235">
        <f t="shared" si="514"/>
        <v>1.0156341053262516</v>
      </c>
      <c r="I2198" s="236">
        <f t="shared" si="515"/>
        <v>19.050619397614813</v>
      </c>
      <c r="J2198" s="237">
        <f t="shared" si="520"/>
        <v>9.0506193976148133</v>
      </c>
      <c r="K2198" s="237">
        <f t="shared" si="516"/>
        <v>418.50400692680222</v>
      </c>
      <c r="L2198" s="237">
        <f t="shared" si="521"/>
        <v>198.88736126258553</v>
      </c>
      <c r="M2198" s="236">
        <f t="shared" si="517"/>
        <v>34.133973873332806</v>
      </c>
      <c r="N2198" s="236">
        <f t="shared" si="518"/>
        <v>1.0782439835560107</v>
      </c>
      <c r="O2198" s="236">
        <f t="shared" si="522"/>
        <v>2.3066306948505342</v>
      </c>
      <c r="P2198" s="236" t="str">
        <f t="shared" si="523"/>
        <v>SAND</v>
      </c>
      <c r="Q2198" s="236" t="e">
        <f t="shared" si="519"/>
        <v>#N/A</v>
      </c>
      <c r="R2198" s="238">
        <v>35</v>
      </c>
      <c r="S2198" s="236" t="e">
        <f t="shared" si="524"/>
        <v>#N/A</v>
      </c>
      <c r="T2198" s="236">
        <f t="shared" si="510"/>
        <v>34.465055369094728</v>
      </c>
    </row>
    <row r="2199" spans="1:20" x14ac:dyDescent="0.2">
      <c r="A2199" s="53">
        <f t="shared" si="511"/>
        <v>2187</v>
      </c>
      <c r="B2199" s="239">
        <v>21.984999999999999</v>
      </c>
      <c r="C2199" s="3">
        <f t="shared" si="512"/>
        <v>21.977999999999998</v>
      </c>
      <c r="D2199" s="239">
        <v>7.3369</v>
      </c>
      <c r="E2199" s="239">
        <v>7.2300000000000003E-2</v>
      </c>
      <c r="F2199" s="239">
        <v>7.8600000000000003E-2</v>
      </c>
      <c r="G2199">
        <f t="shared" si="513"/>
        <v>7.3526199999999999</v>
      </c>
      <c r="H2199" s="235">
        <f t="shared" si="514"/>
        <v>0.98332295154652349</v>
      </c>
      <c r="I2199" s="236">
        <f t="shared" si="515"/>
        <v>19.043914366186968</v>
      </c>
      <c r="J2199" s="237">
        <f t="shared" si="520"/>
        <v>9.0439143661869679</v>
      </c>
      <c r="K2199" s="237">
        <f t="shared" si="516"/>
        <v>418.54714994005712</v>
      </c>
      <c r="L2199" s="237">
        <f t="shared" si="521"/>
        <v>198.83045734062048</v>
      </c>
      <c r="M2199" s="236">
        <f t="shared" si="517"/>
        <v>34.874299153177731</v>
      </c>
      <c r="N2199" s="236">
        <f t="shared" si="518"/>
        <v>1.0426772484712934</v>
      </c>
      <c r="O2199" s="236">
        <f t="shared" si="522"/>
        <v>2.2909059909418046</v>
      </c>
      <c r="P2199" s="236" t="str">
        <f t="shared" si="523"/>
        <v>SAND</v>
      </c>
      <c r="Q2199" s="236" t="e">
        <f t="shared" si="519"/>
        <v>#N/A</v>
      </c>
      <c r="R2199" s="238">
        <v>35</v>
      </c>
      <c r="S2199" s="236" t="e">
        <f t="shared" si="524"/>
        <v>#N/A</v>
      </c>
      <c r="T2199" s="236">
        <f t="shared" si="510"/>
        <v>34.56756037489388</v>
      </c>
    </row>
    <row r="2200" spans="1:20" x14ac:dyDescent="0.2">
      <c r="A2200" s="53">
        <f t="shared" si="511"/>
        <v>2188</v>
      </c>
      <c r="B2200" s="239">
        <v>21.995999999999999</v>
      </c>
      <c r="C2200" s="3">
        <f t="shared" si="512"/>
        <v>21.988999999999997</v>
      </c>
      <c r="D2200" s="239">
        <v>7.4218999999999999</v>
      </c>
      <c r="E2200" s="239">
        <v>7.1999999999999995E-2</v>
      </c>
      <c r="F2200" s="239">
        <v>6.7500000000000004E-2</v>
      </c>
      <c r="G2200">
        <f t="shared" si="513"/>
        <v>7.4353999999999996</v>
      </c>
      <c r="H2200" s="235">
        <f t="shared" si="514"/>
        <v>0.96834064071872394</v>
      </c>
      <c r="I2200" s="236">
        <f t="shared" si="515"/>
        <v>19.043414698134548</v>
      </c>
      <c r="J2200" s="237">
        <f t="shared" si="520"/>
        <v>9.0434146981345478</v>
      </c>
      <c r="K2200" s="237">
        <f t="shared" si="516"/>
        <v>418.74564579728053</v>
      </c>
      <c r="L2200" s="237">
        <f t="shared" si="521"/>
        <v>198.9189497001675</v>
      </c>
      <c r="M2200" s="236">
        <f t="shared" si="517"/>
        <v>35.273936267907061</v>
      </c>
      <c r="N2200" s="236">
        <f t="shared" si="518"/>
        <v>1.0261300666303255</v>
      </c>
      <c r="O2200" s="236">
        <f t="shared" si="522"/>
        <v>2.2829898792920709</v>
      </c>
      <c r="P2200" s="236" t="str">
        <f t="shared" si="523"/>
        <v>SAND</v>
      </c>
      <c r="Q2200" s="236" t="e">
        <f t="shared" si="519"/>
        <v>#N/A</v>
      </c>
      <c r="R2200" s="238">
        <v>35</v>
      </c>
      <c r="S2200" s="236" t="e">
        <f t="shared" si="524"/>
        <v>#N/A</v>
      </c>
      <c r="T2200" s="236">
        <f t="shared" si="510"/>
        <v>34.621993184907623</v>
      </c>
    </row>
    <row r="2201" spans="1:20" x14ac:dyDescent="0.2">
      <c r="A2201" s="53">
        <f t="shared" si="511"/>
        <v>2189</v>
      </c>
      <c r="B2201" s="239">
        <v>22.004999999999999</v>
      </c>
      <c r="C2201" s="3">
        <f t="shared" si="512"/>
        <v>21.997999999999998</v>
      </c>
      <c r="D2201" s="239">
        <v>7.4352</v>
      </c>
      <c r="E2201" s="239">
        <v>7.1099999999999997E-2</v>
      </c>
      <c r="F2201" s="239">
        <v>6.6699999999999995E-2</v>
      </c>
      <c r="G2201">
        <f t="shared" si="513"/>
        <v>7.4485400000000004</v>
      </c>
      <c r="H2201" s="235">
        <f t="shared" si="514"/>
        <v>0.95454948218040037</v>
      </c>
      <c r="I2201" s="236">
        <f t="shared" si="515"/>
        <v>19.02935501526607</v>
      </c>
      <c r="J2201" s="237">
        <f t="shared" si="520"/>
        <v>9.02935501526607</v>
      </c>
      <c r="K2201" s="237">
        <f t="shared" si="516"/>
        <v>418.60775162582297</v>
      </c>
      <c r="L2201" s="237">
        <f t="shared" si="521"/>
        <v>198.69095711092987</v>
      </c>
      <c r="M2201" s="236">
        <f t="shared" si="517"/>
        <v>35.381239038721532</v>
      </c>
      <c r="N2201" s="236">
        <f t="shared" si="518"/>
        <v>1.0113895481203734</v>
      </c>
      <c r="O2201" s="236">
        <f t="shared" si="522"/>
        <v>2.2784947393907897</v>
      </c>
      <c r="P2201" s="236" t="str">
        <f t="shared" si="523"/>
        <v>SAND</v>
      </c>
      <c r="Q2201" s="236" t="e">
        <f t="shared" si="519"/>
        <v>#N/A</v>
      </c>
      <c r="R2201" s="238">
        <v>35</v>
      </c>
      <c r="S2201" s="236" t="e">
        <f t="shared" si="524"/>
        <v>#N/A</v>
      </c>
      <c r="T2201" s="236">
        <f t="shared" si="510"/>
        <v>34.636503414503821</v>
      </c>
    </row>
    <row r="2202" spans="1:20" x14ac:dyDescent="0.2">
      <c r="A2202" s="53">
        <f t="shared" si="511"/>
        <v>2190</v>
      </c>
      <c r="B2202" s="239">
        <v>22.015000000000001</v>
      </c>
      <c r="C2202" s="3">
        <f t="shared" si="512"/>
        <v>22.007999999999999</v>
      </c>
      <c r="D2202" s="239">
        <v>7.4016000000000002</v>
      </c>
      <c r="E2202" s="239">
        <v>7.0000000000000007E-2</v>
      </c>
      <c r="F2202" s="239">
        <v>6.6299999999999998E-2</v>
      </c>
      <c r="G2202">
        <f t="shared" si="513"/>
        <v>7.41486</v>
      </c>
      <c r="H2202" s="235">
        <f t="shared" si="514"/>
        <v>0.9440501911027317</v>
      </c>
      <c r="I2202" s="236">
        <f t="shared" si="515"/>
        <v>19.009300422394414</v>
      </c>
      <c r="J2202" s="237">
        <f t="shared" si="520"/>
        <v>9.0093004223944142</v>
      </c>
      <c r="K2202" s="237">
        <f t="shared" si="516"/>
        <v>418.35668369605622</v>
      </c>
      <c r="L2202" s="237">
        <f t="shared" si="521"/>
        <v>198.33974879901302</v>
      </c>
      <c r="M2202" s="236">
        <f t="shared" si="517"/>
        <v>35.275346261499145</v>
      </c>
      <c r="N2202" s="236">
        <f t="shared" si="518"/>
        <v>1.0004997758934679</v>
      </c>
      <c r="O2202" s="236">
        <f t="shared" si="522"/>
        <v>2.2770696464502636</v>
      </c>
      <c r="P2202" s="236" t="str">
        <f t="shared" si="523"/>
        <v>SAND</v>
      </c>
      <c r="Q2202" s="236" t="e">
        <f t="shared" si="519"/>
        <v>#N/A</v>
      </c>
      <c r="R2202" s="238">
        <v>35</v>
      </c>
      <c r="S2202" s="236" t="e">
        <f t="shared" si="524"/>
        <v>#N/A</v>
      </c>
      <c r="T2202" s="236">
        <f t="shared" si="510"/>
        <v>34.622184140125349</v>
      </c>
    </row>
    <row r="2203" spans="1:20" x14ac:dyDescent="0.2">
      <c r="A2203" s="53">
        <f t="shared" si="511"/>
        <v>2191</v>
      </c>
      <c r="B2203" s="239">
        <v>22.024999999999999</v>
      </c>
      <c r="C2203" s="3">
        <f t="shared" si="512"/>
        <v>22.017999999999997</v>
      </c>
      <c r="D2203" s="239">
        <v>7.3121</v>
      </c>
      <c r="E2203" s="239">
        <v>6.8599999999999994E-2</v>
      </c>
      <c r="F2203" s="239">
        <v>7.3200000000000001E-2</v>
      </c>
      <c r="G2203">
        <f t="shared" si="513"/>
        <v>7.32674</v>
      </c>
      <c r="H2203" s="235">
        <f t="shared" si="514"/>
        <v>0.93629636100093627</v>
      </c>
      <c r="I2203" s="236">
        <f t="shared" si="515"/>
        <v>18.980937869009054</v>
      </c>
      <c r="J2203" s="237">
        <f t="shared" si="520"/>
        <v>8.980937869009054</v>
      </c>
      <c r="K2203" s="237">
        <f t="shared" si="516"/>
        <v>417.92228999984127</v>
      </c>
      <c r="L2203" s="237">
        <f t="shared" si="521"/>
        <v>197.8051565649244</v>
      </c>
      <c r="M2203" s="236">
        <f t="shared" si="517"/>
        <v>34.927389305609523</v>
      </c>
      <c r="N2203" s="236">
        <f t="shared" si="518"/>
        <v>0.99293399941215743</v>
      </c>
      <c r="O2203" s="236">
        <f t="shared" si="522"/>
        <v>2.2789436144237425</v>
      </c>
      <c r="P2203" s="236" t="str">
        <f t="shared" si="523"/>
        <v>SAND</v>
      </c>
      <c r="Q2203" s="236" t="e">
        <f t="shared" si="519"/>
        <v>#N/A</v>
      </c>
      <c r="R2203" s="238">
        <v>35</v>
      </c>
      <c r="S2203" s="236" t="e">
        <f t="shared" si="524"/>
        <v>#N/A</v>
      </c>
      <c r="T2203" s="236">
        <f t="shared" si="510"/>
        <v>34.57482737422287</v>
      </c>
    </row>
    <row r="2204" spans="1:20" x14ac:dyDescent="0.2">
      <c r="A2204" s="53">
        <f t="shared" si="511"/>
        <v>2192</v>
      </c>
      <c r="B2204" s="239">
        <v>22.035</v>
      </c>
      <c r="C2204" s="3">
        <f t="shared" si="512"/>
        <v>22.027999999999999</v>
      </c>
      <c r="D2204" s="239">
        <v>7.2263000000000002</v>
      </c>
      <c r="E2204" s="239">
        <v>6.6299999999999998E-2</v>
      </c>
      <c r="F2204" s="239">
        <v>8.0699999999999994E-2</v>
      </c>
      <c r="G2204">
        <f t="shared" si="513"/>
        <v>7.2424400000000002</v>
      </c>
      <c r="H2204" s="235">
        <f t="shared" si="514"/>
        <v>0.91543733879742173</v>
      </c>
      <c r="I2204" s="236">
        <f t="shared" si="515"/>
        <v>18.93642599645532</v>
      </c>
      <c r="J2204" s="237">
        <f t="shared" si="520"/>
        <v>8.9364259964553199</v>
      </c>
      <c r="K2204" s="237">
        <f t="shared" si="516"/>
        <v>417.13159184991775</v>
      </c>
      <c r="L2204" s="237">
        <f t="shared" si="521"/>
        <v>196.91414683189296</v>
      </c>
      <c r="M2204" s="236">
        <f t="shared" si="517"/>
        <v>34.661341086767614</v>
      </c>
      <c r="N2204" s="236">
        <f t="shared" si="518"/>
        <v>0.97138467649068205</v>
      </c>
      <c r="O2204" s="236">
        <f t="shared" si="522"/>
        <v>2.2766841135092437</v>
      </c>
      <c r="P2204" s="236" t="str">
        <f t="shared" si="523"/>
        <v>SAND</v>
      </c>
      <c r="Q2204" s="236" t="e">
        <f t="shared" si="519"/>
        <v>#N/A</v>
      </c>
      <c r="R2204" s="238">
        <v>35</v>
      </c>
      <c r="S2204" s="236" t="e">
        <f t="shared" si="524"/>
        <v>#N/A</v>
      </c>
      <c r="T2204" s="236">
        <f t="shared" si="510"/>
        <v>34.538298982562807</v>
      </c>
    </row>
    <row r="2205" spans="1:20" x14ac:dyDescent="0.2">
      <c r="A2205" s="53">
        <f t="shared" si="511"/>
        <v>2193</v>
      </c>
      <c r="B2205" s="239">
        <v>22.045000000000002</v>
      </c>
      <c r="C2205" s="3">
        <f t="shared" si="512"/>
        <v>22.038</v>
      </c>
      <c r="D2205" s="239">
        <v>7.0762999999999998</v>
      </c>
      <c r="E2205" s="239">
        <v>6.0600000000000001E-2</v>
      </c>
      <c r="F2205" s="239">
        <v>8.9499999999999996E-2</v>
      </c>
      <c r="G2205">
        <f t="shared" si="513"/>
        <v>7.0941999999999998</v>
      </c>
      <c r="H2205" s="235">
        <f t="shared" si="514"/>
        <v>0.85421893941529714</v>
      </c>
      <c r="I2205" s="236">
        <f t="shared" si="515"/>
        <v>18.822932224793433</v>
      </c>
      <c r="J2205" s="237">
        <f t="shared" si="520"/>
        <v>8.8229322247934334</v>
      </c>
      <c r="K2205" s="237">
        <f t="shared" si="516"/>
        <v>414.81978036999772</v>
      </c>
      <c r="L2205" s="237">
        <f t="shared" si="521"/>
        <v>194.50154089557125</v>
      </c>
      <c r="M2205" s="236">
        <f t="shared" si="517"/>
        <v>34.341014414976748</v>
      </c>
      <c r="N2205" s="236">
        <f t="shared" si="518"/>
        <v>0.90726980658928391</v>
      </c>
      <c r="O2205" s="236">
        <f t="shared" si="522"/>
        <v>2.2645401413997339</v>
      </c>
      <c r="P2205" s="236" t="str">
        <f t="shared" si="523"/>
        <v>SAND</v>
      </c>
      <c r="Q2205" s="236" t="e">
        <f t="shared" si="519"/>
        <v>#N/A</v>
      </c>
      <c r="R2205" s="238">
        <v>35</v>
      </c>
      <c r="S2205" s="236" t="e">
        <f t="shared" si="524"/>
        <v>#N/A</v>
      </c>
      <c r="T2205" s="236">
        <f t="shared" si="510"/>
        <v>34.493944318221168</v>
      </c>
    </row>
    <row r="2206" spans="1:20" x14ac:dyDescent="0.2">
      <c r="A2206" s="53">
        <f t="shared" si="511"/>
        <v>2194</v>
      </c>
      <c r="B2206" s="239">
        <v>22.053999999999998</v>
      </c>
      <c r="C2206" s="3">
        <f t="shared" si="512"/>
        <v>22.046999999999997</v>
      </c>
      <c r="D2206" s="239">
        <v>6.9192999999999998</v>
      </c>
      <c r="E2206" s="239">
        <v>5.5800000000000002E-2</v>
      </c>
      <c r="F2206" s="239">
        <v>9.5399999999999999E-2</v>
      </c>
      <c r="G2206">
        <f t="shared" si="513"/>
        <v>6.9383799999999995</v>
      </c>
      <c r="H2206" s="235">
        <f t="shared" si="514"/>
        <v>0.80422231125997723</v>
      </c>
      <c r="I2206" s="236">
        <f t="shared" si="515"/>
        <v>18.717487664884413</v>
      </c>
      <c r="J2206" s="237">
        <f t="shared" si="520"/>
        <v>8.7174876648844126</v>
      </c>
      <c r="K2206" s="237">
        <f t="shared" si="516"/>
        <v>412.66445054770656</v>
      </c>
      <c r="L2206" s="237">
        <f t="shared" si="521"/>
        <v>192.25547296136082</v>
      </c>
      <c r="M2206" s="236">
        <f t="shared" si="517"/>
        <v>33.942937742863734</v>
      </c>
      <c r="N2206" s="236">
        <f t="shared" si="518"/>
        <v>0.85507864351646989</v>
      </c>
      <c r="O2206" s="236">
        <f t="shared" si="522"/>
        <v>2.2556175970423724</v>
      </c>
      <c r="P2206" s="236" t="str">
        <f t="shared" si="523"/>
        <v>SAND</v>
      </c>
      <c r="Q2206" s="236" t="e">
        <f t="shared" si="519"/>
        <v>#N/A</v>
      </c>
      <c r="R2206" s="238">
        <v>35</v>
      </c>
      <c r="S2206" s="236" t="e">
        <f t="shared" si="524"/>
        <v>#N/A</v>
      </c>
      <c r="T2206" s="236">
        <f t="shared" si="510"/>
        <v>34.438243703164069</v>
      </c>
    </row>
    <row r="2207" spans="1:20" x14ac:dyDescent="0.2">
      <c r="A2207" s="53">
        <f t="shared" si="511"/>
        <v>2195</v>
      </c>
      <c r="B2207" s="239">
        <v>22.064</v>
      </c>
      <c r="C2207" s="3">
        <f t="shared" si="512"/>
        <v>22.056999999999999</v>
      </c>
      <c r="D2207" s="239">
        <v>6.7420999999999998</v>
      </c>
      <c r="E2207" s="239">
        <v>5.3800000000000001E-2</v>
      </c>
      <c r="F2207" s="239">
        <v>0.1052</v>
      </c>
      <c r="G2207">
        <f t="shared" si="513"/>
        <v>6.7631399999999999</v>
      </c>
      <c r="H2207" s="235">
        <f t="shared" si="514"/>
        <v>0.7954884861173952</v>
      </c>
      <c r="I2207" s="236">
        <f t="shared" si="515"/>
        <v>18.664688738527985</v>
      </c>
      <c r="J2207" s="237">
        <f t="shared" si="520"/>
        <v>8.6646887385279854</v>
      </c>
      <c r="K2207" s="237">
        <f t="shared" si="516"/>
        <v>411.68703950571177</v>
      </c>
      <c r="L2207" s="237">
        <f t="shared" si="521"/>
        <v>191.17769232688147</v>
      </c>
      <c r="M2207" s="236">
        <f t="shared" si="517"/>
        <v>33.222772401888705</v>
      </c>
      <c r="N2207" s="236">
        <f t="shared" si="518"/>
        <v>0.847050278647</v>
      </c>
      <c r="O2207" s="236">
        <f t="shared" si="522"/>
        <v>2.2615476277389108</v>
      </c>
      <c r="P2207" s="236" t="str">
        <f t="shared" si="523"/>
        <v>SAND</v>
      </c>
      <c r="Q2207" s="236" t="e">
        <f t="shared" si="519"/>
        <v>#N/A</v>
      </c>
      <c r="R2207" s="238">
        <v>35</v>
      </c>
      <c r="S2207" s="236" t="e">
        <f t="shared" si="524"/>
        <v>#N/A</v>
      </c>
      <c r="T2207" s="236">
        <f t="shared" si="510"/>
        <v>34.335794580991873</v>
      </c>
    </row>
    <row r="2208" spans="1:20" x14ac:dyDescent="0.2">
      <c r="A2208" s="53">
        <f t="shared" si="511"/>
        <v>2196</v>
      </c>
      <c r="B2208" s="239">
        <v>22.073</v>
      </c>
      <c r="C2208" s="3">
        <f t="shared" si="512"/>
        <v>22.065999999999999</v>
      </c>
      <c r="D2208" s="239">
        <v>6.5556000000000001</v>
      </c>
      <c r="E2208" s="239">
        <v>5.3400000000000003E-2</v>
      </c>
      <c r="F2208" s="239">
        <v>0.1135</v>
      </c>
      <c r="G2208">
        <f t="shared" si="513"/>
        <v>6.5783000000000005</v>
      </c>
      <c r="H2208" s="235">
        <f t="shared" si="514"/>
        <v>0.81175987717191367</v>
      </c>
      <c r="I2208" s="236">
        <f t="shared" si="515"/>
        <v>18.645106756197563</v>
      </c>
      <c r="J2208" s="237">
        <f t="shared" si="520"/>
        <v>8.6451067561975634</v>
      </c>
      <c r="K2208" s="237">
        <f t="shared" si="516"/>
        <v>411.42292568225542</v>
      </c>
      <c r="L2208" s="237">
        <f t="shared" si="521"/>
        <v>190.82344142954881</v>
      </c>
      <c r="M2208" s="236">
        <f t="shared" si="517"/>
        <v>32.317188224458938</v>
      </c>
      <c r="N2208" s="236">
        <f t="shared" si="518"/>
        <v>0.86591640074012277</v>
      </c>
      <c r="O2208" s="236">
        <f t="shared" si="522"/>
        <v>2.2767457798186714</v>
      </c>
      <c r="P2208" s="236" t="str">
        <f t="shared" si="523"/>
        <v>SAND</v>
      </c>
      <c r="Q2208" s="236" t="e">
        <f t="shared" si="519"/>
        <v>#N/A</v>
      </c>
      <c r="R2208" s="238">
        <v>35</v>
      </c>
      <c r="S2208" s="236" t="e">
        <f t="shared" si="524"/>
        <v>#N/A</v>
      </c>
      <c r="T2208" s="236">
        <f t="shared" si="510"/>
        <v>34.203769244756884</v>
      </c>
    </row>
    <row r="2209" spans="1:20" x14ac:dyDescent="0.2">
      <c r="A2209" s="53">
        <f t="shared" si="511"/>
        <v>2197</v>
      </c>
      <c r="B2209" s="239">
        <v>22.084</v>
      </c>
      <c r="C2209" s="3">
        <f t="shared" si="512"/>
        <v>22.076999999999998</v>
      </c>
      <c r="D2209" s="239">
        <v>6.3475000000000001</v>
      </c>
      <c r="E2209" s="239">
        <v>5.04E-2</v>
      </c>
      <c r="F2209" s="239">
        <v>0.12</v>
      </c>
      <c r="G2209">
        <f t="shared" si="513"/>
        <v>6.3715000000000002</v>
      </c>
      <c r="H2209" s="235">
        <f t="shared" si="514"/>
        <v>0.7910225221690339</v>
      </c>
      <c r="I2209" s="236">
        <f t="shared" si="515"/>
        <v>18.564823021483935</v>
      </c>
      <c r="J2209" s="237">
        <f t="shared" si="520"/>
        <v>8.5648230214839352</v>
      </c>
      <c r="K2209" s="237">
        <f t="shared" si="516"/>
        <v>409.85559784530079</v>
      </c>
      <c r="L2209" s="237">
        <f t="shared" si="521"/>
        <v>189.14555160645122</v>
      </c>
      <c r="M2209" s="236">
        <f t="shared" si="517"/>
        <v>31.518818981050593</v>
      </c>
      <c r="N2209" s="236">
        <f t="shared" si="518"/>
        <v>0.84540433142547178</v>
      </c>
      <c r="O2209" s="236">
        <f t="shared" si="522"/>
        <v>2.2808536543211222</v>
      </c>
      <c r="P2209" s="236" t="str">
        <f t="shared" si="523"/>
        <v>SAND</v>
      </c>
      <c r="Q2209" s="236" t="e">
        <f t="shared" si="519"/>
        <v>#N/A</v>
      </c>
      <c r="R2209" s="238">
        <v>35</v>
      </c>
      <c r="S2209" s="236" t="e">
        <f t="shared" si="524"/>
        <v>#N/A</v>
      </c>
      <c r="T2209" s="236">
        <f t="shared" si="510"/>
        <v>34.084269295855549</v>
      </c>
    </row>
    <row r="2210" spans="1:20" x14ac:dyDescent="0.2">
      <c r="A2210" s="53">
        <f t="shared" si="511"/>
        <v>2198</v>
      </c>
      <c r="B2210" s="239">
        <v>22.093</v>
      </c>
      <c r="C2210" s="3">
        <f t="shared" si="512"/>
        <v>22.085999999999999</v>
      </c>
      <c r="D2210" s="239">
        <v>6.1760999999999999</v>
      </c>
      <c r="E2210" s="239">
        <v>4.4600000000000001E-2</v>
      </c>
      <c r="F2210" s="239">
        <v>0.12790000000000001</v>
      </c>
      <c r="G2210">
        <f t="shared" si="513"/>
        <v>6.2016799999999996</v>
      </c>
      <c r="H2210" s="235">
        <f t="shared" si="514"/>
        <v>0.7191599695566363</v>
      </c>
      <c r="I2210" s="236">
        <f t="shared" si="515"/>
        <v>18.410905590922532</v>
      </c>
      <c r="J2210" s="237">
        <f t="shared" si="520"/>
        <v>8.4109055909225319</v>
      </c>
      <c r="K2210" s="237">
        <f t="shared" si="516"/>
        <v>406.62326088111502</v>
      </c>
      <c r="L2210" s="237">
        <f t="shared" si="521"/>
        <v>185.82213722025151</v>
      </c>
      <c r="M2210" s="236">
        <f t="shared" si="517"/>
        <v>31.186040725869553</v>
      </c>
      <c r="N2210" s="236">
        <f t="shared" si="518"/>
        <v>0.76962145510901858</v>
      </c>
      <c r="O2210" s="236">
        <f t="shared" si="522"/>
        <v>2.2646373429131104</v>
      </c>
      <c r="P2210" s="236" t="str">
        <f t="shared" si="523"/>
        <v>SAND</v>
      </c>
      <c r="Q2210" s="236" t="e">
        <f t="shared" si="519"/>
        <v>#N/A</v>
      </c>
      <c r="R2210" s="238">
        <v>35</v>
      </c>
      <c r="S2210" s="236" t="e">
        <f t="shared" si="524"/>
        <v>#N/A</v>
      </c>
      <c r="T2210" s="236">
        <f t="shared" si="510"/>
        <v>34.033562658699779</v>
      </c>
    </row>
    <row r="2211" spans="1:20" x14ac:dyDescent="0.2">
      <c r="A2211" s="53">
        <f t="shared" si="511"/>
        <v>2199</v>
      </c>
      <c r="B2211" s="239">
        <v>22.103999999999999</v>
      </c>
      <c r="C2211" s="3">
        <f t="shared" si="512"/>
        <v>22.096999999999998</v>
      </c>
      <c r="D2211" s="239">
        <v>6.0145999999999997</v>
      </c>
      <c r="E2211" s="239">
        <v>4.2200000000000001E-2</v>
      </c>
      <c r="F2211" s="239">
        <v>0.13619999999999999</v>
      </c>
      <c r="G2211">
        <f t="shared" si="513"/>
        <v>6.0418399999999997</v>
      </c>
      <c r="H2211" s="235">
        <f t="shared" si="514"/>
        <v>0.6984627199661031</v>
      </c>
      <c r="I2211" s="236">
        <f t="shared" si="515"/>
        <v>18.335838970072217</v>
      </c>
      <c r="J2211" s="237">
        <f t="shared" si="520"/>
        <v>8.3358389700722171</v>
      </c>
      <c r="K2211" s="237">
        <f t="shared" si="516"/>
        <v>405.16703372168575</v>
      </c>
      <c r="L2211" s="237">
        <f t="shared" si="521"/>
        <v>184.25538459447628</v>
      </c>
      <c r="M2211" s="236">
        <f t="shared" si="517"/>
        <v>30.59163225370019</v>
      </c>
      <c r="N2211" s="236">
        <f t="shared" si="518"/>
        <v>0.74866858965321703</v>
      </c>
      <c r="O2211" s="236">
        <f t="shared" si="522"/>
        <v>2.2661206056873375</v>
      </c>
      <c r="P2211" s="236" t="str">
        <f t="shared" si="523"/>
        <v>SAND</v>
      </c>
      <c r="Q2211" s="236" t="e">
        <f t="shared" si="519"/>
        <v>#N/A</v>
      </c>
      <c r="R2211" s="238">
        <v>35</v>
      </c>
      <c r="S2211" s="236" t="e">
        <f t="shared" si="524"/>
        <v>#N/A</v>
      </c>
      <c r="T2211" s="236">
        <f t="shared" si="510"/>
        <v>33.941629149037908</v>
      </c>
    </row>
    <row r="2212" spans="1:20" x14ac:dyDescent="0.2">
      <c r="A2212" s="53">
        <f t="shared" si="511"/>
        <v>2200</v>
      </c>
      <c r="B2212" s="239">
        <v>22.113</v>
      </c>
      <c r="C2212" s="3">
        <f t="shared" si="512"/>
        <v>22.105999999999998</v>
      </c>
      <c r="D2212" s="239">
        <v>5.9245000000000001</v>
      </c>
      <c r="E2212" s="239">
        <v>4.7100000000000003E-2</v>
      </c>
      <c r="F2212" s="239">
        <v>0.14460000000000001</v>
      </c>
      <c r="G2212">
        <f t="shared" si="513"/>
        <v>5.9534200000000004</v>
      </c>
      <c r="H2212" s="235">
        <f t="shared" si="514"/>
        <v>0.79114189827023795</v>
      </c>
      <c r="I2212" s="236">
        <f t="shared" si="515"/>
        <v>18.458889373523142</v>
      </c>
      <c r="J2212" s="237">
        <f t="shared" si="520"/>
        <v>8.4588893735231423</v>
      </c>
      <c r="K2212" s="237">
        <f t="shared" si="516"/>
        <v>408.05220849110253</v>
      </c>
      <c r="L2212" s="237">
        <f t="shared" si="521"/>
        <v>187.05142071671725</v>
      </c>
      <c r="M2212" s="236">
        <f t="shared" si="517"/>
        <v>29.646221184853552</v>
      </c>
      <c r="N2212" s="236">
        <f t="shared" si="518"/>
        <v>0.84935754977550482</v>
      </c>
      <c r="O2212" s="236">
        <f t="shared" si="522"/>
        <v>2.3048938361594549</v>
      </c>
      <c r="P2212" s="236" t="str">
        <f t="shared" si="523"/>
        <v>SAND</v>
      </c>
      <c r="Q2212" s="236" t="e">
        <f t="shared" si="519"/>
        <v>#N/A</v>
      </c>
      <c r="R2212" s="238">
        <v>35</v>
      </c>
      <c r="S2212" s="236" t="e">
        <f t="shared" si="524"/>
        <v>#N/A</v>
      </c>
      <c r="T2212" s="236">
        <f t="shared" si="510"/>
        <v>33.791662789216218</v>
      </c>
    </row>
    <row r="2213" spans="1:20" x14ac:dyDescent="0.2">
      <c r="A2213" s="53">
        <f t="shared" si="511"/>
        <v>2201</v>
      </c>
      <c r="B2213" s="239">
        <v>22.123999999999999</v>
      </c>
      <c r="C2213" s="3">
        <f t="shared" si="512"/>
        <v>22.116999999999997</v>
      </c>
      <c r="D2213" s="239">
        <v>5.9154</v>
      </c>
      <c r="E2213" s="239">
        <v>5.28E-2</v>
      </c>
      <c r="F2213" s="239">
        <v>0.15340000000000001</v>
      </c>
      <c r="G2213">
        <f t="shared" si="513"/>
        <v>5.9460800000000003</v>
      </c>
      <c r="H2213" s="235">
        <f t="shared" si="514"/>
        <v>0.88797998008772161</v>
      </c>
      <c r="I2213" s="236">
        <f t="shared" si="515"/>
        <v>18.592362318433985</v>
      </c>
      <c r="J2213" s="237">
        <f t="shared" si="520"/>
        <v>8.5923623184339846</v>
      </c>
      <c r="K2213" s="237">
        <f t="shared" si="516"/>
        <v>411.20727739680439</v>
      </c>
      <c r="L2213" s="237">
        <f t="shared" si="521"/>
        <v>190.09742393303347</v>
      </c>
      <c r="M2213" s="236">
        <f t="shared" si="517"/>
        <v>29.115979628177346</v>
      </c>
      <c r="N2213" s="236">
        <f t="shared" si="518"/>
        <v>0.95395147542194569</v>
      </c>
      <c r="O2213" s="236">
        <f t="shared" si="522"/>
        <v>2.3371718206252745</v>
      </c>
      <c r="P2213" s="236" t="str">
        <f t="shared" si="523"/>
        <v>SAND</v>
      </c>
      <c r="Q2213" s="236" t="e">
        <f t="shared" si="519"/>
        <v>#N/A</v>
      </c>
      <c r="R2213" s="238">
        <v>35</v>
      </c>
      <c r="S2213" s="236" t="e">
        <f t="shared" si="524"/>
        <v>#N/A</v>
      </c>
      <c r="T2213" s="236">
        <f t="shared" si="510"/>
        <v>33.705445475257442</v>
      </c>
    </row>
    <row r="2214" spans="1:20" x14ac:dyDescent="0.2">
      <c r="A2214" s="53">
        <f t="shared" si="511"/>
        <v>2202</v>
      </c>
      <c r="B2214" s="239">
        <v>22.132999999999999</v>
      </c>
      <c r="C2214" s="3">
        <f t="shared" si="512"/>
        <v>22.125999999999998</v>
      </c>
      <c r="D2214" s="239">
        <v>6.0031999999999996</v>
      </c>
      <c r="E2214" s="239">
        <v>5.91E-2</v>
      </c>
      <c r="F2214" s="239">
        <v>0.1673</v>
      </c>
      <c r="G2214">
        <f t="shared" si="513"/>
        <v>6.0366599999999995</v>
      </c>
      <c r="H2214" s="235">
        <f t="shared" si="514"/>
        <v>0.97901819880529972</v>
      </c>
      <c r="I2214" s="236">
        <f t="shared" si="515"/>
        <v>18.730446297140016</v>
      </c>
      <c r="J2214" s="237">
        <f t="shared" si="520"/>
        <v>8.7304462971400163</v>
      </c>
      <c r="K2214" s="237">
        <f t="shared" si="516"/>
        <v>414.42985477051997</v>
      </c>
      <c r="L2214" s="237">
        <f t="shared" si="521"/>
        <v>193.23096789459998</v>
      </c>
      <c r="M2214" s="236">
        <f t="shared" si="517"/>
        <v>29.095906347145085</v>
      </c>
      <c r="N2214" s="236">
        <f t="shared" si="518"/>
        <v>1.0511842893899845</v>
      </c>
      <c r="O2214" s="236">
        <f t="shared" si="522"/>
        <v>2.3593382292384741</v>
      </c>
      <c r="P2214" s="236" t="str">
        <f t="shared" si="523"/>
        <v>SAND</v>
      </c>
      <c r="Q2214" s="236" t="e">
        <f t="shared" si="519"/>
        <v>#N/A</v>
      </c>
      <c r="R2214" s="238">
        <v>35</v>
      </c>
      <c r="S2214" s="236" t="e">
        <f t="shared" si="524"/>
        <v>#N/A</v>
      </c>
      <c r="T2214" s="236">
        <f t="shared" si="510"/>
        <v>33.702150791732237</v>
      </c>
    </row>
    <row r="2215" spans="1:20" x14ac:dyDescent="0.2">
      <c r="A2215" s="53">
        <f t="shared" si="511"/>
        <v>2203</v>
      </c>
      <c r="B2215" s="239">
        <v>22.143999999999998</v>
      </c>
      <c r="C2215" s="3">
        <f t="shared" si="512"/>
        <v>22.136999999999997</v>
      </c>
      <c r="D2215" s="239">
        <v>6.1662999999999997</v>
      </c>
      <c r="E2215" s="239">
        <v>6.4899999999999999E-2</v>
      </c>
      <c r="F2215" s="239">
        <v>0.1794</v>
      </c>
      <c r="G2215">
        <f t="shared" si="513"/>
        <v>6.2021799999999994</v>
      </c>
      <c r="H2215" s="235">
        <f t="shared" si="514"/>
        <v>1.0464062636040878</v>
      </c>
      <c r="I2215" s="236">
        <f t="shared" si="515"/>
        <v>18.850793665325206</v>
      </c>
      <c r="J2215" s="237">
        <f t="shared" si="520"/>
        <v>8.850793665325206</v>
      </c>
      <c r="K2215" s="237">
        <f t="shared" si="516"/>
        <v>417.30001936930404</v>
      </c>
      <c r="L2215" s="237">
        <f t="shared" si="521"/>
        <v>195.99197492496134</v>
      </c>
      <c r="M2215" s="236">
        <f t="shared" si="517"/>
        <v>29.515902285517196</v>
      </c>
      <c r="N2215" s="236">
        <f t="shared" si="518"/>
        <v>1.1218901726103623</v>
      </c>
      <c r="O2215" s="236">
        <f t="shared" si="522"/>
        <v>2.3690820211872476</v>
      </c>
      <c r="P2215" s="236" t="str">
        <f t="shared" si="523"/>
        <v>SAND</v>
      </c>
      <c r="Q2215" s="236" t="e">
        <f t="shared" si="519"/>
        <v>#N/A</v>
      </c>
      <c r="R2215" s="238">
        <v>35</v>
      </c>
      <c r="S2215" s="236" t="e">
        <f t="shared" si="524"/>
        <v>#N/A</v>
      </c>
      <c r="T2215" s="236">
        <f t="shared" si="510"/>
        <v>33.770616703039529</v>
      </c>
    </row>
    <row r="2216" spans="1:20" x14ac:dyDescent="0.2">
      <c r="A2216" s="53">
        <f t="shared" si="511"/>
        <v>2204</v>
      </c>
      <c r="B2216" s="239">
        <v>22.152999999999999</v>
      </c>
      <c r="C2216" s="3">
        <f t="shared" si="512"/>
        <v>22.145999999999997</v>
      </c>
      <c r="D2216" s="239">
        <v>6.3685999999999998</v>
      </c>
      <c r="E2216" s="239">
        <v>6.9800000000000001E-2</v>
      </c>
      <c r="F2216" s="239">
        <v>0.161</v>
      </c>
      <c r="G2216">
        <f t="shared" si="513"/>
        <v>6.4007999999999994</v>
      </c>
      <c r="H2216" s="235">
        <f t="shared" si="514"/>
        <v>1.0904886889138858</v>
      </c>
      <c r="I2216" s="236">
        <f t="shared" si="515"/>
        <v>18.948463527126357</v>
      </c>
      <c r="J2216" s="237">
        <f t="shared" si="520"/>
        <v>8.9484635271263571</v>
      </c>
      <c r="K2216" s="237">
        <f t="shared" si="516"/>
        <v>419.63267327174026</v>
      </c>
      <c r="L2216" s="237">
        <f t="shared" si="521"/>
        <v>198.23531251643018</v>
      </c>
      <c r="M2216" s="236">
        <f t="shared" si="517"/>
        <v>30.172057898274435</v>
      </c>
      <c r="N2216" s="236">
        <f t="shared" si="518"/>
        <v>1.1669962765977506</v>
      </c>
      <c r="O2216" s="236">
        <f t="shared" si="522"/>
        <v>2.3702785377741113</v>
      </c>
      <c r="P2216" s="236" t="str">
        <f t="shared" si="523"/>
        <v>SAND</v>
      </c>
      <c r="Q2216" s="236" t="e">
        <f t="shared" si="519"/>
        <v>#N/A</v>
      </c>
      <c r="R2216" s="238">
        <v>35</v>
      </c>
      <c r="S2216" s="236" t="e">
        <f t="shared" si="524"/>
        <v>#N/A</v>
      </c>
      <c r="T2216" s="236">
        <f t="shared" si="510"/>
        <v>33.875654256712409</v>
      </c>
    </row>
    <row r="2217" spans="1:20" x14ac:dyDescent="0.2">
      <c r="A2217" s="53">
        <f t="shared" si="511"/>
        <v>2205</v>
      </c>
      <c r="B2217" s="239">
        <v>22.163</v>
      </c>
      <c r="C2217" s="3">
        <f t="shared" si="512"/>
        <v>22.155999999999999</v>
      </c>
      <c r="D2217" s="239">
        <v>6.5739999999999998</v>
      </c>
      <c r="E2217" s="239">
        <v>7.3999999999999996E-2</v>
      </c>
      <c r="F2217" s="239">
        <v>0.1245</v>
      </c>
      <c r="G2217">
        <f t="shared" si="513"/>
        <v>6.5988999999999995</v>
      </c>
      <c r="H2217" s="235">
        <f t="shared" si="514"/>
        <v>1.1213990210489628</v>
      </c>
      <c r="I2217" s="236">
        <f t="shared" si="515"/>
        <v>19.028893090042235</v>
      </c>
      <c r="J2217" s="237">
        <f t="shared" si="520"/>
        <v>9.0288930900422351</v>
      </c>
      <c r="K2217" s="237">
        <f t="shared" si="516"/>
        <v>421.60415530297576</v>
      </c>
      <c r="L2217" s="237">
        <f t="shared" si="521"/>
        <v>200.10735755460607</v>
      </c>
      <c r="M2217" s="236">
        <f t="shared" si="517"/>
        <v>30.86990863397584</v>
      </c>
      <c r="N2217" s="236">
        <f t="shared" si="518"/>
        <v>1.1979351784410035</v>
      </c>
      <c r="O2217" s="236">
        <f t="shared" si="522"/>
        <v>2.3681573714588313</v>
      </c>
      <c r="P2217" s="236" t="str">
        <f t="shared" si="523"/>
        <v>SAND</v>
      </c>
      <c r="Q2217" s="236" t="e">
        <f t="shared" si="519"/>
        <v>#N/A</v>
      </c>
      <c r="R2217" s="238">
        <v>35</v>
      </c>
      <c r="S2217" s="236" t="e">
        <f t="shared" si="524"/>
        <v>#N/A</v>
      </c>
      <c r="T2217" s="236">
        <f t="shared" si="510"/>
        <v>33.984888785073792</v>
      </c>
    </row>
    <row r="2218" spans="1:20" x14ac:dyDescent="0.2">
      <c r="A2218" s="53">
        <f t="shared" si="511"/>
        <v>2206</v>
      </c>
      <c r="B2218" s="239">
        <v>22.172999999999998</v>
      </c>
      <c r="C2218" s="3">
        <f t="shared" si="512"/>
        <v>22.165999999999997</v>
      </c>
      <c r="D2218" s="239">
        <v>6.766</v>
      </c>
      <c r="E2218" s="239">
        <v>7.8600000000000003E-2</v>
      </c>
      <c r="F2218" s="239">
        <v>7.4300000000000005E-2</v>
      </c>
      <c r="G2218">
        <f t="shared" si="513"/>
        <v>6.7808599999999997</v>
      </c>
      <c r="H2218" s="235">
        <f t="shared" si="514"/>
        <v>1.1591450052058294</v>
      </c>
      <c r="I2218" s="236">
        <f t="shared" si="515"/>
        <v>19.110240228775726</v>
      </c>
      <c r="J2218" s="237">
        <f t="shared" si="520"/>
        <v>9.1102402287757265</v>
      </c>
      <c r="K2218" s="237">
        <f t="shared" si="516"/>
        <v>423.5975849110427</v>
      </c>
      <c r="L2218" s="237">
        <f t="shared" si="521"/>
        <v>202.00135659264416</v>
      </c>
      <c r="M2218" s="236">
        <f t="shared" si="517"/>
        <v>31.471384758613326</v>
      </c>
      <c r="N2218" s="236">
        <f t="shared" si="518"/>
        <v>1.2363812419232998</v>
      </c>
      <c r="O2218" s="236">
        <f t="shared" si="522"/>
        <v>2.368725358712803</v>
      </c>
      <c r="P2218" s="236" t="str">
        <f t="shared" si="523"/>
        <v>SAND</v>
      </c>
      <c r="Q2218" s="236" t="e">
        <f t="shared" si="519"/>
        <v>#N/A</v>
      </c>
      <c r="R2218" s="238">
        <v>35</v>
      </c>
      <c r="S2218" s="236" t="e">
        <f t="shared" si="524"/>
        <v>#N/A</v>
      </c>
      <c r="T2218" s="236">
        <f t="shared" si="510"/>
        <v>34.077074377883648</v>
      </c>
    </row>
    <row r="2219" spans="1:20" x14ac:dyDescent="0.2">
      <c r="A2219" s="53">
        <f t="shared" si="511"/>
        <v>2207</v>
      </c>
      <c r="B2219" s="239">
        <v>22.181999999999999</v>
      </c>
      <c r="C2219" s="3">
        <f t="shared" si="512"/>
        <v>22.174999999999997</v>
      </c>
      <c r="D2219" s="239">
        <v>6.9446000000000003</v>
      </c>
      <c r="E2219" s="239">
        <v>8.1500000000000003E-2</v>
      </c>
      <c r="F2219" s="239">
        <v>4.36E-2</v>
      </c>
      <c r="G2219">
        <f t="shared" si="513"/>
        <v>6.9533200000000006</v>
      </c>
      <c r="H2219" s="235">
        <f t="shared" si="514"/>
        <v>1.1721019599270563</v>
      </c>
      <c r="I2219" s="236">
        <f t="shared" si="515"/>
        <v>19.162541592911964</v>
      </c>
      <c r="J2219" s="237">
        <f t="shared" si="520"/>
        <v>9.162541592911964</v>
      </c>
      <c r="K2219" s="237">
        <f t="shared" si="516"/>
        <v>424.92935982282273</v>
      </c>
      <c r="L2219" s="237">
        <f t="shared" si="521"/>
        <v>203.24349761397318</v>
      </c>
      <c r="M2219" s="236">
        <f t="shared" si="517"/>
        <v>32.121030767620219</v>
      </c>
      <c r="N2219" s="236">
        <f t="shared" si="518"/>
        <v>1.2483934325012775</v>
      </c>
      <c r="O2219" s="236">
        <f t="shared" si="522"/>
        <v>2.3636786537643593</v>
      </c>
      <c r="P2219" s="236" t="str">
        <f t="shared" si="523"/>
        <v>SAND</v>
      </c>
      <c r="Q2219" s="236" t="e">
        <f t="shared" si="519"/>
        <v>#N/A</v>
      </c>
      <c r="R2219" s="238">
        <v>35</v>
      </c>
      <c r="S2219" s="236" t="e">
        <f t="shared" si="524"/>
        <v>#N/A</v>
      </c>
      <c r="T2219" s="236">
        <f t="shared" si="510"/>
        <v>34.174684207298704</v>
      </c>
    </row>
    <row r="2220" spans="1:20" x14ac:dyDescent="0.2">
      <c r="A2220" s="53">
        <f t="shared" si="511"/>
        <v>2208</v>
      </c>
      <c r="B2220" s="239">
        <v>22.193000000000001</v>
      </c>
      <c r="C2220" s="3">
        <f t="shared" si="512"/>
        <v>22.186</v>
      </c>
      <c r="D2220" s="239">
        <v>7.0358000000000001</v>
      </c>
      <c r="E2220" s="239">
        <v>7.8100000000000003E-2</v>
      </c>
      <c r="F2220" s="239">
        <v>3.04E-2</v>
      </c>
      <c r="G2220">
        <f t="shared" si="513"/>
        <v>7.0418799999999999</v>
      </c>
      <c r="H2220" s="235">
        <f t="shared" si="514"/>
        <v>1.1090788255409068</v>
      </c>
      <c r="I2220" s="236">
        <f t="shared" si="515"/>
        <v>19.117520603875239</v>
      </c>
      <c r="J2220" s="237">
        <f t="shared" si="520"/>
        <v>9.1175206038752385</v>
      </c>
      <c r="K2220" s="237">
        <f t="shared" si="516"/>
        <v>424.14131211757604</v>
      </c>
      <c r="L2220" s="237">
        <f t="shared" si="521"/>
        <v>202.34513476180319</v>
      </c>
      <c r="M2220" s="236">
        <f t="shared" si="517"/>
        <v>32.705202898368171</v>
      </c>
      <c r="N2220" s="236">
        <f t="shared" si="518"/>
        <v>1.1801614370631917</v>
      </c>
      <c r="O2220" s="236">
        <f t="shared" si="522"/>
        <v>2.3436373233733967</v>
      </c>
      <c r="P2220" s="236" t="str">
        <f t="shared" si="523"/>
        <v>SAND</v>
      </c>
      <c r="Q2220" s="236" t="e">
        <f t="shared" si="519"/>
        <v>#N/A</v>
      </c>
      <c r="R2220" s="238">
        <v>35</v>
      </c>
      <c r="S2220" s="236" t="e">
        <f t="shared" si="524"/>
        <v>#N/A</v>
      </c>
      <c r="T2220" s="236">
        <f t="shared" si="510"/>
        <v>34.260785325544305</v>
      </c>
    </row>
    <row r="2221" spans="1:20" x14ac:dyDescent="0.2">
      <c r="A2221" s="53">
        <f t="shared" si="511"/>
        <v>2209</v>
      </c>
      <c r="B2221" s="239">
        <v>22.202000000000002</v>
      </c>
      <c r="C2221" s="3">
        <f t="shared" si="512"/>
        <v>22.195</v>
      </c>
      <c r="D2221" s="239">
        <v>7.1830999999999996</v>
      </c>
      <c r="E2221" s="239">
        <v>7.3200000000000001E-2</v>
      </c>
      <c r="F2221" s="239">
        <v>3.7100000000000001E-2</v>
      </c>
      <c r="G2221">
        <f t="shared" si="513"/>
        <v>7.1905199999999994</v>
      </c>
      <c r="H2221" s="235">
        <f t="shared" si="514"/>
        <v>1.0180070426060981</v>
      </c>
      <c r="I2221" s="236">
        <f t="shared" si="515"/>
        <v>19.04970724196556</v>
      </c>
      <c r="J2221" s="237">
        <f t="shared" si="520"/>
        <v>9.0497072419655602</v>
      </c>
      <c r="K2221" s="237">
        <f t="shared" si="516"/>
        <v>422.80825223542564</v>
      </c>
      <c r="L2221" s="237">
        <f t="shared" si="521"/>
        <v>200.92160018611938</v>
      </c>
      <c r="M2221" s="236">
        <f t="shared" si="517"/>
        <v>33.68334584980137</v>
      </c>
      <c r="N2221" s="236">
        <f t="shared" si="518"/>
        <v>1.081606349800263</v>
      </c>
      <c r="O2221" s="236">
        <f t="shared" si="522"/>
        <v>2.3122121959572994</v>
      </c>
      <c r="P2221" s="236" t="str">
        <f t="shared" si="523"/>
        <v>SAND</v>
      </c>
      <c r="Q2221" s="236" t="e">
        <f t="shared" si="519"/>
        <v>#N/A</v>
      </c>
      <c r="R2221" s="238">
        <v>35</v>
      </c>
      <c r="S2221" s="236" t="e">
        <f t="shared" si="524"/>
        <v>#N/A</v>
      </c>
      <c r="T2221" s="236">
        <f t="shared" si="510"/>
        <v>34.401567469633378</v>
      </c>
    </row>
    <row r="2222" spans="1:20" x14ac:dyDescent="0.2">
      <c r="A2222" s="53">
        <f t="shared" si="511"/>
        <v>2210</v>
      </c>
      <c r="B2222" s="239">
        <v>22.212</v>
      </c>
      <c r="C2222" s="3">
        <f t="shared" si="512"/>
        <v>22.204999999999998</v>
      </c>
      <c r="D2222" s="239">
        <v>7.3586</v>
      </c>
      <c r="E2222" s="239">
        <v>7.1099999999999997E-2</v>
      </c>
      <c r="F2222" s="239">
        <v>2.52E-2</v>
      </c>
      <c r="G2222">
        <f t="shared" si="513"/>
        <v>7.3636400000000002</v>
      </c>
      <c r="H2222" s="235">
        <f t="shared" si="514"/>
        <v>0.96555507873823265</v>
      </c>
      <c r="I2222" s="236">
        <f t="shared" si="515"/>
        <v>19.024874269720961</v>
      </c>
      <c r="J2222" s="237">
        <f t="shared" si="520"/>
        <v>9.0248742697209607</v>
      </c>
      <c r="K2222" s="237">
        <f t="shared" si="516"/>
        <v>422.44733315915391</v>
      </c>
      <c r="L2222" s="237">
        <f t="shared" si="521"/>
        <v>200.46050727904199</v>
      </c>
      <c r="M2222" s="236">
        <f t="shared" si="517"/>
        <v>34.62623516750196</v>
      </c>
      <c r="N2222" s="236">
        <f t="shared" si="518"/>
        <v>1.0243196437934321</v>
      </c>
      <c r="O2222" s="236">
        <f t="shared" si="522"/>
        <v>2.289359630610603</v>
      </c>
      <c r="P2222" s="236" t="str">
        <f t="shared" si="523"/>
        <v>SAND</v>
      </c>
      <c r="Q2222" s="236" t="e">
        <f t="shared" si="519"/>
        <v>#N/A</v>
      </c>
      <c r="R2222" s="238">
        <v>35</v>
      </c>
      <c r="S2222" s="236" t="e">
        <f t="shared" si="524"/>
        <v>#N/A</v>
      </c>
      <c r="T2222" s="236">
        <f t="shared" si="510"/>
        <v>34.533458016818912</v>
      </c>
    </row>
    <row r="2223" spans="1:20" x14ac:dyDescent="0.2">
      <c r="A2223" s="53">
        <f t="shared" si="511"/>
        <v>2211</v>
      </c>
      <c r="B2223" s="239">
        <v>22.222000000000001</v>
      </c>
      <c r="C2223" s="3">
        <f t="shared" si="512"/>
        <v>22.215</v>
      </c>
      <c r="D2223" s="239">
        <v>7.4176000000000002</v>
      </c>
      <c r="E2223" s="239">
        <v>6.7500000000000004E-2</v>
      </c>
      <c r="F2223" s="239">
        <v>1.23E-2</v>
      </c>
      <c r="G2223">
        <f t="shared" si="513"/>
        <v>7.4200600000000003</v>
      </c>
      <c r="H2223" s="235">
        <f t="shared" si="514"/>
        <v>0.90969614800958487</v>
      </c>
      <c r="I2223" s="236">
        <f t="shared" si="515"/>
        <v>18.966929916398293</v>
      </c>
      <c r="J2223" s="237">
        <f t="shared" si="520"/>
        <v>8.9669299163982927</v>
      </c>
      <c r="K2223" s="237">
        <f t="shared" si="516"/>
        <v>421.35034809278807</v>
      </c>
      <c r="L2223" s="237">
        <f t="shared" si="521"/>
        <v>199.26311660220287</v>
      </c>
      <c r="M2223" s="236">
        <f t="shared" si="517"/>
        <v>35.122955874864807</v>
      </c>
      <c r="N2223" s="236">
        <f t="shared" si="518"/>
        <v>0.96446349909094509</v>
      </c>
      <c r="O2223" s="236">
        <f t="shared" si="522"/>
        <v>2.2701660851778152</v>
      </c>
      <c r="P2223" s="236" t="str">
        <f t="shared" si="523"/>
        <v>SAND</v>
      </c>
      <c r="Q2223" s="236" t="e">
        <f t="shared" si="519"/>
        <v>#N/A</v>
      </c>
      <c r="R2223" s="238">
        <v>35</v>
      </c>
      <c r="S2223" s="236" t="e">
        <f t="shared" si="524"/>
        <v>#N/A</v>
      </c>
      <c r="T2223" s="236">
        <f t="shared" si="510"/>
        <v>34.601501639009868</v>
      </c>
    </row>
    <row r="2224" spans="1:20" x14ac:dyDescent="0.2">
      <c r="A2224" s="53">
        <f t="shared" si="511"/>
        <v>2212</v>
      </c>
      <c r="B2224" s="239">
        <v>22.231999999999999</v>
      </c>
      <c r="C2224" s="3">
        <f t="shared" si="512"/>
        <v>22.224999999999998</v>
      </c>
      <c r="D2224" s="239">
        <v>7.3837000000000002</v>
      </c>
      <c r="E2224" s="239">
        <v>6.6299999999999998E-2</v>
      </c>
      <c r="F2224" s="239">
        <v>3.8999999999999998E-3</v>
      </c>
      <c r="G2224">
        <f t="shared" si="513"/>
        <v>7.3844799999999999</v>
      </c>
      <c r="H2224" s="235">
        <f t="shared" si="514"/>
        <v>0.8978289601976035</v>
      </c>
      <c r="I2224" s="236">
        <f t="shared" si="515"/>
        <v>18.944017507810194</v>
      </c>
      <c r="J2224" s="237">
        <f t="shared" si="520"/>
        <v>8.9440175078101944</v>
      </c>
      <c r="K2224" s="237">
        <f t="shared" si="516"/>
        <v>421.0307891110815</v>
      </c>
      <c r="L2224" s="237">
        <f t="shared" si="521"/>
        <v>198.84339723363624</v>
      </c>
      <c r="M2224" s="236">
        <f t="shared" si="517"/>
        <v>35.019765844711614</v>
      </c>
      <c r="N2224" s="236">
        <f t="shared" si="518"/>
        <v>0.95211436160581242</v>
      </c>
      <c r="O2224" s="236">
        <f t="shared" si="522"/>
        <v>2.2682868210818392</v>
      </c>
      <c r="P2224" s="236" t="str">
        <f t="shared" si="523"/>
        <v>SAND</v>
      </c>
      <c r="Q2224" s="236" t="e">
        <f t="shared" si="519"/>
        <v>#N/A</v>
      </c>
      <c r="R2224" s="238">
        <v>35</v>
      </c>
      <c r="S2224" s="236" t="e">
        <f t="shared" si="524"/>
        <v>#N/A</v>
      </c>
      <c r="T2224" s="236">
        <f t="shared" si="510"/>
        <v>34.587445616914849</v>
      </c>
    </row>
    <row r="2225" spans="1:20" x14ac:dyDescent="0.2">
      <c r="A2225" s="53">
        <f t="shared" si="511"/>
        <v>2213</v>
      </c>
      <c r="B2225" s="239">
        <v>22.241</v>
      </c>
      <c r="C2225" s="3">
        <f t="shared" si="512"/>
        <v>22.233999999999998</v>
      </c>
      <c r="D2225" s="239">
        <v>7.2877999999999998</v>
      </c>
      <c r="E2225" s="239">
        <v>6.4799999999999996E-2</v>
      </c>
      <c r="F2225" s="239">
        <v>5.4999999999999997E-3</v>
      </c>
      <c r="G2225">
        <f t="shared" si="513"/>
        <v>7.2888999999999999</v>
      </c>
      <c r="H2225" s="235">
        <f t="shared" si="514"/>
        <v>0.88902303502586122</v>
      </c>
      <c r="I2225" s="236">
        <f t="shared" si="515"/>
        <v>18.912091363006176</v>
      </c>
      <c r="J2225" s="237">
        <f t="shared" si="520"/>
        <v>8.9120913630061764</v>
      </c>
      <c r="K2225" s="237">
        <f t="shared" si="516"/>
        <v>420.49143936507932</v>
      </c>
      <c r="L2225" s="237">
        <f t="shared" si="521"/>
        <v>198.21382400462036</v>
      </c>
      <c r="M2225" s="236">
        <f t="shared" si="517"/>
        <v>34.651511291537453</v>
      </c>
      <c r="N2225" s="236">
        <f t="shared" si="518"/>
        <v>0.9434499917694158</v>
      </c>
      <c r="O2225" s="236">
        <f t="shared" si="522"/>
        <v>2.2700937588502059</v>
      </c>
      <c r="P2225" s="236" t="str">
        <f t="shared" si="523"/>
        <v>SAND</v>
      </c>
      <c r="Q2225" s="236" t="e">
        <f t="shared" si="519"/>
        <v>#N/A</v>
      </c>
      <c r="R2225" s="238">
        <v>35</v>
      </c>
      <c r="S2225" s="236" t="e">
        <f t="shared" si="524"/>
        <v>#N/A</v>
      </c>
      <c r="T2225" s="236">
        <f t="shared" si="510"/>
        <v>34.53694398755691</v>
      </c>
    </row>
    <row r="2226" spans="1:20" x14ac:dyDescent="0.2">
      <c r="A2226" s="53">
        <f t="shared" si="511"/>
        <v>2214</v>
      </c>
      <c r="B2226" s="239">
        <v>22.251000000000001</v>
      </c>
      <c r="C2226" s="3">
        <f t="shared" si="512"/>
        <v>22.244</v>
      </c>
      <c r="D2226" s="239">
        <v>7.1848000000000001</v>
      </c>
      <c r="E2226" s="239">
        <v>6.0699999999999997E-2</v>
      </c>
      <c r="F2226" s="239">
        <v>9.1000000000000004E-3</v>
      </c>
      <c r="G2226">
        <f t="shared" si="513"/>
        <v>7.1866200000000005</v>
      </c>
      <c r="H2226" s="235">
        <f t="shared" si="514"/>
        <v>0.84462515062713761</v>
      </c>
      <c r="I2226" s="236">
        <f t="shared" si="515"/>
        <v>18.82992473380834</v>
      </c>
      <c r="J2226" s="237">
        <f t="shared" si="520"/>
        <v>8.8299247338083404</v>
      </c>
      <c r="K2226" s="237">
        <f t="shared" si="516"/>
        <v>418.85284577883272</v>
      </c>
      <c r="L2226" s="237">
        <f t="shared" si="521"/>
        <v>196.47465525196938</v>
      </c>
      <c r="M2226" s="236">
        <f t="shared" si="517"/>
        <v>34.446006002870085</v>
      </c>
      <c r="N2226" s="236">
        <f t="shared" si="518"/>
        <v>0.89689846912272098</v>
      </c>
      <c r="O2226" s="236">
        <f t="shared" si="522"/>
        <v>2.2608137790898555</v>
      </c>
      <c r="P2226" s="236" t="str">
        <f t="shared" si="523"/>
        <v>SAND</v>
      </c>
      <c r="Q2226" s="236" t="e">
        <f t="shared" si="519"/>
        <v>#N/A</v>
      </c>
      <c r="R2226" s="238">
        <v>35</v>
      </c>
      <c r="S2226" s="236" t="e">
        <f t="shared" si="524"/>
        <v>#N/A</v>
      </c>
      <c r="T2226" s="236">
        <f t="shared" si="510"/>
        <v>34.508527602288552</v>
      </c>
    </row>
    <row r="2227" spans="1:20" x14ac:dyDescent="0.2">
      <c r="A2227" s="53">
        <f t="shared" si="511"/>
        <v>2215</v>
      </c>
      <c r="B2227" s="239">
        <v>22.260999999999999</v>
      </c>
      <c r="C2227" s="3">
        <f t="shared" si="512"/>
        <v>22.253999999999998</v>
      </c>
      <c r="D2227" s="239">
        <v>7.1936999999999998</v>
      </c>
      <c r="E2227" s="239">
        <v>5.7099999999999998E-2</v>
      </c>
      <c r="F2227" s="239">
        <v>1.9400000000000001E-2</v>
      </c>
      <c r="G2227">
        <f t="shared" si="513"/>
        <v>7.1975799999999994</v>
      </c>
      <c r="H2227" s="235">
        <f t="shared" si="514"/>
        <v>0.79332219996165376</v>
      </c>
      <c r="I2227" s="236">
        <f t="shared" si="515"/>
        <v>18.758828397270548</v>
      </c>
      <c r="J2227" s="237">
        <f t="shared" si="520"/>
        <v>8.7588283972705483</v>
      </c>
      <c r="K2227" s="237">
        <f t="shared" si="516"/>
        <v>417.45896715285875</v>
      </c>
      <c r="L2227" s="237">
        <f t="shared" si="521"/>
        <v>194.98027895163966</v>
      </c>
      <c r="M2227" s="236">
        <f t="shared" si="517"/>
        <v>34.773368205759887</v>
      </c>
      <c r="N2227" s="236">
        <f t="shared" si="518"/>
        <v>0.84216785693606266</v>
      </c>
      <c r="O2227" s="236">
        <f t="shared" si="522"/>
        <v>2.2432180362217307</v>
      </c>
      <c r="P2227" s="236" t="str">
        <f t="shared" si="523"/>
        <v>SAND</v>
      </c>
      <c r="Q2227" s="236" t="e">
        <f t="shared" si="519"/>
        <v>#N/A</v>
      </c>
      <c r="R2227" s="238">
        <v>35</v>
      </c>
      <c r="S2227" s="236" t="e">
        <f t="shared" si="524"/>
        <v>#N/A</v>
      </c>
      <c r="T2227" s="236">
        <f t="shared" si="510"/>
        <v>34.553714351200554</v>
      </c>
    </row>
    <row r="2228" spans="1:20" x14ac:dyDescent="0.2">
      <c r="A2228" s="53">
        <f t="shared" si="511"/>
        <v>2216</v>
      </c>
      <c r="B2228" s="239">
        <v>22.271000000000001</v>
      </c>
      <c r="C2228" s="3">
        <f t="shared" si="512"/>
        <v>22.263999999999999</v>
      </c>
      <c r="D2228" s="239">
        <v>7.3678999999999997</v>
      </c>
      <c r="E2228" s="239">
        <v>5.2999999999999999E-2</v>
      </c>
      <c r="F2228" s="239">
        <v>4.0399999999999998E-2</v>
      </c>
      <c r="G2228">
        <f t="shared" si="513"/>
        <v>7.3759799999999993</v>
      </c>
      <c r="H2228" s="235">
        <f t="shared" si="514"/>
        <v>0.71854858608618788</v>
      </c>
      <c r="I2228" s="236">
        <f t="shared" si="515"/>
        <v>18.68102565971493</v>
      </c>
      <c r="J2228" s="237">
        <f t="shared" si="520"/>
        <v>8.6810256597149298</v>
      </c>
      <c r="K2228" s="237">
        <f t="shared" si="516"/>
        <v>415.91435528789316</v>
      </c>
      <c r="L2228" s="237">
        <f t="shared" si="521"/>
        <v>193.33512246751121</v>
      </c>
      <c r="M2228" s="236">
        <f t="shared" si="517"/>
        <v>36.000006392432411</v>
      </c>
      <c r="N2228" s="236">
        <f t="shared" si="518"/>
        <v>0.76148707074719368</v>
      </c>
      <c r="O2228" s="236">
        <f t="shared" si="522"/>
        <v>2.2081436008432762</v>
      </c>
      <c r="P2228" s="236" t="str">
        <f t="shared" si="523"/>
        <v>SAND</v>
      </c>
      <c r="Q2228" s="236" t="e">
        <f t="shared" si="519"/>
        <v>#N/A</v>
      </c>
      <c r="R2228" s="238">
        <v>35</v>
      </c>
      <c r="S2228" s="236" t="e">
        <f t="shared" si="524"/>
        <v>#N/A</v>
      </c>
      <c r="T2228" s="236">
        <f t="shared" si="510"/>
        <v>34.719328356722841</v>
      </c>
    </row>
    <row r="2229" spans="1:20" x14ac:dyDescent="0.2">
      <c r="A2229" s="53">
        <f t="shared" si="511"/>
        <v>2217</v>
      </c>
      <c r="B2229" s="239">
        <v>22.28</v>
      </c>
      <c r="C2229" s="3">
        <f t="shared" si="512"/>
        <v>22.273</v>
      </c>
      <c r="D2229" s="239">
        <v>7.5787000000000004</v>
      </c>
      <c r="E2229" s="239">
        <v>5.2499999999999998E-2</v>
      </c>
      <c r="F2229" s="239">
        <v>3.8699999999999998E-2</v>
      </c>
      <c r="G2229">
        <f t="shared" si="513"/>
        <v>7.5864400000000005</v>
      </c>
      <c r="H2229" s="235">
        <f t="shared" si="514"/>
        <v>0.69202419052941821</v>
      </c>
      <c r="I2229" s="236">
        <f t="shared" si="515"/>
        <v>18.68090739824147</v>
      </c>
      <c r="J2229" s="237">
        <f t="shared" si="520"/>
        <v>8.6809073982414695</v>
      </c>
      <c r="K2229" s="237">
        <f t="shared" si="516"/>
        <v>416.07985048103222</v>
      </c>
      <c r="L2229" s="237">
        <f t="shared" si="521"/>
        <v>193.41061683281995</v>
      </c>
      <c r="M2229" s="236">
        <f t="shared" si="517"/>
        <v>37.07324999494147</v>
      </c>
      <c r="N2229" s="236">
        <f t="shared" si="518"/>
        <v>0.73218079573760353</v>
      </c>
      <c r="O2229" s="236">
        <f t="shared" si="522"/>
        <v>2.1885993934428396</v>
      </c>
      <c r="P2229" s="236" t="str">
        <f t="shared" si="523"/>
        <v>SAND</v>
      </c>
      <c r="Q2229" s="236" t="e">
        <f t="shared" si="519"/>
        <v>#N/A</v>
      </c>
      <c r="R2229" s="238">
        <v>35</v>
      </c>
      <c r="S2229" s="236" t="e">
        <f t="shared" si="524"/>
        <v>#N/A</v>
      </c>
      <c r="T2229" s="236">
        <f t="shared" si="510"/>
        <v>34.859667257304579</v>
      </c>
    </row>
    <row r="2230" spans="1:20" x14ac:dyDescent="0.2">
      <c r="A2230" s="53">
        <f t="shared" si="511"/>
        <v>2218</v>
      </c>
      <c r="B2230" s="239">
        <v>22.29</v>
      </c>
      <c r="C2230" s="3">
        <f t="shared" si="512"/>
        <v>22.282999999999998</v>
      </c>
      <c r="D2230" s="239">
        <v>7.8921000000000001</v>
      </c>
      <c r="E2230" s="239">
        <v>5.3900000000000003E-2</v>
      </c>
      <c r="F2230" s="239">
        <v>4.6699999999999998E-2</v>
      </c>
      <c r="G2230">
        <f t="shared" si="513"/>
        <v>7.90144</v>
      </c>
      <c r="H2230" s="235">
        <f t="shared" si="514"/>
        <v>0.68215413899238631</v>
      </c>
      <c r="I2230" s="236">
        <f t="shared" si="515"/>
        <v>18.727668342340159</v>
      </c>
      <c r="J2230" s="237">
        <f t="shared" si="520"/>
        <v>8.7276683423401593</v>
      </c>
      <c r="K2230" s="237">
        <f t="shared" si="516"/>
        <v>417.30863367236572</v>
      </c>
      <c r="L2230" s="237">
        <f t="shared" si="521"/>
        <v>194.53972735076215</v>
      </c>
      <c r="M2230" s="236">
        <f t="shared" si="517"/>
        <v>38.470966667047264</v>
      </c>
      <c r="N2230" s="236">
        <f t="shared" si="518"/>
        <v>0.72019045847464902</v>
      </c>
      <c r="O2230" s="236">
        <f t="shared" si="522"/>
        <v>2.1710863766683994</v>
      </c>
      <c r="P2230" s="236" t="str">
        <f t="shared" si="523"/>
        <v>SAND</v>
      </c>
      <c r="Q2230" s="236" t="e">
        <f t="shared" si="519"/>
        <v>#N/A</v>
      </c>
      <c r="R2230" s="238">
        <v>35</v>
      </c>
      <c r="S2230" s="236" t="e">
        <f t="shared" si="524"/>
        <v>#N/A</v>
      </c>
      <c r="T2230" s="236">
        <f t="shared" si="510"/>
        <v>35.036464089452693</v>
      </c>
    </row>
    <row r="2231" spans="1:20" x14ac:dyDescent="0.2">
      <c r="A2231" s="53">
        <f t="shared" si="511"/>
        <v>2219</v>
      </c>
      <c r="B2231" s="239">
        <v>22.298999999999999</v>
      </c>
      <c r="C2231" s="3">
        <f t="shared" si="512"/>
        <v>22.291999999999998</v>
      </c>
      <c r="D2231" s="239">
        <v>8.2673000000000005</v>
      </c>
      <c r="E2231" s="239">
        <v>5.6099999999999997E-2</v>
      </c>
      <c r="F2231" s="239">
        <v>4.0599999999999997E-2</v>
      </c>
      <c r="G2231">
        <f t="shared" si="513"/>
        <v>8.2754200000000004</v>
      </c>
      <c r="H2231" s="235">
        <f t="shared" si="514"/>
        <v>0.67791121175722791</v>
      </c>
      <c r="I2231" s="236">
        <f t="shared" si="515"/>
        <v>18.792653819940636</v>
      </c>
      <c r="J2231" s="237">
        <f t="shared" si="520"/>
        <v>8.7926538199406359</v>
      </c>
      <c r="K2231" s="237">
        <f t="shared" si="516"/>
        <v>418.92583895411661</v>
      </c>
      <c r="L2231" s="237">
        <f t="shared" si="521"/>
        <v>196.06738753085622</v>
      </c>
      <c r="M2231" s="236">
        <f t="shared" si="517"/>
        <v>40.07037712893208</v>
      </c>
      <c r="N2231" s="236">
        <f t="shared" si="518"/>
        <v>0.71405895365079441</v>
      </c>
      <c r="O2231" s="236">
        <f t="shared" si="522"/>
        <v>2.1538925681907504</v>
      </c>
      <c r="P2231" s="236" t="str">
        <f t="shared" si="523"/>
        <v>SAND</v>
      </c>
      <c r="Q2231" s="236" t="e">
        <f t="shared" si="519"/>
        <v>#N/A</v>
      </c>
      <c r="R2231" s="238">
        <v>35</v>
      </c>
      <c r="S2231" s="236" t="e">
        <f t="shared" si="524"/>
        <v>#N/A</v>
      </c>
      <c r="T2231" s="236">
        <f t="shared" si="510"/>
        <v>35.231057728743167</v>
      </c>
    </row>
    <row r="2232" spans="1:20" x14ac:dyDescent="0.2">
      <c r="A2232" s="53">
        <f t="shared" si="511"/>
        <v>2220</v>
      </c>
      <c r="B2232" s="239">
        <v>22.309000000000001</v>
      </c>
      <c r="C2232" s="3">
        <f t="shared" si="512"/>
        <v>22.302</v>
      </c>
      <c r="D2232" s="239">
        <v>8.5968</v>
      </c>
      <c r="E2232" s="239">
        <v>5.57E-2</v>
      </c>
      <c r="F2232" s="239">
        <v>3.32E-2</v>
      </c>
      <c r="G2232">
        <f t="shared" si="513"/>
        <v>8.6034400000000009</v>
      </c>
      <c r="H2232" s="235">
        <f t="shared" si="514"/>
        <v>0.6474154524236817</v>
      </c>
      <c r="I2232" s="236">
        <f t="shared" si="515"/>
        <v>18.799457002223384</v>
      </c>
      <c r="J2232" s="237">
        <f t="shared" si="520"/>
        <v>8.7994570022233844</v>
      </c>
      <c r="K2232" s="237">
        <f t="shared" si="516"/>
        <v>419.2654900635859</v>
      </c>
      <c r="L2232" s="237">
        <f t="shared" si="521"/>
        <v>196.3070862626015</v>
      </c>
      <c r="M2232" s="236">
        <f t="shared" si="517"/>
        <v>41.69067284197974</v>
      </c>
      <c r="N2232" s="236">
        <f t="shared" si="518"/>
        <v>0.68058177318157842</v>
      </c>
      <c r="O2232" s="236">
        <f t="shared" si="522"/>
        <v>2.1285941396721189</v>
      </c>
      <c r="P2232" s="236" t="str">
        <f t="shared" si="523"/>
        <v>SAND</v>
      </c>
      <c r="Q2232" s="236" t="e">
        <f t="shared" si="519"/>
        <v>#N/A</v>
      </c>
      <c r="R2232" s="238">
        <v>35</v>
      </c>
      <c r="S2232" s="236" t="e">
        <f t="shared" si="524"/>
        <v>#N/A</v>
      </c>
      <c r="T2232" s="236">
        <f t="shared" si="510"/>
        <v>35.420427946442302</v>
      </c>
    </row>
    <row r="2233" spans="1:20" x14ac:dyDescent="0.2">
      <c r="A2233" s="53">
        <f t="shared" si="511"/>
        <v>2221</v>
      </c>
      <c r="B2233" s="239">
        <v>22.32</v>
      </c>
      <c r="C2233" s="3">
        <f t="shared" si="512"/>
        <v>22.312999999999999</v>
      </c>
      <c r="D2233" s="239">
        <v>8.7944999999999993</v>
      </c>
      <c r="E2233" s="239">
        <v>5.2499999999999998E-2</v>
      </c>
      <c r="F2233" s="239">
        <v>2.6700000000000002E-2</v>
      </c>
      <c r="G2233">
        <f t="shared" si="513"/>
        <v>8.7998399999999997</v>
      </c>
      <c r="H2233" s="235">
        <f t="shared" si="514"/>
        <v>0.59660175639557078</v>
      </c>
      <c r="I2233" s="236">
        <f t="shared" si="515"/>
        <v>18.738900471812137</v>
      </c>
      <c r="J2233" s="237">
        <f t="shared" si="520"/>
        <v>8.738900471812137</v>
      </c>
      <c r="K2233" s="237">
        <f t="shared" si="516"/>
        <v>418.1210862275442</v>
      </c>
      <c r="L2233" s="237">
        <f t="shared" si="521"/>
        <v>195.0522585308469</v>
      </c>
      <c r="M2233" s="236">
        <f t="shared" si="517"/>
        <v>42.971657836235273</v>
      </c>
      <c r="N2233" s="236">
        <f t="shared" si="518"/>
        <v>0.626363166554469</v>
      </c>
      <c r="O2233" s="236">
        <f t="shared" si="522"/>
        <v>2.0994845815437455</v>
      </c>
      <c r="P2233" s="236" t="str">
        <f t="shared" si="523"/>
        <v>SAND</v>
      </c>
      <c r="Q2233" s="236" t="e">
        <f t="shared" si="519"/>
        <v>#N/A</v>
      </c>
      <c r="R2233" s="238">
        <v>35</v>
      </c>
      <c r="S2233" s="236" t="e">
        <f t="shared" si="524"/>
        <v>#N/A</v>
      </c>
      <c r="T2233" s="236">
        <f t="shared" si="510"/>
        <v>35.56500319882273</v>
      </c>
    </row>
    <row r="2234" spans="1:20" x14ac:dyDescent="0.2">
      <c r="A2234" s="53">
        <f t="shared" si="511"/>
        <v>2222</v>
      </c>
      <c r="B2234" s="239">
        <v>22.329000000000001</v>
      </c>
      <c r="C2234" s="3">
        <f t="shared" si="512"/>
        <v>22.321999999999999</v>
      </c>
      <c r="D2234" s="239">
        <v>9.0055999999999994</v>
      </c>
      <c r="E2234" s="239">
        <v>4.9200000000000001E-2</v>
      </c>
      <c r="F2234" s="239">
        <v>2.4799999999999999E-2</v>
      </c>
      <c r="G2234">
        <f t="shared" si="513"/>
        <v>9.0105599999999999</v>
      </c>
      <c r="H2234" s="235">
        <f t="shared" si="514"/>
        <v>0.54602599616450032</v>
      </c>
      <c r="I2234" s="236">
        <f t="shared" si="515"/>
        <v>18.672025436478798</v>
      </c>
      <c r="J2234" s="237">
        <f t="shared" si="520"/>
        <v>8.6720254364787976</v>
      </c>
      <c r="K2234" s="237">
        <f t="shared" si="516"/>
        <v>416.7969517930797</v>
      </c>
      <c r="L2234" s="237">
        <f t="shared" si="521"/>
        <v>193.63765597113508</v>
      </c>
      <c r="M2234" s="236">
        <f t="shared" si="517"/>
        <v>44.380639732015574</v>
      </c>
      <c r="N2234" s="236">
        <f t="shared" si="518"/>
        <v>0.57250822164878667</v>
      </c>
      <c r="O2234" s="236">
        <f t="shared" si="522"/>
        <v>2.0684971432832056</v>
      </c>
      <c r="P2234" s="236" t="str">
        <f t="shared" si="523"/>
        <v>SAND</v>
      </c>
      <c r="Q2234" s="236" t="e">
        <f t="shared" si="519"/>
        <v>#N/A</v>
      </c>
      <c r="R2234" s="238">
        <v>35</v>
      </c>
      <c r="S2234" s="236" t="e">
        <f t="shared" si="524"/>
        <v>#N/A</v>
      </c>
      <c r="T2234" s="236">
        <f t="shared" si="510"/>
        <v>35.719129139652196</v>
      </c>
    </row>
    <row r="2235" spans="1:20" x14ac:dyDescent="0.2">
      <c r="A2235" s="53">
        <f t="shared" si="511"/>
        <v>2223</v>
      </c>
      <c r="B2235" s="239">
        <v>22.338999999999999</v>
      </c>
      <c r="C2235" s="3">
        <f t="shared" si="512"/>
        <v>22.331999999999997</v>
      </c>
      <c r="D2235" s="239">
        <v>9.2764000000000006</v>
      </c>
      <c r="E2235" s="239">
        <v>5.0999999999999997E-2</v>
      </c>
      <c r="F2235" s="239">
        <v>3.0000000000000001E-3</v>
      </c>
      <c r="G2235">
        <f t="shared" si="513"/>
        <v>9.277000000000001</v>
      </c>
      <c r="H2235" s="235">
        <f t="shared" si="514"/>
        <v>0.54974668535086768</v>
      </c>
      <c r="I2235" s="236">
        <f t="shared" si="515"/>
        <v>18.725549330784638</v>
      </c>
      <c r="J2235" s="237">
        <f t="shared" si="520"/>
        <v>8.7255493307846379</v>
      </c>
      <c r="K2235" s="237">
        <f t="shared" si="516"/>
        <v>418.17896765508249</v>
      </c>
      <c r="L2235" s="237">
        <f t="shared" si="521"/>
        <v>194.920046500398</v>
      </c>
      <c r="M2235" s="236">
        <f t="shared" si="517"/>
        <v>45.448486142890552</v>
      </c>
      <c r="N2235" s="236">
        <f t="shared" si="518"/>
        <v>0.57569737342916338</v>
      </c>
      <c r="O2235" s="236">
        <f t="shared" si="522"/>
        <v>2.0605500747084959</v>
      </c>
      <c r="P2235" s="236" t="str">
        <f t="shared" si="523"/>
        <v>SAND</v>
      </c>
      <c r="Q2235" s="236" t="e">
        <f t="shared" si="519"/>
        <v>#N/A</v>
      </c>
      <c r="R2235" s="238">
        <v>35</v>
      </c>
      <c r="S2235" s="236" t="e">
        <f t="shared" si="524"/>
        <v>#N/A</v>
      </c>
      <c r="T2235" s="236">
        <f t="shared" si="510"/>
        <v>35.832713639306711</v>
      </c>
    </row>
    <row r="2236" spans="1:20" x14ac:dyDescent="0.2">
      <c r="A2236" s="53">
        <f t="shared" si="511"/>
        <v>2224</v>
      </c>
      <c r="B2236" s="239">
        <v>22.349</v>
      </c>
      <c r="C2236" s="3">
        <f t="shared" si="512"/>
        <v>22.341999999999999</v>
      </c>
      <c r="D2236" s="239">
        <v>9.4643999999999995</v>
      </c>
      <c r="E2236" s="239">
        <v>5.2299999999999999E-2</v>
      </c>
      <c r="F2236" s="239">
        <v>-9.2999999999999992E-3</v>
      </c>
      <c r="G2236">
        <f t="shared" si="513"/>
        <v>9.4625399999999988</v>
      </c>
      <c r="H2236" s="235">
        <f t="shared" si="514"/>
        <v>0.55270572171953836</v>
      </c>
      <c r="I2236" s="236">
        <f t="shared" si="515"/>
        <v>18.762804569847582</v>
      </c>
      <c r="J2236" s="237">
        <f t="shared" si="520"/>
        <v>8.7628045698475816</v>
      </c>
      <c r="K2236" s="237">
        <f t="shared" si="516"/>
        <v>419.19857969953466</v>
      </c>
      <c r="L2236" s="237">
        <f t="shared" si="521"/>
        <v>195.83991933152359</v>
      </c>
      <c r="M2236" s="236">
        <f t="shared" si="517"/>
        <v>46.177211730728047</v>
      </c>
      <c r="N2236" s="236">
        <f t="shared" si="518"/>
        <v>0.57832605858048358</v>
      </c>
      <c r="O2236" s="236">
        <f t="shared" si="522"/>
        <v>2.0554207945860217</v>
      </c>
      <c r="P2236" s="236" t="str">
        <f t="shared" si="523"/>
        <v>SAND</v>
      </c>
      <c r="Q2236" s="236" t="e">
        <f t="shared" si="519"/>
        <v>#N/A</v>
      </c>
      <c r="R2236" s="238">
        <v>35</v>
      </c>
      <c r="S2236" s="236" t="e">
        <f t="shared" si="524"/>
        <v>#N/A</v>
      </c>
      <c r="T2236" s="236">
        <f t="shared" si="510"/>
        <v>35.908704764161243</v>
      </c>
    </row>
    <row r="2237" spans="1:20" x14ac:dyDescent="0.2">
      <c r="A2237" s="53">
        <f t="shared" si="511"/>
        <v>2225</v>
      </c>
      <c r="B2237" s="239">
        <v>22.358000000000001</v>
      </c>
      <c r="C2237" s="3">
        <f t="shared" si="512"/>
        <v>22.350999999999999</v>
      </c>
      <c r="D2237" s="239">
        <v>9.6521000000000008</v>
      </c>
      <c r="E2237" s="239">
        <v>5.4100000000000002E-2</v>
      </c>
      <c r="F2237" s="239">
        <v>-8.0000000000000002E-3</v>
      </c>
      <c r="G2237">
        <f t="shared" si="513"/>
        <v>9.650500000000001</v>
      </c>
      <c r="H2237" s="235">
        <f t="shared" si="514"/>
        <v>0.56059271540334688</v>
      </c>
      <c r="I2237" s="236">
        <f t="shared" si="515"/>
        <v>18.810170503729275</v>
      </c>
      <c r="J2237" s="237">
        <f t="shared" si="520"/>
        <v>8.8101705037292746</v>
      </c>
      <c r="K2237" s="237">
        <f t="shared" si="516"/>
        <v>420.42612092885298</v>
      </c>
      <c r="L2237" s="237">
        <f t="shared" si="521"/>
        <v>196.97779212237913</v>
      </c>
      <c r="M2237" s="236">
        <f t="shared" si="517"/>
        <v>46.858449267908604</v>
      </c>
      <c r="N2237" s="236">
        <f t="shared" si="518"/>
        <v>0.58612748618047084</v>
      </c>
      <c r="O2237" s="236">
        <f t="shared" si="522"/>
        <v>2.052630630061191</v>
      </c>
      <c r="P2237" s="236" t="str">
        <f t="shared" si="523"/>
        <v>SAND</v>
      </c>
      <c r="Q2237" s="236" t="e">
        <f t="shared" si="519"/>
        <v>#N/A</v>
      </c>
      <c r="R2237" s="238">
        <v>35</v>
      </c>
      <c r="S2237" s="236" t="e">
        <f t="shared" si="524"/>
        <v>#N/A</v>
      </c>
      <c r="T2237" s="236">
        <f t="shared" si="510"/>
        <v>35.978667031674597</v>
      </c>
    </row>
    <row r="2238" spans="1:20" x14ac:dyDescent="0.2">
      <c r="A2238" s="53">
        <f t="shared" si="511"/>
        <v>2226</v>
      </c>
      <c r="B2238" s="239">
        <v>22.369</v>
      </c>
      <c r="C2238" s="3">
        <f t="shared" si="512"/>
        <v>22.361999999999998</v>
      </c>
      <c r="D2238" s="239">
        <v>9.8340999999999994</v>
      </c>
      <c r="E2238" s="239">
        <v>5.91E-2</v>
      </c>
      <c r="F2238" s="239">
        <v>-3.3E-3</v>
      </c>
      <c r="G2238">
        <f t="shared" si="513"/>
        <v>9.8334399999999995</v>
      </c>
      <c r="H2238" s="235">
        <f t="shared" si="514"/>
        <v>0.60101042971737262</v>
      </c>
      <c r="I2238" s="236">
        <f t="shared" si="515"/>
        <v>18.921164177763423</v>
      </c>
      <c r="J2238" s="237">
        <f t="shared" si="520"/>
        <v>8.9211641777634227</v>
      </c>
      <c r="K2238" s="237">
        <f t="shared" si="516"/>
        <v>423.11507334314564</v>
      </c>
      <c r="L2238" s="237">
        <f t="shared" si="521"/>
        <v>199.55752149239001</v>
      </c>
      <c r="M2238" s="236">
        <f t="shared" si="517"/>
        <v>47.155952109856749</v>
      </c>
      <c r="N2238" s="236">
        <f t="shared" si="518"/>
        <v>0.62803357440491792</v>
      </c>
      <c r="O2238" s="236">
        <f t="shared" si="522"/>
        <v>2.0648414342709267</v>
      </c>
      <c r="P2238" s="236" t="str">
        <f t="shared" si="523"/>
        <v>SAND</v>
      </c>
      <c r="Q2238" s="236" t="e">
        <f t="shared" si="519"/>
        <v>#N/A</v>
      </c>
      <c r="R2238" s="238">
        <v>35</v>
      </c>
      <c r="S2238" s="236" t="e">
        <f t="shared" si="524"/>
        <v>#N/A</v>
      </c>
      <c r="T2238" s="236">
        <f t="shared" si="510"/>
        <v>36.008901697679967</v>
      </c>
    </row>
    <row r="2239" spans="1:20" x14ac:dyDescent="0.2">
      <c r="A2239" s="53">
        <f t="shared" si="511"/>
        <v>2227</v>
      </c>
      <c r="B2239" s="239">
        <v>22.378</v>
      </c>
      <c r="C2239" s="3">
        <f t="shared" si="512"/>
        <v>22.370999999999999</v>
      </c>
      <c r="D2239" s="239">
        <v>9.9483999999999995</v>
      </c>
      <c r="E2239" s="239">
        <v>6.2E-2</v>
      </c>
      <c r="F2239" s="239">
        <v>-2.3999999999999998E-3</v>
      </c>
      <c r="G2239">
        <f t="shared" si="513"/>
        <v>9.9479199999999999</v>
      </c>
      <c r="H2239" s="235">
        <f t="shared" si="514"/>
        <v>0.62324586446211871</v>
      </c>
      <c r="I2239" s="236">
        <f t="shared" si="515"/>
        <v>18.981859671687992</v>
      </c>
      <c r="J2239" s="237">
        <f t="shared" si="520"/>
        <v>8.9818596716879924</v>
      </c>
      <c r="K2239" s="237">
        <f t="shared" si="516"/>
        <v>424.64318271533205</v>
      </c>
      <c r="L2239" s="237">
        <f t="shared" si="521"/>
        <v>200.9960557330339</v>
      </c>
      <c r="M2239" s="236">
        <f t="shared" si="517"/>
        <v>47.380416409432598</v>
      </c>
      <c r="N2239" s="236">
        <f t="shared" si="518"/>
        <v>0.65103641519136057</v>
      </c>
      <c r="O2239" s="236">
        <f t="shared" si="522"/>
        <v>2.0708006376455317</v>
      </c>
      <c r="P2239" s="236" t="str">
        <f t="shared" si="523"/>
        <v>SAND</v>
      </c>
      <c r="Q2239" s="236" t="e">
        <f t="shared" si="519"/>
        <v>#N/A</v>
      </c>
      <c r="R2239" s="238">
        <v>35</v>
      </c>
      <c r="S2239" s="236" t="e">
        <f t="shared" si="524"/>
        <v>#N/A</v>
      </c>
      <c r="T2239" s="236">
        <f t="shared" si="510"/>
        <v>36.031587605876098</v>
      </c>
    </row>
    <row r="2240" spans="1:20" x14ac:dyDescent="0.2">
      <c r="A2240" s="53">
        <f t="shared" si="511"/>
        <v>2228</v>
      </c>
      <c r="B2240" s="239">
        <v>22.387</v>
      </c>
      <c r="C2240" s="3">
        <f t="shared" si="512"/>
        <v>22.38</v>
      </c>
      <c r="D2240" s="239">
        <v>10.0434</v>
      </c>
      <c r="E2240" s="239">
        <v>6.3E-2</v>
      </c>
      <c r="F2240" s="239">
        <v>5.7999999999999996E-3</v>
      </c>
      <c r="G2240">
        <f t="shared" si="513"/>
        <v>10.044560000000001</v>
      </c>
      <c r="H2240" s="235">
        <f t="shared" si="514"/>
        <v>0.62720517374578866</v>
      </c>
      <c r="I2240" s="236">
        <f t="shared" si="515"/>
        <v>19.004400363491104</v>
      </c>
      <c r="J2240" s="237">
        <f t="shared" si="520"/>
        <v>9.0044003634911043</v>
      </c>
      <c r="K2240" s="237">
        <f t="shared" si="516"/>
        <v>425.31848013493089</v>
      </c>
      <c r="L2240" s="237">
        <f t="shared" si="521"/>
        <v>201.58151093747534</v>
      </c>
      <c r="M2240" s="236">
        <f t="shared" si="517"/>
        <v>47.71886804067401</v>
      </c>
      <c r="N2240" s="236">
        <f t="shared" si="518"/>
        <v>0.6549372928197742</v>
      </c>
      <c r="O2240" s="236">
        <f t="shared" si="522"/>
        <v>2.0694204260762188</v>
      </c>
      <c r="P2240" s="236" t="str">
        <f t="shared" si="523"/>
        <v>SAND</v>
      </c>
      <c r="Q2240" s="236" t="e">
        <f t="shared" si="519"/>
        <v>#N/A</v>
      </c>
      <c r="R2240" s="238">
        <v>35</v>
      </c>
      <c r="S2240" s="236" t="e">
        <f t="shared" si="524"/>
        <v>#N/A</v>
      </c>
      <c r="T2240" s="236">
        <f t="shared" si="510"/>
        <v>36.065591463423985</v>
      </c>
    </row>
    <row r="2241" spans="1:20" x14ac:dyDescent="0.2">
      <c r="A2241" s="53">
        <f t="shared" si="511"/>
        <v>2229</v>
      </c>
      <c r="B2241" s="239">
        <v>22.398</v>
      </c>
      <c r="C2241" s="3">
        <f t="shared" si="512"/>
        <v>22.390999999999998</v>
      </c>
      <c r="D2241" s="239">
        <v>10.145899999999999</v>
      </c>
      <c r="E2241" s="239">
        <v>6.0499999999999998E-2</v>
      </c>
      <c r="F2241" s="239">
        <v>1.41E-2</v>
      </c>
      <c r="G2241">
        <f t="shared" si="513"/>
        <v>10.148719999999999</v>
      </c>
      <c r="H2241" s="235">
        <f t="shared" si="514"/>
        <v>0.59613429082682357</v>
      </c>
      <c r="I2241" s="236">
        <f t="shared" si="515"/>
        <v>18.960952709506167</v>
      </c>
      <c r="J2241" s="237">
        <f t="shared" si="520"/>
        <v>8.9609527095061665</v>
      </c>
      <c r="K2241" s="237">
        <f t="shared" si="516"/>
        <v>424.55469211855257</v>
      </c>
      <c r="L2241" s="237">
        <f t="shared" si="521"/>
        <v>200.70741878751912</v>
      </c>
      <c r="M2241" s="236">
        <f t="shared" si="517"/>
        <v>48.449456261385286</v>
      </c>
      <c r="N2241" s="236">
        <f t="shared" si="518"/>
        <v>0.62216136896567031</v>
      </c>
      <c r="O2241" s="236">
        <f t="shared" si="522"/>
        <v>2.0526064069011043</v>
      </c>
      <c r="P2241" s="236" t="str">
        <f t="shared" si="523"/>
        <v>SAND</v>
      </c>
      <c r="Q2241" s="236" t="e">
        <f t="shared" si="519"/>
        <v>#N/A</v>
      </c>
      <c r="R2241" s="238">
        <v>35</v>
      </c>
      <c r="S2241" s="236" t="e">
        <f t="shared" si="524"/>
        <v>#N/A</v>
      </c>
      <c r="T2241" s="236">
        <f t="shared" si="510"/>
        <v>36.13817798154863</v>
      </c>
    </row>
    <row r="2242" spans="1:20" x14ac:dyDescent="0.2">
      <c r="A2242" s="53">
        <f t="shared" si="511"/>
        <v>2230</v>
      </c>
      <c r="B2242" s="239">
        <v>22.407</v>
      </c>
      <c r="C2242" s="3">
        <f t="shared" si="512"/>
        <v>22.4</v>
      </c>
      <c r="D2242" s="239">
        <v>10.2464</v>
      </c>
      <c r="E2242" s="239">
        <v>5.8700000000000002E-2</v>
      </c>
      <c r="F2242" s="239">
        <v>2.0400000000000001E-2</v>
      </c>
      <c r="G2242">
        <f t="shared" si="513"/>
        <v>10.25048</v>
      </c>
      <c r="H2242" s="235">
        <f t="shared" si="514"/>
        <v>0.57265610976266479</v>
      </c>
      <c r="I2242" s="236">
        <f t="shared" si="515"/>
        <v>18.929435710098602</v>
      </c>
      <c r="J2242" s="237">
        <f t="shared" si="520"/>
        <v>8.9294357100986019</v>
      </c>
      <c r="K2242" s="237">
        <f t="shared" si="516"/>
        <v>424.01935990620865</v>
      </c>
      <c r="L2242" s="237">
        <f t="shared" si="521"/>
        <v>200.08186595617937</v>
      </c>
      <c r="M2242" s="236">
        <f t="shared" si="517"/>
        <v>49.112200114356781</v>
      </c>
      <c r="N2242" s="236">
        <f t="shared" si="518"/>
        <v>0.5973666628296771</v>
      </c>
      <c r="O2242" s="236">
        <f t="shared" si="522"/>
        <v>2.038789660858678</v>
      </c>
      <c r="P2242" s="236" t="str">
        <f t="shared" si="523"/>
        <v>SAND</v>
      </c>
      <c r="Q2242" s="236" t="e">
        <f t="shared" si="519"/>
        <v>#N/A</v>
      </c>
      <c r="R2242" s="238">
        <v>35</v>
      </c>
      <c r="S2242" s="236" t="e">
        <f t="shared" si="524"/>
        <v>#N/A</v>
      </c>
      <c r="T2242" s="236">
        <f t="shared" si="510"/>
        <v>36.20308328964731</v>
      </c>
    </row>
    <row r="2243" spans="1:20" x14ac:dyDescent="0.2">
      <c r="A2243" s="53">
        <f t="shared" si="511"/>
        <v>2231</v>
      </c>
      <c r="B2243" s="239">
        <v>22.416</v>
      </c>
      <c r="C2243" s="3">
        <f t="shared" si="512"/>
        <v>22.408999999999999</v>
      </c>
      <c r="D2243" s="239">
        <v>10.2934</v>
      </c>
      <c r="E2243" s="239">
        <v>5.8700000000000002E-2</v>
      </c>
      <c r="F2243" s="239">
        <v>2.1299999999999999E-2</v>
      </c>
      <c r="G2243">
        <f t="shared" si="513"/>
        <v>10.29766</v>
      </c>
      <c r="H2243" s="235">
        <f t="shared" si="514"/>
        <v>0.57003241513120462</v>
      </c>
      <c r="I2243" s="236">
        <f t="shared" si="515"/>
        <v>18.931230621433386</v>
      </c>
      <c r="J2243" s="237">
        <f t="shared" si="520"/>
        <v>8.9312306214333859</v>
      </c>
      <c r="K2243" s="237">
        <f t="shared" si="516"/>
        <v>424.22994699570074</v>
      </c>
      <c r="L2243" s="237">
        <f t="shared" si="521"/>
        <v>200.20246561005078</v>
      </c>
      <c r="M2243" s="236">
        <f t="shared" si="517"/>
        <v>49.317225054737897</v>
      </c>
      <c r="N2243" s="236">
        <f t="shared" si="518"/>
        <v>0.59452489848893697</v>
      </c>
      <c r="O2243" s="236">
        <f t="shared" si="522"/>
        <v>2.0361993873169122</v>
      </c>
      <c r="P2243" s="236" t="str">
        <f t="shared" si="523"/>
        <v>SAND</v>
      </c>
      <c r="Q2243" s="236" t="e">
        <f t="shared" si="519"/>
        <v>#N/A</v>
      </c>
      <c r="R2243" s="238">
        <v>35</v>
      </c>
      <c r="S2243" s="236" t="e">
        <f t="shared" si="524"/>
        <v>#N/A</v>
      </c>
      <c r="T2243" s="236">
        <f t="shared" si="510"/>
        <v>36.222984952543584</v>
      </c>
    </row>
    <row r="2244" spans="1:20" x14ac:dyDescent="0.2">
      <c r="A2244" s="53">
        <f t="shared" si="511"/>
        <v>2232</v>
      </c>
      <c r="B2244" s="239">
        <v>22.427</v>
      </c>
      <c r="C2244" s="3">
        <f t="shared" si="512"/>
        <v>22.419999999999998</v>
      </c>
      <c r="D2244" s="239">
        <v>10.3469</v>
      </c>
      <c r="E2244" s="239">
        <v>5.8000000000000003E-2</v>
      </c>
      <c r="F2244" s="239">
        <v>3.4700000000000002E-2</v>
      </c>
      <c r="G2244">
        <f t="shared" si="513"/>
        <v>10.35384</v>
      </c>
      <c r="H2244" s="235">
        <f t="shared" si="514"/>
        <v>0.56017863903633824</v>
      </c>
      <c r="I2244" s="236">
        <f t="shared" si="515"/>
        <v>18.919289941513302</v>
      </c>
      <c r="J2244" s="237">
        <f t="shared" si="520"/>
        <v>8.919289941513302</v>
      </c>
      <c r="K2244" s="237">
        <f t="shared" si="516"/>
        <v>424.17048048872817</v>
      </c>
      <c r="L2244" s="237">
        <f t="shared" si="521"/>
        <v>200.03291551831882</v>
      </c>
      <c r="M2244" s="236">
        <f t="shared" si="517"/>
        <v>49.64017793662525</v>
      </c>
      <c r="N2244" s="236">
        <f t="shared" si="518"/>
        <v>0.58410806005208016</v>
      </c>
      <c r="O2244" s="236">
        <f t="shared" si="522"/>
        <v>2.0299842871988178</v>
      </c>
      <c r="P2244" s="236" t="str">
        <f t="shared" si="523"/>
        <v>SAND</v>
      </c>
      <c r="Q2244" s="236" t="e">
        <f t="shared" si="519"/>
        <v>#N/A</v>
      </c>
      <c r="R2244" s="238">
        <v>35</v>
      </c>
      <c r="S2244" s="236" t="e">
        <f t="shared" si="524"/>
        <v>#N/A</v>
      </c>
      <c r="T2244" s="236">
        <f t="shared" si="510"/>
        <v>36.254166625274031</v>
      </c>
    </row>
    <row r="2245" spans="1:20" x14ac:dyDescent="0.2">
      <c r="A2245" s="53">
        <f t="shared" si="511"/>
        <v>2233</v>
      </c>
      <c r="B2245" s="239">
        <v>22.436</v>
      </c>
      <c r="C2245" s="3">
        <f t="shared" si="512"/>
        <v>22.428999999999998</v>
      </c>
      <c r="D2245" s="239">
        <v>10.3794</v>
      </c>
      <c r="E2245" s="239">
        <v>5.79E-2</v>
      </c>
      <c r="F2245" s="239">
        <v>4.3299999999999998E-2</v>
      </c>
      <c r="G2245">
        <f t="shared" si="513"/>
        <v>10.388060000000001</v>
      </c>
      <c r="H2245" s="235">
        <f t="shared" si="514"/>
        <v>0.55737067363877368</v>
      </c>
      <c r="I2245" s="236">
        <f t="shared" si="515"/>
        <v>18.918556180897077</v>
      </c>
      <c r="J2245" s="237">
        <f t="shared" si="520"/>
        <v>8.9185561808970775</v>
      </c>
      <c r="K2245" s="237">
        <f t="shared" si="516"/>
        <v>424.32429658134055</v>
      </c>
      <c r="L2245" s="237">
        <f t="shared" si="521"/>
        <v>200.09672647460684</v>
      </c>
      <c r="M2245" s="236">
        <f t="shared" si="517"/>
        <v>49.794596238350273</v>
      </c>
      <c r="N2245" s="236">
        <f t="shared" si="518"/>
        <v>0.5811073449101416</v>
      </c>
      <c r="O2245" s="236">
        <f t="shared" si="522"/>
        <v>2.0277187895629472</v>
      </c>
      <c r="P2245" s="236" t="str">
        <f t="shared" si="523"/>
        <v>SAND</v>
      </c>
      <c r="Q2245" s="236" t="e">
        <f t="shared" si="519"/>
        <v>#N/A</v>
      </c>
      <c r="R2245" s="238">
        <v>35</v>
      </c>
      <c r="S2245" s="236" t="e">
        <f t="shared" si="524"/>
        <v>#N/A</v>
      </c>
      <c r="T2245" s="236">
        <f t="shared" si="510"/>
        <v>36.269004367481109</v>
      </c>
    </row>
    <row r="2246" spans="1:20" x14ac:dyDescent="0.2">
      <c r="A2246" s="53">
        <f t="shared" si="511"/>
        <v>2234</v>
      </c>
      <c r="B2246" s="239">
        <v>22.445</v>
      </c>
      <c r="C2246" s="3">
        <f t="shared" si="512"/>
        <v>22.437999999999999</v>
      </c>
      <c r="D2246" s="239">
        <v>10.410399999999999</v>
      </c>
      <c r="E2246" s="239">
        <v>5.6899999999999999E-2</v>
      </c>
      <c r="F2246" s="239">
        <v>5.0299999999999997E-2</v>
      </c>
      <c r="G2246">
        <f t="shared" si="513"/>
        <v>10.420459999999999</v>
      </c>
      <c r="H2246" s="235">
        <f t="shared" si="514"/>
        <v>0.54604115365348571</v>
      </c>
      <c r="I2246" s="236">
        <f t="shared" si="515"/>
        <v>18.899344375413737</v>
      </c>
      <c r="J2246" s="237">
        <f t="shared" si="520"/>
        <v>8.8993443754137367</v>
      </c>
      <c r="K2246" s="237">
        <f t="shared" si="516"/>
        <v>424.06348909553338</v>
      </c>
      <c r="L2246" s="237">
        <f t="shared" si="521"/>
        <v>199.74578450616133</v>
      </c>
      <c r="M2246" s="236">
        <f t="shared" si="517"/>
        <v>50.045594381973643</v>
      </c>
      <c r="N2246" s="236">
        <f t="shared" si="518"/>
        <v>0.56920511244158056</v>
      </c>
      <c r="O2246" s="236">
        <f t="shared" si="522"/>
        <v>2.0214585091540527</v>
      </c>
      <c r="P2246" s="236" t="str">
        <f t="shared" si="523"/>
        <v>SAND</v>
      </c>
      <c r="Q2246" s="236" t="e">
        <f t="shared" si="519"/>
        <v>#N/A</v>
      </c>
      <c r="R2246" s="238">
        <v>35</v>
      </c>
      <c r="S2246" s="236" t="e">
        <f t="shared" si="524"/>
        <v>#N/A</v>
      </c>
      <c r="T2246" s="236">
        <f t="shared" si="510"/>
        <v>36.29302436814163</v>
      </c>
    </row>
    <row r="2247" spans="1:20" x14ac:dyDescent="0.2">
      <c r="A2247" s="53">
        <f t="shared" si="511"/>
        <v>2235</v>
      </c>
      <c r="B2247" s="239">
        <v>22.456</v>
      </c>
      <c r="C2247" s="3">
        <f t="shared" si="512"/>
        <v>22.448999999999998</v>
      </c>
      <c r="D2247" s="239">
        <v>10.4359</v>
      </c>
      <c r="E2247" s="239">
        <v>5.57E-2</v>
      </c>
      <c r="F2247" s="239">
        <v>5.8700000000000002E-2</v>
      </c>
      <c r="G2247">
        <f t="shared" si="513"/>
        <v>10.44764</v>
      </c>
      <c r="H2247" s="235">
        <f t="shared" si="514"/>
        <v>0.53313475579173863</v>
      </c>
      <c r="I2247" s="236">
        <f t="shared" si="515"/>
        <v>18.875368460872952</v>
      </c>
      <c r="J2247" s="237">
        <f t="shared" si="520"/>
        <v>8.8753684608729522</v>
      </c>
      <c r="K2247" s="237">
        <f t="shared" si="516"/>
        <v>423.73314657813688</v>
      </c>
      <c r="L2247" s="237">
        <f t="shared" si="521"/>
        <v>199.30527415736302</v>
      </c>
      <c r="M2247" s="236">
        <f t="shared" si="517"/>
        <v>50.294237800788999</v>
      </c>
      <c r="N2247" s="236">
        <f t="shared" si="518"/>
        <v>0.55567156413654906</v>
      </c>
      <c r="O2247" s="236">
        <f t="shared" si="522"/>
        <v>2.0145475606937895</v>
      </c>
      <c r="P2247" s="236" t="str">
        <f t="shared" si="523"/>
        <v>SAND</v>
      </c>
      <c r="Q2247" s="236" t="e">
        <f t="shared" si="519"/>
        <v>#N/A</v>
      </c>
      <c r="R2247" s="238">
        <v>35</v>
      </c>
      <c r="S2247" s="236" t="e">
        <f t="shared" si="524"/>
        <v>#N/A</v>
      </c>
      <c r="T2247" s="236">
        <f t="shared" si="510"/>
        <v>36.31670053976282</v>
      </c>
    </row>
    <row r="2248" spans="1:20" x14ac:dyDescent="0.2">
      <c r="A2248" s="53">
        <f t="shared" si="511"/>
        <v>2236</v>
      </c>
      <c r="B2248" s="239">
        <v>22.465</v>
      </c>
      <c r="C2248" s="3">
        <f t="shared" si="512"/>
        <v>22.457999999999998</v>
      </c>
      <c r="D2248" s="239">
        <v>10.459099999999999</v>
      </c>
      <c r="E2248" s="239">
        <v>5.6399999999999999E-2</v>
      </c>
      <c r="F2248" s="239">
        <v>7.2499999999999995E-2</v>
      </c>
      <c r="G2248">
        <f t="shared" si="513"/>
        <v>10.473599999999999</v>
      </c>
      <c r="H2248" s="235">
        <f t="shared" si="514"/>
        <v>0.53849679193400557</v>
      </c>
      <c r="I2248" s="236">
        <f t="shared" si="515"/>
        <v>18.890983020402629</v>
      </c>
      <c r="J2248" s="237">
        <f t="shared" si="520"/>
        <v>8.8909830204026292</v>
      </c>
      <c r="K2248" s="237">
        <f t="shared" si="516"/>
        <v>424.25369667220224</v>
      </c>
      <c r="L2248" s="237">
        <f t="shared" si="521"/>
        <v>199.73593355334506</v>
      </c>
      <c r="M2248" s="236">
        <f t="shared" si="517"/>
        <v>50.313161605664902</v>
      </c>
      <c r="N2248" s="236">
        <f t="shared" si="518"/>
        <v>0.56123053477939544</v>
      </c>
      <c r="O2248" s="236">
        <f t="shared" si="522"/>
        <v>2.0164783104150015</v>
      </c>
      <c r="P2248" s="236" t="str">
        <f t="shared" si="523"/>
        <v>SAND</v>
      </c>
      <c r="Q2248" s="236" t="e">
        <f t="shared" si="519"/>
        <v>#N/A</v>
      </c>
      <c r="R2248" s="238">
        <v>35</v>
      </c>
      <c r="S2248" s="236" t="e">
        <f t="shared" si="524"/>
        <v>#N/A</v>
      </c>
      <c r="T2248" s="236">
        <f t="shared" si="510"/>
        <v>36.318497694762868</v>
      </c>
    </row>
    <row r="2249" spans="1:20" x14ac:dyDescent="0.2">
      <c r="A2249" s="53">
        <f t="shared" si="511"/>
        <v>2237</v>
      </c>
      <c r="B2249" s="239">
        <v>22.474</v>
      </c>
      <c r="C2249" s="3">
        <f t="shared" si="512"/>
        <v>22.466999999999999</v>
      </c>
      <c r="D2249" s="239">
        <v>10.461600000000001</v>
      </c>
      <c r="E2249" s="239">
        <v>6.0499999999999998E-2</v>
      </c>
      <c r="F2249" s="239">
        <v>7.9100000000000004E-2</v>
      </c>
      <c r="G2249">
        <f t="shared" si="513"/>
        <v>10.47742</v>
      </c>
      <c r="H2249" s="235">
        <f t="shared" si="514"/>
        <v>0.57743223045368042</v>
      </c>
      <c r="I2249" s="236">
        <f t="shared" si="515"/>
        <v>18.973411484073573</v>
      </c>
      <c r="J2249" s="237">
        <f t="shared" si="520"/>
        <v>8.9734114840735728</v>
      </c>
      <c r="K2249" s="237">
        <f t="shared" si="516"/>
        <v>426.27563581268095</v>
      </c>
      <c r="L2249" s="237">
        <f t="shared" si="521"/>
        <v>201.66844969306948</v>
      </c>
      <c r="M2249" s="236">
        <f t="shared" si="517"/>
        <v>49.839944619422226</v>
      </c>
      <c r="N2249" s="236">
        <f t="shared" si="518"/>
        <v>0.60192151070443511</v>
      </c>
      <c r="O2249" s="236">
        <f t="shared" si="522"/>
        <v>2.0348369165370261</v>
      </c>
      <c r="P2249" s="236" t="str">
        <f t="shared" si="523"/>
        <v>SAND</v>
      </c>
      <c r="Q2249" s="236" t="e">
        <f t="shared" si="519"/>
        <v>#N/A</v>
      </c>
      <c r="R2249" s="238">
        <v>35</v>
      </c>
      <c r="S2249" s="236" t="e">
        <f t="shared" si="524"/>
        <v>#N/A</v>
      </c>
      <c r="T2249" s="236">
        <f t="shared" si="510"/>
        <v>36.273353061847246</v>
      </c>
    </row>
    <row r="2250" spans="1:20" x14ac:dyDescent="0.2">
      <c r="A2250" s="53">
        <f t="shared" si="511"/>
        <v>2238</v>
      </c>
      <c r="B2250" s="239">
        <v>22.484000000000002</v>
      </c>
      <c r="C2250" s="3">
        <f t="shared" si="512"/>
        <v>22.477</v>
      </c>
      <c r="D2250" s="239">
        <v>10.4255</v>
      </c>
      <c r="E2250" s="239">
        <v>6.7299999999999999E-2</v>
      </c>
      <c r="F2250" s="239">
        <v>8.5800000000000001E-2</v>
      </c>
      <c r="G2250">
        <f t="shared" si="513"/>
        <v>10.44266</v>
      </c>
      <c r="H2250" s="235">
        <f t="shared" si="514"/>
        <v>0.64447181082214688</v>
      </c>
      <c r="I2250" s="236">
        <f t="shared" si="515"/>
        <v>19.097013752119395</v>
      </c>
      <c r="J2250" s="237">
        <f t="shared" si="520"/>
        <v>9.0970137521193948</v>
      </c>
      <c r="K2250" s="237">
        <f t="shared" si="516"/>
        <v>429.24357810638764</v>
      </c>
      <c r="L2250" s="237">
        <f t="shared" si="521"/>
        <v>204.53725720265248</v>
      </c>
      <c r="M2250" s="236">
        <f t="shared" si="517"/>
        <v>48.956442258206621</v>
      </c>
      <c r="N2250" s="236">
        <f t="shared" si="518"/>
        <v>0.67209828458600207</v>
      </c>
      <c r="O2250" s="236">
        <f t="shared" si="522"/>
        <v>2.0654763168289358</v>
      </c>
      <c r="P2250" s="236" t="str">
        <f t="shared" si="523"/>
        <v>SAND</v>
      </c>
      <c r="Q2250" s="236" t="e">
        <f t="shared" si="519"/>
        <v>#N/A</v>
      </c>
      <c r="R2250" s="238">
        <v>35</v>
      </c>
      <c r="S2250" s="236" t="e">
        <f t="shared" si="524"/>
        <v>#N/A</v>
      </c>
      <c r="T2250" s="236">
        <f t="shared" si="510"/>
        <v>36.187908343619732</v>
      </c>
    </row>
    <row r="2251" spans="1:20" x14ac:dyDescent="0.2">
      <c r="A2251" s="53">
        <f t="shared" si="511"/>
        <v>2239</v>
      </c>
      <c r="B2251" s="239">
        <v>22.495000000000001</v>
      </c>
      <c r="C2251" s="3">
        <f t="shared" si="512"/>
        <v>22.488</v>
      </c>
      <c r="D2251" s="239">
        <v>10.3543</v>
      </c>
      <c r="E2251" s="239">
        <v>7.4099999999999999E-2</v>
      </c>
      <c r="F2251" s="239">
        <v>9.7100000000000006E-2</v>
      </c>
      <c r="G2251">
        <f t="shared" si="513"/>
        <v>10.37372</v>
      </c>
      <c r="H2251" s="235">
        <f t="shared" si="514"/>
        <v>0.7143049937727256</v>
      </c>
      <c r="I2251" s="236">
        <f t="shared" si="515"/>
        <v>19.207293285412582</v>
      </c>
      <c r="J2251" s="237">
        <f t="shared" si="520"/>
        <v>9.2072932854125824</v>
      </c>
      <c r="K2251" s="237">
        <f t="shared" si="516"/>
        <v>431.93361140235817</v>
      </c>
      <c r="L2251" s="237">
        <f t="shared" si="521"/>
        <v>207.11806245535604</v>
      </c>
      <c r="M2251" s="236">
        <f t="shared" si="517"/>
        <v>48.000576438091095</v>
      </c>
      <c r="N2251" s="236">
        <f t="shared" si="518"/>
        <v>0.74533888683211091</v>
      </c>
      <c r="O2251" s="236">
        <f t="shared" si="522"/>
        <v>2.0959188996892206</v>
      </c>
      <c r="P2251" s="236" t="str">
        <f t="shared" si="523"/>
        <v>SAND</v>
      </c>
      <c r="Q2251" s="236" t="e">
        <f t="shared" si="519"/>
        <v>#N/A</v>
      </c>
      <c r="R2251" s="238">
        <v>35</v>
      </c>
      <c r="S2251" s="236" t="e">
        <f t="shared" si="524"/>
        <v>#N/A</v>
      </c>
      <c r="T2251" s="236">
        <f t="shared" si="510"/>
        <v>36.093710981259967</v>
      </c>
    </row>
    <row r="2252" spans="1:20" x14ac:dyDescent="0.2">
      <c r="A2252" s="53">
        <f t="shared" si="511"/>
        <v>2240</v>
      </c>
      <c r="B2252" s="239">
        <v>22.504000000000001</v>
      </c>
      <c r="C2252" s="3">
        <f t="shared" si="512"/>
        <v>22.497</v>
      </c>
      <c r="D2252" s="239">
        <v>10.2525</v>
      </c>
      <c r="E2252" s="239">
        <v>8.2100000000000006E-2</v>
      </c>
      <c r="F2252" s="239">
        <v>0.1018</v>
      </c>
      <c r="G2252">
        <f t="shared" si="513"/>
        <v>10.27286</v>
      </c>
      <c r="H2252" s="235">
        <f t="shared" si="514"/>
        <v>0.79919321396378429</v>
      </c>
      <c r="I2252" s="236">
        <f t="shared" si="515"/>
        <v>19.323691811179621</v>
      </c>
      <c r="J2252" s="237">
        <f t="shared" si="520"/>
        <v>9.3236918111796214</v>
      </c>
      <c r="K2252" s="237">
        <f t="shared" si="516"/>
        <v>434.72509467610791</v>
      </c>
      <c r="L2252" s="237">
        <f t="shared" si="521"/>
        <v>209.8203605187862</v>
      </c>
      <c r="M2252" s="236">
        <f t="shared" si="517"/>
        <v>46.888370990302612</v>
      </c>
      <c r="N2252" s="236">
        <f t="shared" si="518"/>
        <v>0.83450776788567649</v>
      </c>
      <c r="O2252" s="236">
        <f t="shared" si="522"/>
        <v>2.1304999259617907</v>
      </c>
      <c r="P2252" s="236" t="str">
        <f t="shared" si="523"/>
        <v>SAND</v>
      </c>
      <c r="Q2252" s="236" t="e">
        <f t="shared" si="519"/>
        <v>#N/A</v>
      </c>
      <c r="R2252" s="238">
        <v>35</v>
      </c>
      <c r="S2252" s="236" t="e">
        <f t="shared" si="524"/>
        <v>#N/A</v>
      </c>
      <c r="T2252" s="236">
        <f t="shared" si="510"/>
        <v>35.981716590745137</v>
      </c>
    </row>
    <row r="2253" spans="1:20" x14ac:dyDescent="0.2">
      <c r="A2253" s="53">
        <f t="shared" si="511"/>
        <v>2241</v>
      </c>
      <c r="B2253" s="239">
        <v>22.513999999999999</v>
      </c>
      <c r="C2253" s="3">
        <f t="shared" si="512"/>
        <v>22.506999999999998</v>
      </c>
      <c r="D2253" s="239">
        <v>10.135</v>
      </c>
      <c r="E2253" s="239">
        <v>8.8200000000000001E-2</v>
      </c>
      <c r="F2253" s="239">
        <v>0.1111</v>
      </c>
      <c r="G2253">
        <f t="shared" si="513"/>
        <v>10.157220000000001</v>
      </c>
      <c r="H2253" s="235">
        <f t="shared" si="514"/>
        <v>0.86834783533289617</v>
      </c>
      <c r="I2253" s="236">
        <f t="shared" si="515"/>
        <v>19.403305607466276</v>
      </c>
      <c r="J2253" s="237">
        <f t="shared" si="520"/>
        <v>9.403305607466276</v>
      </c>
      <c r="K2253" s="237">
        <f t="shared" si="516"/>
        <v>436.71019930724344</v>
      </c>
      <c r="L2253" s="237">
        <f t="shared" si="521"/>
        <v>211.70602244649572</v>
      </c>
      <c r="M2253" s="236">
        <f t="shared" si="517"/>
        <v>45.915131219988858</v>
      </c>
      <c r="N2253" s="236">
        <f t="shared" si="518"/>
        <v>0.90735981762720097</v>
      </c>
      <c r="O2253" s="236">
        <f t="shared" si="522"/>
        <v>2.1578202826979478</v>
      </c>
      <c r="P2253" s="236" t="str">
        <f t="shared" si="523"/>
        <v>SAND</v>
      </c>
      <c r="Q2253" s="236" t="e">
        <f t="shared" si="519"/>
        <v>#N/A</v>
      </c>
      <c r="R2253" s="238">
        <v>35</v>
      </c>
      <c r="S2253" s="236" t="e">
        <f t="shared" si="524"/>
        <v>#N/A</v>
      </c>
      <c r="T2253" s="236">
        <f t="shared" ref="T2253:T2316" si="525">IF(P2253="SAND",17.6+(11*LOG(M2253)),#N/A)</f>
        <v>35.881514127984921</v>
      </c>
    </row>
    <row r="2254" spans="1:20" x14ac:dyDescent="0.2">
      <c r="A2254" s="53">
        <f t="shared" ref="A2254:A2317" si="526">$A2253+1</f>
        <v>2242</v>
      </c>
      <c r="B2254" s="239">
        <v>22.524000000000001</v>
      </c>
      <c r="C2254" s="3">
        <f t="shared" ref="C2254:C2317" si="527">MAX($B2254 - $B$13, 0.001)</f>
        <v>22.516999999999999</v>
      </c>
      <c r="D2254" s="239">
        <v>10.007400000000001</v>
      </c>
      <c r="E2254" s="239">
        <v>9.1399999999999995E-2</v>
      </c>
      <c r="F2254" s="239">
        <v>0.124</v>
      </c>
      <c r="G2254">
        <f t="shared" si="513"/>
        <v>10.032200000000001</v>
      </c>
      <c r="H2254" s="235">
        <f t="shared" si="514"/>
        <v>0.91106636630051208</v>
      </c>
      <c r="I2254" s="236">
        <f t="shared" si="515"/>
        <v>19.440254346289237</v>
      </c>
      <c r="J2254" s="237">
        <f t="shared" si="520"/>
        <v>9.4402543462892368</v>
      </c>
      <c r="K2254" s="237">
        <f t="shared" si="516"/>
        <v>437.73620711539473</v>
      </c>
      <c r="L2254" s="237">
        <f t="shared" si="521"/>
        <v>212.63228889581879</v>
      </c>
      <c r="M2254" s="236">
        <f t="shared" si="517"/>
        <v>45.122327576436447</v>
      </c>
      <c r="N2254" s="236">
        <f t="shared" si="518"/>
        <v>0.95263270541271483</v>
      </c>
      <c r="O2254" s="236">
        <f t="shared" si="522"/>
        <v>2.1757427631256445</v>
      </c>
      <c r="P2254" s="236" t="str">
        <f t="shared" si="523"/>
        <v>SAND</v>
      </c>
      <c r="Q2254" s="236" t="e">
        <f t="shared" si="519"/>
        <v>#N/A</v>
      </c>
      <c r="R2254" s="238">
        <v>35</v>
      </c>
      <c r="S2254" s="236" t="e">
        <f t="shared" si="524"/>
        <v>#N/A</v>
      </c>
      <c r="T2254" s="236">
        <f t="shared" si="525"/>
        <v>35.798306434744845</v>
      </c>
    </row>
    <row r="2255" spans="1:20" x14ac:dyDescent="0.2">
      <c r="A2255" s="53">
        <f t="shared" si="526"/>
        <v>2243</v>
      </c>
      <c r="B2255" s="239">
        <v>22.533000000000001</v>
      </c>
      <c r="C2255" s="3">
        <f t="shared" si="527"/>
        <v>22.526</v>
      </c>
      <c r="D2255" s="239">
        <v>9.8661999999999992</v>
      </c>
      <c r="E2255" s="239">
        <v>9.4200000000000006E-2</v>
      </c>
      <c r="F2255" s="239">
        <v>0.12989999999999999</v>
      </c>
      <c r="G2255">
        <f t="shared" ref="G2255:G2318" si="528">$D2255+($F2255*(1-$P$8))</f>
        <v>9.8921799999999998</v>
      </c>
      <c r="H2255" s="235">
        <f t="shared" ref="H2255:H2318" si="529">($E2255/$G2255)*100</f>
        <v>0.95226734653028977</v>
      </c>
      <c r="I2255" s="236">
        <f t="shared" ref="I2255:I2318" si="530">((0.27*(LOG($H2255)))+(0.36*(LOG(($G2255*1000)/101)))+1.236)*10</f>
        <v>19.47014330116324</v>
      </c>
      <c r="J2255" s="237">
        <f t="shared" si="520"/>
        <v>9.4701433011632403</v>
      </c>
      <c r="K2255" s="237">
        <f t="shared" ref="K2255:K2318" si="531">$I2255*$C2255</f>
        <v>438.58444800200317</v>
      </c>
      <c r="L2255" s="237">
        <f t="shared" si="521"/>
        <v>213.3907390051113</v>
      </c>
      <c r="M2255" s="236">
        <f t="shared" ref="M2255:M2318" si="532">(($G2255*1000)-$K2255)/$L2255</f>
        <v>44.301808016942843</v>
      </c>
      <c r="N2255" s="236">
        <f t="shared" ref="N2255:N2318" si="533">(($E2255*1000)/(($G2255*1000)-$K2255))*100</f>
        <v>0.996446267262735</v>
      </c>
      <c r="O2255" s="236">
        <f t="shared" si="522"/>
        <v>2.1931868580388474</v>
      </c>
      <c r="P2255" s="236" t="str">
        <f t="shared" si="523"/>
        <v>SAND</v>
      </c>
      <c r="Q2255" s="236" t="e">
        <f t="shared" ref="Q2255:Q2318" si="534">IF(P2255="CLAY",($G2255*1000 -$K2255)/$L$8,#N/A)</f>
        <v>#N/A</v>
      </c>
      <c r="R2255" s="238">
        <v>35</v>
      </c>
      <c r="S2255" s="236" t="e">
        <f t="shared" si="524"/>
        <v>#N/A</v>
      </c>
      <c r="T2255" s="236">
        <f t="shared" si="525"/>
        <v>35.710635958055192</v>
      </c>
    </row>
    <row r="2256" spans="1:20" x14ac:dyDescent="0.2">
      <c r="A2256" s="53">
        <f t="shared" si="526"/>
        <v>2244</v>
      </c>
      <c r="B2256" s="239">
        <v>22.542999999999999</v>
      </c>
      <c r="C2256" s="3">
        <f t="shared" si="527"/>
        <v>22.535999999999998</v>
      </c>
      <c r="D2256" s="239">
        <v>9.7175999999999991</v>
      </c>
      <c r="E2256" s="239">
        <v>9.7799999999999998E-2</v>
      </c>
      <c r="F2256" s="239">
        <v>0.13700000000000001</v>
      </c>
      <c r="G2256">
        <f t="shared" si="528"/>
        <v>9.7449999999999992</v>
      </c>
      <c r="H2256" s="235">
        <f t="shared" si="529"/>
        <v>1.003591585428425</v>
      </c>
      <c r="I2256" s="236">
        <f t="shared" si="530"/>
        <v>19.508261621417287</v>
      </c>
      <c r="J2256" s="237">
        <f t="shared" ref="J2256:J2319" si="535">$I2256-10</f>
        <v>9.5082616214172866</v>
      </c>
      <c r="K2256" s="237">
        <f t="shared" si="531"/>
        <v>439.63818390025995</v>
      </c>
      <c r="L2256" s="237">
        <f t="shared" ref="L2256:L2319" si="536">$J2256*$B2256</f>
        <v>214.34474173160987</v>
      </c>
      <c r="M2256" s="236">
        <f t="shared" si="532"/>
        <v>43.413063184686735</v>
      </c>
      <c r="N2256" s="236">
        <f t="shared" si="533"/>
        <v>1.0510069563419944</v>
      </c>
      <c r="O2256" s="236">
        <f t="shared" ref="O2256:O2319" si="537">((3.47-LOG($M2256))^2+(LOG($N2256)+1.22)^2)^0.5</f>
        <v>2.2134135017575947</v>
      </c>
      <c r="P2256" s="236" t="str">
        <f t="shared" ref="P2256:P2319" si="538">IF(O2256&lt;2.6,"SAND","CLAY")</f>
        <v>SAND</v>
      </c>
      <c r="Q2256" s="236" t="e">
        <f t="shared" si="534"/>
        <v>#N/A</v>
      </c>
      <c r="R2256" s="238">
        <v>35</v>
      </c>
      <c r="S2256" s="236" t="e">
        <f t="shared" ref="S2256:S2319" si="539">IF(P2256="SAND",#N/A,0.25*($M2256)^1.25)</f>
        <v>#N/A</v>
      </c>
      <c r="T2256" s="236">
        <f t="shared" si="525"/>
        <v>35.613824733605895</v>
      </c>
    </row>
    <row r="2257" spans="1:21" x14ac:dyDescent="0.2">
      <c r="A2257" s="53">
        <f t="shared" si="526"/>
        <v>2245</v>
      </c>
      <c r="B2257" s="239">
        <v>22.553000000000001</v>
      </c>
      <c r="C2257" s="3">
        <f t="shared" si="527"/>
        <v>22.545999999999999</v>
      </c>
      <c r="D2257" s="239">
        <v>9.5934000000000008</v>
      </c>
      <c r="E2257" s="239">
        <v>0.1016</v>
      </c>
      <c r="F2257" s="239">
        <v>0.1416</v>
      </c>
      <c r="G2257">
        <f t="shared" si="528"/>
        <v>9.6217200000000016</v>
      </c>
      <c r="H2257" s="235">
        <f t="shared" si="529"/>
        <v>1.0559442594463357</v>
      </c>
      <c r="I2257" s="236">
        <f t="shared" si="530"/>
        <v>19.547983508821854</v>
      </c>
      <c r="J2257" s="237">
        <f t="shared" si="535"/>
        <v>9.5479835088218543</v>
      </c>
      <c r="K2257" s="237">
        <f t="shared" si="531"/>
        <v>440.72883618989749</v>
      </c>
      <c r="L2257" s="237">
        <f t="shared" si="536"/>
        <v>215.3356720744593</v>
      </c>
      <c r="M2257" s="236">
        <f t="shared" si="532"/>
        <v>42.635718807590216</v>
      </c>
      <c r="N2257" s="236">
        <f t="shared" si="533"/>
        <v>1.1066343294228385</v>
      </c>
      <c r="O2257" s="236">
        <f t="shared" si="537"/>
        <v>2.2325186908466774</v>
      </c>
      <c r="P2257" s="236" t="str">
        <f t="shared" si="538"/>
        <v>SAND</v>
      </c>
      <c r="Q2257" s="236" t="e">
        <f t="shared" si="534"/>
        <v>#N/A</v>
      </c>
      <c r="R2257" s="238">
        <v>35</v>
      </c>
      <c r="S2257" s="236" t="e">
        <f t="shared" si="539"/>
        <v>#N/A</v>
      </c>
      <c r="T2257" s="236">
        <f t="shared" si="525"/>
        <v>35.52750948201416</v>
      </c>
    </row>
    <row r="2258" spans="1:21" x14ac:dyDescent="0.2">
      <c r="A2258" s="53">
        <f t="shared" si="526"/>
        <v>2246</v>
      </c>
      <c r="B2258" s="239">
        <v>22.562000000000001</v>
      </c>
      <c r="C2258" s="3">
        <f t="shared" si="527"/>
        <v>22.555</v>
      </c>
      <c r="D2258" s="239">
        <v>9.4863</v>
      </c>
      <c r="E2258" s="239">
        <v>0.1045</v>
      </c>
      <c r="F2258" s="239">
        <v>0.15010000000000001</v>
      </c>
      <c r="G2258">
        <f t="shared" si="528"/>
        <v>9.5163200000000003</v>
      </c>
      <c r="H2258" s="235">
        <f t="shared" si="529"/>
        <v>1.0981135565008322</v>
      </c>
      <c r="I2258" s="236">
        <f t="shared" si="530"/>
        <v>19.576679172240379</v>
      </c>
      <c r="J2258" s="237">
        <f t="shared" si="535"/>
        <v>9.5766791722403788</v>
      </c>
      <c r="K2258" s="237">
        <f t="shared" si="531"/>
        <v>441.55199872988175</v>
      </c>
      <c r="L2258" s="237">
        <f t="shared" si="536"/>
        <v>216.06903548408744</v>
      </c>
      <c r="M2258" s="236">
        <f t="shared" si="532"/>
        <v>41.999391448842914</v>
      </c>
      <c r="N2258" s="236">
        <f t="shared" si="533"/>
        <v>1.1515445902900661</v>
      </c>
      <c r="O2258" s="236">
        <f t="shared" si="537"/>
        <v>2.2477081238409826</v>
      </c>
      <c r="P2258" s="236" t="str">
        <f t="shared" si="538"/>
        <v>SAND</v>
      </c>
      <c r="Q2258" s="236" t="e">
        <f t="shared" si="534"/>
        <v>#N/A</v>
      </c>
      <c r="R2258" s="238">
        <v>35</v>
      </c>
      <c r="S2258" s="236" t="e">
        <f t="shared" si="539"/>
        <v>#N/A</v>
      </c>
      <c r="T2258" s="236">
        <f t="shared" si="525"/>
        <v>35.455672974958667</v>
      </c>
    </row>
    <row r="2259" spans="1:21" x14ac:dyDescent="0.2">
      <c r="A2259" s="53">
        <f t="shared" si="526"/>
        <v>2247</v>
      </c>
      <c r="B2259" s="239">
        <v>22.571999999999999</v>
      </c>
      <c r="C2259" s="3">
        <f t="shared" si="527"/>
        <v>22.564999999999998</v>
      </c>
      <c r="D2259" s="239">
        <v>9.4085999999999999</v>
      </c>
      <c r="E2259" s="239">
        <v>0.1069</v>
      </c>
      <c r="F2259" s="239">
        <v>0.15659999999999999</v>
      </c>
      <c r="G2259">
        <f t="shared" si="528"/>
        <v>9.439919999999999</v>
      </c>
      <c r="H2259" s="235">
        <f t="shared" si="529"/>
        <v>1.1324248510580599</v>
      </c>
      <c r="I2259" s="236">
        <f t="shared" si="530"/>
        <v>19.60015434088487</v>
      </c>
      <c r="J2259" s="237">
        <f t="shared" si="535"/>
        <v>9.6001543408848704</v>
      </c>
      <c r="K2259" s="237">
        <f t="shared" si="531"/>
        <v>442.27748270206706</v>
      </c>
      <c r="L2259" s="237">
        <f t="shared" si="536"/>
        <v>216.6946837824533</v>
      </c>
      <c r="M2259" s="236">
        <f t="shared" si="532"/>
        <v>41.522211621633282</v>
      </c>
      <c r="N2259" s="236">
        <f t="shared" si="533"/>
        <v>1.1880889888044028</v>
      </c>
      <c r="O2259" s="236">
        <f t="shared" si="537"/>
        <v>2.2595351396300773</v>
      </c>
      <c r="P2259" s="236" t="str">
        <f t="shared" si="538"/>
        <v>SAND</v>
      </c>
      <c r="Q2259" s="236" t="e">
        <f t="shared" si="534"/>
        <v>#N/A</v>
      </c>
      <c r="R2259" s="238">
        <v>35</v>
      </c>
      <c r="S2259" s="236" t="e">
        <f t="shared" si="539"/>
        <v>#N/A</v>
      </c>
      <c r="T2259" s="236">
        <f t="shared" si="525"/>
        <v>35.401085252888052</v>
      </c>
    </row>
    <row r="2260" spans="1:21" x14ac:dyDescent="0.2">
      <c r="A2260" s="53">
        <f t="shared" si="526"/>
        <v>2248</v>
      </c>
      <c r="B2260" s="239">
        <v>22.581</v>
      </c>
      <c r="C2260" s="3">
        <f t="shared" si="527"/>
        <v>22.573999999999998</v>
      </c>
      <c r="D2260" s="239">
        <v>9.3600999999999992</v>
      </c>
      <c r="E2260" s="239">
        <v>0.1079</v>
      </c>
      <c r="F2260" s="239">
        <v>0.16600000000000001</v>
      </c>
      <c r="G2260">
        <f t="shared" si="528"/>
        <v>9.3933</v>
      </c>
      <c r="H2260" s="235">
        <f t="shared" si="529"/>
        <v>1.1486910883289152</v>
      </c>
      <c r="I2260" s="236">
        <f t="shared" si="530"/>
        <v>19.609137328642262</v>
      </c>
      <c r="J2260" s="237">
        <f t="shared" si="535"/>
        <v>9.6091373286422623</v>
      </c>
      <c r="K2260" s="237">
        <f t="shared" si="531"/>
        <v>442.6566660567704</v>
      </c>
      <c r="L2260" s="237">
        <f t="shared" si="536"/>
        <v>216.98393001807091</v>
      </c>
      <c r="M2260" s="236">
        <f t="shared" si="532"/>
        <v>41.250259100744465</v>
      </c>
      <c r="N2260" s="236">
        <f t="shared" si="533"/>
        <v>1.2054999397732047</v>
      </c>
      <c r="O2260" s="236">
        <f t="shared" si="537"/>
        <v>2.265497353902779</v>
      </c>
      <c r="P2260" s="236" t="str">
        <f t="shared" si="538"/>
        <v>SAND</v>
      </c>
      <c r="Q2260" s="236" t="e">
        <f t="shared" si="534"/>
        <v>#N/A</v>
      </c>
      <c r="R2260" s="238">
        <v>35</v>
      </c>
      <c r="S2260" s="236" t="e">
        <f t="shared" si="539"/>
        <v>#N/A</v>
      </c>
      <c r="T2260" s="236">
        <f t="shared" si="525"/>
        <v>35.369693488590769</v>
      </c>
    </row>
    <row r="2261" spans="1:21" x14ac:dyDescent="0.2">
      <c r="A2261" s="53">
        <f t="shared" si="526"/>
        <v>2249</v>
      </c>
      <c r="B2261" s="239">
        <v>22.591999999999999</v>
      </c>
      <c r="C2261" s="3">
        <f t="shared" si="527"/>
        <v>22.584999999999997</v>
      </c>
      <c r="D2261" s="239">
        <v>9.3179999999999996</v>
      </c>
      <c r="E2261" s="239">
        <v>0.10879999999999999</v>
      </c>
      <c r="F2261" s="239">
        <v>0.16800000000000001</v>
      </c>
      <c r="G2261">
        <f t="shared" si="528"/>
        <v>9.3515999999999995</v>
      </c>
      <c r="H2261" s="235">
        <f t="shared" si="529"/>
        <v>1.1634372727661577</v>
      </c>
      <c r="I2261" s="236">
        <f t="shared" si="530"/>
        <v>19.617138401918449</v>
      </c>
      <c r="J2261" s="237">
        <f t="shared" si="535"/>
        <v>9.6171384019184494</v>
      </c>
      <c r="K2261" s="237">
        <f t="shared" si="531"/>
        <v>443.05307080732814</v>
      </c>
      <c r="L2261" s="237">
        <f t="shared" si="536"/>
        <v>217.2703907761416</v>
      </c>
      <c r="M2261" s="236">
        <f t="shared" si="532"/>
        <v>41.002121353808135</v>
      </c>
      <c r="N2261" s="236">
        <f t="shared" si="533"/>
        <v>1.2212990610564127</v>
      </c>
      <c r="O2261" s="236">
        <f t="shared" si="537"/>
        <v>2.2708923665738143</v>
      </c>
      <c r="P2261" s="236" t="str">
        <f t="shared" si="538"/>
        <v>SAND</v>
      </c>
      <c r="Q2261" s="236" t="e">
        <f t="shared" si="534"/>
        <v>#N/A</v>
      </c>
      <c r="R2261" s="238">
        <v>35</v>
      </c>
      <c r="S2261" s="236" t="e">
        <f t="shared" si="539"/>
        <v>#N/A</v>
      </c>
      <c r="T2261" s="236">
        <f t="shared" si="525"/>
        <v>35.340869593493153</v>
      </c>
    </row>
    <row r="2262" spans="1:21" x14ac:dyDescent="0.2">
      <c r="A2262" s="53">
        <f t="shared" si="526"/>
        <v>2250</v>
      </c>
      <c r="B2262" s="239">
        <v>22.600999999999999</v>
      </c>
      <c r="C2262" s="3">
        <f t="shared" si="527"/>
        <v>22.593999999999998</v>
      </c>
      <c r="D2262" s="239">
        <v>9.2815999999999992</v>
      </c>
      <c r="E2262" s="239">
        <v>0.1103</v>
      </c>
      <c r="F2262" s="239">
        <v>0.16789999999999999</v>
      </c>
      <c r="G2262">
        <f t="shared" si="528"/>
        <v>9.3151799999999998</v>
      </c>
      <c r="H2262" s="235">
        <f t="shared" si="529"/>
        <v>1.1840887669374074</v>
      </c>
      <c r="I2262" s="236">
        <f t="shared" si="530"/>
        <v>19.631669064154572</v>
      </c>
      <c r="J2262" s="237">
        <f t="shared" si="535"/>
        <v>9.6316690641545719</v>
      </c>
      <c r="K2262" s="237">
        <f t="shared" si="531"/>
        <v>443.55793083550833</v>
      </c>
      <c r="L2262" s="237">
        <f t="shared" si="536"/>
        <v>217.68535251895747</v>
      </c>
      <c r="M2262" s="236">
        <f t="shared" si="532"/>
        <v>40.754336323073886</v>
      </c>
      <c r="N2262" s="236">
        <f t="shared" si="533"/>
        <v>1.2432901124516429</v>
      </c>
      <c r="O2262" s="236">
        <f t="shared" si="537"/>
        <v>2.2775105280757049</v>
      </c>
      <c r="P2262" s="236" t="str">
        <f t="shared" si="538"/>
        <v>SAND</v>
      </c>
      <c r="Q2262" s="236" t="e">
        <f t="shared" si="534"/>
        <v>#N/A</v>
      </c>
      <c r="R2262" s="238">
        <v>35</v>
      </c>
      <c r="S2262" s="236" t="e">
        <f t="shared" si="539"/>
        <v>#N/A</v>
      </c>
      <c r="T2262" s="236">
        <f t="shared" si="525"/>
        <v>35.311912076372948</v>
      </c>
      <c r="U2262" s="230"/>
    </row>
    <row r="2263" spans="1:21" x14ac:dyDescent="0.2">
      <c r="A2263" s="53">
        <f t="shared" si="526"/>
        <v>2251</v>
      </c>
      <c r="B2263" s="239">
        <v>22.611000000000001</v>
      </c>
      <c r="C2263" s="3">
        <f t="shared" si="527"/>
        <v>22.603999999999999</v>
      </c>
      <c r="D2263" s="239">
        <v>9.1918000000000006</v>
      </c>
      <c r="E2263" s="239">
        <v>0.1105</v>
      </c>
      <c r="F2263" s="239">
        <v>0.1565</v>
      </c>
      <c r="G2263">
        <f t="shared" si="528"/>
        <v>9.2231000000000005</v>
      </c>
      <c r="H2263" s="235">
        <f t="shared" si="529"/>
        <v>1.1980787370840607</v>
      </c>
      <c r="I2263" s="236">
        <f t="shared" si="530"/>
        <v>19.629910430728689</v>
      </c>
      <c r="J2263" s="237">
        <f t="shared" si="535"/>
        <v>9.6299104307286889</v>
      </c>
      <c r="K2263" s="237">
        <f t="shared" si="531"/>
        <v>443.71449537619128</v>
      </c>
      <c r="L2263" s="237">
        <f t="shared" si="536"/>
        <v>217.74190474920638</v>
      </c>
      <c r="M2263" s="236">
        <f t="shared" si="532"/>
        <v>40.32014652731106</v>
      </c>
      <c r="N2263" s="236">
        <f t="shared" si="533"/>
        <v>1.2586302303481642</v>
      </c>
      <c r="O2263" s="236">
        <f t="shared" si="537"/>
        <v>2.2843837204679627</v>
      </c>
      <c r="P2263" s="236" t="str">
        <f t="shared" si="538"/>
        <v>SAND</v>
      </c>
      <c r="Q2263" s="236" t="e">
        <f t="shared" si="534"/>
        <v>#N/A</v>
      </c>
      <c r="R2263" s="238">
        <v>35</v>
      </c>
      <c r="S2263" s="236" t="e">
        <f t="shared" si="539"/>
        <v>#N/A</v>
      </c>
      <c r="T2263" s="236">
        <f t="shared" si="525"/>
        <v>35.260743118793243</v>
      </c>
    </row>
    <row r="2264" spans="1:21" x14ac:dyDescent="0.2">
      <c r="A2264" s="53">
        <f t="shared" si="526"/>
        <v>2252</v>
      </c>
      <c r="B2264" s="239">
        <v>22.620999999999999</v>
      </c>
      <c r="C2264" s="3">
        <f t="shared" si="527"/>
        <v>22.613999999999997</v>
      </c>
      <c r="D2264" s="239">
        <v>9.09</v>
      </c>
      <c r="E2264" s="239">
        <v>0.1096</v>
      </c>
      <c r="F2264" s="239">
        <v>0.151</v>
      </c>
      <c r="G2264">
        <f t="shared" si="528"/>
        <v>9.1202000000000005</v>
      </c>
      <c r="H2264" s="235">
        <f t="shared" si="529"/>
        <v>1.2017280322799937</v>
      </c>
      <c r="I2264" s="236">
        <f t="shared" si="530"/>
        <v>19.615935476586237</v>
      </c>
      <c r="J2264" s="237">
        <f t="shared" si="535"/>
        <v>9.6159354765862375</v>
      </c>
      <c r="K2264" s="237">
        <f t="shared" si="531"/>
        <v>443.59476486752112</v>
      </c>
      <c r="L2264" s="237">
        <f t="shared" si="536"/>
        <v>217.52207641585727</v>
      </c>
      <c r="M2264" s="236">
        <f t="shared" si="532"/>
        <v>39.888389160760873</v>
      </c>
      <c r="N2264" s="236">
        <f t="shared" si="533"/>
        <v>1.2631668380649401</v>
      </c>
      <c r="O2264" s="236">
        <f t="shared" si="537"/>
        <v>2.2891031510097002</v>
      </c>
      <c r="P2264" s="236" t="str">
        <f t="shared" si="538"/>
        <v>SAND</v>
      </c>
      <c r="Q2264" s="236" t="e">
        <f t="shared" si="534"/>
        <v>#N/A</v>
      </c>
      <c r="R2264" s="238">
        <v>35</v>
      </c>
      <c r="S2264" s="236" t="e">
        <f t="shared" si="539"/>
        <v>#N/A</v>
      </c>
      <c r="T2264" s="236">
        <f t="shared" si="525"/>
        <v>35.20931148088475</v>
      </c>
    </row>
    <row r="2265" spans="1:21" x14ac:dyDescent="0.2">
      <c r="A2265" s="53">
        <f t="shared" si="526"/>
        <v>2253</v>
      </c>
      <c r="B2265" s="239">
        <v>22.63</v>
      </c>
      <c r="C2265" s="3">
        <f t="shared" si="527"/>
        <v>22.622999999999998</v>
      </c>
      <c r="D2265" s="239">
        <v>9.0067000000000004</v>
      </c>
      <c r="E2265" s="239">
        <v>0.1085</v>
      </c>
      <c r="F2265" s="239">
        <v>0.14960000000000001</v>
      </c>
      <c r="G2265">
        <f t="shared" si="528"/>
        <v>9.036620000000001</v>
      </c>
      <c r="H2265" s="235">
        <f t="shared" si="529"/>
        <v>1.2006701620738727</v>
      </c>
      <c r="I2265" s="236">
        <f t="shared" si="530"/>
        <v>19.600508765566168</v>
      </c>
      <c r="J2265" s="237">
        <f t="shared" si="535"/>
        <v>9.6005087655661683</v>
      </c>
      <c r="K2265" s="237">
        <f t="shared" si="531"/>
        <v>443.42230980340338</v>
      </c>
      <c r="L2265" s="237">
        <f t="shared" si="536"/>
        <v>217.25951336476237</v>
      </c>
      <c r="M2265" s="236">
        <f t="shared" si="532"/>
        <v>39.552687737863359</v>
      </c>
      <c r="N2265" s="236">
        <f t="shared" si="533"/>
        <v>1.2626266020131292</v>
      </c>
      <c r="O2265" s="236">
        <f t="shared" si="537"/>
        <v>2.2919941507255484</v>
      </c>
      <c r="P2265" s="236" t="str">
        <f t="shared" si="538"/>
        <v>SAND</v>
      </c>
      <c r="Q2265" s="236" t="e">
        <f t="shared" si="534"/>
        <v>#N/A</v>
      </c>
      <c r="R2265" s="238">
        <v>35</v>
      </c>
      <c r="S2265" s="236" t="e">
        <f t="shared" si="539"/>
        <v>#N/A</v>
      </c>
      <c r="T2265" s="236">
        <f t="shared" si="525"/>
        <v>35.168936006643023</v>
      </c>
    </row>
    <row r="2266" spans="1:21" x14ac:dyDescent="0.2">
      <c r="A2266" s="53">
        <f t="shared" si="526"/>
        <v>2254</v>
      </c>
      <c r="B2266" s="239">
        <v>22.640999999999998</v>
      </c>
      <c r="C2266" s="3">
        <f t="shared" si="527"/>
        <v>22.633999999999997</v>
      </c>
      <c r="D2266" s="239">
        <v>8.8658000000000001</v>
      </c>
      <c r="E2266" s="239">
        <v>0.1074</v>
      </c>
      <c r="F2266" s="239">
        <v>0.13619999999999999</v>
      </c>
      <c r="G2266">
        <f t="shared" si="528"/>
        <v>8.8930400000000009</v>
      </c>
      <c r="H2266" s="235">
        <f t="shared" si="529"/>
        <v>1.2076860106330343</v>
      </c>
      <c r="I2266" s="236">
        <f t="shared" si="530"/>
        <v>19.582299835223719</v>
      </c>
      <c r="J2266" s="237">
        <f t="shared" si="535"/>
        <v>9.5822998352237185</v>
      </c>
      <c r="K2266" s="237">
        <f t="shared" si="531"/>
        <v>443.22577447045359</v>
      </c>
      <c r="L2266" s="237">
        <f t="shared" si="536"/>
        <v>216.95285056930018</v>
      </c>
      <c r="M2266" s="236">
        <f t="shared" si="532"/>
        <v>38.947698559187472</v>
      </c>
      <c r="N2266" s="236">
        <f t="shared" si="533"/>
        <v>1.271033861022776</v>
      </c>
      <c r="O2266" s="236">
        <f t="shared" si="537"/>
        <v>2.2991260826162927</v>
      </c>
      <c r="P2266" s="236" t="str">
        <f t="shared" si="538"/>
        <v>SAND</v>
      </c>
      <c r="Q2266" s="236" t="e">
        <f t="shared" si="534"/>
        <v>#N/A</v>
      </c>
      <c r="R2266" s="238">
        <v>35</v>
      </c>
      <c r="S2266" s="236" t="e">
        <f t="shared" si="539"/>
        <v>#N/A</v>
      </c>
      <c r="T2266" s="236">
        <f t="shared" si="525"/>
        <v>35.095299800750936</v>
      </c>
    </row>
    <row r="2267" spans="1:21" x14ac:dyDescent="0.2">
      <c r="A2267" s="53">
        <f t="shared" si="526"/>
        <v>2255</v>
      </c>
      <c r="B2267" s="239">
        <v>22.651</v>
      </c>
      <c r="C2267" s="3">
        <f t="shared" si="527"/>
        <v>22.643999999999998</v>
      </c>
      <c r="D2267" s="239">
        <v>8.6905000000000001</v>
      </c>
      <c r="E2267" s="239">
        <v>0.1047</v>
      </c>
      <c r="F2267" s="239">
        <v>0.1232</v>
      </c>
      <c r="G2267">
        <f t="shared" si="528"/>
        <v>8.7151399999999999</v>
      </c>
      <c r="H2267" s="235">
        <f t="shared" si="529"/>
        <v>1.2013576373988255</v>
      </c>
      <c r="I2267" s="236">
        <f t="shared" si="530"/>
        <v>19.544546026122703</v>
      </c>
      <c r="J2267" s="237">
        <f t="shared" si="535"/>
        <v>9.5445460261227026</v>
      </c>
      <c r="K2267" s="237">
        <f t="shared" si="531"/>
        <v>442.56670021552247</v>
      </c>
      <c r="L2267" s="237">
        <f t="shared" si="536"/>
        <v>216.19351203770535</v>
      </c>
      <c r="M2267" s="236">
        <f t="shared" si="532"/>
        <v>38.264669562987137</v>
      </c>
      <c r="N2267" s="236">
        <f t="shared" si="533"/>
        <v>1.2656279516160676</v>
      </c>
      <c r="O2267" s="236">
        <f t="shared" si="537"/>
        <v>2.3043491103826241</v>
      </c>
      <c r="P2267" s="236" t="str">
        <f t="shared" si="538"/>
        <v>SAND</v>
      </c>
      <c r="Q2267" s="236" t="e">
        <f t="shared" si="534"/>
        <v>#N/A</v>
      </c>
      <c r="R2267" s="238">
        <v>35</v>
      </c>
      <c r="S2267" s="236" t="e">
        <f t="shared" si="539"/>
        <v>#N/A</v>
      </c>
      <c r="T2267" s="236">
        <f t="shared" si="525"/>
        <v>35.010777640341345</v>
      </c>
    </row>
    <row r="2268" spans="1:21" x14ac:dyDescent="0.2">
      <c r="A2268" s="53">
        <f t="shared" si="526"/>
        <v>2256</v>
      </c>
      <c r="B2268" s="239">
        <v>22.66</v>
      </c>
      <c r="C2268" s="3">
        <f t="shared" si="527"/>
        <v>22.652999999999999</v>
      </c>
      <c r="D2268" s="239">
        <v>8.4359000000000002</v>
      </c>
      <c r="E2268" s="239">
        <v>0.1018</v>
      </c>
      <c r="F2268" s="239">
        <v>0.12740000000000001</v>
      </c>
      <c r="G2268">
        <f t="shared" si="528"/>
        <v>8.4613800000000001</v>
      </c>
      <c r="H2268" s="235">
        <f t="shared" si="529"/>
        <v>1.2031134401244241</v>
      </c>
      <c r="I2268" s="236">
        <f t="shared" si="530"/>
        <v>19.500059134646108</v>
      </c>
      <c r="J2268" s="237">
        <f t="shared" si="535"/>
        <v>9.5000591346461079</v>
      </c>
      <c r="K2268" s="237">
        <f t="shared" si="531"/>
        <v>441.73483957713825</v>
      </c>
      <c r="L2268" s="237">
        <f t="shared" si="536"/>
        <v>215.27133999108079</v>
      </c>
      <c r="M2268" s="236">
        <f t="shared" si="532"/>
        <v>37.253659315518433</v>
      </c>
      <c r="N2268" s="236">
        <f t="shared" si="533"/>
        <v>1.2693828462933172</v>
      </c>
      <c r="O2268" s="236">
        <f t="shared" si="537"/>
        <v>2.3146180758714396</v>
      </c>
      <c r="P2268" s="236" t="str">
        <f t="shared" si="538"/>
        <v>SAND</v>
      </c>
      <c r="Q2268" s="236" t="e">
        <f t="shared" si="534"/>
        <v>#N/A</v>
      </c>
      <c r="R2268" s="238">
        <v>35</v>
      </c>
      <c r="S2268" s="236" t="e">
        <f t="shared" si="539"/>
        <v>#N/A</v>
      </c>
      <c r="T2268" s="236">
        <f t="shared" si="525"/>
        <v>34.882858324902116</v>
      </c>
    </row>
    <row r="2269" spans="1:21" x14ac:dyDescent="0.2">
      <c r="A2269" s="53">
        <f t="shared" si="526"/>
        <v>2257</v>
      </c>
      <c r="B2269" s="239">
        <v>22.670999999999999</v>
      </c>
      <c r="C2269" s="3">
        <f t="shared" si="527"/>
        <v>22.663999999999998</v>
      </c>
      <c r="D2269" s="239">
        <v>8.1529000000000007</v>
      </c>
      <c r="E2269" s="239">
        <v>0.1003</v>
      </c>
      <c r="F2269" s="239">
        <v>0.1205</v>
      </c>
      <c r="G2269">
        <f t="shared" si="528"/>
        <v>8.1770000000000014</v>
      </c>
      <c r="H2269" s="235">
        <f t="shared" si="529"/>
        <v>1.2266112266112263</v>
      </c>
      <c r="I2269" s="236">
        <f t="shared" si="530"/>
        <v>19.469290171514512</v>
      </c>
      <c r="J2269" s="237">
        <f t="shared" si="535"/>
        <v>9.4692901715145119</v>
      </c>
      <c r="K2269" s="237">
        <f t="shared" si="531"/>
        <v>441.25199244720488</v>
      </c>
      <c r="L2269" s="237">
        <f t="shared" si="536"/>
        <v>214.67827747840551</v>
      </c>
      <c r="M2269" s="236">
        <f t="shared" si="532"/>
        <v>36.034144201343032</v>
      </c>
      <c r="N2269" s="236">
        <f t="shared" si="533"/>
        <v>1.29657791207873</v>
      </c>
      <c r="O2269" s="236">
        <f t="shared" si="537"/>
        <v>2.3317406940744227</v>
      </c>
      <c r="P2269" s="236" t="str">
        <f t="shared" si="538"/>
        <v>SAND</v>
      </c>
      <c r="Q2269" s="236" t="e">
        <f t="shared" si="534"/>
        <v>#N/A</v>
      </c>
      <c r="R2269" s="238">
        <v>35</v>
      </c>
      <c r="S2269" s="236" t="e">
        <f t="shared" si="539"/>
        <v>#N/A</v>
      </c>
      <c r="T2269" s="236">
        <f t="shared" si="525"/>
        <v>34.723856333890353</v>
      </c>
    </row>
    <row r="2270" spans="1:21" x14ac:dyDescent="0.2">
      <c r="A2270" s="53">
        <f t="shared" si="526"/>
        <v>2258</v>
      </c>
      <c r="B2270" s="239">
        <v>22.68</v>
      </c>
      <c r="C2270" s="3">
        <f t="shared" si="527"/>
        <v>22.672999999999998</v>
      </c>
      <c r="D2270" s="239">
        <v>7.8323</v>
      </c>
      <c r="E2270" s="239">
        <v>9.8000000000000004E-2</v>
      </c>
      <c r="F2270" s="239">
        <v>0.10589999999999999</v>
      </c>
      <c r="G2270">
        <f t="shared" si="528"/>
        <v>7.8534800000000002</v>
      </c>
      <c r="H2270" s="235">
        <f t="shared" si="529"/>
        <v>1.2478544543310737</v>
      </c>
      <c r="I2270" s="236">
        <f t="shared" si="530"/>
        <v>19.42630938662646</v>
      </c>
      <c r="J2270" s="237">
        <f t="shared" si="535"/>
        <v>9.4263093866264605</v>
      </c>
      <c r="K2270" s="237">
        <f t="shared" si="531"/>
        <v>440.45271272298169</v>
      </c>
      <c r="L2270" s="237">
        <f t="shared" si="536"/>
        <v>213.78869688868812</v>
      </c>
      <c r="M2270" s="236">
        <f t="shared" si="532"/>
        <v>34.674551999990477</v>
      </c>
      <c r="N2270" s="236">
        <f t="shared" si="533"/>
        <v>1.3219970222988042</v>
      </c>
      <c r="O2270" s="236">
        <f t="shared" si="537"/>
        <v>2.3502674907417185</v>
      </c>
      <c r="P2270" s="236" t="str">
        <f t="shared" si="538"/>
        <v>SAND</v>
      </c>
      <c r="Q2270" s="236" t="e">
        <f t="shared" si="534"/>
        <v>#N/A</v>
      </c>
      <c r="R2270" s="238">
        <v>35</v>
      </c>
      <c r="S2270" s="236" t="e">
        <f t="shared" si="539"/>
        <v>#N/A</v>
      </c>
      <c r="T2270" s="236">
        <f t="shared" si="525"/>
        <v>34.540119445004514</v>
      </c>
    </row>
    <row r="2271" spans="1:21" x14ac:dyDescent="0.2">
      <c r="A2271" s="53">
        <f t="shared" si="526"/>
        <v>2259</v>
      </c>
      <c r="B2271" s="239">
        <v>22.689</v>
      </c>
      <c r="C2271" s="3">
        <f t="shared" si="527"/>
        <v>22.681999999999999</v>
      </c>
      <c r="D2271" s="239">
        <v>7.3985000000000003</v>
      </c>
      <c r="E2271" s="239">
        <v>9.4E-2</v>
      </c>
      <c r="F2271" s="239">
        <v>0.10589999999999999</v>
      </c>
      <c r="G2271">
        <f t="shared" si="528"/>
        <v>7.4196800000000005</v>
      </c>
      <c r="H2271" s="235">
        <f t="shared" si="529"/>
        <v>1.2669009984258079</v>
      </c>
      <c r="I2271" s="236">
        <f t="shared" si="530"/>
        <v>19.355234916776254</v>
      </c>
      <c r="J2271" s="237">
        <f t="shared" si="535"/>
        <v>9.3552349167762543</v>
      </c>
      <c r="K2271" s="237">
        <f t="shared" si="531"/>
        <v>439.01543838231896</v>
      </c>
      <c r="L2271" s="237">
        <f t="shared" si="536"/>
        <v>212.26092502673643</v>
      </c>
      <c r="M2271" s="236">
        <f t="shared" si="532"/>
        <v>32.887186187181626</v>
      </c>
      <c r="N2271" s="236">
        <f t="shared" si="533"/>
        <v>1.3465766643028136</v>
      </c>
      <c r="O2271" s="236">
        <f t="shared" si="537"/>
        <v>2.3737163187904216</v>
      </c>
      <c r="P2271" s="236" t="str">
        <f t="shared" si="538"/>
        <v>SAND</v>
      </c>
      <c r="Q2271" s="236" t="e">
        <f t="shared" si="534"/>
        <v>#N/A</v>
      </c>
      <c r="R2271" s="238">
        <v>35</v>
      </c>
      <c r="S2271" s="236" t="e">
        <f t="shared" si="539"/>
        <v>#N/A</v>
      </c>
      <c r="T2271" s="236">
        <f t="shared" si="525"/>
        <v>34.28729388735384</v>
      </c>
    </row>
    <row r="2272" spans="1:21" x14ac:dyDescent="0.2">
      <c r="A2272" s="53">
        <f t="shared" si="526"/>
        <v>2260</v>
      </c>
      <c r="B2272" s="239">
        <v>22.7</v>
      </c>
      <c r="C2272" s="3">
        <f t="shared" si="527"/>
        <v>22.692999999999998</v>
      </c>
      <c r="D2272" s="239">
        <v>6.8898000000000001</v>
      </c>
      <c r="E2272" s="239">
        <v>8.7900000000000006E-2</v>
      </c>
      <c r="F2272" s="239">
        <v>0.1172</v>
      </c>
      <c r="G2272">
        <f t="shared" si="528"/>
        <v>6.9132400000000001</v>
      </c>
      <c r="H2272" s="235">
        <f t="shared" si="529"/>
        <v>1.2714732889354341</v>
      </c>
      <c r="I2272" s="236">
        <f t="shared" si="530"/>
        <v>19.248926487779659</v>
      </c>
      <c r="J2272" s="237">
        <f t="shared" si="535"/>
        <v>9.2489264877796593</v>
      </c>
      <c r="K2272" s="237">
        <f t="shared" si="531"/>
        <v>436.81588878718378</v>
      </c>
      <c r="L2272" s="237">
        <f t="shared" si="536"/>
        <v>209.95063127259826</v>
      </c>
      <c r="M2272" s="236">
        <f t="shared" si="532"/>
        <v>30.847366697382668</v>
      </c>
      <c r="N2272" s="236">
        <f t="shared" si="533"/>
        <v>1.35723044832435</v>
      </c>
      <c r="O2272" s="236">
        <f t="shared" si="537"/>
        <v>2.3985763894951324</v>
      </c>
      <c r="P2272" s="236" t="str">
        <f t="shared" si="538"/>
        <v>SAND</v>
      </c>
      <c r="Q2272" s="236" t="e">
        <f t="shared" si="534"/>
        <v>#N/A</v>
      </c>
      <c r="R2272" s="238">
        <v>35</v>
      </c>
      <c r="S2272" s="236" t="e">
        <f t="shared" si="539"/>
        <v>#N/A</v>
      </c>
      <c r="T2272" s="236">
        <f t="shared" si="525"/>
        <v>33.981399057777097</v>
      </c>
    </row>
    <row r="2273" spans="1:20" x14ac:dyDescent="0.2">
      <c r="A2273" s="53">
        <f t="shared" si="526"/>
        <v>2261</v>
      </c>
      <c r="B2273" s="239">
        <v>22.709</v>
      </c>
      <c r="C2273" s="3">
        <f t="shared" si="527"/>
        <v>22.701999999999998</v>
      </c>
      <c r="D2273" s="239">
        <v>6.3013000000000003</v>
      </c>
      <c r="E2273" s="239">
        <v>8.2799999999999999E-2</v>
      </c>
      <c r="F2273" s="239">
        <v>0.127</v>
      </c>
      <c r="G2273">
        <f t="shared" si="528"/>
        <v>6.3267000000000007</v>
      </c>
      <c r="H2273" s="235">
        <f t="shared" si="529"/>
        <v>1.3087391531129973</v>
      </c>
      <c r="I2273" s="236">
        <f t="shared" si="530"/>
        <v>19.144184481082817</v>
      </c>
      <c r="J2273" s="237">
        <f t="shared" si="535"/>
        <v>9.1441844810828172</v>
      </c>
      <c r="K2273" s="237">
        <f t="shared" si="531"/>
        <v>434.61127608954206</v>
      </c>
      <c r="L2273" s="237">
        <f t="shared" si="536"/>
        <v>207.6552853809097</v>
      </c>
      <c r="M2273" s="236">
        <f t="shared" si="532"/>
        <v>28.37437396838893</v>
      </c>
      <c r="N2273" s="236">
        <f t="shared" si="533"/>
        <v>1.4052741545454417</v>
      </c>
      <c r="O2273" s="236">
        <f t="shared" si="537"/>
        <v>2.4370795375758587</v>
      </c>
      <c r="P2273" s="236" t="str">
        <f t="shared" si="538"/>
        <v>SAND</v>
      </c>
      <c r="Q2273" s="236" t="e">
        <f t="shared" si="534"/>
        <v>#N/A</v>
      </c>
      <c r="R2273" s="238">
        <v>35</v>
      </c>
      <c r="S2273" s="236" t="e">
        <f t="shared" si="539"/>
        <v>#N/A</v>
      </c>
      <c r="T2273" s="236">
        <f t="shared" si="525"/>
        <v>33.58218917183207</v>
      </c>
    </row>
    <row r="2274" spans="1:20" x14ac:dyDescent="0.2">
      <c r="A2274" s="53">
        <f t="shared" si="526"/>
        <v>2262</v>
      </c>
      <c r="B2274" s="239">
        <v>22.719000000000001</v>
      </c>
      <c r="C2274" s="3">
        <f t="shared" si="527"/>
        <v>22.712</v>
      </c>
      <c r="D2274" s="239">
        <v>5.7706</v>
      </c>
      <c r="E2274" s="239">
        <v>7.9799999999999996E-2</v>
      </c>
      <c r="F2274" s="239">
        <v>0.13420000000000001</v>
      </c>
      <c r="G2274">
        <f t="shared" si="528"/>
        <v>5.7974399999999999</v>
      </c>
      <c r="H2274" s="235">
        <f t="shared" si="529"/>
        <v>1.3764696141745323</v>
      </c>
      <c r="I2274" s="236">
        <f t="shared" si="530"/>
        <v>19.066763497412552</v>
      </c>
      <c r="J2274" s="237">
        <f t="shared" si="535"/>
        <v>9.0667634974125519</v>
      </c>
      <c r="K2274" s="237">
        <f t="shared" si="531"/>
        <v>433.04433255323386</v>
      </c>
      <c r="L2274" s="237">
        <f t="shared" si="536"/>
        <v>205.98779989771577</v>
      </c>
      <c r="M2274" s="236">
        <f t="shared" si="532"/>
        <v>26.042297990999863</v>
      </c>
      <c r="N2274" s="236">
        <f t="shared" si="533"/>
        <v>1.4875860198802515</v>
      </c>
      <c r="O2274" s="236">
        <f t="shared" si="537"/>
        <v>2.4817815955454625</v>
      </c>
      <c r="P2274" s="236" t="str">
        <f t="shared" si="538"/>
        <v>SAND</v>
      </c>
      <c r="Q2274" s="236" t="e">
        <f t="shared" si="534"/>
        <v>#N/A</v>
      </c>
      <c r="R2274" s="238">
        <v>35</v>
      </c>
      <c r="S2274" s="236" t="e">
        <f t="shared" si="539"/>
        <v>#N/A</v>
      </c>
      <c r="T2274" s="236">
        <f t="shared" si="525"/>
        <v>33.172472344470137</v>
      </c>
    </row>
    <row r="2275" spans="1:20" x14ac:dyDescent="0.2">
      <c r="A2275" s="53">
        <f t="shared" si="526"/>
        <v>2263</v>
      </c>
      <c r="B2275" s="239">
        <v>22.728000000000002</v>
      </c>
      <c r="C2275" s="3">
        <f t="shared" si="527"/>
        <v>22.721</v>
      </c>
      <c r="D2275" s="239">
        <v>5.2817999999999996</v>
      </c>
      <c r="E2275" s="239">
        <v>7.8299999999999995E-2</v>
      </c>
      <c r="F2275" s="239">
        <v>0.14699999999999999</v>
      </c>
      <c r="G2275">
        <f t="shared" si="528"/>
        <v>5.3111999999999995</v>
      </c>
      <c r="H2275" s="235">
        <f t="shared" si="529"/>
        <v>1.474243108901943</v>
      </c>
      <c r="I2275" s="236">
        <f t="shared" si="530"/>
        <v>19.010273202013909</v>
      </c>
      <c r="J2275" s="237">
        <f t="shared" si="535"/>
        <v>9.0102732020139094</v>
      </c>
      <c r="K2275" s="237">
        <f t="shared" si="531"/>
        <v>431.93241742295805</v>
      </c>
      <c r="L2275" s="237">
        <f t="shared" si="536"/>
        <v>204.78548933537215</v>
      </c>
      <c r="M2275" s="236">
        <f t="shared" si="532"/>
        <v>23.826236899951372</v>
      </c>
      <c r="N2275" s="236">
        <f t="shared" si="533"/>
        <v>1.6047490463444707</v>
      </c>
      <c r="O2275" s="236">
        <f t="shared" si="537"/>
        <v>2.5322326792045788</v>
      </c>
      <c r="P2275" s="236" t="str">
        <f t="shared" si="538"/>
        <v>SAND</v>
      </c>
      <c r="Q2275" s="236" t="e">
        <f t="shared" si="534"/>
        <v>#N/A</v>
      </c>
      <c r="R2275" s="238">
        <v>35</v>
      </c>
      <c r="S2275" s="236" t="e">
        <f t="shared" si="539"/>
        <v>#N/A</v>
      </c>
      <c r="T2275" s="236">
        <f t="shared" si="525"/>
        <v>32.747610011382704</v>
      </c>
    </row>
    <row r="2276" spans="1:20" x14ac:dyDescent="0.2">
      <c r="A2276" s="53">
        <f t="shared" si="526"/>
        <v>2264</v>
      </c>
      <c r="B2276" s="239">
        <v>22.739000000000001</v>
      </c>
      <c r="C2276" s="3">
        <f t="shared" si="527"/>
        <v>22.731999999999999</v>
      </c>
      <c r="D2276" s="239">
        <v>4.8226000000000004</v>
      </c>
      <c r="E2276" s="239">
        <v>7.7399999999999997E-2</v>
      </c>
      <c r="F2276" s="239">
        <v>0.15279999999999999</v>
      </c>
      <c r="G2276">
        <f t="shared" si="528"/>
        <v>4.8531600000000008</v>
      </c>
      <c r="H2276" s="235">
        <f t="shared" si="529"/>
        <v>1.5948371782508715</v>
      </c>
      <c r="I2276" s="236">
        <f t="shared" si="530"/>
        <v>18.961465796743148</v>
      </c>
      <c r="J2276" s="237">
        <f t="shared" si="535"/>
        <v>8.9614657967431484</v>
      </c>
      <c r="K2276" s="237">
        <f t="shared" si="531"/>
        <v>431.03204049156523</v>
      </c>
      <c r="L2276" s="237">
        <f t="shared" si="536"/>
        <v>203.77477075214244</v>
      </c>
      <c r="M2276" s="236">
        <f t="shared" si="532"/>
        <v>21.701057217172416</v>
      </c>
      <c r="N2276" s="236">
        <f t="shared" si="533"/>
        <v>1.7502885648881989</v>
      </c>
      <c r="O2276" s="236">
        <f t="shared" si="537"/>
        <v>2.587004763799726</v>
      </c>
      <c r="P2276" s="236" t="str">
        <f t="shared" si="538"/>
        <v>SAND</v>
      </c>
      <c r="Q2276" s="236" t="e">
        <f t="shared" si="534"/>
        <v>#N/A</v>
      </c>
      <c r="R2276" s="238">
        <v>35</v>
      </c>
      <c r="S2276" s="236" t="e">
        <f t="shared" si="539"/>
        <v>#N/A</v>
      </c>
      <c r="T2276" s="236">
        <f t="shared" si="525"/>
        <v>32.301289812260023</v>
      </c>
    </row>
    <row r="2277" spans="1:20" x14ac:dyDescent="0.2">
      <c r="A2277" s="53">
        <f t="shared" si="526"/>
        <v>2265</v>
      </c>
      <c r="B2277" s="239">
        <v>22.748999999999999</v>
      </c>
      <c r="C2277" s="3">
        <f t="shared" si="527"/>
        <v>22.741999999999997</v>
      </c>
      <c r="D2277" s="239">
        <v>4.4358000000000004</v>
      </c>
      <c r="E2277" s="239">
        <v>7.9200000000000007E-2</v>
      </c>
      <c r="F2277" s="239">
        <v>0.1633</v>
      </c>
      <c r="G2277">
        <f t="shared" si="528"/>
        <v>4.4684600000000003</v>
      </c>
      <c r="H2277" s="235">
        <f t="shared" si="529"/>
        <v>1.7724227138656272</v>
      </c>
      <c r="I2277" s="236">
        <f t="shared" si="530"/>
        <v>18.956143131854322</v>
      </c>
      <c r="J2277" s="237">
        <f t="shared" si="535"/>
        <v>8.9561431318543221</v>
      </c>
      <c r="K2277" s="237">
        <f t="shared" si="531"/>
        <v>431.10060710463097</v>
      </c>
      <c r="L2277" s="237">
        <f t="shared" si="536"/>
        <v>203.74330010655396</v>
      </c>
      <c r="M2277" s="236">
        <f t="shared" si="532"/>
        <v>19.815912428943211</v>
      </c>
      <c r="N2277" s="236">
        <f t="shared" si="533"/>
        <v>1.961678223131931</v>
      </c>
      <c r="O2277" s="236">
        <f t="shared" si="537"/>
        <v>2.6476235772046612</v>
      </c>
      <c r="P2277" s="236" t="str">
        <f t="shared" si="538"/>
        <v>CLAY</v>
      </c>
      <c r="Q2277" s="236">
        <f t="shared" si="534"/>
        <v>336.4466160746141</v>
      </c>
      <c r="R2277" s="238">
        <v>35</v>
      </c>
      <c r="S2277" s="236">
        <f t="shared" si="539"/>
        <v>10.452197361036328</v>
      </c>
      <c r="T2277" s="236" t="e">
        <f t="shared" si="525"/>
        <v>#N/A</v>
      </c>
    </row>
    <row r="2278" spans="1:20" x14ac:dyDescent="0.2">
      <c r="A2278" s="53">
        <f t="shared" si="526"/>
        <v>2266</v>
      </c>
      <c r="B2278" s="239">
        <v>22.759</v>
      </c>
      <c r="C2278" s="3">
        <f t="shared" si="527"/>
        <v>22.751999999999999</v>
      </c>
      <c r="D2278" s="239">
        <v>4.1313000000000004</v>
      </c>
      <c r="E2278" s="239">
        <v>8.1699999999999995E-2</v>
      </c>
      <c r="F2278" s="239">
        <v>0.1779</v>
      </c>
      <c r="G2278">
        <f t="shared" si="528"/>
        <v>4.1668800000000008</v>
      </c>
      <c r="H2278" s="235">
        <f t="shared" si="529"/>
        <v>1.9606996121798559</v>
      </c>
      <c r="I2278" s="236">
        <f t="shared" si="530"/>
        <v>18.96527250125699</v>
      </c>
      <c r="J2278" s="237">
        <f t="shared" si="535"/>
        <v>8.9652725012569903</v>
      </c>
      <c r="K2278" s="237">
        <f t="shared" si="531"/>
        <v>431.49787994859901</v>
      </c>
      <c r="L2278" s="237">
        <f t="shared" si="536"/>
        <v>204.04063685610785</v>
      </c>
      <c r="M2278" s="236">
        <f t="shared" si="532"/>
        <v>18.307049897543905</v>
      </c>
      <c r="N2278" s="236">
        <f t="shared" si="533"/>
        <v>2.1871925648901409</v>
      </c>
      <c r="O2278" s="236">
        <f t="shared" si="537"/>
        <v>2.7029208644317868</v>
      </c>
      <c r="P2278" s="236" t="str">
        <f t="shared" si="538"/>
        <v>CLAY</v>
      </c>
      <c r="Q2278" s="236">
        <f t="shared" si="534"/>
        <v>311.28184333761686</v>
      </c>
      <c r="R2278" s="238">
        <v>35</v>
      </c>
      <c r="S2278" s="236">
        <f t="shared" si="539"/>
        <v>9.467012820113716</v>
      </c>
      <c r="T2278" s="236" t="e">
        <f t="shared" si="525"/>
        <v>#N/A</v>
      </c>
    </row>
    <row r="2279" spans="1:20" x14ac:dyDescent="0.2">
      <c r="A2279" s="53">
        <f t="shared" si="526"/>
        <v>2267</v>
      </c>
      <c r="B2279" s="239">
        <v>22.768000000000001</v>
      </c>
      <c r="C2279" s="3">
        <f t="shared" si="527"/>
        <v>22.760999999999999</v>
      </c>
      <c r="D2279" s="239">
        <v>3.8210999999999999</v>
      </c>
      <c r="E2279" s="239">
        <v>8.8499999999999995E-2</v>
      </c>
      <c r="F2279" s="239">
        <v>0.19969999999999999</v>
      </c>
      <c r="G2279">
        <f t="shared" si="528"/>
        <v>3.86104</v>
      </c>
      <c r="H2279" s="235">
        <f t="shared" si="529"/>
        <v>2.2921285456768121</v>
      </c>
      <c r="I2279" s="236">
        <f t="shared" si="530"/>
        <v>19.02922375607308</v>
      </c>
      <c r="J2279" s="237">
        <f t="shared" si="535"/>
        <v>9.0292237560730797</v>
      </c>
      <c r="K2279" s="237">
        <f t="shared" si="531"/>
        <v>433.12416191197934</v>
      </c>
      <c r="L2279" s="237">
        <f t="shared" si="536"/>
        <v>205.5773664782719</v>
      </c>
      <c r="M2279" s="236">
        <f t="shared" si="532"/>
        <v>16.674578027782683</v>
      </c>
      <c r="N2279" s="236">
        <f t="shared" si="533"/>
        <v>2.5817436652517816</v>
      </c>
      <c r="O2279" s="236">
        <f t="shared" si="537"/>
        <v>2.7778404954942943</v>
      </c>
      <c r="P2279" s="236" t="str">
        <f t="shared" si="538"/>
        <v>CLAY</v>
      </c>
      <c r="Q2279" s="236">
        <f t="shared" si="534"/>
        <v>285.65965317400173</v>
      </c>
      <c r="R2279" s="238">
        <v>35</v>
      </c>
      <c r="S2279" s="236">
        <f t="shared" si="539"/>
        <v>8.423810220369397</v>
      </c>
      <c r="T2279" s="236" t="e">
        <f t="shared" si="525"/>
        <v>#N/A</v>
      </c>
    </row>
    <row r="2280" spans="1:20" x14ac:dyDescent="0.2">
      <c r="A2280" s="53">
        <f t="shared" si="526"/>
        <v>2268</v>
      </c>
      <c r="B2280" s="239">
        <v>22.777999999999999</v>
      </c>
      <c r="C2280" s="3">
        <f t="shared" si="527"/>
        <v>22.770999999999997</v>
      </c>
      <c r="D2280" s="239">
        <v>3.5676000000000001</v>
      </c>
      <c r="E2280" s="239">
        <v>9.8900000000000002E-2</v>
      </c>
      <c r="F2280" s="239">
        <v>0.2286</v>
      </c>
      <c r="G2280">
        <f t="shared" si="528"/>
        <v>3.6133200000000003</v>
      </c>
      <c r="H2280" s="235">
        <f t="shared" si="529"/>
        <v>2.7370949708301504</v>
      </c>
      <c r="I2280" s="236">
        <f t="shared" si="530"/>
        <v>19.133588824120245</v>
      </c>
      <c r="J2280" s="237">
        <f t="shared" si="535"/>
        <v>9.1335888241202454</v>
      </c>
      <c r="K2280" s="237">
        <f t="shared" si="531"/>
        <v>435.69095111404204</v>
      </c>
      <c r="L2280" s="237">
        <f t="shared" si="536"/>
        <v>208.04488623581094</v>
      </c>
      <c r="M2280" s="236">
        <f t="shared" si="532"/>
        <v>15.2737666682383</v>
      </c>
      <c r="N2280" s="236">
        <f t="shared" si="533"/>
        <v>3.1123834304911475</v>
      </c>
      <c r="O2280" s="236">
        <f t="shared" si="537"/>
        <v>2.8566991699785351</v>
      </c>
      <c r="P2280" s="236" t="str">
        <f t="shared" si="538"/>
        <v>CLAY</v>
      </c>
      <c r="Q2280" s="236">
        <f t="shared" si="534"/>
        <v>264.80242074049653</v>
      </c>
      <c r="R2280" s="238">
        <v>35</v>
      </c>
      <c r="S2280" s="236">
        <f t="shared" si="539"/>
        <v>7.548709253276388</v>
      </c>
      <c r="T2280" s="236" t="e">
        <f t="shared" si="525"/>
        <v>#N/A</v>
      </c>
    </row>
    <row r="2281" spans="1:20" x14ac:dyDescent="0.2">
      <c r="A2281" s="53">
        <f t="shared" si="526"/>
        <v>2269</v>
      </c>
      <c r="B2281" s="239">
        <v>22.789000000000001</v>
      </c>
      <c r="C2281" s="3">
        <f t="shared" si="527"/>
        <v>22.782</v>
      </c>
      <c r="D2281" s="239">
        <v>3.3864000000000001</v>
      </c>
      <c r="E2281" s="239">
        <v>0.1085</v>
      </c>
      <c r="F2281" s="239">
        <v>0.26069999999999999</v>
      </c>
      <c r="G2281">
        <f t="shared" si="528"/>
        <v>3.4385400000000002</v>
      </c>
      <c r="H2281" s="235">
        <f t="shared" si="529"/>
        <v>3.1554089817189852</v>
      </c>
      <c r="I2281" s="236">
        <f t="shared" si="530"/>
        <v>19.22284002018948</v>
      </c>
      <c r="J2281" s="237">
        <f t="shared" si="535"/>
        <v>9.22284002018948</v>
      </c>
      <c r="K2281" s="237">
        <f t="shared" si="531"/>
        <v>437.93474133995676</v>
      </c>
      <c r="L2281" s="237">
        <f t="shared" si="536"/>
        <v>210.17930122009807</v>
      </c>
      <c r="M2281" s="236">
        <f t="shared" si="532"/>
        <v>14.276407054554975</v>
      </c>
      <c r="N2281" s="236">
        <f t="shared" si="533"/>
        <v>3.6159371409104311</v>
      </c>
      <c r="O2281" s="236">
        <f t="shared" si="537"/>
        <v>2.9194278558258802</v>
      </c>
      <c r="P2281" s="236" t="str">
        <f t="shared" si="538"/>
        <v>CLAY</v>
      </c>
      <c r="Q2281" s="236">
        <f t="shared" si="534"/>
        <v>250.05043822167025</v>
      </c>
      <c r="R2281" s="238">
        <v>35</v>
      </c>
      <c r="S2281" s="236">
        <f t="shared" si="539"/>
        <v>6.9376703721355515</v>
      </c>
      <c r="T2281" s="236" t="e">
        <f t="shared" si="525"/>
        <v>#N/A</v>
      </c>
    </row>
    <row r="2282" spans="1:20" x14ac:dyDescent="0.2">
      <c r="A2282" s="53">
        <f t="shared" si="526"/>
        <v>2270</v>
      </c>
      <c r="B2282" s="239">
        <v>22.797999999999998</v>
      </c>
      <c r="C2282" s="3">
        <f t="shared" si="527"/>
        <v>22.790999999999997</v>
      </c>
      <c r="D2282" s="239">
        <v>3.1677</v>
      </c>
      <c r="E2282" s="239">
        <v>0.1188</v>
      </c>
      <c r="F2282" s="239">
        <v>0.2747</v>
      </c>
      <c r="G2282">
        <f t="shared" si="528"/>
        <v>3.2226400000000002</v>
      </c>
      <c r="H2282" s="235">
        <f t="shared" si="529"/>
        <v>3.6864185884864584</v>
      </c>
      <c r="I2282" s="236">
        <f t="shared" si="530"/>
        <v>19.303838058126438</v>
      </c>
      <c r="J2282" s="237">
        <f t="shared" si="535"/>
        <v>9.3038380581264377</v>
      </c>
      <c r="K2282" s="237">
        <f t="shared" si="531"/>
        <v>439.95377318275956</v>
      </c>
      <c r="L2282" s="237">
        <f t="shared" si="536"/>
        <v>212.10890004916652</v>
      </c>
      <c r="M2282" s="236">
        <f t="shared" si="532"/>
        <v>13.119139395717099</v>
      </c>
      <c r="N2282" s="236">
        <f t="shared" si="533"/>
        <v>4.2692560467329495</v>
      </c>
      <c r="O2282" s="236">
        <f t="shared" si="537"/>
        <v>2.9926831657588684</v>
      </c>
      <c r="P2282" s="236" t="str">
        <f t="shared" si="538"/>
        <v>CLAY</v>
      </c>
      <c r="Q2282" s="236">
        <f t="shared" si="534"/>
        <v>231.89051890143674</v>
      </c>
      <c r="R2282" s="238">
        <v>35</v>
      </c>
      <c r="S2282" s="236">
        <f t="shared" si="539"/>
        <v>6.2419702144259377</v>
      </c>
      <c r="T2282" s="236" t="e">
        <f t="shared" si="525"/>
        <v>#N/A</v>
      </c>
    </row>
    <row r="2283" spans="1:20" x14ac:dyDescent="0.2">
      <c r="A2283" s="53">
        <f t="shared" si="526"/>
        <v>2271</v>
      </c>
      <c r="B2283" s="239">
        <v>22.808</v>
      </c>
      <c r="C2283" s="3">
        <f t="shared" si="527"/>
        <v>22.800999999999998</v>
      </c>
      <c r="D2283" s="239">
        <v>2.8664999999999998</v>
      </c>
      <c r="E2283" s="239">
        <v>0.12559999999999999</v>
      </c>
      <c r="F2283" s="239">
        <v>0.3049</v>
      </c>
      <c r="G2283">
        <f t="shared" si="528"/>
        <v>2.9274799999999996</v>
      </c>
      <c r="H2283" s="235">
        <f t="shared" si="529"/>
        <v>4.2903794389714021</v>
      </c>
      <c r="I2283" s="236">
        <f t="shared" si="530"/>
        <v>19.331559623827385</v>
      </c>
      <c r="J2283" s="237">
        <f t="shared" si="535"/>
        <v>9.3315596238273848</v>
      </c>
      <c r="K2283" s="237">
        <f t="shared" si="531"/>
        <v>440.77889098288819</v>
      </c>
      <c r="L2283" s="237">
        <f t="shared" si="536"/>
        <v>212.83421190025499</v>
      </c>
      <c r="M2283" s="236">
        <f t="shared" si="532"/>
        <v>11.683747113845151</v>
      </c>
      <c r="N2283" s="236">
        <f t="shared" si="533"/>
        <v>5.05086837917744</v>
      </c>
      <c r="O2283" s="236">
        <f t="shared" si="537"/>
        <v>3.0774906175526624</v>
      </c>
      <c r="P2283" s="236" t="str">
        <f t="shared" si="538"/>
        <v>CLAY</v>
      </c>
      <c r="Q2283" s="236">
        <f t="shared" si="534"/>
        <v>207.2250924180926</v>
      </c>
      <c r="R2283" s="238">
        <v>35</v>
      </c>
      <c r="S2283" s="236">
        <f t="shared" si="539"/>
        <v>5.4002976071925284</v>
      </c>
      <c r="T2283" s="236" t="e">
        <f t="shared" si="525"/>
        <v>#N/A</v>
      </c>
    </row>
    <row r="2284" spans="1:20" x14ac:dyDescent="0.2">
      <c r="A2284" s="53">
        <f t="shared" si="526"/>
        <v>2272</v>
      </c>
      <c r="B2284" s="239">
        <v>22.818999999999999</v>
      </c>
      <c r="C2284" s="3">
        <f t="shared" si="527"/>
        <v>22.811999999999998</v>
      </c>
      <c r="D2284" s="239">
        <v>2.6732</v>
      </c>
      <c r="E2284" s="239">
        <v>0.129</v>
      </c>
      <c r="F2284" s="239">
        <v>0.36919999999999997</v>
      </c>
      <c r="G2284">
        <f t="shared" si="528"/>
        <v>2.7470400000000001</v>
      </c>
      <c r="H2284" s="235">
        <f t="shared" si="529"/>
        <v>4.6959636554254756</v>
      </c>
      <c r="I2284" s="236">
        <f t="shared" si="530"/>
        <v>19.338013757146037</v>
      </c>
      <c r="J2284" s="237">
        <f t="shared" si="535"/>
        <v>9.3380137571460367</v>
      </c>
      <c r="K2284" s="237">
        <f t="shared" si="531"/>
        <v>441.13876982801537</v>
      </c>
      <c r="L2284" s="237">
        <f t="shared" si="536"/>
        <v>213.0841359243154</v>
      </c>
      <c r="M2284" s="236">
        <f t="shared" si="532"/>
        <v>10.821552811378737</v>
      </c>
      <c r="N2284" s="236">
        <f t="shared" si="533"/>
        <v>5.5943419567185275</v>
      </c>
      <c r="O2284" s="236">
        <f t="shared" si="537"/>
        <v>3.1312491753198879</v>
      </c>
      <c r="P2284" s="236" t="str">
        <f t="shared" si="538"/>
        <v>CLAY</v>
      </c>
      <c r="Q2284" s="236">
        <f t="shared" si="534"/>
        <v>192.15843584766537</v>
      </c>
      <c r="R2284" s="238">
        <v>35</v>
      </c>
      <c r="S2284" s="236">
        <f t="shared" si="539"/>
        <v>4.90684102562372</v>
      </c>
      <c r="T2284" s="236" t="e">
        <f t="shared" si="525"/>
        <v>#N/A</v>
      </c>
    </row>
    <row r="2285" spans="1:20" x14ac:dyDescent="0.2">
      <c r="A2285" s="53">
        <f t="shared" si="526"/>
        <v>2273</v>
      </c>
      <c r="B2285" s="239">
        <v>22.827999999999999</v>
      </c>
      <c r="C2285" s="3">
        <f t="shared" si="527"/>
        <v>22.820999999999998</v>
      </c>
      <c r="D2285" s="239">
        <v>2.5758000000000001</v>
      </c>
      <c r="E2285" s="239">
        <v>0.13070000000000001</v>
      </c>
      <c r="F2285" s="239">
        <v>0.46779999999999999</v>
      </c>
      <c r="G2285">
        <f t="shared" si="528"/>
        <v>2.6693600000000002</v>
      </c>
      <c r="H2285" s="235">
        <f t="shared" si="529"/>
        <v>4.8963047322204574</v>
      </c>
      <c r="I2285" s="236">
        <f t="shared" si="530"/>
        <v>19.342153574352484</v>
      </c>
      <c r="J2285" s="237">
        <f t="shared" si="535"/>
        <v>9.3421535743524835</v>
      </c>
      <c r="K2285" s="237">
        <f t="shared" si="531"/>
        <v>441.40728672029798</v>
      </c>
      <c r="L2285" s="237">
        <f t="shared" si="536"/>
        <v>213.26268179531849</v>
      </c>
      <c r="M2285" s="236">
        <f t="shared" si="532"/>
        <v>10.446988167475112</v>
      </c>
      <c r="N2285" s="236">
        <f t="shared" si="533"/>
        <v>5.8663722627936972</v>
      </c>
      <c r="O2285" s="236">
        <f t="shared" si="537"/>
        <v>3.1561144393318874</v>
      </c>
      <c r="P2285" s="236" t="str">
        <f t="shared" si="538"/>
        <v>CLAY</v>
      </c>
      <c r="Q2285" s="236">
        <f t="shared" si="534"/>
        <v>185.66272610664183</v>
      </c>
      <c r="R2285" s="238">
        <v>35</v>
      </c>
      <c r="S2285" s="236">
        <f t="shared" si="539"/>
        <v>4.6954680221374918</v>
      </c>
      <c r="T2285" s="236" t="e">
        <f t="shared" si="525"/>
        <v>#N/A</v>
      </c>
    </row>
    <row r="2286" spans="1:20" x14ac:dyDescent="0.2">
      <c r="A2286" s="53">
        <f t="shared" si="526"/>
        <v>2274</v>
      </c>
      <c r="B2286" s="239">
        <v>22.838999999999999</v>
      </c>
      <c r="C2286" s="3">
        <f t="shared" si="527"/>
        <v>22.831999999999997</v>
      </c>
      <c r="D2286" s="239">
        <v>2.6713</v>
      </c>
      <c r="E2286" s="239">
        <v>0.13569999999999999</v>
      </c>
      <c r="F2286" s="239">
        <v>0.58150000000000002</v>
      </c>
      <c r="G2286">
        <f t="shared" si="528"/>
        <v>2.7875999999999999</v>
      </c>
      <c r="H2286" s="235">
        <f t="shared" si="529"/>
        <v>4.8679867986798682</v>
      </c>
      <c r="I2286" s="236">
        <f t="shared" si="530"/>
        <v>19.403116053326851</v>
      </c>
      <c r="J2286" s="237">
        <f t="shared" si="535"/>
        <v>9.4031160533268512</v>
      </c>
      <c r="K2286" s="237">
        <f t="shared" si="531"/>
        <v>443.01194572955859</v>
      </c>
      <c r="L2286" s="237">
        <f t="shared" si="536"/>
        <v>214.75776754193194</v>
      </c>
      <c r="M2286" s="236">
        <f t="shared" si="532"/>
        <v>10.917360899706015</v>
      </c>
      <c r="N2286" s="236">
        <f t="shared" si="533"/>
        <v>5.7877971250785611</v>
      </c>
      <c r="O2286" s="236">
        <f t="shared" si="537"/>
        <v>3.137580383714722</v>
      </c>
      <c r="P2286" s="236" t="str">
        <f t="shared" si="538"/>
        <v>CLAY</v>
      </c>
      <c r="Q2286" s="236">
        <f t="shared" si="534"/>
        <v>195.38233785587011</v>
      </c>
      <c r="R2286" s="238">
        <v>35</v>
      </c>
      <c r="S2286" s="236">
        <f t="shared" si="539"/>
        <v>4.9612040855139421</v>
      </c>
      <c r="T2286" s="236" t="e">
        <f t="shared" si="525"/>
        <v>#N/A</v>
      </c>
    </row>
    <row r="2287" spans="1:20" x14ac:dyDescent="0.2">
      <c r="A2287" s="53">
        <f t="shared" si="526"/>
        <v>2275</v>
      </c>
      <c r="B2287" s="239">
        <v>22.847999999999999</v>
      </c>
      <c r="C2287" s="3">
        <f t="shared" si="527"/>
        <v>22.840999999999998</v>
      </c>
      <c r="D2287" s="239">
        <v>3.0806</v>
      </c>
      <c r="E2287" s="239">
        <v>0.13489999999999999</v>
      </c>
      <c r="F2287" s="239">
        <v>0.64119999999999999</v>
      </c>
      <c r="G2287">
        <f t="shared" si="528"/>
        <v>3.2088399999999999</v>
      </c>
      <c r="H2287" s="235">
        <f t="shared" si="529"/>
        <v>4.2040114184565134</v>
      </c>
      <c r="I2287" s="236">
        <f t="shared" si="530"/>
        <v>19.451188574956273</v>
      </c>
      <c r="J2287" s="237">
        <f t="shared" si="535"/>
        <v>9.451188574956273</v>
      </c>
      <c r="K2287" s="237">
        <f t="shared" si="531"/>
        <v>444.2845982405762</v>
      </c>
      <c r="L2287" s="237">
        <f t="shared" si="536"/>
        <v>215.9407565606009</v>
      </c>
      <c r="M2287" s="236">
        <f t="shared" si="532"/>
        <v>12.802378975566791</v>
      </c>
      <c r="N2287" s="236">
        <f t="shared" si="533"/>
        <v>4.8796272960978353</v>
      </c>
      <c r="O2287" s="236">
        <f t="shared" si="537"/>
        <v>3.0371590259849692</v>
      </c>
      <c r="P2287" s="236" t="str">
        <f t="shared" si="538"/>
        <v>CLAY</v>
      </c>
      <c r="Q2287" s="236">
        <f t="shared" si="534"/>
        <v>230.37961681328531</v>
      </c>
      <c r="R2287" s="238">
        <v>35</v>
      </c>
      <c r="S2287" s="236">
        <f t="shared" si="539"/>
        <v>6.0541525154002551</v>
      </c>
      <c r="T2287" s="236" t="e">
        <f t="shared" si="525"/>
        <v>#N/A</v>
      </c>
    </row>
    <row r="2288" spans="1:20" x14ac:dyDescent="0.2">
      <c r="A2288" s="53">
        <f t="shared" si="526"/>
        <v>2276</v>
      </c>
      <c r="B2288" s="239">
        <v>22.856999999999999</v>
      </c>
      <c r="C2288" s="3">
        <f t="shared" si="527"/>
        <v>22.849999999999998</v>
      </c>
      <c r="D2288" s="239">
        <v>3.7145000000000001</v>
      </c>
      <c r="E2288" s="239">
        <v>0.13539999999999999</v>
      </c>
      <c r="F2288" s="239">
        <v>0.70209999999999995</v>
      </c>
      <c r="G2288">
        <f t="shared" si="528"/>
        <v>3.8549199999999999</v>
      </c>
      <c r="H2288" s="235">
        <f t="shared" si="529"/>
        <v>3.5123945503408631</v>
      </c>
      <c r="I2288" s="236">
        <f t="shared" si="530"/>
        <v>19.52722728085261</v>
      </c>
      <c r="J2288" s="237">
        <f t="shared" si="535"/>
        <v>9.5272272808526104</v>
      </c>
      <c r="K2288" s="237">
        <f t="shared" si="531"/>
        <v>446.19714336748211</v>
      </c>
      <c r="L2288" s="237">
        <f t="shared" si="536"/>
        <v>217.76383395844812</v>
      </c>
      <c r="M2288" s="236">
        <f t="shared" si="532"/>
        <v>15.653301076995835</v>
      </c>
      <c r="N2288" s="236">
        <f t="shared" si="533"/>
        <v>3.9721621761225214</v>
      </c>
      <c r="O2288" s="236">
        <f t="shared" si="537"/>
        <v>2.9131215659965042</v>
      </c>
      <c r="P2288" s="236" t="str">
        <f t="shared" si="538"/>
        <v>CLAY</v>
      </c>
      <c r="Q2288" s="236">
        <f t="shared" si="534"/>
        <v>284.06023805270985</v>
      </c>
      <c r="R2288" s="238">
        <v>35</v>
      </c>
      <c r="S2288" s="236">
        <f t="shared" si="539"/>
        <v>7.7839032978067957</v>
      </c>
      <c r="T2288" s="236" t="e">
        <f t="shared" si="525"/>
        <v>#N/A</v>
      </c>
    </row>
    <row r="2289" spans="1:20" x14ac:dyDescent="0.2">
      <c r="A2289" s="53">
        <f t="shared" si="526"/>
        <v>2277</v>
      </c>
      <c r="B2289" s="239">
        <v>22.867000000000001</v>
      </c>
      <c r="C2289" s="3">
        <f t="shared" si="527"/>
        <v>22.86</v>
      </c>
      <c r="D2289" s="239">
        <v>4.5762999999999998</v>
      </c>
      <c r="E2289" s="239">
        <v>0.13539999999999999</v>
      </c>
      <c r="F2289" s="239">
        <v>0.7248</v>
      </c>
      <c r="G2289">
        <f t="shared" si="528"/>
        <v>4.72126</v>
      </c>
      <c r="H2289" s="235">
        <f t="shared" si="529"/>
        <v>2.867878490064093</v>
      </c>
      <c r="I2289" s="236">
        <f t="shared" si="530"/>
        <v>19.606465574060906</v>
      </c>
      <c r="J2289" s="237">
        <f t="shared" si="535"/>
        <v>9.6064655740609055</v>
      </c>
      <c r="K2289" s="237">
        <f t="shared" si="531"/>
        <v>448.20380302303226</v>
      </c>
      <c r="L2289" s="237">
        <f t="shared" si="536"/>
        <v>219.67104828205075</v>
      </c>
      <c r="M2289" s="236">
        <f t="shared" si="532"/>
        <v>19.452068128206395</v>
      </c>
      <c r="N2289" s="236">
        <f t="shared" si="533"/>
        <v>3.1686922370876043</v>
      </c>
      <c r="O2289" s="236">
        <f t="shared" si="537"/>
        <v>2.7781897776757676</v>
      </c>
      <c r="P2289" s="236" t="str">
        <f t="shared" si="538"/>
        <v>CLAY</v>
      </c>
      <c r="Q2289" s="236">
        <f t="shared" si="534"/>
        <v>356.0880164147473</v>
      </c>
      <c r="R2289" s="238">
        <v>35</v>
      </c>
      <c r="S2289" s="236">
        <f t="shared" si="539"/>
        <v>10.212856650548186</v>
      </c>
      <c r="T2289" s="236" t="e">
        <f t="shared" si="525"/>
        <v>#N/A</v>
      </c>
    </row>
    <row r="2290" spans="1:20" x14ac:dyDescent="0.2">
      <c r="A2290" s="53">
        <f t="shared" si="526"/>
        <v>2278</v>
      </c>
      <c r="B2290" s="239">
        <v>22.876999999999999</v>
      </c>
      <c r="C2290" s="3">
        <f t="shared" si="527"/>
        <v>22.869999999999997</v>
      </c>
      <c r="D2290" s="239">
        <v>5.5838999999999999</v>
      </c>
      <c r="E2290" s="239">
        <v>0.13780000000000001</v>
      </c>
      <c r="F2290" s="239">
        <v>0.69130000000000003</v>
      </c>
      <c r="G2290">
        <f t="shared" si="528"/>
        <v>5.7221599999999997</v>
      </c>
      <c r="H2290" s="235">
        <f t="shared" si="529"/>
        <v>2.4081815258573687</v>
      </c>
      <c r="I2290" s="236">
        <f t="shared" si="530"/>
        <v>19.702219939261504</v>
      </c>
      <c r="J2290" s="237">
        <f t="shared" si="535"/>
        <v>9.7022199392615036</v>
      </c>
      <c r="K2290" s="237">
        <f t="shared" si="531"/>
        <v>450.58977001091051</v>
      </c>
      <c r="L2290" s="237">
        <f t="shared" si="536"/>
        <v>221.95768555048539</v>
      </c>
      <c r="M2290" s="236">
        <f t="shared" si="532"/>
        <v>23.75033879504949</v>
      </c>
      <c r="N2290" s="236">
        <f t="shared" si="533"/>
        <v>2.6140218945785576</v>
      </c>
      <c r="O2290" s="236">
        <f t="shared" si="537"/>
        <v>2.6583830485698519</v>
      </c>
      <c r="P2290" s="236" t="str">
        <f t="shared" si="538"/>
        <v>CLAY</v>
      </c>
      <c r="Q2290" s="236">
        <f t="shared" si="534"/>
        <v>439.29751916575742</v>
      </c>
      <c r="R2290" s="238">
        <v>35</v>
      </c>
      <c r="S2290" s="236">
        <f t="shared" si="539"/>
        <v>13.107723454731856</v>
      </c>
      <c r="T2290" s="236" t="e">
        <f t="shared" si="525"/>
        <v>#N/A</v>
      </c>
    </row>
    <row r="2291" spans="1:20" x14ac:dyDescent="0.2">
      <c r="A2291" s="53">
        <f t="shared" si="526"/>
        <v>2279</v>
      </c>
      <c r="B2291" s="239">
        <v>22.887</v>
      </c>
      <c r="C2291" s="3">
        <f t="shared" si="527"/>
        <v>22.88</v>
      </c>
      <c r="D2291" s="239">
        <v>6.6337000000000002</v>
      </c>
      <c r="E2291" s="239">
        <v>0.1338</v>
      </c>
      <c r="F2291" s="239">
        <v>0.58879999999999999</v>
      </c>
      <c r="G2291">
        <f t="shared" si="528"/>
        <v>6.7514599999999998</v>
      </c>
      <c r="H2291" s="235">
        <f t="shared" si="529"/>
        <v>1.9817935676135237</v>
      </c>
      <c r="I2291" s="236">
        <f t="shared" si="530"/>
        <v>19.73233248971361</v>
      </c>
      <c r="J2291" s="237">
        <f t="shared" si="535"/>
        <v>9.7323324897136096</v>
      </c>
      <c r="K2291" s="237">
        <f t="shared" si="531"/>
        <v>451.47576736464737</v>
      </c>
      <c r="L2291" s="237">
        <f t="shared" si="536"/>
        <v>222.74389369207537</v>
      </c>
      <c r="M2291" s="236">
        <f t="shared" si="532"/>
        <v>28.283532842182193</v>
      </c>
      <c r="N2291" s="236">
        <f t="shared" si="533"/>
        <v>2.1238148392004783</v>
      </c>
      <c r="O2291" s="236">
        <f t="shared" si="537"/>
        <v>2.5431823205932123</v>
      </c>
      <c r="P2291" s="236" t="str">
        <f t="shared" si="538"/>
        <v>SAND</v>
      </c>
      <c r="Q2291" s="236" t="e">
        <f t="shared" si="534"/>
        <v>#N/A</v>
      </c>
      <c r="R2291" s="238">
        <v>35</v>
      </c>
      <c r="S2291" s="236" t="e">
        <f t="shared" si="539"/>
        <v>#N/A</v>
      </c>
      <c r="T2291" s="236">
        <f t="shared" si="525"/>
        <v>33.566870209500124</v>
      </c>
    </row>
    <row r="2292" spans="1:20" x14ac:dyDescent="0.2">
      <c r="A2292" s="53">
        <f t="shared" si="526"/>
        <v>2280</v>
      </c>
      <c r="B2292" s="239">
        <v>22.896000000000001</v>
      </c>
      <c r="C2292" s="3">
        <f t="shared" si="527"/>
        <v>22.888999999999999</v>
      </c>
      <c r="D2292" s="239">
        <v>7.6382000000000003</v>
      </c>
      <c r="E2292" s="239">
        <v>0.1206</v>
      </c>
      <c r="F2292" s="239">
        <v>0.32519999999999999</v>
      </c>
      <c r="G2292">
        <f t="shared" si="528"/>
        <v>7.7032400000000001</v>
      </c>
      <c r="H2292" s="235">
        <f t="shared" si="529"/>
        <v>1.5655750048031738</v>
      </c>
      <c r="I2292" s="236">
        <f t="shared" si="530"/>
        <v>19.662086871400565</v>
      </c>
      <c r="J2292" s="237">
        <f t="shared" si="535"/>
        <v>9.6620868714005645</v>
      </c>
      <c r="K2292" s="237">
        <f t="shared" si="531"/>
        <v>450.04550639948752</v>
      </c>
      <c r="L2292" s="237">
        <f t="shared" si="536"/>
        <v>221.22314100758734</v>
      </c>
      <c r="M2292" s="236">
        <f t="shared" si="532"/>
        <v>32.786780173922885</v>
      </c>
      <c r="N2292" s="236">
        <f t="shared" si="533"/>
        <v>1.6627156504131424</v>
      </c>
      <c r="O2292" s="236">
        <f t="shared" si="537"/>
        <v>2.4280135433778702</v>
      </c>
      <c r="P2292" s="236" t="str">
        <f t="shared" si="538"/>
        <v>SAND</v>
      </c>
      <c r="Q2292" s="236" t="e">
        <f t="shared" si="534"/>
        <v>#N/A</v>
      </c>
      <c r="R2292" s="238">
        <v>35</v>
      </c>
      <c r="S2292" s="236" t="e">
        <f t="shared" si="539"/>
        <v>#N/A</v>
      </c>
      <c r="T2292" s="236">
        <f t="shared" si="525"/>
        <v>34.272686457564248</v>
      </c>
    </row>
    <row r="2293" spans="1:20" x14ac:dyDescent="0.2">
      <c r="A2293" s="53">
        <f t="shared" si="526"/>
        <v>2281</v>
      </c>
      <c r="B2293" s="239">
        <v>22.905999999999999</v>
      </c>
      <c r="C2293" s="3">
        <f t="shared" si="527"/>
        <v>22.898999999999997</v>
      </c>
      <c r="D2293" s="239">
        <v>8.4084000000000003</v>
      </c>
      <c r="E2293" s="239">
        <v>0.1096</v>
      </c>
      <c r="F2293" s="239">
        <v>0.16550000000000001</v>
      </c>
      <c r="G2293">
        <f t="shared" si="528"/>
        <v>8.4414999999999996</v>
      </c>
      <c r="H2293" s="235">
        <f t="shared" si="529"/>
        <v>1.2983474500977314</v>
      </c>
      <c r="I2293" s="236">
        <f t="shared" si="530"/>
        <v>19.585709212908306</v>
      </c>
      <c r="J2293" s="237">
        <f t="shared" si="535"/>
        <v>9.5857092129083057</v>
      </c>
      <c r="K2293" s="237">
        <f t="shared" si="531"/>
        <v>448.49315526638725</v>
      </c>
      <c r="L2293" s="237">
        <f t="shared" si="536"/>
        <v>219.57025523087765</v>
      </c>
      <c r="M2293" s="236">
        <f t="shared" si="532"/>
        <v>36.402958298376902</v>
      </c>
      <c r="N2293" s="236">
        <f t="shared" si="533"/>
        <v>1.3711986256112447</v>
      </c>
      <c r="O2293" s="236">
        <f t="shared" si="537"/>
        <v>2.3421102864134991</v>
      </c>
      <c r="P2293" s="236" t="str">
        <f t="shared" si="538"/>
        <v>SAND</v>
      </c>
      <c r="Q2293" s="236" t="e">
        <f t="shared" si="534"/>
        <v>#N/A</v>
      </c>
      <c r="R2293" s="238">
        <v>35</v>
      </c>
      <c r="S2293" s="236" t="e">
        <f t="shared" si="539"/>
        <v>#N/A</v>
      </c>
      <c r="T2293" s="236">
        <f t="shared" si="525"/>
        <v>34.772503459837786</v>
      </c>
    </row>
    <row r="2294" spans="1:20" x14ac:dyDescent="0.2">
      <c r="A2294" s="53">
        <f t="shared" si="526"/>
        <v>2282</v>
      </c>
      <c r="B2294" s="239">
        <v>22.914999999999999</v>
      </c>
      <c r="C2294" s="3">
        <f t="shared" si="527"/>
        <v>22.907999999999998</v>
      </c>
      <c r="D2294" s="239">
        <v>8.8962000000000003</v>
      </c>
      <c r="E2294" s="239">
        <v>0.1037</v>
      </c>
      <c r="F2294" s="239">
        <v>0.1452</v>
      </c>
      <c r="G2294">
        <f t="shared" si="528"/>
        <v>8.9252400000000005</v>
      </c>
      <c r="H2294" s="235">
        <f t="shared" si="529"/>
        <v>1.1618735182471283</v>
      </c>
      <c r="I2294" s="236">
        <f t="shared" si="530"/>
        <v>19.542603609453757</v>
      </c>
      <c r="J2294" s="237">
        <f t="shared" si="535"/>
        <v>9.5426036094537565</v>
      </c>
      <c r="K2294" s="237">
        <f t="shared" si="531"/>
        <v>447.68196348536662</v>
      </c>
      <c r="L2294" s="237">
        <f t="shared" si="536"/>
        <v>218.66876171063282</v>
      </c>
      <c r="M2294" s="236">
        <f t="shared" si="532"/>
        <v>38.768948843882391</v>
      </c>
      <c r="N2294" s="236">
        <f t="shared" si="533"/>
        <v>1.2232296087309837</v>
      </c>
      <c r="O2294" s="236">
        <f t="shared" si="537"/>
        <v>2.291217905559638</v>
      </c>
      <c r="P2294" s="236" t="str">
        <f t="shared" si="538"/>
        <v>SAND</v>
      </c>
      <c r="Q2294" s="236" t="e">
        <f t="shared" si="534"/>
        <v>#N/A</v>
      </c>
      <c r="R2294" s="238">
        <v>35</v>
      </c>
      <c r="S2294" s="236" t="e">
        <f t="shared" si="539"/>
        <v>#N/A</v>
      </c>
      <c r="T2294" s="236">
        <f t="shared" si="525"/>
        <v>35.07332428586929</v>
      </c>
    </row>
    <row r="2295" spans="1:20" x14ac:dyDescent="0.2">
      <c r="A2295" s="53">
        <f t="shared" si="526"/>
        <v>2283</v>
      </c>
      <c r="B2295" s="239">
        <v>22.923999999999999</v>
      </c>
      <c r="C2295" s="3">
        <f t="shared" si="527"/>
        <v>22.916999999999998</v>
      </c>
      <c r="D2295" s="239">
        <v>9.2073</v>
      </c>
      <c r="E2295" s="239">
        <v>9.5500000000000002E-2</v>
      </c>
      <c r="F2295" s="239">
        <v>0.13800000000000001</v>
      </c>
      <c r="G2295">
        <f t="shared" si="528"/>
        <v>9.2348999999999997</v>
      </c>
      <c r="H2295" s="235">
        <f t="shared" si="529"/>
        <v>1.0341205643807729</v>
      </c>
      <c r="I2295" s="236">
        <f t="shared" si="530"/>
        <v>19.459341135002987</v>
      </c>
      <c r="J2295" s="237">
        <f t="shared" si="535"/>
        <v>9.4593411350029868</v>
      </c>
      <c r="K2295" s="237">
        <f t="shared" si="531"/>
        <v>445.94972079086341</v>
      </c>
      <c r="L2295" s="237">
        <f t="shared" si="536"/>
        <v>216.84593617880847</v>
      </c>
      <c r="M2295" s="236">
        <f t="shared" si="532"/>
        <v>40.530850769377011</v>
      </c>
      <c r="N2295" s="236">
        <f t="shared" si="533"/>
        <v>1.0865916516322978</v>
      </c>
      <c r="O2295" s="236">
        <f t="shared" si="537"/>
        <v>2.2462290033556238</v>
      </c>
      <c r="P2295" s="236" t="str">
        <f t="shared" si="538"/>
        <v>SAND</v>
      </c>
      <c r="Q2295" s="236" t="e">
        <f t="shared" si="534"/>
        <v>#N/A</v>
      </c>
      <c r="R2295" s="238">
        <v>35</v>
      </c>
      <c r="S2295" s="236" t="e">
        <f t="shared" si="539"/>
        <v>#N/A</v>
      </c>
      <c r="T2295" s="236">
        <f t="shared" si="525"/>
        <v>35.285642919625118</v>
      </c>
    </row>
    <row r="2296" spans="1:20" x14ac:dyDescent="0.2">
      <c r="A2296" s="53">
        <f t="shared" si="526"/>
        <v>2284</v>
      </c>
      <c r="B2296" s="239">
        <v>22.934999999999999</v>
      </c>
      <c r="C2296" s="3">
        <f t="shared" si="527"/>
        <v>22.927999999999997</v>
      </c>
      <c r="D2296" s="239">
        <v>9.4420000000000002</v>
      </c>
      <c r="E2296" s="239">
        <v>8.8999999999999996E-2</v>
      </c>
      <c r="F2296" s="239">
        <v>0.12429999999999999</v>
      </c>
      <c r="G2296">
        <f t="shared" si="528"/>
        <v>9.4668600000000005</v>
      </c>
      <c r="H2296" s="235">
        <f t="shared" si="529"/>
        <v>0.94012164540301624</v>
      </c>
      <c r="I2296" s="236">
        <f t="shared" si="530"/>
        <v>19.386381431491792</v>
      </c>
      <c r="J2296" s="237">
        <f t="shared" si="535"/>
        <v>9.3863814314917917</v>
      </c>
      <c r="K2296" s="237">
        <f t="shared" si="531"/>
        <v>444.49095346124375</v>
      </c>
      <c r="L2296" s="237">
        <f t="shared" si="536"/>
        <v>215.27665813126424</v>
      </c>
      <c r="M2296" s="236">
        <f t="shared" si="532"/>
        <v>41.910577416328145</v>
      </c>
      <c r="N2296" s="236">
        <f t="shared" si="533"/>
        <v>0.98643714905613389</v>
      </c>
      <c r="O2296" s="236">
        <f t="shared" si="537"/>
        <v>2.2108533353493849</v>
      </c>
      <c r="P2296" s="236" t="str">
        <f t="shared" si="538"/>
        <v>SAND</v>
      </c>
      <c r="Q2296" s="236" t="e">
        <f t="shared" si="534"/>
        <v>#N/A</v>
      </c>
      <c r="R2296" s="238">
        <v>35</v>
      </c>
      <c r="S2296" s="236" t="e">
        <f t="shared" si="539"/>
        <v>#N/A</v>
      </c>
      <c r="T2296" s="236">
        <f t="shared" si="525"/>
        <v>35.445560087281898</v>
      </c>
    </row>
    <row r="2297" spans="1:20" x14ac:dyDescent="0.2">
      <c r="A2297" s="53">
        <f t="shared" si="526"/>
        <v>2285</v>
      </c>
      <c r="B2297" s="239">
        <v>22.943999999999999</v>
      </c>
      <c r="C2297" s="3">
        <f t="shared" si="527"/>
        <v>22.936999999999998</v>
      </c>
      <c r="D2297" s="239">
        <v>9.6120000000000001</v>
      </c>
      <c r="E2297" s="239">
        <v>8.3199999999999996E-2</v>
      </c>
      <c r="F2297" s="239">
        <v>0.1318</v>
      </c>
      <c r="G2297">
        <f t="shared" si="528"/>
        <v>9.6383600000000005</v>
      </c>
      <c r="H2297" s="235">
        <f t="shared" si="529"/>
        <v>0.86321739383048557</v>
      </c>
      <c r="I2297" s="236">
        <f t="shared" si="530"/>
        <v>19.314378864511944</v>
      </c>
      <c r="J2297" s="237">
        <f t="shared" si="535"/>
        <v>9.3143788645119443</v>
      </c>
      <c r="K2297" s="237">
        <f t="shared" si="531"/>
        <v>443.01390801531045</v>
      </c>
      <c r="L2297" s="237">
        <f t="shared" si="536"/>
        <v>213.70910866736205</v>
      </c>
      <c r="M2297" s="236">
        <f t="shared" si="532"/>
        <v>43.02739433674413</v>
      </c>
      <c r="N2297" s="236">
        <f t="shared" si="533"/>
        <v>0.9048055306207885</v>
      </c>
      <c r="O2297" s="236">
        <f t="shared" si="537"/>
        <v>2.180851783465684</v>
      </c>
      <c r="P2297" s="236" t="str">
        <f t="shared" si="538"/>
        <v>SAND</v>
      </c>
      <c r="Q2297" s="236" t="e">
        <f t="shared" si="534"/>
        <v>#N/A</v>
      </c>
      <c r="R2297" s="238">
        <v>35</v>
      </c>
      <c r="S2297" s="236" t="e">
        <f t="shared" si="539"/>
        <v>#N/A</v>
      </c>
      <c r="T2297" s="236">
        <f t="shared" si="525"/>
        <v>35.571195514465302</v>
      </c>
    </row>
    <row r="2298" spans="1:20" x14ac:dyDescent="0.2">
      <c r="A2298" s="53">
        <f t="shared" si="526"/>
        <v>2286</v>
      </c>
      <c r="B2298" s="239">
        <v>22.954000000000001</v>
      </c>
      <c r="C2298" s="3">
        <f t="shared" si="527"/>
        <v>22.946999999999999</v>
      </c>
      <c r="D2298" s="239">
        <v>9.7152999999999992</v>
      </c>
      <c r="E2298" s="239">
        <v>7.6100000000000001E-2</v>
      </c>
      <c r="F2298" s="239">
        <v>0.129</v>
      </c>
      <c r="G2298">
        <f t="shared" si="528"/>
        <v>9.7410999999999994</v>
      </c>
      <c r="H2298" s="235">
        <f t="shared" si="529"/>
        <v>0.7812259395756127</v>
      </c>
      <c r="I2298" s="236">
        <f t="shared" si="530"/>
        <v>19.213928829229591</v>
      </c>
      <c r="J2298" s="237">
        <f t="shared" si="535"/>
        <v>9.2139288292295909</v>
      </c>
      <c r="K2298" s="237">
        <f t="shared" si="531"/>
        <v>440.90202484433138</v>
      </c>
      <c r="L2298" s="237">
        <f t="shared" si="536"/>
        <v>211.49652234613603</v>
      </c>
      <c r="M2298" s="236">
        <f t="shared" si="532"/>
        <v>43.973290302782978</v>
      </c>
      <c r="N2298" s="236">
        <f t="shared" si="533"/>
        <v>0.8182621510132555</v>
      </c>
      <c r="O2298" s="236">
        <f t="shared" si="537"/>
        <v>2.1495776092843637</v>
      </c>
      <c r="P2298" s="236" t="str">
        <f t="shared" si="538"/>
        <v>SAND</v>
      </c>
      <c r="Q2298" s="236" t="e">
        <f t="shared" si="534"/>
        <v>#N/A</v>
      </c>
      <c r="R2298" s="238">
        <v>35</v>
      </c>
      <c r="S2298" s="236" t="e">
        <f t="shared" si="539"/>
        <v>#N/A</v>
      </c>
      <c r="T2298" s="236">
        <f t="shared" si="525"/>
        <v>35.675078592266651</v>
      </c>
    </row>
    <row r="2299" spans="1:20" x14ac:dyDescent="0.2">
      <c r="A2299" s="53">
        <f t="shared" si="526"/>
        <v>2287</v>
      </c>
      <c r="B2299" s="239">
        <v>22.963999999999999</v>
      </c>
      <c r="C2299" s="3">
        <f t="shared" si="527"/>
        <v>22.956999999999997</v>
      </c>
      <c r="D2299" s="239">
        <v>9.7769999999999992</v>
      </c>
      <c r="E2299" s="239">
        <v>6.9699999999999998E-2</v>
      </c>
      <c r="F2299" s="239">
        <v>0.12659999999999999</v>
      </c>
      <c r="G2299">
        <f t="shared" si="528"/>
        <v>9.8023199999999999</v>
      </c>
      <c r="H2299" s="235">
        <f t="shared" si="529"/>
        <v>0.7110561581339927</v>
      </c>
      <c r="I2299" s="236">
        <f t="shared" si="530"/>
        <v>19.113367543733503</v>
      </c>
      <c r="J2299" s="237">
        <f t="shared" si="535"/>
        <v>9.1133675437335029</v>
      </c>
      <c r="K2299" s="237">
        <f t="shared" si="531"/>
        <v>438.78557870148995</v>
      </c>
      <c r="L2299" s="237">
        <f t="shared" si="536"/>
        <v>209.27937227429615</v>
      </c>
      <c r="M2299" s="236">
        <f t="shared" si="532"/>
        <v>44.741793324121822</v>
      </c>
      <c r="N2299" s="236">
        <f t="shared" si="533"/>
        <v>0.74437703610571226</v>
      </c>
      <c r="O2299" s="236">
        <f t="shared" si="537"/>
        <v>2.1217482558652385</v>
      </c>
      <c r="P2299" s="236" t="str">
        <f t="shared" si="538"/>
        <v>SAND</v>
      </c>
      <c r="Q2299" s="236" t="e">
        <f t="shared" si="534"/>
        <v>#N/A</v>
      </c>
      <c r="R2299" s="238">
        <v>35</v>
      </c>
      <c r="S2299" s="236" t="e">
        <f t="shared" si="539"/>
        <v>#N/A</v>
      </c>
      <c r="T2299" s="236">
        <f t="shared" si="525"/>
        <v>35.75784726075473</v>
      </c>
    </row>
    <row r="2300" spans="1:20" x14ac:dyDescent="0.2">
      <c r="A2300" s="53">
        <f t="shared" si="526"/>
        <v>2288</v>
      </c>
      <c r="B2300" s="239">
        <v>22.974</v>
      </c>
      <c r="C2300" s="3">
        <f t="shared" si="527"/>
        <v>22.966999999999999</v>
      </c>
      <c r="D2300" s="239">
        <v>9.7859999999999996</v>
      </c>
      <c r="E2300" s="239">
        <v>6.3600000000000004E-2</v>
      </c>
      <c r="F2300" s="239">
        <v>0.14330000000000001</v>
      </c>
      <c r="G2300">
        <f t="shared" si="528"/>
        <v>9.8146599999999999</v>
      </c>
      <c r="H2300" s="235">
        <f t="shared" si="529"/>
        <v>0.64801022144424769</v>
      </c>
      <c r="I2300" s="236">
        <f t="shared" si="530"/>
        <v>19.006465000041821</v>
      </c>
      <c r="J2300" s="237">
        <f t="shared" si="535"/>
        <v>9.0064650000418212</v>
      </c>
      <c r="K2300" s="237">
        <f t="shared" si="531"/>
        <v>436.52148165596049</v>
      </c>
      <c r="L2300" s="237">
        <f t="shared" si="536"/>
        <v>206.9145269109608</v>
      </c>
      <c r="M2300" s="236">
        <f t="shared" si="532"/>
        <v>45.323731776356276</v>
      </c>
      <c r="N2300" s="236">
        <f t="shared" si="533"/>
        <v>0.67817296444913544</v>
      </c>
      <c r="O2300" s="236">
        <f t="shared" si="537"/>
        <v>2.0963614664492263</v>
      </c>
      <c r="P2300" s="236" t="str">
        <f t="shared" si="538"/>
        <v>SAND</v>
      </c>
      <c r="Q2300" s="236" t="e">
        <f t="shared" si="534"/>
        <v>#N/A</v>
      </c>
      <c r="R2300" s="238">
        <v>35</v>
      </c>
      <c r="S2300" s="236" t="e">
        <f t="shared" si="539"/>
        <v>#N/A</v>
      </c>
      <c r="T2300" s="236">
        <f t="shared" si="525"/>
        <v>35.819582268240104</v>
      </c>
    </row>
    <row r="2301" spans="1:20" x14ac:dyDescent="0.2">
      <c r="A2301" s="53">
        <f t="shared" si="526"/>
        <v>2289</v>
      </c>
      <c r="B2301" s="239">
        <v>22.983000000000001</v>
      </c>
      <c r="C2301" s="3">
        <f t="shared" si="527"/>
        <v>22.975999999999999</v>
      </c>
      <c r="D2301" s="239">
        <v>9.8001000000000005</v>
      </c>
      <c r="E2301" s="239">
        <v>6.0499999999999998E-2</v>
      </c>
      <c r="F2301" s="239">
        <v>0.15029999999999999</v>
      </c>
      <c r="G2301">
        <f t="shared" si="528"/>
        <v>9.8301600000000011</v>
      </c>
      <c r="H2301" s="235">
        <f t="shared" si="529"/>
        <v>0.61545285122520887</v>
      </c>
      <c r="I2301" s="236">
        <f t="shared" si="530"/>
        <v>18.948487093935743</v>
      </c>
      <c r="J2301" s="237">
        <f t="shared" si="535"/>
        <v>8.9484870939357428</v>
      </c>
      <c r="K2301" s="237">
        <f t="shared" si="531"/>
        <v>435.36043947026764</v>
      </c>
      <c r="L2301" s="237">
        <f t="shared" si="536"/>
        <v>205.66307887992519</v>
      </c>
      <c r="M2301" s="236">
        <f t="shared" si="532"/>
        <v>45.680535425684333</v>
      </c>
      <c r="N2301" s="236">
        <f t="shared" si="533"/>
        <v>0.6439732919282064</v>
      </c>
      <c r="O2301" s="236">
        <f t="shared" si="537"/>
        <v>2.0822205082410323</v>
      </c>
      <c r="P2301" s="236" t="str">
        <f t="shared" si="538"/>
        <v>SAND</v>
      </c>
      <c r="Q2301" s="236" t="e">
        <f t="shared" si="534"/>
        <v>#N/A</v>
      </c>
      <c r="R2301" s="238">
        <v>35</v>
      </c>
      <c r="S2301" s="236" t="e">
        <f t="shared" si="539"/>
        <v>#N/A</v>
      </c>
      <c r="T2301" s="236">
        <f t="shared" si="525"/>
        <v>35.857043042397478</v>
      </c>
    </row>
    <row r="2302" spans="1:20" x14ac:dyDescent="0.2">
      <c r="A2302" s="53">
        <f t="shared" si="526"/>
        <v>2290</v>
      </c>
      <c r="B2302" s="239">
        <v>22.994</v>
      </c>
      <c r="C2302" s="3">
        <f t="shared" si="527"/>
        <v>22.986999999999998</v>
      </c>
      <c r="D2302" s="239">
        <v>9.8209999999999997</v>
      </c>
      <c r="E2302" s="239">
        <v>5.6399999999999999E-2</v>
      </c>
      <c r="F2302" s="239">
        <v>0.15440000000000001</v>
      </c>
      <c r="G2302">
        <f t="shared" si="528"/>
        <v>9.8518799999999995</v>
      </c>
      <c r="H2302" s="235">
        <f t="shared" si="529"/>
        <v>0.5724795673516121</v>
      </c>
      <c r="I2302" s="236">
        <f t="shared" si="530"/>
        <v>18.867063837118025</v>
      </c>
      <c r="J2302" s="237">
        <f t="shared" si="535"/>
        <v>8.8670638371180246</v>
      </c>
      <c r="K2302" s="237">
        <f t="shared" si="531"/>
        <v>433.697196423832</v>
      </c>
      <c r="L2302" s="237">
        <f t="shared" si="536"/>
        <v>203.88926587069184</v>
      </c>
      <c r="M2302" s="236">
        <f t="shared" si="532"/>
        <v>46.192636789173839</v>
      </c>
      <c r="N2302" s="236">
        <f t="shared" si="533"/>
        <v>0.59884163618680697</v>
      </c>
      <c r="O2302" s="236">
        <f t="shared" si="537"/>
        <v>2.062570906470417</v>
      </c>
      <c r="P2302" s="236" t="str">
        <f t="shared" si="538"/>
        <v>SAND</v>
      </c>
      <c r="Q2302" s="236" t="e">
        <f t="shared" si="534"/>
        <v>#N/A</v>
      </c>
      <c r="R2302" s="238">
        <v>35</v>
      </c>
      <c r="S2302" s="236" t="e">
        <f t="shared" si="539"/>
        <v>#N/A</v>
      </c>
      <c r="T2302" s="236">
        <f t="shared" si="525"/>
        <v>35.910300289049346</v>
      </c>
    </row>
    <row r="2303" spans="1:20" x14ac:dyDescent="0.2">
      <c r="A2303" s="53">
        <f t="shared" si="526"/>
        <v>2291</v>
      </c>
      <c r="B2303" s="239">
        <v>23.003</v>
      </c>
      <c r="C2303" s="3">
        <f t="shared" si="527"/>
        <v>22.995999999999999</v>
      </c>
      <c r="D2303" s="239">
        <v>9.8699999999999992</v>
      </c>
      <c r="E2303" s="239">
        <v>5.4399999999999997E-2</v>
      </c>
      <c r="F2303" s="239">
        <v>0.16289999999999999</v>
      </c>
      <c r="G2303">
        <f t="shared" si="528"/>
        <v>9.9025799999999986</v>
      </c>
      <c r="H2303" s="235">
        <f t="shared" si="529"/>
        <v>0.54935178509035021</v>
      </c>
      <c r="I2303" s="236">
        <f t="shared" si="530"/>
        <v>18.826733607231436</v>
      </c>
      <c r="J2303" s="237">
        <f t="shared" si="535"/>
        <v>8.8267336072314357</v>
      </c>
      <c r="K2303" s="237">
        <f t="shared" si="531"/>
        <v>432.93956603189406</v>
      </c>
      <c r="L2303" s="237">
        <f t="shared" si="536"/>
        <v>203.04135316714471</v>
      </c>
      <c r="M2303" s="236">
        <f t="shared" si="532"/>
        <v>46.63897421020755</v>
      </c>
      <c r="N2303" s="236">
        <f t="shared" si="533"/>
        <v>0.57446742966991959</v>
      </c>
      <c r="O2303" s="236">
        <f t="shared" si="537"/>
        <v>2.0502355830787424</v>
      </c>
      <c r="P2303" s="236" t="str">
        <f t="shared" si="538"/>
        <v>SAND</v>
      </c>
      <c r="Q2303" s="236" t="e">
        <f t="shared" si="534"/>
        <v>#N/A</v>
      </c>
      <c r="R2303" s="238">
        <v>35</v>
      </c>
      <c r="S2303" s="236" t="e">
        <f t="shared" si="539"/>
        <v>#N/A</v>
      </c>
      <c r="T2303" s="236">
        <f t="shared" si="525"/>
        <v>35.956238888565821</v>
      </c>
    </row>
    <row r="2304" spans="1:20" x14ac:dyDescent="0.2">
      <c r="A2304" s="53">
        <f t="shared" si="526"/>
        <v>2292</v>
      </c>
      <c r="B2304" s="239">
        <v>23.012</v>
      </c>
      <c r="C2304" s="3">
        <f t="shared" si="527"/>
        <v>23.004999999999999</v>
      </c>
      <c r="D2304" s="239">
        <v>9.9534000000000002</v>
      </c>
      <c r="E2304" s="239">
        <v>5.9299999999999999E-2</v>
      </c>
      <c r="F2304" s="239">
        <v>0.1691</v>
      </c>
      <c r="G2304">
        <f t="shared" si="528"/>
        <v>9.9872200000000007</v>
      </c>
      <c r="H2304" s="235">
        <f t="shared" si="529"/>
        <v>0.59375882377678668</v>
      </c>
      <c r="I2304" s="236">
        <f t="shared" si="530"/>
        <v>18.931190881483889</v>
      </c>
      <c r="J2304" s="237">
        <f t="shared" si="535"/>
        <v>8.9311908814838894</v>
      </c>
      <c r="K2304" s="237">
        <f t="shared" si="531"/>
        <v>435.51204622853686</v>
      </c>
      <c r="L2304" s="237">
        <f t="shared" si="536"/>
        <v>205.52456456470728</v>
      </c>
      <c r="M2304" s="236">
        <f t="shared" si="532"/>
        <v>46.474775285385448</v>
      </c>
      <c r="N2304" s="236">
        <f t="shared" si="533"/>
        <v>0.62083137682811551</v>
      </c>
      <c r="O2304" s="236">
        <f t="shared" si="537"/>
        <v>2.0678832415200872</v>
      </c>
      <c r="P2304" s="236" t="str">
        <f t="shared" si="538"/>
        <v>SAND</v>
      </c>
      <c r="Q2304" s="236" t="e">
        <f t="shared" si="534"/>
        <v>#N/A</v>
      </c>
      <c r="R2304" s="238">
        <v>35</v>
      </c>
      <c r="S2304" s="236" t="e">
        <f t="shared" si="539"/>
        <v>#N/A</v>
      </c>
      <c r="T2304" s="236">
        <f t="shared" si="525"/>
        <v>35.939390284054177</v>
      </c>
    </row>
    <row r="2305" spans="1:21" x14ac:dyDescent="0.2">
      <c r="A2305" s="53">
        <f t="shared" si="526"/>
        <v>2293</v>
      </c>
      <c r="B2305" s="239">
        <v>23.023</v>
      </c>
      <c r="C2305" s="3">
        <f t="shared" si="527"/>
        <v>23.015999999999998</v>
      </c>
      <c r="D2305" s="239">
        <v>10.053699999999999</v>
      </c>
      <c r="E2305" s="239">
        <v>6.4299999999999996E-2</v>
      </c>
      <c r="F2305" s="239">
        <v>0.17829999999999999</v>
      </c>
      <c r="G2305">
        <f t="shared" si="528"/>
        <v>10.089359999999999</v>
      </c>
      <c r="H2305" s="235">
        <f t="shared" si="529"/>
        <v>0.63730504214340655</v>
      </c>
      <c r="I2305" s="236">
        <f t="shared" si="530"/>
        <v>19.030089937872727</v>
      </c>
      <c r="J2305" s="237">
        <f t="shared" si="535"/>
        <v>9.0300899378727273</v>
      </c>
      <c r="K2305" s="237">
        <f t="shared" si="531"/>
        <v>437.99655001007864</v>
      </c>
      <c r="L2305" s="237">
        <f t="shared" si="536"/>
        <v>207.8997606396438</v>
      </c>
      <c r="M2305" s="236">
        <f t="shared" si="532"/>
        <v>46.423158065673739</v>
      </c>
      <c r="N2305" s="236">
        <f t="shared" si="533"/>
        <v>0.66622711219177178</v>
      </c>
      <c r="O2305" s="236">
        <f t="shared" si="537"/>
        <v>2.083485857863614</v>
      </c>
      <c r="P2305" s="236" t="str">
        <f t="shared" si="538"/>
        <v>SAND</v>
      </c>
      <c r="Q2305" s="236" t="e">
        <f t="shared" si="534"/>
        <v>#N/A</v>
      </c>
      <c r="R2305" s="238">
        <v>35</v>
      </c>
      <c r="S2305" s="236" t="e">
        <f t="shared" si="539"/>
        <v>#N/A</v>
      </c>
      <c r="T2305" s="236">
        <f t="shared" si="525"/>
        <v>35.934081493490318</v>
      </c>
    </row>
    <row r="2306" spans="1:21" x14ac:dyDescent="0.2">
      <c r="A2306" s="53">
        <f t="shared" si="526"/>
        <v>2294</v>
      </c>
      <c r="B2306" s="239">
        <v>23.032</v>
      </c>
      <c r="C2306" s="3">
        <f t="shared" si="527"/>
        <v>23.024999999999999</v>
      </c>
      <c r="D2306" s="239">
        <v>10.1602</v>
      </c>
      <c r="E2306" s="239">
        <v>6.6000000000000003E-2</v>
      </c>
      <c r="F2306" s="239">
        <v>0.1842</v>
      </c>
      <c r="G2306">
        <f t="shared" si="528"/>
        <v>10.197039999999999</v>
      </c>
      <c r="H2306" s="235">
        <f t="shared" si="529"/>
        <v>0.6472466519695913</v>
      </c>
      <c r="I2306" s="236">
        <f t="shared" si="530"/>
        <v>19.064838390969985</v>
      </c>
      <c r="J2306" s="237">
        <f t="shared" si="535"/>
        <v>9.0648383909699852</v>
      </c>
      <c r="K2306" s="237">
        <f t="shared" si="531"/>
        <v>438.96790395208387</v>
      </c>
      <c r="L2306" s="237">
        <f t="shared" si="536"/>
        <v>208.78135782082069</v>
      </c>
      <c r="M2306" s="236">
        <f t="shared" si="532"/>
        <v>46.738234667591541</v>
      </c>
      <c r="N2306" s="236">
        <f t="shared" si="533"/>
        <v>0.67636311097486601</v>
      </c>
      <c r="O2306" s="236">
        <f t="shared" si="537"/>
        <v>2.0842403076124101</v>
      </c>
      <c r="P2306" s="236" t="str">
        <f t="shared" si="538"/>
        <v>SAND</v>
      </c>
      <c r="Q2306" s="236" t="e">
        <f t="shared" si="534"/>
        <v>#N/A</v>
      </c>
      <c r="R2306" s="238">
        <v>35</v>
      </c>
      <c r="S2306" s="236" t="e">
        <f t="shared" si="539"/>
        <v>#N/A</v>
      </c>
      <c r="T2306" s="236">
        <f t="shared" si="525"/>
        <v>35.966395352704154</v>
      </c>
    </row>
    <row r="2307" spans="1:21" x14ac:dyDescent="0.2">
      <c r="A2307" s="53">
        <f t="shared" si="526"/>
        <v>2295</v>
      </c>
      <c r="B2307" s="239">
        <v>23.042000000000002</v>
      </c>
      <c r="C2307" s="3">
        <f t="shared" si="527"/>
        <v>23.035</v>
      </c>
      <c r="D2307" s="239">
        <v>10.2135</v>
      </c>
      <c r="E2307" s="239">
        <v>6.8099999999999994E-2</v>
      </c>
      <c r="F2307" s="239">
        <v>0.188</v>
      </c>
      <c r="G2307">
        <f t="shared" si="528"/>
        <v>10.251099999999999</v>
      </c>
      <c r="H2307" s="235">
        <f t="shared" si="529"/>
        <v>0.66431895113695116</v>
      </c>
      <c r="I2307" s="236">
        <f t="shared" si="530"/>
        <v>19.103633679640396</v>
      </c>
      <c r="J2307" s="237">
        <f t="shared" si="535"/>
        <v>9.1036336796403958</v>
      </c>
      <c r="K2307" s="237">
        <f t="shared" si="531"/>
        <v>440.05220181051652</v>
      </c>
      <c r="L2307" s="237">
        <f t="shared" si="536"/>
        <v>209.765927246274</v>
      </c>
      <c r="M2307" s="236">
        <f t="shared" si="532"/>
        <v>46.7714081451889</v>
      </c>
      <c r="N2307" s="236">
        <f t="shared" si="533"/>
        <v>0.6941154645334322</v>
      </c>
      <c r="O2307" s="236">
        <f t="shared" si="537"/>
        <v>2.0896668858845562</v>
      </c>
      <c r="P2307" s="236" t="str">
        <f t="shared" si="538"/>
        <v>SAND</v>
      </c>
      <c r="Q2307" s="236" t="e">
        <f t="shared" si="534"/>
        <v>#N/A</v>
      </c>
      <c r="R2307" s="238">
        <v>35</v>
      </c>
      <c r="S2307" s="236" t="e">
        <f t="shared" si="539"/>
        <v>#N/A</v>
      </c>
      <c r="T2307" s="236">
        <f t="shared" si="525"/>
        <v>35.969784899339309</v>
      </c>
    </row>
    <row r="2308" spans="1:21" x14ac:dyDescent="0.2">
      <c r="A2308" s="53">
        <f t="shared" si="526"/>
        <v>2296</v>
      </c>
      <c r="B2308" s="239">
        <v>23.050999999999998</v>
      </c>
      <c r="C2308" s="3">
        <f t="shared" si="527"/>
        <v>23.043999999999997</v>
      </c>
      <c r="D2308" s="239">
        <v>10.240500000000001</v>
      </c>
      <c r="E2308" s="239">
        <v>7.5499999999999998E-2</v>
      </c>
      <c r="F2308" s="239">
        <v>0.1812</v>
      </c>
      <c r="G2308">
        <f t="shared" si="528"/>
        <v>10.27674</v>
      </c>
      <c r="H2308" s="235">
        <f t="shared" si="529"/>
        <v>0.73466877628508653</v>
      </c>
      <c r="I2308" s="236">
        <f t="shared" si="530"/>
        <v>19.225569655953873</v>
      </c>
      <c r="J2308" s="237">
        <f t="shared" si="535"/>
        <v>9.2255696559538727</v>
      </c>
      <c r="K2308" s="237">
        <f t="shared" si="531"/>
        <v>443.03402715180096</v>
      </c>
      <c r="L2308" s="237">
        <f t="shared" si="536"/>
        <v>212.6586061393927</v>
      </c>
      <c r="M2308" s="236">
        <f t="shared" si="532"/>
        <v>46.241749399986361</v>
      </c>
      <c r="N2308" s="236">
        <f t="shared" si="533"/>
        <v>0.76776751520192599</v>
      </c>
      <c r="O2308" s="236">
        <f t="shared" si="537"/>
        <v>2.1164673633636406</v>
      </c>
      <c r="P2308" s="236" t="str">
        <f t="shared" si="538"/>
        <v>SAND</v>
      </c>
      <c r="Q2308" s="236" t="e">
        <f t="shared" si="534"/>
        <v>#N/A</v>
      </c>
      <c r="R2308" s="238">
        <v>35</v>
      </c>
      <c r="S2308" s="236" t="e">
        <f t="shared" si="539"/>
        <v>#N/A</v>
      </c>
      <c r="T2308" s="236">
        <f t="shared" si="525"/>
        <v>35.915376813626317</v>
      </c>
    </row>
    <row r="2309" spans="1:21" x14ac:dyDescent="0.2">
      <c r="A2309" s="53">
        <f t="shared" si="526"/>
        <v>2297</v>
      </c>
      <c r="B2309" s="239">
        <v>23.059000000000001</v>
      </c>
      <c r="C2309" s="3">
        <f t="shared" si="527"/>
        <v>23.052</v>
      </c>
      <c r="D2309" s="239">
        <v>10.246700000000001</v>
      </c>
      <c r="E2309" s="239">
        <v>8.3500000000000005E-2</v>
      </c>
      <c r="F2309" s="239">
        <v>0.18260000000000001</v>
      </c>
      <c r="G2309">
        <f t="shared" si="528"/>
        <v>10.28322</v>
      </c>
      <c r="H2309" s="235">
        <f t="shared" si="529"/>
        <v>0.81200246615359783</v>
      </c>
      <c r="I2309" s="236">
        <f t="shared" si="530"/>
        <v>19.343912752698337</v>
      </c>
      <c r="J2309" s="237">
        <f t="shared" si="535"/>
        <v>9.343912752698337</v>
      </c>
      <c r="K2309" s="237">
        <f t="shared" si="531"/>
        <v>445.91587677520204</v>
      </c>
      <c r="L2309" s="237">
        <f t="shared" si="536"/>
        <v>215.46128416447095</v>
      </c>
      <c r="M2309" s="236">
        <f t="shared" si="532"/>
        <v>45.656945568539157</v>
      </c>
      <c r="N2309" s="236">
        <f t="shared" si="533"/>
        <v>0.84880978522220984</v>
      </c>
      <c r="O2309" s="236">
        <f t="shared" si="537"/>
        <v>2.1442133091806888</v>
      </c>
      <c r="P2309" s="236" t="str">
        <f t="shared" si="538"/>
        <v>SAND</v>
      </c>
      <c r="Q2309" s="236" t="e">
        <f t="shared" si="534"/>
        <v>#N/A</v>
      </c>
      <c r="R2309" s="238">
        <v>35</v>
      </c>
      <c r="S2309" s="236" t="e">
        <f t="shared" si="539"/>
        <v>#N/A</v>
      </c>
      <c r="T2309" s="236">
        <f t="shared" si="525"/>
        <v>35.854575393981165</v>
      </c>
    </row>
    <row r="2310" spans="1:21" x14ac:dyDescent="0.2">
      <c r="A2310" s="53">
        <f t="shared" si="526"/>
        <v>2298</v>
      </c>
      <c r="B2310" s="239">
        <v>23.07</v>
      </c>
      <c r="C2310" s="3">
        <f t="shared" si="527"/>
        <v>23.062999999999999</v>
      </c>
      <c r="D2310" s="239">
        <v>10.2463</v>
      </c>
      <c r="E2310" s="239">
        <v>8.9099999999999999E-2</v>
      </c>
      <c r="F2310" s="239">
        <v>0.18690000000000001</v>
      </c>
      <c r="G2310">
        <f t="shared" si="528"/>
        <v>10.28368</v>
      </c>
      <c r="H2310" s="235">
        <f t="shared" si="529"/>
        <v>0.86642135889098071</v>
      </c>
      <c r="I2310" s="236">
        <f t="shared" si="530"/>
        <v>19.420046553994023</v>
      </c>
      <c r="J2310" s="237">
        <f t="shared" si="535"/>
        <v>9.4200465539940232</v>
      </c>
      <c r="K2310" s="237">
        <f t="shared" si="531"/>
        <v>447.88453367476416</v>
      </c>
      <c r="L2310" s="237">
        <f t="shared" si="536"/>
        <v>217.32047400064212</v>
      </c>
      <c r="M2310" s="236">
        <f t="shared" si="532"/>
        <v>45.259405546373763</v>
      </c>
      <c r="N2310" s="236">
        <f t="shared" si="533"/>
        <v>0.90587487616076623</v>
      </c>
      <c r="O2310" s="236">
        <f t="shared" si="537"/>
        <v>2.1626701033796816</v>
      </c>
      <c r="P2310" s="236" t="str">
        <f t="shared" si="538"/>
        <v>SAND</v>
      </c>
      <c r="Q2310" s="236" t="e">
        <f t="shared" si="534"/>
        <v>#N/A</v>
      </c>
      <c r="R2310" s="238">
        <v>35</v>
      </c>
      <c r="S2310" s="236" t="e">
        <f t="shared" si="539"/>
        <v>#N/A</v>
      </c>
      <c r="T2310" s="236">
        <f t="shared" si="525"/>
        <v>35.812797300205375</v>
      </c>
    </row>
    <row r="2311" spans="1:21" x14ac:dyDescent="0.2">
      <c r="A2311" s="53">
        <f t="shared" si="526"/>
        <v>2299</v>
      </c>
      <c r="B2311" s="239">
        <v>23.079000000000001</v>
      </c>
      <c r="C2311" s="3">
        <f t="shared" si="527"/>
        <v>23.071999999999999</v>
      </c>
      <c r="D2311" s="239">
        <v>10.2569</v>
      </c>
      <c r="E2311" s="239">
        <v>9.5000000000000001E-2</v>
      </c>
      <c r="F2311" s="239">
        <v>0.1845</v>
      </c>
      <c r="G2311">
        <f t="shared" si="528"/>
        <v>10.293799999999999</v>
      </c>
      <c r="H2311" s="235">
        <f t="shared" si="529"/>
        <v>0.92288562047057465</v>
      </c>
      <c r="I2311" s="236">
        <f t="shared" si="530"/>
        <v>19.495614942075324</v>
      </c>
      <c r="J2311" s="237">
        <f t="shared" si="535"/>
        <v>9.4956149420753242</v>
      </c>
      <c r="K2311" s="237">
        <f t="shared" si="531"/>
        <v>449.80282794356185</v>
      </c>
      <c r="L2311" s="237">
        <f t="shared" si="536"/>
        <v>219.14929724815642</v>
      </c>
      <c r="M2311" s="236">
        <f t="shared" si="532"/>
        <v>44.919136386321448</v>
      </c>
      <c r="N2311" s="236">
        <f t="shared" si="533"/>
        <v>0.96505513298673817</v>
      </c>
      <c r="O2311" s="236">
        <f t="shared" si="537"/>
        <v>2.1804819295482023</v>
      </c>
      <c r="P2311" s="236" t="str">
        <f t="shared" si="538"/>
        <v>SAND</v>
      </c>
      <c r="Q2311" s="236" t="e">
        <f t="shared" si="534"/>
        <v>#N/A</v>
      </c>
      <c r="R2311" s="238">
        <v>35</v>
      </c>
      <c r="S2311" s="236" t="e">
        <f t="shared" si="539"/>
        <v>#N/A</v>
      </c>
      <c r="T2311" s="236">
        <f t="shared" si="525"/>
        <v>35.776745377337903</v>
      </c>
      <c r="U2311" s="230"/>
    </row>
    <row r="2312" spans="1:21" x14ac:dyDescent="0.2">
      <c r="A2312" s="53">
        <f t="shared" si="526"/>
        <v>2300</v>
      </c>
      <c r="B2312" s="239">
        <v>23.088999999999999</v>
      </c>
      <c r="C2312" s="3">
        <f t="shared" si="527"/>
        <v>23.081999999999997</v>
      </c>
      <c r="D2312" s="239">
        <v>10.208299999999999</v>
      </c>
      <c r="E2312" s="239">
        <v>9.9699999999999997E-2</v>
      </c>
      <c r="F2312" s="239">
        <v>0.18079999999999999</v>
      </c>
      <c r="G2312">
        <f t="shared" si="528"/>
        <v>10.24446</v>
      </c>
      <c r="H2312" s="235">
        <f t="shared" si="529"/>
        <v>0.97320893438990441</v>
      </c>
      <c r="I2312" s="236">
        <f t="shared" si="530"/>
        <v>19.550360145780772</v>
      </c>
      <c r="J2312" s="237">
        <f t="shared" si="535"/>
        <v>9.5503601457807719</v>
      </c>
      <c r="K2312" s="237">
        <f t="shared" si="531"/>
        <v>451.26141288491175</v>
      </c>
      <c r="L2312" s="237">
        <f t="shared" si="536"/>
        <v>220.50826540593224</v>
      </c>
      <c r="M2312" s="236">
        <f t="shared" si="532"/>
        <v>44.411934260545081</v>
      </c>
      <c r="N2312" s="236">
        <f t="shared" si="533"/>
        <v>1.0180534900127041</v>
      </c>
      <c r="O2312" s="236">
        <f t="shared" si="537"/>
        <v>2.1974822013371638</v>
      </c>
      <c r="P2312" s="236" t="str">
        <f t="shared" si="538"/>
        <v>SAND</v>
      </c>
      <c r="Q2312" s="236" t="e">
        <f t="shared" si="534"/>
        <v>#N/A</v>
      </c>
      <c r="R2312" s="238">
        <v>35</v>
      </c>
      <c r="S2312" s="236" t="e">
        <f t="shared" si="539"/>
        <v>#N/A</v>
      </c>
      <c r="T2312" s="236">
        <f t="shared" si="525"/>
        <v>35.722496571207856</v>
      </c>
    </row>
    <row r="2313" spans="1:21" x14ac:dyDescent="0.2">
      <c r="A2313" s="53">
        <f t="shared" si="526"/>
        <v>2301</v>
      </c>
      <c r="B2313" s="239">
        <v>23.099</v>
      </c>
      <c r="C2313" s="3">
        <f t="shared" si="527"/>
        <v>23.091999999999999</v>
      </c>
      <c r="D2313" s="239">
        <v>10.1511</v>
      </c>
      <c r="E2313" s="239">
        <v>0.10340000000000001</v>
      </c>
      <c r="F2313" s="239">
        <v>0.17630000000000001</v>
      </c>
      <c r="G2313">
        <f t="shared" si="528"/>
        <v>10.186359999999999</v>
      </c>
      <c r="H2313" s="235">
        <f t="shared" si="529"/>
        <v>1.0150829147997913</v>
      </c>
      <c r="I2313" s="236">
        <f t="shared" si="530"/>
        <v>19.590865627638063</v>
      </c>
      <c r="J2313" s="237">
        <f t="shared" si="535"/>
        <v>9.5908656276380633</v>
      </c>
      <c r="K2313" s="237">
        <f t="shared" si="531"/>
        <v>452.39226907341811</v>
      </c>
      <c r="L2313" s="237">
        <f t="shared" si="536"/>
        <v>221.53940513281162</v>
      </c>
      <c r="M2313" s="236">
        <f t="shared" si="532"/>
        <v>43.937861641774845</v>
      </c>
      <c r="N2313" s="236">
        <f t="shared" si="533"/>
        <v>1.0622595313469085</v>
      </c>
      <c r="O2313" s="236">
        <f t="shared" si="537"/>
        <v>2.2116980858509154</v>
      </c>
      <c r="P2313" s="236" t="str">
        <f t="shared" si="538"/>
        <v>SAND</v>
      </c>
      <c r="Q2313" s="236" t="e">
        <f t="shared" si="534"/>
        <v>#N/A</v>
      </c>
      <c r="R2313" s="238">
        <v>35</v>
      </c>
      <c r="S2313" s="236" t="e">
        <f t="shared" si="539"/>
        <v>#N/A</v>
      </c>
      <c r="T2313" s="236">
        <f t="shared" si="525"/>
        <v>35.671228086451023</v>
      </c>
    </row>
    <row r="2314" spans="1:21" x14ac:dyDescent="0.2">
      <c r="A2314" s="53">
        <f t="shared" si="526"/>
        <v>2302</v>
      </c>
      <c r="B2314" s="239">
        <v>23.108000000000001</v>
      </c>
      <c r="C2314" s="3">
        <f t="shared" si="527"/>
        <v>23.100999999999999</v>
      </c>
      <c r="D2314" s="239">
        <v>10.1076</v>
      </c>
      <c r="E2314" s="239">
        <v>0.104</v>
      </c>
      <c r="F2314" s="239">
        <v>0.18060000000000001</v>
      </c>
      <c r="G2314">
        <f t="shared" si="528"/>
        <v>10.14372</v>
      </c>
      <c r="H2314" s="235">
        <f t="shared" si="529"/>
        <v>1.0252648929584018</v>
      </c>
      <c r="I2314" s="236">
        <f t="shared" si="530"/>
        <v>19.596010597962842</v>
      </c>
      <c r="J2314" s="237">
        <f t="shared" si="535"/>
        <v>9.5960105979628416</v>
      </c>
      <c r="K2314" s="237">
        <f t="shared" si="531"/>
        <v>452.68744082353959</v>
      </c>
      <c r="L2314" s="237">
        <f t="shared" si="536"/>
        <v>221.74461289772535</v>
      </c>
      <c r="M2314" s="236">
        <f t="shared" si="532"/>
        <v>43.703576075808556</v>
      </c>
      <c r="N2314" s="236">
        <f t="shared" si="533"/>
        <v>1.0731570590124802</v>
      </c>
      <c r="O2314" s="236">
        <f t="shared" si="537"/>
        <v>2.2161152487430185</v>
      </c>
      <c r="P2314" s="236" t="str">
        <f t="shared" si="538"/>
        <v>SAND</v>
      </c>
      <c r="Q2314" s="236" t="e">
        <f t="shared" si="534"/>
        <v>#N/A</v>
      </c>
      <c r="R2314" s="238">
        <v>35</v>
      </c>
      <c r="S2314" s="236" t="e">
        <f t="shared" si="539"/>
        <v>#N/A</v>
      </c>
      <c r="T2314" s="236">
        <f t="shared" si="525"/>
        <v>35.645686723629581</v>
      </c>
    </row>
    <row r="2315" spans="1:21" x14ac:dyDescent="0.2">
      <c r="A2315" s="53">
        <f t="shared" si="526"/>
        <v>2303</v>
      </c>
      <c r="B2315" s="239">
        <v>23.117000000000001</v>
      </c>
      <c r="C2315" s="3">
        <f t="shared" si="527"/>
        <v>23.11</v>
      </c>
      <c r="D2315" s="239">
        <v>10.1548</v>
      </c>
      <c r="E2315" s="239">
        <v>0.1041</v>
      </c>
      <c r="F2315" s="239">
        <v>0.18970000000000001</v>
      </c>
      <c r="G2315">
        <f t="shared" si="528"/>
        <v>10.192740000000001</v>
      </c>
      <c r="H2315" s="235">
        <f t="shared" si="529"/>
        <v>1.0213151713866928</v>
      </c>
      <c r="I2315" s="236">
        <f t="shared" si="530"/>
        <v>19.599021875656021</v>
      </c>
      <c r="J2315" s="237">
        <f t="shared" si="535"/>
        <v>9.5990218756560211</v>
      </c>
      <c r="K2315" s="237">
        <f t="shared" si="531"/>
        <v>452.93339554641062</v>
      </c>
      <c r="L2315" s="237">
        <f t="shared" si="536"/>
        <v>221.90058869954024</v>
      </c>
      <c r="M2315" s="236">
        <f t="shared" si="532"/>
        <v>43.892657795701332</v>
      </c>
      <c r="N2315" s="236">
        <f t="shared" si="533"/>
        <v>1.0688097231047646</v>
      </c>
      <c r="O2315" s="236">
        <f t="shared" si="537"/>
        <v>2.2135725970962867</v>
      </c>
      <c r="P2315" s="236" t="str">
        <f t="shared" si="538"/>
        <v>SAND</v>
      </c>
      <c r="Q2315" s="236" t="e">
        <f t="shared" si="534"/>
        <v>#N/A</v>
      </c>
      <c r="R2315" s="238">
        <v>35</v>
      </c>
      <c r="S2315" s="236" t="e">
        <f t="shared" si="539"/>
        <v>#N/A</v>
      </c>
      <c r="T2315" s="236">
        <f t="shared" si="525"/>
        <v>35.666310670262064</v>
      </c>
    </row>
    <row r="2316" spans="1:21" x14ac:dyDescent="0.2">
      <c r="A2316" s="53">
        <f t="shared" si="526"/>
        <v>2304</v>
      </c>
      <c r="B2316" s="239">
        <v>23.126999999999999</v>
      </c>
      <c r="C2316" s="3">
        <f t="shared" si="527"/>
        <v>23.119999999999997</v>
      </c>
      <c r="D2316" s="239">
        <v>10.3087</v>
      </c>
      <c r="E2316" s="239">
        <v>0.1052</v>
      </c>
      <c r="F2316" s="239">
        <v>0.1978</v>
      </c>
      <c r="G2316">
        <f t="shared" si="528"/>
        <v>10.34826</v>
      </c>
      <c r="H2316" s="235">
        <f t="shared" si="529"/>
        <v>1.0165960267716505</v>
      </c>
      <c r="I2316" s="236">
        <f t="shared" si="530"/>
        <v>19.617266150536501</v>
      </c>
      <c r="J2316" s="237">
        <f t="shared" si="535"/>
        <v>9.6172661505365014</v>
      </c>
      <c r="K2316" s="237">
        <f t="shared" si="531"/>
        <v>453.55119340040386</v>
      </c>
      <c r="L2316" s="237">
        <f t="shared" si="536"/>
        <v>222.41851426345767</v>
      </c>
      <c r="M2316" s="236">
        <f t="shared" si="532"/>
        <v>44.486893725399057</v>
      </c>
      <c r="N2316" s="236">
        <f t="shared" si="533"/>
        <v>1.0631945017910327</v>
      </c>
      <c r="O2316" s="236">
        <f t="shared" si="537"/>
        <v>2.2074604468162362</v>
      </c>
      <c r="P2316" s="236" t="str">
        <f t="shared" si="538"/>
        <v>SAND</v>
      </c>
      <c r="Q2316" s="236" t="e">
        <f t="shared" si="534"/>
        <v>#N/A</v>
      </c>
      <c r="R2316" s="238">
        <v>35</v>
      </c>
      <c r="S2316" s="236" t="e">
        <f t="shared" si="539"/>
        <v>#N/A</v>
      </c>
      <c r="T2316" s="236">
        <f t="shared" si="525"/>
        <v>35.730552906582766</v>
      </c>
    </row>
    <row r="2317" spans="1:21" x14ac:dyDescent="0.2">
      <c r="A2317" s="53">
        <f t="shared" si="526"/>
        <v>2305</v>
      </c>
      <c r="B2317" s="239">
        <v>23.137</v>
      </c>
      <c r="C2317" s="3">
        <f t="shared" si="527"/>
        <v>23.13</v>
      </c>
      <c r="D2317" s="239">
        <v>10.504899999999999</v>
      </c>
      <c r="E2317" s="239">
        <v>0.107</v>
      </c>
      <c r="F2317" s="239">
        <v>0.20080000000000001</v>
      </c>
      <c r="G2317">
        <f t="shared" si="528"/>
        <v>10.545059999999999</v>
      </c>
      <c r="H2317" s="235">
        <f t="shared" si="529"/>
        <v>1.0146931359328444</v>
      </c>
      <c r="I2317" s="236">
        <f t="shared" si="530"/>
        <v>19.644523403777299</v>
      </c>
      <c r="J2317" s="237">
        <f t="shared" si="535"/>
        <v>9.6445234037772991</v>
      </c>
      <c r="K2317" s="237">
        <f t="shared" si="531"/>
        <v>454.37782632936893</v>
      </c>
      <c r="L2317" s="237">
        <f t="shared" si="536"/>
        <v>223.14533799319537</v>
      </c>
      <c r="M2317" s="236">
        <f t="shared" si="532"/>
        <v>45.220224022687567</v>
      </c>
      <c r="N2317" s="236">
        <f t="shared" si="533"/>
        <v>1.0603842055316388</v>
      </c>
      <c r="O2317" s="236">
        <f t="shared" si="537"/>
        <v>2.200953448599154</v>
      </c>
      <c r="P2317" s="236" t="str">
        <f t="shared" si="538"/>
        <v>SAND</v>
      </c>
      <c r="Q2317" s="236" t="e">
        <f t="shared" si="534"/>
        <v>#N/A</v>
      </c>
      <c r="R2317" s="238">
        <v>35</v>
      </c>
      <c r="S2317" s="236" t="e">
        <f t="shared" si="539"/>
        <v>#N/A</v>
      </c>
      <c r="T2317" s="236">
        <f t="shared" ref="T2317:T2380" si="540">IF(P2317="SAND",17.6+(11*LOG(M2317)),#N/A)</f>
        <v>35.808659804784227</v>
      </c>
    </row>
    <row r="2318" spans="1:21" x14ac:dyDescent="0.2">
      <c r="A2318" s="53">
        <f t="shared" ref="A2318:A2381" si="541">$A2317+1</f>
        <v>2306</v>
      </c>
      <c r="B2318" s="239">
        <v>23.148</v>
      </c>
      <c r="C2318" s="3">
        <f t="shared" ref="C2318:C2381" si="542">MAX($B2318 - $B$13, 0.001)</f>
        <v>23.140999999999998</v>
      </c>
      <c r="D2318" s="239">
        <v>10.761699999999999</v>
      </c>
      <c r="E2318" s="239">
        <v>0.1101</v>
      </c>
      <c r="F2318" s="239">
        <v>0.19270000000000001</v>
      </c>
      <c r="G2318">
        <f t="shared" si="528"/>
        <v>10.800239999999999</v>
      </c>
      <c r="H2318" s="235">
        <f t="shared" si="529"/>
        <v>1.0194217906268752</v>
      </c>
      <c r="I2318" s="236">
        <f t="shared" si="530"/>
        <v>19.687358881337602</v>
      </c>
      <c r="J2318" s="237">
        <f t="shared" si="535"/>
        <v>9.6873588813376017</v>
      </c>
      <c r="K2318" s="237">
        <f t="shared" si="531"/>
        <v>455.5851718730334</v>
      </c>
      <c r="L2318" s="237">
        <f t="shared" si="536"/>
        <v>224.24298338520279</v>
      </c>
      <c r="M2318" s="236">
        <f t="shared" si="532"/>
        <v>46.131453800527616</v>
      </c>
      <c r="N2318" s="236">
        <f t="shared" si="533"/>
        <v>1.0643177740511913</v>
      </c>
      <c r="O2318" s="236">
        <f t="shared" si="537"/>
        <v>2.1947285003061348</v>
      </c>
      <c r="P2318" s="236" t="str">
        <f t="shared" si="538"/>
        <v>SAND</v>
      </c>
      <c r="Q2318" s="236" t="e">
        <f t="shared" si="534"/>
        <v>#N/A</v>
      </c>
      <c r="R2318" s="238">
        <v>35</v>
      </c>
      <c r="S2318" s="236" t="e">
        <f t="shared" si="539"/>
        <v>#N/A</v>
      </c>
      <c r="T2318" s="236">
        <f t="shared" si="540"/>
        <v>35.903968554421247</v>
      </c>
    </row>
    <row r="2319" spans="1:21" x14ac:dyDescent="0.2">
      <c r="A2319" s="53">
        <f t="shared" si="541"/>
        <v>2307</v>
      </c>
      <c r="B2319" s="239">
        <v>23.157</v>
      </c>
      <c r="C2319" s="3">
        <f t="shared" si="542"/>
        <v>23.15</v>
      </c>
      <c r="D2319" s="239">
        <v>11.051500000000001</v>
      </c>
      <c r="E2319" s="239">
        <v>0.1144</v>
      </c>
      <c r="F2319" s="239">
        <v>0.17130000000000001</v>
      </c>
      <c r="G2319">
        <f t="shared" ref="G2319:G2382" si="543">$D2319+($F2319*(1-$P$8))</f>
        <v>11.085760000000001</v>
      </c>
      <c r="H2319" s="235">
        <f t="shared" ref="H2319:H2382" si="544">($E2319/$G2319)*100</f>
        <v>1.031954507404093</v>
      </c>
      <c r="I2319" s="236">
        <f t="shared" ref="I2319:I2382" si="545">((0.27*(LOG($H2319)))+(0.36*(LOG(($G2319*1000)/101)))+1.236)*10</f>
        <v>19.742482245347187</v>
      </c>
      <c r="J2319" s="237">
        <f t="shared" si="535"/>
        <v>9.7424822453471869</v>
      </c>
      <c r="K2319" s="237">
        <f t="shared" ref="K2319:K2382" si="546">$I2319*$C2319</f>
        <v>457.03846397978737</v>
      </c>
      <c r="L2319" s="237">
        <f t="shared" si="536"/>
        <v>225.6066613555048</v>
      </c>
      <c r="M2319" s="236">
        <f t="shared" ref="M2319:M2382" si="547">(($G2319*1000)-$K2319)/$L2319</f>
        <v>47.111736294309878</v>
      </c>
      <c r="N2319" s="236">
        <f t="shared" ref="N2319:N2382" si="548">(($E2319*1000)/(($G2319*1000)-$K2319))*100</f>
        <v>1.0763288850150421</v>
      </c>
      <c r="O2319" s="236">
        <f t="shared" si="537"/>
        <v>2.1900025720399348</v>
      </c>
      <c r="P2319" s="236" t="str">
        <f t="shared" si="538"/>
        <v>SAND</v>
      </c>
      <c r="Q2319" s="236" t="e">
        <f t="shared" ref="Q2319:Q2382" si="549">IF(P2319="CLAY",($G2319*1000 -$K2319)/$L$8,#N/A)</f>
        <v>#N/A</v>
      </c>
      <c r="R2319" s="238">
        <v>35</v>
      </c>
      <c r="S2319" s="236" t="e">
        <f t="shared" si="539"/>
        <v>#N/A</v>
      </c>
      <c r="T2319" s="236">
        <f t="shared" si="540"/>
        <v>36.004420214134129</v>
      </c>
    </row>
    <row r="2320" spans="1:21" x14ac:dyDescent="0.2">
      <c r="A2320" s="53">
        <f t="shared" si="541"/>
        <v>2308</v>
      </c>
      <c r="B2320" s="239">
        <v>23.164999999999999</v>
      </c>
      <c r="C2320" s="3">
        <f t="shared" si="542"/>
        <v>23.157999999999998</v>
      </c>
      <c r="D2320" s="239">
        <v>11.1241</v>
      </c>
      <c r="E2320" s="239">
        <v>0.11749999999999999</v>
      </c>
      <c r="F2320" s="239">
        <v>0.1283</v>
      </c>
      <c r="G2320">
        <f t="shared" si="543"/>
        <v>11.149760000000001</v>
      </c>
      <c r="H2320" s="235">
        <f t="shared" si="544"/>
        <v>1.0538343426226215</v>
      </c>
      <c r="I2320" s="236">
        <f t="shared" si="545"/>
        <v>19.776084261540245</v>
      </c>
      <c r="J2320" s="237">
        <f t="shared" ref="J2320:J2383" si="550">$I2320-10</f>
        <v>9.7760842615402446</v>
      </c>
      <c r="K2320" s="237">
        <f t="shared" si="546"/>
        <v>457.97455932874891</v>
      </c>
      <c r="L2320" s="237">
        <f t="shared" ref="L2320:L2383" si="551">$J2320*$B2320</f>
        <v>226.46299191857975</v>
      </c>
      <c r="M2320" s="236">
        <f t="shared" si="547"/>
        <v>47.212064762066149</v>
      </c>
      <c r="N2320" s="236">
        <f t="shared" si="548"/>
        <v>1.0989745412682275</v>
      </c>
      <c r="O2320" s="236">
        <f t="shared" ref="O2320:O2383" si="552">((3.47-LOG($M2320))^2+(LOG($N2320)+1.22)^2)^0.5</f>
        <v>2.194428275209551</v>
      </c>
      <c r="P2320" s="236" t="str">
        <f t="shared" ref="P2320:P2383" si="553">IF(O2320&lt;2.6,"SAND","CLAY")</f>
        <v>SAND</v>
      </c>
      <c r="Q2320" s="236" t="e">
        <f t="shared" si="549"/>
        <v>#N/A</v>
      </c>
      <c r="R2320" s="238">
        <v>35</v>
      </c>
      <c r="S2320" s="236" t="e">
        <f t="shared" ref="S2320:S2383" si="554">IF(P2320="SAND",#N/A,0.25*($M2320)^1.25)</f>
        <v>#N/A</v>
      </c>
      <c r="T2320" s="236">
        <f t="shared" si="540"/>
        <v>36.014582936046381</v>
      </c>
    </row>
    <row r="2321" spans="1:20" x14ac:dyDescent="0.2">
      <c r="A2321" s="53">
        <f t="shared" si="541"/>
        <v>2309</v>
      </c>
      <c r="B2321" s="239">
        <v>23.175999999999998</v>
      </c>
      <c r="C2321" s="3">
        <f t="shared" si="542"/>
        <v>23.168999999999997</v>
      </c>
      <c r="D2321" s="239">
        <v>10.975899999999999</v>
      </c>
      <c r="E2321" s="239">
        <v>0.1176</v>
      </c>
      <c r="F2321" s="239">
        <v>7.7100000000000002E-2</v>
      </c>
      <c r="G2321">
        <f t="shared" si="543"/>
        <v>10.99132</v>
      </c>
      <c r="H2321" s="235">
        <f t="shared" si="544"/>
        <v>1.0699351852188816</v>
      </c>
      <c r="I2321" s="236">
        <f t="shared" si="545"/>
        <v>19.77148768992549</v>
      </c>
      <c r="J2321" s="237">
        <f t="shared" si="550"/>
        <v>9.7714876899254897</v>
      </c>
      <c r="K2321" s="237">
        <f t="shared" si="546"/>
        <v>458.08559828788361</v>
      </c>
      <c r="L2321" s="237">
        <f t="shared" si="551"/>
        <v>226.46399870171314</v>
      </c>
      <c r="M2321" s="236">
        <f t="shared" si="547"/>
        <v>46.511739005306346</v>
      </c>
      <c r="N2321" s="236">
        <f t="shared" si="548"/>
        <v>1.1164661823236821</v>
      </c>
      <c r="O2321" s="236">
        <f t="shared" si="552"/>
        <v>2.2036817054298519</v>
      </c>
      <c r="P2321" s="236" t="str">
        <f t="shared" si="553"/>
        <v>SAND</v>
      </c>
      <c r="Q2321" s="236" t="e">
        <f t="shared" si="549"/>
        <v>#N/A</v>
      </c>
      <c r="R2321" s="238">
        <v>35</v>
      </c>
      <c r="S2321" s="236" t="e">
        <f t="shared" si="554"/>
        <v>#N/A</v>
      </c>
      <c r="T2321" s="236">
        <f t="shared" si="540"/>
        <v>35.943188351895799</v>
      </c>
    </row>
    <row r="2322" spans="1:20" x14ac:dyDescent="0.2">
      <c r="A2322" s="53">
        <f t="shared" si="541"/>
        <v>2310</v>
      </c>
      <c r="B2322" s="239">
        <v>23.186</v>
      </c>
      <c r="C2322" s="3">
        <f t="shared" si="542"/>
        <v>23.178999999999998</v>
      </c>
      <c r="D2322" s="239">
        <v>10.738099999999999</v>
      </c>
      <c r="E2322" s="239">
        <v>0.1118</v>
      </c>
      <c r="F2322" s="239">
        <v>9.7799999999999998E-2</v>
      </c>
      <c r="G2322">
        <f t="shared" si="543"/>
        <v>10.75766</v>
      </c>
      <c r="H2322" s="235">
        <f t="shared" si="544"/>
        <v>1.0392594672075526</v>
      </c>
      <c r="I2322" s="236">
        <f t="shared" si="545"/>
        <v>19.703781956674653</v>
      </c>
      <c r="J2322" s="237">
        <f t="shared" si="550"/>
        <v>9.7037819566746535</v>
      </c>
      <c r="K2322" s="237">
        <f t="shared" si="546"/>
        <v>456.71396197376174</v>
      </c>
      <c r="L2322" s="237">
        <f t="shared" si="551"/>
        <v>224.99188844745851</v>
      </c>
      <c r="M2322" s="236">
        <f t="shared" si="547"/>
        <v>45.783632952757671</v>
      </c>
      <c r="N2322" s="236">
        <f t="shared" si="548"/>
        <v>1.08533720677001</v>
      </c>
      <c r="O2322" s="236">
        <f t="shared" si="552"/>
        <v>2.2022652178152762</v>
      </c>
      <c r="P2322" s="236" t="str">
        <f t="shared" si="553"/>
        <v>SAND</v>
      </c>
      <c r="Q2322" s="236" t="e">
        <f t="shared" si="549"/>
        <v>#N/A</v>
      </c>
      <c r="R2322" s="238">
        <v>35</v>
      </c>
      <c r="S2322" s="236" t="e">
        <f t="shared" si="554"/>
        <v>#N/A</v>
      </c>
      <c r="T2322" s="236">
        <f t="shared" si="540"/>
        <v>35.867812762944631</v>
      </c>
    </row>
    <row r="2323" spans="1:20" x14ac:dyDescent="0.2">
      <c r="A2323" s="53">
        <f t="shared" si="541"/>
        <v>2311</v>
      </c>
      <c r="B2323" s="239">
        <v>23.195</v>
      </c>
      <c r="C2323" s="3">
        <f t="shared" si="542"/>
        <v>23.187999999999999</v>
      </c>
      <c r="D2323" s="239">
        <v>10.410500000000001</v>
      </c>
      <c r="E2323" s="239">
        <v>0.10929999999999999</v>
      </c>
      <c r="F2323" s="239">
        <v>7.7799999999999994E-2</v>
      </c>
      <c r="G2323">
        <f t="shared" si="543"/>
        <v>10.426060000000001</v>
      </c>
      <c r="H2323" s="235">
        <f t="shared" si="544"/>
        <v>1.0483346537426408</v>
      </c>
      <c r="I2323" s="236">
        <f t="shared" si="545"/>
        <v>19.665025689539274</v>
      </c>
      <c r="J2323" s="237">
        <f t="shared" si="550"/>
        <v>9.6650256895392737</v>
      </c>
      <c r="K2323" s="237">
        <f t="shared" si="546"/>
        <v>455.99261568903665</v>
      </c>
      <c r="L2323" s="237">
        <f t="shared" si="551"/>
        <v>224.18027086886346</v>
      </c>
      <c r="M2323" s="236">
        <f t="shared" si="547"/>
        <v>44.473438031230941</v>
      </c>
      <c r="N2323" s="236">
        <f t="shared" si="548"/>
        <v>1.0962814571544017</v>
      </c>
      <c r="O2323" s="236">
        <f t="shared" si="552"/>
        <v>2.215111885019279</v>
      </c>
      <c r="P2323" s="236" t="str">
        <f t="shared" si="553"/>
        <v>SAND</v>
      </c>
      <c r="Q2323" s="236" t="e">
        <f t="shared" si="549"/>
        <v>#N/A</v>
      </c>
      <c r="R2323" s="238">
        <v>35</v>
      </c>
      <c r="S2323" s="236" t="e">
        <f t="shared" si="554"/>
        <v>#N/A</v>
      </c>
      <c r="T2323" s="236">
        <f t="shared" si="540"/>
        <v>35.729107743998</v>
      </c>
    </row>
    <row r="2324" spans="1:20" x14ac:dyDescent="0.2">
      <c r="A2324" s="53">
        <f t="shared" si="541"/>
        <v>2312</v>
      </c>
      <c r="B2324" s="239">
        <v>23.206</v>
      </c>
      <c r="C2324" s="3">
        <f t="shared" si="542"/>
        <v>23.198999999999998</v>
      </c>
      <c r="D2324" s="239">
        <v>10.0922</v>
      </c>
      <c r="E2324" s="239">
        <v>0.1062</v>
      </c>
      <c r="F2324" s="239">
        <v>7.0099999999999996E-2</v>
      </c>
      <c r="G2324">
        <f t="shared" si="543"/>
        <v>10.10622</v>
      </c>
      <c r="H2324" s="235">
        <f t="shared" si="544"/>
        <v>1.0508379987769907</v>
      </c>
      <c r="I2324" s="236">
        <f t="shared" si="545"/>
        <v>19.619109122851647</v>
      </c>
      <c r="J2324" s="237">
        <f t="shared" si="550"/>
        <v>9.619109122851647</v>
      </c>
      <c r="K2324" s="237">
        <f t="shared" si="546"/>
        <v>455.14371254103531</v>
      </c>
      <c r="L2324" s="237">
        <f t="shared" si="551"/>
        <v>223.22104630489531</v>
      </c>
      <c r="M2324" s="236">
        <f t="shared" si="547"/>
        <v>43.235512274575854</v>
      </c>
      <c r="N2324" s="236">
        <f t="shared" si="548"/>
        <v>1.1003954049974818</v>
      </c>
      <c r="O2324" s="236">
        <f t="shared" si="552"/>
        <v>2.2261280210068453</v>
      </c>
      <c r="P2324" s="236" t="str">
        <f t="shared" si="553"/>
        <v>SAND</v>
      </c>
      <c r="Q2324" s="236" t="e">
        <f t="shared" si="549"/>
        <v>#N/A</v>
      </c>
      <c r="R2324" s="238">
        <v>35</v>
      </c>
      <c r="S2324" s="236" t="e">
        <f t="shared" si="554"/>
        <v>#N/A</v>
      </c>
      <c r="T2324" s="236">
        <f t="shared" si="540"/>
        <v>35.59424669972951</v>
      </c>
    </row>
    <row r="2325" spans="1:20" x14ac:dyDescent="0.2">
      <c r="A2325" s="53">
        <f t="shared" si="541"/>
        <v>2313</v>
      </c>
      <c r="B2325" s="239">
        <v>23.215</v>
      </c>
      <c r="C2325" s="3">
        <f t="shared" si="542"/>
        <v>23.207999999999998</v>
      </c>
      <c r="D2325" s="239">
        <v>9.7324999999999999</v>
      </c>
      <c r="E2325" s="239">
        <v>0.10390000000000001</v>
      </c>
      <c r="F2325" s="239">
        <v>6.4199999999999993E-2</v>
      </c>
      <c r="G2325">
        <f t="shared" si="543"/>
        <v>9.7453400000000006</v>
      </c>
      <c r="H2325" s="235">
        <f t="shared" si="544"/>
        <v>1.06615059094911</v>
      </c>
      <c r="I2325" s="236">
        <f t="shared" si="545"/>
        <v>19.579222328815941</v>
      </c>
      <c r="J2325" s="237">
        <f t="shared" si="550"/>
        <v>9.5792223288159413</v>
      </c>
      <c r="K2325" s="237">
        <f t="shared" si="546"/>
        <v>454.39459180716034</v>
      </c>
      <c r="L2325" s="237">
        <f t="shared" si="551"/>
        <v>222.38164636346207</v>
      </c>
      <c r="M2325" s="236">
        <f t="shared" si="547"/>
        <v>41.779281519517376</v>
      </c>
      <c r="N2325" s="236">
        <f t="shared" si="548"/>
        <v>1.1182930846669279</v>
      </c>
      <c r="O2325" s="236">
        <f t="shared" si="552"/>
        <v>2.2423600859608435</v>
      </c>
      <c r="P2325" s="236" t="str">
        <f t="shared" si="553"/>
        <v>SAND</v>
      </c>
      <c r="Q2325" s="236" t="e">
        <f t="shared" si="549"/>
        <v>#N/A</v>
      </c>
      <c r="R2325" s="238">
        <v>35</v>
      </c>
      <c r="S2325" s="236" t="e">
        <f t="shared" si="554"/>
        <v>#N/A</v>
      </c>
      <c r="T2325" s="236">
        <f t="shared" si="540"/>
        <v>35.430570638360251</v>
      </c>
    </row>
    <row r="2326" spans="1:20" x14ac:dyDescent="0.2">
      <c r="A2326" s="53">
        <f t="shared" si="541"/>
        <v>2314</v>
      </c>
      <c r="B2326" s="239">
        <v>23.224</v>
      </c>
      <c r="C2326" s="3">
        <f t="shared" si="542"/>
        <v>23.216999999999999</v>
      </c>
      <c r="D2326" s="239">
        <v>9.4055</v>
      </c>
      <c r="E2326" s="239">
        <v>0.1021</v>
      </c>
      <c r="F2326" s="239">
        <v>4.7300000000000002E-2</v>
      </c>
      <c r="G2326">
        <f t="shared" si="543"/>
        <v>9.4149600000000007</v>
      </c>
      <c r="H2326" s="235">
        <f t="shared" si="544"/>
        <v>1.0844443311495746</v>
      </c>
      <c r="I2326" s="236">
        <f t="shared" si="545"/>
        <v>19.545249189325471</v>
      </c>
      <c r="J2326" s="237">
        <f t="shared" si="550"/>
        <v>9.545249189325471</v>
      </c>
      <c r="K2326" s="237">
        <f t="shared" si="546"/>
        <v>453.78205042856945</v>
      </c>
      <c r="L2326" s="237">
        <f t="shared" si="551"/>
        <v>221.67886717289474</v>
      </c>
      <c r="M2326" s="236">
        <f t="shared" si="547"/>
        <v>40.424141749977046</v>
      </c>
      <c r="N2326" s="236">
        <f t="shared" si="548"/>
        <v>1.1393591397756244</v>
      </c>
      <c r="O2326" s="236">
        <f t="shared" si="552"/>
        <v>2.2587540523614145</v>
      </c>
      <c r="P2326" s="236" t="str">
        <f t="shared" si="553"/>
        <v>SAND</v>
      </c>
      <c r="Q2326" s="236" t="e">
        <f t="shared" si="549"/>
        <v>#N/A</v>
      </c>
      <c r="R2326" s="238">
        <v>35</v>
      </c>
      <c r="S2326" s="236" t="e">
        <f t="shared" si="554"/>
        <v>#N/A</v>
      </c>
      <c r="T2326" s="236">
        <f t="shared" si="540"/>
        <v>35.273048889272815</v>
      </c>
    </row>
    <row r="2327" spans="1:20" x14ac:dyDescent="0.2">
      <c r="A2327" s="53">
        <f t="shared" si="541"/>
        <v>2315</v>
      </c>
      <c r="B2327" s="239">
        <v>23.234000000000002</v>
      </c>
      <c r="C2327" s="3">
        <f t="shared" si="542"/>
        <v>23.227</v>
      </c>
      <c r="D2327" s="239">
        <v>8.9711999999999996</v>
      </c>
      <c r="E2327" s="239">
        <v>0.10150000000000001</v>
      </c>
      <c r="F2327" s="239">
        <v>4.24E-2</v>
      </c>
      <c r="G2327">
        <f t="shared" si="543"/>
        <v>8.9796800000000001</v>
      </c>
      <c r="H2327" s="235">
        <f t="shared" si="544"/>
        <v>1.1303298113073073</v>
      </c>
      <c r="I2327" s="236">
        <f t="shared" si="545"/>
        <v>19.519836142832446</v>
      </c>
      <c r="J2327" s="237">
        <f t="shared" si="550"/>
        <v>9.5198361428324461</v>
      </c>
      <c r="K2327" s="237">
        <f t="shared" si="546"/>
        <v>453.38723408956923</v>
      </c>
      <c r="L2327" s="237">
        <f t="shared" si="551"/>
        <v>221.18387294256908</v>
      </c>
      <c r="M2327" s="236">
        <f t="shared" si="547"/>
        <v>38.548437788338681</v>
      </c>
      <c r="N2327" s="236">
        <f t="shared" si="548"/>
        <v>1.1904353132913084</v>
      </c>
      <c r="O2327" s="236">
        <f t="shared" si="552"/>
        <v>2.2865441100340695</v>
      </c>
      <c r="P2327" s="236" t="str">
        <f t="shared" si="553"/>
        <v>SAND</v>
      </c>
      <c r="Q2327" s="236" t="e">
        <f t="shared" si="549"/>
        <v>#N/A</v>
      </c>
      <c r="R2327" s="238">
        <v>35</v>
      </c>
      <c r="S2327" s="236" t="e">
        <f t="shared" si="554"/>
        <v>#N/A</v>
      </c>
      <c r="T2327" s="236">
        <f t="shared" si="540"/>
        <v>35.046074608068238</v>
      </c>
    </row>
    <row r="2328" spans="1:20" x14ac:dyDescent="0.2">
      <c r="A2328" s="53">
        <f t="shared" si="541"/>
        <v>2316</v>
      </c>
      <c r="B2328" s="239">
        <v>23.244</v>
      </c>
      <c r="C2328" s="3">
        <f t="shared" si="542"/>
        <v>23.236999999999998</v>
      </c>
      <c r="D2328" s="239">
        <v>8.4785000000000004</v>
      </c>
      <c r="E2328" s="239">
        <v>0.1026</v>
      </c>
      <c r="F2328" s="239">
        <v>5.11E-2</v>
      </c>
      <c r="G2328">
        <f t="shared" si="543"/>
        <v>8.4887200000000007</v>
      </c>
      <c r="H2328" s="235">
        <f t="shared" si="544"/>
        <v>1.2086627901497515</v>
      </c>
      <c r="I2328" s="236">
        <f t="shared" si="545"/>
        <v>19.510498916250111</v>
      </c>
      <c r="J2328" s="237">
        <f t="shared" si="550"/>
        <v>9.5104989162501106</v>
      </c>
      <c r="K2328" s="237">
        <f t="shared" si="546"/>
        <v>453.3654633169038</v>
      </c>
      <c r="L2328" s="237">
        <f t="shared" si="551"/>
        <v>221.06203680931756</v>
      </c>
      <c r="M2328" s="236">
        <f t="shared" si="547"/>
        <v>36.348866827885914</v>
      </c>
      <c r="N2328" s="236">
        <f t="shared" si="548"/>
        <v>1.2768571633225296</v>
      </c>
      <c r="O2328" s="236">
        <f t="shared" si="552"/>
        <v>2.3248394652254052</v>
      </c>
      <c r="P2328" s="236" t="str">
        <f t="shared" si="553"/>
        <v>SAND</v>
      </c>
      <c r="Q2328" s="236" t="e">
        <f t="shared" si="549"/>
        <v>#N/A</v>
      </c>
      <c r="R2328" s="238">
        <v>35</v>
      </c>
      <c r="S2328" s="236" t="e">
        <f t="shared" si="554"/>
        <v>#N/A</v>
      </c>
      <c r="T2328" s="236">
        <f t="shared" si="540"/>
        <v>34.765399639532447</v>
      </c>
    </row>
    <row r="2329" spans="1:20" x14ac:dyDescent="0.2">
      <c r="A2329" s="53">
        <f t="shared" si="541"/>
        <v>2317</v>
      </c>
      <c r="B2329" s="239">
        <v>23.254000000000001</v>
      </c>
      <c r="C2329" s="3">
        <f t="shared" si="542"/>
        <v>23.247</v>
      </c>
      <c r="D2329" s="239">
        <v>8.0215999999999994</v>
      </c>
      <c r="E2329" s="239">
        <v>9.9900000000000003E-2</v>
      </c>
      <c r="F2329" s="239">
        <v>6.2300000000000001E-2</v>
      </c>
      <c r="G2329">
        <f t="shared" si="543"/>
        <v>8.0340600000000002</v>
      </c>
      <c r="H2329" s="235">
        <f t="shared" si="544"/>
        <v>1.2434559861390133</v>
      </c>
      <c r="I2329" s="236">
        <f t="shared" si="545"/>
        <v>19.457711436319482</v>
      </c>
      <c r="J2329" s="237">
        <f t="shared" si="550"/>
        <v>9.4577114363194816</v>
      </c>
      <c r="K2329" s="237">
        <f t="shared" si="546"/>
        <v>452.333417760119</v>
      </c>
      <c r="L2329" s="237">
        <f t="shared" si="551"/>
        <v>219.92962174017325</v>
      </c>
      <c r="M2329" s="236">
        <f t="shared" si="547"/>
        <v>34.473421643933889</v>
      </c>
      <c r="N2329" s="236">
        <f t="shared" si="548"/>
        <v>1.3176418183427341</v>
      </c>
      <c r="O2329" s="236">
        <f t="shared" si="552"/>
        <v>2.3515257961396161</v>
      </c>
      <c r="P2329" s="236" t="str">
        <f t="shared" si="553"/>
        <v>SAND</v>
      </c>
      <c r="Q2329" s="236" t="e">
        <f t="shared" si="549"/>
        <v>#N/A</v>
      </c>
      <c r="R2329" s="238">
        <v>35</v>
      </c>
      <c r="S2329" s="236" t="e">
        <f t="shared" si="554"/>
        <v>#N/A</v>
      </c>
      <c r="T2329" s="236">
        <f t="shared" si="540"/>
        <v>34.512328303754899</v>
      </c>
    </row>
    <row r="2330" spans="1:20" x14ac:dyDescent="0.2">
      <c r="A2330" s="53">
        <f t="shared" si="541"/>
        <v>2318</v>
      </c>
      <c r="B2330" s="239">
        <v>23.263999999999999</v>
      </c>
      <c r="C2330" s="3">
        <f t="shared" si="542"/>
        <v>23.256999999999998</v>
      </c>
      <c r="D2330" s="239">
        <v>7.6082999999999998</v>
      </c>
      <c r="E2330" s="239">
        <v>0.10009999999999999</v>
      </c>
      <c r="F2330" s="239">
        <v>6.8699999999999997E-2</v>
      </c>
      <c r="G2330">
        <f t="shared" si="543"/>
        <v>7.6220400000000001</v>
      </c>
      <c r="H2330" s="235">
        <f t="shared" si="544"/>
        <v>1.3132967027200066</v>
      </c>
      <c r="I2330" s="236">
        <f t="shared" si="545"/>
        <v>19.439479164810368</v>
      </c>
      <c r="J2330" s="237">
        <f t="shared" si="550"/>
        <v>9.4394791648103684</v>
      </c>
      <c r="K2330" s="237">
        <f t="shared" si="546"/>
        <v>452.10396693599472</v>
      </c>
      <c r="L2330" s="237">
        <f t="shared" si="551"/>
        <v>219.60004329014839</v>
      </c>
      <c r="M2330" s="236">
        <f t="shared" si="547"/>
        <v>32.649975499279243</v>
      </c>
      <c r="N2330" s="236">
        <f t="shared" si="548"/>
        <v>1.396107294938072</v>
      </c>
      <c r="O2330" s="236">
        <f t="shared" si="552"/>
        <v>2.3852458127442704</v>
      </c>
      <c r="P2330" s="236" t="str">
        <f t="shared" si="553"/>
        <v>SAND</v>
      </c>
      <c r="Q2330" s="236" t="e">
        <f t="shared" si="549"/>
        <v>#N/A</v>
      </c>
      <c r="R2330" s="238">
        <v>35</v>
      </c>
      <c r="S2330" s="236" t="e">
        <f t="shared" si="554"/>
        <v>#N/A</v>
      </c>
      <c r="T2330" s="236">
        <f t="shared" si="540"/>
        <v>34.252711456856787</v>
      </c>
    </row>
    <row r="2331" spans="1:20" x14ac:dyDescent="0.2">
      <c r="A2331" s="53">
        <f t="shared" si="541"/>
        <v>2319</v>
      </c>
      <c r="B2331" s="239">
        <v>23.274000000000001</v>
      </c>
      <c r="C2331" s="3">
        <f t="shared" si="542"/>
        <v>23.266999999999999</v>
      </c>
      <c r="D2331" s="239">
        <v>7.3183999999999996</v>
      </c>
      <c r="E2331" s="239">
        <v>9.6799999999999997E-2</v>
      </c>
      <c r="F2331" s="239">
        <v>7.8600000000000003E-2</v>
      </c>
      <c r="G2331">
        <f t="shared" si="543"/>
        <v>7.3341199999999995</v>
      </c>
      <c r="H2331" s="235">
        <f t="shared" si="544"/>
        <v>1.3198584151881889</v>
      </c>
      <c r="I2331" s="236">
        <f t="shared" si="545"/>
        <v>19.385119729516834</v>
      </c>
      <c r="J2331" s="237">
        <f t="shared" si="550"/>
        <v>9.385119729516834</v>
      </c>
      <c r="K2331" s="237">
        <f t="shared" si="546"/>
        <v>451.03358074666818</v>
      </c>
      <c r="L2331" s="237">
        <f t="shared" si="551"/>
        <v>218.42927658477481</v>
      </c>
      <c r="M2331" s="236">
        <f t="shared" si="547"/>
        <v>31.511739300120468</v>
      </c>
      <c r="N2331" s="236">
        <f t="shared" si="548"/>
        <v>1.406345846962368</v>
      </c>
      <c r="O2331" s="236">
        <f t="shared" si="552"/>
        <v>2.399707746085685</v>
      </c>
      <c r="P2331" s="236" t="str">
        <f t="shared" si="553"/>
        <v>SAND</v>
      </c>
      <c r="Q2331" s="236" t="e">
        <f t="shared" si="549"/>
        <v>#N/A</v>
      </c>
      <c r="R2331" s="238">
        <v>35</v>
      </c>
      <c r="S2331" s="236" t="e">
        <f t="shared" si="554"/>
        <v>#N/A</v>
      </c>
      <c r="T2331" s="236">
        <f t="shared" si="540"/>
        <v>34.083196123380418</v>
      </c>
    </row>
    <row r="2332" spans="1:20" x14ac:dyDescent="0.2">
      <c r="A2332" s="53">
        <f t="shared" si="541"/>
        <v>2320</v>
      </c>
      <c r="B2332" s="239">
        <v>23.283999999999999</v>
      </c>
      <c r="C2332" s="3">
        <f t="shared" si="542"/>
        <v>23.276999999999997</v>
      </c>
      <c r="D2332" s="239">
        <v>7.0758000000000001</v>
      </c>
      <c r="E2332" s="239">
        <v>9.64E-2</v>
      </c>
      <c r="F2332" s="239">
        <v>9.1999999999999998E-2</v>
      </c>
      <c r="G2332">
        <f t="shared" si="543"/>
        <v>7.0941999999999998</v>
      </c>
      <c r="H2332" s="235">
        <f t="shared" si="544"/>
        <v>1.3588565306870402</v>
      </c>
      <c r="I2332" s="236">
        <f t="shared" si="545"/>
        <v>19.367264131082102</v>
      </c>
      <c r="J2332" s="237">
        <f t="shared" si="550"/>
        <v>9.3672641310821021</v>
      </c>
      <c r="K2332" s="237">
        <f t="shared" si="546"/>
        <v>450.81180717919807</v>
      </c>
      <c r="L2332" s="237">
        <f t="shared" si="551"/>
        <v>218.10737802811565</v>
      </c>
      <c r="M2332" s="236">
        <f t="shared" si="547"/>
        <v>30.459254761956839</v>
      </c>
      <c r="N2332" s="236">
        <f t="shared" si="548"/>
        <v>1.4510667930586227</v>
      </c>
      <c r="O2332" s="236">
        <f t="shared" si="552"/>
        <v>2.4195807914343268</v>
      </c>
      <c r="P2332" s="236" t="str">
        <f t="shared" si="553"/>
        <v>SAND</v>
      </c>
      <c r="Q2332" s="236" t="e">
        <f t="shared" si="549"/>
        <v>#N/A</v>
      </c>
      <c r="R2332" s="238">
        <v>35</v>
      </c>
      <c r="S2332" s="236" t="e">
        <f t="shared" si="554"/>
        <v>#N/A</v>
      </c>
      <c r="T2332" s="236">
        <f t="shared" si="540"/>
        <v>33.920912007056046</v>
      </c>
    </row>
    <row r="2333" spans="1:20" x14ac:dyDescent="0.2">
      <c r="A2333" s="53">
        <f t="shared" si="541"/>
        <v>2321</v>
      </c>
      <c r="B2333" s="239">
        <v>23.292999999999999</v>
      </c>
      <c r="C2333" s="3">
        <f t="shared" si="542"/>
        <v>23.285999999999998</v>
      </c>
      <c r="D2333" s="239">
        <v>6.8921000000000001</v>
      </c>
      <c r="E2333" s="239">
        <v>9.5500000000000002E-2</v>
      </c>
      <c r="F2333" s="239">
        <v>0.11020000000000001</v>
      </c>
      <c r="G2333">
        <f t="shared" si="543"/>
        <v>6.9141399999999997</v>
      </c>
      <c r="H2333" s="235">
        <f t="shared" si="544"/>
        <v>1.3812274556199327</v>
      </c>
      <c r="I2333" s="236">
        <f t="shared" si="545"/>
        <v>19.34621650980063</v>
      </c>
      <c r="J2333" s="237">
        <f t="shared" si="550"/>
        <v>9.3462165098006302</v>
      </c>
      <c r="K2333" s="237">
        <f t="shared" si="546"/>
        <v>450.49599764721745</v>
      </c>
      <c r="L2333" s="237">
        <f t="shared" si="551"/>
        <v>217.70142116278606</v>
      </c>
      <c r="M2333" s="236">
        <f t="shared" si="547"/>
        <v>29.690407935001939</v>
      </c>
      <c r="N2333" s="236">
        <f t="shared" si="548"/>
        <v>1.4774947377243823</v>
      </c>
      <c r="O2333" s="236">
        <f t="shared" si="552"/>
        <v>2.4331717019590173</v>
      </c>
      <c r="P2333" s="236" t="str">
        <f t="shared" si="553"/>
        <v>SAND</v>
      </c>
      <c r="Q2333" s="236" t="e">
        <f t="shared" si="549"/>
        <v>#N/A</v>
      </c>
      <c r="R2333" s="238">
        <v>35</v>
      </c>
      <c r="S2333" s="236" t="e">
        <f t="shared" si="554"/>
        <v>#N/A</v>
      </c>
      <c r="T2333" s="236">
        <f t="shared" si="540"/>
        <v>33.79877781147281</v>
      </c>
    </row>
    <row r="2334" spans="1:20" x14ac:dyDescent="0.2">
      <c r="A2334" s="53">
        <f t="shared" si="541"/>
        <v>2322</v>
      </c>
      <c r="B2334" s="239">
        <v>23.303999999999998</v>
      </c>
      <c r="C2334" s="3">
        <f t="shared" si="542"/>
        <v>23.296999999999997</v>
      </c>
      <c r="D2334" s="239">
        <v>6.7778</v>
      </c>
      <c r="E2334" s="239">
        <v>9.4600000000000004E-2</v>
      </c>
      <c r="F2334" s="239">
        <v>0.1225</v>
      </c>
      <c r="G2334">
        <f t="shared" si="543"/>
        <v>6.8022999999999998</v>
      </c>
      <c r="H2334" s="235">
        <f t="shared" si="544"/>
        <v>1.3907060847066435</v>
      </c>
      <c r="I2334" s="236">
        <f t="shared" si="545"/>
        <v>19.32873932609953</v>
      </c>
      <c r="J2334" s="237">
        <f t="shared" si="550"/>
        <v>9.3287393260995302</v>
      </c>
      <c r="K2334" s="237">
        <f t="shared" si="546"/>
        <v>450.30164008014071</v>
      </c>
      <c r="L2334" s="237">
        <f t="shared" si="551"/>
        <v>217.39694125542343</v>
      </c>
      <c r="M2334" s="236">
        <f t="shared" si="547"/>
        <v>29.218434828191931</v>
      </c>
      <c r="N2334" s="236">
        <f t="shared" si="548"/>
        <v>1.4892950948619821</v>
      </c>
      <c r="O2334" s="236">
        <f t="shared" si="552"/>
        <v>2.4408577315271129</v>
      </c>
      <c r="P2334" s="236" t="str">
        <f t="shared" si="553"/>
        <v>SAND</v>
      </c>
      <c r="Q2334" s="236" t="e">
        <f t="shared" si="549"/>
        <v>#N/A</v>
      </c>
      <c r="R2334" s="238">
        <v>35</v>
      </c>
      <c r="S2334" s="236" t="e">
        <f t="shared" si="554"/>
        <v>#N/A</v>
      </c>
      <c r="T2334" s="236">
        <f t="shared" si="540"/>
        <v>33.722226427494135</v>
      </c>
    </row>
    <row r="2335" spans="1:20" x14ac:dyDescent="0.2">
      <c r="A2335" s="53">
        <f t="shared" si="541"/>
        <v>2323</v>
      </c>
      <c r="B2335" s="239">
        <v>23.314</v>
      </c>
      <c r="C2335" s="3">
        <f t="shared" si="542"/>
        <v>23.306999999999999</v>
      </c>
      <c r="D2335" s="239">
        <v>6.7168999999999999</v>
      </c>
      <c r="E2335" s="239">
        <v>9.2299999999999993E-2</v>
      </c>
      <c r="F2335" s="239">
        <v>0.1381</v>
      </c>
      <c r="G2335">
        <f t="shared" si="543"/>
        <v>6.7445199999999996</v>
      </c>
      <c r="H2335" s="235">
        <f t="shared" si="544"/>
        <v>1.368518441638545</v>
      </c>
      <c r="I2335" s="236">
        <f t="shared" si="545"/>
        <v>19.296543589318926</v>
      </c>
      <c r="J2335" s="237">
        <f t="shared" si="550"/>
        <v>9.2965435893189259</v>
      </c>
      <c r="K2335" s="237">
        <f t="shared" si="546"/>
        <v>449.74454143625616</v>
      </c>
      <c r="L2335" s="237">
        <f t="shared" si="551"/>
        <v>216.73961724138144</v>
      </c>
      <c r="M2335" s="236">
        <f t="shared" si="547"/>
        <v>29.043031166532394</v>
      </c>
      <c r="N2335" s="236">
        <f t="shared" si="548"/>
        <v>1.4662953525122207</v>
      </c>
      <c r="O2335" s="236">
        <f t="shared" si="552"/>
        <v>2.4391577607449433</v>
      </c>
      <c r="P2335" s="236" t="str">
        <f t="shared" si="553"/>
        <v>SAND</v>
      </c>
      <c r="Q2335" s="236" t="e">
        <f t="shared" si="549"/>
        <v>#N/A</v>
      </c>
      <c r="R2335" s="238">
        <v>35</v>
      </c>
      <c r="S2335" s="236" t="e">
        <f t="shared" si="554"/>
        <v>#N/A</v>
      </c>
      <c r="T2335" s="236">
        <f t="shared" si="540"/>
        <v>33.693461349808722</v>
      </c>
    </row>
    <row r="2336" spans="1:20" x14ac:dyDescent="0.2">
      <c r="A2336" s="53">
        <f t="shared" si="541"/>
        <v>2324</v>
      </c>
      <c r="B2336" s="239">
        <v>23.324000000000002</v>
      </c>
      <c r="C2336" s="3">
        <f t="shared" si="542"/>
        <v>23.317</v>
      </c>
      <c r="D2336" s="239">
        <v>6.7234999999999996</v>
      </c>
      <c r="E2336" s="239">
        <v>9.1600000000000001E-2</v>
      </c>
      <c r="F2336" s="239">
        <v>0.14080000000000001</v>
      </c>
      <c r="G2336">
        <f t="shared" si="543"/>
        <v>6.7516599999999993</v>
      </c>
      <c r="H2336" s="235">
        <f t="shared" si="544"/>
        <v>1.3567033885000135</v>
      </c>
      <c r="I2336" s="236">
        <f t="shared" si="545"/>
        <v>19.288030340861198</v>
      </c>
      <c r="J2336" s="237">
        <f t="shared" si="550"/>
        <v>9.2880303408611979</v>
      </c>
      <c r="K2336" s="237">
        <f t="shared" si="546"/>
        <v>449.73900345786058</v>
      </c>
      <c r="L2336" s="237">
        <f t="shared" si="551"/>
        <v>216.6340196702466</v>
      </c>
      <c r="M2336" s="236">
        <f t="shared" si="547"/>
        <v>29.090172476763907</v>
      </c>
      <c r="N2336" s="236">
        <f t="shared" si="548"/>
        <v>1.4535250449864554</v>
      </c>
      <c r="O2336" s="236">
        <f t="shared" si="552"/>
        <v>2.4364207243072791</v>
      </c>
      <c r="P2336" s="236" t="str">
        <f t="shared" si="553"/>
        <v>SAND</v>
      </c>
      <c r="Q2336" s="236" t="e">
        <f t="shared" si="549"/>
        <v>#N/A</v>
      </c>
      <c r="R2336" s="238">
        <v>35</v>
      </c>
      <c r="S2336" s="236" t="e">
        <f t="shared" si="554"/>
        <v>#N/A</v>
      </c>
      <c r="T2336" s="236">
        <f t="shared" si="540"/>
        <v>33.701209258239217</v>
      </c>
    </row>
    <row r="2337" spans="1:20" x14ac:dyDescent="0.2">
      <c r="A2337" s="53">
        <f t="shared" si="541"/>
        <v>2325</v>
      </c>
      <c r="B2337" s="239">
        <v>23.334</v>
      </c>
      <c r="C2337" s="3">
        <f t="shared" si="542"/>
        <v>23.326999999999998</v>
      </c>
      <c r="D2337" s="239">
        <v>6.6551999999999998</v>
      </c>
      <c r="E2337" s="239">
        <v>9.4100000000000003E-2</v>
      </c>
      <c r="F2337" s="239">
        <v>0.14879999999999999</v>
      </c>
      <c r="G2337">
        <f t="shared" si="543"/>
        <v>6.6849599999999993</v>
      </c>
      <c r="H2337" s="235">
        <f t="shared" si="544"/>
        <v>1.4076374428568013</v>
      </c>
      <c r="I2337" s="236">
        <f t="shared" si="545"/>
        <v>19.315723969308671</v>
      </c>
      <c r="J2337" s="237">
        <f t="shared" si="550"/>
        <v>9.3157239693086709</v>
      </c>
      <c r="K2337" s="237">
        <f t="shared" si="546"/>
        <v>450.57789303206334</v>
      </c>
      <c r="L2337" s="237">
        <f t="shared" si="551"/>
        <v>217.37310309984852</v>
      </c>
      <c r="M2337" s="236">
        <f t="shared" si="547"/>
        <v>28.680558993097801</v>
      </c>
      <c r="N2337" s="236">
        <f t="shared" si="548"/>
        <v>1.5093717129533648</v>
      </c>
      <c r="O2337" s="236">
        <f t="shared" si="552"/>
        <v>2.4508028171706711</v>
      </c>
      <c r="P2337" s="236" t="str">
        <f t="shared" si="553"/>
        <v>SAND</v>
      </c>
      <c r="Q2337" s="236" t="e">
        <f t="shared" si="549"/>
        <v>#N/A</v>
      </c>
      <c r="R2337" s="238">
        <v>35</v>
      </c>
      <c r="S2337" s="236" t="e">
        <f t="shared" si="554"/>
        <v>#N/A</v>
      </c>
      <c r="T2337" s="236">
        <f t="shared" si="540"/>
        <v>33.633463727754354</v>
      </c>
    </row>
    <row r="2338" spans="1:20" x14ac:dyDescent="0.2">
      <c r="A2338" s="53">
        <f t="shared" si="541"/>
        <v>2326</v>
      </c>
      <c r="B2338" s="239">
        <v>23.343</v>
      </c>
      <c r="C2338" s="3">
        <f t="shared" si="542"/>
        <v>23.335999999999999</v>
      </c>
      <c r="D2338" s="239">
        <v>6.702</v>
      </c>
      <c r="E2338" s="239">
        <v>0.1036</v>
      </c>
      <c r="F2338" s="239">
        <v>0.16109999999999999</v>
      </c>
      <c r="G2338">
        <f t="shared" si="543"/>
        <v>6.7342199999999997</v>
      </c>
      <c r="H2338" s="235">
        <f t="shared" si="544"/>
        <v>1.5384112785148094</v>
      </c>
      <c r="I2338" s="236">
        <f t="shared" si="545"/>
        <v>19.43137296419906</v>
      </c>
      <c r="J2338" s="237">
        <f t="shared" si="550"/>
        <v>9.4313729641990598</v>
      </c>
      <c r="K2338" s="237">
        <f t="shared" si="546"/>
        <v>453.45051949254923</v>
      </c>
      <c r="L2338" s="237">
        <f t="shared" si="551"/>
        <v>220.15653910329866</v>
      </c>
      <c r="M2338" s="236">
        <f t="shared" si="547"/>
        <v>28.528652867133228</v>
      </c>
      <c r="N2338" s="236">
        <f t="shared" si="548"/>
        <v>1.6494794200221103</v>
      </c>
      <c r="O2338" s="236">
        <f t="shared" si="552"/>
        <v>2.4748853908093595</v>
      </c>
      <c r="P2338" s="236" t="str">
        <f t="shared" si="553"/>
        <v>SAND</v>
      </c>
      <c r="Q2338" s="236" t="e">
        <f t="shared" si="549"/>
        <v>#N/A</v>
      </c>
      <c r="R2338" s="238">
        <v>35</v>
      </c>
      <c r="S2338" s="236" t="e">
        <f t="shared" si="554"/>
        <v>#N/A</v>
      </c>
      <c r="T2338" s="236">
        <f t="shared" si="540"/>
        <v>33.608093910659761</v>
      </c>
    </row>
    <row r="2339" spans="1:20" x14ac:dyDescent="0.2">
      <c r="A2339" s="53">
        <f t="shared" si="541"/>
        <v>2327</v>
      </c>
      <c r="B2339" s="239">
        <v>23.352</v>
      </c>
      <c r="C2339" s="3">
        <f t="shared" si="542"/>
        <v>23.344999999999999</v>
      </c>
      <c r="D2339" s="239">
        <v>6.9202000000000004</v>
      </c>
      <c r="E2339" s="239">
        <v>0.1133</v>
      </c>
      <c r="F2339" s="239">
        <v>0.13600000000000001</v>
      </c>
      <c r="G2339">
        <f t="shared" si="543"/>
        <v>6.9474</v>
      </c>
      <c r="H2339" s="235">
        <f t="shared" si="544"/>
        <v>1.63082592048824</v>
      </c>
      <c r="I2339" s="236">
        <f t="shared" si="545"/>
        <v>19.548503884896583</v>
      </c>
      <c r="J2339" s="237">
        <f t="shared" si="550"/>
        <v>9.5485038848965829</v>
      </c>
      <c r="K2339" s="237">
        <f t="shared" si="546"/>
        <v>456.35982319291071</v>
      </c>
      <c r="L2339" s="237">
        <f t="shared" si="551"/>
        <v>222.976662720105</v>
      </c>
      <c r="M2339" s="236">
        <f t="shared" si="547"/>
        <v>29.110849976955077</v>
      </c>
      <c r="N2339" s="236">
        <f t="shared" si="548"/>
        <v>1.7454829567197614</v>
      </c>
      <c r="O2339" s="236">
        <f t="shared" si="552"/>
        <v>2.4821388072171766</v>
      </c>
      <c r="P2339" s="236" t="str">
        <f t="shared" si="553"/>
        <v>SAND</v>
      </c>
      <c r="Q2339" s="236" t="e">
        <f t="shared" si="549"/>
        <v>#N/A</v>
      </c>
      <c r="R2339" s="238">
        <v>35</v>
      </c>
      <c r="S2339" s="236" t="e">
        <f t="shared" si="554"/>
        <v>#N/A</v>
      </c>
      <c r="T2339" s="236">
        <f t="shared" si="540"/>
        <v>33.704603747426859</v>
      </c>
    </row>
    <row r="2340" spans="1:20" x14ac:dyDescent="0.2">
      <c r="A2340" s="53">
        <f t="shared" si="541"/>
        <v>2328</v>
      </c>
      <c r="B2340" s="239">
        <v>23.363</v>
      </c>
      <c r="C2340" s="3">
        <f t="shared" si="542"/>
        <v>23.355999999999998</v>
      </c>
      <c r="D2340" s="239">
        <v>7.1280000000000001</v>
      </c>
      <c r="E2340" s="239">
        <v>0.1227</v>
      </c>
      <c r="F2340" s="239">
        <v>9.0200000000000002E-2</v>
      </c>
      <c r="G2340">
        <f t="shared" si="543"/>
        <v>7.1460400000000002</v>
      </c>
      <c r="H2340" s="235">
        <f t="shared" si="544"/>
        <v>1.7170348892533487</v>
      </c>
      <c r="I2340" s="236">
        <f t="shared" si="545"/>
        <v>19.652982272300573</v>
      </c>
      <c r="J2340" s="237">
        <f t="shared" si="550"/>
        <v>9.6529822723005729</v>
      </c>
      <c r="K2340" s="237">
        <f t="shared" si="546"/>
        <v>459.01505395185217</v>
      </c>
      <c r="L2340" s="237">
        <f t="shared" si="551"/>
        <v>225.52262482775828</v>
      </c>
      <c r="M2340" s="236">
        <f t="shared" si="547"/>
        <v>29.651237658107821</v>
      </c>
      <c r="N2340" s="236">
        <f t="shared" si="548"/>
        <v>1.8348966990546729</v>
      </c>
      <c r="O2340" s="236">
        <f t="shared" si="552"/>
        <v>2.4885610917306975</v>
      </c>
      <c r="P2340" s="236" t="str">
        <f t="shared" si="553"/>
        <v>SAND</v>
      </c>
      <c r="Q2340" s="236" t="e">
        <f t="shared" si="549"/>
        <v>#N/A</v>
      </c>
      <c r="R2340" s="238">
        <v>35</v>
      </c>
      <c r="S2340" s="236" t="e">
        <f t="shared" si="554"/>
        <v>#N/A</v>
      </c>
      <c r="T2340" s="236">
        <f t="shared" si="540"/>
        <v>33.792471083322141</v>
      </c>
    </row>
    <row r="2341" spans="1:20" x14ac:dyDescent="0.2">
      <c r="A2341" s="53">
        <f t="shared" si="541"/>
        <v>2329</v>
      </c>
      <c r="B2341" s="239">
        <v>23.372</v>
      </c>
      <c r="C2341" s="3">
        <f t="shared" si="542"/>
        <v>23.364999999999998</v>
      </c>
      <c r="D2341" s="239">
        <v>7.2983000000000002</v>
      </c>
      <c r="E2341" s="239">
        <v>0.127</v>
      </c>
      <c r="F2341" s="239">
        <v>7.3200000000000001E-2</v>
      </c>
      <c r="G2341">
        <f t="shared" si="543"/>
        <v>7.3129400000000002</v>
      </c>
      <c r="H2341" s="235">
        <f t="shared" si="544"/>
        <v>1.7366476410308302</v>
      </c>
      <c r="I2341" s="236">
        <f t="shared" si="545"/>
        <v>19.702395910153797</v>
      </c>
      <c r="J2341" s="237">
        <f t="shared" si="550"/>
        <v>9.7023959101537969</v>
      </c>
      <c r="K2341" s="237">
        <f t="shared" si="546"/>
        <v>460.34648044074345</v>
      </c>
      <c r="L2341" s="237">
        <f t="shared" si="551"/>
        <v>226.76439721211455</v>
      </c>
      <c r="M2341" s="236">
        <f t="shared" si="547"/>
        <v>30.219000882882721</v>
      </c>
      <c r="N2341" s="236">
        <f t="shared" si="548"/>
        <v>1.853312904632469</v>
      </c>
      <c r="O2341" s="236">
        <f t="shared" si="552"/>
        <v>2.4845475960265264</v>
      </c>
      <c r="P2341" s="236" t="str">
        <f t="shared" si="553"/>
        <v>SAND</v>
      </c>
      <c r="Q2341" s="236" t="e">
        <f t="shared" si="549"/>
        <v>#N/A</v>
      </c>
      <c r="R2341" s="238">
        <v>35</v>
      </c>
      <c r="S2341" s="236" t="e">
        <f t="shared" si="554"/>
        <v>#N/A</v>
      </c>
      <c r="T2341" s="236">
        <f t="shared" si="540"/>
        <v>33.88308111494829</v>
      </c>
    </row>
    <row r="2342" spans="1:20" x14ac:dyDescent="0.2">
      <c r="A2342" s="53">
        <f t="shared" si="541"/>
        <v>2330</v>
      </c>
      <c r="B2342" s="239">
        <v>23.382000000000001</v>
      </c>
      <c r="C2342" s="3">
        <f t="shared" si="542"/>
        <v>23.375</v>
      </c>
      <c r="D2342" s="239">
        <v>7.4413999999999998</v>
      </c>
      <c r="E2342" s="239">
        <v>0.13389999999999999</v>
      </c>
      <c r="F2342" s="239">
        <v>6.9400000000000003E-2</v>
      </c>
      <c r="G2342">
        <f t="shared" si="543"/>
        <v>7.4552800000000001</v>
      </c>
      <c r="H2342" s="235">
        <f t="shared" si="544"/>
        <v>1.7960425362964234</v>
      </c>
      <c r="I2342" s="236">
        <f t="shared" si="545"/>
        <v>19.771968175426196</v>
      </c>
      <c r="J2342" s="237">
        <f t="shared" si="550"/>
        <v>9.7719681754261956</v>
      </c>
      <c r="K2342" s="237">
        <f t="shared" si="546"/>
        <v>462.16975610058734</v>
      </c>
      <c r="L2342" s="237">
        <f t="shared" si="551"/>
        <v>228.48815987781532</v>
      </c>
      <c r="M2342" s="236">
        <f t="shared" si="547"/>
        <v>30.606007101807801</v>
      </c>
      <c r="N2342" s="236">
        <f t="shared" si="548"/>
        <v>1.914741729072704</v>
      </c>
      <c r="O2342" s="236">
        <f t="shared" si="552"/>
        <v>2.4886458590613394</v>
      </c>
      <c r="P2342" s="236" t="str">
        <f t="shared" si="553"/>
        <v>SAND</v>
      </c>
      <c r="Q2342" s="236" t="e">
        <f t="shared" si="549"/>
        <v>#N/A</v>
      </c>
      <c r="R2342" s="238">
        <v>35</v>
      </c>
      <c r="S2342" s="236" t="e">
        <f t="shared" si="554"/>
        <v>#N/A</v>
      </c>
      <c r="T2342" s="236">
        <f t="shared" si="540"/>
        <v>33.943873421572299</v>
      </c>
    </row>
    <row r="2343" spans="1:20" x14ac:dyDescent="0.2">
      <c r="A2343" s="53">
        <f t="shared" si="541"/>
        <v>2331</v>
      </c>
      <c r="B2343" s="239">
        <v>23.390999999999998</v>
      </c>
      <c r="C2343" s="3">
        <f t="shared" si="542"/>
        <v>23.383999999999997</v>
      </c>
      <c r="D2343" s="239">
        <v>7.6128</v>
      </c>
      <c r="E2343" s="239">
        <v>0.1396</v>
      </c>
      <c r="F2343" s="239">
        <v>5.5899999999999998E-2</v>
      </c>
      <c r="G2343">
        <f t="shared" si="543"/>
        <v>7.6239800000000004</v>
      </c>
      <c r="H2343" s="235">
        <f t="shared" si="544"/>
        <v>1.8310646145451588</v>
      </c>
      <c r="I2343" s="236">
        <f t="shared" si="545"/>
        <v>19.829597257269434</v>
      </c>
      <c r="J2343" s="237">
        <f t="shared" si="550"/>
        <v>9.8295972572694339</v>
      </c>
      <c r="K2343" s="237">
        <f t="shared" si="546"/>
        <v>463.69530226398837</v>
      </c>
      <c r="L2343" s="237">
        <f t="shared" si="551"/>
        <v>229.92410944478931</v>
      </c>
      <c r="M2343" s="236">
        <f t="shared" si="547"/>
        <v>31.141948162923647</v>
      </c>
      <c r="N2343" s="236">
        <f t="shared" si="548"/>
        <v>1.9496431481857095</v>
      </c>
      <c r="O2343" s="236">
        <f t="shared" si="552"/>
        <v>2.4873934958942012</v>
      </c>
      <c r="P2343" s="236" t="str">
        <f t="shared" si="553"/>
        <v>SAND</v>
      </c>
      <c r="Q2343" s="236" t="e">
        <f t="shared" si="549"/>
        <v>#N/A</v>
      </c>
      <c r="R2343" s="238">
        <v>35</v>
      </c>
      <c r="S2343" s="236" t="e">
        <f t="shared" si="554"/>
        <v>#N/A</v>
      </c>
      <c r="T2343" s="236">
        <f t="shared" si="540"/>
        <v>34.026803552125727</v>
      </c>
    </row>
    <row r="2344" spans="1:20" x14ac:dyDescent="0.2">
      <c r="A2344" s="53">
        <f t="shared" si="541"/>
        <v>2332</v>
      </c>
      <c r="B2344" s="239">
        <v>23.402000000000001</v>
      </c>
      <c r="C2344" s="3">
        <f t="shared" si="542"/>
        <v>23.395</v>
      </c>
      <c r="D2344" s="239">
        <v>7.8925999999999998</v>
      </c>
      <c r="E2344" s="239">
        <v>0.14699999999999999</v>
      </c>
      <c r="F2344" s="239">
        <v>5.9499999999999997E-2</v>
      </c>
      <c r="G2344">
        <f t="shared" si="543"/>
        <v>7.9044999999999996</v>
      </c>
      <c r="H2344" s="235">
        <f t="shared" si="544"/>
        <v>1.8597001707887912</v>
      </c>
      <c r="I2344" s="236">
        <f t="shared" si="545"/>
        <v>19.904286821616036</v>
      </c>
      <c r="J2344" s="237">
        <f t="shared" si="550"/>
        <v>9.9042868216160365</v>
      </c>
      <c r="K2344" s="237">
        <f t="shared" si="546"/>
        <v>465.66079019170718</v>
      </c>
      <c r="L2344" s="237">
        <f t="shared" si="551"/>
        <v>231.78012019945851</v>
      </c>
      <c r="M2344" s="236">
        <f t="shared" si="547"/>
        <v>32.094379808789448</v>
      </c>
      <c r="N2344" s="236">
        <f t="shared" si="548"/>
        <v>1.9761147654082489</v>
      </c>
      <c r="O2344" s="236">
        <f t="shared" si="552"/>
        <v>2.4805841316172628</v>
      </c>
      <c r="P2344" s="236" t="str">
        <f t="shared" si="553"/>
        <v>SAND</v>
      </c>
      <c r="Q2344" s="236" t="e">
        <f t="shared" si="549"/>
        <v>#N/A</v>
      </c>
      <c r="R2344" s="238">
        <v>35</v>
      </c>
      <c r="S2344" s="236" t="e">
        <f t="shared" si="554"/>
        <v>#N/A</v>
      </c>
      <c r="T2344" s="236">
        <f t="shared" si="540"/>
        <v>34.170718865830011</v>
      </c>
    </row>
    <row r="2345" spans="1:20" x14ac:dyDescent="0.2">
      <c r="A2345" s="53">
        <f t="shared" si="541"/>
        <v>2333</v>
      </c>
      <c r="B2345" s="239">
        <v>23.411000000000001</v>
      </c>
      <c r="C2345" s="3">
        <f t="shared" si="542"/>
        <v>23.404</v>
      </c>
      <c r="D2345" s="239">
        <v>8.1414000000000009</v>
      </c>
      <c r="E2345" s="239">
        <v>0.1547</v>
      </c>
      <c r="F2345" s="239">
        <v>3.56E-2</v>
      </c>
      <c r="G2345">
        <f t="shared" si="543"/>
        <v>8.1485200000000013</v>
      </c>
      <c r="H2345" s="235">
        <f t="shared" si="544"/>
        <v>1.8985042682597573</v>
      </c>
      <c r="I2345" s="236">
        <f t="shared" si="545"/>
        <v>19.97603776361948</v>
      </c>
      <c r="J2345" s="237">
        <f t="shared" si="550"/>
        <v>9.9760377636194804</v>
      </c>
      <c r="K2345" s="237">
        <f t="shared" si="546"/>
        <v>467.5191878197503</v>
      </c>
      <c r="L2345" s="237">
        <f t="shared" si="551"/>
        <v>233.54902008409567</v>
      </c>
      <c r="M2345" s="236">
        <f t="shared" si="547"/>
        <v>32.888174009098812</v>
      </c>
      <c r="N2345" s="236">
        <f t="shared" si="548"/>
        <v>2.0140604562192261</v>
      </c>
      <c r="O2345" s="236">
        <f t="shared" si="552"/>
        <v>2.4772667773479458</v>
      </c>
      <c r="P2345" s="236" t="str">
        <f t="shared" si="553"/>
        <v>SAND</v>
      </c>
      <c r="Q2345" s="236" t="e">
        <f t="shared" si="549"/>
        <v>#N/A</v>
      </c>
      <c r="R2345" s="238">
        <v>35</v>
      </c>
      <c r="S2345" s="236" t="e">
        <f t="shared" si="554"/>
        <v>#N/A</v>
      </c>
      <c r="T2345" s="236">
        <f t="shared" si="540"/>
        <v>34.287437377611333</v>
      </c>
    </row>
    <row r="2346" spans="1:20" x14ac:dyDescent="0.2">
      <c r="A2346" s="53">
        <f t="shared" si="541"/>
        <v>2334</v>
      </c>
      <c r="B2346" s="239">
        <v>23.420999999999999</v>
      </c>
      <c r="C2346" s="3">
        <f t="shared" si="542"/>
        <v>23.413999999999998</v>
      </c>
      <c r="D2346" s="239">
        <v>8.3373000000000008</v>
      </c>
      <c r="E2346" s="239">
        <v>0.1583</v>
      </c>
      <c r="F2346" s="239">
        <v>3.2399999999999998E-2</v>
      </c>
      <c r="G2346">
        <f t="shared" si="543"/>
        <v>8.3437800000000006</v>
      </c>
      <c r="H2346" s="235">
        <f t="shared" si="544"/>
        <v>1.8972216429483997</v>
      </c>
      <c r="I2346" s="236">
        <f t="shared" si="545"/>
        <v>20.01226808460595</v>
      </c>
      <c r="J2346" s="237">
        <f t="shared" si="550"/>
        <v>10.01226808460595</v>
      </c>
      <c r="K2346" s="237">
        <f t="shared" si="546"/>
        <v>468.56724493296366</v>
      </c>
      <c r="L2346" s="237">
        <f t="shared" si="551"/>
        <v>234.49733080955593</v>
      </c>
      <c r="M2346" s="236">
        <f t="shared" si="547"/>
        <v>33.583379085294546</v>
      </c>
      <c r="N2346" s="236">
        <f t="shared" si="548"/>
        <v>2.0101044241394908</v>
      </c>
      <c r="O2346" s="236">
        <f t="shared" si="552"/>
        <v>2.4695844474206363</v>
      </c>
      <c r="P2346" s="236" t="str">
        <f t="shared" si="553"/>
        <v>SAND</v>
      </c>
      <c r="Q2346" s="236" t="e">
        <f t="shared" si="549"/>
        <v>#N/A</v>
      </c>
      <c r="R2346" s="238">
        <v>35</v>
      </c>
      <c r="S2346" s="236" t="e">
        <f t="shared" si="554"/>
        <v>#N/A</v>
      </c>
      <c r="T2346" s="236">
        <f t="shared" si="540"/>
        <v>34.387368309254185</v>
      </c>
    </row>
    <row r="2347" spans="1:20" x14ac:dyDescent="0.2">
      <c r="A2347" s="53">
        <f t="shared" si="541"/>
        <v>2335</v>
      </c>
      <c r="B2347" s="239">
        <v>23.43</v>
      </c>
      <c r="C2347" s="3">
        <f t="shared" si="542"/>
        <v>23.422999999999998</v>
      </c>
      <c r="D2347" s="239">
        <v>8.3346999999999998</v>
      </c>
      <c r="E2347" s="239">
        <v>0.15740000000000001</v>
      </c>
      <c r="F2347" s="239">
        <v>1.4E-2</v>
      </c>
      <c r="G2347">
        <f t="shared" si="543"/>
        <v>8.3375000000000004</v>
      </c>
      <c r="H2347" s="235">
        <f t="shared" si="544"/>
        <v>1.8878560719640181</v>
      </c>
      <c r="I2347" s="236">
        <f t="shared" si="545"/>
        <v>20.005288082276852</v>
      </c>
      <c r="J2347" s="237">
        <f t="shared" si="550"/>
        <v>10.005288082276852</v>
      </c>
      <c r="K2347" s="237">
        <f t="shared" si="546"/>
        <v>468.58386275117067</v>
      </c>
      <c r="L2347" s="237">
        <f t="shared" si="551"/>
        <v>234.42389976774663</v>
      </c>
      <c r="M2347" s="236">
        <f t="shared" si="547"/>
        <v>33.567038791884649</v>
      </c>
      <c r="N2347" s="236">
        <f t="shared" si="548"/>
        <v>2.0002754795532871</v>
      </c>
      <c r="O2347" s="236">
        <f t="shared" si="552"/>
        <v>2.4684384454081632</v>
      </c>
      <c r="P2347" s="236" t="str">
        <f t="shared" si="553"/>
        <v>SAND</v>
      </c>
      <c r="Q2347" s="236" t="e">
        <f t="shared" si="549"/>
        <v>#N/A</v>
      </c>
      <c r="R2347" s="238">
        <v>35</v>
      </c>
      <c r="S2347" s="236" t="e">
        <f t="shared" si="554"/>
        <v>#N/A</v>
      </c>
      <c r="T2347" s="236">
        <f t="shared" si="540"/>
        <v>34.385043335087978</v>
      </c>
    </row>
    <row r="2348" spans="1:20" x14ac:dyDescent="0.2">
      <c r="A2348" s="53">
        <f t="shared" si="541"/>
        <v>2336</v>
      </c>
      <c r="B2348" s="239">
        <v>23.440999999999999</v>
      </c>
      <c r="C2348" s="3">
        <f t="shared" si="542"/>
        <v>23.433999999999997</v>
      </c>
      <c r="D2348" s="239">
        <v>8.1603999999999992</v>
      </c>
      <c r="E2348" s="239">
        <v>0.157</v>
      </c>
      <c r="F2348" s="239">
        <v>2.7000000000000001E-3</v>
      </c>
      <c r="G2348">
        <f t="shared" si="543"/>
        <v>8.1609400000000001</v>
      </c>
      <c r="H2348" s="235">
        <f t="shared" si="544"/>
        <v>1.9237979938585508</v>
      </c>
      <c r="I2348" s="236">
        <f t="shared" si="545"/>
        <v>19.993938282291754</v>
      </c>
      <c r="J2348" s="237">
        <f t="shared" si="550"/>
        <v>9.9939382822917544</v>
      </c>
      <c r="K2348" s="237">
        <f t="shared" si="546"/>
        <v>468.53794970722493</v>
      </c>
      <c r="L2348" s="237">
        <f t="shared" si="551"/>
        <v>234.267907275201</v>
      </c>
      <c r="M2348" s="236">
        <f t="shared" si="547"/>
        <v>32.835919096917948</v>
      </c>
      <c r="N2348" s="236">
        <f t="shared" si="548"/>
        <v>2.0409749643029191</v>
      </c>
      <c r="O2348" s="236">
        <f t="shared" si="552"/>
        <v>2.4813614927612466</v>
      </c>
      <c r="P2348" s="236" t="str">
        <f t="shared" si="553"/>
        <v>SAND</v>
      </c>
      <c r="Q2348" s="236" t="e">
        <f t="shared" si="549"/>
        <v>#N/A</v>
      </c>
      <c r="R2348" s="238">
        <v>35</v>
      </c>
      <c r="S2348" s="236" t="e">
        <f t="shared" si="554"/>
        <v>#N/A</v>
      </c>
      <c r="T2348" s="236">
        <f t="shared" si="540"/>
        <v>34.279840946502425</v>
      </c>
    </row>
    <row r="2349" spans="1:20" x14ac:dyDescent="0.2">
      <c r="A2349" s="53">
        <f t="shared" si="541"/>
        <v>2337</v>
      </c>
      <c r="B2349" s="239">
        <v>23.45</v>
      </c>
      <c r="C2349" s="3">
        <f t="shared" si="542"/>
        <v>23.442999999999998</v>
      </c>
      <c r="D2349" s="239">
        <v>7.8910999999999998</v>
      </c>
      <c r="E2349" s="239">
        <v>0.15260000000000001</v>
      </c>
      <c r="F2349" s="239">
        <v>-1.5699999999999999E-2</v>
      </c>
      <c r="G2349">
        <f t="shared" si="543"/>
        <v>7.8879599999999996</v>
      </c>
      <c r="H2349" s="235">
        <f t="shared" si="544"/>
        <v>1.934593988813331</v>
      </c>
      <c r="I2349" s="236">
        <f t="shared" si="545"/>
        <v>19.947308524814019</v>
      </c>
      <c r="J2349" s="237">
        <f t="shared" si="550"/>
        <v>9.9473085248140194</v>
      </c>
      <c r="K2349" s="237">
        <f t="shared" si="546"/>
        <v>467.62475374721504</v>
      </c>
      <c r="L2349" s="237">
        <f t="shared" si="551"/>
        <v>233.26438490688875</v>
      </c>
      <c r="M2349" s="236">
        <f t="shared" si="547"/>
        <v>31.810836657360838</v>
      </c>
      <c r="N2349" s="236">
        <f t="shared" si="548"/>
        <v>2.0565108574718631</v>
      </c>
      <c r="O2349" s="236">
        <f t="shared" si="552"/>
        <v>2.4942436636846028</v>
      </c>
      <c r="P2349" s="236" t="str">
        <f t="shared" si="553"/>
        <v>SAND</v>
      </c>
      <c r="Q2349" s="236" t="e">
        <f t="shared" si="549"/>
        <v>#N/A</v>
      </c>
      <c r="R2349" s="238">
        <v>35</v>
      </c>
      <c r="S2349" s="236" t="e">
        <f t="shared" si="554"/>
        <v>#N/A</v>
      </c>
      <c r="T2349" s="236">
        <f t="shared" si="540"/>
        <v>34.128326008086177</v>
      </c>
    </row>
    <row r="2350" spans="1:20" x14ac:dyDescent="0.2">
      <c r="A2350" s="53">
        <f t="shared" si="541"/>
        <v>2338</v>
      </c>
      <c r="B2350" s="239">
        <v>23.46</v>
      </c>
      <c r="C2350" s="3">
        <f t="shared" si="542"/>
        <v>23.452999999999999</v>
      </c>
      <c r="D2350" s="239">
        <v>7.5789999999999997</v>
      </c>
      <c r="E2350" s="239">
        <v>0.1479</v>
      </c>
      <c r="F2350" s="239">
        <v>4.1999999999999997E-3</v>
      </c>
      <c r="G2350">
        <f t="shared" si="543"/>
        <v>7.5798399999999999</v>
      </c>
      <c r="H2350" s="235">
        <f t="shared" si="544"/>
        <v>1.9512285219740786</v>
      </c>
      <c r="I2350" s="236">
        <f t="shared" si="545"/>
        <v>19.895051158706607</v>
      </c>
      <c r="J2350" s="237">
        <f t="shared" si="550"/>
        <v>9.8950511587066075</v>
      </c>
      <c r="K2350" s="237">
        <f t="shared" si="546"/>
        <v>466.59863482514606</v>
      </c>
      <c r="L2350" s="237">
        <f t="shared" si="551"/>
        <v>232.13790018325702</v>
      </c>
      <c r="M2350" s="236">
        <f t="shared" si="547"/>
        <v>30.642309418494076</v>
      </c>
      <c r="N2350" s="236">
        <f t="shared" si="548"/>
        <v>2.0792208840837554</v>
      </c>
      <c r="O2350" s="236">
        <f t="shared" si="552"/>
        <v>2.5100037370723101</v>
      </c>
      <c r="P2350" s="236" t="str">
        <f t="shared" si="553"/>
        <v>SAND</v>
      </c>
      <c r="Q2350" s="236" t="e">
        <f t="shared" si="549"/>
        <v>#N/A</v>
      </c>
      <c r="R2350" s="238">
        <v>35</v>
      </c>
      <c r="S2350" s="236" t="e">
        <f t="shared" si="554"/>
        <v>#N/A</v>
      </c>
      <c r="T2350" s="236">
        <f t="shared" si="540"/>
        <v>33.949536430260522</v>
      </c>
    </row>
    <row r="2351" spans="1:20" x14ac:dyDescent="0.2">
      <c r="A2351" s="53">
        <f t="shared" si="541"/>
        <v>2339</v>
      </c>
      <c r="B2351" s="239">
        <v>23.47</v>
      </c>
      <c r="C2351" s="3">
        <f t="shared" si="542"/>
        <v>23.462999999999997</v>
      </c>
      <c r="D2351" s="239">
        <v>7.4535</v>
      </c>
      <c r="E2351" s="239">
        <v>0.13650000000000001</v>
      </c>
      <c r="F2351" s="239">
        <v>1.1599999999999999E-2</v>
      </c>
      <c r="G2351">
        <f t="shared" si="543"/>
        <v>7.4558200000000001</v>
      </c>
      <c r="H2351" s="235">
        <f t="shared" si="544"/>
        <v>1.8307845414722994</v>
      </c>
      <c r="I2351" s="236">
        <f t="shared" si="545"/>
        <v>19.794547086277831</v>
      </c>
      <c r="J2351" s="237">
        <f t="shared" si="550"/>
        <v>9.7945470862778308</v>
      </c>
      <c r="K2351" s="237">
        <f t="shared" si="546"/>
        <v>464.43945828533668</v>
      </c>
      <c r="L2351" s="237">
        <f t="shared" si="551"/>
        <v>229.87802011494068</v>
      </c>
      <c r="M2351" s="236">
        <f t="shared" si="547"/>
        <v>30.41343638778045</v>
      </c>
      <c r="N2351" s="236">
        <f t="shared" si="548"/>
        <v>1.952404095093397</v>
      </c>
      <c r="O2351" s="236">
        <f t="shared" si="552"/>
        <v>2.4959426238796865</v>
      </c>
      <c r="P2351" s="236" t="str">
        <f t="shared" si="553"/>
        <v>SAND</v>
      </c>
      <c r="Q2351" s="236" t="e">
        <f t="shared" si="549"/>
        <v>#N/A</v>
      </c>
      <c r="R2351" s="238">
        <v>35</v>
      </c>
      <c r="S2351" s="236" t="e">
        <f t="shared" si="554"/>
        <v>#N/A</v>
      </c>
      <c r="T2351" s="236">
        <f t="shared" si="540"/>
        <v>33.913720428204428</v>
      </c>
    </row>
    <row r="2352" spans="1:20" x14ac:dyDescent="0.2">
      <c r="A2352" s="53">
        <f t="shared" si="541"/>
        <v>2340</v>
      </c>
      <c r="B2352" s="239">
        <v>23.48</v>
      </c>
      <c r="C2352" s="3">
        <f t="shared" si="542"/>
        <v>23.472999999999999</v>
      </c>
      <c r="D2352" s="239">
        <v>7.4119000000000002</v>
      </c>
      <c r="E2352" s="239">
        <v>0.1236</v>
      </c>
      <c r="F2352" s="239">
        <v>2.1700000000000001E-2</v>
      </c>
      <c r="G2352">
        <f t="shared" si="543"/>
        <v>7.4162400000000002</v>
      </c>
      <c r="H2352" s="235">
        <f t="shared" si="544"/>
        <v>1.66661273097958</v>
      </c>
      <c r="I2352" s="236">
        <f t="shared" si="545"/>
        <v>19.676058323586997</v>
      </c>
      <c r="J2352" s="237">
        <f t="shared" si="550"/>
        <v>9.6760583235869966</v>
      </c>
      <c r="K2352" s="237">
        <f t="shared" si="546"/>
        <v>461.85611702955754</v>
      </c>
      <c r="L2352" s="237">
        <f t="shared" si="551"/>
        <v>227.19384943782268</v>
      </c>
      <c r="M2352" s="236">
        <f t="shared" si="547"/>
        <v>30.60991263706584</v>
      </c>
      <c r="N2352" s="236">
        <f t="shared" si="548"/>
        <v>1.777296193019567</v>
      </c>
      <c r="O2352" s="236">
        <f t="shared" si="552"/>
        <v>2.4692098222860408</v>
      </c>
      <c r="P2352" s="236" t="str">
        <f t="shared" si="553"/>
        <v>SAND</v>
      </c>
      <c r="Q2352" s="236" t="e">
        <f t="shared" si="549"/>
        <v>#N/A</v>
      </c>
      <c r="R2352" s="238">
        <v>35</v>
      </c>
      <c r="S2352" s="236" t="e">
        <f t="shared" si="554"/>
        <v>#N/A</v>
      </c>
      <c r="T2352" s="236">
        <f t="shared" si="540"/>
        <v>33.944482990999035</v>
      </c>
    </row>
    <row r="2353" spans="1:20" x14ac:dyDescent="0.2">
      <c r="A2353" s="53">
        <f t="shared" si="541"/>
        <v>2341</v>
      </c>
      <c r="B2353" s="239">
        <v>23.489000000000001</v>
      </c>
      <c r="C2353" s="3">
        <f t="shared" si="542"/>
        <v>23.481999999999999</v>
      </c>
      <c r="D2353" s="239">
        <v>7.3640999999999996</v>
      </c>
      <c r="E2353" s="239">
        <v>0.1143</v>
      </c>
      <c r="F2353" s="239">
        <v>3.5700000000000003E-2</v>
      </c>
      <c r="G2353">
        <f t="shared" si="543"/>
        <v>7.3712399999999993</v>
      </c>
      <c r="H2353" s="235">
        <f t="shared" si="544"/>
        <v>1.5506210623992707</v>
      </c>
      <c r="I2353" s="236">
        <f t="shared" si="545"/>
        <v>19.581954372900555</v>
      </c>
      <c r="J2353" s="237">
        <f t="shared" si="550"/>
        <v>9.5819543729005545</v>
      </c>
      <c r="K2353" s="237">
        <f t="shared" si="546"/>
        <v>459.82345258445082</v>
      </c>
      <c r="L2353" s="237">
        <f t="shared" si="551"/>
        <v>225.07052626506112</v>
      </c>
      <c r="M2353" s="236">
        <f t="shared" si="547"/>
        <v>30.707781521229084</v>
      </c>
      <c r="N2353" s="236">
        <f t="shared" si="548"/>
        <v>1.6537854319132488</v>
      </c>
      <c r="O2353" s="236">
        <f t="shared" si="552"/>
        <v>2.4495971178792098</v>
      </c>
      <c r="P2353" s="236" t="str">
        <f t="shared" si="553"/>
        <v>SAND</v>
      </c>
      <c r="Q2353" s="236" t="e">
        <f t="shared" si="549"/>
        <v>#N/A</v>
      </c>
      <c r="R2353" s="238">
        <v>35</v>
      </c>
      <c r="S2353" s="236" t="e">
        <f t="shared" si="554"/>
        <v>#N/A</v>
      </c>
      <c r="T2353" s="236">
        <f t="shared" si="540"/>
        <v>33.959732862449911</v>
      </c>
    </row>
    <row r="2354" spans="1:20" x14ac:dyDescent="0.2">
      <c r="A2354" s="53">
        <f t="shared" si="541"/>
        <v>2342</v>
      </c>
      <c r="B2354" s="239">
        <v>23.5</v>
      </c>
      <c r="C2354" s="3">
        <f t="shared" si="542"/>
        <v>23.492999999999999</v>
      </c>
      <c r="D2354" s="239">
        <v>7.3292000000000002</v>
      </c>
      <c r="E2354" s="239">
        <v>0.1071</v>
      </c>
      <c r="F2354" s="239">
        <v>4.19E-2</v>
      </c>
      <c r="G2354">
        <f t="shared" si="543"/>
        <v>7.33758</v>
      </c>
      <c r="H2354" s="235">
        <f t="shared" si="544"/>
        <v>1.4596092989786824</v>
      </c>
      <c r="I2354" s="236">
        <f t="shared" si="545"/>
        <v>19.503872189996216</v>
      </c>
      <c r="J2354" s="237">
        <f t="shared" si="550"/>
        <v>9.5038721899962155</v>
      </c>
      <c r="K2354" s="237">
        <f t="shared" si="546"/>
        <v>458.20446935958108</v>
      </c>
      <c r="L2354" s="237">
        <f t="shared" si="551"/>
        <v>223.34099646491106</v>
      </c>
      <c r="M2354" s="236">
        <f t="shared" si="547"/>
        <v>30.80211711924207</v>
      </c>
      <c r="N2354" s="236">
        <f t="shared" si="548"/>
        <v>1.5568273533401626</v>
      </c>
      <c r="O2354" s="236">
        <f t="shared" si="552"/>
        <v>2.4331966761104358</v>
      </c>
      <c r="P2354" s="236" t="str">
        <f t="shared" si="553"/>
        <v>SAND</v>
      </c>
      <c r="Q2354" s="236" t="e">
        <f t="shared" si="549"/>
        <v>#N/A</v>
      </c>
      <c r="R2354" s="238">
        <v>35</v>
      </c>
      <c r="S2354" s="236" t="e">
        <f t="shared" si="554"/>
        <v>#N/A</v>
      </c>
      <c r="T2354" s="236">
        <f t="shared" si="540"/>
        <v>33.97438624636392</v>
      </c>
    </row>
    <row r="2355" spans="1:20" x14ac:dyDescent="0.2">
      <c r="A2355" s="53">
        <f t="shared" si="541"/>
        <v>2343</v>
      </c>
      <c r="B2355" s="239">
        <v>23.509</v>
      </c>
      <c r="C2355" s="3">
        <f t="shared" si="542"/>
        <v>23.501999999999999</v>
      </c>
      <c r="D2355" s="239">
        <v>7.3385999999999996</v>
      </c>
      <c r="E2355" s="239">
        <v>0.1074</v>
      </c>
      <c r="F2355" s="239">
        <v>4.2200000000000001E-2</v>
      </c>
      <c r="G2355">
        <f t="shared" si="543"/>
        <v>7.3470399999999998</v>
      </c>
      <c r="H2355" s="235">
        <f t="shared" si="544"/>
        <v>1.4618131927960105</v>
      </c>
      <c r="I2355" s="236">
        <f t="shared" si="545"/>
        <v>19.507655777943409</v>
      </c>
      <c r="J2355" s="237">
        <f t="shared" si="550"/>
        <v>9.507655777943409</v>
      </c>
      <c r="K2355" s="237">
        <f t="shared" si="546"/>
        <v>458.468926093226</v>
      </c>
      <c r="L2355" s="237">
        <f t="shared" si="551"/>
        <v>223.5154796836716</v>
      </c>
      <c r="M2355" s="236">
        <f t="shared" si="547"/>
        <v>30.819212538011978</v>
      </c>
      <c r="N2355" s="236">
        <f t="shared" si="548"/>
        <v>1.5591041864519708</v>
      </c>
      <c r="O2355" s="236">
        <f t="shared" si="552"/>
        <v>2.4333689102889857</v>
      </c>
      <c r="P2355" s="236" t="str">
        <f t="shared" si="553"/>
        <v>SAND</v>
      </c>
      <c r="Q2355" s="236" t="e">
        <f t="shared" si="549"/>
        <v>#N/A</v>
      </c>
      <c r="R2355" s="238">
        <v>35</v>
      </c>
      <c r="S2355" s="236" t="e">
        <f t="shared" si="554"/>
        <v>#N/A</v>
      </c>
      <c r="T2355" s="236">
        <f t="shared" si="540"/>
        <v>33.977036916479705</v>
      </c>
    </row>
    <row r="2356" spans="1:20" x14ac:dyDescent="0.2">
      <c r="A2356" s="53">
        <f t="shared" si="541"/>
        <v>2344</v>
      </c>
      <c r="B2356" s="239">
        <v>23.518999999999998</v>
      </c>
      <c r="C2356" s="3">
        <f t="shared" si="542"/>
        <v>23.511999999999997</v>
      </c>
      <c r="D2356" s="239">
        <v>7.3352000000000004</v>
      </c>
      <c r="E2356" s="239">
        <v>0.1128</v>
      </c>
      <c r="F2356" s="239">
        <v>6.7699999999999996E-2</v>
      </c>
      <c r="G2356">
        <f t="shared" si="543"/>
        <v>7.3487400000000003</v>
      </c>
      <c r="H2356" s="235">
        <f t="shared" si="544"/>
        <v>1.5349570130389698</v>
      </c>
      <c r="I2356" s="236">
        <f t="shared" si="545"/>
        <v>19.565269217427705</v>
      </c>
      <c r="J2356" s="237">
        <f t="shared" si="550"/>
        <v>9.565269217427705</v>
      </c>
      <c r="K2356" s="237">
        <f t="shared" si="546"/>
        <v>460.01860984016014</v>
      </c>
      <c r="L2356" s="237">
        <f t="shared" si="551"/>
        <v>224.96556672468219</v>
      </c>
      <c r="M2356" s="236">
        <f t="shared" si="547"/>
        <v>30.621225685575293</v>
      </c>
      <c r="N2356" s="236">
        <f t="shared" si="548"/>
        <v>1.6374591685639748</v>
      </c>
      <c r="O2356" s="236">
        <f t="shared" si="552"/>
        <v>2.4480627861701514</v>
      </c>
      <c r="P2356" s="236" t="str">
        <f t="shared" si="553"/>
        <v>SAND</v>
      </c>
      <c r="Q2356" s="236" t="e">
        <f t="shared" si="549"/>
        <v>#N/A</v>
      </c>
      <c r="R2356" s="238">
        <v>35</v>
      </c>
      <c r="S2356" s="236" t="e">
        <f t="shared" si="554"/>
        <v>#N/A</v>
      </c>
      <c r="T2356" s="236">
        <f t="shared" si="540"/>
        <v>33.946248273894255</v>
      </c>
    </row>
    <row r="2357" spans="1:20" x14ac:dyDescent="0.2">
      <c r="A2357" s="53">
        <f t="shared" si="541"/>
        <v>2345</v>
      </c>
      <c r="B2357" s="239">
        <v>23.529</v>
      </c>
      <c r="C2357" s="3">
        <f t="shared" si="542"/>
        <v>23.521999999999998</v>
      </c>
      <c r="D2357" s="239">
        <v>7.5045000000000002</v>
      </c>
      <c r="E2357" s="239">
        <v>0.12180000000000001</v>
      </c>
      <c r="F2357" s="239">
        <v>7.9600000000000004E-2</v>
      </c>
      <c r="G2357">
        <f t="shared" si="543"/>
        <v>7.5204200000000005</v>
      </c>
      <c r="H2357" s="235">
        <f t="shared" si="544"/>
        <v>1.6195903952172883</v>
      </c>
      <c r="I2357" s="236">
        <f t="shared" si="545"/>
        <v>19.664308618934825</v>
      </c>
      <c r="J2357" s="237">
        <f t="shared" si="550"/>
        <v>9.6643086189348253</v>
      </c>
      <c r="K2357" s="237">
        <f t="shared" si="546"/>
        <v>462.54386733458495</v>
      </c>
      <c r="L2357" s="237">
        <f t="shared" si="551"/>
        <v>227.39151749491751</v>
      </c>
      <c r="M2357" s="236">
        <f t="shared" si="547"/>
        <v>31.038431909946546</v>
      </c>
      <c r="N2357" s="236">
        <f t="shared" si="548"/>
        <v>1.7257316182736986</v>
      </c>
      <c r="O2357" s="236">
        <f t="shared" si="552"/>
        <v>2.4567563128008003</v>
      </c>
      <c r="P2357" s="236" t="str">
        <f t="shared" si="553"/>
        <v>SAND</v>
      </c>
      <c r="Q2357" s="236" t="e">
        <f t="shared" si="549"/>
        <v>#N/A</v>
      </c>
      <c r="R2357" s="238">
        <v>35</v>
      </c>
      <c r="S2357" s="236" t="e">
        <f t="shared" si="554"/>
        <v>#N/A</v>
      </c>
      <c r="T2357" s="236">
        <f t="shared" si="540"/>
        <v>34.010897494032157</v>
      </c>
    </row>
    <row r="2358" spans="1:20" x14ac:dyDescent="0.2">
      <c r="A2358" s="53">
        <f t="shared" si="541"/>
        <v>2346</v>
      </c>
      <c r="B2358" s="239">
        <v>23.538</v>
      </c>
      <c r="C2358" s="3">
        <f t="shared" si="542"/>
        <v>23.530999999999999</v>
      </c>
      <c r="D2358" s="239">
        <v>7.6287000000000003</v>
      </c>
      <c r="E2358" s="239">
        <v>0.1331</v>
      </c>
      <c r="F2358" s="239">
        <v>5.9700000000000003E-2</v>
      </c>
      <c r="G2358">
        <f t="shared" si="543"/>
        <v>7.6406400000000003</v>
      </c>
      <c r="H2358" s="235">
        <f t="shared" si="544"/>
        <v>1.7420006701009338</v>
      </c>
      <c r="I2358" s="236">
        <f t="shared" si="545"/>
        <v>19.774540568131513</v>
      </c>
      <c r="J2358" s="237">
        <f t="shared" si="550"/>
        <v>9.7745405681315134</v>
      </c>
      <c r="K2358" s="237">
        <f t="shared" si="546"/>
        <v>465.31471410870262</v>
      </c>
      <c r="L2358" s="237">
        <f t="shared" si="551"/>
        <v>230.07313589267957</v>
      </c>
      <c r="M2358" s="236">
        <f t="shared" si="547"/>
        <v>31.187149503792202</v>
      </c>
      <c r="N2358" s="236">
        <f t="shared" si="548"/>
        <v>1.8549681679478969</v>
      </c>
      <c r="O2358" s="236">
        <f t="shared" si="552"/>
        <v>2.4738264948733741</v>
      </c>
      <c r="P2358" s="236" t="str">
        <f t="shared" si="553"/>
        <v>SAND</v>
      </c>
      <c r="Q2358" s="236" t="e">
        <f t="shared" si="549"/>
        <v>#N/A</v>
      </c>
      <c r="R2358" s="238">
        <v>35</v>
      </c>
      <c r="S2358" s="236" t="e">
        <f t="shared" si="554"/>
        <v>#N/A</v>
      </c>
      <c r="T2358" s="236">
        <f t="shared" si="540"/>
        <v>34.033732504027526</v>
      </c>
    </row>
    <row r="2359" spans="1:20" x14ac:dyDescent="0.2">
      <c r="A2359" s="53">
        <f t="shared" si="541"/>
        <v>2347</v>
      </c>
      <c r="B2359" s="239">
        <v>23.547999999999998</v>
      </c>
      <c r="C2359" s="3">
        <f t="shared" si="542"/>
        <v>23.540999999999997</v>
      </c>
      <c r="D2359" s="239">
        <v>7.8207000000000004</v>
      </c>
      <c r="E2359" s="239">
        <v>0.14030000000000001</v>
      </c>
      <c r="F2359" s="239">
        <v>2.7699999999999999E-2</v>
      </c>
      <c r="G2359">
        <f t="shared" si="543"/>
        <v>7.8262400000000003</v>
      </c>
      <c r="H2359" s="235">
        <f t="shared" si="544"/>
        <v>1.792687165228769</v>
      </c>
      <c r="I2359" s="236">
        <f t="shared" si="545"/>
        <v>19.845696611844343</v>
      </c>
      <c r="J2359" s="237">
        <f t="shared" si="550"/>
        <v>9.8456966118443425</v>
      </c>
      <c r="K2359" s="237">
        <f t="shared" si="546"/>
        <v>467.1875439394276</v>
      </c>
      <c r="L2359" s="237">
        <f t="shared" si="551"/>
        <v>231.84646381571056</v>
      </c>
      <c r="M2359" s="236">
        <f t="shared" si="547"/>
        <v>31.741059729554966</v>
      </c>
      <c r="N2359" s="236">
        <f t="shared" si="548"/>
        <v>1.9064954467671373</v>
      </c>
      <c r="O2359" s="236">
        <f t="shared" si="552"/>
        <v>2.4749185032703371</v>
      </c>
      <c r="P2359" s="236" t="str">
        <f t="shared" si="553"/>
        <v>SAND</v>
      </c>
      <c r="Q2359" s="236" t="e">
        <f t="shared" si="549"/>
        <v>#N/A</v>
      </c>
      <c r="R2359" s="238">
        <v>35</v>
      </c>
      <c r="S2359" s="236" t="e">
        <f t="shared" si="554"/>
        <v>#N/A</v>
      </c>
      <c r="T2359" s="236">
        <f t="shared" si="540"/>
        <v>34.117835645572654</v>
      </c>
    </row>
    <row r="2360" spans="1:20" x14ac:dyDescent="0.2">
      <c r="A2360" s="53">
        <f t="shared" si="541"/>
        <v>2348</v>
      </c>
      <c r="B2360" s="239">
        <v>23.556999999999999</v>
      </c>
      <c r="C2360" s="3">
        <f t="shared" si="542"/>
        <v>23.549999999999997</v>
      </c>
      <c r="D2360" s="239">
        <v>8.0177999999999994</v>
      </c>
      <c r="E2360" s="239">
        <v>0.14269999999999999</v>
      </c>
      <c r="F2360" s="239">
        <v>-2.2000000000000001E-3</v>
      </c>
      <c r="G2360">
        <f t="shared" si="543"/>
        <v>8.01736</v>
      </c>
      <c r="H2360" s="235">
        <f t="shared" si="544"/>
        <v>1.7798876438129261</v>
      </c>
      <c r="I2360" s="236">
        <f t="shared" si="545"/>
        <v>19.875016028264923</v>
      </c>
      <c r="J2360" s="237">
        <f t="shared" si="550"/>
        <v>9.8750160282649233</v>
      </c>
      <c r="K2360" s="237">
        <f t="shared" si="546"/>
        <v>468.05662746563888</v>
      </c>
      <c r="L2360" s="237">
        <f t="shared" si="551"/>
        <v>232.62575257783678</v>
      </c>
      <c r="M2360" s="236">
        <f t="shared" si="547"/>
        <v>32.452569368941035</v>
      </c>
      <c r="N2360" s="236">
        <f t="shared" si="548"/>
        <v>1.8902406349063496</v>
      </c>
      <c r="O2360" s="236">
        <f t="shared" si="552"/>
        <v>2.4650088347275227</v>
      </c>
      <c r="P2360" s="236" t="str">
        <f t="shared" si="553"/>
        <v>SAND</v>
      </c>
      <c r="Q2360" s="236" t="e">
        <f t="shared" si="549"/>
        <v>#N/A</v>
      </c>
      <c r="R2360" s="238">
        <v>35</v>
      </c>
      <c r="S2360" s="236" t="e">
        <f t="shared" si="554"/>
        <v>#N/A</v>
      </c>
      <c r="T2360" s="236">
        <f t="shared" si="540"/>
        <v>34.223739956086291</v>
      </c>
    </row>
    <row r="2361" spans="1:20" x14ac:dyDescent="0.2">
      <c r="A2361" s="53">
        <f t="shared" si="541"/>
        <v>2349</v>
      </c>
      <c r="B2361" s="239">
        <v>23.567</v>
      </c>
      <c r="C2361" s="3">
        <f t="shared" si="542"/>
        <v>23.56</v>
      </c>
      <c r="D2361" s="239">
        <v>8.2429000000000006</v>
      </c>
      <c r="E2361" s="239">
        <v>0.14899999999999999</v>
      </c>
      <c r="F2361" s="239">
        <v>1.1599999999999999E-2</v>
      </c>
      <c r="G2361">
        <f t="shared" si="543"/>
        <v>8.2452199999999998</v>
      </c>
      <c r="H2361" s="235">
        <f t="shared" si="544"/>
        <v>1.8071076332711558</v>
      </c>
      <c r="I2361" s="236">
        <f t="shared" si="545"/>
        <v>19.936628002327378</v>
      </c>
      <c r="J2361" s="237">
        <f t="shared" si="550"/>
        <v>9.9366280023273781</v>
      </c>
      <c r="K2361" s="237">
        <f t="shared" si="546"/>
        <v>469.706955734833</v>
      </c>
      <c r="L2361" s="237">
        <f t="shared" si="551"/>
        <v>234.17651213084932</v>
      </c>
      <c r="M2361" s="236">
        <f t="shared" si="547"/>
        <v>33.203641874726074</v>
      </c>
      <c r="N2361" s="236">
        <f t="shared" si="548"/>
        <v>1.9162722659168456</v>
      </c>
      <c r="O2361" s="236">
        <f t="shared" si="552"/>
        <v>2.4607427281596546</v>
      </c>
      <c r="P2361" s="236" t="str">
        <f t="shared" si="553"/>
        <v>SAND</v>
      </c>
      <c r="Q2361" s="236" t="e">
        <f t="shared" si="549"/>
        <v>#N/A</v>
      </c>
      <c r="R2361" s="238">
        <v>35</v>
      </c>
      <c r="S2361" s="236" t="e">
        <f t="shared" si="554"/>
        <v>#N/A</v>
      </c>
      <c r="T2361" s="236">
        <f t="shared" si="540"/>
        <v>34.333042931373839</v>
      </c>
    </row>
    <row r="2362" spans="1:20" x14ac:dyDescent="0.2">
      <c r="A2362" s="53">
        <f t="shared" si="541"/>
        <v>2350</v>
      </c>
      <c r="B2362" s="239">
        <v>23.576000000000001</v>
      </c>
      <c r="C2362" s="3">
        <f t="shared" si="542"/>
        <v>23.568999999999999</v>
      </c>
      <c r="D2362" s="239">
        <v>8.5485000000000007</v>
      </c>
      <c r="E2362" s="239">
        <v>0.1565</v>
      </c>
      <c r="F2362" s="239">
        <v>2.1000000000000001E-2</v>
      </c>
      <c r="G2362">
        <f t="shared" si="543"/>
        <v>8.5527000000000015</v>
      </c>
      <c r="H2362" s="235">
        <f t="shared" si="544"/>
        <v>1.8298315151940321</v>
      </c>
      <c r="I2362" s="236">
        <f t="shared" si="545"/>
        <v>20.008524692298767</v>
      </c>
      <c r="J2362" s="237">
        <f t="shared" si="550"/>
        <v>10.008524692298767</v>
      </c>
      <c r="K2362" s="237">
        <f t="shared" si="546"/>
        <v>471.58091847278962</v>
      </c>
      <c r="L2362" s="237">
        <f t="shared" si="551"/>
        <v>235.96097814563575</v>
      </c>
      <c r="M2362" s="236">
        <f t="shared" si="547"/>
        <v>34.247692754263475</v>
      </c>
      <c r="N2362" s="236">
        <f t="shared" si="548"/>
        <v>1.9366129668568606</v>
      </c>
      <c r="O2362" s="236">
        <f t="shared" si="552"/>
        <v>2.452922754682179</v>
      </c>
      <c r="P2362" s="236" t="str">
        <f t="shared" si="553"/>
        <v>SAND</v>
      </c>
      <c r="Q2362" s="236" t="e">
        <f t="shared" si="549"/>
        <v>#N/A</v>
      </c>
      <c r="R2362" s="238">
        <v>35</v>
      </c>
      <c r="S2362" s="236" t="e">
        <f t="shared" si="554"/>
        <v>#N/A</v>
      </c>
      <c r="T2362" s="236">
        <f t="shared" si="540"/>
        <v>34.480944505316316</v>
      </c>
    </row>
    <row r="2363" spans="1:20" x14ac:dyDescent="0.2">
      <c r="A2363" s="53">
        <f t="shared" si="541"/>
        <v>2351</v>
      </c>
      <c r="B2363" s="239">
        <v>23.585999999999999</v>
      </c>
      <c r="C2363" s="3">
        <f t="shared" si="542"/>
        <v>23.578999999999997</v>
      </c>
      <c r="D2363" s="239">
        <v>8.9863</v>
      </c>
      <c r="E2363" s="239">
        <v>0.16650000000000001</v>
      </c>
      <c r="F2363" s="239">
        <v>2.9100000000000001E-2</v>
      </c>
      <c r="G2363">
        <f t="shared" si="543"/>
        <v>8.9921199999999999</v>
      </c>
      <c r="H2363" s="235">
        <f t="shared" si="544"/>
        <v>1.8516211972260159</v>
      </c>
      <c r="I2363" s="236">
        <f t="shared" si="545"/>
        <v>20.100737381094863</v>
      </c>
      <c r="J2363" s="237">
        <f t="shared" si="550"/>
        <v>10.100737381094863</v>
      </c>
      <c r="K2363" s="237">
        <f t="shared" si="546"/>
        <v>473.95528670883573</v>
      </c>
      <c r="L2363" s="237">
        <f t="shared" si="551"/>
        <v>238.23599187050343</v>
      </c>
      <c r="M2363" s="236">
        <f t="shared" si="547"/>
        <v>35.75515456926145</v>
      </c>
      <c r="N2363" s="236">
        <f t="shared" si="548"/>
        <v>1.9546464010047226</v>
      </c>
      <c r="O2363" s="236">
        <f t="shared" si="552"/>
        <v>2.4406797845324535</v>
      </c>
      <c r="P2363" s="236" t="str">
        <f t="shared" si="553"/>
        <v>SAND</v>
      </c>
      <c r="Q2363" s="236" t="e">
        <f t="shared" si="549"/>
        <v>#N/A</v>
      </c>
      <c r="R2363" s="238">
        <v>35</v>
      </c>
      <c r="S2363" s="236" t="e">
        <f t="shared" si="554"/>
        <v>#N/A</v>
      </c>
      <c r="T2363" s="236">
        <f t="shared" si="540"/>
        <v>34.686725258159598</v>
      </c>
    </row>
    <row r="2364" spans="1:20" x14ac:dyDescent="0.2">
      <c r="A2364" s="53">
        <f t="shared" si="541"/>
        <v>2352</v>
      </c>
      <c r="B2364" s="239">
        <v>23.594999999999999</v>
      </c>
      <c r="C2364" s="3">
        <f t="shared" si="542"/>
        <v>23.587999999999997</v>
      </c>
      <c r="D2364" s="239">
        <v>9.3236000000000008</v>
      </c>
      <c r="E2364" s="239">
        <v>0.1792</v>
      </c>
      <c r="F2364" s="239">
        <v>3.3099999999999997E-2</v>
      </c>
      <c r="G2364">
        <f t="shared" si="543"/>
        <v>9.3302200000000006</v>
      </c>
      <c r="H2364" s="235">
        <f t="shared" si="544"/>
        <v>1.9206406708523485</v>
      </c>
      <c r="I2364" s="236">
        <f t="shared" si="545"/>
        <v>20.201358364565007</v>
      </c>
      <c r="J2364" s="237">
        <f t="shared" si="550"/>
        <v>10.201358364565007</v>
      </c>
      <c r="K2364" s="237">
        <f t="shared" si="546"/>
        <v>476.50964110335934</v>
      </c>
      <c r="L2364" s="237">
        <f t="shared" si="551"/>
        <v>240.70105061191131</v>
      </c>
      <c r="M2364" s="236">
        <f t="shared" si="547"/>
        <v>36.783015015467107</v>
      </c>
      <c r="N2364" s="236">
        <f t="shared" si="548"/>
        <v>2.024010191613407</v>
      </c>
      <c r="O2364" s="236">
        <f t="shared" si="552"/>
        <v>2.4404680500477665</v>
      </c>
      <c r="P2364" s="236" t="str">
        <f t="shared" si="553"/>
        <v>SAND</v>
      </c>
      <c r="Q2364" s="236" t="e">
        <f t="shared" si="549"/>
        <v>#N/A</v>
      </c>
      <c r="R2364" s="238">
        <v>35</v>
      </c>
      <c r="S2364" s="236" t="e">
        <f t="shared" si="554"/>
        <v>#N/A</v>
      </c>
      <c r="T2364" s="236">
        <f t="shared" si="540"/>
        <v>34.82212056881275</v>
      </c>
    </row>
    <row r="2365" spans="1:20" x14ac:dyDescent="0.2">
      <c r="A2365" s="53">
        <f t="shared" si="541"/>
        <v>2353</v>
      </c>
      <c r="B2365" s="239">
        <v>23.606000000000002</v>
      </c>
      <c r="C2365" s="3">
        <f t="shared" si="542"/>
        <v>23.599</v>
      </c>
      <c r="D2365" s="239">
        <v>9.6287000000000003</v>
      </c>
      <c r="E2365" s="239">
        <v>0.1895</v>
      </c>
      <c r="F2365" s="239">
        <v>2.29E-2</v>
      </c>
      <c r="G2365">
        <f t="shared" si="543"/>
        <v>9.633280000000001</v>
      </c>
      <c r="H2365" s="235">
        <f t="shared" si="544"/>
        <v>1.9671389184161572</v>
      </c>
      <c r="I2365" s="236">
        <f t="shared" si="545"/>
        <v>20.279384698272075</v>
      </c>
      <c r="J2365" s="237">
        <f t="shared" si="550"/>
        <v>10.279384698272075</v>
      </c>
      <c r="K2365" s="237">
        <f t="shared" si="546"/>
        <v>478.57319949452273</v>
      </c>
      <c r="L2365" s="237">
        <f t="shared" si="551"/>
        <v>242.65515518741063</v>
      </c>
      <c r="M2365" s="236">
        <f t="shared" si="547"/>
        <v>37.727229794211432</v>
      </c>
      <c r="N2365" s="236">
        <f t="shared" si="548"/>
        <v>2.0699734478611238</v>
      </c>
      <c r="O2365" s="236">
        <f t="shared" si="552"/>
        <v>2.4380203836508985</v>
      </c>
      <c r="P2365" s="236" t="str">
        <f t="shared" si="553"/>
        <v>SAND</v>
      </c>
      <c r="Q2365" s="236" t="e">
        <f t="shared" si="549"/>
        <v>#N/A</v>
      </c>
      <c r="R2365" s="238">
        <v>35</v>
      </c>
      <c r="S2365" s="236" t="e">
        <f t="shared" si="554"/>
        <v>#N/A</v>
      </c>
      <c r="T2365" s="236">
        <f t="shared" si="540"/>
        <v>34.943204090663947</v>
      </c>
    </row>
    <row r="2366" spans="1:20" x14ac:dyDescent="0.2">
      <c r="A2366" s="53">
        <f t="shared" si="541"/>
        <v>2354</v>
      </c>
      <c r="B2366" s="239">
        <v>23.614999999999998</v>
      </c>
      <c r="C2366" s="3">
        <f t="shared" si="542"/>
        <v>23.607999999999997</v>
      </c>
      <c r="D2366" s="239">
        <v>9.9906000000000006</v>
      </c>
      <c r="E2366" s="239">
        <v>0.19919999999999999</v>
      </c>
      <c r="F2366" s="239">
        <v>2.5000000000000001E-2</v>
      </c>
      <c r="G2366">
        <f t="shared" si="543"/>
        <v>9.9956000000000014</v>
      </c>
      <c r="H2366" s="235">
        <f t="shared" si="544"/>
        <v>1.9928768658209608</v>
      </c>
      <c r="I2366" s="236">
        <f t="shared" si="545"/>
        <v>20.352352237957554</v>
      </c>
      <c r="J2366" s="237">
        <f t="shared" si="550"/>
        <v>10.352352237957554</v>
      </c>
      <c r="K2366" s="237">
        <f t="shared" si="546"/>
        <v>480.47833163370188</v>
      </c>
      <c r="L2366" s="237">
        <f t="shared" si="551"/>
        <v>244.47079809936761</v>
      </c>
      <c r="M2366" s="236">
        <f t="shared" si="547"/>
        <v>38.92130161287723</v>
      </c>
      <c r="N2366" s="236">
        <f t="shared" si="548"/>
        <v>2.0935097515595054</v>
      </c>
      <c r="O2366" s="236">
        <f t="shared" si="552"/>
        <v>2.4306359882267432</v>
      </c>
      <c r="P2366" s="236" t="str">
        <f t="shared" si="553"/>
        <v>SAND</v>
      </c>
      <c r="Q2366" s="236" t="e">
        <f t="shared" si="549"/>
        <v>#N/A</v>
      </c>
      <c r="R2366" s="238">
        <v>35</v>
      </c>
      <c r="S2366" s="236" t="e">
        <f t="shared" si="554"/>
        <v>#N/A</v>
      </c>
      <c r="T2366" s="236">
        <f t="shared" si="540"/>
        <v>35.092060911491032</v>
      </c>
    </row>
    <row r="2367" spans="1:20" x14ac:dyDescent="0.2">
      <c r="A2367" s="53">
        <f t="shared" si="541"/>
        <v>2355</v>
      </c>
      <c r="B2367" s="239">
        <v>23.623999999999999</v>
      </c>
      <c r="C2367" s="3">
        <f t="shared" si="542"/>
        <v>23.616999999999997</v>
      </c>
      <c r="D2367" s="239">
        <v>10.2324</v>
      </c>
      <c r="E2367" s="239">
        <v>0.20760000000000001</v>
      </c>
      <c r="F2367" s="239">
        <v>2.87E-2</v>
      </c>
      <c r="G2367">
        <f t="shared" si="543"/>
        <v>10.23814</v>
      </c>
      <c r="H2367" s="235">
        <f t="shared" si="544"/>
        <v>2.0277120648867863</v>
      </c>
      <c r="I2367" s="236">
        <f t="shared" si="545"/>
        <v>20.410155854716891</v>
      </c>
      <c r="J2367" s="237">
        <f t="shared" si="550"/>
        <v>10.410155854716891</v>
      </c>
      <c r="K2367" s="237">
        <f t="shared" si="546"/>
        <v>482.02665082084877</v>
      </c>
      <c r="L2367" s="237">
        <f t="shared" si="551"/>
        <v>245.92952191183181</v>
      </c>
      <c r="M2367" s="236">
        <f t="shared" si="547"/>
        <v>39.670362766275844</v>
      </c>
      <c r="N2367" s="236">
        <f t="shared" si="548"/>
        <v>2.1278965564444454</v>
      </c>
      <c r="O2367" s="236">
        <f t="shared" si="552"/>
        <v>2.4287424022613826</v>
      </c>
      <c r="P2367" s="236" t="str">
        <f t="shared" si="553"/>
        <v>SAND</v>
      </c>
      <c r="Q2367" s="236" t="e">
        <f t="shared" si="549"/>
        <v>#N/A</v>
      </c>
      <c r="R2367" s="238">
        <v>35</v>
      </c>
      <c r="S2367" s="236" t="e">
        <f t="shared" si="554"/>
        <v>#N/A</v>
      </c>
      <c r="T2367" s="236">
        <f t="shared" si="540"/>
        <v>35.183127890957678</v>
      </c>
    </row>
    <row r="2368" spans="1:20" x14ac:dyDescent="0.2">
      <c r="A2368" s="53">
        <f t="shared" si="541"/>
        <v>2356</v>
      </c>
      <c r="B2368" s="239">
        <v>23.635000000000002</v>
      </c>
      <c r="C2368" s="3">
        <f t="shared" si="542"/>
        <v>23.628</v>
      </c>
      <c r="D2368" s="239">
        <v>10.3782</v>
      </c>
      <c r="E2368" s="239">
        <v>0.21199999999999999</v>
      </c>
      <c r="F2368" s="239">
        <v>-6.8999999999999999E-3</v>
      </c>
      <c r="G2368">
        <f t="shared" si="543"/>
        <v>10.37682</v>
      </c>
      <c r="H2368" s="235">
        <f t="shared" si="544"/>
        <v>2.0430151048201663</v>
      </c>
      <c r="I2368" s="236">
        <f t="shared" si="545"/>
        <v>20.440007733926038</v>
      </c>
      <c r="J2368" s="237">
        <f t="shared" si="550"/>
        <v>10.440007733926038</v>
      </c>
      <c r="K2368" s="237">
        <f t="shared" si="546"/>
        <v>482.9565027372044</v>
      </c>
      <c r="L2368" s="237">
        <f t="shared" si="551"/>
        <v>246.74958279134191</v>
      </c>
      <c r="M2368" s="236">
        <f t="shared" si="547"/>
        <v>40.096779031352256</v>
      </c>
      <c r="N2368" s="236">
        <f t="shared" si="548"/>
        <v>2.1427423175855544</v>
      </c>
      <c r="O2368" s="236">
        <f t="shared" si="552"/>
        <v>2.4270945515788647</v>
      </c>
      <c r="P2368" s="236" t="str">
        <f t="shared" si="553"/>
        <v>SAND</v>
      </c>
      <c r="Q2368" s="236" t="e">
        <f t="shared" si="549"/>
        <v>#N/A</v>
      </c>
      <c r="R2368" s="238">
        <v>35</v>
      </c>
      <c r="S2368" s="236" t="e">
        <f t="shared" si="554"/>
        <v>#N/A</v>
      </c>
      <c r="T2368" s="236">
        <f t="shared" si="540"/>
        <v>35.234204359270237</v>
      </c>
    </row>
    <row r="2369" spans="1:20" x14ac:dyDescent="0.2">
      <c r="A2369" s="53">
        <f t="shared" si="541"/>
        <v>2357</v>
      </c>
      <c r="B2369" s="239">
        <v>23.643999999999998</v>
      </c>
      <c r="C2369" s="3">
        <f t="shared" si="542"/>
        <v>23.636999999999997</v>
      </c>
      <c r="D2369" s="239">
        <v>10.492699999999999</v>
      </c>
      <c r="E2369" s="239">
        <v>0.2049</v>
      </c>
      <c r="F2369" s="239">
        <v>-1.6199999999999999E-2</v>
      </c>
      <c r="G2369">
        <f t="shared" si="543"/>
        <v>10.489459999999999</v>
      </c>
      <c r="H2369" s="235">
        <f t="shared" si="544"/>
        <v>1.9533894023143232</v>
      </c>
      <c r="I2369" s="236">
        <f t="shared" si="545"/>
        <v>20.404284160129045</v>
      </c>
      <c r="J2369" s="237">
        <f t="shared" si="550"/>
        <v>10.404284160129045</v>
      </c>
      <c r="K2369" s="237">
        <f t="shared" si="546"/>
        <v>482.29606469297016</v>
      </c>
      <c r="L2369" s="237">
        <f t="shared" si="551"/>
        <v>245.99889468209111</v>
      </c>
      <c r="M2369" s="236">
        <f t="shared" si="547"/>
        <v>40.679710972845918</v>
      </c>
      <c r="N2369" s="236">
        <f t="shared" si="548"/>
        <v>2.047533160489925</v>
      </c>
      <c r="O2369" s="236">
        <f t="shared" si="552"/>
        <v>2.4096852402240039</v>
      </c>
      <c r="P2369" s="236" t="str">
        <f t="shared" si="553"/>
        <v>SAND</v>
      </c>
      <c r="Q2369" s="236" t="e">
        <f t="shared" si="549"/>
        <v>#N/A</v>
      </c>
      <c r="R2369" s="238">
        <v>35</v>
      </c>
      <c r="S2369" s="236" t="e">
        <f t="shared" si="554"/>
        <v>#N/A</v>
      </c>
      <c r="T2369" s="236">
        <f t="shared" si="540"/>
        <v>35.303156444850586</v>
      </c>
    </row>
    <row r="2370" spans="1:20" x14ac:dyDescent="0.2">
      <c r="A2370" s="53">
        <f t="shared" si="541"/>
        <v>2358</v>
      </c>
      <c r="B2370" s="239">
        <v>23.652999999999999</v>
      </c>
      <c r="C2370" s="3">
        <f t="shared" si="542"/>
        <v>23.645999999999997</v>
      </c>
      <c r="D2370" s="239">
        <v>10.426299999999999</v>
      </c>
      <c r="E2370" s="239">
        <v>0.19159999999999999</v>
      </c>
      <c r="F2370" s="239">
        <v>-2.1899999999999999E-2</v>
      </c>
      <c r="G2370">
        <f t="shared" si="543"/>
        <v>10.42192</v>
      </c>
      <c r="H2370" s="235">
        <f t="shared" si="544"/>
        <v>1.8384328415493498</v>
      </c>
      <c r="I2370" s="236">
        <f t="shared" si="545"/>
        <v>20.323063878816157</v>
      </c>
      <c r="J2370" s="237">
        <f t="shared" si="550"/>
        <v>10.323063878816157</v>
      </c>
      <c r="K2370" s="237">
        <f t="shared" si="546"/>
        <v>480.55916847848681</v>
      </c>
      <c r="L2370" s="237">
        <f t="shared" si="551"/>
        <v>244.17142992563856</v>
      </c>
      <c r="M2370" s="236">
        <f t="shared" si="547"/>
        <v>40.714676711149686</v>
      </c>
      <c r="N2370" s="236">
        <f t="shared" si="548"/>
        <v>1.9273015359475274</v>
      </c>
      <c r="O2370" s="236">
        <f t="shared" si="552"/>
        <v>2.3927807836020349</v>
      </c>
      <c r="P2370" s="236" t="str">
        <f t="shared" si="553"/>
        <v>SAND</v>
      </c>
      <c r="Q2370" s="236" t="e">
        <f t="shared" si="549"/>
        <v>#N/A</v>
      </c>
      <c r="R2370" s="238">
        <v>35</v>
      </c>
      <c r="S2370" s="236" t="e">
        <f t="shared" si="554"/>
        <v>#N/A</v>
      </c>
      <c r="T2370" s="236">
        <f t="shared" si="540"/>
        <v>35.30726089760806</v>
      </c>
    </row>
    <row r="2371" spans="1:20" x14ac:dyDescent="0.2">
      <c r="A2371" s="53">
        <f t="shared" si="541"/>
        <v>2359</v>
      </c>
      <c r="B2371" s="239">
        <v>23.664000000000001</v>
      </c>
      <c r="C2371" s="3">
        <f t="shared" si="542"/>
        <v>23.657</v>
      </c>
      <c r="D2371" s="239">
        <v>10.367900000000001</v>
      </c>
      <c r="E2371" s="239">
        <v>0.17599999999999999</v>
      </c>
      <c r="F2371" s="239">
        <v>-2.23E-2</v>
      </c>
      <c r="G2371">
        <f t="shared" si="543"/>
        <v>10.363440000000001</v>
      </c>
      <c r="H2371" s="235">
        <f t="shared" si="544"/>
        <v>1.6982777919300924</v>
      </c>
      <c r="I2371" s="236">
        <f t="shared" si="545"/>
        <v>20.221280801107156</v>
      </c>
      <c r="J2371" s="237">
        <f t="shared" si="550"/>
        <v>10.221280801107156</v>
      </c>
      <c r="K2371" s="237">
        <f t="shared" si="546"/>
        <v>478.37483991179198</v>
      </c>
      <c r="L2371" s="237">
        <f t="shared" si="551"/>
        <v>241.87638887739976</v>
      </c>
      <c r="M2371" s="236">
        <f t="shared" si="547"/>
        <v>40.868251779212173</v>
      </c>
      <c r="N2371" s="236">
        <f t="shared" si="548"/>
        <v>1.780463731393648</v>
      </c>
      <c r="O2371" s="236">
        <f t="shared" si="552"/>
        <v>2.3700028412123855</v>
      </c>
      <c r="P2371" s="236" t="str">
        <f t="shared" si="553"/>
        <v>SAND</v>
      </c>
      <c r="Q2371" s="236" t="e">
        <f t="shared" si="549"/>
        <v>#N/A</v>
      </c>
      <c r="R2371" s="238">
        <v>35</v>
      </c>
      <c r="S2371" s="236" t="e">
        <f t="shared" si="554"/>
        <v>#N/A</v>
      </c>
      <c r="T2371" s="236">
        <f t="shared" si="540"/>
        <v>35.325246663281618</v>
      </c>
    </row>
    <row r="2372" spans="1:20" x14ac:dyDescent="0.2">
      <c r="A2372" s="53">
        <f t="shared" si="541"/>
        <v>2360</v>
      </c>
      <c r="B2372" s="239">
        <v>23.672999999999998</v>
      </c>
      <c r="C2372" s="3">
        <f t="shared" si="542"/>
        <v>23.665999999999997</v>
      </c>
      <c r="D2372" s="239">
        <v>10.277200000000001</v>
      </c>
      <c r="E2372" s="239">
        <v>0.15690000000000001</v>
      </c>
      <c r="F2372" s="239">
        <v>-1.9199999999999998E-2</v>
      </c>
      <c r="G2372">
        <f t="shared" si="543"/>
        <v>10.27336</v>
      </c>
      <c r="H2372" s="235">
        <f t="shared" si="544"/>
        <v>1.5272510648901627</v>
      </c>
      <c r="I2372" s="236">
        <f t="shared" si="545"/>
        <v>20.0831662583374</v>
      </c>
      <c r="J2372" s="237">
        <f t="shared" si="550"/>
        <v>10.0831662583374</v>
      </c>
      <c r="K2372" s="237">
        <f t="shared" si="546"/>
        <v>475.28821266981282</v>
      </c>
      <c r="L2372" s="237">
        <f t="shared" si="551"/>
        <v>238.69879483362124</v>
      </c>
      <c r="M2372" s="236">
        <f t="shared" si="547"/>
        <v>41.047847745354886</v>
      </c>
      <c r="N2372" s="236">
        <f t="shared" si="548"/>
        <v>1.6013354811595297</v>
      </c>
      <c r="O2372" s="236">
        <f t="shared" si="552"/>
        <v>2.3401966736980104</v>
      </c>
      <c r="P2372" s="236" t="str">
        <f t="shared" si="553"/>
        <v>SAND</v>
      </c>
      <c r="Q2372" s="236" t="e">
        <f t="shared" si="549"/>
        <v>#N/A</v>
      </c>
      <c r="R2372" s="238">
        <v>35</v>
      </c>
      <c r="S2372" s="236" t="e">
        <f t="shared" si="554"/>
        <v>#N/A</v>
      </c>
      <c r="T2372" s="236">
        <f t="shared" si="540"/>
        <v>35.346194298421153</v>
      </c>
    </row>
    <row r="2373" spans="1:20" x14ac:dyDescent="0.2">
      <c r="A2373" s="53">
        <f t="shared" si="541"/>
        <v>2361</v>
      </c>
      <c r="B2373" s="239">
        <v>23.683</v>
      </c>
      <c r="C2373" s="3">
        <f t="shared" si="542"/>
        <v>23.675999999999998</v>
      </c>
      <c r="D2373" s="239">
        <v>10.1883</v>
      </c>
      <c r="E2373" s="239">
        <v>0.13730000000000001</v>
      </c>
      <c r="F2373" s="239">
        <v>-1.9300000000000001E-2</v>
      </c>
      <c r="G2373">
        <f t="shared" si="543"/>
        <v>10.18444</v>
      </c>
      <c r="H2373" s="235">
        <f t="shared" si="544"/>
        <v>1.3481349980951334</v>
      </c>
      <c r="I2373" s="236">
        <f t="shared" si="545"/>
        <v>19.923296943472494</v>
      </c>
      <c r="J2373" s="237">
        <f t="shared" si="550"/>
        <v>9.9232969434724936</v>
      </c>
      <c r="K2373" s="237">
        <f t="shared" si="546"/>
        <v>471.70397843365475</v>
      </c>
      <c r="L2373" s="237">
        <f t="shared" si="551"/>
        <v>235.01344151225905</v>
      </c>
      <c r="M2373" s="236">
        <f t="shared" si="547"/>
        <v>41.328427680846922</v>
      </c>
      <c r="N2373" s="236">
        <f t="shared" si="548"/>
        <v>1.4136078618335393</v>
      </c>
      <c r="O2373" s="236">
        <f t="shared" si="552"/>
        <v>2.305253703989071</v>
      </c>
      <c r="P2373" s="236" t="str">
        <f t="shared" si="553"/>
        <v>SAND</v>
      </c>
      <c r="Q2373" s="236" t="e">
        <f t="shared" si="549"/>
        <v>#N/A</v>
      </c>
      <c r="R2373" s="238">
        <v>35</v>
      </c>
      <c r="S2373" s="236" t="e">
        <f t="shared" si="554"/>
        <v>#N/A</v>
      </c>
      <c r="T2373" s="236">
        <f t="shared" si="540"/>
        <v>35.378737713900087</v>
      </c>
    </row>
    <row r="2374" spans="1:20" x14ac:dyDescent="0.2">
      <c r="A2374" s="53">
        <f t="shared" si="541"/>
        <v>2362</v>
      </c>
      <c r="B2374" s="239">
        <v>23.692</v>
      </c>
      <c r="C2374" s="3">
        <f t="shared" si="542"/>
        <v>23.684999999999999</v>
      </c>
      <c r="D2374" s="239">
        <v>10.1578</v>
      </c>
      <c r="E2374" s="239">
        <v>0.12770000000000001</v>
      </c>
      <c r="F2374" s="239">
        <v>-1.1900000000000001E-2</v>
      </c>
      <c r="G2374">
        <f t="shared" si="543"/>
        <v>10.155419999999999</v>
      </c>
      <c r="H2374" s="235">
        <f t="shared" si="544"/>
        <v>1.2574566093770618</v>
      </c>
      <c r="I2374" s="236">
        <f t="shared" si="545"/>
        <v>19.837186577388263</v>
      </c>
      <c r="J2374" s="237">
        <f t="shared" si="550"/>
        <v>9.8371865773882625</v>
      </c>
      <c r="K2374" s="237">
        <f t="shared" si="546"/>
        <v>469.84376408544097</v>
      </c>
      <c r="L2374" s="237">
        <f t="shared" si="551"/>
        <v>233.06262439148273</v>
      </c>
      <c r="M2374" s="236">
        <f t="shared" si="547"/>
        <v>41.557827048430504</v>
      </c>
      <c r="N2374" s="236">
        <f t="shared" si="548"/>
        <v>1.3184553700221011</v>
      </c>
      <c r="O2374" s="236">
        <f t="shared" si="552"/>
        <v>2.2854456249840212</v>
      </c>
      <c r="P2374" s="236" t="str">
        <f t="shared" si="553"/>
        <v>SAND</v>
      </c>
      <c r="Q2374" s="236" t="e">
        <f t="shared" si="549"/>
        <v>#N/A</v>
      </c>
      <c r="R2374" s="238">
        <v>35</v>
      </c>
      <c r="S2374" s="236" t="e">
        <f t="shared" si="554"/>
        <v>#N/A</v>
      </c>
      <c r="T2374" s="236">
        <f t="shared" si="540"/>
        <v>35.405181144747552</v>
      </c>
    </row>
    <row r="2375" spans="1:20" x14ac:dyDescent="0.2">
      <c r="A2375" s="53">
        <f t="shared" si="541"/>
        <v>2363</v>
      </c>
      <c r="B2375" s="239">
        <v>23.702999999999999</v>
      </c>
      <c r="C2375" s="3">
        <f t="shared" si="542"/>
        <v>23.695999999999998</v>
      </c>
      <c r="D2375" s="239">
        <v>10.1227</v>
      </c>
      <c r="E2375" s="239">
        <v>0.1176</v>
      </c>
      <c r="F2375" s="239">
        <v>-1.38E-2</v>
      </c>
      <c r="G2375">
        <f t="shared" si="543"/>
        <v>10.11994</v>
      </c>
      <c r="H2375" s="235">
        <f t="shared" si="544"/>
        <v>1.1620622256653697</v>
      </c>
      <c r="I2375" s="236">
        <f t="shared" si="545"/>
        <v>19.739202966945719</v>
      </c>
      <c r="J2375" s="237">
        <f t="shared" si="550"/>
        <v>9.7392029669457187</v>
      </c>
      <c r="K2375" s="237">
        <f t="shared" si="546"/>
        <v>467.74015350474571</v>
      </c>
      <c r="L2375" s="237">
        <f t="shared" si="551"/>
        <v>230.84832792551435</v>
      </c>
      <c r="M2375" s="236">
        <f t="shared" si="547"/>
        <v>41.81186813538298</v>
      </c>
      <c r="N2375" s="236">
        <f t="shared" si="548"/>
        <v>1.2183751048492946</v>
      </c>
      <c r="O2375" s="236">
        <f t="shared" si="552"/>
        <v>2.2633509085333441</v>
      </c>
      <c r="P2375" s="236" t="str">
        <f t="shared" si="553"/>
        <v>SAND</v>
      </c>
      <c r="Q2375" s="236" t="e">
        <f t="shared" si="549"/>
        <v>#N/A</v>
      </c>
      <c r="R2375" s="238">
        <v>35</v>
      </c>
      <c r="S2375" s="236" t="e">
        <f t="shared" si="554"/>
        <v>#N/A</v>
      </c>
      <c r="T2375" s="236">
        <f t="shared" si="540"/>
        <v>35.434295292717231</v>
      </c>
    </row>
    <row r="2376" spans="1:20" x14ac:dyDescent="0.2">
      <c r="A2376" s="53">
        <f t="shared" si="541"/>
        <v>2364</v>
      </c>
      <c r="B2376" s="239">
        <v>23.712</v>
      </c>
      <c r="C2376" s="3">
        <f t="shared" si="542"/>
        <v>23.704999999999998</v>
      </c>
      <c r="D2376" s="239">
        <v>10.038600000000001</v>
      </c>
      <c r="E2376" s="239">
        <v>0.1105</v>
      </c>
      <c r="F2376" s="239">
        <v>-1.0500000000000001E-2</v>
      </c>
      <c r="G2376">
        <f t="shared" si="543"/>
        <v>10.0365</v>
      </c>
      <c r="H2376" s="235">
        <f t="shared" si="544"/>
        <v>1.1009814178249389</v>
      </c>
      <c r="I2376" s="236">
        <f t="shared" si="545"/>
        <v>19.662945265081138</v>
      </c>
      <c r="J2376" s="237">
        <f t="shared" si="550"/>
        <v>9.662945265081138</v>
      </c>
      <c r="K2376" s="237">
        <f t="shared" si="546"/>
        <v>466.11011750874832</v>
      </c>
      <c r="L2376" s="237">
        <f t="shared" si="551"/>
        <v>229.12775812560395</v>
      </c>
      <c r="M2376" s="236">
        <f t="shared" si="547"/>
        <v>41.768792924883975</v>
      </c>
      <c r="N2376" s="236">
        <f t="shared" si="548"/>
        <v>1.154602909147479</v>
      </c>
      <c r="O2376" s="236">
        <f t="shared" si="552"/>
        <v>2.2503293312840564</v>
      </c>
      <c r="P2376" s="236" t="str">
        <f t="shared" si="553"/>
        <v>SAND</v>
      </c>
      <c r="Q2376" s="236" t="e">
        <f t="shared" si="549"/>
        <v>#N/A</v>
      </c>
      <c r="R2376" s="238">
        <v>35</v>
      </c>
      <c r="S2376" s="236" t="e">
        <f t="shared" si="554"/>
        <v>#N/A</v>
      </c>
      <c r="T2376" s="236">
        <f t="shared" si="540"/>
        <v>35.429371172613358</v>
      </c>
    </row>
    <row r="2377" spans="1:20" x14ac:dyDescent="0.2">
      <c r="A2377" s="53">
        <f t="shared" si="541"/>
        <v>2365</v>
      </c>
      <c r="B2377" s="239">
        <v>23.722000000000001</v>
      </c>
      <c r="C2377" s="3">
        <f t="shared" si="542"/>
        <v>23.715</v>
      </c>
      <c r="D2377" s="239">
        <v>9.9108999999999998</v>
      </c>
      <c r="E2377" s="239">
        <v>0.10059999999999999</v>
      </c>
      <c r="F2377" s="239">
        <v>-8.0999999999999996E-3</v>
      </c>
      <c r="G2377">
        <f t="shared" si="543"/>
        <v>9.909279999999999</v>
      </c>
      <c r="H2377" s="235">
        <f t="shared" si="544"/>
        <v>1.015209984983773</v>
      </c>
      <c r="I2377" s="236">
        <f t="shared" si="545"/>
        <v>19.547895492468133</v>
      </c>
      <c r="J2377" s="237">
        <f t="shared" si="550"/>
        <v>9.5478954924681325</v>
      </c>
      <c r="K2377" s="237">
        <f t="shared" si="546"/>
        <v>463.57834160388177</v>
      </c>
      <c r="L2377" s="237">
        <f t="shared" si="551"/>
        <v>226.49517687232904</v>
      </c>
      <c r="M2377" s="236">
        <f t="shared" si="547"/>
        <v>41.703765125738094</v>
      </c>
      <c r="N2377" s="236">
        <f t="shared" si="548"/>
        <v>1.0650346966080433</v>
      </c>
      <c r="O2377" s="236">
        <f t="shared" si="552"/>
        <v>2.2310911875932344</v>
      </c>
      <c r="P2377" s="236" t="str">
        <f t="shared" si="553"/>
        <v>SAND</v>
      </c>
      <c r="Q2377" s="236" t="e">
        <f t="shared" si="549"/>
        <v>#N/A</v>
      </c>
      <c r="R2377" s="238">
        <v>35</v>
      </c>
      <c r="S2377" s="236" t="e">
        <f t="shared" si="554"/>
        <v>#N/A</v>
      </c>
      <c r="T2377" s="236">
        <f t="shared" si="540"/>
        <v>35.421927925926482</v>
      </c>
    </row>
    <row r="2378" spans="1:20" x14ac:dyDescent="0.2">
      <c r="A2378" s="53">
        <f t="shared" si="541"/>
        <v>2366</v>
      </c>
      <c r="B2378" s="239">
        <v>23.731999999999999</v>
      </c>
      <c r="C2378" s="3">
        <f t="shared" si="542"/>
        <v>23.724999999999998</v>
      </c>
      <c r="D2378" s="239">
        <v>9.7613000000000003</v>
      </c>
      <c r="E2378" s="239">
        <v>9.0800000000000006E-2</v>
      </c>
      <c r="F2378" s="239">
        <v>-4.7000000000000002E-3</v>
      </c>
      <c r="G2378">
        <f t="shared" si="543"/>
        <v>9.7603600000000004</v>
      </c>
      <c r="H2378" s="235">
        <f t="shared" si="544"/>
        <v>0.93029355474593156</v>
      </c>
      <c r="I2378" s="236">
        <f t="shared" si="545"/>
        <v>19.421794098176438</v>
      </c>
      <c r="J2378" s="237">
        <f t="shared" si="550"/>
        <v>9.4217940981764379</v>
      </c>
      <c r="K2378" s="237">
        <f t="shared" si="546"/>
        <v>460.78206497923594</v>
      </c>
      <c r="L2378" s="237">
        <f t="shared" si="551"/>
        <v>223.59801753792323</v>
      </c>
      <c r="M2378" s="236">
        <f t="shared" si="547"/>
        <v>41.590609958979243</v>
      </c>
      <c r="N2378" s="236">
        <f t="shared" si="548"/>
        <v>0.97638839777944475</v>
      </c>
      <c r="O2378" s="236">
        <f t="shared" si="552"/>
        <v>2.2111999675729161</v>
      </c>
      <c r="P2378" s="236" t="str">
        <f t="shared" si="553"/>
        <v>SAND</v>
      </c>
      <c r="Q2378" s="236" t="e">
        <f t="shared" si="549"/>
        <v>#N/A</v>
      </c>
      <c r="R2378" s="238">
        <v>35</v>
      </c>
      <c r="S2378" s="236" t="e">
        <f t="shared" si="554"/>
        <v>#N/A</v>
      </c>
      <c r="T2378" s="236">
        <f t="shared" si="540"/>
        <v>35.408948186496602</v>
      </c>
    </row>
    <row r="2379" spans="1:20" x14ac:dyDescent="0.2">
      <c r="A2379" s="53">
        <f t="shared" si="541"/>
        <v>2367</v>
      </c>
      <c r="B2379" s="239">
        <v>23.742000000000001</v>
      </c>
      <c r="C2379" s="3">
        <f t="shared" si="542"/>
        <v>23.734999999999999</v>
      </c>
      <c r="D2379" s="239">
        <v>9.6920000000000002</v>
      </c>
      <c r="E2379" s="239">
        <v>7.6300000000000007E-2</v>
      </c>
      <c r="F2379" s="239">
        <v>-4.4000000000000003E-3</v>
      </c>
      <c r="G2379">
        <f t="shared" si="543"/>
        <v>9.6911199999999997</v>
      </c>
      <c r="H2379" s="235">
        <f t="shared" si="544"/>
        <v>0.78731870000577853</v>
      </c>
      <c r="I2379" s="236">
        <f t="shared" si="545"/>
        <v>19.214995880978321</v>
      </c>
      <c r="J2379" s="237">
        <f t="shared" si="550"/>
        <v>9.2149958809783215</v>
      </c>
      <c r="K2379" s="237">
        <f t="shared" si="546"/>
        <v>456.06792723502048</v>
      </c>
      <c r="L2379" s="237">
        <f t="shared" si="551"/>
        <v>218.78243220618731</v>
      </c>
      <c r="M2379" s="236">
        <f t="shared" si="547"/>
        <v>42.211122619121355</v>
      </c>
      <c r="N2379" s="236">
        <f t="shared" si="548"/>
        <v>0.82619999756163542</v>
      </c>
      <c r="O2379" s="236">
        <f t="shared" si="552"/>
        <v>2.16689008484905</v>
      </c>
      <c r="P2379" s="236" t="str">
        <f t="shared" si="553"/>
        <v>SAND</v>
      </c>
      <c r="Q2379" s="236" t="e">
        <f t="shared" si="549"/>
        <v>#N/A</v>
      </c>
      <c r="R2379" s="238">
        <v>35</v>
      </c>
      <c r="S2379" s="236" t="e">
        <f t="shared" si="554"/>
        <v>#N/A</v>
      </c>
      <c r="T2379" s="236">
        <f t="shared" si="540"/>
        <v>35.479695927687359</v>
      </c>
    </row>
    <row r="2380" spans="1:20" x14ac:dyDescent="0.2">
      <c r="A2380" s="53">
        <f t="shared" si="541"/>
        <v>2368</v>
      </c>
      <c r="B2380" s="239">
        <v>23.751000000000001</v>
      </c>
      <c r="C2380" s="3">
        <f t="shared" si="542"/>
        <v>23.744</v>
      </c>
      <c r="D2380" s="239">
        <v>9.6390999999999991</v>
      </c>
      <c r="E2380" s="239">
        <v>6.6900000000000001E-2</v>
      </c>
      <c r="F2380" s="239">
        <v>-3.8999999999999998E-3</v>
      </c>
      <c r="G2380">
        <f t="shared" si="543"/>
        <v>9.6383199999999984</v>
      </c>
      <c r="H2380" s="235">
        <f t="shared" si="544"/>
        <v>0.69410436673611176</v>
      </c>
      <c r="I2380" s="236">
        <f t="shared" si="545"/>
        <v>19.058694779374171</v>
      </c>
      <c r="J2380" s="237">
        <f t="shared" si="550"/>
        <v>9.0586947793741714</v>
      </c>
      <c r="K2380" s="237">
        <f t="shared" si="546"/>
        <v>452.5296488414603</v>
      </c>
      <c r="L2380" s="237">
        <f t="shared" si="551"/>
        <v>215.15305970491596</v>
      </c>
      <c r="M2380" s="236">
        <f t="shared" si="547"/>
        <v>42.69421203564066</v>
      </c>
      <c r="N2380" s="236">
        <f t="shared" si="548"/>
        <v>0.72829879022399413</v>
      </c>
      <c r="O2380" s="236">
        <f t="shared" si="552"/>
        <v>2.1343936497182856</v>
      </c>
      <c r="P2380" s="236" t="str">
        <f t="shared" si="553"/>
        <v>SAND</v>
      </c>
      <c r="Q2380" s="236" t="e">
        <f t="shared" si="549"/>
        <v>#N/A</v>
      </c>
      <c r="R2380" s="238">
        <v>35</v>
      </c>
      <c r="S2380" s="236" t="e">
        <f t="shared" si="554"/>
        <v>#N/A</v>
      </c>
      <c r="T2380" s="236">
        <f t="shared" si="540"/>
        <v>35.534059028905602</v>
      </c>
    </row>
    <row r="2381" spans="1:20" x14ac:dyDescent="0.2">
      <c r="A2381" s="53">
        <f t="shared" si="541"/>
        <v>2369</v>
      </c>
      <c r="B2381" s="239">
        <v>23.760999999999999</v>
      </c>
      <c r="C2381" s="3">
        <f t="shared" si="542"/>
        <v>23.753999999999998</v>
      </c>
      <c r="D2381" s="239">
        <v>9.5711999999999993</v>
      </c>
      <c r="E2381" s="239">
        <v>6.2300000000000001E-2</v>
      </c>
      <c r="F2381" s="239">
        <v>-5.8999999999999999E-3</v>
      </c>
      <c r="G2381">
        <f t="shared" si="543"/>
        <v>9.5700199999999995</v>
      </c>
      <c r="H2381" s="235">
        <f t="shared" si="544"/>
        <v>0.65099132499200629</v>
      </c>
      <c r="I2381" s="236">
        <f t="shared" si="545"/>
        <v>18.972382341215376</v>
      </c>
      <c r="J2381" s="237">
        <f t="shared" si="550"/>
        <v>8.9723823412153756</v>
      </c>
      <c r="K2381" s="237">
        <f t="shared" si="546"/>
        <v>450.66997013322998</v>
      </c>
      <c r="L2381" s="237">
        <f t="shared" si="551"/>
        <v>213.19277680961852</v>
      </c>
      <c r="M2381" s="236">
        <f t="shared" si="547"/>
        <v>42.775136035731478</v>
      </c>
      <c r="N2381" s="236">
        <f t="shared" si="548"/>
        <v>0.68316272317611837</v>
      </c>
      <c r="O2381" s="236">
        <f t="shared" si="552"/>
        <v>2.1197259907540245</v>
      </c>
      <c r="P2381" s="236" t="str">
        <f t="shared" si="553"/>
        <v>SAND</v>
      </c>
      <c r="Q2381" s="236" t="e">
        <f t="shared" si="549"/>
        <v>#N/A</v>
      </c>
      <c r="R2381" s="238">
        <v>35</v>
      </c>
      <c r="S2381" s="236" t="e">
        <f t="shared" si="554"/>
        <v>#N/A</v>
      </c>
      <c r="T2381" s="236">
        <f t="shared" ref="T2381:T2444" si="555">IF(P2381="SAND",17.6+(11*LOG(M2381)),#N/A)</f>
        <v>35.543105393195702</v>
      </c>
    </row>
    <row r="2382" spans="1:20" x14ac:dyDescent="0.2">
      <c r="A2382" s="53">
        <f t="shared" ref="A2382:A2445" si="556">$A2381+1</f>
        <v>2370</v>
      </c>
      <c r="B2382" s="239">
        <v>23.77</v>
      </c>
      <c r="C2382" s="3">
        <f t="shared" ref="C2382:C2445" si="557">MAX($B2382 - $B$13, 0.001)</f>
        <v>23.762999999999998</v>
      </c>
      <c r="D2382" s="239">
        <v>9.5419999999999998</v>
      </c>
      <c r="E2382" s="239">
        <v>6.2199999999999998E-2</v>
      </c>
      <c r="F2382" s="239">
        <v>-1E-4</v>
      </c>
      <c r="G2382">
        <f t="shared" si="543"/>
        <v>9.5419800000000006</v>
      </c>
      <c r="H2382" s="235">
        <f t="shared" si="544"/>
        <v>0.65185632332073629</v>
      </c>
      <c r="I2382" s="236">
        <f t="shared" si="545"/>
        <v>18.969351744795656</v>
      </c>
      <c r="J2382" s="237">
        <f t="shared" si="550"/>
        <v>8.9693517447956559</v>
      </c>
      <c r="K2382" s="237">
        <f t="shared" si="546"/>
        <v>450.76870551157913</v>
      </c>
      <c r="L2382" s="237">
        <f t="shared" si="551"/>
        <v>213.20149097379274</v>
      </c>
      <c r="M2382" s="236">
        <f t="shared" si="547"/>
        <v>42.641405803329661</v>
      </c>
      <c r="N2382" s="236">
        <f t="shared" si="548"/>
        <v>0.68417725631026693</v>
      </c>
      <c r="O2382" s="236">
        <f t="shared" si="552"/>
        <v>2.1212262728941709</v>
      </c>
      <c r="P2382" s="236" t="str">
        <f t="shared" si="553"/>
        <v>SAND</v>
      </c>
      <c r="Q2382" s="236" t="e">
        <f t="shared" si="549"/>
        <v>#N/A</v>
      </c>
      <c r="R2382" s="238">
        <v>35</v>
      </c>
      <c r="S2382" s="236" t="e">
        <f t="shared" si="554"/>
        <v>#N/A</v>
      </c>
      <c r="T2382" s="236">
        <f t="shared" si="555"/>
        <v>35.528146654989094</v>
      </c>
    </row>
    <row r="2383" spans="1:20" x14ac:dyDescent="0.2">
      <c r="A2383" s="53">
        <f t="shared" si="556"/>
        <v>2371</v>
      </c>
      <c r="B2383" s="239">
        <v>23.780999999999999</v>
      </c>
      <c r="C2383" s="3">
        <f t="shared" si="557"/>
        <v>23.773999999999997</v>
      </c>
      <c r="D2383" s="239">
        <v>9.5068999999999999</v>
      </c>
      <c r="E2383" s="239">
        <v>6.7599999999999993E-2</v>
      </c>
      <c r="F2383" s="239">
        <v>3.5999999999999999E-3</v>
      </c>
      <c r="G2383">
        <f t="shared" ref="G2383:G2446" si="558">$D2383+($F2383*(1-$P$8))</f>
        <v>9.5076199999999993</v>
      </c>
      <c r="H2383" s="235">
        <f t="shared" ref="H2383:H2446" si="559">($E2383/$G2383)*100</f>
        <v>0.71100864359324412</v>
      </c>
      <c r="I2383" s="236">
        <f t="shared" ref="I2383:I2446" si="560">((0.27*(LOG($H2383)))+(0.36*(LOG(($G2383*1000)/101)))+1.236)*10</f>
        <v>19.065563767416812</v>
      </c>
      <c r="J2383" s="237">
        <f t="shared" si="550"/>
        <v>9.0655637674168119</v>
      </c>
      <c r="K2383" s="237">
        <f t="shared" ref="K2383:K2446" si="561">$I2383*$C2383</f>
        <v>453.26471300656726</v>
      </c>
      <c r="L2383" s="237">
        <f t="shared" si="551"/>
        <v>215.58817195293921</v>
      </c>
      <c r="M2383" s="236">
        <f t="shared" ref="M2383:M2446" si="562">(($G2383*1000)-$K2383)/$L2383</f>
        <v>41.998386112619897</v>
      </c>
      <c r="N2383" s="236">
        <f t="shared" ref="N2383:N2446" si="563">(($E2383*1000)/(($G2383*1000)-$K2383))*100</f>
        <v>0.74660202584613944</v>
      </c>
      <c r="O2383" s="236">
        <f t="shared" si="552"/>
        <v>2.1460181134092973</v>
      </c>
      <c r="P2383" s="236" t="str">
        <f t="shared" si="553"/>
        <v>SAND</v>
      </c>
      <c r="Q2383" s="236" t="e">
        <f t="shared" ref="Q2383:Q2446" si="564">IF(P2383="CLAY",($G2383*1000 -$K2383)/$L$8,#N/A)</f>
        <v>#N/A</v>
      </c>
      <c r="R2383" s="238">
        <v>35</v>
      </c>
      <c r="S2383" s="236" t="e">
        <f t="shared" si="554"/>
        <v>#N/A</v>
      </c>
      <c r="T2383" s="236">
        <f t="shared" si="555"/>
        <v>35.455558621178014</v>
      </c>
    </row>
    <row r="2384" spans="1:20" x14ac:dyDescent="0.2">
      <c r="A2384" s="53">
        <f t="shared" si="556"/>
        <v>2372</v>
      </c>
      <c r="B2384" s="239">
        <v>23.79</v>
      </c>
      <c r="C2384" s="3">
        <f t="shared" si="557"/>
        <v>23.782999999999998</v>
      </c>
      <c r="D2384" s="239">
        <v>9.5006000000000004</v>
      </c>
      <c r="E2384" s="239">
        <v>7.1999999999999995E-2</v>
      </c>
      <c r="F2384" s="239">
        <v>4.7999999999999996E-3</v>
      </c>
      <c r="G2384">
        <f t="shared" si="558"/>
        <v>9.5015599999999996</v>
      </c>
      <c r="H2384" s="235">
        <f t="shared" si="559"/>
        <v>0.75777030298182613</v>
      </c>
      <c r="I2384" s="236">
        <f t="shared" si="560"/>
        <v>19.1392562183905</v>
      </c>
      <c r="J2384" s="237">
        <f t="shared" ref="J2384:J2447" si="565">$I2384-10</f>
        <v>9.1392562183905</v>
      </c>
      <c r="K2384" s="237">
        <f t="shared" si="561"/>
        <v>455.18893064198124</v>
      </c>
      <c r="L2384" s="237">
        <f t="shared" ref="L2384:L2447" si="566">$J2384*$B2384</f>
        <v>217.42290543550999</v>
      </c>
      <c r="M2384" s="236">
        <f t="shared" si="562"/>
        <v>41.607258679749684</v>
      </c>
      <c r="N2384" s="236">
        <f t="shared" si="563"/>
        <v>0.7958992556018325</v>
      </c>
      <c r="O2384" s="236">
        <f t="shared" ref="O2384:O2447" si="567">((3.47-LOG($M2384))^2+(LOG($N2384)+1.22)^2)^0.5</f>
        <v>2.163769369962699</v>
      </c>
      <c r="P2384" s="236" t="str">
        <f t="shared" ref="P2384:P2447" si="568">IF(O2384&lt;2.6,"SAND","CLAY")</f>
        <v>SAND</v>
      </c>
      <c r="Q2384" s="236" t="e">
        <f t="shared" si="564"/>
        <v>#N/A</v>
      </c>
      <c r="R2384" s="238">
        <v>35</v>
      </c>
      <c r="S2384" s="236" t="e">
        <f t="shared" ref="S2384:S2447" si="569">IF(P2384="SAND",#N/A,0.25*($M2384)^1.25)</f>
        <v>#N/A</v>
      </c>
      <c r="T2384" s="236">
        <f t="shared" si="555"/>
        <v>35.410860132692761</v>
      </c>
    </row>
    <row r="2385" spans="1:20" x14ac:dyDescent="0.2">
      <c r="A2385" s="53">
        <f t="shared" si="556"/>
        <v>2373</v>
      </c>
      <c r="B2385" s="239">
        <v>23.798999999999999</v>
      </c>
      <c r="C2385" s="3">
        <f t="shared" si="557"/>
        <v>23.791999999999998</v>
      </c>
      <c r="D2385" s="239">
        <v>9.5235000000000003</v>
      </c>
      <c r="E2385" s="239">
        <v>7.6200000000000004E-2</v>
      </c>
      <c r="F2385" s="239">
        <v>1.15E-2</v>
      </c>
      <c r="G2385">
        <f t="shared" si="558"/>
        <v>9.5258000000000003</v>
      </c>
      <c r="H2385" s="235">
        <f t="shared" si="559"/>
        <v>0.79993281404186523</v>
      </c>
      <c r="I2385" s="236">
        <f t="shared" si="560"/>
        <v>19.20673279009301</v>
      </c>
      <c r="J2385" s="237">
        <f t="shared" si="565"/>
        <v>9.2067327900930103</v>
      </c>
      <c r="K2385" s="237">
        <f t="shared" si="561"/>
        <v>456.96658654189287</v>
      </c>
      <c r="L2385" s="237">
        <f t="shared" si="566"/>
        <v>219.11103367142354</v>
      </c>
      <c r="M2385" s="236">
        <f t="shared" si="562"/>
        <v>41.389213776690177</v>
      </c>
      <c r="N2385" s="236">
        <f t="shared" si="563"/>
        <v>0.84024037630815385</v>
      </c>
      <c r="O2385" s="236">
        <f t="shared" si="567"/>
        <v>2.1780006001532648</v>
      </c>
      <c r="P2385" s="236" t="str">
        <f t="shared" si="568"/>
        <v>SAND</v>
      </c>
      <c r="Q2385" s="236" t="e">
        <f t="shared" si="564"/>
        <v>#N/A</v>
      </c>
      <c r="R2385" s="238">
        <v>35</v>
      </c>
      <c r="S2385" s="236" t="e">
        <f t="shared" si="569"/>
        <v>#N/A</v>
      </c>
      <c r="T2385" s="236">
        <f t="shared" si="555"/>
        <v>35.385758943547557</v>
      </c>
    </row>
    <row r="2386" spans="1:20" x14ac:dyDescent="0.2">
      <c r="A2386" s="53">
        <f t="shared" si="556"/>
        <v>2374</v>
      </c>
      <c r="B2386" s="239">
        <v>23.81</v>
      </c>
      <c r="C2386" s="3">
        <f t="shared" si="557"/>
        <v>23.802999999999997</v>
      </c>
      <c r="D2386" s="239">
        <v>9.625</v>
      </c>
      <c r="E2386" s="239">
        <v>8.2400000000000001E-2</v>
      </c>
      <c r="F2386" s="239">
        <v>1.46E-2</v>
      </c>
      <c r="G2386">
        <f t="shared" si="558"/>
        <v>9.6279199999999996</v>
      </c>
      <c r="H2386" s="235">
        <f t="shared" si="559"/>
        <v>0.85584425296429556</v>
      </c>
      <c r="I2386" s="236">
        <f t="shared" si="560"/>
        <v>19.302625751657846</v>
      </c>
      <c r="J2386" s="237">
        <f t="shared" si="565"/>
        <v>9.3026257516578461</v>
      </c>
      <c r="K2386" s="237">
        <f t="shared" si="561"/>
        <v>459.46040076671164</v>
      </c>
      <c r="L2386" s="237">
        <f t="shared" si="566"/>
        <v>221.49551914697329</v>
      </c>
      <c r="M2386" s="236">
        <f t="shared" si="562"/>
        <v>41.393431499395525</v>
      </c>
      <c r="N2386" s="236">
        <f t="shared" si="563"/>
        <v>0.89873330528599038</v>
      </c>
      <c r="O2386" s="236">
        <f t="shared" si="567"/>
        <v>2.1934612970837435</v>
      </c>
      <c r="P2386" s="236" t="str">
        <f t="shared" si="568"/>
        <v>SAND</v>
      </c>
      <c r="Q2386" s="236" t="e">
        <f t="shared" si="564"/>
        <v>#N/A</v>
      </c>
      <c r="R2386" s="238">
        <v>35</v>
      </c>
      <c r="S2386" s="236" t="e">
        <f t="shared" si="569"/>
        <v>#N/A</v>
      </c>
      <c r="T2386" s="236">
        <f t="shared" si="555"/>
        <v>35.386245738107419</v>
      </c>
    </row>
    <row r="2387" spans="1:20" x14ac:dyDescent="0.2">
      <c r="A2387" s="53">
        <f t="shared" si="556"/>
        <v>2375</v>
      </c>
      <c r="B2387" s="239">
        <v>23.818999999999999</v>
      </c>
      <c r="C2387" s="3">
        <f t="shared" si="557"/>
        <v>23.811999999999998</v>
      </c>
      <c r="D2387" s="239">
        <v>9.8000000000000007</v>
      </c>
      <c r="E2387" s="239">
        <v>8.8099999999999998E-2</v>
      </c>
      <c r="F2387" s="239">
        <v>1.8800000000000001E-2</v>
      </c>
      <c r="G2387">
        <f t="shared" si="558"/>
        <v>9.8037600000000005</v>
      </c>
      <c r="H2387" s="235">
        <f t="shared" si="559"/>
        <v>0.89863480950166053</v>
      </c>
      <c r="I2387" s="236">
        <f t="shared" si="560"/>
        <v>19.388131411000455</v>
      </c>
      <c r="J2387" s="237">
        <f t="shared" si="565"/>
        <v>9.3881314110004546</v>
      </c>
      <c r="K2387" s="237">
        <f t="shared" si="561"/>
        <v>461.67018515874275</v>
      </c>
      <c r="L2387" s="237">
        <f t="shared" si="566"/>
        <v>223.61590207861983</v>
      </c>
      <c r="M2387" s="236">
        <f t="shared" si="562"/>
        <v>41.777394755927183</v>
      </c>
      <c r="N2387" s="236">
        <f t="shared" si="563"/>
        <v>0.94304381295971307</v>
      </c>
      <c r="O2387" s="236">
        <f t="shared" si="567"/>
        <v>2.2013460122749002</v>
      </c>
      <c r="P2387" s="236" t="str">
        <f t="shared" si="568"/>
        <v>SAND</v>
      </c>
      <c r="Q2387" s="236" t="e">
        <f t="shared" si="564"/>
        <v>#N/A</v>
      </c>
      <c r="R2387" s="238">
        <v>35</v>
      </c>
      <c r="S2387" s="236" t="e">
        <f t="shared" si="569"/>
        <v>#N/A</v>
      </c>
      <c r="T2387" s="236">
        <f t="shared" si="555"/>
        <v>35.430354892076934</v>
      </c>
    </row>
    <row r="2388" spans="1:20" x14ac:dyDescent="0.2">
      <c r="A2388" s="53">
        <f t="shared" si="556"/>
        <v>2376</v>
      </c>
      <c r="B2388" s="239">
        <v>23.829000000000001</v>
      </c>
      <c r="C2388" s="3">
        <f t="shared" si="557"/>
        <v>23.821999999999999</v>
      </c>
      <c r="D2388" s="239">
        <v>9.9375</v>
      </c>
      <c r="E2388" s="239">
        <v>9.2100000000000001E-2</v>
      </c>
      <c r="F2388" s="239">
        <v>2.58E-2</v>
      </c>
      <c r="G2388">
        <f t="shared" si="558"/>
        <v>9.9426600000000001</v>
      </c>
      <c r="H2388" s="235">
        <f t="shared" si="559"/>
        <v>0.9263114699688012</v>
      </c>
      <c r="I2388" s="236">
        <f t="shared" si="560"/>
        <v>19.445696385563668</v>
      </c>
      <c r="J2388" s="237">
        <f t="shared" si="565"/>
        <v>9.445696385563668</v>
      </c>
      <c r="K2388" s="237">
        <f t="shared" si="561"/>
        <v>463.23537929689769</v>
      </c>
      <c r="L2388" s="237">
        <f t="shared" si="566"/>
        <v>225.08149917159665</v>
      </c>
      <c r="M2388" s="236">
        <f t="shared" si="562"/>
        <v>42.115521069442586</v>
      </c>
      <c r="N2388" s="236">
        <f t="shared" si="563"/>
        <v>0.97157795631238231</v>
      </c>
      <c r="O2388" s="236">
        <f t="shared" si="567"/>
        <v>2.205467287225948</v>
      </c>
      <c r="P2388" s="236" t="str">
        <f t="shared" si="568"/>
        <v>SAND</v>
      </c>
      <c r="Q2388" s="236" t="e">
        <f t="shared" si="564"/>
        <v>#N/A</v>
      </c>
      <c r="R2388" s="238">
        <v>35</v>
      </c>
      <c r="S2388" s="236" t="e">
        <f t="shared" si="569"/>
        <v>#N/A</v>
      </c>
      <c r="T2388" s="236">
        <f t="shared" si="555"/>
        <v>35.468863961512795</v>
      </c>
    </row>
    <row r="2389" spans="1:20" x14ac:dyDescent="0.2">
      <c r="A2389" s="53">
        <f t="shared" si="556"/>
        <v>2377</v>
      </c>
      <c r="B2389" s="239">
        <v>23.838999999999999</v>
      </c>
      <c r="C2389" s="3">
        <f t="shared" si="557"/>
        <v>23.831999999999997</v>
      </c>
      <c r="D2389" s="239">
        <v>10.0078</v>
      </c>
      <c r="E2389" s="239">
        <v>9.01E-2</v>
      </c>
      <c r="F2389" s="239">
        <v>2.3800000000000002E-2</v>
      </c>
      <c r="G2389">
        <f t="shared" si="558"/>
        <v>10.012559999999999</v>
      </c>
      <c r="H2389" s="235">
        <f t="shared" si="559"/>
        <v>0.89986976357694748</v>
      </c>
      <c r="I2389" s="236">
        <f t="shared" si="560"/>
        <v>19.422690608464379</v>
      </c>
      <c r="J2389" s="237">
        <f t="shared" si="565"/>
        <v>9.4226906084643787</v>
      </c>
      <c r="K2389" s="237">
        <f t="shared" si="561"/>
        <v>462.881562580923</v>
      </c>
      <c r="L2389" s="237">
        <f t="shared" si="566"/>
        <v>224.62752141518231</v>
      </c>
      <c r="M2389" s="236">
        <f t="shared" si="562"/>
        <v>42.513394517532276</v>
      </c>
      <c r="N2389" s="236">
        <f t="shared" si="563"/>
        <v>0.94348726598956234</v>
      </c>
      <c r="O2389" s="236">
        <f t="shared" si="567"/>
        <v>2.1950903180553465</v>
      </c>
      <c r="P2389" s="236" t="str">
        <f t="shared" si="568"/>
        <v>SAND</v>
      </c>
      <c r="Q2389" s="236" t="e">
        <f t="shared" si="564"/>
        <v>#N/A</v>
      </c>
      <c r="R2389" s="238">
        <v>35</v>
      </c>
      <c r="S2389" s="236" t="e">
        <f t="shared" si="569"/>
        <v>#N/A</v>
      </c>
      <c r="T2389" s="236">
        <f t="shared" si="555"/>
        <v>35.513783612533878</v>
      </c>
    </row>
    <row r="2390" spans="1:20" x14ac:dyDescent="0.2">
      <c r="A2390" s="53">
        <f t="shared" si="556"/>
        <v>2378</v>
      </c>
      <c r="B2390" s="239">
        <v>23.849</v>
      </c>
      <c r="C2390" s="3">
        <f t="shared" si="557"/>
        <v>23.841999999999999</v>
      </c>
      <c r="D2390" s="239">
        <v>10.0602</v>
      </c>
      <c r="E2390" s="239">
        <v>8.8200000000000001E-2</v>
      </c>
      <c r="F2390" s="239">
        <v>2.4199999999999999E-2</v>
      </c>
      <c r="G2390">
        <f t="shared" si="558"/>
        <v>10.06504</v>
      </c>
      <c r="H2390" s="235">
        <f t="shared" si="559"/>
        <v>0.87630054127951806</v>
      </c>
      <c r="I2390" s="236">
        <f t="shared" si="560"/>
        <v>19.399742188900792</v>
      </c>
      <c r="J2390" s="237">
        <f t="shared" si="565"/>
        <v>9.3997421889007917</v>
      </c>
      <c r="K2390" s="237">
        <f t="shared" si="561"/>
        <v>462.52865326777265</v>
      </c>
      <c r="L2390" s="237">
        <f t="shared" si="566"/>
        <v>224.17445146309498</v>
      </c>
      <c r="M2390" s="236">
        <f t="shared" si="562"/>
        <v>42.834994282624805</v>
      </c>
      <c r="N2390" s="236">
        <f t="shared" si="563"/>
        <v>0.91850971912691182</v>
      </c>
      <c r="O2390" s="236">
        <f t="shared" si="567"/>
        <v>2.1860171876078591</v>
      </c>
      <c r="P2390" s="236" t="str">
        <f t="shared" si="568"/>
        <v>SAND</v>
      </c>
      <c r="Q2390" s="236" t="e">
        <f t="shared" si="564"/>
        <v>#N/A</v>
      </c>
      <c r="R2390" s="238">
        <v>35</v>
      </c>
      <c r="S2390" s="236" t="e">
        <f t="shared" si="569"/>
        <v>#N/A</v>
      </c>
      <c r="T2390" s="236">
        <f t="shared" si="555"/>
        <v>35.549785845966412</v>
      </c>
    </row>
    <row r="2391" spans="1:20" x14ac:dyDescent="0.2">
      <c r="A2391" s="53">
        <f t="shared" si="556"/>
        <v>2379</v>
      </c>
      <c r="B2391" s="239">
        <v>23.859000000000002</v>
      </c>
      <c r="C2391" s="3">
        <f t="shared" si="557"/>
        <v>23.852</v>
      </c>
      <c r="D2391" s="239">
        <v>10.061999999999999</v>
      </c>
      <c r="E2391" s="239">
        <v>8.6400000000000005E-2</v>
      </c>
      <c r="F2391" s="239">
        <v>2.87E-2</v>
      </c>
      <c r="G2391">
        <f t="shared" si="558"/>
        <v>10.067739999999999</v>
      </c>
      <c r="H2391" s="235">
        <f t="shared" si="559"/>
        <v>0.85818664367574071</v>
      </c>
      <c r="I2391" s="236">
        <f t="shared" si="560"/>
        <v>19.375668951281177</v>
      </c>
      <c r="J2391" s="237">
        <f t="shared" si="565"/>
        <v>9.3756689512811775</v>
      </c>
      <c r="K2391" s="237">
        <f t="shared" si="561"/>
        <v>462.14845582595865</v>
      </c>
      <c r="L2391" s="237">
        <f t="shared" si="566"/>
        <v>223.69408550861763</v>
      </c>
      <c r="M2391" s="236">
        <f t="shared" si="562"/>
        <v>42.94074884605741</v>
      </c>
      <c r="N2391" s="236">
        <f t="shared" si="563"/>
        <v>0.89947609788179184</v>
      </c>
      <c r="O2391" s="236">
        <f t="shared" si="567"/>
        <v>2.1802063435368089</v>
      </c>
      <c r="P2391" s="236" t="str">
        <f t="shared" si="568"/>
        <v>SAND</v>
      </c>
      <c r="Q2391" s="236" t="e">
        <f t="shared" si="564"/>
        <v>#N/A</v>
      </c>
      <c r="R2391" s="238">
        <v>35</v>
      </c>
      <c r="S2391" s="236" t="e">
        <f t="shared" si="569"/>
        <v>#N/A</v>
      </c>
      <c r="T2391" s="236">
        <f t="shared" si="555"/>
        <v>35.561565752365276</v>
      </c>
    </row>
    <row r="2392" spans="1:20" x14ac:dyDescent="0.2">
      <c r="A2392" s="53">
        <f t="shared" si="556"/>
        <v>2380</v>
      </c>
      <c r="B2392" s="239">
        <v>23.867999999999999</v>
      </c>
      <c r="C2392" s="3">
        <f t="shared" si="557"/>
        <v>23.860999999999997</v>
      </c>
      <c r="D2392" s="239">
        <v>10.0183</v>
      </c>
      <c r="E2392" s="239">
        <v>8.6400000000000005E-2</v>
      </c>
      <c r="F2392" s="239">
        <v>2.4899999999999999E-2</v>
      </c>
      <c r="G2392">
        <f t="shared" si="558"/>
        <v>10.02328</v>
      </c>
      <c r="H2392" s="235">
        <f t="shared" si="559"/>
        <v>0.86199327964498651</v>
      </c>
      <c r="I2392" s="236">
        <f t="shared" si="560"/>
        <v>19.373939035351995</v>
      </c>
      <c r="J2392" s="237">
        <f t="shared" si="565"/>
        <v>9.3739390353519951</v>
      </c>
      <c r="K2392" s="237">
        <f t="shared" si="561"/>
        <v>462.28155932253389</v>
      </c>
      <c r="L2392" s="237">
        <f t="shared" si="566"/>
        <v>223.7371768957814</v>
      </c>
      <c r="M2392" s="236">
        <f t="shared" si="562"/>
        <v>42.73316832423901</v>
      </c>
      <c r="N2392" s="236">
        <f t="shared" si="563"/>
        <v>0.90367131148572744</v>
      </c>
      <c r="O2392" s="236">
        <f t="shared" si="567"/>
        <v>2.1830679618254538</v>
      </c>
      <c r="P2392" s="236" t="str">
        <f t="shared" si="568"/>
        <v>SAND</v>
      </c>
      <c r="Q2392" s="236" t="e">
        <f t="shared" si="564"/>
        <v>#N/A</v>
      </c>
      <c r="R2392" s="238">
        <v>35</v>
      </c>
      <c r="S2392" s="236" t="e">
        <f t="shared" si="569"/>
        <v>#N/A</v>
      </c>
      <c r="T2392" s="236">
        <f t="shared" si="555"/>
        <v>35.538416028383445</v>
      </c>
    </row>
    <row r="2393" spans="1:20" x14ac:dyDescent="0.2">
      <c r="A2393" s="53">
        <f t="shared" si="556"/>
        <v>2381</v>
      </c>
      <c r="B2393" s="239">
        <v>23.876999999999999</v>
      </c>
      <c r="C2393" s="3">
        <f t="shared" si="557"/>
        <v>23.869999999999997</v>
      </c>
      <c r="D2393" s="239">
        <v>10.048500000000001</v>
      </c>
      <c r="E2393" s="239">
        <v>8.6300000000000002E-2</v>
      </c>
      <c r="F2393" s="239">
        <v>2.29E-2</v>
      </c>
      <c r="G2393">
        <f t="shared" si="558"/>
        <v>10.053080000000001</v>
      </c>
      <c r="H2393" s="235">
        <f t="shared" si="559"/>
        <v>0.8584433825255543</v>
      </c>
      <c r="I2393" s="236">
        <f t="shared" si="560"/>
        <v>19.373741427535581</v>
      </c>
      <c r="J2393" s="237">
        <f t="shared" si="565"/>
        <v>9.373741427535581</v>
      </c>
      <c r="K2393" s="237">
        <f t="shared" si="561"/>
        <v>462.45120787527429</v>
      </c>
      <c r="L2393" s="237">
        <f t="shared" si="566"/>
        <v>223.81682406526707</v>
      </c>
      <c r="M2393" s="236">
        <f t="shared" si="562"/>
        <v>42.850347967264568</v>
      </c>
      <c r="N2393" s="236">
        <f t="shared" si="563"/>
        <v>0.89983672468758857</v>
      </c>
      <c r="O2393" s="236">
        <f t="shared" si="567"/>
        <v>2.1810713485714097</v>
      </c>
      <c r="P2393" s="236" t="str">
        <f t="shared" si="568"/>
        <v>SAND</v>
      </c>
      <c r="Q2393" s="236" t="e">
        <f t="shared" si="564"/>
        <v>#N/A</v>
      </c>
      <c r="R2393" s="238">
        <v>35</v>
      </c>
      <c r="S2393" s="236" t="e">
        <f t="shared" si="569"/>
        <v>#N/A</v>
      </c>
      <c r="T2393" s="236">
        <f t="shared" si="555"/>
        <v>35.551497882693681</v>
      </c>
    </row>
    <row r="2394" spans="1:20" x14ac:dyDescent="0.2">
      <c r="A2394" s="53">
        <f t="shared" si="556"/>
        <v>2382</v>
      </c>
      <c r="B2394" s="239">
        <v>23.887</v>
      </c>
      <c r="C2394" s="3">
        <f t="shared" si="557"/>
        <v>23.88</v>
      </c>
      <c r="D2394" s="239">
        <v>10.149800000000001</v>
      </c>
      <c r="E2394" s="239">
        <v>8.6599999999999996E-2</v>
      </c>
      <c r="F2394" s="239">
        <v>2.4500000000000001E-2</v>
      </c>
      <c r="G2394">
        <f t="shared" si="558"/>
        <v>10.1547</v>
      </c>
      <c r="H2394" s="235">
        <f t="shared" si="559"/>
        <v>0.8528070745566092</v>
      </c>
      <c r="I2394" s="236">
        <f t="shared" si="560"/>
        <v>19.381741750652569</v>
      </c>
      <c r="J2394" s="237">
        <f t="shared" si="565"/>
        <v>9.3817417506525693</v>
      </c>
      <c r="K2394" s="237">
        <f t="shared" si="561"/>
        <v>462.83599300558336</v>
      </c>
      <c r="L2394" s="237">
        <f t="shared" si="566"/>
        <v>224.10166519783792</v>
      </c>
      <c r="M2394" s="236">
        <f t="shared" si="562"/>
        <v>43.247621558003139</v>
      </c>
      <c r="N2394" s="236">
        <f t="shared" si="563"/>
        <v>0.89353296680084004</v>
      </c>
      <c r="O2394" s="236">
        <f t="shared" si="567"/>
        <v>2.1760502155196511</v>
      </c>
      <c r="P2394" s="236" t="str">
        <f t="shared" si="568"/>
        <v>SAND</v>
      </c>
      <c r="Q2394" s="236" t="e">
        <f t="shared" si="564"/>
        <v>#N/A</v>
      </c>
      <c r="R2394" s="238">
        <v>35</v>
      </c>
      <c r="S2394" s="236" t="e">
        <f t="shared" si="569"/>
        <v>#N/A</v>
      </c>
      <c r="T2394" s="236">
        <f t="shared" si="555"/>
        <v>35.59558450844456</v>
      </c>
    </row>
    <row r="2395" spans="1:20" x14ac:dyDescent="0.2">
      <c r="A2395" s="53">
        <f t="shared" si="556"/>
        <v>2383</v>
      </c>
      <c r="B2395" s="239">
        <v>23.898</v>
      </c>
      <c r="C2395" s="3">
        <f t="shared" si="557"/>
        <v>23.890999999999998</v>
      </c>
      <c r="D2395" s="239">
        <v>10.2476</v>
      </c>
      <c r="E2395" s="239">
        <v>8.72E-2</v>
      </c>
      <c r="F2395" s="239">
        <v>1.0699999999999999E-2</v>
      </c>
      <c r="G2395">
        <f t="shared" si="558"/>
        <v>10.249740000000001</v>
      </c>
      <c r="H2395" s="235">
        <f t="shared" si="559"/>
        <v>0.85075328740046086</v>
      </c>
      <c r="I2395" s="236">
        <f t="shared" si="560"/>
        <v>19.393479127802021</v>
      </c>
      <c r="J2395" s="237">
        <f t="shared" si="565"/>
        <v>9.3934791278020207</v>
      </c>
      <c r="K2395" s="237">
        <f t="shared" si="561"/>
        <v>463.32960984231806</v>
      </c>
      <c r="L2395" s="237">
        <f t="shared" si="566"/>
        <v>224.48536419621269</v>
      </c>
      <c r="M2395" s="236">
        <f t="shared" si="562"/>
        <v>43.594870539550264</v>
      </c>
      <c r="N2395" s="236">
        <f t="shared" si="563"/>
        <v>0.89103150719796242</v>
      </c>
      <c r="O2395" s="236">
        <f t="shared" si="567"/>
        <v>2.1724678495628331</v>
      </c>
      <c r="P2395" s="236" t="str">
        <f t="shared" si="568"/>
        <v>SAND</v>
      </c>
      <c r="Q2395" s="236" t="e">
        <f t="shared" si="564"/>
        <v>#N/A</v>
      </c>
      <c r="R2395" s="238">
        <v>35</v>
      </c>
      <c r="S2395" s="236" t="e">
        <f t="shared" si="569"/>
        <v>#N/A</v>
      </c>
      <c r="T2395" s="236">
        <f t="shared" si="555"/>
        <v>35.633789315403291</v>
      </c>
    </row>
    <row r="2396" spans="1:20" x14ac:dyDescent="0.2">
      <c r="A2396" s="53">
        <f t="shared" si="556"/>
        <v>2384</v>
      </c>
      <c r="B2396" s="239">
        <v>23.907</v>
      </c>
      <c r="C2396" s="3">
        <f t="shared" si="557"/>
        <v>23.9</v>
      </c>
      <c r="D2396" s="239">
        <v>10.3649</v>
      </c>
      <c r="E2396" s="239">
        <v>8.3799999999999999E-2</v>
      </c>
      <c r="F2396" s="239">
        <v>1.4200000000000001E-2</v>
      </c>
      <c r="G2396">
        <f t="shared" si="558"/>
        <v>10.367740000000001</v>
      </c>
      <c r="H2396" s="235">
        <f t="shared" si="559"/>
        <v>0.80827644211756833</v>
      </c>
      <c r="I2396" s="236">
        <f t="shared" si="560"/>
        <v>19.351317592450016</v>
      </c>
      <c r="J2396" s="237">
        <f t="shared" si="565"/>
        <v>9.351317592450016</v>
      </c>
      <c r="K2396" s="237">
        <f t="shared" si="561"/>
        <v>462.49649045955533</v>
      </c>
      <c r="L2396" s="237">
        <f t="shared" si="566"/>
        <v>223.56194968270253</v>
      </c>
      <c r="M2396" s="236">
        <f t="shared" si="562"/>
        <v>44.30648204490425</v>
      </c>
      <c r="N2396" s="236">
        <f t="shared" si="563"/>
        <v>0.8460165559714532</v>
      </c>
      <c r="O2396" s="236">
        <f t="shared" si="567"/>
        <v>2.1544720645153497</v>
      </c>
      <c r="P2396" s="236" t="str">
        <f t="shared" si="568"/>
        <v>SAND</v>
      </c>
      <c r="Q2396" s="236" t="e">
        <f t="shared" si="564"/>
        <v>#N/A</v>
      </c>
      <c r="R2396" s="238">
        <v>35</v>
      </c>
      <c r="S2396" s="236" t="e">
        <f t="shared" si="569"/>
        <v>#N/A</v>
      </c>
      <c r="T2396" s="236">
        <f t="shared" si="555"/>
        <v>35.711139950403449</v>
      </c>
    </row>
    <row r="2397" spans="1:20" x14ac:dyDescent="0.2">
      <c r="A2397" s="53">
        <f t="shared" si="556"/>
        <v>2385</v>
      </c>
      <c r="B2397" s="239">
        <v>23.916</v>
      </c>
      <c r="C2397" s="3">
        <f t="shared" si="557"/>
        <v>23.908999999999999</v>
      </c>
      <c r="D2397" s="239">
        <v>10.4895</v>
      </c>
      <c r="E2397" s="239">
        <v>8.3799999999999999E-2</v>
      </c>
      <c r="F2397" s="239">
        <v>1.4200000000000001E-2</v>
      </c>
      <c r="G2397">
        <f t="shared" si="558"/>
        <v>10.49234</v>
      </c>
      <c r="H2397" s="235">
        <f t="shared" si="559"/>
        <v>0.79867789263405498</v>
      </c>
      <c r="I2397" s="236">
        <f t="shared" si="560"/>
        <v>19.355987024438001</v>
      </c>
      <c r="J2397" s="237">
        <f t="shared" si="565"/>
        <v>9.3559870244380008</v>
      </c>
      <c r="K2397" s="237">
        <f t="shared" si="561"/>
        <v>462.78229376728814</v>
      </c>
      <c r="L2397" s="237">
        <f t="shared" si="566"/>
        <v>223.75778567645924</v>
      </c>
      <c r="M2397" s="236">
        <f t="shared" si="562"/>
        <v>44.823279225398082</v>
      </c>
      <c r="N2397" s="236">
        <f t="shared" si="563"/>
        <v>0.83553036389554647</v>
      </c>
      <c r="O2397" s="236">
        <f t="shared" si="567"/>
        <v>2.1473255025003612</v>
      </c>
      <c r="P2397" s="236" t="str">
        <f t="shared" si="568"/>
        <v>SAND</v>
      </c>
      <c r="Q2397" s="236" t="e">
        <f t="shared" si="564"/>
        <v>#N/A</v>
      </c>
      <c r="R2397" s="238">
        <v>35</v>
      </c>
      <c r="S2397" s="236" t="e">
        <f t="shared" si="569"/>
        <v>#N/A</v>
      </c>
      <c r="T2397" s="236">
        <f t="shared" si="555"/>
        <v>35.766539884930054</v>
      </c>
    </row>
    <row r="2398" spans="1:20" x14ac:dyDescent="0.2">
      <c r="A2398" s="53">
        <f t="shared" si="556"/>
        <v>2386</v>
      </c>
      <c r="B2398" s="239">
        <v>23.925999999999998</v>
      </c>
      <c r="C2398" s="3">
        <f t="shared" si="557"/>
        <v>23.918999999999997</v>
      </c>
      <c r="D2398" s="239">
        <v>10.7728</v>
      </c>
      <c r="E2398" s="239">
        <v>8.3199999999999996E-2</v>
      </c>
      <c r="F2398" s="239">
        <v>1.4800000000000001E-2</v>
      </c>
      <c r="G2398">
        <f t="shared" si="558"/>
        <v>10.77576</v>
      </c>
      <c r="H2398" s="235">
        <f t="shared" si="559"/>
        <v>0.7721033133625842</v>
      </c>
      <c r="I2398" s="236">
        <f t="shared" si="560"/>
        <v>19.357979154479331</v>
      </c>
      <c r="J2398" s="237">
        <f t="shared" si="565"/>
        <v>9.3579791544793309</v>
      </c>
      <c r="K2398" s="237">
        <f t="shared" si="561"/>
        <v>463.02350339599104</v>
      </c>
      <c r="L2398" s="237">
        <f t="shared" si="566"/>
        <v>223.89900925007245</v>
      </c>
      <c r="M2398" s="236">
        <f t="shared" si="562"/>
        <v>46.059768335489728</v>
      </c>
      <c r="N2398" s="236">
        <f t="shared" si="563"/>
        <v>0.80676937714250552</v>
      </c>
      <c r="O2398" s="236">
        <f t="shared" si="567"/>
        <v>2.1292370754941827</v>
      </c>
      <c r="P2398" s="236" t="str">
        <f t="shared" si="568"/>
        <v>SAND</v>
      </c>
      <c r="Q2398" s="236" t="e">
        <f t="shared" si="564"/>
        <v>#N/A</v>
      </c>
      <c r="R2398" s="238">
        <v>35</v>
      </c>
      <c r="S2398" s="236" t="e">
        <f t="shared" si="569"/>
        <v>#N/A</v>
      </c>
      <c r="T2398" s="236">
        <f t="shared" si="555"/>
        <v>35.896539242129478</v>
      </c>
    </row>
    <row r="2399" spans="1:20" x14ac:dyDescent="0.2">
      <c r="A2399" s="53">
        <f t="shared" si="556"/>
        <v>2387</v>
      </c>
      <c r="B2399" s="239">
        <v>23.936</v>
      </c>
      <c r="C2399" s="3">
        <f t="shared" si="557"/>
        <v>23.928999999999998</v>
      </c>
      <c r="D2399" s="239">
        <v>11.0671</v>
      </c>
      <c r="E2399" s="239">
        <v>8.6599999999999996E-2</v>
      </c>
      <c r="F2399" s="239">
        <v>1.72E-2</v>
      </c>
      <c r="G2399">
        <f t="shared" si="558"/>
        <v>11.070539999999999</v>
      </c>
      <c r="H2399" s="235">
        <f t="shared" si="559"/>
        <v>0.78225633076615952</v>
      </c>
      <c r="I2399" s="236">
        <f t="shared" si="560"/>
        <v>19.415493287742159</v>
      </c>
      <c r="J2399" s="237">
        <f t="shared" si="565"/>
        <v>9.4154932877421587</v>
      </c>
      <c r="K2399" s="237">
        <f t="shared" si="561"/>
        <v>464.59333888238211</v>
      </c>
      <c r="L2399" s="237">
        <f t="shared" si="566"/>
        <v>225.3692473353963</v>
      </c>
      <c r="M2399" s="236">
        <f t="shared" si="562"/>
        <v>47.060310075641169</v>
      </c>
      <c r="N2399" s="236">
        <f t="shared" si="563"/>
        <v>0.81652305793205249</v>
      </c>
      <c r="O2399" s="236">
        <f t="shared" si="567"/>
        <v>2.1241003751105816</v>
      </c>
      <c r="P2399" s="236" t="str">
        <f t="shared" si="568"/>
        <v>SAND</v>
      </c>
      <c r="Q2399" s="236" t="e">
        <f t="shared" si="564"/>
        <v>#N/A</v>
      </c>
      <c r="R2399" s="238">
        <v>35</v>
      </c>
      <c r="S2399" s="236" t="e">
        <f t="shared" si="569"/>
        <v>#N/A</v>
      </c>
      <c r="T2399" s="236">
        <f t="shared" si="555"/>
        <v>35.999202628092114</v>
      </c>
    </row>
    <row r="2400" spans="1:20" x14ac:dyDescent="0.2">
      <c r="A2400" s="53">
        <f t="shared" si="556"/>
        <v>2388</v>
      </c>
      <c r="B2400" s="239">
        <v>23.945</v>
      </c>
      <c r="C2400" s="3">
        <f t="shared" si="557"/>
        <v>23.937999999999999</v>
      </c>
      <c r="D2400" s="239">
        <v>11.3362</v>
      </c>
      <c r="E2400" s="239">
        <v>8.7400000000000005E-2</v>
      </c>
      <c r="F2400" s="239">
        <v>2.07E-2</v>
      </c>
      <c r="G2400">
        <f t="shared" si="558"/>
        <v>11.340339999999999</v>
      </c>
      <c r="H2400" s="235">
        <f t="shared" si="559"/>
        <v>0.77069999664913058</v>
      </c>
      <c r="I2400" s="236">
        <f t="shared" si="560"/>
        <v>19.435687390478343</v>
      </c>
      <c r="J2400" s="237">
        <f t="shared" si="565"/>
        <v>9.4356873904783427</v>
      </c>
      <c r="K2400" s="237">
        <f t="shared" si="561"/>
        <v>465.25148475327052</v>
      </c>
      <c r="L2400" s="237">
        <f t="shared" si="566"/>
        <v>225.93753456500392</v>
      </c>
      <c r="M2400" s="236">
        <f t="shared" si="562"/>
        <v>48.133164488071749</v>
      </c>
      <c r="N2400" s="236">
        <f t="shared" si="563"/>
        <v>0.8036716195685798</v>
      </c>
      <c r="O2400" s="236">
        <f t="shared" si="567"/>
        <v>2.1121450939186639</v>
      </c>
      <c r="P2400" s="236" t="str">
        <f t="shared" si="568"/>
        <v>SAND</v>
      </c>
      <c r="Q2400" s="236" t="e">
        <f t="shared" si="564"/>
        <v>#N/A</v>
      </c>
      <c r="R2400" s="238">
        <v>35</v>
      </c>
      <c r="S2400" s="236" t="e">
        <f t="shared" si="569"/>
        <v>#N/A</v>
      </c>
      <c r="T2400" s="236">
        <f t="shared" si="555"/>
        <v>36.106888565711003</v>
      </c>
    </row>
    <row r="2401" spans="1:20" x14ac:dyDescent="0.2">
      <c r="A2401" s="53">
        <f t="shared" si="556"/>
        <v>2389</v>
      </c>
      <c r="B2401" s="239">
        <v>23.954999999999998</v>
      </c>
      <c r="C2401" s="3">
        <f t="shared" si="557"/>
        <v>23.947999999999997</v>
      </c>
      <c r="D2401" s="239">
        <v>11.6713</v>
      </c>
      <c r="E2401" s="239">
        <v>8.6400000000000005E-2</v>
      </c>
      <c r="F2401" s="239">
        <v>0.02</v>
      </c>
      <c r="G2401">
        <f t="shared" si="558"/>
        <v>11.6753</v>
      </c>
      <c r="H2401" s="235">
        <f t="shared" si="559"/>
        <v>0.74002381095132463</v>
      </c>
      <c r="I2401" s="236">
        <f t="shared" si="560"/>
        <v>19.433571402901919</v>
      </c>
      <c r="J2401" s="237">
        <f t="shared" si="565"/>
        <v>9.4335714029019186</v>
      </c>
      <c r="K2401" s="237">
        <f t="shared" si="561"/>
        <v>465.3951679566951</v>
      </c>
      <c r="L2401" s="237">
        <f t="shared" si="566"/>
        <v>225.98120295651543</v>
      </c>
      <c r="M2401" s="236">
        <f t="shared" si="562"/>
        <v>49.605474638527248</v>
      </c>
      <c r="N2401" s="236">
        <f t="shared" si="563"/>
        <v>0.77074695364966173</v>
      </c>
      <c r="O2401" s="236">
        <f t="shared" si="567"/>
        <v>2.0914107528919001</v>
      </c>
      <c r="P2401" s="236" t="str">
        <f t="shared" si="568"/>
        <v>SAND</v>
      </c>
      <c r="Q2401" s="236" t="e">
        <f t="shared" si="564"/>
        <v>#N/A</v>
      </c>
      <c r="R2401" s="238">
        <v>35</v>
      </c>
      <c r="S2401" s="236" t="e">
        <f t="shared" si="569"/>
        <v>#N/A</v>
      </c>
      <c r="T2401" s="236">
        <f t="shared" si="555"/>
        <v>36.250825703792813</v>
      </c>
    </row>
    <row r="2402" spans="1:20" x14ac:dyDescent="0.2">
      <c r="A2402" s="53">
        <f t="shared" si="556"/>
        <v>2390</v>
      </c>
      <c r="B2402" s="239">
        <v>23.963999999999999</v>
      </c>
      <c r="C2402" s="3">
        <f t="shared" si="557"/>
        <v>23.956999999999997</v>
      </c>
      <c r="D2402" s="239">
        <v>11.9488</v>
      </c>
      <c r="E2402" s="239">
        <v>8.0799999999999997E-2</v>
      </c>
      <c r="F2402" s="239">
        <v>1.4200000000000001E-2</v>
      </c>
      <c r="G2402">
        <f t="shared" si="558"/>
        <v>11.951640000000001</v>
      </c>
      <c r="H2402" s="235">
        <f t="shared" si="559"/>
        <v>0.67605784645454503</v>
      </c>
      <c r="I2402" s="236">
        <f t="shared" si="560"/>
        <v>19.364138481277568</v>
      </c>
      <c r="J2402" s="237">
        <f t="shared" si="565"/>
        <v>9.3641384812775676</v>
      </c>
      <c r="K2402" s="237">
        <f t="shared" si="561"/>
        <v>463.90666559596662</v>
      </c>
      <c r="L2402" s="237">
        <f t="shared" si="566"/>
        <v>224.40221456533561</v>
      </c>
      <c r="M2402" s="236">
        <f t="shared" si="562"/>
        <v>51.192602339756924</v>
      </c>
      <c r="N2402" s="236">
        <f t="shared" si="563"/>
        <v>0.703358945128158</v>
      </c>
      <c r="O2402" s="236">
        <f t="shared" si="567"/>
        <v>2.0589458566929997</v>
      </c>
      <c r="P2402" s="236" t="str">
        <f t="shared" si="568"/>
        <v>SAND</v>
      </c>
      <c r="Q2402" s="236" t="e">
        <f t="shared" si="564"/>
        <v>#N/A</v>
      </c>
      <c r="R2402" s="238">
        <v>35</v>
      </c>
      <c r="S2402" s="236" t="e">
        <f t="shared" si="569"/>
        <v>#N/A</v>
      </c>
      <c r="T2402" s="236">
        <f t="shared" si="555"/>
        <v>36.401279278808701</v>
      </c>
    </row>
    <row r="2403" spans="1:20" x14ac:dyDescent="0.2">
      <c r="A2403" s="53">
        <f t="shared" si="556"/>
        <v>2391</v>
      </c>
      <c r="B2403" s="239">
        <v>23.975000000000001</v>
      </c>
      <c r="C2403" s="3">
        <f t="shared" si="557"/>
        <v>23.968</v>
      </c>
      <c r="D2403" s="239">
        <v>12.26</v>
      </c>
      <c r="E2403" s="239">
        <v>7.9899999999999999E-2</v>
      </c>
      <c r="F2403" s="239">
        <v>0.01</v>
      </c>
      <c r="G2403">
        <f t="shared" si="558"/>
        <v>12.262</v>
      </c>
      <c r="H2403" s="235">
        <f t="shared" si="559"/>
        <v>0.65160658946338279</v>
      </c>
      <c r="I2403" s="236">
        <f t="shared" si="560"/>
        <v>19.361024539142356</v>
      </c>
      <c r="J2403" s="237">
        <f t="shared" si="565"/>
        <v>9.3610245391423561</v>
      </c>
      <c r="K2403" s="237">
        <f t="shared" si="561"/>
        <v>464.04503615416399</v>
      </c>
      <c r="L2403" s="237">
        <f t="shared" si="566"/>
        <v>224.43056332593801</v>
      </c>
      <c r="M2403" s="236">
        <f t="shared" si="562"/>
        <v>52.568397053443192</v>
      </c>
      <c r="N2403" s="236">
        <f t="shared" si="563"/>
        <v>0.67723601458768934</v>
      </c>
      <c r="O2403" s="236">
        <f t="shared" si="567"/>
        <v>2.0405927073879866</v>
      </c>
      <c r="P2403" s="236" t="str">
        <f t="shared" si="568"/>
        <v>SAND</v>
      </c>
      <c r="Q2403" s="236" t="e">
        <f t="shared" si="564"/>
        <v>#N/A</v>
      </c>
      <c r="R2403" s="238">
        <v>35</v>
      </c>
      <c r="S2403" s="236" t="e">
        <f t="shared" si="569"/>
        <v>#N/A</v>
      </c>
      <c r="T2403" s="236">
        <f t="shared" si="555"/>
        <v>36.527972079026185</v>
      </c>
    </row>
    <row r="2404" spans="1:20" x14ac:dyDescent="0.2">
      <c r="A2404" s="53">
        <f t="shared" si="556"/>
        <v>2392</v>
      </c>
      <c r="B2404" s="239">
        <v>23.984000000000002</v>
      </c>
      <c r="C2404" s="3">
        <f t="shared" si="557"/>
        <v>23.977</v>
      </c>
      <c r="D2404" s="239">
        <v>12.5755</v>
      </c>
      <c r="E2404" s="239">
        <v>7.9500000000000001E-2</v>
      </c>
      <c r="F2404" s="239">
        <v>1.37E-2</v>
      </c>
      <c r="G2404">
        <f t="shared" si="558"/>
        <v>12.578239999999999</v>
      </c>
      <c r="H2404" s="235">
        <f t="shared" si="559"/>
        <v>0.63204391075380983</v>
      </c>
      <c r="I2404" s="236">
        <f t="shared" si="560"/>
        <v>19.365092191107369</v>
      </c>
      <c r="J2404" s="237">
        <f t="shared" si="565"/>
        <v>9.3650921911073688</v>
      </c>
      <c r="K2404" s="237">
        <f t="shared" si="561"/>
        <v>464.31681546618137</v>
      </c>
      <c r="L2404" s="237">
        <f t="shared" si="566"/>
        <v>224.61237111151914</v>
      </c>
      <c r="M2404" s="236">
        <f t="shared" si="562"/>
        <v>53.932573368896513</v>
      </c>
      <c r="N2404" s="236">
        <f t="shared" si="563"/>
        <v>0.65626963939725036</v>
      </c>
      <c r="O2404" s="236">
        <f t="shared" si="567"/>
        <v>2.0240309221088415</v>
      </c>
      <c r="P2404" s="236" t="str">
        <f t="shared" si="568"/>
        <v>SAND</v>
      </c>
      <c r="Q2404" s="236" t="e">
        <f t="shared" si="564"/>
        <v>#N/A</v>
      </c>
      <c r="R2404" s="238">
        <v>35</v>
      </c>
      <c r="S2404" s="236" t="e">
        <f t="shared" si="569"/>
        <v>#N/A</v>
      </c>
      <c r="T2404" s="236">
        <f t="shared" si="555"/>
        <v>36.650362572469461</v>
      </c>
    </row>
    <row r="2405" spans="1:20" x14ac:dyDescent="0.2">
      <c r="A2405" s="53">
        <f t="shared" si="556"/>
        <v>2393</v>
      </c>
      <c r="B2405" s="239">
        <v>23.992999999999999</v>
      </c>
      <c r="C2405" s="3">
        <f t="shared" si="557"/>
        <v>23.985999999999997</v>
      </c>
      <c r="D2405" s="239">
        <v>12.886200000000001</v>
      </c>
      <c r="E2405" s="239">
        <v>8.0299999999999996E-2</v>
      </c>
      <c r="F2405" s="239">
        <v>2.0299999999999999E-2</v>
      </c>
      <c r="G2405">
        <f t="shared" si="558"/>
        <v>12.890260000000001</v>
      </c>
      <c r="H2405" s="235">
        <f t="shared" si="559"/>
        <v>0.62295097228450003</v>
      </c>
      <c r="I2405" s="236">
        <f t="shared" si="560"/>
        <v>19.386410536185018</v>
      </c>
      <c r="J2405" s="237">
        <f t="shared" si="565"/>
        <v>9.3864105361850179</v>
      </c>
      <c r="K2405" s="237">
        <f t="shared" si="561"/>
        <v>465.00244312093378</v>
      </c>
      <c r="L2405" s="237">
        <f t="shared" si="566"/>
        <v>225.20814799468712</v>
      </c>
      <c r="M2405" s="236">
        <f t="shared" si="562"/>
        <v>55.172326878564768</v>
      </c>
      <c r="N2405" s="236">
        <f t="shared" si="563"/>
        <v>0.64626426963313144</v>
      </c>
      <c r="O2405" s="236">
        <f t="shared" si="567"/>
        <v>2.0121362604865523</v>
      </c>
      <c r="P2405" s="236" t="str">
        <f t="shared" si="568"/>
        <v>SAND</v>
      </c>
      <c r="Q2405" s="236" t="e">
        <f t="shared" si="564"/>
        <v>#N/A</v>
      </c>
      <c r="R2405" s="238">
        <v>35</v>
      </c>
      <c r="S2405" s="236" t="e">
        <f t="shared" si="569"/>
        <v>#N/A</v>
      </c>
      <c r="T2405" s="236">
        <f t="shared" si="555"/>
        <v>36.75893430661138</v>
      </c>
    </row>
    <row r="2406" spans="1:20" x14ac:dyDescent="0.2">
      <c r="A2406" s="53">
        <f t="shared" si="556"/>
        <v>2394</v>
      </c>
      <c r="B2406" s="239">
        <v>24.004000000000001</v>
      </c>
      <c r="C2406" s="3">
        <f t="shared" si="557"/>
        <v>23.997</v>
      </c>
      <c r="D2406" s="239">
        <v>13.141299999999999</v>
      </c>
      <c r="E2406" s="239">
        <v>8.09E-2</v>
      </c>
      <c r="F2406" s="239">
        <v>2.4799999999999999E-2</v>
      </c>
      <c r="G2406">
        <f t="shared" si="558"/>
        <v>13.14626</v>
      </c>
      <c r="H2406" s="235">
        <f t="shared" si="559"/>
        <v>0.61538414727838942</v>
      </c>
      <c r="I2406" s="236">
        <f t="shared" si="560"/>
        <v>19.402826058290511</v>
      </c>
      <c r="J2406" s="237">
        <f t="shared" si="565"/>
        <v>9.4028260582905112</v>
      </c>
      <c r="K2406" s="237">
        <f t="shared" si="561"/>
        <v>465.60961692079741</v>
      </c>
      <c r="L2406" s="237">
        <f t="shared" si="566"/>
        <v>225.70543670320544</v>
      </c>
      <c r="M2406" s="236">
        <f t="shared" si="562"/>
        <v>56.182299231691985</v>
      </c>
      <c r="N2406" s="236">
        <f t="shared" si="563"/>
        <v>0.63797989500563224</v>
      </c>
      <c r="O2406" s="236">
        <f t="shared" si="567"/>
        <v>2.0025002430945618</v>
      </c>
      <c r="P2406" s="236" t="str">
        <f t="shared" si="568"/>
        <v>SAND</v>
      </c>
      <c r="Q2406" s="236" t="e">
        <f t="shared" si="564"/>
        <v>#N/A</v>
      </c>
      <c r="R2406" s="238">
        <v>35</v>
      </c>
      <c r="S2406" s="236" t="e">
        <f t="shared" si="569"/>
        <v>#N/A</v>
      </c>
      <c r="T2406" s="236">
        <f t="shared" si="555"/>
        <v>36.845594593582405</v>
      </c>
    </row>
    <row r="2407" spans="1:20" x14ac:dyDescent="0.2">
      <c r="A2407" s="53">
        <f t="shared" si="556"/>
        <v>2395</v>
      </c>
      <c r="B2407" s="239">
        <v>24.013000000000002</v>
      </c>
      <c r="C2407" s="3">
        <f t="shared" si="557"/>
        <v>24.006</v>
      </c>
      <c r="D2407" s="239">
        <v>13.376799999999999</v>
      </c>
      <c r="E2407" s="239">
        <v>8.1900000000000001E-2</v>
      </c>
      <c r="F2407" s="239">
        <v>3.0800000000000001E-2</v>
      </c>
      <c r="G2407">
        <f t="shared" si="558"/>
        <v>13.382959999999999</v>
      </c>
      <c r="H2407" s="235">
        <f t="shared" si="559"/>
        <v>0.61197223932523159</v>
      </c>
      <c r="I2407" s="236">
        <f t="shared" si="560"/>
        <v>19.424206551055626</v>
      </c>
      <c r="J2407" s="237">
        <f t="shared" si="565"/>
        <v>9.4242065510556259</v>
      </c>
      <c r="K2407" s="237">
        <f t="shared" si="561"/>
        <v>466.29750246464135</v>
      </c>
      <c r="L2407" s="237">
        <f t="shared" si="566"/>
        <v>226.30347191049876</v>
      </c>
      <c r="M2407" s="236">
        <f t="shared" si="562"/>
        <v>57.07673147252374</v>
      </c>
      <c r="N2407" s="236">
        <f t="shared" si="563"/>
        <v>0.63406472078702558</v>
      </c>
      <c r="O2407" s="236">
        <f t="shared" si="567"/>
        <v>1.9952392108005115</v>
      </c>
      <c r="P2407" s="236" t="str">
        <f t="shared" si="568"/>
        <v>SAND</v>
      </c>
      <c r="Q2407" s="236" t="e">
        <f t="shared" si="564"/>
        <v>#N/A</v>
      </c>
      <c r="R2407" s="238">
        <v>35</v>
      </c>
      <c r="S2407" s="236" t="e">
        <f t="shared" si="569"/>
        <v>#N/A</v>
      </c>
      <c r="T2407" s="236">
        <f t="shared" si="555"/>
        <v>36.92105004571183</v>
      </c>
    </row>
    <row r="2408" spans="1:20" x14ac:dyDescent="0.2">
      <c r="A2408" s="53">
        <f t="shared" si="556"/>
        <v>2396</v>
      </c>
      <c r="B2408" s="239">
        <v>24.023</v>
      </c>
      <c r="C2408" s="3">
        <f t="shared" si="557"/>
        <v>24.015999999999998</v>
      </c>
      <c r="D2408" s="239">
        <v>13.554399999999999</v>
      </c>
      <c r="E2408" s="239">
        <v>8.3099999999999993E-2</v>
      </c>
      <c r="F2408" s="239">
        <v>3.7499999999999999E-2</v>
      </c>
      <c r="G2408">
        <f t="shared" si="558"/>
        <v>13.5619</v>
      </c>
      <c r="H2408" s="235">
        <f t="shared" si="559"/>
        <v>0.61274600166643323</v>
      </c>
      <c r="I2408" s="236">
        <f t="shared" si="560"/>
        <v>19.446454302565435</v>
      </c>
      <c r="J2408" s="237">
        <f t="shared" si="565"/>
        <v>9.4464543025654351</v>
      </c>
      <c r="K2408" s="237">
        <f t="shared" si="561"/>
        <v>467.02604653041146</v>
      </c>
      <c r="L2408" s="237">
        <f t="shared" si="566"/>
        <v>226.93217171052945</v>
      </c>
      <c r="M2408" s="236">
        <f t="shared" si="562"/>
        <v>57.703911502566378</v>
      </c>
      <c r="N2408" s="236">
        <f t="shared" si="563"/>
        <v>0.63459946460944749</v>
      </c>
      <c r="O2408" s="236">
        <f t="shared" si="567"/>
        <v>1.9913525871196081</v>
      </c>
      <c r="P2408" s="236" t="str">
        <f t="shared" si="568"/>
        <v>SAND</v>
      </c>
      <c r="Q2408" s="236" t="e">
        <f t="shared" si="564"/>
        <v>#N/A</v>
      </c>
      <c r="R2408" s="238">
        <v>35</v>
      </c>
      <c r="S2408" s="236" t="e">
        <f t="shared" si="569"/>
        <v>#N/A</v>
      </c>
      <c r="T2408" s="236">
        <f t="shared" si="555"/>
        <v>36.973257784408773</v>
      </c>
    </row>
    <row r="2409" spans="1:20" x14ac:dyDescent="0.2">
      <c r="A2409" s="53">
        <f t="shared" si="556"/>
        <v>2397</v>
      </c>
      <c r="B2409" s="239">
        <v>24.032</v>
      </c>
      <c r="C2409" s="3">
        <f t="shared" si="557"/>
        <v>24.024999999999999</v>
      </c>
      <c r="D2409" s="239">
        <v>13.6395</v>
      </c>
      <c r="E2409" s="239">
        <v>8.7400000000000005E-2</v>
      </c>
      <c r="F2409" s="239">
        <v>4.2200000000000001E-2</v>
      </c>
      <c r="G2409">
        <f t="shared" si="558"/>
        <v>13.64794</v>
      </c>
      <c r="H2409" s="235">
        <f t="shared" si="559"/>
        <v>0.64038968518325845</v>
      </c>
      <c r="I2409" s="236">
        <f t="shared" si="560"/>
        <v>19.508084316592868</v>
      </c>
      <c r="J2409" s="237">
        <f t="shared" si="565"/>
        <v>9.5080843165928677</v>
      </c>
      <c r="K2409" s="237">
        <f t="shared" si="561"/>
        <v>468.6817257061436</v>
      </c>
      <c r="L2409" s="237">
        <f t="shared" si="566"/>
        <v>228.4982822963598</v>
      </c>
      <c r="M2409" s="236">
        <f t="shared" si="562"/>
        <v>57.67771268057281</v>
      </c>
      <c r="N2409" s="236">
        <f t="shared" si="563"/>
        <v>0.66316326898664468</v>
      </c>
      <c r="O2409" s="236">
        <f t="shared" si="567"/>
        <v>2.0014061922448803</v>
      </c>
      <c r="P2409" s="236" t="str">
        <f t="shared" si="568"/>
        <v>SAND</v>
      </c>
      <c r="Q2409" s="236" t="e">
        <f t="shared" si="564"/>
        <v>#N/A</v>
      </c>
      <c r="R2409" s="238">
        <v>35</v>
      </c>
      <c r="S2409" s="236" t="e">
        <f t="shared" si="569"/>
        <v>#N/A</v>
      </c>
      <c r="T2409" s="236">
        <f t="shared" si="555"/>
        <v>36.971088322068418</v>
      </c>
    </row>
    <row r="2410" spans="1:20" x14ac:dyDescent="0.2">
      <c r="A2410" s="53">
        <f t="shared" si="556"/>
        <v>2398</v>
      </c>
      <c r="B2410" s="239">
        <v>24.042000000000002</v>
      </c>
      <c r="C2410" s="3">
        <f t="shared" si="557"/>
        <v>24.035</v>
      </c>
      <c r="D2410" s="239">
        <v>13.6075</v>
      </c>
      <c r="E2410" s="239">
        <v>9.1600000000000001E-2</v>
      </c>
      <c r="F2410" s="239">
        <v>4.41E-2</v>
      </c>
      <c r="G2410">
        <f t="shared" si="558"/>
        <v>13.61632</v>
      </c>
      <c r="H2410" s="235">
        <f t="shared" si="559"/>
        <v>0.67272214519047735</v>
      </c>
      <c r="I2410" s="236">
        <f t="shared" si="560"/>
        <v>19.562214607661446</v>
      </c>
      <c r="J2410" s="237">
        <f t="shared" si="565"/>
        <v>9.5622146076614456</v>
      </c>
      <c r="K2410" s="237">
        <f t="shared" si="561"/>
        <v>470.17782809514284</v>
      </c>
      <c r="L2410" s="237">
        <f t="shared" si="566"/>
        <v>229.89476359739649</v>
      </c>
      <c r="M2410" s="236">
        <f t="shared" si="562"/>
        <v>57.183304074411438</v>
      </c>
      <c r="N2410" s="236">
        <f t="shared" si="563"/>
        <v>0.69678236247712266</v>
      </c>
      <c r="O2410" s="236">
        <f t="shared" si="567"/>
        <v>2.0158427978400453</v>
      </c>
      <c r="P2410" s="236" t="str">
        <f t="shared" si="568"/>
        <v>SAND</v>
      </c>
      <c r="Q2410" s="236" t="e">
        <f t="shared" si="564"/>
        <v>#N/A</v>
      </c>
      <c r="R2410" s="238">
        <v>35</v>
      </c>
      <c r="S2410" s="236" t="e">
        <f t="shared" si="569"/>
        <v>#N/A</v>
      </c>
      <c r="T2410" s="236">
        <f t="shared" si="555"/>
        <v>36.929961700033374</v>
      </c>
    </row>
    <row r="2411" spans="1:20" x14ac:dyDescent="0.2">
      <c r="A2411" s="53">
        <f t="shared" si="556"/>
        <v>2399</v>
      </c>
      <c r="B2411" s="239">
        <v>24.052</v>
      </c>
      <c r="C2411" s="3">
        <f t="shared" si="557"/>
        <v>24.044999999999998</v>
      </c>
      <c r="D2411" s="239">
        <v>13.5463</v>
      </c>
      <c r="E2411" s="239">
        <v>9.7900000000000001E-2</v>
      </c>
      <c r="F2411" s="239">
        <v>4.7100000000000003E-2</v>
      </c>
      <c r="G2411">
        <f t="shared" si="558"/>
        <v>13.555720000000001</v>
      </c>
      <c r="H2411" s="235">
        <f t="shared" si="559"/>
        <v>0.72220435358653023</v>
      </c>
      <c r="I2411" s="236">
        <f t="shared" si="560"/>
        <v>19.63846665297547</v>
      </c>
      <c r="J2411" s="237">
        <f t="shared" si="565"/>
        <v>9.6384666529754703</v>
      </c>
      <c r="K2411" s="237">
        <f t="shared" si="561"/>
        <v>472.20693067079515</v>
      </c>
      <c r="L2411" s="237">
        <f t="shared" si="566"/>
        <v>231.824399937366</v>
      </c>
      <c r="M2411" s="236">
        <f t="shared" si="562"/>
        <v>56.437169999638058</v>
      </c>
      <c r="N2411" s="236">
        <f t="shared" si="563"/>
        <v>0.74826997520643246</v>
      </c>
      <c r="O2411" s="236">
        <f t="shared" si="567"/>
        <v>2.0371503799798654</v>
      </c>
      <c r="P2411" s="236" t="str">
        <f t="shared" si="568"/>
        <v>SAND</v>
      </c>
      <c r="Q2411" s="236" t="e">
        <f t="shared" si="564"/>
        <v>#N/A</v>
      </c>
      <c r="R2411" s="238">
        <v>35</v>
      </c>
      <c r="S2411" s="236" t="e">
        <f t="shared" si="569"/>
        <v>#N/A</v>
      </c>
      <c r="T2411" s="236">
        <f t="shared" si="555"/>
        <v>36.867217510761719</v>
      </c>
    </row>
    <row r="2412" spans="1:20" x14ac:dyDescent="0.2">
      <c r="A2412" s="53">
        <f t="shared" si="556"/>
        <v>2400</v>
      </c>
      <c r="B2412" s="239">
        <v>24.062000000000001</v>
      </c>
      <c r="C2412" s="3">
        <f t="shared" si="557"/>
        <v>24.055</v>
      </c>
      <c r="D2412" s="239">
        <v>13.450900000000001</v>
      </c>
      <c r="E2412" s="239">
        <v>0.1037</v>
      </c>
      <c r="F2412" s="239">
        <v>5.6000000000000001E-2</v>
      </c>
      <c r="G2412">
        <f t="shared" si="558"/>
        <v>13.462100000000001</v>
      </c>
      <c r="H2412" s="235">
        <f t="shared" si="559"/>
        <v>0.77031072418121982</v>
      </c>
      <c r="I2412" s="236">
        <f t="shared" si="560"/>
        <v>19.703247227690042</v>
      </c>
      <c r="J2412" s="237">
        <f t="shared" si="565"/>
        <v>9.7032472276900421</v>
      </c>
      <c r="K2412" s="237">
        <f t="shared" si="561"/>
        <v>473.96161206208393</v>
      </c>
      <c r="L2412" s="237">
        <f t="shared" si="566"/>
        <v>233.47953479267781</v>
      </c>
      <c r="M2412" s="236">
        <f t="shared" si="562"/>
        <v>55.628594598113111</v>
      </c>
      <c r="N2412" s="236">
        <f t="shared" si="563"/>
        <v>0.79842081214892335</v>
      </c>
      <c r="O2412" s="236">
        <f t="shared" si="567"/>
        <v>2.0576688285612668</v>
      </c>
      <c r="P2412" s="236" t="str">
        <f t="shared" si="568"/>
        <v>SAND</v>
      </c>
      <c r="Q2412" s="236" t="e">
        <f t="shared" si="564"/>
        <v>#N/A</v>
      </c>
      <c r="R2412" s="238">
        <v>35</v>
      </c>
      <c r="S2412" s="236" t="e">
        <f t="shared" si="569"/>
        <v>#N/A</v>
      </c>
      <c r="T2412" s="236">
        <f t="shared" si="555"/>
        <v>36.798278968607832</v>
      </c>
    </row>
    <row r="2413" spans="1:20" x14ac:dyDescent="0.2">
      <c r="A2413" s="53">
        <f t="shared" si="556"/>
        <v>2401</v>
      </c>
      <c r="B2413" s="239">
        <v>24.071999999999999</v>
      </c>
      <c r="C2413" s="3">
        <f t="shared" si="557"/>
        <v>24.064999999999998</v>
      </c>
      <c r="D2413" s="239">
        <v>13.3459</v>
      </c>
      <c r="E2413" s="239">
        <v>0.10730000000000001</v>
      </c>
      <c r="F2413" s="239">
        <v>5.8099999999999999E-2</v>
      </c>
      <c r="G2413">
        <f t="shared" si="558"/>
        <v>13.357520000000001</v>
      </c>
      <c r="H2413" s="235">
        <f t="shared" si="559"/>
        <v>0.80329282681216274</v>
      </c>
      <c r="I2413" s="236">
        <f t="shared" si="560"/>
        <v>19.740215553496373</v>
      </c>
      <c r="J2413" s="237">
        <f t="shared" si="565"/>
        <v>9.7402155534963732</v>
      </c>
      <c r="K2413" s="237">
        <f t="shared" si="561"/>
        <v>475.0482872948902</v>
      </c>
      <c r="L2413" s="237">
        <f t="shared" si="566"/>
        <v>234.46646880376468</v>
      </c>
      <c r="M2413" s="236">
        <f t="shared" si="562"/>
        <v>54.94376990633581</v>
      </c>
      <c r="N2413" s="236">
        <f t="shared" si="563"/>
        <v>0.83291469519919292</v>
      </c>
      <c r="O2413" s="236">
        <f t="shared" si="567"/>
        <v>2.0722335075027987</v>
      </c>
      <c r="P2413" s="236" t="str">
        <f t="shared" si="568"/>
        <v>SAND</v>
      </c>
      <c r="Q2413" s="236" t="e">
        <f t="shared" si="564"/>
        <v>#N/A</v>
      </c>
      <c r="R2413" s="238">
        <v>35</v>
      </c>
      <c r="S2413" s="236" t="e">
        <f t="shared" si="569"/>
        <v>#N/A</v>
      </c>
      <c r="T2413" s="236">
        <f t="shared" si="555"/>
        <v>36.73910300219562</v>
      </c>
    </row>
    <row r="2414" spans="1:20" x14ac:dyDescent="0.2">
      <c r="A2414" s="53">
        <f t="shared" si="556"/>
        <v>2402</v>
      </c>
      <c r="B2414" s="239">
        <v>24.081</v>
      </c>
      <c r="C2414" s="3">
        <f t="shared" si="557"/>
        <v>24.073999999999998</v>
      </c>
      <c r="D2414" s="239">
        <v>13.195600000000001</v>
      </c>
      <c r="E2414" s="239">
        <v>0.11</v>
      </c>
      <c r="F2414" s="239">
        <v>6.7500000000000004E-2</v>
      </c>
      <c r="G2414">
        <f t="shared" si="558"/>
        <v>13.209100000000001</v>
      </c>
      <c r="H2414" s="235">
        <f t="shared" si="559"/>
        <v>0.83275923416432607</v>
      </c>
      <c r="I2414" s="236">
        <f t="shared" si="560"/>
        <v>19.764989209540946</v>
      </c>
      <c r="J2414" s="237">
        <f t="shared" si="565"/>
        <v>9.7649892095409463</v>
      </c>
      <c r="K2414" s="237">
        <f t="shared" si="561"/>
        <v>475.82235023048872</v>
      </c>
      <c r="L2414" s="237">
        <f t="shared" si="566"/>
        <v>235.15070515495552</v>
      </c>
      <c r="M2414" s="236">
        <f t="shared" si="562"/>
        <v>54.149434259101028</v>
      </c>
      <c r="N2414" s="236">
        <f t="shared" si="563"/>
        <v>0.86387812333606917</v>
      </c>
      <c r="O2414" s="236">
        <f t="shared" si="567"/>
        <v>2.0862618224635443</v>
      </c>
      <c r="P2414" s="236" t="str">
        <f t="shared" si="568"/>
        <v>SAND</v>
      </c>
      <c r="Q2414" s="236" t="e">
        <f t="shared" si="564"/>
        <v>#N/A</v>
      </c>
      <c r="R2414" s="238">
        <v>35</v>
      </c>
      <c r="S2414" s="236" t="e">
        <f t="shared" si="569"/>
        <v>#N/A</v>
      </c>
      <c r="T2414" s="236">
        <f t="shared" si="555"/>
        <v>36.669533159332346</v>
      </c>
    </row>
    <row r="2415" spans="1:20" x14ac:dyDescent="0.2">
      <c r="A2415" s="53">
        <f t="shared" si="556"/>
        <v>2403</v>
      </c>
      <c r="B2415" s="239">
        <v>24.091000000000001</v>
      </c>
      <c r="C2415" s="3">
        <f t="shared" si="557"/>
        <v>24.084</v>
      </c>
      <c r="D2415" s="239">
        <v>13.0509</v>
      </c>
      <c r="E2415" s="239">
        <v>0.1129</v>
      </c>
      <c r="F2415" s="239">
        <v>7.1499999999999994E-2</v>
      </c>
      <c r="G2415">
        <f t="shared" si="558"/>
        <v>13.065200000000001</v>
      </c>
      <c r="H2415" s="235">
        <f t="shared" si="559"/>
        <v>0.86412760615987505</v>
      </c>
      <c r="I2415" s="236">
        <f t="shared" si="560"/>
        <v>19.791221153582367</v>
      </c>
      <c r="J2415" s="237">
        <f t="shared" si="565"/>
        <v>9.7912211535823666</v>
      </c>
      <c r="K2415" s="237">
        <f t="shared" si="561"/>
        <v>476.65177026287773</v>
      </c>
      <c r="L2415" s="237">
        <f t="shared" si="566"/>
        <v>235.88030881095281</v>
      </c>
      <c r="M2415" s="236">
        <f t="shared" si="562"/>
        <v>53.368372685259899</v>
      </c>
      <c r="N2415" s="236">
        <f t="shared" si="563"/>
        <v>0.89684686382901202</v>
      </c>
      <c r="O2415" s="236">
        <f t="shared" si="567"/>
        <v>2.100554067652209</v>
      </c>
      <c r="P2415" s="236" t="str">
        <f t="shared" si="568"/>
        <v>SAND</v>
      </c>
      <c r="Q2415" s="236" t="e">
        <f t="shared" si="564"/>
        <v>#N/A</v>
      </c>
      <c r="R2415" s="238">
        <v>35</v>
      </c>
      <c r="S2415" s="236" t="e">
        <f t="shared" si="569"/>
        <v>#N/A</v>
      </c>
      <c r="T2415" s="236">
        <f t="shared" si="555"/>
        <v>36.600123564913773</v>
      </c>
    </row>
    <row r="2416" spans="1:20" x14ac:dyDescent="0.2">
      <c r="A2416" s="53">
        <f t="shared" si="556"/>
        <v>2404</v>
      </c>
      <c r="B2416" s="239">
        <v>24.1</v>
      </c>
      <c r="C2416" s="3">
        <f t="shared" si="557"/>
        <v>24.093</v>
      </c>
      <c r="D2416" s="239">
        <v>12.8865</v>
      </c>
      <c r="E2416" s="239">
        <v>0.1179</v>
      </c>
      <c r="F2416" s="239">
        <v>7.8100000000000003E-2</v>
      </c>
      <c r="G2416">
        <f t="shared" si="558"/>
        <v>12.90212</v>
      </c>
      <c r="H2416" s="235">
        <f t="shared" si="559"/>
        <v>0.91380331294391937</v>
      </c>
      <c r="I2416" s="236">
        <f t="shared" si="560"/>
        <v>19.837125297314724</v>
      </c>
      <c r="J2416" s="237">
        <f t="shared" si="565"/>
        <v>9.8371252973147243</v>
      </c>
      <c r="K2416" s="237">
        <f t="shared" si="561"/>
        <v>477.93585978820363</v>
      </c>
      <c r="L2416" s="237">
        <f t="shared" si="566"/>
        <v>237.07471966528487</v>
      </c>
      <c r="M2416" s="236">
        <f t="shared" si="562"/>
        <v>52.406195640568271</v>
      </c>
      <c r="N2416" s="236">
        <f t="shared" si="563"/>
        <v>0.94895567120908875</v>
      </c>
      <c r="O2416" s="236">
        <f t="shared" si="567"/>
        <v>2.1208627888641667</v>
      </c>
      <c r="P2416" s="236" t="str">
        <f t="shared" si="568"/>
        <v>SAND</v>
      </c>
      <c r="Q2416" s="236" t="e">
        <f t="shared" si="564"/>
        <v>#N/A</v>
      </c>
      <c r="R2416" s="238">
        <v>35</v>
      </c>
      <c r="S2416" s="236" t="e">
        <f t="shared" si="569"/>
        <v>#N/A</v>
      </c>
      <c r="T2416" s="236">
        <f t="shared" si="555"/>
        <v>36.513208971858326</v>
      </c>
    </row>
    <row r="2417" spans="1:20" x14ac:dyDescent="0.2">
      <c r="A2417" s="53">
        <f t="shared" si="556"/>
        <v>2405</v>
      </c>
      <c r="B2417" s="239">
        <v>24.111000000000001</v>
      </c>
      <c r="C2417" s="3">
        <f t="shared" si="557"/>
        <v>24.103999999999999</v>
      </c>
      <c r="D2417" s="239">
        <v>12.702500000000001</v>
      </c>
      <c r="E2417" s="239">
        <v>0.12379999999999999</v>
      </c>
      <c r="F2417" s="239">
        <v>8.2900000000000001E-2</v>
      </c>
      <c r="G2417">
        <f t="shared" si="558"/>
        <v>12.71908</v>
      </c>
      <c r="H2417" s="235">
        <f t="shared" si="559"/>
        <v>0.97334083911729452</v>
      </c>
      <c r="I2417" s="236">
        <f t="shared" si="560"/>
        <v>19.888798924075811</v>
      </c>
      <c r="J2417" s="237">
        <f t="shared" si="565"/>
        <v>9.888798924075811</v>
      </c>
      <c r="K2417" s="237">
        <f t="shared" si="561"/>
        <v>479.39960926592335</v>
      </c>
      <c r="L2417" s="237">
        <f t="shared" si="566"/>
        <v>238.42883085839188</v>
      </c>
      <c r="M2417" s="236">
        <f t="shared" si="562"/>
        <v>51.334733080176413</v>
      </c>
      <c r="N2417" s="236">
        <f t="shared" si="563"/>
        <v>1.0114643197196678</v>
      </c>
      <c r="O2417" s="236">
        <f t="shared" si="567"/>
        <v>2.1439814030252262</v>
      </c>
      <c r="P2417" s="236" t="str">
        <f t="shared" si="568"/>
        <v>SAND</v>
      </c>
      <c r="Q2417" s="236" t="e">
        <f t="shared" si="564"/>
        <v>#N/A</v>
      </c>
      <c r="R2417" s="238">
        <v>35</v>
      </c>
      <c r="S2417" s="236" t="e">
        <f t="shared" si="569"/>
        <v>#N/A</v>
      </c>
      <c r="T2417" s="236">
        <f t="shared" si="555"/>
        <v>36.414524390293828</v>
      </c>
    </row>
    <row r="2418" spans="1:20" x14ac:dyDescent="0.2">
      <c r="A2418" s="53">
        <f t="shared" si="556"/>
        <v>2406</v>
      </c>
      <c r="B2418" s="239">
        <v>24.12</v>
      </c>
      <c r="C2418" s="3">
        <f t="shared" si="557"/>
        <v>24.113</v>
      </c>
      <c r="D2418" s="239">
        <v>12.5055</v>
      </c>
      <c r="E2418" s="239">
        <v>0.1298</v>
      </c>
      <c r="F2418" s="239">
        <v>8.4500000000000006E-2</v>
      </c>
      <c r="G2418">
        <f t="shared" si="558"/>
        <v>12.522399999999999</v>
      </c>
      <c r="H2418" s="235">
        <f t="shared" si="559"/>
        <v>1.0365425158116657</v>
      </c>
      <c r="I2418" s="236">
        <f t="shared" si="560"/>
        <v>19.93820353904724</v>
      </c>
      <c r="J2418" s="237">
        <f t="shared" si="565"/>
        <v>9.9382035390472403</v>
      </c>
      <c r="K2418" s="237">
        <f t="shared" si="561"/>
        <v>480.76990193704609</v>
      </c>
      <c r="L2418" s="237">
        <f t="shared" si="566"/>
        <v>239.70946936181946</v>
      </c>
      <c r="M2418" s="236">
        <f t="shared" si="562"/>
        <v>50.234269551893327</v>
      </c>
      <c r="N2418" s="236">
        <f t="shared" si="563"/>
        <v>1.0779271489237987</v>
      </c>
      <c r="O2418" s="236">
        <f t="shared" si="567"/>
        <v>2.167565663731978</v>
      </c>
      <c r="P2418" s="236" t="str">
        <f t="shared" si="568"/>
        <v>SAND</v>
      </c>
      <c r="Q2418" s="236" t="e">
        <f t="shared" si="564"/>
        <v>#N/A</v>
      </c>
      <c r="R2418" s="238">
        <v>35</v>
      </c>
      <c r="S2418" s="236" t="e">
        <f t="shared" si="569"/>
        <v>#N/A</v>
      </c>
      <c r="T2418" s="236">
        <f t="shared" si="555"/>
        <v>36.311001008018877</v>
      </c>
    </row>
    <row r="2419" spans="1:20" x14ac:dyDescent="0.2">
      <c r="A2419" s="53">
        <f t="shared" si="556"/>
        <v>2407</v>
      </c>
      <c r="B2419" s="239">
        <v>24.129000000000001</v>
      </c>
      <c r="C2419" s="3">
        <f t="shared" si="557"/>
        <v>24.122</v>
      </c>
      <c r="D2419" s="239">
        <v>12.2849</v>
      </c>
      <c r="E2419" s="239">
        <v>0.1341</v>
      </c>
      <c r="F2419" s="239">
        <v>9.5200000000000007E-2</v>
      </c>
      <c r="G2419">
        <f t="shared" si="558"/>
        <v>12.303940000000001</v>
      </c>
      <c r="H2419" s="235">
        <f t="shared" si="559"/>
        <v>1.0898947816715621</v>
      </c>
      <c r="I2419" s="236">
        <f t="shared" si="560"/>
        <v>19.969540538749925</v>
      </c>
      <c r="J2419" s="237">
        <f t="shared" si="565"/>
        <v>9.969540538749925</v>
      </c>
      <c r="K2419" s="237">
        <f t="shared" si="561"/>
        <v>481.70525687572569</v>
      </c>
      <c r="L2419" s="237">
        <f t="shared" si="566"/>
        <v>240.55504365949696</v>
      </c>
      <c r="M2419" s="236">
        <f t="shared" si="562"/>
        <v>49.145653166426719</v>
      </c>
      <c r="N2419" s="236">
        <f t="shared" si="563"/>
        <v>1.1343033099388555</v>
      </c>
      <c r="O2419" s="236">
        <f t="shared" si="567"/>
        <v>2.1881612693552546</v>
      </c>
      <c r="P2419" s="236" t="str">
        <f t="shared" si="568"/>
        <v>SAND</v>
      </c>
      <c r="Q2419" s="236" t="e">
        <f t="shared" si="564"/>
        <v>#N/A</v>
      </c>
      <c r="R2419" s="238">
        <v>35</v>
      </c>
      <c r="S2419" s="236" t="e">
        <f t="shared" si="569"/>
        <v>#N/A</v>
      </c>
      <c r="T2419" s="236">
        <f t="shared" si="555"/>
        <v>36.206336225385755</v>
      </c>
    </row>
    <row r="2420" spans="1:20" x14ac:dyDescent="0.2">
      <c r="A2420" s="53">
        <f t="shared" si="556"/>
        <v>2408</v>
      </c>
      <c r="B2420" s="239">
        <v>24.138999999999999</v>
      </c>
      <c r="C2420" s="3">
        <f t="shared" si="557"/>
        <v>24.131999999999998</v>
      </c>
      <c r="D2420" s="239">
        <v>12.0198</v>
      </c>
      <c r="E2420" s="239">
        <v>0.13719999999999999</v>
      </c>
      <c r="F2420" s="239">
        <v>9.6000000000000002E-2</v>
      </c>
      <c r="G2420">
        <f t="shared" si="558"/>
        <v>12.039</v>
      </c>
      <c r="H2420" s="235">
        <f t="shared" si="559"/>
        <v>1.139629537336988</v>
      </c>
      <c r="I2420" s="236">
        <f t="shared" si="560"/>
        <v>19.987830528091614</v>
      </c>
      <c r="J2420" s="237">
        <f t="shared" si="565"/>
        <v>9.9878305280916138</v>
      </c>
      <c r="K2420" s="237">
        <f t="shared" si="561"/>
        <v>482.34632630390678</v>
      </c>
      <c r="L2420" s="237">
        <f t="shared" si="566"/>
        <v>241.09624111760345</v>
      </c>
      <c r="M2420" s="236">
        <f t="shared" si="562"/>
        <v>47.933777897677452</v>
      </c>
      <c r="N2420" s="236">
        <f t="shared" si="563"/>
        <v>1.1871948738264833</v>
      </c>
      <c r="O2420" s="236">
        <f t="shared" si="567"/>
        <v>2.2085267743564119</v>
      </c>
      <c r="P2420" s="236" t="str">
        <f t="shared" si="568"/>
        <v>SAND</v>
      </c>
      <c r="Q2420" s="236" t="e">
        <f t="shared" si="564"/>
        <v>#N/A</v>
      </c>
      <c r="R2420" s="238">
        <v>35</v>
      </c>
      <c r="S2420" s="236" t="e">
        <f t="shared" si="569"/>
        <v>#N/A</v>
      </c>
      <c r="T2420" s="236">
        <f t="shared" si="555"/>
        <v>36.087058251561828</v>
      </c>
    </row>
    <row r="2421" spans="1:20" x14ac:dyDescent="0.2">
      <c r="A2421" s="53">
        <f t="shared" si="556"/>
        <v>2409</v>
      </c>
      <c r="B2421" s="239">
        <v>24.149000000000001</v>
      </c>
      <c r="C2421" s="3">
        <f t="shared" si="557"/>
        <v>24.141999999999999</v>
      </c>
      <c r="D2421" s="239">
        <v>11.7597</v>
      </c>
      <c r="E2421" s="239">
        <v>0.1399</v>
      </c>
      <c r="F2421" s="239">
        <v>0.10150000000000001</v>
      </c>
      <c r="G2421">
        <f t="shared" si="558"/>
        <v>11.780000000000001</v>
      </c>
      <c r="H2421" s="235">
        <f t="shared" si="559"/>
        <v>1.1876061120543293</v>
      </c>
      <c r="I2421" s="236">
        <f t="shared" si="560"/>
        <v>20.002181644916391</v>
      </c>
      <c r="J2421" s="237">
        <f t="shared" si="565"/>
        <v>10.002181644916391</v>
      </c>
      <c r="K2421" s="237">
        <f t="shared" si="561"/>
        <v>482.89266927157149</v>
      </c>
      <c r="L2421" s="237">
        <f t="shared" si="566"/>
        <v>241.54268454308593</v>
      </c>
      <c r="M2421" s="236">
        <f t="shared" si="562"/>
        <v>46.770645743623312</v>
      </c>
      <c r="N2421" s="236">
        <f t="shared" si="563"/>
        <v>1.2383701057656442</v>
      </c>
      <c r="O2421" s="236">
        <f t="shared" si="567"/>
        <v>2.2279300285470129</v>
      </c>
      <c r="P2421" s="236" t="str">
        <f t="shared" si="568"/>
        <v>SAND</v>
      </c>
      <c r="Q2421" s="236" t="e">
        <f t="shared" si="564"/>
        <v>#N/A</v>
      </c>
      <c r="R2421" s="238">
        <v>35</v>
      </c>
      <c r="S2421" s="236" t="e">
        <f t="shared" si="569"/>
        <v>#N/A</v>
      </c>
      <c r="T2421" s="236">
        <f t="shared" si="555"/>
        <v>35.96970702688364</v>
      </c>
    </row>
    <row r="2422" spans="1:20" x14ac:dyDescent="0.2">
      <c r="A2422" s="53">
        <f t="shared" si="556"/>
        <v>2410</v>
      </c>
      <c r="B2422" s="239">
        <v>24.158000000000001</v>
      </c>
      <c r="C2422" s="3">
        <f t="shared" si="557"/>
        <v>24.151</v>
      </c>
      <c r="D2422" s="239">
        <v>11.482699999999999</v>
      </c>
      <c r="E2422" s="239">
        <v>0.14249999999999999</v>
      </c>
      <c r="F2422" s="239">
        <v>0.10630000000000001</v>
      </c>
      <c r="G2422">
        <f t="shared" si="558"/>
        <v>11.503959999999999</v>
      </c>
      <c r="H2422" s="235">
        <f t="shared" si="559"/>
        <v>1.2387038897909937</v>
      </c>
      <c r="I2422" s="236">
        <f t="shared" si="560"/>
        <v>20.014505814787444</v>
      </c>
      <c r="J2422" s="237">
        <f t="shared" si="565"/>
        <v>10.014505814787444</v>
      </c>
      <c r="K2422" s="237">
        <f t="shared" si="561"/>
        <v>483.37032993293155</v>
      </c>
      <c r="L2422" s="237">
        <f t="shared" si="566"/>
        <v>241.93043147363508</v>
      </c>
      <c r="M2422" s="236">
        <f t="shared" si="562"/>
        <v>45.552721924806974</v>
      </c>
      <c r="N2422" s="236">
        <f t="shared" si="563"/>
        <v>1.2930342592016022</v>
      </c>
      <c r="O2422" s="236">
        <f t="shared" si="567"/>
        <v>2.2482583481073686</v>
      </c>
      <c r="P2422" s="236" t="str">
        <f t="shared" si="568"/>
        <v>SAND</v>
      </c>
      <c r="Q2422" s="236" t="e">
        <f t="shared" si="564"/>
        <v>#N/A</v>
      </c>
      <c r="R2422" s="238">
        <v>35</v>
      </c>
      <c r="S2422" s="236" t="e">
        <f t="shared" si="569"/>
        <v>#N/A</v>
      </c>
      <c r="T2422" s="236">
        <f t="shared" si="555"/>
        <v>35.843657658672726</v>
      </c>
    </row>
    <row r="2423" spans="1:20" x14ac:dyDescent="0.2">
      <c r="A2423" s="53">
        <f t="shared" si="556"/>
        <v>2411</v>
      </c>
      <c r="B2423" s="239">
        <v>24.169</v>
      </c>
      <c r="C2423" s="3">
        <f t="shared" si="557"/>
        <v>24.161999999999999</v>
      </c>
      <c r="D2423" s="239">
        <v>11.1854</v>
      </c>
      <c r="E2423" s="239">
        <v>0.14530000000000001</v>
      </c>
      <c r="F2423" s="239">
        <v>0.11070000000000001</v>
      </c>
      <c r="G2423">
        <f t="shared" si="558"/>
        <v>11.20754</v>
      </c>
      <c r="H2423" s="235">
        <f t="shared" si="559"/>
        <v>1.2964486408257301</v>
      </c>
      <c r="I2423" s="236">
        <f t="shared" si="560"/>
        <v>20.027119480781089</v>
      </c>
      <c r="J2423" s="237">
        <f t="shared" si="565"/>
        <v>10.027119480781089</v>
      </c>
      <c r="K2423" s="237">
        <f t="shared" si="561"/>
        <v>483.89526089463266</v>
      </c>
      <c r="L2423" s="237">
        <f t="shared" si="566"/>
        <v>242.34545073099812</v>
      </c>
      <c r="M2423" s="236">
        <f t="shared" si="562"/>
        <v>44.249416305357194</v>
      </c>
      <c r="N2423" s="236">
        <f t="shared" si="563"/>
        <v>1.354949772535283</v>
      </c>
      <c r="O2423" s="236">
        <f t="shared" si="567"/>
        <v>2.2704646239486377</v>
      </c>
      <c r="P2423" s="236" t="str">
        <f t="shared" si="568"/>
        <v>SAND</v>
      </c>
      <c r="Q2423" s="236" t="e">
        <f t="shared" si="564"/>
        <v>#N/A</v>
      </c>
      <c r="R2423" s="238">
        <v>35</v>
      </c>
      <c r="S2423" s="236" t="e">
        <f t="shared" si="569"/>
        <v>#N/A</v>
      </c>
      <c r="T2423" s="236">
        <f t="shared" si="555"/>
        <v>35.704983009160344</v>
      </c>
    </row>
    <row r="2424" spans="1:20" x14ac:dyDescent="0.2">
      <c r="A2424" s="53">
        <f t="shared" si="556"/>
        <v>2412</v>
      </c>
      <c r="B2424" s="239">
        <v>24.178000000000001</v>
      </c>
      <c r="C2424" s="3">
        <f t="shared" si="557"/>
        <v>24.170999999999999</v>
      </c>
      <c r="D2424" s="239">
        <v>10.8721</v>
      </c>
      <c r="E2424" s="239">
        <v>0.14530000000000001</v>
      </c>
      <c r="F2424" s="239">
        <v>0.11600000000000001</v>
      </c>
      <c r="G2424">
        <f t="shared" si="558"/>
        <v>10.895299999999999</v>
      </c>
      <c r="H2424" s="235">
        <f t="shared" si="559"/>
        <v>1.3336025625728527</v>
      </c>
      <c r="I2424" s="236">
        <f t="shared" si="560"/>
        <v>20.01607548665325</v>
      </c>
      <c r="J2424" s="237">
        <f t="shared" si="565"/>
        <v>10.01607548665325</v>
      </c>
      <c r="K2424" s="237">
        <f t="shared" si="561"/>
        <v>483.80856058789567</v>
      </c>
      <c r="L2424" s="237">
        <f t="shared" si="566"/>
        <v>242.16867311630227</v>
      </c>
      <c r="M2424" s="236">
        <f t="shared" si="562"/>
        <v>42.992726125281912</v>
      </c>
      <c r="N2424" s="236">
        <f t="shared" si="563"/>
        <v>1.3955733512873592</v>
      </c>
      <c r="O2424" s="236">
        <f t="shared" si="567"/>
        <v>2.2881581739052597</v>
      </c>
      <c r="P2424" s="236" t="str">
        <f t="shared" si="568"/>
        <v>SAND</v>
      </c>
      <c r="Q2424" s="236" t="e">
        <f t="shared" si="564"/>
        <v>#N/A</v>
      </c>
      <c r="R2424" s="238">
        <v>35</v>
      </c>
      <c r="S2424" s="236" t="e">
        <f t="shared" si="569"/>
        <v>#N/A</v>
      </c>
      <c r="T2424" s="236">
        <f t="shared" si="555"/>
        <v>35.567344825803907</v>
      </c>
    </row>
    <row r="2425" spans="1:20" x14ac:dyDescent="0.2">
      <c r="A2425" s="53">
        <f t="shared" si="556"/>
        <v>2413</v>
      </c>
      <c r="B2425" s="239">
        <v>24.187000000000001</v>
      </c>
      <c r="C2425" s="3">
        <f t="shared" si="557"/>
        <v>24.18</v>
      </c>
      <c r="D2425" s="239">
        <v>10.5343</v>
      </c>
      <c r="E2425" s="239">
        <v>0.14499999999999999</v>
      </c>
      <c r="F2425" s="239">
        <v>0.1212</v>
      </c>
      <c r="G2425">
        <f t="shared" si="558"/>
        <v>10.558540000000001</v>
      </c>
      <c r="H2425" s="235">
        <f t="shared" si="559"/>
        <v>1.3732959291720255</v>
      </c>
      <c r="I2425" s="236">
        <f t="shared" si="560"/>
        <v>20.001380143006855</v>
      </c>
      <c r="J2425" s="237">
        <f t="shared" si="565"/>
        <v>10.001380143006855</v>
      </c>
      <c r="K2425" s="237">
        <f t="shared" si="561"/>
        <v>483.63337185790579</v>
      </c>
      <c r="L2425" s="237">
        <f t="shared" si="566"/>
        <v>241.90338151890683</v>
      </c>
      <c r="M2425" s="236">
        <f t="shared" si="562"/>
        <v>41.648473720714208</v>
      </c>
      <c r="N2425" s="236">
        <f t="shared" si="563"/>
        <v>1.4392192935562653</v>
      </c>
      <c r="O2425" s="236">
        <f t="shared" si="567"/>
        <v>2.3072098902146476</v>
      </c>
      <c r="P2425" s="236" t="str">
        <f t="shared" si="568"/>
        <v>SAND</v>
      </c>
      <c r="Q2425" s="236" t="e">
        <f t="shared" si="564"/>
        <v>#N/A</v>
      </c>
      <c r="R2425" s="238">
        <v>35</v>
      </c>
      <c r="S2425" s="236" t="e">
        <f t="shared" si="569"/>
        <v>#N/A</v>
      </c>
      <c r="T2425" s="236">
        <f t="shared" si="555"/>
        <v>35.415589996304377</v>
      </c>
    </row>
    <row r="2426" spans="1:20" x14ac:dyDescent="0.2">
      <c r="A2426" s="53">
        <f t="shared" si="556"/>
        <v>2414</v>
      </c>
      <c r="B2426" s="239">
        <v>24.198</v>
      </c>
      <c r="C2426" s="3">
        <f t="shared" si="557"/>
        <v>24.190999999999999</v>
      </c>
      <c r="D2426" s="239">
        <v>10.1441</v>
      </c>
      <c r="E2426" s="239">
        <v>0.14369999999999999</v>
      </c>
      <c r="F2426" s="239">
        <v>0.1303</v>
      </c>
      <c r="G2426">
        <f t="shared" si="558"/>
        <v>10.170159999999999</v>
      </c>
      <c r="H2426" s="235">
        <f t="shared" si="559"/>
        <v>1.412957121618539</v>
      </c>
      <c r="I2426" s="236">
        <f t="shared" si="560"/>
        <v>19.976171335229395</v>
      </c>
      <c r="J2426" s="237">
        <f t="shared" si="565"/>
        <v>9.9761713352293953</v>
      </c>
      <c r="K2426" s="237">
        <f t="shared" si="561"/>
        <v>483.24356077053426</v>
      </c>
      <c r="L2426" s="237">
        <f t="shared" si="566"/>
        <v>241.40339396988091</v>
      </c>
      <c r="M2426" s="236">
        <f t="shared" si="562"/>
        <v>40.127507239761798</v>
      </c>
      <c r="N2426" s="236">
        <f t="shared" si="563"/>
        <v>1.4834441992092835</v>
      </c>
      <c r="O2426" s="236">
        <f t="shared" si="567"/>
        <v>2.3280192614235675</v>
      </c>
      <c r="P2426" s="236" t="str">
        <f t="shared" si="568"/>
        <v>SAND</v>
      </c>
      <c r="Q2426" s="236" t="e">
        <f t="shared" si="564"/>
        <v>#N/A</v>
      </c>
      <c r="R2426" s="238">
        <v>35</v>
      </c>
      <c r="S2426" s="236" t="e">
        <f t="shared" si="569"/>
        <v>#N/A</v>
      </c>
      <c r="T2426" s="236">
        <f t="shared" si="555"/>
        <v>35.237863999483039</v>
      </c>
    </row>
    <row r="2427" spans="1:20" x14ac:dyDescent="0.2">
      <c r="A2427" s="53">
        <f t="shared" si="556"/>
        <v>2415</v>
      </c>
      <c r="B2427" s="239">
        <v>24.207000000000001</v>
      </c>
      <c r="C2427" s="3">
        <f t="shared" si="557"/>
        <v>24.2</v>
      </c>
      <c r="D2427" s="239">
        <v>9.7347000000000001</v>
      </c>
      <c r="E2427" s="239">
        <v>0.14319999999999999</v>
      </c>
      <c r="F2427" s="239">
        <v>0.13500000000000001</v>
      </c>
      <c r="G2427">
        <f t="shared" si="558"/>
        <v>9.7616999999999994</v>
      </c>
      <c r="H2427" s="235">
        <f t="shared" si="559"/>
        <v>1.4669575995984305</v>
      </c>
      <c r="I2427" s="236">
        <f t="shared" si="560"/>
        <v>19.956062113877696</v>
      </c>
      <c r="J2427" s="237">
        <f t="shared" si="565"/>
        <v>9.9560621138776959</v>
      </c>
      <c r="K2427" s="237">
        <f t="shared" si="561"/>
        <v>482.93670315584023</v>
      </c>
      <c r="L2427" s="237">
        <f t="shared" si="566"/>
        <v>241.0063955906374</v>
      </c>
      <c r="M2427" s="236">
        <f t="shared" si="562"/>
        <v>38.500070813907563</v>
      </c>
      <c r="N2427" s="236">
        <f t="shared" si="563"/>
        <v>1.5433091180233509</v>
      </c>
      <c r="O2427" s="236">
        <f t="shared" si="567"/>
        <v>2.3527058645075596</v>
      </c>
      <c r="P2427" s="236" t="str">
        <f t="shared" si="568"/>
        <v>SAND</v>
      </c>
      <c r="Q2427" s="236" t="e">
        <f t="shared" si="564"/>
        <v>#N/A</v>
      </c>
      <c r="R2427" s="238">
        <v>35</v>
      </c>
      <c r="S2427" s="236" t="e">
        <f t="shared" si="569"/>
        <v>#N/A</v>
      </c>
      <c r="T2427" s="236">
        <f t="shared" si="555"/>
        <v>35.040076811468083</v>
      </c>
    </row>
    <row r="2428" spans="1:20" x14ac:dyDescent="0.2">
      <c r="A2428" s="53">
        <f t="shared" si="556"/>
        <v>2416</v>
      </c>
      <c r="B2428" s="239">
        <v>24.216999999999999</v>
      </c>
      <c r="C2428" s="3">
        <f t="shared" si="557"/>
        <v>24.209999999999997</v>
      </c>
      <c r="D2428" s="239">
        <v>9.3335000000000008</v>
      </c>
      <c r="E2428" s="239">
        <v>0.1434</v>
      </c>
      <c r="F2428" s="239">
        <v>0.1356</v>
      </c>
      <c r="G2428">
        <f t="shared" si="558"/>
        <v>9.3606200000000008</v>
      </c>
      <c r="H2428" s="235">
        <f t="shared" si="559"/>
        <v>1.5319498067435702</v>
      </c>
      <c r="I2428" s="236">
        <f t="shared" si="560"/>
        <v>19.941299916617716</v>
      </c>
      <c r="J2428" s="237">
        <f t="shared" si="565"/>
        <v>9.9412999166177158</v>
      </c>
      <c r="K2428" s="237">
        <f t="shared" si="561"/>
        <v>482.77887098131487</v>
      </c>
      <c r="L2428" s="237">
        <f t="shared" si="566"/>
        <v>240.74846008073121</v>
      </c>
      <c r="M2428" s="236">
        <f t="shared" si="562"/>
        <v>36.876003800986474</v>
      </c>
      <c r="N2428" s="236">
        <f t="shared" si="563"/>
        <v>1.6152575599857661</v>
      </c>
      <c r="O2428" s="236">
        <f t="shared" si="567"/>
        <v>2.379550074563503</v>
      </c>
      <c r="P2428" s="236" t="str">
        <f t="shared" si="568"/>
        <v>SAND</v>
      </c>
      <c r="Q2428" s="236" t="e">
        <f t="shared" si="564"/>
        <v>#N/A</v>
      </c>
      <c r="R2428" s="238">
        <v>35</v>
      </c>
      <c r="S2428" s="236" t="e">
        <f t="shared" si="569"/>
        <v>#N/A</v>
      </c>
      <c r="T2428" s="236">
        <f t="shared" si="555"/>
        <v>34.834182361757016</v>
      </c>
    </row>
    <row r="2429" spans="1:20" x14ac:dyDescent="0.2">
      <c r="A2429" s="53">
        <f t="shared" si="556"/>
        <v>2417</v>
      </c>
      <c r="B2429" s="239">
        <v>24.225999999999999</v>
      </c>
      <c r="C2429" s="3">
        <f t="shared" si="557"/>
        <v>24.218999999999998</v>
      </c>
      <c r="D2429" s="239">
        <v>8.8770000000000007</v>
      </c>
      <c r="E2429" s="239">
        <v>0.1434</v>
      </c>
      <c r="F2429" s="239">
        <v>0.1419</v>
      </c>
      <c r="G2429">
        <f t="shared" si="558"/>
        <v>8.905380000000001</v>
      </c>
      <c r="H2429" s="235">
        <f t="shared" si="559"/>
        <v>1.6102625603848459</v>
      </c>
      <c r="I2429" s="236">
        <f t="shared" si="560"/>
        <v>19.921812973290823</v>
      </c>
      <c r="J2429" s="237">
        <f t="shared" si="565"/>
        <v>9.9218129732908231</v>
      </c>
      <c r="K2429" s="237">
        <f t="shared" si="561"/>
        <v>482.48638840013041</v>
      </c>
      <c r="L2429" s="237">
        <f t="shared" si="566"/>
        <v>240.36584109094346</v>
      </c>
      <c r="M2429" s="236">
        <f t="shared" si="562"/>
        <v>35.041974239646777</v>
      </c>
      <c r="N2429" s="236">
        <f t="shared" si="563"/>
        <v>1.7025028050041124</v>
      </c>
      <c r="O2429" s="236">
        <f t="shared" si="567"/>
        <v>2.4109884069021392</v>
      </c>
      <c r="P2429" s="236" t="str">
        <f t="shared" si="568"/>
        <v>SAND</v>
      </c>
      <c r="Q2429" s="236" t="e">
        <f t="shared" si="564"/>
        <v>#N/A</v>
      </c>
      <c r="R2429" s="238">
        <v>35</v>
      </c>
      <c r="S2429" s="236" t="e">
        <f t="shared" si="569"/>
        <v>#N/A</v>
      </c>
      <c r="T2429" s="236">
        <f t="shared" si="555"/>
        <v>34.590474226267702</v>
      </c>
    </row>
    <row r="2430" spans="1:20" x14ac:dyDescent="0.2">
      <c r="A2430" s="53">
        <f t="shared" si="556"/>
        <v>2418</v>
      </c>
      <c r="B2430" s="239">
        <v>24.236000000000001</v>
      </c>
      <c r="C2430" s="3">
        <f t="shared" si="557"/>
        <v>24.228999999999999</v>
      </c>
      <c r="D2430" s="239">
        <v>8.3978000000000002</v>
      </c>
      <c r="E2430" s="239">
        <v>0.14369999999999999</v>
      </c>
      <c r="F2430" s="239">
        <v>0.1426</v>
      </c>
      <c r="G2430">
        <f t="shared" si="558"/>
        <v>8.4263200000000005</v>
      </c>
      <c r="H2430" s="235">
        <f t="shared" si="559"/>
        <v>1.705370790570498</v>
      </c>
      <c r="I2430" s="236">
        <f t="shared" si="560"/>
        <v>19.902650481525118</v>
      </c>
      <c r="J2430" s="237">
        <f t="shared" si="565"/>
        <v>9.902650481525118</v>
      </c>
      <c r="K2430" s="237">
        <f t="shared" si="561"/>
        <v>482.22131851687209</v>
      </c>
      <c r="L2430" s="237">
        <f t="shared" si="566"/>
        <v>240.00063707024276</v>
      </c>
      <c r="M2430" s="236">
        <f t="shared" si="562"/>
        <v>33.100323309383839</v>
      </c>
      <c r="N2430" s="236">
        <f t="shared" si="563"/>
        <v>1.8088899164224865</v>
      </c>
      <c r="O2430" s="236">
        <f t="shared" si="567"/>
        <v>2.4466100902080177</v>
      </c>
      <c r="P2430" s="236" t="str">
        <f t="shared" si="568"/>
        <v>SAND</v>
      </c>
      <c r="Q2430" s="236" t="e">
        <f t="shared" si="564"/>
        <v>#N/A</v>
      </c>
      <c r="R2430" s="238">
        <v>35</v>
      </c>
      <c r="S2430" s="236" t="e">
        <f t="shared" si="569"/>
        <v>#N/A</v>
      </c>
      <c r="T2430" s="236">
        <f t="shared" si="555"/>
        <v>34.318154593730839</v>
      </c>
    </row>
    <row r="2431" spans="1:20" x14ac:dyDescent="0.2">
      <c r="A2431" s="53">
        <f t="shared" si="556"/>
        <v>2419</v>
      </c>
      <c r="B2431" s="239">
        <v>24.247</v>
      </c>
      <c r="C2431" s="3">
        <f t="shared" si="557"/>
        <v>24.24</v>
      </c>
      <c r="D2431" s="239">
        <v>7.9236000000000004</v>
      </c>
      <c r="E2431" s="239">
        <v>0.14360000000000001</v>
      </c>
      <c r="F2431" s="239">
        <v>0.14729999999999999</v>
      </c>
      <c r="G2431">
        <f t="shared" si="558"/>
        <v>7.9530600000000007</v>
      </c>
      <c r="H2431" s="235">
        <f t="shared" si="559"/>
        <v>1.8055943247001782</v>
      </c>
      <c r="I2431" s="236">
        <f t="shared" si="560"/>
        <v>19.879240875137828</v>
      </c>
      <c r="J2431" s="237">
        <f t="shared" si="565"/>
        <v>9.8792408751378282</v>
      </c>
      <c r="K2431" s="237">
        <f t="shared" si="561"/>
        <v>481.87279881334092</v>
      </c>
      <c r="L2431" s="237">
        <f t="shared" si="566"/>
        <v>239.54195349946693</v>
      </c>
      <c r="M2431" s="236">
        <f t="shared" si="562"/>
        <v>31.189472624899864</v>
      </c>
      <c r="N2431" s="236">
        <f t="shared" si="563"/>
        <v>1.9220506210471044</v>
      </c>
      <c r="O2431" s="236">
        <f t="shared" si="567"/>
        <v>2.4831135491921197</v>
      </c>
      <c r="P2431" s="236" t="str">
        <f t="shared" si="568"/>
        <v>SAND</v>
      </c>
      <c r="Q2431" s="236" t="e">
        <f t="shared" si="564"/>
        <v>#N/A</v>
      </c>
      <c r="R2431" s="238">
        <v>35</v>
      </c>
      <c r="S2431" s="236" t="e">
        <f t="shared" si="569"/>
        <v>#N/A</v>
      </c>
      <c r="T2431" s="236">
        <f t="shared" si="555"/>
        <v>34.0340883458504</v>
      </c>
    </row>
    <row r="2432" spans="1:20" x14ac:dyDescent="0.2">
      <c r="A2432" s="53">
        <f t="shared" si="556"/>
        <v>2420</v>
      </c>
      <c r="B2432" s="239">
        <v>24.256</v>
      </c>
      <c r="C2432" s="3">
        <f t="shared" si="557"/>
        <v>24.248999999999999</v>
      </c>
      <c r="D2432" s="239">
        <v>7.4444999999999997</v>
      </c>
      <c r="E2432" s="239">
        <v>0.14219999999999999</v>
      </c>
      <c r="F2432" s="239">
        <v>0.15609999999999999</v>
      </c>
      <c r="G2432">
        <f t="shared" si="558"/>
        <v>7.4757199999999999</v>
      </c>
      <c r="H2432" s="235">
        <f t="shared" si="559"/>
        <v>1.9021579192372104</v>
      </c>
      <c r="I2432" s="236">
        <f t="shared" si="560"/>
        <v>19.843559688667732</v>
      </c>
      <c r="J2432" s="237">
        <f t="shared" si="565"/>
        <v>9.8435596886677317</v>
      </c>
      <c r="K2432" s="237">
        <f t="shared" si="561"/>
        <v>481.18647889050379</v>
      </c>
      <c r="L2432" s="237">
        <f t="shared" si="566"/>
        <v>238.76538380832451</v>
      </c>
      <c r="M2432" s="236">
        <f t="shared" si="562"/>
        <v>29.294587890196638</v>
      </c>
      <c r="N2432" s="236">
        <f t="shared" si="563"/>
        <v>2.0330162057389605</v>
      </c>
      <c r="O2432" s="236">
        <f t="shared" si="567"/>
        <v>2.5195386835775171</v>
      </c>
      <c r="P2432" s="236" t="str">
        <f t="shared" si="568"/>
        <v>SAND</v>
      </c>
      <c r="Q2432" s="236" t="e">
        <f t="shared" si="564"/>
        <v>#N/A</v>
      </c>
      <c r="R2432" s="238">
        <v>35</v>
      </c>
      <c r="S2432" s="236" t="e">
        <f t="shared" si="569"/>
        <v>#N/A</v>
      </c>
      <c r="T2432" s="236">
        <f t="shared" si="555"/>
        <v>33.734661321102436</v>
      </c>
    </row>
    <row r="2433" spans="1:20" x14ac:dyDescent="0.2">
      <c r="A2433" s="53">
        <f t="shared" si="556"/>
        <v>2421</v>
      </c>
      <c r="B2433" s="239">
        <v>24.265999999999998</v>
      </c>
      <c r="C2433" s="3">
        <f t="shared" si="557"/>
        <v>24.258999999999997</v>
      </c>
      <c r="D2433" s="239">
        <v>7.0842999999999998</v>
      </c>
      <c r="E2433" s="239">
        <v>0.1411</v>
      </c>
      <c r="F2433" s="239">
        <v>0.16159999999999999</v>
      </c>
      <c r="G2433">
        <f t="shared" si="558"/>
        <v>7.1166200000000002</v>
      </c>
      <c r="H2433" s="235">
        <f t="shared" si="559"/>
        <v>1.982682790425792</v>
      </c>
      <c r="I2433" s="236">
        <f t="shared" si="560"/>
        <v>19.815212390638663</v>
      </c>
      <c r="J2433" s="237">
        <f t="shared" si="565"/>
        <v>9.8152123906386635</v>
      </c>
      <c r="K2433" s="237">
        <f t="shared" si="561"/>
        <v>480.6972373845033</v>
      </c>
      <c r="L2433" s="237">
        <f t="shared" si="566"/>
        <v>238.17594387123779</v>
      </c>
      <c r="M2433" s="236">
        <f t="shared" si="562"/>
        <v>27.86143157347157</v>
      </c>
      <c r="N2433" s="236">
        <f t="shared" si="563"/>
        <v>2.1263056404891989</v>
      </c>
      <c r="O2433" s="236">
        <f t="shared" si="567"/>
        <v>2.5486773822298767</v>
      </c>
      <c r="P2433" s="236" t="str">
        <f t="shared" si="568"/>
        <v>SAND</v>
      </c>
      <c r="Q2433" s="236" t="e">
        <f t="shared" si="564"/>
        <v>#N/A</v>
      </c>
      <c r="R2433" s="238">
        <v>35</v>
      </c>
      <c r="S2433" s="236" t="e">
        <f t="shared" si="569"/>
        <v>#N/A</v>
      </c>
      <c r="T2433" s="236">
        <f t="shared" si="555"/>
        <v>33.495037702936806</v>
      </c>
    </row>
    <row r="2434" spans="1:20" x14ac:dyDescent="0.2">
      <c r="A2434" s="53">
        <f t="shared" si="556"/>
        <v>2422</v>
      </c>
      <c r="B2434" s="239">
        <v>24.274999999999999</v>
      </c>
      <c r="C2434" s="3">
        <f t="shared" si="557"/>
        <v>24.267999999999997</v>
      </c>
      <c r="D2434" s="239">
        <v>6.8127000000000004</v>
      </c>
      <c r="E2434" s="239">
        <v>0.13930000000000001</v>
      </c>
      <c r="F2434" s="239">
        <v>0.16769999999999999</v>
      </c>
      <c r="G2434">
        <f t="shared" si="558"/>
        <v>6.8462400000000008</v>
      </c>
      <c r="H2434" s="235">
        <f t="shared" si="559"/>
        <v>2.0346934959919603</v>
      </c>
      <c r="I2434" s="236">
        <f t="shared" si="560"/>
        <v>19.78501797635149</v>
      </c>
      <c r="J2434" s="237">
        <f t="shared" si="565"/>
        <v>9.7850179763514902</v>
      </c>
      <c r="K2434" s="237">
        <f t="shared" si="561"/>
        <v>480.14281625009789</v>
      </c>
      <c r="L2434" s="237">
        <f t="shared" si="566"/>
        <v>237.5313113759324</v>
      </c>
      <c r="M2434" s="236">
        <f t="shared" si="562"/>
        <v>26.801086336253608</v>
      </c>
      <c r="N2434" s="236">
        <f t="shared" si="563"/>
        <v>2.1881538402457497</v>
      </c>
      <c r="O2434" s="236">
        <f t="shared" si="567"/>
        <v>2.5696273145589488</v>
      </c>
      <c r="P2434" s="236" t="str">
        <f t="shared" si="568"/>
        <v>SAND</v>
      </c>
      <c r="Q2434" s="236" t="e">
        <f t="shared" si="564"/>
        <v>#N/A</v>
      </c>
      <c r="R2434" s="238">
        <v>35</v>
      </c>
      <c r="S2434" s="236" t="e">
        <f t="shared" si="569"/>
        <v>#N/A</v>
      </c>
      <c r="T2434" s="236">
        <f t="shared" si="555"/>
        <v>33.309676375475853</v>
      </c>
    </row>
    <row r="2435" spans="1:20" x14ac:dyDescent="0.2">
      <c r="A2435" s="53">
        <f t="shared" si="556"/>
        <v>2423</v>
      </c>
      <c r="B2435" s="239">
        <v>24.286000000000001</v>
      </c>
      <c r="C2435" s="3">
        <f t="shared" si="557"/>
        <v>24.279</v>
      </c>
      <c r="D2435" s="239">
        <v>6.6710000000000003</v>
      </c>
      <c r="E2435" s="239">
        <v>0.1389</v>
      </c>
      <c r="F2435" s="239">
        <v>0.17849999999999999</v>
      </c>
      <c r="G2435">
        <f t="shared" si="558"/>
        <v>6.7067000000000005</v>
      </c>
      <c r="H2435" s="235">
        <f t="shared" si="559"/>
        <v>2.0710632650931156</v>
      </c>
      <c r="I2435" s="236">
        <f t="shared" si="560"/>
        <v>19.773597110036178</v>
      </c>
      <c r="J2435" s="237">
        <f t="shared" si="565"/>
        <v>9.773597110036178</v>
      </c>
      <c r="K2435" s="237">
        <f t="shared" si="561"/>
        <v>480.08316423456836</v>
      </c>
      <c r="L2435" s="237">
        <f t="shared" si="566"/>
        <v>237.36157941433862</v>
      </c>
      <c r="M2435" s="236">
        <f t="shared" si="562"/>
        <v>26.232623034986819</v>
      </c>
      <c r="N2435" s="236">
        <f t="shared" si="563"/>
        <v>2.2307459036529127</v>
      </c>
      <c r="O2435" s="236">
        <f t="shared" si="567"/>
        <v>2.5821088329541571</v>
      </c>
      <c r="P2435" s="236" t="str">
        <f t="shared" si="568"/>
        <v>SAND</v>
      </c>
      <c r="Q2435" s="236" t="e">
        <f t="shared" si="564"/>
        <v>#N/A</v>
      </c>
      <c r="R2435" s="238">
        <v>35</v>
      </c>
      <c r="S2435" s="236" t="e">
        <f t="shared" si="569"/>
        <v>#N/A</v>
      </c>
      <c r="T2435" s="236">
        <f t="shared" si="555"/>
        <v>33.207258902910851</v>
      </c>
    </row>
    <row r="2436" spans="1:20" x14ac:dyDescent="0.2">
      <c r="A2436" s="53">
        <f t="shared" si="556"/>
        <v>2424</v>
      </c>
      <c r="B2436" s="239">
        <v>24.295999999999999</v>
      </c>
      <c r="C2436" s="3">
        <f t="shared" si="557"/>
        <v>24.288999999999998</v>
      </c>
      <c r="D2436" s="239">
        <v>6.5750000000000002</v>
      </c>
      <c r="E2436" s="239">
        <v>0.1404</v>
      </c>
      <c r="F2436" s="239">
        <v>0.18840000000000001</v>
      </c>
      <c r="G2436">
        <f t="shared" si="558"/>
        <v>6.6126800000000001</v>
      </c>
      <c r="H2436" s="235">
        <f t="shared" si="559"/>
        <v>2.1231936219505556</v>
      </c>
      <c r="I2436" s="236">
        <f t="shared" si="560"/>
        <v>19.780674001624135</v>
      </c>
      <c r="J2436" s="237">
        <f t="shared" si="565"/>
        <v>9.7806740016241349</v>
      </c>
      <c r="K2436" s="237">
        <f t="shared" si="561"/>
        <v>480.45279082544857</v>
      </c>
      <c r="L2436" s="237">
        <f t="shared" si="566"/>
        <v>237.63125554345999</v>
      </c>
      <c r="M2436" s="236">
        <f t="shared" si="562"/>
        <v>25.805642423384995</v>
      </c>
      <c r="N2436" s="236">
        <f t="shared" si="563"/>
        <v>2.2895433455228904</v>
      </c>
      <c r="O2436" s="236">
        <f t="shared" si="567"/>
        <v>2.5946377339895799</v>
      </c>
      <c r="P2436" s="236" t="str">
        <f t="shared" si="568"/>
        <v>SAND</v>
      </c>
      <c r="Q2436" s="236" t="e">
        <f t="shared" si="564"/>
        <v>#N/A</v>
      </c>
      <c r="R2436" s="238">
        <v>35</v>
      </c>
      <c r="S2436" s="236" t="e">
        <f t="shared" si="569"/>
        <v>#N/A</v>
      </c>
      <c r="T2436" s="236">
        <f t="shared" si="555"/>
        <v>33.128861426822056</v>
      </c>
    </row>
    <row r="2437" spans="1:20" x14ac:dyDescent="0.2">
      <c r="A2437" s="53">
        <f t="shared" si="556"/>
        <v>2425</v>
      </c>
      <c r="B2437" s="239">
        <v>24.305</v>
      </c>
      <c r="C2437" s="3">
        <f t="shared" si="557"/>
        <v>24.297999999999998</v>
      </c>
      <c r="D2437" s="239">
        <v>6.5423</v>
      </c>
      <c r="E2437" s="239">
        <v>0.14199999999999999</v>
      </c>
      <c r="F2437" s="239">
        <v>0.1915</v>
      </c>
      <c r="G2437">
        <f t="shared" si="558"/>
        <v>6.5805999999999996</v>
      </c>
      <c r="H2437" s="235">
        <f t="shared" si="559"/>
        <v>2.1578579460839435</v>
      </c>
      <c r="I2437" s="236">
        <f t="shared" si="560"/>
        <v>19.792060528032906</v>
      </c>
      <c r="J2437" s="237">
        <f t="shared" si="565"/>
        <v>9.7920605280329056</v>
      </c>
      <c r="K2437" s="237">
        <f t="shared" si="561"/>
        <v>480.90748671014353</v>
      </c>
      <c r="L2437" s="237">
        <f t="shared" si="566"/>
        <v>237.99603113383978</v>
      </c>
      <c r="M2437" s="236">
        <f t="shared" si="562"/>
        <v>25.629387533187998</v>
      </c>
      <c r="N2437" s="236">
        <f t="shared" si="563"/>
        <v>2.3279862007898595</v>
      </c>
      <c r="O2437" s="236">
        <f t="shared" si="567"/>
        <v>2.6014047913130098</v>
      </c>
      <c r="P2437" s="236" t="str">
        <f t="shared" si="568"/>
        <v>CLAY</v>
      </c>
      <c r="Q2437" s="236">
        <f t="shared" si="564"/>
        <v>508.30770944082133</v>
      </c>
      <c r="R2437" s="238">
        <v>35</v>
      </c>
      <c r="S2437" s="236">
        <f t="shared" si="569"/>
        <v>14.416598168660917</v>
      </c>
      <c r="T2437" s="236" t="e">
        <f t="shared" si="555"/>
        <v>#N/A</v>
      </c>
    </row>
    <row r="2438" spans="1:20" x14ac:dyDescent="0.2">
      <c r="A2438" s="53">
        <f t="shared" si="556"/>
        <v>2426</v>
      </c>
      <c r="B2438" s="239">
        <v>24.314</v>
      </c>
      <c r="C2438" s="3">
        <f t="shared" si="557"/>
        <v>24.306999999999999</v>
      </c>
      <c r="D2438" s="239">
        <v>6.5129999999999999</v>
      </c>
      <c r="E2438" s="239">
        <v>0.14319999999999999</v>
      </c>
      <c r="F2438" s="239">
        <v>0.1963</v>
      </c>
      <c r="G2438">
        <f t="shared" si="558"/>
        <v>6.5522599999999995</v>
      </c>
      <c r="H2438" s="235">
        <f t="shared" si="559"/>
        <v>2.1855054591850753</v>
      </c>
      <c r="I2438" s="236">
        <f t="shared" si="560"/>
        <v>19.800241212993043</v>
      </c>
      <c r="J2438" s="237">
        <f t="shared" si="565"/>
        <v>9.8002412129930434</v>
      </c>
      <c r="K2438" s="237">
        <f t="shared" si="561"/>
        <v>481.2844631642219</v>
      </c>
      <c r="L2438" s="237">
        <f t="shared" si="566"/>
        <v>238.28306485271287</v>
      </c>
      <c r="M2438" s="236">
        <f t="shared" si="562"/>
        <v>25.477998365466547</v>
      </c>
      <c r="N2438" s="236">
        <f t="shared" si="563"/>
        <v>2.3587642402959927</v>
      </c>
      <c r="O2438" s="236">
        <f t="shared" si="567"/>
        <v>2.6069249461601198</v>
      </c>
      <c r="P2438" s="236" t="str">
        <f t="shared" si="568"/>
        <v>CLAY</v>
      </c>
      <c r="Q2438" s="236">
        <f t="shared" si="564"/>
        <v>505.91462806964813</v>
      </c>
      <c r="R2438" s="238">
        <v>35</v>
      </c>
      <c r="S2438" s="236">
        <f t="shared" si="569"/>
        <v>14.310230871930642</v>
      </c>
      <c r="T2438" s="236" t="e">
        <f t="shared" si="555"/>
        <v>#N/A</v>
      </c>
    </row>
    <row r="2439" spans="1:20" x14ac:dyDescent="0.2">
      <c r="A2439" s="53">
        <f t="shared" si="556"/>
        <v>2427</v>
      </c>
      <c r="B2439" s="239">
        <v>24.324999999999999</v>
      </c>
      <c r="C2439" s="3">
        <f t="shared" si="557"/>
        <v>24.317999999999998</v>
      </c>
      <c r="D2439" s="239">
        <v>6.4222999999999999</v>
      </c>
      <c r="E2439" s="239">
        <v>0.14369999999999999</v>
      </c>
      <c r="F2439" s="239">
        <v>0.19520000000000001</v>
      </c>
      <c r="G2439">
        <f t="shared" si="558"/>
        <v>6.4613399999999999</v>
      </c>
      <c r="H2439" s="235">
        <f t="shared" si="559"/>
        <v>2.2239968799041687</v>
      </c>
      <c r="I2439" s="236">
        <f t="shared" si="560"/>
        <v>19.79886666339975</v>
      </c>
      <c r="J2439" s="237">
        <f t="shared" si="565"/>
        <v>9.7988666633997497</v>
      </c>
      <c r="K2439" s="237">
        <f t="shared" si="561"/>
        <v>481.46883952055509</v>
      </c>
      <c r="L2439" s="237">
        <f t="shared" si="566"/>
        <v>238.3574315871989</v>
      </c>
      <c r="M2439" s="236">
        <f t="shared" si="562"/>
        <v>25.087831835827672</v>
      </c>
      <c r="N2439" s="236">
        <f t="shared" si="563"/>
        <v>2.40306180758046</v>
      </c>
      <c r="O2439" s="236">
        <f t="shared" si="567"/>
        <v>2.6171685706383552</v>
      </c>
      <c r="P2439" s="236" t="str">
        <f t="shared" si="568"/>
        <v>CLAY</v>
      </c>
      <c r="Q2439" s="236">
        <f t="shared" si="564"/>
        <v>498.32259670662046</v>
      </c>
      <c r="R2439" s="238">
        <v>35</v>
      </c>
      <c r="S2439" s="236">
        <f t="shared" si="569"/>
        <v>14.036826149944154</v>
      </c>
      <c r="T2439" s="236" t="e">
        <f t="shared" si="555"/>
        <v>#N/A</v>
      </c>
    </row>
    <row r="2440" spans="1:20" x14ac:dyDescent="0.2">
      <c r="A2440" s="53">
        <f t="shared" si="556"/>
        <v>2428</v>
      </c>
      <c r="B2440" s="239">
        <v>24.334</v>
      </c>
      <c r="C2440" s="3">
        <f t="shared" si="557"/>
        <v>24.326999999999998</v>
      </c>
      <c r="D2440" s="239">
        <v>6.1786000000000003</v>
      </c>
      <c r="E2440" s="239">
        <v>0.14050000000000001</v>
      </c>
      <c r="F2440" s="239">
        <v>0.19040000000000001</v>
      </c>
      <c r="G2440">
        <f t="shared" si="558"/>
        <v>6.2166800000000002</v>
      </c>
      <c r="H2440" s="235">
        <f t="shared" si="559"/>
        <v>2.2600487720133575</v>
      </c>
      <c r="I2440" s="236">
        <f t="shared" si="560"/>
        <v>19.75737179143152</v>
      </c>
      <c r="J2440" s="237">
        <f t="shared" si="565"/>
        <v>9.7573717914315203</v>
      </c>
      <c r="K2440" s="237">
        <f t="shared" si="561"/>
        <v>480.63758357015456</v>
      </c>
      <c r="L2440" s="237">
        <f t="shared" si="566"/>
        <v>237.43588517269461</v>
      </c>
      <c r="M2440" s="236">
        <f t="shared" si="562"/>
        <v>24.158279243501212</v>
      </c>
      <c r="N2440" s="236">
        <f t="shared" si="563"/>
        <v>2.4494240070046103</v>
      </c>
      <c r="O2440" s="236">
        <f t="shared" si="567"/>
        <v>2.6352192305341169</v>
      </c>
      <c r="P2440" s="236" t="str">
        <f t="shared" si="568"/>
        <v>CLAY</v>
      </c>
      <c r="Q2440" s="236">
        <f t="shared" si="564"/>
        <v>478.00353470248712</v>
      </c>
      <c r="R2440" s="238">
        <v>35</v>
      </c>
      <c r="S2440" s="236">
        <f t="shared" si="569"/>
        <v>13.389751124169083</v>
      </c>
      <c r="T2440" s="236" t="e">
        <f t="shared" si="555"/>
        <v>#N/A</v>
      </c>
    </row>
    <row r="2441" spans="1:20" x14ac:dyDescent="0.2">
      <c r="A2441" s="53">
        <f t="shared" si="556"/>
        <v>2429</v>
      </c>
      <c r="B2441" s="239">
        <v>24.344000000000001</v>
      </c>
      <c r="C2441" s="3">
        <f t="shared" si="557"/>
        <v>24.337</v>
      </c>
      <c r="D2441" s="239">
        <v>5.9557000000000002</v>
      </c>
      <c r="E2441" s="239">
        <v>0.1384</v>
      </c>
      <c r="F2441" s="239">
        <v>0.18820000000000001</v>
      </c>
      <c r="G2441">
        <f t="shared" si="558"/>
        <v>5.9933399999999999</v>
      </c>
      <c r="H2441" s="235">
        <f t="shared" si="559"/>
        <v>2.3092299118688411</v>
      </c>
      <c r="I2441" s="236">
        <f t="shared" si="560"/>
        <v>19.725412521895599</v>
      </c>
      <c r="J2441" s="237">
        <f t="shared" si="565"/>
        <v>9.7254125218955991</v>
      </c>
      <c r="K2441" s="237">
        <f t="shared" si="561"/>
        <v>480.05736454537322</v>
      </c>
      <c r="L2441" s="237">
        <f t="shared" si="566"/>
        <v>236.75544243302647</v>
      </c>
      <c r="M2441" s="236">
        <f t="shared" si="562"/>
        <v>23.286825336715239</v>
      </c>
      <c r="N2441" s="236">
        <f t="shared" si="563"/>
        <v>2.5103011971485385</v>
      </c>
      <c r="O2441" s="236">
        <f t="shared" si="567"/>
        <v>2.6543656351389093</v>
      </c>
      <c r="P2441" s="236" t="str">
        <f t="shared" si="568"/>
        <v>CLAY</v>
      </c>
      <c r="Q2441" s="236">
        <f t="shared" si="564"/>
        <v>459.44021962121889</v>
      </c>
      <c r="R2441" s="238">
        <v>35</v>
      </c>
      <c r="S2441" s="236">
        <f t="shared" si="569"/>
        <v>12.788743173928555</v>
      </c>
      <c r="T2441" s="236" t="e">
        <f t="shared" si="555"/>
        <v>#N/A</v>
      </c>
    </row>
    <row r="2442" spans="1:20" x14ac:dyDescent="0.2">
      <c r="A2442" s="53">
        <f t="shared" si="556"/>
        <v>2430</v>
      </c>
      <c r="B2442" s="239">
        <v>24.353999999999999</v>
      </c>
      <c r="C2442" s="3">
        <f t="shared" si="557"/>
        <v>24.346999999999998</v>
      </c>
      <c r="D2442" s="239">
        <v>5.6592000000000002</v>
      </c>
      <c r="E2442" s="239">
        <v>0.13500000000000001</v>
      </c>
      <c r="F2442" s="239">
        <v>0.18709999999999999</v>
      </c>
      <c r="G2442">
        <f t="shared" si="558"/>
        <v>5.6966200000000002</v>
      </c>
      <c r="H2442" s="235">
        <f t="shared" si="559"/>
        <v>2.3698263180622896</v>
      </c>
      <c r="I2442" s="236">
        <f t="shared" si="560"/>
        <v>19.676399754569776</v>
      </c>
      <c r="J2442" s="237">
        <f t="shared" si="565"/>
        <v>9.6763997545697755</v>
      </c>
      <c r="K2442" s="237">
        <f t="shared" si="561"/>
        <v>479.06130482451027</v>
      </c>
      <c r="L2442" s="237">
        <f t="shared" si="566"/>
        <v>235.65903962279231</v>
      </c>
      <c r="M2442" s="236">
        <f t="shared" si="562"/>
        <v>22.140286676577212</v>
      </c>
      <c r="N2442" s="236">
        <f t="shared" si="563"/>
        <v>2.587416987274723</v>
      </c>
      <c r="O2442" s="236">
        <f t="shared" si="567"/>
        <v>2.6797572700231798</v>
      </c>
      <c r="P2442" s="236" t="str">
        <f t="shared" si="568"/>
        <v>CLAY</v>
      </c>
      <c r="Q2442" s="236">
        <f t="shared" si="564"/>
        <v>434.79655793129081</v>
      </c>
      <c r="R2442" s="238">
        <v>35</v>
      </c>
      <c r="S2442" s="236">
        <f t="shared" si="569"/>
        <v>12.00657280179332</v>
      </c>
      <c r="T2442" s="236" t="e">
        <f t="shared" si="555"/>
        <v>#N/A</v>
      </c>
    </row>
    <row r="2443" spans="1:20" x14ac:dyDescent="0.2">
      <c r="A2443" s="53">
        <f t="shared" si="556"/>
        <v>2431</v>
      </c>
      <c r="B2443" s="239">
        <v>24.364000000000001</v>
      </c>
      <c r="C2443" s="3">
        <f t="shared" si="557"/>
        <v>24.356999999999999</v>
      </c>
      <c r="D2443" s="239">
        <v>5.3182</v>
      </c>
      <c r="E2443" s="239">
        <v>0.13400000000000001</v>
      </c>
      <c r="F2443" s="239">
        <v>0.1772</v>
      </c>
      <c r="G2443">
        <f t="shared" si="558"/>
        <v>5.3536400000000004</v>
      </c>
      <c r="H2443" s="235">
        <f t="shared" si="559"/>
        <v>2.5029699419460405</v>
      </c>
      <c r="I2443" s="236">
        <f t="shared" si="560"/>
        <v>19.643410257700896</v>
      </c>
      <c r="J2443" s="237">
        <f t="shared" si="565"/>
        <v>9.6434102577008964</v>
      </c>
      <c r="K2443" s="237">
        <f t="shared" si="561"/>
        <v>478.4545436468207</v>
      </c>
      <c r="L2443" s="237">
        <f t="shared" si="566"/>
        <v>234.95204751862465</v>
      </c>
      <c r="M2443" s="236">
        <f t="shared" si="562"/>
        <v>20.749704068727997</v>
      </c>
      <c r="N2443" s="236">
        <f t="shared" si="563"/>
        <v>2.7486133850636523</v>
      </c>
      <c r="O2443" s="236">
        <f t="shared" si="567"/>
        <v>2.7180904795084673</v>
      </c>
      <c r="P2443" s="236" t="str">
        <f t="shared" si="568"/>
        <v>CLAY</v>
      </c>
      <c r="Q2443" s="236">
        <f t="shared" si="564"/>
        <v>406.26545469609829</v>
      </c>
      <c r="R2443" s="238">
        <v>35</v>
      </c>
      <c r="S2443" s="236">
        <f t="shared" si="569"/>
        <v>11.071459932510287</v>
      </c>
      <c r="T2443" s="236" t="e">
        <f t="shared" si="555"/>
        <v>#N/A</v>
      </c>
    </row>
    <row r="2444" spans="1:20" x14ac:dyDescent="0.2">
      <c r="A2444" s="53">
        <f t="shared" si="556"/>
        <v>2432</v>
      </c>
      <c r="B2444" s="239">
        <v>24.373999999999999</v>
      </c>
      <c r="C2444" s="3">
        <f t="shared" si="557"/>
        <v>24.366999999999997</v>
      </c>
      <c r="D2444" s="239">
        <v>5.0220000000000002</v>
      </c>
      <c r="E2444" s="239">
        <v>0.1323</v>
      </c>
      <c r="F2444" s="239">
        <v>0.17069999999999999</v>
      </c>
      <c r="G2444">
        <f t="shared" si="558"/>
        <v>5.0561400000000001</v>
      </c>
      <c r="H2444" s="235">
        <f t="shared" si="559"/>
        <v>2.6166205840819279</v>
      </c>
      <c r="I2444" s="236">
        <f t="shared" si="560"/>
        <v>19.606091815289098</v>
      </c>
      <c r="J2444" s="237">
        <f t="shared" si="565"/>
        <v>9.6060918152890977</v>
      </c>
      <c r="K2444" s="237">
        <f t="shared" si="561"/>
        <v>477.74163926314941</v>
      </c>
      <c r="L2444" s="237">
        <f t="shared" si="566"/>
        <v>234.13888190585646</v>
      </c>
      <c r="M2444" s="236">
        <f t="shared" si="562"/>
        <v>19.554199300301402</v>
      </c>
      <c r="N2444" s="236">
        <f t="shared" si="563"/>
        <v>2.8896568095640229</v>
      </c>
      <c r="O2444" s="236">
        <f t="shared" si="567"/>
        <v>2.7517701843865137</v>
      </c>
      <c r="P2444" s="236" t="str">
        <f t="shared" si="568"/>
        <v>CLAY</v>
      </c>
      <c r="Q2444" s="236">
        <f t="shared" si="564"/>
        <v>381.53319672807089</v>
      </c>
      <c r="R2444" s="238">
        <v>35</v>
      </c>
      <c r="S2444" s="236">
        <f t="shared" si="569"/>
        <v>10.279927583019269</v>
      </c>
      <c r="T2444" s="236" t="e">
        <f t="shared" si="555"/>
        <v>#N/A</v>
      </c>
    </row>
    <row r="2445" spans="1:20" x14ac:dyDescent="0.2">
      <c r="A2445" s="53">
        <f t="shared" si="556"/>
        <v>2433</v>
      </c>
      <c r="B2445" s="239">
        <v>24.382999999999999</v>
      </c>
      <c r="C2445" s="3">
        <f t="shared" si="557"/>
        <v>24.375999999999998</v>
      </c>
      <c r="D2445" s="239">
        <v>4.7298999999999998</v>
      </c>
      <c r="E2445" s="239">
        <v>0.1293</v>
      </c>
      <c r="F2445" s="239">
        <v>0.1759</v>
      </c>
      <c r="G2445">
        <f t="shared" si="558"/>
        <v>4.7650799999999993</v>
      </c>
      <c r="H2445" s="235">
        <f t="shared" si="559"/>
        <v>2.7134906444382887</v>
      </c>
      <c r="I2445" s="236">
        <f t="shared" si="560"/>
        <v>19.556022248248468</v>
      </c>
      <c r="J2445" s="237">
        <f t="shared" si="565"/>
        <v>9.5560222482484676</v>
      </c>
      <c r="K2445" s="237">
        <f t="shared" si="561"/>
        <v>476.69759832330459</v>
      </c>
      <c r="L2445" s="237">
        <f t="shared" si="566"/>
        <v>233.00449047904237</v>
      </c>
      <c r="M2445" s="236">
        <f t="shared" si="562"/>
        <v>18.404719981404881</v>
      </c>
      <c r="N2445" s="236">
        <f t="shared" si="563"/>
        <v>3.015122903905342</v>
      </c>
      <c r="O2445" s="236">
        <f t="shared" si="567"/>
        <v>2.7838776410440351</v>
      </c>
      <c r="P2445" s="236" t="str">
        <f t="shared" si="568"/>
        <v>CLAY</v>
      </c>
      <c r="Q2445" s="236">
        <f t="shared" si="564"/>
        <v>357.36520013972455</v>
      </c>
      <c r="R2445" s="238">
        <v>35</v>
      </c>
      <c r="S2445" s="236">
        <f t="shared" si="569"/>
        <v>9.5301892845817875</v>
      </c>
      <c r="T2445" s="236" t="e">
        <f t="shared" ref="T2445:T2508" si="570">IF(P2445="SAND",17.6+(11*LOG(M2445)),#N/A)</f>
        <v>#N/A</v>
      </c>
    </row>
    <row r="2446" spans="1:20" x14ac:dyDescent="0.2">
      <c r="A2446" s="53">
        <f t="shared" ref="A2446:A2509" si="571">$A2445+1</f>
        <v>2434</v>
      </c>
      <c r="B2446" s="239">
        <v>24.393000000000001</v>
      </c>
      <c r="C2446" s="3">
        <f t="shared" ref="C2446:C2509" si="572">MAX($B2446 - $B$13, 0.001)</f>
        <v>24.385999999999999</v>
      </c>
      <c r="D2446" s="239">
        <v>4.5327000000000002</v>
      </c>
      <c r="E2446" s="239">
        <v>0.1293</v>
      </c>
      <c r="F2446" s="239">
        <v>0.1908</v>
      </c>
      <c r="G2446">
        <f t="shared" si="558"/>
        <v>4.5708600000000006</v>
      </c>
      <c r="H2446" s="235">
        <f t="shared" si="559"/>
        <v>2.8287893306730023</v>
      </c>
      <c r="I2446" s="236">
        <f t="shared" si="560"/>
        <v>19.539757199172641</v>
      </c>
      <c r="J2446" s="237">
        <f t="shared" si="565"/>
        <v>9.5397571991726409</v>
      </c>
      <c r="K2446" s="237">
        <f t="shared" si="561"/>
        <v>476.49651905902402</v>
      </c>
      <c r="L2446" s="237">
        <f t="shared" si="566"/>
        <v>232.70329735941823</v>
      </c>
      <c r="M2446" s="236">
        <f t="shared" si="562"/>
        <v>17.594780681672471</v>
      </c>
      <c r="N2446" s="236">
        <f t="shared" si="563"/>
        <v>3.1580000310642662</v>
      </c>
      <c r="O2446" s="236">
        <f t="shared" si="567"/>
        <v>2.8116356543844909</v>
      </c>
      <c r="P2446" s="236" t="str">
        <f t="shared" si="568"/>
        <v>CLAY</v>
      </c>
      <c r="Q2446" s="236">
        <f t="shared" si="564"/>
        <v>341.19695674508137</v>
      </c>
      <c r="R2446" s="238">
        <v>35</v>
      </c>
      <c r="S2446" s="236">
        <f t="shared" si="569"/>
        <v>9.0088598531982438</v>
      </c>
      <c r="T2446" s="236" t="e">
        <f t="shared" si="570"/>
        <v>#N/A</v>
      </c>
    </row>
    <row r="2447" spans="1:20" x14ac:dyDescent="0.2">
      <c r="A2447" s="53">
        <f t="shared" si="571"/>
        <v>2435</v>
      </c>
      <c r="B2447" s="239">
        <v>24.402999999999999</v>
      </c>
      <c r="C2447" s="3">
        <f t="shared" si="572"/>
        <v>24.395999999999997</v>
      </c>
      <c r="D2447" s="239">
        <v>4.3806000000000003</v>
      </c>
      <c r="E2447" s="239">
        <v>0.1323</v>
      </c>
      <c r="F2447" s="239">
        <v>0.2296</v>
      </c>
      <c r="G2447">
        <f t="shared" ref="G2447:G2510" si="573">$D2447+($F2447*(1-$P$8))</f>
        <v>4.42652</v>
      </c>
      <c r="H2447" s="235">
        <f t="shared" ref="H2447:H2510" si="574">($E2447/$G2447)*100</f>
        <v>2.988803845910557</v>
      </c>
      <c r="I2447" s="236">
        <f t="shared" ref="I2447:I2510" si="575">((0.27*(LOG($H2447)))+(0.36*(LOG(($G2447*1000)/101)))+1.236)*10</f>
        <v>19.554110821407797</v>
      </c>
      <c r="J2447" s="237">
        <f t="shared" si="565"/>
        <v>9.5541108214077965</v>
      </c>
      <c r="K2447" s="237">
        <f t="shared" ref="K2447:K2510" si="576">$I2447*$C2447</f>
        <v>477.04208759906453</v>
      </c>
      <c r="L2447" s="237">
        <f t="shared" si="566"/>
        <v>233.14896637481445</v>
      </c>
      <c r="M2447" s="236">
        <f t="shared" ref="M2447:M2510" si="577">(($G2447*1000)-$K2447)/$L2447</f>
        <v>16.939718729233757</v>
      </c>
      <c r="N2447" s="236">
        <f t="shared" ref="N2447:N2510" si="578">(($E2447*1000)/(($G2447*1000)-$K2447))*100</f>
        <v>3.3498098466278852</v>
      </c>
      <c r="O2447" s="236">
        <f t="shared" si="567"/>
        <v>2.8403515246978239</v>
      </c>
      <c r="P2447" s="236" t="str">
        <f t="shared" si="568"/>
        <v>CLAY</v>
      </c>
      <c r="Q2447" s="236">
        <f t="shared" ref="Q2447:Q2510" si="579">IF(P2447="CLAY",($G2447*1000 -$K2447)/$L$8,#N/A)</f>
        <v>329.12315936674469</v>
      </c>
      <c r="R2447" s="238">
        <v>35</v>
      </c>
      <c r="S2447" s="236">
        <f t="shared" si="569"/>
        <v>8.5915743417665649</v>
      </c>
      <c r="T2447" s="236" t="e">
        <f t="shared" si="570"/>
        <v>#N/A</v>
      </c>
    </row>
    <row r="2448" spans="1:20" x14ac:dyDescent="0.2">
      <c r="A2448" s="53">
        <f t="shared" si="571"/>
        <v>2436</v>
      </c>
      <c r="B2448" s="239">
        <v>24.413</v>
      </c>
      <c r="C2448" s="3">
        <f t="shared" si="572"/>
        <v>24.405999999999999</v>
      </c>
      <c r="D2448" s="239">
        <v>4.2077999999999998</v>
      </c>
      <c r="E2448" s="239">
        <v>0.13869999999999999</v>
      </c>
      <c r="F2448" s="239">
        <v>0.2928</v>
      </c>
      <c r="G2448">
        <f t="shared" si="573"/>
        <v>4.2663599999999997</v>
      </c>
      <c r="H2448" s="235">
        <f t="shared" si="574"/>
        <v>3.2510149166971378</v>
      </c>
      <c r="I2448" s="236">
        <f t="shared" si="575"/>
        <v>19.595101248281786</v>
      </c>
      <c r="J2448" s="237">
        <f t="shared" ref="J2448:J2511" si="580">$I2448-10</f>
        <v>9.5951012482817859</v>
      </c>
      <c r="K2448" s="237">
        <f t="shared" si="576"/>
        <v>478.23804106556526</v>
      </c>
      <c r="L2448" s="237">
        <f t="shared" ref="L2448:L2511" si="581">$J2448*$B2448</f>
        <v>234.24520677430326</v>
      </c>
      <c r="M2448" s="236">
        <f t="shared" si="577"/>
        <v>16.171609276873333</v>
      </c>
      <c r="N2448" s="236">
        <f t="shared" si="578"/>
        <v>3.6614449456377871</v>
      </c>
      <c r="O2448" s="236">
        <f t="shared" ref="O2448:O2511" si="582">((3.47-LOG($M2448))^2+(LOG($N2448)+1.22)^2)^0.5</f>
        <v>2.8800439547383694</v>
      </c>
      <c r="P2448" s="236" t="str">
        <f t="shared" ref="P2448:P2511" si="583">IF(O2448&lt;2.6,"SAND","CLAY")</f>
        <v>CLAY</v>
      </c>
      <c r="Q2448" s="236">
        <f t="shared" si="579"/>
        <v>315.6768299112029</v>
      </c>
      <c r="R2448" s="238">
        <v>35</v>
      </c>
      <c r="S2448" s="236">
        <f t="shared" ref="S2448:S2511" si="584">IF(P2448="SAND",#N/A,0.25*($M2448)^1.25)</f>
        <v>8.1073992118441129</v>
      </c>
      <c r="T2448" s="236" t="e">
        <f t="shared" si="570"/>
        <v>#N/A</v>
      </c>
    </row>
    <row r="2449" spans="1:20" x14ac:dyDescent="0.2">
      <c r="A2449" s="53">
        <f t="shared" si="571"/>
        <v>2437</v>
      </c>
      <c r="B2449" s="239">
        <v>24.422000000000001</v>
      </c>
      <c r="C2449" s="3">
        <f t="shared" si="572"/>
        <v>24.414999999999999</v>
      </c>
      <c r="D2449" s="239">
        <v>4.0865</v>
      </c>
      <c r="E2449" s="239">
        <v>0.15429999999999999</v>
      </c>
      <c r="F2449" s="239">
        <v>0.34449999999999997</v>
      </c>
      <c r="G2449">
        <f t="shared" si="573"/>
        <v>4.1554000000000002</v>
      </c>
      <c r="H2449" s="235">
        <f t="shared" si="574"/>
        <v>3.7132406025894014</v>
      </c>
      <c r="I2449" s="236">
        <f t="shared" si="575"/>
        <v>19.709782606652752</v>
      </c>
      <c r="J2449" s="237">
        <f t="shared" si="580"/>
        <v>9.7097826066527517</v>
      </c>
      <c r="K2449" s="237">
        <f t="shared" si="576"/>
        <v>481.21434234142691</v>
      </c>
      <c r="L2449" s="237">
        <f t="shared" si="581"/>
        <v>237.13231081967351</v>
      </c>
      <c r="M2449" s="236">
        <f t="shared" si="577"/>
        <v>15.494243044983424</v>
      </c>
      <c r="N2449" s="236">
        <f t="shared" si="578"/>
        <v>4.1995700374686518</v>
      </c>
      <c r="O2449" s="236">
        <f t="shared" si="582"/>
        <v>2.9317276832310282</v>
      </c>
      <c r="P2449" s="236" t="str">
        <f t="shared" si="583"/>
        <v>CLAY</v>
      </c>
      <c r="Q2449" s="236">
        <f t="shared" si="579"/>
        <v>306.1821381382145</v>
      </c>
      <c r="R2449" s="238">
        <v>35</v>
      </c>
      <c r="S2449" s="236">
        <f t="shared" si="584"/>
        <v>7.6851608870820796</v>
      </c>
      <c r="T2449" s="236" t="e">
        <f t="shared" si="570"/>
        <v>#N/A</v>
      </c>
    </row>
    <row r="2450" spans="1:20" x14ac:dyDescent="0.2">
      <c r="A2450" s="53">
        <f t="shared" si="571"/>
        <v>2438</v>
      </c>
      <c r="B2450" s="239">
        <v>24.433</v>
      </c>
      <c r="C2450" s="3">
        <f t="shared" si="572"/>
        <v>24.425999999999998</v>
      </c>
      <c r="D2450" s="239">
        <v>4.1700999999999997</v>
      </c>
      <c r="E2450" s="239">
        <v>0.16800000000000001</v>
      </c>
      <c r="F2450" s="239">
        <v>0.35399999999999998</v>
      </c>
      <c r="G2450">
        <f t="shared" si="573"/>
        <v>4.2408999999999999</v>
      </c>
      <c r="H2450" s="235">
        <f t="shared" si="574"/>
        <v>3.9614232827937466</v>
      </c>
      <c r="I2450" s="236">
        <f t="shared" si="575"/>
        <v>19.817490343806114</v>
      </c>
      <c r="J2450" s="237">
        <f t="shared" si="580"/>
        <v>9.8174903438061136</v>
      </c>
      <c r="K2450" s="237">
        <f t="shared" si="576"/>
        <v>484.06201913780808</v>
      </c>
      <c r="L2450" s="237">
        <f t="shared" si="581"/>
        <v>239.87074157021476</v>
      </c>
      <c r="M2450" s="236">
        <f t="shared" si="577"/>
        <v>15.661926737165205</v>
      </c>
      <c r="N2450" s="236">
        <f t="shared" si="578"/>
        <v>4.4718457611377778</v>
      </c>
      <c r="O2450" s="236">
        <f t="shared" si="582"/>
        <v>2.9453438417816487</v>
      </c>
      <c r="P2450" s="236" t="str">
        <f t="shared" si="583"/>
        <v>CLAY</v>
      </c>
      <c r="Q2450" s="236">
        <f t="shared" si="579"/>
        <v>313.06983173851597</v>
      </c>
      <c r="R2450" s="238">
        <v>35</v>
      </c>
      <c r="S2450" s="236">
        <f t="shared" si="584"/>
        <v>7.7892652601493415</v>
      </c>
      <c r="T2450" s="236" t="e">
        <f t="shared" si="570"/>
        <v>#N/A</v>
      </c>
    </row>
    <row r="2451" spans="1:20" x14ac:dyDescent="0.2">
      <c r="A2451" s="53">
        <f t="shared" si="571"/>
        <v>2439</v>
      </c>
      <c r="B2451" s="239">
        <v>24.442</v>
      </c>
      <c r="C2451" s="3">
        <f t="shared" si="572"/>
        <v>24.434999999999999</v>
      </c>
      <c r="D2451" s="239">
        <v>4.3949999999999996</v>
      </c>
      <c r="E2451" s="239">
        <v>0.18129999999999999</v>
      </c>
      <c r="F2451" s="239">
        <v>0.38279999999999997</v>
      </c>
      <c r="G2451">
        <f t="shared" si="573"/>
        <v>4.4715599999999993</v>
      </c>
      <c r="H2451" s="235">
        <f t="shared" si="574"/>
        <v>4.0545134136632406</v>
      </c>
      <c r="I2451" s="236">
        <f t="shared" si="575"/>
        <v>19.927530281735191</v>
      </c>
      <c r="J2451" s="237">
        <f t="shared" si="580"/>
        <v>9.9275302817351907</v>
      </c>
      <c r="K2451" s="237">
        <f t="shared" si="576"/>
        <v>486.92920243419934</v>
      </c>
      <c r="L2451" s="237">
        <f t="shared" si="581"/>
        <v>242.64869514617152</v>
      </c>
      <c r="M2451" s="236">
        <f t="shared" si="577"/>
        <v>16.42139800160664</v>
      </c>
      <c r="N2451" s="236">
        <f t="shared" si="578"/>
        <v>4.5499824001449678</v>
      </c>
      <c r="O2451" s="236">
        <f t="shared" si="582"/>
        <v>2.9342965070275913</v>
      </c>
      <c r="P2451" s="236" t="str">
        <f t="shared" si="583"/>
        <v>CLAY</v>
      </c>
      <c r="Q2451" s="236">
        <f t="shared" si="579"/>
        <v>332.05256646381667</v>
      </c>
      <c r="R2451" s="238">
        <v>35</v>
      </c>
      <c r="S2451" s="236">
        <f t="shared" si="584"/>
        <v>8.2642351784114023</v>
      </c>
      <c r="T2451" s="236" t="e">
        <f t="shared" si="570"/>
        <v>#N/A</v>
      </c>
    </row>
    <row r="2452" spans="1:20" x14ac:dyDescent="0.2">
      <c r="A2452" s="53">
        <f t="shared" si="571"/>
        <v>2440</v>
      </c>
      <c r="B2452" s="239">
        <v>24.452000000000002</v>
      </c>
      <c r="C2452" s="3">
        <f t="shared" si="572"/>
        <v>24.445</v>
      </c>
      <c r="D2452" s="239">
        <v>4.7709999999999999</v>
      </c>
      <c r="E2452" s="239">
        <v>0.1933</v>
      </c>
      <c r="F2452" s="239">
        <v>0.4471</v>
      </c>
      <c r="G2452">
        <f t="shared" si="573"/>
        <v>4.8604199999999995</v>
      </c>
      <c r="H2452" s="235">
        <f t="shared" si="574"/>
        <v>3.97702256183622</v>
      </c>
      <c r="I2452" s="236">
        <f t="shared" si="575"/>
        <v>20.035275479595871</v>
      </c>
      <c r="J2452" s="237">
        <f t="shared" si="580"/>
        <v>10.035275479595871</v>
      </c>
      <c r="K2452" s="237">
        <f t="shared" si="576"/>
        <v>489.76230909872106</v>
      </c>
      <c r="L2452" s="237">
        <f t="shared" si="581"/>
        <v>245.38255602707827</v>
      </c>
      <c r="M2452" s="236">
        <f t="shared" si="577"/>
        <v>17.81160715604809</v>
      </c>
      <c r="N2452" s="236">
        <f t="shared" si="578"/>
        <v>4.4226753424869427</v>
      </c>
      <c r="O2452" s="236">
        <f t="shared" si="582"/>
        <v>2.8993205132050091</v>
      </c>
      <c r="P2452" s="236" t="str">
        <f t="shared" si="583"/>
        <v>CLAY</v>
      </c>
      <c r="Q2452" s="236">
        <f t="shared" si="579"/>
        <v>364.22147424177319</v>
      </c>
      <c r="R2452" s="238">
        <v>35</v>
      </c>
      <c r="S2452" s="236">
        <f t="shared" si="584"/>
        <v>9.1478470281429853</v>
      </c>
      <c r="T2452" s="236" t="e">
        <f t="shared" si="570"/>
        <v>#N/A</v>
      </c>
    </row>
    <row r="2453" spans="1:20" x14ac:dyDescent="0.2">
      <c r="A2453" s="53">
        <f t="shared" si="571"/>
        <v>2441</v>
      </c>
      <c r="B2453" s="239">
        <v>24.462</v>
      </c>
      <c r="C2453" s="3">
        <f t="shared" si="572"/>
        <v>24.454999999999998</v>
      </c>
      <c r="D2453" s="239">
        <v>5.2304000000000004</v>
      </c>
      <c r="E2453" s="239">
        <v>0.19239999999999999</v>
      </c>
      <c r="F2453" s="239">
        <v>0.49969999999999998</v>
      </c>
      <c r="G2453">
        <f t="shared" si="573"/>
        <v>5.3303400000000005</v>
      </c>
      <c r="H2453" s="235">
        <f t="shared" si="574"/>
        <v>3.6095258463812807</v>
      </c>
      <c r="I2453" s="236">
        <f t="shared" si="575"/>
        <v>20.065876157735204</v>
      </c>
      <c r="J2453" s="237">
        <f t="shared" si="580"/>
        <v>10.065876157735204</v>
      </c>
      <c r="K2453" s="237">
        <f t="shared" si="576"/>
        <v>490.71100143741438</v>
      </c>
      <c r="L2453" s="237">
        <f t="shared" si="581"/>
        <v>246.23146257051854</v>
      </c>
      <c r="M2453" s="236">
        <f t="shared" si="577"/>
        <v>19.65479532160338</v>
      </c>
      <c r="N2453" s="236">
        <f t="shared" si="578"/>
        <v>3.9755113471950958</v>
      </c>
      <c r="O2453" s="236">
        <f t="shared" si="582"/>
        <v>2.8368080897513606</v>
      </c>
      <c r="P2453" s="236" t="str">
        <f t="shared" si="583"/>
        <v>CLAY</v>
      </c>
      <c r="Q2453" s="236">
        <f t="shared" si="579"/>
        <v>403.30241654688211</v>
      </c>
      <c r="R2453" s="238">
        <v>35</v>
      </c>
      <c r="S2453" s="236">
        <f t="shared" si="584"/>
        <v>10.346076031804788</v>
      </c>
      <c r="T2453" s="236" t="e">
        <f t="shared" si="570"/>
        <v>#N/A</v>
      </c>
    </row>
    <row r="2454" spans="1:20" x14ac:dyDescent="0.2">
      <c r="A2454" s="53">
        <f t="shared" si="571"/>
        <v>2442</v>
      </c>
      <c r="B2454" s="239">
        <v>24.471</v>
      </c>
      <c r="C2454" s="3">
        <f t="shared" si="572"/>
        <v>24.463999999999999</v>
      </c>
      <c r="D2454" s="239">
        <v>5.6970000000000001</v>
      </c>
      <c r="E2454" s="239">
        <v>0.18459999999999999</v>
      </c>
      <c r="F2454" s="239">
        <v>0.46550000000000002</v>
      </c>
      <c r="G2454">
        <f t="shared" si="573"/>
        <v>5.7900999999999998</v>
      </c>
      <c r="H2454" s="235">
        <f t="shared" si="574"/>
        <v>3.1882005492133123</v>
      </c>
      <c r="I2454" s="236">
        <f t="shared" si="575"/>
        <v>20.049686093433024</v>
      </c>
      <c r="J2454" s="237">
        <f t="shared" si="580"/>
        <v>10.049686093433024</v>
      </c>
      <c r="K2454" s="237">
        <f t="shared" si="576"/>
        <v>490.49552058974547</v>
      </c>
      <c r="L2454" s="237">
        <f t="shared" si="581"/>
        <v>245.92586839239954</v>
      </c>
      <c r="M2454" s="236">
        <f t="shared" si="577"/>
        <v>21.549601569177749</v>
      </c>
      <c r="N2454" s="236">
        <f t="shared" si="578"/>
        <v>3.483278812922705</v>
      </c>
      <c r="O2454" s="236">
        <f t="shared" si="582"/>
        <v>2.7693852046550678</v>
      </c>
      <c r="P2454" s="236" t="str">
        <f t="shared" si="583"/>
        <v>CLAY</v>
      </c>
      <c r="Q2454" s="236">
        <f t="shared" si="579"/>
        <v>441.63370661752111</v>
      </c>
      <c r="R2454" s="238">
        <v>35</v>
      </c>
      <c r="S2454" s="236">
        <f t="shared" si="584"/>
        <v>11.60750995465618</v>
      </c>
      <c r="T2454" s="236" t="e">
        <f t="shared" si="570"/>
        <v>#N/A</v>
      </c>
    </row>
    <row r="2455" spans="1:20" x14ac:dyDescent="0.2">
      <c r="A2455" s="53">
        <f t="shared" si="571"/>
        <v>2443</v>
      </c>
      <c r="B2455" s="239">
        <v>24.481000000000002</v>
      </c>
      <c r="C2455" s="3">
        <f t="shared" si="572"/>
        <v>24.474</v>
      </c>
      <c r="D2455" s="239">
        <v>6.2184999999999997</v>
      </c>
      <c r="E2455" s="239">
        <v>0.1731</v>
      </c>
      <c r="F2455" s="239">
        <v>0.32879999999999998</v>
      </c>
      <c r="G2455">
        <f t="shared" si="573"/>
        <v>6.2842599999999997</v>
      </c>
      <c r="H2455" s="235">
        <f t="shared" si="574"/>
        <v>2.7545009277146395</v>
      </c>
      <c r="I2455" s="236">
        <f t="shared" si="575"/>
        <v>20.006273868052311</v>
      </c>
      <c r="J2455" s="237">
        <f t="shared" si="580"/>
        <v>10.006273868052311</v>
      </c>
      <c r="K2455" s="237">
        <f t="shared" si="576"/>
        <v>489.63354664671226</v>
      </c>
      <c r="L2455" s="237">
        <f t="shared" si="581"/>
        <v>244.96359056378864</v>
      </c>
      <c r="M2455" s="236">
        <f t="shared" si="577"/>
        <v>23.655051920233685</v>
      </c>
      <c r="N2455" s="236">
        <f t="shared" si="578"/>
        <v>2.9872503671022477</v>
      </c>
      <c r="O2455" s="236">
        <f t="shared" si="582"/>
        <v>2.6958265652273856</v>
      </c>
      <c r="P2455" s="236" t="str">
        <f t="shared" si="583"/>
        <v>CLAY</v>
      </c>
      <c r="Q2455" s="236">
        <f t="shared" si="579"/>
        <v>482.88553777944054</v>
      </c>
      <c r="R2455" s="238">
        <v>35</v>
      </c>
      <c r="S2455" s="236">
        <f t="shared" si="584"/>
        <v>13.042020865629851</v>
      </c>
      <c r="T2455" s="236" t="e">
        <f t="shared" si="570"/>
        <v>#N/A</v>
      </c>
    </row>
    <row r="2456" spans="1:20" x14ac:dyDescent="0.2">
      <c r="A2456" s="53">
        <f t="shared" si="571"/>
        <v>2444</v>
      </c>
      <c r="B2456" s="239">
        <v>24.49</v>
      </c>
      <c r="C2456" s="3">
        <f t="shared" si="572"/>
        <v>24.482999999999997</v>
      </c>
      <c r="D2456" s="239">
        <v>6.7984999999999998</v>
      </c>
      <c r="E2456" s="239">
        <v>0.16470000000000001</v>
      </c>
      <c r="F2456" s="239">
        <v>0.23089999999999999</v>
      </c>
      <c r="G2456">
        <f t="shared" si="573"/>
        <v>6.8446799999999994</v>
      </c>
      <c r="H2456" s="235">
        <f t="shared" si="574"/>
        <v>2.406248356387735</v>
      </c>
      <c r="I2456" s="236">
        <f t="shared" si="575"/>
        <v>19.981333606210505</v>
      </c>
      <c r="J2456" s="237">
        <f t="shared" si="580"/>
        <v>9.9813336062105051</v>
      </c>
      <c r="K2456" s="237">
        <f t="shared" si="576"/>
        <v>489.20299068085171</v>
      </c>
      <c r="L2456" s="237">
        <f t="shared" si="581"/>
        <v>244.44286001609527</v>
      </c>
      <c r="M2456" s="236">
        <f t="shared" si="577"/>
        <v>25.999847199057779</v>
      </c>
      <c r="N2456" s="236">
        <f t="shared" si="578"/>
        <v>2.5914655935108808</v>
      </c>
      <c r="O2456" s="236">
        <f t="shared" si="582"/>
        <v>2.6251887091632509</v>
      </c>
      <c r="P2456" s="236" t="str">
        <f t="shared" si="583"/>
        <v>CLAY</v>
      </c>
      <c r="Q2456" s="236">
        <f t="shared" si="579"/>
        <v>529.62308410992898</v>
      </c>
      <c r="R2456" s="238">
        <v>35</v>
      </c>
      <c r="S2456" s="236">
        <f t="shared" si="584"/>
        <v>14.677547793394018</v>
      </c>
      <c r="T2456" s="236" t="e">
        <f t="shared" si="570"/>
        <v>#N/A</v>
      </c>
    </row>
    <row r="2457" spans="1:20" x14ac:dyDescent="0.2">
      <c r="A2457" s="53">
        <f t="shared" si="571"/>
        <v>2445</v>
      </c>
      <c r="B2457" s="239">
        <v>24.501000000000001</v>
      </c>
      <c r="C2457" s="3">
        <f t="shared" si="572"/>
        <v>24.494</v>
      </c>
      <c r="D2457" s="239">
        <v>7.3667999999999996</v>
      </c>
      <c r="E2457" s="239">
        <v>0.15670000000000001</v>
      </c>
      <c r="F2457" s="239">
        <v>0.2135</v>
      </c>
      <c r="G2457">
        <f t="shared" si="573"/>
        <v>7.4094999999999995</v>
      </c>
      <c r="H2457" s="235">
        <f t="shared" si="574"/>
        <v>2.114852554153452</v>
      </c>
      <c r="I2457" s="236">
        <f t="shared" si="575"/>
        <v>19.953939356980399</v>
      </c>
      <c r="J2457" s="237">
        <f t="shared" si="580"/>
        <v>9.9539393569803991</v>
      </c>
      <c r="K2457" s="237">
        <f t="shared" si="576"/>
        <v>488.7517906098779</v>
      </c>
      <c r="L2457" s="237">
        <f t="shared" si="581"/>
        <v>243.88146818537678</v>
      </c>
      <c r="M2457" s="236">
        <f t="shared" si="577"/>
        <v>28.377507569085118</v>
      </c>
      <c r="N2457" s="236">
        <f t="shared" si="578"/>
        <v>2.2642060548798515</v>
      </c>
      <c r="O2457" s="236">
        <f t="shared" si="582"/>
        <v>2.5590531696276626</v>
      </c>
      <c r="P2457" s="236" t="str">
        <f t="shared" si="583"/>
        <v>SAND</v>
      </c>
      <c r="Q2457" s="236" t="e">
        <f t="shared" si="579"/>
        <v>#N/A</v>
      </c>
      <c r="R2457" s="238">
        <v>35</v>
      </c>
      <c r="S2457" s="236" t="e">
        <f t="shared" si="584"/>
        <v>#N/A</v>
      </c>
      <c r="T2457" s="236">
        <f t="shared" si="570"/>
        <v>33.582716730038385</v>
      </c>
    </row>
    <row r="2458" spans="1:20" x14ac:dyDescent="0.2">
      <c r="A2458" s="53">
        <f t="shared" si="571"/>
        <v>2446</v>
      </c>
      <c r="B2458" s="239">
        <v>24.51</v>
      </c>
      <c r="C2458" s="3">
        <f t="shared" si="572"/>
        <v>24.503</v>
      </c>
      <c r="D2458" s="239">
        <v>7.9104000000000001</v>
      </c>
      <c r="E2458" s="239">
        <v>0.1522</v>
      </c>
      <c r="F2458" s="239">
        <v>0.20150000000000001</v>
      </c>
      <c r="G2458">
        <f t="shared" si="573"/>
        <v>7.9507000000000003</v>
      </c>
      <c r="H2458" s="235">
        <f t="shared" si="574"/>
        <v>1.9142968543650243</v>
      </c>
      <c r="I2458" s="236">
        <f t="shared" si="575"/>
        <v>19.947327446020665</v>
      </c>
      <c r="J2458" s="237">
        <f t="shared" si="580"/>
        <v>9.9473274460206653</v>
      </c>
      <c r="K2458" s="237">
        <f t="shared" si="576"/>
        <v>488.76936440984434</v>
      </c>
      <c r="L2458" s="237">
        <f t="shared" si="581"/>
        <v>243.80899570196652</v>
      </c>
      <c r="M2458" s="236">
        <f t="shared" si="577"/>
        <v>30.605641166381169</v>
      </c>
      <c r="N2458" s="236">
        <f t="shared" si="578"/>
        <v>2.0396866097102584</v>
      </c>
      <c r="O2458" s="236">
        <f t="shared" si="582"/>
        <v>2.5053159661376898</v>
      </c>
      <c r="P2458" s="236" t="str">
        <f t="shared" si="583"/>
        <v>SAND</v>
      </c>
      <c r="Q2458" s="236" t="e">
        <f t="shared" si="579"/>
        <v>#N/A</v>
      </c>
      <c r="R2458" s="238">
        <v>35</v>
      </c>
      <c r="S2458" s="236" t="e">
        <f t="shared" si="584"/>
        <v>#N/A</v>
      </c>
      <c r="T2458" s="236">
        <f t="shared" si="570"/>
        <v>33.943816302995977</v>
      </c>
    </row>
    <row r="2459" spans="1:20" x14ac:dyDescent="0.2">
      <c r="A2459" s="53">
        <f t="shared" si="571"/>
        <v>2447</v>
      </c>
      <c r="B2459" s="239">
        <v>24.52</v>
      </c>
      <c r="C2459" s="3">
        <f t="shared" si="572"/>
        <v>24.512999999999998</v>
      </c>
      <c r="D2459" s="239">
        <v>8.4082000000000008</v>
      </c>
      <c r="E2459" s="239">
        <v>0.15049999999999999</v>
      </c>
      <c r="F2459" s="239">
        <v>0.19009999999999999</v>
      </c>
      <c r="G2459">
        <f t="shared" si="573"/>
        <v>8.4462200000000003</v>
      </c>
      <c r="H2459" s="235">
        <f t="shared" si="574"/>
        <v>1.781862182135914</v>
      </c>
      <c r="I2459" s="236">
        <f t="shared" si="575"/>
        <v>19.957787754627756</v>
      </c>
      <c r="J2459" s="237">
        <f t="shared" si="580"/>
        <v>9.9577877546277556</v>
      </c>
      <c r="K2459" s="237">
        <f t="shared" si="576"/>
        <v>489.22525122919012</v>
      </c>
      <c r="L2459" s="237">
        <f t="shared" si="581"/>
        <v>244.16495574347258</v>
      </c>
      <c r="M2459" s="236">
        <f t="shared" si="577"/>
        <v>32.58860275235682</v>
      </c>
      <c r="N2459" s="236">
        <f t="shared" si="578"/>
        <v>1.8914176111935865</v>
      </c>
      <c r="O2459" s="236">
        <f t="shared" si="582"/>
        <v>2.4637297543969954</v>
      </c>
      <c r="P2459" s="236" t="str">
        <f t="shared" si="583"/>
        <v>SAND</v>
      </c>
      <c r="Q2459" s="236" t="e">
        <f t="shared" si="579"/>
        <v>#N/A</v>
      </c>
      <c r="R2459" s="238">
        <v>35</v>
      </c>
      <c r="S2459" s="236" t="e">
        <f t="shared" si="584"/>
        <v>#N/A</v>
      </c>
      <c r="T2459" s="236">
        <f t="shared" si="570"/>
        <v>34.243723143715904</v>
      </c>
    </row>
    <row r="2460" spans="1:20" x14ac:dyDescent="0.2">
      <c r="A2460" s="53">
        <f t="shared" si="571"/>
        <v>2448</v>
      </c>
      <c r="B2460" s="239">
        <v>24.529</v>
      </c>
      <c r="C2460" s="3">
        <f t="shared" si="572"/>
        <v>24.521999999999998</v>
      </c>
      <c r="D2460" s="239">
        <v>8.8353999999999999</v>
      </c>
      <c r="E2460" s="239">
        <v>0.15110000000000001</v>
      </c>
      <c r="F2460" s="239">
        <v>0.17349999999999999</v>
      </c>
      <c r="G2460">
        <f t="shared" si="573"/>
        <v>8.8701000000000008</v>
      </c>
      <c r="H2460" s="235">
        <f t="shared" si="574"/>
        <v>1.7034757218069696</v>
      </c>
      <c r="I2460" s="236">
        <f t="shared" si="575"/>
        <v>19.981592772517214</v>
      </c>
      <c r="J2460" s="237">
        <f t="shared" si="580"/>
        <v>9.9815927725172138</v>
      </c>
      <c r="K2460" s="237">
        <f t="shared" si="576"/>
        <v>489.9886179676671</v>
      </c>
      <c r="L2460" s="237">
        <f t="shared" si="581"/>
        <v>244.83848911707474</v>
      </c>
      <c r="M2460" s="236">
        <f t="shared" si="577"/>
        <v>34.227099718889399</v>
      </c>
      <c r="N2460" s="236">
        <f t="shared" si="578"/>
        <v>1.8030786598370419</v>
      </c>
      <c r="O2460" s="236">
        <f t="shared" si="582"/>
        <v>2.4341903017591728</v>
      </c>
      <c r="P2460" s="236" t="str">
        <f t="shared" si="583"/>
        <v>SAND</v>
      </c>
      <c r="Q2460" s="236" t="e">
        <f t="shared" si="579"/>
        <v>#N/A</v>
      </c>
      <c r="R2460" s="238">
        <v>35</v>
      </c>
      <c r="S2460" s="236" t="e">
        <f t="shared" si="584"/>
        <v>#N/A</v>
      </c>
      <c r="T2460" s="236">
        <f t="shared" si="570"/>
        <v>34.478071101620529</v>
      </c>
    </row>
    <row r="2461" spans="1:20" x14ac:dyDescent="0.2">
      <c r="A2461" s="53">
        <f t="shared" si="571"/>
        <v>2449</v>
      </c>
      <c r="B2461" s="239">
        <v>24.538</v>
      </c>
      <c r="C2461" s="3">
        <f t="shared" si="572"/>
        <v>24.530999999999999</v>
      </c>
      <c r="D2461" s="239">
        <v>9.2812000000000001</v>
      </c>
      <c r="E2461" s="239">
        <v>0.14910000000000001</v>
      </c>
      <c r="F2461" s="239">
        <v>0.1176</v>
      </c>
      <c r="G2461">
        <f t="shared" si="573"/>
        <v>9.3047199999999997</v>
      </c>
      <c r="H2461" s="235">
        <f t="shared" si="574"/>
        <v>1.6024125390124582</v>
      </c>
      <c r="I2461" s="236">
        <f t="shared" si="575"/>
        <v>19.984665669592673</v>
      </c>
      <c r="J2461" s="237">
        <f t="shared" si="580"/>
        <v>9.9846656695926725</v>
      </c>
      <c r="K2461" s="237">
        <f t="shared" si="576"/>
        <v>490.24383354077781</v>
      </c>
      <c r="L2461" s="237">
        <f t="shared" si="581"/>
        <v>245.003726200465</v>
      </c>
      <c r="M2461" s="236">
        <f t="shared" si="577"/>
        <v>35.976906568543825</v>
      </c>
      <c r="N2461" s="236">
        <f t="shared" si="578"/>
        <v>1.6915355738024933</v>
      </c>
      <c r="O2461" s="236">
        <f t="shared" si="582"/>
        <v>2.4001714671845704</v>
      </c>
      <c r="P2461" s="236" t="str">
        <f t="shared" si="583"/>
        <v>SAND</v>
      </c>
      <c r="Q2461" s="236" t="e">
        <f t="shared" si="579"/>
        <v>#N/A</v>
      </c>
      <c r="R2461" s="238">
        <v>35</v>
      </c>
      <c r="S2461" s="236" t="e">
        <f t="shared" si="584"/>
        <v>#N/A</v>
      </c>
      <c r="T2461" s="236">
        <f t="shared" si="570"/>
        <v>34.716262001532712</v>
      </c>
    </row>
    <row r="2462" spans="1:20" x14ac:dyDescent="0.2">
      <c r="A2462" s="53">
        <f t="shared" si="571"/>
        <v>2450</v>
      </c>
      <c r="B2462" s="239">
        <v>24.547999999999998</v>
      </c>
      <c r="C2462" s="3">
        <f t="shared" si="572"/>
        <v>24.540999999999997</v>
      </c>
      <c r="D2462" s="239">
        <v>9.7073</v>
      </c>
      <c r="E2462" s="239">
        <v>0.13739999999999999</v>
      </c>
      <c r="F2462" s="239">
        <v>7.0199999999999999E-2</v>
      </c>
      <c r="G2462">
        <f t="shared" si="573"/>
        <v>9.7213399999999996</v>
      </c>
      <c r="H2462" s="235">
        <f t="shared" si="574"/>
        <v>1.4133853974863548</v>
      </c>
      <c r="I2462" s="236">
        <f t="shared" si="575"/>
        <v>19.905960752141453</v>
      </c>
      <c r="J2462" s="237">
        <f t="shared" si="580"/>
        <v>9.9059607521414534</v>
      </c>
      <c r="K2462" s="237">
        <f t="shared" si="576"/>
        <v>488.51218281830336</v>
      </c>
      <c r="L2462" s="237">
        <f t="shared" si="581"/>
        <v>243.17152454356838</v>
      </c>
      <c r="M2462" s="236">
        <f t="shared" si="577"/>
        <v>37.968375756625548</v>
      </c>
      <c r="N2462" s="236">
        <f t="shared" si="578"/>
        <v>1.4881681183776381</v>
      </c>
      <c r="O2462" s="236">
        <f t="shared" si="582"/>
        <v>2.3481406868344425</v>
      </c>
      <c r="P2462" s="236" t="str">
        <f t="shared" si="583"/>
        <v>SAND</v>
      </c>
      <c r="Q2462" s="236" t="e">
        <f t="shared" si="579"/>
        <v>#N/A</v>
      </c>
      <c r="R2462" s="238">
        <v>35</v>
      </c>
      <c r="S2462" s="236" t="e">
        <f t="shared" si="584"/>
        <v>#N/A</v>
      </c>
      <c r="T2462" s="236">
        <f t="shared" si="570"/>
        <v>34.973642208115081</v>
      </c>
    </row>
    <row r="2463" spans="1:20" x14ac:dyDescent="0.2">
      <c r="A2463" s="53">
        <f t="shared" si="571"/>
        <v>2451</v>
      </c>
      <c r="B2463" s="239">
        <v>24.558</v>
      </c>
      <c r="C2463" s="3">
        <f t="shared" si="572"/>
        <v>24.550999999999998</v>
      </c>
      <c r="D2463" s="239">
        <v>10.0853</v>
      </c>
      <c r="E2463" s="239">
        <v>0.13009999999999999</v>
      </c>
      <c r="F2463" s="239">
        <v>6.1199999999999997E-2</v>
      </c>
      <c r="G2463">
        <f t="shared" si="573"/>
        <v>10.09754</v>
      </c>
      <c r="H2463" s="235">
        <f t="shared" si="574"/>
        <v>1.2884326281450729</v>
      </c>
      <c r="I2463" s="236">
        <f t="shared" si="575"/>
        <v>19.856785779117114</v>
      </c>
      <c r="J2463" s="237">
        <f t="shared" si="580"/>
        <v>9.8567857791171143</v>
      </c>
      <c r="K2463" s="237">
        <f t="shared" si="576"/>
        <v>487.50394766310421</v>
      </c>
      <c r="L2463" s="237">
        <f t="shared" si="581"/>
        <v>242.06294516355808</v>
      </c>
      <c r="M2463" s="236">
        <f t="shared" si="577"/>
        <v>39.700566502830689</v>
      </c>
      <c r="N2463" s="236">
        <f t="shared" si="578"/>
        <v>1.3537930481370384</v>
      </c>
      <c r="O2463" s="236">
        <f t="shared" si="582"/>
        <v>2.3082667393076881</v>
      </c>
      <c r="P2463" s="236" t="str">
        <f t="shared" si="583"/>
        <v>SAND</v>
      </c>
      <c r="Q2463" s="236" t="e">
        <f t="shared" si="579"/>
        <v>#N/A</v>
      </c>
      <c r="R2463" s="238">
        <v>35</v>
      </c>
      <c r="S2463" s="236" t="e">
        <f t="shared" si="584"/>
        <v>#N/A</v>
      </c>
      <c r="T2463" s="236">
        <f t="shared" si="570"/>
        <v>35.186763743167013</v>
      </c>
    </row>
    <row r="2464" spans="1:20" x14ac:dyDescent="0.2">
      <c r="A2464" s="53">
        <f t="shared" si="571"/>
        <v>2452</v>
      </c>
      <c r="B2464" s="239">
        <v>24.567</v>
      </c>
      <c r="C2464" s="3">
        <f t="shared" si="572"/>
        <v>24.56</v>
      </c>
      <c r="D2464" s="239">
        <v>10.4003</v>
      </c>
      <c r="E2464" s="239">
        <v>0.12330000000000001</v>
      </c>
      <c r="F2464" s="239">
        <v>4.5400000000000003E-2</v>
      </c>
      <c r="G2464">
        <f t="shared" si="573"/>
        <v>10.409380000000001</v>
      </c>
      <c r="H2464" s="235">
        <f t="shared" si="574"/>
        <v>1.1845085874470911</v>
      </c>
      <c r="I2464" s="236">
        <f t="shared" si="575"/>
        <v>19.805725737871697</v>
      </c>
      <c r="J2464" s="237">
        <f t="shared" si="580"/>
        <v>9.8057257378716969</v>
      </c>
      <c r="K2464" s="237">
        <f t="shared" si="576"/>
        <v>486.42862412212884</v>
      </c>
      <c r="L2464" s="237">
        <f t="shared" si="581"/>
        <v>240.89726420229397</v>
      </c>
      <c r="M2464" s="236">
        <f t="shared" si="577"/>
        <v>41.191631663965488</v>
      </c>
      <c r="N2464" s="236">
        <f t="shared" si="578"/>
        <v>1.2425738606331909</v>
      </c>
      <c r="O2464" s="236">
        <f t="shared" si="582"/>
        <v>2.2735823152385843</v>
      </c>
      <c r="P2464" s="236" t="str">
        <f t="shared" si="583"/>
        <v>SAND</v>
      </c>
      <c r="Q2464" s="236" t="e">
        <f t="shared" si="579"/>
        <v>#N/A</v>
      </c>
      <c r="R2464" s="238">
        <v>35</v>
      </c>
      <c r="S2464" s="236" t="e">
        <f t="shared" si="584"/>
        <v>#N/A</v>
      </c>
      <c r="T2464" s="236">
        <f t="shared" si="570"/>
        <v>35.362898949074292</v>
      </c>
    </row>
    <row r="2465" spans="1:20" x14ac:dyDescent="0.2">
      <c r="A2465" s="53">
        <f t="shared" si="571"/>
        <v>2453</v>
      </c>
      <c r="B2465" s="239">
        <v>24.577000000000002</v>
      </c>
      <c r="C2465" s="3">
        <f t="shared" si="572"/>
        <v>24.57</v>
      </c>
      <c r="D2465" s="239">
        <v>10.6808</v>
      </c>
      <c r="E2465" s="239">
        <v>0.1163</v>
      </c>
      <c r="F2465" s="239">
        <v>2.6200000000000001E-2</v>
      </c>
      <c r="G2465">
        <f t="shared" si="573"/>
        <v>10.68604</v>
      </c>
      <c r="H2465" s="235">
        <f t="shared" si="574"/>
        <v>1.0883358100849332</v>
      </c>
      <c r="I2465" s="236">
        <f t="shared" si="575"/>
        <v>19.747443400100778</v>
      </c>
      <c r="J2465" s="237">
        <f t="shared" si="580"/>
        <v>9.7474434001007779</v>
      </c>
      <c r="K2465" s="237">
        <f t="shared" si="576"/>
        <v>485.1946843404761</v>
      </c>
      <c r="L2465" s="237">
        <f t="shared" si="581"/>
        <v>239.56291644427682</v>
      </c>
      <c r="M2465" s="236">
        <f t="shared" si="577"/>
        <v>42.581070004765436</v>
      </c>
      <c r="N2465" s="236">
        <f t="shared" si="578"/>
        <v>1.1401015935558352</v>
      </c>
      <c r="O2465" s="236">
        <f t="shared" si="582"/>
        <v>2.2403277597717648</v>
      </c>
      <c r="P2465" s="236" t="str">
        <f t="shared" si="583"/>
        <v>SAND</v>
      </c>
      <c r="Q2465" s="236" t="e">
        <f t="shared" si="579"/>
        <v>#N/A</v>
      </c>
      <c r="R2465" s="238">
        <v>35</v>
      </c>
      <c r="S2465" s="236" t="e">
        <f t="shared" si="584"/>
        <v>#N/A</v>
      </c>
      <c r="T2465" s="236">
        <f t="shared" si="570"/>
        <v>35.521382275203607</v>
      </c>
    </row>
    <row r="2466" spans="1:20" x14ac:dyDescent="0.2">
      <c r="A2466" s="53">
        <f t="shared" si="571"/>
        <v>2454</v>
      </c>
      <c r="B2466" s="239">
        <v>24.587</v>
      </c>
      <c r="C2466" s="3">
        <f t="shared" si="572"/>
        <v>24.58</v>
      </c>
      <c r="D2466" s="239">
        <v>10.934900000000001</v>
      </c>
      <c r="E2466" s="239">
        <v>0.1075</v>
      </c>
      <c r="F2466" s="239">
        <v>2.1100000000000001E-2</v>
      </c>
      <c r="G2466">
        <f t="shared" si="573"/>
        <v>10.939120000000001</v>
      </c>
      <c r="H2466" s="235">
        <f t="shared" si="574"/>
        <v>0.98271158923204061</v>
      </c>
      <c r="I2466" s="236">
        <f t="shared" si="575"/>
        <v>19.66433005569754</v>
      </c>
      <c r="J2466" s="237">
        <f t="shared" si="580"/>
        <v>9.6643300556975404</v>
      </c>
      <c r="K2466" s="237">
        <f t="shared" si="576"/>
        <v>483.3492327690455</v>
      </c>
      <c r="L2466" s="237">
        <f t="shared" si="581"/>
        <v>237.61688307943541</v>
      </c>
      <c r="M2466" s="236">
        <f t="shared" si="577"/>
        <v>44.002642538390624</v>
      </c>
      <c r="N2466" s="236">
        <f t="shared" si="578"/>
        <v>1.02814036758449</v>
      </c>
      <c r="O2466" s="236">
        <f t="shared" si="582"/>
        <v>2.2032097016696968</v>
      </c>
      <c r="P2466" s="236" t="str">
        <f t="shared" si="583"/>
        <v>SAND</v>
      </c>
      <c r="Q2466" s="236" t="e">
        <f t="shared" si="579"/>
        <v>#N/A</v>
      </c>
      <c r="R2466" s="238">
        <v>35</v>
      </c>
      <c r="S2466" s="236" t="e">
        <f t="shared" si="584"/>
        <v>#N/A</v>
      </c>
      <c r="T2466" s="236">
        <f t="shared" si="570"/>
        <v>35.678266342693149</v>
      </c>
    </row>
    <row r="2467" spans="1:20" x14ac:dyDescent="0.2">
      <c r="A2467" s="53">
        <f t="shared" si="571"/>
        <v>2455</v>
      </c>
      <c r="B2467" s="239">
        <v>24.596</v>
      </c>
      <c r="C2467" s="3">
        <f t="shared" si="572"/>
        <v>24.588999999999999</v>
      </c>
      <c r="D2467" s="239">
        <v>11.184100000000001</v>
      </c>
      <c r="E2467" s="239">
        <v>0.1027</v>
      </c>
      <c r="F2467" s="239">
        <v>5.8999999999999999E-3</v>
      </c>
      <c r="G2467">
        <f t="shared" si="573"/>
        <v>11.185280000000001</v>
      </c>
      <c r="H2467" s="235">
        <f t="shared" si="574"/>
        <v>0.91817102477541912</v>
      </c>
      <c r="I2467" s="236">
        <f t="shared" si="575"/>
        <v>19.619465426292443</v>
      </c>
      <c r="J2467" s="237">
        <f t="shared" si="580"/>
        <v>9.6194654262924431</v>
      </c>
      <c r="K2467" s="237">
        <f t="shared" si="576"/>
        <v>482.42303536710483</v>
      </c>
      <c r="L2467" s="237">
        <f t="shared" si="581"/>
        <v>236.60037162508894</v>
      </c>
      <c r="M2467" s="236">
        <f t="shared" si="577"/>
        <v>45.236010793729342</v>
      </c>
      <c r="N2467" s="236">
        <f t="shared" si="578"/>
        <v>0.95955687662992672</v>
      </c>
      <c r="O2467" s="236">
        <f t="shared" si="582"/>
        <v>2.1765663900086247</v>
      </c>
      <c r="P2467" s="236" t="str">
        <f t="shared" si="583"/>
        <v>SAND</v>
      </c>
      <c r="Q2467" s="236" t="e">
        <f t="shared" si="579"/>
        <v>#N/A</v>
      </c>
      <c r="R2467" s="238">
        <v>35</v>
      </c>
      <c r="S2467" s="236" t="e">
        <f t="shared" si="584"/>
        <v>#N/A</v>
      </c>
      <c r="T2467" s="236">
        <f t="shared" si="570"/>
        <v>35.810327289263867</v>
      </c>
    </row>
    <row r="2468" spans="1:20" x14ac:dyDescent="0.2">
      <c r="A2468" s="53">
        <f t="shared" si="571"/>
        <v>2456</v>
      </c>
      <c r="B2468" s="239">
        <v>24.606000000000002</v>
      </c>
      <c r="C2468" s="3">
        <f t="shared" si="572"/>
        <v>24.599</v>
      </c>
      <c r="D2468" s="239">
        <v>11.3706</v>
      </c>
      <c r="E2468" s="239">
        <v>9.2399999999999996E-2</v>
      </c>
      <c r="F2468" s="239">
        <v>-4.3E-3</v>
      </c>
      <c r="G2468">
        <f t="shared" si="573"/>
        <v>11.36974</v>
      </c>
      <c r="H2468" s="235">
        <f t="shared" si="574"/>
        <v>0.81268349144307594</v>
      </c>
      <c r="I2468" s="236">
        <f t="shared" si="575"/>
        <v>19.501932856806839</v>
      </c>
      <c r="J2468" s="237">
        <f t="shared" si="580"/>
        <v>9.5019328568068389</v>
      </c>
      <c r="K2468" s="237">
        <f t="shared" si="576"/>
        <v>479.72804634459141</v>
      </c>
      <c r="L2468" s="237">
        <f t="shared" si="581"/>
        <v>233.8045598745891</v>
      </c>
      <c r="M2468" s="236">
        <f t="shared" si="577"/>
        <v>46.577414741169818</v>
      </c>
      <c r="N2468" s="236">
        <f t="shared" si="578"/>
        <v>0.84848391712723914</v>
      </c>
      <c r="O2468" s="236">
        <f t="shared" si="582"/>
        <v>2.1368093308926097</v>
      </c>
      <c r="P2468" s="236" t="str">
        <f t="shared" si="583"/>
        <v>SAND</v>
      </c>
      <c r="Q2468" s="236" t="e">
        <f t="shared" si="579"/>
        <v>#N/A</v>
      </c>
      <c r="R2468" s="238">
        <v>35</v>
      </c>
      <c r="S2468" s="236" t="e">
        <f t="shared" si="584"/>
        <v>#N/A</v>
      </c>
      <c r="T2468" s="236">
        <f t="shared" si="570"/>
        <v>35.949929174986657</v>
      </c>
    </row>
    <row r="2469" spans="1:20" x14ac:dyDescent="0.2">
      <c r="A2469" s="53">
        <f t="shared" si="571"/>
        <v>2457</v>
      </c>
      <c r="B2469" s="239">
        <v>24.614999999999998</v>
      </c>
      <c r="C2469" s="3">
        <f t="shared" si="572"/>
        <v>24.607999999999997</v>
      </c>
      <c r="D2469" s="239">
        <v>11.5101</v>
      </c>
      <c r="E2469" s="239">
        <v>7.6799999999999993E-2</v>
      </c>
      <c r="F2469" s="239">
        <v>-3.3E-3</v>
      </c>
      <c r="G2469">
        <f t="shared" si="573"/>
        <v>11.50944</v>
      </c>
      <c r="H2469" s="235">
        <f t="shared" si="574"/>
        <v>0.66727833847693718</v>
      </c>
      <c r="I2469" s="236">
        <f t="shared" si="575"/>
        <v>19.289867122380446</v>
      </c>
      <c r="J2469" s="237">
        <f t="shared" si="580"/>
        <v>9.2898671223804463</v>
      </c>
      <c r="K2469" s="237">
        <f t="shared" si="576"/>
        <v>474.68505014753799</v>
      </c>
      <c r="L2469" s="237">
        <f t="shared" si="581"/>
        <v>228.67007921739466</v>
      </c>
      <c r="M2469" s="236">
        <f t="shared" si="577"/>
        <v>48.2562256838238</v>
      </c>
      <c r="N2469" s="236">
        <f t="shared" si="578"/>
        <v>0.69598283196154564</v>
      </c>
      <c r="O2469" s="236">
        <f t="shared" si="582"/>
        <v>2.0785829930867878</v>
      </c>
      <c r="P2469" s="236" t="str">
        <f t="shared" si="583"/>
        <v>SAND</v>
      </c>
      <c r="Q2469" s="236" t="e">
        <f t="shared" si="579"/>
        <v>#N/A</v>
      </c>
      <c r="R2469" s="238">
        <v>35</v>
      </c>
      <c r="S2469" s="236" t="e">
        <f t="shared" si="584"/>
        <v>#N/A</v>
      </c>
      <c r="T2469" s="236">
        <f t="shared" si="570"/>
        <v>36.119086860546929</v>
      </c>
    </row>
    <row r="2470" spans="1:20" x14ac:dyDescent="0.2">
      <c r="A2470" s="53">
        <f t="shared" si="571"/>
        <v>2458</v>
      </c>
      <c r="B2470" s="239">
        <v>24.626000000000001</v>
      </c>
      <c r="C2470" s="3">
        <f t="shared" si="572"/>
        <v>24.619</v>
      </c>
      <c r="D2470" s="239">
        <v>11.571</v>
      </c>
      <c r="E2470" s="239">
        <v>6.4600000000000005E-2</v>
      </c>
      <c r="F2470" s="239">
        <v>-8.5000000000000006E-3</v>
      </c>
      <c r="G2470">
        <f t="shared" si="573"/>
        <v>11.5693</v>
      </c>
      <c r="H2470" s="235">
        <f t="shared" si="574"/>
        <v>0.55837431823878714</v>
      </c>
      <c r="I2470" s="236">
        <f t="shared" si="575"/>
        <v>19.089047227469116</v>
      </c>
      <c r="J2470" s="237">
        <f t="shared" si="580"/>
        <v>9.0890472274691163</v>
      </c>
      <c r="K2470" s="237">
        <f t="shared" si="576"/>
        <v>469.95325369306215</v>
      </c>
      <c r="L2470" s="237">
        <f t="shared" si="581"/>
        <v>223.82687702365448</v>
      </c>
      <c r="M2470" s="236">
        <f t="shared" si="577"/>
        <v>49.588980974496359</v>
      </c>
      <c r="N2470" s="236">
        <f t="shared" si="578"/>
        <v>0.58201623461753937</v>
      </c>
      <c r="O2470" s="236">
        <f t="shared" si="582"/>
        <v>2.0296193965106997</v>
      </c>
      <c r="P2470" s="236" t="str">
        <f t="shared" si="583"/>
        <v>SAND</v>
      </c>
      <c r="Q2470" s="236" t="e">
        <f t="shared" si="579"/>
        <v>#N/A</v>
      </c>
      <c r="R2470" s="238">
        <v>35</v>
      </c>
      <c r="S2470" s="236" t="e">
        <f t="shared" si="584"/>
        <v>#N/A</v>
      </c>
      <c r="T2470" s="236">
        <f t="shared" si="570"/>
        <v>36.249237022645985</v>
      </c>
    </row>
    <row r="2471" spans="1:20" x14ac:dyDescent="0.2">
      <c r="A2471" s="53">
        <f t="shared" si="571"/>
        <v>2459</v>
      </c>
      <c r="B2471" s="239">
        <v>24.635000000000002</v>
      </c>
      <c r="C2471" s="3">
        <f t="shared" si="572"/>
        <v>24.628</v>
      </c>
      <c r="D2471" s="239">
        <v>11.540100000000001</v>
      </c>
      <c r="E2471" s="239">
        <v>5.9200000000000003E-2</v>
      </c>
      <c r="F2471" s="239">
        <v>-6.4999999999999997E-3</v>
      </c>
      <c r="G2471">
        <f t="shared" si="573"/>
        <v>11.5388</v>
      </c>
      <c r="H2471" s="235">
        <f t="shared" si="574"/>
        <v>0.51305161715256353</v>
      </c>
      <c r="I2471" s="236">
        <f t="shared" si="575"/>
        <v>18.985656243814496</v>
      </c>
      <c r="J2471" s="237">
        <f t="shared" si="580"/>
        <v>8.9856562438144962</v>
      </c>
      <c r="K2471" s="237">
        <f t="shared" si="576"/>
        <v>467.57874197266341</v>
      </c>
      <c r="L2471" s="237">
        <f t="shared" si="581"/>
        <v>221.36164156637014</v>
      </c>
      <c r="M2471" s="236">
        <f t="shared" si="577"/>
        <v>50.014181227093438</v>
      </c>
      <c r="N2471" s="236">
        <f t="shared" si="578"/>
        <v>0.53471969008907905</v>
      </c>
      <c r="O2471" s="236">
        <f t="shared" si="582"/>
        <v>2.0087444512268622</v>
      </c>
      <c r="P2471" s="236" t="str">
        <f t="shared" si="583"/>
        <v>SAND</v>
      </c>
      <c r="Q2471" s="236" t="e">
        <f t="shared" si="579"/>
        <v>#N/A</v>
      </c>
      <c r="R2471" s="238">
        <v>35</v>
      </c>
      <c r="S2471" s="236" t="e">
        <f t="shared" si="584"/>
        <v>#N/A</v>
      </c>
      <c r="T2471" s="236">
        <f t="shared" si="570"/>
        <v>36.29002479789321</v>
      </c>
    </row>
    <row r="2472" spans="1:20" x14ac:dyDescent="0.2">
      <c r="A2472" s="53">
        <f t="shared" si="571"/>
        <v>2460</v>
      </c>
      <c r="B2472" s="239">
        <v>24.645</v>
      </c>
      <c r="C2472" s="3">
        <f t="shared" si="572"/>
        <v>24.637999999999998</v>
      </c>
      <c r="D2472" s="239">
        <v>11.441700000000001</v>
      </c>
      <c r="E2472" s="239">
        <v>6.2199999999999998E-2</v>
      </c>
      <c r="F2472" s="239">
        <v>1.6000000000000001E-3</v>
      </c>
      <c r="G2472">
        <f t="shared" si="573"/>
        <v>11.442020000000001</v>
      </c>
      <c r="H2472" s="235">
        <f t="shared" si="574"/>
        <v>0.54361030657174159</v>
      </c>
      <c r="I2472" s="236">
        <f t="shared" si="575"/>
        <v>19.04032952534482</v>
      </c>
      <c r="J2472" s="237">
        <f t="shared" si="580"/>
        <v>9.0403295253448199</v>
      </c>
      <c r="K2472" s="237">
        <f t="shared" si="576"/>
        <v>469.11563884544563</v>
      </c>
      <c r="L2472" s="237">
        <f t="shared" si="581"/>
        <v>222.79892115212309</v>
      </c>
      <c r="M2472" s="236">
        <f t="shared" si="577"/>
        <v>49.250258055165595</v>
      </c>
      <c r="N2472" s="236">
        <f t="shared" si="578"/>
        <v>0.56685083504596756</v>
      </c>
      <c r="O2472" s="236">
        <f t="shared" si="582"/>
        <v>2.0266901565003339</v>
      </c>
      <c r="P2472" s="236" t="str">
        <f t="shared" si="583"/>
        <v>SAND</v>
      </c>
      <c r="Q2472" s="236" t="e">
        <f t="shared" si="579"/>
        <v>#N/A</v>
      </c>
      <c r="R2472" s="238">
        <v>35</v>
      </c>
      <c r="S2472" s="236" t="e">
        <f t="shared" si="584"/>
        <v>#N/A</v>
      </c>
      <c r="T2472" s="236">
        <f t="shared" si="570"/>
        <v>36.216493614399361</v>
      </c>
    </row>
    <row r="2473" spans="1:20" x14ac:dyDescent="0.2">
      <c r="A2473" s="53">
        <f t="shared" si="571"/>
        <v>2461</v>
      </c>
      <c r="B2473" s="239">
        <v>24.654</v>
      </c>
      <c r="C2473" s="3">
        <f t="shared" si="572"/>
        <v>24.646999999999998</v>
      </c>
      <c r="D2473" s="239">
        <v>11.295</v>
      </c>
      <c r="E2473" s="239">
        <v>6.1100000000000002E-2</v>
      </c>
      <c r="F2473" s="239">
        <v>1.01E-2</v>
      </c>
      <c r="G2473">
        <f t="shared" si="573"/>
        <v>11.29702</v>
      </c>
      <c r="H2473" s="235">
        <f t="shared" si="574"/>
        <v>0.54085059599788265</v>
      </c>
      <c r="I2473" s="236">
        <f t="shared" si="575"/>
        <v>19.014421829896953</v>
      </c>
      <c r="J2473" s="237">
        <f t="shared" si="580"/>
        <v>9.0144218298969534</v>
      </c>
      <c r="K2473" s="237">
        <f t="shared" si="576"/>
        <v>468.6484548414702</v>
      </c>
      <c r="L2473" s="237">
        <f t="shared" si="581"/>
        <v>222.24155579427949</v>
      </c>
      <c r="M2473" s="236">
        <f t="shared" si="577"/>
        <v>48.72343296220415</v>
      </c>
      <c r="N2473" s="236">
        <f t="shared" si="578"/>
        <v>0.56425843669280451</v>
      </c>
      <c r="O2473" s="236">
        <f t="shared" si="582"/>
        <v>2.0298344481645114</v>
      </c>
      <c r="P2473" s="236" t="str">
        <f t="shared" si="583"/>
        <v>SAND</v>
      </c>
      <c r="Q2473" s="236" t="e">
        <f t="shared" si="579"/>
        <v>#N/A</v>
      </c>
      <c r="R2473" s="238">
        <v>35</v>
      </c>
      <c r="S2473" s="236" t="e">
        <f t="shared" si="584"/>
        <v>#N/A</v>
      </c>
      <c r="T2473" s="236">
        <f t="shared" si="570"/>
        <v>36.165116683101807</v>
      </c>
    </row>
    <row r="2474" spans="1:20" x14ac:dyDescent="0.2">
      <c r="A2474" s="53">
        <f t="shared" si="571"/>
        <v>2462</v>
      </c>
      <c r="B2474" s="239">
        <v>24.664999999999999</v>
      </c>
      <c r="C2474" s="3">
        <f t="shared" si="572"/>
        <v>24.657999999999998</v>
      </c>
      <c r="D2474" s="239">
        <v>11.1595</v>
      </c>
      <c r="E2474" s="239">
        <v>5.4699999999999999E-2</v>
      </c>
      <c r="F2474" s="239">
        <v>1.8200000000000001E-2</v>
      </c>
      <c r="G2474">
        <f t="shared" si="573"/>
        <v>11.16314</v>
      </c>
      <c r="H2474" s="235">
        <f t="shared" si="574"/>
        <v>0.49000550024455486</v>
      </c>
      <c r="I2474" s="236">
        <f t="shared" si="575"/>
        <v>18.880016569726138</v>
      </c>
      <c r="J2474" s="237">
        <f t="shared" si="580"/>
        <v>8.8800165697261377</v>
      </c>
      <c r="K2474" s="237">
        <f t="shared" si="576"/>
        <v>465.54344857630707</v>
      </c>
      <c r="L2474" s="237">
        <f t="shared" si="581"/>
        <v>219.02560869229518</v>
      </c>
      <c r="M2474" s="236">
        <f t="shared" si="577"/>
        <v>48.841761542379906</v>
      </c>
      <c r="N2474" s="236">
        <f t="shared" si="578"/>
        <v>0.51132980886926638</v>
      </c>
      <c r="O2474" s="236">
        <f t="shared" si="582"/>
        <v>2.0087782654596253</v>
      </c>
      <c r="P2474" s="236" t="str">
        <f t="shared" si="583"/>
        <v>SAND</v>
      </c>
      <c r="Q2474" s="236" t="e">
        <f t="shared" si="579"/>
        <v>#N/A</v>
      </c>
      <c r="R2474" s="238">
        <v>35</v>
      </c>
      <c r="S2474" s="236" t="e">
        <f t="shared" si="584"/>
        <v>#N/A</v>
      </c>
      <c r="T2474" s="236">
        <f t="shared" si="570"/>
        <v>36.17670450852814</v>
      </c>
    </row>
    <row r="2475" spans="1:20" x14ac:dyDescent="0.2">
      <c r="A2475" s="53">
        <f t="shared" si="571"/>
        <v>2463</v>
      </c>
      <c r="B2475" s="239">
        <v>24.673999999999999</v>
      </c>
      <c r="C2475" s="3">
        <f t="shared" si="572"/>
        <v>24.666999999999998</v>
      </c>
      <c r="D2475" s="239">
        <v>11.007300000000001</v>
      </c>
      <c r="E2475" s="239">
        <v>4.8800000000000003E-2</v>
      </c>
      <c r="F2475" s="239">
        <v>2.76E-2</v>
      </c>
      <c r="G2475">
        <f t="shared" si="573"/>
        <v>11.012820000000001</v>
      </c>
      <c r="H2475" s="235">
        <f t="shared" si="574"/>
        <v>0.44311992750267415</v>
      </c>
      <c r="I2475" s="236">
        <f t="shared" si="575"/>
        <v>18.740885260615556</v>
      </c>
      <c r="J2475" s="237">
        <f t="shared" si="580"/>
        <v>8.7408852606155563</v>
      </c>
      <c r="K2475" s="237">
        <f t="shared" si="576"/>
        <v>462.28141672360391</v>
      </c>
      <c r="L2475" s="237">
        <f t="shared" si="581"/>
        <v>215.67260292042823</v>
      </c>
      <c r="M2475" s="236">
        <f t="shared" si="577"/>
        <v>48.91923424863095</v>
      </c>
      <c r="N2475" s="236">
        <f t="shared" si="578"/>
        <v>0.4625356290090501</v>
      </c>
      <c r="O2475" s="236">
        <f t="shared" si="582"/>
        <v>1.9884000419339971</v>
      </c>
      <c r="P2475" s="236" t="str">
        <f t="shared" si="583"/>
        <v>SAND</v>
      </c>
      <c r="Q2475" s="236" t="e">
        <f t="shared" si="579"/>
        <v>#N/A</v>
      </c>
      <c r="R2475" s="238">
        <v>35</v>
      </c>
      <c r="S2475" s="236" t="e">
        <f t="shared" si="584"/>
        <v>#N/A</v>
      </c>
      <c r="T2475" s="236">
        <f t="shared" si="570"/>
        <v>36.184276152649282</v>
      </c>
    </row>
    <row r="2476" spans="1:20" x14ac:dyDescent="0.2">
      <c r="A2476" s="53">
        <f t="shared" si="571"/>
        <v>2464</v>
      </c>
      <c r="B2476" s="239">
        <v>24.684000000000001</v>
      </c>
      <c r="C2476" s="3">
        <f t="shared" si="572"/>
        <v>24.677</v>
      </c>
      <c r="D2476" s="239">
        <v>10.878399999999999</v>
      </c>
      <c r="E2476" s="239">
        <v>4.9000000000000002E-2</v>
      </c>
      <c r="F2476" s="239">
        <v>3.32E-2</v>
      </c>
      <c r="G2476">
        <f t="shared" si="573"/>
        <v>10.88504</v>
      </c>
      <c r="H2476" s="235">
        <f t="shared" si="574"/>
        <v>0.45015911746764364</v>
      </c>
      <c r="I2476" s="236">
        <f t="shared" si="575"/>
        <v>18.74111949683995</v>
      </c>
      <c r="J2476" s="237">
        <f t="shared" si="580"/>
        <v>8.7411194968399499</v>
      </c>
      <c r="K2476" s="237">
        <f t="shared" si="576"/>
        <v>462.47460582351943</v>
      </c>
      <c r="L2476" s="237">
        <f t="shared" si="581"/>
        <v>215.76579365999734</v>
      </c>
      <c r="M2476" s="236">
        <f t="shared" si="577"/>
        <v>48.304994120617224</v>
      </c>
      <c r="N2476" s="236">
        <f t="shared" si="578"/>
        <v>0.47013377366169684</v>
      </c>
      <c r="O2476" s="236">
        <f t="shared" si="582"/>
        <v>1.9964677744239305</v>
      </c>
      <c r="P2476" s="236" t="str">
        <f t="shared" si="583"/>
        <v>SAND</v>
      </c>
      <c r="Q2476" s="236" t="e">
        <f t="shared" si="579"/>
        <v>#N/A</v>
      </c>
      <c r="R2476" s="238">
        <v>35</v>
      </c>
      <c r="S2476" s="236" t="e">
        <f t="shared" si="584"/>
        <v>#N/A</v>
      </c>
      <c r="T2476" s="236">
        <f t="shared" si="570"/>
        <v>36.123912369445343</v>
      </c>
    </row>
    <row r="2477" spans="1:20" x14ac:dyDescent="0.2">
      <c r="A2477" s="53">
        <f t="shared" si="571"/>
        <v>2465</v>
      </c>
      <c r="B2477" s="239">
        <v>24.693000000000001</v>
      </c>
      <c r="C2477" s="3">
        <f t="shared" si="572"/>
        <v>24.686</v>
      </c>
      <c r="D2477" s="239">
        <v>10.774100000000001</v>
      </c>
      <c r="E2477" s="239">
        <v>5.3400000000000003E-2</v>
      </c>
      <c r="F2477" s="239">
        <v>3.7699999999999997E-2</v>
      </c>
      <c r="G2477">
        <f t="shared" si="573"/>
        <v>10.781640000000001</v>
      </c>
      <c r="H2477" s="235">
        <f t="shared" si="574"/>
        <v>0.49528643137778672</v>
      </c>
      <c r="I2477" s="236">
        <f t="shared" si="575"/>
        <v>18.838220792299634</v>
      </c>
      <c r="J2477" s="237">
        <f t="shared" si="580"/>
        <v>8.8382207922996336</v>
      </c>
      <c r="K2477" s="237">
        <f t="shared" si="576"/>
        <v>465.04031847870874</v>
      </c>
      <c r="L2477" s="237">
        <f t="shared" si="581"/>
        <v>218.24218602425486</v>
      </c>
      <c r="M2477" s="236">
        <f t="shared" si="577"/>
        <v>47.271335892753264</v>
      </c>
      <c r="N2477" s="236">
        <f t="shared" si="578"/>
        <v>0.51761240765838845</v>
      </c>
      <c r="O2477" s="236">
        <f t="shared" si="582"/>
        <v>2.0238165744374066</v>
      </c>
      <c r="P2477" s="236" t="str">
        <f t="shared" si="583"/>
        <v>SAND</v>
      </c>
      <c r="Q2477" s="236" t="e">
        <f t="shared" si="579"/>
        <v>#N/A</v>
      </c>
      <c r="R2477" s="238">
        <v>35</v>
      </c>
      <c r="S2477" s="236" t="e">
        <f t="shared" si="584"/>
        <v>#N/A</v>
      </c>
      <c r="T2477" s="236">
        <f t="shared" si="570"/>
        <v>36.020576632507549</v>
      </c>
    </row>
    <row r="2478" spans="1:20" x14ac:dyDescent="0.2">
      <c r="A2478" s="53">
        <f t="shared" si="571"/>
        <v>2466</v>
      </c>
      <c r="B2478" s="239">
        <v>24.702999999999999</v>
      </c>
      <c r="C2478" s="3">
        <f t="shared" si="572"/>
        <v>24.695999999999998</v>
      </c>
      <c r="D2478" s="239">
        <v>10.665699999999999</v>
      </c>
      <c r="E2478" s="239">
        <v>5.9799999999999999E-2</v>
      </c>
      <c r="F2478" s="239">
        <v>3.9699999999999999E-2</v>
      </c>
      <c r="G2478">
        <f t="shared" si="573"/>
        <v>10.673639999999999</v>
      </c>
      <c r="H2478" s="235">
        <f t="shared" si="574"/>
        <v>0.56025873085470379</v>
      </c>
      <c r="I2478" s="236">
        <f t="shared" si="575"/>
        <v>18.967017546917869</v>
      </c>
      <c r="J2478" s="237">
        <f t="shared" si="580"/>
        <v>8.9670175469178695</v>
      </c>
      <c r="K2478" s="237">
        <f t="shared" si="576"/>
        <v>468.40946533868367</v>
      </c>
      <c r="L2478" s="237">
        <f t="shared" si="581"/>
        <v>221.51223446151212</v>
      </c>
      <c r="M2478" s="236">
        <f t="shared" si="577"/>
        <v>46.07073085362461</v>
      </c>
      <c r="N2478" s="236">
        <f t="shared" si="578"/>
        <v>0.58597402378019481</v>
      </c>
      <c r="O2478" s="236">
        <f t="shared" si="582"/>
        <v>2.0590329101495937</v>
      </c>
      <c r="P2478" s="236" t="str">
        <f t="shared" si="583"/>
        <v>SAND</v>
      </c>
      <c r="Q2478" s="236" t="e">
        <f t="shared" si="579"/>
        <v>#N/A</v>
      </c>
      <c r="R2478" s="238">
        <v>35</v>
      </c>
      <c r="S2478" s="236" t="e">
        <f t="shared" si="584"/>
        <v>#N/A</v>
      </c>
      <c r="T2478" s="236">
        <f t="shared" si="570"/>
        <v>35.897676120213916</v>
      </c>
    </row>
    <row r="2479" spans="1:20" x14ac:dyDescent="0.2">
      <c r="A2479" s="53">
        <f t="shared" si="571"/>
        <v>2467</v>
      </c>
      <c r="B2479" s="239">
        <v>24.713000000000001</v>
      </c>
      <c r="C2479" s="3">
        <f t="shared" si="572"/>
        <v>24.706</v>
      </c>
      <c r="D2479" s="239">
        <v>10.562099999999999</v>
      </c>
      <c r="E2479" s="239">
        <v>6.59E-2</v>
      </c>
      <c r="F2479" s="239">
        <v>4.58E-2</v>
      </c>
      <c r="G2479">
        <f t="shared" si="573"/>
        <v>10.571259999999999</v>
      </c>
      <c r="H2479" s="235">
        <f t="shared" si="574"/>
        <v>0.62338831889481483</v>
      </c>
      <c r="I2479" s="236">
        <f t="shared" si="575"/>
        <v>19.077147752768969</v>
      </c>
      <c r="J2479" s="237">
        <f t="shared" si="580"/>
        <v>9.077147752768969</v>
      </c>
      <c r="K2479" s="237">
        <f t="shared" si="576"/>
        <v>471.32001237991017</v>
      </c>
      <c r="L2479" s="237">
        <f t="shared" si="581"/>
        <v>224.32355241417955</v>
      </c>
      <c r="M2479" s="236">
        <f t="shared" si="577"/>
        <v>45.023983790039466</v>
      </c>
      <c r="N2479" s="236">
        <f t="shared" si="578"/>
        <v>0.65247912443812883</v>
      </c>
      <c r="O2479" s="236">
        <f t="shared" si="582"/>
        <v>2.0905033097142844</v>
      </c>
      <c r="P2479" s="236" t="str">
        <f t="shared" si="583"/>
        <v>SAND</v>
      </c>
      <c r="Q2479" s="236" t="e">
        <f t="shared" si="579"/>
        <v>#N/A</v>
      </c>
      <c r="R2479" s="238">
        <v>35</v>
      </c>
      <c r="S2479" s="236" t="e">
        <f t="shared" si="584"/>
        <v>#N/A</v>
      </c>
      <c r="T2479" s="236">
        <f t="shared" si="570"/>
        <v>35.787883113354596</v>
      </c>
    </row>
    <row r="2480" spans="1:20" x14ac:dyDescent="0.2">
      <c r="A2480" s="53">
        <f t="shared" si="571"/>
        <v>2468</v>
      </c>
      <c r="B2480" s="239">
        <v>24.722000000000001</v>
      </c>
      <c r="C2480" s="3">
        <f t="shared" si="572"/>
        <v>24.715</v>
      </c>
      <c r="D2480" s="239">
        <v>10.4894</v>
      </c>
      <c r="E2480" s="239">
        <v>7.1599999999999997E-2</v>
      </c>
      <c r="F2480" s="239">
        <v>5.2400000000000002E-2</v>
      </c>
      <c r="G2480">
        <f t="shared" si="573"/>
        <v>10.499879999999999</v>
      </c>
      <c r="H2480" s="235">
        <f t="shared" si="574"/>
        <v>0.68191255519110694</v>
      </c>
      <c r="I2480" s="236">
        <f t="shared" si="575"/>
        <v>19.171774116722158</v>
      </c>
      <c r="J2480" s="237">
        <f t="shared" si="580"/>
        <v>9.1717741167221583</v>
      </c>
      <c r="K2480" s="237">
        <f t="shared" si="576"/>
        <v>473.83039729478816</v>
      </c>
      <c r="L2480" s="237">
        <f t="shared" si="581"/>
        <v>226.7445997136052</v>
      </c>
      <c r="M2480" s="236">
        <f t="shared" si="577"/>
        <v>44.217368860686584</v>
      </c>
      <c r="N2480" s="236">
        <f t="shared" si="578"/>
        <v>0.71413969446830794</v>
      </c>
      <c r="O2480" s="236">
        <f t="shared" si="582"/>
        <v>2.1169486490949616</v>
      </c>
      <c r="P2480" s="236" t="str">
        <f t="shared" si="583"/>
        <v>SAND</v>
      </c>
      <c r="Q2480" s="236" t="e">
        <f t="shared" si="579"/>
        <v>#N/A</v>
      </c>
      <c r="R2480" s="238">
        <v>35</v>
      </c>
      <c r="S2480" s="236" t="e">
        <f t="shared" si="584"/>
        <v>#N/A</v>
      </c>
      <c r="T2480" s="236">
        <f t="shared" si="570"/>
        <v>35.70152186114678</v>
      </c>
    </row>
    <row r="2481" spans="1:20" x14ac:dyDescent="0.2">
      <c r="A2481" s="53">
        <f t="shared" si="571"/>
        <v>2469</v>
      </c>
      <c r="B2481" s="239">
        <v>24.731999999999999</v>
      </c>
      <c r="C2481" s="3">
        <f t="shared" si="572"/>
        <v>24.724999999999998</v>
      </c>
      <c r="D2481" s="239">
        <v>10.4252</v>
      </c>
      <c r="E2481" s="239">
        <v>7.9000000000000001E-2</v>
      </c>
      <c r="F2481" s="239">
        <v>5.8299999999999998E-2</v>
      </c>
      <c r="G2481">
        <f t="shared" si="573"/>
        <v>10.436859999999999</v>
      </c>
      <c r="H2481" s="235">
        <f t="shared" si="574"/>
        <v>0.756932640660122</v>
      </c>
      <c r="I2481" s="236">
        <f t="shared" si="575"/>
        <v>19.284749072960309</v>
      </c>
      <c r="J2481" s="237">
        <f t="shared" si="580"/>
        <v>9.2847490729603095</v>
      </c>
      <c r="K2481" s="237">
        <f t="shared" si="576"/>
        <v>476.81542082894362</v>
      </c>
      <c r="L2481" s="237">
        <f t="shared" si="581"/>
        <v>229.63041407245436</v>
      </c>
      <c r="M2481" s="236">
        <f t="shared" si="577"/>
        <v>43.374239511793952</v>
      </c>
      <c r="N2481" s="236">
        <f t="shared" si="578"/>
        <v>0.79316914068044198</v>
      </c>
      <c r="O2481" s="236">
        <f t="shared" si="582"/>
        <v>2.1475611331687356</v>
      </c>
      <c r="P2481" s="236" t="str">
        <f t="shared" si="583"/>
        <v>SAND</v>
      </c>
      <c r="Q2481" s="236" t="e">
        <f t="shared" si="579"/>
        <v>#N/A</v>
      </c>
      <c r="R2481" s="238">
        <v>35</v>
      </c>
      <c r="S2481" s="236" t="e">
        <f t="shared" si="584"/>
        <v>#N/A</v>
      </c>
      <c r="T2481" s="236">
        <f t="shared" si="570"/>
        <v>35.609550606341664</v>
      </c>
    </row>
    <row r="2482" spans="1:20" x14ac:dyDescent="0.2">
      <c r="A2482" s="53">
        <f t="shared" si="571"/>
        <v>2470</v>
      </c>
      <c r="B2482" s="239">
        <v>24.741</v>
      </c>
      <c r="C2482" s="3">
        <f t="shared" si="572"/>
        <v>24.733999999999998</v>
      </c>
      <c r="D2482" s="239">
        <v>10.398300000000001</v>
      </c>
      <c r="E2482" s="239">
        <v>8.5099999999999995E-2</v>
      </c>
      <c r="F2482" s="239">
        <v>6.0900000000000003E-2</v>
      </c>
      <c r="G2482">
        <f t="shared" si="573"/>
        <v>10.410480000000002</v>
      </c>
      <c r="H2482" s="235">
        <f t="shared" si="574"/>
        <v>0.81744549722971449</v>
      </c>
      <c r="I2482" s="236">
        <f t="shared" si="575"/>
        <v>19.370976545350075</v>
      </c>
      <c r="J2482" s="237">
        <f t="shared" si="580"/>
        <v>9.3709765453500751</v>
      </c>
      <c r="K2482" s="237">
        <f t="shared" si="576"/>
        <v>479.12173387268871</v>
      </c>
      <c r="L2482" s="237">
        <f t="shared" si="581"/>
        <v>231.84733070850621</v>
      </c>
      <c r="M2482" s="236">
        <f t="shared" si="577"/>
        <v>42.835767122174346</v>
      </c>
      <c r="N2482" s="236">
        <f t="shared" si="578"/>
        <v>0.85688178514563196</v>
      </c>
      <c r="O2482" s="236">
        <f t="shared" si="582"/>
        <v>2.1698345077553158</v>
      </c>
      <c r="P2482" s="236" t="str">
        <f t="shared" si="583"/>
        <v>SAND</v>
      </c>
      <c r="Q2482" s="236" t="e">
        <f t="shared" si="579"/>
        <v>#N/A</v>
      </c>
      <c r="R2482" s="238">
        <v>35</v>
      </c>
      <c r="S2482" s="236" t="e">
        <f t="shared" si="584"/>
        <v>#N/A</v>
      </c>
      <c r="T2482" s="236">
        <f t="shared" si="570"/>
        <v>35.54987203732059</v>
      </c>
    </row>
    <row r="2483" spans="1:20" x14ac:dyDescent="0.2">
      <c r="A2483" s="53">
        <f t="shared" si="571"/>
        <v>2471</v>
      </c>
      <c r="B2483" s="239">
        <v>24.751000000000001</v>
      </c>
      <c r="C2483" s="3">
        <f t="shared" si="572"/>
        <v>24.744</v>
      </c>
      <c r="D2483" s="239">
        <v>10.397500000000001</v>
      </c>
      <c r="E2483" s="239">
        <v>9.0800000000000006E-2</v>
      </c>
      <c r="F2483" s="239">
        <v>6.7900000000000002E-2</v>
      </c>
      <c r="G2483">
        <f t="shared" si="573"/>
        <v>10.41108</v>
      </c>
      <c r="H2483" s="235">
        <f t="shared" si="574"/>
        <v>0.87214775028143099</v>
      </c>
      <c r="I2483" s="236">
        <f t="shared" si="575"/>
        <v>19.447021050684775</v>
      </c>
      <c r="J2483" s="237">
        <f t="shared" si="580"/>
        <v>9.4470210506847749</v>
      </c>
      <c r="K2483" s="237">
        <f t="shared" si="576"/>
        <v>481.19708887814409</v>
      </c>
      <c r="L2483" s="237">
        <f t="shared" si="581"/>
        <v>233.82321802549887</v>
      </c>
      <c r="M2483" s="236">
        <f t="shared" si="577"/>
        <v>42.467480325409703</v>
      </c>
      <c r="N2483" s="236">
        <f t="shared" si="578"/>
        <v>0.91441158785770227</v>
      </c>
      <c r="O2483" s="236">
        <f t="shared" si="582"/>
        <v>2.1881160031997915</v>
      </c>
      <c r="P2483" s="236" t="str">
        <f t="shared" si="583"/>
        <v>SAND</v>
      </c>
      <c r="Q2483" s="236" t="e">
        <f t="shared" si="579"/>
        <v>#N/A</v>
      </c>
      <c r="R2483" s="238">
        <v>35</v>
      </c>
      <c r="S2483" s="236" t="e">
        <f t="shared" si="584"/>
        <v>#N/A</v>
      </c>
      <c r="T2483" s="236">
        <f t="shared" si="570"/>
        <v>35.508621436813115</v>
      </c>
    </row>
    <row r="2484" spans="1:20" x14ac:dyDescent="0.2">
      <c r="A2484" s="53">
        <f t="shared" si="571"/>
        <v>2472</v>
      </c>
      <c r="B2484" s="239">
        <v>24.76</v>
      </c>
      <c r="C2484" s="3">
        <f t="shared" si="572"/>
        <v>24.753</v>
      </c>
      <c r="D2484" s="239">
        <v>10.420400000000001</v>
      </c>
      <c r="E2484" s="239">
        <v>9.64E-2</v>
      </c>
      <c r="F2484" s="239">
        <v>7.4700000000000003E-2</v>
      </c>
      <c r="G2484">
        <f t="shared" si="573"/>
        <v>10.43534</v>
      </c>
      <c r="H2484" s="235">
        <f t="shared" si="574"/>
        <v>0.92378398787198113</v>
      </c>
      <c r="I2484" s="236">
        <f t="shared" si="575"/>
        <v>19.518106989194344</v>
      </c>
      <c r="J2484" s="237">
        <f t="shared" si="580"/>
        <v>9.5181069891943437</v>
      </c>
      <c r="K2484" s="237">
        <f t="shared" si="576"/>
        <v>483.13170230352762</v>
      </c>
      <c r="L2484" s="237">
        <f t="shared" si="581"/>
        <v>235.66832905245195</v>
      </c>
      <c r="M2484" s="236">
        <f t="shared" si="577"/>
        <v>42.229723177955918</v>
      </c>
      <c r="N2484" s="236">
        <f t="shared" si="578"/>
        <v>0.96862924404740058</v>
      </c>
      <c r="O2484" s="236">
        <f t="shared" si="582"/>
        <v>2.2037604671651323</v>
      </c>
      <c r="P2484" s="236" t="str">
        <f t="shared" si="583"/>
        <v>SAND</v>
      </c>
      <c r="Q2484" s="236" t="e">
        <f t="shared" si="579"/>
        <v>#N/A</v>
      </c>
      <c r="R2484" s="238">
        <v>35</v>
      </c>
      <c r="S2484" s="236" t="e">
        <f t="shared" si="584"/>
        <v>#N/A</v>
      </c>
      <c r="T2484" s="236">
        <f t="shared" si="570"/>
        <v>35.481800580270651</v>
      </c>
    </row>
    <row r="2485" spans="1:20" x14ac:dyDescent="0.2">
      <c r="A2485" s="53">
        <f t="shared" si="571"/>
        <v>2473</v>
      </c>
      <c r="B2485" s="239">
        <v>24.771000000000001</v>
      </c>
      <c r="C2485" s="3">
        <f t="shared" si="572"/>
        <v>24.763999999999999</v>
      </c>
      <c r="D2485" s="239">
        <v>10.481999999999999</v>
      </c>
      <c r="E2485" s="239">
        <v>9.9599999999999994E-2</v>
      </c>
      <c r="F2485" s="239">
        <v>8.3000000000000004E-2</v>
      </c>
      <c r="G2485">
        <f t="shared" si="573"/>
        <v>10.4986</v>
      </c>
      <c r="H2485" s="235">
        <f t="shared" si="574"/>
        <v>0.94869792162764566</v>
      </c>
      <c r="I2485" s="236">
        <f t="shared" si="575"/>
        <v>19.558761518476924</v>
      </c>
      <c r="J2485" s="237">
        <f t="shared" si="580"/>
        <v>9.5587615184769241</v>
      </c>
      <c r="K2485" s="237">
        <f t="shared" si="576"/>
        <v>484.35317024356254</v>
      </c>
      <c r="L2485" s="237">
        <f t="shared" si="581"/>
        <v>236.78008157419188</v>
      </c>
      <c r="M2485" s="236">
        <f t="shared" si="577"/>
        <v>42.293451219285124</v>
      </c>
      <c r="N2485" s="236">
        <f t="shared" si="578"/>
        <v>0.99458303448290808</v>
      </c>
      <c r="O2485" s="236">
        <f t="shared" si="582"/>
        <v>2.2095199717528251</v>
      </c>
      <c r="P2485" s="236" t="str">
        <f t="shared" si="583"/>
        <v>SAND</v>
      </c>
      <c r="Q2485" s="236" t="e">
        <f t="shared" si="579"/>
        <v>#N/A</v>
      </c>
      <c r="R2485" s="238">
        <v>35</v>
      </c>
      <c r="S2485" s="236" t="e">
        <f t="shared" si="584"/>
        <v>#N/A</v>
      </c>
      <c r="T2485" s="236">
        <f t="shared" si="570"/>
        <v>35.489004383570048</v>
      </c>
    </row>
    <row r="2486" spans="1:20" x14ac:dyDescent="0.2">
      <c r="A2486" s="53">
        <f t="shared" si="571"/>
        <v>2474</v>
      </c>
      <c r="B2486" s="239">
        <v>24.78</v>
      </c>
      <c r="C2486" s="3">
        <f t="shared" si="572"/>
        <v>24.773</v>
      </c>
      <c r="D2486" s="239">
        <v>10.5467</v>
      </c>
      <c r="E2486" s="239">
        <v>0.10199999999999999</v>
      </c>
      <c r="F2486" s="239">
        <v>8.7300000000000003E-2</v>
      </c>
      <c r="G2486">
        <f t="shared" si="573"/>
        <v>10.564159999999999</v>
      </c>
      <c r="H2486" s="235">
        <f t="shared" si="574"/>
        <v>0.96552873110592796</v>
      </c>
      <c r="I2486" s="236">
        <f t="shared" si="575"/>
        <v>19.589114991331304</v>
      </c>
      <c r="J2486" s="237">
        <f t="shared" si="580"/>
        <v>9.5891149913313036</v>
      </c>
      <c r="K2486" s="237">
        <f t="shared" si="576"/>
        <v>485.2811456802504</v>
      </c>
      <c r="L2486" s="237">
        <f t="shared" si="581"/>
        <v>237.61826948518973</v>
      </c>
      <c r="M2486" s="236">
        <f t="shared" si="577"/>
        <v>42.416262336040397</v>
      </c>
      <c r="N2486" s="236">
        <f t="shared" si="578"/>
        <v>1.0120173232986462</v>
      </c>
      <c r="O2486" s="236">
        <f t="shared" si="582"/>
        <v>2.2126392328700848</v>
      </c>
      <c r="P2486" s="236" t="str">
        <f t="shared" si="583"/>
        <v>SAND</v>
      </c>
      <c r="Q2486" s="236" t="e">
        <f t="shared" si="579"/>
        <v>#N/A</v>
      </c>
      <c r="R2486" s="238">
        <v>35</v>
      </c>
      <c r="S2486" s="236" t="e">
        <f t="shared" si="584"/>
        <v>#N/A</v>
      </c>
      <c r="T2486" s="236">
        <f t="shared" si="570"/>
        <v>35.502856360633565</v>
      </c>
    </row>
    <row r="2487" spans="1:20" x14ac:dyDescent="0.2">
      <c r="A2487" s="53">
        <f t="shared" si="571"/>
        <v>2475</v>
      </c>
      <c r="B2487" s="239">
        <v>24.789000000000001</v>
      </c>
      <c r="C2487" s="3">
        <f t="shared" si="572"/>
        <v>24.782</v>
      </c>
      <c r="D2487" s="239">
        <v>10.609299999999999</v>
      </c>
      <c r="E2487" s="239">
        <v>0.1036</v>
      </c>
      <c r="F2487" s="239">
        <v>9.4700000000000006E-2</v>
      </c>
      <c r="G2487">
        <f t="shared" si="573"/>
        <v>10.62824</v>
      </c>
      <c r="H2487" s="235">
        <f t="shared" si="574"/>
        <v>0.97476157858685919</v>
      </c>
      <c r="I2487" s="236">
        <f t="shared" si="575"/>
        <v>19.609729611511295</v>
      </c>
      <c r="J2487" s="237">
        <f t="shared" si="580"/>
        <v>9.6097296115112947</v>
      </c>
      <c r="K2487" s="237">
        <f t="shared" si="576"/>
        <v>485.96831923247288</v>
      </c>
      <c r="L2487" s="237">
        <f t="shared" si="581"/>
        <v>238.21558733975351</v>
      </c>
      <c r="M2487" s="236">
        <f t="shared" si="577"/>
        <v>42.576020293341145</v>
      </c>
      <c r="N2487" s="236">
        <f t="shared" si="578"/>
        <v>1.0214674114523421</v>
      </c>
      <c r="O2487" s="236">
        <f t="shared" si="582"/>
        <v>2.2135189564579192</v>
      </c>
      <c r="P2487" s="236" t="str">
        <f t="shared" si="583"/>
        <v>SAND</v>
      </c>
      <c r="Q2487" s="236" t="e">
        <f t="shared" si="579"/>
        <v>#N/A</v>
      </c>
      <c r="R2487" s="238">
        <v>35</v>
      </c>
      <c r="S2487" s="236" t="e">
        <f t="shared" si="584"/>
        <v>#N/A</v>
      </c>
      <c r="T2487" s="236">
        <f t="shared" si="570"/>
        <v>35.520815706293881</v>
      </c>
    </row>
    <row r="2488" spans="1:20" x14ac:dyDescent="0.2">
      <c r="A2488" s="53">
        <f t="shared" si="571"/>
        <v>2476</v>
      </c>
      <c r="B2488" s="239">
        <v>24.798999999999999</v>
      </c>
      <c r="C2488" s="3">
        <f t="shared" si="572"/>
        <v>24.791999999999998</v>
      </c>
      <c r="D2488" s="239">
        <v>10.657299999999999</v>
      </c>
      <c r="E2488" s="239">
        <v>0.1037</v>
      </c>
      <c r="F2488" s="239">
        <v>0.1042</v>
      </c>
      <c r="G2488">
        <f t="shared" si="573"/>
        <v>10.678139999999999</v>
      </c>
      <c r="H2488" s="235">
        <f t="shared" si="574"/>
        <v>0.97114291440269573</v>
      </c>
      <c r="I2488" s="236">
        <f t="shared" si="575"/>
        <v>19.612691746127624</v>
      </c>
      <c r="J2488" s="237">
        <f t="shared" si="580"/>
        <v>9.6126917461276236</v>
      </c>
      <c r="K2488" s="237">
        <f t="shared" si="576"/>
        <v>486.23785376999598</v>
      </c>
      <c r="L2488" s="237">
        <f t="shared" si="581"/>
        <v>238.38514261221894</v>
      </c>
      <c r="M2488" s="236">
        <f t="shared" si="577"/>
        <v>42.753931870700384</v>
      </c>
      <c r="N2488" s="236">
        <f t="shared" si="578"/>
        <v>1.017474446988865</v>
      </c>
      <c r="O2488" s="236">
        <f t="shared" si="582"/>
        <v>2.2110682981464653</v>
      </c>
      <c r="P2488" s="236" t="str">
        <f t="shared" si="583"/>
        <v>SAND</v>
      </c>
      <c r="Q2488" s="236" t="e">
        <f t="shared" si="579"/>
        <v>#N/A</v>
      </c>
      <c r="R2488" s="238">
        <v>35</v>
      </c>
      <c r="S2488" s="236" t="e">
        <f t="shared" si="584"/>
        <v>#N/A</v>
      </c>
      <c r="T2488" s="236">
        <f t="shared" si="570"/>
        <v>35.540736669320069</v>
      </c>
    </row>
    <row r="2489" spans="1:20" x14ac:dyDescent="0.2">
      <c r="A2489" s="53">
        <f t="shared" si="571"/>
        <v>2477</v>
      </c>
      <c r="B2489" s="239">
        <v>24.809000000000001</v>
      </c>
      <c r="C2489" s="3">
        <f t="shared" si="572"/>
        <v>24.802</v>
      </c>
      <c r="D2489" s="239">
        <v>10.6868</v>
      </c>
      <c r="E2489" s="239">
        <v>0.1036</v>
      </c>
      <c r="F2489" s="239">
        <v>0.1114</v>
      </c>
      <c r="G2489">
        <f t="shared" si="573"/>
        <v>10.70908</v>
      </c>
      <c r="H2489" s="235">
        <f t="shared" si="574"/>
        <v>0.96740336238033509</v>
      </c>
      <c r="I2489" s="236">
        <f t="shared" si="575"/>
        <v>19.612691340586011</v>
      </c>
      <c r="J2489" s="237">
        <f t="shared" si="580"/>
        <v>9.6126913405860108</v>
      </c>
      <c r="K2489" s="237">
        <f t="shared" si="576"/>
        <v>486.43397062921423</v>
      </c>
      <c r="L2489" s="237">
        <f t="shared" si="581"/>
        <v>238.48125946859835</v>
      </c>
      <c r="M2489" s="236">
        <f t="shared" si="577"/>
        <v>42.865615739155544</v>
      </c>
      <c r="N2489" s="236">
        <f t="shared" si="578"/>
        <v>1.0134362444160327</v>
      </c>
      <c r="O2489" s="236">
        <f t="shared" si="582"/>
        <v>2.2091672586953361</v>
      </c>
      <c r="P2489" s="236" t="str">
        <f t="shared" si="583"/>
        <v>SAND</v>
      </c>
      <c r="Q2489" s="236" t="e">
        <f t="shared" si="579"/>
        <v>#N/A</v>
      </c>
      <c r="R2489" s="238">
        <v>35</v>
      </c>
      <c r="S2489" s="236" t="e">
        <f t="shared" si="584"/>
        <v>#N/A</v>
      </c>
      <c r="T2489" s="236">
        <f t="shared" si="570"/>
        <v>35.553199731393335</v>
      </c>
    </row>
    <row r="2490" spans="1:20" x14ac:dyDescent="0.2">
      <c r="A2490" s="53">
        <f t="shared" si="571"/>
        <v>2478</v>
      </c>
      <c r="B2490" s="239">
        <v>24.818999999999999</v>
      </c>
      <c r="C2490" s="3">
        <f t="shared" si="572"/>
        <v>24.811999999999998</v>
      </c>
      <c r="D2490" s="239">
        <v>10.676299999999999</v>
      </c>
      <c r="E2490" s="239">
        <v>0.1051</v>
      </c>
      <c r="F2490" s="239">
        <v>0.1169</v>
      </c>
      <c r="G2490">
        <f t="shared" si="573"/>
        <v>10.699679999999999</v>
      </c>
      <c r="H2490" s="235">
        <f t="shared" si="574"/>
        <v>0.98227236702406062</v>
      </c>
      <c r="I2490" s="236">
        <f t="shared" si="575"/>
        <v>19.629204097979063</v>
      </c>
      <c r="J2490" s="237">
        <f t="shared" si="580"/>
        <v>9.6292040979790627</v>
      </c>
      <c r="K2490" s="237">
        <f t="shared" si="576"/>
        <v>487.03981207905645</v>
      </c>
      <c r="L2490" s="237">
        <f t="shared" si="581"/>
        <v>238.98721650774235</v>
      </c>
      <c r="M2490" s="236">
        <f t="shared" si="577"/>
        <v>42.732997760949651</v>
      </c>
      <c r="N2490" s="236">
        <f t="shared" si="578"/>
        <v>1.029116840171336</v>
      </c>
      <c r="O2490" s="236">
        <f t="shared" si="582"/>
        <v>2.2139920093095453</v>
      </c>
      <c r="P2490" s="236" t="str">
        <f t="shared" si="583"/>
        <v>SAND</v>
      </c>
      <c r="Q2490" s="236" t="e">
        <f t="shared" si="579"/>
        <v>#N/A</v>
      </c>
      <c r="R2490" s="238">
        <v>35</v>
      </c>
      <c r="S2490" s="236" t="e">
        <f t="shared" si="584"/>
        <v>#N/A</v>
      </c>
      <c r="T2490" s="236">
        <f t="shared" si="570"/>
        <v>35.538396960682469</v>
      </c>
    </row>
    <row r="2491" spans="1:20" x14ac:dyDescent="0.2">
      <c r="A2491" s="53">
        <f t="shared" si="571"/>
        <v>2479</v>
      </c>
      <c r="B2491" s="239">
        <v>24.829000000000001</v>
      </c>
      <c r="C2491" s="3">
        <f t="shared" si="572"/>
        <v>24.821999999999999</v>
      </c>
      <c r="D2491" s="239">
        <v>10.614100000000001</v>
      </c>
      <c r="E2491" s="239">
        <v>0.1057</v>
      </c>
      <c r="F2491" s="239">
        <v>0.1242</v>
      </c>
      <c r="G2491">
        <f t="shared" si="573"/>
        <v>10.63894</v>
      </c>
      <c r="H2491" s="235">
        <f t="shared" si="574"/>
        <v>0.99352003113092091</v>
      </c>
      <c r="I2491" s="236">
        <f t="shared" si="575"/>
        <v>19.63365404377425</v>
      </c>
      <c r="J2491" s="237">
        <f t="shared" si="580"/>
        <v>9.6336540437742499</v>
      </c>
      <c r="K2491" s="237">
        <f t="shared" si="576"/>
        <v>487.34656067456444</v>
      </c>
      <c r="L2491" s="237">
        <f t="shared" si="581"/>
        <v>239.19399625287085</v>
      </c>
      <c r="M2491" s="236">
        <f t="shared" si="577"/>
        <v>42.440837137874418</v>
      </c>
      <c r="N2491" s="236">
        <f t="shared" si="578"/>
        <v>1.0412158508095619</v>
      </c>
      <c r="O2491" s="236">
        <f t="shared" si="582"/>
        <v>2.2192942943978675</v>
      </c>
      <c r="P2491" s="236" t="str">
        <f t="shared" si="583"/>
        <v>SAND</v>
      </c>
      <c r="Q2491" s="236" t="e">
        <f t="shared" si="579"/>
        <v>#N/A</v>
      </c>
      <c r="R2491" s="238">
        <v>35</v>
      </c>
      <c r="S2491" s="236" t="e">
        <f t="shared" si="584"/>
        <v>#N/A</v>
      </c>
      <c r="T2491" s="236">
        <f t="shared" si="570"/>
        <v>35.505623358637131</v>
      </c>
    </row>
    <row r="2492" spans="1:20" x14ac:dyDescent="0.2">
      <c r="A2492" s="53">
        <f t="shared" si="571"/>
        <v>2480</v>
      </c>
      <c r="B2492" s="239">
        <v>24.838999999999999</v>
      </c>
      <c r="C2492" s="3">
        <f t="shared" si="572"/>
        <v>24.831999999999997</v>
      </c>
      <c r="D2492" s="239">
        <v>10.551</v>
      </c>
      <c r="E2492" s="239">
        <v>0.1062</v>
      </c>
      <c r="F2492" s="239">
        <v>0.1336</v>
      </c>
      <c r="G2492">
        <f t="shared" si="573"/>
        <v>10.577719999999999</v>
      </c>
      <c r="H2492" s="235">
        <f t="shared" si="574"/>
        <v>1.003997080656323</v>
      </c>
      <c r="I2492" s="236">
        <f t="shared" si="575"/>
        <v>19.636932109662929</v>
      </c>
      <c r="J2492" s="237">
        <f t="shared" si="580"/>
        <v>9.6369321096629292</v>
      </c>
      <c r="K2492" s="237">
        <f t="shared" si="576"/>
        <v>487.62429814714983</v>
      </c>
      <c r="L2492" s="237">
        <f t="shared" si="581"/>
        <v>239.3717566719175</v>
      </c>
      <c r="M2492" s="236">
        <f t="shared" si="577"/>
        <v>42.152406959532478</v>
      </c>
      <c r="N2492" s="236">
        <f t="shared" si="578"/>
        <v>1.0525172717687745</v>
      </c>
      <c r="O2492" s="236">
        <f t="shared" si="582"/>
        <v>2.2243682065115316</v>
      </c>
      <c r="P2492" s="236" t="str">
        <f t="shared" si="583"/>
        <v>SAND</v>
      </c>
      <c r="Q2492" s="236" t="e">
        <f t="shared" si="579"/>
        <v>#N/A</v>
      </c>
      <c r="R2492" s="238">
        <v>35</v>
      </c>
      <c r="S2492" s="236" t="e">
        <f t="shared" si="584"/>
        <v>#N/A</v>
      </c>
      <c r="T2492" s="236">
        <f t="shared" si="570"/>
        <v>35.473046163191739</v>
      </c>
    </row>
    <row r="2493" spans="1:20" x14ac:dyDescent="0.2">
      <c r="A2493" s="53">
        <f t="shared" si="571"/>
        <v>2481</v>
      </c>
      <c r="B2493" s="239">
        <v>24.847999999999999</v>
      </c>
      <c r="C2493" s="3">
        <f t="shared" si="572"/>
        <v>24.840999999999998</v>
      </c>
      <c r="D2493" s="239">
        <v>10.412800000000001</v>
      </c>
      <c r="E2493" s="239">
        <v>0.10630000000000001</v>
      </c>
      <c r="F2493" s="239">
        <v>0.13650000000000001</v>
      </c>
      <c r="G2493">
        <f t="shared" si="573"/>
        <v>10.440100000000001</v>
      </c>
      <c r="H2493" s="235">
        <f t="shared" si="574"/>
        <v>1.0181894809436689</v>
      </c>
      <c r="I2493" s="236">
        <f t="shared" si="575"/>
        <v>19.632917061295025</v>
      </c>
      <c r="J2493" s="237">
        <f t="shared" si="580"/>
        <v>9.632917061295025</v>
      </c>
      <c r="K2493" s="237">
        <f t="shared" si="576"/>
        <v>487.70129271962969</v>
      </c>
      <c r="L2493" s="237">
        <f t="shared" si="581"/>
        <v>239.35872313905878</v>
      </c>
      <c r="M2493" s="236">
        <f t="shared" si="577"/>
        <v>41.57942763380462</v>
      </c>
      <c r="N2493" s="236">
        <f t="shared" si="578"/>
        <v>1.0680842189555724</v>
      </c>
      <c r="O2493" s="236">
        <f t="shared" si="582"/>
        <v>2.2328606032379668</v>
      </c>
      <c r="P2493" s="236" t="str">
        <f t="shared" si="583"/>
        <v>SAND</v>
      </c>
      <c r="Q2493" s="236" t="e">
        <f t="shared" si="579"/>
        <v>#N/A</v>
      </c>
      <c r="R2493" s="238">
        <v>35</v>
      </c>
      <c r="S2493" s="236" t="e">
        <f t="shared" si="584"/>
        <v>#N/A</v>
      </c>
      <c r="T2493" s="236">
        <f t="shared" si="570"/>
        <v>35.40766357378827</v>
      </c>
    </row>
    <row r="2494" spans="1:20" x14ac:dyDescent="0.2">
      <c r="A2494" s="53">
        <f t="shared" si="571"/>
        <v>2482</v>
      </c>
      <c r="B2494" s="239">
        <v>24.858000000000001</v>
      </c>
      <c r="C2494" s="3">
        <f t="shared" si="572"/>
        <v>24.850999999999999</v>
      </c>
      <c r="D2494" s="239">
        <v>10.2866</v>
      </c>
      <c r="E2494" s="239">
        <v>0.1065</v>
      </c>
      <c r="F2494" s="239">
        <v>0.1414</v>
      </c>
      <c r="G2494">
        <f t="shared" si="573"/>
        <v>10.31488</v>
      </c>
      <c r="H2494" s="235">
        <f t="shared" si="574"/>
        <v>1.0324889867841409</v>
      </c>
      <c r="I2494" s="236">
        <f t="shared" si="575"/>
        <v>19.630404757280804</v>
      </c>
      <c r="J2494" s="237">
        <f t="shared" si="580"/>
        <v>9.6304047572808038</v>
      </c>
      <c r="K2494" s="237">
        <f t="shared" si="576"/>
        <v>487.83518862318522</v>
      </c>
      <c r="L2494" s="237">
        <f t="shared" si="581"/>
        <v>239.39260145648623</v>
      </c>
      <c r="M2494" s="236">
        <f t="shared" si="577"/>
        <v>41.049910279549941</v>
      </c>
      <c r="N2494" s="236">
        <f t="shared" si="578"/>
        <v>1.0837439132943045</v>
      </c>
      <c r="O2494" s="236">
        <f t="shared" si="582"/>
        <v>2.241011042281166</v>
      </c>
      <c r="P2494" s="236" t="str">
        <f t="shared" si="583"/>
        <v>SAND</v>
      </c>
      <c r="Q2494" s="236" t="e">
        <f t="shared" si="579"/>
        <v>#N/A</v>
      </c>
      <c r="R2494" s="238">
        <v>35</v>
      </c>
      <c r="S2494" s="236" t="e">
        <f t="shared" si="584"/>
        <v>#N/A</v>
      </c>
      <c r="T2494" s="236">
        <f t="shared" si="570"/>
        <v>35.346434334681717</v>
      </c>
    </row>
    <row r="2495" spans="1:20" x14ac:dyDescent="0.2">
      <c r="A2495" s="53">
        <f t="shared" si="571"/>
        <v>2483</v>
      </c>
      <c r="B2495" s="239">
        <v>24.867000000000001</v>
      </c>
      <c r="C2495" s="3">
        <f t="shared" si="572"/>
        <v>24.86</v>
      </c>
      <c r="D2495" s="239">
        <v>10.1395</v>
      </c>
      <c r="E2495" s="239">
        <v>0.10630000000000001</v>
      </c>
      <c r="F2495" s="239">
        <v>0.1497</v>
      </c>
      <c r="G2495">
        <f t="shared" si="573"/>
        <v>10.16944</v>
      </c>
      <c r="H2495" s="235">
        <f t="shared" si="574"/>
        <v>1.0452886294623893</v>
      </c>
      <c r="I2495" s="236">
        <f t="shared" si="575"/>
        <v>19.622650203074883</v>
      </c>
      <c r="J2495" s="237">
        <f t="shared" si="580"/>
        <v>9.6226502030748833</v>
      </c>
      <c r="K2495" s="237">
        <f t="shared" si="576"/>
        <v>487.8190840484416</v>
      </c>
      <c r="L2495" s="237">
        <f t="shared" si="581"/>
        <v>239.28644259986314</v>
      </c>
      <c r="M2495" s="236">
        <f t="shared" si="577"/>
        <v>40.460382171092114</v>
      </c>
      <c r="N2495" s="236">
        <f t="shared" si="578"/>
        <v>1.0979566430333871</v>
      </c>
      <c r="O2495" s="236">
        <f t="shared" si="582"/>
        <v>2.2493848750587238</v>
      </c>
      <c r="P2495" s="236" t="str">
        <f t="shared" si="583"/>
        <v>SAND</v>
      </c>
      <c r="Q2495" s="236" t="e">
        <f t="shared" si="579"/>
        <v>#N/A</v>
      </c>
      <c r="R2495" s="238">
        <v>35</v>
      </c>
      <c r="S2495" s="236" t="e">
        <f t="shared" si="584"/>
        <v>#N/A</v>
      </c>
      <c r="T2495" s="236">
        <f t="shared" si="570"/>
        <v>35.277329786710929</v>
      </c>
    </row>
    <row r="2496" spans="1:20" x14ac:dyDescent="0.2">
      <c r="A2496" s="53">
        <f t="shared" si="571"/>
        <v>2484</v>
      </c>
      <c r="B2496" s="239">
        <v>24.878</v>
      </c>
      <c r="C2496" s="3">
        <f t="shared" si="572"/>
        <v>24.870999999999999</v>
      </c>
      <c r="D2496" s="239">
        <v>9.9901999999999997</v>
      </c>
      <c r="E2496" s="239">
        <v>0.10630000000000001</v>
      </c>
      <c r="F2496" s="239">
        <v>0.15479999999999999</v>
      </c>
      <c r="G2496">
        <f t="shared" si="573"/>
        <v>10.02116</v>
      </c>
      <c r="H2496" s="235">
        <f t="shared" si="574"/>
        <v>1.060755441485816</v>
      </c>
      <c r="I2496" s="236">
        <f t="shared" si="575"/>
        <v>19.616909065198662</v>
      </c>
      <c r="J2496" s="237">
        <f t="shared" si="580"/>
        <v>9.6169090651986622</v>
      </c>
      <c r="K2496" s="237">
        <f t="shared" si="576"/>
        <v>487.8921453605559</v>
      </c>
      <c r="L2496" s="237">
        <f t="shared" si="581"/>
        <v>239.24946372401232</v>
      </c>
      <c r="M2496" s="236">
        <f t="shared" si="577"/>
        <v>39.84655892744906</v>
      </c>
      <c r="N2496" s="236">
        <f t="shared" si="578"/>
        <v>1.1150426235875481</v>
      </c>
      <c r="O2496" s="236">
        <f t="shared" si="582"/>
        <v>2.2586425445443687</v>
      </c>
      <c r="P2496" s="236" t="str">
        <f t="shared" si="583"/>
        <v>SAND</v>
      </c>
      <c r="Q2496" s="236" t="e">
        <f t="shared" si="579"/>
        <v>#N/A</v>
      </c>
      <c r="R2496" s="238">
        <v>35</v>
      </c>
      <c r="S2496" s="236" t="e">
        <f t="shared" si="584"/>
        <v>#N/A</v>
      </c>
      <c r="T2496" s="236">
        <f t="shared" si="570"/>
        <v>35.204299047625085</v>
      </c>
    </row>
    <row r="2497" spans="1:20" x14ac:dyDescent="0.2">
      <c r="A2497" s="53">
        <f t="shared" si="571"/>
        <v>2485</v>
      </c>
      <c r="B2497" s="239">
        <v>24.887</v>
      </c>
      <c r="C2497" s="3">
        <f t="shared" si="572"/>
        <v>24.88</v>
      </c>
      <c r="D2497" s="239">
        <v>9.8489000000000004</v>
      </c>
      <c r="E2497" s="239">
        <v>0.1069</v>
      </c>
      <c r="F2497" s="239">
        <v>0.15740000000000001</v>
      </c>
      <c r="G2497">
        <f t="shared" si="573"/>
        <v>9.8803800000000006</v>
      </c>
      <c r="H2497" s="235">
        <f t="shared" si="574"/>
        <v>1.0819421925067658</v>
      </c>
      <c r="I2497" s="236">
        <f t="shared" si="575"/>
        <v>19.617979141556489</v>
      </c>
      <c r="J2497" s="237">
        <f t="shared" si="580"/>
        <v>9.6179791415564893</v>
      </c>
      <c r="K2497" s="237">
        <f t="shared" si="576"/>
        <v>488.09532104192544</v>
      </c>
      <c r="L2497" s="237">
        <f t="shared" si="581"/>
        <v>239.36264689591636</v>
      </c>
      <c r="M2497" s="236">
        <f t="shared" si="577"/>
        <v>39.238723337823821</v>
      </c>
      <c r="N2497" s="236">
        <f t="shared" si="578"/>
        <v>1.1381682269436795</v>
      </c>
      <c r="O2497" s="236">
        <f t="shared" si="582"/>
        <v>2.2691735976137353</v>
      </c>
      <c r="P2497" s="236" t="str">
        <f t="shared" si="583"/>
        <v>SAND</v>
      </c>
      <c r="Q2497" s="236" t="e">
        <f t="shared" si="579"/>
        <v>#N/A</v>
      </c>
      <c r="R2497" s="238">
        <v>35</v>
      </c>
      <c r="S2497" s="236" t="e">
        <f t="shared" si="584"/>
        <v>#N/A</v>
      </c>
      <c r="T2497" s="236">
        <f t="shared" si="570"/>
        <v>35.130863557144373</v>
      </c>
    </row>
    <row r="2498" spans="1:20" x14ac:dyDescent="0.2">
      <c r="A2498" s="53">
        <f t="shared" si="571"/>
        <v>2486</v>
      </c>
      <c r="B2498" s="239">
        <v>24.896999999999998</v>
      </c>
      <c r="C2498" s="3">
        <f t="shared" si="572"/>
        <v>24.889999999999997</v>
      </c>
      <c r="D2498" s="239">
        <v>9.7703000000000007</v>
      </c>
      <c r="E2498" s="239">
        <v>0.1065</v>
      </c>
      <c r="F2498" s="239">
        <v>0.16450000000000001</v>
      </c>
      <c r="G2498">
        <f t="shared" si="573"/>
        <v>9.8032000000000004</v>
      </c>
      <c r="H2498" s="235">
        <f t="shared" si="574"/>
        <v>1.0863799575648767</v>
      </c>
      <c r="I2498" s="236">
        <f t="shared" si="575"/>
        <v>19.610518072063421</v>
      </c>
      <c r="J2498" s="237">
        <f t="shared" si="580"/>
        <v>9.6105180720634209</v>
      </c>
      <c r="K2498" s="237">
        <f t="shared" si="576"/>
        <v>488.10579481365846</v>
      </c>
      <c r="L2498" s="237">
        <f t="shared" si="581"/>
        <v>239.27306844016297</v>
      </c>
      <c r="M2498" s="236">
        <f t="shared" si="577"/>
        <v>38.930809329742203</v>
      </c>
      <c r="N2498" s="236">
        <f t="shared" si="578"/>
        <v>1.143305667705478</v>
      </c>
      <c r="O2498" s="236">
        <f t="shared" si="582"/>
        <v>2.2731026791430788</v>
      </c>
      <c r="P2498" s="236" t="str">
        <f t="shared" si="583"/>
        <v>SAND</v>
      </c>
      <c r="Q2498" s="236" t="e">
        <f t="shared" si="579"/>
        <v>#N/A</v>
      </c>
      <c r="R2498" s="238">
        <v>35</v>
      </c>
      <c r="S2498" s="236" t="e">
        <f t="shared" si="584"/>
        <v>#N/A</v>
      </c>
      <c r="T2498" s="236">
        <f t="shared" si="570"/>
        <v>35.093227755609846</v>
      </c>
    </row>
    <row r="2499" spans="1:20" x14ac:dyDescent="0.2">
      <c r="A2499" s="53">
        <f t="shared" si="571"/>
        <v>2487</v>
      </c>
      <c r="B2499" s="239">
        <v>24.907</v>
      </c>
      <c r="C2499" s="3">
        <f t="shared" si="572"/>
        <v>24.9</v>
      </c>
      <c r="D2499" s="239">
        <v>9.7476000000000003</v>
      </c>
      <c r="E2499" s="239">
        <v>0.10639999999999999</v>
      </c>
      <c r="F2499" s="239">
        <v>0.1711</v>
      </c>
      <c r="G2499">
        <f t="shared" si="573"/>
        <v>9.7818199999999997</v>
      </c>
      <c r="H2499" s="235">
        <f t="shared" si="574"/>
        <v>1.0877321398267397</v>
      </c>
      <c r="I2499" s="236">
        <f t="shared" si="575"/>
        <v>19.608563150078282</v>
      </c>
      <c r="J2499" s="237">
        <f t="shared" si="580"/>
        <v>9.6085631500782824</v>
      </c>
      <c r="K2499" s="237">
        <f t="shared" si="576"/>
        <v>488.25322243694922</v>
      </c>
      <c r="L2499" s="237">
        <f t="shared" si="581"/>
        <v>239.32048237899977</v>
      </c>
      <c r="M2499" s="236">
        <f t="shared" si="577"/>
        <v>38.833144096898891</v>
      </c>
      <c r="N2499" s="236">
        <f t="shared" si="578"/>
        <v>1.1448779843802885</v>
      </c>
      <c r="O2499" s="236">
        <f t="shared" si="582"/>
        <v>2.2743403733495762</v>
      </c>
      <c r="P2499" s="236" t="str">
        <f t="shared" si="583"/>
        <v>SAND</v>
      </c>
      <c r="Q2499" s="236" t="e">
        <f t="shared" si="579"/>
        <v>#N/A</v>
      </c>
      <c r="R2499" s="238">
        <v>35</v>
      </c>
      <c r="S2499" s="236" t="e">
        <f t="shared" si="584"/>
        <v>#N/A</v>
      </c>
      <c r="T2499" s="236">
        <f t="shared" si="570"/>
        <v>35.081228097325329</v>
      </c>
    </row>
    <row r="2500" spans="1:20" x14ac:dyDescent="0.2">
      <c r="A2500" s="53">
        <f t="shared" si="571"/>
        <v>2488</v>
      </c>
      <c r="B2500" s="239">
        <v>24.916</v>
      </c>
      <c r="C2500" s="3">
        <f t="shared" si="572"/>
        <v>24.908999999999999</v>
      </c>
      <c r="D2500" s="239">
        <v>9.7835999999999999</v>
      </c>
      <c r="E2500" s="239">
        <v>0.1065</v>
      </c>
      <c r="F2500" s="239">
        <v>0.17810000000000001</v>
      </c>
      <c r="G2500">
        <f t="shared" si="573"/>
        <v>9.8192199999999996</v>
      </c>
      <c r="H2500" s="235">
        <f t="shared" si="574"/>
        <v>1.0846075350180566</v>
      </c>
      <c r="I2500" s="236">
        <f t="shared" si="575"/>
        <v>19.611156286843379</v>
      </c>
      <c r="J2500" s="237">
        <f t="shared" si="580"/>
        <v>9.6111562868433786</v>
      </c>
      <c r="K2500" s="237">
        <f t="shared" si="576"/>
        <v>488.4942919489817</v>
      </c>
      <c r="L2500" s="237">
        <f t="shared" si="581"/>
        <v>239.47157004298961</v>
      </c>
      <c r="M2500" s="236">
        <f t="shared" si="577"/>
        <v>38.963813977483746</v>
      </c>
      <c r="N2500" s="236">
        <f t="shared" si="578"/>
        <v>1.1413903198130289</v>
      </c>
      <c r="O2500" s="236">
        <f t="shared" si="582"/>
        <v>2.2723889280033109</v>
      </c>
      <c r="P2500" s="236" t="str">
        <f t="shared" si="583"/>
        <v>SAND</v>
      </c>
      <c r="Q2500" s="236" t="e">
        <f t="shared" si="579"/>
        <v>#N/A</v>
      </c>
      <c r="R2500" s="238">
        <v>35</v>
      </c>
      <c r="S2500" s="236" t="e">
        <f t="shared" si="584"/>
        <v>#N/A</v>
      </c>
      <c r="T2500" s="236">
        <f t="shared" si="570"/>
        <v>35.097276073787555</v>
      </c>
    </row>
    <row r="2501" spans="1:20" x14ac:dyDescent="0.2">
      <c r="A2501" s="53">
        <f t="shared" si="571"/>
        <v>2489</v>
      </c>
      <c r="B2501" s="239">
        <v>24.925999999999998</v>
      </c>
      <c r="C2501" s="3">
        <f t="shared" si="572"/>
        <v>24.918999999999997</v>
      </c>
      <c r="D2501" s="239">
        <v>9.8863000000000003</v>
      </c>
      <c r="E2501" s="239">
        <v>0.1072</v>
      </c>
      <c r="F2501" s="239">
        <v>0.185</v>
      </c>
      <c r="G2501">
        <f t="shared" si="573"/>
        <v>9.9233000000000011</v>
      </c>
      <c r="H2501" s="235">
        <f t="shared" si="574"/>
        <v>1.0802857920248303</v>
      </c>
      <c r="I2501" s="236">
        <f t="shared" si="575"/>
        <v>19.622959483828474</v>
      </c>
      <c r="J2501" s="237">
        <f t="shared" si="580"/>
        <v>9.622959483828474</v>
      </c>
      <c r="K2501" s="237">
        <f t="shared" si="576"/>
        <v>488.98452737752166</v>
      </c>
      <c r="L2501" s="237">
        <f t="shared" si="581"/>
        <v>239.86188809390853</v>
      </c>
      <c r="M2501" s="236">
        <f t="shared" si="577"/>
        <v>39.332282204536149</v>
      </c>
      <c r="N2501" s="236">
        <f t="shared" si="578"/>
        <v>1.1362774576606494</v>
      </c>
      <c r="O2501" s="236">
        <f t="shared" si="582"/>
        <v>2.2679122987730622</v>
      </c>
      <c r="P2501" s="236" t="str">
        <f t="shared" si="583"/>
        <v>SAND</v>
      </c>
      <c r="Q2501" s="236" t="e">
        <f t="shared" si="579"/>
        <v>#N/A</v>
      </c>
      <c r="R2501" s="238">
        <v>35</v>
      </c>
      <c r="S2501" s="236" t="e">
        <f t="shared" si="584"/>
        <v>#N/A</v>
      </c>
      <c r="T2501" s="236">
        <f t="shared" si="570"/>
        <v>35.14224061164861</v>
      </c>
    </row>
    <row r="2502" spans="1:20" x14ac:dyDescent="0.2">
      <c r="A2502" s="53">
        <f t="shared" si="571"/>
        <v>2490</v>
      </c>
      <c r="B2502" s="239">
        <v>24.934999999999999</v>
      </c>
      <c r="C2502" s="3">
        <f t="shared" si="572"/>
        <v>24.927999999999997</v>
      </c>
      <c r="D2502" s="239">
        <v>10.0405</v>
      </c>
      <c r="E2502" s="239">
        <v>0.1085</v>
      </c>
      <c r="F2502" s="239">
        <v>0.1913</v>
      </c>
      <c r="G2502">
        <f t="shared" si="573"/>
        <v>10.078759999999999</v>
      </c>
      <c r="H2502" s="235">
        <f t="shared" si="574"/>
        <v>1.076521318098655</v>
      </c>
      <c r="I2502" s="236">
        <f t="shared" si="575"/>
        <v>19.643169740818266</v>
      </c>
      <c r="J2502" s="237">
        <f t="shared" si="580"/>
        <v>9.6431697408182657</v>
      </c>
      <c r="K2502" s="237">
        <f t="shared" si="576"/>
        <v>489.6649352991177</v>
      </c>
      <c r="L2502" s="237">
        <f t="shared" si="581"/>
        <v>240.45243748730346</v>
      </c>
      <c r="M2502" s="236">
        <f t="shared" si="577"/>
        <v>39.87938390188792</v>
      </c>
      <c r="N2502" s="236">
        <f t="shared" si="578"/>
        <v>1.1314936317547553</v>
      </c>
      <c r="O2502" s="236">
        <f t="shared" si="582"/>
        <v>2.2619219927130589</v>
      </c>
      <c r="P2502" s="236" t="str">
        <f t="shared" si="583"/>
        <v>SAND</v>
      </c>
      <c r="Q2502" s="236" t="e">
        <f t="shared" si="579"/>
        <v>#N/A</v>
      </c>
      <c r="R2502" s="238">
        <v>35</v>
      </c>
      <c r="S2502" s="236" t="e">
        <f t="shared" si="584"/>
        <v>#N/A</v>
      </c>
      <c r="T2502" s="236">
        <f t="shared" si="570"/>
        <v>35.208232842855026</v>
      </c>
    </row>
    <row r="2503" spans="1:20" x14ac:dyDescent="0.2">
      <c r="A2503" s="53">
        <f t="shared" si="571"/>
        <v>2491</v>
      </c>
      <c r="B2503" s="239">
        <v>24.945</v>
      </c>
      <c r="C2503" s="3">
        <f t="shared" si="572"/>
        <v>24.937999999999999</v>
      </c>
      <c r="D2503" s="239">
        <v>10.203900000000001</v>
      </c>
      <c r="E2503" s="239">
        <v>0.1091</v>
      </c>
      <c r="F2503" s="239">
        <v>0.20069999999999999</v>
      </c>
      <c r="G2503">
        <f t="shared" si="573"/>
        <v>10.24404</v>
      </c>
      <c r="H2503" s="235">
        <f t="shared" si="574"/>
        <v>1.0650095079675599</v>
      </c>
      <c r="I2503" s="236">
        <f t="shared" si="575"/>
        <v>19.655994020005139</v>
      </c>
      <c r="J2503" s="237">
        <f t="shared" si="580"/>
        <v>9.6559940200051386</v>
      </c>
      <c r="K2503" s="237">
        <f t="shared" si="576"/>
        <v>490.18117887088812</v>
      </c>
      <c r="L2503" s="237">
        <f t="shared" si="581"/>
        <v>240.86877082902819</v>
      </c>
      <c r="M2503" s="236">
        <f t="shared" si="577"/>
        <v>40.494493277638426</v>
      </c>
      <c r="N2503" s="236">
        <f t="shared" si="578"/>
        <v>1.1185316703955586</v>
      </c>
      <c r="O2503" s="236">
        <f t="shared" si="582"/>
        <v>2.253610935528183</v>
      </c>
      <c r="P2503" s="236" t="str">
        <f t="shared" si="583"/>
        <v>SAND</v>
      </c>
      <c r="Q2503" s="236" t="e">
        <f t="shared" si="579"/>
        <v>#N/A</v>
      </c>
      <c r="R2503" s="238">
        <v>35</v>
      </c>
      <c r="S2503" s="236" t="e">
        <f t="shared" si="584"/>
        <v>#N/A</v>
      </c>
      <c r="T2503" s="236">
        <f t="shared" si="570"/>
        <v>35.281355657358802</v>
      </c>
    </row>
    <row r="2504" spans="1:20" x14ac:dyDescent="0.2">
      <c r="A2504" s="53">
        <f t="shared" si="571"/>
        <v>2492</v>
      </c>
      <c r="B2504" s="239">
        <v>24.998000000000001</v>
      </c>
      <c r="C2504" s="3">
        <f t="shared" si="572"/>
        <v>24.991</v>
      </c>
      <c r="D2504" s="239">
        <v>10.5328</v>
      </c>
      <c r="E2504" s="239">
        <v>0.106</v>
      </c>
      <c r="F2504" s="239">
        <v>0.152</v>
      </c>
      <c r="G2504">
        <f t="shared" si="573"/>
        <v>10.5632</v>
      </c>
      <c r="H2504" s="235">
        <f t="shared" si="574"/>
        <v>1.0034837927900635</v>
      </c>
      <c r="I2504" s="236">
        <f t="shared" si="575"/>
        <v>19.634184842982563</v>
      </c>
      <c r="J2504" s="237">
        <f t="shared" si="580"/>
        <v>9.6341848429825632</v>
      </c>
      <c r="K2504" s="237">
        <f t="shared" si="576"/>
        <v>490.67791341097723</v>
      </c>
      <c r="L2504" s="237">
        <f t="shared" si="581"/>
        <v>240.83535270487812</v>
      </c>
      <c r="M2504" s="236">
        <f t="shared" si="577"/>
        <v>41.823270435433066</v>
      </c>
      <c r="N2504" s="236">
        <f t="shared" si="578"/>
        <v>1.0523680076227664</v>
      </c>
      <c r="O2504" s="236">
        <f t="shared" si="582"/>
        <v>2.2271587023256676</v>
      </c>
      <c r="P2504" s="236" t="str">
        <f t="shared" si="583"/>
        <v>SAND</v>
      </c>
      <c r="Q2504" s="236" t="e">
        <f t="shared" si="579"/>
        <v>#N/A</v>
      </c>
      <c r="R2504" s="238">
        <v>35</v>
      </c>
      <c r="S2504" s="236" t="e">
        <f t="shared" si="584"/>
        <v>#N/A</v>
      </c>
      <c r="T2504" s="236">
        <f t="shared" si="570"/>
        <v>35.435597891533675</v>
      </c>
    </row>
    <row r="2505" spans="1:20" x14ac:dyDescent="0.2">
      <c r="A2505" s="53">
        <f t="shared" si="571"/>
        <v>2493</v>
      </c>
      <c r="B2505" s="239">
        <v>25.009</v>
      </c>
      <c r="C2505" s="3">
        <f t="shared" si="572"/>
        <v>25.001999999999999</v>
      </c>
      <c r="D2505" s="239">
        <v>10.389799999999999</v>
      </c>
      <c r="E2505" s="239">
        <v>0.1017</v>
      </c>
      <c r="F2505" s="239">
        <v>0.13089999999999999</v>
      </c>
      <c r="G2505">
        <f t="shared" si="573"/>
        <v>10.415979999999999</v>
      </c>
      <c r="H2505" s="235">
        <f t="shared" si="574"/>
        <v>0.976384363257226</v>
      </c>
      <c r="I2505" s="236">
        <f t="shared" si="575"/>
        <v>19.580139750865982</v>
      </c>
      <c r="J2505" s="237">
        <f t="shared" si="580"/>
        <v>9.5801397508659818</v>
      </c>
      <c r="K2505" s="237">
        <f t="shared" si="576"/>
        <v>489.54265405115126</v>
      </c>
      <c r="L2505" s="237">
        <f t="shared" si="581"/>
        <v>239.58971502940733</v>
      </c>
      <c r="M2505" s="236">
        <f t="shared" si="577"/>
        <v>41.430982731168051</v>
      </c>
      <c r="N2505" s="236">
        <f t="shared" si="578"/>
        <v>1.0245367643559</v>
      </c>
      <c r="O2505" s="236">
        <f t="shared" si="582"/>
        <v>2.2240957331324114</v>
      </c>
      <c r="P2505" s="236" t="str">
        <f t="shared" si="583"/>
        <v>SAND</v>
      </c>
      <c r="Q2505" s="236" t="e">
        <f t="shared" si="579"/>
        <v>#N/A</v>
      </c>
      <c r="R2505" s="238">
        <v>35</v>
      </c>
      <c r="S2505" s="236" t="e">
        <f t="shared" si="584"/>
        <v>#N/A</v>
      </c>
      <c r="T2505" s="236">
        <f t="shared" si="570"/>
        <v>35.390577582387408</v>
      </c>
    </row>
    <row r="2506" spans="1:20" x14ac:dyDescent="0.2">
      <c r="A2506" s="53">
        <f t="shared" si="571"/>
        <v>2494</v>
      </c>
      <c r="B2506" s="239">
        <v>25.018999999999998</v>
      </c>
      <c r="C2506" s="3">
        <f t="shared" si="572"/>
        <v>25.011999999999997</v>
      </c>
      <c r="D2506" s="239">
        <v>10.2074</v>
      </c>
      <c r="E2506" s="239">
        <v>9.7500000000000003E-2</v>
      </c>
      <c r="F2506" s="239">
        <v>0.1186</v>
      </c>
      <c r="G2506">
        <f t="shared" si="573"/>
        <v>10.231120000000001</v>
      </c>
      <c r="H2506" s="235">
        <f t="shared" si="574"/>
        <v>0.95297484537372246</v>
      </c>
      <c r="I2506" s="236">
        <f t="shared" si="575"/>
        <v>19.523686377419903</v>
      </c>
      <c r="J2506" s="237">
        <f t="shared" si="580"/>
        <v>9.523686377419903</v>
      </c>
      <c r="K2506" s="237">
        <f t="shared" si="576"/>
        <v>488.32644367202653</v>
      </c>
      <c r="L2506" s="237">
        <f t="shared" si="581"/>
        <v>238.27310947666854</v>
      </c>
      <c r="M2506" s="236">
        <f t="shared" si="577"/>
        <v>40.889186269178971</v>
      </c>
      <c r="N2506" s="236">
        <f t="shared" si="578"/>
        <v>1.0007396691339463</v>
      </c>
      <c r="O2506" s="236">
        <f t="shared" si="582"/>
        <v>2.2232414875230657</v>
      </c>
      <c r="P2506" s="236" t="str">
        <f t="shared" si="583"/>
        <v>SAND</v>
      </c>
      <c r="Q2506" s="236" t="e">
        <f t="shared" si="579"/>
        <v>#N/A</v>
      </c>
      <c r="R2506" s="238">
        <v>35</v>
      </c>
      <c r="S2506" s="236" t="e">
        <f t="shared" si="584"/>
        <v>#N/A</v>
      </c>
      <c r="T2506" s="236">
        <f t="shared" si="570"/>
        <v>35.327693145773914</v>
      </c>
    </row>
    <row r="2507" spans="1:20" x14ac:dyDescent="0.2">
      <c r="A2507" s="53">
        <f t="shared" si="571"/>
        <v>2495</v>
      </c>
      <c r="B2507" s="239">
        <v>25.027999999999999</v>
      </c>
      <c r="C2507" s="3">
        <f t="shared" si="572"/>
        <v>25.020999999999997</v>
      </c>
      <c r="D2507" s="239">
        <v>9.9489000000000001</v>
      </c>
      <c r="E2507" s="239">
        <v>9.4600000000000004E-2</v>
      </c>
      <c r="F2507" s="239">
        <v>0.1164</v>
      </c>
      <c r="G2507">
        <f t="shared" si="573"/>
        <v>9.9721799999999998</v>
      </c>
      <c r="H2507" s="235">
        <f t="shared" si="574"/>
        <v>0.9486391140151903</v>
      </c>
      <c r="I2507" s="236">
        <f t="shared" si="575"/>
        <v>19.478260220777731</v>
      </c>
      <c r="J2507" s="237">
        <f t="shared" si="580"/>
        <v>9.4782602207777309</v>
      </c>
      <c r="K2507" s="237">
        <f t="shared" si="576"/>
        <v>487.36554898407957</v>
      </c>
      <c r="L2507" s="237">
        <f t="shared" si="581"/>
        <v>237.22189680562505</v>
      </c>
      <c r="M2507" s="236">
        <f t="shared" si="577"/>
        <v>39.982879231370411</v>
      </c>
      <c r="N2507" s="236">
        <f t="shared" si="578"/>
        <v>0.99738377053720206</v>
      </c>
      <c r="O2507" s="236">
        <f t="shared" si="582"/>
        <v>2.2305873234888223</v>
      </c>
      <c r="P2507" s="236" t="str">
        <f t="shared" si="583"/>
        <v>SAND</v>
      </c>
      <c r="Q2507" s="236" t="e">
        <f t="shared" si="579"/>
        <v>#N/A</v>
      </c>
      <c r="R2507" s="238">
        <v>35</v>
      </c>
      <c r="S2507" s="236" t="e">
        <f t="shared" si="584"/>
        <v>#N/A</v>
      </c>
      <c r="T2507" s="236">
        <f t="shared" si="570"/>
        <v>35.220614716667498</v>
      </c>
    </row>
    <row r="2508" spans="1:20" x14ac:dyDescent="0.2">
      <c r="A2508" s="53">
        <f t="shared" si="571"/>
        <v>2496</v>
      </c>
      <c r="B2508" s="239">
        <v>25.039000000000001</v>
      </c>
      <c r="C2508" s="3">
        <f t="shared" si="572"/>
        <v>25.032</v>
      </c>
      <c r="D2508" s="239">
        <v>9.6117000000000008</v>
      </c>
      <c r="E2508" s="239">
        <v>9.2799999999999994E-2</v>
      </c>
      <c r="F2508" s="239">
        <v>0.1242</v>
      </c>
      <c r="G2508">
        <f t="shared" si="573"/>
        <v>9.6365400000000001</v>
      </c>
      <c r="H2508" s="235">
        <f t="shared" si="574"/>
        <v>0.96300124318479452</v>
      </c>
      <c r="I2508" s="236">
        <f t="shared" si="575"/>
        <v>19.442351605771442</v>
      </c>
      <c r="J2508" s="237">
        <f t="shared" si="580"/>
        <v>9.4423516057714423</v>
      </c>
      <c r="K2508" s="237">
        <f t="shared" si="576"/>
        <v>486.68094539567073</v>
      </c>
      <c r="L2508" s="237">
        <f t="shared" si="581"/>
        <v>236.42704185691116</v>
      </c>
      <c r="M2508" s="236">
        <f t="shared" si="577"/>
        <v>38.70056057353181</v>
      </c>
      <c r="N2508" s="236">
        <f t="shared" si="578"/>
        <v>1.014223273235032</v>
      </c>
      <c r="O2508" s="236">
        <f t="shared" si="582"/>
        <v>2.2464175626188356</v>
      </c>
      <c r="P2508" s="236" t="str">
        <f t="shared" si="583"/>
        <v>SAND</v>
      </c>
      <c r="Q2508" s="236" t="e">
        <f t="shared" si="579"/>
        <v>#N/A</v>
      </c>
      <c r="R2508" s="238">
        <v>35</v>
      </c>
      <c r="S2508" s="236" t="e">
        <f t="shared" si="584"/>
        <v>#N/A</v>
      </c>
      <c r="T2508" s="236">
        <f t="shared" si="570"/>
        <v>35.064889813515833</v>
      </c>
    </row>
    <row r="2509" spans="1:20" x14ac:dyDescent="0.2">
      <c r="A2509" s="53">
        <f t="shared" si="571"/>
        <v>2497</v>
      </c>
      <c r="B2509" s="239">
        <v>25.047999999999998</v>
      </c>
      <c r="C2509" s="3">
        <f t="shared" si="572"/>
        <v>25.040999999999997</v>
      </c>
      <c r="D2509" s="239">
        <v>9.1933000000000007</v>
      </c>
      <c r="E2509" s="239">
        <v>9.1899999999999996E-2</v>
      </c>
      <c r="F2509" s="239">
        <v>0.13400000000000001</v>
      </c>
      <c r="G2509">
        <f t="shared" si="573"/>
        <v>9.2201000000000004</v>
      </c>
      <c r="H2509" s="235">
        <f t="shared" si="574"/>
        <v>0.99673539332545191</v>
      </c>
      <c r="I2509" s="236">
        <f t="shared" si="575"/>
        <v>19.413657003367334</v>
      </c>
      <c r="J2509" s="237">
        <f t="shared" si="580"/>
        <v>9.4136570033673337</v>
      </c>
      <c r="K2509" s="237">
        <f t="shared" si="576"/>
        <v>486.13738502132134</v>
      </c>
      <c r="L2509" s="237">
        <f t="shared" si="581"/>
        <v>235.79328062034494</v>
      </c>
      <c r="M2509" s="236">
        <f t="shared" si="577"/>
        <v>37.040761263427989</v>
      </c>
      <c r="N2509" s="236">
        <f t="shared" si="578"/>
        <v>1.0522142588793797</v>
      </c>
      <c r="O2509" s="236">
        <f t="shared" si="582"/>
        <v>2.27108804524691</v>
      </c>
      <c r="P2509" s="236" t="str">
        <f t="shared" si="583"/>
        <v>SAND</v>
      </c>
      <c r="Q2509" s="236" t="e">
        <f t="shared" si="579"/>
        <v>#N/A</v>
      </c>
      <c r="R2509" s="238">
        <v>35</v>
      </c>
      <c r="S2509" s="236" t="e">
        <f t="shared" si="584"/>
        <v>#N/A</v>
      </c>
      <c r="T2509" s="236">
        <f t="shared" ref="T2509:T2572" si="585">IF(P2509="SAND",17.6+(11*LOG(M2509)),#N/A)</f>
        <v>34.85547894115949</v>
      </c>
    </row>
    <row r="2510" spans="1:20" x14ac:dyDescent="0.2">
      <c r="A2510" s="53">
        <f t="shared" ref="A2510:A2573" si="586">$A2509+1</f>
        <v>2498</v>
      </c>
      <c r="B2510" s="239">
        <v>25.058</v>
      </c>
      <c r="C2510" s="3">
        <f t="shared" ref="C2510:C2573" si="587">MAX($B2510 - $B$13, 0.001)</f>
        <v>25.050999999999998</v>
      </c>
      <c r="D2510" s="239">
        <v>8.7011000000000003</v>
      </c>
      <c r="E2510" s="239">
        <v>8.9599999999999999E-2</v>
      </c>
      <c r="F2510" s="239">
        <v>0.1429</v>
      </c>
      <c r="G2510">
        <f t="shared" si="573"/>
        <v>8.7296800000000001</v>
      </c>
      <c r="H2510" s="235">
        <f t="shared" si="574"/>
        <v>1.0263835558691727</v>
      </c>
      <c r="I2510" s="236">
        <f t="shared" si="575"/>
        <v>19.362573172302007</v>
      </c>
      <c r="J2510" s="237">
        <f t="shared" si="580"/>
        <v>9.3625731723020067</v>
      </c>
      <c r="K2510" s="237">
        <f t="shared" si="576"/>
        <v>485.05182053933754</v>
      </c>
      <c r="L2510" s="237">
        <f t="shared" si="581"/>
        <v>234.60735855154368</v>
      </c>
      <c r="M2510" s="236">
        <f t="shared" si="577"/>
        <v>35.142240338762868</v>
      </c>
      <c r="N2510" s="236">
        <f t="shared" si="578"/>
        <v>1.0867682332020139</v>
      </c>
      <c r="O2510" s="236">
        <f t="shared" si="582"/>
        <v>2.2978930189503619</v>
      </c>
      <c r="P2510" s="236" t="str">
        <f t="shared" si="583"/>
        <v>SAND</v>
      </c>
      <c r="Q2510" s="236" t="e">
        <f t="shared" si="579"/>
        <v>#N/A</v>
      </c>
      <c r="R2510" s="238">
        <v>35</v>
      </c>
      <c r="S2510" s="236" t="e">
        <f t="shared" si="584"/>
        <v>#N/A</v>
      </c>
      <c r="T2510" s="236">
        <f t="shared" si="585"/>
        <v>34.604123890312323</v>
      </c>
    </row>
    <row r="2511" spans="1:20" x14ac:dyDescent="0.2">
      <c r="A2511" s="53">
        <f t="shared" si="586"/>
        <v>2499</v>
      </c>
      <c r="B2511" s="239">
        <v>25.068000000000001</v>
      </c>
      <c r="C2511" s="3">
        <f t="shared" si="587"/>
        <v>25.061</v>
      </c>
      <c r="D2511" s="239">
        <v>8.1031999999999993</v>
      </c>
      <c r="E2511" s="239">
        <v>8.7599999999999997E-2</v>
      </c>
      <c r="F2511" s="239">
        <v>0.14899999999999999</v>
      </c>
      <c r="G2511">
        <f t="shared" ref="G2511:G2574" si="588">$D2511+($F2511*(1-$P$8))</f>
        <v>8.1329999999999991</v>
      </c>
      <c r="H2511" s="235">
        <f t="shared" ref="H2511:H2574" si="589">($E2511/$G2511)*100</f>
        <v>1.0770933234968647</v>
      </c>
      <c r="I2511" s="236">
        <f t="shared" ref="I2511:I2574" si="590">((0.27*(LOG($H2511)))+(0.36*(LOG(($G2511*1000)/101)))+1.236)*10</f>
        <v>19.308429836106438</v>
      </c>
      <c r="J2511" s="237">
        <f t="shared" si="580"/>
        <v>9.3084298361064377</v>
      </c>
      <c r="K2511" s="237">
        <f t="shared" ref="K2511:K2574" si="591">$I2511*$C2511</f>
        <v>483.88856012266342</v>
      </c>
      <c r="L2511" s="237">
        <f t="shared" si="581"/>
        <v>233.3437191315162</v>
      </c>
      <c r="M2511" s="236">
        <f t="shared" ref="M2511:M2574" si="592">(($G2511*1000)-$K2511)/$L2511</f>
        <v>32.780447094726277</v>
      </c>
      <c r="N2511" s="236">
        <f t="shared" ref="N2511:N2574" si="593">(($E2511*1000)/(($G2511*1000)-$K2511))*100</f>
        <v>1.1452310596929254</v>
      </c>
      <c r="O2511" s="236">
        <f t="shared" si="582"/>
        <v>2.3356345675636749</v>
      </c>
      <c r="P2511" s="236" t="str">
        <f t="shared" si="583"/>
        <v>SAND</v>
      </c>
      <c r="Q2511" s="236" t="e">
        <f t="shared" ref="Q2511:Q2574" si="594">IF(P2511="CLAY",($G2511*1000 -$K2511)/$L$8,#N/A)</f>
        <v>#N/A</v>
      </c>
      <c r="R2511" s="238">
        <v>35</v>
      </c>
      <c r="S2511" s="236" t="e">
        <f t="shared" si="584"/>
        <v>#N/A</v>
      </c>
      <c r="T2511" s="236">
        <f t="shared" si="585"/>
        <v>34.27176359911229</v>
      </c>
    </row>
    <row r="2512" spans="1:20" x14ac:dyDescent="0.2">
      <c r="A2512" s="53">
        <f t="shared" si="586"/>
        <v>2500</v>
      </c>
      <c r="B2512" s="239">
        <v>25.077999999999999</v>
      </c>
      <c r="C2512" s="3">
        <f t="shared" si="587"/>
        <v>25.070999999999998</v>
      </c>
      <c r="D2512" s="239">
        <v>7.4837999999999996</v>
      </c>
      <c r="E2512" s="239">
        <v>8.6699999999999999E-2</v>
      </c>
      <c r="F2512" s="239">
        <v>0.15540000000000001</v>
      </c>
      <c r="G2512">
        <f t="shared" si="588"/>
        <v>7.5148799999999998</v>
      </c>
      <c r="H2512" s="235">
        <f t="shared" si="589"/>
        <v>1.153711037301993</v>
      </c>
      <c r="I2512" s="236">
        <f t="shared" si="590"/>
        <v>19.265424462591234</v>
      </c>
      <c r="J2512" s="237">
        <f t="shared" ref="J2512:J2575" si="595">$I2512-10</f>
        <v>9.2654244625912341</v>
      </c>
      <c r="K2512" s="237">
        <f t="shared" si="591"/>
        <v>483.00345670162477</v>
      </c>
      <c r="L2512" s="237">
        <f t="shared" ref="L2512:L2575" si="596">$J2512*$B2512</f>
        <v>232.35831467286297</v>
      </c>
      <c r="M2512" s="236">
        <f t="shared" si="592"/>
        <v>30.2630725876909</v>
      </c>
      <c r="N2512" s="236">
        <f t="shared" si="593"/>
        <v>1.2329567998833562</v>
      </c>
      <c r="O2512" s="236">
        <f t="shared" ref="O2512:O2575" si="597">((3.47-LOG($M2512))^2+(LOG($N2512)+1.22)^2)^0.5</f>
        <v>2.3822366187820956</v>
      </c>
      <c r="P2512" s="236" t="str">
        <f t="shared" ref="P2512:P2575" si="598">IF(O2512&lt;2.6,"SAND","CLAY")</f>
        <v>SAND</v>
      </c>
      <c r="Q2512" s="236" t="e">
        <f t="shared" si="594"/>
        <v>#N/A</v>
      </c>
      <c r="R2512" s="238">
        <v>35</v>
      </c>
      <c r="S2512" s="236" t="e">
        <f t="shared" ref="S2512:S2575" si="599">IF(P2512="SAND",#N/A,0.25*($M2512)^1.25)</f>
        <v>#N/A</v>
      </c>
      <c r="T2512" s="236">
        <f t="shared" si="585"/>
        <v>33.890043214805353</v>
      </c>
    </row>
    <row r="2513" spans="1:20" x14ac:dyDescent="0.2">
      <c r="A2513" s="53">
        <f t="shared" si="586"/>
        <v>2501</v>
      </c>
      <c r="B2513" s="239">
        <v>25.088000000000001</v>
      </c>
      <c r="C2513" s="3">
        <f t="shared" si="587"/>
        <v>25.081</v>
      </c>
      <c r="D2513" s="239">
        <v>6.8038999999999996</v>
      </c>
      <c r="E2513" s="239">
        <v>8.7800000000000003E-2</v>
      </c>
      <c r="F2513" s="239">
        <v>0.1605</v>
      </c>
      <c r="G2513">
        <f t="shared" si="588"/>
        <v>6.8359999999999994</v>
      </c>
      <c r="H2513" s="235">
        <f t="shared" si="589"/>
        <v>1.2843768285547106</v>
      </c>
      <c r="I2513" s="236">
        <f t="shared" si="590"/>
        <v>19.243200095972792</v>
      </c>
      <c r="J2513" s="237">
        <f t="shared" si="595"/>
        <v>9.2432000959727922</v>
      </c>
      <c r="K2513" s="237">
        <f t="shared" si="591"/>
        <v>482.63870160709359</v>
      </c>
      <c r="L2513" s="237">
        <f t="shared" si="596"/>
        <v>231.89340400776541</v>
      </c>
      <c r="M2513" s="236">
        <f t="shared" si="592"/>
        <v>27.397766338279077</v>
      </c>
      <c r="N2513" s="236">
        <f t="shared" si="593"/>
        <v>1.3819456485531396</v>
      </c>
      <c r="O2513" s="236">
        <f t="shared" si="597"/>
        <v>2.4456322987745924</v>
      </c>
      <c r="P2513" s="236" t="str">
        <f t="shared" si="598"/>
        <v>SAND</v>
      </c>
      <c r="Q2513" s="236" t="e">
        <f t="shared" si="594"/>
        <v>#N/A</v>
      </c>
      <c r="R2513" s="238">
        <v>35</v>
      </c>
      <c r="S2513" s="236" t="e">
        <f t="shared" si="599"/>
        <v>#N/A</v>
      </c>
      <c r="T2513" s="236">
        <f t="shared" si="585"/>
        <v>33.414866732209532</v>
      </c>
    </row>
    <row r="2514" spans="1:20" x14ac:dyDescent="0.2">
      <c r="A2514" s="53">
        <f t="shared" si="586"/>
        <v>2502</v>
      </c>
      <c r="B2514" s="239">
        <v>25.097999999999999</v>
      </c>
      <c r="C2514" s="3">
        <f t="shared" si="587"/>
        <v>25.090999999999998</v>
      </c>
      <c r="D2514" s="239">
        <v>6.1364999999999998</v>
      </c>
      <c r="E2514" s="239">
        <v>9.2299999999999993E-2</v>
      </c>
      <c r="F2514" s="239">
        <v>0.16539999999999999</v>
      </c>
      <c r="G2514">
        <f t="shared" si="588"/>
        <v>6.1695799999999998</v>
      </c>
      <c r="H2514" s="235">
        <f t="shared" si="589"/>
        <v>1.4960499742283915</v>
      </c>
      <c r="I2514" s="236">
        <f t="shared" si="590"/>
        <v>19.261717687180774</v>
      </c>
      <c r="J2514" s="237">
        <f t="shared" si="595"/>
        <v>9.2617176871807736</v>
      </c>
      <c r="K2514" s="237">
        <f t="shared" si="591"/>
        <v>483.29575848905273</v>
      </c>
      <c r="L2514" s="237">
        <f t="shared" si="596"/>
        <v>232.45059051286304</v>
      </c>
      <c r="M2514" s="236">
        <f t="shared" si="592"/>
        <v>24.462335109431727</v>
      </c>
      <c r="N2514" s="236">
        <f t="shared" si="593"/>
        <v>1.6232041185382997</v>
      </c>
      <c r="O2514" s="236">
        <f t="shared" si="597"/>
        <v>2.5255926539003433</v>
      </c>
      <c r="P2514" s="236" t="str">
        <f t="shared" si="598"/>
        <v>SAND</v>
      </c>
      <c r="Q2514" s="236" t="e">
        <f t="shared" si="594"/>
        <v>#N/A</v>
      </c>
      <c r="R2514" s="238">
        <v>35</v>
      </c>
      <c r="S2514" s="236" t="e">
        <f t="shared" si="599"/>
        <v>#N/A</v>
      </c>
      <c r="T2514" s="236">
        <f t="shared" si="585"/>
        <v>32.873477024024318</v>
      </c>
    </row>
    <row r="2515" spans="1:20" x14ac:dyDescent="0.2">
      <c r="A2515" s="53">
        <f t="shared" si="586"/>
        <v>2503</v>
      </c>
      <c r="B2515" s="239">
        <v>25.106999999999999</v>
      </c>
      <c r="C2515" s="3">
        <f t="shared" si="587"/>
        <v>25.099999999999998</v>
      </c>
      <c r="D2515" s="239">
        <v>5.5122999999999998</v>
      </c>
      <c r="E2515" s="239">
        <v>9.8100000000000007E-2</v>
      </c>
      <c r="F2515" s="239">
        <v>0.1734</v>
      </c>
      <c r="G2515">
        <f t="shared" si="588"/>
        <v>5.5469799999999996</v>
      </c>
      <c r="H2515" s="235">
        <f t="shared" si="589"/>
        <v>1.7685299027578971</v>
      </c>
      <c r="I2515" s="236">
        <f t="shared" si="590"/>
        <v>19.29160031431234</v>
      </c>
      <c r="J2515" s="237">
        <f t="shared" si="595"/>
        <v>9.2916003143123405</v>
      </c>
      <c r="K2515" s="237">
        <f t="shared" si="591"/>
        <v>484.21916788923971</v>
      </c>
      <c r="L2515" s="237">
        <f t="shared" si="596"/>
        <v>233.28420909143992</v>
      </c>
      <c r="M2515" s="236">
        <f t="shared" si="592"/>
        <v>21.702115423193177</v>
      </c>
      <c r="N2515" s="236">
        <f t="shared" si="593"/>
        <v>1.9376779439746965</v>
      </c>
      <c r="O2515" s="236">
        <f t="shared" si="597"/>
        <v>2.6122234266873199</v>
      </c>
      <c r="P2515" s="236" t="str">
        <f t="shared" si="598"/>
        <v>CLAY</v>
      </c>
      <c r="Q2515" s="236">
        <f t="shared" si="594"/>
        <v>421.89673600922998</v>
      </c>
      <c r="R2515" s="238">
        <v>35</v>
      </c>
      <c r="S2515" s="236">
        <f t="shared" si="599"/>
        <v>11.710288505037594</v>
      </c>
      <c r="T2515" s="236" t="e">
        <f t="shared" si="585"/>
        <v>#N/A</v>
      </c>
    </row>
    <row r="2516" spans="1:20" x14ac:dyDescent="0.2">
      <c r="A2516" s="53">
        <f t="shared" si="586"/>
        <v>2504</v>
      </c>
      <c r="B2516" s="239">
        <v>25.117000000000001</v>
      </c>
      <c r="C2516" s="3">
        <f t="shared" si="587"/>
        <v>25.11</v>
      </c>
      <c r="D2516" s="239">
        <v>4.9199000000000002</v>
      </c>
      <c r="E2516" s="239">
        <v>0.1055</v>
      </c>
      <c r="F2516" s="239">
        <v>0.1822</v>
      </c>
      <c r="G2516">
        <f t="shared" si="588"/>
        <v>4.95634</v>
      </c>
      <c r="H2516" s="235">
        <f t="shared" si="589"/>
        <v>2.1285868201132288</v>
      </c>
      <c r="I2516" s="236">
        <f t="shared" si="590"/>
        <v>19.332869677199842</v>
      </c>
      <c r="J2516" s="237">
        <f t="shared" si="595"/>
        <v>9.3328696771998416</v>
      </c>
      <c r="K2516" s="237">
        <f t="shared" si="591"/>
        <v>485.44835759448802</v>
      </c>
      <c r="L2516" s="237">
        <f t="shared" si="596"/>
        <v>234.41368768222844</v>
      </c>
      <c r="M2516" s="236">
        <f t="shared" si="592"/>
        <v>19.072656066339693</v>
      </c>
      <c r="N2516" s="236">
        <f t="shared" si="593"/>
        <v>2.3597082738340962</v>
      </c>
      <c r="O2516" s="236">
        <f t="shared" si="597"/>
        <v>2.7076736925158786</v>
      </c>
      <c r="P2516" s="236" t="str">
        <f t="shared" si="598"/>
        <v>CLAY</v>
      </c>
      <c r="Q2516" s="236">
        <f t="shared" si="594"/>
        <v>372.57430353379272</v>
      </c>
      <c r="R2516" s="238">
        <v>35</v>
      </c>
      <c r="S2516" s="236">
        <f t="shared" si="599"/>
        <v>9.9644648678991974</v>
      </c>
      <c r="T2516" s="236" t="e">
        <f t="shared" si="585"/>
        <v>#N/A</v>
      </c>
    </row>
    <row r="2517" spans="1:20" x14ac:dyDescent="0.2">
      <c r="A2517" s="53">
        <f t="shared" si="586"/>
        <v>2505</v>
      </c>
      <c r="B2517" s="239">
        <v>25.128</v>
      </c>
      <c r="C2517" s="3">
        <f t="shared" si="587"/>
        <v>25.120999999999999</v>
      </c>
      <c r="D2517" s="239">
        <v>4.4340000000000002</v>
      </c>
      <c r="E2517" s="239">
        <v>0.1167</v>
      </c>
      <c r="F2517" s="239">
        <v>0.19320000000000001</v>
      </c>
      <c r="G2517">
        <f t="shared" si="588"/>
        <v>4.4726400000000002</v>
      </c>
      <c r="H2517" s="235">
        <f t="shared" si="589"/>
        <v>2.6091972526293192</v>
      </c>
      <c r="I2517" s="236">
        <f t="shared" si="590"/>
        <v>19.411041914843995</v>
      </c>
      <c r="J2517" s="237">
        <f t="shared" si="595"/>
        <v>9.4110419148439952</v>
      </c>
      <c r="K2517" s="237">
        <f t="shared" si="591"/>
        <v>487.624783942796</v>
      </c>
      <c r="L2517" s="237">
        <f t="shared" si="596"/>
        <v>236.48066123619992</v>
      </c>
      <c r="M2517" s="236">
        <f t="shared" si="592"/>
        <v>16.851336575369771</v>
      </c>
      <c r="N2517" s="236">
        <f t="shared" si="593"/>
        <v>2.9284706248992349</v>
      </c>
      <c r="O2517" s="236">
        <f t="shared" si="597"/>
        <v>2.806678973026929</v>
      </c>
      <c r="P2517" s="236" t="str">
        <f t="shared" si="598"/>
        <v>CLAY</v>
      </c>
      <c r="Q2517" s="236">
        <f t="shared" si="594"/>
        <v>332.08460133810036</v>
      </c>
      <c r="R2517" s="238">
        <v>35</v>
      </c>
      <c r="S2517" s="236">
        <f t="shared" si="599"/>
        <v>8.5355782844025114</v>
      </c>
      <c r="T2517" s="236" t="e">
        <f t="shared" si="585"/>
        <v>#N/A</v>
      </c>
    </row>
    <row r="2518" spans="1:20" x14ac:dyDescent="0.2">
      <c r="A2518" s="53">
        <f t="shared" si="586"/>
        <v>2506</v>
      </c>
      <c r="B2518" s="239">
        <v>25.137</v>
      </c>
      <c r="C2518" s="3">
        <f t="shared" si="587"/>
        <v>25.13</v>
      </c>
      <c r="D2518" s="239">
        <v>4.0763999999999996</v>
      </c>
      <c r="E2518" s="239">
        <v>0.13059999999999999</v>
      </c>
      <c r="F2518" s="239">
        <v>0.20349999999999999</v>
      </c>
      <c r="G2518">
        <f t="shared" si="588"/>
        <v>4.1170999999999998</v>
      </c>
      <c r="H2518" s="235">
        <f t="shared" si="589"/>
        <v>3.1721357266036776</v>
      </c>
      <c r="I2518" s="236">
        <f t="shared" si="590"/>
        <v>19.51062190622881</v>
      </c>
      <c r="J2518" s="237">
        <f t="shared" si="595"/>
        <v>9.5106219062288098</v>
      </c>
      <c r="K2518" s="237">
        <f t="shared" si="591"/>
        <v>490.30192850352995</v>
      </c>
      <c r="L2518" s="237">
        <f t="shared" si="596"/>
        <v>239.06850285687361</v>
      </c>
      <c r="M2518" s="236">
        <f t="shared" si="592"/>
        <v>15.170539105554086</v>
      </c>
      <c r="N2518" s="236">
        <f t="shared" si="593"/>
        <v>3.6009724673232921</v>
      </c>
      <c r="O2518" s="236">
        <f t="shared" si="597"/>
        <v>2.8974443334166087</v>
      </c>
      <c r="P2518" s="236" t="str">
        <f t="shared" si="598"/>
        <v>CLAY</v>
      </c>
      <c r="Q2518" s="236">
        <f t="shared" si="594"/>
        <v>302.23317262470579</v>
      </c>
      <c r="R2518" s="238">
        <v>35</v>
      </c>
      <c r="S2518" s="236">
        <f t="shared" si="599"/>
        <v>7.4849908977449173</v>
      </c>
      <c r="T2518" s="236" t="e">
        <f t="shared" si="585"/>
        <v>#N/A</v>
      </c>
    </row>
    <row r="2519" spans="1:20" x14ac:dyDescent="0.2">
      <c r="A2519" s="53">
        <f t="shared" si="586"/>
        <v>2507</v>
      </c>
      <c r="B2519" s="239">
        <v>25.146999999999998</v>
      </c>
      <c r="C2519" s="3">
        <f t="shared" si="587"/>
        <v>25.139999999999997</v>
      </c>
      <c r="D2519" s="239">
        <v>3.8334000000000001</v>
      </c>
      <c r="E2519" s="239">
        <v>0.1452</v>
      </c>
      <c r="F2519" s="239">
        <v>0.2198</v>
      </c>
      <c r="G2519">
        <f t="shared" si="588"/>
        <v>3.8773599999999999</v>
      </c>
      <c r="H2519" s="235">
        <f t="shared" si="589"/>
        <v>3.7448160604122394</v>
      </c>
      <c r="I2519" s="236">
        <f t="shared" si="590"/>
        <v>19.611435431677201</v>
      </c>
      <c r="J2519" s="237">
        <f t="shared" si="595"/>
        <v>9.6114354316772008</v>
      </c>
      <c r="K2519" s="237">
        <f t="shared" si="591"/>
        <v>493.03148675236474</v>
      </c>
      <c r="L2519" s="237">
        <f t="shared" si="596"/>
        <v>241.69876680038655</v>
      </c>
      <c r="M2519" s="236">
        <f t="shared" si="592"/>
        <v>14.002258091960702</v>
      </c>
      <c r="N2519" s="236">
        <f t="shared" si="593"/>
        <v>4.2903636402798444</v>
      </c>
      <c r="O2519" s="236">
        <f t="shared" si="597"/>
        <v>2.9718327298493312</v>
      </c>
      <c r="P2519" s="236" t="str">
        <f t="shared" si="598"/>
        <v>CLAY</v>
      </c>
      <c r="Q2519" s="236">
        <f t="shared" si="594"/>
        <v>282.02737610396963</v>
      </c>
      <c r="R2519" s="238">
        <v>35</v>
      </c>
      <c r="S2519" s="236">
        <f t="shared" si="599"/>
        <v>6.7715424701806262</v>
      </c>
      <c r="T2519" s="236" t="e">
        <f t="shared" si="585"/>
        <v>#N/A</v>
      </c>
    </row>
    <row r="2520" spans="1:20" x14ac:dyDescent="0.2">
      <c r="A2520" s="53">
        <f t="shared" si="586"/>
        <v>2508</v>
      </c>
      <c r="B2520" s="239">
        <v>25.157</v>
      </c>
      <c r="C2520" s="3">
        <f t="shared" si="587"/>
        <v>25.15</v>
      </c>
      <c r="D2520" s="239">
        <v>3.6991000000000001</v>
      </c>
      <c r="E2520" s="239">
        <v>0.1608</v>
      </c>
      <c r="F2520" s="239">
        <v>0.25230000000000002</v>
      </c>
      <c r="G2520">
        <f t="shared" si="588"/>
        <v>3.7495600000000002</v>
      </c>
      <c r="H2520" s="235">
        <f t="shared" si="589"/>
        <v>4.2885031843736332</v>
      </c>
      <c r="I2520" s="236">
        <f t="shared" si="590"/>
        <v>19.717997651062962</v>
      </c>
      <c r="J2520" s="237">
        <f t="shared" si="595"/>
        <v>9.7179976510629622</v>
      </c>
      <c r="K2520" s="237">
        <f t="shared" si="591"/>
        <v>495.90764092423348</v>
      </c>
      <c r="L2520" s="237">
        <f t="shared" si="596"/>
        <v>244.47566690779095</v>
      </c>
      <c r="M2520" s="236">
        <f t="shared" si="592"/>
        <v>13.308696117814248</v>
      </c>
      <c r="N2520" s="236">
        <f t="shared" si="593"/>
        <v>4.9421383188484489</v>
      </c>
      <c r="O2520" s="236">
        <f t="shared" si="597"/>
        <v>3.0275651009975388</v>
      </c>
      <c r="P2520" s="236" t="str">
        <f t="shared" si="598"/>
        <v>CLAY</v>
      </c>
      <c r="Q2520" s="236">
        <f t="shared" si="594"/>
        <v>271.13769658964725</v>
      </c>
      <c r="R2520" s="238">
        <v>35</v>
      </c>
      <c r="S2520" s="236">
        <f t="shared" si="599"/>
        <v>6.3549098581485319</v>
      </c>
      <c r="T2520" s="236" t="e">
        <f t="shared" si="585"/>
        <v>#N/A</v>
      </c>
    </row>
    <row r="2521" spans="1:20" x14ac:dyDescent="0.2">
      <c r="A2521" s="53">
        <f t="shared" si="586"/>
        <v>2509</v>
      </c>
      <c r="B2521" s="239">
        <v>25.166</v>
      </c>
      <c r="C2521" s="3">
        <f t="shared" si="587"/>
        <v>25.158999999999999</v>
      </c>
      <c r="D2521" s="239">
        <v>3.7056</v>
      </c>
      <c r="E2521" s="239">
        <v>0.17949999999999999</v>
      </c>
      <c r="F2521" s="239">
        <v>0.30409999999999998</v>
      </c>
      <c r="G2521">
        <f t="shared" si="588"/>
        <v>3.7664200000000001</v>
      </c>
      <c r="H2521" s="235">
        <f t="shared" si="589"/>
        <v>4.7657988222237559</v>
      </c>
      <c r="I2521" s="236">
        <f t="shared" si="590"/>
        <v>19.848752949829198</v>
      </c>
      <c r="J2521" s="237">
        <f t="shared" si="595"/>
        <v>9.8487529498291977</v>
      </c>
      <c r="K2521" s="237">
        <f t="shared" si="591"/>
        <v>499.37477546475276</v>
      </c>
      <c r="L2521" s="237">
        <f t="shared" si="596"/>
        <v>247.8537167354016</v>
      </c>
      <c r="M2521" s="236">
        <f t="shared" si="592"/>
        <v>13.181344494514923</v>
      </c>
      <c r="N2521" s="236">
        <f t="shared" si="593"/>
        <v>5.4942612563783761</v>
      </c>
      <c r="O2521" s="236">
        <f t="shared" si="597"/>
        <v>3.0600545505885544</v>
      </c>
      <c r="P2521" s="236" t="str">
        <f t="shared" si="598"/>
        <v>CLAY</v>
      </c>
      <c r="Q2521" s="236">
        <f t="shared" si="594"/>
        <v>272.2537687112706</v>
      </c>
      <c r="R2521" s="238">
        <v>35</v>
      </c>
      <c r="S2521" s="236">
        <f t="shared" si="599"/>
        <v>6.2789879088252443</v>
      </c>
      <c r="T2521" s="236" t="e">
        <f t="shared" si="585"/>
        <v>#N/A</v>
      </c>
    </row>
    <row r="2522" spans="1:20" x14ac:dyDescent="0.2">
      <c r="A2522" s="53">
        <f t="shared" si="586"/>
        <v>2510</v>
      </c>
      <c r="B2522" s="239">
        <v>25.175999999999998</v>
      </c>
      <c r="C2522" s="3">
        <f t="shared" si="587"/>
        <v>25.168999999999997</v>
      </c>
      <c r="D2522" s="239">
        <v>3.7092000000000001</v>
      </c>
      <c r="E2522" s="239">
        <v>0.2024</v>
      </c>
      <c r="F2522" s="239">
        <v>0.31830000000000003</v>
      </c>
      <c r="G2522">
        <f t="shared" si="588"/>
        <v>3.7728600000000001</v>
      </c>
      <c r="H2522" s="235">
        <f t="shared" si="589"/>
        <v>5.3646305455277963</v>
      </c>
      <c r="I2522" s="236">
        <f t="shared" si="590"/>
        <v>19.990215047506485</v>
      </c>
      <c r="J2522" s="237">
        <f t="shared" si="595"/>
        <v>9.990215047506485</v>
      </c>
      <c r="K2522" s="237">
        <f t="shared" si="591"/>
        <v>503.13372253069065</v>
      </c>
      <c r="L2522" s="237">
        <f t="shared" si="596"/>
        <v>251.51365403602324</v>
      </c>
      <c r="M2522" s="236">
        <f t="shared" si="592"/>
        <v>13.000193925857403</v>
      </c>
      <c r="N2522" s="236">
        <f t="shared" si="593"/>
        <v>6.190120604121419</v>
      </c>
      <c r="O2522" s="236">
        <f t="shared" si="597"/>
        <v>3.0980486941662875</v>
      </c>
      <c r="P2522" s="236" t="str">
        <f t="shared" si="598"/>
        <v>CLAY</v>
      </c>
      <c r="Q2522" s="236">
        <f t="shared" si="594"/>
        <v>272.4771897891091</v>
      </c>
      <c r="R2522" s="238">
        <v>35</v>
      </c>
      <c r="S2522" s="236">
        <f t="shared" si="599"/>
        <v>6.1713090695997526</v>
      </c>
      <c r="T2522" s="236" t="e">
        <f t="shared" si="585"/>
        <v>#N/A</v>
      </c>
    </row>
    <row r="2523" spans="1:20" x14ac:dyDescent="0.2">
      <c r="A2523" s="53">
        <f t="shared" si="586"/>
        <v>2511</v>
      </c>
      <c r="B2523" s="239">
        <v>25.184999999999999</v>
      </c>
      <c r="C2523" s="3">
        <f t="shared" si="587"/>
        <v>25.177999999999997</v>
      </c>
      <c r="D2523" s="239">
        <v>3.8264</v>
      </c>
      <c r="E2523" s="239">
        <v>0.22289999999999999</v>
      </c>
      <c r="F2523" s="239">
        <v>0.29370000000000002</v>
      </c>
      <c r="G2523">
        <f t="shared" si="588"/>
        <v>3.8851399999999998</v>
      </c>
      <c r="H2523" s="235">
        <f t="shared" si="589"/>
        <v>5.7372449898845348</v>
      </c>
      <c r="I2523" s="236">
        <f t="shared" si="590"/>
        <v>20.114806245075027</v>
      </c>
      <c r="J2523" s="237">
        <f t="shared" si="595"/>
        <v>10.114806245075027</v>
      </c>
      <c r="K2523" s="237">
        <f t="shared" si="591"/>
        <v>506.45059163849896</v>
      </c>
      <c r="L2523" s="237">
        <f t="shared" si="596"/>
        <v>254.74139528221454</v>
      </c>
      <c r="M2523" s="236">
        <f t="shared" si="592"/>
        <v>13.263213089566495</v>
      </c>
      <c r="N2523" s="236">
        <f t="shared" si="593"/>
        <v>6.5972326266028576</v>
      </c>
      <c r="O2523" s="236">
        <f t="shared" si="597"/>
        <v>3.1095103228428806</v>
      </c>
      <c r="P2523" s="236" t="str">
        <f t="shared" si="598"/>
        <v>CLAY</v>
      </c>
      <c r="Q2523" s="236">
        <f t="shared" si="594"/>
        <v>281.5574506967917</v>
      </c>
      <c r="R2523" s="238">
        <v>35</v>
      </c>
      <c r="S2523" s="236">
        <f t="shared" si="599"/>
        <v>6.3277737510167373</v>
      </c>
      <c r="T2523" s="236" t="e">
        <f t="shared" si="585"/>
        <v>#N/A</v>
      </c>
    </row>
    <row r="2524" spans="1:20" x14ac:dyDescent="0.2">
      <c r="A2524" s="53">
        <f t="shared" si="586"/>
        <v>2512</v>
      </c>
      <c r="B2524" s="239">
        <v>25.196000000000002</v>
      </c>
      <c r="C2524" s="3">
        <f t="shared" si="587"/>
        <v>25.189</v>
      </c>
      <c r="D2524" s="239">
        <v>4.4585999999999997</v>
      </c>
      <c r="E2524" s="239">
        <v>0.21940000000000001</v>
      </c>
      <c r="F2524" s="239">
        <v>0.28949999999999998</v>
      </c>
      <c r="G2524">
        <f t="shared" si="588"/>
        <v>4.5164999999999997</v>
      </c>
      <c r="H2524" s="235">
        <f t="shared" si="589"/>
        <v>4.8577438281855425</v>
      </c>
      <c r="I2524" s="236">
        <f t="shared" si="590"/>
        <v>20.155103750238553</v>
      </c>
      <c r="J2524" s="237">
        <f t="shared" si="595"/>
        <v>10.155103750238553</v>
      </c>
      <c r="K2524" s="237">
        <f t="shared" si="591"/>
        <v>507.68690836475889</v>
      </c>
      <c r="L2524" s="237">
        <f t="shared" si="596"/>
        <v>255.86799409101059</v>
      </c>
      <c r="M2524" s="236">
        <f t="shared" si="592"/>
        <v>15.667505058132955</v>
      </c>
      <c r="N2524" s="236">
        <f t="shared" si="593"/>
        <v>5.4729416160059534</v>
      </c>
      <c r="O2524" s="236">
        <f t="shared" si="597"/>
        <v>3.0017085922639506</v>
      </c>
      <c r="P2524" s="236" t="str">
        <f t="shared" si="598"/>
        <v>CLAY</v>
      </c>
      <c r="Q2524" s="236">
        <f t="shared" si="594"/>
        <v>334.06775763627007</v>
      </c>
      <c r="R2524" s="238">
        <v>35</v>
      </c>
      <c r="S2524" s="236">
        <f t="shared" si="599"/>
        <v>7.7927333005746355</v>
      </c>
      <c r="T2524" s="236" t="e">
        <f t="shared" si="585"/>
        <v>#N/A</v>
      </c>
    </row>
    <row r="2525" spans="1:20" x14ac:dyDescent="0.2">
      <c r="A2525" s="53">
        <f t="shared" si="586"/>
        <v>2513</v>
      </c>
      <c r="B2525" s="239">
        <v>25.204999999999998</v>
      </c>
      <c r="C2525" s="3">
        <f t="shared" si="587"/>
        <v>25.197999999999997</v>
      </c>
      <c r="D2525" s="239">
        <v>5.2125000000000004</v>
      </c>
      <c r="E2525" s="239">
        <v>0.21540000000000001</v>
      </c>
      <c r="F2525" s="239">
        <v>0.3362</v>
      </c>
      <c r="G2525">
        <f t="shared" si="588"/>
        <v>5.2797400000000003</v>
      </c>
      <c r="H2525" s="235">
        <f t="shared" si="589"/>
        <v>4.0797463511460785</v>
      </c>
      <c r="I2525" s="236">
        <f t="shared" si="590"/>
        <v>20.194557724244504</v>
      </c>
      <c r="J2525" s="237">
        <f t="shared" si="595"/>
        <v>10.194557724244504</v>
      </c>
      <c r="K2525" s="237">
        <f t="shared" si="591"/>
        <v>508.86246553551297</v>
      </c>
      <c r="L2525" s="237">
        <f t="shared" si="596"/>
        <v>256.95382743958271</v>
      </c>
      <c r="M2525" s="236">
        <f t="shared" si="592"/>
        <v>18.567061569013831</v>
      </c>
      <c r="N2525" s="236">
        <f t="shared" si="593"/>
        <v>4.5148926679413881</v>
      </c>
      <c r="O2525" s="236">
        <f t="shared" si="597"/>
        <v>2.8913378540819803</v>
      </c>
      <c r="P2525" s="236" t="str">
        <f t="shared" si="598"/>
        <v>CLAY</v>
      </c>
      <c r="Q2525" s="236">
        <f t="shared" si="594"/>
        <v>397.57312787204063</v>
      </c>
      <c r="R2525" s="238">
        <v>35</v>
      </c>
      <c r="S2525" s="236">
        <f t="shared" si="599"/>
        <v>9.6353829636471335</v>
      </c>
      <c r="T2525" s="236" t="e">
        <f t="shared" si="585"/>
        <v>#N/A</v>
      </c>
    </row>
    <row r="2526" spans="1:20" x14ac:dyDescent="0.2">
      <c r="A2526" s="53">
        <f t="shared" si="586"/>
        <v>2514</v>
      </c>
      <c r="B2526" s="239">
        <v>25.215</v>
      </c>
      <c r="C2526" s="3">
        <f t="shared" si="587"/>
        <v>25.207999999999998</v>
      </c>
      <c r="D2526" s="239">
        <v>5.8849999999999998</v>
      </c>
      <c r="E2526" s="239">
        <v>0.2054</v>
      </c>
      <c r="F2526" s="239">
        <v>0.3962</v>
      </c>
      <c r="G2526">
        <f t="shared" si="588"/>
        <v>5.9642400000000002</v>
      </c>
      <c r="H2526" s="235">
        <f t="shared" si="589"/>
        <v>3.4438587313723126</v>
      </c>
      <c r="I2526" s="236">
        <f t="shared" si="590"/>
        <v>20.186463840349479</v>
      </c>
      <c r="J2526" s="237">
        <f t="shared" si="595"/>
        <v>10.186463840349479</v>
      </c>
      <c r="K2526" s="237">
        <f t="shared" si="591"/>
        <v>508.86038048752965</v>
      </c>
      <c r="L2526" s="237">
        <f t="shared" si="596"/>
        <v>256.85168573441211</v>
      </c>
      <c r="M2526" s="236">
        <f t="shared" si="592"/>
        <v>21.239415283236262</v>
      </c>
      <c r="N2526" s="236">
        <f t="shared" si="593"/>
        <v>3.7650908704013513</v>
      </c>
      <c r="O2526" s="236">
        <f t="shared" si="597"/>
        <v>2.7958268069033037</v>
      </c>
      <c r="P2526" s="236" t="str">
        <f t="shared" si="598"/>
        <v>CLAY</v>
      </c>
      <c r="Q2526" s="236">
        <f t="shared" si="594"/>
        <v>454.6149682927059</v>
      </c>
      <c r="R2526" s="238">
        <v>35</v>
      </c>
      <c r="S2526" s="236">
        <f t="shared" si="599"/>
        <v>11.399038076390376</v>
      </c>
      <c r="T2526" s="236" t="e">
        <f t="shared" si="585"/>
        <v>#N/A</v>
      </c>
    </row>
    <row r="2527" spans="1:20" x14ac:dyDescent="0.2">
      <c r="A2527" s="53">
        <f t="shared" si="586"/>
        <v>2515</v>
      </c>
      <c r="B2527" s="239">
        <v>25.225000000000001</v>
      </c>
      <c r="C2527" s="3">
        <f t="shared" si="587"/>
        <v>25.218</v>
      </c>
      <c r="D2527" s="239">
        <v>6.5465</v>
      </c>
      <c r="E2527" s="239">
        <v>0.19750000000000001</v>
      </c>
      <c r="F2527" s="239">
        <v>0.32619999999999999</v>
      </c>
      <c r="G2527">
        <f t="shared" si="588"/>
        <v>6.6117400000000002</v>
      </c>
      <c r="H2527" s="235">
        <f t="shared" si="589"/>
        <v>2.9871108059300577</v>
      </c>
      <c r="I2527" s="236">
        <f t="shared" si="590"/>
        <v>20.180758414620037</v>
      </c>
      <c r="J2527" s="237">
        <f t="shared" si="595"/>
        <v>10.180758414620037</v>
      </c>
      <c r="K2527" s="237">
        <f t="shared" si="591"/>
        <v>508.91836569988811</v>
      </c>
      <c r="L2527" s="237">
        <f t="shared" si="596"/>
        <v>256.80963100879046</v>
      </c>
      <c r="M2527" s="236">
        <f t="shared" si="592"/>
        <v>23.763990510508599</v>
      </c>
      <c r="N2527" s="236">
        <f t="shared" si="593"/>
        <v>3.2362079679664415</v>
      </c>
      <c r="O2527" s="236">
        <f t="shared" si="597"/>
        <v>2.716284172931668</v>
      </c>
      <c r="P2527" s="236" t="str">
        <f t="shared" si="598"/>
        <v>CLAY</v>
      </c>
      <c r="Q2527" s="236">
        <f t="shared" si="594"/>
        <v>508.56846952500928</v>
      </c>
      <c r="R2527" s="238">
        <v>35</v>
      </c>
      <c r="S2527" s="236">
        <f t="shared" si="599"/>
        <v>13.117142044908897</v>
      </c>
      <c r="T2527" s="236" t="e">
        <f t="shared" si="585"/>
        <v>#N/A</v>
      </c>
    </row>
    <row r="2528" spans="1:20" x14ac:dyDescent="0.2">
      <c r="A2528" s="53">
        <f t="shared" si="586"/>
        <v>2516</v>
      </c>
      <c r="B2528" s="239">
        <v>25.234000000000002</v>
      </c>
      <c r="C2528" s="3">
        <f t="shared" si="587"/>
        <v>25.227</v>
      </c>
      <c r="D2528" s="239">
        <v>7.2370999999999999</v>
      </c>
      <c r="E2528" s="239">
        <v>0.188</v>
      </c>
      <c r="F2528" s="239">
        <v>0.2462</v>
      </c>
      <c r="G2528">
        <f t="shared" si="588"/>
        <v>7.28634</v>
      </c>
      <c r="H2528" s="235">
        <f t="shared" si="589"/>
        <v>2.5801705657435692</v>
      </c>
      <c r="I2528" s="236">
        <f t="shared" si="590"/>
        <v>20.160927736837127</v>
      </c>
      <c r="J2528" s="237">
        <f t="shared" si="595"/>
        <v>10.160927736837127</v>
      </c>
      <c r="K2528" s="237">
        <f t="shared" si="591"/>
        <v>508.59972401719023</v>
      </c>
      <c r="L2528" s="237">
        <f t="shared" si="596"/>
        <v>256.4008505113481</v>
      </c>
      <c r="M2528" s="236">
        <f t="shared" si="592"/>
        <v>26.434156760657206</v>
      </c>
      <c r="N2528" s="236">
        <f t="shared" si="593"/>
        <v>2.7737858393037782</v>
      </c>
      <c r="O2528" s="236">
        <f t="shared" si="597"/>
        <v>2.6380746498144108</v>
      </c>
      <c r="P2528" s="236" t="str">
        <f t="shared" si="598"/>
        <v>CLAY</v>
      </c>
      <c r="Q2528" s="236">
        <f t="shared" si="594"/>
        <v>564.81168966523421</v>
      </c>
      <c r="R2528" s="238">
        <v>35</v>
      </c>
      <c r="S2528" s="236">
        <f t="shared" si="599"/>
        <v>14.984657991384747</v>
      </c>
      <c r="T2528" s="236" t="e">
        <f t="shared" si="585"/>
        <v>#N/A</v>
      </c>
    </row>
    <row r="2529" spans="1:20" x14ac:dyDescent="0.2">
      <c r="A2529" s="53">
        <f t="shared" si="586"/>
        <v>2517</v>
      </c>
      <c r="B2529" s="239">
        <v>25.244</v>
      </c>
      <c r="C2529" s="3">
        <f t="shared" si="587"/>
        <v>25.236999999999998</v>
      </c>
      <c r="D2529" s="239">
        <v>7.9752999999999998</v>
      </c>
      <c r="E2529" s="239">
        <v>0.1784</v>
      </c>
      <c r="F2529" s="239">
        <v>0.20480000000000001</v>
      </c>
      <c r="G2529">
        <f t="shared" si="588"/>
        <v>8.0162599999999991</v>
      </c>
      <c r="H2529" s="235">
        <f t="shared" si="589"/>
        <v>2.2254767185695079</v>
      </c>
      <c r="I2529" s="236">
        <f t="shared" si="590"/>
        <v>20.136783764714103</v>
      </c>
      <c r="J2529" s="237">
        <f t="shared" si="595"/>
        <v>10.136783764714103</v>
      </c>
      <c r="K2529" s="237">
        <f t="shared" si="591"/>
        <v>508.1920118700898</v>
      </c>
      <c r="L2529" s="237">
        <f t="shared" si="596"/>
        <v>255.89296935644282</v>
      </c>
      <c r="M2529" s="236">
        <f t="shared" si="592"/>
        <v>29.340657568718282</v>
      </c>
      <c r="N2529" s="236">
        <f t="shared" si="593"/>
        <v>2.3761106090414539</v>
      </c>
      <c r="O2529" s="236">
        <f t="shared" si="597"/>
        <v>2.5606478488514353</v>
      </c>
      <c r="P2529" s="236" t="str">
        <f t="shared" si="598"/>
        <v>SAND</v>
      </c>
      <c r="Q2529" s="236" t="e">
        <f t="shared" si="594"/>
        <v>#N/A</v>
      </c>
      <c r="R2529" s="238">
        <v>35</v>
      </c>
      <c r="S2529" s="236" t="e">
        <f t="shared" si="599"/>
        <v>#N/A</v>
      </c>
      <c r="T2529" s="236">
        <f t="shared" si="585"/>
        <v>33.742168270971263</v>
      </c>
    </row>
    <row r="2530" spans="1:20" x14ac:dyDescent="0.2">
      <c r="A2530" s="53">
        <f t="shared" si="586"/>
        <v>2518</v>
      </c>
      <c r="B2530" s="239">
        <v>25.253</v>
      </c>
      <c r="C2530" s="3">
        <f t="shared" si="587"/>
        <v>25.245999999999999</v>
      </c>
      <c r="D2530" s="239">
        <v>8.6712000000000007</v>
      </c>
      <c r="E2530" s="239">
        <v>0.17419999999999999</v>
      </c>
      <c r="F2530" s="239">
        <v>0.1759</v>
      </c>
      <c r="G2530">
        <f t="shared" si="588"/>
        <v>8.7063800000000011</v>
      </c>
      <c r="H2530" s="235">
        <f t="shared" si="589"/>
        <v>2.0008315740870484</v>
      </c>
      <c r="I2530" s="236">
        <f t="shared" si="590"/>
        <v>20.141126917862827</v>
      </c>
      <c r="J2530" s="237">
        <f t="shared" si="595"/>
        <v>10.141126917862827</v>
      </c>
      <c r="K2530" s="237">
        <f t="shared" si="591"/>
        <v>508.48289016836492</v>
      </c>
      <c r="L2530" s="237">
        <f t="shared" si="596"/>
        <v>256.09387805679</v>
      </c>
      <c r="M2530" s="236">
        <f t="shared" si="592"/>
        <v>32.011296685560417</v>
      </c>
      <c r="N2530" s="236">
        <f t="shared" si="593"/>
        <v>2.1249351835738959</v>
      </c>
      <c r="O2530" s="236">
        <f t="shared" si="597"/>
        <v>2.500862237481261</v>
      </c>
      <c r="P2530" s="236" t="str">
        <f t="shared" si="598"/>
        <v>SAND</v>
      </c>
      <c r="Q2530" s="236" t="e">
        <f t="shared" si="594"/>
        <v>#N/A</v>
      </c>
      <c r="R2530" s="238">
        <v>35</v>
      </c>
      <c r="S2530" s="236" t="e">
        <f t="shared" si="599"/>
        <v>#N/A</v>
      </c>
      <c r="T2530" s="236">
        <f t="shared" si="585"/>
        <v>34.158335931729042</v>
      </c>
    </row>
    <row r="2531" spans="1:20" x14ac:dyDescent="0.2">
      <c r="A2531" s="53">
        <f t="shared" si="586"/>
        <v>2519</v>
      </c>
      <c r="B2531" s="239">
        <v>25.263999999999999</v>
      </c>
      <c r="C2531" s="3">
        <f t="shared" si="587"/>
        <v>25.256999999999998</v>
      </c>
      <c r="D2531" s="239">
        <v>9.3602000000000007</v>
      </c>
      <c r="E2531" s="239">
        <v>0.17199999999999999</v>
      </c>
      <c r="F2531" s="239">
        <v>0.17749999999999999</v>
      </c>
      <c r="G2531">
        <f t="shared" si="588"/>
        <v>9.3957000000000015</v>
      </c>
      <c r="H2531" s="235">
        <f t="shared" si="589"/>
        <v>1.8306246474451073</v>
      </c>
      <c r="I2531" s="236">
        <f t="shared" si="590"/>
        <v>20.156006088402158</v>
      </c>
      <c r="J2531" s="237">
        <f t="shared" si="595"/>
        <v>10.156006088402158</v>
      </c>
      <c r="K2531" s="237">
        <f t="shared" si="591"/>
        <v>509.08024577477329</v>
      </c>
      <c r="L2531" s="237">
        <f t="shared" si="596"/>
        <v>256.58133781739213</v>
      </c>
      <c r="M2531" s="236">
        <f t="shared" si="592"/>
        <v>34.634708158509163</v>
      </c>
      <c r="N2531" s="236">
        <f t="shared" si="593"/>
        <v>1.9354940883818168</v>
      </c>
      <c r="O2531" s="236">
        <f t="shared" si="597"/>
        <v>2.4489196393299983</v>
      </c>
      <c r="P2531" s="236" t="str">
        <f t="shared" si="598"/>
        <v>SAND</v>
      </c>
      <c r="Q2531" s="236" t="e">
        <f t="shared" si="594"/>
        <v>#N/A</v>
      </c>
      <c r="R2531" s="238">
        <v>35</v>
      </c>
      <c r="S2531" s="236" t="e">
        <f t="shared" si="599"/>
        <v>#N/A</v>
      </c>
      <c r="T2531" s="236">
        <f t="shared" si="585"/>
        <v>34.53462685755062</v>
      </c>
    </row>
    <row r="2532" spans="1:20" x14ac:dyDescent="0.2">
      <c r="A2532" s="53">
        <f t="shared" si="586"/>
        <v>2520</v>
      </c>
      <c r="B2532" s="239">
        <v>25.273</v>
      </c>
      <c r="C2532" s="3">
        <f t="shared" si="587"/>
        <v>25.265999999999998</v>
      </c>
      <c r="D2532" s="239">
        <v>10.0075</v>
      </c>
      <c r="E2532" s="239">
        <v>0.16500000000000001</v>
      </c>
      <c r="F2532" s="239">
        <v>0.1462</v>
      </c>
      <c r="G2532">
        <f t="shared" si="588"/>
        <v>10.03674</v>
      </c>
      <c r="H2532" s="235">
        <f t="shared" si="589"/>
        <v>1.6439600906270364</v>
      </c>
      <c r="I2532" s="236">
        <f t="shared" si="590"/>
        <v>20.133083110335438</v>
      </c>
      <c r="J2532" s="237">
        <f t="shared" si="595"/>
        <v>10.133083110335438</v>
      </c>
      <c r="K2532" s="237">
        <f t="shared" si="591"/>
        <v>508.68247786573511</v>
      </c>
      <c r="L2532" s="237">
        <f t="shared" si="596"/>
        <v>256.0934094475075</v>
      </c>
      <c r="M2532" s="236">
        <f t="shared" si="592"/>
        <v>37.205399165445016</v>
      </c>
      <c r="N2532" s="236">
        <f t="shared" si="593"/>
        <v>1.7317275805345933</v>
      </c>
      <c r="O2532" s="236">
        <f t="shared" si="597"/>
        <v>2.3947568467204849</v>
      </c>
      <c r="P2532" s="236" t="str">
        <f t="shared" si="598"/>
        <v>SAND</v>
      </c>
      <c r="Q2532" s="236" t="e">
        <f t="shared" si="594"/>
        <v>#N/A</v>
      </c>
      <c r="R2532" s="238">
        <v>35</v>
      </c>
      <c r="S2532" s="236" t="e">
        <f t="shared" si="599"/>
        <v>#N/A</v>
      </c>
      <c r="T2532" s="236">
        <f t="shared" si="585"/>
        <v>34.876665651435992</v>
      </c>
    </row>
    <row r="2533" spans="1:20" x14ac:dyDescent="0.2">
      <c r="A2533" s="53">
        <f t="shared" si="586"/>
        <v>2521</v>
      </c>
      <c r="B2533" s="239">
        <v>25.282</v>
      </c>
      <c r="C2533" s="3">
        <f t="shared" si="587"/>
        <v>25.274999999999999</v>
      </c>
      <c r="D2533" s="239">
        <v>10.593400000000001</v>
      </c>
      <c r="E2533" s="239">
        <v>0.15659999999999999</v>
      </c>
      <c r="F2533" s="239">
        <v>0.1386</v>
      </c>
      <c r="G2533">
        <f t="shared" si="588"/>
        <v>10.621120000000001</v>
      </c>
      <c r="H2533" s="235">
        <f t="shared" si="589"/>
        <v>1.4744207767165796</v>
      </c>
      <c r="I2533" s="236">
        <f t="shared" si="590"/>
        <v>20.093934084300283</v>
      </c>
      <c r="J2533" s="237">
        <f t="shared" si="595"/>
        <v>10.093934084300283</v>
      </c>
      <c r="K2533" s="237">
        <f t="shared" si="591"/>
        <v>507.87418398068962</v>
      </c>
      <c r="L2533" s="237">
        <f t="shared" si="596"/>
        <v>255.19484151927975</v>
      </c>
      <c r="M2533" s="236">
        <f t="shared" si="592"/>
        <v>39.629507225972922</v>
      </c>
      <c r="N2533" s="236">
        <f t="shared" si="593"/>
        <v>1.5484642897925678</v>
      </c>
      <c r="O2533" s="236">
        <f t="shared" si="597"/>
        <v>2.3435305565421212</v>
      </c>
      <c r="P2533" s="236" t="str">
        <f t="shared" si="598"/>
        <v>SAND</v>
      </c>
      <c r="Q2533" s="236" t="e">
        <f t="shared" si="594"/>
        <v>#N/A</v>
      </c>
      <c r="R2533" s="238">
        <v>35</v>
      </c>
      <c r="S2533" s="236" t="e">
        <f t="shared" si="599"/>
        <v>#N/A</v>
      </c>
      <c r="T2533" s="236">
        <f t="shared" si="585"/>
        <v>35.178205393352478</v>
      </c>
    </row>
    <row r="2534" spans="1:20" x14ac:dyDescent="0.2">
      <c r="A2534" s="53">
        <f t="shared" si="586"/>
        <v>2522</v>
      </c>
      <c r="B2534" s="239">
        <v>25.292000000000002</v>
      </c>
      <c r="C2534" s="3">
        <f t="shared" si="587"/>
        <v>25.285</v>
      </c>
      <c r="D2534" s="239">
        <v>11.0167</v>
      </c>
      <c r="E2534" s="239">
        <v>0.15310000000000001</v>
      </c>
      <c r="F2534" s="239">
        <v>0.13250000000000001</v>
      </c>
      <c r="G2534">
        <f t="shared" si="588"/>
        <v>11.043200000000001</v>
      </c>
      <c r="H2534" s="235">
        <f t="shared" si="589"/>
        <v>1.3863735149232108</v>
      </c>
      <c r="I2534" s="236">
        <f t="shared" si="590"/>
        <v>20.082661513118047</v>
      </c>
      <c r="J2534" s="237">
        <f t="shared" si="595"/>
        <v>10.082661513118047</v>
      </c>
      <c r="K2534" s="237">
        <f t="shared" si="591"/>
        <v>507.79009635918982</v>
      </c>
      <c r="L2534" s="237">
        <f t="shared" si="596"/>
        <v>255.01067498978168</v>
      </c>
      <c r="M2534" s="236">
        <f t="shared" si="592"/>
        <v>41.313603456259102</v>
      </c>
      <c r="N2534" s="236">
        <f t="shared" si="593"/>
        <v>1.4531945258920771</v>
      </c>
      <c r="O2534" s="236">
        <f t="shared" si="597"/>
        <v>2.3125288839488545</v>
      </c>
      <c r="P2534" s="236" t="str">
        <f t="shared" si="598"/>
        <v>SAND</v>
      </c>
      <c r="Q2534" s="236" t="e">
        <f t="shared" si="594"/>
        <v>#N/A</v>
      </c>
      <c r="R2534" s="238">
        <v>35</v>
      </c>
      <c r="S2534" s="236" t="e">
        <f t="shared" si="599"/>
        <v>#N/A</v>
      </c>
      <c r="T2534" s="236">
        <f t="shared" si="585"/>
        <v>35.377023843413312</v>
      </c>
    </row>
    <row r="2535" spans="1:20" x14ac:dyDescent="0.2">
      <c r="A2535" s="53">
        <f t="shared" si="586"/>
        <v>2523</v>
      </c>
      <c r="B2535" s="239">
        <v>25.302</v>
      </c>
      <c r="C2535" s="3">
        <f t="shared" si="587"/>
        <v>25.294999999999998</v>
      </c>
      <c r="D2535" s="239">
        <v>11.3361</v>
      </c>
      <c r="E2535" s="239">
        <v>0.1472</v>
      </c>
      <c r="F2535" s="239">
        <v>0.13780000000000001</v>
      </c>
      <c r="G2535">
        <f t="shared" si="588"/>
        <v>11.363659999999999</v>
      </c>
      <c r="H2535" s="235">
        <f t="shared" si="589"/>
        <v>1.2953573056568044</v>
      </c>
      <c r="I2535" s="236">
        <f t="shared" si="590"/>
        <v>20.047760549449755</v>
      </c>
      <c r="J2535" s="237">
        <f t="shared" si="595"/>
        <v>10.047760549449755</v>
      </c>
      <c r="K2535" s="237">
        <f t="shared" si="591"/>
        <v>507.10810309833153</v>
      </c>
      <c r="L2535" s="237">
        <f t="shared" si="596"/>
        <v>254.22843742217771</v>
      </c>
      <c r="M2535" s="236">
        <f t="shared" si="592"/>
        <v>42.703924104576167</v>
      </c>
      <c r="N2535" s="236">
        <f t="shared" si="593"/>
        <v>1.3558632740659502</v>
      </c>
      <c r="O2535" s="236">
        <f t="shared" si="597"/>
        <v>2.2830607973349237</v>
      </c>
      <c r="P2535" s="236" t="str">
        <f t="shared" si="598"/>
        <v>SAND</v>
      </c>
      <c r="Q2535" s="236" t="e">
        <f t="shared" si="594"/>
        <v>#N/A</v>
      </c>
      <c r="R2535" s="238">
        <v>35</v>
      </c>
      <c r="S2535" s="236" t="e">
        <f t="shared" si="599"/>
        <v>#N/A</v>
      </c>
      <c r="T2535" s="236">
        <f t="shared" si="585"/>
        <v>35.535145630550772</v>
      </c>
    </row>
    <row r="2536" spans="1:20" x14ac:dyDescent="0.2">
      <c r="A2536" s="53">
        <f t="shared" si="586"/>
        <v>2524</v>
      </c>
      <c r="B2536" s="239">
        <v>25.311</v>
      </c>
      <c r="C2536" s="3">
        <f t="shared" si="587"/>
        <v>25.303999999999998</v>
      </c>
      <c r="D2536" s="239">
        <v>11.5299</v>
      </c>
      <c r="E2536" s="239">
        <v>0.14530000000000001</v>
      </c>
      <c r="F2536" s="239">
        <v>0.14480000000000001</v>
      </c>
      <c r="G2536">
        <f t="shared" si="588"/>
        <v>11.558859999999999</v>
      </c>
      <c r="H2536" s="235">
        <f t="shared" si="589"/>
        <v>1.2570443798090816</v>
      </c>
      <c r="I2536" s="236">
        <f t="shared" si="590"/>
        <v>20.039183716248772</v>
      </c>
      <c r="J2536" s="237">
        <f t="shared" si="595"/>
        <v>10.039183716248772</v>
      </c>
      <c r="K2536" s="237">
        <f t="shared" si="591"/>
        <v>507.07150475595887</v>
      </c>
      <c r="L2536" s="237">
        <f t="shared" si="596"/>
        <v>254.10177904197266</v>
      </c>
      <c r="M2536" s="236">
        <f t="shared" si="592"/>
        <v>43.493550249478972</v>
      </c>
      <c r="N2536" s="236">
        <f t="shared" si="593"/>
        <v>1.314719333097331</v>
      </c>
      <c r="O2536" s="236">
        <f t="shared" si="597"/>
        <v>2.2687312379549964</v>
      </c>
      <c r="P2536" s="236" t="str">
        <f t="shared" si="598"/>
        <v>SAND</v>
      </c>
      <c r="Q2536" s="236" t="e">
        <f t="shared" si="594"/>
        <v>#N/A</v>
      </c>
      <c r="R2536" s="238">
        <v>35</v>
      </c>
      <c r="S2536" s="236" t="e">
        <f t="shared" si="599"/>
        <v>#N/A</v>
      </c>
      <c r="T2536" s="236">
        <f t="shared" si="585"/>
        <v>35.622673452106852</v>
      </c>
    </row>
    <row r="2537" spans="1:20" x14ac:dyDescent="0.2">
      <c r="A2537" s="53">
        <f t="shared" si="586"/>
        <v>2525</v>
      </c>
      <c r="B2537" s="239">
        <v>25.321000000000002</v>
      </c>
      <c r="C2537" s="3">
        <f t="shared" si="587"/>
        <v>25.314</v>
      </c>
      <c r="D2537" s="239">
        <v>11.6113</v>
      </c>
      <c r="E2537" s="239">
        <v>0.1396</v>
      </c>
      <c r="F2537" s="239">
        <v>0.13220000000000001</v>
      </c>
      <c r="G2537">
        <f t="shared" si="588"/>
        <v>11.637739999999999</v>
      </c>
      <c r="H2537" s="235">
        <f t="shared" si="589"/>
        <v>1.1995456162450786</v>
      </c>
      <c r="I2537" s="236">
        <f t="shared" si="590"/>
        <v>19.994915469069245</v>
      </c>
      <c r="J2537" s="237">
        <f t="shared" si="595"/>
        <v>9.9949154690692446</v>
      </c>
      <c r="K2537" s="237">
        <f t="shared" si="591"/>
        <v>506.15129018401888</v>
      </c>
      <c r="L2537" s="237">
        <f t="shared" si="596"/>
        <v>253.08125459230234</v>
      </c>
      <c r="M2537" s="236">
        <f t="shared" si="592"/>
        <v>43.984248172580998</v>
      </c>
      <c r="N2537" s="236">
        <f t="shared" si="593"/>
        <v>1.2540887346735952</v>
      </c>
      <c r="O2537" s="236">
        <f t="shared" si="597"/>
        <v>2.2527389189786322</v>
      </c>
      <c r="P2537" s="236" t="str">
        <f t="shared" si="598"/>
        <v>SAND</v>
      </c>
      <c r="Q2537" s="236" t="e">
        <f t="shared" si="594"/>
        <v>#N/A</v>
      </c>
      <c r="R2537" s="238">
        <v>35</v>
      </c>
      <c r="S2537" s="236" t="e">
        <f t="shared" si="599"/>
        <v>#N/A</v>
      </c>
      <c r="T2537" s="236">
        <f t="shared" si="585"/>
        <v>35.676268902214645</v>
      </c>
    </row>
    <row r="2538" spans="1:20" x14ac:dyDescent="0.2">
      <c r="A2538" s="53">
        <f t="shared" si="586"/>
        <v>2526</v>
      </c>
      <c r="B2538" s="239">
        <v>25.331</v>
      </c>
      <c r="C2538" s="3">
        <f t="shared" si="587"/>
        <v>25.323999999999998</v>
      </c>
      <c r="D2538" s="239">
        <v>11.5939</v>
      </c>
      <c r="E2538" s="239">
        <v>0.1268</v>
      </c>
      <c r="F2538" s="239">
        <v>0.1198</v>
      </c>
      <c r="G2538">
        <f t="shared" si="588"/>
        <v>11.61786</v>
      </c>
      <c r="H2538" s="235">
        <f t="shared" si="589"/>
        <v>1.0914230331575694</v>
      </c>
      <c r="I2538" s="236">
        <f t="shared" si="590"/>
        <v>19.881478563825773</v>
      </c>
      <c r="J2538" s="237">
        <f t="shared" si="595"/>
        <v>9.8814785638257732</v>
      </c>
      <c r="K2538" s="237">
        <f t="shared" si="591"/>
        <v>503.47856315032385</v>
      </c>
      <c r="L2538" s="237">
        <f t="shared" si="596"/>
        <v>250.30773350027064</v>
      </c>
      <c r="M2538" s="236">
        <f t="shared" si="592"/>
        <v>44.402868746513015</v>
      </c>
      <c r="N2538" s="236">
        <f t="shared" si="593"/>
        <v>1.1408642102168207</v>
      </c>
      <c r="O2538" s="236">
        <f t="shared" si="597"/>
        <v>2.2255689461194725</v>
      </c>
      <c r="P2538" s="236" t="str">
        <f t="shared" si="598"/>
        <v>SAND</v>
      </c>
      <c r="Q2538" s="236" t="e">
        <f t="shared" si="594"/>
        <v>#N/A</v>
      </c>
      <c r="R2538" s="238">
        <v>35</v>
      </c>
      <c r="S2538" s="236" t="e">
        <f t="shared" si="599"/>
        <v>#N/A</v>
      </c>
      <c r="T2538" s="236">
        <f t="shared" si="585"/>
        <v>35.721521325446986</v>
      </c>
    </row>
    <row r="2539" spans="1:20" x14ac:dyDescent="0.2">
      <c r="A2539" s="53">
        <f t="shared" si="586"/>
        <v>2527</v>
      </c>
      <c r="B2539" s="239">
        <v>25.341000000000001</v>
      </c>
      <c r="C2539" s="3">
        <f t="shared" si="587"/>
        <v>25.334</v>
      </c>
      <c r="D2539" s="239">
        <v>11.4961</v>
      </c>
      <c r="E2539" s="239">
        <v>0.11219999999999999</v>
      </c>
      <c r="F2539" s="239">
        <v>0.1132</v>
      </c>
      <c r="G2539">
        <f t="shared" si="588"/>
        <v>11.518740000000001</v>
      </c>
      <c r="H2539" s="235">
        <f t="shared" si="589"/>
        <v>0.97406487167867295</v>
      </c>
      <c r="I2539" s="236">
        <f t="shared" si="590"/>
        <v>19.734688246044175</v>
      </c>
      <c r="J2539" s="237">
        <f t="shared" si="595"/>
        <v>9.7346882460441755</v>
      </c>
      <c r="K2539" s="237">
        <f t="shared" si="591"/>
        <v>499.95859202528311</v>
      </c>
      <c r="L2539" s="237">
        <f t="shared" si="596"/>
        <v>246.68673484300547</v>
      </c>
      <c r="M2539" s="236">
        <f t="shared" si="592"/>
        <v>44.667101435296914</v>
      </c>
      <c r="N2539" s="236">
        <f t="shared" si="593"/>
        <v>1.0182614197137672</v>
      </c>
      <c r="O2539" s="236">
        <f t="shared" si="597"/>
        <v>2.1954687309542917</v>
      </c>
      <c r="P2539" s="236" t="str">
        <f t="shared" si="598"/>
        <v>SAND</v>
      </c>
      <c r="Q2539" s="236" t="e">
        <f t="shared" si="594"/>
        <v>#N/A</v>
      </c>
      <c r="R2539" s="238">
        <v>35</v>
      </c>
      <c r="S2539" s="236" t="e">
        <f t="shared" si="599"/>
        <v>#N/A</v>
      </c>
      <c r="T2539" s="236">
        <f t="shared" si="585"/>
        <v>35.749865479731199</v>
      </c>
    </row>
    <row r="2540" spans="1:20" x14ac:dyDescent="0.2">
      <c r="A2540" s="53">
        <f t="shared" si="586"/>
        <v>2528</v>
      </c>
      <c r="B2540" s="239">
        <v>25.35</v>
      </c>
      <c r="C2540" s="3">
        <f t="shared" si="587"/>
        <v>25.343</v>
      </c>
      <c r="D2540" s="239">
        <v>11.3872</v>
      </c>
      <c r="E2540" s="239">
        <v>0.1096</v>
      </c>
      <c r="F2540" s="239">
        <v>0.1108</v>
      </c>
      <c r="G2540">
        <f t="shared" si="588"/>
        <v>11.40936</v>
      </c>
      <c r="H2540" s="235">
        <f t="shared" si="589"/>
        <v>0.96061479346781953</v>
      </c>
      <c r="I2540" s="236">
        <f t="shared" si="590"/>
        <v>19.703466705876028</v>
      </c>
      <c r="J2540" s="237">
        <f t="shared" si="595"/>
        <v>9.7034667058760284</v>
      </c>
      <c r="K2540" s="237">
        <f t="shared" si="591"/>
        <v>499.34495672701621</v>
      </c>
      <c r="L2540" s="237">
        <f t="shared" si="596"/>
        <v>245.98288099395734</v>
      </c>
      <c r="M2540" s="236">
        <f t="shared" si="592"/>
        <v>44.352741130554492</v>
      </c>
      <c r="N2540" s="236">
        <f t="shared" si="593"/>
        <v>1.0045815662516284</v>
      </c>
      <c r="O2540" s="236">
        <f t="shared" si="597"/>
        <v>2.1947361638795173</v>
      </c>
      <c r="P2540" s="236" t="str">
        <f t="shared" si="598"/>
        <v>SAND</v>
      </c>
      <c r="Q2540" s="236" t="e">
        <f t="shared" si="594"/>
        <v>#N/A</v>
      </c>
      <c r="R2540" s="238">
        <v>35</v>
      </c>
      <c r="S2540" s="236" t="e">
        <f t="shared" si="599"/>
        <v>#N/A</v>
      </c>
      <c r="T2540" s="236">
        <f t="shared" si="585"/>
        <v>35.716125122484428</v>
      </c>
    </row>
    <row r="2541" spans="1:20" x14ac:dyDescent="0.2">
      <c r="A2541" s="53">
        <f t="shared" si="586"/>
        <v>2529</v>
      </c>
      <c r="B2541" s="239">
        <v>25.36</v>
      </c>
      <c r="C2541" s="3">
        <f t="shared" si="587"/>
        <v>25.352999999999998</v>
      </c>
      <c r="D2541" s="239">
        <v>11.2578</v>
      </c>
      <c r="E2541" s="239">
        <v>0.1062</v>
      </c>
      <c r="F2541" s="239">
        <v>0.1171</v>
      </c>
      <c r="G2541">
        <f t="shared" si="588"/>
        <v>11.281219999999999</v>
      </c>
      <c r="H2541" s="235">
        <f t="shared" si="589"/>
        <v>0.94138754496410848</v>
      </c>
      <c r="I2541" s="236">
        <f t="shared" si="590"/>
        <v>19.662099711401517</v>
      </c>
      <c r="J2541" s="237">
        <f t="shared" si="595"/>
        <v>9.6620997114015168</v>
      </c>
      <c r="K2541" s="237">
        <f t="shared" si="591"/>
        <v>498.4932139831626</v>
      </c>
      <c r="L2541" s="237">
        <f t="shared" si="596"/>
        <v>245.03084868114246</v>
      </c>
      <c r="M2541" s="236">
        <f t="shared" si="592"/>
        <v>44.005588863826489</v>
      </c>
      <c r="N2541" s="236">
        <f t="shared" si="593"/>
        <v>0.98490856819001849</v>
      </c>
      <c r="O2541" s="236">
        <f t="shared" si="597"/>
        <v>2.192807166585975</v>
      </c>
      <c r="P2541" s="236" t="str">
        <f t="shared" si="598"/>
        <v>SAND</v>
      </c>
      <c r="Q2541" s="236" t="e">
        <f t="shared" si="594"/>
        <v>#N/A</v>
      </c>
      <c r="R2541" s="238">
        <v>35</v>
      </c>
      <c r="S2541" s="236" t="e">
        <f t="shared" si="599"/>
        <v>#N/A</v>
      </c>
      <c r="T2541" s="236">
        <f t="shared" si="585"/>
        <v>35.678586205993355</v>
      </c>
    </row>
    <row r="2542" spans="1:20" x14ac:dyDescent="0.2">
      <c r="A2542" s="53">
        <f t="shared" si="586"/>
        <v>2530</v>
      </c>
      <c r="B2542" s="239">
        <v>25.37</v>
      </c>
      <c r="C2542" s="3">
        <f t="shared" si="587"/>
        <v>25.363</v>
      </c>
      <c r="D2542" s="239">
        <v>11.1539</v>
      </c>
      <c r="E2542" s="239">
        <v>8.8099999999999998E-2</v>
      </c>
      <c r="F2542" s="239">
        <v>0.1195</v>
      </c>
      <c r="G2542">
        <f t="shared" si="588"/>
        <v>11.1778</v>
      </c>
      <c r="H2542" s="235">
        <f t="shared" si="589"/>
        <v>0.78816940721787832</v>
      </c>
      <c r="I2542" s="236">
        <f t="shared" si="590"/>
        <v>19.439398708314428</v>
      </c>
      <c r="J2542" s="237">
        <f t="shared" si="595"/>
        <v>9.4393987083144282</v>
      </c>
      <c r="K2542" s="237">
        <f t="shared" si="591"/>
        <v>493.04146943897882</v>
      </c>
      <c r="L2542" s="237">
        <f t="shared" si="596"/>
        <v>239.47754522993705</v>
      </c>
      <c r="M2542" s="236">
        <f t="shared" si="592"/>
        <v>44.616953628374347</v>
      </c>
      <c r="N2542" s="236">
        <f t="shared" si="593"/>
        <v>0.82453898932776504</v>
      </c>
      <c r="O2542" s="236">
        <f t="shared" si="597"/>
        <v>2.1459721447939324</v>
      </c>
      <c r="P2542" s="236" t="str">
        <f t="shared" si="598"/>
        <v>SAND</v>
      </c>
      <c r="Q2542" s="236" t="e">
        <f t="shared" si="594"/>
        <v>#N/A</v>
      </c>
      <c r="R2542" s="238">
        <v>35</v>
      </c>
      <c r="S2542" s="236" t="e">
        <f t="shared" si="599"/>
        <v>#N/A</v>
      </c>
      <c r="T2542" s="236">
        <f t="shared" si="585"/>
        <v>35.744499054581553</v>
      </c>
    </row>
    <row r="2543" spans="1:20" x14ac:dyDescent="0.2">
      <c r="A2543" s="53">
        <f t="shared" si="586"/>
        <v>2531</v>
      </c>
      <c r="B2543" s="239">
        <v>25.38</v>
      </c>
      <c r="C2543" s="3">
        <f t="shared" si="587"/>
        <v>25.372999999999998</v>
      </c>
      <c r="D2543" s="239">
        <v>11.0383</v>
      </c>
      <c r="E2543" s="239">
        <v>7.5600000000000001E-2</v>
      </c>
      <c r="F2543" s="239">
        <v>0.1268</v>
      </c>
      <c r="G2543">
        <f t="shared" si="588"/>
        <v>11.063659999999999</v>
      </c>
      <c r="H2543" s="235">
        <f t="shared" si="589"/>
        <v>0.68331817861358723</v>
      </c>
      <c r="I2543" s="236">
        <f t="shared" si="590"/>
        <v>19.255960841043951</v>
      </c>
      <c r="J2543" s="237">
        <f t="shared" si="595"/>
        <v>9.2559608410439509</v>
      </c>
      <c r="K2543" s="237">
        <f t="shared" si="591"/>
        <v>488.58149441980811</v>
      </c>
      <c r="L2543" s="237">
        <f t="shared" si="596"/>
        <v>234.91628614569547</v>
      </c>
      <c r="M2543" s="236">
        <f t="shared" si="592"/>
        <v>45.016370210371491</v>
      </c>
      <c r="N2543" s="236">
        <f t="shared" si="593"/>
        <v>0.71488830990812857</v>
      </c>
      <c r="O2543" s="236">
        <f t="shared" si="597"/>
        <v>2.1104811148324378</v>
      </c>
      <c r="P2543" s="236" t="str">
        <f t="shared" si="598"/>
        <v>SAND</v>
      </c>
      <c r="Q2543" s="236" t="e">
        <f t="shared" si="594"/>
        <v>#N/A</v>
      </c>
      <c r="R2543" s="238">
        <v>35</v>
      </c>
      <c r="S2543" s="236" t="e">
        <f t="shared" si="599"/>
        <v>#N/A</v>
      </c>
      <c r="T2543" s="236">
        <f t="shared" si="585"/>
        <v>35.787075211331086</v>
      </c>
    </row>
    <row r="2544" spans="1:20" x14ac:dyDescent="0.2">
      <c r="A2544" s="53">
        <f t="shared" si="586"/>
        <v>2532</v>
      </c>
      <c r="B2544" s="239">
        <v>25.388999999999999</v>
      </c>
      <c r="C2544" s="3">
        <f t="shared" si="587"/>
        <v>25.381999999999998</v>
      </c>
      <c r="D2544" s="239">
        <v>10.9315</v>
      </c>
      <c r="E2544" s="239">
        <v>7.8399999999999997E-2</v>
      </c>
      <c r="F2544" s="239">
        <v>0.1363</v>
      </c>
      <c r="G2544">
        <f t="shared" si="588"/>
        <v>10.95876</v>
      </c>
      <c r="H2544" s="235">
        <f t="shared" si="589"/>
        <v>0.71540940763371041</v>
      </c>
      <c r="I2544" s="236">
        <f t="shared" si="590"/>
        <v>19.294881697905822</v>
      </c>
      <c r="J2544" s="237">
        <f t="shared" si="595"/>
        <v>9.2948816979058222</v>
      </c>
      <c r="K2544" s="237">
        <f t="shared" si="591"/>
        <v>489.74268725624552</v>
      </c>
      <c r="L2544" s="237">
        <f t="shared" si="596"/>
        <v>235.98775142813091</v>
      </c>
      <c r="M2544" s="236">
        <f t="shared" si="592"/>
        <v>44.362545299017569</v>
      </c>
      <c r="N2544" s="236">
        <f t="shared" si="593"/>
        <v>0.74887640031471736</v>
      </c>
      <c r="O2544" s="236">
        <f t="shared" si="597"/>
        <v>2.1262649334311075</v>
      </c>
      <c r="P2544" s="236" t="str">
        <f t="shared" si="598"/>
        <v>SAND</v>
      </c>
      <c r="Q2544" s="236" t="e">
        <f t="shared" si="594"/>
        <v>#N/A</v>
      </c>
      <c r="R2544" s="238">
        <v>35</v>
      </c>
      <c r="S2544" s="236" t="e">
        <f t="shared" si="599"/>
        <v>#N/A</v>
      </c>
      <c r="T2544" s="236">
        <f t="shared" si="585"/>
        <v>35.717181013999188</v>
      </c>
    </row>
    <row r="2545" spans="1:20" x14ac:dyDescent="0.2">
      <c r="A2545" s="53">
        <f t="shared" si="586"/>
        <v>2533</v>
      </c>
      <c r="B2545" s="239">
        <v>25.4</v>
      </c>
      <c r="C2545" s="3">
        <f t="shared" si="587"/>
        <v>25.392999999999997</v>
      </c>
      <c r="D2545" s="239">
        <v>10.803100000000001</v>
      </c>
      <c r="E2545" s="239">
        <v>7.9500000000000001E-2</v>
      </c>
      <c r="F2545" s="239">
        <v>0.1409</v>
      </c>
      <c r="G2545">
        <f t="shared" si="588"/>
        <v>10.831280000000001</v>
      </c>
      <c r="H2545" s="235">
        <f t="shared" si="589"/>
        <v>0.73398527228545463</v>
      </c>
      <c r="I2545" s="236">
        <f t="shared" si="590"/>
        <v>19.306646106409321</v>
      </c>
      <c r="J2545" s="237">
        <f t="shared" si="595"/>
        <v>9.3066461064093211</v>
      </c>
      <c r="K2545" s="237">
        <f t="shared" si="591"/>
        <v>490.25366458005186</v>
      </c>
      <c r="L2545" s="237">
        <f t="shared" si="596"/>
        <v>236.38881110279675</v>
      </c>
      <c r="M2545" s="236">
        <f t="shared" si="592"/>
        <v>43.745836730499988</v>
      </c>
      <c r="N2545" s="236">
        <f t="shared" si="593"/>
        <v>0.7687824923885711</v>
      </c>
      <c r="O2545" s="236">
        <f t="shared" si="597"/>
        <v>2.1373520534315098</v>
      </c>
      <c r="P2545" s="236" t="str">
        <f t="shared" si="598"/>
        <v>SAND</v>
      </c>
      <c r="Q2545" s="236" t="e">
        <f t="shared" si="594"/>
        <v>#N/A</v>
      </c>
      <c r="R2545" s="238">
        <v>35</v>
      </c>
      <c r="S2545" s="236" t="e">
        <f t="shared" si="599"/>
        <v>#N/A</v>
      </c>
      <c r="T2545" s="236">
        <f t="shared" si="585"/>
        <v>35.650304005088948</v>
      </c>
    </row>
    <row r="2546" spans="1:20" x14ac:dyDescent="0.2">
      <c r="A2546" s="53">
        <f t="shared" si="586"/>
        <v>2534</v>
      </c>
      <c r="B2546" s="239">
        <v>25.408999999999999</v>
      </c>
      <c r="C2546" s="3">
        <f t="shared" si="587"/>
        <v>25.401999999999997</v>
      </c>
      <c r="D2546" s="239">
        <v>10.6709</v>
      </c>
      <c r="E2546" s="239">
        <v>8.2100000000000006E-2</v>
      </c>
      <c r="F2546" s="239">
        <v>0.1515</v>
      </c>
      <c r="G2546">
        <f t="shared" si="588"/>
        <v>10.7012</v>
      </c>
      <c r="H2546" s="235">
        <f t="shared" si="589"/>
        <v>0.76720367809217671</v>
      </c>
      <c r="I2546" s="236">
        <f t="shared" si="590"/>
        <v>19.339658811394678</v>
      </c>
      <c r="J2546" s="237">
        <f t="shared" si="595"/>
        <v>9.3396588113946777</v>
      </c>
      <c r="K2546" s="237">
        <f t="shared" si="591"/>
        <v>491.26601312704753</v>
      </c>
      <c r="L2546" s="237">
        <f t="shared" si="596"/>
        <v>237.31139073872737</v>
      </c>
      <c r="M2546" s="236">
        <f t="shared" si="592"/>
        <v>43.023362490483152</v>
      </c>
      <c r="N2546" s="236">
        <f t="shared" si="593"/>
        <v>0.80411881316330802</v>
      </c>
      <c r="O2546" s="236">
        <f t="shared" si="597"/>
        <v>2.1536776266953432</v>
      </c>
      <c r="P2546" s="236" t="str">
        <f t="shared" si="598"/>
        <v>SAND</v>
      </c>
      <c r="Q2546" s="236" t="e">
        <f t="shared" si="594"/>
        <v>#N/A</v>
      </c>
      <c r="R2546" s="238">
        <v>35</v>
      </c>
      <c r="S2546" s="236" t="e">
        <f t="shared" si="599"/>
        <v>#N/A</v>
      </c>
      <c r="T2546" s="236">
        <f t="shared" si="585"/>
        <v>35.570747846248601</v>
      </c>
    </row>
    <row r="2547" spans="1:20" x14ac:dyDescent="0.2">
      <c r="A2547" s="53">
        <f t="shared" si="586"/>
        <v>2535</v>
      </c>
      <c r="B2547" s="239">
        <v>25.417999999999999</v>
      </c>
      <c r="C2547" s="3">
        <f t="shared" si="587"/>
        <v>25.410999999999998</v>
      </c>
      <c r="D2547" s="239">
        <v>10.5284</v>
      </c>
      <c r="E2547" s="239">
        <v>8.6999999999999994E-2</v>
      </c>
      <c r="F2547" s="239">
        <v>0.15629999999999999</v>
      </c>
      <c r="G2547">
        <f t="shared" si="588"/>
        <v>10.559659999999999</v>
      </c>
      <c r="H2547" s="235">
        <f t="shared" si="589"/>
        <v>0.82389016313025221</v>
      </c>
      <c r="I2547" s="236">
        <f t="shared" si="590"/>
        <v>19.402429977958526</v>
      </c>
      <c r="J2547" s="237">
        <f t="shared" si="595"/>
        <v>9.4024299779585263</v>
      </c>
      <c r="K2547" s="237">
        <f t="shared" si="591"/>
        <v>493.03514816990406</v>
      </c>
      <c r="L2547" s="237">
        <f t="shared" si="596"/>
        <v>238.99096517974982</v>
      </c>
      <c r="M2547" s="236">
        <f t="shared" si="592"/>
        <v>42.121361551298769</v>
      </c>
      <c r="N2547" s="236">
        <f t="shared" si="593"/>
        <v>0.8642420004772855</v>
      </c>
      <c r="O2547" s="236">
        <f t="shared" si="597"/>
        <v>2.1779960429086009</v>
      </c>
      <c r="P2547" s="236" t="str">
        <f t="shared" si="598"/>
        <v>SAND</v>
      </c>
      <c r="Q2547" s="236" t="e">
        <f t="shared" si="594"/>
        <v>#N/A</v>
      </c>
      <c r="R2547" s="238">
        <v>35</v>
      </c>
      <c r="S2547" s="236" t="e">
        <f t="shared" si="599"/>
        <v>#N/A</v>
      </c>
      <c r="T2547" s="236">
        <f t="shared" si="585"/>
        <v>35.469526411941551</v>
      </c>
    </row>
    <row r="2548" spans="1:20" x14ac:dyDescent="0.2">
      <c r="A2548" s="53">
        <f t="shared" si="586"/>
        <v>2536</v>
      </c>
      <c r="B2548" s="239">
        <v>25.428000000000001</v>
      </c>
      <c r="C2548" s="3">
        <f t="shared" si="587"/>
        <v>25.420999999999999</v>
      </c>
      <c r="D2548" s="239">
        <v>10.354100000000001</v>
      </c>
      <c r="E2548" s="239">
        <v>9.4E-2</v>
      </c>
      <c r="F2548" s="239">
        <v>0.16289999999999999</v>
      </c>
      <c r="G2548">
        <f t="shared" si="588"/>
        <v>10.38668</v>
      </c>
      <c r="H2548" s="235">
        <f t="shared" si="589"/>
        <v>0.90500525673266141</v>
      </c>
      <c r="I2548" s="236">
        <f t="shared" si="590"/>
        <v>19.48671733570642</v>
      </c>
      <c r="J2548" s="237">
        <f t="shared" si="595"/>
        <v>9.4867173357064196</v>
      </c>
      <c r="K2548" s="237">
        <f t="shared" si="591"/>
        <v>495.37184139099287</v>
      </c>
      <c r="L2548" s="237">
        <f t="shared" si="596"/>
        <v>241.22824841234285</v>
      </c>
      <c r="M2548" s="236">
        <f t="shared" si="592"/>
        <v>41.00393806989522</v>
      </c>
      <c r="N2548" s="236">
        <f t="shared" si="593"/>
        <v>0.9503293042001334</v>
      </c>
      <c r="O2548" s="236">
        <f t="shared" si="597"/>
        <v>2.2099772120949686</v>
      </c>
      <c r="P2548" s="236" t="str">
        <f t="shared" si="598"/>
        <v>SAND</v>
      </c>
      <c r="Q2548" s="236" t="e">
        <f t="shared" si="594"/>
        <v>#N/A</v>
      </c>
      <c r="R2548" s="238">
        <v>35</v>
      </c>
      <c r="S2548" s="236" t="e">
        <f t="shared" si="599"/>
        <v>#N/A</v>
      </c>
      <c r="T2548" s="236">
        <f t="shared" si="585"/>
        <v>35.341081258034833</v>
      </c>
    </row>
    <row r="2549" spans="1:20" x14ac:dyDescent="0.2">
      <c r="A2549" s="53">
        <f t="shared" si="586"/>
        <v>2537</v>
      </c>
      <c r="B2549" s="239">
        <v>25.437999999999999</v>
      </c>
      <c r="C2549" s="3">
        <f t="shared" si="587"/>
        <v>25.430999999999997</v>
      </c>
      <c r="D2549" s="239">
        <v>10.1622</v>
      </c>
      <c r="E2549" s="239">
        <v>9.7000000000000003E-2</v>
      </c>
      <c r="F2549" s="239">
        <v>0.15790000000000001</v>
      </c>
      <c r="G2549">
        <f t="shared" si="588"/>
        <v>10.19378</v>
      </c>
      <c r="H2549" s="235">
        <f t="shared" si="589"/>
        <v>0.95156065757746389</v>
      </c>
      <c r="I2549" s="236">
        <f t="shared" si="590"/>
        <v>19.516228467753457</v>
      </c>
      <c r="J2549" s="237">
        <f t="shared" si="595"/>
        <v>9.5162284677534572</v>
      </c>
      <c r="K2549" s="237">
        <f t="shared" si="591"/>
        <v>496.31720616343813</v>
      </c>
      <c r="L2549" s="237">
        <f t="shared" si="596"/>
        <v>242.07381976271245</v>
      </c>
      <c r="M2549" s="236">
        <f t="shared" si="592"/>
        <v>40.059940407195988</v>
      </c>
      <c r="N2549" s="236">
        <f t="shared" si="593"/>
        <v>1.0002616360812491</v>
      </c>
      <c r="O2549" s="236">
        <f t="shared" si="597"/>
        <v>2.2305712395253856</v>
      </c>
      <c r="P2549" s="236" t="str">
        <f t="shared" si="598"/>
        <v>SAND</v>
      </c>
      <c r="Q2549" s="236" t="e">
        <f t="shared" si="594"/>
        <v>#N/A</v>
      </c>
      <c r="R2549" s="238">
        <v>35</v>
      </c>
      <c r="S2549" s="236" t="e">
        <f t="shared" si="599"/>
        <v>#N/A</v>
      </c>
      <c r="T2549" s="236">
        <f t="shared" si="585"/>
        <v>35.229813287960567</v>
      </c>
    </row>
    <row r="2550" spans="1:20" x14ac:dyDescent="0.2">
      <c r="A2550" s="53">
        <f t="shared" si="586"/>
        <v>2538</v>
      </c>
      <c r="B2550" s="239">
        <v>25.448</v>
      </c>
      <c r="C2550" s="3">
        <f t="shared" si="587"/>
        <v>25.440999999999999</v>
      </c>
      <c r="D2550" s="239">
        <v>9.9757999999999996</v>
      </c>
      <c r="E2550" s="239">
        <v>9.8000000000000004E-2</v>
      </c>
      <c r="F2550" s="239">
        <v>0.1608</v>
      </c>
      <c r="G2550">
        <f t="shared" si="588"/>
        <v>10.007959999999999</v>
      </c>
      <c r="H2550" s="235">
        <f t="shared" si="589"/>
        <v>0.97922054044980222</v>
      </c>
      <c r="I2550" s="236">
        <f t="shared" si="590"/>
        <v>19.521064463555561</v>
      </c>
      <c r="J2550" s="237">
        <f t="shared" si="595"/>
        <v>9.521064463555561</v>
      </c>
      <c r="K2550" s="237">
        <f t="shared" si="591"/>
        <v>496.63540101731701</v>
      </c>
      <c r="L2550" s="237">
        <f t="shared" si="596"/>
        <v>242.29204846856192</v>
      </c>
      <c r="M2550" s="236">
        <f t="shared" si="592"/>
        <v>39.25562006306123</v>
      </c>
      <c r="N2550" s="236">
        <f t="shared" si="593"/>
        <v>1.0303507043643736</v>
      </c>
      <c r="O2550" s="236">
        <f t="shared" si="597"/>
        <v>2.2449936499473968</v>
      </c>
      <c r="P2550" s="236" t="str">
        <f t="shared" si="598"/>
        <v>SAND</v>
      </c>
      <c r="Q2550" s="236" t="e">
        <f t="shared" si="594"/>
        <v>#N/A</v>
      </c>
      <c r="R2550" s="238">
        <v>35</v>
      </c>
      <c r="S2550" s="236" t="e">
        <f t="shared" si="599"/>
        <v>#N/A</v>
      </c>
      <c r="T2550" s="236">
        <f t="shared" si="585"/>
        <v>35.132920258241825</v>
      </c>
    </row>
    <row r="2551" spans="1:20" x14ac:dyDescent="0.2">
      <c r="A2551" s="53">
        <f t="shared" si="586"/>
        <v>2539</v>
      </c>
      <c r="B2551" s="239">
        <v>25.457000000000001</v>
      </c>
      <c r="C2551" s="3">
        <f t="shared" si="587"/>
        <v>25.45</v>
      </c>
      <c r="D2551" s="239">
        <v>9.8460000000000001</v>
      </c>
      <c r="E2551" s="239">
        <v>9.9699999999999997E-2</v>
      </c>
      <c r="F2551" s="239">
        <v>0.16239999999999999</v>
      </c>
      <c r="G2551">
        <f t="shared" si="588"/>
        <v>9.8784799999999997</v>
      </c>
      <c r="H2551" s="235">
        <f t="shared" si="589"/>
        <v>1.0092645832152314</v>
      </c>
      <c r="I2551" s="236">
        <f t="shared" si="590"/>
        <v>19.536141094244613</v>
      </c>
      <c r="J2551" s="237">
        <f t="shared" si="595"/>
        <v>9.5361410942446128</v>
      </c>
      <c r="K2551" s="237">
        <f t="shared" si="591"/>
        <v>497.19479084852537</v>
      </c>
      <c r="L2551" s="237">
        <f t="shared" si="596"/>
        <v>242.76154383618513</v>
      </c>
      <c r="M2551" s="236">
        <f t="shared" si="592"/>
        <v>38.644033403750065</v>
      </c>
      <c r="N2551" s="236">
        <f t="shared" si="593"/>
        <v>1.0627541725598784</v>
      </c>
      <c r="O2551" s="236">
        <f t="shared" si="597"/>
        <v>2.2580906262029568</v>
      </c>
      <c r="P2551" s="236" t="str">
        <f t="shared" si="598"/>
        <v>SAND</v>
      </c>
      <c r="Q2551" s="236" t="e">
        <f t="shared" si="594"/>
        <v>#N/A</v>
      </c>
      <c r="R2551" s="238">
        <v>35</v>
      </c>
      <c r="S2551" s="236" t="e">
        <f t="shared" si="599"/>
        <v>#N/A</v>
      </c>
      <c r="T2551" s="236">
        <f t="shared" si="585"/>
        <v>35.057906937241071</v>
      </c>
    </row>
    <row r="2552" spans="1:20" x14ac:dyDescent="0.2">
      <c r="A2552" s="53">
        <f t="shared" si="586"/>
        <v>2540</v>
      </c>
      <c r="B2552" s="239">
        <v>25.466999999999999</v>
      </c>
      <c r="C2552" s="3">
        <f t="shared" si="587"/>
        <v>25.459999999999997</v>
      </c>
      <c r="D2552" s="239">
        <v>9.7245000000000008</v>
      </c>
      <c r="E2552" s="239">
        <v>0.1007</v>
      </c>
      <c r="F2552" s="239">
        <v>0.16980000000000001</v>
      </c>
      <c r="G2552">
        <f t="shared" si="588"/>
        <v>9.7584600000000012</v>
      </c>
      <c r="H2552" s="235">
        <f t="shared" si="589"/>
        <v>1.0319251193323535</v>
      </c>
      <c r="I2552" s="236">
        <f t="shared" si="590"/>
        <v>19.543065782534921</v>
      </c>
      <c r="J2552" s="237">
        <f t="shared" si="595"/>
        <v>9.5430657825349208</v>
      </c>
      <c r="K2552" s="237">
        <f t="shared" si="591"/>
        <v>497.56645482333903</v>
      </c>
      <c r="L2552" s="237">
        <f t="shared" si="596"/>
        <v>243.03325628381683</v>
      </c>
      <c r="M2552" s="236">
        <f t="shared" si="592"/>
        <v>38.105458021603802</v>
      </c>
      <c r="N2552" s="236">
        <f t="shared" si="593"/>
        <v>1.0873680764038958</v>
      </c>
      <c r="O2552" s="236">
        <f t="shared" si="597"/>
        <v>2.2686673440826488</v>
      </c>
      <c r="P2552" s="236" t="str">
        <f t="shared" si="598"/>
        <v>SAND</v>
      </c>
      <c r="Q2552" s="236" t="e">
        <f t="shared" si="594"/>
        <v>#N/A</v>
      </c>
      <c r="R2552" s="238">
        <v>35</v>
      </c>
      <c r="S2552" s="236" t="e">
        <f t="shared" si="599"/>
        <v>#N/A</v>
      </c>
      <c r="T2552" s="236">
        <f t="shared" si="585"/>
        <v>34.990859047598533</v>
      </c>
    </row>
    <row r="2553" spans="1:20" x14ac:dyDescent="0.2">
      <c r="A2553" s="53">
        <f t="shared" si="586"/>
        <v>2541</v>
      </c>
      <c r="B2553" s="239">
        <v>25.475999999999999</v>
      </c>
      <c r="C2553" s="3">
        <f t="shared" si="587"/>
        <v>25.468999999999998</v>
      </c>
      <c r="D2553" s="239">
        <v>9.6204999999999998</v>
      </c>
      <c r="E2553" s="239">
        <v>0.10249999999999999</v>
      </c>
      <c r="F2553" s="239">
        <v>0.1789</v>
      </c>
      <c r="G2553">
        <f t="shared" si="588"/>
        <v>9.6562800000000006</v>
      </c>
      <c r="H2553" s="235">
        <f t="shared" si="589"/>
        <v>1.0614853753205167</v>
      </c>
      <c r="I2553" s="236">
        <f t="shared" si="590"/>
        <v>19.559726356270794</v>
      </c>
      <c r="J2553" s="237">
        <f t="shared" si="595"/>
        <v>9.5597263562707937</v>
      </c>
      <c r="K2553" s="237">
        <f t="shared" si="591"/>
        <v>498.16667056786082</v>
      </c>
      <c r="L2553" s="237">
        <f t="shared" si="596"/>
        <v>243.54358865235474</v>
      </c>
      <c r="M2553" s="236">
        <f t="shared" si="592"/>
        <v>37.603590306394189</v>
      </c>
      <c r="N2553" s="236">
        <f t="shared" si="593"/>
        <v>1.1192261584117744</v>
      </c>
      <c r="O2553" s="236">
        <f t="shared" si="597"/>
        <v>2.2804184864883754</v>
      </c>
      <c r="P2553" s="236" t="str">
        <f t="shared" si="598"/>
        <v>SAND</v>
      </c>
      <c r="Q2553" s="236" t="e">
        <f t="shared" si="594"/>
        <v>#N/A</v>
      </c>
      <c r="R2553" s="238">
        <v>35</v>
      </c>
      <c r="S2553" s="236" t="e">
        <f t="shared" si="599"/>
        <v>#N/A</v>
      </c>
      <c r="T2553" s="236">
        <f t="shared" si="585"/>
        <v>34.927522436065374</v>
      </c>
    </row>
    <row r="2554" spans="1:20" x14ac:dyDescent="0.2">
      <c r="A2554" s="53">
        <f t="shared" si="586"/>
        <v>2542</v>
      </c>
      <c r="B2554" s="239">
        <v>25.486000000000001</v>
      </c>
      <c r="C2554" s="3">
        <f t="shared" si="587"/>
        <v>25.478999999999999</v>
      </c>
      <c r="D2554" s="239">
        <v>9.5297000000000001</v>
      </c>
      <c r="E2554" s="239">
        <v>0.1066</v>
      </c>
      <c r="F2554" s="239">
        <v>0.18740000000000001</v>
      </c>
      <c r="G2554">
        <f t="shared" si="588"/>
        <v>9.5671800000000005</v>
      </c>
      <c r="H2554" s="235">
        <f t="shared" si="589"/>
        <v>1.1142259265530701</v>
      </c>
      <c r="I2554" s="236">
        <f t="shared" si="590"/>
        <v>19.602093057542913</v>
      </c>
      <c r="J2554" s="237">
        <f t="shared" si="595"/>
        <v>9.6020930575429126</v>
      </c>
      <c r="K2554" s="237">
        <f t="shared" si="591"/>
        <v>499.44172901313584</v>
      </c>
      <c r="L2554" s="237">
        <f t="shared" si="596"/>
        <v>244.71894366453867</v>
      </c>
      <c r="M2554" s="236">
        <f t="shared" si="592"/>
        <v>37.053683442737245</v>
      </c>
      <c r="N2554" s="236">
        <f t="shared" si="593"/>
        <v>1.1755963484420073</v>
      </c>
      <c r="O2554" s="236">
        <f t="shared" si="597"/>
        <v>2.2976528004374996</v>
      </c>
      <c r="P2554" s="236" t="str">
        <f t="shared" si="598"/>
        <v>SAND</v>
      </c>
      <c r="Q2554" s="236" t="e">
        <f t="shared" si="594"/>
        <v>#N/A</v>
      </c>
      <c r="R2554" s="238">
        <v>35</v>
      </c>
      <c r="S2554" s="236" t="e">
        <f t="shared" si="599"/>
        <v>#N/A</v>
      </c>
      <c r="T2554" s="236">
        <f t="shared" si="585"/>
        <v>34.857145256190819</v>
      </c>
    </row>
    <row r="2555" spans="1:20" x14ac:dyDescent="0.2">
      <c r="A2555" s="53">
        <f t="shared" si="586"/>
        <v>2543</v>
      </c>
      <c r="B2555" s="239">
        <v>25.495999999999999</v>
      </c>
      <c r="C2555" s="3">
        <f t="shared" si="587"/>
        <v>25.488999999999997</v>
      </c>
      <c r="D2555" s="239">
        <v>9.4170999999999996</v>
      </c>
      <c r="E2555" s="239">
        <v>0.1094</v>
      </c>
      <c r="F2555" s="239">
        <v>0.1928</v>
      </c>
      <c r="G2555">
        <f t="shared" si="588"/>
        <v>9.45566</v>
      </c>
      <c r="H2555" s="235">
        <f t="shared" si="589"/>
        <v>1.1569789945915989</v>
      </c>
      <c r="I2555" s="236">
        <f t="shared" si="590"/>
        <v>19.627912486760493</v>
      </c>
      <c r="J2555" s="237">
        <f t="shared" si="595"/>
        <v>9.6279124867604935</v>
      </c>
      <c r="K2555" s="237">
        <f t="shared" si="591"/>
        <v>500.29586137503816</v>
      </c>
      <c r="L2555" s="237">
        <f t="shared" si="596"/>
        <v>245.47325676244552</v>
      </c>
      <c r="M2555" s="236">
        <f t="shared" si="592"/>
        <v>36.482035789713066</v>
      </c>
      <c r="N2555" s="236">
        <f t="shared" si="593"/>
        <v>1.2216142002328187</v>
      </c>
      <c r="O2555" s="236">
        <f t="shared" si="597"/>
        <v>2.3126259886838554</v>
      </c>
      <c r="P2555" s="236" t="str">
        <f t="shared" si="598"/>
        <v>SAND</v>
      </c>
      <c r="Q2555" s="236" t="e">
        <f t="shared" si="594"/>
        <v>#N/A</v>
      </c>
      <c r="R2555" s="238">
        <v>35</v>
      </c>
      <c r="S2555" s="236" t="e">
        <f t="shared" si="599"/>
        <v>#N/A</v>
      </c>
      <c r="T2555" s="236">
        <f t="shared" si="585"/>
        <v>34.78286971567379</v>
      </c>
    </row>
    <row r="2556" spans="1:20" x14ac:dyDescent="0.2">
      <c r="A2556" s="53">
        <f t="shared" si="586"/>
        <v>2544</v>
      </c>
      <c r="B2556" s="239">
        <v>25.504999999999999</v>
      </c>
      <c r="C2556" s="3">
        <f t="shared" si="587"/>
        <v>25.497999999999998</v>
      </c>
      <c r="D2556" s="239">
        <v>9.2986000000000004</v>
      </c>
      <c r="E2556" s="239">
        <v>0.1114</v>
      </c>
      <c r="F2556" s="239">
        <v>0.1971</v>
      </c>
      <c r="G2556">
        <f t="shared" si="588"/>
        <v>9.3380200000000002</v>
      </c>
      <c r="H2556" s="235">
        <f t="shared" si="589"/>
        <v>1.1929723860090253</v>
      </c>
      <c r="I2556" s="236">
        <f t="shared" si="590"/>
        <v>19.644262389428068</v>
      </c>
      <c r="J2556" s="237">
        <f t="shared" si="595"/>
        <v>9.6442623894280679</v>
      </c>
      <c r="K2556" s="237">
        <f t="shared" si="591"/>
        <v>500.88940240563682</v>
      </c>
      <c r="L2556" s="237">
        <f t="shared" si="596"/>
        <v>245.97691224236286</v>
      </c>
      <c r="M2556" s="236">
        <f t="shared" si="592"/>
        <v>35.926666925906744</v>
      </c>
      <c r="N2556" s="236">
        <f t="shared" si="593"/>
        <v>1.2605901742622796</v>
      </c>
      <c r="O2556" s="236">
        <f t="shared" si="597"/>
        <v>2.3258426027721892</v>
      </c>
      <c r="P2556" s="236" t="str">
        <f t="shared" si="598"/>
        <v>SAND</v>
      </c>
      <c r="Q2556" s="236" t="e">
        <f t="shared" si="594"/>
        <v>#N/A</v>
      </c>
      <c r="R2556" s="238">
        <v>35</v>
      </c>
      <c r="S2556" s="236" t="e">
        <f t="shared" si="599"/>
        <v>#N/A</v>
      </c>
      <c r="T2556" s="236">
        <f t="shared" si="585"/>
        <v>34.709586204415444</v>
      </c>
    </row>
    <row r="2557" spans="1:20" x14ac:dyDescent="0.2">
      <c r="A2557" s="53">
        <f t="shared" si="586"/>
        <v>2545</v>
      </c>
      <c r="B2557" s="239">
        <v>25.515999999999998</v>
      </c>
      <c r="C2557" s="3">
        <f t="shared" si="587"/>
        <v>25.508999999999997</v>
      </c>
      <c r="D2557" s="239">
        <v>9.1569000000000003</v>
      </c>
      <c r="E2557" s="239">
        <v>0.1129</v>
      </c>
      <c r="F2557" s="239">
        <v>0.20180000000000001</v>
      </c>
      <c r="G2557">
        <f t="shared" si="588"/>
        <v>9.19726</v>
      </c>
      <c r="H2557" s="235">
        <f t="shared" si="589"/>
        <v>1.2275395063312333</v>
      </c>
      <c r="I2557" s="236">
        <f t="shared" si="590"/>
        <v>19.654009315048999</v>
      </c>
      <c r="J2557" s="237">
        <f t="shared" si="595"/>
        <v>9.6540093150489987</v>
      </c>
      <c r="K2557" s="237">
        <f t="shared" si="591"/>
        <v>501.35412361758483</v>
      </c>
      <c r="L2557" s="237">
        <f t="shared" si="596"/>
        <v>246.33170168279023</v>
      </c>
      <c r="M2557" s="236">
        <f t="shared" si="592"/>
        <v>35.301610864445017</v>
      </c>
      <c r="N2557" s="236">
        <f t="shared" si="593"/>
        <v>1.29831212072603</v>
      </c>
      <c r="O2557" s="236">
        <f t="shared" si="597"/>
        <v>2.3393960224207442</v>
      </c>
      <c r="P2557" s="236" t="str">
        <f t="shared" si="598"/>
        <v>SAND</v>
      </c>
      <c r="Q2557" s="236" t="e">
        <f t="shared" si="594"/>
        <v>#N/A</v>
      </c>
      <c r="R2557" s="238">
        <v>35</v>
      </c>
      <c r="S2557" s="236" t="e">
        <f t="shared" si="599"/>
        <v>#N/A</v>
      </c>
      <c r="T2557" s="236">
        <f t="shared" si="585"/>
        <v>34.625739756698181</v>
      </c>
    </row>
    <row r="2558" spans="1:20" x14ac:dyDescent="0.2">
      <c r="A2558" s="53">
        <f t="shared" si="586"/>
        <v>2546</v>
      </c>
      <c r="B2558" s="239">
        <v>25.524999999999999</v>
      </c>
      <c r="C2558" s="3">
        <f t="shared" si="587"/>
        <v>25.517999999999997</v>
      </c>
      <c r="D2558" s="239">
        <v>8.9623000000000008</v>
      </c>
      <c r="E2558" s="239">
        <v>0.1144</v>
      </c>
      <c r="F2558" s="239">
        <v>0.20119999999999999</v>
      </c>
      <c r="G2558">
        <f t="shared" si="588"/>
        <v>9.0025400000000015</v>
      </c>
      <c r="H2558" s="235">
        <f t="shared" si="589"/>
        <v>1.2707524765232923</v>
      </c>
      <c r="I2558" s="236">
        <f t="shared" si="590"/>
        <v>19.661121874147046</v>
      </c>
      <c r="J2558" s="237">
        <f t="shared" si="595"/>
        <v>9.6611218741470459</v>
      </c>
      <c r="K2558" s="237">
        <f t="shared" si="591"/>
        <v>501.71250798448426</v>
      </c>
      <c r="L2558" s="237">
        <f t="shared" si="596"/>
        <v>246.60013583760335</v>
      </c>
      <c r="M2558" s="236">
        <f t="shared" si="592"/>
        <v>34.472111960285666</v>
      </c>
      <c r="N2558" s="236">
        <f t="shared" si="593"/>
        <v>1.3457513413541364</v>
      </c>
      <c r="O2558" s="236">
        <f t="shared" si="597"/>
        <v>2.3567745838853891</v>
      </c>
      <c r="P2558" s="236" t="str">
        <f t="shared" si="598"/>
        <v>SAND</v>
      </c>
      <c r="Q2558" s="236" t="e">
        <f t="shared" si="594"/>
        <v>#N/A</v>
      </c>
      <c r="R2558" s="238">
        <v>35</v>
      </c>
      <c r="S2558" s="236" t="e">
        <f t="shared" si="599"/>
        <v>#N/A</v>
      </c>
      <c r="T2558" s="236">
        <f t="shared" si="585"/>
        <v>34.512146807670391</v>
      </c>
    </row>
    <row r="2559" spans="1:20" x14ac:dyDescent="0.2">
      <c r="A2559" s="53">
        <f t="shared" si="586"/>
        <v>2547</v>
      </c>
      <c r="B2559" s="239">
        <v>25.535</v>
      </c>
      <c r="C2559" s="3">
        <f t="shared" si="587"/>
        <v>25.527999999999999</v>
      </c>
      <c r="D2559" s="239">
        <v>8.6951000000000001</v>
      </c>
      <c r="E2559" s="239">
        <v>0.1148</v>
      </c>
      <c r="F2559" s="239">
        <v>0.18809999999999999</v>
      </c>
      <c r="G2559">
        <f t="shared" si="588"/>
        <v>8.7327200000000005</v>
      </c>
      <c r="H2559" s="235">
        <f t="shared" si="589"/>
        <v>1.3145961395762145</v>
      </c>
      <c r="I2559" s="236">
        <f t="shared" si="590"/>
        <v>19.653320734062461</v>
      </c>
      <c r="J2559" s="237">
        <f t="shared" si="595"/>
        <v>9.6533207340624614</v>
      </c>
      <c r="K2559" s="237">
        <f t="shared" si="591"/>
        <v>501.70997169914648</v>
      </c>
      <c r="L2559" s="237">
        <f t="shared" si="596"/>
        <v>246.49754494428495</v>
      </c>
      <c r="M2559" s="236">
        <f t="shared" si="592"/>
        <v>33.391853984433325</v>
      </c>
      <c r="N2559" s="236">
        <f t="shared" si="593"/>
        <v>1.3947255513634504</v>
      </c>
      <c r="O2559" s="236">
        <f t="shared" si="597"/>
        <v>2.3770033119056944</v>
      </c>
      <c r="P2559" s="236" t="str">
        <f t="shared" si="598"/>
        <v>SAND</v>
      </c>
      <c r="Q2559" s="236" t="e">
        <f t="shared" si="594"/>
        <v>#N/A</v>
      </c>
      <c r="R2559" s="238">
        <v>35</v>
      </c>
      <c r="S2559" s="236" t="e">
        <f t="shared" si="599"/>
        <v>#N/A</v>
      </c>
      <c r="T2559" s="236">
        <f t="shared" si="585"/>
        <v>34.360045859116383</v>
      </c>
    </row>
    <row r="2560" spans="1:20" x14ac:dyDescent="0.2">
      <c r="A2560" s="53">
        <f t="shared" si="586"/>
        <v>2548</v>
      </c>
      <c r="B2560" s="239">
        <v>25.545000000000002</v>
      </c>
      <c r="C2560" s="3">
        <f t="shared" si="587"/>
        <v>25.538</v>
      </c>
      <c r="D2560" s="239">
        <v>8.3208000000000002</v>
      </c>
      <c r="E2560" s="239">
        <v>0.11459999999999999</v>
      </c>
      <c r="F2560" s="239">
        <v>0.1736</v>
      </c>
      <c r="G2560">
        <f t="shared" si="588"/>
        <v>8.3555200000000003</v>
      </c>
      <c r="H2560" s="235">
        <f t="shared" si="589"/>
        <v>1.371548389567615</v>
      </c>
      <c r="I2560" s="236">
        <f t="shared" si="590"/>
        <v>19.634017656765273</v>
      </c>
      <c r="J2560" s="237">
        <f t="shared" si="595"/>
        <v>9.6340176567652733</v>
      </c>
      <c r="K2560" s="237">
        <f t="shared" si="591"/>
        <v>501.41354291847153</v>
      </c>
      <c r="L2560" s="237">
        <f t="shared" si="596"/>
        <v>246.10098104206892</v>
      </c>
      <c r="M2560" s="236">
        <f t="shared" si="592"/>
        <v>31.914161511363233</v>
      </c>
      <c r="N2560" s="236">
        <f t="shared" si="593"/>
        <v>1.4591093286833761</v>
      </c>
      <c r="O2560" s="236">
        <f t="shared" si="597"/>
        <v>2.4043544356471496</v>
      </c>
      <c r="P2560" s="236" t="str">
        <f t="shared" si="598"/>
        <v>SAND</v>
      </c>
      <c r="Q2560" s="236" t="e">
        <f t="shared" si="594"/>
        <v>#N/A</v>
      </c>
      <c r="R2560" s="238">
        <v>35</v>
      </c>
      <c r="S2560" s="236" t="e">
        <f t="shared" si="599"/>
        <v>#N/A</v>
      </c>
      <c r="T2560" s="236">
        <f t="shared" si="585"/>
        <v>34.14381782448644</v>
      </c>
    </row>
    <row r="2561" spans="1:20" x14ac:dyDescent="0.2">
      <c r="A2561" s="53">
        <f t="shared" si="586"/>
        <v>2549</v>
      </c>
      <c r="B2561" s="239">
        <v>25.555</v>
      </c>
      <c r="C2561" s="3">
        <f t="shared" si="587"/>
        <v>25.547999999999998</v>
      </c>
      <c r="D2561" s="239">
        <v>7.8179999999999996</v>
      </c>
      <c r="E2561" s="239">
        <v>0.11260000000000001</v>
      </c>
      <c r="F2561" s="239">
        <v>0.16869999999999999</v>
      </c>
      <c r="G2561">
        <f t="shared" si="588"/>
        <v>7.8517399999999995</v>
      </c>
      <c r="H2561" s="235">
        <f t="shared" si="589"/>
        <v>1.4340770326067853</v>
      </c>
      <c r="I2561" s="236">
        <f t="shared" si="590"/>
        <v>19.58906602784397</v>
      </c>
      <c r="J2561" s="237">
        <f t="shared" si="595"/>
        <v>9.5890660278439697</v>
      </c>
      <c r="K2561" s="237">
        <f t="shared" si="591"/>
        <v>500.46145887935768</v>
      </c>
      <c r="L2561" s="237">
        <f t="shared" si="596"/>
        <v>245.04858234155265</v>
      </c>
      <c r="M2561" s="236">
        <f t="shared" si="592"/>
        <v>29.99926982182787</v>
      </c>
      <c r="N2561" s="236">
        <f t="shared" si="593"/>
        <v>1.5317063470000833</v>
      </c>
      <c r="O2561" s="236">
        <f t="shared" si="597"/>
        <v>2.4384679707846493</v>
      </c>
      <c r="P2561" s="236" t="str">
        <f t="shared" si="598"/>
        <v>SAND</v>
      </c>
      <c r="Q2561" s="236" t="e">
        <f t="shared" si="594"/>
        <v>#N/A</v>
      </c>
      <c r="R2561" s="238">
        <v>35</v>
      </c>
      <c r="S2561" s="236" t="e">
        <f t="shared" si="599"/>
        <v>#N/A</v>
      </c>
      <c r="T2561" s="236">
        <f t="shared" si="585"/>
        <v>33.848217525972558</v>
      </c>
    </row>
    <row r="2562" spans="1:20" x14ac:dyDescent="0.2">
      <c r="A2562" s="53">
        <f t="shared" si="586"/>
        <v>2550</v>
      </c>
      <c r="B2562" s="239">
        <v>25.564</v>
      </c>
      <c r="C2562" s="3">
        <f t="shared" si="587"/>
        <v>25.556999999999999</v>
      </c>
      <c r="D2562" s="239">
        <v>7.2298999999999998</v>
      </c>
      <c r="E2562" s="239">
        <v>0.10879999999999999</v>
      </c>
      <c r="F2562" s="239">
        <v>0.17549999999999999</v>
      </c>
      <c r="G2562">
        <f t="shared" si="588"/>
        <v>7.2649999999999997</v>
      </c>
      <c r="H2562" s="235">
        <f t="shared" si="589"/>
        <v>1.497591190640055</v>
      </c>
      <c r="I2562" s="236">
        <f t="shared" si="590"/>
        <v>19.518453128630959</v>
      </c>
      <c r="J2562" s="237">
        <f t="shared" si="595"/>
        <v>9.5184531286309593</v>
      </c>
      <c r="K2562" s="237">
        <f t="shared" si="591"/>
        <v>498.83310660842142</v>
      </c>
      <c r="L2562" s="237">
        <f t="shared" si="596"/>
        <v>243.32973578032184</v>
      </c>
      <c r="M2562" s="236">
        <f t="shared" si="592"/>
        <v>27.806576420647893</v>
      </c>
      <c r="N2562" s="236">
        <f t="shared" si="593"/>
        <v>1.6080005372948081</v>
      </c>
      <c r="O2562" s="236">
        <f t="shared" si="597"/>
        <v>2.4775735226058839</v>
      </c>
      <c r="P2562" s="236" t="str">
        <f t="shared" si="598"/>
        <v>SAND</v>
      </c>
      <c r="Q2562" s="236" t="e">
        <f t="shared" si="594"/>
        <v>#N/A</v>
      </c>
      <c r="R2562" s="238">
        <v>35</v>
      </c>
      <c r="S2562" s="236" t="e">
        <f t="shared" si="599"/>
        <v>#N/A</v>
      </c>
      <c r="T2562" s="236">
        <f t="shared" si="585"/>
        <v>33.485622734225316</v>
      </c>
    </row>
    <row r="2563" spans="1:20" x14ac:dyDescent="0.2">
      <c r="A2563" s="53">
        <f t="shared" si="586"/>
        <v>2551</v>
      </c>
      <c r="B2563" s="239">
        <v>25.574999999999999</v>
      </c>
      <c r="C2563" s="3">
        <f t="shared" si="587"/>
        <v>25.567999999999998</v>
      </c>
      <c r="D2563" s="239">
        <v>6.6433999999999997</v>
      </c>
      <c r="E2563" s="239">
        <v>0.1042</v>
      </c>
      <c r="F2563" s="239">
        <v>0.18479999999999999</v>
      </c>
      <c r="G2563">
        <f t="shared" si="588"/>
        <v>6.6803599999999994</v>
      </c>
      <c r="H2563" s="235">
        <f t="shared" si="589"/>
        <v>1.5597961786490551</v>
      </c>
      <c r="I2563" s="236">
        <f t="shared" si="590"/>
        <v>19.435005775827008</v>
      </c>
      <c r="J2563" s="237">
        <f t="shared" si="595"/>
        <v>9.4350057758270083</v>
      </c>
      <c r="K2563" s="237">
        <f t="shared" si="591"/>
        <v>496.91422767634492</v>
      </c>
      <c r="L2563" s="237">
        <f t="shared" si="596"/>
        <v>241.30027271677574</v>
      </c>
      <c r="M2563" s="236">
        <f t="shared" si="592"/>
        <v>25.625523347756115</v>
      </c>
      <c r="N2563" s="236">
        <f t="shared" si="593"/>
        <v>1.6851445591451037</v>
      </c>
      <c r="O2563" s="236">
        <f t="shared" si="597"/>
        <v>2.5182988578518164</v>
      </c>
      <c r="P2563" s="236" t="str">
        <f t="shared" si="598"/>
        <v>SAND</v>
      </c>
      <c r="Q2563" s="236" t="e">
        <f t="shared" si="594"/>
        <v>#N/A</v>
      </c>
      <c r="R2563" s="238">
        <v>35</v>
      </c>
      <c r="S2563" s="236" t="e">
        <f t="shared" si="599"/>
        <v>#N/A</v>
      </c>
      <c r="T2563" s="236">
        <f t="shared" si="585"/>
        <v>33.095400180826331</v>
      </c>
    </row>
    <row r="2564" spans="1:20" x14ac:dyDescent="0.2">
      <c r="A2564" s="53">
        <f t="shared" si="586"/>
        <v>2552</v>
      </c>
      <c r="B2564" s="239">
        <v>25.584</v>
      </c>
      <c r="C2564" s="3">
        <f t="shared" si="587"/>
        <v>25.576999999999998</v>
      </c>
      <c r="D2564" s="239">
        <v>6.1157000000000004</v>
      </c>
      <c r="E2564" s="239">
        <v>9.9299999999999999E-2</v>
      </c>
      <c r="F2564" s="239">
        <v>0.18429999999999999</v>
      </c>
      <c r="G2564">
        <f t="shared" si="588"/>
        <v>6.1525600000000003</v>
      </c>
      <c r="H2564" s="235">
        <f t="shared" si="589"/>
        <v>1.613962318124488</v>
      </c>
      <c r="I2564" s="236">
        <f t="shared" si="590"/>
        <v>19.34635629720669</v>
      </c>
      <c r="J2564" s="237">
        <f t="shared" si="595"/>
        <v>9.3463562972066896</v>
      </c>
      <c r="K2564" s="237">
        <f t="shared" si="591"/>
        <v>494.82175501365549</v>
      </c>
      <c r="L2564" s="237">
        <f t="shared" si="596"/>
        <v>239.11717950773595</v>
      </c>
      <c r="M2564" s="236">
        <f t="shared" si="592"/>
        <v>23.660944214187275</v>
      </c>
      <c r="N2564" s="236">
        <f t="shared" si="593"/>
        <v>1.755118312304313</v>
      </c>
      <c r="O2564" s="236">
        <f t="shared" si="597"/>
        <v>2.5568094928444935</v>
      </c>
      <c r="P2564" s="236" t="str">
        <f t="shared" si="598"/>
        <v>SAND</v>
      </c>
      <c r="Q2564" s="236" t="e">
        <f t="shared" si="594"/>
        <v>#N/A</v>
      </c>
      <c r="R2564" s="238">
        <v>35</v>
      </c>
      <c r="S2564" s="236" t="e">
        <f t="shared" si="599"/>
        <v>#N/A</v>
      </c>
      <c r="T2564" s="236">
        <f t="shared" si="585"/>
        <v>32.714352787637061</v>
      </c>
    </row>
    <row r="2565" spans="1:20" x14ac:dyDescent="0.2">
      <c r="A2565" s="53">
        <f t="shared" si="586"/>
        <v>2553</v>
      </c>
      <c r="B2565" s="239">
        <v>25.594000000000001</v>
      </c>
      <c r="C2565" s="3">
        <f t="shared" si="587"/>
        <v>25.587</v>
      </c>
      <c r="D2565" s="239">
        <v>5.5317999999999996</v>
      </c>
      <c r="E2565" s="239">
        <v>9.7699999999999995E-2</v>
      </c>
      <c r="F2565" s="239">
        <v>0.19259999999999999</v>
      </c>
      <c r="G2565">
        <f t="shared" si="588"/>
        <v>5.5703199999999997</v>
      </c>
      <c r="H2565" s="235">
        <f t="shared" si="589"/>
        <v>1.753938732424708</v>
      </c>
      <c r="I2565" s="236">
        <f t="shared" si="590"/>
        <v>19.288450506876309</v>
      </c>
      <c r="J2565" s="237">
        <f t="shared" si="595"/>
        <v>9.288450506876309</v>
      </c>
      <c r="K2565" s="237">
        <f t="shared" si="591"/>
        <v>493.53358311944413</v>
      </c>
      <c r="L2565" s="237">
        <f t="shared" si="596"/>
        <v>237.72860227299228</v>
      </c>
      <c r="M2565" s="236">
        <f t="shared" si="592"/>
        <v>21.355387481102081</v>
      </c>
      <c r="N2565" s="236">
        <f t="shared" si="593"/>
        <v>1.9244457414072584</v>
      </c>
      <c r="O2565" s="236">
        <f t="shared" si="597"/>
        <v>2.6162270320316949</v>
      </c>
      <c r="P2565" s="236" t="str">
        <f t="shared" si="598"/>
        <v>CLAY</v>
      </c>
      <c r="Q2565" s="236">
        <f t="shared" si="594"/>
        <v>423.0655347400463</v>
      </c>
      <c r="R2565" s="238">
        <v>35</v>
      </c>
      <c r="S2565" s="236">
        <f t="shared" si="599"/>
        <v>11.476892888850546</v>
      </c>
      <c r="T2565" s="236" t="e">
        <f t="shared" si="585"/>
        <v>#N/A</v>
      </c>
    </row>
    <row r="2566" spans="1:20" x14ac:dyDescent="0.2">
      <c r="A2566" s="53">
        <f t="shared" si="586"/>
        <v>2554</v>
      </c>
      <c r="B2566" s="239">
        <v>25.603999999999999</v>
      </c>
      <c r="C2566" s="3">
        <f t="shared" si="587"/>
        <v>25.596999999999998</v>
      </c>
      <c r="D2566" s="239">
        <v>4.923</v>
      </c>
      <c r="E2566" s="239">
        <v>9.7600000000000006E-2</v>
      </c>
      <c r="F2566" s="239">
        <v>0.19700000000000001</v>
      </c>
      <c r="G2566">
        <f t="shared" si="588"/>
        <v>4.9623999999999997</v>
      </c>
      <c r="H2566" s="235">
        <f t="shared" si="589"/>
        <v>1.9667902627760765</v>
      </c>
      <c r="I2566" s="236">
        <f t="shared" si="590"/>
        <v>19.242080153423771</v>
      </c>
      <c r="J2566" s="237">
        <f t="shared" si="595"/>
        <v>9.2420801534237711</v>
      </c>
      <c r="K2566" s="237">
        <f t="shared" si="591"/>
        <v>492.53952568718825</v>
      </c>
      <c r="L2566" s="237">
        <f t="shared" si="596"/>
        <v>236.63422024826224</v>
      </c>
      <c r="M2566" s="236">
        <f t="shared" si="592"/>
        <v>18.889324078416493</v>
      </c>
      <c r="N2566" s="236">
        <f t="shared" si="593"/>
        <v>2.1835133459060567</v>
      </c>
      <c r="O2566" s="236">
        <f t="shared" si="597"/>
        <v>2.6914036064301317</v>
      </c>
      <c r="P2566" s="236" t="str">
        <f t="shared" si="598"/>
        <v>CLAY</v>
      </c>
      <c r="Q2566" s="236">
        <f t="shared" si="594"/>
        <v>372.48837285940095</v>
      </c>
      <c r="R2566" s="238">
        <v>35</v>
      </c>
      <c r="S2566" s="236">
        <f t="shared" si="599"/>
        <v>9.8448823569577648</v>
      </c>
      <c r="T2566" s="236" t="e">
        <f t="shared" si="585"/>
        <v>#N/A</v>
      </c>
    </row>
    <row r="2567" spans="1:20" x14ac:dyDescent="0.2">
      <c r="A2567" s="53">
        <f t="shared" si="586"/>
        <v>2555</v>
      </c>
      <c r="B2567" s="239">
        <v>25.614000000000001</v>
      </c>
      <c r="C2567" s="3">
        <f t="shared" si="587"/>
        <v>25.606999999999999</v>
      </c>
      <c r="D2567" s="239">
        <v>4.3239000000000001</v>
      </c>
      <c r="E2567" s="239">
        <v>9.8699999999999996E-2</v>
      </c>
      <c r="F2567" s="239">
        <v>0.20399999999999999</v>
      </c>
      <c r="G2567">
        <f t="shared" si="588"/>
        <v>4.3647</v>
      </c>
      <c r="H2567" s="235">
        <f t="shared" si="589"/>
        <v>2.2613238023231839</v>
      </c>
      <c r="I2567" s="236">
        <f t="shared" si="590"/>
        <v>19.205058325328544</v>
      </c>
      <c r="J2567" s="237">
        <f t="shared" si="595"/>
        <v>9.2050583253285438</v>
      </c>
      <c r="K2567" s="237">
        <f t="shared" si="591"/>
        <v>491.78392853668799</v>
      </c>
      <c r="L2567" s="237">
        <f t="shared" si="596"/>
        <v>235.77836394496532</v>
      </c>
      <c r="M2567" s="236">
        <f t="shared" si="592"/>
        <v>16.426087647157125</v>
      </c>
      <c r="N2567" s="236">
        <f t="shared" si="593"/>
        <v>2.5484673093550407</v>
      </c>
      <c r="O2567" s="236">
        <f t="shared" si="597"/>
        <v>2.7798201266511016</v>
      </c>
      <c r="P2567" s="236" t="str">
        <f t="shared" si="598"/>
        <v>CLAY</v>
      </c>
      <c r="Q2567" s="236">
        <f t="shared" si="594"/>
        <v>322.74300595527598</v>
      </c>
      <c r="R2567" s="238">
        <v>35</v>
      </c>
      <c r="S2567" s="236">
        <f t="shared" si="599"/>
        <v>8.2671854233556044</v>
      </c>
      <c r="T2567" s="236" t="e">
        <f t="shared" si="585"/>
        <v>#N/A</v>
      </c>
    </row>
    <row r="2568" spans="1:20" x14ac:dyDescent="0.2">
      <c r="A2568" s="53">
        <f t="shared" si="586"/>
        <v>2556</v>
      </c>
      <c r="B2568" s="239">
        <v>25.623999999999999</v>
      </c>
      <c r="C2568" s="3">
        <f t="shared" si="587"/>
        <v>25.616999999999997</v>
      </c>
      <c r="D2568" s="239">
        <v>3.7561</v>
      </c>
      <c r="E2568" s="239">
        <v>0.1016</v>
      </c>
      <c r="F2568" s="239">
        <v>0.21190000000000001</v>
      </c>
      <c r="G2568">
        <f t="shared" si="588"/>
        <v>3.7984800000000001</v>
      </c>
      <c r="H2568" s="235">
        <f t="shared" si="589"/>
        <v>2.674754112171184</v>
      </c>
      <c r="I2568" s="236">
        <f t="shared" si="590"/>
        <v>19.184704925505919</v>
      </c>
      <c r="J2568" s="237">
        <f t="shared" si="595"/>
        <v>9.184704925505919</v>
      </c>
      <c r="K2568" s="237">
        <f t="shared" si="591"/>
        <v>491.45458607668508</v>
      </c>
      <c r="L2568" s="237">
        <f t="shared" si="596"/>
        <v>235.34887901116366</v>
      </c>
      <c r="M2568" s="236">
        <f t="shared" si="592"/>
        <v>14.051587701704955</v>
      </c>
      <c r="N2568" s="236">
        <f t="shared" si="593"/>
        <v>3.0722473305539575</v>
      </c>
      <c r="O2568" s="236">
        <f t="shared" si="597"/>
        <v>2.8824236185716927</v>
      </c>
      <c r="P2568" s="236" t="str">
        <f t="shared" si="598"/>
        <v>CLAY</v>
      </c>
      <c r="Q2568" s="236">
        <f t="shared" si="594"/>
        <v>275.58545116027625</v>
      </c>
      <c r="R2568" s="238">
        <v>35</v>
      </c>
      <c r="S2568" s="236">
        <f t="shared" si="599"/>
        <v>6.8013755617989311</v>
      </c>
      <c r="T2568" s="236" t="e">
        <f t="shared" si="585"/>
        <v>#N/A</v>
      </c>
    </row>
    <row r="2569" spans="1:20" x14ac:dyDescent="0.2">
      <c r="A2569" s="53">
        <f t="shared" si="586"/>
        <v>2557</v>
      </c>
      <c r="B2569" s="239">
        <v>25.632999999999999</v>
      </c>
      <c r="C2569" s="3">
        <f t="shared" si="587"/>
        <v>25.625999999999998</v>
      </c>
      <c r="D2569" s="239">
        <v>3.3121999999999998</v>
      </c>
      <c r="E2569" s="239">
        <v>0.1067</v>
      </c>
      <c r="F2569" s="239">
        <v>0.214</v>
      </c>
      <c r="G2569">
        <f t="shared" si="588"/>
        <v>3.355</v>
      </c>
      <c r="H2569" s="235">
        <f t="shared" si="589"/>
        <v>3.180327868852459</v>
      </c>
      <c r="I2569" s="236">
        <f t="shared" si="590"/>
        <v>19.193610258883066</v>
      </c>
      <c r="J2569" s="237">
        <f t="shared" si="595"/>
        <v>9.1936102588830657</v>
      </c>
      <c r="K2569" s="237">
        <f t="shared" si="591"/>
        <v>491.8554564941374</v>
      </c>
      <c r="L2569" s="237">
        <f t="shared" si="596"/>
        <v>235.65981176594963</v>
      </c>
      <c r="M2569" s="236">
        <f t="shared" si="592"/>
        <v>12.149481585555424</v>
      </c>
      <c r="N2569" s="236">
        <f t="shared" si="593"/>
        <v>3.7266717896592119</v>
      </c>
      <c r="O2569" s="236">
        <f t="shared" si="597"/>
        <v>2.9831470277822478</v>
      </c>
      <c r="P2569" s="236" t="str">
        <f t="shared" si="598"/>
        <v>CLAY</v>
      </c>
      <c r="Q2569" s="236">
        <f t="shared" si="594"/>
        <v>238.59537862548856</v>
      </c>
      <c r="R2569" s="238">
        <v>35</v>
      </c>
      <c r="S2569" s="236">
        <f t="shared" si="599"/>
        <v>5.6707067948999903</v>
      </c>
      <c r="T2569" s="236" t="e">
        <f t="shared" si="585"/>
        <v>#N/A</v>
      </c>
    </row>
    <row r="2570" spans="1:20" x14ac:dyDescent="0.2">
      <c r="A2570" s="53">
        <f t="shared" si="586"/>
        <v>2558</v>
      </c>
      <c r="B2570" s="239">
        <v>25.643000000000001</v>
      </c>
      <c r="C2570" s="3">
        <f t="shared" si="587"/>
        <v>25.635999999999999</v>
      </c>
      <c r="D2570" s="239">
        <v>3.0143</v>
      </c>
      <c r="E2570" s="239">
        <v>0.1128</v>
      </c>
      <c r="F2570" s="239">
        <v>0.21990000000000001</v>
      </c>
      <c r="G2570">
        <f t="shared" si="588"/>
        <v>3.0582799999999999</v>
      </c>
      <c r="H2570" s="235">
        <f t="shared" si="589"/>
        <v>3.6883476987064623</v>
      </c>
      <c r="I2570" s="236">
        <f t="shared" si="590"/>
        <v>19.222607143579872</v>
      </c>
      <c r="J2570" s="237">
        <f t="shared" si="595"/>
        <v>9.2226071435798715</v>
      </c>
      <c r="K2570" s="237">
        <f t="shared" si="591"/>
        <v>492.79075673281358</v>
      </c>
      <c r="L2570" s="237">
        <f t="shared" si="596"/>
        <v>236.49531498281866</v>
      </c>
      <c r="M2570" s="236">
        <f t="shared" si="592"/>
        <v>10.847949539522881</v>
      </c>
      <c r="N2570" s="236">
        <f t="shared" si="593"/>
        <v>4.3968221771356024</v>
      </c>
      <c r="O2570" s="236">
        <f t="shared" si="597"/>
        <v>3.0657492723660629</v>
      </c>
      <c r="P2570" s="236" t="str">
        <f t="shared" si="598"/>
        <v>CLAY</v>
      </c>
      <c r="Q2570" s="236">
        <f t="shared" si="594"/>
        <v>213.79077027226552</v>
      </c>
      <c r="R2570" s="238">
        <v>35</v>
      </c>
      <c r="S2570" s="236">
        <f t="shared" si="599"/>
        <v>4.9218069944669622</v>
      </c>
      <c r="T2570" s="236" t="e">
        <f t="shared" si="585"/>
        <v>#N/A</v>
      </c>
    </row>
    <row r="2571" spans="1:20" x14ac:dyDescent="0.2">
      <c r="A2571" s="53">
        <f t="shared" si="586"/>
        <v>2559</v>
      </c>
      <c r="B2571" s="239">
        <v>25.652999999999999</v>
      </c>
      <c r="C2571" s="3">
        <f t="shared" si="587"/>
        <v>25.645999999999997</v>
      </c>
      <c r="D2571" s="239">
        <v>2.8252999999999999</v>
      </c>
      <c r="E2571" s="239">
        <v>0.1195</v>
      </c>
      <c r="F2571" s="239">
        <v>0.22819999999999999</v>
      </c>
      <c r="G2571">
        <f t="shared" si="588"/>
        <v>2.87094</v>
      </c>
      <c r="H2571" s="235">
        <f t="shared" si="589"/>
        <v>4.1623997715034093</v>
      </c>
      <c r="I2571" s="236">
        <f t="shared" si="590"/>
        <v>19.265558103262958</v>
      </c>
      <c r="J2571" s="237">
        <f t="shared" si="595"/>
        <v>9.2655581032629577</v>
      </c>
      <c r="K2571" s="237">
        <f t="shared" si="591"/>
        <v>494.08450311628178</v>
      </c>
      <c r="L2571" s="237">
        <f t="shared" si="596"/>
        <v>237.68936202300463</v>
      </c>
      <c r="M2571" s="236">
        <f t="shared" si="592"/>
        <v>9.9998396085293706</v>
      </c>
      <c r="N2571" s="236">
        <f t="shared" si="593"/>
        <v>5.0276510354405541</v>
      </c>
      <c r="O2571" s="236">
        <f t="shared" si="597"/>
        <v>3.1293095658125867</v>
      </c>
      <c r="P2571" s="236" t="str">
        <f t="shared" si="598"/>
        <v>CLAY</v>
      </c>
      <c r="Q2571" s="236">
        <f t="shared" si="594"/>
        <v>198.07129140697654</v>
      </c>
      <c r="R2571" s="238">
        <v>35</v>
      </c>
      <c r="S2571" s="236">
        <f t="shared" si="599"/>
        <v>4.4456093937604555</v>
      </c>
      <c r="T2571" s="236" t="e">
        <f t="shared" si="585"/>
        <v>#N/A</v>
      </c>
    </row>
    <row r="2572" spans="1:20" x14ac:dyDescent="0.2">
      <c r="A2572" s="53">
        <f t="shared" si="586"/>
        <v>2560</v>
      </c>
      <c r="B2572" s="239">
        <v>25.663</v>
      </c>
      <c r="C2572" s="3">
        <f t="shared" si="587"/>
        <v>25.655999999999999</v>
      </c>
      <c r="D2572" s="239">
        <v>2.7244000000000002</v>
      </c>
      <c r="E2572" s="239">
        <v>0.1265</v>
      </c>
      <c r="F2572" s="239">
        <v>0.25169999999999998</v>
      </c>
      <c r="G2572">
        <f t="shared" si="588"/>
        <v>2.77474</v>
      </c>
      <c r="H2572" s="235">
        <f t="shared" si="589"/>
        <v>4.5589857067689223</v>
      </c>
      <c r="I2572" s="236">
        <f t="shared" si="590"/>
        <v>19.318987538672815</v>
      </c>
      <c r="J2572" s="237">
        <f t="shared" si="595"/>
        <v>9.3189875386728147</v>
      </c>
      <c r="K2572" s="237">
        <f t="shared" si="591"/>
        <v>495.64794429218972</v>
      </c>
      <c r="L2572" s="237">
        <f t="shared" si="596"/>
        <v>239.15317720496046</v>
      </c>
      <c r="M2572" s="236">
        <f t="shared" si="592"/>
        <v>9.5298422640422178</v>
      </c>
      <c r="N2572" s="236">
        <f t="shared" si="593"/>
        <v>5.5504559231466981</v>
      </c>
      <c r="O2572" s="236">
        <f t="shared" si="597"/>
        <v>3.1722611913161449</v>
      </c>
      <c r="P2572" s="236" t="str">
        <f t="shared" si="598"/>
        <v>CLAY</v>
      </c>
      <c r="Q2572" s="236">
        <f t="shared" si="594"/>
        <v>189.92433797565084</v>
      </c>
      <c r="R2572" s="238">
        <v>35</v>
      </c>
      <c r="S2572" s="236">
        <f t="shared" si="599"/>
        <v>4.1859800008943129</v>
      </c>
      <c r="T2572" s="236" t="e">
        <f t="shared" si="585"/>
        <v>#N/A</v>
      </c>
    </row>
    <row r="2573" spans="1:20" x14ac:dyDescent="0.2">
      <c r="A2573" s="53">
        <f t="shared" si="586"/>
        <v>2561</v>
      </c>
      <c r="B2573" s="239">
        <v>25.672999999999998</v>
      </c>
      <c r="C2573" s="3">
        <f t="shared" si="587"/>
        <v>25.665999999999997</v>
      </c>
      <c r="D2573" s="239">
        <v>2.6615000000000002</v>
      </c>
      <c r="E2573" s="239">
        <v>0.13420000000000001</v>
      </c>
      <c r="F2573" s="239">
        <v>0.29160000000000003</v>
      </c>
      <c r="G2573">
        <f t="shared" si="588"/>
        <v>2.7198200000000003</v>
      </c>
      <c r="H2573" s="235">
        <f t="shared" si="589"/>
        <v>4.9341500540476941</v>
      </c>
      <c r="I2573" s="236">
        <f t="shared" si="590"/>
        <v>19.380460993837985</v>
      </c>
      <c r="J2573" s="237">
        <f t="shared" si="595"/>
        <v>9.3804609938379855</v>
      </c>
      <c r="K2573" s="237">
        <f t="shared" si="591"/>
        <v>497.41891186784568</v>
      </c>
      <c r="L2573" s="237">
        <f t="shared" si="596"/>
        <v>240.82457509480258</v>
      </c>
      <c r="M2573" s="236">
        <f t="shared" si="592"/>
        <v>9.2282985955951045</v>
      </c>
      <c r="N2573" s="236">
        <f t="shared" si="593"/>
        <v>6.0385139620674915</v>
      </c>
      <c r="O2573" s="236">
        <f t="shared" si="597"/>
        <v>3.2059533326278085</v>
      </c>
      <c r="P2573" s="236" t="str">
        <f t="shared" si="598"/>
        <v>CLAY</v>
      </c>
      <c r="Q2573" s="236">
        <f t="shared" si="594"/>
        <v>185.20009067767955</v>
      </c>
      <c r="R2573" s="238">
        <v>35</v>
      </c>
      <c r="S2573" s="236">
        <f t="shared" si="599"/>
        <v>4.0210739173321155</v>
      </c>
      <c r="T2573" s="236" t="e">
        <f t="shared" ref="T2573:T2636" si="600">IF(P2573="SAND",17.6+(11*LOG(M2573)),#N/A)</f>
        <v>#N/A</v>
      </c>
    </row>
    <row r="2574" spans="1:20" x14ac:dyDescent="0.2">
      <c r="A2574" s="53">
        <f t="shared" ref="A2574:A2637" si="601">$A2573+1</f>
        <v>2562</v>
      </c>
      <c r="B2574" s="239">
        <v>25.684000000000001</v>
      </c>
      <c r="C2574" s="3">
        <f t="shared" ref="C2574:C2637" si="602">MAX($B2574 - $B$13, 0.001)</f>
        <v>25.677</v>
      </c>
      <c r="D2574" s="239">
        <v>2.4613</v>
      </c>
      <c r="E2574" s="239">
        <v>0.14549999999999999</v>
      </c>
      <c r="F2574" s="239">
        <v>0.29239999999999999</v>
      </c>
      <c r="G2574">
        <f t="shared" si="588"/>
        <v>2.5197799999999999</v>
      </c>
      <c r="H2574" s="235">
        <f t="shared" si="589"/>
        <v>5.7743136305550484</v>
      </c>
      <c r="I2574" s="236">
        <f t="shared" si="590"/>
        <v>19.445399498427626</v>
      </c>
      <c r="J2574" s="237">
        <f t="shared" si="595"/>
        <v>9.4453994984276264</v>
      </c>
      <c r="K2574" s="237">
        <f t="shared" si="591"/>
        <v>499.29952292112614</v>
      </c>
      <c r="L2574" s="237">
        <f t="shared" si="596"/>
        <v>242.59564071761517</v>
      </c>
      <c r="M2574" s="236">
        <f t="shared" si="592"/>
        <v>8.3285935027610094</v>
      </c>
      <c r="N2574" s="236">
        <f t="shared" si="593"/>
        <v>7.2012574063748351</v>
      </c>
      <c r="O2574" s="236">
        <f t="shared" si="597"/>
        <v>3.2886486922605878</v>
      </c>
      <c r="P2574" s="236" t="str">
        <f t="shared" si="598"/>
        <v>CLAY</v>
      </c>
      <c r="Q2574" s="236">
        <f t="shared" si="594"/>
        <v>168.37337308990615</v>
      </c>
      <c r="R2574" s="238">
        <v>35</v>
      </c>
      <c r="S2574" s="236">
        <f t="shared" si="599"/>
        <v>3.5371590697190296</v>
      </c>
      <c r="T2574" s="236" t="e">
        <f t="shared" si="600"/>
        <v>#N/A</v>
      </c>
    </row>
    <row r="2575" spans="1:20" x14ac:dyDescent="0.2">
      <c r="A2575" s="53">
        <f t="shared" si="601"/>
        <v>2563</v>
      </c>
      <c r="B2575" s="239">
        <v>25.693000000000001</v>
      </c>
      <c r="C2575" s="3">
        <f t="shared" si="602"/>
        <v>25.686</v>
      </c>
      <c r="D2575" s="239">
        <v>2.2254999999999998</v>
      </c>
      <c r="E2575" s="239">
        <v>0.15229999999999999</v>
      </c>
      <c r="F2575" s="239">
        <v>0.30359999999999998</v>
      </c>
      <c r="G2575">
        <f t="shared" ref="G2575:G2638" si="603">$D2575+($F2575*(1-$P$8))</f>
        <v>2.2862199999999997</v>
      </c>
      <c r="H2575" s="235">
        <f t="shared" ref="H2575:H2638" si="604">($E2575/$G2575)*100</f>
        <v>6.6616511096919808</v>
      </c>
      <c r="I2575" s="236">
        <f t="shared" ref="I2575:I2638" si="605">((0.27*(LOG($H2575)))+(0.36*(LOG(($G2575*1000)/101)))+1.236)*10</f>
        <v>19.460939011090694</v>
      </c>
      <c r="J2575" s="237">
        <f t="shared" si="595"/>
        <v>9.4609390110906944</v>
      </c>
      <c r="K2575" s="237">
        <f t="shared" ref="K2575:K2638" si="606">$I2575*$C2575</f>
        <v>499.87367943887557</v>
      </c>
      <c r="L2575" s="237">
        <f t="shared" si="596"/>
        <v>243.07990601195323</v>
      </c>
      <c r="M2575" s="236">
        <f t="shared" ref="M2575:M2638" si="607">(($G2575*1000)-$K2575)/$L2575</f>
        <v>7.3488029095802032</v>
      </c>
      <c r="N2575" s="236">
        <f t="shared" ref="N2575:N2638" si="608">(($E2575*1000)/(($G2575*1000)-$K2575))*100</f>
        <v>8.5257823887229076</v>
      </c>
      <c r="O2575" s="236">
        <f t="shared" si="597"/>
        <v>3.3771801522015195</v>
      </c>
      <c r="P2575" s="236" t="str">
        <f t="shared" si="598"/>
        <v>CLAY</v>
      </c>
      <c r="Q2575" s="236">
        <f t="shared" ref="Q2575:Q2638" si="609">IF(P2575="CLAY",($G2575*1000 -$K2575)/$L$8,#N/A)</f>
        <v>148.86219338009369</v>
      </c>
      <c r="R2575" s="238">
        <v>35</v>
      </c>
      <c r="S2575" s="236">
        <f t="shared" si="599"/>
        <v>3.0248981667265613</v>
      </c>
      <c r="T2575" s="236" t="e">
        <f t="shared" si="600"/>
        <v>#N/A</v>
      </c>
    </row>
    <row r="2576" spans="1:20" x14ac:dyDescent="0.2">
      <c r="A2576" s="53">
        <f t="shared" si="601"/>
        <v>2564</v>
      </c>
      <c r="B2576" s="239">
        <v>25.702999999999999</v>
      </c>
      <c r="C2576" s="3">
        <f t="shared" si="602"/>
        <v>25.695999999999998</v>
      </c>
      <c r="D2576" s="239">
        <v>2.0678000000000001</v>
      </c>
      <c r="E2576" s="239">
        <v>0.16020000000000001</v>
      </c>
      <c r="F2576" s="239">
        <v>0.30809999999999998</v>
      </c>
      <c r="G2576">
        <f t="shared" si="603"/>
        <v>2.1294200000000001</v>
      </c>
      <c r="H2576" s="235">
        <f t="shared" si="604"/>
        <v>7.5231753247363127</v>
      </c>
      <c r="I2576" s="236">
        <f t="shared" si="605"/>
        <v>19.492467031971884</v>
      </c>
      <c r="J2576" s="237">
        <f t="shared" ref="J2576:J2639" si="610">$I2576-10</f>
        <v>9.4924670319718842</v>
      </c>
      <c r="K2576" s="237">
        <f t="shared" si="606"/>
        <v>500.8784328535495</v>
      </c>
      <c r="L2576" s="237">
        <f t="shared" ref="L2576:L2639" si="611">$J2576*$B2576</f>
        <v>243.98488012277335</v>
      </c>
      <c r="M2576" s="236">
        <f t="shared" si="607"/>
        <v>6.6747642982096576</v>
      </c>
      <c r="N2576" s="236">
        <f t="shared" si="608"/>
        <v>9.8370224765404242</v>
      </c>
      <c r="O2576" s="236">
        <f t="shared" ref="O2576:O2639" si="612">((3.47-LOG($M2576))^2+(LOG($N2576)+1.22)^2)^0.5</f>
        <v>3.4490251984697187</v>
      </c>
      <c r="P2576" s="236" t="str">
        <f t="shared" ref="P2576:P2639" si="613">IF(O2576&lt;2.6,"SAND","CLAY")</f>
        <v>CLAY</v>
      </c>
      <c r="Q2576" s="236">
        <f t="shared" si="609"/>
        <v>135.71179726220421</v>
      </c>
      <c r="R2576" s="238">
        <v>35</v>
      </c>
      <c r="S2576" s="236">
        <f t="shared" ref="S2576:S2639" si="614">IF(P2576="SAND",#N/A,0.25*($M2576)^1.25)</f>
        <v>2.6821615140640485</v>
      </c>
      <c r="T2576" s="236" t="e">
        <f t="shared" si="600"/>
        <v>#N/A</v>
      </c>
    </row>
    <row r="2577" spans="1:20" x14ac:dyDescent="0.2">
      <c r="A2577" s="53">
        <f t="shared" si="601"/>
        <v>2565</v>
      </c>
      <c r="B2577" s="239">
        <v>25.713000000000001</v>
      </c>
      <c r="C2577" s="3">
        <f t="shared" si="602"/>
        <v>25.706</v>
      </c>
      <c r="D2577" s="239">
        <v>1.9494</v>
      </c>
      <c r="E2577" s="239">
        <v>0.17100000000000001</v>
      </c>
      <c r="F2577" s="239">
        <v>0.30869999999999997</v>
      </c>
      <c r="G2577">
        <f t="shared" si="603"/>
        <v>2.0111400000000001</v>
      </c>
      <c r="H2577" s="235">
        <f t="shared" si="604"/>
        <v>8.5026402935648431</v>
      </c>
      <c r="I2577" s="236">
        <f t="shared" si="605"/>
        <v>19.546630625923694</v>
      </c>
      <c r="J2577" s="237">
        <f t="shared" si="610"/>
        <v>9.5466306259236937</v>
      </c>
      <c r="K2577" s="237">
        <f t="shared" si="606"/>
        <v>502.46568686999444</v>
      </c>
      <c r="L2577" s="237">
        <f t="shared" si="611"/>
        <v>245.47251328437594</v>
      </c>
      <c r="M2577" s="236">
        <f t="shared" si="607"/>
        <v>6.1460010041215121</v>
      </c>
      <c r="N2577" s="236">
        <f t="shared" si="608"/>
        <v>11.33445426304309</v>
      </c>
      <c r="O2577" s="236">
        <f t="shared" si="612"/>
        <v>3.5160835677149969</v>
      </c>
      <c r="P2577" s="236" t="str">
        <f t="shared" si="613"/>
        <v>CLAY</v>
      </c>
      <c r="Q2577" s="236">
        <f t="shared" si="609"/>
        <v>125.72285942750047</v>
      </c>
      <c r="R2577" s="238">
        <v>35</v>
      </c>
      <c r="S2577" s="236">
        <f t="shared" si="614"/>
        <v>2.4192502369875877</v>
      </c>
      <c r="T2577" s="236" t="e">
        <f t="shared" si="600"/>
        <v>#N/A</v>
      </c>
    </row>
    <row r="2578" spans="1:20" x14ac:dyDescent="0.2">
      <c r="A2578" s="53">
        <f t="shared" si="601"/>
        <v>2566</v>
      </c>
      <c r="B2578" s="239">
        <v>25.722999999999999</v>
      </c>
      <c r="C2578" s="3">
        <f t="shared" si="602"/>
        <v>25.715999999999998</v>
      </c>
      <c r="D2578" s="239">
        <v>1.7879</v>
      </c>
      <c r="E2578" s="239">
        <v>0.1754</v>
      </c>
      <c r="F2578" s="239">
        <v>0.37430000000000002</v>
      </c>
      <c r="G2578">
        <f t="shared" si="603"/>
        <v>1.86276</v>
      </c>
      <c r="H2578" s="235">
        <f t="shared" si="604"/>
        <v>9.4161351972342118</v>
      </c>
      <c r="I2578" s="236">
        <f t="shared" si="605"/>
        <v>19.546464157943127</v>
      </c>
      <c r="J2578" s="237">
        <f t="shared" si="610"/>
        <v>9.5464641579431273</v>
      </c>
      <c r="K2578" s="237">
        <f t="shared" si="606"/>
        <v>502.65687228566543</v>
      </c>
      <c r="L2578" s="237">
        <f t="shared" si="611"/>
        <v>245.56369753477105</v>
      </c>
      <c r="M2578" s="236">
        <f t="shared" si="607"/>
        <v>5.5386978668609927</v>
      </c>
      <c r="N2578" s="236">
        <f t="shared" si="608"/>
        <v>12.896080924007672</v>
      </c>
      <c r="O2578" s="236">
        <f t="shared" si="612"/>
        <v>3.5868285474133641</v>
      </c>
      <c r="P2578" s="236" t="str">
        <f t="shared" si="613"/>
        <v>CLAY</v>
      </c>
      <c r="Q2578" s="236">
        <f t="shared" si="609"/>
        <v>113.34192730952788</v>
      </c>
      <c r="R2578" s="238">
        <v>35</v>
      </c>
      <c r="S2578" s="236">
        <f t="shared" si="614"/>
        <v>2.1242205342878386</v>
      </c>
      <c r="T2578" s="236" t="e">
        <f t="shared" si="600"/>
        <v>#N/A</v>
      </c>
    </row>
    <row r="2579" spans="1:20" x14ac:dyDescent="0.2">
      <c r="A2579" s="53">
        <f t="shared" si="601"/>
        <v>2567</v>
      </c>
      <c r="B2579" s="239">
        <v>25.733000000000001</v>
      </c>
      <c r="C2579" s="3">
        <f t="shared" si="602"/>
        <v>25.725999999999999</v>
      </c>
      <c r="D2579" s="239">
        <v>1.6549</v>
      </c>
      <c r="E2579" s="239">
        <v>0.1749</v>
      </c>
      <c r="F2579" s="239">
        <v>0.43519999999999998</v>
      </c>
      <c r="G2579">
        <f t="shared" si="603"/>
        <v>1.74194</v>
      </c>
      <c r="H2579" s="235">
        <f t="shared" si="604"/>
        <v>10.040529524553083</v>
      </c>
      <c r="I2579" s="236">
        <f t="shared" si="605"/>
        <v>19.516905412717215</v>
      </c>
      <c r="J2579" s="237">
        <f t="shared" si="610"/>
        <v>9.5169054127172146</v>
      </c>
      <c r="K2579" s="237">
        <f t="shared" si="606"/>
        <v>502.09190864756306</v>
      </c>
      <c r="L2579" s="237">
        <f t="shared" si="611"/>
        <v>244.89852698545209</v>
      </c>
      <c r="M2579" s="236">
        <f t="shared" si="607"/>
        <v>5.0627013016950029</v>
      </c>
      <c r="N2579" s="236">
        <f t="shared" si="608"/>
        <v>14.106566862495033</v>
      </c>
      <c r="O2579" s="236">
        <f t="shared" si="612"/>
        <v>3.6418125545781304</v>
      </c>
      <c r="P2579" s="236" t="str">
        <f t="shared" si="613"/>
        <v>CLAY</v>
      </c>
      <c r="Q2579" s="236">
        <f t="shared" si="609"/>
        <v>103.32067427936975</v>
      </c>
      <c r="R2579" s="238">
        <v>35</v>
      </c>
      <c r="S2579" s="236">
        <f t="shared" si="614"/>
        <v>1.8985318606385369</v>
      </c>
      <c r="T2579" s="236" t="e">
        <f t="shared" si="600"/>
        <v>#N/A</v>
      </c>
    </row>
    <row r="2580" spans="1:20" x14ac:dyDescent="0.2">
      <c r="A2580" s="53">
        <f t="shared" si="601"/>
        <v>2568</v>
      </c>
      <c r="B2580" s="239">
        <v>25.742000000000001</v>
      </c>
      <c r="C2580" s="3">
        <f t="shared" si="602"/>
        <v>25.734999999999999</v>
      </c>
      <c r="D2580" s="239">
        <v>1.6433</v>
      </c>
      <c r="E2580" s="239">
        <v>0.17319999999999999</v>
      </c>
      <c r="F2580" s="239">
        <v>0.4854</v>
      </c>
      <c r="G2580">
        <f t="shared" si="603"/>
        <v>1.74038</v>
      </c>
      <c r="H2580" s="235">
        <f t="shared" si="604"/>
        <v>9.9518495960652267</v>
      </c>
      <c r="I2580" s="236">
        <f t="shared" si="605"/>
        <v>19.505102026585906</v>
      </c>
      <c r="J2580" s="237">
        <f t="shared" si="610"/>
        <v>9.5051020265859059</v>
      </c>
      <c r="K2580" s="237">
        <f t="shared" si="606"/>
        <v>501.96380065418828</v>
      </c>
      <c r="L2580" s="237">
        <f t="shared" si="611"/>
        <v>244.68033636837438</v>
      </c>
      <c r="M2580" s="236">
        <f t="shared" si="607"/>
        <v>5.0613638093145958</v>
      </c>
      <c r="N2580" s="236">
        <f t="shared" si="608"/>
        <v>13.985605169852603</v>
      </c>
      <c r="O2580" s="236">
        <f t="shared" si="612"/>
        <v>3.6394675153556393</v>
      </c>
      <c r="P2580" s="236" t="str">
        <f t="shared" si="613"/>
        <v>CLAY</v>
      </c>
      <c r="Q2580" s="236">
        <f t="shared" si="609"/>
        <v>103.20134994548432</v>
      </c>
      <c r="R2580" s="238">
        <v>35</v>
      </c>
      <c r="S2580" s="236">
        <f t="shared" si="614"/>
        <v>1.8979049255583664</v>
      </c>
      <c r="T2580" s="236" t="e">
        <f t="shared" si="600"/>
        <v>#N/A</v>
      </c>
    </row>
    <row r="2581" spans="1:20" x14ac:dyDescent="0.2">
      <c r="A2581" s="53">
        <f t="shared" si="601"/>
        <v>2569</v>
      </c>
      <c r="B2581" s="239">
        <v>25.751999999999999</v>
      </c>
      <c r="C2581" s="3">
        <f t="shared" si="602"/>
        <v>25.744999999999997</v>
      </c>
      <c r="D2581" s="239">
        <v>1.8747</v>
      </c>
      <c r="E2581" s="239">
        <v>0.17169999999999999</v>
      </c>
      <c r="F2581" s="239">
        <v>0.54390000000000005</v>
      </c>
      <c r="G2581">
        <f t="shared" si="603"/>
        <v>1.9834800000000001</v>
      </c>
      <c r="H2581" s="235">
        <f t="shared" si="604"/>
        <v>8.6565027124044605</v>
      </c>
      <c r="I2581" s="236">
        <f t="shared" si="605"/>
        <v>19.546007894461294</v>
      </c>
      <c r="J2581" s="237">
        <f t="shared" si="610"/>
        <v>9.5460078944612938</v>
      </c>
      <c r="K2581" s="237">
        <f t="shared" si="606"/>
        <v>503.21197324290597</v>
      </c>
      <c r="L2581" s="237">
        <f t="shared" si="611"/>
        <v>245.82879529816722</v>
      </c>
      <c r="M2581" s="236">
        <f t="shared" si="607"/>
        <v>6.0215404178410754</v>
      </c>
      <c r="N2581" s="236">
        <f t="shared" si="608"/>
        <v>11.599250736783985</v>
      </c>
      <c r="O2581" s="236">
        <f t="shared" si="612"/>
        <v>3.5293474327841992</v>
      </c>
      <c r="P2581" s="236" t="str">
        <f t="shared" si="613"/>
        <v>CLAY</v>
      </c>
      <c r="Q2581" s="236">
        <f t="shared" si="609"/>
        <v>123.3556688964245</v>
      </c>
      <c r="R2581" s="238">
        <v>35</v>
      </c>
      <c r="S2581" s="236">
        <f t="shared" si="614"/>
        <v>2.3581667735681116</v>
      </c>
      <c r="T2581" s="236" t="e">
        <f t="shared" si="600"/>
        <v>#N/A</v>
      </c>
    </row>
    <row r="2582" spans="1:20" x14ac:dyDescent="0.2">
      <c r="A2582" s="53">
        <f t="shared" si="601"/>
        <v>2570</v>
      </c>
      <c r="B2582" s="239">
        <v>25.762</v>
      </c>
      <c r="C2582" s="3">
        <f t="shared" si="602"/>
        <v>25.754999999999999</v>
      </c>
      <c r="D2582" s="239">
        <v>2.4386000000000001</v>
      </c>
      <c r="E2582" s="239">
        <v>0.16569999999999999</v>
      </c>
      <c r="F2582" s="239">
        <v>0.61780000000000002</v>
      </c>
      <c r="G2582">
        <f t="shared" si="603"/>
        <v>2.56216</v>
      </c>
      <c r="H2582" s="235">
        <f t="shared" si="604"/>
        <v>6.4671995503793669</v>
      </c>
      <c r="I2582" s="236">
        <f t="shared" si="605"/>
        <v>19.604359449214609</v>
      </c>
      <c r="J2582" s="237">
        <f t="shared" si="610"/>
        <v>9.6043594492146092</v>
      </c>
      <c r="K2582" s="237">
        <f t="shared" si="606"/>
        <v>504.91027761452222</v>
      </c>
      <c r="L2582" s="237">
        <f t="shared" si="611"/>
        <v>247.42750813066675</v>
      </c>
      <c r="M2582" s="236">
        <f t="shared" si="607"/>
        <v>8.3145553941360539</v>
      </c>
      <c r="N2582" s="236">
        <f t="shared" si="608"/>
        <v>8.0544426958465234</v>
      </c>
      <c r="O2582" s="236">
        <f t="shared" si="612"/>
        <v>3.320142752634331</v>
      </c>
      <c r="P2582" s="236" t="str">
        <f t="shared" si="613"/>
        <v>CLAY</v>
      </c>
      <c r="Q2582" s="236">
        <f t="shared" si="609"/>
        <v>171.43747686545646</v>
      </c>
      <c r="R2582" s="238">
        <v>35</v>
      </c>
      <c r="S2582" s="236">
        <f t="shared" si="614"/>
        <v>3.529708148244918</v>
      </c>
      <c r="T2582" s="236" t="e">
        <f t="shared" si="600"/>
        <v>#N/A</v>
      </c>
    </row>
    <row r="2583" spans="1:20" x14ac:dyDescent="0.2">
      <c r="A2583" s="53">
        <f t="shared" si="601"/>
        <v>2571</v>
      </c>
      <c r="B2583" s="239">
        <v>25.771000000000001</v>
      </c>
      <c r="C2583" s="3">
        <f t="shared" si="602"/>
        <v>25.763999999999999</v>
      </c>
      <c r="D2583" s="239">
        <v>3.3382999999999998</v>
      </c>
      <c r="E2583" s="239">
        <v>0.1527</v>
      </c>
      <c r="F2583" s="239">
        <v>0.65820000000000001</v>
      </c>
      <c r="G2583">
        <f t="shared" si="603"/>
        <v>3.4699399999999998</v>
      </c>
      <c r="H2583" s="235">
        <f t="shared" si="604"/>
        <v>4.4006524608494679</v>
      </c>
      <c r="I2583" s="236">
        <f t="shared" si="605"/>
        <v>19.627098223214972</v>
      </c>
      <c r="J2583" s="237">
        <f t="shared" si="610"/>
        <v>9.627098223214972</v>
      </c>
      <c r="K2583" s="237">
        <f t="shared" si="606"/>
        <v>505.67255862291051</v>
      </c>
      <c r="L2583" s="237">
        <f t="shared" si="611"/>
        <v>248.09994831047305</v>
      </c>
      <c r="M2583" s="236">
        <f t="shared" si="607"/>
        <v>11.947876094144105</v>
      </c>
      <c r="N2583" s="236">
        <f t="shared" si="608"/>
        <v>5.1513570559969857</v>
      </c>
      <c r="O2583" s="236">
        <f t="shared" si="612"/>
        <v>3.0752851932842602</v>
      </c>
      <c r="P2583" s="236" t="str">
        <f t="shared" si="613"/>
        <v>CLAY</v>
      </c>
      <c r="Q2583" s="236">
        <f t="shared" si="609"/>
        <v>247.0222867814241</v>
      </c>
      <c r="R2583" s="238">
        <v>35</v>
      </c>
      <c r="S2583" s="236">
        <f t="shared" si="614"/>
        <v>5.5533289081697736</v>
      </c>
      <c r="T2583" s="236" t="e">
        <f t="shared" si="600"/>
        <v>#N/A</v>
      </c>
    </row>
    <row r="2584" spans="1:20" x14ac:dyDescent="0.2">
      <c r="A2584" s="53">
        <f t="shared" si="601"/>
        <v>2572</v>
      </c>
      <c r="B2584" s="239">
        <v>25.780999999999999</v>
      </c>
      <c r="C2584" s="3">
        <f t="shared" si="602"/>
        <v>25.773999999999997</v>
      </c>
      <c r="D2584" s="239">
        <v>4.4462000000000002</v>
      </c>
      <c r="E2584" s="239">
        <v>0.13550000000000001</v>
      </c>
      <c r="F2584" s="239">
        <v>0.64680000000000004</v>
      </c>
      <c r="G2584">
        <f t="shared" si="603"/>
        <v>4.5755600000000003</v>
      </c>
      <c r="H2584" s="235">
        <f t="shared" si="604"/>
        <v>2.9613861472694052</v>
      </c>
      <c r="I2584" s="236">
        <f t="shared" si="605"/>
        <v>19.595078980673787</v>
      </c>
      <c r="J2584" s="237">
        <f t="shared" si="610"/>
        <v>9.5950789806737866</v>
      </c>
      <c r="K2584" s="237">
        <f t="shared" si="606"/>
        <v>505.04356564788611</v>
      </c>
      <c r="L2584" s="237">
        <f t="shared" si="611"/>
        <v>247.37073120075087</v>
      </c>
      <c r="M2584" s="236">
        <f t="shared" si="607"/>
        <v>16.455125529983309</v>
      </c>
      <c r="N2584" s="236">
        <f t="shared" si="608"/>
        <v>3.3288159422839163</v>
      </c>
      <c r="O2584" s="236">
        <f t="shared" si="612"/>
        <v>2.8486368616103142</v>
      </c>
      <c r="P2584" s="236" t="str">
        <f t="shared" si="613"/>
        <v>CLAY</v>
      </c>
      <c r="Q2584" s="236">
        <f t="shared" si="609"/>
        <v>339.20970286267618</v>
      </c>
      <c r="R2584" s="238">
        <v>35</v>
      </c>
      <c r="S2584" s="236">
        <f t="shared" si="614"/>
        <v>8.2854577739206103</v>
      </c>
      <c r="T2584" s="236" t="e">
        <f t="shared" si="600"/>
        <v>#N/A</v>
      </c>
    </row>
    <row r="2585" spans="1:20" x14ac:dyDescent="0.2">
      <c r="A2585" s="53">
        <f t="shared" si="601"/>
        <v>2573</v>
      </c>
      <c r="B2585" s="239">
        <v>25.79</v>
      </c>
      <c r="C2585" s="3">
        <f t="shared" si="602"/>
        <v>25.782999999999998</v>
      </c>
      <c r="D2585" s="239">
        <v>5.4412000000000003</v>
      </c>
      <c r="E2585" s="239">
        <v>0.1211</v>
      </c>
      <c r="F2585" s="239">
        <v>0.59870000000000001</v>
      </c>
      <c r="G2585">
        <f t="shared" si="603"/>
        <v>5.5609400000000004</v>
      </c>
      <c r="H2585" s="235">
        <f t="shared" si="604"/>
        <v>2.1776893834495605</v>
      </c>
      <c r="I2585" s="236">
        <f t="shared" si="605"/>
        <v>19.539565629205686</v>
      </c>
      <c r="J2585" s="237">
        <f t="shared" si="610"/>
        <v>9.5395656292056863</v>
      </c>
      <c r="K2585" s="237">
        <f t="shared" si="606"/>
        <v>503.78862061781018</v>
      </c>
      <c r="L2585" s="237">
        <f t="shared" si="611"/>
        <v>246.02539757721465</v>
      </c>
      <c r="M2585" s="236">
        <f t="shared" si="607"/>
        <v>20.555403747676142</v>
      </c>
      <c r="N2585" s="236">
        <f t="shared" si="608"/>
        <v>2.3946287329606148</v>
      </c>
      <c r="O2585" s="236">
        <f t="shared" si="612"/>
        <v>2.6852431877805176</v>
      </c>
      <c r="P2585" s="236" t="str">
        <f t="shared" si="613"/>
        <v>CLAY</v>
      </c>
      <c r="Q2585" s="236">
        <f t="shared" si="609"/>
        <v>421.42928161518256</v>
      </c>
      <c r="R2585" s="238">
        <v>35</v>
      </c>
      <c r="S2585" s="236">
        <f t="shared" si="614"/>
        <v>10.942020476022115</v>
      </c>
      <c r="T2585" s="236" t="e">
        <f t="shared" si="600"/>
        <v>#N/A</v>
      </c>
    </row>
    <row r="2586" spans="1:20" x14ac:dyDescent="0.2">
      <c r="A2586" s="53">
        <f t="shared" si="601"/>
        <v>2574</v>
      </c>
      <c r="B2586" s="239">
        <v>25.800999999999998</v>
      </c>
      <c r="C2586" s="3">
        <f t="shared" si="602"/>
        <v>25.793999999999997</v>
      </c>
      <c r="D2586" s="239">
        <v>6.3521999999999998</v>
      </c>
      <c r="E2586" s="239">
        <v>0.1067</v>
      </c>
      <c r="F2586" s="239">
        <v>0.46600000000000003</v>
      </c>
      <c r="G2586">
        <f t="shared" si="603"/>
        <v>6.4454000000000002</v>
      </c>
      <c r="H2586" s="235">
        <f t="shared" si="604"/>
        <v>1.6554441927576256</v>
      </c>
      <c r="I2586" s="236">
        <f t="shared" si="605"/>
        <v>19.44881187409333</v>
      </c>
      <c r="J2586" s="237">
        <f t="shared" si="610"/>
        <v>9.4488118740933302</v>
      </c>
      <c r="K2586" s="237">
        <f t="shared" si="606"/>
        <v>501.6626534803633</v>
      </c>
      <c r="L2586" s="237">
        <f t="shared" si="611"/>
        <v>243.78879516348201</v>
      </c>
      <c r="M2586" s="236">
        <f t="shared" si="607"/>
        <v>24.380683052040329</v>
      </c>
      <c r="N2586" s="236">
        <f t="shared" si="608"/>
        <v>1.7951668080097505</v>
      </c>
      <c r="O2586" s="236">
        <f t="shared" si="612"/>
        <v>2.5517999339867843</v>
      </c>
      <c r="P2586" s="236" t="str">
        <f t="shared" si="613"/>
        <v>SAND</v>
      </c>
      <c r="Q2586" s="236" t="e">
        <f t="shared" si="609"/>
        <v>#N/A</v>
      </c>
      <c r="R2586" s="238">
        <v>35</v>
      </c>
      <c r="S2586" s="236" t="e">
        <f t="shared" si="614"/>
        <v>#N/A</v>
      </c>
      <c r="T2586" s="236">
        <f t="shared" si="600"/>
        <v>32.857504555670452</v>
      </c>
    </row>
    <row r="2587" spans="1:20" x14ac:dyDescent="0.2">
      <c r="A2587" s="53">
        <f t="shared" si="601"/>
        <v>2575</v>
      </c>
      <c r="B2587" s="239">
        <v>25.81</v>
      </c>
      <c r="C2587" s="3">
        <f t="shared" si="602"/>
        <v>25.802999999999997</v>
      </c>
      <c r="D2587" s="239">
        <v>7.0572999999999997</v>
      </c>
      <c r="E2587" s="239">
        <v>9.5299999999999996E-2</v>
      </c>
      <c r="F2587" s="239">
        <v>0.28860000000000002</v>
      </c>
      <c r="G2587">
        <f t="shared" si="603"/>
        <v>7.1150199999999995</v>
      </c>
      <c r="H2587" s="235">
        <f t="shared" si="604"/>
        <v>1.3394199875755797</v>
      </c>
      <c r="I2587" s="236">
        <f t="shared" si="605"/>
        <v>19.354952398789749</v>
      </c>
      <c r="J2587" s="237">
        <f t="shared" si="610"/>
        <v>9.3549523987897487</v>
      </c>
      <c r="K2587" s="237">
        <f t="shared" si="606"/>
        <v>499.41583674597183</v>
      </c>
      <c r="L2587" s="237">
        <f t="shared" si="611"/>
        <v>241.45132141276341</v>
      </c>
      <c r="M2587" s="236">
        <f t="shared" si="607"/>
        <v>27.399328877329218</v>
      </c>
      <c r="N2587" s="236">
        <f t="shared" si="608"/>
        <v>1.4405335876855825</v>
      </c>
      <c r="O2587" s="236">
        <f t="shared" si="612"/>
        <v>2.455688853410066</v>
      </c>
      <c r="P2587" s="236" t="str">
        <f t="shared" si="613"/>
        <v>SAND</v>
      </c>
      <c r="Q2587" s="236" t="e">
        <f t="shared" si="609"/>
        <v>#N/A</v>
      </c>
      <c r="R2587" s="238">
        <v>35</v>
      </c>
      <c r="S2587" s="236" t="e">
        <f t="shared" si="614"/>
        <v>#N/A</v>
      </c>
      <c r="T2587" s="236">
        <f t="shared" si="600"/>
        <v>33.415139178146028</v>
      </c>
    </row>
    <row r="2588" spans="1:20" x14ac:dyDescent="0.2">
      <c r="A2588" s="53">
        <f t="shared" si="601"/>
        <v>2576</v>
      </c>
      <c r="B2588" s="239">
        <v>25.82</v>
      </c>
      <c r="C2588" s="3">
        <f t="shared" si="602"/>
        <v>25.812999999999999</v>
      </c>
      <c r="D2588" s="239">
        <v>7.5053000000000001</v>
      </c>
      <c r="E2588" s="239">
        <v>8.9399999999999993E-2</v>
      </c>
      <c r="F2588" s="239">
        <v>0.21210000000000001</v>
      </c>
      <c r="G2588">
        <f t="shared" si="603"/>
        <v>7.54772</v>
      </c>
      <c r="H2588" s="235">
        <f t="shared" si="604"/>
        <v>1.1844636525997254</v>
      </c>
      <c r="I2588" s="236">
        <f t="shared" si="605"/>
        <v>19.303088557708321</v>
      </c>
      <c r="J2588" s="237">
        <f t="shared" si="610"/>
        <v>9.3030885577083211</v>
      </c>
      <c r="K2588" s="237">
        <f t="shared" si="606"/>
        <v>498.27062494012489</v>
      </c>
      <c r="L2588" s="237">
        <f t="shared" si="611"/>
        <v>240.20574656002884</v>
      </c>
      <c r="M2588" s="236">
        <f t="shared" si="607"/>
        <v>29.347546742801079</v>
      </c>
      <c r="N2588" s="236">
        <f t="shared" si="608"/>
        <v>1.2681841551524109</v>
      </c>
      <c r="O2588" s="236">
        <f t="shared" si="612"/>
        <v>2.4001104439929666</v>
      </c>
      <c r="P2588" s="236" t="str">
        <f t="shared" si="613"/>
        <v>SAND</v>
      </c>
      <c r="Q2588" s="236" t="e">
        <f t="shared" si="609"/>
        <v>#N/A</v>
      </c>
      <c r="R2588" s="238">
        <v>35</v>
      </c>
      <c r="S2588" s="236" t="e">
        <f t="shared" si="614"/>
        <v>#N/A</v>
      </c>
      <c r="T2588" s="236">
        <f t="shared" si="600"/>
        <v>33.743289833088099</v>
      </c>
    </row>
    <row r="2589" spans="1:20" x14ac:dyDescent="0.2">
      <c r="A2589" s="53">
        <f t="shared" si="601"/>
        <v>2577</v>
      </c>
      <c r="B2589" s="239">
        <v>25.83</v>
      </c>
      <c r="C2589" s="3">
        <f t="shared" si="602"/>
        <v>25.822999999999997</v>
      </c>
      <c r="D2589" s="239">
        <v>7.8167999999999997</v>
      </c>
      <c r="E2589" s="239">
        <v>8.2500000000000004E-2</v>
      </c>
      <c r="F2589" s="239">
        <v>0.1822</v>
      </c>
      <c r="G2589">
        <f t="shared" si="603"/>
        <v>7.8532399999999996</v>
      </c>
      <c r="H2589" s="235">
        <f t="shared" si="604"/>
        <v>1.05052182284</v>
      </c>
      <c r="I2589" s="236">
        <f t="shared" si="605"/>
        <v>19.224412698440471</v>
      </c>
      <c r="J2589" s="237">
        <f t="shared" si="610"/>
        <v>9.2244126984404708</v>
      </c>
      <c r="K2589" s="237">
        <f t="shared" si="606"/>
        <v>496.43200911182822</v>
      </c>
      <c r="L2589" s="237">
        <f t="shared" si="611"/>
        <v>238.26658000071734</v>
      </c>
      <c r="M2589" s="236">
        <f t="shared" si="607"/>
        <v>30.876373811493089</v>
      </c>
      <c r="N2589" s="236">
        <f t="shared" si="608"/>
        <v>1.1214102651881221</v>
      </c>
      <c r="O2589" s="236">
        <f t="shared" si="612"/>
        <v>2.3524842157194676</v>
      </c>
      <c r="P2589" s="236" t="str">
        <f t="shared" si="613"/>
        <v>SAND</v>
      </c>
      <c r="Q2589" s="236" t="e">
        <f t="shared" si="609"/>
        <v>#N/A</v>
      </c>
      <c r="R2589" s="238">
        <v>35</v>
      </c>
      <c r="S2589" s="236" t="e">
        <f t="shared" si="614"/>
        <v>#N/A</v>
      </c>
      <c r="T2589" s="236">
        <f t="shared" si="600"/>
        <v>33.985889191867933</v>
      </c>
    </row>
    <row r="2590" spans="1:20" x14ac:dyDescent="0.2">
      <c r="A2590" s="53">
        <f t="shared" si="601"/>
        <v>2578</v>
      </c>
      <c r="B2590" s="239">
        <v>25.838999999999999</v>
      </c>
      <c r="C2590" s="3">
        <f t="shared" si="602"/>
        <v>25.831999999999997</v>
      </c>
      <c r="D2590" s="239">
        <v>8.0817999999999994</v>
      </c>
      <c r="E2590" s="239">
        <v>7.5600000000000001E-2</v>
      </c>
      <c r="F2590" s="239">
        <v>0.1741</v>
      </c>
      <c r="G2590">
        <f t="shared" si="603"/>
        <v>8.1166199999999993</v>
      </c>
      <c r="H2590" s="235">
        <f t="shared" si="604"/>
        <v>0.93142219298180773</v>
      </c>
      <c r="I2590" s="236">
        <f t="shared" si="605"/>
        <v>19.134889594703882</v>
      </c>
      <c r="J2590" s="237">
        <f t="shared" si="610"/>
        <v>9.134889594703882</v>
      </c>
      <c r="K2590" s="237">
        <f t="shared" si="606"/>
        <v>494.29246801039062</v>
      </c>
      <c r="L2590" s="237">
        <f t="shared" si="611"/>
        <v>236.03641223755361</v>
      </c>
      <c r="M2590" s="236">
        <f t="shared" si="607"/>
        <v>32.293015555236813</v>
      </c>
      <c r="N2590" s="236">
        <f t="shared" si="608"/>
        <v>0.99182303151786233</v>
      </c>
      <c r="O2590" s="236">
        <f t="shared" si="612"/>
        <v>2.3075543789427204</v>
      </c>
      <c r="P2590" s="236" t="str">
        <f t="shared" si="613"/>
        <v>SAND</v>
      </c>
      <c r="Q2590" s="236" t="e">
        <f t="shared" si="609"/>
        <v>#N/A</v>
      </c>
      <c r="R2590" s="238">
        <v>35</v>
      </c>
      <c r="S2590" s="236" t="e">
        <f t="shared" si="614"/>
        <v>#N/A</v>
      </c>
      <c r="T2590" s="236">
        <f t="shared" si="600"/>
        <v>34.200194619572351</v>
      </c>
    </row>
    <row r="2591" spans="1:20" x14ac:dyDescent="0.2">
      <c r="A2591" s="53">
        <f t="shared" si="601"/>
        <v>2579</v>
      </c>
      <c r="B2591" s="239">
        <v>25.85</v>
      </c>
      <c r="C2591" s="3">
        <f t="shared" si="602"/>
        <v>25.843</v>
      </c>
      <c r="D2591" s="239">
        <v>8.3117999999999999</v>
      </c>
      <c r="E2591" s="239">
        <v>7.0000000000000007E-2</v>
      </c>
      <c r="F2591" s="239">
        <v>0.16009999999999999</v>
      </c>
      <c r="G2591">
        <f t="shared" si="603"/>
        <v>8.3438199999999991</v>
      </c>
      <c r="H2591" s="235">
        <f t="shared" si="604"/>
        <v>0.83894427252745163</v>
      </c>
      <c r="I2591" s="236">
        <f t="shared" si="605"/>
        <v>19.055436196314751</v>
      </c>
      <c r="J2591" s="237">
        <f t="shared" si="610"/>
        <v>9.0554361963147514</v>
      </c>
      <c r="K2591" s="237">
        <f t="shared" si="606"/>
        <v>492.44963762136211</v>
      </c>
      <c r="L2591" s="237">
        <f t="shared" si="611"/>
        <v>234.08302567473635</v>
      </c>
      <c r="M2591" s="236">
        <f t="shared" si="607"/>
        <v>33.540964107702088</v>
      </c>
      <c r="N2591" s="236">
        <f t="shared" si="608"/>
        <v>0.89156410625358551</v>
      </c>
      <c r="O2591" s="236">
        <f t="shared" si="612"/>
        <v>2.2693707330163537</v>
      </c>
      <c r="P2591" s="236" t="str">
        <f t="shared" si="613"/>
        <v>SAND</v>
      </c>
      <c r="Q2591" s="236" t="e">
        <f t="shared" si="609"/>
        <v>#N/A</v>
      </c>
      <c r="R2591" s="238">
        <v>35</v>
      </c>
      <c r="S2591" s="236" t="e">
        <f t="shared" si="614"/>
        <v>#N/A</v>
      </c>
      <c r="T2591" s="236">
        <f t="shared" si="600"/>
        <v>34.381330960798095</v>
      </c>
    </row>
    <row r="2592" spans="1:20" x14ac:dyDescent="0.2">
      <c r="A2592" s="53">
        <f t="shared" si="601"/>
        <v>2580</v>
      </c>
      <c r="B2592" s="239">
        <v>25.859000000000002</v>
      </c>
      <c r="C2592" s="3">
        <f t="shared" si="602"/>
        <v>25.852</v>
      </c>
      <c r="D2592" s="239">
        <v>8.5053000000000001</v>
      </c>
      <c r="E2592" s="239">
        <v>6.54E-2</v>
      </c>
      <c r="F2592" s="239">
        <v>0.15959999999999999</v>
      </c>
      <c r="G2592">
        <f t="shared" si="603"/>
        <v>8.5372199999999996</v>
      </c>
      <c r="H2592" s="235">
        <f t="shared" si="604"/>
        <v>0.76605733482327976</v>
      </c>
      <c r="I2592" s="236">
        <f t="shared" si="605"/>
        <v>18.984687800668784</v>
      </c>
      <c r="J2592" s="237">
        <f t="shared" si="610"/>
        <v>8.9846878006687838</v>
      </c>
      <c r="K2592" s="237">
        <f t="shared" si="606"/>
        <v>490.79214902288942</v>
      </c>
      <c r="L2592" s="237">
        <f t="shared" si="611"/>
        <v>232.33504183749409</v>
      </c>
      <c r="M2592" s="236">
        <f t="shared" si="607"/>
        <v>34.632863761486121</v>
      </c>
      <c r="N2592" s="236">
        <f t="shared" si="608"/>
        <v>0.81278302883257969</v>
      </c>
      <c r="O2592" s="236">
        <f t="shared" si="612"/>
        <v>2.2368991210504761</v>
      </c>
      <c r="P2592" s="236" t="str">
        <f t="shared" si="613"/>
        <v>SAND</v>
      </c>
      <c r="Q2592" s="236" t="e">
        <f t="shared" si="609"/>
        <v>#N/A</v>
      </c>
      <c r="R2592" s="238">
        <v>35</v>
      </c>
      <c r="S2592" s="236" t="e">
        <f t="shared" si="614"/>
        <v>#N/A</v>
      </c>
      <c r="T2592" s="236">
        <f t="shared" si="600"/>
        <v>34.534372449154226</v>
      </c>
    </row>
    <row r="2593" spans="1:20" x14ac:dyDescent="0.2">
      <c r="A2593" s="53">
        <f t="shared" si="601"/>
        <v>2581</v>
      </c>
      <c r="B2593" s="239">
        <v>25.867999999999999</v>
      </c>
      <c r="C2593" s="3">
        <f t="shared" si="602"/>
        <v>25.860999999999997</v>
      </c>
      <c r="D2593" s="239">
        <v>8.6643000000000008</v>
      </c>
      <c r="E2593" s="239">
        <v>6.0499999999999998E-2</v>
      </c>
      <c r="F2593" s="239">
        <v>0.16950000000000001</v>
      </c>
      <c r="G2593">
        <f t="shared" si="603"/>
        <v>8.6981999999999999</v>
      </c>
      <c r="H2593" s="235">
        <f t="shared" si="604"/>
        <v>0.69554620496194608</v>
      </c>
      <c r="I2593" s="236">
        <f t="shared" si="605"/>
        <v>18.90066901630637</v>
      </c>
      <c r="J2593" s="237">
        <f t="shared" si="610"/>
        <v>8.9006690163063702</v>
      </c>
      <c r="K2593" s="237">
        <f t="shared" si="606"/>
        <v>488.79020143069897</v>
      </c>
      <c r="L2593" s="237">
        <f t="shared" si="611"/>
        <v>230.24250611381316</v>
      </c>
      <c r="M2593" s="236">
        <f t="shared" si="607"/>
        <v>35.655491842636728</v>
      </c>
      <c r="N2593" s="236">
        <f t="shared" si="608"/>
        <v>0.73695919054429049</v>
      </c>
      <c r="O2593" s="236">
        <f t="shared" si="612"/>
        <v>2.2047159131998892</v>
      </c>
      <c r="P2593" s="236" t="str">
        <f t="shared" si="613"/>
        <v>SAND</v>
      </c>
      <c r="Q2593" s="236" t="e">
        <f t="shared" si="609"/>
        <v>#N/A</v>
      </c>
      <c r="R2593" s="238">
        <v>35</v>
      </c>
      <c r="S2593" s="236" t="e">
        <f t="shared" si="614"/>
        <v>#N/A</v>
      </c>
      <c r="T2593" s="236">
        <f t="shared" si="600"/>
        <v>34.67339074776055</v>
      </c>
    </row>
    <row r="2594" spans="1:20" x14ac:dyDescent="0.2">
      <c r="A2594" s="53">
        <f t="shared" si="601"/>
        <v>2582</v>
      </c>
      <c r="B2594" s="239">
        <v>25.878</v>
      </c>
      <c r="C2594" s="3">
        <f t="shared" si="602"/>
        <v>25.870999999999999</v>
      </c>
      <c r="D2594" s="239">
        <v>8.8488000000000007</v>
      </c>
      <c r="E2594" s="239">
        <v>5.2299999999999999E-2</v>
      </c>
      <c r="F2594" s="239">
        <v>0.17699999999999999</v>
      </c>
      <c r="G2594">
        <f t="shared" si="603"/>
        <v>8.8841999999999999</v>
      </c>
      <c r="H2594" s="235">
        <f t="shared" si="604"/>
        <v>0.58868553161792847</v>
      </c>
      <c r="I2594" s="236">
        <f t="shared" si="605"/>
        <v>18.738154108416751</v>
      </c>
      <c r="J2594" s="237">
        <f t="shared" si="610"/>
        <v>8.7381541084167509</v>
      </c>
      <c r="K2594" s="237">
        <f t="shared" si="606"/>
        <v>484.77478493884973</v>
      </c>
      <c r="L2594" s="237">
        <f t="shared" si="611"/>
        <v>226.12595201760868</v>
      </c>
      <c r="M2594" s="236">
        <f t="shared" si="607"/>
        <v>37.144897081105832</v>
      </c>
      <c r="N2594" s="236">
        <f t="shared" si="608"/>
        <v>0.62266165435010945</v>
      </c>
      <c r="O2594" s="236">
        <f t="shared" si="612"/>
        <v>2.1538548163501794</v>
      </c>
      <c r="P2594" s="236" t="str">
        <f t="shared" si="613"/>
        <v>SAND</v>
      </c>
      <c r="Q2594" s="236" t="e">
        <f t="shared" si="609"/>
        <v>#N/A</v>
      </c>
      <c r="R2594" s="238">
        <v>35</v>
      </c>
      <c r="S2594" s="236" t="e">
        <f t="shared" si="614"/>
        <v>#N/A</v>
      </c>
      <c r="T2594" s="236">
        <f t="shared" si="600"/>
        <v>34.868890753056775</v>
      </c>
    </row>
    <row r="2595" spans="1:20" x14ac:dyDescent="0.2">
      <c r="A2595" s="53">
        <f t="shared" si="601"/>
        <v>2583</v>
      </c>
      <c r="B2595" s="239">
        <v>25.888000000000002</v>
      </c>
      <c r="C2595" s="3">
        <f t="shared" si="602"/>
        <v>25.881</v>
      </c>
      <c r="D2595" s="239">
        <v>9.0667000000000009</v>
      </c>
      <c r="E2595" s="239">
        <v>4.3700000000000003E-2</v>
      </c>
      <c r="F2595" s="239">
        <v>0.18029999999999999</v>
      </c>
      <c r="G2595">
        <f t="shared" si="603"/>
        <v>9.1027600000000017</v>
      </c>
      <c r="H2595" s="235">
        <f t="shared" si="604"/>
        <v>0.48007417530507224</v>
      </c>
      <c r="I2595" s="236">
        <f t="shared" si="605"/>
        <v>18.536998717393782</v>
      </c>
      <c r="J2595" s="237">
        <f t="shared" si="610"/>
        <v>8.5369987173937822</v>
      </c>
      <c r="K2595" s="237">
        <f t="shared" si="606"/>
        <v>479.75606380486846</v>
      </c>
      <c r="L2595" s="237">
        <f t="shared" si="611"/>
        <v>221.00582279589025</v>
      </c>
      <c r="M2595" s="236">
        <f t="shared" si="607"/>
        <v>39.017089355871413</v>
      </c>
      <c r="N2595" s="236">
        <f t="shared" si="608"/>
        <v>0.50678395050440461</v>
      </c>
      <c r="O2595" s="236">
        <f t="shared" si="612"/>
        <v>2.0940345218850407</v>
      </c>
      <c r="P2595" s="236" t="str">
        <f t="shared" si="613"/>
        <v>SAND</v>
      </c>
      <c r="Q2595" s="236" t="e">
        <f t="shared" si="609"/>
        <v>#N/A</v>
      </c>
      <c r="R2595" s="238">
        <v>35</v>
      </c>
      <c r="S2595" s="236" t="e">
        <f t="shared" si="614"/>
        <v>#N/A</v>
      </c>
      <c r="T2595" s="236">
        <f t="shared" si="600"/>
        <v>35.103803550647228</v>
      </c>
    </row>
    <row r="2596" spans="1:20" x14ac:dyDescent="0.2">
      <c r="A2596" s="53">
        <f t="shared" si="601"/>
        <v>2584</v>
      </c>
      <c r="B2596" s="239">
        <v>25.898</v>
      </c>
      <c r="C2596" s="3">
        <f t="shared" si="602"/>
        <v>25.890999999999998</v>
      </c>
      <c r="D2596" s="239">
        <v>9.2728999999999999</v>
      </c>
      <c r="E2596" s="239">
        <v>4.1000000000000002E-2</v>
      </c>
      <c r="F2596" s="239">
        <v>0.17069999999999999</v>
      </c>
      <c r="G2596">
        <f t="shared" si="603"/>
        <v>9.3070400000000006</v>
      </c>
      <c r="H2596" s="235">
        <f t="shared" si="604"/>
        <v>0.44052674104763706</v>
      </c>
      <c r="I2596" s="236">
        <f t="shared" si="605"/>
        <v>18.470889889919242</v>
      </c>
      <c r="J2596" s="237">
        <f t="shared" si="610"/>
        <v>8.470889889919242</v>
      </c>
      <c r="K2596" s="237">
        <f t="shared" si="606"/>
        <v>478.22981013989909</v>
      </c>
      <c r="L2596" s="237">
        <f t="shared" si="611"/>
        <v>219.37910636912852</v>
      </c>
      <c r="M2596" s="236">
        <f t="shared" si="607"/>
        <v>40.24453529774479</v>
      </c>
      <c r="N2596" s="236">
        <f t="shared" si="608"/>
        <v>0.4643887354956226</v>
      </c>
      <c r="O2596" s="236">
        <f t="shared" si="612"/>
        <v>2.0654000566498931</v>
      </c>
      <c r="P2596" s="236" t="str">
        <f t="shared" si="613"/>
        <v>SAND</v>
      </c>
      <c r="Q2596" s="236" t="e">
        <f t="shared" si="609"/>
        <v>#N/A</v>
      </c>
      <c r="R2596" s="238">
        <v>35</v>
      </c>
      <c r="S2596" s="236" t="e">
        <f t="shared" si="614"/>
        <v>#N/A</v>
      </c>
      <c r="T2596" s="236">
        <f t="shared" si="600"/>
        <v>35.251776086705554</v>
      </c>
    </row>
    <row r="2597" spans="1:20" x14ac:dyDescent="0.2">
      <c r="A2597" s="53">
        <f t="shared" si="601"/>
        <v>2585</v>
      </c>
      <c r="B2597" s="239">
        <v>25.907</v>
      </c>
      <c r="C2597" s="3">
        <f t="shared" si="602"/>
        <v>25.9</v>
      </c>
      <c r="D2597" s="239">
        <v>9.4440000000000008</v>
      </c>
      <c r="E2597" s="239">
        <v>4.2500000000000003E-2</v>
      </c>
      <c r="F2597" s="239">
        <v>0.1447</v>
      </c>
      <c r="G2597">
        <f t="shared" si="603"/>
        <v>9.4729400000000012</v>
      </c>
      <c r="H2597" s="235">
        <f t="shared" si="604"/>
        <v>0.44864635477475839</v>
      </c>
      <c r="I2597" s="236">
        <f t="shared" si="605"/>
        <v>18.519929473427815</v>
      </c>
      <c r="J2597" s="237">
        <f t="shared" si="610"/>
        <v>8.5199294734278155</v>
      </c>
      <c r="K2597" s="237">
        <f t="shared" si="606"/>
        <v>479.66617336178041</v>
      </c>
      <c r="L2597" s="237">
        <f t="shared" si="611"/>
        <v>220.72581286809441</v>
      </c>
      <c r="M2597" s="236">
        <f t="shared" si="607"/>
        <v>40.744096532164974</v>
      </c>
      <c r="N2597" s="236">
        <f t="shared" si="608"/>
        <v>0.47257540267610137</v>
      </c>
      <c r="O2597" s="236">
        <f t="shared" si="612"/>
        <v>2.0638405756333671</v>
      </c>
      <c r="P2597" s="236" t="str">
        <f t="shared" si="613"/>
        <v>SAND</v>
      </c>
      <c r="Q2597" s="236" t="e">
        <f t="shared" si="609"/>
        <v>#N/A</v>
      </c>
      <c r="R2597" s="238">
        <v>35</v>
      </c>
      <c r="S2597" s="236" t="e">
        <f t="shared" si="614"/>
        <v>#N/A</v>
      </c>
      <c r="T2597" s="236">
        <f t="shared" si="600"/>
        <v>35.310711613244834</v>
      </c>
    </row>
    <row r="2598" spans="1:20" x14ac:dyDescent="0.2">
      <c r="A2598" s="53">
        <f t="shared" si="601"/>
        <v>2586</v>
      </c>
      <c r="B2598" s="239">
        <v>25.916</v>
      </c>
      <c r="C2598" s="3">
        <f t="shared" si="602"/>
        <v>25.908999999999999</v>
      </c>
      <c r="D2598" s="239">
        <v>9.5671999999999997</v>
      </c>
      <c r="E2598" s="239">
        <v>4.4299999999999999E-2</v>
      </c>
      <c r="F2598" s="239">
        <v>0.13239999999999999</v>
      </c>
      <c r="G2598">
        <f t="shared" si="603"/>
        <v>9.5936799999999991</v>
      </c>
      <c r="H2598" s="235">
        <f t="shared" si="604"/>
        <v>0.46176232686518626</v>
      </c>
      <c r="I2598" s="236">
        <f t="shared" si="605"/>
        <v>18.573519820701669</v>
      </c>
      <c r="J2598" s="237">
        <f t="shared" si="610"/>
        <v>8.5735198207016694</v>
      </c>
      <c r="K2598" s="237">
        <f t="shared" si="606"/>
        <v>481.22132503455953</v>
      </c>
      <c r="L2598" s="237">
        <f t="shared" si="611"/>
        <v>222.19133967330447</v>
      </c>
      <c r="M2598" s="236">
        <f t="shared" si="607"/>
        <v>41.011763502411029</v>
      </c>
      <c r="N2598" s="236">
        <f t="shared" si="608"/>
        <v>0.4861476093351722</v>
      </c>
      <c r="O2598" s="236">
        <f t="shared" si="612"/>
        <v>2.0666440264506929</v>
      </c>
      <c r="P2598" s="236" t="str">
        <f t="shared" si="613"/>
        <v>SAND</v>
      </c>
      <c r="Q2598" s="236" t="e">
        <f t="shared" si="609"/>
        <v>#N/A</v>
      </c>
      <c r="R2598" s="238">
        <v>35</v>
      </c>
      <c r="S2598" s="236" t="e">
        <f t="shared" si="614"/>
        <v>#N/A</v>
      </c>
      <c r="T2598" s="236">
        <f t="shared" si="600"/>
        <v>35.34199288747061</v>
      </c>
    </row>
    <row r="2599" spans="1:20" x14ac:dyDescent="0.2">
      <c r="A2599" s="53">
        <f t="shared" si="601"/>
        <v>2587</v>
      </c>
      <c r="B2599" s="239">
        <v>25.925999999999998</v>
      </c>
      <c r="C2599" s="3">
        <f t="shared" si="602"/>
        <v>25.918999999999997</v>
      </c>
      <c r="D2599" s="239">
        <v>9.7114999999999991</v>
      </c>
      <c r="E2599" s="239">
        <v>4.7600000000000003E-2</v>
      </c>
      <c r="F2599" s="239">
        <v>0.1241</v>
      </c>
      <c r="G2599">
        <f t="shared" si="603"/>
        <v>9.7363199999999992</v>
      </c>
      <c r="H2599" s="235">
        <f t="shared" si="604"/>
        <v>0.48889107999737075</v>
      </c>
      <c r="I2599" s="236">
        <f t="shared" si="605"/>
        <v>18.663537182054096</v>
      </c>
      <c r="J2599" s="237">
        <f t="shared" si="610"/>
        <v>8.6635371820540961</v>
      </c>
      <c r="K2599" s="237">
        <f t="shared" si="606"/>
        <v>483.74022022166008</v>
      </c>
      <c r="L2599" s="237">
        <f t="shared" si="611"/>
        <v>224.61086498193447</v>
      </c>
      <c r="M2599" s="236">
        <f t="shared" si="607"/>
        <v>41.193821058133267</v>
      </c>
      <c r="N2599" s="236">
        <f t="shared" si="608"/>
        <v>0.51445111669321197</v>
      </c>
      <c r="O2599" s="236">
        <f t="shared" si="612"/>
        <v>2.0758251076386709</v>
      </c>
      <c r="P2599" s="236" t="str">
        <f t="shared" si="613"/>
        <v>SAND</v>
      </c>
      <c r="Q2599" s="236" t="e">
        <f t="shared" si="609"/>
        <v>#N/A</v>
      </c>
      <c r="R2599" s="238">
        <v>35</v>
      </c>
      <c r="S2599" s="236" t="e">
        <f t="shared" si="614"/>
        <v>#N/A</v>
      </c>
      <c r="T2599" s="236">
        <f t="shared" si="600"/>
        <v>35.36315285943153</v>
      </c>
    </row>
    <row r="2600" spans="1:20" x14ac:dyDescent="0.2">
      <c r="A2600" s="53">
        <f t="shared" si="601"/>
        <v>2588</v>
      </c>
      <c r="B2600" s="239">
        <v>25.936</v>
      </c>
      <c r="C2600" s="3">
        <f t="shared" si="602"/>
        <v>25.928999999999998</v>
      </c>
      <c r="D2600" s="239">
        <v>9.8146000000000004</v>
      </c>
      <c r="E2600" s="239">
        <v>5.0900000000000001E-2</v>
      </c>
      <c r="F2600" s="239">
        <v>0.11749999999999999</v>
      </c>
      <c r="G2600">
        <f t="shared" si="603"/>
        <v>9.8381000000000007</v>
      </c>
      <c r="H2600" s="235">
        <f t="shared" si="604"/>
        <v>0.51737632266392897</v>
      </c>
      <c r="I2600" s="236">
        <f t="shared" si="605"/>
        <v>18.746201176085677</v>
      </c>
      <c r="J2600" s="237">
        <f t="shared" si="610"/>
        <v>8.7462011760856768</v>
      </c>
      <c r="K2600" s="237">
        <f t="shared" si="606"/>
        <v>486.0702502947255</v>
      </c>
      <c r="L2600" s="237">
        <f t="shared" si="611"/>
        <v>226.84147370295813</v>
      </c>
      <c r="M2600" s="236">
        <f t="shared" si="607"/>
        <v>41.227160082514132</v>
      </c>
      <c r="N2600" s="236">
        <f t="shared" si="608"/>
        <v>0.54426687427511755</v>
      </c>
      <c r="O2600" s="236">
        <f t="shared" si="612"/>
        <v>2.0866051231847225</v>
      </c>
      <c r="P2600" s="236" t="str">
        <f t="shared" si="613"/>
        <v>SAND</v>
      </c>
      <c r="Q2600" s="236" t="e">
        <f t="shared" si="609"/>
        <v>#N/A</v>
      </c>
      <c r="R2600" s="238">
        <v>35</v>
      </c>
      <c r="S2600" s="236" t="e">
        <f t="shared" si="614"/>
        <v>#N/A</v>
      </c>
      <c r="T2600" s="236">
        <f t="shared" si="600"/>
        <v>35.367017615808109</v>
      </c>
    </row>
    <row r="2601" spans="1:20" x14ac:dyDescent="0.2">
      <c r="A2601" s="53">
        <f t="shared" si="601"/>
        <v>2589</v>
      </c>
      <c r="B2601" s="239">
        <v>25.945</v>
      </c>
      <c r="C2601" s="3">
        <f t="shared" si="602"/>
        <v>25.937999999999999</v>
      </c>
      <c r="D2601" s="239">
        <v>9.8203999999999994</v>
      </c>
      <c r="E2601" s="239">
        <v>4.8800000000000003E-2</v>
      </c>
      <c r="F2601" s="239">
        <v>0.1234</v>
      </c>
      <c r="G2601">
        <f t="shared" si="603"/>
        <v>9.8450799999999994</v>
      </c>
      <c r="H2601" s="235">
        <f t="shared" si="604"/>
        <v>0.49567905999748102</v>
      </c>
      <c r="I2601" s="236">
        <f t="shared" si="605"/>
        <v>18.69707389835423</v>
      </c>
      <c r="J2601" s="237">
        <f t="shared" si="610"/>
        <v>8.6970738983542297</v>
      </c>
      <c r="K2601" s="237">
        <f t="shared" si="606"/>
        <v>484.96470277551197</v>
      </c>
      <c r="L2601" s="237">
        <f t="shared" si="611"/>
        <v>225.6455822928005</v>
      </c>
      <c r="M2601" s="236">
        <f t="shared" si="607"/>
        <v>41.481491470454252</v>
      </c>
      <c r="N2601" s="236">
        <f t="shared" si="608"/>
        <v>0.52136109920003282</v>
      </c>
      <c r="O2601" s="236">
        <f t="shared" si="612"/>
        <v>2.0757341496939037</v>
      </c>
      <c r="P2601" s="236" t="str">
        <f t="shared" si="613"/>
        <v>SAND</v>
      </c>
      <c r="Q2601" s="236" t="e">
        <f t="shared" si="609"/>
        <v>#N/A</v>
      </c>
      <c r="R2601" s="238">
        <v>35</v>
      </c>
      <c r="S2601" s="236" t="e">
        <f t="shared" si="614"/>
        <v>#N/A</v>
      </c>
      <c r="T2601" s="236">
        <f t="shared" si="600"/>
        <v>35.39639799400895</v>
      </c>
    </row>
    <row r="2602" spans="1:20" x14ac:dyDescent="0.2">
      <c r="A2602" s="53">
        <f t="shared" si="601"/>
        <v>2590</v>
      </c>
      <c r="B2602" s="239">
        <v>25.954999999999998</v>
      </c>
      <c r="C2602" s="3">
        <f t="shared" si="602"/>
        <v>25.947999999999997</v>
      </c>
      <c r="D2602" s="239">
        <v>9.7608999999999995</v>
      </c>
      <c r="E2602" s="239">
        <v>4.7600000000000003E-2</v>
      </c>
      <c r="F2602" s="239">
        <v>0.1163</v>
      </c>
      <c r="G2602">
        <f t="shared" si="603"/>
        <v>9.78416</v>
      </c>
      <c r="H2602" s="235">
        <f t="shared" si="604"/>
        <v>0.4865006295890501</v>
      </c>
      <c r="I2602" s="236">
        <f t="shared" si="605"/>
        <v>18.665453018206662</v>
      </c>
      <c r="J2602" s="237">
        <f t="shared" si="610"/>
        <v>8.6654530182066623</v>
      </c>
      <c r="K2602" s="237">
        <f t="shared" si="606"/>
        <v>484.33117491642639</v>
      </c>
      <c r="L2602" s="237">
        <f t="shared" si="611"/>
        <v>224.9118330875539</v>
      </c>
      <c r="M2602" s="236">
        <f t="shared" si="607"/>
        <v>41.348775195226509</v>
      </c>
      <c r="N2602" s="236">
        <f t="shared" si="608"/>
        <v>0.51183737781939487</v>
      </c>
      <c r="O2602" s="236">
        <f t="shared" si="612"/>
        <v>2.0733757446018317</v>
      </c>
      <c r="P2602" s="236" t="str">
        <f t="shared" si="613"/>
        <v>SAND</v>
      </c>
      <c r="Q2602" s="236" t="e">
        <f t="shared" si="609"/>
        <v>#N/A</v>
      </c>
      <c r="R2602" s="238">
        <v>35</v>
      </c>
      <c r="S2602" s="236" t="e">
        <f t="shared" si="614"/>
        <v>#N/A</v>
      </c>
      <c r="T2602" s="236">
        <f t="shared" si="600"/>
        <v>35.381089146796981</v>
      </c>
    </row>
    <row r="2603" spans="1:20" x14ac:dyDescent="0.2">
      <c r="A2603" s="53">
        <f t="shared" si="601"/>
        <v>2591</v>
      </c>
      <c r="B2603" s="239">
        <v>25.966000000000001</v>
      </c>
      <c r="C2603" s="3">
        <f t="shared" si="602"/>
        <v>25.959</v>
      </c>
      <c r="D2603" s="239">
        <v>9.6876999999999995</v>
      </c>
      <c r="E2603" s="239">
        <v>5.0299999999999997E-2</v>
      </c>
      <c r="F2603" s="239">
        <v>0.123</v>
      </c>
      <c r="G2603">
        <f t="shared" si="603"/>
        <v>9.712299999999999</v>
      </c>
      <c r="H2603" s="235">
        <f t="shared" si="604"/>
        <v>0.51789998249642211</v>
      </c>
      <c r="I2603" s="236">
        <f t="shared" si="605"/>
        <v>18.72726649387787</v>
      </c>
      <c r="J2603" s="237">
        <f t="shared" si="610"/>
        <v>8.7272664938778703</v>
      </c>
      <c r="K2603" s="237">
        <f t="shared" si="606"/>
        <v>486.14111091457562</v>
      </c>
      <c r="L2603" s="237">
        <f t="shared" si="611"/>
        <v>226.61220178003279</v>
      </c>
      <c r="M2603" s="236">
        <f t="shared" si="607"/>
        <v>40.713425034548855</v>
      </c>
      <c r="N2603" s="236">
        <f t="shared" si="608"/>
        <v>0.5451889633019984</v>
      </c>
      <c r="O2603" s="236">
        <f t="shared" si="612"/>
        <v>2.0917835262339755</v>
      </c>
      <c r="P2603" s="236" t="str">
        <f t="shared" si="613"/>
        <v>SAND</v>
      </c>
      <c r="Q2603" s="236" t="e">
        <f t="shared" si="609"/>
        <v>#N/A</v>
      </c>
      <c r="R2603" s="238">
        <v>35</v>
      </c>
      <c r="S2603" s="236" t="e">
        <f t="shared" si="614"/>
        <v>#N/A</v>
      </c>
      <c r="T2603" s="236">
        <f t="shared" si="600"/>
        <v>35.307114030408115</v>
      </c>
    </row>
    <row r="2604" spans="1:20" x14ac:dyDescent="0.2">
      <c r="A2604" s="53">
        <f t="shared" si="601"/>
        <v>2592</v>
      </c>
      <c r="B2604" s="239">
        <v>25.975000000000001</v>
      </c>
      <c r="C2604" s="3">
        <f t="shared" si="602"/>
        <v>25.968</v>
      </c>
      <c r="D2604" s="239">
        <v>9.5629000000000008</v>
      </c>
      <c r="E2604" s="239">
        <v>5.3600000000000002E-2</v>
      </c>
      <c r="F2604" s="239">
        <v>0.1157</v>
      </c>
      <c r="G2604">
        <f t="shared" si="603"/>
        <v>9.5860400000000006</v>
      </c>
      <c r="H2604" s="235">
        <f t="shared" si="604"/>
        <v>0.55914642542697501</v>
      </c>
      <c r="I2604" s="236">
        <f t="shared" si="605"/>
        <v>18.796663299722578</v>
      </c>
      <c r="J2604" s="237">
        <f t="shared" si="610"/>
        <v>8.796663299722578</v>
      </c>
      <c r="K2604" s="237">
        <f t="shared" si="606"/>
        <v>488.11175256719588</v>
      </c>
      <c r="L2604" s="237">
        <f t="shared" si="611"/>
        <v>228.49332921029398</v>
      </c>
      <c r="M2604" s="236">
        <f t="shared" si="607"/>
        <v>39.817040956410246</v>
      </c>
      <c r="N2604" s="236">
        <f t="shared" si="608"/>
        <v>0.58914511680309756</v>
      </c>
      <c r="O2604" s="236">
        <f t="shared" si="612"/>
        <v>2.1159352969876566</v>
      </c>
      <c r="P2604" s="236" t="str">
        <f t="shared" si="613"/>
        <v>SAND</v>
      </c>
      <c r="Q2604" s="236" t="e">
        <f t="shared" si="609"/>
        <v>#N/A</v>
      </c>
      <c r="R2604" s="238">
        <v>35</v>
      </c>
      <c r="S2604" s="236" t="e">
        <f t="shared" si="614"/>
        <v>#N/A</v>
      </c>
      <c r="T2604" s="236">
        <f t="shared" si="600"/>
        <v>35.200758800435914</v>
      </c>
    </row>
    <row r="2605" spans="1:20" x14ac:dyDescent="0.2">
      <c r="A2605" s="53">
        <f t="shared" si="601"/>
        <v>2593</v>
      </c>
      <c r="B2605" s="239">
        <v>25.984000000000002</v>
      </c>
      <c r="C2605" s="3">
        <f t="shared" si="602"/>
        <v>25.977</v>
      </c>
      <c r="D2605" s="239">
        <v>9.4146000000000001</v>
      </c>
      <c r="E2605" s="239">
        <v>5.9400000000000001E-2</v>
      </c>
      <c r="F2605" s="239">
        <v>0.1138</v>
      </c>
      <c r="G2605">
        <f t="shared" si="603"/>
        <v>9.43736</v>
      </c>
      <c r="H2605" s="235">
        <f t="shared" si="604"/>
        <v>0.6294133105020896</v>
      </c>
      <c r="I2605" s="236">
        <f t="shared" si="605"/>
        <v>18.911031925699472</v>
      </c>
      <c r="J2605" s="237">
        <f t="shared" si="610"/>
        <v>8.9110319256994721</v>
      </c>
      <c r="K2605" s="237">
        <f t="shared" si="606"/>
        <v>491.25187633389521</v>
      </c>
      <c r="L2605" s="237">
        <f t="shared" si="611"/>
        <v>231.5442535573751</v>
      </c>
      <c r="M2605" s="236">
        <f t="shared" si="607"/>
        <v>38.636709770252708</v>
      </c>
      <c r="N2605" s="236">
        <f t="shared" si="608"/>
        <v>0.66397587843659944</v>
      </c>
      <c r="O2605" s="236">
        <f t="shared" si="612"/>
        <v>2.1521547133552321</v>
      </c>
      <c r="P2605" s="236" t="str">
        <f t="shared" si="613"/>
        <v>SAND</v>
      </c>
      <c r="Q2605" s="236" t="e">
        <f t="shared" si="609"/>
        <v>#N/A</v>
      </c>
      <c r="R2605" s="238">
        <v>35</v>
      </c>
      <c r="S2605" s="236" t="e">
        <f t="shared" si="614"/>
        <v>#N/A</v>
      </c>
      <c r="T2605" s="236">
        <f t="shared" si="600"/>
        <v>35.057001491759124</v>
      </c>
    </row>
    <row r="2606" spans="1:20" x14ac:dyDescent="0.2">
      <c r="A2606" s="53">
        <f t="shared" si="601"/>
        <v>2594</v>
      </c>
      <c r="B2606" s="239">
        <v>25.994</v>
      </c>
      <c r="C2606" s="3">
        <f t="shared" si="602"/>
        <v>25.986999999999998</v>
      </c>
      <c r="D2606" s="239">
        <v>9.2157</v>
      </c>
      <c r="E2606" s="239">
        <v>6.3399999999999998E-2</v>
      </c>
      <c r="F2606" s="239">
        <v>0.1221</v>
      </c>
      <c r="G2606">
        <f t="shared" si="603"/>
        <v>9.2401199999999992</v>
      </c>
      <c r="H2606" s="235">
        <f t="shared" si="604"/>
        <v>0.68613827526049442</v>
      </c>
      <c r="I2606" s="236">
        <f t="shared" si="605"/>
        <v>18.97919390089757</v>
      </c>
      <c r="J2606" s="237">
        <f t="shared" si="610"/>
        <v>8.9791939008975703</v>
      </c>
      <c r="K2606" s="237">
        <f t="shared" si="606"/>
        <v>493.21231190262512</v>
      </c>
      <c r="L2606" s="237">
        <f t="shared" si="611"/>
        <v>233.40516625993143</v>
      </c>
      <c r="M2606" s="236">
        <f t="shared" si="607"/>
        <v>37.475210288860481</v>
      </c>
      <c r="N2606" s="236">
        <f t="shared" si="608"/>
        <v>0.72482758776880107</v>
      </c>
      <c r="O2606" s="236">
        <f t="shared" si="612"/>
        <v>2.1823596309055135</v>
      </c>
      <c r="P2606" s="236" t="str">
        <f t="shared" si="613"/>
        <v>SAND</v>
      </c>
      <c r="Q2606" s="236" t="e">
        <f t="shared" si="609"/>
        <v>#N/A</v>
      </c>
      <c r="R2606" s="238">
        <v>35</v>
      </c>
      <c r="S2606" s="236" t="e">
        <f t="shared" si="614"/>
        <v>#N/A</v>
      </c>
      <c r="T2606" s="236">
        <f t="shared" si="600"/>
        <v>34.911184863858651</v>
      </c>
    </row>
    <row r="2607" spans="1:20" x14ac:dyDescent="0.2">
      <c r="A2607" s="53">
        <f t="shared" si="601"/>
        <v>2595</v>
      </c>
      <c r="B2607" s="239">
        <v>26.004000000000001</v>
      </c>
      <c r="C2607" s="3">
        <f t="shared" si="602"/>
        <v>25.997</v>
      </c>
      <c r="D2607" s="239">
        <v>9.0464000000000002</v>
      </c>
      <c r="E2607" s="239">
        <v>6.4299999999999996E-2</v>
      </c>
      <c r="F2607" s="239">
        <v>0.13370000000000001</v>
      </c>
      <c r="G2607">
        <f t="shared" si="603"/>
        <v>9.0731400000000004</v>
      </c>
      <c r="H2607" s="235">
        <f t="shared" si="604"/>
        <v>0.70868519608426628</v>
      </c>
      <c r="I2607" s="236">
        <f t="shared" si="605"/>
        <v>18.988594532223896</v>
      </c>
      <c r="J2607" s="237">
        <f t="shared" si="610"/>
        <v>8.988594532223896</v>
      </c>
      <c r="K2607" s="237">
        <f t="shared" si="606"/>
        <v>493.64649205422461</v>
      </c>
      <c r="L2607" s="237">
        <f t="shared" si="611"/>
        <v>233.73941221595021</v>
      </c>
      <c r="M2607" s="236">
        <f t="shared" si="607"/>
        <v>36.705378124332938</v>
      </c>
      <c r="N2607" s="236">
        <f t="shared" si="608"/>
        <v>0.7494614914091311</v>
      </c>
      <c r="O2607" s="236">
        <f t="shared" si="612"/>
        <v>2.19739186018891</v>
      </c>
      <c r="P2607" s="236" t="str">
        <f t="shared" si="613"/>
        <v>SAND</v>
      </c>
      <c r="Q2607" s="236" t="e">
        <f t="shared" si="609"/>
        <v>#N/A</v>
      </c>
      <c r="R2607" s="238">
        <v>35</v>
      </c>
      <c r="S2607" s="236" t="e">
        <f t="shared" si="614"/>
        <v>#N/A</v>
      </c>
      <c r="T2607" s="236">
        <f t="shared" si="600"/>
        <v>34.812026725971336</v>
      </c>
    </row>
    <row r="2608" spans="1:20" x14ac:dyDescent="0.2">
      <c r="A2608" s="53">
        <f t="shared" si="601"/>
        <v>2596</v>
      </c>
      <c r="B2608" s="239">
        <v>26.013999999999999</v>
      </c>
      <c r="C2608" s="3">
        <f t="shared" si="602"/>
        <v>26.006999999999998</v>
      </c>
      <c r="D2608" s="239">
        <v>8.8462999999999994</v>
      </c>
      <c r="E2608" s="239">
        <v>6.4000000000000001E-2</v>
      </c>
      <c r="F2608" s="239">
        <v>0.1361</v>
      </c>
      <c r="G2608">
        <f t="shared" si="603"/>
        <v>8.8735199999999992</v>
      </c>
      <c r="H2608" s="235">
        <f t="shared" si="604"/>
        <v>0.72124703612546104</v>
      </c>
      <c r="I2608" s="236">
        <f t="shared" si="605"/>
        <v>18.974415323384768</v>
      </c>
      <c r="J2608" s="237">
        <f t="shared" si="610"/>
        <v>8.9744153233847683</v>
      </c>
      <c r="K2608" s="237">
        <f t="shared" si="606"/>
        <v>493.46761931526765</v>
      </c>
      <c r="L2608" s="237">
        <f t="shared" si="611"/>
        <v>233.46044022253136</v>
      </c>
      <c r="M2608" s="236">
        <f t="shared" si="607"/>
        <v>35.894956647460177</v>
      </c>
      <c r="N2608" s="236">
        <f t="shared" si="608"/>
        <v>0.7637183766000587</v>
      </c>
      <c r="O2608" s="236">
        <f t="shared" si="612"/>
        <v>2.2098775273013507</v>
      </c>
      <c r="P2608" s="236" t="str">
        <f t="shared" si="613"/>
        <v>SAND</v>
      </c>
      <c r="Q2608" s="236" t="e">
        <f t="shared" si="609"/>
        <v>#N/A</v>
      </c>
      <c r="R2608" s="238">
        <v>35</v>
      </c>
      <c r="S2608" s="236" t="e">
        <f t="shared" si="614"/>
        <v>#N/A</v>
      </c>
      <c r="T2608" s="236">
        <f t="shared" si="600"/>
        <v>34.705367764599004</v>
      </c>
    </row>
    <row r="2609" spans="1:21" x14ac:dyDescent="0.2">
      <c r="A2609" s="53">
        <f t="shared" si="601"/>
        <v>2597</v>
      </c>
      <c r="B2609" s="239">
        <v>26.024000000000001</v>
      </c>
      <c r="C2609" s="3">
        <f t="shared" si="602"/>
        <v>26.016999999999999</v>
      </c>
      <c r="D2609" s="239">
        <v>8.6209000000000007</v>
      </c>
      <c r="E2609" s="239">
        <v>6.5000000000000002E-2</v>
      </c>
      <c r="F2609" s="239">
        <v>0.14710000000000001</v>
      </c>
      <c r="G2609">
        <f t="shared" si="603"/>
        <v>8.6503200000000007</v>
      </c>
      <c r="H2609" s="235">
        <f t="shared" si="604"/>
        <v>0.75141728860897627</v>
      </c>
      <c r="I2609" s="236">
        <f t="shared" si="605"/>
        <v>18.982638073515986</v>
      </c>
      <c r="J2609" s="237">
        <f t="shared" si="610"/>
        <v>8.9826380735159859</v>
      </c>
      <c r="K2609" s="237">
        <f t="shared" si="606"/>
        <v>493.87129475866539</v>
      </c>
      <c r="L2609" s="237">
        <f t="shared" si="611"/>
        <v>233.76417322518003</v>
      </c>
      <c r="M2609" s="236">
        <f t="shared" si="607"/>
        <v>34.891782571764764</v>
      </c>
      <c r="N2609" s="236">
        <f t="shared" si="608"/>
        <v>0.79691545118442275</v>
      </c>
      <c r="O2609" s="236">
        <f t="shared" si="612"/>
        <v>2.2297895542126671</v>
      </c>
      <c r="P2609" s="236" t="str">
        <f t="shared" si="613"/>
        <v>SAND</v>
      </c>
      <c r="Q2609" s="236" t="e">
        <f t="shared" si="609"/>
        <v>#N/A</v>
      </c>
      <c r="R2609" s="238">
        <v>35</v>
      </c>
      <c r="S2609" s="236" t="e">
        <f t="shared" si="614"/>
        <v>#N/A</v>
      </c>
      <c r="T2609" s="236">
        <f t="shared" si="600"/>
        <v>34.569954732555139</v>
      </c>
    </row>
    <row r="2610" spans="1:21" x14ac:dyDescent="0.2">
      <c r="A2610" s="53">
        <f t="shared" si="601"/>
        <v>2598</v>
      </c>
      <c r="B2610" s="239">
        <v>26.033000000000001</v>
      </c>
      <c r="C2610" s="3">
        <f t="shared" si="602"/>
        <v>26.026</v>
      </c>
      <c r="D2610" s="239">
        <v>8.4298000000000002</v>
      </c>
      <c r="E2610" s="239">
        <v>6.7100000000000007E-2</v>
      </c>
      <c r="F2610" s="239">
        <v>0.1532</v>
      </c>
      <c r="G2610">
        <f t="shared" si="603"/>
        <v>8.4604400000000002</v>
      </c>
      <c r="H2610" s="235">
        <f t="shared" si="604"/>
        <v>0.79310295918415596</v>
      </c>
      <c r="I2610" s="236">
        <f t="shared" si="605"/>
        <v>19.011247513723141</v>
      </c>
      <c r="J2610" s="237">
        <f t="shared" si="610"/>
        <v>9.0112475137231414</v>
      </c>
      <c r="K2610" s="237">
        <f t="shared" si="606"/>
        <v>494.7867277921585</v>
      </c>
      <c r="L2610" s="237">
        <f t="shared" si="611"/>
        <v>234.58980652475455</v>
      </c>
      <c r="M2610" s="236">
        <f t="shared" si="607"/>
        <v>33.955666660082628</v>
      </c>
      <c r="N2610" s="236">
        <f t="shared" si="608"/>
        <v>0.84236656689680256</v>
      </c>
      <c r="O2610" s="236">
        <f t="shared" si="612"/>
        <v>2.252162089453885</v>
      </c>
      <c r="P2610" s="236" t="str">
        <f t="shared" si="613"/>
        <v>SAND</v>
      </c>
      <c r="Q2610" s="236" t="e">
        <f t="shared" si="609"/>
        <v>#N/A</v>
      </c>
      <c r="R2610" s="238">
        <v>35</v>
      </c>
      <c r="S2610" s="236" t="e">
        <f t="shared" si="614"/>
        <v>#N/A</v>
      </c>
      <c r="T2610" s="236">
        <f t="shared" si="600"/>
        <v>34.440034876483267</v>
      </c>
    </row>
    <row r="2611" spans="1:21" x14ac:dyDescent="0.2">
      <c r="A2611" s="53">
        <f t="shared" si="601"/>
        <v>2599</v>
      </c>
      <c r="B2611" s="239">
        <v>26.042999999999999</v>
      </c>
      <c r="C2611" s="3">
        <f t="shared" si="602"/>
        <v>26.035999999999998</v>
      </c>
      <c r="D2611" s="239">
        <v>8.2354000000000003</v>
      </c>
      <c r="E2611" s="239">
        <v>6.8500000000000005E-2</v>
      </c>
      <c r="F2611" s="239">
        <v>0.15820000000000001</v>
      </c>
      <c r="G2611">
        <f t="shared" si="603"/>
        <v>8.2670399999999997</v>
      </c>
      <c r="H2611" s="235">
        <f t="shared" si="604"/>
        <v>0.8285916119917166</v>
      </c>
      <c r="I2611" s="236">
        <f t="shared" si="605"/>
        <v>19.026422632478617</v>
      </c>
      <c r="J2611" s="237">
        <f t="shared" si="610"/>
        <v>9.0264226324786172</v>
      </c>
      <c r="K2611" s="237">
        <f t="shared" si="606"/>
        <v>495.37193965921324</v>
      </c>
      <c r="L2611" s="237">
        <f t="shared" si="611"/>
        <v>235.07512461764063</v>
      </c>
      <c r="M2611" s="236">
        <f t="shared" si="607"/>
        <v>33.06035920636743</v>
      </c>
      <c r="N2611" s="236">
        <f t="shared" si="608"/>
        <v>0.8814066615834889</v>
      </c>
      <c r="O2611" s="236">
        <f t="shared" si="612"/>
        <v>2.2721876773438106</v>
      </c>
      <c r="P2611" s="236" t="str">
        <f t="shared" si="613"/>
        <v>SAND</v>
      </c>
      <c r="Q2611" s="236" t="e">
        <f t="shared" si="609"/>
        <v>#N/A</v>
      </c>
      <c r="R2611" s="238">
        <v>35</v>
      </c>
      <c r="S2611" s="236" t="e">
        <f t="shared" si="614"/>
        <v>#N/A</v>
      </c>
      <c r="T2611" s="236">
        <f t="shared" si="600"/>
        <v>34.312383247380801</v>
      </c>
    </row>
    <row r="2612" spans="1:21" x14ac:dyDescent="0.2">
      <c r="A2612" s="53">
        <f t="shared" si="601"/>
        <v>2600</v>
      </c>
      <c r="B2612" s="239">
        <v>26.052</v>
      </c>
      <c r="C2612" s="3">
        <f t="shared" si="602"/>
        <v>26.044999999999998</v>
      </c>
      <c r="D2612" s="239">
        <v>8.0844000000000005</v>
      </c>
      <c r="E2612" s="239">
        <v>6.93E-2</v>
      </c>
      <c r="F2612" s="239">
        <v>0.16300000000000001</v>
      </c>
      <c r="G2612">
        <f t="shared" si="603"/>
        <v>8.1170000000000009</v>
      </c>
      <c r="H2612" s="235">
        <f t="shared" si="604"/>
        <v>0.85376370580263639</v>
      </c>
      <c r="I2612" s="236">
        <f t="shared" si="605"/>
        <v>19.032878779204761</v>
      </c>
      <c r="J2612" s="237">
        <f t="shared" si="610"/>
        <v>9.0328787792047613</v>
      </c>
      <c r="K2612" s="237">
        <f t="shared" si="606"/>
        <v>495.71132780438796</v>
      </c>
      <c r="L2612" s="237">
        <f t="shared" si="611"/>
        <v>235.32455795584244</v>
      </c>
      <c r="M2612" s="236">
        <f t="shared" si="607"/>
        <v>32.386287000380605</v>
      </c>
      <c r="N2612" s="236">
        <f t="shared" si="608"/>
        <v>0.90929504156985819</v>
      </c>
      <c r="O2612" s="236">
        <f t="shared" si="612"/>
        <v>2.286816442559124</v>
      </c>
      <c r="P2612" s="236" t="str">
        <f t="shared" si="613"/>
        <v>SAND</v>
      </c>
      <c r="Q2612" s="236" t="e">
        <f t="shared" si="609"/>
        <v>#N/A</v>
      </c>
      <c r="R2612" s="238">
        <v>35</v>
      </c>
      <c r="S2612" s="236" t="e">
        <f t="shared" si="614"/>
        <v>#N/A</v>
      </c>
      <c r="T2612" s="236">
        <f t="shared" si="600"/>
        <v>34.213972762027737</v>
      </c>
    </row>
    <row r="2613" spans="1:21" x14ac:dyDescent="0.2">
      <c r="A2613" s="53">
        <f t="shared" si="601"/>
        <v>2601</v>
      </c>
      <c r="B2613" s="239">
        <v>26.061</v>
      </c>
      <c r="C2613" s="3">
        <f t="shared" si="602"/>
        <v>26.053999999999998</v>
      </c>
      <c r="D2613" s="239">
        <v>7.9631999999999996</v>
      </c>
      <c r="E2613" s="239">
        <v>7.0800000000000002E-2</v>
      </c>
      <c r="F2613" s="239">
        <v>0.17169999999999999</v>
      </c>
      <c r="G2613">
        <f t="shared" si="603"/>
        <v>7.9975399999999999</v>
      </c>
      <c r="H2613" s="235">
        <f t="shared" si="604"/>
        <v>0.88527222120802151</v>
      </c>
      <c r="I2613" s="236">
        <f t="shared" si="605"/>
        <v>19.052193628956591</v>
      </c>
      <c r="J2613" s="237">
        <f t="shared" si="610"/>
        <v>9.0521936289565907</v>
      </c>
      <c r="K2613" s="237">
        <f t="shared" si="606"/>
        <v>496.38585280883501</v>
      </c>
      <c r="L2613" s="237">
        <f t="shared" si="611"/>
        <v>235.9092181642377</v>
      </c>
      <c r="M2613" s="236">
        <f t="shared" si="607"/>
        <v>31.796782701254745</v>
      </c>
      <c r="N2613" s="236">
        <f t="shared" si="608"/>
        <v>0.94385475369162108</v>
      </c>
      <c r="O2613" s="236">
        <f t="shared" si="612"/>
        <v>2.3020239603097581</v>
      </c>
      <c r="P2613" s="236" t="str">
        <f t="shared" si="613"/>
        <v>SAND</v>
      </c>
      <c r="Q2613" s="236" t="e">
        <f t="shared" si="609"/>
        <v>#N/A</v>
      </c>
      <c r="R2613" s="238">
        <v>35</v>
      </c>
      <c r="S2613" s="236" t="e">
        <f t="shared" si="614"/>
        <v>#N/A</v>
      </c>
      <c r="T2613" s="236">
        <f t="shared" si="600"/>
        <v>34.126214968144325</v>
      </c>
    </row>
    <row r="2614" spans="1:21" x14ac:dyDescent="0.2">
      <c r="A2614" s="53">
        <f t="shared" si="601"/>
        <v>2602</v>
      </c>
      <c r="B2614" s="239">
        <v>26.071999999999999</v>
      </c>
      <c r="C2614" s="3">
        <f t="shared" si="602"/>
        <v>26.064999999999998</v>
      </c>
      <c r="D2614" s="239">
        <v>7.9436</v>
      </c>
      <c r="E2614" s="239">
        <v>7.3700000000000002E-2</v>
      </c>
      <c r="F2614" s="239">
        <v>0.18290000000000001</v>
      </c>
      <c r="G2614">
        <f t="shared" si="603"/>
        <v>7.9801799999999998</v>
      </c>
      <c r="H2614" s="235">
        <f t="shared" si="604"/>
        <v>0.92353806555741846</v>
      </c>
      <c r="I2614" s="236">
        <f t="shared" si="605"/>
        <v>19.098416690222667</v>
      </c>
      <c r="J2614" s="237">
        <f t="shared" si="610"/>
        <v>9.0984166902226669</v>
      </c>
      <c r="K2614" s="237">
        <f t="shared" si="606"/>
        <v>497.80023103065378</v>
      </c>
      <c r="L2614" s="237">
        <f t="shared" si="611"/>
        <v>237.21391994748535</v>
      </c>
      <c r="M2614" s="236">
        <f t="shared" si="607"/>
        <v>31.54275166746455</v>
      </c>
      <c r="N2614" s="236">
        <f t="shared" si="608"/>
        <v>0.98498074510526679</v>
      </c>
      <c r="O2614" s="236">
        <f t="shared" si="612"/>
        <v>2.3146584543661475</v>
      </c>
      <c r="P2614" s="236" t="str">
        <f t="shared" si="613"/>
        <v>SAND</v>
      </c>
      <c r="Q2614" s="236" t="e">
        <f t="shared" si="609"/>
        <v>#N/A</v>
      </c>
      <c r="R2614" s="238">
        <v>35</v>
      </c>
      <c r="S2614" s="236" t="e">
        <f t="shared" si="614"/>
        <v>#N/A</v>
      </c>
      <c r="T2614" s="236">
        <f t="shared" si="600"/>
        <v>34.087895344950965</v>
      </c>
      <c r="U2614" s="230"/>
    </row>
    <row r="2615" spans="1:21" x14ac:dyDescent="0.2">
      <c r="A2615" s="53">
        <f t="shared" si="601"/>
        <v>2603</v>
      </c>
      <c r="B2615" s="239">
        <v>26.081</v>
      </c>
      <c r="C2615" s="3">
        <f t="shared" si="602"/>
        <v>26.073999999999998</v>
      </c>
      <c r="D2615" s="239">
        <v>8.0646000000000004</v>
      </c>
      <c r="E2615" s="239">
        <v>7.7399999999999997E-2</v>
      </c>
      <c r="F2615" s="239">
        <v>0.18840000000000001</v>
      </c>
      <c r="G2615">
        <f t="shared" si="603"/>
        <v>8.1022800000000004</v>
      </c>
      <c r="H2615" s="235">
        <f t="shared" si="604"/>
        <v>0.95528666005124474</v>
      </c>
      <c r="I2615" s="236">
        <f t="shared" si="605"/>
        <v>19.16179017100426</v>
      </c>
      <c r="J2615" s="237">
        <f t="shared" si="610"/>
        <v>9.1617901710042595</v>
      </c>
      <c r="K2615" s="237">
        <f t="shared" si="606"/>
        <v>499.62451691876504</v>
      </c>
      <c r="L2615" s="237">
        <f t="shared" si="611"/>
        <v>238.94864944996209</v>
      </c>
      <c r="M2615" s="236">
        <f t="shared" si="607"/>
        <v>31.817110080269767</v>
      </c>
      <c r="N2615" s="236">
        <f t="shared" si="608"/>
        <v>1.0180653348325999</v>
      </c>
      <c r="O2615" s="236">
        <f t="shared" si="612"/>
        <v>2.319020665679445</v>
      </c>
      <c r="P2615" s="236" t="str">
        <f t="shared" si="613"/>
        <v>SAND</v>
      </c>
      <c r="Q2615" s="236" t="e">
        <f t="shared" si="609"/>
        <v>#N/A</v>
      </c>
      <c r="R2615" s="238">
        <v>35</v>
      </c>
      <c r="S2615" s="236" t="e">
        <f t="shared" si="614"/>
        <v>#N/A</v>
      </c>
      <c r="T2615" s="236">
        <f t="shared" si="600"/>
        <v>34.129268035736153</v>
      </c>
    </row>
    <row r="2616" spans="1:21" x14ac:dyDescent="0.2">
      <c r="A2616" s="53">
        <f t="shared" si="601"/>
        <v>2604</v>
      </c>
      <c r="B2616" s="239">
        <v>26.091999999999999</v>
      </c>
      <c r="C2616" s="3">
        <f t="shared" si="602"/>
        <v>26.084999999999997</v>
      </c>
      <c r="D2616" s="239">
        <v>8.2960999999999991</v>
      </c>
      <c r="E2616" s="239">
        <v>8.1199999999999994E-2</v>
      </c>
      <c r="F2616" s="239">
        <v>0.19969999999999999</v>
      </c>
      <c r="G2616">
        <f t="shared" si="603"/>
        <v>8.3360399999999988</v>
      </c>
      <c r="H2616" s="235">
        <f t="shared" si="604"/>
        <v>0.97408361764099038</v>
      </c>
      <c r="I2616" s="236">
        <f t="shared" si="605"/>
        <v>19.229108144241049</v>
      </c>
      <c r="J2616" s="237">
        <f t="shared" si="610"/>
        <v>9.2291081442410494</v>
      </c>
      <c r="K2616" s="237">
        <f t="shared" si="606"/>
        <v>501.59128594252775</v>
      </c>
      <c r="L2616" s="237">
        <f t="shared" si="611"/>
        <v>240.80588969953746</v>
      </c>
      <c r="M2616" s="236">
        <f t="shared" si="607"/>
        <v>32.534290269365115</v>
      </c>
      <c r="N2616" s="236">
        <f t="shared" si="608"/>
        <v>1.0364481658333098</v>
      </c>
      <c r="O2616" s="236">
        <f t="shared" si="612"/>
        <v>2.314952543994429</v>
      </c>
      <c r="P2616" s="236" t="str">
        <f t="shared" si="613"/>
        <v>SAND</v>
      </c>
      <c r="Q2616" s="236" t="e">
        <f t="shared" si="609"/>
        <v>#N/A</v>
      </c>
      <c r="R2616" s="238">
        <v>35</v>
      </c>
      <c r="S2616" s="236" t="e">
        <f t="shared" si="614"/>
        <v>#N/A</v>
      </c>
      <c r="T2616" s="236">
        <f t="shared" si="600"/>
        <v>34.235754708150552</v>
      </c>
    </row>
    <row r="2617" spans="1:21" x14ac:dyDescent="0.2">
      <c r="A2617" s="53">
        <f t="shared" si="601"/>
        <v>2605</v>
      </c>
      <c r="B2617" s="239">
        <v>26.100999999999999</v>
      </c>
      <c r="C2617" s="3">
        <f t="shared" si="602"/>
        <v>26.093999999999998</v>
      </c>
      <c r="D2617" s="239">
        <v>8.6335999999999995</v>
      </c>
      <c r="E2617" s="239">
        <v>8.4699999999999998E-2</v>
      </c>
      <c r="F2617" s="239">
        <v>0.21190000000000001</v>
      </c>
      <c r="G2617">
        <f t="shared" si="603"/>
        <v>8.6759799999999991</v>
      </c>
      <c r="H2617" s="235">
        <f t="shared" si="604"/>
        <v>0.97625858980772207</v>
      </c>
      <c r="I2617" s="236">
        <f t="shared" si="605"/>
        <v>19.2942149502564</v>
      </c>
      <c r="J2617" s="237">
        <f t="shared" si="610"/>
        <v>9.2942149502564</v>
      </c>
      <c r="K2617" s="237">
        <f t="shared" si="606"/>
        <v>503.46324491199044</v>
      </c>
      <c r="L2617" s="237">
        <f t="shared" si="611"/>
        <v>242.58830441664227</v>
      </c>
      <c r="M2617" s="236">
        <f t="shared" si="607"/>
        <v>33.68883250468587</v>
      </c>
      <c r="N2617" s="236">
        <f t="shared" si="608"/>
        <v>1.0364004447867037</v>
      </c>
      <c r="O2617" s="236">
        <f t="shared" si="612"/>
        <v>2.3021488267347321</v>
      </c>
      <c r="P2617" s="236" t="str">
        <f t="shared" si="613"/>
        <v>SAND</v>
      </c>
      <c r="Q2617" s="236" t="e">
        <f t="shared" si="609"/>
        <v>#N/A</v>
      </c>
      <c r="R2617" s="238">
        <v>35</v>
      </c>
      <c r="S2617" s="236" t="e">
        <f t="shared" si="614"/>
        <v>#N/A</v>
      </c>
      <c r="T2617" s="236">
        <f t="shared" si="600"/>
        <v>34.40234556718174</v>
      </c>
    </row>
    <row r="2618" spans="1:21" x14ac:dyDescent="0.2">
      <c r="A2618" s="53">
        <f t="shared" si="601"/>
        <v>2606</v>
      </c>
      <c r="B2618" s="239">
        <v>26.111000000000001</v>
      </c>
      <c r="C2618" s="3">
        <f t="shared" si="602"/>
        <v>26.103999999999999</v>
      </c>
      <c r="D2618" s="239">
        <v>9.1016999999999992</v>
      </c>
      <c r="E2618" s="239">
        <v>8.9200000000000002E-2</v>
      </c>
      <c r="F2618" s="239">
        <v>0.21859999999999999</v>
      </c>
      <c r="G2618">
        <f t="shared" si="603"/>
        <v>9.1454199999999997</v>
      </c>
      <c r="H2618" s="235">
        <f t="shared" si="604"/>
        <v>0.97535159675553462</v>
      </c>
      <c r="I2618" s="236">
        <f t="shared" si="605"/>
        <v>19.375511450772187</v>
      </c>
      <c r="J2618" s="237">
        <f t="shared" si="610"/>
        <v>9.3755114507721871</v>
      </c>
      <c r="K2618" s="237">
        <f t="shared" si="606"/>
        <v>505.77835091095716</v>
      </c>
      <c r="L2618" s="237">
        <f t="shared" si="611"/>
        <v>244.80397949111259</v>
      </c>
      <c r="M2618" s="236">
        <f t="shared" si="607"/>
        <v>35.292080084027795</v>
      </c>
      <c r="N2618" s="236">
        <f t="shared" si="608"/>
        <v>1.0324502291064952</v>
      </c>
      <c r="O2618" s="236">
        <f t="shared" si="612"/>
        <v>2.2842411758613537</v>
      </c>
      <c r="P2618" s="236" t="str">
        <f t="shared" si="613"/>
        <v>SAND</v>
      </c>
      <c r="Q2618" s="236" t="e">
        <f t="shared" si="609"/>
        <v>#N/A</v>
      </c>
      <c r="R2618" s="238">
        <v>35</v>
      </c>
      <c r="S2618" s="236" t="e">
        <f t="shared" si="614"/>
        <v>#N/A</v>
      </c>
      <c r="T2618" s="236">
        <f t="shared" si="600"/>
        <v>34.624449816522443</v>
      </c>
    </row>
    <row r="2619" spans="1:21" x14ac:dyDescent="0.2">
      <c r="A2619" s="53">
        <f t="shared" si="601"/>
        <v>2607</v>
      </c>
      <c r="B2619" s="239">
        <v>26.12</v>
      </c>
      <c r="C2619" s="3">
        <f t="shared" si="602"/>
        <v>26.113</v>
      </c>
      <c r="D2619" s="239">
        <v>9.6879000000000008</v>
      </c>
      <c r="E2619" s="239">
        <v>9.2899999999999996E-2</v>
      </c>
      <c r="F2619" s="239">
        <v>0.2195</v>
      </c>
      <c r="G2619">
        <f t="shared" si="603"/>
        <v>9.7318000000000016</v>
      </c>
      <c r="H2619" s="235">
        <f t="shared" si="604"/>
        <v>0.9546024373702704</v>
      </c>
      <c r="I2619" s="236">
        <f t="shared" si="605"/>
        <v>19.447459339742036</v>
      </c>
      <c r="J2619" s="237">
        <f t="shared" si="610"/>
        <v>9.4474593397420357</v>
      </c>
      <c r="K2619" s="237">
        <f t="shared" si="606"/>
        <v>507.83150573868375</v>
      </c>
      <c r="L2619" s="237">
        <f t="shared" si="611"/>
        <v>246.76763795406197</v>
      </c>
      <c r="M2619" s="236">
        <f t="shared" si="607"/>
        <v>37.3791659665618</v>
      </c>
      <c r="N2619" s="236">
        <f t="shared" si="608"/>
        <v>1.0071586872591514</v>
      </c>
      <c r="O2619" s="236">
        <f t="shared" si="612"/>
        <v>2.2574283796921706</v>
      </c>
      <c r="P2619" s="236" t="str">
        <f t="shared" si="613"/>
        <v>SAND</v>
      </c>
      <c r="Q2619" s="236" t="e">
        <f t="shared" si="609"/>
        <v>#N/A</v>
      </c>
      <c r="R2619" s="238">
        <v>35</v>
      </c>
      <c r="S2619" s="236" t="e">
        <f t="shared" si="614"/>
        <v>#N/A</v>
      </c>
      <c r="T2619" s="236">
        <f t="shared" si="600"/>
        <v>34.89892567512824</v>
      </c>
    </row>
    <row r="2620" spans="1:21" x14ac:dyDescent="0.2">
      <c r="A2620" s="53">
        <f t="shared" si="601"/>
        <v>2608</v>
      </c>
      <c r="B2620" s="239">
        <v>26.129000000000001</v>
      </c>
      <c r="C2620" s="3">
        <f t="shared" si="602"/>
        <v>26.122</v>
      </c>
      <c r="D2620" s="239">
        <v>10.284800000000001</v>
      </c>
      <c r="E2620" s="239">
        <v>9.5699999999999993E-2</v>
      </c>
      <c r="F2620" s="239">
        <v>0.2099</v>
      </c>
      <c r="G2620">
        <f t="shared" si="603"/>
        <v>10.326780000000001</v>
      </c>
      <c r="H2620" s="235">
        <f t="shared" si="604"/>
        <v>0.92671675004212339</v>
      </c>
      <c r="I2620" s="236">
        <f t="shared" si="605"/>
        <v>19.50547371886395</v>
      </c>
      <c r="J2620" s="237">
        <f t="shared" si="610"/>
        <v>9.50547371886395</v>
      </c>
      <c r="K2620" s="237">
        <f t="shared" si="606"/>
        <v>509.52198448416408</v>
      </c>
      <c r="L2620" s="237">
        <f t="shared" si="611"/>
        <v>248.36852280019616</v>
      </c>
      <c r="M2620" s="236">
        <f t="shared" si="607"/>
        <v>39.526981538693121</v>
      </c>
      <c r="N2620" s="236">
        <f t="shared" si="608"/>
        <v>0.97481394345294237</v>
      </c>
      <c r="O2620" s="236">
        <f t="shared" si="612"/>
        <v>2.2293539760570042</v>
      </c>
      <c r="P2620" s="236" t="str">
        <f t="shared" si="613"/>
        <v>SAND</v>
      </c>
      <c r="Q2620" s="236" t="e">
        <f t="shared" si="609"/>
        <v>#N/A</v>
      </c>
      <c r="R2620" s="238">
        <v>35</v>
      </c>
      <c r="S2620" s="236" t="e">
        <f t="shared" si="614"/>
        <v>#N/A</v>
      </c>
      <c r="T2620" s="236">
        <f t="shared" si="600"/>
        <v>35.165830159833021</v>
      </c>
    </row>
    <row r="2621" spans="1:21" x14ac:dyDescent="0.2">
      <c r="A2621" s="53">
        <f t="shared" si="601"/>
        <v>2609</v>
      </c>
      <c r="B2621" s="239">
        <v>26.14</v>
      </c>
      <c r="C2621" s="3">
        <f t="shared" si="602"/>
        <v>26.132999999999999</v>
      </c>
      <c r="D2621" s="239">
        <v>10.8622</v>
      </c>
      <c r="E2621" s="239">
        <v>9.6600000000000005E-2</v>
      </c>
      <c r="F2621" s="239">
        <v>0.17860000000000001</v>
      </c>
      <c r="G2621">
        <f t="shared" si="603"/>
        <v>10.897919999999999</v>
      </c>
      <c r="H2621" s="235">
        <f t="shared" si="604"/>
        <v>0.88640768146582105</v>
      </c>
      <c r="I2621" s="236">
        <f t="shared" si="605"/>
        <v>19.537490549644406</v>
      </c>
      <c r="J2621" s="237">
        <f t="shared" si="610"/>
        <v>9.5374905496444065</v>
      </c>
      <c r="K2621" s="237">
        <f t="shared" si="606"/>
        <v>510.57324053385724</v>
      </c>
      <c r="L2621" s="237">
        <f t="shared" si="611"/>
        <v>249.3100029677048</v>
      </c>
      <c r="M2621" s="236">
        <f t="shared" si="607"/>
        <v>41.664380232716539</v>
      </c>
      <c r="N2621" s="236">
        <f t="shared" si="608"/>
        <v>0.9299776183168913</v>
      </c>
      <c r="O2621" s="236">
        <f t="shared" si="612"/>
        <v>2.1990535928455275</v>
      </c>
      <c r="P2621" s="236" t="str">
        <f t="shared" si="613"/>
        <v>SAND</v>
      </c>
      <c r="Q2621" s="236" t="e">
        <f t="shared" si="609"/>
        <v>#N/A</v>
      </c>
      <c r="R2621" s="238">
        <v>35</v>
      </c>
      <c r="S2621" s="236" t="e">
        <f t="shared" si="614"/>
        <v>#N/A</v>
      </c>
      <c r="T2621" s="236">
        <f t="shared" si="600"/>
        <v>35.417414185768443</v>
      </c>
    </row>
    <row r="2622" spans="1:21" x14ac:dyDescent="0.2">
      <c r="A2622" s="53">
        <f t="shared" si="601"/>
        <v>2610</v>
      </c>
      <c r="B2622" s="239">
        <v>26.149000000000001</v>
      </c>
      <c r="C2622" s="3">
        <f t="shared" si="602"/>
        <v>26.141999999999999</v>
      </c>
      <c r="D2622" s="239">
        <v>11.411899999999999</v>
      </c>
      <c r="E2622" s="239">
        <v>9.5399999999999999E-2</v>
      </c>
      <c r="F2622" s="239">
        <v>0.16200000000000001</v>
      </c>
      <c r="G2622">
        <f t="shared" si="603"/>
        <v>11.4443</v>
      </c>
      <c r="H2622" s="235">
        <f t="shared" si="604"/>
        <v>0.83360275420951913</v>
      </c>
      <c r="I2622" s="236">
        <f t="shared" si="605"/>
        <v>19.541953976543674</v>
      </c>
      <c r="J2622" s="237">
        <f t="shared" si="610"/>
        <v>9.5419539765436738</v>
      </c>
      <c r="K2622" s="237">
        <f t="shared" si="606"/>
        <v>510.86576085480471</v>
      </c>
      <c r="L2622" s="237">
        <f t="shared" si="611"/>
        <v>249.51255453264054</v>
      </c>
      <c r="M2622" s="236">
        <f t="shared" si="607"/>
        <v>43.819174789118328</v>
      </c>
      <c r="N2622" s="236">
        <f t="shared" si="608"/>
        <v>0.8725529226529527</v>
      </c>
      <c r="O2622" s="236">
        <f t="shared" si="612"/>
        <v>2.1656983557665188</v>
      </c>
      <c r="P2622" s="236" t="str">
        <f t="shared" si="613"/>
        <v>SAND</v>
      </c>
      <c r="Q2622" s="236" t="e">
        <f t="shared" si="609"/>
        <v>#N/A</v>
      </c>
      <c r="R2622" s="238">
        <v>35</v>
      </c>
      <c r="S2622" s="236" t="e">
        <f t="shared" si="614"/>
        <v>#N/A</v>
      </c>
      <c r="T2622" s="236">
        <f t="shared" si="600"/>
        <v>35.658306140456133</v>
      </c>
    </row>
    <row r="2623" spans="1:21" x14ac:dyDescent="0.2">
      <c r="A2623" s="53">
        <f t="shared" si="601"/>
        <v>2611</v>
      </c>
      <c r="B2623" s="239">
        <v>26.158000000000001</v>
      </c>
      <c r="C2623" s="3">
        <f t="shared" si="602"/>
        <v>26.151</v>
      </c>
      <c r="D2623" s="239">
        <v>11.9209</v>
      </c>
      <c r="E2623" s="239">
        <v>9.35E-2</v>
      </c>
      <c r="F2623" s="239">
        <v>0.1492</v>
      </c>
      <c r="G2623">
        <f t="shared" si="603"/>
        <v>11.95074</v>
      </c>
      <c r="H2623" s="235">
        <f t="shared" si="604"/>
        <v>0.78237832971012677</v>
      </c>
      <c r="I2623" s="236">
        <f t="shared" si="605"/>
        <v>19.535289721939193</v>
      </c>
      <c r="J2623" s="237">
        <f t="shared" si="610"/>
        <v>9.5352897219391934</v>
      </c>
      <c r="K2623" s="237">
        <f t="shared" si="606"/>
        <v>510.86736151843184</v>
      </c>
      <c r="L2623" s="237">
        <f t="shared" si="611"/>
        <v>249.42410854648543</v>
      </c>
      <c r="M2623" s="236">
        <f t="shared" si="607"/>
        <v>45.865143931543834</v>
      </c>
      <c r="N2623" s="236">
        <f t="shared" si="608"/>
        <v>0.81731679149542014</v>
      </c>
      <c r="O2623" s="236">
        <f t="shared" si="612"/>
        <v>2.1337859947353142</v>
      </c>
      <c r="P2623" s="236" t="str">
        <f t="shared" si="613"/>
        <v>SAND</v>
      </c>
      <c r="Q2623" s="236" t="e">
        <f t="shared" si="609"/>
        <v>#N/A</v>
      </c>
      <c r="R2623" s="238">
        <v>35</v>
      </c>
      <c r="S2623" s="236" t="e">
        <f t="shared" si="614"/>
        <v>#N/A</v>
      </c>
      <c r="T2623" s="236">
        <f t="shared" si="600"/>
        <v>35.876310367980395</v>
      </c>
    </row>
    <row r="2624" spans="1:21" x14ac:dyDescent="0.2">
      <c r="A2624" s="53">
        <f t="shared" si="601"/>
        <v>2612</v>
      </c>
      <c r="B2624" s="239">
        <v>26.167999999999999</v>
      </c>
      <c r="C2624" s="3">
        <f t="shared" si="602"/>
        <v>26.160999999999998</v>
      </c>
      <c r="D2624" s="239">
        <v>12.379300000000001</v>
      </c>
      <c r="E2624" s="239">
        <v>9.0800000000000006E-2</v>
      </c>
      <c r="F2624" s="239">
        <v>0.13170000000000001</v>
      </c>
      <c r="G2624">
        <f t="shared" si="603"/>
        <v>12.40564</v>
      </c>
      <c r="H2624" s="235">
        <f t="shared" si="604"/>
        <v>0.7319251566223105</v>
      </c>
      <c r="I2624" s="236">
        <f t="shared" si="605"/>
        <v>19.515532102164535</v>
      </c>
      <c r="J2624" s="237">
        <f t="shared" si="610"/>
        <v>9.5155321021645349</v>
      </c>
      <c r="K2624" s="237">
        <f t="shared" si="606"/>
        <v>510.54583532472634</v>
      </c>
      <c r="L2624" s="237">
        <f t="shared" si="611"/>
        <v>249.00244404944155</v>
      </c>
      <c r="M2624" s="236">
        <f t="shared" si="607"/>
        <v>47.770993614477938</v>
      </c>
      <c r="N2624" s="236">
        <f t="shared" si="608"/>
        <v>0.7633399008277526</v>
      </c>
      <c r="O2624" s="236">
        <f t="shared" si="612"/>
        <v>2.1031118620210218</v>
      </c>
      <c r="P2624" s="236" t="str">
        <f t="shared" si="613"/>
        <v>SAND</v>
      </c>
      <c r="Q2624" s="236" t="e">
        <f t="shared" si="609"/>
        <v>#N/A</v>
      </c>
      <c r="R2624" s="238">
        <v>35</v>
      </c>
      <c r="S2624" s="236" t="e">
        <f t="shared" si="614"/>
        <v>#N/A</v>
      </c>
      <c r="T2624" s="236">
        <f t="shared" si="600"/>
        <v>36.070807019508749</v>
      </c>
    </row>
    <row r="2625" spans="1:20" x14ac:dyDescent="0.2">
      <c r="A2625" s="53">
        <f t="shared" si="601"/>
        <v>2613</v>
      </c>
      <c r="B2625" s="239">
        <v>26.178000000000001</v>
      </c>
      <c r="C2625" s="3">
        <f t="shared" si="602"/>
        <v>26.170999999999999</v>
      </c>
      <c r="D2625" s="239">
        <v>12.7287</v>
      </c>
      <c r="E2625" s="239">
        <v>8.9499999999999996E-2</v>
      </c>
      <c r="F2625" s="239">
        <v>0.1009</v>
      </c>
      <c r="G2625">
        <f t="shared" si="603"/>
        <v>12.74888</v>
      </c>
      <c r="H2625" s="235">
        <f t="shared" si="604"/>
        <v>0.70202245216834736</v>
      </c>
      <c r="I2625" s="236">
        <f t="shared" si="605"/>
        <v>19.509290079709494</v>
      </c>
      <c r="J2625" s="237">
        <f t="shared" si="610"/>
        <v>9.5092900797094941</v>
      </c>
      <c r="K2625" s="237">
        <f t="shared" si="606"/>
        <v>510.57763067607715</v>
      </c>
      <c r="L2625" s="237">
        <f t="shared" si="611"/>
        <v>248.93419570663514</v>
      </c>
      <c r="M2625" s="236">
        <f t="shared" si="607"/>
        <v>49.16280117556272</v>
      </c>
      <c r="N2625" s="236">
        <f t="shared" si="608"/>
        <v>0.7313105796792323</v>
      </c>
      <c r="O2625" s="236">
        <f t="shared" si="612"/>
        <v>2.0827513404915003</v>
      </c>
      <c r="P2625" s="236" t="str">
        <f t="shared" si="613"/>
        <v>SAND</v>
      </c>
      <c r="Q2625" s="236" t="e">
        <f t="shared" si="609"/>
        <v>#N/A</v>
      </c>
      <c r="R2625" s="238">
        <v>35</v>
      </c>
      <c r="S2625" s="236" t="e">
        <f t="shared" si="614"/>
        <v>#N/A</v>
      </c>
      <c r="T2625" s="236">
        <f t="shared" si="600"/>
        <v>36.208002819465705</v>
      </c>
    </row>
    <row r="2626" spans="1:20" x14ac:dyDescent="0.2">
      <c r="A2626" s="53">
        <f t="shared" si="601"/>
        <v>2614</v>
      </c>
      <c r="B2626" s="239">
        <v>26.187000000000001</v>
      </c>
      <c r="C2626" s="3">
        <f t="shared" si="602"/>
        <v>26.18</v>
      </c>
      <c r="D2626" s="239">
        <v>12.990600000000001</v>
      </c>
      <c r="E2626" s="239">
        <v>8.9099999999999999E-2</v>
      </c>
      <c r="F2626" s="239">
        <v>8.14E-2</v>
      </c>
      <c r="G2626">
        <f t="shared" si="603"/>
        <v>13.006880000000001</v>
      </c>
      <c r="H2626" s="235">
        <f t="shared" si="604"/>
        <v>0.68502208062194769</v>
      </c>
      <c r="I2626" s="236">
        <f t="shared" si="605"/>
        <v>19.511868675442209</v>
      </c>
      <c r="J2626" s="237">
        <f t="shared" si="610"/>
        <v>9.5118686754422086</v>
      </c>
      <c r="K2626" s="237">
        <f t="shared" si="606"/>
        <v>510.82072192307703</v>
      </c>
      <c r="L2626" s="237">
        <f t="shared" si="611"/>
        <v>249.08730500380514</v>
      </c>
      <c r="M2626" s="236">
        <f t="shared" si="607"/>
        <v>50.167387205405873</v>
      </c>
      <c r="N2626" s="236">
        <f t="shared" si="608"/>
        <v>0.71302478659265767</v>
      </c>
      <c r="O2626" s="236">
        <f t="shared" si="612"/>
        <v>2.0695317512369718</v>
      </c>
      <c r="P2626" s="236" t="str">
        <f t="shared" si="613"/>
        <v>SAND</v>
      </c>
      <c r="Q2626" s="236" t="e">
        <f t="shared" si="609"/>
        <v>#N/A</v>
      </c>
      <c r="R2626" s="238">
        <v>35</v>
      </c>
      <c r="S2626" s="236" t="e">
        <f t="shared" si="614"/>
        <v>#N/A</v>
      </c>
      <c r="T2626" s="236">
        <f t="shared" si="600"/>
        <v>36.304636311822428</v>
      </c>
    </row>
    <row r="2627" spans="1:20" x14ac:dyDescent="0.2">
      <c r="A2627" s="53">
        <f t="shared" si="601"/>
        <v>2615</v>
      </c>
      <c r="B2627" s="239">
        <v>26.198</v>
      </c>
      <c r="C2627" s="3">
        <f t="shared" si="602"/>
        <v>26.190999999999999</v>
      </c>
      <c r="D2627" s="239">
        <v>13.1653</v>
      </c>
      <c r="E2627" s="239">
        <v>8.9499999999999996E-2</v>
      </c>
      <c r="F2627" s="239">
        <v>7.51E-2</v>
      </c>
      <c r="G2627">
        <f t="shared" si="603"/>
        <v>13.18032</v>
      </c>
      <c r="H2627" s="235">
        <f t="shared" si="604"/>
        <v>0.67904269395583716</v>
      </c>
      <c r="I2627" s="236">
        <f t="shared" si="605"/>
        <v>19.522298608747036</v>
      </c>
      <c r="J2627" s="237">
        <f t="shared" si="610"/>
        <v>9.522298608747036</v>
      </c>
      <c r="K2627" s="237">
        <f t="shared" si="606"/>
        <v>511.30852286169358</v>
      </c>
      <c r="L2627" s="237">
        <f t="shared" si="611"/>
        <v>249.46517895195484</v>
      </c>
      <c r="M2627" s="236">
        <f t="shared" si="607"/>
        <v>50.784688790487529</v>
      </c>
      <c r="N2627" s="236">
        <f t="shared" si="608"/>
        <v>0.7064481720732988</v>
      </c>
      <c r="O2627" s="236">
        <f t="shared" si="612"/>
        <v>2.0629036500099676</v>
      </c>
      <c r="P2627" s="236" t="str">
        <f t="shared" si="613"/>
        <v>SAND</v>
      </c>
      <c r="Q2627" s="236" t="e">
        <f t="shared" si="609"/>
        <v>#N/A</v>
      </c>
      <c r="R2627" s="238">
        <v>35</v>
      </c>
      <c r="S2627" s="236" t="e">
        <f t="shared" si="614"/>
        <v>#N/A</v>
      </c>
      <c r="T2627" s="236">
        <f t="shared" si="600"/>
        <v>36.363060749747007</v>
      </c>
    </row>
    <row r="2628" spans="1:20" x14ac:dyDescent="0.2">
      <c r="A2628" s="53">
        <f t="shared" si="601"/>
        <v>2616</v>
      </c>
      <c r="B2628" s="239">
        <v>26.207000000000001</v>
      </c>
      <c r="C2628" s="3">
        <f t="shared" si="602"/>
        <v>26.2</v>
      </c>
      <c r="D2628" s="239">
        <v>13.2775</v>
      </c>
      <c r="E2628" s="239">
        <v>8.7400000000000005E-2</v>
      </c>
      <c r="F2628" s="239">
        <v>8.8200000000000001E-2</v>
      </c>
      <c r="G2628">
        <f t="shared" si="603"/>
        <v>13.29514</v>
      </c>
      <c r="H2628" s="235">
        <f t="shared" si="604"/>
        <v>0.65738307381494299</v>
      </c>
      <c r="I2628" s="236">
        <f t="shared" si="605"/>
        <v>19.497847545890643</v>
      </c>
      <c r="J2628" s="237">
        <f t="shared" si="610"/>
        <v>9.4978475458906431</v>
      </c>
      <c r="K2628" s="237">
        <f t="shared" si="606"/>
        <v>510.84360570233486</v>
      </c>
      <c r="L2628" s="237">
        <f t="shared" si="611"/>
        <v>248.91009063515608</v>
      </c>
      <c r="M2628" s="236">
        <f t="shared" si="607"/>
        <v>51.361101358628524</v>
      </c>
      <c r="N2628" s="236">
        <f t="shared" si="608"/>
        <v>0.68365123354762092</v>
      </c>
      <c r="O2628" s="236">
        <f t="shared" si="612"/>
        <v>2.0513516532105589</v>
      </c>
      <c r="P2628" s="236" t="str">
        <f t="shared" si="613"/>
        <v>SAND</v>
      </c>
      <c r="Q2628" s="236" t="e">
        <f t="shared" si="609"/>
        <v>#N/A</v>
      </c>
      <c r="R2628" s="238">
        <v>35</v>
      </c>
      <c r="S2628" s="236" t="e">
        <f t="shared" si="614"/>
        <v>#N/A</v>
      </c>
      <c r="T2628" s="236">
        <f t="shared" si="600"/>
        <v>36.416977607205226</v>
      </c>
    </row>
    <row r="2629" spans="1:20" x14ac:dyDescent="0.2">
      <c r="A2629" s="53">
        <f t="shared" si="601"/>
        <v>2617</v>
      </c>
      <c r="B2629" s="239">
        <v>26.216999999999999</v>
      </c>
      <c r="C2629" s="3">
        <f t="shared" si="602"/>
        <v>26.209999999999997</v>
      </c>
      <c r="D2629" s="239">
        <v>13.3391</v>
      </c>
      <c r="E2629" s="239">
        <v>8.4599999999999995E-2</v>
      </c>
      <c r="F2629" s="239">
        <v>0.106</v>
      </c>
      <c r="G2629">
        <f t="shared" si="603"/>
        <v>13.360300000000001</v>
      </c>
      <c r="H2629" s="235">
        <f t="shared" si="604"/>
        <v>0.63321931393756126</v>
      </c>
      <c r="I2629" s="236">
        <f t="shared" si="605"/>
        <v>19.461577623724324</v>
      </c>
      <c r="J2629" s="237">
        <f t="shared" si="610"/>
        <v>9.4615776237243239</v>
      </c>
      <c r="K2629" s="237">
        <f t="shared" si="606"/>
        <v>510.08794951781448</v>
      </c>
      <c r="L2629" s="237">
        <f t="shared" si="611"/>
        <v>248.0541805611806</v>
      </c>
      <c r="M2629" s="236">
        <f t="shared" si="607"/>
        <v>51.80405353947576</v>
      </c>
      <c r="N2629" s="236">
        <f t="shared" si="608"/>
        <v>0.65835489459355256</v>
      </c>
      <c r="O2629" s="236">
        <f t="shared" si="612"/>
        <v>2.0397690995006283</v>
      </c>
      <c r="P2629" s="236" t="str">
        <f t="shared" si="613"/>
        <v>SAND</v>
      </c>
      <c r="Q2629" s="236" t="e">
        <f t="shared" si="609"/>
        <v>#N/A</v>
      </c>
      <c r="R2629" s="238">
        <v>35</v>
      </c>
      <c r="S2629" s="236" t="e">
        <f t="shared" si="614"/>
        <v>#N/A</v>
      </c>
      <c r="T2629" s="236">
        <f t="shared" si="600"/>
        <v>36.45800117902094</v>
      </c>
    </row>
    <row r="2630" spans="1:20" x14ac:dyDescent="0.2">
      <c r="A2630" s="53">
        <f t="shared" si="601"/>
        <v>2618</v>
      </c>
      <c r="B2630" s="239">
        <v>26.227</v>
      </c>
      <c r="C2630" s="3">
        <f t="shared" si="602"/>
        <v>26.22</v>
      </c>
      <c r="D2630" s="239">
        <v>13.4312</v>
      </c>
      <c r="E2630" s="239">
        <v>8.1900000000000001E-2</v>
      </c>
      <c r="F2630" s="239">
        <v>0.11509999999999999</v>
      </c>
      <c r="G2630">
        <f t="shared" si="603"/>
        <v>13.454220000000001</v>
      </c>
      <c r="H2630" s="235">
        <f t="shared" si="604"/>
        <v>0.60873094092411151</v>
      </c>
      <c r="I2630" s="236">
        <f t="shared" si="605"/>
        <v>19.426282261526072</v>
      </c>
      <c r="J2630" s="237">
        <f t="shared" si="610"/>
        <v>9.4262822615260724</v>
      </c>
      <c r="K2630" s="237">
        <f t="shared" si="606"/>
        <v>509.35712089721358</v>
      </c>
      <c r="L2630" s="237">
        <f t="shared" si="611"/>
        <v>247.22310487304429</v>
      </c>
      <c r="M2630" s="236">
        <f t="shared" si="607"/>
        <v>52.361056163218734</v>
      </c>
      <c r="N2630" s="236">
        <f t="shared" si="608"/>
        <v>0.63268341090127111</v>
      </c>
      <c r="O2630" s="236">
        <f t="shared" si="612"/>
        <v>2.0270158732385259</v>
      </c>
      <c r="P2630" s="236" t="str">
        <f t="shared" si="613"/>
        <v>SAND</v>
      </c>
      <c r="Q2630" s="236" t="e">
        <f t="shared" si="609"/>
        <v>#N/A</v>
      </c>
      <c r="R2630" s="238">
        <v>35</v>
      </c>
      <c r="S2630" s="236" t="e">
        <f t="shared" si="614"/>
        <v>#N/A</v>
      </c>
      <c r="T2630" s="236">
        <f t="shared" si="600"/>
        <v>36.50909237826923</v>
      </c>
    </row>
    <row r="2631" spans="1:20" x14ac:dyDescent="0.2">
      <c r="A2631" s="53">
        <f t="shared" si="601"/>
        <v>2619</v>
      </c>
      <c r="B2631" s="239">
        <v>26.236000000000001</v>
      </c>
      <c r="C2631" s="3">
        <f t="shared" si="602"/>
        <v>26.228999999999999</v>
      </c>
      <c r="D2631" s="239">
        <v>13.459099999999999</v>
      </c>
      <c r="E2631" s="239">
        <v>7.7299999999999994E-2</v>
      </c>
      <c r="F2631" s="239">
        <v>0.1288</v>
      </c>
      <c r="G2631">
        <f t="shared" si="603"/>
        <v>13.484859999999999</v>
      </c>
      <c r="H2631" s="235">
        <f t="shared" si="604"/>
        <v>0.57323546555173721</v>
      </c>
      <c r="I2631" s="236">
        <f t="shared" si="605"/>
        <v>19.359389485726947</v>
      </c>
      <c r="J2631" s="237">
        <f t="shared" si="610"/>
        <v>9.3593894857269468</v>
      </c>
      <c r="K2631" s="237">
        <f t="shared" si="606"/>
        <v>507.77742682113205</v>
      </c>
      <c r="L2631" s="237">
        <f t="shared" si="611"/>
        <v>245.55294254753218</v>
      </c>
      <c r="M2631" s="236">
        <f t="shared" si="607"/>
        <v>52.848409954064657</v>
      </c>
      <c r="N2631" s="236">
        <f t="shared" si="608"/>
        <v>0.5956654707566108</v>
      </c>
      <c r="O2631" s="236">
        <f t="shared" si="612"/>
        <v>2.0104544962868016</v>
      </c>
      <c r="P2631" s="236" t="str">
        <f t="shared" si="613"/>
        <v>SAND</v>
      </c>
      <c r="Q2631" s="236" t="e">
        <f t="shared" si="609"/>
        <v>#N/A</v>
      </c>
      <c r="R2631" s="238">
        <v>35</v>
      </c>
      <c r="S2631" s="236" t="e">
        <f t="shared" si="614"/>
        <v>#N/A</v>
      </c>
      <c r="T2631" s="236">
        <f t="shared" si="600"/>
        <v>36.553351177818634</v>
      </c>
    </row>
    <row r="2632" spans="1:20" x14ac:dyDescent="0.2">
      <c r="A2632" s="53">
        <f t="shared" si="601"/>
        <v>2620</v>
      </c>
      <c r="B2632" s="239">
        <v>26.245000000000001</v>
      </c>
      <c r="C2632" s="3">
        <f t="shared" si="602"/>
        <v>26.238</v>
      </c>
      <c r="D2632" s="239">
        <v>13.4961</v>
      </c>
      <c r="E2632" s="239">
        <v>7.51E-2</v>
      </c>
      <c r="F2632" s="239">
        <v>0.13919999999999999</v>
      </c>
      <c r="G2632">
        <f t="shared" si="603"/>
        <v>13.52394</v>
      </c>
      <c r="H2632" s="235">
        <f t="shared" si="604"/>
        <v>0.55531154382524617</v>
      </c>
      <c r="I2632" s="236">
        <f t="shared" si="605"/>
        <v>19.32666379607916</v>
      </c>
      <c r="J2632" s="237">
        <f t="shared" si="610"/>
        <v>9.3266637960791599</v>
      </c>
      <c r="K2632" s="237">
        <f t="shared" si="606"/>
        <v>507.09300468152497</v>
      </c>
      <c r="L2632" s="237">
        <f t="shared" si="611"/>
        <v>244.77829132809757</v>
      </c>
      <c r="M2632" s="236">
        <f t="shared" si="607"/>
        <v>53.178110381818406</v>
      </c>
      <c r="N2632" s="236">
        <f t="shared" si="608"/>
        <v>0.57694463203731139</v>
      </c>
      <c r="O2632" s="236">
        <f t="shared" si="612"/>
        <v>2.0012725718552873</v>
      </c>
      <c r="P2632" s="236" t="str">
        <f t="shared" si="613"/>
        <v>SAND</v>
      </c>
      <c r="Q2632" s="236" t="e">
        <f t="shared" si="609"/>
        <v>#N/A</v>
      </c>
      <c r="R2632" s="238">
        <v>35</v>
      </c>
      <c r="S2632" s="236" t="e">
        <f t="shared" si="614"/>
        <v>#N/A</v>
      </c>
      <c r="T2632" s="236">
        <f t="shared" si="600"/>
        <v>36.583061912694859</v>
      </c>
    </row>
    <row r="2633" spans="1:20" x14ac:dyDescent="0.2">
      <c r="A2633" s="53">
        <f t="shared" si="601"/>
        <v>2621</v>
      </c>
      <c r="B2633" s="239">
        <v>26.254999999999999</v>
      </c>
      <c r="C2633" s="3">
        <f t="shared" si="602"/>
        <v>26.247999999999998</v>
      </c>
      <c r="D2633" s="239">
        <v>13.492599999999999</v>
      </c>
      <c r="E2633" s="239">
        <v>7.6300000000000007E-2</v>
      </c>
      <c r="F2633" s="239">
        <v>0.14269999999999999</v>
      </c>
      <c r="G2633">
        <f t="shared" si="603"/>
        <v>13.521139999999999</v>
      </c>
      <c r="H2633" s="235">
        <f t="shared" si="604"/>
        <v>0.56430153078808454</v>
      </c>
      <c r="I2633" s="236">
        <f t="shared" si="605"/>
        <v>19.345171285470933</v>
      </c>
      <c r="J2633" s="237">
        <f t="shared" si="610"/>
        <v>9.3451712854709328</v>
      </c>
      <c r="K2633" s="237">
        <f t="shared" si="606"/>
        <v>507.77205590104097</v>
      </c>
      <c r="L2633" s="237">
        <f t="shared" si="611"/>
        <v>245.35747210003933</v>
      </c>
      <c r="M2633" s="236">
        <f t="shared" si="607"/>
        <v>53.038400798297403</v>
      </c>
      <c r="N2633" s="236">
        <f t="shared" si="608"/>
        <v>0.58632016191165182</v>
      </c>
      <c r="O2633" s="236">
        <f t="shared" si="612"/>
        <v>2.005708113989396</v>
      </c>
      <c r="P2633" s="236" t="str">
        <f t="shared" si="613"/>
        <v>SAND</v>
      </c>
      <c r="Q2633" s="236" t="e">
        <f t="shared" si="609"/>
        <v>#N/A</v>
      </c>
      <c r="R2633" s="238">
        <v>35</v>
      </c>
      <c r="S2633" s="236" t="e">
        <f t="shared" si="614"/>
        <v>#N/A</v>
      </c>
      <c r="T2633" s="236">
        <f t="shared" si="600"/>
        <v>36.570494629311113</v>
      </c>
    </row>
    <row r="2634" spans="1:20" x14ac:dyDescent="0.2">
      <c r="A2634" s="53">
        <f t="shared" si="601"/>
        <v>2622</v>
      </c>
      <c r="B2634" s="239">
        <v>26.263999999999999</v>
      </c>
      <c r="C2634" s="3">
        <f t="shared" si="602"/>
        <v>26.256999999999998</v>
      </c>
      <c r="D2634" s="239">
        <v>13.4458</v>
      </c>
      <c r="E2634" s="239">
        <v>7.9600000000000004E-2</v>
      </c>
      <c r="F2634" s="239">
        <v>0.15140000000000001</v>
      </c>
      <c r="G2634">
        <f t="shared" si="603"/>
        <v>13.47608</v>
      </c>
      <c r="H2634" s="235">
        <f t="shared" si="604"/>
        <v>0.59067622038456291</v>
      </c>
      <c r="I2634" s="236">
        <f t="shared" si="605"/>
        <v>19.393515559707804</v>
      </c>
      <c r="J2634" s="237">
        <f t="shared" si="610"/>
        <v>9.3935155597078044</v>
      </c>
      <c r="K2634" s="237">
        <f t="shared" si="606"/>
        <v>509.21553805124779</v>
      </c>
      <c r="L2634" s="237">
        <f t="shared" si="611"/>
        <v>246.71129266016578</v>
      </c>
      <c r="M2634" s="236">
        <f t="shared" si="607"/>
        <v>52.558860691513019</v>
      </c>
      <c r="N2634" s="236">
        <f t="shared" si="608"/>
        <v>0.61387238397984434</v>
      </c>
      <c r="O2634" s="236">
        <f t="shared" si="612"/>
        <v>2.0190247811267508</v>
      </c>
      <c r="P2634" s="236" t="str">
        <f t="shared" si="613"/>
        <v>SAND</v>
      </c>
      <c r="Q2634" s="236" t="e">
        <f t="shared" si="609"/>
        <v>#N/A</v>
      </c>
      <c r="R2634" s="238">
        <v>35</v>
      </c>
      <c r="S2634" s="236" t="e">
        <f t="shared" si="614"/>
        <v>#N/A</v>
      </c>
      <c r="T2634" s="236">
        <f t="shared" si="600"/>
        <v>36.527105367878136</v>
      </c>
    </row>
    <row r="2635" spans="1:20" x14ac:dyDescent="0.2">
      <c r="A2635" s="53">
        <f t="shared" si="601"/>
        <v>2623</v>
      </c>
      <c r="B2635" s="239">
        <v>26.274999999999999</v>
      </c>
      <c r="C2635" s="3">
        <f t="shared" si="602"/>
        <v>26.267999999999997</v>
      </c>
      <c r="D2635" s="239">
        <v>13.405099999999999</v>
      </c>
      <c r="E2635" s="239">
        <v>8.3199999999999996E-2</v>
      </c>
      <c r="F2635" s="239">
        <v>0.16639999999999999</v>
      </c>
      <c r="G2635">
        <f t="shared" si="603"/>
        <v>13.438379999999999</v>
      </c>
      <c r="H2635" s="235">
        <f t="shared" si="604"/>
        <v>0.61912224538969729</v>
      </c>
      <c r="I2635" s="236">
        <f t="shared" si="605"/>
        <v>19.444288261177796</v>
      </c>
      <c r="J2635" s="237">
        <f t="shared" si="610"/>
        <v>9.4442882611777961</v>
      </c>
      <c r="K2635" s="237">
        <f t="shared" si="606"/>
        <v>510.76256404461827</v>
      </c>
      <c r="L2635" s="237">
        <f t="shared" si="611"/>
        <v>248.14867406244659</v>
      </c>
      <c r="M2635" s="236">
        <f t="shared" si="607"/>
        <v>52.096258361236082</v>
      </c>
      <c r="N2635" s="236">
        <f t="shared" si="608"/>
        <v>0.64358340128937563</v>
      </c>
      <c r="O2635" s="236">
        <f t="shared" si="612"/>
        <v>2.0326621066287314</v>
      </c>
      <c r="P2635" s="236" t="str">
        <f t="shared" si="613"/>
        <v>SAND</v>
      </c>
      <c r="Q2635" s="236" t="e">
        <f t="shared" si="609"/>
        <v>#N/A</v>
      </c>
      <c r="R2635" s="238">
        <v>35</v>
      </c>
      <c r="S2635" s="236" t="e">
        <f t="shared" si="614"/>
        <v>#N/A</v>
      </c>
      <c r="T2635" s="236">
        <f t="shared" si="600"/>
        <v>36.484871859449612</v>
      </c>
    </row>
    <row r="2636" spans="1:20" x14ac:dyDescent="0.2">
      <c r="A2636" s="53">
        <f t="shared" si="601"/>
        <v>2624</v>
      </c>
      <c r="B2636" s="239">
        <v>26.283999999999999</v>
      </c>
      <c r="C2636" s="3">
        <f t="shared" si="602"/>
        <v>26.276999999999997</v>
      </c>
      <c r="D2636" s="239">
        <v>13.3734</v>
      </c>
      <c r="E2636" s="239">
        <v>8.6800000000000002E-2</v>
      </c>
      <c r="F2636" s="239">
        <v>0.1709</v>
      </c>
      <c r="G2636">
        <f t="shared" si="603"/>
        <v>13.407579999999999</v>
      </c>
      <c r="H2636" s="235">
        <f t="shared" si="604"/>
        <v>0.64739498104803406</v>
      </c>
      <c r="I2636" s="236">
        <f t="shared" si="605"/>
        <v>19.493061669640895</v>
      </c>
      <c r="J2636" s="237">
        <f t="shared" si="610"/>
        <v>9.4930616696408947</v>
      </c>
      <c r="K2636" s="237">
        <f t="shared" si="606"/>
        <v>512.21918149315377</v>
      </c>
      <c r="L2636" s="237">
        <f t="shared" si="611"/>
        <v>249.51563292484127</v>
      </c>
      <c r="M2636" s="236">
        <f t="shared" si="607"/>
        <v>51.68157468670978</v>
      </c>
      <c r="N2636" s="236">
        <f t="shared" si="608"/>
        <v>0.6731102853316715</v>
      </c>
      <c r="O2636" s="236">
        <f t="shared" si="612"/>
        <v>2.0455693752883577</v>
      </c>
      <c r="P2636" s="236" t="str">
        <f t="shared" si="613"/>
        <v>SAND</v>
      </c>
      <c r="Q2636" s="236" t="e">
        <f t="shared" si="609"/>
        <v>#N/A</v>
      </c>
      <c r="R2636" s="238">
        <v>35</v>
      </c>
      <c r="S2636" s="236" t="e">
        <f t="shared" si="614"/>
        <v>#N/A</v>
      </c>
      <c r="T2636" s="236">
        <f t="shared" si="600"/>
        <v>36.446693114854043</v>
      </c>
    </row>
    <row r="2637" spans="1:20" x14ac:dyDescent="0.2">
      <c r="A2637" s="53">
        <f t="shared" si="601"/>
        <v>2625</v>
      </c>
      <c r="B2637" s="239">
        <v>26.292999999999999</v>
      </c>
      <c r="C2637" s="3">
        <f t="shared" si="602"/>
        <v>26.285999999999998</v>
      </c>
      <c r="D2637" s="239">
        <v>13.394</v>
      </c>
      <c r="E2637" s="239">
        <v>9.1700000000000004E-2</v>
      </c>
      <c r="F2637" s="239">
        <v>0.18010000000000001</v>
      </c>
      <c r="G2637">
        <f t="shared" si="603"/>
        <v>13.430020000000001</v>
      </c>
      <c r="H2637" s="235">
        <f t="shared" si="604"/>
        <v>0.68279868533330557</v>
      </c>
      <c r="I2637" s="236">
        <f t="shared" si="605"/>
        <v>19.558109254170443</v>
      </c>
      <c r="J2637" s="237">
        <f t="shared" si="610"/>
        <v>9.5581092541704429</v>
      </c>
      <c r="K2637" s="237">
        <f t="shared" si="606"/>
        <v>514.10445985512422</v>
      </c>
      <c r="L2637" s="237">
        <f t="shared" si="611"/>
        <v>251.31136661990345</v>
      </c>
      <c r="M2637" s="236">
        <f t="shared" si="607"/>
        <v>51.39407625632623</v>
      </c>
      <c r="N2637" s="236">
        <f t="shared" si="608"/>
        <v>0.70997677024892814</v>
      </c>
      <c r="O2637" s="236">
        <f t="shared" si="612"/>
        <v>2.059599682533757</v>
      </c>
      <c r="P2637" s="236" t="str">
        <f t="shared" si="613"/>
        <v>SAND</v>
      </c>
      <c r="Q2637" s="236" t="e">
        <f t="shared" si="609"/>
        <v>#N/A</v>
      </c>
      <c r="R2637" s="238">
        <v>35</v>
      </c>
      <c r="S2637" s="236" t="e">
        <f t="shared" si="614"/>
        <v>#N/A</v>
      </c>
      <c r="T2637" s="236">
        <f t="shared" ref="T2637:T2700" si="615">IF(P2637="SAND",17.6+(11*LOG(M2637)),#N/A)</f>
        <v>36.42004371027253</v>
      </c>
    </row>
    <row r="2638" spans="1:20" x14ac:dyDescent="0.2">
      <c r="A2638" s="53">
        <f t="shared" ref="A2638:A2701" si="616">$A2637+1</f>
        <v>2626</v>
      </c>
      <c r="B2638" s="239">
        <v>26.303999999999998</v>
      </c>
      <c r="C2638" s="3">
        <f t="shared" ref="C2638:C2701" si="617">MAX($B2638 - $B$13, 0.001)</f>
        <v>26.296999999999997</v>
      </c>
      <c r="D2638" s="239">
        <v>13.4207</v>
      </c>
      <c r="E2638" s="239">
        <v>0.1008</v>
      </c>
      <c r="F2638" s="239">
        <v>0.18859999999999999</v>
      </c>
      <c r="G2638">
        <f t="shared" si="603"/>
        <v>13.45842</v>
      </c>
      <c r="H2638" s="235">
        <f t="shared" si="604"/>
        <v>0.74897350506225846</v>
      </c>
      <c r="I2638" s="236">
        <f t="shared" si="605"/>
        <v>19.669881160653201</v>
      </c>
      <c r="J2638" s="237">
        <f t="shared" si="610"/>
        <v>9.6698811606532011</v>
      </c>
      <c r="K2638" s="237">
        <f t="shared" si="606"/>
        <v>517.25886488169715</v>
      </c>
      <c r="L2638" s="237">
        <f t="shared" si="611"/>
        <v>254.3565540498218</v>
      </c>
      <c r="M2638" s="236">
        <f t="shared" si="607"/>
        <v>50.878032938689159</v>
      </c>
      <c r="N2638" s="236">
        <f t="shared" si="608"/>
        <v>0.77891001392803938</v>
      </c>
      <c r="O2638" s="236">
        <f t="shared" si="612"/>
        <v>2.084521367085411</v>
      </c>
      <c r="P2638" s="236" t="str">
        <f t="shared" si="613"/>
        <v>SAND</v>
      </c>
      <c r="Q2638" s="236" t="e">
        <f t="shared" si="609"/>
        <v>#N/A</v>
      </c>
      <c r="R2638" s="238">
        <v>35</v>
      </c>
      <c r="S2638" s="236" t="e">
        <f t="shared" si="614"/>
        <v>#N/A</v>
      </c>
      <c r="T2638" s="236">
        <f t="shared" si="615"/>
        <v>36.371833433598646</v>
      </c>
    </row>
    <row r="2639" spans="1:20" x14ac:dyDescent="0.2">
      <c r="A2639" s="53">
        <f t="shared" si="616"/>
        <v>2627</v>
      </c>
      <c r="B2639" s="239">
        <v>26.312999999999999</v>
      </c>
      <c r="C2639" s="3">
        <f t="shared" si="617"/>
        <v>26.305999999999997</v>
      </c>
      <c r="D2639" s="239">
        <v>13.5076</v>
      </c>
      <c r="E2639" s="239">
        <v>0.1094</v>
      </c>
      <c r="F2639" s="239">
        <v>0.20169999999999999</v>
      </c>
      <c r="G2639">
        <f t="shared" ref="G2639:G2702" si="618">$D2639+($F2639*(1-$P$8))</f>
        <v>13.547940000000001</v>
      </c>
      <c r="H2639" s="235">
        <f t="shared" ref="H2639:H2702" si="619">($E2639/$G2639)*100</f>
        <v>0.80750283806984668</v>
      </c>
      <c r="I2639" s="236">
        <f t="shared" ref="I2639:I2702" si="620">((0.27*(LOG($H2639)))+(0.36*(LOG(($G2639*1000)/101)))+1.236)*10</f>
        <v>19.76847576192382</v>
      </c>
      <c r="J2639" s="237">
        <f t="shared" si="610"/>
        <v>9.7684757619238205</v>
      </c>
      <c r="K2639" s="237">
        <f t="shared" ref="K2639:K2702" si="621">$I2639*$C2639</f>
        <v>520.02952339316801</v>
      </c>
      <c r="L2639" s="237">
        <f t="shared" si="611"/>
        <v>257.03790272350147</v>
      </c>
      <c r="M2639" s="236">
        <f t="shared" ref="M2639:M2702" si="622">(($G2639*1000)-$K2639)/$L2639</f>
        <v>50.684783600265753</v>
      </c>
      <c r="N2639" s="236">
        <f t="shared" ref="N2639:N2702" si="623">(($E2639*1000)/(($G2639*1000)-$K2639))*100</f>
        <v>0.83973558305025764</v>
      </c>
      <c r="O2639" s="236">
        <f t="shared" si="612"/>
        <v>2.1035016730146072</v>
      </c>
      <c r="P2639" s="236" t="str">
        <f t="shared" si="613"/>
        <v>SAND</v>
      </c>
      <c r="Q2639" s="236" t="e">
        <f t="shared" ref="Q2639:Q2702" si="624">IF(P2639="CLAY",($G2639*1000 -$K2639)/$L$8,#N/A)</f>
        <v>#N/A</v>
      </c>
      <c r="R2639" s="238">
        <v>35</v>
      </c>
      <c r="S2639" s="236" t="e">
        <f t="shared" si="614"/>
        <v>#N/A</v>
      </c>
      <c r="T2639" s="236">
        <f t="shared" si="615"/>
        <v>36.353653562657669</v>
      </c>
    </row>
    <row r="2640" spans="1:20" x14ac:dyDescent="0.2">
      <c r="A2640" s="53">
        <f t="shared" si="616"/>
        <v>2628</v>
      </c>
      <c r="B2640" s="239">
        <v>26.323</v>
      </c>
      <c r="C2640" s="3">
        <f t="shared" si="617"/>
        <v>26.315999999999999</v>
      </c>
      <c r="D2640" s="239">
        <v>13.6432</v>
      </c>
      <c r="E2640" s="239">
        <v>0.1169</v>
      </c>
      <c r="F2640" s="239">
        <v>0.2099</v>
      </c>
      <c r="G2640">
        <f t="shared" si="618"/>
        <v>13.685180000000001</v>
      </c>
      <c r="H2640" s="235">
        <f t="shared" si="619"/>
        <v>0.85420871336730675</v>
      </c>
      <c r="I2640" s="236">
        <f t="shared" si="620"/>
        <v>19.850167697139092</v>
      </c>
      <c r="J2640" s="237">
        <f t="shared" ref="J2640:J2703" si="625">$I2640-10</f>
        <v>9.8501676971390921</v>
      </c>
      <c r="K2640" s="237">
        <f t="shared" si="621"/>
        <v>522.37701311791238</v>
      </c>
      <c r="L2640" s="237">
        <f t="shared" ref="L2640:L2703" si="626">$J2640*$B2640</f>
        <v>259.28596429179231</v>
      </c>
      <c r="M2640" s="236">
        <f t="shared" si="622"/>
        <v>50.765582405644921</v>
      </c>
      <c r="N2640" s="236">
        <f t="shared" si="623"/>
        <v>0.88810871146898818</v>
      </c>
      <c r="O2640" s="236">
        <f t="shared" ref="O2640:O2703" si="627">((3.47-LOG($M2640))^2+(LOG($N2640)+1.22)^2)^0.5</f>
        <v>2.1162534193114375</v>
      </c>
      <c r="P2640" s="236" t="str">
        <f t="shared" ref="P2640:P2703" si="628">IF(O2640&lt;2.6,"SAND","CLAY")</f>
        <v>SAND</v>
      </c>
      <c r="Q2640" s="236" t="e">
        <f t="shared" si="624"/>
        <v>#N/A</v>
      </c>
      <c r="R2640" s="238">
        <v>35</v>
      </c>
      <c r="S2640" s="236" t="e">
        <f t="shared" ref="S2640:S2703" si="629">IF(P2640="SAND",#N/A,0.25*($M2640)^1.25)</f>
        <v>#N/A</v>
      </c>
      <c r="T2640" s="236">
        <f t="shared" si="615"/>
        <v>36.361263102678791</v>
      </c>
    </row>
    <row r="2641" spans="1:20" x14ac:dyDescent="0.2">
      <c r="A2641" s="53">
        <f t="shared" si="616"/>
        <v>2629</v>
      </c>
      <c r="B2641" s="239">
        <v>26.332000000000001</v>
      </c>
      <c r="C2641" s="3">
        <f t="shared" si="617"/>
        <v>26.324999999999999</v>
      </c>
      <c r="D2641" s="239">
        <v>13.770200000000001</v>
      </c>
      <c r="E2641" s="239">
        <v>0.123</v>
      </c>
      <c r="F2641" s="239">
        <v>0.21740000000000001</v>
      </c>
      <c r="G2641">
        <f t="shared" si="618"/>
        <v>13.813680000000002</v>
      </c>
      <c r="H2641" s="235">
        <f t="shared" si="619"/>
        <v>0.8904216689542539</v>
      </c>
      <c r="I2641" s="236">
        <f t="shared" si="620"/>
        <v>19.913465307315661</v>
      </c>
      <c r="J2641" s="237">
        <f t="shared" si="625"/>
        <v>9.9134653073156613</v>
      </c>
      <c r="K2641" s="237">
        <f t="shared" si="621"/>
        <v>524.22197421508474</v>
      </c>
      <c r="L2641" s="237">
        <f t="shared" si="626"/>
        <v>261.041368472236</v>
      </c>
      <c r="M2641" s="236">
        <f t="shared" si="622"/>
        <v>50.909394566702041</v>
      </c>
      <c r="N2641" s="236">
        <f t="shared" si="623"/>
        <v>0.92554564498679193</v>
      </c>
      <c r="O2641" s="236">
        <f t="shared" si="627"/>
        <v>2.1251873729834356</v>
      </c>
      <c r="P2641" s="236" t="str">
        <f t="shared" si="628"/>
        <v>SAND</v>
      </c>
      <c r="Q2641" s="236" t="e">
        <f t="shared" si="624"/>
        <v>#N/A</v>
      </c>
      <c r="R2641" s="238">
        <v>35</v>
      </c>
      <c r="S2641" s="236" t="e">
        <f t="shared" si="629"/>
        <v>#N/A</v>
      </c>
      <c r="T2641" s="236">
        <f t="shared" si="615"/>
        <v>36.374777255056699</v>
      </c>
    </row>
    <row r="2642" spans="1:20" x14ac:dyDescent="0.2">
      <c r="A2642" s="53">
        <f t="shared" si="616"/>
        <v>2630</v>
      </c>
      <c r="B2642" s="239">
        <v>26.341000000000001</v>
      </c>
      <c r="C2642" s="3">
        <f t="shared" si="617"/>
        <v>26.334</v>
      </c>
      <c r="D2642" s="239">
        <v>13.973599999999999</v>
      </c>
      <c r="E2642" s="239">
        <v>0.128</v>
      </c>
      <c r="F2642" s="239">
        <v>0.22370000000000001</v>
      </c>
      <c r="G2642">
        <f t="shared" si="618"/>
        <v>14.018339999999998</v>
      </c>
      <c r="H2642" s="235">
        <f t="shared" si="619"/>
        <v>0.91308956695300603</v>
      </c>
      <c r="I2642" s="236">
        <f t="shared" si="620"/>
        <v>19.965936902647179</v>
      </c>
      <c r="J2642" s="237">
        <f t="shared" si="625"/>
        <v>9.9659369026471794</v>
      </c>
      <c r="K2642" s="237">
        <f t="shared" si="621"/>
        <v>525.78298239431081</v>
      </c>
      <c r="L2642" s="237">
        <f t="shared" si="626"/>
        <v>262.51274395262936</v>
      </c>
      <c r="M2642" s="236">
        <f t="shared" si="622"/>
        <v>51.397721933227103</v>
      </c>
      <c r="N2642" s="236">
        <f t="shared" si="623"/>
        <v>0.94867118095539571</v>
      </c>
      <c r="O2642" s="236">
        <f t="shared" si="627"/>
        <v>2.1277604386506246</v>
      </c>
      <c r="P2642" s="236" t="str">
        <f t="shared" si="628"/>
        <v>SAND</v>
      </c>
      <c r="Q2642" s="236" t="e">
        <f t="shared" si="624"/>
        <v>#N/A</v>
      </c>
      <c r="R2642" s="238">
        <v>35</v>
      </c>
      <c r="S2642" s="236" t="e">
        <f t="shared" si="629"/>
        <v>#N/A</v>
      </c>
      <c r="T2642" s="236">
        <f t="shared" si="615"/>
        <v>36.420382575265322</v>
      </c>
    </row>
    <row r="2643" spans="1:20" x14ac:dyDescent="0.2">
      <c r="A2643" s="53">
        <f t="shared" si="616"/>
        <v>2631</v>
      </c>
      <c r="B2643" s="239">
        <v>26.350999999999999</v>
      </c>
      <c r="C2643" s="3">
        <f t="shared" si="617"/>
        <v>26.343999999999998</v>
      </c>
      <c r="D2643" s="239">
        <v>14.189500000000001</v>
      </c>
      <c r="E2643" s="239">
        <v>0.13439999999999999</v>
      </c>
      <c r="F2643" s="239">
        <v>0.2301</v>
      </c>
      <c r="G2643">
        <f t="shared" si="618"/>
        <v>14.235520000000001</v>
      </c>
      <c r="H2643" s="235">
        <f t="shared" si="619"/>
        <v>0.94411725037090299</v>
      </c>
      <c r="I2643" s="236">
        <f t="shared" si="620"/>
        <v>20.029157082169206</v>
      </c>
      <c r="J2643" s="237">
        <f t="shared" si="625"/>
        <v>10.029157082169206</v>
      </c>
      <c r="K2643" s="237">
        <f t="shared" si="621"/>
        <v>527.64811417266549</v>
      </c>
      <c r="L2643" s="237">
        <f t="shared" si="626"/>
        <v>264.27831827224077</v>
      </c>
      <c r="M2643" s="236">
        <f t="shared" si="622"/>
        <v>51.869074903475273</v>
      </c>
      <c r="N2643" s="236">
        <f t="shared" si="623"/>
        <v>0.98045853593771259</v>
      </c>
      <c r="O2643" s="236">
        <f t="shared" si="627"/>
        <v>2.1325822256233948</v>
      </c>
      <c r="P2643" s="236" t="str">
        <f t="shared" si="628"/>
        <v>SAND</v>
      </c>
      <c r="Q2643" s="236" t="e">
        <f t="shared" si="624"/>
        <v>#N/A</v>
      </c>
      <c r="R2643" s="238">
        <v>35</v>
      </c>
      <c r="S2643" s="236" t="e">
        <f t="shared" si="629"/>
        <v>#N/A</v>
      </c>
      <c r="T2643" s="236">
        <f t="shared" si="615"/>
        <v>36.463993525560333</v>
      </c>
    </row>
    <row r="2644" spans="1:20" x14ac:dyDescent="0.2">
      <c r="A2644" s="53">
        <f t="shared" si="616"/>
        <v>2632</v>
      </c>
      <c r="B2644" s="239">
        <v>26.361000000000001</v>
      </c>
      <c r="C2644" s="3">
        <f t="shared" si="617"/>
        <v>26.353999999999999</v>
      </c>
      <c r="D2644" s="239">
        <v>14.408200000000001</v>
      </c>
      <c r="E2644" s="239">
        <v>0.13769999999999999</v>
      </c>
      <c r="F2644" s="239">
        <v>0.23630000000000001</v>
      </c>
      <c r="G2644">
        <f t="shared" si="618"/>
        <v>14.45546</v>
      </c>
      <c r="H2644" s="235">
        <f t="shared" si="619"/>
        <v>0.9525812391995826</v>
      </c>
      <c r="I2644" s="236">
        <f t="shared" si="620"/>
        <v>20.063593417742634</v>
      </c>
      <c r="J2644" s="237">
        <f t="shared" si="625"/>
        <v>10.063593417742634</v>
      </c>
      <c r="K2644" s="237">
        <f t="shared" si="621"/>
        <v>528.75594093118934</v>
      </c>
      <c r="L2644" s="237">
        <f t="shared" si="626"/>
        <v>265.28638608511358</v>
      </c>
      <c r="M2644" s="236">
        <f t="shared" si="622"/>
        <v>52.496866743100099</v>
      </c>
      <c r="N2644" s="236">
        <f t="shared" si="623"/>
        <v>0.98874794363374363</v>
      </c>
      <c r="O2644" s="236">
        <f t="shared" si="627"/>
        <v>2.130367614906068</v>
      </c>
      <c r="P2644" s="236" t="str">
        <f t="shared" si="628"/>
        <v>SAND</v>
      </c>
      <c r="Q2644" s="236" t="e">
        <f t="shared" si="624"/>
        <v>#N/A</v>
      </c>
      <c r="R2644" s="238">
        <v>35</v>
      </c>
      <c r="S2644" s="236" t="e">
        <f t="shared" si="629"/>
        <v>#N/A</v>
      </c>
      <c r="T2644" s="236">
        <f t="shared" si="615"/>
        <v>36.521467218138241</v>
      </c>
    </row>
    <row r="2645" spans="1:20" x14ac:dyDescent="0.2">
      <c r="A2645" s="53">
        <f t="shared" si="616"/>
        <v>2633</v>
      </c>
      <c r="B2645" s="239">
        <v>26.370999999999999</v>
      </c>
      <c r="C2645" s="3">
        <f t="shared" si="617"/>
        <v>26.363999999999997</v>
      </c>
      <c r="D2645" s="239">
        <v>14.6234</v>
      </c>
      <c r="E2645" s="239">
        <v>0.14130000000000001</v>
      </c>
      <c r="F2645" s="239">
        <v>0.2402</v>
      </c>
      <c r="G2645">
        <f t="shared" si="618"/>
        <v>14.67144</v>
      </c>
      <c r="H2645" s="235">
        <f t="shared" si="619"/>
        <v>0.96309564705304995</v>
      </c>
      <c r="I2645" s="236">
        <f t="shared" si="620"/>
        <v>20.099652359069498</v>
      </c>
      <c r="J2645" s="237">
        <f t="shared" si="625"/>
        <v>10.099652359069498</v>
      </c>
      <c r="K2645" s="237">
        <f t="shared" si="621"/>
        <v>529.90723479450821</v>
      </c>
      <c r="L2645" s="237">
        <f t="shared" si="626"/>
        <v>266.33793236102173</v>
      </c>
      <c r="M2645" s="236">
        <f t="shared" si="622"/>
        <v>53.096202406635079</v>
      </c>
      <c r="N2645" s="236">
        <f t="shared" si="623"/>
        <v>0.99918447558712542</v>
      </c>
      <c r="O2645" s="236">
        <f t="shared" si="627"/>
        <v>2.1289290986741385</v>
      </c>
      <c r="P2645" s="236" t="str">
        <f t="shared" si="628"/>
        <v>SAND</v>
      </c>
      <c r="Q2645" s="236" t="e">
        <f t="shared" si="624"/>
        <v>#N/A</v>
      </c>
      <c r="R2645" s="238">
        <v>35</v>
      </c>
      <c r="S2645" s="236" t="e">
        <f t="shared" si="629"/>
        <v>#N/A</v>
      </c>
      <c r="T2645" s="236">
        <f t="shared" si="615"/>
        <v>36.575698062196707</v>
      </c>
    </row>
    <row r="2646" spans="1:20" x14ac:dyDescent="0.2">
      <c r="A2646" s="53">
        <f t="shared" si="616"/>
        <v>2634</v>
      </c>
      <c r="B2646" s="239">
        <v>26.38</v>
      </c>
      <c r="C2646" s="3">
        <f t="shared" si="617"/>
        <v>26.372999999999998</v>
      </c>
      <c r="D2646" s="239">
        <v>14.8711</v>
      </c>
      <c r="E2646" s="239">
        <v>0.1454</v>
      </c>
      <c r="F2646" s="239">
        <v>0.23580000000000001</v>
      </c>
      <c r="G2646">
        <f t="shared" si="618"/>
        <v>14.91826</v>
      </c>
      <c r="H2646" s="235">
        <f t="shared" si="619"/>
        <v>0.97464449607393888</v>
      </c>
      <c r="I2646" s="236">
        <f t="shared" si="620"/>
        <v>20.139713306703726</v>
      </c>
      <c r="J2646" s="237">
        <f t="shared" si="625"/>
        <v>10.139713306703726</v>
      </c>
      <c r="K2646" s="237">
        <f t="shared" si="621"/>
        <v>531.14465903769735</v>
      </c>
      <c r="L2646" s="237">
        <f t="shared" si="626"/>
        <v>267.48563703084426</v>
      </c>
      <c r="M2646" s="236">
        <f t="shared" si="622"/>
        <v>53.786496728059078</v>
      </c>
      <c r="N2646" s="236">
        <f t="shared" si="623"/>
        <v>1.0106264984616069</v>
      </c>
      <c r="O2646" s="236">
        <f t="shared" si="627"/>
        <v>2.1271764973121887</v>
      </c>
      <c r="P2646" s="236" t="str">
        <f t="shared" si="628"/>
        <v>SAND</v>
      </c>
      <c r="Q2646" s="236" t="e">
        <f t="shared" si="624"/>
        <v>#N/A</v>
      </c>
      <c r="R2646" s="238">
        <v>35</v>
      </c>
      <c r="S2646" s="236" t="e">
        <f t="shared" si="629"/>
        <v>#N/A</v>
      </c>
      <c r="T2646" s="236">
        <f t="shared" si="615"/>
        <v>36.637405841656587</v>
      </c>
    </row>
    <row r="2647" spans="1:20" x14ac:dyDescent="0.2">
      <c r="A2647" s="53">
        <f t="shared" si="616"/>
        <v>2635</v>
      </c>
      <c r="B2647" s="239">
        <v>26.39</v>
      </c>
      <c r="C2647" s="3">
        <f t="shared" si="617"/>
        <v>26.382999999999999</v>
      </c>
      <c r="D2647" s="239">
        <v>15.104900000000001</v>
      </c>
      <c r="E2647" s="239">
        <v>0.14810000000000001</v>
      </c>
      <c r="F2647" s="239">
        <v>0.2235</v>
      </c>
      <c r="G2647">
        <f t="shared" si="618"/>
        <v>15.149600000000001</v>
      </c>
      <c r="H2647" s="235">
        <f t="shared" si="619"/>
        <v>0.97758356656281364</v>
      </c>
      <c r="I2647" s="236">
        <f t="shared" si="620"/>
        <v>20.167302761939126</v>
      </c>
      <c r="J2647" s="237">
        <f t="shared" si="625"/>
        <v>10.167302761939126</v>
      </c>
      <c r="K2647" s="237">
        <f t="shared" si="621"/>
        <v>532.07394876823992</v>
      </c>
      <c r="L2647" s="237">
        <f t="shared" si="626"/>
        <v>268.31511988757353</v>
      </c>
      <c r="M2647" s="236">
        <f t="shared" si="622"/>
        <v>54.478950188705866</v>
      </c>
      <c r="N2647" s="236">
        <f t="shared" si="623"/>
        <v>1.0131673409093751</v>
      </c>
      <c r="O2647" s="236">
        <f t="shared" si="627"/>
        <v>2.1232656866778727</v>
      </c>
      <c r="P2647" s="236" t="str">
        <f t="shared" si="628"/>
        <v>SAND</v>
      </c>
      <c r="Q2647" s="236" t="e">
        <f t="shared" si="624"/>
        <v>#N/A</v>
      </c>
      <c r="R2647" s="238">
        <v>35</v>
      </c>
      <c r="S2647" s="236" t="e">
        <f t="shared" si="629"/>
        <v>#N/A</v>
      </c>
      <c r="T2647" s="236">
        <f t="shared" si="615"/>
        <v>36.698516031268937</v>
      </c>
    </row>
    <row r="2648" spans="1:20" x14ac:dyDescent="0.2">
      <c r="A2648" s="53">
        <f t="shared" si="616"/>
        <v>2636</v>
      </c>
      <c r="B2648" s="239">
        <v>26.4</v>
      </c>
      <c r="C2648" s="3">
        <f t="shared" si="617"/>
        <v>26.392999999999997</v>
      </c>
      <c r="D2648" s="239">
        <v>15.289</v>
      </c>
      <c r="E2648" s="239">
        <v>0.14949999999999999</v>
      </c>
      <c r="F2648" s="239">
        <v>0.22450000000000001</v>
      </c>
      <c r="G2648">
        <f t="shared" si="618"/>
        <v>15.3339</v>
      </c>
      <c r="H2648" s="235">
        <f t="shared" si="619"/>
        <v>0.97496396872289504</v>
      </c>
      <c r="I2648" s="236">
        <f t="shared" si="620"/>
        <v>20.183061638576621</v>
      </c>
      <c r="J2648" s="237">
        <f t="shared" si="625"/>
        <v>10.183061638576621</v>
      </c>
      <c r="K2648" s="237">
        <f t="shared" si="621"/>
        <v>532.69154582695273</v>
      </c>
      <c r="L2648" s="237">
        <f t="shared" si="626"/>
        <v>268.83282725842281</v>
      </c>
      <c r="M2648" s="236">
        <f t="shared" si="622"/>
        <v>55.057295662575413</v>
      </c>
      <c r="N2648" s="236">
        <f t="shared" si="623"/>
        <v>1.0100526620030814</v>
      </c>
      <c r="O2648" s="236">
        <f t="shared" si="627"/>
        <v>2.1187495056392445</v>
      </c>
      <c r="P2648" s="236" t="str">
        <f t="shared" si="628"/>
        <v>SAND</v>
      </c>
      <c r="Q2648" s="236" t="e">
        <f t="shared" si="624"/>
        <v>#N/A</v>
      </c>
      <c r="R2648" s="238">
        <v>35</v>
      </c>
      <c r="S2648" s="236" t="e">
        <f t="shared" si="629"/>
        <v>#N/A</v>
      </c>
      <c r="T2648" s="236">
        <f t="shared" si="615"/>
        <v>36.748963632074478</v>
      </c>
    </row>
    <row r="2649" spans="1:20" x14ac:dyDescent="0.2">
      <c r="A2649" s="53">
        <f t="shared" si="616"/>
        <v>2637</v>
      </c>
      <c r="B2649" s="239">
        <v>26.41</v>
      </c>
      <c r="C2649" s="3">
        <f t="shared" si="617"/>
        <v>26.402999999999999</v>
      </c>
      <c r="D2649" s="239">
        <v>15.430300000000001</v>
      </c>
      <c r="E2649" s="239">
        <v>0.14990000000000001</v>
      </c>
      <c r="F2649" s="239">
        <v>0.21920000000000001</v>
      </c>
      <c r="G2649">
        <f t="shared" si="618"/>
        <v>15.47414</v>
      </c>
      <c r="H2649" s="235">
        <f t="shared" si="619"/>
        <v>0.96871296240049531</v>
      </c>
      <c r="I2649" s="236">
        <f t="shared" si="620"/>
        <v>20.189753332652025</v>
      </c>
      <c r="J2649" s="237">
        <f t="shared" si="625"/>
        <v>10.189753332652025</v>
      </c>
      <c r="K2649" s="237">
        <f t="shared" si="621"/>
        <v>533.07005724201133</v>
      </c>
      <c r="L2649" s="237">
        <f t="shared" si="626"/>
        <v>269.11138551533998</v>
      </c>
      <c r="M2649" s="236">
        <f t="shared" si="622"/>
        <v>55.520021622817261</v>
      </c>
      <c r="N2649" s="236">
        <f t="shared" si="623"/>
        <v>1.00327486970006</v>
      </c>
      <c r="O2649" s="236">
        <f t="shared" si="627"/>
        <v>2.1140933627675076</v>
      </c>
      <c r="P2649" s="236" t="str">
        <f t="shared" si="628"/>
        <v>SAND</v>
      </c>
      <c r="Q2649" s="236" t="e">
        <f t="shared" si="624"/>
        <v>#N/A</v>
      </c>
      <c r="R2649" s="238">
        <v>35</v>
      </c>
      <c r="S2649" s="236" t="e">
        <f t="shared" si="629"/>
        <v>#N/A</v>
      </c>
      <c r="T2649" s="236">
        <f t="shared" si="615"/>
        <v>36.788945892457875</v>
      </c>
    </row>
    <row r="2650" spans="1:20" x14ac:dyDescent="0.2">
      <c r="A2650" s="53">
        <f t="shared" si="616"/>
        <v>2638</v>
      </c>
      <c r="B2650" s="239">
        <v>26.419</v>
      </c>
      <c r="C2650" s="3">
        <f t="shared" si="617"/>
        <v>26.411999999999999</v>
      </c>
      <c r="D2650" s="239">
        <v>15.5848</v>
      </c>
      <c r="E2650" s="239">
        <v>0.14879999999999999</v>
      </c>
      <c r="F2650" s="239">
        <v>0.22470000000000001</v>
      </c>
      <c r="G2650">
        <f t="shared" si="618"/>
        <v>15.62974</v>
      </c>
      <c r="H2650" s="235">
        <f t="shared" si="619"/>
        <v>0.95203119181765017</v>
      </c>
      <c r="I2650" s="236">
        <f t="shared" si="620"/>
        <v>20.185027546898748</v>
      </c>
      <c r="J2650" s="237">
        <f t="shared" si="625"/>
        <v>10.185027546898748</v>
      </c>
      <c r="K2650" s="237">
        <f t="shared" si="621"/>
        <v>533.12694756868973</v>
      </c>
      <c r="L2650" s="237">
        <f t="shared" si="626"/>
        <v>269.07824276151803</v>
      </c>
      <c r="M2650" s="236">
        <f t="shared" si="622"/>
        <v>56.10491913986268</v>
      </c>
      <c r="N2650" s="236">
        <f t="shared" si="623"/>
        <v>0.98565154636480368</v>
      </c>
      <c r="O2650" s="236">
        <f t="shared" si="627"/>
        <v>2.1059350113364372</v>
      </c>
      <c r="P2650" s="236" t="str">
        <f t="shared" si="628"/>
        <v>SAND</v>
      </c>
      <c r="Q2650" s="236" t="e">
        <f t="shared" si="624"/>
        <v>#N/A</v>
      </c>
      <c r="R2650" s="238">
        <v>35</v>
      </c>
      <c r="S2650" s="236" t="e">
        <f t="shared" si="629"/>
        <v>#N/A</v>
      </c>
      <c r="T2650" s="236">
        <f t="shared" si="615"/>
        <v>36.839010348649182</v>
      </c>
    </row>
    <row r="2651" spans="1:20" x14ac:dyDescent="0.2">
      <c r="A2651" s="53">
        <f t="shared" si="616"/>
        <v>2639</v>
      </c>
      <c r="B2651" s="239">
        <v>26.43</v>
      </c>
      <c r="C2651" s="3">
        <f t="shared" si="617"/>
        <v>26.422999999999998</v>
      </c>
      <c r="D2651" s="239">
        <v>15.726599999999999</v>
      </c>
      <c r="E2651" s="239">
        <v>0.14760000000000001</v>
      </c>
      <c r="F2651" s="239">
        <v>0.2336</v>
      </c>
      <c r="G2651">
        <f t="shared" si="618"/>
        <v>15.77332</v>
      </c>
      <c r="H2651" s="235">
        <f t="shared" si="619"/>
        <v>0.93575734214483708</v>
      </c>
      <c r="I2651" s="236">
        <f t="shared" si="620"/>
        <v>20.179107022308365</v>
      </c>
      <c r="J2651" s="237">
        <f t="shared" si="625"/>
        <v>10.179107022308365</v>
      </c>
      <c r="K2651" s="237">
        <f t="shared" si="621"/>
        <v>533.19254485045394</v>
      </c>
      <c r="L2651" s="237">
        <f t="shared" si="626"/>
        <v>269.03379859961007</v>
      </c>
      <c r="M2651" s="236">
        <f t="shared" si="622"/>
        <v>56.647631392331817</v>
      </c>
      <c r="N2651" s="236">
        <f t="shared" si="623"/>
        <v>0.96849583728466049</v>
      </c>
      <c r="O2651" s="236">
        <f t="shared" si="627"/>
        <v>2.0981269474824202</v>
      </c>
      <c r="P2651" s="236" t="str">
        <f t="shared" si="628"/>
        <v>SAND</v>
      </c>
      <c r="Q2651" s="236" t="e">
        <f t="shared" si="624"/>
        <v>#N/A</v>
      </c>
      <c r="R2651" s="238">
        <v>35</v>
      </c>
      <c r="S2651" s="236" t="e">
        <f t="shared" si="629"/>
        <v>#N/A</v>
      </c>
      <c r="T2651" s="236">
        <f t="shared" si="615"/>
        <v>36.884999309641003</v>
      </c>
    </row>
    <row r="2652" spans="1:20" x14ac:dyDescent="0.2">
      <c r="A2652" s="53">
        <f t="shared" si="616"/>
        <v>2640</v>
      </c>
      <c r="B2652" s="239">
        <v>26.439</v>
      </c>
      <c r="C2652" s="3">
        <f t="shared" si="617"/>
        <v>26.431999999999999</v>
      </c>
      <c r="D2652" s="239">
        <v>15.879099999999999</v>
      </c>
      <c r="E2652" s="239">
        <v>0.14630000000000001</v>
      </c>
      <c r="F2652" s="239">
        <v>0.23630000000000001</v>
      </c>
      <c r="G2652">
        <f t="shared" si="618"/>
        <v>15.926359999999999</v>
      </c>
      <c r="H2652" s="235">
        <f t="shared" si="619"/>
        <v>0.91860286970783034</v>
      </c>
      <c r="I2652" s="236">
        <f t="shared" si="620"/>
        <v>20.172507610398824</v>
      </c>
      <c r="J2652" s="237">
        <f t="shared" si="625"/>
        <v>10.172507610398824</v>
      </c>
      <c r="K2652" s="237">
        <f t="shared" si="621"/>
        <v>533.19972115806172</v>
      </c>
      <c r="L2652" s="237">
        <f t="shared" si="626"/>
        <v>268.95092871133454</v>
      </c>
      <c r="M2652" s="236">
        <f t="shared" si="622"/>
        <v>57.234084866698637</v>
      </c>
      <c r="N2652" s="236">
        <f t="shared" si="623"/>
        <v>0.95042211832933965</v>
      </c>
      <c r="O2652" s="236">
        <f t="shared" si="627"/>
        <v>2.0897680021469549</v>
      </c>
      <c r="P2652" s="236" t="str">
        <f t="shared" si="628"/>
        <v>SAND</v>
      </c>
      <c r="Q2652" s="236" t="e">
        <f t="shared" si="624"/>
        <v>#N/A</v>
      </c>
      <c r="R2652" s="238">
        <v>35</v>
      </c>
      <c r="S2652" s="236" t="e">
        <f t="shared" si="629"/>
        <v>#N/A</v>
      </c>
      <c r="T2652" s="236">
        <f t="shared" si="615"/>
        <v>36.934202174576981</v>
      </c>
    </row>
    <row r="2653" spans="1:20" x14ac:dyDescent="0.2">
      <c r="A2653" s="53">
        <f t="shared" si="616"/>
        <v>2641</v>
      </c>
      <c r="B2653" s="239">
        <v>26.449000000000002</v>
      </c>
      <c r="C2653" s="3">
        <f t="shared" si="617"/>
        <v>26.442</v>
      </c>
      <c r="D2653" s="239">
        <v>16.037600000000001</v>
      </c>
      <c r="E2653" s="239">
        <v>0.1459</v>
      </c>
      <c r="F2653" s="239">
        <v>0.23780000000000001</v>
      </c>
      <c r="G2653">
        <f t="shared" si="618"/>
        <v>16.085160000000002</v>
      </c>
      <c r="H2653" s="235">
        <f t="shared" si="619"/>
        <v>0.907047241059461</v>
      </c>
      <c r="I2653" s="236">
        <f t="shared" si="620"/>
        <v>20.173175189185024</v>
      </c>
      <c r="J2653" s="237">
        <f t="shared" si="625"/>
        <v>10.173175189185024</v>
      </c>
      <c r="K2653" s="237">
        <f t="shared" si="621"/>
        <v>533.41909835243041</v>
      </c>
      <c r="L2653" s="237">
        <f t="shared" si="626"/>
        <v>269.07031057875469</v>
      </c>
      <c r="M2653" s="236">
        <f t="shared" si="622"/>
        <v>57.798056085030993</v>
      </c>
      <c r="N2653" s="236">
        <f t="shared" si="623"/>
        <v>0.93815863396067234</v>
      </c>
      <c r="O2653" s="236">
        <f t="shared" si="627"/>
        <v>2.0830465990976132</v>
      </c>
      <c r="P2653" s="236" t="str">
        <f t="shared" si="628"/>
        <v>SAND</v>
      </c>
      <c r="Q2653" s="236" t="e">
        <f t="shared" si="624"/>
        <v>#N/A</v>
      </c>
      <c r="R2653" s="238">
        <v>35</v>
      </c>
      <c r="S2653" s="236" t="e">
        <f t="shared" si="629"/>
        <v>#N/A</v>
      </c>
      <c r="T2653" s="236">
        <f t="shared" si="615"/>
        <v>36.981045553021104</v>
      </c>
    </row>
    <row r="2654" spans="1:20" x14ac:dyDescent="0.2">
      <c r="A2654" s="53">
        <f t="shared" si="616"/>
        <v>2642</v>
      </c>
      <c r="B2654" s="239">
        <v>26.46</v>
      </c>
      <c r="C2654" s="3">
        <f t="shared" si="617"/>
        <v>26.452999999999999</v>
      </c>
      <c r="D2654" s="239">
        <v>16.182600000000001</v>
      </c>
      <c r="E2654" s="239">
        <v>0.14560000000000001</v>
      </c>
      <c r="F2654" s="239">
        <v>0.2477</v>
      </c>
      <c r="G2654">
        <f t="shared" si="618"/>
        <v>16.232140000000001</v>
      </c>
      <c r="H2654" s="235">
        <f t="shared" si="619"/>
        <v>0.89698585645515627</v>
      </c>
      <c r="I2654" s="236">
        <f t="shared" si="620"/>
        <v>20.174316968615496</v>
      </c>
      <c r="J2654" s="237">
        <f t="shared" si="625"/>
        <v>10.174316968615496</v>
      </c>
      <c r="K2654" s="237">
        <f t="shared" si="621"/>
        <v>533.67120677078572</v>
      </c>
      <c r="L2654" s="237">
        <f t="shared" si="626"/>
        <v>269.21242698956604</v>
      </c>
      <c r="M2654" s="236">
        <f t="shared" si="622"/>
        <v>58.312571112616759</v>
      </c>
      <c r="N2654" s="236">
        <f t="shared" si="623"/>
        <v>0.92747899121726818</v>
      </c>
      <c r="O2654" s="236">
        <f t="shared" si="627"/>
        <v>2.0770453753602598</v>
      </c>
      <c r="P2654" s="236" t="str">
        <f t="shared" si="628"/>
        <v>SAND</v>
      </c>
      <c r="Q2654" s="236" t="e">
        <f t="shared" si="624"/>
        <v>#N/A</v>
      </c>
      <c r="R2654" s="238">
        <v>35</v>
      </c>
      <c r="S2654" s="236" t="e">
        <f t="shared" si="629"/>
        <v>#N/A</v>
      </c>
      <c r="T2654" s="236">
        <f t="shared" si="615"/>
        <v>37.023384097878953</v>
      </c>
    </row>
    <row r="2655" spans="1:20" x14ac:dyDescent="0.2">
      <c r="A2655" s="53">
        <f t="shared" si="616"/>
        <v>2643</v>
      </c>
      <c r="B2655" s="239">
        <v>26.47</v>
      </c>
      <c r="C2655" s="3">
        <f t="shared" si="617"/>
        <v>26.462999999999997</v>
      </c>
      <c r="D2655" s="239">
        <v>16.333300000000001</v>
      </c>
      <c r="E2655" s="239">
        <v>0.14580000000000001</v>
      </c>
      <c r="F2655" s="239">
        <v>0.24640000000000001</v>
      </c>
      <c r="G2655">
        <f t="shared" si="618"/>
        <v>16.382580000000001</v>
      </c>
      <c r="H2655" s="235">
        <f t="shared" si="619"/>
        <v>0.88996971173038675</v>
      </c>
      <c r="I2655" s="236">
        <f t="shared" si="620"/>
        <v>20.179532436789884</v>
      </c>
      <c r="J2655" s="237">
        <f t="shared" si="625"/>
        <v>10.179532436789884</v>
      </c>
      <c r="K2655" s="237">
        <f t="shared" si="621"/>
        <v>534.0109668747707</v>
      </c>
      <c r="L2655" s="237">
        <f t="shared" si="626"/>
        <v>269.45222360182822</v>
      </c>
      <c r="M2655" s="236">
        <f t="shared" si="622"/>
        <v>58.817733330509796</v>
      </c>
      <c r="N2655" s="236">
        <f t="shared" si="623"/>
        <v>0.91995687241707547</v>
      </c>
      <c r="O2655" s="236">
        <f t="shared" si="627"/>
        <v>2.0719501670341227</v>
      </c>
      <c r="P2655" s="236" t="str">
        <f t="shared" si="628"/>
        <v>SAND</v>
      </c>
      <c r="Q2655" s="236" t="e">
        <f t="shared" si="624"/>
        <v>#N/A</v>
      </c>
      <c r="R2655" s="238">
        <v>35</v>
      </c>
      <c r="S2655" s="236" t="e">
        <f t="shared" si="629"/>
        <v>#N/A</v>
      </c>
      <c r="T2655" s="236">
        <f t="shared" si="615"/>
        <v>37.064591124105007</v>
      </c>
    </row>
    <row r="2656" spans="1:20" x14ac:dyDescent="0.2">
      <c r="A2656" s="53">
        <f t="shared" si="616"/>
        <v>2644</v>
      </c>
      <c r="B2656" s="239">
        <v>26.48</v>
      </c>
      <c r="C2656" s="3">
        <f t="shared" si="617"/>
        <v>26.472999999999999</v>
      </c>
      <c r="D2656" s="239">
        <v>16.4511</v>
      </c>
      <c r="E2656" s="239">
        <v>0.14649999999999999</v>
      </c>
      <c r="F2656" s="239">
        <v>0.24970000000000001</v>
      </c>
      <c r="G2656">
        <f t="shared" si="618"/>
        <v>16.50104</v>
      </c>
      <c r="H2656" s="235">
        <f t="shared" si="619"/>
        <v>0.88782282813689317</v>
      </c>
      <c r="I2656" s="236">
        <f t="shared" si="620"/>
        <v>20.18796482640348</v>
      </c>
      <c r="J2656" s="237">
        <f t="shared" si="625"/>
        <v>10.18796482640348</v>
      </c>
      <c r="K2656" s="237">
        <f t="shared" si="621"/>
        <v>534.43599284937932</v>
      </c>
      <c r="L2656" s="237">
        <f t="shared" si="626"/>
        <v>269.77730860316416</v>
      </c>
      <c r="M2656" s="236">
        <f t="shared" si="622"/>
        <v>59.184384668308432</v>
      </c>
      <c r="N2656" s="236">
        <f t="shared" si="623"/>
        <v>0.91754013523721245</v>
      </c>
      <c r="O2656" s="236">
        <f t="shared" si="627"/>
        <v>2.0690825657196612</v>
      </c>
      <c r="P2656" s="236" t="str">
        <f t="shared" si="628"/>
        <v>SAND</v>
      </c>
      <c r="Q2656" s="236" t="e">
        <f t="shared" si="624"/>
        <v>#N/A</v>
      </c>
      <c r="R2656" s="238">
        <v>35</v>
      </c>
      <c r="S2656" s="236" t="e">
        <f t="shared" si="629"/>
        <v>#N/A</v>
      </c>
      <c r="T2656" s="236">
        <f t="shared" si="615"/>
        <v>37.094278503403842</v>
      </c>
    </row>
    <row r="2657" spans="1:20" x14ac:dyDescent="0.2">
      <c r="A2657" s="53">
        <f t="shared" si="616"/>
        <v>2645</v>
      </c>
      <c r="B2657" s="239">
        <v>26.49</v>
      </c>
      <c r="C2657" s="3">
        <f t="shared" si="617"/>
        <v>26.482999999999997</v>
      </c>
      <c r="D2657" s="239">
        <v>16.555900000000001</v>
      </c>
      <c r="E2657" s="239">
        <v>0.14899999999999999</v>
      </c>
      <c r="F2657" s="239">
        <v>0.25280000000000002</v>
      </c>
      <c r="G2657">
        <f t="shared" si="618"/>
        <v>16.606460000000002</v>
      </c>
      <c r="H2657" s="235">
        <f t="shared" si="619"/>
        <v>0.89724119408952885</v>
      </c>
      <c r="I2657" s="236">
        <f t="shared" si="620"/>
        <v>20.21029533646043</v>
      </c>
      <c r="J2657" s="237">
        <f t="shared" si="625"/>
        <v>10.21029533646043</v>
      </c>
      <c r="K2657" s="237">
        <f t="shared" si="621"/>
        <v>535.22925139548147</v>
      </c>
      <c r="L2657" s="237">
        <f t="shared" si="626"/>
        <v>270.47072346283676</v>
      </c>
      <c r="M2657" s="236">
        <f t="shared" si="622"/>
        <v>59.419483716553678</v>
      </c>
      <c r="N2657" s="236">
        <f t="shared" si="623"/>
        <v>0.92712252303973552</v>
      </c>
      <c r="O2657" s="236">
        <f t="shared" si="627"/>
        <v>2.0702540505989795</v>
      </c>
      <c r="P2657" s="236" t="str">
        <f t="shared" si="628"/>
        <v>SAND</v>
      </c>
      <c r="Q2657" s="236" t="e">
        <f t="shared" si="624"/>
        <v>#N/A</v>
      </c>
      <c r="R2657" s="238">
        <v>35</v>
      </c>
      <c r="S2657" s="236" t="e">
        <f t="shared" si="629"/>
        <v>#N/A</v>
      </c>
      <c r="T2657" s="236">
        <f t="shared" si="615"/>
        <v>37.113217613892914</v>
      </c>
    </row>
    <row r="2658" spans="1:20" x14ac:dyDescent="0.2">
      <c r="A2658" s="53">
        <f t="shared" si="616"/>
        <v>2646</v>
      </c>
      <c r="B2658" s="239">
        <v>26.5</v>
      </c>
      <c r="C2658" s="3">
        <f t="shared" si="617"/>
        <v>26.492999999999999</v>
      </c>
      <c r="D2658" s="239">
        <v>16.6373</v>
      </c>
      <c r="E2658" s="239">
        <v>0.152</v>
      </c>
      <c r="F2658" s="239">
        <v>0.25309999999999999</v>
      </c>
      <c r="G2658">
        <f t="shared" si="618"/>
        <v>16.687919999999998</v>
      </c>
      <c r="H2658" s="235">
        <f t="shared" si="619"/>
        <v>0.91083849874639866</v>
      </c>
      <c r="I2658" s="236">
        <f t="shared" si="620"/>
        <v>20.235582730049334</v>
      </c>
      <c r="J2658" s="237">
        <f t="shared" si="625"/>
        <v>10.235582730049334</v>
      </c>
      <c r="K2658" s="237">
        <f t="shared" si="621"/>
        <v>536.10129326719698</v>
      </c>
      <c r="L2658" s="237">
        <f t="shared" si="626"/>
        <v>271.24294234630736</v>
      </c>
      <c r="M2658" s="236">
        <f t="shared" si="622"/>
        <v>59.54742478095924</v>
      </c>
      <c r="N2658" s="236">
        <f t="shared" si="623"/>
        <v>0.9410704934215216</v>
      </c>
      <c r="O2658" s="236">
        <f t="shared" si="627"/>
        <v>2.0732157037207855</v>
      </c>
      <c r="P2658" s="236" t="str">
        <f t="shared" si="628"/>
        <v>SAND</v>
      </c>
      <c r="Q2658" s="236" t="e">
        <f t="shared" si="624"/>
        <v>#N/A</v>
      </c>
      <c r="R2658" s="238">
        <v>35</v>
      </c>
      <c r="S2658" s="236" t="e">
        <f t="shared" si="629"/>
        <v>#N/A</v>
      </c>
      <c r="T2658" s="236">
        <f t="shared" si="615"/>
        <v>37.123492829487446</v>
      </c>
    </row>
    <row r="2659" spans="1:20" x14ac:dyDescent="0.2">
      <c r="A2659" s="53">
        <f t="shared" si="616"/>
        <v>2647</v>
      </c>
      <c r="B2659" s="239">
        <v>26.51</v>
      </c>
      <c r="C2659" s="3">
        <f t="shared" si="617"/>
        <v>26.503</v>
      </c>
      <c r="D2659" s="239">
        <v>16.722799999999999</v>
      </c>
      <c r="E2659" s="239">
        <v>0.15509999999999999</v>
      </c>
      <c r="F2659" s="239">
        <v>0.25040000000000001</v>
      </c>
      <c r="G2659">
        <f t="shared" si="618"/>
        <v>16.772880000000001</v>
      </c>
      <c r="H2659" s="235">
        <f t="shared" si="619"/>
        <v>0.92470702705796481</v>
      </c>
      <c r="I2659" s="236">
        <f t="shared" si="620"/>
        <v>20.261241784362429</v>
      </c>
      <c r="J2659" s="237">
        <f t="shared" si="625"/>
        <v>10.261241784362429</v>
      </c>
      <c r="K2659" s="237">
        <f t="shared" si="621"/>
        <v>536.9836910109575</v>
      </c>
      <c r="L2659" s="237">
        <f t="shared" si="626"/>
        <v>272.02551970344803</v>
      </c>
      <c r="M2659" s="236">
        <f t="shared" si="622"/>
        <v>59.685195443018749</v>
      </c>
      <c r="N2659" s="236">
        <f t="shared" si="623"/>
        <v>0.95529065379734224</v>
      </c>
      <c r="O2659" s="236">
        <f t="shared" si="627"/>
        <v>2.0761534614728414</v>
      </c>
      <c r="P2659" s="236" t="str">
        <f t="shared" si="628"/>
        <v>SAND</v>
      </c>
      <c r="Q2659" s="236" t="e">
        <f t="shared" si="624"/>
        <v>#N/A</v>
      </c>
      <c r="R2659" s="238">
        <v>35</v>
      </c>
      <c r="S2659" s="236" t="e">
        <f t="shared" si="629"/>
        <v>#N/A</v>
      </c>
      <c r="T2659" s="236">
        <f t="shared" si="615"/>
        <v>37.13453282362633</v>
      </c>
    </row>
    <row r="2660" spans="1:20" x14ac:dyDescent="0.2">
      <c r="A2660" s="53">
        <f t="shared" si="616"/>
        <v>2648</v>
      </c>
      <c r="B2660" s="239">
        <v>26.52</v>
      </c>
      <c r="C2660" s="3">
        <f t="shared" si="617"/>
        <v>26.512999999999998</v>
      </c>
      <c r="D2660" s="239">
        <v>16.7758</v>
      </c>
      <c r="E2660" s="239">
        <v>0.15790000000000001</v>
      </c>
      <c r="F2660" s="239">
        <v>0.25109999999999999</v>
      </c>
      <c r="G2660">
        <f t="shared" si="618"/>
        <v>16.82602</v>
      </c>
      <c r="H2660" s="235">
        <f t="shared" si="619"/>
        <v>0.93842750692082855</v>
      </c>
      <c r="I2660" s="236">
        <f t="shared" si="620"/>
        <v>20.283458066122737</v>
      </c>
      <c r="J2660" s="237">
        <f t="shared" si="625"/>
        <v>10.283458066122737</v>
      </c>
      <c r="K2660" s="237">
        <f t="shared" si="621"/>
        <v>537.77532370711208</v>
      </c>
      <c r="L2660" s="237">
        <f t="shared" si="626"/>
        <v>272.71730791357498</v>
      </c>
      <c r="M2660" s="236">
        <f t="shared" si="622"/>
        <v>59.725746051492585</v>
      </c>
      <c r="N2660" s="236">
        <f t="shared" si="623"/>
        <v>0.96941078144423565</v>
      </c>
      <c r="O2660" s="236">
        <f t="shared" si="627"/>
        <v>2.0796032705594181</v>
      </c>
      <c r="P2660" s="236" t="str">
        <f t="shared" si="628"/>
        <v>SAND</v>
      </c>
      <c r="Q2660" s="236" t="e">
        <f t="shared" si="624"/>
        <v>#N/A</v>
      </c>
      <c r="R2660" s="238">
        <v>35</v>
      </c>
      <c r="S2660" s="236" t="e">
        <f t="shared" si="629"/>
        <v>#N/A</v>
      </c>
      <c r="T2660" s="236">
        <f t="shared" si="615"/>
        <v>37.137777416885541</v>
      </c>
    </row>
    <row r="2661" spans="1:20" x14ac:dyDescent="0.2">
      <c r="A2661" s="53">
        <f t="shared" si="616"/>
        <v>2649</v>
      </c>
      <c r="B2661" s="239">
        <v>26.530999999999999</v>
      </c>
      <c r="C2661" s="3">
        <f t="shared" si="617"/>
        <v>26.523999999999997</v>
      </c>
      <c r="D2661" s="239">
        <v>16.838100000000001</v>
      </c>
      <c r="E2661" s="239">
        <v>0.1608</v>
      </c>
      <c r="F2661" s="239">
        <v>0.25059999999999999</v>
      </c>
      <c r="G2661">
        <f t="shared" si="618"/>
        <v>16.88822</v>
      </c>
      <c r="H2661" s="235">
        <f t="shared" si="619"/>
        <v>0.95214297303090556</v>
      </c>
      <c r="I2661" s="236">
        <f t="shared" si="620"/>
        <v>20.306240864331876</v>
      </c>
      <c r="J2661" s="237">
        <f t="shared" si="625"/>
        <v>10.306240864331876</v>
      </c>
      <c r="K2661" s="237">
        <f t="shared" si="621"/>
        <v>538.60273268553863</v>
      </c>
      <c r="L2661" s="237">
        <f t="shared" si="626"/>
        <v>273.43487637158898</v>
      </c>
      <c r="M2661" s="236">
        <f t="shared" si="622"/>
        <v>59.793459723462163</v>
      </c>
      <c r="N2661" s="236">
        <f t="shared" si="623"/>
        <v>0.98350926123185345</v>
      </c>
      <c r="O2661" s="236">
        <f t="shared" si="627"/>
        <v>2.0828474085887496</v>
      </c>
      <c r="P2661" s="236" t="str">
        <f t="shared" si="628"/>
        <v>SAND</v>
      </c>
      <c r="Q2661" s="236" t="e">
        <f t="shared" si="624"/>
        <v>#N/A</v>
      </c>
      <c r="R2661" s="238">
        <v>35</v>
      </c>
      <c r="S2661" s="236" t="e">
        <f t="shared" si="629"/>
        <v>#N/A</v>
      </c>
      <c r="T2661" s="236">
        <f t="shared" si="615"/>
        <v>37.143190512587722</v>
      </c>
    </row>
    <row r="2662" spans="1:20" x14ac:dyDescent="0.2">
      <c r="A2662" s="53">
        <f t="shared" si="616"/>
        <v>2650</v>
      </c>
      <c r="B2662" s="239">
        <v>26.541</v>
      </c>
      <c r="C2662" s="3">
        <f t="shared" si="617"/>
        <v>26.533999999999999</v>
      </c>
      <c r="D2662" s="239">
        <v>16.8354</v>
      </c>
      <c r="E2662" s="239">
        <v>0.16450000000000001</v>
      </c>
      <c r="F2662" s="239">
        <v>0.25440000000000002</v>
      </c>
      <c r="G2662">
        <f t="shared" si="618"/>
        <v>16.886279999999999</v>
      </c>
      <c r="H2662" s="235">
        <f t="shared" si="619"/>
        <v>0.97416364054131521</v>
      </c>
      <c r="I2662" s="236">
        <f t="shared" si="620"/>
        <v>20.33287157818387</v>
      </c>
      <c r="J2662" s="237">
        <f t="shared" si="625"/>
        <v>10.33287157818387</v>
      </c>
      <c r="K2662" s="237">
        <f t="shared" si="621"/>
        <v>539.5124144555308</v>
      </c>
      <c r="L2662" s="237">
        <f t="shared" si="626"/>
        <v>274.2447445565781</v>
      </c>
      <c r="M2662" s="236">
        <f t="shared" si="622"/>
        <v>59.606493506285027</v>
      </c>
      <c r="N2662" s="236">
        <f t="shared" si="623"/>
        <v>1.0063151576551943</v>
      </c>
      <c r="O2662" s="236">
        <f t="shared" si="627"/>
        <v>2.089762747177748</v>
      </c>
      <c r="P2662" s="236" t="str">
        <f t="shared" si="628"/>
        <v>SAND</v>
      </c>
      <c r="Q2662" s="236" t="e">
        <f t="shared" si="624"/>
        <v>#N/A</v>
      </c>
      <c r="R2662" s="238">
        <v>35</v>
      </c>
      <c r="S2662" s="236" t="e">
        <f t="shared" si="629"/>
        <v>#N/A</v>
      </c>
      <c r="T2662" s="236">
        <f t="shared" si="615"/>
        <v>37.128229315928763</v>
      </c>
    </row>
    <row r="2663" spans="1:20" x14ac:dyDescent="0.2">
      <c r="A2663" s="53">
        <f t="shared" si="616"/>
        <v>2651</v>
      </c>
      <c r="B2663" s="239">
        <v>26.55</v>
      </c>
      <c r="C2663" s="3">
        <f t="shared" si="617"/>
        <v>26.542999999999999</v>
      </c>
      <c r="D2663" s="239">
        <v>16.787800000000001</v>
      </c>
      <c r="E2663" s="239">
        <v>0.16739999999999999</v>
      </c>
      <c r="F2663" s="239">
        <v>0.24759999999999999</v>
      </c>
      <c r="G2663">
        <f t="shared" si="618"/>
        <v>16.837320000000002</v>
      </c>
      <c r="H2663" s="235">
        <f t="shared" si="619"/>
        <v>0.99421998275259948</v>
      </c>
      <c r="I2663" s="236">
        <f t="shared" si="620"/>
        <v>20.352228448580032</v>
      </c>
      <c r="J2663" s="237">
        <f t="shared" si="625"/>
        <v>10.352228448580032</v>
      </c>
      <c r="K2663" s="237">
        <f t="shared" si="621"/>
        <v>540.20919971065973</v>
      </c>
      <c r="L2663" s="237">
        <f t="shared" si="626"/>
        <v>274.85166530979984</v>
      </c>
      <c r="M2663" s="236">
        <f t="shared" si="622"/>
        <v>59.294204318973321</v>
      </c>
      <c r="N2663" s="236">
        <f t="shared" si="623"/>
        <v>1.0271759335220814</v>
      </c>
      <c r="O2663" s="236">
        <f t="shared" si="627"/>
        <v>2.0968348622135013</v>
      </c>
      <c r="P2663" s="236" t="str">
        <f t="shared" si="628"/>
        <v>SAND</v>
      </c>
      <c r="Q2663" s="236" t="e">
        <f t="shared" si="624"/>
        <v>#N/A</v>
      </c>
      <c r="R2663" s="238">
        <v>35</v>
      </c>
      <c r="S2663" s="236" t="e">
        <f t="shared" si="629"/>
        <v>#N/A</v>
      </c>
      <c r="T2663" s="236">
        <f t="shared" si="615"/>
        <v>37.103134701066324</v>
      </c>
    </row>
    <row r="2664" spans="1:20" x14ac:dyDescent="0.2">
      <c r="A2664" s="53">
        <f t="shared" si="616"/>
        <v>2652</v>
      </c>
      <c r="B2664" s="239">
        <v>26.562000000000001</v>
      </c>
      <c r="C2664" s="3">
        <f t="shared" si="617"/>
        <v>26.555</v>
      </c>
      <c r="D2664" s="239">
        <v>16.659600000000001</v>
      </c>
      <c r="E2664" s="239">
        <v>0.17050000000000001</v>
      </c>
      <c r="F2664" s="239">
        <v>0.24679999999999999</v>
      </c>
      <c r="G2664">
        <f t="shared" si="618"/>
        <v>16.708960000000001</v>
      </c>
      <c r="H2664" s="235">
        <f t="shared" si="619"/>
        <v>1.0204106060460973</v>
      </c>
      <c r="I2664" s="236">
        <f t="shared" si="620"/>
        <v>20.370753366787866</v>
      </c>
      <c r="J2664" s="237">
        <f t="shared" si="625"/>
        <v>10.370753366787866</v>
      </c>
      <c r="K2664" s="237">
        <f t="shared" si="621"/>
        <v>540.9453556550518</v>
      </c>
      <c r="L2664" s="237">
        <f t="shared" si="626"/>
        <v>275.4679509286193</v>
      </c>
      <c r="M2664" s="236">
        <f t="shared" si="622"/>
        <v>58.692906342975959</v>
      </c>
      <c r="N2664" s="236">
        <f t="shared" si="623"/>
        <v>1.0545512467087936</v>
      </c>
      <c r="O2664" s="236">
        <f t="shared" si="627"/>
        <v>2.107137439481293</v>
      </c>
      <c r="P2664" s="236" t="str">
        <f t="shared" si="628"/>
        <v>SAND</v>
      </c>
      <c r="Q2664" s="236" t="e">
        <f t="shared" si="624"/>
        <v>#N/A</v>
      </c>
      <c r="R2664" s="238">
        <v>35</v>
      </c>
      <c r="S2664" s="236" t="e">
        <f t="shared" si="629"/>
        <v>#N/A</v>
      </c>
      <c r="T2664" s="236">
        <f t="shared" si="615"/>
        <v>37.054441768836071</v>
      </c>
    </row>
    <row r="2665" spans="1:20" x14ac:dyDescent="0.2">
      <c r="A2665" s="53">
        <f t="shared" si="616"/>
        <v>2653</v>
      </c>
      <c r="B2665" s="239">
        <v>26.571000000000002</v>
      </c>
      <c r="C2665" s="3">
        <f t="shared" si="617"/>
        <v>26.564</v>
      </c>
      <c r="D2665" s="239">
        <v>16.365100000000002</v>
      </c>
      <c r="E2665" s="239">
        <v>0.17460000000000001</v>
      </c>
      <c r="F2665" s="239">
        <v>0.2414</v>
      </c>
      <c r="G2665">
        <f t="shared" si="618"/>
        <v>16.41338</v>
      </c>
      <c r="H2665" s="235">
        <f t="shared" si="619"/>
        <v>1.0637662687392846</v>
      </c>
      <c r="I2665" s="236">
        <f t="shared" si="620"/>
        <v>20.391640722578419</v>
      </c>
      <c r="J2665" s="237">
        <f t="shared" si="625"/>
        <v>10.391640722578419</v>
      </c>
      <c r="K2665" s="237">
        <f t="shared" si="621"/>
        <v>541.68354415457316</v>
      </c>
      <c r="L2665" s="237">
        <f t="shared" si="626"/>
        <v>276.1162856396312</v>
      </c>
      <c r="M2665" s="236">
        <f t="shared" si="622"/>
        <v>57.48192801840063</v>
      </c>
      <c r="N2665" s="236">
        <f t="shared" si="623"/>
        <v>1.1000714415483679</v>
      </c>
      <c r="O2665" s="236">
        <f t="shared" si="627"/>
        <v>2.1252966252980445</v>
      </c>
      <c r="P2665" s="236" t="str">
        <f t="shared" si="628"/>
        <v>SAND</v>
      </c>
      <c r="Q2665" s="236" t="e">
        <f t="shared" si="624"/>
        <v>#N/A</v>
      </c>
      <c r="R2665" s="238">
        <v>35</v>
      </c>
      <c r="S2665" s="236" t="e">
        <f t="shared" si="629"/>
        <v>#N/A</v>
      </c>
      <c r="T2665" s="236">
        <f t="shared" si="615"/>
        <v>36.954844591572012</v>
      </c>
    </row>
    <row r="2666" spans="1:20" x14ac:dyDescent="0.2">
      <c r="A2666" s="53">
        <f t="shared" si="616"/>
        <v>2654</v>
      </c>
      <c r="B2666" s="239">
        <v>26.582000000000001</v>
      </c>
      <c r="C2666" s="3">
        <f t="shared" si="617"/>
        <v>26.574999999999999</v>
      </c>
      <c r="D2666" s="239">
        <v>15.912800000000001</v>
      </c>
      <c r="E2666" s="239">
        <v>0.17749999999999999</v>
      </c>
      <c r="F2666" s="239">
        <v>0.2382</v>
      </c>
      <c r="G2666">
        <f t="shared" si="618"/>
        <v>15.96044</v>
      </c>
      <c r="H2666" s="235">
        <f t="shared" si="619"/>
        <v>1.1121247283909466</v>
      </c>
      <c r="I2666" s="236">
        <f t="shared" si="620"/>
        <v>20.400018993230944</v>
      </c>
      <c r="J2666" s="237">
        <f t="shared" si="625"/>
        <v>10.400018993230944</v>
      </c>
      <c r="K2666" s="237">
        <f t="shared" si="621"/>
        <v>542.13050474511238</v>
      </c>
      <c r="L2666" s="237">
        <f t="shared" si="626"/>
        <v>276.45330487806496</v>
      </c>
      <c r="M2666" s="236">
        <f t="shared" si="622"/>
        <v>55.771840029387356</v>
      </c>
      <c r="N2666" s="236">
        <f t="shared" si="623"/>
        <v>1.1512286742890139</v>
      </c>
      <c r="O2666" s="236">
        <f t="shared" si="627"/>
        <v>2.1475847797384224</v>
      </c>
      <c r="P2666" s="236" t="str">
        <f t="shared" si="628"/>
        <v>SAND</v>
      </c>
      <c r="Q2666" s="236" t="e">
        <f t="shared" si="624"/>
        <v>#N/A</v>
      </c>
      <c r="R2666" s="238">
        <v>35</v>
      </c>
      <c r="S2666" s="236" t="e">
        <f t="shared" si="629"/>
        <v>#N/A</v>
      </c>
      <c r="T2666" s="236">
        <f t="shared" si="615"/>
        <v>36.81056470310088</v>
      </c>
    </row>
    <row r="2667" spans="1:20" x14ac:dyDescent="0.2">
      <c r="A2667" s="53">
        <f t="shared" si="616"/>
        <v>2655</v>
      </c>
      <c r="B2667" s="239">
        <v>26.591999999999999</v>
      </c>
      <c r="C2667" s="3">
        <f t="shared" si="617"/>
        <v>26.584999999999997</v>
      </c>
      <c r="D2667" s="239">
        <v>15.2614</v>
      </c>
      <c r="E2667" s="239">
        <v>0.1804</v>
      </c>
      <c r="F2667" s="239">
        <v>0.23619999999999999</v>
      </c>
      <c r="G2667">
        <f t="shared" si="618"/>
        <v>15.30864</v>
      </c>
      <c r="H2667" s="235">
        <f t="shared" si="619"/>
        <v>1.1784195068928396</v>
      </c>
      <c r="I2667" s="236">
        <f t="shared" si="620"/>
        <v>20.402724643259504</v>
      </c>
      <c r="J2667" s="237">
        <f t="shared" si="625"/>
        <v>10.402724643259504</v>
      </c>
      <c r="K2667" s="237">
        <f t="shared" si="621"/>
        <v>542.40643464105381</v>
      </c>
      <c r="L2667" s="237">
        <f t="shared" si="626"/>
        <v>276.62925371355669</v>
      </c>
      <c r="M2667" s="236">
        <f t="shared" si="622"/>
        <v>53.379146880282754</v>
      </c>
      <c r="N2667" s="236">
        <f t="shared" si="623"/>
        <v>1.2217062611227545</v>
      </c>
      <c r="O2667" s="236">
        <f t="shared" si="627"/>
        <v>2.1782827769644819</v>
      </c>
      <c r="P2667" s="236" t="str">
        <f t="shared" si="628"/>
        <v>SAND</v>
      </c>
      <c r="Q2667" s="236" t="e">
        <f t="shared" si="624"/>
        <v>#N/A</v>
      </c>
      <c r="R2667" s="238">
        <v>35</v>
      </c>
      <c r="S2667" s="236" t="e">
        <f t="shared" si="629"/>
        <v>#N/A</v>
      </c>
      <c r="T2667" s="236">
        <f t="shared" si="615"/>
        <v>36.601087913467879</v>
      </c>
    </row>
    <row r="2668" spans="1:20" x14ac:dyDescent="0.2">
      <c r="A2668" s="53">
        <f t="shared" si="616"/>
        <v>2656</v>
      </c>
      <c r="B2668" s="239">
        <v>26.603000000000002</v>
      </c>
      <c r="C2668" s="3">
        <f t="shared" si="617"/>
        <v>26.596</v>
      </c>
      <c r="D2668" s="239">
        <v>14.3851</v>
      </c>
      <c r="E2668" s="239">
        <v>0.18340000000000001</v>
      </c>
      <c r="F2668" s="239">
        <v>0.23669999999999999</v>
      </c>
      <c r="G2668">
        <f t="shared" si="618"/>
        <v>14.43244</v>
      </c>
      <c r="H2668" s="235">
        <f t="shared" si="619"/>
        <v>1.270748397360391</v>
      </c>
      <c r="I2668" s="236">
        <f t="shared" si="620"/>
        <v>20.399027033597605</v>
      </c>
      <c r="J2668" s="237">
        <f t="shared" si="625"/>
        <v>10.399027033597605</v>
      </c>
      <c r="K2668" s="237">
        <f t="shared" si="621"/>
        <v>542.53252298556185</v>
      </c>
      <c r="L2668" s="237">
        <f t="shared" si="626"/>
        <v>276.64531617479707</v>
      </c>
      <c r="M2668" s="236">
        <f t="shared" si="622"/>
        <v>50.20835945849943</v>
      </c>
      <c r="N2668" s="236">
        <f t="shared" si="623"/>
        <v>1.32038316528384</v>
      </c>
      <c r="O2668" s="236">
        <f t="shared" si="627"/>
        <v>2.2198265437168287</v>
      </c>
      <c r="P2668" s="236" t="str">
        <f t="shared" si="628"/>
        <v>SAND</v>
      </c>
      <c r="Q2668" s="236" t="e">
        <f t="shared" si="624"/>
        <v>#N/A</v>
      </c>
      <c r="R2668" s="238">
        <v>35</v>
      </c>
      <c r="S2668" s="236" t="e">
        <f t="shared" si="629"/>
        <v>#N/A</v>
      </c>
      <c r="T2668" s="236">
        <f t="shared" si="615"/>
        <v>36.308536342957495</v>
      </c>
    </row>
    <row r="2669" spans="1:20" x14ac:dyDescent="0.2">
      <c r="A2669" s="53">
        <f t="shared" si="616"/>
        <v>2657</v>
      </c>
      <c r="B2669" s="239">
        <v>26.611999999999998</v>
      </c>
      <c r="C2669" s="3">
        <f t="shared" si="617"/>
        <v>26.604999999999997</v>
      </c>
      <c r="D2669" s="239">
        <v>13.2666</v>
      </c>
      <c r="E2669" s="239">
        <v>0.18559999999999999</v>
      </c>
      <c r="F2669" s="239">
        <v>0.245</v>
      </c>
      <c r="G2669">
        <f t="shared" si="618"/>
        <v>13.3156</v>
      </c>
      <c r="H2669" s="235">
        <f t="shared" si="619"/>
        <v>1.3938538255880322</v>
      </c>
      <c r="I2669" s="236">
        <f t="shared" si="620"/>
        <v>20.38152824491139</v>
      </c>
      <c r="J2669" s="237">
        <f t="shared" si="625"/>
        <v>10.38152824491139</v>
      </c>
      <c r="K2669" s="237">
        <f t="shared" si="621"/>
        <v>542.25055895586752</v>
      </c>
      <c r="L2669" s="237">
        <f t="shared" si="626"/>
        <v>276.27322965358189</v>
      </c>
      <c r="M2669" s="236">
        <f t="shared" si="622"/>
        <v>46.23448119479616</v>
      </c>
      <c r="N2669" s="236">
        <f t="shared" si="623"/>
        <v>1.453025307548687</v>
      </c>
      <c r="O2669" s="236">
        <f t="shared" si="627"/>
        <v>2.273505425999419</v>
      </c>
      <c r="P2669" s="236" t="str">
        <f t="shared" si="628"/>
        <v>SAND</v>
      </c>
      <c r="Q2669" s="236" t="e">
        <f t="shared" si="624"/>
        <v>#N/A</v>
      </c>
      <c r="R2669" s="238">
        <v>35</v>
      </c>
      <c r="S2669" s="236" t="e">
        <f t="shared" si="629"/>
        <v>#N/A</v>
      </c>
      <c r="T2669" s="236">
        <f t="shared" si="615"/>
        <v>35.914625875675455</v>
      </c>
    </row>
    <row r="2670" spans="1:20" x14ac:dyDescent="0.2">
      <c r="A2670" s="53">
        <f t="shared" si="616"/>
        <v>2658</v>
      </c>
      <c r="B2670" s="239">
        <v>26.622</v>
      </c>
      <c r="C2670" s="3">
        <f t="shared" si="617"/>
        <v>26.614999999999998</v>
      </c>
      <c r="D2670" s="239">
        <v>12.0543</v>
      </c>
      <c r="E2670" s="239">
        <v>0.18709999999999999</v>
      </c>
      <c r="F2670" s="239">
        <v>0.25</v>
      </c>
      <c r="G2670">
        <f t="shared" si="618"/>
        <v>12.1043</v>
      </c>
      <c r="H2670" s="235">
        <f t="shared" si="619"/>
        <v>1.5457316821294911</v>
      </c>
      <c r="I2670" s="236">
        <f t="shared" si="620"/>
        <v>20.353687991692148</v>
      </c>
      <c r="J2670" s="237">
        <f t="shared" si="625"/>
        <v>10.353687991692148</v>
      </c>
      <c r="K2670" s="237">
        <f t="shared" si="621"/>
        <v>541.71340589888644</v>
      </c>
      <c r="L2670" s="237">
        <f t="shared" si="626"/>
        <v>275.63588171482837</v>
      </c>
      <c r="M2670" s="236">
        <f t="shared" si="622"/>
        <v>41.948771408737393</v>
      </c>
      <c r="N2670" s="236">
        <f t="shared" si="623"/>
        <v>1.6181500434812122</v>
      </c>
      <c r="O2670" s="236">
        <f t="shared" si="627"/>
        <v>2.3354958541839879</v>
      </c>
      <c r="P2670" s="236" t="str">
        <f t="shared" si="628"/>
        <v>SAND</v>
      </c>
      <c r="Q2670" s="236" t="e">
        <f t="shared" si="624"/>
        <v>#N/A</v>
      </c>
      <c r="R2670" s="238">
        <v>35</v>
      </c>
      <c r="S2670" s="236" t="e">
        <f t="shared" si="629"/>
        <v>#N/A</v>
      </c>
      <c r="T2670" s="236">
        <f t="shared" si="615"/>
        <v>35.449911703572027</v>
      </c>
    </row>
    <row r="2671" spans="1:20" x14ac:dyDescent="0.2">
      <c r="A2671" s="53">
        <f t="shared" si="616"/>
        <v>2659</v>
      </c>
      <c r="B2671" s="239">
        <v>26.632000000000001</v>
      </c>
      <c r="C2671" s="3">
        <f t="shared" si="617"/>
        <v>26.625</v>
      </c>
      <c r="D2671" s="239">
        <v>10.881500000000001</v>
      </c>
      <c r="E2671" s="239">
        <v>0.1885</v>
      </c>
      <c r="F2671" s="239">
        <v>0.24460000000000001</v>
      </c>
      <c r="G2671">
        <f t="shared" si="618"/>
        <v>10.930420000000002</v>
      </c>
      <c r="H2671" s="235">
        <f t="shared" si="619"/>
        <v>1.7245448939747967</v>
      </c>
      <c r="I2671" s="236">
        <f t="shared" si="620"/>
        <v>20.322556876627935</v>
      </c>
      <c r="J2671" s="237">
        <f t="shared" si="625"/>
        <v>10.322556876627935</v>
      </c>
      <c r="K2671" s="237">
        <f t="shared" si="621"/>
        <v>541.08807684021872</v>
      </c>
      <c r="L2671" s="237">
        <f t="shared" si="626"/>
        <v>274.91033473835517</v>
      </c>
      <c r="M2671" s="236">
        <f t="shared" si="622"/>
        <v>37.791711006600714</v>
      </c>
      <c r="N2671" s="236">
        <f t="shared" si="623"/>
        <v>1.8143611292252382</v>
      </c>
      <c r="O2671" s="236">
        <f t="shared" si="627"/>
        <v>2.4017851025844665</v>
      </c>
      <c r="P2671" s="236" t="str">
        <f t="shared" si="628"/>
        <v>SAND</v>
      </c>
      <c r="Q2671" s="236" t="e">
        <f t="shared" si="624"/>
        <v>#N/A</v>
      </c>
      <c r="R2671" s="238">
        <v>35</v>
      </c>
      <c r="S2671" s="236" t="e">
        <f t="shared" si="629"/>
        <v>#N/A</v>
      </c>
      <c r="T2671" s="236">
        <f t="shared" si="615"/>
        <v>34.95136210383496</v>
      </c>
    </row>
    <row r="2672" spans="1:20" x14ac:dyDescent="0.2">
      <c r="A2672" s="53">
        <f t="shared" si="616"/>
        <v>2660</v>
      </c>
      <c r="B2672" s="239">
        <v>26.641999999999999</v>
      </c>
      <c r="C2672" s="3">
        <f t="shared" si="617"/>
        <v>26.634999999999998</v>
      </c>
      <c r="D2672" s="239">
        <v>9.6883999999999997</v>
      </c>
      <c r="E2672" s="239">
        <v>0.189</v>
      </c>
      <c r="F2672" s="239">
        <v>0.24790000000000001</v>
      </c>
      <c r="G2672">
        <f t="shared" si="618"/>
        <v>9.7379800000000003</v>
      </c>
      <c r="H2672" s="235">
        <f t="shared" si="619"/>
        <v>1.9408542634098653</v>
      </c>
      <c r="I2672" s="236">
        <f t="shared" si="620"/>
        <v>20.280511916075863</v>
      </c>
      <c r="J2672" s="237">
        <f t="shared" si="625"/>
        <v>10.280511916075863</v>
      </c>
      <c r="K2672" s="237">
        <f t="shared" si="621"/>
        <v>540.17143488468059</v>
      </c>
      <c r="L2672" s="237">
        <f t="shared" si="626"/>
        <v>273.89339846809315</v>
      </c>
      <c r="M2672" s="236">
        <f t="shared" si="622"/>
        <v>33.581709586866168</v>
      </c>
      <c r="N2672" s="236">
        <f t="shared" si="623"/>
        <v>2.0548372871862481</v>
      </c>
      <c r="O2672" s="236">
        <f t="shared" si="627"/>
        <v>2.4755086330183387</v>
      </c>
      <c r="P2672" s="236" t="str">
        <f t="shared" si="628"/>
        <v>SAND</v>
      </c>
      <c r="Q2672" s="236" t="e">
        <f t="shared" si="624"/>
        <v>#N/A</v>
      </c>
      <c r="R2672" s="238">
        <v>35</v>
      </c>
      <c r="S2672" s="236" t="e">
        <f t="shared" si="629"/>
        <v>#N/A</v>
      </c>
      <c r="T2672" s="236">
        <f t="shared" si="615"/>
        <v>34.387130817019326</v>
      </c>
    </row>
    <row r="2673" spans="1:20" x14ac:dyDescent="0.2">
      <c r="A2673" s="53">
        <f t="shared" si="616"/>
        <v>2661</v>
      </c>
      <c r="B2673" s="239">
        <v>26.652000000000001</v>
      </c>
      <c r="C2673" s="3">
        <f t="shared" si="617"/>
        <v>26.645</v>
      </c>
      <c r="D2673" s="239">
        <v>8.5867000000000004</v>
      </c>
      <c r="E2673" s="239">
        <v>0.19139999999999999</v>
      </c>
      <c r="F2673" s="239">
        <v>0.24779999999999999</v>
      </c>
      <c r="G2673">
        <f t="shared" si="618"/>
        <v>8.63626</v>
      </c>
      <c r="H2673" s="235">
        <f t="shared" si="619"/>
        <v>2.2162371211612433</v>
      </c>
      <c r="I2673" s="236">
        <f t="shared" si="620"/>
        <v>20.248379412381723</v>
      </c>
      <c r="J2673" s="237">
        <f t="shared" si="625"/>
        <v>10.248379412381723</v>
      </c>
      <c r="K2673" s="237">
        <f t="shared" si="621"/>
        <v>539.51806944291104</v>
      </c>
      <c r="L2673" s="237">
        <f t="shared" si="626"/>
        <v>273.13980809879769</v>
      </c>
      <c r="M2673" s="236">
        <f t="shared" si="622"/>
        <v>29.643214538791828</v>
      </c>
      <c r="N2673" s="236">
        <f t="shared" si="623"/>
        <v>2.3639138018918047</v>
      </c>
      <c r="O2673" s="236">
        <f t="shared" si="627"/>
        <v>2.5557707859567471</v>
      </c>
      <c r="P2673" s="236" t="str">
        <f t="shared" si="628"/>
        <v>SAND</v>
      </c>
      <c r="Q2673" s="236" t="e">
        <f t="shared" si="624"/>
        <v>#N/A</v>
      </c>
      <c r="R2673" s="238">
        <v>35</v>
      </c>
      <c r="S2673" s="236" t="e">
        <f t="shared" si="629"/>
        <v>#N/A</v>
      </c>
      <c r="T2673" s="236">
        <f t="shared" si="615"/>
        <v>33.791178268911139</v>
      </c>
    </row>
    <row r="2674" spans="1:20" x14ac:dyDescent="0.2">
      <c r="A2674" s="53">
        <f t="shared" si="616"/>
        <v>2662</v>
      </c>
      <c r="B2674" s="239">
        <v>26.661000000000001</v>
      </c>
      <c r="C2674" s="3">
        <f t="shared" si="617"/>
        <v>26.654</v>
      </c>
      <c r="D2674" s="239">
        <v>7.6626000000000003</v>
      </c>
      <c r="E2674" s="239">
        <v>0.1961</v>
      </c>
      <c r="F2674" s="239">
        <v>0.248</v>
      </c>
      <c r="G2674">
        <f t="shared" si="618"/>
        <v>7.7122000000000002</v>
      </c>
      <c r="H2674" s="235">
        <f t="shared" si="619"/>
        <v>2.5427245144057466</v>
      </c>
      <c r="I2674" s="236">
        <f t="shared" si="620"/>
        <v>20.232593012500697</v>
      </c>
      <c r="J2674" s="237">
        <f t="shared" si="625"/>
        <v>10.232593012500697</v>
      </c>
      <c r="K2674" s="237">
        <f t="shared" si="621"/>
        <v>539.27953415519357</v>
      </c>
      <c r="L2674" s="237">
        <f t="shared" si="626"/>
        <v>272.81116230628112</v>
      </c>
      <c r="M2674" s="236">
        <f t="shared" si="622"/>
        <v>26.292620892805964</v>
      </c>
      <c r="N2674" s="236">
        <f t="shared" si="623"/>
        <v>2.7338934111115076</v>
      </c>
      <c r="O2674" s="236">
        <f t="shared" si="627"/>
        <v>2.635926083940924</v>
      </c>
      <c r="P2674" s="236" t="str">
        <f t="shared" si="628"/>
        <v>CLAY</v>
      </c>
      <c r="Q2674" s="236">
        <f t="shared" si="624"/>
        <v>597.74337215373384</v>
      </c>
      <c r="R2674" s="238">
        <v>35</v>
      </c>
      <c r="S2674" s="236">
        <f t="shared" si="629"/>
        <v>14.884435142220083</v>
      </c>
      <c r="T2674" s="236" t="e">
        <f t="shared" si="615"/>
        <v>#N/A</v>
      </c>
    </row>
    <row r="2675" spans="1:20" x14ac:dyDescent="0.2">
      <c r="A2675" s="53">
        <f t="shared" si="616"/>
        <v>2663</v>
      </c>
      <c r="B2675" s="239">
        <v>26.672000000000001</v>
      </c>
      <c r="C2675" s="3">
        <f t="shared" si="617"/>
        <v>26.664999999999999</v>
      </c>
      <c r="D2675" s="239">
        <v>6.9173999999999998</v>
      </c>
      <c r="E2675" s="239">
        <v>0.2041</v>
      </c>
      <c r="F2675" s="239">
        <v>0.2545</v>
      </c>
      <c r="G2675">
        <f t="shared" si="618"/>
        <v>6.9683000000000002</v>
      </c>
      <c r="H2675" s="235">
        <f t="shared" si="619"/>
        <v>2.9289783734913826</v>
      </c>
      <c r="I2675" s="236">
        <f t="shared" si="620"/>
        <v>20.239833322841175</v>
      </c>
      <c r="J2675" s="237">
        <f t="shared" si="625"/>
        <v>10.239833322841175</v>
      </c>
      <c r="K2675" s="237">
        <f t="shared" si="621"/>
        <v>539.69515555355997</v>
      </c>
      <c r="L2675" s="237">
        <f t="shared" si="626"/>
        <v>273.11683438681985</v>
      </c>
      <c r="M2675" s="236">
        <f t="shared" si="622"/>
        <v>23.537929688147681</v>
      </c>
      <c r="N2675" s="236">
        <f t="shared" si="623"/>
        <v>3.1748723858228494</v>
      </c>
      <c r="O2675" s="236">
        <f t="shared" si="627"/>
        <v>2.7142066595071395</v>
      </c>
      <c r="P2675" s="236" t="str">
        <f t="shared" si="628"/>
        <v>CLAY</v>
      </c>
      <c r="Q2675" s="236">
        <f t="shared" si="624"/>
        <v>535.7170703705367</v>
      </c>
      <c r="R2675" s="238">
        <v>35</v>
      </c>
      <c r="S2675" s="236">
        <f t="shared" si="629"/>
        <v>12.961352894578058</v>
      </c>
      <c r="T2675" s="236" t="e">
        <f t="shared" si="615"/>
        <v>#N/A</v>
      </c>
    </row>
    <row r="2676" spans="1:20" x14ac:dyDescent="0.2">
      <c r="A2676" s="53">
        <f t="shared" si="616"/>
        <v>2664</v>
      </c>
      <c r="B2676" s="239">
        <v>26.681000000000001</v>
      </c>
      <c r="C2676" s="3">
        <f t="shared" si="617"/>
        <v>26.673999999999999</v>
      </c>
      <c r="D2676" s="239">
        <v>6.4127999999999998</v>
      </c>
      <c r="E2676" s="239">
        <v>0.2135</v>
      </c>
      <c r="F2676" s="239">
        <v>0.26019999999999999</v>
      </c>
      <c r="G2676">
        <f t="shared" si="618"/>
        <v>6.4648399999999997</v>
      </c>
      <c r="H2676" s="235">
        <f t="shared" si="619"/>
        <v>3.302479257027243</v>
      </c>
      <c r="I2676" s="236">
        <f t="shared" si="620"/>
        <v>20.263319331451797</v>
      </c>
      <c r="J2676" s="237">
        <f t="shared" si="625"/>
        <v>10.263319331451797</v>
      </c>
      <c r="K2676" s="237">
        <f t="shared" si="621"/>
        <v>540.50377984714521</v>
      </c>
      <c r="L2676" s="237">
        <f t="shared" si="626"/>
        <v>273.83562308246542</v>
      </c>
      <c r="M2676" s="236">
        <f t="shared" si="622"/>
        <v>21.634644000896646</v>
      </c>
      <c r="N2676" s="236">
        <f t="shared" si="623"/>
        <v>3.6037792600922205</v>
      </c>
      <c r="O2676" s="236">
        <f t="shared" si="627"/>
        <v>2.7774908121883826</v>
      </c>
      <c r="P2676" s="236" t="str">
        <f t="shared" si="628"/>
        <v>CLAY</v>
      </c>
      <c r="Q2676" s="236">
        <f t="shared" si="624"/>
        <v>493.69468501273792</v>
      </c>
      <c r="R2676" s="238">
        <v>35</v>
      </c>
      <c r="S2676" s="236">
        <f t="shared" si="629"/>
        <v>11.664797402431107</v>
      </c>
      <c r="T2676" s="236" t="e">
        <f t="shared" si="615"/>
        <v>#N/A</v>
      </c>
    </row>
    <row r="2677" spans="1:20" x14ac:dyDescent="0.2">
      <c r="A2677" s="53">
        <f t="shared" si="616"/>
        <v>2665</v>
      </c>
      <c r="B2677" s="239">
        <v>26.69</v>
      </c>
      <c r="C2677" s="3">
        <f t="shared" si="617"/>
        <v>26.683</v>
      </c>
      <c r="D2677" s="239">
        <v>6.1481000000000003</v>
      </c>
      <c r="E2677" s="239">
        <v>0.2238</v>
      </c>
      <c r="F2677" s="239">
        <v>0.27150000000000002</v>
      </c>
      <c r="G2677">
        <f t="shared" si="618"/>
        <v>6.2023999999999999</v>
      </c>
      <c r="H2677" s="235">
        <f t="shared" si="619"/>
        <v>3.6082806655488202</v>
      </c>
      <c r="I2677" s="236">
        <f t="shared" si="620"/>
        <v>20.302369070167082</v>
      </c>
      <c r="J2677" s="237">
        <f t="shared" si="625"/>
        <v>10.302369070167082</v>
      </c>
      <c r="K2677" s="237">
        <f t="shared" si="621"/>
        <v>541.72811389926824</v>
      </c>
      <c r="L2677" s="237">
        <f t="shared" si="626"/>
        <v>274.9702304827594</v>
      </c>
      <c r="M2677" s="236">
        <f t="shared" si="622"/>
        <v>20.586489948975238</v>
      </c>
      <c r="N2677" s="236">
        <f t="shared" si="623"/>
        <v>3.9535942817940164</v>
      </c>
      <c r="O2677" s="236">
        <f t="shared" si="627"/>
        <v>2.8198577212950195</v>
      </c>
      <c r="P2677" s="236" t="str">
        <f t="shared" si="628"/>
        <v>CLAY</v>
      </c>
      <c r="Q2677" s="236">
        <f t="shared" si="624"/>
        <v>471.72265717506093</v>
      </c>
      <c r="R2677" s="238">
        <v>35</v>
      </c>
      <c r="S2677" s="236">
        <f t="shared" si="629"/>
        <v>10.962709082524677</v>
      </c>
      <c r="T2677" s="236" t="e">
        <f t="shared" si="615"/>
        <v>#N/A</v>
      </c>
    </row>
    <row r="2678" spans="1:20" x14ac:dyDescent="0.2">
      <c r="A2678" s="53">
        <f t="shared" si="616"/>
        <v>2666</v>
      </c>
      <c r="B2678" s="239">
        <v>26.7</v>
      </c>
      <c r="C2678" s="3">
        <f t="shared" si="617"/>
        <v>26.692999999999998</v>
      </c>
      <c r="D2678" s="239">
        <v>6.0953999999999997</v>
      </c>
      <c r="E2678" s="239">
        <v>0.23519999999999999</v>
      </c>
      <c r="F2678" s="239">
        <v>0.2802</v>
      </c>
      <c r="G2678">
        <f t="shared" si="618"/>
        <v>6.15144</v>
      </c>
      <c r="H2678" s="235">
        <f t="shared" si="619"/>
        <v>3.8234949865397367</v>
      </c>
      <c r="I2678" s="236">
        <f t="shared" si="620"/>
        <v>20.357402924476268</v>
      </c>
      <c r="J2678" s="237">
        <f t="shared" si="625"/>
        <v>10.357402924476268</v>
      </c>
      <c r="K2678" s="237">
        <f t="shared" si="621"/>
        <v>543.40015626304501</v>
      </c>
      <c r="L2678" s="237">
        <f t="shared" si="626"/>
        <v>276.54265808351636</v>
      </c>
      <c r="M2678" s="236">
        <f t="shared" si="622"/>
        <v>20.279113112608172</v>
      </c>
      <c r="N2678" s="236">
        <f t="shared" si="623"/>
        <v>4.1939787618069575</v>
      </c>
      <c r="O2678" s="236">
        <f t="shared" si="627"/>
        <v>2.8414131385077068</v>
      </c>
      <c r="P2678" s="236" t="str">
        <f t="shared" si="628"/>
        <v>CLAY</v>
      </c>
      <c r="Q2678" s="236">
        <f t="shared" si="624"/>
        <v>467.33665364474626</v>
      </c>
      <c r="R2678" s="238">
        <v>35</v>
      </c>
      <c r="S2678" s="236">
        <f t="shared" si="629"/>
        <v>10.758487155727488</v>
      </c>
      <c r="T2678" s="236" t="e">
        <f t="shared" si="615"/>
        <v>#N/A</v>
      </c>
    </row>
    <row r="2679" spans="1:20" x14ac:dyDescent="0.2">
      <c r="A2679" s="53">
        <f t="shared" si="616"/>
        <v>2667</v>
      </c>
      <c r="B2679" s="239">
        <v>26.709</v>
      </c>
      <c r="C2679" s="3">
        <f t="shared" si="617"/>
        <v>26.701999999999998</v>
      </c>
      <c r="D2679" s="239">
        <v>6.2596999999999996</v>
      </c>
      <c r="E2679" s="239">
        <v>0.2457</v>
      </c>
      <c r="F2679" s="239">
        <v>0.30080000000000001</v>
      </c>
      <c r="G2679">
        <f t="shared" si="618"/>
        <v>6.3198599999999994</v>
      </c>
      <c r="H2679" s="235">
        <f t="shared" si="619"/>
        <v>3.8877443487672201</v>
      </c>
      <c r="I2679" s="236">
        <f t="shared" si="620"/>
        <v>20.419173688834302</v>
      </c>
      <c r="J2679" s="237">
        <f t="shared" si="625"/>
        <v>10.419173688834302</v>
      </c>
      <c r="K2679" s="237">
        <f t="shared" si="621"/>
        <v>545.23277583925346</v>
      </c>
      <c r="L2679" s="237">
        <f t="shared" si="626"/>
        <v>278.28571005507536</v>
      </c>
      <c r="M2679" s="236">
        <f t="shared" si="622"/>
        <v>20.750714159982891</v>
      </c>
      <c r="N2679" s="236">
        <f t="shared" si="623"/>
        <v>4.2548201028804726</v>
      </c>
      <c r="O2679" s="236">
        <f t="shared" si="627"/>
        <v>2.8378915407601784</v>
      </c>
      <c r="P2679" s="236" t="str">
        <f t="shared" si="628"/>
        <v>CLAY</v>
      </c>
      <c r="Q2679" s="236">
        <f t="shared" si="624"/>
        <v>481.21893534672881</v>
      </c>
      <c r="R2679" s="238">
        <v>35</v>
      </c>
      <c r="S2679" s="236">
        <f t="shared" si="629"/>
        <v>11.072133632052473</v>
      </c>
      <c r="T2679" s="236" t="e">
        <f t="shared" si="615"/>
        <v>#N/A</v>
      </c>
    </row>
    <row r="2680" spans="1:20" x14ac:dyDescent="0.2">
      <c r="A2680" s="53">
        <f t="shared" si="616"/>
        <v>2668</v>
      </c>
      <c r="B2680" s="239">
        <v>26.719000000000001</v>
      </c>
      <c r="C2680" s="3">
        <f t="shared" si="617"/>
        <v>26.712</v>
      </c>
      <c r="D2680" s="239">
        <v>6.5202</v>
      </c>
      <c r="E2680" s="239">
        <v>0.26129999999999998</v>
      </c>
      <c r="F2680" s="239">
        <v>0.31850000000000001</v>
      </c>
      <c r="G2680">
        <f t="shared" si="618"/>
        <v>6.5838999999999999</v>
      </c>
      <c r="H2680" s="235">
        <f t="shared" si="619"/>
        <v>3.9687723082063822</v>
      </c>
      <c r="I2680" s="236">
        <f t="shared" si="620"/>
        <v>20.507354363995766</v>
      </c>
      <c r="J2680" s="237">
        <f t="shared" si="625"/>
        <v>10.507354363995766</v>
      </c>
      <c r="K2680" s="237">
        <f t="shared" si="621"/>
        <v>547.79244977105486</v>
      </c>
      <c r="L2680" s="237">
        <f t="shared" si="626"/>
        <v>280.74600125160288</v>
      </c>
      <c r="M2680" s="236">
        <f t="shared" si="622"/>
        <v>21.500244075852113</v>
      </c>
      <c r="N2680" s="236">
        <f t="shared" si="623"/>
        <v>4.3289487111621963</v>
      </c>
      <c r="O2680" s="236">
        <f t="shared" si="627"/>
        <v>2.8311312271289033</v>
      </c>
      <c r="P2680" s="236" t="str">
        <f t="shared" si="628"/>
        <v>CLAY</v>
      </c>
      <c r="Q2680" s="236">
        <f t="shared" si="624"/>
        <v>503.00896251907875</v>
      </c>
      <c r="R2680" s="238">
        <v>35</v>
      </c>
      <c r="S2680" s="236">
        <f t="shared" si="629"/>
        <v>11.574286981136158</v>
      </c>
      <c r="T2680" s="236" t="e">
        <f t="shared" si="615"/>
        <v>#N/A</v>
      </c>
    </row>
    <row r="2681" spans="1:20" x14ac:dyDescent="0.2">
      <c r="A2681" s="53">
        <f t="shared" si="616"/>
        <v>2669</v>
      </c>
      <c r="B2681" s="239">
        <v>26.728000000000002</v>
      </c>
      <c r="C2681" s="3">
        <f t="shared" si="617"/>
        <v>26.721</v>
      </c>
      <c r="D2681" s="239">
        <v>7.2217000000000002</v>
      </c>
      <c r="E2681" s="239">
        <v>0.2681</v>
      </c>
      <c r="F2681" s="239">
        <v>0.3231</v>
      </c>
      <c r="G2681">
        <f t="shared" si="618"/>
        <v>7.2863199999999999</v>
      </c>
      <c r="H2681" s="235">
        <f t="shared" si="619"/>
        <v>3.6794980182039771</v>
      </c>
      <c r="I2681" s="236">
        <f t="shared" si="620"/>
        <v>20.577101868706798</v>
      </c>
      <c r="J2681" s="237">
        <f t="shared" si="625"/>
        <v>10.577101868706798</v>
      </c>
      <c r="K2681" s="237">
        <f t="shared" si="621"/>
        <v>549.84073903371439</v>
      </c>
      <c r="L2681" s="237">
        <f t="shared" si="626"/>
        <v>282.70477874679528</v>
      </c>
      <c r="M2681" s="236">
        <f t="shared" si="622"/>
        <v>23.828671346938275</v>
      </c>
      <c r="N2681" s="236">
        <f t="shared" si="623"/>
        <v>3.9798237271132573</v>
      </c>
      <c r="O2681" s="236">
        <f t="shared" si="627"/>
        <v>2.7734699416777127</v>
      </c>
      <c r="P2681" s="236" t="str">
        <f t="shared" si="628"/>
        <v>CLAY</v>
      </c>
      <c r="Q2681" s="236">
        <f t="shared" si="624"/>
        <v>561.37327174719042</v>
      </c>
      <c r="R2681" s="238">
        <v>35</v>
      </c>
      <c r="S2681" s="236">
        <f t="shared" si="629"/>
        <v>13.16178501947717</v>
      </c>
      <c r="T2681" s="236" t="e">
        <f t="shared" si="615"/>
        <v>#N/A</v>
      </c>
    </row>
    <row r="2682" spans="1:20" x14ac:dyDescent="0.2">
      <c r="A2682" s="53">
        <f t="shared" si="616"/>
        <v>2670</v>
      </c>
      <c r="B2682" s="239">
        <v>26.738</v>
      </c>
      <c r="C2682" s="3">
        <f t="shared" si="617"/>
        <v>26.730999999999998</v>
      </c>
      <c r="D2682" s="239">
        <v>7.9802</v>
      </c>
      <c r="E2682" s="239">
        <v>0.26519999999999999</v>
      </c>
      <c r="F2682" s="239">
        <v>0.31019999999999998</v>
      </c>
      <c r="G2682">
        <f t="shared" si="618"/>
        <v>8.0422399999999996</v>
      </c>
      <c r="H2682" s="235">
        <f t="shared" si="619"/>
        <v>3.2975887314976924</v>
      </c>
      <c r="I2682" s="236">
        <f t="shared" si="620"/>
        <v>20.602930884088302</v>
      </c>
      <c r="J2682" s="237">
        <f t="shared" si="625"/>
        <v>10.602930884088302</v>
      </c>
      <c r="K2682" s="237">
        <f t="shared" si="621"/>
        <v>550.73694546256434</v>
      </c>
      <c r="L2682" s="237">
        <f t="shared" si="626"/>
        <v>283.50116597875302</v>
      </c>
      <c r="M2682" s="236">
        <f t="shared" si="622"/>
        <v>26.424946185578953</v>
      </c>
      <c r="N2682" s="236">
        <f t="shared" si="623"/>
        <v>3.5400105702336231</v>
      </c>
      <c r="O2682" s="236">
        <f t="shared" si="627"/>
        <v>2.7062193792070315</v>
      </c>
      <c r="P2682" s="236" t="str">
        <f t="shared" si="628"/>
        <v>CLAY</v>
      </c>
      <c r="Q2682" s="236">
        <f t="shared" si="624"/>
        <v>624.29192121145297</v>
      </c>
      <c r="R2682" s="238">
        <v>35</v>
      </c>
      <c r="S2682" s="236">
        <f t="shared" si="629"/>
        <v>14.978131808852888</v>
      </c>
      <c r="T2682" s="236" t="e">
        <f t="shared" si="615"/>
        <v>#N/A</v>
      </c>
    </row>
    <row r="2683" spans="1:20" x14ac:dyDescent="0.2">
      <c r="A2683" s="53">
        <f t="shared" si="616"/>
        <v>2671</v>
      </c>
      <c r="B2683" s="239">
        <v>26.748000000000001</v>
      </c>
      <c r="C2683" s="3">
        <f t="shared" si="617"/>
        <v>26.741</v>
      </c>
      <c r="D2683" s="239">
        <v>8.5744000000000007</v>
      </c>
      <c r="E2683" s="239">
        <v>0.25109999999999999</v>
      </c>
      <c r="F2683" s="239">
        <v>0.3291</v>
      </c>
      <c r="G2683">
        <f t="shared" si="618"/>
        <v>8.6402200000000011</v>
      </c>
      <c r="H2683" s="235">
        <f t="shared" si="619"/>
        <v>2.906176000148144</v>
      </c>
      <c r="I2683" s="236">
        <f t="shared" si="620"/>
        <v>20.566901499393548</v>
      </c>
      <c r="J2683" s="237">
        <f t="shared" si="625"/>
        <v>10.566901499393548</v>
      </c>
      <c r="K2683" s="237">
        <f t="shared" si="621"/>
        <v>549.9795129952829</v>
      </c>
      <c r="L2683" s="237">
        <f t="shared" si="626"/>
        <v>282.64348130577866</v>
      </c>
      <c r="M2683" s="236">
        <f t="shared" si="622"/>
        <v>28.623481601729456</v>
      </c>
      <c r="N2683" s="236">
        <f t="shared" si="623"/>
        <v>3.1037396280535754</v>
      </c>
      <c r="O2683" s="236">
        <f t="shared" si="627"/>
        <v>2.6426951542068586</v>
      </c>
      <c r="P2683" s="236" t="str">
        <f t="shared" si="628"/>
        <v>CLAY</v>
      </c>
      <c r="Q2683" s="236">
        <f t="shared" si="624"/>
        <v>674.18670725039317</v>
      </c>
      <c r="R2683" s="238">
        <v>35</v>
      </c>
      <c r="S2683" s="236">
        <f t="shared" si="629"/>
        <v>16.55171809568688</v>
      </c>
      <c r="T2683" s="236" t="e">
        <f t="shared" si="615"/>
        <v>#N/A</v>
      </c>
    </row>
    <row r="2684" spans="1:20" x14ac:dyDescent="0.2">
      <c r="A2684" s="53">
        <f t="shared" si="616"/>
        <v>2672</v>
      </c>
      <c r="B2684" s="239">
        <v>26.757999999999999</v>
      </c>
      <c r="C2684" s="3">
        <f t="shared" si="617"/>
        <v>26.750999999999998</v>
      </c>
      <c r="D2684" s="239">
        <v>9.1052</v>
      </c>
      <c r="E2684" s="239">
        <v>0.23930000000000001</v>
      </c>
      <c r="F2684" s="239">
        <v>0.30980000000000002</v>
      </c>
      <c r="G2684">
        <f t="shared" si="618"/>
        <v>9.1671599999999991</v>
      </c>
      <c r="H2684" s="235">
        <f t="shared" si="619"/>
        <v>2.6104049672963057</v>
      </c>
      <c r="I2684" s="236">
        <f t="shared" si="620"/>
        <v>20.533599670917727</v>
      </c>
      <c r="J2684" s="237">
        <f t="shared" si="625"/>
        <v>10.533599670917727</v>
      </c>
      <c r="K2684" s="237">
        <f t="shared" si="621"/>
        <v>549.29432479672005</v>
      </c>
      <c r="L2684" s="237">
        <f t="shared" si="626"/>
        <v>281.85805999441652</v>
      </c>
      <c r="M2684" s="236">
        <f t="shared" si="622"/>
        <v>30.575196875242796</v>
      </c>
      <c r="N2684" s="236">
        <f t="shared" si="623"/>
        <v>2.7767896254005531</v>
      </c>
      <c r="O2684" s="236">
        <f t="shared" si="627"/>
        <v>2.5896205137881512</v>
      </c>
      <c r="P2684" s="236" t="str">
        <f t="shared" si="628"/>
        <v>SAND</v>
      </c>
      <c r="Q2684" s="236" t="e">
        <f t="shared" si="624"/>
        <v>#N/A</v>
      </c>
      <c r="R2684" s="238">
        <v>35</v>
      </c>
      <c r="S2684" s="236" t="e">
        <f t="shared" si="629"/>
        <v>#N/A</v>
      </c>
      <c r="T2684" s="236">
        <f t="shared" si="615"/>
        <v>33.939061883776645</v>
      </c>
    </row>
    <row r="2685" spans="1:20" x14ac:dyDescent="0.2">
      <c r="A2685" s="53">
        <f t="shared" si="616"/>
        <v>2673</v>
      </c>
      <c r="B2685" s="239">
        <v>26.766999999999999</v>
      </c>
      <c r="C2685" s="3">
        <f t="shared" si="617"/>
        <v>26.759999999999998</v>
      </c>
      <c r="D2685" s="239">
        <v>9.3125</v>
      </c>
      <c r="E2685" s="239">
        <v>0.2258</v>
      </c>
      <c r="F2685" s="239">
        <v>0.2611</v>
      </c>
      <c r="G2685">
        <f t="shared" si="618"/>
        <v>9.3647200000000002</v>
      </c>
      <c r="H2685" s="235">
        <f t="shared" si="619"/>
        <v>2.411177269582006</v>
      </c>
      <c r="I2685" s="236">
        <f t="shared" si="620"/>
        <v>20.473843002937009</v>
      </c>
      <c r="J2685" s="237">
        <f t="shared" si="625"/>
        <v>10.473843002937009</v>
      </c>
      <c r="K2685" s="237">
        <f t="shared" si="621"/>
        <v>547.88003875859431</v>
      </c>
      <c r="L2685" s="237">
        <f t="shared" si="626"/>
        <v>280.35335565961492</v>
      </c>
      <c r="M2685" s="236">
        <f t="shared" si="622"/>
        <v>31.449025964027285</v>
      </c>
      <c r="N2685" s="236">
        <f t="shared" si="623"/>
        <v>2.5610082636478695</v>
      </c>
      <c r="O2685" s="236">
        <f t="shared" si="627"/>
        <v>2.5577442562464388</v>
      </c>
      <c r="P2685" s="236" t="str">
        <f t="shared" si="628"/>
        <v>SAND</v>
      </c>
      <c r="Q2685" s="236" t="e">
        <f t="shared" si="624"/>
        <v>#N/A</v>
      </c>
      <c r="R2685" s="238">
        <v>35</v>
      </c>
      <c r="S2685" s="236" t="e">
        <f t="shared" si="629"/>
        <v>#N/A</v>
      </c>
      <c r="T2685" s="236">
        <f t="shared" si="615"/>
        <v>34.073679189724913</v>
      </c>
    </row>
    <row r="2686" spans="1:20" x14ac:dyDescent="0.2">
      <c r="A2686" s="53">
        <f t="shared" si="616"/>
        <v>2674</v>
      </c>
      <c r="B2686" s="239">
        <v>26.777999999999999</v>
      </c>
      <c r="C2686" s="3">
        <f t="shared" si="617"/>
        <v>26.770999999999997</v>
      </c>
      <c r="D2686" s="239">
        <v>9.0906000000000002</v>
      </c>
      <c r="E2686" s="239">
        <v>0.2132</v>
      </c>
      <c r="F2686" s="239">
        <v>0.17519999999999999</v>
      </c>
      <c r="G2686">
        <f t="shared" si="618"/>
        <v>9.1256400000000006</v>
      </c>
      <c r="H2686" s="235">
        <f t="shared" si="619"/>
        <v>2.3362744969119973</v>
      </c>
      <c r="I2686" s="236">
        <f t="shared" si="620"/>
        <v>20.396405494289578</v>
      </c>
      <c r="J2686" s="237">
        <f t="shared" si="625"/>
        <v>10.396405494289578</v>
      </c>
      <c r="K2686" s="237">
        <f t="shared" si="621"/>
        <v>546.03217148762621</v>
      </c>
      <c r="L2686" s="237">
        <f t="shared" si="626"/>
        <v>278.39494632608631</v>
      </c>
      <c r="M2686" s="236">
        <f t="shared" si="622"/>
        <v>30.81811628312753</v>
      </c>
      <c r="N2686" s="236">
        <f t="shared" si="623"/>
        <v>2.484962066581625</v>
      </c>
      <c r="O2686" s="236">
        <f t="shared" si="627"/>
        <v>2.5562447553793395</v>
      </c>
      <c r="P2686" s="236" t="str">
        <f t="shared" si="628"/>
        <v>SAND</v>
      </c>
      <c r="Q2686" s="236" t="e">
        <f t="shared" si="624"/>
        <v>#N/A</v>
      </c>
      <c r="R2686" s="238">
        <v>35</v>
      </c>
      <c r="S2686" s="236" t="e">
        <f t="shared" si="629"/>
        <v>#N/A</v>
      </c>
      <c r="T2686" s="236">
        <f t="shared" si="615"/>
        <v>33.976866984653697</v>
      </c>
    </row>
    <row r="2687" spans="1:20" x14ac:dyDescent="0.2">
      <c r="A2687" s="53">
        <f t="shared" si="616"/>
        <v>2675</v>
      </c>
      <c r="B2687" s="239">
        <v>26.786999999999999</v>
      </c>
      <c r="C2687" s="3">
        <f t="shared" si="617"/>
        <v>26.779999999999998</v>
      </c>
      <c r="D2687" s="239">
        <v>8.6455000000000002</v>
      </c>
      <c r="E2687" s="239">
        <v>0.19980000000000001</v>
      </c>
      <c r="F2687" s="239">
        <v>0.14460000000000001</v>
      </c>
      <c r="G2687">
        <f t="shared" si="618"/>
        <v>8.6744199999999996</v>
      </c>
      <c r="H2687" s="235">
        <f t="shared" si="619"/>
        <v>2.3033240262749559</v>
      </c>
      <c r="I2687" s="236">
        <f t="shared" si="620"/>
        <v>20.300467262365306</v>
      </c>
      <c r="J2687" s="237">
        <f t="shared" si="625"/>
        <v>10.300467262365306</v>
      </c>
      <c r="K2687" s="237">
        <f t="shared" si="621"/>
        <v>543.64651328614286</v>
      </c>
      <c r="L2687" s="237">
        <f t="shared" si="626"/>
        <v>275.91861655697943</v>
      </c>
      <c r="M2687" s="236">
        <f t="shared" si="622"/>
        <v>29.468013388052004</v>
      </c>
      <c r="N2687" s="236">
        <f t="shared" si="623"/>
        <v>2.4573307856440043</v>
      </c>
      <c r="O2687" s="236">
        <f t="shared" si="627"/>
        <v>2.5683049008616461</v>
      </c>
      <c r="P2687" s="236" t="str">
        <f t="shared" si="628"/>
        <v>SAND</v>
      </c>
      <c r="Q2687" s="236" t="e">
        <f t="shared" si="624"/>
        <v>#N/A</v>
      </c>
      <c r="R2687" s="238">
        <v>35</v>
      </c>
      <c r="S2687" s="236" t="e">
        <f t="shared" si="629"/>
        <v>#N/A</v>
      </c>
      <c r="T2687" s="236">
        <f t="shared" si="615"/>
        <v>33.762859443430536</v>
      </c>
    </row>
    <row r="2688" spans="1:20" x14ac:dyDescent="0.2">
      <c r="A2688" s="53">
        <f t="shared" si="616"/>
        <v>2676</v>
      </c>
      <c r="B2688" s="239">
        <v>26.797000000000001</v>
      </c>
      <c r="C2688" s="3">
        <f t="shared" si="617"/>
        <v>26.79</v>
      </c>
      <c r="D2688" s="239">
        <v>8.0523000000000007</v>
      </c>
      <c r="E2688" s="239">
        <v>0.18959999999999999</v>
      </c>
      <c r="F2688" s="239">
        <v>0.13550000000000001</v>
      </c>
      <c r="G2688">
        <f t="shared" si="618"/>
        <v>8.0794000000000015</v>
      </c>
      <c r="H2688" s="235">
        <f t="shared" si="619"/>
        <v>2.3467089140282686</v>
      </c>
      <c r="I2688" s="236">
        <f t="shared" si="620"/>
        <v>20.211247752476226</v>
      </c>
      <c r="J2688" s="237">
        <f t="shared" si="625"/>
        <v>10.211247752476226</v>
      </c>
      <c r="K2688" s="237">
        <f t="shared" si="621"/>
        <v>541.45932728883804</v>
      </c>
      <c r="L2688" s="237">
        <f t="shared" si="626"/>
        <v>273.63080602310544</v>
      </c>
      <c r="M2688" s="236">
        <f t="shared" si="622"/>
        <v>27.547850997722307</v>
      </c>
      <c r="N2688" s="236">
        <f t="shared" si="623"/>
        <v>2.5152758323820392</v>
      </c>
      <c r="O2688" s="236">
        <f t="shared" si="627"/>
        <v>2.5974683036105963</v>
      </c>
      <c r="P2688" s="236" t="str">
        <f t="shared" si="628"/>
        <v>SAND</v>
      </c>
      <c r="Q2688" s="236" t="e">
        <f t="shared" si="624"/>
        <v>#N/A</v>
      </c>
      <c r="R2688" s="238">
        <v>35</v>
      </c>
      <c r="S2688" s="236" t="e">
        <f t="shared" si="629"/>
        <v>#N/A</v>
      </c>
      <c r="T2688" s="236">
        <f t="shared" si="615"/>
        <v>33.440964978130658</v>
      </c>
    </row>
    <row r="2689" spans="1:20" x14ac:dyDescent="0.2">
      <c r="A2689" s="53">
        <f t="shared" si="616"/>
        <v>2677</v>
      </c>
      <c r="B2689" s="239">
        <v>26.806999999999999</v>
      </c>
      <c r="C2689" s="3">
        <f t="shared" si="617"/>
        <v>26.799999999999997</v>
      </c>
      <c r="D2689" s="239">
        <v>7.3864999999999998</v>
      </c>
      <c r="E2689" s="239">
        <v>0.18229999999999999</v>
      </c>
      <c r="F2689" s="239">
        <v>0.13689999999999999</v>
      </c>
      <c r="G2689">
        <f t="shared" si="618"/>
        <v>7.4138799999999998</v>
      </c>
      <c r="H2689" s="235">
        <f t="shared" si="619"/>
        <v>2.4589014119462411</v>
      </c>
      <c r="I2689" s="236">
        <f t="shared" si="620"/>
        <v>20.131608056840847</v>
      </c>
      <c r="J2689" s="237">
        <f t="shared" si="625"/>
        <v>10.131608056840847</v>
      </c>
      <c r="K2689" s="237">
        <f t="shared" si="621"/>
        <v>539.52709592333463</v>
      </c>
      <c r="L2689" s="237">
        <f t="shared" si="626"/>
        <v>271.59801717973255</v>
      </c>
      <c r="M2689" s="236">
        <f t="shared" si="622"/>
        <v>25.310762484423801</v>
      </c>
      <c r="N2689" s="236">
        <f t="shared" si="623"/>
        <v>2.6518859672143318</v>
      </c>
      <c r="O2689" s="236">
        <f t="shared" si="627"/>
        <v>2.6405491489401758</v>
      </c>
      <c r="P2689" s="236" t="str">
        <f t="shared" si="628"/>
        <v>CLAY</v>
      </c>
      <c r="Q2689" s="236">
        <f t="shared" si="624"/>
        <v>572.86274200638877</v>
      </c>
      <c r="R2689" s="238">
        <v>35</v>
      </c>
      <c r="S2689" s="236">
        <f t="shared" si="629"/>
        <v>14.192913117292591</v>
      </c>
      <c r="T2689" s="236" t="e">
        <f t="shared" si="615"/>
        <v>#N/A</v>
      </c>
    </row>
    <row r="2690" spans="1:20" x14ac:dyDescent="0.2">
      <c r="A2690" s="53">
        <f t="shared" si="616"/>
        <v>2678</v>
      </c>
      <c r="B2690" s="239">
        <v>26.815999999999999</v>
      </c>
      <c r="C2690" s="3">
        <f t="shared" si="617"/>
        <v>26.808999999999997</v>
      </c>
      <c r="D2690" s="239">
        <v>6.6101000000000001</v>
      </c>
      <c r="E2690" s="239">
        <v>0.17499999999999999</v>
      </c>
      <c r="F2690" s="239">
        <v>0.13900000000000001</v>
      </c>
      <c r="G2690">
        <f t="shared" si="618"/>
        <v>6.6379000000000001</v>
      </c>
      <c r="H2690" s="235">
        <f t="shared" si="619"/>
        <v>2.636375962277226</v>
      </c>
      <c r="I2690" s="236">
        <f t="shared" si="620"/>
        <v>20.040473420761277</v>
      </c>
      <c r="J2690" s="237">
        <f t="shared" si="625"/>
        <v>10.040473420761277</v>
      </c>
      <c r="K2690" s="237">
        <f t="shared" si="621"/>
        <v>537.26505193718901</v>
      </c>
      <c r="L2690" s="237">
        <f t="shared" si="626"/>
        <v>269.24533525113441</v>
      </c>
      <c r="M2690" s="236">
        <f t="shared" si="622"/>
        <v>22.658275369460121</v>
      </c>
      <c r="N2690" s="236">
        <f t="shared" si="623"/>
        <v>2.8685538716846071</v>
      </c>
      <c r="O2690" s="236">
        <f t="shared" si="627"/>
        <v>2.6994107968378533</v>
      </c>
      <c r="P2690" s="236" t="str">
        <f t="shared" si="628"/>
        <v>CLAY</v>
      </c>
      <c r="Q2690" s="236">
        <f t="shared" si="624"/>
        <v>508.38624567190095</v>
      </c>
      <c r="R2690" s="238">
        <v>35</v>
      </c>
      <c r="S2690" s="236">
        <f t="shared" si="629"/>
        <v>12.358722245332379</v>
      </c>
      <c r="T2690" s="236" t="e">
        <f t="shared" si="615"/>
        <v>#N/A</v>
      </c>
    </row>
    <row r="2691" spans="1:20" x14ac:dyDescent="0.2">
      <c r="A2691" s="53">
        <f t="shared" si="616"/>
        <v>2679</v>
      </c>
      <c r="B2691" s="239">
        <v>26.826000000000001</v>
      </c>
      <c r="C2691" s="3">
        <f t="shared" si="617"/>
        <v>26.818999999999999</v>
      </c>
      <c r="D2691" s="239">
        <v>5.8552999999999997</v>
      </c>
      <c r="E2691" s="239">
        <v>0.16739999999999999</v>
      </c>
      <c r="F2691" s="239">
        <v>0.13370000000000001</v>
      </c>
      <c r="G2691">
        <f t="shared" si="618"/>
        <v>5.8820399999999999</v>
      </c>
      <c r="H2691" s="235">
        <f t="shared" si="619"/>
        <v>2.8459514046147256</v>
      </c>
      <c r="I2691" s="236">
        <f t="shared" si="620"/>
        <v>19.941157955443657</v>
      </c>
      <c r="J2691" s="237">
        <f t="shared" si="625"/>
        <v>9.9411579554436571</v>
      </c>
      <c r="K2691" s="237">
        <f t="shared" si="621"/>
        <v>534.80191520704341</v>
      </c>
      <c r="L2691" s="237">
        <f t="shared" si="626"/>
        <v>266.68150331273154</v>
      </c>
      <c r="M2691" s="236">
        <f t="shared" si="622"/>
        <v>20.051027230495126</v>
      </c>
      <c r="N2691" s="236">
        <f t="shared" si="623"/>
        <v>3.1305881156866744</v>
      </c>
      <c r="O2691" s="236">
        <f t="shared" si="627"/>
        <v>2.7645983332679407</v>
      </c>
      <c r="P2691" s="236" t="str">
        <f t="shared" si="628"/>
        <v>CLAY</v>
      </c>
      <c r="Q2691" s="236">
        <f t="shared" si="624"/>
        <v>445.60317373274637</v>
      </c>
      <c r="R2691" s="238">
        <v>35</v>
      </c>
      <c r="S2691" s="236">
        <f t="shared" si="629"/>
        <v>10.6074450865726</v>
      </c>
      <c r="T2691" s="236" t="e">
        <f t="shared" si="615"/>
        <v>#N/A</v>
      </c>
    </row>
    <row r="2692" spans="1:20" x14ac:dyDescent="0.2">
      <c r="A2692" s="53">
        <f t="shared" si="616"/>
        <v>2680</v>
      </c>
      <c r="B2692" s="239">
        <v>26.837</v>
      </c>
      <c r="C2692" s="3">
        <f t="shared" si="617"/>
        <v>26.83</v>
      </c>
      <c r="D2692" s="239">
        <v>5.18</v>
      </c>
      <c r="E2692" s="239">
        <v>0.16309999999999999</v>
      </c>
      <c r="F2692" s="239">
        <v>0.14050000000000001</v>
      </c>
      <c r="G2692">
        <f t="shared" si="618"/>
        <v>5.2081</v>
      </c>
      <c r="H2692" s="235">
        <f t="shared" si="619"/>
        <v>3.1316602983813677</v>
      </c>
      <c r="I2692" s="236">
        <f t="shared" si="620"/>
        <v>19.863080132212275</v>
      </c>
      <c r="J2692" s="237">
        <f t="shared" si="625"/>
        <v>9.863080132212275</v>
      </c>
      <c r="K2692" s="237">
        <f t="shared" si="621"/>
        <v>532.92643994725529</v>
      </c>
      <c r="L2692" s="237">
        <f t="shared" si="626"/>
        <v>264.69548150818082</v>
      </c>
      <c r="M2692" s="236">
        <f t="shared" si="622"/>
        <v>17.662460777246974</v>
      </c>
      <c r="N2692" s="236">
        <f t="shared" si="623"/>
        <v>3.4886405371902365</v>
      </c>
      <c r="O2692" s="236">
        <f t="shared" si="627"/>
        <v>2.8369804865635366</v>
      </c>
      <c r="P2692" s="236" t="str">
        <f t="shared" si="628"/>
        <v>CLAY</v>
      </c>
      <c r="Q2692" s="236">
        <f t="shared" si="624"/>
        <v>389.5977966710621</v>
      </c>
      <c r="R2692" s="238">
        <v>35</v>
      </c>
      <c r="S2692" s="236">
        <f t="shared" si="629"/>
        <v>9.0521975192351238</v>
      </c>
      <c r="T2692" s="236" t="e">
        <f t="shared" si="615"/>
        <v>#N/A</v>
      </c>
    </row>
    <row r="2693" spans="1:20" x14ac:dyDescent="0.2">
      <c r="A2693" s="53">
        <f t="shared" si="616"/>
        <v>2681</v>
      </c>
      <c r="B2693" s="239">
        <v>26.846</v>
      </c>
      <c r="C2693" s="3">
        <f t="shared" si="617"/>
        <v>26.838999999999999</v>
      </c>
      <c r="D2693" s="239">
        <v>4.7106000000000003</v>
      </c>
      <c r="E2693" s="239">
        <v>0.1638</v>
      </c>
      <c r="F2693" s="239">
        <v>0.1439</v>
      </c>
      <c r="G2693">
        <f t="shared" si="618"/>
        <v>4.7393800000000006</v>
      </c>
      <c r="H2693" s="235">
        <f t="shared" si="619"/>
        <v>3.4561482725588575</v>
      </c>
      <c r="I2693" s="236">
        <f t="shared" si="620"/>
        <v>19.831239955784984</v>
      </c>
      <c r="J2693" s="237">
        <f t="shared" si="625"/>
        <v>9.8312399557849837</v>
      </c>
      <c r="K2693" s="237">
        <f t="shared" si="621"/>
        <v>532.25064917331315</v>
      </c>
      <c r="L2693" s="237">
        <f t="shared" si="626"/>
        <v>263.9294678530037</v>
      </c>
      <c r="M2693" s="236">
        <f t="shared" si="622"/>
        <v>15.940354766182688</v>
      </c>
      <c r="N2693" s="236">
        <f t="shared" si="623"/>
        <v>3.8933911068794167</v>
      </c>
      <c r="O2693" s="236">
        <f t="shared" si="627"/>
        <v>2.9015259750006481</v>
      </c>
      <c r="P2693" s="236" t="str">
        <f t="shared" si="628"/>
        <v>CLAY</v>
      </c>
      <c r="Q2693" s="236">
        <f t="shared" si="624"/>
        <v>350.59411256889069</v>
      </c>
      <c r="R2693" s="238">
        <v>35</v>
      </c>
      <c r="S2693" s="236">
        <f t="shared" si="629"/>
        <v>7.9627391159482697</v>
      </c>
      <c r="T2693" s="236" t="e">
        <f t="shared" si="615"/>
        <v>#N/A</v>
      </c>
    </row>
    <row r="2694" spans="1:20" x14ac:dyDescent="0.2">
      <c r="A2694" s="53">
        <f t="shared" si="616"/>
        <v>2682</v>
      </c>
      <c r="B2694" s="239">
        <v>26.855</v>
      </c>
      <c r="C2694" s="3">
        <f t="shared" si="617"/>
        <v>26.847999999999999</v>
      </c>
      <c r="D2694" s="239">
        <v>4.4009</v>
      </c>
      <c r="E2694" s="239">
        <v>0.16800000000000001</v>
      </c>
      <c r="F2694" s="239">
        <v>0.16259999999999999</v>
      </c>
      <c r="G2694">
        <f t="shared" si="618"/>
        <v>4.4334199999999999</v>
      </c>
      <c r="H2694" s="235">
        <f t="shared" si="619"/>
        <v>3.7893996057219939</v>
      </c>
      <c r="I2694" s="236">
        <f t="shared" si="620"/>
        <v>19.834843103560896</v>
      </c>
      <c r="J2694" s="237">
        <f t="shared" si="625"/>
        <v>9.8348431035608961</v>
      </c>
      <c r="K2694" s="237">
        <f t="shared" si="621"/>
        <v>532.52586764440287</v>
      </c>
      <c r="L2694" s="237">
        <f t="shared" si="626"/>
        <v>264.11471154612786</v>
      </c>
      <c r="M2694" s="236">
        <f t="shared" si="622"/>
        <v>14.769696506187627</v>
      </c>
      <c r="N2694" s="236">
        <f t="shared" si="623"/>
        <v>4.3067049322497599</v>
      </c>
      <c r="O2694" s="236">
        <f t="shared" si="627"/>
        <v>2.9547834581057701</v>
      </c>
      <c r="P2694" s="236" t="str">
        <f t="shared" si="628"/>
        <v>CLAY</v>
      </c>
      <c r="Q2694" s="236">
        <f t="shared" si="624"/>
        <v>325.07451102963313</v>
      </c>
      <c r="R2694" s="238">
        <v>35</v>
      </c>
      <c r="S2694" s="236">
        <f t="shared" si="629"/>
        <v>7.238598239387132</v>
      </c>
      <c r="T2694" s="236" t="e">
        <f t="shared" si="615"/>
        <v>#N/A</v>
      </c>
    </row>
    <row r="2695" spans="1:20" x14ac:dyDescent="0.2">
      <c r="A2695" s="53">
        <f t="shared" si="616"/>
        <v>2683</v>
      </c>
      <c r="B2695" s="239">
        <v>26.866</v>
      </c>
      <c r="C2695" s="3">
        <f t="shared" si="617"/>
        <v>26.858999999999998</v>
      </c>
      <c r="D2695" s="239">
        <v>4.1462000000000003</v>
      </c>
      <c r="E2695" s="239">
        <v>0.16980000000000001</v>
      </c>
      <c r="F2695" s="239">
        <v>0.2097</v>
      </c>
      <c r="G2695">
        <f t="shared" si="618"/>
        <v>4.1881400000000006</v>
      </c>
      <c r="H2695" s="235">
        <f t="shared" si="619"/>
        <v>4.0543057299899239</v>
      </c>
      <c r="I2695" s="236">
        <f t="shared" si="620"/>
        <v>19.825093877988003</v>
      </c>
      <c r="J2695" s="237">
        <f t="shared" si="625"/>
        <v>9.825093877988003</v>
      </c>
      <c r="K2695" s="237">
        <f t="shared" si="621"/>
        <v>532.48219646887969</v>
      </c>
      <c r="L2695" s="237">
        <f t="shared" si="626"/>
        <v>263.96097212602569</v>
      </c>
      <c r="M2695" s="236">
        <f t="shared" si="622"/>
        <v>13.849236021853113</v>
      </c>
      <c r="N2695" s="236">
        <f t="shared" si="623"/>
        <v>4.6448548831891374</v>
      </c>
      <c r="O2695" s="236">
        <f t="shared" si="627"/>
        <v>2.9971522521402787</v>
      </c>
      <c r="P2695" s="236" t="str">
        <f t="shared" si="628"/>
        <v>CLAY</v>
      </c>
      <c r="Q2695" s="236">
        <f t="shared" si="624"/>
        <v>304.63815029426002</v>
      </c>
      <c r="R2695" s="238">
        <v>35</v>
      </c>
      <c r="S2695" s="236">
        <f t="shared" si="629"/>
        <v>6.6791666493420516</v>
      </c>
      <c r="T2695" s="236" t="e">
        <f t="shared" si="615"/>
        <v>#N/A</v>
      </c>
    </row>
    <row r="2696" spans="1:20" x14ac:dyDescent="0.2">
      <c r="A2696" s="53">
        <f t="shared" si="616"/>
        <v>2684</v>
      </c>
      <c r="B2696" s="239">
        <v>26.875</v>
      </c>
      <c r="C2696" s="3">
        <f t="shared" si="617"/>
        <v>26.867999999999999</v>
      </c>
      <c r="D2696" s="239">
        <v>3.8109999999999999</v>
      </c>
      <c r="E2696" s="239">
        <v>0.17369999999999999</v>
      </c>
      <c r="F2696" s="239">
        <v>0.26750000000000002</v>
      </c>
      <c r="G2696">
        <f t="shared" si="618"/>
        <v>3.8645</v>
      </c>
      <c r="H2696" s="235">
        <f t="shared" si="619"/>
        <v>4.4947599948246859</v>
      </c>
      <c r="I2696" s="236">
        <f t="shared" si="620"/>
        <v>19.820286544660188</v>
      </c>
      <c r="J2696" s="237">
        <f t="shared" si="625"/>
        <v>9.8202865446601884</v>
      </c>
      <c r="K2696" s="237">
        <f t="shared" si="621"/>
        <v>532.53145888192989</v>
      </c>
      <c r="L2696" s="237">
        <f t="shared" si="626"/>
        <v>263.92020088774257</v>
      </c>
      <c r="M2696" s="236">
        <f t="shared" si="622"/>
        <v>12.62490908202707</v>
      </c>
      <c r="N2696" s="236">
        <f t="shared" si="623"/>
        <v>5.2131344535958162</v>
      </c>
      <c r="O2696" s="236">
        <f t="shared" si="627"/>
        <v>3.0599725177372026</v>
      </c>
      <c r="P2696" s="236" t="str">
        <f t="shared" si="628"/>
        <v>CLAY</v>
      </c>
      <c r="Q2696" s="236">
        <f t="shared" si="624"/>
        <v>277.66404509317249</v>
      </c>
      <c r="R2696" s="238">
        <v>35</v>
      </c>
      <c r="S2696" s="236">
        <f t="shared" si="629"/>
        <v>5.9494296392903498</v>
      </c>
      <c r="T2696" s="236" t="e">
        <f t="shared" si="615"/>
        <v>#N/A</v>
      </c>
    </row>
    <row r="2697" spans="1:20" x14ac:dyDescent="0.2">
      <c r="A2697" s="53">
        <f t="shared" si="616"/>
        <v>2685</v>
      </c>
      <c r="B2697" s="239">
        <v>26.885000000000002</v>
      </c>
      <c r="C2697" s="3">
        <f t="shared" si="617"/>
        <v>26.878</v>
      </c>
      <c r="D2697" s="239">
        <v>3.4470999999999998</v>
      </c>
      <c r="E2697" s="239">
        <v>0.1893</v>
      </c>
      <c r="F2697" s="239">
        <v>0.28810000000000002</v>
      </c>
      <c r="G2697">
        <f t="shared" si="618"/>
        <v>3.5047199999999998</v>
      </c>
      <c r="H2697" s="235">
        <f t="shared" si="619"/>
        <v>5.4012874066972545</v>
      </c>
      <c r="I2697" s="236">
        <f t="shared" si="620"/>
        <v>19.882937706313747</v>
      </c>
      <c r="J2697" s="237">
        <f t="shared" si="625"/>
        <v>9.8829377063137471</v>
      </c>
      <c r="K2697" s="237">
        <f t="shared" si="621"/>
        <v>534.41359967030087</v>
      </c>
      <c r="L2697" s="237">
        <f t="shared" si="626"/>
        <v>265.7027802342451</v>
      </c>
      <c r="M2697" s="236">
        <f t="shared" si="622"/>
        <v>11.179056529672215</v>
      </c>
      <c r="N2697" s="236">
        <f t="shared" si="623"/>
        <v>6.3730798943498899</v>
      </c>
      <c r="O2697" s="236">
        <f t="shared" si="627"/>
        <v>3.1562813483122296</v>
      </c>
      <c r="P2697" s="236" t="str">
        <f t="shared" si="628"/>
        <v>CLAY</v>
      </c>
      <c r="Q2697" s="236">
        <f t="shared" si="624"/>
        <v>247.52553336080825</v>
      </c>
      <c r="R2697" s="238">
        <v>35</v>
      </c>
      <c r="S2697" s="236">
        <f t="shared" si="629"/>
        <v>5.1103006223536553</v>
      </c>
      <c r="T2697" s="236" t="e">
        <f t="shared" si="615"/>
        <v>#N/A</v>
      </c>
    </row>
    <row r="2698" spans="1:20" x14ac:dyDescent="0.2">
      <c r="A2698" s="53">
        <f t="shared" si="616"/>
        <v>2686</v>
      </c>
      <c r="B2698" s="239">
        <v>26.893999999999998</v>
      </c>
      <c r="C2698" s="3">
        <f t="shared" si="617"/>
        <v>26.886999999999997</v>
      </c>
      <c r="D2698" s="239">
        <v>3.1484999999999999</v>
      </c>
      <c r="E2698" s="239">
        <v>0.21010000000000001</v>
      </c>
      <c r="F2698" s="239">
        <v>0.3327</v>
      </c>
      <c r="G2698">
        <f t="shared" si="618"/>
        <v>3.2150399999999997</v>
      </c>
      <c r="H2698" s="235">
        <f t="shared" si="619"/>
        <v>6.5349109186821952</v>
      </c>
      <c r="I2698" s="236">
        <f t="shared" si="620"/>
        <v>19.971461138400052</v>
      </c>
      <c r="J2698" s="237">
        <f t="shared" si="625"/>
        <v>9.971461138400052</v>
      </c>
      <c r="K2698" s="237">
        <f t="shared" si="621"/>
        <v>536.97267562816216</v>
      </c>
      <c r="L2698" s="237">
        <f t="shared" si="626"/>
        <v>268.17247585613097</v>
      </c>
      <c r="M2698" s="236">
        <f t="shared" si="622"/>
        <v>9.9863616346987278</v>
      </c>
      <c r="N2698" s="236">
        <f t="shared" si="623"/>
        <v>7.845209793195945</v>
      </c>
      <c r="O2698" s="236">
        <f t="shared" si="627"/>
        <v>3.2519810571653456</v>
      </c>
      <c r="P2698" s="236" t="str">
        <f t="shared" si="628"/>
        <v>CLAY</v>
      </c>
      <c r="Q2698" s="236">
        <f t="shared" si="624"/>
        <v>223.17227703098646</v>
      </c>
      <c r="R2698" s="238">
        <v>35</v>
      </c>
      <c r="S2698" s="236">
        <f t="shared" si="629"/>
        <v>4.4381208100409575</v>
      </c>
      <c r="T2698" s="236" t="e">
        <f t="shared" si="615"/>
        <v>#N/A</v>
      </c>
    </row>
    <row r="2699" spans="1:20" x14ac:dyDescent="0.2">
      <c r="A2699" s="53">
        <f t="shared" si="616"/>
        <v>2687</v>
      </c>
      <c r="B2699" s="239">
        <v>26.904</v>
      </c>
      <c r="C2699" s="3">
        <f t="shared" si="617"/>
        <v>26.896999999999998</v>
      </c>
      <c r="D2699" s="239">
        <v>3.0634000000000001</v>
      </c>
      <c r="E2699" s="239">
        <v>0.21809999999999999</v>
      </c>
      <c r="F2699" s="239">
        <v>0.40610000000000002</v>
      </c>
      <c r="G2699">
        <f t="shared" si="618"/>
        <v>3.1446200000000002</v>
      </c>
      <c r="H2699" s="235">
        <f t="shared" si="619"/>
        <v>6.9356551825021775</v>
      </c>
      <c r="I2699" s="236">
        <f t="shared" si="620"/>
        <v>20.006624706459057</v>
      </c>
      <c r="J2699" s="237">
        <f t="shared" si="625"/>
        <v>10.006624706459057</v>
      </c>
      <c r="K2699" s="237">
        <f t="shared" si="621"/>
        <v>538.11818472962921</v>
      </c>
      <c r="L2699" s="237">
        <f t="shared" si="626"/>
        <v>269.21823110257446</v>
      </c>
      <c r="M2699" s="236">
        <f t="shared" si="622"/>
        <v>9.681743337349511</v>
      </c>
      <c r="N2699" s="236">
        <f t="shared" si="623"/>
        <v>8.3675368542713482</v>
      </c>
      <c r="O2699" s="236">
        <f t="shared" si="627"/>
        <v>3.2804285253935004</v>
      </c>
      <c r="P2699" s="236" t="str">
        <f t="shared" si="628"/>
        <v>CLAY</v>
      </c>
      <c r="Q2699" s="236">
        <f t="shared" si="624"/>
        <v>217.20848460586424</v>
      </c>
      <c r="R2699" s="238">
        <v>35</v>
      </c>
      <c r="S2699" s="236">
        <f t="shared" si="629"/>
        <v>4.2695486379849816</v>
      </c>
      <c r="T2699" s="236" t="e">
        <f t="shared" si="615"/>
        <v>#N/A</v>
      </c>
    </row>
    <row r="2700" spans="1:20" x14ac:dyDescent="0.2">
      <c r="A2700" s="53">
        <f t="shared" si="616"/>
        <v>2688</v>
      </c>
      <c r="B2700" s="239">
        <v>26.913</v>
      </c>
      <c r="C2700" s="3">
        <f t="shared" si="617"/>
        <v>26.905999999999999</v>
      </c>
      <c r="D2700" s="239">
        <v>3.149</v>
      </c>
      <c r="E2700" s="239">
        <v>0.22140000000000001</v>
      </c>
      <c r="F2700" s="239">
        <v>0.55259999999999998</v>
      </c>
      <c r="G2700">
        <f t="shared" si="618"/>
        <v>3.2595200000000002</v>
      </c>
      <c r="H2700" s="235">
        <f t="shared" si="619"/>
        <v>6.7924111525623401</v>
      </c>
      <c r="I2700" s="236">
        <f t="shared" si="620"/>
        <v>20.038260904191848</v>
      </c>
      <c r="J2700" s="237">
        <f t="shared" si="625"/>
        <v>10.038260904191848</v>
      </c>
      <c r="K2700" s="237">
        <f t="shared" si="621"/>
        <v>539.14944788818582</v>
      </c>
      <c r="L2700" s="237">
        <f t="shared" si="626"/>
        <v>270.15971571451519</v>
      </c>
      <c r="M2700" s="236">
        <f t="shared" si="622"/>
        <v>10.069489986384575</v>
      </c>
      <c r="N2700" s="236">
        <f t="shared" si="623"/>
        <v>8.1385971417801137</v>
      </c>
      <c r="O2700" s="236">
        <f t="shared" si="627"/>
        <v>3.259646225166196</v>
      </c>
      <c r="P2700" s="236" t="str">
        <f t="shared" si="628"/>
        <v>CLAY</v>
      </c>
      <c r="Q2700" s="236">
        <f t="shared" si="624"/>
        <v>226.69754600931785</v>
      </c>
      <c r="R2700" s="238">
        <v>35</v>
      </c>
      <c r="S2700" s="236">
        <f t="shared" si="629"/>
        <v>4.4843484514479561</v>
      </c>
      <c r="T2700" s="236" t="e">
        <f t="shared" si="615"/>
        <v>#N/A</v>
      </c>
    </row>
    <row r="2701" spans="1:20" x14ac:dyDescent="0.2">
      <c r="A2701" s="53">
        <f t="shared" si="616"/>
        <v>2689</v>
      </c>
      <c r="B2701" s="239">
        <v>26.922999999999998</v>
      </c>
      <c r="C2701" s="3">
        <f t="shared" si="617"/>
        <v>26.915999999999997</v>
      </c>
      <c r="D2701" s="239">
        <v>3.5522999999999998</v>
      </c>
      <c r="E2701" s="239">
        <v>0.224</v>
      </c>
      <c r="F2701" s="239">
        <v>0.73829999999999996</v>
      </c>
      <c r="G2701">
        <f t="shared" si="618"/>
        <v>3.6999599999999999</v>
      </c>
      <c r="H2701" s="235">
        <f t="shared" si="619"/>
        <v>6.0541195039946381</v>
      </c>
      <c r="I2701" s="236">
        <f t="shared" si="620"/>
        <v>20.101490029954249</v>
      </c>
      <c r="J2701" s="237">
        <f t="shared" si="625"/>
        <v>10.101490029954249</v>
      </c>
      <c r="K2701" s="237">
        <f t="shared" si="621"/>
        <v>541.05170564624848</v>
      </c>
      <c r="L2701" s="237">
        <f t="shared" si="626"/>
        <v>271.96241607645823</v>
      </c>
      <c r="M2701" s="236">
        <f t="shared" si="622"/>
        <v>11.615238384504096</v>
      </c>
      <c r="N2701" s="236">
        <f t="shared" si="623"/>
        <v>7.0910573884141792</v>
      </c>
      <c r="O2701" s="236">
        <f t="shared" si="627"/>
        <v>3.1735994948967017</v>
      </c>
      <c r="P2701" s="236" t="str">
        <f t="shared" si="628"/>
        <v>CLAY</v>
      </c>
      <c r="Q2701" s="236">
        <f t="shared" si="624"/>
        <v>263.24235786281264</v>
      </c>
      <c r="R2701" s="238">
        <v>35</v>
      </c>
      <c r="S2701" s="236">
        <f t="shared" si="629"/>
        <v>5.3607452318221265</v>
      </c>
      <c r="T2701" s="236" t="e">
        <f t="shared" ref="T2701:T2764" si="630">IF(P2701="SAND",17.6+(11*LOG(M2701)),#N/A)</f>
        <v>#N/A</v>
      </c>
    </row>
    <row r="2702" spans="1:20" x14ac:dyDescent="0.2">
      <c r="A2702" s="53">
        <f t="shared" ref="A2702:A2765" si="631">$A2701+1</f>
        <v>2690</v>
      </c>
      <c r="B2702" s="239">
        <v>26.933</v>
      </c>
      <c r="C2702" s="3">
        <f t="shared" ref="C2702:C2765" si="632">MAX($B2702 - $B$13, 0.001)</f>
        <v>26.925999999999998</v>
      </c>
      <c r="D2702" s="239">
        <v>4.4241000000000001</v>
      </c>
      <c r="E2702" s="239">
        <v>0.2165</v>
      </c>
      <c r="F2702" s="239">
        <v>0.80879999999999996</v>
      </c>
      <c r="G2702">
        <f t="shared" si="618"/>
        <v>4.5858600000000003</v>
      </c>
      <c r="H2702" s="235">
        <f t="shared" si="619"/>
        <v>4.7210337864653518</v>
      </c>
      <c r="I2702" s="236">
        <f t="shared" si="620"/>
        <v>20.145458099208472</v>
      </c>
      <c r="J2702" s="237">
        <f t="shared" si="625"/>
        <v>10.145458099208472</v>
      </c>
      <c r="K2702" s="237">
        <f t="shared" si="621"/>
        <v>542.43660477928734</v>
      </c>
      <c r="L2702" s="237">
        <f t="shared" si="626"/>
        <v>273.24762298598176</v>
      </c>
      <c r="M2702" s="236">
        <f t="shared" si="622"/>
        <v>14.797652587185178</v>
      </c>
      <c r="N2702" s="236">
        <f t="shared" si="623"/>
        <v>5.3543737283585209</v>
      </c>
      <c r="O2702" s="236">
        <f t="shared" si="627"/>
        <v>3.0143952224464834</v>
      </c>
      <c r="P2702" s="236" t="str">
        <f t="shared" si="628"/>
        <v>CLAY</v>
      </c>
      <c r="Q2702" s="236">
        <f t="shared" si="624"/>
        <v>336.95194960172608</v>
      </c>
      <c r="R2702" s="238">
        <v>35</v>
      </c>
      <c r="S2702" s="236">
        <f t="shared" si="629"/>
        <v>7.2557288127043682</v>
      </c>
      <c r="T2702" s="236" t="e">
        <f t="shared" si="630"/>
        <v>#N/A</v>
      </c>
    </row>
    <row r="2703" spans="1:20" x14ac:dyDescent="0.2">
      <c r="A2703" s="53">
        <f t="shared" si="631"/>
        <v>2691</v>
      </c>
      <c r="B2703" s="239">
        <v>26.942</v>
      </c>
      <c r="C2703" s="3">
        <f t="shared" si="632"/>
        <v>26.934999999999999</v>
      </c>
      <c r="D2703" s="239">
        <v>5.1698000000000004</v>
      </c>
      <c r="E2703" s="239">
        <v>0.20619999999999999</v>
      </c>
      <c r="F2703" s="239">
        <v>0.80840000000000001</v>
      </c>
      <c r="G2703">
        <f t="shared" ref="G2703:G2766" si="633">$D2703+($F2703*(1-$P$8))</f>
        <v>5.33148</v>
      </c>
      <c r="H2703" s="235">
        <f t="shared" ref="H2703:H2766" si="634">($E2703/$G2703)*100</f>
        <v>3.8675939889111466</v>
      </c>
      <c r="I2703" s="236">
        <f t="shared" ref="I2703:I2766" si="635">((0.27*(LOG($H2703)))+(0.36*(LOG(($G2703*1000)/101)))+1.236)*10</f>
        <v>20.147185444878986</v>
      </c>
      <c r="J2703" s="237">
        <f t="shared" si="625"/>
        <v>10.147185444878986</v>
      </c>
      <c r="K2703" s="237">
        <f t="shared" ref="K2703:K2766" si="636">$I2703*$C2703</f>
        <v>542.66443995781549</v>
      </c>
      <c r="L2703" s="237">
        <f t="shared" si="626"/>
        <v>273.38547025592965</v>
      </c>
      <c r="M2703" s="236">
        <f t="shared" ref="M2703:M2766" si="637">(($G2703*1000)-$K2703)/$L2703</f>
        <v>17.51671570387094</v>
      </c>
      <c r="N2703" s="236">
        <f t="shared" ref="N2703:N2766" si="638">(($E2703*1000)/(($G2703*1000)-$K2703))*100</f>
        <v>4.3058663967042321</v>
      </c>
      <c r="O2703" s="236">
        <f t="shared" si="627"/>
        <v>2.8974218688462976</v>
      </c>
      <c r="P2703" s="236" t="str">
        <f t="shared" si="628"/>
        <v>CLAY</v>
      </c>
      <c r="Q2703" s="236">
        <f t="shared" ref="Q2703:Q2766" si="639">IF(P2703="CLAY",($G2703*1000 -$K2703)/$L$8,#N/A)</f>
        <v>399.06796333684866</v>
      </c>
      <c r="R2703" s="238">
        <v>35</v>
      </c>
      <c r="S2703" s="236">
        <f t="shared" si="629"/>
        <v>8.9589241659972405</v>
      </c>
      <c r="T2703" s="236" t="e">
        <f t="shared" si="630"/>
        <v>#N/A</v>
      </c>
    </row>
    <row r="2704" spans="1:20" x14ac:dyDescent="0.2">
      <c r="A2704" s="53">
        <f t="shared" si="631"/>
        <v>2692</v>
      </c>
      <c r="B2704" s="239">
        <v>26.952000000000002</v>
      </c>
      <c r="C2704" s="3">
        <f t="shared" si="632"/>
        <v>26.945</v>
      </c>
      <c r="D2704" s="239">
        <v>5.8006000000000002</v>
      </c>
      <c r="E2704" s="239">
        <v>0.19189999999999999</v>
      </c>
      <c r="F2704" s="239">
        <v>0.7077</v>
      </c>
      <c r="G2704">
        <f t="shared" si="633"/>
        <v>5.9421400000000002</v>
      </c>
      <c r="H2704" s="235">
        <f t="shared" si="634"/>
        <v>3.2294762492973907</v>
      </c>
      <c r="I2704" s="236">
        <f t="shared" si="635"/>
        <v>20.105294077987104</v>
      </c>
      <c r="J2704" s="237">
        <f t="shared" ref="J2704:J2767" si="640">$I2704-10</f>
        <v>10.105294077987104</v>
      </c>
      <c r="K2704" s="237">
        <f t="shared" si="636"/>
        <v>541.73714893136253</v>
      </c>
      <c r="L2704" s="237">
        <f t="shared" ref="L2704:L2767" si="641">$J2704*$B2704</f>
        <v>272.35788598990843</v>
      </c>
      <c r="M2704" s="236">
        <f t="shared" si="637"/>
        <v>19.828332972406521</v>
      </c>
      <c r="N2704" s="236">
        <f t="shared" si="638"/>
        <v>3.5534386098997519</v>
      </c>
      <c r="O2704" s="236">
        <f t="shared" ref="O2704:O2767" si="642">((3.47-LOG($M2704))^2+(LOG($N2704)+1.22)^2)^0.5</f>
        <v>2.8028347213207594</v>
      </c>
      <c r="P2704" s="236" t="str">
        <f t="shared" ref="P2704:P2767" si="643">IF(O2704&lt;2.6,"SAND","CLAY")</f>
        <v>CLAY</v>
      </c>
      <c r="Q2704" s="236">
        <f t="shared" si="639"/>
        <v>450.03357092238645</v>
      </c>
      <c r="R2704" s="238">
        <v>35</v>
      </c>
      <c r="S2704" s="236">
        <f t="shared" ref="S2704:S2767" si="644">IF(P2704="SAND",#N/A,0.25*($M2704)^1.25)</f>
        <v>10.460387252744297</v>
      </c>
      <c r="T2704" s="236" t="e">
        <f t="shared" si="630"/>
        <v>#N/A</v>
      </c>
    </row>
    <row r="2705" spans="1:20" x14ac:dyDescent="0.2">
      <c r="A2705" s="53">
        <f t="shared" si="631"/>
        <v>2693</v>
      </c>
      <c r="B2705" s="239">
        <v>26.960999999999999</v>
      </c>
      <c r="C2705" s="3">
        <f t="shared" si="632"/>
        <v>26.953999999999997</v>
      </c>
      <c r="D2705" s="239">
        <v>6.55</v>
      </c>
      <c r="E2705" s="239">
        <v>0.17649999999999999</v>
      </c>
      <c r="F2705" s="239">
        <v>0.50880000000000003</v>
      </c>
      <c r="G2705">
        <f t="shared" si="633"/>
        <v>6.6517599999999995</v>
      </c>
      <c r="H2705" s="235">
        <f t="shared" si="634"/>
        <v>2.6534330763587382</v>
      </c>
      <c r="I2705" s="236">
        <f t="shared" si="635"/>
        <v>20.051296684709207</v>
      </c>
      <c r="J2705" s="237">
        <f t="shared" si="640"/>
        <v>10.051296684709207</v>
      </c>
      <c r="K2705" s="237">
        <f t="shared" si="636"/>
        <v>540.46265083965193</v>
      </c>
      <c r="L2705" s="237">
        <f t="shared" si="641"/>
        <v>270.99300991644492</v>
      </c>
      <c r="M2705" s="236">
        <f t="shared" si="637"/>
        <v>22.551494413249401</v>
      </c>
      <c r="N2705" s="236">
        <f t="shared" si="638"/>
        <v>2.8880938026072314</v>
      </c>
      <c r="O2705" s="236">
        <f t="shared" si="642"/>
        <v>2.7028505364134894</v>
      </c>
      <c r="P2705" s="236" t="str">
        <f t="shared" si="643"/>
        <v>CLAY</v>
      </c>
      <c r="Q2705" s="236">
        <f t="shared" si="639"/>
        <v>509.27477909669557</v>
      </c>
      <c r="R2705" s="238">
        <v>35</v>
      </c>
      <c r="S2705" s="236">
        <f t="shared" si="644"/>
        <v>12.285961971219768</v>
      </c>
      <c r="T2705" s="236" t="e">
        <f t="shared" si="630"/>
        <v>#N/A</v>
      </c>
    </row>
    <row r="2706" spans="1:20" x14ac:dyDescent="0.2">
      <c r="A2706" s="53">
        <f t="shared" si="631"/>
        <v>2694</v>
      </c>
      <c r="B2706" s="239">
        <v>26.97</v>
      </c>
      <c r="C2706" s="3">
        <f t="shared" si="632"/>
        <v>26.962999999999997</v>
      </c>
      <c r="D2706" s="239">
        <v>7.3323</v>
      </c>
      <c r="E2706" s="239">
        <v>0.15989999999999999</v>
      </c>
      <c r="F2706" s="239">
        <v>0.3619</v>
      </c>
      <c r="G2706">
        <f t="shared" si="633"/>
        <v>7.4046799999999999</v>
      </c>
      <c r="H2706" s="235">
        <f t="shared" si="634"/>
        <v>2.1594451076886507</v>
      </c>
      <c r="I2706" s="236">
        <f t="shared" si="635"/>
        <v>19.977389571844867</v>
      </c>
      <c r="J2706" s="237">
        <f t="shared" si="640"/>
        <v>9.9773895718448671</v>
      </c>
      <c r="K2706" s="237">
        <f t="shared" si="636"/>
        <v>538.65035502565308</v>
      </c>
      <c r="L2706" s="237">
        <f t="shared" si="641"/>
        <v>269.09019675265603</v>
      </c>
      <c r="M2706" s="236">
        <f t="shared" si="637"/>
        <v>25.515718252960017</v>
      </c>
      <c r="N2706" s="236">
        <f t="shared" si="638"/>
        <v>2.3288568250945469</v>
      </c>
      <c r="O2706" s="236">
        <f t="shared" si="642"/>
        <v>2.6030336718566609</v>
      </c>
      <c r="P2706" s="236" t="str">
        <f t="shared" si="643"/>
        <v>CLAY</v>
      </c>
      <c r="Q2706" s="236">
        <f t="shared" si="639"/>
        <v>572.16913708119557</v>
      </c>
      <c r="R2706" s="238">
        <v>35</v>
      </c>
      <c r="S2706" s="236">
        <f t="shared" si="644"/>
        <v>14.336718439072296</v>
      </c>
      <c r="T2706" s="236" t="e">
        <f t="shared" si="630"/>
        <v>#N/A</v>
      </c>
    </row>
    <row r="2707" spans="1:20" x14ac:dyDescent="0.2">
      <c r="A2707" s="53">
        <f t="shared" si="631"/>
        <v>2695</v>
      </c>
      <c r="B2707" s="239">
        <v>26.98</v>
      </c>
      <c r="C2707" s="3">
        <f t="shared" si="632"/>
        <v>26.972999999999999</v>
      </c>
      <c r="D2707" s="239">
        <v>8.0571000000000002</v>
      </c>
      <c r="E2707" s="239">
        <v>0.1489</v>
      </c>
      <c r="F2707" s="239">
        <v>0.28870000000000001</v>
      </c>
      <c r="G2707">
        <f t="shared" si="633"/>
        <v>8.1148400000000009</v>
      </c>
      <c r="H2707" s="235">
        <f t="shared" si="634"/>
        <v>1.8349098688329033</v>
      </c>
      <c r="I2707" s="236">
        <f t="shared" si="635"/>
        <v>19.929610703463958</v>
      </c>
      <c r="J2707" s="237">
        <f t="shared" si="640"/>
        <v>9.9296107034639576</v>
      </c>
      <c r="K2707" s="237">
        <f t="shared" si="636"/>
        <v>537.56138950453328</v>
      </c>
      <c r="L2707" s="237">
        <f t="shared" si="641"/>
        <v>267.90089677945758</v>
      </c>
      <c r="M2707" s="236">
        <f t="shared" si="637"/>
        <v>28.283886696852921</v>
      </c>
      <c r="N2707" s="236">
        <f t="shared" si="638"/>
        <v>1.9650854568519509</v>
      </c>
      <c r="O2707" s="236">
        <f t="shared" si="642"/>
        <v>2.5227976212064229</v>
      </c>
      <c r="P2707" s="236" t="str">
        <f t="shared" si="643"/>
        <v>SAND</v>
      </c>
      <c r="Q2707" s="236" t="e">
        <f t="shared" si="639"/>
        <v>#N/A</v>
      </c>
      <c r="R2707" s="238">
        <v>35</v>
      </c>
      <c r="S2707" s="236" t="e">
        <f t="shared" si="644"/>
        <v>#N/A</v>
      </c>
      <c r="T2707" s="236">
        <f t="shared" si="630"/>
        <v>33.566929977064333</v>
      </c>
    </row>
    <row r="2708" spans="1:20" x14ac:dyDescent="0.2">
      <c r="A2708" s="53">
        <f t="shared" si="631"/>
        <v>2696</v>
      </c>
      <c r="B2708" s="239">
        <v>26.989000000000001</v>
      </c>
      <c r="C2708" s="3">
        <f t="shared" si="632"/>
        <v>26.981999999999999</v>
      </c>
      <c r="D2708" s="239">
        <v>8.6881000000000004</v>
      </c>
      <c r="E2708" s="239">
        <v>0.14699999999999999</v>
      </c>
      <c r="F2708" s="239">
        <v>0.2268</v>
      </c>
      <c r="G2708">
        <f t="shared" si="633"/>
        <v>8.7334600000000009</v>
      </c>
      <c r="H2708" s="235">
        <f t="shared" si="634"/>
        <v>1.6831816943113036</v>
      </c>
      <c r="I2708" s="236">
        <f t="shared" si="635"/>
        <v>19.943267560136366</v>
      </c>
      <c r="J2708" s="237">
        <f t="shared" si="640"/>
        <v>9.9432675601363663</v>
      </c>
      <c r="K2708" s="237">
        <f t="shared" si="636"/>
        <v>538.10924530759939</v>
      </c>
      <c r="L2708" s="237">
        <f t="shared" si="641"/>
        <v>268.3588481805204</v>
      </c>
      <c r="M2708" s="236">
        <f t="shared" si="637"/>
        <v>30.538776009276688</v>
      </c>
      <c r="N2708" s="236">
        <f t="shared" si="638"/>
        <v>1.7936999208463704</v>
      </c>
      <c r="O2708" s="236">
        <f t="shared" si="642"/>
        <v>2.4723981283232375</v>
      </c>
      <c r="P2708" s="236" t="str">
        <f t="shared" si="643"/>
        <v>SAND</v>
      </c>
      <c r="Q2708" s="236" t="e">
        <f t="shared" si="639"/>
        <v>#N/A</v>
      </c>
      <c r="R2708" s="238">
        <v>35</v>
      </c>
      <c r="S2708" s="236" t="e">
        <f t="shared" si="644"/>
        <v>#N/A</v>
      </c>
      <c r="T2708" s="236">
        <f t="shared" si="630"/>
        <v>33.933367892545078</v>
      </c>
    </row>
    <row r="2709" spans="1:20" x14ac:dyDescent="0.2">
      <c r="A2709" s="53">
        <f t="shared" si="631"/>
        <v>2697</v>
      </c>
      <c r="B2709" s="239">
        <v>27</v>
      </c>
      <c r="C2709" s="3">
        <f t="shared" si="632"/>
        <v>26.992999999999999</v>
      </c>
      <c r="D2709" s="239">
        <v>9.2847000000000008</v>
      </c>
      <c r="E2709" s="239">
        <v>0.1482</v>
      </c>
      <c r="F2709" s="239">
        <v>0.23960000000000001</v>
      </c>
      <c r="G2709">
        <f t="shared" si="633"/>
        <v>9.3326200000000004</v>
      </c>
      <c r="H2709" s="235">
        <f t="shared" si="634"/>
        <v>1.587978509786105</v>
      </c>
      <c r="I2709" s="236">
        <f t="shared" si="635"/>
        <v>19.978736428781932</v>
      </c>
      <c r="J2709" s="237">
        <f t="shared" si="640"/>
        <v>9.9787364287819322</v>
      </c>
      <c r="K2709" s="237">
        <f t="shared" si="636"/>
        <v>539.28603242211068</v>
      </c>
      <c r="L2709" s="237">
        <f t="shared" si="641"/>
        <v>269.42588357711219</v>
      </c>
      <c r="M2709" s="236">
        <f t="shared" si="637"/>
        <v>32.637302143471139</v>
      </c>
      <c r="N2709" s="236">
        <f t="shared" si="638"/>
        <v>1.6853675812431523</v>
      </c>
      <c r="O2709" s="236">
        <f t="shared" si="642"/>
        <v>2.433100757689592</v>
      </c>
      <c r="P2709" s="236" t="str">
        <f t="shared" si="643"/>
        <v>SAND</v>
      </c>
      <c r="Q2709" s="236" t="e">
        <f t="shared" si="639"/>
        <v>#N/A</v>
      </c>
      <c r="R2709" s="238">
        <v>35</v>
      </c>
      <c r="S2709" s="236" t="e">
        <f t="shared" si="644"/>
        <v>#N/A</v>
      </c>
      <c r="T2709" s="236">
        <f t="shared" si="630"/>
        <v>34.250856772257038</v>
      </c>
    </row>
    <row r="2710" spans="1:20" x14ac:dyDescent="0.2">
      <c r="A2710" s="53">
        <f t="shared" si="631"/>
        <v>2698</v>
      </c>
      <c r="B2710" s="239">
        <v>27.009</v>
      </c>
      <c r="C2710" s="3">
        <f t="shared" si="632"/>
        <v>27.001999999999999</v>
      </c>
      <c r="D2710" s="239">
        <v>9.7828999999999997</v>
      </c>
      <c r="E2710" s="239">
        <v>0.15110000000000001</v>
      </c>
      <c r="F2710" s="239">
        <v>0.24829999999999999</v>
      </c>
      <c r="G2710">
        <f t="shared" si="633"/>
        <v>9.8325599999999991</v>
      </c>
      <c r="H2710" s="235">
        <f t="shared" si="634"/>
        <v>1.5367310242703835</v>
      </c>
      <c r="I2710" s="236">
        <f t="shared" si="635"/>
        <v>20.021857052805501</v>
      </c>
      <c r="J2710" s="237">
        <f t="shared" si="640"/>
        <v>10.021857052805501</v>
      </c>
      <c r="K2710" s="237">
        <f t="shared" si="636"/>
        <v>540.63018413985412</v>
      </c>
      <c r="L2710" s="237">
        <f t="shared" si="641"/>
        <v>270.68033713922381</v>
      </c>
      <c r="M2710" s="236">
        <f t="shared" si="637"/>
        <v>34.32805616420103</v>
      </c>
      <c r="N2710" s="236">
        <f t="shared" si="638"/>
        <v>1.6261422868486535</v>
      </c>
      <c r="O2710" s="236">
        <f t="shared" si="642"/>
        <v>2.406226869490065</v>
      </c>
      <c r="P2710" s="236" t="str">
        <f t="shared" si="643"/>
        <v>SAND</v>
      </c>
      <c r="Q2710" s="236" t="e">
        <f t="shared" si="639"/>
        <v>#N/A</v>
      </c>
      <c r="R2710" s="238">
        <v>35</v>
      </c>
      <c r="S2710" s="236" t="e">
        <f t="shared" si="644"/>
        <v>#N/A</v>
      </c>
      <c r="T2710" s="236">
        <f t="shared" si="630"/>
        <v>34.492141332827899</v>
      </c>
    </row>
    <row r="2711" spans="1:20" x14ac:dyDescent="0.2">
      <c r="A2711" s="53">
        <f t="shared" si="631"/>
        <v>2699</v>
      </c>
      <c r="B2711" s="239">
        <v>27.018999999999998</v>
      </c>
      <c r="C2711" s="3">
        <f t="shared" si="632"/>
        <v>27.011999999999997</v>
      </c>
      <c r="D2711" s="239">
        <v>10.225</v>
      </c>
      <c r="E2711" s="239">
        <v>0.1414</v>
      </c>
      <c r="F2711" s="239">
        <v>0.1671</v>
      </c>
      <c r="G2711">
        <f t="shared" si="633"/>
        <v>10.258419999999999</v>
      </c>
      <c r="H2711" s="235">
        <f t="shared" si="634"/>
        <v>1.3783799064573297</v>
      </c>
      <c r="I2711" s="236">
        <f t="shared" si="635"/>
        <v>19.960628888298611</v>
      </c>
      <c r="J2711" s="237">
        <f t="shared" si="640"/>
        <v>9.9606288882986114</v>
      </c>
      <c r="K2711" s="237">
        <f t="shared" si="636"/>
        <v>539.17650753072201</v>
      </c>
      <c r="L2711" s="237">
        <f t="shared" si="641"/>
        <v>269.12623193294019</v>
      </c>
      <c r="M2711" s="236">
        <f t="shared" si="637"/>
        <v>36.114069678986482</v>
      </c>
      <c r="N2711" s="236">
        <f t="shared" si="638"/>
        <v>1.4548457409217124</v>
      </c>
      <c r="O2711" s="236">
        <f t="shared" si="642"/>
        <v>2.3599076547539997</v>
      </c>
      <c r="P2711" s="236" t="str">
        <f t="shared" si="643"/>
        <v>SAND</v>
      </c>
      <c r="Q2711" s="236" t="e">
        <f t="shared" si="639"/>
        <v>#N/A</v>
      </c>
      <c r="R2711" s="238">
        <v>35</v>
      </c>
      <c r="S2711" s="236" t="e">
        <f t="shared" si="644"/>
        <v>#N/A</v>
      </c>
      <c r="T2711" s="236">
        <f t="shared" si="630"/>
        <v>34.734440748073368</v>
      </c>
    </row>
    <row r="2712" spans="1:20" x14ac:dyDescent="0.2">
      <c r="A2712" s="53">
        <f t="shared" si="631"/>
        <v>2700</v>
      </c>
      <c r="B2712" s="239">
        <v>27.03</v>
      </c>
      <c r="C2712" s="3">
        <f t="shared" si="632"/>
        <v>27.023</v>
      </c>
      <c r="D2712" s="239">
        <v>10.5747</v>
      </c>
      <c r="E2712" s="239">
        <v>0.1278</v>
      </c>
      <c r="F2712" s="239">
        <v>0.1343</v>
      </c>
      <c r="G2712">
        <f t="shared" si="633"/>
        <v>10.601559999999999</v>
      </c>
      <c r="H2712" s="235">
        <f t="shared" si="634"/>
        <v>1.2054829666577374</v>
      </c>
      <c r="I2712" s="236">
        <f t="shared" si="635"/>
        <v>19.854909157742025</v>
      </c>
      <c r="J2712" s="237">
        <f t="shared" si="640"/>
        <v>9.8549091577420249</v>
      </c>
      <c r="K2712" s="237">
        <f t="shared" si="636"/>
        <v>536.53921016966274</v>
      </c>
      <c r="L2712" s="237">
        <f t="shared" si="641"/>
        <v>266.37819453376693</v>
      </c>
      <c r="M2712" s="236">
        <f t="shared" si="637"/>
        <v>37.784702338143006</v>
      </c>
      <c r="N2712" s="236">
        <f t="shared" si="638"/>
        <v>1.2697440240672797</v>
      </c>
      <c r="O2712" s="236">
        <f t="shared" si="642"/>
        <v>2.3096487227725824</v>
      </c>
      <c r="P2712" s="236" t="str">
        <f t="shared" si="643"/>
        <v>SAND</v>
      </c>
      <c r="Q2712" s="236" t="e">
        <f t="shared" si="639"/>
        <v>#N/A</v>
      </c>
      <c r="R2712" s="238">
        <v>35</v>
      </c>
      <c r="S2712" s="236" t="e">
        <f t="shared" si="644"/>
        <v>#N/A</v>
      </c>
      <c r="T2712" s="236">
        <f t="shared" si="630"/>
        <v>34.950476057910905</v>
      </c>
    </row>
    <row r="2713" spans="1:20" x14ac:dyDescent="0.2">
      <c r="A2713" s="53">
        <f t="shared" si="631"/>
        <v>2701</v>
      </c>
      <c r="B2713" s="239">
        <v>27.04</v>
      </c>
      <c r="C2713" s="3">
        <f t="shared" si="632"/>
        <v>27.032999999999998</v>
      </c>
      <c r="D2713" s="239">
        <v>10.857799999999999</v>
      </c>
      <c r="E2713" s="239">
        <v>0.1186</v>
      </c>
      <c r="F2713" s="239">
        <v>0.12280000000000001</v>
      </c>
      <c r="G2713">
        <f t="shared" si="633"/>
        <v>10.882359999999998</v>
      </c>
      <c r="H2713" s="235">
        <f t="shared" si="634"/>
        <v>1.0898371309164556</v>
      </c>
      <c r="I2713" s="236">
        <f t="shared" si="635"/>
        <v>19.777522494615003</v>
      </c>
      <c r="J2713" s="237">
        <f t="shared" si="640"/>
        <v>9.7775224946150026</v>
      </c>
      <c r="K2713" s="237">
        <f t="shared" si="636"/>
        <v>534.64576559692728</v>
      </c>
      <c r="L2713" s="237">
        <f t="shared" si="641"/>
        <v>264.38420825438965</v>
      </c>
      <c r="M2713" s="236">
        <f t="shared" si="637"/>
        <v>39.138927028676889</v>
      </c>
      <c r="N2713" s="236">
        <f t="shared" si="638"/>
        <v>1.146146842804088</v>
      </c>
      <c r="O2713" s="236">
        <f t="shared" si="642"/>
        <v>2.2717950904477595</v>
      </c>
      <c r="P2713" s="236" t="str">
        <f t="shared" si="643"/>
        <v>SAND</v>
      </c>
      <c r="Q2713" s="236" t="e">
        <f t="shared" si="639"/>
        <v>#N/A</v>
      </c>
      <c r="R2713" s="238">
        <v>35</v>
      </c>
      <c r="S2713" s="236" t="e">
        <f t="shared" si="644"/>
        <v>#N/A</v>
      </c>
      <c r="T2713" s="236">
        <f t="shared" si="630"/>
        <v>35.118698071050908</v>
      </c>
    </row>
    <row r="2714" spans="1:20" x14ac:dyDescent="0.2">
      <c r="A2714" s="53">
        <f t="shared" si="631"/>
        <v>2702</v>
      </c>
      <c r="B2714" s="239">
        <v>27.048999999999999</v>
      </c>
      <c r="C2714" s="3">
        <f t="shared" si="632"/>
        <v>27.041999999999998</v>
      </c>
      <c r="D2714" s="239">
        <v>11.142099999999999</v>
      </c>
      <c r="E2714" s="239">
        <v>0.1139</v>
      </c>
      <c r="F2714" s="239">
        <v>0.1217</v>
      </c>
      <c r="G2714">
        <f t="shared" si="633"/>
        <v>11.16644</v>
      </c>
      <c r="H2714" s="235">
        <f t="shared" si="634"/>
        <v>1.0200207048978904</v>
      </c>
      <c r="I2714" s="236">
        <f t="shared" si="635"/>
        <v>19.740180372424195</v>
      </c>
      <c r="J2714" s="237">
        <f t="shared" si="640"/>
        <v>9.7401803724241951</v>
      </c>
      <c r="K2714" s="237">
        <f t="shared" si="636"/>
        <v>533.81395763109504</v>
      </c>
      <c r="L2714" s="237">
        <f t="shared" si="641"/>
        <v>263.46213889370205</v>
      </c>
      <c r="M2714" s="236">
        <f t="shared" si="637"/>
        <v>40.35732074071867</v>
      </c>
      <c r="N2714" s="236">
        <f t="shared" si="638"/>
        <v>1.0712311290374654</v>
      </c>
      <c r="O2714" s="236">
        <f t="shared" si="642"/>
        <v>2.2443247420774419</v>
      </c>
      <c r="P2714" s="236" t="str">
        <f t="shared" si="643"/>
        <v>SAND</v>
      </c>
      <c r="Q2714" s="236" t="e">
        <f t="shared" si="639"/>
        <v>#N/A</v>
      </c>
      <c r="R2714" s="238">
        <v>35</v>
      </c>
      <c r="S2714" s="236" t="e">
        <f t="shared" si="644"/>
        <v>#N/A</v>
      </c>
      <c r="T2714" s="236">
        <f t="shared" si="630"/>
        <v>35.265145590309864</v>
      </c>
    </row>
    <row r="2715" spans="1:20" x14ac:dyDescent="0.2">
      <c r="A2715" s="53">
        <f t="shared" si="631"/>
        <v>2703</v>
      </c>
      <c r="B2715" s="239">
        <v>27.059000000000001</v>
      </c>
      <c r="C2715" s="3">
        <f t="shared" si="632"/>
        <v>27.052</v>
      </c>
      <c r="D2715" s="239">
        <v>11.438800000000001</v>
      </c>
      <c r="E2715" s="239">
        <v>0.1086</v>
      </c>
      <c r="F2715" s="239">
        <v>0.1421</v>
      </c>
      <c r="G2715">
        <f t="shared" si="633"/>
        <v>11.467220000000001</v>
      </c>
      <c r="H2715" s="235">
        <f t="shared" si="634"/>
        <v>0.94704732271640379</v>
      </c>
      <c r="I2715" s="236">
        <f t="shared" si="635"/>
        <v>19.694695912687077</v>
      </c>
      <c r="J2715" s="237">
        <f t="shared" si="640"/>
        <v>9.6946959126870773</v>
      </c>
      <c r="K2715" s="237">
        <f t="shared" si="636"/>
        <v>532.78091383001083</v>
      </c>
      <c r="L2715" s="237">
        <f t="shared" si="641"/>
        <v>262.32877670139965</v>
      </c>
      <c r="M2715" s="236">
        <f t="shared" si="637"/>
        <v>41.682194472382676</v>
      </c>
      <c r="N2715" s="236">
        <f t="shared" si="638"/>
        <v>0.99319223550624181</v>
      </c>
      <c r="O2715" s="236">
        <f t="shared" si="642"/>
        <v>2.2144644870952144</v>
      </c>
      <c r="P2715" s="236" t="str">
        <f t="shared" si="643"/>
        <v>SAND</v>
      </c>
      <c r="Q2715" s="236" t="e">
        <f t="shared" si="639"/>
        <v>#N/A</v>
      </c>
      <c r="R2715" s="238">
        <v>35</v>
      </c>
      <c r="S2715" s="236" t="e">
        <f t="shared" si="644"/>
        <v>#N/A</v>
      </c>
      <c r="T2715" s="236">
        <f t="shared" si="630"/>
        <v>35.419456330570348</v>
      </c>
    </row>
    <row r="2716" spans="1:20" x14ac:dyDescent="0.2">
      <c r="A2716" s="53">
        <f t="shared" si="631"/>
        <v>2704</v>
      </c>
      <c r="B2716" s="239">
        <v>27.068999999999999</v>
      </c>
      <c r="C2716" s="3">
        <f t="shared" si="632"/>
        <v>27.061999999999998</v>
      </c>
      <c r="D2716" s="239">
        <v>11.7073</v>
      </c>
      <c r="E2716" s="239">
        <v>0.10630000000000001</v>
      </c>
      <c r="F2716" s="239">
        <v>0.16350000000000001</v>
      </c>
      <c r="G2716">
        <f t="shared" si="633"/>
        <v>11.74</v>
      </c>
      <c r="H2716" s="235">
        <f t="shared" si="634"/>
        <v>0.90545144804088584</v>
      </c>
      <c r="I2716" s="236">
        <f t="shared" si="635"/>
        <v>19.678784155815823</v>
      </c>
      <c r="J2716" s="237">
        <f t="shared" si="640"/>
        <v>9.6787841558158227</v>
      </c>
      <c r="K2716" s="237">
        <f t="shared" si="636"/>
        <v>532.54725682468779</v>
      </c>
      <c r="L2716" s="237">
        <f t="shared" si="641"/>
        <v>261.9950083137785</v>
      </c>
      <c r="M2716" s="236">
        <f t="shared" si="637"/>
        <v>42.777352191965043</v>
      </c>
      <c r="N2716" s="236">
        <f t="shared" si="638"/>
        <v>0.94847600463656234</v>
      </c>
      <c r="O2716" s="236">
        <f t="shared" si="642"/>
        <v>2.1940844109156474</v>
      </c>
      <c r="P2716" s="236" t="str">
        <f t="shared" si="643"/>
        <v>SAND</v>
      </c>
      <c r="Q2716" s="236" t="e">
        <f t="shared" si="639"/>
        <v>#N/A</v>
      </c>
      <c r="R2716" s="238">
        <v>35</v>
      </c>
      <c r="S2716" s="236" t="e">
        <f t="shared" si="644"/>
        <v>#N/A</v>
      </c>
      <c r="T2716" s="236">
        <f t="shared" si="630"/>
        <v>35.543352892920787</v>
      </c>
    </row>
    <row r="2717" spans="1:20" x14ac:dyDescent="0.2">
      <c r="A2717" s="53">
        <f t="shared" si="631"/>
        <v>2705</v>
      </c>
      <c r="B2717" s="239">
        <v>27.079000000000001</v>
      </c>
      <c r="C2717" s="3">
        <f t="shared" si="632"/>
        <v>27.071999999999999</v>
      </c>
      <c r="D2717" s="239">
        <v>11.9367</v>
      </c>
      <c r="E2717" s="239">
        <v>0.1055</v>
      </c>
      <c r="F2717" s="239">
        <v>0.17369999999999999</v>
      </c>
      <c r="G2717">
        <f t="shared" si="633"/>
        <v>11.971439999999999</v>
      </c>
      <c r="H2717" s="235">
        <f t="shared" si="634"/>
        <v>0.88126407516556071</v>
      </c>
      <c r="I2717" s="236">
        <f t="shared" si="635"/>
        <v>19.677556449288588</v>
      </c>
      <c r="J2717" s="237">
        <f t="shared" si="640"/>
        <v>9.6775564492885877</v>
      </c>
      <c r="K2717" s="237">
        <f t="shared" si="636"/>
        <v>532.71080819514066</v>
      </c>
      <c r="L2717" s="237">
        <f t="shared" si="641"/>
        <v>262.05855109028568</v>
      </c>
      <c r="M2717" s="236">
        <f t="shared" si="637"/>
        <v>43.649517041952706</v>
      </c>
      <c r="N2717" s="236">
        <f t="shared" si="638"/>
        <v>0.92230525114262019</v>
      </c>
      <c r="O2717" s="236">
        <f t="shared" si="642"/>
        <v>2.1801154212616809</v>
      </c>
      <c r="P2717" s="236" t="str">
        <f t="shared" si="643"/>
        <v>SAND</v>
      </c>
      <c r="Q2717" s="236" t="e">
        <f t="shared" si="639"/>
        <v>#N/A</v>
      </c>
      <c r="R2717" s="238">
        <v>35</v>
      </c>
      <c r="S2717" s="236" t="e">
        <f t="shared" si="644"/>
        <v>#N/A</v>
      </c>
      <c r="T2717" s="236">
        <f t="shared" si="630"/>
        <v>35.639773871208263</v>
      </c>
    </row>
    <row r="2718" spans="1:20" x14ac:dyDescent="0.2">
      <c r="A2718" s="53">
        <f t="shared" si="631"/>
        <v>2706</v>
      </c>
      <c r="B2718" s="239">
        <v>27.09</v>
      </c>
      <c r="C2718" s="3">
        <f t="shared" si="632"/>
        <v>27.082999999999998</v>
      </c>
      <c r="D2718" s="239">
        <v>12.072100000000001</v>
      </c>
      <c r="E2718" s="239">
        <v>0.1016</v>
      </c>
      <c r="F2718" s="239">
        <v>0.17699999999999999</v>
      </c>
      <c r="G2718">
        <f t="shared" si="633"/>
        <v>12.1075</v>
      </c>
      <c r="H2718" s="235">
        <f t="shared" si="634"/>
        <v>0.83914928763163321</v>
      </c>
      <c r="I2718" s="236">
        <f t="shared" si="635"/>
        <v>19.637805095788536</v>
      </c>
      <c r="J2718" s="237">
        <f t="shared" si="640"/>
        <v>9.6378050957885364</v>
      </c>
      <c r="K2718" s="237">
        <f t="shared" si="636"/>
        <v>531.85067540924092</v>
      </c>
      <c r="L2718" s="237">
        <f t="shared" si="641"/>
        <v>261.08814004491143</v>
      </c>
      <c r="M2718" s="236">
        <f t="shared" si="637"/>
        <v>44.33617445280953</v>
      </c>
      <c r="N2718" s="236">
        <f t="shared" si="638"/>
        <v>0.87770454296819267</v>
      </c>
      <c r="O2718" s="236">
        <f t="shared" si="642"/>
        <v>2.1627736758495555</v>
      </c>
      <c r="P2718" s="236" t="str">
        <f t="shared" si="643"/>
        <v>SAND</v>
      </c>
      <c r="Q2718" s="236" t="e">
        <f t="shared" si="639"/>
        <v>#N/A</v>
      </c>
      <c r="R2718" s="238">
        <v>35</v>
      </c>
      <c r="S2718" s="236" t="e">
        <f t="shared" si="644"/>
        <v>#N/A</v>
      </c>
      <c r="T2718" s="236">
        <f t="shared" si="630"/>
        <v>35.714340390211873</v>
      </c>
    </row>
    <row r="2719" spans="1:20" x14ac:dyDescent="0.2">
      <c r="A2719" s="53">
        <f t="shared" si="631"/>
        <v>2707</v>
      </c>
      <c r="B2719" s="239">
        <v>27.1</v>
      </c>
      <c r="C2719" s="3">
        <f t="shared" si="632"/>
        <v>27.093</v>
      </c>
      <c r="D2719" s="239">
        <v>12.1013</v>
      </c>
      <c r="E2719" s="239">
        <v>9.0800000000000006E-2</v>
      </c>
      <c r="F2719" s="239">
        <v>0.17280000000000001</v>
      </c>
      <c r="G2719">
        <f t="shared" si="633"/>
        <v>12.135860000000001</v>
      </c>
      <c r="H2719" s="235">
        <f t="shared" si="634"/>
        <v>0.74819584273384832</v>
      </c>
      <c r="I2719" s="236">
        <f t="shared" si="635"/>
        <v>19.506938347374042</v>
      </c>
      <c r="J2719" s="237">
        <f t="shared" si="640"/>
        <v>9.5069383473740423</v>
      </c>
      <c r="K2719" s="237">
        <f t="shared" si="636"/>
        <v>528.50148064540497</v>
      </c>
      <c r="L2719" s="237">
        <f t="shared" si="641"/>
        <v>257.63802921383655</v>
      </c>
      <c r="M2719" s="236">
        <f t="shared" si="637"/>
        <v>45.052970459266412</v>
      </c>
      <c r="N2719" s="236">
        <f t="shared" si="638"/>
        <v>0.78226238854082331</v>
      </c>
      <c r="O2719" s="236">
        <f t="shared" si="642"/>
        <v>2.1303554291431595</v>
      </c>
      <c r="P2719" s="236" t="str">
        <f t="shared" si="643"/>
        <v>SAND</v>
      </c>
      <c r="Q2719" s="236" t="e">
        <f t="shared" si="639"/>
        <v>#N/A</v>
      </c>
      <c r="R2719" s="238">
        <v>35</v>
      </c>
      <c r="S2719" s="236" t="e">
        <f t="shared" si="644"/>
        <v>#N/A</v>
      </c>
      <c r="T2719" s="236">
        <f t="shared" si="630"/>
        <v>35.790957734635214</v>
      </c>
    </row>
    <row r="2720" spans="1:20" x14ac:dyDescent="0.2">
      <c r="A2720" s="53">
        <f t="shared" si="631"/>
        <v>2708</v>
      </c>
      <c r="B2720" s="239">
        <v>27.111000000000001</v>
      </c>
      <c r="C2720" s="3">
        <f t="shared" si="632"/>
        <v>27.103999999999999</v>
      </c>
      <c r="D2720" s="239">
        <v>12.0761</v>
      </c>
      <c r="E2720" s="239">
        <v>8.2500000000000004E-2</v>
      </c>
      <c r="F2720" s="239">
        <v>0.1875</v>
      </c>
      <c r="G2720">
        <f t="shared" si="633"/>
        <v>12.1136</v>
      </c>
      <c r="H2720" s="235">
        <f t="shared" si="634"/>
        <v>0.68105270109628857</v>
      </c>
      <c r="I2720" s="236">
        <f t="shared" si="635"/>
        <v>19.393814621423438</v>
      </c>
      <c r="J2720" s="237">
        <f t="shared" si="640"/>
        <v>9.3938146214234379</v>
      </c>
      <c r="K2720" s="237">
        <f t="shared" si="636"/>
        <v>525.64995149906088</v>
      </c>
      <c r="L2720" s="237">
        <f t="shared" si="641"/>
        <v>254.67570820141083</v>
      </c>
      <c r="M2720" s="236">
        <f t="shared" si="637"/>
        <v>45.50080622269865</v>
      </c>
      <c r="N2720" s="236">
        <f t="shared" si="638"/>
        <v>0.71194645864625994</v>
      </c>
      <c r="O2720" s="236">
        <f t="shared" si="642"/>
        <v>2.1055683545372359</v>
      </c>
      <c r="P2720" s="236" t="str">
        <f t="shared" si="643"/>
        <v>SAND</v>
      </c>
      <c r="Q2720" s="236" t="e">
        <f t="shared" si="639"/>
        <v>#N/A</v>
      </c>
      <c r="R2720" s="238">
        <v>35</v>
      </c>
      <c r="S2720" s="236" t="e">
        <f t="shared" si="644"/>
        <v>#N/A</v>
      </c>
      <c r="T2720" s="236">
        <f t="shared" si="630"/>
        <v>35.838210011242282</v>
      </c>
    </row>
    <row r="2721" spans="1:20" x14ac:dyDescent="0.2">
      <c r="A2721" s="53">
        <f t="shared" si="631"/>
        <v>2709</v>
      </c>
      <c r="B2721" s="239">
        <v>27.122</v>
      </c>
      <c r="C2721" s="3">
        <f t="shared" si="632"/>
        <v>27.114999999999998</v>
      </c>
      <c r="D2721" s="239">
        <v>12.045500000000001</v>
      </c>
      <c r="E2721" s="239">
        <v>8.5300000000000001E-2</v>
      </c>
      <c r="F2721" s="239">
        <v>0.17979999999999999</v>
      </c>
      <c r="G2721">
        <f t="shared" si="633"/>
        <v>12.08146</v>
      </c>
      <c r="H2721" s="235">
        <f t="shared" si="634"/>
        <v>0.70604049510572398</v>
      </c>
      <c r="I2721" s="236">
        <f t="shared" si="635"/>
        <v>19.431912916847242</v>
      </c>
      <c r="J2721" s="237">
        <f t="shared" si="640"/>
        <v>9.4319129168472422</v>
      </c>
      <c r="K2721" s="237">
        <f t="shared" si="636"/>
        <v>526.89631874031295</v>
      </c>
      <c r="L2721" s="237">
        <f t="shared" si="641"/>
        <v>255.81234213073091</v>
      </c>
      <c r="M2721" s="236">
        <f t="shared" si="637"/>
        <v>45.168124356387843</v>
      </c>
      <c r="N2721" s="236">
        <f t="shared" si="638"/>
        <v>0.73823644365167873</v>
      </c>
      <c r="O2721" s="236">
        <f t="shared" si="642"/>
        <v>2.1163657687924786</v>
      </c>
      <c r="P2721" s="236" t="str">
        <f t="shared" si="643"/>
        <v>SAND</v>
      </c>
      <c r="Q2721" s="236" t="e">
        <f t="shared" si="639"/>
        <v>#N/A</v>
      </c>
      <c r="R2721" s="238">
        <v>35</v>
      </c>
      <c r="S2721" s="236" t="e">
        <f t="shared" si="644"/>
        <v>#N/A</v>
      </c>
      <c r="T2721" s="236">
        <f t="shared" si="630"/>
        <v>35.803152621492586</v>
      </c>
    </row>
    <row r="2722" spans="1:20" x14ac:dyDescent="0.2">
      <c r="A2722" s="53">
        <f t="shared" si="631"/>
        <v>2710</v>
      </c>
      <c r="B2722" s="239">
        <v>27.131</v>
      </c>
      <c r="C2722" s="3">
        <f t="shared" si="632"/>
        <v>27.123999999999999</v>
      </c>
      <c r="D2722" s="239">
        <v>12.0268</v>
      </c>
      <c r="E2722" s="239">
        <v>9.2899999999999996E-2</v>
      </c>
      <c r="F2722" s="239">
        <v>0.1867</v>
      </c>
      <c r="G2722">
        <f t="shared" si="633"/>
        <v>12.06414</v>
      </c>
      <c r="H2722" s="235">
        <f t="shared" si="634"/>
        <v>0.77005074543233076</v>
      </c>
      <c r="I2722" s="236">
        <f t="shared" si="635"/>
        <v>19.531432213712719</v>
      </c>
      <c r="J2722" s="237">
        <f t="shared" si="640"/>
        <v>9.5314322137127192</v>
      </c>
      <c r="K2722" s="237">
        <f t="shared" si="636"/>
        <v>529.77056736474378</v>
      </c>
      <c r="L2722" s="237">
        <f t="shared" si="641"/>
        <v>258.59728739023979</v>
      </c>
      <c r="M2722" s="236">
        <f t="shared" si="637"/>
        <v>44.60359793035709</v>
      </c>
      <c r="N2722" s="236">
        <f t="shared" si="638"/>
        <v>0.80541897450544153</v>
      </c>
      <c r="O2722" s="236">
        <f t="shared" si="642"/>
        <v>2.1407053068794868</v>
      </c>
      <c r="P2722" s="236" t="str">
        <f t="shared" si="643"/>
        <v>SAND</v>
      </c>
      <c r="Q2722" s="236" t="e">
        <f t="shared" si="639"/>
        <v>#N/A</v>
      </c>
      <c r="R2722" s="238">
        <v>35</v>
      </c>
      <c r="S2722" s="236" t="e">
        <f t="shared" si="644"/>
        <v>#N/A</v>
      </c>
      <c r="T2722" s="236">
        <f t="shared" si="630"/>
        <v>35.743068815363756</v>
      </c>
    </row>
    <row r="2723" spans="1:20" x14ac:dyDescent="0.2">
      <c r="A2723" s="53">
        <f t="shared" si="631"/>
        <v>2711</v>
      </c>
      <c r="B2723" s="239">
        <v>27.143000000000001</v>
      </c>
      <c r="C2723" s="3">
        <f t="shared" si="632"/>
        <v>27.135999999999999</v>
      </c>
      <c r="D2723" s="239">
        <v>12.0235</v>
      </c>
      <c r="E2723" s="239">
        <v>9.2999999999999999E-2</v>
      </c>
      <c r="F2723" s="239">
        <v>0.19259999999999999</v>
      </c>
      <c r="G2723">
        <f t="shared" si="633"/>
        <v>12.06202</v>
      </c>
      <c r="H2723" s="235">
        <f t="shared" si="634"/>
        <v>0.7710151367681366</v>
      </c>
      <c r="I2723" s="236">
        <f t="shared" si="635"/>
        <v>19.532625055292257</v>
      </c>
      <c r="J2723" s="237">
        <f t="shared" si="640"/>
        <v>9.5326250552922573</v>
      </c>
      <c r="K2723" s="237">
        <f t="shared" si="636"/>
        <v>530.03731350041073</v>
      </c>
      <c r="L2723" s="237">
        <f t="shared" si="641"/>
        <v>258.74404187579773</v>
      </c>
      <c r="M2723" s="236">
        <f t="shared" si="637"/>
        <v>44.569075302747144</v>
      </c>
      <c r="N2723" s="236">
        <f t="shared" si="638"/>
        <v>0.80645282366643201</v>
      </c>
      <c r="O2723" s="236">
        <f t="shared" si="642"/>
        <v>2.1412843604650162</v>
      </c>
      <c r="P2723" s="236" t="str">
        <f t="shared" si="643"/>
        <v>SAND</v>
      </c>
      <c r="Q2723" s="236" t="e">
        <f t="shared" si="639"/>
        <v>#N/A</v>
      </c>
      <c r="R2723" s="238">
        <v>35</v>
      </c>
      <c r="S2723" s="236" t="e">
        <f t="shared" si="644"/>
        <v>#N/A</v>
      </c>
      <c r="T2723" s="236">
        <f t="shared" si="630"/>
        <v>35.739369860164828</v>
      </c>
    </row>
    <row r="2724" spans="1:20" x14ac:dyDescent="0.2">
      <c r="A2724" s="53">
        <f t="shared" si="631"/>
        <v>2712</v>
      </c>
      <c r="B2724" s="239">
        <v>27.152000000000001</v>
      </c>
      <c r="C2724" s="3">
        <f t="shared" si="632"/>
        <v>27.145</v>
      </c>
      <c r="D2724" s="239">
        <v>12.0296</v>
      </c>
      <c r="E2724" s="239">
        <v>8.8800000000000004E-2</v>
      </c>
      <c r="F2724" s="239">
        <v>0.20050000000000001</v>
      </c>
      <c r="G2724">
        <f t="shared" si="633"/>
        <v>12.069700000000001</v>
      </c>
      <c r="H2724" s="235">
        <f t="shared" si="634"/>
        <v>0.73572665434932105</v>
      </c>
      <c r="I2724" s="236">
        <f t="shared" si="635"/>
        <v>19.47868488999632</v>
      </c>
      <c r="J2724" s="237">
        <f t="shared" si="640"/>
        <v>9.4786848899963196</v>
      </c>
      <c r="K2724" s="237">
        <f t="shared" si="636"/>
        <v>528.74890133895008</v>
      </c>
      <c r="L2724" s="237">
        <f t="shared" si="641"/>
        <v>257.36525213318009</v>
      </c>
      <c r="M2724" s="236">
        <f t="shared" si="637"/>
        <v>44.842693421134015</v>
      </c>
      <c r="N2724" s="236">
        <f t="shared" si="638"/>
        <v>0.76943398547371311</v>
      </c>
      <c r="O2724" s="236">
        <f t="shared" si="642"/>
        <v>2.1283468229072895</v>
      </c>
      <c r="P2724" s="236" t="str">
        <f t="shared" si="643"/>
        <v>SAND</v>
      </c>
      <c r="Q2724" s="236" t="e">
        <f t="shared" si="639"/>
        <v>#N/A</v>
      </c>
      <c r="R2724" s="238">
        <v>35</v>
      </c>
      <c r="S2724" s="236" t="e">
        <f t="shared" si="644"/>
        <v>#N/A</v>
      </c>
      <c r="T2724" s="236">
        <f t="shared" si="630"/>
        <v>35.768608590762994</v>
      </c>
    </row>
    <row r="2725" spans="1:20" x14ac:dyDescent="0.2">
      <c r="A2725" s="53">
        <f t="shared" si="631"/>
        <v>2713</v>
      </c>
      <c r="B2725" s="239">
        <v>27.161999999999999</v>
      </c>
      <c r="C2725" s="3">
        <f t="shared" si="632"/>
        <v>27.154999999999998</v>
      </c>
      <c r="D2725" s="239">
        <v>12.0534</v>
      </c>
      <c r="E2725" s="239">
        <v>8.6999999999999994E-2</v>
      </c>
      <c r="F2725" s="239">
        <v>0.2024</v>
      </c>
      <c r="G2725">
        <f t="shared" si="633"/>
        <v>12.09388</v>
      </c>
      <c r="H2725" s="235">
        <f t="shared" si="634"/>
        <v>0.71937211217574493</v>
      </c>
      <c r="I2725" s="236">
        <f t="shared" si="635"/>
        <v>19.455454126005897</v>
      </c>
      <c r="J2725" s="237">
        <f t="shared" si="640"/>
        <v>9.4554541260058969</v>
      </c>
      <c r="K2725" s="237">
        <f t="shared" si="636"/>
        <v>528.31285679169014</v>
      </c>
      <c r="L2725" s="237">
        <f t="shared" si="641"/>
        <v>256.82904497057217</v>
      </c>
      <c r="M2725" s="236">
        <f t="shared" si="637"/>
        <v>45.032161936877152</v>
      </c>
      <c r="N2725" s="236">
        <f t="shared" si="638"/>
        <v>0.75223289029184626</v>
      </c>
      <c r="O2725" s="236">
        <f t="shared" si="642"/>
        <v>2.1216922099255933</v>
      </c>
      <c r="P2725" s="236" t="str">
        <f t="shared" si="643"/>
        <v>SAND</v>
      </c>
      <c r="Q2725" s="236" t="e">
        <f t="shared" si="639"/>
        <v>#N/A</v>
      </c>
      <c r="R2725" s="238">
        <v>35</v>
      </c>
      <c r="S2725" s="236" t="e">
        <f t="shared" si="644"/>
        <v>#N/A</v>
      </c>
      <c r="T2725" s="236">
        <f t="shared" si="630"/>
        <v>35.788750771286743</v>
      </c>
    </row>
    <row r="2726" spans="1:20" x14ac:dyDescent="0.2">
      <c r="A2726" s="53">
        <f t="shared" si="631"/>
        <v>2714</v>
      </c>
      <c r="B2726" s="239">
        <v>27.172000000000001</v>
      </c>
      <c r="C2726" s="3">
        <f t="shared" si="632"/>
        <v>27.164999999999999</v>
      </c>
      <c r="D2726" s="239">
        <v>12.0703</v>
      </c>
      <c r="E2726" s="239">
        <v>9.6000000000000002E-2</v>
      </c>
      <c r="F2726" s="239">
        <v>0.2056</v>
      </c>
      <c r="G2726">
        <f t="shared" si="633"/>
        <v>12.111419999999999</v>
      </c>
      <c r="H2726" s="235">
        <f t="shared" si="634"/>
        <v>0.79264033449422122</v>
      </c>
      <c r="I2726" s="236">
        <f t="shared" si="635"/>
        <v>19.571450941964684</v>
      </c>
      <c r="J2726" s="237">
        <f t="shared" si="640"/>
        <v>9.5714509419646845</v>
      </c>
      <c r="K2726" s="237">
        <f t="shared" si="636"/>
        <v>531.65846483847065</v>
      </c>
      <c r="L2726" s="237">
        <f t="shared" si="641"/>
        <v>260.07546499506441</v>
      </c>
      <c r="M2726" s="236">
        <f t="shared" si="637"/>
        <v>44.524621095578098</v>
      </c>
      <c r="N2726" s="236">
        <f t="shared" si="638"/>
        <v>0.82903261615966328</v>
      </c>
      <c r="O2726" s="236">
        <f t="shared" si="642"/>
        <v>2.1479856705745304</v>
      </c>
      <c r="P2726" s="236" t="str">
        <f t="shared" si="643"/>
        <v>SAND</v>
      </c>
      <c r="Q2726" s="236" t="e">
        <f t="shared" si="639"/>
        <v>#N/A</v>
      </c>
      <c r="R2726" s="238">
        <v>35</v>
      </c>
      <c r="S2726" s="236" t="e">
        <f t="shared" si="644"/>
        <v>#N/A</v>
      </c>
      <c r="T2726" s="236">
        <f t="shared" si="630"/>
        <v>35.73460255536574</v>
      </c>
    </row>
    <row r="2727" spans="1:20" x14ac:dyDescent="0.2">
      <c r="A2727" s="53">
        <f t="shared" si="631"/>
        <v>2715</v>
      </c>
      <c r="B2727" s="239">
        <v>27.181000000000001</v>
      </c>
      <c r="C2727" s="3">
        <f t="shared" si="632"/>
        <v>27.173999999999999</v>
      </c>
      <c r="D2727" s="239">
        <v>12.086</v>
      </c>
      <c r="E2727" s="239">
        <v>0.107</v>
      </c>
      <c r="F2727" s="239">
        <v>0.216</v>
      </c>
      <c r="G2727">
        <f t="shared" si="633"/>
        <v>12.129200000000001</v>
      </c>
      <c r="H2727" s="235">
        <f t="shared" si="634"/>
        <v>0.8821686508590838</v>
      </c>
      <c r="I2727" s="236">
        <f t="shared" si="635"/>
        <v>19.699228195659476</v>
      </c>
      <c r="J2727" s="237">
        <f t="shared" si="640"/>
        <v>9.6992281956594759</v>
      </c>
      <c r="K2727" s="237">
        <f t="shared" si="636"/>
        <v>535.30682698885062</v>
      </c>
      <c r="L2727" s="237">
        <f t="shared" si="641"/>
        <v>263.63472158622022</v>
      </c>
      <c r="M2727" s="236">
        <f t="shared" si="637"/>
        <v>43.977110083428194</v>
      </c>
      <c r="N2727" s="236">
        <f t="shared" si="638"/>
        <v>0.92289965418242759</v>
      </c>
      <c r="O2727" s="236">
        <f t="shared" si="642"/>
        <v>2.1775426258526509</v>
      </c>
      <c r="P2727" s="236" t="str">
        <f t="shared" si="643"/>
        <v>SAND</v>
      </c>
      <c r="Q2727" s="236" t="e">
        <f t="shared" si="639"/>
        <v>#N/A</v>
      </c>
      <c r="R2727" s="238">
        <v>35</v>
      </c>
      <c r="S2727" s="236" t="e">
        <f t="shared" si="644"/>
        <v>#N/A</v>
      </c>
      <c r="T2727" s="236">
        <f t="shared" si="630"/>
        <v>35.67549355356644</v>
      </c>
    </row>
    <row r="2728" spans="1:20" x14ac:dyDescent="0.2">
      <c r="A2728" s="53">
        <f t="shared" si="631"/>
        <v>2716</v>
      </c>
      <c r="B2728" s="239">
        <v>27.19</v>
      </c>
      <c r="C2728" s="3">
        <f t="shared" si="632"/>
        <v>27.183</v>
      </c>
      <c r="D2728" s="239">
        <v>12.0961</v>
      </c>
      <c r="E2728" s="239">
        <v>0.11600000000000001</v>
      </c>
      <c r="F2728" s="239">
        <v>0.21990000000000001</v>
      </c>
      <c r="G2728">
        <f t="shared" si="633"/>
        <v>12.140079999999999</v>
      </c>
      <c r="H2728" s="235">
        <f t="shared" si="634"/>
        <v>0.95551264901055033</v>
      </c>
      <c r="I2728" s="236">
        <f t="shared" si="635"/>
        <v>19.794279019068856</v>
      </c>
      <c r="J2728" s="237">
        <f t="shared" si="640"/>
        <v>9.7942790190688562</v>
      </c>
      <c r="K2728" s="237">
        <f t="shared" si="636"/>
        <v>538.06788657534867</v>
      </c>
      <c r="L2728" s="237">
        <f t="shared" si="641"/>
        <v>266.30644652848224</v>
      </c>
      <c r="M2728" s="236">
        <f t="shared" si="637"/>
        <v>43.566396024828421</v>
      </c>
      <c r="N2728" s="236">
        <f t="shared" si="638"/>
        <v>0.99982657202862912</v>
      </c>
      <c r="O2728" s="236">
        <f t="shared" si="642"/>
        <v>2.2000504420610452</v>
      </c>
      <c r="P2728" s="236" t="str">
        <f t="shared" si="643"/>
        <v>SAND</v>
      </c>
      <c r="Q2728" s="236" t="e">
        <f t="shared" si="639"/>
        <v>#N/A</v>
      </c>
      <c r="R2728" s="238">
        <v>35</v>
      </c>
      <c r="S2728" s="236" t="e">
        <f t="shared" si="644"/>
        <v>#N/A</v>
      </c>
      <c r="T2728" s="236">
        <f t="shared" si="630"/>
        <v>35.630667984541418</v>
      </c>
    </row>
    <row r="2729" spans="1:20" x14ac:dyDescent="0.2">
      <c r="A2729" s="53">
        <f t="shared" si="631"/>
        <v>2717</v>
      </c>
      <c r="B2729" s="239">
        <v>27.2</v>
      </c>
      <c r="C2729" s="3">
        <f t="shared" si="632"/>
        <v>27.192999999999998</v>
      </c>
      <c r="D2729" s="239">
        <v>12.130699999999999</v>
      </c>
      <c r="E2729" s="239">
        <v>0.1235</v>
      </c>
      <c r="F2729" s="239">
        <v>0.22819999999999999</v>
      </c>
      <c r="G2729">
        <f t="shared" si="633"/>
        <v>12.17634</v>
      </c>
      <c r="H2729" s="235">
        <f t="shared" si="634"/>
        <v>1.0142620853228475</v>
      </c>
      <c r="I2729" s="236">
        <f t="shared" si="635"/>
        <v>19.868908929653269</v>
      </c>
      <c r="J2729" s="237">
        <f t="shared" si="640"/>
        <v>9.8689089296532693</v>
      </c>
      <c r="K2729" s="237">
        <f t="shared" si="636"/>
        <v>540.29524052406134</v>
      </c>
      <c r="L2729" s="237">
        <f t="shared" si="641"/>
        <v>268.43432288656891</v>
      </c>
      <c r="M2729" s="236">
        <f t="shared" si="637"/>
        <v>43.347827633774429</v>
      </c>
      <c r="N2729" s="236">
        <f t="shared" si="638"/>
        <v>1.061357209883766</v>
      </c>
      <c r="O2729" s="236">
        <f t="shared" si="642"/>
        <v>2.2163437917921489</v>
      </c>
      <c r="P2729" s="236" t="str">
        <f t="shared" si="643"/>
        <v>SAND</v>
      </c>
      <c r="Q2729" s="236" t="e">
        <f t="shared" si="639"/>
        <v>#N/A</v>
      </c>
      <c r="R2729" s="238">
        <v>35</v>
      </c>
      <c r="S2729" s="236" t="e">
        <f t="shared" si="644"/>
        <v>#N/A</v>
      </c>
      <c r="T2729" s="236">
        <f t="shared" si="630"/>
        <v>35.606640715705041</v>
      </c>
    </row>
    <row r="2730" spans="1:20" x14ac:dyDescent="0.2">
      <c r="A2730" s="53">
        <f t="shared" si="631"/>
        <v>2718</v>
      </c>
      <c r="B2730" s="239">
        <v>27.21</v>
      </c>
      <c r="C2730" s="3">
        <f t="shared" si="632"/>
        <v>27.202999999999999</v>
      </c>
      <c r="D2730" s="239">
        <v>12.1549</v>
      </c>
      <c r="E2730" s="239">
        <v>0.12839999999999999</v>
      </c>
      <c r="F2730" s="239">
        <v>0.23169999999999999</v>
      </c>
      <c r="G2730">
        <f t="shared" si="633"/>
        <v>12.20124</v>
      </c>
      <c r="H2730" s="235">
        <f t="shared" si="634"/>
        <v>1.0523520560205355</v>
      </c>
      <c r="I2730" s="236">
        <f t="shared" si="635"/>
        <v>19.915332191315343</v>
      </c>
      <c r="J2730" s="237">
        <f t="shared" si="640"/>
        <v>9.9153321913153434</v>
      </c>
      <c r="K2730" s="237">
        <f t="shared" si="636"/>
        <v>541.75678160035125</v>
      </c>
      <c r="L2730" s="237">
        <f t="shared" si="641"/>
        <v>269.7961889256905</v>
      </c>
      <c r="M2730" s="236">
        <f t="shared" si="637"/>
        <v>43.215892948031964</v>
      </c>
      <c r="N2730" s="236">
        <f t="shared" si="638"/>
        <v>1.101249494466221</v>
      </c>
      <c r="O2730" s="236">
        <f t="shared" si="642"/>
        <v>2.2264813894369824</v>
      </c>
      <c r="P2730" s="236" t="str">
        <f t="shared" si="643"/>
        <v>SAND</v>
      </c>
      <c r="Q2730" s="236" t="e">
        <f t="shared" si="639"/>
        <v>#N/A</v>
      </c>
      <c r="R2730" s="238">
        <v>35</v>
      </c>
      <c r="S2730" s="236" t="e">
        <f t="shared" si="644"/>
        <v>#N/A</v>
      </c>
      <c r="T2730" s="236">
        <f t="shared" si="630"/>
        <v>35.592078401384541</v>
      </c>
    </row>
    <row r="2731" spans="1:20" x14ac:dyDescent="0.2">
      <c r="A2731" s="53">
        <f t="shared" si="631"/>
        <v>2719</v>
      </c>
      <c r="B2731" s="239">
        <v>27.22</v>
      </c>
      <c r="C2731" s="3">
        <f t="shared" si="632"/>
        <v>27.212999999999997</v>
      </c>
      <c r="D2731" s="239">
        <v>12.145799999999999</v>
      </c>
      <c r="E2731" s="239">
        <v>0.1328</v>
      </c>
      <c r="F2731" s="239">
        <v>0.23619999999999999</v>
      </c>
      <c r="G2731">
        <f t="shared" si="633"/>
        <v>12.19304</v>
      </c>
      <c r="H2731" s="235">
        <f t="shared" si="634"/>
        <v>1.0891459389947051</v>
      </c>
      <c r="I2731" s="236">
        <f t="shared" si="635"/>
        <v>19.95457865564839</v>
      </c>
      <c r="J2731" s="237">
        <f t="shared" si="640"/>
        <v>9.9545786556483904</v>
      </c>
      <c r="K2731" s="237">
        <f t="shared" si="636"/>
        <v>543.02394895615964</v>
      </c>
      <c r="L2731" s="237">
        <f t="shared" si="641"/>
        <v>270.96363100674915</v>
      </c>
      <c r="M2731" s="236">
        <f t="shared" si="637"/>
        <v>42.994759140770675</v>
      </c>
      <c r="N2731" s="236">
        <f t="shared" si="638"/>
        <v>1.1399125925504725</v>
      </c>
      <c r="O2731" s="236">
        <f t="shared" si="642"/>
        <v>2.2368378370922652</v>
      </c>
      <c r="P2731" s="236" t="str">
        <f t="shared" si="643"/>
        <v>SAND</v>
      </c>
      <c r="Q2731" s="236" t="e">
        <f t="shared" si="639"/>
        <v>#N/A</v>
      </c>
      <c r="R2731" s="238">
        <v>35</v>
      </c>
      <c r="S2731" s="236" t="e">
        <f t="shared" si="644"/>
        <v>#N/A</v>
      </c>
      <c r="T2731" s="236">
        <f t="shared" si="630"/>
        <v>35.56757072382765</v>
      </c>
    </row>
    <row r="2732" spans="1:20" x14ac:dyDescent="0.2">
      <c r="A2732" s="53">
        <f t="shared" si="631"/>
        <v>2720</v>
      </c>
      <c r="B2732" s="239">
        <v>27.23</v>
      </c>
      <c r="C2732" s="3">
        <f t="shared" si="632"/>
        <v>27.222999999999999</v>
      </c>
      <c r="D2732" s="239">
        <v>12.15</v>
      </c>
      <c r="E2732" s="239">
        <v>0.13650000000000001</v>
      </c>
      <c r="F2732" s="239">
        <v>0.2387</v>
      </c>
      <c r="G2732">
        <f t="shared" si="633"/>
        <v>12.19774</v>
      </c>
      <c r="H2732" s="235">
        <f t="shared" si="634"/>
        <v>1.1190597602506696</v>
      </c>
      <c r="I2732" s="236">
        <f t="shared" si="635"/>
        <v>19.986952647854164</v>
      </c>
      <c r="J2732" s="237">
        <f t="shared" si="640"/>
        <v>9.9869526478541637</v>
      </c>
      <c r="K2732" s="237">
        <f t="shared" si="636"/>
        <v>544.10481193253383</v>
      </c>
      <c r="L2732" s="237">
        <f t="shared" si="641"/>
        <v>271.94472060106887</v>
      </c>
      <c r="M2732" s="236">
        <f t="shared" si="637"/>
        <v>42.852956153404591</v>
      </c>
      <c r="N2732" s="236">
        <f t="shared" si="638"/>
        <v>1.1713083325258606</v>
      </c>
      <c r="O2732" s="236">
        <f t="shared" si="642"/>
        <v>2.2447690695075977</v>
      </c>
      <c r="P2732" s="236" t="str">
        <f t="shared" si="643"/>
        <v>SAND</v>
      </c>
      <c r="Q2732" s="236" t="e">
        <f t="shared" si="639"/>
        <v>#N/A</v>
      </c>
      <c r="R2732" s="238">
        <v>35</v>
      </c>
      <c r="S2732" s="236" t="e">
        <f t="shared" si="644"/>
        <v>#N/A</v>
      </c>
      <c r="T2732" s="236">
        <f t="shared" si="630"/>
        <v>35.551788651631099</v>
      </c>
    </row>
    <row r="2733" spans="1:20" x14ac:dyDescent="0.2">
      <c r="A2733" s="53">
        <f t="shared" si="631"/>
        <v>2721</v>
      </c>
      <c r="B2733" s="239">
        <v>27.239000000000001</v>
      </c>
      <c r="C2733" s="3">
        <f t="shared" si="632"/>
        <v>27.231999999999999</v>
      </c>
      <c r="D2733" s="239">
        <v>12.1873</v>
      </c>
      <c r="E2733" s="239">
        <v>0.1391</v>
      </c>
      <c r="F2733" s="239">
        <v>0.24160000000000001</v>
      </c>
      <c r="G2733">
        <f t="shared" si="633"/>
        <v>12.235620000000001</v>
      </c>
      <c r="H2733" s="235">
        <f t="shared" si="634"/>
        <v>1.1368447205781154</v>
      </c>
      <c r="I2733" s="236">
        <f t="shared" si="635"/>
        <v>20.010289687988255</v>
      </c>
      <c r="J2733" s="237">
        <f t="shared" si="640"/>
        <v>10.010289687988255</v>
      </c>
      <c r="K2733" s="237">
        <f t="shared" si="636"/>
        <v>544.92020878329618</v>
      </c>
      <c r="L2733" s="237">
        <f t="shared" si="641"/>
        <v>272.67028081111209</v>
      </c>
      <c r="M2733" s="236">
        <f t="shared" si="637"/>
        <v>42.874858809109625</v>
      </c>
      <c r="N2733" s="236">
        <f t="shared" si="638"/>
        <v>1.1898346761457914</v>
      </c>
      <c r="O2733" s="236">
        <f t="shared" si="642"/>
        <v>2.2485071697283496</v>
      </c>
      <c r="P2733" s="236" t="str">
        <f t="shared" si="643"/>
        <v>SAND</v>
      </c>
      <c r="Q2733" s="236" t="e">
        <f t="shared" si="639"/>
        <v>#N/A</v>
      </c>
      <c r="R2733" s="238">
        <v>35</v>
      </c>
      <c r="S2733" s="236" t="e">
        <f t="shared" si="644"/>
        <v>#N/A</v>
      </c>
      <c r="T2733" s="236">
        <f t="shared" si="630"/>
        <v>35.554229731692487</v>
      </c>
    </row>
    <row r="2734" spans="1:20" x14ac:dyDescent="0.2">
      <c r="A2734" s="53">
        <f t="shared" si="631"/>
        <v>2722</v>
      </c>
      <c r="B2734" s="239">
        <v>27.248999999999999</v>
      </c>
      <c r="C2734" s="3">
        <f t="shared" si="632"/>
        <v>27.241999999999997</v>
      </c>
      <c r="D2734" s="239">
        <v>12.2149</v>
      </c>
      <c r="E2734" s="239">
        <v>0.1399</v>
      </c>
      <c r="F2734" s="239">
        <v>0.246</v>
      </c>
      <c r="G2734">
        <f t="shared" si="633"/>
        <v>12.264100000000001</v>
      </c>
      <c r="H2734" s="235">
        <f t="shared" si="634"/>
        <v>1.140727815330925</v>
      </c>
      <c r="I2734" s="236">
        <f t="shared" si="635"/>
        <v>20.017922998251692</v>
      </c>
      <c r="J2734" s="237">
        <f t="shared" si="640"/>
        <v>10.017922998251692</v>
      </c>
      <c r="K2734" s="237">
        <f t="shared" si="636"/>
        <v>545.32825831837249</v>
      </c>
      <c r="L2734" s="237">
        <f t="shared" si="641"/>
        <v>272.97838377936034</v>
      </c>
      <c r="M2734" s="236">
        <f t="shared" si="637"/>
        <v>42.929302970573431</v>
      </c>
      <c r="N2734" s="236">
        <f t="shared" si="638"/>
        <v>1.1938111184673055</v>
      </c>
      <c r="O2734" s="236">
        <f t="shared" si="642"/>
        <v>2.248892052555501</v>
      </c>
      <c r="P2734" s="236" t="str">
        <f t="shared" si="643"/>
        <v>SAND</v>
      </c>
      <c r="Q2734" s="236" t="e">
        <f t="shared" si="639"/>
        <v>#N/A</v>
      </c>
      <c r="R2734" s="238">
        <v>35</v>
      </c>
      <c r="S2734" s="236" t="e">
        <f t="shared" si="644"/>
        <v>#N/A</v>
      </c>
      <c r="T2734" s="236">
        <f t="shared" si="630"/>
        <v>35.56029220738975</v>
      </c>
    </row>
    <row r="2735" spans="1:20" x14ac:dyDescent="0.2">
      <c r="A2735" s="53">
        <f t="shared" si="631"/>
        <v>2723</v>
      </c>
      <c r="B2735" s="239">
        <v>27.257999999999999</v>
      </c>
      <c r="C2735" s="3">
        <f t="shared" si="632"/>
        <v>27.250999999999998</v>
      </c>
      <c r="D2735" s="239">
        <v>12.2601</v>
      </c>
      <c r="E2735" s="239">
        <v>0.1416</v>
      </c>
      <c r="F2735" s="239">
        <v>0.25019999999999998</v>
      </c>
      <c r="G2735">
        <f t="shared" si="633"/>
        <v>12.310139999999999</v>
      </c>
      <c r="H2735" s="235">
        <f t="shared" si="634"/>
        <v>1.1502712398071835</v>
      </c>
      <c r="I2735" s="236">
        <f t="shared" si="635"/>
        <v>20.033550531306794</v>
      </c>
      <c r="J2735" s="237">
        <f t="shared" si="640"/>
        <v>10.033550531306794</v>
      </c>
      <c r="K2735" s="237">
        <f t="shared" si="636"/>
        <v>545.93428552864145</v>
      </c>
      <c r="L2735" s="237">
        <f t="shared" si="641"/>
        <v>273.49452038236058</v>
      </c>
      <c r="M2735" s="236">
        <f t="shared" si="637"/>
        <v>43.014411031066885</v>
      </c>
      <c r="N2735" s="236">
        <f t="shared" si="638"/>
        <v>1.2036511723508483</v>
      </c>
      <c r="O2735" s="236">
        <f t="shared" si="642"/>
        <v>2.2502478829132455</v>
      </c>
      <c r="P2735" s="236" t="str">
        <f t="shared" si="643"/>
        <v>SAND</v>
      </c>
      <c r="Q2735" s="236" t="e">
        <f t="shared" si="639"/>
        <v>#N/A</v>
      </c>
      <c r="R2735" s="238">
        <v>35</v>
      </c>
      <c r="S2735" s="236" t="e">
        <f t="shared" si="644"/>
        <v>#N/A</v>
      </c>
      <c r="T2735" s="236">
        <f t="shared" si="630"/>
        <v>35.569753788356863</v>
      </c>
    </row>
    <row r="2736" spans="1:20" x14ac:dyDescent="0.2">
      <c r="A2736" s="53">
        <f t="shared" si="631"/>
        <v>2724</v>
      </c>
      <c r="B2736" s="239">
        <v>27.268000000000001</v>
      </c>
      <c r="C2736" s="3">
        <f t="shared" si="632"/>
        <v>27.260999999999999</v>
      </c>
      <c r="D2736" s="239">
        <v>12.3812</v>
      </c>
      <c r="E2736" s="239">
        <v>0.1429</v>
      </c>
      <c r="F2736" s="239">
        <v>0.25119999999999998</v>
      </c>
      <c r="G2736">
        <f t="shared" si="633"/>
        <v>12.43144</v>
      </c>
      <c r="H2736" s="235">
        <f t="shared" si="634"/>
        <v>1.1495048039486979</v>
      </c>
      <c r="I2736" s="236">
        <f t="shared" si="635"/>
        <v>20.048099366499656</v>
      </c>
      <c r="J2736" s="237">
        <f t="shared" si="640"/>
        <v>10.048099366499656</v>
      </c>
      <c r="K2736" s="237">
        <f t="shared" si="636"/>
        <v>546.53123683014712</v>
      </c>
      <c r="L2736" s="237">
        <f t="shared" si="641"/>
        <v>273.99157352571262</v>
      </c>
      <c r="M2736" s="236">
        <f t="shared" si="637"/>
        <v>43.376913421954264</v>
      </c>
      <c r="N2736" s="236">
        <f t="shared" si="638"/>
        <v>1.2023651409326157</v>
      </c>
      <c r="O2736" s="236">
        <f t="shared" si="642"/>
        <v>2.2470058862215345</v>
      </c>
      <c r="P2736" s="236" t="str">
        <f t="shared" si="643"/>
        <v>SAND</v>
      </c>
      <c r="Q2736" s="236" t="e">
        <f t="shared" si="639"/>
        <v>#N/A</v>
      </c>
      <c r="R2736" s="238">
        <v>35</v>
      </c>
      <c r="S2736" s="236" t="e">
        <f t="shared" si="644"/>
        <v>#N/A</v>
      </c>
      <c r="T2736" s="236">
        <f t="shared" si="630"/>
        <v>35.609845101763966</v>
      </c>
    </row>
    <row r="2737" spans="1:20" x14ac:dyDescent="0.2">
      <c r="A2737" s="53">
        <f t="shared" si="631"/>
        <v>2725</v>
      </c>
      <c r="B2737" s="239">
        <v>27.277999999999999</v>
      </c>
      <c r="C2737" s="3">
        <f t="shared" si="632"/>
        <v>27.270999999999997</v>
      </c>
      <c r="D2737" s="239">
        <v>12.5343</v>
      </c>
      <c r="E2737" s="239">
        <v>0.14219999999999999</v>
      </c>
      <c r="F2737" s="239">
        <v>0.25330000000000003</v>
      </c>
      <c r="G2737">
        <f t="shared" si="633"/>
        <v>12.584960000000001</v>
      </c>
      <c r="H2737" s="235">
        <f t="shared" si="634"/>
        <v>1.1299201586655816</v>
      </c>
      <c r="I2737" s="236">
        <f t="shared" si="635"/>
        <v>20.047138620219243</v>
      </c>
      <c r="J2737" s="237">
        <f t="shared" si="640"/>
        <v>10.047138620219243</v>
      </c>
      <c r="K2737" s="237">
        <f t="shared" si="636"/>
        <v>546.70551731199896</v>
      </c>
      <c r="L2737" s="237">
        <f t="shared" si="641"/>
        <v>274.06584728234048</v>
      </c>
      <c r="M2737" s="236">
        <f t="shared" si="637"/>
        <v>43.924679423066848</v>
      </c>
      <c r="N2737" s="236">
        <f t="shared" si="638"/>
        <v>1.1812343741735585</v>
      </c>
      <c r="O2737" s="236">
        <f t="shared" si="642"/>
        <v>2.2381077706888268</v>
      </c>
      <c r="P2737" s="236" t="str">
        <f t="shared" si="643"/>
        <v>SAND</v>
      </c>
      <c r="Q2737" s="236" t="e">
        <f t="shared" si="639"/>
        <v>#N/A</v>
      </c>
      <c r="R2737" s="238">
        <v>35</v>
      </c>
      <c r="S2737" s="236" t="e">
        <f t="shared" si="644"/>
        <v>#N/A</v>
      </c>
      <c r="T2737" s="236">
        <f t="shared" si="630"/>
        <v>35.669794606085105</v>
      </c>
    </row>
    <row r="2738" spans="1:20" x14ac:dyDescent="0.2">
      <c r="A2738" s="53">
        <f t="shared" si="631"/>
        <v>2726</v>
      </c>
      <c r="B2738" s="239">
        <v>27.288</v>
      </c>
      <c r="C2738" s="3">
        <f t="shared" si="632"/>
        <v>27.280999999999999</v>
      </c>
      <c r="D2738" s="239">
        <v>12.7044</v>
      </c>
      <c r="E2738" s="239">
        <v>0.1426</v>
      </c>
      <c r="F2738" s="239">
        <v>0.25790000000000002</v>
      </c>
      <c r="G2738">
        <f t="shared" si="633"/>
        <v>12.755979999999999</v>
      </c>
      <c r="H2738" s="235">
        <f t="shared" si="634"/>
        <v>1.1179070522217815</v>
      </c>
      <c r="I2738" s="236">
        <f t="shared" si="635"/>
        <v>20.055708219955392</v>
      </c>
      <c r="J2738" s="237">
        <f t="shared" si="640"/>
        <v>10.055708219955392</v>
      </c>
      <c r="K2738" s="237">
        <f t="shared" si="636"/>
        <v>547.13977594860307</v>
      </c>
      <c r="L2738" s="237">
        <f t="shared" si="641"/>
        <v>274.40016590614272</v>
      </c>
      <c r="M2738" s="236">
        <f t="shared" si="637"/>
        <v>44.492831058372509</v>
      </c>
      <c r="N2738" s="236">
        <f t="shared" si="638"/>
        <v>1.1680061118260703</v>
      </c>
      <c r="O2738" s="236">
        <f t="shared" si="642"/>
        <v>2.2307268100732585</v>
      </c>
      <c r="P2738" s="236" t="str">
        <f t="shared" si="643"/>
        <v>SAND</v>
      </c>
      <c r="Q2738" s="236" t="e">
        <f t="shared" si="639"/>
        <v>#N/A</v>
      </c>
      <c r="R2738" s="238">
        <v>35</v>
      </c>
      <c r="S2738" s="236" t="e">
        <f t="shared" si="644"/>
        <v>#N/A</v>
      </c>
      <c r="T2738" s="236">
        <f t="shared" si="630"/>
        <v>35.731190446438831</v>
      </c>
    </row>
    <row r="2739" spans="1:20" x14ac:dyDescent="0.2">
      <c r="A2739" s="53">
        <f t="shared" si="631"/>
        <v>2727</v>
      </c>
      <c r="B2739" s="239">
        <v>27.297999999999998</v>
      </c>
      <c r="C2739" s="3">
        <f t="shared" si="632"/>
        <v>27.290999999999997</v>
      </c>
      <c r="D2739" s="239">
        <v>12.9175</v>
      </c>
      <c r="E2739" s="239">
        <v>0.14319999999999999</v>
      </c>
      <c r="F2739" s="239">
        <v>0.26040000000000002</v>
      </c>
      <c r="G2739">
        <f t="shared" si="633"/>
        <v>12.969580000000001</v>
      </c>
      <c r="H2739" s="235">
        <f t="shared" si="634"/>
        <v>1.104122107269472</v>
      </c>
      <c r="I2739" s="236">
        <f t="shared" si="635"/>
        <v>20.067122524021116</v>
      </c>
      <c r="J2739" s="237">
        <f t="shared" si="640"/>
        <v>10.067122524021116</v>
      </c>
      <c r="K2739" s="237">
        <f t="shared" si="636"/>
        <v>547.65184080306017</v>
      </c>
      <c r="L2739" s="237">
        <f t="shared" si="641"/>
        <v>274.81231066072837</v>
      </c>
      <c r="M2739" s="236">
        <f t="shared" si="637"/>
        <v>45.201498176450052</v>
      </c>
      <c r="N2739" s="236">
        <f t="shared" si="638"/>
        <v>1.152800098058671</v>
      </c>
      <c r="O2739" s="236">
        <f t="shared" si="642"/>
        <v>2.2218378836076389</v>
      </c>
      <c r="P2739" s="236" t="str">
        <f t="shared" si="643"/>
        <v>SAND</v>
      </c>
      <c r="Q2739" s="236" t="e">
        <f t="shared" si="639"/>
        <v>#N/A</v>
      </c>
      <c r="R2739" s="238">
        <v>35</v>
      </c>
      <c r="S2739" s="236" t="e">
        <f t="shared" si="644"/>
        <v>#N/A</v>
      </c>
      <c r="T2739" s="236">
        <f t="shared" si="630"/>
        <v>35.806681124270469</v>
      </c>
    </row>
    <row r="2740" spans="1:20" x14ac:dyDescent="0.2">
      <c r="A2740" s="53">
        <f t="shared" si="631"/>
        <v>2728</v>
      </c>
      <c r="B2740" s="239">
        <v>27.306000000000001</v>
      </c>
      <c r="C2740" s="3">
        <f t="shared" si="632"/>
        <v>27.298999999999999</v>
      </c>
      <c r="D2740" s="239">
        <v>13.164</v>
      </c>
      <c r="E2740" s="239">
        <v>0.14269999999999999</v>
      </c>
      <c r="F2740" s="239">
        <v>0.25940000000000002</v>
      </c>
      <c r="G2740">
        <f t="shared" si="633"/>
        <v>13.21588</v>
      </c>
      <c r="H2740" s="235">
        <f t="shared" si="634"/>
        <v>1.0797616201115627</v>
      </c>
      <c r="I2740" s="236">
        <f t="shared" si="635"/>
        <v>20.070374259737946</v>
      </c>
      <c r="J2740" s="237">
        <f t="shared" si="640"/>
        <v>10.070374259737946</v>
      </c>
      <c r="K2740" s="237">
        <f t="shared" si="636"/>
        <v>547.90114691658619</v>
      </c>
      <c r="L2740" s="237">
        <f t="shared" si="641"/>
        <v>274.98163953640437</v>
      </c>
      <c r="M2740" s="236">
        <f t="shared" si="637"/>
        <v>46.068453422710512</v>
      </c>
      <c r="N2740" s="236">
        <f t="shared" si="638"/>
        <v>1.1264622530157324</v>
      </c>
      <c r="O2740" s="236">
        <f t="shared" si="642"/>
        <v>2.2093106742869004</v>
      </c>
      <c r="P2740" s="236" t="str">
        <f t="shared" si="643"/>
        <v>SAND</v>
      </c>
      <c r="Q2740" s="236" t="e">
        <f t="shared" si="639"/>
        <v>#N/A</v>
      </c>
      <c r="R2740" s="238">
        <v>35</v>
      </c>
      <c r="S2740" s="236" t="e">
        <f t="shared" si="644"/>
        <v>#N/A</v>
      </c>
      <c r="T2740" s="236">
        <f t="shared" si="630"/>
        <v>35.897439959397957</v>
      </c>
    </row>
    <row r="2741" spans="1:20" x14ac:dyDescent="0.2">
      <c r="A2741" s="53">
        <f t="shared" si="631"/>
        <v>2729</v>
      </c>
      <c r="B2741" s="239">
        <v>27.317</v>
      </c>
      <c r="C2741" s="3">
        <f t="shared" si="632"/>
        <v>27.31</v>
      </c>
      <c r="D2741" s="239">
        <v>13.4308</v>
      </c>
      <c r="E2741" s="239">
        <v>0.14230000000000001</v>
      </c>
      <c r="F2741" s="239">
        <v>0.26329999999999998</v>
      </c>
      <c r="G2741">
        <f t="shared" si="633"/>
        <v>13.483459999999999</v>
      </c>
      <c r="H2741" s="235">
        <f t="shared" si="634"/>
        <v>1.0553670942028235</v>
      </c>
      <c r="I2741" s="236">
        <f t="shared" si="635"/>
        <v>20.07491750060742</v>
      </c>
      <c r="J2741" s="237">
        <f t="shared" si="640"/>
        <v>10.07491750060742</v>
      </c>
      <c r="K2741" s="237">
        <f t="shared" si="636"/>
        <v>548.2459969415886</v>
      </c>
      <c r="L2741" s="237">
        <f t="shared" si="641"/>
        <v>275.2165213640929</v>
      </c>
      <c r="M2741" s="236">
        <f t="shared" si="637"/>
        <v>47.000136252525316</v>
      </c>
      <c r="N2741" s="236">
        <f t="shared" si="638"/>
        <v>1.100097763874293</v>
      </c>
      <c r="O2741" s="236">
        <f t="shared" si="642"/>
        <v>2.1962824190550374</v>
      </c>
      <c r="P2741" s="236" t="str">
        <f t="shared" si="643"/>
        <v>SAND</v>
      </c>
      <c r="Q2741" s="236" t="e">
        <f t="shared" si="639"/>
        <v>#N/A</v>
      </c>
      <c r="R2741" s="238">
        <v>35</v>
      </c>
      <c r="S2741" s="236" t="e">
        <f t="shared" si="644"/>
        <v>#N/A</v>
      </c>
      <c r="T2741" s="236">
        <f t="shared" si="630"/>
        <v>35.993090286441301</v>
      </c>
    </row>
    <row r="2742" spans="1:20" x14ac:dyDescent="0.2">
      <c r="A2742" s="53">
        <f t="shared" si="631"/>
        <v>2730</v>
      </c>
      <c r="B2742" s="239">
        <v>27.326000000000001</v>
      </c>
      <c r="C2742" s="3">
        <f t="shared" si="632"/>
        <v>27.318999999999999</v>
      </c>
      <c r="D2742" s="239">
        <v>13.8034</v>
      </c>
      <c r="E2742" s="239">
        <v>0.14199999999999999</v>
      </c>
      <c r="F2742" s="239">
        <v>0.26119999999999999</v>
      </c>
      <c r="G2742">
        <f t="shared" si="633"/>
        <v>13.855639999999999</v>
      </c>
      <c r="H2742" s="235">
        <f t="shared" si="634"/>
        <v>1.0248534170922454</v>
      </c>
      <c r="I2742" s="236">
        <f t="shared" si="635"/>
        <v>20.083085516021406</v>
      </c>
      <c r="J2742" s="237">
        <f t="shared" si="640"/>
        <v>10.083085516021406</v>
      </c>
      <c r="K2742" s="237">
        <f t="shared" si="636"/>
        <v>548.64981321218875</v>
      </c>
      <c r="L2742" s="237">
        <f t="shared" si="641"/>
        <v>275.53039481080094</v>
      </c>
      <c r="M2742" s="236">
        <f t="shared" si="637"/>
        <v>48.295906503982437</v>
      </c>
      <c r="N2742" s="236">
        <f t="shared" si="638"/>
        <v>1.0671083243225683</v>
      </c>
      <c r="O2742" s="236">
        <f t="shared" si="642"/>
        <v>2.1790229040540976</v>
      </c>
      <c r="P2742" s="236" t="str">
        <f t="shared" si="643"/>
        <v>SAND</v>
      </c>
      <c r="Q2742" s="236" t="e">
        <f t="shared" si="639"/>
        <v>#N/A</v>
      </c>
      <c r="R2742" s="238">
        <v>35</v>
      </c>
      <c r="S2742" s="236" t="e">
        <f t="shared" si="644"/>
        <v>#N/A</v>
      </c>
      <c r="T2742" s="236">
        <f t="shared" si="630"/>
        <v>36.12301354305373</v>
      </c>
    </row>
    <row r="2743" spans="1:20" x14ac:dyDescent="0.2">
      <c r="A2743" s="53">
        <f t="shared" si="631"/>
        <v>2731</v>
      </c>
      <c r="B2743" s="239">
        <v>27.337</v>
      </c>
      <c r="C2743" s="3">
        <f t="shared" si="632"/>
        <v>27.33</v>
      </c>
      <c r="D2743" s="239">
        <v>14.1851</v>
      </c>
      <c r="E2743" s="239">
        <v>0.14180000000000001</v>
      </c>
      <c r="F2743" s="239">
        <v>0.24610000000000001</v>
      </c>
      <c r="G2743">
        <f t="shared" si="633"/>
        <v>14.23432</v>
      </c>
      <c r="H2743" s="235">
        <f t="shared" si="634"/>
        <v>0.99618387109465023</v>
      </c>
      <c r="I2743" s="236">
        <f t="shared" si="635"/>
        <v>20.091971930098929</v>
      </c>
      <c r="J2743" s="237">
        <f t="shared" si="640"/>
        <v>10.091971930098929</v>
      </c>
      <c r="K2743" s="237">
        <f t="shared" si="636"/>
        <v>549.11359284960372</v>
      </c>
      <c r="L2743" s="237">
        <f t="shared" si="641"/>
        <v>275.88423665311439</v>
      </c>
      <c r="M2743" s="236">
        <f t="shared" si="637"/>
        <v>49.604887082974649</v>
      </c>
      <c r="N2743" s="236">
        <f t="shared" si="638"/>
        <v>1.0361553620843513</v>
      </c>
      <c r="O2743" s="236">
        <f t="shared" si="642"/>
        <v>2.1621836309981237</v>
      </c>
      <c r="P2743" s="236" t="str">
        <f t="shared" si="643"/>
        <v>SAND</v>
      </c>
      <c r="Q2743" s="236" t="e">
        <f t="shared" si="639"/>
        <v>#N/A</v>
      </c>
      <c r="R2743" s="238">
        <v>35</v>
      </c>
      <c r="S2743" s="236" t="e">
        <f t="shared" si="644"/>
        <v>#N/A</v>
      </c>
      <c r="T2743" s="236">
        <f t="shared" si="630"/>
        <v>36.250769119108945</v>
      </c>
    </row>
    <row r="2744" spans="1:20" x14ac:dyDescent="0.2">
      <c r="A2744" s="53">
        <f t="shared" si="631"/>
        <v>2732</v>
      </c>
      <c r="B2744" s="239">
        <v>27.346</v>
      </c>
      <c r="C2744" s="3">
        <f t="shared" si="632"/>
        <v>27.338999999999999</v>
      </c>
      <c r="D2744" s="239">
        <v>14.5137</v>
      </c>
      <c r="E2744" s="239">
        <v>0.1409</v>
      </c>
      <c r="F2744" s="239">
        <v>0.23530000000000001</v>
      </c>
      <c r="G2744">
        <f t="shared" si="633"/>
        <v>14.56076</v>
      </c>
      <c r="H2744" s="235">
        <f t="shared" si="634"/>
        <v>0.96766927001063119</v>
      </c>
      <c r="I2744" s="236">
        <f t="shared" si="635"/>
        <v>20.093368375020326</v>
      </c>
      <c r="J2744" s="237">
        <f t="shared" si="640"/>
        <v>10.093368375020326</v>
      </c>
      <c r="K2744" s="237">
        <f t="shared" si="636"/>
        <v>549.33259800468068</v>
      </c>
      <c r="L2744" s="237">
        <f t="shared" si="641"/>
        <v>276.01325158330582</v>
      </c>
      <c r="M2744" s="236">
        <f t="shared" si="637"/>
        <v>50.763603999521798</v>
      </c>
      <c r="N2744" s="236">
        <f t="shared" si="638"/>
        <v>1.0056077511412929</v>
      </c>
      <c r="O2744" s="236">
        <f t="shared" si="642"/>
        <v>2.1465336888057056</v>
      </c>
      <c r="P2744" s="236" t="str">
        <f t="shared" si="643"/>
        <v>SAND</v>
      </c>
      <c r="Q2744" s="236" t="e">
        <f t="shared" si="639"/>
        <v>#N/A</v>
      </c>
      <c r="R2744" s="238">
        <v>35</v>
      </c>
      <c r="S2744" s="236" t="e">
        <f t="shared" si="644"/>
        <v>#N/A</v>
      </c>
      <c r="T2744" s="236">
        <f t="shared" si="630"/>
        <v>36.361076923318549</v>
      </c>
    </row>
    <row r="2745" spans="1:20" x14ac:dyDescent="0.2">
      <c r="A2745" s="53">
        <f t="shared" si="631"/>
        <v>2733</v>
      </c>
      <c r="B2745" s="239">
        <v>27.356000000000002</v>
      </c>
      <c r="C2745" s="3">
        <f t="shared" si="632"/>
        <v>27.349</v>
      </c>
      <c r="D2745" s="239">
        <v>14.7842</v>
      </c>
      <c r="E2745" s="239">
        <v>0.13969999999999999</v>
      </c>
      <c r="F2745" s="239">
        <v>0.23100000000000001</v>
      </c>
      <c r="G2745">
        <f t="shared" si="633"/>
        <v>14.830400000000001</v>
      </c>
      <c r="H2745" s="235">
        <f t="shared" si="634"/>
        <v>0.94198403279749687</v>
      </c>
      <c r="I2745" s="236">
        <f t="shared" si="635"/>
        <v>20.090510929223942</v>
      </c>
      <c r="J2745" s="237">
        <f t="shared" si="640"/>
        <v>10.090510929223942</v>
      </c>
      <c r="K2745" s="237">
        <f t="shared" si="636"/>
        <v>549.45538340334565</v>
      </c>
      <c r="L2745" s="237">
        <f t="shared" si="641"/>
        <v>276.03601697985016</v>
      </c>
      <c r="M2745" s="236">
        <f t="shared" si="637"/>
        <v>51.735801627796725</v>
      </c>
      <c r="N2745" s="236">
        <f t="shared" si="638"/>
        <v>0.97822660720669052</v>
      </c>
      <c r="O2745" s="236">
        <f t="shared" si="642"/>
        <v>2.1329400187007179</v>
      </c>
      <c r="P2745" s="236" t="str">
        <f t="shared" si="643"/>
        <v>SAND</v>
      </c>
      <c r="Q2745" s="236" t="e">
        <f t="shared" si="639"/>
        <v>#N/A</v>
      </c>
      <c r="R2745" s="238">
        <v>35</v>
      </c>
      <c r="S2745" s="236" t="e">
        <f t="shared" si="644"/>
        <v>#N/A</v>
      </c>
      <c r="T2745" s="236">
        <f t="shared" si="630"/>
        <v>36.451703009846625</v>
      </c>
    </row>
    <row r="2746" spans="1:20" x14ac:dyDescent="0.2">
      <c r="A2746" s="53">
        <f t="shared" si="631"/>
        <v>2734</v>
      </c>
      <c r="B2746" s="239">
        <v>27.366</v>
      </c>
      <c r="C2746" s="3">
        <f t="shared" si="632"/>
        <v>27.358999999999998</v>
      </c>
      <c r="D2746" s="239">
        <v>15.039400000000001</v>
      </c>
      <c r="E2746" s="239">
        <v>0.1386</v>
      </c>
      <c r="F2746" s="239">
        <v>0.23680000000000001</v>
      </c>
      <c r="G2746">
        <f t="shared" si="633"/>
        <v>15.08676</v>
      </c>
      <c r="H2746" s="235">
        <f t="shared" si="634"/>
        <v>0.91868631833475178</v>
      </c>
      <c r="I2746" s="236">
        <f t="shared" si="635"/>
        <v>20.087940159606759</v>
      </c>
      <c r="J2746" s="237">
        <f t="shared" si="640"/>
        <v>10.087940159606759</v>
      </c>
      <c r="K2746" s="237">
        <f t="shared" si="636"/>
        <v>549.58595482668125</v>
      </c>
      <c r="L2746" s="237">
        <f t="shared" si="641"/>
        <v>276.06657040779857</v>
      </c>
      <c r="M2746" s="236">
        <f t="shared" si="637"/>
        <v>52.6582194421417</v>
      </c>
      <c r="N2746" s="236">
        <f t="shared" si="638"/>
        <v>0.95341776585538252</v>
      </c>
      <c r="O2746" s="236">
        <f t="shared" si="642"/>
        <v>2.1202949900823151</v>
      </c>
      <c r="P2746" s="236" t="str">
        <f t="shared" si="643"/>
        <v>SAND</v>
      </c>
      <c r="Q2746" s="236" t="e">
        <f t="shared" si="639"/>
        <v>#N/A</v>
      </c>
      <c r="R2746" s="238">
        <v>35</v>
      </c>
      <c r="S2746" s="236" t="e">
        <f t="shared" si="644"/>
        <v>#N/A</v>
      </c>
      <c r="T2746" s="236">
        <f t="shared" si="630"/>
        <v>36.536127870097054</v>
      </c>
    </row>
    <row r="2747" spans="1:20" x14ac:dyDescent="0.2">
      <c r="A2747" s="53">
        <f t="shared" si="631"/>
        <v>2735</v>
      </c>
      <c r="B2747" s="239">
        <v>27.375</v>
      </c>
      <c r="C2747" s="3">
        <f t="shared" si="632"/>
        <v>27.367999999999999</v>
      </c>
      <c r="D2747" s="239">
        <v>15.2507</v>
      </c>
      <c r="E2747" s="239">
        <v>0.13780000000000001</v>
      </c>
      <c r="F2747" s="239">
        <v>0.2394</v>
      </c>
      <c r="G2747">
        <f t="shared" si="633"/>
        <v>15.298579999999999</v>
      </c>
      <c r="H2747" s="235">
        <f t="shared" si="634"/>
        <v>0.90073719260218932</v>
      </c>
      <c r="I2747" s="236">
        <f t="shared" si="635"/>
        <v>20.086601951515544</v>
      </c>
      <c r="J2747" s="237">
        <f t="shared" si="640"/>
        <v>10.086601951515544</v>
      </c>
      <c r="K2747" s="237">
        <f t="shared" si="636"/>
        <v>549.73012220907742</v>
      </c>
      <c r="L2747" s="237">
        <f t="shared" si="641"/>
        <v>276.12072842273801</v>
      </c>
      <c r="M2747" s="236">
        <f t="shared" si="637"/>
        <v>53.414497209389452</v>
      </c>
      <c r="N2747" s="236">
        <f t="shared" si="638"/>
        <v>0.93431014039611104</v>
      </c>
      <c r="O2747" s="236">
        <f t="shared" si="642"/>
        <v>2.1102181464564866</v>
      </c>
      <c r="P2747" s="236" t="str">
        <f t="shared" si="643"/>
        <v>SAND</v>
      </c>
      <c r="Q2747" s="236" t="e">
        <f t="shared" si="639"/>
        <v>#N/A</v>
      </c>
      <c r="R2747" s="238">
        <v>35</v>
      </c>
      <c r="S2747" s="236" t="e">
        <f t="shared" si="644"/>
        <v>#N/A</v>
      </c>
      <c r="T2747" s="236">
        <f t="shared" si="630"/>
        <v>36.604250592092008</v>
      </c>
    </row>
    <row r="2748" spans="1:20" x14ac:dyDescent="0.2">
      <c r="A2748" s="53">
        <f t="shared" si="631"/>
        <v>2736</v>
      </c>
      <c r="B2748" s="239">
        <v>27.384</v>
      </c>
      <c r="C2748" s="3">
        <f t="shared" si="632"/>
        <v>27.376999999999999</v>
      </c>
      <c r="D2748" s="239">
        <v>15.451599999999999</v>
      </c>
      <c r="E2748" s="239">
        <v>0.13780000000000001</v>
      </c>
      <c r="F2748" s="239">
        <v>0.23830000000000001</v>
      </c>
      <c r="G2748">
        <f t="shared" si="633"/>
        <v>15.49926</v>
      </c>
      <c r="H2748" s="235">
        <f t="shared" si="634"/>
        <v>0.88907470421168511</v>
      </c>
      <c r="I2748" s="236">
        <f t="shared" si="635"/>
        <v>20.091695809080402</v>
      </c>
      <c r="J2748" s="237">
        <f t="shared" si="640"/>
        <v>10.091695809080402</v>
      </c>
      <c r="K2748" s="237">
        <f t="shared" si="636"/>
        <v>550.0503561651941</v>
      </c>
      <c r="L2748" s="237">
        <f t="shared" si="641"/>
        <v>276.35099803585774</v>
      </c>
      <c r="M2748" s="236">
        <f t="shared" si="637"/>
        <v>54.095008703008482</v>
      </c>
      <c r="N2748" s="236">
        <f t="shared" si="638"/>
        <v>0.92178786225551412</v>
      </c>
      <c r="O2748" s="236">
        <f t="shared" si="642"/>
        <v>2.1023733018631385</v>
      </c>
      <c r="P2748" s="236" t="str">
        <f t="shared" si="643"/>
        <v>SAND</v>
      </c>
      <c r="Q2748" s="236" t="e">
        <f t="shared" si="639"/>
        <v>#N/A</v>
      </c>
      <c r="R2748" s="238">
        <v>35</v>
      </c>
      <c r="S2748" s="236" t="e">
        <f t="shared" si="644"/>
        <v>#N/A</v>
      </c>
      <c r="T2748" s="236">
        <f t="shared" si="630"/>
        <v>36.664729145004472</v>
      </c>
    </row>
    <row r="2749" spans="1:20" x14ac:dyDescent="0.2">
      <c r="A2749" s="53">
        <f t="shared" si="631"/>
        <v>2737</v>
      </c>
      <c r="B2749" s="239">
        <v>27.395</v>
      </c>
      <c r="C2749" s="3">
        <f t="shared" si="632"/>
        <v>27.387999999999998</v>
      </c>
      <c r="D2749" s="239">
        <v>15.5921</v>
      </c>
      <c r="E2749" s="239">
        <v>0.13750000000000001</v>
      </c>
      <c r="F2749" s="239">
        <v>0.24510000000000001</v>
      </c>
      <c r="G2749">
        <f t="shared" si="633"/>
        <v>15.641120000000001</v>
      </c>
      <c r="H2749" s="235">
        <f t="shared" si="634"/>
        <v>0.8790930572746708</v>
      </c>
      <c r="I2749" s="236">
        <f t="shared" si="635"/>
        <v>20.092701402615624</v>
      </c>
      <c r="J2749" s="237">
        <f t="shared" si="640"/>
        <v>10.092701402615624</v>
      </c>
      <c r="K2749" s="237">
        <f t="shared" si="636"/>
        <v>550.29890601483669</v>
      </c>
      <c r="L2749" s="237">
        <f t="shared" si="641"/>
        <v>276.48955492465501</v>
      </c>
      <c r="M2749" s="236">
        <f t="shared" si="637"/>
        <v>54.580076625670358</v>
      </c>
      <c r="N2749" s="236">
        <f t="shared" si="638"/>
        <v>0.9111498913389422</v>
      </c>
      <c r="O2749" s="236">
        <f t="shared" si="642"/>
        <v>2.096330801651038</v>
      </c>
      <c r="P2749" s="236" t="str">
        <f t="shared" si="643"/>
        <v>SAND</v>
      </c>
      <c r="Q2749" s="236" t="e">
        <f t="shared" si="639"/>
        <v>#N/A</v>
      </c>
      <c r="R2749" s="238">
        <v>35</v>
      </c>
      <c r="S2749" s="236" t="e">
        <f t="shared" si="644"/>
        <v>#N/A</v>
      </c>
      <c r="T2749" s="236">
        <f t="shared" si="630"/>
        <v>36.707375551504953</v>
      </c>
    </row>
    <row r="2750" spans="1:20" x14ac:dyDescent="0.2">
      <c r="A2750" s="53">
        <f t="shared" si="631"/>
        <v>2738</v>
      </c>
      <c r="B2750" s="239">
        <v>27.404</v>
      </c>
      <c r="C2750" s="3">
        <f t="shared" si="632"/>
        <v>27.396999999999998</v>
      </c>
      <c r="D2750" s="239">
        <v>15.7235</v>
      </c>
      <c r="E2750" s="239">
        <v>0.13769999999999999</v>
      </c>
      <c r="F2750" s="239">
        <v>0.2555</v>
      </c>
      <c r="G2750">
        <f t="shared" si="633"/>
        <v>15.7746</v>
      </c>
      <c r="H2750" s="235">
        <f t="shared" si="634"/>
        <v>0.87292229279981726</v>
      </c>
      <c r="I2750" s="236">
        <f t="shared" si="635"/>
        <v>20.097727213075807</v>
      </c>
      <c r="J2750" s="237">
        <f t="shared" si="640"/>
        <v>10.097727213075807</v>
      </c>
      <c r="K2750" s="237">
        <f t="shared" si="636"/>
        <v>550.61743245663786</v>
      </c>
      <c r="L2750" s="237">
        <f t="shared" si="641"/>
        <v>276.7181165471294</v>
      </c>
      <c r="M2750" s="236">
        <f t="shared" si="637"/>
        <v>55.016212012090946</v>
      </c>
      <c r="N2750" s="236">
        <f t="shared" si="638"/>
        <v>0.90449394164158015</v>
      </c>
      <c r="O2750" s="236">
        <f t="shared" si="642"/>
        <v>2.0916818001510591</v>
      </c>
      <c r="P2750" s="236" t="str">
        <f t="shared" si="643"/>
        <v>SAND</v>
      </c>
      <c r="Q2750" s="236" t="e">
        <f t="shared" si="639"/>
        <v>#N/A</v>
      </c>
      <c r="R2750" s="238">
        <v>35</v>
      </c>
      <c r="S2750" s="236" t="e">
        <f t="shared" si="644"/>
        <v>#N/A</v>
      </c>
      <c r="T2750" s="236">
        <f t="shared" si="630"/>
        <v>36.745397534418821</v>
      </c>
    </row>
    <row r="2751" spans="1:20" x14ac:dyDescent="0.2">
      <c r="A2751" s="53">
        <f t="shared" si="631"/>
        <v>2739</v>
      </c>
      <c r="B2751" s="239">
        <v>27.413</v>
      </c>
      <c r="C2751" s="3">
        <f t="shared" si="632"/>
        <v>27.405999999999999</v>
      </c>
      <c r="D2751" s="239">
        <v>15.839700000000001</v>
      </c>
      <c r="E2751" s="239">
        <v>0.13800000000000001</v>
      </c>
      <c r="F2751" s="239">
        <v>0.25430000000000003</v>
      </c>
      <c r="G2751">
        <f t="shared" si="633"/>
        <v>15.890560000000001</v>
      </c>
      <c r="H2751" s="235">
        <f t="shared" si="634"/>
        <v>0.86844013049256918</v>
      </c>
      <c r="I2751" s="236">
        <f t="shared" si="635"/>
        <v>20.103141869888901</v>
      </c>
      <c r="J2751" s="237">
        <f t="shared" si="640"/>
        <v>10.103141869888901</v>
      </c>
      <c r="K2751" s="237">
        <f t="shared" si="636"/>
        <v>550.94670608617525</v>
      </c>
      <c r="L2751" s="237">
        <f t="shared" si="641"/>
        <v>276.95742807926445</v>
      </c>
      <c r="M2751" s="236">
        <f t="shared" si="637"/>
        <v>55.386177580778487</v>
      </c>
      <c r="N2751" s="236">
        <f t="shared" si="638"/>
        <v>0.89963154452370153</v>
      </c>
      <c r="O2751" s="236">
        <f t="shared" si="642"/>
        <v>2.0879584785491705</v>
      </c>
      <c r="P2751" s="236" t="str">
        <f t="shared" si="643"/>
        <v>SAND</v>
      </c>
      <c r="Q2751" s="236" t="e">
        <f t="shared" si="639"/>
        <v>#N/A</v>
      </c>
      <c r="R2751" s="238">
        <v>35</v>
      </c>
      <c r="S2751" s="236" t="e">
        <f t="shared" si="644"/>
        <v>#N/A</v>
      </c>
      <c r="T2751" s="236">
        <f t="shared" si="630"/>
        <v>36.777415331806992</v>
      </c>
    </row>
    <row r="2752" spans="1:20" x14ac:dyDescent="0.2">
      <c r="A2752" s="53">
        <f t="shared" si="631"/>
        <v>2740</v>
      </c>
      <c r="B2752" s="239">
        <v>27.423999999999999</v>
      </c>
      <c r="C2752" s="3">
        <f t="shared" si="632"/>
        <v>27.416999999999998</v>
      </c>
      <c r="D2752" s="239">
        <v>15.9704</v>
      </c>
      <c r="E2752" s="239">
        <v>0.13980000000000001</v>
      </c>
      <c r="F2752" s="239">
        <v>0.2515</v>
      </c>
      <c r="G2752">
        <f t="shared" si="633"/>
        <v>16.020699999999998</v>
      </c>
      <c r="H2752" s="235">
        <f t="shared" si="634"/>
        <v>0.87262104652106354</v>
      </c>
      <c r="I2752" s="236">
        <f t="shared" si="635"/>
        <v>20.121525756385328</v>
      </c>
      <c r="J2752" s="237">
        <f t="shared" si="640"/>
        <v>10.121525756385328</v>
      </c>
      <c r="K2752" s="237">
        <f t="shared" si="636"/>
        <v>551.67187166281644</v>
      </c>
      <c r="L2752" s="237">
        <f t="shared" si="641"/>
        <v>277.57272234311125</v>
      </c>
      <c r="M2752" s="236">
        <f t="shared" si="637"/>
        <v>55.729640858642135</v>
      </c>
      <c r="N2752" s="236">
        <f t="shared" si="638"/>
        <v>0.90374132647612937</v>
      </c>
      <c r="O2752" s="236">
        <f t="shared" si="642"/>
        <v>2.0868537230805857</v>
      </c>
      <c r="P2752" s="236" t="str">
        <f t="shared" si="643"/>
        <v>SAND</v>
      </c>
      <c r="Q2752" s="236" t="e">
        <f t="shared" si="639"/>
        <v>#N/A</v>
      </c>
      <c r="R2752" s="238">
        <v>35</v>
      </c>
      <c r="S2752" s="236" t="e">
        <f t="shared" si="644"/>
        <v>#N/A</v>
      </c>
      <c r="T2752" s="236">
        <f t="shared" si="630"/>
        <v>36.806948687511301</v>
      </c>
    </row>
    <row r="2753" spans="1:20" x14ac:dyDescent="0.2">
      <c r="A2753" s="53">
        <f t="shared" si="631"/>
        <v>2741</v>
      </c>
      <c r="B2753" s="239">
        <v>27.433</v>
      </c>
      <c r="C2753" s="3">
        <f t="shared" si="632"/>
        <v>27.425999999999998</v>
      </c>
      <c r="D2753" s="239">
        <v>16.002800000000001</v>
      </c>
      <c r="E2753" s="239">
        <v>0.1424</v>
      </c>
      <c r="F2753" s="239">
        <v>0.26390000000000002</v>
      </c>
      <c r="G2753">
        <f t="shared" si="633"/>
        <v>16.055579999999999</v>
      </c>
      <c r="H2753" s="235">
        <f t="shared" si="634"/>
        <v>0.88691906489830952</v>
      </c>
      <c r="I2753" s="236">
        <f t="shared" si="635"/>
        <v>20.143983424470843</v>
      </c>
      <c r="J2753" s="237">
        <f t="shared" si="640"/>
        <v>10.143983424470843</v>
      </c>
      <c r="K2753" s="237">
        <f t="shared" si="636"/>
        <v>552.46888939953726</v>
      </c>
      <c r="L2753" s="237">
        <f t="shared" si="641"/>
        <v>278.2798972835086</v>
      </c>
      <c r="M2753" s="236">
        <f t="shared" si="637"/>
        <v>55.710496021946057</v>
      </c>
      <c r="N2753" s="236">
        <f t="shared" si="638"/>
        <v>0.91852531394574133</v>
      </c>
      <c r="O2753" s="236">
        <f t="shared" si="642"/>
        <v>2.0909561836710293</v>
      </c>
      <c r="P2753" s="236" t="str">
        <f t="shared" si="643"/>
        <v>SAND</v>
      </c>
      <c r="Q2753" s="236" t="e">
        <f t="shared" si="639"/>
        <v>#N/A</v>
      </c>
      <c r="R2753" s="238">
        <v>35</v>
      </c>
      <c r="S2753" s="236" t="e">
        <f t="shared" si="644"/>
        <v>#N/A</v>
      </c>
      <c r="T2753" s="236">
        <f t="shared" si="630"/>
        <v>36.80530727769731</v>
      </c>
    </row>
    <row r="2754" spans="1:20" x14ac:dyDescent="0.2">
      <c r="A2754" s="53">
        <f t="shared" si="631"/>
        <v>2742</v>
      </c>
      <c r="B2754" s="239">
        <v>27.443000000000001</v>
      </c>
      <c r="C2754" s="3">
        <f t="shared" si="632"/>
        <v>27.436</v>
      </c>
      <c r="D2754" s="239">
        <v>16.0746</v>
      </c>
      <c r="E2754" s="239">
        <v>0.14530000000000001</v>
      </c>
      <c r="F2754" s="239">
        <v>0.26629999999999998</v>
      </c>
      <c r="G2754">
        <f t="shared" si="633"/>
        <v>16.127860000000002</v>
      </c>
      <c r="H2754" s="235">
        <f t="shared" si="634"/>
        <v>0.90092547926383293</v>
      </c>
      <c r="I2754" s="236">
        <f t="shared" si="635"/>
        <v>20.169379283335665</v>
      </c>
      <c r="J2754" s="237">
        <f t="shared" si="640"/>
        <v>10.169379283335665</v>
      </c>
      <c r="K2754" s="237">
        <f t="shared" si="636"/>
        <v>553.36709001759732</v>
      </c>
      <c r="L2754" s="237">
        <f t="shared" si="641"/>
        <v>279.07827567258067</v>
      </c>
      <c r="M2754" s="236">
        <f t="shared" si="637"/>
        <v>55.806898163061113</v>
      </c>
      <c r="N2754" s="236">
        <f t="shared" si="638"/>
        <v>0.93293567141997014</v>
      </c>
      <c r="O2754" s="236">
        <f t="shared" si="642"/>
        <v>2.0941708892106092</v>
      </c>
      <c r="P2754" s="236" t="str">
        <f t="shared" si="643"/>
        <v>SAND</v>
      </c>
      <c r="Q2754" s="236" t="e">
        <f t="shared" si="639"/>
        <v>#N/A</v>
      </c>
      <c r="R2754" s="238">
        <v>35</v>
      </c>
      <c r="S2754" s="236" t="e">
        <f t="shared" si="644"/>
        <v>#N/A</v>
      </c>
      <c r="T2754" s="236">
        <f t="shared" si="630"/>
        <v>36.813566728437038</v>
      </c>
    </row>
    <row r="2755" spans="1:20" x14ac:dyDescent="0.2">
      <c r="A2755" s="53">
        <f t="shared" si="631"/>
        <v>2743</v>
      </c>
      <c r="B2755" s="239">
        <v>27.452000000000002</v>
      </c>
      <c r="C2755" s="3">
        <f t="shared" si="632"/>
        <v>27.445</v>
      </c>
      <c r="D2755" s="239">
        <v>16.144100000000002</v>
      </c>
      <c r="E2755" s="239">
        <v>0.1497</v>
      </c>
      <c r="F2755" s="239">
        <v>0.26440000000000002</v>
      </c>
      <c r="G2755">
        <f t="shared" si="633"/>
        <v>16.19698</v>
      </c>
      <c r="H2755" s="235">
        <f t="shared" si="634"/>
        <v>0.92424637185450609</v>
      </c>
      <c r="I2755" s="236">
        <f t="shared" si="635"/>
        <v>20.206032556641446</v>
      </c>
      <c r="J2755" s="237">
        <f t="shared" si="640"/>
        <v>10.206032556641446</v>
      </c>
      <c r="K2755" s="237">
        <f t="shared" si="636"/>
        <v>554.55456351702446</v>
      </c>
      <c r="L2755" s="237">
        <f t="shared" si="641"/>
        <v>280.17600574492099</v>
      </c>
      <c r="M2755" s="236">
        <f t="shared" si="637"/>
        <v>55.830710395394163</v>
      </c>
      <c r="N2755" s="236">
        <f t="shared" si="638"/>
        <v>0.95701271268874499</v>
      </c>
      <c r="O2755" s="236">
        <f t="shared" si="642"/>
        <v>2.1003260381272368</v>
      </c>
      <c r="P2755" s="236" t="str">
        <f t="shared" si="643"/>
        <v>SAND</v>
      </c>
      <c r="Q2755" s="236" t="e">
        <f t="shared" si="639"/>
        <v>#N/A</v>
      </c>
      <c r="R2755" s="238">
        <v>35</v>
      </c>
      <c r="S2755" s="236" t="e">
        <f t="shared" si="644"/>
        <v>#N/A</v>
      </c>
      <c r="T2755" s="236">
        <f t="shared" si="630"/>
        <v>36.815604692799383</v>
      </c>
    </row>
    <row r="2756" spans="1:20" x14ac:dyDescent="0.2">
      <c r="A2756" s="53">
        <f t="shared" si="631"/>
        <v>2744</v>
      </c>
      <c r="B2756" s="239">
        <v>27.460999999999999</v>
      </c>
      <c r="C2756" s="3">
        <f t="shared" si="632"/>
        <v>27.453999999999997</v>
      </c>
      <c r="D2756" s="239">
        <v>16.225000000000001</v>
      </c>
      <c r="E2756" s="239">
        <v>0.154</v>
      </c>
      <c r="F2756" s="239">
        <v>0.26319999999999999</v>
      </c>
      <c r="G2756">
        <f t="shared" si="633"/>
        <v>16.277640000000002</v>
      </c>
      <c r="H2756" s="235">
        <f t="shared" si="634"/>
        <v>0.94608309312652195</v>
      </c>
      <c r="I2756" s="236">
        <f t="shared" si="635"/>
        <v>20.241181296006978</v>
      </c>
      <c r="J2756" s="237">
        <f t="shared" si="640"/>
        <v>10.241181296006978</v>
      </c>
      <c r="K2756" s="237">
        <f t="shared" si="636"/>
        <v>555.70139130057555</v>
      </c>
      <c r="L2756" s="237">
        <f t="shared" si="641"/>
        <v>281.2330795696476</v>
      </c>
      <c r="M2756" s="236">
        <f t="shared" si="637"/>
        <v>55.903589409743937</v>
      </c>
      <c r="N2756" s="236">
        <f t="shared" si="638"/>
        <v>0.97952296999040001</v>
      </c>
      <c r="O2756" s="236">
        <f t="shared" si="642"/>
        <v>2.1056520202875837</v>
      </c>
      <c r="P2756" s="236" t="str">
        <f t="shared" si="643"/>
        <v>SAND</v>
      </c>
      <c r="Q2756" s="236" t="e">
        <f t="shared" si="639"/>
        <v>#N/A</v>
      </c>
      <c r="R2756" s="238">
        <v>35</v>
      </c>
      <c r="S2756" s="236" t="e">
        <f t="shared" si="644"/>
        <v>#N/A</v>
      </c>
      <c r="T2756" s="236">
        <f t="shared" si="630"/>
        <v>36.821836629483911</v>
      </c>
    </row>
    <row r="2757" spans="1:20" x14ac:dyDescent="0.2">
      <c r="A2757" s="53">
        <f t="shared" si="631"/>
        <v>2745</v>
      </c>
      <c r="B2757" s="239">
        <v>27.472000000000001</v>
      </c>
      <c r="C2757" s="3">
        <f t="shared" si="632"/>
        <v>27.465</v>
      </c>
      <c r="D2757" s="239">
        <v>16.299800000000001</v>
      </c>
      <c r="E2757" s="239">
        <v>0.15840000000000001</v>
      </c>
      <c r="F2757" s="239">
        <v>0.2676</v>
      </c>
      <c r="G2757">
        <f t="shared" si="633"/>
        <v>16.35332</v>
      </c>
      <c r="H2757" s="235">
        <f t="shared" si="634"/>
        <v>0.96861065520640466</v>
      </c>
      <c r="I2757" s="236">
        <f t="shared" si="635"/>
        <v>20.276027374519103</v>
      </c>
      <c r="J2757" s="237">
        <f t="shared" si="640"/>
        <v>10.276027374519103</v>
      </c>
      <c r="K2757" s="237">
        <f t="shared" si="636"/>
        <v>556.88109184116718</v>
      </c>
      <c r="L2757" s="237">
        <f t="shared" si="641"/>
        <v>282.30302403278881</v>
      </c>
      <c r="M2757" s="236">
        <f t="shared" si="637"/>
        <v>55.955613519478682</v>
      </c>
      <c r="N2757" s="236">
        <f t="shared" si="638"/>
        <v>1.0027576526642767</v>
      </c>
      <c r="O2757" s="236">
        <f t="shared" si="642"/>
        <v>2.1111944692047611</v>
      </c>
      <c r="P2757" s="236" t="str">
        <f t="shared" si="643"/>
        <v>SAND</v>
      </c>
      <c r="Q2757" s="236" t="e">
        <f t="shared" si="639"/>
        <v>#N/A</v>
      </c>
      <c r="R2757" s="238">
        <v>35</v>
      </c>
      <c r="S2757" s="236" t="e">
        <f t="shared" si="644"/>
        <v>#N/A</v>
      </c>
      <c r="T2757" s="236">
        <f t="shared" si="630"/>
        <v>36.826280280663838</v>
      </c>
    </row>
    <row r="2758" spans="1:20" x14ac:dyDescent="0.2">
      <c r="A2758" s="53">
        <f t="shared" si="631"/>
        <v>2746</v>
      </c>
      <c r="B2758" s="239">
        <v>27.481000000000002</v>
      </c>
      <c r="C2758" s="3">
        <f t="shared" si="632"/>
        <v>27.474</v>
      </c>
      <c r="D2758" s="239">
        <v>16.422000000000001</v>
      </c>
      <c r="E2758" s="239">
        <v>0.16300000000000001</v>
      </c>
      <c r="F2758" s="239">
        <v>0.26919999999999999</v>
      </c>
      <c r="G2758">
        <f t="shared" si="633"/>
        <v>16.475840000000002</v>
      </c>
      <c r="H2758" s="235">
        <f t="shared" si="634"/>
        <v>0.98932740303377553</v>
      </c>
      <c r="I2758" s="236">
        <f t="shared" si="635"/>
        <v>20.312512395483239</v>
      </c>
      <c r="J2758" s="237">
        <f t="shared" si="640"/>
        <v>10.312512395483239</v>
      </c>
      <c r="K2758" s="237">
        <f t="shared" si="636"/>
        <v>558.06596555350654</v>
      </c>
      <c r="L2758" s="237">
        <f t="shared" si="641"/>
        <v>283.39815314027493</v>
      </c>
      <c r="M2758" s="236">
        <f t="shared" si="637"/>
        <v>56.167529174290692</v>
      </c>
      <c r="N2758" s="236">
        <f t="shared" si="638"/>
        <v>1.0240125261689454</v>
      </c>
      <c r="O2758" s="236">
        <f t="shared" si="642"/>
        <v>2.11514108771064</v>
      </c>
      <c r="P2758" s="236" t="str">
        <f t="shared" si="643"/>
        <v>SAND</v>
      </c>
      <c r="Q2758" s="236" t="e">
        <f t="shared" si="639"/>
        <v>#N/A</v>
      </c>
      <c r="R2758" s="238">
        <v>35</v>
      </c>
      <c r="S2758" s="236" t="e">
        <f t="shared" si="644"/>
        <v>#N/A</v>
      </c>
      <c r="T2758" s="236">
        <f t="shared" si="630"/>
        <v>36.844338515133472</v>
      </c>
    </row>
    <row r="2759" spans="1:20" x14ac:dyDescent="0.2">
      <c r="A2759" s="53">
        <f t="shared" si="631"/>
        <v>2747</v>
      </c>
      <c r="B2759" s="239">
        <v>27.492000000000001</v>
      </c>
      <c r="C2759" s="3">
        <f t="shared" si="632"/>
        <v>27.484999999999999</v>
      </c>
      <c r="D2759" s="239">
        <v>16.555800000000001</v>
      </c>
      <c r="E2759" s="239">
        <v>0.1678</v>
      </c>
      <c r="F2759" s="239">
        <v>0.26779999999999998</v>
      </c>
      <c r="G2759">
        <f t="shared" si="633"/>
        <v>16.609360000000002</v>
      </c>
      <c r="H2759" s="235">
        <f t="shared" si="634"/>
        <v>1.0102737251766474</v>
      </c>
      <c r="I2759" s="236">
        <f t="shared" si="635"/>
        <v>20.349698945406097</v>
      </c>
      <c r="J2759" s="237">
        <f t="shared" si="640"/>
        <v>10.349698945406097</v>
      </c>
      <c r="K2759" s="237">
        <f t="shared" si="636"/>
        <v>559.31147551448657</v>
      </c>
      <c r="L2759" s="237">
        <f t="shared" si="641"/>
        <v>284.5339234071044</v>
      </c>
      <c r="M2759" s="236">
        <f t="shared" si="637"/>
        <v>56.40820726153445</v>
      </c>
      <c r="N2759" s="236">
        <f t="shared" si="638"/>
        <v>1.0454797052109155</v>
      </c>
      <c r="O2759" s="236">
        <f t="shared" si="642"/>
        <v>2.1188882631666752</v>
      </c>
      <c r="P2759" s="236" t="str">
        <f t="shared" si="643"/>
        <v>SAND</v>
      </c>
      <c r="Q2759" s="236" t="e">
        <f t="shared" si="639"/>
        <v>#N/A</v>
      </c>
      <c r="R2759" s="238">
        <v>35</v>
      </c>
      <c r="S2759" s="236" t="e">
        <f t="shared" si="644"/>
        <v>#N/A</v>
      </c>
      <c r="T2759" s="236">
        <f t="shared" si="630"/>
        <v>36.86476527147417</v>
      </c>
    </row>
    <row r="2760" spans="1:20" x14ac:dyDescent="0.2">
      <c r="A2760" s="53">
        <f t="shared" si="631"/>
        <v>2748</v>
      </c>
      <c r="B2760" s="239">
        <v>27.501000000000001</v>
      </c>
      <c r="C2760" s="3">
        <f t="shared" si="632"/>
        <v>27.494</v>
      </c>
      <c r="D2760" s="239">
        <v>16.749199999999998</v>
      </c>
      <c r="E2760" s="239">
        <v>0.17199999999999999</v>
      </c>
      <c r="F2760" s="239">
        <v>0.26279999999999998</v>
      </c>
      <c r="G2760">
        <f t="shared" si="633"/>
        <v>16.801759999999998</v>
      </c>
      <c r="H2760" s="235">
        <f t="shared" si="634"/>
        <v>1.0237022788088868</v>
      </c>
      <c r="I2760" s="236">
        <f t="shared" si="635"/>
        <v>20.38318916020685</v>
      </c>
      <c r="J2760" s="237">
        <f t="shared" si="640"/>
        <v>10.38318916020685</v>
      </c>
      <c r="K2760" s="237">
        <f t="shared" si="636"/>
        <v>560.41540277072716</v>
      </c>
      <c r="L2760" s="237">
        <f t="shared" si="641"/>
        <v>285.5480850948486</v>
      </c>
      <c r="M2760" s="236">
        <f t="shared" si="637"/>
        <v>56.877792025236282</v>
      </c>
      <c r="N2760" s="236">
        <f t="shared" si="638"/>
        <v>1.0590256180473057</v>
      </c>
      <c r="O2760" s="236">
        <f t="shared" si="642"/>
        <v>2.1192483459982192</v>
      </c>
      <c r="P2760" s="236" t="str">
        <f t="shared" si="643"/>
        <v>SAND</v>
      </c>
      <c r="Q2760" s="236" t="e">
        <f t="shared" si="639"/>
        <v>#N/A</v>
      </c>
      <c r="R2760" s="238">
        <v>35</v>
      </c>
      <c r="S2760" s="236" t="e">
        <f t="shared" si="644"/>
        <v>#N/A</v>
      </c>
      <c r="T2760" s="236">
        <f t="shared" si="630"/>
        <v>36.904370017882741</v>
      </c>
    </row>
    <row r="2761" spans="1:20" x14ac:dyDescent="0.2">
      <c r="A2761" s="53">
        <f t="shared" si="631"/>
        <v>2749</v>
      </c>
      <c r="B2761" s="239">
        <v>27.510999999999999</v>
      </c>
      <c r="C2761" s="3">
        <f t="shared" si="632"/>
        <v>27.503999999999998</v>
      </c>
      <c r="D2761" s="239">
        <v>16.936900000000001</v>
      </c>
      <c r="E2761" s="239">
        <v>0.17560000000000001</v>
      </c>
      <c r="F2761" s="239">
        <v>0.25979999999999998</v>
      </c>
      <c r="G2761">
        <f t="shared" si="633"/>
        <v>16.988860000000003</v>
      </c>
      <c r="H2761" s="235">
        <f t="shared" si="634"/>
        <v>1.0336185005939185</v>
      </c>
      <c r="I2761" s="236">
        <f t="shared" si="635"/>
        <v>20.411807049347345</v>
      </c>
      <c r="J2761" s="237">
        <f t="shared" si="640"/>
        <v>10.411807049347345</v>
      </c>
      <c r="K2761" s="237">
        <f t="shared" si="636"/>
        <v>561.40634108524932</v>
      </c>
      <c r="L2761" s="237">
        <f t="shared" si="641"/>
        <v>286.4392237345948</v>
      </c>
      <c r="M2761" s="236">
        <f t="shared" si="637"/>
        <v>57.350573167786173</v>
      </c>
      <c r="N2761" s="236">
        <f t="shared" si="638"/>
        <v>1.0689422940767599</v>
      </c>
      <c r="O2761" s="236">
        <f t="shared" si="642"/>
        <v>2.1187236099925277</v>
      </c>
      <c r="P2761" s="236" t="str">
        <f t="shared" si="643"/>
        <v>SAND</v>
      </c>
      <c r="Q2761" s="236" t="e">
        <f t="shared" si="639"/>
        <v>#N/A</v>
      </c>
      <c r="R2761" s="238">
        <v>35</v>
      </c>
      <c r="S2761" s="236" t="e">
        <f t="shared" si="644"/>
        <v>#N/A</v>
      </c>
      <c r="T2761" s="236">
        <f t="shared" si="630"/>
        <v>36.943915389091259</v>
      </c>
    </row>
    <row r="2762" spans="1:20" x14ac:dyDescent="0.2">
      <c r="A2762" s="53">
        <f t="shared" si="631"/>
        <v>2750</v>
      </c>
      <c r="B2762" s="239">
        <v>27.521000000000001</v>
      </c>
      <c r="C2762" s="3">
        <f t="shared" si="632"/>
        <v>27.513999999999999</v>
      </c>
      <c r="D2762" s="239">
        <v>17.071999999999999</v>
      </c>
      <c r="E2762" s="239">
        <v>0.17929999999999999</v>
      </c>
      <c r="F2762" s="239">
        <v>0.26150000000000001</v>
      </c>
      <c r="G2762">
        <f t="shared" si="633"/>
        <v>17.124299999999998</v>
      </c>
      <c r="H2762" s="235">
        <f t="shared" si="634"/>
        <v>1.0470500983981827</v>
      </c>
      <c r="I2762" s="236">
        <f t="shared" si="635"/>
        <v>20.439361381056969</v>
      </c>
      <c r="J2762" s="237">
        <f t="shared" si="640"/>
        <v>10.439361381056969</v>
      </c>
      <c r="K2762" s="237">
        <f t="shared" si="636"/>
        <v>562.36858903840141</v>
      </c>
      <c r="L2762" s="237">
        <f t="shared" si="641"/>
        <v>287.30166456806887</v>
      </c>
      <c r="M2762" s="236">
        <f t="shared" si="637"/>
        <v>57.646486092800437</v>
      </c>
      <c r="N2762" s="236">
        <f t="shared" si="638"/>
        <v>1.0826032034001141</v>
      </c>
      <c r="O2762" s="236">
        <f t="shared" si="642"/>
        <v>2.1201770516605705</v>
      </c>
      <c r="P2762" s="236" t="str">
        <f t="shared" si="643"/>
        <v>SAND</v>
      </c>
      <c r="Q2762" s="236" t="e">
        <f t="shared" si="639"/>
        <v>#N/A</v>
      </c>
      <c r="R2762" s="238">
        <v>35</v>
      </c>
      <c r="S2762" s="236" t="e">
        <f t="shared" si="644"/>
        <v>#N/A</v>
      </c>
      <c r="T2762" s="236">
        <f t="shared" si="630"/>
        <v>36.968501234751571</v>
      </c>
    </row>
    <row r="2763" spans="1:20" x14ac:dyDescent="0.2">
      <c r="A2763" s="53">
        <f t="shared" si="631"/>
        <v>2751</v>
      </c>
      <c r="B2763" s="239">
        <v>27.53</v>
      </c>
      <c r="C2763" s="3">
        <f t="shared" si="632"/>
        <v>27.523</v>
      </c>
      <c r="D2763" s="239">
        <v>17.2315</v>
      </c>
      <c r="E2763" s="239">
        <v>0.18229999999999999</v>
      </c>
      <c r="F2763" s="239">
        <v>0.25690000000000002</v>
      </c>
      <c r="G2763">
        <f t="shared" si="633"/>
        <v>17.282880000000002</v>
      </c>
      <c r="H2763" s="235">
        <f t="shared" si="634"/>
        <v>1.0548010516765722</v>
      </c>
      <c r="I2763" s="236">
        <f t="shared" si="635"/>
        <v>20.462421562823714</v>
      </c>
      <c r="J2763" s="237">
        <f t="shared" si="640"/>
        <v>10.462421562823714</v>
      </c>
      <c r="K2763" s="237">
        <f t="shared" si="636"/>
        <v>563.18722867359702</v>
      </c>
      <c r="L2763" s="237">
        <f t="shared" si="641"/>
        <v>288.03046562453687</v>
      </c>
      <c r="M2763" s="236">
        <f t="shared" si="637"/>
        <v>58.048348236611261</v>
      </c>
      <c r="N2763" s="236">
        <f t="shared" si="638"/>
        <v>1.0903310395310439</v>
      </c>
      <c r="O2763" s="236">
        <f t="shared" si="642"/>
        <v>2.119576865404929</v>
      </c>
      <c r="P2763" s="236" t="str">
        <f t="shared" si="643"/>
        <v>SAND</v>
      </c>
      <c r="Q2763" s="236" t="e">
        <f t="shared" si="639"/>
        <v>#N/A</v>
      </c>
      <c r="R2763" s="238">
        <v>35</v>
      </c>
      <c r="S2763" s="236" t="e">
        <f t="shared" si="644"/>
        <v>#N/A</v>
      </c>
      <c r="T2763" s="236">
        <f t="shared" si="630"/>
        <v>37.001688530604454</v>
      </c>
    </row>
    <row r="2764" spans="1:20" x14ac:dyDescent="0.2">
      <c r="A2764" s="53">
        <f t="shared" si="631"/>
        <v>2752</v>
      </c>
      <c r="B2764" s="239">
        <v>27.54</v>
      </c>
      <c r="C2764" s="3">
        <f t="shared" si="632"/>
        <v>27.532999999999998</v>
      </c>
      <c r="D2764" s="239">
        <v>17.3352</v>
      </c>
      <c r="E2764" s="239">
        <v>0.18609999999999999</v>
      </c>
      <c r="F2764" s="239">
        <v>0.26</v>
      </c>
      <c r="G2764">
        <f t="shared" si="633"/>
        <v>17.3872</v>
      </c>
      <c r="H2764" s="235">
        <f t="shared" si="634"/>
        <v>1.0703275973129658</v>
      </c>
      <c r="I2764" s="236">
        <f t="shared" si="635"/>
        <v>20.48896494658041</v>
      </c>
      <c r="J2764" s="237">
        <f t="shared" si="640"/>
        <v>10.48896494658041</v>
      </c>
      <c r="K2764" s="237">
        <f t="shared" si="636"/>
        <v>564.12267187419843</v>
      </c>
      <c r="L2764" s="237">
        <f t="shared" si="641"/>
        <v>288.8660946288245</v>
      </c>
      <c r="M2764" s="236">
        <f t="shared" si="637"/>
        <v>58.238324403362185</v>
      </c>
      <c r="N2764" s="236">
        <f t="shared" si="638"/>
        <v>1.1062185376088547</v>
      </c>
      <c r="O2764" s="236">
        <f t="shared" si="642"/>
        <v>2.1221702792117343</v>
      </c>
      <c r="P2764" s="236" t="str">
        <f t="shared" si="643"/>
        <v>SAND</v>
      </c>
      <c r="Q2764" s="236" t="e">
        <f t="shared" si="639"/>
        <v>#N/A</v>
      </c>
      <c r="R2764" s="238">
        <v>35</v>
      </c>
      <c r="S2764" s="236" t="e">
        <f t="shared" si="644"/>
        <v>#N/A</v>
      </c>
      <c r="T2764" s="236">
        <f t="shared" si="630"/>
        <v>37.017297583591343</v>
      </c>
    </row>
    <row r="2765" spans="1:20" x14ac:dyDescent="0.2">
      <c r="A2765" s="53">
        <f t="shared" si="631"/>
        <v>2753</v>
      </c>
      <c r="B2765" s="239">
        <v>27.55</v>
      </c>
      <c r="C2765" s="3">
        <f t="shared" si="632"/>
        <v>27.542999999999999</v>
      </c>
      <c r="D2765" s="239">
        <v>17.488099999999999</v>
      </c>
      <c r="E2765" s="239">
        <v>0.18840000000000001</v>
      </c>
      <c r="F2765" s="239">
        <v>0.25409999999999999</v>
      </c>
      <c r="G2765">
        <f t="shared" si="633"/>
        <v>17.538920000000001</v>
      </c>
      <c r="H2765" s="235">
        <f t="shared" si="634"/>
        <v>1.0741824468097236</v>
      </c>
      <c r="I2765" s="236">
        <f t="shared" si="635"/>
        <v>20.506764042655846</v>
      </c>
      <c r="J2765" s="237">
        <f t="shared" si="640"/>
        <v>10.506764042655846</v>
      </c>
      <c r="K2765" s="237">
        <f t="shared" si="636"/>
        <v>564.81780202686991</v>
      </c>
      <c r="L2765" s="237">
        <f t="shared" si="641"/>
        <v>289.46134937516854</v>
      </c>
      <c r="M2765" s="236">
        <f t="shared" si="637"/>
        <v>58.640306329717035</v>
      </c>
      <c r="N2765" s="236">
        <f t="shared" si="638"/>
        <v>1.1099261557556592</v>
      </c>
      <c r="O2765" s="236">
        <f t="shared" si="642"/>
        <v>2.1206379214735431</v>
      </c>
      <c r="P2765" s="236" t="str">
        <f t="shared" si="643"/>
        <v>SAND</v>
      </c>
      <c r="Q2765" s="236" t="e">
        <f t="shared" si="639"/>
        <v>#N/A</v>
      </c>
      <c r="R2765" s="238">
        <v>35</v>
      </c>
      <c r="S2765" s="236" t="e">
        <f t="shared" si="644"/>
        <v>#N/A</v>
      </c>
      <c r="T2765" s="236">
        <f t="shared" ref="T2765:T2828" si="645">IF(P2765="SAND",17.6+(11*LOG(M2765)),#N/A)</f>
        <v>37.05015853373699</v>
      </c>
    </row>
    <row r="2766" spans="1:20" x14ac:dyDescent="0.2">
      <c r="A2766" s="53">
        <f t="shared" ref="A2766:A2829" si="646">$A2765+1</f>
        <v>2754</v>
      </c>
      <c r="B2766" s="239">
        <v>27.561</v>
      </c>
      <c r="C2766" s="3">
        <f t="shared" ref="C2766:C2829" si="647">MAX($B2766 - $B$13, 0.001)</f>
        <v>27.553999999999998</v>
      </c>
      <c r="D2766" s="239">
        <v>17.706</v>
      </c>
      <c r="E2766" s="239">
        <v>0.19070000000000001</v>
      </c>
      <c r="F2766" s="239">
        <v>0.25180000000000002</v>
      </c>
      <c r="G2766">
        <f t="shared" si="633"/>
        <v>17.756360000000001</v>
      </c>
      <c r="H2766" s="235">
        <f t="shared" si="634"/>
        <v>1.0739813790664303</v>
      </c>
      <c r="I2766" s="236">
        <f t="shared" si="635"/>
        <v>20.525808472969082</v>
      </c>
      <c r="J2766" s="237">
        <f t="shared" si="640"/>
        <v>10.525808472969082</v>
      </c>
      <c r="K2766" s="237">
        <f t="shared" si="636"/>
        <v>565.56812666419</v>
      </c>
      <c r="L2766" s="237">
        <f t="shared" si="641"/>
        <v>290.10180732350085</v>
      </c>
      <c r="M2766" s="236">
        <f t="shared" si="637"/>
        <v>59.257789642674872</v>
      </c>
      <c r="N2766" s="236">
        <f t="shared" si="638"/>
        <v>1.1093148087947586</v>
      </c>
      <c r="O2766" s="236">
        <f t="shared" si="642"/>
        <v>2.1168459292918458</v>
      </c>
      <c r="P2766" s="236" t="str">
        <f t="shared" si="643"/>
        <v>SAND</v>
      </c>
      <c r="Q2766" s="236" t="e">
        <f t="shared" si="639"/>
        <v>#N/A</v>
      </c>
      <c r="R2766" s="238">
        <v>35</v>
      </c>
      <c r="S2766" s="236" t="e">
        <f t="shared" si="644"/>
        <v>#N/A</v>
      </c>
      <c r="T2766" s="236">
        <f t="shared" si="645"/>
        <v>37.100199927514211</v>
      </c>
    </row>
    <row r="2767" spans="1:20" x14ac:dyDescent="0.2">
      <c r="A2767" s="53">
        <f t="shared" si="646"/>
        <v>2755</v>
      </c>
      <c r="B2767" s="239">
        <v>27.571000000000002</v>
      </c>
      <c r="C2767" s="3">
        <f t="shared" si="647"/>
        <v>27.564</v>
      </c>
      <c r="D2767" s="239">
        <v>17.879100000000001</v>
      </c>
      <c r="E2767" s="239">
        <v>0.1928</v>
      </c>
      <c r="F2767" s="239">
        <v>0.255</v>
      </c>
      <c r="G2767">
        <f t="shared" ref="G2767:G2830" si="648">$D2767+($F2767*(1-$P$8))</f>
        <v>17.930099999999999</v>
      </c>
      <c r="H2767" s="235">
        <f t="shared" ref="H2767:H2830" si="649">($E2767/$G2767)*100</f>
        <v>1.0752868082163514</v>
      </c>
      <c r="I2767" s="236">
        <f t="shared" ref="I2767:I2830" si="650">((0.27*(LOG($H2767)))+(0.36*(LOG(($G2767*1000)/101)))+1.236)*10</f>
        <v>20.542456474762758</v>
      </c>
      <c r="J2767" s="237">
        <f t="shared" si="640"/>
        <v>10.542456474762758</v>
      </c>
      <c r="K2767" s="237">
        <f t="shared" ref="K2767:K2830" si="651">$I2767*$C2767</f>
        <v>566.23227027036069</v>
      </c>
      <c r="L2767" s="237">
        <f t="shared" si="641"/>
        <v>290.66606746568402</v>
      </c>
      <c r="M2767" s="236">
        <f t="shared" ref="M2767:M2830" si="652">(($G2767*1000)-$K2767)/$L2767</f>
        <v>59.738200200405615</v>
      </c>
      <c r="N2767" s="236">
        <f t="shared" ref="N2767:N2830" si="653">(($E2767*1000)/(($G2767*1000)-$K2767))*100</f>
        <v>1.1103516969891247</v>
      </c>
      <c r="O2767" s="236">
        <f t="shared" si="642"/>
        <v>2.1142781898743515</v>
      </c>
      <c r="P2767" s="236" t="str">
        <f t="shared" si="643"/>
        <v>SAND</v>
      </c>
      <c r="Q2767" s="236" t="e">
        <f t="shared" ref="Q2767:Q2830" si="654">IF(P2767="CLAY",($G2767*1000 -$K2767)/$L$8,#N/A)</f>
        <v>#N/A</v>
      </c>
      <c r="R2767" s="238">
        <v>35</v>
      </c>
      <c r="S2767" s="236" t="e">
        <f t="shared" si="644"/>
        <v>#N/A</v>
      </c>
      <c r="T2767" s="236">
        <f t="shared" si="645"/>
        <v>37.138773473883973</v>
      </c>
    </row>
    <row r="2768" spans="1:20" x14ac:dyDescent="0.2">
      <c r="A2768" s="53">
        <f t="shared" si="646"/>
        <v>2756</v>
      </c>
      <c r="B2768" s="239">
        <v>27.581</v>
      </c>
      <c r="C2768" s="3">
        <f t="shared" si="647"/>
        <v>27.573999999999998</v>
      </c>
      <c r="D2768" s="239">
        <v>18.119800000000001</v>
      </c>
      <c r="E2768" s="239">
        <v>0.1951</v>
      </c>
      <c r="F2768" s="239">
        <v>0.25019999999999998</v>
      </c>
      <c r="G2768">
        <f t="shared" si="648"/>
        <v>18.169840000000001</v>
      </c>
      <c r="H2768" s="235">
        <f t="shared" si="649"/>
        <v>1.073757391369434</v>
      </c>
      <c r="I2768" s="236">
        <f t="shared" si="650"/>
        <v>20.561553674460264</v>
      </c>
      <c r="J2768" s="237">
        <f t="shared" ref="J2768:J2831" si="655">$I2768-10</f>
        <v>10.561553674460264</v>
      </c>
      <c r="K2768" s="237">
        <f t="shared" si="651"/>
        <v>566.96428101956724</v>
      </c>
      <c r="L2768" s="237">
        <f t="shared" ref="L2768:L2831" si="656">$J2768*$B2768</f>
        <v>291.29821189528855</v>
      </c>
      <c r="M2768" s="236">
        <f t="shared" si="652"/>
        <v>60.429055174935471</v>
      </c>
      <c r="N2768" s="236">
        <f t="shared" si="653"/>
        <v>1.1083416318711603</v>
      </c>
      <c r="O2768" s="236">
        <f t="shared" ref="O2768:O2831" si="657">((3.47-LOG($M2768))^2+(LOG($N2768)+1.22)^2)^0.5</f>
        <v>2.1098080877346956</v>
      </c>
      <c r="P2768" s="236" t="str">
        <f t="shared" ref="P2768:P2831" si="658">IF(O2768&lt;2.6,"SAND","CLAY")</f>
        <v>SAND</v>
      </c>
      <c r="Q2768" s="236" t="e">
        <f t="shared" si="654"/>
        <v>#N/A</v>
      </c>
      <c r="R2768" s="238">
        <v>35</v>
      </c>
      <c r="S2768" s="236" t="e">
        <f t="shared" ref="S2768:S2831" si="659">IF(P2768="SAND",#N/A,0.25*($M2768)^1.25)</f>
        <v>#N/A</v>
      </c>
      <c r="T2768" s="236">
        <f t="shared" si="645"/>
        <v>37.193703843853385</v>
      </c>
    </row>
    <row r="2769" spans="1:20" x14ac:dyDescent="0.2">
      <c r="A2769" s="53">
        <f t="shared" si="646"/>
        <v>2757</v>
      </c>
      <c r="B2769" s="239">
        <v>27.591000000000001</v>
      </c>
      <c r="C2769" s="3">
        <f t="shared" si="647"/>
        <v>27.584</v>
      </c>
      <c r="D2769" s="239">
        <v>18.2439</v>
      </c>
      <c r="E2769" s="239">
        <v>0.19620000000000001</v>
      </c>
      <c r="F2769" s="239">
        <v>0.24890000000000001</v>
      </c>
      <c r="G2769">
        <f t="shared" si="648"/>
        <v>18.293679999999998</v>
      </c>
      <c r="H2769" s="235">
        <f t="shared" si="649"/>
        <v>1.0725015415159773</v>
      </c>
      <c r="I2769" s="236">
        <f t="shared" si="650"/>
        <v>20.570801332775368</v>
      </c>
      <c r="J2769" s="237">
        <f t="shared" si="655"/>
        <v>10.570801332775368</v>
      </c>
      <c r="K2769" s="237">
        <f t="shared" si="651"/>
        <v>567.42498396327574</v>
      </c>
      <c r="L2769" s="237">
        <f t="shared" si="656"/>
        <v>291.65897957260518</v>
      </c>
      <c r="M2769" s="236">
        <f t="shared" si="652"/>
        <v>60.77733331582192</v>
      </c>
      <c r="N2769" s="236">
        <f t="shared" si="653"/>
        <v>1.1068327733212702</v>
      </c>
      <c r="O2769" s="236">
        <f t="shared" si="657"/>
        <v>2.1074559501552499</v>
      </c>
      <c r="P2769" s="236" t="str">
        <f t="shared" si="658"/>
        <v>SAND</v>
      </c>
      <c r="Q2769" s="236" t="e">
        <f t="shared" si="654"/>
        <v>#N/A</v>
      </c>
      <c r="R2769" s="238">
        <v>35</v>
      </c>
      <c r="S2769" s="236" t="e">
        <f t="shared" si="659"/>
        <v>#N/A</v>
      </c>
      <c r="T2769" s="236">
        <f t="shared" si="645"/>
        <v>37.221158050222769</v>
      </c>
    </row>
    <row r="2770" spans="1:20" x14ac:dyDescent="0.2">
      <c r="A2770" s="53">
        <f t="shared" si="646"/>
        <v>2758</v>
      </c>
      <c r="B2770" s="239">
        <v>27.600999999999999</v>
      </c>
      <c r="C2770" s="3">
        <f t="shared" si="647"/>
        <v>27.593999999999998</v>
      </c>
      <c r="D2770" s="239">
        <v>18.331</v>
      </c>
      <c r="E2770" s="239">
        <v>0.19700000000000001</v>
      </c>
      <c r="F2770" s="239">
        <v>0.2472</v>
      </c>
      <c r="G2770">
        <f t="shared" si="648"/>
        <v>18.38044</v>
      </c>
      <c r="H2770" s="235">
        <f t="shared" si="649"/>
        <v>1.0717915349142892</v>
      </c>
      <c r="I2770" s="236">
        <f t="shared" si="650"/>
        <v>20.577422178195008</v>
      </c>
      <c r="J2770" s="237">
        <f t="shared" si="655"/>
        <v>10.577422178195008</v>
      </c>
      <c r="K2770" s="237">
        <f t="shared" si="651"/>
        <v>567.81338758511299</v>
      </c>
      <c r="L2770" s="237">
        <f t="shared" si="656"/>
        <v>291.94742954036042</v>
      </c>
      <c r="M2770" s="236">
        <f t="shared" si="652"/>
        <v>61.013130481946476</v>
      </c>
      <c r="N2770" s="236">
        <f t="shared" si="653"/>
        <v>1.1059570510656562</v>
      </c>
      <c r="O2770" s="236">
        <f t="shared" si="657"/>
        <v>2.1059043245087397</v>
      </c>
      <c r="P2770" s="236" t="str">
        <f t="shared" si="658"/>
        <v>SAND</v>
      </c>
      <c r="Q2770" s="236" t="e">
        <f t="shared" si="654"/>
        <v>#N/A</v>
      </c>
      <c r="R2770" s="238">
        <v>35</v>
      </c>
      <c r="S2770" s="236" t="e">
        <f t="shared" si="659"/>
        <v>#N/A</v>
      </c>
      <c r="T2770" s="236">
        <f t="shared" si="645"/>
        <v>37.239656393384045</v>
      </c>
    </row>
    <row r="2771" spans="1:20" x14ac:dyDescent="0.2">
      <c r="A2771" s="53">
        <f t="shared" si="646"/>
        <v>2759</v>
      </c>
      <c r="B2771" s="239">
        <v>27.611000000000001</v>
      </c>
      <c r="C2771" s="3">
        <f t="shared" si="647"/>
        <v>27.603999999999999</v>
      </c>
      <c r="D2771" s="239">
        <v>18.3445</v>
      </c>
      <c r="E2771" s="239">
        <v>0.19850000000000001</v>
      </c>
      <c r="F2771" s="239">
        <v>0.25609999999999999</v>
      </c>
      <c r="G2771">
        <f t="shared" si="648"/>
        <v>18.395720000000001</v>
      </c>
      <c r="H2771" s="235">
        <f t="shared" si="649"/>
        <v>1.079055345482536</v>
      </c>
      <c r="I2771" s="236">
        <f t="shared" si="650"/>
        <v>20.586641545877193</v>
      </c>
      <c r="J2771" s="237">
        <f t="shared" si="655"/>
        <v>10.586641545877193</v>
      </c>
      <c r="K2771" s="237">
        <f t="shared" si="651"/>
        <v>568.27365323239405</v>
      </c>
      <c r="L2771" s="237">
        <f t="shared" si="656"/>
        <v>292.30775972321516</v>
      </c>
      <c r="M2771" s="236">
        <f t="shared" si="652"/>
        <v>60.988618173011666</v>
      </c>
      <c r="N2771" s="236">
        <f t="shared" si="653"/>
        <v>1.1134516752366563</v>
      </c>
      <c r="O2771" s="236">
        <f t="shared" si="657"/>
        <v>2.1078052554005193</v>
      </c>
      <c r="P2771" s="236" t="str">
        <f t="shared" si="658"/>
        <v>SAND</v>
      </c>
      <c r="Q2771" s="236" t="e">
        <f t="shared" si="654"/>
        <v>#N/A</v>
      </c>
      <c r="R2771" s="238">
        <v>35</v>
      </c>
      <c r="S2771" s="236" t="e">
        <f t="shared" si="659"/>
        <v>#N/A</v>
      </c>
      <c r="T2771" s="236">
        <f t="shared" si="645"/>
        <v>37.237736729633866</v>
      </c>
    </row>
    <row r="2772" spans="1:20" x14ac:dyDescent="0.2">
      <c r="A2772" s="53">
        <f t="shared" si="646"/>
        <v>2760</v>
      </c>
      <c r="B2772" s="239">
        <v>27.622</v>
      </c>
      <c r="C2772" s="3">
        <f t="shared" si="647"/>
        <v>27.614999999999998</v>
      </c>
      <c r="D2772" s="239">
        <v>18.265599999999999</v>
      </c>
      <c r="E2772" s="239">
        <v>0.19969999999999999</v>
      </c>
      <c r="F2772" s="239">
        <v>0.25230000000000002</v>
      </c>
      <c r="G2772">
        <f t="shared" si="648"/>
        <v>18.31606</v>
      </c>
      <c r="H2772" s="235">
        <f t="shared" si="649"/>
        <v>1.090299988097877</v>
      </c>
      <c r="I2772" s="236">
        <f t="shared" si="650"/>
        <v>20.592012681306603</v>
      </c>
      <c r="J2772" s="237">
        <f t="shared" si="655"/>
        <v>10.592012681306603</v>
      </c>
      <c r="K2772" s="237">
        <f t="shared" si="651"/>
        <v>568.64843019428179</v>
      </c>
      <c r="L2772" s="237">
        <f t="shared" si="656"/>
        <v>292.57257428305098</v>
      </c>
      <c r="M2772" s="236">
        <f t="shared" si="652"/>
        <v>60.659860594574695</v>
      </c>
      <c r="N2772" s="236">
        <f t="shared" si="653"/>
        <v>1.1252345121682783</v>
      </c>
      <c r="O2772" s="236">
        <f t="shared" si="657"/>
        <v>2.1124300074397477</v>
      </c>
      <c r="P2772" s="236" t="str">
        <f t="shared" si="658"/>
        <v>SAND</v>
      </c>
      <c r="Q2772" s="236" t="e">
        <f t="shared" si="654"/>
        <v>#N/A</v>
      </c>
      <c r="R2772" s="238">
        <v>35</v>
      </c>
      <c r="S2772" s="236" t="e">
        <f t="shared" si="659"/>
        <v>#N/A</v>
      </c>
      <c r="T2772" s="236">
        <f t="shared" si="645"/>
        <v>37.211915486923829</v>
      </c>
    </row>
    <row r="2773" spans="1:20" x14ac:dyDescent="0.2">
      <c r="A2773" s="53">
        <f t="shared" si="646"/>
        <v>2761</v>
      </c>
      <c r="B2773" s="239">
        <v>27.632999999999999</v>
      </c>
      <c r="C2773" s="3">
        <f t="shared" si="647"/>
        <v>27.625999999999998</v>
      </c>
      <c r="D2773" s="239">
        <v>18.092600000000001</v>
      </c>
      <c r="E2773" s="239">
        <v>0.20039999999999999</v>
      </c>
      <c r="F2773" s="239">
        <v>0.25169999999999998</v>
      </c>
      <c r="G2773">
        <f t="shared" si="648"/>
        <v>18.142939999999999</v>
      </c>
      <c r="H2773" s="235">
        <f t="shared" si="649"/>
        <v>1.104561884678007</v>
      </c>
      <c r="I2773" s="236">
        <f t="shared" si="650"/>
        <v>20.592403788705912</v>
      </c>
      <c r="J2773" s="237">
        <f t="shared" si="655"/>
        <v>10.592403788705912</v>
      </c>
      <c r="K2773" s="237">
        <f t="shared" si="651"/>
        <v>568.88574706678946</v>
      </c>
      <c r="L2773" s="237">
        <f t="shared" si="656"/>
        <v>292.69989389331045</v>
      </c>
      <c r="M2773" s="236">
        <f t="shared" si="652"/>
        <v>60.041204727388724</v>
      </c>
      <c r="N2773" s="236">
        <f t="shared" si="653"/>
        <v>1.1403174083552867</v>
      </c>
      <c r="O2773" s="236">
        <f t="shared" si="657"/>
        <v>2.1194664935557102</v>
      </c>
      <c r="P2773" s="236" t="str">
        <f t="shared" si="658"/>
        <v>SAND</v>
      </c>
      <c r="Q2773" s="236" t="e">
        <f t="shared" si="654"/>
        <v>#N/A</v>
      </c>
      <c r="R2773" s="238">
        <v>35</v>
      </c>
      <c r="S2773" s="236" t="e">
        <f t="shared" si="659"/>
        <v>#N/A</v>
      </c>
      <c r="T2773" s="236">
        <f t="shared" si="645"/>
        <v>37.162943375600818</v>
      </c>
    </row>
    <row r="2774" spans="1:20" x14ac:dyDescent="0.2">
      <c r="A2774" s="53">
        <f t="shared" si="646"/>
        <v>2762</v>
      </c>
      <c r="B2774" s="239">
        <v>27.641999999999999</v>
      </c>
      <c r="C2774" s="3">
        <f t="shared" si="647"/>
        <v>27.634999999999998</v>
      </c>
      <c r="D2774" s="239">
        <v>17.836500000000001</v>
      </c>
      <c r="E2774" s="239">
        <v>0.20100000000000001</v>
      </c>
      <c r="F2774" s="239">
        <v>0.24360000000000001</v>
      </c>
      <c r="G2774">
        <f t="shared" si="648"/>
        <v>17.88522</v>
      </c>
      <c r="H2774" s="235">
        <f t="shared" si="649"/>
        <v>1.1238329749368474</v>
      </c>
      <c r="I2774" s="236">
        <f t="shared" si="650"/>
        <v>20.590317267381529</v>
      </c>
      <c r="J2774" s="237">
        <f t="shared" si="655"/>
        <v>10.590317267381529</v>
      </c>
      <c r="K2774" s="237">
        <f t="shared" si="651"/>
        <v>569.01341768408849</v>
      </c>
      <c r="L2774" s="237">
        <f t="shared" si="656"/>
        <v>292.73754990496025</v>
      </c>
      <c r="M2774" s="236">
        <f t="shared" si="652"/>
        <v>59.152666229316218</v>
      </c>
      <c r="N2774" s="236">
        <f t="shared" si="653"/>
        <v>1.1607623127184807</v>
      </c>
      <c r="O2774" s="236">
        <f t="shared" si="657"/>
        <v>2.1292854526173981</v>
      </c>
      <c r="P2774" s="236" t="str">
        <f t="shared" si="658"/>
        <v>SAND</v>
      </c>
      <c r="Q2774" s="236" t="e">
        <f t="shared" si="654"/>
        <v>#N/A</v>
      </c>
      <c r="R2774" s="238">
        <v>35</v>
      </c>
      <c r="S2774" s="236" t="e">
        <f t="shared" si="659"/>
        <v>#N/A</v>
      </c>
      <c r="T2774" s="236">
        <f t="shared" si="645"/>
        <v>37.091717571290062</v>
      </c>
    </row>
    <row r="2775" spans="1:20" x14ac:dyDescent="0.2">
      <c r="A2775" s="53">
        <f t="shared" si="646"/>
        <v>2763</v>
      </c>
      <c r="B2775" s="239">
        <v>27.652999999999999</v>
      </c>
      <c r="C2775" s="3">
        <f t="shared" si="647"/>
        <v>27.645999999999997</v>
      </c>
      <c r="D2775" s="239">
        <v>17.516400000000001</v>
      </c>
      <c r="E2775" s="239">
        <v>0.20280000000000001</v>
      </c>
      <c r="F2775" s="239">
        <v>0.25719999999999998</v>
      </c>
      <c r="G2775">
        <f t="shared" si="648"/>
        <v>17.56784</v>
      </c>
      <c r="H2775" s="235">
        <f t="shared" si="649"/>
        <v>1.1543820981976156</v>
      </c>
      <c r="I2775" s="236">
        <f t="shared" si="650"/>
        <v>20.593773051853944</v>
      </c>
      <c r="J2775" s="237">
        <f t="shared" si="655"/>
        <v>10.593773051853944</v>
      </c>
      <c r="K2775" s="237">
        <f t="shared" si="651"/>
        <v>569.33544979155408</v>
      </c>
      <c r="L2775" s="237">
        <f t="shared" si="656"/>
        <v>292.9496062029171</v>
      </c>
      <c r="M2775" s="236">
        <f t="shared" si="652"/>
        <v>58.025353816089826</v>
      </c>
      <c r="N2775" s="236">
        <f t="shared" si="653"/>
        <v>1.1930461259164893</v>
      </c>
      <c r="O2775" s="236">
        <f t="shared" si="657"/>
        <v>2.1431426005572725</v>
      </c>
      <c r="P2775" s="236" t="str">
        <f t="shared" si="658"/>
        <v>SAND</v>
      </c>
      <c r="Q2775" s="236" t="e">
        <f t="shared" si="654"/>
        <v>#N/A</v>
      </c>
      <c r="R2775" s="238">
        <v>35</v>
      </c>
      <c r="S2775" s="236" t="e">
        <f t="shared" si="659"/>
        <v>#N/A</v>
      </c>
      <c r="T2775" s="236">
        <f t="shared" si="645"/>
        <v>36.999795770247687</v>
      </c>
    </row>
    <row r="2776" spans="1:20" x14ac:dyDescent="0.2">
      <c r="A2776" s="53">
        <f t="shared" si="646"/>
        <v>2764</v>
      </c>
      <c r="B2776" s="239">
        <v>27.663</v>
      </c>
      <c r="C2776" s="3">
        <f t="shared" si="647"/>
        <v>27.655999999999999</v>
      </c>
      <c r="D2776" s="239">
        <v>17.167999999999999</v>
      </c>
      <c r="E2776" s="239">
        <v>0.2051</v>
      </c>
      <c r="F2776" s="239">
        <v>0.2515</v>
      </c>
      <c r="G2776">
        <f t="shared" si="648"/>
        <v>17.218299999999999</v>
      </c>
      <c r="H2776" s="235">
        <f t="shared" si="649"/>
        <v>1.1911745061939913</v>
      </c>
      <c r="I2776" s="236">
        <f t="shared" si="650"/>
        <v>20.599141580737736</v>
      </c>
      <c r="J2776" s="237">
        <f t="shared" si="655"/>
        <v>10.599141580737736</v>
      </c>
      <c r="K2776" s="237">
        <f t="shared" si="651"/>
        <v>569.68985955688277</v>
      </c>
      <c r="L2776" s="237">
        <f t="shared" si="656"/>
        <v>293.20405354794804</v>
      </c>
      <c r="M2776" s="236">
        <f t="shared" si="652"/>
        <v>56.781650659275584</v>
      </c>
      <c r="N2776" s="236">
        <f t="shared" si="653"/>
        <v>1.2319346676379141</v>
      </c>
      <c r="O2776" s="236">
        <f t="shared" si="657"/>
        <v>2.1590697533191077</v>
      </c>
      <c r="P2776" s="236" t="str">
        <f t="shared" si="658"/>
        <v>SAND</v>
      </c>
      <c r="Q2776" s="236" t="e">
        <f t="shared" si="654"/>
        <v>#N/A</v>
      </c>
      <c r="R2776" s="238">
        <v>35</v>
      </c>
      <c r="S2776" s="236" t="e">
        <f t="shared" si="659"/>
        <v>#N/A</v>
      </c>
      <c r="T2776" s="236">
        <f t="shared" si="645"/>
        <v>36.896288147857589</v>
      </c>
    </row>
    <row r="2777" spans="1:20" x14ac:dyDescent="0.2">
      <c r="A2777" s="53">
        <f t="shared" si="646"/>
        <v>2765</v>
      </c>
      <c r="B2777" s="239">
        <v>27.673999999999999</v>
      </c>
      <c r="C2777" s="3">
        <f t="shared" si="647"/>
        <v>27.666999999999998</v>
      </c>
      <c r="D2777" s="239">
        <v>16.825600000000001</v>
      </c>
      <c r="E2777" s="239">
        <v>0.2077</v>
      </c>
      <c r="F2777" s="239">
        <v>0.25509999999999999</v>
      </c>
      <c r="G2777">
        <f t="shared" si="648"/>
        <v>16.876620000000003</v>
      </c>
      <c r="H2777" s="235">
        <f t="shared" si="649"/>
        <v>1.2306966679346929</v>
      </c>
      <c r="I2777" s="236">
        <f t="shared" si="650"/>
        <v>20.606078519622258</v>
      </c>
      <c r="J2777" s="237">
        <f t="shared" si="655"/>
        <v>10.606078519622258</v>
      </c>
      <c r="K2777" s="237">
        <f t="shared" si="651"/>
        <v>570.10837440238902</v>
      </c>
      <c r="L2777" s="237">
        <f t="shared" si="656"/>
        <v>293.51261695202635</v>
      </c>
      <c r="M2777" s="236">
        <f t="shared" si="652"/>
        <v>55.556424779732239</v>
      </c>
      <c r="N2777" s="236">
        <f t="shared" si="653"/>
        <v>1.2737242935144815</v>
      </c>
      <c r="O2777" s="236">
        <f t="shared" si="657"/>
        <v>2.1754003474000223</v>
      </c>
      <c r="P2777" s="236" t="str">
        <f t="shared" si="658"/>
        <v>SAND</v>
      </c>
      <c r="Q2777" s="236" t="e">
        <f t="shared" si="654"/>
        <v>#N/A</v>
      </c>
      <c r="R2777" s="238">
        <v>35</v>
      </c>
      <c r="S2777" s="236" t="e">
        <f t="shared" si="659"/>
        <v>#N/A</v>
      </c>
      <c r="T2777" s="236">
        <f t="shared" si="645"/>
        <v>36.792077188133078</v>
      </c>
    </row>
    <row r="2778" spans="1:20" x14ac:dyDescent="0.2">
      <c r="A2778" s="53">
        <f t="shared" si="646"/>
        <v>2766</v>
      </c>
      <c r="B2778" s="239">
        <v>27.684000000000001</v>
      </c>
      <c r="C2778" s="3">
        <f t="shared" si="647"/>
        <v>27.677</v>
      </c>
      <c r="D2778" s="239">
        <v>16.532499999999999</v>
      </c>
      <c r="E2778" s="239">
        <v>0.2089</v>
      </c>
      <c r="F2778" s="239">
        <v>0.25419999999999998</v>
      </c>
      <c r="G2778">
        <f t="shared" si="648"/>
        <v>16.58334</v>
      </c>
      <c r="H2778" s="235">
        <f t="shared" si="649"/>
        <v>1.2596979860510609</v>
      </c>
      <c r="I2778" s="236">
        <f t="shared" si="650"/>
        <v>20.605981646786834</v>
      </c>
      <c r="J2778" s="237">
        <f t="shared" si="655"/>
        <v>10.605981646786834</v>
      </c>
      <c r="K2778" s="237">
        <f t="shared" si="651"/>
        <v>570.31175403811915</v>
      </c>
      <c r="L2778" s="237">
        <f t="shared" si="656"/>
        <v>293.6159959096467</v>
      </c>
      <c r="M2778" s="236">
        <f t="shared" si="652"/>
        <v>54.537315640287893</v>
      </c>
      <c r="N2778" s="236">
        <f t="shared" si="653"/>
        <v>1.3045627397346271</v>
      </c>
      <c r="O2778" s="236">
        <f t="shared" si="657"/>
        <v>2.1881081362040007</v>
      </c>
      <c r="P2778" s="236" t="str">
        <f t="shared" si="658"/>
        <v>SAND</v>
      </c>
      <c r="Q2778" s="236" t="e">
        <f t="shared" si="654"/>
        <v>#N/A</v>
      </c>
      <c r="R2778" s="238">
        <v>35</v>
      </c>
      <c r="S2778" s="236" t="e">
        <f t="shared" si="659"/>
        <v>#N/A</v>
      </c>
      <c r="T2778" s="236">
        <f t="shared" si="645"/>
        <v>36.703631336836139</v>
      </c>
    </row>
    <row r="2779" spans="1:20" x14ac:dyDescent="0.2">
      <c r="A2779" s="53">
        <f t="shared" si="646"/>
        <v>2767</v>
      </c>
      <c r="B2779" s="239">
        <v>27.693999999999999</v>
      </c>
      <c r="C2779" s="3">
        <f t="shared" si="647"/>
        <v>27.686999999999998</v>
      </c>
      <c r="D2779" s="239">
        <v>16.263000000000002</v>
      </c>
      <c r="E2779" s="239">
        <v>0.2104</v>
      </c>
      <c r="F2779" s="239">
        <v>0.24959999999999999</v>
      </c>
      <c r="G2779">
        <f t="shared" si="648"/>
        <v>16.312920000000002</v>
      </c>
      <c r="H2779" s="235">
        <f t="shared" si="649"/>
        <v>1.2897752211130808</v>
      </c>
      <c r="I2779" s="236">
        <f t="shared" si="650"/>
        <v>20.607945075919091</v>
      </c>
      <c r="J2779" s="237">
        <f t="shared" si="655"/>
        <v>10.607945075919091</v>
      </c>
      <c r="K2779" s="237">
        <f t="shared" si="651"/>
        <v>570.57217531697177</v>
      </c>
      <c r="L2779" s="237">
        <f t="shared" si="656"/>
        <v>293.77643093250327</v>
      </c>
      <c r="M2779" s="236">
        <f t="shared" si="652"/>
        <v>53.586149762640147</v>
      </c>
      <c r="N2779" s="236">
        <f t="shared" si="653"/>
        <v>1.3365223684748331</v>
      </c>
      <c r="O2779" s="236">
        <f t="shared" si="657"/>
        <v>2.2005794754043495</v>
      </c>
      <c r="P2779" s="236" t="str">
        <f t="shared" si="658"/>
        <v>SAND</v>
      </c>
      <c r="Q2779" s="236" t="e">
        <f t="shared" si="654"/>
        <v>#N/A</v>
      </c>
      <c r="R2779" s="238">
        <v>35</v>
      </c>
      <c r="S2779" s="236" t="e">
        <f t="shared" si="659"/>
        <v>#N/A</v>
      </c>
      <c r="T2779" s="236">
        <f t="shared" si="645"/>
        <v>36.619578088703527</v>
      </c>
    </row>
    <row r="2780" spans="1:20" x14ac:dyDescent="0.2">
      <c r="A2780" s="53">
        <f t="shared" si="646"/>
        <v>2768</v>
      </c>
      <c r="B2780" s="239">
        <v>27.704999999999998</v>
      </c>
      <c r="C2780" s="3">
        <f t="shared" si="647"/>
        <v>27.697999999999997</v>
      </c>
      <c r="D2780" s="239">
        <v>16.0471</v>
      </c>
      <c r="E2780" s="239">
        <v>0.2122</v>
      </c>
      <c r="F2780" s="239">
        <v>0.25640000000000002</v>
      </c>
      <c r="G2780">
        <f t="shared" si="648"/>
        <v>16.098379999999999</v>
      </c>
      <c r="H2780" s="235">
        <f t="shared" si="649"/>
        <v>1.3181450555894445</v>
      </c>
      <c r="I2780" s="236">
        <f t="shared" si="650"/>
        <v>20.612759536382022</v>
      </c>
      <c r="J2780" s="237">
        <f t="shared" si="655"/>
        <v>10.612759536382022</v>
      </c>
      <c r="K2780" s="237">
        <f t="shared" si="651"/>
        <v>570.93221363870919</v>
      </c>
      <c r="L2780" s="237">
        <f t="shared" si="656"/>
        <v>294.02650295546391</v>
      </c>
      <c r="M2780" s="236">
        <f t="shared" si="652"/>
        <v>52.809687665173598</v>
      </c>
      <c r="N2780" s="236">
        <f t="shared" si="653"/>
        <v>1.3666122270679169</v>
      </c>
      <c r="O2780" s="236">
        <f t="shared" si="657"/>
        <v>2.211511689387224</v>
      </c>
      <c r="P2780" s="236" t="str">
        <f t="shared" si="658"/>
        <v>SAND</v>
      </c>
      <c r="Q2780" s="236" t="e">
        <f t="shared" si="654"/>
        <v>#N/A</v>
      </c>
      <c r="R2780" s="238">
        <v>35</v>
      </c>
      <c r="S2780" s="236" t="e">
        <f t="shared" si="659"/>
        <v>#N/A</v>
      </c>
      <c r="T2780" s="236">
        <f t="shared" si="645"/>
        <v>36.549849588205291</v>
      </c>
    </row>
    <row r="2781" spans="1:20" x14ac:dyDescent="0.2">
      <c r="A2781" s="53">
        <f t="shared" si="646"/>
        <v>2769</v>
      </c>
      <c r="B2781" s="239">
        <v>27.713999999999999</v>
      </c>
      <c r="C2781" s="3">
        <f t="shared" si="647"/>
        <v>27.706999999999997</v>
      </c>
      <c r="D2781" s="239">
        <v>15.888500000000001</v>
      </c>
      <c r="E2781" s="239">
        <v>0.2152</v>
      </c>
      <c r="F2781" s="239">
        <v>0.25609999999999999</v>
      </c>
      <c r="G2781">
        <f t="shared" si="648"/>
        <v>15.939720000000001</v>
      </c>
      <c r="H2781" s="235">
        <f t="shared" si="649"/>
        <v>1.3500864507030235</v>
      </c>
      <c r="I2781" s="236">
        <f t="shared" si="650"/>
        <v>20.625349794675856</v>
      </c>
      <c r="J2781" s="237">
        <f t="shared" si="655"/>
        <v>10.625349794675856</v>
      </c>
      <c r="K2781" s="237">
        <f t="shared" si="651"/>
        <v>571.46656676108387</v>
      </c>
      <c r="L2781" s="237">
        <f t="shared" si="656"/>
        <v>294.47094420964663</v>
      </c>
      <c r="M2781" s="236">
        <f t="shared" si="652"/>
        <v>52.189371262033887</v>
      </c>
      <c r="N2781" s="236">
        <f t="shared" si="653"/>
        <v>1.4002892451952869</v>
      </c>
      <c r="O2781" s="236">
        <f t="shared" si="657"/>
        <v>2.2220530076511911</v>
      </c>
      <c r="P2781" s="236" t="str">
        <f t="shared" si="658"/>
        <v>SAND</v>
      </c>
      <c r="Q2781" s="236" t="e">
        <f t="shared" si="654"/>
        <v>#N/A</v>
      </c>
      <c r="R2781" s="238">
        <v>35</v>
      </c>
      <c r="S2781" s="236" t="e">
        <f t="shared" si="659"/>
        <v>#N/A</v>
      </c>
      <c r="T2781" s="236">
        <f t="shared" si="645"/>
        <v>36.493402713200553</v>
      </c>
    </row>
    <row r="2782" spans="1:20" x14ac:dyDescent="0.2">
      <c r="A2782" s="53">
        <f t="shared" si="646"/>
        <v>2770</v>
      </c>
      <c r="B2782" s="239">
        <v>27.725000000000001</v>
      </c>
      <c r="C2782" s="3">
        <f t="shared" si="647"/>
        <v>27.718</v>
      </c>
      <c r="D2782" s="239">
        <v>15.7963</v>
      </c>
      <c r="E2782" s="239">
        <v>0.21829999999999999</v>
      </c>
      <c r="F2782" s="239">
        <v>0.2576</v>
      </c>
      <c r="G2782">
        <f t="shared" si="648"/>
        <v>15.84782</v>
      </c>
      <c r="H2782" s="235">
        <f t="shared" si="649"/>
        <v>1.3774765235849473</v>
      </c>
      <c r="I2782" s="236">
        <f t="shared" si="650"/>
        <v>20.639860717643405</v>
      </c>
      <c r="J2782" s="237">
        <f t="shared" si="655"/>
        <v>10.639860717643405</v>
      </c>
      <c r="K2782" s="237">
        <f t="shared" si="651"/>
        <v>572.09565937163984</v>
      </c>
      <c r="L2782" s="237">
        <f t="shared" si="656"/>
        <v>294.99013839666344</v>
      </c>
      <c r="M2782" s="236">
        <f t="shared" si="652"/>
        <v>51.783847499632685</v>
      </c>
      <c r="N2782" s="236">
        <f t="shared" si="653"/>
        <v>1.4290648032931204</v>
      </c>
      <c r="O2782" s="236">
        <f t="shared" si="657"/>
        <v>2.2301617417530419</v>
      </c>
      <c r="P2782" s="236" t="str">
        <f t="shared" si="658"/>
        <v>SAND</v>
      </c>
      <c r="Q2782" s="236" t="e">
        <f t="shared" si="654"/>
        <v>#N/A</v>
      </c>
      <c r="R2782" s="238">
        <v>35</v>
      </c>
      <c r="S2782" s="236" t="e">
        <f t="shared" si="659"/>
        <v>#N/A</v>
      </c>
      <c r="T2782" s="236">
        <f t="shared" si="645"/>
        <v>36.456137465442211</v>
      </c>
    </row>
    <row r="2783" spans="1:20" x14ac:dyDescent="0.2">
      <c r="A2783" s="53">
        <f t="shared" si="646"/>
        <v>2771</v>
      </c>
      <c r="B2783" s="239">
        <v>27.734999999999999</v>
      </c>
      <c r="C2783" s="3">
        <f t="shared" si="647"/>
        <v>27.727999999999998</v>
      </c>
      <c r="D2783" s="239">
        <v>15.747199999999999</v>
      </c>
      <c r="E2783" s="239">
        <v>0.21929999999999999</v>
      </c>
      <c r="F2783" s="239">
        <v>0.25069999999999998</v>
      </c>
      <c r="G2783">
        <f t="shared" si="648"/>
        <v>15.79734</v>
      </c>
      <c r="H2783" s="235">
        <f t="shared" si="649"/>
        <v>1.3882083945778212</v>
      </c>
      <c r="I2783" s="236">
        <f t="shared" si="650"/>
        <v>20.643972928770864</v>
      </c>
      <c r="J2783" s="237">
        <f t="shared" si="655"/>
        <v>10.643972928770864</v>
      </c>
      <c r="K2783" s="237">
        <f t="shared" si="651"/>
        <v>572.41608136895854</v>
      </c>
      <c r="L2783" s="237">
        <f t="shared" si="656"/>
        <v>295.21058917945993</v>
      </c>
      <c r="M2783" s="236">
        <f t="shared" si="652"/>
        <v>51.573095534780215</v>
      </c>
      <c r="N2783" s="236">
        <f t="shared" si="653"/>
        <v>1.4404012865485534</v>
      </c>
      <c r="O2783" s="236">
        <f t="shared" si="657"/>
        <v>2.2336725299333215</v>
      </c>
      <c r="P2783" s="236" t="str">
        <f t="shared" si="658"/>
        <v>SAND</v>
      </c>
      <c r="Q2783" s="236" t="e">
        <f t="shared" si="654"/>
        <v>#N/A</v>
      </c>
      <c r="R2783" s="238">
        <v>35</v>
      </c>
      <c r="S2783" s="236" t="e">
        <f t="shared" si="659"/>
        <v>#N/A</v>
      </c>
      <c r="T2783" s="236">
        <f t="shared" si="645"/>
        <v>36.436655194874533</v>
      </c>
    </row>
    <row r="2784" spans="1:20" x14ac:dyDescent="0.2">
      <c r="A2784" s="53">
        <f t="shared" si="646"/>
        <v>2772</v>
      </c>
      <c r="B2784" s="239">
        <v>27.744</v>
      </c>
      <c r="C2784" s="3">
        <f t="shared" si="647"/>
        <v>27.736999999999998</v>
      </c>
      <c r="D2784" s="239">
        <v>15.704000000000001</v>
      </c>
      <c r="E2784" s="239">
        <v>0.21959999999999999</v>
      </c>
      <c r="F2784" s="239">
        <v>0.25080000000000002</v>
      </c>
      <c r="G2784">
        <f t="shared" si="648"/>
        <v>15.754160000000001</v>
      </c>
      <c r="H2784" s="235">
        <f t="shared" si="649"/>
        <v>1.393917543048947</v>
      </c>
      <c r="I2784" s="236">
        <f t="shared" si="650"/>
        <v>20.644506087667274</v>
      </c>
      <c r="J2784" s="237">
        <f t="shared" si="655"/>
        <v>10.644506087667274</v>
      </c>
      <c r="K2784" s="237">
        <f t="shared" si="651"/>
        <v>572.61666535362713</v>
      </c>
      <c r="L2784" s="237">
        <f t="shared" si="656"/>
        <v>295.32117689624084</v>
      </c>
      <c r="M2784" s="236">
        <f t="shared" si="652"/>
        <v>51.406890268422259</v>
      </c>
      <c r="N2784" s="236">
        <f t="shared" si="653"/>
        <v>1.4464932527567376</v>
      </c>
      <c r="O2784" s="236">
        <f t="shared" si="657"/>
        <v>2.2359068290953092</v>
      </c>
      <c r="P2784" s="236" t="str">
        <f t="shared" si="658"/>
        <v>SAND</v>
      </c>
      <c r="Q2784" s="236" t="e">
        <f t="shared" si="654"/>
        <v>#N/A</v>
      </c>
      <c r="R2784" s="238">
        <v>35</v>
      </c>
      <c r="S2784" s="236" t="e">
        <f t="shared" si="659"/>
        <v>#N/A</v>
      </c>
      <c r="T2784" s="236">
        <f t="shared" si="645"/>
        <v>36.421234664104468</v>
      </c>
    </row>
    <row r="2785" spans="1:20" x14ac:dyDescent="0.2">
      <c r="A2785" s="53">
        <f t="shared" si="646"/>
        <v>2773</v>
      </c>
      <c r="B2785" s="239">
        <v>27.754999999999999</v>
      </c>
      <c r="C2785" s="3">
        <f t="shared" si="647"/>
        <v>27.747999999999998</v>
      </c>
      <c r="D2785" s="239">
        <v>15.6774</v>
      </c>
      <c r="E2785" s="239">
        <v>0.21790000000000001</v>
      </c>
      <c r="F2785" s="239">
        <v>0.25369999999999998</v>
      </c>
      <c r="G2785">
        <f t="shared" si="648"/>
        <v>15.72814</v>
      </c>
      <c r="H2785" s="235">
        <f t="shared" si="649"/>
        <v>1.3854149314540689</v>
      </c>
      <c r="I2785" s="236">
        <f t="shared" si="650"/>
        <v>20.634747205686857</v>
      </c>
      <c r="J2785" s="237">
        <f t="shared" si="655"/>
        <v>10.634747205686857</v>
      </c>
      <c r="K2785" s="237">
        <f t="shared" si="651"/>
        <v>572.57296546339887</v>
      </c>
      <c r="L2785" s="237">
        <f t="shared" si="656"/>
        <v>295.16740869383869</v>
      </c>
      <c r="M2785" s="236">
        <f t="shared" si="652"/>
        <v>51.345665504204277</v>
      </c>
      <c r="N2785" s="236">
        <f t="shared" si="653"/>
        <v>1.437755509268958</v>
      </c>
      <c r="O2785" s="236">
        <f t="shared" si="657"/>
        <v>2.2346908048680083</v>
      </c>
      <c r="P2785" s="236" t="str">
        <f t="shared" si="658"/>
        <v>SAND</v>
      </c>
      <c r="Q2785" s="236" t="e">
        <f t="shared" si="654"/>
        <v>#N/A</v>
      </c>
      <c r="R2785" s="238">
        <v>35</v>
      </c>
      <c r="S2785" s="236" t="e">
        <f t="shared" si="659"/>
        <v>#N/A</v>
      </c>
      <c r="T2785" s="236">
        <f t="shared" si="645"/>
        <v>36.41554165954166</v>
      </c>
    </row>
    <row r="2786" spans="1:20" x14ac:dyDescent="0.2">
      <c r="A2786" s="53">
        <f t="shared" si="646"/>
        <v>2774</v>
      </c>
      <c r="B2786" s="239">
        <v>27.765000000000001</v>
      </c>
      <c r="C2786" s="3">
        <f t="shared" si="647"/>
        <v>27.757999999999999</v>
      </c>
      <c r="D2786" s="239">
        <v>15.746700000000001</v>
      </c>
      <c r="E2786" s="239">
        <v>0.21329999999999999</v>
      </c>
      <c r="F2786" s="239">
        <v>0.24440000000000001</v>
      </c>
      <c r="G2786">
        <f t="shared" si="648"/>
        <v>15.795580000000001</v>
      </c>
      <c r="H2786" s="235">
        <f t="shared" si="649"/>
        <v>1.3503777639061052</v>
      </c>
      <c r="I2786" s="236">
        <f t="shared" si="650"/>
        <v>20.611400383801591</v>
      </c>
      <c r="J2786" s="237">
        <f t="shared" si="655"/>
        <v>10.611400383801591</v>
      </c>
      <c r="K2786" s="237">
        <f t="shared" si="651"/>
        <v>572.13125185356455</v>
      </c>
      <c r="L2786" s="237">
        <f t="shared" si="656"/>
        <v>294.62553165625116</v>
      </c>
      <c r="M2786" s="236">
        <f t="shared" si="652"/>
        <v>51.670500728728804</v>
      </c>
      <c r="N2786" s="236">
        <f t="shared" si="653"/>
        <v>1.4011279804516752</v>
      </c>
      <c r="O2786" s="236">
        <f t="shared" si="657"/>
        <v>2.2256365179391882</v>
      </c>
      <c r="P2786" s="236" t="str">
        <f t="shared" si="658"/>
        <v>SAND</v>
      </c>
      <c r="Q2786" s="236" t="e">
        <f t="shared" si="654"/>
        <v>#N/A</v>
      </c>
      <c r="R2786" s="238">
        <v>35</v>
      </c>
      <c r="S2786" s="236" t="e">
        <f t="shared" si="659"/>
        <v>#N/A</v>
      </c>
      <c r="T2786" s="236">
        <f t="shared" si="645"/>
        <v>36.44566937251944</v>
      </c>
    </row>
    <row r="2787" spans="1:20" x14ac:dyDescent="0.2">
      <c r="A2787" s="53">
        <f t="shared" si="646"/>
        <v>2775</v>
      </c>
      <c r="B2787" s="239">
        <v>27.776</v>
      </c>
      <c r="C2787" s="3">
        <f t="shared" si="647"/>
        <v>27.768999999999998</v>
      </c>
      <c r="D2787" s="239">
        <v>15.9491</v>
      </c>
      <c r="E2787" s="239">
        <v>0.2092</v>
      </c>
      <c r="F2787" s="239">
        <v>0.23960000000000001</v>
      </c>
      <c r="G2787">
        <f t="shared" si="648"/>
        <v>15.997019999999999</v>
      </c>
      <c r="H2787" s="235">
        <f t="shared" si="649"/>
        <v>1.3077435672393984</v>
      </c>
      <c r="I2787" s="236">
        <f t="shared" si="650"/>
        <v>20.593594769907217</v>
      </c>
      <c r="J2787" s="237">
        <f t="shared" si="655"/>
        <v>10.593594769907217</v>
      </c>
      <c r="K2787" s="237">
        <f t="shared" si="651"/>
        <v>571.86353316555346</v>
      </c>
      <c r="L2787" s="237">
        <f t="shared" si="656"/>
        <v>294.24768832894284</v>
      </c>
      <c r="M2787" s="236">
        <f t="shared" si="652"/>
        <v>52.422353950969658</v>
      </c>
      <c r="N2787" s="236">
        <f t="shared" si="653"/>
        <v>1.3562261131665012</v>
      </c>
      <c r="O2787" s="236">
        <f t="shared" si="657"/>
        <v>2.2120114226168992</v>
      </c>
      <c r="P2787" s="236" t="str">
        <f t="shared" si="658"/>
        <v>SAND</v>
      </c>
      <c r="Q2787" s="236" t="e">
        <f t="shared" si="654"/>
        <v>#N/A</v>
      </c>
      <c r="R2787" s="238">
        <v>35</v>
      </c>
      <c r="S2787" s="236" t="e">
        <f t="shared" si="659"/>
        <v>#N/A</v>
      </c>
      <c r="T2787" s="236">
        <f t="shared" si="645"/>
        <v>36.514681702643941</v>
      </c>
    </row>
    <row r="2788" spans="1:20" x14ac:dyDescent="0.2">
      <c r="A2788" s="53">
        <f t="shared" si="646"/>
        <v>2776</v>
      </c>
      <c r="B2788" s="239">
        <v>27.786000000000001</v>
      </c>
      <c r="C2788" s="3">
        <f t="shared" si="647"/>
        <v>27.779</v>
      </c>
      <c r="D2788" s="239">
        <v>16.273</v>
      </c>
      <c r="E2788" s="239">
        <v>0.20330000000000001</v>
      </c>
      <c r="F2788" s="239">
        <v>0.23330000000000001</v>
      </c>
      <c r="G2788">
        <f t="shared" si="648"/>
        <v>16.319659999999999</v>
      </c>
      <c r="H2788" s="235">
        <f t="shared" si="649"/>
        <v>1.2457367371624166</v>
      </c>
      <c r="I2788" s="236">
        <f t="shared" si="650"/>
        <v>20.567853972574888</v>
      </c>
      <c r="J2788" s="237">
        <f t="shared" si="655"/>
        <v>10.567853972574888</v>
      </c>
      <c r="K2788" s="237">
        <f t="shared" si="651"/>
        <v>571.35441550415783</v>
      </c>
      <c r="L2788" s="237">
        <f t="shared" si="656"/>
        <v>293.63839048196587</v>
      </c>
      <c r="M2788" s="236">
        <f t="shared" si="652"/>
        <v>53.631630246464795</v>
      </c>
      <c r="N2788" s="236">
        <f t="shared" si="653"/>
        <v>1.2909325318156655</v>
      </c>
      <c r="O2788" s="236">
        <f t="shared" si="657"/>
        <v>2.1911000678670423</v>
      </c>
      <c r="P2788" s="236" t="str">
        <f t="shared" si="658"/>
        <v>SAND</v>
      </c>
      <c r="Q2788" s="236" t="e">
        <f t="shared" si="654"/>
        <v>#N/A</v>
      </c>
      <c r="R2788" s="238">
        <v>35</v>
      </c>
      <c r="S2788" s="236" t="e">
        <f t="shared" si="659"/>
        <v>#N/A</v>
      </c>
      <c r="T2788" s="236">
        <f t="shared" si="645"/>
        <v>36.623630983060522</v>
      </c>
    </row>
    <row r="2789" spans="1:20" x14ac:dyDescent="0.2">
      <c r="A2789" s="53">
        <f t="shared" si="646"/>
        <v>2777</v>
      </c>
      <c r="B2789" s="239">
        <v>27.795999999999999</v>
      </c>
      <c r="C2789" s="3">
        <f t="shared" si="647"/>
        <v>27.788999999999998</v>
      </c>
      <c r="D2789" s="239">
        <v>16.697199999999999</v>
      </c>
      <c r="E2789" s="239">
        <v>0.19800000000000001</v>
      </c>
      <c r="F2789" s="239">
        <v>0.2349</v>
      </c>
      <c r="G2789">
        <f t="shared" si="648"/>
        <v>16.74418</v>
      </c>
      <c r="H2789" s="235">
        <f t="shared" si="649"/>
        <v>1.1825004270140431</v>
      </c>
      <c r="I2789" s="236">
        <f t="shared" si="650"/>
        <v>20.546916563709402</v>
      </c>
      <c r="J2789" s="237">
        <f t="shared" si="655"/>
        <v>10.546916563709402</v>
      </c>
      <c r="K2789" s="237">
        <f t="shared" si="651"/>
        <v>570.97826438892048</v>
      </c>
      <c r="L2789" s="237">
        <f t="shared" si="656"/>
        <v>293.16209280486652</v>
      </c>
      <c r="M2789" s="236">
        <f t="shared" si="652"/>
        <v>55.168120751465047</v>
      </c>
      <c r="N2789" s="236">
        <f t="shared" si="653"/>
        <v>1.2242473892107106</v>
      </c>
      <c r="O2789" s="236">
        <f t="shared" si="657"/>
        <v>2.1673909477324216</v>
      </c>
      <c r="P2789" s="236" t="str">
        <f t="shared" si="658"/>
        <v>SAND</v>
      </c>
      <c r="Q2789" s="236" t="e">
        <f t="shared" si="654"/>
        <v>#N/A</v>
      </c>
      <c r="R2789" s="238">
        <v>35</v>
      </c>
      <c r="S2789" s="236" t="e">
        <f t="shared" si="659"/>
        <v>#N/A</v>
      </c>
      <c r="T2789" s="236">
        <f t="shared" si="645"/>
        <v>36.758570094282604</v>
      </c>
    </row>
    <row r="2790" spans="1:20" x14ac:dyDescent="0.2">
      <c r="A2790" s="53">
        <f t="shared" si="646"/>
        <v>2778</v>
      </c>
      <c r="B2790" s="239">
        <v>27.806000000000001</v>
      </c>
      <c r="C2790" s="3">
        <f t="shared" si="647"/>
        <v>27.798999999999999</v>
      </c>
      <c r="D2790" s="239">
        <v>17.257300000000001</v>
      </c>
      <c r="E2790" s="239">
        <v>0.19470000000000001</v>
      </c>
      <c r="F2790" s="239">
        <v>0.22370000000000001</v>
      </c>
      <c r="G2790">
        <f t="shared" si="648"/>
        <v>17.302040000000002</v>
      </c>
      <c r="H2790" s="235">
        <f t="shared" si="649"/>
        <v>1.1253008315782416</v>
      </c>
      <c r="I2790" s="236">
        <f t="shared" si="650"/>
        <v>20.540018704028515</v>
      </c>
      <c r="J2790" s="237">
        <f t="shared" si="655"/>
        <v>10.540018704028515</v>
      </c>
      <c r="K2790" s="237">
        <f t="shared" si="651"/>
        <v>570.99197995328871</v>
      </c>
      <c r="L2790" s="237">
        <f t="shared" si="656"/>
        <v>293.07576008421688</v>
      </c>
      <c r="M2790" s="236">
        <f t="shared" si="652"/>
        <v>57.0877919594543</v>
      </c>
      <c r="N2790" s="236">
        <f t="shared" si="653"/>
        <v>1.1637047468079431</v>
      </c>
      <c r="O2790" s="236">
        <f t="shared" si="657"/>
        <v>2.1422711710175371</v>
      </c>
      <c r="P2790" s="236" t="str">
        <f t="shared" si="658"/>
        <v>SAND</v>
      </c>
      <c r="Q2790" s="236" t="e">
        <f t="shared" si="654"/>
        <v>#N/A</v>
      </c>
      <c r="R2790" s="238">
        <v>35</v>
      </c>
      <c r="S2790" s="236" t="e">
        <f t="shared" si="659"/>
        <v>#N/A</v>
      </c>
      <c r="T2790" s="236">
        <f t="shared" si="645"/>
        <v>36.921975702674764</v>
      </c>
    </row>
    <row r="2791" spans="1:20" x14ac:dyDescent="0.2">
      <c r="A2791" s="53">
        <f t="shared" si="646"/>
        <v>2779</v>
      </c>
      <c r="B2791" s="239">
        <v>27.817</v>
      </c>
      <c r="C2791" s="3">
        <f t="shared" si="647"/>
        <v>27.81</v>
      </c>
      <c r="D2791" s="239">
        <v>17.8079</v>
      </c>
      <c r="E2791" s="239">
        <v>0.18890000000000001</v>
      </c>
      <c r="F2791" s="239">
        <v>0.218</v>
      </c>
      <c r="G2791">
        <f t="shared" si="648"/>
        <v>17.851500000000001</v>
      </c>
      <c r="H2791" s="235">
        <f t="shared" si="649"/>
        <v>1.0581743831050612</v>
      </c>
      <c r="I2791" s="236">
        <f t="shared" si="650"/>
        <v>20.516776583595981</v>
      </c>
      <c r="J2791" s="237">
        <f t="shared" si="655"/>
        <v>10.516776583595981</v>
      </c>
      <c r="K2791" s="237">
        <f t="shared" si="651"/>
        <v>570.57155678980416</v>
      </c>
      <c r="L2791" s="237">
        <f t="shared" si="656"/>
        <v>292.54517422588941</v>
      </c>
      <c r="M2791" s="236">
        <f t="shared" si="652"/>
        <v>59.07097421428216</v>
      </c>
      <c r="N2791" s="236">
        <f t="shared" si="653"/>
        <v>1.093112564066083</v>
      </c>
      <c r="O2791" s="236">
        <f t="shared" si="657"/>
        <v>2.114135078462323</v>
      </c>
      <c r="P2791" s="236" t="str">
        <f t="shared" si="658"/>
        <v>SAND</v>
      </c>
      <c r="Q2791" s="236" t="e">
        <f t="shared" si="654"/>
        <v>#N/A</v>
      </c>
      <c r="R2791" s="238">
        <v>35</v>
      </c>
      <c r="S2791" s="236" t="e">
        <f t="shared" si="659"/>
        <v>#N/A</v>
      </c>
      <c r="T2791" s="236">
        <f t="shared" si="645"/>
        <v>37.085115467591642</v>
      </c>
    </row>
    <row r="2792" spans="1:20" x14ac:dyDescent="0.2">
      <c r="A2792" s="53">
        <f t="shared" si="646"/>
        <v>2780</v>
      </c>
      <c r="B2792" s="239">
        <v>27.826000000000001</v>
      </c>
      <c r="C2792" s="3">
        <f t="shared" si="647"/>
        <v>27.818999999999999</v>
      </c>
      <c r="D2792" s="239">
        <v>18.2897</v>
      </c>
      <c r="E2792" s="239">
        <v>0.1847</v>
      </c>
      <c r="F2792" s="239">
        <v>0.21010000000000001</v>
      </c>
      <c r="G2792">
        <f t="shared" si="648"/>
        <v>18.331720000000001</v>
      </c>
      <c r="H2792" s="235">
        <f t="shared" si="649"/>
        <v>1.0075432092569601</v>
      </c>
      <c r="I2792" s="236">
        <f t="shared" si="650"/>
        <v>20.500786565731776</v>
      </c>
      <c r="J2792" s="237">
        <f t="shared" si="655"/>
        <v>10.500786565731776</v>
      </c>
      <c r="K2792" s="237">
        <f t="shared" si="651"/>
        <v>570.31138147209231</v>
      </c>
      <c r="L2792" s="237">
        <f t="shared" si="656"/>
        <v>292.19488697805241</v>
      </c>
      <c r="M2792" s="236">
        <f t="shared" si="652"/>
        <v>60.786171867073151</v>
      </c>
      <c r="N2792" s="236">
        <f t="shared" si="653"/>
        <v>1.0398949991349742</v>
      </c>
      <c r="O2792" s="236">
        <f t="shared" si="657"/>
        <v>2.091266905837966</v>
      </c>
      <c r="P2792" s="236" t="str">
        <f t="shared" si="658"/>
        <v>SAND</v>
      </c>
      <c r="Q2792" s="236" t="e">
        <f t="shared" si="654"/>
        <v>#N/A</v>
      </c>
      <c r="R2792" s="238">
        <v>35</v>
      </c>
      <c r="S2792" s="236" t="e">
        <f t="shared" si="659"/>
        <v>#N/A</v>
      </c>
      <c r="T2792" s="236">
        <f t="shared" si="645"/>
        <v>37.221852730331101</v>
      </c>
    </row>
    <row r="2793" spans="1:20" x14ac:dyDescent="0.2">
      <c r="A2793" s="53">
        <f t="shared" si="646"/>
        <v>2781</v>
      </c>
      <c r="B2793" s="239">
        <v>27.835999999999999</v>
      </c>
      <c r="C2793" s="3">
        <f t="shared" si="647"/>
        <v>27.828999999999997</v>
      </c>
      <c r="D2793" s="239">
        <v>18.744900000000001</v>
      </c>
      <c r="E2793" s="239">
        <v>0.18129999999999999</v>
      </c>
      <c r="F2793" s="239">
        <v>0.1946</v>
      </c>
      <c r="G2793">
        <f t="shared" si="648"/>
        <v>18.783820000000002</v>
      </c>
      <c r="H2793" s="235">
        <f t="shared" si="649"/>
        <v>0.96519238365785009</v>
      </c>
      <c r="I2793" s="236">
        <f t="shared" si="650"/>
        <v>20.488522651520718</v>
      </c>
      <c r="J2793" s="237">
        <f t="shared" si="655"/>
        <v>10.488522651520718</v>
      </c>
      <c r="K2793" s="237">
        <f t="shared" si="651"/>
        <v>570.17509686917003</v>
      </c>
      <c r="L2793" s="237">
        <f t="shared" si="656"/>
        <v>291.95851652773069</v>
      </c>
      <c r="M2793" s="236">
        <f t="shared" si="652"/>
        <v>62.384358982728536</v>
      </c>
      <c r="N2793" s="236">
        <f t="shared" si="653"/>
        <v>0.99540756923857365</v>
      </c>
      <c r="O2793" s="236">
        <f t="shared" si="657"/>
        <v>2.0709653886659711</v>
      </c>
      <c r="P2793" s="236" t="str">
        <f t="shared" si="658"/>
        <v>SAND</v>
      </c>
      <c r="Q2793" s="236" t="e">
        <f t="shared" si="654"/>
        <v>#N/A</v>
      </c>
      <c r="R2793" s="238">
        <v>35</v>
      </c>
      <c r="S2793" s="236" t="e">
        <f t="shared" si="659"/>
        <v>#N/A</v>
      </c>
      <c r="T2793" s="236">
        <f t="shared" si="645"/>
        <v>37.345832886368058</v>
      </c>
    </row>
    <row r="2794" spans="1:20" x14ac:dyDescent="0.2">
      <c r="A2794" s="53">
        <f t="shared" si="646"/>
        <v>2782</v>
      </c>
      <c r="B2794" s="239">
        <v>27.847000000000001</v>
      </c>
      <c r="C2794" s="3">
        <f t="shared" si="647"/>
        <v>27.84</v>
      </c>
      <c r="D2794" s="239">
        <v>19.185300000000002</v>
      </c>
      <c r="E2794" s="239">
        <v>0.1827</v>
      </c>
      <c r="F2794" s="239">
        <v>0.1338</v>
      </c>
      <c r="G2794">
        <f t="shared" si="648"/>
        <v>19.212060000000001</v>
      </c>
      <c r="H2794" s="235">
        <f t="shared" si="649"/>
        <v>0.95096517499945343</v>
      </c>
      <c r="I2794" s="236">
        <f t="shared" si="650"/>
        <v>20.50635367309296</v>
      </c>
      <c r="J2794" s="237">
        <f t="shared" si="655"/>
        <v>10.50635367309296</v>
      </c>
      <c r="K2794" s="237">
        <f t="shared" si="651"/>
        <v>570.89688625890801</v>
      </c>
      <c r="L2794" s="237">
        <f t="shared" si="656"/>
        <v>292.57043073461966</v>
      </c>
      <c r="M2794" s="236">
        <f t="shared" si="652"/>
        <v>63.715130291652194</v>
      </c>
      <c r="N2794" s="236">
        <f t="shared" si="653"/>
        <v>0.98008905820541314</v>
      </c>
      <c r="O2794" s="236">
        <f t="shared" si="657"/>
        <v>2.0595902522827831</v>
      </c>
      <c r="P2794" s="236" t="str">
        <f t="shared" si="658"/>
        <v>SAND</v>
      </c>
      <c r="Q2794" s="236" t="e">
        <f t="shared" si="654"/>
        <v>#N/A</v>
      </c>
      <c r="R2794" s="238">
        <v>35</v>
      </c>
      <c r="S2794" s="236" t="e">
        <f t="shared" si="659"/>
        <v>#N/A</v>
      </c>
      <c r="T2794" s="236">
        <f t="shared" si="645"/>
        <v>37.446668330901232</v>
      </c>
    </row>
    <row r="2795" spans="1:20" x14ac:dyDescent="0.2">
      <c r="A2795" s="53">
        <f t="shared" si="646"/>
        <v>2783</v>
      </c>
      <c r="B2795" s="239">
        <v>27.856000000000002</v>
      </c>
      <c r="C2795" s="3">
        <f t="shared" si="647"/>
        <v>27.849</v>
      </c>
      <c r="D2795" s="239">
        <v>19.476199999999999</v>
      </c>
      <c r="E2795" s="239">
        <v>0.1827</v>
      </c>
      <c r="F2795" s="239">
        <v>9.5200000000000007E-2</v>
      </c>
      <c r="G2795">
        <f t="shared" si="648"/>
        <v>19.495239999999999</v>
      </c>
      <c r="H2795" s="235">
        <f t="shared" si="649"/>
        <v>0.93715183808970814</v>
      </c>
      <c r="I2795" s="236">
        <f t="shared" si="650"/>
        <v>20.512072859656708</v>
      </c>
      <c r="J2795" s="237">
        <f t="shared" si="655"/>
        <v>10.512072859656708</v>
      </c>
      <c r="K2795" s="237">
        <f t="shared" si="651"/>
        <v>571.24071706857967</v>
      </c>
      <c r="L2795" s="237">
        <f t="shared" si="656"/>
        <v>292.82430157859727</v>
      </c>
      <c r="M2795" s="236">
        <f t="shared" si="652"/>
        <v>64.625781333425323</v>
      </c>
      <c r="N2795" s="236">
        <f t="shared" si="653"/>
        <v>0.96544074679175784</v>
      </c>
      <c r="O2795" s="236">
        <f t="shared" si="657"/>
        <v>2.0507600338038494</v>
      </c>
      <c r="P2795" s="236" t="str">
        <f t="shared" si="658"/>
        <v>SAND</v>
      </c>
      <c r="Q2795" s="236" t="e">
        <f t="shared" si="654"/>
        <v>#N/A</v>
      </c>
      <c r="R2795" s="238">
        <v>35</v>
      </c>
      <c r="S2795" s="236" t="e">
        <f t="shared" si="659"/>
        <v>#N/A</v>
      </c>
      <c r="T2795" s="236">
        <f t="shared" si="645"/>
        <v>37.514463874865626</v>
      </c>
    </row>
    <row r="2796" spans="1:20" x14ac:dyDescent="0.2">
      <c r="A2796" s="53">
        <f t="shared" si="646"/>
        <v>2784</v>
      </c>
      <c r="B2796" s="239">
        <v>27.867000000000001</v>
      </c>
      <c r="C2796" s="3">
        <f t="shared" si="647"/>
        <v>27.86</v>
      </c>
      <c r="D2796" s="239">
        <v>19.716100000000001</v>
      </c>
      <c r="E2796" s="239">
        <v>0.18190000000000001</v>
      </c>
      <c r="F2796" s="239">
        <v>7.9799999999999996E-2</v>
      </c>
      <c r="G2796">
        <f t="shared" si="648"/>
        <v>19.732060000000001</v>
      </c>
      <c r="H2796" s="235">
        <f t="shared" si="649"/>
        <v>0.92185002478200451</v>
      </c>
      <c r="I2796" s="236">
        <f t="shared" si="650"/>
        <v>20.511646526484462</v>
      </c>
      <c r="J2796" s="237">
        <f t="shared" si="655"/>
        <v>10.511646526484462</v>
      </c>
      <c r="K2796" s="237">
        <f t="shared" si="651"/>
        <v>571.45447222785708</v>
      </c>
      <c r="L2796" s="237">
        <f t="shared" si="656"/>
        <v>292.92805375354249</v>
      </c>
      <c r="M2796" s="236">
        <f t="shared" si="652"/>
        <v>65.410619714467771</v>
      </c>
      <c r="N2796" s="236">
        <f t="shared" si="653"/>
        <v>0.94934369238146943</v>
      </c>
      <c r="O2796" s="236">
        <f t="shared" si="657"/>
        <v>2.0422298185636412</v>
      </c>
      <c r="P2796" s="236" t="str">
        <f t="shared" si="658"/>
        <v>SAND</v>
      </c>
      <c r="Q2796" s="236" t="e">
        <f t="shared" si="654"/>
        <v>#N/A</v>
      </c>
      <c r="R2796" s="238">
        <v>35</v>
      </c>
      <c r="S2796" s="236" t="e">
        <f t="shared" si="659"/>
        <v>#N/A</v>
      </c>
      <c r="T2796" s="236">
        <f t="shared" si="645"/>
        <v>37.572130901272388</v>
      </c>
    </row>
    <row r="2797" spans="1:20" x14ac:dyDescent="0.2">
      <c r="A2797" s="53">
        <f t="shared" si="646"/>
        <v>2785</v>
      </c>
      <c r="B2797" s="239">
        <v>27.876000000000001</v>
      </c>
      <c r="C2797" s="3">
        <f t="shared" si="647"/>
        <v>27.869</v>
      </c>
      <c r="D2797" s="239">
        <v>19.8156</v>
      </c>
      <c r="E2797" s="239">
        <v>0.17949999999999999</v>
      </c>
      <c r="F2797" s="239">
        <v>2.2200000000000001E-2</v>
      </c>
      <c r="G2797">
        <f t="shared" si="648"/>
        <v>19.820039999999999</v>
      </c>
      <c r="H2797" s="235">
        <f t="shared" si="649"/>
        <v>0.90564902997168528</v>
      </c>
      <c r="I2797" s="236">
        <f t="shared" si="650"/>
        <v>20.497811151214265</v>
      </c>
      <c r="J2797" s="237">
        <f t="shared" si="655"/>
        <v>10.497811151214265</v>
      </c>
      <c r="K2797" s="237">
        <f t="shared" si="651"/>
        <v>571.25349897319029</v>
      </c>
      <c r="L2797" s="237">
        <f t="shared" si="656"/>
        <v>292.63698365124884</v>
      </c>
      <c r="M2797" s="236">
        <f t="shared" si="652"/>
        <v>65.777012395557691</v>
      </c>
      <c r="N2797" s="236">
        <f t="shared" si="653"/>
        <v>0.93252631790801332</v>
      </c>
      <c r="O2797" s="236">
        <f t="shared" si="657"/>
        <v>2.0357191753336372</v>
      </c>
      <c r="P2797" s="236" t="str">
        <f t="shared" si="658"/>
        <v>SAND</v>
      </c>
      <c r="Q2797" s="236" t="e">
        <f t="shared" si="654"/>
        <v>#N/A</v>
      </c>
      <c r="R2797" s="238">
        <v>35</v>
      </c>
      <c r="S2797" s="236" t="e">
        <f t="shared" si="659"/>
        <v>#N/A</v>
      </c>
      <c r="T2797" s="236">
        <f t="shared" si="645"/>
        <v>37.598815582420798</v>
      </c>
    </row>
    <row r="2798" spans="1:20" x14ac:dyDescent="0.2">
      <c r="A2798" s="53">
        <f t="shared" si="646"/>
        <v>2786</v>
      </c>
      <c r="B2798" s="239">
        <v>27.887</v>
      </c>
      <c r="C2798" s="3">
        <f t="shared" si="647"/>
        <v>27.88</v>
      </c>
      <c r="D2798" s="239">
        <v>19.855699999999999</v>
      </c>
      <c r="E2798" s="239">
        <v>0.1739</v>
      </c>
      <c r="F2798" s="239">
        <v>2.63E-2</v>
      </c>
      <c r="G2798">
        <f t="shared" si="648"/>
        <v>19.860959999999999</v>
      </c>
      <c r="H2798" s="235">
        <f t="shared" si="649"/>
        <v>0.875587081389822</v>
      </c>
      <c r="I2798" s="236">
        <f t="shared" si="650"/>
        <v>20.461452138854668</v>
      </c>
      <c r="J2798" s="237">
        <f t="shared" si="655"/>
        <v>10.461452138854668</v>
      </c>
      <c r="K2798" s="237">
        <f t="shared" si="651"/>
        <v>570.4652856312681</v>
      </c>
      <c r="L2798" s="237">
        <f t="shared" si="656"/>
        <v>291.73851579624011</v>
      </c>
      <c r="M2798" s="236">
        <f t="shared" si="652"/>
        <v>66.122550400036502</v>
      </c>
      <c r="N2798" s="236">
        <f t="shared" si="653"/>
        <v>0.9014802501175293</v>
      </c>
      <c r="O2798" s="236">
        <f t="shared" si="657"/>
        <v>2.0253070298414739</v>
      </c>
      <c r="P2798" s="236" t="str">
        <f t="shared" si="658"/>
        <v>SAND</v>
      </c>
      <c r="Q2798" s="236" t="e">
        <f t="shared" si="654"/>
        <v>#N/A</v>
      </c>
      <c r="R2798" s="238">
        <v>35</v>
      </c>
      <c r="S2798" s="236" t="e">
        <f t="shared" si="659"/>
        <v>#N/A</v>
      </c>
      <c r="T2798" s="236">
        <f t="shared" si="645"/>
        <v>37.6238455594155</v>
      </c>
    </row>
    <row r="2799" spans="1:20" x14ac:dyDescent="0.2">
      <c r="A2799" s="53">
        <f t="shared" si="646"/>
        <v>2787</v>
      </c>
      <c r="B2799" s="239">
        <v>27.896999999999998</v>
      </c>
      <c r="C2799" s="3">
        <f t="shared" si="647"/>
        <v>27.889999999999997</v>
      </c>
      <c r="D2799" s="239">
        <v>19.862500000000001</v>
      </c>
      <c r="E2799" s="239">
        <v>0.17760000000000001</v>
      </c>
      <c r="F2799" s="239">
        <v>-1.4E-2</v>
      </c>
      <c r="G2799">
        <f t="shared" si="648"/>
        <v>19.8597</v>
      </c>
      <c r="H2799" s="235">
        <f t="shared" si="649"/>
        <v>0.89427332739165244</v>
      </c>
      <c r="I2799" s="236">
        <f t="shared" si="650"/>
        <v>20.486114465670646</v>
      </c>
      <c r="J2799" s="237">
        <f t="shared" si="655"/>
        <v>10.486114465670646</v>
      </c>
      <c r="K2799" s="237">
        <f t="shared" si="651"/>
        <v>571.35773244755421</v>
      </c>
      <c r="L2799" s="237">
        <f t="shared" si="656"/>
        <v>292.531135248814</v>
      </c>
      <c r="M2799" s="236">
        <f t="shared" si="652"/>
        <v>65.936031906985349</v>
      </c>
      <c r="N2799" s="236">
        <f t="shared" si="653"/>
        <v>0.92076342039390924</v>
      </c>
      <c r="O2799" s="236">
        <f t="shared" si="657"/>
        <v>2.0316500996544531</v>
      </c>
      <c r="P2799" s="236" t="str">
        <f t="shared" si="658"/>
        <v>SAND</v>
      </c>
      <c r="Q2799" s="236" t="e">
        <f t="shared" si="654"/>
        <v>#N/A</v>
      </c>
      <c r="R2799" s="238">
        <v>35</v>
      </c>
      <c r="S2799" s="236" t="e">
        <f t="shared" si="659"/>
        <v>#N/A</v>
      </c>
      <c r="T2799" s="236">
        <f t="shared" si="645"/>
        <v>37.610350880731389</v>
      </c>
    </row>
    <row r="2800" spans="1:20" x14ac:dyDescent="0.2">
      <c r="A2800" s="53">
        <f t="shared" si="646"/>
        <v>2788</v>
      </c>
      <c r="B2800" s="239">
        <v>27.907</v>
      </c>
      <c r="C2800" s="3">
        <f t="shared" si="647"/>
        <v>27.9</v>
      </c>
      <c r="D2800" s="239">
        <v>19.844999999999999</v>
      </c>
      <c r="E2800" s="239">
        <v>0.17710000000000001</v>
      </c>
      <c r="F2800" s="239">
        <v>-3.3300000000000003E-2</v>
      </c>
      <c r="G2800">
        <f t="shared" si="648"/>
        <v>19.838339999999999</v>
      </c>
      <c r="H2800" s="235">
        <f t="shared" si="649"/>
        <v>0.89271582198913824</v>
      </c>
      <c r="I2800" s="236">
        <f t="shared" si="650"/>
        <v>20.482387965838619</v>
      </c>
      <c r="J2800" s="237">
        <f t="shared" si="655"/>
        <v>10.482387965838619</v>
      </c>
      <c r="K2800" s="237">
        <f t="shared" si="651"/>
        <v>571.45862424689744</v>
      </c>
      <c r="L2800" s="237">
        <f t="shared" si="656"/>
        <v>292.53200096265834</v>
      </c>
      <c r="M2800" s="236">
        <f t="shared" si="652"/>
        <v>65.862474233075503</v>
      </c>
      <c r="N2800" s="236">
        <f t="shared" si="653"/>
        <v>0.91919390868766127</v>
      </c>
      <c r="O2800" s="236">
        <f t="shared" si="657"/>
        <v>2.0316123574593972</v>
      </c>
      <c r="P2800" s="236" t="str">
        <f t="shared" si="658"/>
        <v>SAND</v>
      </c>
      <c r="Q2800" s="236" t="e">
        <f t="shared" si="654"/>
        <v>#N/A</v>
      </c>
      <c r="R2800" s="238">
        <v>35</v>
      </c>
      <c r="S2800" s="236" t="e">
        <f t="shared" si="659"/>
        <v>#N/A</v>
      </c>
      <c r="T2800" s="236">
        <f t="shared" si="645"/>
        <v>37.605018458423061</v>
      </c>
    </row>
    <row r="2801" spans="1:20" x14ac:dyDescent="0.2">
      <c r="A2801" s="53">
        <f t="shared" si="646"/>
        <v>2789</v>
      </c>
      <c r="B2801" s="239">
        <v>27.917999999999999</v>
      </c>
      <c r="C2801" s="3">
        <f t="shared" si="647"/>
        <v>27.910999999999998</v>
      </c>
      <c r="D2801" s="239">
        <v>19.774799999999999</v>
      </c>
      <c r="E2801" s="239">
        <v>0.17530000000000001</v>
      </c>
      <c r="F2801" s="239">
        <v>-2.1299999999999999E-2</v>
      </c>
      <c r="G2801">
        <f t="shared" si="648"/>
        <v>19.77054</v>
      </c>
      <c r="H2801" s="235">
        <f t="shared" si="649"/>
        <v>0.88667279699998081</v>
      </c>
      <c r="I2801" s="236">
        <f t="shared" si="650"/>
        <v>20.469070906203658</v>
      </c>
      <c r="J2801" s="237">
        <f t="shared" si="655"/>
        <v>10.469070906203658</v>
      </c>
      <c r="K2801" s="237">
        <f t="shared" si="651"/>
        <v>571.31223806305024</v>
      </c>
      <c r="L2801" s="237">
        <f t="shared" si="656"/>
        <v>292.27552155939372</v>
      </c>
      <c r="M2801" s="236">
        <f t="shared" si="652"/>
        <v>65.688798225394478</v>
      </c>
      <c r="N2801" s="236">
        <f t="shared" si="653"/>
        <v>0.9130575571770525</v>
      </c>
      <c r="O2801" s="236">
        <f t="shared" si="657"/>
        <v>2.0308522456812987</v>
      </c>
      <c r="P2801" s="236" t="str">
        <f t="shared" si="658"/>
        <v>SAND</v>
      </c>
      <c r="Q2801" s="236" t="e">
        <f t="shared" si="654"/>
        <v>#N/A</v>
      </c>
      <c r="R2801" s="238">
        <v>35</v>
      </c>
      <c r="S2801" s="236" t="e">
        <f t="shared" si="659"/>
        <v>#N/A</v>
      </c>
      <c r="T2801" s="236">
        <f t="shared" si="645"/>
        <v>37.592404481894206</v>
      </c>
    </row>
    <row r="2802" spans="1:20" x14ac:dyDescent="0.2">
      <c r="A2802" s="53">
        <f t="shared" si="646"/>
        <v>2790</v>
      </c>
      <c r="B2802" s="239">
        <v>27.928000000000001</v>
      </c>
      <c r="C2802" s="3">
        <f t="shared" si="647"/>
        <v>27.920999999999999</v>
      </c>
      <c r="D2802" s="239">
        <v>19.689599999999999</v>
      </c>
      <c r="E2802" s="239">
        <v>0.1754</v>
      </c>
      <c r="F2802" s="239">
        <v>8.2000000000000007E-3</v>
      </c>
      <c r="G2802">
        <f t="shared" si="648"/>
        <v>19.691239999999997</v>
      </c>
      <c r="H2802" s="235">
        <f t="shared" si="649"/>
        <v>0.89075142042857658</v>
      </c>
      <c r="I2802" s="236">
        <f t="shared" si="650"/>
        <v>20.468168703679979</v>
      </c>
      <c r="J2802" s="237">
        <f t="shared" si="655"/>
        <v>10.468168703679979</v>
      </c>
      <c r="K2802" s="237">
        <f t="shared" si="651"/>
        <v>571.49173837544868</v>
      </c>
      <c r="L2802" s="237">
        <f t="shared" si="656"/>
        <v>292.35501555637444</v>
      </c>
      <c r="M2802" s="236">
        <f t="shared" si="652"/>
        <v>65.399077300720066</v>
      </c>
      <c r="N2802" s="236">
        <f t="shared" si="653"/>
        <v>0.91737609512384222</v>
      </c>
      <c r="O2802" s="236">
        <f t="shared" si="657"/>
        <v>2.0336055811610652</v>
      </c>
      <c r="P2802" s="236" t="str">
        <f t="shared" si="658"/>
        <v>SAND</v>
      </c>
      <c r="Q2802" s="236" t="e">
        <f t="shared" si="654"/>
        <v>#N/A</v>
      </c>
      <c r="R2802" s="238">
        <v>35</v>
      </c>
      <c r="S2802" s="236" t="e">
        <f t="shared" si="659"/>
        <v>#N/A</v>
      </c>
      <c r="T2802" s="236">
        <f t="shared" si="645"/>
        <v>37.571287831163907</v>
      </c>
    </row>
    <row r="2803" spans="1:20" x14ac:dyDescent="0.2">
      <c r="A2803" s="53">
        <f t="shared" si="646"/>
        <v>2791</v>
      </c>
      <c r="B2803" s="239">
        <v>27.937999999999999</v>
      </c>
      <c r="C2803" s="3">
        <f t="shared" si="647"/>
        <v>27.930999999999997</v>
      </c>
      <c r="D2803" s="239">
        <v>19.651</v>
      </c>
      <c r="E2803" s="239">
        <v>0.17330000000000001</v>
      </c>
      <c r="F2803" s="239">
        <v>4.8300000000000003E-2</v>
      </c>
      <c r="G2803">
        <f t="shared" si="648"/>
        <v>19.66066</v>
      </c>
      <c r="H2803" s="235">
        <f t="shared" si="649"/>
        <v>0.88145565815186278</v>
      </c>
      <c r="I2803" s="236">
        <f t="shared" si="650"/>
        <v>20.453437457249866</v>
      </c>
      <c r="J2803" s="237">
        <f t="shared" si="655"/>
        <v>10.453437457249866</v>
      </c>
      <c r="K2803" s="237">
        <f t="shared" si="651"/>
        <v>571.28496161844589</v>
      </c>
      <c r="L2803" s="237">
        <f t="shared" si="656"/>
        <v>292.04813568064674</v>
      </c>
      <c r="M2803" s="236">
        <f t="shared" si="652"/>
        <v>65.363796943582258</v>
      </c>
      <c r="N2803" s="236">
        <f t="shared" si="653"/>
        <v>0.90783485395178676</v>
      </c>
      <c r="O2803" s="236">
        <f t="shared" si="657"/>
        <v>2.0311594932538823</v>
      </c>
      <c r="P2803" s="236" t="str">
        <f t="shared" si="658"/>
        <v>SAND</v>
      </c>
      <c r="Q2803" s="236" t="e">
        <f t="shared" si="654"/>
        <v>#N/A</v>
      </c>
      <c r="R2803" s="238">
        <v>35</v>
      </c>
      <c r="S2803" s="236" t="e">
        <f t="shared" si="659"/>
        <v>#N/A</v>
      </c>
      <c r="T2803" s="236">
        <f t="shared" si="645"/>
        <v>37.568709993781042</v>
      </c>
    </row>
    <row r="2804" spans="1:20" x14ac:dyDescent="0.2">
      <c r="A2804" s="53">
        <f t="shared" si="646"/>
        <v>2792</v>
      </c>
      <c r="B2804" s="239">
        <v>27.946999999999999</v>
      </c>
      <c r="C2804" s="3">
        <f t="shared" si="647"/>
        <v>27.939999999999998</v>
      </c>
      <c r="D2804" s="239">
        <v>19.5992</v>
      </c>
      <c r="E2804" s="239">
        <v>0.16669999999999999</v>
      </c>
      <c r="F2804" s="239">
        <v>8.1100000000000005E-2</v>
      </c>
      <c r="G2804">
        <f t="shared" si="648"/>
        <v>19.61542</v>
      </c>
      <c r="H2804" s="235">
        <f t="shared" si="649"/>
        <v>0.84984160420730226</v>
      </c>
      <c r="I2804" s="236">
        <f t="shared" si="650"/>
        <v>20.407007024321736</v>
      </c>
      <c r="J2804" s="237">
        <f t="shared" si="655"/>
        <v>10.407007024321736</v>
      </c>
      <c r="K2804" s="237">
        <f t="shared" si="651"/>
        <v>570.17177625954923</v>
      </c>
      <c r="L2804" s="237">
        <f t="shared" si="656"/>
        <v>290.84462530871957</v>
      </c>
      <c r="M2804" s="236">
        <f t="shared" si="652"/>
        <v>65.482551735397223</v>
      </c>
      <c r="N2804" s="236">
        <f t="shared" si="653"/>
        <v>0.87528394506406915</v>
      </c>
      <c r="O2804" s="236">
        <f t="shared" si="657"/>
        <v>2.0213586419484808</v>
      </c>
      <c r="P2804" s="236" t="str">
        <f t="shared" si="658"/>
        <v>SAND</v>
      </c>
      <c r="Q2804" s="236" t="e">
        <f t="shared" si="654"/>
        <v>#N/A</v>
      </c>
      <c r="R2804" s="238">
        <v>35</v>
      </c>
      <c r="S2804" s="236" t="e">
        <f t="shared" si="659"/>
        <v>#N/A</v>
      </c>
      <c r="T2804" s="236">
        <f t="shared" si="645"/>
        <v>37.57738154205321</v>
      </c>
    </row>
    <row r="2805" spans="1:20" x14ac:dyDescent="0.2">
      <c r="A2805" s="53">
        <f t="shared" si="646"/>
        <v>2793</v>
      </c>
      <c r="B2805" s="239">
        <v>27.959</v>
      </c>
      <c r="C2805" s="3">
        <f t="shared" si="647"/>
        <v>27.951999999999998</v>
      </c>
      <c r="D2805" s="239">
        <v>19.441500000000001</v>
      </c>
      <c r="E2805" s="239">
        <v>0.16520000000000001</v>
      </c>
      <c r="F2805" s="239">
        <v>9.8599999999999993E-2</v>
      </c>
      <c r="G2805">
        <f t="shared" si="648"/>
        <v>19.461220000000001</v>
      </c>
      <c r="H2805" s="235">
        <f t="shared" si="649"/>
        <v>0.8488676455021833</v>
      </c>
      <c r="I2805" s="236">
        <f t="shared" si="650"/>
        <v>20.393323226396738</v>
      </c>
      <c r="J2805" s="237">
        <f t="shared" si="655"/>
        <v>10.393323226396738</v>
      </c>
      <c r="K2805" s="237">
        <f t="shared" si="651"/>
        <v>570.03417082424164</v>
      </c>
      <c r="L2805" s="237">
        <f t="shared" si="656"/>
        <v>290.5869240868264</v>
      </c>
      <c r="M2805" s="236">
        <f t="shared" si="652"/>
        <v>65.010447006662758</v>
      </c>
      <c r="N2805" s="236">
        <f t="shared" si="653"/>
        <v>0.87448189591604819</v>
      </c>
      <c r="O2805" s="236">
        <f t="shared" si="657"/>
        <v>2.0237020057908168</v>
      </c>
      <c r="P2805" s="236" t="str">
        <f t="shared" si="658"/>
        <v>SAND</v>
      </c>
      <c r="Q2805" s="236" t="e">
        <f t="shared" si="654"/>
        <v>#N/A</v>
      </c>
      <c r="R2805" s="238">
        <v>35</v>
      </c>
      <c r="S2805" s="236" t="e">
        <f t="shared" si="659"/>
        <v>#N/A</v>
      </c>
      <c r="T2805" s="236">
        <f t="shared" si="645"/>
        <v>37.542814674464672</v>
      </c>
    </row>
    <row r="2806" spans="1:20" x14ac:dyDescent="0.2">
      <c r="A2806" s="53">
        <f t="shared" si="646"/>
        <v>2794</v>
      </c>
      <c r="B2806" s="239">
        <v>27.969000000000001</v>
      </c>
      <c r="C2806" s="3">
        <f t="shared" si="647"/>
        <v>27.962</v>
      </c>
      <c r="D2806" s="239">
        <v>19.197199999999999</v>
      </c>
      <c r="E2806" s="239">
        <v>0.1656</v>
      </c>
      <c r="F2806" s="239">
        <v>0.1203</v>
      </c>
      <c r="G2806">
        <f t="shared" si="648"/>
        <v>19.221259999999997</v>
      </c>
      <c r="H2806" s="235">
        <f t="shared" si="649"/>
        <v>0.86154601727462199</v>
      </c>
      <c r="I2806" s="236">
        <f t="shared" si="650"/>
        <v>20.391309619980163</v>
      </c>
      <c r="J2806" s="237">
        <f t="shared" si="655"/>
        <v>10.391309619980163</v>
      </c>
      <c r="K2806" s="237">
        <f t="shared" si="651"/>
        <v>570.18179959388533</v>
      </c>
      <c r="L2806" s="237">
        <f t="shared" si="656"/>
        <v>290.6345387612252</v>
      </c>
      <c r="M2806" s="236">
        <f t="shared" si="652"/>
        <v>64.173646669466095</v>
      </c>
      <c r="N2806" s="236">
        <f t="shared" si="653"/>
        <v>0.88788432615329538</v>
      </c>
      <c r="O2806" s="236">
        <f t="shared" si="657"/>
        <v>2.0321021955863077</v>
      </c>
      <c r="P2806" s="236" t="str">
        <f t="shared" si="658"/>
        <v>SAND</v>
      </c>
      <c r="Q2806" s="236" t="e">
        <f t="shared" si="654"/>
        <v>#N/A</v>
      </c>
      <c r="R2806" s="238">
        <v>35</v>
      </c>
      <c r="S2806" s="236" t="e">
        <f t="shared" si="659"/>
        <v>#N/A</v>
      </c>
      <c r="T2806" s="236">
        <f t="shared" si="645"/>
        <v>37.480923906688162</v>
      </c>
    </row>
    <row r="2807" spans="1:20" x14ac:dyDescent="0.2">
      <c r="A2807" s="53">
        <f t="shared" si="646"/>
        <v>2795</v>
      </c>
      <c r="B2807" s="239">
        <v>27.978000000000002</v>
      </c>
      <c r="C2807" s="3">
        <f t="shared" si="647"/>
        <v>27.971</v>
      </c>
      <c r="D2807" s="239">
        <v>18.903199999999998</v>
      </c>
      <c r="E2807" s="239">
        <v>0.1668</v>
      </c>
      <c r="F2807" s="239">
        <v>0.13619999999999999</v>
      </c>
      <c r="G2807">
        <f t="shared" si="648"/>
        <v>18.930439999999997</v>
      </c>
      <c r="H2807" s="235">
        <f t="shared" si="649"/>
        <v>0.88112056560756136</v>
      </c>
      <c r="I2807" s="236">
        <f t="shared" si="650"/>
        <v>20.393817016941629</v>
      </c>
      <c r="J2807" s="237">
        <f t="shared" si="655"/>
        <v>10.393817016941629</v>
      </c>
      <c r="K2807" s="237">
        <f t="shared" si="651"/>
        <v>570.43545578087435</v>
      </c>
      <c r="L2807" s="237">
        <f t="shared" si="656"/>
        <v>290.79821249999293</v>
      </c>
      <c r="M2807" s="236">
        <f t="shared" si="652"/>
        <v>63.136579782860849</v>
      </c>
      <c r="N2807" s="236">
        <f t="shared" si="653"/>
        <v>0.90849650716736363</v>
      </c>
      <c r="O2807" s="236">
        <f t="shared" si="657"/>
        <v>2.0436259628188282</v>
      </c>
      <c r="P2807" s="236" t="str">
        <f t="shared" si="658"/>
        <v>SAND</v>
      </c>
      <c r="Q2807" s="236" t="e">
        <f t="shared" si="654"/>
        <v>#N/A</v>
      </c>
      <c r="R2807" s="238">
        <v>35</v>
      </c>
      <c r="S2807" s="236" t="e">
        <f t="shared" si="659"/>
        <v>#N/A</v>
      </c>
      <c r="T2807" s="236">
        <f t="shared" si="645"/>
        <v>37.403091568856418</v>
      </c>
    </row>
    <row r="2808" spans="1:20" x14ac:dyDescent="0.2">
      <c r="A2808" s="53">
        <f t="shared" si="646"/>
        <v>2796</v>
      </c>
      <c r="B2808" s="239">
        <v>27.99</v>
      </c>
      <c r="C2808" s="3">
        <f t="shared" si="647"/>
        <v>27.982999999999997</v>
      </c>
      <c r="D2808" s="239">
        <v>18.520900000000001</v>
      </c>
      <c r="E2808" s="239">
        <v>0.1678</v>
      </c>
      <c r="F2808" s="239">
        <v>0.12870000000000001</v>
      </c>
      <c r="G2808">
        <f t="shared" si="648"/>
        <v>18.54664</v>
      </c>
      <c r="H2808" s="235">
        <f t="shared" si="649"/>
        <v>0.90474608877942309</v>
      </c>
      <c r="I2808" s="236">
        <f t="shared" si="650"/>
        <v>20.392820054861211</v>
      </c>
      <c r="J2808" s="237">
        <f t="shared" si="655"/>
        <v>10.392820054861211</v>
      </c>
      <c r="K2808" s="237">
        <f t="shared" si="651"/>
        <v>570.65228359518119</v>
      </c>
      <c r="L2808" s="237">
        <f t="shared" si="656"/>
        <v>290.8950333355653</v>
      </c>
      <c r="M2808" s="236">
        <f t="shared" si="652"/>
        <v>61.795443910753924</v>
      </c>
      <c r="N2808" s="236">
        <f t="shared" si="653"/>
        <v>0.9334674825509941</v>
      </c>
      <c r="O2808" s="236">
        <f t="shared" si="657"/>
        <v>2.0580387053298979</v>
      </c>
      <c r="P2808" s="236" t="str">
        <f t="shared" si="658"/>
        <v>SAND</v>
      </c>
      <c r="Q2808" s="236" t="e">
        <f t="shared" si="654"/>
        <v>#N/A</v>
      </c>
      <c r="R2808" s="238">
        <v>35</v>
      </c>
      <c r="S2808" s="236" t="e">
        <f t="shared" si="659"/>
        <v>#N/A</v>
      </c>
      <c r="T2808" s="236">
        <f t="shared" si="645"/>
        <v>37.300521019974454</v>
      </c>
    </row>
    <row r="2809" spans="1:20" x14ac:dyDescent="0.2">
      <c r="A2809" s="53">
        <f t="shared" si="646"/>
        <v>2797</v>
      </c>
      <c r="B2809" s="239">
        <v>27.998999999999999</v>
      </c>
      <c r="C2809" s="3">
        <f t="shared" si="647"/>
        <v>27.991999999999997</v>
      </c>
      <c r="D2809" s="239">
        <v>18.0593</v>
      </c>
      <c r="E2809" s="239">
        <v>0.17030000000000001</v>
      </c>
      <c r="F2809" s="239">
        <v>0.14899999999999999</v>
      </c>
      <c r="G2809">
        <f t="shared" si="648"/>
        <v>18.089100000000002</v>
      </c>
      <c r="H2809" s="235">
        <f t="shared" si="649"/>
        <v>0.94145092901249916</v>
      </c>
      <c r="I2809" s="236">
        <f t="shared" si="650"/>
        <v>20.400397867550019</v>
      </c>
      <c r="J2809" s="237">
        <f t="shared" si="655"/>
        <v>10.400397867550019</v>
      </c>
      <c r="K2809" s="237">
        <f t="shared" si="651"/>
        <v>571.04793710846013</v>
      </c>
      <c r="L2809" s="237">
        <f t="shared" si="656"/>
        <v>291.20073989353295</v>
      </c>
      <c r="M2809" s="236">
        <f t="shared" si="652"/>
        <v>60.157992968343379</v>
      </c>
      <c r="N2809" s="236">
        <f t="shared" si="653"/>
        <v>0.97214004952494781</v>
      </c>
      <c r="O2809" s="236">
        <f t="shared" si="657"/>
        <v>2.0777627281284334</v>
      </c>
      <c r="P2809" s="236" t="str">
        <f t="shared" si="658"/>
        <v>SAND</v>
      </c>
      <c r="Q2809" s="236" t="e">
        <f t="shared" si="654"/>
        <v>#N/A</v>
      </c>
      <c r="R2809" s="238">
        <v>35</v>
      </c>
      <c r="S2809" s="236" t="e">
        <f t="shared" si="659"/>
        <v>#N/A</v>
      </c>
      <c r="T2809" s="236">
        <f t="shared" si="645"/>
        <v>37.172226724588853</v>
      </c>
    </row>
    <row r="2810" spans="1:20" x14ac:dyDescent="0.2">
      <c r="A2810" s="53">
        <f t="shared" si="646"/>
        <v>2798</v>
      </c>
      <c r="B2810" s="239">
        <v>28.01</v>
      </c>
      <c r="C2810" s="3">
        <f t="shared" si="647"/>
        <v>28.003</v>
      </c>
      <c r="D2810" s="239">
        <v>17.591100000000001</v>
      </c>
      <c r="E2810" s="239">
        <v>0.17510000000000001</v>
      </c>
      <c r="F2810" s="239">
        <v>0.15459999999999999</v>
      </c>
      <c r="G2810">
        <f t="shared" si="648"/>
        <v>17.622019999999999</v>
      </c>
      <c r="H2810" s="235">
        <f t="shared" si="649"/>
        <v>0.99364318052073497</v>
      </c>
      <c r="I2810" s="236">
        <f t="shared" si="650"/>
        <v>20.422765769633635</v>
      </c>
      <c r="J2810" s="237">
        <f t="shared" si="655"/>
        <v>10.422765769633635</v>
      </c>
      <c r="K2810" s="237">
        <f t="shared" si="651"/>
        <v>571.89870984705067</v>
      </c>
      <c r="L2810" s="237">
        <f t="shared" si="656"/>
        <v>291.94166920743811</v>
      </c>
      <c r="M2810" s="236">
        <f t="shared" si="652"/>
        <v>58.402492992660285</v>
      </c>
      <c r="N2810" s="236">
        <f t="shared" si="653"/>
        <v>1.0269721664744194</v>
      </c>
      <c r="O2810" s="236">
        <f t="shared" si="657"/>
        <v>2.102113885692098</v>
      </c>
      <c r="P2810" s="236" t="str">
        <f t="shared" si="658"/>
        <v>SAND</v>
      </c>
      <c r="Q2810" s="236" t="e">
        <f t="shared" si="654"/>
        <v>#N/A</v>
      </c>
      <c r="R2810" s="238">
        <v>35</v>
      </c>
      <c r="S2810" s="236" t="e">
        <f t="shared" si="659"/>
        <v>#N/A</v>
      </c>
      <c r="T2810" s="236">
        <f t="shared" si="645"/>
        <v>37.030745245776131</v>
      </c>
    </row>
    <row r="2811" spans="1:20" x14ac:dyDescent="0.2">
      <c r="A2811" s="53">
        <f t="shared" si="646"/>
        <v>2799</v>
      </c>
      <c r="B2811" s="239">
        <v>28.021000000000001</v>
      </c>
      <c r="C2811" s="3">
        <f t="shared" si="647"/>
        <v>28.013999999999999</v>
      </c>
      <c r="D2811" s="239">
        <v>17.0776</v>
      </c>
      <c r="E2811" s="239">
        <v>0.18149999999999999</v>
      </c>
      <c r="F2811" s="239">
        <v>0.15540000000000001</v>
      </c>
      <c r="G2811">
        <f t="shared" si="648"/>
        <v>17.10868</v>
      </c>
      <c r="H2811" s="235">
        <f t="shared" si="649"/>
        <v>1.0608650112106837</v>
      </c>
      <c r="I2811" s="236">
        <f t="shared" si="650"/>
        <v>20.453304806707461</v>
      </c>
      <c r="J2811" s="237">
        <f t="shared" si="655"/>
        <v>10.453304806707461</v>
      </c>
      <c r="K2811" s="237">
        <f t="shared" si="651"/>
        <v>572.97888085510283</v>
      </c>
      <c r="L2811" s="237">
        <f t="shared" si="656"/>
        <v>292.91205398874979</v>
      </c>
      <c r="M2811" s="236">
        <f t="shared" si="652"/>
        <v>56.45278469755295</v>
      </c>
      <c r="N2811" s="236">
        <f t="shared" si="653"/>
        <v>1.0976250640492093</v>
      </c>
      <c r="O2811" s="236">
        <f t="shared" si="657"/>
        <v>2.1310442262320333</v>
      </c>
      <c r="P2811" s="236" t="str">
        <f t="shared" si="658"/>
        <v>SAND</v>
      </c>
      <c r="Q2811" s="236" t="e">
        <f t="shared" si="654"/>
        <v>#N/A</v>
      </c>
      <c r="R2811" s="238">
        <v>35</v>
      </c>
      <c r="S2811" s="236" t="e">
        <f t="shared" si="659"/>
        <v>#N/A</v>
      </c>
      <c r="T2811" s="236">
        <f t="shared" si="645"/>
        <v>36.868539065885507</v>
      </c>
    </row>
    <row r="2812" spans="1:20" x14ac:dyDescent="0.2">
      <c r="A2812" s="53">
        <f t="shared" si="646"/>
        <v>2800</v>
      </c>
      <c r="B2812" s="239">
        <v>28.030999999999999</v>
      </c>
      <c r="C2812" s="3">
        <f t="shared" si="647"/>
        <v>28.023999999999997</v>
      </c>
      <c r="D2812" s="239">
        <v>16.5749</v>
      </c>
      <c r="E2812" s="239">
        <v>0.19009999999999999</v>
      </c>
      <c r="F2812" s="239">
        <v>0.16009999999999999</v>
      </c>
      <c r="G2812">
        <f t="shared" si="648"/>
        <v>16.606919999999999</v>
      </c>
      <c r="H2812" s="235">
        <f t="shared" si="649"/>
        <v>1.1447035332259083</v>
      </c>
      <c r="I2812" s="236">
        <f t="shared" si="650"/>
        <v>20.495954954120368</v>
      </c>
      <c r="J2812" s="237">
        <f t="shared" si="655"/>
        <v>10.495954954120368</v>
      </c>
      <c r="K2812" s="237">
        <f t="shared" si="651"/>
        <v>574.37864163426912</v>
      </c>
      <c r="L2812" s="237">
        <f t="shared" si="656"/>
        <v>294.21211331894801</v>
      </c>
      <c r="M2812" s="236">
        <f t="shared" si="652"/>
        <v>54.493138224343774</v>
      </c>
      <c r="N2812" s="236">
        <f t="shared" si="653"/>
        <v>1.1857134545971804</v>
      </c>
      <c r="O2812" s="236">
        <f t="shared" si="657"/>
        <v>2.163320197149047</v>
      </c>
      <c r="P2812" s="236" t="str">
        <f t="shared" si="658"/>
        <v>SAND</v>
      </c>
      <c r="Q2812" s="236" t="e">
        <f t="shared" si="654"/>
        <v>#N/A</v>
      </c>
      <c r="R2812" s="238">
        <v>35</v>
      </c>
      <c r="S2812" s="236" t="e">
        <f t="shared" si="659"/>
        <v>#N/A</v>
      </c>
      <c r="T2812" s="236">
        <f t="shared" si="645"/>
        <v>36.699760012967786</v>
      </c>
    </row>
    <row r="2813" spans="1:20" x14ac:dyDescent="0.2">
      <c r="A2813" s="53">
        <f t="shared" si="646"/>
        <v>2801</v>
      </c>
      <c r="B2813" s="239">
        <v>28.041</v>
      </c>
      <c r="C2813" s="3">
        <f t="shared" si="647"/>
        <v>28.033999999999999</v>
      </c>
      <c r="D2813" s="239">
        <v>16.1069</v>
      </c>
      <c r="E2813" s="239">
        <v>0.19439999999999999</v>
      </c>
      <c r="F2813" s="239">
        <v>0.16700000000000001</v>
      </c>
      <c r="G2813">
        <f t="shared" si="648"/>
        <v>16.1403</v>
      </c>
      <c r="H2813" s="235">
        <f t="shared" si="649"/>
        <v>1.2044385792085648</v>
      </c>
      <c r="I2813" s="236">
        <f t="shared" si="650"/>
        <v>20.511043400405427</v>
      </c>
      <c r="J2813" s="237">
        <f t="shared" si="655"/>
        <v>10.511043400405427</v>
      </c>
      <c r="K2813" s="237">
        <f t="shared" si="651"/>
        <v>575.00659068696575</v>
      </c>
      <c r="L2813" s="237">
        <f t="shared" si="656"/>
        <v>294.74016799076855</v>
      </c>
      <c r="M2813" s="236">
        <f t="shared" si="652"/>
        <v>52.8102210004866</v>
      </c>
      <c r="N2813" s="236">
        <f t="shared" si="653"/>
        <v>1.248932447901602</v>
      </c>
      <c r="O2813" s="236">
        <f t="shared" si="657"/>
        <v>2.187754383900534</v>
      </c>
      <c r="P2813" s="236" t="str">
        <f t="shared" si="658"/>
        <v>SAND</v>
      </c>
      <c r="Q2813" s="236" t="e">
        <f t="shared" si="654"/>
        <v>#N/A</v>
      </c>
      <c r="R2813" s="238">
        <v>35</v>
      </c>
      <c r="S2813" s="236" t="e">
        <f t="shared" si="659"/>
        <v>#N/A</v>
      </c>
      <c r="T2813" s="236">
        <f t="shared" si="645"/>
        <v>36.549897834231068</v>
      </c>
    </row>
    <row r="2814" spans="1:20" x14ac:dyDescent="0.2">
      <c r="A2814" s="53">
        <f t="shared" si="646"/>
        <v>2802</v>
      </c>
      <c r="B2814" s="239">
        <v>28.05</v>
      </c>
      <c r="C2814" s="3">
        <f t="shared" si="647"/>
        <v>28.042999999999999</v>
      </c>
      <c r="D2814" s="239">
        <v>15.6357</v>
      </c>
      <c r="E2814" s="239">
        <v>0.20039999999999999</v>
      </c>
      <c r="F2814" s="239">
        <v>0.1686</v>
      </c>
      <c r="G2814">
        <f t="shared" si="648"/>
        <v>15.669420000000001</v>
      </c>
      <c r="H2814" s="235">
        <f t="shared" si="649"/>
        <v>1.2789241720497631</v>
      </c>
      <c r="I2814" s="236">
        <f t="shared" si="650"/>
        <v>20.535114520119144</v>
      </c>
      <c r="J2814" s="237">
        <f t="shared" si="655"/>
        <v>10.535114520119144</v>
      </c>
      <c r="K2814" s="237">
        <f t="shared" si="651"/>
        <v>575.86621648770119</v>
      </c>
      <c r="L2814" s="237">
        <f t="shared" si="656"/>
        <v>295.50996228934201</v>
      </c>
      <c r="M2814" s="236">
        <f t="shared" si="652"/>
        <v>51.076294235839612</v>
      </c>
      <c r="N2814" s="236">
        <f t="shared" si="653"/>
        <v>1.3277191235036401</v>
      </c>
      <c r="O2814" s="236">
        <f t="shared" si="657"/>
        <v>2.2153566858051725</v>
      </c>
      <c r="P2814" s="236" t="str">
        <f t="shared" si="658"/>
        <v>SAND</v>
      </c>
      <c r="Q2814" s="236" t="e">
        <f t="shared" si="654"/>
        <v>#N/A</v>
      </c>
      <c r="R2814" s="238">
        <v>35</v>
      </c>
      <c r="S2814" s="236" t="e">
        <f t="shared" si="659"/>
        <v>#N/A</v>
      </c>
      <c r="T2814" s="236">
        <f t="shared" si="645"/>
        <v>36.390413181623586</v>
      </c>
    </row>
    <row r="2815" spans="1:20" x14ac:dyDescent="0.2">
      <c r="A2815" s="53">
        <f t="shared" si="646"/>
        <v>2803</v>
      </c>
      <c r="B2815" s="239">
        <v>28.062000000000001</v>
      </c>
      <c r="C2815" s="3">
        <f t="shared" si="647"/>
        <v>28.055</v>
      </c>
      <c r="D2815" s="239">
        <v>15.140499999999999</v>
      </c>
      <c r="E2815" s="239">
        <v>0.20649999999999999</v>
      </c>
      <c r="F2815" s="239">
        <v>0.1726</v>
      </c>
      <c r="G2815">
        <f t="shared" si="648"/>
        <v>15.17502</v>
      </c>
      <c r="H2815" s="235">
        <f t="shared" si="649"/>
        <v>1.3607889808382461</v>
      </c>
      <c r="I2815" s="236">
        <f t="shared" si="650"/>
        <v>20.557743550477618</v>
      </c>
      <c r="J2815" s="237">
        <f t="shared" si="655"/>
        <v>10.557743550477618</v>
      </c>
      <c r="K2815" s="237">
        <f t="shared" si="651"/>
        <v>576.7474953086496</v>
      </c>
      <c r="L2815" s="237">
        <f t="shared" si="656"/>
        <v>296.2713995135029</v>
      </c>
      <c r="M2815" s="236">
        <f t="shared" si="652"/>
        <v>49.2733099741071</v>
      </c>
      <c r="N2815" s="236">
        <f t="shared" si="653"/>
        <v>1.4145509335686017</v>
      </c>
      <c r="O2815" s="236">
        <f t="shared" si="657"/>
        <v>2.2444830929624215</v>
      </c>
      <c r="P2815" s="236" t="str">
        <f t="shared" si="658"/>
        <v>SAND</v>
      </c>
      <c r="Q2815" s="236" t="e">
        <f t="shared" si="654"/>
        <v>#N/A</v>
      </c>
      <c r="R2815" s="238">
        <v>35</v>
      </c>
      <c r="S2815" s="236" t="e">
        <f t="shared" si="659"/>
        <v>#N/A</v>
      </c>
      <c r="T2815" s="236">
        <f t="shared" si="645"/>
        <v>36.218729110683995</v>
      </c>
    </row>
    <row r="2816" spans="1:20" x14ac:dyDescent="0.2">
      <c r="A2816" s="53">
        <f t="shared" si="646"/>
        <v>2804</v>
      </c>
      <c r="B2816" s="239">
        <v>28.071999999999999</v>
      </c>
      <c r="C2816" s="3">
        <f t="shared" si="647"/>
        <v>28.064999999999998</v>
      </c>
      <c r="D2816" s="239">
        <v>14.7102</v>
      </c>
      <c r="E2816" s="239">
        <v>0.20760000000000001</v>
      </c>
      <c r="F2816" s="239">
        <v>0.1847</v>
      </c>
      <c r="G2816">
        <f t="shared" si="648"/>
        <v>14.74714</v>
      </c>
      <c r="H2816" s="235">
        <f t="shared" si="649"/>
        <v>1.407730583692838</v>
      </c>
      <c r="I2816" s="236">
        <f t="shared" si="650"/>
        <v>20.552793920025493</v>
      </c>
      <c r="J2816" s="237">
        <f t="shared" si="655"/>
        <v>10.552793920025493</v>
      </c>
      <c r="K2816" s="237">
        <f t="shared" si="651"/>
        <v>576.81416136551547</v>
      </c>
      <c r="L2816" s="237">
        <f t="shared" si="656"/>
        <v>296.23803092295566</v>
      </c>
      <c r="M2816" s="236">
        <f t="shared" si="652"/>
        <v>47.834256103058699</v>
      </c>
      <c r="N2816" s="236">
        <f t="shared" si="653"/>
        <v>1.4650333546600032</v>
      </c>
      <c r="O2816" s="236">
        <f t="shared" si="657"/>
        <v>2.2639804965039421</v>
      </c>
      <c r="P2816" s="236" t="str">
        <f t="shared" si="658"/>
        <v>SAND</v>
      </c>
      <c r="Q2816" s="236" t="e">
        <f t="shared" si="654"/>
        <v>#N/A</v>
      </c>
      <c r="R2816" s="238">
        <v>35</v>
      </c>
      <c r="S2816" s="236" t="e">
        <f t="shared" si="659"/>
        <v>#N/A</v>
      </c>
      <c r="T2816" s="236">
        <f t="shared" si="645"/>
        <v>36.077129268375316</v>
      </c>
    </row>
    <row r="2817" spans="1:20" x14ac:dyDescent="0.2">
      <c r="A2817" s="53">
        <f t="shared" si="646"/>
        <v>2805</v>
      </c>
      <c r="B2817" s="239">
        <v>28.082000000000001</v>
      </c>
      <c r="C2817" s="3">
        <f t="shared" si="647"/>
        <v>28.074999999999999</v>
      </c>
      <c r="D2817" s="239">
        <v>14.3238</v>
      </c>
      <c r="E2817" s="239">
        <v>0.2084</v>
      </c>
      <c r="F2817" s="239">
        <v>0.186</v>
      </c>
      <c r="G2817">
        <f t="shared" si="648"/>
        <v>14.361000000000001</v>
      </c>
      <c r="H2817" s="235">
        <f t="shared" si="649"/>
        <v>1.4511524267112319</v>
      </c>
      <c r="I2817" s="236">
        <f t="shared" si="650"/>
        <v>20.546933097858151</v>
      </c>
      <c r="J2817" s="237">
        <f t="shared" si="655"/>
        <v>10.546933097858151</v>
      </c>
      <c r="K2817" s="237">
        <f t="shared" si="651"/>
        <v>576.85514672236752</v>
      </c>
      <c r="L2817" s="237">
        <f t="shared" si="656"/>
        <v>296.1789752540526</v>
      </c>
      <c r="M2817" s="236">
        <f t="shared" si="652"/>
        <v>46.539916756258762</v>
      </c>
      <c r="N2817" s="236">
        <f t="shared" si="653"/>
        <v>1.5118819645198815</v>
      </c>
      <c r="O2817" s="236">
        <f t="shared" si="657"/>
        <v>2.2817718716683424</v>
      </c>
      <c r="P2817" s="236" t="str">
        <f t="shared" si="658"/>
        <v>SAND</v>
      </c>
      <c r="Q2817" s="236" t="e">
        <f t="shared" si="654"/>
        <v>#N/A</v>
      </c>
      <c r="R2817" s="238">
        <v>35</v>
      </c>
      <c r="S2817" s="236" t="e">
        <f t="shared" si="659"/>
        <v>#N/A</v>
      </c>
      <c r="T2817" s="236">
        <f t="shared" si="645"/>
        <v>35.946081623644162</v>
      </c>
    </row>
    <row r="2818" spans="1:20" x14ac:dyDescent="0.2">
      <c r="A2818" s="53">
        <f t="shared" si="646"/>
        <v>2806</v>
      </c>
      <c r="B2818" s="239">
        <v>28.093</v>
      </c>
      <c r="C2818" s="3">
        <f t="shared" si="647"/>
        <v>28.085999999999999</v>
      </c>
      <c r="D2818" s="239">
        <v>13.922700000000001</v>
      </c>
      <c r="E2818" s="239">
        <v>0.2084</v>
      </c>
      <c r="F2818" s="239">
        <v>0.18859999999999999</v>
      </c>
      <c r="G2818">
        <f t="shared" si="648"/>
        <v>13.960420000000001</v>
      </c>
      <c r="H2818" s="235">
        <f t="shared" si="649"/>
        <v>1.4927917641446318</v>
      </c>
      <c r="I2818" s="236">
        <f t="shared" si="650"/>
        <v>20.535875519707961</v>
      </c>
      <c r="J2818" s="237">
        <f t="shared" si="655"/>
        <v>10.535875519707961</v>
      </c>
      <c r="K2818" s="237">
        <f t="shared" si="651"/>
        <v>576.77059984651771</v>
      </c>
      <c r="L2818" s="237">
        <f t="shared" si="656"/>
        <v>295.98435097515573</v>
      </c>
      <c r="M2818" s="236">
        <f t="shared" si="652"/>
        <v>45.217422326752931</v>
      </c>
      <c r="N2818" s="236">
        <f t="shared" si="653"/>
        <v>1.5571238738337698</v>
      </c>
      <c r="O2818" s="236">
        <f t="shared" si="657"/>
        <v>2.2995155474101181</v>
      </c>
      <c r="P2818" s="236" t="str">
        <f t="shared" si="658"/>
        <v>SAND</v>
      </c>
      <c r="Q2818" s="236" t="e">
        <f t="shared" si="654"/>
        <v>#N/A</v>
      </c>
      <c r="R2818" s="238">
        <v>35</v>
      </c>
      <c r="S2818" s="236" t="e">
        <f t="shared" si="659"/>
        <v>#N/A</v>
      </c>
      <c r="T2818" s="236">
        <f t="shared" si="645"/>
        <v>35.808363813624069</v>
      </c>
    </row>
    <row r="2819" spans="1:20" x14ac:dyDescent="0.2">
      <c r="A2819" s="53">
        <f t="shared" si="646"/>
        <v>2807</v>
      </c>
      <c r="B2819" s="239">
        <v>28.102</v>
      </c>
      <c r="C2819" s="3">
        <f t="shared" si="647"/>
        <v>28.094999999999999</v>
      </c>
      <c r="D2819" s="239">
        <v>13.5297</v>
      </c>
      <c r="E2819" s="239">
        <v>0.20680000000000001</v>
      </c>
      <c r="F2819" s="239">
        <v>0.19719999999999999</v>
      </c>
      <c r="G2819">
        <f t="shared" si="648"/>
        <v>13.569140000000001</v>
      </c>
      <c r="H2819" s="235">
        <f t="shared" si="649"/>
        <v>1.5240464760478556</v>
      </c>
      <c r="I2819" s="236">
        <f t="shared" si="650"/>
        <v>20.515726588322913</v>
      </c>
      <c r="J2819" s="237">
        <f t="shared" si="655"/>
        <v>10.515726588322913</v>
      </c>
      <c r="K2819" s="237">
        <f t="shared" si="651"/>
        <v>576.38933849893226</v>
      </c>
      <c r="L2819" s="237">
        <f t="shared" si="656"/>
        <v>295.51294858505048</v>
      </c>
      <c r="M2819" s="236">
        <f t="shared" si="652"/>
        <v>43.966772771588637</v>
      </c>
      <c r="N2819" s="236">
        <f t="shared" si="653"/>
        <v>1.5916568045346307</v>
      </c>
      <c r="O2819" s="236">
        <f t="shared" si="657"/>
        <v>2.3149793886707841</v>
      </c>
      <c r="P2819" s="236" t="str">
        <f t="shared" si="658"/>
        <v>SAND</v>
      </c>
      <c r="Q2819" s="236" t="e">
        <f t="shared" si="654"/>
        <v>#N/A</v>
      </c>
      <c r="R2819" s="238">
        <v>35</v>
      </c>
      <c r="S2819" s="236" t="e">
        <f t="shared" si="659"/>
        <v>#N/A</v>
      </c>
      <c r="T2819" s="236">
        <f t="shared" si="645"/>
        <v>35.674370478009386</v>
      </c>
    </row>
    <row r="2820" spans="1:20" x14ac:dyDescent="0.2">
      <c r="A2820" s="53">
        <f t="shared" si="646"/>
        <v>2808</v>
      </c>
      <c r="B2820" s="239">
        <v>28.113</v>
      </c>
      <c r="C2820" s="3">
        <f t="shared" si="647"/>
        <v>28.105999999999998</v>
      </c>
      <c r="D2820" s="239">
        <v>13.188800000000001</v>
      </c>
      <c r="E2820" s="239">
        <v>0.20219999999999999</v>
      </c>
      <c r="F2820" s="239">
        <v>0.2021</v>
      </c>
      <c r="G2820">
        <f t="shared" si="648"/>
        <v>13.22922</v>
      </c>
      <c r="H2820" s="235">
        <f t="shared" si="649"/>
        <v>1.5284347830030793</v>
      </c>
      <c r="I2820" s="236">
        <f t="shared" si="650"/>
        <v>20.479432977663357</v>
      </c>
      <c r="J2820" s="237">
        <f t="shared" si="655"/>
        <v>10.479432977663357</v>
      </c>
      <c r="K2820" s="237">
        <f t="shared" si="651"/>
        <v>575.59494327020627</v>
      </c>
      <c r="L2820" s="237">
        <f t="shared" si="656"/>
        <v>294.60829930104995</v>
      </c>
      <c r="M2820" s="236">
        <f t="shared" si="652"/>
        <v>42.950674121367825</v>
      </c>
      <c r="N2820" s="236">
        <f t="shared" si="653"/>
        <v>1.5979610514258165</v>
      </c>
      <c r="O2820" s="236">
        <f t="shared" si="657"/>
        <v>2.3240524894817738</v>
      </c>
      <c r="P2820" s="236" t="str">
        <f t="shared" si="658"/>
        <v>SAND</v>
      </c>
      <c r="Q2820" s="236" t="e">
        <f t="shared" si="654"/>
        <v>#N/A</v>
      </c>
      <c r="R2820" s="238">
        <v>35</v>
      </c>
      <c r="S2820" s="236" t="e">
        <f t="shared" si="659"/>
        <v>#N/A</v>
      </c>
      <c r="T2820" s="236">
        <f t="shared" si="645"/>
        <v>35.562669830371163</v>
      </c>
    </row>
    <row r="2821" spans="1:20" x14ac:dyDescent="0.2">
      <c r="A2821" s="53">
        <f t="shared" si="646"/>
        <v>2809</v>
      </c>
      <c r="B2821" s="239">
        <v>28.123000000000001</v>
      </c>
      <c r="C2821" s="3">
        <f t="shared" si="647"/>
        <v>28.116</v>
      </c>
      <c r="D2821" s="239">
        <v>12.847899999999999</v>
      </c>
      <c r="E2821" s="239">
        <v>0.1948</v>
      </c>
      <c r="F2821" s="239">
        <v>0.2092</v>
      </c>
      <c r="G2821">
        <f t="shared" si="648"/>
        <v>12.88974</v>
      </c>
      <c r="H2821" s="235">
        <f t="shared" si="649"/>
        <v>1.5112795137838313</v>
      </c>
      <c r="I2821" s="236">
        <f t="shared" si="650"/>
        <v>20.425552967774507</v>
      </c>
      <c r="J2821" s="237">
        <f t="shared" si="655"/>
        <v>10.425552967774507</v>
      </c>
      <c r="K2821" s="237">
        <f t="shared" si="651"/>
        <v>574.284847241948</v>
      </c>
      <c r="L2821" s="237">
        <f t="shared" si="656"/>
        <v>293.19782611272251</v>
      </c>
      <c r="M2821" s="236">
        <f t="shared" si="652"/>
        <v>42.003910179140497</v>
      </c>
      <c r="N2821" s="236">
        <f t="shared" si="653"/>
        <v>1.5817523395095507</v>
      </c>
      <c r="O2821" s="236">
        <f t="shared" si="657"/>
        <v>2.3290111410435053</v>
      </c>
      <c r="P2821" s="236" t="str">
        <f t="shared" si="658"/>
        <v>SAND</v>
      </c>
      <c r="Q2821" s="236" t="e">
        <f t="shared" si="654"/>
        <v>#N/A</v>
      </c>
      <c r="R2821" s="238">
        <v>35</v>
      </c>
      <c r="S2821" s="236" t="e">
        <f t="shared" si="659"/>
        <v>#N/A</v>
      </c>
      <c r="T2821" s="236">
        <f t="shared" si="645"/>
        <v>35.456186932281071</v>
      </c>
    </row>
    <row r="2822" spans="1:20" x14ac:dyDescent="0.2">
      <c r="A2822" s="53">
        <f t="shared" si="646"/>
        <v>2810</v>
      </c>
      <c r="B2822" s="239">
        <v>28.135000000000002</v>
      </c>
      <c r="C2822" s="3">
        <f t="shared" si="647"/>
        <v>28.128</v>
      </c>
      <c r="D2822" s="239">
        <v>12.5077</v>
      </c>
      <c r="E2822" s="239">
        <v>0.18729999999999999</v>
      </c>
      <c r="F2822" s="239">
        <v>0.20499999999999999</v>
      </c>
      <c r="G2822">
        <f t="shared" si="648"/>
        <v>12.5487</v>
      </c>
      <c r="H2822" s="235">
        <f t="shared" si="649"/>
        <v>1.4925848892713987</v>
      </c>
      <c r="I2822" s="236">
        <f t="shared" si="650"/>
        <v>20.369033916422381</v>
      </c>
      <c r="J2822" s="237">
        <f t="shared" si="655"/>
        <v>10.369033916422381</v>
      </c>
      <c r="K2822" s="237">
        <f t="shared" si="651"/>
        <v>572.94018600112872</v>
      </c>
      <c r="L2822" s="237">
        <f t="shared" si="656"/>
        <v>291.73276923854371</v>
      </c>
      <c r="M2822" s="236">
        <f t="shared" si="652"/>
        <v>41.050444368169508</v>
      </c>
      <c r="N2822" s="236">
        <f t="shared" si="653"/>
        <v>1.5639926226731655</v>
      </c>
      <c r="O2822" s="236">
        <f t="shared" si="657"/>
        <v>2.3339512304619774</v>
      </c>
      <c r="P2822" s="236" t="str">
        <f t="shared" si="658"/>
        <v>SAND</v>
      </c>
      <c r="Q2822" s="236" t="e">
        <f t="shared" si="654"/>
        <v>#N/A</v>
      </c>
      <c r="R2822" s="238">
        <v>35</v>
      </c>
      <c r="S2822" s="236" t="e">
        <f t="shared" si="659"/>
        <v>#N/A</v>
      </c>
      <c r="T2822" s="236">
        <f t="shared" si="645"/>
        <v>35.346496489568977</v>
      </c>
    </row>
    <row r="2823" spans="1:20" x14ac:dyDescent="0.2">
      <c r="A2823" s="53">
        <f t="shared" si="646"/>
        <v>2811</v>
      </c>
      <c r="B2823" s="239">
        <v>28.143999999999998</v>
      </c>
      <c r="C2823" s="3">
        <f t="shared" si="647"/>
        <v>28.136999999999997</v>
      </c>
      <c r="D2823" s="239">
        <v>12.188499999999999</v>
      </c>
      <c r="E2823" s="239">
        <v>0.1822</v>
      </c>
      <c r="F2823" s="239">
        <v>0.21579999999999999</v>
      </c>
      <c r="G2823">
        <f t="shared" si="648"/>
        <v>12.23166</v>
      </c>
      <c r="H2823" s="235">
        <f t="shared" si="649"/>
        <v>1.4895770484137068</v>
      </c>
      <c r="I2823" s="236">
        <f t="shared" si="650"/>
        <v>20.326660521052169</v>
      </c>
      <c r="J2823" s="237">
        <f t="shared" si="655"/>
        <v>10.326660521052169</v>
      </c>
      <c r="K2823" s="237">
        <f t="shared" si="651"/>
        <v>571.93124708084486</v>
      </c>
      <c r="L2823" s="237">
        <f t="shared" si="656"/>
        <v>290.63353370449221</v>
      </c>
      <c r="M2823" s="236">
        <f t="shared" si="652"/>
        <v>40.11831877863905</v>
      </c>
      <c r="N2823" s="236">
        <f t="shared" si="653"/>
        <v>1.5626435559608025</v>
      </c>
      <c r="O2823" s="236">
        <f t="shared" si="657"/>
        <v>2.3416680531284841</v>
      </c>
      <c r="P2823" s="236" t="str">
        <f t="shared" si="658"/>
        <v>SAND</v>
      </c>
      <c r="Q2823" s="236" t="e">
        <f t="shared" si="654"/>
        <v>#N/A</v>
      </c>
      <c r="R2823" s="238">
        <v>35</v>
      </c>
      <c r="S2823" s="236" t="e">
        <f t="shared" si="659"/>
        <v>#N/A</v>
      </c>
      <c r="T2823" s="236">
        <f t="shared" si="645"/>
        <v>35.236769974286695</v>
      </c>
    </row>
    <row r="2824" spans="1:20" x14ac:dyDescent="0.2">
      <c r="A2824" s="53">
        <f t="shared" si="646"/>
        <v>2812</v>
      </c>
      <c r="B2824" s="239">
        <v>28.154</v>
      </c>
      <c r="C2824" s="3">
        <f t="shared" si="647"/>
        <v>28.146999999999998</v>
      </c>
      <c r="D2824" s="239">
        <v>11.9137</v>
      </c>
      <c r="E2824" s="239">
        <v>0.17780000000000001</v>
      </c>
      <c r="F2824" s="239">
        <v>0.21690000000000001</v>
      </c>
      <c r="G2824">
        <f t="shared" si="648"/>
        <v>11.957080000000001</v>
      </c>
      <c r="H2824" s="235">
        <f t="shared" si="649"/>
        <v>1.4869851167676389</v>
      </c>
      <c r="I2824" s="236">
        <f t="shared" si="650"/>
        <v>20.289121418743932</v>
      </c>
      <c r="J2824" s="237">
        <f t="shared" si="655"/>
        <v>10.289121418743932</v>
      </c>
      <c r="K2824" s="237">
        <f t="shared" si="651"/>
        <v>571.07790057338536</v>
      </c>
      <c r="L2824" s="237">
        <f t="shared" si="656"/>
        <v>289.67992442331666</v>
      </c>
      <c r="M2824" s="236">
        <f t="shared" si="652"/>
        <v>39.305457988134386</v>
      </c>
      <c r="N2824" s="236">
        <f t="shared" si="653"/>
        <v>1.5615665485337806</v>
      </c>
      <c r="O2824" s="236">
        <f t="shared" si="657"/>
        <v>2.3485804966674793</v>
      </c>
      <c r="P2824" s="236" t="str">
        <f t="shared" si="658"/>
        <v>SAND</v>
      </c>
      <c r="Q2824" s="236" t="e">
        <f t="shared" si="654"/>
        <v>#N/A</v>
      </c>
      <c r="R2824" s="238">
        <v>35</v>
      </c>
      <c r="S2824" s="236" t="e">
        <f t="shared" si="659"/>
        <v>#N/A</v>
      </c>
      <c r="T2824" s="236">
        <f t="shared" si="645"/>
        <v>35.138981471559703</v>
      </c>
    </row>
    <row r="2825" spans="1:20" x14ac:dyDescent="0.2">
      <c r="A2825" s="53">
        <f t="shared" si="646"/>
        <v>2813</v>
      </c>
      <c r="B2825" s="239">
        <v>28.164999999999999</v>
      </c>
      <c r="C2825" s="3">
        <f t="shared" si="647"/>
        <v>28.157999999999998</v>
      </c>
      <c r="D2825" s="239">
        <v>11.5989</v>
      </c>
      <c r="E2825" s="239">
        <v>0.1729</v>
      </c>
      <c r="F2825" s="239">
        <v>0.2253</v>
      </c>
      <c r="G2825">
        <f t="shared" si="648"/>
        <v>11.64396</v>
      </c>
      <c r="H2825" s="235">
        <f t="shared" si="649"/>
        <v>1.4848900202336661</v>
      </c>
      <c r="I2825" s="236">
        <f t="shared" si="650"/>
        <v>20.245980170592475</v>
      </c>
      <c r="J2825" s="237">
        <f t="shared" si="655"/>
        <v>10.245980170592475</v>
      </c>
      <c r="K2825" s="237">
        <f t="shared" si="651"/>
        <v>570.0863096435429</v>
      </c>
      <c r="L2825" s="237">
        <f t="shared" si="656"/>
        <v>288.57803150473706</v>
      </c>
      <c r="M2825" s="236">
        <f t="shared" si="652"/>
        <v>38.373931766786889</v>
      </c>
      <c r="N2825" s="236">
        <f t="shared" si="653"/>
        <v>1.5613325999064609</v>
      </c>
      <c r="O2825" s="236">
        <f t="shared" si="657"/>
        <v>2.356868347101281</v>
      </c>
      <c r="P2825" s="236" t="str">
        <f t="shared" si="658"/>
        <v>SAND</v>
      </c>
      <c r="Q2825" s="236" t="e">
        <f t="shared" si="654"/>
        <v>#N/A</v>
      </c>
      <c r="R2825" s="238">
        <v>35</v>
      </c>
      <c r="S2825" s="236" t="e">
        <f t="shared" si="659"/>
        <v>#N/A</v>
      </c>
      <c r="T2825" s="236">
        <f t="shared" si="645"/>
        <v>35.024399288928095</v>
      </c>
    </row>
    <row r="2826" spans="1:20" x14ac:dyDescent="0.2">
      <c r="A2826" s="53">
        <f t="shared" si="646"/>
        <v>2814</v>
      </c>
      <c r="B2826" s="239">
        <v>28.175000000000001</v>
      </c>
      <c r="C2826" s="3">
        <f t="shared" si="647"/>
        <v>28.167999999999999</v>
      </c>
      <c r="D2826" s="239">
        <v>11.327999999999999</v>
      </c>
      <c r="E2826" s="239">
        <v>0.16900000000000001</v>
      </c>
      <c r="F2826" s="239">
        <v>0.22819999999999999</v>
      </c>
      <c r="G2826">
        <f t="shared" si="648"/>
        <v>11.37364</v>
      </c>
      <c r="H2826" s="235">
        <f t="shared" si="649"/>
        <v>1.4858919396077246</v>
      </c>
      <c r="I2826" s="236">
        <f t="shared" si="650"/>
        <v>20.210046686846532</v>
      </c>
      <c r="J2826" s="237">
        <f t="shared" si="655"/>
        <v>10.210046686846532</v>
      </c>
      <c r="K2826" s="237">
        <f t="shared" si="651"/>
        <v>569.27659507509304</v>
      </c>
      <c r="L2826" s="237">
        <f t="shared" si="656"/>
        <v>287.66806540190106</v>
      </c>
      <c r="M2826" s="236">
        <f t="shared" si="652"/>
        <v>37.558438715921177</v>
      </c>
      <c r="N2826" s="236">
        <f t="shared" si="653"/>
        <v>1.564182855261657</v>
      </c>
      <c r="O2826" s="236">
        <f t="shared" si="657"/>
        <v>2.3648134678414414</v>
      </c>
      <c r="P2826" s="236" t="str">
        <f t="shared" si="658"/>
        <v>SAND</v>
      </c>
      <c r="Q2826" s="236" t="e">
        <f t="shared" si="654"/>
        <v>#N/A</v>
      </c>
      <c r="R2826" s="238">
        <v>35</v>
      </c>
      <c r="S2826" s="236" t="e">
        <f t="shared" si="659"/>
        <v>#N/A</v>
      </c>
      <c r="T2826" s="236">
        <f t="shared" si="645"/>
        <v>34.921782836396233</v>
      </c>
    </row>
    <row r="2827" spans="1:20" x14ac:dyDescent="0.2">
      <c r="A2827" s="53">
        <f t="shared" si="646"/>
        <v>2815</v>
      </c>
      <c r="B2827" s="239">
        <v>28.186</v>
      </c>
      <c r="C2827" s="3">
        <f t="shared" si="647"/>
        <v>28.178999999999998</v>
      </c>
      <c r="D2827" s="239">
        <v>11.0726</v>
      </c>
      <c r="E2827" s="239">
        <v>0.1651</v>
      </c>
      <c r="F2827" s="239">
        <v>0.23130000000000001</v>
      </c>
      <c r="G2827">
        <f t="shared" si="648"/>
        <v>11.11886</v>
      </c>
      <c r="H2827" s="235">
        <f t="shared" si="649"/>
        <v>1.4848644555287143</v>
      </c>
      <c r="I2827" s="236">
        <f t="shared" si="650"/>
        <v>20.173814387963436</v>
      </c>
      <c r="J2827" s="237">
        <f t="shared" si="655"/>
        <v>10.173814387963436</v>
      </c>
      <c r="K2827" s="237">
        <f t="shared" si="651"/>
        <v>568.47791563842168</v>
      </c>
      <c r="L2827" s="237">
        <f t="shared" si="656"/>
        <v>286.75913233913741</v>
      </c>
      <c r="M2827" s="236">
        <f t="shared" si="652"/>
        <v>36.791791069740391</v>
      </c>
      <c r="N2827" s="236">
        <f t="shared" si="653"/>
        <v>1.564872235714774</v>
      </c>
      <c r="O2827" s="236">
        <f t="shared" si="657"/>
        <v>2.37211193585085</v>
      </c>
      <c r="P2827" s="236" t="str">
        <f t="shared" si="658"/>
        <v>SAND</v>
      </c>
      <c r="Q2827" s="236" t="e">
        <f t="shared" si="654"/>
        <v>#N/A</v>
      </c>
      <c r="R2827" s="238">
        <v>35</v>
      </c>
      <c r="S2827" s="236" t="e">
        <f t="shared" si="659"/>
        <v>#N/A</v>
      </c>
      <c r="T2827" s="236">
        <f t="shared" si="645"/>
        <v>34.823260233701077</v>
      </c>
    </row>
    <row r="2828" spans="1:20" x14ac:dyDescent="0.2">
      <c r="A2828" s="53">
        <f t="shared" si="646"/>
        <v>2816</v>
      </c>
      <c r="B2828" s="239">
        <v>28.196000000000002</v>
      </c>
      <c r="C2828" s="3">
        <f t="shared" si="647"/>
        <v>28.189</v>
      </c>
      <c r="D2828" s="239">
        <v>10.9161</v>
      </c>
      <c r="E2828" s="239">
        <v>0.16289999999999999</v>
      </c>
      <c r="F2828" s="239">
        <v>0.23549999999999999</v>
      </c>
      <c r="G2828">
        <f t="shared" si="648"/>
        <v>10.963200000000001</v>
      </c>
      <c r="H2828" s="235">
        <f t="shared" si="649"/>
        <v>1.4858800350262695</v>
      </c>
      <c r="I2828" s="236">
        <f t="shared" si="650"/>
        <v>20.15257358526992</v>
      </c>
      <c r="J2828" s="237">
        <f t="shared" si="655"/>
        <v>10.15257358526992</v>
      </c>
      <c r="K2828" s="237">
        <f t="shared" si="651"/>
        <v>568.08089679517377</v>
      </c>
      <c r="L2828" s="237">
        <f t="shared" si="656"/>
        <v>286.26196481027068</v>
      </c>
      <c r="M2828" s="236">
        <f t="shared" si="652"/>
        <v>36.313308720893204</v>
      </c>
      <c r="N2828" s="236">
        <f t="shared" si="653"/>
        <v>1.5670816118862718</v>
      </c>
      <c r="O2828" s="236">
        <f t="shared" si="657"/>
        <v>2.3770428777445884</v>
      </c>
      <c r="P2828" s="236" t="str">
        <f t="shared" si="658"/>
        <v>SAND</v>
      </c>
      <c r="Q2828" s="236" t="e">
        <f t="shared" si="654"/>
        <v>#N/A</v>
      </c>
      <c r="R2828" s="238">
        <v>35</v>
      </c>
      <c r="S2828" s="236" t="e">
        <f t="shared" si="659"/>
        <v>#N/A</v>
      </c>
      <c r="T2828" s="236">
        <f t="shared" si="645"/>
        <v>34.760724040475047</v>
      </c>
    </row>
    <row r="2829" spans="1:20" x14ac:dyDescent="0.2">
      <c r="A2829" s="53">
        <f t="shared" si="646"/>
        <v>2817</v>
      </c>
      <c r="B2829" s="239">
        <v>28.206</v>
      </c>
      <c r="C2829" s="3">
        <f t="shared" si="647"/>
        <v>28.198999999999998</v>
      </c>
      <c r="D2829" s="239">
        <v>10.8872</v>
      </c>
      <c r="E2829" s="239">
        <v>0.16009999999999999</v>
      </c>
      <c r="F2829" s="239">
        <v>0.2392</v>
      </c>
      <c r="G2829">
        <f t="shared" si="648"/>
        <v>10.935040000000001</v>
      </c>
      <c r="H2829" s="235">
        <f t="shared" si="649"/>
        <v>1.464100725740372</v>
      </c>
      <c r="I2829" s="236">
        <f t="shared" si="650"/>
        <v>20.131237988974341</v>
      </c>
      <c r="J2829" s="237">
        <f t="shared" si="655"/>
        <v>10.131237988974341</v>
      </c>
      <c r="K2829" s="237">
        <f t="shared" si="651"/>
        <v>567.68078005108737</v>
      </c>
      <c r="L2829" s="237">
        <f t="shared" si="656"/>
        <v>285.76169871701023</v>
      </c>
      <c r="M2829" s="236">
        <f t="shared" si="652"/>
        <v>36.27973681041037</v>
      </c>
      <c r="N2829" s="236">
        <f t="shared" si="653"/>
        <v>1.544269824199155</v>
      </c>
      <c r="O2829" s="236">
        <f t="shared" si="657"/>
        <v>2.3735804509243335</v>
      </c>
      <c r="P2829" s="236" t="str">
        <f t="shared" si="658"/>
        <v>SAND</v>
      </c>
      <c r="Q2829" s="236" t="e">
        <f t="shared" si="654"/>
        <v>#N/A</v>
      </c>
      <c r="R2829" s="238">
        <v>35</v>
      </c>
      <c r="S2829" s="236" t="e">
        <f t="shared" si="659"/>
        <v>#N/A</v>
      </c>
      <c r="T2829" s="236">
        <f t="shared" ref="T2829:T2892" si="660">IF(P2829="SAND",17.6+(11*LOG(M2829)),#N/A)</f>
        <v>34.756305406143724</v>
      </c>
    </row>
    <row r="2830" spans="1:20" x14ac:dyDescent="0.2">
      <c r="A2830" s="53">
        <f t="shared" ref="A2830:A2893" si="661">$A2829+1</f>
        <v>2818</v>
      </c>
      <c r="B2830" s="239">
        <v>28.216999999999999</v>
      </c>
      <c r="C2830" s="3">
        <f t="shared" ref="C2830:C2893" si="662">MAX($B2830 - $B$13, 0.001)</f>
        <v>28.209999999999997</v>
      </c>
      <c r="D2830" s="239">
        <v>11.022</v>
      </c>
      <c r="E2830" s="239">
        <v>0.15820000000000001</v>
      </c>
      <c r="F2830" s="239">
        <v>0.2485</v>
      </c>
      <c r="G2830">
        <f t="shared" si="648"/>
        <v>11.0717</v>
      </c>
      <c r="H2830" s="235">
        <f t="shared" si="649"/>
        <v>1.4288681954894011</v>
      </c>
      <c r="I2830" s="236">
        <f t="shared" si="650"/>
        <v>20.122093426741952</v>
      </c>
      <c r="J2830" s="237">
        <f t="shared" si="655"/>
        <v>10.122093426741952</v>
      </c>
      <c r="K2830" s="237">
        <f t="shared" si="651"/>
        <v>567.64425556839035</v>
      </c>
      <c r="L2830" s="237">
        <f t="shared" si="656"/>
        <v>285.61511022237761</v>
      </c>
      <c r="M2830" s="236">
        <f t="shared" si="652"/>
        <v>36.776960911673193</v>
      </c>
      <c r="N2830" s="236">
        <f t="shared" si="653"/>
        <v>1.5060849242338101</v>
      </c>
      <c r="O2830" s="236">
        <f t="shared" si="657"/>
        <v>2.3623747595573219</v>
      </c>
      <c r="P2830" s="236" t="str">
        <f t="shared" si="658"/>
        <v>SAND</v>
      </c>
      <c r="Q2830" s="236" t="e">
        <f t="shared" si="654"/>
        <v>#N/A</v>
      </c>
      <c r="R2830" s="238">
        <v>35</v>
      </c>
      <c r="S2830" s="236" t="e">
        <f t="shared" si="659"/>
        <v>#N/A</v>
      </c>
      <c r="T2830" s="236">
        <f t="shared" si="660"/>
        <v>34.821334219924594</v>
      </c>
    </row>
    <row r="2831" spans="1:20" x14ac:dyDescent="0.2">
      <c r="A2831" s="53">
        <f t="shared" si="661"/>
        <v>2819</v>
      </c>
      <c r="B2831" s="239">
        <v>28.225999999999999</v>
      </c>
      <c r="C2831" s="3">
        <f t="shared" si="662"/>
        <v>28.218999999999998</v>
      </c>
      <c r="D2831" s="239">
        <v>11.3781</v>
      </c>
      <c r="E2831" s="239">
        <v>0.15659999999999999</v>
      </c>
      <c r="F2831" s="239">
        <v>0.2596</v>
      </c>
      <c r="G2831">
        <f t="shared" ref="G2831:G2894" si="663">$D2831+($F2831*(1-$P$8))</f>
        <v>11.430020000000001</v>
      </c>
      <c r="H2831" s="235">
        <f t="shared" ref="H2831:H2894" si="664">($E2831/$G2831)*100</f>
        <v>1.370076342823547</v>
      </c>
      <c r="I2831" s="236">
        <f t="shared" ref="I2831:I2894" si="665">((0.27*(LOG($H2831)))+(0.36*(LOG(($G2831*1000)/101)))+1.236)*10</f>
        <v>20.122623091515159</v>
      </c>
      <c r="J2831" s="237">
        <f t="shared" si="655"/>
        <v>10.122623091515159</v>
      </c>
      <c r="K2831" s="237">
        <f t="shared" ref="K2831:K2894" si="666">$I2831*$C2831</f>
        <v>567.84030101946621</v>
      </c>
      <c r="L2831" s="237">
        <f t="shared" si="656"/>
        <v>285.72115938110687</v>
      </c>
      <c r="M2831" s="236">
        <f t="shared" ref="M2831:M2894" si="667">(($G2831*1000)-$K2831)/$L2831</f>
        <v>38.016714346633677</v>
      </c>
      <c r="N2831" s="236">
        <f t="shared" ref="N2831:N2894" si="668">(($E2831*1000)/(($G2831*1000)-$K2831))*100</f>
        <v>1.4416995882943977</v>
      </c>
      <c r="O2831" s="236">
        <f t="shared" si="657"/>
        <v>2.3395494723153778</v>
      </c>
      <c r="P2831" s="236" t="str">
        <f t="shared" si="658"/>
        <v>SAND</v>
      </c>
      <c r="Q2831" s="236" t="e">
        <f t="shared" ref="Q2831:Q2894" si="669">IF(P2831="CLAY",($G2831*1000 -$K2831)/$L$8,#N/A)</f>
        <v>#N/A</v>
      </c>
      <c r="R2831" s="238">
        <v>35</v>
      </c>
      <c r="S2831" s="236" t="e">
        <f t="shared" si="659"/>
        <v>#N/A</v>
      </c>
      <c r="T2831" s="236">
        <f t="shared" si="660"/>
        <v>34.979720375365432</v>
      </c>
    </row>
    <row r="2832" spans="1:20" x14ac:dyDescent="0.2">
      <c r="A2832" s="53">
        <f t="shared" si="661"/>
        <v>2820</v>
      </c>
      <c r="B2832" s="239">
        <v>28.236999999999998</v>
      </c>
      <c r="C2832" s="3">
        <f t="shared" si="662"/>
        <v>28.229999999999997</v>
      </c>
      <c r="D2832" s="239">
        <v>11.9587</v>
      </c>
      <c r="E2832" s="239">
        <v>0.15609999999999999</v>
      </c>
      <c r="F2832" s="239">
        <v>0.26750000000000002</v>
      </c>
      <c r="G2832">
        <f t="shared" si="663"/>
        <v>12.0122</v>
      </c>
      <c r="H2832" s="235">
        <f t="shared" si="664"/>
        <v>1.2995121626346546</v>
      </c>
      <c r="I2832" s="236">
        <f t="shared" si="665"/>
        <v>20.138291191680402</v>
      </c>
      <c r="J2832" s="237">
        <f t="shared" ref="J2832:J2895" si="670">$I2832-10</f>
        <v>10.138291191680402</v>
      </c>
      <c r="K2832" s="237">
        <f t="shared" si="666"/>
        <v>568.50396034113771</v>
      </c>
      <c r="L2832" s="237">
        <f t="shared" ref="L2832:L2895" si="671">$J2832*$B2832</f>
        <v>286.27492837947949</v>
      </c>
      <c r="M2832" s="236">
        <f t="shared" si="667"/>
        <v>39.974496210472758</v>
      </c>
      <c r="N2832" s="236">
        <f t="shared" si="668"/>
        <v>1.3640697853125896</v>
      </c>
      <c r="O2832" s="236">
        <f t="shared" ref="O2832:O2895" si="672">((3.47-LOG($M2832))^2+(LOG($N2832)+1.22)^2)^0.5</f>
        <v>2.3077731573626856</v>
      </c>
      <c r="P2832" s="236" t="str">
        <f t="shared" ref="P2832:P2895" si="673">IF(O2832&lt;2.6,"SAND","CLAY")</f>
        <v>SAND</v>
      </c>
      <c r="Q2832" s="236" t="e">
        <f t="shared" si="669"/>
        <v>#N/A</v>
      </c>
      <c r="R2832" s="238">
        <v>35</v>
      </c>
      <c r="S2832" s="236" t="e">
        <f t="shared" ref="S2832:S2895" si="674">IF(P2832="SAND",#N/A,0.25*($M2832)^1.25)</f>
        <v>#N/A</v>
      </c>
      <c r="T2832" s="236">
        <f t="shared" si="660"/>
        <v>35.219612990514833</v>
      </c>
    </row>
    <row r="2833" spans="1:20" x14ac:dyDescent="0.2">
      <c r="A2833" s="53">
        <f t="shared" si="661"/>
        <v>2821</v>
      </c>
      <c r="B2833" s="239">
        <v>28.247</v>
      </c>
      <c r="C2833" s="3">
        <f t="shared" si="662"/>
        <v>28.24</v>
      </c>
      <c r="D2833" s="239">
        <v>12.759600000000001</v>
      </c>
      <c r="E2833" s="239">
        <v>0.15290000000000001</v>
      </c>
      <c r="F2833" s="239">
        <v>0.26700000000000002</v>
      </c>
      <c r="G2833">
        <f t="shared" si="663"/>
        <v>12.813000000000001</v>
      </c>
      <c r="H2833" s="235">
        <f t="shared" si="664"/>
        <v>1.1933192851010692</v>
      </c>
      <c r="I2833" s="236">
        <f t="shared" si="665"/>
        <v>20.139229008527586</v>
      </c>
      <c r="J2833" s="237">
        <f t="shared" si="670"/>
        <v>10.139229008527586</v>
      </c>
      <c r="K2833" s="237">
        <f t="shared" si="666"/>
        <v>568.731827200819</v>
      </c>
      <c r="L2833" s="237">
        <f t="shared" si="671"/>
        <v>286.40280180387873</v>
      </c>
      <c r="M2833" s="236">
        <f t="shared" si="667"/>
        <v>42.751914770665337</v>
      </c>
      <c r="N2833" s="236">
        <f t="shared" si="668"/>
        <v>1.2487475596105415</v>
      </c>
      <c r="O2833" s="236">
        <f t="shared" si="672"/>
        <v>2.2616785633195047</v>
      </c>
      <c r="P2833" s="236" t="str">
        <f t="shared" si="673"/>
        <v>SAND</v>
      </c>
      <c r="Q2833" s="236" t="e">
        <f t="shared" si="669"/>
        <v>#N/A</v>
      </c>
      <c r="R2833" s="238">
        <v>35</v>
      </c>
      <c r="S2833" s="236" t="e">
        <f t="shared" si="674"/>
        <v>#N/A</v>
      </c>
      <c r="T2833" s="236">
        <f t="shared" si="660"/>
        <v>35.540511277257615</v>
      </c>
    </row>
    <row r="2834" spans="1:20" x14ac:dyDescent="0.2">
      <c r="A2834" s="53">
        <f t="shared" si="661"/>
        <v>2822</v>
      </c>
      <c r="B2834" s="239">
        <v>28.257000000000001</v>
      </c>
      <c r="C2834" s="3">
        <f t="shared" si="662"/>
        <v>28.25</v>
      </c>
      <c r="D2834" s="239">
        <v>13.735200000000001</v>
      </c>
      <c r="E2834" s="239">
        <v>0.14910000000000001</v>
      </c>
      <c r="F2834" s="239">
        <v>0.2382</v>
      </c>
      <c r="G2834">
        <f t="shared" si="663"/>
        <v>13.78284</v>
      </c>
      <c r="H2834" s="235">
        <f t="shared" si="664"/>
        <v>1.0817799524626275</v>
      </c>
      <c r="I2834" s="236">
        <f t="shared" si="665"/>
        <v>20.138237534858369</v>
      </c>
      <c r="J2834" s="237">
        <f t="shared" si="670"/>
        <v>10.138237534858369</v>
      </c>
      <c r="K2834" s="237">
        <f t="shared" si="666"/>
        <v>568.90521035974893</v>
      </c>
      <c r="L2834" s="237">
        <f t="shared" si="671"/>
        <v>286.47617802249295</v>
      </c>
      <c r="M2834" s="236">
        <f t="shared" si="667"/>
        <v>46.125771716358024</v>
      </c>
      <c r="N2834" s="236">
        <f t="shared" si="668"/>
        <v>1.12835428941949</v>
      </c>
      <c r="O2834" s="236">
        <f t="shared" si="672"/>
        <v>2.2092888146883416</v>
      </c>
      <c r="P2834" s="236" t="str">
        <f t="shared" si="673"/>
        <v>SAND</v>
      </c>
      <c r="Q2834" s="236" t="e">
        <f t="shared" si="669"/>
        <v>#N/A</v>
      </c>
      <c r="R2834" s="238">
        <v>35</v>
      </c>
      <c r="S2834" s="236" t="e">
        <f t="shared" si="674"/>
        <v>#N/A</v>
      </c>
      <c r="T2834" s="236">
        <f t="shared" si="660"/>
        <v>35.903380098055067</v>
      </c>
    </row>
    <row r="2835" spans="1:20" x14ac:dyDescent="0.2">
      <c r="A2835" s="53">
        <f t="shared" si="661"/>
        <v>2823</v>
      </c>
      <c r="B2835" s="239">
        <v>28.268000000000001</v>
      </c>
      <c r="C2835" s="3">
        <f t="shared" si="662"/>
        <v>28.260999999999999</v>
      </c>
      <c r="D2835" s="239">
        <v>14.798500000000001</v>
      </c>
      <c r="E2835" s="239">
        <v>0.14779999999999999</v>
      </c>
      <c r="F2835" s="239">
        <v>0.19220000000000001</v>
      </c>
      <c r="G2835">
        <f t="shared" si="663"/>
        <v>14.83694</v>
      </c>
      <c r="H2835" s="235">
        <f t="shared" si="664"/>
        <v>0.99616228144078223</v>
      </c>
      <c r="I2835" s="236">
        <f t="shared" si="665"/>
        <v>20.156773932720146</v>
      </c>
      <c r="J2835" s="237">
        <f t="shared" si="670"/>
        <v>10.156773932720146</v>
      </c>
      <c r="K2835" s="237">
        <f t="shared" si="666"/>
        <v>569.65058811260405</v>
      </c>
      <c r="L2835" s="237">
        <f t="shared" si="671"/>
        <v>287.11168553013312</v>
      </c>
      <c r="M2835" s="236">
        <f t="shared" si="667"/>
        <v>49.692472062026212</v>
      </c>
      <c r="N2835" s="236">
        <f t="shared" si="668"/>
        <v>1.0359360894218221</v>
      </c>
      <c r="O2835" s="236">
        <f t="shared" si="672"/>
        <v>2.1615023843148071</v>
      </c>
      <c r="P2835" s="236" t="str">
        <f t="shared" si="673"/>
        <v>SAND</v>
      </c>
      <c r="Q2835" s="236" t="e">
        <f t="shared" si="669"/>
        <v>#N/A</v>
      </c>
      <c r="R2835" s="238">
        <v>35</v>
      </c>
      <c r="S2835" s="236" t="e">
        <f t="shared" si="674"/>
        <v>#N/A</v>
      </c>
      <c r="T2835" s="236">
        <f t="shared" si="660"/>
        <v>36.259196624456706</v>
      </c>
    </row>
    <row r="2836" spans="1:20" x14ac:dyDescent="0.2">
      <c r="A2836" s="53">
        <f t="shared" si="661"/>
        <v>2824</v>
      </c>
      <c r="B2836" s="239">
        <v>28.277000000000001</v>
      </c>
      <c r="C2836" s="3">
        <f t="shared" si="662"/>
        <v>28.27</v>
      </c>
      <c r="D2836" s="239">
        <v>15.8375</v>
      </c>
      <c r="E2836" s="239">
        <v>0.1474</v>
      </c>
      <c r="F2836" s="239">
        <v>0.12720000000000001</v>
      </c>
      <c r="G2836">
        <f t="shared" si="663"/>
        <v>15.86294</v>
      </c>
      <c r="H2836" s="235">
        <f t="shared" si="664"/>
        <v>0.92920984382466298</v>
      </c>
      <c r="I2836" s="236">
        <f t="shared" si="665"/>
        <v>20.179731573298326</v>
      </c>
      <c r="J2836" s="237">
        <f t="shared" si="670"/>
        <v>10.179731573298326</v>
      </c>
      <c r="K2836" s="237">
        <f t="shared" si="666"/>
        <v>570.4810115771437</v>
      </c>
      <c r="L2836" s="237">
        <f t="shared" si="671"/>
        <v>287.85226969815676</v>
      </c>
      <c r="M2836" s="236">
        <f t="shared" si="667"/>
        <v>53.126067077597135</v>
      </c>
      <c r="N2836" s="236">
        <f t="shared" si="668"/>
        <v>0.96387376360851473</v>
      </c>
      <c r="O2836" s="236">
        <f t="shared" si="672"/>
        <v>2.119815058615472</v>
      </c>
      <c r="P2836" s="236" t="str">
        <f t="shared" si="673"/>
        <v>SAND</v>
      </c>
      <c r="Q2836" s="236" t="e">
        <f t="shared" si="669"/>
        <v>#N/A</v>
      </c>
      <c r="R2836" s="238">
        <v>35</v>
      </c>
      <c r="S2836" s="236" t="e">
        <f t="shared" si="674"/>
        <v>#N/A</v>
      </c>
      <c r="T2836" s="236">
        <f t="shared" si="660"/>
        <v>36.578384329102533</v>
      </c>
    </row>
    <row r="2837" spans="1:20" x14ac:dyDescent="0.2">
      <c r="A2837" s="53">
        <f t="shared" si="661"/>
        <v>2825</v>
      </c>
      <c r="B2837" s="239">
        <v>28.288</v>
      </c>
      <c r="C2837" s="3">
        <f t="shared" si="662"/>
        <v>28.280999999999999</v>
      </c>
      <c r="D2837" s="239">
        <v>16.804099999999998</v>
      </c>
      <c r="E2837" s="239">
        <v>0.14360000000000001</v>
      </c>
      <c r="F2837" s="239">
        <v>8.2199999999999995E-2</v>
      </c>
      <c r="G2837">
        <f t="shared" si="663"/>
        <v>16.820539999999998</v>
      </c>
      <c r="H2837" s="235">
        <f t="shared" si="664"/>
        <v>0.85371813271155406</v>
      </c>
      <c r="I2837" s="236">
        <f t="shared" si="665"/>
        <v>20.172015982823876</v>
      </c>
      <c r="J2837" s="237">
        <f t="shared" si="670"/>
        <v>10.172015982823876</v>
      </c>
      <c r="K2837" s="237">
        <f t="shared" si="666"/>
        <v>570.48478401024204</v>
      </c>
      <c r="L2837" s="237">
        <f t="shared" si="671"/>
        <v>287.74598812212179</v>
      </c>
      <c r="M2837" s="236">
        <f t="shared" si="667"/>
        <v>56.473611750559307</v>
      </c>
      <c r="N2837" s="236">
        <f t="shared" si="668"/>
        <v>0.88368930499817755</v>
      </c>
      <c r="O2837" s="236">
        <f t="shared" si="672"/>
        <v>2.0766100792154258</v>
      </c>
      <c r="P2837" s="236" t="str">
        <f t="shared" si="673"/>
        <v>SAND</v>
      </c>
      <c r="Q2837" s="236" t="e">
        <f t="shared" si="669"/>
        <v>#N/A</v>
      </c>
      <c r="R2837" s="238">
        <v>35</v>
      </c>
      <c r="S2837" s="236" t="e">
        <f t="shared" si="674"/>
        <v>#N/A</v>
      </c>
      <c r="T2837" s="236">
        <f t="shared" si="660"/>
        <v>36.870301201584553</v>
      </c>
    </row>
    <row r="2838" spans="1:20" x14ac:dyDescent="0.2">
      <c r="A2838" s="53">
        <f t="shared" si="661"/>
        <v>2826</v>
      </c>
      <c r="B2838" s="239">
        <v>28.297999999999998</v>
      </c>
      <c r="C2838" s="3">
        <f t="shared" si="662"/>
        <v>28.290999999999997</v>
      </c>
      <c r="D2838" s="239">
        <v>17.740100000000002</v>
      </c>
      <c r="E2838" s="239">
        <v>0.13830000000000001</v>
      </c>
      <c r="F2838" s="239">
        <v>5.2600000000000001E-2</v>
      </c>
      <c r="G2838">
        <f t="shared" si="663"/>
        <v>17.750620000000001</v>
      </c>
      <c r="H2838" s="235">
        <f t="shared" si="664"/>
        <v>0.77912771497558952</v>
      </c>
      <c r="I2838" s="236">
        <f t="shared" si="665"/>
        <v>20.148955114841662</v>
      </c>
      <c r="J2838" s="237">
        <f t="shared" si="670"/>
        <v>10.148955114841662</v>
      </c>
      <c r="K2838" s="237">
        <f t="shared" si="666"/>
        <v>570.03408915398541</v>
      </c>
      <c r="L2838" s="237">
        <f t="shared" si="671"/>
        <v>287.19513183978933</v>
      </c>
      <c r="M2838" s="236">
        <f t="shared" si="667"/>
        <v>59.82199559159011</v>
      </c>
      <c r="N2838" s="236">
        <f t="shared" si="668"/>
        <v>0.80497836754619601</v>
      </c>
      <c r="O2838" s="236">
        <f t="shared" si="672"/>
        <v>2.0332511183759951</v>
      </c>
      <c r="P2838" s="236" t="str">
        <f t="shared" si="673"/>
        <v>SAND</v>
      </c>
      <c r="Q2838" s="236" t="e">
        <f t="shared" si="669"/>
        <v>#N/A</v>
      </c>
      <c r="R2838" s="238">
        <v>35</v>
      </c>
      <c r="S2838" s="236" t="e">
        <f t="shared" si="674"/>
        <v>#N/A</v>
      </c>
      <c r="T2838" s="236">
        <f t="shared" si="660"/>
        <v>37.145469861404884</v>
      </c>
    </row>
    <row r="2839" spans="1:20" x14ac:dyDescent="0.2">
      <c r="A2839" s="53">
        <f t="shared" si="661"/>
        <v>2827</v>
      </c>
      <c r="B2839" s="239">
        <v>28.308</v>
      </c>
      <c r="C2839" s="3">
        <f t="shared" si="662"/>
        <v>28.300999999999998</v>
      </c>
      <c r="D2839" s="239">
        <v>18.392700000000001</v>
      </c>
      <c r="E2839" s="239">
        <v>0.13320000000000001</v>
      </c>
      <c r="F2839" s="239">
        <v>3.7999999999999999E-2</v>
      </c>
      <c r="G2839">
        <f t="shared" si="663"/>
        <v>18.400300000000001</v>
      </c>
      <c r="H2839" s="235">
        <f t="shared" si="664"/>
        <v>0.72390124074064011</v>
      </c>
      <c r="I2839" s="236">
        <f t="shared" si="665"/>
        <v>20.118946874891144</v>
      </c>
      <c r="J2839" s="237">
        <f t="shared" si="670"/>
        <v>10.118946874891144</v>
      </c>
      <c r="K2839" s="237">
        <f t="shared" si="666"/>
        <v>569.38631550629418</v>
      </c>
      <c r="L2839" s="237">
        <f t="shared" si="671"/>
        <v>286.44714813441851</v>
      </c>
      <c r="M2839" s="236">
        <f t="shared" si="667"/>
        <v>62.248529268395281</v>
      </c>
      <c r="N2839" s="236">
        <f t="shared" si="668"/>
        <v>0.74701724407894299</v>
      </c>
      <c r="O2839" s="236">
        <f t="shared" si="672"/>
        <v>2.0009785483033116</v>
      </c>
      <c r="P2839" s="236" t="str">
        <f t="shared" si="673"/>
        <v>SAND</v>
      </c>
      <c r="Q2839" s="236" t="e">
        <f t="shared" si="669"/>
        <v>#N/A</v>
      </c>
      <c r="R2839" s="238">
        <v>35</v>
      </c>
      <c r="S2839" s="236" t="e">
        <f t="shared" si="674"/>
        <v>#N/A</v>
      </c>
      <c r="T2839" s="236">
        <f t="shared" si="660"/>
        <v>37.33542004405075</v>
      </c>
    </row>
    <row r="2840" spans="1:20" x14ac:dyDescent="0.2">
      <c r="A2840" s="53">
        <f t="shared" si="661"/>
        <v>2828</v>
      </c>
      <c r="B2840" s="239">
        <v>28.318000000000001</v>
      </c>
      <c r="C2840" s="3">
        <f t="shared" si="662"/>
        <v>28.311</v>
      </c>
      <c r="D2840" s="239">
        <v>18.705500000000001</v>
      </c>
      <c r="E2840" s="239">
        <v>0.128</v>
      </c>
      <c r="F2840" s="239">
        <v>1.01E-2</v>
      </c>
      <c r="G2840">
        <f t="shared" si="663"/>
        <v>18.707520000000002</v>
      </c>
      <c r="H2840" s="235">
        <f t="shared" si="664"/>
        <v>0.68421682831289232</v>
      </c>
      <c r="I2840" s="236">
        <f t="shared" si="665"/>
        <v>20.078724568806948</v>
      </c>
      <c r="J2840" s="237">
        <f t="shared" si="670"/>
        <v>10.078724568806948</v>
      </c>
      <c r="K2840" s="237">
        <f t="shared" si="666"/>
        <v>568.4487712674935</v>
      </c>
      <c r="L2840" s="237">
        <f t="shared" si="671"/>
        <v>285.40932233947518</v>
      </c>
      <c r="M2840" s="236">
        <f t="shared" si="667"/>
        <v>63.554585673825002</v>
      </c>
      <c r="N2840" s="236">
        <f t="shared" si="668"/>
        <v>0.70565906261642786</v>
      </c>
      <c r="O2840" s="236">
        <f t="shared" si="672"/>
        <v>1.9799733318197965</v>
      </c>
      <c r="P2840" s="236" t="str">
        <f t="shared" si="673"/>
        <v>SAND</v>
      </c>
      <c r="Q2840" s="236" t="e">
        <f t="shared" si="669"/>
        <v>#N/A</v>
      </c>
      <c r="R2840" s="238">
        <v>35</v>
      </c>
      <c r="S2840" s="236" t="e">
        <f t="shared" si="674"/>
        <v>#N/A</v>
      </c>
      <c r="T2840" s="236">
        <f t="shared" si="660"/>
        <v>37.434615809862251</v>
      </c>
    </row>
    <row r="2841" spans="1:20" x14ac:dyDescent="0.2">
      <c r="A2841" s="53">
        <f t="shared" si="661"/>
        <v>2829</v>
      </c>
      <c r="B2841" s="239">
        <v>28.33</v>
      </c>
      <c r="C2841" s="3">
        <f t="shared" si="662"/>
        <v>28.322999999999997</v>
      </c>
      <c r="D2841" s="239">
        <v>18.833200000000001</v>
      </c>
      <c r="E2841" s="239">
        <v>0.1242</v>
      </c>
      <c r="F2841" s="239">
        <v>-3.2000000000000002E-3</v>
      </c>
      <c r="G2841">
        <f t="shared" si="663"/>
        <v>18.832560000000001</v>
      </c>
      <c r="H2841" s="235">
        <f t="shared" si="664"/>
        <v>0.65949610674279013</v>
      </c>
      <c r="I2841" s="236">
        <f t="shared" si="665"/>
        <v>20.045989786933017</v>
      </c>
      <c r="J2841" s="237">
        <f t="shared" si="670"/>
        <v>10.045989786933017</v>
      </c>
      <c r="K2841" s="237">
        <f t="shared" si="666"/>
        <v>567.76256873530383</v>
      </c>
      <c r="L2841" s="237">
        <f t="shared" si="671"/>
        <v>284.60289066381233</v>
      </c>
      <c r="M2841" s="236">
        <f t="shared" si="667"/>
        <v>64.176429791923738</v>
      </c>
      <c r="N2841" s="236">
        <f t="shared" si="668"/>
        <v>0.67999659162603754</v>
      </c>
      <c r="O2841" s="236">
        <f t="shared" si="672"/>
        <v>1.9677628110093051</v>
      </c>
      <c r="P2841" s="236" t="str">
        <f t="shared" si="673"/>
        <v>SAND</v>
      </c>
      <c r="Q2841" s="236" t="e">
        <f t="shared" si="669"/>
        <v>#N/A</v>
      </c>
      <c r="R2841" s="238">
        <v>35</v>
      </c>
      <c r="S2841" s="236" t="e">
        <f t="shared" si="674"/>
        <v>#N/A</v>
      </c>
      <c r="T2841" s="236">
        <f t="shared" si="660"/>
        <v>37.481131084468693</v>
      </c>
    </row>
    <row r="2842" spans="1:20" x14ac:dyDescent="0.2">
      <c r="A2842" s="53">
        <f t="shared" si="661"/>
        <v>2830</v>
      </c>
      <c r="B2842" s="239">
        <v>28.338999999999999</v>
      </c>
      <c r="C2842" s="3">
        <f t="shared" si="662"/>
        <v>28.331999999999997</v>
      </c>
      <c r="D2842" s="239">
        <v>18.8247</v>
      </c>
      <c r="E2842" s="239">
        <v>0.1169</v>
      </c>
      <c r="F2842" s="239">
        <v>6.9999999999999999E-4</v>
      </c>
      <c r="G2842">
        <f t="shared" si="663"/>
        <v>18.824839999999998</v>
      </c>
      <c r="H2842" s="235">
        <f t="shared" si="664"/>
        <v>0.62098801370954559</v>
      </c>
      <c r="I2842" s="236">
        <f t="shared" si="665"/>
        <v>19.974800398797555</v>
      </c>
      <c r="J2842" s="237">
        <f t="shared" si="670"/>
        <v>9.9748003987975551</v>
      </c>
      <c r="K2842" s="237">
        <f t="shared" si="666"/>
        <v>565.92604489873224</v>
      </c>
      <c r="L2842" s="237">
        <f t="shared" si="671"/>
        <v>282.67586850152389</v>
      </c>
      <c r="M2842" s="236">
        <f t="shared" si="667"/>
        <v>64.593111721536388</v>
      </c>
      <c r="N2842" s="236">
        <f t="shared" si="668"/>
        <v>0.64023523133663662</v>
      </c>
      <c r="O2842" s="236">
        <f t="shared" si="672"/>
        <v>1.951500637756352</v>
      </c>
      <c r="P2842" s="236" t="str">
        <f t="shared" si="673"/>
        <v>SAND</v>
      </c>
      <c r="Q2842" s="236" t="e">
        <f t="shared" si="669"/>
        <v>#N/A</v>
      </c>
      <c r="R2842" s="238">
        <v>35</v>
      </c>
      <c r="S2842" s="236" t="e">
        <f t="shared" si="674"/>
        <v>#N/A</v>
      </c>
      <c r="T2842" s="236">
        <f t="shared" si="660"/>
        <v>37.512048275203725</v>
      </c>
    </row>
    <row r="2843" spans="1:20" x14ac:dyDescent="0.2">
      <c r="A2843" s="53">
        <f t="shared" si="661"/>
        <v>2831</v>
      </c>
      <c r="B2843" s="239">
        <v>28.35</v>
      </c>
      <c r="C2843" s="3">
        <f t="shared" si="662"/>
        <v>28.343</v>
      </c>
      <c r="D2843" s="239">
        <v>18.641500000000001</v>
      </c>
      <c r="E2843" s="239">
        <v>0.1163</v>
      </c>
      <c r="F2843" s="239">
        <v>3.27E-2</v>
      </c>
      <c r="G2843">
        <f t="shared" si="663"/>
        <v>18.648040000000002</v>
      </c>
      <c r="H2843" s="235">
        <f t="shared" si="664"/>
        <v>0.62365803591154889</v>
      </c>
      <c r="I2843" s="236">
        <f t="shared" si="665"/>
        <v>19.965078157016002</v>
      </c>
      <c r="J2843" s="237">
        <f t="shared" si="670"/>
        <v>9.9650781570160021</v>
      </c>
      <c r="K2843" s="237">
        <f t="shared" si="666"/>
        <v>565.8702102043045</v>
      </c>
      <c r="L2843" s="237">
        <f t="shared" si="671"/>
        <v>282.50996575140368</v>
      </c>
      <c r="M2843" s="236">
        <f t="shared" si="667"/>
        <v>64.005422752793109</v>
      </c>
      <c r="N2843" s="236">
        <f t="shared" si="668"/>
        <v>0.6431750246346627</v>
      </c>
      <c r="O2843" s="236">
        <f t="shared" si="672"/>
        <v>1.9559231888420086</v>
      </c>
      <c r="P2843" s="236" t="str">
        <f t="shared" si="673"/>
        <v>SAND</v>
      </c>
      <c r="Q2843" s="236" t="e">
        <f t="shared" si="669"/>
        <v>#N/A</v>
      </c>
      <c r="R2843" s="238">
        <v>35</v>
      </c>
      <c r="S2843" s="236" t="e">
        <f t="shared" si="674"/>
        <v>#N/A</v>
      </c>
      <c r="T2843" s="236">
        <f t="shared" si="660"/>
        <v>37.468384474608996</v>
      </c>
    </row>
    <row r="2844" spans="1:20" x14ac:dyDescent="0.2">
      <c r="A2844" s="53">
        <f t="shared" si="661"/>
        <v>2832</v>
      </c>
      <c r="B2844" s="239">
        <v>28.36</v>
      </c>
      <c r="C2844" s="3">
        <f t="shared" si="662"/>
        <v>28.352999999999998</v>
      </c>
      <c r="D2844" s="239">
        <v>18.4907</v>
      </c>
      <c r="E2844" s="239">
        <v>0.1096</v>
      </c>
      <c r="F2844" s="239">
        <v>5.5300000000000002E-2</v>
      </c>
      <c r="G2844">
        <f t="shared" si="663"/>
        <v>18.501760000000001</v>
      </c>
      <c r="H2844" s="235">
        <f t="shared" si="664"/>
        <v>0.59237607665432912</v>
      </c>
      <c r="I2844" s="236">
        <f t="shared" si="665"/>
        <v>19.892423289374857</v>
      </c>
      <c r="J2844" s="237">
        <f t="shared" si="670"/>
        <v>9.8924232893748574</v>
      </c>
      <c r="K2844" s="237">
        <f t="shared" si="666"/>
        <v>564.00987752364529</v>
      </c>
      <c r="L2844" s="237">
        <f t="shared" si="671"/>
        <v>280.54912448667096</v>
      </c>
      <c r="M2844" s="236">
        <f t="shared" si="667"/>
        <v>63.938000716621701</v>
      </c>
      <c r="N2844" s="236">
        <f t="shared" si="668"/>
        <v>0.61100193308339723</v>
      </c>
      <c r="O2844" s="236">
        <f t="shared" si="672"/>
        <v>1.944690107405437</v>
      </c>
      <c r="P2844" s="236" t="str">
        <f t="shared" si="673"/>
        <v>SAND</v>
      </c>
      <c r="Q2844" s="236" t="e">
        <f t="shared" si="669"/>
        <v>#N/A</v>
      </c>
      <c r="R2844" s="238">
        <v>35</v>
      </c>
      <c r="S2844" s="236" t="e">
        <f t="shared" si="674"/>
        <v>#N/A</v>
      </c>
      <c r="T2844" s="236">
        <f t="shared" si="660"/>
        <v>37.46334957368127</v>
      </c>
    </row>
    <row r="2845" spans="1:20" x14ac:dyDescent="0.2">
      <c r="A2845" s="53">
        <f t="shared" si="661"/>
        <v>2833</v>
      </c>
      <c r="B2845" s="239">
        <v>28.370999999999999</v>
      </c>
      <c r="C2845" s="3">
        <f t="shared" si="662"/>
        <v>28.363999999999997</v>
      </c>
      <c r="D2845" s="239">
        <v>18.278400000000001</v>
      </c>
      <c r="E2845" s="239">
        <v>0.1056</v>
      </c>
      <c r="F2845" s="239">
        <v>6.7599999999999993E-2</v>
      </c>
      <c r="G2845">
        <f t="shared" si="663"/>
        <v>18.291920000000001</v>
      </c>
      <c r="H2845" s="235">
        <f t="shared" si="664"/>
        <v>0.57730407742872258</v>
      </c>
      <c r="I2845" s="236">
        <f t="shared" si="665"/>
        <v>19.844368997503668</v>
      </c>
      <c r="J2845" s="237">
        <f t="shared" si="670"/>
        <v>9.8443689975036683</v>
      </c>
      <c r="K2845" s="237">
        <f t="shared" si="666"/>
        <v>562.86568224519397</v>
      </c>
      <c r="L2845" s="237">
        <f t="shared" si="671"/>
        <v>279.29459282817658</v>
      </c>
      <c r="M2845" s="236">
        <f t="shared" si="667"/>
        <v>63.477971908542507</v>
      </c>
      <c r="N2845" s="236">
        <f t="shared" si="668"/>
        <v>0.5956324466457672</v>
      </c>
      <c r="O2845" s="236">
        <f t="shared" si="672"/>
        <v>1.9416817014124681</v>
      </c>
      <c r="P2845" s="236" t="str">
        <f t="shared" si="673"/>
        <v>SAND</v>
      </c>
      <c r="Q2845" s="236" t="e">
        <f t="shared" si="669"/>
        <v>#N/A</v>
      </c>
      <c r="R2845" s="238">
        <v>35</v>
      </c>
      <c r="S2845" s="236" t="e">
        <f t="shared" si="674"/>
        <v>#N/A</v>
      </c>
      <c r="T2845" s="236">
        <f t="shared" si="660"/>
        <v>37.428853470791992</v>
      </c>
    </row>
    <row r="2846" spans="1:20" x14ac:dyDescent="0.2">
      <c r="A2846" s="53">
        <f t="shared" si="661"/>
        <v>2834</v>
      </c>
      <c r="B2846" s="239">
        <v>28.38</v>
      </c>
      <c r="C2846" s="3">
        <f t="shared" si="662"/>
        <v>28.372999999999998</v>
      </c>
      <c r="D2846" s="239">
        <v>17.8993</v>
      </c>
      <c r="E2846" s="239">
        <v>0.1016</v>
      </c>
      <c r="F2846" s="239">
        <v>8.9300000000000004E-2</v>
      </c>
      <c r="G2846">
        <f t="shared" si="663"/>
        <v>17.917159999999999</v>
      </c>
      <c r="H2846" s="235">
        <f t="shared" si="664"/>
        <v>0.56705415367167566</v>
      </c>
      <c r="I2846" s="236">
        <f t="shared" si="665"/>
        <v>19.790998320598089</v>
      </c>
      <c r="J2846" s="237">
        <f t="shared" si="670"/>
        <v>9.7909983205980886</v>
      </c>
      <c r="K2846" s="237">
        <f t="shared" si="666"/>
        <v>561.5299953503295</v>
      </c>
      <c r="L2846" s="237">
        <f t="shared" si="671"/>
        <v>277.86853233857374</v>
      </c>
      <c r="M2846" s="236">
        <f t="shared" si="667"/>
        <v>62.459861354514224</v>
      </c>
      <c r="N2846" s="236">
        <f t="shared" si="668"/>
        <v>0.58540081790624021</v>
      </c>
      <c r="O2846" s="236">
        <f t="shared" si="672"/>
        <v>1.943881690556851</v>
      </c>
      <c r="P2846" s="236" t="str">
        <f t="shared" si="673"/>
        <v>SAND</v>
      </c>
      <c r="Q2846" s="236" t="e">
        <f t="shared" si="669"/>
        <v>#N/A</v>
      </c>
      <c r="R2846" s="238">
        <v>35</v>
      </c>
      <c r="S2846" s="236" t="e">
        <f t="shared" si="674"/>
        <v>#N/A</v>
      </c>
      <c r="T2846" s="236">
        <f t="shared" si="660"/>
        <v>37.351611174554861</v>
      </c>
    </row>
    <row r="2847" spans="1:20" x14ac:dyDescent="0.2">
      <c r="A2847" s="53">
        <f t="shared" si="661"/>
        <v>2835</v>
      </c>
      <c r="B2847" s="239">
        <v>28.39</v>
      </c>
      <c r="C2847" s="3">
        <f t="shared" si="662"/>
        <v>28.382999999999999</v>
      </c>
      <c r="D2847" s="239">
        <v>17.6449</v>
      </c>
      <c r="E2847" s="239">
        <v>9.4899999999999998E-2</v>
      </c>
      <c r="F2847" s="239">
        <v>0.1215</v>
      </c>
      <c r="G2847">
        <f t="shared" si="663"/>
        <v>17.6692</v>
      </c>
      <c r="H2847" s="235">
        <f t="shared" si="664"/>
        <v>0.53709279424082579</v>
      </c>
      <c r="I2847" s="236">
        <f t="shared" si="665"/>
        <v>19.705557025881866</v>
      </c>
      <c r="J2847" s="237">
        <f t="shared" si="670"/>
        <v>9.7055570258818662</v>
      </c>
      <c r="K2847" s="237">
        <f t="shared" si="666"/>
        <v>559.30282506560502</v>
      </c>
      <c r="L2847" s="237">
        <f t="shared" si="671"/>
        <v>275.54076396478621</v>
      </c>
      <c r="M2847" s="236">
        <f t="shared" si="667"/>
        <v>62.095702025131281</v>
      </c>
      <c r="N2847" s="236">
        <f t="shared" si="668"/>
        <v>0.5546497388600693</v>
      </c>
      <c r="O2847" s="236">
        <f t="shared" si="672"/>
        <v>1.9342840705372595</v>
      </c>
      <c r="P2847" s="236" t="str">
        <f t="shared" si="673"/>
        <v>SAND</v>
      </c>
      <c r="Q2847" s="236" t="e">
        <f t="shared" si="669"/>
        <v>#N/A</v>
      </c>
      <c r="R2847" s="238">
        <v>35</v>
      </c>
      <c r="S2847" s="236" t="e">
        <f t="shared" si="674"/>
        <v>#N/A</v>
      </c>
      <c r="T2847" s="236">
        <f t="shared" si="660"/>
        <v>37.323676955162654</v>
      </c>
    </row>
    <row r="2848" spans="1:20" x14ac:dyDescent="0.2">
      <c r="A2848" s="53">
        <f t="shared" si="661"/>
        <v>2836</v>
      </c>
      <c r="B2848" s="239">
        <v>28.401</v>
      </c>
      <c r="C2848" s="3">
        <f t="shared" si="662"/>
        <v>28.393999999999998</v>
      </c>
      <c r="D2848" s="239">
        <v>17.238900000000001</v>
      </c>
      <c r="E2848" s="239">
        <v>9.1700000000000004E-2</v>
      </c>
      <c r="F2848" s="239">
        <v>0.12239999999999999</v>
      </c>
      <c r="G2848">
        <f t="shared" si="663"/>
        <v>17.263380000000002</v>
      </c>
      <c r="H2848" s="235">
        <f t="shared" si="664"/>
        <v>0.53118219027791769</v>
      </c>
      <c r="I2848" s="236">
        <f t="shared" si="665"/>
        <v>19.656253507954482</v>
      </c>
      <c r="J2848" s="237">
        <f t="shared" si="670"/>
        <v>9.6562535079544816</v>
      </c>
      <c r="K2848" s="237">
        <f t="shared" si="666"/>
        <v>558.11966210485957</v>
      </c>
      <c r="L2848" s="237">
        <f t="shared" si="671"/>
        <v>274.24725587941521</v>
      </c>
      <c r="M2848" s="236">
        <f t="shared" si="667"/>
        <v>60.913135791740942</v>
      </c>
      <c r="N2848" s="236">
        <f t="shared" si="668"/>
        <v>0.54892888913549354</v>
      </c>
      <c r="O2848" s="236">
        <f t="shared" si="672"/>
        <v>1.9392963360917557</v>
      </c>
      <c r="P2848" s="236" t="str">
        <f t="shared" si="673"/>
        <v>SAND</v>
      </c>
      <c r="Q2848" s="236" t="e">
        <f t="shared" si="669"/>
        <v>#N/A</v>
      </c>
      <c r="R2848" s="238">
        <v>35</v>
      </c>
      <c r="S2848" s="236" t="e">
        <f t="shared" si="674"/>
        <v>#N/A</v>
      </c>
      <c r="T2848" s="236">
        <f t="shared" si="660"/>
        <v>37.231820531832064</v>
      </c>
    </row>
    <row r="2849" spans="1:20" x14ac:dyDescent="0.2">
      <c r="A2849" s="53">
        <f t="shared" si="661"/>
        <v>2837</v>
      </c>
      <c r="B2849" s="239">
        <v>28.411000000000001</v>
      </c>
      <c r="C2849" s="3">
        <f t="shared" si="662"/>
        <v>28.404</v>
      </c>
      <c r="D2849" s="239">
        <v>16.750900000000001</v>
      </c>
      <c r="E2849" s="239">
        <v>8.9899999999999994E-2</v>
      </c>
      <c r="F2849" s="239">
        <v>0.12540000000000001</v>
      </c>
      <c r="G2849">
        <f t="shared" si="663"/>
        <v>16.775980000000001</v>
      </c>
      <c r="H2849" s="235">
        <f t="shared" si="664"/>
        <v>0.53588523591468273</v>
      </c>
      <c r="I2849" s="236">
        <f t="shared" si="665"/>
        <v>19.621813331792282</v>
      </c>
      <c r="J2849" s="237">
        <f t="shared" si="670"/>
        <v>9.621813331792282</v>
      </c>
      <c r="K2849" s="237">
        <f t="shared" si="666"/>
        <v>557.337985876228</v>
      </c>
      <c r="L2849" s="237">
        <f t="shared" si="671"/>
        <v>273.36533856955054</v>
      </c>
      <c r="M2849" s="236">
        <f t="shared" si="667"/>
        <v>59.329548138735113</v>
      </c>
      <c r="N2849" s="236">
        <f t="shared" si="668"/>
        <v>0.55430041505146888</v>
      </c>
      <c r="O2849" s="236">
        <f t="shared" si="672"/>
        <v>1.9513313350419357</v>
      </c>
      <c r="P2849" s="236" t="str">
        <f t="shared" si="673"/>
        <v>SAND</v>
      </c>
      <c r="Q2849" s="236" t="e">
        <f t="shared" si="669"/>
        <v>#N/A</v>
      </c>
      <c r="R2849" s="238">
        <v>35</v>
      </c>
      <c r="S2849" s="236" t="e">
        <f t="shared" si="674"/>
        <v>#N/A</v>
      </c>
      <c r="T2849" s="236">
        <f t="shared" si="660"/>
        <v>37.105981447798065</v>
      </c>
    </row>
    <row r="2850" spans="1:20" x14ac:dyDescent="0.2">
      <c r="A2850" s="53">
        <f t="shared" si="661"/>
        <v>2838</v>
      </c>
      <c r="B2850" s="239">
        <v>28.420999999999999</v>
      </c>
      <c r="C2850" s="3">
        <f t="shared" si="662"/>
        <v>28.413999999999998</v>
      </c>
      <c r="D2850" s="239">
        <v>16.238299999999999</v>
      </c>
      <c r="E2850" s="239">
        <v>8.8999999999999996E-2</v>
      </c>
      <c r="F2850" s="239">
        <v>0.13270000000000001</v>
      </c>
      <c r="G2850">
        <f t="shared" si="663"/>
        <v>16.26484</v>
      </c>
      <c r="H2850" s="235">
        <f t="shared" si="664"/>
        <v>0.54719259457824354</v>
      </c>
      <c r="I2850" s="236">
        <f t="shared" si="665"/>
        <v>19.597920888192871</v>
      </c>
      <c r="J2850" s="237">
        <f t="shared" si="670"/>
        <v>9.5979208881928706</v>
      </c>
      <c r="K2850" s="237">
        <f t="shared" si="666"/>
        <v>556.85532411711222</v>
      </c>
      <c r="L2850" s="237">
        <f t="shared" si="671"/>
        <v>272.7825095633296</v>
      </c>
      <c r="M2850" s="236">
        <f t="shared" si="667"/>
        <v>57.584280975449047</v>
      </c>
      <c r="N2850" s="236">
        <f t="shared" si="668"/>
        <v>0.56659082521671511</v>
      </c>
      <c r="O2850" s="236">
        <f t="shared" si="672"/>
        <v>1.96731140949332</v>
      </c>
      <c r="P2850" s="236" t="str">
        <f t="shared" si="673"/>
        <v>SAND</v>
      </c>
      <c r="Q2850" s="236" t="e">
        <f t="shared" si="669"/>
        <v>#N/A</v>
      </c>
      <c r="R2850" s="238">
        <v>35</v>
      </c>
      <c r="S2850" s="236" t="e">
        <f t="shared" si="674"/>
        <v>#N/A</v>
      </c>
      <c r="T2850" s="236">
        <f t="shared" si="660"/>
        <v>36.963343432408365</v>
      </c>
    </row>
    <row r="2851" spans="1:20" x14ac:dyDescent="0.2">
      <c r="A2851" s="53">
        <f t="shared" si="661"/>
        <v>2839</v>
      </c>
      <c r="B2851" s="239">
        <v>28.431999999999999</v>
      </c>
      <c r="C2851" s="3">
        <f t="shared" si="662"/>
        <v>28.424999999999997</v>
      </c>
      <c r="D2851" s="239">
        <v>15.663399999999999</v>
      </c>
      <c r="E2851" s="239">
        <v>9.3600000000000003E-2</v>
      </c>
      <c r="F2851" s="239">
        <v>0.13339999999999999</v>
      </c>
      <c r="G2851">
        <f t="shared" si="663"/>
        <v>15.69008</v>
      </c>
      <c r="H2851" s="235">
        <f t="shared" si="664"/>
        <v>0.59655527569011757</v>
      </c>
      <c r="I2851" s="236">
        <f t="shared" si="665"/>
        <v>19.642950488136883</v>
      </c>
      <c r="J2851" s="237">
        <f t="shared" si="670"/>
        <v>9.6429504881368828</v>
      </c>
      <c r="K2851" s="237">
        <f t="shared" si="666"/>
        <v>558.35086762529079</v>
      </c>
      <c r="L2851" s="237">
        <f t="shared" si="671"/>
        <v>274.16836827870782</v>
      </c>
      <c r="M2851" s="236">
        <f t="shared" si="667"/>
        <v>55.191374655563621</v>
      </c>
      <c r="N2851" s="236">
        <f t="shared" si="668"/>
        <v>0.61856777359132409</v>
      </c>
      <c r="O2851" s="236">
        <f t="shared" si="672"/>
        <v>2.0023319808255287</v>
      </c>
      <c r="P2851" s="236" t="str">
        <f t="shared" si="673"/>
        <v>SAND</v>
      </c>
      <c r="Q2851" s="236" t="e">
        <f t="shared" si="669"/>
        <v>#N/A</v>
      </c>
      <c r="R2851" s="238">
        <v>35</v>
      </c>
      <c r="S2851" s="236" t="e">
        <f t="shared" si="674"/>
        <v>#N/A</v>
      </c>
      <c r="T2851" s="236">
        <f t="shared" si="660"/>
        <v>36.760583323244809</v>
      </c>
    </row>
    <row r="2852" spans="1:20" x14ac:dyDescent="0.2">
      <c r="A2852" s="53">
        <f t="shared" si="661"/>
        <v>2840</v>
      </c>
      <c r="B2852" s="239">
        <v>28.442</v>
      </c>
      <c r="C2852" s="3">
        <f t="shared" si="662"/>
        <v>28.434999999999999</v>
      </c>
      <c r="D2852" s="239">
        <v>15.097799999999999</v>
      </c>
      <c r="E2852" s="239">
        <v>0.1022</v>
      </c>
      <c r="F2852" s="239">
        <v>0.14799999999999999</v>
      </c>
      <c r="G2852">
        <f t="shared" si="663"/>
        <v>15.1274</v>
      </c>
      <c r="H2852" s="235">
        <f t="shared" si="664"/>
        <v>0.67559527744357928</v>
      </c>
      <c r="I2852" s="236">
        <f t="shared" si="665"/>
        <v>19.731748334669884</v>
      </c>
      <c r="J2852" s="237">
        <f t="shared" si="670"/>
        <v>9.7317483346698843</v>
      </c>
      <c r="K2852" s="237">
        <f t="shared" si="666"/>
        <v>561.07226389633809</v>
      </c>
      <c r="L2852" s="237">
        <f t="shared" si="671"/>
        <v>276.79038613468083</v>
      </c>
      <c r="M2852" s="236">
        <f t="shared" si="667"/>
        <v>52.625844197550883</v>
      </c>
      <c r="N2852" s="236">
        <f t="shared" si="668"/>
        <v>0.70161815559518248</v>
      </c>
      <c r="O2852" s="236">
        <f t="shared" si="672"/>
        <v>2.0481395529959538</v>
      </c>
      <c r="P2852" s="236" t="str">
        <f t="shared" si="673"/>
        <v>SAND</v>
      </c>
      <c r="Q2852" s="236" t="e">
        <f t="shared" si="669"/>
        <v>#N/A</v>
      </c>
      <c r="R2852" s="238">
        <v>35</v>
      </c>
      <c r="S2852" s="236" t="e">
        <f t="shared" si="674"/>
        <v>#N/A</v>
      </c>
      <c r="T2852" s="236">
        <f t="shared" si="660"/>
        <v>36.533189831986348</v>
      </c>
    </row>
    <row r="2853" spans="1:20" x14ac:dyDescent="0.2">
      <c r="A2853" s="53">
        <f t="shared" si="661"/>
        <v>2841</v>
      </c>
      <c r="B2853" s="239">
        <v>28.452000000000002</v>
      </c>
      <c r="C2853" s="3">
        <f t="shared" si="662"/>
        <v>28.445</v>
      </c>
      <c r="D2853" s="239">
        <v>14.4787</v>
      </c>
      <c r="E2853" s="239">
        <v>0.11310000000000001</v>
      </c>
      <c r="F2853" s="239">
        <v>0.152</v>
      </c>
      <c r="G2853">
        <f t="shared" si="663"/>
        <v>14.5091</v>
      </c>
      <c r="H2853" s="235">
        <f t="shared" si="664"/>
        <v>0.77951078978020694</v>
      </c>
      <c r="I2853" s="236">
        <f t="shared" si="665"/>
        <v>19.83426851425488</v>
      </c>
      <c r="J2853" s="237">
        <f t="shared" si="670"/>
        <v>9.8342685142548802</v>
      </c>
      <c r="K2853" s="237">
        <f t="shared" si="666"/>
        <v>564.18576788798009</v>
      </c>
      <c r="L2853" s="237">
        <f t="shared" si="671"/>
        <v>279.80460776757985</v>
      </c>
      <c r="M2853" s="236">
        <f t="shared" si="667"/>
        <v>49.838043566799961</v>
      </c>
      <c r="N2853" s="236">
        <f t="shared" si="668"/>
        <v>0.81104837303019039</v>
      </c>
      <c r="O2853" s="236">
        <f t="shared" si="672"/>
        <v>2.1014962862082207</v>
      </c>
      <c r="P2853" s="236" t="str">
        <f t="shared" si="673"/>
        <v>SAND</v>
      </c>
      <c r="Q2853" s="236" t="e">
        <f t="shared" si="669"/>
        <v>#N/A</v>
      </c>
      <c r="R2853" s="238">
        <v>35</v>
      </c>
      <c r="S2853" s="236" t="e">
        <f t="shared" si="674"/>
        <v>#N/A</v>
      </c>
      <c r="T2853" s="236">
        <f t="shared" si="660"/>
        <v>36.27317083940342</v>
      </c>
    </row>
    <row r="2854" spans="1:20" x14ac:dyDescent="0.2">
      <c r="A2854" s="53">
        <f t="shared" si="661"/>
        <v>2842</v>
      </c>
      <c r="B2854" s="239">
        <v>28.463000000000001</v>
      </c>
      <c r="C2854" s="3">
        <f t="shared" si="662"/>
        <v>28.456</v>
      </c>
      <c r="D2854" s="239">
        <v>13.829700000000001</v>
      </c>
      <c r="E2854" s="239">
        <v>0.12180000000000001</v>
      </c>
      <c r="F2854" s="239">
        <v>0.15090000000000001</v>
      </c>
      <c r="G2854">
        <f t="shared" si="663"/>
        <v>13.85988</v>
      </c>
      <c r="H2854" s="235">
        <f t="shared" si="664"/>
        <v>0.87879548740681745</v>
      </c>
      <c r="I2854" s="236">
        <f t="shared" si="665"/>
        <v>19.903274255904712</v>
      </c>
      <c r="J2854" s="237">
        <f t="shared" si="670"/>
        <v>9.9032742559047122</v>
      </c>
      <c r="K2854" s="237">
        <f t="shared" si="666"/>
        <v>566.36757222602444</v>
      </c>
      <c r="L2854" s="237">
        <f t="shared" si="671"/>
        <v>281.87689514581581</v>
      </c>
      <c r="M2854" s="236">
        <f t="shared" si="667"/>
        <v>47.160702621253151</v>
      </c>
      <c r="N2854" s="236">
        <f t="shared" si="668"/>
        <v>0.91623640224328329</v>
      </c>
      <c r="O2854" s="236">
        <f t="shared" si="672"/>
        <v>2.1504105859432645</v>
      </c>
      <c r="P2854" s="236" t="str">
        <f t="shared" si="673"/>
        <v>SAND</v>
      </c>
      <c r="Q2854" s="236" t="e">
        <f t="shared" si="669"/>
        <v>#N/A</v>
      </c>
      <c r="R2854" s="238">
        <v>35</v>
      </c>
      <c r="S2854" s="236" t="e">
        <f t="shared" si="674"/>
        <v>#N/A</v>
      </c>
      <c r="T2854" s="236">
        <f t="shared" si="660"/>
        <v>36.009382934632789</v>
      </c>
    </row>
    <row r="2855" spans="1:20" x14ac:dyDescent="0.2">
      <c r="A2855" s="53">
        <f t="shared" si="661"/>
        <v>2843</v>
      </c>
      <c r="B2855" s="239">
        <v>28.474</v>
      </c>
      <c r="C2855" s="3">
        <f t="shared" si="662"/>
        <v>28.466999999999999</v>
      </c>
      <c r="D2855" s="239">
        <v>13.1099</v>
      </c>
      <c r="E2855" s="239">
        <v>0.13139999999999999</v>
      </c>
      <c r="F2855" s="239">
        <v>0.15859999999999999</v>
      </c>
      <c r="G2855">
        <f t="shared" si="663"/>
        <v>13.14162</v>
      </c>
      <c r="H2855" s="235">
        <f t="shared" si="664"/>
        <v>0.99987672752674328</v>
      </c>
      <c r="I2855" s="236">
        <f t="shared" si="665"/>
        <v>19.971434555057503</v>
      </c>
      <c r="J2855" s="237">
        <f t="shared" si="670"/>
        <v>9.9714345550575025</v>
      </c>
      <c r="K2855" s="237">
        <f t="shared" si="666"/>
        <v>568.52682747882193</v>
      </c>
      <c r="L2855" s="237">
        <f t="shared" si="671"/>
        <v>283.92662752070731</v>
      </c>
      <c r="M2855" s="236">
        <f t="shared" si="667"/>
        <v>44.282895487159614</v>
      </c>
      <c r="N2855" s="236">
        <f t="shared" si="668"/>
        <v>1.0450888909912646</v>
      </c>
      <c r="O2855" s="236">
        <f t="shared" si="672"/>
        <v>2.2049072139320716</v>
      </c>
      <c r="P2855" s="236" t="str">
        <f t="shared" si="673"/>
        <v>SAND</v>
      </c>
      <c r="Q2855" s="236" t="e">
        <f t="shared" si="669"/>
        <v>#N/A</v>
      </c>
      <c r="R2855" s="238">
        <v>35</v>
      </c>
      <c r="S2855" s="236" t="e">
        <f t="shared" si="674"/>
        <v>#N/A</v>
      </c>
      <c r="T2855" s="236">
        <f t="shared" si="660"/>
        <v>35.708596109675966</v>
      </c>
    </row>
    <row r="2856" spans="1:20" x14ac:dyDescent="0.2">
      <c r="A2856" s="53">
        <f t="shared" si="661"/>
        <v>2844</v>
      </c>
      <c r="B2856" s="239">
        <v>28.484999999999999</v>
      </c>
      <c r="C2856" s="3">
        <f t="shared" si="662"/>
        <v>28.477999999999998</v>
      </c>
      <c r="D2856" s="239">
        <v>12.2737</v>
      </c>
      <c r="E2856" s="239">
        <v>0.1391</v>
      </c>
      <c r="F2856" s="239">
        <v>0.16350000000000001</v>
      </c>
      <c r="G2856">
        <f t="shared" si="663"/>
        <v>12.3064</v>
      </c>
      <c r="H2856" s="235">
        <f t="shared" si="664"/>
        <v>1.1303061821491256</v>
      </c>
      <c r="I2856" s="236">
        <f t="shared" si="665"/>
        <v>20.012544229691859</v>
      </c>
      <c r="J2856" s="237">
        <f t="shared" si="670"/>
        <v>10.012544229691859</v>
      </c>
      <c r="K2856" s="237">
        <f t="shared" si="666"/>
        <v>569.91723457316471</v>
      </c>
      <c r="L2856" s="237">
        <f t="shared" si="671"/>
        <v>285.20732238277259</v>
      </c>
      <c r="M2856" s="236">
        <f t="shared" si="667"/>
        <v>41.150706326100121</v>
      </c>
      <c r="N2856" s="236">
        <f t="shared" si="668"/>
        <v>1.1851932370212208</v>
      </c>
      <c r="O2856" s="236">
        <f t="shared" si="672"/>
        <v>2.2621286500830253</v>
      </c>
      <c r="P2856" s="236" t="str">
        <f t="shared" si="673"/>
        <v>SAND</v>
      </c>
      <c r="Q2856" s="236" t="e">
        <f t="shared" si="669"/>
        <v>#N/A</v>
      </c>
      <c r="R2856" s="238">
        <v>35</v>
      </c>
      <c r="S2856" s="236" t="e">
        <f t="shared" si="674"/>
        <v>#N/A</v>
      </c>
      <c r="T2856" s="236">
        <f t="shared" si="660"/>
        <v>35.358150234055373</v>
      </c>
    </row>
    <row r="2857" spans="1:20" x14ac:dyDescent="0.2">
      <c r="A2857" s="53">
        <f t="shared" si="661"/>
        <v>2845</v>
      </c>
      <c r="B2857" s="239">
        <v>28.495000000000001</v>
      </c>
      <c r="C2857" s="3">
        <f t="shared" si="662"/>
        <v>28.488</v>
      </c>
      <c r="D2857" s="239">
        <v>11.510999999999999</v>
      </c>
      <c r="E2857" s="239">
        <v>0.14269999999999999</v>
      </c>
      <c r="F2857" s="239">
        <v>0.1666</v>
      </c>
      <c r="G2857">
        <f t="shared" si="663"/>
        <v>11.544319999999999</v>
      </c>
      <c r="H2857" s="235">
        <f t="shared" si="664"/>
        <v>1.2361057212551281</v>
      </c>
      <c r="I2857" s="236">
        <f t="shared" si="665"/>
        <v>20.01751930270833</v>
      </c>
      <c r="J2857" s="237">
        <f t="shared" si="670"/>
        <v>10.01751930270833</v>
      </c>
      <c r="K2857" s="237">
        <f t="shared" si="666"/>
        <v>570.25908989555489</v>
      </c>
      <c r="L2857" s="237">
        <f t="shared" si="671"/>
        <v>285.44921253067383</v>
      </c>
      <c r="M2857" s="236">
        <f t="shared" si="667"/>
        <v>38.444880659550577</v>
      </c>
      <c r="N2857" s="236">
        <f t="shared" si="668"/>
        <v>1.3003390556052767</v>
      </c>
      <c r="O2857" s="236">
        <f t="shared" si="672"/>
        <v>2.3094460042625911</v>
      </c>
      <c r="P2857" s="236" t="str">
        <f t="shared" si="673"/>
        <v>SAND</v>
      </c>
      <c r="Q2857" s="236" t="e">
        <f t="shared" si="669"/>
        <v>#N/A</v>
      </c>
      <c r="R2857" s="238">
        <v>35</v>
      </c>
      <c r="S2857" s="236" t="e">
        <f t="shared" si="674"/>
        <v>#N/A</v>
      </c>
      <c r="T2857" s="236">
        <f t="shared" si="660"/>
        <v>35.033223688174488</v>
      </c>
    </row>
    <row r="2858" spans="1:20" x14ac:dyDescent="0.2">
      <c r="A2858" s="53">
        <f t="shared" si="661"/>
        <v>2846</v>
      </c>
      <c r="B2858" s="239">
        <v>28.506</v>
      </c>
      <c r="C2858" s="3">
        <f t="shared" si="662"/>
        <v>28.498999999999999</v>
      </c>
      <c r="D2858" s="239">
        <v>10.687200000000001</v>
      </c>
      <c r="E2858" s="239">
        <v>0.15</v>
      </c>
      <c r="F2858" s="239">
        <v>0.17219999999999999</v>
      </c>
      <c r="G2858">
        <f t="shared" si="663"/>
        <v>10.721640000000001</v>
      </c>
      <c r="H2858" s="235">
        <f t="shared" si="664"/>
        <v>1.399039699150503</v>
      </c>
      <c r="I2858" s="236">
        <f t="shared" si="665"/>
        <v>20.047124552596731</v>
      </c>
      <c r="J2858" s="237">
        <f t="shared" si="670"/>
        <v>10.047124552596731</v>
      </c>
      <c r="K2858" s="237">
        <f t="shared" si="666"/>
        <v>571.32300262445426</v>
      </c>
      <c r="L2858" s="237">
        <f t="shared" si="671"/>
        <v>286.40333249632243</v>
      </c>
      <c r="M2858" s="236">
        <f t="shared" si="667"/>
        <v>35.440638587911273</v>
      </c>
      <c r="N2858" s="236">
        <f t="shared" si="668"/>
        <v>1.4777863591726625</v>
      </c>
      <c r="O2858" s="236">
        <f t="shared" si="672"/>
        <v>2.3705136336942654</v>
      </c>
      <c r="P2858" s="236" t="str">
        <f t="shared" si="673"/>
        <v>SAND</v>
      </c>
      <c r="Q2858" s="236" t="e">
        <f t="shared" si="669"/>
        <v>#N/A</v>
      </c>
      <c r="R2858" s="238">
        <v>35</v>
      </c>
      <c r="S2858" s="236" t="e">
        <f t="shared" si="674"/>
        <v>#N/A</v>
      </c>
      <c r="T2858" s="236">
        <f t="shared" si="660"/>
        <v>34.644516924930109</v>
      </c>
    </row>
    <row r="2859" spans="1:20" x14ac:dyDescent="0.2">
      <c r="A2859" s="53">
        <f t="shared" si="661"/>
        <v>2847</v>
      </c>
      <c r="B2859" s="239">
        <v>28.515999999999998</v>
      </c>
      <c r="C2859" s="3">
        <f t="shared" si="662"/>
        <v>28.508999999999997</v>
      </c>
      <c r="D2859" s="239">
        <v>9.9154</v>
      </c>
      <c r="E2859" s="239">
        <v>0.15490000000000001</v>
      </c>
      <c r="F2859" s="239">
        <v>0.1779</v>
      </c>
      <c r="G2859">
        <f t="shared" si="663"/>
        <v>9.9509799999999995</v>
      </c>
      <c r="H2859" s="235">
        <f t="shared" si="664"/>
        <v>1.5566306032169697</v>
      </c>
      <c r="I2859" s="236">
        <f t="shared" si="665"/>
        <v>20.055661150367374</v>
      </c>
      <c r="J2859" s="237">
        <f t="shared" si="670"/>
        <v>10.055661150367374</v>
      </c>
      <c r="K2859" s="237">
        <f t="shared" si="666"/>
        <v>571.76684373582339</v>
      </c>
      <c r="L2859" s="237">
        <f t="shared" si="671"/>
        <v>286.74723336387603</v>
      </c>
      <c r="M2859" s="236">
        <f t="shared" si="667"/>
        <v>32.708992677052819</v>
      </c>
      <c r="N2859" s="236">
        <f t="shared" si="668"/>
        <v>1.6515244660640385</v>
      </c>
      <c r="O2859" s="236">
        <f t="shared" si="672"/>
        <v>2.4271052274132199</v>
      </c>
      <c r="P2859" s="236" t="str">
        <f t="shared" si="673"/>
        <v>SAND</v>
      </c>
      <c r="Q2859" s="236" t="e">
        <f t="shared" si="669"/>
        <v>#N/A</v>
      </c>
      <c r="R2859" s="238">
        <v>35</v>
      </c>
      <c r="S2859" s="236" t="e">
        <f t="shared" si="674"/>
        <v>#N/A</v>
      </c>
      <c r="T2859" s="236">
        <f t="shared" si="660"/>
        <v>34.261338865323708</v>
      </c>
    </row>
    <row r="2860" spans="1:20" x14ac:dyDescent="0.2">
      <c r="A2860" s="53">
        <f t="shared" si="661"/>
        <v>2848</v>
      </c>
      <c r="B2860" s="239">
        <v>28.526</v>
      </c>
      <c r="C2860" s="3">
        <f t="shared" si="662"/>
        <v>28.518999999999998</v>
      </c>
      <c r="D2860" s="239">
        <v>9.1016999999999992</v>
      </c>
      <c r="E2860" s="239">
        <v>0.16170000000000001</v>
      </c>
      <c r="F2860" s="239">
        <v>0.18679999999999999</v>
      </c>
      <c r="G2860">
        <f t="shared" si="663"/>
        <v>9.1390599999999989</v>
      </c>
      <c r="H2860" s="235">
        <f t="shared" si="664"/>
        <v>1.7693285742735032</v>
      </c>
      <c r="I2860" s="236">
        <f t="shared" si="665"/>
        <v>20.072771483849714</v>
      </c>
      <c r="J2860" s="237">
        <f t="shared" si="670"/>
        <v>10.072771483849714</v>
      </c>
      <c r="K2860" s="237">
        <f t="shared" si="666"/>
        <v>572.45536994790996</v>
      </c>
      <c r="L2860" s="237">
        <f t="shared" si="671"/>
        <v>287.33587934829694</v>
      </c>
      <c r="M2860" s="236">
        <f t="shared" si="667"/>
        <v>29.813905069850321</v>
      </c>
      <c r="N2860" s="236">
        <f t="shared" si="668"/>
        <v>1.8875623071566545</v>
      </c>
      <c r="O2860" s="236">
        <f t="shared" si="672"/>
        <v>2.4940057653210266</v>
      </c>
      <c r="P2860" s="236" t="str">
        <f t="shared" si="673"/>
        <v>SAND</v>
      </c>
      <c r="Q2860" s="236" t="e">
        <f t="shared" si="669"/>
        <v>#N/A</v>
      </c>
      <c r="R2860" s="238">
        <v>35</v>
      </c>
      <c r="S2860" s="236" t="e">
        <f t="shared" si="674"/>
        <v>#N/A</v>
      </c>
      <c r="T2860" s="236">
        <f t="shared" si="660"/>
        <v>33.818607507286444</v>
      </c>
    </row>
    <row r="2861" spans="1:20" x14ac:dyDescent="0.2">
      <c r="A2861" s="53">
        <f t="shared" si="661"/>
        <v>2849</v>
      </c>
      <c r="B2861" s="239">
        <v>28.536999999999999</v>
      </c>
      <c r="C2861" s="3">
        <f t="shared" si="662"/>
        <v>28.529999999999998</v>
      </c>
      <c r="D2861" s="239">
        <v>8.3287999999999993</v>
      </c>
      <c r="E2861" s="239">
        <v>0.16830000000000001</v>
      </c>
      <c r="F2861" s="239">
        <v>0.191</v>
      </c>
      <c r="G2861">
        <f t="shared" si="663"/>
        <v>8.3669999999999991</v>
      </c>
      <c r="H2861" s="235">
        <f t="shared" si="664"/>
        <v>2.0114736464682688</v>
      </c>
      <c r="I2861" s="236">
        <f t="shared" si="665"/>
        <v>20.085182959604353</v>
      </c>
      <c r="J2861" s="237">
        <f t="shared" si="670"/>
        <v>10.085182959604353</v>
      </c>
      <c r="K2861" s="237">
        <f t="shared" si="666"/>
        <v>573.03026983751215</v>
      </c>
      <c r="L2861" s="237">
        <f t="shared" si="671"/>
        <v>287.80086611822941</v>
      </c>
      <c r="M2861" s="236">
        <f t="shared" si="667"/>
        <v>27.081119787042972</v>
      </c>
      <c r="N2861" s="236">
        <f t="shared" si="668"/>
        <v>2.1593617351204584</v>
      </c>
      <c r="O2861" s="236">
        <f t="shared" si="672"/>
        <v>2.5625484895897981</v>
      </c>
      <c r="P2861" s="236" t="str">
        <f t="shared" si="673"/>
        <v>SAND</v>
      </c>
      <c r="Q2861" s="236" t="e">
        <f t="shared" si="669"/>
        <v>#N/A</v>
      </c>
      <c r="R2861" s="238">
        <v>35</v>
      </c>
      <c r="S2861" s="236" t="e">
        <f t="shared" si="674"/>
        <v>#N/A</v>
      </c>
      <c r="T2861" s="236">
        <f t="shared" si="660"/>
        <v>33.359332800028582</v>
      </c>
    </row>
    <row r="2862" spans="1:20" x14ac:dyDescent="0.2">
      <c r="A2862" s="53">
        <f t="shared" si="661"/>
        <v>2850</v>
      </c>
      <c r="B2862" s="239">
        <v>28.545999999999999</v>
      </c>
      <c r="C2862" s="3">
        <f t="shared" si="662"/>
        <v>28.538999999999998</v>
      </c>
      <c r="D2862" s="239">
        <v>7.5732999999999997</v>
      </c>
      <c r="E2862" s="239">
        <v>0.17269999999999999</v>
      </c>
      <c r="F2862" s="239">
        <v>0.19109999999999999</v>
      </c>
      <c r="G2862">
        <f t="shared" si="663"/>
        <v>7.6115199999999996</v>
      </c>
      <c r="H2862" s="235">
        <f t="shared" si="664"/>
        <v>2.268929202051627</v>
      </c>
      <c r="I2862" s="236">
        <f t="shared" si="665"/>
        <v>20.078456619395094</v>
      </c>
      <c r="J2862" s="237">
        <f t="shared" si="670"/>
        <v>10.078456619395094</v>
      </c>
      <c r="K2862" s="237">
        <f t="shared" si="666"/>
        <v>573.0190734609165</v>
      </c>
      <c r="L2862" s="237">
        <f t="shared" si="671"/>
        <v>287.69962265725235</v>
      </c>
      <c r="M2862" s="236">
        <f t="shared" si="667"/>
        <v>24.46475550273599</v>
      </c>
      <c r="N2862" s="236">
        <f t="shared" si="668"/>
        <v>2.4536474712793526</v>
      </c>
      <c r="O2862" s="236">
        <f t="shared" si="672"/>
        <v>2.6313432457447279</v>
      </c>
      <c r="P2862" s="236" t="str">
        <f t="shared" si="673"/>
        <v>CLAY</v>
      </c>
      <c r="Q2862" s="236">
        <f t="shared" si="669"/>
        <v>586.54174387825685</v>
      </c>
      <c r="R2862" s="238">
        <v>35</v>
      </c>
      <c r="S2862" s="236">
        <f t="shared" si="674"/>
        <v>13.602417748242289</v>
      </c>
      <c r="T2862" s="236" t="e">
        <f t="shared" si="660"/>
        <v>#N/A</v>
      </c>
    </row>
    <row r="2863" spans="1:20" x14ac:dyDescent="0.2">
      <c r="A2863" s="53">
        <f t="shared" si="661"/>
        <v>2851</v>
      </c>
      <c r="B2863" s="239">
        <v>28.556000000000001</v>
      </c>
      <c r="C2863" s="3">
        <f t="shared" si="662"/>
        <v>28.548999999999999</v>
      </c>
      <c r="D2863" s="239">
        <v>6.8662999999999998</v>
      </c>
      <c r="E2863" s="239">
        <v>0.17480000000000001</v>
      </c>
      <c r="F2863" s="239">
        <v>0.1961</v>
      </c>
      <c r="G2863">
        <f t="shared" si="663"/>
        <v>6.9055200000000001</v>
      </c>
      <c r="H2863" s="235">
        <f t="shared" si="664"/>
        <v>2.53130828670397</v>
      </c>
      <c r="I2863" s="236">
        <f t="shared" si="665"/>
        <v>20.054581659468482</v>
      </c>
      <c r="J2863" s="237">
        <f t="shared" si="670"/>
        <v>10.054581659468482</v>
      </c>
      <c r="K2863" s="237">
        <f t="shared" si="666"/>
        <v>572.5382517961657</v>
      </c>
      <c r="L2863" s="237">
        <f t="shared" si="671"/>
        <v>287.11863386778197</v>
      </c>
      <c r="M2863" s="236">
        <f t="shared" si="667"/>
        <v>22.057021040021283</v>
      </c>
      <c r="N2863" s="236">
        <f t="shared" si="668"/>
        <v>2.7601532256046202</v>
      </c>
      <c r="O2863" s="236">
        <f t="shared" si="672"/>
        <v>2.6982405443977138</v>
      </c>
      <c r="P2863" s="236" t="str">
        <f t="shared" si="673"/>
        <v>CLAY</v>
      </c>
      <c r="Q2863" s="236">
        <f t="shared" si="669"/>
        <v>527.74847901698615</v>
      </c>
      <c r="R2863" s="238">
        <v>35</v>
      </c>
      <c r="S2863" s="236">
        <f t="shared" si="674"/>
        <v>11.950156159515803</v>
      </c>
      <c r="T2863" s="236" t="e">
        <f t="shared" si="660"/>
        <v>#N/A</v>
      </c>
    </row>
    <row r="2864" spans="1:20" x14ac:dyDescent="0.2">
      <c r="A2864" s="53">
        <f t="shared" si="661"/>
        <v>2852</v>
      </c>
      <c r="B2864" s="239">
        <v>28.565000000000001</v>
      </c>
      <c r="C2864" s="3">
        <f t="shared" si="662"/>
        <v>28.558</v>
      </c>
      <c r="D2864" s="239">
        <v>6.1778000000000004</v>
      </c>
      <c r="E2864" s="239">
        <v>0.1741</v>
      </c>
      <c r="F2864" s="239">
        <v>0.2056</v>
      </c>
      <c r="G2864">
        <f t="shared" si="663"/>
        <v>6.2189200000000007</v>
      </c>
      <c r="H2864" s="235">
        <f t="shared" si="664"/>
        <v>2.7995214603178686</v>
      </c>
      <c r="I2864" s="236">
        <f t="shared" si="665"/>
        <v>20.008943209487743</v>
      </c>
      <c r="J2864" s="237">
        <f t="shared" si="670"/>
        <v>10.008943209487743</v>
      </c>
      <c r="K2864" s="237">
        <f t="shared" si="666"/>
        <v>571.41540017655097</v>
      </c>
      <c r="L2864" s="237">
        <f t="shared" si="671"/>
        <v>285.9054627790174</v>
      </c>
      <c r="M2864" s="236">
        <f t="shared" si="667"/>
        <v>19.75304894467347</v>
      </c>
      <c r="N2864" s="236">
        <f t="shared" si="668"/>
        <v>3.0827774802599119</v>
      </c>
      <c r="O2864" s="236">
        <f t="shared" si="672"/>
        <v>2.7655650888866523</v>
      </c>
      <c r="P2864" s="236" t="str">
        <f t="shared" si="673"/>
        <v>CLAY</v>
      </c>
      <c r="Q2864" s="236">
        <f t="shared" si="669"/>
        <v>470.62538331862083</v>
      </c>
      <c r="R2864" s="238">
        <v>35</v>
      </c>
      <c r="S2864" s="236">
        <f t="shared" si="674"/>
        <v>10.410765961889474</v>
      </c>
      <c r="T2864" s="236" t="e">
        <f t="shared" si="660"/>
        <v>#N/A</v>
      </c>
    </row>
    <row r="2865" spans="1:20" x14ac:dyDescent="0.2">
      <c r="A2865" s="53">
        <f t="shared" si="661"/>
        <v>2853</v>
      </c>
      <c r="B2865" s="239">
        <v>28.574999999999999</v>
      </c>
      <c r="C2865" s="3">
        <f t="shared" si="662"/>
        <v>28.567999999999998</v>
      </c>
      <c r="D2865" s="239">
        <v>5.5785999999999998</v>
      </c>
      <c r="E2865" s="239">
        <v>0.1729</v>
      </c>
      <c r="F2865" s="239">
        <v>0.21290000000000001</v>
      </c>
      <c r="G2865">
        <f t="shared" si="663"/>
        <v>5.6211799999999998</v>
      </c>
      <c r="H2865" s="235">
        <f t="shared" si="664"/>
        <v>3.0758666329845337</v>
      </c>
      <c r="I2865" s="236">
        <f t="shared" si="665"/>
        <v>19.96133427936708</v>
      </c>
      <c r="J2865" s="237">
        <f t="shared" si="670"/>
        <v>9.9613342793670796</v>
      </c>
      <c r="K2865" s="237">
        <f t="shared" si="666"/>
        <v>570.2553976929587</v>
      </c>
      <c r="L2865" s="237">
        <f t="shared" si="671"/>
        <v>284.64512703291427</v>
      </c>
      <c r="M2865" s="236">
        <f t="shared" si="667"/>
        <v>17.744637524474431</v>
      </c>
      <c r="N2865" s="236">
        <f t="shared" si="668"/>
        <v>3.4231356358205551</v>
      </c>
      <c r="O2865" s="236">
        <f t="shared" si="672"/>
        <v>2.8302909306861368</v>
      </c>
      <c r="P2865" s="236" t="str">
        <f t="shared" si="673"/>
        <v>CLAY</v>
      </c>
      <c r="Q2865" s="236">
        <f t="shared" si="669"/>
        <v>420.91038352558684</v>
      </c>
      <c r="R2865" s="238">
        <v>35</v>
      </c>
      <c r="S2865" s="236">
        <f t="shared" si="674"/>
        <v>9.1048736637641721</v>
      </c>
      <c r="T2865" s="236" t="e">
        <f t="shared" si="660"/>
        <v>#N/A</v>
      </c>
    </row>
    <row r="2866" spans="1:20" x14ac:dyDescent="0.2">
      <c r="A2866" s="53">
        <f t="shared" si="661"/>
        <v>2854</v>
      </c>
      <c r="B2866" s="239">
        <v>28.584</v>
      </c>
      <c r="C2866" s="3">
        <f t="shared" si="662"/>
        <v>28.576999999999998</v>
      </c>
      <c r="D2866" s="239">
        <v>4.9725000000000001</v>
      </c>
      <c r="E2866" s="239">
        <v>0.17100000000000001</v>
      </c>
      <c r="F2866" s="239">
        <v>0.21299999999999999</v>
      </c>
      <c r="G2866">
        <f t="shared" si="663"/>
        <v>5.0151000000000003</v>
      </c>
      <c r="H2866" s="235">
        <f t="shared" si="664"/>
        <v>3.4097026978524854</v>
      </c>
      <c r="I2866" s="236">
        <f t="shared" si="665"/>
        <v>19.903784189903305</v>
      </c>
      <c r="J2866" s="237">
        <f t="shared" si="670"/>
        <v>9.9037841899033054</v>
      </c>
      <c r="K2866" s="237">
        <f t="shared" si="666"/>
        <v>568.79044079486675</v>
      </c>
      <c r="L2866" s="237">
        <f t="shared" si="671"/>
        <v>283.08976728419606</v>
      </c>
      <c r="M2866" s="236">
        <f t="shared" si="667"/>
        <v>15.706359159006439</v>
      </c>
      <c r="N2866" s="236">
        <f t="shared" si="668"/>
        <v>3.8458860707523397</v>
      </c>
      <c r="O2866" s="236">
        <f t="shared" si="672"/>
        <v>2.9032300250431708</v>
      </c>
      <c r="P2866" s="236" t="str">
        <f t="shared" si="673"/>
        <v>CLAY</v>
      </c>
      <c r="Q2866" s="236">
        <f t="shared" si="669"/>
        <v>370.52579660042784</v>
      </c>
      <c r="R2866" s="238">
        <v>35</v>
      </c>
      <c r="S2866" s="236">
        <f t="shared" si="674"/>
        <v>7.8168974419783934</v>
      </c>
      <c r="T2866" s="236" t="e">
        <f t="shared" si="660"/>
        <v>#N/A</v>
      </c>
    </row>
    <row r="2867" spans="1:20" x14ac:dyDescent="0.2">
      <c r="A2867" s="53">
        <f t="shared" si="661"/>
        <v>2855</v>
      </c>
      <c r="B2867" s="239">
        <v>28.594000000000001</v>
      </c>
      <c r="C2867" s="3">
        <f t="shared" si="662"/>
        <v>28.587</v>
      </c>
      <c r="D2867" s="239">
        <v>4.4528999999999996</v>
      </c>
      <c r="E2867" s="239">
        <v>0.1699</v>
      </c>
      <c r="F2867" s="239">
        <v>0.2324</v>
      </c>
      <c r="G2867">
        <f t="shared" si="663"/>
        <v>4.4993799999999995</v>
      </c>
      <c r="H2867" s="235">
        <f t="shared" si="664"/>
        <v>3.7760758148900515</v>
      </c>
      <c r="I2867" s="236">
        <f t="shared" si="665"/>
        <v>19.853802583500784</v>
      </c>
      <c r="J2867" s="237">
        <f t="shared" si="670"/>
        <v>9.8538025835007836</v>
      </c>
      <c r="K2867" s="237">
        <f t="shared" si="666"/>
        <v>567.56065445453692</v>
      </c>
      <c r="L2867" s="237">
        <f t="shared" si="671"/>
        <v>281.7596310726214</v>
      </c>
      <c r="M2867" s="236">
        <f t="shared" si="667"/>
        <v>13.954516232781641</v>
      </c>
      <c r="N2867" s="236">
        <f t="shared" si="668"/>
        <v>4.3211547904022467</v>
      </c>
      <c r="O2867" s="236">
        <f t="shared" si="672"/>
        <v>2.9749289127259706</v>
      </c>
      <c r="P2867" s="236" t="str">
        <f t="shared" si="673"/>
        <v>CLAY</v>
      </c>
      <c r="Q2867" s="236">
        <f t="shared" si="669"/>
        <v>327.65161212878849</v>
      </c>
      <c r="R2867" s="238">
        <v>35</v>
      </c>
      <c r="S2867" s="236">
        <f t="shared" si="674"/>
        <v>6.7426946119030386</v>
      </c>
      <c r="T2867" s="236" t="e">
        <f t="shared" si="660"/>
        <v>#N/A</v>
      </c>
    </row>
    <row r="2868" spans="1:20" x14ac:dyDescent="0.2">
      <c r="A2868" s="53">
        <f t="shared" si="661"/>
        <v>2856</v>
      </c>
      <c r="B2868" s="239">
        <v>28.603999999999999</v>
      </c>
      <c r="C2868" s="3">
        <f t="shared" si="662"/>
        <v>28.596999999999998</v>
      </c>
      <c r="D2868" s="239">
        <v>4.0673000000000004</v>
      </c>
      <c r="E2868" s="239">
        <v>0.17330000000000001</v>
      </c>
      <c r="F2868" s="239">
        <v>0.24429999999999999</v>
      </c>
      <c r="G2868">
        <f t="shared" si="663"/>
        <v>4.1161600000000007</v>
      </c>
      <c r="H2868" s="235">
        <f t="shared" si="664"/>
        <v>4.210234781932674</v>
      </c>
      <c r="I2868" s="236">
        <f t="shared" si="665"/>
        <v>19.842242196872153</v>
      </c>
      <c r="J2868" s="237">
        <f t="shared" si="670"/>
        <v>9.842242196872153</v>
      </c>
      <c r="K2868" s="237">
        <f t="shared" si="666"/>
        <v>567.42860010395293</v>
      </c>
      <c r="L2868" s="237">
        <f t="shared" si="671"/>
        <v>281.52749579933106</v>
      </c>
      <c r="M2868" s="236">
        <f t="shared" si="667"/>
        <v>12.605274628043917</v>
      </c>
      <c r="N2868" s="236">
        <f t="shared" si="668"/>
        <v>4.8834352468906621</v>
      </c>
      <c r="O2868" s="236">
        <f t="shared" si="672"/>
        <v>3.0426164935099047</v>
      </c>
      <c r="P2868" s="236" t="str">
        <f t="shared" si="673"/>
        <v>CLAY</v>
      </c>
      <c r="Q2868" s="236">
        <f t="shared" si="669"/>
        <v>295.72761665800402</v>
      </c>
      <c r="R2868" s="238">
        <v>35</v>
      </c>
      <c r="S2868" s="236">
        <f t="shared" si="674"/>
        <v>5.937866082272298</v>
      </c>
      <c r="T2868" s="236" t="e">
        <f t="shared" si="660"/>
        <v>#N/A</v>
      </c>
    </row>
    <row r="2869" spans="1:20" x14ac:dyDescent="0.2">
      <c r="A2869" s="53">
        <f t="shared" si="661"/>
        <v>2857</v>
      </c>
      <c r="B2869" s="239">
        <v>28.613</v>
      </c>
      <c r="C2869" s="3">
        <f t="shared" si="662"/>
        <v>28.605999999999998</v>
      </c>
      <c r="D2869" s="239">
        <v>3.7164999999999999</v>
      </c>
      <c r="E2869" s="239">
        <v>0.17630000000000001</v>
      </c>
      <c r="F2869" s="239">
        <v>0.2417</v>
      </c>
      <c r="G2869">
        <f t="shared" si="663"/>
        <v>3.76484</v>
      </c>
      <c r="H2869" s="235">
        <f t="shared" si="664"/>
        <v>4.6828019251814155</v>
      </c>
      <c r="I2869" s="236">
        <f t="shared" si="665"/>
        <v>19.827496169254509</v>
      </c>
      <c r="J2869" s="237">
        <f t="shared" si="670"/>
        <v>9.8274961692545091</v>
      </c>
      <c r="K2869" s="237">
        <f t="shared" si="666"/>
        <v>567.1853554176945</v>
      </c>
      <c r="L2869" s="237">
        <f t="shared" si="671"/>
        <v>281.19414789087926</v>
      </c>
      <c r="M2869" s="236">
        <f t="shared" si="667"/>
        <v>11.371696987887505</v>
      </c>
      <c r="N2869" s="236">
        <f t="shared" si="668"/>
        <v>5.5134159124625928</v>
      </c>
      <c r="O2869" s="236">
        <f t="shared" si="672"/>
        <v>3.1105322637035018</v>
      </c>
      <c r="P2869" s="236" t="str">
        <f t="shared" si="673"/>
        <v>CLAY</v>
      </c>
      <c r="Q2869" s="236">
        <f t="shared" si="669"/>
        <v>266.47122038185881</v>
      </c>
      <c r="R2869" s="238">
        <v>35</v>
      </c>
      <c r="S2869" s="236">
        <f t="shared" si="674"/>
        <v>5.2206142837683132</v>
      </c>
      <c r="T2869" s="236" t="e">
        <f t="shared" si="660"/>
        <v>#N/A</v>
      </c>
    </row>
    <row r="2870" spans="1:20" x14ac:dyDescent="0.2">
      <c r="A2870" s="53">
        <f t="shared" si="661"/>
        <v>2858</v>
      </c>
      <c r="B2870" s="239">
        <v>28.623999999999999</v>
      </c>
      <c r="C2870" s="3">
        <f t="shared" si="662"/>
        <v>28.616999999999997</v>
      </c>
      <c r="D2870" s="239">
        <v>3.4525999999999999</v>
      </c>
      <c r="E2870" s="239">
        <v>0.1757</v>
      </c>
      <c r="F2870" s="239">
        <v>0.24840000000000001</v>
      </c>
      <c r="G2870">
        <f t="shared" si="663"/>
        <v>3.5022799999999998</v>
      </c>
      <c r="H2870" s="235">
        <f t="shared" si="664"/>
        <v>5.0167319574677069</v>
      </c>
      <c r="I2870" s="236">
        <f t="shared" si="665"/>
        <v>19.79524258808798</v>
      </c>
      <c r="J2870" s="237">
        <f t="shared" si="670"/>
        <v>9.7952425880879801</v>
      </c>
      <c r="K2870" s="237">
        <f t="shared" si="666"/>
        <v>566.48045714331363</v>
      </c>
      <c r="L2870" s="237">
        <f t="shared" si="671"/>
        <v>280.37902384143035</v>
      </c>
      <c r="M2870" s="236">
        <f t="shared" si="667"/>
        <v>10.470824466943863</v>
      </c>
      <c r="N2870" s="236">
        <f t="shared" si="668"/>
        <v>5.9847410368159784</v>
      </c>
      <c r="O2870" s="236">
        <f t="shared" si="672"/>
        <v>3.1608201268660618</v>
      </c>
      <c r="P2870" s="236" t="str">
        <f t="shared" si="673"/>
        <v>CLAY</v>
      </c>
      <c r="Q2870" s="236">
        <f t="shared" si="669"/>
        <v>244.64996190472382</v>
      </c>
      <c r="R2870" s="238">
        <v>35</v>
      </c>
      <c r="S2870" s="236">
        <f t="shared" si="674"/>
        <v>4.7088635676839283</v>
      </c>
      <c r="T2870" s="236" t="e">
        <f t="shared" si="660"/>
        <v>#N/A</v>
      </c>
    </row>
    <row r="2871" spans="1:20" x14ac:dyDescent="0.2">
      <c r="A2871" s="53">
        <f t="shared" si="661"/>
        <v>2859</v>
      </c>
      <c r="B2871" s="239">
        <v>28.634</v>
      </c>
      <c r="C2871" s="3">
        <f t="shared" si="662"/>
        <v>28.626999999999999</v>
      </c>
      <c r="D2871" s="239">
        <v>3.3163</v>
      </c>
      <c r="E2871" s="239">
        <v>0.17660000000000001</v>
      </c>
      <c r="F2871" s="239">
        <v>0.27939999999999998</v>
      </c>
      <c r="G2871">
        <f t="shared" si="663"/>
        <v>3.3721800000000002</v>
      </c>
      <c r="H2871" s="235">
        <f t="shared" si="664"/>
        <v>5.2369683706089232</v>
      </c>
      <c r="I2871" s="236">
        <f t="shared" si="665"/>
        <v>19.786437615816755</v>
      </c>
      <c r="J2871" s="237">
        <f t="shared" si="670"/>
        <v>9.7864376158167552</v>
      </c>
      <c r="K2871" s="237">
        <f t="shared" si="666"/>
        <v>566.42634962798627</v>
      </c>
      <c r="L2871" s="237">
        <f t="shared" si="671"/>
        <v>280.22485469129697</v>
      </c>
      <c r="M2871" s="236">
        <f t="shared" si="667"/>
        <v>10.012508181913077</v>
      </c>
      <c r="N2871" s="236">
        <f t="shared" si="668"/>
        <v>6.294209043498336</v>
      </c>
      <c r="O2871" s="236">
        <f t="shared" si="672"/>
        <v>3.1897244184982596</v>
      </c>
      <c r="P2871" s="236" t="str">
        <f t="shared" si="673"/>
        <v>CLAY</v>
      </c>
      <c r="Q2871" s="236">
        <f t="shared" si="669"/>
        <v>233.81280419766782</v>
      </c>
      <c r="R2871" s="238">
        <v>35</v>
      </c>
      <c r="S2871" s="236">
        <f t="shared" si="674"/>
        <v>4.4526505622899268</v>
      </c>
      <c r="T2871" s="236" t="e">
        <f t="shared" si="660"/>
        <v>#N/A</v>
      </c>
    </row>
    <row r="2872" spans="1:20" x14ac:dyDescent="0.2">
      <c r="A2872" s="53">
        <f t="shared" si="661"/>
        <v>2860</v>
      </c>
      <c r="B2872" s="239">
        <v>28.643999999999998</v>
      </c>
      <c r="C2872" s="3">
        <f t="shared" si="662"/>
        <v>28.636999999999997</v>
      </c>
      <c r="D2872" s="239">
        <v>3.2197</v>
      </c>
      <c r="E2872" s="239">
        <v>0.17610000000000001</v>
      </c>
      <c r="F2872" s="239">
        <v>0.29170000000000001</v>
      </c>
      <c r="G2872">
        <f t="shared" si="663"/>
        <v>3.2780399999999998</v>
      </c>
      <c r="H2872" s="235">
        <f t="shared" si="664"/>
        <v>5.3721126038730462</v>
      </c>
      <c r="I2872" s="236">
        <f t="shared" si="665"/>
        <v>19.772046139331081</v>
      </c>
      <c r="J2872" s="237">
        <f t="shared" si="670"/>
        <v>9.7720461393310813</v>
      </c>
      <c r="K2872" s="237">
        <f t="shared" si="666"/>
        <v>566.21208529202408</v>
      </c>
      <c r="L2872" s="237">
        <f t="shared" si="671"/>
        <v>279.91048961499951</v>
      </c>
      <c r="M2872" s="236">
        <f t="shared" si="667"/>
        <v>9.6881968176252915</v>
      </c>
      <c r="N2872" s="236">
        <f t="shared" si="668"/>
        <v>6.4937748831663384</v>
      </c>
      <c r="O2872" s="236">
        <f t="shared" si="672"/>
        <v>3.2093759603118661</v>
      </c>
      <c r="P2872" s="236" t="str">
        <f t="shared" si="673"/>
        <v>CLAY</v>
      </c>
      <c r="Q2872" s="236">
        <f t="shared" si="669"/>
        <v>225.98565955899798</v>
      </c>
      <c r="R2872" s="238">
        <v>35</v>
      </c>
      <c r="S2872" s="236">
        <f t="shared" si="674"/>
        <v>4.2731063318757654</v>
      </c>
      <c r="T2872" s="236" t="e">
        <f t="shared" si="660"/>
        <v>#N/A</v>
      </c>
    </row>
    <row r="2873" spans="1:20" x14ac:dyDescent="0.2">
      <c r="A2873" s="53">
        <f t="shared" si="661"/>
        <v>2861</v>
      </c>
      <c r="B2873" s="239">
        <v>28.652999999999999</v>
      </c>
      <c r="C2873" s="3">
        <f t="shared" si="662"/>
        <v>28.645999999999997</v>
      </c>
      <c r="D2873" s="239">
        <v>3.0606</v>
      </c>
      <c r="E2873" s="239">
        <v>0.1777</v>
      </c>
      <c r="F2873" s="239">
        <v>0.29799999999999999</v>
      </c>
      <c r="G2873">
        <f t="shared" si="663"/>
        <v>3.1202000000000001</v>
      </c>
      <c r="H2873" s="235">
        <f t="shared" si="664"/>
        <v>5.6951477469392984</v>
      </c>
      <c r="I2873" s="236">
        <f t="shared" si="665"/>
        <v>19.763363298721252</v>
      </c>
      <c r="J2873" s="237">
        <f t="shared" si="670"/>
        <v>9.7633632987212522</v>
      </c>
      <c r="K2873" s="237">
        <f t="shared" si="666"/>
        <v>566.14130505516891</v>
      </c>
      <c r="L2873" s="237">
        <f t="shared" si="671"/>
        <v>279.74964859826002</v>
      </c>
      <c r="M2873" s="236">
        <f t="shared" si="667"/>
        <v>9.129801262458912</v>
      </c>
      <c r="N2873" s="236">
        <f t="shared" si="668"/>
        <v>6.9575534952159099</v>
      </c>
      <c r="O2873" s="236">
        <f t="shared" si="672"/>
        <v>3.2483090069792531</v>
      </c>
      <c r="P2873" s="236" t="str">
        <f t="shared" si="673"/>
        <v>CLAY</v>
      </c>
      <c r="Q2873" s="236">
        <f t="shared" si="669"/>
        <v>212.83822457873598</v>
      </c>
      <c r="R2873" s="238">
        <v>35</v>
      </c>
      <c r="S2873" s="236">
        <f t="shared" si="674"/>
        <v>3.9674975163961772</v>
      </c>
      <c r="T2873" s="236" t="e">
        <f t="shared" si="660"/>
        <v>#N/A</v>
      </c>
    </row>
    <row r="2874" spans="1:20" x14ac:dyDescent="0.2">
      <c r="A2874" s="53">
        <f t="shared" si="661"/>
        <v>2862</v>
      </c>
      <c r="B2874" s="239">
        <v>28.661999999999999</v>
      </c>
      <c r="C2874" s="3">
        <f t="shared" si="662"/>
        <v>28.654999999999998</v>
      </c>
      <c r="D2874" s="239">
        <v>2.9169</v>
      </c>
      <c r="E2874" s="239">
        <v>0.17810000000000001</v>
      </c>
      <c r="F2874" s="239">
        <v>0.31219999999999998</v>
      </c>
      <c r="G2874">
        <f t="shared" si="663"/>
        <v>2.9793400000000001</v>
      </c>
      <c r="H2874" s="235">
        <f t="shared" si="664"/>
        <v>5.9778340169299238</v>
      </c>
      <c r="I2874" s="236">
        <f t="shared" si="665"/>
        <v>19.747943697590561</v>
      </c>
      <c r="J2874" s="237">
        <f t="shared" si="670"/>
        <v>9.7479436975905607</v>
      </c>
      <c r="K2874" s="237">
        <f t="shared" si="666"/>
        <v>565.87732665445742</v>
      </c>
      <c r="L2874" s="237">
        <f t="shared" si="671"/>
        <v>279.39556226034063</v>
      </c>
      <c r="M2874" s="236">
        <f t="shared" si="667"/>
        <v>8.638156790395545</v>
      </c>
      <c r="N2874" s="236">
        <f t="shared" si="668"/>
        <v>7.3794387610361394</v>
      </c>
      <c r="O2874" s="236">
        <f t="shared" si="672"/>
        <v>3.2831179646781736</v>
      </c>
      <c r="P2874" s="236" t="str">
        <f t="shared" si="673"/>
        <v>CLAY</v>
      </c>
      <c r="Q2874" s="236">
        <f t="shared" si="669"/>
        <v>201.12188944546187</v>
      </c>
      <c r="R2874" s="238">
        <v>35</v>
      </c>
      <c r="S2874" s="236">
        <f t="shared" si="674"/>
        <v>3.70225528666721</v>
      </c>
      <c r="T2874" s="236" t="e">
        <f t="shared" si="660"/>
        <v>#N/A</v>
      </c>
    </row>
    <row r="2875" spans="1:20" x14ac:dyDescent="0.2">
      <c r="A2875" s="53">
        <f t="shared" si="661"/>
        <v>2863</v>
      </c>
      <c r="B2875" s="239">
        <v>28.672000000000001</v>
      </c>
      <c r="C2875" s="3">
        <f t="shared" si="662"/>
        <v>28.664999999999999</v>
      </c>
      <c r="D2875" s="239">
        <v>2.7824</v>
      </c>
      <c r="E2875" s="239">
        <v>0.1817</v>
      </c>
      <c r="F2875" s="239">
        <v>0.32500000000000001</v>
      </c>
      <c r="G2875">
        <f t="shared" si="663"/>
        <v>2.8473999999999999</v>
      </c>
      <c r="H2875" s="235">
        <f t="shared" si="664"/>
        <v>6.3812600969305331</v>
      </c>
      <c r="I2875" s="236">
        <f t="shared" si="665"/>
        <v>19.753704990745703</v>
      </c>
      <c r="J2875" s="237">
        <f t="shared" si="670"/>
        <v>9.7537049907457032</v>
      </c>
      <c r="K2875" s="237">
        <f t="shared" si="666"/>
        <v>566.23995355972556</v>
      </c>
      <c r="L2875" s="237">
        <f t="shared" si="671"/>
        <v>279.65822949466082</v>
      </c>
      <c r="M2875" s="236">
        <f t="shared" si="667"/>
        <v>8.156956620094121</v>
      </c>
      <c r="N2875" s="236">
        <f t="shared" si="668"/>
        <v>7.9652455900032475</v>
      </c>
      <c r="O2875" s="236">
        <f t="shared" si="672"/>
        <v>3.323441607105043</v>
      </c>
      <c r="P2875" s="236" t="str">
        <f t="shared" si="673"/>
        <v>CLAY</v>
      </c>
      <c r="Q2875" s="236">
        <f t="shared" si="669"/>
        <v>190.09667053668954</v>
      </c>
      <c r="R2875" s="238">
        <v>35</v>
      </c>
      <c r="S2875" s="236">
        <f t="shared" si="674"/>
        <v>3.4462771419256821</v>
      </c>
      <c r="T2875" s="236" t="e">
        <f t="shared" si="660"/>
        <v>#N/A</v>
      </c>
    </row>
    <row r="2876" spans="1:20" x14ac:dyDescent="0.2">
      <c r="A2876" s="53">
        <f t="shared" si="661"/>
        <v>2864</v>
      </c>
      <c r="B2876" s="239">
        <v>28.681000000000001</v>
      </c>
      <c r="C2876" s="3">
        <f t="shared" si="662"/>
        <v>28.673999999999999</v>
      </c>
      <c r="D2876" s="239">
        <v>3.3296000000000001</v>
      </c>
      <c r="E2876" s="239">
        <v>0.18179999999999999</v>
      </c>
      <c r="F2876" s="239">
        <v>0.33639999999999998</v>
      </c>
      <c r="G2876">
        <f t="shared" si="663"/>
        <v>3.3968799999999999</v>
      </c>
      <c r="H2876" s="235">
        <f t="shared" si="664"/>
        <v>5.3519700430983725</v>
      </c>
      <c r="I2876" s="236">
        <f t="shared" si="665"/>
        <v>19.823318711894192</v>
      </c>
      <c r="J2876" s="237">
        <f t="shared" si="670"/>
        <v>9.823318711894192</v>
      </c>
      <c r="K2876" s="237">
        <f t="shared" si="666"/>
        <v>568.41384074485404</v>
      </c>
      <c r="L2876" s="237">
        <f t="shared" si="671"/>
        <v>281.74260397583731</v>
      </c>
      <c r="M2876" s="236">
        <f t="shared" si="667"/>
        <v>10.039185126214422</v>
      </c>
      <c r="N2876" s="236">
        <f t="shared" si="668"/>
        <v>6.4275119362883073</v>
      </c>
      <c r="O2876" s="236">
        <f t="shared" si="672"/>
        <v>3.1946002018046631</v>
      </c>
      <c r="P2876" s="236" t="str">
        <f t="shared" si="673"/>
        <v>CLAY</v>
      </c>
      <c r="Q2876" s="236">
        <f t="shared" si="669"/>
        <v>235.70551327126216</v>
      </c>
      <c r="R2876" s="238">
        <v>35</v>
      </c>
      <c r="S2876" s="236">
        <f t="shared" si="674"/>
        <v>4.4674848379170546</v>
      </c>
      <c r="T2876" s="236" t="e">
        <f t="shared" si="660"/>
        <v>#N/A</v>
      </c>
    </row>
    <row r="2877" spans="1:20" x14ac:dyDescent="0.2">
      <c r="A2877" s="53">
        <f t="shared" si="661"/>
        <v>2865</v>
      </c>
      <c r="B2877" s="239">
        <v>28.690999999999999</v>
      </c>
      <c r="C2877" s="3">
        <f t="shared" si="662"/>
        <v>28.683999999999997</v>
      </c>
      <c r="D2877" s="239">
        <v>4.2037000000000004</v>
      </c>
      <c r="E2877" s="239">
        <v>0.18010000000000001</v>
      </c>
      <c r="F2877" s="239">
        <v>0.3664</v>
      </c>
      <c r="G2877">
        <f t="shared" si="663"/>
        <v>4.27698</v>
      </c>
      <c r="H2877" s="235">
        <f t="shared" si="664"/>
        <v>4.2109151784670491</v>
      </c>
      <c r="I2877" s="236">
        <f t="shared" si="665"/>
        <v>19.902353576468826</v>
      </c>
      <c r="J2877" s="237">
        <f t="shared" si="670"/>
        <v>9.9023535764688262</v>
      </c>
      <c r="K2877" s="237">
        <f t="shared" si="666"/>
        <v>570.87910998743178</v>
      </c>
      <c r="L2877" s="237">
        <f t="shared" si="671"/>
        <v>284.10842646246709</v>
      </c>
      <c r="M2877" s="236">
        <f t="shared" si="667"/>
        <v>13.044670783469959</v>
      </c>
      <c r="N2877" s="236">
        <f t="shared" si="668"/>
        <v>4.8595547003413948</v>
      </c>
      <c r="O2877" s="236">
        <f t="shared" si="672"/>
        <v>3.0297021795456276</v>
      </c>
      <c r="P2877" s="236" t="str">
        <f t="shared" si="673"/>
        <v>CLAY</v>
      </c>
      <c r="Q2877" s="236">
        <f t="shared" si="669"/>
        <v>308.84174083438069</v>
      </c>
      <c r="R2877" s="238">
        <v>35</v>
      </c>
      <c r="S2877" s="236">
        <f t="shared" si="674"/>
        <v>6.1977123024298377</v>
      </c>
      <c r="T2877" s="236" t="e">
        <f t="shared" si="660"/>
        <v>#N/A</v>
      </c>
    </row>
    <row r="2878" spans="1:20" x14ac:dyDescent="0.2">
      <c r="A2878" s="53">
        <f t="shared" si="661"/>
        <v>2866</v>
      </c>
      <c r="B2878" s="239">
        <v>28.701000000000001</v>
      </c>
      <c r="C2878" s="3">
        <f t="shared" si="662"/>
        <v>28.693999999999999</v>
      </c>
      <c r="D2878" s="239">
        <v>5.4287000000000001</v>
      </c>
      <c r="E2878" s="239">
        <v>0.1726</v>
      </c>
      <c r="F2878" s="239">
        <v>0.39279999999999998</v>
      </c>
      <c r="G2878">
        <f t="shared" si="663"/>
        <v>5.5072600000000005</v>
      </c>
      <c r="H2878" s="235">
        <f t="shared" si="664"/>
        <v>3.1340448789416149</v>
      </c>
      <c r="I2878" s="236">
        <f t="shared" si="665"/>
        <v>19.951295213273369</v>
      </c>
      <c r="J2878" s="237">
        <f t="shared" si="670"/>
        <v>9.9512952132733687</v>
      </c>
      <c r="K2878" s="237">
        <f t="shared" si="666"/>
        <v>572.48246484966603</v>
      </c>
      <c r="L2878" s="237">
        <f t="shared" si="671"/>
        <v>285.61212391615896</v>
      </c>
      <c r="M2878" s="236">
        <f t="shared" si="667"/>
        <v>17.277899367461483</v>
      </c>
      <c r="N2878" s="236">
        <f t="shared" si="668"/>
        <v>3.4976247413500041</v>
      </c>
      <c r="O2878" s="236">
        <f t="shared" si="672"/>
        <v>2.8451700558684316</v>
      </c>
      <c r="P2878" s="236" t="str">
        <f t="shared" si="673"/>
        <v>CLAY</v>
      </c>
      <c r="Q2878" s="236">
        <f t="shared" si="669"/>
        <v>411.23146126252783</v>
      </c>
      <c r="R2878" s="238">
        <v>35</v>
      </c>
      <c r="S2878" s="236">
        <f t="shared" si="674"/>
        <v>8.8065069852664131</v>
      </c>
      <c r="T2878" s="236" t="e">
        <f t="shared" si="660"/>
        <v>#N/A</v>
      </c>
    </row>
    <row r="2879" spans="1:20" x14ac:dyDescent="0.2">
      <c r="A2879" s="53">
        <f t="shared" si="661"/>
        <v>2867</v>
      </c>
      <c r="B2879" s="239">
        <v>28.710999999999999</v>
      </c>
      <c r="C2879" s="3">
        <f t="shared" si="662"/>
        <v>28.703999999999997</v>
      </c>
      <c r="D2879" s="239">
        <v>6.8955000000000002</v>
      </c>
      <c r="E2879" s="239">
        <v>0.1726</v>
      </c>
      <c r="F2879" s="239">
        <v>0.41610000000000003</v>
      </c>
      <c r="G2879">
        <f t="shared" si="663"/>
        <v>6.97872</v>
      </c>
      <c r="H2879" s="235">
        <f t="shared" si="664"/>
        <v>2.4732329137721529</v>
      </c>
      <c r="I2879" s="236">
        <f t="shared" si="665"/>
        <v>20.043851387638753</v>
      </c>
      <c r="J2879" s="237">
        <f t="shared" si="670"/>
        <v>10.043851387638753</v>
      </c>
      <c r="K2879" s="237">
        <f t="shared" si="666"/>
        <v>575.33871023078268</v>
      </c>
      <c r="L2879" s="237">
        <f t="shared" si="671"/>
        <v>288.36901719049621</v>
      </c>
      <c r="M2879" s="236">
        <f t="shared" si="667"/>
        <v>22.205510675715736</v>
      </c>
      <c r="N2879" s="236">
        <f t="shared" si="668"/>
        <v>2.6954509217773071</v>
      </c>
      <c r="O2879" s="236">
        <f t="shared" si="672"/>
        <v>2.6896101937399157</v>
      </c>
      <c r="P2879" s="236" t="str">
        <f t="shared" si="673"/>
        <v>CLAY</v>
      </c>
      <c r="Q2879" s="236">
        <f t="shared" si="669"/>
        <v>533.61510748076819</v>
      </c>
      <c r="R2879" s="238">
        <v>35</v>
      </c>
      <c r="S2879" s="236">
        <f t="shared" si="674"/>
        <v>12.050802404059302</v>
      </c>
      <c r="T2879" s="236" t="e">
        <f t="shared" si="660"/>
        <v>#N/A</v>
      </c>
    </row>
    <row r="2880" spans="1:20" x14ac:dyDescent="0.2">
      <c r="A2880" s="53">
        <f t="shared" si="661"/>
        <v>2868</v>
      </c>
      <c r="B2880" s="239">
        <v>28.72</v>
      </c>
      <c r="C2880" s="3">
        <f t="shared" si="662"/>
        <v>28.712999999999997</v>
      </c>
      <c r="D2880" s="239">
        <v>8.1835000000000004</v>
      </c>
      <c r="E2880" s="239">
        <v>0.16389999999999999</v>
      </c>
      <c r="F2880" s="239">
        <v>0.37780000000000002</v>
      </c>
      <c r="G2880">
        <f t="shared" si="663"/>
        <v>8.2590599999999998</v>
      </c>
      <c r="H2880" s="235">
        <f t="shared" si="664"/>
        <v>1.9844873387528363</v>
      </c>
      <c r="I2880" s="236">
        <f t="shared" si="665"/>
        <v>20.049043788071302</v>
      </c>
      <c r="J2880" s="237">
        <f t="shared" si="670"/>
        <v>10.049043788071302</v>
      </c>
      <c r="K2880" s="237">
        <f t="shared" si="666"/>
        <v>575.66819428689121</v>
      </c>
      <c r="L2880" s="237">
        <f t="shared" si="671"/>
        <v>288.60853759340779</v>
      </c>
      <c r="M2880" s="236">
        <f t="shared" si="667"/>
        <v>26.622191671049887</v>
      </c>
      <c r="N2880" s="236">
        <f t="shared" si="668"/>
        <v>2.1331724861164769</v>
      </c>
      <c r="O2880" s="236">
        <f t="shared" si="672"/>
        <v>2.5652503503248432</v>
      </c>
      <c r="P2880" s="236" t="str">
        <f t="shared" si="673"/>
        <v>SAND</v>
      </c>
      <c r="Q2880" s="236" t="e">
        <f t="shared" si="669"/>
        <v>#N/A</v>
      </c>
      <c r="R2880" s="238">
        <v>35</v>
      </c>
      <c r="S2880" s="236" t="e">
        <f t="shared" si="674"/>
        <v>#N/A</v>
      </c>
      <c r="T2880" s="236">
        <f t="shared" si="660"/>
        <v>33.27768186478238</v>
      </c>
    </row>
    <row r="2881" spans="1:20" x14ac:dyDescent="0.2">
      <c r="A2881" s="53">
        <f t="shared" si="661"/>
        <v>2869</v>
      </c>
      <c r="B2881" s="239">
        <v>28.728999999999999</v>
      </c>
      <c r="C2881" s="3">
        <f t="shared" si="662"/>
        <v>28.721999999999998</v>
      </c>
      <c r="D2881" s="239">
        <v>9.4871999999999996</v>
      </c>
      <c r="E2881" s="239">
        <v>0.15</v>
      </c>
      <c r="F2881" s="239">
        <v>0.33889999999999998</v>
      </c>
      <c r="G2881">
        <f t="shared" si="663"/>
        <v>9.5549800000000005</v>
      </c>
      <c r="H2881" s="235">
        <f t="shared" si="664"/>
        <v>1.5698619986645705</v>
      </c>
      <c r="I2881" s="236">
        <f t="shared" si="665"/>
        <v>20.002096257946729</v>
      </c>
      <c r="J2881" s="237">
        <f t="shared" si="670"/>
        <v>10.002096257946729</v>
      </c>
      <c r="K2881" s="237">
        <f t="shared" si="666"/>
        <v>574.50020872074595</v>
      </c>
      <c r="L2881" s="237">
        <f t="shared" si="671"/>
        <v>287.35022339455156</v>
      </c>
      <c r="M2881" s="236">
        <f t="shared" si="667"/>
        <v>31.252732937494322</v>
      </c>
      <c r="N2881" s="236">
        <f t="shared" si="668"/>
        <v>1.6702893774747058</v>
      </c>
      <c r="O2881" s="236">
        <f t="shared" si="672"/>
        <v>2.4459589845656899</v>
      </c>
      <c r="P2881" s="236" t="str">
        <f t="shared" si="673"/>
        <v>SAND</v>
      </c>
      <c r="Q2881" s="236" t="e">
        <f t="shared" si="669"/>
        <v>#N/A</v>
      </c>
      <c r="R2881" s="238">
        <v>35</v>
      </c>
      <c r="S2881" s="236" t="e">
        <f t="shared" si="674"/>
        <v>#N/A</v>
      </c>
      <c r="T2881" s="236">
        <f t="shared" si="660"/>
        <v>34.043768008898411</v>
      </c>
    </row>
    <row r="2882" spans="1:20" x14ac:dyDescent="0.2">
      <c r="A2882" s="53">
        <f t="shared" si="661"/>
        <v>2870</v>
      </c>
      <c r="B2882" s="239">
        <v>28.74</v>
      </c>
      <c r="C2882" s="3">
        <f t="shared" si="662"/>
        <v>28.732999999999997</v>
      </c>
      <c r="D2882" s="239">
        <v>10.579599999999999</v>
      </c>
      <c r="E2882" s="239">
        <v>0.1376</v>
      </c>
      <c r="F2882" s="239">
        <v>0.3145</v>
      </c>
      <c r="G2882">
        <f t="shared" si="663"/>
        <v>10.6425</v>
      </c>
      <c r="H2882" s="235">
        <f t="shared" si="664"/>
        <v>1.2929292929292928</v>
      </c>
      <c r="I2882" s="236">
        <f t="shared" si="665"/>
        <v>19.943052118875372</v>
      </c>
      <c r="J2882" s="237">
        <f t="shared" si="670"/>
        <v>9.9430521188753715</v>
      </c>
      <c r="K2882" s="237">
        <f t="shared" si="666"/>
        <v>573.02371653164596</v>
      </c>
      <c r="L2882" s="237">
        <f t="shared" si="671"/>
        <v>285.76331789647816</v>
      </c>
      <c r="M2882" s="236">
        <f t="shared" si="667"/>
        <v>35.237119857056548</v>
      </c>
      <c r="N2882" s="236">
        <f t="shared" si="668"/>
        <v>1.3665060240114566</v>
      </c>
      <c r="O2882" s="236">
        <f t="shared" si="672"/>
        <v>2.3527877344629902</v>
      </c>
      <c r="P2882" s="236" t="str">
        <f t="shared" si="673"/>
        <v>SAND</v>
      </c>
      <c r="Q2882" s="236" t="e">
        <f t="shared" si="669"/>
        <v>#N/A</v>
      </c>
      <c r="R2882" s="238">
        <v>35</v>
      </c>
      <c r="S2882" s="236" t="e">
        <f t="shared" si="674"/>
        <v>#N/A</v>
      </c>
      <c r="T2882" s="236">
        <f t="shared" si="660"/>
        <v>34.617004440433107</v>
      </c>
    </row>
    <row r="2883" spans="1:20" x14ac:dyDescent="0.2">
      <c r="A2883" s="53">
        <f t="shared" si="661"/>
        <v>2871</v>
      </c>
      <c r="B2883" s="239">
        <v>28.748999999999999</v>
      </c>
      <c r="C2883" s="3">
        <f t="shared" si="662"/>
        <v>28.741999999999997</v>
      </c>
      <c r="D2883" s="239">
        <v>11.485900000000001</v>
      </c>
      <c r="E2883" s="239">
        <v>0.1283</v>
      </c>
      <c r="F2883" s="239">
        <v>0.2873</v>
      </c>
      <c r="G2883">
        <f t="shared" si="663"/>
        <v>11.543360000000002</v>
      </c>
      <c r="H2883" s="235">
        <f t="shared" si="664"/>
        <v>1.1114614808859811</v>
      </c>
      <c r="I2883" s="236">
        <f t="shared" si="665"/>
        <v>19.892754042691845</v>
      </c>
      <c r="J2883" s="237">
        <f t="shared" si="670"/>
        <v>9.8927540426918448</v>
      </c>
      <c r="K2883" s="237">
        <f t="shared" si="666"/>
        <v>571.757536695049</v>
      </c>
      <c r="L2883" s="237">
        <f t="shared" si="671"/>
        <v>284.40678597334784</v>
      </c>
      <c r="M2883" s="236">
        <f t="shared" si="667"/>
        <v>38.577147256722341</v>
      </c>
      <c r="N2883" s="236">
        <f t="shared" si="668"/>
        <v>1.1693825075152466</v>
      </c>
      <c r="O2883" s="236">
        <f t="shared" si="672"/>
        <v>2.2818949240666688</v>
      </c>
      <c r="P2883" s="236" t="str">
        <f t="shared" si="673"/>
        <v>SAND</v>
      </c>
      <c r="Q2883" s="236" t="e">
        <f t="shared" si="669"/>
        <v>#N/A</v>
      </c>
      <c r="R2883" s="238">
        <v>35</v>
      </c>
      <c r="S2883" s="236" t="e">
        <f t="shared" si="674"/>
        <v>#N/A</v>
      </c>
      <c r="T2883" s="236">
        <f t="shared" si="660"/>
        <v>35.049631197154106</v>
      </c>
    </row>
    <row r="2884" spans="1:20" x14ac:dyDescent="0.2">
      <c r="A2884" s="53">
        <f t="shared" si="661"/>
        <v>2872</v>
      </c>
      <c r="B2884" s="239">
        <v>28.759</v>
      </c>
      <c r="C2884" s="3">
        <f t="shared" si="662"/>
        <v>28.751999999999999</v>
      </c>
      <c r="D2884" s="239">
        <v>12.153600000000001</v>
      </c>
      <c r="E2884" s="239">
        <v>0.1166</v>
      </c>
      <c r="F2884" s="239">
        <v>0.26400000000000001</v>
      </c>
      <c r="G2884">
        <f t="shared" si="663"/>
        <v>12.2064</v>
      </c>
      <c r="H2884" s="235">
        <f t="shared" si="664"/>
        <v>0.95523659719491416</v>
      </c>
      <c r="I2884" s="236">
        <f t="shared" si="665"/>
        <v>19.802457978320739</v>
      </c>
      <c r="J2884" s="237">
        <f t="shared" si="670"/>
        <v>9.8024579783207386</v>
      </c>
      <c r="K2884" s="237">
        <f t="shared" si="666"/>
        <v>569.36027179267785</v>
      </c>
      <c r="L2884" s="237">
        <f t="shared" si="671"/>
        <v>281.90888899852615</v>
      </c>
      <c r="M2884" s="236">
        <f t="shared" si="667"/>
        <v>41.279435244300366</v>
      </c>
      <c r="N2884" s="236">
        <f t="shared" si="668"/>
        <v>1.0019730337206827</v>
      </c>
      <c r="O2884" s="236">
        <f t="shared" si="672"/>
        <v>2.2200884648100923</v>
      </c>
      <c r="P2884" s="236" t="str">
        <f t="shared" si="673"/>
        <v>SAND</v>
      </c>
      <c r="Q2884" s="236" t="e">
        <f t="shared" si="669"/>
        <v>#N/A</v>
      </c>
      <c r="R2884" s="238">
        <v>35</v>
      </c>
      <c r="S2884" s="236" t="e">
        <f t="shared" si="674"/>
        <v>#N/A</v>
      </c>
      <c r="T2884" s="236">
        <f t="shared" si="660"/>
        <v>35.37307121648756</v>
      </c>
    </row>
    <row r="2885" spans="1:20" x14ac:dyDescent="0.2">
      <c r="A2885" s="53">
        <f t="shared" si="661"/>
        <v>2873</v>
      </c>
      <c r="B2885" s="239">
        <v>28.768999999999998</v>
      </c>
      <c r="C2885" s="3">
        <f t="shared" si="662"/>
        <v>28.761999999999997</v>
      </c>
      <c r="D2885" s="239">
        <v>12.6511</v>
      </c>
      <c r="E2885" s="239">
        <v>0.106</v>
      </c>
      <c r="F2885" s="239">
        <v>0.25390000000000001</v>
      </c>
      <c r="G2885">
        <f t="shared" si="663"/>
        <v>12.701879999999999</v>
      </c>
      <c r="H2885" s="235">
        <f t="shared" si="664"/>
        <v>0.83452213373138473</v>
      </c>
      <c r="I2885" s="236">
        <f t="shared" si="665"/>
        <v>19.706250095511272</v>
      </c>
      <c r="J2885" s="237">
        <f t="shared" si="670"/>
        <v>9.7062500955112725</v>
      </c>
      <c r="K2885" s="237">
        <f t="shared" si="666"/>
        <v>566.79116524709514</v>
      </c>
      <c r="L2885" s="237">
        <f t="shared" si="671"/>
        <v>279.23910899776376</v>
      </c>
      <c r="M2885" s="236">
        <f t="shared" si="667"/>
        <v>43.457697878738344</v>
      </c>
      <c r="N2885" s="236">
        <f t="shared" si="668"/>
        <v>0.87349999199374129</v>
      </c>
      <c r="O2885" s="236">
        <f t="shared" si="672"/>
        <v>2.1689884949149656</v>
      </c>
      <c r="P2885" s="236" t="str">
        <f t="shared" si="673"/>
        <v>SAND</v>
      </c>
      <c r="Q2885" s="236" t="e">
        <f t="shared" si="669"/>
        <v>#N/A</v>
      </c>
      <c r="R2885" s="238">
        <v>35</v>
      </c>
      <c r="S2885" s="236" t="e">
        <f t="shared" si="674"/>
        <v>#N/A</v>
      </c>
      <c r="T2885" s="236">
        <f t="shared" si="660"/>
        <v>35.618733879807962</v>
      </c>
    </row>
    <row r="2886" spans="1:20" x14ac:dyDescent="0.2">
      <c r="A2886" s="53">
        <f t="shared" si="661"/>
        <v>2874</v>
      </c>
      <c r="B2886" s="239">
        <v>28.78</v>
      </c>
      <c r="C2886" s="3">
        <f t="shared" si="662"/>
        <v>28.773</v>
      </c>
      <c r="D2886" s="239">
        <v>12.9168</v>
      </c>
      <c r="E2886" s="239">
        <v>0.1009</v>
      </c>
      <c r="F2886" s="239">
        <v>0.26029999999999998</v>
      </c>
      <c r="G2886">
        <f t="shared" si="663"/>
        <v>12.968859999999999</v>
      </c>
      <c r="H2886" s="235">
        <f t="shared" si="664"/>
        <v>0.77801749729737246</v>
      </c>
      <c r="I2886" s="236">
        <f t="shared" si="665"/>
        <v>19.656560825050011</v>
      </c>
      <c r="J2886" s="237">
        <f t="shared" si="670"/>
        <v>9.6565608250500112</v>
      </c>
      <c r="K2886" s="237">
        <f t="shared" si="666"/>
        <v>565.57822461916396</v>
      </c>
      <c r="L2886" s="237">
        <f t="shared" si="671"/>
        <v>277.91582054493932</v>
      </c>
      <c r="M2886" s="236">
        <f t="shared" si="667"/>
        <v>44.629635517187872</v>
      </c>
      <c r="N2886" s="236">
        <f t="shared" si="668"/>
        <v>0.81349437856257956</v>
      </c>
      <c r="O2886" s="236">
        <f t="shared" si="672"/>
        <v>2.1427721780086944</v>
      </c>
      <c r="P2886" s="236" t="str">
        <f t="shared" si="673"/>
        <v>SAND</v>
      </c>
      <c r="Q2886" s="236" t="e">
        <f t="shared" si="669"/>
        <v>#N/A</v>
      </c>
      <c r="R2886" s="238">
        <v>35</v>
      </c>
      <c r="S2886" s="236" t="e">
        <f t="shared" si="674"/>
        <v>#N/A</v>
      </c>
      <c r="T2886" s="236">
        <f t="shared" si="660"/>
        <v>35.74585674048614</v>
      </c>
    </row>
    <row r="2887" spans="1:20" x14ac:dyDescent="0.2">
      <c r="A2887" s="53">
        <f t="shared" si="661"/>
        <v>2875</v>
      </c>
      <c r="B2887" s="239">
        <v>28.791</v>
      </c>
      <c r="C2887" s="3">
        <f t="shared" si="662"/>
        <v>28.783999999999999</v>
      </c>
      <c r="D2887" s="239">
        <v>13.0358</v>
      </c>
      <c r="E2887" s="239">
        <v>9.9599999999999994E-2</v>
      </c>
      <c r="F2887" s="239">
        <v>0.25900000000000001</v>
      </c>
      <c r="G2887">
        <f t="shared" si="663"/>
        <v>13.0876</v>
      </c>
      <c r="H2887" s="235">
        <f t="shared" si="664"/>
        <v>0.76102570371955125</v>
      </c>
      <c r="I2887" s="236">
        <f t="shared" si="665"/>
        <v>19.644917279885583</v>
      </c>
      <c r="J2887" s="237">
        <f t="shared" si="670"/>
        <v>9.6449172798855827</v>
      </c>
      <c r="K2887" s="237">
        <f t="shared" si="666"/>
        <v>565.45929898422662</v>
      </c>
      <c r="L2887" s="237">
        <f t="shared" si="671"/>
        <v>277.68681340518583</v>
      </c>
      <c r="M2887" s="236">
        <f t="shared" si="667"/>
        <v>45.094473689480289</v>
      </c>
      <c r="N2887" s="236">
        <f t="shared" si="668"/>
        <v>0.79539115857339482</v>
      </c>
      <c r="O2887" s="236">
        <f t="shared" si="672"/>
        <v>2.1338016181400659</v>
      </c>
      <c r="P2887" s="236" t="str">
        <f t="shared" si="673"/>
        <v>SAND</v>
      </c>
      <c r="Q2887" s="236" t="e">
        <f t="shared" si="669"/>
        <v>#N/A</v>
      </c>
      <c r="R2887" s="238">
        <v>35</v>
      </c>
      <c r="S2887" s="236" t="e">
        <f t="shared" si="674"/>
        <v>#N/A</v>
      </c>
      <c r="T2887" s="236">
        <f t="shared" si="660"/>
        <v>35.795356547676988</v>
      </c>
    </row>
    <row r="2888" spans="1:20" x14ac:dyDescent="0.2">
      <c r="A2888" s="53">
        <f t="shared" si="661"/>
        <v>2876</v>
      </c>
      <c r="B2888" s="239">
        <v>28.8</v>
      </c>
      <c r="C2888" s="3">
        <f t="shared" si="662"/>
        <v>28.792999999999999</v>
      </c>
      <c r="D2888" s="239">
        <v>12.859</v>
      </c>
      <c r="E2888" s="239">
        <v>9.8599999999999993E-2</v>
      </c>
      <c r="F2888" s="239">
        <v>0.25559999999999999</v>
      </c>
      <c r="G2888">
        <f t="shared" si="663"/>
        <v>12.910119999999999</v>
      </c>
      <c r="H2888" s="235">
        <f t="shared" si="664"/>
        <v>0.76374193268536616</v>
      </c>
      <c r="I2888" s="236">
        <f t="shared" si="665"/>
        <v>19.627747975884063</v>
      </c>
      <c r="J2888" s="237">
        <f t="shared" si="670"/>
        <v>9.6277479758840627</v>
      </c>
      <c r="K2888" s="237">
        <f t="shared" si="666"/>
        <v>565.14174746962976</v>
      </c>
      <c r="L2888" s="237">
        <f t="shared" si="671"/>
        <v>277.27914170546103</v>
      </c>
      <c r="M2888" s="236">
        <f t="shared" si="667"/>
        <v>44.521842416995746</v>
      </c>
      <c r="N2888" s="236">
        <f t="shared" si="668"/>
        <v>0.7987053357488888</v>
      </c>
      <c r="O2888" s="236">
        <f t="shared" si="672"/>
        <v>2.1394736496089801</v>
      </c>
      <c r="P2888" s="236" t="str">
        <f t="shared" si="673"/>
        <v>SAND</v>
      </c>
      <c r="Q2888" s="236" t="e">
        <f t="shared" si="669"/>
        <v>#N/A</v>
      </c>
      <c r="R2888" s="238">
        <v>35</v>
      </c>
      <c r="S2888" s="236" t="e">
        <f t="shared" si="674"/>
        <v>#N/A</v>
      </c>
      <c r="T2888" s="236">
        <f t="shared" si="660"/>
        <v>35.73430440961107</v>
      </c>
    </row>
    <row r="2889" spans="1:20" x14ac:dyDescent="0.2">
      <c r="A2889" s="53">
        <f t="shared" si="661"/>
        <v>2877</v>
      </c>
      <c r="B2889" s="239">
        <v>28.811</v>
      </c>
      <c r="C2889" s="3">
        <f t="shared" si="662"/>
        <v>28.803999999999998</v>
      </c>
      <c r="D2889" s="239">
        <v>12.4552</v>
      </c>
      <c r="E2889" s="239">
        <v>0.1004</v>
      </c>
      <c r="F2889" s="239">
        <v>0.2601</v>
      </c>
      <c r="G2889">
        <f t="shared" si="663"/>
        <v>12.50722</v>
      </c>
      <c r="H2889" s="235">
        <f t="shared" si="664"/>
        <v>0.80273633949031042</v>
      </c>
      <c r="I2889" s="236">
        <f t="shared" si="665"/>
        <v>19.636568789142068</v>
      </c>
      <c r="J2889" s="237">
        <f t="shared" si="670"/>
        <v>9.6365687891420677</v>
      </c>
      <c r="K2889" s="237">
        <f t="shared" si="666"/>
        <v>565.61172740244808</v>
      </c>
      <c r="L2889" s="237">
        <f t="shared" si="671"/>
        <v>277.63918338397212</v>
      </c>
      <c r="M2889" s="236">
        <f t="shared" si="667"/>
        <v>43.011249806488699</v>
      </c>
      <c r="N2889" s="236">
        <f t="shared" si="668"/>
        <v>0.84075777490028891</v>
      </c>
      <c r="O2889" s="236">
        <f t="shared" si="672"/>
        <v>2.163955242869199</v>
      </c>
      <c r="P2889" s="236" t="str">
        <f t="shared" si="673"/>
        <v>SAND</v>
      </c>
      <c r="Q2889" s="236" t="e">
        <f t="shared" si="669"/>
        <v>#N/A</v>
      </c>
      <c r="R2889" s="238">
        <v>35</v>
      </c>
      <c r="S2889" s="236" t="e">
        <f t="shared" si="674"/>
        <v>#N/A</v>
      </c>
      <c r="T2889" s="236">
        <f t="shared" si="660"/>
        <v>35.569402685531173</v>
      </c>
    </row>
    <row r="2890" spans="1:20" x14ac:dyDescent="0.2">
      <c r="A2890" s="53">
        <f t="shared" si="661"/>
        <v>2878</v>
      </c>
      <c r="B2890" s="239">
        <v>28.821000000000002</v>
      </c>
      <c r="C2890" s="3">
        <f t="shared" si="662"/>
        <v>28.814</v>
      </c>
      <c r="D2890" s="239">
        <v>11.919</v>
      </c>
      <c r="E2890" s="239">
        <v>0.1055</v>
      </c>
      <c r="F2890" s="239">
        <v>0.25750000000000001</v>
      </c>
      <c r="G2890">
        <f t="shared" si="663"/>
        <v>11.970500000000001</v>
      </c>
      <c r="H2890" s="235">
        <f t="shared" si="664"/>
        <v>0.881333277640867</v>
      </c>
      <c r="I2890" s="236">
        <f t="shared" si="665"/>
        <v>19.677525757278509</v>
      </c>
      <c r="J2890" s="237">
        <f t="shared" si="670"/>
        <v>9.6775257572785094</v>
      </c>
      <c r="K2890" s="237">
        <f t="shared" si="666"/>
        <v>566.98822717022301</v>
      </c>
      <c r="L2890" s="237">
        <f t="shared" si="671"/>
        <v>278.91596985052394</v>
      </c>
      <c r="M2890" s="236">
        <f t="shared" si="667"/>
        <v>40.885115968587691</v>
      </c>
      <c r="N2890" s="236">
        <f t="shared" si="668"/>
        <v>0.9251536026942706</v>
      </c>
      <c r="O2890" s="236">
        <f t="shared" si="672"/>
        <v>2.2047410424523215</v>
      </c>
      <c r="P2890" s="236" t="str">
        <f t="shared" si="673"/>
        <v>SAND</v>
      </c>
      <c r="Q2890" s="236" t="e">
        <f t="shared" si="669"/>
        <v>#N/A</v>
      </c>
      <c r="R2890" s="238">
        <v>35</v>
      </c>
      <c r="S2890" s="236" t="e">
        <f t="shared" si="674"/>
        <v>#N/A</v>
      </c>
      <c r="T2890" s="236">
        <f t="shared" si="660"/>
        <v>35.327217573389063</v>
      </c>
    </row>
    <row r="2891" spans="1:20" x14ac:dyDescent="0.2">
      <c r="A2891" s="53">
        <f t="shared" si="661"/>
        <v>2879</v>
      </c>
      <c r="B2891" s="239">
        <v>28.832000000000001</v>
      </c>
      <c r="C2891" s="3">
        <f t="shared" si="662"/>
        <v>28.824999999999999</v>
      </c>
      <c r="D2891" s="239">
        <v>11.4061</v>
      </c>
      <c r="E2891" s="239">
        <v>0.1091</v>
      </c>
      <c r="F2891" s="239">
        <v>0.26050000000000001</v>
      </c>
      <c r="G2891">
        <f t="shared" si="663"/>
        <v>11.4582</v>
      </c>
      <c r="H2891" s="235">
        <f t="shared" si="664"/>
        <v>0.95215653418512514</v>
      </c>
      <c r="I2891" s="236">
        <f t="shared" si="665"/>
        <v>19.699774639603671</v>
      </c>
      <c r="J2891" s="237">
        <f t="shared" si="670"/>
        <v>9.699774639603671</v>
      </c>
      <c r="K2891" s="237">
        <f t="shared" si="666"/>
        <v>567.84600398657585</v>
      </c>
      <c r="L2891" s="237">
        <f t="shared" si="671"/>
        <v>279.66390240905304</v>
      </c>
      <c r="M2891" s="236">
        <f t="shared" si="667"/>
        <v>38.9408640235755</v>
      </c>
      <c r="N2891" s="236">
        <f t="shared" si="668"/>
        <v>1.0018039821289344</v>
      </c>
      <c r="O2891" s="236">
        <f t="shared" si="672"/>
        <v>2.2412464617547108</v>
      </c>
      <c r="P2891" s="236" t="str">
        <f t="shared" si="673"/>
        <v>SAND</v>
      </c>
      <c r="Q2891" s="236" t="e">
        <f t="shared" si="669"/>
        <v>#N/A</v>
      </c>
      <c r="R2891" s="238">
        <v>35</v>
      </c>
      <c r="S2891" s="236" t="e">
        <f t="shared" si="674"/>
        <v>#N/A</v>
      </c>
      <c r="T2891" s="236">
        <f t="shared" si="660"/>
        <v>35.094461418037731</v>
      </c>
    </row>
    <row r="2892" spans="1:20" x14ac:dyDescent="0.2">
      <c r="A2892" s="53">
        <f t="shared" si="661"/>
        <v>2880</v>
      </c>
      <c r="B2892" s="239">
        <v>28.841999999999999</v>
      </c>
      <c r="C2892" s="3">
        <f t="shared" si="662"/>
        <v>28.834999999999997</v>
      </c>
      <c r="D2892" s="239">
        <v>10.8629</v>
      </c>
      <c r="E2892" s="239">
        <v>0.11409999999999999</v>
      </c>
      <c r="F2892" s="239">
        <v>0.25969999999999999</v>
      </c>
      <c r="G2892">
        <f t="shared" si="663"/>
        <v>10.91484</v>
      </c>
      <c r="H2892" s="235">
        <f t="shared" si="664"/>
        <v>1.04536575891172</v>
      </c>
      <c r="I2892" s="236">
        <f t="shared" si="665"/>
        <v>19.733329930726676</v>
      </c>
      <c r="J2892" s="237">
        <f t="shared" si="670"/>
        <v>9.7333299307266756</v>
      </c>
      <c r="K2892" s="237">
        <f t="shared" si="666"/>
        <v>569.01056855250363</v>
      </c>
      <c r="L2892" s="237">
        <f t="shared" si="671"/>
        <v>280.72870186201874</v>
      </c>
      <c r="M2892" s="236">
        <f t="shared" si="667"/>
        <v>36.85347940137801</v>
      </c>
      <c r="N2892" s="236">
        <f t="shared" si="668"/>
        <v>1.1028598601594781</v>
      </c>
      <c r="O2892" s="236">
        <f t="shared" si="672"/>
        <v>2.28415229316643</v>
      </c>
      <c r="P2892" s="236" t="str">
        <f t="shared" si="673"/>
        <v>SAND</v>
      </c>
      <c r="Q2892" s="236" t="e">
        <f t="shared" si="669"/>
        <v>#N/A</v>
      </c>
      <c r="R2892" s="238">
        <v>35</v>
      </c>
      <c r="S2892" s="236" t="e">
        <f t="shared" si="674"/>
        <v>#N/A</v>
      </c>
      <c r="T2892" s="236">
        <f t="shared" si="660"/>
        <v>34.831263462947106</v>
      </c>
    </row>
    <row r="2893" spans="1:20" x14ac:dyDescent="0.2">
      <c r="A2893" s="53">
        <f t="shared" si="661"/>
        <v>2881</v>
      </c>
      <c r="B2893" s="239">
        <v>28.853000000000002</v>
      </c>
      <c r="C2893" s="3">
        <f t="shared" si="662"/>
        <v>28.846</v>
      </c>
      <c r="D2893" s="239">
        <v>10.1677</v>
      </c>
      <c r="E2893" s="239">
        <v>0.1106</v>
      </c>
      <c r="F2893" s="239">
        <v>0.26040000000000002</v>
      </c>
      <c r="G2893">
        <f t="shared" si="663"/>
        <v>10.21978</v>
      </c>
      <c r="H2893" s="235">
        <f t="shared" si="664"/>
        <v>1.0822150770368835</v>
      </c>
      <c r="I2893" s="236">
        <f t="shared" si="665"/>
        <v>19.671079289401781</v>
      </c>
      <c r="J2893" s="237">
        <f t="shared" si="670"/>
        <v>9.6710792894017814</v>
      </c>
      <c r="K2893" s="237">
        <f t="shared" si="666"/>
        <v>567.43195318208382</v>
      </c>
      <c r="L2893" s="237">
        <f t="shared" si="671"/>
        <v>279.03965073710964</v>
      </c>
      <c r="M2893" s="236">
        <f t="shared" si="667"/>
        <v>34.591313533113755</v>
      </c>
      <c r="N2893" s="236">
        <f t="shared" si="668"/>
        <v>1.1458351839733074</v>
      </c>
      <c r="O2893" s="236">
        <f t="shared" si="672"/>
        <v>2.316255970996778</v>
      </c>
      <c r="P2893" s="236" t="str">
        <f t="shared" si="673"/>
        <v>SAND</v>
      </c>
      <c r="Q2893" s="236" t="e">
        <f t="shared" si="669"/>
        <v>#N/A</v>
      </c>
      <c r="R2893" s="238">
        <v>35</v>
      </c>
      <c r="S2893" s="236" t="e">
        <f t="shared" si="674"/>
        <v>#N/A</v>
      </c>
      <c r="T2893" s="236">
        <f t="shared" ref="T2893:T2956" si="675">IF(P2893="SAND",17.6+(11*LOG(M2893)),#N/A)</f>
        <v>34.528637591318756</v>
      </c>
    </row>
    <row r="2894" spans="1:20" x14ac:dyDescent="0.2">
      <c r="A2894" s="53">
        <f t="shared" ref="A2894:A2957" si="676">$A2893+1</f>
        <v>2882</v>
      </c>
      <c r="B2894" s="239">
        <v>28.864000000000001</v>
      </c>
      <c r="C2894" s="3">
        <f t="shared" ref="C2894:C2957" si="677">MAX($B2894 - $B$13, 0.001)</f>
        <v>28.856999999999999</v>
      </c>
      <c r="D2894" s="239">
        <v>9.2150999999999996</v>
      </c>
      <c r="E2894" s="239">
        <v>0.1033</v>
      </c>
      <c r="F2894" s="239">
        <v>0.25609999999999999</v>
      </c>
      <c r="G2894">
        <f t="shared" si="663"/>
        <v>9.2663200000000003</v>
      </c>
      <c r="H2894" s="235">
        <f t="shared" si="664"/>
        <v>1.1147899058094259</v>
      </c>
      <c r="I2894" s="236">
        <f t="shared" si="665"/>
        <v>19.552730487001487</v>
      </c>
      <c r="J2894" s="237">
        <f t="shared" si="670"/>
        <v>9.5527304870014866</v>
      </c>
      <c r="K2894" s="237">
        <f t="shared" si="666"/>
        <v>564.23314366340185</v>
      </c>
      <c r="L2894" s="237">
        <f t="shared" si="671"/>
        <v>275.7300127768109</v>
      </c>
      <c r="M2894" s="236">
        <f t="shared" si="667"/>
        <v>31.560172825221191</v>
      </c>
      <c r="N2894" s="236">
        <f t="shared" si="668"/>
        <v>1.1870715807068741</v>
      </c>
      <c r="O2894" s="236">
        <f t="shared" si="672"/>
        <v>2.3579571829947037</v>
      </c>
      <c r="P2894" s="236" t="str">
        <f t="shared" si="673"/>
        <v>SAND</v>
      </c>
      <c r="Q2894" s="236" t="e">
        <f t="shared" si="669"/>
        <v>#N/A</v>
      </c>
      <c r="R2894" s="238">
        <v>35</v>
      </c>
      <c r="S2894" s="236" t="e">
        <f t="shared" si="674"/>
        <v>#N/A</v>
      </c>
      <c r="T2894" s="236">
        <f t="shared" si="675"/>
        <v>34.090533100404819</v>
      </c>
    </row>
    <row r="2895" spans="1:20" x14ac:dyDescent="0.2">
      <c r="A2895" s="53">
        <f t="shared" si="676"/>
        <v>2883</v>
      </c>
      <c r="B2895" s="239">
        <v>28.873000000000001</v>
      </c>
      <c r="C2895" s="3">
        <f t="shared" si="677"/>
        <v>28.866</v>
      </c>
      <c r="D2895" s="239">
        <v>8.2553000000000001</v>
      </c>
      <c r="E2895" s="239">
        <v>0.1052</v>
      </c>
      <c r="F2895" s="239">
        <v>0.25519999999999998</v>
      </c>
      <c r="G2895">
        <f t="shared" ref="G2895:G2958" si="678">$D2895+($F2895*(1-$P$8))</f>
        <v>8.3063400000000005</v>
      </c>
      <c r="H2895" s="235">
        <f t="shared" ref="H2895:H2958" si="679">($E2895/$G2895)*100</f>
        <v>1.2665024547514308</v>
      </c>
      <c r="I2895" s="236">
        <f t="shared" ref="I2895:I2958" si="680">((0.27*(LOG($H2895)))+(0.36*(LOG(($G2895*1000)/101)))+1.236)*10</f>
        <v>19.531354285431973</v>
      </c>
      <c r="J2895" s="237">
        <f t="shared" si="670"/>
        <v>9.5313542854319735</v>
      </c>
      <c r="K2895" s="237">
        <f t="shared" ref="K2895:K2958" si="681">$I2895*$C2895</f>
        <v>563.79207280327932</v>
      </c>
      <c r="L2895" s="237">
        <f t="shared" si="671"/>
        <v>275.19879228327738</v>
      </c>
      <c r="M2895" s="236">
        <f t="shared" ref="M2895:M2958" si="682">(($G2895*1000)-$K2895)/$L2895</f>
        <v>28.13438192427417</v>
      </c>
      <c r="N2895" s="236">
        <f t="shared" ref="N2895:N2958" si="683">(($E2895*1000)/(($G2895*1000)-$K2895))*100</f>
        <v>1.3587258482504334</v>
      </c>
      <c r="O2895" s="236">
        <f t="shared" si="672"/>
        <v>2.4319636800587099</v>
      </c>
      <c r="P2895" s="236" t="str">
        <f t="shared" si="673"/>
        <v>SAND</v>
      </c>
      <c r="Q2895" s="236" t="e">
        <f t="shared" ref="Q2895:Q2958" si="684">IF(P2895="CLAY",($G2895*1000 -$K2895)/$L$8,#N/A)</f>
        <v>#N/A</v>
      </c>
      <c r="R2895" s="238">
        <v>35</v>
      </c>
      <c r="S2895" s="236" t="e">
        <f t="shared" si="674"/>
        <v>#N/A</v>
      </c>
      <c r="T2895" s="236">
        <f t="shared" si="675"/>
        <v>33.541611165817827</v>
      </c>
    </row>
    <row r="2896" spans="1:20" x14ac:dyDescent="0.2">
      <c r="A2896" s="53">
        <f t="shared" si="676"/>
        <v>2884</v>
      </c>
      <c r="B2896" s="239">
        <v>28.884</v>
      </c>
      <c r="C2896" s="3">
        <f t="shared" si="677"/>
        <v>28.876999999999999</v>
      </c>
      <c r="D2896" s="239">
        <v>7.4847000000000001</v>
      </c>
      <c r="E2896" s="239">
        <v>0.1082</v>
      </c>
      <c r="F2896" s="239">
        <v>0.2581</v>
      </c>
      <c r="G2896">
        <f t="shared" si="678"/>
        <v>7.5363199999999999</v>
      </c>
      <c r="H2896" s="235">
        <f t="shared" si="679"/>
        <v>1.4357139824211287</v>
      </c>
      <c r="I2896" s="236">
        <f t="shared" si="680"/>
        <v>19.526300056158284</v>
      </c>
      <c r="J2896" s="237">
        <f t="shared" ref="J2896:J2959" si="685">$I2896-10</f>
        <v>9.5263000561582842</v>
      </c>
      <c r="K2896" s="237">
        <f t="shared" si="681"/>
        <v>563.86096672168276</v>
      </c>
      <c r="L2896" s="237">
        <f t="shared" ref="L2896:L2959" si="686">$J2896*$B2896</f>
        <v>275.15765082207588</v>
      </c>
      <c r="M2896" s="236">
        <f t="shared" si="682"/>
        <v>25.339869752656419</v>
      </c>
      <c r="N2896" s="236">
        <f t="shared" si="683"/>
        <v>1.5518198025055505</v>
      </c>
      <c r="O2896" s="236">
        <f t="shared" ref="O2896:O2959" si="687">((3.47-LOG($M2896))^2+(LOG($N2896)+1.22)^2)^0.5</f>
        <v>2.5019267558171179</v>
      </c>
      <c r="P2896" s="236" t="str">
        <f t="shared" ref="P2896:P2959" si="688">IF(O2896&lt;2.6,"SAND","CLAY")</f>
        <v>SAND</v>
      </c>
      <c r="Q2896" s="236" t="e">
        <f t="shared" si="684"/>
        <v>#N/A</v>
      </c>
      <c r="R2896" s="238">
        <v>35</v>
      </c>
      <c r="S2896" s="236" t="e">
        <f t="shared" ref="S2896:S2959" si="689">IF(P2896="SAND",#N/A,0.25*($M2896)^1.25)</f>
        <v>#N/A</v>
      </c>
      <c r="T2896" s="236">
        <f t="shared" si="675"/>
        <v>33.041848160996878</v>
      </c>
    </row>
    <row r="2897" spans="1:20" x14ac:dyDescent="0.2">
      <c r="A2897" s="53">
        <f t="shared" si="676"/>
        <v>2885</v>
      </c>
      <c r="B2897" s="239">
        <v>28.893000000000001</v>
      </c>
      <c r="C2897" s="3">
        <f t="shared" si="677"/>
        <v>28.885999999999999</v>
      </c>
      <c r="D2897" s="239">
        <v>6.7762000000000002</v>
      </c>
      <c r="E2897" s="239">
        <v>0.107</v>
      </c>
      <c r="F2897" s="239">
        <v>0.25330000000000003</v>
      </c>
      <c r="G2897">
        <f t="shared" si="678"/>
        <v>6.8268599999999999</v>
      </c>
      <c r="H2897" s="235">
        <f t="shared" si="679"/>
        <v>1.5673384249860109</v>
      </c>
      <c r="I2897" s="236">
        <f t="shared" si="680"/>
        <v>19.474578151221426</v>
      </c>
      <c r="J2897" s="237">
        <f t="shared" si="685"/>
        <v>9.4745781512214258</v>
      </c>
      <c r="K2897" s="237">
        <f t="shared" si="681"/>
        <v>562.54266447618204</v>
      </c>
      <c r="L2897" s="237">
        <f t="shared" si="686"/>
        <v>273.74898652324066</v>
      </c>
      <c r="M2897" s="236">
        <f t="shared" si="682"/>
        <v>22.883435716361973</v>
      </c>
      <c r="N2897" s="236">
        <f t="shared" si="683"/>
        <v>1.708087158886767</v>
      </c>
      <c r="O2897" s="236">
        <f t="shared" si="687"/>
        <v>2.562012103714161</v>
      </c>
      <c r="P2897" s="236" t="str">
        <f t="shared" si="688"/>
        <v>SAND</v>
      </c>
      <c r="Q2897" s="236" t="e">
        <f t="shared" si="684"/>
        <v>#N/A</v>
      </c>
      <c r="R2897" s="238">
        <v>35</v>
      </c>
      <c r="S2897" s="236" t="e">
        <f t="shared" si="689"/>
        <v>#N/A</v>
      </c>
      <c r="T2897" s="236">
        <f t="shared" si="675"/>
        <v>32.554733529330363</v>
      </c>
    </row>
    <row r="2898" spans="1:20" x14ac:dyDescent="0.2">
      <c r="A2898" s="53">
        <f t="shared" si="676"/>
        <v>2886</v>
      </c>
      <c r="B2898" s="239">
        <v>28.902000000000001</v>
      </c>
      <c r="C2898" s="3">
        <f t="shared" si="677"/>
        <v>28.895</v>
      </c>
      <c r="D2898" s="239">
        <v>6.1180000000000003</v>
      </c>
      <c r="E2898" s="239">
        <v>0.106</v>
      </c>
      <c r="F2898" s="239">
        <v>0.26279999999999998</v>
      </c>
      <c r="G2898">
        <f t="shared" si="678"/>
        <v>6.17056</v>
      </c>
      <c r="H2898" s="235">
        <f t="shared" si="679"/>
        <v>1.7178343618731522</v>
      </c>
      <c r="I2898" s="236">
        <f t="shared" si="680"/>
        <v>19.4240610122121</v>
      </c>
      <c r="J2898" s="237">
        <f t="shared" si="685"/>
        <v>9.4240610122120998</v>
      </c>
      <c r="K2898" s="237">
        <f t="shared" si="681"/>
        <v>561.25824294786867</v>
      </c>
      <c r="L2898" s="237">
        <f t="shared" si="686"/>
        <v>272.37421137495414</v>
      </c>
      <c r="M2898" s="236">
        <f t="shared" si="682"/>
        <v>20.594100038825953</v>
      </c>
      <c r="N2898" s="236">
        <f t="shared" si="683"/>
        <v>1.8897182678171056</v>
      </c>
      <c r="O2898" s="236">
        <f t="shared" si="687"/>
        <v>2.6246236301648329</v>
      </c>
      <c r="P2898" s="236" t="str">
        <f t="shared" si="688"/>
        <v>CLAY</v>
      </c>
      <c r="Q2898" s="236">
        <f t="shared" si="684"/>
        <v>467.44181308767764</v>
      </c>
      <c r="R2898" s="238">
        <v>35</v>
      </c>
      <c r="S2898" s="236">
        <f t="shared" si="689"/>
        <v>10.967774968937492</v>
      </c>
      <c r="T2898" s="236" t="e">
        <f t="shared" si="675"/>
        <v>#N/A</v>
      </c>
    </row>
    <row r="2899" spans="1:20" x14ac:dyDescent="0.2">
      <c r="A2899" s="53">
        <f t="shared" si="676"/>
        <v>2887</v>
      </c>
      <c r="B2899" s="239">
        <v>28.913</v>
      </c>
      <c r="C2899" s="3">
        <f t="shared" si="677"/>
        <v>28.905999999999999</v>
      </c>
      <c r="D2899" s="239">
        <v>5.6162999999999998</v>
      </c>
      <c r="E2899" s="239">
        <v>0.1085</v>
      </c>
      <c r="F2899" s="239">
        <v>0.2671</v>
      </c>
      <c r="G2899">
        <f t="shared" si="678"/>
        <v>5.6697199999999999</v>
      </c>
      <c r="H2899" s="235">
        <f t="shared" si="679"/>
        <v>1.9136747493703394</v>
      </c>
      <c r="I2899" s="236">
        <f t="shared" si="680"/>
        <v>19.4183087980308</v>
      </c>
      <c r="J2899" s="237">
        <f t="shared" si="685"/>
        <v>9.4183087980308002</v>
      </c>
      <c r="K2899" s="237">
        <f t="shared" si="681"/>
        <v>561.30563411587832</v>
      </c>
      <c r="L2899" s="237">
        <f t="shared" si="686"/>
        <v>272.31156227746453</v>
      </c>
      <c r="M2899" s="236">
        <f t="shared" si="682"/>
        <v>18.759447168383694</v>
      </c>
      <c r="N2899" s="236">
        <f t="shared" si="683"/>
        <v>2.1239467323677395</v>
      </c>
      <c r="O2899" s="236">
        <f t="shared" si="687"/>
        <v>2.6869119066380596</v>
      </c>
      <c r="P2899" s="236" t="str">
        <f t="shared" si="688"/>
        <v>CLAY</v>
      </c>
      <c r="Q2899" s="236">
        <f t="shared" si="684"/>
        <v>425.7011971570102</v>
      </c>
      <c r="R2899" s="238">
        <v>35</v>
      </c>
      <c r="S2899" s="236">
        <f t="shared" si="689"/>
        <v>9.760342402320628</v>
      </c>
      <c r="T2899" s="236" t="e">
        <f t="shared" si="675"/>
        <v>#N/A</v>
      </c>
    </row>
    <row r="2900" spans="1:20" x14ac:dyDescent="0.2">
      <c r="A2900" s="53">
        <f t="shared" si="676"/>
        <v>2888</v>
      </c>
      <c r="B2900" s="239">
        <v>28.922000000000001</v>
      </c>
      <c r="C2900" s="3">
        <f t="shared" si="677"/>
        <v>28.914999999999999</v>
      </c>
      <c r="D2900" s="239">
        <v>5.1841999999999997</v>
      </c>
      <c r="E2900" s="239">
        <v>0.112</v>
      </c>
      <c r="F2900" s="239">
        <v>0.27450000000000002</v>
      </c>
      <c r="G2900">
        <f t="shared" si="678"/>
        <v>5.2390999999999996</v>
      </c>
      <c r="H2900" s="235">
        <f t="shared" si="679"/>
        <v>2.1377717546906911</v>
      </c>
      <c r="I2900" s="236">
        <f t="shared" si="680"/>
        <v>19.424662734804087</v>
      </c>
      <c r="J2900" s="237">
        <f t="shared" si="685"/>
        <v>9.4246627348040874</v>
      </c>
      <c r="K2900" s="237">
        <f t="shared" si="681"/>
        <v>561.6641229768602</v>
      </c>
      <c r="L2900" s="237">
        <f t="shared" si="686"/>
        <v>272.5800956160038</v>
      </c>
      <c r="M2900" s="236">
        <f t="shared" si="682"/>
        <v>17.159858523244704</v>
      </c>
      <c r="N2900" s="236">
        <f t="shared" si="683"/>
        <v>2.3944743005494749</v>
      </c>
      <c r="O2900" s="236">
        <f t="shared" si="687"/>
        <v>2.7486127746290845</v>
      </c>
      <c r="P2900" s="236" t="str">
        <f t="shared" si="688"/>
        <v>CLAY</v>
      </c>
      <c r="Q2900" s="236">
        <f t="shared" si="684"/>
        <v>389.78632308526159</v>
      </c>
      <c r="R2900" s="238">
        <v>35</v>
      </c>
      <c r="S2900" s="236">
        <f t="shared" si="689"/>
        <v>8.7313648750315789</v>
      </c>
      <c r="T2900" s="236" t="e">
        <f t="shared" si="675"/>
        <v>#N/A</v>
      </c>
    </row>
    <row r="2901" spans="1:20" x14ac:dyDescent="0.2">
      <c r="A2901" s="53">
        <f t="shared" si="676"/>
        <v>2889</v>
      </c>
      <c r="B2901" s="239">
        <v>28.931999999999999</v>
      </c>
      <c r="C2901" s="3">
        <f t="shared" si="677"/>
        <v>28.924999999999997</v>
      </c>
      <c r="D2901" s="239">
        <v>4.8551000000000002</v>
      </c>
      <c r="E2901" s="239">
        <v>0.1143</v>
      </c>
      <c r="F2901" s="239">
        <v>0.2908</v>
      </c>
      <c r="G2901">
        <f t="shared" si="678"/>
        <v>4.9132600000000002</v>
      </c>
      <c r="H2901" s="235">
        <f t="shared" si="679"/>
        <v>2.3263576525565508</v>
      </c>
      <c r="I2901" s="236">
        <f t="shared" si="680"/>
        <v>19.423400648522772</v>
      </c>
      <c r="J2901" s="237">
        <f t="shared" si="685"/>
        <v>9.4234006485227724</v>
      </c>
      <c r="K2901" s="237">
        <f t="shared" si="681"/>
        <v>561.82186375852109</v>
      </c>
      <c r="L2901" s="237">
        <f t="shared" si="686"/>
        <v>272.63782756306085</v>
      </c>
      <c r="M2901" s="236">
        <f t="shared" si="682"/>
        <v>15.960507663724673</v>
      </c>
      <c r="N2901" s="236">
        <f t="shared" si="683"/>
        <v>2.6267177981467467</v>
      </c>
      <c r="O2901" s="236">
        <f t="shared" si="687"/>
        <v>2.7976335733566016</v>
      </c>
      <c r="P2901" s="236" t="str">
        <f t="shared" si="688"/>
        <v>CLAY</v>
      </c>
      <c r="Q2901" s="236">
        <f t="shared" si="684"/>
        <v>362.61984468678992</v>
      </c>
      <c r="R2901" s="238">
        <v>35</v>
      </c>
      <c r="S2901" s="236">
        <f t="shared" si="689"/>
        <v>7.9753249099845185</v>
      </c>
      <c r="T2901" s="236" t="e">
        <f t="shared" si="675"/>
        <v>#N/A</v>
      </c>
    </row>
    <row r="2902" spans="1:20" x14ac:dyDescent="0.2">
      <c r="A2902" s="53">
        <f t="shared" si="676"/>
        <v>2890</v>
      </c>
      <c r="B2902" s="239">
        <v>28.942</v>
      </c>
      <c r="C2902" s="3">
        <f t="shared" si="677"/>
        <v>28.934999999999999</v>
      </c>
      <c r="D2902" s="239">
        <v>4.6593999999999998</v>
      </c>
      <c r="E2902" s="239">
        <v>0.11600000000000001</v>
      </c>
      <c r="F2902" s="239">
        <v>0.30559999999999998</v>
      </c>
      <c r="G2902">
        <f t="shared" si="678"/>
        <v>4.7205199999999996</v>
      </c>
      <c r="H2902" s="235">
        <f t="shared" si="679"/>
        <v>2.457356392939761</v>
      </c>
      <c r="I2902" s="236">
        <f t="shared" si="680"/>
        <v>19.425070483096011</v>
      </c>
      <c r="J2902" s="237">
        <f t="shared" si="685"/>
        <v>9.425070483096011</v>
      </c>
      <c r="K2902" s="237">
        <f t="shared" si="681"/>
        <v>562.06441442838309</v>
      </c>
      <c r="L2902" s="237">
        <f t="shared" si="686"/>
        <v>272.78038992176477</v>
      </c>
      <c r="M2902" s="236">
        <f t="shared" si="682"/>
        <v>15.244701375946743</v>
      </c>
      <c r="N2902" s="236">
        <f t="shared" si="683"/>
        <v>2.789497148953072</v>
      </c>
      <c r="O2902" s="236">
        <f t="shared" si="687"/>
        <v>2.8290990904437372</v>
      </c>
      <c r="P2902" s="236" t="str">
        <f t="shared" si="688"/>
        <v>CLAY</v>
      </c>
      <c r="Q2902" s="236">
        <f t="shared" si="684"/>
        <v>346.53796546430135</v>
      </c>
      <c r="R2902" s="238">
        <v>35</v>
      </c>
      <c r="S2902" s="236">
        <f t="shared" si="689"/>
        <v>7.5307574579737331</v>
      </c>
      <c r="T2902" s="236" t="e">
        <f t="shared" si="675"/>
        <v>#N/A</v>
      </c>
    </row>
    <row r="2903" spans="1:20" x14ac:dyDescent="0.2">
      <c r="A2903" s="53">
        <f t="shared" si="676"/>
        <v>2891</v>
      </c>
      <c r="B2903" s="239">
        <v>28.952000000000002</v>
      </c>
      <c r="C2903" s="3">
        <f t="shared" si="677"/>
        <v>28.945</v>
      </c>
      <c r="D2903" s="239">
        <v>4.5110999999999999</v>
      </c>
      <c r="E2903" s="239">
        <v>0.1217</v>
      </c>
      <c r="F2903" s="239">
        <v>0.31819999999999998</v>
      </c>
      <c r="G2903">
        <f t="shared" si="678"/>
        <v>4.5747400000000003</v>
      </c>
      <c r="H2903" s="235">
        <f t="shared" si="679"/>
        <v>2.6602604738192768</v>
      </c>
      <c r="I2903" s="236">
        <f t="shared" si="680"/>
        <v>19.469057390439854</v>
      </c>
      <c r="J2903" s="237">
        <f t="shared" si="685"/>
        <v>9.4690573904398541</v>
      </c>
      <c r="K2903" s="237">
        <f t="shared" si="681"/>
        <v>563.53186616628159</v>
      </c>
      <c r="L2903" s="237">
        <f t="shared" si="686"/>
        <v>274.14814956801467</v>
      </c>
      <c r="M2903" s="236">
        <f t="shared" si="682"/>
        <v>14.631534592352082</v>
      </c>
      <c r="N2903" s="236">
        <f t="shared" si="683"/>
        <v>3.0339986343138223</v>
      </c>
      <c r="O2903" s="236">
        <f t="shared" si="687"/>
        <v>2.8650558636015586</v>
      </c>
      <c r="P2903" s="236" t="str">
        <f t="shared" si="688"/>
        <v>CLAY</v>
      </c>
      <c r="Q2903" s="236">
        <f t="shared" si="684"/>
        <v>334.26734448614326</v>
      </c>
      <c r="R2903" s="238">
        <v>35</v>
      </c>
      <c r="S2903" s="236">
        <f t="shared" si="689"/>
        <v>7.154056351352394</v>
      </c>
      <c r="T2903" s="236" t="e">
        <f t="shared" si="675"/>
        <v>#N/A</v>
      </c>
    </row>
    <row r="2904" spans="1:20" x14ac:dyDescent="0.2">
      <c r="A2904" s="53">
        <f t="shared" si="676"/>
        <v>2892</v>
      </c>
      <c r="B2904" s="239">
        <v>28.960999999999999</v>
      </c>
      <c r="C2904" s="3">
        <f t="shared" si="677"/>
        <v>28.953999999999997</v>
      </c>
      <c r="D2904" s="239">
        <v>4.4268000000000001</v>
      </c>
      <c r="E2904" s="239">
        <v>0.1285</v>
      </c>
      <c r="F2904" s="239">
        <v>0.3301</v>
      </c>
      <c r="G2904">
        <f t="shared" si="678"/>
        <v>4.49282</v>
      </c>
      <c r="H2904" s="235">
        <f t="shared" si="679"/>
        <v>2.8601190343703955</v>
      </c>
      <c r="I2904" s="236">
        <f t="shared" si="680"/>
        <v>19.525748616544551</v>
      </c>
      <c r="J2904" s="237">
        <f t="shared" si="685"/>
        <v>9.5257486165445506</v>
      </c>
      <c r="K2904" s="237">
        <f t="shared" si="681"/>
        <v>565.34852544343084</v>
      </c>
      <c r="L2904" s="237">
        <f t="shared" si="686"/>
        <v>275.87520568374674</v>
      </c>
      <c r="M2904" s="236">
        <f t="shared" si="682"/>
        <v>14.236406149013909</v>
      </c>
      <c r="N2904" s="236">
        <f t="shared" si="683"/>
        <v>3.2718251636571924</v>
      </c>
      <c r="O2904" s="236">
        <f t="shared" si="687"/>
        <v>2.8941545395052128</v>
      </c>
      <c r="P2904" s="236" t="str">
        <f t="shared" si="688"/>
        <v>CLAY</v>
      </c>
      <c r="Q2904" s="236">
        <f t="shared" si="684"/>
        <v>327.28928954638076</v>
      </c>
      <c r="R2904" s="238">
        <v>35</v>
      </c>
      <c r="S2904" s="236">
        <f t="shared" si="689"/>
        <v>6.9133806617677234</v>
      </c>
      <c r="T2904" s="236" t="e">
        <f t="shared" si="675"/>
        <v>#N/A</v>
      </c>
    </row>
    <row r="2905" spans="1:20" x14ac:dyDescent="0.2">
      <c r="A2905" s="53">
        <f t="shared" si="676"/>
        <v>2893</v>
      </c>
      <c r="B2905" s="239">
        <v>28.972000000000001</v>
      </c>
      <c r="C2905" s="3">
        <f t="shared" si="677"/>
        <v>28.965</v>
      </c>
      <c r="D2905" s="239">
        <v>4.2702</v>
      </c>
      <c r="E2905" s="239">
        <v>0.1331</v>
      </c>
      <c r="F2905" s="239">
        <v>0.35110000000000002</v>
      </c>
      <c r="G2905">
        <f t="shared" si="678"/>
        <v>4.3404199999999999</v>
      </c>
      <c r="H2905" s="235">
        <f t="shared" si="679"/>
        <v>3.0665235161574227</v>
      </c>
      <c r="I2905" s="236">
        <f t="shared" si="680"/>
        <v>19.553502384543641</v>
      </c>
      <c r="J2905" s="237">
        <f t="shared" si="685"/>
        <v>9.5535023845436413</v>
      </c>
      <c r="K2905" s="237">
        <f t="shared" si="681"/>
        <v>566.36719656830655</v>
      </c>
      <c r="L2905" s="237">
        <f t="shared" si="686"/>
        <v>276.7840710849984</v>
      </c>
      <c r="M2905" s="236">
        <f t="shared" si="682"/>
        <v>13.635368497317568</v>
      </c>
      <c r="N2905" s="236">
        <f t="shared" si="683"/>
        <v>3.5267127126301472</v>
      </c>
      <c r="O2905" s="236">
        <f t="shared" si="687"/>
        <v>2.9287160661401255</v>
      </c>
      <c r="P2905" s="236" t="str">
        <f t="shared" si="688"/>
        <v>CLAY</v>
      </c>
      <c r="Q2905" s="236">
        <f t="shared" si="684"/>
        <v>314.50440028597444</v>
      </c>
      <c r="R2905" s="238">
        <v>35</v>
      </c>
      <c r="S2905" s="236">
        <f t="shared" si="689"/>
        <v>6.5504872821050961</v>
      </c>
      <c r="T2905" s="236" t="e">
        <f t="shared" si="675"/>
        <v>#N/A</v>
      </c>
    </row>
    <row r="2906" spans="1:20" x14ac:dyDescent="0.2">
      <c r="A2906" s="53">
        <f t="shared" si="676"/>
        <v>2894</v>
      </c>
      <c r="B2906" s="239">
        <v>28.981999999999999</v>
      </c>
      <c r="C2906" s="3">
        <f t="shared" si="677"/>
        <v>28.974999999999998</v>
      </c>
      <c r="D2906" s="239">
        <v>4.0727000000000002</v>
      </c>
      <c r="E2906" s="239">
        <v>0.13969999999999999</v>
      </c>
      <c r="F2906" s="239">
        <v>0.37840000000000001</v>
      </c>
      <c r="G2906">
        <f t="shared" si="678"/>
        <v>4.1483800000000004</v>
      </c>
      <c r="H2906" s="235">
        <f t="shared" si="679"/>
        <v>3.3675796334954842</v>
      </c>
      <c r="I2906" s="236">
        <f t="shared" si="680"/>
        <v>19.592564029503833</v>
      </c>
      <c r="J2906" s="237">
        <f t="shared" si="685"/>
        <v>9.5925640295038335</v>
      </c>
      <c r="K2906" s="237">
        <f t="shared" si="681"/>
        <v>567.69454275487351</v>
      </c>
      <c r="L2906" s="237">
        <f t="shared" si="686"/>
        <v>278.01169070308009</v>
      </c>
      <c r="M2906" s="236">
        <f t="shared" si="682"/>
        <v>12.879621889963406</v>
      </c>
      <c r="N2906" s="236">
        <f t="shared" si="683"/>
        <v>3.9014876248717205</v>
      </c>
      <c r="O2906" s="236">
        <f t="shared" si="687"/>
        <v>2.9749978610178989</v>
      </c>
      <c r="P2906" s="236" t="str">
        <f t="shared" si="688"/>
        <v>CLAY</v>
      </c>
      <c r="Q2906" s="236">
        <f t="shared" si="684"/>
        <v>298.3904547704272</v>
      </c>
      <c r="R2906" s="238">
        <v>35</v>
      </c>
      <c r="S2906" s="236">
        <f t="shared" si="689"/>
        <v>6.0998464194630415</v>
      </c>
      <c r="T2906" s="236" t="e">
        <f t="shared" si="675"/>
        <v>#N/A</v>
      </c>
    </row>
    <row r="2907" spans="1:20" x14ac:dyDescent="0.2">
      <c r="A2907" s="53">
        <f t="shared" si="676"/>
        <v>2895</v>
      </c>
      <c r="B2907" s="239">
        <v>28.991</v>
      </c>
      <c r="C2907" s="3">
        <f t="shared" si="677"/>
        <v>28.983999999999998</v>
      </c>
      <c r="D2907" s="239">
        <v>3.9609999999999999</v>
      </c>
      <c r="E2907" s="239">
        <v>0.14460000000000001</v>
      </c>
      <c r="F2907" s="239">
        <v>0.39090000000000003</v>
      </c>
      <c r="G2907">
        <f t="shared" si="678"/>
        <v>4.03918</v>
      </c>
      <c r="H2907" s="235">
        <f t="shared" si="679"/>
        <v>3.5799345411692474</v>
      </c>
      <c r="I2907" s="236">
        <f t="shared" si="680"/>
        <v>19.622561331925713</v>
      </c>
      <c r="J2907" s="237">
        <f t="shared" si="685"/>
        <v>9.6225613319257128</v>
      </c>
      <c r="K2907" s="237">
        <f t="shared" si="681"/>
        <v>568.7403176445348</v>
      </c>
      <c r="L2907" s="237">
        <f t="shared" si="686"/>
        <v>278.96767557385834</v>
      </c>
      <c r="M2907" s="236">
        <f t="shared" si="682"/>
        <v>12.44029321754393</v>
      </c>
      <c r="N2907" s="236">
        <f t="shared" si="683"/>
        <v>4.1666190233814042</v>
      </c>
      <c r="O2907" s="236">
        <f t="shared" si="687"/>
        <v>3.0043691520178233</v>
      </c>
      <c r="P2907" s="236" t="str">
        <f t="shared" si="688"/>
        <v>CLAY</v>
      </c>
      <c r="Q2907" s="236">
        <f t="shared" si="684"/>
        <v>289.20330686295546</v>
      </c>
      <c r="R2907" s="238">
        <v>35</v>
      </c>
      <c r="S2907" s="236">
        <f t="shared" si="689"/>
        <v>5.8408799440999308</v>
      </c>
      <c r="T2907" s="236" t="e">
        <f t="shared" si="675"/>
        <v>#N/A</v>
      </c>
    </row>
    <row r="2908" spans="1:20" x14ac:dyDescent="0.2">
      <c r="A2908" s="53">
        <f t="shared" si="676"/>
        <v>2896</v>
      </c>
      <c r="B2908" s="239">
        <v>29.001000000000001</v>
      </c>
      <c r="C2908" s="3">
        <f t="shared" si="677"/>
        <v>28.994</v>
      </c>
      <c r="D2908" s="239">
        <v>4.0574000000000003</v>
      </c>
      <c r="E2908" s="239">
        <v>0.1452</v>
      </c>
      <c r="F2908" s="239">
        <v>0.40689999999999998</v>
      </c>
      <c r="G2908">
        <f t="shared" si="678"/>
        <v>4.1387800000000006</v>
      </c>
      <c r="H2908" s="235">
        <f t="shared" si="679"/>
        <v>3.5082802178419721</v>
      </c>
      <c r="I2908" s="236">
        <f t="shared" si="680"/>
        <v>19.636938026150087</v>
      </c>
      <c r="J2908" s="237">
        <f t="shared" si="685"/>
        <v>9.6369380261500872</v>
      </c>
      <c r="K2908" s="237">
        <f t="shared" si="681"/>
        <v>569.35338113019566</v>
      </c>
      <c r="L2908" s="237">
        <f t="shared" si="686"/>
        <v>279.48083969637867</v>
      </c>
      <c r="M2908" s="236">
        <f t="shared" si="682"/>
        <v>12.771632655560735</v>
      </c>
      <c r="N2908" s="236">
        <f t="shared" si="683"/>
        <v>4.0678802369097298</v>
      </c>
      <c r="O2908" s="236">
        <f t="shared" si="687"/>
        <v>2.9889661844898416</v>
      </c>
      <c r="P2908" s="236" t="str">
        <f t="shared" si="688"/>
        <v>CLAY</v>
      </c>
      <c r="Q2908" s="236">
        <f t="shared" si="684"/>
        <v>297.4522182391504</v>
      </c>
      <c r="R2908" s="238">
        <v>35</v>
      </c>
      <c r="S2908" s="236">
        <f t="shared" si="689"/>
        <v>6.0359833340081526</v>
      </c>
      <c r="T2908" s="236" t="e">
        <f t="shared" si="675"/>
        <v>#N/A</v>
      </c>
    </row>
    <row r="2909" spans="1:20" x14ac:dyDescent="0.2">
      <c r="A2909" s="53">
        <f t="shared" si="676"/>
        <v>2897</v>
      </c>
      <c r="B2909" s="239">
        <v>29.010999999999999</v>
      </c>
      <c r="C2909" s="3">
        <f t="shared" si="677"/>
        <v>29.003999999999998</v>
      </c>
      <c r="D2909" s="239">
        <v>4.1668000000000003</v>
      </c>
      <c r="E2909" s="239">
        <v>0.14580000000000001</v>
      </c>
      <c r="F2909" s="239">
        <v>0.4269</v>
      </c>
      <c r="G2909">
        <f t="shared" si="678"/>
        <v>4.2521800000000001</v>
      </c>
      <c r="H2909" s="235">
        <f t="shared" si="679"/>
        <v>3.4288294474834085</v>
      </c>
      <c r="I2909" s="236">
        <f t="shared" si="680"/>
        <v>19.652338845546872</v>
      </c>
      <c r="J2909" s="237">
        <f t="shared" si="685"/>
        <v>9.6523388455468719</v>
      </c>
      <c r="K2909" s="237">
        <f t="shared" si="681"/>
        <v>569.99643587624143</v>
      </c>
      <c r="L2909" s="237">
        <f t="shared" si="686"/>
        <v>280.02400224816029</v>
      </c>
      <c r="M2909" s="236">
        <f t="shared" si="682"/>
        <v>13.149528378144414</v>
      </c>
      <c r="N2909" s="236">
        <f t="shared" si="683"/>
        <v>3.9596070500275484</v>
      </c>
      <c r="O2909" s="236">
        <f t="shared" si="687"/>
        <v>2.9717810271646159</v>
      </c>
      <c r="P2909" s="236" t="str">
        <f t="shared" si="688"/>
        <v>CLAY</v>
      </c>
      <c r="Q2909" s="236">
        <f t="shared" si="684"/>
        <v>306.84863034364656</v>
      </c>
      <c r="R2909" s="238">
        <v>35</v>
      </c>
      <c r="S2909" s="236">
        <f t="shared" si="689"/>
        <v>6.2600489550754101</v>
      </c>
      <c r="T2909" s="236" t="e">
        <f t="shared" si="675"/>
        <v>#N/A</v>
      </c>
    </row>
    <row r="2910" spans="1:20" x14ac:dyDescent="0.2">
      <c r="A2910" s="53">
        <f t="shared" si="676"/>
        <v>2898</v>
      </c>
      <c r="B2910" s="239">
        <v>29.02</v>
      </c>
      <c r="C2910" s="3">
        <f t="shared" si="677"/>
        <v>29.012999999999998</v>
      </c>
      <c r="D2910" s="239">
        <v>4.1044</v>
      </c>
      <c r="E2910" s="239">
        <v>0.14080000000000001</v>
      </c>
      <c r="F2910" s="239">
        <v>0.4103</v>
      </c>
      <c r="G2910">
        <f t="shared" si="678"/>
        <v>4.1864600000000003</v>
      </c>
      <c r="H2910" s="235">
        <f t="shared" si="679"/>
        <v>3.3632233438274817</v>
      </c>
      <c r="I2910" s="236">
        <f t="shared" si="680"/>
        <v>19.60533247380301</v>
      </c>
      <c r="J2910" s="237">
        <f t="shared" si="685"/>
        <v>9.6053324738030099</v>
      </c>
      <c r="K2910" s="237">
        <f t="shared" si="681"/>
        <v>568.80951106244675</v>
      </c>
      <c r="L2910" s="237">
        <f t="shared" si="686"/>
        <v>278.74674838976335</v>
      </c>
      <c r="M2910" s="236">
        <f t="shared" si="682"/>
        <v>12.978269737084428</v>
      </c>
      <c r="N2910" s="236">
        <f t="shared" si="683"/>
        <v>3.8920288300529204</v>
      </c>
      <c r="O2910" s="236">
        <f t="shared" si="687"/>
        <v>2.9717275105260437</v>
      </c>
      <c r="P2910" s="236" t="str">
        <f t="shared" si="688"/>
        <v>CLAY</v>
      </c>
      <c r="Q2910" s="236">
        <f t="shared" si="684"/>
        <v>301.47087407812944</v>
      </c>
      <c r="R2910" s="238">
        <v>35</v>
      </c>
      <c r="S2910" s="236">
        <f t="shared" si="689"/>
        <v>6.1583023010608144</v>
      </c>
      <c r="T2910" s="236" t="e">
        <f t="shared" si="675"/>
        <v>#N/A</v>
      </c>
    </row>
    <row r="2911" spans="1:20" x14ac:dyDescent="0.2">
      <c r="A2911" s="53">
        <f t="shared" si="676"/>
        <v>2899</v>
      </c>
      <c r="B2911" s="239">
        <v>29.03</v>
      </c>
      <c r="C2911" s="3">
        <f t="shared" si="677"/>
        <v>29.023</v>
      </c>
      <c r="D2911" s="239">
        <v>4.0190000000000001</v>
      </c>
      <c r="E2911" s="239">
        <v>0.13769999999999999</v>
      </c>
      <c r="F2911" s="239">
        <v>0.379</v>
      </c>
      <c r="G2911">
        <f t="shared" si="678"/>
        <v>4.0948000000000002</v>
      </c>
      <c r="H2911" s="235">
        <f t="shared" si="679"/>
        <v>3.3628016020318445</v>
      </c>
      <c r="I2911" s="236">
        <f t="shared" si="680"/>
        <v>19.570574118229448</v>
      </c>
      <c r="J2911" s="237">
        <f t="shared" si="685"/>
        <v>9.5705741182294481</v>
      </c>
      <c r="K2911" s="237">
        <f t="shared" si="681"/>
        <v>567.99677263337321</v>
      </c>
      <c r="L2911" s="237">
        <f t="shared" si="686"/>
        <v>277.83376665220089</v>
      </c>
      <c r="M2911" s="236">
        <f t="shared" si="682"/>
        <v>12.69393303003938</v>
      </c>
      <c r="N2911" s="236">
        <f t="shared" si="683"/>
        <v>3.9043856751491357</v>
      </c>
      <c r="O2911" s="236">
        <f t="shared" si="687"/>
        <v>2.980199683797347</v>
      </c>
      <c r="P2911" s="236" t="str">
        <f t="shared" si="688"/>
        <v>CLAY</v>
      </c>
      <c r="Q2911" s="236">
        <f t="shared" si="684"/>
        <v>293.90026894721888</v>
      </c>
      <c r="R2911" s="238">
        <v>35</v>
      </c>
      <c r="S2911" s="236">
        <f t="shared" si="689"/>
        <v>5.9901164059605208</v>
      </c>
      <c r="T2911" s="236" t="e">
        <f t="shared" si="675"/>
        <v>#N/A</v>
      </c>
    </row>
    <row r="2912" spans="1:20" x14ac:dyDescent="0.2">
      <c r="A2912" s="53">
        <f t="shared" si="676"/>
        <v>2900</v>
      </c>
      <c r="B2912" s="239">
        <v>29.04</v>
      </c>
      <c r="C2912" s="3">
        <f t="shared" si="677"/>
        <v>29.032999999999998</v>
      </c>
      <c r="D2912" s="239">
        <v>3.8146</v>
      </c>
      <c r="E2912" s="239">
        <v>0.13719999999999999</v>
      </c>
      <c r="F2912" s="239">
        <v>0.37590000000000001</v>
      </c>
      <c r="G2912">
        <f t="shared" si="678"/>
        <v>3.88978</v>
      </c>
      <c r="H2912" s="235">
        <f t="shared" si="679"/>
        <v>3.5271917692003143</v>
      </c>
      <c r="I2912" s="236">
        <f t="shared" si="680"/>
        <v>19.546231690174004</v>
      </c>
      <c r="J2912" s="237">
        <f t="shared" si="685"/>
        <v>9.5462316901740039</v>
      </c>
      <c r="K2912" s="237">
        <f t="shared" si="681"/>
        <v>567.48574466082187</v>
      </c>
      <c r="L2912" s="237">
        <f t="shared" si="686"/>
        <v>277.22256828265307</v>
      </c>
      <c r="M2912" s="236">
        <f t="shared" si="682"/>
        <v>11.984212814707798</v>
      </c>
      <c r="N2912" s="236">
        <f t="shared" si="683"/>
        <v>4.1296763457815091</v>
      </c>
      <c r="O2912" s="236">
        <f t="shared" si="687"/>
        <v>3.0148525803976232</v>
      </c>
      <c r="P2912" s="236" t="str">
        <f t="shared" si="688"/>
        <v>CLAY</v>
      </c>
      <c r="Q2912" s="236">
        <f t="shared" si="684"/>
        <v>276.85785461159821</v>
      </c>
      <c r="R2912" s="238">
        <v>35</v>
      </c>
      <c r="S2912" s="236">
        <f t="shared" si="689"/>
        <v>5.5744483955420661</v>
      </c>
      <c r="T2912" s="236" t="e">
        <f t="shared" si="675"/>
        <v>#N/A</v>
      </c>
    </row>
    <row r="2913" spans="1:20" x14ac:dyDescent="0.2">
      <c r="A2913" s="53">
        <f t="shared" si="676"/>
        <v>2901</v>
      </c>
      <c r="B2913" s="239">
        <v>29.05</v>
      </c>
      <c r="C2913" s="3">
        <f t="shared" si="677"/>
        <v>29.042999999999999</v>
      </c>
      <c r="D2913" s="239">
        <v>3.7471999999999999</v>
      </c>
      <c r="E2913" s="239">
        <v>0.13900000000000001</v>
      </c>
      <c r="F2913" s="239">
        <v>0.35770000000000002</v>
      </c>
      <c r="G2913">
        <f t="shared" si="678"/>
        <v>3.81874</v>
      </c>
      <c r="H2913" s="235">
        <f t="shared" si="679"/>
        <v>3.6399440653199751</v>
      </c>
      <c r="I2913" s="236">
        <f t="shared" si="680"/>
        <v>19.554311096353345</v>
      </c>
      <c r="J2913" s="237">
        <f t="shared" si="685"/>
        <v>9.5543110963533451</v>
      </c>
      <c r="K2913" s="237">
        <f t="shared" si="681"/>
        <v>567.91585717139014</v>
      </c>
      <c r="L2913" s="237">
        <f t="shared" si="686"/>
        <v>277.55273734906467</v>
      </c>
      <c r="M2913" s="236">
        <f t="shared" si="682"/>
        <v>11.7124557079767</v>
      </c>
      <c r="N2913" s="236">
        <f t="shared" si="683"/>
        <v>4.2758387994206659</v>
      </c>
      <c r="O2913" s="236">
        <f t="shared" si="687"/>
        <v>3.0319583693792196</v>
      </c>
      <c r="P2913" s="236" t="str">
        <f t="shared" si="688"/>
        <v>CLAY</v>
      </c>
      <c r="Q2913" s="236">
        <f t="shared" si="684"/>
        <v>270.90201190238417</v>
      </c>
      <c r="R2913" s="238">
        <v>35</v>
      </c>
      <c r="S2913" s="236">
        <f t="shared" si="689"/>
        <v>5.4168893028267497</v>
      </c>
      <c r="T2913" s="236" t="e">
        <f t="shared" si="675"/>
        <v>#N/A</v>
      </c>
    </row>
    <row r="2914" spans="1:20" x14ac:dyDescent="0.2">
      <c r="A2914" s="53">
        <f t="shared" si="676"/>
        <v>2902</v>
      </c>
      <c r="B2914" s="239">
        <v>29.06</v>
      </c>
      <c r="C2914" s="3">
        <f t="shared" si="677"/>
        <v>29.052999999999997</v>
      </c>
      <c r="D2914" s="239">
        <v>3.6221000000000001</v>
      </c>
      <c r="E2914" s="239">
        <v>0.14319999999999999</v>
      </c>
      <c r="F2914" s="239">
        <v>0.3518</v>
      </c>
      <c r="G2914">
        <f t="shared" si="678"/>
        <v>3.6924600000000001</v>
      </c>
      <c r="H2914" s="235">
        <f t="shared" si="679"/>
        <v>3.8781733586822873</v>
      </c>
      <c r="I2914" s="236">
        <f t="shared" si="680"/>
        <v>19.57607342231843</v>
      </c>
      <c r="J2914" s="237">
        <f t="shared" si="685"/>
        <v>9.5760734223184301</v>
      </c>
      <c r="K2914" s="237">
        <f t="shared" si="681"/>
        <v>568.74366113861731</v>
      </c>
      <c r="L2914" s="237">
        <f t="shared" si="686"/>
        <v>278.28069365257358</v>
      </c>
      <c r="M2914" s="236">
        <f t="shared" si="682"/>
        <v>11.225055888215024</v>
      </c>
      <c r="N2914" s="236">
        <f t="shared" si="683"/>
        <v>4.5842830931376257</v>
      </c>
      <c r="O2914" s="236">
        <f t="shared" si="687"/>
        <v>3.0650725645956673</v>
      </c>
      <c r="P2914" s="236" t="str">
        <f t="shared" si="688"/>
        <v>CLAY</v>
      </c>
      <c r="Q2914" s="236">
        <f t="shared" si="684"/>
        <v>260.30969490511524</v>
      </c>
      <c r="R2914" s="238">
        <v>35</v>
      </c>
      <c r="S2914" s="236">
        <f t="shared" si="689"/>
        <v>5.1365988316168618</v>
      </c>
      <c r="T2914" s="236" t="e">
        <f t="shared" si="675"/>
        <v>#N/A</v>
      </c>
    </row>
    <row r="2915" spans="1:20" x14ac:dyDescent="0.2">
      <c r="A2915" s="53">
        <f t="shared" si="676"/>
        <v>2903</v>
      </c>
      <c r="B2915" s="239">
        <v>29.07</v>
      </c>
      <c r="C2915" s="3">
        <f t="shared" si="677"/>
        <v>29.062999999999999</v>
      </c>
      <c r="D2915" s="239">
        <v>3.6162999999999998</v>
      </c>
      <c r="E2915" s="239">
        <v>0.14199999999999999</v>
      </c>
      <c r="F2915" s="239">
        <v>0.32700000000000001</v>
      </c>
      <c r="G2915">
        <f t="shared" si="678"/>
        <v>3.6816999999999998</v>
      </c>
      <c r="H2915" s="235">
        <f t="shared" si="679"/>
        <v>3.8569139256321807</v>
      </c>
      <c r="I2915" s="236">
        <f t="shared" si="680"/>
        <v>19.56506514198114</v>
      </c>
      <c r="J2915" s="237">
        <f t="shared" si="685"/>
        <v>9.5650651419811403</v>
      </c>
      <c r="K2915" s="237">
        <f t="shared" si="681"/>
        <v>568.61948822139789</v>
      </c>
      <c r="L2915" s="237">
        <f t="shared" si="686"/>
        <v>278.05644367739177</v>
      </c>
      <c r="M2915" s="236">
        <f t="shared" si="682"/>
        <v>11.195858188384507</v>
      </c>
      <c r="N2915" s="236">
        <f t="shared" si="683"/>
        <v>4.5613982504702673</v>
      </c>
      <c r="O2915" s="236">
        <f t="shared" si="687"/>
        <v>3.0646325046623368</v>
      </c>
      <c r="P2915" s="236" t="str">
        <f t="shared" si="688"/>
        <v>CLAY</v>
      </c>
      <c r="Q2915" s="236">
        <f t="shared" si="684"/>
        <v>259.42337598155018</v>
      </c>
      <c r="R2915" s="238">
        <v>35</v>
      </c>
      <c r="S2915" s="236">
        <f t="shared" si="689"/>
        <v>5.1199031379459461</v>
      </c>
      <c r="T2915" s="236" t="e">
        <f t="shared" si="675"/>
        <v>#N/A</v>
      </c>
    </row>
    <row r="2916" spans="1:20" x14ac:dyDescent="0.2">
      <c r="A2916" s="53">
        <f t="shared" si="676"/>
        <v>2904</v>
      </c>
      <c r="B2916" s="239">
        <v>29.079000000000001</v>
      </c>
      <c r="C2916" s="3">
        <f t="shared" si="677"/>
        <v>29.071999999999999</v>
      </c>
      <c r="D2916" s="239">
        <v>3.6402000000000001</v>
      </c>
      <c r="E2916" s="239">
        <v>0.1411</v>
      </c>
      <c r="F2916" s="239">
        <v>0.30880000000000002</v>
      </c>
      <c r="G2916">
        <f t="shared" si="678"/>
        <v>3.7019600000000001</v>
      </c>
      <c r="H2916" s="235">
        <f t="shared" si="679"/>
        <v>3.8114944515878073</v>
      </c>
      <c r="I2916" s="236">
        <f t="shared" si="680"/>
        <v>19.559754541186528</v>
      </c>
      <c r="J2916" s="237">
        <f t="shared" si="685"/>
        <v>9.5597545411865283</v>
      </c>
      <c r="K2916" s="237">
        <f t="shared" si="681"/>
        <v>568.64118402137478</v>
      </c>
      <c r="L2916" s="237">
        <f t="shared" si="686"/>
        <v>277.98810230316309</v>
      </c>
      <c r="M2916" s="236">
        <f t="shared" si="682"/>
        <v>11.271413380712058</v>
      </c>
      <c r="N2916" s="236">
        <f t="shared" si="683"/>
        <v>4.5032123536375739</v>
      </c>
      <c r="O2916" s="236">
        <f t="shared" si="687"/>
        <v>3.0589074601344568</v>
      </c>
      <c r="P2916" s="236" t="str">
        <f t="shared" si="688"/>
        <v>CLAY</v>
      </c>
      <c r="Q2916" s="236">
        <f t="shared" si="684"/>
        <v>261.10990133155207</v>
      </c>
      <c r="R2916" s="238">
        <v>35</v>
      </c>
      <c r="S2916" s="236">
        <f t="shared" si="689"/>
        <v>5.1631290602389486</v>
      </c>
      <c r="T2916" s="236" t="e">
        <f t="shared" si="675"/>
        <v>#N/A</v>
      </c>
    </row>
    <row r="2917" spans="1:20" x14ac:dyDescent="0.2">
      <c r="A2917" s="53">
        <f t="shared" si="676"/>
        <v>2905</v>
      </c>
      <c r="B2917" s="239">
        <v>29.088000000000001</v>
      </c>
      <c r="C2917" s="3">
        <f t="shared" si="677"/>
        <v>29.081</v>
      </c>
      <c r="D2917" s="239">
        <v>3.669</v>
      </c>
      <c r="E2917" s="239">
        <v>0.1467</v>
      </c>
      <c r="F2917" s="239">
        <v>0.31780000000000003</v>
      </c>
      <c r="G2917">
        <f t="shared" si="678"/>
        <v>3.7325599999999999</v>
      </c>
      <c r="H2917" s="235">
        <f t="shared" si="679"/>
        <v>3.9302784148144978</v>
      </c>
      <c r="I2917" s="236">
        <f t="shared" si="680"/>
        <v>19.608610479628169</v>
      </c>
      <c r="J2917" s="237">
        <f t="shared" si="685"/>
        <v>9.6086104796281688</v>
      </c>
      <c r="K2917" s="237">
        <f t="shared" si="681"/>
        <v>570.23800135806675</v>
      </c>
      <c r="L2917" s="237">
        <f t="shared" si="686"/>
        <v>279.49526163142417</v>
      </c>
      <c r="M2917" s="236">
        <f t="shared" si="682"/>
        <v>11.314402899653263</v>
      </c>
      <c r="N2917" s="236">
        <f t="shared" si="683"/>
        <v>4.6389962838382894</v>
      </c>
      <c r="O2917" s="236">
        <f t="shared" si="687"/>
        <v>3.0655230636021238</v>
      </c>
      <c r="P2917" s="236" t="str">
        <f t="shared" si="688"/>
        <v>CLAY</v>
      </c>
      <c r="Q2917" s="236">
        <f t="shared" si="684"/>
        <v>263.52683322016111</v>
      </c>
      <c r="R2917" s="238">
        <v>35</v>
      </c>
      <c r="S2917" s="236">
        <f t="shared" si="689"/>
        <v>5.187756201795227</v>
      </c>
      <c r="T2917" s="236" t="e">
        <f t="shared" si="675"/>
        <v>#N/A</v>
      </c>
    </row>
    <row r="2918" spans="1:20" x14ac:dyDescent="0.2">
      <c r="A2918" s="53">
        <f t="shared" si="676"/>
        <v>2906</v>
      </c>
      <c r="B2918" s="239">
        <v>29.099</v>
      </c>
      <c r="C2918" s="3">
        <f t="shared" si="677"/>
        <v>29.091999999999999</v>
      </c>
      <c r="D2918" s="239">
        <v>3.6638999999999999</v>
      </c>
      <c r="E2918" s="239">
        <v>0.15140000000000001</v>
      </c>
      <c r="F2918" s="239">
        <v>0.3332</v>
      </c>
      <c r="G2918">
        <f t="shared" si="678"/>
        <v>3.73054</v>
      </c>
      <c r="H2918" s="235">
        <f t="shared" si="679"/>
        <v>4.058393690993797</v>
      </c>
      <c r="I2918" s="236">
        <f t="shared" si="680"/>
        <v>19.645377448216351</v>
      </c>
      <c r="J2918" s="237">
        <f t="shared" si="685"/>
        <v>9.645377448216351</v>
      </c>
      <c r="K2918" s="237">
        <f t="shared" si="681"/>
        <v>571.5233207235101</v>
      </c>
      <c r="L2918" s="237">
        <f t="shared" si="686"/>
        <v>280.67083836564763</v>
      </c>
      <c r="M2918" s="236">
        <f t="shared" si="682"/>
        <v>11.255236552794413</v>
      </c>
      <c r="N2918" s="236">
        <f t="shared" si="683"/>
        <v>4.7926305990468894</v>
      </c>
      <c r="O2918" s="236">
        <f t="shared" si="687"/>
        <v>3.0760407674694332</v>
      </c>
      <c r="P2918" s="236" t="str">
        <f t="shared" si="688"/>
        <v>CLAY</v>
      </c>
      <c r="Q2918" s="236">
        <f t="shared" si="684"/>
        <v>263.25138993970751</v>
      </c>
      <c r="R2918" s="238">
        <v>35</v>
      </c>
      <c r="S2918" s="236">
        <f t="shared" si="689"/>
        <v>5.1538680143966795</v>
      </c>
      <c r="T2918" s="236" t="e">
        <f t="shared" si="675"/>
        <v>#N/A</v>
      </c>
    </row>
    <row r="2919" spans="1:20" x14ac:dyDescent="0.2">
      <c r="A2919" s="53">
        <f t="shared" si="676"/>
        <v>2907</v>
      </c>
      <c r="B2919" s="239">
        <v>29.108000000000001</v>
      </c>
      <c r="C2919" s="3">
        <f t="shared" si="677"/>
        <v>29.100999999999999</v>
      </c>
      <c r="D2919" s="239">
        <v>3.5895000000000001</v>
      </c>
      <c r="E2919" s="239">
        <v>0.15590000000000001</v>
      </c>
      <c r="F2919" s="239">
        <v>0.36159999999999998</v>
      </c>
      <c r="G2919">
        <f t="shared" si="678"/>
        <v>3.6618200000000001</v>
      </c>
      <c r="H2919" s="235">
        <f t="shared" si="679"/>
        <v>4.2574457510199855</v>
      </c>
      <c r="I2919" s="236">
        <f t="shared" si="680"/>
        <v>19.67245485851733</v>
      </c>
      <c r="J2919" s="237">
        <f t="shared" si="685"/>
        <v>9.6724548585173302</v>
      </c>
      <c r="K2919" s="237">
        <f t="shared" si="681"/>
        <v>572.48810883771284</v>
      </c>
      <c r="L2919" s="237">
        <f t="shared" si="686"/>
        <v>281.54581602172243</v>
      </c>
      <c r="M2919" s="236">
        <f t="shared" si="682"/>
        <v>10.972750136425159</v>
      </c>
      <c r="N2919" s="236">
        <f t="shared" si="683"/>
        <v>5.046398557758919</v>
      </c>
      <c r="O2919" s="236">
        <f t="shared" si="687"/>
        <v>3.0985843301255862</v>
      </c>
      <c r="P2919" s="236" t="str">
        <f t="shared" si="688"/>
        <v>CLAY</v>
      </c>
      <c r="Q2919" s="236">
        <f t="shared" si="684"/>
        <v>257.44432426352392</v>
      </c>
      <c r="R2919" s="238">
        <v>35</v>
      </c>
      <c r="S2919" s="236">
        <f t="shared" si="689"/>
        <v>4.9926873535987388</v>
      </c>
      <c r="T2919" s="236" t="e">
        <f t="shared" si="675"/>
        <v>#N/A</v>
      </c>
    </row>
    <row r="2920" spans="1:20" x14ac:dyDescent="0.2">
      <c r="A2920" s="53">
        <f t="shared" si="676"/>
        <v>2908</v>
      </c>
      <c r="B2920" s="239">
        <v>29.119</v>
      </c>
      <c r="C2920" s="3">
        <f t="shared" si="677"/>
        <v>29.111999999999998</v>
      </c>
      <c r="D2920" s="239">
        <v>3.4817</v>
      </c>
      <c r="E2920" s="239">
        <v>0.15479999999999999</v>
      </c>
      <c r="F2920" s="239">
        <v>0.35620000000000002</v>
      </c>
      <c r="G2920">
        <f t="shared" si="678"/>
        <v>3.55294</v>
      </c>
      <c r="H2920" s="235">
        <f t="shared" si="679"/>
        <v>4.3569550850844649</v>
      </c>
      <c r="I2920" s="236">
        <f t="shared" si="680"/>
        <v>19.652353722612087</v>
      </c>
      <c r="J2920" s="237">
        <f t="shared" si="685"/>
        <v>9.6523537226120872</v>
      </c>
      <c r="K2920" s="237">
        <f t="shared" si="681"/>
        <v>572.11932157268302</v>
      </c>
      <c r="L2920" s="237">
        <f t="shared" si="686"/>
        <v>281.06688804874136</v>
      </c>
      <c r="M2920" s="236">
        <f t="shared" si="682"/>
        <v>10.605378310910805</v>
      </c>
      <c r="N2920" s="236">
        <f t="shared" si="683"/>
        <v>5.1932006886664706</v>
      </c>
      <c r="O2920" s="236">
        <f t="shared" si="687"/>
        <v>3.1179097772458118</v>
      </c>
      <c r="P2920" s="236" t="str">
        <f t="shared" si="688"/>
        <v>CLAY</v>
      </c>
      <c r="Q2920" s="236">
        <f t="shared" si="684"/>
        <v>248.40172320227643</v>
      </c>
      <c r="R2920" s="238">
        <v>35</v>
      </c>
      <c r="S2920" s="236">
        <f t="shared" si="689"/>
        <v>4.7846229056738192</v>
      </c>
      <c r="T2920" s="236" t="e">
        <f t="shared" si="675"/>
        <v>#N/A</v>
      </c>
    </row>
    <row r="2921" spans="1:20" x14ac:dyDescent="0.2">
      <c r="A2921" s="53">
        <f t="shared" si="676"/>
        <v>2909</v>
      </c>
      <c r="B2921" s="239">
        <v>29.128</v>
      </c>
      <c r="C2921" s="3">
        <f t="shared" si="677"/>
        <v>29.120999999999999</v>
      </c>
      <c r="D2921" s="239">
        <v>3.3866000000000001</v>
      </c>
      <c r="E2921" s="239">
        <v>0.14369999999999999</v>
      </c>
      <c r="F2921" s="239">
        <v>0.35049999999999998</v>
      </c>
      <c r="G2921">
        <f t="shared" si="678"/>
        <v>3.4567000000000001</v>
      </c>
      <c r="H2921" s="235">
        <f t="shared" si="679"/>
        <v>4.1571440969710993</v>
      </c>
      <c r="I2921" s="236">
        <f t="shared" si="680"/>
        <v>19.554371849019461</v>
      </c>
      <c r="J2921" s="237">
        <f t="shared" si="685"/>
        <v>9.5543718490194607</v>
      </c>
      <c r="K2921" s="237">
        <f t="shared" si="681"/>
        <v>569.44286261529567</v>
      </c>
      <c r="L2921" s="237">
        <f t="shared" si="686"/>
        <v>278.29974321823886</v>
      </c>
      <c r="M2921" s="236">
        <f t="shared" si="682"/>
        <v>10.374630978802438</v>
      </c>
      <c r="N2921" s="236">
        <f t="shared" si="683"/>
        <v>4.9770419869899207</v>
      </c>
      <c r="O2921" s="236">
        <f t="shared" si="687"/>
        <v>3.1140053271807702</v>
      </c>
      <c r="P2921" s="236" t="str">
        <f t="shared" si="688"/>
        <v>CLAY</v>
      </c>
      <c r="Q2921" s="236">
        <f t="shared" si="684"/>
        <v>240.60476144872538</v>
      </c>
      <c r="R2921" s="238">
        <v>35</v>
      </c>
      <c r="S2921" s="236">
        <f t="shared" si="689"/>
        <v>4.6548515061046167</v>
      </c>
      <c r="T2921" s="236" t="e">
        <f t="shared" si="675"/>
        <v>#N/A</v>
      </c>
    </row>
    <row r="2922" spans="1:20" x14ac:dyDescent="0.2">
      <c r="A2922" s="53">
        <f t="shared" si="676"/>
        <v>2910</v>
      </c>
      <c r="B2922" s="239">
        <v>29.137</v>
      </c>
      <c r="C2922" s="3">
        <f t="shared" si="677"/>
        <v>29.13</v>
      </c>
      <c r="D2922" s="239">
        <v>3.2351000000000001</v>
      </c>
      <c r="E2922" s="239">
        <v>0.13200000000000001</v>
      </c>
      <c r="F2922" s="239">
        <v>0.35849999999999999</v>
      </c>
      <c r="G2922">
        <f t="shared" si="678"/>
        <v>3.3068</v>
      </c>
      <c r="H2922" s="235">
        <f t="shared" si="679"/>
        <v>3.991774525220757</v>
      </c>
      <c r="I2922" s="236">
        <f t="shared" si="680"/>
        <v>19.437459804698442</v>
      </c>
      <c r="J2922" s="237">
        <f t="shared" si="685"/>
        <v>9.4374598046984417</v>
      </c>
      <c r="K2922" s="237">
        <f t="shared" si="681"/>
        <v>566.2132041108656</v>
      </c>
      <c r="L2922" s="237">
        <f t="shared" si="686"/>
        <v>274.9792663294985</v>
      </c>
      <c r="M2922" s="236">
        <f t="shared" si="682"/>
        <v>9.9665215944142513</v>
      </c>
      <c r="N2922" s="236">
        <f t="shared" si="683"/>
        <v>4.8164867537856964</v>
      </c>
      <c r="O2922" s="236">
        <f t="shared" si="687"/>
        <v>3.1190510638988971</v>
      </c>
      <c r="P2922" s="236" t="str">
        <f t="shared" si="688"/>
        <v>CLAY</v>
      </c>
      <c r="Q2922" s="236">
        <f t="shared" si="684"/>
        <v>228.3822329907612</v>
      </c>
      <c r="R2922" s="238">
        <v>35</v>
      </c>
      <c r="S2922" s="236">
        <f t="shared" si="689"/>
        <v>4.4271019548860036</v>
      </c>
      <c r="T2922" s="236" t="e">
        <f t="shared" si="675"/>
        <v>#N/A</v>
      </c>
    </row>
    <row r="2923" spans="1:20" x14ac:dyDescent="0.2">
      <c r="A2923" s="53">
        <f t="shared" si="676"/>
        <v>2911</v>
      </c>
      <c r="B2923" s="239">
        <v>29.148</v>
      </c>
      <c r="C2923" s="3">
        <f t="shared" si="677"/>
        <v>29.140999999999998</v>
      </c>
      <c r="D2923" s="239">
        <v>3.1116999999999999</v>
      </c>
      <c r="E2923" s="239">
        <v>0.11899999999999999</v>
      </c>
      <c r="F2923" s="239">
        <v>0.37009999999999998</v>
      </c>
      <c r="G2923">
        <f t="shared" si="678"/>
        <v>3.1857199999999999</v>
      </c>
      <c r="H2923" s="235">
        <f t="shared" si="679"/>
        <v>3.7354193086649174</v>
      </c>
      <c r="I2923" s="236">
        <f t="shared" si="680"/>
        <v>19.301306691975402</v>
      </c>
      <c r="J2923" s="237">
        <f t="shared" si="685"/>
        <v>9.3013066919754017</v>
      </c>
      <c r="K2923" s="237">
        <f t="shared" si="681"/>
        <v>562.45937831085519</v>
      </c>
      <c r="L2923" s="237">
        <f t="shared" si="686"/>
        <v>271.114487457699</v>
      </c>
      <c r="M2923" s="236">
        <f t="shared" si="682"/>
        <v>9.6758408091284398</v>
      </c>
      <c r="N2923" s="236">
        <f t="shared" si="683"/>
        <v>4.5363392038178301</v>
      </c>
      <c r="O2923" s="236">
        <f t="shared" si="687"/>
        <v>3.1134909951598324</v>
      </c>
      <c r="P2923" s="236" t="str">
        <f t="shared" si="688"/>
        <v>CLAY</v>
      </c>
      <c r="Q2923" s="236">
        <f t="shared" si="684"/>
        <v>218.60505180742871</v>
      </c>
      <c r="R2923" s="238">
        <v>35</v>
      </c>
      <c r="S2923" s="236">
        <f t="shared" si="689"/>
        <v>4.2662951936342273</v>
      </c>
      <c r="T2923" s="236" t="e">
        <f t="shared" si="675"/>
        <v>#N/A</v>
      </c>
    </row>
    <row r="2924" spans="1:20" x14ac:dyDescent="0.2">
      <c r="A2924" s="53">
        <f t="shared" si="676"/>
        <v>2912</v>
      </c>
      <c r="B2924" s="239">
        <v>29.157</v>
      </c>
      <c r="C2924" s="3">
        <f t="shared" si="677"/>
        <v>29.15</v>
      </c>
      <c r="D2924" s="239">
        <v>3.0102000000000002</v>
      </c>
      <c r="E2924" s="239">
        <v>0.10879999999999999</v>
      </c>
      <c r="F2924" s="239">
        <v>0.38540000000000002</v>
      </c>
      <c r="G2924">
        <f t="shared" si="678"/>
        <v>3.0872800000000002</v>
      </c>
      <c r="H2924" s="235">
        <f t="shared" si="679"/>
        <v>3.5241377523256712</v>
      </c>
      <c r="I2924" s="236">
        <f t="shared" si="680"/>
        <v>19.183959489397246</v>
      </c>
      <c r="J2924" s="237">
        <f t="shared" si="685"/>
        <v>9.183959489397246</v>
      </c>
      <c r="K2924" s="237">
        <f t="shared" si="681"/>
        <v>559.21241911592972</v>
      </c>
      <c r="L2924" s="237">
        <f t="shared" si="686"/>
        <v>267.7767068323555</v>
      </c>
      <c r="M2924" s="236">
        <f t="shared" si="682"/>
        <v>9.4409540351349328</v>
      </c>
      <c r="N2924" s="236">
        <f t="shared" si="683"/>
        <v>4.3036824182505597</v>
      </c>
      <c r="O2924" s="236">
        <f t="shared" si="687"/>
        <v>3.1083225844971611</v>
      </c>
      <c r="P2924" s="236" t="str">
        <f t="shared" si="688"/>
        <v>CLAY</v>
      </c>
      <c r="Q2924" s="236">
        <f t="shared" si="684"/>
        <v>210.67229840700588</v>
      </c>
      <c r="R2924" s="238">
        <v>35</v>
      </c>
      <c r="S2924" s="236">
        <f t="shared" si="689"/>
        <v>4.1372318812914868</v>
      </c>
      <c r="T2924" s="236" t="e">
        <f t="shared" si="675"/>
        <v>#N/A</v>
      </c>
    </row>
    <row r="2925" spans="1:20" x14ac:dyDescent="0.2">
      <c r="A2925" s="53">
        <f t="shared" si="676"/>
        <v>2913</v>
      </c>
      <c r="B2925" s="239">
        <v>29.167000000000002</v>
      </c>
      <c r="C2925" s="3">
        <f t="shared" si="677"/>
        <v>29.16</v>
      </c>
      <c r="D2925" s="239">
        <v>2.8511000000000002</v>
      </c>
      <c r="E2925" s="239">
        <v>0.10680000000000001</v>
      </c>
      <c r="F2925" s="239">
        <v>0.40699999999999997</v>
      </c>
      <c r="G2925">
        <f t="shared" si="678"/>
        <v>2.9325000000000001</v>
      </c>
      <c r="H2925" s="235">
        <f t="shared" si="679"/>
        <v>3.6419437340153453</v>
      </c>
      <c r="I2925" s="236">
        <f t="shared" si="680"/>
        <v>19.14209965536115</v>
      </c>
      <c r="J2925" s="237">
        <f t="shared" si="685"/>
        <v>9.1420996553611502</v>
      </c>
      <c r="K2925" s="237">
        <f t="shared" si="681"/>
        <v>558.18362595033113</v>
      </c>
      <c r="L2925" s="237">
        <f t="shared" si="686"/>
        <v>266.6476206479187</v>
      </c>
      <c r="M2925" s="236">
        <f t="shared" si="682"/>
        <v>8.9043223722769103</v>
      </c>
      <c r="N2925" s="236">
        <f t="shared" si="683"/>
        <v>4.4981368602466558</v>
      </c>
      <c r="O2925" s="236">
        <f t="shared" si="687"/>
        <v>3.1401692812479411</v>
      </c>
      <c r="P2925" s="236" t="str">
        <f t="shared" si="688"/>
        <v>CLAY</v>
      </c>
      <c r="Q2925" s="236">
        <f t="shared" si="684"/>
        <v>197.8596978374724</v>
      </c>
      <c r="R2925" s="238">
        <v>35</v>
      </c>
      <c r="S2925" s="236">
        <f t="shared" si="689"/>
        <v>3.8453962831782369</v>
      </c>
      <c r="T2925" s="236" t="e">
        <f t="shared" si="675"/>
        <v>#N/A</v>
      </c>
    </row>
    <row r="2926" spans="1:20" x14ac:dyDescent="0.2">
      <c r="A2926" s="53">
        <f t="shared" si="676"/>
        <v>2914</v>
      </c>
      <c r="B2926" s="239">
        <v>29.177</v>
      </c>
      <c r="C2926" s="3">
        <f t="shared" si="677"/>
        <v>29.169999999999998</v>
      </c>
      <c r="D2926" s="239">
        <v>2.6242000000000001</v>
      </c>
      <c r="E2926" s="239">
        <v>0.1066</v>
      </c>
      <c r="F2926" s="239">
        <v>0.42809999999999998</v>
      </c>
      <c r="G2926">
        <f t="shared" si="678"/>
        <v>2.7098200000000001</v>
      </c>
      <c r="H2926" s="235">
        <f t="shared" si="679"/>
        <v>3.933840624100494</v>
      </c>
      <c r="I2926" s="236">
        <f t="shared" si="680"/>
        <v>19.109033906456563</v>
      </c>
      <c r="J2926" s="237">
        <f t="shared" si="685"/>
        <v>9.1090339064565633</v>
      </c>
      <c r="K2926" s="237">
        <f t="shared" si="681"/>
        <v>557.41051905133793</v>
      </c>
      <c r="L2926" s="237">
        <f t="shared" si="686"/>
        <v>265.77428228868314</v>
      </c>
      <c r="M2926" s="236">
        <f t="shared" si="682"/>
        <v>8.0986371684026306</v>
      </c>
      <c r="N2926" s="236">
        <f t="shared" si="683"/>
        <v>4.9525892235438702</v>
      </c>
      <c r="O2926" s="236">
        <f t="shared" si="687"/>
        <v>3.1981738767948613</v>
      </c>
      <c r="P2926" s="236" t="str">
        <f t="shared" si="688"/>
        <v>CLAY</v>
      </c>
      <c r="Q2926" s="236">
        <f t="shared" si="684"/>
        <v>179.36745674572185</v>
      </c>
      <c r="R2926" s="238">
        <v>35</v>
      </c>
      <c r="S2926" s="236">
        <f t="shared" si="689"/>
        <v>3.4155050876490001</v>
      </c>
      <c r="T2926" s="236" t="e">
        <f t="shared" si="675"/>
        <v>#N/A</v>
      </c>
    </row>
    <row r="2927" spans="1:20" x14ac:dyDescent="0.2">
      <c r="A2927" s="53">
        <f t="shared" si="676"/>
        <v>2915</v>
      </c>
      <c r="B2927" s="239">
        <v>29.187000000000001</v>
      </c>
      <c r="C2927" s="3">
        <f t="shared" si="677"/>
        <v>29.18</v>
      </c>
      <c r="D2927" s="239">
        <v>2.4579</v>
      </c>
      <c r="E2927" s="239">
        <v>0.10249999999999999</v>
      </c>
      <c r="F2927" s="239">
        <v>0.44069999999999998</v>
      </c>
      <c r="G2927">
        <f t="shared" si="678"/>
        <v>2.5460400000000001</v>
      </c>
      <c r="H2927" s="235">
        <f t="shared" si="679"/>
        <v>4.0258597665394102</v>
      </c>
      <c r="I2927" s="236">
        <f t="shared" si="680"/>
        <v>19.038676191126829</v>
      </c>
      <c r="J2927" s="237">
        <f t="shared" si="685"/>
        <v>9.0386761911268287</v>
      </c>
      <c r="K2927" s="237">
        <f t="shared" si="681"/>
        <v>555.54857125708088</v>
      </c>
      <c r="L2927" s="237">
        <f t="shared" si="686"/>
        <v>263.81184199041877</v>
      </c>
      <c r="M2927" s="236">
        <f t="shared" si="682"/>
        <v>7.5451178147462032</v>
      </c>
      <c r="N2927" s="236">
        <f t="shared" si="683"/>
        <v>5.1494821087842189</v>
      </c>
      <c r="O2927" s="236">
        <f t="shared" si="687"/>
        <v>3.2329407452165295</v>
      </c>
      <c r="P2927" s="236" t="str">
        <f t="shared" si="688"/>
        <v>CLAY</v>
      </c>
      <c r="Q2927" s="236">
        <f t="shared" si="684"/>
        <v>165.87428572857661</v>
      </c>
      <c r="R2927" s="238">
        <v>35</v>
      </c>
      <c r="S2927" s="236">
        <f t="shared" si="689"/>
        <v>3.1262416200098002</v>
      </c>
      <c r="T2927" s="236" t="e">
        <f t="shared" si="675"/>
        <v>#N/A</v>
      </c>
    </row>
    <row r="2928" spans="1:20" x14ac:dyDescent="0.2">
      <c r="A2928" s="53">
        <f t="shared" si="676"/>
        <v>2916</v>
      </c>
      <c r="B2928" s="239">
        <v>29.196999999999999</v>
      </c>
      <c r="C2928" s="3">
        <f t="shared" si="677"/>
        <v>29.189999999999998</v>
      </c>
      <c r="D2928" s="239">
        <v>2.3035000000000001</v>
      </c>
      <c r="E2928" s="239">
        <v>9.8199999999999996E-2</v>
      </c>
      <c r="F2928" s="239">
        <v>0.44900000000000001</v>
      </c>
      <c r="G2928">
        <f t="shared" si="678"/>
        <v>2.3933</v>
      </c>
      <c r="H2928" s="235">
        <f t="shared" si="679"/>
        <v>4.1031212133873733</v>
      </c>
      <c r="I2928" s="236">
        <f t="shared" si="680"/>
        <v>18.964241498137014</v>
      </c>
      <c r="J2928" s="237">
        <f t="shared" si="685"/>
        <v>8.9642414981370138</v>
      </c>
      <c r="K2928" s="237">
        <f t="shared" si="681"/>
        <v>553.56620933061936</v>
      </c>
      <c r="L2928" s="237">
        <f t="shared" si="686"/>
        <v>261.72895902110639</v>
      </c>
      <c r="M2928" s="236">
        <f t="shared" si="682"/>
        <v>7.0291564126116466</v>
      </c>
      <c r="N2928" s="236">
        <f t="shared" si="683"/>
        <v>5.3377287789159027</v>
      </c>
      <c r="O2928" s="236">
        <f t="shared" si="687"/>
        <v>3.2669303837000507</v>
      </c>
      <c r="P2928" s="236" t="str">
        <f t="shared" si="688"/>
        <v>CLAY</v>
      </c>
      <c r="Q2928" s="236">
        <f t="shared" si="684"/>
        <v>153.31114922244839</v>
      </c>
      <c r="R2928" s="238">
        <v>35</v>
      </c>
      <c r="S2928" s="236">
        <f t="shared" si="689"/>
        <v>2.8613370466026251</v>
      </c>
      <c r="T2928" s="236" t="e">
        <f t="shared" si="675"/>
        <v>#N/A</v>
      </c>
    </row>
    <row r="2929" spans="1:20" x14ac:dyDescent="0.2">
      <c r="A2929" s="53">
        <f t="shared" si="676"/>
        <v>2917</v>
      </c>
      <c r="B2929" s="239">
        <v>29.207000000000001</v>
      </c>
      <c r="C2929" s="3">
        <f t="shared" si="677"/>
        <v>29.2</v>
      </c>
      <c r="D2929" s="239">
        <v>2.1877</v>
      </c>
      <c r="E2929" s="239">
        <v>9.5299999999999996E-2</v>
      </c>
      <c r="F2929" s="239">
        <v>0.47689999999999999</v>
      </c>
      <c r="G2929">
        <f t="shared" si="678"/>
        <v>2.28308</v>
      </c>
      <c r="H2929" s="235">
        <f t="shared" si="679"/>
        <v>4.174185749075809</v>
      </c>
      <c r="I2929" s="236">
        <f t="shared" si="680"/>
        <v>18.910662902748033</v>
      </c>
      <c r="J2929" s="237">
        <f t="shared" si="685"/>
        <v>8.9106629027480331</v>
      </c>
      <c r="K2929" s="237">
        <f t="shared" si="681"/>
        <v>552.19135676024257</v>
      </c>
      <c r="L2929" s="237">
        <f t="shared" si="686"/>
        <v>260.25373140056183</v>
      </c>
      <c r="M2929" s="236">
        <f t="shared" si="682"/>
        <v>6.6507735890084563</v>
      </c>
      <c r="N2929" s="236">
        <f t="shared" si="683"/>
        <v>5.5058423528404496</v>
      </c>
      <c r="O2929" s="236">
        <f t="shared" si="687"/>
        <v>3.2942549458905148</v>
      </c>
      <c r="P2929" s="236" t="str">
        <f t="shared" si="688"/>
        <v>CLAY</v>
      </c>
      <c r="Q2929" s="236">
        <f t="shared" si="684"/>
        <v>144.24072026997979</v>
      </c>
      <c r="R2929" s="238">
        <v>35</v>
      </c>
      <c r="S2929" s="236">
        <f t="shared" si="689"/>
        <v>2.670116515503647</v>
      </c>
      <c r="T2929" s="236" t="e">
        <f t="shared" si="675"/>
        <v>#N/A</v>
      </c>
    </row>
    <row r="2930" spans="1:20" x14ac:dyDescent="0.2">
      <c r="A2930" s="53">
        <f t="shared" si="676"/>
        <v>2918</v>
      </c>
      <c r="B2930" s="239">
        <v>29.216000000000001</v>
      </c>
      <c r="C2930" s="3">
        <f t="shared" si="677"/>
        <v>29.209</v>
      </c>
      <c r="D2930" s="239">
        <v>2.2122999999999999</v>
      </c>
      <c r="E2930" s="239">
        <v>0.10009999999999999</v>
      </c>
      <c r="F2930" s="239">
        <v>0.51490000000000002</v>
      </c>
      <c r="G2930">
        <f t="shared" si="678"/>
        <v>2.31528</v>
      </c>
      <c r="H2930" s="235">
        <f t="shared" si="679"/>
        <v>4.3234511592550362</v>
      </c>
      <c r="I2930" s="236">
        <f t="shared" si="680"/>
        <v>18.973758231788931</v>
      </c>
      <c r="J2930" s="237">
        <f t="shared" si="685"/>
        <v>8.9737582317889313</v>
      </c>
      <c r="K2930" s="237">
        <f t="shared" si="681"/>
        <v>554.20450419232293</v>
      </c>
      <c r="L2930" s="237">
        <f t="shared" si="686"/>
        <v>262.17732049994544</v>
      </c>
      <c r="M2930" s="236">
        <f t="shared" si="682"/>
        <v>6.7171160817781104</v>
      </c>
      <c r="N2930" s="236">
        <f t="shared" si="683"/>
        <v>5.6840266211353647</v>
      </c>
      <c r="O2930" s="236">
        <f t="shared" si="687"/>
        <v>3.2990527724509424</v>
      </c>
      <c r="P2930" s="236" t="str">
        <f t="shared" si="688"/>
        <v>CLAY</v>
      </c>
      <c r="Q2930" s="236">
        <f t="shared" si="684"/>
        <v>146.75629131730645</v>
      </c>
      <c r="R2930" s="238">
        <v>35</v>
      </c>
      <c r="S2930" s="236">
        <f t="shared" si="689"/>
        <v>2.703451456243692</v>
      </c>
      <c r="T2930" s="236" t="e">
        <f t="shared" si="675"/>
        <v>#N/A</v>
      </c>
    </row>
    <row r="2931" spans="1:20" x14ac:dyDescent="0.2">
      <c r="A2931" s="53">
        <f t="shared" si="676"/>
        <v>2919</v>
      </c>
      <c r="B2931" s="239">
        <v>29.227</v>
      </c>
      <c r="C2931" s="3">
        <f t="shared" si="677"/>
        <v>29.22</v>
      </c>
      <c r="D2931" s="239">
        <v>2.2942999999999998</v>
      </c>
      <c r="E2931" s="239">
        <v>9.2299999999999993E-2</v>
      </c>
      <c r="F2931" s="239">
        <v>0.57099999999999995</v>
      </c>
      <c r="G2931">
        <f t="shared" si="678"/>
        <v>2.4084999999999996</v>
      </c>
      <c r="H2931" s="235">
        <f t="shared" si="679"/>
        <v>3.8322607432011631</v>
      </c>
      <c r="I2931" s="236">
        <f t="shared" si="680"/>
        <v>18.894059632737857</v>
      </c>
      <c r="J2931" s="237">
        <f t="shared" si="685"/>
        <v>8.8940596327378572</v>
      </c>
      <c r="K2931" s="237">
        <f t="shared" si="681"/>
        <v>552.08442246860011</v>
      </c>
      <c r="L2931" s="237">
        <f t="shared" si="686"/>
        <v>259.94668088602936</v>
      </c>
      <c r="M2931" s="236">
        <f t="shared" si="682"/>
        <v>7.1415244511058926</v>
      </c>
      <c r="N2931" s="236">
        <f t="shared" si="683"/>
        <v>4.9719470746274128</v>
      </c>
      <c r="O2931" s="236">
        <f t="shared" si="687"/>
        <v>3.2430886088681943</v>
      </c>
      <c r="P2931" s="236" t="str">
        <f t="shared" si="688"/>
        <v>CLAY</v>
      </c>
      <c r="Q2931" s="236">
        <f t="shared" si="684"/>
        <v>154.70129812761661</v>
      </c>
      <c r="R2931" s="238">
        <v>35</v>
      </c>
      <c r="S2931" s="236">
        <f t="shared" si="689"/>
        <v>2.9186274853988627</v>
      </c>
      <c r="T2931" s="236" t="e">
        <f t="shared" si="675"/>
        <v>#N/A</v>
      </c>
    </row>
    <row r="2932" spans="1:20" x14ac:dyDescent="0.2">
      <c r="A2932" s="53">
        <f t="shared" si="676"/>
        <v>2920</v>
      </c>
      <c r="B2932" s="239">
        <v>29.236000000000001</v>
      </c>
      <c r="C2932" s="3">
        <f t="shared" si="677"/>
        <v>29.228999999999999</v>
      </c>
      <c r="D2932" s="239">
        <v>2.5579000000000001</v>
      </c>
      <c r="E2932" s="239">
        <v>8.7400000000000005E-2</v>
      </c>
      <c r="F2932" s="239">
        <v>0.61760000000000004</v>
      </c>
      <c r="G2932">
        <f t="shared" si="678"/>
        <v>2.6814200000000001</v>
      </c>
      <c r="H2932" s="235">
        <f t="shared" si="679"/>
        <v>3.2594669988289788</v>
      </c>
      <c r="I2932" s="236">
        <f t="shared" si="680"/>
        <v>18.872052282404383</v>
      </c>
      <c r="J2932" s="237">
        <f t="shared" si="685"/>
        <v>8.8720522824043826</v>
      </c>
      <c r="K2932" s="237">
        <f t="shared" si="681"/>
        <v>551.61121616239768</v>
      </c>
      <c r="L2932" s="237">
        <f t="shared" si="686"/>
        <v>259.38332052837455</v>
      </c>
      <c r="M2932" s="236">
        <f t="shared" si="682"/>
        <v>8.2110475704416679</v>
      </c>
      <c r="N2932" s="236">
        <f t="shared" si="683"/>
        <v>4.1036547817460898</v>
      </c>
      <c r="O2932" s="236">
        <f t="shared" si="687"/>
        <v>3.1450936280286945</v>
      </c>
      <c r="P2932" s="236" t="str">
        <f t="shared" si="688"/>
        <v>CLAY</v>
      </c>
      <c r="Q2932" s="236">
        <f t="shared" si="684"/>
        <v>177.48406531980018</v>
      </c>
      <c r="R2932" s="238">
        <v>35</v>
      </c>
      <c r="S2932" s="236">
        <f t="shared" si="689"/>
        <v>3.4748672579791222</v>
      </c>
      <c r="T2932" s="236" t="e">
        <f t="shared" si="675"/>
        <v>#N/A</v>
      </c>
    </row>
    <row r="2933" spans="1:20" x14ac:dyDescent="0.2">
      <c r="A2933" s="53">
        <f t="shared" si="676"/>
        <v>2921</v>
      </c>
      <c r="B2933" s="239">
        <v>29.245999999999999</v>
      </c>
      <c r="C2933" s="3">
        <f t="shared" si="677"/>
        <v>29.238999999999997</v>
      </c>
      <c r="D2933" s="239">
        <v>2.8904999999999998</v>
      </c>
      <c r="E2933" s="239">
        <v>8.3299999999999999E-2</v>
      </c>
      <c r="F2933" s="239">
        <v>0.64939999999999998</v>
      </c>
      <c r="G2933">
        <f t="shared" si="678"/>
        <v>3.0203799999999998</v>
      </c>
      <c r="H2933" s="235">
        <f t="shared" si="679"/>
        <v>2.7579311212496442</v>
      </c>
      <c r="I2933" s="236">
        <f t="shared" si="680"/>
        <v>18.862239985441281</v>
      </c>
      <c r="J2933" s="237">
        <f t="shared" si="685"/>
        <v>8.8622399854412812</v>
      </c>
      <c r="K2933" s="237">
        <f t="shared" si="681"/>
        <v>551.5130349343176</v>
      </c>
      <c r="L2933" s="237">
        <f t="shared" si="686"/>
        <v>259.1850706142157</v>
      </c>
      <c r="M2933" s="236">
        <f t="shared" si="682"/>
        <v>9.5254983599748684</v>
      </c>
      <c r="N2933" s="236">
        <f t="shared" si="683"/>
        <v>3.3740173601368544</v>
      </c>
      <c r="O2933" s="236">
        <f t="shared" si="687"/>
        <v>3.0432974691406294</v>
      </c>
      <c r="P2933" s="236" t="str">
        <f t="shared" si="688"/>
        <v>CLAY</v>
      </c>
      <c r="Q2933" s="236">
        <f t="shared" si="684"/>
        <v>205.7389137554735</v>
      </c>
      <c r="R2933" s="238">
        <v>35</v>
      </c>
      <c r="S2933" s="236">
        <f t="shared" si="689"/>
        <v>4.183595063809701</v>
      </c>
      <c r="T2933" s="236" t="e">
        <f t="shared" si="675"/>
        <v>#N/A</v>
      </c>
    </row>
    <row r="2934" spans="1:20" x14ac:dyDescent="0.2">
      <c r="A2934" s="53">
        <f t="shared" si="676"/>
        <v>2922</v>
      </c>
      <c r="B2934" s="239">
        <v>29.254999999999999</v>
      </c>
      <c r="C2934" s="3">
        <f t="shared" si="677"/>
        <v>29.247999999999998</v>
      </c>
      <c r="D2934" s="239">
        <v>3.2031000000000001</v>
      </c>
      <c r="E2934" s="239">
        <v>8.09E-2</v>
      </c>
      <c r="F2934" s="239">
        <v>0.64159999999999995</v>
      </c>
      <c r="G2934">
        <f t="shared" si="678"/>
        <v>3.33142</v>
      </c>
      <c r="H2934" s="235">
        <f t="shared" si="679"/>
        <v>2.4283938980975082</v>
      </c>
      <c r="I2934" s="236">
        <f t="shared" si="680"/>
        <v>18.866270512543601</v>
      </c>
      <c r="J2934" s="237">
        <f t="shared" si="685"/>
        <v>8.8662705125436005</v>
      </c>
      <c r="K2934" s="237">
        <f t="shared" si="681"/>
        <v>551.80067995087518</v>
      </c>
      <c r="L2934" s="237">
        <f t="shared" si="686"/>
        <v>259.38274384446305</v>
      </c>
      <c r="M2934" s="236">
        <f t="shared" si="682"/>
        <v>10.716284664317929</v>
      </c>
      <c r="N2934" s="236">
        <f t="shared" si="683"/>
        <v>2.9104704884037949</v>
      </c>
      <c r="O2934" s="236">
        <f t="shared" si="687"/>
        <v>2.9646443567522933</v>
      </c>
      <c r="P2934" s="236" t="str">
        <f t="shared" si="688"/>
        <v>CLAY</v>
      </c>
      <c r="Q2934" s="236">
        <f t="shared" si="684"/>
        <v>231.63494333742707</v>
      </c>
      <c r="R2934" s="238">
        <v>35</v>
      </c>
      <c r="S2934" s="236">
        <f t="shared" si="689"/>
        <v>4.8472487869140739</v>
      </c>
      <c r="T2934" s="236" t="e">
        <f t="shared" si="675"/>
        <v>#N/A</v>
      </c>
    </row>
    <row r="2935" spans="1:20" x14ac:dyDescent="0.2">
      <c r="A2935" s="53">
        <f t="shared" si="676"/>
        <v>2923</v>
      </c>
      <c r="B2935" s="239">
        <v>29.265000000000001</v>
      </c>
      <c r="C2935" s="3">
        <f t="shared" si="677"/>
        <v>29.257999999999999</v>
      </c>
      <c r="D2935" s="239">
        <v>3.5510000000000002</v>
      </c>
      <c r="E2935" s="239">
        <v>7.3300000000000004E-2</v>
      </c>
      <c r="F2935" s="239">
        <v>0.5948</v>
      </c>
      <c r="G2935">
        <f t="shared" si="678"/>
        <v>3.6699600000000001</v>
      </c>
      <c r="H2935" s="235">
        <f t="shared" si="679"/>
        <v>1.997296973264014</v>
      </c>
      <c r="I2935" s="236">
        <f t="shared" si="680"/>
        <v>18.788418983607841</v>
      </c>
      <c r="J2935" s="237">
        <f t="shared" si="685"/>
        <v>8.7884189836078406</v>
      </c>
      <c r="K2935" s="237">
        <f t="shared" si="681"/>
        <v>549.71156262239822</v>
      </c>
      <c r="L2935" s="237">
        <f t="shared" si="686"/>
        <v>257.19308155528347</v>
      </c>
      <c r="M2935" s="236">
        <f t="shared" si="682"/>
        <v>12.131929904603235</v>
      </c>
      <c r="N2935" s="236">
        <f t="shared" si="683"/>
        <v>2.349171915990274</v>
      </c>
      <c r="O2935" s="236">
        <f t="shared" si="687"/>
        <v>2.8678110921282092</v>
      </c>
      <c r="P2935" s="236" t="str">
        <f t="shared" si="688"/>
        <v>CLAY</v>
      </c>
      <c r="Q2935" s="236">
        <f t="shared" si="684"/>
        <v>260.02070311480014</v>
      </c>
      <c r="R2935" s="238">
        <v>35</v>
      </c>
      <c r="S2935" s="236">
        <f t="shared" si="689"/>
        <v>5.6604684509858885</v>
      </c>
      <c r="T2935" s="236" t="e">
        <f t="shared" si="675"/>
        <v>#N/A</v>
      </c>
    </row>
    <row r="2936" spans="1:20" x14ac:dyDescent="0.2">
      <c r="A2936" s="53">
        <f t="shared" si="676"/>
        <v>2924</v>
      </c>
      <c r="B2936" s="239">
        <v>29.274999999999999</v>
      </c>
      <c r="C2936" s="3">
        <f t="shared" si="677"/>
        <v>29.267999999999997</v>
      </c>
      <c r="D2936" s="239">
        <v>3.8712</v>
      </c>
      <c r="E2936" s="239">
        <v>7.1199999999999999E-2</v>
      </c>
      <c r="F2936" s="239">
        <v>0.52459999999999996</v>
      </c>
      <c r="G2936">
        <f t="shared" si="678"/>
        <v>3.9761199999999999</v>
      </c>
      <c r="H2936" s="235">
        <f t="shared" si="679"/>
        <v>1.7906904218182549</v>
      </c>
      <c r="I2936" s="236">
        <f t="shared" si="680"/>
        <v>18.78565257190813</v>
      </c>
      <c r="J2936" s="237">
        <f t="shared" si="685"/>
        <v>8.7856525719081304</v>
      </c>
      <c r="K2936" s="237">
        <f t="shared" si="681"/>
        <v>549.8184794746071</v>
      </c>
      <c r="L2936" s="237">
        <f t="shared" si="686"/>
        <v>257.19997904261049</v>
      </c>
      <c r="M2936" s="236">
        <f t="shared" si="682"/>
        <v>13.321546655171986</v>
      </c>
      <c r="N2936" s="236">
        <f t="shared" si="683"/>
        <v>2.0780424482046786</v>
      </c>
      <c r="O2936" s="236">
        <f t="shared" si="687"/>
        <v>2.8045489812391415</v>
      </c>
      <c r="P2936" s="236" t="str">
        <f t="shared" si="688"/>
        <v>CLAY</v>
      </c>
      <c r="Q2936" s="236">
        <f t="shared" si="684"/>
        <v>285.5251267104494</v>
      </c>
      <c r="R2936" s="238">
        <v>35</v>
      </c>
      <c r="S2936" s="236">
        <f t="shared" si="689"/>
        <v>6.3625809571822938</v>
      </c>
      <c r="T2936" s="236" t="e">
        <f t="shared" si="675"/>
        <v>#N/A</v>
      </c>
    </row>
    <row r="2937" spans="1:20" x14ac:dyDescent="0.2">
      <c r="A2937" s="53">
        <f t="shared" si="676"/>
        <v>2925</v>
      </c>
      <c r="B2937" s="239">
        <v>29.285</v>
      </c>
      <c r="C2937" s="3">
        <f t="shared" si="677"/>
        <v>29.277999999999999</v>
      </c>
      <c r="D2937" s="239">
        <v>4.0651999999999999</v>
      </c>
      <c r="E2937" s="239">
        <v>7.5800000000000006E-2</v>
      </c>
      <c r="F2937" s="239">
        <v>0.503</v>
      </c>
      <c r="G2937">
        <f t="shared" si="678"/>
        <v>4.1657999999999999</v>
      </c>
      <c r="H2937" s="235">
        <f t="shared" si="679"/>
        <v>1.8195784723222432</v>
      </c>
      <c r="I2937" s="236">
        <f t="shared" si="680"/>
        <v>18.877278483665208</v>
      </c>
      <c r="J2937" s="237">
        <f t="shared" si="685"/>
        <v>8.8772784836652079</v>
      </c>
      <c r="K2937" s="237">
        <f t="shared" si="681"/>
        <v>552.68895944474991</v>
      </c>
      <c r="L2937" s="237">
        <f t="shared" si="686"/>
        <v>259.97110039413559</v>
      </c>
      <c r="M2937" s="236">
        <f t="shared" si="682"/>
        <v>13.898125734273941</v>
      </c>
      <c r="N2937" s="236">
        <f t="shared" si="683"/>
        <v>2.0979150418900865</v>
      </c>
      <c r="O2937" s="236">
        <f t="shared" si="687"/>
        <v>2.7914588653087624</v>
      </c>
      <c r="P2937" s="236" t="str">
        <f t="shared" si="688"/>
        <v>CLAY</v>
      </c>
      <c r="Q2937" s="236">
        <f t="shared" si="684"/>
        <v>301.09258671293753</v>
      </c>
      <c r="R2937" s="238">
        <v>35</v>
      </c>
      <c r="S2937" s="236">
        <f t="shared" si="689"/>
        <v>6.70865261717202</v>
      </c>
      <c r="T2937" s="236" t="e">
        <f t="shared" si="675"/>
        <v>#N/A</v>
      </c>
    </row>
    <row r="2938" spans="1:20" x14ac:dyDescent="0.2">
      <c r="A2938" s="53">
        <f t="shared" si="676"/>
        <v>2926</v>
      </c>
      <c r="B2938" s="239">
        <v>29.295000000000002</v>
      </c>
      <c r="C2938" s="3">
        <f t="shared" si="677"/>
        <v>29.288</v>
      </c>
      <c r="D2938" s="239">
        <v>4.2130000000000001</v>
      </c>
      <c r="E2938" s="239">
        <v>8.1900000000000001E-2</v>
      </c>
      <c r="F2938" s="239">
        <v>0.45810000000000001</v>
      </c>
      <c r="G2938">
        <f t="shared" si="678"/>
        <v>4.3046199999999999</v>
      </c>
      <c r="H2938" s="235">
        <f t="shared" si="679"/>
        <v>1.9026069664685852</v>
      </c>
      <c r="I2938" s="236">
        <f t="shared" si="680"/>
        <v>18.980850926380359</v>
      </c>
      <c r="J2938" s="237">
        <f t="shared" si="685"/>
        <v>8.9808509263803593</v>
      </c>
      <c r="K2938" s="237">
        <f t="shared" si="681"/>
        <v>555.91116193182802</v>
      </c>
      <c r="L2938" s="237">
        <f t="shared" si="686"/>
        <v>263.09402788831267</v>
      </c>
      <c r="M2938" s="236">
        <f t="shared" si="682"/>
        <v>14.248551622994476</v>
      </c>
      <c r="N2938" s="236">
        <f t="shared" si="683"/>
        <v>2.1847522317098833</v>
      </c>
      <c r="O2938" s="236">
        <f t="shared" si="687"/>
        <v>2.7922487840336836</v>
      </c>
      <c r="P2938" s="236" t="str">
        <f t="shared" si="688"/>
        <v>CLAY</v>
      </c>
      <c r="Q2938" s="236">
        <f t="shared" si="684"/>
        <v>312.39240317234766</v>
      </c>
      <c r="R2938" s="238">
        <v>35</v>
      </c>
      <c r="S2938" s="236">
        <f t="shared" si="689"/>
        <v>6.9207539444280206</v>
      </c>
      <c r="T2938" s="236" t="e">
        <f t="shared" si="675"/>
        <v>#N/A</v>
      </c>
    </row>
    <row r="2939" spans="1:20" x14ac:dyDescent="0.2">
      <c r="A2939" s="53">
        <f t="shared" si="676"/>
        <v>2927</v>
      </c>
      <c r="B2939" s="239">
        <v>29.305</v>
      </c>
      <c r="C2939" s="3">
        <f t="shared" si="677"/>
        <v>29.297999999999998</v>
      </c>
      <c r="D2939" s="239">
        <v>4.3121</v>
      </c>
      <c r="E2939" s="239">
        <v>8.4599999999999995E-2</v>
      </c>
      <c r="F2939" s="239">
        <v>0.41370000000000001</v>
      </c>
      <c r="G2939">
        <f t="shared" si="678"/>
        <v>4.3948400000000003</v>
      </c>
      <c r="H2939" s="235">
        <f t="shared" si="679"/>
        <v>1.9249847548488679</v>
      </c>
      <c r="I2939" s="236">
        <f t="shared" si="680"/>
        <v>19.026991796353869</v>
      </c>
      <c r="J2939" s="237">
        <f t="shared" si="685"/>
        <v>9.0269917963538688</v>
      </c>
      <c r="K2939" s="237">
        <f t="shared" si="681"/>
        <v>557.45280564957557</v>
      </c>
      <c r="L2939" s="237">
        <f t="shared" si="686"/>
        <v>264.53599459215013</v>
      </c>
      <c r="M2939" s="236">
        <f t="shared" si="682"/>
        <v>14.506106060412451</v>
      </c>
      <c r="N2939" s="236">
        <f t="shared" si="683"/>
        <v>2.2046250668827985</v>
      </c>
      <c r="O2939" s="236">
        <f t="shared" si="687"/>
        <v>2.7880016136990191</v>
      </c>
      <c r="P2939" s="236" t="str">
        <f t="shared" si="688"/>
        <v>CLAY</v>
      </c>
      <c r="Q2939" s="236">
        <f t="shared" si="684"/>
        <v>319.78226619586871</v>
      </c>
      <c r="R2939" s="238">
        <v>35</v>
      </c>
      <c r="S2939" s="236">
        <f t="shared" si="689"/>
        <v>7.077478671111872</v>
      </c>
      <c r="T2939" s="236" t="e">
        <f t="shared" si="675"/>
        <v>#N/A</v>
      </c>
    </row>
    <row r="2940" spans="1:20" x14ac:dyDescent="0.2">
      <c r="A2940" s="53">
        <f t="shared" si="676"/>
        <v>2928</v>
      </c>
      <c r="B2940" s="239">
        <v>29.314</v>
      </c>
      <c r="C2940" s="3">
        <f t="shared" si="677"/>
        <v>29.306999999999999</v>
      </c>
      <c r="D2940" s="239">
        <v>4.4648000000000003</v>
      </c>
      <c r="E2940" s="239">
        <v>8.3000000000000004E-2</v>
      </c>
      <c r="F2940" s="239">
        <v>0.3775</v>
      </c>
      <c r="G2940">
        <f t="shared" si="678"/>
        <v>4.5403000000000002</v>
      </c>
      <c r="H2940" s="235">
        <f t="shared" si="679"/>
        <v>1.8280730348214875</v>
      </c>
      <c r="I2940" s="236">
        <f t="shared" si="680"/>
        <v>19.017329998601895</v>
      </c>
      <c r="J2940" s="237">
        <f t="shared" si="685"/>
        <v>9.0173299986018947</v>
      </c>
      <c r="K2940" s="237">
        <f t="shared" si="681"/>
        <v>557.34089026902575</v>
      </c>
      <c r="L2940" s="237">
        <f t="shared" si="686"/>
        <v>264.33401157901596</v>
      </c>
      <c r="M2940" s="236">
        <f t="shared" si="682"/>
        <v>15.067902484203662</v>
      </c>
      <c r="N2940" s="236">
        <f t="shared" si="683"/>
        <v>2.083877783159219</v>
      </c>
      <c r="O2940" s="236">
        <f t="shared" si="687"/>
        <v>2.7606429954854947</v>
      </c>
      <c r="P2940" s="236" t="str">
        <f t="shared" si="688"/>
        <v>CLAY</v>
      </c>
      <c r="Q2940" s="236">
        <f t="shared" si="684"/>
        <v>331.91325914424789</v>
      </c>
      <c r="R2940" s="238">
        <v>35</v>
      </c>
      <c r="S2940" s="236">
        <f t="shared" si="689"/>
        <v>7.4217446791265873</v>
      </c>
      <c r="T2940" s="236" t="e">
        <f t="shared" si="675"/>
        <v>#N/A</v>
      </c>
    </row>
    <row r="2941" spans="1:20" x14ac:dyDescent="0.2">
      <c r="A2941" s="53">
        <f t="shared" si="676"/>
        <v>2929</v>
      </c>
      <c r="B2941" s="239">
        <v>29.324000000000002</v>
      </c>
      <c r="C2941" s="3">
        <f t="shared" si="677"/>
        <v>29.317</v>
      </c>
      <c r="D2941" s="239">
        <v>4.6093999999999999</v>
      </c>
      <c r="E2941" s="239">
        <v>7.8200000000000006E-2</v>
      </c>
      <c r="F2941" s="239">
        <v>0.34899999999999998</v>
      </c>
      <c r="G2941">
        <f t="shared" si="678"/>
        <v>4.6791999999999998</v>
      </c>
      <c r="H2941" s="235">
        <f t="shared" si="679"/>
        <v>1.6712258505727478</v>
      </c>
      <c r="I2941" s="236">
        <f t="shared" si="680"/>
        <v>18.959255735163815</v>
      </c>
      <c r="J2941" s="237">
        <f t="shared" si="685"/>
        <v>8.9592557351638149</v>
      </c>
      <c r="K2941" s="237">
        <f t="shared" si="681"/>
        <v>555.82850038779759</v>
      </c>
      <c r="L2941" s="237">
        <f t="shared" si="686"/>
        <v>262.72121517794375</v>
      </c>
      <c r="M2941" s="236">
        <f t="shared" si="682"/>
        <v>15.694855464258572</v>
      </c>
      <c r="N2941" s="236">
        <f t="shared" si="683"/>
        <v>1.8965062936326402</v>
      </c>
      <c r="O2941" s="236">
        <f t="shared" si="687"/>
        <v>2.7232419676918491</v>
      </c>
      <c r="P2941" s="236" t="str">
        <f t="shared" si="688"/>
        <v>CLAY</v>
      </c>
      <c r="Q2941" s="236">
        <f t="shared" si="684"/>
        <v>343.6142916343502</v>
      </c>
      <c r="R2941" s="238">
        <v>35</v>
      </c>
      <c r="S2941" s="236">
        <f t="shared" si="689"/>
        <v>7.8097415054159409</v>
      </c>
      <c r="T2941" s="236" t="e">
        <f t="shared" si="675"/>
        <v>#N/A</v>
      </c>
    </row>
    <row r="2942" spans="1:20" x14ac:dyDescent="0.2">
      <c r="A2942" s="53">
        <f t="shared" si="676"/>
        <v>2930</v>
      </c>
      <c r="B2942" s="239">
        <v>29.334</v>
      </c>
      <c r="C2942" s="3">
        <f t="shared" si="677"/>
        <v>29.326999999999998</v>
      </c>
      <c r="D2942" s="239">
        <v>4.7888999999999999</v>
      </c>
      <c r="E2942" s="239">
        <v>7.4800000000000005E-2</v>
      </c>
      <c r="F2942" s="239">
        <v>0.34499999999999997</v>
      </c>
      <c r="G2942">
        <f t="shared" si="678"/>
        <v>4.8578999999999999</v>
      </c>
      <c r="H2942" s="235">
        <f t="shared" si="679"/>
        <v>1.5397599785915725</v>
      </c>
      <c r="I2942" s="236">
        <f t="shared" si="680"/>
        <v>18.921781082154489</v>
      </c>
      <c r="J2942" s="237">
        <f t="shared" si="685"/>
        <v>8.9217810821544887</v>
      </c>
      <c r="K2942" s="237">
        <f t="shared" si="681"/>
        <v>554.91907379634461</v>
      </c>
      <c r="L2942" s="237">
        <f t="shared" si="686"/>
        <v>261.71152626391978</v>
      </c>
      <c r="M2942" s="236">
        <f t="shared" si="682"/>
        <v>16.441694363374605</v>
      </c>
      <c r="N2942" s="236">
        <f t="shared" si="683"/>
        <v>1.7383298063092509</v>
      </c>
      <c r="O2942" s="236">
        <f t="shared" si="687"/>
        <v>2.6856550105442212</v>
      </c>
      <c r="P2942" s="236" t="str">
        <f t="shared" si="688"/>
        <v>CLAY</v>
      </c>
      <c r="Q2942" s="236">
        <f t="shared" si="684"/>
        <v>358.58174385030458</v>
      </c>
      <c r="R2942" s="238">
        <v>35</v>
      </c>
      <c r="S2942" s="236">
        <f t="shared" si="689"/>
        <v>8.2770050879194947</v>
      </c>
      <c r="T2942" s="236" t="e">
        <f t="shared" si="675"/>
        <v>#N/A</v>
      </c>
    </row>
    <row r="2943" spans="1:20" x14ac:dyDescent="0.2">
      <c r="A2943" s="53">
        <f t="shared" si="676"/>
        <v>2931</v>
      </c>
      <c r="B2943" s="239">
        <v>29.344000000000001</v>
      </c>
      <c r="C2943" s="3">
        <f t="shared" si="677"/>
        <v>29.337</v>
      </c>
      <c r="D2943" s="239">
        <v>4.9904000000000002</v>
      </c>
      <c r="E2943" s="239">
        <v>7.4499999999999997E-2</v>
      </c>
      <c r="F2943" s="239">
        <v>0.34470000000000001</v>
      </c>
      <c r="G2943">
        <f t="shared" si="678"/>
        <v>5.0593399999999997</v>
      </c>
      <c r="H2943" s="235">
        <f t="shared" si="679"/>
        <v>1.4725240841690812</v>
      </c>
      <c r="I2943" s="236">
        <f t="shared" si="680"/>
        <v>18.932949470237766</v>
      </c>
      <c r="J2943" s="237">
        <f t="shared" si="685"/>
        <v>8.9329494702377659</v>
      </c>
      <c r="K2943" s="237">
        <f t="shared" si="681"/>
        <v>555.43593860836529</v>
      </c>
      <c r="L2943" s="237">
        <f t="shared" si="686"/>
        <v>262.12846925465703</v>
      </c>
      <c r="M2943" s="236">
        <f t="shared" si="682"/>
        <v>17.182048459666184</v>
      </c>
      <c r="N2943" s="236">
        <f t="shared" si="683"/>
        <v>1.6541204915670578</v>
      </c>
      <c r="O2943" s="236">
        <f t="shared" si="687"/>
        <v>2.6578874030355615</v>
      </c>
      <c r="P2943" s="236" t="str">
        <f t="shared" si="688"/>
        <v>CLAY</v>
      </c>
      <c r="Q2943" s="236">
        <f t="shared" si="684"/>
        <v>375.32533844930293</v>
      </c>
      <c r="R2943" s="238">
        <v>35</v>
      </c>
      <c r="S2943" s="236">
        <f t="shared" si="689"/>
        <v>8.745480648394393</v>
      </c>
      <c r="T2943" s="236" t="e">
        <f t="shared" si="675"/>
        <v>#N/A</v>
      </c>
    </row>
    <row r="2944" spans="1:20" x14ac:dyDescent="0.2">
      <c r="A2944" s="53">
        <f t="shared" si="676"/>
        <v>2932</v>
      </c>
      <c r="B2944" s="239">
        <v>29.353999999999999</v>
      </c>
      <c r="C2944" s="3">
        <f t="shared" si="677"/>
        <v>29.346999999999998</v>
      </c>
      <c r="D2944" s="239">
        <v>5.2468000000000004</v>
      </c>
      <c r="E2944" s="239">
        <v>7.9500000000000001E-2</v>
      </c>
      <c r="F2944" s="239">
        <v>0.3337</v>
      </c>
      <c r="G2944">
        <f t="shared" si="678"/>
        <v>5.3135400000000006</v>
      </c>
      <c r="H2944" s="235">
        <f t="shared" si="679"/>
        <v>1.496177689449971</v>
      </c>
      <c r="I2944" s="236">
        <f t="shared" si="680"/>
        <v>19.02827986059711</v>
      </c>
      <c r="J2944" s="237">
        <f t="shared" si="685"/>
        <v>9.0282798605971095</v>
      </c>
      <c r="K2944" s="237">
        <f t="shared" si="681"/>
        <v>558.42292906894329</v>
      </c>
      <c r="L2944" s="237">
        <f t="shared" si="686"/>
        <v>265.01612702796757</v>
      </c>
      <c r="M2944" s="236">
        <f t="shared" si="682"/>
        <v>17.94274606703177</v>
      </c>
      <c r="N2944" s="236">
        <f t="shared" si="683"/>
        <v>1.6718831274628074</v>
      </c>
      <c r="O2944" s="236">
        <f t="shared" si="687"/>
        <v>2.6446156000948418</v>
      </c>
      <c r="P2944" s="236" t="str">
        <f t="shared" si="688"/>
        <v>CLAY</v>
      </c>
      <c r="Q2944" s="236">
        <f t="shared" si="684"/>
        <v>396.25975591092146</v>
      </c>
      <c r="R2944" s="238">
        <v>35</v>
      </c>
      <c r="S2944" s="236">
        <f t="shared" si="689"/>
        <v>9.2321137587832958</v>
      </c>
      <c r="T2944" s="236" t="e">
        <f t="shared" si="675"/>
        <v>#N/A</v>
      </c>
    </row>
    <row r="2945" spans="1:20" x14ac:dyDescent="0.2">
      <c r="A2945" s="53">
        <f t="shared" si="676"/>
        <v>2933</v>
      </c>
      <c r="B2945" s="239">
        <v>29.361999999999998</v>
      </c>
      <c r="C2945" s="3">
        <f t="shared" si="677"/>
        <v>29.354999999999997</v>
      </c>
      <c r="D2945" s="239">
        <v>5.5453999999999999</v>
      </c>
      <c r="E2945" s="239">
        <v>8.48E-2</v>
      </c>
      <c r="F2945" s="239">
        <v>0.33539999999999998</v>
      </c>
      <c r="G2945">
        <f t="shared" si="678"/>
        <v>5.6124799999999997</v>
      </c>
      <c r="H2945" s="235">
        <f t="shared" si="679"/>
        <v>1.5109185244312675</v>
      </c>
      <c r="I2945" s="236">
        <f t="shared" si="680"/>
        <v>19.125351181245836</v>
      </c>
      <c r="J2945" s="237">
        <f t="shared" si="685"/>
        <v>9.1253511812458363</v>
      </c>
      <c r="K2945" s="237">
        <f t="shared" si="681"/>
        <v>561.42468392547141</v>
      </c>
      <c r="L2945" s="237">
        <f t="shared" si="686"/>
        <v>267.93856138374025</v>
      </c>
      <c r="M2945" s="236">
        <f t="shared" si="682"/>
        <v>18.851543017880253</v>
      </c>
      <c r="N2945" s="236">
        <f t="shared" si="683"/>
        <v>1.6788570841845989</v>
      </c>
      <c r="O2945" s="236">
        <f t="shared" si="687"/>
        <v>2.6276542556367781</v>
      </c>
      <c r="P2945" s="236" t="str">
        <f t="shared" si="688"/>
        <v>CLAY</v>
      </c>
      <c r="Q2945" s="236">
        <f t="shared" si="684"/>
        <v>420.92127633954402</v>
      </c>
      <c r="R2945" s="238">
        <v>35</v>
      </c>
      <c r="S2945" s="236">
        <f t="shared" si="689"/>
        <v>9.8202747363545608</v>
      </c>
      <c r="T2945" s="236" t="e">
        <f t="shared" si="675"/>
        <v>#N/A</v>
      </c>
    </row>
    <row r="2946" spans="1:20" x14ac:dyDescent="0.2">
      <c r="A2946" s="53">
        <f t="shared" si="676"/>
        <v>2934</v>
      </c>
      <c r="B2946" s="239">
        <v>29.372</v>
      </c>
      <c r="C2946" s="3">
        <f t="shared" si="677"/>
        <v>29.364999999999998</v>
      </c>
      <c r="D2946" s="239">
        <v>5.9046000000000003</v>
      </c>
      <c r="E2946" s="239">
        <v>8.6699999999999999E-2</v>
      </c>
      <c r="F2946" s="239">
        <v>0.33079999999999998</v>
      </c>
      <c r="G2946">
        <f t="shared" si="678"/>
        <v>5.9707600000000003</v>
      </c>
      <c r="H2946" s="235">
        <f t="shared" si="679"/>
        <v>1.4520764525789012</v>
      </c>
      <c r="I2946" s="236">
        <f t="shared" si="680"/>
        <v>19.175521270780507</v>
      </c>
      <c r="J2946" s="237">
        <f t="shared" si="685"/>
        <v>9.1755212707805072</v>
      </c>
      <c r="K2946" s="237">
        <f t="shared" si="681"/>
        <v>563.0891821164696</v>
      </c>
      <c r="L2946" s="237">
        <f t="shared" si="686"/>
        <v>269.50341076536506</v>
      </c>
      <c r="M2946" s="236">
        <f t="shared" si="682"/>
        <v>20.065314952884044</v>
      </c>
      <c r="N2946" s="236">
        <f t="shared" si="683"/>
        <v>1.603278064065536</v>
      </c>
      <c r="O2946" s="236">
        <f t="shared" si="687"/>
        <v>2.5940201714217297</v>
      </c>
      <c r="P2946" s="236" t="str">
        <f t="shared" si="688"/>
        <v>SAND</v>
      </c>
      <c r="Q2946" s="236" t="e">
        <f t="shared" si="684"/>
        <v>#N/A</v>
      </c>
      <c r="R2946" s="238">
        <v>35</v>
      </c>
      <c r="S2946" s="236" t="e">
        <f t="shared" si="689"/>
        <v>#N/A</v>
      </c>
      <c r="T2946" s="236">
        <f t="shared" si="675"/>
        <v>31.926905790738388</v>
      </c>
    </row>
    <row r="2947" spans="1:20" x14ac:dyDescent="0.2">
      <c r="A2947" s="53">
        <f t="shared" si="676"/>
        <v>2935</v>
      </c>
      <c r="B2947" s="239">
        <v>29.382000000000001</v>
      </c>
      <c r="C2947" s="3">
        <f t="shared" si="677"/>
        <v>29.375</v>
      </c>
      <c r="D2947" s="239">
        <v>6.2446000000000002</v>
      </c>
      <c r="E2947" s="239">
        <v>9.01E-2</v>
      </c>
      <c r="F2947" s="239">
        <v>0.30980000000000002</v>
      </c>
      <c r="G2947">
        <f t="shared" si="678"/>
        <v>6.3065600000000002</v>
      </c>
      <c r="H2947" s="235">
        <f t="shared" si="679"/>
        <v>1.4286710980312562</v>
      </c>
      <c r="I2947" s="236">
        <f t="shared" si="680"/>
        <v>19.242013268756459</v>
      </c>
      <c r="J2947" s="237">
        <f t="shared" si="685"/>
        <v>9.2420132687564589</v>
      </c>
      <c r="K2947" s="237">
        <f t="shared" si="681"/>
        <v>565.23413976972097</v>
      </c>
      <c r="L2947" s="237">
        <f t="shared" si="686"/>
        <v>271.54883386260229</v>
      </c>
      <c r="M2947" s="236">
        <f t="shared" si="682"/>
        <v>21.142885346122544</v>
      </c>
      <c r="N2947" s="236">
        <f t="shared" si="683"/>
        <v>1.5693239191336577</v>
      </c>
      <c r="O2947" s="236">
        <f t="shared" si="687"/>
        <v>2.5699343422766736</v>
      </c>
      <c r="P2947" s="236" t="str">
        <f t="shared" si="688"/>
        <v>SAND</v>
      </c>
      <c r="Q2947" s="236" t="e">
        <f t="shared" si="684"/>
        <v>#N/A</v>
      </c>
      <c r="R2947" s="238">
        <v>35</v>
      </c>
      <c r="S2947" s="236" t="e">
        <f t="shared" si="689"/>
        <v>#N/A</v>
      </c>
      <c r="T2947" s="236">
        <f t="shared" si="675"/>
        <v>32.17680680172559</v>
      </c>
    </row>
    <row r="2948" spans="1:20" x14ac:dyDescent="0.2">
      <c r="A2948" s="53">
        <f t="shared" si="676"/>
        <v>2936</v>
      </c>
      <c r="B2948" s="239">
        <v>29.390999999999998</v>
      </c>
      <c r="C2948" s="3">
        <f t="shared" si="677"/>
        <v>29.383999999999997</v>
      </c>
      <c r="D2948" s="239">
        <v>6.5842999999999998</v>
      </c>
      <c r="E2948" s="239">
        <v>9.4600000000000004E-2</v>
      </c>
      <c r="F2948" s="239">
        <v>0.27779999999999999</v>
      </c>
      <c r="G2948">
        <f t="shared" si="678"/>
        <v>6.6398599999999997</v>
      </c>
      <c r="H2948" s="235">
        <f t="shared" si="679"/>
        <v>1.424728834644104</v>
      </c>
      <c r="I2948" s="236">
        <f t="shared" si="680"/>
        <v>19.319292152881435</v>
      </c>
      <c r="J2948" s="237">
        <f t="shared" si="685"/>
        <v>9.3192921528814345</v>
      </c>
      <c r="K2948" s="237">
        <f t="shared" si="681"/>
        <v>567.67808062026802</v>
      </c>
      <c r="L2948" s="237">
        <f t="shared" si="686"/>
        <v>273.9033156653382</v>
      </c>
      <c r="M2948" s="236">
        <f t="shared" si="682"/>
        <v>22.169070515374386</v>
      </c>
      <c r="N2948" s="236">
        <f t="shared" si="683"/>
        <v>1.5579243384997812</v>
      </c>
      <c r="O2948" s="236">
        <f t="shared" si="687"/>
        <v>2.5510264548621144</v>
      </c>
      <c r="P2948" s="236" t="str">
        <f t="shared" si="688"/>
        <v>SAND</v>
      </c>
      <c r="Q2948" s="236" t="e">
        <f t="shared" si="684"/>
        <v>#N/A</v>
      </c>
      <c r="R2948" s="238">
        <v>35</v>
      </c>
      <c r="S2948" s="236" t="e">
        <f t="shared" si="689"/>
        <v>#N/A</v>
      </c>
      <c r="T2948" s="236">
        <f t="shared" si="675"/>
        <v>32.403222332713696</v>
      </c>
    </row>
    <row r="2949" spans="1:20" x14ac:dyDescent="0.2">
      <c r="A2949" s="53">
        <f t="shared" si="676"/>
        <v>2937</v>
      </c>
      <c r="B2949" s="239">
        <v>29.402000000000001</v>
      </c>
      <c r="C2949" s="3">
        <f t="shared" si="677"/>
        <v>29.395</v>
      </c>
      <c r="D2949" s="239">
        <v>6.9405999999999999</v>
      </c>
      <c r="E2949" s="239">
        <v>9.5899999999999999E-2</v>
      </c>
      <c r="F2949" s="239">
        <v>0.25040000000000001</v>
      </c>
      <c r="G2949">
        <f t="shared" si="678"/>
        <v>6.9906800000000002</v>
      </c>
      <c r="H2949" s="235">
        <f t="shared" si="679"/>
        <v>1.3718264889824738</v>
      </c>
      <c r="I2949" s="236">
        <f t="shared" si="680"/>
        <v>19.355420774131215</v>
      </c>
      <c r="J2949" s="237">
        <f t="shared" si="685"/>
        <v>9.3554207741312148</v>
      </c>
      <c r="K2949" s="237">
        <f t="shared" si="681"/>
        <v>568.95259365558707</v>
      </c>
      <c r="L2949" s="237">
        <f t="shared" si="686"/>
        <v>275.06808160100599</v>
      </c>
      <c r="M2949" s="236">
        <f t="shared" si="682"/>
        <v>23.345956277323772</v>
      </c>
      <c r="N2949" s="236">
        <f t="shared" si="683"/>
        <v>1.4933676553329653</v>
      </c>
      <c r="O2949" s="236">
        <f t="shared" si="687"/>
        <v>2.5221449391890327</v>
      </c>
      <c r="P2949" s="236" t="str">
        <f t="shared" si="688"/>
        <v>SAND</v>
      </c>
      <c r="Q2949" s="236" t="e">
        <f t="shared" si="684"/>
        <v>#N/A</v>
      </c>
      <c r="R2949" s="238">
        <v>35</v>
      </c>
      <c r="S2949" s="236" t="e">
        <f t="shared" si="689"/>
        <v>#N/A</v>
      </c>
      <c r="T2949" s="236">
        <f t="shared" si="675"/>
        <v>32.650328346180295</v>
      </c>
    </row>
    <row r="2950" spans="1:20" x14ac:dyDescent="0.2">
      <c r="A2950" s="53">
        <f t="shared" si="676"/>
        <v>2938</v>
      </c>
      <c r="B2950" s="239">
        <v>29.411000000000001</v>
      </c>
      <c r="C2950" s="3">
        <f t="shared" si="677"/>
        <v>29.404</v>
      </c>
      <c r="D2950" s="239">
        <v>7.2647000000000004</v>
      </c>
      <c r="E2950" s="239">
        <v>9.6699999999999994E-2</v>
      </c>
      <c r="F2950" s="239">
        <v>0.21360000000000001</v>
      </c>
      <c r="G2950">
        <f t="shared" si="678"/>
        <v>7.3074200000000005</v>
      </c>
      <c r="H2950" s="235">
        <f t="shared" si="679"/>
        <v>1.3233124686962017</v>
      </c>
      <c r="I2950" s="236">
        <f t="shared" si="680"/>
        <v>19.382482196953561</v>
      </c>
      <c r="J2950" s="237">
        <f t="shared" si="685"/>
        <v>9.3824821969535606</v>
      </c>
      <c r="K2950" s="237">
        <f t="shared" si="681"/>
        <v>569.92250651922245</v>
      </c>
      <c r="L2950" s="237">
        <f t="shared" si="686"/>
        <v>275.94818389460119</v>
      </c>
      <c r="M2950" s="236">
        <f t="shared" si="682"/>
        <v>24.415806614093082</v>
      </c>
      <c r="N2950" s="236">
        <f t="shared" si="683"/>
        <v>1.4352509977713117</v>
      </c>
      <c r="O2950" s="236">
        <f t="shared" si="687"/>
        <v>2.496402225302178</v>
      </c>
      <c r="P2950" s="236" t="str">
        <f t="shared" si="688"/>
        <v>SAND</v>
      </c>
      <c r="Q2950" s="236" t="e">
        <f t="shared" si="684"/>
        <v>#N/A</v>
      </c>
      <c r="R2950" s="238">
        <v>35</v>
      </c>
      <c r="S2950" s="236" t="e">
        <f t="shared" si="689"/>
        <v>#N/A</v>
      </c>
      <c r="T2950" s="236">
        <f t="shared" si="675"/>
        <v>32.86438184094871</v>
      </c>
    </row>
    <row r="2951" spans="1:20" x14ac:dyDescent="0.2">
      <c r="A2951" s="53">
        <f t="shared" si="676"/>
        <v>2939</v>
      </c>
      <c r="B2951" s="239">
        <v>29.420999999999999</v>
      </c>
      <c r="C2951" s="3">
        <f t="shared" si="677"/>
        <v>29.413999999999998</v>
      </c>
      <c r="D2951" s="239">
        <v>7.5673000000000004</v>
      </c>
      <c r="E2951" s="239">
        <v>0.10390000000000001</v>
      </c>
      <c r="F2951" s="239">
        <v>0.17249999999999999</v>
      </c>
      <c r="G2951">
        <f t="shared" si="678"/>
        <v>7.6018000000000008</v>
      </c>
      <c r="H2951" s="235">
        <f t="shared" si="679"/>
        <v>1.3667815517377462</v>
      </c>
      <c r="I2951" s="236">
        <f t="shared" si="680"/>
        <v>19.482129828176141</v>
      </c>
      <c r="J2951" s="237">
        <f t="shared" si="685"/>
        <v>9.4821298281761415</v>
      </c>
      <c r="K2951" s="237">
        <f t="shared" si="681"/>
        <v>573.04736676597304</v>
      </c>
      <c r="L2951" s="237">
        <f t="shared" si="686"/>
        <v>278.97374167477022</v>
      </c>
      <c r="M2951" s="236">
        <f t="shared" si="682"/>
        <v>25.195033020090481</v>
      </c>
      <c r="N2951" s="236">
        <f t="shared" si="683"/>
        <v>1.4782139224637096</v>
      </c>
      <c r="O2951" s="236">
        <f t="shared" si="687"/>
        <v>2.4921532139295435</v>
      </c>
      <c r="P2951" s="236" t="str">
        <f t="shared" si="688"/>
        <v>SAND</v>
      </c>
      <c r="Q2951" s="236" t="e">
        <f t="shared" si="684"/>
        <v>#N/A</v>
      </c>
      <c r="R2951" s="238">
        <v>35</v>
      </c>
      <c r="S2951" s="236" t="e">
        <f t="shared" si="689"/>
        <v>#N/A</v>
      </c>
      <c r="T2951" s="236">
        <f t="shared" si="675"/>
        <v>33.014464250565034</v>
      </c>
    </row>
    <row r="2952" spans="1:20" x14ac:dyDescent="0.2">
      <c r="A2952" s="53">
        <f t="shared" si="676"/>
        <v>2940</v>
      </c>
      <c r="B2952" s="239">
        <v>29.43</v>
      </c>
      <c r="C2952" s="3">
        <f t="shared" si="677"/>
        <v>29.422999999999998</v>
      </c>
      <c r="D2952" s="239">
        <v>7.8733000000000004</v>
      </c>
      <c r="E2952" s="239">
        <v>0.1116</v>
      </c>
      <c r="F2952" s="239">
        <v>0.12740000000000001</v>
      </c>
      <c r="G2952">
        <f t="shared" si="678"/>
        <v>7.8987800000000004</v>
      </c>
      <c r="H2952" s="235">
        <f t="shared" si="679"/>
        <v>1.4128764188900058</v>
      </c>
      <c r="I2952" s="236">
        <f t="shared" si="680"/>
        <v>19.58094039587121</v>
      </c>
      <c r="J2952" s="237">
        <f t="shared" si="685"/>
        <v>9.5809403958712096</v>
      </c>
      <c r="K2952" s="237">
        <f t="shared" si="681"/>
        <v>576.13000926771861</v>
      </c>
      <c r="L2952" s="237">
        <f t="shared" si="686"/>
        <v>281.96707585048972</v>
      </c>
      <c r="M2952" s="236">
        <f t="shared" si="682"/>
        <v>25.969875981602353</v>
      </c>
      <c r="N2952" s="236">
        <f t="shared" si="683"/>
        <v>1.5240384306397763</v>
      </c>
      <c r="O2952" s="236">
        <f t="shared" si="687"/>
        <v>2.4886947661779346</v>
      </c>
      <c r="P2952" s="236" t="str">
        <f t="shared" si="688"/>
        <v>SAND</v>
      </c>
      <c r="Q2952" s="236" t="e">
        <f t="shared" si="684"/>
        <v>#N/A</v>
      </c>
      <c r="R2952" s="238">
        <v>35</v>
      </c>
      <c r="S2952" s="236" t="e">
        <f t="shared" si="689"/>
        <v>#N/A</v>
      </c>
      <c r="T2952" s="236">
        <f t="shared" si="675"/>
        <v>33.159168632407585</v>
      </c>
    </row>
    <row r="2953" spans="1:20" x14ac:dyDescent="0.2">
      <c r="A2953" s="53">
        <f t="shared" si="676"/>
        <v>2941</v>
      </c>
      <c r="B2953" s="239">
        <v>29.44</v>
      </c>
      <c r="C2953" s="3">
        <f t="shared" si="677"/>
        <v>29.433</v>
      </c>
      <c r="D2953" s="239">
        <v>8.0853000000000002</v>
      </c>
      <c r="E2953" s="239">
        <v>0.11509999999999999</v>
      </c>
      <c r="F2953" s="239">
        <v>8.9200000000000002E-2</v>
      </c>
      <c r="G2953">
        <f t="shared" si="678"/>
        <v>8.1031399999999998</v>
      </c>
      <c r="H2953" s="235">
        <f t="shared" si="679"/>
        <v>1.420437015774132</v>
      </c>
      <c r="I2953" s="236">
        <f t="shared" si="680"/>
        <v>19.627134436331744</v>
      </c>
      <c r="J2953" s="237">
        <f t="shared" si="685"/>
        <v>9.6271344363317439</v>
      </c>
      <c r="K2953" s="237">
        <f t="shared" si="681"/>
        <v>577.6854478645522</v>
      </c>
      <c r="L2953" s="237">
        <f t="shared" si="686"/>
        <v>283.42283780560655</v>
      </c>
      <c r="M2953" s="236">
        <f t="shared" si="682"/>
        <v>26.552040091056426</v>
      </c>
      <c r="N2953" s="236">
        <f t="shared" si="683"/>
        <v>1.5294757174148217</v>
      </c>
      <c r="O2953" s="236">
        <f t="shared" si="687"/>
        <v>2.4816235209009294</v>
      </c>
      <c r="P2953" s="236" t="str">
        <f t="shared" si="688"/>
        <v>SAND</v>
      </c>
      <c r="Q2953" s="236" t="e">
        <f t="shared" si="684"/>
        <v>#N/A</v>
      </c>
      <c r="R2953" s="238">
        <v>35</v>
      </c>
      <c r="S2953" s="236" t="e">
        <f t="shared" si="689"/>
        <v>#N/A</v>
      </c>
      <c r="T2953" s="236">
        <f t="shared" si="675"/>
        <v>33.265076846588677</v>
      </c>
    </row>
    <row r="2954" spans="1:20" x14ac:dyDescent="0.2">
      <c r="A2954" s="53">
        <f t="shared" si="676"/>
        <v>2942</v>
      </c>
      <c r="B2954" s="239">
        <v>29.45</v>
      </c>
      <c r="C2954" s="3">
        <f t="shared" si="677"/>
        <v>29.442999999999998</v>
      </c>
      <c r="D2954" s="239">
        <v>8.2437000000000005</v>
      </c>
      <c r="E2954" s="239">
        <v>0.1153</v>
      </c>
      <c r="F2954" s="239">
        <v>7.4899999999999994E-2</v>
      </c>
      <c r="G2954">
        <f t="shared" si="678"/>
        <v>8.25868</v>
      </c>
      <c r="H2954" s="235">
        <f t="shared" si="679"/>
        <v>1.3961068839088087</v>
      </c>
      <c r="I2954" s="236">
        <f t="shared" si="680"/>
        <v>19.636601758981982</v>
      </c>
      <c r="J2954" s="237">
        <f t="shared" si="685"/>
        <v>9.6366017589819819</v>
      </c>
      <c r="K2954" s="237">
        <f t="shared" si="681"/>
        <v>578.1604655897064</v>
      </c>
      <c r="L2954" s="237">
        <f t="shared" si="686"/>
        <v>283.79792180201935</v>
      </c>
      <c r="M2954" s="236">
        <f t="shared" si="682"/>
        <v>27.063339596152193</v>
      </c>
      <c r="N2954" s="236">
        <f t="shared" si="683"/>
        <v>1.5012005305556801</v>
      </c>
      <c r="O2954" s="236">
        <f t="shared" si="687"/>
        <v>2.4702086308480404</v>
      </c>
      <c r="P2954" s="236" t="str">
        <f t="shared" si="688"/>
        <v>SAND</v>
      </c>
      <c r="Q2954" s="236" t="e">
        <f t="shared" si="684"/>
        <v>#N/A</v>
      </c>
      <c r="R2954" s="238">
        <v>35</v>
      </c>
      <c r="S2954" s="236" t="e">
        <f t="shared" si="689"/>
        <v>#N/A</v>
      </c>
      <c r="T2954" s="236">
        <f t="shared" si="675"/>
        <v>33.356195259060499</v>
      </c>
    </row>
    <row r="2955" spans="1:20" x14ac:dyDescent="0.2">
      <c r="A2955" s="53">
        <f t="shared" si="676"/>
        <v>2943</v>
      </c>
      <c r="B2955" s="239">
        <v>29.46</v>
      </c>
      <c r="C2955" s="3">
        <f t="shared" si="677"/>
        <v>29.452999999999999</v>
      </c>
      <c r="D2955" s="239">
        <v>8.2603000000000009</v>
      </c>
      <c r="E2955" s="239">
        <v>0.1183</v>
      </c>
      <c r="F2955" s="239">
        <v>7.2999999999999995E-2</v>
      </c>
      <c r="G2955">
        <f t="shared" si="678"/>
        <v>8.2749000000000006</v>
      </c>
      <c r="H2955" s="235">
        <f t="shared" si="679"/>
        <v>1.4296245271846186</v>
      </c>
      <c r="I2955" s="236">
        <f t="shared" si="680"/>
        <v>19.667488343607822</v>
      </c>
      <c r="J2955" s="237">
        <f t="shared" si="685"/>
        <v>9.6674883436078218</v>
      </c>
      <c r="K2955" s="237">
        <f t="shared" si="681"/>
        <v>579.26653418428111</v>
      </c>
      <c r="L2955" s="237">
        <f t="shared" si="686"/>
        <v>284.80420660268646</v>
      </c>
      <c r="M2955" s="236">
        <f t="shared" si="682"/>
        <v>27.020785814977248</v>
      </c>
      <c r="N2955" s="236">
        <f t="shared" si="683"/>
        <v>1.5372353754306627</v>
      </c>
      <c r="O2955" s="236">
        <f t="shared" si="687"/>
        <v>2.4766092978097145</v>
      </c>
      <c r="P2955" s="236" t="str">
        <f t="shared" si="688"/>
        <v>SAND</v>
      </c>
      <c r="Q2955" s="236" t="e">
        <f t="shared" si="684"/>
        <v>#N/A</v>
      </c>
      <c r="R2955" s="238">
        <v>35</v>
      </c>
      <c r="S2955" s="236" t="e">
        <f t="shared" si="689"/>
        <v>#N/A</v>
      </c>
      <c r="T2955" s="236">
        <f t="shared" si="675"/>
        <v>33.348677724618113</v>
      </c>
    </row>
    <row r="2956" spans="1:20" x14ac:dyDescent="0.2">
      <c r="A2956" s="53">
        <f t="shared" si="676"/>
        <v>2944</v>
      </c>
      <c r="B2956" s="239">
        <v>29.47</v>
      </c>
      <c r="C2956" s="3">
        <f t="shared" si="677"/>
        <v>29.462999999999997</v>
      </c>
      <c r="D2956" s="239">
        <v>8.2249999999999996</v>
      </c>
      <c r="E2956" s="239">
        <v>0.11799999999999999</v>
      </c>
      <c r="F2956" s="239">
        <v>7.4200000000000002E-2</v>
      </c>
      <c r="G2956">
        <f t="shared" si="678"/>
        <v>8.2398399999999992</v>
      </c>
      <c r="H2956" s="235">
        <f t="shared" si="679"/>
        <v>1.43206664207072</v>
      </c>
      <c r="I2956" s="236">
        <f t="shared" si="680"/>
        <v>19.662851374950435</v>
      </c>
      <c r="J2956" s="237">
        <f t="shared" si="685"/>
        <v>9.662851374950435</v>
      </c>
      <c r="K2956" s="237">
        <f t="shared" si="681"/>
        <v>579.32659006016456</v>
      </c>
      <c r="L2956" s="237">
        <f t="shared" si="686"/>
        <v>284.7642300197893</v>
      </c>
      <c r="M2956" s="236">
        <f t="shared" si="682"/>
        <v>26.901248831032877</v>
      </c>
      <c r="N2956" s="236">
        <f t="shared" si="683"/>
        <v>1.5403667311239231</v>
      </c>
      <c r="O2956" s="236">
        <f t="shared" si="687"/>
        <v>2.4786960648098804</v>
      </c>
      <c r="P2956" s="236" t="str">
        <f t="shared" si="688"/>
        <v>SAND</v>
      </c>
      <c r="Q2956" s="236" t="e">
        <f t="shared" si="684"/>
        <v>#N/A</v>
      </c>
      <c r="R2956" s="238">
        <v>35</v>
      </c>
      <c r="S2956" s="236" t="e">
        <f t="shared" si="689"/>
        <v>#N/A</v>
      </c>
      <c r="T2956" s="236">
        <f t="shared" si="675"/>
        <v>33.327496857952511</v>
      </c>
    </row>
    <row r="2957" spans="1:20" x14ac:dyDescent="0.2">
      <c r="A2957" s="53">
        <f t="shared" si="676"/>
        <v>2945</v>
      </c>
      <c r="B2957" s="239">
        <v>29.48</v>
      </c>
      <c r="C2957" s="3">
        <f t="shared" si="677"/>
        <v>29.472999999999999</v>
      </c>
      <c r="D2957" s="239">
        <v>8.1539000000000001</v>
      </c>
      <c r="E2957" s="239">
        <v>0.1138</v>
      </c>
      <c r="F2957" s="239">
        <v>6.7199999999999996E-2</v>
      </c>
      <c r="G2957">
        <f t="shared" si="678"/>
        <v>8.1673399999999994</v>
      </c>
      <c r="H2957" s="235">
        <f t="shared" si="679"/>
        <v>1.3933545070977822</v>
      </c>
      <c r="I2957" s="236">
        <f t="shared" si="680"/>
        <v>19.616899733717052</v>
      </c>
      <c r="J2957" s="237">
        <f t="shared" si="685"/>
        <v>9.6168997337170516</v>
      </c>
      <c r="K2957" s="237">
        <f t="shared" si="681"/>
        <v>578.16888585184267</v>
      </c>
      <c r="L2957" s="237">
        <f t="shared" si="686"/>
        <v>283.50620414997871</v>
      </c>
      <c r="M2957" s="236">
        <f t="shared" si="682"/>
        <v>26.768977197174067</v>
      </c>
      <c r="N2957" s="236">
        <f t="shared" si="683"/>
        <v>1.4995049958466173</v>
      </c>
      <c r="O2957" s="236">
        <f t="shared" si="687"/>
        <v>2.473850953930393</v>
      </c>
      <c r="P2957" s="236" t="str">
        <f t="shared" si="688"/>
        <v>SAND</v>
      </c>
      <c r="Q2957" s="236" t="e">
        <f t="shared" si="684"/>
        <v>#N/A</v>
      </c>
      <c r="R2957" s="238">
        <v>35</v>
      </c>
      <c r="S2957" s="236" t="e">
        <f t="shared" si="689"/>
        <v>#N/A</v>
      </c>
      <c r="T2957" s="236">
        <f t="shared" ref="T2957:T3020" si="690">IF(P2957="SAND",17.6+(11*LOG(M2957)),#N/A)</f>
        <v>33.303949555331094</v>
      </c>
    </row>
    <row r="2958" spans="1:20" x14ac:dyDescent="0.2">
      <c r="A2958" s="53">
        <f t="shared" ref="A2958:A3021" si="691">$A2957+1</f>
        <v>2946</v>
      </c>
      <c r="B2958" s="239">
        <v>29.49</v>
      </c>
      <c r="C2958" s="3">
        <f t="shared" ref="C2958:C3021" si="692">MAX($B2958 - $B$13, 0.001)</f>
        <v>29.482999999999997</v>
      </c>
      <c r="D2958" s="239">
        <v>8.0109999999999992</v>
      </c>
      <c r="E2958" s="239">
        <v>0.10680000000000001</v>
      </c>
      <c r="F2958" s="239">
        <v>4.99E-2</v>
      </c>
      <c r="G2958">
        <f t="shared" si="678"/>
        <v>8.0209799999999998</v>
      </c>
      <c r="H2958" s="235">
        <f t="shared" si="679"/>
        <v>1.3315081199554168</v>
      </c>
      <c r="I2958" s="236">
        <f t="shared" si="680"/>
        <v>19.535390126752944</v>
      </c>
      <c r="J2958" s="237">
        <f t="shared" si="685"/>
        <v>9.5353901267529437</v>
      </c>
      <c r="K2958" s="237">
        <f t="shared" si="681"/>
        <v>575.96190710705696</v>
      </c>
      <c r="L2958" s="237">
        <f t="shared" si="686"/>
        <v>281.19865483794428</v>
      </c>
      <c r="M2958" s="236">
        <f t="shared" si="682"/>
        <v>26.476008916840414</v>
      </c>
      <c r="N2958" s="236">
        <f t="shared" si="683"/>
        <v>1.4345163257823634</v>
      </c>
      <c r="O2958" s="236">
        <f t="shared" si="687"/>
        <v>2.467008478040877</v>
      </c>
      <c r="P2958" s="236" t="str">
        <f t="shared" si="688"/>
        <v>SAND</v>
      </c>
      <c r="Q2958" s="236" t="e">
        <f t="shared" si="684"/>
        <v>#N/A</v>
      </c>
      <c r="R2958" s="238">
        <v>35</v>
      </c>
      <c r="S2958" s="236" t="e">
        <f t="shared" si="689"/>
        <v>#N/A</v>
      </c>
      <c r="T2958" s="236">
        <f t="shared" si="690"/>
        <v>33.251377705501881</v>
      </c>
    </row>
    <row r="2959" spans="1:20" x14ac:dyDescent="0.2">
      <c r="A2959" s="53">
        <f t="shared" si="691"/>
        <v>2947</v>
      </c>
      <c r="B2959" s="239">
        <v>29.498999999999999</v>
      </c>
      <c r="C2959" s="3">
        <f t="shared" si="692"/>
        <v>29.491999999999997</v>
      </c>
      <c r="D2959" s="239">
        <v>7.7713000000000001</v>
      </c>
      <c r="E2959" s="239">
        <v>0.1018</v>
      </c>
      <c r="F2959" s="239">
        <v>5.8299999999999998E-2</v>
      </c>
      <c r="G2959">
        <f t="shared" ref="G2959:G3022" si="693">$D2959+($F2959*(1-$P$8))</f>
        <v>7.7829600000000001</v>
      </c>
      <c r="H2959" s="235">
        <f t="shared" ref="H2959:H3022" si="694">($E2959/$G2959)*100</f>
        <v>1.3079856507035883</v>
      </c>
      <c r="I2959" s="236">
        <f t="shared" ref="I2959:I3022" si="695">((0.27*(LOG($H2959)))+(0.36*(LOG(($G2959*1000)/101)))+1.236)*10</f>
        <v>19.467392373568963</v>
      </c>
      <c r="J2959" s="237">
        <f t="shared" si="685"/>
        <v>9.4673923735689627</v>
      </c>
      <c r="K2959" s="237">
        <f t="shared" ref="K2959:K3022" si="696">$I2959*$C2959</f>
        <v>574.13233588129583</v>
      </c>
      <c r="L2959" s="237">
        <f t="shared" si="686"/>
        <v>279.27860762791084</v>
      </c>
      <c r="M2959" s="236">
        <f t="shared" ref="M2959:M3022" si="697">(($G2959*1000)-$K2959)/$L2959</f>
        <v>25.812315971308433</v>
      </c>
      <c r="N2959" s="236">
        <f t="shared" ref="N2959:N3022" si="698">(($E2959*1000)/(($G2959*1000)-$K2959))*100</f>
        <v>1.4121574927737615</v>
      </c>
      <c r="O2959" s="236">
        <f t="shared" si="687"/>
        <v>2.4723786144072575</v>
      </c>
      <c r="P2959" s="236" t="str">
        <f t="shared" si="688"/>
        <v>SAND</v>
      </c>
      <c r="Q2959" s="236" t="e">
        <f t="shared" ref="Q2959:Q3022" si="699">IF(P2959="CLAY",($G2959*1000 -$K2959)/$L$8,#N/A)</f>
        <v>#N/A</v>
      </c>
      <c r="R2959" s="238">
        <v>35</v>
      </c>
      <c r="S2959" s="236" t="e">
        <f t="shared" si="689"/>
        <v>#N/A</v>
      </c>
      <c r="T2959" s="236">
        <f t="shared" si="690"/>
        <v>33.130096699838873</v>
      </c>
    </row>
    <row r="2960" spans="1:20" x14ac:dyDescent="0.2">
      <c r="A2960" s="53">
        <f t="shared" si="691"/>
        <v>2948</v>
      </c>
      <c r="B2960" s="239">
        <v>29.51</v>
      </c>
      <c r="C2960" s="3">
        <f t="shared" si="692"/>
        <v>29.503</v>
      </c>
      <c r="D2960" s="239">
        <v>7.4898999999999996</v>
      </c>
      <c r="E2960" s="239">
        <v>8.9399999999999993E-2</v>
      </c>
      <c r="F2960" s="239">
        <v>5.1900000000000002E-2</v>
      </c>
      <c r="G2960">
        <f t="shared" si="693"/>
        <v>7.5002799999999992</v>
      </c>
      <c r="H2960" s="235">
        <f t="shared" si="694"/>
        <v>1.1919555003279878</v>
      </c>
      <c r="I2960" s="236">
        <f t="shared" si="695"/>
        <v>19.300624084206206</v>
      </c>
      <c r="J2960" s="237">
        <f t="shared" ref="J2960:J3023" si="700">$I2960-10</f>
        <v>9.3006240842062056</v>
      </c>
      <c r="K2960" s="237">
        <f t="shared" si="696"/>
        <v>569.42631235633564</v>
      </c>
      <c r="L2960" s="237">
        <f t="shared" ref="L2960:L3023" si="701">$J2960*$B2960</f>
        <v>274.46141672492513</v>
      </c>
      <c r="M2960" s="236">
        <f t="shared" si="697"/>
        <v>25.252561071598663</v>
      </c>
      <c r="N2960" s="236">
        <f t="shared" si="698"/>
        <v>1.2898843927319148</v>
      </c>
      <c r="O2960" s="236">
        <f t="shared" ref="O2960:O3023" si="702">((3.47-LOG($M2960))^2+(LOG($N2960)+1.22)^2)^0.5</f>
        <v>2.4588058552276055</v>
      </c>
      <c r="P2960" s="236" t="str">
        <f t="shared" ref="P2960:P3023" si="703">IF(O2960&lt;2.6,"SAND","CLAY")</f>
        <v>SAND</v>
      </c>
      <c r="Q2960" s="236" t="e">
        <f t="shared" si="699"/>
        <v>#N/A</v>
      </c>
      <c r="R2960" s="238">
        <v>35</v>
      </c>
      <c r="S2960" s="236" t="e">
        <f t="shared" ref="S2960:S3023" si="704">IF(P2960="SAND",#N/A,0.25*($M2960)^1.25)</f>
        <v>#N/A</v>
      </c>
      <c r="T2960" s="236">
        <f t="shared" si="690"/>
        <v>33.025359731019456</v>
      </c>
    </row>
    <row r="2961" spans="1:20" x14ac:dyDescent="0.2">
      <c r="A2961" s="53">
        <f t="shared" si="691"/>
        <v>2949</v>
      </c>
      <c r="B2961" s="239">
        <v>29.518999999999998</v>
      </c>
      <c r="C2961" s="3">
        <f t="shared" si="692"/>
        <v>29.511999999999997</v>
      </c>
      <c r="D2961" s="239">
        <v>7.1677999999999997</v>
      </c>
      <c r="E2961" s="239">
        <v>8.2400000000000001E-2</v>
      </c>
      <c r="F2961" s="239">
        <v>4.99E-2</v>
      </c>
      <c r="G2961">
        <f t="shared" si="693"/>
        <v>7.1777799999999994</v>
      </c>
      <c r="H2961" s="235">
        <f t="shared" si="694"/>
        <v>1.1479872606850587</v>
      </c>
      <c r="I2961" s="236">
        <f t="shared" si="695"/>
        <v>19.187837654675711</v>
      </c>
      <c r="J2961" s="237">
        <f t="shared" si="700"/>
        <v>9.187837654675711</v>
      </c>
      <c r="K2961" s="237">
        <f t="shared" si="696"/>
        <v>566.27146486478955</v>
      </c>
      <c r="L2961" s="237">
        <f t="shared" si="701"/>
        <v>271.2157797283723</v>
      </c>
      <c r="M2961" s="236">
        <f t="shared" si="697"/>
        <v>24.377300398069611</v>
      </c>
      <c r="N2961" s="236">
        <f t="shared" si="698"/>
        <v>1.2463116331485591</v>
      </c>
      <c r="O2961" s="236">
        <f t="shared" si="702"/>
        <v>2.4637009622940762</v>
      </c>
      <c r="P2961" s="236" t="str">
        <f t="shared" si="703"/>
        <v>SAND</v>
      </c>
      <c r="Q2961" s="236" t="e">
        <f t="shared" si="699"/>
        <v>#N/A</v>
      </c>
      <c r="R2961" s="238">
        <v>35</v>
      </c>
      <c r="S2961" s="236" t="e">
        <f t="shared" si="704"/>
        <v>#N/A</v>
      </c>
      <c r="T2961" s="236">
        <f t="shared" si="690"/>
        <v>32.856841700221032</v>
      </c>
    </row>
    <row r="2962" spans="1:20" x14ac:dyDescent="0.2">
      <c r="A2962" s="53">
        <f t="shared" si="691"/>
        <v>2950</v>
      </c>
      <c r="B2962" s="239">
        <v>29.527999999999999</v>
      </c>
      <c r="C2962" s="3">
        <f t="shared" si="692"/>
        <v>29.520999999999997</v>
      </c>
      <c r="D2962" s="239">
        <v>6.9189999999999996</v>
      </c>
      <c r="E2962" s="239">
        <v>7.9100000000000004E-2</v>
      </c>
      <c r="F2962" s="239">
        <v>5.33E-2</v>
      </c>
      <c r="G2962">
        <f t="shared" si="693"/>
        <v>6.9296599999999993</v>
      </c>
      <c r="H2962" s="235">
        <f t="shared" si="694"/>
        <v>1.141470144278363</v>
      </c>
      <c r="I2962" s="236">
        <f t="shared" si="695"/>
        <v>19.126160293866938</v>
      </c>
      <c r="J2962" s="237">
        <f t="shared" si="700"/>
        <v>9.1261602938669384</v>
      </c>
      <c r="K2962" s="237">
        <f t="shared" si="696"/>
        <v>564.62337803524588</v>
      </c>
      <c r="L2962" s="237">
        <f t="shared" si="701"/>
        <v>269.47726115730296</v>
      </c>
      <c r="M2962" s="236">
        <f t="shared" si="697"/>
        <v>23.619939562356123</v>
      </c>
      <c r="N2962" s="236">
        <f t="shared" si="698"/>
        <v>1.242726549711249</v>
      </c>
      <c r="O2962" s="236">
        <f t="shared" si="702"/>
        <v>2.4746359373914113</v>
      </c>
      <c r="P2962" s="236" t="str">
        <f t="shared" si="703"/>
        <v>SAND</v>
      </c>
      <c r="Q2962" s="236" t="e">
        <f t="shared" si="699"/>
        <v>#N/A</v>
      </c>
      <c r="R2962" s="238">
        <v>35</v>
      </c>
      <c r="S2962" s="236" t="e">
        <f t="shared" si="704"/>
        <v>#N/A</v>
      </c>
      <c r="T2962" s="236">
        <f t="shared" si="690"/>
        <v>32.70606660228205</v>
      </c>
    </row>
    <row r="2963" spans="1:20" x14ac:dyDescent="0.2">
      <c r="A2963" s="53">
        <f t="shared" si="691"/>
        <v>2951</v>
      </c>
      <c r="B2963" s="239">
        <v>29.539000000000001</v>
      </c>
      <c r="C2963" s="3">
        <f t="shared" si="692"/>
        <v>29.532</v>
      </c>
      <c r="D2963" s="239">
        <v>6.7573999999999996</v>
      </c>
      <c r="E2963" s="239">
        <v>7.5399999999999995E-2</v>
      </c>
      <c r="F2963" s="239">
        <v>5.2200000000000003E-2</v>
      </c>
      <c r="G2963">
        <f t="shared" si="693"/>
        <v>6.7678399999999996</v>
      </c>
      <c r="H2963" s="235">
        <f t="shared" si="694"/>
        <v>1.114092531738339</v>
      </c>
      <c r="I2963" s="236">
        <f t="shared" si="695"/>
        <v>19.060750762841398</v>
      </c>
      <c r="J2963" s="237">
        <f t="shared" si="700"/>
        <v>9.0607507628413977</v>
      </c>
      <c r="K2963" s="237">
        <f t="shared" si="696"/>
        <v>562.90209152823218</v>
      </c>
      <c r="L2963" s="237">
        <f t="shared" si="701"/>
        <v>267.64551678357208</v>
      </c>
      <c r="M2963" s="236">
        <f t="shared" si="697"/>
        <v>23.183418063711887</v>
      </c>
      <c r="N2963" s="236">
        <f t="shared" si="698"/>
        <v>1.2151612330730071</v>
      </c>
      <c r="O2963" s="236">
        <f t="shared" si="702"/>
        <v>2.4763577133450623</v>
      </c>
      <c r="P2963" s="236" t="str">
        <f t="shared" si="703"/>
        <v>SAND</v>
      </c>
      <c r="Q2963" s="236" t="e">
        <f t="shared" si="699"/>
        <v>#N/A</v>
      </c>
      <c r="R2963" s="238">
        <v>35</v>
      </c>
      <c r="S2963" s="236" t="e">
        <f t="shared" si="704"/>
        <v>#N/A</v>
      </c>
      <c r="T2963" s="236">
        <f t="shared" si="690"/>
        <v>32.616952135500689</v>
      </c>
    </row>
    <row r="2964" spans="1:20" x14ac:dyDescent="0.2">
      <c r="A2964" s="53">
        <f t="shared" si="691"/>
        <v>2952</v>
      </c>
      <c r="B2964" s="239">
        <v>29.547999999999998</v>
      </c>
      <c r="C2964" s="3">
        <f t="shared" si="692"/>
        <v>29.540999999999997</v>
      </c>
      <c r="D2964" s="239">
        <v>6.6310000000000002</v>
      </c>
      <c r="E2964" s="239">
        <v>7.8299999999999995E-2</v>
      </c>
      <c r="F2964" s="239">
        <v>5.9299999999999999E-2</v>
      </c>
      <c r="G2964">
        <f t="shared" si="693"/>
        <v>6.6428600000000007</v>
      </c>
      <c r="H2964" s="235">
        <f t="shared" si="694"/>
        <v>1.1787091704476684</v>
      </c>
      <c r="I2964" s="236">
        <f t="shared" si="695"/>
        <v>19.097719401641019</v>
      </c>
      <c r="J2964" s="237">
        <f t="shared" si="700"/>
        <v>9.0977194016410188</v>
      </c>
      <c r="K2964" s="237">
        <f t="shared" si="696"/>
        <v>564.16572884387722</v>
      </c>
      <c r="L2964" s="237">
        <f t="shared" si="701"/>
        <v>268.8194128796888</v>
      </c>
      <c r="M2964" s="236">
        <f t="shared" si="697"/>
        <v>22.612556905913141</v>
      </c>
      <c r="N2964" s="236">
        <f t="shared" si="698"/>
        <v>1.288105578389418</v>
      </c>
      <c r="O2964" s="236">
        <f t="shared" si="702"/>
        <v>2.4989492183086499</v>
      </c>
      <c r="P2964" s="236" t="str">
        <f t="shared" si="703"/>
        <v>SAND</v>
      </c>
      <c r="Q2964" s="236" t="e">
        <f t="shared" si="699"/>
        <v>#N/A</v>
      </c>
      <c r="R2964" s="238">
        <v>35</v>
      </c>
      <c r="S2964" s="236" t="e">
        <f t="shared" si="704"/>
        <v>#N/A</v>
      </c>
      <c r="T2964" s="236">
        <f t="shared" si="690"/>
        <v>32.497846400783061</v>
      </c>
    </row>
    <row r="2965" spans="1:20" x14ac:dyDescent="0.2">
      <c r="A2965" s="53">
        <f t="shared" si="691"/>
        <v>2953</v>
      </c>
      <c r="B2965" s="239">
        <v>29.558</v>
      </c>
      <c r="C2965" s="3">
        <f t="shared" si="692"/>
        <v>29.550999999999998</v>
      </c>
      <c r="D2965" s="239">
        <v>6.5259999999999998</v>
      </c>
      <c r="E2965" s="239">
        <v>8.4900000000000003E-2</v>
      </c>
      <c r="F2965" s="239">
        <v>6.1899999999999997E-2</v>
      </c>
      <c r="G2965">
        <f t="shared" si="693"/>
        <v>6.5383800000000001</v>
      </c>
      <c r="H2965" s="235">
        <f t="shared" si="694"/>
        <v>1.2984867811292706</v>
      </c>
      <c r="I2965" s="236">
        <f t="shared" si="695"/>
        <v>19.186416959760585</v>
      </c>
      <c r="J2965" s="237">
        <f t="shared" si="700"/>
        <v>9.1864169597605851</v>
      </c>
      <c r="K2965" s="237">
        <f t="shared" si="696"/>
        <v>566.97780757788507</v>
      </c>
      <c r="L2965" s="237">
        <f t="shared" si="701"/>
        <v>271.53211249660336</v>
      </c>
      <c r="M2965" s="236">
        <f t="shared" si="697"/>
        <v>21.9915137753617</v>
      </c>
      <c r="N2965" s="236">
        <f t="shared" si="698"/>
        <v>1.4217766156789875</v>
      </c>
      <c r="O2965" s="236">
        <f t="shared" si="702"/>
        <v>2.5321856598545684</v>
      </c>
      <c r="P2965" s="236" t="str">
        <f t="shared" si="703"/>
        <v>SAND</v>
      </c>
      <c r="Q2965" s="236" t="e">
        <f t="shared" si="699"/>
        <v>#N/A</v>
      </c>
      <c r="R2965" s="238">
        <v>35</v>
      </c>
      <c r="S2965" s="236" t="e">
        <f t="shared" si="704"/>
        <v>#N/A</v>
      </c>
      <c r="T2965" s="236">
        <f t="shared" si="690"/>
        <v>32.364806373275691</v>
      </c>
    </row>
    <row r="2966" spans="1:20" x14ac:dyDescent="0.2">
      <c r="A2966" s="53">
        <f t="shared" si="691"/>
        <v>2954</v>
      </c>
      <c r="B2966" s="239">
        <v>29.568000000000001</v>
      </c>
      <c r="C2966" s="3">
        <f t="shared" si="692"/>
        <v>29.561</v>
      </c>
      <c r="D2966" s="239">
        <v>6.5564999999999998</v>
      </c>
      <c r="E2966" s="239">
        <v>8.6300000000000002E-2</v>
      </c>
      <c r="F2966" s="239">
        <v>5.9200000000000003E-2</v>
      </c>
      <c r="G2966">
        <f t="shared" si="693"/>
        <v>6.5683400000000001</v>
      </c>
      <c r="H2966" s="235">
        <f t="shared" si="694"/>
        <v>1.31387839240965</v>
      </c>
      <c r="I2966" s="236">
        <f t="shared" si="695"/>
        <v>19.207382265563719</v>
      </c>
      <c r="J2966" s="237">
        <f t="shared" si="700"/>
        <v>9.2073822655637194</v>
      </c>
      <c r="K2966" s="237">
        <f t="shared" si="696"/>
        <v>567.78942715232915</v>
      </c>
      <c r="L2966" s="237">
        <f t="shared" si="701"/>
        <v>272.24387882818809</v>
      </c>
      <c r="M2966" s="236">
        <f t="shared" si="697"/>
        <v>22.041085363151883</v>
      </c>
      <c r="N2966" s="236">
        <f t="shared" si="698"/>
        <v>1.4382013608968676</v>
      </c>
      <c r="O2966" s="236">
        <f t="shared" si="702"/>
        <v>2.5340728255073897</v>
      </c>
      <c r="P2966" s="236" t="str">
        <f t="shared" si="703"/>
        <v>SAND</v>
      </c>
      <c r="Q2966" s="236" t="e">
        <f t="shared" si="699"/>
        <v>#N/A</v>
      </c>
      <c r="R2966" s="238">
        <v>35</v>
      </c>
      <c r="S2966" s="236" t="e">
        <f t="shared" si="704"/>
        <v>#N/A</v>
      </c>
      <c r="T2966" s="236">
        <f t="shared" si="690"/>
        <v>32.375562742060715</v>
      </c>
    </row>
    <row r="2967" spans="1:20" x14ac:dyDescent="0.2">
      <c r="A2967" s="53">
        <f t="shared" si="691"/>
        <v>2955</v>
      </c>
      <c r="B2967" s="239">
        <v>29.577000000000002</v>
      </c>
      <c r="C2967" s="3">
        <f t="shared" si="692"/>
        <v>29.57</v>
      </c>
      <c r="D2967" s="239">
        <v>6.617</v>
      </c>
      <c r="E2967" s="239">
        <v>8.7499999999999994E-2</v>
      </c>
      <c r="F2967" s="239">
        <v>5.2499999999999998E-2</v>
      </c>
      <c r="G2967">
        <f t="shared" si="693"/>
        <v>6.6275000000000004</v>
      </c>
      <c r="H2967" s="235">
        <f t="shared" si="694"/>
        <v>1.3202565069784984</v>
      </c>
      <c r="I2967" s="236">
        <f t="shared" si="695"/>
        <v>19.227079560307349</v>
      </c>
      <c r="J2967" s="237">
        <f t="shared" si="700"/>
        <v>9.2270795603073488</v>
      </c>
      <c r="K2967" s="237">
        <f t="shared" si="696"/>
        <v>568.54474259828828</v>
      </c>
      <c r="L2967" s="237">
        <f t="shared" si="701"/>
        <v>272.90933215521045</v>
      </c>
      <c r="M2967" s="236">
        <f t="shared" si="697"/>
        <v>22.201348739352856</v>
      </c>
      <c r="N2967" s="236">
        <f t="shared" si="698"/>
        <v>1.4441433594200697</v>
      </c>
      <c r="O2967" s="236">
        <f t="shared" si="702"/>
        <v>2.532407792707235</v>
      </c>
      <c r="P2967" s="236" t="str">
        <f t="shared" si="703"/>
        <v>SAND</v>
      </c>
      <c r="Q2967" s="236" t="e">
        <f t="shared" si="699"/>
        <v>#N/A</v>
      </c>
      <c r="R2967" s="238">
        <v>35</v>
      </c>
      <c r="S2967" s="236" t="e">
        <f t="shared" si="704"/>
        <v>#N/A</v>
      </c>
      <c r="T2967" s="236">
        <f t="shared" si="690"/>
        <v>32.410172946656324</v>
      </c>
    </row>
    <row r="2968" spans="1:20" x14ac:dyDescent="0.2">
      <c r="A2968" s="53">
        <f t="shared" si="691"/>
        <v>2956</v>
      </c>
      <c r="B2968" s="239">
        <v>29.588000000000001</v>
      </c>
      <c r="C2968" s="3">
        <f t="shared" si="692"/>
        <v>29.581</v>
      </c>
      <c r="D2968" s="239">
        <v>6.7037000000000004</v>
      </c>
      <c r="E2968" s="239">
        <v>8.8499999999999995E-2</v>
      </c>
      <c r="F2968" s="239">
        <v>5.5100000000000003E-2</v>
      </c>
      <c r="G2968">
        <f t="shared" si="693"/>
        <v>6.7147200000000007</v>
      </c>
      <c r="H2968" s="235">
        <f t="shared" si="694"/>
        <v>1.3179998570305238</v>
      </c>
      <c r="I2968" s="236">
        <f t="shared" si="695"/>
        <v>19.245515002061385</v>
      </c>
      <c r="J2968" s="237">
        <f t="shared" si="700"/>
        <v>9.245515002061385</v>
      </c>
      <c r="K2968" s="237">
        <f t="shared" si="696"/>
        <v>569.30157927597782</v>
      </c>
      <c r="L2968" s="237">
        <f t="shared" si="701"/>
        <v>273.55629788099225</v>
      </c>
      <c r="M2968" s="236">
        <f t="shared" si="697"/>
        <v>22.464912956957477</v>
      </c>
      <c r="N2968" s="236">
        <f t="shared" si="698"/>
        <v>1.440097222697708</v>
      </c>
      <c r="O2968" s="236">
        <f t="shared" si="702"/>
        <v>2.5274465682670035</v>
      </c>
      <c r="P2968" s="236" t="str">
        <f t="shared" si="703"/>
        <v>SAND</v>
      </c>
      <c r="Q2968" s="236" t="e">
        <f t="shared" si="699"/>
        <v>#N/A</v>
      </c>
      <c r="R2968" s="238">
        <v>35</v>
      </c>
      <c r="S2968" s="236" t="e">
        <f t="shared" si="704"/>
        <v>#N/A</v>
      </c>
      <c r="T2968" s="236">
        <f t="shared" si="690"/>
        <v>32.466552142259587</v>
      </c>
    </row>
    <row r="2969" spans="1:20" x14ac:dyDescent="0.2">
      <c r="A2969" s="53">
        <f t="shared" si="691"/>
        <v>2957</v>
      </c>
      <c r="B2969" s="239">
        <v>29.597999999999999</v>
      </c>
      <c r="C2969" s="3">
        <f t="shared" si="692"/>
        <v>29.590999999999998</v>
      </c>
      <c r="D2969" s="239">
        <v>6.7398999999999996</v>
      </c>
      <c r="E2969" s="239">
        <v>9.4500000000000001E-2</v>
      </c>
      <c r="F2969" s="239">
        <v>4.9200000000000001E-2</v>
      </c>
      <c r="G2969">
        <f t="shared" si="693"/>
        <v>6.7497399999999992</v>
      </c>
      <c r="H2969" s="235">
        <f t="shared" si="694"/>
        <v>1.4000539280031528</v>
      </c>
      <c r="I2969" s="236">
        <f t="shared" si="695"/>
        <v>19.32446727707341</v>
      </c>
      <c r="J2969" s="237">
        <f t="shared" si="700"/>
        <v>9.3244672770734098</v>
      </c>
      <c r="K2969" s="237">
        <f t="shared" si="696"/>
        <v>571.83031119587918</v>
      </c>
      <c r="L2969" s="237">
        <f t="shared" si="701"/>
        <v>275.98558246681876</v>
      </c>
      <c r="M2969" s="236">
        <f t="shared" si="697"/>
        <v>22.384900086390846</v>
      </c>
      <c r="N2969" s="236">
        <f t="shared" si="698"/>
        <v>1.5296435972713729</v>
      </c>
      <c r="O2969" s="236">
        <f t="shared" si="702"/>
        <v>2.5431208979899025</v>
      </c>
      <c r="P2969" s="236" t="str">
        <f t="shared" si="703"/>
        <v>SAND</v>
      </c>
      <c r="Q2969" s="236" t="e">
        <f t="shared" si="699"/>
        <v>#N/A</v>
      </c>
      <c r="R2969" s="238">
        <v>35</v>
      </c>
      <c r="S2969" s="236" t="e">
        <f t="shared" si="704"/>
        <v>#N/A</v>
      </c>
      <c r="T2969" s="236">
        <f t="shared" si="690"/>
        <v>32.449506763051225</v>
      </c>
    </row>
    <row r="2970" spans="1:20" x14ac:dyDescent="0.2">
      <c r="A2970" s="53">
        <f t="shared" si="691"/>
        <v>2958</v>
      </c>
      <c r="B2970" s="239">
        <v>29.606999999999999</v>
      </c>
      <c r="C2970" s="3">
        <f t="shared" si="692"/>
        <v>29.599999999999998</v>
      </c>
      <c r="D2970" s="239">
        <v>6.6600999999999999</v>
      </c>
      <c r="E2970" s="239">
        <v>0.1028</v>
      </c>
      <c r="F2970" s="239">
        <v>4.2599999999999999E-2</v>
      </c>
      <c r="G2970">
        <f t="shared" si="693"/>
        <v>6.6686199999999998</v>
      </c>
      <c r="H2970" s="235">
        <f t="shared" si="694"/>
        <v>1.5415483263403824</v>
      </c>
      <c r="I2970" s="236">
        <f t="shared" si="695"/>
        <v>19.418456837492837</v>
      </c>
      <c r="J2970" s="237">
        <f t="shared" si="700"/>
        <v>9.4184568374928368</v>
      </c>
      <c r="K2970" s="237">
        <f t="shared" si="696"/>
        <v>574.78632238978798</v>
      </c>
      <c r="L2970" s="237">
        <f t="shared" si="701"/>
        <v>278.85225158765041</v>
      </c>
      <c r="M2970" s="236">
        <f t="shared" si="697"/>
        <v>21.853270478953846</v>
      </c>
      <c r="N2970" s="236">
        <f t="shared" si="698"/>
        <v>1.6869511942491113</v>
      </c>
      <c r="O2970" s="236">
        <f t="shared" si="702"/>
        <v>2.5754739161274851</v>
      </c>
      <c r="P2970" s="236" t="str">
        <f t="shared" si="703"/>
        <v>SAND</v>
      </c>
      <c r="Q2970" s="236" t="e">
        <f t="shared" si="699"/>
        <v>#N/A</v>
      </c>
      <c r="R2970" s="238">
        <v>35</v>
      </c>
      <c r="S2970" s="236" t="e">
        <f t="shared" si="704"/>
        <v>#N/A</v>
      </c>
      <c r="T2970" s="236">
        <f t="shared" si="690"/>
        <v>32.33468085169023</v>
      </c>
    </row>
    <row r="2971" spans="1:20" x14ac:dyDescent="0.2">
      <c r="A2971" s="53">
        <f t="shared" si="691"/>
        <v>2959</v>
      </c>
      <c r="B2971" s="239">
        <v>29.617000000000001</v>
      </c>
      <c r="C2971" s="3">
        <f t="shared" si="692"/>
        <v>29.61</v>
      </c>
      <c r="D2971" s="239">
        <v>6.6474000000000002</v>
      </c>
      <c r="E2971" s="239">
        <v>0.10730000000000001</v>
      </c>
      <c r="F2971" s="239">
        <v>4.5199999999999997E-2</v>
      </c>
      <c r="G2971">
        <f t="shared" si="693"/>
        <v>6.6564399999999999</v>
      </c>
      <c r="H2971" s="235">
        <f t="shared" si="694"/>
        <v>1.6119727662233869</v>
      </c>
      <c r="I2971" s="236">
        <f t="shared" si="695"/>
        <v>19.467980123224677</v>
      </c>
      <c r="J2971" s="237">
        <f t="shared" si="700"/>
        <v>9.4679801232246774</v>
      </c>
      <c r="K2971" s="237">
        <f t="shared" si="696"/>
        <v>576.44689144868266</v>
      </c>
      <c r="L2971" s="237">
        <f t="shared" si="701"/>
        <v>280.41316730954526</v>
      </c>
      <c r="M2971" s="236">
        <f t="shared" si="697"/>
        <v>21.682266802541672</v>
      </c>
      <c r="N2971" s="236">
        <f t="shared" si="698"/>
        <v>1.764804631917855</v>
      </c>
      <c r="O2971" s="236">
        <f t="shared" si="702"/>
        <v>2.5893451368929852</v>
      </c>
      <c r="P2971" s="236" t="str">
        <f t="shared" si="703"/>
        <v>SAND</v>
      </c>
      <c r="Q2971" s="236" t="e">
        <f t="shared" si="699"/>
        <v>#N/A</v>
      </c>
      <c r="R2971" s="238">
        <v>35</v>
      </c>
      <c r="S2971" s="236" t="e">
        <f t="shared" si="704"/>
        <v>#N/A</v>
      </c>
      <c r="T2971" s="236">
        <f t="shared" si="690"/>
        <v>32.297151525722668</v>
      </c>
    </row>
    <row r="2972" spans="1:20" x14ac:dyDescent="0.2">
      <c r="A2972" s="53">
        <f t="shared" si="691"/>
        <v>2960</v>
      </c>
      <c r="B2972" s="239">
        <v>29.626999999999999</v>
      </c>
      <c r="C2972" s="3">
        <f t="shared" si="692"/>
        <v>29.619999999999997</v>
      </c>
      <c r="D2972" s="239">
        <v>6.5438000000000001</v>
      </c>
      <c r="E2972" s="239">
        <v>0.1157</v>
      </c>
      <c r="F2972" s="239">
        <v>4.19E-2</v>
      </c>
      <c r="G2972">
        <f t="shared" si="693"/>
        <v>6.5521799999999999</v>
      </c>
      <c r="H2972" s="235">
        <f t="shared" si="694"/>
        <v>1.7658245042108123</v>
      </c>
      <c r="I2972" s="236">
        <f t="shared" si="695"/>
        <v>19.550190361332213</v>
      </c>
      <c r="J2972" s="237">
        <f t="shared" si="700"/>
        <v>9.5501903613322128</v>
      </c>
      <c r="K2972" s="237">
        <f t="shared" si="696"/>
        <v>579.0766385026601</v>
      </c>
      <c r="L2972" s="237">
        <f t="shared" si="701"/>
        <v>282.94348983518944</v>
      </c>
      <c r="M2972" s="236">
        <f t="shared" si="697"/>
        <v>21.110587718334102</v>
      </c>
      <c r="N2972" s="236">
        <f t="shared" si="698"/>
        <v>1.9370165389369098</v>
      </c>
      <c r="O2972" s="236">
        <f t="shared" si="702"/>
        <v>2.6219496047439712</v>
      </c>
      <c r="P2972" s="236" t="str">
        <f t="shared" si="703"/>
        <v>CLAY</v>
      </c>
      <c r="Q2972" s="236">
        <f t="shared" si="699"/>
        <v>497.75861345811171</v>
      </c>
      <c r="R2972" s="238">
        <v>35</v>
      </c>
      <c r="S2972" s="236">
        <f t="shared" si="704"/>
        <v>11.31267769405536</v>
      </c>
      <c r="T2972" s="236" t="e">
        <f t="shared" si="690"/>
        <v>#N/A</v>
      </c>
    </row>
    <row r="2973" spans="1:20" x14ac:dyDescent="0.2">
      <c r="A2973" s="53">
        <f t="shared" si="691"/>
        <v>2961</v>
      </c>
      <c r="B2973" s="239">
        <v>29.635999999999999</v>
      </c>
      <c r="C2973" s="3">
        <f t="shared" si="692"/>
        <v>29.628999999999998</v>
      </c>
      <c r="D2973" s="239">
        <v>6.5373000000000001</v>
      </c>
      <c r="E2973" s="239">
        <v>0.1225</v>
      </c>
      <c r="F2973" s="239">
        <v>4.48E-2</v>
      </c>
      <c r="G2973">
        <f t="shared" si="693"/>
        <v>6.5462600000000002</v>
      </c>
      <c r="H2973" s="235">
        <f t="shared" si="694"/>
        <v>1.8712975042237858</v>
      </c>
      <c r="I2973" s="236">
        <f t="shared" si="695"/>
        <v>19.616804419174457</v>
      </c>
      <c r="J2973" s="237">
        <f t="shared" si="700"/>
        <v>9.6168044191744571</v>
      </c>
      <c r="K2973" s="237">
        <f t="shared" si="696"/>
        <v>581.22629813571996</v>
      </c>
      <c r="L2973" s="237">
        <f t="shared" si="701"/>
        <v>285.00361576665421</v>
      </c>
      <c r="M2973" s="236">
        <f t="shared" si="697"/>
        <v>20.929677280824858</v>
      </c>
      <c r="N2973" s="236">
        <f t="shared" si="698"/>
        <v>2.0536346670047227</v>
      </c>
      <c r="O2973" s="236">
        <f t="shared" si="702"/>
        <v>2.6396683528097591</v>
      </c>
      <c r="P2973" s="236" t="str">
        <f t="shared" si="703"/>
        <v>CLAY</v>
      </c>
      <c r="Q2973" s="236">
        <f t="shared" si="699"/>
        <v>497.08614182202336</v>
      </c>
      <c r="R2973" s="238">
        <v>35</v>
      </c>
      <c r="S2973" s="236">
        <f t="shared" si="704"/>
        <v>11.191625613943316</v>
      </c>
      <c r="T2973" s="236" t="e">
        <f t="shared" si="690"/>
        <v>#N/A</v>
      </c>
    </row>
    <row r="2974" spans="1:20" x14ac:dyDescent="0.2">
      <c r="A2974" s="53">
        <f t="shared" si="691"/>
        <v>2962</v>
      </c>
      <c r="B2974" s="239">
        <v>29.646999999999998</v>
      </c>
      <c r="C2974" s="3">
        <f t="shared" si="692"/>
        <v>29.639999999999997</v>
      </c>
      <c r="D2974" s="239">
        <v>6.4481999999999999</v>
      </c>
      <c r="E2974" s="239">
        <v>0.1245</v>
      </c>
      <c r="F2974" s="239">
        <v>3.78E-2</v>
      </c>
      <c r="G2974">
        <f t="shared" si="693"/>
        <v>6.4557599999999997</v>
      </c>
      <c r="H2974" s="235">
        <f t="shared" si="694"/>
        <v>1.9285103535447414</v>
      </c>
      <c r="I2974" s="236">
        <f t="shared" si="695"/>
        <v>19.6303529422221</v>
      </c>
      <c r="J2974" s="237">
        <f t="shared" si="700"/>
        <v>9.6303529422220997</v>
      </c>
      <c r="K2974" s="237">
        <f t="shared" si="696"/>
        <v>581.84366120746301</v>
      </c>
      <c r="L2974" s="237">
        <f t="shared" si="701"/>
        <v>285.51107367805855</v>
      </c>
      <c r="M2974" s="236">
        <f t="shared" si="697"/>
        <v>20.573339811736854</v>
      </c>
      <c r="N2974" s="236">
        <f t="shared" si="698"/>
        <v>2.1195398916013954</v>
      </c>
      <c r="O2974" s="236">
        <f t="shared" si="702"/>
        <v>2.6537138612919349</v>
      </c>
      <c r="P2974" s="236" t="str">
        <f t="shared" si="703"/>
        <v>CLAY</v>
      </c>
      <c r="Q2974" s="236">
        <f t="shared" si="699"/>
        <v>489.49302823271137</v>
      </c>
      <c r="R2974" s="238">
        <v>35</v>
      </c>
      <c r="S2974" s="236">
        <f t="shared" si="704"/>
        <v>10.953956399536903</v>
      </c>
      <c r="T2974" s="236" t="e">
        <f t="shared" si="690"/>
        <v>#N/A</v>
      </c>
    </row>
    <row r="2975" spans="1:20" x14ac:dyDescent="0.2">
      <c r="A2975" s="53">
        <f t="shared" si="691"/>
        <v>2963</v>
      </c>
      <c r="B2975" s="239">
        <v>29.655999999999999</v>
      </c>
      <c r="C2975" s="3">
        <f t="shared" si="692"/>
        <v>29.648999999999997</v>
      </c>
      <c r="D2975" s="239">
        <v>6.4249999999999998</v>
      </c>
      <c r="E2975" s="239">
        <v>0.12559999999999999</v>
      </c>
      <c r="F2975" s="239">
        <v>3.4700000000000002E-2</v>
      </c>
      <c r="G2975">
        <f t="shared" si="693"/>
        <v>6.43194</v>
      </c>
      <c r="H2975" s="235">
        <f t="shared" si="694"/>
        <v>1.9527545344017512</v>
      </c>
      <c r="I2975" s="236">
        <f t="shared" si="695"/>
        <v>19.639222866785971</v>
      </c>
      <c r="J2975" s="237">
        <f t="shared" si="700"/>
        <v>9.6392228667859712</v>
      </c>
      <c r="K2975" s="237">
        <f t="shared" si="696"/>
        <v>582.28331877733717</v>
      </c>
      <c r="L2975" s="237">
        <f t="shared" si="701"/>
        <v>285.86079333740474</v>
      </c>
      <c r="M2975" s="236">
        <f t="shared" si="697"/>
        <v>20.463305278518018</v>
      </c>
      <c r="N2975" s="236">
        <f t="shared" si="698"/>
        <v>2.1471345558308523</v>
      </c>
      <c r="O2975" s="236">
        <f t="shared" si="702"/>
        <v>2.6588818582240887</v>
      </c>
      <c r="P2975" s="236" t="str">
        <f t="shared" si="703"/>
        <v>CLAY</v>
      </c>
      <c r="Q2975" s="236">
        <f t="shared" si="699"/>
        <v>487.47139010188857</v>
      </c>
      <c r="R2975" s="238">
        <v>35</v>
      </c>
      <c r="S2975" s="236">
        <f t="shared" si="704"/>
        <v>10.880772694470568</v>
      </c>
      <c r="T2975" s="236" t="e">
        <f t="shared" si="690"/>
        <v>#N/A</v>
      </c>
    </row>
    <row r="2976" spans="1:20" x14ac:dyDescent="0.2">
      <c r="A2976" s="53">
        <f t="shared" si="691"/>
        <v>2964</v>
      </c>
      <c r="B2976" s="239">
        <v>29.666</v>
      </c>
      <c r="C2976" s="3">
        <f t="shared" si="692"/>
        <v>29.658999999999999</v>
      </c>
      <c r="D2976" s="239">
        <v>6.3475999999999999</v>
      </c>
      <c r="E2976" s="239">
        <v>0.1273</v>
      </c>
      <c r="F2976" s="239">
        <v>3.4799999999999998E-2</v>
      </c>
      <c r="G2976">
        <f t="shared" si="693"/>
        <v>6.3545600000000002</v>
      </c>
      <c r="H2976" s="235">
        <f t="shared" si="694"/>
        <v>2.0032858293886591</v>
      </c>
      <c r="I2976" s="236">
        <f t="shared" si="695"/>
        <v>19.650256680458952</v>
      </c>
      <c r="J2976" s="237">
        <f t="shared" si="700"/>
        <v>9.650256680458952</v>
      </c>
      <c r="K2976" s="237">
        <f t="shared" si="696"/>
        <v>582.80696288573199</v>
      </c>
      <c r="L2976" s="237">
        <f t="shared" si="701"/>
        <v>286.28451468249528</v>
      </c>
      <c r="M2976" s="236">
        <f t="shared" si="697"/>
        <v>20.160898480714014</v>
      </c>
      <c r="N2976" s="236">
        <f t="shared" si="698"/>
        <v>2.2055690737531419</v>
      </c>
      <c r="O2976" s="236">
        <f t="shared" si="702"/>
        <v>2.6709444608773474</v>
      </c>
      <c r="P2976" s="236" t="str">
        <f t="shared" si="703"/>
        <v>CLAY</v>
      </c>
      <c r="Q2976" s="236">
        <f t="shared" si="699"/>
        <v>480.97941975952239</v>
      </c>
      <c r="R2976" s="238">
        <v>35</v>
      </c>
      <c r="S2976" s="236">
        <f t="shared" si="704"/>
        <v>10.680150241746494</v>
      </c>
      <c r="T2976" s="236" t="e">
        <f t="shared" si="690"/>
        <v>#N/A</v>
      </c>
    </row>
    <row r="2977" spans="1:20" x14ac:dyDescent="0.2">
      <c r="A2977" s="53">
        <f t="shared" si="691"/>
        <v>2965</v>
      </c>
      <c r="B2977" s="239">
        <v>29.675999999999998</v>
      </c>
      <c r="C2977" s="3">
        <f t="shared" si="692"/>
        <v>29.668999999999997</v>
      </c>
      <c r="D2977" s="239">
        <v>6.2793999999999999</v>
      </c>
      <c r="E2977" s="239">
        <v>0.1249</v>
      </c>
      <c r="F2977" s="239">
        <v>3.8899999999999997E-2</v>
      </c>
      <c r="G2977">
        <f t="shared" si="693"/>
        <v>6.2871800000000002</v>
      </c>
      <c r="H2977" s="235">
        <f t="shared" si="694"/>
        <v>1.9865822196914991</v>
      </c>
      <c r="I2977" s="236">
        <f t="shared" si="695"/>
        <v>19.623771942811867</v>
      </c>
      <c r="J2977" s="237">
        <f t="shared" si="700"/>
        <v>9.6237719428118673</v>
      </c>
      <c r="K2977" s="237">
        <f t="shared" si="696"/>
        <v>582.21768977128522</v>
      </c>
      <c r="L2977" s="237">
        <f t="shared" si="701"/>
        <v>285.59505617488497</v>
      </c>
      <c r="M2977" s="236">
        <f t="shared" si="697"/>
        <v>19.975704014761604</v>
      </c>
      <c r="N2977" s="236">
        <f t="shared" si="698"/>
        <v>2.1893220885273941</v>
      </c>
      <c r="O2977" s="236">
        <f t="shared" si="702"/>
        <v>2.6723187298559243</v>
      </c>
      <c r="P2977" s="236" t="str">
        <f t="shared" si="703"/>
        <v>CLAY</v>
      </c>
      <c r="Q2977" s="236">
        <f t="shared" si="699"/>
        <v>475.41352585239292</v>
      </c>
      <c r="R2977" s="238">
        <v>35</v>
      </c>
      <c r="S2977" s="236">
        <f t="shared" si="704"/>
        <v>10.557658900394832</v>
      </c>
      <c r="T2977" s="236" t="e">
        <f t="shared" si="690"/>
        <v>#N/A</v>
      </c>
    </row>
    <row r="2978" spans="1:20" x14ac:dyDescent="0.2">
      <c r="A2978" s="53">
        <f t="shared" si="691"/>
        <v>2966</v>
      </c>
      <c r="B2978" s="239">
        <v>29.686</v>
      </c>
      <c r="C2978" s="3">
        <f t="shared" si="692"/>
        <v>29.678999999999998</v>
      </c>
      <c r="D2978" s="239">
        <v>6.0888999999999998</v>
      </c>
      <c r="E2978" s="239">
        <v>0.12740000000000001</v>
      </c>
      <c r="F2978" s="239">
        <v>4.4400000000000002E-2</v>
      </c>
      <c r="G2978">
        <f t="shared" si="693"/>
        <v>6.0977800000000002</v>
      </c>
      <c r="H2978" s="235">
        <f t="shared" si="694"/>
        <v>2.0892849528844923</v>
      </c>
      <c r="I2978" s="236">
        <f t="shared" si="695"/>
        <v>19.635055086357617</v>
      </c>
      <c r="J2978" s="237">
        <f t="shared" si="700"/>
        <v>9.6350550863576174</v>
      </c>
      <c r="K2978" s="237">
        <f t="shared" si="696"/>
        <v>582.74879990800775</v>
      </c>
      <c r="L2978" s="237">
        <f t="shared" si="701"/>
        <v>286.02624529361225</v>
      </c>
      <c r="M2978" s="236">
        <f t="shared" si="697"/>
        <v>19.281556468465652</v>
      </c>
      <c r="N2978" s="236">
        <f t="shared" si="698"/>
        <v>2.3100503945993078</v>
      </c>
      <c r="O2978" s="236">
        <f t="shared" si="702"/>
        <v>2.6984182410149997</v>
      </c>
      <c r="P2978" s="236" t="str">
        <f t="shared" si="703"/>
        <v>CLAY</v>
      </c>
      <c r="Q2978" s="236">
        <f t="shared" si="699"/>
        <v>459.58593334099942</v>
      </c>
      <c r="R2978" s="238">
        <v>35</v>
      </c>
      <c r="S2978" s="236">
        <f t="shared" si="704"/>
        <v>10.10107555124973</v>
      </c>
      <c r="T2978" s="236" t="e">
        <f t="shared" si="690"/>
        <v>#N/A</v>
      </c>
    </row>
    <row r="2979" spans="1:20" x14ac:dyDescent="0.2">
      <c r="A2979" s="53">
        <f t="shared" si="691"/>
        <v>2967</v>
      </c>
      <c r="B2979" s="239">
        <v>29.696000000000002</v>
      </c>
      <c r="C2979" s="3">
        <f t="shared" si="692"/>
        <v>29.689</v>
      </c>
      <c r="D2979" s="239">
        <v>5.8482000000000003</v>
      </c>
      <c r="E2979" s="239">
        <v>0.12989999999999999</v>
      </c>
      <c r="F2979" s="239">
        <v>5.7700000000000001E-2</v>
      </c>
      <c r="G2979">
        <f t="shared" si="693"/>
        <v>5.8597400000000004</v>
      </c>
      <c r="H2979" s="235">
        <f t="shared" si="694"/>
        <v>2.2168219067740202</v>
      </c>
      <c r="I2979" s="236">
        <f t="shared" si="695"/>
        <v>19.642278274176608</v>
      </c>
      <c r="J2979" s="237">
        <f t="shared" si="700"/>
        <v>9.6422782741766078</v>
      </c>
      <c r="K2979" s="237">
        <f t="shared" si="696"/>
        <v>583.15959968202935</v>
      </c>
      <c r="L2979" s="237">
        <f t="shared" si="701"/>
        <v>286.33709562994858</v>
      </c>
      <c r="M2979" s="236">
        <f t="shared" si="697"/>
        <v>18.427861708624814</v>
      </c>
      <c r="N2979" s="236">
        <f t="shared" si="698"/>
        <v>2.4618216751169393</v>
      </c>
      <c r="O2979" s="236">
        <f t="shared" si="702"/>
        <v>2.7305820850128351</v>
      </c>
      <c r="P2979" s="236" t="str">
        <f t="shared" si="703"/>
        <v>CLAY</v>
      </c>
      <c r="Q2979" s="236">
        <f t="shared" si="699"/>
        <v>439.7150333598309</v>
      </c>
      <c r="R2979" s="238">
        <v>35</v>
      </c>
      <c r="S2979" s="236">
        <f t="shared" si="704"/>
        <v>9.5451704751219513</v>
      </c>
      <c r="T2979" s="236" t="e">
        <f t="shared" si="690"/>
        <v>#N/A</v>
      </c>
    </row>
    <row r="2980" spans="1:20" x14ac:dyDescent="0.2">
      <c r="A2980" s="53">
        <f t="shared" si="691"/>
        <v>2968</v>
      </c>
      <c r="B2980" s="239">
        <v>29.704999999999998</v>
      </c>
      <c r="C2980" s="3">
        <f t="shared" si="692"/>
        <v>29.697999999999997</v>
      </c>
      <c r="D2980" s="239">
        <v>5.6243999999999996</v>
      </c>
      <c r="E2980" s="239">
        <v>0.12859999999999999</v>
      </c>
      <c r="F2980" s="239">
        <v>5.5899999999999998E-2</v>
      </c>
      <c r="G2980">
        <f t="shared" si="693"/>
        <v>5.63558</v>
      </c>
      <c r="H2980" s="235">
        <f t="shared" si="694"/>
        <v>2.2819301651294097</v>
      </c>
      <c r="I2980" s="236">
        <f t="shared" si="695"/>
        <v>19.615238426850368</v>
      </c>
      <c r="J2980" s="237">
        <f t="shared" si="700"/>
        <v>9.6152384268503681</v>
      </c>
      <c r="K2980" s="237">
        <f t="shared" si="696"/>
        <v>582.53335080060219</v>
      </c>
      <c r="L2980" s="237">
        <f t="shared" si="701"/>
        <v>285.62065746959018</v>
      </c>
      <c r="M2980" s="236">
        <f t="shared" si="697"/>
        <v>17.69146074365224</v>
      </c>
      <c r="N2980" s="236">
        <f t="shared" si="698"/>
        <v>2.5449992633726293</v>
      </c>
      <c r="O2980" s="236">
        <f t="shared" si="702"/>
        <v>2.7533969155839935</v>
      </c>
      <c r="P2980" s="236" t="str">
        <f t="shared" si="703"/>
        <v>CLAY</v>
      </c>
      <c r="Q2980" s="236">
        <f t="shared" si="699"/>
        <v>421.08722076661644</v>
      </c>
      <c r="R2980" s="238">
        <v>35</v>
      </c>
      <c r="S2980" s="236">
        <f t="shared" si="704"/>
        <v>9.0707798166504272</v>
      </c>
      <c r="T2980" s="236" t="e">
        <f t="shared" si="690"/>
        <v>#N/A</v>
      </c>
    </row>
    <row r="2981" spans="1:20" x14ac:dyDescent="0.2">
      <c r="A2981" s="53">
        <f t="shared" si="691"/>
        <v>2969</v>
      </c>
      <c r="B2981" s="239">
        <v>29.716000000000001</v>
      </c>
      <c r="C2981" s="3">
        <f t="shared" si="692"/>
        <v>29.709</v>
      </c>
      <c r="D2981" s="239">
        <v>5.3162000000000003</v>
      </c>
      <c r="E2981" s="239">
        <v>0.1273</v>
      </c>
      <c r="F2981" s="239">
        <v>6.6400000000000001E-2</v>
      </c>
      <c r="G2981">
        <f t="shared" si="693"/>
        <v>5.3294800000000002</v>
      </c>
      <c r="H2981" s="235">
        <f t="shared" si="694"/>
        <v>2.3886007640520273</v>
      </c>
      <c r="I2981" s="236">
        <f t="shared" si="695"/>
        <v>19.581496097336974</v>
      </c>
      <c r="J2981" s="237">
        <f t="shared" si="700"/>
        <v>9.5814960973369736</v>
      </c>
      <c r="K2981" s="237">
        <f t="shared" si="696"/>
        <v>581.74666755578414</v>
      </c>
      <c r="L2981" s="237">
        <f t="shared" si="701"/>
        <v>284.7237380284655</v>
      </c>
      <c r="M2981" s="236">
        <f t="shared" si="697"/>
        <v>16.674877076703584</v>
      </c>
      <c r="N2981" s="236">
        <f t="shared" si="698"/>
        <v>2.6812794882576889</v>
      </c>
      <c r="O2981" s="236">
        <f t="shared" si="702"/>
        <v>2.7875175338653042</v>
      </c>
      <c r="P2981" s="236" t="str">
        <f t="shared" si="703"/>
        <v>CLAY</v>
      </c>
      <c r="Q2981" s="236">
        <f t="shared" si="699"/>
        <v>395.64444437035132</v>
      </c>
      <c r="R2981" s="238">
        <v>35</v>
      </c>
      <c r="S2981" s="236">
        <f t="shared" si="704"/>
        <v>8.423999066003109</v>
      </c>
      <c r="T2981" s="236" t="e">
        <f t="shared" si="690"/>
        <v>#N/A</v>
      </c>
    </row>
    <row r="2982" spans="1:20" x14ac:dyDescent="0.2">
      <c r="A2982" s="53">
        <f t="shared" si="691"/>
        <v>2970</v>
      </c>
      <c r="B2982" s="239">
        <v>29.725000000000001</v>
      </c>
      <c r="C2982" s="3">
        <f t="shared" si="692"/>
        <v>29.718</v>
      </c>
      <c r="D2982" s="239">
        <v>5.0082000000000004</v>
      </c>
      <c r="E2982" s="239">
        <v>0.126</v>
      </c>
      <c r="F2982" s="239">
        <v>6.9800000000000001E-2</v>
      </c>
      <c r="G2982">
        <f t="shared" si="693"/>
        <v>5.0221600000000004</v>
      </c>
      <c r="H2982" s="235">
        <f t="shared" si="694"/>
        <v>2.5088806409990916</v>
      </c>
      <c r="I2982" s="236">
        <f t="shared" si="695"/>
        <v>19.546245016429118</v>
      </c>
      <c r="J2982" s="237">
        <f t="shared" si="700"/>
        <v>9.5462450164291184</v>
      </c>
      <c r="K2982" s="237">
        <f t="shared" si="696"/>
        <v>580.87530939824057</v>
      </c>
      <c r="L2982" s="237">
        <f t="shared" si="701"/>
        <v>283.76213311335556</v>
      </c>
      <c r="M2982" s="236">
        <f t="shared" si="697"/>
        <v>15.651435383126271</v>
      </c>
      <c r="N2982" s="236">
        <f t="shared" si="698"/>
        <v>2.8370169619306247</v>
      </c>
      <c r="O2982" s="236">
        <f t="shared" si="702"/>
        <v>2.8242026765565873</v>
      </c>
      <c r="P2982" s="236" t="str">
        <f t="shared" si="703"/>
        <v>CLAY</v>
      </c>
      <c r="Q2982" s="236">
        <f t="shared" si="699"/>
        <v>370.10705755014669</v>
      </c>
      <c r="R2982" s="238">
        <v>35</v>
      </c>
      <c r="S2982" s="236">
        <f t="shared" si="704"/>
        <v>7.7827436251422659</v>
      </c>
      <c r="T2982" s="236" t="e">
        <f t="shared" si="690"/>
        <v>#N/A</v>
      </c>
    </row>
    <row r="2983" spans="1:20" x14ac:dyDescent="0.2">
      <c r="A2983" s="53">
        <f t="shared" si="691"/>
        <v>2971</v>
      </c>
      <c r="B2983" s="239">
        <v>29.734999999999999</v>
      </c>
      <c r="C2983" s="3">
        <f t="shared" si="692"/>
        <v>29.727999999999998</v>
      </c>
      <c r="D2983" s="239">
        <v>4.6296999999999997</v>
      </c>
      <c r="E2983" s="239">
        <v>0.13150000000000001</v>
      </c>
      <c r="F2983" s="239">
        <v>7.8100000000000003E-2</v>
      </c>
      <c r="G2983">
        <f t="shared" si="693"/>
        <v>4.6453199999999999</v>
      </c>
      <c r="H2983" s="235">
        <f t="shared" si="694"/>
        <v>2.8308060585707766</v>
      </c>
      <c r="I2983" s="236">
        <f t="shared" si="695"/>
        <v>19.565856659774145</v>
      </c>
      <c r="J2983" s="237">
        <f t="shared" si="700"/>
        <v>9.5658566597741448</v>
      </c>
      <c r="K2983" s="237">
        <f t="shared" si="696"/>
        <v>581.65378678176569</v>
      </c>
      <c r="L2983" s="237">
        <f t="shared" si="701"/>
        <v>284.44074777838421</v>
      </c>
      <c r="M2983" s="236">
        <f t="shared" si="697"/>
        <v>14.286512199666804</v>
      </c>
      <c r="N2983" s="236">
        <f t="shared" si="698"/>
        <v>3.2359941269846115</v>
      </c>
      <c r="O2983" s="236">
        <f t="shared" si="702"/>
        <v>2.8900680530481706</v>
      </c>
      <c r="P2983" s="236" t="str">
        <f t="shared" si="703"/>
        <v>CLAY</v>
      </c>
      <c r="Q2983" s="236">
        <f t="shared" si="699"/>
        <v>338.63885110151949</v>
      </c>
      <c r="R2983" s="238">
        <v>35</v>
      </c>
      <c r="S2983" s="236">
        <f t="shared" si="704"/>
        <v>6.9438092037856478</v>
      </c>
      <c r="T2983" s="236" t="e">
        <f t="shared" si="690"/>
        <v>#N/A</v>
      </c>
    </row>
    <row r="2984" spans="1:20" x14ac:dyDescent="0.2">
      <c r="A2984" s="53">
        <f t="shared" si="691"/>
        <v>2972</v>
      </c>
      <c r="B2984" s="239">
        <v>29.745000000000001</v>
      </c>
      <c r="C2984" s="3">
        <f t="shared" si="692"/>
        <v>29.738</v>
      </c>
      <c r="D2984" s="239">
        <v>4.4375999999999998</v>
      </c>
      <c r="E2984" s="239">
        <v>0.14099999999999999</v>
      </c>
      <c r="F2984" s="239">
        <v>8.7099999999999997E-2</v>
      </c>
      <c r="G2984">
        <f t="shared" si="693"/>
        <v>4.4550200000000002</v>
      </c>
      <c r="H2984" s="235">
        <f t="shared" si="694"/>
        <v>3.1649689563683214</v>
      </c>
      <c r="I2984" s="236">
        <f t="shared" si="695"/>
        <v>19.631299350808856</v>
      </c>
      <c r="J2984" s="237">
        <f t="shared" si="700"/>
        <v>9.631299350808856</v>
      </c>
      <c r="K2984" s="237">
        <f t="shared" si="696"/>
        <v>583.7955800943538</v>
      </c>
      <c r="L2984" s="237">
        <f t="shared" si="701"/>
        <v>286.48299918980945</v>
      </c>
      <c r="M2984" s="236">
        <f t="shared" si="697"/>
        <v>13.512928972587183</v>
      </c>
      <c r="N2984" s="236">
        <f t="shared" si="698"/>
        <v>3.6422584873918673</v>
      </c>
      <c r="O2984" s="236">
        <f t="shared" si="702"/>
        <v>2.9403018090983717</v>
      </c>
      <c r="P2984" s="236" t="str">
        <f t="shared" si="703"/>
        <v>CLAY</v>
      </c>
      <c r="Q2984" s="236">
        <f t="shared" si="699"/>
        <v>322.60203499213725</v>
      </c>
      <c r="R2984" s="238">
        <v>35</v>
      </c>
      <c r="S2984" s="236">
        <f t="shared" si="704"/>
        <v>6.4770444304075374</v>
      </c>
      <c r="T2984" s="236" t="e">
        <f t="shared" si="690"/>
        <v>#N/A</v>
      </c>
    </row>
    <row r="2985" spans="1:20" x14ac:dyDescent="0.2">
      <c r="A2985" s="53">
        <f t="shared" si="691"/>
        <v>2973</v>
      </c>
      <c r="B2985" s="239">
        <v>29.754999999999999</v>
      </c>
      <c r="C2985" s="3">
        <f t="shared" si="692"/>
        <v>29.747999999999998</v>
      </c>
      <c r="D2985" s="239">
        <v>4.3162000000000003</v>
      </c>
      <c r="E2985" s="239">
        <v>0.14630000000000001</v>
      </c>
      <c r="F2985" s="239">
        <v>9.4700000000000006E-2</v>
      </c>
      <c r="G2985">
        <f t="shared" si="693"/>
        <v>4.33514</v>
      </c>
      <c r="H2985" s="235">
        <f t="shared" si="694"/>
        <v>3.3747468363190118</v>
      </c>
      <c r="I2985" s="236">
        <f t="shared" si="695"/>
        <v>19.663905549440209</v>
      </c>
      <c r="J2985" s="237">
        <f t="shared" si="700"/>
        <v>9.6639055494402086</v>
      </c>
      <c r="K2985" s="237">
        <f t="shared" si="696"/>
        <v>584.96186228474733</v>
      </c>
      <c r="L2985" s="237">
        <f t="shared" si="701"/>
        <v>287.54950962359339</v>
      </c>
      <c r="M2985" s="236">
        <f t="shared" si="697"/>
        <v>13.041851967072704</v>
      </c>
      <c r="N2985" s="236">
        <f t="shared" si="698"/>
        <v>3.9011480155748379</v>
      </c>
      <c r="O2985" s="236">
        <f t="shared" si="702"/>
        <v>2.9706640980055194</v>
      </c>
      <c r="P2985" s="236" t="str">
        <f t="shared" si="703"/>
        <v>CLAY</v>
      </c>
      <c r="Q2985" s="236">
        <f t="shared" si="699"/>
        <v>312.51484480960443</v>
      </c>
      <c r="R2985" s="238">
        <v>35</v>
      </c>
      <c r="S2985" s="236">
        <f t="shared" si="704"/>
        <v>6.1960382719544018</v>
      </c>
      <c r="T2985" s="236" t="e">
        <f t="shared" si="690"/>
        <v>#N/A</v>
      </c>
    </row>
    <row r="2986" spans="1:20" x14ac:dyDescent="0.2">
      <c r="A2986" s="53">
        <f t="shared" si="691"/>
        <v>2974</v>
      </c>
      <c r="B2986" s="239">
        <v>29.765000000000001</v>
      </c>
      <c r="C2986" s="3">
        <f t="shared" si="692"/>
        <v>29.757999999999999</v>
      </c>
      <c r="D2986" s="239">
        <v>4.4714</v>
      </c>
      <c r="E2986" s="239">
        <v>0.15509999999999999</v>
      </c>
      <c r="F2986" s="239">
        <v>0.106</v>
      </c>
      <c r="G2986">
        <f t="shared" si="693"/>
        <v>4.4926000000000004</v>
      </c>
      <c r="H2986" s="235">
        <f t="shared" si="694"/>
        <v>3.4523438543382445</v>
      </c>
      <c r="I2986" s="236">
        <f t="shared" si="695"/>
        <v>19.746342885975587</v>
      </c>
      <c r="J2986" s="237">
        <f t="shared" si="700"/>
        <v>9.7463428859755865</v>
      </c>
      <c r="K2986" s="237">
        <f t="shared" si="696"/>
        <v>587.61167160086154</v>
      </c>
      <c r="L2986" s="237">
        <f t="shared" si="701"/>
        <v>290.09989600106331</v>
      </c>
      <c r="M2986" s="236">
        <f t="shared" si="697"/>
        <v>13.460840152748023</v>
      </c>
      <c r="N2986" s="236">
        <f t="shared" si="698"/>
        <v>3.9718428573020521</v>
      </c>
      <c r="O2986" s="236">
        <f t="shared" si="702"/>
        <v>2.9645699898866318</v>
      </c>
      <c r="P2986" s="236" t="str">
        <f t="shared" si="703"/>
        <v>CLAY</v>
      </c>
      <c r="Q2986" s="236">
        <f t="shared" si="699"/>
        <v>325.41569403326156</v>
      </c>
      <c r="R2986" s="238">
        <v>35</v>
      </c>
      <c r="S2986" s="236">
        <f t="shared" si="704"/>
        <v>6.4458503347922402</v>
      </c>
      <c r="T2986" s="236" t="e">
        <f t="shared" si="690"/>
        <v>#N/A</v>
      </c>
    </row>
    <row r="2987" spans="1:20" x14ac:dyDescent="0.2">
      <c r="A2987" s="53">
        <f t="shared" si="691"/>
        <v>2975</v>
      </c>
      <c r="B2987" s="239">
        <v>29.774000000000001</v>
      </c>
      <c r="C2987" s="3">
        <f t="shared" si="692"/>
        <v>29.766999999999999</v>
      </c>
      <c r="D2987" s="239">
        <v>4.9561999999999999</v>
      </c>
      <c r="E2987" s="239">
        <v>0.16589999999999999</v>
      </c>
      <c r="F2987" s="239">
        <v>0.1154</v>
      </c>
      <c r="G2987">
        <f t="shared" si="693"/>
        <v>4.9792800000000002</v>
      </c>
      <c r="H2987" s="235">
        <f t="shared" si="694"/>
        <v>3.3318070082421554</v>
      </c>
      <c r="I2987" s="236">
        <f t="shared" si="695"/>
        <v>19.865478190439223</v>
      </c>
      <c r="J2987" s="237">
        <f t="shared" si="700"/>
        <v>9.865478190439223</v>
      </c>
      <c r="K2987" s="237">
        <f t="shared" si="696"/>
        <v>591.3356892948043</v>
      </c>
      <c r="L2987" s="237">
        <f t="shared" si="701"/>
        <v>293.73474764213745</v>
      </c>
      <c r="M2987" s="236">
        <f t="shared" si="697"/>
        <v>14.938458408234052</v>
      </c>
      <c r="N2987" s="236">
        <f t="shared" si="698"/>
        <v>3.7808137080330875</v>
      </c>
      <c r="O2987" s="236">
        <f t="shared" si="702"/>
        <v>2.9157374326730987</v>
      </c>
      <c r="P2987" s="236" t="str">
        <f t="shared" si="703"/>
        <v>CLAY</v>
      </c>
      <c r="Q2987" s="236">
        <f t="shared" si="699"/>
        <v>365.66202589209962</v>
      </c>
      <c r="R2987" s="238">
        <v>35</v>
      </c>
      <c r="S2987" s="236">
        <f t="shared" si="704"/>
        <v>7.3421328170502553</v>
      </c>
      <c r="T2987" s="236" t="e">
        <f t="shared" si="690"/>
        <v>#N/A</v>
      </c>
    </row>
    <row r="2988" spans="1:20" x14ac:dyDescent="0.2">
      <c r="A2988" s="53">
        <f t="shared" si="691"/>
        <v>2976</v>
      </c>
      <c r="B2988" s="239">
        <v>29.785</v>
      </c>
      <c r="C2988" s="3">
        <f t="shared" si="692"/>
        <v>29.777999999999999</v>
      </c>
      <c r="D2988" s="239">
        <v>5.7972000000000001</v>
      </c>
      <c r="E2988" s="239">
        <v>0.17130000000000001</v>
      </c>
      <c r="F2988" s="239">
        <v>0.1227</v>
      </c>
      <c r="G2988">
        <f t="shared" si="693"/>
        <v>5.8217400000000001</v>
      </c>
      <c r="H2988" s="235">
        <f t="shared" si="694"/>
        <v>2.9424192767110862</v>
      </c>
      <c r="I2988" s="236">
        <f t="shared" si="695"/>
        <v>19.964135459665968</v>
      </c>
      <c r="J2988" s="237">
        <f t="shared" si="700"/>
        <v>9.9641354596659681</v>
      </c>
      <c r="K2988" s="237">
        <f t="shared" si="696"/>
        <v>594.49202571793319</v>
      </c>
      <c r="L2988" s="237">
        <f t="shared" si="701"/>
        <v>296.78177466615085</v>
      </c>
      <c r="M2988" s="236">
        <f t="shared" si="697"/>
        <v>17.613103028857438</v>
      </c>
      <c r="N2988" s="236">
        <f t="shared" si="698"/>
        <v>3.277058996297705</v>
      </c>
      <c r="O2988" s="236">
        <f t="shared" si="702"/>
        <v>2.8211365917277584</v>
      </c>
      <c r="P2988" s="236" t="str">
        <f t="shared" si="703"/>
        <v>CLAY</v>
      </c>
      <c r="Q2988" s="236">
        <f t="shared" si="699"/>
        <v>435.60399785683893</v>
      </c>
      <c r="R2988" s="238">
        <v>35</v>
      </c>
      <c r="S2988" s="236">
        <f t="shared" si="704"/>
        <v>9.0205881138041057</v>
      </c>
      <c r="T2988" s="236" t="e">
        <f t="shared" si="690"/>
        <v>#N/A</v>
      </c>
    </row>
    <row r="2989" spans="1:20" x14ac:dyDescent="0.2">
      <c r="A2989" s="53">
        <f t="shared" si="691"/>
        <v>2977</v>
      </c>
      <c r="B2989" s="239">
        <v>29.794</v>
      </c>
      <c r="C2989" s="3">
        <f t="shared" si="692"/>
        <v>29.786999999999999</v>
      </c>
      <c r="D2989" s="239">
        <v>6.7792000000000003</v>
      </c>
      <c r="E2989" s="239">
        <v>0.17499999999999999</v>
      </c>
      <c r="F2989" s="239">
        <v>0.13039999999999999</v>
      </c>
      <c r="G2989">
        <f t="shared" si="693"/>
        <v>6.8052800000000007</v>
      </c>
      <c r="H2989" s="235">
        <f t="shared" si="694"/>
        <v>2.5715326922624784</v>
      </c>
      <c r="I2989" s="236">
        <f t="shared" si="695"/>
        <v>20.050207184707148</v>
      </c>
      <c r="J2989" s="237">
        <f t="shared" si="700"/>
        <v>10.050207184707148</v>
      </c>
      <c r="K2989" s="237">
        <f t="shared" si="696"/>
        <v>597.2355214108718</v>
      </c>
      <c r="L2989" s="237">
        <f t="shared" si="701"/>
        <v>299.43587286116474</v>
      </c>
      <c r="M2989" s="236">
        <f t="shared" si="697"/>
        <v>20.732467420386623</v>
      </c>
      <c r="N2989" s="236">
        <f t="shared" si="698"/>
        <v>2.8189231021709977</v>
      </c>
      <c r="O2989" s="236">
        <f t="shared" si="702"/>
        <v>2.7250853093607712</v>
      </c>
      <c r="P2989" s="236" t="str">
        <f t="shared" si="703"/>
        <v>CLAY</v>
      </c>
      <c r="Q2989" s="236">
        <f t="shared" si="699"/>
        <v>517.33703988242735</v>
      </c>
      <c r="R2989" s="238">
        <v>35</v>
      </c>
      <c r="S2989" s="236">
        <f t="shared" si="704"/>
        <v>11.059964886540648</v>
      </c>
      <c r="T2989" s="236" t="e">
        <f t="shared" si="690"/>
        <v>#N/A</v>
      </c>
    </row>
    <row r="2990" spans="1:20" x14ac:dyDescent="0.2">
      <c r="A2990" s="53">
        <f t="shared" si="691"/>
        <v>2978</v>
      </c>
      <c r="B2990" s="239">
        <v>29.803999999999998</v>
      </c>
      <c r="C2990" s="3">
        <f t="shared" si="692"/>
        <v>29.796999999999997</v>
      </c>
      <c r="D2990" s="239">
        <v>7.7183999999999999</v>
      </c>
      <c r="E2990" s="239">
        <v>0.16830000000000001</v>
      </c>
      <c r="F2990" s="239">
        <v>0.15160000000000001</v>
      </c>
      <c r="G2990">
        <f t="shared" si="693"/>
        <v>7.7487199999999996</v>
      </c>
      <c r="H2990" s="235">
        <f t="shared" si="694"/>
        <v>2.1719716288625737</v>
      </c>
      <c r="I2990" s="236">
        <f t="shared" si="695"/>
        <v>20.055177138667936</v>
      </c>
      <c r="J2990" s="237">
        <f t="shared" si="700"/>
        <v>10.055177138667936</v>
      </c>
      <c r="K2990" s="237">
        <f t="shared" si="696"/>
        <v>597.5841132008884</v>
      </c>
      <c r="L2990" s="237">
        <f t="shared" si="701"/>
        <v>299.68449944085916</v>
      </c>
      <c r="M2990" s="236">
        <f t="shared" si="697"/>
        <v>23.862214762997251</v>
      </c>
      <c r="N2990" s="236">
        <f t="shared" si="698"/>
        <v>2.3534722687996923</v>
      </c>
      <c r="O2990" s="236">
        <f t="shared" si="702"/>
        <v>2.6289184311461886</v>
      </c>
      <c r="P2990" s="236" t="str">
        <f t="shared" si="703"/>
        <v>CLAY</v>
      </c>
      <c r="Q2990" s="236">
        <f t="shared" si="699"/>
        <v>595.9279905665926</v>
      </c>
      <c r="R2990" s="238">
        <v>35</v>
      </c>
      <c r="S2990" s="236">
        <f t="shared" si="704"/>
        <v>13.184948757955409</v>
      </c>
      <c r="T2990" s="236" t="e">
        <f t="shared" si="690"/>
        <v>#N/A</v>
      </c>
    </row>
    <row r="2991" spans="1:20" x14ac:dyDescent="0.2">
      <c r="A2991" s="53">
        <f t="shared" si="691"/>
        <v>2979</v>
      </c>
      <c r="B2991" s="239">
        <v>29.814</v>
      </c>
      <c r="C2991" s="3">
        <f t="shared" si="692"/>
        <v>29.806999999999999</v>
      </c>
      <c r="D2991" s="239">
        <v>8.3092000000000006</v>
      </c>
      <c r="E2991" s="239">
        <v>0.16489999999999999</v>
      </c>
      <c r="F2991" s="239">
        <v>0.15079999999999999</v>
      </c>
      <c r="G2991">
        <f t="shared" si="693"/>
        <v>8.339360000000001</v>
      </c>
      <c r="H2991" s="235">
        <f t="shared" si="694"/>
        <v>1.977369966040559</v>
      </c>
      <c r="I2991" s="236">
        <f t="shared" si="695"/>
        <v>20.059958274606689</v>
      </c>
      <c r="J2991" s="237">
        <f t="shared" si="700"/>
        <v>10.059958274606689</v>
      </c>
      <c r="K2991" s="237">
        <f t="shared" si="696"/>
        <v>597.92717629120159</v>
      </c>
      <c r="L2991" s="237">
        <f t="shared" si="701"/>
        <v>299.92759599912381</v>
      </c>
      <c r="M2991" s="236">
        <f t="shared" si="697"/>
        <v>25.811005479240446</v>
      </c>
      <c r="N2991" s="236">
        <f t="shared" si="698"/>
        <v>2.1300966339845981</v>
      </c>
      <c r="O2991" s="236">
        <f t="shared" si="702"/>
        <v>2.5755984520225774</v>
      </c>
      <c r="P2991" s="236" t="str">
        <f t="shared" si="703"/>
        <v>SAND</v>
      </c>
      <c r="Q2991" s="236" t="e">
        <f t="shared" si="699"/>
        <v>#N/A</v>
      </c>
      <c r="R2991" s="238">
        <v>35</v>
      </c>
      <c r="S2991" s="236" t="e">
        <f t="shared" si="704"/>
        <v>#N/A</v>
      </c>
      <c r="T2991" s="236">
        <f t="shared" si="690"/>
        <v>33.129854153096971</v>
      </c>
    </row>
    <row r="2992" spans="1:20" x14ac:dyDescent="0.2">
      <c r="A2992" s="53">
        <f t="shared" si="691"/>
        <v>2980</v>
      </c>
      <c r="B2992" s="239">
        <v>29.823</v>
      </c>
      <c r="C2992" s="3">
        <f t="shared" si="692"/>
        <v>29.815999999999999</v>
      </c>
      <c r="D2992" s="239">
        <v>8.5284999999999993</v>
      </c>
      <c r="E2992" s="239">
        <v>0.16289999999999999</v>
      </c>
      <c r="F2992" s="239">
        <v>0.11700000000000001</v>
      </c>
      <c r="G2992">
        <f t="shared" si="693"/>
        <v>8.5518999999999998</v>
      </c>
      <c r="H2992" s="235">
        <f t="shared" si="694"/>
        <v>1.9048398601480374</v>
      </c>
      <c r="I2992" s="236">
        <f t="shared" si="695"/>
        <v>20.055486334517639</v>
      </c>
      <c r="J2992" s="237">
        <f t="shared" si="700"/>
        <v>10.055486334517639</v>
      </c>
      <c r="K2992" s="237">
        <f t="shared" si="696"/>
        <v>597.97438054997792</v>
      </c>
      <c r="L2992" s="237">
        <f t="shared" si="701"/>
        <v>299.88476895431955</v>
      </c>
      <c r="M2992" s="236">
        <f t="shared" si="697"/>
        <v>26.523273079806252</v>
      </c>
      <c r="N2992" s="236">
        <f t="shared" si="698"/>
        <v>2.0480453023303955</v>
      </c>
      <c r="O2992" s="236">
        <f t="shared" si="702"/>
        <v>2.5559035236112093</v>
      </c>
      <c r="P2992" s="236" t="str">
        <f t="shared" si="703"/>
        <v>SAND</v>
      </c>
      <c r="Q2992" s="236" t="e">
        <f t="shared" si="699"/>
        <v>#N/A</v>
      </c>
      <c r="R2992" s="238">
        <v>35</v>
      </c>
      <c r="S2992" s="236" t="e">
        <f t="shared" si="704"/>
        <v>#N/A</v>
      </c>
      <c r="T2992" s="236">
        <f t="shared" si="690"/>
        <v>33.259898284203956</v>
      </c>
    </row>
    <row r="2993" spans="1:20" x14ac:dyDescent="0.2">
      <c r="A2993" s="53">
        <f t="shared" si="691"/>
        <v>2981</v>
      </c>
      <c r="B2993" s="239">
        <v>29.832999999999998</v>
      </c>
      <c r="C2993" s="3">
        <f t="shared" si="692"/>
        <v>29.825999999999997</v>
      </c>
      <c r="D2993" s="239">
        <v>8.5196000000000005</v>
      </c>
      <c r="E2993" s="239">
        <v>0.155</v>
      </c>
      <c r="F2993" s="239">
        <v>8.9800000000000005E-2</v>
      </c>
      <c r="G2993">
        <f t="shared" si="693"/>
        <v>8.5375600000000009</v>
      </c>
      <c r="H2993" s="235">
        <f t="shared" si="694"/>
        <v>1.8155070066857508</v>
      </c>
      <c r="I2993" s="236">
        <f t="shared" si="695"/>
        <v>19.996539031381744</v>
      </c>
      <c r="J2993" s="237">
        <f t="shared" si="700"/>
        <v>9.9965390313817437</v>
      </c>
      <c r="K2993" s="237">
        <f t="shared" si="696"/>
        <v>596.41677314999185</v>
      </c>
      <c r="L2993" s="237">
        <f t="shared" si="701"/>
        <v>298.22674892321152</v>
      </c>
      <c r="M2993" s="236">
        <f t="shared" si="697"/>
        <v>26.627870422497626</v>
      </c>
      <c r="N2993" s="236">
        <f t="shared" si="698"/>
        <v>1.9518600228229783</v>
      </c>
      <c r="O2993" s="236">
        <f t="shared" si="702"/>
        <v>2.5420669299760958</v>
      </c>
      <c r="P2993" s="236" t="str">
        <f t="shared" si="703"/>
        <v>SAND</v>
      </c>
      <c r="Q2993" s="236" t="e">
        <f t="shared" si="699"/>
        <v>#N/A</v>
      </c>
      <c r="R2993" s="238">
        <v>35</v>
      </c>
      <c r="S2993" s="236" t="e">
        <f t="shared" si="704"/>
        <v>#N/A</v>
      </c>
      <c r="T2993" s="236">
        <f t="shared" si="690"/>
        <v>33.278700783958534</v>
      </c>
    </row>
    <row r="2994" spans="1:20" x14ac:dyDescent="0.2">
      <c r="A2994" s="53">
        <f t="shared" si="691"/>
        <v>2982</v>
      </c>
      <c r="B2994" s="239">
        <v>29.843</v>
      </c>
      <c r="C2994" s="3">
        <f t="shared" si="692"/>
        <v>29.835999999999999</v>
      </c>
      <c r="D2994" s="239">
        <v>8.3181999999999992</v>
      </c>
      <c r="E2994" s="239">
        <v>0.153</v>
      </c>
      <c r="F2994" s="239">
        <v>9.6100000000000005E-2</v>
      </c>
      <c r="G2994">
        <f t="shared" si="693"/>
        <v>8.3374199999999998</v>
      </c>
      <c r="H2994" s="235">
        <f t="shared" si="694"/>
        <v>1.8351000669271791</v>
      </c>
      <c r="I2994" s="236">
        <f t="shared" si="695"/>
        <v>19.972038429375047</v>
      </c>
      <c r="J2994" s="237">
        <f t="shared" si="700"/>
        <v>9.972038429375047</v>
      </c>
      <c r="K2994" s="237">
        <f t="shared" si="696"/>
        <v>595.88573857883387</v>
      </c>
      <c r="L2994" s="237">
        <f t="shared" si="701"/>
        <v>297.59554284783951</v>
      </c>
      <c r="M2994" s="236">
        <f t="shared" si="697"/>
        <v>26.013609570017685</v>
      </c>
      <c r="N2994" s="236">
        <f t="shared" si="698"/>
        <v>1.9763524236074717</v>
      </c>
      <c r="O2994" s="236">
        <f t="shared" si="702"/>
        <v>2.5534379475610014</v>
      </c>
      <c r="P2994" s="236" t="str">
        <f t="shared" si="703"/>
        <v>SAND</v>
      </c>
      <c r="Q2994" s="236" t="e">
        <f t="shared" si="699"/>
        <v>#N/A</v>
      </c>
      <c r="R2994" s="238">
        <v>35</v>
      </c>
      <c r="S2994" s="236" t="e">
        <f t="shared" si="704"/>
        <v>#N/A</v>
      </c>
      <c r="T2994" s="236">
        <f t="shared" si="690"/>
        <v>33.167206795467372</v>
      </c>
    </row>
    <row r="2995" spans="1:20" x14ac:dyDescent="0.2">
      <c r="A2995" s="53">
        <f t="shared" si="691"/>
        <v>2983</v>
      </c>
      <c r="B2995" s="239">
        <v>29.853000000000002</v>
      </c>
      <c r="C2995" s="3">
        <f t="shared" si="692"/>
        <v>29.846</v>
      </c>
      <c r="D2995" s="239">
        <v>7.9562999999999997</v>
      </c>
      <c r="E2995" s="239">
        <v>0.1507</v>
      </c>
      <c r="F2995" s="239">
        <v>8.5800000000000001E-2</v>
      </c>
      <c r="G2995">
        <f t="shared" si="693"/>
        <v>7.9734599999999993</v>
      </c>
      <c r="H2995" s="235">
        <f t="shared" si="694"/>
        <v>1.8900201418204896</v>
      </c>
      <c r="I2995" s="236">
        <f t="shared" si="695"/>
        <v>19.936830973514059</v>
      </c>
      <c r="J2995" s="237">
        <f t="shared" si="700"/>
        <v>9.9368309735140592</v>
      </c>
      <c r="K2995" s="237">
        <f t="shared" si="696"/>
        <v>595.03465723550062</v>
      </c>
      <c r="L2995" s="237">
        <f t="shared" si="701"/>
        <v>296.64421505231525</v>
      </c>
      <c r="M2995" s="236">
        <f t="shared" si="697"/>
        <v>24.872979038081905</v>
      </c>
      <c r="N2995" s="236">
        <f t="shared" si="698"/>
        <v>2.0424412120369406</v>
      </c>
      <c r="O2995" s="236">
        <f t="shared" si="702"/>
        <v>2.5775885697624532</v>
      </c>
      <c r="P2995" s="236" t="str">
        <f t="shared" si="703"/>
        <v>SAND</v>
      </c>
      <c r="Q2995" s="236" t="e">
        <f t="shared" si="699"/>
        <v>#N/A</v>
      </c>
      <c r="R2995" s="238">
        <v>35</v>
      </c>
      <c r="S2995" s="236" t="e">
        <f t="shared" si="704"/>
        <v>#N/A</v>
      </c>
      <c r="T2995" s="236">
        <f t="shared" si="690"/>
        <v>32.953005842453067</v>
      </c>
    </row>
    <row r="2996" spans="1:20" x14ac:dyDescent="0.2">
      <c r="A2996" s="53">
        <f t="shared" si="691"/>
        <v>2984</v>
      </c>
      <c r="B2996" s="239">
        <v>29.861999999999998</v>
      </c>
      <c r="C2996" s="3">
        <f t="shared" si="692"/>
        <v>29.854999999999997</v>
      </c>
      <c r="D2996" s="239">
        <v>7.4653999999999998</v>
      </c>
      <c r="E2996" s="239">
        <v>0.13919999999999999</v>
      </c>
      <c r="F2996" s="239">
        <v>6.93E-2</v>
      </c>
      <c r="G2996">
        <f t="shared" si="693"/>
        <v>7.47926</v>
      </c>
      <c r="H2996" s="235">
        <f t="shared" si="694"/>
        <v>1.8611466909827976</v>
      </c>
      <c r="I2996" s="236">
        <f t="shared" si="695"/>
        <v>19.818741757322996</v>
      </c>
      <c r="J2996" s="237">
        <f t="shared" si="700"/>
        <v>9.8187417573229965</v>
      </c>
      <c r="K2996" s="237">
        <f t="shared" si="696"/>
        <v>591.68853516487798</v>
      </c>
      <c r="L2996" s="237">
        <f t="shared" si="701"/>
        <v>293.20726635717932</v>
      </c>
      <c r="M2996" s="236">
        <f t="shared" si="697"/>
        <v>23.490452847252492</v>
      </c>
      <c r="N2996" s="236">
        <f t="shared" si="698"/>
        <v>2.0210316613147801</v>
      </c>
      <c r="O2996" s="236">
        <f t="shared" si="702"/>
        <v>2.5949239480209276</v>
      </c>
      <c r="P2996" s="236" t="str">
        <f t="shared" si="703"/>
        <v>SAND</v>
      </c>
      <c r="Q2996" s="236" t="e">
        <f t="shared" si="699"/>
        <v>#N/A</v>
      </c>
      <c r="R2996" s="238">
        <v>35</v>
      </c>
      <c r="S2996" s="236" t="e">
        <f t="shared" si="704"/>
        <v>#N/A</v>
      </c>
      <c r="T2996" s="236">
        <f t="shared" si="690"/>
        <v>32.679805280715406</v>
      </c>
    </row>
    <row r="2997" spans="1:20" x14ac:dyDescent="0.2">
      <c r="A2997" s="53">
        <f t="shared" si="691"/>
        <v>2985</v>
      </c>
      <c r="B2997" s="239">
        <v>29.873000000000001</v>
      </c>
      <c r="C2997" s="3">
        <f t="shared" si="692"/>
        <v>29.866</v>
      </c>
      <c r="D2997" s="239">
        <v>6.9424000000000001</v>
      </c>
      <c r="E2997" s="239">
        <v>0.128</v>
      </c>
      <c r="F2997" s="239">
        <v>7.4499999999999997E-2</v>
      </c>
      <c r="G2997">
        <f t="shared" si="693"/>
        <v>6.9573</v>
      </c>
      <c r="H2997" s="235">
        <f t="shared" si="694"/>
        <v>1.8397941730268925</v>
      </c>
      <c r="I2997" s="236">
        <f t="shared" si="695"/>
        <v>19.692106629986021</v>
      </c>
      <c r="J2997" s="237">
        <f t="shared" si="700"/>
        <v>9.6921066299860215</v>
      </c>
      <c r="K2997" s="237">
        <f t="shared" si="696"/>
        <v>588.12445661116249</v>
      </c>
      <c r="L2997" s="237">
        <f t="shared" si="701"/>
        <v>289.53230135757241</v>
      </c>
      <c r="M2997" s="236">
        <f t="shared" si="697"/>
        <v>21.998151893673878</v>
      </c>
      <c r="N2997" s="236">
        <f t="shared" si="698"/>
        <v>2.0096792611229435</v>
      </c>
      <c r="O2997" s="236">
        <f t="shared" si="702"/>
        <v>2.6166114721416704</v>
      </c>
      <c r="P2997" s="236" t="str">
        <f t="shared" si="703"/>
        <v>CLAY</v>
      </c>
      <c r="Q2997" s="236">
        <f t="shared" si="699"/>
        <v>530.76462861573646</v>
      </c>
      <c r="R2997" s="238">
        <v>35</v>
      </c>
      <c r="S2997" s="236">
        <f t="shared" si="704"/>
        <v>11.91030146686243</v>
      </c>
      <c r="T2997" s="236" t="e">
        <f t="shared" si="690"/>
        <v>#N/A</v>
      </c>
    </row>
    <row r="2998" spans="1:20" x14ac:dyDescent="0.2">
      <c r="A2998" s="53">
        <f t="shared" si="691"/>
        <v>2986</v>
      </c>
      <c r="B2998" s="239">
        <v>29.882000000000001</v>
      </c>
      <c r="C2998" s="3">
        <f t="shared" si="692"/>
        <v>29.875</v>
      </c>
      <c r="D2998" s="239">
        <v>6.3784999999999998</v>
      </c>
      <c r="E2998" s="239">
        <v>0.12</v>
      </c>
      <c r="F2998" s="239">
        <v>0.08</v>
      </c>
      <c r="G2998">
        <f t="shared" si="693"/>
        <v>6.3944999999999999</v>
      </c>
      <c r="H2998" s="235">
        <f t="shared" si="694"/>
        <v>1.8766127140511377</v>
      </c>
      <c r="I2998" s="236">
        <f t="shared" si="695"/>
        <v>19.583458351243607</v>
      </c>
      <c r="J2998" s="237">
        <f t="shared" si="700"/>
        <v>9.5834583512436069</v>
      </c>
      <c r="K2998" s="237">
        <f t="shared" si="696"/>
        <v>585.05581824340277</v>
      </c>
      <c r="L2998" s="237">
        <f t="shared" si="701"/>
        <v>286.37290245186148</v>
      </c>
      <c r="M2998" s="236">
        <f t="shared" si="697"/>
        <v>20.286291517170167</v>
      </c>
      <c r="N2998" s="236">
        <f t="shared" si="698"/>
        <v>2.0656020824993222</v>
      </c>
      <c r="O2998" s="236">
        <f t="shared" si="702"/>
        <v>2.65218034489018</v>
      </c>
      <c r="P2998" s="236" t="str">
        <f t="shared" si="703"/>
        <v>CLAY</v>
      </c>
      <c r="Q2998" s="236">
        <f t="shared" si="699"/>
        <v>484.12034847971648</v>
      </c>
      <c r="R2998" s="238">
        <v>35</v>
      </c>
      <c r="S2998" s="236">
        <f t="shared" si="704"/>
        <v>10.763247730667931</v>
      </c>
      <c r="T2998" s="236" t="e">
        <f t="shared" si="690"/>
        <v>#N/A</v>
      </c>
    </row>
    <row r="2999" spans="1:20" x14ac:dyDescent="0.2">
      <c r="A2999" s="53">
        <f t="shared" si="691"/>
        <v>2987</v>
      </c>
      <c r="B2999" s="239">
        <v>29.893000000000001</v>
      </c>
      <c r="C2999" s="3">
        <f t="shared" si="692"/>
        <v>29.885999999999999</v>
      </c>
      <c r="D2999" s="239">
        <v>5.8521999999999998</v>
      </c>
      <c r="E2999" s="239">
        <v>0.1143</v>
      </c>
      <c r="F2999" s="239">
        <v>7.3499999999999996E-2</v>
      </c>
      <c r="G2999">
        <f t="shared" si="693"/>
        <v>5.8669000000000002</v>
      </c>
      <c r="H2999" s="235">
        <f t="shared" si="694"/>
        <v>1.9482179686035213</v>
      </c>
      <c r="I2999" s="236">
        <f t="shared" si="695"/>
        <v>19.492735693694033</v>
      </c>
      <c r="J2999" s="237">
        <f t="shared" si="700"/>
        <v>9.4927356936940335</v>
      </c>
      <c r="K2999" s="237">
        <f t="shared" si="696"/>
        <v>582.5598989417399</v>
      </c>
      <c r="L2999" s="237">
        <f t="shared" si="701"/>
        <v>283.76634809159577</v>
      </c>
      <c r="M2999" s="236">
        <f t="shared" si="697"/>
        <v>18.622152121267565</v>
      </c>
      <c r="N2999" s="236">
        <f t="shared" si="698"/>
        <v>2.1629947697179803</v>
      </c>
      <c r="O2999" s="236">
        <f t="shared" si="702"/>
        <v>2.6940798216487289</v>
      </c>
      <c r="P2999" s="236" t="str">
        <f t="shared" si="703"/>
        <v>CLAY</v>
      </c>
      <c r="Q2999" s="236">
        <f t="shared" si="699"/>
        <v>440.36167508818835</v>
      </c>
      <c r="R2999" s="238">
        <v>35</v>
      </c>
      <c r="S2999" s="236">
        <f t="shared" si="704"/>
        <v>9.6711327843439623</v>
      </c>
      <c r="T2999" s="236" t="e">
        <f t="shared" si="690"/>
        <v>#N/A</v>
      </c>
    </row>
    <row r="3000" spans="1:20" x14ac:dyDescent="0.2">
      <c r="A3000" s="53">
        <f t="shared" si="691"/>
        <v>2988</v>
      </c>
      <c r="B3000" s="239">
        <v>29.902000000000001</v>
      </c>
      <c r="C3000" s="3">
        <f t="shared" si="692"/>
        <v>29.895</v>
      </c>
      <c r="D3000" s="239">
        <v>5.4691999999999998</v>
      </c>
      <c r="E3000" s="239">
        <v>0.1045</v>
      </c>
      <c r="F3000" s="239">
        <v>8.1299999999999997E-2</v>
      </c>
      <c r="G3000">
        <f t="shared" si="693"/>
        <v>5.4854599999999998</v>
      </c>
      <c r="H3000" s="235">
        <f t="shared" si="694"/>
        <v>1.9050362230332554</v>
      </c>
      <c r="I3000" s="236">
        <f t="shared" si="695"/>
        <v>19.361348785864671</v>
      </c>
      <c r="J3000" s="237">
        <f t="shared" si="700"/>
        <v>9.3613487858646707</v>
      </c>
      <c r="K3000" s="237">
        <f t="shared" si="696"/>
        <v>578.80752195342427</v>
      </c>
      <c r="L3000" s="237">
        <f t="shared" si="701"/>
        <v>279.92305139492538</v>
      </c>
      <c r="M3000" s="236">
        <f t="shared" si="697"/>
        <v>17.528575991135853</v>
      </c>
      <c r="N3000" s="236">
        <f t="shared" si="698"/>
        <v>2.1297615934194565</v>
      </c>
      <c r="O3000" s="236">
        <f t="shared" si="702"/>
        <v>2.711739828883021</v>
      </c>
      <c r="P3000" s="236" t="str">
        <f t="shared" si="703"/>
        <v>CLAY</v>
      </c>
      <c r="Q3000" s="236">
        <f t="shared" si="699"/>
        <v>408.88770650388136</v>
      </c>
      <c r="R3000" s="238">
        <v>35</v>
      </c>
      <c r="S3000" s="236">
        <f t="shared" si="704"/>
        <v>8.9665072374650592</v>
      </c>
      <c r="T3000" s="236" t="e">
        <f t="shared" si="690"/>
        <v>#N/A</v>
      </c>
    </row>
    <row r="3001" spans="1:20" x14ac:dyDescent="0.2">
      <c r="A3001" s="53">
        <f t="shared" si="691"/>
        <v>2989</v>
      </c>
      <c r="B3001" s="239">
        <v>29.911999999999999</v>
      </c>
      <c r="C3001" s="3">
        <f t="shared" si="692"/>
        <v>29.904999999999998</v>
      </c>
      <c r="D3001" s="239">
        <v>5.2268999999999997</v>
      </c>
      <c r="E3001" s="239">
        <v>9.7199999999999995E-2</v>
      </c>
      <c r="F3001" s="239">
        <v>9.1200000000000003E-2</v>
      </c>
      <c r="G3001">
        <f t="shared" si="693"/>
        <v>5.2451399999999992</v>
      </c>
      <c r="H3001" s="235">
        <f t="shared" si="694"/>
        <v>1.8531440533522463</v>
      </c>
      <c r="I3001" s="236">
        <f t="shared" si="695"/>
        <v>19.25892334582457</v>
      </c>
      <c r="J3001" s="237">
        <f t="shared" si="700"/>
        <v>9.2589233458245701</v>
      </c>
      <c r="K3001" s="237">
        <f t="shared" si="696"/>
        <v>575.93810265688376</v>
      </c>
      <c r="L3001" s="237">
        <f t="shared" si="701"/>
        <v>276.95291512030451</v>
      </c>
      <c r="M3001" s="236">
        <f t="shared" si="697"/>
        <v>16.859190289854428</v>
      </c>
      <c r="N3001" s="236">
        <f t="shared" si="698"/>
        <v>2.0817262165362576</v>
      </c>
      <c r="O3001" s="236">
        <f t="shared" si="702"/>
        <v>2.720023665850047</v>
      </c>
      <c r="P3001" s="236" t="str">
        <f t="shared" si="703"/>
        <v>CLAY</v>
      </c>
      <c r="Q3001" s="236">
        <f t="shared" si="699"/>
        <v>389.10015811192631</v>
      </c>
      <c r="R3001" s="238">
        <v>35</v>
      </c>
      <c r="S3001" s="236">
        <f t="shared" si="704"/>
        <v>8.540551176270176</v>
      </c>
      <c r="T3001" s="236" t="e">
        <f t="shared" si="690"/>
        <v>#N/A</v>
      </c>
    </row>
    <row r="3002" spans="1:20" x14ac:dyDescent="0.2">
      <c r="A3002" s="53">
        <f t="shared" si="691"/>
        <v>2990</v>
      </c>
      <c r="B3002" s="239">
        <v>29.922000000000001</v>
      </c>
      <c r="C3002" s="3">
        <f t="shared" si="692"/>
        <v>29.914999999999999</v>
      </c>
      <c r="D3002" s="239">
        <v>5.1439000000000004</v>
      </c>
      <c r="E3002" s="239">
        <v>9.6000000000000002E-2</v>
      </c>
      <c r="F3002" s="239">
        <v>0.1056</v>
      </c>
      <c r="G3002">
        <f t="shared" si="693"/>
        <v>5.1650200000000002</v>
      </c>
      <c r="H3002" s="235">
        <f t="shared" si="694"/>
        <v>1.8586568880662611</v>
      </c>
      <c r="I3002" s="236">
        <f t="shared" si="695"/>
        <v>19.238340190370632</v>
      </c>
      <c r="J3002" s="237">
        <f t="shared" si="700"/>
        <v>9.2383401903706321</v>
      </c>
      <c r="K3002" s="237">
        <f t="shared" si="696"/>
        <v>575.51494679493749</v>
      </c>
      <c r="L3002" s="237">
        <f t="shared" si="701"/>
        <v>276.42961517627003</v>
      </c>
      <c r="M3002" s="236">
        <f t="shared" si="697"/>
        <v>16.602797968222351</v>
      </c>
      <c r="N3002" s="236">
        <f t="shared" si="698"/>
        <v>2.0917288223260324</v>
      </c>
      <c r="O3002" s="236">
        <f t="shared" si="702"/>
        <v>2.7266905006464728</v>
      </c>
      <c r="P3002" s="236" t="str">
        <f t="shared" si="703"/>
        <v>CLAY</v>
      </c>
      <c r="Q3002" s="236">
        <f t="shared" si="699"/>
        <v>382.45875443375525</v>
      </c>
      <c r="R3002" s="238">
        <v>35</v>
      </c>
      <c r="S3002" s="236">
        <f t="shared" si="704"/>
        <v>8.378506533964039</v>
      </c>
      <c r="T3002" s="236" t="e">
        <f t="shared" si="690"/>
        <v>#N/A</v>
      </c>
    </row>
    <row r="3003" spans="1:20" x14ac:dyDescent="0.2">
      <c r="A3003" s="53">
        <f t="shared" si="691"/>
        <v>2991</v>
      </c>
      <c r="B3003" s="239">
        <v>29.931999999999999</v>
      </c>
      <c r="C3003" s="3">
        <f t="shared" si="692"/>
        <v>29.924999999999997</v>
      </c>
      <c r="D3003" s="239">
        <v>5.0686999999999998</v>
      </c>
      <c r="E3003" s="239">
        <v>9.2399999999999996E-2</v>
      </c>
      <c r="F3003" s="239">
        <v>0.11600000000000001</v>
      </c>
      <c r="G3003">
        <f t="shared" si="693"/>
        <v>5.0918999999999999</v>
      </c>
      <c r="H3003" s="235">
        <f t="shared" si="694"/>
        <v>1.814646791963707</v>
      </c>
      <c r="I3003" s="236">
        <f t="shared" si="695"/>
        <v>19.187949256023707</v>
      </c>
      <c r="J3003" s="237">
        <f t="shared" si="700"/>
        <v>9.1879492560237068</v>
      </c>
      <c r="K3003" s="237">
        <f t="shared" si="696"/>
        <v>574.19938148650942</v>
      </c>
      <c r="L3003" s="237">
        <f t="shared" si="701"/>
        <v>275.01369713130157</v>
      </c>
      <c r="M3003" s="236">
        <f t="shared" si="697"/>
        <v>16.427184048060614</v>
      </c>
      <c r="N3003" s="236">
        <f t="shared" si="698"/>
        <v>2.0452882517567841</v>
      </c>
      <c r="O3003" s="236">
        <f t="shared" si="702"/>
        <v>2.7250128521882657</v>
      </c>
      <c r="P3003" s="236" t="str">
        <f t="shared" si="703"/>
        <v>CLAY</v>
      </c>
      <c r="Q3003" s="236">
        <f t="shared" si="699"/>
        <v>376.47505154279088</v>
      </c>
      <c r="R3003" s="238">
        <v>35</v>
      </c>
      <c r="S3003" s="236">
        <f t="shared" si="704"/>
        <v>8.2678751969483137</v>
      </c>
      <c r="T3003" s="236" t="e">
        <f t="shared" si="690"/>
        <v>#N/A</v>
      </c>
    </row>
    <row r="3004" spans="1:20" x14ac:dyDescent="0.2">
      <c r="A3004" s="53">
        <f t="shared" si="691"/>
        <v>2992</v>
      </c>
      <c r="B3004" s="239">
        <v>29.940999999999999</v>
      </c>
      <c r="C3004" s="3">
        <f t="shared" si="692"/>
        <v>29.933999999999997</v>
      </c>
      <c r="D3004" s="239">
        <v>5.0148999999999999</v>
      </c>
      <c r="E3004" s="239">
        <v>8.9099999999999999E-2</v>
      </c>
      <c r="F3004" s="239">
        <v>0.12529999999999999</v>
      </c>
      <c r="G3004">
        <f t="shared" si="693"/>
        <v>5.0399599999999998</v>
      </c>
      <c r="H3004" s="235">
        <f t="shared" si="694"/>
        <v>1.7678711735807429</v>
      </c>
      <c r="I3004" s="236">
        <f t="shared" si="695"/>
        <v>19.141297235967269</v>
      </c>
      <c r="J3004" s="237">
        <f t="shared" si="700"/>
        <v>9.1412972359672686</v>
      </c>
      <c r="K3004" s="237">
        <f t="shared" si="696"/>
        <v>572.9755914614442</v>
      </c>
      <c r="L3004" s="237">
        <f t="shared" si="701"/>
        <v>273.69958054209599</v>
      </c>
      <c r="M3004" s="236">
        <f t="shared" si="697"/>
        <v>16.320757232039373</v>
      </c>
      <c r="N3004" s="236">
        <f t="shared" si="698"/>
        <v>1.9946342286238348</v>
      </c>
      <c r="O3004" s="236">
        <f t="shared" si="702"/>
        <v>2.7212507571438245</v>
      </c>
      <c r="P3004" s="236" t="str">
        <f t="shared" si="703"/>
        <v>CLAY</v>
      </c>
      <c r="Q3004" s="236">
        <f t="shared" si="699"/>
        <v>372.24870071154629</v>
      </c>
      <c r="R3004" s="238">
        <v>35</v>
      </c>
      <c r="S3004" s="236">
        <f t="shared" si="704"/>
        <v>8.2009731432272002</v>
      </c>
      <c r="T3004" s="236" t="e">
        <f t="shared" si="690"/>
        <v>#N/A</v>
      </c>
    </row>
    <row r="3005" spans="1:20" x14ac:dyDescent="0.2">
      <c r="A3005" s="53">
        <f t="shared" si="691"/>
        <v>2993</v>
      </c>
      <c r="B3005" s="239">
        <v>29.952000000000002</v>
      </c>
      <c r="C3005" s="3">
        <f t="shared" si="692"/>
        <v>29.945</v>
      </c>
      <c r="D3005" s="239">
        <v>4.9657999999999998</v>
      </c>
      <c r="E3005" s="239">
        <v>9.0499999999999997E-2</v>
      </c>
      <c r="F3005" s="239">
        <v>0.12590000000000001</v>
      </c>
      <c r="G3005">
        <f t="shared" si="693"/>
        <v>4.9909799999999995</v>
      </c>
      <c r="H3005" s="235">
        <f t="shared" si="694"/>
        <v>1.8132711411386144</v>
      </c>
      <c r="I3005" s="236">
        <f t="shared" si="695"/>
        <v>19.155761464833468</v>
      </c>
      <c r="J3005" s="237">
        <f t="shared" si="700"/>
        <v>9.1557614648334678</v>
      </c>
      <c r="K3005" s="237">
        <f t="shared" si="696"/>
        <v>573.61927706443817</v>
      </c>
      <c r="L3005" s="237">
        <f t="shared" si="701"/>
        <v>274.23336739469204</v>
      </c>
      <c r="M3005" s="236">
        <f t="shared" si="697"/>
        <v>16.108035155976655</v>
      </c>
      <c r="N3005" s="236">
        <f t="shared" si="698"/>
        <v>2.0487346557438975</v>
      </c>
      <c r="O3005" s="236">
        <f t="shared" si="702"/>
        <v>2.7324759518271287</v>
      </c>
      <c r="P3005" s="236" t="str">
        <f t="shared" si="703"/>
        <v>CLAY</v>
      </c>
      <c r="Q3005" s="236">
        <f t="shared" si="699"/>
        <v>368.11339357796345</v>
      </c>
      <c r="R3005" s="238">
        <v>35</v>
      </c>
      <c r="S3005" s="236">
        <f t="shared" si="704"/>
        <v>8.0675788667758717</v>
      </c>
      <c r="T3005" s="236" t="e">
        <f t="shared" si="690"/>
        <v>#N/A</v>
      </c>
    </row>
    <row r="3006" spans="1:20" x14ac:dyDescent="0.2">
      <c r="A3006" s="53">
        <f t="shared" si="691"/>
        <v>2994</v>
      </c>
      <c r="B3006" s="239">
        <v>29.960999999999999</v>
      </c>
      <c r="C3006" s="3">
        <f t="shared" si="692"/>
        <v>29.953999999999997</v>
      </c>
      <c r="D3006" s="239">
        <v>4.7838000000000003</v>
      </c>
      <c r="E3006" s="239">
        <v>9.8699999999999996E-2</v>
      </c>
      <c r="F3006" s="239">
        <v>0.13500000000000001</v>
      </c>
      <c r="G3006">
        <f t="shared" si="693"/>
        <v>4.8108000000000004</v>
      </c>
      <c r="H3006" s="235">
        <f t="shared" si="694"/>
        <v>2.0516338238962333</v>
      </c>
      <c r="I3006" s="236">
        <f t="shared" si="695"/>
        <v>19.243094938658839</v>
      </c>
      <c r="J3006" s="237">
        <f t="shared" si="700"/>
        <v>9.2430949386588388</v>
      </c>
      <c r="K3006" s="237">
        <f t="shared" si="696"/>
        <v>576.40766579258684</v>
      </c>
      <c r="L3006" s="237">
        <f t="shared" si="701"/>
        <v>276.93236745715745</v>
      </c>
      <c r="M3006" s="236">
        <f t="shared" si="697"/>
        <v>15.290348228660886</v>
      </c>
      <c r="N3006" s="236">
        <f t="shared" si="698"/>
        <v>2.3309129671961424</v>
      </c>
      <c r="O3006" s="236">
        <f t="shared" si="702"/>
        <v>2.7828271441481429</v>
      </c>
      <c r="P3006" s="236" t="str">
        <f t="shared" si="703"/>
        <v>CLAY</v>
      </c>
      <c r="Q3006" s="236">
        <f t="shared" si="699"/>
        <v>352.86602785061774</v>
      </c>
      <c r="R3006" s="238">
        <v>35</v>
      </c>
      <c r="S3006" s="236">
        <f t="shared" si="704"/>
        <v>7.558954463459294</v>
      </c>
      <c r="T3006" s="236" t="e">
        <f t="shared" si="690"/>
        <v>#N/A</v>
      </c>
    </row>
    <row r="3007" spans="1:20" x14ac:dyDescent="0.2">
      <c r="A3007" s="53">
        <f t="shared" si="691"/>
        <v>2995</v>
      </c>
      <c r="B3007" s="239">
        <v>29.971</v>
      </c>
      <c r="C3007" s="3">
        <f t="shared" si="692"/>
        <v>29.963999999999999</v>
      </c>
      <c r="D3007" s="239">
        <v>4.5522999999999998</v>
      </c>
      <c r="E3007" s="239">
        <v>0.1086</v>
      </c>
      <c r="F3007" s="239">
        <v>0.1447</v>
      </c>
      <c r="G3007">
        <f t="shared" si="693"/>
        <v>4.5812400000000002</v>
      </c>
      <c r="H3007" s="235">
        <f t="shared" si="694"/>
        <v>2.3705372344605391</v>
      </c>
      <c r="I3007" s="236">
        <f t="shared" si="695"/>
        <v>19.336068322166625</v>
      </c>
      <c r="J3007" s="237">
        <f t="shared" si="700"/>
        <v>9.336068322166625</v>
      </c>
      <c r="K3007" s="237">
        <f t="shared" si="696"/>
        <v>579.38595120540072</v>
      </c>
      <c r="L3007" s="237">
        <f t="shared" si="701"/>
        <v>279.81130368365592</v>
      </c>
      <c r="M3007" s="236">
        <f t="shared" si="697"/>
        <v>14.301974209444177</v>
      </c>
      <c r="N3007" s="236">
        <f t="shared" si="698"/>
        <v>2.7137421474106853</v>
      </c>
      <c r="O3007" s="236">
        <f t="shared" si="702"/>
        <v>2.8445879787031858</v>
      </c>
      <c r="P3007" s="236" t="str">
        <f t="shared" si="703"/>
        <v>CLAY</v>
      </c>
      <c r="Q3007" s="236">
        <f t="shared" si="699"/>
        <v>333.48783739954996</v>
      </c>
      <c r="R3007" s="238">
        <v>35</v>
      </c>
      <c r="S3007" s="236">
        <f t="shared" si="704"/>
        <v>6.9532044086196469</v>
      </c>
      <c r="T3007" s="236" t="e">
        <f t="shared" si="690"/>
        <v>#N/A</v>
      </c>
    </row>
    <row r="3008" spans="1:20" x14ac:dyDescent="0.2">
      <c r="A3008" s="53">
        <f t="shared" si="691"/>
        <v>2996</v>
      </c>
      <c r="B3008" s="239">
        <v>29.981000000000002</v>
      </c>
      <c r="C3008" s="3">
        <f t="shared" si="692"/>
        <v>29.974</v>
      </c>
      <c r="D3008" s="239">
        <v>4.2342000000000004</v>
      </c>
      <c r="E3008" s="239">
        <v>0.1201</v>
      </c>
      <c r="F3008" s="239">
        <v>0.1464</v>
      </c>
      <c r="G3008">
        <f t="shared" si="693"/>
        <v>4.2634800000000004</v>
      </c>
      <c r="H3008" s="235">
        <f t="shared" si="694"/>
        <v>2.8169476577819057</v>
      </c>
      <c r="I3008" s="236">
        <f t="shared" si="695"/>
        <v>19.425996981412744</v>
      </c>
      <c r="J3008" s="237">
        <f t="shared" si="700"/>
        <v>9.4259969814127444</v>
      </c>
      <c r="K3008" s="237">
        <f t="shared" si="696"/>
        <v>582.27483352086563</v>
      </c>
      <c r="L3008" s="237">
        <f t="shared" si="701"/>
        <v>282.60081549973552</v>
      </c>
      <c r="M3008" s="236">
        <f t="shared" si="697"/>
        <v>13.026166113390355</v>
      </c>
      <c r="N3008" s="236">
        <f t="shared" si="698"/>
        <v>3.2625185114273014</v>
      </c>
      <c r="O3008" s="236">
        <f t="shared" si="702"/>
        <v>2.9243964746087006</v>
      </c>
      <c r="P3008" s="236" t="str">
        <f t="shared" si="703"/>
        <v>CLAY</v>
      </c>
      <c r="Q3008" s="236">
        <f t="shared" si="699"/>
        <v>306.76709720659454</v>
      </c>
      <c r="R3008" s="238">
        <v>35</v>
      </c>
      <c r="S3008" s="236">
        <f t="shared" si="704"/>
        <v>6.1867244553775986</v>
      </c>
      <c r="T3008" s="236" t="e">
        <f t="shared" si="690"/>
        <v>#N/A</v>
      </c>
    </row>
    <row r="3009" spans="1:20" x14ac:dyDescent="0.2">
      <c r="A3009" s="53">
        <f t="shared" si="691"/>
        <v>2997</v>
      </c>
      <c r="B3009" s="239">
        <v>29.991</v>
      </c>
      <c r="C3009" s="3">
        <f t="shared" si="692"/>
        <v>29.983999999999998</v>
      </c>
      <c r="D3009" s="239">
        <v>3.9634</v>
      </c>
      <c r="E3009" s="239">
        <v>0.13020000000000001</v>
      </c>
      <c r="F3009" s="239">
        <v>0.15210000000000001</v>
      </c>
      <c r="G3009">
        <f t="shared" si="693"/>
        <v>3.9938199999999999</v>
      </c>
      <c r="H3009" s="235">
        <f t="shared" si="694"/>
        <v>3.2600367567892397</v>
      </c>
      <c r="I3009" s="236">
        <f t="shared" si="695"/>
        <v>19.495142350544079</v>
      </c>
      <c r="J3009" s="237">
        <f t="shared" si="700"/>
        <v>9.4951423505440786</v>
      </c>
      <c r="K3009" s="237">
        <f t="shared" si="696"/>
        <v>584.54234823871366</v>
      </c>
      <c r="L3009" s="237">
        <f t="shared" si="701"/>
        <v>284.76881423516744</v>
      </c>
      <c r="M3009" s="236">
        <f t="shared" si="697"/>
        <v>11.972089222332613</v>
      </c>
      <c r="N3009" s="236">
        <f t="shared" si="698"/>
        <v>3.8189908038946805</v>
      </c>
      <c r="O3009" s="236">
        <f t="shared" si="702"/>
        <v>2.9946401813121244</v>
      </c>
      <c r="P3009" s="236" t="str">
        <f t="shared" si="703"/>
        <v>CLAY</v>
      </c>
      <c r="Q3009" s="236">
        <f t="shared" si="699"/>
        <v>284.10647098010719</v>
      </c>
      <c r="R3009" s="238">
        <v>35</v>
      </c>
      <c r="S3009" s="236">
        <f t="shared" si="704"/>
        <v>5.5674001862745941</v>
      </c>
      <c r="T3009" s="236" t="e">
        <f t="shared" si="690"/>
        <v>#N/A</v>
      </c>
    </row>
    <row r="3010" spans="1:20" x14ac:dyDescent="0.2">
      <c r="A3010" s="53">
        <f t="shared" si="691"/>
        <v>2998</v>
      </c>
      <c r="B3010" s="239">
        <v>30</v>
      </c>
      <c r="C3010" s="3">
        <f t="shared" si="692"/>
        <v>29.992999999999999</v>
      </c>
      <c r="D3010" s="239">
        <v>3.6852999999999998</v>
      </c>
      <c r="E3010" s="239">
        <v>0.13800000000000001</v>
      </c>
      <c r="F3010" s="239">
        <v>0.16600000000000001</v>
      </c>
      <c r="G3010">
        <f t="shared" si="693"/>
        <v>3.7184999999999997</v>
      </c>
      <c r="H3010" s="235">
        <f t="shared" si="694"/>
        <v>3.7111738604275928</v>
      </c>
      <c r="I3010" s="236">
        <f t="shared" si="695"/>
        <v>19.535447594906977</v>
      </c>
      <c r="J3010" s="237">
        <f t="shared" si="700"/>
        <v>9.5354475949069766</v>
      </c>
      <c r="K3010" s="237">
        <f t="shared" si="696"/>
        <v>585.92667971404489</v>
      </c>
      <c r="L3010" s="237">
        <f t="shared" si="701"/>
        <v>286.06342784720931</v>
      </c>
      <c r="M3010" s="236">
        <f t="shared" si="697"/>
        <v>10.950624985026426</v>
      </c>
      <c r="N3010" s="236">
        <f t="shared" si="698"/>
        <v>4.4053238628554352</v>
      </c>
      <c r="O3010" s="236">
        <f t="shared" si="702"/>
        <v>3.0630116917675902</v>
      </c>
      <c r="P3010" s="236" t="str">
        <f t="shared" si="703"/>
        <v>CLAY</v>
      </c>
      <c r="Q3010" s="236">
        <f t="shared" si="699"/>
        <v>261.04777669049622</v>
      </c>
      <c r="R3010" s="238">
        <v>35</v>
      </c>
      <c r="S3010" s="236">
        <f t="shared" si="704"/>
        <v>4.9801066302041441</v>
      </c>
      <c r="T3010" s="236" t="e">
        <f t="shared" si="690"/>
        <v>#N/A</v>
      </c>
    </row>
    <row r="3011" spans="1:20" x14ac:dyDescent="0.2">
      <c r="A3011" s="53">
        <f t="shared" si="691"/>
        <v>2999</v>
      </c>
      <c r="B3011" s="239">
        <v>30.01</v>
      </c>
      <c r="C3011" s="3">
        <f t="shared" si="692"/>
        <v>30.003</v>
      </c>
      <c r="D3011" s="239">
        <v>3.3946000000000001</v>
      </c>
      <c r="E3011" s="239">
        <v>0.14530000000000001</v>
      </c>
      <c r="F3011" s="239">
        <v>0.1777</v>
      </c>
      <c r="G3011">
        <f t="shared" si="693"/>
        <v>3.4301400000000002</v>
      </c>
      <c r="H3011" s="235">
        <f t="shared" si="694"/>
        <v>4.2359787064084848</v>
      </c>
      <c r="I3011" s="236">
        <f t="shared" si="695"/>
        <v>19.564340874374906</v>
      </c>
      <c r="J3011" s="237">
        <f t="shared" si="700"/>
        <v>9.5643408743749063</v>
      </c>
      <c r="K3011" s="237">
        <f t="shared" si="696"/>
        <v>586.98891925387034</v>
      </c>
      <c r="L3011" s="237">
        <f t="shared" si="701"/>
        <v>287.02586963999096</v>
      </c>
      <c r="M3011" s="236">
        <f t="shared" si="697"/>
        <v>9.9055568904371576</v>
      </c>
      <c r="N3011" s="236">
        <f t="shared" si="698"/>
        <v>5.1105268722430619</v>
      </c>
      <c r="O3011" s="236">
        <f t="shared" si="702"/>
        <v>3.1369180892630864</v>
      </c>
      <c r="P3011" s="236" t="str">
        <f t="shared" si="703"/>
        <v>CLAY</v>
      </c>
      <c r="Q3011" s="236">
        <f t="shared" si="699"/>
        <v>236.92925672884417</v>
      </c>
      <c r="R3011" s="238">
        <v>35</v>
      </c>
      <c r="S3011" s="236">
        <f t="shared" si="704"/>
        <v>4.3932774313390519</v>
      </c>
      <c r="T3011" s="236" t="e">
        <f t="shared" si="690"/>
        <v>#N/A</v>
      </c>
    </row>
    <row r="3012" spans="1:20" x14ac:dyDescent="0.2">
      <c r="A3012" s="53">
        <f t="shared" si="691"/>
        <v>3000</v>
      </c>
      <c r="B3012" s="239">
        <v>30.021000000000001</v>
      </c>
      <c r="C3012" s="3">
        <f t="shared" si="692"/>
        <v>30.013999999999999</v>
      </c>
      <c r="D3012" s="239">
        <v>3.0958999999999999</v>
      </c>
      <c r="E3012" s="239">
        <v>0.15670000000000001</v>
      </c>
      <c r="F3012" s="239">
        <v>0.1875</v>
      </c>
      <c r="G3012">
        <f t="shared" si="693"/>
        <v>3.1334</v>
      </c>
      <c r="H3012" s="235">
        <f t="shared" si="694"/>
        <v>5.0009574264377354</v>
      </c>
      <c r="I3012" s="236">
        <f t="shared" si="695"/>
        <v>19.617543600028554</v>
      </c>
      <c r="J3012" s="237">
        <f t="shared" si="700"/>
        <v>9.6175436000285544</v>
      </c>
      <c r="K3012" s="237">
        <f t="shared" si="696"/>
        <v>588.800953611257</v>
      </c>
      <c r="L3012" s="237">
        <f t="shared" si="701"/>
        <v>288.72827641645722</v>
      </c>
      <c r="M3012" s="236">
        <f t="shared" si="697"/>
        <v>8.8131272695939646</v>
      </c>
      <c r="N3012" s="236">
        <f t="shared" si="698"/>
        <v>6.1581411115588649</v>
      </c>
      <c r="O3012" s="236">
        <f t="shared" si="702"/>
        <v>3.2268957446894606</v>
      </c>
      <c r="P3012" s="236" t="str">
        <f t="shared" si="703"/>
        <v>CLAY</v>
      </c>
      <c r="Q3012" s="236">
        <f t="shared" si="699"/>
        <v>212.04992053239525</v>
      </c>
      <c r="R3012" s="238">
        <v>35</v>
      </c>
      <c r="S3012" s="236">
        <f t="shared" si="704"/>
        <v>3.7962303845207037</v>
      </c>
      <c r="T3012" s="236" t="e">
        <f t="shared" si="690"/>
        <v>#N/A</v>
      </c>
    </row>
    <row r="3013" spans="1:20" x14ac:dyDescent="0.2">
      <c r="A3013" s="53">
        <f t="shared" si="691"/>
        <v>3001</v>
      </c>
      <c r="B3013" s="239">
        <v>30.03</v>
      </c>
      <c r="C3013" s="3">
        <f t="shared" si="692"/>
        <v>30.023</v>
      </c>
      <c r="D3013" s="239">
        <v>2.8271000000000002</v>
      </c>
      <c r="E3013" s="239">
        <v>0.16020000000000001</v>
      </c>
      <c r="F3013" s="239">
        <v>0.20280000000000001</v>
      </c>
      <c r="G3013">
        <f t="shared" si="693"/>
        <v>2.8676600000000003</v>
      </c>
      <c r="H3013" s="235">
        <f t="shared" si="694"/>
        <v>5.5864363278770837</v>
      </c>
      <c r="I3013" s="236">
        <f t="shared" si="695"/>
        <v>19.608806728793091</v>
      </c>
      <c r="J3013" s="237">
        <f t="shared" si="700"/>
        <v>9.6088067287930912</v>
      </c>
      <c r="K3013" s="237">
        <f t="shared" si="696"/>
        <v>588.715204418555</v>
      </c>
      <c r="L3013" s="237">
        <f t="shared" si="701"/>
        <v>288.55246606565652</v>
      </c>
      <c r="M3013" s="236">
        <f t="shared" si="697"/>
        <v>7.8978524309783573</v>
      </c>
      <c r="N3013" s="236">
        <f t="shared" si="698"/>
        <v>7.0295691370236515</v>
      </c>
      <c r="O3013" s="236">
        <f t="shared" si="702"/>
        <v>3.2999854768220649</v>
      </c>
      <c r="P3013" s="236" t="str">
        <f t="shared" si="703"/>
        <v>CLAY</v>
      </c>
      <c r="Q3013" s="236">
        <f t="shared" si="699"/>
        <v>189.91206629845377</v>
      </c>
      <c r="R3013" s="238">
        <v>35</v>
      </c>
      <c r="S3013" s="236">
        <f t="shared" si="704"/>
        <v>3.3099869169595939</v>
      </c>
      <c r="T3013" s="236" t="e">
        <f t="shared" si="690"/>
        <v>#N/A</v>
      </c>
    </row>
    <row r="3014" spans="1:20" x14ac:dyDescent="0.2">
      <c r="A3014" s="53">
        <f t="shared" si="691"/>
        <v>3002</v>
      </c>
      <c r="B3014" s="239">
        <v>30.04</v>
      </c>
      <c r="C3014" s="3">
        <f t="shared" si="692"/>
        <v>30.032999999999998</v>
      </c>
      <c r="D3014" s="239">
        <v>2.6518000000000002</v>
      </c>
      <c r="E3014" s="239">
        <v>0.16059999999999999</v>
      </c>
      <c r="F3014" s="239">
        <v>0.219</v>
      </c>
      <c r="G3014">
        <f t="shared" si="693"/>
        <v>2.6956000000000002</v>
      </c>
      <c r="H3014" s="235">
        <f t="shared" si="694"/>
        <v>5.9578572488499768</v>
      </c>
      <c r="I3014" s="236">
        <f t="shared" si="695"/>
        <v>19.587545917857373</v>
      </c>
      <c r="J3014" s="237">
        <f t="shared" si="700"/>
        <v>9.5875459178573728</v>
      </c>
      <c r="K3014" s="237">
        <f t="shared" si="696"/>
        <v>588.27276655101048</v>
      </c>
      <c r="L3014" s="237">
        <f t="shared" si="701"/>
        <v>288.00987937243548</v>
      </c>
      <c r="M3014" s="236">
        <f t="shared" si="697"/>
        <v>7.3168574565594415</v>
      </c>
      <c r="N3014" s="236">
        <f t="shared" si="698"/>
        <v>7.621028070574094</v>
      </c>
      <c r="O3014" s="236">
        <f t="shared" si="702"/>
        <v>3.3478359175878403</v>
      </c>
      <c r="P3014" s="236" t="str">
        <f t="shared" si="703"/>
        <v>CLAY</v>
      </c>
      <c r="Q3014" s="236">
        <f t="shared" si="699"/>
        <v>175.61060278741581</v>
      </c>
      <c r="R3014" s="238">
        <v>35</v>
      </c>
      <c r="S3014" s="236">
        <f t="shared" si="704"/>
        <v>3.0084704609693396</v>
      </c>
      <c r="T3014" s="236" t="e">
        <f t="shared" si="690"/>
        <v>#N/A</v>
      </c>
    </row>
    <row r="3015" spans="1:20" x14ac:dyDescent="0.2">
      <c r="A3015" s="53">
        <f t="shared" si="691"/>
        <v>3003</v>
      </c>
      <c r="B3015" s="239">
        <v>30.050999999999998</v>
      </c>
      <c r="C3015" s="3">
        <f t="shared" si="692"/>
        <v>30.043999999999997</v>
      </c>
      <c r="D3015" s="239">
        <v>2.5634999999999999</v>
      </c>
      <c r="E3015" s="239">
        <v>0.1575</v>
      </c>
      <c r="F3015" s="239">
        <v>0.2387</v>
      </c>
      <c r="G3015">
        <f t="shared" si="693"/>
        <v>2.61124</v>
      </c>
      <c r="H3015" s="235">
        <f t="shared" si="694"/>
        <v>6.0316171627272865</v>
      </c>
      <c r="I3015" s="236">
        <f t="shared" si="695"/>
        <v>19.552262672158026</v>
      </c>
      <c r="J3015" s="237">
        <f t="shared" si="700"/>
        <v>9.5522626721580259</v>
      </c>
      <c r="K3015" s="237">
        <f t="shared" si="696"/>
        <v>587.42817972231569</v>
      </c>
      <c r="L3015" s="237">
        <f t="shared" si="701"/>
        <v>287.05504556102085</v>
      </c>
      <c r="M3015" s="236">
        <f t="shared" si="697"/>
        <v>7.0502569161337787</v>
      </c>
      <c r="N3015" s="236">
        <f t="shared" si="698"/>
        <v>7.7823441103525957</v>
      </c>
      <c r="O3015" s="236">
        <f t="shared" si="702"/>
        <v>3.3660951512391759</v>
      </c>
      <c r="P3015" s="236" t="str">
        <f t="shared" si="703"/>
        <v>CLAY</v>
      </c>
      <c r="Q3015" s="236">
        <f t="shared" si="699"/>
        <v>168.65098502314035</v>
      </c>
      <c r="R3015" s="238">
        <v>35</v>
      </c>
      <c r="S3015" s="236">
        <f t="shared" si="704"/>
        <v>2.8720777185213482</v>
      </c>
      <c r="T3015" s="236" t="e">
        <f t="shared" si="690"/>
        <v>#N/A</v>
      </c>
    </row>
    <row r="3016" spans="1:20" x14ac:dyDescent="0.2">
      <c r="A3016" s="53">
        <f t="shared" si="691"/>
        <v>3004</v>
      </c>
      <c r="B3016" s="239">
        <v>30.06</v>
      </c>
      <c r="C3016" s="3">
        <f t="shared" si="692"/>
        <v>30.052999999999997</v>
      </c>
      <c r="D3016" s="239">
        <v>2.4746999999999999</v>
      </c>
      <c r="E3016" s="239">
        <v>0.15010000000000001</v>
      </c>
      <c r="F3016" s="239">
        <v>0.2646</v>
      </c>
      <c r="G3016">
        <f t="shared" si="693"/>
        <v>2.5276199999999998</v>
      </c>
      <c r="H3016" s="235">
        <f t="shared" si="694"/>
        <v>5.9383926381338981</v>
      </c>
      <c r="I3016" s="236">
        <f t="shared" si="695"/>
        <v>19.483111528225862</v>
      </c>
      <c r="J3016" s="237">
        <f t="shared" si="700"/>
        <v>9.4831115282258622</v>
      </c>
      <c r="K3016" s="237">
        <f t="shared" si="696"/>
        <v>585.52595075777174</v>
      </c>
      <c r="L3016" s="237">
        <f t="shared" si="701"/>
        <v>285.06233253846943</v>
      </c>
      <c r="M3016" s="236">
        <f t="shared" si="697"/>
        <v>6.8128750366558544</v>
      </c>
      <c r="N3016" s="236">
        <f t="shared" si="698"/>
        <v>7.7287709139815588</v>
      </c>
      <c r="O3016" s="236">
        <f t="shared" si="702"/>
        <v>3.3758193172561795</v>
      </c>
      <c r="P3016" s="236" t="str">
        <f t="shared" si="703"/>
        <v>CLAY</v>
      </c>
      <c r="Q3016" s="236">
        <f t="shared" si="699"/>
        <v>161.8411707701857</v>
      </c>
      <c r="R3016" s="238">
        <v>35</v>
      </c>
      <c r="S3016" s="236">
        <f t="shared" si="704"/>
        <v>2.7517123786522029</v>
      </c>
      <c r="T3016" s="236" t="e">
        <f t="shared" si="690"/>
        <v>#N/A</v>
      </c>
    </row>
    <row r="3017" spans="1:20" x14ac:dyDescent="0.2">
      <c r="A3017" s="53">
        <f t="shared" si="691"/>
        <v>3005</v>
      </c>
      <c r="B3017" s="239">
        <v>30.068999999999999</v>
      </c>
      <c r="C3017" s="3">
        <f t="shared" si="692"/>
        <v>30.061999999999998</v>
      </c>
      <c r="D3017" s="239">
        <v>2.3845999999999998</v>
      </c>
      <c r="E3017" s="239">
        <v>0.13950000000000001</v>
      </c>
      <c r="F3017" s="239">
        <v>0.28079999999999999</v>
      </c>
      <c r="G3017">
        <f t="shared" si="693"/>
        <v>2.44076</v>
      </c>
      <c r="H3017" s="235">
        <f t="shared" si="694"/>
        <v>5.7154328979498192</v>
      </c>
      <c r="I3017" s="236">
        <f t="shared" si="695"/>
        <v>19.383565984523546</v>
      </c>
      <c r="J3017" s="237">
        <f t="shared" si="700"/>
        <v>9.3835659845235462</v>
      </c>
      <c r="K3017" s="237">
        <f t="shared" si="696"/>
        <v>582.70876062674677</v>
      </c>
      <c r="L3017" s="237">
        <f t="shared" si="701"/>
        <v>282.15444558863851</v>
      </c>
      <c r="M3017" s="236">
        <f t="shared" si="697"/>
        <v>6.585227588730473</v>
      </c>
      <c r="N3017" s="236">
        <f t="shared" si="698"/>
        <v>7.5078661472788717</v>
      </c>
      <c r="O3017" s="236">
        <f t="shared" si="702"/>
        <v>3.3795364108002763</v>
      </c>
      <c r="P3017" s="236" t="str">
        <f t="shared" si="703"/>
        <v>CLAY</v>
      </c>
      <c r="Q3017" s="236">
        <f t="shared" si="699"/>
        <v>154.83760328110444</v>
      </c>
      <c r="R3017" s="238">
        <v>35</v>
      </c>
      <c r="S3017" s="236">
        <f t="shared" si="704"/>
        <v>2.6372633225257736</v>
      </c>
      <c r="T3017" s="236" t="e">
        <f t="shared" si="690"/>
        <v>#N/A</v>
      </c>
    </row>
    <row r="3018" spans="1:20" x14ac:dyDescent="0.2">
      <c r="A3018" s="53">
        <f t="shared" si="691"/>
        <v>3006</v>
      </c>
      <c r="B3018" s="239">
        <v>30.08</v>
      </c>
      <c r="C3018" s="3">
        <f t="shared" si="692"/>
        <v>30.072999999999997</v>
      </c>
      <c r="D3018" s="239">
        <v>2.2778</v>
      </c>
      <c r="E3018" s="239">
        <v>0.1338</v>
      </c>
      <c r="F3018" s="239">
        <v>0.29239999999999999</v>
      </c>
      <c r="G3018">
        <f t="shared" si="693"/>
        <v>2.3362799999999999</v>
      </c>
      <c r="H3018" s="235">
        <f t="shared" si="694"/>
        <v>5.7270532641635423</v>
      </c>
      <c r="I3018" s="236">
        <f t="shared" si="695"/>
        <v>19.317546962697993</v>
      </c>
      <c r="J3018" s="237">
        <f t="shared" si="700"/>
        <v>9.3175469626979925</v>
      </c>
      <c r="K3018" s="237">
        <f t="shared" si="696"/>
        <v>580.93658980921668</v>
      </c>
      <c r="L3018" s="237">
        <f t="shared" si="701"/>
        <v>280.27181263795558</v>
      </c>
      <c r="M3018" s="236">
        <f t="shared" si="697"/>
        <v>6.2630037379401715</v>
      </c>
      <c r="N3018" s="236">
        <f t="shared" si="698"/>
        <v>7.6224401005076086</v>
      </c>
      <c r="O3018" s="236">
        <f t="shared" si="702"/>
        <v>3.4007190649162582</v>
      </c>
      <c r="P3018" s="236" t="str">
        <f t="shared" si="703"/>
        <v>CLAY</v>
      </c>
      <c r="Q3018" s="236">
        <f t="shared" si="699"/>
        <v>146.27861751589859</v>
      </c>
      <c r="R3018" s="238">
        <v>35</v>
      </c>
      <c r="S3018" s="236">
        <f t="shared" si="704"/>
        <v>2.4769563156120329</v>
      </c>
      <c r="T3018" s="236" t="e">
        <f t="shared" si="690"/>
        <v>#N/A</v>
      </c>
    </row>
    <row r="3019" spans="1:20" x14ac:dyDescent="0.2">
      <c r="A3019" s="53">
        <f t="shared" si="691"/>
        <v>3007</v>
      </c>
      <c r="B3019" s="239">
        <v>30.09</v>
      </c>
      <c r="C3019" s="3">
        <f t="shared" si="692"/>
        <v>30.082999999999998</v>
      </c>
      <c r="D3019" s="239">
        <v>2.2084000000000001</v>
      </c>
      <c r="E3019" s="239">
        <v>0.12720000000000001</v>
      </c>
      <c r="F3019" s="239">
        <v>0.31130000000000002</v>
      </c>
      <c r="G3019">
        <f t="shared" si="693"/>
        <v>2.2706600000000003</v>
      </c>
      <c r="H3019" s="235">
        <f t="shared" si="694"/>
        <v>5.6018954841323669</v>
      </c>
      <c r="I3019" s="236">
        <f t="shared" si="695"/>
        <v>19.247095153460176</v>
      </c>
      <c r="J3019" s="237">
        <f t="shared" si="700"/>
        <v>9.247095153460176</v>
      </c>
      <c r="K3019" s="237">
        <f t="shared" si="696"/>
        <v>579.01036350154243</v>
      </c>
      <c r="L3019" s="237">
        <f t="shared" si="701"/>
        <v>278.24509316761669</v>
      </c>
      <c r="M3019" s="236">
        <f t="shared" si="697"/>
        <v>6.0797105790447734</v>
      </c>
      <c r="N3019" s="236">
        <f t="shared" si="698"/>
        <v>7.5192875200381941</v>
      </c>
      <c r="O3019" s="236">
        <f t="shared" si="702"/>
        <v>3.4072249364998073</v>
      </c>
      <c r="P3019" s="236" t="str">
        <f t="shared" si="703"/>
        <v>CLAY</v>
      </c>
      <c r="Q3019" s="236">
        <f t="shared" si="699"/>
        <v>140.97080304153815</v>
      </c>
      <c r="R3019" s="238">
        <v>35</v>
      </c>
      <c r="S3019" s="236">
        <f t="shared" si="704"/>
        <v>2.3866769591136681</v>
      </c>
      <c r="T3019" s="236" t="e">
        <f t="shared" si="690"/>
        <v>#N/A</v>
      </c>
    </row>
    <row r="3020" spans="1:20" x14ac:dyDescent="0.2">
      <c r="A3020" s="53">
        <f t="shared" si="691"/>
        <v>3008</v>
      </c>
      <c r="B3020" s="239">
        <v>30.099</v>
      </c>
      <c r="C3020" s="3">
        <f t="shared" si="692"/>
        <v>30.091999999999999</v>
      </c>
      <c r="D3020" s="239">
        <v>2.0268999999999999</v>
      </c>
      <c r="E3020" s="239">
        <v>0.1108</v>
      </c>
      <c r="F3020" s="239">
        <v>0.31609999999999999</v>
      </c>
      <c r="G3020">
        <f t="shared" si="693"/>
        <v>2.0901199999999998</v>
      </c>
      <c r="H3020" s="235">
        <f t="shared" si="694"/>
        <v>5.3011310355386296</v>
      </c>
      <c r="I3020" s="236">
        <f t="shared" si="695"/>
        <v>19.052854506309206</v>
      </c>
      <c r="J3020" s="237">
        <f t="shared" si="700"/>
        <v>9.0528545063092061</v>
      </c>
      <c r="K3020" s="237">
        <f t="shared" si="696"/>
        <v>573.33849780385663</v>
      </c>
      <c r="L3020" s="237">
        <f t="shared" si="701"/>
        <v>272.48186778540082</v>
      </c>
      <c r="M3020" s="236">
        <f t="shared" si="697"/>
        <v>5.5665410492221019</v>
      </c>
      <c r="N3020" s="236">
        <f t="shared" si="698"/>
        <v>7.3049414064961251</v>
      </c>
      <c r="O3020" s="236">
        <f t="shared" si="702"/>
        <v>3.429853281285431</v>
      </c>
      <c r="P3020" s="236" t="str">
        <f t="shared" si="703"/>
        <v>CLAY</v>
      </c>
      <c r="Q3020" s="236">
        <f t="shared" si="699"/>
        <v>126.39845851634527</v>
      </c>
      <c r="R3020" s="238">
        <v>35</v>
      </c>
      <c r="S3020" s="236">
        <f t="shared" si="704"/>
        <v>2.137577053275511</v>
      </c>
      <c r="T3020" s="236" t="e">
        <f t="shared" si="690"/>
        <v>#N/A</v>
      </c>
    </row>
    <row r="3021" spans="1:20" x14ac:dyDescent="0.2">
      <c r="A3021" s="53">
        <f t="shared" si="691"/>
        <v>3009</v>
      </c>
      <c r="B3021" s="239">
        <v>30.11</v>
      </c>
      <c r="C3021" s="3">
        <f t="shared" si="692"/>
        <v>30.102999999999998</v>
      </c>
      <c r="D3021" s="239">
        <v>1.9005000000000001</v>
      </c>
      <c r="E3021" s="239">
        <v>8.6099999999999996E-2</v>
      </c>
      <c r="F3021" s="239">
        <v>0.32379999999999998</v>
      </c>
      <c r="G3021">
        <f t="shared" si="693"/>
        <v>1.96526</v>
      </c>
      <c r="H3021" s="235">
        <f t="shared" si="694"/>
        <v>4.3810997018206237</v>
      </c>
      <c r="I3021" s="236">
        <f t="shared" si="695"/>
        <v>18.733029576637264</v>
      </c>
      <c r="J3021" s="237">
        <f t="shared" si="700"/>
        <v>8.7330295766372643</v>
      </c>
      <c r="K3021" s="237">
        <f t="shared" si="696"/>
        <v>563.92038934551158</v>
      </c>
      <c r="L3021" s="237">
        <f t="shared" si="701"/>
        <v>262.951520552548</v>
      </c>
      <c r="M3021" s="236">
        <f t="shared" si="697"/>
        <v>5.329269850616611</v>
      </c>
      <c r="N3021" s="236">
        <f t="shared" si="698"/>
        <v>6.1441209072644023</v>
      </c>
      <c r="O3021" s="236">
        <f t="shared" si="702"/>
        <v>3.3999680330610489</v>
      </c>
      <c r="P3021" s="236" t="str">
        <f t="shared" si="703"/>
        <v>CLAY</v>
      </c>
      <c r="Q3021" s="236">
        <f t="shared" si="699"/>
        <v>116.77830088787402</v>
      </c>
      <c r="R3021" s="238">
        <v>35</v>
      </c>
      <c r="S3021" s="236">
        <f t="shared" si="704"/>
        <v>2.0242989419048625</v>
      </c>
      <c r="T3021" s="236" t="e">
        <f t="shared" ref="T3021:T3084" si="705">IF(P3021="SAND",17.6+(11*LOG(M3021)),#N/A)</f>
        <v>#N/A</v>
      </c>
    </row>
    <row r="3022" spans="1:20" x14ac:dyDescent="0.2">
      <c r="A3022" s="53">
        <f t="shared" ref="A3022:A3085" si="706">$A3021+1</f>
        <v>3010</v>
      </c>
      <c r="B3022" s="239">
        <v>30.12</v>
      </c>
      <c r="C3022" s="3">
        <f t="shared" ref="C3022:C3085" si="707">MAX($B3022 - $B$13, 0.001)</f>
        <v>30.113</v>
      </c>
      <c r="D3022" s="239">
        <v>1.8299000000000001</v>
      </c>
      <c r="E3022" s="239">
        <v>7.4200000000000002E-2</v>
      </c>
      <c r="F3022" s="239">
        <v>0.34339999999999998</v>
      </c>
      <c r="G3022">
        <f t="shared" si="693"/>
        <v>1.8985800000000002</v>
      </c>
      <c r="H3022" s="235">
        <f t="shared" si="694"/>
        <v>3.9081840112083768</v>
      </c>
      <c r="I3022" s="236">
        <f t="shared" si="695"/>
        <v>18.545119610095195</v>
      </c>
      <c r="J3022" s="237">
        <f t="shared" si="700"/>
        <v>8.5451196100951954</v>
      </c>
      <c r="K3022" s="237">
        <f t="shared" si="696"/>
        <v>558.44918681879665</v>
      </c>
      <c r="L3022" s="237">
        <f t="shared" si="701"/>
        <v>257.37900265606731</v>
      </c>
      <c r="M3022" s="236">
        <f t="shared" si="697"/>
        <v>5.2068381622101674</v>
      </c>
      <c r="N3022" s="236">
        <f t="shared" si="698"/>
        <v>5.5367729232241141</v>
      </c>
      <c r="O3022" s="236">
        <f t="shared" si="702"/>
        <v>3.3816758005214069</v>
      </c>
      <c r="P3022" s="236" t="str">
        <f t="shared" si="703"/>
        <v>CLAY</v>
      </c>
      <c r="Q3022" s="236">
        <f t="shared" si="699"/>
        <v>111.67756776510028</v>
      </c>
      <c r="R3022" s="238">
        <v>35</v>
      </c>
      <c r="S3022" s="236">
        <f t="shared" si="704"/>
        <v>1.9663354444568686</v>
      </c>
      <c r="T3022" s="236" t="e">
        <f t="shared" si="705"/>
        <v>#N/A</v>
      </c>
    </row>
    <row r="3023" spans="1:20" x14ac:dyDescent="0.2">
      <c r="A3023" s="53">
        <f t="shared" si="706"/>
        <v>3011</v>
      </c>
      <c r="B3023" s="239">
        <v>30.13</v>
      </c>
      <c r="C3023" s="3">
        <f t="shared" si="707"/>
        <v>30.122999999999998</v>
      </c>
      <c r="D3023" s="239">
        <v>1.7682</v>
      </c>
      <c r="E3023" s="239">
        <v>7.4099999999999999E-2</v>
      </c>
      <c r="F3023" s="239">
        <v>0.35659999999999997</v>
      </c>
      <c r="G3023">
        <f t="shared" ref="G3023:G3086" si="708">$D3023+($F3023*(1-$P$8))</f>
        <v>1.83952</v>
      </c>
      <c r="H3023" s="235">
        <f t="shared" ref="H3023:H3086" si="709">($E3023/$G3023)*100</f>
        <v>4.028224754283726</v>
      </c>
      <c r="I3023" s="236">
        <f t="shared" ref="I3023:I3086" si="710">((0.27*(LOG($H3023)))+(0.36*(LOG(($G3023*1000)/101)))+1.236)*10</f>
        <v>18.531186278541782</v>
      </c>
      <c r="J3023" s="237">
        <f t="shared" si="700"/>
        <v>8.5311862785417816</v>
      </c>
      <c r="K3023" s="237">
        <f t="shared" ref="K3023:K3086" si="711">$I3023*$C3023</f>
        <v>558.2149242685141</v>
      </c>
      <c r="L3023" s="237">
        <f t="shared" si="701"/>
        <v>257.04464257246389</v>
      </c>
      <c r="M3023" s="236">
        <f t="shared" ref="M3023:M3086" si="712">(($G3023*1000)-$K3023)/$L3023</f>
        <v>4.9847569780423298</v>
      </c>
      <c r="N3023" s="236">
        <f t="shared" ref="N3023:N3086" si="713">(($E3023*1000)/(($G3023*1000)-$K3023))*100</f>
        <v>5.7831660393366464</v>
      </c>
      <c r="O3023" s="236">
        <f t="shared" si="702"/>
        <v>3.4080696230475263</v>
      </c>
      <c r="P3023" s="236" t="str">
        <f t="shared" si="703"/>
        <v>CLAY</v>
      </c>
      <c r="Q3023" s="236">
        <f t="shared" ref="Q3023:Q3086" si="714">IF(P3023="CLAY",($G3023*1000 -$K3023)/$L$8,#N/A)</f>
        <v>106.77542297762382</v>
      </c>
      <c r="R3023" s="238">
        <v>35</v>
      </c>
      <c r="S3023" s="236">
        <f t="shared" si="704"/>
        <v>1.8620656822825066</v>
      </c>
      <c r="T3023" s="236" t="e">
        <f t="shared" si="705"/>
        <v>#N/A</v>
      </c>
    </row>
    <row r="3024" spans="1:20" x14ac:dyDescent="0.2">
      <c r="A3024" s="53">
        <f t="shared" si="706"/>
        <v>3012</v>
      </c>
      <c r="B3024" s="239">
        <v>30.138999999999999</v>
      </c>
      <c r="C3024" s="3">
        <f t="shared" si="707"/>
        <v>30.131999999999998</v>
      </c>
      <c r="D3024" s="239">
        <v>1.7125999999999999</v>
      </c>
      <c r="E3024" s="239">
        <v>7.9600000000000004E-2</v>
      </c>
      <c r="F3024" s="239">
        <v>0.37459999999999999</v>
      </c>
      <c r="G3024">
        <f t="shared" si="708"/>
        <v>1.7875199999999998</v>
      </c>
      <c r="H3024" s="235">
        <f t="shared" si="709"/>
        <v>4.4530970282849989</v>
      </c>
      <c r="I3024" s="236">
        <f t="shared" si="710"/>
        <v>18.603934155990597</v>
      </c>
      <c r="J3024" s="237">
        <f t="shared" ref="J3024:J3087" si="715">$I3024-10</f>
        <v>8.6039341559905971</v>
      </c>
      <c r="K3024" s="237">
        <f t="shared" si="711"/>
        <v>560.57374398830859</v>
      </c>
      <c r="L3024" s="237">
        <f t="shared" ref="L3024:L3087" si="716">$J3024*$B3024</f>
        <v>259.31397152740061</v>
      </c>
      <c r="M3024" s="236">
        <f t="shared" si="712"/>
        <v>4.7315084828818996</v>
      </c>
      <c r="N3024" s="236">
        <f t="shared" si="713"/>
        <v>6.4876517296485012</v>
      </c>
      <c r="O3024" s="236">
        <f t="shared" ref="O3024:O3087" si="717">((3.47-LOG($M3024))^2+(LOG($N3024)+1.22)^2)^0.5</f>
        <v>3.4556340704217026</v>
      </c>
      <c r="P3024" s="236" t="str">
        <f t="shared" ref="P3024:P3087" si="718">IF(O3024&lt;2.6,"SAND","CLAY")</f>
        <v>CLAY</v>
      </c>
      <c r="Q3024" s="236">
        <f t="shared" si="714"/>
        <v>102.24552133430761</v>
      </c>
      <c r="R3024" s="238">
        <v>35</v>
      </c>
      <c r="S3024" s="236">
        <f t="shared" ref="S3024:S3087" si="719">IF(P3024="SAND",#N/A,0.25*($M3024)^1.25)</f>
        <v>1.7445745693858163</v>
      </c>
      <c r="T3024" s="236" t="e">
        <f t="shared" si="705"/>
        <v>#N/A</v>
      </c>
    </row>
    <row r="3025" spans="1:20" x14ac:dyDescent="0.2">
      <c r="A3025" s="53">
        <f t="shared" si="706"/>
        <v>3013</v>
      </c>
      <c r="B3025" s="239">
        <v>30.149000000000001</v>
      </c>
      <c r="C3025" s="3">
        <f t="shared" si="707"/>
        <v>30.141999999999999</v>
      </c>
      <c r="D3025" s="239">
        <v>1.6848000000000001</v>
      </c>
      <c r="E3025" s="239">
        <v>7.9299999999999995E-2</v>
      </c>
      <c r="F3025" s="239">
        <v>0.40529999999999999</v>
      </c>
      <c r="G3025">
        <f t="shared" si="708"/>
        <v>1.76586</v>
      </c>
      <c r="H3025" s="235">
        <f t="shared" si="709"/>
        <v>4.4907297294236228</v>
      </c>
      <c r="I3025" s="236">
        <f t="shared" si="710"/>
        <v>18.594741302326128</v>
      </c>
      <c r="J3025" s="237">
        <f t="shared" si="715"/>
        <v>8.5947413023261277</v>
      </c>
      <c r="K3025" s="237">
        <f t="shared" si="711"/>
        <v>560.4826923347141</v>
      </c>
      <c r="L3025" s="237">
        <f t="shared" si="716"/>
        <v>259.12285552383042</v>
      </c>
      <c r="M3025" s="236">
        <f t="shared" si="712"/>
        <v>4.6517598967815958</v>
      </c>
      <c r="N3025" s="236">
        <f t="shared" si="713"/>
        <v>6.5788529032123062</v>
      </c>
      <c r="O3025" s="236">
        <f t="shared" si="717"/>
        <v>3.4651702688441408</v>
      </c>
      <c r="P3025" s="236" t="str">
        <f t="shared" si="718"/>
        <v>CLAY</v>
      </c>
      <c r="Q3025" s="236">
        <f t="shared" si="714"/>
        <v>100.44810897210715</v>
      </c>
      <c r="R3025" s="238">
        <v>35</v>
      </c>
      <c r="S3025" s="236">
        <f t="shared" si="719"/>
        <v>1.7078967870427737</v>
      </c>
      <c r="T3025" s="236" t="e">
        <f t="shared" si="705"/>
        <v>#N/A</v>
      </c>
    </row>
    <row r="3026" spans="1:20" x14ac:dyDescent="0.2">
      <c r="A3026" s="53">
        <f t="shared" si="706"/>
        <v>3014</v>
      </c>
      <c r="B3026" s="239">
        <v>30.16</v>
      </c>
      <c r="C3026" s="3">
        <f t="shared" si="707"/>
        <v>30.152999999999999</v>
      </c>
      <c r="D3026" s="239">
        <v>1.7040999999999999</v>
      </c>
      <c r="E3026" s="239">
        <v>7.5600000000000001E-2</v>
      </c>
      <c r="F3026" s="239">
        <v>0.42499999999999999</v>
      </c>
      <c r="G3026">
        <f t="shared" si="708"/>
        <v>1.7890999999999999</v>
      </c>
      <c r="H3026" s="235">
        <f t="shared" si="709"/>
        <v>4.2255882846123747</v>
      </c>
      <c r="I3026" s="236">
        <f t="shared" si="710"/>
        <v>18.543823056376901</v>
      </c>
      <c r="J3026" s="237">
        <f t="shared" si="715"/>
        <v>8.5438230563769011</v>
      </c>
      <c r="K3026" s="237">
        <f t="shared" si="711"/>
        <v>559.15189661893271</v>
      </c>
      <c r="L3026" s="237">
        <f t="shared" si="716"/>
        <v>257.68170338032735</v>
      </c>
      <c r="M3026" s="236">
        <f t="shared" si="712"/>
        <v>4.7731293578330449</v>
      </c>
      <c r="N3026" s="236">
        <f t="shared" si="713"/>
        <v>6.1466008030891137</v>
      </c>
      <c r="O3026" s="236">
        <f t="shared" si="717"/>
        <v>3.4388070821558268</v>
      </c>
      <c r="P3026" s="236" t="str">
        <f t="shared" si="718"/>
        <v>CLAY</v>
      </c>
      <c r="Q3026" s="236">
        <f t="shared" si="714"/>
        <v>102.4956752817556</v>
      </c>
      <c r="R3026" s="238">
        <v>35</v>
      </c>
      <c r="S3026" s="236">
        <f t="shared" si="719"/>
        <v>1.7637783776649574</v>
      </c>
      <c r="T3026" s="236" t="e">
        <f t="shared" si="705"/>
        <v>#N/A</v>
      </c>
    </row>
    <row r="3027" spans="1:20" x14ac:dyDescent="0.2">
      <c r="A3027" s="53">
        <f t="shared" si="706"/>
        <v>3015</v>
      </c>
      <c r="B3027" s="239">
        <v>30.169</v>
      </c>
      <c r="C3027" s="3">
        <f t="shared" si="707"/>
        <v>30.161999999999999</v>
      </c>
      <c r="D3027" s="239">
        <v>1.742</v>
      </c>
      <c r="E3027" s="239">
        <v>7.0800000000000002E-2</v>
      </c>
      <c r="F3027" s="239">
        <v>0.43630000000000002</v>
      </c>
      <c r="G3027">
        <f t="shared" si="708"/>
        <v>1.8292599999999999</v>
      </c>
      <c r="H3027" s="235">
        <f t="shared" si="709"/>
        <v>3.8704175458928751</v>
      </c>
      <c r="I3027" s="236">
        <f t="shared" si="710"/>
        <v>18.475580744224128</v>
      </c>
      <c r="J3027" s="237">
        <f t="shared" si="715"/>
        <v>8.4755807442241284</v>
      </c>
      <c r="K3027" s="237">
        <f t="shared" si="711"/>
        <v>557.26046640728816</v>
      </c>
      <c r="L3027" s="237">
        <f t="shared" si="716"/>
        <v>255.69979547249773</v>
      </c>
      <c r="M3027" s="236">
        <f t="shared" si="712"/>
        <v>4.974581740443841</v>
      </c>
      <c r="N3027" s="236">
        <f t="shared" si="713"/>
        <v>5.5660397767621994</v>
      </c>
      <c r="O3027" s="236">
        <f t="shared" si="717"/>
        <v>3.3991545115937281</v>
      </c>
      <c r="P3027" s="236" t="str">
        <f t="shared" si="718"/>
        <v>CLAY</v>
      </c>
      <c r="Q3027" s="236">
        <f t="shared" si="714"/>
        <v>105.999961132726</v>
      </c>
      <c r="R3027" s="238">
        <v>35</v>
      </c>
      <c r="S3027" s="236">
        <f t="shared" si="719"/>
        <v>1.857315670428564</v>
      </c>
      <c r="T3027" s="236" t="e">
        <f t="shared" si="705"/>
        <v>#N/A</v>
      </c>
    </row>
    <row r="3028" spans="1:20" x14ac:dyDescent="0.2">
      <c r="A3028" s="53">
        <f t="shared" si="706"/>
        <v>3016</v>
      </c>
      <c r="B3028" s="239">
        <v>30.178999999999998</v>
      </c>
      <c r="C3028" s="3">
        <f t="shared" si="707"/>
        <v>30.171999999999997</v>
      </c>
      <c r="D3028" s="239">
        <v>1.7471000000000001</v>
      </c>
      <c r="E3028" s="239">
        <v>6.7699999999999996E-2</v>
      </c>
      <c r="F3028" s="239">
        <v>0.4476</v>
      </c>
      <c r="G3028">
        <f t="shared" si="708"/>
        <v>1.8366200000000001</v>
      </c>
      <c r="H3028" s="235">
        <f t="shared" si="709"/>
        <v>3.686119066546155</v>
      </c>
      <c r="I3028" s="236">
        <f t="shared" si="710"/>
        <v>18.424649838190138</v>
      </c>
      <c r="J3028" s="237">
        <f t="shared" si="715"/>
        <v>8.4246498381901382</v>
      </c>
      <c r="K3028" s="237">
        <f t="shared" si="711"/>
        <v>555.90853491787277</v>
      </c>
      <c r="L3028" s="237">
        <f t="shared" si="716"/>
        <v>254.24750746674016</v>
      </c>
      <c r="M3028" s="236">
        <f t="shared" si="712"/>
        <v>5.0372626180009483</v>
      </c>
      <c r="N3028" s="236">
        <f t="shared" si="713"/>
        <v>5.2861243024523601</v>
      </c>
      <c r="O3028" s="236">
        <f t="shared" si="717"/>
        <v>3.3817938453432341</v>
      </c>
      <c r="P3028" s="236" t="str">
        <f t="shared" si="718"/>
        <v>CLAY</v>
      </c>
      <c r="Q3028" s="236">
        <f t="shared" si="714"/>
        <v>106.7259554235106</v>
      </c>
      <c r="R3028" s="238">
        <v>35</v>
      </c>
      <c r="S3028" s="236">
        <f t="shared" si="719"/>
        <v>1.8866148582178095</v>
      </c>
      <c r="T3028" s="236" t="e">
        <f t="shared" si="705"/>
        <v>#N/A</v>
      </c>
    </row>
    <row r="3029" spans="1:20" x14ac:dyDescent="0.2">
      <c r="A3029" s="53">
        <f t="shared" si="706"/>
        <v>3017</v>
      </c>
      <c r="B3029" s="239">
        <v>30.189</v>
      </c>
      <c r="C3029" s="3">
        <f t="shared" si="707"/>
        <v>30.181999999999999</v>
      </c>
      <c r="D3029" s="239">
        <v>1.7051000000000001</v>
      </c>
      <c r="E3029" s="239">
        <v>6.5500000000000003E-2</v>
      </c>
      <c r="F3029" s="239">
        <v>0.47060000000000002</v>
      </c>
      <c r="G3029">
        <f t="shared" si="708"/>
        <v>1.79922</v>
      </c>
      <c r="H3029" s="235">
        <f t="shared" si="709"/>
        <v>3.6404664243394365</v>
      </c>
      <c r="I3029" s="236">
        <f t="shared" si="710"/>
        <v>18.377870407396845</v>
      </c>
      <c r="J3029" s="237">
        <f t="shared" si="715"/>
        <v>8.3778704073968449</v>
      </c>
      <c r="K3029" s="237">
        <f t="shared" si="711"/>
        <v>554.68088463605159</v>
      </c>
      <c r="L3029" s="237">
        <f t="shared" si="716"/>
        <v>252.91952972890334</v>
      </c>
      <c r="M3029" s="236">
        <f t="shared" si="712"/>
        <v>4.9206920347271383</v>
      </c>
      <c r="N3029" s="236">
        <f t="shared" si="713"/>
        <v>5.262992475800603</v>
      </c>
      <c r="O3029" s="236">
        <f t="shared" si="717"/>
        <v>3.3890298171948547</v>
      </c>
      <c r="P3029" s="236" t="str">
        <f t="shared" si="718"/>
        <v>CLAY</v>
      </c>
      <c r="Q3029" s="236">
        <f t="shared" si="714"/>
        <v>103.71159294699571</v>
      </c>
      <c r="R3029" s="238">
        <v>35</v>
      </c>
      <c r="S3029" s="236">
        <f t="shared" si="719"/>
        <v>1.8321994153053585</v>
      </c>
      <c r="T3029" s="236" t="e">
        <f t="shared" si="705"/>
        <v>#N/A</v>
      </c>
    </row>
    <row r="3030" spans="1:20" x14ac:dyDescent="0.2">
      <c r="A3030" s="53">
        <f t="shared" si="706"/>
        <v>3018</v>
      </c>
      <c r="B3030" s="239">
        <v>30.199000000000002</v>
      </c>
      <c r="C3030" s="3">
        <f t="shared" si="707"/>
        <v>30.192</v>
      </c>
      <c r="D3030" s="239">
        <v>1.6978</v>
      </c>
      <c r="E3030" s="239">
        <v>6.3100000000000003E-2</v>
      </c>
      <c r="F3030" s="239">
        <v>0.4904</v>
      </c>
      <c r="G3030">
        <f t="shared" si="708"/>
        <v>1.7958799999999999</v>
      </c>
      <c r="H3030" s="235">
        <f t="shared" si="709"/>
        <v>3.5135977904982516</v>
      </c>
      <c r="I3030" s="236">
        <f t="shared" si="710"/>
        <v>18.333371906863494</v>
      </c>
      <c r="J3030" s="237">
        <f t="shared" si="715"/>
        <v>8.3333719068634942</v>
      </c>
      <c r="K3030" s="237">
        <f t="shared" si="711"/>
        <v>553.52116461202263</v>
      </c>
      <c r="L3030" s="237">
        <f t="shared" si="716"/>
        <v>251.65949821537066</v>
      </c>
      <c r="M3030" s="236">
        <f t="shared" si="712"/>
        <v>4.9366657892831221</v>
      </c>
      <c r="N3030" s="236">
        <f t="shared" si="713"/>
        <v>5.0790478726940798</v>
      </c>
      <c r="O3030" s="236">
        <f t="shared" si="717"/>
        <v>3.3790468717911342</v>
      </c>
      <c r="P3030" s="236" t="str">
        <f t="shared" si="718"/>
        <v>CLAY</v>
      </c>
      <c r="Q3030" s="236">
        <f t="shared" si="714"/>
        <v>103.5299029489981</v>
      </c>
      <c r="R3030" s="238">
        <v>35</v>
      </c>
      <c r="S3030" s="236">
        <f t="shared" si="719"/>
        <v>1.8396371318748435</v>
      </c>
      <c r="T3030" s="236" t="e">
        <f t="shared" si="705"/>
        <v>#N/A</v>
      </c>
    </row>
    <row r="3031" spans="1:20" x14ac:dyDescent="0.2">
      <c r="A3031" s="53">
        <f t="shared" si="706"/>
        <v>3019</v>
      </c>
      <c r="B3031" s="239">
        <v>30.209</v>
      </c>
      <c r="C3031" s="3">
        <f t="shared" si="707"/>
        <v>30.201999999999998</v>
      </c>
      <c r="D3031" s="239">
        <v>1.6776</v>
      </c>
      <c r="E3031" s="239">
        <v>6.2899999999999998E-2</v>
      </c>
      <c r="F3031" s="239">
        <v>0.50970000000000004</v>
      </c>
      <c r="G3031">
        <f t="shared" si="708"/>
        <v>1.7795399999999999</v>
      </c>
      <c r="H3031" s="235">
        <f t="shared" si="709"/>
        <v>3.5346213066298029</v>
      </c>
      <c r="I3031" s="236">
        <f t="shared" si="710"/>
        <v>18.326076776043713</v>
      </c>
      <c r="J3031" s="237">
        <f t="shared" si="715"/>
        <v>8.3260767760437133</v>
      </c>
      <c r="K3031" s="237">
        <f t="shared" si="711"/>
        <v>553.4841707900722</v>
      </c>
      <c r="L3031" s="237">
        <f t="shared" si="716"/>
        <v>251.52245332750454</v>
      </c>
      <c r="M3031" s="236">
        <f t="shared" si="712"/>
        <v>4.8745382886890587</v>
      </c>
      <c r="N3031" s="236">
        <f t="shared" si="713"/>
        <v>5.1302720888764792</v>
      </c>
      <c r="O3031" s="236">
        <f t="shared" si="717"/>
        <v>3.3860502134015666</v>
      </c>
      <c r="P3031" s="236" t="str">
        <f t="shared" si="718"/>
        <v>CLAY</v>
      </c>
      <c r="Q3031" s="236">
        <f t="shared" si="714"/>
        <v>102.1713191008273</v>
      </c>
      <c r="R3031" s="238">
        <v>35</v>
      </c>
      <c r="S3031" s="236">
        <f t="shared" si="719"/>
        <v>1.8107432137324904</v>
      </c>
      <c r="T3031" s="236" t="e">
        <f t="shared" si="705"/>
        <v>#N/A</v>
      </c>
    </row>
    <row r="3032" spans="1:20" x14ac:dyDescent="0.2">
      <c r="A3032" s="53">
        <f t="shared" si="706"/>
        <v>3020</v>
      </c>
      <c r="B3032" s="239">
        <v>30.219000000000001</v>
      </c>
      <c r="C3032" s="3">
        <f t="shared" si="707"/>
        <v>30.212</v>
      </c>
      <c r="D3032" s="239">
        <v>1.6644000000000001</v>
      </c>
      <c r="E3032" s="239">
        <v>6.0600000000000001E-2</v>
      </c>
      <c r="F3032" s="239">
        <v>0.52890000000000004</v>
      </c>
      <c r="G3032">
        <f t="shared" si="708"/>
        <v>1.7701800000000001</v>
      </c>
      <c r="H3032" s="235">
        <f t="shared" si="709"/>
        <v>3.423380673151883</v>
      </c>
      <c r="I3032" s="236">
        <f t="shared" si="710"/>
        <v>18.280334826322569</v>
      </c>
      <c r="J3032" s="237">
        <f t="shared" si="715"/>
        <v>8.2803348263225693</v>
      </c>
      <c r="K3032" s="237">
        <f t="shared" si="711"/>
        <v>552.28547577285747</v>
      </c>
      <c r="L3032" s="237">
        <f t="shared" si="716"/>
        <v>250.22343811664174</v>
      </c>
      <c r="M3032" s="236">
        <f t="shared" si="712"/>
        <v>4.8672279998783345</v>
      </c>
      <c r="N3032" s="236">
        <f t="shared" si="713"/>
        <v>4.9758003500718466</v>
      </c>
      <c r="O3032" s="236">
        <f t="shared" si="717"/>
        <v>3.3790360672161608</v>
      </c>
      <c r="P3032" s="236" t="str">
        <f t="shared" si="718"/>
        <v>CLAY</v>
      </c>
      <c r="Q3032" s="236">
        <f t="shared" si="714"/>
        <v>101.49121035226187</v>
      </c>
      <c r="R3032" s="238">
        <v>35</v>
      </c>
      <c r="S3032" s="236">
        <f t="shared" si="719"/>
        <v>1.8073494119231697</v>
      </c>
      <c r="T3032" s="236" t="e">
        <f t="shared" si="705"/>
        <v>#N/A</v>
      </c>
    </row>
    <row r="3033" spans="1:20" x14ac:dyDescent="0.2">
      <c r="A3033" s="53">
        <f t="shared" si="706"/>
        <v>3021</v>
      </c>
      <c r="B3033" s="239">
        <v>30.228999999999999</v>
      </c>
      <c r="C3033" s="3">
        <f t="shared" si="707"/>
        <v>30.221999999999998</v>
      </c>
      <c r="D3033" s="239">
        <v>1.5891999999999999</v>
      </c>
      <c r="E3033" s="239">
        <v>5.6899999999999999E-2</v>
      </c>
      <c r="F3033" s="239">
        <v>0.55959999999999999</v>
      </c>
      <c r="G3033">
        <f t="shared" si="708"/>
        <v>1.70112</v>
      </c>
      <c r="H3033" s="235">
        <f t="shared" si="709"/>
        <v>3.3448551542513165</v>
      </c>
      <c r="I3033" s="236">
        <f t="shared" si="710"/>
        <v>18.190907629180721</v>
      </c>
      <c r="J3033" s="237">
        <f t="shared" si="715"/>
        <v>8.190907629180721</v>
      </c>
      <c r="K3033" s="237">
        <f t="shared" si="711"/>
        <v>549.7656103690997</v>
      </c>
      <c r="L3033" s="237">
        <f t="shared" si="716"/>
        <v>247.60294672250402</v>
      </c>
      <c r="M3033" s="236">
        <f t="shared" si="712"/>
        <v>4.6500027761028919</v>
      </c>
      <c r="N3033" s="236">
        <f t="shared" si="713"/>
        <v>4.9420057379762055</v>
      </c>
      <c r="O3033" s="236">
        <f t="shared" si="717"/>
        <v>3.3937139140459882</v>
      </c>
      <c r="P3033" s="236" t="str">
        <f t="shared" si="718"/>
        <v>CLAY</v>
      </c>
      <c r="Q3033" s="236">
        <f t="shared" si="714"/>
        <v>95.946199135908344</v>
      </c>
      <c r="R3033" s="238">
        <v>35</v>
      </c>
      <c r="S3033" s="236">
        <f t="shared" si="719"/>
        <v>1.7070904150677495</v>
      </c>
      <c r="T3033" s="236" t="e">
        <f t="shared" si="705"/>
        <v>#N/A</v>
      </c>
    </row>
    <row r="3034" spans="1:20" x14ac:dyDescent="0.2">
      <c r="A3034" s="53">
        <f t="shared" si="706"/>
        <v>3022</v>
      </c>
      <c r="B3034" s="239">
        <v>30.238</v>
      </c>
      <c r="C3034" s="3">
        <f t="shared" si="707"/>
        <v>30.230999999999998</v>
      </c>
      <c r="D3034" s="239">
        <v>1.5851</v>
      </c>
      <c r="E3034" s="239">
        <v>5.5100000000000003E-2</v>
      </c>
      <c r="F3034" s="239">
        <v>0.58260000000000001</v>
      </c>
      <c r="G3034">
        <f t="shared" si="708"/>
        <v>1.7016199999999999</v>
      </c>
      <c r="H3034" s="235">
        <f t="shared" si="709"/>
        <v>3.2380907605693396</v>
      </c>
      <c r="I3034" s="236">
        <f t="shared" si="710"/>
        <v>18.153328694548826</v>
      </c>
      <c r="J3034" s="237">
        <f t="shared" si="715"/>
        <v>8.1533286945488257</v>
      </c>
      <c r="K3034" s="237">
        <f t="shared" si="711"/>
        <v>548.79327976490549</v>
      </c>
      <c r="L3034" s="237">
        <f t="shared" si="716"/>
        <v>246.54035306576739</v>
      </c>
      <c r="M3034" s="236">
        <f t="shared" si="712"/>
        <v>4.6760163433673876</v>
      </c>
      <c r="N3034" s="236">
        <f t="shared" si="713"/>
        <v>4.7795561147961196</v>
      </c>
      <c r="O3034" s="236">
        <f t="shared" si="717"/>
        <v>3.3835436191263972</v>
      </c>
      <c r="P3034" s="236" t="str">
        <f t="shared" si="718"/>
        <v>CLAY</v>
      </c>
      <c r="Q3034" s="236">
        <f t="shared" si="714"/>
        <v>96.068893352924533</v>
      </c>
      <c r="R3034" s="238">
        <v>35</v>
      </c>
      <c r="S3034" s="236">
        <f t="shared" si="719"/>
        <v>1.7190362471024094</v>
      </c>
      <c r="T3034" s="236" t="e">
        <f t="shared" si="705"/>
        <v>#N/A</v>
      </c>
    </row>
    <row r="3035" spans="1:20" x14ac:dyDescent="0.2">
      <c r="A3035" s="53">
        <f t="shared" si="706"/>
        <v>3023</v>
      </c>
      <c r="B3035" s="239">
        <v>30.248999999999999</v>
      </c>
      <c r="C3035" s="3">
        <f t="shared" si="707"/>
        <v>30.241999999999997</v>
      </c>
      <c r="D3035" s="239">
        <v>1.615</v>
      </c>
      <c r="E3035" s="239">
        <v>5.1299999999999998E-2</v>
      </c>
      <c r="F3035" s="239">
        <v>0.58909999999999996</v>
      </c>
      <c r="G3035">
        <f t="shared" si="708"/>
        <v>1.73282</v>
      </c>
      <c r="H3035" s="235">
        <f t="shared" si="709"/>
        <v>2.9604921457508571</v>
      </c>
      <c r="I3035" s="236">
        <f t="shared" si="710"/>
        <v>18.076638046880749</v>
      </c>
      <c r="J3035" s="237">
        <f t="shared" si="715"/>
        <v>8.076638046880749</v>
      </c>
      <c r="K3035" s="237">
        <f t="shared" si="711"/>
        <v>546.67368781376751</v>
      </c>
      <c r="L3035" s="237">
        <f t="shared" si="716"/>
        <v>244.31022428009578</v>
      </c>
      <c r="M3035" s="236">
        <f t="shared" si="712"/>
        <v>4.8550825725015274</v>
      </c>
      <c r="N3035" s="236">
        <f t="shared" si="713"/>
        <v>4.3249301939359368</v>
      </c>
      <c r="O3035" s="236">
        <f t="shared" si="717"/>
        <v>3.3457763946789352</v>
      </c>
      <c r="P3035" s="236" t="str">
        <f t="shared" si="718"/>
        <v>CLAY</v>
      </c>
      <c r="Q3035" s="236">
        <f t="shared" si="714"/>
        <v>98.845526015519383</v>
      </c>
      <c r="R3035" s="238">
        <v>35</v>
      </c>
      <c r="S3035" s="236">
        <f t="shared" si="719"/>
        <v>1.8017137144021622</v>
      </c>
      <c r="T3035" s="236" t="e">
        <f t="shared" si="705"/>
        <v>#N/A</v>
      </c>
    </row>
    <row r="3036" spans="1:20" x14ac:dyDescent="0.2">
      <c r="A3036" s="53">
        <f t="shared" si="706"/>
        <v>3024</v>
      </c>
      <c r="B3036" s="239">
        <v>30.259</v>
      </c>
      <c r="C3036" s="3">
        <f t="shared" si="707"/>
        <v>30.251999999999999</v>
      </c>
      <c r="D3036" s="239">
        <v>1.5874999999999999</v>
      </c>
      <c r="E3036" s="239">
        <v>4.8899999999999999E-2</v>
      </c>
      <c r="F3036" s="239">
        <v>0.58660000000000001</v>
      </c>
      <c r="G3036">
        <f t="shared" si="708"/>
        <v>1.7048199999999998</v>
      </c>
      <c r="H3036" s="235">
        <f t="shared" si="709"/>
        <v>2.8683380063584427</v>
      </c>
      <c r="I3036" s="236">
        <f t="shared" si="710"/>
        <v>18.014087652489859</v>
      </c>
      <c r="J3036" s="237">
        <f t="shared" si="715"/>
        <v>8.0140876524898594</v>
      </c>
      <c r="K3036" s="237">
        <f t="shared" si="711"/>
        <v>544.96217966312315</v>
      </c>
      <c r="L3036" s="237">
        <f t="shared" si="716"/>
        <v>242.49827827669066</v>
      </c>
      <c r="M3036" s="236">
        <f t="shared" si="712"/>
        <v>4.78295280518849</v>
      </c>
      <c r="N3036" s="236">
        <f t="shared" si="713"/>
        <v>4.2160339950802905</v>
      </c>
      <c r="O3036" s="236">
        <f t="shared" si="717"/>
        <v>3.3450660729181956</v>
      </c>
      <c r="P3036" s="236" t="str">
        <f t="shared" si="718"/>
        <v>CLAY</v>
      </c>
      <c r="Q3036" s="236">
        <f t="shared" si="714"/>
        <v>96.654818361406384</v>
      </c>
      <c r="R3036" s="238">
        <v>35</v>
      </c>
      <c r="S3036" s="236">
        <f t="shared" si="719"/>
        <v>1.7683170245931239</v>
      </c>
      <c r="T3036" s="236" t="e">
        <f t="shared" si="705"/>
        <v>#N/A</v>
      </c>
    </row>
    <row r="3037" spans="1:20" x14ac:dyDescent="0.2">
      <c r="A3037" s="53">
        <f t="shared" si="706"/>
        <v>3025</v>
      </c>
      <c r="B3037" s="239">
        <v>30.268000000000001</v>
      </c>
      <c r="C3037" s="3">
        <f t="shared" si="707"/>
        <v>30.260999999999999</v>
      </c>
      <c r="D3037" s="239">
        <v>1.5229999999999999</v>
      </c>
      <c r="E3037" s="239">
        <v>4.5400000000000003E-2</v>
      </c>
      <c r="F3037" s="239">
        <v>0.60060000000000002</v>
      </c>
      <c r="G3037">
        <f t="shared" si="708"/>
        <v>1.6431199999999999</v>
      </c>
      <c r="H3037" s="235">
        <f t="shared" si="709"/>
        <v>2.7630361750815524</v>
      </c>
      <c r="I3037" s="236">
        <f t="shared" si="710"/>
        <v>17.912596210804942</v>
      </c>
      <c r="J3037" s="237">
        <f t="shared" si="715"/>
        <v>7.9125962108049421</v>
      </c>
      <c r="K3037" s="237">
        <f t="shared" si="711"/>
        <v>542.0530739351683</v>
      </c>
      <c r="L3037" s="237">
        <f t="shared" si="716"/>
        <v>239.49846210864399</v>
      </c>
      <c r="M3037" s="236">
        <f t="shared" si="712"/>
        <v>4.5973862060348143</v>
      </c>
      <c r="N3037" s="236">
        <f t="shared" si="713"/>
        <v>4.1232734291872486</v>
      </c>
      <c r="O3037" s="236">
        <f t="shared" si="717"/>
        <v>3.3541181025089606</v>
      </c>
      <c r="P3037" s="236" t="str">
        <f t="shared" si="718"/>
        <v>CLAY</v>
      </c>
      <c r="Q3037" s="236">
        <f t="shared" si="714"/>
        <v>91.755577172069295</v>
      </c>
      <c r="R3037" s="238">
        <v>35</v>
      </c>
      <c r="S3037" s="236">
        <f t="shared" si="719"/>
        <v>1.6829791832213972</v>
      </c>
      <c r="T3037" s="236" t="e">
        <f t="shared" si="705"/>
        <v>#N/A</v>
      </c>
    </row>
    <row r="3038" spans="1:20" x14ac:dyDescent="0.2">
      <c r="A3038" s="53">
        <f t="shared" si="706"/>
        <v>3026</v>
      </c>
      <c r="B3038" s="239">
        <v>30.277999999999999</v>
      </c>
      <c r="C3038" s="3">
        <f t="shared" si="707"/>
        <v>30.270999999999997</v>
      </c>
      <c r="D3038" s="239">
        <v>1.4769000000000001</v>
      </c>
      <c r="E3038" s="239">
        <v>3.9800000000000002E-2</v>
      </c>
      <c r="F3038" s="239">
        <v>0.62509999999999999</v>
      </c>
      <c r="G3038">
        <f t="shared" si="708"/>
        <v>1.60192</v>
      </c>
      <c r="H3038" s="235">
        <f t="shared" si="709"/>
        <v>2.4845185777067522</v>
      </c>
      <c r="I3038" s="236">
        <f t="shared" si="710"/>
        <v>17.74830409021434</v>
      </c>
      <c r="J3038" s="237">
        <f t="shared" si="715"/>
        <v>7.7483040902143401</v>
      </c>
      <c r="K3038" s="237">
        <f t="shared" si="711"/>
        <v>537.25891311487828</v>
      </c>
      <c r="L3038" s="237">
        <f t="shared" si="716"/>
        <v>234.60315124350979</v>
      </c>
      <c r="M3038" s="236">
        <f t="shared" si="712"/>
        <v>4.538136343190212</v>
      </c>
      <c r="N3038" s="236">
        <f t="shared" si="713"/>
        <v>3.7382788279078407</v>
      </c>
      <c r="O3038" s="236">
        <f t="shared" si="717"/>
        <v>3.3357652448899455</v>
      </c>
      <c r="P3038" s="236" t="str">
        <f t="shared" si="718"/>
        <v>CLAY</v>
      </c>
      <c r="Q3038" s="236">
        <f t="shared" si="714"/>
        <v>88.721757240426811</v>
      </c>
      <c r="R3038" s="238">
        <v>35</v>
      </c>
      <c r="S3038" s="236">
        <f t="shared" si="719"/>
        <v>1.6559107792250904</v>
      </c>
      <c r="T3038" s="236" t="e">
        <f t="shared" si="705"/>
        <v>#N/A</v>
      </c>
    </row>
    <row r="3039" spans="1:20" x14ac:dyDescent="0.2">
      <c r="A3039" s="53">
        <f t="shared" si="706"/>
        <v>3027</v>
      </c>
      <c r="B3039" s="239">
        <v>30.288</v>
      </c>
      <c r="C3039" s="3">
        <f t="shared" si="707"/>
        <v>30.280999999999999</v>
      </c>
      <c r="D3039" s="239">
        <v>1.4499</v>
      </c>
      <c r="E3039" s="239">
        <v>3.8399999999999997E-2</v>
      </c>
      <c r="F3039" s="239">
        <v>0.64870000000000005</v>
      </c>
      <c r="G3039">
        <f t="shared" si="708"/>
        <v>1.5796399999999999</v>
      </c>
      <c r="H3039" s="235">
        <f t="shared" si="709"/>
        <v>2.4309336304474436</v>
      </c>
      <c r="I3039" s="236">
        <f t="shared" si="710"/>
        <v>17.700839670430643</v>
      </c>
      <c r="J3039" s="237">
        <f t="shared" si="715"/>
        <v>7.7008396704306428</v>
      </c>
      <c r="K3039" s="237">
        <f t="shared" si="711"/>
        <v>535.99912606031023</v>
      </c>
      <c r="L3039" s="237">
        <f t="shared" si="716"/>
        <v>233.2430319380033</v>
      </c>
      <c r="M3039" s="236">
        <f t="shared" si="712"/>
        <v>4.4744782524396811</v>
      </c>
      <c r="N3039" s="236">
        <f t="shared" si="713"/>
        <v>3.6794266072621324</v>
      </c>
      <c r="O3039" s="236">
        <f t="shared" si="717"/>
        <v>3.3372479876226362</v>
      </c>
      <c r="P3039" s="236" t="str">
        <f t="shared" si="718"/>
        <v>CLAY</v>
      </c>
      <c r="Q3039" s="236">
        <f t="shared" si="714"/>
        <v>86.97007282830748</v>
      </c>
      <c r="R3039" s="238">
        <v>35</v>
      </c>
      <c r="S3039" s="236">
        <f t="shared" si="719"/>
        <v>1.6269267903291738</v>
      </c>
      <c r="T3039" s="236" t="e">
        <f t="shared" si="705"/>
        <v>#N/A</v>
      </c>
    </row>
    <row r="3040" spans="1:20" x14ac:dyDescent="0.2">
      <c r="A3040" s="53">
        <f t="shared" si="706"/>
        <v>3028</v>
      </c>
      <c r="B3040" s="239">
        <v>30.297999999999998</v>
      </c>
      <c r="C3040" s="3">
        <f t="shared" si="707"/>
        <v>30.290999999999997</v>
      </c>
      <c r="D3040" s="239">
        <v>1.462</v>
      </c>
      <c r="E3040" s="239">
        <v>3.85E-2</v>
      </c>
      <c r="F3040" s="239">
        <v>0.66869999999999996</v>
      </c>
      <c r="G3040">
        <f t="shared" si="708"/>
        <v>1.5957399999999999</v>
      </c>
      <c r="H3040" s="235">
        <f t="shared" si="709"/>
        <v>2.4126737438429817</v>
      </c>
      <c r="I3040" s="236">
        <f t="shared" si="710"/>
        <v>17.707852942426708</v>
      </c>
      <c r="J3040" s="237">
        <f t="shared" si="715"/>
        <v>7.7078529424267082</v>
      </c>
      <c r="K3040" s="237">
        <f t="shared" si="711"/>
        <v>536.38857347904741</v>
      </c>
      <c r="L3040" s="237">
        <f t="shared" si="716"/>
        <v>233.53252844964439</v>
      </c>
      <c r="M3040" s="236">
        <f t="shared" si="712"/>
        <v>4.5362050141523476</v>
      </c>
      <c r="N3040" s="236">
        <f t="shared" si="713"/>
        <v>3.6342991604248831</v>
      </c>
      <c r="O3040" s="236">
        <f t="shared" si="717"/>
        <v>3.3293536736707554</v>
      </c>
      <c r="P3040" s="236" t="str">
        <f t="shared" si="718"/>
        <v>CLAY</v>
      </c>
      <c r="Q3040" s="236">
        <f t="shared" si="714"/>
        <v>88.279285543412712</v>
      </c>
      <c r="R3040" s="238">
        <v>35</v>
      </c>
      <c r="S3040" s="236">
        <f t="shared" si="719"/>
        <v>1.6550299279841636</v>
      </c>
      <c r="T3040" s="236" t="e">
        <f t="shared" si="705"/>
        <v>#N/A</v>
      </c>
    </row>
    <row r="3041" spans="1:20" x14ac:dyDescent="0.2">
      <c r="A3041" s="53">
        <f t="shared" si="706"/>
        <v>3029</v>
      </c>
      <c r="B3041" s="239">
        <v>30.309000000000001</v>
      </c>
      <c r="C3041" s="3">
        <f t="shared" si="707"/>
        <v>30.302</v>
      </c>
      <c r="D3041" s="239">
        <v>1.4724999999999999</v>
      </c>
      <c r="E3041" s="239">
        <v>3.8899999999999997E-2</v>
      </c>
      <c r="F3041" s="239">
        <v>0.68440000000000001</v>
      </c>
      <c r="G3041">
        <f t="shared" si="708"/>
        <v>1.6093799999999998</v>
      </c>
      <c r="H3041" s="235">
        <f t="shared" si="709"/>
        <v>2.4170798692664257</v>
      </c>
      <c r="I3041" s="236">
        <f t="shared" si="710"/>
        <v>17.723299717947135</v>
      </c>
      <c r="J3041" s="237">
        <f t="shared" si="715"/>
        <v>7.7232997179471354</v>
      </c>
      <c r="K3041" s="237">
        <f t="shared" si="711"/>
        <v>537.05142805323408</v>
      </c>
      <c r="L3041" s="237">
        <f t="shared" si="716"/>
        <v>234.08549115125973</v>
      </c>
      <c r="M3041" s="236">
        <f t="shared" si="712"/>
        <v>4.580927107754218</v>
      </c>
      <c r="N3041" s="236">
        <f t="shared" si="713"/>
        <v>3.6276194645619428</v>
      </c>
      <c r="O3041" s="236">
        <f t="shared" si="717"/>
        <v>3.3253265080112921</v>
      </c>
      <c r="P3041" s="236" t="str">
        <f t="shared" si="718"/>
        <v>CLAY</v>
      </c>
      <c r="Q3041" s="236">
        <f t="shared" si="714"/>
        <v>89.360714328897146</v>
      </c>
      <c r="R3041" s="238">
        <v>35</v>
      </c>
      <c r="S3041" s="236">
        <f t="shared" si="719"/>
        <v>1.6754510163480512</v>
      </c>
      <c r="T3041" s="236" t="e">
        <f t="shared" si="705"/>
        <v>#N/A</v>
      </c>
    </row>
    <row r="3042" spans="1:20" x14ac:dyDescent="0.2">
      <c r="A3042" s="53">
        <f t="shared" si="706"/>
        <v>3030</v>
      </c>
      <c r="B3042" s="239">
        <v>30.318000000000001</v>
      </c>
      <c r="C3042" s="3">
        <f t="shared" si="707"/>
        <v>30.311</v>
      </c>
      <c r="D3042" s="239">
        <v>1.4974000000000001</v>
      </c>
      <c r="E3042" s="239">
        <v>3.9100000000000003E-2</v>
      </c>
      <c r="F3042" s="239">
        <v>0.69189999999999996</v>
      </c>
      <c r="G3042">
        <f t="shared" si="708"/>
        <v>1.63578</v>
      </c>
      <c r="H3042" s="235">
        <f t="shared" si="709"/>
        <v>2.390296983701965</v>
      </c>
      <c r="I3042" s="236">
        <f t="shared" si="710"/>
        <v>17.735672703906108</v>
      </c>
      <c r="J3042" s="237">
        <f t="shared" si="715"/>
        <v>7.7356727039061077</v>
      </c>
      <c r="K3042" s="237">
        <f t="shared" si="711"/>
        <v>537.58597532809802</v>
      </c>
      <c r="L3042" s="237">
        <f t="shared" si="716"/>
        <v>234.53012503702539</v>
      </c>
      <c r="M3042" s="236">
        <f t="shared" si="712"/>
        <v>4.6825286282456444</v>
      </c>
      <c r="N3042" s="236">
        <f t="shared" si="713"/>
        <v>3.5603908891856864</v>
      </c>
      <c r="O3042" s="236">
        <f t="shared" si="717"/>
        <v>3.3129312992658404</v>
      </c>
      <c r="P3042" s="236" t="str">
        <f t="shared" si="718"/>
        <v>CLAY</v>
      </c>
      <c r="Q3042" s="236">
        <f t="shared" si="714"/>
        <v>91.516168722658492</v>
      </c>
      <c r="R3042" s="238">
        <v>35</v>
      </c>
      <c r="S3042" s="236">
        <f t="shared" si="719"/>
        <v>1.7220293937094846</v>
      </c>
      <c r="T3042" s="236" t="e">
        <f t="shared" si="705"/>
        <v>#N/A</v>
      </c>
    </row>
    <row r="3043" spans="1:20" x14ac:dyDescent="0.2">
      <c r="A3043" s="53">
        <f t="shared" si="706"/>
        <v>3031</v>
      </c>
      <c r="B3043" s="239">
        <v>30.327000000000002</v>
      </c>
      <c r="C3043" s="3">
        <f t="shared" si="707"/>
        <v>30.32</v>
      </c>
      <c r="D3043" s="239">
        <v>1.4789000000000001</v>
      </c>
      <c r="E3043" s="239">
        <v>3.8199999999999998E-2</v>
      </c>
      <c r="F3043" s="239">
        <v>0.71140000000000003</v>
      </c>
      <c r="G3043">
        <f t="shared" si="708"/>
        <v>1.6211800000000001</v>
      </c>
      <c r="H3043" s="235">
        <f t="shared" si="709"/>
        <v>2.3563083679788792</v>
      </c>
      <c r="I3043" s="236">
        <f t="shared" si="710"/>
        <v>17.704862247854596</v>
      </c>
      <c r="J3043" s="237">
        <f t="shared" si="715"/>
        <v>7.7048622478545958</v>
      </c>
      <c r="K3043" s="237">
        <f t="shared" si="711"/>
        <v>536.81142335495133</v>
      </c>
      <c r="L3043" s="237">
        <f t="shared" si="716"/>
        <v>233.66535739068635</v>
      </c>
      <c r="M3043" s="236">
        <f t="shared" si="712"/>
        <v>4.6406903819807326</v>
      </c>
      <c r="N3043" s="236">
        <f t="shared" si="713"/>
        <v>3.5227874380303232</v>
      </c>
      <c r="O3043" s="236">
        <f t="shared" si="717"/>
        <v>3.313764753292352</v>
      </c>
      <c r="P3043" s="236" t="str">
        <f t="shared" si="718"/>
        <v>CLAY</v>
      </c>
      <c r="Q3043" s="236">
        <f t="shared" si="714"/>
        <v>90.364048053754061</v>
      </c>
      <c r="R3043" s="238">
        <v>35</v>
      </c>
      <c r="S3043" s="236">
        <f t="shared" si="719"/>
        <v>1.7028180742892849</v>
      </c>
      <c r="T3043" s="236" t="e">
        <f t="shared" si="705"/>
        <v>#N/A</v>
      </c>
    </row>
    <row r="3044" spans="1:20" x14ac:dyDescent="0.2">
      <c r="A3044" s="53">
        <f t="shared" si="706"/>
        <v>3032</v>
      </c>
      <c r="B3044" s="239">
        <v>30.338000000000001</v>
      </c>
      <c r="C3044" s="3">
        <f t="shared" si="707"/>
        <v>30.331</v>
      </c>
      <c r="D3044" s="239">
        <v>1.4799</v>
      </c>
      <c r="E3044" s="239">
        <v>3.8300000000000001E-2</v>
      </c>
      <c r="F3044" s="239">
        <v>0.72929999999999995</v>
      </c>
      <c r="G3044">
        <f t="shared" si="708"/>
        <v>1.6257599999999999</v>
      </c>
      <c r="H3044" s="235">
        <f t="shared" si="709"/>
        <v>2.355821277433324</v>
      </c>
      <c r="I3044" s="236">
        <f t="shared" si="710"/>
        <v>17.709030534715964</v>
      </c>
      <c r="J3044" s="237">
        <f t="shared" si="715"/>
        <v>7.7090305347159642</v>
      </c>
      <c r="K3044" s="237">
        <f t="shared" si="711"/>
        <v>537.13260514846991</v>
      </c>
      <c r="L3044" s="237">
        <f t="shared" si="716"/>
        <v>233.87656836221294</v>
      </c>
      <c r="M3044" s="236">
        <f t="shared" si="712"/>
        <v>4.6547091163298333</v>
      </c>
      <c r="N3044" s="236">
        <f t="shared" si="713"/>
        <v>3.5181918240467813</v>
      </c>
      <c r="O3044" s="236">
        <f t="shared" si="717"/>
        <v>3.3123542703625701</v>
      </c>
      <c r="P3044" s="236" t="str">
        <f t="shared" si="718"/>
        <v>CLAY</v>
      </c>
      <c r="Q3044" s="236">
        <f t="shared" si="714"/>
        <v>90.718949570960831</v>
      </c>
      <c r="R3044" s="238">
        <v>35</v>
      </c>
      <c r="S3044" s="236">
        <f t="shared" si="719"/>
        <v>1.7092504042271932</v>
      </c>
      <c r="T3044" s="236" t="e">
        <f t="shared" si="705"/>
        <v>#N/A</v>
      </c>
    </row>
    <row r="3045" spans="1:20" x14ac:dyDescent="0.2">
      <c r="A3045" s="53">
        <f t="shared" si="706"/>
        <v>3033</v>
      </c>
      <c r="B3045" s="239">
        <v>30.347999999999999</v>
      </c>
      <c r="C3045" s="3">
        <f t="shared" si="707"/>
        <v>30.340999999999998</v>
      </c>
      <c r="D3045" s="239">
        <v>1.4782</v>
      </c>
      <c r="E3045" s="239">
        <v>3.8100000000000002E-2</v>
      </c>
      <c r="F3045" s="239">
        <v>0.74150000000000005</v>
      </c>
      <c r="G3045">
        <f t="shared" si="708"/>
        <v>1.6265000000000001</v>
      </c>
      <c r="H3045" s="235">
        <f t="shared" si="709"/>
        <v>2.3424531201967413</v>
      </c>
      <c r="I3045" s="236">
        <f t="shared" si="710"/>
        <v>17.703069149562744</v>
      </c>
      <c r="J3045" s="237">
        <f t="shared" si="715"/>
        <v>7.7030691495627437</v>
      </c>
      <c r="K3045" s="237">
        <f t="shared" si="711"/>
        <v>537.12882106688312</v>
      </c>
      <c r="L3045" s="237">
        <f t="shared" si="716"/>
        <v>233.77274255093013</v>
      </c>
      <c r="M3045" s="236">
        <f t="shared" si="712"/>
        <v>4.6599580731521106</v>
      </c>
      <c r="N3045" s="236">
        <f t="shared" si="713"/>
        <v>3.4974305119136249</v>
      </c>
      <c r="O3045" s="236">
        <f t="shared" si="717"/>
        <v>3.3105700769832485</v>
      </c>
      <c r="P3045" s="236" t="str">
        <f t="shared" si="718"/>
        <v>CLAY</v>
      </c>
      <c r="Q3045" s="236">
        <f t="shared" si="714"/>
        <v>90.780931577759745</v>
      </c>
      <c r="R3045" s="238">
        <v>35</v>
      </c>
      <c r="S3045" s="236">
        <f t="shared" si="719"/>
        <v>1.7116600730260869</v>
      </c>
      <c r="T3045" s="236" t="e">
        <f t="shared" si="705"/>
        <v>#N/A</v>
      </c>
    </row>
    <row r="3046" spans="1:20" x14ac:dyDescent="0.2">
      <c r="A3046" s="53">
        <f t="shared" si="706"/>
        <v>3034</v>
      </c>
      <c r="B3046" s="239">
        <v>30.356999999999999</v>
      </c>
      <c r="C3046" s="3">
        <f t="shared" si="707"/>
        <v>30.349999999999998</v>
      </c>
      <c r="D3046" s="239">
        <v>1.4678</v>
      </c>
      <c r="E3046" s="239">
        <v>3.9E-2</v>
      </c>
      <c r="F3046" s="239">
        <v>0.74950000000000006</v>
      </c>
      <c r="G3046">
        <f t="shared" si="708"/>
        <v>1.6176999999999999</v>
      </c>
      <c r="H3046" s="235">
        <f t="shared" si="709"/>
        <v>2.4108301910119305</v>
      </c>
      <c r="I3046" s="236">
        <f t="shared" si="710"/>
        <v>17.728325680298063</v>
      </c>
      <c r="J3046" s="237">
        <f t="shared" si="715"/>
        <v>7.7283256802980631</v>
      </c>
      <c r="K3046" s="237">
        <f t="shared" si="711"/>
        <v>538.05468439704623</v>
      </c>
      <c r="L3046" s="237">
        <f t="shared" si="716"/>
        <v>234.60878267680829</v>
      </c>
      <c r="M3046" s="236">
        <f t="shared" si="712"/>
        <v>4.6018964136148659</v>
      </c>
      <c r="N3046" s="236">
        <f t="shared" si="713"/>
        <v>3.6122974310521161</v>
      </c>
      <c r="O3046" s="236">
        <f t="shared" si="717"/>
        <v>3.3226672677951505</v>
      </c>
      <c r="P3046" s="236" t="str">
        <f t="shared" si="718"/>
        <v>CLAY</v>
      </c>
      <c r="Q3046" s="236">
        <f t="shared" si="714"/>
        <v>89.970442966912799</v>
      </c>
      <c r="R3046" s="238">
        <v>35</v>
      </c>
      <c r="S3046" s="236">
        <f t="shared" si="719"/>
        <v>1.6850432680436747</v>
      </c>
      <c r="T3046" s="236" t="e">
        <f t="shared" si="705"/>
        <v>#N/A</v>
      </c>
    </row>
    <row r="3047" spans="1:20" x14ac:dyDescent="0.2">
      <c r="A3047" s="53">
        <f t="shared" si="706"/>
        <v>3035</v>
      </c>
      <c r="B3047" s="239">
        <v>30.367999999999999</v>
      </c>
      <c r="C3047" s="3">
        <f t="shared" si="707"/>
        <v>30.360999999999997</v>
      </c>
      <c r="D3047" s="239">
        <v>1.4869000000000001</v>
      </c>
      <c r="E3047" s="239">
        <v>3.7100000000000001E-2</v>
      </c>
      <c r="F3047" s="239">
        <v>0.745</v>
      </c>
      <c r="G3047">
        <f t="shared" si="708"/>
        <v>1.6359000000000001</v>
      </c>
      <c r="H3047" s="235">
        <f t="shared" si="709"/>
        <v>2.2678647839109969</v>
      </c>
      <c r="I3047" s="236">
        <f t="shared" si="710"/>
        <v>17.674133687508945</v>
      </c>
      <c r="J3047" s="237">
        <f t="shared" si="715"/>
        <v>7.6741336875089452</v>
      </c>
      <c r="K3047" s="237">
        <f t="shared" si="711"/>
        <v>536.60437288645903</v>
      </c>
      <c r="L3047" s="237">
        <f t="shared" si="716"/>
        <v>233.04809182227163</v>
      </c>
      <c r="M3047" s="236">
        <f t="shared" si="712"/>
        <v>4.7170333750335605</v>
      </c>
      <c r="N3047" s="236">
        <f t="shared" si="713"/>
        <v>3.3748883453138778</v>
      </c>
      <c r="O3047" s="236">
        <f t="shared" si="717"/>
        <v>3.2978596556390833</v>
      </c>
      <c r="P3047" s="236" t="str">
        <f t="shared" si="718"/>
        <v>CLAY</v>
      </c>
      <c r="Q3047" s="236">
        <f t="shared" si="714"/>
        <v>91.607968926128422</v>
      </c>
      <c r="R3047" s="238">
        <v>35</v>
      </c>
      <c r="S3047" s="236">
        <f t="shared" si="719"/>
        <v>1.7379056495509393</v>
      </c>
      <c r="T3047" s="236" t="e">
        <f t="shared" si="705"/>
        <v>#N/A</v>
      </c>
    </row>
    <row r="3048" spans="1:20" x14ac:dyDescent="0.2">
      <c r="A3048" s="53">
        <f t="shared" si="706"/>
        <v>3036</v>
      </c>
      <c r="B3048" s="239">
        <v>30.378</v>
      </c>
      <c r="C3048" s="3">
        <f t="shared" si="707"/>
        <v>30.370999999999999</v>
      </c>
      <c r="D3048" s="239">
        <v>1.526</v>
      </c>
      <c r="E3048" s="239">
        <v>3.5299999999999998E-2</v>
      </c>
      <c r="F3048" s="239">
        <v>0.73860000000000003</v>
      </c>
      <c r="G3048">
        <f t="shared" si="708"/>
        <v>1.6737199999999999</v>
      </c>
      <c r="H3048" s="235">
        <f t="shared" si="709"/>
        <v>2.109074397151256</v>
      </c>
      <c r="I3048" s="236">
        <f t="shared" si="710"/>
        <v>17.624749284088907</v>
      </c>
      <c r="J3048" s="237">
        <f t="shared" si="715"/>
        <v>7.6247492840889066</v>
      </c>
      <c r="K3048" s="237">
        <f t="shared" si="711"/>
        <v>535.28126050706419</v>
      </c>
      <c r="L3048" s="237">
        <f t="shared" si="716"/>
        <v>231.6246337520528</v>
      </c>
      <c r="M3048" s="236">
        <f t="shared" si="712"/>
        <v>4.915015821294725</v>
      </c>
      <c r="N3048" s="236">
        <f t="shared" si="713"/>
        <v>3.1007377714256927</v>
      </c>
      <c r="O3048" s="236">
        <f t="shared" si="717"/>
        <v>3.2632861276910523</v>
      </c>
      <c r="P3048" s="236" t="str">
        <f t="shared" si="718"/>
        <v>CLAY</v>
      </c>
      <c r="Q3048" s="236">
        <f t="shared" si="714"/>
        <v>94.869894957744634</v>
      </c>
      <c r="R3048" s="238">
        <v>35</v>
      </c>
      <c r="S3048" s="236">
        <f t="shared" si="719"/>
        <v>1.8295579029858289</v>
      </c>
      <c r="T3048" s="236" t="e">
        <f t="shared" si="705"/>
        <v>#N/A</v>
      </c>
    </row>
    <row r="3049" spans="1:20" x14ac:dyDescent="0.2">
      <c r="A3049" s="53">
        <f t="shared" si="706"/>
        <v>3037</v>
      </c>
      <c r="B3049" s="239">
        <v>30.387</v>
      </c>
      <c r="C3049" s="3">
        <f t="shared" si="707"/>
        <v>30.38</v>
      </c>
      <c r="D3049" s="239">
        <v>1.5596000000000001</v>
      </c>
      <c r="E3049" s="239">
        <v>3.5799999999999998E-2</v>
      </c>
      <c r="F3049" s="239">
        <v>0.74409999999999998</v>
      </c>
      <c r="G3049">
        <f t="shared" si="708"/>
        <v>1.70842</v>
      </c>
      <c r="H3049" s="235">
        <f t="shared" si="709"/>
        <v>2.0955034476299739</v>
      </c>
      <c r="I3049" s="236">
        <f t="shared" si="710"/>
        <v>17.649262408575787</v>
      </c>
      <c r="J3049" s="237">
        <f t="shared" si="715"/>
        <v>7.6492624085757868</v>
      </c>
      <c r="K3049" s="237">
        <f t="shared" si="711"/>
        <v>536.18459197253242</v>
      </c>
      <c r="L3049" s="237">
        <f t="shared" si="716"/>
        <v>232.43813680939243</v>
      </c>
      <c r="M3049" s="236">
        <f t="shared" si="712"/>
        <v>5.0432146123626111</v>
      </c>
      <c r="N3049" s="236">
        <f t="shared" si="713"/>
        <v>3.0539940830008727</v>
      </c>
      <c r="O3049" s="236">
        <f t="shared" si="717"/>
        <v>3.2503051561350613</v>
      </c>
      <c r="P3049" s="236" t="str">
        <f t="shared" si="718"/>
        <v>CLAY</v>
      </c>
      <c r="Q3049" s="236">
        <f t="shared" si="714"/>
        <v>97.686284002288971</v>
      </c>
      <c r="R3049" s="238">
        <v>35</v>
      </c>
      <c r="S3049" s="236">
        <f t="shared" si="719"/>
        <v>1.8894017833525811</v>
      </c>
      <c r="T3049" s="236" t="e">
        <f t="shared" si="705"/>
        <v>#N/A</v>
      </c>
    </row>
    <row r="3050" spans="1:20" x14ac:dyDescent="0.2">
      <c r="A3050" s="53">
        <f t="shared" si="706"/>
        <v>3038</v>
      </c>
      <c r="B3050" s="239">
        <v>30.398</v>
      </c>
      <c r="C3050" s="3">
        <f t="shared" si="707"/>
        <v>30.390999999999998</v>
      </c>
      <c r="D3050" s="239">
        <v>1.5732999999999999</v>
      </c>
      <c r="E3050" s="239">
        <v>3.78E-2</v>
      </c>
      <c r="F3050" s="239">
        <v>0.74880000000000002</v>
      </c>
      <c r="G3050">
        <f t="shared" si="708"/>
        <v>1.7230599999999998</v>
      </c>
      <c r="H3050" s="235">
        <f t="shared" si="709"/>
        <v>2.1937715459705407</v>
      </c>
      <c r="I3050" s="236">
        <f t="shared" si="710"/>
        <v>17.716341274495729</v>
      </c>
      <c r="J3050" s="237">
        <f t="shared" si="715"/>
        <v>7.7163412744957292</v>
      </c>
      <c r="K3050" s="237">
        <f t="shared" si="711"/>
        <v>538.41732767319968</v>
      </c>
      <c r="L3050" s="237">
        <f t="shared" si="716"/>
        <v>234.56134206212118</v>
      </c>
      <c r="M3050" s="236">
        <f t="shared" si="712"/>
        <v>5.0504599859130215</v>
      </c>
      <c r="N3050" s="236">
        <f t="shared" si="713"/>
        <v>3.1908355897526155</v>
      </c>
      <c r="O3050" s="236">
        <f t="shared" si="717"/>
        <v>3.2598012504265879</v>
      </c>
      <c r="P3050" s="236" t="str">
        <f t="shared" si="718"/>
        <v>CLAY</v>
      </c>
      <c r="Q3050" s="236">
        <f t="shared" si="714"/>
        <v>98.720222693899998</v>
      </c>
      <c r="R3050" s="238">
        <v>35</v>
      </c>
      <c r="S3050" s="236">
        <f t="shared" si="719"/>
        <v>1.8927954221955581</v>
      </c>
      <c r="T3050" s="236" t="e">
        <f t="shared" si="705"/>
        <v>#N/A</v>
      </c>
    </row>
    <row r="3051" spans="1:20" x14ac:dyDescent="0.2">
      <c r="A3051" s="53">
        <f t="shared" si="706"/>
        <v>3039</v>
      </c>
      <c r="B3051" s="239">
        <v>30.407</v>
      </c>
      <c r="C3051" s="3">
        <f t="shared" si="707"/>
        <v>30.4</v>
      </c>
      <c r="D3051" s="239">
        <v>1.5727</v>
      </c>
      <c r="E3051" s="239">
        <v>3.9399999999999998E-2</v>
      </c>
      <c r="F3051" s="239">
        <v>0.76029999999999998</v>
      </c>
      <c r="G3051">
        <f t="shared" si="708"/>
        <v>1.7247599999999998</v>
      </c>
      <c r="H3051" s="235">
        <f t="shared" si="709"/>
        <v>2.2843757972123657</v>
      </c>
      <c r="I3051" s="236">
        <f t="shared" si="710"/>
        <v>17.765338657774425</v>
      </c>
      <c r="J3051" s="237">
        <f t="shared" si="715"/>
        <v>7.765338657774425</v>
      </c>
      <c r="K3051" s="237">
        <f t="shared" si="711"/>
        <v>540.06629519634248</v>
      </c>
      <c r="L3051" s="237">
        <f t="shared" si="716"/>
        <v>236.12065256694694</v>
      </c>
      <c r="M3051" s="236">
        <f t="shared" si="712"/>
        <v>5.0173235247508172</v>
      </c>
      <c r="N3051" s="236">
        <f t="shared" si="713"/>
        <v>3.3257541455856616</v>
      </c>
      <c r="O3051" s="236">
        <f t="shared" si="717"/>
        <v>3.2717680265933153</v>
      </c>
      <c r="P3051" s="236" t="str">
        <f t="shared" si="718"/>
        <v>CLAY</v>
      </c>
      <c r="Q3051" s="236">
        <f t="shared" si="714"/>
        <v>98.724475400304769</v>
      </c>
      <c r="R3051" s="238">
        <v>35</v>
      </c>
      <c r="S3051" s="236">
        <f t="shared" si="719"/>
        <v>1.8772847018210455</v>
      </c>
      <c r="T3051" s="236" t="e">
        <f t="shared" si="705"/>
        <v>#N/A</v>
      </c>
    </row>
    <row r="3052" spans="1:20" x14ac:dyDescent="0.2">
      <c r="A3052" s="53">
        <f t="shared" si="706"/>
        <v>3040</v>
      </c>
      <c r="B3052" s="239">
        <v>30.416</v>
      </c>
      <c r="C3052" s="3">
        <f t="shared" si="707"/>
        <v>30.408999999999999</v>
      </c>
      <c r="D3052" s="239">
        <v>1.5691999999999999</v>
      </c>
      <c r="E3052" s="239">
        <v>4.0599999999999997E-2</v>
      </c>
      <c r="F3052" s="239">
        <v>0.77239999999999998</v>
      </c>
      <c r="G3052">
        <f t="shared" si="708"/>
        <v>1.7236799999999999</v>
      </c>
      <c r="H3052" s="235">
        <f t="shared" si="709"/>
        <v>2.3554256010396362</v>
      </c>
      <c r="I3052" s="236">
        <f t="shared" si="710"/>
        <v>17.800274323292406</v>
      </c>
      <c r="J3052" s="237">
        <f t="shared" si="715"/>
        <v>7.8002743232924061</v>
      </c>
      <c r="K3052" s="237">
        <f t="shared" si="711"/>
        <v>541.28854189699871</v>
      </c>
      <c r="L3052" s="237">
        <f t="shared" si="716"/>
        <v>237.25314381726182</v>
      </c>
      <c r="M3052" s="236">
        <f t="shared" si="712"/>
        <v>4.9836703492271024</v>
      </c>
      <c r="N3052" s="236">
        <f t="shared" si="713"/>
        <v>3.4337189872072993</v>
      </c>
      <c r="O3052" s="236">
        <f t="shared" si="717"/>
        <v>3.2816448160315352</v>
      </c>
      <c r="P3052" s="236" t="str">
        <f t="shared" si="718"/>
        <v>CLAY</v>
      </c>
      <c r="Q3052" s="236">
        <f t="shared" si="714"/>
        <v>98.532621508583432</v>
      </c>
      <c r="R3052" s="238">
        <v>35</v>
      </c>
      <c r="S3052" s="236">
        <f t="shared" si="719"/>
        <v>1.8615583057199119</v>
      </c>
      <c r="T3052" s="236" t="e">
        <f t="shared" si="705"/>
        <v>#N/A</v>
      </c>
    </row>
    <row r="3053" spans="1:20" x14ac:dyDescent="0.2">
      <c r="A3053" s="53">
        <f t="shared" si="706"/>
        <v>3041</v>
      </c>
      <c r="B3053" s="239">
        <v>30.427</v>
      </c>
      <c r="C3053" s="3">
        <f t="shared" si="707"/>
        <v>30.419999999999998</v>
      </c>
      <c r="D3053" s="239">
        <v>1.6015999999999999</v>
      </c>
      <c r="E3053" s="239">
        <v>4.1000000000000002E-2</v>
      </c>
      <c r="F3053" s="239">
        <v>0.78080000000000005</v>
      </c>
      <c r="G3053">
        <f t="shared" si="708"/>
        <v>1.7577599999999998</v>
      </c>
      <c r="H3053" s="235">
        <f t="shared" si="709"/>
        <v>2.3325141088658299</v>
      </c>
      <c r="I3053" s="236">
        <f t="shared" si="710"/>
        <v>17.819423087132911</v>
      </c>
      <c r="J3053" s="237">
        <f t="shared" si="715"/>
        <v>7.8194230871329111</v>
      </c>
      <c r="K3053" s="237">
        <f t="shared" si="711"/>
        <v>542.06685031058316</v>
      </c>
      <c r="L3053" s="237">
        <f t="shared" si="716"/>
        <v>237.92158627219308</v>
      </c>
      <c r="M3053" s="236">
        <f t="shared" si="712"/>
        <v>5.1096378800140005</v>
      </c>
      <c r="N3053" s="236">
        <f t="shared" si="713"/>
        <v>3.3725615720113762</v>
      </c>
      <c r="O3053" s="236">
        <f t="shared" si="717"/>
        <v>3.2683104016138831</v>
      </c>
      <c r="P3053" s="236" t="str">
        <f t="shared" si="718"/>
        <v>CLAY</v>
      </c>
      <c r="Q3053" s="236">
        <f t="shared" si="714"/>
        <v>101.30776247411806</v>
      </c>
      <c r="R3053" s="238">
        <v>35</v>
      </c>
      <c r="S3053" s="236">
        <f t="shared" si="719"/>
        <v>1.9205590389924232</v>
      </c>
      <c r="T3053" s="236" t="e">
        <f t="shared" si="705"/>
        <v>#N/A</v>
      </c>
    </row>
    <row r="3054" spans="1:20" x14ac:dyDescent="0.2">
      <c r="A3054" s="53">
        <f t="shared" si="706"/>
        <v>3042</v>
      </c>
      <c r="B3054" s="239">
        <v>30.437000000000001</v>
      </c>
      <c r="C3054" s="3">
        <f t="shared" si="707"/>
        <v>30.43</v>
      </c>
      <c r="D3054" s="239">
        <v>1.5822000000000001</v>
      </c>
      <c r="E3054" s="239">
        <v>4.02E-2</v>
      </c>
      <c r="F3054" s="239">
        <v>0.80210000000000004</v>
      </c>
      <c r="G3054">
        <f t="shared" si="708"/>
        <v>1.7426200000000001</v>
      </c>
      <c r="H3054" s="235">
        <f t="shared" si="709"/>
        <v>2.3068712628111694</v>
      </c>
      <c r="I3054" s="236">
        <f t="shared" si="710"/>
        <v>17.792935822411383</v>
      </c>
      <c r="J3054" s="237">
        <f t="shared" si="715"/>
        <v>7.7929358224113834</v>
      </c>
      <c r="K3054" s="237">
        <f t="shared" si="711"/>
        <v>541.43903707597838</v>
      </c>
      <c r="L3054" s="237">
        <f t="shared" si="716"/>
        <v>237.19358762673528</v>
      </c>
      <c r="M3054" s="236">
        <f t="shared" si="712"/>
        <v>5.0641375888048277</v>
      </c>
      <c r="N3054" s="236">
        <f t="shared" si="713"/>
        <v>3.3467063865332651</v>
      </c>
      <c r="O3054" s="236">
        <f t="shared" si="717"/>
        <v>3.269808933556972</v>
      </c>
      <c r="P3054" s="236" t="str">
        <f t="shared" si="718"/>
        <v>CLAY</v>
      </c>
      <c r="Q3054" s="236">
        <f t="shared" si="714"/>
        <v>100.09841357700181</v>
      </c>
      <c r="R3054" s="238">
        <v>35</v>
      </c>
      <c r="S3054" s="236">
        <f t="shared" si="719"/>
        <v>1.8992051507879137</v>
      </c>
      <c r="T3054" s="236" t="e">
        <f t="shared" si="705"/>
        <v>#N/A</v>
      </c>
    </row>
    <row r="3055" spans="1:20" x14ac:dyDescent="0.2">
      <c r="A3055" s="53">
        <f t="shared" si="706"/>
        <v>3043</v>
      </c>
      <c r="B3055" s="239">
        <v>30.446000000000002</v>
      </c>
      <c r="C3055" s="3">
        <f t="shared" si="707"/>
        <v>30.439</v>
      </c>
      <c r="D3055" s="239">
        <v>1.5810999999999999</v>
      </c>
      <c r="E3055" s="239">
        <v>3.9399999999999998E-2</v>
      </c>
      <c r="F3055" s="239">
        <v>0.82199999999999995</v>
      </c>
      <c r="G3055">
        <f t="shared" si="708"/>
        <v>1.7454999999999998</v>
      </c>
      <c r="H3055" s="235">
        <f t="shared" si="709"/>
        <v>2.257232884560298</v>
      </c>
      <c r="I3055" s="236">
        <f t="shared" si="710"/>
        <v>17.770010721146715</v>
      </c>
      <c r="J3055" s="237">
        <f t="shared" si="715"/>
        <v>7.7700107211467149</v>
      </c>
      <c r="K3055" s="237">
        <f t="shared" si="711"/>
        <v>540.90135634098488</v>
      </c>
      <c r="L3055" s="237">
        <f t="shared" si="716"/>
        <v>236.56574641603288</v>
      </c>
      <c r="M3055" s="236">
        <f t="shared" si="712"/>
        <v>5.0920247834213717</v>
      </c>
      <c r="N3055" s="236">
        <f t="shared" si="713"/>
        <v>3.2707989675566109</v>
      </c>
      <c r="O3055" s="236">
        <f t="shared" si="717"/>
        <v>3.2624834171079207</v>
      </c>
      <c r="P3055" s="236" t="str">
        <f t="shared" si="718"/>
        <v>CLAY</v>
      </c>
      <c r="Q3055" s="236">
        <f t="shared" si="714"/>
        <v>100.38322030491791</v>
      </c>
      <c r="R3055" s="238">
        <v>35</v>
      </c>
      <c r="S3055" s="236">
        <f t="shared" si="719"/>
        <v>1.9122873168248222</v>
      </c>
      <c r="T3055" s="236" t="e">
        <f t="shared" si="705"/>
        <v>#N/A</v>
      </c>
    </row>
    <row r="3056" spans="1:20" x14ac:dyDescent="0.2">
      <c r="A3056" s="53">
        <f t="shared" si="706"/>
        <v>3044</v>
      </c>
      <c r="B3056" s="239">
        <v>30.457000000000001</v>
      </c>
      <c r="C3056" s="3">
        <f t="shared" si="707"/>
        <v>30.45</v>
      </c>
      <c r="D3056" s="239">
        <v>1.5888</v>
      </c>
      <c r="E3056" s="239">
        <v>3.8100000000000002E-2</v>
      </c>
      <c r="F3056" s="239">
        <v>0.83169999999999999</v>
      </c>
      <c r="G3056">
        <f t="shared" si="708"/>
        <v>1.7551399999999999</v>
      </c>
      <c r="H3056" s="235">
        <f t="shared" si="709"/>
        <v>2.1707670043415344</v>
      </c>
      <c r="I3056" s="236">
        <f t="shared" si="710"/>
        <v>17.732821076301381</v>
      </c>
      <c r="J3056" s="237">
        <f t="shared" si="715"/>
        <v>7.7328210763013807</v>
      </c>
      <c r="K3056" s="237">
        <f t="shared" si="711"/>
        <v>539.96440177337706</v>
      </c>
      <c r="L3056" s="237">
        <f t="shared" si="716"/>
        <v>235.51853152091115</v>
      </c>
      <c r="M3056" s="236">
        <f t="shared" si="712"/>
        <v>5.1595753012697854</v>
      </c>
      <c r="N3056" s="236">
        <f t="shared" si="713"/>
        <v>3.13534933186624</v>
      </c>
      <c r="O3056" s="236">
        <f t="shared" si="717"/>
        <v>3.2478939658868997</v>
      </c>
      <c r="P3056" s="236" t="str">
        <f t="shared" si="718"/>
        <v>CLAY</v>
      </c>
      <c r="Q3056" s="236">
        <f t="shared" si="714"/>
        <v>101.26463318555189</v>
      </c>
      <c r="R3056" s="238">
        <v>35</v>
      </c>
      <c r="S3056" s="236">
        <f t="shared" si="719"/>
        <v>1.9440500985562688</v>
      </c>
      <c r="T3056" s="236" t="e">
        <f t="shared" si="705"/>
        <v>#N/A</v>
      </c>
    </row>
    <row r="3057" spans="1:20" x14ac:dyDescent="0.2">
      <c r="A3057" s="53">
        <f t="shared" si="706"/>
        <v>3045</v>
      </c>
      <c r="B3057" s="239">
        <v>30.466999999999999</v>
      </c>
      <c r="C3057" s="3">
        <f t="shared" si="707"/>
        <v>30.459999999999997</v>
      </c>
      <c r="D3057" s="239">
        <v>1.5841000000000001</v>
      </c>
      <c r="E3057" s="239">
        <v>3.7100000000000001E-2</v>
      </c>
      <c r="F3057" s="239">
        <v>0.84289999999999998</v>
      </c>
      <c r="G3057">
        <f t="shared" si="708"/>
        <v>1.75268</v>
      </c>
      <c r="H3057" s="235">
        <f t="shared" si="709"/>
        <v>2.1167583358057374</v>
      </c>
      <c r="I3057" s="236">
        <f t="shared" si="710"/>
        <v>17.701084978165689</v>
      </c>
      <c r="J3057" s="237">
        <f t="shared" si="715"/>
        <v>7.7010849781656887</v>
      </c>
      <c r="K3057" s="237">
        <f t="shared" si="711"/>
        <v>539.17504843492679</v>
      </c>
      <c r="L3057" s="237">
        <f t="shared" si="716"/>
        <v>234.62895602977403</v>
      </c>
      <c r="M3057" s="236">
        <f t="shared" si="712"/>
        <v>5.1720170097465781</v>
      </c>
      <c r="N3057" s="236">
        <f t="shared" si="713"/>
        <v>3.0572598778564228</v>
      </c>
      <c r="O3057" s="236">
        <f t="shared" si="717"/>
        <v>3.2412295427481199</v>
      </c>
      <c r="P3057" s="236" t="str">
        <f t="shared" si="718"/>
        <v>CLAY</v>
      </c>
      <c r="Q3057" s="236">
        <f t="shared" si="714"/>
        <v>101.12541263042277</v>
      </c>
      <c r="R3057" s="238">
        <v>35</v>
      </c>
      <c r="S3057" s="236">
        <f t="shared" si="719"/>
        <v>1.9499116737325266</v>
      </c>
      <c r="T3057" s="236" t="e">
        <f t="shared" si="705"/>
        <v>#N/A</v>
      </c>
    </row>
    <row r="3058" spans="1:20" x14ac:dyDescent="0.2">
      <c r="A3058" s="53">
        <f t="shared" si="706"/>
        <v>3046</v>
      </c>
      <c r="B3058" s="239">
        <v>30.475999999999999</v>
      </c>
      <c r="C3058" s="3">
        <f t="shared" si="707"/>
        <v>30.468999999999998</v>
      </c>
      <c r="D3058" s="239">
        <v>1.5916999999999999</v>
      </c>
      <c r="E3058" s="239">
        <v>3.8399999999999997E-2</v>
      </c>
      <c r="F3058" s="239">
        <v>0.86519999999999997</v>
      </c>
      <c r="G3058">
        <f t="shared" si="708"/>
        <v>1.7647399999999998</v>
      </c>
      <c r="H3058" s="235">
        <f t="shared" si="709"/>
        <v>2.1759579314799917</v>
      </c>
      <c r="I3058" s="236">
        <f t="shared" si="710"/>
        <v>17.744150016833007</v>
      </c>
      <c r="J3058" s="237">
        <f t="shared" si="715"/>
        <v>7.7441500168330073</v>
      </c>
      <c r="K3058" s="237">
        <f t="shared" si="711"/>
        <v>540.64650686288485</v>
      </c>
      <c r="L3058" s="237">
        <f t="shared" si="716"/>
        <v>236.01071591300271</v>
      </c>
      <c r="M3058" s="236">
        <f t="shared" si="712"/>
        <v>5.1866013303749101</v>
      </c>
      <c r="N3058" s="236">
        <f t="shared" si="713"/>
        <v>3.1370152864376584</v>
      </c>
      <c r="O3058" s="236">
        <f t="shared" si="717"/>
        <v>3.246089920837385</v>
      </c>
      <c r="P3058" s="236" t="str">
        <f t="shared" si="718"/>
        <v>CLAY</v>
      </c>
      <c r="Q3058" s="236">
        <f t="shared" si="714"/>
        <v>102.00779109475957</v>
      </c>
      <c r="R3058" s="238">
        <v>35</v>
      </c>
      <c r="S3058" s="236">
        <f t="shared" si="719"/>
        <v>1.9567871716889231</v>
      </c>
      <c r="T3058" s="236" t="e">
        <f t="shared" si="705"/>
        <v>#N/A</v>
      </c>
    </row>
    <row r="3059" spans="1:20" x14ac:dyDescent="0.2">
      <c r="A3059" s="53">
        <f t="shared" si="706"/>
        <v>3047</v>
      </c>
      <c r="B3059" s="239">
        <v>30.486999999999998</v>
      </c>
      <c r="C3059" s="3">
        <f t="shared" si="707"/>
        <v>30.479999999999997</v>
      </c>
      <c r="D3059" s="239">
        <v>1.6704000000000001</v>
      </c>
      <c r="E3059" s="239">
        <v>3.9300000000000002E-2</v>
      </c>
      <c r="F3059" s="239">
        <v>0.88470000000000004</v>
      </c>
      <c r="G3059">
        <f t="shared" si="708"/>
        <v>1.84734</v>
      </c>
      <c r="H3059" s="235">
        <f t="shared" si="709"/>
        <v>2.1273831563220633</v>
      </c>
      <c r="I3059" s="236">
        <f t="shared" si="710"/>
        <v>17.789195091003368</v>
      </c>
      <c r="J3059" s="237">
        <f t="shared" si="715"/>
        <v>7.7891950910033678</v>
      </c>
      <c r="K3059" s="237">
        <f t="shared" si="711"/>
        <v>542.21466637378262</v>
      </c>
      <c r="L3059" s="237">
        <f t="shared" si="716"/>
        <v>237.46919073941967</v>
      </c>
      <c r="M3059" s="236">
        <f t="shared" si="712"/>
        <v>5.4959775184409541</v>
      </c>
      <c r="N3059" s="236">
        <f t="shared" si="713"/>
        <v>3.011205053449324</v>
      </c>
      <c r="O3059" s="236">
        <f t="shared" si="717"/>
        <v>3.2153340882629768</v>
      </c>
      <c r="P3059" s="236" t="str">
        <f t="shared" si="718"/>
        <v>CLAY</v>
      </c>
      <c r="Q3059" s="236">
        <f t="shared" si="714"/>
        <v>108.76044446885145</v>
      </c>
      <c r="R3059" s="238">
        <v>35</v>
      </c>
      <c r="S3059" s="236">
        <f t="shared" si="719"/>
        <v>2.1037599987960389</v>
      </c>
      <c r="T3059" s="236" t="e">
        <f t="shared" si="705"/>
        <v>#N/A</v>
      </c>
    </row>
    <row r="3060" spans="1:20" x14ac:dyDescent="0.2">
      <c r="A3060" s="53">
        <f t="shared" si="706"/>
        <v>3048</v>
      </c>
      <c r="B3060" s="239">
        <v>30.497</v>
      </c>
      <c r="C3060" s="3">
        <f t="shared" si="707"/>
        <v>30.49</v>
      </c>
      <c r="D3060" s="239">
        <v>1.8212999999999999</v>
      </c>
      <c r="E3060" s="239">
        <v>3.9600000000000003E-2</v>
      </c>
      <c r="F3060" s="239">
        <v>0.8831</v>
      </c>
      <c r="G3060">
        <f t="shared" si="708"/>
        <v>1.9979199999999999</v>
      </c>
      <c r="H3060" s="235">
        <f t="shared" si="709"/>
        <v>1.9820613437975496</v>
      </c>
      <c r="I3060" s="236">
        <f t="shared" si="710"/>
        <v>17.82874034131741</v>
      </c>
      <c r="J3060" s="237">
        <f t="shared" si="715"/>
        <v>7.8287403413174097</v>
      </c>
      <c r="K3060" s="237">
        <f t="shared" si="711"/>
        <v>543.59829300676779</v>
      </c>
      <c r="L3060" s="237">
        <f t="shared" si="716"/>
        <v>238.75309418915705</v>
      </c>
      <c r="M3060" s="236">
        <f t="shared" si="712"/>
        <v>6.0913208766250202</v>
      </c>
      <c r="N3060" s="236">
        <f t="shared" si="713"/>
        <v>2.7229188569200313</v>
      </c>
      <c r="O3060" s="236">
        <f t="shared" si="717"/>
        <v>3.1543484754436002</v>
      </c>
      <c r="P3060" s="236" t="str">
        <f t="shared" si="718"/>
        <v>CLAY</v>
      </c>
      <c r="Q3060" s="236">
        <f t="shared" si="714"/>
        <v>121.19347558276934</v>
      </c>
      <c r="R3060" s="238">
        <v>35</v>
      </c>
      <c r="S3060" s="236">
        <f t="shared" si="719"/>
        <v>2.3923755529995105</v>
      </c>
      <c r="T3060" s="236" t="e">
        <f t="shared" si="705"/>
        <v>#N/A</v>
      </c>
    </row>
    <row r="3061" spans="1:20" x14ac:dyDescent="0.2">
      <c r="A3061" s="53">
        <f t="shared" si="706"/>
        <v>3049</v>
      </c>
      <c r="B3061" s="239">
        <v>30.507000000000001</v>
      </c>
      <c r="C3061" s="3">
        <f t="shared" si="707"/>
        <v>30.5</v>
      </c>
      <c r="D3061" s="239">
        <v>1.9355</v>
      </c>
      <c r="E3061" s="239">
        <v>3.85E-2</v>
      </c>
      <c r="F3061" s="239">
        <v>0.874</v>
      </c>
      <c r="G3061">
        <f t="shared" si="708"/>
        <v>2.1103000000000001</v>
      </c>
      <c r="H3061" s="235">
        <f t="shared" si="709"/>
        <v>1.8243851585082689</v>
      </c>
      <c r="I3061" s="236">
        <f t="shared" si="710"/>
        <v>17.817096803100576</v>
      </c>
      <c r="J3061" s="237">
        <f t="shared" si="715"/>
        <v>7.8170968031005756</v>
      </c>
      <c r="K3061" s="237">
        <f t="shared" si="711"/>
        <v>543.42145249456757</v>
      </c>
      <c r="L3061" s="237">
        <f t="shared" si="716"/>
        <v>238.47617217218928</v>
      </c>
      <c r="M3061" s="236">
        <f t="shared" si="712"/>
        <v>6.5703778001522268</v>
      </c>
      <c r="N3061" s="236">
        <f t="shared" si="713"/>
        <v>2.457114500756576</v>
      </c>
      <c r="O3061" s="236">
        <f t="shared" si="717"/>
        <v>3.103022227472787</v>
      </c>
      <c r="P3061" s="236" t="str">
        <f t="shared" si="718"/>
        <v>CLAY</v>
      </c>
      <c r="Q3061" s="236">
        <f t="shared" si="714"/>
        <v>130.57321229211939</v>
      </c>
      <c r="R3061" s="238">
        <v>35</v>
      </c>
      <c r="S3061" s="236">
        <f t="shared" si="719"/>
        <v>2.6298315829013603</v>
      </c>
      <c r="T3061" s="236" t="e">
        <f t="shared" si="705"/>
        <v>#N/A</v>
      </c>
    </row>
    <row r="3062" spans="1:20" x14ac:dyDescent="0.2">
      <c r="A3062" s="53">
        <f t="shared" si="706"/>
        <v>3050</v>
      </c>
      <c r="B3062" s="239">
        <v>30.516999999999999</v>
      </c>
      <c r="C3062" s="3">
        <f t="shared" si="707"/>
        <v>30.509999999999998</v>
      </c>
      <c r="D3062" s="239">
        <v>2.0337999999999998</v>
      </c>
      <c r="E3062" s="239">
        <v>3.95E-2</v>
      </c>
      <c r="F3062" s="239">
        <v>0.86660000000000004</v>
      </c>
      <c r="G3062">
        <f t="shared" si="708"/>
        <v>2.2071199999999997</v>
      </c>
      <c r="H3062" s="235">
        <f t="shared" si="709"/>
        <v>1.7896625466671503</v>
      </c>
      <c r="I3062" s="236">
        <f t="shared" si="710"/>
        <v>17.864698564131679</v>
      </c>
      <c r="J3062" s="237">
        <f t="shared" si="715"/>
        <v>7.8646985641316789</v>
      </c>
      <c r="K3062" s="237">
        <f t="shared" si="711"/>
        <v>545.0519531916575</v>
      </c>
      <c r="L3062" s="237">
        <f t="shared" si="716"/>
        <v>240.00700608160645</v>
      </c>
      <c r="M3062" s="236">
        <f t="shared" si="712"/>
        <v>6.9250813713463479</v>
      </c>
      <c r="N3062" s="236">
        <f t="shared" si="713"/>
        <v>2.3765573302399723</v>
      </c>
      <c r="O3062" s="236">
        <f t="shared" si="717"/>
        <v>3.0759902907468266</v>
      </c>
      <c r="P3062" s="236" t="str">
        <f t="shared" si="718"/>
        <v>CLAY</v>
      </c>
      <c r="Q3062" s="236">
        <f t="shared" si="714"/>
        <v>138.50567056736188</v>
      </c>
      <c r="R3062" s="238">
        <v>35</v>
      </c>
      <c r="S3062" s="236">
        <f t="shared" si="719"/>
        <v>2.8084785399511762</v>
      </c>
      <c r="T3062" s="236" t="e">
        <f t="shared" si="705"/>
        <v>#N/A</v>
      </c>
    </row>
    <row r="3063" spans="1:20" x14ac:dyDescent="0.2">
      <c r="A3063" s="53">
        <f t="shared" si="706"/>
        <v>3051</v>
      </c>
      <c r="B3063" s="239">
        <v>30.526</v>
      </c>
      <c r="C3063" s="3">
        <f t="shared" si="707"/>
        <v>30.518999999999998</v>
      </c>
      <c r="D3063" s="239">
        <v>2.0729000000000002</v>
      </c>
      <c r="E3063" s="239">
        <v>3.9800000000000002E-2</v>
      </c>
      <c r="F3063" s="239">
        <v>0.85799999999999998</v>
      </c>
      <c r="G3063">
        <f t="shared" si="708"/>
        <v>2.2444999999999999</v>
      </c>
      <c r="H3063" s="235">
        <f t="shared" si="709"/>
        <v>1.7732234350634886</v>
      </c>
      <c r="I3063" s="236">
        <f t="shared" si="710"/>
        <v>17.880134997745348</v>
      </c>
      <c r="J3063" s="237">
        <f t="shared" si="715"/>
        <v>7.8801349977453476</v>
      </c>
      <c r="K3063" s="237">
        <f t="shared" si="711"/>
        <v>545.68383999619027</v>
      </c>
      <c r="L3063" s="237">
        <f t="shared" si="716"/>
        <v>240.54900094117448</v>
      </c>
      <c r="M3063" s="236">
        <f t="shared" si="712"/>
        <v>7.062245751830206</v>
      </c>
      <c r="N3063" s="236">
        <f t="shared" si="713"/>
        <v>2.342807946912322</v>
      </c>
      <c r="O3063" s="236">
        <f t="shared" si="717"/>
        <v>3.0654858420577331</v>
      </c>
      <c r="P3063" s="236" t="str">
        <f t="shared" si="718"/>
        <v>CLAY</v>
      </c>
      <c r="Q3063" s="236">
        <f t="shared" si="714"/>
        <v>141.56801333365081</v>
      </c>
      <c r="R3063" s="238">
        <v>35</v>
      </c>
      <c r="S3063" s="236">
        <f t="shared" si="719"/>
        <v>2.8781839115712389</v>
      </c>
      <c r="T3063" s="236" t="e">
        <f t="shared" si="705"/>
        <v>#N/A</v>
      </c>
    </row>
    <row r="3064" spans="1:20" x14ac:dyDescent="0.2">
      <c r="A3064" s="53">
        <f t="shared" si="706"/>
        <v>3052</v>
      </c>
      <c r="B3064" s="239">
        <v>30.536999999999999</v>
      </c>
      <c r="C3064" s="3">
        <f t="shared" si="707"/>
        <v>30.529999999999998</v>
      </c>
      <c r="D3064" s="239">
        <v>2.1435</v>
      </c>
      <c r="E3064" s="239">
        <v>3.95E-2</v>
      </c>
      <c r="F3064" s="239">
        <v>0.82820000000000005</v>
      </c>
      <c r="G3064">
        <f t="shared" si="708"/>
        <v>2.3091399999999997</v>
      </c>
      <c r="H3064" s="235">
        <f t="shared" si="709"/>
        <v>1.7105935543102628</v>
      </c>
      <c r="I3064" s="236">
        <f t="shared" si="710"/>
        <v>17.882360450530204</v>
      </c>
      <c r="J3064" s="237">
        <f t="shared" si="715"/>
        <v>7.8823604505302036</v>
      </c>
      <c r="K3064" s="237">
        <f t="shared" si="711"/>
        <v>545.94846455468712</v>
      </c>
      <c r="L3064" s="237">
        <f t="shared" si="716"/>
        <v>240.70364107784081</v>
      </c>
      <c r="M3064" s="236">
        <f t="shared" si="712"/>
        <v>7.3251552305148415</v>
      </c>
      <c r="N3064" s="236">
        <f t="shared" si="713"/>
        <v>2.2402557638200014</v>
      </c>
      <c r="O3064" s="236">
        <f t="shared" si="717"/>
        <v>3.041843832226562</v>
      </c>
      <c r="P3064" s="236" t="str">
        <f t="shared" si="718"/>
        <v>CLAY</v>
      </c>
      <c r="Q3064" s="236">
        <f t="shared" si="714"/>
        <v>146.93262795377606</v>
      </c>
      <c r="R3064" s="238">
        <v>35</v>
      </c>
      <c r="S3064" s="236">
        <f t="shared" si="719"/>
        <v>3.0127358074258979</v>
      </c>
      <c r="T3064" s="236" t="e">
        <f t="shared" si="705"/>
        <v>#N/A</v>
      </c>
    </row>
    <row r="3065" spans="1:20" x14ac:dyDescent="0.2">
      <c r="A3065" s="53">
        <f t="shared" si="706"/>
        <v>3053</v>
      </c>
      <c r="B3065" s="239">
        <v>30.547000000000001</v>
      </c>
      <c r="C3065" s="3">
        <f t="shared" si="707"/>
        <v>30.54</v>
      </c>
      <c r="D3065" s="239">
        <v>2.2227999999999999</v>
      </c>
      <c r="E3065" s="239">
        <v>3.85E-2</v>
      </c>
      <c r="F3065" s="239">
        <v>0.81599999999999995</v>
      </c>
      <c r="G3065">
        <f t="shared" si="708"/>
        <v>2.3859999999999997</v>
      </c>
      <c r="H3065" s="235">
        <f t="shared" si="709"/>
        <v>1.6135792120704109</v>
      </c>
      <c r="I3065" s="236">
        <f t="shared" si="710"/>
        <v>17.86509041945633</v>
      </c>
      <c r="J3065" s="237">
        <f t="shared" si="715"/>
        <v>7.8650904194563296</v>
      </c>
      <c r="K3065" s="237">
        <f t="shared" si="711"/>
        <v>545.59986141019624</v>
      </c>
      <c r="L3065" s="237">
        <f t="shared" si="716"/>
        <v>240.25491704313251</v>
      </c>
      <c r="M3065" s="236">
        <f t="shared" si="712"/>
        <v>7.6601975986173043</v>
      </c>
      <c r="N3065" s="236">
        <f t="shared" si="713"/>
        <v>2.0919363780042106</v>
      </c>
      <c r="O3065" s="236">
        <f t="shared" si="717"/>
        <v>3.0098911133843975</v>
      </c>
      <c r="P3065" s="236" t="str">
        <f t="shared" si="718"/>
        <v>CLAY</v>
      </c>
      <c r="Q3065" s="236">
        <f t="shared" si="714"/>
        <v>153.36667821581693</v>
      </c>
      <c r="R3065" s="238">
        <v>35</v>
      </c>
      <c r="S3065" s="236">
        <f t="shared" si="719"/>
        <v>3.1859574731485192</v>
      </c>
      <c r="T3065" s="236" t="e">
        <f t="shared" si="705"/>
        <v>#N/A</v>
      </c>
    </row>
    <row r="3066" spans="1:20" x14ac:dyDescent="0.2">
      <c r="A3066" s="53">
        <f t="shared" si="706"/>
        <v>3054</v>
      </c>
      <c r="B3066" s="239">
        <v>30.556000000000001</v>
      </c>
      <c r="C3066" s="3">
        <f t="shared" si="707"/>
        <v>30.548999999999999</v>
      </c>
      <c r="D3066" s="239">
        <v>2.3037000000000001</v>
      </c>
      <c r="E3066" s="239">
        <v>3.8399999999999997E-2</v>
      </c>
      <c r="F3066" s="239">
        <v>0.82130000000000003</v>
      </c>
      <c r="G3066">
        <f t="shared" si="708"/>
        <v>2.4679600000000002</v>
      </c>
      <c r="H3066" s="235">
        <f t="shared" si="709"/>
        <v>1.5559409390751873</v>
      </c>
      <c r="I3066" s="236">
        <f t="shared" si="710"/>
        <v>17.875241665020955</v>
      </c>
      <c r="J3066" s="237">
        <f t="shared" si="715"/>
        <v>7.8752416650209547</v>
      </c>
      <c r="K3066" s="237">
        <f t="shared" si="711"/>
        <v>546.07075762472516</v>
      </c>
      <c r="L3066" s="237">
        <f t="shared" si="716"/>
        <v>240.6358843163803</v>
      </c>
      <c r="M3066" s="236">
        <f t="shared" si="712"/>
        <v>7.9867109090364803</v>
      </c>
      <c r="N3066" s="236">
        <f t="shared" si="713"/>
        <v>1.9980339737237511</v>
      </c>
      <c r="O3066" s="236">
        <f t="shared" si="717"/>
        <v>2.9841191919940688</v>
      </c>
      <c r="P3066" s="236" t="str">
        <f t="shared" si="718"/>
        <v>CLAY</v>
      </c>
      <c r="Q3066" s="236">
        <f t="shared" si="714"/>
        <v>160.15743686460624</v>
      </c>
      <c r="R3066" s="238">
        <v>35</v>
      </c>
      <c r="S3066" s="236">
        <f t="shared" si="719"/>
        <v>3.3566028937391343</v>
      </c>
      <c r="T3066" s="236" t="e">
        <f t="shared" si="705"/>
        <v>#N/A</v>
      </c>
    </row>
    <row r="3067" spans="1:20" x14ac:dyDescent="0.2">
      <c r="A3067" s="53">
        <f t="shared" si="706"/>
        <v>3055</v>
      </c>
      <c r="B3067" s="239">
        <v>30.565999999999999</v>
      </c>
      <c r="C3067" s="3">
        <f t="shared" si="707"/>
        <v>30.558999999999997</v>
      </c>
      <c r="D3067" s="239">
        <v>2.3374999999999999</v>
      </c>
      <c r="E3067" s="239">
        <v>3.9100000000000003E-2</v>
      </c>
      <c r="F3067" s="239">
        <v>0.8226</v>
      </c>
      <c r="G3067">
        <f t="shared" si="708"/>
        <v>2.5020199999999999</v>
      </c>
      <c r="H3067" s="235">
        <f t="shared" si="709"/>
        <v>1.5627373082549301</v>
      </c>
      <c r="I3067" s="236">
        <f t="shared" si="710"/>
        <v>17.901781998581235</v>
      </c>
      <c r="J3067" s="237">
        <f t="shared" si="715"/>
        <v>7.9017819985812352</v>
      </c>
      <c r="K3067" s="237">
        <f t="shared" si="711"/>
        <v>547.06055609464397</v>
      </c>
      <c r="L3067" s="237">
        <f t="shared" si="716"/>
        <v>241.52586856863402</v>
      </c>
      <c r="M3067" s="236">
        <f t="shared" si="712"/>
        <v>8.0942031406040389</v>
      </c>
      <c r="N3067" s="236">
        <f t="shared" si="713"/>
        <v>2.0000414904716006</v>
      </c>
      <c r="O3067" s="236">
        <f t="shared" si="717"/>
        <v>2.9793475122098405</v>
      </c>
      <c r="P3067" s="236" t="str">
        <f t="shared" si="718"/>
        <v>CLAY</v>
      </c>
      <c r="Q3067" s="236">
        <f t="shared" si="714"/>
        <v>162.913286992113</v>
      </c>
      <c r="R3067" s="238">
        <v>35</v>
      </c>
      <c r="S3067" s="236">
        <f t="shared" si="719"/>
        <v>3.4131677487247827</v>
      </c>
      <c r="T3067" s="236" t="e">
        <f t="shared" si="705"/>
        <v>#N/A</v>
      </c>
    </row>
    <row r="3068" spans="1:20" x14ac:dyDescent="0.2">
      <c r="A3068" s="53">
        <f t="shared" si="706"/>
        <v>3056</v>
      </c>
      <c r="B3068" s="239">
        <v>30.576000000000001</v>
      </c>
      <c r="C3068" s="3">
        <f t="shared" si="707"/>
        <v>30.568999999999999</v>
      </c>
      <c r="D3068" s="239">
        <v>2.3744999999999998</v>
      </c>
      <c r="E3068" s="239">
        <v>3.8699999999999998E-2</v>
      </c>
      <c r="F3068" s="239">
        <v>0.8216</v>
      </c>
      <c r="G3068">
        <f t="shared" si="708"/>
        <v>2.5388199999999999</v>
      </c>
      <c r="H3068" s="235">
        <f t="shared" si="709"/>
        <v>1.524330200644394</v>
      </c>
      <c r="I3068" s="236">
        <f t="shared" si="710"/>
        <v>17.895431379731285</v>
      </c>
      <c r="J3068" s="237">
        <f t="shared" si="715"/>
        <v>7.8954313797312849</v>
      </c>
      <c r="K3068" s="237">
        <f t="shared" si="711"/>
        <v>547.04544184700558</v>
      </c>
      <c r="L3068" s="237">
        <f t="shared" si="716"/>
        <v>241.41070986666378</v>
      </c>
      <c r="M3068" s="236">
        <f t="shared" si="712"/>
        <v>8.2505641910132876</v>
      </c>
      <c r="N3068" s="236">
        <f t="shared" si="713"/>
        <v>1.9429909796562093</v>
      </c>
      <c r="O3068" s="236">
        <f t="shared" si="717"/>
        <v>2.9657932951643255</v>
      </c>
      <c r="P3068" s="236" t="str">
        <f t="shared" si="718"/>
        <v>CLAY</v>
      </c>
      <c r="Q3068" s="236">
        <f t="shared" si="714"/>
        <v>165.98121317941619</v>
      </c>
      <c r="R3068" s="238">
        <v>35</v>
      </c>
      <c r="S3068" s="236">
        <f t="shared" si="719"/>
        <v>3.4957838213300385</v>
      </c>
      <c r="T3068" s="236" t="e">
        <f t="shared" si="705"/>
        <v>#N/A</v>
      </c>
    </row>
    <row r="3069" spans="1:20" x14ac:dyDescent="0.2">
      <c r="A3069" s="53">
        <f t="shared" si="706"/>
        <v>3057</v>
      </c>
      <c r="B3069" s="239">
        <v>30.585999999999999</v>
      </c>
      <c r="C3069" s="3">
        <f t="shared" si="707"/>
        <v>30.578999999999997</v>
      </c>
      <c r="D3069" s="239">
        <v>2.4180000000000001</v>
      </c>
      <c r="E3069" s="239">
        <v>3.8100000000000002E-2</v>
      </c>
      <c r="F3069" s="239">
        <v>0.82669999999999999</v>
      </c>
      <c r="G3069">
        <f t="shared" si="708"/>
        <v>2.5833400000000002</v>
      </c>
      <c r="H3069" s="235">
        <f t="shared" si="709"/>
        <v>1.4748349036518615</v>
      </c>
      <c r="I3069" s="236">
        <f t="shared" si="710"/>
        <v>17.883903900397296</v>
      </c>
      <c r="J3069" s="237">
        <f t="shared" si="715"/>
        <v>7.8839039003972964</v>
      </c>
      <c r="K3069" s="237">
        <f t="shared" si="711"/>
        <v>546.87189737024892</v>
      </c>
      <c r="L3069" s="237">
        <f t="shared" si="716"/>
        <v>241.1370846975517</v>
      </c>
      <c r="M3069" s="236">
        <f t="shared" si="712"/>
        <v>8.4452713077460029</v>
      </c>
      <c r="N3069" s="236">
        <f t="shared" si="713"/>
        <v>1.8708861656512248</v>
      </c>
      <c r="O3069" s="236">
        <f t="shared" si="717"/>
        <v>2.9487318773160318</v>
      </c>
      <c r="P3069" s="236" t="str">
        <f t="shared" si="718"/>
        <v>CLAY</v>
      </c>
      <c r="Q3069" s="236">
        <f t="shared" si="714"/>
        <v>169.70567521914595</v>
      </c>
      <c r="R3069" s="238">
        <v>35</v>
      </c>
      <c r="S3069" s="236">
        <f t="shared" si="719"/>
        <v>3.599208586114353</v>
      </c>
      <c r="T3069" s="236" t="e">
        <f t="shared" si="705"/>
        <v>#N/A</v>
      </c>
    </row>
    <row r="3070" spans="1:20" x14ac:dyDescent="0.2">
      <c r="A3070" s="53">
        <f t="shared" si="706"/>
        <v>3058</v>
      </c>
      <c r="B3070" s="239">
        <v>30.596</v>
      </c>
      <c r="C3070" s="3">
        <f t="shared" si="707"/>
        <v>30.588999999999999</v>
      </c>
      <c r="D3070" s="239">
        <v>2.4775</v>
      </c>
      <c r="E3070" s="239">
        <v>3.8800000000000001E-2</v>
      </c>
      <c r="F3070" s="239">
        <v>0.83360000000000001</v>
      </c>
      <c r="G3070">
        <f t="shared" si="708"/>
        <v>2.6442199999999998</v>
      </c>
      <c r="H3070" s="235">
        <f t="shared" si="709"/>
        <v>1.467351430667645</v>
      </c>
      <c r="I3070" s="236">
        <f t="shared" si="710"/>
        <v>17.914356540675254</v>
      </c>
      <c r="J3070" s="237">
        <f t="shared" si="715"/>
        <v>7.9143565406752536</v>
      </c>
      <c r="K3070" s="237">
        <f t="shared" si="711"/>
        <v>547.98225222271526</v>
      </c>
      <c r="L3070" s="237">
        <f t="shared" si="716"/>
        <v>242.14765271850007</v>
      </c>
      <c r="M3070" s="236">
        <f t="shared" si="712"/>
        <v>8.6568576000783661</v>
      </c>
      <c r="N3070" s="236">
        <f t="shared" si="713"/>
        <v>1.8509350879279332</v>
      </c>
      <c r="O3070" s="236">
        <f t="shared" si="717"/>
        <v>2.937106829934339</v>
      </c>
      <c r="P3070" s="236" t="str">
        <f t="shared" si="718"/>
        <v>CLAY</v>
      </c>
      <c r="Q3070" s="236">
        <f t="shared" si="714"/>
        <v>174.68647898144036</v>
      </c>
      <c r="R3070" s="238">
        <v>35</v>
      </c>
      <c r="S3070" s="236">
        <f t="shared" si="719"/>
        <v>3.7122767963234127</v>
      </c>
      <c r="T3070" s="236" t="e">
        <f t="shared" si="705"/>
        <v>#N/A</v>
      </c>
    </row>
    <row r="3071" spans="1:20" x14ac:dyDescent="0.2">
      <c r="A3071" s="53">
        <f t="shared" si="706"/>
        <v>3059</v>
      </c>
      <c r="B3071" s="239">
        <v>30.606000000000002</v>
      </c>
      <c r="C3071" s="3">
        <f t="shared" si="707"/>
        <v>30.599</v>
      </c>
      <c r="D3071" s="239">
        <v>2.6019999999999999</v>
      </c>
      <c r="E3071" s="239">
        <v>4.1099999999999998E-2</v>
      </c>
      <c r="F3071" s="239">
        <v>0.8448</v>
      </c>
      <c r="G3071">
        <f t="shared" si="708"/>
        <v>2.7709599999999996</v>
      </c>
      <c r="H3071" s="235">
        <f t="shared" si="709"/>
        <v>1.4832404653982736</v>
      </c>
      <c r="I3071" s="236">
        <f t="shared" si="710"/>
        <v>18.000183204387646</v>
      </c>
      <c r="J3071" s="237">
        <f t="shared" si="715"/>
        <v>8.0001832043876462</v>
      </c>
      <c r="K3071" s="237">
        <f t="shared" si="711"/>
        <v>550.78760587105762</v>
      </c>
      <c r="L3071" s="237">
        <f t="shared" si="716"/>
        <v>244.85360715348833</v>
      </c>
      <c r="M3071" s="236">
        <f t="shared" si="712"/>
        <v>9.0673460764546139</v>
      </c>
      <c r="N3071" s="236">
        <f t="shared" si="713"/>
        <v>1.851207595801365</v>
      </c>
      <c r="O3071" s="236">
        <f t="shared" si="717"/>
        <v>2.9198079612778245</v>
      </c>
      <c r="P3071" s="236" t="str">
        <f t="shared" si="718"/>
        <v>CLAY</v>
      </c>
      <c r="Q3071" s="236">
        <f t="shared" si="714"/>
        <v>185.01436617741183</v>
      </c>
      <c r="R3071" s="238">
        <v>35</v>
      </c>
      <c r="S3071" s="236">
        <f t="shared" si="719"/>
        <v>3.9336004825596134</v>
      </c>
      <c r="T3071" s="236" t="e">
        <f t="shared" si="705"/>
        <v>#N/A</v>
      </c>
    </row>
    <row r="3072" spans="1:20" x14ac:dyDescent="0.2">
      <c r="A3072" s="53">
        <f t="shared" si="706"/>
        <v>3060</v>
      </c>
      <c r="B3072" s="239">
        <v>30.616</v>
      </c>
      <c r="C3072" s="3">
        <f t="shared" si="707"/>
        <v>30.608999999999998</v>
      </c>
      <c r="D3072" s="239">
        <v>2.8464999999999998</v>
      </c>
      <c r="E3072" s="239">
        <v>4.4200000000000003E-2</v>
      </c>
      <c r="F3072" s="239">
        <v>0.82779999999999998</v>
      </c>
      <c r="G3072">
        <f t="shared" si="708"/>
        <v>3.01206</v>
      </c>
      <c r="H3072" s="235">
        <f t="shared" si="709"/>
        <v>1.4674342476577493</v>
      </c>
      <c r="I3072" s="236">
        <f t="shared" si="710"/>
        <v>18.118060438479333</v>
      </c>
      <c r="J3072" s="237">
        <f t="shared" si="715"/>
        <v>8.1180604384793327</v>
      </c>
      <c r="K3072" s="237">
        <f t="shared" si="711"/>
        <v>554.57571196141384</v>
      </c>
      <c r="L3072" s="237">
        <f t="shared" si="716"/>
        <v>248.54253838448324</v>
      </c>
      <c r="M3072" s="236">
        <f t="shared" si="712"/>
        <v>9.8875802267577111</v>
      </c>
      <c r="N3072" s="236">
        <f t="shared" si="713"/>
        <v>1.7985872876232201</v>
      </c>
      <c r="O3072" s="236">
        <f t="shared" si="717"/>
        <v>2.8810766033992592</v>
      </c>
      <c r="P3072" s="236" t="str">
        <f t="shared" si="718"/>
        <v>CLAY</v>
      </c>
      <c r="Q3072" s="236">
        <f t="shared" si="714"/>
        <v>204.79035733654882</v>
      </c>
      <c r="R3072" s="238">
        <v>35</v>
      </c>
      <c r="S3072" s="236">
        <f t="shared" si="719"/>
        <v>4.3833135106199972</v>
      </c>
      <c r="T3072" s="236" t="e">
        <f t="shared" si="705"/>
        <v>#N/A</v>
      </c>
    </row>
    <row r="3073" spans="1:20" x14ac:dyDescent="0.2">
      <c r="A3073" s="53">
        <f t="shared" si="706"/>
        <v>3061</v>
      </c>
      <c r="B3073" s="239">
        <v>30.625</v>
      </c>
      <c r="C3073" s="3">
        <f t="shared" si="707"/>
        <v>30.617999999999999</v>
      </c>
      <c r="D3073" s="239">
        <v>3.2073999999999998</v>
      </c>
      <c r="E3073" s="239">
        <v>4.5499999999999999E-2</v>
      </c>
      <c r="F3073" s="239">
        <v>0.82279999999999998</v>
      </c>
      <c r="G3073">
        <f t="shared" si="708"/>
        <v>3.3719599999999996</v>
      </c>
      <c r="H3073" s="235">
        <f t="shared" si="709"/>
        <v>1.3493635748941271</v>
      </c>
      <c r="I3073" s="236">
        <f t="shared" si="710"/>
        <v>18.196167998090729</v>
      </c>
      <c r="J3073" s="237">
        <f t="shared" si="715"/>
        <v>8.1961679980907292</v>
      </c>
      <c r="K3073" s="237">
        <f t="shared" si="711"/>
        <v>557.13027176554192</v>
      </c>
      <c r="L3073" s="237">
        <f t="shared" si="716"/>
        <v>251.00764494152858</v>
      </c>
      <c r="M3073" s="236">
        <f t="shared" si="712"/>
        <v>11.214119509747055</v>
      </c>
      <c r="N3073" s="236">
        <f t="shared" si="713"/>
        <v>1.6164388042234765</v>
      </c>
      <c r="O3073" s="236">
        <f t="shared" si="717"/>
        <v>2.8103946634630956</v>
      </c>
      <c r="P3073" s="236" t="str">
        <f t="shared" si="718"/>
        <v>CLAY</v>
      </c>
      <c r="Q3073" s="236">
        <f t="shared" si="714"/>
        <v>234.56914401953813</v>
      </c>
      <c r="R3073" s="238">
        <v>35</v>
      </c>
      <c r="S3073" s="236">
        <f t="shared" si="719"/>
        <v>5.1303439690169403</v>
      </c>
      <c r="T3073" s="236" t="e">
        <f t="shared" si="705"/>
        <v>#N/A</v>
      </c>
    </row>
    <row r="3074" spans="1:20" x14ac:dyDescent="0.2">
      <c r="A3074" s="53">
        <f t="shared" si="706"/>
        <v>3062</v>
      </c>
      <c r="B3074" s="239">
        <v>30.635999999999999</v>
      </c>
      <c r="C3074" s="3">
        <f t="shared" si="707"/>
        <v>30.628999999999998</v>
      </c>
      <c r="D3074" s="239">
        <v>3.7050999999999998</v>
      </c>
      <c r="E3074" s="239">
        <v>4.2299999999999997E-2</v>
      </c>
      <c r="F3074" s="239">
        <v>0.78169999999999995</v>
      </c>
      <c r="G3074">
        <f t="shared" si="708"/>
        <v>3.86144</v>
      </c>
      <c r="H3074" s="235">
        <f t="shared" si="709"/>
        <v>1.0954462583906521</v>
      </c>
      <c r="I3074" s="236">
        <f t="shared" si="710"/>
        <v>18.16363640824266</v>
      </c>
      <c r="J3074" s="237">
        <f t="shared" si="715"/>
        <v>8.1636364082426596</v>
      </c>
      <c r="K3074" s="237">
        <f t="shared" si="711"/>
        <v>556.33401954806436</v>
      </c>
      <c r="L3074" s="237">
        <f t="shared" si="716"/>
        <v>250.1011650029221</v>
      </c>
      <c r="M3074" s="236">
        <f t="shared" si="712"/>
        <v>13.21507630887413</v>
      </c>
      <c r="N3074" s="236">
        <f t="shared" si="713"/>
        <v>1.2798379310734223</v>
      </c>
      <c r="O3074" s="236">
        <f t="shared" si="717"/>
        <v>2.6979277241054933</v>
      </c>
      <c r="P3074" s="236" t="str">
        <f t="shared" si="718"/>
        <v>CLAY</v>
      </c>
      <c r="Q3074" s="236">
        <f t="shared" si="714"/>
        <v>275.4254983709946</v>
      </c>
      <c r="R3074" s="238">
        <v>35</v>
      </c>
      <c r="S3074" s="236">
        <f t="shared" si="719"/>
        <v>6.2990796910846374</v>
      </c>
      <c r="T3074" s="236" t="e">
        <f t="shared" si="705"/>
        <v>#N/A</v>
      </c>
    </row>
    <row r="3075" spans="1:20" x14ac:dyDescent="0.2">
      <c r="A3075" s="53">
        <f t="shared" si="706"/>
        <v>3063</v>
      </c>
      <c r="B3075" s="239">
        <v>30.645</v>
      </c>
      <c r="C3075" s="3">
        <f t="shared" si="707"/>
        <v>30.637999999999998</v>
      </c>
      <c r="D3075" s="239">
        <v>4.2906000000000004</v>
      </c>
      <c r="E3075" s="239">
        <v>4.2900000000000001E-2</v>
      </c>
      <c r="F3075" s="239">
        <v>0.747</v>
      </c>
      <c r="G3075">
        <f t="shared" si="708"/>
        <v>4.4400000000000004</v>
      </c>
      <c r="H3075" s="235">
        <f t="shared" si="709"/>
        <v>0.96621621621621601</v>
      </c>
      <c r="I3075" s="236">
        <f t="shared" si="710"/>
        <v>18.2347224163844</v>
      </c>
      <c r="J3075" s="237">
        <f t="shared" si="715"/>
        <v>8.2347224163844004</v>
      </c>
      <c r="K3075" s="237">
        <f t="shared" si="711"/>
        <v>558.67542539318526</v>
      </c>
      <c r="L3075" s="237">
        <f t="shared" si="716"/>
        <v>252.35306845009995</v>
      </c>
      <c r="M3075" s="236">
        <f t="shared" si="712"/>
        <v>15.38053251519826</v>
      </c>
      <c r="N3075" s="236">
        <f t="shared" si="713"/>
        <v>1.1052927724898103</v>
      </c>
      <c r="O3075" s="236">
        <f t="shared" si="717"/>
        <v>2.6093283962357052</v>
      </c>
      <c r="P3075" s="236" t="str">
        <f t="shared" si="718"/>
        <v>CLAY</v>
      </c>
      <c r="Q3075" s="236">
        <f t="shared" si="714"/>
        <v>323.4437145505679</v>
      </c>
      <c r="R3075" s="238">
        <v>35</v>
      </c>
      <c r="S3075" s="236">
        <f t="shared" si="719"/>
        <v>7.6147250023720794</v>
      </c>
      <c r="T3075" s="236" t="e">
        <f t="shared" si="705"/>
        <v>#N/A</v>
      </c>
    </row>
    <row r="3076" spans="1:20" x14ac:dyDescent="0.2">
      <c r="A3076" s="53">
        <f t="shared" si="706"/>
        <v>3064</v>
      </c>
      <c r="B3076" s="239">
        <v>30.655000000000001</v>
      </c>
      <c r="C3076" s="3">
        <f t="shared" si="707"/>
        <v>30.648</v>
      </c>
      <c r="D3076" s="239">
        <v>4.9208999999999996</v>
      </c>
      <c r="E3076" s="239">
        <v>4.4299999999999999E-2</v>
      </c>
      <c r="F3076" s="239">
        <v>0.69410000000000005</v>
      </c>
      <c r="G3076">
        <f t="shared" si="708"/>
        <v>5.0597199999999996</v>
      </c>
      <c r="H3076" s="235">
        <f t="shared" si="709"/>
        <v>0.87554252013945444</v>
      </c>
      <c r="I3076" s="236">
        <f t="shared" si="710"/>
        <v>18.323446950846996</v>
      </c>
      <c r="J3076" s="237">
        <f t="shared" si="715"/>
        <v>8.3234469508469964</v>
      </c>
      <c r="K3076" s="237">
        <f t="shared" si="711"/>
        <v>561.57700214955878</v>
      </c>
      <c r="L3076" s="237">
        <f t="shared" si="716"/>
        <v>255.1552662782147</v>
      </c>
      <c r="M3076" s="236">
        <f t="shared" si="712"/>
        <v>17.62904236099827</v>
      </c>
      <c r="N3076" s="236">
        <f t="shared" si="713"/>
        <v>0.98485086003646305</v>
      </c>
      <c r="O3076" s="236">
        <f t="shared" si="717"/>
        <v>2.5332640197236653</v>
      </c>
      <c r="P3076" s="236" t="str">
        <f t="shared" si="718"/>
        <v>SAND</v>
      </c>
      <c r="Q3076" s="236" t="e">
        <f t="shared" si="714"/>
        <v>#N/A</v>
      </c>
      <c r="R3076" s="238">
        <v>35</v>
      </c>
      <c r="S3076" s="236" t="e">
        <f t="shared" si="719"/>
        <v>#N/A</v>
      </c>
      <c r="T3076" s="236">
        <f t="shared" si="705"/>
        <v>31.308515934729286</v>
      </c>
    </row>
    <row r="3077" spans="1:20" x14ac:dyDescent="0.2">
      <c r="A3077" s="53">
        <f t="shared" si="706"/>
        <v>3065</v>
      </c>
      <c r="B3077" s="239">
        <v>30.664000000000001</v>
      </c>
      <c r="C3077" s="3">
        <f t="shared" si="707"/>
        <v>30.657</v>
      </c>
      <c r="D3077" s="239">
        <v>5.6208999999999998</v>
      </c>
      <c r="E3077" s="239">
        <v>4.48E-2</v>
      </c>
      <c r="F3077" s="239">
        <v>0.64439999999999997</v>
      </c>
      <c r="G3077">
        <f t="shared" si="708"/>
        <v>5.7497799999999994</v>
      </c>
      <c r="H3077" s="235">
        <f t="shared" si="709"/>
        <v>0.77916024613115631</v>
      </c>
      <c r="I3077" s="236">
        <f t="shared" si="710"/>
        <v>18.386579797275971</v>
      </c>
      <c r="J3077" s="237">
        <f t="shared" si="715"/>
        <v>8.3865797972759708</v>
      </c>
      <c r="K3077" s="237">
        <f t="shared" si="711"/>
        <v>563.67737684508938</v>
      </c>
      <c r="L3077" s="237">
        <f t="shared" si="716"/>
        <v>257.16608290367037</v>
      </c>
      <c r="M3077" s="236">
        <f t="shared" si="712"/>
        <v>20.166355394142421</v>
      </c>
      <c r="N3077" s="236">
        <f t="shared" si="713"/>
        <v>0.86384715566516102</v>
      </c>
      <c r="O3077" s="236">
        <f t="shared" si="717"/>
        <v>2.4548288629697672</v>
      </c>
      <c r="P3077" s="236" t="str">
        <f t="shared" si="718"/>
        <v>SAND</v>
      </c>
      <c r="Q3077" s="236" t="e">
        <f t="shared" si="714"/>
        <v>#N/A</v>
      </c>
      <c r="R3077" s="238">
        <v>35</v>
      </c>
      <c r="S3077" s="236" t="e">
        <f t="shared" si="719"/>
        <v>#N/A</v>
      </c>
      <c r="T3077" s="236">
        <f t="shared" si="705"/>
        <v>31.950901581997449</v>
      </c>
    </row>
    <row r="3078" spans="1:20" x14ac:dyDescent="0.2">
      <c r="A3078" s="53">
        <f t="shared" si="706"/>
        <v>3066</v>
      </c>
      <c r="B3078" s="239">
        <v>30.675000000000001</v>
      </c>
      <c r="C3078" s="3">
        <f t="shared" si="707"/>
        <v>30.667999999999999</v>
      </c>
      <c r="D3078" s="239">
        <v>6.4085999999999999</v>
      </c>
      <c r="E3078" s="239">
        <v>4.8399999999999999E-2</v>
      </c>
      <c r="F3078" s="239">
        <v>0.60199999999999998</v>
      </c>
      <c r="G3078">
        <f t="shared" si="708"/>
        <v>6.5289999999999999</v>
      </c>
      <c r="H3078" s="235">
        <f t="shared" si="709"/>
        <v>0.74130801041507122</v>
      </c>
      <c r="I3078" s="236">
        <f t="shared" si="710"/>
        <v>18.526887532566416</v>
      </c>
      <c r="J3078" s="237">
        <f t="shared" si="715"/>
        <v>8.5268875325664162</v>
      </c>
      <c r="K3078" s="237">
        <f t="shared" si="711"/>
        <v>568.18258684874684</v>
      </c>
      <c r="L3078" s="237">
        <f t="shared" si="716"/>
        <v>261.56227506147485</v>
      </c>
      <c r="M3078" s="236">
        <f t="shared" si="712"/>
        <v>22.789285694010289</v>
      </c>
      <c r="N3078" s="236">
        <f t="shared" si="713"/>
        <v>0.81196917545596803</v>
      </c>
      <c r="O3078" s="236">
        <f t="shared" si="717"/>
        <v>2.3953164967209251</v>
      </c>
      <c r="P3078" s="236" t="str">
        <f t="shared" si="718"/>
        <v>SAND</v>
      </c>
      <c r="Q3078" s="236" t="e">
        <f t="shared" si="714"/>
        <v>#N/A</v>
      </c>
      <c r="R3078" s="238">
        <v>35</v>
      </c>
      <c r="S3078" s="236" t="e">
        <f t="shared" si="719"/>
        <v>#N/A</v>
      </c>
      <c r="T3078" s="236">
        <f t="shared" si="705"/>
        <v>32.535037841831631</v>
      </c>
    </row>
    <row r="3079" spans="1:20" x14ac:dyDescent="0.2">
      <c r="A3079" s="53">
        <f t="shared" si="706"/>
        <v>3067</v>
      </c>
      <c r="B3079" s="239">
        <v>30.684000000000001</v>
      </c>
      <c r="C3079" s="3">
        <f t="shared" si="707"/>
        <v>30.677</v>
      </c>
      <c r="D3079" s="239">
        <v>7.1036000000000001</v>
      </c>
      <c r="E3079" s="239">
        <v>5.2499999999999998E-2</v>
      </c>
      <c r="F3079" s="239">
        <v>0.49680000000000002</v>
      </c>
      <c r="G3079">
        <f t="shared" si="708"/>
        <v>7.20296</v>
      </c>
      <c r="H3079" s="235">
        <f t="shared" si="709"/>
        <v>0.72886702133567305</v>
      </c>
      <c r="I3079" s="236">
        <f t="shared" si="710"/>
        <v>18.660633076303558</v>
      </c>
      <c r="J3079" s="237">
        <f t="shared" si="715"/>
        <v>8.6606330763035579</v>
      </c>
      <c r="K3079" s="237">
        <f t="shared" si="711"/>
        <v>572.45224088176428</v>
      </c>
      <c r="L3079" s="237">
        <f t="shared" si="716"/>
        <v>265.74286531329835</v>
      </c>
      <c r="M3079" s="236">
        <f t="shared" si="712"/>
        <v>24.950840171385895</v>
      </c>
      <c r="N3079" s="236">
        <f t="shared" si="713"/>
        <v>0.79179456396536607</v>
      </c>
      <c r="O3079" s="236">
        <f t="shared" si="717"/>
        <v>2.3554765622634619</v>
      </c>
      <c r="P3079" s="236" t="str">
        <f t="shared" si="718"/>
        <v>SAND</v>
      </c>
      <c r="Q3079" s="236" t="e">
        <f t="shared" si="714"/>
        <v>#N/A</v>
      </c>
      <c r="R3079" s="238">
        <v>35</v>
      </c>
      <c r="S3079" s="236" t="e">
        <f t="shared" si="719"/>
        <v>#N/A</v>
      </c>
      <c r="T3079" s="236">
        <f t="shared" si="705"/>
        <v>32.967936916575006</v>
      </c>
    </row>
    <row r="3080" spans="1:20" x14ac:dyDescent="0.2">
      <c r="A3080" s="53">
        <f t="shared" si="706"/>
        <v>3068</v>
      </c>
      <c r="B3080" s="239">
        <v>30.695</v>
      </c>
      <c r="C3080" s="3">
        <f t="shared" si="707"/>
        <v>30.687999999999999</v>
      </c>
      <c r="D3080" s="239">
        <v>7.6769999999999996</v>
      </c>
      <c r="E3080" s="239">
        <v>5.21E-2</v>
      </c>
      <c r="F3080" s="239">
        <v>0.39850000000000002</v>
      </c>
      <c r="G3080">
        <f t="shared" si="708"/>
        <v>7.7566999999999995</v>
      </c>
      <c r="H3080" s="235">
        <f t="shared" si="709"/>
        <v>0.67167738858019521</v>
      </c>
      <c r="I3080" s="236">
        <f t="shared" si="710"/>
        <v>18.680614202692986</v>
      </c>
      <c r="J3080" s="237">
        <f t="shared" si="715"/>
        <v>8.6806142026929862</v>
      </c>
      <c r="K3080" s="237">
        <f t="shared" si="711"/>
        <v>573.27068865224237</v>
      </c>
      <c r="L3080" s="237">
        <f t="shared" si="716"/>
        <v>266.45145295166122</v>
      </c>
      <c r="M3080" s="236">
        <f t="shared" si="712"/>
        <v>26.959617715617984</v>
      </c>
      <c r="N3080" s="236">
        <f t="shared" si="713"/>
        <v>0.72528033258010827</v>
      </c>
      <c r="O3080" s="236">
        <f t="shared" si="717"/>
        <v>2.307852138720579</v>
      </c>
      <c r="P3080" s="236" t="str">
        <f t="shared" si="718"/>
        <v>SAND</v>
      </c>
      <c r="Q3080" s="236" t="e">
        <f t="shared" si="714"/>
        <v>#N/A</v>
      </c>
      <c r="R3080" s="238">
        <v>35</v>
      </c>
      <c r="S3080" s="236" t="e">
        <f t="shared" si="719"/>
        <v>#N/A</v>
      </c>
      <c r="T3080" s="236">
        <f t="shared" si="705"/>
        <v>33.337851026254192</v>
      </c>
    </row>
    <row r="3081" spans="1:20" x14ac:dyDescent="0.2">
      <c r="A3081" s="53">
        <f t="shared" si="706"/>
        <v>3069</v>
      </c>
      <c r="B3081" s="239">
        <v>30.704000000000001</v>
      </c>
      <c r="C3081" s="3">
        <f t="shared" si="707"/>
        <v>30.696999999999999</v>
      </c>
      <c r="D3081" s="239">
        <v>7.8864999999999998</v>
      </c>
      <c r="E3081" s="239">
        <v>5.2400000000000002E-2</v>
      </c>
      <c r="F3081" s="239">
        <v>0.37290000000000001</v>
      </c>
      <c r="G3081">
        <f t="shared" si="708"/>
        <v>7.9610799999999999</v>
      </c>
      <c r="H3081" s="235">
        <f t="shared" si="709"/>
        <v>0.658202153476664</v>
      </c>
      <c r="I3081" s="236">
        <f t="shared" si="710"/>
        <v>18.697512318544376</v>
      </c>
      <c r="J3081" s="237">
        <f t="shared" si="715"/>
        <v>8.6975123185443763</v>
      </c>
      <c r="K3081" s="237">
        <f t="shared" si="711"/>
        <v>573.95753564235667</v>
      </c>
      <c r="L3081" s="237">
        <f t="shared" si="716"/>
        <v>267.04841822858651</v>
      </c>
      <c r="M3081" s="236">
        <f t="shared" si="712"/>
        <v>27.662109041344173</v>
      </c>
      <c r="N3081" s="236">
        <f t="shared" si="713"/>
        <v>0.70934251127995229</v>
      </c>
      <c r="O3081" s="236">
        <f t="shared" si="717"/>
        <v>2.2934650266677976</v>
      </c>
      <c r="P3081" s="236" t="str">
        <f t="shared" si="718"/>
        <v>SAND</v>
      </c>
      <c r="Q3081" s="236" t="e">
        <f t="shared" si="714"/>
        <v>#N/A</v>
      </c>
      <c r="R3081" s="238">
        <v>35</v>
      </c>
      <c r="S3081" s="236" t="e">
        <f t="shared" si="719"/>
        <v>#N/A</v>
      </c>
      <c r="T3081" s="236">
        <f t="shared" si="705"/>
        <v>33.460738178303679</v>
      </c>
    </row>
    <row r="3082" spans="1:20" x14ac:dyDescent="0.2">
      <c r="A3082" s="53">
        <f t="shared" si="706"/>
        <v>3070</v>
      </c>
      <c r="B3082" s="239">
        <v>30.713000000000001</v>
      </c>
      <c r="C3082" s="3">
        <f t="shared" si="707"/>
        <v>30.706</v>
      </c>
      <c r="D3082" s="239">
        <v>7.8330000000000002</v>
      </c>
      <c r="E3082" s="239">
        <v>5.0200000000000002E-2</v>
      </c>
      <c r="F3082" s="239">
        <v>0.36249999999999999</v>
      </c>
      <c r="G3082">
        <f t="shared" si="708"/>
        <v>7.9055</v>
      </c>
      <c r="H3082" s="235">
        <f t="shared" si="709"/>
        <v>0.63500094870659662</v>
      </c>
      <c r="I3082" s="236">
        <f t="shared" si="710"/>
        <v>18.644479499379639</v>
      </c>
      <c r="J3082" s="237">
        <f t="shared" si="715"/>
        <v>8.6444794993796386</v>
      </c>
      <c r="K3082" s="237">
        <f t="shared" si="711"/>
        <v>572.4973875079512</v>
      </c>
      <c r="L3082" s="237">
        <f t="shared" si="716"/>
        <v>265.49789886444682</v>
      </c>
      <c r="M3082" s="236">
        <f t="shared" si="712"/>
        <v>27.61981410721447</v>
      </c>
      <c r="N3082" s="236">
        <f t="shared" si="713"/>
        <v>0.68457632777168786</v>
      </c>
      <c r="O3082" s="236">
        <f t="shared" si="717"/>
        <v>2.2868888428217686</v>
      </c>
      <c r="P3082" s="236" t="str">
        <f t="shared" si="718"/>
        <v>SAND</v>
      </c>
      <c r="Q3082" s="236" t="e">
        <f t="shared" si="714"/>
        <v>#N/A</v>
      </c>
      <c r="R3082" s="238">
        <v>35</v>
      </c>
      <c r="S3082" s="236" t="e">
        <f t="shared" si="719"/>
        <v>#N/A</v>
      </c>
      <c r="T3082" s="236">
        <f t="shared" si="705"/>
        <v>33.453428263978324</v>
      </c>
    </row>
    <row r="3083" spans="1:20" x14ac:dyDescent="0.2">
      <c r="A3083" s="53">
        <f t="shared" si="706"/>
        <v>3071</v>
      </c>
      <c r="B3083" s="239">
        <v>30.724</v>
      </c>
      <c r="C3083" s="3">
        <f t="shared" si="707"/>
        <v>30.716999999999999</v>
      </c>
      <c r="D3083" s="239">
        <v>7.5826000000000002</v>
      </c>
      <c r="E3083" s="239">
        <v>4.5600000000000002E-2</v>
      </c>
      <c r="F3083" s="239">
        <v>0.36849999999999999</v>
      </c>
      <c r="G3083">
        <f t="shared" si="708"/>
        <v>7.6562999999999999</v>
      </c>
      <c r="H3083" s="235">
        <f t="shared" si="709"/>
        <v>0.59558794718075314</v>
      </c>
      <c r="I3083" s="236">
        <f t="shared" si="710"/>
        <v>18.519265177596264</v>
      </c>
      <c r="J3083" s="237">
        <f t="shared" si="715"/>
        <v>8.5192651775962638</v>
      </c>
      <c r="K3083" s="237">
        <f t="shared" si="711"/>
        <v>568.85626846022444</v>
      </c>
      <c r="L3083" s="237">
        <f t="shared" si="716"/>
        <v>261.7459033164676</v>
      </c>
      <c r="M3083" s="236">
        <f t="shared" si="712"/>
        <v>27.077572721245616</v>
      </c>
      <c r="N3083" s="236">
        <f t="shared" si="713"/>
        <v>0.64339135134259784</v>
      </c>
      <c r="O3083" s="236">
        <f t="shared" si="717"/>
        <v>2.2822621199542112</v>
      </c>
      <c r="P3083" s="236" t="str">
        <f t="shared" si="718"/>
        <v>SAND</v>
      </c>
      <c r="Q3083" s="236" t="e">
        <f t="shared" si="714"/>
        <v>#N/A</v>
      </c>
      <c r="R3083" s="238">
        <v>35</v>
      </c>
      <c r="S3083" s="236" t="e">
        <f t="shared" si="719"/>
        <v>#N/A</v>
      </c>
      <c r="T3083" s="236">
        <f t="shared" si="705"/>
        <v>33.358707039642965</v>
      </c>
    </row>
    <row r="3084" spans="1:20" x14ac:dyDescent="0.2">
      <c r="A3084" s="53">
        <f t="shared" si="706"/>
        <v>3072</v>
      </c>
      <c r="B3084" s="239">
        <v>30.734000000000002</v>
      </c>
      <c r="C3084" s="3">
        <f t="shared" si="707"/>
        <v>30.727</v>
      </c>
      <c r="D3084" s="239">
        <v>7.2423999999999999</v>
      </c>
      <c r="E3084" s="239">
        <v>4.2599999999999999E-2</v>
      </c>
      <c r="F3084" s="239">
        <v>0.3755</v>
      </c>
      <c r="G3084">
        <f t="shared" si="708"/>
        <v>7.3174999999999999</v>
      </c>
      <c r="H3084" s="235">
        <f t="shared" si="709"/>
        <v>0.58216604031431496</v>
      </c>
      <c r="I3084" s="236">
        <f t="shared" si="710"/>
        <v>18.421775429955073</v>
      </c>
      <c r="J3084" s="237">
        <f t="shared" si="715"/>
        <v>8.4217754299550727</v>
      </c>
      <c r="K3084" s="237">
        <f t="shared" si="711"/>
        <v>566.04589363622949</v>
      </c>
      <c r="L3084" s="237">
        <f t="shared" si="716"/>
        <v>258.83484606423923</v>
      </c>
      <c r="M3084" s="236">
        <f t="shared" si="712"/>
        <v>26.084023109810158</v>
      </c>
      <c r="N3084" s="236">
        <f t="shared" si="713"/>
        <v>0.63097518443984069</v>
      </c>
      <c r="O3084" s="236">
        <f t="shared" si="717"/>
        <v>2.2929898453020598</v>
      </c>
      <c r="P3084" s="236" t="str">
        <f t="shared" si="718"/>
        <v>SAND</v>
      </c>
      <c r="Q3084" s="236" t="e">
        <f t="shared" si="714"/>
        <v>#N/A</v>
      </c>
      <c r="R3084" s="238">
        <v>35</v>
      </c>
      <c r="S3084" s="236" t="e">
        <f t="shared" si="719"/>
        <v>#N/A</v>
      </c>
      <c r="T3084" s="236">
        <f t="shared" si="705"/>
        <v>33.180120339409363</v>
      </c>
    </row>
    <row r="3085" spans="1:20" x14ac:dyDescent="0.2">
      <c r="A3085" s="53">
        <f t="shared" si="706"/>
        <v>3073</v>
      </c>
      <c r="B3085" s="239">
        <v>30.742999999999999</v>
      </c>
      <c r="C3085" s="3">
        <f t="shared" si="707"/>
        <v>30.735999999999997</v>
      </c>
      <c r="D3085" s="239">
        <v>6.8563000000000001</v>
      </c>
      <c r="E3085" s="239">
        <v>4.0899999999999999E-2</v>
      </c>
      <c r="F3085" s="239">
        <v>0.38729999999999998</v>
      </c>
      <c r="G3085">
        <f t="shared" si="708"/>
        <v>6.9337600000000004</v>
      </c>
      <c r="H3085" s="235">
        <f t="shared" si="709"/>
        <v>0.58986754661251606</v>
      </c>
      <c r="I3085" s="236">
        <f t="shared" si="710"/>
        <v>18.352967910713872</v>
      </c>
      <c r="J3085" s="237">
        <f t="shared" si="715"/>
        <v>8.3529679107138719</v>
      </c>
      <c r="K3085" s="237">
        <f t="shared" si="711"/>
        <v>564.09682170370149</v>
      </c>
      <c r="L3085" s="237">
        <f t="shared" si="716"/>
        <v>256.79529247907658</v>
      </c>
      <c r="M3085" s="236">
        <f t="shared" si="712"/>
        <v>24.804439040934881</v>
      </c>
      <c r="N3085" s="236">
        <f t="shared" si="713"/>
        <v>0.64210616566604028</v>
      </c>
      <c r="O3085" s="236">
        <f t="shared" si="717"/>
        <v>2.3159347980256033</v>
      </c>
      <c r="P3085" s="236" t="str">
        <f t="shared" si="718"/>
        <v>SAND</v>
      </c>
      <c r="Q3085" s="236" t="e">
        <f t="shared" si="714"/>
        <v>#N/A</v>
      </c>
      <c r="R3085" s="238">
        <v>35</v>
      </c>
      <c r="S3085" s="236" t="e">
        <f t="shared" si="719"/>
        <v>#N/A</v>
      </c>
      <c r="T3085" s="236">
        <f t="shared" ref="T3085:T3148" si="720">IF(P3085="SAND",17.6+(11*LOG(M3085)),#N/A)</f>
        <v>32.939823507763293</v>
      </c>
    </row>
    <row r="3086" spans="1:20" x14ac:dyDescent="0.2">
      <c r="A3086" s="53">
        <f t="shared" ref="A3086:A3149" si="721">$A3085+1</f>
        <v>3074</v>
      </c>
      <c r="B3086" s="239">
        <v>30.754000000000001</v>
      </c>
      <c r="C3086" s="3">
        <f t="shared" ref="C3086:C3149" si="722">MAX($B3086 - $B$13, 0.001)</f>
        <v>30.747</v>
      </c>
      <c r="D3086" s="239">
        <v>6.3758999999999997</v>
      </c>
      <c r="E3086" s="239">
        <v>4.0300000000000002E-2</v>
      </c>
      <c r="F3086" s="239">
        <v>0.3921</v>
      </c>
      <c r="G3086">
        <f t="shared" si="708"/>
        <v>6.4543200000000001</v>
      </c>
      <c r="H3086" s="235">
        <f t="shared" si="709"/>
        <v>0.62438800679234996</v>
      </c>
      <c r="I3086" s="236">
        <f t="shared" si="710"/>
        <v>18.307632123179328</v>
      </c>
      <c r="J3086" s="237">
        <f t="shared" si="715"/>
        <v>8.307632123179328</v>
      </c>
      <c r="K3086" s="237">
        <f t="shared" si="711"/>
        <v>562.90476489139485</v>
      </c>
      <c r="L3086" s="237">
        <f t="shared" si="716"/>
        <v>255.49291831625706</v>
      </c>
      <c r="M3086" s="236">
        <f t="shared" si="712"/>
        <v>23.059015779905213</v>
      </c>
      <c r="N3086" s="236">
        <f t="shared" si="713"/>
        <v>0.68404616533971219</v>
      </c>
      <c r="O3086" s="236">
        <f t="shared" si="717"/>
        <v>2.3565494400209013</v>
      </c>
      <c r="P3086" s="236" t="str">
        <f t="shared" si="718"/>
        <v>SAND</v>
      </c>
      <c r="Q3086" s="236" t="e">
        <f t="shared" si="714"/>
        <v>#N/A</v>
      </c>
      <c r="R3086" s="238">
        <v>35</v>
      </c>
      <c r="S3086" s="236" t="e">
        <f t="shared" si="719"/>
        <v>#N/A</v>
      </c>
      <c r="T3086" s="236">
        <f t="shared" si="720"/>
        <v>32.591248431623541</v>
      </c>
    </row>
    <row r="3087" spans="1:20" x14ac:dyDescent="0.2">
      <c r="A3087" s="53">
        <f t="shared" si="721"/>
        <v>3075</v>
      </c>
      <c r="B3087" s="239">
        <v>30.763000000000002</v>
      </c>
      <c r="C3087" s="3">
        <f t="shared" si="722"/>
        <v>30.756</v>
      </c>
      <c r="D3087" s="239">
        <v>5.9486999999999997</v>
      </c>
      <c r="E3087" s="239">
        <v>3.9100000000000003E-2</v>
      </c>
      <c r="F3087" s="239">
        <v>0.40649999999999997</v>
      </c>
      <c r="G3087">
        <f t="shared" ref="G3087:G3150" si="723">$D3087+($F3087*(1-$P$8))</f>
        <v>6.0299999999999994</v>
      </c>
      <c r="H3087" s="235">
        <f t="shared" ref="H3087:H3150" si="724">($E3087/$G3087)*100</f>
        <v>0.64842454394693216</v>
      </c>
      <c r="I3087" s="236">
        <f t="shared" ref="I3087:I3150" si="725">((0.27*(LOG($H3087)))+(0.36*(LOG(($G3087*1000)/101)))+1.236)*10</f>
        <v>18.245605880277466</v>
      </c>
      <c r="J3087" s="237">
        <f t="shared" si="715"/>
        <v>8.2456058802774663</v>
      </c>
      <c r="K3087" s="237">
        <f t="shared" ref="K3087:K3150" si="726">$I3087*$C3087</f>
        <v>561.1618544538137</v>
      </c>
      <c r="L3087" s="237">
        <f t="shared" si="716"/>
        <v>253.65957369497571</v>
      </c>
      <c r="M3087" s="236">
        <f t="shared" ref="M3087:M3150" si="727">(($G3087*1000)-$K3087)/$L3087</f>
        <v>21.5597545398481</v>
      </c>
      <c r="N3087" s="236">
        <f t="shared" ref="N3087:N3150" si="728">(($E3087*1000)/(($G3087*1000)-$K3087))*100</f>
        <v>0.71495990481713168</v>
      </c>
      <c r="O3087" s="236">
        <f t="shared" si="717"/>
        <v>2.3912546717230545</v>
      </c>
      <c r="P3087" s="236" t="str">
        <f t="shared" si="718"/>
        <v>SAND</v>
      </c>
      <c r="Q3087" s="236" t="e">
        <f t="shared" ref="Q3087:Q3150" si="729">IF(P3087="CLAY",($G3087*1000 -$K3087)/$L$8,#N/A)</f>
        <v>#N/A</v>
      </c>
      <c r="R3087" s="238">
        <v>35</v>
      </c>
      <c r="S3087" s="236" t="e">
        <f t="shared" si="719"/>
        <v>#N/A</v>
      </c>
      <c r="T3087" s="236">
        <f t="shared" si="720"/>
        <v>32.270081932581952</v>
      </c>
    </row>
    <row r="3088" spans="1:20" x14ac:dyDescent="0.2">
      <c r="A3088" s="53">
        <f t="shared" si="721"/>
        <v>3076</v>
      </c>
      <c r="B3088" s="239">
        <v>30.773</v>
      </c>
      <c r="C3088" s="3">
        <f t="shared" si="722"/>
        <v>30.765999999999998</v>
      </c>
      <c r="D3088" s="239">
        <v>5.5113000000000003</v>
      </c>
      <c r="E3088" s="239">
        <v>4.0599999999999997E-2</v>
      </c>
      <c r="F3088" s="239">
        <v>0.41120000000000001</v>
      </c>
      <c r="G3088">
        <f t="shared" si="723"/>
        <v>5.59354</v>
      </c>
      <c r="H3088" s="235">
        <f t="shared" si="724"/>
        <v>0.72583730517704348</v>
      </c>
      <c r="I3088" s="236">
        <f t="shared" si="725"/>
        <v>18.260381418343663</v>
      </c>
      <c r="J3088" s="237">
        <f t="shared" ref="J3088:J3151" si="730">$I3088-10</f>
        <v>8.2603814183436626</v>
      </c>
      <c r="K3088" s="237">
        <f t="shared" si="726"/>
        <v>561.79889471676108</v>
      </c>
      <c r="L3088" s="237">
        <f t="shared" ref="L3088:L3151" si="731">$J3088*$B3088</f>
        <v>254.19671738668953</v>
      </c>
      <c r="M3088" s="236">
        <f t="shared" si="727"/>
        <v>19.794673814095109</v>
      </c>
      <c r="N3088" s="236">
        <f t="shared" si="728"/>
        <v>0.80687776160364688</v>
      </c>
      <c r="O3088" s="236">
        <f t="shared" ref="O3088:O3151" si="732">((3.47-LOG($M3088))^2+(LOG($N3088)+1.22)^2)^0.5</f>
        <v>2.4481805025258203</v>
      </c>
      <c r="P3088" s="236" t="str">
        <f t="shared" ref="P3088:P3151" si="733">IF(O3088&lt;2.6,"SAND","CLAY")</f>
        <v>SAND</v>
      </c>
      <c r="Q3088" s="236" t="e">
        <f t="shared" si="729"/>
        <v>#N/A</v>
      </c>
      <c r="R3088" s="238">
        <v>35</v>
      </c>
      <c r="S3088" s="236" t="e">
        <f t="shared" ref="S3088:S3151" si="734">IF(P3088="SAND",#N/A,0.25*($M3088)^1.25)</f>
        <v>#N/A</v>
      </c>
      <c r="T3088" s="236">
        <f t="shared" si="720"/>
        <v>31.862031846032693</v>
      </c>
    </row>
    <row r="3089" spans="1:20" x14ac:dyDescent="0.2">
      <c r="A3089" s="53">
        <f t="shared" si="721"/>
        <v>3077</v>
      </c>
      <c r="B3089" s="239">
        <v>30.783000000000001</v>
      </c>
      <c r="C3089" s="3">
        <f t="shared" si="722"/>
        <v>30.776</v>
      </c>
      <c r="D3089" s="239">
        <v>5.0895999999999999</v>
      </c>
      <c r="E3089" s="239">
        <v>4.2900000000000001E-2</v>
      </c>
      <c r="F3089" s="239">
        <v>0.43380000000000002</v>
      </c>
      <c r="G3089">
        <f t="shared" si="723"/>
        <v>5.1763599999999999</v>
      </c>
      <c r="H3089" s="235">
        <f t="shared" si="724"/>
        <v>0.82876770549189016</v>
      </c>
      <c r="I3089" s="236">
        <f t="shared" si="725"/>
        <v>18.294699768588302</v>
      </c>
      <c r="J3089" s="237">
        <f t="shared" si="730"/>
        <v>8.2946997685883019</v>
      </c>
      <c r="K3089" s="237">
        <f t="shared" si="726"/>
        <v>563.03768007807355</v>
      </c>
      <c r="L3089" s="237">
        <f t="shared" si="731"/>
        <v>255.3357429764537</v>
      </c>
      <c r="M3089" s="236">
        <f t="shared" si="727"/>
        <v>18.067671474993428</v>
      </c>
      <c r="N3089" s="236">
        <f t="shared" si="728"/>
        <v>0.92991551478514545</v>
      </c>
      <c r="O3089" s="236">
        <f t="shared" si="732"/>
        <v>2.5120111216754881</v>
      </c>
      <c r="P3089" s="236" t="str">
        <f t="shared" si="733"/>
        <v>SAND</v>
      </c>
      <c r="Q3089" s="236" t="e">
        <f t="shared" si="729"/>
        <v>#N/A</v>
      </c>
      <c r="R3089" s="238">
        <v>35</v>
      </c>
      <c r="S3089" s="236" t="e">
        <f t="shared" si="734"/>
        <v>#N/A</v>
      </c>
      <c r="T3089" s="236">
        <f t="shared" si="720"/>
        <v>31.425924036888677</v>
      </c>
    </row>
    <row r="3090" spans="1:20" x14ac:dyDescent="0.2">
      <c r="A3090" s="53">
        <f t="shared" si="721"/>
        <v>3078</v>
      </c>
      <c r="B3090" s="239">
        <v>30.792999999999999</v>
      </c>
      <c r="C3090" s="3">
        <f t="shared" si="722"/>
        <v>30.785999999999998</v>
      </c>
      <c r="D3090" s="239">
        <v>4.7054999999999998</v>
      </c>
      <c r="E3090" s="239">
        <v>4.8399999999999999E-2</v>
      </c>
      <c r="F3090" s="239">
        <v>0.44879999999999998</v>
      </c>
      <c r="G3090">
        <f t="shared" si="723"/>
        <v>4.7952599999999999</v>
      </c>
      <c r="H3090" s="235">
        <f t="shared" si="724"/>
        <v>1.0093300467545034</v>
      </c>
      <c r="I3090" s="236">
        <f t="shared" si="725"/>
        <v>18.406256474536843</v>
      </c>
      <c r="J3090" s="237">
        <f t="shared" si="730"/>
        <v>8.4062564745368427</v>
      </c>
      <c r="K3090" s="237">
        <f t="shared" si="726"/>
        <v>566.65501182509115</v>
      </c>
      <c r="L3090" s="237">
        <f t="shared" si="731"/>
        <v>258.85385562041301</v>
      </c>
      <c r="M3090" s="236">
        <f t="shared" si="727"/>
        <v>16.335877934056334</v>
      </c>
      <c r="N3090" s="236">
        <f t="shared" si="728"/>
        <v>1.1445855107144856</v>
      </c>
      <c r="O3090" s="236">
        <f t="shared" si="732"/>
        <v>2.5939057806710499</v>
      </c>
      <c r="P3090" s="236" t="str">
        <f t="shared" si="733"/>
        <v>SAND</v>
      </c>
      <c r="Q3090" s="236" t="e">
        <f t="shared" si="729"/>
        <v>#N/A</v>
      </c>
      <c r="R3090" s="238">
        <v>35</v>
      </c>
      <c r="S3090" s="236" t="e">
        <f t="shared" si="734"/>
        <v>#N/A</v>
      </c>
      <c r="T3090" s="236">
        <f t="shared" si="720"/>
        <v>30.944567275525614</v>
      </c>
    </row>
    <row r="3091" spans="1:20" x14ac:dyDescent="0.2">
      <c r="A3091" s="53">
        <f t="shared" si="721"/>
        <v>3079</v>
      </c>
      <c r="B3091" s="239">
        <v>30.803000000000001</v>
      </c>
      <c r="C3091" s="3">
        <f t="shared" si="722"/>
        <v>30.795999999999999</v>
      </c>
      <c r="D3091" s="239">
        <v>4.2470999999999997</v>
      </c>
      <c r="E3091" s="239">
        <v>5.7000000000000002E-2</v>
      </c>
      <c r="F3091" s="239">
        <v>0.4788</v>
      </c>
      <c r="G3091">
        <f t="shared" si="723"/>
        <v>4.3428599999999999</v>
      </c>
      <c r="H3091" s="235">
        <f t="shared" si="724"/>
        <v>1.312499136513726</v>
      </c>
      <c r="I3091" s="236">
        <f t="shared" si="725"/>
        <v>18.559303411081224</v>
      </c>
      <c r="J3091" s="237">
        <f t="shared" si="730"/>
        <v>8.5593034110812241</v>
      </c>
      <c r="K3091" s="237">
        <f t="shared" si="726"/>
        <v>571.5523078476574</v>
      </c>
      <c r="L3091" s="237">
        <f t="shared" si="731"/>
        <v>263.65222297153497</v>
      </c>
      <c r="M3091" s="236">
        <f t="shared" si="727"/>
        <v>14.304099732773766</v>
      </c>
      <c r="N3091" s="236">
        <f t="shared" si="728"/>
        <v>1.5114120791207368</v>
      </c>
      <c r="O3091" s="236">
        <f t="shared" si="732"/>
        <v>2.7046932228670921</v>
      </c>
      <c r="P3091" s="236" t="str">
        <f t="shared" si="733"/>
        <v>CLAY</v>
      </c>
      <c r="Q3091" s="236">
        <f t="shared" si="729"/>
        <v>314.27564101269519</v>
      </c>
      <c r="R3091" s="238">
        <v>35</v>
      </c>
      <c r="S3091" s="236">
        <f t="shared" si="734"/>
        <v>6.9544961422393499</v>
      </c>
      <c r="T3091" s="236" t="e">
        <f t="shared" si="720"/>
        <v>#N/A</v>
      </c>
    </row>
    <row r="3092" spans="1:20" x14ac:dyDescent="0.2">
      <c r="A3092" s="53">
        <f t="shared" si="721"/>
        <v>3080</v>
      </c>
      <c r="B3092" s="239">
        <v>30.812999999999999</v>
      </c>
      <c r="C3092" s="3">
        <f t="shared" si="722"/>
        <v>30.805999999999997</v>
      </c>
      <c r="D3092" s="239">
        <v>3.835</v>
      </c>
      <c r="E3092" s="239">
        <v>6.5699999999999995E-2</v>
      </c>
      <c r="F3092" s="239">
        <v>0.50129999999999997</v>
      </c>
      <c r="G3092">
        <f t="shared" si="723"/>
        <v>3.93526</v>
      </c>
      <c r="H3092" s="235">
        <f t="shared" si="724"/>
        <v>1.6695212006322326</v>
      </c>
      <c r="I3092" s="236">
        <f t="shared" si="725"/>
        <v>18.687345640264333</v>
      </c>
      <c r="J3092" s="237">
        <f t="shared" si="730"/>
        <v>8.6873456402643328</v>
      </c>
      <c r="K3092" s="237">
        <f t="shared" si="726"/>
        <v>575.68236979398296</v>
      </c>
      <c r="L3092" s="237">
        <f t="shared" si="731"/>
        <v>267.68318121346488</v>
      </c>
      <c r="M3092" s="236">
        <f t="shared" si="727"/>
        <v>12.55057420857125</v>
      </c>
      <c r="N3092" s="236">
        <f t="shared" si="728"/>
        <v>1.9556029725073243</v>
      </c>
      <c r="O3092" s="236">
        <f t="shared" si="732"/>
        <v>2.8119754019838634</v>
      </c>
      <c r="P3092" s="236" t="str">
        <f t="shared" si="733"/>
        <v>CLAY</v>
      </c>
      <c r="Q3092" s="236">
        <f t="shared" si="729"/>
        <v>279.96480251716804</v>
      </c>
      <c r="R3092" s="238">
        <v>35</v>
      </c>
      <c r="S3092" s="236">
        <f t="shared" si="734"/>
        <v>5.9056744602773268</v>
      </c>
      <c r="T3092" s="236" t="e">
        <f t="shared" si="720"/>
        <v>#N/A</v>
      </c>
    </row>
    <row r="3093" spans="1:20" x14ac:dyDescent="0.2">
      <c r="A3093" s="53">
        <f t="shared" si="721"/>
        <v>3081</v>
      </c>
      <c r="B3093" s="239">
        <v>30.824000000000002</v>
      </c>
      <c r="C3093" s="3">
        <f t="shared" si="722"/>
        <v>30.817</v>
      </c>
      <c r="D3093" s="239">
        <v>3.4215</v>
      </c>
      <c r="E3093" s="239">
        <v>7.2900000000000006E-2</v>
      </c>
      <c r="F3093" s="239">
        <v>0.52669999999999995</v>
      </c>
      <c r="G3093">
        <f t="shared" si="723"/>
        <v>3.52684</v>
      </c>
      <c r="H3093" s="235">
        <f t="shared" si="724"/>
        <v>2.0670061584874846</v>
      </c>
      <c r="I3093" s="236">
        <f t="shared" si="725"/>
        <v>18.766454562808292</v>
      </c>
      <c r="J3093" s="237">
        <f t="shared" si="730"/>
        <v>8.7664545628082919</v>
      </c>
      <c r="K3093" s="237">
        <f t="shared" si="726"/>
        <v>578.32583026206316</v>
      </c>
      <c r="L3093" s="237">
        <f t="shared" si="731"/>
        <v>270.21719544400281</v>
      </c>
      <c r="M3093" s="236">
        <f t="shared" si="727"/>
        <v>10.911645222625953</v>
      </c>
      <c r="N3093" s="236">
        <f t="shared" si="728"/>
        <v>2.4724317335222215</v>
      </c>
      <c r="O3093" s="236">
        <f t="shared" si="732"/>
        <v>2.9184461508950608</v>
      </c>
      <c r="P3093" s="236" t="str">
        <f t="shared" si="733"/>
        <v>CLAY</v>
      </c>
      <c r="Q3093" s="236">
        <f t="shared" si="729"/>
        <v>245.70951414482806</v>
      </c>
      <c r="R3093" s="238">
        <v>35</v>
      </c>
      <c r="S3093" s="236">
        <f t="shared" si="734"/>
        <v>4.9579575609224502</v>
      </c>
      <c r="T3093" s="236" t="e">
        <f t="shared" si="720"/>
        <v>#N/A</v>
      </c>
    </row>
    <row r="3094" spans="1:20" x14ac:dyDescent="0.2">
      <c r="A3094" s="53">
        <f t="shared" si="721"/>
        <v>3082</v>
      </c>
      <c r="B3094" s="239">
        <v>30.832999999999998</v>
      </c>
      <c r="C3094" s="3">
        <f t="shared" si="722"/>
        <v>30.825999999999997</v>
      </c>
      <c r="D3094" s="239">
        <v>2.9828999999999999</v>
      </c>
      <c r="E3094" s="239">
        <v>7.7799999999999994E-2</v>
      </c>
      <c r="F3094" s="239">
        <v>0.58020000000000005</v>
      </c>
      <c r="G3094">
        <f t="shared" si="723"/>
        <v>3.0989399999999998</v>
      </c>
      <c r="H3094" s="235">
        <f t="shared" si="724"/>
        <v>2.5105358606491253</v>
      </c>
      <c r="I3094" s="236">
        <f t="shared" si="725"/>
        <v>18.792179817225904</v>
      </c>
      <c r="J3094" s="237">
        <f t="shared" si="730"/>
        <v>8.7921798172259038</v>
      </c>
      <c r="K3094" s="237">
        <f t="shared" si="726"/>
        <v>579.28773504580568</v>
      </c>
      <c r="L3094" s="237">
        <f t="shared" si="731"/>
        <v>271.08928030452626</v>
      </c>
      <c r="M3094" s="236">
        <f t="shared" si="727"/>
        <v>9.2945477671553824</v>
      </c>
      <c r="N3094" s="236">
        <f t="shared" si="728"/>
        <v>3.0877276631430077</v>
      </c>
      <c r="O3094" s="236">
        <f t="shared" si="732"/>
        <v>3.0301365137722609</v>
      </c>
      <c r="P3094" s="236" t="str">
        <f t="shared" si="733"/>
        <v>CLAY</v>
      </c>
      <c r="Q3094" s="236">
        <f t="shared" si="729"/>
        <v>209.97102207951616</v>
      </c>
      <c r="R3094" s="238">
        <v>35</v>
      </c>
      <c r="S3094" s="236">
        <f t="shared" si="734"/>
        <v>4.0571899246298768</v>
      </c>
      <c r="T3094" s="236" t="e">
        <f t="shared" si="720"/>
        <v>#N/A</v>
      </c>
    </row>
    <row r="3095" spans="1:20" x14ac:dyDescent="0.2">
      <c r="A3095" s="53">
        <f t="shared" si="721"/>
        <v>3083</v>
      </c>
      <c r="B3095" s="239">
        <v>30.844000000000001</v>
      </c>
      <c r="C3095" s="3">
        <f t="shared" si="722"/>
        <v>30.837</v>
      </c>
      <c r="D3095" s="239">
        <v>2.6614</v>
      </c>
      <c r="E3095" s="239">
        <v>8.3000000000000004E-2</v>
      </c>
      <c r="F3095" s="239">
        <v>0.65959999999999996</v>
      </c>
      <c r="G3095">
        <f t="shared" si="723"/>
        <v>2.79332</v>
      </c>
      <c r="H3095" s="235">
        <f t="shared" si="724"/>
        <v>2.9713745650337233</v>
      </c>
      <c r="I3095" s="236">
        <f t="shared" si="725"/>
        <v>18.82746252560877</v>
      </c>
      <c r="J3095" s="237">
        <f t="shared" si="730"/>
        <v>8.8274625256087695</v>
      </c>
      <c r="K3095" s="237">
        <f t="shared" si="726"/>
        <v>580.58246190219756</v>
      </c>
      <c r="L3095" s="237">
        <f t="shared" si="731"/>
        <v>272.27425413987692</v>
      </c>
      <c r="M3095" s="236">
        <f t="shared" si="727"/>
        <v>8.1268702584014481</v>
      </c>
      <c r="N3095" s="236">
        <f t="shared" si="728"/>
        <v>3.7510097140283345</v>
      </c>
      <c r="O3095" s="236">
        <f t="shared" si="732"/>
        <v>3.1261734273272008</v>
      </c>
      <c r="P3095" s="236" t="str">
        <f t="shared" si="733"/>
        <v>CLAY</v>
      </c>
      <c r="Q3095" s="236">
        <f t="shared" si="729"/>
        <v>184.39479484148356</v>
      </c>
      <c r="R3095" s="238">
        <v>35</v>
      </c>
      <c r="S3095" s="236">
        <f t="shared" si="734"/>
        <v>3.4303952854210493</v>
      </c>
      <c r="T3095" s="236" t="e">
        <f t="shared" si="720"/>
        <v>#N/A</v>
      </c>
    </row>
    <row r="3096" spans="1:20" x14ac:dyDescent="0.2">
      <c r="A3096" s="53">
        <f t="shared" si="721"/>
        <v>3084</v>
      </c>
      <c r="B3096" s="239">
        <v>30.853000000000002</v>
      </c>
      <c r="C3096" s="3">
        <f t="shared" si="722"/>
        <v>30.846</v>
      </c>
      <c r="D3096" s="239">
        <v>2.3405</v>
      </c>
      <c r="E3096" s="239">
        <v>8.5400000000000004E-2</v>
      </c>
      <c r="F3096" s="239">
        <v>0.73360000000000003</v>
      </c>
      <c r="G3096">
        <f t="shared" si="723"/>
        <v>2.4872199999999998</v>
      </c>
      <c r="H3096" s="235">
        <f t="shared" si="724"/>
        <v>3.433552319457065</v>
      </c>
      <c r="I3096" s="236">
        <f t="shared" si="725"/>
        <v>18.81552208637428</v>
      </c>
      <c r="J3096" s="237">
        <f t="shared" si="730"/>
        <v>8.8155220863742798</v>
      </c>
      <c r="K3096" s="237">
        <f t="shared" si="726"/>
        <v>580.38359427630098</v>
      </c>
      <c r="L3096" s="237">
        <f t="shared" si="731"/>
        <v>271.98530293090568</v>
      </c>
      <c r="M3096" s="236">
        <f t="shared" si="727"/>
        <v>7.0108067795417082</v>
      </c>
      <c r="N3096" s="236">
        <f t="shared" si="728"/>
        <v>4.4786222742369066</v>
      </c>
      <c r="O3096" s="236">
        <f t="shared" si="732"/>
        <v>3.2230071516889773</v>
      </c>
      <c r="P3096" s="236" t="str">
        <f t="shared" si="733"/>
        <v>CLAY</v>
      </c>
      <c r="Q3096" s="236">
        <f t="shared" si="729"/>
        <v>158.90303381030824</v>
      </c>
      <c r="R3096" s="238">
        <v>35</v>
      </c>
      <c r="S3096" s="236">
        <f t="shared" si="734"/>
        <v>2.8520031845908171</v>
      </c>
      <c r="T3096" s="236" t="e">
        <f t="shared" si="720"/>
        <v>#N/A</v>
      </c>
    </row>
    <row r="3097" spans="1:20" x14ac:dyDescent="0.2">
      <c r="A3097" s="53">
        <f t="shared" si="721"/>
        <v>3085</v>
      </c>
      <c r="B3097" s="239">
        <v>30.863</v>
      </c>
      <c r="C3097" s="3">
        <f t="shared" si="722"/>
        <v>30.855999999999998</v>
      </c>
      <c r="D3097" s="239">
        <v>2.0394000000000001</v>
      </c>
      <c r="E3097" s="239">
        <v>9.01E-2</v>
      </c>
      <c r="F3097" s="239">
        <v>0.8327</v>
      </c>
      <c r="G3097">
        <f t="shared" si="723"/>
        <v>2.20594</v>
      </c>
      <c r="H3097" s="235">
        <f t="shared" si="724"/>
        <v>4.0844265936516866</v>
      </c>
      <c r="I3097" s="236">
        <f t="shared" si="725"/>
        <v>18.831434316213201</v>
      </c>
      <c r="J3097" s="237">
        <f t="shared" si="730"/>
        <v>8.8314343162132012</v>
      </c>
      <c r="K3097" s="237">
        <f t="shared" si="726"/>
        <v>581.06273726107452</v>
      </c>
      <c r="L3097" s="237">
        <f t="shared" si="731"/>
        <v>272.564557301288</v>
      </c>
      <c r="M3097" s="236">
        <f t="shared" si="727"/>
        <v>5.9614400303074442</v>
      </c>
      <c r="N3097" s="236">
        <f t="shared" si="728"/>
        <v>5.5450342044989682</v>
      </c>
      <c r="O3097" s="236">
        <f t="shared" si="732"/>
        <v>3.3343743173645546</v>
      </c>
      <c r="P3097" s="236" t="str">
        <f t="shared" si="733"/>
        <v>CLAY</v>
      </c>
      <c r="Q3097" s="236">
        <f t="shared" si="729"/>
        <v>135.40643856157712</v>
      </c>
      <c r="R3097" s="238">
        <v>35</v>
      </c>
      <c r="S3097" s="236">
        <f t="shared" si="734"/>
        <v>2.3287827904089249</v>
      </c>
      <c r="T3097" s="236" t="e">
        <f t="shared" si="720"/>
        <v>#N/A</v>
      </c>
    </row>
    <row r="3098" spans="1:20" x14ac:dyDescent="0.2">
      <c r="A3098" s="53">
        <f t="shared" si="721"/>
        <v>3086</v>
      </c>
      <c r="B3098" s="239">
        <v>30.873000000000001</v>
      </c>
      <c r="C3098" s="3">
        <f t="shared" si="722"/>
        <v>30.866</v>
      </c>
      <c r="D3098" s="239">
        <v>1.804</v>
      </c>
      <c r="E3098" s="239">
        <v>9.3899999999999997E-2</v>
      </c>
      <c r="F3098" s="239">
        <v>0.89070000000000005</v>
      </c>
      <c r="G3098">
        <f t="shared" si="723"/>
        <v>1.98214</v>
      </c>
      <c r="H3098" s="235">
        <f t="shared" si="724"/>
        <v>4.7373041258437842</v>
      </c>
      <c r="I3098" s="236">
        <f t="shared" si="725"/>
        <v>18.838061046693934</v>
      </c>
      <c r="J3098" s="237">
        <f t="shared" si="730"/>
        <v>8.8380610466939338</v>
      </c>
      <c r="K3098" s="237">
        <f t="shared" si="726"/>
        <v>581.45559226725493</v>
      </c>
      <c r="L3098" s="237">
        <f t="shared" si="731"/>
        <v>272.85745869458185</v>
      </c>
      <c r="M3098" s="236">
        <f t="shared" si="727"/>
        <v>5.1333924109458788</v>
      </c>
      <c r="N3098" s="236">
        <f t="shared" si="728"/>
        <v>6.7038655875375746</v>
      </c>
      <c r="O3098" s="236">
        <f t="shared" si="732"/>
        <v>3.4355224852661519</v>
      </c>
      <c r="P3098" s="236" t="str">
        <f t="shared" si="733"/>
        <v>CLAY</v>
      </c>
      <c r="Q3098" s="236">
        <f t="shared" si="729"/>
        <v>116.72370064439542</v>
      </c>
      <c r="R3098" s="238">
        <v>35</v>
      </c>
      <c r="S3098" s="236">
        <f t="shared" si="734"/>
        <v>1.9317262834469571</v>
      </c>
      <c r="T3098" s="236" t="e">
        <f t="shared" si="720"/>
        <v>#N/A</v>
      </c>
    </row>
    <row r="3099" spans="1:20" x14ac:dyDescent="0.2">
      <c r="A3099" s="53">
        <f t="shared" si="721"/>
        <v>3087</v>
      </c>
      <c r="B3099" s="239">
        <v>30.882999999999999</v>
      </c>
      <c r="C3099" s="3">
        <f t="shared" si="722"/>
        <v>30.875999999999998</v>
      </c>
      <c r="D3099" s="239">
        <v>1.6254999999999999</v>
      </c>
      <c r="E3099" s="239">
        <v>9.8100000000000007E-2</v>
      </c>
      <c r="F3099" s="239">
        <v>0.95099999999999996</v>
      </c>
      <c r="G3099">
        <f t="shared" si="723"/>
        <v>1.8156999999999999</v>
      </c>
      <c r="H3099" s="235">
        <f t="shared" si="724"/>
        <v>5.4028749242716314</v>
      </c>
      <c r="I3099" s="236">
        <f t="shared" si="725"/>
        <v>18.855089058526055</v>
      </c>
      <c r="J3099" s="237">
        <f t="shared" si="730"/>
        <v>8.8550890585260547</v>
      </c>
      <c r="K3099" s="237">
        <f t="shared" si="726"/>
        <v>582.16972977105047</v>
      </c>
      <c r="L3099" s="237">
        <f t="shared" si="731"/>
        <v>273.47171539446015</v>
      </c>
      <c r="M3099" s="236">
        <f t="shared" si="727"/>
        <v>4.51063199881452</v>
      </c>
      <c r="N3099" s="236">
        <f t="shared" si="728"/>
        <v>7.9527841648986994</v>
      </c>
      <c r="O3099" s="236">
        <f t="shared" si="732"/>
        <v>3.5249284673670935</v>
      </c>
      <c r="P3099" s="236" t="str">
        <f t="shared" si="733"/>
        <v>CLAY</v>
      </c>
      <c r="Q3099" s="236">
        <f t="shared" si="729"/>
        <v>102.79418918574578</v>
      </c>
      <c r="R3099" s="238">
        <v>35</v>
      </c>
      <c r="S3099" s="236">
        <f t="shared" si="734"/>
        <v>1.6433752965226569</v>
      </c>
      <c r="T3099" s="236" t="e">
        <f t="shared" si="720"/>
        <v>#N/A</v>
      </c>
    </row>
    <row r="3100" spans="1:20" x14ac:dyDescent="0.2">
      <c r="A3100" s="53">
        <f t="shared" si="721"/>
        <v>3088</v>
      </c>
      <c r="B3100" s="239">
        <v>30.891999999999999</v>
      </c>
      <c r="C3100" s="3">
        <f t="shared" si="722"/>
        <v>30.884999999999998</v>
      </c>
      <c r="D3100" s="239">
        <v>1.4508000000000001</v>
      </c>
      <c r="E3100" s="239">
        <v>9.7000000000000003E-2</v>
      </c>
      <c r="F3100" s="239">
        <v>1.0366</v>
      </c>
      <c r="G3100">
        <f t="shared" si="723"/>
        <v>1.65812</v>
      </c>
      <c r="H3100" s="235">
        <f t="shared" si="724"/>
        <v>5.8499987938146818</v>
      </c>
      <c r="I3100" s="236">
        <f t="shared" si="725"/>
        <v>18.806381098857727</v>
      </c>
      <c r="J3100" s="237">
        <f t="shared" si="730"/>
        <v>8.8063810988577274</v>
      </c>
      <c r="K3100" s="237">
        <f t="shared" si="726"/>
        <v>580.83508023822083</v>
      </c>
      <c r="L3100" s="237">
        <f t="shared" si="731"/>
        <v>272.04672490591292</v>
      </c>
      <c r="M3100" s="236">
        <f t="shared" si="727"/>
        <v>3.959926075692906</v>
      </c>
      <c r="N3100" s="236">
        <f t="shared" si="728"/>
        <v>9.0041175013801986</v>
      </c>
      <c r="O3100" s="236">
        <f t="shared" si="732"/>
        <v>3.6025512973533247</v>
      </c>
      <c r="P3100" s="236" t="str">
        <f t="shared" si="733"/>
        <v>CLAY</v>
      </c>
      <c r="Q3100" s="236">
        <f t="shared" si="729"/>
        <v>89.773743313481603</v>
      </c>
      <c r="R3100" s="238">
        <v>35</v>
      </c>
      <c r="S3100" s="236">
        <f t="shared" si="734"/>
        <v>1.3965254572390282</v>
      </c>
      <c r="T3100" s="236" t="e">
        <f t="shared" si="720"/>
        <v>#N/A</v>
      </c>
    </row>
    <row r="3101" spans="1:20" x14ac:dyDescent="0.2">
      <c r="A3101" s="53">
        <f t="shared" si="721"/>
        <v>3089</v>
      </c>
      <c r="B3101" s="239">
        <v>30.902999999999999</v>
      </c>
      <c r="C3101" s="3">
        <f t="shared" si="722"/>
        <v>30.895999999999997</v>
      </c>
      <c r="D3101" s="239">
        <v>1.3554999999999999</v>
      </c>
      <c r="E3101" s="239">
        <v>9.1700000000000004E-2</v>
      </c>
      <c r="F3101" s="239">
        <v>1.1039000000000001</v>
      </c>
      <c r="G3101">
        <f t="shared" si="723"/>
        <v>1.5762799999999999</v>
      </c>
      <c r="H3101" s="235">
        <f t="shared" si="724"/>
        <v>5.8174943537950119</v>
      </c>
      <c r="I3101" s="236">
        <f t="shared" si="725"/>
        <v>18.720710289387952</v>
      </c>
      <c r="J3101" s="237">
        <f t="shared" si="730"/>
        <v>8.7207102893879522</v>
      </c>
      <c r="K3101" s="237">
        <f t="shared" si="726"/>
        <v>578.39506510093008</v>
      </c>
      <c r="L3101" s="237">
        <f t="shared" si="731"/>
        <v>269.4961100729559</v>
      </c>
      <c r="M3101" s="236">
        <f t="shared" si="727"/>
        <v>3.7027804766047652</v>
      </c>
      <c r="N3101" s="236">
        <f t="shared" si="728"/>
        <v>9.1894362559221232</v>
      </c>
      <c r="O3101" s="236">
        <f t="shared" si="732"/>
        <v>3.631155498832741</v>
      </c>
      <c r="P3101" s="236" t="str">
        <f t="shared" si="733"/>
        <v>CLAY</v>
      </c>
      <c r="Q3101" s="236">
        <f t="shared" si="729"/>
        <v>83.157077908255829</v>
      </c>
      <c r="R3101" s="238">
        <v>35</v>
      </c>
      <c r="S3101" s="236">
        <f t="shared" si="734"/>
        <v>1.2841033091521223</v>
      </c>
      <c r="T3101" s="236" t="e">
        <f t="shared" si="720"/>
        <v>#N/A</v>
      </c>
    </row>
    <row r="3102" spans="1:20" x14ac:dyDescent="0.2">
      <c r="A3102" s="53">
        <f t="shared" si="721"/>
        <v>3090</v>
      </c>
      <c r="B3102" s="239">
        <v>30.911999999999999</v>
      </c>
      <c r="C3102" s="3">
        <f t="shared" si="722"/>
        <v>30.904999999999998</v>
      </c>
      <c r="D3102" s="239">
        <v>1.2871999999999999</v>
      </c>
      <c r="E3102" s="239">
        <v>8.4199999999999997E-2</v>
      </c>
      <c r="F3102" s="239">
        <v>1.1509</v>
      </c>
      <c r="G3102">
        <f t="shared" si="723"/>
        <v>1.51738</v>
      </c>
      <c r="H3102" s="235">
        <f t="shared" si="724"/>
        <v>5.5490384742121286</v>
      </c>
      <c r="I3102" s="236">
        <f t="shared" si="725"/>
        <v>18.605770621379619</v>
      </c>
      <c r="J3102" s="237">
        <f t="shared" si="730"/>
        <v>8.6057706213796195</v>
      </c>
      <c r="K3102" s="237">
        <f t="shared" si="726"/>
        <v>575.01134105373706</v>
      </c>
      <c r="L3102" s="237">
        <f t="shared" si="731"/>
        <v>266.02158144808681</v>
      </c>
      <c r="M3102" s="236">
        <f t="shared" si="727"/>
        <v>3.542451908662767</v>
      </c>
      <c r="N3102" s="236">
        <f t="shared" si="728"/>
        <v>8.9349321203180398</v>
      </c>
      <c r="O3102" s="236">
        <f t="shared" si="732"/>
        <v>3.6392447826758194</v>
      </c>
      <c r="P3102" s="236" t="str">
        <f t="shared" si="733"/>
        <v>CLAY</v>
      </c>
      <c r="Q3102" s="236">
        <f t="shared" si="729"/>
        <v>78.530721578855236</v>
      </c>
      <c r="R3102" s="238">
        <v>35</v>
      </c>
      <c r="S3102" s="236">
        <f t="shared" si="734"/>
        <v>1.2149823319392077</v>
      </c>
      <c r="T3102" s="236" t="e">
        <f t="shared" si="720"/>
        <v>#N/A</v>
      </c>
    </row>
    <row r="3103" spans="1:20" x14ac:dyDescent="0.2">
      <c r="A3103" s="53">
        <f t="shared" si="721"/>
        <v>3091</v>
      </c>
      <c r="B3103" s="239">
        <v>30.922000000000001</v>
      </c>
      <c r="C3103" s="3">
        <f t="shared" si="722"/>
        <v>30.914999999999999</v>
      </c>
      <c r="D3103" s="239">
        <v>1.2652000000000001</v>
      </c>
      <c r="E3103" s="239">
        <v>7.6799999999999993E-2</v>
      </c>
      <c r="F3103" s="239">
        <v>1.1665000000000001</v>
      </c>
      <c r="G3103">
        <f t="shared" si="723"/>
        <v>1.4985000000000002</v>
      </c>
      <c r="H3103" s="235">
        <f t="shared" si="724"/>
        <v>5.1251251251251242</v>
      </c>
      <c r="I3103" s="236">
        <f t="shared" si="725"/>
        <v>18.493009421021064</v>
      </c>
      <c r="J3103" s="237">
        <f t="shared" si="730"/>
        <v>8.493009421021064</v>
      </c>
      <c r="K3103" s="237">
        <f t="shared" si="726"/>
        <v>571.71138625086621</v>
      </c>
      <c r="L3103" s="237">
        <f t="shared" si="731"/>
        <v>262.62083731681332</v>
      </c>
      <c r="M3103" s="236">
        <f t="shared" si="727"/>
        <v>3.5289987771651958</v>
      </c>
      <c r="N3103" s="236">
        <f t="shared" si="728"/>
        <v>8.2866792773080462</v>
      </c>
      <c r="O3103" s="236">
        <f t="shared" si="732"/>
        <v>3.6211589308725034</v>
      </c>
      <c r="P3103" s="236" t="str">
        <f t="shared" si="733"/>
        <v>CLAY</v>
      </c>
      <c r="Q3103" s="236">
        <f t="shared" si="729"/>
        <v>77.232384479094506</v>
      </c>
      <c r="R3103" s="238">
        <v>35</v>
      </c>
      <c r="S3103" s="236">
        <f t="shared" si="734"/>
        <v>1.2092174158526334</v>
      </c>
      <c r="T3103" s="236" t="e">
        <f t="shared" si="720"/>
        <v>#N/A</v>
      </c>
    </row>
    <row r="3104" spans="1:20" x14ac:dyDescent="0.2">
      <c r="A3104" s="53">
        <f t="shared" si="721"/>
        <v>3092</v>
      </c>
      <c r="B3104" s="239">
        <v>30.931999999999999</v>
      </c>
      <c r="C3104" s="3">
        <f t="shared" si="722"/>
        <v>30.924999999999997</v>
      </c>
      <c r="D3104" s="239">
        <v>1.2744</v>
      </c>
      <c r="E3104" s="239">
        <v>7.2099999999999997E-2</v>
      </c>
      <c r="F3104" s="239">
        <v>1.1773</v>
      </c>
      <c r="G3104">
        <f t="shared" si="723"/>
        <v>1.50986</v>
      </c>
      <c r="H3104" s="235">
        <f t="shared" si="724"/>
        <v>4.7752771780165046</v>
      </c>
      <c r="I3104" s="236">
        <f t="shared" si="725"/>
        <v>18.421911280866535</v>
      </c>
      <c r="J3104" s="237">
        <f t="shared" si="730"/>
        <v>8.4219112808665351</v>
      </c>
      <c r="K3104" s="237">
        <f t="shared" si="726"/>
        <v>569.69760636079752</v>
      </c>
      <c r="L3104" s="237">
        <f t="shared" si="731"/>
        <v>260.50655973976365</v>
      </c>
      <c r="M3104" s="236">
        <f t="shared" si="727"/>
        <v>3.6089778106869539</v>
      </c>
      <c r="N3104" s="236">
        <f t="shared" si="728"/>
        <v>7.6688878950915749</v>
      </c>
      <c r="O3104" s="236">
        <f t="shared" si="732"/>
        <v>3.5934981785977618</v>
      </c>
      <c r="P3104" s="236" t="str">
        <f t="shared" si="733"/>
        <v>CLAY</v>
      </c>
      <c r="Q3104" s="236">
        <f t="shared" si="729"/>
        <v>78.346866136600198</v>
      </c>
      <c r="R3104" s="238">
        <v>35</v>
      </c>
      <c r="S3104" s="236">
        <f t="shared" si="734"/>
        <v>1.2435701058578228</v>
      </c>
      <c r="T3104" s="236" t="e">
        <f t="shared" si="720"/>
        <v>#N/A</v>
      </c>
    </row>
    <row r="3105" spans="1:20" x14ac:dyDescent="0.2">
      <c r="A3105" s="53">
        <f t="shared" si="721"/>
        <v>3093</v>
      </c>
      <c r="B3105" s="239">
        <v>30.940999999999999</v>
      </c>
      <c r="C3105" s="3">
        <f t="shared" si="722"/>
        <v>30.933999999999997</v>
      </c>
      <c r="D3105" s="239">
        <v>1.2467999999999999</v>
      </c>
      <c r="E3105" s="239">
        <v>7.0400000000000004E-2</v>
      </c>
      <c r="F3105" s="239">
        <v>1.1909000000000001</v>
      </c>
      <c r="G3105">
        <f t="shared" si="723"/>
        <v>1.4849799999999997</v>
      </c>
      <c r="H3105" s="235">
        <f t="shared" si="724"/>
        <v>4.7408045899608089</v>
      </c>
      <c r="I3105" s="236">
        <f t="shared" si="725"/>
        <v>18.387437778143113</v>
      </c>
      <c r="J3105" s="237">
        <f t="shared" si="730"/>
        <v>8.3874377781431129</v>
      </c>
      <c r="K3105" s="237">
        <f t="shared" si="726"/>
        <v>568.797000229079</v>
      </c>
      <c r="L3105" s="237">
        <f t="shared" si="731"/>
        <v>259.51571229352606</v>
      </c>
      <c r="M3105" s="236">
        <f t="shared" si="727"/>
        <v>3.5303565694499035</v>
      </c>
      <c r="N3105" s="236">
        <f t="shared" si="728"/>
        <v>7.6840543884357793</v>
      </c>
      <c r="O3105" s="236">
        <f t="shared" si="732"/>
        <v>3.6017572598873433</v>
      </c>
      <c r="P3105" s="236" t="str">
        <f t="shared" si="733"/>
        <v>CLAY</v>
      </c>
      <c r="Q3105" s="236">
        <f t="shared" si="729"/>
        <v>76.348583314243399</v>
      </c>
      <c r="R3105" s="238">
        <v>35</v>
      </c>
      <c r="S3105" s="236">
        <f t="shared" si="734"/>
        <v>1.2097990061059682</v>
      </c>
      <c r="T3105" s="236" t="e">
        <f t="shared" si="720"/>
        <v>#N/A</v>
      </c>
    </row>
    <row r="3106" spans="1:20" x14ac:dyDescent="0.2">
      <c r="A3106" s="53">
        <f t="shared" si="721"/>
        <v>3094</v>
      </c>
      <c r="B3106" s="239">
        <v>30.952000000000002</v>
      </c>
      <c r="C3106" s="3">
        <f t="shared" si="722"/>
        <v>30.945</v>
      </c>
      <c r="D3106" s="239">
        <v>1.2629999999999999</v>
      </c>
      <c r="E3106" s="239">
        <v>6.8500000000000005E-2</v>
      </c>
      <c r="F3106" s="239">
        <v>1.1977</v>
      </c>
      <c r="G3106">
        <f t="shared" si="723"/>
        <v>1.5025399999999998</v>
      </c>
      <c r="H3106" s="235">
        <f t="shared" si="724"/>
        <v>4.5589468500006669</v>
      </c>
      <c r="I3106" s="236">
        <f t="shared" si="725"/>
        <v>18.359951035605519</v>
      </c>
      <c r="J3106" s="237">
        <f t="shared" si="730"/>
        <v>8.3599510356055191</v>
      </c>
      <c r="K3106" s="237">
        <f t="shared" si="726"/>
        <v>568.14868479681274</v>
      </c>
      <c r="L3106" s="237">
        <f t="shared" si="731"/>
        <v>258.75720445406205</v>
      </c>
      <c r="M3106" s="236">
        <f t="shared" si="727"/>
        <v>3.6110736208277143</v>
      </c>
      <c r="N3106" s="236">
        <f t="shared" si="728"/>
        <v>7.3309756721255921</v>
      </c>
      <c r="O3106" s="236">
        <f t="shared" si="732"/>
        <v>3.5818656750394493</v>
      </c>
      <c r="P3106" s="236" t="str">
        <f t="shared" si="733"/>
        <v>CLAY</v>
      </c>
      <c r="Q3106" s="236">
        <f t="shared" si="729"/>
        <v>77.865942933598916</v>
      </c>
      <c r="R3106" s="238">
        <v>35</v>
      </c>
      <c r="S3106" s="236">
        <f t="shared" si="734"/>
        <v>1.2444728808742682</v>
      </c>
      <c r="T3106" s="236" t="e">
        <f t="shared" si="720"/>
        <v>#N/A</v>
      </c>
    </row>
    <row r="3107" spans="1:20" x14ac:dyDescent="0.2">
      <c r="A3107" s="53">
        <f t="shared" si="721"/>
        <v>3095</v>
      </c>
      <c r="B3107" s="239">
        <v>30.962</v>
      </c>
      <c r="C3107" s="3">
        <f t="shared" si="722"/>
        <v>30.954999999999998</v>
      </c>
      <c r="D3107" s="239">
        <v>1.2523</v>
      </c>
      <c r="E3107" s="239">
        <v>6.08E-2</v>
      </c>
      <c r="F3107" s="239">
        <v>1.2073</v>
      </c>
      <c r="G3107">
        <f t="shared" si="723"/>
        <v>1.49376</v>
      </c>
      <c r="H3107" s="235">
        <f t="shared" si="724"/>
        <v>4.0702656383890323</v>
      </c>
      <c r="I3107" s="236">
        <f t="shared" si="725"/>
        <v>18.217835461542787</v>
      </c>
      <c r="J3107" s="237">
        <f t="shared" si="730"/>
        <v>8.2178354615427871</v>
      </c>
      <c r="K3107" s="237">
        <f t="shared" si="726"/>
        <v>563.93309671205691</v>
      </c>
      <c r="L3107" s="237">
        <f t="shared" si="731"/>
        <v>254.44062156028778</v>
      </c>
      <c r="M3107" s="236">
        <f t="shared" si="727"/>
        <v>3.6543964465502126</v>
      </c>
      <c r="N3107" s="236">
        <f t="shared" si="728"/>
        <v>6.5388514555780528</v>
      </c>
      <c r="O3107" s="236">
        <f t="shared" si="732"/>
        <v>3.5489416771327664</v>
      </c>
      <c r="P3107" s="236" t="str">
        <f t="shared" si="733"/>
        <v>CLAY</v>
      </c>
      <c r="Q3107" s="236">
        <f t="shared" si="729"/>
        <v>77.485575273995252</v>
      </c>
      <c r="R3107" s="238">
        <v>35</v>
      </c>
      <c r="S3107" s="236">
        <f t="shared" si="734"/>
        <v>1.2631635455213794</v>
      </c>
      <c r="T3107" s="236" t="e">
        <f t="shared" si="720"/>
        <v>#N/A</v>
      </c>
    </row>
    <row r="3108" spans="1:20" x14ac:dyDescent="0.2">
      <c r="A3108" s="53">
        <f t="shared" si="721"/>
        <v>3096</v>
      </c>
      <c r="B3108" s="239">
        <v>30.972999999999999</v>
      </c>
      <c r="C3108" s="3">
        <f t="shared" si="722"/>
        <v>30.965999999999998</v>
      </c>
      <c r="D3108" s="239">
        <v>1.2528999999999999</v>
      </c>
      <c r="E3108" s="239">
        <v>5.7599999999999998E-2</v>
      </c>
      <c r="F3108" s="239">
        <v>1.2221</v>
      </c>
      <c r="G3108">
        <f t="shared" si="723"/>
        <v>1.4973199999999998</v>
      </c>
      <c r="H3108" s="235">
        <f t="shared" si="724"/>
        <v>3.84687307990276</v>
      </c>
      <c r="I3108" s="236">
        <f t="shared" si="725"/>
        <v>18.155366922648955</v>
      </c>
      <c r="J3108" s="237">
        <f t="shared" si="730"/>
        <v>8.1553669226489554</v>
      </c>
      <c r="K3108" s="237">
        <f t="shared" si="726"/>
        <v>562.19909212674747</v>
      </c>
      <c r="L3108" s="237">
        <f t="shared" si="731"/>
        <v>252.59617969520608</v>
      </c>
      <c r="M3108" s="236">
        <f t="shared" si="727"/>
        <v>3.7020389975874188</v>
      </c>
      <c r="N3108" s="236">
        <f t="shared" si="728"/>
        <v>6.1596312856483797</v>
      </c>
      <c r="O3108" s="236">
        <f t="shared" si="732"/>
        <v>3.5294978183307824</v>
      </c>
      <c r="P3108" s="236" t="str">
        <f t="shared" si="733"/>
        <v>CLAY</v>
      </c>
      <c r="Q3108" s="236">
        <f t="shared" si="729"/>
        <v>77.92674232277102</v>
      </c>
      <c r="R3108" s="238">
        <v>35</v>
      </c>
      <c r="S3108" s="236">
        <f t="shared" si="734"/>
        <v>1.2837818912907319</v>
      </c>
      <c r="T3108" s="236" t="e">
        <f t="shared" si="720"/>
        <v>#N/A</v>
      </c>
    </row>
    <row r="3109" spans="1:20" x14ac:dyDescent="0.2">
      <c r="A3109" s="53">
        <f t="shared" si="721"/>
        <v>3097</v>
      </c>
      <c r="B3109" s="239">
        <v>30.981999999999999</v>
      </c>
      <c r="C3109" s="3">
        <f t="shared" si="722"/>
        <v>30.974999999999998</v>
      </c>
      <c r="D3109" s="239">
        <v>1.2974000000000001</v>
      </c>
      <c r="E3109" s="239">
        <v>5.0200000000000002E-2</v>
      </c>
      <c r="F3109" s="239">
        <v>1.2143999999999999</v>
      </c>
      <c r="G3109">
        <f t="shared" si="723"/>
        <v>1.5402800000000001</v>
      </c>
      <c r="H3109" s="235">
        <f t="shared" si="724"/>
        <v>3.2591476874334537</v>
      </c>
      <c r="I3109" s="236">
        <f t="shared" si="725"/>
        <v>18.005182799336829</v>
      </c>
      <c r="J3109" s="237">
        <f t="shared" si="730"/>
        <v>8.0051827993368292</v>
      </c>
      <c r="K3109" s="237">
        <f t="shared" si="726"/>
        <v>557.71053720945827</v>
      </c>
      <c r="L3109" s="237">
        <f t="shared" si="731"/>
        <v>248.01657348905363</v>
      </c>
      <c r="M3109" s="236">
        <f t="shared" si="727"/>
        <v>3.9617088848859057</v>
      </c>
      <c r="N3109" s="236">
        <f t="shared" si="728"/>
        <v>5.1090535479730583</v>
      </c>
      <c r="O3109" s="236">
        <f t="shared" si="732"/>
        <v>3.4594154854400037</v>
      </c>
      <c r="P3109" s="236" t="str">
        <f t="shared" si="733"/>
        <v>CLAY</v>
      </c>
      <c r="Q3109" s="236">
        <f t="shared" si="729"/>
        <v>81.88078856587849</v>
      </c>
      <c r="R3109" s="238">
        <v>35</v>
      </c>
      <c r="S3109" s="236">
        <f t="shared" si="734"/>
        <v>1.3973114184142055</v>
      </c>
      <c r="T3109" s="236" t="e">
        <f t="shared" si="720"/>
        <v>#N/A</v>
      </c>
    </row>
    <row r="3110" spans="1:20" x14ac:dyDescent="0.2">
      <c r="A3110" s="53">
        <f t="shared" si="721"/>
        <v>3098</v>
      </c>
      <c r="B3110" s="239">
        <v>30.991</v>
      </c>
      <c r="C3110" s="3">
        <f t="shared" si="722"/>
        <v>30.983999999999998</v>
      </c>
      <c r="D3110" s="239">
        <v>1.3429</v>
      </c>
      <c r="E3110" s="239">
        <v>4.6199999999999998E-2</v>
      </c>
      <c r="F3110" s="239">
        <v>1.1935</v>
      </c>
      <c r="G3110">
        <f t="shared" si="723"/>
        <v>1.5815999999999999</v>
      </c>
      <c r="H3110" s="235">
        <f t="shared" si="724"/>
        <v>2.9210925644916541</v>
      </c>
      <c r="I3110" s="236">
        <f t="shared" si="725"/>
        <v>17.918163379059081</v>
      </c>
      <c r="J3110" s="237">
        <f t="shared" si="730"/>
        <v>7.9181633790590809</v>
      </c>
      <c r="K3110" s="237">
        <f t="shared" si="726"/>
        <v>555.17637413676653</v>
      </c>
      <c r="L3110" s="237">
        <f t="shared" si="731"/>
        <v>245.39180128041997</v>
      </c>
      <c r="M3110" s="236">
        <f t="shared" si="727"/>
        <v>4.1827951076910432</v>
      </c>
      <c r="N3110" s="236">
        <f t="shared" si="728"/>
        <v>4.5010655284893017</v>
      </c>
      <c r="O3110" s="236">
        <f t="shared" si="732"/>
        <v>3.4093185428645882</v>
      </c>
      <c r="P3110" s="236" t="str">
        <f t="shared" si="733"/>
        <v>CLAY</v>
      </c>
      <c r="Q3110" s="236">
        <f t="shared" si="729"/>
        <v>85.535302155269449</v>
      </c>
      <c r="R3110" s="238">
        <v>35</v>
      </c>
      <c r="S3110" s="236">
        <f t="shared" si="734"/>
        <v>1.4954546514260691</v>
      </c>
      <c r="T3110" s="236" t="e">
        <f t="shared" si="720"/>
        <v>#N/A</v>
      </c>
    </row>
    <row r="3111" spans="1:20" x14ac:dyDescent="0.2">
      <c r="A3111" s="53">
        <f t="shared" si="721"/>
        <v>3099</v>
      </c>
      <c r="B3111" s="239">
        <v>31.001999999999999</v>
      </c>
      <c r="C3111" s="3">
        <f t="shared" si="722"/>
        <v>30.994999999999997</v>
      </c>
      <c r="D3111" s="239">
        <v>1.3736999999999999</v>
      </c>
      <c r="E3111" s="239">
        <v>4.07E-2</v>
      </c>
      <c r="F3111" s="239">
        <v>1.1788000000000001</v>
      </c>
      <c r="G3111">
        <f t="shared" si="723"/>
        <v>1.6094599999999999</v>
      </c>
      <c r="H3111" s="235">
        <f t="shared" si="724"/>
        <v>2.5287984789929543</v>
      </c>
      <c r="I3111" s="236">
        <f t="shared" si="725"/>
        <v>17.77636012814007</v>
      </c>
      <c r="J3111" s="237">
        <f t="shared" si="730"/>
        <v>7.7763601281400696</v>
      </c>
      <c r="K3111" s="237">
        <f t="shared" si="726"/>
        <v>550.97828217170138</v>
      </c>
      <c r="L3111" s="237">
        <f t="shared" si="731"/>
        <v>241.08271669259844</v>
      </c>
      <c r="M3111" s="236">
        <f t="shared" si="727"/>
        <v>4.3905333918148726</v>
      </c>
      <c r="N3111" s="236">
        <f t="shared" si="728"/>
        <v>3.8451301817007058</v>
      </c>
      <c r="O3111" s="236">
        <f t="shared" si="732"/>
        <v>3.354454113203873</v>
      </c>
      <c r="P3111" s="236" t="str">
        <f t="shared" si="733"/>
        <v>CLAY</v>
      </c>
      <c r="Q3111" s="236">
        <f t="shared" si="729"/>
        <v>88.206809819024855</v>
      </c>
      <c r="R3111" s="238">
        <v>35</v>
      </c>
      <c r="S3111" s="236">
        <f t="shared" si="734"/>
        <v>1.5888635948114931</v>
      </c>
      <c r="T3111" s="236" t="e">
        <f t="shared" si="720"/>
        <v>#N/A</v>
      </c>
    </row>
    <row r="3112" spans="1:20" x14ac:dyDescent="0.2">
      <c r="A3112" s="53">
        <f t="shared" si="721"/>
        <v>3100</v>
      </c>
      <c r="B3112" s="239">
        <v>31.012</v>
      </c>
      <c r="C3112" s="3">
        <f t="shared" si="722"/>
        <v>31.004999999999999</v>
      </c>
      <c r="D3112" s="239">
        <v>1.3815999999999999</v>
      </c>
      <c r="E3112" s="239">
        <v>3.7999999999999999E-2</v>
      </c>
      <c r="F3112" s="239">
        <v>1.2041999999999999</v>
      </c>
      <c r="G3112">
        <f t="shared" si="723"/>
        <v>1.6224399999999999</v>
      </c>
      <c r="H3112" s="235">
        <f t="shared" si="724"/>
        <v>2.3421513276299892</v>
      </c>
      <c r="I3112" s="236">
        <f t="shared" si="725"/>
        <v>17.699010545728875</v>
      </c>
      <c r="J3112" s="237">
        <f t="shared" si="730"/>
        <v>7.6990105457288749</v>
      </c>
      <c r="K3112" s="237">
        <f t="shared" si="726"/>
        <v>548.75782197032379</v>
      </c>
      <c r="L3112" s="237">
        <f t="shared" si="731"/>
        <v>238.76171504414387</v>
      </c>
      <c r="M3112" s="236">
        <f t="shared" si="727"/>
        <v>4.4968774739751147</v>
      </c>
      <c r="N3112" s="236">
        <f t="shared" si="728"/>
        <v>3.5392223860634577</v>
      </c>
      <c r="O3112" s="236">
        <f t="shared" si="732"/>
        <v>3.3264132509987774</v>
      </c>
      <c r="P3112" s="236" t="str">
        <f t="shared" si="733"/>
        <v>CLAY</v>
      </c>
      <c r="Q3112" s="236">
        <f t="shared" si="729"/>
        <v>89.473514835806327</v>
      </c>
      <c r="R3112" s="238">
        <v>35</v>
      </c>
      <c r="S3112" s="236">
        <f t="shared" si="734"/>
        <v>1.6371136396563641</v>
      </c>
      <c r="T3112" s="236" t="e">
        <f t="shared" si="720"/>
        <v>#N/A</v>
      </c>
    </row>
    <row r="3113" spans="1:20" x14ac:dyDescent="0.2">
      <c r="A3113" s="53">
        <f t="shared" si="721"/>
        <v>3101</v>
      </c>
      <c r="B3113" s="239">
        <v>31.023</v>
      </c>
      <c r="C3113" s="3">
        <f t="shared" si="722"/>
        <v>31.015999999999998</v>
      </c>
      <c r="D3113" s="239">
        <v>1.4535</v>
      </c>
      <c r="E3113" s="239">
        <v>3.6999999999999998E-2</v>
      </c>
      <c r="F3113" s="239">
        <v>1.2054</v>
      </c>
      <c r="G3113">
        <f t="shared" si="723"/>
        <v>1.69458</v>
      </c>
      <c r="H3113" s="235">
        <f t="shared" si="724"/>
        <v>2.1834318828264232</v>
      </c>
      <c r="I3113" s="236">
        <f t="shared" si="725"/>
        <v>17.684743578134501</v>
      </c>
      <c r="J3113" s="237">
        <f t="shared" si="730"/>
        <v>7.6847435781345013</v>
      </c>
      <c r="K3113" s="237">
        <f t="shared" si="726"/>
        <v>548.51000681941969</v>
      </c>
      <c r="L3113" s="237">
        <f t="shared" si="731"/>
        <v>238.40380002446662</v>
      </c>
      <c r="M3113" s="236">
        <f t="shared" si="727"/>
        <v>4.8072639490769973</v>
      </c>
      <c r="N3113" s="236">
        <f t="shared" si="728"/>
        <v>3.2284241119791801</v>
      </c>
      <c r="O3113" s="236">
        <f t="shared" si="732"/>
        <v>3.2806891612484241</v>
      </c>
      <c r="P3113" s="236" t="str">
        <f t="shared" si="733"/>
        <v>CLAY</v>
      </c>
      <c r="Q3113" s="236">
        <f t="shared" si="729"/>
        <v>95.505832765048353</v>
      </c>
      <c r="R3113" s="238">
        <v>35</v>
      </c>
      <c r="S3113" s="236">
        <f t="shared" si="734"/>
        <v>1.7795593185055885</v>
      </c>
      <c r="T3113" s="236" t="e">
        <f t="shared" si="720"/>
        <v>#N/A</v>
      </c>
    </row>
    <row r="3114" spans="1:20" x14ac:dyDescent="0.2">
      <c r="A3114" s="53">
        <f t="shared" si="721"/>
        <v>3102</v>
      </c>
      <c r="B3114" s="239">
        <v>31.032</v>
      </c>
      <c r="C3114" s="3">
        <f t="shared" si="722"/>
        <v>31.024999999999999</v>
      </c>
      <c r="D3114" s="239">
        <v>1.5519000000000001</v>
      </c>
      <c r="E3114" s="239">
        <v>3.5499999999999997E-2</v>
      </c>
      <c r="F3114" s="239">
        <v>1.1948000000000001</v>
      </c>
      <c r="G3114">
        <f t="shared" si="723"/>
        <v>1.7908599999999999</v>
      </c>
      <c r="H3114" s="235">
        <f t="shared" si="724"/>
        <v>1.982287839362094</v>
      </c>
      <c r="I3114" s="236">
        <f t="shared" si="725"/>
        <v>17.657815080320511</v>
      </c>
      <c r="J3114" s="237">
        <f t="shared" si="730"/>
        <v>7.6578150803205105</v>
      </c>
      <c r="K3114" s="237">
        <f t="shared" si="726"/>
        <v>547.83371286694387</v>
      </c>
      <c r="L3114" s="237">
        <f t="shared" si="731"/>
        <v>237.63731757250608</v>
      </c>
      <c r="M3114" s="236">
        <f t="shared" si="727"/>
        <v>5.2307705701727309</v>
      </c>
      <c r="N3114" s="236">
        <f t="shared" si="728"/>
        <v>2.8559331662951397</v>
      </c>
      <c r="O3114" s="236">
        <f t="shared" si="732"/>
        <v>3.2215714111287226</v>
      </c>
      <c r="P3114" s="236" t="str">
        <f t="shared" si="733"/>
        <v>CLAY</v>
      </c>
      <c r="Q3114" s="236">
        <f t="shared" si="729"/>
        <v>103.58552392775466</v>
      </c>
      <c r="R3114" s="238">
        <v>35</v>
      </c>
      <c r="S3114" s="236">
        <f t="shared" si="734"/>
        <v>1.9776393651527937</v>
      </c>
      <c r="T3114" s="236" t="e">
        <f t="shared" si="720"/>
        <v>#N/A</v>
      </c>
    </row>
    <row r="3115" spans="1:20" x14ac:dyDescent="0.2">
      <c r="A3115" s="53">
        <f t="shared" si="721"/>
        <v>3103</v>
      </c>
      <c r="B3115" s="239">
        <v>31.041</v>
      </c>
      <c r="C3115" s="3">
        <f t="shared" si="722"/>
        <v>31.033999999999999</v>
      </c>
      <c r="D3115" s="239">
        <v>1.6544000000000001</v>
      </c>
      <c r="E3115" s="239">
        <v>3.4099999999999998E-2</v>
      </c>
      <c r="F3115" s="239">
        <v>1.1782999999999999</v>
      </c>
      <c r="G3115">
        <f t="shared" si="723"/>
        <v>1.8900600000000001</v>
      </c>
      <c r="H3115" s="235">
        <f t="shared" si="724"/>
        <v>1.8041755288191907</v>
      </c>
      <c r="I3115" s="236">
        <f t="shared" si="725"/>
        <v>17.631707909634965</v>
      </c>
      <c r="J3115" s="237">
        <f t="shared" si="730"/>
        <v>7.6317079096349651</v>
      </c>
      <c r="K3115" s="237">
        <f t="shared" si="726"/>
        <v>547.18242326761151</v>
      </c>
      <c r="L3115" s="237">
        <f t="shared" si="731"/>
        <v>236.89584522297895</v>
      </c>
      <c r="M3115" s="236">
        <f t="shared" si="727"/>
        <v>5.6686413198526173</v>
      </c>
      <c r="N3115" s="236">
        <f t="shared" si="728"/>
        <v>2.5393230619707876</v>
      </c>
      <c r="O3115" s="236">
        <f t="shared" si="732"/>
        <v>3.1653111856303271</v>
      </c>
      <c r="P3115" s="236" t="str">
        <f t="shared" si="733"/>
        <v>CLAY</v>
      </c>
      <c r="Q3115" s="236">
        <f t="shared" si="729"/>
        <v>111.90646472769906</v>
      </c>
      <c r="R3115" s="238">
        <v>35</v>
      </c>
      <c r="S3115" s="236">
        <f t="shared" si="734"/>
        <v>2.1866976152442881</v>
      </c>
      <c r="T3115" s="236" t="e">
        <f t="shared" si="720"/>
        <v>#N/A</v>
      </c>
    </row>
    <row r="3116" spans="1:20" x14ac:dyDescent="0.2">
      <c r="A3116" s="53">
        <f t="shared" si="721"/>
        <v>3104</v>
      </c>
      <c r="B3116" s="239">
        <v>31.053000000000001</v>
      </c>
      <c r="C3116" s="3">
        <f t="shared" si="722"/>
        <v>31.045999999999999</v>
      </c>
      <c r="D3116" s="239">
        <v>1.7238</v>
      </c>
      <c r="E3116" s="239">
        <v>3.3599999999999998E-2</v>
      </c>
      <c r="F3116" s="239">
        <v>1.1515</v>
      </c>
      <c r="G3116">
        <f t="shared" si="723"/>
        <v>1.9540999999999999</v>
      </c>
      <c r="H3116" s="235">
        <f t="shared" si="724"/>
        <v>1.7194616447469422</v>
      </c>
      <c r="I3116" s="236">
        <f t="shared" si="725"/>
        <v>17.627411209595941</v>
      </c>
      <c r="J3116" s="237">
        <f t="shared" si="730"/>
        <v>7.627411209595941</v>
      </c>
      <c r="K3116" s="237">
        <f t="shared" si="726"/>
        <v>547.26060841311562</v>
      </c>
      <c r="L3116" s="237">
        <f t="shared" si="731"/>
        <v>236.85400029158276</v>
      </c>
      <c r="M3116" s="236">
        <f t="shared" si="727"/>
        <v>5.9396902305005312</v>
      </c>
      <c r="N3116" s="236">
        <f t="shared" si="728"/>
        <v>2.388332328546753</v>
      </c>
      <c r="O3116" s="236">
        <f t="shared" si="732"/>
        <v>3.1342617186266035</v>
      </c>
      <c r="P3116" s="236" t="str">
        <f t="shared" si="733"/>
        <v>CLAY</v>
      </c>
      <c r="Q3116" s="236">
        <f t="shared" si="729"/>
        <v>117.23661596557368</v>
      </c>
      <c r="R3116" s="238">
        <v>35</v>
      </c>
      <c r="S3116" s="236">
        <f t="shared" si="734"/>
        <v>2.3181671843535034</v>
      </c>
      <c r="T3116" s="236" t="e">
        <f t="shared" si="720"/>
        <v>#N/A</v>
      </c>
    </row>
    <row r="3117" spans="1:20" x14ac:dyDescent="0.2">
      <c r="A3117" s="53">
        <f t="shared" si="721"/>
        <v>3105</v>
      </c>
      <c r="B3117" s="239">
        <v>31.062000000000001</v>
      </c>
      <c r="C3117" s="3">
        <f t="shared" si="722"/>
        <v>31.055</v>
      </c>
      <c r="D3117" s="239">
        <v>1.8419000000000001</v>
      </c>
      <c r="E3117" s="239">
        <v>3.4599999999999999E-2</v>
      </c>
      <c r="F3117" s="239">
        <v>1.1102000000000001</v>
      </c>
      <c r="G3117">
        <f t="shared" si="723"/>
        <v>2.0639400000000001</v>
      </c>
      <c r="H3117" s="235">
        <f t="shared" si="724"/>
        <v>1.6764053218601316</v>
      </c>
      <c r="I3117" s="236">
        <f t="shared" si="725"/>
        <v>17.683175882261857</v>
      </c>
      <c r="J3117" s="237">
        <f t="shared" si="730"/>
        <v>7.6831758822618568</v>
      </c>
      <c r="K3117" s="237">
        <f t="shared" si="726"/>
        <v>549.15102702364197</v>
      </c>
      <c r="L3117" s="237">
        <f t="shared" si="731"/>
        <v>238.65480925481779</v>
      </c>
      <c r="M3117" s="236">
        <f t="shared" si="727"/>
        <v>6.3471965124280381</v>
      </c>
      <c r="N3117" s="236">
        <f t="shared" si="728"/>
        <v>2.2841465456416428</v>
      </c>
      <c r="O3117" s="236">
        <f t="shared" si="732"/>
        <v>3.099594882678204</v>
      </c>
      <c r="P3117" s="236" t="str">
        <f t="shared" si="733"/>
        <v>CLAY</v>
      </c>
      <c r="Q3117" s="236">
        <f t="shared" si="729"/>
        <v>126.23241441469651</v>
      </c>
      <c r="R3117" s="238">
        <v>35</v>
      </c>
      <c r="S3117" s="236">
        <f t="shared" si="734"/>
        <v>2.518647788193344</v>
      </c>
      <c r="T3117" s="236" t="e">
        <f t="shared" si="720"/>
        <v>#N/A</v>
      </c>
    </row>
    <row r="3118" spans="1:20" x14ac:dyDescent="0.2">
      <c r="A3118" s="53">
        <f t="shared" si="721"/>
        <v>3106</v>
      </c>
      <c r="B3118" s="239">
        <v>31.071000000000002</v>
      </c>
      <c r="C3118" s="3">
        <f t="shared" si="722"/>
        <v>31.064</v>
      </c>
      <c r="D3118" s="239">
        <v>1.9287000000000001</v>
      </c>
      <c r="E3118" s="239">
        <v>3.5999999999999997E-2</v>
      </c>
      <c r="F3118" s="239">
        <v>1.0772999999999999</v>
      </c>
      <c r="G3118">
        <f t="shared" si="723"/>
        <v>2.1441599999999998</v>
      </c>
      <c r="H3118" s="235">
        <f t="shared" si="724"/>
        <v>1.6789791806581598</v>
      </c>
      <c r="I3118" s="236">
        <f t="shared" si="725"/>
        <v>17.744591277316847</v>
      </c>
      <c r="J3118" s="237">
        <f t="shared" si="730"/>
        <v>7.7445912773168466</v>
      </c>
      <c r="K3118" s="237">
        <f t="shared" si="726"/>
        <v>551.21798343857051</v>
      </c>
      <c r="L3118" s="237">
        <f t="shared" si="731"/>
        <v>240.63219557751177</v>
      </c>
      <c r="M3118" s="236">
        <f t="shared" si="727"/>
        <v>6.6198208129980483</v>
      </c>
      <c r="N3118" s="236">
        <f t="shared" si="728"/>
        <v>2.2599692660320834</v>
      </c>
      <c r="O3118" s="236">
        <f t="shared" si="732"/>
        <v>3.0815279425272064</v>
      </c>
      <c r="P3118" s="236" t="str">
        <f t="shared" si="733"/>
        <v>CLAY</v>
      </c>
      <c r="Q3118" s="236">
        <f t="shared" si="729"/>
        <v>132.74516804678578</v>
      </c>
      <c r="R3118" s="238">
        <v>35</v>
      </c>
      <c r="S3118" s="236">
        <f t="shared" si="734"/>
        <v>2.6545921218084279</v>
      </c>
      <c r="T3118" s="236" t="e">
        <f t="shared" si="720"/>
        <v>#N/A</v>
      </c>
    </row>
    <row r="3119" spans="1:20" x14ac:dyDescent="0.2">
      <c r="A3119" s="53">
        <f t="shared" si="721"/>
        <v>3107</v>
      </c>
      <c r="B3119" s="239">
        <v>31.082000000000001</v>
      </c>
      <c r="C3119" s="3">
        <f t="shared" si="722"/>
        <v>31.074999999999999</v>
      </c>
      <c r="D3119" s="239">
        <v>1.9824999999999999</v>
      </c>
      <c r="E3119" s="239">
        <v>3.6900000000000002E-2</v>
      </c>
      <c r="F3119" s="239">
        <v>1.0733999999999999</v>
      </c>
      <c r="G3119">
        <f t="shared" si="723"/>
        <v>2.1971799999999999</v>
      </c>
      <c r="H3119" s="235">
        <f t="shared" si="724"/>
        <v>1.6794254453435769</v>
      </c>
      <c r="I3119" s="236">
        <f t="shared" si="725"/>
        <v>17.783093316463486</v>
      </c>
      <c r="J3119" s="237">
        <f t="shared" si="730"/>
        <v>7.7830933164634857</v>
      </c>
      <c r="K3119" s="237">
        <f t="shared" si="726"/>
        <v>552.6096248091028</v>
      </c>
      <c r="L3119" s="237">
        <f t="shared" si="731"/>
        <v>241.91410646231807</v>
      </c>
      <c r="M3119" s="236">
        <f t="shared" si="727"/>
        <v>6.7981582357499466</v>
      </c>
      <c r="N3119" s="236">
        <f t="shared" si="728"/>
        <v>2.2437470938704438</v>
      </c>
      <c r="O3119" s="236">
        <f t="shared" si="732"/>
        <v>3.0700063228667971</v>
      </c>
      <c r="P3119" s="236" t="str">
        <f t="shared" si="733"/>
        <v>CLAY</v>
      </c>
      <c r="Q3119" s="236">
        <f t="shared" si="729"/>
        <v>137.04753126590808</v>
      </c>
      <c r="R3119" s="238">
        <v>35</v>
      </c>
      <c r="S3119" s="236">
        <f t="shared" si="734"/>
        <v>2.7442842623405697</v>
      </c>
      <c r="T3119" s="236" t="e">
        <f t="shared" si="720"/>
        <v>#N/A</v>
      </c>
    </row>
    <row r="3120" spans="1:20" x14ac:dyDescent="0.2">
      <c r="A3120" s="53">
        <f t="shared" si="721"/>
        <v>3108</v>
      </c>
      <c r="B3120" s="239">
        <v>31.091000000000001</v>
      </c>
      <c r="C3120" s="3">
        <f t="shared" si="722"/>
        <v>31.084</v>
      </c>
      <c r="D3120" s="239">
        <v>1.9238</v>
      </c>
      <c r="E3120" s="239">
        <v>3.6799999999999999E-2</v>
      </c>
      <c r="F3120" s="239">
        <v>1.0871999999999999</v>
      </c>
      <c r="G3120">
        <f t="shared" si="723"/>
        <v>2.1412399999999998</v>
      </c>
      <c r="H3120" s="235">
        <f t="shared" si="724"/>
        <v>1.7186303263529545</v>
      </c>
      <c r="I3120" s="236">
        <f t="shared" si="725"/>
        <v>17.769830977767054</v>
      </c>
      <c r="J3120" s="237">
        <f t="shared" si="730"/>
        <v>7.7698309777670538</v>
      </c>
      <c r="K3120" s="237">
        <f t="shared" si="726"/>
        <v>552.35742611291107</v>
      </c>
      <c r="L3120" s="237">
        <f t="shared" si="731"/>
        <v>241.57181492975548</v>
      </c>
      <c r="M3120" s="236">
        <f t="shared" si="727"/>
        <v>6.5772680242068216</v>
      </c>
      <c r="N3120" s="236">
        <f t="shared" si="728"/>
        <v>2.3160931213419631</v>
      </c>
      <c r="O3120" s="236">
        <f t="shared" si="732"/>
        <v>3.0893873327602663</v>
      </c>
      <c r="P3120" s="236" t="str">
        <f t="shared" si="733"/>
        <v>CLAY</v>
      </c>
      <c r="Q3120" s="236">
        <f t="shared" si="729"/>
        <v>132.4068811572574</v>
      </c>
      <c r="R3120" s="238">
        <v>35</v>
      </c>
      <c r="S3120" s="236">
        <f t="shared" si="734"/>
        <v>2.6332793495363247</v>
      </c>
      <c r="T3120" s="236" t="e">
        <f t="shared" si="720"/>
        <v>#N/A</v>
      </c>
    </row>
    <row r="3121" spans="1:20" x14ac:dyDescent="0.2">
      <c r="A3121" s="53">
        <f t="shared" si="721"/>
        <v>3109</v>
      </c>
      <c r="B3121" s="239">
        <v>31.102</v>
      </c>
      <c r="C3121" s="3">
        <f t="shared" si="722"/>
        <v>31.094999999999999</v>
      </c>
      <c r="D3121" s="239">
        <v>1.9468000000000001</v>
      </c>
      <c r="E3121" s="239">
        <v>3.6999999999999998E-2</v>
      </c>
      <c r="F3121" s="239">
        <v>1.0904</v>
      </c>
      <c r="G3121">
        <f t="shared" si="723"/>
        <v>2.1648800000000001</v>
      </c>
      <c r="H3121" s="235">
        <f t="shared" si="724"/>
        <v>1.7091016592143675</v>
      </c>
      <c r="I3121" s="236">
        <f t="shared" si="725"/>
        <v>17.780478154808776</v>
      </c>
      <c r="J3121" s="237">
        <f t="shared" si="730"/>
        <v>7.780478154808776</v>
      </c>
      <c r="K3121" s="237">
        <f t="shared" si="726"/>
        <v>552.88396822377888</v>
      </c>
      <c r="L3121" s="237">
        <f t="shared" si="731"/>
        <v>241.98843157086256</v>
      </c>
      <c r="M3121" s="236">
        <f t="shared" si="727"/>
        <v>6.6614590677413155</v>
      </c>
      <c r="N3121" s="236">
        <f t="shared" si="728"/>
        <v>2.2952910100672246</v>
      </c>
      <c r="O3121" s="236">
        <f t="shared" si="732"/>
        <v>3.082635742803149</v>
      </c>
      <c r="P3121" s="236" t="str">
        <f t="shared" si="733"/>
        <v>CLAY</v>
      </c>
      <c r="Q3121" s="236">
        <f t="shared" si="729"/>
        <v>134.33300264801844</v>
      </c>
      <c r="R3121" s="238">
        <v>35</v>
      </c>
      <c r="S3121" s="236">
        <f t="shared" si="734"/>
        <v>2.6754800270894465</v>
      </c>
      <c r="T3121" s="236" t="e">
        <f t="shared" si="720"/>
        <v>#N/A</v>
      </c>
    </row>
    <row r="3122" spans="1:20" x14ac:dyDescent="0.2">
      <c r="A3122" s="53">
        <f t="shared" si="721"/>
        <v>3110</v>
      </c>
      <c r="B3122" s="239">
        <v>31.111999999999998</v>
      </c>
      <c r="C3122" s="3">
        <f t="shared" si="722"/>
        <v>31.104999999999997</v>
      </c>
      <c r="D3122" s="239">
        <v>2.0036999999999998</v>
      </c>
      <c r="E3122" s="239">
        <v>3.7400000000000003E-2</v>
      </c>
      <c r="F3122" s="239">
        <v>1.0841000000000001</v>
      </c>
      <c r="G3122">
        <f t="shared" si="723"/>
        <v>2.2205199999999996</v>
      </c>
      <c r="H3122" s="235">
        <f t="shared" si="724"/>
        <v>1.6842901662673611</v>
      </c>
      <c r="I3122" s="236">
        <f t="shared" si="725"/>
        <v>17.803005600580356</v>
      </c>
      <c r="J3122" s="237">
        <f t="shared" si="730"/>
        <v>7.8030056005803559</v>
      </c>
      <c r="K3122" s="237">
        <f t="shared" si="726"/>
        <v>553.7624892060519</v>
      </c>
      <c r="L3122" s="237">
        <f t="shared" si="731"/>
        <v>242.76711024525602</v>
      </c>
      <c r="M3122" s="236">
        <f t="shared" si="727"/>
        <v>6.8656644185042284</v>
      </c>
      <c r="N3122" s="236">
        <f t="shared" si="728"/>
        <v>2.243877694133491</v>
      </c>
      <c r="O3122" s="236">
        <f t="shared" si="732"/>
        <v>3.0663331691328568</v>
      </c>
      <c r="P3122" s="236" t="str">
        <f t="shared" si="733"/>
        <v>CLAY</v>
      </c>
      <c r="Q3122" s="236">
        <f t="shared" si="729"/>
        <v>138.89645923282896</v>
      </c>
      <c r="R3122" s="238">
        <v>35</v>
      </c>
      <c r="S3122" s="236">
        <f t="shared" si="734"/>
        <v>2.778390105961912</v>
      </c>
      <c r="T3122" s="236" t="e">
        <f t="shared" si="720"/>
        <v>#N/A</v>
      </c>
    </row>
    <row r="3123" spans="1:20" x14ac:dyDescent="0.2">
      <c r="A3123" s="53">
        <f t="shared" si="721"/>
        <v>3111</v>
      </c>
      <c r="B3123" s="239">
        <v>31.120999999999999</v>
      </c>
      <c r="C3123" s="3">
        <f t="shared" si="722"/>
        <v>31.113999999999997</v>
      </c>
      <c r="D3123" s="239">
        <v>2.1503999999999999</v>
      </c>
      <c r="E3123" s="239">
        <v>3.6900000000000002E-2</v>
      </c>
      <c r="F3123" s="239">
        <v>1.0827</v>
      </c>
      <c r="G3123">
        <f t="shared" si="723"/>
        <v>2.3669399999999996</v>
      </c>
      <c r="H3123" s="235">
        <f t="shared" si="724"/>
        <v>1.5589748789576419</v>
      </c>
      <c r="I3123" s="236">
        <f t="shared" si="725"/>
        <v>17.812182767163645</v>
      </c>
      <c r="J3123" s="237">
        <f t="shared" si="730"/>
        <v>7.8121827671636446</v>
      </c>
      <c r="K3123" s="237">
        <f t="shared" si="726"/>
        <v>554.20825461752963</v>
      </c>
      <c r="L3123" s="237">
        <f t="shared" si="731"/>
        <v>243.12293989689977</v>
      </c>
      <c r="M3123" s="236">
        <f t="shared" si="727"/>
        <v>7.4560292260005916</v>
      </c>
      <c r="N3123" s="236">
        <f t="shared" si="728"/>
        <v>2.0356017978939538</v>
      </c>
      <c r="O3123" s="236">
        <f t="shared" si="732"/>
        <v>3.0139456721846845</v>
      </c>
      <c r="P3123" s="236" t="str">
        <f t="shared" si="733"/>
        <v>CLAY</v>
      </c>
      <c r="Q3123" s="236">
        <f t="shared" si="729"/>
        <v>151.06097878187248</v>
      </c>
      <c r="R3123" s="238">
        <v>35</v>
      </c>
      <c r="S3123" s="236">
        <f t="shared" si="734"/>
        <v>3.0801687527697745</v>
      </c>
      <c r="T3123" s="236" t="e">
        <f t="shared" si="720"/>
        <v>#N/A</v>
      </c>
    </row>
    <row r="3124" spans="1:20" x14ac:dyDescent="0.2">
      <c r="A3124" s="53">
        <f t="shared" si="721"/>
        <v>3112</v>
      </c>
      <c r="B3124" s="239">
        <v>31.131</v>
      </c>
      <c r="C3124" s="3">
        <f t="shared" si="722"/>
        <v>31.123999999999999</v>
      </c>
      <c r="D3124" s="239">
        <v>2.3437000000000001</v>
      </c>
      <c r="E3124" s="239">
        <v>3.6900000000000002E-2</v>
      </c>
      <c r="F3124" s="239">
        <v>1.0661</v>
      </c>
      <c r="G3124">
        <f t="shared" si="723"/>
        <v>2.5569199999999999</v>
      </c>
      <c r="H3124" s="235">
        <f t="shared" si="724"/>
        <v>1.4431425308574382</v>
      </c>
      <c r="I3124" s="236">
        <f t="shared" si="725"/>
        <v>17.842359669181345</v>
      </c>
      <c r="J3124" s="237">
        <f t="shared" si="730"/>
        <v>7.8423596691813451</v>
      </c>
      <c r="K3124" s="237">
        <f t="shared" si="726"/>
        <v>555.32560234360017</v>
      </c>
      <c r="L3124" s="237">
        <f t="shared" si="731"/>
        <v>244.14049886128444</v>
      </c>
      <c r="M3124" s="236">
        <f t="shared" si="727"/>
        <v>8.1985348886899114</v>
      </c>
      <c r="N3124" s="236">
        <f t="shared" si="728"/>
        <v>1.8435303397733818</v>
      </c>
      <c r="O3124" s="236">
        <f t="shared" si="732"/>
        <v>2.9566266497951643</v>
      </c>
      <c r="P3124" s="236" t="str">
        <f t="shared" si="733"/>
        <v>CLAY</v>
      </c>
      <c r="Q3124" s="236">
        <f t="shared" si="729"/>
        <v>166.79953313803333</v>
      </c>
      <c r="R3124" s="238">
        <v>35</v>
      </c>
      <c r="S3124" s="236">
        <f t="shared" si="734"/>
        <v>3.468249402232368</v>
      </c>
      <c r="T3124" s="236" t="e">
        <f t="shared" si="720"/>
        <v>#N/A</v>
      </c>
    </row>
    <row r="3125" spans="1:20" x14ac:dyDescent="0.2">
      <c r="A3125" s="53">
        <f t="shared" si="721"/>
        <v>3113</v>
      </c>
      <c r="B3125" s="239">
        <v>31.140999999999998</v>
      </c>
      <c r="C3125" s="3">
        <f t="shared" si="722"/>
        <v>31.133999999999997</v>
      </c>
      <c r="D3125" s="239">
        <v>2.6724999999999999</v>
      </c>
      <c r="E3125" s="239">
        <v>3.5700000000000003E-2</v>
      </c>
      <c r="F3125" s="239">
        <v>0.99939999999999996</v>
      </c>
      <c r="G3125">
        <f t="shared" si="723"/>
        <v>2.8723799999999997</v>
      </c>
      <c r="H3125" s="235">
        <f t="shared" si="724"/>
        <v>1.2428717648779064</v>
      </c>
      <c r="I3125" s="236">
        <f t="shared" si="725"/>
        <v>17.849064942603245</v>
      </c>
      <c r="J3125" s="237">
        <f t="shared" si="730"/>
        <v>7.8490649426032455</v>
      </c>
      <c r="K3125" s="237">
        <f t="shared" si="726"/>
        <v>555.71278792300939</v>
      </c>
      <c r="L3125" s="237">
        <f t="shared" si="731"/>
        <v>244.42773137760764</v>
      </c>
      <c r="M3125" s="236">
        <f t="shared" si="727"/>
        <v>9.4779229796068201</v>
      </c>
      <c r="N3125" s="236">
        <f t="shared" si="728"/>
        <v>1.5410068314470355</v>
      </c>
      <c r="O3125" s="236">
        <f t="shared" si="732"/>
        <v>2.8632835838011723</v>
      </c>
      <c r="P3125" s="236" t="str">
        <f t="shared" si="733"/>
        <v>CLAY</v>
      </c>
      <c r="Q3125" s="236">
        <f t="shared" si="729"/>
        <v>193.05560100641586</v>
      </c>
      <c r="R3125" s="238">
        <v>35</v>
      </c>
      <c r="S3125" s="236">
        <f t="shared" si="734"/>
        <v>4.1574925306425587</v>
      </c>
      <c r="T3125" s="236" t="e">
        <f t="shared" si="720"/>
        <v>#N/A</v>
      </c>
    </row>
    <row r="3126" spans="1:20" x14ac:dyDescent="0.2">
      <c r="A3126" s="53">
        <f t="shared" si="721"/>
        <v>3114</v>
      </c>
      <c r="B3126" s="239">
        <v>31.15</v>
      </c>
      <c r="C3126" s="3">
        <f t="shared" si="722"/>
        <v>31.142999999999997</v>
      </c>
      <c r="D3126" s="239">
        <v>3.0236000000000001</v>
      </c>
      <c r="E3126" s="239">
        <v>3.61E-2</v>
      </c>
      <c r="F3126" s="239">
        <v>0.95030000000000003</v>
      </c>
      <c r="G3126">
        <f t="shared" si="723"/>
        <v>3.21366</v>
      </c>
      <c r="H3126" s="235">
        <f t="shared" si="724"/>
        <v>1.1233297859761144</v>
      </c>
      <c r="I3126" s="236">
        <f t="shared" si="725"/>
        <v>17.906012434015032</v>
      </c>
      <c r="J3126" s="237">
        <f t="shared" si="730"/>
        <v>7.9060124340150324</v>
      </c>
      <c r="K3126" s="237">
        <f t="shared" si="726"/>
        <v>557.64694523253013</v>
      </c>
      <c r="L3126" s="237">
        <f t="shared" si="731"/>
        <v>246.27228731956825</v>
      </c>
      <c r="M3126" s="236">
        <f t="shared" si="727"/>
        <v>10.784863711932678</v>
      </c>
      <c r="N3126" s="236">
        <f t="shared" si="728"/>
        <v>1.3591800663479985</v>
      </c>
      <c r="O3126" s="236">
        <f t="shared" si="732"/>
        <v>2.7876927744288817</v>
      </c>
      <c r="P3126" s="236" t="str">
        <f t="shared" si="733"/>
        <v>CLAY</v>
      </c>
      <c r="Q3126" s="236">
        <f t="shared" si="729"/>
        <v>221.3344212306225</v>
      </c>
      <c r="R3126" s="238">
        <v>35</v>
      </c>
      <c r="S3126" s="236">
        <f t="shared" si="734"/>
        <v>4.8860548198856879</v>
      </c>
      <c r="T3126" s="236" t="e">
        <f t="shared" si="720"/>
        <v>#N/A</v>
      </c>
    </row>
    <row r="3127" spans="1:20" x14ac:dyDescent="0.2">
      <c r="A3127" s="53">
        <f t="shared" si="721"/>
        <v>3115</v>
      </c>
      <c r="B3127" s="239">
        <v>31.16</v>
      </c>
      <c r="C3127" s="3">
        <f t="shared" si="722"/>
        <v>31.152999999999999</v>
      </c>
      <c r="D3127" s="239">
        <v>3.4066000000000001</v>
      </c>
      <c r="E3127" s="239">
        <v>3.6600000000000001E-2</v>
      </c>
      <c r="F3127" s="239">
        <v>0.94340000000000002</v>
      </c>
      <c r="G3127">
        <f t="shared" si="723"/>
        <v>3.5952799999999998</v>
      </c>
      <c r="H3127" s="235">
        <f t="shared" si="724"/>
        <v>1.018001379586569</v>
      </c>
      <c r="I3127" s="236">
        <f t="shared" si="725"/>
        <v>17.966001431904463</v>
      </c>
      <c r="J3127" s="237">
        <f t="shared" si="730"/>
        <v>7.9660014319044627</v>
      </c>
      <c r="K3127" s="237">
        <f t="shared" si="726"/>
        <v>559.69484260811976</v>
      </c>
      <c r="L3127" s="237">
        <f t="shared" si="731"/>
        <v>248.22060461814306</v>
      </c>
      <c r="M3127" s="236">
        <f t="shared" si="727"/>
        <v>12.229384269133318</v>
      </c>
      <c r="N3127" s="236">
        <f t="shared" si="728"/>
        <v>1.2056983448768099</v>
      </c>
      <c r="O3127" s="236">
        <f t="shared" si="732"/>
        <v>2.7147712506034738</v>
      </c>
      <c r="P3127" s="236" t="str">
        <f t="shared" si="733"/>
        <v>CLAY</v>
      </c>
      <c r="Q3127" s="236">
        <f t="shared" si="729"/>
        <v>252.96542978265666</v>
      </c>
      <c r="R3127" s="238">
        <v>35</v>
      </c>
      <c r="S3127" s="236">
        <f t="shared" si="734"/>
        <v>5.7173627535047293</v>
      </c>
      <c r="T3127" s="236" t="e">
        <f t="shared" si="720"/>
        <v>#N/A</v>
      </c>
    </row>
    <row r="3128" spans="1:20" x14ac:dyDescent="0.2">
      <c r="A3128" s="53">
        <f t="shared" si="721"/>
        <v>3116</v>
      </c>
      <c r="B3128" s="239">
        <v>31.169</v>
      </c>
      <c r="C3128" s="3">
        <f t="shared" si="722"/>
        <v>31.161999999999999</v>
      </c>
      <c r="D3128" s="239">
        <v>3.8382000000000001</v>
      </c>
      <c r="E3128" s="239">
        <v>3.9100000000000003E-2</v>
      </c>
      <c r="F3128" s="239">
        <v>0.89380000000000004</v>
      </c>
      <c r="G3128">
        <f t="shared" si="723"/>
        <v>4.0169600000000001</v>
      </c>
      <c r="H3128" s="235">
        <f t="shared" si="724"/>
        <v>0.97337289890862755</v>
      </c>
      <c r="I3128" s="236">
        <f t="shared" si="725"/>
        <v>18.086828055781577</v>
      </c>
      <c r="J3128" s="237">
        <f t="shared" si="730"/>
        <v>8.0868280557815773</v>
      </c>
      <c r="K3128" s="237">
        <f t="shared" si="726"/>
        <v>563.62173587426548</v>
      </c>
      <c r="L3128" s="237">
        <f t="shared" si="731"/>
        <v>252.05834367065597</v>
      </c>
      <c r="M3128" s="236">
        <f t="shared" si="727"/>
        <v>13.700551284419806</v>
      </c>
      <c r="N3128" s="236">
        <f t="shared" si="728"/>
        <v>1.1322377655899507</v>
      </c>
      <c r="O3128" s="236">
        <f t="shared" si="732"/>
        <v>2.658388320644268</v>
      </c>
      <c r="P3128" s="236" t="str">
        <f t="shared" si="733"/>
        <v>CLAY</v>
      </c>
      <c r="Q3128" s="236">
        <f t="shared" si="729"/>
        <v>287.77818867714456</v>
      </c>
      <c r="R3128" s="238">
        <v>35</v>
      </c>
      <c r="S3128" s="236">
        <f t="shared" si="734"/>
        <v>6.5896532437821316</v>
      </c>
      <c r="T3128" s="236" t="e">
        <f t="shared" si="720"/>
        <v>#N/A</v>
      </c>
    </row>
    <row r="3129" spans="1:20" x14ac:dyDescent="0.2">
      <c r="A3129" s="53">
        <f t="shared" si="721"/>
        <v>3117</v>
      </c>
      <c r="B3129" s="239">
        <v>31.18</v>
      </c>
      <c r="C3129" s="3">
        <f t="shared" si="722"/>
        <v>31.172999999999998</v>
      </c>
      <c r="D3129" s="239">
        <v>4.1959999999999997</v>
      </c>
      <c r="E3129" s="239">
        <v>3.9699999999999999E-2</v>
      </c>
      <c r="F3129" s="239">
        <v>0.85219999999999996</v>
      </c>
      <c r="G3129">
        <f t="shared" si="723"/>
        <v>4.3664399999999999</v>
      </c>
      <c r="H3129" s="235">
        <f t="shared" si="724"/>
        <v>0.90920750084737212</v>
      </c>
      <c r="I3129" s="236">
        <f t="shared" si="725"/>
        <v>18.13729216978146</v>
      </c>
      <c r="J3129" s="237">
        <f t="shared" si="730"/>
        <v>8.1372921697814604</v>
      </c>
      <c r="K3129" s="237">
        <f t="shared" si="726"/>
        <v>565.39380880859744</v>
      </c>
      <c r="L3129" s="237">
        <f t="shared" si="731"/>
        <v>253.72076985378592</v>
      </c>
      <c r="M3129" s="236">
        <f t="shared" si="727"/>
        <v>14.981218105959032</v>
      </c>
      <c r="N3129" s="236">
        <f t="shared" si="728"/>
        <v>1.0444492911451939</v>
      </c>
      <c r="O3129" s="236">
        <f t="shared" si="732"/>
        <v>2.6075574541791946</v>
      </c>
      <c r="P3129" s="236" t="str">
        <f t="shared" si="733"/>
        <v>CLAY</v>
      </c>
      <c r="Q3129" s="236">
        <f t="shared" si="729"/>
        <v>316.75384926595018</v>
      </c>
      <c r="R3129" s="238">
        <v>35</v>
      </c>
      <c r="S3129" s="236">
        <f t="shared" si="734"/>
        <v>7.3684122714824509</v>
      </c>
      <c r="T3129" s="236" t="e">
        <f t="shared" si="720"/>
        <v>#N/A</v>
      </c>
    </row>
    <row r="3130" spans="1:20" x14ac:dyDescent="0.2">
      <c r="A3130" s="53">
        <f t="shared" si="721"/>
        <v>3118</v>
      </c>
      <c r="B3130" s="239">
        <v>31.19</v>
      </c>
      <c r="C3130" s="3">
        <f t="shared" si="722"/>
        <v>31.183</v>
      </c>
      <c r="D3130" s="239">
        <v>4.6794000000000002</v>
      </c>
      <c r="E3130" s="239">
        <v>4.0099999999999997E-2</v>
      </c>
      <c r="F3130" s="239">
        <v>0.75580000000000003</v>
      </c>
      <c r="G3130">
        <f t="shared" si="723"/>
        <v>4.8305600000000002</v>
      </c>
      <c r="H3130" s="235">
        <f t="shared" si="724"/>
        <v>0.83013149614123405</v>
      </c>
      <c r="I3130" s="236">
        <f t="shared" si="725"/>
        <v>18.188530593191498</v>
      </c>
      <c r="J3130" s="237">
        <f t="shared" si="730"/>
        <v>8.1885305931914978</v>
      </c>
      <c r="K3130" s="237">
        <f t="shared" si="726"/>
        <v>567.17294948749043</v>
      </c>
      <c r="L3130" s="237">
        <f t="shared" si="731"/>
        <v>255.40026920164283</v>
      </c>
      <c r="M3130" s="236">
        <f t="shared" si="727"/>
        <v>16.692962242520167</v>
      </c>
      <c r="N3130" s="236">
        <f t="shared" si="728"/>
        <v>0.94056672605363145</v>
      </c>
      <c r="O3130" s="236">
        <f t="shared" si="732"/>
        <v>2.544658097216165</v>
      </c>
      <c r="P3130" s="236" t="str">
        <f t="shared" si="733"/>
        <v>SAND</v>
      </c>
      <c r="Q3130" s="236" t="e">
        <f t="shared" si="729"/>
        <v>#N/A</v>
      </c>
      <c r="R3130" s="238">
        <v>35</v>
      </c>
      <c r="S3130" s="236" t="e">
        <f t="shared" si="734"/>
        <v>#N/A</v>
      </c>
      <c r="T3130" s="236">
        <f t="shared" si="720"/>
        <v>31.047867521668351</v>
      </c>
    </row>
    <row r="3131" spans="1:20" x14ac:dyDescent="0.2">
      <c r="A3131" s="53">
        <f t="shared" si="721"/>
        <v>3119</v>
      </c>
      <c r="B3131" s="239">
        <v>31.2</v>
      </c>
      <c r="C3131" s="3">
        <f t="shared" si="722"/>
        <v>31.192999999999998</v>
      </c>
      <c r="D3131" s="239">
        <v>5.1444999999999999</v>
      </c>
      <c r="E3131" s="239">
        <v>4.1599999999999998E-2</v>
      </c>
      <c r="F3131" s="239">
        <v>0.68879999999999997</v>
      </c>
      <c r="G3131">
        <f t="shared" si="723"/>
        <v>5.28226</v>
      </c>
      <c r="H3131" s="235">
        <f t="shared" si="724"/>
        <v>0.78754169616792813</v>
      </c>
      <c r="I3131" s="236">
        <f t="shared" si="725"/>
        <v>18.266532843638981</v>
      </c>
      <c r="J3131" s="237">
        <f t="shared" si="730"/>
        <v>8.2665328436389807</v>
      </c>
      <c r="K3131" s="237">
        <f t="shared" si="726"/>
        <v>569.78795899163072</v>
      </c>
      <c r="L3131" s="237">
        <f t="shared" si="731"/>
        <v>257.91582472153618</v>
      </c>
      <c r="M3131" s="236">
        <f t="shared" si="727"/>
        <v>18.271356734687686</v>
      </c>
      <c r="N3131" s="236">
        <f t="shared" si="728"/>
        <v>0.88276385807688484</v>
      </c>
      <c r="O3131" s="236">
        <f t="shared" si="732"/>
        <v>2.4970922518080743</v>
      </c>
      <c r="P3131" s="236" t="str">
        <f t="shared" si="733"/>
        <v>SAND</v>
      </c>
      <c r="Q3131" s="236" t="e">
        <f t="shared" si="729"/>
        <v>#N/A</v>
      </c>
      <c r="R3131" s="238">
        <v>35</v>
      </c>
      <c r="S3131" s="236" t="e">
        <f t="shared" si="734"/>
        <v>#N/A</v>
      </c>
      <c r="T3131" s="236">
        <f t="shared" si="720"/>
        <v>31.479478766670255</v>
      </c>
    </row>
    <row r="3132" spans="1:20" x14ac:dyDescent="0.2">
      <c r="A3132" s="53">
        <f t="shared" si="721"/>
        <v>3120</v>
      </c>
      <c r="B3132" s="239">
        <v>31.209</v>
      </c>
      <c r="C3132" s="3">
        <f t="shared" si="722"/>
        <v>31.201999999999998</v>
      </c>
      <c r="D3132" s="239">
        <v>5.4740000000000002</v>
      </c>
      <c r="E3132" s="239">
        <v>4.24E-2</v>
      </c>
      <c r="F3132" s="239">
        <v>0.63639999999999997</v>
      </c>
      <c r="G3132">
        <f t="shared" si="723"/>
        <v>5.60128</v>
      </c>
      <c r="H3132" s="235">
        <f t="shared" si="724"/>
        <v>0.75696983546617913</v>
      </c>
      <c r="I3132" s="236">
        <f t="shared" si="725"/>
        <v>18.311789421858784</v>
      </c>
      <c r="J3132" s="237">
        <f t="shared" si="730"/>
        <v>8.3117894218587836</v>
      </c>
      <c r="K3132" s="237">
        <f t="shared" si="726"/>
        <v>571.36445354083776</v>
      </c>
      <c r="L3132" s="237">
        <f t="shared" si="731"/>
        <v>259.40263606679076</v>
      </c>
      <c r="M3132" s="236">
        <f t="shared" si="727"/>
        <v>19.390379460770259</v>
      </c>
      <c r="N3132" s="236">
        <f t="shared" si="728"/>
        <v>0.84295649913740045</v>
      </c>
      <c r="O3132" s="236">
        <f t="shared" si="732"/>
        <v>2.4649135877393151</v>
      </c>
      <c r="P3132" s="236" t="str">
        <f t="shared" si="733"/>
        <v>SAND</v>
      </c>
      <c r="Q3132" s="236" t="e">
        <f t="shared" si="729"/>
        <v>#N/A</v>
      </c>
      <c r="R3132" s="238">
        <v>35</v>
      </c>
      <c r="S3132" s="236" t="e">
        <f t="shared" si="734"/>
        <v>#N/A</v>
      </c>
      <c r="T3132" s="236">
        <f t="shared" si="720"/>
        <v>31.763449389147201</v>
      </c>
    </row>
    <row r="3133" spans="1:20" x14ac:dyDescent="0.2">
      <c r="A3133" s="53">
        <f t="shared" si="721"/>
        <v>3121</v>
      </c>
      <c r="B3133" s="239">
        <v>31.218</v>
      </c>
      <c r="C3133" s="3">
        <f t="shared" si="722"/>
        <v>31.210999999999999</v>
      </c>
      <c r="D3133" s="239">
        <v>5.6906999999999996</v>
      </c>
      <c r="E3133" s="239">
        <v>4.2599999999999999E-2</v>
      </c>
      <c r="F3133" s="239">
        <v>0.60329999999999995</v>
      </c>
      <c r="G3133">
        <f t="shared" si="723"/>
        <v>5.8113599999999996</v>
      </c>
      <c r="H3133" s="235">
        <f t="shared" si="724"/>
        <v>0.7330469976046915</v>
      </c>
      <c r="I3133" s="236">
        <f t="shared" si="725"/>
        <v>18.331698973768624</v>
      </c>
      <c r="J3133" s="237">
        <f t="shared" si="730"/>
        <v>8.3316989737686242</v>
      </c>
      <c r="K3133" s="237">
        <f t="shared" si="726"/>
        <v>572.15065667029251</v>
      </c>
      <c r="L3133" s="237">
        <f t="shared" si="731"/>
        <v>260.09897856310891</v>
      </c>
      <c r="M3133" s="236">
        <f t="shared" si="727"/>
        <v>20.143136940687736</v>
      </c>
      <c r="N3133" s="236">
        <f t="shared" si="728"/>
        <v>0.81309978678817518</v>
      </c>
      <c r="O3133" s="236">
        <f t="shared" si="732"/>
        <v>2.4429962160379142</v>
      </c>
      <c r="P3133" s="236" t="str">
        <f t="shared" si="733"/>
        <v>SAND</v>
      </c>
      <c r="Q3133" s="236" t="e">
        <f t="shared" si="729"/>
        <v>#N/A</v>
      </c>
      <c r="R3133" s="238">
        <v>35</v>
      </c>
      <c r="S3133" s="236" t="e">
        <f t="shared" si="734"/>
        <v>#N/A</v>
      </c>
      <c r="T3133" s="236">
        <f t="shared" si="720"/>
        <v>31.945398157657774</v>
      </c>
    </row>
    <row r="3134" spans="1:20" x14ac:dyDescent="0.2">
      <c r="A3134" s="53">
        <f t="shared" si="721"/>
        <v>3122</v>
      </c>
      <c r="B3134" s="239">
        <v>31.227</v>
      </c>
      <c r="C3134" s="3">
        <f t="shared" si="722"/>
        <v>31.22</v>
      </c>
      <c r="D3134" s="239">
        <v>5.8762999999999996</v>
      </c>
      <c r="E3134" s="239">
        <v>4.2700000000000002E-2</v>
      </c>
      <c r="F3134" s="239">
        <v>0.56189999999999996</v>
      </c>
      <c r="G3134">
        <f t="shared" si="723"/>
        <v>5.9886799999999996</v>
      </c>
      <c r="H3134" s="235">
        <f t="shared" si="724"/>
        <v>0.71301188241816238</v>
      </c>
      <c r="I3134" s="236">
        <f t="shared" si="725"/>
        <v>18.346196313744638</v>
      </c>
      <c r="J3134" s="237">
        <f t="shared" si="730"/>
        <v>8.3461963137446382</v>
      </c>
      <c r="K3134" s="237">
        <f t="shared" si="726"/>
        <v>572.76824891510762</v>
      </c>
      <c r="L3134" s="237">
        <f t="shared" si="731"/>
        <v>260.62667228930383</v>
      </c>
      <c r="M3134" s="236">
        <f t="shared" si="727"/>
        <v>20.780343406576051</v>
      </c>
      <c r="N3134" s="236">
        <f t="shared" si="728"/>
        <v>0.78841757330049778</v>
      </c>
      <c r="O3134" s="236">
        <f t="shared" si="732"/>
        <v>2.424818227626492</v>
      </c>
      <c r="P3134" s="236" t="str">
        <f t="shared" si="733"/>
        <v>SAND</v>
      </c>
      <c r="Q3134" s="236" t="e">
        <f t="shared" si="729"/>
        <v>#N/A</v>
      </c>
      <c r="R3134" s="238">
        <v>35</v>
      </c>
      <c r="S3134" s="236" t="e">
        <f t="shared" si="734"/>
        <v>#N/A</v>
      </c>
      <c r="T3134" s="236">
        <f t="shared" si="720"/>
        <v>32.094179922585582</v>
      </c>
    </row>
    <row r="3135" spans="1:20" x14ac:dyDescent="0.2">
      <c r="A3135" s="53">
        <f t="shared" si="721"/>
        <v>3123</v>
      </c>
      <c r="B3135" s="239">
        <v>31.238</v>
      </c>
      <c r="C3135" s="3">
        <f t="shared" si="722"/>
        <v>31.230999999999998</v>
      </c>
      <c r="D3135" s="239">
        <v>5.8867000000000003</v>
      </c>
      <c r="E3135" s="239">
        <v>4.2500000000000003E-2</v>
      </c>
      <c r="F3135" s="239">
        <v>0.54459999999999997</v>
      </c>
      <c r="G3135">
        <f t="shared" si="723"/>
        <v>5.9956200000000006</v>
      </c>
      <c r="H3135" s="235">
        <f t="shared" si="724"/>
        <v>0.70885079441325494</v>
      </c>
      <c r="I3135" s="236">
        <f t="shared" si="725"/>
        <v>18.341143855192293</v>
      </c>
      <c r="J3135" s="237">
        <f t="shared" si="730"/>
        <v>8.3411438551922927</v>
      </c>
      <c r="K3135" s="237">
        <f t="shared" si="726"/>
        <v>572.81226374151049</v>
      </c>
      <c r="L3135" s="237">
        <f t="shared" si="731"/>
        <v>260.56065174849681</v>
      </c>
      <c r="M3135" s="236">
        <f t="shared" si="727"/>
        <v>20.812074654667324</v>
      </c>
      <c r="N3135" s="236">
        <f t="shared" si="728"/>
        <v>0.78372684533571935</v>
      </c>
      <c r="O3135" s="236">
        <f t="shared" si="732"/>
        <v>2.4230372996153999</v>
      </c>
      <c r="P3135" s="236" t="str">
        <f t="shared" si="733"/>
        <v>SAND</v>
      </c>
      <c r="Q3135" s="236" t="e">
        <f t="shared" si="729"/>
        <v>#N/A</v>
      </c>
      <c r="R3135" s="238">
        <v>35</v>
      </c>
      <c r="S3135" s="236" t="e">
        <f t="shared" si="734"/>
        <v>#N/A</v>
      </c>
      <c r="T3135" s="236">
        <f t="shared" si="720"/>
        <v>32.101469125855068</v>
      </c>
    </row>
    <row r="3136" spans="1:20" x14ac:dyDescent="0.2">
      <c r="A3136" s="53">
        <f t="shared" si="721"/>
        <v>3124</v>
      </c>
      <c r="B3136" s="239">
        <v>31.248000000000001</v>
      </c>
      <c r="C3136" s="3">
        <f t="shared" si="722"/>
        <v>31.241</v>
      </c>
      <c r="D3136" s="239">
        <v>5.9866000000000001</v>
      </c>
      <c r="E3136" s="239">
        <v>4.2500000000000003E-2</v>
      </c>
      <c r="F3136" s="239">
        <v>0.5141</v>
      </c>
      <c r="G3136">
        <f t="shared" si="723"/>
        <v>6.0894200000000005</v>
      </c>
      <c r="H3136" s="235">
        <f t="shared" si="724"/>
        <v>0.69793182273517018</v>
      </c>
      <c r="I3136" s="236">
        <f t="shared" si="725"/>
        <v>18.347211501873865</v>
      </c>
      <c r="J3136" s="237">
        <f t="shared" si="730"/>
        <v>8.3472115018738648</v>
      </c>
      <c r="K3136" s="237">
        <f t="shared" si="726"/>
        <v>573.18523453004138</v>
      </c>
      <c r="L3136" s="237">
        <f t="shared" si="731"/>
        <v>260.83366501055451</v>
      </c>
      <c r="M3136" s="236">
        <f t="shared" si="727"/>
        <v>21.148477000646167</v>
      </c>
      <c r="N3136" s="236">
        <f t="shared" si="728"/>
        <v>0.77045306820583059</v>
      </c>
      <c r="O3136" s="236">
        <f t="shared" si="732"/>
        <v>2.4134446083177648</v>
      </c>
      <c r="P3136" s="236" t="str">
        <f t="shared" si="733"/>
        <v>SAND</v>
      </c>
      <c r="Q3136" s="236" t="e">
        <f t="shared" si="729"/>
        <v>#N/A</v>
      </c>
      <c r="R3136" s="238">
        <v>35</v>
      </c>
      <c r="S3136" s="236" t="e">
        <f t="shared" si="734"/>
        <v>#N/A</v>
      </c>
      <c r="T3136" s="236">
        <f t="shared" si="720"/>
        <v>32.17807007017668</v>
      </c>
    </row>
    <row r="3137" spans="1:20" x14ac:dyDescent="0.2">
      <c r="A3137" s="53">
        <f t="shared" si="721"/>
        <v>3125</v>
      </c>
      <c r="B3137" s="239">
        <v>31.257000000000001</v>
      </c>
      <c r="C3137" s="3">
        <f t="shared" si="722"/>
        <v>31.25</v>
      </c>
      <c r="D3137" s="239">
        <v>5.9596</v>
      </c>
      <c r="E3137" s="239">
        <v>4.1200000000000001E-2</v>
      </c>
      <c r="F3137" s="239">
        <v>0.52500000000000002</v>
      </c>
      <c r="G3137">
        <f t="shared" si="723"/>
        <v>6.0646000000000004</v>
      </c>
      <c r="H3137" s="235">
        <f t="shared" si="724"/>
        <v>0.67935230682979919</v>
      </c>
      <c r="I3137" s="236">
        <f t="shared" si="725"/>
        <v>18.30918748310129</v>
      </c>
      <c r="J3137" s="237">
        <f t="shared" si="730"/>
        <v>8.3091874831012902</v>
      </c>
      <c r="K3137" s="237">
        <f t="shared" si="726"/>
        <v>572.16210884691532</v>
      </c>
      <c r="L3137" s="237">
        <f t="shared" si="731"/>
        <v>259.72027315929705</v>
      </c>
      <c r="M3137" s="236">
        <f t="shared" si="727"/>
        <v>21.147513146901506</v>
      </c>
      <c r="N3137" s="236">
        <f t="shared" si="728"/>
        <v>0.75012227386972696</v>
      </c>
      <c r="O3137" s="236">
        <f t="shared" si="732"/>
        <v>2.4081584014968507</v>
      </c>
      <c r="P3137" s="236" t="str">
        <f t="shared" si="733"/>
        <v>SAND</v>
      </c>
      <c r="Q3137" s="236" t="e">
        <f t="shared" si="729"/>
        <v>#N/A</v>
      </c>
      <c r="R3137" s="238">
        <v>35</v>
      </c>
      <c r="S3137" s="236" t="e">
        <f t="shared" si="734"/>
        <v>#N/A</v>
      </c>
      <c r="T3137" s="236">
        <f t="shared" si="720"/>
        <v>32.177852339844605</v>
      </c>
    </row>
    <row r="3138" spans="1:20" x14ac:dyDescent="0.2">
      <c r="A3138" s="53">
        <f t="shared" si="721"/>
        <v>3126</v>
      </c>
      <c r="B3138" s="239">
        <v>31.268000000000001</v>
      </c>
      <c r="C3138" s="3">
        <f t="shared" si="722"/>
        <v>31.260999999999999</v>
      </c>
      <c r="D3138" s="239">
        <v>6.0228999999999999</v>
      </c>
      <c r="E3138" s="239">
        <v>3.9600000000000003E-2</v>
      </c>
      <c r="F3138" s="239">
        <v>0.51339999999999997</v>
      </c>
      <c r="G3138">
        <f t="shared" si="723"/>
        <v>6.1255800000000002</v>
      </c>
      <c r="H3138" s="235">
        <f t="shared" si="724"/>
        <v>0.64646939555111516</v>
      </c>
      <c r="I3138" s="236">
        <f t="shared" si="725"/>
        <v>18.266652550887606</v>
      </c>
      <c r="J3138" s="237">
        <f t="shared" si="730"/>
        <v>8.2666525508876063</v>
      </c>
      <c r="K3138" s="237">
        <f t="shared" si="726"/>
        <v>571.03382539329743</v>
      </c>
      <c r="L3138" s="237">
        <f t="shared" si="731"/>
        <v>258.48169196115367</v>
      </c>
      <c r="M3138" s="236">
        <f t="shared" si="727"/>
        <v>21.489128040222965</v>
      </c>
      <c r="N3138" s="236">
        <f t="shared" si="728"/>
        <v>0.71292953114759083</v>
      </c>
      <c r="O3138" s="236">
        <f t="shared" si="732"/>
        <v>2.3919735579779684</v>
      </c>
      <c r="P3138" s="236" t="str">
        <f t="shared" si="733"/>
        <v>SAND</v>
      </c>
      <c r="Q3138" s="236" t="e">
        <f t="shared" si="729"/>
        <v>#N/A</v>
      </c>
      <c r="R3138" s="238">
        <v>35</v>
      </c>
      <c r="S3138" s="236" t="e">
        <f t="shared" si="734"/>
        <v>#N/A</v>
      </c>
      <c r="T3138" s="236">
        <f t="shared" si="720"/>
        <v>32.25440672931574</v>
      </c>
    </row>
    <row r="3139" spans="1:20" x14ac:dyDescent="0.2">
      <c r="A3139" s="53">
        <f t="shared" si="721"/>
        <v>3127</v>
      </c>
      <c r="B3139" s="239">
        <v>31.277000000000001</v>
      </c>
      <c r="C3139" s="3">
        <f t="shared" si="722"/>
        <v>31.27</v>
      </c>
      <c r="D3139" s="239">
        <v>6.1064999999999996</v>
      </c>
      <c r="E3139" s="239">
        <v>4.07E-2</v>
      </c>
      <c r="F3139" s="239">
        <v>0.51590000000000003</v>
      </c>
      <c r="G3139">
        <f t="shared" si="723"/>
        <v>6.2096799999999996</v>
      </c>
      <c r="H3139" s="235">
        <f t="shared" si="724"/>
        <v>0.65542829904278488</v>
      </c>
      <c r="I3139" s="236">
        <f t="shared" si="725"/>
        <v>18.304110257737186</v>
      </c>
      <c r="J3139" s="237">
        <f t="shared" si="730"/>
        <v>8.3041102577371859</v>
      </c>
      <c r="K3139" s="237">
        <f t="shared" si="726"/>
        <v>572.36952775944178</v>
      </c>
      <c r="L3139" s="237">
        <f t="shared" si="731"/>
        <v>259.727656531246</v>
      </c>
      <c r="M3139" s="236">
        <f t="shared" si="727"/>
        <v>21.704698481204574</v>
      </c>
      <c r="N3139" s="236">
        <f t="shared" si="728"/>
        <v>0.72197549168910202</v>
      </c>
      <c r="O3139" s="236">
        <f t="shared" si="732"/>
        <v>2.390565530970465</v>
      </c>
      <c r="P3139" s="236" t="str">
        <f t="shared" si="733"/>
        <v>SAND</v>
      </c>
      <c r="Q3139" s="236" t="e">
        <f t="shared" si="729"/>
        <v>#N/A</v>
      </c>
      <c r="R3139" s="238">
        <v>35</v>
      </c>
      <c r="S3139" s="236" t="e">
        <f t="shared" si="734"/>
        <v>#N/A</v>
      </c>
      <c r="T3139" s="236">
        <f t="shared" si="720"/>
        <v>32.302091327607485</v>
      </c>
    </row>
    <row r="3140" spans="1:20" x14ac:dyDescent="0.2">
      <c r="A3140" s="53">
        <f t="shared" si="721"/>
        <v>3128</v>
      </c>
      <c r="B3140" s="239">
        <v>31.286999999999999</v>
      </c>
      <c r="C3140" s="3">
        <f t="shared" si="722"/>
        <v>31.279999999999998</v>
      </c>
      <c r="D3140" s="239">
        <v>6.2552000000000003</v>
      </c>
      <c r="E3140" s="239">
        <v>4.2799999999999998E-2</v>
      </c>
      <c r="F3140" s="239">
        <v>0.49690000000000001</v>
      </c>
      <c r="G3140">
        <f t="shared" si="723"/>
        <v>6.3545800000000003</v>
      </c>
      <c r="H3140" s="235">
        <f t="shared" si="724"/>
        <v>0.67352995792011416</v>
      </c>
      <c r="I3140" s="236">
        <f t="shared" si="725"/>
        <v>18.372119397115277</v>
      </c>
      <c r="J3140" s="237">
        <f t="shared" si="730"/>
        <v>8.3721193971152772</v>
      </c>
      <c r="K3140" s="237">
        <f t="shared" si="726"/>
        <v>574.67989474176579</v>
      </c>
      <c r="L3140" s="237">
        <f t="shared" si="731"/>
        <v>261.93849957754566</v>
      </c>
      <c r="M3140" s="236">
        <f t="shared" si="727"/>
        <v>22.065867043523788</v>
      </c>
      <c r="N3140" s="236">
        <f t="shared" si="728"/>
        <v>0.74049722695142983</v>
      </c>
      <c r="O3140" s="236">
        <f t="shared" si="732"/>
        <v>2.3891679968374051</v>
      </c>
      <c r="P3140" s="236" t="str">
        <f t="shared" si="733"/>
        <v>SAND</v>
      </c>
      <c r="Q3140" s="236" t="e">
        <f t="shared" si="729"/>
        <v>#N/A</v>
      </c>
      <c r="R3140" s="238">
        <v>35</v>
      </c>
      <c r="S3140" s="236" t="e">
        <f t="shared" si="734"/>
        <v>#N/A</v>
      </c>
      <c r="T3140" s="236">
        <f t="shared" si="720"/>
        <v>32.38093096740451</v>
      </c>
    </row>
    <row r="3141" spans="1:20" x14ac:dyDescent="0.2">
      <c r="A3141" s="53">
        <f t="shared" si="721"/>
        <v>3129</v>
      </c>
      <c r="B3141" s="239">
        <v>31.297999999999998</v>
      </c>
      <c r="C3141" s="3">
        <f t="shared" si="722"/>
        <v>31.290999999999997</v>
      </c>
      <c r="D3141" s="239">
        <v>6.4198000000000004</v>
      </c>
      <c r="E3141" s="239">
        <v>4.6300000000000001E-2</v>
      </c>
      <c r="F3141" s="239">
        <v>0.45619999999999999</v>
      </c>
      <c r="G3141">
        <f t="shared" si="723"/>
        <v>6.5110400000000004</v>
      </c>
      <c r="H3141" s="235">
        <f t="shared" si="724"/>
        <v>0.71109991644959936</v>
      </c>
      <c r="I3141" s="236">
        <f t="shared" si="725"/>
        <v>18.473797057195405</v>
      </c>
      <c r="J3141" s="237">
        <f t="shared" si="730"/>
        <v>8.4737970571954051</v>
      </c>
      <c r="K3141" s="237">
        <f t="shared" si="726"/>
        <v>578.06358371670137</v>
      </c>
      <c r="L3141" s="237">
        <f t="shared" si="731"/>
        <v>265.21290029610179</v>
      </c>
      <c r="M3141" s="236">
        <f t="shared" si="727"/>
        <v>22.370617755242368</v>
      </c>
      <c r="N3141" s="236">
        <f t="shared" si="728"/>
        <v>0.78038402230839377</v>
      </c>
      <c r="O3141" s="236">
        <f t="shared" si="732"/>
        <v>2.3943674297115711</v>
      </c>
      <c r="P3141" s="236" t="str">
        <f t="shared" si="733"/>
        <v>SAND</v>
      </c>
      <c r="Q3141" s="236" t="e">
        <f t="shared" si="729"/>
        <v>#N/A</v>
      </c>
      <c r="R3141" s="238">
        <v>35</v>
      </c>
      <c r="S3141" s="236" t="e">
        <f t="shared" si="734"/>
        <v>#N/A</v>
      </c>
      <c r="T3141" s="236">
        <f t="shared" si="720"/>
        <v>32.446457748347427</v>
      </c>
    </row>
    <row r="3142" spans="1:20" x14ac:dyDescent="0.2">
      <c r="A3142" s="53">
        <f t="shared" si="721"/>
        <v>3130</v>
      </c>
      <c r="B3142" s="239">
        <v>31.306999999999999</v>
      </c>
      <c r="C3142" s="3">
        <f t="shared" si="722"/>
        <v>31.299999999999997</v>
      </c>
      <c r="D3142" s="239">
        <v>6.5056000000000003</v>
      </c>
      <c r="E3142" s="239">
        <v>4.8500000000000001E-2</v>
      </c>
      <c r="F3142" s="239">
        <v>0.435</v>
      </c>
      <c r="G3142">
        <f t="shared" si="723"/>
        <v>6.5926</v>
      </c>
      <c r="H3142" s="235">
        <f t="shared" si="724"/>
        <v>0.73567333070412277</v>
      </c>
      <c r="I3142" s="236">
        <f t="shared" si="725"/>
        <v>18.533096802117463</v>
      </c>
      <c r="J3142" s="237">
        <f t="shared" si="730"/>
        <v>8.5330968021174627</v>
      </c>
      <c r="K3142" s="237">
        <f t="shared" si="726"/>
        <v>580.08592990627653</v>
      </c>
      <c r="L3142" s="237">
        <f t="shared" si="731"/>
        <v>267.14566158389141</v>
      </c>
      <c r="M3142" s="236">
        <f t="shared" si="727"/>
        <v>22.506500889611569</v>
      </c>
      <c r="N3142" s="236">
        <f t="shared" si="728"/>
        <v>0.80665091897646024</v>
      </c>
      <c r="O3142" s="236">
        <f t="shared" si="732"/>
        <v>2.3987580134191373</v>
      </c>
      <c r="P3142" s="236" t="str">
        <f t="shared" si="733"/>
        <v>SAND</v>
      </c>
      <c r="Q3142" s="236" t="e">
        <f t="shared" si="729"/>
        <v>#N/A</v>
      </c>
      <c r="R3142" s="238">
        <v>35</v>
      </c>
      <c r="S3142" s="236" t="e">
        <f t="shared" si="734"/>
        <v>#N/A</v>
      </c>
      <c r="T3142" s="236">
        <f t="shared" si="720"/>
        <v>32.47538778009978</v>
      </c>
    </row>
    <row r="3143" spans="1:20" x14ac:dyDescent="0.2">
      <c r="A3143" s="53">
        <f t="shared" si="721"/>
        <v>3131</v>
      </c>
      <c r="B3143" s="239">
        <v>31.317</v>
      </c>
      <c r="C3143" s="3">
        <f t="shared" si="722"/>
        <v>31.31</v>
      </c>
      <c r="D3143" s="239">
        <v>6.6584000000000003</v>
      </c>
      <c r="E3143" s="239">
        <v>4.87E-2</v>
      </c>
      <c r="F3143" s="239">
        <v>0.4128</v>
      </c>
      <c r="G3143">
        <f t="shared" si="723"/>
        <v>6.7409600000000003</v>
      </c>
      <c r="H3143" s="235">
        <f t="shared" si="724"/>
        <v>0.7224490280316157</v>
      </c>
      <c r="I3143" s="236">
        <f t="shared" si="725"/>
        <v>18.546620824750356</v>
      </c>
      <c r="J3143" s="237">
        <f t="shared" si="730"/>
        <v>8.5466208247503559</v>
      </c>
      <c r="K3143" s="237">
        <f t="shared" si="726"/>
        <v>580.69469802293361</v>
      </c>
      <c r="L3143" s="237">
        <f t="shared" si="731"/>
        <v>267.65452436870692</v>
      </c>
      <c r="M3143" s="236">
        <f t="shared" si="727"/>
        <v>23.015733870020465</v>
      </c>
      <c r="N3143" s="236">
        <f t="shared" si="728"/>
        <v>0.79055036776371146</v>
      </c>
      <c r="O3143" s="236">
        <f t="shared" si="732"/>
        <v>2.3860691098309585</v>
      </c>
      <c r="P3143" s="236" t="str">
        <f t="shared" si="733"/>
        <v>SAND</v>
      </c>
      <c r="Q3143" s="236" t="e">
        <f t="shared" si="729"/>
        <v>#N/A</v>
      </c>
      <c r="R3143" s="238">
        <v>35</v>
      </c>
      <c r="S3143" s="236" t="e">
        <f t="shared" si="734"/>
        <v>#N/A</v>
      </c>
      <c r="T3143" s="236">
        <f t="shared" si="720"/>
        <v>32.582273099003729</v>
      </c>
    </row>
    <row r="3144" spans="1:20" x14ac:dyDescent="0.2">
      <c r="A3144" s="53">
        <f t="shared" si="721"/>
        <v>3132</v>
      </c>
      <c r="B3144" s="239">
        <v>31.327000000000002</v>
      </c>
      <c r="C3144" s="3">
        <f t="shared" si="722"/>
        <v>31.32</v>
      </c>
      <c r="D3144" s="239">
        <v>6.8867000000000003</v>
      </c>
      <c r="E3144" s="239">
        <v>5.1999999999999998E-2</v>
      </c>
      <c r="F3144" s="239">
        <v>0.40260000000000001</v>
      </c>
      <c r="G3144">
        <f t="shared" si="723"/>
        <v>6.9672200000000002</v>
      </c>
      <c r="H3144" s="235">
        <f t="shared" si="724"/>
        <v>0.74635220360488108</v>
      </c>
      <c r="I3144" s="236">
        <f t="shared" si="725"/>
        <v>18.636405653998466</v>
      </c>
      <c r="J3144" s="237">
        <f t="shared" si="730"/>
        <v>8.6364056539984659</v>
      </c>
      <c r="K3144" s="237">
        <f t="shared" si="726"/>
        <v>583.69222508323196</v>
      </c>
      <c r="L3144" s="237">
        <f t="shared" si="731"/>
        <v>270.55267992280994</v>
      </c>
      <c r="M3144" s="236">
        <f t="shared" si="727"/>
        <v>23.59439860931343</v>
      </c>
      <c r="N3144" s="236">
        <f t="shared" si="728"/>
        <v>0.81459659663935602</v>
      </c>
      <c r="O3144" s="236">
        <f t="shared" si="732"/>
        <v>2.3826962885484115</v>
      </c>
      <c r="P3144" s="236" t="str">
        <f t="shared" si="733"/>
        <v>SAND</v>
      </c>
      <c r="Q3144" s="236" t="e">
        <f t="shared" si="729"/>
        <v>#N/A</v>
      </c>
      <c r="R3144" s="238">
        <v>35</v>
      </c>
      <c r="S3144" s="236" t="e">
        <f t="shared" si="734"/>
        <v>#N/A</v>
      </c>
      <c r="T3144" s="236">
        <f t="shared" si="720"/>
        <v>32.70089803437299</v>
      </c>
    </row>
    <row r="3145" spans="1:20" x14ac:dyDescent="0.2">
      <c r="A3145" s="53">
        <f t="shared" si="721"/>
        <v>3133</v>
      </c>
      <c r="B3145" s="239">
        <v>31.335999999999999</v>
      </c>
      <c r="C3145" s="3">
        <f t="shared" si="722"/>
        <v>31.328999999999997</v>
      </c>
      <c r="D3145" s="239">
        <v>7.1094999999999997</v>
      </c>
      <c r="E3145" s="239">
        <v>5.7799999999999997E-2</v>
      </c>
      <c r="F3145" s="239">
        <v>0.37269999999999998</v>
      </c>
      <c r="G3145">
        <f t="shared" si="723"/>
        <v>7.1840399999999995</v>
      </c>
      <c r="H3145" s="235">
        <f t="shared" si="724"/>
        <v>0.80456122181947776</v>
      </c>
      <c r="I3145" s="236">
        <f t="shared" si="725"/>
        <v>18.772380085713827</v>
      </c>
      <c r="J3145" s="237">
        <f t="shared" si="730"/>
        <v>8.7723800857138272</v>
      </c>
      <c r="K3145" s="237">
        <f t="shared" si="726"/>
        <v>588.11989570532842</v>
      </c>
      <c r="L3145" s="237">
        <f t="shared" si="731"/>
        <v>274.89130236592848</v>
      </c>
      <c r="M3145" s="236">
        <f t="shared" si="727"/>
        <v>23.99464823923147</v>
      </c>
      <c r="N3145" s="236">
        <f t="shared" si="728"/>
        <v>0.87629927418868858</v>
      </c>
      <c r="O3145" s="236">
        <f t="shared" si="732"/>
        <v>2.3915230705829384</v>
      </c>
      <c r="P3145" s="236" t="str">
        <f t="shared" si="733"/>
        <v>SAND</v>
      </c>
      <c r="Q3145" s="236" t="e">
        <f t="shared" si="729"/>
        <v>#N/A</v>
      </c>
      <c r="R3145" s="238">
        <v>35</v>
      </c>
      <c r="S3145" s="236" t="e">
        <f t="shared" si="734"/>
        <v>#N/A</v>
      </c>
      <c r="T3145" s="236">
        <f t="shared" si="720"/>
        <v>32.781258263292266</v>
      </c>
    </row>
    <row r="3146" spans="1:20" x14ac:dyDescent="0.2">
      <c r="A3146" s="53">
        <f t="shared" si="721"/>
        <v>3134</v>
      </c>
      <c r="B3146" s="239">
        <v>31.344999999999999</v>
      </c>
      <c r="C3146" s="3">
        <f t="shared" si="722"/>
        <v>31.337999999999997</v>
      </c>
      <c r="D3146" s="239">
        <v>7.4522000000000004</v>
      </c>
      <c r="E3146" s="239">
        <v>6.2199999999999998E-2</v>
      </c>
      <c r="F3146" s="239">
        <v>0.30880000000000002</v>
      </c>
      <c r="G3146">
        <f t="shared" si="723"/>
        <v>7.51396</v>
      </c>
      <c r="H3146" s="235">
        <f t="shared" si="724"/>
        <v>0.82779253549393383</v>
      </c>
      <c r="I3146" s="236">
        <f t="shared" si="725"/>
        <v>18.875959083967302</v>
      </c>
      <c r="J3146" s="237">
        <f t="shared" si="730"/>
        <v>8.8759590839673024</v>
      </c>
      <c r="K3146" s="237">
        <f t="shared" si="726"/>
        <v>591.53480577336722</v>
      </c>
      <c r="L3146" s="237">
        <f t="shared" si="731"/>
        <v>278.21693748695509</v>
      </c>
      <c r="M3146" s="236">
        <f t="shared" si="727"/>
        <v>24.881393838760115</v>
      </c>
      <c r="N3146" s="236">
        <f t="shared" si="728"/>
        <v>0.89852903071997625</v>
      </c>
      <c r="O3146" s="236">
        <f t="shared" si="732"/>
        <v>2.383101625621217</v>
      </c>
      <c r="P3146" s="236" t="str">
        <f t="shared" si="733"/>
        <v>SAND</v>
      </c>
      <c r="Q3146" s="236" t="e">
        <f t="shared" si="729"/>
        <v>#N/A</v>
      </c>
      <c r="R3146" s="238">
        <v>35</v>
      </c>
      <c r="S3146" s="236" t="e">
        <f t="shared" si="734"/>
        <v>#N/A</v>
      </c>
      <c r="T3146" s="236">
        <f t="shared" si="720"/>
        <v>32.954621761399217</v>
      </c>
    </row>
    <row r="3147" spans="1:20" x14ac:dyDescent="0.2">
      <c r="A3147" s="53">
        <f t="shared" si="721"/>
        <v>3135</v>
      </c>
      <c r="B3147" s="239">
        <v>31.356000000000002</v>
      </c>
      <c r="C3147" s="3">
        <f t="shared" si="722"/>
        <v>31.349</v>
      </c>
      <c r="D3147" s="239">
        <v>7.6258999999999997</v>
      </c>
      <c r="E3147" s="239">
        <v>6.3299999999999995E-2</v>
      </c>
      <c r="F3147" s="239">
        <v>0.27460000000000001</v>
      </c>
      <c r="G3147">
        <f t="shared" si="723"/>
        <v>7.6808199999999998</v>
      </c>
      <c r="H3147" s="235">
        <f t="shared" si="724"/>
        <v>0.82413075687231307</v>
      </c>
      <c r="I3147" s="236">
        <f t="shared" si="725"/>
        <v>18.905099900215305</v>
      </c>
      <c r="J3147" s="237">
        <f t="shared" si="730"/>
        <v>8.9050999002153048</v>
      </c>
      <c r="K3147" s="237">
        <f t="shared" si="726"/>
        <v>592.65597677184962</v>
      </c>
      <c r="L3147" s="237">
        <f t="shared" si="731"/>
        <v>279.22831247115113</v>
      </c>
      <c r="M3147" s="236">
        <f t="shared" si="727"/>
        <v>25.384832793273688</v>
      </c>
      <c r="N3147" s="236">
        <f t="shared" si="728"/>
        <v>0.89303802497464491</v>
      </c>
      <c r="O3147" s="236">
        <f t="shared" si="732"/>
        <v>2.37421981619676</v>
      </c>
      <c r="P3147" s="236" t="str">
        <f t="shared" si="733"/>
        <v>SAND</v>
      </c>
      <c r="Q3147" s="236" t="e">
        <f t="shared" si="729"/>
        <v>#N/A</v>
      </c>
      <c r="R3147" s="238">
        <v>35</v>
      </c>
      <c r="S3147" s="236" t="e">
        <f t="shared" si="734"/>
        <v>#N/A</v>
      </c>
      <c r="T3147" s="236">
        <f t="shared" si="720"/>
        <v>33.050317378171286</v>
      </c>
    </row>
    <row r="3148" spans="1:20" x14ac:dyDescent="0.2">
      <c r="A3148" s="53">
        <f t="shared" si="721"/>
        <v>3136</v>
      </c>
      <c r="B3148" s="239">
        <v>31.364999999999998</v>
      </c>
      <c r="C3148" s="3">
        <f t="shared" si="722"/>
        <v>31.357999999999997</v>
      </c>
      <c r="D3148" s="239">
        <v>7.7868000000000004</v>
      </c>
      <c r="E3148" s="239">
        <v>5.8999999999999997E-2</v>
      </c>
      <c r="F3148" s="239">
        <v>0.29110000000000003</v>
      </c>
      <c r="G3148">
        <f t="shared" si="723"/>
        <v>7.8450200000000008</v>
      </c>
      <c r="H3148" s="235">
        <f t="shared" si="724"/>
        <v>0.75206946572475264</v>
      </c>
      <c r="I3148" s="236">
        <f t="shared" si="725"/>
        <v>18.830878135414842</v>
      </c>
      <c r="J3148" s="237">
        <f t="shared" si="730"/>
        <v>8.8308781354148422</v>
      </c>
      <c r="K3148" s="237">
        <f t="shared" si="726"/>
        <v>590.4986765703386</v>
      </c>
      <c r="L3148" s="237">
        <f t="shared" si="731"/>
        <v>276.9804927172865</v>
      </c>
      <c r="M3148" s="236">
        <f t="shared" si="727"/>
        <v>26.191452157009262</v>
      </c>
      <c r="N3148" s="236">
        <f t="shared" si="728"/>
        <v>0.81328591328899758</v>
      </c>
      <c r="O3148" s="236">
        <f t="shared" si="732"/>
        <v>2.3425411247876431</v>
      </c>
      <c r="P3148" s="236" t="str">
        <f t="shared" si="733"/>
        <v>SAND</v>
      </c>
      <c r="Q3148" s="236" t="e">
        <f t="shared" si="729"/>
        <v>#N/A</v>
      </c>
      <c r="R3148" s="238">
        <v>35</v>
      </c>
      <c r="S3148" s="236" t="e">
        <f t="shared" si="734"/>
        <v>#N/A</v>
      </c>
      <c r="T3148" s="236">
        <f t="shared" si="720"/>
        <v>33.199755358936301</v>
      </c>
    </row>
    <row r="3149" spans="1:20" x14ac:dyDescent="0.2">
      <c r="A3149" s="53">
        <f t="shared" si="721"/>
        <v>3137</v>
      </c>
      <c r="B3149" s="239">
        <v>31.376000000000001</v>
      </c>
      <c r="C3149" s="3">
        <f t="shared" si="722"/>
        <v>31.369</v>
      </c>
      <c r="D3149" s="239">
        <v>8.0986999999999991</v>
      </c>
      <c r="E3149" s="239">
        <v>6.3799999999999996E-2</v>
      </c>
      <c r="F3149" s="239">
        <v>0.28660000000000002</v>
      </c>
      <c r="G3149">
        <f t="shared" si="723"/>
        <v>8.1560199999999998</v>
      </c>
      <c r="H3149" s="235">
        <f t="shared" si="724"/>
        <v>0.78224428091152298</v>
      </c>
      <c r="I3149" s="236">
        <f t="shared" si="725"/>
        <v>18.937789340796314</v>
      </c>
      <c r="J3149" s="237">
        <f t="shared" si="730"/>
        <v>8.9377893407963143</v>
      </c>
      <c r="K3149" s="237">
        <f t="shared" si="726"/>
        <v>594.05951383143963</v>
      </c>
      <c r="L3149" s="237">
        <f t="shared" si="731"/>
        <v>280.43207835682517</v>
      </c>
      <c r="M3149" s="236">
        <f t="shared" si="727"/>
        <v>26.965390444907055</v>
      </c>
      <c r="N3149" s="236">
        <f t="shared" si="728"/>
        <v>0.84369655351539297</v>
      </c>
      <c r="O3149" s="236">
        <f t="shared" si="732"/>
        <v>2.3392418085107898</v>
      </c>
      <c r="P3149" s="236" t="str">
        <f t="shared" si="733"/>
        <v>SAND</v>
      </c>
      <c r="Q3149" s="236" t="e">
        <f t="shared" si="729"/>
        <v>#N/A</v>
      </c>
      <c r="R3149" s="238">
        <v>35</v>
      </c>
      <c r="S3149" s="236" t="e">
        <f t="shared" si="734"/>
        <v>#N/A</v>
      </c>
      <c r="T3149" s="236">
        <f t="shared" ref="T3149:T3212" si="735">IF(P3149="SAND",17.6+(11*LOG(M3149)),#N/A)</f>
        <v>33.338873843321061</v>
      </c>
    </row>
    <row r="3150" spans="1:20" x14ac:dyDescent="0.2">
      <c r="A3150" s="53">
        <f t="shared" ref="A3150:A3213" si="736">$A3149+1</f>
        <v>3138</v>
      </c>
      <c r="B3150" s="239">
        <v>31.385000000000002</v>
      </c>
      <c r="C3150" s="3">
        <f t="shared" ref="C3150:C3213" si="737">MAX($B3150 - $B$13, 0.001)</f>
        <v>31.378</v>
      </c>
      <c r="D3150" s="239">
        <v>8.3407999999999998</v>
      </c>
      <c r="E3150" s="239">
        <v>6.5000000000000002E-2</v>
      </c>
      <c r="F3150" s="239">
        <v>0.27729999999999999</v>
      </c>
      <c r="G3150">
        <f t="shared" si="723"/>
        <v>8.3962599999999998</v>
      </c>
      <c r="H3150" s="235">
        <f t="shared" si="724"/>
        <v>0.77415420675395952</v>
      </c>
      <c r="I3150" s="236">
        <f t="shared" si="725"/>
        <v>18.970986408017332</v>
      </c>
      <c r="J3150" s="237">
        <f t="shared" si="730"/>
        <v>8.9709864080173318</v>
      </c>
      <c r="K3150" s="237">
        <f t="shared" si="726"/>
        <v>595.2716115107678</v>
      </c>
      <c r="L3150" s="237">
        <f t="shared" si="731"/>
        <v>281.55440841562398</v>
      </c>
      <c r="M3150" s="236">
        <f t="shared" si="727"/>
        <v>27.706859332756736</v>
      </c>
      <c r="N3150" s="236">
        <f t="shared" si="728"/>
        <v>0.83322774965170954</v>
      </c>
      <c r="O3150" s="236">
        <f t="shared" si="732"/>
        <v>2.3263155705049532</v>
      </c>
      <c r="P3150" s="236" t="str">
        <f t="shared" si="733"/>
        <v>SAND</v>
      </c>
      <c r="Q3150" s="236" t="e">
        <f t="shared" si="729"/>
        <v>#N/A</v>
      </c>
      <c r="R3150" s="238">
        <v>35</v>
      </c>
      <c r="S3150" s="236" t="e">
        <f t="shared" si="734"/>
        <v>#N/A</v>
      </c>
      <c r="T3150" s="236">
        <f t="shared" si="735"/>
        <v>33.46846029788405</v>
      </c>
    </row>
    <row r="3151" spans="1:20" x14ac:dyDescent="0.2">
      <c r="A3151" s="53">
        <f t="shared" si="736"/>
        <v>3139</v>
      </c>
      <c r="B3151" s="239">
        <v>31.395</v>
      </c>
      <c r="C3151" s="3">
        <f t="shared" si="737"/>
        <v>31.387999999999998</v>
      </c>
      <c r="D3151" s="239">
        <v>8.4465000000000003</v>
      </c>
      <c r="E3151" s="239">
        <v>6.7000000000000004E-2</v>
      </c>
      <c r="F3151" s="239">
        <v>0.26319999999999999</v>
      </c>
      <c r="G3151">
        <f t="shared" ref="G3151:G3214" si="738">$D3151+($F3151*(1-$P$8))</f>
        <v>8.4991400000000006</v>
      </c>
      <c r="H3151" s="235">
        <f t="shared" ref="H3151:H3214" si="739">($E3151/$G3151)*100</f>
        <v>0.78831505305242655</v>
      </c>
      <c r="I3151" s="236">
        <f t="shared" ref="I3151:I3214" si="740">((0.27*(LOG($H3151)))+(0.36*(LOG(($G3151*1000)/101)))+1.236)*10</f>
        <v>19.011282506472277</v>
      </c>
      <c r="J3151" s="237">
        <f t="shared" si="730"/>
        <v>9.011282506472277</v>
      </c>
      <c r="K3151" s="237">
        <f t="shared" ref="K3151:K3214" si="741">$I3151*$C3151</f>
        <v>596.72613531315176</v>
      </c>
      <c r="L3151" s="237">
        <f t="shared" si="731"/>
        <v>282.90921429069715</v>
      </c>
      <c r="M3151" s="236">
        <f t="shared" ref="M3151:M3214" si="742">(($G3151*1000)-$K3151)/$L3151</f>
        <v>27.932684640546551</v>
      </c>
      <c r="N3151" s="236">
        <f t="shared" ref="N3151:N3214" si="743">(($E3151*1000)/(($G3151*1000)-$K3151))*100</f>
        <v>0.84784220552405876</v>
      </c>
      <c r="O3151" s="236">
        <f t="shared" si="732"/>
        <v>2.3269609588029709</v>
      </c>
      <c r="P3151" s="236" t="str">
        <f t="shared" si="733"/>
        <v>SAND</v>
      </c>
      <c r="Q3151" s="236" t="e">
        <f t="shared" ref="Q3151:Q3214" si="744">IF(P3151="CLAY",($G3151*1000 -$K3151)/$L$8,#N/A)</f>
        <v>#N/A</v>
      </c>
      <c r="R3151" s="238">
        <v>35</v>
      </c>
      <c r="S3151" s="236" t="e">
        <f t="shared" si="734"/>
        <v>#N/A</v>
      </c>
      <c r="T3151" s="236">
        <f t="shared" si="735"/>
        <v>33.50723946041559</v>
      </c>
    </row>
    <row r="3152" spans="1:20" x14ac:dyDescent="0.2">
      <c r="A3152" s="53">
        <f t="shared" si="736"/>
        <v>3140</v>
      </c>
      <c r="B3152" s="239">
        <v>31.405000000000001</v>
      </c>
      <c r="C3152" s="3">
        <f t="shared" si="737"/>
        <v>31.398</v>
      </c>
      <c r="D3152" s="239">
        <v>8.4177999999999997</v>
      </c>
      <c r="E3152" s="239">
        <v>7.0000000000000007E-2</v>
      </c>
      <c r="F3152" s="239">
        <v>0.25950000000000001</v>
      </c>
      <c r="G3152">
        <f t="shared" si="738"/>
        <v>8.4696999999999996</v>
      </c>
      <c r="H3152" s="235">
        <f t="shared" si="739"/>
        <v>0.82647555403379114</v>
      </c>
      <c r="I3152" s="236">
        <f t="shared" si="740"/>
        <v>19.061288987375434</v>
      </c>
      <c r="J3152" s="237">
        <f t="shared" ref="J3152:J3215" si="745">$I3152-10</f>
        <v>9.0612889873754341</v>
      </c>
      <c r="K3152" s="237">
        <f t="shared" si="741"/>
        <v>598.48635162561391</v>
      </c>
      <c r="L3152" s="237">
        <f t="shared" ref="L3152:L3215" si="746">$J3152*$B3152</f>
        <v>284.56978064852552</v>
      </c>
      <c r="M3152" s="236">
        <f t="shared" si="742"/>
        <v>27.660047494980454</v>
      </c>
      <c r="N3152" s="236">
        <f t="shared" si="743"/>
        <v>0.88931647808158354</v>
      </c>
      <c r="O3152" s="236">
        <f t="shared" ref="O3152:O3215" si="747">((3.47-LOG($M3152))^2+(LOG($N3152)+1.22)^2)^0.5</f>
        <v>2.3409556374961302</v>
      </c>
      <c r="P3152" s="236" t="str">
        <f t="shared" ref="P3152:P3215" si="748">IF(O3152&lt;2.6,"SAND","CLAY")</f>
        <v>SAND</v>
      </c>
      <c r="Q3152" s="236" t="e">
        <f t="shared" si="744"/>
        <v>#N/A</v>
      </c>
      <c r="R3152" s="238">
        <v>35</v>
      </c>
      <c r="S3152" s="236" t="e">
        <f t="shared" ref="S3152:S3215" si="749">IF(P3152="SAND",#N/A,0.25*($M3152)^1.25)</f>
        <v>#N/A</v>
      </c>
      <c r="T3152" s="236">
        <f t="shared" si="735"/>
        <v>33.460382136495816</v>
      </c>
    </row>
    <row r="3153" spans="1:20" x14ac:dyDescent="0.2">
      <c r="A3153" s="53">
        <f t="shared" si="736"/>
        <v>3141</v>
      </c>
      <c r="B3153" s="239">
        <v>31.414999999999999</v>
      </c>
      <c r="C3153" s="3">
        <f t="shared" si="737"/>
        <v>31.407999999999998</v>
      </c>
      <c r="D3153" s="239">
        <v>8.3507999999999996</v>
      </c>
      <c r="E3153" s="239">
        <v>7.1199999999999999E-2</v>
      </c>
      <c r="F3153" s="239">
        <v>0.24249999999999999</v>
      </c>
      <c r="G3153">
        <f t="shared" si="738"/>
        <v>8.3993000000000002</v>
      </c>
      <c r="H3153" s="235">
        <f t="shared" si="739"/>
        <v>0.84768968842641645</v>
      </c>
      <c r="I3153" s="236">
        <f t="shared" si="740"/>
        <v>19.077957821214305</v>
      </c>
      <c r="J3153" s="237">
        <f t="shared" si="745"/>
        <v>9.0779578212143051</v>
      </c>
      <c r="K3153" s="237">
        <f t="shared" si="741"/>
        <v>599.20049924869886</v>
      </c>
      <c r="L3153" s="237">
        <f t="shared" si="746"/>
        <v>285.18404495344737</v>
      </c>
      <c r="M3153" s="236">
        <f t="shared" si="742"/>
        <v>27.351107605001424</v>
      </c>
      <c r="N3153" s="236">
        <f t="shared" si="743"/>
        <v>0.91280886856817733</v>
      </c>
      <c r="O3153" s="236">
        <f t="shared" si="747"/>
        <v>2.3508482673139679</v>
      </c>
      <c r="P3153" s="236" t="str">
        <f t="shared" si="748"/>
        <v>SAND</v>
      </c>
      <c r="Q3153" s="236" t="e">
        <f t="shared" si="744"/>
        <v>#N/A</v>
      </c>
      <c r="R3153" s="238">
        <v>35</v>
      </c>
      <c r="S3153" s="236" t="e">
        <f t="shared" si="749"/>
        <v>#N/A</v>
      </c>
      <c r="T3153" s="236">
        <f t="shared" si="735"/>
        <v>33.406724099411612</v>
      </c>
    </row>
    <row r="3154" spans="1:20" x14ac:dyDescent="0.2">
      <c r="A3154" s="53">
        <f t="shared" si="736"/>
        <v>3142</v>
      </c>
      <c r="B3154" s="239">
        <v>31.425000000000001</v>
      </c>
      <c r="C3154" s="3">
        <f t="shared" si="737"/>
        <v>31.417999999999999</v>
      </c>
      <c r="D3154" s="239">
        <v>8.2268000000000008</v>
      </c>
      <c r="E3154" s="239">
        <v>7.2599999999999998E-2</v>
      </c>
      <c r="F3154" s="239">
        <v>0.22989999999999999</v>
      </c>
      <c r="G3154">
        <f t="shared" si="738"/>
        <v>8.2727800000000009</v>
      </c>
      <c r="H3154" s="235">
        <f t="shared" si="739"/>
        <v>0.87757682423562566</v>
      </c>
      <c r="I3154" s="236">
        <f t="shared" si="740"/>
        <v>19.09485825793907</v>
      </c>
      <c r="J3154" s="237">
        <f t="shared" si="745"/>
        <v>9.0948582579390695</v>
      </c>
      <c r="K3154" s="237">
        <f t="shared" si="741"/>
        <v>599.92225674792962</v>
      </c>
      <c r="L3154" s="237">
        <f t="shared" si="746"/>
        <v>285.80592075573526</v>
      </c>
      <c r="M3154" s="236">
        <f t="shared" si="742"/>
        <v>26.84639185557565</v>
      </c>
      <c r="N3154" s="236">
        <f t="shared" si="743"/>
        <v>0.94619244132146707</v>
      </c>
      <c r="O3154" s="236">
        <f t="shared" si="747"/>
        <v>2.3656951558562263</v>
      </c>
      <c r="P3154" s="236" t="str">
        <f t="shared" si="748"/>
        <v>SAND</v>
      </c>
      <c r="Q3154" s="236" t="e">
        <f t="shared" si="744"/>
        <v>#N/A</v>
      </c>
      <c r="R3154" s="238">
        <v>35</v>
      </c>
      <c r="S3154" s="236" t="e">
        <f t="shared" si="749"/>
        <v>#N/A</v>
      </c>
      <c r="T3154" s="236">
        <f t="shared" si="735"/>
        <v>33.317745174465195</v>
      </c>
    </row>
    <row r="3155" spans="1:20" x14ac:dyDescent="0.2">
      <c r="A3155" s="53">
        <f t="shared" si="736"/>
        <v>3143</v>
      </c>
      <c r="B3155" s="239">
        <v>31.434999999999999</v>
      </c>
      <c r="C3155" s="3">
        <f t="shared" si="737"/>
        <v>31.427999999999997</v>
      </c>
      <c r="D3155" s="239">
        <v>8.0449000000000002</v>
      </c>
      <c r="E3155" s="239">
        <v>7.3999999999999996E-2</v>
      </c>
      <c r="F3155" s="239">
        <v>0.2235</v>
      </c>
      <c r="G3155">
        <f t="shared" si="738"/>
        <v>8.0896000000000008</v>
      </c>
      <c r="H3155" s="235">
        <f t="shared" si="739"/>
        <v>0.91475474683544289</v>
      </c>
      <c r="I3155" s="236">
        <f t="shared" si="740"/>
        <v>19.108503040793352</v>
      </c>
      <c r="J3155" s="237">
        <f t="shared" si="745"/>
        <v>9.1085030407933516</v>
      </c>
      <c r="K3155" s="237">
        <f t="shared" si="741"/>
        <v>600.54203356605342</v>
      </c>
      <c r="L3155" s="237">
        <f t="shared" si="746"/>
        <v>286.32579308733898</v>
      </c>
      <c r="M3155" s="236">
        <f t="shared" si="742"/>
        <v>26.155722422637393</v>
      </c>
      <c r="N3155" s="236">
        <f t="shared" si="743"/>
        <v>0.988108255159313</v>
      </c>
      <c r="O3155" s="236">
        <f t="shared" si="747"/>
        <v>2.3850015534885141</v>
      </c>
      <c r="P3155" s="236" t="str">
        <f t="shared" si="748"/>
        <v>SAND</v>
      </c>
      <c r="Q3155" s="236" t="e">
        <f t="shared" si="744"/>
        <v>#N/A</v>
      </c>
      <c r="R3155" s="238">
        <v>35</v>
      </c>
      <c r="S3155" s="236" t="e">
        <f t="shared" si="749"/>
        <v>#N/A</v>
      </c>
      <c r="T3155" s="236">
        <f t="shared" si="735"/>
        <v>33.193233917459054</v>
      </c>
    </row>
    <row r="3156" spans="1:20" x14ac:dyDescent="0.2">
      <c r="A3156" s="53">
        <f t="shared" si="736"/>
        <v>3144</v>
      </c>
      <c r="B3156" s="239">
        <v>31.443999999999999</v>
      </c>
      <c r="C3156" s="3">
        <f t="shared" si="737"/>
        <v>31.436999999999998</v>
      </c>
      <c r="D3156" s="239">
        <v>7.6508000000000003</v>
      </c>
      <c r="E3156" s="239">
        <v>6.8099999999999994E-2</v>
      </c>
      <c r="F3156" s="239">
        <v>0.22589999999999999</v>
      </c>
      <c r="G3156">
        <f t="shared" si="738"/>
        <v>7.6959800000000005</v>
      </c>
      <c r="H3156" s="235">
        <f t="shared" si="739"/>
        <v>0.88487755945311686</v>
      </c>
      <c r="I3156" s="236">
        <f t="shared" si="740"/>
        <v>18.991577793910945</v>
      </c>
      <c r="J3156" s="237">
        <f t="shared" si="745"/>
        <v>8.9915777939109454</v>
      </c>
      <c r="K3156" s="237">
        <f t="shared" si="741"/>
        <v>597.03823110717838</v>
      </c>
      <c r="L3156" s="237">
        <f t="shared" si="746"/>
        <v>282.73117215173573</v>
      </c>
      <c r="M3156" s="236">
        <f t="shared" si="742"/>
        <v>25.108450953130038</v>
      </c>
      <c r="N3156" s="236">
        <f t="shared" si="743"/>
        <v>0.95929790970268969</v>
      </c>
      <c r="O3156" s="236">
        <f t="shared" si="747"/>
        <v>2.3938123934534303</v>
      </c>
      <c r="P3156" s="236" t="str">
        <f t="shared" si="748"/>
        <v>SAND</v>
      </c>
      <c r="Q3156" s="236" t="e">
        <f t="shared" si="744"/>
        <v>#N/A</v>
      </c>
      <c r="R3156" s="238">
        <v>35</v>
      </c>
      <c r="S3156" s="236" t="e">
        <f t="shared" si="749"/>
        <v>#N/A</v>
      </c>
      <c r="T3156" s="236">
        <f t="shared" si="735"/>
        <v>32.998019120771843</v>
      </c>
    </row>
    <row r="3157" spans="1:20" x14ac:dyDescent="0.2">
      <c r="A3157" s="53">
        <f t="shared" si="736"/>
        <v>3145</v>
      </c>
      <c r="B3157" s="239">
        <v>31.454999999999998</v>
      </c>
      <c r="C3157" s="3">
        <f t="shared" si="737"/>
        <v>31.447999999999997</v>
      </c>
      <c r="D3157" s="239">
        <v>7.2908999999999997</v>
      </c>
      <c r="E3157" s="239">
        <v>5.8500000000000003E-2</v>
      </c>
      <c r="F3157" s="239">
        <v>0.2341</v>
      </c>
      <c r="G3157">
        <f t="shared" si="738"/>
        <v>7.33772</v>
      </c>
      <c r="H3157" s="235">
        <f t="shared" si="739"/>
        <v>0.79725037205017368</v>
      </c>
      <c r="I3157" s="236">
        <f t="shared" si="740"/>
        <v>18.794768914751113</v>
      </c>
      <c r="J3157" s="237">
        <f t="shared" si="745"/>
        <v>8.7947689147511134</v>
      </c>
      <c r="K3157" s="237">
        <f t="shared" si="741"/>
        <v>591.057892831093</v>
      </c>
      <c r="L3157" s="237">
        <f t="shared" si="746"/>
        <v>276.63945621349626</v>
      </c>
      <c r="M3157" s="236">
        <f t="shared" si="742"/>
        <v>24.387924266168945</v>
      </c>
      <c r="N3157" s="236">
        <f t="shared" si="743"/>
        <v>0.8670954476560897</v>
      </c>
      <c r="O3157" s="236">
        <f t="shared" si="747"/>
        <v>2.3831239195209788</v>
      </c>
      <c r="P3157" s="236" t="str">
        <f t="shared" si="748"/>
        <v>SAND</v>
      </c>
      <c r="Q3157" s="236" t="e">
        <f t="shared" si="744"/>
        <v>#N/A</v>
      </c>
      <c r="R3157" s="238">
        <v>35</v>
      </c>
      <c r="S3157" s="236" t="e">
        <f t="shared" si="749"/>
        <v>#N/A</v>
      </c>
      <c r="T3157" s="236">
        <f t="shared" si="735"/>
        <v>32.858923214716846</v>
      </c>
    </row>
    <row r="3158" spans="1:20" x14ac:dyDescent="0.2">
      <c r="A3158" s="53">
        <f t="shared" si="736"/>
        <v>3146</v>
      </c>
      <c r="B3158" s="239">
        <v>31.463999999999999</v>
      </c>
      <c r="C3158" s="3">
        <f t="shared" si="737"/>
        <v>31.456999999999997</v>
      </c>
      <c r="D3158" s="239">
        <v>6.9219999999999997</v>
      </c>
      <c r="E3158" s="239">
        <v>5.5500000000000001E-2</v>
      </c>
      <c r="F3158" s="239">
        <v>0.24540000000000001</v>
      </c>
      <c r="G3158">
        <f t="shared" si="738"/>
        <v>6.9710799999999997</v>
      </c>
      <c r="H3158" s="235">
        <f t="shared" si="739"/>
        <v>0.79614636469528399</v>
      </c>
      <c r="I3158" s="236">
        <f t="shared" si="740"/>
        <v>18.713004168863037</v>
      </c>
      <c r="J3158" s="237">
        <f t="shared" si="745"/>
        <v>8.7130041688630371</v>
      </c>
      <c r="K3158" s="237">
        <f t="shared" si="741"/>
        <v>588.65497213992455</v>
      </c>
      <c r="L3158" s="237">
        <f t="shared" si="746"/>
        <v>274.14596316910661</v>
      </c>
      <c r="M3158" s="236">
        <f t="shared" si="742"/>
        <v>23.281119860674675</v>
      </c>
      <c r="N3158" s="236">
        <f t="shared" si="743"/>
        <v>0.86957543187323982</v>
      </c>
      <c r="O3158" s="236">
        <f t="shared" si="747"/>
        <v>2.4013717042721581</v>
      </c>
      <c r="P3158" s="236" t="str">
        <f t="shared" si="748"/>
        <v>SAND</v>
      </c>
      <c r="Q3158" s="236" t="e">
        <f t="shared" si="744"/>
        <v>#N/A</v>
      </c>
      <c r="R3158" s="238">
        <v>35</v>
      </c>
      <c r="S3158" s="236" t="e">
        <f t="shared" si="749"/>
        <v>#N/A</v>
      </c>
      <c r="T3158" s="236">
        <f t="shared" si="735"/>
        <v>32.637042534457237</v>
      </c>
    </row>
    <row r="3159" spans="1:20" x14ac:dyDescent="0.2">
      <c r="A3159" s="53">
        <f t="shared" si="736"/>
        <v>3147</v>
      </c>
      <c r="B3159" s="239">
        <v>31.474</v>
      </c>
      <c r="C3159" s="3">
        <f t="shared" si="737"/>
        <v>31.466999999999999</v>
      </c>
      <c r="D3159" s="239">
        <v>6.5357000000000003</v>
      </c>
      <c r="E3159" s="239">
        <v>5.1700000000000003E-2</v>
      </c>
      <c r="F3159" s="239">
        <v>0.26860000000000001</v>
      </c>
      <c r="G3159">
        <f t="shared" si="738"/>
        <v>6.5894200000000005</v>
      </c>
      <c r="H3159" s="235">
        <f t="shared" si="739"/>
        <v>0.78459105657250561</v>
      </c>
      <c r="I3159" s="236">
        <f t="shared" si="740"/>
        <v>18.607829991488888</v>
      </c>
      <c r="J3159" s="237">
        <f t="shared" si="745"/>
        <v>8.6078299914888881</v>
      </c>
      <c r="K3159" s="237">
        <f t="shared" si="741"/>
        <v>585.53258634218082</v>
      </c>
      <c r="L3159" s="237">
        <f t="shared" si="746"/>
        <v>270.92284115212124</v>
      </c>
      <c r="M3159" s="236">
        <f t="shared" si="742"/>
        <v>22.160875724342045</v>
      </c>
      <c r="N3159" s="236">
        <f t="shared" si="743"/>
        <v>0.86110875234587714</v>
      </c>
      <c r="O3159" s="236">
        <f t="shared" si="747"/>
        <v>2.4181170222144255</v>
      </c>
      <c r="P3159" s="236" t="str">
        <f t="shared" si="748"/>
        <v>SAND</v>
      </c>
      <c r="Q3159" s="236" t="e">
        <f t="shared" si="744"/>
        <v>#N/A</v>
      </c>
      <c r="R3159" s="238">
        <v>35</v>
      </c>
      <c r="S3159" s="236" t="e">
        <f t="shared" si="749"/>
        <v>#N/A</v>
      </c>
      <c r="T3159" s="236">
        <f t="shared" si="735"/>
        <v>32.401456101010325</v>
      </c>
    </row>
    <row r="3160" spans="1:20" x14ac:dyDescent="0.2">
      <c r="A3160" s="53">
        <f t="shared" si="736"/>
        <v>3148</v>
      </c>
      <c r="B3160" s="239">
        <v>31.483000000000001</v>
      </c>
      <c r="C3160" s="3">
        <f t="shared" si="737"/>
        <v>31.475999999999999</v>
      </c>
      <c r="D3160" s="239">
        <v>6.2857000000000003</v>
      </c>
      <c r="E3160" s="239">
        <v>5.0500000000000003E-2</v>
      </c>
      <c r="F3160" s="239">
        <v>0.2959</v>
      </c>
      <c r="G3160">
        <f t="shared" si="738"/>
        <v>6.3448799999999999</v>
      </c>
      <c r="H3160" s="235">
        <f t="shared" si="739"/>
        <v>0.79591733807416376</v>
      </c>
      <c r="I3160" s="236">
        <f t="shared" si="740"/>
        <v>18.565510846774117</v>
      </c>
      <c r="J3160" s="237">
        <f t="shared" si="745"/>
        <v>8.5655108467741172</v>
      </c>
      <c r="K3160" s="237">
        <f t="shared" si="741"/>
        <v>584.36801941306214</v>
      </c>
      <c r="L3160" s="237">
        <f t="shared" si="746"/>
        <v>269.66797798898955</v>
      </c>
      <c r="M3160" s="236">
        <f t="shared" si="742"/>
        <v>21.361498030078074</v>
      </c>
      <c r="N3160" s="236">
        <f t="shared" si="743"/>
        <v>0.87665818889338643</v>
      </c>
      <c r="O3160" s="236">
        <f t="shared" si="747"/>
        <v>2.4358470249178628</v>
      </c>
      <c r="P3160" s="236" t="str">
        <f t="shared" si="748"/>
        <v>SAND</v>
      </c>
      <c r="Q3160" s="236" t="e">
        <f t="shared" si="744"/>
        <v>#N/A</v>
      </c>
      <c r="R3160" s="238">
        <v>35</v>
      </c>
      <c r="S3160" s="236" t="e">
        <f t="shared" si="749"/>
        <v>#N/A</v>
      </c>
      <c r="T3160" s="236">
        <f t="shared" si="735"/>
        <v>32.225948759881675</v>
      </c>
    </row>
    <row r="3161" spans="1:20" x14ac:dyDescent="0.2">
      <c r="A3161" s="53">
        <f t="shared" si="736"/>
        <v>3149</v>
      </c>
      <c r="B3161" s="239">
        <v>31.494</v>
      </c>
      <c r="C3161" s="3">
        <f t="shared" si="737"/>
        <v>31.486999999999998</v>
      </c>
      <c r="D3161" s="239">
        <v>6.0720000000000001</v>
      </c>
      <c r="E3161" s="239">
        <v>4.9700000000000001E-2</v>
      </c>
      <c r="F3161" s="239">
        <v>0.31680000000000003</v>
      </c>
      <c r="G3161">
        <f t="shared" si="738"/>
        <v>6.1353600000000004</v>
      </c>
      <c r="H3161" s="235">
        <f t="shared" si="739"/>
        <v>0.81005841548010216</v>
      </c>
      <c r="I3161" s="236">
        <f t="shared" si="740"/>
        <v>18.533661349491794</v>
      </c>
      <c r="J3161" s="237">
        <f t="shared" si="745"/>
        <v>8.5336613494917941</v>
      </c>
      <c r="K3161" s="237">
        <f t="shared" si="741"/>
        <v>583.56939491144806</v>
      </c>
      <c r="L3161" s="237">
        <f t="shared" si="746"/>
        <v>268.75913054089455</v>
      </c>
      <c r="M3161" s="236">
        <f t="shared" si="742"/>
        <v>20.657123700003147</v>
      </c>
      <c r="N3161" s="236">
        <f t="shared" si="743"/>
        <v>0.89520667358107753</v>
      </c>
      <c r="O3161" s="236">
        <f t="shared" si="747"/>
        <v>2.4529835298464477</v>
      </c>
      <c r="P3161" s="236" t="str">
        <f t="shared" si="748"/>
        <v>SAND</v>
      </c>
      <c r="Q3161" s="236" t="e">
        <f t="shared" si="744"/>
        <v>#N/A</v>
      </c>
      <c r="R3161" s="238">
        <v>35</v>
      </c>
      <c r="S3161" s="236" t="e">
        <f t="shared" si="749"/>
        <v>#N/A</v>
      </c>
      <c r="T3161" s="236">
        <f t="shared" si="735"/>
        <v>32.065768352041154</v>
      </c>
    </row>
    <row r="3162" spans="1:20" x14ac:dyDescent="0.2">
      <c r="A3162" s="53">
        <f t="shared" si="736"/>
        <v>3150</v>
      </c>
      <c r="B3162" s="239">
        <v>31.504999999999999</v>
      </c>
      <c r="C3162" s="3">
        <f t="shared" si="737"/>
        <v>31.497999999999998</v>
      </c>
      <c r="D3162" s="239">
        <v>5.9046000000000003</v>
      </c>
      <c r="E3162" s="239">
        <v>5.1900000000000002E-2</v>
      </c>
      <c r="F3162" s="239">
        <v>0.3584</v>
      </c>
      <c r="G3162">
        <f t="shared" si="738"/>
        <v>5.97628</v>
      </c>
      <c r="H3162" s="235">
        <f t="shared" si="739"/>
        <v>0.8684332059408193</v>
      </c>
      <c r="I3162" s="236">
        <f t="shared" si="740"/>
        <v>18.574182763693642</v>
      </c>
      <c r="J3162" s="237">
        <f t="shared" si="745"/>
        <v>8.5741827636936421</v>
      </c>
      <c r="K3162" s="237">
        <f t="shared" si="741"/>
        <v>585.04960869082231</v>
      </c>
      <c r="L3162" s="237">
        <f t="shared" si="746"/>
        <v>270.1296279701682</v>
      </c>
      <c r="M3162" s="236">
        <f t="shared" si="742"/>
        <v>19.957938090021575</v>
      </c>
      <c r="N3162" s="236">
        <f t="shared" si="743"/>
        <v>0.96267449604202293</v>
      </c>
      <c r="O3162" s="236">
        <f t="shared" si="747"/>
        <v>2.4812820933078679</v>
      </c>
      <c r="P3162" s="236" t="str">
        <f t="shared" si="748"/>
        <v>SAND</v>
      </c>
      <c r="Q3162" s="236" t="e">
        <f t="shared" si="744"/>
        <v>#N/A</v>
      </c>
      <c r="R3162" s="238">
        <v>35</v>
      </c>
      <c r="S3162" s="236" t="e">
        <f t="shared" si="749"/>
        <v>#N/A</v>
      </c>
      <c r="T3162" s="236">
        <f t="shared" si="735"/>
        <v>31.901272382106455</v>
      </c>
    </row>
    <row r="3163" spans="1:20" x14ac:dyDescent="0.2">
      <c r="A3163" s="53">
        <f t="shared" si="736"/>
        <v>3151</v>
      </c>
      <c r="B3163" s="239">
        <v>31.513000000000002</v>
      </c>
      <c r="C3163" s="3">
        <f t="shared" si="737"/>
        <v>31.506</v>
      </c>
      <c r="D3163" s="239">
        <v>5.7969999999999997</v>
      </c>
      <c r="E3163" s="239">
        <v>5.9299999999999999E-2</v>
      </c>
      <c r="F3163" s="239">
        <v>0.40529999999999999</v>
      </c>
      <c r="G3163">
        <f t="shared" si="738"/>
        <v>5.8780599999999996</v>
      </c>
      <c r="H3163" s="235">
        <f t="shared" si="739"/>
        <v>1.0088362486942972</v>
      </c>
      <c r="I3163" s="236">
        <f t="shared" si="740"/>
        <v>18.724001339784344</v>
      </c>
      <c r="J3163" s="237">
        <f t="shared" si="745"/>
        <v>8.7240013397843441</v>
      </c>
      <c r="K3163" s="237">
        <f t="shared" si="741"/>
        <v>589.91838621124555</v>
      </c>
      <c r="L3163" s="237">
        <f t="shared" si="746"/>
        <v>274.91945422062406</v>
      </c>
      <c r="M3163" s="236">
        <f t="shared" si="742"/>
        <v>19.235239749694095</v>
      </c>
      <c r="N3163" s="236">
        <f t="shared" si="743"/>
        <v>1.1213769284350499</v>
      </c>
      <c r="O3163" s="236">
        <f t="shared" si="747"/>
        <v>2.5279316552461917</v>
      </c>
      <c r="P3163" s="236" t="str">
        <f t="shared" si="748"/>
        <v>SAND</v>
      </c>
      <c r="Q3163" s="236" t="e">
        <f t="shared" si="744"/>
        <v>#N/A</v>
      </c>
      <c r="R3163" s="238">
        <v>35</v>
      </c>
      <c r="S3163" s="236" t="e">
        <f t="shared" si="749"/>
        <v>#N/A</v>
      </c>
      <c r="T3163" s="236">
        <f t="shared" si="735"/>
        <v>31.725073641366638</v>
      </c>
    </row>
    <row r="3164" spans="1:20" x14ac:dyDescent="0.2">
      <c r="A3164" s="53">
        <f t="shared" si="736"/>
        <v>3152</v>
      </c>
      <c r="B3164" s="239">
        <v>31.524000000000001</v>
      </c>
      <c r="C3164" s="3">
        <f t="shared" si="737"/>
        <v>31.516999999999999</v>
      </c>
      <c r="D3164" s="239">
        <v>5.6353999999999997</v>
      </c>
      <c r="E3164" s="239">
        <v>6.4899999999999999E-2</v>
      </c>
      <c r="F3164" s="239">
        <v>0.4446</v>
      </c>
      <c r="G3164">
        <f t="shared" si="738"/>
        <v>5.7243199999999996</v>
      </c>
      <c r="H3164" s="235">
        <f t="shared" si="739"/>
        <v>1.1337591189870588</v>
      </c>
      <c r="I3164" s="236">
        <f t="shared" si="740"/>
        <v>18.81945524900636</v>
      </c>
      <c r="J3164" s="237">
        <f t="shared" si="745"/>
        <v>8.81945524900636</v>
      </c>
      <c r="K3164" s="237">
        <f t="shared" si="741"/>
        <v>593.13277108293346</v>
      </c>
      <c r="L3164" s="237">
        <f t="shared" si="746"/>
        <v>278.02450726967652</v>
      </c>
      <c r="M3164" s="236">
        <f t="shared" si="742"/>
        <v>18.455881027566928</v>
      </c>
      <c r="N3164" s="236">
        <f t="shared" si="743"/>
        <v>1.2648144981779803</v>
      </c>
      <c r="O3164" s="236">
        <f t="shared" si="747"/>
        <v>2.5699760411861421</v>
      </c>
      <c r="P3164" s="236" t="str">
        <f t="shared" si="748"/>
        <v>SAND</v>
      </c>
      <c r="Q3164" s="236" t="e">
        <f t="shared" si="744"/>
        <v>#N/A</v>
      </c>
      <c r="R3164" s="238">
        <v>35</v>
      </c>
      <c r="S3164" s="236" t="e">
        <f t="shared" si="749"/>
        <v>#N/A</v>
      </c>
      <c r="T3164" s="236">
        <f t="shared" si="735"/>
        <v>31.52748260115062</v>
      </c>
    </row>
    <row r="3165" spans="1:20" x14ac:dyDescent="0.2">
      <c r="A3165" s="53">
        <f t="shared" si="736"/>
        <v>3153</v>
      </c>
      <c r="B3165" s="239">
        <v>31.533999999999999</v>
      </c>
      <c r="C3165" s="3">
        <f t="shared" si="737"/>
        <v>31.526999999999997</v>
      </c>
      <c r="D3165" s="239">
        <v>5.5147000000000004</v>
      </c>
      <c r="E3165" s="239">
        <v>6.6600000000000006E-2</v>
      </c>
      <c r="F3165" s="239">
        <v>0.49349999999999999</v>
      </c>
      <c r="G3165">
        <f t="shared" si="738"/>
        <v>5.6134000000000004</v>
      </c>
      <c r="H3165" s="235">
        <f t="shared" si="739"/>
        <v>1.1864467167848365</v>
      </c>
      <c r="I3165" s="236">
        <f t="shared" si="740"/>
        <v>18.842126864416844</v>
      </c>
      <c r="J3165" s="237">
        <f t="shared" si="745"/>
        <v>8.8421268644168443</v>
      </c>
      <c r="K3165" s="237">
        <f t="shared" si="741"/>
        <v>594.03573365446982</v>
      </c>
      <c r="L3165" s="237">
        <f t="shared" si="746"/>
        <v>278.82762854252076</v>
      </c>
      <c r="M3165" s="236">
        <f t="shared" si="742"/>
        <v>18.00167469982296</v>
      </c>
      <c r="N3165" s="236">
        <f t="shared" si="743"/>
        <v>1.3268612610275792</v>
      </c>
      <c r="O3165" s="236">
        <f t="shared" si="747"/>
        <v>2.589984415320405</v>
      </c>
      <c r="P3165" s="236" t="str">
        <f t="shared" si="748"/>
        <v>SAND</v>
      </c>
      <c r="Q3165" s="236" t="e">
        <f t="shared" si="744"/>
        <v>#N/A</v>
      </c>
      <c r="R3165" s="238">
        <v>35</v>
      </c>
      <c r="S3165" s="236" t="e">
        <f t="shared" si="749"/>
        <v>#N/A</v>
      </c>
      <c r="T3165" s="236">
        <f t="shared" si="735"/>
        <v>31.40844200445073</v>
      </c>
    </row>
    <row r="3166" spans="1:20" x14ac:dyDescent="0.2">
      <c r="A3166" s="53">
        <f t="shared" si="736"/>
        <v>3154</v>
      </c>
      <c r="B3166" s="239">
        <v>31.542999999999999</v>
      </c>
      <c r="C3166" s="3">
        <f t="shared" si="737"/>
        <v>31.535999999999998</v>
      </c>
      <c r="D3166" s="239">
        <v>5.5185000000000004</v>
      </c>
      <c r="E3166" s="239">
        <v>6.4799999999999996E-2</v>
      </c>
      <c r="F3166" s="239">
        <v>0.5343</v>
      </c>
      <c r="G3166">
        <f t="shared" si="738"/>
        <v>5.6253600000000006</v>
      </c>
      <c r="H3166" s="235">
        <f t="shared" si="739"/>
        <v>1.1519262767182898</v>
      </c>
      <c r="I3166" s="236">
        <f t="shared" si="740"/>
        <v>18.810830858899848</v>
      </c>
      <c r="J3166" s="237">
        <f t="shared" si="745"/>
        <v>8.8108308588998483</v>
      </c>
      <c r="K3166" s="237">
        <f t="shared" si="741"/>
        <v>593.21836196626555</v>
      </c>
      <c r="L3166" s="237">
        <f t="shared" si="746"/>
        <v>277.92003778227792</v>
      </c>
      <c r="M3166" s="236">
        <f t="shared" si="742"/>
        <v>18.106436938440208</v>
      </c>
      <c r="N3166" s="236">
        <f t="shared" si="743"/>
        <v>1.2877221004717194</v>
      </c>
      <c r="O3166" s="236">
        <f t="shared" si="747"/>
        <v>2.5811063133066994</v>
      </c>
      <c r="P3166" s="236" t="str">
        <f t="shared" si="748"/>
        <v>SAND</v>
      </c>
      <c r="Q3166" s="236" t="e">
        <f t="shared" si="744"/>
        <v>#N/A</v>
      </c>
      <c r="R3166" s="238">
        <v>35</v>
      </c>
      <c r="S3166" s="236" t="e">
        <f t="shared" si="749"/>
        <v>#N/A</v>
      </c>
      <c r="T3166" s="236">
        <f t="shared" si="735"/>
        <v>31.436162960500674</v>
      </c>
    </row>
    <row r="3167" spans="1:20" x14ac:dyDescent="0.2">
      <c r="A3167" s="53">
        <f t="shared" si="736"/>
        <v>3155</v>
      </c>
      <c r="B3167" s="239">
        <v>31.553999999999998</v>
      </c>
      <c r="C3167" s="3">
        <f t="shared" si="737"/>
        <v>31.546999999999997</v>
      </c>
      <c r="D3167" s="239">
        <v>5.5975999999999999</v>
      </c>
      <c r="E3167" s="239">
        <v>6.1600000000000002E-2</v>
      </c>
      <c r="F3167" s="239">
        <v>0.55869999999999997</v>
      </c>
      <c r="G3167">
        <f t="shared" si="738"/>
        <v>5.7093400000000001</v>
      </c>
      <c r="H3167" s="235">
        <f t="shared" si="739"/>
        <v>1.0789338172188028</v>
      </c>
      <c r="I3167" s="236">
        <f t="shared" si="740"/>
        <v>18.757238293240974</v>
      </c>
      <c r="J3167" s="237">
        <f t="shared" si="745"/>
        <v>8.7572382932409738</v>
      </c>
      <c r="K3167" s="237">
        <f t="shared" si="741"/>
        <v>591.73459643687295</v>
      </c>
      <c r="L3167" s="237">
        <f t="shared" si="746"/>
        <v>276.32589710492567</v>
      </c>
      <c r="M3167" s="236">
        <f t="shared" si="742"/>
        <v>18.520180182821896</v>
      </c>
      <c r="N3167" s="236">
        <f t="shared" si="743"/>
        <v>1.2036879583781719</v>
      </c>
      <c r="O3167" s="236">
        <f t="shared" si="747"/>
        <v>2.5576753267298731</v>
      </c>
      <c r="P3167" s="236" t="str">
        <f t="shared" si="748"/>
        <v>SAND</v>
      </c>
      <c r="Q3167" s="236" t="e">
        <f t="shared" si="744"/>
        <v>#N/A</v>
      </c>
      <c r="R3167" s="238">
        <v>35</v>
      </c>
      <c r="S3167" s="236" t="e">
        <f t="shared" si="749"/>
        <v>#N/A</v>
      </c>
      <c r="T3167" s="236">
        <f t="shared" si="735"/>
        <v>31.544097283789462</v>
      </c>
    </row>
    <row r="3168" spans="1:20" x14ac:dyDescent="0.2">
      <c r="A3168" s="53">
        <f t="shared" si="736"/>
        <v>3156</v>
      </c>
      <c r="B3168" s="239">
        <v>31.562999999999999</v>
      </c>
      <c r="C3168" s="3">
        <f t="shared" si="737"/>
        <v>31.555999999999997</v>
      </c>
      <c r="D3168" s="239">
        <v>5.7388000000000003</v>
      </c>
      <c r="E3168" s="239">
        <v>6.2300000000000001E-2</v>
      </c>
      <c r="F3168" s="239">
        <v>0.54249999999999998</v>
      </c>
      <c r="G3168">
        <f t="shared" si="738"/>
        <v>5.8473000000000006</v>
      </c>
      <c r="H3168" s="235">
        <f t="shared" si="739"/>
        <v>1.06544901065449</v>
      </c>
      <c r="I3168" s="236">
        <f t="shared" si="740"/>
        <v>18.77982061894647</v>
      </c>
      <c r="J3168" s="237">
        <f t="shared" si="745"/>
        <v>8.77982061894647</v>
      </c>
      <c r="K3168" s="237">
        <f t="shared" si="741"/>
        <v>592.61601945147481</v>
      </c>
      <c r="L3168" s="237">
        <f t="shared" si="746"/>
        <v>277.11747819580745</v>
      </c>
      <c r="M3168" s="236">
        <f t="shared" si="742"/>
        <v>18.961936341076388</v>
      </c>
      <c r="N3168" s="236">
        <f t="shared" si="743"/>
        <v>1.1856088821062962</v>
      </c>
      <c r="O3168" s="236">
        <f t="shared" si="747"/>
        <v>2.5455181765469819</v>
      </c>
      <c r="P3168" s="236" t="str">
        <f t="shared" si="748"/>
        <v>SAND</v>
      </c>
      <c r="Q3168" s="236" t="e">
        <f t="shared" si="744"/>
        <v>#N/A</v>
      </c>
      <c r="R3168" s="238">
        <v>35</v>
      </c>
      <c r="S3168" s="236" t="e">
        <f t="shared" si="749"/>
        <v>#N/A</v>
      </c>
      <c r="T3168" s="236">
        <f t="shared" si="735"/>
        <v>31.656709526543786</v>
      </c>
    </row>
    <row r="3169" spans="1:20" x14ac:dyDescent="0.2">
      <c r="A3169" s="53">
        <f t="shared" si="736"/>
        <v>3157</v>
      </c>
      <c r="B3169" s="239">
        <v>31.574000000000002</v>
      </c>
      <c r="C3169" s="3">
        <f t="shared" si="737"/>
        <v>31.567</v>
      </c>
      <c r="D3169" s="239">
        <v>5.6702000000000004</v>
      </c>
      <c r="E3169" s="239">
        <v>6.2399999999999997E-2</v>
      </c>
      <c r="F3169" s="239">
        <v>0.54520000000000002</v>
      </c>
      <c r="G3169">
        <f t="shared" si="738"/>
        <v>5.7792400000000006</v>
      </c>
      <c r="H3169" s="235">
        <f t="shared" si="739"/>
        <v>1.0797267460773388</v>
      </c>
      <c r="I3169" s="236">
        <f t="shared" si="740"/>
        <v>18.777125103706091</v>
      </c>
      <c r="J3169" s="237">
        <f t="shared" si="745"/>
        <v>8.7771251037060907</v>
      </c>
      <c r="K3169" s="237">
        <f t="shared" si="741"/>
        <v>592.73750814869015</v>
      </c>
      <c r="L3169" s="237">
        <f t="shared" si="746"/>
        <v>277.1289480244161</v>
      </c>
      <c r="M3169" s="236">
        <f t="shared" si="742"/>
        <v>18.71512351497239</v>
      </c>
      <c r="N3169" s="236">
        <f t="shared" si="743"/>
        <v>1.2031229156457313</v>
      </c>
      <c r="O3169" s="236">
        <f t="shared" si="747"/>
        <v>2.5536567958609582</v>
      </c>
      <c r="P3169" s="236" t="str">
        <f t="shared" si="748"/>
        <v>SAND</v>
      </c>
      <c r="Q3169" s="236" t="e">
        <f t="shared" si="744"/>
        <v>#N/A</v>
      </c>
      <c r="R3169" s="238">
        <v>35</v>
      </c>
      <c r="S3169" s="236" t="e">
        <f t="shared" si="749"/>
        <v>#N/A</v>
      </c>
      <c r="T3169" s="236">
        <f t="shared" si="735"/>
        <v>31.594119674602098</v>
      </c>
    </row>
    <row r="3170" spans="1:20" x14ac:dyDescent="0.2">
      <c r="A3170" s="53">
        <f t="shared" si="736"/>
        <v>3158</v>
      </c>
      <c r="B3170" s="239">
        <v>31.582999999999998</v>
      </c>
      <c r="C3170" s="3">
        <f t="shared" si="737"/>
        <v>31.575999999999997</v>
      </c>
      <c r="D3170" s="239">
        <v>5.5903</v>
      </c>
      <c r="E3170" s="239">
        <v>6.3299999999999995E-2</v>
      </c>
      <c r="F3170" s="239">
        <v>0.54449999999999998</v>
      </c>
      <c r="G3170">
        <f t="shared" si="738"/>
        <v>5.6992000000000003</v>
      </c>
      <c r="H3170" s="235">
        <f t="shared" si="739"/>
        <v>1.1106822010106681</v>
      </c>
      <c r="I3170" s="236">
        <f t="shared" si="740"/>
        <v>18.788465579434181</v>
      </c>
      <c r="J3170" s="237">
        <f t="shared" si="745"/>
        <v>8.7884655794341811</v>
      </c>
      <c r="K3170" s="237">
        <f t="shared" si="741"/>
        <v>593.26458913621366</v>
      </c>
      <c r="L3170" s="237">
        <f t="shared" si="746"/>
        <v>277.56610839526974</v>
      </c>
      <c r="M3170" s="236">
        <f t="shared" si="742"/>
        <v>18.395384942287865</v>
      </c>
      <c r="N3170" s="236">
        <f t="shared" si="743"/>
        <v>1.2397336610509795</v>
      </c>
      <c r="O3170" s="236">
        <f t="shared" si="747"/>
        <v>2.5667373046500357</v>
      </c>
      <c r="P3170" s="236" t="str">
        <f t="shared" si="748"/>
        <v>SAND</v>
      </c>
      <c r="Q3170" s="236" t="e">
        <f t="shared" si="744"/>
        <v>#N/A</v>
      </c>
      <c r="R3170" s="238">
        <v>35</v>
      </c>
      <c r="S3170" s="236" t="e">
        <f t="shared" si="749"/>
        <v>#N/A</v>
      </c>
      <c r="T3170" s="236">
        <f t="shared" si="735"/>
        <v>31.511797683514331</v>
      </c>
    </row>
    <row r="3171" spans="1:20" x14ac:dyDescent="0.2">
      <c r="A3171" s="53">
        <f t="shared" si="736"/>
        <v>3159</v>
      </c>
      <c r="B3171" s="239">
        <v>31.593</v>
      </c>
      <c r="C3171" s="3">
        <f t="shared" si="737"/>
        <v>31.585999999999999</v>
      </c>
      <c r="D3171" s="239">
        <v>5.8047000000000004</v>
      </c>
      <c r="E3171" s="239">
        <v>6.2399999999999997E-2</v>
      </c>
      <c r="F3171" s="239">
        <v>0.54190000000000005</v>
      </c>
      <c r="G3171">
        <f t="shared" si="738"/>
        <v>5.9130800000000008</v>
      </c>
      <c r="H3171" s="235">
        <f t="shared" si="739"/>
        <v>1.055287599694237</v>
      </c>
      <c r="I3171" s="236">
        <f t="shared" si="740"/>
        <v>18.786073825801321</v>
      </c>
      <c r="J3171" s="237">
        <f t="shared" si="745"/>
        <v>8.7860738258013207</v>
      </c>
      <c r="K3171" s="237">
        <f t="shared" si="741"/>
        <v>593.37692786176046</v>
      </c>
      <c r="L3171" s="237">
        <f t="shared" si="746"/>
        <v>277.5784303785411</v>
      </c>
      <c r="M3171" s="236">
        <f t="shared" si="742"/>
        <v>19.164684607819204</v>
      </c>
      <c r="N3171" s="236">
        <f t="shared" si="743"/>
        <v>1.1729977999489825</v>
      </c>
      <c r="O3171" s="236">
        <f t="shared" si="747"/>
        <v>2.5391802179066518</v>
      </c>
      <c r="P3171" s="236" t="str">
        <f t="shared" si="748"/>
        <v>SAND</v>
      </c>
      <c r="Q3171" s="236" t="e">
        <f t="shared" si="744"/>
        <v>#N/A</v>
      </c>
      <c r="R3171" s="238">
        <v>35</v>
      </c>
      <c r="S3171" s="236" t="e">
        <f t="shared" si="749"/>
        <v>#N/A</v>
      </c>
      <c r="T3171" s="236">
        <f t="shared" si="735"/>
        <v>31.707518441371509</v>
      </c>
    </row>
    <row r="3172" spans="1:20" x14ac:dyDescent="0.2">
      <c r="A3172" s="53">
        <f t="shared" si="736"/>
        <v>3160</v>
      </c>
      <c r="B3172" s="239">
        <v>31.602</v>
      </c>
      <c r="C3172" s="3">
        <f t="shared" si="737"/>
        <v>31.594999999999999</v>
      </c>
      <c r="D3172" s="239">
        <v>6.1002999999999998</v>
      </c>
      <c r="E3172" s="239">
        <v>6.7400000000000002E-2</v>
      </c>
      <c r="F3172" s="239">
        <v>0.51370000000000005</v>
      </c>
      <c r="G3172">
        <f t="shared" si="738"/>
        <v>6.2030399999999997</v>
      </c>
      <c r="H3172" s="235">
        <f t="shared" si="739"/>
        <v>1.0865640073254406</v>
      </c>
      <c r="I3172" s="236">
        <f t="shared" si="740"/>
        <v>18.895168898558495</v>
      </c>
      <c r="J3172" s="237">
        <f t="shared" si="745"/>
        <v>8.8951688985584951</v>
      </c>
      <c r="K3172" s="237">
        <f t="shared" si="741"/>
        <v>596.99286134995566</v>
      </c>
      <c r="L3172" s="237">
        <f t="shared" si="746"/>
        <v>281.10512753224555</v>
      </c>
      <c r="M3172" s="236">
        <f t="shared" si="742"/>
        <v>19.942884670458294</v>
      </c>
      <c r="N3172" s="236">
        <f t="shared" si="743"/>
        <v>1.2022731584848958</v>
      </c>
      <c r="O3172" s="236">
        <f t="shared" si="747"/>
        <v>2.5297882154426579</v>
      </c>
      <c r="P3172" s="236" t="str">
        <f t="shared" si="748"/>
        <v>SAND</v>
      </c>
      <c r="Q3172" s="236" t="e">
        <f t="shared" si="744"/>
        <v>#N/A</v>
      </c>
      <c r="R3172" s="238">
        <v>35</v>
      </c>
      <c r="S3172" s="236" t="e">
        <f t="shared" si="749"/>
        <v>#N/A</v>
      </c>
      <c r="T3172" s="236">
        <f t="shared" si="735"/>
        <v>31.897667755134485</v>
      </c>
    </row>
    <row r="3173" spans="1:20" x14ac:dyDescent="0.2">
      <c r="A3173" s="53">
        <f t="shared" si="736"/>
        <v>3161</v>
      </c>
      <c r="B3173" s="239">
        <v>31.611999999999998</v>
      </c>
      <c r="C3173" s="3">
        <f t="shared" si="737"/>
        <v>31.604999999999997</v>
      </c>
      <c r="D3173" s="239">
        <v>6.3040000000000003</v>
      </c>
      <c r="E3173" s="239">
        <v>7.2300000000000003E-2</v>
      </c>
      <c r="F3173" s="239">
        <v>0.51839999999999997</v>
      </c>
      <c r="G3173">
        <f t="shared" si="738"/>
        <v>6.40768</v>
      </c>
      <c r="H3173" s="235">
        <f t="shared" si="739"/>
        <v>1.1283334998002397</v>
      </c>
      <c r="I3173" s="236">
        <f t="shared" si="740"/>
        <v>18.990147190505784</v>
      </c>
      <c r="J3173" s="237">
        <f t="shared" si="745"/>
        <v>8.9901471905057839</v>
      </c>
      <c r="K3173" s="237">
        <f t="shared" si="741"/>
        <v>600.18360195593527</v>
      </c>
      <c r="L3173" s="237">
        <f t="shared" si="746"/>
        <v>284.19653298626883</v>
      </c>
      <c r="M3173" s="236">
        <f t="shared" si="742"/>
        <v>20.434789745744922</v>
      </c>
      <c r="N3173" s="236">
        <f t="shared" si="743"/>
        <v>1.2449426576372955</v>
      </c>
      <c r="O3173" s="236">
        <f t="shared" si="747"/>
        <v>2.5285606172490187</v>
      </c>
      <c r="P3173" s="236" t="str">
        <f t="shared" si="748"/>
        <v>SAND</v>
      </c>
      <c r="Q3173" s="236" t="e">
        <f t="shared" si="744"/>
        <v>#N/A</v>
      </c>
      <c r="R3173" s="238">
        <v>35</v>
      </c>
      <c r="S3173" s="236" t="e">
        <f t="shared" si="749"/>
        <v>#N/A</v>
      </c>
      <c r="T3173" s="236">
        <f t="shared" si="735"/>
        <v>32.014071909597</v>
      </c>
    </row>
    <row r="3174" spans="1:20" x14ac:dyDescent="0.2">
      <c r="A3174" s="53">
        <f t="shared" si="736"/>
        <v>3162</v>
      </c>
      <c r="B3174" s="239">
        <v>31.620999999999999</v>
      </c>
      <c r="C3174" s="3">
        <f t="shared" si="737"/>
        <v>31.613999999999997</v>
      </c>
      <c r="D3174" s="239">
        <v>6.5381</v>
      </c>
      <c r="E3174" s="239">
        <v>7.8200000000000006E-2</v>
      </c>
      <c r="F3174" s="239">
        <v>0.50600000000000001</v>
      </c>
      <c r="G3174">
        <f t="shared" si="738"/>
        <v>6.6393000000000004</v>
      </c>
      <c r="H3174" s="235">
        <f t="shared" si="739"/>
        <v>1.1778350127272452</v>
      </c>
      <c r="I3174" s="236">
        <f t="shared" si="740"/>
        <v>19.09601135125201</v>
      </c>
      <c r="J3174" s="237">
        <f t="shared" si="745"/>
        <v>9.0960113512520095</v>
      </c>
      <c r="K3174" s="237">
        <f t="shared" si="741"/>
        <v>603.70130285848097</v>
      </c>
      <c r="L3174" s="237">
        <f t="shared" si="746"/>
        <v>287.62497493793978</v>
      </c>
      <c r="M3174" s="236">
        <f t="shared" si="742"/>
        <v>20.984265008432622</v>
      </c>
      <c r="N3174" s="236">
        <f t="shared" si="743"/>
        <v>1.2956461143951765</v>
      </c>
      <c r="O3174" s="236">
        <f t="shared" si="747"/>
        <v>2.5278212766234311</v>
      </c>
      <c r="P3174" s="236" t="str">
        <f t="shared" si="748"/>
        <v>SAND</v>
      </c>
      <c r="Q3174" s="236" t="e">
        <f t="shared" si="744"/>
        <v>#N/A</v>
      </c>
      <c r="R3174" s="238">
        <v>35</v>
      </c>
      <c r="S3174" s="236" t="e">
        <f t="shared" si="749"/>
        <v>#N/A</v>
      </c>
      <c r="T3174" s="236">
        <f t="shared" si="735"/>
        <v>32.140831385120158</v>
      </c>
    </row>
    <row r="3175" spans="1:20" x14ac:dyDescent="0.2">
      <c r="A3175" s="53">
        <f t="shared" si="736"/>
        <v>3163</v>
      </c>
      <c r="B3175" s="239">
        <v>31.632000000000001</v>
      </c>
      <c r="C3175" s="3">
        <f t="shared" si="737"/>
        <v>31.625</v>
      </c>
      <c r="D3175" s="239">
        <v>6.8319000000000001</v>
      </c>
      <c r="E3175" s="239">
        <v>7.9500000000000001E-2</v>
      </c>
      <c r="F3175" s="239">
        <v>0.46089999999999998</v>
      </c>
      <c r="G3175">
        <f t="shared" si="738"/>
        <v>6.92408</v>
      </c>
      <c r="H3175" s="235">
        <f t="shared" si="739"/>
        <v>1.1481669766958211</v>
      </c>
      <c r="I3175" s="236">
        <f t="shared" si="740"/>
        <v>19.131760171072358</v>
      </c>
      <c r="J3175" s="237">
        <f t="shared" si="745"/>
        <v>9.1317601710723579</v>
      </c>
      <c r="K3175" s="237">
        <f t="shared" si="741"/>
        <v>605.04191541016337</v>
      </c>
      <c r="L3175" s="237">
        <f t="shared" si="746"/>
        <v>288.85583773136085</v>
      </c>
      <c r="M3175" s="236">
        <f t="shared" si="742"/>
        <v>21.876096166928129</v>
      </c>
      <c r="N3175" s="236">
        <f t="shared" si="743"/>
        <v>1.258102877934471</v>
      </c>
      <c r="O3175" s="236">
        <f t="shared" si="747"/>
        <v>2.5057292916795477</v>
      </c>
      <c r="P3175" s="236" t="str">
        <f t="shared" si="748"/>
        <v>SAND</v>
      </c>
      <c r="Q3175" s="236" t="e">
        <f t="shared" si="744"/>
        <v>#N/A</v>
      </c>
      <c r="R3175" s="238">
        <v>35</v>
      </c>
      <c r="S3175" s="236" t="e">
        <f t="shared" si="749"/>
        <v>#N/A</v>
      </c>
      <c r="T3175" s="236">
        <f t="shared" si="735"/>
        <v>32.339668062433432</v>
      </c>
    </row>
    <row r="3176" spans="1:20" x14ac:dyDescent="0.2">
      <c r="A3176" s="53">
        <f t="shared" si="736"/>
        <v>3164</v>
      </c>
      <c r="B3176" s="239">
        <v>31.640999999999998</v>
      </c>
      <c r="C3176" s="3">
        <f t="shared" si="737"/>
        <v>31.633999999999997</v>
      </c>
      <c r="D3176" s="239">
        <v>7.1154999999999999</v>
      </c>
      <c r="E3176" s="239">
        <v>8.1799999999999998E-2</v>
      </c>
      <c r="F3176" s="239">
        <v>0.43680000000000002</v>
      </c>
      <c r="G3176">
        <f t="shared" si="738"/>
        <v>7.2028600000000003</v>
      </c>
      <c r="H3176" s="235">
        <f t="shared" si="739"/>
        <v>1.1356600017215384</v>
      </c>
      <c r="I3176" s="236">
        <f t="shared" si="740"/>
        <v>19.180631450532228</v>
      </c>
      <c r="J3176" s="237">
        <f t="shared" si="745"/>
        <v>9.1806314505322284</v>
      </c>
      <c r="K3176" s="237">
        <f t="shared" si="741"/>
        <v>606.76009530613646</v>
      </c>
      <c r="L3176" s="237">
        <f t="shared" si="746"/>
        <v>290.48435972629022</v>
      </c>
      <c r="M3176" s="236">
        <f t="shared" si="742"/>
        <v>22.707246307198982</v>
      </c>
      <c r="N3176" s="236">
        <f t="shared" si="743"/>
        <v>1.2401267594778262</v>
      </c>
      <c r="O3176" s="236">
        <f t="shared" si="747"/>
        <v>2.4886730971891082</v>
      </c>
      <c r="P3176" s="236" t="str">
        <f t="shared" si="748"/>
        <v>SAND</v>
      </c>
      <c r="Q3176" s="236" t="e">
        <f t="shared" si="744"/>
        <v>#N/A</v>
      </c>
      <c r="R3176" s="238">
        <v>35</v>
      </c>
      <c r="S3176" s="236" t="e">
        <f t="shared" si="749"/>
        <v>#N/A</v>
      </c>
      <c r="T3176" s="236">
        <f t="shared" si="735"/>
        <v>32.517809178878935</v>
      </c>
    </row>
    <row r="3177" spans="1:20" x14ac:dyDescent="0.2">
      <c r="A3177" s="53">
        <f t="shared" si="736"/>
        <v>3165</v>
      </c>
      <c r="B3177" s="239">
        <v>31.651</v>
      </c>
      <c r="C3177" s="3">
        <f t="shared" si="737"/>
        <v>31.643999999999998</v>
      </c>
      <c r="D3177" s="239">
        <v>7.4287999999999998</v>
      </c>
      <c r="E3177" s="239">
        <v>8.5000000000000006E-2</v>
      </c>
      <c r="F3177" s="239">
        <v>0.39419999999999999</v>
      </c>
      <c r="G3177">
        <f t="shared" si="738"/>
        <v>7.5076399999999994</v>
      </c>
      <c r="H3177" s="235">
        <f t="shared" si="739"/>
        <v>1.1321800192870197</v>
      </c>
      <c r="I3177" s="236">
        <f t="shared" si="740"/>
        <v>19.241827249385469</v>
      </c>
      <c r="J3177" s="237">
        <f t="shared" si="745"/>
        <v>9.2418272493854694</v>
      </c>
      <c r="K3177" s="237">
        <f t="shared" si="741"/>
        <v>608.8883814795538</v>
      </c>
      <c r="L3177" s="237">
        <f t="shared" si="746"/>
        <v>292.51307427029951</v>
      </c>
      <c r="M3177" s="236">
        <f t="shared" si="742"/>
        <v>23.584421433913715</v>
      </c>
      <c r="N3177" s="236">
        <f t="shared" si="743"/>
        <v>1.2321069767435646</v>
      </c>
      <c r="O3177" s="236">
        <f t="shared" si="747"/>
        <v>2.4732125286536597</v>
      </c>
      <c r="P3177" s="236" t="str">
        <f t="shared" si="748"/>
        <v>SAND</v>
      </c>
      <c r="Q3177" s="236" t="e">
        <f t="shared" si="744"/>
        <v>#N/A</v>
      </c>
      <c r="R3177" s="238">
        <v>35</v>
      </c>
      <c r="S3177" s="236" t="e">
        <f t="shared" si="749"/>
        <v>#N/A</v>
      </c>
      <c r="T3177" s="236">
        <f t="shared" si="735"/>
        <v>32.698877494007682</v>
      </c>
    </row>
    <row r="3178" spans="1:20" x14ac:dyDescent="0.2">
      <c r="A3178" s="53">
        <f t="shared" si="736"/>
        <v>3166</v>
      </c>
      <c r="B3178" s="239">
        <v>31.66</v>
      </c>
      <c r="C3178" s="3">
        <f t="shared" si="737"/>
        <v>31.652999999999999</v>
      </c>
      <c r="D3178" s="239">
        <v>7.6062000000000003</v>
      </c>
      <c r="E3178" s="239">
        <v>8.5300000000000001E-2</v>
      </c>
      <c r="F3178" s="239">
        <v>0.35499999999999998</v>
      </c>
      <c r="G3178">
        <f t="shared" si="738"/>
        <v>7.6772</v>
      </c>
      <c r="H3178" s="235">
        <f t="shared" si="739"/>
        <v>1.1110821653727923</v>
      </c>
      <c r="I3178" s="236">
        <f t="shared" si="740"/>
        <v>19.254688007702882</v>
      </c>
      <c r="J3178" s="237">
        <f t="shared" si="745"/>
        <v>9.2546880077028817</v>
      </c>
      <c r="K3178" s="237">
        <f t="shared" si="741"/>
        <v>609.46863950781926</v>
      </c>
      <c r="L3178" s="237">
        <f t="shared" si="746"/>
        <v>293.00342232387322</v>
      </c>
      <c r="M3178" s="236">
        <f t="shared" si="742"/>
        <v>24.121668287818895</v>
      </c>
      <c r="N3178" s="236">
        <f t="shared" si="743"/>
        <v>1.2068936360091072</v>
      </c>
      <c r="O3178" s="236">
        <f t="shared" si="747"/>
        <v>2.4601596063415805</v>
      </c>
      <c r="P3178" s="236" t="str">
        <f t="shared" si="748"/>
        <v>SAND</v>
      </c>
      <c r="Q3178" s="236" t="e">
        <f t="shared" si="744"/>
        <v>#N/A</v>
      </c>
      <c r="R3178" s="238">
        <v>35</v>
      </c>
      <c r="S3178" s="236" t="e">
        <f t="shared" si="749"/>
        <v>#N/A</v>
      </c>
      <c r="T3178" s="236">
        <f t="shared" si="735"/>
        <v>32.806480750028427</v>
      </c>
    </row>
    <row r="3179" spans="1:20" x14ac:dyDescent="0.2">
      <c r="A3179" s="53">
        <f t="shared" si="736"/>
        <v>3167</v>
      </c>
      <c r="B3179" s="239">
        <v>31.670999999999999</v>
      </c>
      <c r="C3179" s="3">
        <f t="shared" si="737"/>
        <v>31.663999999999998</v>
      </c>
      <c r="D3179" s="239">
        <v>7.7823000000000002</v>
      </c>
      <c r="E3179" s="239">
        <v>8.8900000000000007E-2</v>
      </c>
      <c r="F3179" s="239">
        <v>0.29780000000000001</v>
      </c>
      <c r="G3179">
        <f t="shared" si="738"/>
        <v>7.8418600000000005</v>
      </c>
      <c r="H3179" s="235">
        <f t="shared" si="739"/>
        <v>1.133659616468542</v>
      </c>
      <c r="I3179" s="236">
        <f t="shared" si="740"/>
        <v>19.311454985154889</v>
      </c>
      <c r="J3179" s="237">
        <f t="shared" si="745"/>
        <v>9.3114549851548887</v>
      </c>
      <c r="K3179" s="237">
        <f t="shared" si="741"/>
        <v>611.47791064994431</v>
      </c>
      <c r="L3179" s="237">
        <f t="shared" si="746"/>
        <v>294.9030908348405</v>
      </c>
      <c r="M3179" s="236">
        <f t="shared" si="742"/>
        <v>24.51782403799697</v>
      </c>
      <c r="N3179" s="236">
        <f t="shared" si="743"/>
        <v>1.2295339153783404</v>
      </c>
      <c r="O3179" s="236">
        <f t="shared" si="747"/>
        <v>2.4584498522661846</v>
      </c>
      <c r="P3179" s="236" t="str">
        <f t="shared" si="748"/>
        <v>SAND</v>
      </c>
      <c r="Q3179" s="236" t="e">
        <f t="shared" si="744"/>
        <v>#N/A</v>
      </c>
      <c r="R3179" s="238">
        <v>35</v>
      </c>
      <c r="S3179" s="236" t="e">
        <f t="shared" si="749"/>
        <v>#N/A</v>
      </c>
      <c r="T3179" s="236">
        <f t="shared" si="735"/>
        <v>32.884301162137731</v>
      </c>
    </row>
    <row r="3180" spans="1:20" x14ac:dyDescent="0.2">
      <c r="A3180" s="53">
        <f t="shared" si="736"/>
        <v>3168</v>
      </c>
      <c r="B3180" s="239">
        <v>31.68</v>
      </c>
      <c r="C3180" s="3">
        <f t="shared" si="737"/>
        <v>31.672999999999998</v>
      </c>
      <c r="D3180" s="239">
        <v>7.8811</v>
      </c>
      <c r="E3180" s="239">
        <v>8.8099999999999998E-2</v>
      </c>
      <c r="F3180" s="239">
        <v>0.25440000000000002</v>
      </c>
      <c r="G3180">
        <f t="shared" si="738"/>
        <v>7.9319800000000003</v>
      </c>
      <c r="H3180" s="235">
        <f t="shared" si="739"/>
        <v>1.1106936729542938</v>
      </c>
      <c r="I3180" s="236">
        <f t="shared" si="740"/>
        <v>19.305321456534038</v>
      </c>
      <c r="J3180" s="237">
        <f t="shared" si="745"/>
        <v>9.3053214565340383</v>
      </c>
      <c r="K3180" s="237">
        <f t="shared" si="741"/>
        <v>611.45744649280255</v>
      </c>
      <c r="L3180" s="237">
        <f t="shared" si="746"/>
        <v>294.79258374299832</v>
      </c>
      <c r="M3180" s="236">
        <f t="shared" si="742"/>
        <v>24.832790772949927</v>
      </c>
      <c r="N3180" s="236">
        <f t="shared" si="743"/>
        <v>1.2034660006312263</v>
      </c>
      <c r="O3180" s="236">
        <f t="shared" si="747"/>
        <v>2.4488052572368035</v>
      </c>
      <c r="P3180" s="236" t="str">
        <f t="shared" si="748"/>
        <v>SAND</v>
      </c>
      <c r="Q3180" s="236" t="e">
        <f t="shared" si="744"/>
        <v>#N/A</v>
      </c>
      <c r="R3180" s="238">
        <v>35</v>
      </c>
      <c r="S3180" s="236" t="e">
        <f t="shared" si="749"/>
        <v>#N/A</v>
      </c>
      <c r="T3180" s="236">
        <f t="shared" si="735"/>
        <v>32.945280823720239</v>
      </c>
    </row>
    <row r="3181" spans="1:20" x14ac:dyDescent="0.2">
      <c r="A3181" s="53">
        <f t="shared" si="736"/>
        <v>3169</v>
      </c>
      <c r="B3181" s="239">
        <v>31.69</v>
      </c>
      <c r="C3181" s="3">
        <f t="shared" si="737"/>
        <v>31.683</v>
      </c>
      <c r="D3181" s="239">
        <v>7.9325999999999999</v>
      </c>
      <c r="E3181" s="239">
        <v>8.7300000000000003E-2</v>
      </c>
      <c r="F3181" s="239">
        <v>0.2253</v>
      </c>
      <c r="G3181">
        <f t="shared" si="738"/>
        <v>7.9776600000000002</v>
      </c>
      <c r="H3181" s="235">
        <f t="shared" si="739"/>
        <v>1.094305849083566</v>
      </c>
      <c r="I3181" s="236">
        <f t="shared" si="740"/>
        <v>19.296869483236748</v>
      </c>
      <c r="J3181" s="237">
        <f t="shared" si="745"/>
        <v>9.2968694832367476</v>
      </c>
      <c r="K3181" s="237">
        <f t="shared" si="741"/>
        <v>611.38271583738992</v>
      </c>
      <c r="L3181" s="237">
        <f t="shared" si="746"/>
        <v>294.61779392377252</v>
      </c>
      <c r="M3181" s="236">
        <f t="shared" si="742"/>
        <v>25.002825477908889</v>
      </c>
      <c r="N3181" s="236">
        <f t="shared" si="743"/>
        <v>1.1851305161657943</v>
      </c>
      <c r="O3181" s="236">
        <f t="shared" si="747"/>
        <v>2.4427566691004827</v>
      </c>
      <c r="P3181" s="236" t="str">
        <f t="shared" si="748"/>
        <v>SAND</v>
      </c>
      <c r="Q3181" s="236" t="e">
        <f t="shared" si="744"/>
        <v>#N/A</v>
      </c>
      <c r="R3181" s="238">
        <v>35</v>
      </c>
      <c r="S3181" s="236" t="e">
        <f t="shared" si="749"/>
        <v>#N/A</v>
      </c>
      <c r="T3181" s="236">
        <f t="shared" si="735"/>
        <v>32.977879984248517</v>
      </c>
    </row>
    <row r="3182" spans="1:20" x14ac:dyDescent="0.2">
      <c r="A3182" s="53">
        <f t="shared" si="736"/>
        <v>3170</v>
      </c>
      <c r="B3182" s="239">
        <v>31.7</v>
      </c>
      <c r="C3182" s="3">
        <f t="shared" si="737"/>
        <v>31.692999999999998</v>
      </c>
      <c r="D3182" s="239">
        <v>7.8905000000000003</v>
      </c>
      <c r="E3182" s="239">
        <v>8.7400000000000005E-2</v>
      </c>
      <c r="F3182" s="239">
        <v>0.2286</v>
      </c>
      <c r="G3182">
        <f t="shared" si="738"/>
        <v>7.9362200000000005</v>
      </c>
      <c r="H3182" s="235">
        <f t="shared" si="739"/>
        <v>1.1012799544367469</v>
      </c>
      <c r="I3182" s="236">
        <f t="shared" si="740"/>
        <v>19.296176251048902</v>
      </c>
      <c r="J3182" s="237">
        <f t="shared" si="745"/>
        <v>9.2961762510489017</v>
      </c>
      <c r="K3182" s="237">
        <f t="shared" si="741"/>
        <v>611.55371392449285</v>
      </c>
      <c r="L3182" s="237">
        <f t="shared" si="746"/>
        <v>294.68878715825019</v>
      </c>
      <c r="M3182" s="236">
        <f t="shared" si="742"/>
        <v>24.855598873336515</v>
      </c>
      <c r="N3182" s="236">
        <f t="shared" si="743"/>
        <v>1.1932284227904144</v>
      </c>
      <c r="O3182" s="236">
        <f t="shared" si="747"/>
        <v>2.4464988631275308</v>
      </c>
      <c r="P3182" s="236" t="str">
        <f t="shared" si="748"/>
        <v>SAND</v>
      </c>
      <c r="Q3182" s="236" t="e">
        <f t="shared" si="744"/>
        <v>#N/A</v>
      </c>
      <c r="R3182" s="238">
        <v>35</v>
      </c>
      <c r="S3182" s="236" t="e">
        <f t="shared" si="749"/>
        <v>#N/A</v>
      </c>
      <c r="T3182" s="236">
        <f t="shared" si="735"/>
        <v>32.949666546903259</v>
      </c>
    </row>
    <row r="3183" spans="1:20" x14ac:dyDescent="0.2">
      <c r="A3183" s="53">
        <f t="shared" si="736"/>
        <v>3171</v>
      </c>
      <c r="B3183" s="239">
        <v>31.71</v>
      </c>
      <c r="C3183" s="3">
        <f t="shared" si="737"/>
        <v>31.702999999999999</v>
      </c>
      <c r="D3183" s="239">
        <v>7.8456999999999999</v>
      </c>
      <c r="E3183" s="239">
        <v>8.8099999999999998E-2</v>
      </c>
      <c r="F3183" s="239">
        <v>0.23300000000000001</v>
      </c>
      <c r="G3183">
        <f t="shared" si="738"/>
        <v>7.8922999999999996</v>
      </c>
      <c r="H3183" s="235">
        <f t="shared" si="739"/>
        <v>1.1162778911090556</v>
      </c>
      <c r="I3183" s="236">
        <f t="shared" si="740"/>
        <v>19.303361233756821</v>
      </c>
      <c r="J3183" s="237">
        <f t="shared" si="745"/>
        <v>9.3033612337568208</v>
      </c>
      <c r="K3183" s="237">
        <f t="shared" si="741"/>
        <v>611.97446119379242</v>
      </c>
      <c r="L3183" s="237">
        <f t="shared" si="746"/>
        <v>295.00958472242877</v>
      </c>
      <c r="M3183" s="236">
        <f t="shared" si="742"/>
        <v>24.678267811726133</v>
      </c>
      <c r="N3183" s="236">
        <f t="shared" si="743"/>
        <v>1.2101107228021868</v>
      </c>
      <c r="O3183" s="236">
        <f t="shared" si="747"/>
        <v>2.4523722359310836</v>
      </c>
      <c r="P3183" s="236" t="str">
        <f t="shared" si="748"/>
        <v>SAND</v>
      </c>
      <c r="Q3183" s="236" t="e">
        <f t="shared" si="744"/>
        <v>#N/A</v>
      </c>
      <c r="R3183" s="238">
        <v>35</v>
      </c>
      <c r="S3183" s="236" t="e">
        <f t="shared" si="749"/>
        <v>#N/A</v>
      </c>
      <c r="T3183" s="236">
        <f t="shared" si="735"/>
        <v>32.915461402315671</v>
      </c>
    </row>
    <row r="3184" spans="1:20" x14ac:dyDescent="0.2">
      <c r="A3184" s="53">
        <f t="shared" si="736"/>
        <v>3172</v>
      </c>
      <c r="B3184" s="239">
        <v>31.72</v>
      </c>
      <c r="C3184" s="3">
        <f t="shared" si="737"/>
        <v>31.712999999999997</v>
      </c>
      <c r="D3184" s="239">
        <v>7.6999000000000004</v>
      </c>
      <c r="E3184" s="239">
        <v>8.4000000000000005E-2</v>
      </c>
      <c r="F3184" s="239">
        <v>0.22589999999999999</v>
      </c>
      <c r="G3184">
        <f t="shared" si="738"/>
        <v>7.7450800000000006</v>
      </c>
      <c r="H3184" s="235">
        <f t="shared" si="739"/>
        <v>1.0845594880879217</v>
      </c>
      <c r="I3184" s="236">
        <f t="shared" si="740"/>
        <v>19.240120443954986</v>
      </c>
      <c r="J3184" s="237">
        <f t="shared" si="745"/>
        <v>9.2401204439549858</v>
      </c>
      <c r="K3184" s="237">
        <f t="shared" si="741"/>
        <v>610.16193963914441</v>
      </c>
      <c r="L3184" s="237">
        <f t="shared" si="746"/>
        <v>293.09662048225215</v>
      </c>
      <c r="M3184" s="236">
        <f t="shared" si="742"/>
        <v>24.343228688960256</v>
      </c>
      <c r="N3184" s="236">
        <f t="shared" si="743"/>
        <v>1.1773085449526746</v>
      </c>
      <c r="O3184" s="236">
        <f t="shared" si="747"/>
        <v>2.4510972338054393</v>
      </c>
      <c r="P3184" s="236" t="str">
        <f t="shared" si="748"/>
        <v>SAND</v>
      </c>
      <c r="Q3184" s="236" t="e">
        <f t="shared" si="744"/>
        <v>#N/A</v>
      </c>
      <c r="R3184" s="238">
        <v>35</v>
      </c>
      <c r="S3184" s="236" t="e">
        <f t="shared" si="749"/>
        <v>#N/A</v>
      </c>
      <c r="T3184" s="236">
        <f t="shared" si="735"/>
        <v>32.850159969238547</v>
      </c>
    </row>
    <row r="3185" spans="1:20" x14ac:dyDescent="0.2">
      <c r="A3185" s="53">
        <f t="shared" si="736"/>
        <v>3173</v>
      </c>
      <c r="B3185" s="239">
        <v>31.728999999999999</v>
      </c>
      <c r="C3185" s="3">
        <f t="shared" si="737"/>
        <v>31.721999999999998</v>
      </c>
      <c r="D3185" s="239">
        <v>7.4762000000000004</v>
      </c>
      <c r="E3185" s="239">
        <v>7.5499999999999998E-2</v>
      </c>
      <c r="F3185" s="239">
        <v>0.2606</v>
      </c>
      <c r="G3185">
        <f t="shared" si="738"/>
        <v>7.5283200000000008</v>
      </c>
      <c r="H3185" s="235">
        <f t="shared" si="739"/>
        <v>1.0028797925699224</v>
      </c>
      <c r="I3185" s="236">
        <f t="shared" si="740"/>
        <v>19.103928087684675</v>
      </c>
      <c r="J3185" s="237">
        <f t="shared" si="745"/>
        <v>9.1039280876846753</v>
      </c>
      <c r="K3185" s="237">
        <f t="shared" si="741"/>
        <v>606.0148067975332</v>
      </c>
      <c r="L3185" s="237">
        <f t="shared" si="746"/>
        <v>288.85853429414703</v>
      </c>
      <c r="M3185" s="236">
        <f t="shared" si="742"/>
        <v>23.964343688573269</v>
      </c>
      <c r="N3185" s="236">
        <f t="shared" si="743"/>
        <v>1.0906771356186249</v>
      </c>
      <c r="O3185" s="236">
        <f t="shared" si="747"/>
        <v>2.4396139013548006</v>
      </c>
      <c r="P3185" s="236" t="str">
        <f t="shared" si="748"/>
        <v>SAND</v>
      </c>
      <c r="Q3185" s="236" t="e">
        <f t="shared" si="744"/>
        <v>#N/A</v>
      </c>
      <c r="R3185" s="238">
        <v>35</v>
      </c>
      <c r="S3185" s="236" t="e">
        <f t="shared" si="749"/>
        <v>#N/A</v>
      </c>
      <c r="T3185" s="236">
        <f t="shared" si="735"/>
        <v>32.775220934155428</v>
      </c>
    </row>
    <row r="3186" spans="1:20" x14ac:dyDescent="0.2">
      <c r="A3186" s="53">
        <f t="shared" si="736"/>
        <v>3174</v>
      </c>
      <c r="B3186" s="239">
        <v>31.738</v>
      </c>
      <c r="C3186" s="3">
        <f t="shared" si="737"/>
        <v>31.730999999999998</v>
      </c>
      <c r="D3186" s="239">
        <v>7.3315999999999999</v>
      </c>
      <c r="E3186" s="239">
        <v>7.1499999999999994E-2</v>
      </c>
      <c r="F3186" s="239">
        <v>0.28239999999999998</v>
      </c>
      <c r="G3186">
        <f t="shared" si="738"/>
        <v>7.3880799999999995</v>
      </c>
      <c r="H3186" s="235">
        <f t="shared" si="739"/>
        <v>0.96777511884007761</v>
      </c>
      <c r="I3186" s="236">
        <f t="shared" si="740"/>
        <v>19.032747797745206</v>
      </c>
      <c r="J3186" s="237">
        <f t="shared" si="745"/>
        <v>9.0327477977452055</v>
      </c>
      <c r="K3186" s="237">
        <f t="shared" si="741"/>
        <v>603.92812037025305</v>
      </c>
      <c r="L3186" s="237">
        <f t="shared" si="746"/>
        <v>286.68134960483735</v>
      </c>
      <c r="M3186" s="236">
        <f t="shared" si="742"/>
        <v>23.664434010029069</v>
      </c>
      <c r="N3186" s="236">
        <f t="shared" si="743"/>
        <v>1.0539268764705516</v>
      </c>
      <c r="O3186" s="236">
        <f t="shared" si="747"/>
        <v>2.4366762105951527</v>
      </c>
      <c r="P3186" s="236" t="str">
        <f t="shared" si="748"/>
        <v>SAND</v>
      </c>
      <c r="Q3186" s="236" t="e">
        <f t="shared" si="744"/>
        <v>#N/A</v>
      </c>
      <c r="R3186" s="238">
        <v>35</v>
      </c>
      <c r="S3186" s="236" t="e">
        <f t="shared" si="749"/>
        <v>#N/A</v>
      </c>
      <c r="T3186" s="236">
        <f t="shared" si="735"/>
        <v>32.715057339423161</v>
      </c>
    </row>
    <row r="3187" spans="1:20" x14ac:dyDescent="0.2">
      <c r="A3187" s="53">
        <f t="shared" si="736"/>
        <v>3175</v>
      </c>
      <c r="B3187" s="239">
        <v>31.748999999999999</v>
      </c>
      <c r="C3187" s="3">
        <f t="shared" si="737"/>
        <v>31.741999999999997</v>
      </c>
      <c r="D3187" s="239">
        <v>7.1266999999999996</v>
      </c>
      <c r="E3187" s="239">
        <v>6.7900000000000002E-2</v>
      </c>
      <c r="F3187" s="239">
        <v>0.28960000000000002</v>
      </c>
      <c r="G3187">
        <f t="shared" si="738"/>
        <v>7.1846199999999998</v>
      </c>
      <c r="H3187" s="235">
        <f t="shared" si="739"/>
        <v>0.94507433935267282</v>
      </c>
      <c r="I3187" s="236">
        <f t="shared" si="740"/>
        <v>18.961254867561721</v>
      </c>
      <c r="J3187" s="237">
        <f t="shared" si="745"/>
        <v>8.9612548675617205</v>
      </c>
      <c r="K3187" s="237">
        <f t="shared" si="741"/>
        <v>601.8681520061441</v>
      </c>
      <c r="L3187" s="237">
        <f t="shared" si="746"/>
        <v>284.51088079021707</v>
      </c>
      <c r="M3187" s="236">
        <f t="shared" si="742"/>
        <v>23.137082946390443</v>
      </c>
      <c r="N3187" s="236">
        <f t="shared" si="743"/>
        <v>1.0314835127909774</v>
      </c>
      <c r="O3187" s="236">
        <f t="shared" si="747"/>
        <v>2.4403617517761607</v>
      </c>
      <c r="P3187" s="236" t="str">
        <f t="shared" si="748"/>
        <v>SAND</v>
      </c>
      <c r="Q3187" s="236" t="e">
        <f t="shared" si="744"/>
        <v>#N/A</v>
      </c>
      <c r="R3187" s="238">
        <v>35</v>
      </c>
      <c r="S3187" s="236" t="e">
        <f t="shared" si="749"/>
        <v>#N/A</v>
      </c>
      <c r="T3187" s="236">
        <f t="shared" si="735"/>
        <v>32.607394638820566</v>
      </c>
    </row>
    <row r="3188" spans="1:20" x14ac:dyDescent="0.2">
      <c r="A3188" s="53">
        <f t="shared" si="736"/>
        <v>3176</v>
      </c>
      <c r="B3188" s="239">
        <v>31.757999999999999</v>
      </c>
      <c r="C3188" s="3">
        <f t="shared" si="737"/>
        <v>31.750999999999998</v>
      </c>
      <c r="D3188" s="239">
        <v>6.9252000000000002</v>
      </c>
      <c r="E3188" s="239">
        <v>6.5600000000000006E-2</v>
      </c>
      <c r="F3188" s="239">
        <v>0.27939999999999998</v>
      </c>
      <c r="G3188">
        <f t="shared" si="738"/>
        <v>6.9810800000000004</v>
      </c>
      <c r="H3188" s="235">
        <f t="shared" si="739"/>
        <v>0.93968268520057074</v>
      </c>
      <c r="I3188" s="236">
        <f t="shared" si="740"/>
        <v>18.909613774063608</v>
      </c>
      <c r="J3188" s="237">
        <f t="shared" si="745"/>
        <v>8.9096137740636081</v>
      </c>
      <c r="K3188" s="237">
        <f t="shared" si="741"/>
        <v>600.39914694029358</v>
      </c>
      <c r="L3188" s="237">
        <f t="shared" si="746"/>
        <v>282.95151423671206</v>
      </c>
      <c r="M3188" s="236">
        <f t="shared" si="742"/>
        <v>22.550438969277778</v>
      </c>
      <c r="N3188" s="236">
        <f t="shared" si="743"/>
        <v>1.0281034502539497</v>
      </c>
      <c r="O3188" s="236">
        <f t="shared" si="747"/>
        <v>2.4492748866094045</v>
      </c>
      <c r="P3188" s="236" t="str">
        <f t="shared" si="748"/>
        <v>SAND</v>
      </c>
      <c r="Q3188" s="236" t="e">
        <f t="shared" si="744"/>
        <v>#N/A</v>
      </c>
      <c r="R3188" s="238">
        <v>35</v>
      </c>
      <c r="S3188" s="236" t="e">
        <f t="shared" si="749"/>
        <v>#N/A</v>
      </c>
      <c r="T3188" s="236">
        <f t="shared" si="735"/>
        <v>32.48470500351452</v>
      </c>
    </row>
    <row r="3189" spans="1:20" x14ac:dyDescent="0.2">
      <c r="A3189" s="53">
        <f t="shared" si="736"/>
        <v>3177</v>
      </c>
      <c r="B3189" s="239">
        <v>31.768999999999998</v>
      </c>
      <c r="C3189" s="3">
        <f t="shared" si="737"/>
        <v>31.761999999999997</v>
      </c>
      <c r="D3189" s="239">
        <v>6.6806000000000001</v>
      </c>
      <c r="E3189" s="239">
        <v>6.0600000000000001E-2</v>
      </c>
      <c r="F3189" s="239">
        <v>0.2888</v>
      </c>
      <c r="G3189">
        <f t="shared" si="738"/>
        <v>6.7383600000000001</v>
      </c>
      <c r="H3189" s="235">
        <f t="shared" si="739"/>
        <v>0.89932862002030167</v>
      </c>
      <c r="I3189" s="236">
        <f t="shared" si="740"/>
        <v>18.802817928315122</v>
      </c>
      <c r="J3189" s="237">
        <f t="shared" si="745"/>
        <v>8.8028179283151218</v>
      </c>
      <c r="K3189" s="237">
        <f t="shared" si="741"/>
        <v>597.21510303914488</v>
      </c>
      <c r="L3189" s="237">
        <f t="shared" si="746"/>
        <v>279.65672276464306</v>
      </c>
      <c r="M3189" s="236">
        <f t="shared" si="742"/>
        <v>21.959582577706154</v>
      </c>
      <c r="N3189" s="236">
        <f t="shared" si="743"/>
        <v>0.98678668256125779</v>
      </c>
      <c r="O3189" s="236">
        <f t="shared" si="747"/>
        <v>2.4503718549904816</v>
      </c>
      <c r="P3189" s="236" t="str">
        <f t="shared" si="748"/>
        <v>SAND</v>
      </c>
      <c r="Q3189" s="236" t="e">
        <f t="shared" si="744"/>
        <v>#N/A</v>
      </c>
      <c r="R3189" s="238">
        <v>35</v>
      </c>
      <c r="S3189" s="236" t="e">
        <f t="shared" si="749"/>
        <v>#N/A</v>
      </c>
      <c r="T3189" s="236">
        <f t="shared" si="735"/>
        <v>32.35786488549212</v>
      </c>
    </row>
    <row r="3190" spans="1:20" x14ac:dyDescent="0.2">
      <c r="A3190" s="53">
        <f t="shared" si="736"/>
        <v>3178</v>
      </c>
      <c r="B3190" s="239">
        <v>31.777999999999999</v>
      </c>
      <c r="C3190" s="3">
        <f t="shared" si="737"/>
        <v>31.770999999999997</v>
      </c>
      <c r="D3190" s="239">
        <v>6.5103</v>
      </c>
      <c r="E3190" s="239">
        <v>6.2899999999999998E-2</v>
      </c>
      <c r="F3190" s="239">
        <v>0.2994</v>
      </c>
      <c r="G3190">
        <f t="shared" si="738"/>
        <v>6.5701799999999997</v>
      </c>
      <c r="H3190" s="235">
        <f t="shared" si="739"/>
        <v>0.95735581064750119</v>
      </c>
      <c r="I3190" s="236">
        <f t="shared" si="740"/>
        <v>18.836619338172884</v>
      </c>
      <c r="J3190" s="237">
        <f t="shared" si="745"/>
        <v>8.8366193381728841</v>
      </c>
      <c r="K3190" s="237">
        <f t="shared" si="741"/>
        <v>598.45823299309063</v>
      </c>
      <c r="L3190" s="237">
        <f t="shared" si="746"/>
        <v>280.81008932845788</v>
      </c>
      <c r="M3190" s="236">
        <f t="shared" si="742"/>
        <v>21.26605130637563</v>
      </c>
      <c r="N3190" s="236">
        <f t="shared" si="743"/>
        <v>1.0532975656621417</v>
      </c>
      <c r="O3190" s="236">
        <f t="shared" si="747"/>
        <v>2.4765780401316331</v>
      </c>
      <c r="P3190" s="236" t="str">
        <f t="shared" si="748"/>
        <v>SAND</v>
      </c>
      <c r="Q3190" s="236" t="e">
        <f t="shared" si="744"/>
        <v>#N/A</v>
      </c>
      <c r="R3190" s="238">
        <v>35</v>
      </c>
      <c r="S3190" s="236" t="e">
        <f t="shared" si="749"/>
        <v>#N/A</v>
      </c>
      <c r="T3190" s="236">
        <f t="shared" si="735"/>
        <v>32.204555430510304</v>
      </c>
    </row>
    <row r="3191" spans="1:20" x14ac:dyDescent="0.2">
      <c r="A3191" s="53">
        <f t="shared" si="736"/>
        <v>3179</v>
      </c>
      <c r="B3191" s="239">
        <v>31.788</v>
      </c>
      <c r="C3191" s="3">
        <f t="shared" si="737"/>
        <v>31.780999999999999</v>
      </c>
      <c r="D3191" s="239">
        <v>6.3491999999999997</v>
      </c>
      <c r="E3191" s="239">
        <v>6.9099999999999995E-2</v>
      </c>
      <c r="F3191" s="239">
        <v>0.30030000000000001</v>
      </c>
      <c r="G3191">
        <f t="shared" si="738"/>
        <v>6.4092599999999997</v>
      </c>
      <c r="H3191" s="235">
        <f t="shared" si="739"/>
        <v>1.0781275841516806</v>
      </c>
      <c r="I3191" s="236">
        <f t="shared" si="740"/>
        <v>18.937160882990515</v>
      </c>
      <c r="J3191" s="237">
        <f t="shared" si="745"/>
        <v>8.9371608829905149</v>
      </c>
      <c r="K3191" s="237">
        <f t="shared" si="741"/>
        <v>601.84191002232149</v>
      </c>
      <c r="L3191" s="237">
        <f t="shared" si="746"/>
        <v>284.09447014850247</v>
      </c>
      <c r="M3191" s="236">
        <f t="shared" si="742"/>
        <v>20.441855439643057</v>
      </c>
      <c r="N3191" s="236">
        <f t="shared" si="743"/>
        <v>1.1898575051665619</v>
      </c>
      <c r="O3191" s="236">
        <f t="shared" si="747"/>
        <v>2.5182652156587872</v>
      </c>
      <c r="P3191" s="236" t="str">
        <f t="shared" si="748"/>
        <v>SAND</v>
      </c>
      <c r="Q3191" s="236" t="e">
        <f t="shared" si="744"/>
        <v>#N/A</v>
      </c>
      <c r="R3191" s="238">
        <v>35</v>
      </c>
      <c r="S3191" s="236" t="e">
        <f t="shared" si="749"/>
        <v>#N/A</v>
      </c>
      <c r="T3191" s="236">
        <f t="shared" si="735"/>
        <v>32.015723439988577</v>
      </c>
    </row>
    <row r="3192" spans="1:20" x14ac:dyDescent="0.2">
      <c r="A3192" s="53">
        <f t="shared" si="736"/>
        <v>3180</v>
      </c>
      <c r="B3192" s="239">
        <v>31.797999999999998</v>
      </c>
      <c r="C3192" s="3">
        <f t="shared" si="737"/>
        <v>31.790999999999997</v>
      </c>
      <c r="D3192" s="239">
        <v>6.1947000000000001</v>
      </c>
      <c r="E3192" s="239">
        <v>7.3499999999999996E-2</v>
      </c>
      <c r="F3192" s="239">
        <v>0.31280000000000002</v>
      </c>
      <c r="G3192">
        <f t="shared" si="738"/>
        <v>6.2572600000000005</v>
      </c>
      <c r="H3192" s="235">
        <f t="shared" si="739"/>
        <v>1.174635543352841</v>
      </c>
      <c r="I3192" s="236">
        <f t="shared" si="740"/>
        <v>19.000164650846735</v>
      </c>
      <c r="J3192" s="237">
        <f t="shared" si="745"/>
        <v>9.0001646508467346</v>
      </c>
      <c r="K3192" s="237">
        <f t="shared" si="741"/>
        <v>604.03423441506845</v>
      </c>
      <c r="L3192" s="237">
        <f t="shared" si="746"/>
        <v>286.18723556762444</v>
      </c>
      <c r="M3192" s="236">
        <f t="shared" si="742"/>
        <v>19.753591575712001</v>
      </c>
      <c r="N3192" s="236">
        <f t="shared" si="743"/>
        <v>1.3001426627509729</v>
      </c>
      <c r="O3192" s="236">
        <f t="shared" si="747"/>
        <v>2.5509502201720347</v>
      </c>
      <c r="P3192" s="236" t="str">
        <f t="shared" si="748"/>
        <v>SAND</v>
      </c>
      <c r="Q3192" s="236" t="e">
        <f t="shared" si="744"/>
        <v>#N/A</v>
      </c>
      <c r="R3192" s="238">
        <v>35</v>
      </c>
      <c r="S3192" s="236" t="e">
        <f t="shared" si="749"/>
        <v>#N/A</v>
      </c>
      <c r="T3192" s="236">
        <f t="shared" si="735"/>
        <v>31.8521067708147</v>
      </c>
    </row>
    <row r="3193" spans="1:20" x14ac:dyDescent="0.2">
      <c r="A3193" s="53">
        <f t="shared" si="736"/>
        <v>3181</v>
      </c>
      <c r="B3193" s="239">
        <v>31.806999999999999</v>
      </c>
      <c r="C3193" s="3">
        <f t="shared" si="737"/>
        <v>31.799999999999997</v>
      </c>
      <c r="D3193" s="239">
        <v>5.9592000000000001</v>
      </c>
      <c r="E3193" s="239">
        <v>7.7399999999999997E-2</v>
      </c>
      <c r="F3193" s="239">
        <v>0.32719999999999999</v>
      </c>
      <c r="G3193">
        <f t="shared" si="738"/>
        <v>6.0246399999999998</v>
      </c>
      <c r="H3193" s="235">
        <f t="shared" si="739"/>
        <v>1.2847240665002388</v>
      </c>
      <c r="I3193" s="236">
        <f t="shared" si="740"/>
        <v>19.045981639059526</v>
      </c>
      <c r="J3193" s="237">
        <f t="shared" si="745"/>
        <v>9.0459816390595265</v>
      </c>
      <c r="K3193" s="237">
        <f t="shared" si="741"/>
        <v>605.6622161220929</v>
      </c>
      <c r="L3193" s="237">
        <f t="shared" si="746"/>
        <v>287.72553799356632</v>
      </c>
      <c r="M3193" s="236">
        <f t="shared" si="742"/>
        <v>18.833843605495588</v>
      </c>
      <c r="N3193" s="236">
        <f t="shared" si="743"/>
        <v>1.4283136614856413</v>
      </c>
      <c r="O3193" s="236">
        <f t="shared" si="747"/>
        <v>2.590064260668917</v>
      </c>
      <c r="P3193" s="236" t="str">
        <f t="shared" si="748"/>
        <v>SAND</v>
      </c>
      <c r="Q3193" s="236" t="e">
        <f t="shared" si="744"/>
        <v>#N/A</v>
      </c>
      <c r="R3193" s="238">
        <v>35</v>
      </c>
      <c r="S3193" s="236" t="e">
        <f t="shared" si="749"/>
        <v>#N/A</v>
      </c>
      <c r="T3193" s="236">
        <f t="shared" si="735"/>
        <v>31.624328557329648</v>
      </c>
    </row>
    <row r="3194" spans="1:20" x14ac:dyDescent="0.2">
      <c r="A3194" s="53">
        <f t="shared" si="736"/>
        <v>3182</v>
      </c>
      <c r="B3194" s="239">
        <v>31.818000000000001</v>
      </c>
      <c r="C3194" s="3">
        <f t="shared" si="737"/>
        <v>31.811</v>
      </c>
      <c r="D3194" s="239">
        <v>5.7907000000000002</v>
      </c>
      <c r="E3194" s="239">
        <v>8.0500000000000002E-2</v>
      </c>
      <c r="F3194" s="239">
        <v>0.34920000000000001</v>
      </c>
      <c r="G3194">
        <f t="shared" si="738"/>
        <v>5.8605400000000003</v>
      </c>
      <c r="H3194" s="235">
        <f t="shared" si="739"/>
        <v>1.373593559637849</v>
      </c>
      <c r="I3194" s="236">
        <f t="shared" si="740"/>
        <v>19.081235802412127</v>
      </c>
      <c r="J3194" s="237">
        <f t="shared" si="745"/>
        <v>9.0812358024121274</v>
      </c>
      <c r="K3194" s="237">
        <f t="shared" si="741"/>
        <v>606.99319211053216</v>
      </c>
      <c r="L3194" s="237">
        <f t="shared" si="746"/>
        <v>288.94676076114911</v>
      </c>
      <c r="M3194" s="236">
        <f t="shared" si="742"/>
        <v>18.181712070592084</v>
      </c>
      <c r="N3194" s="236">
        <f t="shared" si="743"/>
        <v>1.5322981395941846</v>
      </c>
      <c r="O3194" s="236">
        <f t="shared" si="747"/>
        <v>2.6192945887187915</v>
      </c>
      <c r="P3194" s="236" t="str">
        <f t="shared" si="748"/>
        <v>CLAY</v>
      </c>
      <c r="Q3194" s="236">
        <f t="shared" si="744"/>
        <v>437.79556732412237</v>
      </c>
      <c r="R3194" s="238">
        <v>35</v>
      </c>
      <c r="S3194" s="236">
        <f t="shared" si="749"/>
        <v>9.3860632949567488</v>
      </c>
      <c r="T3194" s="236" t="e">
        <f t="shared" si="735"/>
        <v>#N/A</v>
      </c>
    </row>
    <row r="3195" spans="1:20" x14ac:dyDescent="0.2">
      <c r="A3195" s="53">
        <f t="shared" si="736"/>
        <v>3183</v>
      </c>
      <c r="B3195" s="239">
        <v>31.827999999999999</v>
      </c>
      <c r="C3195" s="3">
        <f t="shared" si="737"/>
        <v>31.820999999999998</v>
      </c>
      <c r="D3195" s="239">
        <v>5.6980000000000004</v>
      </c>
      <c r="E3195" s="239">
        <v>9.2200000000000004E-2</v>
      </c>
      <c r="F3195" s="239">
        <v>0.3569</v>
      </c>
      <c r="G3195">
        <f t="shared" si="738"/>
        <v>5.76938</v>
      </c>
      <c r="H3195" s="235">
        <f t="shared" si="739"/>
        <v>1.5980919960203697</v>
      </c>
      <c r="I3195" s="236">
        <f t="shared" si="740"/>
        <v>19.234232771448443</v>
      </c>
      <c r="J3195" s="237">
        <f t="shared" si="745"/>
        <v>9.2342327714484433</v>
      </c>
      <c r="K3195" s="237">
        <f t="shared" si="741"/>
        <v>612.05252102026088</v>
      </c>
      <c r="L3195" s="237">
        <f t="shared" si="746"/>
        <v>293.90716064966102</v>
      </c>
      <c r="M3195" s="236">
        <f t="shared" si="742"/>
        <v>17.547471342922819</v>
      </c>
      <c r="N3195" s="236">
        <f t="shared" si="743"/>
        <v>1.7877476343278416</v>
      </c>
      <c r="O3195" s="236">
        <f t="shared" si="747"/>
        <v>2.6686712963125636</v>
      </c>
      <c r="P3195" s="236" t="str">
        <f t="shared" si="748"/>
        <v>CLAY</v>
      </c>
      <c r="Q3195" s="236">
        <f t="shared" si="744"/>
        <v>429.77728991497833</v>
      </c>
      <c r="R3195" s="238">
        <v>35</v>
      </c>
      <c r="S3195" s="236">
        <f t="shared" si="749"/>
        <v>8.9785909438084435</v>
      </c>
      <c r="T3195" s="236" t="e">
        <f t="shared" si="735"/>
        <v>#N/A</v>
      </c>
    </row>
    <row r="3196" spans="1:20" x14ac:dyDescent="0.2">
      <c r="A3196" s="53">
        <f t="shared" si="736"/>
        <v>3184</v>
      </c>
      <c r="B3196" s="239">
        <v>31.837</v>
      </c>
      <c r="C3196" s="3">
        <f t="shared" si="737"/>
        <v>31.83</v>
      </c>
      <c r="D3196" s="239">
        <v>5.3983999999999996</v>
      </c>
      <c r="E3196" s="239">
        <v>9.3899999999999997E-2</v>
      </c>
      <c r="F3196" s="239">
        <v>0.36609999999999998</v>
      </c>
      <c r="G3196">
        <f t="shared" si="738"/>
        <v>5.4716199999999997</v>
      </c>
      <c r="H3196" s="235">
        <f t="shared" si="739"/>
        <v>1.716127947481733</v>
      </c>
      <c r="I3196" s="236">
        <f t="shared" si="740"/>
        <v>19.234944488994195</v>
      </c>
      <c r="J3196" s="237">
        <f t="shared" si="745"/>
        <v>9.234944488994195</v>
      </c>
      <c r="K3196" s="237">
        <f t="shared" si="741"/>
        <v>612.24828308468523</v>
      </c>
      <c r="L3196" s="237">
        <f t="shared" si="746"/>
        <v>294.01292769610819</v>
      </c>
      <c r="M3196" s="236">
        <f t="shared" si="742"/>
        <v>16.527748473488767</v>
      </c>
      <c r="N3196" s="236">
        <f t="shared" si="743"/>
        <v>1.932348572411885</v>
      </c>
      <c r="O3196" s="236">
        <f t="shared" si="747"/>
        <v>2.7090284251961152</v>
      </c>
      <c r="P3196" s="236" t="str">
        <f t="shared" si="748"/>
        <v>CLAY</v>
      </c>
      <c r="Q3196" s="236">
        <f t="shared" si="744"/>
        <v>404.94764307627628</v>
      </c>
      <c r="R3196" s="238">
        <v>35</v>
      </c>
      <c r="S3196" s="236">
        <f t="shared" si="749"/>
        <v>8.3311916939875346</v>
      </c>
      <c r="T3196" s="236" t="e">
        <f t="shared" si="735"/>
        <v>#N/A</v>
      </c>
    </row>
    <row r="3197" spans="1:20" x14ac:dyDescent="0.2">
      <c r="A3197" s="53">
        <f t="shared" si="736"/>
        <v>3185</v>
      </c>
      <c r="B3197" s="239">
        <v>31.847000000000001</v>
      </c>
      <c r="C3197" s="3">
        <f t="shared" si="737"/>
        <v>31.84</v>
      </c>
      <c r="D3197" s="239">
        <v>5.2004000000000001</v>
      </c>
      <c r="E3197" s="239">
        <v>9.2799999999999994E-2</v>
      </c>
      <c r="F3197" s="239">
        <v>0.40489999999999998</v>
      </c>
      <c r="G3197">
        <f t="shared" si="738"/>
        <v>5.2813800000000004</v>
      </c>
      <c r="H3197" s="235">
        <f t="shared" si="739"/>
        <v>1.7571165112148717</v>
      </c>
      <c r="I3197" s="236">
        <f t="shared" si="740"/>
        <v>19.207295265012529</v>
      </c>
      <c r="J3197" s="237">
        <f t="shared" si="745"/>
        <v>9.2072952650125295</v>
      </c>
      <c r="K3197" s="237">
        <f t="shared" si="741"/>
        <v>611.56028123799899</v>
      </c>
      <c r="L3197" s="237">
        <f t="shared" si="746"/>
        <v>293.22473230485406</v>
      </c>
      <c r="M3197" s="236">
        <f t="shared" si="742"/>
        <v>15.925736148023747</v>
      </c>
      <c r="N3197" s="236">
        <f t="shared" si="743"/>
        <v>1.9872287494773326</v>
      </c>
      <c r="O3197" s="236">
        <f t="shared" si="747"/>
        <v>2.7291847085554863</v>
      </c>
      <c r="P3197" s="236" t="str">
        <f t="shared" si="748"/>
        <v>CLAY</v>
      </c>
      <c r="Q3197" s="236">
        <f t="shared" si="744"/>
        <v>389.15164323016671</v>
      </c>
      <c r="R3197" s="238">
        <v>35</v>
      </c>
      <c r="S3197" s="236">
        <f t="shared" si="749"/>
        <v>7.9536120531219394</v>
      </c>
      <c r="T3197" s="236" t="e">
        <f t="shared" si="735"/>
        <v>#N/A</v>
      </c>
    </row>
    <row r="3198" spans="1:20" x14ac:dyDescent="0.2">
      <c r="A3198" s="53">
        <f t="shared" si="736"/>
        <v>3186</v>
      </c>
      <c r="B3198" s="239">
        <v>31.856999999999999</v>
      </c>
      <c r="C3198" s="3">
        <f t="shared" si="737"/>
        <v>31.849999999999998</v>
      </c>
      <c r="D3198" s="239">
        <v>5.2255000000000003</v>
      </c>
      <c r="E3198" s="239">
        <v>9.4700000000000006E-2</v>
      </c>
      <c r="F3198" s="239">
        <v>0.4017</v>
      </c>
      <c r="G3198">
        <f t="shared" si="738"/>
        <v>5.3058399999999999</v>
      </c>
      <c r="H3198" s="235">
        <f t="shared" si="739"/>
        <v>1.7848257768798157</v>
      </c>
      <c r="I3198" s="236">
        <f t="shared" si="740"/>
        <v>19.232866732239206</v>
      </c>
      <c r="J3198" s="237">
        <f t="shared" si="745"/>
        <v>9.2328667322392057</v>
      </c>
      <c r="K3198" s="237">
        <f t="shared" si="741"/>
        <v>612.56680542181869</v>
      </c>
      <c r="L3198" s="237">
        <f t="shared" si="746"/>
        <v>294.13143548894436</v>
      </c>
      <c r="M3198" s="236">
        <f t="shared" si="742"/>
        <v>15.95638081586349</v>
      </c>
      <c r="N3198" s="236">
        <f t="shared" si="743"/>
        <v>2.0177815369750998</v>
      </c>
      <c r="O3198" s="236">
        <f t="shared" si="747"/>
        <v>2.7321836729224991</v>
      </c>
      <c r="P3198" s="236" t="str">
        <f t="shared" si="748"/>
        <v>CLAY</v>
      </c>
      <c r="Q3198" s="236">
        <f t="shared" si="744"/>
        <v>391.10609954818182</v>
      </c>
      <c r="R3198" s="238">
        <v>35</v>
      </c>
      <c r="S3198" s="236">
        <f t="shared" si="749"/>
        <v>7.9727473064552701</v>
      </c>
      <c r="T3198" s="236" t="e">
        <f t="shared" si="735"/>
        <v>#N/A</v>
      </c>
    </row>
    <row r="3199" spans="1:20" x14ac:dyDescent="0.2">
      <c r="A3199" s="53">
        <f t="shared" si="736"/>
        <v>3187</v>
      </c>
      <c r="B3199" s="239">
        <v>31.867000000000001</v>
      </c>
      <c r="C3199" s="3">
        <f t="shared" si="737"/>
        <v>31.86</v>
      </c>
      <c r="D3199" s="239">
        <v>5.2180999999999997</v>
      </c>
      <c r="E3199" s="239">
        <v>9.7199999999999995E-2</v>
      </c>
      <c r="F3199" s="239">
        <v>0.41539999999999999</v>
      </c>
      <c r="G3199">
        <f t="shared" si="738"/>
        <v>5.3011799999999996</v>
      </c>
      <c r="H3199" s="235">
        <f t="shared" si="739"/>
        <v>1.8335540389120912</v>
      </c>
      <c r="I3199" s="236">
        <f t="shared" si="740"/>
        <v>19.263077265419227</v>
      </c>
      <c r="J3199" s="237">
        <f t="shared" si="745"/>
        <v>9.263077265419227</v>
      </c>
      <c r="K3199" s="237">
        <f t="shared" si="741"/>
        <v>613.72164167625658</v>
      </c>
      <c r="L3199" s="237">
        <f t="shared" si="746"/>
        <v>295.18648321711453</v>
      </c>
      <c r="M3199" s="236">
        <f t="shared" si="742"/>
        <v>15.879651084416491</v>
      </c>
      <c r="N3199" s="236">
        <f t="shared" si="743"/>
        <v>2.0736184211086877</v>
      </c>
      <c r="O3199" s="236">
        <f t="shared" si="747"/>
        <v>2.7405507299119289</v>
      </c>
      <c r="P3199" s="236" t="str">
        <f t="shared" si="748"/>
        <v>CLAY</v>
      </c>
      <c r="Q3199" s="236">
        <f t="shared" si="744"/>
        <v>390.62152986031191</v>
      </c>
      <c r="R3199" s="238">
        <v>35</v>
      </c>
      <c r="S3199" s="236">
        <f t="shared" si="749"/>
        <v>7.9248527831689328</v>
      </c>
      <c r="T3199" s="236" t="e">
        <f t="shared" si="735"/>
        <v>#N/A</v>
      </c>
    </row>
    <row r="3200" spans="1:20" x14ac:dyDescent="0.2">
      <c r="A3200" s="53">
        <f t="shared" si="736"/>
        <v>3188</v>
      </c>
      <c r="B3200" s="239">
        <v>31.876999999999999</v>
      </c>
      <c r="C3200" s="3">
        <f t="shared" si="737"/>
        <v>31.869999999999997</v>
      </c>
      <c r="D3200" s="239">
        <v>5.1894</v>
      </c>
      <c r="E3200" s="239">
        <v>0.10009999999999999</v>
      </c>
      <c r="F3200" s="239">
        <v>0.44540000000000002</v>
      </c>
      <c r="G3200">
        <f t="shared" si="738"/>
        <v>5.2784800000000001</v>
      </c>
      <c r="H3200" s="235">
        <f t="shared" si="739"/>
        <v>1.8963792606962608</v>
      </c>
      <c r="I3200" s="236">
        <f t="shared" si="740"/>
        <v>19.295873055905524</v>
      </c>
      <c r="J3200" s="237">
        <f t="shared" si="745"/>
        <v>9.295873055905524</v>
      </c>
      <c r="K3200" s="237">
        <f t="shared" si="741"/>
        <v>614.95947429170906</v>
      </c>
      <c r="L3200" s="237">
        <f t="shared" si="746"/>
        <v>296.32454540310039</v>
      </c>
      <c r="M3200" s="236">
        <f t="shared" si="742"/>
        <v>15.737881313086453</v>
      </c>
      <c r="N3200" s="236">
        <f t="shared" si="743"/>
        <v>2.1464470767992792</v>
      </c>
      <c r="O3200" s="236">
        <f t="shared" si="747"/>
        <v>2.752200721415146</v>
      </c>
      <c r="P3200" s="236" t="str">
        <f t="shared" si="748"/>
        <v>CLAY</v>
      </c>
      <c r="Q3200" s="236">
        <f t="shared" si="744"/>
        <v>388.62671047569097</v>
      </c>
      <c r="R3200" s="238">
        <v>35</v>
      </c>
      <c r="S3200" s="236">
        <f t="shared" si="749"/>
        <v>7.8365126841295627</v>
      </c>
      <c r="T3200" s="236" t="e">
        <f t="shared" si="735"/>
        <v>#N/A</v>
      </c>
    </row>
    <row r="3201" spans="1:20" x14ac:dyDescent="0.2">
      <c r="A3201" s="53">
        <f t="shared" si="736"/>
        <v>3189</v>
      </c>
      <c r="B3201" s="239">
        <v>31.887</v>
      </c>
      <c r="C3201" s="3">
        <f t="shared" si="737"/>
        <v>31.88</v>
      </c>
      <c r="D3201" s="239">
        <v>5.2591999999999999</v>
      </c>
      <c r="E3201" s="239">
        <v>0.1045</v>
      </c>
      <c r="F3201" s="239">
        <v>0.49</v>
      </c>
      <c r="G3201">
        <f t="shared" si="738"/>
        <v>5.3571999999999997</v>
      </c>
      <c r="H3201" s="235">
        <f t="shared" si="739"/>
        <v>1.9506458597774958</v>
      </c>
      <c r="I3201" s="236">
        <f t="shared" si="740"/>
        <v>19.352101112736491</v>
      </c>
      <c r="J3201" s="237">
        <f t="shared" si="745"/>
        <v>9.3521011127364915</v>
      </c>
      <c r="K3201" s="237">
        <f t="shared" si="741"/>
        <v>616.9449834740393</v>
      </c>
      <c r="L3201" s="237">
        <f t="shared" si="746"/>
        <v>298.2104481818285</v>
      </c>
      <c r="M3201" s="236">
        <f t="shared" si="742"/>
        <v>15.895670475085685</v>
      </c>
      <c r="N3201" s="236">
        <f t="shared" si="743"/>
        <v>2.2045227447823259</v>
      </c>
      <c r="O3201" s="236">
        <f t="shared" si="747"/>
        <v>2.7551856815855413</v>
      </c>
      <c r="P3201" s="236" t="str">
        <f t="shared" si="748"/>
        <v>CLAY</v>
      </c>
      <c r="Q3201" s="236">
        <f t="shared" si="744"/>
        <v>395.02125137716342</v>
      </c>
      <c r="R3201" s="238">
        <v>35</v>
      </c>
      <c r="S3201" s="236">
        <f t="shared" si="749"/>
        <v>7.9348472815192208</v>
      </c>
      <c r="T3201" s="236" t="e">
        <f t="shared" si="735"/>
        <v>#N/A</v>
      </c>
    </row>
    <row r="3202" spans="1:20" x14ac:dyDescent="0.2">
      <c r="A3202" s="53">
        <f t="shared" si="736"/>
        <v>3190</v>
      </c>
      <c r="B3202" s="239">
        <v>31.896000000000001</v>
      </c>
      <c r="C3202" s="3">
        <f t="shared" si="737"/>
        <v>31.888999999999999</v>
      </c>
      <c r="D3202" s="239">
        <v>5.3973000000000004</v>
      </c>
      <c r="E3202" s="239">
        <v>0.1113</v>
      </c>
      <c r="F3202" s="239">
        <v>0.46820000000000001</v>
      </c>
      <c r="G3202">
        <f t="shared" si="738"/>
        <v>5.4909400000000002</v>
      </c>
      <c r="H3202" s="235">
        <f t="shared" si="739"/>
        <v>2.0269753448407739</v>
      </c>
      <c r="I3202" s="236">
        <f t="shared" si="740"/>
        <v>19.435662026430258</v>
      </c>
      <c r="J3202" s="237">
        <f t="shared" si="745"/>
        <v>9.4356620264302578</v>
      </c>
      <c r="K3202" s="237">
        <f t="shared" si="741"/>
        <v>619.7838263608345</v>
      </c>
      <c r="L3202" s="237">
        <f t="shared" si="746"/>
        <v>300.9598759950195</v>
      </c>
      <c r="M3202" s="236">
        <f t="shared" si="742"/>
        <v>16.185400653606653</v>
      </c>
      <c r="N3202" s="236">
        <f t="shared" si="743"/>
        <v>2.2848784976821936</v>
      </c>
      <c r="O3202" s="236">
        <f t="shared" si="747"/>
        <v>2.7576024870643145</v>
      </c>
      <c r="P3202" s="236" t="str">
        <f t="shared" si="748"/>
        <v>CLAY</v>
      </c>
      <c r="Q3202" s="236">
        <f t="shared" si="744"/>
        <v>405.92968113659714</v>
      </c>
      <c r="R3202" s="238">
        <v>35</v>
      </c>
      <c r="S3202" s="236">
        <f t="shared" si="749"/>
        <v>8.1160427636221595</v>
      </c>
      <c r="T3202" s="236" t="e">
        <f t="shared" si="735"/>
        <v>#N/A</v>
      </c>
    </row>
    <row r="3203" spans="1:20" x14ac:dyDescent="0.2">
      <c r="A3203" s="53">
        <f t="shared" si="736"/>
        <v>3191</v>
      </c>
      <c r="B3203" s="239">
        <v>31.905999999999999</v>
      </c>
      <c r="C3203" s="3">
        <f t="shared" si="737"/>
        <v>31.898999999999997</v>
      </c>
      <c r="D3203" s="239">
        <v>5.6318000000000001</v>
      </c>
      <c r="E3203" s="239">
        <v>0.1145</v>
      </c>
      <c r="F3203" s="239">
        <v>0.45100000000000001</v>
      </c>
      <c r="G3203">
        <f t="shared" si="738"/>
        <v>5.7220000000000004</v>
      </c>
      <c r="H3203" s="235">
        <f t="shared" si="739"/>
        <v>2.0010485844110448</v>
      </c>
      <c r="I3203" s="236">
        <f t="shared" si="740"/>
        <v>19.485010936529754</v>
      </c>
      <c r="J3203" s="237">
        <f t="shared" si="745"/>
        <v>9.4850109365297541</v>
      </c>
      <c r="K3203" s="237">
        <f t="shared" si="741"/>
        <v>621.55236386436252</v>
      </c>
      <c r="L3203" s="237">
        <f t="shared" si="746"/>
        <v>302.62875894091832</v>
      </c>
      <c r="M3203" s="236">
        <f t="shared" si="742"/>
        <v>16.853810107093587</v>
      </c>
      <c r="N3203" s="236">
        <f t="shared" si="743"/>
        <v>2.2449010002336016</v>
      </c>
      <c r="O3203" s="236">
        <f t="shared" si="747"/>
        <v>2.7388070489597389</v>
      </c>
      <c r="P3203" s="236" t="str">
        <f t="shared" si="748"/>
        <v>CLAY</v>
      </c>
      <c r="Q3203" s="236">
        <f t="shared" si="744"/>
        <v>425.03730301130309</v>
      </c>
      <c r="R3203" s="238">
        <v>35</v>
      </c>
      <c r="S3203" s="236">
        <f t="shared" si="749"/>
        <v>8.5371444369555007</v>
      </c>
      <c r="T3203" s="236" t="e">
        <f t="shared" si="735"/>
        <v>#N/A</v>
      </c>
    </row>
    <row r="3204" spans="1:20" x14ac:dyDescent="0.2">
      <c r="A3204" s="53">
        <f t="shared" si="736"/>
        <v>3192</v>
      </c>
      <c r="B3204" s="239">
        <v>31.914999999999999</v>
      </c>
      <c r="C3204" s="3">
        <f t="shared" si="737"/>
        <v>31.907999999999998</v>
      </c>
      <c r="D3204" s="239">
        <v>5.8376999999999999</v>
      </c>
      <c r="E3204" s="239">
        <v>0.1167</v>
      </c>
      <c r="F3204" s="239">
        <v>0.3931</v>
      </c>
      <c r="G3204">
        <f t="shared" si="738"/>
        <v>5.9163199999999998</v>
      </c>
      <c r="H3204" s="235">
        <f t="shared" si="739"/>
        <v>1.9725099386104876</v>
      </c>
      <c r="I3204" s="236">
        <f t="shared" si="740"/>
        <v>19.520380856050462</v>
      </c>
      <c r="J3204" s="237">
        <f t="shared" si="745"/>
        <v>9.5203808560504619</v>
      </c>
      <c r="K3204" s="237">
        <f t="shared" si="741"/>
        <v>622.85631235485812</v>
      </c>
      <c r="L3204" s="237">
        <f t="shared" si="746"/>
        <v>303.84295502085047</v>
      </c>
      <c r="M3204" s="236">
        <f t="shared" si="742"/>
        <v>17.421709472519744</v>
      </c>
      <c r="N3204" s="236">
        <f t="shared" si="743"/>
        <v>2.204605658717862</v>
      </c>
      <c r="O3204" s="236">
        <f t="shared" si="747"/>
        <v>2.7225061849572487</v>
      </c>
      <c r="P3204" s="236" t="str">
        <f t="shared" si="748"/>
        <v>CLAY</v>
      </c>
      <c r="Q3204" s="236">
        <f t="shared" si="744"/>
        <v>441.12197397042843</v>
      </c>
      <c r="R3204" s="238">
        <v>35</v>
      </c>
      <c r="S3204" s="236">
        <f t="shared" si="749"/>
        <v>8.8982267301294833</v>
      </c>
      <c r="T3204" s="236" t="e">
        <f t="shared" si="735"/>
        <v>#N/A</v>
      </c>
    </row>
    <row r="3205" spans="1:20" x14ac:dyDescent="0.2">
      <c r="A3205" s="53">
        <f t="shared" si="736"/>
        <v>3193</v>
      </c>
      <c r="B3205" s="239">
        <v>31.925999999999998</v>
      </c>
      <c r="C3205" s="3">
        <f t="shared" si="737"/>
        <v>31.918999999999997</v>
      </c>
      <c r="D3205" s="239">
        <v>5.9790000000000001</v>
      </c>
      <c r="E3205" s="239">
        <v>0.11650000000000001</v>
      </c>
      <c r="F3205" s="239">
        <v>0.3901</v>
      </c>
      <c r="G3205">
        <f t="shared" si="738"/>
        <v>6.0570199999999996</v>
      </c>
      <c r="H3205" s="235">
        <f t="shared" si="739"/>
        <v>1.923388068720262</v>
      </c>
      <c r="I3205" s="236">
        <f t="shared" si="740"/>
        <v>19.527556159777362</v>
      </c>
      <c r="J3205" s="237">
        <f t="shared" si="745"/>
        <v>9.5275561597773617</v>
      </c>
      <c r="K3205" s="237">
        <f t="shared" si="741"/>
        <v>623.30006506393352</v>
      </c>
      <c r="L3205" s="237">
        <f t="shared" si="746"/>
        <v>304.17675795705202</v>
      </c>
      <c r="M3205" s="236">
        <f t="shared" si="742"/>
        <v>17.863692056653704</v>
      </c>
      <c r="N3205" s="236">
        <f t="shared" si="743"/>
        <v>2.1440192243064282</v>
      </c>
      <c r="O3205" s="236">
        <f t="shared" si="747"/>
        <v>2.7066514470379466</v>
      </c>
      <c r="P3205" s="236" t="str">
        <f t="shared" si="748"/>
        <v>CLAY</v>
      </c>
      <c r="Q3205" s="236">
        <f t="shared" si="744"/>
        <v>452.8099945780055</v>
      </c>
      <c r="R3205" s="238">
        <v>35</v>
      </c>
      <c r="S3205" s="236">
        <f t="shared" si="749"/>
        <v>9.181297037195252</v>
      </c>
      <c r="T3205" s="236" t="e">
        <f t="shared" si="735"/>
        <v>#N/A</v>
      </c>
    </row>
    <row r="3206" spans="1:20" x14ac:dyDescent="0.2">
      <c r="A3206" s="53">
        <f t="shared" si="736"/>
        <v>3194</v>
      </c>
      <c r="B3206" s="239">
        <v>31.936</v>
      </c>
      <c r="C3206" s="3">
        <f t="shared" si="737"/>
        <v>31.928999999999998</v>
      </c>
      <c r="D3206" s="239">
        <v>6.0205000000000002</v>
      </c>
      <c r="E3206" s="239">
        <v>0.1133</v>
      </c>
      <c r="F3206" s="239">
        <v>0.39560000000000001</v>
      </c>
      <c r="G3206">
        <f t="shared" si="738"/>
        <v>6.0996199999999998</v>
      </c>
      <c r="H3206" s="235">
        <f t="shared" si="739"/>
        <v>1.8574927618441806</v>
      </c>
      <c r="I3206" s="236">
        <f t="shared" si="740"/>
        <v>19.497636312795596</v>
      </c>
      <c r="J3206" s="237">
        <f t="shared" si="745"/>
        <v>9.4976363127955956</v>
      </c>
      <c r="K3206" s="237">
        <f t="shared" si="741"/>
        <v>622.54002983125054</v>
      </c>
      <c r="L3206" s="237">
        <f t="shared" si="746"/>
        <v>303.31651328544012</v>
      </c>
      <c r="M3206" s="236">
        <f t="shared" si="742"/>
        <v>18.057308884513219</v>
      </c>
      <c r="N3206" s="236">
        <f t="shared" si="743"/>
        <v>2.0686205170838359</v>
      </c>
      <c r="O3206" s="236">
        <f t="shared" si="747"/>
        <v>2.6939228696327682</v>
      </c>
      <c r="P3206" s="236" t="str">
        <f t="shared" si="748"/>
        <v>CLAY</v>
      </c>
      <c r="Q3206" s="236">
        <f t="shared" si="744"/>
        <v>456.42333084739579</v>
      </c>
      <c r="R3206" s="238">
        <v>35</v>
      </c>
      <c r="S3206" s="236">
        <f t="shared" si="749"/>
        <v>9.3058552408871975</v>
      </c>
      <c r="T3206" s="236" t="e">
        <f t="shared" si="735"/>
        <v>#N/A</v>
      </c>
    </row>
    <row r="3207" spans="1:20" x14ac:dyDescent="0.2">
      <c r="A3207" s="53">
        <f t="shared" si="736"/>
        <v>3195</v>
      </c>
      <c r="B3207" s="239">
        <v>31.945</v>
      </c>
      <c r="C3207" s="3">
        <f t="shared" si="737"/>
        <v>31.937999999999999</v>
      </c>
      <c r="D3207" s="239">
        <v>6.0472000000000001</v>
      </c>
      <c r="E3207" s="239">
        <v>0.1109</v>
      </c>
      <c r="F3207" s="239">
        <v>0.3654</v>
      </c>
      <c r="G3207">
        <f t="shared" si="738"/>
        <v>6.1202800000000002</v>
      </c>
      <c r="H3207" s="235">
        <f t="shared" si="739"/>
        <v>1.8120086009136838</v>
      </c>
      <c r="I3207" s="236">
        <f t="shared" si="740"/>
        <v>19.473852391221115</v>
      </c>
      <c r="J3207" s="237">
        <f t="shared" si="745"/>
        <v>9.473852391221115</v>
      </c>
      <c r="K3207" s="237">
        <f t="shared" si="741"/>
        <v>621.95589767081992</v>
      </c>
      <c r="L3207" s="237">
        <f t="shared" si="746"/>
        <v>302.64221463755854</v>
      </c>
      <c r="M3207" s="236">
        <f t="shared" si="742"/>
        <v>18.167736807351613</v>
      </c>
      <c r="N3207" s="236">
        <f t="shared" si="743"/>
        <v>2.0169782271114385</v>
      </c>
      <c r="O3207" s="236">
        <f t="shared" si="747"/>
        <v>2.6854989483572091</v>
      </c>
      <c r="P3207" s="236" t="str">
        <f t="shared" si="748"/>
        <v>CLAY</v>
      </c>
      <c r="Q3207" s="236">
        <f t="shared" si="744"/>
        <v>458.19367519409826</v>
      </c>
      <c r="R3207" s="238">
        <v>35</v>
      </c>
      <c r="S3207" s="236">
        <f t="shared" si="749"/>
        <v>9.377045985470966</v>
      </c>
      <c r="T3207" s="236" t="e">
        <f t="shared" si="735"/>
        <v>#N/A</v>
      </c>
    </row>
    <row r="3208" spans="1:20" x14ac:dyDescent="0.2">
      <c r="A3208" s="53">
        <f t="shared" si="736"/>
        <v>3196</v>
      </c>
      <c r="B3208" s="239">
        <v>31.954999999999998</v>
      </c>
      <c r="C3208" s="3">
        <f t="shared" si="737"/>
        <v>31.947999999999997</v>
      </c>
      <c r="D3208" s="239">
        <v>6.0434000000000001</v>
      </c>
      <c r="E3208" s="239">
        <v>0.1066</v>
      </c>
      <c r="F3208" s="239">
        <v>0.34810000000000002</v>
      </c>
      <c r="G3208">
        <f t="shared" si="738"/>
        <v>6.1130199999999997</v>
      </c>
      <c r="H3208" s="235">
        <f t="shared" si="739"/>
        <v>1.7438189307412704</v>
      </c>
      <c r="I3208" s="236">
        <f t="shared" si="740"/>
        <v>19.427017742055082</v>
      </c>
      <c r="J3208" s="237">
        <f t="shared" si="745"/>
        <v>9.4270177420550816</v>
      </c>
      <c r="K3208" s="237">
        <f t="shared" si="741"/>
        <v>620.65436282317569</v>
      </c>
      <c r="L3208" s="237">
        <f t="shared" si="746"/>
        <v>301.24035194737013</v>
      </c>
      <c r="M3208" s="236">
        <f t="shared" si="742"/>
        <v>18.232503055023646</v>
      </c>
      <c r="N3208" s="236">
        <f t="shared" si="743"/>
        <v>1.9408758819413623</v>
      </c>
      <c r="O3208" s="236">
        <f t="shared" si="747"/>
        <v>2.6747742608647651</v>
      </c>
      <c r="P3208" s="236" t="str">
        <f t="shared" si="748"/>
        <v>CLAY</v>
      </c>
      <c r="Q3208" s="236">
        <f t="shared" si="744"/>
        <v>457.69713643140199</v>
      </c>
      <c r="R3208" s="238">
        <v>35</v>
      </c>
      <c r="S3208" s="236">
        <f t="shared" si="749"/>
        <v>9.4188499314122076</v>
      </c>
      <c r="T3208" s="236" t="e">
        <f t="shared" si="735"/>
        <v>#N/A</v>
      </c>
    </row>
    <row r="3209" spans="1:20" x14ac:dyDescent="0.2">
      <c r="A3209" s="53">
        <f t="shared" si="736"/>
        <v>3197</v>
      </c>
      <c r="B3209" s="239">
        <v>31.966000000000001</v>
      </c>
      <c r="C3209" s="3">
        <f t="shared" si="737"/>
        <v>31.959</v>
      </c>
      <c r="D3209" s="239">
        <v>6.1361999999999997</v>
      </c>
      <c r="E3209" s="239">
        <v>0.1016</v>
      </c>
      <c r="F3209" s="239">
        <v>0.3553</v>
      </c>
      <c r="G3209">
        <f t="shared" si="738"/>
        <v>6.2072599999999998</v>
      </c>
      <c r="H3209" s="235">
        <f t="shared" si="739"/>
        <v>1.6367930455627764</v>
      </c>
      <c r="I3209" s="236">
        <f t="shared" si="740"/>
        <v>19.376666008974865</v>
      </c>
      <c r="J3209" s="237">
        <f t="shared" si="745"/>
        <v>9.3766660089748655</v>
      </c>
      <c r="K3209" s="237">
        <f t="shared" si="741"/>
        <v>619.25886898082774</v>
      </c>
      <c r="L3209" s="237">
        <f t="shared" si="746"/>
        <v>299.73450564289055</v>
      </c>
      <c r="M3209" s="236">
        <f t="shared" si="742"/>
        <v>18.64316929088179</v>
      </c>
      <c r="N3209" s="236">
        <f t="shared" si="743"/>
        <v>1.8181814501792988</v>
      </c>
      <c r="O3209" s="236">
        <f t="shared" si="747"/>
        <v>2.6508564107456563</v>
      </c>
      <c r="P3209" s="236" t="str">
        <f t="shared" si="748"/>
        <v>CLAY</v>
      </c>
      <c r="Q3209" s="236">
        <f t="shared" si="744"/>
        <v>465.66676091826434</v>
      </c>
      <c r="R3209" s="238">
        <v>35</v>
      </c>
      <c r="S3209" s="236">
        <f t="shared" si="749"/>
        <v>9.684778394679844</v>
      </c>
      <c r="T3209" s="236" t="e">
        <f t="shared" si="735"/>
        <v>#N/A</v>
      </c>
    </row>
    <row r="3210" spans="1:20" x14ac:dyDescent="0.2">
      <c r="A3210" s="53">
        <f t="shared" si="736"/>
        <v>3198</v>
      </c>
      <c r="B3210" s="239">
        <v>31.975000000000001</v>
      </c>
      <c r="C3210" s="3">
        <f t="shared" si="737"/>
        <v>31.968</v>
      </c>
      <c r="D3210" s="239">
        <v>6.2903000000000002</v>
      </c>
      <c r="E3210" s="239">
        <v>9.4E-2</v>
      </c>
      <c r="F3210" s="239">
        <v>0.37830000000000003</v>
      </c>
      <c r="G3210">
        <f t="shared" si="738"/>
        <v>6.3659600000000003</v>
      </c>
      <c r="H3210" s="235">
        <f t="shared" si="739"/>
        <v>1.4766036858541367</v>
      </c>
      <c r="I3210" s="236">
        <f t="shared" si="740"/>
        <v>19.295365773996728</v>
      </c>
      <c r="J3210" s="237">
        <f t="shared" si="745"/>
        <v>9.2953657739967284</v>
      </c>
      <c r="K3210" s="237">
        <f t="shared" si="741"/>
        <v>616.83425306312745</v>
      </c>
      <c r="L3210" s="237">
        <f t="shared" si="746"/>
        <v>297.2193206235454</v>
      </c>
      <c r="M3210" s="236">
        <f t="shared" si="742"/>
        <v>19.343041814629036</v>
      </c>
      <c r="N3210" s="236">
        <f t="shared" si="743"/>
        <v>1.6350312053981959</v>
      </c>
      <c r="O3210" s="236">
        <f t="shared" si="747"/>
        <v>2.6120032544380454</v>
      </c>
      <c r="P3210" s="236" t="str">
        <f t="shared" si="748"/>
        <v>CLAY</v>
      </c>
      <c r="Q3210" s="236">
        <f t="shared" si="744"/>
        <v>479.09381224473941</v>
      </c>
      <c r="R3210" s="238">
        <v>35</v>
      </c>
      <c r="S3210" s="236">
        <f t="shared" si="749"/>
        <v>10.141354683400342</v>
      </c>
      <c r="T3210" s="236" t="e">
        <f t="shared" si="735"/>
        <v>#N/A</v>
      </c>
    </row>
    <row r="3211" spans="1:20" x14ac:dyDescent="0.2">
      <c r="A3211" s="53">
        <f t="shared" si="736"/>
        <v>3199</v>
      </c>
      <c r="B3211" s="239">
        <v>31.986000000000001</v>
      </c>
      <c r="C3211" s="3">
        <f t="shared" si="737"/>
        <v>31.978999999999999</v>
      </c>
      <c r="D3211" s="239">
        <v>6.4010999999999996</v>
      </c>
      <c r="E3211" s="239">
        <v>8.5900000000000004E-2</v>
      </c>
      <c r="F3211" s="239">
        <v>0.40179999999999999</v>
      </c>
      <c r="G3211">
        <f t="shared" si="738"/>
        <v>6.4814599999999993</v>
      </c>
      <c r="H3211" s="235">
        <f t="shared" si="739"/>
        <v>1.325318678199048</v>
      </c>
      <c r="I3211" s="236">
        <f t="shared" si="740"/>
        <v>19.196730157360872</v>
      </c>
      <c r="J3211" s="237">
        <f t="shared" si="745"/>
        <v>9.1967301573608715</v>
      </c>
      <c r="K3211" s="237">
        <f t="shared" si="741"/>
        <v>613.89223370224329</v>
      </c>
      <c r="L3211" s="237">
        <f t="shared" si="746"/>
        <v>294.16661081334485</v>
      </c>
      <c r="M3211" s="236">
        <f t="shared" si="742"/>
        <v>19.946409791629467</v>
      </c>
      <c r="N3211" s="236">
        <f t="shared" si="743"/>
        <v>1.4639796832580958</v>
      </c>
      <c r="O3211" s="236">
        <f t="shared" si="747"/>
        <v>2.5747222049810383</v>
      </c>
      <c r="P3211" s="236" t="str">
        <f t="shared" si="748"/>
        <v>SAND</v>
      </c>
      <c r="Q3211" s="236" t="e">
        <f t="shared" si="744"/>
        <v>#N/A</v>
      </c>
      <c r="R3211" s="238">
        <v>35</v>
      </c>
      <c r="S3211" s="236" t="e">
        <f t="shared" si="749"/>
        <v>#N/A</v>
      </c>
      <c r="T3211" s="236">
        <f t="shared" si="735"/>
        <v>31.898512109373911</v>
      </c>
    </row>
    <row r="3212" spans="1:20" x14ac:dyDescent="0.2">
      <c r="A3212" s="53">
        <f t="shared" si="736"/>
        <v>3200</v>
      </c>
      <c r="B3212" s="239">
        <v>31.995000000000001</v>
      </c>
      <c r="C3212" s="3">
        <f t="shared" si="737"/>
        <v>31.988</v>
      </c>
      <c r="D3212" s="239">
        <v>6.6308999999999996</v>
      </c>
      <c r="E3212" s="239">
        <v>8.1299999999999997E-2</v>
      </c>
      <c r="F3212" s="239">
        <v>0.41449999999999998</v>
      </c>
      <c r="G3212">
        <f t="shared" si="738"/>
        <v>6.7137999999999991</v>
      </c>
      <c r="H3212" s="235">
        <f t="shared" si="739"/>
        <v>1.2109386636480086</v>
      </c>
      <c r="I3212" s="236">
        <f t="shared" si="740"/>
        <v>19.145959087250148</v>
      </c>
      <c r="J3212" s="237">
        <f t="shared" si="745"/>
        <v>9.1459590872501479</v>
      </c>
      <c r="K3212" s="237">
        <f t="shared" si="741"/>
        <v>612.44093928295774</v>
      </c>
      <c r="L3212" s="237">
        <f t="shared" si="746"/>
        <v>292.62496099656852</v>
      </c>
      <c r="M3212" s="236">
        <f t="shared" si="742"/>
        <v>20.850439552176788</v>
      </c>
      <c r="N3212" s="236">
        <f t="shared" si="743"/>
        <v>1.3324900106837096</v>
      </c>
      <c r="O3212" s="236">
        <f t="shared" si="747"/>
        <v>2.5366171428640198</v>
      </c>
      <c r="P3212" s="236" t="str">
        <f t="shared" si="748"/>
        <v>SAND</v>
      </c>
      <c r="Q3212" s="236" t="e">
        <f t="shared" si="744"/>
        <v>#N/A</v>
      </c>
      <c r="R3212" s="238">
        <v>35</v>
      </c>
      <c r="S3212" s="236" t="e">
        <f t="shared" si="749"/>
        <v>#N/A</v>
      </c>
      <c r="T3212" s="236">
        <f t="shared" si="735"/>
        <v>32.110267363381162</v>
      </c>
    </row>
    <row r="3213" spans="1:20" x14ac:dyDescent="0.2">
      <c r="A3213" s="53">
        <f t="shared" si="736"/>
        <v>3201</v>
      </c>
      <c r="B3213" s="239">
        <v>32.005000000000003</v>
      </c>
      <c r="C3213" s="3">
        <f t="shared" si="737"/>
        <v>31.998000000000001</v>
      </c>
      <c r="D3213" s="239">
        <v>6.7919999999999998</v>
      </c>
      <c r="E3213" s="239">
        <v>7.6700000000000004E-2</v>
      </c>
      <c r="F3213" s="239">
        <v>0.40139999999999998</v>
      </c>
      <c r="G3213">
        <f t="shared" si="738"/>
        <v>6.8722799999999999</v>
      </c>
      <c r="H3213" s="235">
        <f t="shared" si="739"/>
        <v>1.1160779246480064</v>
      </c>
      <c r="I3213" s="236">
        <f t="shared" si="740"/>
        <v>19.086781298277437</v>
      </c>
      <c r="J3213" s="237">
        <f t="shared" si="745"/>
        <v>9.0867812982774367</v>
      </c>
      <c r="K3213" s="237">
        <f t="shared" si="741"/>
        <v>610.73882798228146</v>
      </c>
      <c r="L3213" s="237">
        <f t="shared" si="746"/>
        <v>290.82243545136936</v>
      </c>
      <c r="M3213" s="236">
        <f t="shared" si="742"/>
        <v>21.530461232468284</v>
      </c>
      <c r="N3213" s="236">
        <f t="shared" si="743"/>
        <v>1.2249380446904288</v>
      </c>
      <c r="O3213" s="236">
        <f t="shared" si="747"/>
        <v>2.5055345966767328</v>
      </c>
      <c r="P3213" s="236" t="str">
        <f t="shared" si="748"/>
        <v>SAND</v>
      </c>
      <c r="Q3213" s="236" t="e">
        <f t="shared" si="744"/>
        <v>#N/A</v>
      </c>
      <c r="R3213" s="238">
        <v>35</v>
      </c>
      <c r="S3213" s="236" t="e">
        <f t="shared" si="749"/>
        <v>#N/A</v>
      </c>
      <c r="T3213" s="236">
        <f t="shared" ref="T3213:T3276" si="750">IF(P3213="SAND",17.6+(11*LOG(M3213)),#N/A)</f>
        <v>32.263586668712009</v>
      </c>
    </row>
    <row r="3214" spans="1:20" x14ac:dyDescent="0.2">
      <c r="A3214" s="53">
        <f t="shared" ref="A3214:A3277" si="751">$A3213+1</f>
        <v>3202</v>
      </c>
      <c r="B3214" s="239">
        <v>32.015000000000001</v>
      </c>
      <c r="C3214" s="3">
        <f t="shared" ref="C3214:C3277" si="752">MAX($B3214 - $B$13, 0.001)</f>
        <v>32.008000000000003</v>
      </c>
      <c r="D3214" s="239">
        <v>6.8391000000000002</v>
      </c>
      <c r="E3214" s="239">
        <v>7.3599999999999999E-2</v>
      </c>
      <c r="F3214" s="239">
        <v>0.37109999999999999</v>
      </c>
      <c r="G3214">
        <f t="shared" si="738"/>
        <v>6.9133200000000006</v>
      </c>
      <c r="H3214" s="235">
        <f t="shared" si="739"/>
        <v>1.0646115035901709</v>
      </c>
      <c r="I3214" s="236">
        <f t="shared" si="740"/>
        <v>19.04073114685497</v>
      </c>
      <c r="J3214" s="237">
        <f t="shared" si="745"/>
        <v>9.04073114685497</v>
      </c>
      <c r="K3214" s="237">
        <f t="shared" si="741"/>
        <v>609.45572254853391</v>
      </c>
      <c r="L3214" s="237">
        <f t="shared" si="746"/>
        <v>289.43900766656185</v>
      </c>
      <c r="M3214" s="236">
        <f t="shared" si="742"/>
        <v>21.779594700357784</v>
      </c>
      <c r="N3214" s="236">
        <f t="shared" si="743"/>
        <v>1.1675378269684937</v>
      </c>
      <c r="O3214" s="236">
        <f t="shared" si="747"/>
        <v>2.4904373525934207</v>
      </c>
      <c r="P3214" s="236" t="str">
        <f t="shared" si="748"/>
        <v>SAND</v>
      </c>
      <c r="Q3214" s="236" t="e">
        <f t="shared" si="744"/>
        <v>#N/A</v>
      </c>
      <c r="R3214" s="238">
        <v>35</v>
      </c>
      <c r="S3214" s="236" t="e">
        <f t="shared" si="749"/>
        <v>#N/A</v>
      </c>
      <c r="T3214" s="236">
        <f t="shared" si="750"/>
        <v>32.318547730104235</v>
      </c>
    </row>
    <row r="3215" spans="1:20" x14ac:dyDescent="0.2">
      <c r="A3215" s="53">
        <f t="shared" si="751"/>
        <v>3203</v>
      </c>
      <c r="B3215" s="239">
        <v>32.024000000000001</v>
      </c>
      <c r="C3215" s="3">
        <f t="shared" si="752"/>
        <v>32.017000000000003</v>
      </c>
      <c r="D3215" s="239">
        <v>6.8639000000000001</v>
      </c>
      <c r="E3215" s="239">
        <v>6.2899999999999998E-2</v>
      </c>
      <c r="F3215" s="239">
        <v>0.35970000000000002</v>
      </c>
      <c r="G3215">
        <f t="shared" ref="G3215:G3278" si="753">$D3215+($F3215*(1-$P$8))</f>
        <v>6.9358399999999998</v>
      </c>
      <c r="H3215" s="235">
        <f t="shared" ref="H3215:H3278" si="754">($E3215/$G3215)*100</f>
        <v>0.90688366513645058</v>
      </c>
      <c r="I3215" s="236">
        <f t="shared" ref="I3215:I3278" si="755">((0.27*(LOG($H3215)))+(0.36*(LOG(($G3215*1000)/101)))+1.236)*10</f>
        <v>18.857788956507619</v>
      </c>
      <c r="J3215" s="237">
        <f t="shared" si="745"/>
        <v>8.8577889565076191</v>
      </c>
      <c r="K3215" s="237">
        <f t="shared" ref="K3215:K3278" si="756">$I3215*$C3215</f>
        <v>603.76982902050452</v>
      </c>
      <c r="L3215" s="237">
        <f t="shared" si="746"/>
        <v>283.66183354319998</v>
      </c>
      <c r="M3215" s="236">
        <f t="shared" ref="M3215:M3278" si="757">(($G3215*1000)-$K3215)/$L3215</f>
        <v>22.322601852656923</v>
      </c>
      <c r="N3215" s="236">
        <f t="shared" ref="N3215:N3278" si="758">(($E3215*1000)/(($G3215*1000)-$K3215))*100</f>
        <v>0.99335601630375048</v>
      </c>
      <c r="O3215" s="236">
        <f t="shared" si="747"/>
        <v>2.4456222049638936</v>
      </c>
      <c r="P3215" s="236" t="str">
        <f t="shared" si="748"/>
        <v>SAND</v>
      </c>
      <c r="Q3215" s="236" t="e">
        <f t="shared" ref="Q3215:Q3278" si="759">IF(P3215="CLAY",($G3215*1000 -$K3215)/$L$8,#N/A)</f>
        <v>#N/A</v>
      </c>
      <c r="R3215" s="238">
        <v>35</v>
      </c>
      <c r="S3215" s="236" t="e">
        <f t="shared" si="749"/>
        <v>#N/A</v>
      </c>
      <c r="T3215" s="236">
        <f t="shared" si="750"/>
        <v>32.436192945445946</v>
      </c>
    </row>
    <row r="3216" spans="1:20" x14ac:dyDescent="0.2">
      <c r="A3216" s="53">
        <f t="shared" si="751"/>
        <v>3204</v>
      </c>
      <c r="B3216" s="239">
        <v>32.034999999999997</v>
      </c>
      <c r="C3216" s="3">
        <f t="shared" si="752"/>
        <v>32.027999999999999</v>
      </c>
      <c r="D3216" s="239">
        <v>6.8830999999999998</v>
      </c>
      <c r="E3216" s="239">
        <v>5.4399999999999997E-2</v>
      </c>
      <c r="F3216" s="239">
        <v>0.35859999999999997</v>
      </c>
      <c r="G3216">
        <f t="shared" si="753"/>
        <v>6.9548199999999998</v>
      </c>
      <c r="H3216" s="235">
        <f t="shared" si="754"/>
        <v>0.78219134355741771</v>
      </c>
      <c r="I3216" s="236">
        <f t="shared" si="755"/>
        <v>18.688617388486335</v>
      </c>
      <c r="J3216" s="237">
        <f t="shared" ref="J3216:J3279" si="760">$I3216-10</f>
        <v>8.6886173884863354</v>
      </c>
      <c r="K3216" s="237">
        <f t="shared" si="756"/>
        <v>598.55903771844032</v>
      </c>
      <c r="L3216" s="237">
        <f t="shared" ref="L3216:L3279" si="761">$J3216*$B3216</f>
        <v>278.3398580401597</v>
      </c>
      <c r="M3216" s="236">
        <f t="shared" si="757"/>
        <v>22.836330402110285</v>
      </c>
      <c r="N3216" s="236">
        <f t="shared" si="758"/>
        <v>0.8558490647695699</v>
      </c>
      <c r="O3216" s="236">
        <f t="shared" ref="O3216:O3279" si="762">((3.47-LOG($M3216))^2+(LOG($N3216)+1.22)^2)^0.5</f>
        <v>2.4053935409940799</v>
      </c>
      <c r="P3216" s="236" t="str">
        <f t="shared" ref="P3216:P3279" si="763">IF(O3216&lt;2.6,"SAND","CLAY")</f>
        <v>SAND</v>
      </c>
      <c r="Q3216" s="236" t="e">
        <f t="shared" si="759"/>
        <v>#N/A</v>
      </c>
      <c r="R3216" s="238">
        <v>35</v>
      </c>
      <c r="S3216" s="236" t="e">
        <f t="shared" ref="S3216:S3279" si="764">IF(P3216="SAND",#N/A,0.25*($M3216)^1.25)</f>
        <v>#N/A</v>
      </c>
      <c r="T3216" s="236">
        <f t="shared" si="750"/>
        <v>32.544889496551647</v>
      </c>
    </row>
    <row r="3217" spans="1:20" x14ac:dyDescent="0.2">
      <c r="A3217" s="53">
        <f t="shared" si="751"/>
        <v>3205</v>
      </c>
      <c r="B3217" s="239">
        <v>32.043999999999997</v>
      </c>
      <c r="C3217" s="3">
        <f t="shared" si="752"/>
        <v>32.036999999999999</v>
      </c>
      <c r="D3217" s="239">
        <v>6.6950000000000003</v>
      </c>
      <c r="E3217" s="239">
        <v>5.0099999999999999E-2</v>
      </c>
      <c r="F3217" s="239">
        <v>0.36280000000000001</v>
      </c>
      <c r="G3217">
        <f t="shared" si="753"/>
        <v>6.7675600000000005</v>
      </c>
      <c r="H3217" s="235">
        <f t="shared" si="754"/>
        <v>0.74029635496397517</v>
      </c>
      <c r="I3217" s="236">
        <f t="shared" si="755"/>
        <v>18.581393817578537</v>
      </c>
      <c r="J3217" s="237">
        <f t="shared" si="760"/>
        <v>8.5813938175785367</v>
      </c>
      <c r="K3217" s="237">
        <f t="shared" si="756"/>
        <v>595.29211373376359</v>
      </c>
      <c r="L3217" s="237">
        <f t="shared" si="761"/>
        <v>274.98218349048659</v>
      </c>
      <c r="M3217" s="236">
        <f t="shared" si="757"/>
        <v>22.446064715606475</v>
      </c>
      <c r="N3217" s="236">
        <f t="shared" si="758"/>
        <v>0.8116951649405284</v>
      </c>
      <c r="O3217" s="236">
        <f t="shared" si="762"/>
        <v>2.4010612783590091</v>
      </c>
      <c r="P3217" s="236" t="str">
        <f t="shared" si="763"/>
        <v>SAND</v>
      </c>
      <c r="Q3217" s="236" t="e">
        <f t="shared" si="759"/>
        <v>#N/A</v>
      </c>
      <c r="R3217" s="238">
        <v>35</v>
      </c>
      <c r="S3217" s="236" t="e">
        <f t="shared" si="764"/>
        <v>#N/A</v>
      </c>
      <c r="T3217" s="236">
        <f t="shared" si="750"/>
        <v>32.462542317967696</v>
      </c>
    </row>
    <row r="3218" spans="1:20" x14ac:dyDescent="0.2">
      <c r="A3218" s="53">
        <f t="shared" si="751"/>
        <v>3206</v>
      </c>
      <c r="B3218" s="239">
        <v>32.052999999999997</v>
      </c>
      <c r="C3218" s="3">
        <f t="shared" si="752"/>
        <v>32.045999999999999</v>
      </c>
      <c r="D3218" s="239">
        <v>6.3781999999999996</v>
      </c>
      <c r="E3218" s="239">
        <v>4.9200000000000001E-2</v>
      </c>
      <c r="F3218" s="239">
        <v>0.39369999999999999</v>
      </c>
      <c r="G3218">
        <f t="shared" si="753"/>
        <v>6.4569399999999995</v>
      </c>
      <c r="H3218" s="235">
        <f t="shared" si="754"/>
        <v>0.76197084067685328</v>
      </c>
      <c r="I3218" s="236">
        <f t="shared" si="755"/>
        <v>18.541772907590655</v>
      </c>
      <c r="J3218" s="237">
        <f t="shared" si="760"/>
        <v>8.541772907590655</v>
      </c>
      <c r="K3218" s="237">
        <f t="shared" si="756"/>
        <v>594.18965459665014</v>
      </c>
      <c r="L3218" s="237">
        <f t="shared" si="761"/>
        <v>273.78944700700322</v>
      </c>
      <c r="M3218" s="236">
        <f t="shared" si="757"/>
        <v>21.413353982388472</v>
      </c>
      <c r="N3218" s="236">
        <f t="shared" si="758"/>
        <v>0.83919657330411379</v>
      </c>
      <c r="O3218" s="236">
        <f t="shared" si="762"/>
        <v>2.4259212965023349</v>
      </c>
      <c r="P3218" s="236" t="str">
        <f t="shared" si="763"/>
        <v>SAND</v>
      </c>
      <c r="Q3218" s="236" t="e">
        <f t="shared" si="759"/>
        <v>#N/A</v>
      </c>
      <c r="R3218" s="238">
        <v>35</v>
      </c>
      <c r="S3218" s="236" t="e">
        <f t="shared" si="764"/>
        <v>#N/A</v>
      </c>
      <c r="T3218" s="236">
        <f t="shared" si="750"/>
        <v>32.237531659789887</v>
      </c>
    </row>
    <row r="3219" spans="1:20" x14ac:dyDescent="0.2">
      <c r="A3219" s="53">
        <f t="shared" si="751"/>
        <v>3207</v>
      </c>
      <c r="B3219" s="239">
        <v>32.064</v>
      </c>
      <c r="C3219" s="3">
        <f t="shared" si="752"/>
        <v>32.057000000000002</v>
      </c>
      <c r="D3219" s="239">
        <v>6.0518000000000001</v>
      </c>
      <c r="E3219" s="239">
        <v>4.7399999999999998E-2</v>
      </c>
      <c r="F3219" s="239">
        <v>0.41589999999999999</v>
      </c>
      <c r="G3219">
        <f t="shared" si="753"/>
        <v>6.1349799999999997</v>
      </c>
      <c r="H3219" s="235">
        <f t="shared" si="754"/>
        <v>0.77261865564353915</v>
      </c>
      <c r="I3219" s="236">
        <f t="shared" si="755"/>
        <v>18.478076413043521</v>
      </c>
      <c r="J3219" s="237">
        <f t="shared" si="760"/>
        <v>8.4780764130435209</v>
      </c>
      <c r="K3219" s="237">
        <f t="shared" si="756"/>
        <v>592.35169557293614</v>
      </c>
      <c r="L3219" s="237">
        <f t="shared" si="761"/>
        <v>271.84104210782743</v>
      </c>
      <c r="M3219" s="236">
        <f t="shared" si="757"/>
        <v>20.389225487991418</v>
      </c>
      <c r="N3219" s="236">
        <f t="shared" si="758"/>
        <v>0.85518994593485909</v>
      </c>
      <c r="O3219" s="236">
        <f t="shared" si="762"/>
        <v>2.4485582316180445</v>
      </c>
      <c r="P3219" s="236" t="str">
        <f t="shared" si="763"/>
        <v>SAND</v>
      </c>
      <c r="Q3219" s="236" t="e">
        <f t="shared" si="759"/>
        <v>#N/A</v>
      </c>
      <c r="R3219" s="238">
        <v>35</v>
      </c>
      <c r="S3219" s="236" t="e">
        <f t="shared" si="764"/>
        <v>#N/A</v>
      </c>
      <c r="T3219" s="236">
        <f t="shared" si="750"/>
        <v>32.0034080171799</v>
      </c>
    </row>
    <row r="3220" spans="1:20" x14ac:dyDescent="0.2">
      <c r="A3220" s="53">
        <f t="shared" si="751"/>
        <v>3208</v>
      </c>
      <c r="B3220" s="239">
        <v>32.073</v>
      </c>
      <c r="C3220" s="3">
        <f t="shared" si="752"/>
        <v>32.066000000000003</v>
      </c>
      <c r="D3220" s="239">
        <v>5.6551999999999998</v>
      </c>
      <c r="E3220" s="239">
        <v>4.58E-2</v>
      </c>
      <c r="F3220" s="239">
        <v>0.45569999999999999</v>
      </c>
      <c r="G3220">
        <f t="shared" si="753"/>
        <v>5.74634</v>
      </c>
      <c r="H3220" s="235">
        <f t="shared" si="754"/>
        <v>0.79702906545731711</v>
      </c>
      <c r="I3220" s="236">
        <f t="shared" si="755"/>
        <v>18.412232031907536</v>
      </c>
      <c r="J3220" s="237">
        <f t="shared" si="760"/>
        <v>8.4122320319075357</v>
      </c>
      <c r="K3220" s="237">
        <f t="shared" si="756"/>
        <v>590.40663233514704</v>
      </c>
      <c r="L3220" s="237">
        <f t="shared" si="761"/>
        <v>269.80551795937038</v>
      </c>
      <c r="M3220" s="236">
        <f t="shared" si="757"/>
        <v>19.10981438282251</v>
      </c>
      <c r="N3220" s="236">
        <f t="shared" si="758"/>
        <v>0.88829697232381111</v>
      </c>
      <c r="O3220" s="236">
        <f t="shared" si="762"/>
        <v>2.48115426167579</v>
      </c>
      <c r="P3220" s="236" t="str">
        <f t="shared" si="763"/>
        <v>SAND</v>
      </c>
      <c r="Q3220" s="236" t="e">
        <f t="shared" si="759"/>
        <v>#N/A</v>
      </c>
      <c r="R3220" s="238">
        <v>35</v>
      </c>
      <c r="S3220" s="236" t="e">
        <f t="shared" si="764"/>
        <v>#N/A</v>
      </c>
      <c r="T3220" s="236">
        <f t="shared" si="750"/>
        <v>31.693821155617609</v>
      </c>
    </row>
    <row r="3221" spans="1:20" x14ac:dyDescent="0.2">
      <c r="A3221" s="53">
        <f t="shared" si="751"/>
        <v>3209</v>
      </c>
      <c r="B3221" s="239">
        <v>32.082999999999998</v>
      </c>
      <c r="C3221" s="3">
        <f t="shared" si="752"/>
        <v>32.076000000000001</v>
      </c>
      <c r="D3221" s="239">
        <v>5.2514000000000003</v>
      </c>
      <c r="E3221" s="239">
        <v>4.4600000000000001E-2</v>
      </c>
      <c r="F3221" s="239">
        <v>0.48649999999999999</v>
      </c>
      <c r="G3221">
        <f t="shared" si="753"/>
        <v>5.3487</v>
      </c>
      <c r="H3221" s="235">
        <f t="shared" si="754"/>
        <v>0.83384747695701766</v>
      </c>
      <c r="I3221" s="236">
        <f t="shared" si="755"/>
        <v>18.353070588633052</v>
      </c>
      <c r="J3221" s="237">
        <f t="shared" si="760"/>
        <v>8.3530705886330523</v>
      </c>
      <c r="K3221" s="237">
        <f t="shared" si="756"/>
        <v>588.69309220099376</v>
      </c>
      <c r="L3221" s="237">
        <f t="shared" si="761"/>
        <v>267.99156369511422</v>
      </c>
      <c r="M3221" s="236">
        <f t="shared" si="757"/>
        <v>17.761778923810901</v>
      </c>
      <c r="N3221" s="236">
        <f t="shared" si="758"/>
        <v>0.93697343016299794</v>
      </c>
      <c r="O3221" s="236">
        <f t="shared" si="762"/>
        <v>2.5200980695451123</v>
      </c>
      <c r="P3221" s="236" t="str">
        <f t="shared" si="763"/>
        <v>SAND</v>
      </c>
      <c r="Q3221" s="236" t="e">
        <f t="shared" si="759"/>
        <v>#N/A</v>
      </c>
      <c r="R3221" s="238">
        <v>35</v>
      </c>
      <c r="S3221" s="236" t="e">
        <f t="shared" si="764"/>
        <v>#N/A</v>
      </c>
      <c r="T3221" s="236">
        <f t="shared" si="750"/>
        <v>31.344351062307283</v>
      </c>
    </row>
    <row r="3222" spans="1:20" x14ac:dyDescent="0.2">
      <c r="A3222" s="53">
        <f t="shared" si="751"/>
        <v>3210</v>
      </c>
      <c r="B3222" s="239">
        <v>32.091999999999999</v>
      </c>
      <c r="C3222" s="3">
        <f t="shared" si="752"/>
        <v>32.085000000000001</v>
      </c>
      <c r="D3222" s="239">
        <v>4.9137000000000004</v>
      </c>
      <c r="E3222" s="239">
        <v>4.2999999999999997E-2</v>
      </c>
      <c r="F3222" s="239">
        <v>0.53420000000000001</v>
      </c>
      <c r="G3222">
        <f t="shared" si="753"/>
        <v>5.0205400000000004</v>
      </c>
      <c r="H3222" s="235">
        <f t="shared" si="754"/>
        <v>0.85648157369525979</v>
      </c>
      <c r="I3222" s="236">
        <f t="shared" si="755"/>
        <v>18.285483272859324</v>
      </c>
      <c r="J3222" s="237">
        <f t="shared" si="760"/>
        <v>8.2854832728593237</v>
      </c>
      <c r="K3222" s="237">
        <f t="shared" si="756"/>
        <v>586.68973080969147</v>
      </c>
      <c r="L3222" s="237">
        <f t="shared" si="761"/>
        <v>265.89772919260139</v>
      </c>
      <c r="M3222" s="236">
        <f t="shared" si="757"/>
        <v>16.675021191996255</v>
      </c>
      <c r="N3222" s="236">
        <f t="shared" si="758"/>
        <v>0.96981172997193876</v>
      </c>
      <c r="O3222" s="236">
        <f t="shared" si="762"/>
        <v>2.5513329956568187</v>
      </c>
      <c r="P3222" s="236" t="str">
        <f t="shared" si="763"/>
        <v>SAND</v>
      </c>
      <c r="Q3222" s="236" t="e">
        <f t="shared" si="759"/>
        <v>#N/A</v>
      </c>
      <c r="R3222" s="238">
        <v>35</v>
      </c>
      <c r="S3222" s="236" t="e">
        <f t="shared" si="764"/>
        <v>#N/A</v>
      </c>
      <c r="T3222" s="236">
        <f t="shared" si="750"/>
        <v>31.042730339789181</v>
      </c>
    </row>
    <row r="3223" spans="1:20" x14ac:dyDescent="0.2">
      <c r="A3223" s="53">
        <f t="shared" si="751"/>
        <v>3211</v>
      </c>
      <c r="B3223" s="239">
        <v>32.103000000000002</v>
      </c>
      <c r="C3223" s="3">
        <f t="shared" si="752"/>
        <v>32.096000000000004</v>
      </c>
      <c r="D3223" s="239">
        <v>4.6048</v>
      </c>
      <c r="E3223" s="239">
        <v>0.04</v>
      </c>
      <c r="F3223" s="239">
        <v>0.61170000000000002</v>
      </c>
      <c r="G3223">
        <f t="shared" si="753"/>
        <v>4.7271400000000003</v>
      </c>
      <c r="H3223" s="235">
        <f t="shared" si="754"/>
        <v>0.84617760421734911</v>
      </c>
      <c r="I3223" s="236">
        <f t="shared" si="755"/>
        <v>18.177143649155351</v>
      </c>
      <c r="J3223" s="237">
        <f t="shared" si="760"/>
        <v>8.1771436491553509</v>
      </c>
      <c r="K3223" s="237">
        <f t="shared" si="756"/>
        <v>583.41360256329017</v>
      </c>
      <c r="L3223" s="237">
        <f t="shared" si="761"/>
        <v>262.51084256883422</v>
      </c>
      <c r="M3223" s="236">
        <f t="shared" si="757"/>
        <v>15.784972372522725</v>
      </c>
      <c r="N3223" s="236">
        <f t="shared" si="758"/>
        <v>0.96531469898070033</v>
      </c>
      <c r="O3223" s="236">
        <f t="shared" si="762"/>
        <v>2.571401041989128</v>
      </c>
      <c r="P3223" s="236" t="str">
        <f t="shared" si="763"/>
        <v>SAND</v>
      </c>
      <c r="Q3223" s="236" t="e">
        <f t="shared" si="759"/>
        <v>#N/A</v>
      </c>
      <c r="R3223" s="238">
        <v>35</v>
      </c>
      <c r="S3223" s="236" t="e">
        <f t="shared" si="764"/>
        <v>#N/A</v>
      </c>
      <c r="T3223" s="236">
        <f t="shared" si="750"/>
        <v>30.780682087206465</v>
      </c>
    </row>
    <row r="3224" spans="1:20" x14ac:dyDescent="0.2">
      <c r="A3224" s="53">
        <f t="shared" si="751"/>
        <v>3212</v>
      </c>
      <c r="B3224" s="239">
        <v>32.112000000000002</v>
      </c>
      <c r="C3224" s="3">
        <f t="shared" si="752"/>
        <v>32.105000000000004</v>
      </c>
      <c r="D3224" s="239">
        <v>4.3133999999999997</v>
      </c>
      <c r="E3224" s="239">
        <v>4.4299999999999999E-2</v>
      </c>
      <c r="F3224" s="239">
        <v>0.66610000000000003</v>
      </c>
      <c r="G3224">
        <f t="shared" si="753"/>
        <v>4.4466199999999994</v>
      </c>
      <c r="H3224" s="235">
        <f t="shared" si="754"/>
        <v>0.99626232958966598</v>
      </c>
      <c r="I3224" s="236">
        <f t="shared" si="755"/>
        <v>18.272960130506192</v>
      </c>
      <c r="J3224" s="237">
        <f t="shared" si="760"/>
        <v>8.2729601305061919</v>
      </c>
      <c r="K3224" s="237">
        <f t="shared" si="756"/>
        <v>586.65338498990138</v>
      </c>
      <c r="L3224" s="237">
        <f t="shared" si="761"/>
        <v>265.66129571081484</v>
      </c>
      <c r="M3224" s="236">
        <f t="shared" si="757"/>
        <v>14.529653650458204</v>
      </c>
      <c r="N3224" s="236">
        <f t="shared" si="758"/>
        <v>1.1476783200075451</v>
      </c>
      <c r="O3224" s="236">
        <f t="shared" si="762"/>
        <v>2.6388682163699269</v>
      </c>
      <c r="P3224" s="236" t="str">
        <f t="shared" si="763"/>
        <v>CLAY</v>
      </c>
      <c r="Q3224" s="236">
        <f t="shared" si="759"/>
        <v>321.66388458417481</v>
      </c>
      <c r="R3224" s="238">
        <v>35</v>
      </c>
      <c r="S3224" s="236">
        <f t="shared" si="764"/>
        <v>7.0918425679903159</v>
      </c>
      <c r="T3224" s="236" t="e">
        <f t="shared" si="750"/>
        <v>#N/A</v>
      </c>
    </row>
    <row r="3225" spans="1:20" x14ac:dyDescent="0.2">
      <c r="A3225" s="53">
        <f t="shared" si="751"/>
        <v>3213</v>
      </c>
      <c r="B3225" s="239">
        <v>32.122</v>
      </c>
      <c r="C3225" s="3">
        <f t="shared" si="752"/>
        <v>32.115000000000002</v>
      </c>
      <c r="D3225" s="239">
        <v>4.0544000000000002</v>
      </c>
      <c r="E3225" s="239">
        <v>5.04E-2</v>
      </c>
      <c r="F3225" s="239">
        <v>0.69940000000000002</v>
      </c>
      <c r="G3225">
        <f t="shared" si="753"/>
        <v>4.19428</v>
      </c>
      <c r="H3225" s="235">
        <f t="shared" si="754"/>
        <v>1.201636514491164</v>
      </c>
      <c r="I3225" s="236">
        <f t="shared" si="755"/>
        <v>18.401397180378169</v>
      </c>
      <c r="J3225" s="237">
        <f t="shared" si="760"/>
        <v>8.4013971803781686</v>
      </c>
      <c r="K3225" s="237">
        <f t="shared" si="756"/>
        <v>590.96087044784497</v>
      </c>
      <c r="L3225" s="237">
        <f t="shared" si="761"/>
        <v>269.86968022810754</v>
      </c>
      <c r="M3225" s="236">
        <f t="shared" si="757"/>
        <v>13.352070994068125</v>
      </c>
      <c r="N3225" s="236">
        <f t="shared" si="758"/>
        <v>1.3987104163672579</v>
      </c>
      <c r="O3225" s="236">
        <f t="shared" si="762"/>
        <v>2.7132387770979065</v>
      </c>
      <c r="P3225" s="236" t="str">
        <f t="shared" si="763"/>
        <v>CLAY</v>
      </c>
      <c r="Q3225" s="236">
        <f t="shared" si="759"/>
        <v>300.27659412934622</v>
      </c>
      <c r="R3225" s="238">
        <v>35</v>
      </c>
      <c r="S3225" s="236">
        <f t="shared" si="764"/>
        <v>6.3808098063749306</v>
      </c>
      <c r="T3225" s="236" t="e">
        <f t="shared" si="750"/>
        <v>#N/A</v>
      </c>
    </row>
    <row r="3226" spans="1:20" x14ac:dyDescent="0.2">
      <c r="A3226" s="53">
        <f t="shared" si="751"/>
        <v>3214</v>
      </c>
      <c r="B3226" s="239">
        <v>32.133000000000003</v>
      </c>
      <c r="C3226" s="3">
        <f t="shared" si="752"/>
        <v>32.126000000000005</v>
      </c>
      <c r="D3226" s="239">
        <v>3.8856999999999999</v>
      </c>
      <c r="E3226" s="239">
        <v>5.62E-2</v>
      </c>
      <c r="F3226" s="239">
        <v>0.71379999999999999</v>
      </c>
      <c r="G3226">
        <f t="shared" si="753"/>
        <v>4.0284599999999999</v>
      </c>
      <c r="H3226" s="235">
        <f t="shared" si="754"/>
        <v>1.3950740481474311</v>
      </c>
      <c r="I3226" s="236">
        <f t="shared" si="755"/>
        <v>18.513356256583521</v>
      </c>
      <c r="J3226" s="237">
        <f t="shared" si="760"/>
        <v>8.5133562565835206</v>
      </c>
      <c r="K3226" s="237">
        <f t="shared" si="756"/>
        <v>594.76008309900226</v>
      </c>
      <c r="L3226" s="237">
        <f t="shared" si="761"/>
        <v>273.55967659279827</v>
      </c>
      <c r="M3226" s="236">
        <f t="shared" si="757"/>
        <v>12.551922709033475</v>
      </c>
      <c r="N3226" s="236">
        <f t="shared" si="758"/>
        <v>1.6367184483238693</v>
      </c>
      <c r="O3226" s="236">
        <f t="shared" si="762"/>
        <v>2.7711543473570504</v>
      </c>
      <c r="P3226" s="236" t="str">
        <f t="shared" si="763"/>
        <v>CLAY</v>
      </c>
      <c r="Q3226" s="236">
        <f t="shared" si="759"/>
        <v>286.14165974174983</v>
      </c>
      <c r="R3226" s="238">
        <v>35</v>
      </c>
      <c r="S3226" s="236">
        <f t="shared" si="764"/>
        <v>5.9064676422827267</v>
      </c>
      <c r="T3226" s="236" t="e">
        <f t="shared" si="750"/>
        <v>#N/A</v>
      </c>
    </row>
    <row r="3227" spans="1:20" x14ac:dyDescent="0.2">
      <c r="A3227" s="53">
        <f t="shared" si="751"/>
        <v>3215</v>
      </c>
      <c r="B3227" s="239">
        <v>32.143000000000001</v>
      </c>
      <c r="C3227" s="3">
        <f t="shared" si="752"/>
        <v>32.136000000000003</v>
      </c>
      <c r="D3227" s="239">
        <v>3.7176</v>
      </c>
      <c r="E3227" s="239">
        <v>6.0100000000000001E-2</v>
      </c>
      <c r="F3227" s="239">
        <v>0.75</v>
      </c>
      <c r="G3227">
        <f t="shared" si="753"/>
        <v>3.8675999999999999</v>
      </c>
      <c r="H3227" s="235">
        <f t="shared" si="754"/>
        <v>1.5539352570069296</v>
      </c>
      <c r="I3227" s="236">
        <f t="shared" si="755"/>
        <v>18.576101525193845</v>
      </c>
      <c r="J3227" s="237">
        <f t="shared" si="760"/>
        <v>8.5761015251938453</v>
      </c>
      <c r="K3227" s="237">
        <f t="shared" si="756"/>
        <v>596.96159861362946</v>
      </c>
      <c r="L3227" s="237">
        <f t="shared" si="761"/>
        <v>275.6616313243058</v>
      </c>
      <c r="M3227" s="236">
        <f t="shared" si="757"/>
        <v>11.864684924317901</v>
      </c>
      <c r="N3227" s="236">
        <f t="shared" si="758"/>
        <v>1.837561742518665</v>
      </c>
      <c r="O3227" s="236">
        <f t="shared" si="762"/>
        <v>2.8182552131528973</v>
      </c>
      <c r="P3227" s="236" t="str">
        <f t="shared" si="763"/>
        <v>CLAY</v>
      </c>
      <c r="Q3227" s="236">
        <f t="shared" si="759"/>
        <v>272.55320011553084</v>
      </c>
      <c r="R3227" s="238">
        <v>35</v>
      </c>
      <c r="S3227" s="236">
        <f t="shared" si="764"/>
        <v>5.5050373615181778</v>
      </c>
      <c r="T3227" s="236" t="e">
        <f t="shared" si="750"/>
        <v>#N/A</v>
      </c>
    </row>
    <row r="3228" spans="1:20" x14ac:dyDescent="0.2">
      <c r="A3228" s="53">
        <f t="shared" si="751"/>
        <v>3216</v>
      </c>
      <c r="B3228" s="239">
        <v>32.152000000000001</v>
      </c>
      <c r="C3228" s="3">
        <f t="shared" si="752"/>
        <v>32.145000000000003</v>
      </c>
      <c r="D3228" s="239">
        <v>3.5051999999999999</v>
      </c>
      <c r="E3228" s="239">
        <v>5.9900000000000002E-2</v>
      </c>
      <c r="F3228" s="239">
        <v>0.78490000000000004</v>
      </c>
      <c r="G3228">
        <f t="shared" si="753"/>
        <v>3.6621799999999998</v>
      </c>
      <c r="H3228" s="235">
        <f t="shared" si="754"/>
        <v>1.63563778951335</v>
      </c>
      <c r="I3228" s="236">
        <f t="shared" si="755"/>
        <v>18.55086119270252</v>
      </c>
      <c r="J3228" s="237">
        <f t="shared" si="760"/>
        <v>8.55086119270252</v>
      </c>
      <c r="K3228" s="237">
        <f t="shared" si="756"/>
        <v>596.31743303942255</v>
      </c>
      <c r="L3228" s="237">
        <f t="shared" si="761"/>
        <v>274.92728906777143</v>
      </c>
      <c r="M3228" s="236">
        <f t="shared" si="757"/>
        <v>11.151539657472203</v>
      </c>
      <c r="N3228" s="236">
        <f t="shared" si="758"/>
        <v>1.9537731614428961</v>
      </c>
      <c r="O3228" s="236">
        <f t="shared" si="762"/>
        <v>2.8551790094403331</v>
      </c>
      <c r="P3228" s="236" t="str">
        <f t="shared" si="763"/>
        <v>CLAY</v>
      </c>
      <c r="Q3228" s="236">
        <f t="shared" si="759"/>
        <v>255.48854724671477</v>
      </c>
      <c r="R3228" s="238">
        <v>35</v>
      </c>
      <c r="S3228" s="236">
        <f t="shared" si="764"/>
        <v>5.0945819215140782</v>
      </c>
      <c r="T3228" s="236" t="e">
        <f t="shared" si="750"/>
        <v>#N/A</v>
      </c>
    </row>
    <row r="3229" spans="1:20" x14ac:dyDescent="0.2">
      <c r="A3229" s="53">
        <f t="shared" si="751"/>
        <v>3217</v>
      </c>
      <c r="B3229" s="239">
        <v>32.161999999999999</v>
      </c>
      <c r="C3229" s="3">
        <f t="shared" si="752"/>
        <v>32.155000000000001</v>
      </c>
      <c r="D3229" s="239">
        <v>3.3285999999999998</v>
      </c>
      <c r="E3229" s="239">
        <v>5.5599999999999997E-2</v>
      </c>
      <c r="F3229" s="239">
        <v>0.79390000000000005</v>
      </c>
      <c r="G3229">
        <f t="shared" si="753"/>
        <v>3.4873799999999999</v>
      </c>
      <c r="H3229" s="235">
        <f t="shared" si="754"/>
        <v>1.5943200913006323</v>
      </c>
      <c r="I3229" s="236">
        <f t="shared" si="755"/>
        <v>18.444394336956702</v>
      </c>
      <c r="J3229" s="237">
        <f t="shared" si="760"/>
        <v>8.4443943369567016</v>
      </c>
      <c r="K3229" s="237">
        <f t="shared" si="756"/>
        <v>593.07949990484281</v>
      </c>
      <c r="L3229" s="237">
        <f t="shared" si="761"/>
        <v>271.58861066520143</v>
      </c>
      <c r="M3229" s="236">
        <f t="shared" si="757"/>
        <v>10.656928849137499</v>
      </c>
      <c r="N3229" s="236">
        <f t="shared" si="758"/>
        <v>1.9210168397570331</v>
      </c>
      <c r="O3229" s="236">
        <f t="shared" si="762"/>
        <v>2.8680598161304252</v>
      </c>
      <c r="P3229" s="236" t="str">
        <f t="shared" si="763"/>
        <v>CLAY</v>
      </c>
      <c r="Q3229" s="236">
        <f t="shared" si="759"/>
        <v>241.19170834126308</v>
      </c>
      <c r="R3229" s="238">
        <v>35</v>
      </c>
      <c r="S3229" s="236">
        <f t="shared" si="764"/>
        <v>4.8137118689880163</v>
      </c>
      <c r="T3229" s="236" t="e">
        <f t="shared" si="750"/>
        <v>#N/A</v>
      </c>
    </row>
    <row r="3230" spans="1:20" x14ac:dyDescent="0.2">
      <c r="A3230" s="53">
        <f t="shared" si="751"/>
        <v>3218</v>
      </c>
      <c r="B3230" s="239">
        <v>32.171999999999997</v>
      </c>
      <c r="C3230" s="3">
        <f t="shared" si="752"/>
        <v>32.164999999999999</v>
      </c>
      <c r="D3230" s="239">
        <v>3.3841000000000001</v>
      </c>
      <c r="E3230" s="239">
        <v>6.0199999999999997E-2</v>
      </c>
      <c r="F3230" s="239">
        <v>0.78690000000000004</v>
      </c>
      <c r="G3230">
        <f t="shared" si="753"/>
        <v>3.54148</v>
      </c>
      <c r="H3230" s="235">
        <f t="shared" si="754"/>
        <v>1.6998542982030111</v>
      </c>
      <c r="I3230" s="236">
        <f t="shared" si="755"/>
        <v>18.543619894951636</v>
      </c>
      <c r="J3230" s="237">
        <f t="shared" si="760"/>
        <v>8.543619894951636</v>
      </c>
      <c r="K3230" s="237">
        <f t="shared" si="756"/>
        <v>596.45553392111935</v>
      </c>
      <c r="L3230" s="237">
        <f t="shared" si="761"/>
        <v>274.86533926038402</v>
      </c>
      <c r="M3230" s="236">
        <f t="shared" si="757"/>
        <v>10.714426467896759</v>
      </c>
      <c r="N3230" s="236">
        <f t="shared" si="758"/>
        <v>2.0441256326862574</v>
      </c>
      <c r="O3230" s="236">
        <f t="shared" si="762"/>
        <v>2.8803133673759178</v>
      </c>
      <c r="P3230" s="236" t="str">
        <f t="shared" si="763"/>
        <v>CLAY</v>
      </c>
      <c r="Q3230" s="236">
        <f t="shared" si="759"/>
        <v>245.41870550657339</v>
      </c>
      <c r="R3230" s="238">
        <v>35</v>
      </c>
      <c r="S3230" s="236">
        <f t="shared" si="764"/>
        <v>4.8461981726628371</v>
      </c>
      <c r="T3230" s="236" t="e">
        <f t="shared" si="750"/>
        <v>#N/A</v>
      </c>
    </row>
    <row r="3231" spans="1:20" x14ac:dyDescent="0.2">
      <c r="A3231" s="53">
        <f t="shared" si="751"/>
        <v>3219</v>
      </c>
      <c r="B3231" s="239">
        <v>32.182000000000002</v>
      </c>
      <c r="C3231" s="3">
        <f t="shared" si="752"/>
        <v>32.175000000000004</v>
      </c>
      <c r="D3231" s="239">
        <v>3.4043000000000001</v>
      </c>
      <c r="E3231" s="239">
        <v>6.3399999999999998E-2</v>
      </c>
      <c r="F3231" s="239">
        <v>0.77170000000000005</v>
      </c>
      <c r="G3231">
        <f t="shared" si="753"/>
        <v>3.55864</v>
      </c>
      <c r="H3231" s="235">
        <f t="shared" si="754"/>
        <v>1.7815794798012725</v>
      </c>
      <c r="I3231" s="236">
        <f t="shared" si="755"/>
        <v>18.606239701083474</v>
      </c>
      <c r="J3231" s="237">
        <f t="shared" si="760"/>
        <v>8.6062397010834744</v>
      </c>
      <c r="K3231" s="237">
        <f t="shared" si="756"/>
        <v>598.65576238236088</v>
      </c>
      <c r="L3231" s="237">
        <f t="shared" si="761"/>
        <v>276.9660060602684</v>
      </c>
      <c r="M3231" s="236">
        <f t="shared" si="757"/>
        <v>10.687175223133845</v>
      </c>
      <c r="N3231" s="236">
        <f t="shared" si="758"/>
        <v>2.1419032978036356</v>
      </c>
      <c r="O3231" s="236">
        <f t="shared" si="762"/>
        <v>2.8920806349108412</v>
      </c>
      <c r="P3231" s="236" t="str">
        <f t="shared" si="763"/>
        <v>CLAY</v>
      </c>
      <c r="Q3231" s="236">
        <f t="shared" si="759"/>
        <v>246.66535313480324</v>
      </c>
      <c r="R3231" s="238">
        <v>35</v>
      </c>
      <c r="S3231" s="236">
        <f t="shared" si="764"/>
        <v>4.8307957011409632</v>
      </c>
      <c r="T3231" s="236" t="e">
        <f t="shared" si="750"/>
        <v>#N/A</v>
      </c>
    </row>
    <row r="3232" spans="1:20" x14ac:dyDescent="0.2">
      <c r="A3232" s="53">
        <f t="shared" si="751"/>
        <v>3220</v>
      </c>
      <c r="B3232" s="239">
        <v>32.192</v>
      </c>
      <c r="C3232" s="3">
        <f t="shared" si="752"/>
        <v>32.185000000000002</v>
      </c>
      <c r="D3232" s="239">
        <v>3.4563000000000001</v>
      </c>
      <c r="E3232" s="239">
        <v>6.4399999999999999E-2</v>
      </c>
      <c r="F3232" s="239">
        <v>0.73019999999999996</v>
      </c>
      <c r="G3232">
        <f t="shared" si="753"/>
        <v>3.6023399999999999</v>
      </c>
      <c r="H3232" s="235">
        <f t="shared" si="754"/>
        <v>1.7877268664257122</v>
      </c>
      <c r="I3232" s="236">
        <f t="shared" si="755"/>
        <v>18.629361126681975</v>
      </c>
      <c r="J3232" s="237">
        <f t="shared" si="760"/>
        <v>8.6293611266819745</v>
      </c>
      <c r="K3232" s="237">
        <f t="shared" si="756"/>
        <v>599.58598786225934</v>
      </c>
      <c r="L3232" s="237">
        <f t="shared" si="761"/>
        <v>277.79639339014614</v>
      </c>
      <c r="M3232" s="236">
        <f t="shared" si="757"/>
        <v>10.809190052804526</v>
      </c>
      <c r="N3232" s="236">
        <f t="shared" si="758"/>
        <v>2.1446978253857005</v>
      </c>
      <c r="O3232" s="236">
        <f t="shared" si="762"/>
        <v>2.8882244742326924</v>
      </c>
      <c r="P3232" s="236" t="str">
        <f t="shared" si="763"/>
        <v>CLAY</v>
      </c>
      <c r="Q3232" s="236">
        <f t="shared" si="759"/>
        <v>250.22950101147839</v>
      </c>
      <c r="R3232" s="238">
        <v>35</v>
      </c>
      <c r="S3232" s="236">
        <f t="shared" si="764"/>
        <v>4.8998349347644332</v>
      </c>
      <c r="T3232" s="236" t="e">
        <f t="shared" si="750"/>
        <v>#N/A</v>
      </c>
    </row>
    <row r="3233" spans="1:20" x14ac:dyDescent="0.2">
      <c r="A3233" s="53">
        <f t="shared" si="751"/>
        <v>3221</v>
      </c>
      <c r="B3233" s="239">
        <v>32.201999999999998</v>
      </c>
      <c r="C3233" s="3">
        <f t="shared" si="752"/>
        <v>32.195</v>
      </c>
      <c r="D3233" s="239">
        <v>3.4845000000000002</v>
      </c>
      <c r="E3233" s="239">
        <v>6.6799999999999998E-2</v>
      </c>
      <c r="F3233" s="239">
        <v>0.69669999999999999</v>
      </c>
      <c r="G3233">
        <f t="shared" si="753"/>
        <v>3.62384</v>
      </c>
      <c r="H3233" s="235">
        <f t="shared" si="754"/>
        <v>1.8433484922071615</v>
      </c>
      <c r="I3233" s="236">
        <f t="shared" si="755"/>
        <v>18.674591616055423</v>
      </c>
      <c r="J3233" s="237">
        <f t="shared" si="760"/>
        <v>8.6745916160554231</v>
      </c>
      <c r="K3233" s="237">
        <f t="shared" si="756"/>
        <v>601.22847707890435</v>
      </c>
      <c r="L3233" s="237">
        <f t="shared" si="761"/>
        <v>279.3391992202167</v>
      </c>
      <c r="M3233" s="236">
        <f t="shared" si="757"/>
        <v>10.820577746906993</v>
      </c>
      <c r="N3233" s="236">
        <f t="shared" si="758"/>
        <v>2.2100094402949773</v>
      </c>
      <c r="O3233" s="236">
        <f t="shared" si="762"/>
        <v>2.8948583491197546</v>
      </c>
      <c r="P3233" s="236" t="str">
        <f t="shared" si="763"/>
        <v>CLAY</v>
      </c>
      <c r="Q3233" s="236">
        <f t="shared" si="759"/>
        <v>251.88429357675798</v>
      </c>
      <c r="R3233" s="238">
        <v>35</v>
      </c>
      <c r="S3233" s="236">
        <f t="shared" si="764"/>
        <v>4.9062883747533776</v>
      </c>
      <c r="T3233" s="236" t="e">
        <f t="shared" si="750"/>
        <v>#N/A</v>
      </c>
    </row>
    <row r="3234" spans="1:20" x14ac:dyDescent="0.2">
      <c r="A3234" s="53">
        <f t="shared" si="751"/>
        <v>3222</v>
      </c>
      <c r="B3234" s="239">
        <v>32.212000000000003</v>
      </c>
      <c r="C3234" s="3">
        <f t="shared" si="752"/>
        <v>32.205000000000005</v>
      </c>
      <c r="D3234" s="239">
        <v>3.49</v>
      </c>
      <c r="E3234" s="239">
        <v>6.8400000000000002E-2</v>
      </c>
      <c r="F3234" s="239">
        <v>0.70020000000000004</v>
      </c>
      <c r="G3234">
        <f t="shared" si="753"/>
        <v>3.6300400000000002</v>
      </c>
      <c r="H3234" s="235">
        <f t="shared" si="754"/>
        <v>1.8842767572809116</v>
      </c>
      <c r="I3234" s="236">
        <f t="shared" si="755"/>
        <v>18.703014798588285</v>
      </c>
      <c r="J3234" s="237">
        <f t="shared" si="760"/>
        <v>8.7030147985882849</v>
      </c>
      <c r="K3234" s="237">
        <f t="shared" si="756"/>
        <v>602.33059158853587</v>
      </c>
      <c r="L3234" s="237">
        <f t="shared" si="761"/>
        <v>280.34151269212589</v>
      </c>
      <c r="M3234" s="236">
        <f t="shared" si="757"/>
        <v>10.800075163097688</v>
      </c>
      <c r="N3234" s="236">
        <f t="shared" si="758"/>
        <v>2.2591335816433968</v>
      </c>
      <c r="O3234" s="236">
        <f t="shared" si="762"/>
        <v>2.9007209804760925</v>
      </c>
      <c r="P3234" s="236" t="str">
        <f t="shared" si="763"/>
        <v>CLAY</v>
      </c>
      <c r="Q3234" s="236">
        <f t="shared" si="759"/>
        <v>252.30911736762201</v>
      </c>
      <c r="R3234" s="238">
        <v>35</v>
      </c>
      <c r="S3234" s="236">
        <f t="shared" si="764"/>
        <v>4.8946707242426584</v>
      </c>
      <c r="T3234" s="236" t="e">
        <f t="shared" si="750"/>
        <v>#N/A</v>
      </c>
    </row>
    <row r="3235" spans="1:20" x14ac:dyDescent="0.2">
      <c r="A3235" s="53">
        <f t="shared" si="751"/>
        <v>3223</v>
      </c>
      <c r="B3235" s="239">
        <v>32.222000000000001</v>
      </c>
      <c r="C3235" s="3">
        <f t="shared" si="752"/>
        <v>32.215000000000003</v>
      </c>
      <c r="D3235" s="239">
        <v>3.4615</v>
      </c>
      <c r="E3235" s="239">
        <v>6.9500000000000006E-2</v>
      </c>
      <c r="F3235" s="239">
        <v>0.71240000000000003</v>
      </c>
      <c r="G3235">
        <f t="shared" si="753"/>
        <v>3.60398</v>
      </c>
      <c r="H3235" s="235">
        <f t="shared" si="754"/>
        <v>1.9284235761574706</v>
      </c>
      <c r="I3235" s="236">
        <f t="shared" si="755"/>
        <v>18.71890616178376</v>
      </c>
      <c r="J3235" s="237">
        <f t="shared" si="760"/>
        <v>8.7189061617837602</v>
      </c>
      <c r="K3235" s="237">
        <f t="shared" si="756"/>
        <v>603.02956200186395</v>
      </c>
      <c r="L3235" s="237">
        <f t="shared" si="761"/>
        <v>280.94059434499633</v>
      </c>
      <c r="M3235" s="236">
        <f t="shared" si="757"/>
        <v>10.681797142896892</v>
      </c>
      <c r="N3235" s="236">
        <f t="shared" si="758"/>
        <v>2.3159329497744663</v>
      </c>
      <c r="O3235" s="236">
        <f t="shared" si="762"/>
        <v>2.9105968397641306</v>
      </c>
      <c r="P3235" s="236" t="str">
        <f t="shared" si="763"/>
        <v>CLAY</v>
      </c>
      <c r="Q3235" s="236">
        <f t="shared" si="759"/>
        <v>250.07920316651135</v>
      </c>
      <c r="R3235" s="238">
        <v>35</v>
      </c>
      <c r="S3235" s="236">
        <f t="shared" si="764"/>
        <v>4.8277571558888033</v>
      </c>
      <c r="T3235" s="236" t="e">
        <f t="shared" si="750"/>
        <v>#N/A</v>
      </c>
    </row>
    <row r="3236" spans="1:20" x14ac:dyDescent="0.2">
      <c r="A3236" s="53">
        <f t="shared" si="751"/>
        <v>3224</v>
      </c>
      <c r="B3236" s="239">
        <v>32.231000000000002</v>
      </c>
      <c r="C3236" s="3">
        <f t="shared" si="752"/>
        <v>32.224000000000004</v>
      </c>
      <c r="D3236" s="239">
        <v>3.5808</v>
      </c>
      <c r="E3236" s="239">
        <v>6.83E-2</v>
      </c>
      <c r="F3236" s="239">
        <v>0.70169999999999999</v>
      </c>
      <c r="G3236">
        <f t="shared" si="753"/>
        <v>3.7211400000000001</v>
      </c>
      <c r="H3236" s="235">
        <f t="shared" si="754"/>
        <v>1.8354590259974095</v>
      </c>
      <c r="I3236" s="236">
        <f t="shared" si="755"/>
        <v>18.710987363086517</v>
      </c>
      <c r="J3236" s="237">
        <f t="shared" si="760"/>
        <v>8.7109873630865167</v>
      </c>
      <c r="K3236" s="237">
        <f t="shared" si="756"/>
        <v>602.94285678810002</v>
      </c>
      <c r="L3236" s="237">
        <f t="shared" si="761"/>
        <v>280.76383369964151</v>
      </c>
      <c r="M3236" s="236">
        <f t="shared" si="757"/>
        <v>11.106121120100241</v>
      </c>
      <c r="N3236" s="236">
        <f t="shared" si="758"/>
        <v>2.1903682436719687</v>
      </c>
      <c r="O3236" s="236">
        <f t="shared" si="762"/>
        <v>2.8832466728496158</v>
      </c>
      <c r="P3236" s="236" t="str">
        <f t="shared" si="763"/>
        <v>CLAY</v>
      </c>
      <c r="Q3236" s="236">
        <f t="shared" si="759"/>
        <v>259.84976193432504</v>
      </c>
      <c r="R3236" s="238">
        <v>35</v>
      </c>
      <c r="S3236" s="236">
        <f t="shared" si="764"/>
        <v>5.0686583108449481</v>
      </c>
      <c r="T3236" s="236" t="e">
        <f t="shared" si="750"/>
        <v>#N/A</v>
      </c>
    </row>
    <row r="3237" spans="1:20" x14ac:dyDescent="0.2">
      <c r="A3237" s="53">
        <f t="shared" si="751"/>
        <v>3225</v>
      </c>
      <c r="B3237" s="239">
        <v>32.241</v>
      </c>
      <c r="C3237" s="3">
        <f t="shared" si="752"/>
        <v>32.234000000000002</v>
      </c>
      <c r="D3237" s="239">
        <v>3.6528</v>
      </c>
      <c r="E3237" s="239">
        <v>7.0300000000000001E-2</v>
      </c>
      <c r="F3237" s="239">
        <v>0.7</v>
      </c>
      <c r="G3237">
        <f t="shared" si="753"/>
        <v>3.7928000000000002</v>
      </c>
      <c r="H3237" s="235">
        <f t="shared" si="754"/>
        <v>1.8535119173170216</v>
      </c>
      <c r="I3237" s="236">
        <f t="shared" si="755"/>
        <v>18.752286380015821</v>
      </c>
      <c r="J3237" s="237">
        <f t="shared" si="760"/>
        <v>8.7522863800158213</v>
      </c>
      <c r="K3237" s="237">
        <f t="shared" si="756"/>
        <v>604.46119917343003</v>
      </c>
      <c r="L3237" s="237">
        <f t="shared" si="761"/>
        <v>282.18246517809007</v>
      </c>
      <c r="M3237" s="236">
        <f t="shared" si="757"/>
        <v>11.298855153222778</v>
      </c>
      <c r="N3237" s="236">
        <f t="shared" si="758"/>
        <v>2.2049099669638266</v>
      </c>
      <c r="O3237" s="236">
        <f t="shared" si="762"/>
        <v>2.8785262714687705</v>
      </c>
      <c r="P3237" s="236" t="str">
        <f t="shared" si="763"/>
        <v>CLAY</v>
      </c>
      <c r="Q3237" s="236">
        <f t="shared" si="759"/>
        <v>265.69490006888083</v>
      </c>
      <c r="R3237" s="238">
        <v>35</v>
      </c>
      <c r="S3237" s="236">
        <f t="shared" si="764"/>
        <v>5.1788467547657957</v>
      </c>
      <c r="T3237" s="236" t="e">
        <f t="shared" si="750"/>
        <v>#N/A</v>
      </c>
    </row>
    <row r="3238" spans="1:20" x14ac:dyDescent="0.2">
      <c r="A3238" s="53">
        <f t="shared" si="751"/>
        <v>3226</v>
      </c>
      <c r="B3238" s="239">
        <v>32.252000000000002</v>
      </c>
      <c r="C3238" s="3">
        <f t="shared" si="752"/>
        <v>32.245000000000005</v>
      </c>
      <c r="D3238" s="239">
        <v>3.6282999999999999</v>
      </c>
      <c r="E3238" s="239">
        <v>7.1099999999999997E-2</v>
      </c>
      <c r="F3238" s="239">
        <v>0.69779999999999998</v>
      </c>
      <c r="G3238">
        <f t="shared" si="753"/>
        <v>3.7678599999999998</v>
      </c>
      <c r="H3238" s="235">
        <f t="shared" si="754"/>
        <v>1.8870127870993083</v>
      </c>
      <c r="I3238" s="236">
        <f t="shared" si="755"/>
        <v>18.762976258205633</v>
      </c>
      <c r="J3238" s="237">
        <f t="shared" si="760"/>
        <v>8.762976258205633</v>
      </c>
      <c r="K3238" s="237">
        <f t="shared" si="756"/>
        <v>605.01216944584075</v>
      </c>
      <c r="L3238" s="237">
        <f t="shared" si="761"/>
        <v>282.62351027964809</v>
      </c>
      <c r="M3238" s="236">
        <f t="shared" si="757"/>
        <v>11.191028755621247</v>
      </c>
      <c r="N3238" s="236">
        <f t="shared" si="758"/>
        <v>2.2479740983157779</v>
      </c>
      <c r="O3238" s="236">
        <f t="shared" si="762"/>
        <v>2.8865893923801949</v>
      </c>
      <c r="P3238" s="236" t="str">
        <f t="shared" si="763"/>
        <v>CLAY</v>
      </c>
      <c r="Q3238" s="236">
        <f t="shared" si="759"/>
        <v>263.57065254617993</v>
      </c>
      <c r="R3238" s="238">
        <v>35</v>
      </c>
      <c r="S3238" s="236">
        <f t="shared" si="764"/>
        <v>5.1171426422603385</v>
      </c>
      <c r="T3238" s="236" t="e">
        <f t="shared" si="750"/>
        <v>#N/A</v>
      </c>
    </row>
    <row r="3239" spans="1:20" x14ac:dyDescent="0.2">
      <c r="A3239" s="53">
        <f t="shared" si="751"/>
        <v>3227</v>
      </c>
      <c r="B3239" s="239">
        <v>32.261000000000003</v>
      </c>
      <c r="C3239" s="3">
        <f t="shared" si="752"/>
        <v>32.254000000000005</v>
      </c>
      <c r="D3239" s="239">
        <v>3.6113</v>
      </c>
      <c r="E3239" s="239">
        <v>6.3799999999999996E-2</v>
      </c>
      <c r="F3239" s="239">
        <v>0.71009999999999995</v>
      </c>
      <c r="G3239">
        <f t="shared" si="753"/>
        <v>3.75332</v>
      </c>
      <c r="H3239" s="235">
        <f t="shared" si="754"/>
        <v>1.6998284185734229</v>
      </c>
      <c r="I3239" s="236">
        <f t="shared" si="755"/>
        <v>18.634432920635145</v>
      </c>
      <c r="J3239" s="237">
        <f t="shared" si="760"/>
        <v>8.6344329206351453</v>
      </c>
      <c r="K3239" s="237">
        <f t="shared" si="756"/>
        <v>601.03499942216604</v>
      </c>
      <c r="L3239" s="237">
        <f t="shared" si="761"/>
        <v>278.55544045261047</v>
      </c>
      <c r="M3239" s="236">
        <f t="shared" si="757"/>
        <v>11.316544367095641</v>
      </c>
      <c r="N3239" s="236">
        <f t="shared" si="758"/>
        <v>2.0239286735909046</v>
      </c>
      <c r="O3239" s="236">
        <f t="shared" si="762"/>
        <v>2.8579206867152465</v>
      </c>
      <c r="P3239" s="236" t="str">
        <f t="shared" si="763"/>
        <v>CLAY</v>
      </c>
      <c r="Q3239" s="236">
        <f t="shared" si="759"/>
        <v>262.69041671481949</v>
      </c>
      <c r="R3239" s="238">
        <v>35</v>
      </c>
      <c r="S3239" s="236">
        <f t="shared" si="764"/>
        <v>5.1889835836028295</v>
      </c>
      <c r="T3239" s="236" t="e">
        <f t="shared" si="750"/>
        <v>#N/A</v>
      </c>
    </row>
    <row r="3240" spans="1:20" x14ac:dyDescent="0.2">
      <c r="A3240" s="53">
        <f t="shared" si="751"/>
        <v>3228</v>
      </c>
      <c r="B3240" s="239">
        <v>32.270000000000003</v>
      </c>
      <c r="C3240" s="3">
        <f t="shared" si="752"/>
        <v>32.263000000000005</v>
      </c>
      <c r="D3240" s="239">
        <v>3.6053000000000002</v>
      </c>
      <c r="E3240" s="239">
        <v>6.2199999999999998E-2</v>
      </c>
      <c r="F3240" s="239">
        <v>0.71530000000000005</v>
      </c>
      <c r="G3240">
        <f t="shared" si="753"/>
        <v>3.7483599999999999</v>
      </c>
      <c r="H3240" s="235">
        <f t="shared" si="754"/>
        <v>1.6593923742650118</v>
      </c>
      <c r="I3240" s="236">
        <f t="shared" si="755"/>
        <v>18.604134258305155</v>
      </c>
      <c r="J3240" s="237">
        <f t="shared" si="760"/>
        <v>8.6041342583051552</v>
      </c>
      <c r="K3240" s="237">
        <f t="shared" si="756"/>
        <v>600.22518357569936</v>
      </c>
      <c r="L3240" s="237">
        <f t="shared" si="761"/>
        <v>277.65541251550741</v>
      </c>
      <c r="M3240" s="236">
        <f t="shared" si="757"/>
        <v>11.338280020917919</v>
      </c>
      <c r="N3240" s="236">
        <f t="shared" si="758"/>
        <v>1.9757730728523148</v>
      </c>
      <c r="O3240" s="236">
        <f t="shared" si="762"/>
        <v>2.8516435918072003</v>
      </c>
      <c r="P3240" s="236" t="str">
        <f t="shared" si="763"/>
        <v>CLAY</v>
      </c>
      <c r="Q3240" s="236">
        <f t="shared" si="759"/>
        <v>262.34456803535841</v>
      </c>
      <c r="R3240" s="238">
        <v>35</v>
      </c>
      <c r="S3240" s="236">
        <f t="shared" si="764"/>
        <v>5.2014446552722813</v>
      </c>
      <c r="T3240" s="236" t="e">
        <f t="shared" si="750"/>
        <v>#N/A</v>
      </c>
    </row>
    <row r="3241" spans="1:20" x14ac:dyDescent="0.2">
      <c r="A3241" s="53">
        <f t="shared" si="751"/>
        <v>3229</v>
      </c>
      <c r="B3241" s="239">
        <v>32.28</v>
      </c>
      <c r="C3241" s="3">
        <f t="shared" si="752"/>
        <v>32.273000000000003</v>
      </c>
      <c r="D3241" s="239">
        <v>3.6046</v>
      </c>
      <c r="E3241" s="239">
        <v>6.2799999999999995E-2</v>
      </c>
      <c r="F3241" s="239">
        <v>0.71220000000000006</v>
      </c>
      <c r="G3241">
        <f t="shared" si="753"/>
        <v>3.7470400000000001</v>
      </c>
      <c r="H3241" s="235">
        <f t="shared" si="754"/>
        <v>1.6759895811093555</v>
      </c>
      <c r="I3241" s="236">
        <f t="shared" si="755"/>
        <v>18.61525358880014</v>
      </c>
      <c r="J3241" s="237">
        <f t="shared" si="760"/>
        <v>8.6152535888001402</v>
      </c>
      <c r="K3241" s="237">
        <f t="shared" si="756"/>
        <v>600.77007907134703</v>
      </c>
      <c r="L3241" s="237">
        <f t="shared" si="761"/>
        <v>278.10038584646855</v>
      </c>
      <c r="M3241" s="236">
        <f t="shared" si="757"/>
        <v>11.313432418844686</v>
      </c>
      <c r="N3241" s="236">
        <f t="shared" si="758"/>
        <v>1.9960143782407564</v>
      </c>
      <c r="O3241" s="236">
        <f t="shared" si="762"/>
        <v>2.8548053622762959</v>
      </c>
      <c r="P3241" s="236" t="str">
        <f t="shared" si="763"/>
        <v>CLAY</v>
      </c>
      <c r="Q3241" s="236">
        <f t="shared" si="759"/>
        <v>262.18916007738773</v>
      </c>
      <c r="R3241" s="238">
        <v>35</v>
      </c>
      <c r="S3241" s="236">
        <f t="shared" si="764"/>
        <v>5.1871999899587511</v>
      </c>
      <c r="T3241" s="236" t="e">
        <f t="shared" si="750"/>
        <v>#N/A</v>
      </c>
    </row>
    <row r="3242" spans="1:20" x14ac:dyDescent="0.2">
      <c r="A3242" s="53">
        <f t="shared" si="751"/>
        <v>3230</v>
      </c>
      <c r="B3242" s="239">
        <v>32.29</v>
      </c>
      <c r="C3242" s="3">
        <f t="shared" si="752"/>
        <v>32.283000000000001</v>
      </c>
      <c r="D3242" s="239">
        <v>3.5912000000000002</v>
      </c>
      <c r="E3242" s="239">
        <v>6.2199999999999998E-2</v>
      </c>
      <c r="F3242" s="239">
        <v>0.71540000000000004</v>
      </c>
      <c r="G3242">
        <f t="shared" si="753"/>
        <v>3.73428</v>
      </c>
      <c r="H3242" s="235">
        <f t="shared" si="754"/>
        <v>1.6656490675578692</v>
      </c>
      <c r="I3242" s="236">
        <f t="shared" si="755"/>
        <v>18.602663283844251</v>
      </c>
      <c r="J3242" s="237">
        <f t="shared" si="760"/>
        <v>8.6026632838442509</v>
      </c>
      <c r="K3242" s="237">
        <f t="shared" si="756"/>
        <v>600.549778792344</v>
      </c>
      <c r="L3242" s="237">
        <f t="shared" si="761"/>
        <v>277.77999743533087</v>
      </c>
      <c r="M3242" s="236">
        <f t="shared" si="757"/>
        <v>11.281338649796806</v>
      </c>
      <c r="N3242" s="236">
        <f t="shared" si="758"/>
        <v>1.984854968658718</v>
      </c>
      <c r="O3242" s="236">
        <f t="shared" si="762"/>
        <v>2.8545543853270847</v>
      </c>
      <c r="P3242" s="236" t="str">
        <f t="shared" si="763"/>
        <v>CLAY</v>
      </c>
      <c r="Q3242" s="236">
        <f t="shared" si="759"/>
        <v>261.14418510063803</v>
      </c>
      <c r="R3242" s="238">
        <v>35</v>
      </c>
      <c r="S3242" s="236">
        <f t="shared" si="764"/>
        <v>5.1688128066911831</v>
      </c>
      <c r="T3242" s="236" t="e">
        <f t="shared" si="750"/>
        <v>#N/A</v>
      </c>
    </row>
    <row r="3243" spans="1:20" x14ac:dyDescent="0.2">
      <c r="A3243" s="53">
        <f t="shared" si="751"/>
        <v>3231</v>
      </c>
      <c r="B3243" s="239">
        <v>32.298999999999999</v>
      </c>
      <c r="C3243" s="3">
        <f t="shared" si="752"/>
        <v>32.292000000000002</v>
      </c>
      <c r="D3243" s="239">
        <v>3.5789</v>
      </c>
      <c r="E3243" s="239">
        <v>5.7500000000000002E-2</v>
      </c>
      <c r="F3243" s="239">
        <v>0.72650000000000003</v>
      </c>
      <c r="G3243">
        <f t="shared" si="753"/>
        <v>3.7241999999999997</v>
      </c>
      <c r="H3243" s="235">
        <f t="shared" si="754"/>
        <v>1.5439557488856668</v>
      </c>
      <c r="I3243" s="236">
        <f t="shared" si="755"/>
        <v>18.509475931236626</v>
      </c>
      <c r="J3243" s="237">
        <f t="shared" si="760"/>
        <v>8.5094759312366257</v>
      </c>
      <c r="K3243" s="237">
        <f t="shared" si="756"/>
        <v>597.70799677149319</v>
      </c>
      <c r="L3243" s="237">
        <f t="shared" si="761"/>
        <v>274.84756310301179</v>
      </c>
      <c r="M3243" s="236">
        <f t="shared" si="757"/>
        <v>11.37536737794073</v>
      </c>
      <c r="N3243" s="236">
        <f t="shared" si="758"/>
        <v>1.8391219277267885</v>
      </c>
      <c r="O3243" s="236">
        <f t="shared" si="762"/>
        <v>2.8340132853278233</v>
      </c>
      <c r="P3243" s="236" t="str">
        <f t="shared" si="763"/>
        <v>CLAY</v>
      </c>
      <c r="Q3243" s="236">
        <f t="shared" si="759"/>
        <v>260.54100026904223</v>
      </c>
      <c r="R3243" s="238">
        <v>35</v>
      </c>
      <c r="S3243" s="236">
        <f t="shared" si="764"/>
        <v>5.2227206606560612</v>
      </c>
      <c r="T3243" s="236" t="e">
        <f t="shared" si="750"/>
        <v>#N/A</v>
      </c>
    </row>
    <row r="3244" spans="1:20" x14ac:dyDescent="0.2">
      <c r="A3244" s="53">
        <f t="shared" si="751"/>
        <v>3232</v>
      </c>
      <c r="B3244" s="239">
        <v>32.31</v>
      </c>
      <c r="C3244" s="3">
        <f t="shared" si="752"/>
        <v>32.303000000000004</v>
      </c>
      <c r="D3244" s="239">
        <v>3.5994999999999999</v>
      </c>
      <c r="E3244" s="239">
        <v>5.57E-2</v>
      </c>
      <c r="F3244" s="239">
        <v>0.72670000000000001</v>
      </c>
      <c r="G3244">
        <f t="shared" si="753"/>
        <v>3.7448399999999999</v>
      </c>
      <c r="H3244" s="235">
        <f t="shared" si="754"/>
        <v>1.4873799681695345</v>
      </c>
      <c r="I3244" s="236">
        <f t="shared" si="755"/>
        <v>18.474342021653086</v>
      </c>
      <c r="J3244" s="237">
        <f t="shared" si="760"/>
        <v>8.4743420216530865</v>
      </c>
      <c r="K3244" s="237">
        <f t="shared" si="756"/>
        <v>596.77667032545969</v>
      </c>
      <c r="L3244" s="237">
        <f t="shared" si="761"/>
        <v>273.80599071961126</v>
      </c>
      <c r="M3244" s="236">
        <f t="shared" si="757"/>
        <v>11.497423125771885</v>
      </c>
      <c r="N3244" s="236">
        <f t="shared" si="758"/>
        <v>1.7693417878527395</v>
      </c>
      <c r="O3244" s="236">
        <f t="shared" si="762"/>
        <v>2.8212899832082323</v>
      </c>
      <c r="P3244" s="236" t="str">
        <f t="shared" si="763"/>
        <v>CLAY</v>
      </c>
      <c r="Q3244" s="236">
        <f t="shared" si="759"/>
        <v>262.3386108062117</v>
      </c>
      <c r="R3244" s="238">
        <v>35</v>
      </c>
      <c r="S3244" s="236">
        <f t="shared" si="764"/>
        <v>5.2928629861432119</v>
      </c>
      <c r="T3244" s="236" t="e">
        <f t="shared" si="750"/>
        <v>#N/A</v>
      </c>
    </row>
    <row r="3245" spans="1:20" x14ac:dyDescent="0.2">
      <c r="A3245" s="53">
        <f t="shared" si="751"/>
        <v>3233</v>
      </c>
      <c r="B3245" s="239">
        <v>32.32</v>
      </c>
      <c r="C3245" s="3">
        <f t="shared" si="752"/>
        <v>32.313000000000002</v>
      </c>
      <c r="D3245" s="239">
        <v>3.5920000000000001</v>
      </c>
      <c r="E3245" s="239">
        <v>5.2900000000000003E-2</v>
      </c>
      <c r="F3245" s="239">
        <v>0.74390000000000001</v>
      </c>
      <c r="G3245">
        <f t="shared" si="753"/>
        <v>3.74078</v>
      </c>
      <c r="H3245" s="235">
        <f t="shared" si="754"/>
        <v>1.4141435743347646</v>
      </c>
      <c r="I3245" s="236">
        <f t="shared" si="755"/>
        <v>18.41343931966513</v>
      </c>
      <c r="J3245" s="237">
        <f t="shared" si="760"/>
        <v>8.4134393196651303</v>
      </c>
      <c r="K3245" s="237">
        <f t="shared" si="756"/>
        <v>594.99346473633943</v>
      </c>
      <c r="L3245" s="237">
        <f t="shared" si="761"/>
        <v>271.922358811577</v>
      </c>
      <c r="M3245" s="236">
        <f t="shared" si="757"/>
        <v>11.568693905908153</v>
      </c>
      <c r="N3245" s="236">
        <f t="shared" si="758"/>
        <v>1.6816144200186887</v>
      </c>
      <c r="O3245" s="236">
        <f t="shared" si="762"/>
        <v>2.8075621461350528</v>
      </c>
      <c r="P3245" s="236" t="str">
        <f t="shared" si="763"/>
        <v>CLAY</v>
      </c>
      <c r="Q3245" s="236">
        <f t="shared" si="759"/>
        <v>262.14887793863841</v>
      </c>
      <c r="R3245" s="238">
        <v>35</v>
      </c>
      <c r="S3245" s="236">
        <f t="shared" si="764"/>
        <v>5.3339067829249576</v>
      </c>
      <c r="T3245" s="236" t="e">
        <f t="shared" si="750"/>
        <v>#N/A</v>
      </c>
    </row>
    <row r="3246" spans="1:20" x14ac:dyDescent="0.2">
      <c r="A3246" s="53">
        <f t="shared" si="751"/>
        <v>3234</v>
      </c>
      <c r="B3246" s="239">
        <v>32.33</v>
      </c>
      <c r="C3246" s="3">
        <f t="shared" si="752"/>
        <v>32.323</v>
      </c>
      <c r="D3246" s="239">
        <v>3.6286</v>
      </c>
      <c r="E3246" s="239">
        <v>4.9000000000000002E-2</v>
      </c>
      <c r="F3246" s="239">
        <v>0.76419999999999999</v>
      </c>
      <c r="G3246">
        <f t="shared" si="753"/>
        <v>3.7814399999999999</v>
      </c>
      <c r="H3246" s="235">
        <f t="shared" si="754"/>
        <v>1.2958026571887957</v>
      </c>
      <c r="I3246" s="236">
        <f t="shared" si="755"/>
        <v>18.327863962923313</v>
      </c>
      <c r="J3246" s="237">
        <f t="shared" si="760"/>
        <v>8.3278639629233133</v>
      </c>
      <c r="K3246" s="237">
        <f t="shared" si="756"/>
        <v>592.41154687357027</v>
      </c>
      <c r="L3246" s="237">
        <f t="shared" si="761"/>
        <v>269.2398419213107</v>
      </c>
      <c r="M3246" s="236">
        <f t="shared" si="757"/>
        <v>11.844563681100622</v>
      </c>
      <c r="N3246" s="236">
        <f t="shared" si="758"/>
        <v>1.5365181189262154</v>
      </c>
      <c r="O3246" s="236">
        <f t="shared" si="762"/>
        <v>2.7787531597917892</v>
      </c>
      <c r="P3246" s="236" t="str">
        <f t="shared" si="763"/>
        <v>CLAY</v>
      </c>
      <c r="Q3246" s="236">
        <f t="shared" si="759"/>
        <v>265.75237109386916</v>
      </c>
      <c r="R3246" s="238">
        <v>35</v>
      </c>
      <c r="S3246" s="236">
        <f t="shared" si="764"/>
        <v>5.4933698894118184</v>
      </c>
      <c r="T3246" s="236" t="e">
        <f t="shared" si="750"/>
        <v>#N/A</v>
      </c>
    </row>
    <row r="3247" spans="1:20" x14ac:dyDescent="0.2">
      <c r="A3247" s="53">
        <f t="shared" si="751"/>
        <v>3235</v>
      </c>
      <c r="B3247" s="239">
        <v>32.338999999999999</v>
      </c>
      <c r="C3247" s="3">
        <f t="shared" si="752"/>
        <v>32.332000000000001</v>
      </c>
      <c r="D3247" s="239">
        <v>3.6073</v>
      </c>
      <c r="E3247" s="239">
        <v>4.7800000000000002E-2</v>
      </c>
      <c r="F3247" s="239">
        <v>0.7752</v>
      </c>
      <c r="G3247">
        <f t="shared" si="753"/>
        <v>3.76234</v>
      </c>
      <c r="H3247" s="235">
        <f t="shared" si="754"/>
        <v>1.270485920995976</v>
      </c>
      <c r="I3247" s="236">
        <f t="shared" si="755"/>
        <v>18.296810611120399</v>
      </c>
      <c r="J3247" s="237">
        <f t="shared" si="760"/>
        <v>8.2968106111203994</v>
      </c>
      <c r="K3247" s="237">
        <f t="shared" si="756"/>
        <v>591.5724806787448</v>
      </c>
      <c r="L3247" s="237">
        <f t="shared" si="761"/>
        <v>268.3105583530226</v>
      </c>
      <c r="M3247" s="236">
        <f t="shared" si="757"/>
        <v>11.817527937716864</v>
      </c>
      <c r="N3247" s="236">
        <f t="shared" si="758"/>
        <v>1.5075214347544541</v>
      </c>
      <c r="O3247" s="236">
        <f t="shared" si="762"/>
        <v>2.7754313767292453</v>
      </c>
      <c r="P3247" s="236" t="str">
        <f t="shared" si="763"/>
        <v>CLAY</v>
      </c>
      <c r="Q3247" s="236">
        <f t="shared" si="759"/>
        <v>264.23062661010459</v>
      </c>
      <c r="R3247" s="238">
        <v>35</v>
      </c>
      <c r="S3247" s="236">
        <f t="shared" si="764"/>
        <v>5.477700787560944</v>
      </c>
      <c r="T3247" s="236" t="e">
        <f t="shared" si="750"/>
        <v>#N/A</v>
      </c>
    </row>
    <row r="3248" spans="1:20" x14ac:dyDescent="0.2">
      <c r="A3248" s="53">
        <f t="shared" si="751"/>
        <v>3236</v>
      </c>
      <c r="B3248" s="239">
        <v>32.35</v>
      </c>
      <c r="C3248" s="3">
        <f t="shared" si="752"/>
        <v>32.343000000000004</v>
      </c>
      <c r="D3248" s="239">
        <v>3.5848</v>
      </c>
      <c r="E3248" s="239">
        <v>4.3799999999999999E-2</v>
      </c>
      <c r="F3248" s="239">
        <v>0.78580000000000005</v>
      </c>
      <c r="G3248">
        <f t="shared" si="753"/>
        <v>3.7419599999999997</v>
      </c>
      <c r="H3248" s="235">
        <f t="shared" si="754"/>
        <v>1.1705095725234904</v>
      </c>
      <c r="I3248" s="236">
        <f t="shared" si="755"/>
        <v>18.192212379428423</v>
      </c>
      <c r="J3248" s="237">
        <f t="shared" si="760"/>
        <v>8.1922123794284225</v>
      </c>
      <c r="K3248" s="237">
        <f t="shared" si="756"/>
        <v>588.39072498785356</v>
      </c>
      <c r="L3248" s="237">
        <f t="shared" si="761"/>
        <v>265.0180704745095</v>
      </c>
      <c r="M3248" s="236">
        <f t="shared" si="757"/>
        <v>11.899449986054702</v>
      </c>
      <c r="N3248" s="236">
        <f t="shared" si="758"/>
        <v>1.3889024207286933</v>
      </c>
      <c r="O3248" s="236">
        <f t="shared" si="762"/>
        <v>2.7550636546383669</v>
      </c>
      <c r="P3248" s="236" t="str">
        <f t="shared" si="763"/>
        <v>CLAY</v>
      </c>
      <c r="Q3248" s="236">
        <f t="shared" si="759"/>
        <v>262.79743958434551</v>
      </c>
      <c r="R3248" s="238">
        <v>35</v>
      </c>
      <c r="S3248" s="236">
        <f t="shared" si="764"/>
        <v>5.5252078307279007</v>
      </c>
      <c r="T3248" s="236" t="e">
        <f t="shared" si="750"/>
        <v>#N/A</v>
      </c>
    </row>
    <row r="3249" spans="1:20" x14ac:dyDescent="0.2">
      <c r="A3249" s="53">
        <f t="shared" si="751"/>
        <v>3237</v>
      </c>
      <c r="B3249" s="239">
        <v>32.36</v>
      </c>
      <c r="C3249" s="3">
        <f t="shared" si="752"/>
        <v>32.353000000000002</v>
      </c>
      <c r="D3249" s="239">
        <v>3.5019999999999998</v>
      </c>
      <c r="E3249" s="239">
        <v>4.0300000000000002E-2</v>
      </c>
      <c r="F3249" s="239">
        <v>0.80669999999999997</v>
      </c>
      <c r="G3249">
        <f t="shared" si="753"/>
        <v>3.6633399999999998</v>
      </c>
      <c r="H3249" s="235">
        <f t="shared" si="754"/>
        <v>1.1000889898289539</v>
      </c>
      <c r="I3249" s="236">
        <f t="shared" si="755"/>
        <v>18.086256184206626</v>
      </c>
      <c r="J3249" s="237">
        <f t="shared" si="760"/>
        <v>8.0862561842066256</v>
      </c>
      <c r="K3249" s="237">
        <f t="shared" si="756"/>
        <v>585.14464632763702</v>
      </c>
      <c r="L3249" s="237">
        <f t="shared" si="761"/>
        <v>261.6712501209264</v>
      </c>
      <c r="M3249" s="236">
        <f t="shared" si="757"/>
        <v>11.763597843667705</v>
      </c>
      <c r="N3249" s="236">
        <f t="shared" si="758"/>
        <v>1.309208655387031</v>
      </c>
      <c r="O3249" s="236">
        <f t="shared" si="762"/>
        <v>2.7468163740744824</v>
      </c>
      <c r="P3249" s="236" t="str">
        <f t="shared" si="763"/>
        <v>CLAY</v>
      </c>
      <c r="Q3249" s="236">
        <f t="shared" si="759"/>
        <v>256.51627947269691</v>
      </c>
      <c r="R3249" s="238">
        <v>35</v>
      </c>
      <c r="S3249" s="236">
        <f t="shared" si="764"/>
        <v>5.4464713068232475</v>
      </c>
      <c r="T3249" s="236" t="e">
        <f t="shared" si="750"/>
        <v>#N/A</v>
      </c>
    </row>
    <row r="3250" spans="1:20" x14ac:dyDescent="0.2">
      <c r="A3250" s="53">
        <f t="shared" si="751"/>
        <v>3238</v>
      </c>
      <c r="B3250" s="239">
        <v>32.369</v>
      </c>
      <c r="C3250" s="3">
        <f t="shared" si="752"/>
        <v>32.362000000000002</v>
      </c>
      <c r="D3250" s="239">
        <v>3.4411</v>
      </c>
      <c r="E3250" s="239">
        <v>3.8600000000000002E-2</v>
      </c>
      <c r="F3250" s="239">
        <v>0.83919999999999995</v>
      </c>
      <c r="G3250">
        <f t="shared" si="753"/>
        <v>3.60894</v>
      </c>
      <c r="H3250" s="235">
        <f t="shared" si="754"/>
        <v>1.0695661329919588</v>
      </c>
      <c r="I3250" s="236">
        <f t="shared" si="755"/>
        <v>18.029870472623966</v>
      </c>
      <c r="J3250" s="237">
        <f t="shared" si="760"/>
        <v>8.0298704726239656</v>
      </c>
      <c r="K3250" s="237">
        <f t="shared" si="756"/>
        <v>583.48266823505685</v>
      </c>
      <c r="L3250" s="237">
        <f t="shared" si="761"/>
        <v>259.91887732836511</v>
      </c>
      <c r="M3250" s="236">
        <f t="shared" si="757"/>
        <v>11.640006154469386</v>
      </c>
      <c r="N3250" s="236">
        <f t="shared" si="758"/>
        <v>1.2758401711612355</v>
      </c>
      <c r="O3250" s="236">
        <f t="shared" si="762"/>
        <v>2.7453919072322295</v>
      </c>
      <c r="P3250" s="236" t="str">
        <f t="shared" si="763"/>
        <v>CLAY</v>
      </c>
      <c r="Q3250" s="236">
        <f t="shared" si="759"/>
        <v>252.12144431374529</v>
      </c>
      <c r="R3250" s="238">
        <v>35</v>
      </c>
      <c r="S3250" s="236">
        <f t="shared" si="764"/>
        <v>5.3750377791986867</v>
      </c>
      <c r="T3250" s="236" t="e">
        <f t="shared" si="750"/>
        <v>#N/A</v>
      </c>
    </row>
    <row r="3251" spans="1:20" x14ac:dyDescent="0.2">
      <c r="A3251" s="53">
        <f t="shared" si="751"/>
        <v>3239</v>
      </c>
      <c r="B3251" s="239">
        <v>32.380000000000003</v>
      </c>
      <c r="C3251" s="3">
        <f t="shared" si="752"/>
        <v>32.373000000000005</v>
      </c>
      <c r="D3251" s="239">
        <v>3.5878000000000001</v>
      </c>
      <c r="E3251" s="239">
        <v>3.4799999999999998E-2</v>
      </c>
      <c r="F3251" s="239">
        <v>0.87780000000000002</v>
      </c>
      <c r="G3251">
        <f t="shared" si="753"/>
        <v>3.76336</v>
      </c>
      <c r="H3251" s="235">
        <f t="shared" si="754"/>
        <v>0.92470558224565269</v>
      </c>
      <c r="I3251" s="236">
        <f t="shared" si="755"/>
        <v>17.924725201150302</v>
      </c>
      <c r="J3251" s="237">
        <f t="shared" si="760"/>
        <v>7.9247252011503022</v>
      </c>
      <c r="K3251" s="237">
        <f t="shared" si="756"/>
        <v>580.27712893683884</v>
      </c>
      <c r="L3251" s="237">
        <f t="shared" si="761"/>
        <v>256.60260201324678</v>
      </c>
      <c r="M3251" s="236">
        <f t="shared" si="757"/>
        <v>12.404717824719636</v>
      </c>
      <c r="N3251" s="236">
        <f t="shared" si="758"/>
        <v>1.0932797357040431</v>
      </c>
      <c r="O3251" s="236">
        <f t="shared" si="762"/>
        <v>2.6891901666898543</v>
      </c>
      <c r="P3251" s="236" t="str">
        <f t="shared" si="763"/>
        <v>CLAY</v>
      </c>
      <c r="Q3251" s="236">
        <f t="shared" si="759"/>
        <v>265.25690592193013</v>
      </c>
      <c r="R3251" s="238">
        <v>35</v>
      </c>
      <c r="S3251" s="236">
        <f t="shared" si="764"/>
        <v>5.820008524091727</v>
      </c>
      <c r="T3251" s="236" t="e">
        <f t="shared" si="750"/>
        <v>#N/A</v>
      </c>
    </row>
    <row r="3252" spans="1:20" x14ac:dyDescent="0.2">
      <c r="A3252" s="53">
        <f t="shared" si="751"/>
        <v>3240</v>
      </c>
      <c r="B3252" s="239">
        <v>32.389000000000003</v>
      </c>
      <c r="C3252" s="3">
        <f t="shared" si="752"/>
        <v>32.382000000000005</v>
      </c>
      <c r="D3252" s="239">
        <v>3.8407</v>
      </c>
      <c r="E3252" s="239">
        <v>3.3099999999999997E-2</v>
      </c>
      <c r="F3252" s="239">
        <v>0.879</v>
      </c>
      <c r="G3252">
        <f t="shared" si="753"/>
        <v>4.0164999999999997</v>
      </c>
      <c r="H3252" s="235">
        <f t="shared" si="754"/>
        <v>0.82410058508651818</v>
      </c>
      <c r="I3252" s="236">
        <f t="shared" si="755"/>
        <v>17.891441631746407</v>
      </c>
      <c r="J3252" s="237">
        <f t="shared" si="760"/>
        <v>7.8914416317464067</v>
      </c>
      <c r="K3252" s="237">
        <f t="shared" si="756"/>
        <v>579.36066291921225</v>
      </c>
      <c r="L3252" s="237">
        <f t="shared" si="761"/>
        <v>255.5959030106344</v>
      </c>
      <c r="M3252" s="236">
        <f t="shared" si="757"/>
        <v>13.447552549141527</v>
      </c>
      <c r="N3252" s="236">
        <f t="shared" si="758"/>
        <v>0.9630101300493773</v>
      </c>
      <c r="O3252" s="236">
        <f t="shared" si="762"/>
        <v>2.6326182151933106</v>
      </c>
      <c r="P3252" s="236" t="str">
        <f t="shared" si="763"/>
        <v>CLAY</v>
      </c>
      <c r="Q3252" s="236">
        <f t="shared" si="759"/>
        <v>286.42827809006559</v>
      </c>
      <c r="R3252" s="238">
        <v>35</v>
      </c>
      <c r="S3252" s="236">
        <f t="shared" si="764"/>
        <v>6.4378976984669611</v>
      </c>
      <c r="T3252" s="236" t="e">
        <f t="shared" si="750"/>
        <v>#N/A</v>
      </c>
    </row>
    <row r="3253" spans="1:20" x14ac:dyDescent="0.2">
      <c r="A3253" s="53">
        <f t="shared" si="751"/>
        <v>3241</v>
      </c>
      <c r="B3253" s="239">
        <v>32.399000000000001</v>
      </c>
      <c r="C3253" s="3">
        <f t="shared" si="752"/>
        <v>32.392000000000003</v>
      </c>
      <c r="D3253" s="239">
        <v>4.1470000000000002</v>
      </c>
      <c r="E3253" s="239">
        <v>3.5000000000000003E-2</v>
      </c>
      <c r="F3253" s="239">
        <v>0.82479999999999998</v>
      </c>
      <c r="G3253">
        <f t="shared" si="753"/>
        <v>4.31196</v>
      </c>
      <c r="H3253" s="235">
        <f t="shared" si="754"/>
        <v>0.81169584133433537</v>
      </c>
      <c r="I3253" s="236">
        <f t="shared" si="755"/>
        <v>17.984634025237035</v>
      </c>
      <c r="J3253" s="237">
        <f t="shared" si="760"/>
        <v>7.9846340252370354</v>
      </c>
      <c r="K3253" s="237">
        <f t="shared" si="756"/>
        <v>582.55826534547805</v>
      </c>
      <c r="L3253" s="237">
        <f t="shared" si="761"/>
        <v>258.6941577836547</v>
      </c>
      <c r="M3253" s="236">
        <f t="shared" si="757"/>
        <v>14.416258050069347</v>
      </c>
      <c r="N3253" s="236">
        <f t="shared" si="758"/>
        <v>0.93848832843003627</v>
      </c>
      <c r="O3253" s="236">
        <f t="shared" si="762"/>
        <v>2.6006324559544596</v>
      </c>
      <c r="P3253" s="236" t="str">
        <f t="shared" si="763"/>
        <v>CLAY</v>
      </c>
      <c r="Q3253" s="236">
        <f t="shared" si="759"/>
        <v>310.78347788787681</v>
      </c>
      <c r="R3253" s="238">
        <v>35</v>
      </c>
      <c r="S3253" s="236">
        <f t="shared" si="764"/>
        <v>7.0227254966868609</v>
      </c>
      <c r="T3253" s="236" t="e">
        <f t="shared" si="750"/>
        <v>#N/A</v>
      </c>
    </row>
    <row r="3254" spans="1:20" x14ac:dyDescent="0.2">
      <c r="A3254" s="53">
        <f t="shared" si="751"/>
        <v>3242</v>
      </c>
      <c r="B3254" s="239">
        <v>32.408999999999999</v>
      </c>
      <c r="C3254" s="3">
        <f t="shared" si="752"/>
        <v>32.402000000000001</v>
      </c>
      <c r="D3254" s="239">
        <v>4.4851999999999999</v>
      </c>
      <c r="E3254" s="239">
        <v>3.8800000000000001E-2</v>
      </c>
      <c r="F3254" s="239">
        <v>0.76019999999999999</v>
      </c>
      <c r="G3254">
        <f t="shared" si="753"/>
        <v>4.6372400000000003</v>
      </c>
      <c r="H3254" s="235">
        <f t="shared" si="754"/>
        <v>0.83670459152426868</v>
      </c>
      <c r="I3254" s="236">
        <f t="shared" si="755"/>
        <v>18.133922329506365</v>
      </c>
      <c r="J3254" s="237">
        <f t="shared" si="760"/>
        <v>8.1339223295063654</v>
      </c>
      <c r="K3254" s="237">
        <f t="shared" si="756"/>
        <v>587.57535132066528</v>
      </c>
      <c r="L3254" s="237">
        <f t="shared" si="761"/>
        <v>263.61228877697181</v>
      </c>
      <c r="M3254" s="236">
        <f t="shared" si="757"/>
        <v>15.36219979526652</v>
      </c>
      <c r="N3254" s="236">
        <f t="shared" si="758"/>
        <v>0.95810402504941605</v>
      </c>
      <c r="O3254" s="236">
        <f t="shared" si="762"/>
        <v>2.5803056841535237</v>
      </c>
      <c r="P3254" s="236" t="str">
        <f t="shared" si="763"/>
        <v>SAND</v>
      </c>
      <c r="Q3254" s="236" t="e">
        <f t="shared" si="759"/>
        <v>#N/A</v>
      </c>
      <c r="R3254" s="238">
        <v>35</v>
      </c>
      <c r="S3254" s="236" t="e">
        <f t="shared" si="764"/>
        <v>#N/A</v>
      </c>
      <c r="T3254" s="236">
        <f t="shared" si="750"/>
        <v>30.650987499990869</v>
      </c>
    </row>
    <row r="3255" spans="1:20" x14ac:dyDescent="0.2">
      <c r="A3255" s="53">
        <f t="shared" si="751"/>
        <v>3243</v>
      </c>
      <c r="B3255" s="239">
        <v>32.417999999999999</v>
      </c>
      <c r="C3255" s="3">
        <f t="shared" si="752"/>
        <v>32.411000000000001</v>
      </c>
      <c r="D3255" s="239">
        <v>4.7874999999999996</v>
      </c>
      <c r="E3255" s="239">
        <v>4.1399999999999999E-2</v>
      </c>
      <c r="F3255" s="239">
        <v>0.68140000000000001</v>
      </c>
      <c r="G3255">
        <f t="shared" si="753"/>
        <v>4.9237799999999998</v>
      </c>
      <c r="H3255" s="235">
        <f t="shared" si="754"/>
        <v>0.84081742076209753</v>
      </c>
      <c r="I3255" s="236">
        <f t="shared" si="755"/>
        <v>18.233412751345341</v>
      </c>
      <c r="J3255" s="237">
        <f t="shared" si="760"/>
        <v>8.233412751345341</v>
      </c>
      <c r="K3255" s="237">
        <f t="shared" si="756"/>
        <v>590.96314068385391</v>
      </c>
      <c r="L3255" s="237">
        <f t="shared" si="761"/>
        <v>266.91077457311326</v>
      </c>
      <c r="M3255" s="236">
        <f t="shared" si="757"/>
        <v>16.23320327268873</v>
      </c>
      <c r="N3255" s="236">
        <f t="shared" si="758"/>
        <v>0.95549849772635465</v>
      </c>
      <c r="O3255" s="236">
        <f t="shared" si="762"/>
        <v>2.5585787326437548</v>
      </c>
      <c r="P3255" s="236" t="str">
        <f t="shared" si="763"/>
        <v>SAND</v>
      </c>
      <c r="Q3255" s="236" t="e">
        <f t="shared" si="759"/>
        <v>#N/A</v>
      </c>
      <c r="R3255" s="238">
        <v>35</v>
      </c>
      <c r="S3255" s="236" t="e">
        <f t="shared" si="764"/>
        <v>#N/A</v>
      </c>
      <c r="T3255" s="236">
        <f t="shared" si="750"/>
        <v>30.914446496292008</v>
      </c>
    </row>
    <row r="3256" spans="1:20" x14ac:dyDescent="0.2">
      <c r="A3256" s="53">
        <f t="shared" si="751"/>
        <v>3244</v>
      </c>
      <c r="B3256" s="239">
        <v>32.429000000000002</v>
      </c>
      <c r="C3256" s="3">
        <f t="shared" si="752"/>
        <v>32.422000000000004</v>
      </c>
      <c r="D3256" s="239">
        <v>5.0231000000000003</v>
      </c>
      <c r="E3256" s="239">
        <v>4.4400000000000002E-2</v>
      </c>
      <c r="F3256" s="239">
        <v>0.6462</v>
      </c>
      <c r="G3256">
        <f t="shared" si="753"/>
        <v>5.1523400000000006</v>
      </c>
      <c r="H3256" s="235">
        <f t="shared" si="754"/>
        <v>0.86174437245989199</v>
      </c>
      <c r="I3256" s="236">
        <f t="shared" si="755"/>
        <v>18.333181136421928</v>
      </c>
      <c r="J3256" s="237">
        <f t="shared" si="760"/>
        <v>8.3331811364219277</v>
      </c>
      <c r="K3256" s="237">
        <f t="shared" si="756"/>
        <v>594.39839880507179</v>
      </c>
      <c r="L3256" s="237">
        <f t="shared" si="761"/>
        <v>270.2367310730267</v>
      </c>
      <c r="M3256" s="236">
        <f t="shared" si="757"/>
        <v>16.866476970383516</v>
      </c>
      <c r="N3256" s="236">
        <f t="shared" si="758"/>
        <v>0.97412393323249058</v>
      </c>
      <c r="O3256" s="236">
        <f t="shared" si="762"/>
        <v>2.5478791101295477</v>
      </c>
      <c r="P3256" s="236" t="str">
        <f t="shared" si="763"/>
        <v>SAND</v>
      </c>
      <c r="Q3256" s="236" t="e">
        <f t="shared" si="759"/>
        <v>#N/A</v>
      </c>
      <c r="R3256" s="238">
        <v>35</v>
      </c>
      <c r="S3256" s="236" t="e">
        <f t="shared" si="764"/>
        <v>#N/A</v>
      </c>
      <c r="T3256" s="236">
        <f t="shared" si="750"/>
        <v>31.097268154291747</v>
      </c>
    </row>
    <row r="3257" spans="1:20" x14ac:dyDescent="0.2">
      <c r="A3257" s="53">
        <f t="shared" si="751"/>
        <v>3245</v>
      </c>
      <c r="B3257" s="239">
        <v>32.438000000000002</v>
      </c>
      <c r="C3257" s="3">
        <f t="shared" si="752"/>
        <v>32.431000000000004</v>
      </c>
      <c r="D3257" s="239">
        <v>5.2507000000000001</v>
      </c>
      <c r="E3257" s="239">
        <v>4.5199999999999997E-2</v>
      </c>
      <c r="F3257" s="239">
        <v>0.59550000000000003</v>
      </c>
      <c r="G3257">
        <f t="shared" si="753"/>
        <v>5.3697999999999997</v>
      </c>
      <c r="H3257" s="235">
        <f t="shared" si="754"/>
        <v>0.84174457149242055</v>
      </c>
      <c r="I3257" s="236">
        <f t="shared" si="755"/>
        <v>18.370279127874788</v>
      </c>
      <c r="J3257" s="237">
        <f t="shared" si="760"/>
        <v>8.3702791278747881</v>
      </c>
      <c r="K3257" s="237">
        <f t="shared" si="756"/>
        <v>595.76652239610735</v>
      </c>
      <c r="L3257" s="237">
        <f t="shared" si="761"/>
        <v>271.51511435000242</v>
      </c>
      <c r="M3257" s="236">
        <f t="shared" si="757"/>
        <v>17.582938205973392</v>
      </c>
      <c r="N3257" s="236">
        <f t="shared" si="758"/>
        <v>0.94678850100326639</v>
      </c>
      <c r="O3257" s="236">
        <f t="shared" si="762"/>
        <v>2.5261114852928177</v>
      </c>
      <c r="P3257" s="236" t="str">
        <f t="shared" si="763"/>
        <v>SAND</v>
      </c>
      <c r="Q3257" s="236" t="e">
        <f t="shared" si="759"/>
        <v>#N/A</v>
      </c>
      <c r="R3257" s="238">
        <v>35</v>
      </c>
      <c r="S3257" s="236" t="e">
        <f t="shared" si="764"/>
        <v>#N/A</v>
      </c>
      <c r="T3257" s="236">
        <f t="shared" si="750"/>
        <v>31.296005947864753</v>
      </c>
    </row>
    <row r="3258" spans="1:20" x14ac:dyDescent="0.2">
      <c r="A3258" s="53">
        <f t="shared" si="751"/>
        <v>3246</v>
      </c>
      <c r="B3258" s="239">
        <v>32.447000000000003</v>
      </c>
      <c r="C3258" s="3">
        <f t="shared" si="752"/>
        <v>32.440000000000005</v>
      </c>
      <c r="D3258" s="239">
        <v>5.3936999999999999</v>
      </c>
      <c r="E3258" s="239">
        <v>4.19E-2</v>
      </c>
      <c r="F3258" s="239">
        <v>0.60240000000000005</v>
      </c>
      <c r="G3258">
        <f t="shared" si="753"/>
        <v>5.5141799999999996</v>
      </c>
      <c r="H3258" s="235">
        <f t="shared" si="754"/>
        <v>0.7598591268330015</v>
      </c>
      <c r="I3258" s="236">
        <f t="shared" si="755"/>
        <v>18.291753761243918</v>
      </c>
      <c r="J3258" s="237">
        <f t="shared" si="760"/>
        <v>8.2917537612439176</v>
      </c>
      <c r="K3258" s="237">
        <f t="shared" si="756"/>
        <v>593.38449201475282</v>
      </c>
      <c r="L3258" s="237">
        <f t="shared" si="761"/>
        <v>269.04253429108144</v>
      </c>
      <c r="M3258" s="236">
        <f t="shared" si="757"/>
        <v>18.290028084040269</v>
      </c>
      <c r="N3258" s="236">
        <f t="shared" si="758"/>
        <v>0.85148834028982834</v>
      </c>
      <c r="O3258" s="236">
        <f t="shared" si="762"/>
        <v>2.489423313161252</v>
      </c>
      <c r="P3258" s="236" t="str">
        <f t="shared" si="763"/>
        <v>SAND</v>
      </c>
      <c r="Q3258" s="236" t="e">
        <f t="shared" si="759"/>
        <v>#N/A</v>
      </c>
      <c r="R3258" s="238">
        <v>35</v>
      </c>
      <c r="S3258" s="236" t="e">
        <f t="shared" si="764"/>
        <v>#N/A</v>
      </c>
      <c r="T3258" s="236">
        <f t="shared" si="750"/>
        <v>31.48435809561937</v>
      </c>
    </row>
    <row r="3259" spans="1:20" x14ac:dyDescent="0.2">
      <c r="A3259" s="53">
        <f t="shared" si="751"/>
        <v>3247</v>
      </c>
      <c r="B3259" s="239">
        <v>32.457999999999998</v>
      </c>
      <c r="C3259" s="3">
        <f t="shared" si="752"/>
        <v>32.451000000000001</v>
      </c>
      <c r="D3259" s="239">
        <v>5.4115000000000002</v>
      </c>
      <c r="E3259" s="239">
        <v>4.1099999999999998E-2</v>
      </c>
      <c r="F3259" s="239">
        <v>0.62180000000000002</v>
      </c>
      <c r="G3259">
        <f t="shared" si="753"/>
        <v>5.5358600000000004</v>
      </c>
      <c r="H3259" s="235">
        <f t="shared" si="754"/>
        <v>0.74243207017518498</v>
      </c>
      <c r="I3259" s="236">
        <f t="shared" si="755"/>
        <v>18.270682562034104</v>
      </c>
      <c r="J3259" s="237">
        <f t="shared" si="760"/>
        <v>8.2706825620341036</v>
      </c>
      <c r="K3259" s="237">
        <f t="shared" si="756"/>
        <v>592.90191982056865</v>
      </c>
      <c r="L3259" s="237">
        <f t="shared" si="761"/>
        <v>268.44981459850294</v>
      </c>
      <c r="M3259" s="236">
        <f t="shared" si="757"/>
        <v>18.412968873054297</v>
      </c>
      <c r="N3259" s="236">
        <f t="shared" si="758"/>
        <v>0.83148591052805454</v>
      </c>
      <c r="O3259" s="236">
        <f t="shared" si="762"/>
        <v>2.4820854445742375</v>
      </c>
      <c r="P3259" s="236" t="str">
        <f t="shared" si="763"/>
        <v>SAND</v>
      </c>
      <c r="Q3259" s="236" t="e">
        <f t="shared" si="759"/>
        <v>#N/A</v>
      </c>
      <c r="R3259" s="238">
        <v>35</v>
      </c>
      <c r="S3259" s="236" t="e">
        <f t="shared" si="764"/>
        <v>#N/A</v>
      </c>
      <c r="T3259" s="236">
        <f t="shared" si="750"/>
        <v>31.516362008881007</v>
      </c>
    </row>
    <row r="3260" spans="1:20" x14ac:dyDescent="0.2">
      <c r="A3260" s="53">
        <f t="shared" si="751"/>
        <v>3248</v>
      </c>
      <c r="B3260" s="239">
        <v>32.466999999999999</v>
      </c>
      <c r="C3260" s="3">
        <f t="shared" si="752"/>
        <v>32.46</v>
      </c>
      <c r="D3260" s="239">
        <v>5.4042000000000003</v>
      </c>
      <c r="E3260" s="239">
        <v>3.9699999999999999E-2</v>
      </c>
      <c r="F3260" s="239">
        <v>0.64</v>
      </c>
      <c r="G3260">
        <f t="shared" si="753"/>
        <v>5.5322000000000005</v>
      </c>
      <c r="H3260" s="235">
        <f t="shared" si="754"/>
        <v>0.71761686128484137</v>
      </c>
      <c r="I3260" s="236">
        <f t="shared" si="755"/>
        <v>18.229785507737901</v>
      </c>
      <c r="J3260" s="237">
        <f t="shared" si="760"/>
        <v>8.2297855077379012</v>
      </c>
      <c r="K3260" s="237">
        <f t="shared" si="756"/>
        <v>591.73883758117233</v>
      </c>
      <c r="L3260" s="237">
        <f t="shared" si="761"/>
        <v>267.1964460797264</v>
      </c>
      <c r="M3260" s="236">
        <f t="shared" si="757"/>
        <v>18.489995787386661</v>
      </c>
      <c r="N3260" s="236">
        <f t="shared" si="758"/>
        <v>0.80356870937455249</v>
      </c>
      <c r="O3260" s="236">
        <f t="shared" si="762"/>
        <v>2.4736944432421071</v>
      </c>
      <c r="P3260" s="236" t="str">
        <f t="shared" si="763"/>
        <v>SAND</v>
      </c>
      <c r="Q3260" s="236" t="e">
        <f t="shared" si="759"/>
        <v>#N/A</v>
      </c>
      <c r="R3260" s="238">
        <v>35</v>
      </c>
      <c r="S3260" s="236" t="e">
        <f t="shared" si="764"/>
        <v>#N/A</v>
      </c>
      <c r="T3260" s="236">
        <f t="shared" si="750"/>
        <v>31.536304934342887</v>
      </c>
    </row>
    <row r="3261" spans="1:20" x14ac:dyDescent="0.2">
      <c r="A3261" s="53">
        <f t="shared" si="751"/>
        <v>3249</v>
      </c>
      <c r="B3261" s="239">
        <v>32.476999999999997</v>
      </c>
      <c r="C3261" s="3">
        <f t="shared" si="752"/>
        <v>32.47</v>
      </c>
      <c r="D3261" s="239">
        <v>5.3620000000000001</v>
      </c>
      <c r="E3261" s="239">
        <v>4.0300000000000002E-2</v>
      </c>
      <c r="F3261" s="239">
        <v>0.67659999999999998</v>
      </c>
      <c r="G3261">
        <f t="shared" si="753"/>
        <v>5.4973200000000002</v>
      </c>
      <c r="H3261" s="235">
        <f t="shared" si="754"/>
        <v>0.7330844848035043</v>
      </c>
      <c r="I3261" s="236">
        <f t="shared" si="755"/>
        <v>18.244902595219784</v>
      </c>
      <c r="J3261" s="237">
        <f t="shared" si="760"/>
        <v>8.2449025952197843</v>
      </c>
      <c r="K3261" s="237">
        <f t="shared" si="756"/>
        <v>592.41198726678635</v>
      </c>
      <c r="L3261" s="237">
        <f t="shared" si="761"/>
        <v>267.76970158495288</v>
      </c>
      <c r="M3261" s="236">
        <f t="shared" si="757"/>
        <v>18.317636325919715</v>
      </c>
      <c r="N3261" s="236">
        <f t="shared" si="758"/>
        <v>0.82162601001650992</v>
      </c>
      <c r="O3261" s="236">
        <f t="shared" si="762"/>
        <v>2.4817153010270925</v>
      </c>
      <c r="P3261" s="236" t="str">
        <f t="shared" si="763"/>
        <v>SAND</v>
      </c>
      <c r="Q3261" s="236" t="e">
        <f t="shared" si="759"/>
        <v>#N/A</v>
      </c>
      <c r="R3261" s="238">
        <v>35</v>
      </c>
      <c r="S3261" s="236" t="e">
        <f t="shared" si="764"/>
        <v>#N/A</v>
      </c>
      <c r="T3261" s="236">
        <f t="shared" si="750"/>
        <v>31.491563756251757</v>
      </c>
    </row>
    <row r="3262" spans="1:20" x14ac:dyDescent="0.2">
      <c r="A3262" s="53">
        <f t="shared" si="751"/>
        <v>3250</v>
      </c>
      <c r="B3262" s="239">
        <v>32.488</v>
      </c>
      <c r="C3262" s="3">
        <f t="shared" si="752"/>
        <v>32.481000000000002</v>
      </c>
      <c r="D3262" s="239">
        <v>5.3731999999999998</v>
      </c>
      <c r="E3262" s="239">
        <v>4.1300000000000003E-2</v>
      </c>
      <c r="F3262" s="239">
        <v>0.6996</v>
      </c>
      <c r="G3262">
        <f t="shared" si="753"/>
        <v>5.5131199999999998</v>
      </c>
      <c r="H3262" s="235">
        <f t="shared" si="754"/>
        <v>0.74912209420437081</v>
      </c>
      <c r="I3262" s="236">
        <f t="shared" si="755"/>
        <v>18.274765894848418</v>
      </c>
      <c r="J3262" s="237">
        <f t="shared" si="760"/>
        <v>8.274765894848418</v>
      </c>
      <c r="K3262" s="237">
        <f t="shared" si="756"/>
        <v>593.58267103057153</v>
      </c>
      <c r="L3262" s="237">
        <f t="shared" si="761"/>
        <v>268.8305943918354</v>
      </c>
      <c r="M3262" s="236">
        <f t="shared" si="757"/>
        <v>18.299767331537165</v>
      </c>
      <c r="N3262" s="236">
        <f t="shared" si="758"/>
        <v>0.83950984082992541</v>
      </c>
      <c r="O3262" s="236">
        <f t="shared" si="762"/>
        <v>2.4863812220633044</v>
      </c>
      <c r="P3262" s="236" t="str">
        <f t="shared" si="763"/>
        <v>SAND</v>
      </c>
      <c r="Q3262" s="236" t="e">
        <f t="shared" si="759"/>
        <v>#N/A</v>
      </c>
      <c r="R3262" s="238">
        <v>35</v>
      </c>
      <c r="S3262" s="236" t="e">
        <f t="shared" si="764"/>
        <v>#N/A</v>
      </c>
      <c r="T3262" s="236">
        <f t="shared" si="750"/>
        <v>31.486901248237416</v>
      </c>
    </row>
    <row r="3263" spans="1:20" x14ac:dyDescent="0.2">
      <c r="A3263" s="53">
        <f t="shared" si="751"/>
        <v>3251</v>
      </c>
      <c r="B3263" s="239">
        <v>32.497</v>
      </c>
      <c r="C3263" s="3">
        <f t="shared" si="752"/>
        <v>32.49</v>
      </c>
      <c r="D3263" s="239">
        <v>5.3921999999999999</v>
      </c>
      <c r="E3263" s="239">
        <v>4.1399999999999999E-2</v>
      </c>
      <c r="F3263" s="239">
        <v>0.71660000000000001</v>
      </c>
      <c r="G3263">
        <f t="shared" si="753"/>
        <v>5.53552</v>
      </c>
      <c r="H3263" s="235">
        <f t="shared" si="754"/>
        <v>0.74789721652166363</v>
      </c>
      <c r="I3263" s="236">
        <f t="shared" si="755"/>
        <v>18.279186557211613</v>
      </c>
      <c r="J3263" s="237">
        <f t="shared" si="760"/>
        <v>8.279186557211613</v>
      </c>
      <c r="K3263" s="237">
        <f t="shared" si="756"/>
        <v>593.89077124380537</v>
      </c>
      <c r="L3263" s="237">
        <f t="shared" si="761"/>
        <v>269.04872554970581</v>
      </c>
      <c r="M3263" s="236">
        <f t="shared" si="757"/>
        <v>18.367041949965479</v>
      </c>
      <c r="N3263" s="236">
        <f t="shared" si="758"/>
        <v>0.8377803773517899</v>
      </c>
      <c r="O3263" s="236">
        <f t="shared" si="762"/>
        <v>2.4845542034161427</v>
      </c>
      <c r="P3263" s="236" t="str">
        <f t="shared" si="763"/>
        <v>SAND</v>
      </c>
      <c r="Q3263" s="236" t="e">
        <f t="shared" si="759"/>
        <v>#N/A</v>
      </c>
      <c r="R3263" s="238">
        <v>35</v>
      </c>
      <c r="S3263" s="236" t="e">
        <f t="shared" si="764"/>
        <v>#N/A</v>
      </c>
      <c r="T3263" s="236">
        <f t="shared" si="750"/>
        <v>31.504431397058148</v>
      </c>
    </row>
    <row r="3264" spans="1:20" x14ac:dyDescent="0.2">
      <c r="A3264" s="53">
        <f t="shared" si="751"/>
        <v>3252</v>
      </c>
      <c r="B3264" s="239">
        <v>32.506999999999998</v>
      </c>
      <c r="C3264" s="3">
        <f t="shared" si="752"/>
        <v>32.5</v>
      </c>
      <c r="D3264" s="239">
        <v>5.4135</v>
      </c>
      <c r="E3264" s="239">
        <v>4.3200000000000002E-2</v>
      </c>
      <c r="F3264" s="239">
        <v>0.72370000000000001</v>
      </c>
      <c r="G3264">
        <f t="shared" si="753"/>
        <v>5.5582399999999996</v>
      </c>
      <c r="H3264" s="235">
        <f t="shared" si="754"/>
        <v>0.77722444514810451</v>
      </c>
      <c r="I3264" s="236">
        <f t="shared" si="755"/>
        <v>18.330692736558735</v>
      </c>
      <c r="J3264" s="237">
        <f t="shared" si="760"/>
        <v>8.3306927365587349</v>
      </c>
      <c r="K3264" s="237">
        <f t="shared" si="756"/>
        <v>595.74751393815893</v>
      </c>
      <c r="L3264" s="237">
        <f t="shared" si="761"/>
        <v>270.80582878731479</v>
      </c>
      <c r="M3264" s="236">
        <f t="shared" si="757"/>
        <v>18.324910170080862</v>
      </c>
      <c r="N3264" s="236">
        <f t="shared" si="758"/>
        <v>0.87053028536236365</v>
      </c>
      <c r="O3264" s="236">
        <f t="shared" si="762"/>
        <v>2.4931431799177752</v>
      </c>
      <c r="P3264" s="236" t="str">
        <f t="shared" si="763"/>
        <v>SAND</v>
      </c>
      <c r="Q3264" s="236" t="e">
        <f t="shared" si="759"/>
        <v>#N/A</v>
      </c>
      <c r="R3264" s="238">
        <v>35</v>
      </c>
      <c r="S3264" s="236" t="e">
        <f t="shared" si="764"/>
        <v>#N/A</v>
      </c>
      <c r="T3264" s="236">
        <f t="shared" si="750"/>
        <v>31.493460398159861</v>
      </c>
    </row>
    <row r="3265" spans="1:20" x14ac:dyDescent="0.2">
      <c r="A3265" s="53">
        <f t="shared" si="751"/>
        <v>3253</v>
      </c>
      <c r="B3265" s="239">
        <v>32.515999999999998</v>
      </c>
      <c r="C3265" s="3">
        <f t="shared" si="752"/>
        <v>32.509</v>
      </c>
      <c r="D3265" s="239">
        <v>5.4797000000000002</v>
      </c>
      <c r="E3265" s="239">
        <v>4.2599999999999999E-2</v>
      </c>
      <c r="F3265" s="239">
        <v>0.71409999999999996</v>
      </c>
      <c r="G3265">
        <f t="shared" si="753"/>
        <v>5.6225199999999997</v>
      </c>
      <c r="H3265" s="235">
        <f t="shared" si="754"/>
        <v>0.75766738046285298</v>
      </c>
      <c r="I3265" s="236">
        <f t="shared" si="755"/>
        <v>18.318786880014535</v>
      </c>
      <c r="J3265" s="237">
        <f t="shared" si="760"/>
        <v>8.3187868800145353</v>
      </c>
      <c r="K3265" s="237">
        <f t="shared" si="756"/>
        <v>595.52544268239251</v>
      </c>
      <c r="L3265" s="237">
        <f t="shared" si="761"/>
        <v>270.49367419055261</v>
      </c>
      <c r="M3265" s="236">
        <f t="shared" si="757"/>
        <v>18.584518001616107</v>
      </c>
      <c r="N3265" s="236">
        <f t="shared" si="758"/>
        <v>0.84742482837958877</v>
      </c>
      <c r="O3265" s="236">
        <f t="shared" si="762"/>
        <v>2.4823116888560217</v>
      </c>
      <c r="P3265" s="236" t="str">
        <f t="shared" si="763"/>
        <v>SAND</v>
      </c>
      <c r="Q3265" s="236" t="e">
        <f t="shared" si="759"/>
        <v>#N/A</v>
      </c>
      <c r="R3265" s="238">
        <v>35</v>
      </c>
      <c r="S3265" s="236" t="e">
        <f t="shared" si="764"/>
        <v>#N/A</v>
      </c>
      <c r="T3265" s="236">
        <f t="shared" si="750"/>
        <v>31.560664321364364</v>
      </c>
    </row>
    <row r="3266" spans="1:20" x14ac:dyDescent="0.2">
      <c r="A3266" s="53">
        <f t="shared" si="751"/>
        <v>3254</v>
      </c>
      <c r="B3266" s="239">
        <v>32.527000000000001</v>
      </c>
      <c r="C3266" s="3">
        <f t="shared" si="752"/>
        <v>32.520000000000003</v>
      </c>
      <c r="D3266" s="239">
        <v>5.5698999999999996</v>
      </c>
      <c r="E3266" s="239">
        <v>4.5400000000000003E-2</v>
      </c>
      <c r="F3266" s="239">
        <v>0.68520000000000003</v>
      </c>
      <c r="G3266">
        <f t="shared" si="753"/>
        <v>5.7069399999999995</v>
      </c>
      <c r="H3266" s="235">
        <f t="shared" si="754"/>
        <v>0.79552264435932396</v>
      </c>
      <c r="I3266" s="236">
        <f t="shared" si="755"/>
        <v>18.399256833046888</v>
      </c>
      <c r="J3266" s="237">
        <f t="shared" si="760"/>
        <v>8.3992568330468877</v>
      </c>
      <c r="K3266" s="237">
        <f t="shared" si="756"/>
        <v>598.34383221068481</v>
      </c>
      <c r="L3266" s="237">
        <f t="shared" si="761"/>
        <v>273.20262700851612</v>
      </c>
      <c r="M3266" s="236">
        <f t="shared" si="757"/>
        <v>18.698927692339037</v>
      </c>
      <c r="N3266" s="236">
        <f t="shared" si="758"/>
        <v>0.88869815716215306</v>
      </c>
      <c r="O3266" s="236">
        <f t="shared" si="762"/>
        <v>2.4895775498478647</v>
      </c>
      <c r="P3266" s="236" t="str">
        <f t="shared" si="763"/>
        <v>SAND</v>
      </c>
      <c r="Q3266" s="236" t="e">
        <f t="shared" si="759"/>
        <v>#N/A</v>
      </c>
      <c r="R3266" s="238">
        <v>35</v>
      </c>
      <c r="S3266" s="236" t="e">
        <f t="shared" si="764"/>
        <v>#N/A</v>
      </c>
      <c r="T3266" s="236">
        <f t="shared" si="750"/>
        <v>31.589983724458708</v>
      </c>
    </row>
    <row r="3267" spans="1:20" x14ac:dyDescent="0.2">
      <c r="A3267" s="53">
        <f t="shared" si="751"/>
        <v>3255</v>
      </c>
      <c r="B3267" s="239">
        <v>32.536999999999999</v>
      </c>
      <c r="C3267" s="3">
        <f t="shared" si="752"/>
        <v>32.53</v>
      </c>
      <c r="D3267" s="239">
        <v>5.6845999999999997</v>
      </c>
      <c r="E3267" s="239">
        <v>4.8099999999999997E-2</v>
      </c>
      <c r="F3267" s="239">
        <v>0.62329999999999997</v>
      </c>
      <c r="G3267">
        <f t="shared" si="753"/>
        <v>5.8092599999999992</v>
      </c>
      <c r="H3267" s="235">
        <f t="shared" si="754"/>
        <v>0.82798841849047911</v>
      </c>
      <c r="I3267" s="236">
        <f t="shared" si="755"/>
        <v>18.473943493418471</v>
      </c>
      <c r="J3267" s="237">
        <f t="shared" si="760"/>
        <v>8.4739434934184708</v>
      </c>
      <c r="K3267" s="237">
        <f t="shared" si="756"/>
        <v>600.95738184090283</v>
      </c>
      <c r="L3267" s="237">
        <f t="shared" si="761"/>
        <v>275.71669944535677</v>
      </c>
      <c r="M3267" s="236">
        <f t="shared" si="757"/>
        <v>18.890051377505735</v>
      </c>
      <c r="N3267" s="236">
        <f t="shared" si="758"/>
        <v>0.9235254463190391</v>
      </c>
      <c r="O3267" s="236">
        <f t="shared" si="762"/>
        <v>2.4935721474178338</v>
      </c>
      <c r="P3267" s="236" t="str">
        <f t="shared" si="763"/>
        <v>SAND</v>
      </c>
      <c r="Q3267" s="236" t="e">
        <f t="shared" si="759"/>
        <v>#N/A</v>
      </c>
      <c r="R3267" s="238">
        <v>35</v>
      </c>
      <c r="S3267" s="236" t="e">
        <f t="shared" si="764"/>
        <v>#N/A</v>
      </c>
      <c r="T3267" s="236">
        <f t="shared" si="750"/>
        <v>31.638564530380286</v>
      </c>
    </row>
    <row r="3268" spans="1:20" x14ac:dyDescent="0.2">
      <c r="A3268" s="53">
        <f t="shared" si="751"/>
        <v>3256</v>
      </c>
      <c r="B3268" s="239">
        <v>32.546999999999997</v>
      </c>
      <c r="C3268" s="3">
        <f t="shared" si="752"/>
        <v>32.54</v>
      </c>
      <c r="D3268" s="239">
        <v>5.8067000000000002</v>
      </c>
      <c r="E3268" s="239">
        <v>5.2299999999999999E-2</v>
      </c>
      <c r="F3268" s="239">
        <v>0.55000000000000004</v>
      </c>
      <c r="G3268">
        <f t="shared" si="753"/>
        <v>5.9167000000000005</v>
      </c>
      <c r="H3268" s="235">
        <f t="shared" si="754"/>
        <v>0.88393868203559411</v>
      </c>
      <c r="I3268" s="236">
        <f t="shared" si="755"/>
        <v>18.579269208778758</v>
      </c>
      <c r="J3268" s="237">
        <f t="shared" si="760"/>
        <v>8.5792692087787579</v>
      </c>
      <c r="K3268" s="237">
        <f t="shared" si="756"/>
        <v>604.56942005366079</v>
      </c>
      <c r="L3268" s="237">
        <f t="shared" si="761"/>
        <v>279.22947493812222</v>
      </c>
      <c r="M3268" s="236">
        <f t="shared" si="757"/>
        <v>19.024247283076107</v>
      </c>
      <c r="N3268" s="236">
        <f t="shared" si="758"/>
        <v>0.9845390510059393</v>
      </c>
      <c r="O3268" s="236">
        <f t="shared" si="762"/>
        <v>2.5042100330842882</v>
      </c>
      <c r="P3268" s="236" t="str">
        <f t="shared" si="763"/>
        <v>SAND</v>
      </c>
      <c r="Q3268" s="236" t="e">
        <f t="shared" si="759"/>
        <v>#N/A</v>
      </c>
      <c r="R3268" s="238">
        <v>35</v>
      </c>
      <c r="S3268" s="236" t="e">
        <f t="shared" si="764"/>
        <v>#N/A</v>
      </c>
      <c r="T3268" s="236">
        <f t="shared" si="750"/>
        <v>31.672382306464847</v>
      </c>
    </row>
    <row r="3269" spans="1:20" x14ac:dyDescent="0.2">
      <c r="A3269" s="53">
        <f t="shared" si="751"/>
        <v>3257</v>
      </c>
      <c r="B3269" s="239">
        <v>32.555999999999997</v>
      </c>
      <c r="C3269" s="3">
        <f t="shared" si="752"/>
        <v>32.548999999999999</v>
      </c>
      <c r="D3269" s="239">
        <v>5.8621999999999996</v>
      </c>
      <c r="E3269" s="239">
        <v>5.74E-2</v>
      </c>
      <c r="F3269" s="239">
        <v>0.44779999999999998</v>
      </c>
      <c r="G3269">
        <f t="shared" si="753"/>
        <v>5.9517599999999993</v>
      </c>
      <c r="H3269" s="235">
        <f t="shared" si="754"/>
        <v>0.96442060835786392</v>
      </c>
      <c r="I3269" s="236">
        <f t="shared" si="755"/>
        <v>18.690686033136448</v>
      </c>
      <c r="J3269" s="237">
        <f t="shared" si="760"/>
        <v>8.6906860331364477</v>
      </c>
      <c r="K3269" s="237">
        <f t="shared" si="756"/>
        <v>608.36313969255821</v>
      </c>
      <c r="L3269" s="237">
        <f t="shared" si="761"/>
        <v>282.93397449479016</v>
      </c>
      <c r="M3269" s="236">
        <f t="shared" si="757"/>
        <v>18.885667123747389</v>
      </c>
      <c r="N3269" s="236">
        <f t="shared" si="758"/>
        <v>1.0742230364056731</v>
      </c>
      <c r="O3269" s="236">
        <f t="shared" si="762"/>
        <v>2.5255282026402019</v>
      </c>
      <c r="P3269" s="236" t="str">
        <f t="shared" si="763"/>
        <v>SAND</v>
      </c>
      <c r="Q3269" s="236" t="e">
        <f t="shared" si="759"/>
        <v>#N/A</v>
      </c>
      <c r="R3269" s="238">
        <v>35</v>
      </c>
      <c r="S3269" s="236" t="e">
        <f t="shared" si="764"/>
        <v>#N/A</v>
      </c>
      <c r="T3269" s="236">
        <f t="shared" si="750"/>
        <v>31.637455636610181</v>
      </c>
    </row>
    <row r="3270" spans="1:20" x14ac:dyDescent="0.2">
      <c r="A3270" s="53">
        <f t="shared" si="751"/>
        <v>3258</v>
      </c>
      <c r="B3270" s="239">
        <v>32.566000000000003</v>
      </c>
      <c r="C3270" s="3">
        <f t="shared" si="752"/>
        <v>32.559000000000005</v>
      </c>
      <c r="D3270" s="239">
        <v>5.8189000000000002</v>
      </c>
      <c r="E3270" s="239">
        <v>6.2799999999999995E-2</v>
      </c>
      <c r="F3270" s="239">
        <v>0.39629999999999999</v>
      </c>
      <c r="G3270">
        <f t="shared" si="753"/>
        <v>5.8981599999999998</v>
      </c>
      <c r="H3270" s="235">
        <f t="shared" si="754"/>
        <v>1.064738833805797</v>
      </c>
      <c r="I3270" s="236">
        <f t="shared" si="755"/>
        <v>18.792578987047371</v>
      </c>
      <c r="J3270" s="237">
        <f t="shared" si="760"/>
        <v>8.7925789870473707</v>
      </c>
      <c r="K3270" s="237">
        <f t="shared" si="756"/>
        <v>611.86757923927541</v>
      </c>
      <c r="L3270" s="237">
        <f t="shared" si="761"/>
        <v>286.33912729218468</v>
      </c>
      <c r="M3270" s="236">
        <f t="shared" si="757"/>
        <v>18.461648852364188</v>
      </c>
      <c r="N3270" s="236">
        <f t="shared" si="758"/>
        <v>1.1879781707377202</v>
      </c>
      <c r="O3270" s="236">
        <f t="shared" si="762"/>
        <v>2.5559641466764353</v>
      </c>
      <c r="P3270" s="236" t="str">
        <f t="shared" si="763"/>
        <v>SAND</v>
      </c>
      <c r="Q3270" s="236" t="e">
        <f t="shared" si="759"/>
        <v>#N/A</v>
      </c>
      <c r="R3270" s="238">
        <v>35</v>
      </c>
      <c r="S3270" s="236" t="e">
        <f t="shared" si="764"/>
        <v>#N/A</v>
      </c>
      <c r="T3270" s="236">
        <f t="shared" si="750"/>
        <v>31.528975348884082</v>
      </c>
    </row>
    <row r="3271" spans="1:20" x14ac:dyDescent="0.2">
      <c r="A3271" s="53">
        <f t="shared" si="751"/>
        <v>3259</v>
      </c>
      <c r="B3271" s="239">
        <v>32.576000000000001</v>
      </c>
      <c r="C3271" s="3">
        <f t="shared" si="752"/>
        <v>32.569000000000003</v>
      </c>
      <c r="D3271" s="239">
        <v>5.7430000000000003</v>
      </c>
      <c r="E3271" s="239">
        <v>6.5199999999999994E-2</v>
      </c>
      <c r="F3271" s="239">
        <v>0.40679999999999999</v>
      </c>
      <c r="G3271">
        <f t="shared" si="753"/>
        <v>5.8243600000000004</v>
      </c>
      <c r="H3271" s="235">
        <f t="shared" si="754"/>
        <v>1.1194362985804447</v>
      </c>
      <c r="I3271" s="236">
        <f t="shared" si="755"/>
        <v>18.83163495239981</v>
      </c>
      <c r="J3271" s="237">
        <f t="shared" si="760"/>
        <v>8.8316349523998099</v>
      </c>
      <c r="K3271" s="237">
        <f t="shared" si="756"/>
        <v>613.32751876470945</v>
      </c>
      <c r="L3271" s="237">
        <f t="shared" si="761"/>
        <v>287.6993402093762</v>
      </c>
      <c r="M3271" s="236">
        <f t="shared" si="757"/>
        <v>18.112771747904976</v>
      </c>
      <c r="N3271" s="236">
        <f t="shared" si="758"/>
        <v>1.2511915869797865</v>
      </c>
      <c r="O3271" s="236">
        <f t="shared" si="762"/>
        <v>2.5745587533276826</v>
      </c>
      <c r="P3271" s="236" t="str">
        <f t="shared" si="763"/>
        <v>SAND</v>
      </c>
      <c r="Q3271" s="236" t="e">
        <f t="shared" si="759"/>
        <v>#N/A</v>
      </c>
      <c r="R3271" s="238">
        <v>35</v>
      </c>
      <c r="S3271" s="236" t="e">
        <f t="shared" si="764"/>
        <v>#N/A</v>
      </c>
      <c r="T3271" s="236">
        <f t="shared" si="750"/>
        <v>31.437834057255422</v>
      </c>
    </row>
    <row r="3272" spans="1:20" x14ac:dyDescent="0.2">
      <c r="A3272" s="53">
        <f t="shared" si="751"/>
        <v>3260</v>
      </c>
      <c r="B3272" s="239">
        <v>32.585000000000001</v>
      </c>
      <c r="C3272" s="3">
        <f t="shared" si="752"/>
        <v>32.578000000000003</v>
      </c>
      <c r="D3272" s="239">
        <v>5.6199000000000003</v>
      </c>
      <c r="E3272" s="239">
        <v>6.5299999999999997E-2</v>
      </c>
      <c r="F3272" s="239">
        <v>0.41539999999999999</v>
      </c>
      <c r="G3272">
        <f t="shared" si="753"/>
        <v>5.7029800000000002</v>
      </c>
      <c r="H3272" s="235">
        <f t="shared" si="754"/>
        <v>1.1450154129946097</v>
      </c>
      <c r="I3272" s="236">
        <f t="shared" si="755"/>
        <v>18.825200307514557</v>
      </c>
      <c r="J3272" s="237">
        <f t="shared" si="760"/>
        <v>8.8252003075145566</v>
      </c>
      <c r="K3272" s="237">
        <f t="shared" si="756"/>
        <v>613.28737561820924</v>
      </c>
      <c r="L3272" s="237">
        <f t="shared" si="761"/>
        <v>287.56915202036186</v>
      </c>
      <c r="M3272" s="236">
        <f t="shared" si="757"/>
        <v>17.699021569675896</v>
      </c>
      <c r="N3272" s="236">
        <f t="shared" si="758"/>
        <v>1.2829851391650891</v>
      </c>
      <c r="O3272" s="236">
        <f t="shared" si="762"/>
        <v>2.5887607431648885</v>
      </c>
      <c r="P3272" s="236" t="str">
        <f t="shared" si="763"/>
        <v>SAND</v>
      </c>
      <c r="Q3272" s="236" t="e">
        <f t="shared" si="759"/>
        <v>#N/A</v>
      </c>
      <c r="R3272" s="238">
        <v>35</v>
      </c>
      <c r="S3272" s="236" t="e">
        <f t="shared" si="764"/>
        <v>#N/A</v>
      </c>
      <c r="T3272" s="236">
        <f t="shared" si="750"/>
        <v>31.32744184382204</v>
      </c>
    </row>
    <row r="3273" spans="1:20" x14ac:dyDescent="0.2">
      <c r="A3273" s="53">
        <f t="shared" si="751"/>
        <v>3261</v>
      </c>
      <c r="B3273" s="239">
        <v>32.595999999999997</v>
      </c>
      <c r="C3273" s="3">
        <f t="shared" si="752"/>
        <v>32.588999999999999</v>
      </c>
      <c r="D3273" s="239">
        <v>5.4668000000000001</v>
      </c>
      <c r="E3273" s="239">
        <v>6.7199999999999996E-2</v>
      </c>
      <c r="F3273" s="239">
        <v>0.45500000000000002</v>
      </c>
      <c r="G3273">
        <f t="shared" si="753"/>
        <v>5.5578000000000003</v>
      </c>
      <c r="H3273" s="235">
        <f t="shared" si="754"/>
        <v>1.2091115189463455</v>
      </c>
      <c r="I3273" s="236">
        <f t="shared" si="755"/>
        <v>18.848752714619334</v>
      </c>
      <c r="J3273" s="237">
        <f t="shared" si="760"/>
        <v>8.8487527146193337</v>
      </c>
      <c r="K3273" s="237">
        <f t="shared" si="756"/>
        <v>614.26200221672946</v>
      </c>
      <c r="L3273" s="237">
        <f t="shared" si="761"/>
        <v>288.43394348573179</v>
      </c>
      <c r="M3273" s="236">
        <f t="shared" si="757"/>
        <v>17.139237976087294</v>
      </c>
      <c r="N3273" s="236">
        <f t="shared" si="758"/>
        <v>1.3593503282493857</v>
      </c>
      <c r="O3273" s="236">
        <f t="shared" si="762"/>
        <v>2.6136640642162741</v>
      </c>
      <c r="P3273" s="236" t="str">
        <f t="shared" si="763"/>
        <v>CLAY</v>
      </c>
      <c r="Q3273" s="236">
        <f t="shared" si="759"/>
        <v>411.96149981527259</v>
      </c>
      <c r="R3273" s="238">
        <v>35</v>
      </c>
      <c r="S3273" s="236">
        <f t="shared" si="764"/>
        <v>8.7182515334872672</v>
      </c>
      <c r="T3273" s="236" t="e">
        <f t="shared" si="750"/>
        <v>#N/A</v>
      </c>
    </row>
    <row r="3274" spans="1:20" x14ac:dyDescent="0.2">
      <c r="A3274" s="53">
        <f t="shared" si="751"/>
        <v>3262</v>
      </c>
      <c r="B3274" s="239">
        <v>32.604999999999997</v>
      </c>
      <c r="C3274" s="3">
        <f t="shared" si="752"/>
        <v>32.597999999999999</v>
      </c>
      <c r="D3274" s="239">
        <v>5.3711000000000002</v>
      </c>
      <c r="E3274" s="239">
        <v>6.4199999999999993E-2</v>
      </c>
      <c r="F3274" s="239">
        <v>0.48359999999999997</v>
      </c>
      <c r="G3274">
        <f t="shared" si="753"/>
        <v>5.4678200000000006</v>
      </c>
      <c r="H3274" s="235">
        <f t="shared" si="754"/>
        <v>1.174142528466555</v>
      </c>
      <c r="I3274" s="236">
        <f t="shared" si="755"/>
        <v>18.788820418454826</v>
      </c>
      <c r="J3274" s="237">
        <f t="shared" si="760"/>
        <v>8.7888204184548258</v>
      </c>
      <c r="K3274" s="237">
        <f t="shared" si="756"/>
        <v>612.47796800079038</v>
      </c>
      <c r="L3274" s="237">
        <f t="shared" si="761"/>
        <v>286.55948974371955</v>
      </c>
      <c r="M3274" s="236">
        <f t="shared" si="757"/>
        <v>16.943574391277416</v>
      </c>
      <c r="N3274" s="236">
        <f t="shared" si="758"/>
        <v>1.322254942636149</v>
      </c>
      <c r="O3274" s="236">
        <f t="shared" si="762"/>
        <v>2.6117398227949953</v>
      </c>
      <c r="P3274" s="236" t="str">
        <f t="shared" si="763"/>
        <v>CLAY</v>
      </c>
      <c r="Q3274" s="236">
        <f t="shared" si="759"/>
        <v>404.61183599993416</v>
      </c>
      <c r="R3274" s="238">
        <v>35</v>
      </c>
      <c r="S3274" s="236">
        <f t="shared" si="764"/>
        <v>8.594018829633054</v>
      </c>
      <c r="T3274" s="236" t="e">
        <f t="shared" si="750"/>
        <v>#N/A</v>
      </c>
    </row>
    <row r="3275" spans="1:20" x14ac:dyDescent="0.2">
      <c r="A3275" s="53">
        <f t="shared" si="751"/>
        <v>3263</v>
      </c>
      <c r="B3275" s="239">
        <v>32.613999999999997</v>
      </c>
      <c r="C3275" s="3">
        <f t="shared" si="752"/>
        <v>32.606999999999999</v>
      </c>
      <c r="D3275" s="239">
        <v>5.4721000000000002</v>
      </c>
      <c r="E3275" s="239">
        <v>6.9500000000000006E-2</v>
      </c>
      <c r="F3275" s="239">
        <v>0.48880000000000001</v>
      </c>
      <c r="G3275">
        <f t="shared" si="753"/>
        <v>5.5698600000000003</v>
      </c>
      <c r="H3275" s="235">
        <f t="shared" si="754"/>
        <v>1.2477871975238157</v>
      </c>
      <c r="I3275" s="236">
        <f t="shared" si="755"/>
        <v>18.8890618780529</v>
      </c>
      <c r="J3275" s="237">
        <f t="shared" si="760"/>
        <v>8.8890618780528996</v>
      </c>
      <c r="K3275" s="237">
        <f t="shared" si="756"/>
        <v>615.91564065767091</v>
      </c>
      <c r="L3275" s="237">
        <f t="shared" si="761"/>
        <v>289.90786409081727</v>
      </c>
      <c r="M3275" s="236">
        <f t="shared" si="757"/>
        <v>17.08799578403449</v>
      </c>
      <c r="N3275" s="236">
        <f t="shared" si="758"/>
        <v>1.4029224988959426</v>
      </c>
      <c r="O3275" s="236">
        <f t="shared" si="762"/>
        <v>2.6218947481634891</v>
      </c>
      <c r="P3275" s="236" t="str">
        <f t="shared" si="763"/>
        <v>CLAY</v>
      </c>
      <c r="Q3275" s="236">
        <f t="shared" si="759"/>
        <v>412.82869661186078</v>
      </c>
      <c r="R3275" s="238">
        <v>35</v>
      </c>
      <c r="S3275" s="236">
        <f t="shared" si="764"/>
        <v>8.6856818796740374</v>
      </c>
      <c r="T3275" s="236" t="e">
        <f t="shared" si="750"/>
        <v>#N/A</v>
      </c>
    </row>
    <row r="3276" spans="1:20" x14ac:dyDescent="0.2">
      <c r="A3276" s="53">
        <f t="shared" si="751"/>
        <v>3264</v>
      </c>
      <c r="B3276" s="239">
        <v>32.625</v>
      </c>
      <c r="C3276" s="3">
        <f t="shared" si="752"/>
        <v>32.618000000000002</v>
      </c>
      <c r="D3276" s="239">
        <v>5.6345999999999998</v>
      </c>
      <c r="E3276" s="239">
        <v>7.0599999999999996E-2</v>
      </c>
      <c r="F3276" s="239">
        <v>0.52070000000000005</v>
      </c>
      <c r="G3276">
        <f t="shared" si="753"/>
        <v>5.73874</v>
      </c>
      <c r="H3276" s="235">
        <f t="shared" si="754"/>
        <v>1.2302352084255428</v>
      </c>
      <c r="I3276" s="236">
        <f t="shared" si="755"/>
        <v>18.919150641320574</v>
      </c>
      <c r="J3276" s="237">
        <f t="shared" si="760"/>
        <v>8.9191506413205737</v>
      </c>
      <c r="K3276" s="237">
        <f t="shared" si="756"/>
        <v>617.10485561859446</v>
      </c>
      <c r="L3276" s="237">
        <f t="shared" si="761"/>
        <v>290.98728967308369</v>
      </c>
      <c r="M3276" s="236">
        <f t="shared" si="757"/>
        <v>17.600889544472626</v>
      </c>
      <c r="N3276" s="236">
        <f t="shared" si="758"/>
        <v>1.3784660173899814</v>
      </c>
      <c r="O3276" s="236">
        <f t="shared" si="762"/>
        <v>2.6069529909695079</v>
      </c>
      <c r="P3276" s="236" t="str">
        <f t="shared" si="763"/>
        <v>CLAY</v>
      </c>
      <c r="Q3276" s="236">
        <f t="shared" si="759"/>
        <v>426.80292869845044</v>
      </c>
      <c r="R3276" s="238">
        <v>35</v>
      </c>
      <c r="S3276" s="236">
        <f t="shared" si="764"/>
        <v>9.0127698392099092</v>
      </c>
      <c r="T3276" s="236" t="e">
        <f t="shared" si="750"/>
        <v>#N/A</v>
      </c>
    </row>
    <row r="3277" spans="1:20" x14ac:dyDescent="0.2">
      <c r="A3277" s="53">
        <f t="shared" si="751"/>
        <v>3265</v>
      </c>
      <c r="B3277" s="239">
        <v>32.634</v>
      </c>
      <c r="C3277" s="3">
        <f t="shared" si="752"/>
        <v>32.627000000000002</v>
      </c>
      <c r="D3277" s="239">
        <v>5.9682000000000004</v>
      </c>
      <c r="E3277" s="239">
        <v>6.6000000000000003E-2</v>
      </c>
      <c r="F3277" s="239">
        <v>0.55189999999999995</v>
      </c>
      <c r="G3277">
        <f t="shared" si="753"/>
        <v>6.0785800000000005</v>
      </c>
      <c r="H3277" s="235">
        <f t="shared" si="754"/>
        <v>1.0857799025430281</v>
      </c>
      <c r="I3277" s="236">
        <f t="shared" si="755"/>
        <v>18.862633603471895</v>
      </c>
      <c r="J3277" s="237">
        <f t="shared" si="760"/>
        <v>8.8626336034718953</v>
      </c>
      <c r="K3277" s="237">
        <f t="shared" si="756"/>
        <v>615.43114658047762</v>
      </c>
      <c r="L3277" s="237">
        <f t="shared" si="761"/>
        <v>289.22318501570186</v>
      </c>
      <c r="M3277" s="236">
        <f t="shared" si="757"/>
        <v>18.889041876511147</v>
      </c>
      <c r="N3277" s="236">
        <f t="shared" si="758"/>
        <v>1.2080944848992889</v>
      </c>
      <c r="O3277" s="236">
        <f t="shared" si="762"/>
        <v>2.551113802248159</v>
      </c>
      <c r="P3277" s="236" t="str">
        <f t="shared" si="763"/>
        <v>SAND</v>
      </c>
      <c r="Q3277" s="236" t="e">
        <f t="shared" si="759"/>
        <v>#N/A</v>
      </c>
      <c r="R3277" s="238">
        <v>35</v>
      </c>
      <c r="S3277" s="236" t="e">
        <f t="shared" si="764"/>
        <v>#N/A</v>
      </c>
      <c r="T3277" s="236">
        <f t="shared" ref="T3277:T3340" si="765">IF(P3277="SAND",17.6+(11*LOG(M3277)),#N/A)</f>
        <v>31.638309223679599</v>
      </c>
    </row>
    <row r="3278" spans="1:20" x14ac:dyDescent="0.2">
      <c r="A3278" s="53">
        <f t="shared" ref="A3278:A3341" si="766">$A3277+1</f>
        <v>3266</v>
      </c>
      <c r="B3278" s="239">
        <v>32.643999999999998</v>
      </c>
      <c r="C3278" s="3">
        <f t="shared" ref="C3278:C3341" si="767">MAX($B3278 - $B$13, 0.001)</f>
        <v>32.637</v>
      </c>
      <c r="D3278" s="239">
        <v>6.3768000000000002</v>
      </c>
      <c r="E3278" s="239">
        <v>6.13E-2</v>
      </c>
      <c r="F3278" s="239">
        <v>0.58379999999999999</v>
      </c>
      <c r="G3278">
        <f t="shared" si="753"/>
        <v>6.4935600000000004</v>
      </c>
      <c r="H3278" s="235">
        <f t="shared" si="754"/>
        <v>0.94401222133929619</v>
      </c>
      <c r="I3278" s="236">
        <f t="shared" si="755"/>
        <v>18.801820907543998</v>
      </c>
      <c r="J3278" s="237">
        <f t="shared" si="760"/>
        <v>8.8018209075439984</v>
      </c>
      <c r="K3278" s="237">
        <f t="shared" si="756"/>
        <v>613.63502895951353</v>
      </c>
      <c r="L3278" s="237">
        <f t="shared" si="761"/>
        <v>287.32664170586628</v>
      </c>
      <c r="M3278" s="236">
        <f t="shared" si="757"/>
        <v>20.464252587686293</v>
      </c>
      <c r="N3278" s="236">
        <f t="shared" si="758"/>
        <v>1.0425303095177525</v>
      </c>
      <c r="O3278" s="236">
        <f t="shared" si="762"/>
        <v>2.4888074175877692</v>
      </c>
      <c r="P3278" s="236" t="str">
        <f t="shared" si="763"/>
        <v>SAND</v>
      </c>
      <c r="Q3278" s="236" t="e">
        <f t="shared" si="759"/>
        <v>#N/A</v>
      </c>
      <c r="R3278" s="238">
        <v>35</v>
      </c>
      <c r="S3278" s="236" t="e">
        <f t="shared" si="764"/>
        <v>#N/A</v>
      </c>
      <c r="T3278" s="236">
        <f t="shared" si="765"/>
        <v>32.020954763705888</v>
      </c>
    </row>
    <row r="3279" spans="1:20" x14ac:dyDescent="0.2">
      <c r="A3279" s="53">
        <f t="shared" si="766"/>
        <v>3267</v>
      </c>
      <c r="B3279" s="239">
        <v>32.654000000000003</v>
      </c>
      <c r="C3279" s="3">
        <f t="shared" si="767"/>
        <v>32.647000000000006</v>
      </c>
      <c r="D3279" s="239">
        <v>7.0640000000000001</v>
      </c>
      <c r="E3279" s="239">
        <v>6.3899999999999998E-2</v>
      </c>
      <c r="F3279" s="239">
        <v>0.58130000000000004</v>
      </c>
      <c r="G3279">
        <f t="shared" ref="G3279:G3342" si="768">$D3279+($F3279*(1-$P$8))</f>
        <v>7.1802599999999996</v>
      </c>
      <c r="H3279" s="235">
        <f t="shared" ref="H3279:H3342" si="769">($E3279/$G3279)*100</f>
        <v>0.88993991861018962</v>
      </c>
      <c r="I3279" s="236">
        <f t="shared" ref="I3279:I3342" si="770">((0.27*(LOG($H3279)))+(0.36*(LOG(($G3279*1000)/101)))+1.236)*10</f>
        <v>18.889821524858988</v>
      </c>
      <c r="J3279" s="237">
        <f t="shared" si="760"/>
        <v>8.8898215248589878</v>
      </c>
      <c r="K3279" s="237">
        <f t="shared" ref="K3279:K3342" si="771">$I3279*$C3279</f>
        <v>616.69600332207153</v>
      </c>
      <c r="L3279" s="237">
        <f t="shared" si="761"/>
        <v>290.28823207274542</v>
      </c>
      <c r="M3279" s="236">
        <f t="shared" ref="M3279:M3342" si="772">(($G3279*1000)-$K3279)/$L3279</f>
        <v>22.610506632708134</v>
      </c>
      <c r="N3279" s="236">
        <f t="shared" ref="N3279:N3342" si="773">(($E3279*1000)/(($G3279*1000)-$K3279))*100</f>
        <v>0.97355644025627297</v>
      </c>
      <c r="O3279" s="236">
        <f t="shared" si="762"/>
        <v>2.4364481451003752</v>
      </c>
      <c r="P3279" s="236" t="str">
        <f t="shared" si="763"/>
        <v>SAND</v>
      </c>
      <c r="Q3279" s="236" t="e">
        <f t="shared" ref="Q3279:Q3342" si="774">IF(P3279="CLAY",($G3279*1000 -$K3279)/$L$8,#N/A)</f>
        <v>#N/A</v>
      </c>
      <c r="R3279" s="238">
        <v>35</v>
      </c>
      <c r="S3279" s="236" t="e">
        <f t="shared" si="764"/>
        <v>#N/A</v>
      </c>
      <c r="T3279" s="236">
        <f t="shared" si="765"/>
        <v>32.497413230406138</v>
      </c>
    </row>
    <row r="3280" spans="1:20" x14ac:dyDescent="0.2">
      <c r="A3280" s="53">
        <f t="shared" si="766"/>
        <v>3268</v>
      </c>
      <c r="B3280" s="239">
        <v>32.664000000000001</v>
      </c>
      <c r="C3280" s="3">
        <f t="shared" si="767"/>
        <v>32.657000000000004</v>
      </c>
      <c r="D3280" s="239">
        <v>7.8559000000000001</v>
      </c>
      <c r="E3280" s="239">
        <v>6.7000000000000004E-2</v>
      </c>
      <c r="F3280" s="239">
        <v>0.51719999999999999</v>
      </c>
      <c r="G3280">
        <f t="shared" si="768"/>
        <v>7.9593400000000001</v>
      </c>
      <c r="H3280" s="235">
        <f t="shared" si="769"/>
        <v>0.84177833840494309</v>
      </c>
      <c r="I3280" s="236">
        <f t="shared" si="770"/>
        <v>18.985634372887663</v>
      </c>
      <c r="J3280" s="237">
        <f t="shared" ref="J3280:J3343" si="775">$I3280-10</f>
        <v>8.9856343728876631</v>
      </c>
      <c r="K3280" s="237">
        <f t="shared" si="771"/>
        <v>620.01386171539252</v>
      </c>
      <c r="L3280" s="237">
        <f t="shared" ref="L3280:L3343" si="776">$J3280*$B3280</f>
        <v>293.50676115600265</v>
      </c>
      <c r="M3280" s="236">
        <f t="shared" si="772"/>
        <v>25.005645898506781</v>
      </c>
      <c r="N3280" s="236">
        <f t="shared" si="773"/>
        <v>0.91289034902677946</v>
      </c>
      <c r="O3280" s="236">
        <f t="shared" ref="O3280:O3343" si="777">((3.47-LOG($M3280))^2+(LOG($N3280)+1.22)^2)^0.5</f>
        <v>2.3846203721502501</v>
      </c>
      <c r="P3280" s="236" t="str">
        <f t="shared" ref="P3280:P3343" si="778">IF(O3280&lt;2.6,"SAND","CLAY")</f>
        <v>SAND</v>
      </c>
      <c r="Q3280" s="236" t="e">
        <f t="shared" si="774"/>
        <v>#N/A</v>
      </c>
      <c r="R3280" s="238">
        <v>35</v>
      </c>
      <c r="S3280" s="236" t="e">
        <f t="shared" ref="S3280:S3343" si="779">IF(P3280="SAND",#N/A,0.25*($M3280)^1.25)</f>
        <v>#N/A</v>
      </c>
      <c r="T3280" s="236">
        <f t="shared" si="765"/>
        <v>32.97841884591611</v>
      </c>
    </row>
    <row r="3281" spans="1:20" x14ac:dyDescent="0.2">
      <c r="A3281" s="53">
        <f t="shared" si="766"/>
        <v>3269</v>
      </c>
      <c r="B3281" s="239">
        <v>32.673000000000002</v>
      </c>
      <c r="C3281" s="3">
        <f t="shared" si="767"/>
        <v>32.666000000000004</v>
      </c>
      <c r="D3281" s="239">
        <v>8.6934000000000005</v>
      </c>
      <c r="E3281" s="239">
        <v>6.8599999999999994E-2</v>
      </c>
      <c r="F3281" s="239">
        <v>0.41070000000000001</v>
      </c>
      <c r="G3281">
        <f t="shared" si="768"/>
        <v>8.7755400000000012</v>
      </c>
      <c r="H3281" s="235">
        <f t="shared" si="769"/>
        <v>0.78171827602631849</v>
      </c>
      <c r="I3281" s="236">
        <f t="shared" si="770"/>
        <v>19.051464631907567</v>
      </c>
      <c r="J3281" s="237">
        <f t="shared" si="775"/>
        <v>9.0514646319075673</v>
      </c>
      <c r="K3281" s="237">
        <f t="shared" si="771"/>
        <v>622.3351436658927</v>
      </c>
      <c r="L3281" s="237">
        <f t="shared" si="776"/>
        <v>295.73850391831598</v>
      </c>
      <c r="M3281" s="236">
        <f t="shared" si="772"/>
        <v>27.56896632771921</v>
      </c>
      <c r="N3281" s="236">
        <f t="shared" si="773"/>
        <v>0.84138692954226002</v>
      </c>
      <c r="O3281" s="236">
        <f t="shared" si="777"/>
        <v>2.3302807361429485</v>
      </c>
      <c r="P3281" s="236" t="str">
        <f t="shared" si="778"/>
        <v>SAND</v>
      </c>
      <c r="Q3281" s="236" t="e">
        <f t="shared" si="774"/>
        <v>#N/A</v>
      </c>
      <c r="R3281" s="238">
        <v>35</v>
      </c>
      <c r="S3281" s="236" t="e">
        <f t="shared" si="779"/>
        <v>#N/A</v>
      </c>
      <c r="T3281" s="236">
        <f t="shared" si="765"/>
        <v>33.444625312458484</v>
      </c>
    </row>
    <row r="3282" spans="1:20" x14ac:dyDescent="0.2">
      <c r="A3282" s="53">
        <f t="shared" si="766"/>
        <v>3270</v>
      </c>
      <c r="B3282" s="239">
        <v>32.683</v>
      </c>
      <c r="C3282" s="3">
        <f t="shared" si="767"/>
        <v>32.676000000000002</v>
      </c>
      <c r="D3282" s="239">
        <v>9.4895999999999994</v>
      </c>
      <c r="E3282" s="239">
        <v>7.2499999999999995E-2</v>
      </c>
      <c r="F3282" s="239">
        <v>0.29449999999999998</v>
      </c>
      <c r="G3282">
        <f t="shared" si="768"/>
        <v>9.5484999999999989</v>
      </c>
      <c r="H3282" s="235">
        <f t="shared" si="769"/>
        <v>0.75928156254909152</v>
      </c>
      <c r="I3282" s="236">
        <f t="shared" si="770"/>
        <v>19.149297309313972</v>
      </c>
      <c r="J3282" s="237">
        <f t="shared" si="775"/>
        <v>9.1492973093139724</v>
      </c>
      <c r="K3282" s="237">
        <f t="shared" si="771"/>
        <v>625.7224388791434</v>
      </c>
      <c r="L3282" s="237">
        <f t="shared" si="776"/>
        <v>299.02648396030855</v>
      </c>
      <c r="M3282" s="236">
        <f t="shared" si="772"/>
        <v>29.839422391446853</v>
      </c>
      <c r="N3282" s="236">
        <f t="shared" si="773"/>
        <v>0.8125272596271329</v>
      </c>
      <c r="O3282" s="236">
        <f t="shared" si="777"/>
        <v>2.2929010162695302</v>
      </c>
      <c r="P3282" s="236" t="str">
        <f t="shared" si="778"/>
        <v>SAND</v>
      </c>
      <c r="Q3282" s="236" t="e">
        <f t="shared" si="774"/>
        <v>#N/A</v>
      </c>
      <c r="R3282" s="238">
        <v>35</v>
      </c>
      <c r="S3282" s="236" t="e">
        <f t="shared" si="779"/>
        <v>#N/A</v>
      </c>
      <c r="T3282" s="236">
        <f t="shared" si="765"/>
        <v>33.822694533583508</v>
      </c>
    </row>
    <row r="3283" spans="1:20" x14ac:dyDescent="0.2">
      <c r="A3283" s="53">
        <f t="shared" si="766"/>
        <v>3271</v>
      </c>
      <c r="B3283" s="239">
        <v>32.692</v>
      </c>
      <c r="C3283" s="3">
        <f t="shared" si="767"/>
        <v>32.685000000000002</v>
      </c>
      <c r="D3283" s="239">
        <v>10.2562</v>
      </c>
      <c r="E3283" s="239">
        <v>7.5600000000000001E-2</v>
      </c>
      <c r="F3283" s="239">
        <v>0.19209999999999999</v>
      </c>
      <c r="G3283">
        <f t="shared" si="768"/>
        <v>10.29462</v>
      </c>
      <c r="H3283" s="235">
        <f t="shared" si="769"/>
        <v>0.73436416302884422</v>
      </c>
      <c r="I3283" s="236">
        <f t="shared" si="770"/>
        <v>19.227801190561213</v>
      </c>
      <c r="J3283" s="237">
        <f t="shared" si="775"/>
        <v>9.2278011905612125</v>
      </c>
      <c r="K3283" s="237">
        <f t="shared" si="771"/>
        <v>628.46068191349332</v>
      </c>
      <c r="L3283" s="237">
        <f t="shared" si="776"/>
        <v>301.67527652182719</v>
      </c>
      <c r="M3283" s="236">
        <f t="shared" si="772"/>
        <v>32.041602578549821</v>
      </c>
      <c r="N3283" s="236">
        <f t="shared" si="773"/>
        <v>0.78211001404191238</v>
      </c>
      <c r="O3283" s="236">
        <f t="shared" si="777"/>
        <v>2.2578272490752989</v>
      </c>
      <c r="P3283" s="236" t="str">
        <f t="shared" si="778"/>
        <v>SAND</v>
      </c>
      <c r="Q3283" s="236" t="e">
        <f t="shared" si="774"/>
        <v>#N/A</v>
      </c>
      <c r="R3283" s="238">
        <v>35</v>
      </c>
      <c r="S3283" s="236" t="e">
        <f t="shared" si="779"/>
        <v>#N/A</v>
      </c>
      <c r="T3283" s="236">
        <f t="shared" si="765"/>
        <v>34.162856523786722</v>
      </c>
    </row>
    <row r="3284" spans="1:20" x14ac:dyDescent="0.2">
      <c r="A3284" s="53">
        <f t="shared" si="766"/>
        <v>3272</v>
      </c>
      <c r="B3284" s="239">
        <v>32.703000000000003</v>
      </c>
      <c r="C3284" s="3">
        <f t="shared" si="767"/>
        <v>32.696000000000005</v>
      </c>
      <c r="D3284" s="239">
        <v>10.9541</v>
      </c>
      <c r="E3284" s="239">
        <v>7.8799999999999995E-2</v>
      </c>
      <c r="F3284" s="239">
        <v>0.1734</v>
      </c>
      <c r="G3284">
        <f t="shared" si="768"/>
        <v>10.98878</v>
      </c>
      <c r="H3284" s="235">
        <f t="shared" si="769"/>
        <v>0.71709507333844158</v>
      </c>
      <c r="I3284" s="236">
        <f t="shared" si="770"/>
        <v>19.30191837244594</v>
      </c>
      <c r="J3284" s="237">
        <f t="shared" si="775"/>
        <v>9.3019183724459396</v>
      </c>
      <c r="K3284" s="237">
        <f t="shared" si="771"/>
        <v>631.09552310549259</v>
      </c>
      <c r="L3284" s="237">
        <f t="shared" si="776"/>
        <v>304.2006365340996</v>
      </c>
      <c r="M3284" s="236">
        <f t="shared" si="772"/>
        <v>34.048858657576993</v>
      </c>
      <c r="N3284" s="236">
        <f t="shared" si="773"/>
        <v>0.76078780132551593</v>
      </c>
      <c r="O3284" s="236">
        <f t="shared" si="777"/>
        <v>2.2289521929992451</v>
      </c>
      <c r="P3284" s="236" t="str">
        <f t="shared" si="778"/>
        <v>SAND</v>
      </c>
      <c r="Q3284" s="236" t="e">
        <f t="shared" si="774"/>
        <v>#N/A</v>
      </c>
      <c r="R3284" s="238">
        <v>35</v>
      </c>
      <c r="S3284" s="236" t="e">
        <f t="shared" si="779"/>
        <v>#N/A</v>
      </c>
      <c r="T3284" s="236">
        <f t="shared" si="765"/>
        <v>34.45312814489651</v>
      </c>
    </row>
    <row r="3285" spans="1:20" x14ac:dyDescent="0.2">
      <c r="A3285" s="53">
        <f t="shared" si="766"/>
        <v>3273</v>
      </c>
      <c r="B3285" s="239">
        <v>32.712000000000003</v>
      </c>
      <c r="C3285" s="3">
        <f t="shared" si="767"/>
        <v>32.705000000000005</v>
      </c>
      <c r="D3285" s="239">
        <v>11.657999999999999</v>
      </c>
      <c r="E3285" s="239">
        <v>8.2000000000000003E-2</v>
      </c>
      <c r="F3285" s="239">
        <v>0.11260000000000001</v>
      </c>
      <c r="G3285">
        <f t="shared" si="768"/>
        <v>11.68052</v>
      </c>
      <c r="H3285" s="235">
        <f t="shared" si="769"/>
        <v>0.70202354004787459</v>
      </c>
      <c r="I3285" s="236">
        <f t="shared" si="770"/>
        <v>19.372456415455385</v>
      </c>
      <c r="J3285" s="237">
        <f t="shared" si="775"/>
        <v>9.3724564154553853</v>
      </c>
      <c r="K3285" s="237">
        <f t="shared" si="771"/>
        <v>633.57618706746848</v>
      </c>
      <c r="L3285" s="237">
        <f t="shared" si="776"/>
        <v>306.5917942623766</v>
      </c>
      <c r="M3285" s="236">
        <f t="shared" si="772"/>
        <v>36.031439913485507</v>
      </c>
      <c r="N3285" s="236">
        <f t="shared" si="773"/>
        <v>0.74228674815928308</v>
      </c>
      <c r="O3285" s="236">
        <f t="shared" si="777"/>
        <v>2.2023019501059942</v>
      </c>
      <c r="P3285" s="236" t="str">
        <f t="shared" si="778"/>
        <v>SAND</v>
      </c>
      <c r="Q3285" s="236" t="e">
        <f t="shared" si="774"/>
        <v>#N/A</v>
      </c>
      <c r="R3285" s="238">
        <v>35</v>
      </c>
      <c r="S3285" s="236" t="e">
        <f t="shared" si="779"/>
        <v>#N/A</v>
      </c>
      <c r="T3285" s="236">
        <f t="shared" si="765"/>
        <v>34.723497798525699</v>
      </c>
    </row>
    <row r="3286" spans="1:20" x14ac:dyDescent="0.2">
      <c r="A3286" s="53">
        <f t="shared" si="766"/>
        <v>3274</v>
      </c>
      <c r="B3286" s="239">
        <v>32.722000000000001</v>
      </c>
      <c r="C3286" s="3">
        <f t="shared" si="767"/>
        <v>32.715000000000003</v>
      </c>
      <c r="D3286" s="239">
        <v>12.4907</v>
      </c>
      <c r="E3286" s="239">
        <v>8.8099999999999998E-2</v>
      </c>
      <c r="F3286" s="239">
        <v>9.8400000000000001E-2</v>
      </c>
      <c r="G3286">
        <f t="shared" si="768"/>
        <v>12.51038</v>
      </c>
      <c r="H3286" s="235">
        <f t="shared" si="769"/>
        <v>0.70421521968157641</v>
      </c>
      <c r="I3286" s="236">
        <f t="shared" si="770"/>
        <v>19.483421458437562</v>
      </c>
      <c r="J3286" s="237">
        <f t="shared" si="775"/>
        <v>9.4834214584375616</v>
      </c>
      <c r="K3286" s="237">
        <f t="shared" si="771"/>
        <v>637.40013301278486</v>
      </c>
      <c r="L3286" s="237">
        <f t="shared" si="776"/>
        <v>310.31651696299389</v>
      </c>
      <c r="M3286" s="236">
        <f t="shared" si="772"/>
        <v>38.260869847295623</v>
      </c>
      <c r="N3286" s="236">
        <f t="shared" si="773"/>
        <v>0.74202096682536955</v>
      </c>
      <c r="O3286" s="236">
        <f t="shared" si="777"/>
        <v>2.1796104550148279</v>
      </c>
      <c r="P3286" s="236" t="str">
        <f t="shared" si="778"/>
        <v>SAND</v>
      </c>
      <c r="Q3286" s="236" t="e">
        <f t="shared" si="774"/>
        <v>#N/A</v>
      </c>
      <c r="R3286" s="238">
        <v>35</v>
      </c>
      <c r="S3286" s="236" t="e">
        <f t="shared" si="779"/>
        <v>#N/A</v>
      </c>
      <c r="T3286" s="236">
        <f t="shared" si="765"/>
        <v>35.010303232678524</v>
      </c>
    </row>
    <row r="3287" spans="1:20" x14ac:dyDescent="0.2">
      <c r="A3287" s="53">
        <f t="shared" si="766"/>
        <v>3275</v>
      </c>
      <c r="B3287" s="239">
        <v>32.731000000000002</v>
      </c>
      <c r="C3287" s="3">
        <f t="shared" si="767"/>
        <v>32.724000000000004</v>
      </c>
      <c r="D3287" s="239">
        <v>13.265599999999999</v>
      </c>
      <c r="E3287" s="239">
        <v>9.6299999999999997E-2</v>
      </c>
      <c r="F3287" s="239">
        <v>7.1099999999999997E-2</v>
      </c>
      <c r="G3287">
        <f t="shared" si="768"/>
        <v>13.279819999999999</v>
      </c>
      <c r="H3287" s="235">
        <f t="shared" si="769"/>
        <v>0.72516043139138942</v>
      </c>
      <c r="I3287" s="236">
        <f t="shared" si="770"/>
        <v>19.611106999242192</v>
      </c>
      <c r="J3287" s="237">
        <f t="shared" si="775"/>
        <v>9.6111069992421925</v>
      </c>
      <c r="K3287" s="237">
        <f t="shared" si="771"/>
        <v>641.75386544320156</v>
      </c>
      <c r="L3287" s="237">
        <f t="shared" si="776"/>
        <v>314.58114319219624</v>
      </c>
      <c r="M3287" s="236">
        <f t="shared" si="772"/>
        <v>40.174264758251759</v>
      </c>
      <c r="N3287" s="236">
        <f t="shared" si="773"/>
        <v>0.76198366882004853</v>
      </c>
      <c r="O3287" s="236">
        <f t="shared" si="777"/>
        <v>2.1671258721410647</v>
      </c>
      <c r="P3287" s="236" t="str">
        <f t="shared" si="778"/>
        <v>SAND</v>
      </c>
      <c r="Q3287" s="236" t="e">
        <f t="shared" si="774"/>
        <v>#N/A</v>
      </c>
      <c r="R3287" s="238">
        <v>35</v>
      </c>
      <c r="S3287" s="236" t="e">
        <f t="shared" si="779"/>
        <v>#N/A</v>
      </c>
      <c r="T3287" s="236">
        <f t="shared" si="765"/>
        <v>35.243427310842939</v>
      </c>
    </row>
    <row r="3288" spans="1:20" x14ac:dyDescent="0.2">
      <c r="A3288" s="53">
        <f t="shared" si="766"/>
        <v>3276</v>
      </c>
      <c r="B3288" s="239">
        <v>32.74</v>
      </c>
      <c r="C3288" s="3">
        <f t="shared" si="767"/>
        <v>32.733000000000004</v>
      </c>
      <c r="D3288" s="239">
        <v>14.110200000000001</v>
      </c>
      <c r="E3288" s="239">
        <v>0.1021</v>
      </c>
      <c r="F3288" s="239">
        <v>5.5800000000000002E-2</v>
      </c>
      <c r="G3288">
        <f t="shared" si="768"/>
        <v>14.121360000000001</v>
      </c>
      <c r="H3288" s="235">
        <f t="shared" si="769"/>
        <v>0.72301817955211101</v>
      </c>
      <c r="I3288" s="236">
        <f t="shared" si="770"/>
        <v>19.703701430305507</v>
      </c>
      <c r="J3288" s="237">
        <f t="shared" si="775"/>
        <v>9.7037014303055074</v>
      </c>
      <c r="K3288" s="237">
        <f t="shared" si="771"/>
        <v>644.9612589181902</v>
      </c>
      <c r="L3288" s="237">
        <f t="shared" si="776"/>
        <v>317.69918482820231</v>
      </c>
      <c r="M3288" s="236">
        <f t="shared" si="772"/>
        <v>42.418738809069502</v>
      </c>
      <c r="N3288" s="236">
        <f t="shared" si="773"/>
        <v>0.757620800345983</v>
      </c>
      <c r="O3288" s="236">
        <f t="shared" si="777"/>
        <v>2.1455507206754989</v>
      </c>
      <c r="P3288" s="236" t="str">
        <f t="shared" si="778"/>
        <v>SAND</v>
      </c>
      <c r="Q3288" s="236" t="e">
        <f t="shared" si="774"/>
        <v>#N/A</v>
      </c>
      <c r="R3288" s="238">
        <v>35</v>
      </c>
      <c r="S3288" s="236" t="e">
        <f t="shared" si="779"/>
        <v>#N/A</v>
      </c>
      <c r="T3288" s="236">
        <f t="shared" si="765"/>
        <v>35.503135271557738</v>
      </c>
    </row>
    <row r="3289" spans="1:20" x14ac:dyDescent="0.2">
      <c r="A3289" s="53">
        <f t="shared" si="766"/>
        <v>3277</v>
      </c>
      <c r="B3289" s="239">
        <v>32.749000000000002</v>
      </c>
      <c r="C3289" s="3">
        <f t="shared" si="767"/>
        <v>32.742000000000004</v>
      </c>
      <c r="D3289" s="239">
        <v>14.832700000000001</v>
      </c>
      <c r="E3289" s="239">
        <v>0.10829999999999999</v>
      </c>
      <c r="F3289" s="239">
        <v>6.08E-2</v>
      </c>
      <c r="G3289">
        <f t="shared" si="768"/>
        <v>14.844860000000001</v>
      </c>
      <c r="H3289" s="235">
        <f t="shared" si="769"/>
        <v>0.72954544535953847</v>
      </c>
      <c r="I3289" s="236">
        <f t="shared" si="770"/>
        <v>19.792358382828318</v>
      </c>
      <c r="J3289" s="237">
        <f t="shared" si="775"/>
        <v>9.7923583828283185</v>
      </c>
      <c r="K3289" s="237">
        <f t="shared" si="771"/>
        <v>648.04139817056489</v>
      </c>
      <c r="L3289" s="237">
        <f t="shared" si="776"/>
        <v>320.6899446792446</v>
      </c>
      <c r="M3289" s="236">
        <f t="shared" si="772"/>
        <v>44.269609438578293</v>
      </c>
      <c r="N3289" s="236">
        <f t="shared" si="773"/>
        <v>0.76284696619314551</v>
      </c>
      <c r="O3289" s="236">
        <f t="shared" si="777"/>
        <v>2.1311871632335428</v>
      </c>
      <c r="P3289" s="236" t="str">
        <f t="shared" si="778"/>
        <v>SAND</v>
      </c>
      <c r="Q3289" s="236" t="e">
        <f t="shared" si="774"/>
        <v>#N/A</v>
      </c>
      <c r="R3289" s="238">
        <v>35</v>
      </c>
      <c r="S3289" s="236" t="e">
        <f t="shared" si="779"/>
        <v>#N/A</v>
      </c>
      <c r="T3289" s="236">
        <f t="shared" si="765"/>
        <v>35.707162595537298</v>
      </c>
    </row>
    <row r="3290" spans="1:20" x14ac:dyDescent="0.2">
      <c r="A3290" s="53">
        <f t="shared" si="766"/>
        <v>3278</v>
      </c>
      <c r="B3290" s="239">
        <v>32.759</v>
      </c>
      <c r="C3290" s="3">
        <f t="shared" si="767"/>
        <v>32.752000000000002</v>
      </c>
      <c r="D3290" s="239">
        <v>15.7784</v>
      </c>
      <c r="E3290" s="239">
        <v>0.11409999999999999</v>
      </c>
      <c r="F3290" s="239">
        <v>3.7499999999999999E-2</v>
      </c>
      <c r="G3290">
        <f t="shared" si="768"/>
        <v>15.7859</v>
      </c>
      <c r="H3290" s="235">
        <f t="shared" si="769"/>
        <v>0.7227969263710019</v>
      </c>
      <c r="I3290" s="236">
        <f t="shared" si="770"/>
        <v>19.877556706902961</v>
      </c>
      <c r="J3290" s="237">
        <f t="shared" si="775"/>
        <v>9.8775567069029613</v>
      </c>
      <c r="K3290" s="237">
        <f t="shared" si="771"/>
        <v>651.02973726448579</v>
      </c>
      <c r="L3290" s="237">
        <f t="shared" si="776"/>
        <v>323.57888016143409</v>
      </c>
      <c r="M3290" s="236">
        <f t="shared" si="772"/>
        <v>46.773356330254622</v>
      </c>
      <c r="N3290" s="236">
        <f t="shared" si="773"/>
        <v>0.75388819341869451</v>
      </c>
      <c r="O3290" s="236">
        <f t="shared" si="777"/>
        <v>2.1081005192795996</v>
      </c>
      <c r="P3290" s="236" t="str">
        <f t="shared" si="778"/>
        <v>SAND</v>
      </c>
      <c r="Q3290" s="236" t="e">
        <f t="shared" si="774"/>
        <v>#N/A</v>
      </c>
      <c r="R3290" s="238">
        <v>35</v>
      </c>
      <c r="S3290" s="236" t="e">
        <f t="shared" si="779"/>
        <v>#N/A</v>
      </c>
      <c r="T3290" s="236">
        <f t="shared" si="765"/>
        <v>35.969983883137388</v>
      </c>
    </row>
    <row r="3291" spans="1:20" x14ac:dyDescent="0.2">
      <c r="A3291" s="53">
        <f t="shared" si="766"/>
        <v>3279</v>
      </c>
      <c r="B3291" s="239">
        <v>32.768999999999998</v>
      </c>
      <c r="C3291" s="3">
        <f t="shared" si="767"/>
        <v>32.762</v>
      </c>
      <c r="D3291" s="239">
        <v>16.845600000000001</v>
      </c>
      <c r="E3291" s="239">
        <v>0.11609999999999999</v>
      </c>
      <c r="F3291" s="239">
        <v>-4.4400000000000002E-2</v>
      </c>
      <c r="G3291">
        <f t="shared" si="768"/>
        <v>16.83672</v>
      </c>
      <c r="H3291" s="235">
        <f t="shared" si="769"/>
        <v>0.68956423816515333</v>
      </c>
      <c r="I3291" s="236">
        <f t="shared" si="770"/>
        <v>19.923121788227181</v>
      </c>
      <c r="J3291" s="237">
        <f t="shared" si="775"/>
        <v>9.9231217882271814</v>
      </c>
      <c r="K3291" s="237">
        <f t="shared" si="771"/>
        <v>652.72131602589889</v>
      </c>
      <c r="L3291" s="237">
        <f t="shared" si="776"/>
        <v>325.17077787841652</v>
      </c>
      <c r="M3291" s="236">
        <f t="shared" si="772"/>
        <v>49.770765963555945</v>
      </c>
      <c r="N3291" s="236">
        <f t="shared" si="773"/>
        <v>0.7173752437026939</v>
      </c>
      <c r="O3291" s="236">
        <f t="shared" si="777"/>
        <v>2.0738491583051002</v>
      </c>
      <c r="P3291" s="236" t="str">
        <f t="shared" si="778"/>
        <v>SAND</v>
      </c>
      <c r="Q3291" s="236" t="e">
        <f t="shared" si="774"/>
        <v>#N/A</v>
      </c>
      <c r="R3291" s="238">
        <v>35</v>
      </c>
      <c r="S3291" s="236" t="e">
        <f t="shared" si="779"/>
        <v>#N/A</v>
      </c>
      <c r="T3291" s="236">
        <f t="shared" si="765"/>
        <v>36.266717569643873</v>
      </c>
    </row>
    <row r="3292" spans="1:20" x14ac:dyDescent="0.2">
      <c r="A3292" s="53">
        <f t="shared" si="766"/>
        <v>3280</v>
      </c>
      <c r="B3292" s="239">
        <v>32.779000000000003</v>
      </c>
      <c r="C3292" s="3">
        <f t="shared" si="767"/>
        <v>32.772000000000006</v>
      </c>
      <c r="D3292" s="239">
        <v>17.799399999999999</v>
      </c>
      <c r="E3292" s="239">
        <v>0.11849999999999999</v>
      </c>
      <c r="F3292" s="239">
        <v>-8.4199999999999997E-2</v>
      </c>
      <c r="G3292">
        <f t="shared" si="768"/>
        <v>17.78256</v>
      </c>
      <c r="H3292" s="235">
        <f t="shared" si="769"/>
        <v>0.66638324290765782</v>
      </c>
      <c r="I3292" s="236">
        <f t="shared" si="770"/>
        <v>19.96847745476687</v>
      </c>
      <c r="J3292" s="237">
        <f t="shared" si="775"/>
        <v>9.9684774547668695</v>
      </c>
      <c r="K3292" s="237">
        <f t="shared" si="771"/>
        <v>654.40694314761993</v>
      </c>
      <c r="L3292" s="237">
        <f t="shared" si="776"/>
        <v>326.75672248980322</v>
      </c>
      <c r="M3292" s="236">
        <f t="shared" si="772"/>
        <v>52.418670766251438</v>
      </c>
      <c r="N3292" s="236">
        <f t="shared" si="773"/>
        <v>0.69184342063426529</v>
      </c>
      <c r="O3292" s="236">
        <f t="shared" si="777"/>
        <v>2.0464397911521539</v>
      </c>
      <c r="P3292" s="236" t="str">
        <f t="shared" si="778"/>
        <v>SAND</v>
      </c>
      <c r="Q3292" s="236" t="e">
        <f t="shared" si="774"/>
        <v>#N/A</v>
      </c>
      <c r="R3292" s="238">
        <v>35</v>
      </c>
      <c r="S3292" s="236" t="e">
        <f t="shared" si="779"/>
        <v>#N/A</v>
      </c>
      <c r="T3292" s="236">
        <f t="shared" si="765"/>
        <v>36.514346042918319</v>
      </c>
    </row>
    <row r="3293" spans="1:20" x14ac:dyDescent="0.2">
      <c r="A3293" s="53">
        <f t="shared" si="766"/>
        <v>3281</v>
      </c>
      <c r="B3293" s="239">
        <v>32.787999999999997</v>
      </c>
      <c r="C3293" s="3">
        <f t="shared" si="767"/>
        <v>32.780999999999999</v>
      </c>
      <c r="D3293" s="239">
        <v>18.676600000000001</v>
      </c>
      <c r="E3293" s="239">
        <v>0.1205</v>
      </c>
      <c r="F3293" s="239">
        <v>-8.8300000000000003E-2</v>
      </c>
      <c r="G3293">
        <f t="shared" si="768"/>
        <v>18.658940000000001</v>
      </c>
      <c r="H3293" s="235">
        <f t="shared" si="769"/>
        <v>0.64580303061159949</v>
      </c>
      <c r="I3293" s="236">
        <f t="shared" si="770"/>
        <v>20.006906352400698</v>
      </c>
      <c r="J3293" s="237">
        <f t="shared" si="775"/>
        <v>10.006906352400698</v>
      </c>
      <c r="K3293" s="237">
        <f t="shared" si="771"/>
        <v>655.84639713804722</v>
      </c>
      <c r="L3293" s="237">
        <f t="shared" si="776"/>
        <v>328.10644548251406</v>
      </c>
      <c r="M3293" s="236">
        <f t="shared" si="772"/>
        <v>54.869673701126366</v>
      </c>
      <c r="N3293" s="236">
        <f t="shared" si="773"/>
        <v>0.66932940892360904</v>
      </c>
      <c r="O3293" s="236">
        <f t="shared" si="777"/>
        <v>2.0220220659987898</v>
      </c>
      <c r="P3293" s="236" t="str">
        <f t="shared" si="778"/>
        <v>SAND</v>
      </c>
      <c r="Q3293" s="236" t="e">
        <f t="shared" si="774"/>
        <v>#N/A</v>
      </c>
      <c r="R3293" s="238">
        <v>35</v>
      </c>
      <c r="S3293" s="236" t="e">
        <f t="shared" si="779"/>
        <v>#N/A</v>
      </c>
      <c r="T3293" s="236">
        <f t="shared" si="765"/>
        <v>36.732656152963543</v>
      </c>
    </row>
    <row r="3294" spans="1:20" x14ac:dyDescent="0.2">
      <c r="A3294" s="53">
        <f t="shared" si="766"/>
        <v>3282</v>
      </c>
      <c r="B3294" s="239">
        <v>32.798000000000002</v>
      </c>
      <c r="C3294" s="3">
        <f t="shared" si="767"/>
        <v>32.791000000000004</v>
      </c>
      <c r="D3294" s="239">
        <v>19.428000000000001</v>
      </c>
      <c r="E3294" s="239">
        <v>0.1235</v>
      </c>
      <c r="F3294" s="239">
        <v>-0.1135</v>
      </c>
      <c r="G3294">
        <f t="shared" si="768"/>
        <v>19.4053</v>
      </c>
      <c r="H3294" s="235">
        <f t="shared" si="769"/>
        <v>0.63642406971291354</v>
      </c>
      <c r="I3294" s="236">
        <f t="shared" si="770"/>
        <v>20.051072164959791</v>
      </c>
      <c r="J3294" s="237">
        <f t="shared" si="775"/>
        <v>10.051072164959791</v>
      </c>
      <c r="K3294" s="237">
        <f t="shared" si="771"/>
        <v>657.49470736119656</v>
      </c>
      <c r="L3294" s="237">
        <f t="shared" si="776"/>
        <v>329.65506486635127</v>
      </c>
      <c r="M3294" s="236">
        <f t="shared" si="772"/>
        <v>56.870976031384622</v>
      </c>
      <c r="N3294" s="236">
        <f t="shared" si="773"/>
        <v>0.65874377332311751</v>
      </c>
      <c r="O3294" s="236">
        <f t="shared" si="777"/>
        <v>2.0051264271674256</v>
      </c>
      <c r="P3294" s="236" t="str">
        <f t="shared" si="778"/>
        <v>SAND</v>
      </c>
      <c r="Q3294" s="236" t="e">
        <f t="shared" si="774"/>
        <v>#N/A</v>
      </c>
      <c r="R3294" s="238">
        <v>35</v>
      </c>
      <c r="S3294" s="236" t="e">
        <f t="shared" si="779"/>
        <v>#N/A</v>
      </c>
      <c r="T3294" s="236">
        <f t="shared" si="765"/>
        <v>36.903797499440593</v>
      </c>
    </row>
    <row r="3295" spans="1:20" x14ac:dyDescent="0.2">
      <c r="A3295" s="53">
        <f t="shared" si="766"/>
        <v>3283</v>
      </c>
      <c r="B3295" s="239">
        <v>32.807000000000002</v>
      </c>
      <c r="C3295" s="3">
        <f t="shared" si="767"/>
        <v>32.800000000000004</v>
      </c>
      <c r="D3295" s="239">
        <v>19.858799999999999</v>
      </c>
      <c r="E3295" s="239">
        <v>0.123</v>
      </c>
      <c r="F3295" s="239">
        <v>-0.1002</v>
      </c>
      <c r="G3295">
        <f t="shared" si="768"/>
        <v>19.838759999999997</v>
      </c>
      <c r="H3295" s="235">
        <f t="shared" si="769"/>
        <v>0.61999842732106247</v>
      </c>
      <c r="I3295" s="236">
        <f t="shared" si="770"/>
        <v>20.054949926477157</v>
      </c>
      <c r="J3295" s="237">
        <f t="shared" si="775"/>
        <v>10.054949926477157</v>
      </c>
      <c r="K3295" s="237">
        <f t="shared" si="771"/>
        <v>657.80235758845083</v>
      </c>
      <c r="L3295" s="237">
        <f t="shared" si="776"/>
        <v>329.87274223793611</v>
      </c>
      <c r="M3295" s="236">
        <f t="shared" si="772"/>
        <v>58.146537092708272</v>
      </c>
      <c r="N3295" s="236">
        <f t="shared" si="773"/>
        <v>0.64126099589538366</v>
      </c>
      <c r="O3295" s="236">
        <f t="shared" si="777"/>
        <v>1.990841382821896</v>
      </c>
      <c r="P3295" s="236" t="str">
        <f t="shared" si="778"/>
        <v>SAND</v>
      </c>
      <c r="Q3295" s="236" t="e">
        <f t="shared" si="774"/>
        <v>#N/A</v>
      </c>
      <c r="R3295" s="238">
        <v>35</v>
      </c>
      <c r="S3295" s="236" t="e">
        <f t="shared" si="779"/>
        <v>#N/A</v>
      </c>
      <c r="T3295" s="236">
        <f t="shared" si="765"/>
        <v>37.009762410493117</v>
      </c>
    </row>
    <row r="3296" spans="1:20" x14ac:dyDescent="0.2">
      <c r="A3296" s="53">
        <f t="shared" si="766"/>
        <v>3284</v>
      </c>
      <c r="B3296" s="239">
        <v>32.817</v>
      </c>
      <c r="C3296" s="3">
        <f t="shared" si="767"/>
        <v>32.81</v>
      </c>
      <c r="D3296" s="239">
        <v>20.216000000000001</v>
      </c>
      <c r="E3296" s="239">
        <v>0.113</v>
      </c>
      <c r="F3296" s="239">
        <v>-9.2700000000000005E-2</v>
      </c>
      <c r="G3296">
        <f t="shared" si="768"/>
        <v>20.19746</v>
      </c>
      <c r="H3296" s="235">
        <f t="shared" si="769"/>
        <v>0.55947629058307335</v>
      </c>
      <c r="I3296" s="236">
        <f t="shared" si="770"/>
        <v>19.962521932823876</v>
      </c>
      <c r="J3296" s="237">
        <f t="shared" si="775"/>
        <v>9.9625219328238757</v>
      </c>
      <c r="K3296" s="237">
        <f t="shared" si="771"/>
        <v>654.97034461595138</v>
      </c>
      <c r="L3296" s="237">
        <f t="shared" si="776"/>
        <v>326.94008226948114</v>
      </c>
      <c r="M3296" s="236">
        <f t="shared" si="772"/>
        <v>59.773917959915678</v>
      </c>
      <c r="N3296" s="236">
        <f t="shared" si="773"/>
        <v>0.57822724736030739</v>
      </c>
      <c r="O3296" s="236">
        <f t="shared" si="777"/>
        <v>1.9576567909279854</v>
      </c>
      <c r="P3296" s="236" t="str">
        <f t="shared" si="778"/>
        <v>SAND</v>
      </c>
      <c r="Q3296" s="236" t="e">
        <f t="shared" si="774"/>
        <v>#N/A</v>
      </c>
      <c r="R3296" s="238">
        <v>35</v>
      </c>
      <c r="S3296" s="236" t="e">
        <f t="shared" si="779"/>
        <v>#N/A</v>
      </c>
      <c r="T3296" s="236">
        <f t="shared" si="765"/>
        <v>37.141628954854099</v>
      </c>
    </row>
    <row r="3297" spans="1:20" x14ac:dyDescent="0.2">
      <c r="A3297" s="53">
        <f t="shared" si="766"/>
        <v>3285</v>
      </c>
      <c r="B3297" s="239">
        <v>32.828000000000003</v>
      </c>
      <c r="C3297" s="3">
        <f t="shared" si="767"/>
        <v>32.821000000000005</v>
      </c>
      <c r="D3297" s="239">
        <v>20.493200000000002</v>
      </c>
      <c r="E3297" s="239">
        <v>0.1033</v>
      </c>
      <c r="F3297" s="239">
        <v>-0.10299999999999999</v>
      </c>
      <c r="G3297">
        <f t="shared" si="768"/>
        <v>20.4726</v>
      </c>
      <c r="H3297" s="235">
        <f t="shared" si="769"/>
        <v>0.50457684905678812</v>
      </c>
      <c r="I3297" s="236">
        <f t="shared" si="770"/>
        <v>19.862569623507689</v>
      </c>
      <c r="J3297" s="237">
        <f t="shared" si="775"/>
        <v>9.8625696235076887</v>
      </c>
      <c r="K3297" s="237">
        <f t="shared" si="771"/>
        <v>651.90939761314598</v>
      </c>
      <c r="L3297" s="237">
        <f t="shared" si="776"/>
        <v>323.76843560051043</v>
      </c>
      <c r="M3297" s="236">
        <f t="shared" si="772"/>
        <v>61.218724319510557</v>
      </c>
      <c r="N3297" s="236">
        <f t="shared" si="773"/>
        <v>0.52117255686116393</v>
      </c>
      <c r="O3297" s="236">
        <f t="shared" si="777"/>
        <v>1.9263470473632611</v>
      </c>
      <c r="P3297" s="236" t="str">
        <f t="shared" si="778"/>
        <v>SAND</v>
      </c>
      <c r="Q3297" s="236" t="e">
        <f t="shared" si="774"/>
        <v>#N/A</v>
      </c>
      <c r="R3297" s="238">
        <v>35</v>
      </c>
      <c r="S3297" s="236" t="e">
        <f t="shared" si="779"/>
        <v>#N/A</v>
      </c>
      <c r="T3297" s="236">
        <f t="shared" si="765"/>
        <v>37.255727030431402</v>
      </c>
    </row>
    <row r="3298" spans="1:20" x14ac:dyDescent="0.2">
      <c r="A3298" s="53">
        <f t="shared" si="766"/>
        <v>3286</v>
      </c>
      <c r="B3298" s="239">
        <v>32.838000000000001</v>
      </c>
      <c r="C3298" s="3">
        <f t="shared" si="767"/>
        <v>32.831000000000003</v>
      </c>
      <c r="D3298" s="239">
        <v>20.827000000000002</v>
      </c>
      <c r="E3298" s="239">
        <v>9.9000000000000005E-2</v>
      </c>
      <c r="F3298" s="239">
        <v>-0.10199999999999999</v>
      </c>
      <c r="G3298">
        <f t="shared" si="768"/>
        <v>20.806600000000003</v>
      </c>
      <c r="H3298" s="235">
        <f t="shared" si="769"/>
        <v>0.47581056011073403</v>
      </c>
      <c r="I3298" s="236">
        <f t="shared" si="770"/>
        <v>19.819039086071406</v>
      </c>
      <c r="J3298" s="237">
        <f t="shared" si="775"/>
        <v>9.8190390860714061</v>
      </c>
      <c r="K3298" s="237">
        <f t="shared" si="771"/>
        <v>650.67887223481034</v>
      </c>
      <c r="L3298" s="237">
        <f t="shared" si="776"/>
        <v>322.43760550841284</v>
      </c>
      <c r="M3298" s="236">
        <f t="shared" si="772"/>
        <v>62.51107433943308</v>
      </c>
      <c r="N3298" s="236">
        <f t="shared" si="773"/>
        <v>0.49117080471021235</v>
      </c>
      <c r="O3298" s="236">
        <f t="shared" si="777"/>
        <v>1.9059813325112289</v>
      </c>
      <c r="P3298" s="236" t="str">
        <f t="shared" si="778"/>
        <v>SAND</v>
      </c>
      <c r="Q3298" s="236" t="e">
        <f t="shared" si="774"/>
        <v>#N/A</v>
      </c>
      <c r="R3298" s="238">
        <v>35</v>
      </c>
      <c r="S3298" s="236" t="e">
        <f t="shared" si="779"/>
        <v>#N/A</v>
      </c>
      <c r="T3298" s="236">
        <f t="shared" si="765"/>
        <v>37.355526592113506</v>
      </c>
    </row>
    <row r="3299" spans="1:20" x14ac:dyDescent="0.2">
      <c r="A3299" s="53">
        <f t="shared" si="766"/>
        <v>3287</v>
      </c>
      <c r="B3299" s="239">
        <v>32.847999999999999</v>
      </c>
      <c r="C3299" s="3">
        <f t="shared" si="767"/>
        <v>32.841000000000001</v>
      </c>
      <c r="D3299" s="239">
        <v>20.848700000000001</v>
      </c>
      <c r="E3299" s="239">
        <v>9.8599999999999993E-2</v>
      </c>
      <c r="F3299" s="239">
        <v>-8.9599999999999999E-2</v>
      </c>
      <c r="G3299">
        <f t="shared" si="768"/>
        <v>20.830780000000001</v>
      </c>
      <c r="H3299" s="235">
        <f t="shared" si="769"/>
        <v>0.47333801230678829</v>
      </c>
      <c r="I3299" s="236">
        <f t="shared" si="770"/>
        <v>19.814745703731376</v>
      </c>
      <c r="J3299" s="237">
        <f t="shared" si="775"/>
        <v>9.8147457037313757</v>
      </c>
      <c r="K3299" s="237">
        <f t="shared" si="771"/>
        <v>650.7360636562421</v>
      </c>
      <c r="L3299" s="237">
        <f t="shared" si="776"/>
        <v>322.39476687616821</v>
      </c>
      <c r="M3299" s="236">
        <f t="shared" si="772"/>
        <v>62.59420440312207</v>
      </c>
      <c r="N3299" s="236">
        <f t="shared" si="773"/>
        <v>0.48860151301466603</v>
      </c>
      <c r="O3299" s="236">
        <f t="shared" si="777"/>
        <v>1.9043862216018244</v>
      </c>
      <c r="P3299" s="236" t="str">
        <f t="shared" si="778"/>
        <v>SAND</v>
      </c>
      <c r="Q3299" s="236" t="e">
        <f t="shared" si="774"/>
        <v>#N/A</v>
      </c>
      <c r="R3299" s="238">
        <v>35</v>
      </c>
      <c r="S3299" s="236" t="e">
        <f t="shared" si="779"/>
        <v>#N/A</v>
      </c>
      <c r="T3299" s="236">
        <f t="shared" si="765"/>
        <v>37.361875361242753</v>
      </c>
    </row>
    <row r="3300" spans="1:20" x14ac:dyDescent="0.2">
      <c r="A3300" s="53">
        <f t="shared" si="766"/>
        <v>3288</v>
      </c>
      <c r="B3300" s="239">
        <v>32.859000000000002</v>
      </c>
      <c r="C3300" s="3">
        <f t="shared" si="767"/>
        <v>32.852000000000004</v>
      </c>
      <c r="D3300" s="239">
        <v>20.8735</v>
      </c>
      <c r="E3300" s="239">
        <v>0.1013</v>
      </c>
      <c r="F3300" s="239">
        <v>-6.0199999999999997E-2</v>
      </c>
      <c r="G3300">
        <f t="shared" si="768"/>
        <v>20.861460000000001</v>
      </c>
      <c r="H3300" s="235">
        <f t="shared" si="769"/>
        <v>0.48558442218329878</v>
      </c>
      <c r="I3300" s="236">
        <f t="shared" si="770"/>
        <v>19.846998786384244</v>
      </c>
      <c r="J3300" s="237">
        <f t="shared" si="775"/>
        <v>9.8469987863842441</v>
      </c>
      <c r="K3300" s="237">
        <f t="shared" si="771"/>
        <v>652.01360413029522</v>
      </c>
      <c r="L3300" s="237">
        <f t="shared" si="776"/>
        <v>323.5625331217999</v>
      </c>
      <c r="M3300" s="236">
        <f t="shared" si="772"/>
        <v>62.459167323499067</v>
      </c>
      <c r="N3300" s="236">
        <f t="shared" si="773"/>
        <v>0.50125074193374786</v>
      </c>
      <c r="O3300" s="236">
        <f t="shared" si="777"/>
        <v>1.9105311758576693</v>
      </c>
      <c r="P3300" s="236" t="str">
        <f t="shared" si="778"/>
        <v>SAND</v>
      </c>
      <c r="Q3300" s="236" t="e">
        <f t="shared" si="774"/>
        <v>#N/A</v>
      </c>
      <c r="R3300" s="238">
        <v>35</v>
      </c>
      <c r="S3300" s="236" t="e">
        <f t="shared" si="779"/>
        <v>#N/A</v>
      </c>
      <c r="T3300" s="236">
        <f t="shared" si="765"/>
        <v>37.351558091333246</v>
      </c>
    </row>
    <row r="3301" spans="1:20" x14ac:dyDescent="0.2">
      <c r="A3301" s="53">
        <f t="shared" si="766"/>
        <v>3289</v>
      </c>
      <c r="B3301" s="239">
        <v>32.868000000000002</v>
      </c>
      <c r="C3301" s="3">
        <f t="shared" si="767"/>
        <v>32.861000000000004</v>
      </c>
      <c r="D3301" s="239">
        <v>21.099399999999999</v>
      </c>
      <c r="E3301" s="239">
        <v>9.8299999999999998E-2</v>
      </c>
      <c r="F3301" s="239">
        <v>-5.7599999999999998E-2</v>
      </c>
      <c r="G3301">
        <f t="shared" si="768"/>
        <v>21.087879999999998</v>
      </c>
      <c r="H3301" s="235">
        <f t="shared" si="769"/>
        <v>0.4661445342063783</v>
      </c>
      <c r="I3301" s="236">
        <f t="shared" si="770"/>
        <v>19.8159671819514</v>
      </c>
      <c r="J3301" s="237">
        <f t="shared" si="775"/>
        <v>9.8159671819514003</v>
      </c>
      <c r="K3301" s="237">
        <f t="shared" si="771"/>
        <v>651.17249756610499</v>
      </c>
      <c r="L3301" s="237">
        <f t="shared" si="776"/>
        <v>322.63120933637862</v>
      </c>
      <c r="M3301" s="236">
        <f t="shared" si="772"/>
        <v>63.343864173804619</v>
      </c>
      <c r="N3301" s="236">
        <f t="shared" si="773"/>
        <v>0.48099724472884414</v>
      </c>
      <c r="O3301" s="236">
        <f t="shared" si="777"/>
        <v>1.8965945660992582</v>
      </c>
      <c r="P3301" s="236" t="str">
        <f t="shared" si="778"/>
        <v>SAND</v>
      </c>
      <c r="Q3301" s="236" t="e">
        <f t="shared" si="774"/>
        <v>#N/A</v>
      </c>
      <c r="R3301" s="238">
        <v>35</v>
      </c>
      <c r="S3301" s="236" t="e">
        <f t="shared" si="779"/>
        <v>#N/A</v>
      </c>
      <c r="T3301" s="236">
        <f t="shared" si="765"/>
        <v>37.418750084820971</v>
      </c>
    </row>
    <row r="3302" spans="1:20" x14ac:dyDescent="0.2">
      <c r="A3302" s="53">
        <f t="shared" si="766"/>
        <v>3290</v>
      </c>
      <c r="B3302" s="239">
        <v>32.878999999999998</v>
      </c>
      <c r="C3302" s="3">
        <f t="shared" si="767"/>
        <v>32.872</v>
      </c>
      <c r="D3302" s="239">
        <v>21.236999999999998</v>
      </c>
      <c r="E3302" s="239">
        <v>9.7699999999999995E-2</v>
      </c>
      <c r="F3302" s="239">
        <v>2.3099999999999999E-2</v>
      </c>
      <c r="G3302">
        <f t="shared" si="768"/>
        <v>21.241619999999998</v>
      </c>
      <c r="H3302" s="235">
        <f t="shared" si="769"/>
        <v>0.45994608697453399</v>
      </c>
      <c r="I3302" s="236">
        <f t="shared" si="770"/>
        <v>19.811627248194693</v>
      </c>
      <c r="J3302" s="237">
        <f t="shared" si="775"/>
        <v>9.8116272481946929</v>
      </c>
      <c r="K3302" s="237">
        <f t="shared" si="771"/>
        <v>651.24781090265594</v>
      </c>
      <c r="L3302" s="237">
        <f t="shared" si="776"/>
        <v>322.59649229339328</v>
      </c>
      <c r="M3302" s="236">
        <f t="shared" si="772"/>
        <v>63.827018213114741</v>
      </c>
      <c r="N3302" s="236">
        <f t="shared" si="773"/>
        <v>0.47449360848237798</v>
      </c>
      <c r="O3302" s="236">
        <f t="shared" si="777"/>
        <v>1.8908830472887328</v>
      </c>
      <c r="P3302" s="236" t="str">
        <f t="shared" si="778"/>
        <v>SAND</v>
      </c>
      <c r="Q3302" s="236" t="e">
        <f t="shared" si="774"/>
        <v>#N/A</v>
      </c>
      <c r="R3302" s="238">
        <v>35</v>
      </c>
      <c r="S3302" s="236" t="e">
        <f t="shared" si="779"/>
        <v>#N/A</v>
      </c>
      <c r="T3302" s="236">
        <f t="shared" si="765"/>
        <v>37.455050117143607</v>
      </c>
    </row>
    <row r="3303" spans="1:20" x14ac:dyDescent="0.2">
      <c r="A3303" s="53">
        <f t="shared" si="766"/>
        <v>3291</v>
      </c>
      <c r="B3303" s="239">
        <v>32.889000000000003</v>
      </c>
      <c r="C3303" s="3">
        <f t="shared" si="767"/>
        <v>32.882000000000005</v>
      </c>
      <c r="D3303" s="239">
        <v>21.610399999999998</v>
      </c>
      <c r="E3303" s="239">
        <v>0.1082</v>
      </c>
      <c r="F3303" s="239">
        <v>6.7000000000000004E-2</v>
      </c>
      <c r="G3303">
        <f t="shared" si="768"/>
        <v>21.623799999999999</v>
      </c>
      <c r="H3303" s="235">
        <f t="shared" si="769"/>
        <v>0.50037458726033357</v>
      </c>
      <c r="I3303" s="236">
        <f t="shared" si="770"/>
        <v>19.938295472763954</v>
      </c>
      <c r="J3303" s="237">
        <f t="shared" si="775"/>
        <v>9.9382954727639543</v>
      </c>
      <c r="K3303" s="237">
        <f t="shared" si="771"/>
        <v>655.61103173542449</v>
      </c>
      <c r="L3303" s="237">
        <f t="shared" si="776"/>
        <v>326.86059980373375</v>
      </c>
      <c r="M3303" s="236">
        <f t="shared" si="772"/>
        <v>64.150249313790354</v>
      </c>
      <c r="N3303" s="236">
        <f t="shared" si="773"/>
        <v>0.51601976767646018</v>
      </c>
      <c r="O3303" s="236">
        <f t="shared" si="777"/>
        <v>1.906508807149671</v>
      </c>
      <c r="P3303" s="236" t="str">
        <f t="shared" si="778"/>
        <v>SAND</v>
      </c>
      <c r="Q3303" s="236" t="e">
        <f t="shared" si="774"/>
        <v>#N/A</v>
      </c>
      <c r="R3303" s="238">
        <v>35</v>
      </c>
      <c r="S3303" s="236" t="e">
        <f t="shared" si="779"/>
        <v>#N/A</v>
      </c>
      <c r="T3303" s="236">
        <f t="shared" si="765"/>
        <v>37.479181834138785</v>
      </c>
    </row>
    <row r="3304" spans="1:20" x14ac:dyDescent="0.2">
      <c r="A3304" s="53">
        <f t="shared" si="766"/>
        <v>3292</v>
      </c>
      <c r="B3304" s="239">
        <v>32.899000000000001</v>
      </c>
      <c r="C3304" s="3">
        <f t="shared" si="767"/>
        <v>32.892000000000003</v>
      </c>
      <c r="D3304" s="239">
        <v>21.9162</v>
      </c>
      <c r="E3304" s="239">
        <v>0.1168</v>
      </c>
      <c r="F3304" s="239">
        <v>8.2000000000000003E-2</v>
      </c>
      <c r="G3304">
        <f t="shared" si="768"/>
        <v>21.932600000000001</v>
      </c>
      <c r="H3304" s="235">
        <f t="shared" si="769"/>
        <v>0.53254060166145378</v>
      </c>
      <c r="I3304" s="236">
        <f t="shared" si="770"/>
        <v>20.033519836229328</v>
      </c>
      <c r="J3304" s="237">
        <f t="shared" si="775"/>
        <v>10.033519836229328</v>
      </c>
      <c r="K3304" s="237">
        <f t="shared" si="771"/>
        <v>658.94253445325512</v>
      </c>
      <c r="L3304" s="237">
        <f t="shared" si="776"/>
        <v>330.09276909210865</v>
      </c>
      <c r="M3304" s="236">
        <f t="shared" si="772"/>
        <v>64.447511298287708</v>
      </c>
      <c r="N3304" s="236">
        <f t="shared" si="773"/>
        <v>0.5490358213633959</v>
      </c>
      <c r="O3304" s="236">
        <f t="shared" si="777"/>
        <v>1.9180901109967874</v>
      </c>
      <c r="P3304" s="236" t="str">
        <f t="shared" si="778"/>
        <v>SAND</v>
      </c>
      <c r="Q3304" s="236" t="e">
        <f t="shared" si="774"/>
        <v>#N/A</v>
      </c>
      <c r="R3304" s="238">
        <v>35</v>
      </c>
      <c r="S3304" s="236" t="e">
        <f t="shared" si="779"/>
        <v>#N/A</v>
      </c>
      <c r="T3304" s="236">
        <f t="shared" si="765"/>
        <v>37.501267664523439</v>
      </c>
    </row>
    <row r="3305" spans="1:20" x14ac:dyDescent="0.2">
      <c r="A3305" s="53">
        <f t="shared" si="766"/>
        <v>3293</v>
      </c>
      <c r="B3305" s="239">
        <v>32.909999999999997</v>
      </c>
      <c r="C3305" s="3">
        <f t="shared" si="767"/>
        <v>32.902999999999999</v>
      </c>
      <c r="D3305" s="239">
        <v>22.068300000000001</v>
      </c>
      <c r="E3305" s="239">
        <v>0.1198</v>
      </c>
      <c r="F3305" s="239">
        <v>7.9100000000000004E-2</v>
      </c>
      <c r="G3305">
        <f t="shared" si="768"/>
        <v>22.084120000000002</v>
      </c>
      <c r="H3305" s="235">
        <f t="shared" si="769"/>
        <v>0.54247124177916073</v>
      </c>
      <c r="I3305" s="236">
        <f t="shared" si="770"/>
        <v>20.06594855162362</v>
      </c>
      <c r="J3305" s="237">
        <f t="shared" si="775"/>
        <v>10.06594855162362</v>
      </c>
      <c r="K3305" s="237">
        <f t="shared" si="771"/>
        <v>660.22990519407199</v>
      </c>
      <c r="L3305" s="237">
        <f t="shared" si="776"/>
        <v>331.27036683393328</v>
      </c>
      <c r="M3305" s="236">
        <f t="shared" si="772"/>
        <v>64.671918287052165</v>
      </c>
      <c r="N3305" s="236">
        <f t="shared" si="773"/>
        <v>0.5591888283120191</v>
      </c>
      <c r="O3305" s="236">
        <f t="shared" si="777"/>
        <v>1.9207794432565723</v>
      </c>
      <c r="P3305" s="236" t="str">
        <f t="shared" si="778"/>
        <v>SAND</v>
      </c>
      <c r="Q3305" s="236" t="e">
        <f t="shared" si="774"/>
        <v>#N/A</v>
      </c>
      <c r="R3305" s="238">
        <v>35</v>
      </c>
      <c r="S3305" s="236" t="e">
        <f t="shared" si="779"/>
        <v>#N/A</v>
      </c>
      <c r="T3305" s="236">
        <f t="shared" si="765"/>
        <v>37.517873174150814</v>
      </c>
    </row>
    <row r="3306" spans="1:20" x14ac:dyDescent="0.2">
      <c r="A3306" s="53">
        <f t="shared" si="766"/>
        <v>3294</v>
      </c>
      <c r="B3306" s="239">
        <v>32.918999999999997</v>
      </c>
      <c r="C3306" s="3">
        <f t="shared" si="767"/>
        <v>32.911999999999999</v>
      </c>
      <c r="D3306" s="239">
        <v>22.099399999999999</v>
      </c>
      <c r="E3306" s="239">
        <v>0.1162</v>
      </c>
      <c r="F3306" s="239">
        <v>0.1164</v>
      </c>
      <c r="G3306">
        <f t="shared" si="768"/>
        <v>22.122679999999999</v>
      </c>
      <c r="H3306" s="235">
        <f t="shared" si="769"/>
        <v>0.52525281747057773</v>
      </c>
      <c r="I3306" s="236">
        <f t="shared" si="770"/>
        <v>20.030853563791389</v>
      </c>
      <c r="J3306" s="237">
        <f t="shared" si="775"/>
        <v>10.030853563791389</v>
      </c>
      <c r="K3306" s="237">
        <f t="shared" si="771"/>
        <v>659.25545249150218</v>
      </c>
      <c r="L3306" s="237">
        <f t="shared" si="776"/>
        <v>330.20566846644869</v>
      </c>
      <c r="M3306" s="236">
        <f t="shared" si="772"/>
        <v>65.000169885603697</v>
      </c>
      <c r="N3306" s="236">
        <f t="shared" si="773"/>
        <v>0.54138611358497613</v>
      </c>
      <c r="O3306" s="236">
        <f t="shared" si="777"/>
        <v>1.9118337256256364</v>
      </c>
      <c r="P3306" s="236" t="str">
        <f t="shared" si="778"/>
        <v>SAND</v>
      </c>
      <c r="Q3306" s="236" t="e">
        <f t="shared" si="774"/>
        <v>#N/A</v>
      </c>
      <c r="R3306" s="238">
        <v>35</v>
      </c>
      <c r="S3306" s="236" t="e">
        <f t="shared" si="779"/>
        <v>#N/A</v>
      </c>
      <c r="T3306" s="236">
        <f t="shared" si="765"/>
        <v>37.542059408965599</v>
      </c>
    </row>
    <row r="3307" spans="1:20" x14ac:dyDescent="0.2">
      <c r="A3307" s="53">
        <f t="shared" si="766"/>
        <v>3295</v>
      </c>
      <c r="B3307" s="239">
        <v>32.93</v>
      </c>
      <c r="C3307" s="3">
        <f t="shared" si="767"/>
        <v>32.923000000000002</v>
      </c>
      <c r="D3307" s="239">
        <v>22.061199999999999</v>
      </c>
      <c r="E3307" s="239">
        <v>0.1162</v>
      </c>
      <c r="F3307" s="239">
        <v>9.2799999999999994E-2</v>
      </c>
      <c r="G3307">
        <f t="shared" si="768"/>
        <v>22.07976</v>
      </c>
      <c r="H3307" s="235">
        <f t="shared" si="769"/>
        <v>0.52627383630981495</v>
      </c>
      <c r="I3307" s="236">
        <f t="shared" si="770"/>
        <v>20.03009451372451</v>
      </c>
      <c r="J3307" s="237">
        <f t="shared" si="775"/>
        <v>10.03009451372451</v>
      </c>
      <c r="K3307" s="237">
        <f t="shared" si="771"/>
        <v>659.45080167535207</v>
      </c>
      <c r="L3307" s="237">
        <f t="shared" si="776"/>
        <v>330.29101233694814</v>
      </c>
      <c r="M3307" s="236">
        <f t="shared" si="772"/>
        <v>64.852837038364839</v>
      </c>
      <c r="N3307" s="236">
        <f t="shared" si="773"/>
        <v>0.5424758294763008</v>
      </c>
      <c r="O3307" s="236">
        <f t="shared" si="777"/>
        <v>1.913123478260905</v>
      </c>
      <c r="P3307" s="236" t="str">
        <f t="shared" si="778"/>
        <v>SAND</v>
      </c>
      <c r="Q3307" s="236" t="e">
        <f t="shared" si="774"/>
        <v>#N/A</v>
      </c>
      <c r="R3307" s="238">
        <v>35</v>
      </c>
      <c r="S3307" s="236" t="e">
        <f t="shared" si="779"/>
        <v>#N/A</v>
      </c>
      <c r="T3307" s="236">
        <f t="shared" si="765"/>
        <v>37.531218773282959</v>
      </c>
    </row>
    <row r="3308" spans="1:20" x14ac:dyDescent="0.2">
      <c r="A3308" s="53">
        <f t="shared" si="766"/>
        <v>3296</v>
      </c>
      <c r="B3308" s="239">
        <v>32.94</v>
      </c>
      <c r="C3308" s="3">
        <f t="shared" si="767"/>
        <v>32.933</v>
      </c>
      <c r="D3308" s="239">
        <v>22.029699999999998</v>
      </c>
      <c r="E3308" s="239">
        <v>0.11650000000000001</v>
      </c>
      <c r="F3308" s="239">
        <v>3.09E-2</v>
      </c>
      <c r="G3308">
        <f t="shared" si="768"/>
        <v>22.035879999999999</v>
      </c>
      <c r="H3308" s="235">
        <f t="shared" si="769"/>
        <v>0.52868322027529657</v>
      </c>
      <c r="I3308" s="236">
        <f t="shared" si="770"/>
        <v>20.032340411677268</v>
      </c>
      <c r="J3308" s="237">
        <f t="shared" si="775"/>
        <v>10.032340411677268</v>
      </c>
      <c r="K3308" s="237">
        <f t="shared" si="771"/>
        <v>659.72506677776744</v>
      </c>
      <c r="L3308" s="237">
        <f t="shared" si="776"/>
        <v>330.4652931606492</v>
      </c>
      <c r="M3308" s="236">
        <f t="shared" si="772"/>
        <v>64.685022529221044</v>
      </c>
      <c r="N3308" s="236">
        <f t="shared" si="773"/>
        <v>0.54499979235713203</v>
      </c>
      <c r="O3308" s="236">
        <f t="shared" si="777"/>
        <v>1.9151047498816998</v>
      </c>
      <c r="P3308" s="236" t="str">
        <f t="shared" si="778"/>
        <v>SAND</v>
      </c>
      <c r="Q3308" s="236" t="e">
        <f t="shared" si="774"/>
        <v>#N/A</v>
      </c>
      <c r="R3308" s="238">
        <v>35</v>
      </c>
      <c r="S3308" s="236" t="e">
        <f t="shared" si="779"/>
        <v>#N/A</v>
      </c>
      <c r="T3308" s="236">
        <f t="shared" si="765"/>
        <v>37.518841071203994</v>
      </c>
    </row>
    <row r="3309" spans="1:20" x14ac:dyDescent="0.2">
      <c r="A3309" s="53">
        <f t="shared" si="766"/>
        <v>3297</v>
      </c>
      <c r="B3309" s="239">
        <v>32.951000000000001</v>
      </c>
      <c r="C3309" s="3">
        <f t="shared" si="767"/>
        <v>32.944000000000003</v>
      </c>
      <c r="D3309" s="239">
        <v>21.590900000000001</v>
      </c>
      <c r="E3309" s="239">
        <v>0.11600000000000001</v>
      </c>
      <c r="F3309" s="239">
        <v>1.12E-2</v>
      </c>
      <c r="G3309">
        <f t="shared" si="768"/>
        <v>21.593140000000002</v>
      </c>
      <c r="H3309" s="235">
        <f t="shared" si="769"/>
        <v>0.537207650207427</v>
      </c>
      <c r="I3309" s="236">
        <f t="shared" si="770"/>
        <v>20.019363845775111</v>
      </c>
      <c r="J3309" s="237">
        <f t="shared" si="775"/>
        <v>10.019363845775111</v>
      </c>
      <c r="K3309" s="237">
        <f t="shared" si="771"/>
        <v>659.51792253521535</v>
      </c>
      <c r="L3309" s="237">
        <f t="shared" si="776"/>
        <v>330.14805808213566</v>
      </c>
      <c r="M3309" s="236">
        <f t="shared" si="772"/>
        <v>63.406770280795747</v>
      </c>
      <c r="N3309" s="236">
        <f t="shared" si="773"/>
        <v>0.55413248395687309</v>
      </c>
      <c r="O3309" s="236">
        <f t="shared" si="777"/>
        <v>1.9262198052195798</v>
      </c>
      <c r="P3309" s="236" t="str">
        <f t="shared" si="778"/>
        <v>SAND</v>
      </c>
      <c r="Q3309" s="236" t="e">
        <f t="shared" si="774"/>
        <v>#N/A</v>
      </c>
      <c r="R3309" s="238">
        <v>35</v>
      </c>
      <c r="S3309" s="236" t="e">
        <f t="shared" si="779"/>
        <v>#N/A</v>
      </c>
      <c r="T3309" s="236">
        <f t="shared" si="765"/>
        <v>37.423491955385231</v>
      </c>
    </row>
    <row r="3310" spans="1:20" x14ac:dyDescent="0.2">
      <c r="A3310" s="53">
        <f t="shared" si="766"/>
        <v>3298</v>
      </c>
      <c r="B3310" s="239">
        <v>32.96</v>
      </c>
      <c r="C3310" s="3">
        <f t="shared" si="767"/>
        <v>32.953000000000003</v>
      </c>
      <c r="D3310" s="239">
        <v>21.206</v>
      </c>
      <c r="E3310" s="239">
        <v>0.1179</v>
      </c>
      <c r="F3310" s="239">
        <v>-5.7200000000000001E-2</v>
      </c>
      <c r="G3310">
        <f t="shared" si="768"/>
        <v>21.194559999999999</v>
      </c>
      <c r="H3310" s="235">
        <f t="shared" si="769"/>
        <v>0.55627481768906739</v>
      </c>
      <c r="I3310" s="236">
        <f t="shared" si="770"/>
        <v>20.031132292661937</v>
      </c>
      <c r="J3310" s="237">
        <f t="shared" si="775"/>
        <v>10.031132292661937</v>
      </c>
      <c r="K3310" s="237">
        <f t="shared" si="771"/>
        <v>660.08590244008883</v>
      </c>
      <c r="L3310" s="237">
        <f t="shared" si="776"/>
        <v>330.62612036613746</v>
      </c>
      <c r="M3310" s="236">
        <f t="shared" si="772"/>
        <v>62.10783974000573</v>
      </c>
      <c r="N3310" s="236">
        <f t="shared" si="773"/>
        <v>0.57415641345307189</v>
      </c>
      <c r="O3310" s="236">
        <f t="shared" si="777"/>
        <v>1.9417358442144155</v>
      </c>
      <c r="P3310" s="236" t="str">
        <f t="shared" si="778"/>
        <v>SAND</v>
      </c>
      <c r="Q3310" s="236" t="e">
        <f t="shared" si="774"/>
        <v>#N/A</v>
      </c>
      <c r="R3310" s="238">
        <v>35</v>
      </c>
      <c r="S3310" s="236" t="e">
        <f t="shared" si="779"/>
        <v>#N/A</v>
      </c>
      <c r="T3310" s="236">
        <f t="shared" si="765"/>
        <v>37.324610660721802</v>
      </c>
    </row>
    <row r="3311" spans="1:20" x14ac:dyDescent="0.2">
      <c r="A3311" s="53">
        <f t="shared" si="766"/>
        <v>3299</v>
      </c>
      <c r="B3311" s="239">
        <v>32.970999999999997</v>
      </c>
      <c r="C3311" s="3">
        <f t="shared" si="767"/>
        <v>32.963999999999999</v>
      </c>
      <c r="D3311" s="239">
        <v>20.801600000000001</v>
      </c>
      <c r="E3311" s="239">
        <v>0.13089999999999999</v>
      </c>
      <c r="F3311" s="239">
        <v>-7.5300000000000006E-2</v>
      </c>
      <c r="G3311">
        <f t="shared" si="768"/>
        <v>20.786540000000002</v>
      </c>
      <c r="H3311" s="235">
        <f t="shared" si="769"/>
        <v>0.62973443391733286</v>
      </c>
      <c r="I3311" s="236">
        <f t="shared" si="770"/>
        <v>20.146184084885075</v>
      </c>
      <c r="J3311" s="237">
        <f t="shared" si="775"/>
        <v>10.146184084885075</v>
      </c>
      <c r="K3311" s="237">
        <f t="shared" si="771"/>
        <v>664.09881217415159</v>
      </c>
      <c r="L3311" s="237">
        <f t="shared" si="776"/>
        <v>334.52983546274578</v>
      </c>
      <c r="M3311" s="236">
        <f t="shared" si="772"/>
        <v>60.151409694119032</v>
      </c>
      <c r="N3311" s="236">
        <f t="shared" si="773"/>
        <v>0.65051749327111941</v>
      </c>
      <c r="O3311" s="236">
        <f t="shared" si="777"/>
        <v>1.981482740517146</v>
      </c>
      <c r="P3311" s="236" t="str">
        <f t="shared" si="778"/>
        <v>SAND</v>
      </c>
      <c r="Q3311" s="236" t="e">
        <f t="shared" si="774"/>
        <v>#N/A</v>
      </c>
      <c r="R3311" s="238">
        <v>35</v>
      </c>
      <c r="S3311" s="236" t="e">
        <f t="shared" si="779"/>
        <v>#N/A</v>
      </c>
      <c r="T3311" s="236">
        <f t="shared" si="765"/>
        <v>37.17170390798951</v>
      </c>
    </row>
    <row r="3312" spans="1:20" x14ac:dyDescent="0.2">
      <c r="A3312" s="53">
        <f t="shared" si="766"/>
        <v>3300</v>
      </c>
      <c r="B3312" s="239">
        <v>32.981000000000002</v>
      </c>
      <c r="C3312" s="3">
        <f t="shared" si="767"/>
        <v>32.974000000000004</v>
      </c>
      <c r="D3312" s="239">
        <v>20.179200000000002</v>
      </c>
      <c r="E3312" s="239">
        <v>0.14649999999999999</v>
      </c>
      <c r="F3312" s="239">
        <v>-2.5499999999999998E-2</v>
      </c>
      <c r="G3312">
        <f t="shared" si="768"/>
        <v>20.174100000000003</v>
      </c>
      <c r="H3312" s="235">
        <f t="shared" si="769"/>
        <v>0.72617861515507498</v>
      </c>
      <c r="I3312" s="236">
        <f t="shared" si="770"/>
        <v>20.266519393353221</v>
      </c>
      <c r="J3312" s="237">
        <f t="shared" si="775"/>
        <v>10.266519393353221</v>
      </c>
      <c r="K3312" s="237">
        <f t="shared" si="771"/>
        <v>668.2682104764292</v>
      </c>
      <c r="L3312" s="237">
        <f t="shared" si="776"/>
        <v>338.60007611218259</v>
      </c>
      <c r="M3312" s="236">
        <f t="shared" si="772"/>
        <v>57.60728707887543</v>
      </c>
      <c r="N3312" s="236">
        <f t="shared" si="773"/>
        <v>0.75105743544186598</v>
      </c>
      <c r="O3312" s="236">
        <f t="shared" si="777"/>
        <v>2.0305090720706764</v>
      </c>
      <c r="P3312" s="236" t="str">
        <f t="shared" si="778"/>
        <v>SAND</v>
      </c>
      <c r="Q3312" s="236" t="e">
        <f t="shared" si="774"/>
        <v>#N/A</v>
      </c>
      <c r="R3312" s="238">
        <v>35</v>
      </c>
      <c r="S3312" s="236" t="e">
        <f t="shared" si="779"/>
        <v>#N/A</v>
      </c>
      <c r="T3312" s="236">
        <f t="shared" si="765"/>
        <v>36.965251656504407</v>
      </c>
    </row>
    <row r="3313" spans="1:20" x14ac:dyDescent="0.2">
      <c r="A3313" s="53">
        <f t="shared" si="766"/>
        <v>3301</v>
      </c>
      <c r="B3313" s="239">
        <v>32.993000000000002</v>
      </c>
      <c r="C3313" s="3">
        <f t="shared" si="767"/>
        <v>32.986000000000004</v>
      </c>
      <c r="D3313" s="239">
        <v>19.6357</v>
      </c>
      <c r="E3313" s="239">
        <v>0.1512</v>
      </c>
      <c r="F3313" s="239">
        <v>-7.46E-2</v>
      </c>
      <c r="G3313">
        <f t="shared" si="768"/>
        <v>19.62078</v>
      </c>
      <c r="H3313" s="235">
        <f t="shared" si="769"/>
        <v>0.77061156590104984</v>
      </c>
      <c r="I3313" s="236">
        <f t="shared" si="770"/>
        <v>20.292677531936036</v>
      </c>
      <c r="J3313" s="237">
        <f t="shared" si="775"/>
        <v>10.292677531936036</v>
      </c>
      <c r="K3313" s="237">
        <f t="shared" si="771"/>
        <v>669.37426106844214</v>
      </c>
      <c r="L3313" s="237">
        <f t="shared" si="776"/>
        <v>339.58630981116568</v>
      </c>
      <c r="M3313" s="236">
        <f t="shared" si="772"/>
        <v>55.807331424726442</v>
      </c>
      <c r="N3313" s="236">
        <f t="shared" si="773"/>
        <v>0.79782999785283659</v>
      </c>
      <c r="O3313" s="236">
        <f t="shared" si="777"/>
        <v>2.0563258219521034</v>
      </c>
      <c r="P3313" s="236" t="str">
        <f t="shared" si="778"/>
        <v>SAND</v>
      </c>
      <c r="Q3313" s="236" t="e">
        <f t="shared" si="774"/>
        <v>#N/A</v>
      </c>
      <c r="R3313" s="238">
        <v>35</v>
      </c>
      <c r="S3313" s="236" t="e">
        <f t="shared" si="779"/>
        <v>#N/A</v>
      </c>
      <c r="T3313" s="236">
        <f t="shared" si="765"/>
        <v>36.813603816802257</v>
      </c>
    </row>
    <row r="3314" spans="1:20" x14ac:dyDescent="0.2">
      <c r="A3314" s="53">
        <f t="shared" si="766"/>
        <v>3302</v>
      </c>
      <c r="B3314" s="239">
        <v>33.003</v>
      </c>
      <c r="C3314" s="3">
        <f t="shared" si="767"/>
        <v>32.996000000000002</v>
      </c>
      <c r="D3314" s="239">
        <v>18.773</v>
      </c>
      <c r="E3314" s="239">
        <v>0.14940000000000001</v>
      </c>
      <c r="F3314" s="239">
        <v>-5.8000000000000003E-2</v>
      </c>
      <c r="G3314">
        <f t="shared" si="768"/>
        <v>18.761399999999998</v>
      </c>
      <c r="H3314" s="235">
        <f t="shared" si="769"/>
        <v>0.79631583996929889</v>
      </c>
      <c r="I3314" s="236">
        <f t="shared" si="770"/>
        <v>20.26112838615958</v>
      </c>
      <c r="J3314" s="237">
        <f t="shared" si="775"/>
        <v>10.26112838615958</v>
      </c>
      <c r="K3314" s="237">
        <f t="shared" si="771"/>
        <v>668.53619222972156</v>
      </c>
      <c r="L3314" s="237">
        <f t="shared" si="776"/>
        <v>338.6480201284246</v>
      </c>
      <c r="M3314" s="236">
        <f t="shared" si="772"/>
        <v>53.426752062241405</v>
      </c>
      <c r="N3314" s="236">
        <f t="shared" si="773"/>
        <v>0.82573992479752001</v>
      </c>
      <c r="O3314" s="236">
        <f t="shared" si="777"/>
        <v>2.0803406315616142</v>
      </c>
      <c r="P3314" s="236" t="str">
        <f t="shared" si="778"/>
        <v>SAND</v>
      </c>
      <c r="Q3314" s="236" t="e">
        <f t="shared" si="774"/>
        <v>#N/A</v>
      </c>
      <c r="R3314" s="238">
        <v>35</v>
      </c>
      <c r="S3314" s="236" t="e">
        <f t="shared" si="779"/>
        <v>#N/A</v>
      </c>
      <c r="T3314" s="236">
        <f t="shared" si="765"/>
        <v>36.605346505240298</v>
      </c>
    </row>
    <row r="3315" spans="1:20" x14ac:dyDescent="0.2">
      <c r="A3315" s="53">
        <f t="shared" si="766"/>
        <v>3303</v>
      </c>
      <c r="B3315" s="239">
        <v>33.012999999999998</v>
      </c>
      <c r="C3315" s="3">
        <f t="shared" si="767"/>
        <v>33.006</v>
      </c>
      <c r="D3315" s="239">
        <v>18.553699999999999</v>
      </c>
      <c r="E3315" s="239">
        <v>0.15690000000000001</v>
      </c>
      <c r="F3315" s="239">
        <v>-1.01E-2</v>
      </c>
      <c r="G3315">
        <f t="shared" si="768"/>
        <v>18.551679999999998</v>
      </c>
      <c r="H3315" s="235">
        <f t="shared" si="769"/>
        <v>0.8457455066064099</v>
      </c>
      <c r="I3315" s="236">
        <f t="shared" si="770"/>
        <v>20.314169922117685</v>
      </c>
      <c r="J3315" s="237">
        <f t="shared" si="775"/>
        <v>10.314169922117685</v>
      </c>
      <c r="K3315" s="237">
        <f t="shared" si="771"/>
        <v>670.48949244941628</v>
      </c>
      <c r="L3315" s="237">
        <f t="shared" si="776"/>
        <v>340.50169163887114</v>
      </c>
      <c r="M3315" s="236">
        <f t="shared" si="772"/>
        <v>52.514248670796597</v>
      </c>
      <c r="N3315" s="236">
        <f t="shared" si="773"/>
        <v>0.87745835454158816</v>
      </c>
      <c r="O3315" s="236">
        <f t="shared" si="777"/>
        <v>2.1011011282211367</v>
      </c>
      <c r="P3315" s="236" t="str">
        <f t="shared" si="778"/>
        <v>SAND</v>
      </c>
      <c r="Q3315" s="236" t="e">
        <f t="shared" si="774"/>
        <v>#N/A</v>
      </c>
      <c r="R3315" s="238">
        <v>35</v>
      </c>
      <c r="S3315" s="236" t="e">
        <f t="shared" si="779"/>
        <v>#N/A</v>
      </c>
      <c r="T3315" s="236">
        <f t="shared" si="765"/>
        <v>36.523048719840205</v>
      </c>
    </row>
    <row r="3316" spans="1:20" x14ac:dyDescent="0.2">
      <c r="A3316" s="53">
        <f t="shared" si="766"/>
        <v>3304</v>
      </c>
      <c r="B3316" s="239">
        <v>33.024000000000001</v>
      </c>
      <c r="C3316" s="3">
        <f t="shared" si="767"/>
        <v>33.017000000000003</v>
      </c>
      <c r="D3316" s="239">
        <v>18.356100000000001</v>
      </c>
      <c r="E3316" s="239">
        <v>0.1575</v>
      </c>
      <c r="F3316" s="239">
        <v>6.1999999999999998E-3</v>
      </c>
      <c r="G3316">
        <f t="shared" si="768"/>
        <v>18.357340000000001</v>
      </c>
      <c r="H3316" s="235">
        <f t="shared" si="769"/>
        <v>0.85796743972710643</v>
      </c>
      <c r="I3316" s="236">
        <f t="shared" si="770"/>
        <v>20.314529337803574</v>
      </c>
      <c r="J3316" s="237">
        <f t="shared" si="775"/>
        <v>10.314529337803574</v>
      </c>
      <c r="K3316" s="237">
        <f t="shared" si="771"/>
        <v>670.72481514626065</v>
      </c>
      <c r="L3316" s="237">
        <f t="shared" si="776"/>
        <v>340.62701685162523</v>
      </c>
      <c r="M3316" s="236">
        <f t="shared" si="772"/>
        <v>51.923700440232281</v>
      </c>
      <c r="N3316" s="236">
        <f t="shared" si="773"/>
        <v>0.89050391131299111</v>
      </c>
      <c r="O3316" s="236">
        <f t="shared" si="777"/>
        <v>2.1087412667957084</v>
      </c>
      <c r="P3316" s="236" t="str">
        <f t="shared" si="778"/>
        <v>SAND</v>
      </c>
      <c r="Q3316" s="236" t="e">
        <f t="shared" si="774"/>
        <v>#N/A</v>
      </c>
      <c r="R3316" s="238">
        <v>35</v>
      </c>
      <c r="S3316" s="236" t="e">
        <f t="shared" si="779"/>
        <v>#N/A</v>
      </c>
      <c r="T3316" s="236">
        <f t="shared" si="765"/>
        <v>36.469021992797288</v>
      </c>
    </row>
    <row r="3317" spans="1:20" x14ac:dyDescent="0.2">
      <c r="A3317" s="53">
        <f t="shared" si="766"/>
        <v>3305</v>
      </c>
      <c r="B3317" s="239">
        <v>33.033999999999999</v>
      </c>
      <c r="C3317" s="3">
        <f t="shared" si="767"/>
        <v>33.027000000000001</v>
      </c>
      <c r="D3317" s="239">
        <v>17.756399999999999</v>
      </c>
      <c r="E3317" s="239">
        <v>0.1593</v>
      </c>
      <c r="F3317" s="239">
        <v>2.4899999999999999E-2</v>
      </c>
      <c r="G3317">
        <f t="shared" si="768"/>
        <v>17.761379999999999</v>
      </c>
      <c r="H3317" s="235">
        <f t="shared" si="769"/>
        <v>0.89688976870040504</v>
      </c>
      <c r="I3317" s="236">
        <f t="shared" si="770"/>
        <v>20.314954684433474</v>
      </c>
      <c r="J3317" s="237">
        <f t="shared" si="775"/>
        <v>10.314954684433474</v>
      </c>
      <c r="K3317" s="237">
        <f t="shared" si="771"/>
        <v>670.94200836278435</v>
      </c>
      <c r="L3317" s="237">
        <f t="shared" si="776"/>
        <v>340.74421304557535</v>
      </c>
      <c r="M3317" s="236">
        <f t="shared" si="772"/>
        <v>50.156209078013973</v>
      </c>
      <c r="N3317" s="236">
        <f t="shared" si="773"/>
        <v>0.93210016079137092</v>
      </c>
      <c r="O3317" s="236">
        <f t="shared" si="777"/>
        <v>2.1322691877610813</v>
      </c>
      <c r="P3317" s="236" t="str">
        <f t="shared" si="778"/>
        <v>SAND</v>
      </c>
      <c r="Q3317" s="236" t="e">
        <f t="shared" si="774"/>
        <v>#N/A</v>
      </c>
      <c r="R3317" s="238">
        <v>35</v>
      </c>
      <c r="S3317" s="236" t="e">
        <f t="shared" si="779"/>
        <v>#N/A</v>
      </c>
      <c r="T3317" s="236">
        <f t="shared" si="765"/>
        <v>36.303571744927169</v>
      </c>
    </row>
    <row r="3318" spans="1:20" x14ac:dyDescent="0.2">
      <c r="A3318" s="53">
        <f t="shared" si="766"/>
        <v>3306</v>
      </c>
      <c r="B3318" s="239">
        <v>33.042999999999999</v>
      </c>
      <c r="C3318" s="3">
        <f t="shared" si="767"/>
        <v>33.036000000000001</v>
      </c>
      <c r="D3318" s="239">
        <v>17.023299999999999</v>
      </c>
      <c r="E3318" s="239">
        <v>0.1661</v>
      </c>
      <c r="F3318" s="239">
        <v>-1.66E-2</v>
      </c>
      <c r="G3318">
        <f t="shared" si="768"/>
        <v>17.01998</v>
      </c>
      <c r="H3318" s="235">
        <f t="shared" si="769"/>
        <v>0.97591184008441834</v>
      </c>
      <c r="I3318" s="236">
        <f t="shared" si="770"/>
        <v>20.347304202873833</v>
      </c>
      <c r="J3318" s="237">
        <f t="shared" si="775"/>
        <v>10.347304202873833</v>
      </c>
      <c r="K3318" s="237">
        <f t="shared" si="771"/>
        <v>672.19354164613992</v>
      </c>
      <c r="L3318" s="237">
        <f t="shared" si="776"/>
        <v>341.90597277556003</v>
      </c>
      <c r="M3318" s="236">
        <f t="shared" si="772"/>
        <v>47.813690780667244</v>
      </c>
      <c r="N3318" s="236">
        <f t="shared" si="773"/>
        <v>1.0160396970142795</v>
      </c>
      <c r="O3318" s="236">
        <f t="shared" si="777"/>
        <v>2.1704867856455206</v>
      </c>
      <c r="P3318" s="236" t="str">
        <f t="shared" si="778"/>
        <v>SAND</v>
      </c>
      <c r="Q3318" s="236" t="e">
        <f t="shared" si="774"/>
        <v>#N/A</v>
      </c>
      <c r="R3318" s="238">
        <v>35</v>
      </c>
      <c r="S3318" s="236" t="e">
        <f t="shared" si="779"/>
        <v>#N/A</v>
      </c>
      <c r="T3318" s="236">
        <f t="shared" si="765"/>
        <v>36.07507495417245</v>
      </c>
    </row>
    <row r="3319" spans="1:20" x14ac:dyDescent="0.2">
      <c r="A3319" s="53">
        <f t="shared" si="766"/>
        <v>3307</v>
      </c>
      <c r="B3319" s="239">
        <v>33.052999999999997</v>
      </c>
      <c r="C3319" s="3">
        <f t="shared" si="767"/>
        <v>33.045999999999999</v>
      </c>
      <c r="D3319" s="239">
        <v>16.8703</v>
      </c>
      <c r="E3319" s="239">
        <v>0.16889999999999999</v>
      </c>
      <c r="F3319" s="239">
        <v>-3.4299999999999997E-2</v>
      </c>
      <c r="G3319">
        <f t="shared" si="768"/>
        <v>16.863440000000001</v>
      </c>
      <c r="H3319" s="235">
        <f t="shared" si="769"/>
        <v>1.0015750048625902</v>
      </c>
      <c r="I3319" s="236">
        <f t="shared" si="770"/>
        <v>20.363294662798744</v>
      </c>
      <c r="J3319" s="237">
        <f t="shared" si="775"/>
        <v>10.363294662798744</v>
      </c>
      <c r="K3319" s="237">
        <f t="shared" si="771"/>
        <v>672.92543542684723</v>
      </c>
      <c r="L3319" s="237">
        <f t="shared" si="776"/>
        <v>342.53797848948682</v>
      </c>
      <c r="M3319" s="236">
        <f t="shared" si="772"/>
        <v>47.266334191524038</v>
      </c>
      <c r="N3319" s="236">
        <f t="shared" si="773"/>
        <v>1.0432034097889269</v>
      </c>
      <c r="O3319" s="236">
        <f t="shared" si="777"/>
        <v>2.1810987089969358</v>
      </c>
      <c r="P3319" s="236" t="str">
        <f t="shared" si="778"/>
        <v>SAND</v>
      </c>
      <c r="Q3319" s="236" t="e">
        <f t="shared" si="774"/>
        <v>#N/A</v>
      </c>
      <c r="R3319" s="238">
        <v>35</v>
      </c>
      <c r="S3319" s="236" t="e">
        <f t="shared" si="779"/>
        <v>#N/A</v>
      </c>
      <c r="T3319" s="236">
        <f t="shared" si="765"/>
        <v>36.020071134039377</v>
      </c>
    </row>
    <row r="3320" spans="1:20" x14ac:dyDescent="0.2">
      <c r="A3320" s="53">
        <f t="shared" si="766"/>
        <v>3308</v>
      </c>
      <c r="B3320" s="239">
        <v>33.064</v>
      </c>
      <c r="C3320" s="3">
        <f t="shared" si="767"/>
        <v>33.057000000000002</v>
      </c>
      <c r="D3320" s="239">
        <v>16.795000000000002</v>
      </c>
      <c r="E3320" s="239">
        <v>0.16600000000000001</v>
      </c>
      <c r="F3320" s="239">
        <v>-4.7100000000000003E-2</v>
      </c>
      <c r="G3320">
        <f t="shared" si="768"/>
        <v>16.785580000000003</v>
      </c>
      <c r="H3320" s="235">
        <f t="shared" si="769"/>
        <v>0.98894408176541992</v>
      </c>
      <c r="I3320" s="236">
        <f t="shared" si="770"/>
        <v>20.341177609092007</v>
      </c>
      <c r="J3320" s="237">
        <f t="shared" si="775"/>
        <v>10.341177609092007</v>
      </c>
      <c r="K3320" s="237">
        <f t="shared" si="771"/>
        <v>672.41830822375448</v>
      </c>
      <c r="L3320" s="237">
        <f t="shared" si="776"/>
        <v>341.9206964670181</v>
      </c>
      <c r="M3320" s="236">
        <f t="shared" si="772"/>
        <v>47.125435395603596</v>
      </c>
      <c r="N3320" s="236">
        <f t="shared" si="773"/>
        <v>1.0302137046432185</v>
      </c>
      <c r="O3320" s="236">
        <f t="shared" si="777"/>
        <v>2.1790826116529485</v>
      </c>
      <c r="P3320" s="236" t="str">
        <f t="shared" si="778"/>
        <v>SAND</v>
      </c>
      <c r="Q3320" s="236" t="e">
        <f t="shared" si="774"/>
        <v>#N/A</v>
      </c>
      <c r="R3320" s="238">
        <v>35</v>
      </c>
      <c r="S3320" s="236" t="e">
        <f t="shared" si="779"/>
        <v>#N/A</v>
      </c>
      <c r="T3320" s="236">
        <f t="shared" si="765"/>
        <v>36.005809132845826</v>
      </c>
    </row>
    <row r="3321" spans="1:20" x14ac:dyDescent="0.2">
      <c r="A3321" s="53">
        <f t="shared" si="766"/>
        <v>3309</v>
      </c>
      <c r="B3321" s="239">
        <v>33.073999999999998</v>
      </c>
      <c r="C3321" s="3">
        <f t="shared" si="767"/>
        <v>33.067</v>
      </c>
      <c r="D3321" s="239">
        <v>16.59</v>
      </c>
      <c r="E3321" s="239">
        <v>0.1653</v>
      </c>
      <c r="F3321" s="239">
        <v>-3.8399999999999997E-2</v>
      </c>
      <c r="G3321">
        <f t="shared" si="768"/>
        <v>16.582319999999999</v>
      </c>
      <c r="H3321" s="235">
        <f t="shared" si="769"/>
        <v>0.99684483232744281</v>
      </c>
      <c r="I3321" s="236">
        <f t="shared" si="770"/>
        <v>20.331460521607397</v>
      </c>
      <c r="J3321" s="237">
        <f t="shared" si="775"/>
        <v>10.331460521607397</v>
      </c>
      <c r="K3321" s="237">
        <f t="shared" si="771"/>
        <v>672.30040506799185</v>
      </c>
      <c r="L3321" s="237">
        <f t="shared" si="776"/>
        <v>341.70272529164305</v>
      </c>
      <c r="M3321" s="236">
        <f t="shared" si="772"/>
        <v>46.560997081169944</v>
      </c>
      <c r="N3321" s="236">
        <f t="shared" si="773"/>
        <v>1.0389679221555128</v>
      </c>
      <c r="O3321" s="236">
        <f t="shared" si="777"/>
        <v>2.1854767403669966</v>
      </c>
      <c r="P3321" s="236" t="str">
        <f t="shared" si="778"/>
        <v>SAND</v>
      </c>
      <c r="Q3321" s="236" t="e">
        <f t="shared" si="774"/>
        <v>#N/A</v>
      </c>
      <c r="R3321" s="238">
        <v>35</v>
      </c>
      <c r="S3321" s="236" t="e">
        <f t="shared" si="779"/>
        <v>#N/A</v>
      </c>
      <c r="T3321" s="236">
        <f t="shared" si="765"/>
        <v>35.948244991418164</v>
      </c>
    </row>
    <row r="3322" spans="1:20" x14ac:dyDescent="0.2">
      <c r="A3322" s="53">
        <f t="shared" si="766"/>
        <v>3310</v>
      </c>
      <c r="B3322" s="239">
        <v>33.082999999999998</v>
      </c>
      <c r="C3322" s="3">
        <f t="shared" si="767"/>
        <v>33.076000000000001</v>
      </c>
      <c r="D3322" s="239">
        <v>16.255600000000001</v>
      </c>
      <c r="E3322" s="239">
        <v>0.1588</v>
      </c>
      <c r="F3322" s="239">
        <v>-8.5599999999999996E-2</v>
      </c>
      <c r="G3322">
        <f t="shared" si="768"/>
        <v>16.238480000000003</v>
      </c>
      <c r="H3322" s="235">
        <f t="shared" si="769"/>
        <v>0.97792404215172823</v>
      </c>
      <c r="I3322" s="236">
        <f t="shared" si="770"/>
        <v>20.276230236504098</v>
      </c>
      <c r="J3322" s="237">
        <f t="shared" si="775"/>
        <v>10.276230236504098</v>
      </c>
      <c r="K3322" s="237">
        <f t="shared" si="771"/>
        <v>670.65659130260951</v>
      </c>
      <c r="L3322" s="237">
        <f t="shared" si="776"/>
        <v>339.96852491426506</v>
      </c>
      <c r="M3322" s="236">
        <f t="shared" si="772"/>
        <v>45.791955042377417</v>
      </c>
      <c r="N3322" s="236">
        <f t="shared" si="773"/>
        <v>1.0200526806546506</v>
      </c>
      <c r="O3322" s="236">
        <f t="shared" si="777"/>
        <v>2.1869515923971399</v>
      </c>
      <c r="P3322" s="236" t="str">
        <f t="shared" si="778"/>
        <v>SAND</v>
      </c>
      <c r="Q3322" s="236" t="e">
        <f t="shared" si="774"/>
        <v>#N/A</v>
      </c>
      <c r="R3322" s="238">
        <v>35</v>
      </c>
      <c r="S3322" s="236" t="e">
        <f t="shared" si="779"/>
        <v>#N/A</v>
      </c>
      <c r="T3322" s="236">
        <f t="shared" si="765"/>
        <v>35.868681042681125</v>
      </c>
    </row>
    <row r="3323" spans="1:20" x14ac:dyDescent="0.2">
      <c r="A3323" s="53">
        <f t="shared" si="766"/>
        <v>3311</v>
      </c>
      <c r="B3323" s="239">
        <v>33.091999999999999</v>
      </c>
      <c r="C3323" s="3">
        <f t="shared" si="767"/>
        <v>33.085000000000001</v>
      </c>
      <c r="D3323" s="239">
        <v>15.9567</v>
      </c>
      <c r="E3323" s="239">
        <v>0.15759999999999999</v>
      </c>
      <c r="F3323" s="239">
        <v>-5.3400000000000003E-2</v>
      </c>
      <c r="G3323">
        <f t="shared" si="768"/>
        <v>15.946019999999999</v>
      </c>
      <c r="H3323" s="235">
        <f t="shared" si="769"/>
        <v>0.98833439315891991</v>
      </c>
      <c r="I3323" s="236">
        <f t="shared" si="770"/>
        <v>20.260231903914168</v>
      </c>
      <c r="J3323" s="237">
        <f t="shared" si="775"/>
        <v>10.260231903914168</v>
      </c>
      <c r="K3323" s="237">
        <f t="shared" si="771"/>
        <v>670.30977254100026</v>
      </c>
      <c r="L3323" s="237">
        <f t="shared" si="776"/>
        <v>339.5315941643276</v>
      </c>
      <c r="M3323" s="236">
        <f t="shared" si="772"/>
        <v>44.990541351700571</v>
      </c>
      <c r="N3323" s="236">
        <f t="shared" si="773"/>
        <v>1.0317032573497278</v>
      </c>
      <c r="O3323" s="236">
        <f t="shared" si="777"/>
        <v>2.1960660177134534</v>
      </c>
      <c r="P3323" s="236" t="str">
        <f t="shared" si="778"/>
        <v>SAND</v>
      </c>
      <c r="Q3323" s="236" t="e">
        <f t="shared" si="774"/>
        <v>#N/A</v>
      </c>
      <c r="R3323" s="238">
        <v>35</v>
      </c>
      <c r="S3323" s="236" t="e">
        <f t="shared" si="779"/>
        <v>#N/A</v>
      </c>
      <c r="T3323" s="236">
        <f t="shared" si="765"/>
        <v>35.78433340761876</v>
      </c>
    </row>
    <row r="3324" spans="1:20" x14ac:dyDescent="0.2">
      <c r="A3324" s="53">
        <f t="shared" si="766"/>
        <v>3312</v>
      </c>
      <c r="B3324" s="239">
        <v>33.103000000000002</v>
      </c>
      <c r="C3324" s="3">
        <f t="shared" si="767"/>
        <v>33.096000000000004</v>
      </c>
      <c r="D3324" s="239">
        <v>15.6366</v>
      </c>
      <c r="E3324" s="239">
        <v>0.1573</v>
      </c>
      <c r="F3324" s="239">
        <v>-3.09E-2</v>
      </c>
      <c r="G3324">
        <f t="shared" si="768"/>
        <v>15.630419999999999</v>
      </c>
      <c r="H3324" s="235">
        <f t="shared" si="769"/>
        <v>1.0063709100587188</v>
      </c>
      <c r="I3324" s="236">
        <f t="shared" si="770"/>
        <v>20.250184188632634</v>
      </c>
      <c r="J3324" s="237">
        <f t="shared" si="775"/>
        <v>10.250184188632634</v>
      </c>
      <c r="K3324" s="237">
        <f t="shared" si="771"/>
        <v>670.20009590698578</v>
      </c>
      <c r="L3324" s="237">
        <f t="shared" si="776"/>
        <v>339.31184719630608</v>
      </c>
      <c r="M3324" s="236">
        <f t="shared" si="772"/>
        <v>44.08988376830208</v>
      </c>
      <c r="N3324" s="236">
        <f t="shared" si="773"/>
        <v>1.0514551324005859</v>
      </c>
      <c r="O3324" s="236">
        <f t="shared" si="777"/>
        <v>2.2079589013697705</v>
      </c>
      <c r="P3324" s="236" t="str">
        <f t="shared" si="778"/>
        <v>SAND</v>
      </c>
      <c r="Q3324" s="236" t="e">
        <f t="shared" si="774"/>
        <v>#N/A</v>
      </c>
      <c r="R3324" s="238">
        <v>35</v>
      </c>
      <c r="S3324" s="236" t="e">
        <f t="shared" si="779"/>
        <v>#N/A</v>
      </c>
      <c r="T3324" s="236">
        <f t="shared" si="765"/>
        <v>35.687728493137016</v>
      </c>
    </row>
    <row r="3325" spans="1:20" x14ac:dyDescent="0.2">
      <c r="A3325" s="53">
        <f t="shared" si="766"/>
        <v>3313</v>
      </c>
      <c r="B3325" s="239">
        <v>33.112000000000002</v>
      </c>
      <c r="C3325" s="3">
        <f t="shared" si="767"/>
        <v>33.105000000000004</v>
      </c>
      <c r="D3325" s="239">
        <v>15.443899999999999</v>
      </c>
      <c r="E3325" s="239">
        <v>0.15679999999999999</v>
      </c>
      <c r="F3325" s="239">
        <v>-2.41E-2</v>
      </c>
      <c r="G3325">
        <f t="shared" si="768"/>
        <v>15.439079999999999</v>
      </c>
      <c r="H3325" s="235">
        <f t="shared" si="769"/>
        <v>1.0156045567482002</v>
      </c>
      <c r="I3325" s="236">
        <f t="shared" si="770"/>
        <v>20.24163668774364</v>
      </c>
      <c r="J3325" s="237">
        <f t="shared" si="775"/>
        <v>10.24163668774364</v>
      </c>
      <c r="K3325" s="237">
        <f t="shared" si="771"/>
        <v>670.09938254775329</v>
      </c>
      <c r="L3325" s="237">
        <f t="shared" si="776"/>
        <v>339.12107400456739</v>
      </c>
      <c r="M3325" s="236">
        <f t="shared" si="772"/>
        <v>43.550760331849304</v>
      </c>
      <c r="N3325" s="236">
        <f t="shared" si="773"/>
        <v>1.0616846488017742</v>
      </c>
      <c r="O3325" s="236">
        <f t="shared" si="777"/>
        <v>2.2147418528403811</v>
      </c>
      <c r="P3325" s="236" t="str">
        <f t="shared" si="778"/>
        <v>SAND</v>
      </c>
      <c r="Q3325" s="236" t="e">
        <f t="shared" si="774"/>
        <v>#N/A</v>
      </c>
      <c r="R3325" s="238">
        <v>35</v>
      </c>
      <c r="S3325" s="236" t="e">
        <f t="shared" si="779"/>
        <v>#N/A</v>
      </c>
      <c r="T3325" s="236">
        <f t="shared" si="765"/>
        <v>35.628953157039632</v>
      </c>
    </row>
    <row r="3326" spans="1:20" x14ac:dyDescent="0.2">
      <c r="A3326" s="53">
        <f t="shared" si="766"/>
        <v>3314</v>
      </c>
      <c r="B3326" s="239">
        <v>33.121000000000002</v>
      </c>
      <c r="C3326" s="3">
        <f t="shared" si="767"/>
        <v>33.114000000000004</v>
      </c>
      <c r="D3326" s="239">
        <v>15.1753</v>
      </c>
      <c r="E3326" s="239">
        <v>0.15090000000000001</v>
      </c>
      <c r="F3326" s="239">
        <v>-1.9099999999999999E-2</v>
      </c>
      <c r="G3326">
        <f t="shared" si="768"/>
        <v>15.171480000000001</v>
      </c>
      <c r="H3326" s="235">
        <f t="shared" si="769"/>
        <v>0.99462939673650819</v>
      </c>
      <c r="I3326" s="236">
        <f t="shared" si="770"/>
        <v>20.189829155798623</v>
      </c>
      <c r="J3326" s="237">
        <f t="shared" si="775"/>
        <v>10.189829155798623</v>
      </c>
      <c r="K3326" s="237">
        <f t="shared" si="771"/>
        <v>668.56600266511566</v>
      </c>
      <c r="L3326" s="237">
        <f t="shared" si="776"/>
        <v>337.49733146920624</v>
      </c>
      <c r="M3326" s="236">
        <f t="shared" si="772"/>
        <v>42.971936797841479</v>
      </c>
      <c r="N3326" s="236">
        <f t="shared" si="773"/>
        <v>1.04048055465081</v>
      </c>
      <c r="O3326" s="236">
        <f t="shared" si="777"/>
        <v>2.2146416187711324</v>
      </c>
      <c r="P3326" s="236" t="str">
        <f t="shared" si="778"/>
        <v>SAND</v>
      </c>
      <c r="Q3326" s="236" t="e">
        <f t="shared" si="774"/>
        <v>#N/A</v>
      </c>
      <c r="R3326" s="238">
        <v>35</v>
      </c>
      <c r="S3326" s="236" t="e">
        <f t="shared" si="779"/>
        <v>#N/A</v>
      </c>
      <c r="T3326" s="236">
        <f t="shared" si="765"/>
        <v>35.565034211403812</v>
      </c>
    </row>
    <row r="3327" spans="1:20" x14ac:dyDescent="0.2">
      <c r="A3327" s="53">
        <f t="shared" si="766"/>
        <v>3315</v>
      </c>
      <c r="B3327" s="239">
        <v>33.131</v>
      </c>
      <c r="C3327" s="3">
        <f t="shared" si="767"/>
        <v>33.124000000000002</v>
      </c>
      <c r="D3327" s="239">
        <v>15.059900000000001</v>
      </c>
      <c r="E3327" s="239">
        <v>0.14499999999999999</v>
      </c>
      <c r="F3327" s="239">
        <v>-5.7000000000000002E-3</v>
      </c>
      <c r="G3327">
        <f t="shared" si="768"/>
        <v>15.058760000000001</v>
      </c>
      <c r="H3327" s="235">
        <f t="shared" si="769"/>
        <v>0.96289468721196159</v>
      </c>
      <c r="I3327" s="236">
        <f t="shared" si="770"/>
        <v>20.140146950991795</v>
      </c>
      <c r="J3327" s="237">
        <f t="shared" si="775"/>
        <v>10.140146950991795</v>
      </c>
      <c r="K3327" s="237">
        <f t="shared" si="771"/>
        <v>667.12222760465227</v>
      </c>
      <c r="L3327" s="237">
        <f t="shared" si="776"/>
        <v>335.95320863330915</v>
      </c>
      <c r="M3327" s="236">
        <f t="shared" si="772"/>
        <v>42.838220926485434</v>
      </c>
      <c r="N3327" s="236">
        <f t="shared" si="773"/>
        <v>1.0075295271683742</v>
      </c>
      <c r="O3327" s="236">
        <f t="shared" si="777"/>
        <v>2.2079907853742831</v>
      </c>
      <c r="P3327" s="236" t="str">
        <f t="shared" si="778"/>
        <v>SAND</v>
      </c>
      <c r="Q3327" s="236" t="e">
        <f t="shared" si="774"/>
        <v>#N/A</v>
      </c>
      <c r="R3327" s="238">
        <v>35</v>
      </c>
      <c r="S3327" s="236" t="e">
        <f t="shared" si="779"/>
        <v>#N/A</v>
      </c>
      <c r="T3327" s="236">
        <f t="shared" si="765"/>
        <v>35.550145688884193</v>
      </c>
    </row>
    <row r="3328" spans="1:20" x14ac:dyDescent="0.2">
      <c r="A3328" s="53">
        <f t="shared" si="766"/>
        <v>3316</v>
      </c>
      <c r="B3328" s="239">
        <v>33.140999999999998</v>
      </c>
      <c r="C3328" s="3">
        <f t="shared" si="767"/>
        <v>33.134</v>
      </c>
      <c r="D3328" s="239">
        <v>15.078900000000001</v>
      </c>
      <c r="E3328" s="239">
        <v>0.14180000000000001</v>
      </c>
      <c r="F3328" s="239">
        <v>-2.01E-2</v>
      </c>
      <c r="G3328">
        <f t="shared" si="768"/>
        <v>15.07488</v>
      </c>
      <c r="H3328" s="235">
        <f t="shared" si="769"/>
        <v>0.94063767008427268</v>
      </c>
      <c r="I3328" s="236">
        <f t="shared" si="770"/>
        <v>20.11439735502465</v>
      </c>
      <c r="J3328" s="237">
        <f t="shared" si="775"/>
        <v>10.11439735502465</v>
      </c>
      <c r="K3328" s="237">
        <f t="shared" si="771"/>
        <v>666.47044196138677</v>
      </c>
      <c r="L3328" s="237">
        <f t="shared" si="776"/>
        <v>335.2012427428719</v>
      </c>
      <c r="M3328" s="236">
        <f t="shared" si="772"/>
        <v>42.984356024870408</v>
      </c>
      <c r="N3328" s="236">
        <f t="shared" si="773"/>
        <v>0.98414748295996468</v>
      </c>
      <c r="O3328" s="236">
        <f t="shared" si="777"/>
        <v>2.2011232612193572</v>
      </c>
      <c r="P3328" s="236" t="str">
        <f t="shared" si="778"/>
        <v>SAND</v>
      </c>
      <c r="Q3328" s="236" t="e">
        <f t="shared" si="774"/>
        <v>#N/A</v>
      </c>
      <c r="R3328" s="238">
        <v>35</v>
      </c>
      <c r="S3328" s="236" t="e">
        <f t="shared" si="779"/>
        <v>#N/A</v>
      </c>
      <c r="T3328" s="236">
        <f t="shared" si="765"/>
        <v>35.566414671586877</v>
      </c>
    </row>
    <row r="3329" spans="1:20" x14ac:dyDescent="0.2">
      <c r="A3329" s="53">
        <f t="shared" si="766"/>
        <v>3317</v>
      </c>
      <c r="B3329" s="239">
        <v>33.151000000000003</v>
      </c>
      <c r="C3329" s="3">
        <f t="shared" si="767"/>
        <v>33.144000000000005</v>
      </c>
      <c r="D3329" s="239">
        <v>14.8248</v>
      </c>
      <c r="E3329" s="239">
        <v>0.13750000000000001</v>
      </c>
      <c r="F3329" s="239">
        <v>-6.3100000000000003E-2</v>
      </c>
      <c r="G3329">
        <f t="shared" si="768"/>
        <v>14.81218</v>
      </c>
      <c r="H3329" s="235">
        <f t="shared" si="769"/>
        <v>0.92829009639364379</v>
      </c>
      <c r="I3329" s="236">
        <f t="shared" si="770"/>
        <v>20.071417422354894</v>
      </c>
      <c r="J3329" s="237">
        <f t="shared" si="775"/>
        <v>10.071417422354894</v>
      </c>
      <c r="K3329" s="237">
        <f t="shared" si="771"/>
        <v>665.24705904653069</v>
      </c>
      <c r="L3329" s="237">
        <f t="shared" si="776"/>
        <v>333.87755896848716</v>
      </c>
      <c r="M3329" s="236">
        <f t="shared" si="772"/>
        <v>42.371619657997798</v>
      </c>
      <c r="N3329" s="236">
        <f t="shared" si="773"/>
        <v>0.97194212041506167</v>
      </c>
      <c r="O3329" s="236">
        <f t="shared" si="777"/>
        <v>2.2033537298200123</v>
      </c>
      <c r="P3329" s="236" t="str">
        <f t="shared" si="778"/>
        <v>SAND</v>
      </c>
      <c r="Q3329" s="236" t="e">
        <f t="shared" si="774"/>
        <v>#N/A</v>
      </c>
      <c r="R3329" s="238">
        <v>35</v>
      </c>
      <c r="S3329" s="236" t="e">
        <f t="shared" si="779"/>
        <v>#N/A</v>
      </c>
      <c r="T3329" s="236">
        <f t="shared" si="765"/>
        <v>35.497825717793191</v>
      </c>
    </row>
    <row r="3330" spans="1:20" x14ac:dyDescent="0.2">
      <c r="A3330" s="53">
        <f t="shared" si="766"/>
        <v>3318</v>
      </c>
      <c r="B3330" s="239">
        <v>33.161000000000001</v>
      </c>
      <c r="C3330" s="3">
        <f t="shared" si="767"/>
        <v>33.154000000000003</v>
      </c>
      <c r="D3330" s="239">
        <v>14.693099999999999</v>
      </c>
      <c r="E3330" s="239">
        <v>0.1229</v>
      </c>
      <c r="F3330" s="239">
        <v>-6.8199999999999997E-2</v>
      </c>
      <c r="G3330">
        <f t="shared" si="768"/>
        <v>14.679459999999999</v>
      </c>
      <c r="H3330" s="235">
        <f t="shared" si="769"/>
        <v>0.83722425756805763</v>
      </c>
      <c r="I3330" s="236">
        <f t="shared" si="770"/>
        <v>19.93627221006442</v>
      </c>
      <c r="J3330" s="237">
        <f t="shared" si="775"/>
        <v>9.9362722100644199</v>
      </c>
      <c r="K3330" s="237">
        <f t="shared" si="771"/>
        <v>660.96716885247588</v>
      </c>
      <c r="L3330" s="237">
        <f t="shared" si="776"/>
        <v>329.49672275794626</v>
      </c>
      <c r="M3330" s="236">
        <f t="shared" si="772"/>
        <v>42.545166197133135</v>
      </c>
      <c r="N3330" s="236">
        <f t="shared" si="773"/>
        <v>0.8766990965457423</v>
      </c>
      <c r="O3330" s="236">
        <f t="shared" si="777"/>
        <v>2.177625752595064</v>
      </c>
      <c r="P3330" s="236" t="str">
        <f t="shared" si="778"/>
        <v>SAND</v>
      </c>
      <c r="Q3330" s="236" t="e">
        <f t="shared" si="774"/>
        <v>#N/A</v>
      </c>
      <c r="R3330" s="238">
        <v>35</v>
      </c>
      <c r="S3330" s="236" t="e">
        <f t="shared" si="779"/>
        <v>#N/A</v>
      </c>
      <c r="T3330" s="236">
        <f t="shared" si="765"/>
        <v>35.517352469618444</v>
      </c>
    </row>
    <row r="3331" spans="1:20" x14ac:dyDescent="0.2">
      <c r="A3331" s="53">
        <f t="shared" si="766"/>
        <v>3319</v>
      </c>
      <c r="B3331" s="239">
        <v>33.170999999999999</v>
      </c>
      <c r="C3331" s="3">
        <f t="shared" si="767"/>
        <v>33.164000000000001</v>
      </c>
      <c r="D3331" s="239">
        <v>14.371700000000001</v>
      </c>
      <c r="E3331" s="239">
        <v>0.1113</v>
      </c>
      <c r="F3331" s="239">
        <v>-7.51E-2</v>
      </c>
      <c r="G3331">
        <f t="shared" si="768"/>
        <v>14.356680000000001</v>
      </c>
      <c r="H3331" s="235">
        <f t="shared" si="769"/>
        <v>0.77524887369503248</v>
      </c>
      <c r="I3331" s="236">
        <f t="shared" si="770"/>
        <v>19.811328616429119</v>
      </c>
      <c r="J3331" s="237">
        <f t="shared" si="775"/>
        <v>9.8113286164291189</v>
      </c>
      <c r="K3331" s="237">
        <f t="shared" si="771"/>
        <v>657.02290223525529</v>
      </c>
      <c r="L3331" s="237">
        <f t="shared" si="776"/>
        <v>325.45158153557031</v>
      </c>
      <c r="M3331" s="236">
        <f t="shared" si="772"/>
        <v>42.094301810198566</v>
      </c>
      <c r="N3331" s="236">
        <f t="shared" si="773"/>
        <v>0.81242909370454142</v>
      </c>
      <c r="O3331" s="236">
        <f t="shared" si="777"/>
        <v>2.1640949123525206</v>
      </c>
      <c r="P3331" s="236" t="str">
        <f t="shared" si="778"/>
        <v>SAND</v>
      </c>
      <c r="Q3331" s="236" t="e">
        <f t="shared" si="774"/>
        <v>#N/A</v>
      </c>
      <c r="R3331" s="238">
        <v>35</v>
      </c>
      <c r="S3331" s="236" t="e">
        <f t="shared" si="779"/>
        <v>#N/A</v>
      </c>
      <c r="T3331" s="236">
        <f t="shared" si="765"/>
        <v>35.466456416219955</v>
      </c>
    </row>
    <row r="3332" spans="1:20" x14ac:dyDescent="0.2">
      <c r="A3332" s="53">
        <f t="shared" si="766"/>
        <v>3320</v>
      </c>
      <c r="B3332" s="239">
        <v>33.18</v>
      </c>
      <c r="C3332" s="3">
        <f t="shared" si="767"/>
        <v>33.173000000000002</v>
      </c>
      <c r="D3332" s="239">
        <v>13.9857</v>
      </c>
      <c r="E3332" s="239">
        <v>0.1043</v>
      </c>
      <c r="F3332" s="239">
        <v>-7.1199999999999999E-2</v>
      </c>
      <c r="G3332">
        <f t="shared" si="768"/>
        <v>13.97146</v>
      </c>
      <c r="H3332" s="235">
        <f t="shared" si="769"/>
        <v>0.74652183808993477</v>
      </c>
      <c r="I3332" s="236">
        <f t="shared" si="770"/>
        <v>19.72452829967564</v>
      </c>
      <c r="J3332" s="237">
        <f t="shared" si="775"/>
        <v>9.7245282996756401</v>
      </c>
      <c r="K3332" s="237">
        <f t="shared" si="771"/>
        <v>654.32177728514</v>
      </c>
      <c r="L3332" s="237">
        <f t="shared" si="776"/>
        <v>322.65984898323774</v>
      </c>
      <c r="M3332" s="236">
        <f t="shared" si="772"/>
        <v>41.272994655764215</v>
      </c>
      <c r="N3332" s="236">
        <f t="shared" si="773"/>
        <v>0.78320130237964269</v>
      </c>
      <c r="O3332" s="236">
        <f t="shared" si="777"/>
        <v>2.1631617152990033</v>
      </c>
      <c r="P3332" s="236" t="str">
        <f t="shared" si="778"/>
        <v>SAND</v>
      </c>
      <c r="Q3332" s="236" t="e">
        <f t="shared" si="774"/>
        <v>#N/A</v>
      </c>
      <c r="R3332" s="238">
        <v>35</v>
      </c>
      <c r="S3332" s="236" t="e">
        <f t="shared" si="779"/>
        <v>#N/A</v>
      </c>
      <c r="T3332" s="236">
        <f t="shared" si="765"/>
        <v>35.372325793662924</v>
      </c>
    </row>
    <row r="3333" spans="1:20" x14ac:dyDescent="0.2">
      <c r="A3333" s="53">
        <f t="shared" si="766"/>
        <v>3321</v>
      </c>
      <c r="B3333" s="239">
        <v>33.19</v>
      </c>
      <c r="C3333" s="3">
        <f t="shared" si="767"/>
        <v>33.183</v>
      </c>
      <c r="D3333" s="239">
        <v>13.4648</v>
      </c>
      <c r="E3333" s="239">
        <v>9.5600000000000004E-2</v>
      </c>
      <c r="F3333" s="239">
        <v>-5.9900000000000002E-2</v>
      </c>
      <c r="G3333">
        <f t="shared" si="768"/>
        <v>13.452820000000001</v>
      </c>
      <c r="H3333" s="235">
        <f t="shared" si="769"/>
        <v>0.71063167425119789</v>
      </c>
      <c r="I3333" s="236">
        <f t="shared" si="770"/>
        <v>19.607611361726999</v>
      </c>
      <c r="J3333" s="237">
        <f t="shared" si="775"/>
        <v>9.6076113617269989</v>
      </c>
      <c r="K3333" s="237">
        <f t="shared" si="771"/>
        <v>650.63936781618702</v>
      </c>
      <c r="L3333" s="237">
        <f t="shared" si="776"/>
        <v>318.87662109571909</v>
      </c>
      <c r="M3333" s="236">
        <f t="shared" si="772"/>
        <v>40.147755543172629</v>
      </c>
      <c r="N3333" s="236">
        <f t="shared" si="773"/>
        <v>0.74674778263687436</v>
      </c>
      <c r="O3333" s="236">
        <f t="shared" si="777"/>
        <v>2.1629261471016186</v>
      </c>
      <c r="P3333" s="236" t="str">
        <f t="shared" si="778"/>
        <v>SAND</v>
      </c>
      <c r="Q3333" s="236" t="e">
        <f t="shared" si="774"/>
        <v>#N/A</v>
      </c>
      <c r="R3333" s="238">
        <v>35</v>
      </c>
      <c r="S3333" s="236" t="e">
        <f t="shared" si="779"/>
        <v>#N/A</v>
      </c>
      <c r="T3333" s="236">
        <f t="shared" si="765"/>
        <v>35.240273982073674</v>
      </c>
    </row>
    <row r="3334" spans="1:20" x14ac:dyDescent="0.2">
      <c r="A3334" s="53">
        <f t="shared" si="766"/>
        <v>3322</v>
      </c>
      <c r="B3334" s="239">
        <v>33.200000000000003</v>
      </c>
      <c r="C3334" s="3">
        <f t="shared" si="767"/>
        <v>33.193000000000005</v>
      </c>
      <c r="D3334" s="239">
        <v>13.010400000000001</v>
      </c>
      <c r="E3334" s="239">
        <v>8.5099999999999995E-2</v>
      </c>
      <c r="F3334" s="239">
        <v>-6.93E-2</v>
      </c>
      <c r="G3334">
        <f t="shared" si="768"/>
        <v>12.996540000000001</v>
      </c>
      <c r="H3334" s="235">
        <f t="shared" si="769"/>
        <v>0.65478965940165601</v>
      </c>
      <c r="I3334" s="236">
        <f t="shared" si="770"/>
        <v>19.457697839608496</v>
      </c>
      <c r="J3334" s="237">
        <f t="shared" si="775"/>
        <v>9.4576978396084961</v>
      </c>
      <c r="K3334" s="237">
        <f t="shared" si="771"/>
        <v>645.85936439012494</v>
      </c>
      <c r="L3334" s="237">
        <f t="shared" si="776"/>
        <v>313.99556827500209</v>
      </c>
      <c r="M3334" s="236">
        <f t="shared" si="772"/>
        <v>39.333932970649322</v>
      </c>
      <c r="N3334" s="236">
        <f t="shared" si="773"/>
        <v>0.68903085190816915</v>
      </c>
      <c r="O3334" s="236">
        <f t="shared" si="777"/>
        <v>2.1532223486985229</v>
      </c>
      <c r="P3334" s="236" t="str">
        <f t="shared" si="778"/>
        <v>SAND</v>
      </c>
      <c r="Q3334" s="236" t="e">
        <f t="shared" si="774"/>
        <v>#N/A</v>
      </c>
      <c r="R3334" s="238">
        <v>35</v>
      </c>
      <c r="S3334" s="236" t="e">
        <f t="shared" si="779"/>
        <v>#N/A</v>
      </c>
      <c r="T3334" s="236">
        <f t="shared" si="765"/>
        <v>35.142441106987967</v>
      </c>
    </row>
    <row r="3335" spans="1:20" x14ac:dyDescent="0.2">
      <c r="A3335" s="53">
        <f t="shared" si="766"/>
        <v>3323</v>
      </c>
      <c r="B3335" s="239">
        <v>33.209000000000003</v>
      </c>
      <c r="C3335" s="3">
        <f t="shared" si="767"/>
        <v>33.202000000000005</v>
      </c>
      <c r="D3335" s="239">
        <v>12.6526</v>
      </c>
      <c r="E3335" s="239">
        <v>8.2400000000000001E-2</v>
      </c>
      <c r="F3335" s="239">
        <v>-5.6800000000000003E-2</v>
      </c>
      <c r="G3335">
        <f t="shared" si="768"/>
        <v>12.64124</v>
      </c>
      <c r="H3335" s="235">
        <f t="shared" si="769"/>
        <v>0.65183478835936981</v>
      </c>
      <c r="I3335" s="236">
        <f t="shared" si="770"/>
        <v>19.409057234990311</v>
      </c>
      <c r="J3335" s="237">
        <f t="shared" si="775"/>
        <v>9.4090572349903105</v>
      </c>
      <c r="K3335" s="237">
        <f t="shared" si="771"/>
        <v>644.41951831614836</v>
      </c>
      <c r="L3335" s="237">
        <f t="shared" si="776"/>
        <v>312.46538171679327</v>
      </c>
      <c r="M3335" s="236">
        <f t="shared" si="772"/>
        <v>38.394078780084868</v>
      </c>
      <c r="N3335" s="236">
        <f t="shared" si="773"/>
        <v>0.68684865398964856</v>
      </c>
      <c r="O3335" s="236">
        <f t="shared" si="777"/>
        <v>2.1617017820908671</v>
      </c>
      <c r="P3335" s="236" t="str">
        <f t="shared" si="778"/>
        <v>SAND</v>
      </c>
      <c r="Q3335" s="236" t="e">
        <f t="shared" si="774"/>
        <v>#N/A</v>
      </c>
      <c r="R3335" s="238">
        <v>35</v>
      </c>
      <c r="S3335" s="236" t="e">
        <f t="shared" si="779"/>
        <v>#N/A</v>
      </c>
      <c r="T3335" s="236">
        <f t="shared" si="765"/>
        <v>35.026906768417206</v>
      </c>
    </row>
    <row r="3336" spans="1:20" x14ac:dyDescent="0.2">
      <c r="A3336" s="53">
        <f t="shared" si="766"/>
        <v>3324</v>
      </c>
      <c r="B3336" s="239">
        <v>33.219000000000001</v>
      </c>
      <c r="C3336" s="3">
        <f t="shared" si="767"/>
        <v>33.212000000000003</v>
      </c>
      <c r="D3336" s="239">
        <v>12.225</v>
      </c>
      <c r="E3336" s="239">
        <v>8.1699999999999995E-2</v>
      </c>
      <c r="F3336" s="239">
        <v>-6.2199999999999998E-2</v>
      </c>
      <c r="G3336">
        <f t="shared" si="768"/>
        <v>12.21256</v>
      </c>
      <c r="H3336" s="235">
        <f t="shared" si="769"/>
        <v>0.66898340724631034</v>
      </c>
      <c r="I3336" s="236">
        <f t="shared" si="770"/>
        <v>19.385568646388947</v>
      </c>
      <c r="J3336" s="237">
        <f t="shared" si="775"/>
        <v>9.3855686463889469</v>
      </c>
      <c r="K3336" s="237">
        <f t="shared" si="771"/>
        <v>643.83350588386975</v>
      </c>
      <c r="L3336" s="237">
        <f t="shared" si="776"/>
        <v>311.77920486439444</v>
      </c>
      <c r="M3336" s="236">
        <f t="shared" si="772"/>
        <v>37.105510289398048</v>
      </c>
      <c r="N3336" s="236">
        <f t="shared" si="773"/>
        <v>0.70621429283121806</v>
      </c>
      <c r="O3336" s="236">
        <f t="shared" si="777"/>
        <v>2.1805411277984028</v>
      </c>
      <c r="P3336" s="236" t="str">
        <f t="shared" si="778"/>
        <v>SAND</v>
      </c>
      <c r="Q3336" s="236" t="e">
        <f t="shared" si="774"/>
        <v>#N/A</v>
      </c>
      <c r="R3336" s="238">
        <v>35</v>
      </c>
      <c r="S3336" s="236" t="e">
        <f t="shared" si="779"/>
        <v>#N/A</v>
      </c>
      <c r="T3336" s="236">
        <f t="shared" si="765"/>
        <v>34.86382249407756</v>
      </c>
    </row>
    <row r="3337" spans="1:20" x14ac:dyDescent="0.2">
      <c r="A3337" s="53">
        <f t="shared" si="766"/>
        <v>3325</v>
      </c>
      <c r="B3337" s="239">
        <v>33.228999999999999</v>
      </c>
      <c r="C3337" s="3">
        <f t="shared" si="767"/>
        <v>33.222000000000001</v>
      </c>
      <c r="D3337" s="239">
        <v>11.854799999999999</v>
      </c>
      <c r="E3337" s="239">
        <v>8.3699999999999997E-2</v>
      </c>
      <c r="F3337" s="239">
        <v>-4.0399999999999998E-2</v>
      </c>
      <c r="G3337">
        <f t="shared" si="768"/>
        <v>11.846719999999999</v>
      </c>
      <c r="H3337" s="235">
        <f t="shared" si="769"/>
        <v>0.7065246751843548</v>
      </c>
      <c r="I3337" s="236">
        <f t="shared" si="770"/>
        <v>19.402040102497491</v>
      </c>
      <c r="J3337" s="237">
        <f t="shared" si="775"/>
        <v>9.4020401024974909</v>
      </c>
      <c r="K3337" s="237">
        <f t="shared" si="771"/>
        <v>644.5745762851717</v>
      </c>
      <c r="L3337" s="237">
        <f t="shared" si="776"/>
        <v>312.42039056588914</v>
      </c>
      <c r="M3337" s="236">
        <f t="shared" si="772"/>
        <v>35.855999678587906</v>
      </c>
      <c r="N3337" s="236">
        <f t="shared" si="773"/>
        <v>0.74717830231705396</v>
      </c>
      <c r="O3337" s="236">
        <f t="shared" si="777"/>
        <v>2.2055566093454795</v>
      </c>
      <c r="P3337" s="236" t="str">
        <f t="shared" si="778"/>
        <v>SAND</v>
      </c>
      <c r="Q3337" s="236" t="e">
        <f t="shared" si="774"/>
        <v>#N/A</v>
      </c>
      <c r="R3337" s="238">
        <v>35</v>
      </c>
      <c r="S3337" s="236" t="e">
        <f t="shared" si="779"/>
        <v>#N/A</v>
      </c>
      <c r="T3337" s="236">
        <f t="shared" si="765"/>
        <v>34.70018018827782</v>
      </c>
    </row>
    <row r="3338" spans="1:20" x14ac:dyDescent="0.2">
      <c r="A3338" s="53">
        <f t="shared" si="766"/>
        <v>3326</v>
      </c>
      <c r="B3338" s="239">
        <v>33.238</v>
      </c>
      <c r="C3338" s="3">
        <f t="shared" si="767"/>
        <v>33.231000000000002</v>
      </c>
      <c r="D3338" s="239">
        <v>11.4779</v>
      </c>
      <c r="E3338" s="239">
        <v>8.6199999999999999E-2</v>
      </c>
      <c r="F3338" s="239">
        <v>-1.78E-2</v>
      </c>
      <c r="G3338">
        <f t="shared" si="768"/>
        <v>11.47434</v>
      </c>
      <c r="H3338" s="235">
        <f t="shared" si="769"/>
        <v>0.75124146574007744</v>
      </c>
      <c r="I3338" s="236">
        <f t="shared" si="770"/>
        <v>19.424067615124915</v>
      </c>
      <c r="J3338" s="237">
        <f t="shared" si="775"/>
        <v>9.4240676151249154</v>
      </c>
      <c r="K3338" s="237">
        <f t="shared" si="771"/>
        <v>645.48119091821604</v>
      </c>
      <c r="L3338" s="237">
        <f t="shared" si="776"/>
        <v>313.23715939152191</v>
      </c>
      <c r="M3338" s="236">
        <f t="shared" si="772"/>
        <v>34.570798784273741</v>
      </c>
      <c r="N3338" s="236">
        <f t="shared" si="773"/>
        <v>0.79602109067769056</v>
      </c>
      <c r="O3338" s="236">
        <f t="shared" si="777"/>
        <v>2.233014829345394</v>
      </c>
      <c r="P3338" s="236" t="str">
        <f t="shared" si="778"/>
        <v>SAND</v>
      </c>
      <c r="Q3338" s="236" t="e">
        <f t="shared" si="774"/>
        <v>#N/A</v>
      </c>
      <c r="R3338" s="238">
        <v>35</v>
      </c>
      <c r="S3338" s="236" t="e">
        <f t="shared" si="779"/>
        <v>#N/A</v>
      </c>
      <c r="T3338" s="236">
        <f t="shared" si="765"/>
        <v>34.525803557944187</v>
      </c>
    </row>
    <row r="3339" spans="1:20" x14ac:dyDescent="0.2">
      <c r="A3339" s="53">
        <f t="shared" si="766"/>
        <v>3327</v>
      </c>
      <c r="B3339" s="239">
        <v>33.247</v>
      </c>
      <c r="C3339" s="3">
        <f t="shared" si="767"/>
        <v>33.24</v>
      </c>
      <c r="D3339" s="239">
        <v>11.1571</v>
      </c>
      <c r="E3339" s="239">
        <v>8.5400000000000004E-2</v>
      </c>
      <c r="F3339" s="239">
        <v>1.4800000000000001E-2</v>
      </c>
      <c r="G3339">
        <f t="shared" si="768"/>
        <v>11.16006</v>
      </c>
      <c r="H3339" s="235">
        <f t="shared" si="769"/>
        <v>0.76522886077673424</v>
      </c>
      <c r="I3339" s="236">
        <f t="shared" si="770"/>
        <v>19.402279181803465</v>
      </c>
      <c r="J3339" s="237">
        <f t="shared" si="775"/>
        <v>9.4022791818034648</v>
      </c>
      <c r="K3339" s="237">
        <f t="shared" si="771"/>
        <v>644.93176000314725</v>
      </c>
      <c r="L3339" s="237">
        <f t="shared" si="776"/>
        <v>312.59757595741979</v>
      </c>
      <c r="M3339" s="236">
        <f t="shared" si="772"/>
        <v>33.637907164798875</v>
      </c>
      <c r="N3339" s="236">
        <f t="shared" si="773"/>
        <v>0.81216318099821461</v>
      </c>
      <c r="O3339" s="236">
        <f t="shared" si="777"/>
        <v>2.2476671549840517</v>
      </c>
      <c r="P3339" s="236" t="str">
        <f t="shared" si="778"/>
        <v>SAND</v>
      </c>
      <c r="Q3339" s="236" t="e">
        <f t="shared" si="774"/>
        <v>#N/A</v>
      </c>
      <c r="R3339" s="238">
        <v>35</v>
      </c>
      <c r="S3339" s="236" t="e">
        <f t="shared" si="779"/>
        <v>#N/A</v>
      </c>
      <c r="T3339" s="236">
        <f t="shared" si="765"/>
        <v>34.395118644187633</v>
      </c>
    </row>
    <row r="3340" spans="1:20" x14ac:dyDescent="0.2">
      <c r="A3340" s="53">
        <f t="shared" si="766"/>
        <v>3328</v>
      </c>
      <c r="B3340" s="239">
        <v>33.256999999999998</v>
      </c>
      <c r="C3340" s="3">
        <f t="shared" si="767"/>
        <v>33.25</v>
      </c>
      <c r="D3340" s="239">
        <v>10.878500000000001</v>
      </c>
      <c r="E3340" s="239">
        <v>8.3900000000000002E-2</v>
      </c>
      <c r="F3340" s="239">
        <v>6.2300000000000001E-2</v>
      </c>
      <c r="G3340">
        <f t="shared" si="768"/>
        <v>10.890960000000002</v>
      </c>
      <c r="H3340" s="235">
        <f t="shared" si="769"/>
        <v>0.77036367776577996</v>
      </c>
      <c r="I3340" s="236">
        <f t="shared" si="770"/>
        <v>19.371959895303231</v>
      </c>
      <c r="J3340" s="237">
        <f t="shared" si="775"/>
        <v>9.371959895303231</v>
      </c>
      <c r="K3340" s="237">
        <f t="shared" si="771"/>
        <v>644.11766651883238</v>
      </c>
      <c r="L3340" s="237">
        <f t="shared" si="776"/>
        <v>311.68327023809951</v>
      </c>
      <c r="M3340" s="236">
        <f t="shared" si="772"/>
        <v>32.875817574852356</v>
      </c>
      <c r="N3340" s="236">
        <f t="shared" si="773"/>
        <v>0.8187888255668766</v>
      </c>
      <c r="O3340" s="236">
        <f t="shared" si="777"/>
        <v>2.2580455564879678</v>
      </c>
      <c r="P3340" s="236" t="str">
        <f t="shared" si="778"/>
        <v>SAND</v>
      </c>
      <c r="Q3340" s="236" t="e">
        <f t="shared" si="774"/>
        <v>#N/A</v>
      </c>
      <c r="R3340" s="238">
        <v>35</v>
      </c>
      <c r="S3340" s="236" t="e">
        <f t="shared" si="779"/>
        <v>#N/A</v>
      </c>
      <c r="T3340" s="236">
        <f t="shared" si="765"/>
        <v>34.285642181104109</v>
      </c>
    </row>
    <row r="3341" spans="1:20" x14ac:dyDescent="0.2">
      <c r="A3341" s="53">
        <f t="shared" si="766"/>
        <v>3329</v>
      </c>
      <c r="B3341" s="239">
        <v>33.268000000000001</v>
      </c>
      <c r="C3341" s="3">
        <f t="shared" si="767"/>
        <v>33.261000000000003</v>
      </c>
      <c r="D3341" s="239">
        <v>10.4727</v>
      </c>
      <c r="E3341" s="239">
        <v>8.1699999999999995E-2</v>
      </c>
      <c r="F3341" s="239">
        <v>3.49E-2</v>
      </c>
      <c r="G3341">
        <f t="shared" si="768"/>
        <v>10.47968</v>
      </c>
      <c r="H3341" s="235">
        <f t="shared" si="769"/>
        <v>0.77960395737274413</v>
      </c>
      <c r="I3341" s="236">
        <f t="shared" si="770"/>
        <v>19.325755826410543</v>
      </c>
      <c r="J3341" s="237">
        <f t="shared" si="775"/>
        <v>9.3257558264105427</v>
      </c>
      <c r="K3341" s="237">
        <f t="shared" si="771"/>
        <v>642.79396454224116</v>
      </c>
      <c r="L3341" s="237">
        <f t="shared" si="776"/>
        <v>310.24924483302595</v>
      </c>
      <c r="M3341" s="236">
        <f t="shared" si="772"/>
        <v>31.706397998653969</v>
      </c>
      <c r="N3341" s="236">
        <f t="shared" si="773"/>
        <v>0.83054738771504</v>
      </c>
      <c r="O3341" s="236">
        <f t="shared" si="777"/>
        <v>2.2747601579479939</v>
      </c>
      <c r="P3341" s="236" t="str">
        <f t="shared" si="778"/>
        <v>SAND</v>
      </c>
      <c r="Q3341" s="236" t="e">
        <f t="shared" si="774"/>
        <v>#N/A</v>
      </c>
      <c r="R3341" s="238">
        <v>35</v>
      </c>
      <c r="S3341" s="236" t="e">
        <f t="shared" si="779"/>
        <v>#N/A</v>
      </c>
      <c r="T3341" s="236">
        <f t="shared" ref="T3341:T3404" si="780">IF(P3341="SAND",17.6+(11*LOG(M3341)),#N/A)</f>
        <v>34.112615975455014</v>
      </c>
    </row>
    <row r="3342" spans="1:20" x14ac:dyDescent="0.2">
      <c r="A3342" s="53">
        <f t="shared" ref="A3342:A3405" si="781">$A3341+1</f>
        <v>3330</v>
      </c>
      <c r="B3342" s="239">
        <v>33.277000000000001</v>
      </c>
      <c r="C3342" s="3">
        <f t="shared" ref="C3342:C3405" si="782">MAX($B3342 - $B$13, 0.001)</f>
        <v>33.270000000000003</v>
      </c>
      <c r="D3342" s="239">
        <v>10.0534</v>
      </c>
      <c r="E3342" s="239">
        <v>7.2999999999999995E-2</v>
      </c>
      <c r="F3342" s="239">
        <v>-3.3999999999999998E-3</v>
      </c>
      <c r="G3342">
        <f t="shared" si="768"/>
        <v>10.052720000000001</v>
      </c>
      <c r="H3342" s="235">
        <f t="shared" si="769"/>
        <v>0.72617162320247641</v>
      </c>
      <c r="I3342" s="236">
        <f t="shared" si="770"/>
        <v>19.177470004333173</v>
      </c>
      <c r="J3342" s="237">
        <f t="shared" si="775"/>
        <v>9.1774700043331734</v>
      </c>
      <c r="K3342" s="237">
        <f t="shared" si="771"/>
        <v>638.03442704416477</v>
      </c>
      <c r="L3342" s="237">
        <f t="shared" si="776"/>
        <v>305.39866933419501</v>
      </c>
      <c r="M3342" s="236">
        <f t="shared" si="772"/>
        <v>30.827526503245601</v>
      </c>
      <c r="N3342" s="236">
        <f t="shared" si="773"/>
        <v>0.77538436556709045</v>
      </c>
      <c r="O3342" s="236">
        <f t="shared" si="777"/>
        <v>2.2706016859360165</v>
      </c>
      <c r="P3342" s="236" t="str">
        <f t="shared" si="778"/>
        <v>SAND</v>
      </c>
      <c r="Q3342" s="236" t="e">
        <f t="shared" si="774"/>
        <v>#N/A</v>
      </c>
      <c r="R3342" s="238">
        <v>35</v>
      </c>
      <c r="S3342" s="236" t="e">
        <f t="shared" si="779"/>
        <v>#N/A</v>
      </c>
      <c r="T3342" s="236">
        <f t="shared" si="780"/>
        <v>33.978325477799231</v>
      </c>
    </row>
    <row r="3343" spans="1:20" x14ac:dyDescent="0.2">
      <c r="A3343" s="53">
        <f t="shared" si="781"/>
        <v>3331</v>
      </c>
      <c r="B3343" s="239">
        <v>33.286999999999999</v>
      </c>
      <c r="C3343" s="3">
        <f t="shared" si="782"/>
        <v>33.28</v>
      </c>
      <c r="D3343" s="239">
        <v>9.5876000000000001</v>
      </c>
      <c r="E3343" s="239">
        <v>6.9699999999999998E-2</v>
      </c>
      <c r="F3343" s="239">
        <v>7.6E-3</v>
      </c>
      <c r="G3343">
        <f t="shared" ref="G3343:G3406" si="783">$D3343+($F3343*(1-$P$8))</f>
        <v>9.5891199999999994</v>
      </c>
      <c r="H3343" s="235">
        <f t="shared" ref="H3343:H3406" si="784">($E3343/$G3343)*100</f>
        <v>0.72686544750717474</v>
      </c>
      <c r="I3343" s="236">
        <f t="shared" ref="I3343:I3406" si="785">((0.27*(LOG($H3343)))+(0.36*(LOG(($G3343*1000)/101)))+1.236)*10</f>
        <v>19.104772433399148</v>
      </c>
      <c r="J3343" s="237">
        <f t="shared" si="775"/>
        <v>9.1047724333991482</v>
      </c>
      <c r="K3343" s="237">
        <f t="shared" ref="K3343:K3406" si="786">$I3343*$C3343</f>
        <v>635.80682658352373</v>
      </c>
      <c r="L3343" s="237">
        <f t="shared" si="776"/>
        <v>303.07055999055746</v>
      </c>
      <c r="M3343" s="236">
        <f t="shared" ref="M3343:M3406" si="787">(($G3343*1000)-$K3343)/$L3343</f>
        <v>29.542008876399695</v>
      </c>
      <c r="N3343" s="236">
        <f t="shared" ref="N3343:N3406" si="788">(($E3343*1000)/(($G3343*1000)-$K3343))*100</f>
        <v>0.77848276554145523</v>
      </c>
      <c r="O3343" s="236">
        <f t="shared" si="777"/>
        <v>2.2876001490013822</v>
      </c>
      <c r="P3343" s="236" t="str">
        <f t="shared" si="778"/>
        <v>SAND</v>
      </c>
      <c r="Q3343" s="236" t="e">
        <f t="shared" ref="Q3343:Q3406" si="789">IF(P3343="CLAY",($G3343*1000 -$K3343)/$L$8,#N/A)</f>
        <v>#N/A</v>
      </c>
      <c r="R3343" s="238">
        <v>35</v>
      </c>
      <c r="S3343" s="236" t="e">
        <f t="shared" si="779"/>
        <v>#N/A</v>
      </c>
      <c r="T3343" s="236">
        <f t="shared" si="780"/>
        <v>33.774840267254632</v>
      </c>
    </row>
    <row r="3344" spans="1:20" x14ac:dyDescent="0.2">
      <c r="A3344" s="53">
        <f t="shared" si="781"/>
        <v>3332</v>
      </c>
      <c r="B3344" s="239">
        <v>33.298000000000002</v>
      </c>
      <c r="C3344" s="3">
        <f t="shared" si="782"/>
        <v>33.291000000000004</v>
      </c>
      <c r="D3344" s="239">
        <v>9.0098000000000003</v>
      </c>
      <c r="E3344" s="239">
        <v>7.0400000000000004E-2</v>
      </c>
      <c r="F3344" s="239">
        <v>2.7E-2</v>
      </c>
      <c r="G3344">
        <f t="shared" si="783"/>
        <v>9.0152000000000001</v>
      </c>
      <c r="H3344" s="235">
        <f t="shared" si="784"/>
        <v>0.78090336320880294</v>
      </c>
      <c r="I3344" s="236">
        <f t="shared" si="785"/>
        <v>19.092367063359823</v>
      </c>
      <c r="J3344" s="237">
        <f t="shared" ref="J3344:J3407" si="790">$I3344-10</f>
        <v>9.0923670633598235</v>
      </c>
      <c r="K3344" s="237">
        <f t="shared" si="786"/>
        <v>635.60399190631199</v>
      </c>
      <c r="L3344" s="237">
        <f t="shared" ref="L3344:L3407" si="791">$J3344*$B3344</f>
        <v>302.75763847575541</v>
      </c>
      <c r="M3344" s="236">
        <f t="shared" si="787"/>
        <v>27.677570912103413</v>
      </c>
      <c r="N3344" s="236">
        <f t="shared" si="788"/>
        <v>0.84013596755740994</v>
      </c>
      <c r="O3344" s="236">
        <f t="shared" ref="O3344:O3407" si="792">((3.47-LOG($M3344))^2+(LOG($N3344)+1.22)^2)^0.5</f>
        <v>2.328476093484658</v>
      </c>
      <c r="P3344" s="236" t="str">
        <f t="shared" ref="P3344:P3407" si="793">IF(O3344&lt;2.6,"SAND","CLAY")</f>
        <v>SAND</v>
      </c>
      <c r="Q3344" s="236" t="e">
        <f t="shared" si="789"/>
        <v>#N/A</v>
      </c>
      <c r="R3344" s="238">
        <v>35</v>
      </c>
      <c r="S3344" s="236" t="e">
        <f t="shared" ref="S3344:S3407" si="794">IF(P3344="SAND",#N/A,0.25*($M3344)^1.25)</f>
        <v>#N/A</v>
      </c>
      <c r="T3344" s="236">
        <f t="shared" si="780"/>
        <v>33.46340769351017</v>
      </c>
    </row>
    <row r="3345" spans="1:20" x14ac:dyDescent="0.2">
      <c r="A3345" s="53">
        <f t="shared" si="781"/>
        <v>3333</v>
      </c>
      <c r="B3345" s="239">
        <v>33.307000000000002</v>
      </c>
      <c r="C3345" s="3">
        <f t="shared" si="782"/>
        <v>33.300000000000004</v>
      </c>
      <c r="D3345" s="239">
        <v>8.3962000000000003</v>
      </c>
      <c r="E3345" s="239">
        <v>6.9400000000000003E-2</v>
      </c>
      <c r="F3345" s="239">
        <v>5.6800000000000003E-2</v>
      </c>
      <c r="G3345">
        <f t="shared" si="783"/>
        <v>8.4075600000000001</v>
      </c>
      <c r="H3345" s="235">
        <f t="shared" si="784"/>
        <v>0.82544757337443919</v>
      </c>
      <c r="I3345" s="236">
        <f t="shared" si="785"/>
        <v>19.04831660239121</v>
      </c>
      <c r="J3345" s="237">
        <f t="shared" si="790"/>
        <v>9.0483166023912105</v>
      </c>
      <c r="K3345" s="237">
        <f t="shared" si="786"/>
        <v>634.30894285962734</v>
      </c>
      <c r="L3345" s="237">
        <f t="shared" si="791"/>
        <v>301.37228107584406</v>
      </c>
      <c r="M3345" s="236">
        <f t="shared" si="787"/>
        <v>25.792853375205191</v>
      </c>
      <c r="N3345" s="236">
        <f t="shared" si="788"/>
        <v>0.89280533318488908</v>
      </c>
      <c r="O3345" s="236">
        <f t="shared" si="792"/>
        <v>2.3681419282734906</v>
      </c>
      <c r="P3345" s="236" t="str">
        <f t="shared" si="793"/>
        <v>SAND</v>
      </c>
      <c r="Q3345" s="236" t="e">
        <f t="shared" si="789"/>
        <v>#N/A</v>
      </c>
      <c r="R3345" s="238">
        <v>35</v>
      </c>
      <c r="S3345" s="236" t="e">
        <f t="shared" si="794"/>
        <v>#N/A</v>
      </c>
      <c r="T3345" s="236">
        <f t="shared" si="780"/>
        <v>33.126493282406543</v>
      </c>
    </row>
    <row r="3346" spans="1:20" x14ac:dyDescent="0.2">
      <c r="A3346" s="53">
        <f t="shared" si="781"/>
        <v>3334</v>
      </c>
      <c r="B3346" s="239">
        <v>33.317999999999998</v>
      </c>
      <c r="C3346" s="3">
        <f t="shared" si="782"/>
        <v>33.311</v>
      </c>
      <c r="D3346" s="239">
        <v>7.7694000000000001</v>
      </c>
      <c r="E3346" s="239">
        <v>6.6699999999999995E-2</v>
      </c>
      <c r="F3346" s="239">
        <v>0.121</v>
      </c>
      <c r="G3346">
        <f t="shared" si="783"/>
        <v>7.7935999999999996</v>
      </c>
      <c r="H3346" s="235">
        <f t="shared" si="784"/>
        <v>0.85583042496407313</v>
      </c>
      <c r="I3346" s="236">
        <f t="shared" si="785"/>
        <v>18.972147106962094</v>
      </c>
      <c r="J3346" s="237">
        <f t="shared" si="790"/>
        <v>8.9721471069620939</v>
      </c>
      <c r="K3346" s="237">
        <f t="shared" si="786"/>
        <v>631.98119228001428</v>
      </c>
      <c r="L3346" s="237">
        <f t="shared" si="791"/>
        <v>298.93399730976301</v>
      </c>
      <c r="M3346" s="236">
        <f t="shared" si="787"/>
        <v>23.957190791848721</v>
      </c>
      <c r="N3346" s="236">
        <f t="shared" si="788"/>
        <v>0.93135367562567872</v>
      </c>
      <c r="O3346" s="236">
        <f t="shared" si="792"/>
        <v>2.4050887513011379</v>
      </c>
      <c r="P3346" s="236" t="str">
        <f t="shared" si="793"/>
        <v>SAND</v>
      </c>
      <c r="Q3346" s="236" t="e">
        <f t="shared" si="789"/>
        <v>#N/A</v>
      </c>
      <c r="R3346" s="238">
        <v>35</v>
      </c>
      <c r="S3346" s="236" t="e">
        <f t="shared" si="794"/>
        <v>#N/A</v>
      </c>
      <c r="T3346" s="236">
        <f t="shared" si="780"/>
        <v>32.77379480705109</v>
      </c>
    </row>
    <row r="3347" spans="1:20" x14ac:dyDescent="0.2">
      <c r="A3347" s="53">
        <f t="shared" si="781"/>
        <v>3335</v>
      </c>
      <c r="B3347" s="239">
        <v>33.326999999999998</v>
      </c>
      <c r="C3347" s="3">
        <f t="shared" si="782"/>
        <v>33.32</v>
      </c>
      <c r="D3347" s="239">
        <v>7.2123999999999997</v>
      </c>
      <c r="E3347" s="239">
        <v>6.4899999999999999E-2</v>
      </c>
      <c r="F3347" s="239">
        <v>0.12520000000000001</v>
      </c>
      <c r="G3347">
        <f t="shared" si="783"/>
        <v>7.2374399999999994</v>
      </c>
      <c r="H3347" s="235">
        <f t="shared" si="784"/>
        <v>0.89672591413538483</v>
      </c>
      <c r="I3347" s="236">
        <f t="shared" si="785"/>
        <v>18.911130214460108</v>
      </c>
      <c r="J3347" s="237">
        <f t="shared" si="790"/>
        <v>8.9111302144601083</v>
      </c>
      <c r="K3347" s="237">
        <f t="shared" si="786"/>
        <v>630.11885874581083</v>
      </c>
      <c r="L3347" s="237">
        <f t="shared" si="791"/>
        <v>296.98123665731202</v>
      </c>
      <c r="M3347" s="236">
        <f t="shared" si="787"/>
        <v>22.248278091987359</v>
      </c>
      <c r="N3347" s="236">
        <f t="shared" si="788"/>
        <v>0.98224376585517092</v>
      </c>
      <c r="O3347" s="236">
        <f t="shared" si="792"/>
        <v>2.4444521145763298</v>
      </c>
      <c r="P3347" s="236" t="str">
        <f t="shared" si="793"/>
        <v>SAND</v>
      </c>
      <c r="Q3347" s="236" t="e">
        <f t="shared" si="789"/>
        <v>#N/A</v>
      </c>
      <c r="R3347" s="238">
        <v>35</v>
      </c>
      <c r="S3347" s="236" t="e">
        <f t="shared" si="794"/>
        <v>#N/A</v>
      </c>
      <c r="T3347" s="236">
        <f t="shared" si="780"/>
        <v>32.42026044781467</v>
      </c>
    </row>
    <row r="3348" spans="1:20" x14ac:dyDescent="0.2">
      <c r="A3348" s="53">
        <f t="shared" si="781"/>
        <v>3336</v>
      </c>
      <c r="B3348" s="239">
        <v>33.335999999999999</v>
      </c>
      <c r="C3348" s="3">
        <f t="shared" si="782"/>
        <v>33.329000000000001</v>
      </c>
      <c r="D3348" s="239">
        <v>6.7099000000000002</v>
      </c>
      <c r="E3348" s="239">
        <v>5.8099999999999999E-2</v>
      </c>
      <c r="F3348" s="239">
        <v>0.14299999999999999</v>
      </c>
      <c r="G3348">
        <f t="shared" si="783"/>
        <v>6.7385000000000002</v>
      </c>
      <c r="H3348" s="235">
        <f t="shared" si="784"/>
        <v>0.8622096905839578</v>
      </c>
      <c r="I3348" s="236">
        <f t="shared" si="785"/>
        <v>18.753425521269939</v>
      </c>
      <c r="J3348" s="237">
        <f t="shared" si="790"/>
        <v>8.7534255212699392</v>
      </c>
      <c r="K3348" s="237">
        <f t="shared" si="786"/>
        <v>625.03291919840581</v>
      </c>
      <c r="L3348" s="237">
        <f t="shared" si="791"/>
        <v>291.80419317705469</v>
      </c>
      <c r="M3348" s="236">
        <f t="shared" si="787"/>
        <v>20.950579956512811</v>
      </c>
      <c r="N3348" s="236">
        <f t="shared" si="788"/>
        <v>0.95036088739978886</v>
      </c>
      <c r="O3348" s="236">
        <f t="shared" si="792"/>
        <v>2.4601413385664723</v>
      </c>
      <c r="P3348" s="236" t="str">
        <f t="shared" si="793"/>
        <v>SAND</v>
      </c>
      <c r="Q3348" s="236" t="e">
        <f t="shared" si="789"/>
        <v>#N/A</v>
      </c>
      <c r="R3348" s="238">
        <v>35</v>
      </c>
      <c r="S3348" s="236" t="e">
        <f t="shared" si="794"/>
        <v>#N/A</v>
      </c>
      <c r="T3348" s="236">
        <f t="shared" si="780"/>
        <v>32.133156546277604</v>
      </c>
    </row>
    <row r="3349" spans="1:20" x14ac:dyDescent="0.2">
      <c r="A3349" s="53">
        <f t="shared" si="781"/>
        <v>3337</v>
      </c>
      <c r="B3349" s="239">
        <v>33.347000000000001</v>
      </c>
      <c r="C3349" s="3">
        <f t="shared" si="782"/>
        <v>33.340000000000003</v>
      </c>
      <c r="D3349" s="239">
        <v>6.2967000000000004</v>
      </c>
      <c r="E3349" s="239">
        <v>6.0199999999999997E-2</v>
      </c>
      <c r="F3349" s="239">
        <v>0.14910000000000001</v>
      </c>
      <c r="G3349">
        <f t="shared" si="783"/>
        <v>6.3265200000000004</v>
      </c>
      <c r="H3349" s="235">
        <f t="shared" si="784"/>
        <v>0.95154998324513307</v>
      </c>
      <c r="I3349" s="236">
        <f t="shared" si="785"/>
        <v>18.770401977558674</v>
      </c>
      <c r="J3349" s="237">
        <f t="shared" si="790"/>
        <v>8.7704019775586737</v>
      </c>
      <c r="K3349" s="237">
        <f t="shared" si="786"/>
        <v>625.80520193180621</v>
      </c>
      <c r="L3349" s="237">
        <f t="shared" si="791"/>
        <v>292.4665947456491</v>
      </c>
      <c r="M3349" s="236">
        <f t="shared" si="787"/>
        <v>19.491849327359809</v>
      </c>
      <c r="N3349" s="236">
        <f t="shared" si="788"/>
        <v>1.0560079241361104</v>
      </c>
      <c r="O3349" s="236">
        <f t="shared" si="792"/>
        <v>2.5099300368961179</v>
      </c>
      <c r="P3349" s="236" t="str">
        <f t="shared" si="793"/>
        <v>SAND</v>
      </c>
      <c r="Q3349" s="236" t="e">
        <f t="shared" si="789"/>
        <v>#N/A</v>
      </c>
      <c r="R3349" s="238">
        <v>35</v>
      </c>
      <c r="S3349" s="236" t="e">
        <f t="shared" si="794"/>
        <v>#N/A</v>
      </c>
      <c r="T3349" s="236">
        <f t="shared" si="780"/>
        <v>31.788383501726706</v>
      </c>
    </row>
    <row r="3350" spans="1:20" x14ac:dyDescent="0.2">
      <c r="A3350" s="53">
        <f t="shared" si="781"/>
        <v>3338</v>
      </c>
      <c r="B3350" s="239">
        <v>33.356000000000002</v>
      </c>
      <c r="C3350" s="3">
        <f t="shared" si="782"/>
        <v>33.349000000000004</v>
      </c>
      <c r="D3350" s="239">
        <v>5.9329000000000001</v>
      </c>
      <c r="E3350" s="239">
        <v>6.1699999999999998E-2</v>
      </c>
      <c r="F3350" s="239">
        <v>0.1623</v>
      </c>
      <c r="G3350">
        <f t="shared" si="783"/>
        <v>5.9653600000000004</v>
      </c>
      <c r="H3350" s="235">
        <f t="shared" si="784"/>
        <v>1.0343047192457788</v>
      </c>
      <c r="I3350" s="236">
        <f t="shared" si="785"/>
        <v>18.776285989273639</v>
      </c>
      <c r="J3350" s="237">
        <f t="shared" si="790"/>
        <v>8.7762859892736387</v>
      </c>
      <c r="K3350" s="237">
        <f t="shared" si="786"/>
        <v>626.17036145628663</v>
      </c>
      <c r="L3350" s="237">
        <f t="shared" si="791"/>
        <v>292.74179545821153</v>
      </c>
      <c r="M3350" s="236">
        <f t="shared" si="787"/>
        <v>18.238562861126798</v>
      </c>
      <c r="N3350" s="236">
        <f t="shared" si="788"/>
        <v>1.1556060783941162</v>
      </c>
      <c r="O3350" s="236">
        <f t="shared" si="792"/>
        <v>2.5544712748034915</v>
      </c>
      <c r="P3350" s="236" t="str">
        <f t="shared" si="793"/>
        <v>SAND</v>
      </c>
      <c r="Q3350" s="236" t="e">
        <f t="shared" si="789"/>
        <v>#N/A</v>
      </c>
      <c r="R3350" s="238">
        <v>35</v>
      </c>
      <c r="S3350" s="236" t="e">
        <f t="shared" si="794"/>
        <v>#N/A</v>
      </c>
      <c r="T3350" s="236">
        <f t="shared" si="780"/>
        <v>31.470896757973911</v>
      </c>
    </row>
    <row r="3351" spans="1:20" x14ac:dyDescent="0.2">
      <c r="A3351" s="53">
        <f t="shared" si="781"/>
        <v>3339</v>
      </c>
      <c r="B3351" s="239">
        <v>33.366999999999997</v>
      </c>
      <c r="C3351" s="3">
        <f t="shared" si="782"/>
        <v>33.36</v>
      </c>
      <c r="D3351" s="239">
        <v>5.5593000000000004</v>
      </c>
      <c r="E3351" s="239">
        <v>6.54E-2</v>
      </c>
      <c r="F3351" s="239">
        <v>0.19819999999999999</v>
      </c>
      <c r="G3351">
        <f t="shared" si="783"/>
        <v>5.5989400000000007</v>
      </c>
      <c r="H3351" s="235">
        <f t="shared" si="784"/>
        <v>1.1680782433817827</v>
      </c>
      <c r="I3351" s="236">
        <f t="shared" si="785"/>
        <v>18.81979820699344</v>
      </c>
      <c r="J3351" s="237">
        <f t="shared" si="790"/>
        <v>8.8197982069934397</v>
      </c>
      <c r="K3351" s="237">
        <f t="shared" si="786"/>
        <v>627.82846818530118</v>
      </c>
      <c r="L3351" s="237">
        <f t="shared" si="791"/>
        <v>294.29020677275008</v>
      </c>
      <c r="M3351" s="236">
        <f t="shared" si="787"/>
        <v>16.891868697667451</v>
      </c>
      <c r="N3351" s="236">
        <f t="shared" si="788"/>
        <v>1.3156011403374368</v>
      </c>
      <c r="O3351" s="236">
        <f t="shared" si="792"/>
        <v>2.611754782567778</v>
      </c>
      <c r="P3351" s="236" t="str">
        <f t="shared" si="793"/>
        <v>CLAY</v>
      </c>
      <c r="Q3351" s="236">
        <f t="shared" si="789"/>
        <v>414.2592943178916</v>
      </c>
      <c r="R3351" s="238">
        <v>35</v>
      </c>
      <c r="S3351" s="236">
        <f t="shared" si="794"/>
        <v>8.5612490269417876</v>
      </c>
      <c r="T3351" s="236" t="e">
        <f t="shared" si="780"/>
        <v>#N/A</v>
      </c>
    </row>
    <row r="3352" spans="1:20" x14ac:dyDescent="0.2">
      <c r="A3352" s="53">
        <f t="shared" si="781"/>
        <v>3340</v>
      </c>
      <c r="B3352" s="239">
        <v>33.375999999999998</v>
      </c>
      <c r="C3352" s="3">
        <f t="shared" si="782"/>
        <v>33.369</v>
      </c>
      <c r="D3352" s="239">
        <v>5.1017000000000001</v>
      </c>
      <c r="E3352" s="239">
        <v>7.2099999999999997E-2</v>
      </c>
      <c r="F3352" s="239">
        <v>0.21079999999999999</v>
      </c>
      <c r="G3352">
        <f t="shared" si="783"/>
        <v>5.1438600000000001</v>
      </c>
      <c r="H3352" s="235">
        <f t="shared" si="784"/>
        <v>1.401671118576322</v>
      </c>
      <c r="I3352" s="236">
        <f t="shared" si="785"/>
        <v>18.90102849505389</v>
      </c>
      <c r="J3352" s="237">
        <f t="shared" si="790"/>
        <v>8.9010284950538896</v>
      </c>
      <c r="K3352" s="237">
        <f t="shared" si="786"/>
        <v>630.70841985145319</v>
      </c>
      <c r="L3352" s="237">
        <f t="shared" si="791"/>
        <v>297.0807270509186</v>
      </c>
      <c r="M3352" s="236">
        <f t="shared" si="787"/>
        <v>15.191667345606731</v>
      </c>
      <c r="N3352" s="236">
        <f t="shared" si="788"/>
        <v>1.5975532556260139</v>
      </c>
      <c r="O3352" s="236">
        <f t="shared" si="792"/>
        <v>2.6949906810751321</v>
      </c>
      <c r="P3352" s="236" t="str">
        <f t="shared" si="793"/>
        <v>CLAY</v>
      </c>
      <c r="Q3352" s="236">
        <f t="shared" si="789"/>
        <v>376.09596501237888</v>
      </c>
      <c r="R3352" s="238">
        <v>35</v>
      </c>
      <c r="S3352" s="236">
        <f t="shared" si="794"/>
        <v>7.4980237409675352</v>
      </c>
      <c r="T3352" s="236" t="e">
        <f t="shared" si="780"/>
        <v>#N/A</v>
      </c>
    </row>
    <row r="3353" spans="1:20" x14ac:dyDescent="0.2">
      <c r="A3353" s="53">
        <f t="shared" si="781"/>
        <v>3341</v>
      </c>
      <c r="B3353" s="239">
        <v>33.386000000000003</v>
      </c>
      <c r="C3353" s="3">
        <f t="shared" si="782"/>
        <v>33.379000000000005</v>
      </c>
      <c r="D3353" s="239">
        <v>4.7169999999999996</v>
      </c>
      <c r="E3353" s="239">
        <v>7.4999999999999997E-2</v>
      </c>
      <c r="F3353" s="239">
        <v>0.23680000000000001</v>
      </c>
      <c r="G3353">
        <f t="shared" si="783"/>
        <v>4.7643599999999999</v>
      </c>
      <c r="H3353" s="235">
        <f t="shared" si="784"/>
        <v>1.5741883484875197</v>
      </c>
      <c r="I3353" s="236">
        <f t="shared" si="785"/>
        <v>18.917312578354345</v>
      </c>
      <c r="J3353" s="237">
        <f t="shared" si="790"/>
        <v>8.9173125783543448</v>
      </c>
      <c r="K3353" s="237">
        <f t="shared" si="786"/>
        <v>631.44097655288977</v>
      </c>
      <c r="L3353" s="237">
        <f t="shared" si="791"/>
        <v>297.71339774093821</v>
      </c>
      <c r="M3353" s="236">
        <f t="shared" si="787"/>
        <v>13.882207031352547</v>
      </c>
      <c r="N3353" s="236">
        <f t="shared" si="788"/>
        <v>1.8146980275806461</v>
      </c>
      <c r="O3353" s="236">
        <f t="shared" si="792"/>
        <v>2.757591650660951</v>
      </c>
      <c r="P3353" s="236" t="str">
        <f t="shared" si="793"/>
        <v>CLAY</v>
      </c>
      <c r="Q3353" s="236">
        <f t="shared" si="789"/>
        <v>344.40991862059246</v>
      </c>
      <c r="R3353" s="238">
        <v>35</v>
      </c>
      <c r="S3353" s="236">
        <f t="shared" si="794"/>
        <v>6.6990490062441825</v>
      </c>
      <c r="T3353" s="236" t="e">
        <f t="shared" si="780"/>
        <v>#N/A</v>
      </c>
    </row>
    <row r="3354" spans="1:20" x14ac:dyDescent="0.2">
      <c r="A3354" s="53">
        <f t="shared" si="781"/>
        <v>3342</v>
      </c>
      <c r="B3354" s="239">
        <v>33.395000000000003</v>
      </c>
      <c r="C3354" s="3">
        <f t="shared" si="782"/>
        <v>33.388000000000005</v>
      </c>
      <c r="D3354" s="239">
        <v>4.4935</v>
      </c>
      <c r="E3354" s="239">
        <v>8.4500000000000006E-2</v>
      </c>
      <c r="F3354" s="239">
        <v>0.27839999999999998</v>
      </c>
      <c r="G3354">
        <f t="shared" si="783"/>
        <v>4.5491799999999998</v>
      </c>
      <c r="H3354" s="235">
        <f t="shared" si="784"/>
        <v>1.857477611349738</v>
      </c>
      <c r="I3354" s="236">
        <f t="shared" si="785"/>
        <v>19.039095977579336</v>
      </c>
      <c r="J3354" s="237">
        <f t="shared" si="790"/>
        <v>9.0390959775793362</v>
      </c>
      <c r="K3354" s="237">
        <f t="shared" si="786"/>
        <v>635.67733649941897</v>
      </c>
      <c r="L3354" s="237">
        <f t="shared" si="791"/>
        <v>301.86061017126195</v>
      </c>
      <c r="M3354" s="236">
        <f t="shared" si="787"/>
        <v>12.964601977317404</v>
      </c>
      <c r="N3354" s="236">
        <f t="shared" si="788"/>
        <v>2.1591910691180107</v>
      </c>
      <c r="O3354" s="236">
        <f t="shared" si="792"/>
        <v>2.8235447564234852</v>
      </c>
      <c r="P3354" s="236" t="str">
        <f t="shared" si="793"/>
        <v>CLAY</v>
      </c>
      <c r="Q3354" s="236">
        <f t="shared" si="789"/>
        <v>326.1252219583817</v>
      </c>
      <c r="R3354" s="238">
        <v>35</v>
      </c>
      <c r="S3354" s="236">
        <f t="shared" si="794"/>
        <v>6.1501965293577188</v>
      </c>
      <c r="T3354" s="236" t="e">
        <f t="shared" si="780"/>
        <v>#N/A</v>
      </c>
    </row>
    <row r="3355" spans="1:20" x14ac:dyDescent="0.2">
      <c r="A3355" s="53">
        <f t="shared" si="781"/>
        <v>3343</v>
      </c>
      <c r="B3355" s="239">
        <v>33.405999999999999</v>
      </c>
      <c r="C3355" s="3">
        <f t="shared" si="782"/>
        <v>33.399000000000001</v>
      </c>
      <c r="D3355" s="239">
        <v>4.4378000000000002</v>
      </c>
      <c r="E3355" s="239">
        <v>9.5399999999999999E-2</v>
      </c>
      <c r="F3355" s="239">
        <v>0.29870000000000002</v>
      </c>
      <c r="G3355">
        <f t="shared" si="783"/>
        <v>4.4975399999999999</v>
      </c>
      <c r="H3355" s="235">
        <f t="shared" si="784"/>
        <v>2.1211595672300856</v>
      </c>
      <c r="I3355" s="236">
        <f t="shared" si="785"/>
        <v>19.176901197171041</v>
      </c>
      <c r="J3355" s="237">
        <f t="shared" si="790"/>
        <v>9.1769011971710412</v>
      </c>
      <c r="K3355" s="237">
        <f t="shared" si="786"/>
        <v>640.48932308431563</v>
      </c>
      <c r="L3355" s="237">
        <f t="shared" si="791"/>
        <v>306.56356139269582</v>
      </c>
      <c r="M3355" s="236">
        <f t="shared" si="787"/>
        <v>12.581569249109013</v>
      </c>
      <c r="N3355" s="236">
        <f t="shared" si="788"/>
        <v>2.4733924438941317</v>
      </c>
      <c r="O3355" s="236">
        <f t="shared" si="792"/>
        <v>2.8672062115686776</v>
      </c>
      <c r="P3355" s="236" t="str">
        <f t="shared" si="793"/>
        <v>CLAY</v>
      </c>
      <c r="Q3355" s="236">
        <f t="shared" si="789"/>
        <v>321.42088974297371</v>
      </c>
      <c r="R3355" s="238">
        <v>35</v>
      </c>
      <c r="S3355" s="236">
        <f t="shared" si="794"/>
        <v>5.9239109855706689</v>
      </c>
      <c r="T3355" s="236" t="e">
        <f t="shared" si="780"/>
        <v>#N/A</v>
      </c>
    </row>
    <row r="3356" spans="1:20" x14ac:dyDescent="0.2">
      <c r="A3356" s="53">
        <f t="shared" si="781"/>
        <v>3344</v>
      </c>
      <c r="B3356" s="239">
        <v>33.414999999999999</v>
      </c>
      <c r="C3356" s="3">
        <f t="shared" si="782"/>
        <v>33.408000000000001</v>
      </c>
      <c r="D3356" s="239">
        <v>4.4305000000000003</v>
      </c>
      <c r="E3356" s="239">
        <v>9.7100000000000006E-2</v>
      </c>
      <c r="F3356" s="239">
        <v>0.33260000000000001</v>
      </c>
      <c r="G3356">
        <f t="shared" si="783"/>
        <v>4.49702</v>
      </c>
      <c r="H3356" s="235">
        <f t="shared" si="784"/>
        <v>2.1592076530680315</v>
      </c>
      <c r="I3356" s="236">
        <f t="shared" si="785"/>
        <v>19.197567312278203</v>
      </c>
      <c r="J3356" s="237">
        <f t="shared" si="790"/>
        <v>9.1975673122782027</v>
      </c>
      <c r="K3356" s="237">
        <f t="shared" si="786"/>
        <v>641.35232876859027</v>
      </c>
      <c r="L3356" s="237">
        <f t="shared" si="791"/>
        <v>307.33671173977615</v>
      </c>
      <c r="M3356" s="236">
        <f t="shared" si="787"/>
        <v>12.545418506644358</v>
      </c>
      <c r="N3356" s="236">
        <f t="shared" si="788"/>
        <v>2.5183705723524805</v>
      </c>
      <c r="O3356" s="236">
        <f t="shared" si="792"/>
        <v>2.8726488717356693</v>
      </c>
      <c r="P3356" s="236" t="str">
        <f t="shared" si="793"/>
        <v>CLAY</v>
      </c>
      <c r="Q3356" s="236">
        <f t="shared" si="789"/>
        <v>321.3056392692842</v>
      </c>
      <c r="R3356" s="238">
        <v>35</v>
      </c>
      <c r="S3356" s="236">
        <f t="shared" si="794"/>
        <v>5.9026420956768302</v>
      </c>
      <c r="T3356" s="236" t="e">
        <f t="shared" si="780"/>
        <v>#N/A</v>
      </c>
    </row>
    <row r="3357" spans="1:20" x14ac:dyDescent="0.2">
      <c r="A3357" s="53">
        <f t="shared" si="781"/>
        <v>3345</v>
      </c>
      <c r="B3357" s="239">
        <v>33.423999999999999</v>
      </c>
      <c r="C3357" s="3">
        <f t="shared" si="782"/>
        <v>33.417000000000002</v>
      </c>
      <c r="D3357" s="239">
        <v>4.5818000000000003</v>
      </c>
      <c r="E3357" s="239">
        <v>0.10489999999999999</v>
      </c>
      <c r="F3357" s="239">
        <v>0.35360000000000003</v>
      </c>
      <c r="G3357">
        <f t="shared" si="783"/>
        <v>4.65252</v>
      </c>
      <c r="H3357" s="235">
        <f t="shared" si="784"/>
        <v>2.2546920808508073</v>
      </c>
      <c r="I3357" s="236">
        <f t="shared" si="785"/>
        <v>19.30145629636058</v>
      </c>
      <c r="J3357" s="237">
        <f t="shared" si="790"/>
        <v>9.3014562963605805</v>
      </c>
      <c r="K3357" s="237">
        <f t="shared" si="786"/>
        <v>644.99676505548155</v>
      </c>
      <c r="L3357" s="237">
        <f t="shared" si="791"/>
        <v>310.89187524955605</v>
      </c>
      <c r="M3357" s="236">
        <f t="shared" si="787"/>
        <v>12.890408383067712</v>
      </c>
      <c r="N3357" s="236">
        <f t="shared" si="788"/>
        <v>2.6175768386144429</v>
      </c>
      <c r="O3357" s="236">
        <f t="shared" si="792"/>
        <v>2.8724651313526275</v>
      </c>
      <c r="P3357" s="236" t="str">
        <f t="shared" si="793"/>
        <v>CLAY</v>
      </c>
      <c r="Q3357" s="236">
        <f t="shared" si="789"/>
        <v>333.96026957870987</v>
      </c>
      <c r="R3357" s="238">
        <v>35</v>
      </c>
      <c r="S3357" s="236">
        <f t="shared" si="794"/>
        <v>6.1062327519145683</v>
      </c>
      <c r="T3357" s="236" t="e">
        <f t="shared" si="780"/>
        <v>#N/A</v>
      </c>
    </row>
    <row r="3358" spans="1:20" x14ac:dyDescent="0.2">
      <c r="A3358" s="53">
        <f t="shared" si="781"/>
        <v>3346</v>
      </c>
      <c r="B3358" s="239">
        <v>33.435000000000002</v>
      </c>
      <c r="C3358" s="3">
        <f t="shared" si="782"/>
        <v>33.428000000000004</v>
      </c>
      <c r="D3358" s="239">
        <v>4.7958999999999996</v>
      </c>
      <c r="E3358" s="239">
        <v>0.11</v>
      </c>
      <c r="F3358" s="239">
        <v>0.37030000000000002</v>
      </c>
      <c r="G3358">
        <f t="shared" si="783"/>
        <v>4.8699599999999998</v>
      </c>
      <c r="H3358" s="235">
        <f t="shared" si="784"/>
        <v>2.2587454517080223</v>
      </c>
      <c r="I3358" s="236">
        <f t="shared" si="785"/>
        <v>19.37497615899926</v>
      </c>
      <c r="J3358" s="237">
        <f t="shared" si="790"/>
        <v>9.3749761589992602</v>
      </c>
      <c r="K3358" s="237">
        <f t="shared" si="786"/>
        <v>647.66670304302738</v>
      </c>
      <c r="L3358" s="237">
        <f t="shared" si="791"/>
        <v>313.45232787614026</v>
      </c>
      <c r="M3358" s="236">
        <f t="shared" si="787"/>
        <v>13.470288530208011</v>
      </c>
      <c r="N3358" s="236">
        <f t="shared" si="788"/>
        <v>2.6052193029621495</v>
      </c>
      <c r="O3358" s="236">
        <f t="shared" si="792"/>
        <v>2.8556090482874561</v>
      </c>
      <c r="P3358" s="236" t="str">
        <f t="shared" si="793"/>
        <v>CLAY</v>
      </c>
      <c r="Q3358" s="236">
        <f t="shared" si="789"/>
        <v>351.85777474641441</v>
      </c>
      <c r="R3358" s="238">
        <v>35</v>
      </c>
      <c r="S3358" s="236">
        <f t="shared" si="794"/>
        <v>6.4515063868075497</v>
      </c>
      <c r="T3358" s="236" t="e">
        <f t="shared" si="780"/>
        <v>#N/A</v>
      </c>
    </row>
    <row r="3359" spans="1:20" x14ac:dyDescent="0.2">
      <c r="A3359" s="53">
        <f t="shared" si="781"/>
        <v>3347</v>
      </c>
      <c r="B3359" s="239">
        <v>33.444000000000003</v>
      </c>
      <c r="C3359" s="3">
        <f t="shared" si="782"/>
        <v>33.437000000000005</v>
      </c>
      <c r="D3359" s="239">
        <v>4.9047999999999998</v>
      </c>
      <c r="E3359" s="239">
        <v>0.1072</v>
      </c>
      <c r="F3359" s="239">
        <v>0.39079999999999998</v>
      </c>
      <c r="G3359">
        <f t="shared" si="783"/>
        <v>4.9829599999999994</v>
      </c>
      <c r="H3359" s="235">
        <f t="shared" si="784"/>
        <v>2.1513317385650299</v>
      </c>
      <c r="I3359" s="236">
        <f t="shared" si="785"/>
        <v>19.353707635699003</v>
      </c>
      <c r="J3359" s="237">
        <f t="shared" si="790"/>
        <v>9.3537076356990028</v>
      </c>
      <c r="K3359" s="237">
        <f t="shared" si="786"/>
        <v>647.12992221486763</v>
      </c>
      <c r="L3359" s="237">
        <f t="shared" si="791"/>
        <v>312.82539816831746</v>
      </c>
      <c r="M3359" s="236">
        <f t="shared" si="787"/>
        <v>13.860223956151456</v>
      </c>
      <c r="N3359" s="236">
        <f t="shared" si="788"/>
        <v>2.4724216142427999</v>
      </c>
      <c r="O3359" s="236">
        <f t="shared" si="792"/>
        <v>2.8324579575393809</v>
      </c>
      <c r="P3359" s="236" t="str">
        <f t="shared" si="793"/>
        <v>CLAY</v>
      </c>
      <c r="Q3359" s="236">
        <f t="shared" si="789"/>
        <v>361.31917314876097</v>
      </c>
      <c r="R3359" s="238">
        <v>35</v>
      </c>
      <c r="S3359" s="236">
        <f t="shared" si="794"/>
        <v>6.6857913397939592</v>
      </c>
      <c r="T3359" s="236" t="e">
        <f t="shared" si="780"/>
        <v>#N/A</v>
      </c>
    </row>
    <row r="3360" spans="1:20" x14ac:dyDescent="0.2">
      <c r="A3360" s="53">
        <f t="shared" si="781"/>
        <v>3348</v>
      </c>
      <c r="B3360" s="239">
        <v>33.453000000000003</v>
      </c>
      <c r="C3360" s="3">
        <f t="shared" si="782"/>
        <v>33.446000000000005</v>
      </c>
      <c r="D3360" s="239">
        <v>4.9196</v>
      </c>
      <c r="E3360" s="239">
        <v>0.1037</v>
      </c>
      <c r="F3360" s="239">
        <v>0.42120000000000002</v>
      </c>
      <c r="G3360">
        <f t="shared" si="783"/>
        <v>5.0038400000000003</v>
      </c>
      <c r="H3360" s="235">
        <f t="shared" si="784"/>
        <v>2.0724083903562063</v>
      </c>
      <c r="I3360" s="236">
        <f t="shared" si="785"/>
        <v>19.316418769669401</v>
      </c>
      <c r="J3360" s="237">
        <f t="shared" si="790"/>
        <v>9.3164187696694007</v>
      </c>
      <c r="K3360" s="237">
        <f t="shared" si="786"/>
        <v>646.05694217036284</v>
      </c>
      <c r="L3360" s="237">
        <f t="shared" si="791"/>
        <v>311.66215710175049</v>
      </c>
      <c r="M3360" s="236">
        <f t="shared" si="787"/>
        <v>13.982393943345908</v>
      </c>
      <c r="N3360" s="236">
        <f t="shared" si="788"/>
        <v>2.3796503548675285</v>
      </c>
      <c r="O3360" s="236">
        <f t="shared" si="792"/>
        <v>2.8198892610652377</v>
      </c>
      <c r="P3360" s="236" t="str">
        <f t="shared" si="793"/>
        <v>CLAY</v>
      </c>
      <c r="Q3360" s="236">
        <f t="shared" si="789"/>
        <v>363.14858815246976</v>
      </c>
      <c r="R3360" s="238">
        <v>35</v>
      </c>
      <c r="S3360" s="236">
        <f t="shared" si="794"/>
        <v>6.7595366329947435</v>
      </c>
      <c r="T3360" s="236" t="e">
        <f t="shared" si="780"/>
        <v>#N/A</v>
      </c>
    </row>
    <row r="3361" spans="1:20" x14ac:dyDescent="0.2">
      <c r="A3361" s="53">
        <f t="shared" si="781"/>
        <v>3349</v>
      </c>
      <c r="B3361" s="239">
        <v>33.463999999999999</v>
      </c>
      <c r="C3361" s="3">
        <f t="shared" si="782"/>
        <v>33.457000000000001</v>
      </c>
      <c r="D3361" s="239">
        <v>5.1795</v>
      </c>
      <c r="E3361" s="239">
        <v>0.1057</v>
      </c>
      <c r="F3361" s="239">
        <v>0.48010000000000003</v>
      </c>
      <c r="G3361">
        <f t="shared" si="783"/>
        <v>5.2755200000000002</v>
      </c>
      <c r="H3361" s="235">
        <f t="shared" si="784"/>
        <v>2.0035939585102511</v>
      </c>
      <c r="I3361" s="236">
        <f t="shared" si="785"/>
        <v>19.359484266557367</v>
      </c>
      <c r="J3361" s="237">
        <f t="shared" si="790"/>
        <v>9.3594842665573665</v>
      </c>
      <c r="K3361" s="237">
        <f t="shared" si="786"/>
        <v>647.71026510620982</v>
      </c>
      <c r="L3361" s="237">
        <f t="shared" si="791"/>
        <v>313.2057814960757</v>
      </c>
      <c r="M3361" s="236">
        <f t="shared" si="787"/>
        <v>14.775620401348737</v>
      </c>
      <c r="N3361" s="236">
        <f t="shared" si="788"/>
        <v>2.2840178411618695</v>
      </c>
      <c r="O3361" s="236">
        <f t="shared" si="792"/>
        <v>2.79005052940076</v>
      </c>
      <c r="P3361" s="236" t="str">
        <f t="shared" si="793"/>
        <v>CLAY</v>
      </c>
      <c r="Q3361" s="236">
        <f t="shared" si="789"/>
        <v>385.65081124114926</v>
      </c>
      <c r="R3361" s="238">
        <v>35</v>
      </c>
      <c r="S3361" s="236">
        <f t="shared" si="794"/>
        <v>7.2422275325396201</v>
      </c>
      <c r="T3361" s="236" t="e">
        <f t="shared" si="780"/>
        <v>#N/A</v>
      </c>
    </row>
    <row r="3362" spans="1:20" x14ac:dyDescent="0.2">
      <c r="A3362" s="53">
        <f t="shared" si="781"/>
        <v>3350</v>
      </c>
      <c r="B3362" s="239">
        <v>33.472999999999999</v>
      </c>
      <c r="C3362" s="3">
        <f t="shared" si="782"/>
        <v>33.466000000000001</v>
      </c>
      <c r="D3362" s="239">
        <v>5.7724000000000002</v>
      </c>
      <c r="E3362" s="239">
        <v>0.11119999999999999</v>
      </c>
      <c r="F3362" s="239">
        <v>0.53059999999999996</v>
      </c>
      <c r="G3362">
        <f t="shared" si="783"/>
        <v>5.87852</v>
      </c>
      <c r="H3362" s="235">
        <f t="shared" si="784"/>
        <v>1.8916325877942068</v>
      </c>
      <c r="I3362" s="236">
        <f t="shared" si="785"/>
        <v>19.461267180037076</v>
      </c>
      <c r="J3362" s="237">
        <f t="shared" si="790"/>
        <v>9.4612671800370762</v>
      </c>
      <c r="K3362" s="237">
        <f t="shared" si="786"/>
        <v>651.29076744712086</v>
      </c>
      <c r="L3362" s="237">
        <f t="shared" si="791"/>
        <v>316.69699631738104</v>
      </c>
      <c r="M3362" s="236">
        <f t="shared" si="787"/>
        <v>16.505458824479533</v>
      </c>
      <c r="N3362" s="236">
        <f t="shared" si="788"/>
        <v>2.1273220486963806</v>
      </c>
      <c r="O3362" s="236">
        <f t="shared" si="792"/>
        <v>2.7329414857659478</v>
      </c>
      <c r="P3362" s="236" t="str">
        <f t="shared" si="793"/>
        <v>CLAY</v>
      </c>
      <c r="Q3362" s="236">
        <f t="shared" si="789"/>
        <v>435.60243604607325</v>
      </c>
      <c r="R3362" s="238">
        <v>35</v>
      </c>
      <c r="S3362" s="236">
        <f t="shared" si="794"/>
        <v>8.31714954967347</v>
      </c>
      <c r="T3362" s="236" t="e">
        <f t="shared" si="780"/>
        <v>#N/A</v>
      </c>
    </row>
    <row r="3363" spans="1:20" x14ac:dyDescent="0.2">
      <c r="A3363" s="53">
        <f t="shared" si="781"/>
        <v>3351</v>
      </c>
      <c r="B3363" s="239">
        <v>33.481999999999999</v>
      </c>
      <c r="C3363" s="3">
        <f t="shared" si="782"/>
        <v>33.475000000000001</v>
      </c>
      <c r="D3363" s="239">
        <v>6.7008000000000001</v>
      </c>
      <c r="E3363" s="239">
        <v>0.1072</v>
      </c>
      <c r="F3363" s="239">
        <v>0.60899999999999999</v>
      </c>
      <c r="G3363">
        <f t="shared" si="783"/>
        <v>6.8226000000000004</v>
      </c>
      <c r="H3363" s="235">
        <f t="shared" si="784"/>
        <v>1.5712484976401959</v>
      </c>
      <c r="I3363" s="236">
        <f t="shared" si="785"/>
        <v>19.476523893770228</v>
      </c>
      <c r="J3363" s="237">
        <f t="shared" si="790"/>
        <v>9.4765238937702279</v>
      </c>
      <c r="K3363" s="237">
        <f t="shared" si="786"/>
        <v>651.97663734395837</v>
      </c>
      <c r="L3363" s="237">
        <f t="shared" si="791"/>
        <v>317.29297301121477</v>
      </c>
      <c r="M3363" s="236">
        <f t="shared" si="787"/>
        <v>19.447715163984867</v>
      </c>
      <c r="N3363" s="236">
        <f t="shared" si="788"/>
        <v>1.7372637041625814</v>
      </c>
      <c r="O3363" s="236">
        <f t="shared" si="792"/>
        <v>2.6246032549904226</v>
      </c>
      <c r="P3363" s="236" t="str">
        <f t="shared" si="793"/>
        <v>CLAY</v>
      </c>
      <c r="Q3363" s="236">
        <f t="shared" si="789"/>
        <v>514.21861355467024</v>
      </c>
      <c r="R3363" s="238">
        <v>35</v>
      </c>
      <c r="S3363" s="236">
        <f t="shared" si="794"/>
        <v>10.209999951989749</v>
      </c>
      <c r="T3363" s="236" t="e">
        <f t="shared" si="780"/>
        <v>#N/A</v>
      </c>
    </row>
    <row r="3364" spans="1:20" x14ac:dyDescent="0.2">
      <c r="A3364" s="53">
        <f t="shared" si="781"/>
        <v>3352</v>
      </c>
      <c r="B3364" s="239">
        <v>33.493000000000002</v>
      </c>
      <c r="C3364" s="3">
        <f t="shared" si="782"/>
        <v>33.486000000000004</v>
      </c>
      <c r="D3364" s="239">
        <v>7.835</v>
      </c>
      <c r="E3364" s="239">
        <v>9.9199999999999997E-2</v>
      </c>
      <c r="F3364" s="239">
        <v>0.59360000000000002</v>
      </c>
      <c r="G3364">
        <f t="shared" si="783"/>
        <v>7.9537199999999997</v>
      </c>
      <c r="H3364" s="235">
        <f t="shared" si="784"/>
        <v>1.2472151395824849</v>
      </c>
      <c r="I3364" s="236">
        <f t="shared" si="785"/>
        <v>19.445537837548859</v>
      </c>
      <c r="J3364" s="237">
        <f t="shared" si="790"/>
        <v>9.4455378375488586</v>
      </c>
      <c r="K3364" s="237">
        <f t="shared" si="786"/>
        <v>651.15328002816113</v>
      </c>
      <c r="L3364" s="237">
        <f t="shared" si="791"/>
        <v>316.35939879302396</v>
      </c>
      <c r="M3364" s="236">
        <f t="shared" si="787"/>
        <v>23.083135028807835</v>
      </c>
      <c r="N3364" s="236">
        <f t="shared" si="788"/>
        <v>1.3584264794006917</v>
      </c>
      <c r="O3364" s="236">
        <f t="shared" si="792"/>
        <v>2.503779867599901</v>
      </c>
      <c r="P3364" s="236" t="str">
        <f t="shared" si="793"/>
        <v>SAND</v>
      </c>
      <c r="Q3364" s="236" t="e">
        <f t="shared" si="789"/>
        <v>#N/A</v>
      </c>
      <c r="R3364" s="238">
        <v>35</v>
      </c>
      <c r="S3364" s="236" t="e">
        <f t="shared" si="794"/>
        <v>#N/A</v>
      </c>
      <c r="T3364" s="236">
        <f t="shared" si="780"/>
        <v>32.596242712654721</v>
      </c>
    </row>
    <row r="3365" spans="1:20" x14ac:dyDescent="0.2">
      <c r="A3365" s="53">
        <f t="shared" si="781"/>
        <v>3353</v>
      </c>
      <c r="B3365" s="239">
        <v>33.502000000000002</v>
      </c>
      <c r="C3365" s="3">
        <f t="shared" si="782"/>
        <v>33.495000000000005</v>
      </c>
      <c r="D3365" s="239">
        <v>8.8732000000000006</v>
      </c>
      <c r="E3365" s="239">
        <v>9.3299999999999994E-2</v>
      </c>
      <c r="F3365" s="239">
        <v>0.49</v>
      </c>
      <c r="G3365">
        <f t="shared" si="783"/>
        <v>8.9712000000000014</v>
      </c>
      <c r="H3365" s="235">
        <f t="shared" si="784"/>
        <v>1.0399946495452113</v>
      </c>
      <c r="I3365" s="236">
        <f t="shared" si="785"/>
        <v>19.420688977377015</v>
      </c>
      <c r="J3365" s="237">
        <f t="shared" si="790"/>
        <v>9.420688977377015</v>
      </c>
      <c r="K3365" s="237">
        <f t="shared" si="786"/>
        <v>650.49597729724326</v>
      </c>
      <c r="L3365" s="237">
        <f t="shared" si="791"/>
        <v>315.61192212008478</v>
      </c>
      <c r="M3365" s="236">
        <f t="shared" si="787"/>
        <v>26.363718983774245</v>
      </c>
      <c r="N3365" s="236">
        <f t="shared" si="788"/>
        <v>1.1212993485338996</v>
      </c>
      <c r="O3365" s="236">
        <f t="shared" si="792"/>
        <v>2.4105116709674417</v>
      </c>
      <c r="P3365" s="236" t="str">
        <f t="shared" si="793"/>
        <v>SAND</v>
      </c>
      <c r="Q3365" s="236" t="e">
        <f t="shared" si="789"/>
        <v>#N/A</v>
      </c>
      <c r="R3365" s="238">
        <v>35</v>
      </c>
      <c r="S3365" s="236" t="e">
        <f t="shared" si="794"/>
        <v>#N/A</v>
      </c>
      <c r="T3365" s="236">
        <f t="shared" si="780"/>
        <v>33.231073411358608</v>
      </c>
    </row>
    <row r="3366" spans="1:20" x14ac:dyDescent="0.2">
      <c r="A3366" s="53">
        <f t="shared" si="781"/>
        <v>3354</v>
      </c>
      <c r="B3366" s="239">
        <v>33.511000000000003</v>
      </c>
      <c r="C3366" s="3">
        <f t="shared" si="782"/>
        <v>33.504000000000005</v>
      </c>
      <c r="D3366" s="239">
        <v>9.7527000000000008</v>
      </c>
      <c r="E3366" s="239">
        <v>8.0399999999999999E-2</v>
      </c>
      <c r="F3366" s="239">
        <v>0.31459999999999999</v>
      </c>
      <c r="G3366">
        <f t="shared" si="783"/>
        <v>9.8156200000000009</v>
      </c>
      <c r="H3366" s="235">
        <f t="shared" si="784"/>
        <v>0.81910261399687423</v>
      </c>
      <c r="I3366" s="236">
        <f t="shared" si="785"/>
        <v>19.281360349170505</v>
      </c>
      <c r="J3366" s="237">
        <f t="shared" si="790"/>
        <v>9.2813603491705052</v>
      </c>
      <c r="K3366" s="237">
        <f t="shared" si="786"/>
        <v>646.00269713860871</v>
      </c>
      <c r="L3366" s="237">
        <f t="shared" si="791"/>
        <v>311.02766666105282</v>
      </c>
      <c r="M3366" s="236">
        <f t="shared" si="787"/>
        <v>29.481677309607711</v>
      </c>
      <c r="N3366" s="236">
        <f t="shared" si="788"/>
        <v>0.87680867526402728</v>
      </c>
      <c r="O3366" s="236">
        <f t="shared" si="792"/>
        <v>2.3139012748505379</v>
      </c>
      <c r="P3366" s="236" t="str">
        <f t="shared" si="793"/>
        <v>SAND</v>
      </c>
      <c r="Q3366" s="236" t="e">
        <f t="shared" si="789"/>
        <v>#N/A</v>
      </c>
      <c r="R3366" s="238">
        <v>35</v>
      </c>
      <c r="S3366" s="236" t="e">
        <f t="shared" si="794"/>
        <v>#N/A</v>
      </c>
      <c r="T3366" s="236">
        <f t="shared" si="780"/>
        <v>33.765074071648506</v>
      </c>
    </row>
    <row r="3367" spans="1:20" x14ac:dyDescent="0.2">
      <c r="A3367" s="53">
        <f t="shared" si="781"/>
        <v>3355</v>
      </c>
      <c r="B3367" s="239">
        <v>33.521999999999998</v>
      </c>
      <c r="C3367" s="3">
        <f t="shared" si="782"/>
        <v>33.515000000000001</v>
      </c>
      <c r="D3367" s="239">
        <v>10.3855</v>
      </c>
      <c r="E3367" s="239">
        <v>6.4199999999999993E-2</v>
      </c>
      <c r="F3367" s="239">
        <v>0.16639999999999999</v>
      </c>
      <c r="G3367">
        <f t="shared" si="783"/>
        <v>10.41878</v>
      </c>
      <c r="H3367" s="235">
        <f t="shared" si="784"/>
        <v>0.61619498636116699</v>
      </c>
      <c r="I3367" s="236">
        <f t="shared" si="785"/>
        <v>19.040822811087846</v>
      </c>
      <c r="J3367" s="237">
        <f t="shared" si="790"/>
        <v>9.0408228110878461</v>
      </c>
      <c r="K3367" s="237">
        <f t="shared" si="786"/>
        <v>638.1531765136092</v>
      </c>
      <c r="L3367" s="237">
        <f t="shared" si="791"/>
        <v>303.06646227328679</v>
      </c>
      <c r="M3367" s="236">
        <f t="shared" si="787"/>
        <v>32.272217618942015</v>
      </c>
      <c r="N3367" s="236">
        <f t="shared" si="788"/>
        <v>0.65639964757509606</v>
      </c>
      <c r="O3367" s="236">
        <f t="shared" si="792"/>
        <v>2.2185379425626546</v>
      </c>
      <c r="P3367" s="236" t="str">
        <f t="shared" si="793"/>
        <v>SAND</v>
      </c>
      <c r="Q3367" s="236" t="e">
        <f t="shared" si="789"/>
        <v>#N/A</v>
      </c>
      <c r="R3367" s="238">
        <v>35</v>
      </c>
      <c r="S3367" s="236" t="e">
        <f t="shared" si="794"/>
        <v>#N/A</v>
      </c>
      <c r="T3367" s="236">
        <f t="shared" si="780"/>
        <v>34.197116903681064</v>
      </c>
    </row>
    <row r="3368" spans="1:20" x14ac:dyDescent="0.2">
      <c r="A3368" s="53">
        <f t="shared" si="781"/>
        <v>3356</v>
      </c>
      <c r="B3368" s="239">
        <v>33.530999999999999</v>
      </c>
      <c r="C3368" s="3">
        <f t="shared" si="782"/>
        <v>33.524000000000001</v>
      </c>
      <c r="D3368" s="239">
        <v>10.6652</v>
      </c>
      <c r="E3368" s="239">
        <v>5.6399999999999999E-2</v>
      </c>
      <c r="F3368" s="239">
        <v>9.1899999999999996E-2</v>
      </c>
      <c r="G3368">
        <f t="shared" si="783"/>
        <v>10.683580000000001</v>
      </c>
      <c r="H3368" s="235">
        <f t="shared" si="784"/>
        <v>0.52791292806343937</v>
      </c>
      <c r="I3368" s="236">
        <f t="shared" si="785"/>
        <v>18.898741760907868</v>
      </c>
      <c r="J3368" s="237">
        <f t="shared" si="790"/>
        <v>8.8987417609078676</v>
      </c>
      <c r="K3368" s="237">
        <f t="shared" si="786"/>
        <v>633.56141879267534</v>
      </c>
      <c r="L3368" s="237">
        <f t="shared" si="791"/>
        <v>298.3837099850017</v>
      </c>
      <c r="M3368" s="236">
        <f t="shared" si="787"/>
        <v>33.681525649347591</v>
      </c>
      <c r="N3368" s="236">
        <f t="shared" si="788"/>
        <v>0.56119299227429453</v>
      </c>
      <c r="O3368" s="236">
        <f t="shared" si="792"/>
        <v>2.1709226897800713</v>
      </c>
      <c r="P3368" s="236" t="str">
        <f t="shared" si="793"/>
        <v>SAND</v>
      </c>
      <c r="Q3368" s="236" t="e">
        <f t="shared" si="789"/>
        <v>#N/A</v>
      </c>
      <c r="R3368" s="238">
        <v>35</v>
      </c>
      <c r="S3368" s="236" t="e">
        <f t="shared" si="794"/>
        <v>#N/A</v>
      </c>
      <c r="T3368" s="236">
        <f t="shared" si="780"/>
        <v>34.401309307390889</v>
      </c>
    </row>
    <row r="3369" spans="1:20" x14ac:dyDescent="0.2">
      <c r="A3369" s="53">
        <f t="shared" si="781"/>
        <v>3357</v>
      </c>
      <c r="B3369" s="239">
        <v>33.540999999999997</v>
      </c>
      <c r="C3369" s="3">
        <f t="shared" si="782"/>
        <v>33.533999999999999</v>
      </c>
      <c r="D3369" s="239">
        <v>10.710900000000001</v>
      </c>
      <c r="E3369" s="239">
        <v>5.7000000000000002E-2</v>
      </c>
      <c r="F3369" s="239">
        <v>8.9899999999999994E-2</v>
      </c>
      <c r="G3369">
        <f t="shared" si="783"/>
        <v>10.72888</v>
      </c>
      <c r="H3369" s="235">
        <f t="shared" si="784"/>
        <v>0.53127633080060543</v>
      </c>
      <c r="I3369" s="236">
        <f t="shared" si="785"/>
        <v>18.912804113751207</v>
      </c>
      <c r="J3369" s="237">
        <f t="shared" si="790"/>
        <v>8.9128041137512071</v>
      </c>
      <c r="K3369" s="237">
        <f t="shared" si="786"/>
        <v>634.2219731505329</v>
      </c>
      <c r="L3369" s="237">
        <f t="shared" si="791"/>
        <v>298.9443627793292</v>
      </c>
      <c r="M3369" s="236">
        <f t="shared" si="787"/>
        <v>33.767681494302039</v>
      </c>
      <c r="N3369" s="236">
        <f t="shared" si="788"/>
        <v>0.56465508636739459</v>
      </c>
      <c r="O3369" s="236">
        <f t="shared" si="792"/>
        <v>2.171124155528648</v>
      </c>
      <c r="P3369" s="236" t="str">
        <f t="shared" si="793"/>
        <v>SAND</v>
      </c>
      <c r="Q3369" s="236" t="e">
        <f t="shared" si="789"/>
        <v>#N/A</v>
      </c>
      <c r="R3369" s="238">
        <v>35</v>
      </c>
      <c r="S3369" s="236" t="e">
        <f t="shared" si="794"/>
        <v>#N/A</v>
      </c>
      <c r="T3369" s="236">
        <f t="shared" si="780"/>
        <v>34.41351367063848</v>
      </c>
    </row>
    <row r="3370" spans="1:20" x14ac:dyDescent="0.2">
      <c r="A3370" s="53">
        <f t="shared" si="781"/>
        <v>3358</v>
      </c>
      <c r="B3370" s="239">
        <v>33.549999999999997</v>
      </c>
      <c r="C3370" s="3">
        <f t="shared" si="782"/>
        <v>33.542999999999999</v>
      </c>
      <c r="D3370" s="239">
        <v>10.7887</v>
      </c>
      <c r="E3370" s="239">
        <v>5.3699999999999998E-2</v>
      </c>
      <c r="F3370" s="239">
        <v>0.1011</v>
      </c>
      <c r="G3370">
        <f t="shared" si="783"/>
        <v>10.808920000000001</v>
      </c>
      <c r="H3370" s="235">
        <f t="shared" si="784"/>
        <v>0.49681189239998069</v>
      </c>
      <c r="I3370" s="236">
        <f t="shared" si="785"/>
        <v>18.845777698032784</v>
      </c>
      <c r="J3370" s="237">
        <f t="shared" si="790"/>
        <v>8.8457776980327836</v>
      </c>
      <c r="K3370" s="237">
        <f t="shared" si="786"/>
        <v>632.14392132511364</v>
      </c>
      <c r="L3370" s="237">
        <f t="shared" si="791"/>
        <v>296.77584176899984</v>
      </c>
      <c r="M3370" s="236">
        <f t="shared" si="787"/>
        <v>34.291120254310123</v>
      </c>
      <c r="N3370" s="236">
        <f t="shared" si="788"/>
        <v>0.5276720209313307</v>
      </c>
      <c r="O3370" s="236">
        <f t="shared" si="792"/>
        <v>2.1521087314632843</v>
      </c>
      <c r="P3370" s="236" t="str">
        <f t="shared" si="793"/>
        <v>SAND</v>
      </c>
      <c r="Q3370" s="236" t="e">
        <f t="shared" si="789"/>
        <v>#N/A</v>
      </c>
      <c r="R3370" s="238">
        <v>35</v>
      </c>
      <c r="S3370" s="236" t="e">
        <f t="shared" si="794"/>
        <v>#N/A</v>
      </c>
      <c r="T3370" s="236">
        <f t="shared" si="780"/>
        <v>34.486998406124371</v>
      </c>
    </row>
    <row r="3371" spans="1:20" x14ac:dyDescent="0.2">
      <c r="A3371" s="53">
        <f t="shared" si="781"/>
        <v>3359</v>
      </c>
      <c r="B3371" s="239">
        <v>33.56</v>
      </c>
      <c r="C3371" s="3">
        <f t="shared" si="782"/>
        <v>33.553000000000004</v>
      </c>
      <c r="D3371" s="239">
        <v>10.8157</v>
      </c>
      <c r="E3371" s="239">
        <v>5.3800000000000001E-2</v>
      </c>
      <c r="F3371" s="239">
        <v>0.1206</v>
      </c>
      <c r="G3371">
        <f t="shared" si="783"/>
        <v>10.83982</v>
      </c>
      <c r="H3371" s="235">
        <f t="shared" si="784"/>
        <v>0.49631820454583192</v>
      </c>
      <c r="I3371" s="236">
        <f t="shared" si="785"/>
        <v>18.849075062231194</v>
      </c>
      <c r="J3371" s="237">
        <f t="shared" si="790"/>
        <v>8.8490750622311936</v>
      </c>
      <c r="K3371" s="237">
        <f t="shared" si="786"/>
        <v>632.44301556304333</v>
      </c>
      <c r="L3371" s="237">
        <f t="shared" si="791"/>
        <v>296.9749590884789</v>
      </c>
      <c r="M3371" s="236">
        <f t="shared" si="787"/>
        <v>34.371170605653091</v>
      </c>
      <c r="N3371" s="236">
        <f t="shared" si="788"/>
        <v>0.52706978572485463</v>
      </c>
      <c r="O3371" s="236">
        <f t="shared" si="792"/>
        <v>2.1509811602708111</v>
      </c>
      <c r="P3371" s="236" t="str">
        <f t="shared" si="793"/>
        <v>SAND</v>
      </c>
      <c r="Q3371" s="236" t="e">
        <f t="shared" si="789"/>
        <v>#N/A</v>
      </c>
      <c r="R3371" s="238">
        <v>35</v>
      </c>
      <c r="S3371" s="236" t="e">
        <f t="shared" si="794"/>
        <v>#N/A</v>
      </c>
      <c r="T3371" s="236">
        <f t="shared" si="780"/>
        <v>34.498137558429491</v>
      </c>
    </row>
    <row r="3372" spans="1:20" x14ac:dyDescent="0.2">
      <c r="A3372" s="53">
        <f t="shared" si="781"/>
        <v>3360</v>
      </c>
      <c r="B3372" s="239">
        <v>33.569000000000003</v>
      </c>
      <c r="C3372" s="3">
        <f t="shared" si="782"/>
        <v>33.562000000000005</v>
      </c>
      <c r="D3372" s="239">
        <v>10.8543</v>
      </c>
      <c r="E3372" s="239">
        <v>5.6000000000000001E-2</v>
      </c>
      <c r="F3372" s="239">
        <v>0.15959999999999999</v>
      </c>
      <c r="G3372">
        <f t="shared" si="783"/>
        <v>10.88622</v>
      </c>
      <c r="H3372" s="235">
        <f t="shared" si="784"/>
        <v>0.51441179766714251</v>
      </c>
      <c r="I3372" s="236">
        <f t="shared" si="785"/>
        <v>18.897740123367104</v>
      </c>
      <c r="J3372" s="237">
        <f t="shared" si="790"/>
        <v>8.8977401233671038</v>
      </c>
      <c r="K3372" s="237">
        <f t="shared" si="786"/>
        <v>634.24595402044679</v>
      </c>
      <c r="L3372" s="237">
        <f t="shared" si="791"/>
        <v>298.68823820131036</v>
      </c>
      <c r="M3372" s="236">
        <f t="shared" si="787"/>
        <v>34.323326916776388</v>
      </c>
      <c r="N3372" s="236">
        <f t="shared" si="788"/>
        <v>0.54623626385360535</v>
      </c>
      <c r="O3372" s="236">
        <f t="shared" si="792"/>
        <v>2.1583609374356389</v>
      </c>
      <c r="P3372" s="236" t="str">
        <f t="shared" si="793"/>
        <v>SAND</v>
      </c>
      <c r="Q3372" s="236" t="e">
        <f t="shared" si="789"/>
        <v>#N/A</v>
      </c>
      <c r="R3372" s="238">
        <v>35</v>
      </c>
      <c r="S3372" s="236" t="e">
        <f t="shared" si="794"/>
        <v>#N/A</v>
      </c>
      <c r="T3372" s="236">
        <f t="shared" si="780"/>
        <v>34.491483145164878</v>
      </c>
    </row>
    <row r="3373" spans="1:20" x14ac:dyDescent="0.2">
      <c r="A3373" s="53">
        <f t="shared" si="781"/>
        <v>3361</v>
      </c>
      <c r="B3373" s="239">
        <v>33.58</v>
      </c>
      <c r="C3373" s="3">
        <f t="shared" si="782"/>
        <v>33.573</v>
      </c>
      <c r="D3373" s="239">
        <v>10.869300000000001</v>
      </c>
      <c r="E3373" s="239">
        <v>5.7599999999999998E-2</v>
      </c>
      <c r="F3373" s="239">
        <v>0.19209999999999999</v>
      </c>
      <c r="G3373">
        <f t="shared" si="783"/>
        <v>10.907720000000001</v>
      </c>
      <c r="H3373" s="235">
        <f t="shared" si="784"/>
        <v>0.52806636033928256</v>
      </c>
      <c r="I3373" s="236">
        <f t="shared" si="785"/>
        <v>18.931544342633163</v>
      </c>
      <c r="J3373" s="237">
        <f t="shared" si="790"/>
        <v>8.9315443426331633</v>
      </c>
      <c r="K3373" s="237">
        <f t="shared" si="786"/>
        <v>635.5887382152232</v>
      </c>
      <c r="L3373" s="237">
        <f t="shared" si="791"/>
        <v>299.92125902562162</v>
      </c>
      <c r="M3373" s="236">
        <f t="shared" si="787"/>
        <v>34.249426983457852</v>
      </c>
      <c r="N3373" s="236">
        <f t="shared" si="788"/>
        <v>0.56074049807256876</v>
      </c>
      <c r="O3373" s="236">
        <f t="shared" si="792"/>
        <v>2.1642704254943168</v>
      </c>
      <c r="P3373" s="236" t="str">
        <f t="shared" si="793"/>
        <v>SAND</v>
      </c>
      <c r="Q3373" s="236" t="e">
        <f t="shared" si="789"/>
        <v>#N/A</v>
      </c>
      <c r="R3373" s="238">
        <v>35</v>
      </c>
      <c r="S3373" s="236" t="e">
        <f t="shared" si="794"/>
        <v>#N/A</v>
      </c>
      <c r="T3373" s="236">
        <f t="shared" si="780"/>
        <v>34.481186408272166</v>
      </c>
    </row>
    <row r="3374" spans="1:20" x14ac:dyDescent="0.2">
      <c r="A3374" s="53">
        <f t="shared" si="781"/>
        <v>3362</v>
      </c>
      <c r="B3374" s="239">
        <v>33.588999999999999</v>
      </c>
      <c r="C3374" s="3">
        <f t="shared" si="782"/>
        <v>33.582000000000001</v>
      </c>
      <c r="D3374" s="239">
        <v>10.805400000000001</v>
      </c>
      <c r="E3374" s="239">
        <v>0.06</v>
      </c>
      <c r="F3374" s="239">
        <v>0.2117</v>
      </c>
      <c r="G3374">
        <f t="shared" si="783"/>
        <v>10.84774</v>
      </c>
      <c r="H3374" s="235">
        <f t="shared" si="784"/>
        <v>0.55311060183964578</v>
      </c>
      <c r="I3374" s="236">
        <f t="shared" si="785"/>
        <v>18.977256771098876</v>
      </c>
      <c r="J3374" s="237">
        <f t="shared" si="790"/>
        <v>8.977256771098876</v>
      </c>
      <c r="K3374" s="237">
        <f t="shared" si="786"/>
        <v>637.29423688704242</v>
      </c>
      <c r="L3374" s="237">
        <f t="shared" si="791"/>
        <v>301.53707768444013</v>
      </c>
      <c r="M3374" s="236">
        <f t="shared" si="787"/>
        <v>33.861327573779278</v>
      </c>
      <c r="N3374" s="236">
        <f t="shared" si="788"/>
        <v>0.58763350192565178</v>
      </c>
      <c r="O3374" s="236">
        <f t="shared" si="792"/>
        <v>2.1778614288793383</v>
      </c>
      <c r="P3374" s="236" t="str">
        <f t="shared" si="793"/>
        <v>SAND</v>
      </c>
      <c r="Q3374" s="236" t="e">
        <f t="shared" si="789"/>
        <v>#N/A</v>
      </c>
      <c r="R3374" s="238">
        <v>35</v>
      </c>
      <c r="S3374" s="236" t="e">
        <f t="shared" si="794"/>
        <v>#N/A</v>
      </c>
      <c r="T3374" s="236">
        <f t="shared" si="780"/>
        <v>34.426743792544791</v>
      </c>
    </row>
    <row r="3375" spans="1:20" x14ac:dyDescent="0.2">
      <c r="A3375" s="53">
        <f t="shared" si="781"/>
        <v>3363</v>
      </c>
      <c r="B3375" s="239">
        <v>33.598999999999997</v>
      </c>
      <c r="C3375" s="3">
        <f t="shared" si="782"/>
        <v>33.591999999999999</v>
      </c>
      <c r="D3375" s="239">
        <v>10.724600000000001</v>
      </c>
      <c r="E3375" s="239">
        <v>6.2100000000000002E-2</v>
      </c>
      <c r="F3375" s="239">
        <v>0.21379999999999999</v>
      </c>
      <c r="G3375">
        <f t="shared" si="783"/>
        <v>10.76736</v>
      </c>
      <c r="H3375" s="235">
        <f t="shared" si="784"/>
        <v>0.57674304564907275</v>
      </c>
      <c r="I3375" s="236">
        <f t="shared" si="785"/>
        <v>19.014688685155189</v>
      </c>
      <c r="J3375" s="237">
        <f t="shared" si="790"/>
        <v>9.0146886851551891</v>
      </c>
      <c r="K3375" s="237">
        <f t="shared" si="786"/>
        <v>638.74142231173312</v>
      </c>
      <c r="L3375" s="237">
        <f t="shared" si="791"/>
        <v>302.88452513252918</v>
      </c>
      <c r="M3375" s="236">
        <f t="shared" si="787"/>
        <v>33.440528443163018</v>
      </c>
      <c r="N3375" s="236">
        <f t="shared" si="788"/>
        <v>0.61311421220655316</v>
      </c>
      <c r="O3375" s="236">
        <f t="shared" si="792"/>
        <v>2.1911167666249529</v>
      </c>
      <c r="P3375" s="236" t="str">
        <f t="shared" si="793"/>
        <v>SAND</v>
      </c>
      <c r="Q3375" s="236" t="e">
        <f t="shared" si="789"/>
        <v>#N/A</v>
      </c>
      <c r="R3375" s="238">
        <v>35</v>
      </c>
      <c r="S3375" s="236" t="e">
        <f t="shared" si="794"/>
        <v>#N/A</v>
      </c>
      <c r="T3375" s="236">
        <f t="shared" si="780"/>
        <v>34.367004449244774</v>
      </c>
    </row>
    <row r="3376" spans="1:20" x14ac:dyDescent="0.2">
      <c r="A3376" s="53">
        <f t="shared" si="781"/>
        <v>3364</v>
      </c>
      <c r="B3376" s="239">
        <v>33.609000000000002</v>
      </c>
      <c r="C3376" s="3">
        <f t="shared" si="782"/>
        <v>33.602000000000004</v>
      </c>
      <c r="D3376" s="239">
        <v>10.656499999999999</v>
      </c>
      <c r="E3376" s="239">
        <v>6.4299999999999996E-2</v>
      </c>
      <c r="F3376" s="239">
        <v>0.2223</v>
      </c>
      <c r="G3376">
        <f t="shared" si="783"/>
        <v>10.70096</v>
      </c>
      <c r="H3376" s="235">
        <f t="shared" si="784"/>
        <v>0.60088066865028933</v>
      </c>
      <c r="I3376" s="236">
        <f t="shared" si="785"/>
        <v>19.053093147886219</v>
      </c>
      <c r="J3376" s="237">
        <f t="shared" si="790"/>
        <v>9.0530931478862193</v>
      </c>
      <c r="K3376" s="237">
        <f t="shared" si="786"/>
        <v>640.22203595527276</v>
      </c>
      <c r="L3376" s="237">
        <f t="shared" si="791"/>
        <v>304.26540760730796</v>
      </c>
      <c r="M3376" s="236">
        <f t="shared" si="787"/>
        <v>33.065664753547509</v>
      </c>
      <c r="N3376" s="236">
        <f t="shared" si="788"/>
        <v>0.63911812662049894</v>
      </c>
      <c r="O3376" s="236">
        <f t="shared" si="792"/>
        <v>2.203802565021197</v>
      </c>
      <c r="P3376" s="236" t="str">
        <f t="shared" si="793"/>
        <v>SAND</v>
      </c>
      <c r="Q3376" s="236" t="e">
        <f t="shared" si="789"/>
        <v>#N/A</v>
      </c>
      <c r="R3376" s="238">
        <v>35</v>
      </c>
      <c r="S3376" s="236" t="e">
        <f t="shared" si="794"/>
        <v>#N/A</v>
      </c>
      <c r="T3376" s="236">
        <f t="shared" si="780"/>
        <v>34.313149840229975</v>
      </c>
    </row>
    <row r="3377" spans="1:20" x14ac:dyDescent="0.2">
      <c r="A3377" s="53">
        <f t="shared" si="781"/>
        <v>3365</v>
      </c>
      <c r="B3377" s="239">
        <v>33.618000000000002</v>
      </c>
      <c r="C3377" s="3">
        <f t="shared" si="782"/>
        <v>33.611000000000004</v>
      </c>
      <c r="D3377" s="239">
        <v>10.5649</v>
      </c>
      <c r="E3377" s="239">
        <v>6.8599999999999994E-2</v>
      </c>
      <c r="F3377" s="239">
        <v>0.2412</v>
      </c>
      <c r="G3377">
        <f t="shared" si="783"/>
        <v>10.61314</v>
      </c>
      <c r="H3377" s="235">
        <f t="shared" si="784"/>
        <v>0.64636855822122385</v>
      </c>
      <c r="I3377" s="236">
        <f t="shared" si="785"/>
        <v>19.125777670608354</v>
      </c>
      <c r="J3377" s="237">
        <f t="shared" si="790"/>
        <v>9.125777670608354</v>
      </c>
      <c r="K3377" s="237">
        <f t="shared" si="786"/>
        <v>642.83651328681742</v>
      </c>
      <c r="L3377" s="237">
        <f t="shared" si="791"/>
        <v>306.79039373051165</v>
      </c>
      <c r="M3377" s="236">
        <f t="shared" si="787"/>
        <v>32.498747322157733</v>
      </c>
      <c r="N3377" s="236">
        <f t="shared" si="788"/>
        <v>0.68804324854723875</v>
      </c>
      <c r="O3377" s="236">
        <f t="shared" si="792"/>
        <v>2.2254971079737769</v>
      </c>
      <c r="P3377" s="236" t="str">
        <f t="shared" si="793"/>
        <v>SAND</v>
      </c>
      <c r="Q3377" s="236" t="e">
        <f t="shared" si="789"/>
        <v>#N/A</v>
      </c>
      <c r="R3377" s="238">
        <v>35</v>
      </c>
      <c r="S3377" s="236" t="e">
        <f t="shared" si="794"/>
        <v>#N/A</v>
      </c>
      <c r="T3377" s="236">
        <f t="shared" si="780"/>
        <v>34.230532833624466</v>
      </c>
    </row>
    <row r="3378" spans="1:20" x14ac:dyDescent="0.2">
      <c r="A3378" s="53">
        <f t="shared" si="781"/>
        <v>3366</v>
      </c>
      <c r="B3378" s="239">
        <v>33.628</v>
      </c>
      <c r="C3378" s="3">
        <f t="shared" si="782"/>
        <v>33.621000000000002</v>
      </c>
      <c r="D3378" s="239">
        <v>10.446</v>
      </c>
      <c r="E3378" s="239">
        <v>7.0900000000000005E-2</v>
      </c>
      <c r="F3378" s="239">
        <v>0.2301</v>
      </c>
      <c r="G3378">
        <f t="shared" si="783"/>
        <v>10.49202</v>
      </c>
      <c r="H3378" s="235">
        <f t="shared" si="784"/>
        <v>0.6757516665046388</v>
      </c>
      <c r="I3378" s="236">
        <f t="shared" si="785"/>
        <v>19.159961088175042</v>
      </c>
      <c r="J3378" s="237">
        <f t="shared" si="790"/>
        <v>9.1599610881750415</v>
      </c>
      <c r="K3378" s="237">
        <f t="shared" si="786"/>
        <v>644.17705174553316</v>
      </c>
      <c r="L3378" s="237">
        <f t="shared" si="791"/>
        <v>308.03117147315032</v>
      </c>
      <c r="M3378" s="236">
        <f t="shared" si="787"/>
        <v>31.97028047894451</v>
      </c>
      <c r="N3378" s="236">
        <f t="shared" si="788"/>
        <v>0.71995461719428677</v>
      </c>
      <c r="O3378" s="236">
        <f t="shared" si="792"/>
        <v>2.2411621659789853</v>
      </c>
      <c r="P3378" s="236" t="str">
        <f t="shared" si="793"/>
        <v>SAND</v>
      </c>
      <c r="Q3378" s="236" t="e">
        <f t="shared" si="789"/>
        <v>#N/A</v>
      </c>
      <c r="R3378" s="238">
        <v>35</v>
      </c>
      <c r="S3378" s="236" t="e">
        <f t="shared" si="794"/>
        <v>#N/A</v>
      </c>
      <c r="T3378" s="236">
        <f t="shared" si="780"/>
        <v>34.152210910441781</v>
      </c>
    </row>
    <row r="3379" spans="1:20" x14ac:dyDescent="0.2">
      <c r="A3379" s="53">
        <f t="shared" si="781"/>
        <v>3367</v>
      </c>
      <c r="B3379" s="239">
        <v>33.637</v>
      </c>
      <c r="C3379" s="3">
        <f t="shared" si="782"/>
        <v>33.630000000000003</v>
      </c>
      <c r="D3379" s="239">
        <v>10.2478</v>
      </c>
      <c r="E3379" s="239">
        <v>7.2800000000000004E-2</v>
      </c>
      <c r="F3379" s="239">
        <v>0.187</v>
      </c>
      <c r="G3379">
        <f t="shared" si="783"/>
        <v>10.2852</v>
      </c>
      <c r="H3379" s="235">
        <f t="shared" si="784"/>
        <v>0.70781316843619968</v>
      </c>
      <c r="I3379" s="236">
        <f t="shared" si="785"/>
        <v>19.183189245562712</v>
      </c>
      <c r="J3379" s="237">
        <f t="shared" si="790"/>
        <v>9.183189245562712</v>
      </c>
      <c r="K3379" s="237">
        <f t="shared" si="786"/>
        <v>645.13065432827409</v>
      </c>
      <c r="L3379" s="237">
        <f t="shared" si="791"/>
        <v>308.89493665299295</v>
      </c>
      <c r="M3379" s="236">
        <f t="shared" si="787"/>
        <v>31.20824656475741</v>
      </c>
      <c r="N3379" s="236">
        <f t="shared" si="788"/>
        <v>0.75518128956910791</v>
      </c>
      <c r="O3379" s="236">
        <f t="shared" si="792"/>
        <v>2.2603601511264442</v>
      </c>
      <c r="P3379" s="236" t="str">
        <f t="shared" si="793"/>
        <v>SAND</v>
      </c>
      <c r="Q3379" s="236" t="e">
        <f t="shared" si="789"/>
        <v>#N/A</v>
      </c>
      <c r="R3379" s="238">
        <v>35</v>
      </c>
      <c r="S3379" s="236" t="e">
        <f t="shared" si="794"/>
        <v>#N/A</v>
      </c>
      <c r="T3379" s="236">
        <f t="shared" si="780"/>
        <v>34.036963053682413</v>
      </c>
    </row>
    <row r="3380" spans="1:20" x14ac:dyDescent="0.2">
      <c r="A3380" s="53">
        <f t="shared" si="781"/>
        <v>3368</v>
      </c>
      <c r="B3380" s="239">
        <v>33.648000000000003</v>
      </c>
      <c r="C3380" s="3">
        <f t="shared" si="782"/>
        <v>33.641000000000005</v>
      </c>
      <c r="D3380" s="239">
        <v>9.9214000000000002</v>
      </c>
      <c r="E3380" s="239">
        <v>7.3200000000000001E-2</v>
      </c>
      <c r="F3380" s="239">
        <v>0.15609999999999999</v>
      </c>
      <c r="G3380">
        <f t="shared" si="783"/>
        <v>9.9526199999999996</v>
      </c>
      <c r="H3380" s="235">
        <f t="shared" si="784"/>
        <v>0.73548472663479569</v>
      </c>
      <c r="I3380" s="236">
        <f t="shared" si="785"/>
        <v>19.176766653608297</v>
      </c>
      <c r="J3380" s="237">
        <f t="shared" si="790"/>
        <v>9.176766653608297</v>
      </c>
      <c r="K3380" s="237">
        <f t="shared" si="786"/>
        <v>645.12560699403684</v>
      </c>
      <c r="L3380" s="237">
        <f t="shared" si="791"/>
        <v>308.779844360612</v>
      </c>
      <c r="M3380" s="236">
        <f t="shared" si="787"/>
        <v>30.142817165669985</v>
      </c>
      <c r="N3380" s="236">
        <f t="shared" si="788"/>
        <v>0.78646300399606506</v>
      </c>
      <c r="O3380" s="236">
        <f t="shared" si="792"/>
        <v>2.2821233643005172</v>
      </c>
      <c r="P3380" s="236" t="str">
        <f t="shared" si="793"/>
        <v>SAND</v>
      </c>
      <c r="Q3380" s="236" t="e">
        <f t="shared" si="789"/>
        <v>#N/A</v>
      </c>
      <c r="R3380" s="238">
        <v>35</v>
      </c>
      <c r="S3380" s="236" t="e">
        <f t="shared" si="794"/>
        <v>#N/A</v>
      </c>
      <c r="T3380" s="236">
        <f t="shared" si="780"/>
        <v>33.87102223226465</v>
      </c>
    </row>
    <row r="3381" spans="1:20" x14ac:dyDescent="0.2">
      <c r="A3381" s="53">
        <f t="shared" si="781"/>
        <v>3369</v>
      </c>
      <c r="B3381" s="239">
        <v>33.656999999999996</v>
      </c>
      <c r="C3381" s="3">
        <f t="shared" si="782"/>
        <v>33.65</v>
      </c>
      <c r="D3381" s="239">
        <v>9.4987999999999992</v>
      </c>
      <c r="E3381" s="239">
        <v>7.17E-2</v>
      </c>
      <c r="F3381" s="239">
        <v>0.13930000000000001</v>
      </c>
      <c r="G3381">
        <f t="shared" si="783"/>
        <v>9.5266599999999997</v>
      </c>
      <c r="H3381" s="235">
        <f t="shared" si="784"/>
        <v>0.75262473941549302</v>
      </c>
      <c r="I3381" s="236">
        <f t="shared" si="785"/>
        <v>19.135391373923746</v>
      </c>
      <c r="J3381" s="237">
        <f t="shared" si="790"/>
        <v>9.1353913739237456</v>
      </c>
      <c r="K3381" s="237">
        <f t="shared" si="786"/>
        <v>643.90591973253402</v>
      </c>
      <c r="L3381" s="237">
        <f t="shared" si="791"/>
        <v>307.46986747215146</v>
      </c>
      <c r="M3381" s="236">
        <f t="shared" si="787"/>
        <v>28.88983611075972</v>
      </c>
      <c r="N3381" s="236">
        <f t="shared" si="788"/>
        <v>0.80718208960976945</v>
      </c>
      <c r="O3381" s="236">
        <f t="shared" si="792"/>
        <v>2.3037296153952544</v>
      </c>
      <c r="P3381" s="236" t="str">
        <f t="shared" si="793"/>
        <v>SAND</v>
      </c>
      <c r="Q3381" s="236" t="e">
        <f t="shared" si="789"/>
        <v>#N/A</v>
      </c>
      <c r="R3381" s="238">
        <v>35</v>
      </c>
      <c r="S3381" s="236" t="e">
        <f t="shared" si="794"/>
        <v>#N/A</v>
      </c>
      <c r="T3381" s="236">
        <f t="shared" si="780"/>
        <v>33.668195859547488</v>
      </c>
    </row>
    <row r="3382" spans="1:20" x14ac:dyDescent="0.2">
      <c r="A3382" s="53">
        <f t="shared" si="781"/>
        <v>3370</v>
      </c>
      <c r="B3382" s="239">
        <v>33.667999999999999</v>
      </c>
      <c r="C3382" s="3">
        <f t="shared" si="782"/>
        <v>33.661000000000001</v>
      </c>
      <c r="D3382" s="239">
        <v>9.1326999999999998</v>
      </c>
      <c r="E3382" s="239">
        <v>7.3599999999999999E-2</v>
      </c>
      <c r="F3382" s="239">
        <v>0.1381</v>
      </c>
      <c r="G3382">
        <f t="shared" si="783"/>
        <v>9.1603200000000005</v>
      </c>
      <c r="H3382" s="235">
        <f t="shared" si="784"/>
        <v>0.80346538112205679</v>
      </c>
      <c r="I3382" s="236">
        <f t="shared" si="785"/>
        <v>19.150732733829962</v>
      </c>
      <c r="J3382" s="237">
        <f t="shared" si="790"/>
        <v>9.1507327338299618</v>
      </c>
      <c r="K3382" s="237">
        <f t="shared" si="786"/>
        <v>644.63281455345032</v>
      </c>
      <c r="L3382" s="237">
        <f t="shared" si="791"/>
        <v>308.08686968258712</v>
      </c>
      <c r="M3382" s="236">
        <f t="shared" si="787"/>
        <v>27.640539157738246</v>
      </c>
      <c r="N3382" s="236">
        <f t="shared" si="788"/>
        <v>0.86428726651424703</v>
      </c>
      <c r="O3382" s="236">
        <f t="shared" si="792"/>
        <v>2.3350549360931243</v>
      </c>
      <c r="P3382" s="236" t="str">
        <f t="shared" si="793"/>
        <v>SAND</v>
      </c>
      <c r="Q3382" s="236" t="e">
        <f t="shared" si="789"/>
        <v>#N/A</v>
      </c>
      <c r="R3382" s="238">
        <v>35</v>
      </c>
      <c r="S3382" s="236" t="e">
        <f t="shared" si="794"/>
        <v>#N/A</v>
      </c>
      <c r="T3382" s="236">
        <f t="shared" si="780"/>
        <v>33.457011611701184</v>
      </c>
    </row>
    <row r="3383" spans="1:20" x14ac:dyDescent="0.2">
      <c r="A3383" s="53">
        <f t="shared" si="781"/>
        <v>3371</v>
      </c>
      <c r="B3383" s="239">
        <v>33.677</v>
      </c>
      <c r="C3383" s="3">
        <f t="shared" si="782"/>
        <v>33.67</v>
      </c>
      <c r="D3383" s="239">
        <v>8.8528000000000002</v>
      </c>
      <c r="E3383" s="239">
        <v>7.6399999999999996E-2</v>
      </c>
      <c r="F3383" s="239">
        <v>0.16020000000000001</v>
      </c>
      <c r="G3383">
        <f t="shared" si="783"/>
        <v>8.8848400000000005</v>
      </c>
      <c r="H3383" s="235">
        <f t="shared" si="784"/>
        <v>0.85989168066054078</v>
      </c>
      <c r="I3383" s="236">
        <f t="shared" si="785"/>
        <v>19.182579772750646</v>
      </c>
      <c r="J3383" s="237">
        <f t="shared" si="790"/>
        <v>9.1825797727506462</v>
      </c>
      <c r="K3383" s="237">
        <f t="shared" si="786"/>
        <v>645.87746094851434</v>
      </c>
      <c r="L3383" s="237">
        <f t="shared" si="791"/>
        <v>309.24173900692352</v>
      </c>
      <c r="M3383" s="236">
        <f t="shared" si="787"/>
        <v>26.642466070425982</v>
      </c>
      <c r="N3383" s="236">
        <f t="shared" si="788"/>
        <v>0.92730121830115231</v>
      </c>
      <c r="O3383" s="236">
        <f t="shared" si="792"/>
        <v>2.3641423913572241</v>
      </c>
      <c r="P3383" s="236" t="str">
        <f t="shared" si="793"/>
        <v>SAND</v>
      </c>
      <c r="Q3383" s="236" t="e">
        <f t="shared" si="789"/>
        <v>#N/A</v>
      </c>
      <c r="R3383" s="238">
        <v>35</v>
      </c>
      <c r="S3383" s="236" t="e">
        <f t="shared" si="794"/>
        <v>#N/A</v>
      </c>
      <c r="T3383" s="236">
        <f t="shared" si="780"/>
        <v>33.281318635064473</v>
      </c>
    </row>
    <row r="3384" spans="1:20" x14ac:dyDescent="0.2">
      <c r="A3384" s="53">
        <f t="shared" si="781"/>
        <v>3372</v>
      </c>
      <c r="B3384" s="239">
        <v>33.686</v>
      </c>
      <c r="C3384" s="3">
        <f t="shared" si="782"/>
        <v>33.679000000000002</v>
      </c>
      <c r="D3384" s="239">
        <v>8.7201000000000004</v>
      </c>
      <c r="E3384" s="239">
        <v>8.1600000000000006E-2</v>
      </c>
      <c r="F3384" s="239">
        <v>0.16900000000000001</v>
      </c>
      <c r="G3384">
        <f t="shared" si="783"/>
        <v>8.7538999999999998</v>
      </c>
      <c r="H3384" s="235">
        <f t="shared" si="784"/>
        <v>0.93215595334650847</v>
      </c>
      <c r="I3384" s="236">
        <f t="shared" si="785"/>
        <v>19.253987906053975</v>
      </c>
      <c r="J3384" s="237">
        <f t="shared" si="790"/>
        <v>9.2539879060539754</v>
      </c>
      <c r="K3384" s="237">
        <f t="shared" si="786"/>
        <v>648.45505868799182</v>
      </c>
      <c r="L3384" s="237">
        <f t="shared" si="791"/>
        <v>311.72983660333421</v>
      </c>
      <c r="M3384" s="236">
        <f t="shared" si="787"/>
        <v>26.001505116194298</v>
      </c>
      <c r="N3384" s="236">
        <f t="shared" si="788"/>
        <v>1.0067306679748</v>
      </c>
      <c r="O3384" s="236">
        <f t="shared" si="792"/>
        <v>2.3913486048312627</v>
      </c>
      <c r="P3384" s="236" t="str">
        <f t="shared" si="793"/>
        <v>SAND</v>
      </c>
      <c r="Q3384" s="236" t="e">
        <f t="shared" si="789"/>
        <v>#N/A</v>
      </c>
      <c r="R3384" s="238">
        <v>35</v>
      </c>
      <c r="S3384" s="236" t="e">
        <f t="shared" si="794"/>
        <v>#N/A</v>
      </c>
      <c r="T3384" s="236">
        <f t="shared" si="780"/>
        <v>33.164983369683767</v>
      </c>
    </row>
    <row r="3385" spans="1:20" x14ac:dyDescent="0.2">
      <c r="A3385" s="53">
        <f t="shared" si="781"/>
        <v>3373</v>
      </c>
      <c r="B3385" s="239">
        <v>33.697000000000003</v>
      </c>
      <c r="C3385" s="3">
        <f t="shared" si="782"/>
        <v>33.690000000000005</v>
      </c>
      <c r="D3385" s="239">
        <v>8.6514000000000006</v>
      </c>
      <c r="E3385" s="239">
        <v>8.3299999999999999E-2</v>
      </c>
      <c r="F3385" s="239">
        <v>0.18010000000000001</v>
      </c>
      <c r="G3385">
        <f t="shared" si="783"/>
        <v>8.6874200000000013</v>
      </c>
      <c r="H3385" s="235">
        <f t="shared" si="784"/>
        <v>0.95885775063252365</v>
      </c>
      <c r="I3385" s="236">
        <f t="shared" si="785"/>
        <v>19.275186294669908</v>
      </c>
      <c r="J3385" s="237">
        <f t="shared" si="790"/>
        <v>9.2751862946699077</v>
      </c>
      <c r="K3385" s="237">
        <f t="shared" si="786"/>
        <v>649.38102626742932</v>
      </c>
      <c r="L3385" s="237">
        <f t="shared" si="791"/>
        <v>312.54595257149191</v>
      </c>
      <c r="M3385" s="236">
        <f t="shared" si="787"/>
        <v>25.717942937987488</v>
      </c>
      <c r="N3385" s="236">
        <f t="shared" si="788"/>
        <v>1.0363224198366696</v>
      </c>
      <c r="O3385" s="236">
        <f t="shared" si="792"/>
        <v>2.4018897617177908</v>
      </c>
      <c r="P3385" s="236" t="str">
        <f t="shared" si="793"/>
        <v>SAND</v>
      </c>
      <c r="Q3385" s="236" t="e">
        <f t="shared" si="789"/>
        <v>#N/A</v>
      </c>
      <c r="R3385" s="238">
        <v>35</v>
      </c>
      <c r="S3385" s="236" t="e">
        <f t="shared" si="794"/>
        <v>#N/A</v>
      </c>
      <c r="T3385" s="236">
        <f t="shared" si="780"/>
        <v>33.112598512275895</v>
      </c>
    </row>
    <row r="3386" spans="1:20" x14ac:dyDescent="0.2">
      <c r="A3386" s="53">
        <f t="shared" si="781"/>
        <v>3374</v>
      </c>
      <c r="B3386" s="239">
        <v>33.706000000000003</v>
      </c>
      <c r="C3386" s="3">
        <f t="shared" si="782"/>
        <v>33.699000000000005</v>
      </c>
      <c r="D3386" s="239">
        <v>8.6247000000000007</v>
      </c>
      <c r="E3386" s="239">
        <v>8.1199999999999994E-2</v>
      </c>
      <c r="F3386" s="239">
        <v>0.1888</v>
      </c>
      <c r="G3386">
        <f t="shared" si="783"/>
        <v>8.6624600000000012</v>
      </c>
      <c r="H3386" s="235">
        <f t="shared" si="784"/>
        <v>0.93737806581502237</v>
      </c>
      <c r="I3386" s="236">
        <f t="shared" si="785"/>
        <v>19.244121451327185</v>
      </c>
      <c r="J3386" s="237">
        <f t="shared" si="790"/>
        <v>9.2441214513271852</v>
      </c>
      <c r="K3386" s="237">
        <f t="shared" si="786"/>
        <v>648.50764878827488</v>
      </c>
      <c r="L3386" s="237">
        <f t="shared" si="791"/>
        <v>311.58235763843413</v>
      </c>
      <c r="M3386" s="236">
        <f t="shared" si="787"/>
        <v>25.720173670780369</v>
      </c>
      <c r="N3386" s="236">
        <f t="shared" si="788"/>
        <v>1.0132328773794417</v>
      </c>
      <c r="O3386" s="236">
        <f t="shared" si="792"/>
        <v>2.3968385100211616</v>
      </c>
      <c r="P3386" s="236" t="str">
        <f t="shared" si="793"/>
        <v>SAND</v>
      </c>
      <c r="Q3386" s="236" t="e">
        <f t="shared" si="789"/>
        <v>#N/A</v>
      </c>
      <c r="R3386" s="238">
        <v>35</v>
      </c>
      <c r="S3386" s="236" t="e">
        <f t="shared" si="794"/>
        <v>#N/A</v>
      </c>
      <c r="T3386" s="236">
        <f t="shared" si="780"/>
        <v>33.113012864319764</v>
      </c>
    </row>
    <row r="3387" spans="1:20" x14ac:dyDescent="0.2">
      <c r="A3387" s="53">
        <f t="shared" si="781"/>
        <v>3375</v>
      </c>
      <c r="B3387" s="239">
        <v>33.715000000000003</v>
      </c>
      <c r="C3387" s="3">
        <f t="shared" si="782"/>
        <v>33.708000000000006</v>
      </c>
      <c r="D3387" s="239">
        <v>8.4888999999999992</v>
      </c>
      <c r="E3387" s="239">
        <v>7.9500000000000001E-2</v>
      </c>
      <c r="F3387" s="239">
        <v>0.1898</v>
      </c>
      <c r="G3387">
        <f t="shared" si="783"/>
        <v>8.5268599999999992</v>
      </c>
      <c r="H3387" s="235">
        <f t="shared" si="784"/>
        <v>0.93234789828846742</v>
      </c>
      <c r="I3387" s="236">
        <f t="shared" si="785"/>
        <v>19.213144520994877</v>
      </c>
      <c r="J3387" s="237">
        <f t="shared" si="790"/>
        <v>9.2131445209948772</v>
      </c>
      <c r="K3387" s="237">
        <f t="shared" si="786"/>
        <v>647.63667551369542</v>
      </c>
      <c r="L3387" s="237">
        <f t="shared" si="791"/>
        <v>310.62116752534234</v>
      </c>
      <c r="M3387" s="236">
        <f t="shared" si="787"/>
        <v>25.366021856329123</v>
      </c>
      <c r="N3387" s="236">
        <f t="shared" si="788"/>
        <v>1.0089826969739191</v>
      </c>
      <c r="O3387" s="236">
        <f t="shared" si="792"/>
        <v>2.4010840591718816</v>
      </c>
      <c r="P3387" s="236" t="str">
        <f t="shared" si="793"/>
        <v>SAND</v>
      </c>
      <c r="Q3387" s="236" t="e">
        <f t="shared" si="789"/>
        <v>#N/A</v>
      </c>
      <c r="R3387" s="238">
        <v>35</v>
      </c>
      <c r="S3387" s="236" t="e">
        <f t="shared" si="794"/>
        <v>#N/A</v>
      </c>
      <c r="T3387" s="236">
        <f t="shared" si="780"/>
        <v>33.046775985538801</v>
      </c>
    </row>
    <row r="3388" spans="1:20" x14ac:dyDescent="0.2">
      <c r="A3388" s="53">
        <f t="shared" si="781"/>
        <v>3376</v>
      </c>
      <c r="B3388" s="239">
        <v>33.725000000000001</v>
      </c>
      <c r="C3388" s="3">
        <f t="shared" si="782"/>
        <v>33.718000000000004</v>
      </c>
      <c r="D3388" s="239">
        <v>8.3653999999999993</v>
      </c>
      <c r="E3388" s="239">
        <v>8.09E-2</v>
      </c>
      <c r="F3388" s="239">
        <v>0.21909999999999999</v>
      </c>
      <c r="G3388">
        <f t="shared" si="783"/>
        <v>8.4092199999999995</v>
      </c>
      <c r="H3388" s="235">
        <f t="shared" si="784"/>
        <v>0.96203928545096939</v>
      </c>
      <c r="I3388" s="236">
        <f t="shared" si="785"/>
        <v>19.228184205818756</v>
      </c>
      <c r="J3388" s="237">
        <f t="shared" si="790"/>
        <v>9.2281842058187564</v>
      </c>
      <c r="K3388" s="237">
        <f t="shared" si="786"/>
        <v>648.33591505179686</v>
      </c>
      <c r="L3388" s="237">
        <f t="shared" si="791"/>
        <v>311.22051234123757</v>
      </c>
      <c r="M3388" s="236">
        <f t="shared" si="787"/>
        <v>24.936929852614551</v>
      </c>
      <c r="N3388" s="236">
        <f t="shared" si="788"/>
        <v>1.0424070133569061</v>
      </c>
      <c r="O3388" s="236">
        <f t="shared" si="792"/>
        <v>2.4146876468462919</v>
      </c>
      <c r="P3388" s="236" t="str">
        <f t="shared" si="793"/>
        <v>SAND</v>
      </c>
      <c r="Q3388" s="236" t="e">
        <f t="shared" si="789"/>
        <v>#N/A</v>
      </c>
      <c r="R3388" s="238">
        <v>35</v>
      </c>
      <c r="S3388" s="236" t="e">
        <f t="shared" si="794"/>
        <v>#N/A</v>
      </c>
      <c r="T3388" s="236">
        <f t="shared" si="780"/>
        <v>32.965272819814892</v>
      </c>
    </row>
    <row r="3389" spans="1:20" x14ac:dyDescent="0.2">
      <c r="A3389" s="53">
        <f t="shared" si="781"/>
        <v>3377</v>
      </c>
      <c r="B3389" s="239">
        <v>33.734999999999999</v>
      </c>
      <c r="C3389" s="3">
        <f t="shared" si="782"/>
        <v>33.728000000000002</v>
      </c>
      <c r="D3389" s="239">
        <v>8.2100000000000009</v>
      </c>
      <c r="E3389" s="239">
        <v>8.4199999999999997E-2</v>
      </c>
      <c r="F3389" s="239">
        <v>0.2137</v>
      </c>
      <c r="G3389">
        <f t="shared" si="783"/>
        <v>8.2527400000000011</v>
      </c>
      <c r="H3389" s="235">
        <f t="shared" si="784"/>
        <v>1.0202672082241775</v>
      </c>
      <c r="I3389" s="236">
        <f t="shared" si="785"/>
        <v>19.267724048142931</v>
      </c>
      <c r="J3389" s="237">
        <f t="shared" si="790"/>
        <v>9.2677240481429308</v>
      </c>
      <c r="K3389" s="237">
        <f t="shared" si="786"/>
        <v>649.86179669576484</v>
      </c>
      <c r="L3389" s="237">
        <f t="shared" si="791"/>
        <v>312.64667076410177</v>
      </c>
      <c r="M3389" s="236">
        <f t="shared" si="787"/>
        <v>24.317796779102</v>
      </c>
      <c r="N3389" s="236">
        <f t="shared" si="788"/>
        <v>1.1074753237978532</v>
      </c>
      <c r="O3389" s="236">
        <f t="shared" si="792"/>
        <v>2.4376038332167314</v>
      </c>
      <c r="P3389" s="236" t="str">
        <f t="shared" si="793"/>
        <v>SAND</v>
      </c>
      <c r="Q3389" s="236" t="e">
        <f t="shared" si="789"/>
        <v>#N/A</v>
      </c>
      <c r="R3389" s="238">
        <v>35</v>
      </c>
      <c r="S3389" s="236" t="e">
        <f t="shared" si="794"/>
        <v>#N/A</v>
      </c>
      <c r="T3389" s="236">
        <f t="shared" si="780"/>
        <v>32.845166472732217</v>
      </c>
    </row>
    <row r="3390" spans="1:20" x14ac:dyDescent="0.2">
      <c r="A3390" s="53">
        <f t="shared" si="781"/>
        <v>3378</v>
      </c>
      <c r="B3390" s="239">
        <v>33.744999999999997</v>
      </c>
      <c r="C3390" s="3">
        <f t="shared" si="782"/>
        <v>33.738</v>
      </c>
      <c r="D3390" s="239">
        <v>8.0859000000000005</v>
      </c>
      <c r="E3390" s="239">
        <v>8.6400000000000005E-2</v>
      </c>
      <c r="F3390" s="239">
        <v>0.2455</v>
      </c>
      <c r="G3390">
        <f t="shared" si="783"/>
        <v>8.1349999999999998</v>
      </c>
      <c r="H3390" s="235">
        <f t="shared" si="784"/>
        <v>1.0620774431468962</v>
      </c>
      <c r="I3390" s="236">
        <f t="shared" si="785"/>
        <v>19.292351960621087</v>
      </c>
      <c r="J3390" s="237">
        <f t="shared" si="790"/>
        <v>9.2923519606210867</v>
      </c>
      <c r="K3390" s="237">
        <f t="shared" si="786"/>
        <v>650.88537044743418</v>
      </c>
      <c r="L3390" s="237">
        <f t="shared" si="791"/>
        <v>313.57041691115853</v>
      </c>
      <c r="M3390" s="236">
        <f t="shared" si="787"/>
        <v>23.867412950734387</v>
      </c>
      <c r="N3390" s="236">
        <f t="shared" si="788"/>
        <v>1.1544451718955751</v>
      </c>
      <c r="O3390" s="236">
        <f t="shared" si="792"/>
        <v>2.4539274185751294</v>
      </c>
      <c r="P3390" s="236" t="str">
        <f t="shared" si="793"/>
        <v>SAND</v>
      </c>
      <c r="Q3390" s="236" t="e">
        <f t="shared" si="789"/>
        <v>#N/A</v>
      </c>
      <c r="R3390" s="238">
        <v>35</v>
      </c>
      <c r="S3390" s="236" t="e">
        <f t="shared" si="794"/>
        <v>#N/A</v>
      </c>
      <c r="T3390" s="236">
        <f t="shared" si="780"/>
        <v>32.755858820083517</v>
      </c>
    </row>
    <row r="3391" spans="1:20" x14ac:dyDescent="0.2">
      <c r="A3391" s="53">
        <f t="shared" si="781"/>
        <v>3379</v>
      </c>
      <c r="B3391" s="239">
        <v>33.753999999999998</v>
      </c>
      <c r="C3391" s="3">
        <f t="shared" si="782"/>
        <v>33.747</v>
      </c>
      <c r="D3391" s="239">
        <v>7.9672999999999998</v>
      </c>
      <c r="E3391" s="239">
        <v>8.3099999999999993E-2</v>
      </c>
      <c r="F3391" s="239">
        <v>0.22939999999999999</v>
      </c>
      <c r="G3391">
        <f t="shared" si="783"/>
        <v>8.0131800000000002</v>
      </c>
      <c r="H3391" s="235">
        <f t="shared" si="784"/>
        <v>1.0370414741713028</v>
      </c>
      <c r="I3391" s="236">
        <f t="shared" si="785"/>
        <v>19.240790227163345</v>
      </c>
      <c r="J3391" s="237">
        <f t="shared" si="790"/>
        <v>9.2407902271633446</v>
      </c>
      <c r="K3391" s="237">
        <f t="shared" si="786"/>
        <v>649.31894779608137</v>
      </c>
      <c r="L3391" s="237">
        <f t="shared" si="791"/>
        <v>311.9136333276715</v>
      </c>
      <c r="M3391" s="236">
        <f t="shared" si="787"/>
        <v>23.608654016312379</v>
      </c>
      <c r="N3391" s="236">
        <f t="shared" si="788"/>
        <v>1.1284840847876823</v>
      </c>
      <c r="O3391" s="236">
        <f t="shared" si="792"/>
        <v>2.4528259044102958</v>
      </c>
      <c r="P3391" s="236" t="str">
        <f t="shared" si="793"/>
        <v>SAND</v>
      </c>
      <c r="Q3391" s="236" t="e">
        <f t="shared" si="789"/>
        <v>#N/A</v>
      </c>
      <c r="R3391" s="238">
        <v>35</v>
      </c>
      <c r="S3391" s="236" t="e">
        <f t="shared" si="794"/>
        <v>#N/A</v>
      </c>
      <c r="T3391" s="236">
        <f t="shared" si="780"/>
        <v>32.70378350422498</v>
      </c>
    </row>
    <row r="3392" spans="1:20" x14ac:dyDescent="0.2">
      <c r="A3392" s="53">
        <f t="shared" si="781"/>
        <v>3380</v>
      </c>
      <c r="B3392" s="239">
        <v>33.764000000000003</v>
      </c>
      <c r="C3392" s="3">
        <f t="shared" si="782"/>
        <v>33.757000000000005</v>
      </c>
      <c r="D3392" s="239">
        <v>7.9602000000000004</v>
      </c>
      <c r="E3392" s="239">
        <v>8.2500000000000004E-2</v>
      </c>
      <c r="F3392" s="239">
        <v>0.19689999999999999</v>
      </c>
      <c r="G3392">
        <f t="shared" si="783"/>
        <v>7.9995800000000008</v>
      </c>
      <c r="H3392" s="235">
        <f t="shared" si="784"/>
        <v>1.0313041434675321</v>
      </c>
      <c r="I3392" s="236">
        <f t="shared" si="785"/>
        <v>19.231629182807083</v>
      </c>
      <c r="J3392" s="237">
        <f t="shared" si="790"/>
        <v>9.2316291828070831</v>
      </c>
      <c r="K3392" s="237">
        <f t="shared" si="786"/>
        <v>649.20210632401881</v>
      </c>
      <c r="L3392" s="237">
        <f t="shared" si="791"/>
        <v>311.69672772829836</v>
      </c>
      <c r="M3392" s="236">
        <f t="shared" si="787"/>
        <v>23.581825665116391</v>
      </c>
      <c r="N3392" s="236">
        <f t="shared" si="788"/>
        <v>1.1223912728484373</v>
      </c>
      <c r="O3392" s="236">
        <f t="shared" si="792"/>
        <v>2.4520293545590275</v>
      </c>
      <c r="P3392" s="236" t="str">
        <f t="shared" si="793"/>
        <v>SAND</v>
      </c>
      <c r="Q3392" s="236" t="e">
        <f t="shared" si="789"/>
        <v>#N/A</v>
      </c>
      <c r="R3392" s="238">
        <v>35</v>
      </c>
      <c r="S3392" s="236" t="e">
        <f t="shared" si="794"/>
        <v>#N/A</v>
      </c>
      <c r="T3392" s="236">
        <f t="shared" si="780"/>
        <v>32.698351668465477</v>
      </c>
    </row>
    <row r="3393" spans="1:20" x14ac:dyDescent="0.2">
      <c r="A3393" s="53">
        <f t="shared" si="781"/>
        <v>3381</v>
      </c>
      <c r="B3393" s="239">
        <v>33.774000000000001</v>
      </c>
      <c r="C3393" s="3">
        <f t="shared" si="782"/>
        <v>33.767000000000003</v>
      </c>
      <c r="D3393" s="239">
        <v>8.0611999999999995</v>
      </c>
      <c r="E3393" s="239">
        <v>8.3599999999999994E-2</v>
      </c>
      <c r="F3393" s="239">
        <v>0.17549999999999999</v>
      </c>
      <c r="G3393">
        <f t="shared" si="783"/>
        <v>8.0962999999999994</v>
      </c>
      <c r="H3393" s="235">
        <f t="shared" si="784"/>
        <v>1.0325704334078529</v>
      </c>
      <c r="I3393" s="236">
        <f t="shared" si="785"/>
        <v>19.251857936380784</v>
      </c>
      <c r="J3393" s="237">
        <f t="shared" si="790"/>
        <v>9.2518579363807838</v>
      </c>
      <c r="K3393" s="237">
        <f t="shared" si="786"/>
        <v>650.07748693777</v>
      </c>
      <c r="L3393" s="237">
        <f t="shared" si="791"/>
        <v>312.47224994332458</v>
      </c>
      <c r="M3393" s="236">
        <f t="shared" si="787"/>
        <v>23.830028152620933</v>
      </c>
      <c r="N3393" s="236">
        <f t="shared" si="788"/>
        <v>1.1227169192613857</v>
      </c>
      <c r="O3393" s="236">
        <f t="shared" si="792"/>
        <v>2.4482063187109131</v>
      </c>
      <c r="P3393" s="236" t="str">
        <f t="shared" si="793"/>
        <v>SAND</v>
      </c>
      <c r="Q3393" s="236" t="e">
        <f t="shared" si="789"/>
        <v>#N/A</v>
      </c>
      <c r="R3393" s="238">
        <v>35</v>
      </c>
      <c r="S3393" s="236" t="e">
        <f t="shared" si="794"/>
        <v>#N/A</v>
      </c>
      <c r="T3393" s="236">
        <f t="shared" si="780"/>
        <v>32.748370109609915</v>
      </c>
    </row>
    <row r="3394" spans="1:20" x14ac:dyDescent="0.2">
      <c r="A3394" s="53">
        <f t="shared" si="781"/>
        <v>3382</v>
      </c>
      <c r="B3394" s="239">
        <v>33.783999999999999</v>
      </c>
      <c r="C3394" s="3">
        <f t="shared" si="782"/>
        <v>33.777000000000001</v>
      </c>
      <c r="D3394" s="239">
        <v>8.0876999999999999</v>
      </c>
      <c r="E3394" s="239">
        <v>8.5099999999999995E-2</v>
      </c>
      <c r="F3394" s="239">
        <v>0.17949999999999999</v>
      </c>
      <c r="G3394">
        <f t="shared" si="783"/>
        <v>8.1235999999999997</v>
      </c>
      <c r="H3394" s="235">
        <f t="shared" si="784"/>
        <v>1.0475651189127972</v>
      </c>
      <c r="I3394" s="236">
        <f t="shared" si="785"/>
        <v>19.274026544441686</v>
      </c>
      <c r="J3394" s="237">
        <f t="shared" si="790"/>
        <v>9.2740265444416856</v>
      </c>
      <c r="K3394" s="237">
        <f t="shared" si="786"/>
        <v>651.01879459160682</v>
      </c>
      <c r="L3394" s="237">
        <f t="shared" si="791"/>
        <v>313.31371277741789</v>
      </c>
      <c r="M3394" s="236">
        <f t="shared" si="787"/>
        <v>23.85015688961246</v>
      </c>
      <c r="N3394" s="236">
        <f t="shared" si="788"/>
        <v>1.1388300462818337</v>
      </c>
      <c r="O3394" s="236">
        <f t="shared" si="792"/>
        <v>2.4511100089597564</v>
      </c>
      <c r="P3394" s="236" t="str">
        <f t="shared" si="793"/>
        <v>SAND</v>
      </c>
      <c r="Q3394" s="236" t="e">
        <f t="shared" si="789"/>
        <v>#N/A</v>
      </c>
      <c r="R3394" s="238">
        <v>35</v>
      </c>
      <c r="S3394" s="236" t="e">
        <f t="shared" si="794"/>
        <v>#N/A</v>
      </c>
      <c r="T3394" s="236">
        <f t="shared" si="780"/>
        <v>32.752403642578024</v>
      </c>
    </row>
    <row r="3395" spans="1:20" x14ac:dyDescent="0.2">
      <c r="A3395" s="53">
        <f t="shared" si="781"/>
        <v>3383</v>
      </c>
      <c r="B3395" s="239">
        <v>33.793999999999997</v>
      </c>
      <c r="C3395" s="3">
        <f t="shared" si="782"/>
        <v>33.786999999999999</v>
      </c>
      <c r="D3395" s="239">
        <v>8.0315999999999992</v>
      </c>
      <c r="E3395" s="239">
        <v>8.9599999999999999E-2</v>
      </c>
      <c r="F3395" s="239">
        <v>0.17130000000000001</v>
      </c>
      <c r="G3395">
        <f t="shared" si="783"/>
        <v>8.0658599999999989</v>
      </c>
      <c r="H3395" s="235">
        <f t="shared" si="784"/>
        <v>1.1108548871416069</v>
      </c>
      <c r="I3395" s="236">
        <f t="shared" si="785"/>
        <v>19.331660292147088</v>
      </c>
      <c r="J3395" s="237">
        <f t="shared" si="790"/>
        <v>9.3316602921470881</v>
      </c>
      <c r="K3395" s="237">
        <f t="shared" si="786"/>
        <v>653.15880629077367</v>
      </c>
      <c r="L3395" s="237">
        <f t="shared" si="791"/>
        <v>315.35412791281868</v>
      </c>
      <c r="M3395" s="236">
        <f t="shared" si="787"/>
        <v>23.505958976248142</v>
      </c>
      <c r="N3395" s="236">
        <f t="shared" si="788"/>
        <v>1.2087361632226437</v>
      </c>
      <c r="O3395" s="236">
        <f t="shared" si="792"/>
        <v>2.4700447918927408</v>
      </c>
      <c r="P3395" s="236" t="str">
        <f t="shared" si="793"/>
        <v>SAND</v>
      </c>
      <c r="Q3395" s="236" t="e">
        <f t="shared" si="789"/>
        <v>#N/A</v>
      </c>
      <c r="R3395" s="238">
        <v>35</v>
      </c>
      <c r="S3395" s="236" t="e">
        <f t="shared" si="794"/>
        <v>#N/A</v>
      </c>
      <c r="T3395" s="236">
        <f t="shared" si="780"/>
        <v>32.682957712514224</v>
      </c>
    </row>
    <row r="3396" spans="1:20" x14ac:dyDescent="0.2">
      <c r="A3396" s="53">
        <f t="shared" si="781"/>
        <v>3384</v>
      </c>
      <c r="B3396" s="239">
        <v>33.802999999999997</v>
      </c>
      <c r="C3396" s="3">
        <f t="shared" si="782"/>
        <v>33.795999999999999</v>
      </c>
      <c r="D3396" s="239">
        <v>7.8879000000000001</v>
      </c>
      <c r="E3396" s="239">
        <v>9.8900000000000002E-2</v>
      </c>
      <c r="F3396" s="239">
        <v>0.18490000000000001</v>
      </c>
      <c r="G3396">
        <f t="shared" si="783"/>
        <v>7.9248799999999999</v>
      </c>
      <c r="H3396" s="235">
        <f t="shared" si="784"/>
        <v>1.2479684234966335</v>
      </c>
      <c r="I3396" s="236">
        <f t="shared" si="785"/>
        <v>19.440566466989793</v>
      </c>
      <c r="J3396" s="237">
        <f t="shared" si="790"/>
        <v>9.4405664669897931</v>
      </c>
      <c r="K3396" s="237">
        <f t="shared" si="786"/>
        <v>657.01338431838701</v>
      </c>
      <c r="L3396" s="237">
        <f t="shared" si="791"/>
        <v>319.11946828365598</v>
      </c>
      <c r="M3396" s="236">
        <f t="shared" si="787"/>
        <v>22.774751583696609</v>
      </c>
      <c r="N3396" s="236">
        <f t="shared" si="788"/>
        <v>1.3607844671585889</v>
      </c>
      <c r="O3396" s="236">
        <f t="shared" si="792"/>
        <v>2.5091029618081486</v>
      </c>
      <c r="P3396" s="236" t="str">
        <f t="shared" si="793"/>
        <v>SAND</v>
      </c>
      <c r="Q3396" s="236" t="e">
        <f t="shared" si="789"/>
        <v>#N/A</v>
      </c>
      <c r="R3396" s="238">
        <v>35</v>
      </c>
      <c r="S3396" s="236" t="e">
        <f t="shared" si="794"/>
        <v>#N/A</v>
      </c>
      <c r="T3396" s="236">
        <f t="shared" si="780"/>
        <v>32.531990134494968</v>
      </c>
    </row>
    <row r="3397" spans="1:20" x14ac:dyDescent="0.2">
      <c r="A3397" s="53">
        <f t="shared" si="781"/>
        <v>3385</v>
      </c>
      <c r="B3397" s="239">
        <v>33.814</v>
      </c>
      <c r="C3397" s="3">
        <f t="shared" si="782"/>
        <v>33.807000000000002</v>
      </c>
      <c r="D3397" s="239">
        <v>7.7176999999999998</v>
      </c>
      <c r="E3397" s="239">
        <v>0.1135</v>
      </c>
      <c r="F3397" s="239">
        <v>0.1055</v>
      </c>
      <c r="G3397">
        <f t="shared" si="783"/>
        <v>7.7387999999999995</v>
      </c>
      <c r="H3397" s="235">
        <f t="shared" si="784"/>
        <v>1.4666356541065799</v>
      </c>
      <c r="I3397" s="236">
        <f t="shared" si="785"/>
        <v>19.592738141197639</v>
      </c>
      <c r="J3397" s="237">
        <f t="shared" si="790"/>
        <v>9.5927381411976391</v>
      </c>
      <c r="K3397" s="237">
        <f t="shared" si="786"/>
        <v>662.37169833946859</v>
      </c>
      <c r="L3397" s="237">
        <f t="shared" si="791"/>
        <v>324.36884750645697</v>
      </c>
      <c r="M3397" s="236">
        <f t="shared" si="787"/>
        <v>21.815992368131671</v>
      </c>
      <c r="N3397" s="236">
        <f t="shared" si="788"/>
        <v>1.6039164838760038</v>
      </c>
      <c r="O3397" s="236">
        <f t="shared" si="792"/>
        <v>2.5638375803513016</v>
      </c>
      <c r="P3397" s="236" t="str">
        <f t="shared" si="793"/>
        <v>SAND</v>
      </c>
      <c r="Q3397" s="236" t="e">
        <f t="shared" si="789"/>
        <v>#N/A</v>
      </c>
      <c r="R3397" s="238">
        <v>35</v>
      </c>
      <c r="S3397" s="236" t="e">
        <f t="shared" si="794"/>
        <v>#N/A</v>
      </c>
      <c r="T3397" s="236">
        <f t="shared" si="780"/>
        <v>32.326524703052414</v>
      </c>
    </row>
    <row r="3398" spans="1:20" x14ac:dyDescent="0.2">
      <c r="A3398" s="53">
        <f t="shared" si="781"/>
        <v>3386</v>
      </c>
      <c r="B3398" s="239">
        <v>33.823999999999998</v>
      </c>
      <c r="C3398" s="3">
        <f t="shared" si="782"/>
        <v>33.817</v>
      </c>
      <c r="D3398" s="239">
        <v>7.4694000000000003</v>
      </c>
      <c r="E3398" s="239">
        <v>0.12659999999999999</v>
      </c>
      <c r="F3398" s="239">
        <v>0.14419999999999999</v>
      </c>
      <c r="G3398">
        <f t="shared" si="783"/>
        <v>7.49824</v>
      </c>
      <c r="H3398" s="235">
        <f t="shared" si="784"/>
        <v>1.6883962103106862</v>
      </c>
      <c r="I3398" s="236">
        <f t="shared" si="785"/>
        <v>19.708477463016195</v>
      </c>
      <c r="J3398" s="237">
        <f t="shared" si="790"/>
        <v>9.7084774630161945</v>
      </c>
      <c r="K3398" s="237">
        <f t="shared" si="786"/>
        <v>666.48158236681866</v>
      </c>
      <c r="L3398" s="237">
        <f t="shared" si="791"/>
        <v>328.37954170905977</v>
      </c>
      <c r="M3398" s="236">
        <f t="shared" si="787"/>
        <v>20.804458103806098</v>
      </c>
      <c r="N3398" s="236">
        <f t="shared" si="788"/>
        <v>1.8531100232297113</v>
      </c>
      <c r="O3398" s="236">
        <f t="shared" si="792"/>
        <v>2.6161576481385898</v>
      </c>
      <c r="P3398" s="236" t="str">
        <f t="shared" si="793"/>
        <v>CLAY</v>
      </c>
      <c r="Q3398" s="236">
        <f t="shared" si="789"/>
        <v>569.31320146943176</v>
      </c>
      <c r="R3398" s="238">
        <v>35</v>
      </c>
      <c r="S3398" s="236">
        <f t="shared" si="794"/>
        <v>11.107990991466595</v>
      </c>
      <c r="T3398" s="236" t="e">
        <f t="shared" si="780"/>
        <v>#N/A</v>
      </c>
    </row>
    <row r="3399" spans="1:20" x14ac:dyDescent="0.2">
      <c r="A3399" s="53">
        <f t="shared" si="781"/>
        <v>3387</v>
      </c>
      <c r="B3399" s="239">
        <v>33.834000000000003</v>
      </c>
      <c r="C3399" s="3">
        <f t="shared" si="782"/>
        <v>33.827000000000005</v>
      </c>
      <c r="D3399" s="239">
        <v>7.2037000000000004</v>
      </c>
      <c r="E3399" s="239">
        <v>0.1384</v>
      </c>
      <c r="F3399" s="239">
        <v>0.17419999999999999</v>
      </c>
      <c r="G3399">
        <f t="shared" si="783"/>
        <v>7.2385400000000004</v>
      </c>
      <c r="H3399" s="235">
        <f t="shared" si="784"/>
        <v>1.9119877765405728</v>
      </c>
      <c r="I3399" s="236">
        <f t="shared" si="785"/>
        <v>19.799196378488098</v>
      </c>
      <c r="J3399" s="237">
        <f t="shared" si="790"/>
        <v>9.799196378488098</v>
      </c>
      <c r="K3399" s="237">
        <f t="shared" si="786"/>
        <v>669.747415895117</v>
      </c>
      <c r="L3399" s="237">
        <f t="shared" si="791"/>
        <v>331.54601026976633</v>
      </c>
      <c r="M3399" s="236">
        <f t="shared" si="787"/>
        <v>19.812612369426819</v>
      </c>
      <c r="N3399" s="236">
        <f t="shared" si="788"/>
        <v>2.1069321070496172</v>
      </c>
      <c r="O3399" s="236">
        <f t="shared" si="792"/>
        <v>2.6655279370500868</v>
      </c>
      <c r="P3399" s="236" t="str">
        <f t="shared" si="793"/>
        <v>CLAY</v>
      </c>
      <c r="Q3399" s="236">
        <f t="shared" si="789"/>
        <v>547.3993820087403</v>
      </c>
      <c r="R3399" s="238">
        <v>35</v>
      </c>
      <c r="S3399" s="236">
        <f t="shared" si="794"/>
        <v>10.450021574567693</v>
      </c>
      <c r="T3399" s="236" t="e">
        <f t="shared" si="780"/>
        <v>#N/A</v>
      </c>
    </row>
    <row r="3400" spans="1:20" x14ac:dyDescent="0.2">
      <c r="A3400" s="53">
        <f t="shared" si="781"/>
        <v>3388</v>
      </c>
      <c r="B3400" s="239">
        <v>33.843000000000004</v>
      </c>
      <c r="C3400" s="3">
        <f t="shared" si="782"/>
        <v>33.836000000000006</v>
      </c>
      <c r="D3400" s="239">
        <v>6.9161999999999999</v>
      </c>
      <c r="E3400" s="239">
        <v>0.1449</v>
      </c>
      <c r="F3400" s="239">
        <v>0.1242</v>
      </c>
      <c r="G3400">
        <f t="shared" si="783"/>
        <v>6.9410400000000001</v>
      </c>
      <c r="H3400" s="235">
        <f t="shared" si="784"/>
        <v>2.0875834168942986</v>
      </c>
      <c r="I3400" s="236">
        <f t="shared" si="785"/>
        <v>19.836609787610126</v>
      </c>
      <c r="J3400" s="237">
        <f t="shared" si="790"/>
        <v>9.8366097876101257</v>
      </c>
      <c r="K3400" s="237">
        <f t="shared" si="786"/>
        <v>671.19152877357635</v>
      </c>
      <c r="L3400" s="237">
        <f t="shared" si="791"/>
        <v>332.90038504208951</v>
      </c>
      <c r="M3400" s="236">
        <f t="shared" si="787"/>
        <v>18.834007868250765</v>
      </c>
      <c r="N3400" s="236">
        <f t="shared" si="788"/>
        <v>2.3110606367119524</v>
      </c>
      <c r="O3400" s="236">
        <f t="shared" si="792"/>
        <v>2.7067941746467938</v>
      </c>
      <c r="P3400" s="236" t="str">
        <f t="shared" si="793"/>
        <v>CLAY</v>
      </c>
      <c r="Q3400" s="236">
        <f t="shared" si="789"/>
        <v>522.48737260220196</v>
      </c>
      <c r="R3400" s="238">
        <v>35</v>
      </c>
      <c r="S3400" s="236">
        <f t="shared" si="794"/>
        <v>9.8088579016580262</v>
      </c>
      <c r="T3400" s="236" t="e">
        <f t="shared" si="780"/>
        <v>#N/A</v>
      </c>
    </row>
    <row r="3401" spans="1:20" x14ac:dyDescent="0.2">
      <c r="A3401" s="53">
        <f t="shared" si="781"/>
        <v>3389</v>
      </c>
      <c r="B3401" s="239">
        <v>33.853000000000002</v>
      </c>
      <c r="C3401" s="3">
        <f t="shared" si="782"/>
        <v>33.846000000000004</v>
      </c>
      <c r="D3401" s="239">
        <v>6.8640999999999996</v>
      </c>
      <c r="E3401" s="239">
        <v>0.13980000000000001</v>
      </c>
      <c r="F3401" s="239">
        <v>6.8599999999999994E-2</v>
      </c>
      <c r="G3401">
        <f t="shared" si="783"/>
        <v>6.8778199999999998</v>
      </c>
      <c r="H3401" s="235">
        <f t="shared" si="784"/>
        <v>2.0326208013585703</v>
      </c>
      <c r="I3401" s="236">
        <f t="shared" si="785"/>
        <v>19.791018142298476</v>
      </c>
      <c r="J3401" s="237">
        <f t="shared" si="790"/>
        <v>9.7910181422984763</v>
      </c>
      <c r="K3401" s="237">
        <f t="shared" si="786"/>
        <v>669.84680004423433</v>
      </c>
      <c r="L3401" s="237">
        <f t="shared" si="791"/>
        <v>331.45533717123033</v>
      </c>
      <c r="M3401" s="236">
        <f t="shared" si="787"/>
        <v>18.729441055126884</v>
      </c>
      <c r="N3401" s="236">
        <f t="shared" si="788"/>
        <v>2.2519427113666688</v>
      </c>
      <c r="O3401" s="236">
        <f t="shared" si="792"/>
        <v>2.7021905487662949</v>
      </c>
      <c r="P3401" s="236" t="str">
        <f t="shared" si="793"/>
        <v>CLAY</v>
      </c>
      <c r="Q3401" s="236">
        <f t="shared" si="789"/>
        <v>517.33109999631381</v>
      </c>
      <c r="R3401" s="238">
        <v>35</v>
      </c>
      <c r="S3401" s="236">
        <f t="shared" si="794"/>
        <v>9.7408314755680383</v>
      </c>
      <c r="T3401" s="236" t="e">
        <f t="shared" si="780"/>
        <v>#N/A</v>
      </c>
    </row>
    <row r="3402" spans="1:20" x14ac:dyDescent="0.2">
      <c r="A3402" s="53">
        <f t="shared" si="781"/>
        <v>3390</v>
      </c>
      <c r="B3402" s="239">
        <v>33.863</v>
      </c>
      <c r="C3402" s="3">
        <f t="shared" si="782"/>
        <v>33.856000000000002</v>
      </c>
      <c r="D3402" s="239">
        <v>6.8143000000000002</v>
      </c>
      <c r="E3402" s="239">
        <v>0.13969999999999999</v>
      </c>
      <c r="F3402" s="239">
        <v>8.8599999999999998E-2</v>
      </c>
      <c r="G3402">
        <f t="shared" si="783"/>
        <v>6.83202</v>
      </c>
      <c r="H3402" s="235">
        <f t="shared" si="784"/>
        <v>2.0447832412668578</v>
      </c>
      <c r="I3402" s="236">
        <f t="shared" si="785"/>
        <v>19.787567567020439</v>
      </c>
      <c r="J3402" s="237">
        <f t="shared" si="790"/>
        <v>9.7875675670204387</v>
      </c>
      <c r="K3402" s="237">
        <f t="shared" si="786"/>
        <v>669.92788754904404</v>
      </c>
      <c r="L3402" s="237">
        <f t="shared" si="791"/>
        <v>331.43640052201312</v>
      </c>
      <c r="M3402" s="236">
        <f t="shared" si="787"/>
        <v>18.592080117771154</v>
      </c>
      <c r="N3402" s="236">
        <f t="shared" si="788"/>
        <v>2.2670871751125881</v>
      </c>
      <c r="O3402" s="236">
        <f t="shared" si="792"/>
        <v>2.7064843326058265</v>
      </c>
      <c r="P3402" s="236" t="str">
        <f t="shared" si="793"/>
        <v>CLAY</v>
      </c>
      <c r="Q3402" s="236">
        <f t="shared" si="789"/>
        <v>513.5076760375797</v>
      </c>
      <c r="R3402" s="238">
        <v>35</v>
      </c>
      <c r="S3402" s="236">
        <f t="shared" si="794"/>
        <v>9.6516149268393896</v>
      </c>
      <c r="T3402" s="236" t="e">
        <f t="shared" si="780"/>
        <v>#N/A</v>
      </c>
    </row>
    <row r="3403" spans="1:20" x14ac:dyDescent="0.2">
      <c r="A3403" s="53">
        <f t="shared" si="781"/>
        <v>3391</v>
      </c>
      <c r="B3403" s="239">
        <v>33.872</v>
      </c>
      <c r="C3403" s="3">
        <f t="shared" si="782"/>
        <v>33.865000000000002</v>
      </c>
      <c r="D3403" s="239">
        <v>6.6268000000000002</v>
      </c>
      <c r="E3403" s="239">
        <v>0.1434</v>
      </c>
      <c r="F3403" s="239">
        <v>0.14899999999999999</v>
      </c>
      <c r="G3403">
        <f t="shared" si="783"/>
        <v>6.6566000000000001</v>
      </c>
      <c r="H3403" s="235">
        <f t="shared" si="784"/>
        <v>2.1542529219120872</v>
      </c>
      <c r="I3403" s="236">
        <f t="shared" si="785"/>
        <v>19.808052977572508</v>
      </c>
      <c r="J3403" s="237">
        <f t="shared" si="790"/>
        <v>9.8080529775725083</v>
      </c>
      <c r="K3403" s="237">
        <f t="shared" si="786"/>
        <v>670.79971408549306</v>
      </c>
      <c r="L3403" s="237">
        <f t="shared" si="791"/>
        <v>332.218370456336</v>
      </c>
      <c r="M3403" s="236">
        <f t="shared" si="787"/>
        <v>18.017667950427896</v>
      </c>
      <c r="N3403" s="236">
        <f t="shared" si="788"/>
        <v>2.3956696373155295</v>
      </c>
      <c r="O3403" s="236">
        <f t="shared" si="792"/>
        <v>2.7315375309891929</v>
      </c>
      <c r="P3403" s="236" t="str">
        <f t="shared" si="793"/>
        <v>CLAY</v>
      </c>
      <c r="Q3403" s="236">
        <f t="shared" si="789"/>
        <v>498.81669049287558</v>
      </c>
      <c r="R3403" s="238">
        <v>35</v>
      </c>
      <c r="S3403" s="236">
        <f t="shared" si="794"/>
        <v>9.2803260000080741</v>
      </c>
      <c r="T3403" s="236" t="e">
        <f t="shared" si="780"/>
        <v>#N/A</v>
      </c>
    </row>
    <row r="3404" spans="1:20" x14ac:dyDescent="0.2">
      <c r="A3404" s="53">
        <f t="shared" si="781"/>
        <v>3392</v>
      </c>
      <c r="B3404" s="239">
        <v>33.881999999999998</v>
      </c>
      <c r="C3404" s="3">
        <f t="shared" si="782"/>
        <v>33.875</v>
      </c>
      <c r="D3404" s="239">
        <v>6.4344999999999999</v>
      </c>
      <c r="E3404" s="239">
        <v>0.14280000000000001</v>
      </c>
      <c r="F3404" s="239">
        <v>0.22650000000000001</v>
      </c>
      <c r="G3404">
        <f t="shared" si="783"/>
        <v>6.4798</v>
      </c>
      <c r="H3404" s="235">
        <f t="shared" si="784"/>
        <v>2.2037717213494243</v>
      </c>
      <c r="I3404" s="236">
        <f t="shared" si="785"/>
        <v>19.792614655832658</v>
      </c>
      <c r="J3404" s="237">
        <f t="shared" si="790"/>
        <v>9.7926146558326579</v>
      </c>
      <c r="K3404" s="237">
        <f t="shared" si="786"/>
        <v>670.47482146633126</v>
      </c>
      <c r="L3404" s="237">
        <f t="shared" si="791"/>
        <v>331.7933697689221</v>
      </c>
      <c r="M3404" s="236">
        <f t="shared" si="787"/>
        <v>17.508864576105243</v>
      </c>
      <c r="N3404" s="236">
        <f t="shared" si="788"/>
        <v>2.4581168313260808</v>
      </c>
      <c r="O3404" s="236">
        <f t="shared" si="792"/>
        <v>2.7481667501364568</v>
      </c>
      <c r="P3404" s="236" t="str">
        <f t="shared" si="793"/>
        <v>CLAY</v>
      </c>
      <c r="Q3404" s="236">
        <f t="shared" si="789"/>
        <v>484.11043154447242</v>
      </c>
      <c r="R3404" s="238">
        <v>35</v>
      </c>
      <c r="S3404" s="236">
        <f t="shared" si="794"/>
        <v>8.9539051231667859</v>
      </c>
      <c r="T3404" s="236" t="e">
        <f t="shared" si="780"/>
        <v>#N/A</v>
      </c>
    </row>
    <row r="3405" spans="1:20" x14ac:dyDescent="0.2">
      <c r="A3405" s="53">
        <f t="shared" si="781"/>
        <v>3393</v>
      </c>
      <c r="B3405" s="239">
        <v>33.892000000000003</v>
      </c>
      <c r="C3405" s="3">
        <f t="shared" si="782"/>
        <v>33.885000000000005</v>
      </c>
      <c r="D3405" s="239">
        <v>6.2119</v>
      </c>
      <c r="E3405" s="239">
        <v>0.14099999999999999</v>
      </c>
      <c r="F3405" s="239">
        <v>0.26989999999999997</v>
      </c>
      <c r="G3405">
        <f t="shared" si="783"/>
        <v>6.2658800000000001</v>
      </c>
      <c r="H3405" s="235">
        <f t="shared" si="784"/>
        <v>2.2502824822690504</v>
      </c>
      <c r="I3405" s="236">
        <f t="shared" si="785"/>
        <v>19.764618524525549</v>
      </c>
      <c r="J3405" s="237">
        <f t="shared" si="790"/>
        <v>9.7646185245255488</v>
      </c>
      <c r="K3405" s="237">
        <f t="shared" si="786"/>
        <v>669.72409870354829</v>
      </c>
      <c r="L3405" s="237">
        <f t="shared" si="791"/>
        <v>330.94245103321992</v>
      </c>
      <c r="M3405" s="236">
        <f t="shared" si="787"/>
        <v>16.909755408606408</v>
      </c>
      <c r="N3405" s="236">
        <f t="shared" si="788"/>
        <v>2.5195867035679753</v>
      </c>
      <c r="O3405" s="236">
        <f t="shared" si="792"/>
        <v>2.7667050754307372</v>
      </c>
      <c r="P3405" s="236" t="str">
        <f t="shared" si="793"/>
        <v>CLAY</v>
      </c>
      <c r="Q3405" s="236">
        <f t="shared" si="789"/>
        <v>466.34632510803766</v>
      </c>
      <c r="R3405" s="238">
        <v>35</v>
      </c>
      <c r="S3405" s="236">
        <f t="shared" si="794"/>
        <v>8.5725823534160988</v>
      </c>
      <c r="T3405" s="236" t="e">
        <f t="shared" ref="T3405:T3468" si="795">IF(P3405="SAND",17.6+(11*LOG(M3405)),#N/A)</f>
        <v>#N/A</v>
      </c>
    </row>
    <row r="3406" spans="1:20" x14ac:dyDescent="0.2">
      <c r="A3406" s="53">
        <f t="shared" ref="A3406:A3469" si="796">$A3405+1</f>
        <v>3394</v>
      </c>
      <c r="B3406" s="239">
        <v>33.901000000000003</v>
      </c>
      <c r="C3406" s="3">
        <f t="shared" ref="C3406:C3469" si="797">MAX($B3406 - $B$13, 0.001)</f>
        <v>33.894000000000005</v>
      </c>
      <c r="D3406" s="239">
        <v>6.0804</v>
      </c>
      <c r="E3406" s="239">
        <v>0.13969999999999999</v>
      </c>
      <c r="F3406" s="239">
        <v>0.22209999999999999</v>
      </c>
      <c r="G3406">
        <f t="shared" si="783"/>
        <v>6.1248199999999997</v>
      </c>
      <c r="H3406" s="235">
        <f t="shared" si="784"/>
        <v>2.2808833565721116</v>
      </c>
      <c r="I3406" s="236">
        <f t="shared" si="785"/>
        <v>19.744857347809017</v>
      </c>
      <c r="J3406" s="237">
        <f t="shared" si="790"/>
        <v>9.7448573478090168</v>
      </c>
      <c r="K3406" s="237">
        <f t="shared" si="786"/>
        <v>669.23219494663897</v>
      </c>
      <c r="L3406" s="237">
        <f t="shared" si="791"/>
        <v>330.36040894807348</v>
      </c>
      <c r="M3406" s="236">
        <f t="shared" si="787"/>
        <v>16.514048467323693</v>
      </c>
      <c r="N3406" s="236">
        <f t="shared" si="788"/>
        <v>2.5606773273926544</v>
      </c>
      <c r="O3406" s="236">
        <f t="shared" si="792"/>
        <v>2.7791551140481792</v>
      </c>
      <c r="P3406" s="236" t="str">
        <f t="shared" si="793"/>
        <v>CLAY</v>
      </c>
      <c r="Q3406" s="236">
        <f t="shared" si="789"/>
        <v>454.63231708778011</v>
      </c>
      <c r="R3406" s="238">
        <v>35</v>
      </c>
      <c r="S3406" s="236">
        <f t="shared" si="794"/>
        <v>8.322560334647493</v>
      </c>
      <c r="T3406" s="236" t="e">
        <f t="shared" si="795"/>
        <v>#N/A</v>
      </c>
    </row>
    <row r="3407" spans="1:20" x14ac:dyDescent="0.2">
      <c r="A3407" s="53">
        <f t="shared" si="796"/>
        <v>3395</v>
      </c>
      <c r="B3407" s="239">
        <v>33.911999999999999</v>
      </c>
      <c r="C3407" s="3">
        <f t="shared" si="797"/>
        <v>33.905000000000001</v>
      </c>
      <c r="D3407" s="239">
        <v>5.8940000000000001</v>
      </c>
      <c r="E3407" s="239">
        <v>0.13750000000000001</v>
      </c>
      <c r="F3407" s="239">
        <v>0.22770000000000001</v>
      </c>
      <c r="G3407">
        <f t="shared" ref="G3407:G3470" si="798">$D3407+($F3407*(1-$P$8))</f>
        <v>5.93954</v>
      </c>
      <c r="H3407" s="235">
        <f t="shared" ref="H3407:H3470" si="799">($E3407/$G3407)*100</f>
        <v>2.314994090451449</v>
      </c>
      <c r="I3407" s="236">
        <f t="shared" ref="I3407:I3470" si="800">((0.27*(LOG($H3407)))+(0.36*(LOG(($G3407*1000)/101)))+1.236)*10</f>
        <v>19.714237869733083</v>
      </c>
      <c r="J3407" s="237">
        <f t="shared" si="790"/>
        <v>9.7142378697330827</v>
      </c>
      <c r="K3407" s="237">
        <f t="shared" ref="K3407:K3470" si="801">$I3407*$C3407</f>
        <v>668.41123497330022</v>
      </c>
      <c r="L3407" s="237">
        <f t="shared" si="791"/>
        <v>329.42923463838827</v>
      </c>
      <c r="M3407" s="236">
        <f t="shared" ref="M3407:M3470" si="802">(($G3407*1000)-$K3407)/$L3407</f>
        <v>16.000792312232925</v>
      </c>
      <c r="N3407" s="236">
        <f t="shared" ref="N3407:N3470" si="803">(($E3407*1000)/(($G3407*1000)-$K3407))*100</f>
        <v>2.6085494422427287</v>
      </c>
      <c r="O3407" s="236">
        <f t="shared" si="792"/>
        <v>2.7949806297732129</v>
      </c>
      <c r="P3407" s="236" t="str">
        <f t="shared" si="793"/>
        <v>CLAY</v>
      </c>
      <c r="Q3407" s="236">
        <f t="shared" ref="Q3407:Q3470" si="804">IF(P3407="CLAY",($G3407*1000 -$K3407)/$L$8,#N/A)</f>
        <v>439.26073041889163</v>
      </c>
      <c r="R3407" s="238">
        <v>35</v>
      </c>
      <c r="S3407" s="236">
        <f t="shared" si="794"/>
        <v>8.0004951982107677</v>
      </c>
      <c r="T3407" s="236" t="e">
        <f t="shared" si="795"/>
        <v>#N/A</v>
      </c>
    </row>
    <row r="3408" spans="1:20" x14ac:dyDescent="0.2">
      <c r="A3408" s="53">
        <f t="shared" si="796"/>
        <v>3396</v>
      </c>
      <c r="B3408" s="239">
        <v>33.920999999999999</v>
      </c>
      <c r="C3408" s="3">
        <f t="shared" si="797"/>
        <v>33.914000000000001</v>
      </c>
      <c r="D3408" s="239">
        <v>5.8422000000000001</v>
      </c>
      <c r="E3408" s="239">
        <v>0.13900000000000001</v>
      </c>
      <c r="F3408" s="239">
        <v>0.2019</v>
      </c>
      <c r="G3408">
        <f t="shared" si="798"/>
        <v>5.8825799999999999</v>
      </c>
      <c r="H3408" s="235">
        <f t="shared" si="799"/>
        <v>2.3629087917206397</v>
      </c>
      <c r="I3408" s="236">
        <f t="shared" si="800"/>
        <v>19.723194072927221</v>
      </c>
      <c r="J3408" s="237">
        <f t="shared" ref="J3408:J3471" si="805">$I3408-10</f>
        <v>9.723194072927221</v>
      </c>
      <c r="K3408" s="237">
        <f t="shared" si="801"/>
        <v>668.89240378925376</v>
      </c>
      <c r="L3408" s="237">
        <f t="shared" ref="L3408:L3471" si="806">$J3408*$B3408</f>
        <v>329.82046614776425</v>
      </c>
      <c r="M3408" s="236">
        <f t="shared" si="802"/>
        <v>15.807653348822022</v>
      </c>
      <c r="N3408" s="236">
        <f t="shared" si="803"/>
        <v>2.6660592418506961</v>
      </c>
      <c r="O3408" s="236">
        <f t="shared" ref="O3408:O3471" si="807">((3.47-LOG($M3408))^2+(LOG($N3408)+1.22)^2)^0.5</f>
        <v>2.8048049227101242</v>
      </c>
      <c r="P3408" s="236" t="str">
        <f t="shared" ref="P3408:P3471" si="808">IF(O3408&lt;2.6,"SAND","CLAY")</f>
        <v>CLAY</v>
      </c>
      <c r="Q3408" s="236">
        <f t="shared" si="804"/>
        <v>434.47396635089552</v>
      </c>
      <c r="R3408" s="238">
        <v>35</v>
      </c>
      <c r="S3408" s="236">
        <f t="shared" ref="S3408:S3471" si="809">IF(P3408="SAND",#N/A,0.25*($M3408)^1.25)</f>
        <v>7.8799645393761812</v>
      </c>
      <c r="T3408" s="236" t="e">
        <f t="shared" si="795"/>
        <v>#N/A</v>
      </c>
    </row>
    <row r="3409" spans="1:20" x14ac:dyDescent="0.2">
      <c r="A3409" s="53">
        <f t="shared" si="796"/>
        <v>3397</v>
      </c>
      <c r="B3409" s="239">
        <v>33.930999999999997</v>
      </c>
      <c r="C3409" s="3">
        <f t="shared" si="797"/>
        <v>33.923999999999999</v>
      </c>
      <c r="D3409" s="239">
        <v>5.94</v>
      </c>
      <c r="E3409" s="239">
        <v>0.14430000000000001</v>
      </c>
      <c r="F3409" s="239">
        <v>0.20960000000000001</v>
      </c>
      <c r="G3409">
        <f t="shared" si="798"/>
        <v>5.9819200000000006</v>
      </c>
      <c r="H3409" s="235">
        <f t="shared" si="799"/>
        <v>2.4122689704977667</v>
      </c>
      <c r="I3409" s="236">
        <f t="shared" si="800"/>
        <v>19.773618688910307</v>
      </c>
      <c r="J3409" s="237">
        <f t="shared" si="805"/>
        <v>9.7736186889103074</v>
      </c>
      <c r="K3409" s="237">
        <f t="shared" si="801"/>
        <v>670.8002404025932</v>
      </c>
      <c r="L3409" s="237">
        <f t="shared" si="806"/>
        <v>331.6286557334156</v>
      </c>
      <c r="M3409" s="236">
        <f t="shared" si="802"/>
        <v>16.015261853206155</v>
      </c>
      <c r="N3409" s="236">
        <f t="shared" si="803"/>
        <v>2.7169411824925258</v>
      </c>
      <c r="O3409" s="236">
        <f t="shared" si="807"/>
        <v>2.8050521257015495</v>
      </c>
      <c r="P3409" s="236" t="str">
        <f t="shared" si="808"/>
        <v>CLAY</v>
      </c>
      <c r="Q3409" s="236">
        <f t="shared" si="804"/>
        <v>442.59331329978403</v>
      </c>
      <c r="R3409" s="238">
        <v>35</v>
      </c>
      <c r="S3409" s="236">
        <f t="shared" si="809"/>
        <v>8.0095397953077612</v>
      </c>
      <c r="T3409" s="236" t="e">
        <f t="shared" si="795"/>
        <v>#N/A</v>
      </c>
    </row>
    <row r="3410" spans="1:20" x14ac:dyDescent="0.2">
      <c r="A3410" s="53">
        <f t="shared" si="796"/>
        <v>3398</v>
      </c>
      <c r="B3410" s="239">
        <v>33.941000000000003</v>
      </c>
      <c r="C3410" s="3">
        <f t="shared" si="797"/>
        <v>33.934000000000005</v>
      </c>
      <c r="D3410" s="239">
        <v>5.9631999999999996</v>
      </c>
      <c r="E3410" s="239">
        <v>0.1497</v>
      </c>
      <c r="F3410" s="239">
        <v>0.2046</v>
      </c>
      <c r="G3410">
        <f t="shared" si="798"/>
        <v>6.0041199999999995</v>
      </c>
      <c r="H3410" s="235">
        <f t="shared" si="799"/>
        <v>2.4932879422796348</v>
      </c>
      <c r="I3410" s="236">
        <f t="shared" si="800"/>
        <v>19.818146342537382</v>
      </c>
      <c r="J3410" s="237">
        <f t="shared" si="805"/>
        <v>9.8181463425373821</v>
      </c>
      <c r="K3410" s="237">
        <f t="shared" si="801"/>
        <v>672.50897798766357</v>
      </c>
      <c r="L3410" s="237">
        <f t="shared" si="806"/>
        <v>333.23770501206133</v>
      </c>
      <c r="M3410" s="236">
        <f t="shared" si="802"/>
        <v>15.999423059942638</v>
      </c>
      <c r="N3410" s="236">
        <f t="shared" si="803"/>
        <v>2.8077817264226823</v>
      </c>
      <c r="O3410" s="236">
        <f t="shared" si="807"/>
        <v>2.813844250750682</v>
      </c>
      <c r="P3410" s="236" t="str">
        <f t="shared" si="808"/>
        <v>CLAY</v>
      </c>
      <c r="Q3410" s="236">
        <f t="shared" si="804"/>
        <v>444.30091850102804</v>
      </c>
      <c r="R3410" s="238">
        <v>35</v>
      </c>
      <c r="S3410" s="236">
        <f t="shared" si="809"/>
        <v>7.9996394140894527</v>
      </c>
      <c r="T3410" s="236" t="e">
        <f t="shared" si="795"/>
        <v>#N/A</v>
      </c>
    </row>
    <row r="3411" spans="1:20" x14ac:dyDescent="0.2">
      <c r="A3411" s="53">
        <f t="shared" si="796"/>
        <v>3399</v>
      </c>
      <c r="B3411" s="239">
        <v>33.951000000000001</v>
      </c>
      <c r="C3411" s="3">
        <f t="shared" si="797"/>
        <v>33.944000000000003</v>
      </c>
      <c r="D3411" s="239">
        <v>5.9497999999999998</v>
      </c>
      <c r="E3411" s="239">
        <v>0.15060000000000001</v>
      </c>
      <c r="F3411" s="239">
        <v>0.1918</v>
      </c>
      <c r="G3411">
        <f t="shared" si="798"/>
        <v>5.9881599999999997</v>
      </c>
      <c r="H3411" s="235">
        <f t="shared" si="799"/>
        <v>2.5149628600438203</v>
      </c>
      <c r="I3411" s="236">
        <f t="shared" si="800"/>
        <v>19.824134534736988</v>
      </c>
      <c r="J3411" s="237">
        <f t="shared" si="805"/>
        <v>9.8241345347369879</v>
      </c>
      <c r="K3411" s="237">
        <f t="shared" si="801"/>
        <v>672.91042264711234</v>
      </c>
      <c r="L3411" s="237">
        <f t="shared" si="806"/>
        <v>333.53919158885549</v>
      </c>
      <c r="M3411" s="236">
        <f t="shared" si="802"/>
        <v>15.935907117940275</v>
      </c>
      <c r="N3411" s="236">
        <f t="shared" si="803"/>
        <v>2.8333570758685274</v>
      </c>
      <c r="O3411" s="236">
        <f t="shared" si="807"/>
        <v>2.8175710631021507</v>
      </c>
      <c r="P3411" s="236" t="str">
        <f t="shared" si="808"/>
        <v>CLAY</v>
      </c>
      <c r="Q3411" s="236">
        <f t="shared" si="804"/>
        <v>442.93746477940726</v>
      </c>
      <c r="R3411" s="238">
        <v>35</v>
      </c>
      <c r="S3411" s="236">
        <f t="shared" si="809"/>
        <v>7.9599620269285669</v>
      </c>
      <c r="T3411" s="236" t="e">
        <f t="shared" si="795"/>
        <v>#N/A</v>
      </c>
    </row>
    <row r="3412" spans="1:20" x14ac:dyDescent="0.2">
      <c r="A3412" s="53">
        <f t="shared" si="796"/>
        <v>3400</v>
      </c>
      <c r="B3412" s="239">
        <v>33.960999999999999</v>
      </c>
      <c r="C3412" s="3">
        <f t="shared" si="797"/>
        <v>33.954000000000001</v>
      </c>
      <c r="D3412" s="239">
        <v>5.8628</v>
      </c>
      <c r="E3412" s="239">
        <v>0.14929999999999999</v>
      </c>
      <c r="F3412" s="239">
        <v>0.21029999999999999</v>
      </c>
      <c r="G3412">
        <f t="shared" si="798"/>
        <v>5.9048600000000002</v>
      </c>
      <c r="H3412" s="235">
        <f t="shared" si="799"/>
        <v>2.5284257374433938</v>
      </c>
      <c r="I3412" s="236">
        <f t="shared" si="800"/>
        <v>19.808493179974583</v>
      </c>
      <c r="J3412" s="237">
        <f t="shared" si="805"/>
        <v>9.8084931799745831</v>
      </c>
      <c r="K3412" s="237">
        <f t="shared" si="801"/>
        <v>672.57757743285697</v>
      </c>
      <c r="L3412" s="237">
        <f t="shared" si="806"/>
        <v>333.1062368851168</v>
      </c>
      <c r="M3412" s="236">
        <f t="shared" si="802"/>
        <v>15.707548653229441</v>
      </c>
      <c r="N3412" s="236">
        <f t="shared" si="803"/>
        <v>2.8534392439532748</v>
      </c>
      <c r="O3412" s="236">
        <f t="shared" si="807"/>
        <v>2.8244367567285704</v>
      </c>
      <c r="P3412" s="236" t="str">
        <f t="shared" si="808"/>
        <v>CLAY</v>
      </c>
      <c r="Q3412" s="236">
        <f t="shared" si="804"/>
        <v>436.02353521392865</v>
      </c>
      <c r="R3412" s="238">
        <v>35</v>
      </c>
      <c r="S3412" s="236">
        <f t="shared" si="809"/>
        <v>7.8176374481659936</v>
      </c>
      <c r="T3412" s="236" t="e">
        <f t="shared" si="795"/>
        <v>#N/A</v>
      </c>
    </row>
    <row r="3413" spans="1:20" x14ac:dyDescent="0.2">
      <c r="A3413" s="53">
        <f t="shared" si="796"/>
        <v>3401</v>
      </c>
      <c r="B3413" s="239">
        <v>33.970999999999997</v>
      </c>
      <c r="C3413" s="3">
        <f t="shared" si="797"/>
        <v>33.963999999999999</v>
      </c>
      <c r="D3413" s="239">
        <v>5.6778000000000004</v>
      </c>
      <c r="E3413" s="239">
        <v>0.14369999999999999</v>
      </c>
      <c r="F3413" s="239">
        <v>0.23050000000000001</v>
      </c>
      <c r="G3413">
        <f t="shared" si="798"/>
        <v>5.7239000000000004</v>
      </c>
      <c r="H3413" s="235">
        <f t="shared" si="799"/>
        <v>2.5105260399378047</v>
      </c>
      <c r="I3413" s="236">
        <f t="shared" si="800"/>
        <v>19.751499162334621</v>
      </c>
      <c r="J3413" s="237">
        <f t="shared" si="805"/>
        <v>9.7514991623346212</v>
      </c>
      <c r="K3413" s="237">
        <f t="shared" si="801"/>
        <v>670.83991754953308</v>
      </c>
      <c r="L3413" s="237">
        <f t="shared" si="806"/>
        <v>331.26817804366937</v>
      </c>
      <c r="M3413" s="236">
        <f t="shared" si="802"/>
        <v>15.253683925488154</v>
      </c>
      <c r="N3413" s="236">
        <f t="shared" si="803"/>
        <v>2.8438213212440786</v>
      </c>
      <c r="O3413" s="236">
        <f t="shared" si="807"/>
        <v>2.8338320337780134</v>
      </c>
      <c r="P3413" s="236" t="str">
        <f t="shared" si="808"/>
        <v>CLAY</v>
      </c>
      <c r="Q3413" s="236">
        <f t="shared" si="804"/>
        <v>421.08834020420562</v>
      </c>
      <c r="R3413" s="238">
        <v>35</v>
      </c>
      <c r="S3413" s="236">
        <f t="shared" si="809"/>
        <v>7.5363044986994279</v>
      </c>
      <c r="T3413" s="236" t="e">
        <f t="shared" si="795"/>
        <v>#N/A</v>
      </c>
    </row>
    <row r="3414" spans="1:20" x14ac:dyDescent="0.2">
      <c r="A3414" s="53">
        <f t="shared" si="796"/>
        <v>3402</v>
      </c>
      <c r="B3414" s="239">
        <v>33.979999999999997</v>
      </c>
      <c r="C3414" s="3">
        <f t="shared" si="797"/>
        <v>33.972999999999999</v>
      </c>
      <c r="D3414" s="239">
        <v>5.3857999999999997</v>
      </c>
      <c r="E3414" s="239">
        <v>0.1429</v>
      </c>
      <c r="F3414" s="239">
        <v>0.20569999999999999</v>
      </c>
      <c r="G3414">
        <f t="shared" si="798"/>
        <v>5.4269400000000001</v>
      </c>
      <c r="H3414" s="235">
        <f t="shared" si="799"/>
        <v>2.6331597548526422</v>
      </c>
      <c r="I3414" s="236">
        <f t="shared" si="800"/>
        <v>19.724129590177618</v>
      </c>
      <c r="J3414" s="237">
        <f t="shared" si="805"/>
        <v>9.7241295901776184</v>
      </c>
      <c r="K3414" s="237">
        <f t="shared" si="801"/>
        <v>670.08785456710416</v>
      </c>
      <c r="L3414" s="237">
        <f t="shared" si="806"/>
        <v>330.42592347423545</v>
      </c>
      <c r="M3414" s="236">
        <f t="shared" si="802"/>
        <v>14.39612272371785</v>
      </c>
      <c r="N3414" s="236">
        <f t="shared" si="803"/>
        <v>3.0040874854014499</v>
      </c>
      <c r="O3414" s="236">
        <f t="shared" si="807"/>
        <v>2.868176541490016</v>
      </c>
      <c r="P3414" s="236" t="str">
        <f t="shared" si="808"/>
        <v>CLAY</v>
      </c>
      <c r="Q3414" s="236">
        <f t="shared" si="804"/>
        <v>396.40434545274138</v>
      </c>
      <c r="R3414" s="238">
        <v>35</v>
      </c>
      <c r="S3414" s="236">
        <f t="shared" si="809"/>
        <v>7.0104667526924658</v>
      </c>
      <c r="T3414" s="236" t="e">
        <f t="shared" si="795"/>
        <v>#N/A</v>
      </c>
    </row>
    <row r="3415" spans="1:20" x14ac:dyDescent="0.2">
      <c r="A3415" s="53">
        <f t="shared" si="796"/>
        <v>3403</v>
      </c>
      <c r="B3415" s="239">
        <v>33.99</v>
      </c>
      <c r="C3415" s="3">
        <f t="shared" si="797"/>
        <v>33.983000000000004</v>
      </c>
      <c r="D3415" s="239">
        <v>5.0233999999999996</v>
      </c>
      <c r="E3415" s="239">
        <v>0.1386</v>
      </c>
      <c r="F3415" s="239">
        <v>0.20319999999999999</v>
      </c>
      <c r="G3415">
        <f t="shared" si="798"/>
        <v>5.0640399999999994</v>
      </c>
      <c r="H3415" s="235">
        <f t="shared" si="799"/>
        <v>2.7369452058040622</v>
      </c>
      <c r="I3415" s="236">
        <f t="shared" si="800"/>
        <v>19.661251190824821</v>
      </c>
      <c r="J3415" s="237">
        <f t="shared" si="805"/>
        <v>9.6612511908248209</v>
      </c>
      <c r="K3415" s="237">
        <f t="shared" si="801"/>
        <v>668.14829921779994</v>
      </c>
      <c r="L3415" s="237">
        <f t="shared" si="806"/>
        <v>328.38592797613569</v>
      </c>
      <c r="M3415" s="236">
        <f t="shared" si="802"/>
        <v>13.386358325018286</v>
      </c>
      <c r="N3415" s="236">
        <f t="shared" si="803"/>
        <v>3.1529439175068319</v>
      </c>
      <c r="O3415" s="236">
        <f t="shared" si="807"/>
        <v>2.9060654545076674</v>
      </c>
      <c r="P3415" s="236" t="str">
        <f t="shared" si="808"/>
        <v>CLAY</v>
      </c>
      <c r="Q3415" s="236">
        <f t="shared" si="804"/>
        <v>366.32430839851662</v>
      </c>
      <c r="R3415" s="238">
        <v>35</v>
      </c>
      <c r="S3415" s="236">
        <f t="shared" si="809"/>
        <v>6.4012983058455912</v>
      </c>
      <c r="T3415" s="236" t="e">
        <f t="shared" si="795"/>
        <v>#N/A</v>
      </c>
    </row>
    <row r="3416" spans="1:20" x14ac:dyDescent="0.2">
      <c r="A3416" s="53">
        <f t="shared" si="796"/>
        <v>3404</v>
      </c>
      <c r="B3416" s="239">
        <v>34</v>
      </c>
      <c r="C3416" s="3">
        <f t="shared" si="797"/>
        <v>33.993000000000002</v>
      </c>
      <c r="D3416" s="239">
        <v>4.7670000000000003</v>
      </c>
      <c r="E3416" s="239">
        <v>0.1452</v>
      </c>
      <c r="F3416" s="239">
        <v>0.21510000000000001</v>
      </c>
      <c r="G3416">
        <f t="shared" si="798"/>
        <v>4.8100200000000006</v>
      </c>
      <c r="H3416" s="235">
        <f t="shared" si="799"/>
        <v>3.0186984669502408</v>
      </c>
      <c r="I3416" s="236">
        <f t="shared" si="800"/>
        <v>19.695685112516994</v>
      </c>
      <c r="J3416" s="237">
        <f t="shared" si="805"/>
        <v>9.6956851125169941</v>
      </c>
      <c r="K3416" s="237">
        <f t="shared" si="801"/>
        <v>669.51542402979021</v>
      </c>
      <c r="L3416" s="237">
        <f t="shared" si="806"/>
        <v>329.6532938255778</v>
      </c>
      <c r="M3416" s="236">
        <f t="shared" si="802"/>
        <v>12.56017959936109</v>
      </c>
      <c r="N3416" s="236">
        <f t="shared" si="803"/>
        <v>3.5068189718393561</v>
      </c>
      <c r="O3416" s="236">
        <f t="shared" si="807"/>
        <v>2.955770594230835</v>
      </c>
      <c r="P3416" s="236" t="str">
        <f t="shared" si="808"/>
        <v>CLAY</v>
      </c>
      <c r="Q3416" s="236">
        <f t="shared" si="804"/>
        <v>345.0420479975175</v>
      </c>
      <c r="R3416" s="238">
        <v>35</v>
      </c>
      <c r="S3416" s="236">
        <f t="shared" si="809"/>
        <v>5.9113247731549503</v>
      </c>
      <c r="T3416" s="236" t="e">
        <f t="shared" si="795"/>
        <v>#N/A</v>
      </c>
    </row>
    <row r="3417" spans="1:20" x14ac:dyDescent="0.2">
      <c r="A3417" s="53">
        <f t="shared" si="796"/>
        <v>3405</v>
      </c>
      <c r="B3417" s="239">
        <v>34.01</v>
      </c>
      <c r="C3417" s="3">
        <f t="shared" si="797"/>
        <v>34.003</v>
      </c>
      <c r="D3417" s="239">
        <v>4.5681000000000003</v>
      </c>
      <c r="E3417" s="239">
        <v>0.15590000000000001</v>
      </c>
      <c r="F3417" s="239">
        <v>0.2525</v>
      </c>
      <c r="G3417">
        <f t="shared" si="798"/>
        <v>4.6186000000000007</v>
      </c>
      <c r="H3417" s="235">
        <f t="shared" si="799"/>
        <v>3.3754817477157575</v>
      </c>
      <c r="I3417" s="236">
        <f t="shared" si="800"/>
        <v>19.763186881493581</v>
      </c>
      <c r="J3417" s="237">
        <f t="shared" si="805"/>
        <v>9.7631868814935814</v>
      </c>
      <c r="K3417" s="237">
        <f t="shared" si="801"/>
        <v>672.0076435314262</v>
      </c>
      <c r="L3417" s="237">
        <f t="shared" si="806"/>
        <v>332.04598583959671</v>
      </c>
      <c r="M3417" s="236">
        <f t="shared" si="802"/>
        <v>11.885680070757056</v>
      </c>
      <c r="N3417" s="236">
        <f t="shared" si="803"/>
        <v>3.9502432964599343</v>
      </c>
      <c r="O3417" s="236">
        <f t="shared" si="807"/>
        <v>3.00599934481852</v>
      </c>
      <c r="P3417" s="236" t="str">
        <f t="shared" si="808"/>
        <v>CLAY</v>
      </c>
      <c r="Q3417" s="236">
        <f t="shared" si="804"/>
        <v>328.88269637238119</v>
      </c>
      <c r="R3417" s="238">
        <v>35</v>
      </c>
      <c r="S3417" s="236">
        <f t="shared" si="809"/>
        <v>5.5172168484107029</v>
      </c>
      <c r="T3417" s="236" t="e">
        <f t="shared" si="795"/>
        <v>#N/A</v>
      </c>
    </row>
    <row r="3418" spans="1:20" x14ac:dyDescent="0.2">
      <c r="A3418" s="53">
        <f t="shared" si="796"/>
        <v>3406</v>
      </c>
      <c r="B3418" s="239">
        <v>34.020000000000003</v>
      </c>
      <c r="C3418" s="3">
        <f t="shared" si="797"/>
        <v>34.013000000000005</v>
      </c>
      <c r="D3418" s="239">
        <v>4.4701000000000004</v>
      </c>
      <c r="E3418" s="239">
        <v>0.1651</v>
      </c>
      <c r="F3418" s="239">
        <v>0.25779999999999997</v>
      </c>
      <c r="G3418">
        <f t="shared" si="798"/>
        <v>4.5216600000000007</v>
      </c>
      <c r="H3418" s="235">
        <f t="shared" si="799"/>
        <v>3.6513138979932145</v>
      </c>
      <c r="I3418" s="236">
        <f t="shared" si="800"/>
        <v>19.822128264947157</v>
      </c>
      <c r="J3418" s="237">
        <f t="shared" si="805"/>
        <v>9.8221282649471569</v>
      </c>
      <c r="K3418" s="237">
        <f t="shared" si="801"/>
        <v>674.21004867564773</v>
      </c>
      <c r="L3418" s="237">
        <f t="shared" si="806"/>
        <v>334.14880357350233</v>
      </c>
      <c r="M3418" s="236">
        <f t="shared" si="802"/>
        <v>11.514181437067554</v>
      </c>
      <c r="N3418" s="236">
        <f t="shared" si="803"/>
        <v>4.2911539354311801</v>
      </c>
      <c r="O3418" s="236">
        <f t="shared" si="807"/>
        <v>3.0387808252359929</v>
      </c>
      <c r="P3418" s="236" t="str">
        <f t="shared" si="808"/>
        <v>CLAY</v>
      </c>
      <c r="Q3418" s="236">
        <f t="shared" si="804"/>
        <v>320.62082927702943</v>
      </c>
      <c r="R3418" s="238">
        <v>35</v>
      </c>
      <c r="S3418" s="236">
        <f t="shared" si="809"/>
        <v>5.3025081474360647</v>
      </c>
      <c r="T3418" s="236" t="e">
        <f t="shared" si="795"/>
        <v>#N/A</v>
      </c>
    </row>
    <row r="3419" spans="1:20" x14ac:dyDescent="0.2">
      <c r="A3419" s="53">
        <f t="shared" si="796"/>
        <v>3407</v>
      </c>
      <c r="B3419" s="239">
        <v>34.030999999999999</v>
      </c>
      <c r="C3419" s="3">
        <f t="shared" si="797"/>
        <v>34.024000000000001</v>
      </c>
      <c r="D3419" s="239">
        <v>4.4417</v>
      </c>
      <c r="E3419" s="239">
        <v>0.16569999999999999</v>
      </c>
      <c r="F3419" s="239">
        <v>0.30399999999999999</v>
      </c>
      <c r="G3419">
        <f t="shared" si="798"/>
        <v>4.5025000000000004</v>
      </c>
      <c r="H3419" s="235">
        <f t="shared" si="799"/>
        <v>3.6801776790671843</v>
      </c>
      <c r="I3419" s="236">
        <f t="shared" si="800"/>
        <v>19.824722176457112</v>
      </c>
      <c r="J3419" s="237">
        <f t="shared" si="805"/>
        <v>9.8247221764571115</v>
      </c>
      <c r="K3419" s="237">
        <f t="shared" si="801"/>
        <v>674.51634733177673</v>
      </c>
      <c r="L3419" s="237">
        <f t="shared" si="806"/>
        <v>334.34512038701195</v>
      </c>
      <c r="M3419" s="236">
        <f t="shared" si="802"/>
        <v>11.449198505535977</v>
      </c>
      <c r="N3419" s="236">
        <f t="shared" si="803"/>
        <v>4.3286496243133623</v>
      </c>
      <c r="O3419" s="236">
        <f t="shared" si="807"/>
        <v>3.0430330180218363</v>
      </c>
      <c r="P3419" s="236" t="str">
        <f t="shared" si="808"/>
        <v>CLAY</v>
      </c>
      <c r="Q3419" s="236">
        <f t="shared" si="804"/>
        <v>318.99863772235193</v>
      </c>
      <c r="R3419" s="238">
        <v>35</v>
      </c>
      <c r="S3419" s="236">
        <f t="shared" si="809"/>
        <v>5.265127168851099</v>
      </c>
      <c r="T3419" s="236" t="e">
        <f t="shared" si="795"/>
        <v>#N/A</v>
      </c>
    </row>
    <row r="3420" spans="1:20" x14ac:dyDescent="0.2">
      <c r="A3420" s="53">
        <f t="shared" si="796"/>
        <v>3408</v>
      </c>
      <c r="B3420" s="239">
        <v>34.04</v>
      </c>
      <c r="C3420" s="3">
        <f t="shared" si="797"/>
        <v>34.033000000000001</v>
      </c>
      <c r="D3420" s="239">
        <v>4.4513999999999996</v>
      </c>
      <c r="E3420" s="239">
        <v>0.15890000000000001</v>
      </c>
      <c r="F3420" s="239">
        <v>0.3211</v>
      </c>
      <c r="G3420">
        <f t="shared" si="798"/>
        <v>4.5156199999999993</v>
      </c>
      <c r="H3420" s="235">
        <f t="shared" si="799"/>
        <v>3.5188966299201452</v>
      </c>
      <c r="I3420" s="236">
        <f t="shared" si="800"/>
        <v>19.776723225945833</v>
      </c>
      <c r="J3420" s="237">
        <f t="shared" si="805"/>
        <v>9.7767232259458332</v>
      </c>
      <c r="K3420" s="237">
        <f t="shared" si="801"/>
        <v>673.06122154861453</v>
      </c>
      <c r="L3420" s="237">
        <f t="shared" si="806"/>
        <v>332.79965861119615</v>
      </c>
      <c r="M3420" s="236">
        <f t="shared" si="802"/>
        <v>11.546162019777119</v>
      </c>
      <c r="N3420" s="236">
        <f t="shared" si="803"/>
        <v>4.1352653052724246</v>
      </c>
      <c r="O3420" s="236">
        <f t="shared" si="807"/>
        <v>3.0280523671368291</v>
      </c>
      <c r="P3420" s="236" t="str">
        <f t="shared" si="808"/>
        <v>CLAY</v>
      </c>
      <c r="Q3420" s="236">
        <f t="shared" si="804"/>
        <v>320.2132315376154</v>
      </c>
      <c r="R3420" s="238">
        <v>35</v>
      </c>
      <c r="S3420" s="236">
        <f t="shared" si="809"/>
        <v>5.3209241476841278</v>
      </c>
      <c r="T3420" s="236" t="e">
        <f t="shared" si="795"/>
        <v>#N/A</v>
      </c>
    </row>
    <row r="3421" spans="1:20" x14ac:dyDescent="0.2">
      <c r="A3421" s="53">
        <f t="shared" si="796"/>
        <v>3409</v>
      </c>
      <c r="B3421" s="239">
        <v>34.048999999999999</v>
      </c>
      <c r="C3421" s="3">
        <f t="shared" si="797"/>
        <v>34.042000000000002</v>
      </c>
      <c r="D3421" s="239">
        <v>4.5625999999999998</v>
      </c>
      <c r="E3421" s="239">
        <v>0.14149999999999999</v>
      </c>
      <c r="F3421" s="239">
        <v>0.32619999999999999</v>
      </c>
      <c r="G3421">
        <f t="shared" si="798"/>
        <v>4.62784</v>
      </c>
      <c r="H3421" s="235">
        <f t="shared" si="799"/>
        <v>3.0575819388742911</v>
      </c>
      <c r="I3421" s="236">
        <f t="shared" si="800"/>
        <v>19.65032594397131</v>
      </c>
      <c r="J3421" s="237">
        <f t="shared" si="805"/>
        <v>9.6503259439713105</v>
      </c>
      <c r="K3421" s="237">
        <f t="shared" si="801"/>
        <v>668.93639578467139</v>
      </c>
      <c r="L3421" s="237">
        <f t="shared" si="806"/>
        <v>328.58394806627916</v>
      </c>
      <c r="M3421" s="236">
        <f t="shared" si="802"/>
        <v>12.048377979245574</v>
      </c>
      <c r="N3421" s="236">
        <f t="shared" si="803"/>
        <v>3.5742219095543217</v>
      </c>
      <c r="O3421" s="236">
        <f t="shared" si="807"/>
        <v>2.9752033391331243</v>
      </c>
      <c r="P3421" s="236" t="str">
        <f t="shared" si="808"/>
        <v>CLAY</v>
      </c>
      <c r="Q3421" s="236">
        <f t="shared" si="804"/>
        <v>329.90863368461072</v>
      </c>
      <c r="R3421" s="238">
        <v>35</v>
      </c>
      <c r="S3421" s="236">
        <f t="shared" si="809"/>
        <v>5.6117813092277755</v>
      </c>
      <c r="T3421" s="236" t="e">
        <f t="shared" si="795"/>
        <v>#N/A</v>
      </c>
    </row>
    <row r="3422" spans="1:20" x14ac:dyDescent="0.2">
      <c r="A3422" s="53">
        <f t="shared" si="796"/>
        <v>3410</v>
      </c>
      <c r="B3422" s="239">
        <v>34.058999999999997</v>
      </c>
      <c r="C3422" s="3">
        <f t="shared" si="797"/>
        <v>34.052</v>
      </c>
      <c r="D3422" s="239">
        <v>4.6036000000000001</v>
      </c>
      <c r="E3422" s="239">
        <v>0.1263</v>
      </c>
      <c r="F3422" s="239">
        <v>0.28149999999999997</v>
      </c>
      <c r="G3422">
        <f t="shared" si="798"/>
        <v>4.6599000000000004</v>
      </c>
      <c r="H3422" s="235">
        <f t="shared" si="799"/>
        <v>2.7103585913860808</v>
      </c>
      <c r="I3422" s="236">
        <f t="shared" si="800"/>
        <v>19.519771038151212</v>
      </c>
      <c r="J3422" s="237">
        <f t="shared" si="805"/>
        <v>9.5197710381512124</v>
      </c>
      <c r="K3422" s="237">
        <f t="shared" si="801"/>
        <v>664.68724339112509</v>
      </c>
      <c r="L3422" s="237">
        <f t="shared" si="806"/>
        <v>324.23388178839213</v>
      </c>
      <c r="M3422" s="236">
        <f t="shared" si="802"/>
        <v>12.322008836868905</v>
      </c>
      <c r="N3422" s="236">
        <f t="shared" si="803"/>
        <v>3.1612834583358471</v>
      </c>
      <c r="O3422" s="236">
        <f t="shared" si="807"/>
        <v>2.9358281109442581</v>
      </c>
      <c r="P3422" s="236" t="str">
        <f t="shared" si="808"/>
        <v>CLAY</v>
      </c>
      <c r="Q3422" s="236">
        <f t="shared" si="804"/>
        <v>332.93439638407295</v>
      </c>
      <c r="R3422" s="238">
        <v>35</v>
      </c>
      <c r="S3422" s="236">
        <f t="shared" si="809"/>
        <v>5.7715425736256405</v>
      </c>
      <c r="T3422" s="236" t="e">
        <f t="shared" si="795"/>
        <v>#N/A</v>
      </c>
    </row>
    <row r="3423" spans="1:20" x14ac:dyDescent="0.2">
      <c r="A3423" s="53">
        <f t="shared" si="796"/>
        <v>3411</v>
      </c>
      <c r="B3423" s="239">
        <v>34.069000000000003</v>
      </c>
      <c r="C3423" s="3">
        <f t="shared" si="797"/>
        <v>34.062000000000005</v>
      </c>
      <c r="D3423" s="239">
        <v>4.4819000000000004</v>
      </c>
      <c r="E3423" s="239">
        <v>0.1198</v>
      </c>
      <c r="F3423" s="239">
        <v>0.25380000000000003</v>
      </c>
      <c r="G3423">
        <f t="shared" si="798"/>
        <v>4.5326600000000008</v>
      </c>
      <c r="H3423" s="235">
        <f t="shared" si="799"/>
        <v>2.6430396279447383</v>
      </c>
      <c r="I3423" s="236">
        <f t="shared" si="800"/>
        <v>19.446994292146478</v>
      </c>
      <c r="J3423" s="237">
        <f t="shared" si="805"/>
        <v>9.4469942921464778</v>
      </c>
      <c r="K3423" s="237">
        <f t="shared" si="801"/>
        <v>662.40351957909343</v>
      </c>
      <c r="L3423" s="237">
        <f t="shared" si="806"/>
        <v>321.8496485391384</v>
      </c>
      <c r="M3423" s="236">
        <f t="shared" si="802"/>
        <v>12.025044917674553</v>
      </c>
      <c r="N3423" s="236">
        <f t="shared" si="803"/>
        <v>3.095402090431258</v>
      </c>
      <c r="O3423" s="236">
        <f t="shared" si="807"/>
        <v>2.9390880295727024</v>
      </c>
      <c r="P3423" s="236" t="str">
        <f t="shared" si="808"/>
        <v>CLAY</v>
      </c>
      <c r="Q3423" s="236">
        <f t="shared" si="804"/>
        <v>322.52137336840894</v>
      </c>
      <c r="R3423" s="238">
        <v>35</v>
      </c>
      <c r="S3423" s="236">
        <f t="shared" si="809"/>
        <v>5.5981997791939477</v>
      </c>
      <c r="T3423" s="236" t="e">
        <f t="shared" si="795"/>
        <v>#N/A</v>
      </c>
    </row>
    <row r="3424" spans="1:20" x14ac:dyDescent="0.2">
      <c r="A3424" s="53">
        <f t="shared" si="796"/>
        <v>3412</v>
      </c>
      <c r="B3424" s="239">
        <v>34.079000000000001</v>
      </c>
      <c r="C3424" s="3">
        <f t="shared" si="797"/>
        <v>34.072000000000003</v>
      </c>
      <c r="D3424" s="239">
        <v>4.2747999999999999</v>
      </c>
      <c r="E3424" s="239">
        <v>0.121</v>
      </c>
      <c r="F3424" s="239">
        <v>0.25119999999999998</v>
      </c>
      <c r="G3424">
        <f t="shared" si="798"/>
        <v>4.3250399999999996</v>
      </c>
      <c r="H3424" s="235">
        <f t="shared" si="799"/>
        <v>2.7976619869411614</v>
      </c>
      <c r="I3424" s="236">
        <f t="shared" si="800"/>
        <v>19.440354669777662</v>
      </c>
      <c r="J3424" s="237">
        <f t="shared" si="805"/>
        <v>9.4403546697776619</v>
      </c>
      <c r="K3424" s="237">
        <f t="shared" si="801"/>
        <v>662.37176430866452</v>
      </c>
      <c r="L3424" s="237">
        <f t="shared" si="806"/>
        <v>321.71784679135294</v>
      </c>
      <c r="M3424" s="236">
        <f t="shared" si="802"/>
        <v>11.384721961249243</v>
      </c>
      <c r="N3424" s="236">
        <f t="shared" si="803"/>
        <v>3.3036025163540659</v>
      </c>
      <c r="O3424" s="236">
        <f t="shared" si="807"/>
        <v>2.9748811649973024</v>
      </c>
      <c r="P3424" s="236" t="str">
        <f t="shared" si="808"/>
        <v>CLAY</v>
      </c>
      <c r="Q3424" s="236">
        <f t="shared" si="804"/>
        <v>305.22235297427795</v>
      </c>
      <c r="R3424" s="238">
        <v>35</v>
      </c>
      <c r="S3424" s="236">
        <f t="shared" si="809"/>
        <v>5.2280898714932302</v>
      </c>
      <c r="T3424" s="236" t="e">
        <f t="shared" si="795"/>
        <v>#N/A</v>
      </c>
    </row>
    <row r="3425" spans="1:20" x14ac:dyDescent="0.2">
      <c r="A3425" s="53">
        <f t="shared" si="796"/>
        <v>3413</v>
      </c>
      <c r="B3425" s="239">
        <v>34.088999999999999</v>
      </c>
      <c r="C3425" s="3">
        <f t="shared" si="797"/>
        <v>34.082000000000001</v>
      </c>
      <c r="D3425" s="239">
        <v>3.9862000000000002</v>
      </c>
      <c r="E3425" s="239">
        <v>0.12839999999999999</v>
      </c>
      <c r="F3425" s="239">
        <v>0.27539999999999998</v>
      </c>
      <c r="G3425">
        <f t="shared" si="798"/>
        <v>4.0412800000000004</v>
      </c>
      <c r="H3425" s="235">
        <f t="shared" si="799"/>
        <v>3.1772111806160415</v>
      </c>
      <c r="I3425" s="236">
        <f t="shared" si="800"/>
        <v>19.48343566587338</v>
      </c>
      <c r="J3425" s="237">
        <f t="shared" si="805"/>
        <v>9.4834356658733796</v>
      </c>
      <c r="K3425" s="237">
        <f t="shared" si="801"/>
        <v>664.03445436429649</v>
      </c>
      <c r="L3425" s="237">
        <f t="shared" si="806"/>
        <v>323.28083841395761</v>
      </c>
      <c r="M3425" s="236">
        <f t="shared" si="802"/>
        <v>10.446785408639586</v>
      </c>
      <c r="N3425" s="236">
        <f t="shared" si="803"/>
        <v>3.8019148523543627</v>
      </c>
      <c r="O3425" s="236">
        <f t="shared" si="807"/>
        <v>3.0409693394781598</v>
      </c>
      <c r="P3425" s="236" t="str">
        <f t="shared" si="808"/>
        <v>CLAY</v>
      </c>
      <c r="Q3425" s="236">
        <f t="shared" si="804"/>
        <v>281.43712880297534</v>
      </c>
      <c r="R3425" s="238">
        <v>35</v>
      </c>
      <c r="S3425" s="236">
        <f t="shared" si="809"/>
        <v>4.6953541082869821</v>
      </c>
      <c r="T3425" s="236" t="e">
        <f t="shared" si="795"/>
        <v>#N/A</v>
      </c>
    </row>
    <row r="3426" spans="1:20" x14ac:dyDescent="0.2">
      <c r="A3426" s="53">
        <f t="shared" si="796"/>
        <v>3414</v>
      </c>
      <c r="B3426" s="239">
        <v>34.097999999999999</v>
      </c>
      <c r="C3426" s="3">
        <f t="shared" si="797"/>
        <v>34.091000000000001</v>
      </c>
      <c r="D3426" s="239">
        <v>3.839</v>
      </c>
      <c r="E3426" s="239">
        <v>0.1414</v>
      </c>
      <c r="F3426" s="239">
        <v>0.29459999999999997</v>
      </c>
      <c r="G3426">
        <f t="shared" si="798"/>
        <v>3.8979200000000001</v>
      </c>
      <c r="H3426" s="235">
        <f t="shared" si="799"/>
        <v>3.6275757326984648</v>
      </c>
      <c r="I3426" s="236">
        <f t="shared" si="800"/>
        <v>19.582406089289933</v>
      </c>
      <c r="J3426" s="237">
        <f t="shared" si="805"/>
        <v>9.5824060892899325</v>
      </c>
      <c r="K3426" s="237">
        <f t="shared" si="801"/>
        <v>667.58380598998315</v>
      </c>
      <c r="L3426" s="237">
        <f t="shared" si="806"/>
        <v>326.74088283260812</v>
      </c>
      <c r="M3426" s="236">
        <f t="shared" si="802"/>
        <v>9.886538121600605</v>
      </c>
      <c r="N3426" s="236">
        <f t="shared" si="803"/>
        <v>4.3772533726426603</v>
      </c>
      <c r="O3426" s="236">
        <f t="shared" si="807"/>
        <v>3.0966881831635731</v>
      </c>
      <c r="P3426" s="236" t="str">
        <f t="shared" si="808"/>
        <v>CLAY</v>
      </c>
      <c r="Q3426" s="236">
        <f t="shared" si="804"/>
        <v>269.19468283416808</v>
      </c>
      <c r="R3426" s="238">
        <v>35</v>
      </c>
      <c r="S3426" s="236">
        <f t="shared" si="809"/>
        <v>4.3827360420522092</v>
      </c>
      <c r="T3426" s="236" t="e">
        <f t="shared" si="795"/>
        <v>#N/A</v>
      </c>
    </row>
    <row r="3427" spans="1:20" x14ac:dyDescent="0.2">
      <c r="A3427" s="53">
        <f t="shared" si="796"/>
        <v>3415</v>
      </c>
      <c r="B3427" s="239">
        <v>34.107999999999997</v>
      </c>
      <c r="C3427" s="3">
        <f t="shared" si="797"/>
        <v>34.100999999999999</v>
      </c>
      <c r="D3427" s="239">
        <v>3.7212000000000001</v>
      </c>
      <c r="E3427" s="239">
        <v>0.15479999999999999</v>
      </c>
      <c r="F3427" s="239">
        <v>0.32640000000000002</v>
      </c>
      <c r="G3427">
        <f t="shared" si="798"/>
        <v>3.7864800000000001</v>
      </c>
      <c r="H3427" s="235">
        <f t="shared" si="799"/>
        <v>4.0882297014641562</v>
      </c>
      <c r="I3427" s="236">
        <f t="shared" si="800"/>
        <v>19.677236737039298</v>
      </c>
      <c r="J3427" s="237">
        <f t="shared" si="805"/>
        <v>9.6772367370392978</v>
      </c>
      <c r="K3427" s="237">
        <f t="shared" si="801"/>
        <v>671.01344996977707</v>
      </c>
      <c r="L3427" s="237">
        <f t="shared" si="806"/>
        <v>330.07119062693636</v>
      </c>
      <c r="M3427" s="236">
        <f t="shared" si="802"/>
        <v>9.4387715089969344</v>
      </c>
      <c r="N3427" s="236">
        <f t="shared" si="803"/>
        <v>4.9687582104997494</v>
      </c>
      <c r="O3427" s="236">
        <f t="shared" si="807"/>
        <v>3.1460217214856798</v>
      </c>
      <c r="P3427" s="236" t="str">
        <f t="shared" si="808"/>
        <v>CLAY</v>
      </c>
      <c r="Q3427" s="236">
        <f t="shared" si="804"/>
        <v>259.62221250251861</v>
      </c>
      <c r="R3427" s="238">
        <v>35</v>
      </c>
      <c r="S3427" s="236">
        <f t="shared" si="809"/>
        <v>4.1360363776721147</v>
      </c>
      <c r="T3427" s="236" t="e">
        <f t="shared" si="795"/>
        <v>#N/A</v>
      </c>
    </row>
    <row r="3428" spans="1:20" x14ac:dyDescent="0.2">
      <c r="A3428" s="53">
        <f t="shared" si="796"/>
        <v>3416</v>
      </c>
      <c r="B3428" s="239">
        <v>34.118000000000002</v>
      </c>
      <c r="C3428" s="3">
        <f t="shared" si="797"/>
        <v>34.111000000000004</v>
      </c>
      <c r="D3428" s="239">
        <v>3.3753000000000002</v>
      </c>
      <c r="E3428" s="239">
        <v>0.1595</v>
      </c>
      <c r="F3428" s="239">
        <v>0.40860000000000002</v>
      </c>
      <c r="G3428">
        <f t="shared" si="798"/>
        <v>3.45702</v>
      </c>
      <c r="H3428" s="235">
        <f t="shared" si="799"/>
        <v>4.6138003251355215</v>
      </c>
      <c r="I3428" s="236">
        <f t="shared" si="800"/>
        <v>19.676728613221869</v>
      </c>
      <c r="J3428" s="237">
        <f t="shared" si="805"/>
        <v>9.6767286132218686</v>
      </c>
      <c r="K3428" s="237">
        <f t="shared" si="801"/>
        <v>671.19288972561128</v>
      </c>
      <c r="L3428" s="237">
        <f t="shared" si="806"/>
        <v>330.15062682590371</v>
      </c>
      <c r="M3428" s="236">
        <f t="shared" si="802"/>
        <v>8.4380488295829341</v>
      </c>
      <c r="N3428" s="236">
        <f t="shared" si="803"/>
        <v>5.7254091401346914</v>
      </c>
      <c r="O3428" s="236">
        <f t="shared" si="807"/>
        <v>3.2221767869783977</v>
      </c>
      <c r="P3428" s="236" t="str">
        <f t="shared" si="808"/>
        <v>CLAY</v>
      </c>
      <c r="Q3428" s="236">
        <f t="shared" si="804"/>
        <v>232.1522591895324</v>
      </c>
      <c r="R3428" s="238">
        <v>35</v>
      </c>
      <c r="S3428" s="236">
        <f t="shared" si="809"/>
        <v>3.5953613997782132</v>
      </c>
      <c r="T3428" s="236" t="e">
        <f t="shared" si="795"/>
        <v>#N/A</v>
      </c>
    </row>
    <row r="3429" spans="1:20" x14ac:dyDescent="0.2">
      <c r="A3429" s="53">
        <f t="shared" si="796"/>
        <v>3417</v>
      </c>
      <c r="B3429" s="239">
        <v>34.127000000000002</v>
      </c>
      <c r="C3429" s="3">
        <f t="shared" si="797"/>
        <v>34.120000000000005</v>
      </c>
      <c r="D3429" s="239">
        <v>3.0306999999999999</v>
      </c>
      <c r="E3429" s="239">
        <v>0.1525</v>
      </c>
      <c r="F3429" s="239">
        <v>0.4108</v>
      </c>
      <c r="G3429">
        <f t="shared" si="798"/>
        <v>3.11286</v>
      </c>
      <c r="H3429" s="235">
        <f t="shared" si="799"/>
        <v>4.899031758575715</v>
      </c>
      <c r="I3429" s="236">
        <f t="shared" si="800"/>
        <v>19.583115262291034</v>
      </c>
      <c r="J3429" s="237">
        <f t="shared" si="805"/>
        <v>9.5831152622910345</v>
      </c>
      <c r="K3429" s="237">
        <f t="shared" si="801"/>
        <v>668.17589274937018</v>
      </c>
      <c r="L3429" s="237">
        <f t="shared" si="806"/>
        <v>327.04297455620616</v>
      </c>
      <c r="M3429" s="236">
        <f t="shared" si="802"/>
        <v>7.475115802649607</v>
      </c>
      <c r="N3429" s="236">
        <f t="shared" si="803"/>
        <v>6.2380247635145949</v>
      </c>
      <c r="O3429" s="236">
        <f t="shared" si="807"/>
        <v>3.2865810003957203</v>
      </c>
      <c r="P3429" s="236" t="str">
        <f t="shared" si="808"/>
        <v>CLAY</v>
      </c>
      <c r="Q3429" s="236">
        <f t="shared" si="804"/>
        <v>203.72367560421915</v>
      </c>
      <c r="R3429" s="238">
        <v>35</v>
      </c>
      <c r="S3429" s="236">
        <f t="shared" si="809"/>
        <v>3.090028001422489</v>
      </c>
      <c r="T3429" s="236" t="e">
        <f t="shared" si="795"/>
        <v>#N/A</v>
      </c>
    </row>
    <row r="3430" spans="1:20" x14ac:dyDescent="0.2">
      <c r="A3430" s="53">
        <f t="shared" si="796"/>
        <v>3418</v>
      </c>
      <c r="B3430" s="239">
        <v>34.137999999999998</v>
      </c>
      <c r="C3430" s="3">
        <f t="shared" si="797"/>
        <v>34.131</v>
      </c>
      <c r="D3430" s="239">
        <v>2.7776999999999998</v>
      </c>
      <c r="E3430" s="239">
        <v>0.13950000000000001</v>
      </c>
      <c r="F3430" s="239">
        <v>0.42599999999999999</v>
      </c>
      <c r="G3430">
        <f t="shared" si="798"/>
        <v>2.8628999999999998</v>
      </c>
      <c r="H3430" s="235">
        <f t="shared" si="799"/>
        <v>4.8726815466834337</v>
      </c>
      <c r="I3430" s="236">
        <f t="shared" si="800"/>
        <v>19.445918975620472</v>
      </c>
      <c r="J3430" s="237">
        <f t="shared" si="805"/>
        <v>9.4459189756204722</v>
      </c>
      <c r="K3430" s="237">
        <f t="shared" si="801"/>
        <v>663.70866055690237</v>
      </c>
      <c r="L3430" s="237">
        <f t="shared" si="806"/>
        <v>322.46478198973165</v>
      </c>
      <c r="M3430" s="236">
        <f t="shared" si="802"/>
        <v>6.8199427108698236</v>
      </c>
      <c r="N3430" s="236">
        <f t="shared" si="803"/>
        <v>6.3432406947967381</v>
      </c>
      <c r="O3430" s="236">
        <f t="shared" si="807"/>
        <v>3.3225584436461313</v>
      </c>
      <c r="P3430" s="236" t="str">
        <f t="shared" si="808"/>
        <v>CLAY</v>
      </c>
      <c r="Q3430" s="236">
        <f t="shared" si="804"/>
        <v>183.26594495359143</v>
      </c>
      <c r="R3430" s="238">
        <v>35</v>
      </c>
      <c r="S3430" s="236">
        <f t="shared" si="809"/>
        <v>2.7552811230900853</v>
      </c>
      <c r="T3430" s="236" t="e">
        <f t="shared" si="795"/>
        <v>#N/A</v>
      </c>
    </row>
    <row r="3431" spans="1:20" x14ac:dyDescent="0.2">
      <c r="A3431" s="53">
        <f t="shared" si="796"/>
        <v>3419</v>
      </c>
      <c r="B3431" s="239">
        <v>34.146999999999998</v>
      </c>
      <c r="C3431" s="3">
        <f t="shared" si="797"/>
        <v>34.14</v>
      </c>
      <c r="D3431" s="239">
        <v>2.7936999999999999</v>
      </c>
      <c r="E3431" s="239">
        <v>0.13220000000000001</v>
      </c>
      <c r="F3431" s="239">
        <v>0.43569999999999998</v>
      </c>
      <c r="G3431">
        <f t="shared" si="798"/>
        <v>2.8808399999999996</v>
      </c>
      <c r="H3431" s="235">
        <f t="shared" si="799"/>
        <v>4.5889393371377807</v>
      </c>
      <c r="I3431" s="236">
        <f t="shared" si="800"/>
        <v>19.385335207949169</v>
      </c>
      <c r="J3431" s="237">
        <f t="shared" si="805"/>
        <v>9.3853352079491685</v>
      </c>
      <c r="K3431" s="237">
        <f t="shared" si="801"/>
        <v>661.8153439993846</v>
      </c>
      <c r="L3431" s="237">
        <f t="shared" si="806"/>
        <v>320.48104134584025</v>
      </c>
      <c r="M3431" s="236">
        <f t="shared" si="802"/>
        <v>6.924043452561059</v>
      </c>
      <c r="N3431" s="236">
        <f t="shared" si="803"/>
        <v>5.9575723794915492</v>
      </c>
      <c r="O3431" s="236">
        <f t="shared" si="807"/>
        <v>3.3008043388017811</v>
      </c>
      <c r="P3431" s="236" t="str">
        <f t="shared" si="808"/>
        <v>CLAY</v>
      </c>
      <c r="Q3431" s="236">
        <f t="shared" si="804"/>
        <v>184.91872133338461</v>
      </c>
      <c r="R3431" s="238">
        <v>35</v>
      </c>
      <c r="S3431" s="236">
        <f t="shared" si="809"/>
        <v>2.8079523876460661</v>
      </c>
      <c r="T3431" s="236" t="e">
        <f t="shared" si="795"/>
        <v>#N/A</v>
      </c>
    </row>
    <row r="3432" spans="1:20" x14ac:dyDescent="0.2">
      <c r="A3432" s="53">
        <f t="shared" si="796"/>
        <v>3420</v>
      </c>
      <c r="B3432" s="239">
        <v>34.156999999999996</v>
      </c>
      <c r="C3432" s="3">
        <f t="shared" si="797"/>
        <v>34.15</v>
      </c>
      <c r="D3432" s="239">
        <v>3.117</v>
      </c>
      <c r="E3432" s="239">
        <v>0.13550000000000001</v>
      </c>
      <c r="F3432" s="239">
        <v>0.47810000000000002</v>
      </c>
      <c r="G3432">
        <f t="shared" si="798"/>
        <v>3.2126199999999998</v>
      </c>
      <c r="H3432" s="235">
        <f t="shared" si="799"/>
        <v>4.2177412828158953</v>
      </c>
      <c r="I3432" s="236">
        <f t="shared" si="800"/>
        <v>19.456852574289289</v>
      </c>
      <c r="J3432" s="237">
        <f t="shared" si="805"/>
        <v>9.4568525742892895</v>
      </c>
      <c r="K3432" s="237">
        <f t="shared" si="801"/>
        <v>664.45151541197924</v>
      </c>
      <c r="L3432" s="237">
        <f t="shared" si="806"/>
        <v>323.01771337999924</v>
      </c>
      <c r="M3432" s="236">
        <f t="shared" si="802"/>
        <v>7.8886339016038605</v>
      </c>
      <c r="N3432" s="236">
        <f t="shared" si="803"/>
        <v>5.3175447706672019</v>
      </c>
      <c r="O3432" s="236">
        <f t="shared" si="807"/>
        <v>3.225850527819099</v>
      </c>
      <c r="P3432" s="236" t="str">
        <f t="shared" si="808"/>
        <v>CLAY</v>
      </c>
      <c r="Q3432" s="236">
        <f t="shared" si="804"/>
        <v>212.3473737156684</v>
      </c>
      <c r="R3432" s="238">
        <v>35</v>
      </c>
      <c r="S3432" s="236">
        <f t="shared" si="809"/>
        <v>3.3051582691345796</v>
      </c>
      <c r="T3432" s="236" t="e">
        <f t="shared" si="795"/>
        <v>#N/A</v>
      </c>
    </row>
    <row r="3433" spans="1:20" x14ac:dyDescent="0.2">
      <c r="A3433" s="53">
        <f t="shared" si="796"/>
        <v>3421</v>
      </c>
      <c r="B3433" s="239">
        <v>34.167000000000002</v>
      </c>
      <c r="C3433" s="3">
        <f t="shared" si="797"/>
        <v>34.160000000000004</v>
      </c>
      <c r="D3433" s="239">
        <v>3.4609000000000001</v>
      </c>
      <c r="E3433" s="239">
        <v>0.13689999999999999</v>
      </c>
      <c r="F3433" s="239">
        <v>0.51280000000000003</v>
      </c>
      <c r="G3433">
        <f t="shared" si="798"/>
        <v>3.5634600000000001</v>
      </c>
      <c r="H3433" s="235">
        <f t="shared" si="799"/>
        <v>3.8417717611534856</v>
      </c>
      <c r="I3433" s="236">
        <f t="shared" si="800"/>
        <v>19.509417063710842</v>
      </c>
      <c r="J3433" s="237">
        <f t="shared" si="805"/>
        <v>9.5094170637108419</v>
      </c>
      <c r="K3433" s="237">
        <f t="shared" si="801"/>
        <v>666.4416868963624</v>
      </c>
      <c r="L3433" s="237">
        <f t="shared" si="806"/>
        <v>324.90825281580834</v>
      </c>
      <c r="M3433" s="236">
        <f t="shared" si="802"/>
        <v>8.9164195984457422</v>
      </c>
      <c r="N3433" s="236">
        <f t="shared" si="803"/>
        <v>4.7255483122347304</v>
      </c>
      <c r="O3433" s="236">
        <f t="shared" si="807"/>
        <v>3.1525210696028587</v>
      </c>
      <c r="P3433" s="236" t="str">
        <f t="shared" si="808"/>
        <v>CLAY</v>
      </c>
      <c r="Q3433" s="236">
        <f t="shared" si="804"/>
        <v>241.41819275863645</v>
      </c>
      <c r="R3433" s="238">
        <v>35</v>
      </c>
      <c r="S3433" s="236">
        <f t="shared" si="809"/>
        <v>3.851927735520162</v>
      </c>
      <c r="T3433" s="236" t="e">
        <f t="shared" si="795"/>
        <v>#N/A</v>
      </c>
    </row>
    <row r="3434" spans="1:20" x14ac:dyDescent="0.2">
      <c r="A3434" s="53">
        <f t="shared" si="796"/>
        <v>3422</v>
      </c>
      <c r="B3434" s="239">
        <v>34.176000000000002</v>
      </c>
      <c r="C3434" s="3">
        <f t="shared" si="797"/>
        <v>34.169000000000004</v>
      </c>
      <c r="D3434" s="239">
        <v>3.9272</v>
      </c>
      <c r="E3434" s="239">
        <v>0.13389999999999999</v>
      </c>
      <c r="F3434" s="239">
        <v>0.54900000000000004</v>
      </c>
      <c r="G3434">
        <f t="shared" si="798"/>
        <v>4.0369999999999999</v>
      </c>
      <c r="H3434" s="235">
        <f t="shared" si="799"/>
        <v>3.3168194203616546</v>
      </c>
      <c r="I3434" s="236">
        <f t="shared" si="800"/>
        <v>19.532203486784194</v>
      </c>
      <c r="J3434" s="237">
        <f t="shared" si="805"/>
        <v>9.5322034867841943</v>
      </c>
      <c r="K3434" s="237">
        <f t="shared" si="801"/>
        <v>667.39586093992921</v>
      </c>
      <c r="L3434" s="237">
        <f t="shared" si="806"/>
        <v>325.77258636433663</v>
      </c>
      <c r="M3434" s="236">
        <f t="shared" si="802"/>
        <v>10.343424462645185</v>
      </c>
      <c r="N3434" s="236">
        <f t="shared" si="803"/>
        <v>3.9737605509159462</v>
      </c>
      <c r="O3434" s="236">
        <f t="shared" si="807"/>
        <v>3.0558416142924059</v>
      </c>
      <c r="P3434" s="236" t="str">
        <f t="shared" si="808"/>
        <v>CLAY</v>
      </c>
      <c r="Q3434" s="236">
        <f t="shared" si="804"/>
        <v>280.80034492167255</v>
      </c>
      <c r="R3434" s="238">
        <v>35</v>
      </c>
      <c r="S3434" s="236">
        <f t="shared" si="809"/>
        <v>4.6373560597411627</v>
      </c>
      <c r="T3434" s="236" t="e">
        <f t="shared" si="795"/>
        <v>#N/A</v>
      </c>
    </row>
    <row r="3435" spans="1:20" x14ac:dyDescent="0.2">
      <c r="A3435" s="53">
        <f t="shared" si="796"/>
        <v>3423</v>
      </c>
      <c r="B3435" s="239">
        <v>34.186</v>
      </c>
      <c r="C3435" s="3">
        <f t="shared" si="797"/>
        <v>34.179000000000002</v>
      </c>
      <c r="D3435" s="239">
        <v>4.6668000000000003</v>
      </c>
      <c r="E3435" s="239">
        <v>0.128</v>
      </c>
      <c r="F3435" s="239">
        <v>0.52769999999999995</v>
      </c>
      <c r="G3435">
        <f t="shared" si="798"/>
        <v>4.7723399999999998</v>
      </c>
      <c r="H3435" s="235">
        <f t="shared" si="799"/>
        <v>2.6821223969792598</v>
      </c>
      <c r="I3435" s="236">
        <f t="shared" si="800"/>
        <v>19.544768211662266</v>
      </c>
      <c r="J3435" s="237">
        <f t="shared" si="805"/>
        <v>9.5447682116622659</v>
      </c>
      <c r="K3435" s="237">
        <f t="shared" si="801"/>
        <v>668.02063270640463</v>
      </c>
      <c r="L3435" s="237">
        <f t="shared" si="806"/>
        <v>326.2974460838862</v>
      </c>
      <c r="M3435" s="236">
        <f t="shared" si="802"/>
        <v>12.578459980463458</v>
      </c>
      <c r="N3435" s="236">
        <f t="shared" si="803"/>
        <v>3.1186656920512426</v>
      </c>
      <c r="O3435" s="236">
        <f t="shared" si="807"/>
        <v>2.9251247913529577</v>
      </c>
      <c r="P3435" s="236" t="str">
        <f t="shared" si="808"/>
        <v>CLAY</v>
      </c>
      <c r="Q3435" s="236">
        <f t="shared" si="804"/>
        <v>342.02661394113301</v>
      </c>
      <c r="R3435" s="238">
        <v>35</v>
      </c>
      <c r="S3435" s="236">
        <f t="shared" si="809"/>
        <v>5.922081080522414</v>
      </c>
      <c r="T3435" s="236" t="e">
        <f t="shared" si="795"/>
        <v>#N/A</v>
      </c>
    </row>
    <row r="3436" spans="1:20" x14ac:dyDescent="0.2">
      <c r="A3436" s="53">
        <f t="shared" si="796"/>
        <v>3424</v>
      </c>
      <c r="B3436" s="239">
        <v>34.195999999999998</v>
      </c>
      <c r="C3436" s="3">
        <f t="shared" si="797"/>
        <v>34.189</v>
      </c>
      <c r="D3436" s="239">
        <v>5.2820999999999998</v>
      </c>
      <c r="E3436" s="239">
        <v>0.1168</v>
      </c>
      <c r="F3436" s="239">
        <v>0.51500000000000001</v>
      </c>
      <c r="G3436">
        <f t="shared" si="798"/>
        <v>5.3850999999999996</v>
      </c>
      <c r="H3436" s="235">
        <f t="shared" si="799"/>
        <v>2.1689476518541904</v>
      </c>
      <c r="I3436" s="236">
        <f t="shared" si="800"/>
        <v>19.48461312508552</v>
      </c>
      <c r="J3436" s="237">
        <f t="shared" si="805"/>
        <v>9.4846131250855201</v>
      </c>
      <c r="K3436" s="237">
        <f t="shared" si="801"/>
        <v>666.15943813354886</v>
      </c>
      <c r="L3436" s="237">
        <f t="shared" si="806"/>
        <v>324.33583042542443</v>
      </c>
      <c r="M3436" s="236">
        <f t="shared" si="802"/>
        <v>14.549550555905945</v>
      </c>
      <c r="N3436" s="236">
        <f t="shared" si="803"/>
        <v>2.4751318324256006</v>
      </c>
      <c r="O3436" s="236">
        <f t="shared" si="807"/>
        <v>2.8154293915538866</v>
      </c>
      <c r="P3436" s="236" t="str">
        <f t="shared" si="808"/>
        <v>CLAY</v>
      </c>
      <c r="Q3436" s="236">
        <f t="shared" si="804"/>
        <v>393.24504682220419</v>
      </c>
      <c r="R3436" s="238">
        <v>35</v>
      </c>
      <c r="S3436" s="236">
        <f t="shared" si="809"/>
        <v>7.103984105387366</v>
      </c>
      <c r="T3436" s="236" t="e">
        <f t="shared" si="795"/>
        <v>#N/A</v>
      </c>
    </row>
    <row r="3437" spans="1:20" x14ac:dyDescent="0.2">
      <c r="A3437" s="53">
        <f t="shared" si="796"/>
        <v>3425</v>
      </c>
      <c r="B3437" s="239">
        <v>34.206000000000003</v>
      </c>
      <c r="C3437" s="3">
        <f t="shared" si="797"/>
        <v>34.199000000000005</v>
      </c>
      <c r="D3437" s="239">
        <v>5.2598000000000003</v>
      </c>
      <c r="E3437" s="239">
        <v>0.1123</v>
      </c>
      <c r="F3437" s="239">
        <v>0.38769999999999999</v>
      </c>
      <c r="G3437">
        <f t="shared" si="798"/>
        <v>5.3373400000000002</v>
      </c>
      <c r="H3437" s="235">
        <f t="shared" si="799"/>
        <v>2.10404433669206</v>
      </c>
      <c r="I3437" s="236">
        <f t="shared" si="800"/>
        <v>19.435060778545314</v>
      </c>
      <c r="J3437" s="237">
        <f t="shared" si="805"/>
        <v>9.4350607785453136</v>
      </c>
      <c r="K3437" s="237">
        <f t="shared" si="801"/>
        <v>664.65964356547124</v>
      </c>
      <c r="L3437" s="237">
        <f t="shared" si="806"/>
        <v>322.73568899092101</v>
      </c>
      <c r="M3437" s="236">
        <f t="shared" si="802"/>
        <v>14.478350290432175</v>
      </c>
      <c r="N3437" s="236">
        <f t="shared" si="803"/>
        <v>2.403331523530321</v>
      </c>
      <c r="O3437" s="236">
        <f t="shared" si="807"/>
        <v>2.8098723843005917</v>
      </c>
      <c r="P3437" s="236" t="str">
        <f t="shared" si="808"/>
        <v>CLAY</v>
      </c>
      <c r="Q3437" s="236">
        <f t="shared" si="804"/>
        <v>389.39002970287743</v>
      </c>
      <c r="R3437" s="238">
        <v>35</v>
      </c>
      <c r="S3437" s="236">
        <f t="shared" si="809"/>
        <v>7.0605552921447092</v>
      </c>
      <c r="T3437" s="236" t="e">
        <f t="shared" si="795"/>
        <v>#N/A</v>
      </c>
    </row>
    <row r="3438" spans="1:20" x14ac:dyDescent="0.2">
      <c r="A3438" s="53">
        <f t="shared" si="796"/>
        <v>3426</v>
      </c>
      <c r="B3438" s="239">
        <v>34.216000000000001</v>
      </c>
      <c r="C3438" s="3">
        <f t="shared" si="797"/>
        <v>34.209000000000003</v>
      </c>
      <c r="D3438" s="239">
        <v>5.2218999999999998</v>
      </c>
      <c r="E3438" s="239">
        <v>9.5299999999999996E-2</v>
      </c>
      <c r="F3438" s="239">
        <v>0.2697</v>
      </c>
      <c r="G3438">
        <f t="shared" si="798"/>
        <v>5.2758399999999996</v>
      </c>
      <c r="H3438" s="235">
        <f t="shared" si="799"/>
        <v>1.8063474252441318</v>
      </c>
      <c r="I3438" s="236">
        <f t="shared" si="800"/>
        <v>19.238056340738336</v>
      </c>
      <c r="J3438" s="237">
        <f t="shared" si="805"/>
        <v>9.2380563407383356</v>
      </c>
      <c r="K3438" s="237">
        <f t="shared" si="801"/>
        <v>658.11466936031775</v>
      </c>
      <c r="L3438" s="237">
        <f t="shared" si="806"/>
        <v>316.08933575470292</v>
      </c>
      <c r="M3438" s="236">
        <f t="shared" si="802"/>
        <v>14.60892478265451</v>
      </c>
      <c r="N3438" s="236">
        <f t="shared" si="803"/>
        <v>2.0637866736607813</v>
      </c>
      <c r="O3438" s="236">
        <f t="shared" si="807"/>
        <v>2.7694730652752151</v>
      </c>
      <c r="P3438" s="236" t="str">
        <f t="shared" si="808"/>
        <v>CLAY</v>
      </c>
      <c r="Q3438" s="236">
        <f t="shared" si="804"/>
        <v>384.81044421997348</v>
      </c>
      <c r="R3438" s="238">
        <v>35</v>
      </c>
      <c r="S3438" s="236">
        <f t="shared" si="809"/>
        <v>7.140240251305439</v>
      </c>
      <c r="T3438" s="236" t="e">
        <f t="shared" si="795"/>
        <v>#N/A</v>
      </c>
    </row>
    <row r="3439" spans="1:20" x14ac:dyDescent="0.2">
      <c r="A3439" s="53">
        <f t="shared" si="796"/>
        <v>3427</v>
      </c>
      <c r="B3439" s="239">
        <v>34.225999999999999</v>
      </c>
      <c r="C3439" s="3">
        <f t="shared" si="797"/>
        <v>34.219000000000001</v>
      </c>
      <c r="D3439" s="239">
        <v>5.0712000000000002</v>
      </c>
      <c r="E3439" s="239">
        <v>9.5799999999999996E-2</v>
      </c>
      <c r="F3439" s="239">
        <v>0.33090000000000003</v>
      </c>
      <c r="G3439">
        <f t="shared" si="798"/>
        <v>5.1373800000000003</v>
      </c>
      <c r="H3439" s="235">
        <f t="shared" si="799"/>
        <v>1.8647637511727766</v>
      </c>
      <c r="I3439" s="236">
        <f t="shared" si="800"/>
        <v>19.233797450489426</v>
      </c>
      <c r="J3439" s="237">
        <f t="shared" si="805"/>
        <v>9.2337974504894262</v>
      </c>
      <c r="K3439" s="237">
        <f t="shared" si="801"/>
        <v>658.16131495829768</v>
      </c>
      <c r="L3439" s="237">
        <f t="shared" si="806"/>
        <v>316.03595154045109</v>
      </c>
      <c r="M3439" s="236">
        <f t="shared" si="802"/>
        <v>14.173130187273594</v>
      </c>
      <c r="N3439" s="236">
        <f t="shared" si="803"/>
        <v>2.138765859321023</v>
      </c>
      <c r="O3439" s="236">
        <f t="shared" si="807"/>
        <v>2.7890154223218082</v>
      </c>
      <c r="P3439" s="236" t="str">
        <f t="shared" si="808"/>
        <v>CLAY</v>
      </c>
      <c r="Q3439" s="236">
        <f t="shared" si="804"/>
        <v>373.26822375347518</v>
      </c>
      <c r="R3439" s="238">
        <v>35</v>
      </c>
      <c r="S3439" s="236">
        <f t="shared" si="809"/>
        <v>6.8749925061506607</v>
      </c>
      <c r="T3439" s="236" t="e">
        <f t="shared" si="795"/>
        <v>#N/A</v>
      </c>
    </row>
    <row r="3440" spans="1:20" x14ac:dyDescent="0.2">
      <c r="A3440" s="53">
        <f t="shared" si="796"/>
        <v>3428</v>
      </c>
      <c r="B3440" s="239">
        <v>34.235999999999997</v>
      </c>
      <c r="C3440" s="3">
        <f t="shared" si="797"/>
        <v>34.228999999999999</v>
      </c>
      <c r="D3440" s="239">
        <v>4.8861999999999997</v>
      </c>
      <c r="E3440" s="239">
        <v>0.10249999999999999</v>
      </c>
      <c r="F3440" s="239">
        <v>0.36799999999999999</v>
      </c>
      <c r="G3440">
        <f t="shared" si="798"/>
        <v>4.9597999999999995</v>
      </c>
      <c r="H3440" s="235">
        <f t="shared" si="799"/>
        <v>2.0666155893382796</v>
      </c>
      <c r="I3440" s="236">
        <f t="shared" si="800"/>
        <v>19.299315238776842</v>
      </c>
      <c r="J3440" s="237">
        <f t="shared" si="805"/>
        <v>9.2993152387768419</v>
      </c>
      <c r="K3440" s="237">
        <f t="shared" si="801"/>
        <v>660.59626130809249</v>
      </c>
      <c r="L3440" s="237">
        <f t="shared" si="806"/>
        <v>318.37135651476393</v>
      </c>
      <c r="M3440" s="236">
        <f t="shared" si="802"/>
        <v>13.503739110690185</v>
      </c>
      <c r="N3440" s="236">
        <f t="shared" si="803"/>
        <v>2.3841624223928286</v>
      </c>
      <c r="O3440" s="236">
        <f t="shared" si="807"/>
        <v>2.832835520380272</v>
      </c>
      <c r="P3440" s="236" t="str">
        <f t="shared" si="808"/>
        <v>CLAY</v>
      </c>
      <c r="Q3440" s="236">
        <f t="shared" si="804"/>
        <v>358.26697822432556</v>
      </c>
      <c r="R3440" s="238">
        <v>35</v>
      </c>
      <c r="S3440" s="236">
        <f t="shared" si="809"/>
        <v>6.4715387695863491</v>
      </c>
      <c r="T3440" s="236" t="e">
        <f t="shared" si="795"/>
        <v>#N/A</v>
      </c>
    </row>
    <row r="3441" spans="1:20" x14ac:dyDescent="0.2">
      <c r="A3441" s="53">
        <f t="shared" si="796"/>
        <v>3429</v>
      </c>
      <c r="B3441" s="239">
        <v>34.244999999999997</v>
      </c>
      <c r="C3441" s="3">
        <f t="shared" si="797"/>
        <v>34.238</v>
      </c>
      <c r="D3441" s="239">
        <v>4.8365</v>
      </c>
      <c r="E3441" s="239">
        <v>0.11269999999999999</v>
      </c>
      <c r="F3441" s="239">
        <v>0.39300000000000002</v>
      </c>
      <c r="G3441">
        <f t="shared" si="798"/>
        <v>4.9150999999999998</v>
      </c>
      <c r="H3441" s="235">
        <f t="shared" si="799"/>
        <v>2.2929340196537202</v>
      </c>
      <c r="I3441" s="236">
        <f t="shared" si="800"/>
        <v>19.407016750070468</v>
      </c>
      <c r="J3441" s="237">
        <f t="shared" si="805"/>
        <v>9.4070167500704684</v>
      </c>
      <c r="K3441" s="237">
        <f t="shared" si="801"/>
        <v>664.45743948891266</v>
      </c>
      <c r="L3441" s="237">
        <f t="shared" si="806"/>
        <v>322.1432886061632</v>
      </c>
      <c r="M3441" s="236">
        <f t="shared" si="802"/>
        <v>13.194881628304593</v>
      </c>
      <c r="N3441" s="236">
        <f t="shared" si="803"/>
        <v>2.6513638443042646</v>
      </c>
      <c r="O3441" s="236">
        <f t="shared" si="807"/>
        <v>2.8673307725166053</v>
      </c>
      <c r="P3441" s="236" t="str">
        <f t="shared" si="808"/>
        <v>CLAY</v>
      </c>
      <c r="Q3441" s="236">
        <f t="shared" si="804"/>
        <v>354.22021337592395</v>
      </c>
      <c r="R3441" s="238">
        <v>35</v>
      </c>
      <c r="S3441" s="236">
        <f t="shared" si="809"/>
        <v>6.2870495303412639</v>
      </c>
      <c r="T3441" s="236" t="e">
        <f t="shared" si="795"/>
        <v>#N/A</v>
      </c>
    </row>
    <row r="3442" spans="1:20" x14ac:dyDescent="0.2">
      <c r="A3442" s="53">
        <f t="shared" si="796"/>
        <v>3430</v>
      </c>
      <c r="B3442" s="239">
        <v>34.253999999999998</v>
      </c>
      <c r="C3442" s="3">
        <f t="shared" si="797"/>
        <v>34.247</v>
      </c>
      <c r="D3442" s="239">
        <v>4.9340999999999999</v>
      </c>
      <c r="E3442" s="239">
        <v>0.1183</v>
      </c>
      <c r="F3442" s="239">
        <v>0.44590000000000002</v>
      </c>
      <c r="G3442">
        <f t="shared" si="798"/>
        <v>5.0232799999999997</v>
      </c>
      <c r="H3442" s="235">
        <f t="shared" si="799"/>
        <v>2.355034957239095</v>
      </c>
      <c r="I3442" s="236">
        <f t="shared" si="800"/>
        <v>19.472390512830334</v>
      </c>
      <c r="J3442" s="237">
        <f t="shared" si="805"/>
        <v>9.4723905128303336</v>
      </c>
      <c r="K3442" s="237">
        <f t="shared" si="801"/>
        <v>666.87095789290038</v>
      </c>
      <c r="L3442" s="237">
        <f t="shared" si="806"/>
        <v>324.46726462649025</v>
      </c>
      <c r="M3442" s="236">
        <f t="shared" si="802"/>
        <v>13.426343785780578</v>
      </c>
      <c r="N3442" s="236">
        <f t="shared" si="803"/>
        <v>2.715539309017247</v>
      </c>
      <c r="O3442" s="236">
        <f t="shared" si="807"/>
        <v>2.8671243115543419</v>
      </c>
      <c r="P3442" s="236" t="str">
        <f t="shared" si="808"/>
        <v>CLAY</v>
      </c>
      <c r="Q3442" s="236">
        <f t="shared" si="804"/>
        <v>363.03408684225832</v>
      </c>
      <c r="R3442" s="238">
        <v>35</v>
      </c>
      <c r="S3442" s="236">
        <f t="shared" si="809"/>
        <v>6.4252083150468708</v>
      </c>
      <c r="T3442" s="236" t="e">
        <f t="shared" si="795"/>
        <v>#N/A</v>
      </c>
    </row>
    <row r="3443" spans="1:20" x14ac:dyDescent="0.2">
      <c r="A3443" s="53">
        <f t="shared" si="796"/>
        <v>3431</v>
      </c>
      <c r="B3443" s="239">
        <v>34.265000000000001</v>
      </c>
      <c r="C3443" s="3">
        <f t="shared" si="797"/>
        <v>34.258000000000003</v>
      </c>
      <c r="D3443" s="239">
        <v>5.1691000000000003</v>
      </c>
      <c r="E3443" s="239">
        <v>0.11409999999999999</v>
      </c>
      <c r="F3443" s="239">
        <v>0.48480000000000001</v>
      </c>
      <c r="G3443">
        <f t="shared" si="798"/>
        <v>5.2660600000000004</v>
      </c>
      <c r="H3443" s="235">
        <f t="shared" si="799"/>
        <v>2.1667052787093195</v>
      </c>
      <c r="I3443" s="236">
        <f t="shared" si="800"/>
        <v>19.448451517035856</v>
      </c>
      <c r="J3443" s="237">
        <f t="shared" si="805"/>
        <v>9.4484515170358563</v>
      </c>
      <c r="K3443" s="237">
        <f t="shared" si="801"/>
        <v>666.26505207061439</v>
      </c>
      <c r="L3443" s="237">
        <f t="shared" si="806"/>
        <v>323.75119123123363</v>
      </c>
      <c r="M3443" s="236">
        <f t="shared" si="802"/>
        <v>14.20780856569594</v>
      </c>
      <c r="N3443" s="236">
        <f t="shared" si="803"/>
        <v>2.4805453567307936</v>
      </c>
      <c r="O3443" s="236">
        <f t="shared" si="807"/>
        <v>2.8244367985737036</v>
      </c>
      <c r="P3443" s="236" t="str">
        <f t="shared" si="808"/>
        <v>CLAY</v>
      </c>
      <c r="Q3443" s="236">
        <f t="shared" si="804"/>
        <v>383.31624566078216</v>
      </c>
      <c r="R3443" s="238">
        <v>35</v>
      </c>
      <c r="S3443" s="236">
        <f t="shared" si="809"/>
        <v>6.8960258331179078</v>
      </c>
      <c r="T3443" s="236" t="e">
        <f t="shared" si="795"/>
        <v>#N/A</v>
      </c>
    </row>
    <row r="3444" spans="1:20" x14ac:dyDescent="0.2">
      <c r="A3444" s="53">
        <f t="shared" si="796"/>
        <v>3432</v>
      </c>
      <c r="B3444" s="239">
        <v>34.274000000000001</v>
      </c>
      <c r="C3444" s="3">
        <f t="shared" si="797"/>
        <v>34.267000000000003</v>
      </c>
      <c r="D3444" s="239">
        <v>5.0228000000000002</v>
      </c>
      <c r="E3444" s="239">
        <v>0.106</v>
      </c>
      <c r="F3444" s="239">
        <v>0.43469999999999998</v>
      </c>
      <c r="G3444">
        <f t="shared" si="798"/>
        <v>5.1097400000000004</v>
      </c>
      <c r="H3444" s="235">
        <f t="shared" si="799"/>
        <v>2.0744695424816135</v>
      </c>
      <c r="I3444" s="236">
        <f t="shared" si="800"/>
        <v>19.350327812754962</v>
      </c>
      <c r="J3444" s="237">
        <f t="shared" si="805"/>
        <v>9.3503278127549621</v>
      </c>
      <c r="K3444" s="237">
        <f t="shared" si="801"/>
        <v>663.07768315967439</v>
      </c>
      <c r="L3444" s="237">
        <f t="shared" si="806"/>
        <v>320.47313545436356</v>
      </c>
      <c r="M3444" s="236">
        <f t="shared" si="802"/>
        <v>13.875304432416446</v>
      </c>
      <c r="N3444" s="236">
        <f t="shared" si="803"/>
        <v>2.3838104278473891</v>
      </c>
      <c r="O3444" s="236">
        <f t="shared" si="807"/>
        <v>2.8230713443539122</v>
      </c>
      <c r="P3444" s="236" t="str">
        <f t="shared" si="808"/>
        <v>CLAY</v>
      </c>
      <c r="Q3444" s="236">
        <f t="shared" si="804"/>
        <v>370.5551930700272</v>
      </c>
      <c r="R3444" s="238">
        <v>35</v>
      </c>
      <c r="S3444" s="236">
        <f t="shared" si="809"/>
        <v>6.6948855855736902</v>
      </c>
      <c r="T3444" s="236" t="e">
        <f t="shared" si="795"/>
        <v>#N/A</v>
      </c>
    </row>
    <row r="3445" spans="1:20" x14ac:dyDescent="0.2">
      <c r="A3445" s="53">
        <f t="shared" si="796"/>
        <v>3433</v>
      </c>
      <c r="B3445" s="239">
        <v>34.283999999999999</v>
      </c>
      <c r="C3445" s="3">
        <f t="shared" si="797"/>
        <v>34.277000000000001</v>
      </c>
      <c r="D3445" s="239">
        <v>4.8217999999999996</v>
      </c>
      <c r="E3445" s="239">
        <v>9.7699999999999995E-2</v>
      </c>
      <c r="F3445" s="239">
        <v>0.38340000000000002</v>
      </c>
      <c r="G3445">
        <f t="shared" si="798"/>
        <v>4.8984799999999993</v>
      </c>
      <c r="H3445" s="235">
        <f t="shared" si="799"/>
        <v>1.9944962518985483</v>
      </c>
      <c r="I3445" s="236">
        <f t="shared" si="800"/>
        <v>19.238213581710319</v>
      </c>
      <c r="J3445" s="237">
        <f t="shared" si="805"/>
        <v>9.238213581710319</v>
      </c>
      <c r="K3445" s="237">
        <f t="shared" si="801"/>
        <v>659.42824694028468</v>
      </c>
      <c r="L3445" s="237">
        <f t="shared" si="806"/>
        <v>316.72291443535659</v>
      </c>
      <c r="M3445" s="236">
        <f t="shared" si="802"/>
        <v>13.384101875347289</v>
      </c>
      <c r="N3445" s="236">
        <f t="shared" si="803"/>
        <v>2.3047607269592989</v>
      </c>
      <c r="O3445" s="236">
        <f t="shared" si="807"/>
        <v>2.8277691887626757</v>
      </c>
      <c r="P3445" s="236" t="str">
        <f t="shared" si="808"/>
        <v>CLAY</v>
      </c>
      <c r="Q3445" s="236">
        <f t="shared" si="804"/>
        <v>353.2543127549763</v>
      </c>
      <c r="R3445" s="238">
        <v>35</v>
      </c>
      <c r="S3445" s="236">
        <f t="shared" si="809"/>
        <v>6.3999495537478257</v>
      </c>
      <c r="T3445" s="236" t="e">
        <f t="shared" si="795"/>
        <v>#N/A</v>
      </c>
    </row>
    <row r="3446" spans="1:20" x14ac:dyDescent="0.2">
      <c r="A3446" s="53">
        <f t="shared" si="796"/>
        <v>3434</v>
      </c>
      <c r="B3446" s="239">
        <v>34.295000000000002</v>
      </c>
      <c r="C3446" s="3">
        <f t="shared" si="797"/>
        <v>34.288000000000004</v>
      </c>
      <c r="D3446" s="239">
        <v>4.7161</v>
      </c>
      <c r="E3446" s="239">
        <v>9.2799999999999994E-2</v>
      </c>
      <c r="F3446" s="239">
        <v>0.38640000000000002</v>
      </c>
      <c r="G3446">
        <f t="shared" si="798"/>
        <v>4.79338</v>
      </c>
      <c r="H3446" s="235">
        <f t="shared" si="799"/>
        <v>1.9360034046956427</v>
      </c>
      <c r="I3446" s="236">
        <f t="shared" si="800"/>
        <v>19.169400263711314</v>
      </c>
      <c r="J3446" s="237">
        <f t="shared" si="805"/>
        <v>9.1694002637113137</v>
      </c>
      <c r="K3446" s="237">
        <f t="shared" si="801"/>
        <v>657.28039624213363</v>
      </c>
      <c r="L3446" s="237">
        <f t="shared" si="806"/>
        <v>314.46458204397953</v>
      </c>
      <c r="M3446" s="236">
        <f t="shared" si="802"/>
        <v>13.152831320060747</v>
      </c>
      <c r="N3446" s="236">
        <f t="shared" si="803"/>
        <v>2.2436597009338524</v>
      </c>
      <c r="O3446" s="236">
        <f t="shared" si="807"/>
        <v>2.8275459927606774</v>
      </c>
      <c r="P3446" s="236" t="str">
        <f t="shared" si="808"/>
        <v>CLAY</v>
      </c>
      <c r="Q3446" s="236">
        <f t="shared" si="804"/>
        <v>344.67496697982216</v>
      </c>
      <c r="R3446" s="238">
        <v>35</v>
      </c>
      <c r="S3446" s="236">
        <f t="shared" si="809"/>
        <v>6.2620145414692736</v>
      </c>
      <c r="T3446" s="236" t="e">
        <f t="shared" si="795"/>
        <v>#N/A</v>
      </c>
    </row>
    <row r="3447" spans="1:20" x14ac:dyDescent="0.2">
      <c r="A3447" s="53">
        <f t="shared" si="796"/>
        <v>3435</v>
      </c>
      <c r="B3447" s="239">
        <v>34.304000000000002</v>
      </c>
      <c r="C3447" s="3">
        <f t="shared" si="797"/>
        <v>34.297000000000004</v>
      </c>
      <c r="D3447" s="239">
        <v>4.5214999999999996</v>
      </c>
      <c r="E3447" s="239">
        <v>9.5100000000000004E-2</v>
      </c>
      <c r="F3447" s="239">
        <v>0.4032</v>
      </c>
      <c r="G3447">
        <f t="shared" si="798"/>
        <v>4.6021399999999995</v>
      </c>
      <c r="H3447" s="235">
        <f t="shared" si="799"/>
        <v>2.0664299651901077</v>
      </c>
      <c r="I3447" s="236">
        <f t="shared" si="800"/>
        <v>19.182194293554456</v>
      </c>
      <c r="J3447" s="237">
        <f t="shared" si="805"/>
        <v>9.1821942935544563</v>
      </c>
      <c r="K3447" s="237">
        <f t="shared" si="801"/>
        <v>657.89171768603728</v>
      </c>
      <c r="L3447" s="237">
        <f t="shared" si="806"/>
        <v>314.98599304609206</v>
      </c>
      <c r="M3447" s="236">
        <f t="shared" si="802"/>
        <v>12.521979927332191</v>
      </c>
      <c r="N3447" s="236">
        <f t="shared" si="803"/>
        <v>2.4111058227857791</v>
      </c>
      <c r="O3447" s="236">
        <f t="shared" si="807"/>
        <v>2.8626966938887159</v>
      </c>
      <c r="P3447" s="236" t="str">
        <f t="shared" si="808"/>
        <v>CLAY</v>
      </c>
      <c r="Q3447" s="236">
        <f t="shared" si="804"/>
        <v>328.68735685949684</v>
      </c>
      <c r="R3447" s="238">
        <v>35</v>
      </c>
      <c r="S3447" s="236">
        <f t="shared" si="809"/>
        <v>5.8888604490180017</v>
      </c>
      <c r="T3447" s="236" t="e">
        <f t="shared" si="795"/>
        <v>#N/A</v>
      </c>
    </row>
    <row r="3448" spans="1:20" x14ac:dyDescent="0.2">
      <c r="A3448" s="53">
        <f t="shared" si="796"/>
        <v>3436</v>
      </c>
      <c r="B3448" s="239">
        <v>34.314</v>
      </c>
      <c r="C3448" s="3">
        <f t="shared" si="797"/>
        <v>34.307000000000002</v>
      </c>
      <c r="D3448" s="239">
        <v>4.2201000000000004</v>
      </c>
      <c r="E3448" s="239">
        <v>0.1066</v>
      </c>
      <c r="F3448" s="239">
        <v>0.43480000000000002</v>
      </c>
      <c r="G3448">
        <f t="shared" si="798"/>
        <v>4.3070600000000008</v>
      </c>
      <c r="H3448" s="235">
        <f t="shared" si="799"/>
        <v>2.4750061526888407</v>
      </c>
      <c r="I3448" s="236">
        <f t="shared" si="800"/>
        <v>19.290150336662034</v>
      </c>
      <c r="J3448" s="237">
        <f t="shared" si="805"/>
        <v>9.2901503366620339</v>
      </c>
      <c r="K3448" s="237">
        <f t="shared" si="801"/>
        <v>661.78718759986441</v>
      </c>
      <c r="L3448" s="237">
        <f t="shared" si="806"/>
        <v>318.78221865222105</v>
      </c>
      <c r="M3448" s="236">
        <f t="shared" si="802"/>
        <v>11.434994171920819</v>
      </c>
      <c r="N3448" s="236">
        <f t="shared" si="803"/>
        <v>2.9243353100316236</v>
      </c>
      <c r="O3448" s="236">
        <f t="shared" si="807"/>
        <v>2.9426677448152461</v>
      </c>
      <c r="P3448" s="236" t="str">
        <f t="shared" si="808"/>
        <v>CLAY</v>
      </c>
      <c r="Q3448" s="236">
        <f t="shared" si="804"/>
        <v>303.77273436667798</v>
      </c>
      <c r="R3448" s="238">
        <v>35</v>
      </c>
      <c r="S3448" s="236">
        <f t="shared" si="809"/>
        <v>5.2569632762942655</v>
      </c>
      <c r="T3448" s="236" t="e">
        <f t="shared" si="795"/>
        <v>#N/A</v>
      </c>
    </row>
    <row r="3449" spans="1:20" x14ac:dyDescent="0.2">
      <c r="A3449" s="53">
        <f t="shared" si="796"/>
        <v>3437</v>
      </c>
      <c r="B3449" s="239">
        <v>34.323999999999998</v>
      </c>
      <c r="C3449" s="3">
        <f t="shared" si="797"/>
        <v>34.317</v>
      </c>
      <c r="D3449" s="239">
        <v>4.0007999999999999</v>
      </c>
      <c r="E3449" s="239">
        <v>0.114</v>
      </c>
      <c r="F3449" s="239">
        <v>0.48799999999999999</v>
      </c>
      <c r="G3449">
        <f t="shared" si="798"/>
        <v>4.0983999999999998</v>
      </c>
      <c r="H3449" s="235">
        <f t="shared" si="799"/>
        <v>2.78157329689635</v>
      </c>
      <c r="I3449" s="236">
        <f t="shared" si="800"/>
        <v>19.349439061572419</v>
      </c>
      <c r="J3449" s="237">
        <f t="shared" si="805"/>
        <v>9.3494390615724186</v>
      </c>
      <c r="K3449" s="237">
        <f t="shared" si="801"/>
        <v>664.01470027598066</v>
      </c>
      <c r="L3449" s="237">
        <f t="shared" si="806"/>
        <v>320.91014634941166</v>
      </c>
      <c r="M3449" s="236">
        <f t="shared" si="802"/>
        <v>10.702015311116433</v>
      </c>
      <c r="N3449" s="236">
        <f t="shared" si="803"/>
        <v>3.3193713008601806</v>
      </c>
      <c r="O3449" s="236">
        <f t="shared" si="807"/>
        <v>2.9979132298540807</v>
      </c>
      <c r="P3449" s="236" t="str">
        <f t="shared" si="808"/>
        <v>CLAY</v>
      </c>
      <c r="Q3449" s="236">
        <f t="shared" si="804"/>
        <v>286.19877497700162</v>
      </c>
      <c r="R3449" s="238">
        <v>35</v>
      </c>
      <c r="S3449" s="236">
        <f t="shared" si="809"/>
        <v>4.839182139887229</v>
      </c>
      <c r="T3449" s="236" t="e">
        <f t="shared" si="795"/>
        <v>#N/A</v>
      </c>
    </row>
    <row r="3450" spans="1:20" x14ac:dyDescent="0.2">
      <c r="A3450" s="53">
        <f t="shared" si="796"/>
        <v>3438</v>
      </c>
      <c r="B3450" s="239">
        <v>34.334000000000003</v>
      </c>
      <c r="C3450" s="3">
        <f t="shared" si="797"/>
        <v>34.327000000000005</v>
      </c>
      <c r="D3450" s="239">
        <v>3.8837999999999999</v>
      </c>
      <c r="E3450" s="239">
        <v>0.12239999999999999</v>
      </c>
      <c r="F3450" s="239">
        <v>0.48320000000000002</v>
      </c>
      <c r="G3450">
        <f t="shared" si="798"/>
        <v>3.9804399999999998</v>
      </c>
      <c r="H3450" s="235">
        <f t="shared" si="799"/>
        <v>3.075036930590588</v>
      </c>
      <c r="I3450" s="236">
        <f t="shared" si="800"/>
        <v>19.421390856155941</v>
      </c>
      <c r="J3450" s="237">
        <f t="shared" si="805"/>
        <v>9.4213908561559414</v>
      </c>
      <c r="K3450" s="237">
        <f t="shared" si="801"/>
        <v>666.67808391926508</v>
      </c>
      <c r="L3450" s="237">
        <f t="shared" si="806"/>
        <v>323.4740336552581</v>
      </c>
      <c r="M3450" s="236">
        <f t="shared" si="802"/>
        <v>10.244290333400828</v>
      </c>
      <c r="N3450" s="236">
        <f t="shared" si="803"/>
        <v>3.6936872080648873</v>
      </c>
      <c r="O3450" s="236">
        <f t="shared" si="807"/>
        <v>3.0404346819101775</v>
      </c>
      <c r="P3450" s="236" t="str">
        <f t="shared" si="808"/>
        <v>CLAY</v>
      </c>
      <c r="Q3450" s="236">
        <f t="shared" si="804"/>
        <v>276.14682634006118</v>
      </c>
      <c r="R3450" s="238">
        <v>35</v>
      </c>
      <c r="S3450" s="236">
        <f t="shared" si="809"/>
        <v>4.5818657127969695</v>
      </c>
      <c r="T3450" s="236" t="e">
        <f t="shared" si="795"/>
        <v>#N/A</v>
      </c>
    </row>
    <row r="3451" spans="1:20" x14ac:dyDescent="0.2">
      <c r="A3451" s="53">
        <f t="shared" si="796"/>
        <v>3439</v>
      </c>
      <c r="B3451" s="239">
        <v>34.344000000000001</v>
      </c>
      <c r="C3451" s="3">
        <f t="shared" si="797"/>
        <v>34.337000000000003</v>
      </c>
      <c r="D3451" s="239">
        <v>3.6739999999999999</v>
      </c>
      <c r="E3451" s="239">
        <v>0.1298</v>
      </c>
      <c r="F3451" s="239">
        <v>0.47249999999999998</v>
      </c>
      <c r="G3451">
        <f t="shared" si="798"/>
        <v>3.7685</v>
      </c>
      <c r="H3451" s="235">
        <f t="shared" si="799"/>
        <v>3.4443412498341512</v>
      </c>
      <c r="I3451" s="236">
        <f t="shared" si="800"/>
        <v>19.468836391683261</v>
      </c>
      <c r="J3451" s="237">
        <f t="shared" si="805"/>
        <v>9.4688363916832614</v>
      </c>
      <c r="K3451" s="237">
        <f t="shared" si="801"/>
        <v>668.5014351812282</v>
      </c>
      <c r="L3451" s="237">
        <f t="shared" si="806"/>
        <v>325.19771703596996</v>
      </c>
      <c r="M3451" s="236">
        <f t="shared" si="802"/>
        <v>9.5326578337445174</v>
      </c>
      <c r="N3451" s="236">
        <f t="shared" si="803"/>
        <v>4.1870987126598305</v>
      </c>
      <c r="O3451" s="236">
        <f t="shared" si="807"/>
        <v>3.0978474961880038</v>
      </c>
      <c r="P3451" s="236" t="str">
        <f t="shared" si="808"/>
        <v>CLAY</v>
      </c>
      <c r="Q3451" s="236">
        <f t="shared" si="804"/>
        <v>258.33321373489764</v>
      </c>
      <c r="R3451" s="238">
        <v>35</v>
      </c>
      <c r="S3451" s="236">
        <f t="shared" si="809"/>
        <v>4.1875259805353577</v>
      </c>
      <c r="T3451" s="236" t="e">
        <f t="shared" si="795"/>
        <v>#N/A</v>
      </c>
    </row>
    <row r="3452" spans="1:20" x14ac:dyDescent="0.2">
      <c r="A3452" s="53">
        <f t="shared" si="796"/>
        <v>3440</v>
      </c>
      <c r="B3452" s="239">
        <v>34.353000000000002</v>
      </c>
      <c r="C3452" s="3">
        <f t="shared" si="797"/>
        <v>34.346000000000004</v>
      </c>
      <c r="D3452" s="239">
        <v>3.4262999999999999</v>
      </c>
      <c r="E3452" s="239">
        <v>0.13339999999999999</v>
      </c>
      <c r="F3452" s="239">
        <v>0.50039999999999996</v>
      </c>
      <c r="G3452">
        <f t="shared" si="798"/>
        <v>3.5263800000000001</v>
      </c>
      <c r="H3452" s="235">
        <f t="shared" si="799"/>
        <v>3.7829161916753153</v>
      </c>
      <c r="I3452" s="236">
        <f t="shared" si="800"/>
        <v>19.474959993002216</v>
      </c>
      <c r="J3452" s="237">
        <f t="shared" si="805"/>
        <v>9.4749599930022157</v>
      </c>
      <c r="K3452" s="237">
        <f t="shared" si="801"/>
        <v>668.88697591965422</v>
      </c>
      <c r="L3452" s="237">
        <f t="shared" si="806"/>
        <v>325.49330063960514</v>
      </c>
      <c r="M3452" s="236">
        <f t="shared" si="802"/>
        <v>8.778961098324535</v>
      </c>
      <c r="N3452" s="236">
        <f t="shared" si="803"/>
        <v>4.6684278448215411</v>
      </c>
      <c r="O3452" s="236">
        <f t="shared" si="807"/>
        <v>3.1547512409743312</v>
      </c>
      <c r="P3452" s="236" t="str">
        <f t="shared" si="808"/>
        <v>CLAY</v>
      </c>
      <c r="Q3452" s="236">
        <f t="shared" si="804"/>
        <v>238.12441867336216</v>
      </c>
      <c r="R3452" s="238">
        <v>35</v>
      </c>
      <c r="S3452" s="236">
        <f t="shared" si="809"/>
        <v>3.7778430772071552</v>
      </c>
      <c r="T3452" s="236" t="e">
        <f t="shared" si="795"/>
        <v>#N/A</v>
      </c>
    </row>
    <row r="3453" spans="1:20" x14ac:dyDescent="0.2">
      <c r="A3453" s="53">
        <f t="shared" si="796"/>
        <v>3441</v>
      </c>
      <c r="B3453" s="239">
        <v>34.363</v>
      </c>
      <c r="C3453" s="3">
        <f t="shared" si="797"/>
        <v>34.356000000000002</v>
      </c>
      <c r="D3453" s="239">
        <v>3.6276999999999999</v>
      </c>
      <c r="E3453" s="239">
        <v>0.14449999999999999</v>
      </c>
      <c r="F3453" s="239">
        <v>0.50239999999999996</v>
      </c>
      <c r="G3453">
        <f t="shared" si="798"/>
        <v>3.72818</v>
      </c>
      <c r="H3453" s="235">
        <f t="shared" si="799"/>
        <v>3.8758858209635796</v>
      </c>
      <c r="I3453" s="236">
        <f t="shared" si="800"/>
        <v>19.590433426629325</v>
      </c>
      <c r="J3453" s="237">
        <f t="shared" si="805"/>
        <v>9.5904334266293247</v>
      </c>
      <c r="K3453" s="237">
        <f t="shared" si="801"/>
        <v>673.04893080527711</v>
      </c>
      <c r="L3453" s="237">
        <f t="shared" si="806"/>
        <v>329.55606383926346</v>
      </c>
      <c r="M3453" s="236">
        <f t="shared" si="802"/>
        <v>9.2704441047239285</v>
      </c>
      <c r="N3453" s="236">
        <f t="shared" si="803"/>
        <v>4.7297479789660084</v>
      </c>
      <c r="O3453" s="236">
        <f t="shared" si="807"/>
        <v>3.1392541718852724</v>
      </c>
      <c r="P3453" s="236" t="str">
        <f t="shared" si="808"/>
        <v>CLAY</v>
      </c>
      <c r="Q3453" s="236">
        <f t="shared" si="804"/>
        <v>254.59425576622689</v>
      </c>
      <c r="R3453" s="238">
        <v>35</v>
      </c>
      <c r="S3453" s="236">
        <f t="shared" si="809"/>
        <v>4.044042241544294</v>
      </c>
      <c r="T3453" s="236" t="e">
        <f t="shared" si="795"/>
        <v>#N/A</v>
      </c>
    </row>
    <row r="3454" spans="1:20" x14ac:dyDescent="0.2">
      <c r="A3454" s="53">
        <f t="shared" si="796"/>
        <v>3442</v>
      </c>
      <c r="B3454" s="239">
        <v>34.372999999999998</v>
      </c>
      <c r="C3454" s="3">
        <f t="shared" si="797"/>
        <v>34.366</v>
      </c>
      <c r="D3454" s="239">
        <v>4.0374999999999996</v>
      </c>
      <c r="E3454" s="239">
        <v>0.155</v>
      </c>
      <c r="F3454" s="239">
        <v>0.55620000000000003</v>
      </c>
      <c r="G3454">
        <f t="shared" si="798"/>
        <v>4.1487399999999992</v>
      </c>
      <c r="H3454" s="235">
        <f t="shared" si="799"/>
        <v>3.7360740851439243</v>
      </c>
      <c r="I3454" s="236">
        <f t="shared" si="800"/>
        <v>19.714463236188905</v>
      </c>
      <c r="J3454" s="237">
        <f t="shared" si="805"/>
        <v>9.7144632361889052</v>
      </c>
      <c r="K3454" s="237">
        <f t="shared" si="801"/>
        <v>677.50724357486786</v>
      </c>
      <c r="L3454" s="237">
        <f t="shared" si="806"/>
        <v>333.91524481752123</v>
      </c>
      <c r="M3454" s="236">
        <f t="shared" si="802"/>
        <v>10.395550398790862</v>
      </c>
      <c r="N3454" s="236">
        <f t="shared" si="803"/>
        <v>4.4652724514972499</v>
      </c>
      <c r="O3454" s="236">
        <f t="shared" si="807"/>
        <v>3.0845240556360323</v>
      </c>
      <c r="P3454" s="236" t="str">
        <f t="shared" si="808"/>
        <v>CLAY</v>
      </c>
      <c r="Q3454" s="236">
        <f t="shared" si="804"/>
        <v>289.26939636876091</v>
      </c>
      <c r="R3454" s="238">
        <v>35</v>
      </c>
      <c r="S3454" s="236">
        <f t="shared" si="809"/>
        <v>4.6665870229286206</v>
      </c>
      <c r="T3454" s="236" t="e">
        <f t="shared" si="795"/>
        <v>#N/A</v>
      </c>
    </row>
    <row r="3455" spans="1:20" x14ac:dyDescent="0.2">
      <c r="A3455" s="53">
        <f t="shared" si="796"/>
        <v>3443</v>
      </c>
      <c r="B3455" s="239">
        <v>34.381999999999998</v>
      </c>
      <c r="C3455" s="3">
        <f t="shared" si="797"/>
        <v>34.375</v>
      </c>
      <c r="D3455" s="239">
        <v>4.7859999999999996</v>
      </c>
      <c r="E3455" s="239">
        <v>0.15329999999999999</v>
      </c>
      <c r="F3455" s="239">
        <v>0.62090000000000001</v>
      </c>
      <c r="G3455">
        <f t="shared" si="798"/>
        <v>4.9101799999999995</v>
      </c>
      <c r="H3455" s="235">
        <f t="shared" si="799"/>
        <v>3.1220851374084044</v>
      </c>
      <c r="I3455" s="236">
        <f t="shared" si="800"/>
        <v>19.767394544201697</v>
      </c>
      <c r="J3455" s="237">
        <f t="shared" si="805"/>
        <v>9.7673945442016965</v>
      </c>
      <c r="K3455" s="237">
        <f t="shared" si="801"/>
        <v>679.50418745693332</v>
      </c>
      <c r="L3455" s="237">
        <f t="shared" si="806"/>
        <v>335.8225592187427</v>
      </c>
      <c r="M3455" s="236">
        <f t="shared" si="802"/>
        <v>12.597950007841362</v>
      </c>
      <c r="N3455" s="236">
        <f t="shared" si="803"/>
        <v>3.6235345555312382</v>
      </c>
      <c r="O3455" s="236">
        <f t="shared" si="807"/>
        <v>2.9632399124040911</v>
      </c>
      <c r="P3455" s="236" t="str">
        <f t="shared" si="808"/>
        <v>CLAY</v>
      </c>
      <c r="Q3455" s="236">
        <f t="shared" si="804"/>
        <v>352.55631771192219</v>
      </c>
      <c r="R3455" s="238">
        <v>35</v>
      </c>
      <c r="S3455" s="236">
        <f t="shared" si="809"/>
        <v>5.9335534576342699</v>
      </c>
      <c r="T3455" s="236" t="e">
        <f t="shared" si="795"/>
        <v>#N/A</v>
      </c>
    </row>
    <row r="3456" spans="1:20" x14ac:dyDescent="0.2">
      <c r="A3456" s="53">
        <f t="shared" si="796"/>
        <v>3444</v>
      </c>
      <c r="B3456" s="239">
        <v>34.392000000000003</v>
      </c>
      <c r="C3456" s="3">
        <f t="shared" si="797"/>
        <v>34.385000000000005</v>
      </c>
      <c r="D3456" s="239">
        <v>5.6310000000000002</v>
      </c>
      <c r="E3456" s="239">
        <v>0.158</v>
      </c>
      <c r="F3456" s="239">
        <v>0.68859999999999999</v>
      </c>
      <c r="G3456">
        <f t="shared" si="798"/>
        <v>5.7687200000000001</v>
      </c>
      <c r="H3456" s="235">
        <f t="shared" si="799"/>
        <v>2.7389091514235395</v>
      </c>
      <c r="I3456" s="236">
        <f t="shared" si="800"/>
        <v>19.865788703019568</v>
      </c>
      <c r="J3456" s="237">
        <f t="shared" si="805"/>
        <v>9.8657887030195681</v>
      </c>
      <c r="K3456" s="237">
        <f t="shared" si="801"/>
        <v>683.08514455332795</v>
      </c>
      <c r="L3456" s="237">
        <f t="shared" si="806"/>
        <v>339.30420507424901</v>
      </c>
      <c r="M3456" s="236">
        <f t="shared" si="802"/>
        <v>14.98842271740722</v>
      </c>
      <c r="N3456" s="236">
        <f t="shared" si="803"/>
        <v>3.1067900958477845</v>
      </c>
      <c r="O3456" s="236">
        <f t="shared" si="807"/>
        <v>2.8627902338558262</v>
      </c>
      <c r="P3456" s="236" t="str">
        <f t="shared" si="808"/>
        <v>CLAY</v>
      </c>
      <c r="Q3456" s="236">
        <f t="shared" si="804"/>
        <v>423.80290462055603</v>
      </c>
      <c r="R3456" s="238">
        <v>35</v>
      </c>
      <c r="S3456" s="236">
        <f t="shared" si="809"/>
        <v>7.3728419628696695</v>
      </c>
      <c r="T3456" s="236" t="e">
        <f t="shared" si="795"/>
        <v>#N/A</v>
      </c>
    </row>
    <row r="3457" spans="1:20" x14ac:dyDescent="0.2">
      <c r="A3457" s="53">
        <f t="shared" si="796"/>
        <v>3445</v>
      </c>
      <c r="B3457" s="239">
        <v>34.401000000000003</v>
      </c>
      <c r="C3457" s="3">
        <f t="shared" si="797"/>
        <v>34.394000000000005</v>
      </c>
      <c r="D3457" s="239">
        <v>6.7750000000000004</v>
      </c>
      <c r="E3457" s="239">
        <v>0.15870000000000001</v>
      </c>
      <c r="F3457" s="239">
        <v>0.70279999999999998</v>
      </c>
      <c r="G3457">
        <f t="shared" si="798"/>
        <v>6.9155600000000002</v>
      </c>
      <c r="H3457" s="235">
        <f t="shared" si="799"/>
        <v>2.2948250033258333</v>
      </c>
      <c r="I3457" s="236">
        <f t="shared" si="800"/>
        <v>19.941845374907178</v>
      </c>
      <c r="J3457" s="237">
        <f t="shared" si="805"/>
        <v>9.941845374907178</v>
      </c>
      <c r="K3457" s="237">
        <f t="shared" si="801"/>
        <v>685.87982982455765</v>
      </c>
      <c r="L3457" s="237">
        <f t="shared" si="806"/>
        <v>342.00942274218187</v>
      </c>
      <c r="M3457" s="236">
        <f t="shared" si="802"/>
        <v>18.214937238356686</v>
      </c>
      <c r="N3457" s="236">
        <f t="shared" si="803"/>
        <v>2.5474823051073363</v>
      </c>
      <c r="O3457" s="236">
        <f t="shared" si="807"/>
        <v>2.7434371503475012</v>
      </c>
      <c r="P3457" s="236" t="str">
        <f t="shared" si="808"/>
        <v>CLAY</v>
      </c>
      <c r="Q3457" s="236">
        <f t="shared" si="804"/>
        <v>519.14001418128692</v>
      </c>
      <c r="R3457" s="238">
        <v>35</v>
      </c>
      <c r="S3457" s="236">
        <f t="shared" si="809"/>
        <v>9.4075082453028962</v>
      </c>
      <c r="T3457" s="236" t="e">
        <f t="shared" si="795"/>
        <v>#N/A</v>
      </c>
    </row>
    <row r="3458" spans="1:20" x14ac:dyDescent="0.2">
      <c r="A3458" s="53">
        <f t="shared" si="796"/>
        <v>3446</v>
      </c>
      <c r="B3458" s="239">
        <v>34.411000000000001</v>
      </c>
      <c r="C3458" s="3">
        <f t="shared" si="797"/>
        <v>34.404000000000003</v>
      </c>
      <c r="D3458" s="239">
        <v>7.6498999999999997</v>
      </c>
      <c r="E3458" s="239">
        <v>0.1525</v>
      </c>
      <c r="F3458" s="239">
        <v>0.66220000000000001</v>
      </c>
      <c r="G3458">
        <f t="shared" si="798"/>
        <v>7.7823399999999996</v>
      </c>
      <c r="H3458" s="235">
        <f t="shared" si="799"/>
        <v>1.9595648609544172</v>
      </c>
      <c r="I3458" s="236">
        <f t="shared" si="800"/>
        <v>19.941270812889293</v>
      </c>
      <c r="J3458" s="237">
        <f t="shared" si="805"/>
        <v>9.941270812889293</v>
      </c>
      <c r="K3458" s="237">
        <f t="shared" si="801"/>
        <v>686.05948104664333</v>
      </c>
      <c r="L3458" s="237">
        <f t="shared" si="806"/>
        <v>342.08906994233348</v>
      </c>
      <c r="M3458" s="236">
        <f t="shared" si="802"/>
        <v>20.743955719338203</v>
      </c>
      <c r="N3458" s="236">
        <f t="shared" si="803"/>
        <v>2.1490131286762115</v>
      </c>
      <c r="O3458" s="236">
        <f t="shared" si="807"/>
        <v>2.6543025465819348</v>
      </c>
      <c r="P3458" s="236" t="str">
        <f t="shared" si="808"/>
        <v>CLAY</v>
      </c>
      <c r="Q3458" s="236">
        <f t="shared" si="804"/>
        <v>591.35670991277959</v>
      </c>
      <c r="R3458" s="238">
        <v>35</v>
      </c>
      <c r="S3458" s="236">
        <f t="shared" si="809"/>
        <v>11.067626117838955</v>
      </c>
      <c r="T3458" s="236" t="e">
        <f t="shared" si="795"/>
        <v>#N/A</v>
      </c>
    </row>
    <row r="3459" spans="1:20" x14ac:dyDescent="0.2">
      <c r="A3459" s="53">
        <f t="shared" si="796"/>
        <v>3447</v>
      </c>
      <c r="B3459" s="239">
        <v>34.420999999999999</v>
      </c>
      <c r="C3459" s="3">
        <f t="shared" si="797"/>
        <v>34.414000000000001</v>
      </c>
      <c r="D3459" s="239">
        <v>8.2393000000000001</v>
      </c>
      <c r="E3459" s="239">
        <v>0.1348</v>
      </c>
      <c r="F3459" s="239">
        <v>0.40550000000000003</v>
      </c>
      <c r="G3459">
        <f t="shared" si="798"/>
        <v>8.3203999999999994</v>
      </c>
      <c r="H3459" s="235">
        <f t="shared" si="799"/>
        <v>1.6201144175760782</v>
      </c>
      <c r="I3459" s="236">
        <f t="shared" si="800"/>
        <v>19.822735548118704</v>
      </c>
      <c r="J3459" s="237">
        <f t="shared" si="805"/>
        <v>9.822735548118704</v>
      </c>
      <c r="K3459" s="237">
        <f t="shared" si="801"/>
        <v>682.17962115295711</v>
      </c>
      <c r="L3459" s="237">
        <f t="shared" si="806"/>
        <v>338.10838030179389</v>
      </c>
      <c r="M3459" s="236">
        <f t="shared" si="802"/>
        <v>22.59104128690689</v>
      </c>
      <c r="N3459" s="236">
        <f t="shared" si="803"/>
        <v>1.7648089910224287</v>
      </c>
      <c r="O3459" s="236">
        <f t="shared" si="807"/>
        <v>2.5746704571230992</v>
      </c>
      <c r="P3459" s="236" t="str">
        <f t="shared" si="808"/>
        <v>SAND</v>
      </c>
      <c r="Q3459" s="236" t="e">
        <f t="shared" si="804"/>
        <v>#N/A</v>
      </c>
      <c r="R3459" s="238">
        <v>35</v>
      </c>
      <c r="S3459" s="236" t="e">
        <f t="shared" si="809"/>
        <v>#N/A</v>
      </c>
      <c r="T3459" s="236">
        <f t="shared" si="795"/>
        <v>32.493298742075709</v>
      </c>
    </row>
    <row r="3460" spans="1:20" x14ac:dyDescent="0.2">
      <c r="A3460" s="53">
        <f t="shared" si="796"/>
        <v>3448</v>
      </c>
      <c r="B3460" s="239">
        <v>34.43</v>
      </c>
      <c r="C3460" s="3">
        <f t="shared" si="797"/>
        <v>34.423000000000002</v>
      </c>
      <c r="D3460" s="239">
        <v>8.6452000000000009</v>
      </c>
      <c r="E3460" s="239">
        <v>0.11700000000000001</v>
      </c>
      <c r="F3460" s="239">
        <v>0.19750000000000001</v>
      </c>
      <c r="G3460">
        <f t="shared" si="798"/>
        <v>8.6847000000000012</v>
      </c>
      <c r="H3460" s="235">
        <f t="shared" si="799"/>
        <v>1.3471967943624996</v>
      </c>
      <c r="I3460" s="236">
        <f t="shared" si="800"/>
        <v>19.673424219985883</v>
      </c>
      <c r="J3460" s="237">
        <f t="shared" si="805"/>
        <v>9.6734242199858826</v>
      </c>
      <c r="K3460" s="237">
        <f t="shared" si="801"/>
        <v>677.21828192457406</v>
      </c>
      <c r="L3460" s="237">
        <f t="shared" si="806"/>
        <v>333.05599589411395</v>
      </c>
      <c r="M3460" s="236">
        <f t="shared" si="802"/>
        <v>24.042448767747711</v>
      </c>
      <c r="N3460" s="236">
        <f t="shared" si="803"/>
        <v>1.4611335263606517</v>
      </c>
      <c r="O3460" s="236">
        <f t="shared" si="807"/>
        <v>2.5062673701164271</v>
      </c>
      <c r="P3460" s="236" t="str">
        <f t="shared" si="808"/>
        <v>SAND</v>
      </c>
      <c r="Q3460" s="236" t="e">
        <f t="shared" si="804"/>
        <v>#N/A</v>
      </c>
      <c r="R3460" s="238">
        <v>35</v>
      </c>
      <c r="S3460" s="236" t="e">
        <f t="shared" si="809"/>
        <v>#N/A</v>
      </c>
      <c r="T3460" s="236">
        <f t="shared" si="795"/>
        <v>32.790765692051771</v>
      </c>
    </row>
    <row r="3461" spans="1:20" x14ac:dyDescent="0.2">
      <c r="A3461" s="53">
        <f t="shared" si="796"/>
        <v>3449</v>
      </c>
      <c r="B3461" s="239">
        <v>34.441000000000003</v>
      </c>
      <c r="C3461" s="3">
        <f t="shared" si="797"/>
        <v>34.434000000000005</v>
      </c>
      <c r="D3461" s="239">
        <v>8.7007999999999992</v>
      </c>
      <c r="E3461" s="239">
        <v>0.1148</v>
      </c>
      <c r="F3461" s="239">
        <v>0.14549999999999999</v>
      </c>
      <c r="G3461">
        <f t="shared" si="798"/>
        <v>8.7298999999999989</v>
      </c>
      <c r="H3461" s="235">
        <f t="shared" si="799"/>
        <v>1.3150207906161584</v>
      </c>
      <c r="I3461" s="236">
        <f t="shared" si="800"/>
        <v>19.653194494196434</v>
      </c>
      <c r="J3461" s="237">
        <f t="shared" si="805"/>
        <v>9.6531944941964341</v>
      </c>
      <c r="K3461" s="237">
        <f t="shared" si="801"/>
        <v>676.73809921316013</v>
      </c>
      <c r="L3461" s="237">
        <f t="shared" si="806"/>
        <v>332.46567157461942</v>
      </c>
      <c r="M3461" s="236">
        <f t="shared" si="802"/>
        <v>24.222536608503255</v>
      </c>
      <c r="N3461" s="236">
        <f t="shared" si="803"/>
        <v>1.4255270341551607</v>
      </c>
      <c r="O3461" s="236">
        <f t="shared" si="807"/>
        <v>2.4976565713390073</v>
      </c>
      <c r="P3461" s="236" t="str">
        <f t="shared" si="808"/>
        <v>SAND</v>
      </c>
      <c r="Q3461" s="236" t="e">
        <f t="shared" si="804"/>
        <v>#N/A</v>
      </c>
      <c r="R3461" s="238">
        <v>35</v>
      </c>
      <c r="S3461" s="236" t="e">
        <f t="shared" si="809"/>
        <v>#N/A</v>
      </c>
      <c r="T3461" s="236">
        <f t="shared" si="795"/>
        <v>32.826415830399533</v>
      </c>
    </row>
    <row r="3462" spans="1:20" x14ac:dyDescent="0.2">
      <c r="A3462" s="53">
        <f t="shared" si="796"/>
        <v>3450</v>
      </c>
      <c r="B3462" s="239">
        <v>34.451000000000001</v>
      </c>
      <c r="C3462" s="3">
        <f t="shared" si="797"/>
        <v>34.444000000000003</v>
      </c>
      <c r="D3462" s="239">
        <v>8.7010000000000005</v>
      </c>
      <c r="E3462" s="239">
        <v>0.1101</v>
      </c>
      <c r="F3462" s="239">
        <v>0.1646</v>
      </c>
      <c r="G3462">
        <f t="shared" si="798"/>
        <v>8.7339200000000012</v>
      </c>
      <c r="H3462" s="235">
        <f t="shared" si="799"/>
        <v>1.2606023412167731</v>
      </c>
      <c r="I3462" s="236">
        <f t="shared" si="800"/>
        <v>19.604357104246848</v>
      </c>
      <c r="J3462" s="237">
        <f t="shared" si="805"/>
        <v>9.6043571042468479</v>
      </c>
      <c r="K3462" s="237">
        <f t="shared" si="801"/>
        <v>675.25247609867847</v>
      </c>
      <c r="L3462" s="237">
        <f t="shared" si="806"/>
        <v>330.87970659840818</v>
      </c>
      <c r="M3462" s="236">
        <f t="shared" si="802"/>
        <v>24.355278861759281</v>
      </c>
      <c r="N3462" s="236">
        <f t="shared" si="803"/>
        <v>1.3662308275338664</v>
      </c>
      <c r="O3462" s="236">
        <f t="shared" si="807"/>
        <v>2.4855642853694886</v>
      </c>
      <c r="P3462" s="236" t="str">
        <f t="shared" si="808"/>
        <v>SAND</v>
      </c>
      <c r="Q3462" s="236" t="e">
        <f t="shared" si="804"/>
        <v>#N/A</v>
      </c>
      <c r="R3462" s="238">
        <v>35</v>
      </c>
      <c r="S3462" s="236" t="e">
        <f t="shared" si="809"/>
        <v>#N/A</v>
      </c>
      <c r="T3462" s="236">
        <f t="shared" si="795"/>
        <v>32.852524171475899</v>
      </c>
    </row>
    <row r="3463" spans="1:20" x14ac:dyDescent="0.2">
      <c r="A3463" s="53">
        <f t="shared" si="796"/>
        <v>3451</v>
      </c>
      <c r="B3463" s="239">
        <v>34.46</v>
      </c>
      <c r="C3463" s="3">
        <f t="shared" si="797"/>
        <v>34.453000000000003</v>
      </c>
      <c r="D3463" s="239">
        <v>8.6244999999999994</v>
      </c>
      <c r="E3463" s="239">
        <v>0.1021</v>
      </c>
      <c r="F3463" s="239">
        <v>0.20200000000000001</v>
      </c>
      <c r="G3463">
        <f t="shared" si="798"/>
        <v>8.6648999999999994</v>
      </c>
      <c r="H3463" s="235">
        <f t="shared" si="799"/>
        <v>1.1783171184895382</v>
      </c>
      <c r="I3463" s="236">
        <f t="shared" si="800"/>
        <v>19.512799757487429</v>
      </c>
      <c r="J3463" s="237">
        <f t="shared" si="805"/>
        <v>9.5127997574874286</v>
      </c>
      <c r="K3463" s="237">
        <f t="shared" si="801"/>
        <v>672.27449004471441</v>
      </c>
      <c r="L3463" s="237">
        <f t="shared" si="806"/>
        <v>327.8110796430168</v>
      </c>
      <c r="M3463" s="236">
        <f t="shared" si="802"/>
        <v>24.381804052075299</v>
      </c>
      <c r="N3463" s="236">
        <f t="shared" si="803"/>
        <v>1.2774275470911085</v>
      </c>
      <c r="O3463" s="236">
        <f t="shared" si="807"/>
        <v>2.4693688766854911</v>
      </c>
      <c r="P3463" s="236" t="str">
        <f t="shared" si="808"/>
        <v>SAND</v>
      </c>
      <c r="Q3463" s="236" t="e">
        <f t="shared" si="804"/>
        <v>#N/A</v>
      </c>
      <c r="R3463" s="238">
        <v>35</v>
      </c>
      <c r="S3463" s="236" t="e">
        <f t="shared" si="809"/>
        <v>#N/A</v>
      </c>
      <c r="T3463" s="236">
        <f t="shared" si="795"/>
        <v>32.857724203426031</v>
      </c>
    </row>
    <row r="3464" spans="1:20" x14ac:dyDescent="0.2">
      <c r="A3464" s="53">
        <f t="shared" si="796"/>
        <v>3452</v>
      </c>
      <c r="B3464" s="239">
        <v>34.47</v>
      </c>
      <c r="C3464" s="3">
        <f t="shared" si="797"/>
        <v>34.463000000000001</v>
      </c>
      <c r="D3464" s="239">
        <v>8.4885999999999999</v>
      </c>
      <c r="E3464" s="239">
        <v>9.6600000000000005E-2</v>
      </c>
      <c r="F3464" s="239">
        <v>0.23749999999999999</v>
      </c>
      <c r="G3464">
        <f t="shared" si="798"/>
        <v>8.5360999999999994</v>
      </c>
      <c r="H3464" s="235">
        <f t="shared" si="799"/>
        <v>1.1316643432012279</v>
      </c>
      <c r="I3464" s="236">
        <f t="shared" si="800"/>
        <v>19.442014840470939</v>
      </c>
      <c r="J3464" s="237">
        <f t="shared" si="805"/>
        <v>9.4420148404709394</v>
      </c>
      <c r="K3464" s="237">
        <f t="shared" si="801"/>
        <v>670.03015744715003</v>
      </c>
      <c r="L3464" s="237">
        <f t="shared" si="806"/>
        <v>325.46625155103328</v>
      </c>
      <c r="M3464" s="236">
        <f t="shared" si="802"/>
        <v>24.168619035204159</v>
      </c>
      <c r="N3464" s="236">
        <f t="shared" si="803"/>
        <v>1.2280592714474237</v>
      </c>
      <c r="O3464" s="236">
        <f t="shared" si="807"/>
        <v>2.4634474114740508</v>
      </c>
      <c r="P3464" s="236" t="str">
        <f t="shared" si="808"/>
        <v>SAND</v>
      </c>
      <c r="Q3464" s="236" t="e">
        <f t="shared" si="804"/>
        <v>#N/A</v>
      </c>
      <c r="R3464" s="238">
        <v>35</v>
      </c>
      <c r="S3464" s="236" t="e">
        <f t="shared" si="809"/>
        <v>#N/A</v>
      </c>
      <c r="T3464" s="236">
        <f t="shared" si="795"/>
        <v>32.815770196777486</v>
      </c>
    </row>
    <row r="3465" spans="1:20" x14ac:dyDescent="0.2">
      <c r="A3465" s="53">
        <f t="shared" si="796"/>
        <v>3453</v>
      </c>
      <c r="B3465" s="239">
        <v>34.479999999999997</v>
      </c>
      <c r="C3465" s="3">
        <f t="shared" si="797"/>
        <v>34.472999999999999</v>
      </c>
      <c r="D3465" s="239">
        <v>8.2921999999999993</v>
      </c>
      <c r="E3465" s="239">
        <v>0.09</v>
      </c>
      <c r="F3465" s="239">
        <v>0.26100000000000001</v>
      </c>
      <c r="G3465">
        <f t="shared" si="798"/>
        <v>8.3443999999999985</v>
      </c>
      <c r="H3465" s="235">
        <f t="shared" si="799"/>
        <v>1.078567662144672</v>
      </c>
      <c r="I3465" s="236">
        <f t="shared" si="800"/>
        <v>19.35015343283375</v>
      </c>
      <c r="J3465" s="237">
        <f t="shared" si="805"/>
        <v>9.3501534328337499</v>
      </c>
      <c r="K3465" s="237">
        <f t="shared" si="801"/>
        <v>667.05783929007782</v>
      </c>
      <c r="L3465" s="237">
        <f t="shared" si="806"/>
        <v>322.39329036410766</v>
      </c>
      <c r="M3465" s="236">
        <f t="shared" si="802"/>
        <v>23.81359162915335</v>
      </c>
      <c r="N3465" s="236">
        <f t="shared" si="803"/>
        <v>1.1722806944907318</v>
      </c>
      <c r="O3465" s="236">
        <f t="shared" si="807"/>
        <v>2.4582482565663373</v>
      </c>
      <c r="P3465" s="236" t="str">
        <f t="shared" si="808"/>
        <v>SAND</v>
      </c>
      <c r="Q3465" s="236" t="e">
        <f t="shared" si="804"/>
        <v>#N/A</v>
      </c>
      <c r="R3465" s="238">
        <v>35</v>
      </c>
      <c r="S3465" s="236" t="e">
        <f t="shared" si="809"/>
        <v>#N/A</v>
      </c>
      <c r="T3465" s="236">
        <f t="shared" si="795"/>
        <v>32.745073919716916</v>
      </c>
    </row>
    <row r="3466" spans="1:20" x14ac:dyDescent="0.2">
      <c r="A3466" s="53">
        <f t="shared" si="796"/>
        <v>3454</v>
      </c>
      <c r="B3466" s="239">
        <v>34.488999999999997</v>
      </c>
      <c r="C3466" s="3">
        <f t="shared" si="797"/>
        <v>34.481999999999999</v>
      </c>
      <c r="D3466" s="239">
        <v>8.0073000000000008</v>
      </c>
      <c r="E3466" s="239">
        <v>8.2900000000000001E-2</v>
      </c>
      <c r="F3466" s="239">
        <v>0.27310000000000001</v>
      </c>
      <c r="G3466">
        <f t="shared" si="798"/>
        <v>8.0619200000000006</v>
      </c>
      <c r="H3466" s="235">
        <f t="shared" si="799"/>
        <v>1.0282910274475558</v>
      </c>
      <c r="I3466" s="236">
        <f t="shared" si="800"/>
        <v>19.240334922693055</v>
      </c>
      <c r="J3466" s="237">
        <f t="shared" si="805"/>
        <v>9.2403349226930551</v>
      </c>
      <c r="K3466" s="237">
        <f t="shared" si="801"/>
        <v>663.44522880430191</v>
      </c>
      <c r="L3466" s="237">
        <f t="shared" si="806"/>
        <v>318.68991114876076</v>
      </c>
      <c r="M3466" s="236">
        <f t="shared" si="802"/>
        <v>23.215277648818248</v>
      </c>
      <c r="N3466" s="236">
        <f t="shared" si="803"/>
        <v>1.120501219018176</v>
      </c>
      <c r="O3466" s="236">
        <f t="shared" si="807"/>
        <v>2.457473342149878</v>
      </c>
      <c r="P3466" s="236" t="str">
        <f t="shared" si="808"/>
        <v>SAND</v>
      </c>
      <c r="Q3466" s="236" t="e">
        <f t="shared" si="804"/>
        <v>#N/A</v>
      </c>
      <c r="R3466" s="238">
        <v>35</v>
      </c>
      <c r="S3466" s="236" t="e">
        <f t="shared" si="809"/>
        <v>#N/A</v>
      </c>
      <c r="T3466" s="236">
        <f t="shared" si="795"/>
        <v>32.623512702933219</v>
      </c>
    </row>
    <row r="3467" spans="1:20" x14ac:dyDescent="0.2">
      <c r="A3467" s="53">
        <f t="shared" si="796"/>
        <v>3455</v>
      </c>
      <c r="B3467" s="239">
        <v>34.5</v>
      </c>
      <c r="C3467" s="3">
        <f t="shared" si="797"/>
        <v>34.493000000000002</v>
      </c>
      <c r="D3467" s="239">
        <v>7.6802999999999999</v>
      </c>
      <c r="E3467" s="239">
        <v>7.5399999999999995E-2</v>
      </c>
      <c r="F3467" s="239">
        <v>0.28050000000000003</v>
      </c>
      <c r="G3467">
        <f t="shared" si="798"/>
        <v>7.7363999999999997</v>
      </c>
      <c r="H3467" s="235">
        <f t="shared" si="799"/>
        <v>0.97461351533012774</v>
      </c>
      <c r="I3467" s="236">
        <f t="shared" si="800"/>
        <v>19.113030712863733</v>
      </c>
      <c r="J3467" s="237">
        <f t="shared" si="805"/>
        <v>9.1130307128637327</v>
      </c>
      <c r="K3467" s="237">
        <f t="shared" si="801"/>
        <v>659.26576837880873</v>
      </c>
      <c r="L3467" s="237">
        <f t="shared" si="806"/>
        <v>314.39955959379876</v>
      </c>
      <c r="M3467" s="236">
        <f t="shared" si="802"/>
        <v>22.51000046172069</v>
      </c>
      <c r="N3467" s="236">
        <f t="shared" si="803"/>
        <v>1.0654029940976231</v>
      </c>
      <c r="O3467" s="236">
        <f t="shared" si="807"/>
        <v>2.4577681887112788</v>
      </c>
      <c r="P3467" s="236" t="str">
        <f t="shared" si="808"/>
        <v>SAND</v>
      </c>
      <c r="Q3467" s="236" t="e">
        <f t="shared" si="804"/>
        <v>#N/A</v>
      </c>
      <c r="R3467" s="238">
        <v>35</v>
      </c>
      <c r="S3467" s="236" t="e">
        <f t="shared" si="809"/>
        <v>#N/A</v>
      </c>
      <c r="T3467" s="236">
        <f t="shared" si="795"/>
        <v>32.476130542995513</v>
      </c>
    </row>
    <row r="3468" spans="1:20" x14ac:dyDescent="0.2">
      <c r="A3468" s="53">
        <f t="shared" si="796"/>
        <v>3456</v>
      </c>
      <c r="B3468" s="239">
        <v>34.51</v>
      </c>
      <c r="C3468" s="3">
        <f t="shared" si="797"/>
        <v>34.503</v>
      </c>
      <c r="D3468" s="239">
        <v>7.2687999999999997</v>
      </c>
      <c r="E3468" s="239">
        <v>6.93E-2</v>
      </c>
      <c r="F3468" s="239">
        <v>0.27660000000000001</v>
      </c>
      <c r="G3468">
        <f t="shared" si="798"/>
        <v>7.3241199999999997</v>
      </c>
      <c r="H3468" s="235">
        <f t="shared" si="799"/>
        <v>0.94618875714761641</v>
      </c>
      <c r="I3468" s="236">
        <f t="shared" si="800"/>
        <v>18.992702693972575</v>
      </c>
      <c r="J3468" s="237">
        <f t="shared" si="805"/>
        <v>8.9927026939725749</v>
      </c>
      <c r="K3468" s="237">
        <f t="shared" si="801"/>
        <v>655.30522105013574</v>
      </c>
      <c r="L3468" s="237">
        <f t="shared" si="806"/>
        <v>310.33816996899355</v>
      </c>
      <c r="M3468" s="236">
        <f t="shared" si="802"/>
        <v>21.488864162652494</v>
      </c>
      <c r="N3468" s="236">
        <f t="shared" si="803"/>
        <v>1.0391651634822079</v>
      </c>
      <c r="O3468" s="236">
        <f t="shared" si="807"/>
        <v>2.4697206393760798</v>
      </c>
      <c r="P3468" s="236" t="str">
        <f t="shared" si="808"/>
        <v>SAND</v>
      </c>
      <c r="Q3468" s="236" t="e">
        <f t="shared" si="804"/>
        <v>#N/A</v>
      </c>
      <c r="R3468" s="238">
        <v>35</v>
      </c>
      <c r="S3468" s="236" t="e">
        <f t="shared" si="809"/>
        <v>#N/A</v>
      </c>
      <c r="T3468" s="236">
        <f t="shared" si="795"/>
        <v>32.254348066440357</v>
      </c>
    </row>
    <row r="3469" spans="1:20" x14ac:dyDescent="0.2">
      <c r="A3469" s="53">
        <f t="shared" si="796"/>
        <v>3457</v>
      </c>
      <c r="B3469" s="239">
        <v>34.518999999999998</v>
      </c>
      <c r="C3469" s="3">
        <f t="shared" si="797"/>
        <v>34.512</v>
      </c>
      <c r="D3469" s="239">
        <v>6.7907999999999999</v>
      </c>
      <c r="E3469" s="239">
        <v>6.7100000000000007E-2</v>
      </c>
      <c r="F3469" s="239">
        <v>0.27450000000000002</v>
      </c>
      <c r="G3469">
        <f t="shared" si="798"/>
        <v>6.8456999999999999</v>
      </c>
      <c r="H3469" s="235">
        <f t="shared" si="799"/>
        <v>0.98017733759878478</v>
      </c>
      <c r="I3469" s="236">
        <f t="shared" si="800"/>
        <v>18.928469935606621</v>
      </c>
      <c r="J3469" s="237">
        <f t="shared" si="805"/>
        <v>8.9284699356066213</v>
      </c>
      <c r="K3469" s="237">
        <f t="shared" si="801"/>
        <v>653.25935441765569</v>
      </c>
      <c r="L3469" s="237">
        <f t="shared" si="806"/>
        <v>308.20185370720492</v>
      </c>
      <c r="M3469" s="236">
        <f t="shared" si="802"/>
        <v>20.092158989625123</v>
      </c>
      <c r="N3469" s="236">
        <f t="shared" si="803"/>
        <v>1.0835792192512788</v>
      </c>
      <c r="O3469" s="236">
        <f t="shared" si="807"/>
        <v>2.5040864571791612</v>
      </c>
      <c r="P3469" s="236" t="str">
        <f t="shared" si="808"/>
        <v>SAND</v>
      </c>
      <c r="Q3469" s="236" t="e">
        <f t="shared" si="804"/>
        <v>#N/A</v>
      </c>
      <c r="R3469" s="238">
        <v>35</v>
      </c>
      <c r="S3469" s="236" t="e">
        <f t="shared" si="809"/>
        <v>#N/A</v>
      </c>
      <c r="T3469" s="236">
        <f t="shared" ref="T3469:T3532" si="810">IF(P3469="SAND",17.6+(11*LOG(M3469)),#N/A)</f>
        <v>31.933292666895007</v>
      </c>
    </row>
    <row r="3470" spans="1:20" x14ac:dyDescent="0.2">
      <c r="A3470" s="53">
        <f t="shared" ref="A3470:A3533" si="811">$A3469+1</f>
        <v>3458</v>
      </c>
      <c r="B3470" s="239">
        <v>34.529000000000003</v>
      </c>
      <c r="C3470" s="3">
        <f t="shared" ref="C3470:C3533" si="812">MAX($B3470 - $B$13, 0.001)</f>
        <v>34.522000000000006</v>
      </c>
      <c r="D3470" s="239">
        <v>6.4005000000000001</v>
      </c>
      <c r="E3470" s="239">
        <v>6.9099999999999995E-2</v>
      </c>
      <c r="F3470" s="239">
        <v>0.28470000000000001</v>
      </c>
      <c r="G3470">
        <f t="shared" si="798"/>
        <v>6.4574400000000001</v>
      </c>
      <c r="H3470" s="235">
        <f t="shared" si="799"/>
        <v>1.070083500582274</v>
      </c>
      <c r="I3470" s="236">
        <f t="shared" si="800"/>
        <v>18.940088123905912</v>
      </c>
      <c r="J3470" s="237">
        <f t="shared" si="805"/>
        <v>8.9400881239059125</v>
      </c>
      <c r="K3470" s="237">
        <f t="shared" si="801"/>
        <v>653.84972221348005</v>
      </c>
      <c r="L3470" s="237">
        <f t="shared" si="806"/>
        <v>308.69230283034727</v>
      </c>
      <c r="M3470" s="236">
        <f t="shared" si="802"/>
        <v>18.800566857593751</v>
      </c>
      <c r="N3470" s="236">
        <f t="shared" si="803"/>
        <v>1.1906422868010353</v>
      </c>
      <c r="O3470" s="236">
        <f t="shared" si="807"/>
        <v>2.5496498638896412</v>
      </c>
      <c r="P3470" s="236" t="str">
        <f t="shared" si="808"/>
        <v>SAND</v>
      </c>
      <c r="Q3470" s="236" t="e">
        <f t="shared" si="804"/>
        <v>#N/A</v>
      </c>
      <c r="R3470" s="238">
        <v>35</v>
      </c>
      <c r="S3470" s="236" t="e">
        <f t="shared" si="809"/>
        <v>#N/A</v>
      </c>
      <c r="T3470" s="236">
        <f t="shared" si="810"/>
        <v>31.615880383046743</v>
      </c>
    </row>
    <row r="3471" spans="1:20" x14ac:dyDescent="0.2">
      <c r="A3471" s="53">
        <f t="shared" si="811"/>
        <v>3459</v>
      </c>
      <c r="B3471" s="239">
        <v>34.54</v>
      </c>
      <c r="C3471" s="3">
        <f t="shared" si="812"/>
        <v>34.533000000000001</v>
      </c>
      <c r="D3471" s="239">
        <v>6.1999000000000004</v>
      </c>
      <c r="E3471" s="239">
        <v>7.4700000000000003E-2</v>
      </c>
      <c r="F3471" s="239">
        <v>0.27139999999999997</v>
      </c>
      <c r="G3471">
        <f t="shared" ref="G3471:G3534" si="813">$D3471+($F3471*(1-$P$8))</f>
        <v>6.2541800000000007</v>
      </c>
      <c r="H3471" s="235">
        <f t="shared" ref="H3471:H3534" si="814">($E3471/$G3471)*100</f>
        <v>1.1944011844878144</v>
      </c>
      <c r="I3471" s="236">
        <f t="shared" ref="I3471:I3534" si="815">((0.27*(LOG($H3471)))+(0.36*(LOG(($G3471*1000)/101)))+1.236)*10</f>
        <v>19.01896201805155</v>
      </c>
      <c r="J3471" s="237">
        <f t="shared" si="805"/>
        <v>9.0189620180515497</v>
      </c>
      <c r="K3471" s="237">
        <f t="shared" ref="K3471:K3534" si="816">$I3471*$C3471</f>
        <v>656.78181536937416</v>
      </c>
      <c r="L3471" s="237">
        <f t="shared" si="806"/>
        <v>311.5149481035005</v>
      </c>
      <c r="M3471" s="236">
        <f t="shared" ref="M3471:M3534" si="817">(($G3471*1000)-$K3471)/$L3471</f>
        <v>17.968313298310477</v>
      </c>
      <c r="N3471" s="236">
        <f t="shared" ref="N3471:N3534" si="818">(($E3471*1000)/(($G3471*1000)-$K3471))*100</f>
        <v>1.3345486159107238</v>
      </c>
      <c r="O3471" s="236">
        <f t="shared" si="807"/>
        <v>2.5919746331493139</v>
      </c>
      <c r="P3471" s="236" t="str">
        <f t="shared" si="808"/>
        <v>SAND</v>
      </c>
      <c r="Q3471" s="236" t="e">
        <f t="shared" ref="Q3471:Q3534" si="819">IF(P3471="CLAY",($G3471*1000 -$K3471)/$L$8,#N/A)</f>
        <v>#N/A</v>
      </c>
      <c r="R3471" s="238">
        <v>35</v>
      </c>
      <c r="S3471" s="236" t="e">
        <f t="shared" si="809"/>
        <v>#N/A</v>
      </c>
      <c r="T3471" s="236">
        <f t="shared" si="810"/>
        <v>31.39958042550624</v>
      </c>
    </row>
    <row r="3472" spans="1:20" x14ac:dyDescent="0.2">
      <c r="A3472" s="53">
        <f t="shared" si="811"/>
        <v>3460</v>
      </c>
      <c r="B3472" s="239">
        <v>34.548999999999999</v>
      </c>
      <c r="C3472" s="3">
        <f t="shared" si="812"/>
        <v>34.542000000000002</v>
      </c>
      <c r="D3472" s="239">
        <v>6.0247999999999999</v>
      </c>
      <c r="E3472" s="239">
        <v>8.2000000000000003E-2</v>
      </c>
      <c r="F3472" s="239">
        <v>0.25030000000000002</v>
      </c>
      <c r="G3472">
        <f t="shared" si="813"/>
        <v>6.0748600000000001</v>
      </c>
      <c r="H3472" s="235">
        <f t="shared" si="814"/>
        <v>1.3498253457692853</v>
      </c>
      <c r="I3472" s="236">
        <f t="shared" si="815"/>
        <v>19.116923102168787</v>
      </c>
      <c r="J3472" s="237">
        <f t="shared" ref="J3472:J3535" si="820">$I3472-10</f>
        <v>9.1169231021687871</v>
      </c>
      <c r="K3472" s="237">
        <f t="shared" si="816"/>
        <v>660.33675779511429</v>
      </c>
      <c r="L3472" s="237">
        <f t="shared" ref="L3472:L3535" si="821">$J3472*$B3472</f>
        <v>314.98057625682941</v>
      </c>
      <c r="M3472" s="236">
        <f t="shared" si="817"/>
        <v>17.19002265647639</v>
      </c>
      <c r="N3472" s="236">
        <f t="shared" si="818"/>
        <v>1.5144454337332975</v>
      </c>
      <c r="O3472" s="236">
        <f t="shared" ref="O3472:O3535" si="822">((3.47-LOG($M3472))^2+(LOG($N3472)+1.22)^2)^0.5</f>
        <v>2.637176440359092</v>
      </c>
      <c r="P3472" s="236" t="str">
        <f t="shared" ref="P3472:P3535" si="823">IF(O3472&lt;2.6,"SAND","CLAY")</f>
        <v>CLAY</v>
      </c>
      <c r="Q3472" s="236">
        <f t="shared" si="819"/>
        <v>451.21027018374053</v>
      </c>
      <c r="R3472" s="238">
        <v>35</v>
      </c>
      <c r="S3472" s="236">
        <f t="shared" ref="S3472:S3535" si="824">IF(P3472="SAND",#N/A,0.25*($M3472)^1.25)</f>
        <v>8.7505544198130796</v>
      </c>
      <c r="T3472" s="236" t="e">
        <f t="shared" si="810"/>
        <v>#N/A</v>
      </c>
    </row>
    <row r="3473" spans="1:20" x14ac:dyDescent="0.2">
      <c r="A3473" s="53">
        <f t="shared" si="811"/>
        <v>3461</v>
      </c>
      <c r="B3473" s="239">
        <v>34.558999999999997</v>
      </c>
      <c r="C3473" s="3">
        <f t="shared" si="812"/>
        <v>34.552</v>
      </c>
      <c r="D3473" s="239">
        <v>5.8380000000000001</v>
      </c>
      <c r="E3473" s="239">
        <v>8.8400000000000006E-2</v>
      </c>
      <c r="F3473" s="239">
        <v>0.2326</v>
      </c>
      <c r="G3473">
        <f t="shared" si="813"/>
        <v>5.8845200000000002</v>
      </c>
      <c r="H3473" s="235">
        <f t="shared" si="814"/>
        <v>1.5022465723627416</v>
      </c>
      <c r="I3473" s="236">
        <f t="shared" si="815"/>
        <v>19.192604108838452</v>
      </c>
      <c r="J3473" s="237">
        <f t="shared" si="820"/>
        <v>9.1926041088384522</v>
      </c>
      <c r="K3473" s="237">
        <f t="shared" si="816"/>
        <v>663.14285716858615</v>
      </c>
      <c r="L3473" s="237">
        <f t="shared" si="821"/>
        <v>317.68720539734807</v>
      </c>
      <c r="M3473" s="236">
        <f t="shared" si="817"/>
        <v>16.435591531930797</v>
      </c>
      <c r="N3473" s="236">
        <f t="shared" si="818"/>
        <v>1.693039931455</v>
      </c>
      <c r="O3473" s="236">
        <f t="shared" si="822"/>
        <v>2.679574667095348</v>
      </c>
      <c r="P3473" s="236" t="str">
        <f t="shared" si="823"/>
        <v>CLAY</v>
      </c>
      <c r="Q3473" s="236">
        <f t="shared" si="819"/>
        <v>435.11476190261783</v>
      </c>
      <c r="R3473" s="238">
        <v>35</v>
      </c>
      <c r="S3473" s="236">
        <f t="shared" si="824"/>
        <v>8.27316494058649</v>
      </c>
      <c r="T3473" s="236" t="e">
        <f t="shared" si="810"/>
        <v>#N/A</v>
      </c>
    </row>
    <row r="3474" spans="1:20" x14ac:dyDescent="0.2">
      <c r="A3474" s="53">
        <f t="shared" si="811"/>
        <v>3462</v>
      </c>
      <c r="B3474" s="239">
        <v>34.567999999999998</v>
      </c>
      <c r="C3474" s="3">
        <f t="shared" si="812"/>
        <v>34.561</v>
      </c>
      <c r="D3474" s="239">
        <v>5.4766000000000004</v>
      </c>
      <c r="E3474" s="239">
        <v>9.7600000000000006E-2</v>
      </c>
      <c r="F3474" s="239">
        <v>0.26800000000000002</v>
      </c>
      <c r="G3474">
        <f t="shared" si="813"/>
        <v>5.5302000000000007</v>
      </c>
      <c r="H3474" s="235">
        <f t="shared" si="814"/>
        <v>1.7648547972948534</v>
      </c>
      <c r="I3474" s="236">
        <f t="shared" si="815"/>
        <v>19.284424316168746</v>
      </c>
      <c r="J3474" s="237">
        <f t="shared" si="820"/>
        <v>9.2844243161687459</v>
      </c>
      <c r="K3474" s="237">
        <f t="shared" si="816"/>
        <v>666.488988791108</v>
      </c>
      <c r="L3474" s="237">
        <f t="shared" si="821"/>
        <v>320.9439797613212</v>
      </c>
      <c r="M3474" s="236">
        <f t="shared" si="817"/>
        <v>15.15439241086848</v>
      </c>
      <c r="N3474" s="236">
        <f t="shared" si="818"/>
        <v>2.0066981729603457</v>
      </c>
      <c r="O3474" s="236">
        <f t="shared" si="822"/>
        <v>2.7494700283597484</v>
      </c>
      <c r="P3474" s="236" t="str">
        <f t="shared" si="823"/>
        <v>CLAY</v>
      </c>
      <c r="Q3474" s="236">
        <f t="shared" si="819"/>
        <v>405.30925093407444</v>
      </c>
      <c r="R3474" s="238">
        <v>35</v>
      </c>
      <c r="S3474" s="236">
        <f t="shared" si="824"/>
        <v>7.4750339527152905</v>
      </c>
      <c r="T3474" s="236" t="e">
        <f t="shared" si="810"/>
        <v>#N/A</v>
      </c>
    </row>
    <row r="3475" spans="1:20" x14ac:dyDescent="0.2">
      <c r="A3475" s="53">
        <f t="shared" si="811"/>
        <v>3463</v>
      </c>
      <c r="B3475" s="239">
        <v>34.579000000000001</v>
      </c>
      <c r="C3475" s="3">
        <f t="shared" si="812"/>
        <v>34.572000000000003</v>
      </c>
      <c r="D3475" s="239">
        <v>5.1192000000000002</v>
      </c>
      <c r="E3475" s="239">
        <v>0.1106</v>
      </c>
      <c r="F3475" s="239">
        <v>0.29339999999999999</v>
      </c>
      <c r="G3475">
        <f t="shared" si="813"/>
        <v>5.17788</v>
      </c>
      <c r="H3475" s="235">
        <f t="shared" si="814"/>
        <v>2.1360093320046043</v>
      </c>
      <c r="I3475" s="236">
        <f t="shared" si="815"/>
        <v>19.405318680296091</v>
      </c>
      <c r="J3475" s="237">
        <f t="shared" si="820"/>
        <v>9.4053186802960909</v>
      </c>
      <c r="K3475" s="237">
        <f t="shared" si="816"/>
        <v>670.88067741519649</v>
      </c>
      <c r="L3475" s="237">
        <f t="shared" si="821"/>
        <v>325.22651464595856</v>
      </c>
      <c r="M3475" s="236">
        <f t="shared" si="817"/>
        <v>13.858031616798284</v>
      </c>
      <c r="N3475" s="236">
        <f t="shared" si="818"/>
        <v>2.4539608747171928</v>
      </c>
      <c r="O3475" s="236">
        <f t="shared" si="822"/>
        <v>2.8306620218470591</v>
      </c>
      <c r="P3475" s="236" t="str">
        <f t="shared" si="823"/>
        <v>CLAY</v>
      </c>
      <c r="Q3475" s="236">
        <f t="shared" si="819"/>
        <v>375.58327688206697</v>
      </c>
      <c r="R3475" s="238">
        <v>35</v>
      </c>
      <c r="S3475" s="236">
        <f t="shared" si="824"/>
        <v>6.6844694605723696</v>
      </c>
      <c r="T3475" s="236" t="e">
        <f t="shared" si="810"/>
        <v>#N/A</v>
      </c>
    </row>
    <row r="3476" spans="1:20" x14ac:dyDescent="0.2">
      <c r="A3476" s="53">
        <f t="shared" si="811"/>
        <v>3464</v>
      </c>
      <c r="B3476" s="239">
        <v>34.588000000000001</v>
      </c>
      <c r="C3476" s="3">
        <f t="shared" si="812"/>
        <v>34.581000000000003</v>
      </c>
      <c r="D3476" s="239">
        <v>4.9196</v>
      </c>
      <c r="E3476" s="239">
        <v>0.11650000000000001</v>
      </c>
      <c r="F3476" s="239">
        <v>0.32319999999999999</v>
      </c>
      <c r="G3476">
        <f t="shared" si="813"/>
        <v>4.9842399999999998</v>
      </c>
      <c r="H3476" s="235">
        <f t="shared" si="814"/>
        <v>2.3373673819880265</v>
      </c>
      <c r="I3476" s="236">
        <f t="shared" si="815"/>
        <v>19.451362104444055</v>
      </c>
      <c r="J3476" s="237">
        <f t="shared" si="820"/>
        <v>9.4513621044440548</v>
      </c>
      <c r="K3476" s="237">
        <f t="shared" si="816"/>
        <v>672.64755293377993</v>
      </c>
      <c r="L3476" s="237">
        <f t="shared" si="821"/>
        <v>326.903712468511</v>
      </c>
      <c r="M3476" s="236">
        <f t="shared" si="817"/>
        <v>13.1891816538533</v>
      </c>
      <c r="N3476" s="236">
        <f t="shared" si="818"/>
        <v>2.7020179070791182</v>
      </c>
      <c r="O3476" s="236">
        <f t="shared" si="822"/>
        <v>2.8722030114518393</v>
      </c>
      <c r="P3476" s="236" t="str">
        <f t="shared" si="823"/>
        <v>CLAY</v>
      </c>
      <c r="Q3476" s="236">
        <f t="shared" si="819"/>
        <v>359.29937058885162</v>
      </c>
      <c r="R3476" s="238">
        <v>35</v>
      </c>
      <c r="S3476" s="236">
        <f t="shared" si="824"/>
        <v>6.283654834634155</v>
      </c>
      <c r="T3476" s="236" t="e">
        <f t="shared" si="810"/>
        <v>#N/A</v>
      </c>
    </row>
    <row r="3477" spans="1:20" x14ac:dyDescent="0.2">
      <c r="A3477" s="53">
        <f t="shared" si="811"/>
        <v>3465</v>
      </c>
      <c r="B3477" s="239">
        <v>34.597999999999999</v>
      </c>
      <c r="C3477" s="3">
        <f t="shared" si="812"/>
        <v>34.591000000000001</v>
      </c>
      <c r="D3477" s="239">
        <v>4.7093999999999996</v>
      </c>
      <c r="E3477" s="239">
        <v>0.12039999999999999</v>
      </c>
      <c r="F3477" s="239">
        <v>0.36280000000000001</v>
      </c>
      <c r="G3477">
        <f t="shared" si="813"/>
        <v>4.7819599999999998</v>
      </c>
      <c r="H3477" s="235">
        <f t="shared" si="814"/>
        <v>2.5177960501551664</v>
      </c>
      <c r="I3477" s="236">
        <f t="shared" si="815"/>
        <v>19.473779914190345</v>
      </c>
      <c r="J3477" s="237">
        <f t="shared" si="820"/>
        <v>9.4737799141903452</v>
      </c>
      <c r="K3477" s="237">
        <f t="shared" si="816"/>
        <v>673.6175210117583</v>
      </c>
      <c r="L3477" s="237">
        <f t="shared" si="821"/>
        <v>327.77383747115755</v>
      </c>
      <c r="M3477" s="236">
        <f t="shared" si="817"/>
        <v>12.534076882660763</v>
      </c>
      <c r="N3477" s="236">
        <f t="shared" si="818"/>
        <v>2.9306222793200729</v>
      </c>
      <c r="O3477" s="236">
        <f t="shared" si="822"/>
        <v>2.9106321314871475</v>
      </c>
      <c r="P3477" s="236" t="str">
        <f t="shared" si="823"/>
        <v>CLAY</v>
      </c>
      <c r="Q3477" s="236">
        <f t="shared" si="819"/>
        <v>342.36187324902016</v>
      </c>
      <c r="R3477" s="238">
        <v>35</v>
      </c>
      <c r="S3477" s="236">
        <f t="shared" si="824"/>
        <v>5.8959725313864082</v>
      </c>
      <c r="T3477" s="236" t="e">
        <f t="shared" si="810"/>
        <v>#N/A</v>
      </c>
    </row>
    <row r="3478" spans="1:20" x14ac:dyDescent="0.2">
      <c r="A3478" s="53">
        <f t="shared" si="811"/>
        <v>3466</v>
      </c>
      <c r="B3478" s="239">
        <v>34.607999999999997</v>
      </c>
      <c r="C3478" s="3">
        <f t="shared" si="812"/>
        <v>34.600999999999999</v>
      </c>
      <c r="D3478" s="239">
        <v>4.6277999999999997</v>
      </c>
      <c r="E3478" s="239">
        <v>0.12790000000000001</v>
      </c>
      <c r="F3478" s="239">
        <v>0.3417</v>
      </c>
      <c r="G3478">
        <f t="shared" si="813"/>
        <v>4.6961399999999998</v>
      </c>
      <c r="H3478" s="235">
        <f t="shared" si="814"/>
        <v>2.7235133535201252</v>
      </c>
      <c r="I3478" s="236">
        <f t="shared" si="815"/>
        <v>19.537560456422195</v>
      </c>
      <c r="J3478" s="237">
        <f t="shared" si="820"/>
        <v>9.5375604564221952</v>
      </c>
      <c r="K3478" s="237">
        <f t="shared" si="816"/>
        <v>676.01912935266432</v>
      </c>
      <c r="L3478" s="237">
        <f t="shared" si="821"/>
        <v>330.0758922758593</v>
      </c>
      <c r="M3478" s="236">
        <f t="shared" si="817"/>
        <v>12.17938348338248</v>
      </c>
      <c r="N3478" s="236">
        <f t="shared" si="818"/>
        <v>3.1814963807146692</v>
      </c>
      <c r="O3478" s="236">
        <f t="shared" si="822"/>
        <v>2.9415475080120461</v>
      </c>
      <c r="P3478" s="236" t="str">
        <f t="shared" si="823"/>
        <v>CLAY</v>
      </c>
      <c r="Q3478" s="236">
        <f t="shared" si="819"/>
        <v>335.01007255394461</v>
      </c>
      <c r="R3478" s="238">
        <v>35</v>
      </c>
      <c r="S3478" s="236">
        <f t="shared" si="824"/>
        <v>5.6881578511304953</v>
      </c>
      <c r="T3478" s="236" t="e">
        <f t="shared" si="810"/>
        <v>#N/A</v>
      </c>
    </row>
    <row r="3479" spans="1:20" x14ac:dyDescent="0.2">
      <c r="A3479" s="53">
        <f t="shared" si="811"/>
        <v>3467</v>
      </c>
      <c r="B3479" s="239">
        <v>34.616999999999997</v>
      </c>
      <c r="C3479" s="3">
        <f t="shared" si="812"/>
        <v>34.61</v>
      </c>
      <c r="D3479" s="239">
        <v>4.49</v>
      </c>
      <c r="E3479" s="239">
        <v>0.13370000000000001</v>
      </c>
      <c r="F3479" s="239">
        <v>0.3891</v>
      </c>
      <c r="G3479">
        <f t="shared" si="813"/>
        <v>4.5678200000000002</v>
      </c>
      <c r="H3479" s="235">
        <f t="shared" si="814"/>
        <v>2.9269979990454966</v>
      </c>
      <c r="I3479" s="236">
        <f t="shared" si="815"/>
        <v>19.578735937538298</v>
      </c>
      <c r="J3479" s="237">
        <f t="shared" si="820"/>
        <v>9.5787359375382977</v>
      </c>
      <c r="K3479" s="237">
        <f t="shared" si="816"/>
        <v>677.62005079820051</v>
      </c>
      <c r="L3479" s="237">
        <f t="shared" si="821"/>
        <v>331.58710194976322</v>
      </c>
      <c r="M3479" s="236">
        <f t="shared" si="817"/>
        <v>11.73206052445062</v>
      </c>
      <c r="N3479" s="236">
        <f t="shared" si="818"/>
        <v>3.4368413383850069</v>
      </c>
      <c r="O3479" s="236">
        <f t="shared" si="822"/>
        <v>2.9744074885078811</v>
      </c>
      <c r="P3479" s="236" t="str">
        <f t="shared" si="823"/>
        <v>CLAY</v>
      </c>
      <c r="Q3479" s="236">
        <f t="shared" si="819"/>
        <v>324.18332910015005</v>
      </c>
      <c r="R3479" s="238">
        <v>35</v>
      </c>
      <c r="S3479" s="236">
        <f t="shared" si="824"/>
        <v>5.4282254535951076</v>
      </c>
      <c r="T3479" s="236" t="e">
        <f t="shared" si="810"/>
        <v>#N/A</v>
      </c>
    </row>
    <row r="3480" spans="1:20" x14ac:dyDescent="0.2">
      <c r="A3480" s="53">
        <f t="shared" si="811"/>
        <v>3468</v>
      </c>
      <c r="B3480" s="239">
        <v>34.627000000000002</v>
      </c>
      <c r="C3480" s="3">
        <f t="shared" si="812"/>
        <v>34.620000000000005</v>
      </c>
      <c r="D3480" s="239">
        <v>4.5102000000000002</v>
      </c>
      <c r="E3480" s="239">
        <v>0.14199999999999999</v>
      </c>
      <c r="F3480" s="239">
        <v>0.38159999999999999</v>
      </c>
      <c r="G3480">
        <f t="shared" si="813"/>
        <v>4.5865200000000002</v>
      </c>
      <c r="H3480" s="235">
        <f t="shared" si="814"/>
        <v>3.0960292334929309</v>
      </c>
      <c r="I3480" s="236">
        <f t="shared" si="815"/>
        <v>19.650956546687553</v>
      </c>
      <c r="J3480" s="237">
        <f t="shared" si="820"/>
        <v>9.6509565466875529</v>
      </c>
      <c r="K3480" s="237">
        <f t="shared" si="816"/>
        <v>680.31611564632317</v>
      </c>
      <c r="L3480" s="237">
        <f t="shared" si="821"/>
        <v>334.18367234214992</v>
      </c>
      <c r="M3480" s="236">
        <f t="shared" si="817"/>
        <v>11.68879334222636</v>
      </c>
      <c r="N3480" s="236">
        <f t="shared" si="818"/>
        <v>3.6352429162436155</v>
      </c>
      <c r="O3480" s="236">
        <f t="shared" si="822"/>
        <v>2.990152141312524</v>
      </c>
      <c r="P3480" s="236" t="str">
        <f t="shared" si="823"/>
        <v>CLAY</v>
      </c>
      <c r="Q3480" s="236">
        <f t="shared" si="819"/>
        <v>325.51699036280644</v>
      </c>
      <c r="R3480" s="238">
        <v>35</v>
      </c>
      <c r="S3480" s="236">
        <f t="shared" si="824"/>
        <v>5.4032132606483438</v>
      </c>
      <c r="T3480" s="236" t="e">
        <f t="shared" si="810"/>
        <v>#N/A</v>
      </c>
    </row>
    <row r="3481" spans="1:20" x14ac:dyDescent="0.2">
      <c r="A3481" s="53">
        <f t="shared" si="811"/>
        <v>3469</v>
      </c>
      <c r="B3481" s="239">
        <v>34.637999999999998</v>
      </c>
      <c r="C3481" s="3">
        <f t="shared" si="812"/>
        <v>34.631</v>
      </c>
      <c r="D3481" s="239">
        <v>4.7949000000000002</v>
      </c>
      <c r="E3481" s="239">
        <v>0.14929999999999999</v>
      </c>
      <c r="F3481" s="239">
        <v>0.46539999999999998</v>
      </c>
      <c r="G3481">
        <f t="shared" si="813"/>
        <v>4.8879799999999998</v>
      </c>
      <c r="H3481" s="235">
        <f t="shared" si="814"/>
        <v>3.0544314829438748</v>
      </c>
      <c r="I3481" s="236">
        <f t="shared" si="815"/>
        <v>19.73462101346373</v>
      </c>
      <c r="J3481" s="237">
        <f t="shared" si="820"/>
        <v>9.7346210134637303</v>
      </c>
      <c r="K3481" s="237">
        <f t="shared" si="816"/>
        <v>683.42966031726246</v>
      </c>
      <c r="L3481" s="237">
        <f t="shared" si="821"/>
        <v>337.1878026643567</v>
      </c>
      <c r="M3481" s="236">
        <f t="shared" si="817"/>
        <v>12.469461547718048</v>
      </c>
      <c r="N3481" s="236">
        <f t="shared" si="818"/>
        <v>3.5509147932158118</v>
      </c>
      <c r="O3481" s="236">
        <f t="shared" si="822"/>
        <v>2.9615373958727211</v>
      </c>
      <c r="P3481" s="236" t="str">
        <f t="shared" si="823"/>
        <v>CLAY</v>
      </c>
      <c r="Q3481" s="236">
        <f t="shared" si="819"/>
        <v>350.37919497356143</v>
      </c>
      <c r="R3481" s="238">
        <v>35</v>
      </c>
      <c r="S3481" s="236">
        <f t="shared" si="824"/>
        <v>5.8580035977299847</v>
      </c>
      <c r="T3481" s="236" t="e">
        <f t="shared" si="810"/>
        <v>#N/A</v>
      </c>
    </row>
    <row r="3482" spans="1:20" x14ac:dyDescent="0.2">
      <c r="A3482" s="53">
        <f t="shared" si="811"/>
        <v>3470</v>
      </c>
      <c r="B3482" s="239">
        <v>34.646999999999998</v>
      </c>
      <c r="C3482" s="3">
        <f t="shared" si="812"/>
        <v>34.64</v>
      </c>
      <c r="D3482" s="239">
        <v>5.0199999999999996</v>
      </c>
      <c r="E3482" s="239">
        <v>0.16089999999999999</v>
      </c>
      <c r="F3482" s="239">
        <v>0.57279999999999998</v>
      </c>
      <c r="G3482">
        <f t="shared" si="813"/>
        <v>5.1345599999999996</v>
      </c>
      <c r="H3482" s="235">
        <f t="shared" si="814"/>
        <v>3.1336667601508208</v>
      </c>
      <c r="I3482" s="236">
        <f t="shared" si="815"/>
        <v>19.84159728331165</v>
      </c>
      <c r="J3482" s="237">
        <f t="shared" si="820"/>
        <v>9.8415972833116498</v>
      </c>
      <c r="K3482" s="237">
        <f t="shared" si="816"/>
        <v>687.31292989391557</v>
      </c>
      <c r="L3482" s="237">
        <f t="shared" si="821"/>
        <v>340.98182107489873</v>
      </c>
      <c r="M3482" s="236">
        <f t="shared" si="817"/>
        <v>13.042475566840318</v>
      </c>
      <c r="N3482" s="236">
        <f t="shared" si="818"/>
        <v>3.6179685424170036</v>
      </c>
      <c r="O3482" s="236">
        <f t="shared" si="822"/>
        <v>2.950807749815378</v>
      </c>
      <c r="P3482" s="236" t="str">
        <f t="shared" si="823"/>
        <v>CLAY</v>
      </c>
      <c r="Q3482" s="236">
        <f t="shared" si="819"/>
        <v>370.6039225088403</v>
      </c>
      <c r="R3482" s="238">
        <v>35</v>
      </c>
      <c r="S3482" s="236">
        <f t="shared" si="824"/>
        <v>6.1964086057775658</v>
      </c>
      <c r="T3482" s="236" t="e">
        <f t="shared" si="810"/>
        <v>#N/A</v>
      </c>
    </row>
    <row r="3483" spans="1:20" x14ac:dyDescent="0.2">
      <c r="A3483" s="53">
        <f t="shared" si="811"/>
        <v>3471</v>
      </c>
      <c r="B3483" s="239">
        <v>34.656999999999996</v>
      </c>
      <c r="C3483" s="3">
        <f t="shared" si="812"/>
        <v>34.65</v>
      </c>
      <c r="D3483" s="239">
        <v>5.4622000000000002</v>
      </c>
      <c r="E3483" s="239">
        <v>0.1603</v>
      </c>
      <c r="F3483" s="239">
        <v>0.61229999999999996</v>
      </c>
      <c r="G3483">
        <f t="shared" si="813"/>
        <v>5.5846600000000004</v>
      </c>
      <c r="H3483" s="235">
        <f t="shared" si="814"/>
        <v>2.8703627436585215</v>
      </c>
      <c r="I3483" s="236">
        <f t="shared" si="815"/>
        <v>19.870060628893352</v>
      </c>
      <c r="J3483" s="237">
        <f t="shared" si="820"/>
        <v>9.8700606288933521</v>
      </c>
      <c r="K3483" s="237">
        <f t="shared" si="816"/>
        <v>688.49760079115458</v>
      </c>
      <c r="L3483" s="237">
        <f t="shared" si="821"/>
        <v>342.06669121555689</v>
      </c>
      <c r="M3483" s="236">
        <f t="shared" si="817"/>
        <v>14.313473147034589</v>
      </c>
      <c r="N3483" s="236">
        <f t="shared" si="818"/>
        <v>3.2739927095944026</v>
      </c>
      <c r="O3483" s="236">
        <f t="shared" si="822"/>
        <v>2.8924506443823756</v>
      </c>
      <c r="P3483" s="236" t="str">
        <f t="shared" si="823"/>
        <v>CLAY</v>
      </c>
      <c r="Q3483" s="236">
        <f t="shared" si="819"/>
        <v>408.01353326740383</v>
      </c>
      <c r="R3483" s="238">
        <v>35</v>
      </c>
      <c r="S3483" s="236">
        <f t="shared" si="824"/>
        <v>6.9601931725737636</v>
      </c>
      <c r="T3483" s="236" t="e">
        <f t="shared" si="810"/>
        <v>#N/A</v>
      </c>
    </row>
    <row r="3484" spans="1:20" x14ac:dyDescent="0.2">
      <c r="A3484" s="53">
        <f t="shared" si="811"/>
        <v>3472</v>
      </c>
      <c r="B3484" s="239">
        <v>34.665999999999997</v>
      </c>
      <c r="C3484" s="3">
        <f t="shared" si="812"/>
        <v>34.658999999999999</v>
      </c>
      <c r="D3484" s="239">
        <v>5.7591999999999999</v>
      </c>
      <c r="E3484" s="239">
        <v>0.15210000000000001</v>
      </c>
      <c r="F3484" s="239">
        <v>0.53280000000000005</v>
      </c>
      <c r="G3484">
        <f t="shared" si="813"/>
        <v>5.8657599999999999</v>
      </c>
      <c r="H3484" s="235">
        <f t="shared" si="814"/>
        <v>2.5930143749488561</v>
      </c>
      <c r="I3484" s="236">
        <f t="shared" si="815"/>
        <v>19.827683793028072</v>
      </c>
      <c r="J3484" s="237">
        <f t="shared" si="820"/>
        <v>9.827683793028072</v>
      </c>
      <c r="K3484" s="237">
        <f t="shared" si="816"/>
        <v>687.20769258255996</v>
      </c>
      <c r="L3484" s="237">
        <f t="shared" si="821"/>
        <v>340.68648636911109</v>
      </c>
      <c r="M3484" s="236">
        <f t="shared" si="817"/>
        <v>15.200345521796905</v>
      </c>
      <c r="N3484" s="236">
        <f t="shared" si="818"/>
        <v>2.9371142931614562</v>
      </c>
      <c r="O3484" s="236">
        <f t="shared" si="822"/>
        <v>2.8433591705896304</v>
      </c>
      <c r="P3484" s="236" t="str">
        <f t="shared" si="823"/>
        <v>CLAY</v>
      </c>
      <c r="Q3484" s="236">
        <f t="shared" si="819"/>
        <v>431.54602561811998</v>
      </c>
      <c r="R3484" s="238">
        <v>35</v>
      </c>
      <c r="S3484" s="236">
        <f t="shared" si="824"/>
        <v>7.5033781414482172</v>
      </c>
      <c r="T3484" s="236" t="e">
        <f t="shared" si="810"/>
        <v>#N/A</v>
      </c>
    </row>
    <row r="3485" spans="1:20" x14ac:dyDescent="0.2">
      <c r="A3485" s="53">
        <f t="shared" si="811"/>
        <v>3473</v>
      </c>
      <c r="B3485" s="239">
        <v>34.677</v>
      </c>
      <c r="C3485" s="3">
        <f t="shared" si="812"/>
        <v>34.67</v>
      </c>
      <c r="D3485" s="239">
        <v>5.8945999999999996</v>
      </c>
      <c r="E3485" s="239">
        <v>0.13550000000000001</v>
      </c>
      <c r="F3485" s="239">
        <v>0.37469999999999998</v>
      </c>
      <c r="G3485">
        <f t="shared" si="813"/>
        <v>5.9695399999999994</v>
      </c>
      <c r="H3485" s="235">
        <f t="shared" si="814"/>
        <v>2.2698566388699972</v>
      </c>
      <c r="I3485" s="236">
        <f t="shared" si="815"/>
        <v>19.69902593140295</v>
      </c>
      <c r="J3485" s="237">
        <f t="shared" si="820"/>
        <v>9.6990259314029501</v>
      </c>
      <c r="K3485" s="237">
        <f t="shared" si="816"/>
        <v>682.96522904174026</v>
      </c>
      <c r="L3485" s="237">
        <f t="shared" si="821"/>
        <v>336.33312222326009</v>
      </c>
      <c r="M3485" s="236">
        <f t="shared" si="817"/>
        <v>15.718269839177472</v>
      </c>
      <c r="N3485" s="236">
        <f t="shared" si="818"/>
        <v>2.5630962555257475</v>
      </c>
      <c r="O3485" s="236">
        <f t="shared" si="822"/>
        <v>2.796803632324139</v>
      </c>
      <c r="P3485" s="236" t="str">
        <f t="shared" si="823"/>
        <v>CLAY</v>
      </c>
      <c r="Q3485" s="236">
        <f t="shared" si="819"/>
        <v>440.54789757985492</v>
      </c>
      <c r="R3485" s="238">
        <v>35</v>
      </c>
      <c r="S3485" s="236">
        <f t="shared" si="824"/>
        <v>7.8243079268257194</v>
      </c>
      <c r="T3485" s="236" t="e">
        <f t="shared" si="810"/>
        <v>#N/A</v>
      </c>
    </row>
    <row r="3486" spans="1:20" x14ac:dyDescent="0.2">
      <c r="A3486" s="53">
        <f t="shared" si="811"/>
        <v>3474</v>
      </c>
      <c r="B3486" s="239">
        <v>34.686999999999998</v>
      </c>
      <c r="C3486" s="3">
        <f t="shared" si="812"/>
        <v>34.68</v>
      </c>
      <c r="D3486" s="239">
        <v>5.8087999999999997</v>
      </c>
      <c r="E3486" s="239">
        <v>0.1265</v>
      </c>
      <c r="F3486" s="239">
        <v>0.25829999999999997</v>
      </c>
      <c r="G3486">
        <f t="shared" si="813"/>
        <v>5.8604599999999998</v>
      </c>
      <c r="H3486" s="235">
        <f t="shared" si="814"/>
        <v>2.1585336304658682</v>
      </c>
      <c r="I3486" s="236">
        <f t="shared" si="815"/>
        <v>19.611226008714681</v>
      </c>
      <c r="J3486" s="237">
        <f t="shared" si="820"/>
        <v>9.6112260087146808</v>
      </c>
      <c r="K3486" s="237">
        <f t="shared" si="816"/>
        <v>680.11731798222513</v>
      </c>
      <c r="L3486" s="237">
        <f t="shared" si="821"/>
        <v>333.38459656428608</v>
      </c>
      <c r="M3486" s="236">
        <f t="shared" si="817"/>
        <v>15.538638363631945</v>
      </c>
      <c r="N3486" s="236">
        <f t="shared" si="818"/>
        <v>2.4419233970585026</v>
      </c>
      <c r="O3486" s="236">
        <f t="shared" si="822"/>
        <v>2.7886844930355581</v>
      </c>
      <c r="P3486" s="236" t="str">
        <f t="shared" si="823"/>
        <v>CLAY</v>
      </c>
      <c r="Q3486" s="236">
        <f t="shared" si="819"/>
        <v>431.69522350148122</v>
      </c>
      <c r="R3486" s="238">
        <v>35</v>
      </c>
      <c r="S3486" s="236">
        <f t="shared" si="824"/>
        <v>7.7126958945070863</v>
      </c>
      <c r="T3486" s="236" t="e">
        <f t="shared" si="810"/>
        <v>#N/A</v>
      </c>
    </row>
    <row r="3487" spans="1:20" x14ac:dyDescent="0.2">
      <c r="A3487" s="53">
        <f t="shared" si="811"/>
        <v>3475</v>
      </c>
      <c r="B3487" s="239">
        <v>34.695999999999998</v>
      </c>
      <c r="C3487" s="3">
        <f t="shared" si="812"/>
        <v>34.689</v>
      </c>
      <c r="D3487" s="239">
        <v>5.6279000000000003</v>
      </c>
      <c r="E3487" s="239">
        <v>0.129</v>
      </c>
      <c r="F3487" s="239">
        <v>0.26719999999999999</v>
      </c>
      <c r="G3487">
        <f t="shared" si="813"/>
        <v>5.6813400000000005</v>
      </c>
      <c r="H3487" s="235">
        <f t="shared" si="814"/>
        <v>2.2705910929463822</v>
      </c>
      <c r="I3487" s="236">
        <f t="shared" si="815"/>
        <v>19.622040974572176</v>
      </c>
      <c r="J3487" s="237">
        <f t="shared" si="820"/>
        <v>9.622040974572176</v>
      </c>
      <c r="K3487" s="237">
        <f t="shared" si="816"/>
        <v>680.6689793669342</v>
      </c>
      <c r="L3487" s="237">
        <f t="shared" si="821"/>
        <v>333.84633365375618</v>
      </c>
      <c r="M3487" s="236">
        <f t="shared" si="817"/>
        <v>14.978960427402622</v>
      </c>
      <c r="N3487" s="236">
        <f t="shared" si="818"/>
        <v>2.5796537998148312</v>
      </c>
      <c r="O3487" s="236">
        <f t="shared" si="822"/>
        <v>2.8154585837893893</v>
      </c>
      <c r="P3487" s="236" t="str">
        <f t="shared" si="823"/>
        <v>CLAY</v>
      </c>
      <c r="Q3487" s="236">
        <f t="shared" si="819"/>
        <v>416.72258505275551</v>
      </c>
      <c r="R3487" s="238">
        <v>35</v>
      </c>
      <c r="S3487" s="236">
        <f t="shared" si="824"/>
        <v>7.3670242674431554</v>
      </c>
      <c r="T3487" s="236" t="e">
        <f t="shared" si="810"/>
        <v>#N/A</v>
      </c>
    </row>
    <row r="3488" spans="1:20" x14ac:dyDescent="0.2">
      <c r="A3488" s="53">
        <f t="shared" si="811"/>
        <v>3476</v>
      </c>
      <c r="B3488" s="239">
        <v>34.707000000000001</v>
      </c>
      <c r="C3488" s="3">
        <f t="shared" si="812"/>
        <v>34.700000000000003</v>
      </c>
      <c r="D3488" s="239">
        <v>5.4279000000000002</v>
      </c>
      <c r="E3488" s="239">
        <v>0.1318</v>
      </c>
      <c r="F3488" s="239">
        <v>0.30630000000000002</v>
      </c>
      <c r="G3488">
        <f t="shared" si="813"/>
        <v>5.48916</v>
      </c>
      <c r="H3488" s="235">
        <f t="shared" si="814"/>
        <v>2.4010959782553249</v>
      </c>
      <c r="I3488" s="236">
        <f t="shared" si="815"/>
        <v>19.633769963022441</v>
      </c>
      <c r="J3488" s="237">
        <f t="shared" si="820"/>
        <v>9.6337699630224414</v>
      </c>
      <c r="K3488" s="237">
        <f t="shared" si="816"/>
        <v>681.29181771687877</v>
      </c>
      <c r="L3488" s="237">
        <f t="shared" si="821"/>
        <v>334.35925410661986</v>
      </c>
      <c r="M3488" s="236">
        <f t="shared" si="817"/>
        <v>14.379348330374004</v>
      </c>
      <c r="N3488" s="236">
        <f t="shared" si="818"/>
        <v>2.7413397165438074</v>
      </c>
      <c r="O3488" s="236">
        <f t="shared" si="822"/>
        <v>2.8452400296412219</v>
      </c>
      <c r="P3488" s="236" t="str">
        <f t="shared" si="823"/>
        <v>CLAY</v>
      </c>
      <c r="Q3488" s="236">
        <f t="shared" si="819"/>
        <v>400.65568185692678</v>
      </c>
      <c r="R3488" s="238">
        <v>35</v>
      </c>
      <c r="S3488" s="236">
        <f t="shared" si="824"/>
        <v>7.0002574765420933</v>
      </c>
      <c r="T3488" s="236" t="e">
        <f t="shared" si="810"/>
        <v>#N/A</v>
      </c>
    </row>
    <row r="3489" spans="1:20" x14ac:dyDescent="0.2">
      <c r="A3489" s="53">
        <f t="shared" si="811"/>
        <v>3477</v>
      </c>
      <c r="B3489" s="239">
        <v>34.716000000000001</v>
      </c>
      <c r="C3489" s="3">
        <f t="shared" si="812"/>
        <v>34.709000000000003</v>
      </c>
      <c r="D3489" s="239">
        <v>5.1067</v>
      </c>
      <c r="E3489" s="239">
        <v>0.1338</v>
      </c>
      <c r="F3489" s="239">
        <v>0.34620000000000001</v>
      </c>
      <c r="G3489">
        <f t="shared" si="813"/>
        <v>5.1759399999999998</v>
      </c>
      <c r="H3489" s="235">
        <f t="shared" si="814"/>
        <v>2.5850376936363251</v>
      </c>
      <c r="I3489" s="236">
        <f t="shared" si="815"/>
        <v>19.628464870623702</v>
      </c>
      <c r="J3489" s="237">
        <f t="shared" si="820"/>
        <v>9.6284648706237022</v>
      </c>
      <c r="K3489" s="237">
        <f t="shared" si="816"/>
        <v>681.28438719447809</v>
      </c>
      <c r="L3489" s="237">
        <f t="shared" si="821"/>
        <v>334.26178644857248</v>
      </c>
      <c r="M3489" s="236">
        <f t="shared" si="817"/>
        <v>13.446513466465431</v>
      </c>
      <c r="N3489" s="236">
        <f t="shared" si="818"/>
        <v>2.9768687865383154</v>
      </c>
      <c r="O3489" s="236">
        <f t="shared" si="822"/>
        <v>2.8897976527706351</v>
      </c>
      <c r="P3489" s="236" t="str">
        <f t="shared" si="823"/>
        <v>CLAY</v>
      </c>
      <c r="Q3489" s="236">
        <f t="shared" si="819"/>
        <v>374.55463440046015</v>
      </c>
      <c r="R3489" s="238">
        <v>35</v>
      </c>
      <c r="S3489" s="236">
        <f t="shared" si="824"/>
        <v>6.4372758898393734</v>
      </c>
      <c r="T3489" s="236" t="e">
        <f t="shared" si="810"/>
        <v>#N/A</v>
      </c>
    </row>
    <row r="3490" spans="1:20" x14ac:dyDescent="0.2">
      <c r="A3490" s="53">
        <f t="shared" si="811"/>
        <v>3478</v>
      </c>
      <c r="B3490" s="239">
        <v>34.725999999999999</v>
      </c>
      <c r="C3490" s="3">
        <f t="shared" si="812"/>
        <v>34.719000000000001</v>
      </c>
      <c r="D3490" s="239">
        <v>4.6496000000000004</v>
      </c>
      <c r="E3490" s="239">
        <v>0.13350000000000001</v>
      </c>
      <c r="F3490" s="239">
        <v>0.36030000000000001</v>
      </c>
      <c r="G3490">
        <f t="shared" si="813"/>
        <v>4.72166</v>
      </c>
      <c r="H3490" s="235">
        <f t="shared" si="814"/>
        <v>2.82739544990533</v>
      </c>
      <c r="I3490" s="236">
        <f t="shared" si="815"/>
        <v>19.58992771162243</v>
      </c>
      <c r="J3490" s="237">
        <f t="shared" si="820"/>
        <v>9.5899277116224297</v>
      </c>
      <c r="K3490" s="237">
        <f t="shared" si="816"/>
        <v>680.14270021981918</v>
      </c>
      <c r="L3490" s="237">
        <f t="shared" si="821"/>
        <v>333.0198297138005</v>
      </c>
      <c r="M3490" s="236">
        <f t="shared" si="817"/>
        <v>12.135965907055709</v>
      </c>
      <c r="N3490" s="236">
        <f t="shared" si="818"/>
        <v>3.3032148596088184</v>
      </c>
      <c r="O3490" s="236">
        <f t="shared" si="822"/>
        <v>2.9523791244418578</v>
      </c>
      <c r="P3490" s="236" t="str">
        <f t="shared" si="823"/>
        <v>CLAY</v>
      </c>
      <c r="Q3490" s="236">
        <f t="shared" si="819"/>
        <v>336.79310831501505</v>
      </c>
      <c r="R3490" s="238">
        <v>35</v>
      </c>
      <c r="S3490" s="236">
        <f t="shared" si="824"/>
        <v>5.6628224266802576</v>
      </c>
      <c r="T3490" s="236" t="e">
        <f t="shared" si="810"/>
        <v>#N/A</v>
      </c>
    </row>
    <row r="3491" spans="1:20" x14ac:dyDescent="0.2">
      <c r="A3491" s="53">
        <f t="shared" si="811"/>
        <v>3479</v>
      </c>
      <c r="B3491" s="239">
        <v>34.735999999999997</v>
      </c>
      <c r="C3491" s="3">
        <f t="shared" si="812"/>
        <v>34.728999999999999</v>
      </c>
      <c r="D3491" s="239">
        <v>4.4185999999999996</v>
      </c>
      <c r="E3491" s="239">
        <v>0.12859999999999999</v>
      </c>
      <c r="F3491" s="239">
        <v>0.38</v>
      </c>
      <c r="G3491">
        <f t="shared" si="813"/>
        <v>4.4945999999999993</v>
      </c>
      <c r="H3491" s="235">
        <f t="shared" si="814"/>
        <v>2.8612112312552842</v>
      </c>
      <c r="I3491" s="236">
        <f t="shared" si="815"/>
        <v>19.526815612279826</v>
      </c>
      <c r="J3491" s="237">
        <f t="shared" si="820"/>
        <v>9.526815612279826</v>
      </c>
      <c r="K3491" s="237">
        <f t="shared" si="816"/>
        <v>678.1467793988661</v>
      </c>
      <c r="L3491" s="237">
        <f t="shared" si="821"/>
        <v>330.92346710815201</v>
      </c>
      <c r="M3491" s="236">
        <f t="shared" si="817"/>
        <v>11.532736719919125</v>
      </c>
      <c r="N3491" s="236">
        <f t="shared" si="818"/>
        <v>3.3696207595528729</v>
      </c>
      <c r="O3491" s="236">
        <f t="shared" si="822"/>
        <v>2.9753704161154317</v>
      </c>
      <c r="P3491" s="236" t="str">
        <f t="shared" si="823"/>
        <v>CLAY</v>
      </c>
      <c r="Q3491" s="236">
        <f t="shared" si="819"/>
        <v>318.03776838342782</v>
      </c>
      <c r="R3491" s="238">
        <v>35</v>
      </c>
      <c r="S3491" s="236">
        <f t="shared" si="824"/>
        <v>5.3131916413725877</v>
      </c>
      <c r="T3491" s="236" t="e">
        <f t="shared" si="810"/>
        <v>#N/A</v>
      </c>
    </row>
    <row r="3492" spans="1:20" x14ac:dyDescent="0.2">
      <c r="A3492" s="53">
        <f t="shared" si="811"/>
        <v>3480</v>
      </c>
      <c r="B3492" s="239">
        <v>34.746000000000002</v>
      </c>
      <c r="C3492" s="3">
        <f t="shared" si="812"/>
        <v>34.739000000000004</v>
      </c>
      <c r="D3492" s="239">
        <v>4.7751000000000001</v>
      </c>
      <c r="E3492" s="239">
        <v>0.12609999999999999</v>
      </c>
      <c r="F3492" s="239">
        <v>0.36699999999999999</v>
      </c>
      <c r="G3492">
        <f t="shared" si="813"/>
        <v>4.8485000000000005</v>
      </c>
      <c r="H3492" s="235">
        <f t="shared" si="814"/>
        <v>2.6008043724863357</v>
      </c>
      <c r="I3492" s="236">
        <f t="shared" si="815"/>
        <v>19.533420448081365</v>
      </c>
      <c r="J3492" s="237">
        <f t="shared" si="820"/>
        <v>9.5334204480813654</v>
      </c>
      <c r="K3492" s="237">
        <f t="shared" si="816"/>
        <v>678.57149294589863</v>
      </c>
      <c r="L3492" s="237">
        <f t="shared" si="821"/>
        <v>331.24822688903515</v>
      </c>
      <c r="M3492" s="236">
        <f t="shared" si="817"/>
        <v>12.588530801256145</v>
      </c>
      <c r="N3492" s="236">
        <f t="shared" si="818"/>
        <v>3.0240326611519026</v>
      </c>
      <c r="O3492" s="236">
        <f t="shared" si="822"/>
        <v>2.9170211939340045</v>
      </c>
      <c r="P3492" s="236" t="str">
        <f t="shared" si="823"/>
        <v>CLAY</v>
      </c>
      <c r="Q3492" s="236">
        <f t="shared" si="819"/>
        <v>347.49404225450854</v>
      </c>
      <c r="R3492" s="238">
        <v>35</v>
      </c>
      <c r="S3492" s="236">
        <f t="shared" si="824"/>
        <v>5.9280084938320048</v>
      </c>
      <c r="T3492" s="236" t="e">
        <f t="shared" si="810"/>
        <v>#N/A</v>
      </c>
    </row>
    <row r="3493" spans="1:20" x14ac:dyDescent="0.2">
      <c r="A3493" s="53">
        <f t="shared" si="811"/>
        <v>3481</v>
      </c>
      <c r="B3493" s="239">
        <v>34.755000000000003</v>
      </c>
      <c r="C3493" s="3">
        <f t="shared" si="812"/>
        <v>34.748000000000005</v>
      </c>
      <c r="D3493" s="239">
        <v>5.2182000000000004</v>
      </c>
      <c r="E3493" s="239">
        <v>0.1268</v>
      </c>
      <c r="F3493" s="239">
        <v>0.40989999999999999</v>
      </c>
      <c r="G3493">
        <f t="shared" si="813"/>
        <v>5.3001800000000001</v>
      </c>
      <c r="H3493" s="235">
        <f t="shared" si="814"/>
        <v>2.3923715798331373</v>
      </c>
      <c r="I3493" s="236">
        <f t="shared" si="815"/>
        <v>19.574726596032733</v>
      </c>
      <c r="J3493" s="237">
        <f t="shared" si="820"/>
        <v>9.5747265960327326</v>
      </c>
      <c r="K3493" s="237">
        <f t="shared" si="816"/>
        <v>680.18259975894546</v>
      </c>
      <c r="L3493" s="237">
        <f t="shared" si="821"/>
        <v>332.76962284511762</v>
      </c>
      <c r="M3493" s="236">
        <f t="shared" si="817"/>
        <v>13.883470975328056</v>
      </c>
      <c r="N3493" s="236">
        <f t="shared" si="818"/>
        <v>2.7445902890201634</v>
      </c>
      <c r="O3493" s="236">
        <f t="shared" si="822"/>
        <v>2.85793859073009</v>
      </c>
      <c r="P3493" s="236" t="str">
        <f t="shared" si="823"/>
        <v>CLAY</v>
      </c>
      <c r="Q3493" s="236">
        <f t="shared" si="819"/>
        <v>384.99978335342121</v>
      </c>
      <c r="R3493" s="238">
        <v>35</v>
      </c>
      <c r="S3493" s="236">
        <f t="shared" si="824"/>
        <v>6.6998114317519697</v>
      </c>
      <c r="T3493" s="236" t="e">
        <f t="shared" si="810"/>
        <v>#N/A</v>
      </c>
    </row>
    <row r="3494" spans="1:20" x14ac:dyDescent="0.2">
      <c r="A3494" s="53">
        <f t="shared" si="811"/>
        <v>3482</v>
      </c>
      <c r="B3494" s="239">
        <v>34.765000000000001</v>
      </c>
      <c r="C3494" s="3">
        <f t="shared" si="812"/>
        <v>34.758000000000003</v>
      </c>
      <c r="D3494" s="239">
        <v>5.8036000000000003</v>
      </c>
      <c r="E3494" s="239">
        <v>0.13500000000000001</v>
      </c>
      <c r="F3494" s="239">
        <v>0.41920000000000002</v>
      </c>
      <c r="G3494">
        <f t="shared" si="813"/>
        <v>5.8874400000000007</v>
      </c>
      <c r="H3494" s="235">
        <f t="shared" si="814"/>
        <v>2.2930169988993514</v>
      </c>
      <c r="I3494" s="236">
        <f t="shared" si="815"/>
        <v>19.68927807408404</v>
      </c>
      <c r="J3494" s="237">
        <f t="shared" si="820"/>
        <v>9.6892780740840401</v>
      </c>
      <c r="K3494" s="237">
        <f t="shared" si="816"/>
        <v>684.35992729901307</v>
      </c>
      <c r="L3494" s="237">
        <f t="shared" si="821"/>
        <v>336.84775224553164</v>
      </c>
      <c r="M3494" s="236">
        <f t="shared" si="817"/>
        <v>15.446385015235046</v>
      </c>
      <c r="N3494" s="236">
        <f t="shared" si="818"/>
        <v>2.5946169982719431</v>
      </c>
      <c r="O3494" s="236">
        <f t="shared" si="822"/>
        <v>2.8060552969300852</v>
      </c>
      <c r="P3494" s="236" t="str">
        <f t="shared" si="823"/>
        <v>CLAY</v>
      </c>
      <c r="Q3494" s="236">
        <f t="shared" si="819"/>
        <v>433.59000605841561</v>
      </c>
      <c r="R3494" s="238">
        <v>35</v>
      </c>
      <c r="S3494" s="236">
        <f t="shared" si="824"/>
        <v>7.6555003106553947</v>
      </c>
      <c r="T3494" s="236" t="e">
        <f t="shared" si="810"/>
        <v>#N/A</v>
      </c>
    </row>
    <row r="3495" spans="1:20" x14ac:dyDescent="0.2">
      <c r="A3495" s="53">
        <f t="shared" si="811"/>
        <v>3483</v>
      </c>
      <c r="B3495" s="239">
        <v>34.774999999999999</v>
      </c>
      <c r="C3495" s="3">
        <f t="shared" si="812"/>
        <v>34.768000000000001</v>
      </c>
      <c r="D3495" s="239">
        <v>6.4061000000000003</v>
      </c>
      <c r="E3495" s="239">
        <v>0.14430000000000001</v>
      </c>
      <c r="F3495" s="239">
        <v>0.45390000000000003</v>
      </c>
      <c r="G3495">
        <f t="shared" si="813"/>
        <v>6.49688</v>
      </c>
      <c r="H3495" s="235">
        <f t="shared" si="814"/>
        <v>2.2210661117336326</v>
      </c>
      <c r="I3495" s="236">
        <f t="shared" si="815"/>
        <v>19.805896509055245</v>
      </c>
      <c r="J3495" s="237">
        <f t="shared" si="820"/>
        <v>9.8058965090552448</v>
      </c>
      <c r="K3495" s="237">
        <f t="shared" si="816"/>
        <v>688.61140982683276</v>
      </c>
      <c r="L3495" s="237">
        <f t="shared" si="821"/>
        <v>341.00005110239613</v>
      </c>
      <c r="M3495" s="236">
        <f t="shared" si="817"/>
        <v>17.033043166404248</v>
      </c>
      <c r="N3495" s="236">
        <f t="shared" si="818"/>
        <v>2.4843892419874796</v>
      </c>
      <c r="O3495" s="236">
        <f t="shared" si="822"/>
        <v>2.7605700296358351</v>
      </c>
      <c r="P3495" s="236" t="str">
        <f t="shared" si="823"/>
        <v>CLAY</v>
      </c>
      <c r="Q3495" s="236">
        <f t="shared" si="819"/>
        <v>484.0223825144306</v>
      </c>
      <c r="R3495" s="238">
        <v>35</v>
      </c>
      <c r="S3495" s="236">
        <f t="shared" si="824"/>
        <v>8.650780995153653</v>
      </c>
      <c r="T3495" s="236" t="e">
        <f t="shared" si="810"/>
        <v>#N/A</v>
      </c>
    </row>
    <row r="3496" spans="1:20" x14ac:dyDescent="0.2">
      <c r="A3496" s="53">
        <f t="shared" si="811"/>
        <v>3484</v>
      </c>
      <c r="B3496" s="239">
        <v>34.784999999999997</v>
      </c>
      <c r="C3496" s="3">
        <f t="shared" si="812"/>
        <v>34.777999999999999</v>
      </c>
      <c r="D3496" s="239">
        <v>6.5346000000000002</v>
      </c>
      <c r="E3496" s="239">
        <v>0.14799999999999999</v>
      </c>
      <c r="F3496" s="239">
        <v>0.51629999999999998</v>
      </c>
      <c r="G3496">
        <f t="shared" si="813"/>
        <v>6.6378599999999999</v>
      </c>
      <c r="H3496" s="235">
        <f t="shared" si="814"/>
        <v>2.2296342495924892</v>
      </c>
      <c r="I3496" s="236">
        <f t="shared" si="815"/>
        <v>19.843974965514018</v>
      </c>
      <c r="J3496" s="237">
        <f t="shared" si="820"/>
        <v>9.8439749655140183</v>
      </c>
      <c r="K3496" s="237">
        <f t="shared" si="816"/>
        <v>690.13376135064652</v>
      </c>
      <c r="L3496" s="237">
        <f t="shared" si="821"/>
        <v>342.42266917540508</v>
      </c>
      <c r="M3496" s="236">
        <f t="shared" si="817"/>
        <v>17.369545810072072</v>
      </c>
      <c r="N3496" s="236">
        <f t="shared" si="818"/>
        <v>2.488345866329059</v>
      </c>
      <c r="O3496" s="236">
        <f t="shared" si="822"/>
        <v>2.7540898746216032</v>
      </c>
      <c r="P3496" s="236" t="str">
        <f t="shared" si="823"/>
        <v>CLAY</v>
      </c>
      <c r="Q3496" s="236">
        <f t="shared" si="819"/>
        <v>495.64385322077942</v>
      </c>
      <c r="R3496" s="238">
        <v>35</v>
      </c>
      <c r="S3496" s="236">
        <f t="shared" si="824"/>
        <v>8.8649356341525856</v>
      </c>
      <c r="T3496" s="236" t="e">
        <f t="shared" si="810"/>
        <v>#N/A</v>
      </c>
    </row>
    <row r="3497" spans="1:20" x14ac:dyDescent="0.2">
      <c r="A3497" s="53">
        <f t="shared" si="811"/>
        <v>3485</v>
      </c>
      <c r="B3497" s="239">
        <v>34.793999999999997</v>
      </c>
      <c r="C3497" s="3">
        <f t="shared" si="812"/>
        <v>34.786999999999999</v>
      </c>
      <c r="D3497" s="239">
        <v>6.2911000000000001</v>
      </c>
      <c r="E3497" s="239">
        <v>0.13789999999999999</v>
      </c>
      <c r="F3497" s="239">
        <v>0.37840000000000001</v>
      </c>
      <c r="G3497">
        <f t="shared" si="813"/>
        <v>6.3667800000000003</v>
      </c>
      <c r="H3497" s="235">
        <f t="shared" si="814"/>
        <v>2.1659300305649007</v>
      </c>
      <c r="I3497" s="236">
        <f t="shared" si="815"/>
        <v>19.744794432077494</v>
      </c>
      <c r="J3497" s="237">
        <f t="shared" si="820"/>
        <v>9.7447944320774944</v>
      </c>
      <c r="K3497" s="237">
        <f t="shared" si="816"/>
        <v>686.8621639086798</v>
      </c>
      <c r="L3497" s="237">
        <f t="shared" si="821"/>
        <v>339.06037746970429</v>
      </c>
      <c r="M3497" s="236">
        <f t="shared" si="817"/>
        <v>16.751936273057542</v>
      </c>
      <c r="N3497" s="236">
        <f t="shared" si="818"/>
        <v>2.4278520214457351</v>
      </c>
      <c r="O3497" s="236">
        <f t="shared" si="822"/>
        <v>2.7606090490654873</v>
      </c>
      <c r="P3497" s="236" t="str">
        <f t="shared" si="823"/>
        <v>CLAY</v>
      </c>
      <c r="Q3497" s="236">
        <f t="shared" si="819"/>
        <v>473.3264863409434</v>
      </c>
      <c r="R3497" s="238">
        <v>35</v>
      </c>
      <c r="S3497" s="236">
        <f t="shared" si="824"/>
        <v>8.4726891664163908</v>
      </c>
      <c r="T3497" s="236" t="e">
        <f t="shared" si="810"/>
        <v>#N/A</v>
      </c>
    </row>
    <row r="3498" spans="1:20" x14ac:dyDescent="0.2">
      <c r="A3498" s="53">
        <f t="shared" si="811"/>
        <v>3486</v>
      </c>
      <c r="B3498" s="239">
        <v>34.805</v>
      </c>
      <c r="C3498" s="3">
        <f t="shared" si="812"/>
        <v>34.798000000000002</v>
      </c>
      <c r="D3498" s="239">
        <v>5.7274000000000003</v>
      </c>
      <c r="E3498" s="239">
        <v>0.1346</v>
      </c>
      <c r="F3498" s="239">
        <v>0.2722</v>
      </c>
      <c r="G3498">
        <f t="shared" si="813"/>
        <v>5.7818399999999999</v>
      </c>
      <c r="H3498" s="235">
        <f t="shared" si="814"/>
        <v>2.3279786365586039</v>
      </c>
      <c r="I3498" s="236">
        <f t="shared" si="815"/>
        <v>19.678724178480749</v>
      </c>
      <c r="J3498" s="237">
        <f t="shared" si="820"/>
        <v>9.6787241784807492</v>
      </c>
      <c r="K3498" s="237">
        <f t="shared" si="816"/>
        <v>684.78024396277317</v>
      </c>
      <c r="L3498" s="237">
        <f t="shared" si="821"/>
        <v>336.86799503202246</v>
      </c>
      <c r="M3498" s="236">
        <f t="shared" si="817"/>
        <v>15.130733198779254</v>
      </c>
      <c r="N3498" s="236">
        <f t="shared" si="818"/>
        <v>2.6407381204541038</v>
      </c>
      <c r="O3498" s="236">
        <f t="shared" si="822"/>
        <v>2.8178011669136551</v>
      </c>
      <c r="P3498" s="236" t="str">
        <f t="shared" si="823"/>
        <v>CLAY</v>
      </c>
      <c r="Q3498" s="236">
        <f t="shared" si="819"/>
        <v>424.75497966976894</v>
      </c>
      <c r="R3498" s="238">
        <v>35</v>
      </c>
      <c r="S3498" s="236">
        <f t="shared" si="824"/>
        <v>7.4604491641776516</v>
      </c>
      <c r="T3498" s="236" t="e">
        <f t="shared" si="810"/>
        <v>#N/A</v>
      </c>
    </row>
    <row r="3499" spans="1:20" x14ac:dyDescent="0.2">
      <c r="A3499" s="53">
        <f t="shared" si="811"/>
        <v>3487</v>
      </c>
      <c r="B3499" s="239">
        <v>34.814999999999998</v>
      </c>
      <c r="C3499" s="3">
        <f t="shared" si="812"/>
        <v>34.808</v>
      </c>
      <c r="D3499" s="239">
        <v>5.0834000000000001</v>
      </c>
      <c r="E3499" s="239">
        <v>0.1245</v>
      </c>
      <c r="F3499" s="239">
        <v>0.25109999999999999</v>
      </c>
      <c r="G3499">
        <f t="shared" si="813"/>
        <v>5.1336200000000005</v>
      </c>
      <c r="H3499" s="235">
        <f t="shared" si="814"/>
        <v>2.4251892426786554</v>
      </c>
      <c r="I3499" s="236">
        <f t="shared" si="815"/>
        <v>19.540781649671754</v>
      </c>
      <c r="J3499" s="237">
        <f t="shared" si="820"/>
        <v>9.5407816496717537</v>
      </c>
      <c r="K3499" s="237">
        <f t="shared" si="816"/>
        <v>680.17552766177437</v>
      </c>
      <c r="L3499" s="237">
        <f t="shared" si="821"/>
        <v>332.16231313332207</v>
      </c>
      <c r="M3499" s="236">
        <f t="shared" si="817"/>
        <v>13.407434547069522</v>
      </c>
      <c r="N3499" s="236">
        <f t="shared" si="818"/>
        <v>2.7955889149019253</v>
      </c>
      <c r="O3499" s="236">
        <f t="shared" si="822"/>
        <v>2.8749195692019192</v>
      </c>
      <c r="P3499" s="236" t="str">
        <f t="shared" si="823"/>
        <v>CLAY</v>
      </c>
      <c r="Q3499" s="236">
        <f t="shared" si="819"/>
        <v>371.12037269485222</v>
      </c>
      <c r="R3499" s="238">
        <v>35</v>
      </c>
      <c r="S3499" s="236">
        <f t="shared" si="824"/>
        <v>6.4138989813831104</v>
      </c>
      <c r="T3499" s="236" t="e">
        <f t="shared" si="810"/>
        <v>#N/A</v>
      </c>
    </row>
    <row r="3500" spans="1:20" x14ac:dyDescent="0.2">
      <c r="A3500" s="53">
        <f t="shared" si="811"/>
        <v>3488</v>
      </c>
      <c r="B3500" s="239">
        <v>34.823999999999998</v>
      </c>
      <c r="C3500" s="3">
        <f t="shared" si="812"/>
        <v>34.817</v>
      </c>
      <c r="D3500" s="239">
        <v>4.5442999999999998</v>
      </c>
      <c r="E3500" s="239">
        <v>0.12720000000000001</v>
      </c>
      <c r="F3500" s="239">
        <v>0.28870000000000001</v>
      </c>
      <c r="G3500">
        <f t="shared" si="813"/>
        <v>4.6020399999999997</v>
      </c>
      <c r="H3500" s="235">
        <f t="shared" si="814"/>
        <v>2.7639916211071616</v>
      </c>
      <c r="I3500" s="236">
        <f t="shared" si="815"/>
        <v>19.523213605159825</v>
      </c>
      <c r="J3500" s="237">
        <f t="shared" si="820"/>
        <v>9.5232136051598246</v>
      </c>
      <c r="K3500" s="237">
        <f t="shared" si="816"/>
        <v>679.73972809084967</v>
      </c>
      <c r="L3500" s="237">
        <f t="shared" si="821"/>
        <v>331.63639058608572</v>
      </c>
      <c r="M3500" s="236">
        <f t="shared" si="817"/>
        <v>11.827110604410599</v>
      </c>
      <c r="N3500" s="236">
        <f t="shared" si="818"/>
        <v>3.242994956581597</v>
      </c>
      <c r="O3500" s="236">
        <f t="shared" si="822"/>
        <v>2.9567491824660053</v>
      </c>
      <c r="P3500" s="236" t="str">
        <f t="shared" si="823"/>
        <v>CLAY</v>
      </c>
      <c r="Q3500" s="236">
        <f t="shared" si="819"/>
        <v>326.85835599242915</v>
      </c>
      <c r="R3500" s="238">
        <v>35</v>
      </c>
      <c r="S3500" s="236">
        <f t="shared" si="824"/>
        <v>5.4832535880935716</v>
      </c>
      <c r="T3500" s="236" t="e">
        <f t="shared" si="810"/>
        <v>#N/A</v>
      </c>
    </row>
    <row r="3501" spans="1:20" x14ac:dyDescent="0.2">
      <c r="A3501" s="53">
        <f t="shared" si="811"/>
        <v>3489</v>
      </c>
      <c r="B3501" s="239">
        <v>34.835000000000001</v>
      </c>
      <c r="C3501" s="3">
        <f t="shared" si="812"/>
        <v>34.828000000000003</v>
      </c>
      <c r="D3501" s="239">
        <v>4.2317999999999998</v>
      </c>
      <c r="E3501" s="239">
        <v>0.13639999999999999</v>
      </c>
      <c r="F3501" s="239">
        <v>0.30940000000000001</v>
      </c>
      <c r="G3501">
        <f t="shared" si="813"/>
        <v>4.2936800000000002</v>
      </c>
      <c r="H3501" s="235">
        <f t="shared" si="814"/>
        <v>3.1767621247973761</v>
      </c>
      <c r="I3501" s="236">
        <f t="shared" si="815"/>
        <v>19.577988560978007</v>
      </c>
      <c r="J3501" s="237">
        <f t="shared" si="820"/>
        <v>9.5779885609780067</v>
      </c>
      <c r="K3501" s="237">
        <f t="shared" si="816"/>
        <v>681.86218560174211</v>
      </c>
      <c r="L3501" s="237">
        <f t="shared" si="821"/>
        <v>333.64923152166887</v>
      </c>
      <c r="M3501" s="236">
        <f t="shared" si="817"/>
        <v>10.825194465234931</v>
      </c>
      <c r="N3501" s="236">
        <f t="shared" si="818"/>
        <v>3.7764917005572918</v>
      </c>
      <c r="O3501" s="236">
        <f t="shared" si="822"/>
        <v>3.0267970905591666</v>
      </c>
      <c r="P3501" s="236" t="str">
        <f t="shared" si="823"/>
        <v>CLAY</v>
      </c>
      <c r="Q3501" s="236">
        <f t="shared" si="819"/>
        <v>300.9848178665215</v>
      </c>
      <c r="R3501" s="238">
        <v>35</v>
      </c>
      <c r="S3501" s="236">
        <f t="shared" si="824"/>
        <v>4.9089051665617172</v>
      </c>
      <c r="T3501" s="236" t="e">
        <f t="shared" si="810"/>
        <v>#N/A</v>
      </c>
    </row>
    <row r="3502" spans="1:20" x14ac:dyDescent="0.2">
      <c r="A3502" s="53">
        <f t="shared" si="811"/>
        <v>3490</v>
      </c>
      <c r="B3502" s="239">
        <v>34.844000000000001</v>
      </c>
      <c r="C3502" s="3">
        <f t="shared" si="812"/>
        <v>34.837000000000003</v>
      </c>
      <c r="D3502" s="239">
        <v>4.008</v>
      </c>
      <c r="E3502" s="239">
        <v>0.1532</v>
      </c>
      <c r="F3502" s="239">
        <v>0.3463</v>
      </c>
      <c r="G3502">
        <f t="shared" si="813"/>
        <v>4.0772599999999999</v>
      </c>
      <c r="H3502" s="235">
        <f t="shared" si="814"/>
        <v>3.7574253297557676</v>
      </c>
      <c r="I3502" s="236">
        <f t="shared" si="815"/>
        <v>19.693973286589536</v>
      </c>
      <c r="J3502" s="237">
        <f t="shared" si="820"/>
        <v>9.6939732865895358</v>
      </c>
      <c r="K3502" s="237">
        <f t="shared" si="816"/>
        <v>686.07894738491973</v>
      </c>
      <c r="L3502" s="237">
        <f t="shared" si="821"/>
        <v>337.7768051979258</v>
      </c>
      <c r="M3502" s="236">
        <f t="shared" si="817"/>
        <v>10.039709655693981</v>
      </c>
      <c r="N3502" s="236">
        <f t="shared" si="818"/>
        <v>4.5176001405722976</v>
      </c>
      <c r="O3502" s="236">
        <f t="shared" si="822"/>
        <v>3.0996257321048919</v>
      </c>
      <c r="P3502" s="236" t="str">
        <f t="shared" si="823"/>
        <v>CLAY</v>
      </c>
      <c r="Q3502" s="236">
        <f t="shared" si="819"/>
        <v>282.59842105125671</v>
      </c>
      <c r="R3502" s="238">
        <v>35</v>
      </c>
      <c r="S3502" s="236">
        <f t="shared" si="824"/>
        <v>4.4677766124450224</v>
      </c>
      <c r="T3502" s="236" t="e">
        <f t="shared" si="810"/>
        <v>#N/A</v>
      </c>
    </row>
    <row r="3503" spans="1:20" x14ac:dyDescent="0.2">
      <c r="A3503" s="53">
        <f t="shared" si="811"/>
        <v>3491</v>
      </c>
      <c r="B3503" s="239">
        <v>34.853999999999999</v>
      </c>
      <c r="C3503" s="3">
        <f t="shared" si="812"/>
        <v>34.847000000000001</v>
      </c>
      <c r="D3503" s="239">
        <v>3.7277999999999998</v>
      </c>
      <c r="E3503" s="239">
        <v>0.16839999999999999</v>
      </c>
      <c r="F3503" s="239">
        <v>0.36759999999999998</v>
      </c>
      <c r="G3503">
        <f t="shared" si="813"/>
        <v>3.8013199999999996</v>
      </c>
      <c r="H3503" s="235">
        <f t="shared" si="814"/>
        <v>4.4300400913366937</v>
      </c>
      <c r="I3503" s="236">
        <f t="shared" si="815"/>
        <v>19.777507677272656</v>
      </c>
      <c r="J3503" s="237">
        <f t="shared" si="820"/>
        <v>9.7775076772726557</v>
      </c>
      <c r="K3503" s="237">
        <f t="shared" si="816"/>
        <v>689.18681002992025</v>
      </c>
      <c r="L3503" s="237">
        <f t="shared" si="821"/>
        <v>340.78525258366113</v>
      </c>
      <c r="M3503" s="236">
        <f t="shared" si="817"/>
        <v>9.1322413935916007</v>
      </c>
      <c r="N3503" s="236">
        <f t="shared" si="818"/>
        <v>5.4110794660950559</v>
      </c>
      <c r="O3503" s="236">
        <f t="shared" si="822"/>
        <v>3.1800188541508003</v>
      </c>
      <c r="P3503" s="236" t="str">
        <f t="shared" si="823"/>
        <v>CLAY</v>
      </c>
      <c r="Q3503" s="236">
        <f t="shared" si="819"/>
        <v>259.3444324975066</v>
      </c>
      <c r="R3503" s="238">
        <v>35</v>
      </c>
      <c r="S3503" s="236">
        <f t="shared" si="824"/>
        <v>3.9688230569730147</v>
      </c>
      <c r="T3503" s="236" t="e">
        <f t="shared" si="810"/>
        <v>#N/A</v>
      </c>
    </row>
    <row r="3504" spans="1:20" x14ac:dyDescent="0.2">
      <c r="A3504" s="53">
        <f t="shared" si="811"/>
        <v>3492</v>
      </c>
      <c r="B3504" s="239">
        <v>34.863999999999997</v>
      </c>
      <c r="C3504" s="3">
        <f t="shared" si="812"/>
        <v>34.856999999999999</v>
      </c>
      <c r="D3504" s="239">
        <v>3.5365000000000002</v>
      </c>
      <c r="E3504" s="239">
        <v>0.17580000000000001</v>
      </c>
      <c r="F3504" s="239">
        <v>0.39450000000000002</v>
      </c>
      <c r="G3504">
        <f t="shared" si="813"/>
        <v>3.6154000000000002</v>
      </c>
      <c r="H3504" s="235">
        <f t="shared" si="814"/>
        <v>4.862532499861703</v>
      </c>
      <c r="I3504" s="236">
        <f t="shared" si="815"/>
        <v>19.808334723692337</v>
      </c>
      <c r="J3504" s="237">
        <f t="shared" si="820"/>
        <v>9.8083347236923366</v>
      </c>
      <c r="K3504" s="237">
        <f t="shared" si="816"/>
        <v>690.45912346374371</v>
      </c>
      <c r="L3504" s="237">
        <f t="shared" si="821"/>
        <v>341.95778180680958</v>
      </c>
      <c r="M3504" s="236">
        <f t="shared" si="817"/>
        <v>8.5535145920109912</v>
      </c>
      <c r="N3504" s="236">
        <f t="shared" si="818"/>
        <v>6.0103778989264249</v>
      </c>
      <c r="O3504" s="236">
        <f t="shared" si="822"/>
        <v>3.2305291129745637</v>
      </c>
      <c r="P3504" s="236" t="str">
        <f t="shared" si="823"/>
        <v>CLAY</v>
      </c>
      <c r="Q3504" s="236">
        <f t="shared" si="819"/>
        <v>243.74507304468804</v>
      </c>
      <c r="R3504" s="238">
        <v>35</v>
      </c>
      <c r="S3504" s="236">
        <f t="shared" si="824"/>
        <v>3.6569646262324693</v>
      </c>
      <c r="T3504" s="236" t="e">
        <f t="shared" si="810"/>
        <v>#N/A</v>
      </c>
    </row>
    <row r="3505" spans="1:20" x14ac:dyDescent="0.2">
      <c r="A3505" s="53">
        <f t="shared" si="811"/>
        <v>3493</v>
      </c>
      <c r="B3505" s="239">
        <v>34.872999999999998</v>
      </c>
      <c r="C3505" s="3">
        <f t="shared" si="812"/>
        <v>34.866</v>
      </c>
      <c r="D3505" s="239">
        <v>3.3092000000000001</v>
      </c>
      <c r="E3505" s="239">
        <v>0.17730000000000001</v>
      </c>
      <c r="F3505" s="239">
        <v>0.4385</v>
      </c>
      <c r="G3505">
        <f t="shared" si="813"/>
        <v>3.3969</v>
      </c>
      <c r="H3505" s="235">
        <f t="shared" si="814"/>
        <v>5.2194648061467817</v>
      </c>
      <c r="I3505" s="236">
        <f t="shared" si="815"/>
        <v>19.793931126335711</v>
      </c>
      <c r="J3505" s="237">
        <f t="shared" si="820"/>
        <v>9.7939311263357105</v>
      </c>
      <c r="K3505" s="237">
        <f t="shared" si="816"/>
        <v>690.13520265082093</v>
      </c>
      <c r="L3505" s="237">
        <f t="shared" si="821"/>
        <v>341.54376016870521</v>
      </c>
      <c r="M3505" s="236">
        <f t="shared" si="817"/>
        <v>7.9250892945963223</v>
      </c>
      <c r="N3505" s="236">
        <f t="shared" si="818"/>
        <v>6.5502551301699921</v>
      </c>
      <c r="O3505" s="236">
        <f t="shared" si="822"/>
        <v>3.2796900934992284</v>
      </c>
      <c r="P3505" s="236" t="str">
        <f t="shared" si="823"/>
        <v>CLAY</v>
      </c>
      <c r="Q3505" s="236">
        <f t="shared" si="819"/>
        <v>225.56373311243161</v>
      </c>
      <c r="R3505" s="238">
        <v>35</v>
      </c>
      <c r="S3505" s="236">
        <f t="shared" si="824"/>
        <v>3.3242617614548284</v>
      </c>
      <c r="T3505" s="236" t="e">
        <f t="shared" si="810"/>
        <v>#N/A</v>
      </c>
    </row>
    <row r="3506" spans="1:20" x14ac:dyDescent="0.2">
      <c r="A3506" s="53">
        <f t="shared" si="811"/>
        <v>3494</v>
      </c>
      <c r="B3506" s="239">
        <v>34.884</v>
      </c>
      <c r="C3506" s="3">
        <f t="shared" si="812"/>
        <v>34.877000000000002</v>
      </c>
      <c r="D3506" s="239">
        <v>3.3519000000000001</v>
      </c>
      <c r="E3506" s="239">
        <v>0.16980000000000001</v>
      </c>
      <c r="F3506" s="239">
        <v>0.53200000000000003</v>
      </c>
      <c r="G3506">
        <f t="shared" si="813"/>
        <v>3.4582999999999999</v>
      </c>
      <c r="H3506" s="235">
        <f t="shared" si="814"/>
        <v>4.9099268426683631</v>
      </c>
      <c r="I3506" s="236">
        <f t="shared" si="815"/>
        <v>19.750251204539953</v>
      </c>
      <c r="J3506" s="237">
        <f t="shared" si="820"/>
        <v>9.7502512045399534</v>
      </c>
      <c r="K3506" s="237">
        <f t="shared" si="816"/>
        <v>688.82951126073999</v>
      </c>
      <c r="L3506" s="237">
        <f t="shared" si="821"/>
        <v>340.12776301917177</v>
      </c>
      <c r="M3506" s="236">
        <f t="shared" si="817"/>
        <v>8.1424417229450192</v>
      </c>
      <c r="N3506" s="236">
        <f t="shared" si="818"/>
        <v>6.1311359225675552</v>
      </c>
      <c r="O3506" s="236">
        <f t="shared" si="822"/>
        <v>3.2526846386528692</v>
      </c>
      <c r="P3506" s="236" t="str">
        <f t="shared" si="823"/>
        <v>CLAY</v>
      </c>
      <c r="Q3506" s="236">
        <f t="shared" si="819"/>
        <v>230.78920739493833</v>
      </c>
      <c r="R3506" s="238">
        <v>35</v>
      </c>
      <c r="S3506" s="236">
        <f t="shared" si="824"/>
        <v>3.4386132500629234</v>
      </c>
      <c r="T3506" s="236" t="e">
        <f t="shared" si="810"/>
        <v>#N/A</v>
      </c>
    </row>
    <row r="3507" spans="1:20" x14ac:dyDescent="0.2">
      <c r="A3507" s="53">
        <f t="shared" si="811"/>
        <v>3495</v>
      </c>
      <c r="B3507" s="239">
        <v>34.893000000000001</v>
      </c>
      <c r="C3507" s="3">
        <f t="shared" si="812"/>
        <v>34.886000000000003</v>
      </c>
      <c r="D3507" s="239">
        <v>3.4828999999999999</v>
      </c>
      <c r="E3507" s="239">
        <v>0.16320000000000001</v>
      </c>
      <c r="F3507" s="239">
        <v>0.61729999999999996</v>
      </c>
      <c r="G3507">
        <f t="shared" si="813"/>
        <v>3.60636</v>
      </c>
      <c r="H3507" s="235">
        <f t="shared" si="814"/>
        <v>4.5253385685289329</v>
      </c>
      <c r="I3507" s="236">
        <f t="shared" si="815"/>
        <v>19.720149640978299</v>
      </c>
      <c r="J3507" s="237">
        <f t="shared" si="820"/>
        <v>9.720149640978299</v>
      </c>
      <c r="K3507" s="237">
        <f t="shared" si="816"/>
        <v>687.95714037516905</v>
      </c>
      <c r="L3507" s="237">
        <f t="shared" si="821"/>
        <v>339.16518142265579</v>
      </c>
      <c r="M3507" s="236">
        <f t="shared" si="817"/>
        <v>8.6046652766164087</v>
      </c>
      <c r="N3507" s="236">
        <f t="shared" si="818"/>
        <v>5.5920997836803057</v>
      </c>
      <c r="O3507" s="236">
        <f t="shared" si="822"/>
        <v>3.2091937964398749</v>
      </c>
      <c r="P3507" s="236" t="str">
        <f t="shared" si="823"/>
        <v>CLAY</v>
      </c>
      <c r="Q3507" s="236">
        <f t="shared" si="819"/>
        <v>243.20023830206924</v>
      </c>
      <c r="R3507" s="238">
        <v>35</v>
      </c>
      <c r="S3507" s="236">
        <f t="shared" si="824"/>
        <v>3.6843211970409802</v>
      </c>
      <c r="T3507" s="236" t="e">
        <f t="shared" si="810"/>
        <v>#N/A</v>
      </c>
    </row>
    <row r="3508" spans="1:20" x14ac:dyDescent="0.2">
      <c r="A3508" s="53">
        <f t="shared" si="811"/>
        <v>3496</v>
      </c>
      <c r="B3508" s="239">
        <v>34.902999999999999</v>
      </c>
      <c r="C3508" s="3">
        <f t="shared" si="812"/>
        <v>34.896000000000001</v>
      </c>
      <c r="D3508" s="239">
        <v>3.9483999999999999</v>
      </c>
      <c r="E3508" s="239">
        <v>0.1605</v>
      </c>
      <c r="F3508" s="239">
        <v>0.63949999999999996</v>
      </c>
      <c r="G3508">
        <f t="shared" si="813"/>
        <v>4.0762999999999998</v>
      </c>
      <c r="H3508" s="235">
        <f t="shared" si="814"/>
        <v>3.9373942055295243</v>
      </c>
      <c r="I3508" s="236">
        <f t="shared" si="815"/>
        <v>19.748465178605404</v>
      </c>
      <c r="J3508" s="237">
        <f t="shared" si="820"/>
        <v>9.7484651786054037</v>
      </c>
      <c r="K3508" s="237">
        <f t="shared" si="816"/>
        <v>689.1424408726142</v>
      </c>
      <c r="L3508" s="237">
        <f t="shared" si="821"/>
        <v>340.25068012886442</v>
      </c>
      <c r="M3508" s="236">
        <f t="shared" si="817"/>
        <v>9.9548884306257808</v>
      </c>
      <c r="N3508" s="236">
        <f t="shared" si="818"/>
        <v>4.7384863915615645</v>
      </c>
      <c r="O3508" s="236">
        <f t="shared" si="822"/>
        <v>3.1151330132832613</v>
      </c>
      <c r="P3508" s="236" t="str">
        <f t="shared" si="823"/>
        <v>CLAY</v>
      </c>
      <c r="Q3508" s="236">
        <f t="shared" si="819"/>
        <v>282.26312992728214</v>
      </c>
      <c r="R3508" s="238">
        <v>35</v>
      </c>
      <c r="S3508" s="236">
        <f t="shared" si="824"/>
        <v>4.4206436226976402</v>
      </c>
      <c r="T3508" s="236" t="e">
        <f t="shared" si="810"/>
        <v>#N/A</v>
      </c>
    </row>
    <row r="3509" spans="1:20" x14ac:dyDescent="0.2">
      <c r="A3509" s="53">
        <f t="shared" si="811"/>
        <v>3497</v>
      </c>
      <c r="B3509" s="239">
        <v>34.912999999999997</v>
      </c>
      <c r="C3509" s="3">
        <f t="shared" si="812"/>
        <v>34.905999999999999</v>
      </c>
      <c r="D3509" s="239">
        <v>4.5552000000000001</v>
      </c>
      <c r="E3509" s="239">
        <v>0.14760000000000001</v>
      </c>
      <c r="F3509" s="239">
        <v>0.66249999999999998</v>
      </c>
      <c r="G3509">
        <f t="shared" si="813"/>
        <v>4.6877000000000004</v>
      </c>
      <c r="H3509" s="235">
        <f t="shared" si="814"/>
        <v>3.1486656569319713</v>
      </c>
      <c r="I3509" s="236">
        <f t="shared" si="815"/>
        <v>19.704840048811988</v>
      </c>
      <c r="J3509" s="237">
        <f t="shared" si="820"/>
        <v>9.7048400488119881</v>
      </c>
      <c r="K3509" s="237">
        <f t="shared" si="816"/>
        <v>687.81714674383124</v>
      </c>
      <c r="L3509" s="237">
        <f t="shared" si="821"/>
        <v>338.82508062417293</v>
      </c>
      <c r="M3509" s="236">
        <f t="shared" si="817"/>
        <v>11.80515576322659</v>
      </c>
      <c r="N3509" s="236">
        <f t="shared" si="818"/>
        <v>3.6901080710362271</v>
      </c>
      <c r="O3509" s="236">
        <f t="shared" si="822"/>
        <v>2.9905799973123814</v>
      </c>
      <c r="P3509" s="236" t="str">
        <f t="shared" si="823"/>
        <v>CLAY</v>
      </c>
      <c r="Q3509" s="236">
        <f t="shared" si="819"/>
        <v>333.32357110468075</v>
      </c>
      <c r="R3509" s="238">
        <v>35</v>
      </c>
      <c r="S3509" s="236">
        <f t="shared" si="824"/>
        <v>5.4705332353661902</v>
      </c>
      <c r="T3509" s="236" t="e">
        <f t="shared" si="810"/>
        <v>#N/A</v>
      </c>
    </row>
    <row r="3510" spans="1:20" x14ac:dyDescent="0.2">
      <c r="A3510" s="53">
        <f t="shared" si="811"/>
        <v>3498</v>
      </c>
      <c r="B3510" s="239">
        <v>34.921999999999997</v>
      </c>
      <c r="C3510" s="3">
        <f t="shared" si="812"/>
        <v>34.914999999999999</v>
      </c>
      <c r="D3510" s="239">
        <v>4.7967000000000004</v>
      </c>
      <c r="E3510" s="239">
        <v>0.13900000000000001</v>
      </c>
      <c r="F3510" s="239">
        <v>0.69040000000000001</v>
      </c>
      <c r="G3510">
        <f t="shared" si="813"/>
        <v>4.9347799999999999</v>
      </c>
      <c r="H3510" s="235">
        <f t="shared" si="814"/>
        <v>2.8167415771321114</v>
      </c>
      <c r="I3510" s="236">
        <f t="shared" si="815"/>
        <v>19.654524031404193</v>
      </c>
      <c r="J3510" s="237">
        <f t="shared" si="820"/>
        <v>9.6545240314041934</v>
      </c>
      <c r="K3510" s="237">
        <f t="shared" si="816"/>
        <v>686.23770655647741</v>
      </c>
      <c r="L3510" s="237">
        <f t="shared" si="821"/>
        <v>337.15528822469719</v>
      </c>
      <c r="M3510" s="236">
        <f t="shared" si="817"/>
        <v>12.601143869978635</v>
      </c>
      <c r="N3510" s="236">
        <f t="shared" si="818"/>
        <v>3.2717103985173677</v>
      </c>
      <c r="O3510" s="236">
        <f t="shared" si="822"/>
        <v>2.9367329986457271</v>
      </c>
      <c r="P3510" s="236" t="str">
        <f t="shared" si="823"/>
        <v>CLAY</v>
      </c>
      <c r="Q3510" s="236">
        <f t="shared" si="819"/>
        <v>354.04519112029357</v>
      </c>
      <c r="R3510" s="238">
        <v>35</v>
      </c>
      <c r="S3510" s="236">
        <f t="shared" si="824"/>
        <v>5.9354338778851075</v>
      </c>
      <c r="T3510" s="236" t="e">
        <f t="shared" si="810"/>
        <v>#N/A</v>
      </c>
    </row>
    <row r="3511" spans="1:20" x14ac:dyDescent="0.2">
      <c r="A3511" s="53">
        <f t="shared" si="811"/>
        <v>3499</v>
      </c>
      <c r="B3511" s="239">
        <v>34.932000000000002</v>
      </c>
      <c r="C3511" s="3">
        <f t="shared" si="812"/>
        <v>34.925000000000004</v>
      </c>
      <c r="D3511" s="239">
        <v>4.952</v>
      </c>
      <c r="E3511" s="239">
        <v>0.1303</v>
      </c>
      <c r="F3511" s="239">
        <v>0.63380000000000003</v>
      </c>
      <c r="G3511">
        <f t="shared" si="813"/>
        <v>5.0787599999999999</v>
      </c>
      <c r="H3511" s="235">
        <f t="shared" si="814"/>
        <v>2.5655868755365483</v>
      </c>
      <c r="I3511" s="236">
        <f t="shared" si="815"/>
        <v>19.589974898215459</v>
      </c>
      <c r="J3511" s="237">
        <f t="shared" si="820"/>
        <v>9.5899748982154591</v>
      </c>
      <c r="K3511" s="237">
        <f t="shared" si="816"/>
        <v>684.17987332017503</v>
      </c>
      <c r="L3511" s="237">
        <f t="shared" si="821"/>
        <v>334.99700314446244</v>
      </c>
      <c r="M3511" s="236">
        <f t="shared" si="817"/>
        <v>13.118266985763835</v>
      </c>
      <c r="N3511" s="236">
        <f t="shared" si="818"/>
        <v>2.9650159115074257</v>
      </c>
      <c r="O3511" s="236">
        <f t="shared" si="822"/>
        <v>2.8974886688369352</v>
      </c>
      <c r="P3511" s="236" t="str">
        <f t="shared" si="823"/>
        <v>CLAY</v>
      </c>
      <c r="Q3511" s="236">
        <f t="shared" si="819"/>
        <v>366.21501055665209</v>
      </c>
      <c r="R3511" s="238">
        <v>35</v>
      </c>
      <c r="S3511" s="236">
        <f t="shared" si="824"/>
        <v>6.2414513625873642</v>
      </c>
      <c r="T3511" s="236" t="e">
        <f t="shared" si="810"/>
        <v>#N/A</v>
      </c>
    </row>
    <row r="3512" spans="1:20" x14ac:dyDescent="0.2">
      <c r="A3512" s="53">
        <f t="shared" si="811"/>
        <v>3500</v>
      </c>
      <c r="B3512" s="239">
        <v>34.942</v>
      </c>
      <c r="C3512" s="3">
        <f t="shared" si="812"/>
        <v>34.935000000000002</v>
      </c>
      <c r="D3512" s="239">
        <v>5.1204000000000001</v>
      </c>
      <c r="E3512" s="239">
        <v>0.1227</v>
      </c>
      <c r="F3512" s="239">
        <v>0.55600000000000005</v>
      </c>
      <c r="G3512">
        <f t="shared" si="813"/>
        <v>5.2316000000000003</v>
      </c>
      <c r="H3512" s="235">
        <f t="shared" si="814"/>
        <v>2.3453627953207432</v>
      </c>
      <c r="I3512" s="236">
        <f t="shared" si="815"/>
        <v>19.53109445173979</v>
      </c>
      <c r="J3512" s="237">
        <f t="shared" si="820"/>
        <v>9.53109445173979</v>
      </c>
      <c r="K3512" s="237">
        <f t="shared" si="816"/>
        <v>682.31878467152956</v>
      </c>
      <c r="L3512" s="237">
        <f t="shared" si="821"/>
        <v>333.03550233269175</v>
      </c>
      <c r="M3512" s="236">
        <f t="shared" si="817"/>
        <v>13.660048803997734</v>
      </c>
      <c r="N3512" s="236">
        <f t="shared" si="818"/>
        <v>2.6971293747805989</v>
      </c>
      <c r="O3512" s="236">
        <f t="shared" si="822"/>
        <v>2.8592988434949542</v>
      </c>
      <c r="P3512" s="236" t="str">
        <f t="shared" si="823"/>
        <v>CLAY</v>
      </c>
      <c r="Q3512" s="236">
        <f t="shared" si="819"/>
        <v>379.10676794403918</v>
      </c>
      <c r="R3512" s="238">
        <v>35</v>
      </c>
      <c r="S3512" s="236">
        <f t="shared" si="824"/>
        <v>6.5653112852428208</v>
      </c>
      <c r="T3512" s="236" t="e">
        <f t="shared" si="810"/>
        <v>#N/A</v>
      </c>
    </row>
    <row r="3513" spans="1:20" x14ac:dyDescent="0.2">
      <c r="A3513" s="53">
        <f t="shared" si="811"/>
        <v>3501</v>
      </c>
      <c r="B3513" s="239">
        <v>34.951999999999998</v>
      </c>
      <c r="C3513" s="3">
        <f t="shared" si="812"/>
        <v>34.945</v>
      </c>
      <c r="D3513" s="239">
        <v>5.3444000000000003</v>
      </c>
      <c r="E3513" s="239">
        <v>0.11849999999999999</v>
      </c>
      <c r="F3513" s="239">
        <v>0.51780000000000004</v>
      </c>
      <c r="G3513">
        <f t="shared" si="813"/>
        <v>5.4479600000000001</v>
      </c>
      <c r="H3513" s="235">
        <f t="shared" si="814"/>
        <v>2.1751261022474466</v>
      </c>
      <c r="I3513" s="236">
        <f t="shared" si="815"/>
        <v>19.506093119533411</v>
      </c>
      <c r="J3513" s="237">
        <f t="shared" si="820"/>
        <v>9.5060931195334106</v>
      </c>
      <c r="K3513" s="237">
        <f t="shared" si="816"/>
        <v>681.64042406209501</v>
      </c>
      <c r="L3513" s="237">
        <f t="shared" si="821"/>
        <v>332.25696671393177</v>
      </c>
      <c r="M3513" s="236">
        <f t="shared" si="817"/>
        <v>14.345281072892098</v>
      </c>
      <c r="N3513" s="236">
        <f t="shared" si="818"/>
        <v>2.4861950213794013</v>
      </c>
      <c r="O3513" s="236">
        <f t="shared" si="822"/>
        <v>2.8215720657068974</v>
      </c>
      <c r="P3513" s="236" t="str">
        <f t="shared" si="823"/>
        <v>CLAY</v>
      </c>
      <c r="Q3513" s="236">
        <f t="shared" si="819"/>
        <v>397.1932979948254</v>
      </c>
      <c r="R3513" s="238">
        <v>35</v>
      </c>
      <c r="S3513" s="236">
        <f t="shared" si="824"/>
        <v>6.9795325363860776</v>
      </c>
      <c r="T3513" s="236" t="e">
        <f t="shared" si="810"/>
        <v>#N/A</v>
      </c>
    </row>
    <row r="3514" spans="1:20" x14ac:dyDescent="0.2">
      <c r="A3514" s="53">
        <f t="shared" si="811"/>
        <v>3502</v>
      </c>
      <c r="B3514" s="239">
        <v>34.962000000000003</v>
      </c>
      <c r="C3514" s="3">
        <f t="shared" si="812"/>
        <v>34.955000000000005</v>
      </c>
      <c r="D3514" s="239">
        <v>5.6458000000000004</v>
      </c>
      <c r="E3514" s="239">
        <v>0.1249</v>
      </c>
      <c r="F3514" s="239">
        <v>0.48170000000000002</v>
      </c>
      <c r="G3514">
        <f t="shared" si="813"/>
        <v>5.74214</v>
      </c>
      <c r="H3514" s="235">
        <f t="shared" si="814"/>
        <v>2.1751472447554399</v>
      </c>
      <c r="I3514" s="236">
        <f t="shared" si="815"/>
        <v>19.588328037193872</v>
      </c>
      <c r="J3514" s="237">
        <f t="shared" si="820"/>
        <v>9.5883280371938717</v>
      </c>
      <c r="K3514" s="237">
        <f t="shared" si="816"/>
        <v>684.71000654011186</v>
      </c>
      <c r="L3514" s="237">
        <f t="shared" si="821"/>
        <v>335.22712483637218</v>
      </c>
      <c r="M3514" s="236">
        <f t="shared" si="817"/>
        <v>15.086577483634333</v>
      </c>
      <c r="N3514" s="236">
        <f t="shared" si="818"/>
        <v>2.4696337895238649</v>
      </c>
      <c r="O3514" s="236">
        <f t="shared" si="822"/>
        <v>2.801988619252787</v>
      </c>
      <c r="P3514" s="236" t="str">
        <f t="shared" si="823"/>
        <v>CLAY</v>
      </c>
      <c r="Q3514" s="236">
        <f t="shared" si="819"/>
        <v>421.45249945499069</v>
      </c>
      <c r="R3514" s="238">
        <v>35</v>
      </c>
      <c r="S3514" s="236">
        <f t="shared" si="824"/>
        <v>7.4332444999993177</v>
      </c>
      <c r="T3514" s="236" t="e">
        <f t="shared" si="810"/>
        <v>#N/A</v>
      </c>
    </row>
    <row r="3515" spans="1:20" x14ac:dyDescent="0.2">
      <c r="A3515" s="53">
        <f t="shared" si="811"/>
        <v>3503</v>
      </c>
      <c r="B3515" s="239">
        <v>34.970999999999997</v>
      </c>
      <c r="C3515" s="3">
        <f t="shared" si="812"/>
        <v>34.963999999999999</v>
      </c>
      <c r="D3515" s="239">
        <v>5.9001000000000001</v>
      </c>
      <c r="E3515" s="239">
        <v>0.12509999999999999</v>
      </c>
      <c r="F3515" s="239">
        <v>0.46639999999999998</v>
      </c>
      <c r="G3515">
        <f t="shared" si="813"/>
        <v>5.9933800000000002</v>
      </c>
      <c r="H3515" s="235">
        <f t="shared" si="814"/>
        <v>2.0873029909666996</v>
      </c>
      <c r="I3515" s="236">
        <f t="shared" si="815"/>
        <v>19.60694242339564</v>
      </c>
      <c r="J3515" s="237">
        <f t="shared" si="820"/>
        <v>9.6069424233956404</v>
      </c>
      <c r="K3515" s="237">
        <f t="shared" si="816"/>
        <v>685.53713489160509</v>
      </c>
      <c r="L3515" s="237">
        <f t="shared" si="821"/>
        <v>335.9643834885689</v>
      </c>
      <c r="M3515" s="236">
        <f t="shared" si="817"/>
        <v>15.798826083863718</v>
      </c>
      <c r="N3515" s="236">
        <f t="shared" si="818"/>
        <v>2.356889666466139</v>
      </c>
      <c r="O3515" s="236">
        <f t="shared" si="822"/>
        <v>2.7739303362335952</v>
      </c>
      <c r="P3515" s="236" t="str">
        <f t="shared" si="823"/>
        <v>CLAY</v>
      </c>
      <c r="Q3515" s="236">
        <f t="shared" si="819"/>
        <v>442.32023875903292</v>
      </c>
      <c r="R3515" s="238">
        <v>35</v>
      </c>
      <c r="S3515" s="236">
        <f t="shared" si="824"/>
        <v>7.8744645390517078</v>
      </c>
      <c r="T3515" s="236" t="e">
        <f t="shared" si="810"/>
        <v>#N/A</v>
      </c>
    </row>
    <row r="3516" spans="1:20" x14ac:dyDescent="0.2">
      <c r="A3516" s="53">
        <f t="shared" si="811"/>
        <v>3504</v>
      </c>
      <c r="B3516" s="239">
        <v>34.981999999999999</v>
      </c>
      <c r="C3516" s="3">
        <f t="shared" si="812"/>
        <v>34.975000000000001</v>
      </c>
      <c r="D3516" s="239">
        <v>6.1515000000000004</v>
      </c>
      <c r="E3516" s="239">
        <v>0.12659999999999999</v>
      </c>
      <c r="F3516" s="239">
        <v>0.54769999999999996</v>
      </c>
      <c r="G3516">
        <f t="shared" si="813"/>
        <v>6.2610400000000004</v>
      </c>
      <c r="H3516" s="235">
        <f t="shared" si="814"/>
        <v>2.0220282892299037</v>
      </c>
      <c r="I3516" s="236">
        <f t="shared" si="815"/>
        <v>19.637995890261969</v>
      </c>
      <c r="J3516" s="237">
        <f t="shared" si="820"/>
        <v>9.6379958902619691</v>
      </c>
      <c r="K3516" s="237">
        <f t="shared" si="816"/>
        <v>686.83890626191237</v>
      </c>
      <c r="L3516" s="237">
        <f t="shared" si="821"/>
        <v>337.15637223314422</v>
      </c>
      <c r="M3516" s="236">
        <f t="shared" si="817"/>
        <v>16.532984551997487</v>
      </c>
      <c r="N3516" s="236">
        <f t="shared" si="818"/>
        <v>2.2711774812397625</v>
      </c>
      <c r="O3516" s="236">
        <f t="shared" si="822"/>
        <v>2.748543158707863</v>
      </c>
      <c r="P3516" s="236" t="str">
        <f t="shared" si="823"/>
        <v>CLAY</v>
      </c>
      <c r="Q3516" s="236">
        <f t="shared" si="819"/>
        <v>464.51675781150726</v>
      </c>
      <c r="R3516" s="238">
        <v>35</v>
      </c>
      <c r="S3516" s="236">
        <f t="shared" si="824"/>
        <v>8.3344910318559773</v>
      </c>
      <c r="T3516" s="236" t="e">
        <f t="shared" si="810"/>
        <v>#N/A</v>
      </c>
    </row>
    <row r="3517" spans="1:20" x14ac:dyDescent="0.2">
      <c r="A3517" s="53">
        <f t="shared" si="811"/>
        <v>3505</v>
      </c>
      <c r="B3517" s="239">
        <v>34.991</v>
      </c>
      <c r="C3517" s="3">
        <f t="shared" si="812"/>
        <v>34.984000000000002</v>
      </c>
      <c r="D3517" s="239">
        <v>6.6295000000000002</v>
      </c>
      <c r="E3517" s="239">
        <v>0.13689999999999999</v>
      </c>
      <c r="F3517" s="239">
        <v>0.4985</v>
      </c>
      <c r="G3517">
        <f t="shared" si="813"/>
        <v>6.7292000000000005</v>
      </c>
      <c r="H3517" s="235">
        <f t="shared" si="814"/>
        <v>2.0344171669737858</v>
      </c>
      <c r="I3517" s="236">
        <f t="shared" si="815"/>
        <v>19.757899456972968</v>
      </c>
      <c r="J3517" s="237">
        <f t="shared" si="820"/>
        <v>9.757899456972968</v>
      </c>
      <c r="K3517" s="237">
        <f t="shared" si="816"/>
        <v>691.21035460274231</v>
      </c>
      <c r="L3517" s="237">
        <f t="shared" si="821"/>
        <v>341.43865989894113</v>
      </c>
      <c r="M3517" s="236">
        <f t="shared" si="817"/>
        <v>17.683965978499273</v>
      </c>
      <c r="N3517" s="236">
        <f t="shared" si="818"/>
        <v>2.2673109435415886</v>
      </c>
      <c r="O3517" s="236">
        <f t="shared" si="822"/>
        <v>2.7242223287641747</v>
      </c>
      <c r="P3517" s="236" t="str">
        <f t="shared" si="823"/>
        <v>CLAY</v>
      </c>
      <c r="Q3517" s="236">
        <f t="shared" si="819"/>
        <v>503.16580378310488</v>
      </c>
      <c r="R3517" s="238">
        <v>35</v>
      </c>
      <c r="S3517" s="236">
        <f t="shared" si="824"/>
        <v>9.0659766686058383</v>
      </c>
      <c r="T3517" s="236" t="e">
        <f t="shared" si="810"/>
        <v>#N/A</v>
      </c>
    </row>
    <row r="3518" spans="1:20" x14ac:dyDescent="0.2">
      <c r="A3518" s="53">
        <f t="shared" si="811"/>
        <v>3506</v>
      </c>
      <c r="B3518" s="239">
        <v>35.000999999999998</v>
      </c>
      <c r="C3518" s="3">
        <f t="shared" si="812"/>
        <v>34.994</v>
      </c>
      <c r="D3518" s="239">
        <v>6.8560999999999996</v>
      </c>
      <c r="E3518" s="239">
        <v>0.14099999999999999</v>
      </c>
      <c r="F3518" s="239">
        <v>0.39760000000000001</v>
      </c>
      <c r="G3518">
        <f t="shared" si="813"/>
        <v>6.9356199999999992</v>
      </c>
      <c r="H3518" s="235">
        <f t="shared" si="814"/>
        <v>2.0329833526058234</v>
      </c>
      <c r="I3518" s="236">
        <f t="shared" si="815"/>
        <v>19.804311419812443</v>
      </c>
      <c r="J3518" s="237">
        <f t="shared" si="820"/>
        <v>9.8043114198124428</v>
      </c>
      <c r="K3518" s="237">
        <f t="shared" si="816"/>
        <v>693.03207382491667</v>
      </c>
      <c r="L3518" s="237">
        <f t="shared" si="821"/>
        <v>343.16070400485529</v>
      </c>
      <c r="M3518" s="236">
        <f t="shared" si="817"/>
        <v>18.191441657861727</v>
      </c>
      <c r="N3518" s="236">
        <f t="shared" si="818"/>
        <v>2.2586786388508684</v>
      </c>
      <c r="O3518" s="236">
        <f t="shared" si="822"/>
        <v>2.7132462418979322</v>
      </c>
      <c r="P3518" s="236" t="str">
        <f t="shared" si="823"/>
        <v>CLAY</v>
      </c>
      <c r="Q3518" s="236">
        <f t="shared" si="819"/>
        <v>520.21566051459024</v>
      </c>
      <c r="R3518" s="238">
        <v>35</v>
      </c>
      <c r="S3518" s="236">
        <f t="shared" si="824"/>
        <v>9.3923421749006124</v>
      </c>
      <c r="T3518" s="236" t="e">
        <f t="shared" si="810"/>
        <v>#N/A</v>
      </c>
    </row>
    <row r="3519" spans="1:20" x14ac:dyDescent="0.2">
      <c r="A3519" s="53">
        <f t="shared" si="811"/>
        <v>3507</v>
      </c>
      <c r="B3519" s="239">
        <v>35.011000000000003</v>
      </c>
      <c r="C3519" s="3">
        <f t="shared" si="812"/>
        <v>35.004000000000005</v>
      </c>
      <c r="D3519" s="239">
        <v>7.2567000000000004</v>
      </c>
      <c r="E3519" s="239">
        <v>0.12379999999999999</v>
      </c>
      <c r="F3519" s="239">
        <v>0.2359</v>
      </c>
      <c r="G3519">
        <f t="shared" si="813"/>
        <v>7.3038800000000004</v>
      </c>
      <c r="H3519" s="235">
        <f t="shared" si="814"/>
        <v>1.6949895124235337</v>
      </c>
      <c r="I3519" s="236">
        <f t="shared" si="815"/>
        <v>19.671987061390503</v>
      </c>
      <c r="J3519" s="237">
        <f t="shared" si="820"/>
        <v>9.671987061390503</v>
      </c>
      <c r="K3519" s="237">
        <f t="shared" si="816"/>
        <v>688.5982350969133</v>
      </c>
      <c r="L3519" s="237">
        <f t="shared" si="821"/>
        <v>338.62593900634295</v>
      </c>
      <c r="M3519" s="236">
        <f t="shared" si="817"/>
        <v>19.535661633939899</v>
      </c>
      <c r="N3519" s="236">
        <f t="shared" si="818"/>
        <v>1.8714244441833485</v>
      </c>
      <c r="O3519" s="236">
        <f t="shared" si="822"/>
        <v>2.6410922417517066</v>
      </c>
      <c r="P3519" s="236" t="str">
        <f t="shared" si="823"/>
        <v>CLAY</v>
      </c>
      <c r="Q3519" s="236">
        <f t="shared" si="819"/>
        <v>551.27348040859056</v>
      </c>
      <c r="R3519" s="238">
        <v>35</v>
      </c>
      <c r="S3519" s="236">
        <f t="shared" si="824"/>
        <v>10.267747125188263</v>
      </c>
      <c r="T3519" s="236" t="e">
        <f t="shared" si="810"/>
        <v>#N/A</v>
      </c>
    </row>
    <row r="3520" spans="1:20" x14ac:dyDescent="0.2">
      <c r="A3520" s="53">
        <f t="shared" si="811"/>
        <v>3508</v>
      </c>
      <c r="B3520" s="239">
        <v>35.020000000000003</v>
      </c>
      <c r="C3520" s="3">
        <f t="shared" si="812"/>
        <v>35.013000000000005</v>
      </c>
      <c r="D3520" s="239">
        <v>7.5399000000000003</v>
      </c>
      <c r="E3520" s="239">
        <v>0.1173</v>
      </c>
      <c r="F3520" s="239">
        <v>0.185</v>
      </c>
      <c r="G3520">
        <f t="shared" si="813"/>
        <v>7.5769000000000002</v>
      </c>
      <c r="H3520" s="235">
        <f t="shared" si="814"/>
        <v>1.5481265425173882</v>
      </c>
      <c r="I3520" s="236">
        <f t="shared" si="815"/>
        <v>19.623090087012422</v>
      </c>
      <c r="J3520" s="237">
        <f t="shared" si="820"/>
        <v>9.6230900870124216</v>
      </c>
      <c r="K3520" s="237">
        <f t="shared" si="816"/>
        <v>687.06325321656607</v>
      </c>
      <c r="L3520" s="237">
        <f t="shared" si="821"/>
        <v>337.00061484717503</v>
      </c>
      <c r="M3520" s="236">
        <f t="shared" si="817"/>
        <v>20.444582126082697</v>
      </c>
      <c r="N3520" s="236">
        <f t="shared" si="818"/>
        <v>1.7025076835784574</v>
      </c>
      <c r="O3520" s="236">
        <f t="shared" si="822"/>
        <v>2.6016844283670806</v>
      </c>
      <c r="P3520" s="236" t="str">
        <f t="shared" si="823"/>
        <v>CLAY</v>
      </c>
      <c r="Q3520" s="236">
        <f t="shared" si="819"/>
        <v>574.15306223195284</v>
      </c>
      <c r="R3520" s="238">
        <v>35</v>
      </c>
      <c r="S3520" s="236">
        <f t="shared" si="824"/>
        <v>10.868329747334011</v>
      </c>
      <c r="T3520" s="236" t="e">
        <f t="shared" si="810"/>
        <v>#N/A</v>
      </c>
    </row>
    <row r="3521" spans="1:20" x14ac:dyDescent="0.2">
      <c r="A3521" s="53">
        <f t="shared" si="811"/>
        <v>3509</v>
      </c>
      <c r="B3521" s="239">
        <v>35.030999999999999</v>
      </c>
      <c r="C3521" s="3">
        <f t="shared" si="812"/>
        <v>35.024000000000001</v>
      </c>
      <c r="D3521" s="239">
        <v>7.8442999999999996</v>
      </c>
      <c r="E3521" s="239">
        <v>0.1193</v>
      </c>
      <c r="F3521" s="239">
        <v>0.15840000000000001</v>
      </c>
      <c r="G3521">
        <f t="shared" si="813"/>
        <v>7.8759799999999993</v>
      </c>
      <c r="H3521" s="235">
        <f t="shared" si="814"/>
        <v>1.5147321349216225</v>
      </c>
      <c r="I3521" s="236">
        <f t="shared" si="815"/>
        <v>19.658046396463558</v>
      </c>
      <c r="J3521" s="237">
        <f t="shared" si="820"/>
        <v>9.6580463964635577</v>
      </c>
      <c r="K3521" s="237">
        <f t="shared" si="816"/>
        <v>688.50341698973966</v>
      </c>
      <c r="L3521" s="237">
        <f t="shared" si="821"/>
        <v>338.33102331451488</v>
      </c>
      <c r="M3521" s="236">
        <f t="shared" si="817"/>
        <v>21.243918197618939</v>
      </c>
      <c r="N3521" s="236">
        <f t="shared" si="818"/>
        <v>1.6598314947140289</v>
      </c>
      <c r="O3521" s="236">
        <f t="shared" si="822"/>
        <v>2.5817102468222521</v>
      </c>
      <c r="P3521" s="236" t="str">
        <f t="shared" si="823"/>
        <v>SAND</v>
      </c>
      <c r="Q3521" s="236" t="e">
        <f t="shared" si="819"/>
        <v>#N/A</v>
      </c>
      <c r="R3521" s="238">
        <v>35</v>
      </c>
      <c r="S3521" s="236" t="e">
        <f t="shared" si="824"/>
        <v>#N/A</v>
      </c>
      <c r="T3521" s="236">
        <f t="shared" si="810"/>
        <v>32.199580824892259</v>
      </c>
    </row>
    <row r="3522" spans="1:20" x14ac:dyDescent="0.2">
      <c r="A3522" s="53">
        <f t="shared" si="811"/>
        <v>3510</v>
      </c>
      <c r="B3522" s="239">
        <v>35.04</v>
      </c>
      <c r="C3522" s="3">
        <f t="shared" si="812"/>
        <v>35.033000000000001</v>
      </c>
      <c r="D3522" s="239">
        <v>7.9188999999999998</v>
      </c>
      <c r="E3522" s="239">
        <v>0.1215</v>
      </c>
      <c r="F3522" s="239">
        <v>0.15140000000000001</v>
      </c>
      <c r="G3522">
        <f t="shared" si="813"/>
        <v>7.9491800000000001</v>
      </c>
      <c r="H3522" s="235">
        <f t="shared" si="814"/>
        <v>1.5284595392229134</v>
      </c>
      <c r="I3522" s="236">
        <f t="shared" si="815"/>
        <v>19.68308910287799</v>
      </c>
      <c r="J3522" s="237">
        <f t="shared" si="820"/>
        <v>9.6830891028779895</v>
      </c>
      <c r="K3522" s="237">
        <f t="shared" si="816"/>
        <v>689.55766054112462</v>
      </c>
      <c r="L3522" s="237">
        <f t="shared" si="821"/>
        <v>339.29544216484476</v>
      </c>
      <c r="M3522" s="236">
        <f t="shared" si="817"/>
        <v>21.396168168777905</v>
      </c>
      <c r="N3522" s="236">
        <f t="shared" si="818"/>
        <v>1.6736407807276716</v>
      </c>
      <c r="O3522" s="236">
        <f t="shared" si="822"/>
        <v>2.5811475572211346</v>
      </c>
      <c r="P3522" s="236" t="str">
        <f t="shared" si="823"/>
        <v>SAND</v>
      </c>
      <c r="Q3522" s="236" t="e">
        <f t="shared" si="819"/>
        <v>#N/A</v>
      </c>
      <c r="R3522" s="238">
        <v>35</v>
      </c>
      <c r="S3522" s="236" t="e">
        <f t="shared" si="824"/>
        <v>#N/A</v>
      </c>
      <c r="T3522" s="236">
        <f t="shared" si="810"/>
        <v>32.233696029561663</v>
      </c>
    </row>
    <row r="3523" spans="1:20" x14ac:dyDescent="0.2">
      <c r="A3523" s="53">
        <f t="shared" si="811"/>
        <v>3511</v>
      </c>
      <c r="B3523" s="239">
        <v>35.049999999999997</v>
      </c>
      <c r="C3523" s="3">
        <f t="shared" si="812"/>
        <v>35.042999999999999</v>
      </c>
      <c r="D3523" s="239">
        <v>7.8563999999999998</v>
      </c>
      <c r="E3523" s="239">
        <v>0.124</v>
      </c>
      <c r="F3523" s="239">
        <v>0.1991</v>
      </c>
      <c r="G3523">
        <f t="shared" si="813"/>
        <v>7.8962199999999996</v>
      </c>
      <c r="H3523" s="235">
        <f t="shared" si="814"/>
        <v>1.5703716461800712</v>
      </c>
      <c r="I3523" s="236">
        <f t="shared" si="815"/>
        <v>19.704358920227381</v>
      </c>
      <c r="J3523" s="237">
        <f t="shared" si="820"/>
        <v>9.7043589202273814</v>
      </c>
      <c r="K3523" s="237">
        <f t="shared" si="816"/>
        <v>690.49984964152816</v>
      </c>
      <c r="L3523" s="237">
        <f t="shared" si="821"/>
        <v>340.13778015396969</v>
      </c>
      <c r="M3523" s="236">
        <f t="shared" si="817"/>
        <v>21.184709758194657</v>
      </c>
      <c r="N3523" s="236">
        <f t="shared" si="818"/>
        <v>1.7208550625412675</v>
      </c>
      <c r="O3523" s="236">
        <f t="shared" si="822"/>
        <v>2.591492020234861</v>
      </c>
      <c r="P3523" s="236" t="str">
        <f t="shared" si="823"/>
        <v>SAND</v>
      </c>
      <c r="Q3523" s="236" t="e">
        <f t="shared" si="819"/>
        <v>#N/A</v>
      </c>
      <c r="R3523" s="238">
        <v>35</v>
      </c>
      <c r="S3523" s="236" t="e">
        <f t="shared" si="824"/>
        <v>#N/A</v>
      </c>
      <c r="T3523" s="236">
        <f t="shared" si="810"/>
        <v>32.186247701432961</v>
      </c>
    </row>
    <row r="3524" spans="1:20" x14ac:dyDescent="0.2">
      <c r="A3524" s="53">
        <f t="shared" si="811"/>
        <v>3512</v>
      </c>
      <c r="B3524" s="239">
        <v>35.058999999999997</v>
      </c>
      <c r="C3524" s="3">
        <f t="shared" si="812"/>
        <v>35.052</v>
      </c>
      <c r="D3524" s="239">
        <v>7.8673999999999999</v>
      </c>
      <c r="E3524" s="239">
        <v>0.1258</v>
      </c>
      <c r="F3524" s="239">
        <v>0.24079999999999999</v>
      </c>
      <c r="G3524">
        <f t="shared" si="813"/>
        <v>7.9155600000000002</v>
      </c>
      <c r="H3524" s="235">
        <f t="shared" si="814"/>
        <v>1.589274795466145</v>
      </c>
      <c r="I3524" s="236">
        <f t="shared" si="815"/>
        <v>19.722214266057897</v>
      </c>
      <c r="J3524" s="237">
        <f t="shared" si="820"/>
        <v>9.7222142660578967</v>
      </c>
      <c r="K3524" s="237">
        <f t="shared" si="816"/>
        <v>691.30305445386136</v>
      </c>
      <c r="L3524" s="237">
        <f t="shared" si="821"/>
        <v>340.85110995372378</v>
      </c>
      <c r="M3524" s="236">
        <f t="shared" si="817"/>
        <v>21.194758457811542</v>
      </c>
      <c r="N3524" s="236">
        <f t="shared" si="818"/>
        <v>1.7413555601390611</v>
      </c>
      <c r="O3524" s="236">
        <f t="shared" si="822"/>
        <v>2.5942144336908304</v>
      </c>
      <c r="P3524" s="236" t="str">
        <f t="shared" si="823"/>
        <v>SAND</v>
      </c>
      <c r="Q3524" s="236" t="e">
        <f t="shared" si="819"/>
        <v>#N/A</v>
      </c>
      <c r="R3524" s="238">
        <v>35</v>
      </c>
      <c r="S3524" s="236" t="e">
        <f t="shared" si="824"/>
        <v>#N/A</v>
      </c>
      <c r="T3524" s="236">
        <f t="shared" si="810"/>
        <v>32.188513187322876</v>
      </c>
    </row>
    <row r="3525" spans="1:20" x14ac:dyDescent="0.2">
      <c r="A3525" s="53">
        <f t="shared" si="811"/>
        <v>3513</v>
      </c>
      <c r="B3525" s="239">
        <v>35.069000000000003</v>
      </c>
      <c r="C3525" s="3">
        <f t="shared" si="812"/>
        <v>35.062000000000005</v>
      </c>
      <c r="D3525" s="239">
        <v>7.8053999999999997</v>
      </c>
      <c r="E3525" s="239">
        <v>0.1239</v>
      </c>
      <c r="F3525" s="239">
        <v>0.20649999999999999</v>
      </c>
      <c r="G3525">
        <f t="shared" si="813"/>
        <v>7.8466999999999993</v>
      </c>
      <c r="H3525" s="235">
        <f t="shared" si="814"/>
        <v>1.5790077357360419</v>
      </c>
      <c r="I3525" s="236">
        <f t="shared" si="815"/>
        <v>19.700953925432508</v>
      </c>
      <c r="J3525" s="237">
        <f t="shared" si="820"/>
        <v>9.7009539254325077</v>
      </c>
      <c r="K3525" s="237">
        <f t="shared" si="816"/>
        <v>690.75484653351464</v>
      </c>
      <c r="L3525" s="237">
        <f t="shared" si="821"/>
        <v>340.20275321099263</v>
      </c>
      <c r="M3525" s="236">
        <f t="shared" si="817"/>
        <v>21.034354031310237</v>
      </c>
      <c r="N3525" s="236">
        <f t="shared" si="818"/>
        <v>1.731427468249674</v>
      </c>
      <c r="O3525" s="236">
        <f t="shared" si="822"/>
        <v>2.5955454572064136</v>
      </c>
      <c r="P3525" s="236" t="str">
        <f t="shared" si="823"/>
        <v>SAND</v>
      </c>
      <c r="Q3525" s="236" t="e">
        <f t="shared" si="819"/>
        <v>#N/A</v>
      </c>
      <c r="R3525" s="238">
        <v>35</v>
      </c>
      <c r="S3525" s="236" t="e">
        <f t="shared" si="824"/>
        <v>#N/A</v>
      </c>
      <c r="T3525" s="236">
        <f t="shared" si="810"/>
        <v>32.152220972281725</v>
      </c>
    </row>
    <row r="3526" spans="1:20" x14ac:dyDescent="0.2">
      <c r="A3526" s="53">
        <f t="shared" si="811"/>
        <v>3514</v>
      </c>
      <c r="B3526" s="239">
        <v>35.078000000000003</v>
      </c>
      <c r="C3526" s="3">
        <f t="shared" si="812"/>
        <v>35.071000000000005</v>
      </c>
      <c r="D3526" s="239">
        <v>7.7173999999999996</v>
      </c>
      <c r="E3526" s="239">
        <v>0.1135</v>
      </c>
      <c r="F3526" s="239">
        <v>0.2135</v>
      </c>
      <c r="G3526">
        <f t="shared" si="813"/>
        <v>7.7600999999999996</v>
      </c>
      <c r="H3526" s="235">
        <f t="shared" si="814"/>
        <v>1.4626100179121404</v>
      </c>
      <c r="I3526" s="236">
        <f t="shared" si="815"/>
        <v>19.59381246653162</v>
      </c>
      <c r="J3526" s="237">
        <f t="shared" si="820"/>
        <v>9.5938124665316202</v>
      </c>
      <c r="K3526" s="237">
        <f t="shared" si="816"/>
        <v>687.17459701373059</v>
      </c>
      <c r="L3526" s="237">
        <f t="shared" si="821"/>
        <v>336.53175370099621</v>
      </c>
      <c r="M3526" s="236">
        <f t="shared" si="817"/>
        <v>21.01711153613892</v>
      </c>
      <c r="N3526" s="236">
        <f t="shared" si="818"/>
        <v>1.6047108308547835</v>
      </c>
      <c r="O3526" s="236">
        <f t="shared" si="822"/>
        <v>2.5774403169021163</v>
      </c>
      <c r="P3526" s="236" t="str">
        <f t="shared" si="823"/>
        <v>SAND</v>
      </c>
      <c r="Q3526" s="236" t="e">
        <f t="shared" si="819"/>
        <v>#N/A</v>
      </c>
      <c r="R3526" s="238">
        <v>35</v>
      </c>
      <c r="S3526" s="236" t="e">
        <f t="shared" si="824"/>
        <v>#N/A</v>
      </c>
      <c r="T3526" s="236">
        <f t="shared" si="810"/>
        <v>32.148303319040231</v>
      </c>
    </row>
    <row r="3527" spans="1:20" x14ac:dyDescent="0.2">
      <c r="A3527" s="53">
        <f t="shared" si="811"/>
        <v>3515</v>
      </c>
      <c r="B3527" s="239">
        <v>35.088000000000001</v>
      </c>
      <c r="C3527" s="3">
        <f t="shared" si="812"/>
        <v>35.081000000000003</v>
      </c>
      <c r="D3527" s="239">
        <v>7.6199000000000003</v>
      </c>
      <c r="E3527" s="239">
        <v>0.10920000000000001</v>
      </c>
      <c r="F3527" s="239">
        <v>0.2041</v>
      </c>
      <c r="G3527">
        <f t="shared" si="813"/>
        <v>7.6607200000000004</v>
      </c>
      <c r="H3527" s="235">
        <f t="shared" si="814"/>
        <v>1.4254534821792209</v>
      </c>
      <c r="I3527" s="236">
        <f t="shared" si="815"/>
        <v>19.543486808192927</v>
      </c>
      <c r="J3527" s="237">
        <f t="shared" si="820"/>
        <v>9.5434868081929274</v>
      </c>
      <c r="K3527" s="237">
        <f t="shared" si="816"/>
        <v>685.60506071821612</v>
      </c>
      <c r="L3527" s="237">
        <f t="shared" si="821"/>
        <v>334.86186512587346</v>
      </c>
      <c r="M3527" s="236">
        <f t="shared" si="817"/>
        <v>20.829827656427408</v>
      </c>
      <c r="N3527" s="236">
        <f t="shared" si="818"/>
        <v>1.5655655992852231</v>
      </c>
      <c r="O3527" s="236">
        <f t="shared" si="822"/>
        <v>2.5747714693831809</v>
      </c>
      <c r="P3527" s="236" t="str">
        <f t="shared" si="823"/>
        <v>SAND</v>
      </c>
      <c r="Q3527" s="236" t="e">
        <f t="shared" si="819"/>
        <v>#N/A</v>
      </c>
      <c r="R3527" s="238">
        <v>35</v>
      </c>
      <c r="S3527" s="236" t="e">
        <f t="shared" si="824"/>
        <v>#N/A</v>
      </c>
      <c r="T3527" s="236">
        <f t="shared" si="810"/>
        <v>32.105542443266096</v>
      </c>
    </row>
    <row r="3528" spans="1:20" x14ac:dyDescent="0.2">
      <c r="A3528" s="53">
        <f t="shared" si="811"/>
        <v>3516</v>
      </c>
      <c r="B3528" s="239">
        <v>35.097000000000001</v>
      </c>
      <c r="C3528" s="3">
        <f t="shared" si="812"/>
        <v>35.090000000000003</v>
      </c>
      <c r="D3528" s="239">
        <v>7.6276999999999999</v>
      </c>
      <c r="E3528" s="239">
        <v>0.10639999999999999</v>
      </c>
      <c r="F3528" s="239">
        <v>0.22059999999999999</v>
      </c>
      <c r="G3528">
        <f t="shared" si="813"/>
        <v>7.6718200000000003</v>
      </c>
      <c r="H3528" s="235">
        <f t="shared" si="814"/>
        <v>1.3868938530883153</v>
      </c>
      <c r="I3528" s="236">
        <f t="shared" si="815"/>
        <v>19.51359401405885</v>
      </c>
      <c r="J3528" s="237">
        <f t="shared" si="820"/>
        <v>9.5135940140588495</v>
      </c>
      <c r="K3528" s="237">
        <f t="shared" si="816"/>
        <v>684.73201395332512</v>
      </c>
      <c r="L3528" s="237">
        <f t="shared" si="821"/>
        <v>333.89860911142347</v>
      </c>
      <c r="M3528" s="236">
        <f t="shared" si="817"/>
        <v>20.925777452744803</v>
      </c>
      <c r="N3528" s="236">
        <f t="shared" si="818"/>
        <v>1.5228089328842354</v>
      </c>
      <c r="O3528" s="236">
        <f t="shared" si="822"/>
        <v>2.5665119787775756</v>
      </c>
      <c r="P3528" s="236" t="str">
        <f t="shared" si="823"/>
        <v>SAND</v>
      </c>
      <c r="Q3528" s="236" t="e">
        <f t="shared" si="819"/>
        <v>#N/A</v>
      </c>
      <c r="R3528" s="238">
        <v>35</v>
      </c>
      <c r="S3528" s="236" t="e">
        <f t="shared" si="824"/>
        <v>#N/A</v>
      </c>
      <c r="T3528" s="236">
        <f t="shared" si="810"/>
        <v>32.127497624778819</v>
      </c>
    </row>
    <row r="3529" spans="1:20" x14ac:dyDescent="0.2">
      <c r="A3529" s="53">
        <f t="shared" si="811"/>
        <v>3517</v>
      </c>
      <c r="B3529" s="239">
        <v>35.106999999999999</v>
      </c>
      <c r="C3529" s="3">
        <f t="shared" si="812"/>
        <v>35.1</v>
      </c>
      <c r="D3529" s="239">
        <v>7.6593</v>
      </c>
      <c r="E3529" s="239">
        <v>0.1066</v>
      </c>
      <c r="F3529" s="239">
        <v>0.26879999999999998</v>
      </c>
      <c r="G3529">
        <f t="shared" si="813"/>
        <v>7.7130599999999996</v>
      </c>
      <c r="H3529" s="235">
        <f t="shared" si="814"/>
        <v>1.3820714476485338</v>
      </c>
      <c r="I3529" s="236">
        <f t="shared" si="815"/>
        <v>19.51789154582956</v>
      </c>
      <c r="J3529" s="237">
        <f t="shared" si="820"/>
        <v>9.5178915458295599</v>
      </c>
      <c r="K3529" s="237">
        <f t="shared" si="816"/>
        <v>685.07799325861754</v>
      </c>
      <c r="L3529" s="237">
        <f t="shared" si="821"/>
        <v>334.14461849943837</v>
      </c>
      <c r="M3529" s="236">
        <f t="shared" si="817"/>
        <v>21.032755333012179</v>
      </c>
      <c r="N3529" s="236">
        <f t="shared" si="818"/>
        <v>1.5167938662584384</v>
      </c>
      <c r="O3529" s="236">
        <f t="shared" si="822"/>
        <v>2.563718021634863</v>
      </c>
      <c r="P3529" s="236" t="str">
        <f t="shared" si="823"/>
        <v>SAND</v>
      </c>
      <c r="Q3529" s="236" t="e">
        <f t="shared" si="819"/>
        <v>#N/A</v>
      </c>
      <c r="R3529" s="238">
        <v>35</v>
      </c>
      <c r="S3529" s="236" t="e">
        <f t="shared" si="824"/>
        <v>#N/A</v>
      </c>
      <c r="T3529" s="236">
        <f t="shared" si="810"/>
        <v>32.151857868447927</v>
      </c>
    </row>
    <row r="3530" spans="1:20" x14ac:dyDescent="0.2">
      <c r="A3530" s="53">
        <f t="shared" si="811"/>
        <v>3518</v>
      </c>
      <c r="B3530" s="239">
        <v>35.116</v>
      </c>
      <c r="C3530" s="3">
        <f t="shared" si="812"/>
        <v>35.109000000000002</v>
      </c>
      <c r="D3530" s="239">
        <v>7.7831999999999999</v>
      </c>
      <c r="E3530" s="239">
        <v>0.11020000000000001</v>
      </c>
      <c r="F3530" s="239">
        <v>0.27300000000000002</v>
      </c>
      <c r="G3530">
        <f t="shared" si="813"/>
        <v>7.8377999999999997</v>
      </c>
      <c r="H3530" s="235">
        <f t="shared" si="814"/>
        <v>1.4060067876189748</v>
      </c>
      <c r="I3530" s="236">
        <f t="shared" si="815"/>
        <v>19.563108119084621</v>
      </c>
      <c r="J3530" s="237">
        <f t="shared" si="820"/>
        <v>9.563108119084621</v>
      </c>
      <c r="K3530" s="237">
        <f t="shared" si="816"/>
        <v>686.841162952942</v>
      </c>
      <c r="L3530" s="237">
        <f t="shared" si="821"/>
        <v>335.81810470977553</v>
      </c>
      <c r="M3530" s="236">
        <f t="shared" si="817"/>
        <v>21.294143278031836</v>
      </c>
      <c r="N3530" s="236">
        <f t="shared" si="818"/>
        <v>1.5410520814227815</v>
      </c>
      <c r="O3530" s="236">
        <f t="shared" si="822"/>
        <v>2.5630058695993245</v>
      </c>
      <c r="P3530" s="236" t="str">
        <f t="shared" si="823"/>
        <v>SAND</v>
      </c>
      <c r="Q3530" s="236" t="e">
        <f t="shared" si="819"/>
        <v>#N/A</v>
      </c>
      <c r="R3530" s="238">
        <v>35</v>
      </c>
      <c r="S3530" s="236" t="e">
        <f t="shared" si="824"/>
        <v>#N/A</v>
      </c>
      <c r="T3530" s="236">
        <f t="shared" si="810"/>
        <v>32.210861890893604</v>
      </c>
    </row>
    <row r="3531" spans="1:20" x14ac:dyDescent="0.2">
      <c r="A3531" s="53">
        <f t="shared" si="811"/>
        <v>3519</v>
      </c>
      <c r="B3531" s="239">
        <v>35.127000000000002</v>
      </c>
      <c r="C3531" s="3">
        <f t="shared" si="812"/>
        <v>35.120000000000005</v>
      </c>
      <c r="D3531" s="239">
        <v>7.7423999999999999</v>
      </c>
      <c r="E3531" s="239">
        <v>0.108</v>
      </c>
      <c r="F3531" s="239">
        <v>0.28410000000000002</v>
      </c>
      <c r="G3531">
        <f t="shared" si="813"/>
        <v>7.79922</v>
      </c>
      <c r="H3531" s="235">
        <f t="shared" si="814"/>
        <v>1.3847538600013847</v>
      </c>
      <c r="I3531" s="236">
        <f t="shared" si="815"/>
        <v>19.537533248160855</v>
      </c>
      <c r="J3531" s="237">
        <f t="shared" si="820"/>
        <v>9.5375332481608552</v>
      </c>
      <c r="K3531" s="237">
        <f t="shared" si="816"/>
        <v>686.15816767540935</v>
      </c>
      <c r="L3531" s="237">
        <f t="shared" si="821"/>
        <v>335.02493040814636</v>
      </c>
      <c r="M3531" s="236">
        <f t="shared" si="817"/>
        <v>21.2314403697034</v>
      </c>
      <c r="N3531" s="236">
        <f t="shared" si="818"/>
        <v>1.5183334904977899</v>
      </c>
      <c r="O3531" s="236">
        <f t="shared" si="822"/>
        <v>2.5605403710277348</v>
      </c>
      <c r="P3531" s="236" t="str">
        <f t="shared" si="823"/>
        <v>SAND</v>
      </c>
      <c r="Q3531" s="236" t="e">
        <f t="shared" si="819"/>
        <v>#N/A</v>
      </c>
      <c r="R3531" s="238">
        <v>35</v>
      </c>
      <c r="S3531" s="236" t="e">
        <f t="shared" si="824"/>
        <v>#N/A</v>
      </c>
      <c r="T3531" s="236">
        <f t="shared" si="810"/>
        <v>32.196774041211846</v>
      </c>
    </row>
    <row r="3532" spans="1:20" x14ac:dyDescent="0.2">
      <c r="A3532" s="53">
        <f t="shared" si="811"/>
        <v>3520</v>
      </c>
      <c r="B3532" s="239">
        <v>35.137</v>
      </c>
      <c r="C3532" s="3">
        <f t="shared" si="812"/>
        <v>35.130000000000003</v>
      </c>
      <c r="D3532" s="239">
        <v>7.7782</v>
      </c>
      <c r="E3532" s="239">
        <v>0.1048</v>
      </c>
      <c r="F3532" s="239">
        <v>0.29120000000000001</v>
      </c>
      <c r="G3532">
        <f t="shared" si="813"/>
        <v>7.8364399999999996</v>
      </c>
      <c r="H3532" s="235">
        <f t="shared" si="814"/>
        <v>1.3373419562964817</v>
      </c>
      <c r="I3532" s="236">
        <f t="shared" si="815"/>
        <v>19.504125449006178</v>
      </c>
      <c r="J3532" s="237">
        <f t="shared" si="820"/>
        <v>9.5041254490061782</v>
      </c>
      <c r="K3532" s="237">
        <f t="shared" si="816"/>
        <v>685.17992702358708</v>
      </c>
      <c r="L3532" s="237">
        <f t="shared" si="821"/>
        <v>333.94645590173008</v>
      </c>
      <c r="M3532" s="236">
        <f t="shared" si="817"/>
        <v>21.414391279183999</v>
      </c>
      <c r="N3532" s="236">
        <f t="shared" si="818"/>
        <v>1.4654759990623778</v>
      </c>
      <c r="O3532" s="236">
        <f t="shared" si="822"/>
        <v>2.5490227426587428</v>
      </c>
      <c r="P3532" s="236" t="str">
        <f t="shared" si="823"/>
        <v>SAND</v>
      </c>
      <c r="Q3532" s="236" t="e">
        <f t="shared" si="819"/>
        <v>#N/A</v>
      </c>
      <c r="R3532" s="238">
        <v>35</v>
      </c>
      <c r="S3532" s="236" t="e">
        <f t="shared" si="824"/>
        <v>#N/A</v>
      </c>
      <c r="T3532" s="236">
        <f t="shared" si="810"/>
        <v>32.237763071226055</v>
      </c>
    </row>
    <row r="3533" spans="1:20" x14ac:dyDescent="0.2">
      <c r="A3533" s="53">
        <f t="shared" si="811"/>
        <v>3521</v>
      </c>
      <c r="B3533" s="239">
        <v>35.146000000000001</v>
      </c>
      <c r="C3533" s="3">
        <f t="shared" si="812"/>
        <v>35.139000000000003</v>
      </c>
      <c r="D3533" s="239">
        <v>8.0220000000000002</v>
      </c>
      <c r="E3533" s="239">
        <v>0.10730000000000001</v>
      </c>
      <c r="F3533" s="239">
        <v>0.2014</v>
      </c>
      <c r="G3533">
        <f t="shared" si="813"/>
        <v>8.0622799999999994</v>
      </c>
      <c r="H3533" s="235">
        <f t="shared" si="814"/>
        <v>1.3308890289099362</v>
      </c>
      <c r="I3533" s="236">
        <f t="shared" si="815"/>
        <v>19.542874392959543</v>
      </c>
      <c r="J3533" s="237">
        <f t="shared" si="820"/>
        <v>9.5428743929595434</v>
      </c>
      <c r="K3533" s="237">
        <f t="shared" si="816"/>
        <v>686.71706329420545</v>
      </c>
      <c r="L3533" s="237">
        <f t="shared" si="821"/>
        <v>335.39386341495612</v>
      </c>
      <c r="M3533" s="236">
        <f t="shared" si="817"/>
        <v>21.990750998269153</v>
      </c>
      <c r="N3533" s="236">
        <f t="shared" si="818"/>
        <v>1.4548042084489925</v>
      </c>
      <c r="O3533" s="236">
        <f t="shared" si="822"/>
        <v>2.5376191159693131</v>
      </c>
      <c r="P3533" s="236" t="str">
        <f t="shared" si="823"/>
        <v>SAND</v>
      </c>
      <c r="Q3533" s="236" t="e">
        <f t="shared" si="819"/>
        <v>#N/A</v>
      </c>
      <c r="R3533" s="238">
        <v>35</v>
      </c>
      <c r="S3533" s="236" t="e">
        <f t="shared" si="824"/>
        <v>#N/A</v>
      </c>
      <c r="T3533" s="236">
        <f t="shared" ref="T3533:T3596" si="825">IF(P3533="SAND",17.6+(11*LOG(M3533)),#N/A)</f>
        <v>32.36464067154462</v>
      </c>
    </row>
    <row r="3534" spans="1:20" x14ac:dyDescent="0.2">
      <c r="A3534" s="53">
        <f t="shared" ref="A3534:A3597" si="826">$A3533+1</f>
        <v>3522</v>
      </c>
      <c r="B3534" s="239">
        <v>35.155999999999999</v>
      </c>
      <c r="C3534" s="3">
        <f t="shared" ref="C3534:C3597" si="827">MAX($B3534 - $B$13, 0.001)</f>
        <v>35.149000000000001</v>
      </c>
      <c r="D3534" s="239">
        <v>8.1478000000000002</v>
      </c>
      <c r="E3534" s="239">
        <v>0.1132</v>
      </c>
      <c r="F3534" s="239">
        <v>0.18690000000000001</v>
      </c>
      <c r="G3534">
        <f t="shared" si="813"/>
        <v>8.1851800000000008</v>
      </c>
      <c r="H3534" s="235">
        <f t="shared" si="814"/>
        <v>1.3829873014399192</v>
      </c>
      <c r="I3534" s="236">
        <f t="shared" si="815"/>
        <v>19.611553817850194</v>
      </c>
      <c r="J3534" s="237">
        <f t="shared" si="820"/>
        <v>9.6115538178501936</v>
      </c>
      <c r="K3534" s="237">
        <f t="shared" si="816"/>
        <v>689.32650514361649</v>
      </c>
      <c r="L3534" s="237">
        <f t="shared" si="821"/>
        <v>337.90378602034139</v>
      </c>
      <c r="M3534" s="236">
        <f t="shared" si="817"/>
        <v>22.18339599901714</v>
      </c>
      <c r="N3534" s="236">
        <f t="shared" si="818"/>
        <v>1.510168256058863</v>
      </c>
      <c r="O3534" s="236">
        <f t="shared" si="822"/>
        <v>2.5433302607021382</v>
      </c>
      <c r="P3534" s="236" t="str">
        <f t="shared" si="823"/>
        <v>SAND</v>
      </c>
      <c r="Q3534" s="236" t="e">
        <f t="shared" si="819"/>
        <v>#N/A</v>
      </c>
      <c r="R3534" s="238">
        <v>35</v>
      </c>
      <c r="S3534" s="236" t="e">
        <f t="shared" si="824"/>
        <v>#N/A</v>
      </c>
      <c r="T3534" s="236">
        <f t="shared" si="825"/>
        <v>32.406308351202462</v>
      </c>
    </row>
    <row r="3535" spans="1:20" x14ac:dyDescent="0.2">
      <c r="A3535" s="53">
        <f t="shared" si="826"/>
        <v>3523</v>
      </c>
      <c r="B3535" s="239">
        <v>35.165999999999997</v>
      </c>
      <c r="C3535" s="3">
        <f t="shared" si="827"/>
        <v>35.158999999999999</v>
      </c>
      <c r="D3535" s="239">
        <v>8.1821999999999999</v>
      </c>
      <c r="E3535" s="239">
        <v>0.1212</v>
      </c>
      <c r="F3535" s="239">
        <v>0.14829999999999999</v>
      </c>
      <c r="G3535">
        <f t="shared" ref="G3535:G3598" si="828">$D3535+($F3535*(1-$P$8))</f>
        <v>8.2118599999999997</v>
      </c>
      <c r="H3535" s="235">
        <f t="shared" ref="H3535:H3598" si="829">($E3535/$G3535)*100</f>
        <v>1.4759141047217075</v>
      </c>
      <c r="I3535" s="236">
        <f t="shared" ref="I3535:I3598" si="830">((0.27*(LOG($H3535)))+(0.36*(LOG(($G3535*1000)/101)))+1.236)*10</f>
        <v>19.692897510942196</v>
      </c>
      <c r="J3535" s="237">
        <f t="shared" si="820"/>
        <v>9.6928975109421955</v>
      </c>
      <c r="K3535" s="237">
        <f t="shared" ref="K3535:K3598" si="831">$I3535*$C3535</f>
        <v>692.38258358721669</v>
      </c>
      <c r="L3535" s="237">
        <f t="shared" si="821"/>
        <v>340.86043386979321</v>
      </c>
      <c r="M3535" s="236">
        <f t="shared" ref="M3535:M3598" si="832">(($G3535*1000)-$K3535)/$L3535</f>
        <v>22.060282359686202</v>
      </c>
      <c r="N3535" s="236">
        <f t="shared" ref="N3535:N3598" si="833">(($E3535*1000)/(($G3535*1000)-$K3535))*100</f>
        <v>1.6118141366507257</v>
      </c>
      <c r="O3535" s="236">
        <f t="shared" si="822"/>
        <v>2.5610072025230251</v>
      </c>
      <c r="P3535" s="236" t="str">
        <f t="shared" si="823"/>
        <v>SAND</v>
      </c>
      <c r="Q3535" s="236" t="e">
        <f t="shared" ref="Q3535:Q3598" si="834">IF(P3535="CLAY",($G3535*1000 -$K3535)/$L$8,#N/A)</f>
        <v>#N/A</v>
      </c>
      <c r="R3535" s="238">
        <v>35</v>
      </c>
      <c r="S3535" s="236" t="e">
        <f t="shared" si="824"/>
        <v>#N/A</v>
      </c>
      <c r="T3535" s="236">
        <f t="shared" si="825"/>
        <v>32.37972173561721</v>
      </c>
    </row>
    <row r="3536" spans="1:20" x14ac:dyDescent="0.2">
      <c r="A3536" s="53">
        <f t="shared" si="826"/>
        <v>3524</v>
      </c>
      <c r="B3536" s="239">
        <v>35.176000000000002</v>
      </c>
      <c r="C3536" s="3">
        <f t="shared" si="827"/>
        <v>35.169000000000004</v>
      </c>
      <c r="D3536" s="239">
        <v>8.2090999999999994</v>
      </c>
      <c r="E3536" s="239">
        <v>0.1278</v>
      </c>
      <c r="F3536" s="239">
        <v>0.14829999999999999</v>
      </c>
      <c r="G3536">
        <f t="shared" si="828"/>
        <v>8.2387599999999992</v>
      </c>
      <c r="H3536" s="235">
        <f t="shared" si="829"/>
        <v>1.5512043074443242</v>
      </c>
      <c r="I3536" s="236">
        <f t="shared" si="830"/>
        <v>19.756352026308775</v>
      </c>
      <c r="J3536" s="237">
        <f t="shared" ref="J3536:J3599" si="835">$I3536-10</f>
        <v>9.7563520263087753</v>
      </c>
      <c r="K3536" s="237">
        <f t="shared" si="831"/>
        <v>694.81114441325337</v>
      </c>
      <c r="L3536" s="237">
        <f t="shared" ref="L3536:L3599" si="836">$J3536*$B3536</f>
        <v>343.18943887743751</v>
      </c>
      <c r="M3536" s="236">
        <f t="shared" si="832"/>
        <v>21.981879396588596</v>
      </c>
      <c r="N3536" s="236">
        <f t="shared" si="833"/>
        <v>1.6940729907700323</v>
      </c>
      <c r="O3536" s="236">
        <f t="shared" ref="O3536:O3599" si="837">((3.47-LOG($M3536))^2+(LOG($N3536)+1.22)^2)^0.5</f>
        <v>2.5743955427750462</v>
      </c>
      <c r="P3536" s="236" t="str">
        <f t="shared" ref="P3536:P3599" si="838">IF(O3536&lt;2.6,"SAND","CLAY")</f>
        <v>SAND</v>
      </c>
      <c r="Q3536" s="236" t="e">
        <f t="shared" si="834"/>
        <v>#N/A</v>
      </c>
      <c r="R3536" s="238">
        <v>35</v>
      </c>
      <c r="S3536" s="236" t="e">
        <f t="shared" ref="S3536:S3599" si="839">IF(P3536="SAND",#N/A,0.25*($M3536)^1.25)</f>
        <v>#N/A</v>
      </c>
      <c r="T3536" s="236">
        <f t="shared" si="825"/>
        <v>32.362713028626509</v>
      </c>
    </row>
    <row r="3537" spans="1:20" x14ac:dyDescent="0.2">
      <c r="A3537" s="53">
        <f t="shared" si="826"/>
        <v>3525</v>
      </c>
      <c r="B3537" s="239">
        <v>35.185000000000002</v>
      </c>
      <c r="C3537" s="3">
        <f t="shared" si="827"/>
        <v>35.178000000000004</v>
      </c>
      <c r="D3537" s="239">
        <v>8.1750000000000007</v>
      </c>
      <c r="E3537" s="239">
        <v>0.1348</v>
      </c>
      <c r="F3537" s="239">
        <v>0.1925</v>
      </c>
      <c r="G3537">
        <f t="shared" si="828"/>
        <v>8.2135000000000016</v>
      </c>
      <c r="H3537" s="235">
        <f t="shared" si="829"/>
        <v>1.6412004626529493</v>
      </c>
      <c r="I3537" s="236">
        <f t="shared" si="830"/>
        <v>19.81768119865006</v>
      </c>
      <c r="J3537" s="237">
        <f t="shared" si="835"/>
        <v>9.8176811986500603</v>
      </c>
      <c r="K3537" s="237">
        <f t="shared" si="831"/>
        <v>697.14638920611196</v>
      </c>
      <c r="L3537" s="237">
        <f t="shared" si="836"/>
        <v>345.43511297450237</v>
      </c>
      <c r="M3537" s="236">
        <f t="shared" si="832"/>
        <v>21.759089705940504</v>
      </c>
      <c r="N3537" s="236">
        <f t="shared" si="833"/>
        <v>1.793422808187469</v>
      </c>
      <c r="O3537" s="236">
        <f t="shared" si="837"/>
        <v>2.5920448982666024</v>
      </c>
      <c r="P3537" s="236" t="str">
        <f t="shared" si="838"/>
        <v>SAND</v>
      </c>
      <c r="Q3537" s="236" t="e">
        <f t="shared" si="834"/>
        <v>#N/A</v>
      </c>
      <c r="R3537" s="238">
        <v>35</v>
      </c>
      <c r="S3537" s="236" t="e">
        <f t="shared" si="839"/>
        <v>#N/A</v>
      </c>
      <c r="T3537" s="236">
        <f t="shared" si="825"/>
        <v>32.314047949103781</v>
      </c>
    </row>
    <row r="3538" spans="1:20" x14ac:dyDescent="0.2">
      <c r="A3538" s="53">
        <f t="shared" si="826"/>
        <v>3526</v>
      </c>
      <c r="B3538" s="239">
        <v>35.195999999999998</v>
      </c>
      <c r="C3538" s="3">
        <f t="shared" si="827"/>
        <v>35.189</v>
      </c>
      <c r="D3538" s="239">
        <v>8.2112999999999996</v>
      </c>
      <c r="E3538" s="239">
        <v>0.14199999999999999</v>
      </c>
      <c r="F3538" s="239">
        <v>0.28389999999999999</v>
      </c>
      <c r="G3538">
        <f t="shared" si="828"/>
        <v>8.2680799999999994</v>
      </c>
      <c r="H3538" s="235">
        <f t="shared" si="829"/>
        <v>1.7174483072248936</v>
      </c>
      <c r="I3538" s="236">
        <f t="shared" si="830"/>
        <v>19.881285787313018</v>
      </c>
      <c r="J3538" s="237">
        <f t="shared" si="835"/>
        <v>9.8812857873130184</v>
      </c>
      <c r="K3538" s="237">
        <f t="shared" si="831"/>
        <v>699.60256556975776</v>
      </c>
      <c r="L3538" s="237">
        <f t="shared" si="836"/>
        <v>347.78173457026895</v>
      </c>
      <c r="M3538" s="236">
        <f t="shared" si="832"/>
        <v>21.762147583115922</v>
      </c>
      <c r="N3538" s="236">
        <f t="shared" si="833"/>
        <v>1.8762029910272144</v>
      </c>
      <c r="O3538" s="236">
        <f t="shared" si="837"/>
        <v>2.6031865961760752</v>
      </c>
      <c r="P3538" s="236" t="str">
        <f t="shared" si="838"/>
        <v>CLAY</v>
      </c>
      <c r="Q3538" s="236">
        <f t="shared" si="834"/>
        <v>630.70645286918682</v>
      </c>
      <c r="R3538" s="238">
        <v>35</v>
      </c>
      <c r="S3538" s="236">
        <f t="shared" si="839"/>
        <v>11.750793589878882</v>
      </c>
      <c r="T3538" s="236" t="e">
        <f t="shared" si="825"/>
        <v>#N/A</v>
      </c>
    </row>
    <row r="3539" spans="1:20" x14ac:dyDescent="0.2">
      <c r="A3539" s="53">
        <f t="shared" si="826"/>
        <v>3527</v>
      </c>
      <c r="B3539" s="239">
        <v>35.204999999999998</v>
      </c>
      <c r="C3539" s="3">
        <f t="shared" si="827"/>
        <v>35.198</v>
      </c>
      <c r="D3539" s="239">
        <v>8.2865000000000002</v>
      </c>
      <c r="E3539" s="239">
        <v>0.14710000000000001</v>
      </c>
      <c r="F3539" s="239">
        <v>0.32750000000000001</v>
      </c>
      <c r="G3539">
        <f t="shared" si="828"/>
        <v>8.3520000000000003</v>
      </c>
      <c r="H3539" s="235">
        <f t="shared" si="829"/>
        <v>1.7612547892720307</v>
      </c>
      <c r="I3539" s="236">
        <f t="shared" si="830"/>
        <v>19.926608707839186</v>
      </c>
      <c r="J3539" s="237">
        <f t="shared" si="835"/>
        <v>9.9266087078391863</v>
      </c>
      <c r="K3539" s="237">
        <f t="shared" si="831"/>
        <v>701.37677329852363</v>
      </c>
      <c r="L3539" s="237">
        <f t="shared" si="836"/>
        <v>349.46625955947854</v>
      </c>
      <c r="M3539" s="236">
        <f t="shared" si="832"/>
        <v>21.892308677654629</v>
      </c>
      <c r="N3539" s="236">
        <f t="shared" si="833"/>
        <v>1.9227191777867927</v>
      </c>
      <c r="O3539" s="236">
        <f t="shared" si="837"/>
        <v>2.607186402034777</v>
      </c>
      <c r="P3539" s="236" t="str">
        <f t="shared" si="838"/>
        <v>CLAY</v>
      </c>
      <c r="Q3539" s="236">
        <f t="shared" si="834"/>
        <v>637.55193555845642</v>
      </c>
      <c r="R3539" s="238">
        <v>35</v>
      </c>
      <c r="S3539" s="236">
        <f t="shared" si="839"/>
        <v>11.838712185029737</v>
      </c>
      <c r="T3539" s="236" t="e">
        <f t="shared" si="825"/>
        <v>#N/A</v>
      </c>
    </row>
    <row r="3540" spans="1:20" x14ac:dyDescent="0.2">
      <c r="A3540" s="53">
        <f t="shared" si="826"/>
        <v>3528</v>
      </c>
      <c r="B3540" s="239">
        <v>35.215000000000003</v>
      </c>
      <c r="C3540" s="3">
        <f t="shared" si="827"/>
        <v>35.208000000000006</v>
      </c>
      <c r="D3540" s="239">
        <v>8.2315000000000005</v>
      </c>
      <c r="E3540" s="239">
        <v>0.14899999999999999</v>
      </c>
      <c r="F3540" s="239">
        <v>0.3301</v>
      </c>
      <c r="G3540">
        <f t="shared" si="828"/>
        <v>8.2975200000000005</v>
      </c>
      <c r="H3540" s="235">
        <f t="shared" si="829"/>
        <v>1.7957172745591454</v>
      </c>
      <c r="I3540" s="236">
        <f t="shared" si="830"/>
        <v>19.939099456194295</v>
      </c>
      <c r="J3540" s="237">
        <f t="shared" si="835"/>
        <v>9.9390994561942954</v>
      </c>
      <c r="K3540" s="237">
        <f t="shared" si="831"/>
        <v>702.01581365368884</v>
      </c>
      <c r="L3540" s="237">
        <f t="shared" si="836"/>
        <v>350.00538734988214</v>
      </c>
      <c r="M3540" s="236">
        <f t="shared" si="832"/>
        <v>21.701106499693626</v>
      </c>
      <c r="N3540" s="236">
        <f t="shared" si="833"/>
        <v>1.9616867602790948</v>
      </c>
      <c r="O3540" s="236">
        <f t="shared" si="837"/>
        <v>2.6153294375479526</v>
      </c>
      <c r="P3540" s="236" t="str">
        <f t="shared" si="838"/>
        <v>CLAY</v>
      </c>
      <c r="Q3540" s="236">
        <f t="shared" si="834"/>
        <v>632.95868219552597</v>
      </c>
      <c r="R3540" s="238">
        <v>35</v>
      </c>
      <c r="S3540" s="236">
        <f t="shared" si="839"/>
        <v>11.709608000143836</v>
      </c>
      <c r="T3540" s="236" t="e">
        <f t="shared" si="825"/>
        <v>#N/A</v>
      </c>
    </row>
    <row r="3541" spans="1:20" x14ac:dyDescent="0.2">
      <c r="A3541" s="53">
        <f t="shared" si="826"/>
        <v>3529</v>
      </c>
      <c r="B3541" s="239">
        <v>35.225000000000001</v>
      </c>
      <c r="C3541" s="3">
        <f t="shared" si="827"/>
        <v>35.218000000000004</v>
      </c>
      <c r="D3541" s="239">
        <v>8.1917000000000009</v>
      </c>
      <c r="E3541" s="239">
        <v>0.15279999999999999</v>
      </c>
      <c r="F3541" s="239">
        <v>0.37859999999999999</v>
      </c>
      <c r="G3541">
        <f t="shared" si="828"/>
        <v>8.2674200000000013</v>
      </c>
      <c r="H3541" s="235">
        <f t="shared" si="829"/>
        <v>1.8482186703953587</v>
      </c>
      <c r="I3541" s="236">
        <f t="shared" si="830"/>
        <v>19.967209111854892</v>
      </c>
      <c r="J3541" s="237">
        <f t="shared" si="835"/>
        <v>9.967209111854892</v>
      </c>
      <c r="K3541" s="237">
        <f t="shared" si="831"/>
        <v>703.2051705013057</v>
      </c>
      <c r="L3541" s="237">
        <f t="shared" si="836"/>
        <v>351.0949409650886</v>
      </c>
      <c r="M3541" s="236">
        <f t="shared" si="832"/>
        <v>21.544642052392462</v>
      </c>
      <c r="N3541" s="236">
        <f t="shared" si="833"/>
        <v>2.0200378154797396</v>
      </c>
      <c r="O3541" s="236">
        <f t="shared" si="837"/>
        <v>2.6252696285345842</v>
      </c>
      <c r="P3541" s="236" t="str">
        <f t="shared" si="838"/>
        <v>CLAY</v>
      </c>
      <c r="Q3541" s="236">
        <f t="shared" si="834"/>
        <v>630.351235791558</v>
      </c>
      <c r="R3541" s="238">
        <v>35</v>
      </c>
      <c r="S3541" s="236">
        <f t="shared" si="839"/>
        <v>11.604170798705443</v>
      </c>
      <c r="T3541" s="236" t="e">
        <f t="shared" si="825"/>
        <v>#N/A</v>
      </c>
    </row>
    <row r="3542" spans="1:20" x14ac:dyDescent="0.2">
      <c r="A3542" s="53">
        <f t="shared" si="826"/>
        <v>3530</v>
      </c>
      <c r="B3542" s="239">
        <v>35.234000000000002</v>
      </c>
      <c r="C3542" s="3">
        <f t="shared" si="827"/>
        <v>35.227000000000004</v>
      </c>
      <c r="D3542" s="239">
        <v>8.0868000000000002</v>
      </c>
      <c r="E3542" s="239">
        <v>0.1633</v>
      </c>
      <c r="F3542" s="239">
        <v>0.36149999999999999</v>
      </c>
      <c r="G3542">
        <f t="shared" si="828"/>
        <v>8.1591000000000005</v>
      </c>
      <c r="H3542" s="235">
        <f t="shared" si="829"/>
        <v>2.0014462379429103</v>
      </c>
      <c r="I3542" s="236">
        <f t="shared" si="830"/>
        <v>20.039983783558384</v>
      </c>
      <c r="J3542" s="237">
        <f t="shared" si="835"/>
        <v>10.039983783558384</v>
      </c>
      <c r="K3542" s="237">
        <f t="shared" si="831"/>
        <v>705.94850874341125</v>
      </c>
      <c r="L3542" s="237">
        <f t="shared" si="836"/>
        <v>353.74878862989613</v>
      </c>
      <c r="M3542" s="236">
        <f t="shared" si="832"/>
        <v>21.069051628765653</v>
      </c>
      <c r="N3542" s="236">
        <f t="shared" si="833"/>
        <v>2.1910194659476581</v>
      </c>
      <c r="O3542" s="236">
        <f t="shared" si="837"/>
        <v>2.6537627087494102</v>
      </c>
      <c r="P3542" s="236" t="str">
        <f t="shared" si="838"/>
        <v>CLAY</v>
      </c>
      <c r="Q3542" s="236">
        <f t="shared" si="834"/>
        <v>621.09595760471575</v>
      </c>
      <c r="R3542" s="238">
        <v>35</v>
      </c>
      <c r="S3542" s="236">
        <f t="shared" si="839"/>
        <v>11.284861748193565</v>
      </c>
      <c r="T3542" s="236" t="e">
        <f t="shared" si="825"/>
        <v>#N/A</v>
      </c>
    </row>
    <row r="3543" spans="1:20" x14ac:dyDescent="0.2">
      <c r="A3543" s="53">
        <f t="shared" si="826"/>
        <v>3531</v>
      </c>
      <c r="B3543" s="239">
        <v>35.244</v>
      </c>
      <c r="C3543" s="3">
        <f t="shared" si="827"/>
        <v>35.237000000000002</v>
      </c>
      <c r="D3543" s="239">
        <v>8.0680999999999994</v>
      </c>
      <c r="E3543" s="239">
        <v>0.17510000000000001</v>
      </c>
      <c r="F3543" s="239">
        <v>0.33739999999999998</v>
      </c>
      <c r="G3543">
        <f t="shared" si="828"/>
        <v>8.1355799999999991</v>
      </c>
      <c r="H3543" s="235">
        <f t="shared" si="829"/>
        <v>2.1522743307791212</v>
      </c>
      <c r="I3543" s="236">
        <f t="shared" si="830"/>
        <v>20.120665316811692</v>
      </c>
      <c r="J3543" s="237">
        <f t="shared" si="835"/>
        <v>10.120665316811692</v>
      </c>
      <c r="K3543" s="237">
        <f t="shared" si="831"/>
        <v>708.99188376849361</v>
      </c>
      <c r="L3543" s="237">
        <f t="shared" si="836"/>
        <v>356.69272842571127</v>
      </c>
      <c r="M3543" s="236">
        <f t="shared" si="832"/>
        <v>20.820688296644793</v>
      </c>
      <c r="N3543" s="236">
        <f t="shared" si="833"/>
        <v>2.3577448656039306</v>
      </c>
      <c r="O3543" s="236">
        <f t="shared" si="837"/>
        <v>2.676755404031768</v>
      </c>
      <c r="P3543" s="236" t="str">
        <f t="shared" si="838"/>
        <v>CLAY</v>
      </c>
      <c r="Q3543" s="236">
        <f t="shared" si="834"/>
        <v>618.88234301929208</v>
      </c>
      <c r="R3543" s="238">
        <v>35</v>
      </c>
      <c r="S3543" s="236">
        <f t="shared" si="839"/>
        <v>11.118824151132886</v>
      </c>
      <c r="T3543" s="236" t="e">
        <f t="shared" si="825"/>
        <v>#N/A</v>
      </c>
    </row>
    <row r="3544" spans="1:20" x14ac:dyDescent="0.2">
      <c r="A3544" s="53">
        <f t="shared" si="826"/>
        <v>3532</v>
      </c>
      <c r="B3544" s="239">
        <v>35.253</v>
      </c>
      <c r="C3544" s="3">
        <f t="shared" si="827"/>
        <v>35.246000000000002</v>
      </c>
      <c r="D3544" s="239">
        <v>8.1951000000000001</v>
      </c>
      <c r="E3544" s="239">
        <v>0.18240000000000001</v>
      </c>
      <c r="F3544" s="239">
        <v>0.36859999999999998</v>
      </c>
      <c r="G3544">
        <f t="shared" si="828"/>
        <v>8.2688199999999998</v>
      </c>
      <c r="H3544" s="235">
        <f t="shared" si="829"/>
        <v>2.2058770175188238</v>
      </c>
      <c r="I3544" s="236">
        <f t="shared" si="830"/>
        <v>20.174909290436709</v>
      </c>
      <c r="J3544" s="237">
        <f t="shared" si="835"/>
        <v>10.174909290436709</v>
      </c>
      <c r="K3544" s="237">
        <f t="shared" si="831"/>
        <v>711.08485285073232</v>
      </c>
      <c r="L3544" s="237">
        <f t="shared" si="836"/>
        <v>358.69607721576529</v>
      </c>
      <c r="M3544" s="236">
        <f t="shared" si="832"/>
        <v>21.070024533898337</v>
      </c>
      <c r="N3544" s="236">
        <f t="shared" si="833"/>
        <v>2.4134214344465379</v>
      </c>
      <c r="O3544" s="236">
        <f t="shared" si="837"/>
        <v>2.6786539190822385</v>
      </c>
      <c r="P3544" s="236" t="str">
        <f t="shared" si="838"/>
        <v>CLAY</v>
      </c>
      <c r="Q3544" s="236">
        <f t="shared" si="834"/>
        <v>629.81126226243896</v>
      </c>
      <c r="R3544" s="238">
        <v>35</v>
      </c>
      <c r="S3544" s="236">
        <f t="shared" si="839"/>
        <v>11.285513127968619</v>
      </c>
      <c r="T3544" s="236" t="e">
        <f t="shared" si="825"/>
        <v>#N/A</v>
      </c>
    </row>
    <row r="3545" spans="1:20" x14ac:dyDescent="0.2">
      <c r="A3545" s="53">
        <f t="shared" si="826"/>
        <v>3533</v>
      </c>
      <c r="B3545" s="239">
        <v>35.264000000000003</v>
      </c>
      <c r="C3545" s="3">
        <f t="shared" si="827"/>
        <v>35.257000000000005</v>
      </c>
      <c r="D3545" s="239">
        <v>8.4098000000000006</v>
      </c>
      <c r="E3545" s="239">
        <v>0.186</v>
      </c>
      <c r="F3545" s="239">
        <v>0.2651</v>
      </c>
      <c r="G3545">
        <f t="shared" si="828"/>
        <v>8.4628200000000007</v>
      </c>
      <c r="H3545" s="235">
        <f t="shared" si="829"/>
        <v>2.1978489439690314</v>
      </c>
      <c r="I3545" s="236">
        <f t="shared" si="830"/>
        <v>20.20689159714065</v>
      </c>
      <c r="J3545" s="237">
        <f t="shared" si="835"/>
        <v>10.20689159714065</v>
      </c>
      <c r="K3545" s="237">
        <f t="shared" si="831"/>
        <v>712.43437704038797</v>
      </c>
      <c r="L3545" s="237">
        <f t="shared" si="836"/>
        <v>359.93582528156793</v>
      </c>
      <c r="M3545" s="236">
        <f t="shared" si="832"/>
        <v>21.532687436424808</v>
      </c>
      <c r="N3545" s="236">
        <f t="shared" si="833"/>
        <v>2.3998805872187403</v>
      </c>
      <c r="O3545" s="236">
        <f t="shared" si="837"/>
        <v>2.6696359317766598</v>
      </c>
      <c r="P3545" s="236" t="str">
        <f t="shared" si="838"/>
        <v>CLAY</v>
      </c>
      <c r="Q3545" s="236">
        <f t="shared" si="834"/>
        <v>645.8654685799678</v>
      </c>
      <c r="R3545" s="238">
        <v>35</v>
      </c>
      <c r="S3545" s="236">
        <f t="shared" si="839"/>
        <v>11.596122754668892</v>
      </c>
      <c r="T3545" s="236" t="e">
        <f t="shared" si="825"/>
        <v>#N/A</v>
      </c>
    </row>
    <row r="3546" spans="1:20" x14ac:dyDescent="0.2">
      <c r="A3546" s="53">
        <f t="shared" si="826"/>
        <v>3534</v>
      </c>
      <c r="B3546" s="239">
        <v>35.273000000000003</v>
      </c>
      <c r="C3546" s="3">
        <f t="shared" si="827"/>
        <v>35.266000000000005</v>
      </c>
      <c r="D3546" s="239">
        <v>8.4816000000000003</v>
      </c>
      <c r="E3546" s="239">
        <v>0.1792</v>
      </c>
      <c r="F3546" s="239">
        <v>0.21590000000000001</v>
      </c>
      <c r="G3546">
        <f t="shared" si="828"/>
        <v>8.5247799999999998</v>
      </c>
      <c r="H3546" s="235">
        <f t="shared" si="829"/>
        <v>2.1021070338472079</v>
      </c>
      <c r="I3546" s="236">
        <f t="shared" si="830"/>
        <v>20.166070530691321</v>
      </c>
      <c r="J3546" s="237">
        <f t="shared" si="835"/>
        <v>10.166070530691321</v>
      </c>
      <c r="K3546" s="237">
        <f t="shared" si="831"/>
        <v>711.17664333536027</v>
      </c>
      <c r="L3546" s="237">
        <f t="shared" si="836"/>
        <v>358.58780582907502</v>
      </c>
      <c r="M3546" s="236">
        <f t="shared" si="832"/>
        <v>21.789930470722933</v>
      </c>
      <c r="N3546" s="236">
        <f t="shared" si="833"/>
        <v>2.293436098815417</v>
      </c>
      <c r="O3546" s="236">
        <f t="shared" si="837"/>
        <v>2.6537277887295696</v>
      </c>
      <c r="P3546" s="236" t="str">
        <f t="shared" si="838"/>
        <v>CLAY</v>
      </c>
      <c r="Q3546" s="236">
        <f t="shared" si="834"/>
        <v>651.13361305538672</v>
      </c>
      <c r="R3546" s="238">
        <v>35</v>
      </c>
      <c r="S3546" s="236">
        <f t="shared" si="839"/>
        <v>11.769548808018261</v>
      </c>
      <c r="T3546" s="236" t="e">
        <f t="shared" si="825"/>
        <v>#N/A</v>
      </c>
    </row>
    <row r="3547" spans="1:20" x14ac:dyDescent="0.2">
      <c r="A3547" s="53">
        <f t="shared" si="826"/>
        <v>3535</v>
      </c>
      <c r="B3547" s="239">
        <v>35.283000000000001</v>
      </c>
      <c r="C3547" s="3">
        <f t="shared" si="827"/>
        <v>35.276000000000003</v>
      </c>
      <c r="D3547" s="239">
        <v>8.2681000000000004</v>
      </c>
      <c r="E3547" s="239">
        <v>0.16880000000000001</v>
      </c>
      <c r="F3547" s="239">
        <v>0.1704</v>
      </c>
      <c r="G3547">
        <f t="shared" si="828"/>
        <v>8.3021799999999999</v>
      </c>
      <c r="H3547" s="235">
        <f t="shared" si="829"/>
        <v>2.0332009183130215</v>
      </c>
      <c r="I3547" s="236">
        <f t="shared" si="830"/>
        <v>20.08562157915992</v>
      </c>
      <c r="J3547" s="237">
        <f t="shared" si="835"/>
        <v>10.08562157915992</v>
      </c>
      <c r="K3547" s="237">
        <f t="shared" si="831"/>
        <v>708.54038682644534</v>
      </c>
      <c r="L3547" s="237">
        <f t="shared" si="836"/>
        <v>355.85098617749946</v>
      </c>
      <c r="M3547" s="236">
        <f t="shared" si="832"/>
        <v>21.339380550109887</v>
      </c>
      <c r="N3547" s="236">
        <f t="shared" si="833"/>
        <v>2.2229129718924683</v>
      </c>
      <c r="O3547" s="236">
        <f t="shared" si="837"/>
        <v>2.6529886026738834</v>
      </c>
      <c r="P3547" s="236" t="str">
        <f t="shared" si="838"/>
        <v>CLAY</v>
      </c>
      <c r="Q3547" s="236">
        <f t="shared" si="834"/>
        <v>632.80330109779618</v>
      </c>
      <c r="R3547" s="238">
        <v>35</v>
      </c>
      <c r="S3547" s="236">
        <f t="shared" si="839"/>
        <v>11.466140765004203</v>
      </c>
      <c r="T3547" s="236" t="e">
        <f t="shared" si="825"/>
        <v>#N/A</v>
      </c>
    </row>
    <row r="3548" spans="1:20" x14ac:dyDescent="0.2">
      <c r="A3548" s="53">
        <f t="shared" si="826"/>
        <v>3536</v>
      </c>
      <c r="B3548" s="239">
        <v>35.292999999999999</v>
      </c>
      <c r="C3548" s="3">
        <f t="shared" si="827"/>
        <v>35.286000000000001</v>
      </c>
      <c r="D3548" s="239">
        <v>7.9938000000000002</v>
      </c>
      <c r="E3548" s="239">
        <v>0.15909999999999999</v>
      </c>
      <c r="F3548" s="239">
        <v>0.16539999999999999</v>
      </c>
      <c r="G3548">
        <f t="shared" si="828"/>
        <v>8.0268800000000002</v>
      </c>
      <c r="H3548" s="235">
        <f t="shared" si="829"/>
        <v>1.9820901770052621</v>
      </c>
      <c r="I3548" s="236">
        <f t="shared" si="830"/>
        <v>20.003044632809154</v>
      </c>
      <c r="J3548" s="237">
        <f t="shared" si="835"/>
        <v>10.003044632809154</v>
      </c>
      <c r="K3548" s="237">
        <f t="shared" si="831"/>
        <v>705.82743291330382</v>
      </c>
      <c r="L3548" s="237">
        <f t="shared" si="836"/>
        <v>353.03745422573343</v>
      </c>
      <c r="M3548" s="236">
        <f t="shared" si="832"/>
        <v>20.737325401189839</v>
      </c>
      <c r="N3548" s="236">
        <f t="shared" si="833"/>
        <v>2.1731847783099782</v>
      </c>
      <c r="O3548" s="236">
        <f t="shared" si="837"/>
        <v>2.6572586895588186</v>
      </c>
      <c r="P3548" s="236" t="str">
        <f t="shared" si="838"/>
        <v>CLAY</v>
      </c>
      <c r="Q3548" s="236">
        <f t="shared" si="834"/>
        <v>610.08771392389133</v>
      </c>
      <c r="R3548" s="238">
        <v>35</v>
      </c>
      <c r="S3548" s="236">
        <f t="shared" si="839"/>
        <v>11.063204411148966</v>
      </c>
      <c r="T3548" s="236" t="e">
        <f t="shared" si="825"/>
        <v>#N/A</v>
      </c>
    </row>
    <row r="3549" spans="1:20" x14ac:dyDescent="0.2">
      <c r="A3549" s="53">
        <f t="shared" si="826"/>
        <v>3537</v>
      </c>
      <c r="B3549" s="239">
        <v>35.302999999999997</v>
      </c>
      <c r="C3549" s="3">
        <f t="shared" si="827"/>
        <v>35.295999999999999</v>
      </c>
      <c r="D3549" s="239">
        <v>7.5380000000000003</v>
      </c>
      <c r="E3549" s="239">
        <v>0.14899999999999999</v>
      </c>
      <c r="F3549" s="239">
        <v>0.1497</v>
      </c>
      <c r="G3549">
        <f t="shared" si="828"/>
        <v>7.5679400000000001</v>
      </c>
      <c r="H3549" s="235">
        <f t="shared" si="829"/>
        <v>1.9688316767839067</v>
      </c>
      <c r="I3549" s="236">
        <f t="shared" si="830"/>
        <v>19.90312589131344</v>
      </c>
      <c r="J3549" s="237">
        <f t="shared" si="835"/>
        <v>9.9031258913134401</v>
      </c>
      <c r="K3549" s="237">
        <f t="shared" si="831"/>
        <v>702.50073145979923</v>
      </c>
      <c r="L3549" s="237">
        <f t="shared" si="836"/>
        <v>349.61005334103834</v>
      </c>
      <c r="M3549" s="236">
        <f t="shared" si="832"/>
        <v>19.637419470438079</v>
      </c>
      <c r="N3549" s="236">
        <f t="shared" si="833"/>
        <v>2.1702908462502775</v>
      </c>
      <c r="O3549" s="236">
        <f t="shared" si="837"/>
        <v>2.6761370571258496</v>
      </c>
      <c r="P3549" s="236" t="str">
        <f t="shared" si="838"/>
        <v>CLAY</v>
      </c>
      <c r="Q3549" s="236">
        <f t="shared" si="834"/>
        <v>572.11993904501685</v>
      </c>
      <c r="R3549" s="238">
        <v>35</v>
      </c>
      <c r="S3549" s="236">
        <f t="shared" si="839"/>
        <v>10.334644215548851</v>
      </c>
      <c r="T3549" s="236" t="e">
        <f t="shared" si="825"/>
        <v>#N/A</v>
      </c>
    </row>
    <row r="3550" spans="1:20" x14ac:dyDescent="0.2">
      <c r="A3550" s="53">
        <f t="shared" si="826"/>
        <v>3538</v>
      </c>
      <c r="B3550" s="239">
        <v>35.313000000000002</v>
      </c>
      <c r="C3550" s="3">
        <f t="shared" si="827"/>
        <v>35.306000000000004</v>
      </c>
      <c r="D3550" s="239">
        <v>7.0803000000000003</v>
      </c>
      <c r="E3550" s="239">
        <v>0.1469</v>
      </c>
      <c r="F3550" s="239">
        <v>0.16980000000000001</v>
      </c>
      <c r="G3550">
        <f t="shared" si="828"/>
        <v>7.1142600000000007</v>
      </c>
      <c r="H3550" s="235">
        <f t="shared" si="829"/>
        <v>2.0648669011253453</v>
      </c>
      <c r="I3550" s="236">
        <f t="shared" si="830"/>
        <v>19.862318662719357</v>
      </c>
      <c r="J3550" s="237">
        <f t="shared" si="835"/>
        <v>9.8623186627193569</v>
      </c>
      <c r="K3550" s="237">
        <f t="shared" si="831"/>
        <v>701.25902270596976</v>
      </c>
      <c r="L3550" s="237">
        <f t="shared" si="836"/>
        <v>348.26805893660867</v>
      </c>
      <c r="M3550" s="236">
        <f t="shared" si="832"/>
        <v>18.413979728360097</v>
      </c>
      <c r="N3550" s="236">
        <f t="shared" si="833"/>
        <v>2.2906592486125668</v>
      </c>
      <c r="O3550" s="236">
        <f t="shared" si="837"/>
        <v>2.7124986612090556</v>
      </c>
      <c r="P3550" s="236" t="str">
        <f t="shared" si="838"/>
        <v>CLAY</v>
      </c>
      <c r="Q3550" s="236">
        <f t="shared" si="834"/>
        <v>534.41674810783593</v>
      </c>
      <c r="R3550" s="238">
        <v>35</v>
      </c>
      <c r="S3550" s="236">
        <f t="shared" si="839"/>
        <v>9.5361831743586407</v>
      </c>
      <c r="T3550" s="236" t="e">
        <f t="shared" si="825"/>
        <v>#N/A</v>
      </c>
    </row>
    <row r="3551" spans="1:20" x14ac:dyDescent="0.2">
      <c r="A3551" s="53">
        <f t="shared" si="826"/>
        <v>3539</v>
      </c>
      <c r="B3551" s="239">
        <v>35.323</v>
      </c>
      <c r="C3551" s="3">
        <f t="shared" si="827"/>
        <v>35.316000000000003</v>
      </c>
      <c r="D3551" s="239">
        <v>6.6226000000000003</v>
      </c>
      <c r="E3551" s="239">
        <v>0.15</v>
      </c>
      <c r="F3551" s="239">
        <v>0.20119999999999999</v>
      </c>
      <c r="G3551">
        <f t="shared" si="828"/>
        <v>6.6628400000000001</v>
      </c>
      <c r="H3551" s="235">
        <f t="shared" si="829"/>
        <v>2.2512922417467625</v>
      </c>
      <c r="I3551" s="236">
        <f t="shared" si="830"/>
        <v>19.861182899738385</v>
      </c>
      <c r="J3551" s="237">
        <f t="shared" si="835"/>
        <v>9.8611828997383846</v>
      </c>
      <c r="K3551" s="237">
        <f t="shared" si="831"/>
        <v>701.41753528716083</v>
      </c>
      <c r="L3551" s="237">
        <f t="shared" si="836"/>
        <v>348.32656356745895</v>
      </c>
      <c r="M3551" s="236">
        <f t="shared" si="832"/>
        <v>17.114464092711422</v>
      </c>
      <c r="N3551" s="236">
        <f t="shared" si="833"/>
        <v>2.5161779908719395</v>
      </c>
      <c r="O3551" s="236">
        <f t="shared" si="837"/>
        <v>2.7621271261260616</v>
      </c>
      <c r="P3551" s="236" t="str">
        <f t="shared" si="838"/>
        <v>CLAY</v>
      </c>
      <c r="Q3551" s="236">
        <f t="shared" si="834"/>
        <v>496.7852053927366</v>
      </c>
      <c r="R3551" s="238">
        <v>35</v>
      </c>
      <c r="S3551" s="236">
        <f t="shared" si="839"/>
        <v>8.7025021526996866</v>
      </c>
      <c r="T3551" s="236" t="e">
        <f t="shared" si="825"/>
        <v>#N/A</v>
      </c>
    </row>
    <row r="3552" spans="1:20" x14ac:dyDescent="0.2">
      <c r="A3552" s="53">
        <f t="shared" si="826"/>
        <v>3540</v>
      </c>
      <c r="B3552" s="239">
        <v>35.332000000000001</v>
      </c>
      <c r="C3552" s="3">
        <f t="shared" si="827"/>
        <v>35.325000000000003</v>
      </c>
      <c r="D3552" s="239">
        <v>6.1078999999999999</v>
      </c>
      <c r="E3552" s="239">
        <v>0.14649999999999999</v>
      </c>
      <c r="F3552" s="239">
        <v>0.25390000000000001</v>
      </c>
      <c r="G3552">
        <f t="shared" si="828"/>
        <v>6.1586799999999995</v>
      </c>
      <c r="H3552" s="235">
        <f t="shared" si="829"/>
        <v>2.3787564867796345</v>
      </c>
      <c r="I3552" s="236">
        <f t="shared" si="830"/>
        <v>19.802743516225654</v>
      </c>
      <c r="J3552" s="237">
        <f t="shared" si="835"/>
        <v>9.8027435162256538</v>
      </c>
      <c r="K3552" s="237">
        <f t="shared" si="831"/>
        <v>699.53191471067123</v>
      </c>
      <c r="L3552" s="237">
        <f t="shared" si="836"/>
        <v>346.35053391528481</v>
      </c>
      <c r="M3552" s="236">
        <f t="shared" si="832"/>
        <v>15.761916182362814</v>
      </c>
      <c r="N3552" s="236">
        <f t="shared" si="833"/>
        <v>2.6835688959376469</v>
      </c>
      <c r="O3552" s="236">
        <f t="shared" si="837"/>
        <v>2.8074925689969481</v>
      </c>
      <c r="P3552" s="236" t="str">
        <f t="shared" si="838"/>
        <v>CLAY</v>
      </c>
      <c r="Q3552" s="236">
        <f t="shared" si="834"/>
        <v>454.92900710744402</v>
      </c>
      <c r="R3552" s="238">
        <v>35</v>
      </c>
      <c r="S3552" s="236">
        <f t="shared" si="839"/>
        <v>7.8514754272376761</v>
      </c>
      <c r="T3552" s="236" t="e">
        <f t="shared" si="825"/>
        <v>#N/A</v>
      </c>
    </row>
    <row r="3553" spans="1:20" x14ac:dyDescent="0.2">
      <c r="A3553" s="53">
        <f t="shared" si="826"/>
        <v>3541</v>
      </c>
      <c r="B3553" s="239">
        <v>35.343000000000004</v>
      </c>
      <c r="C3553" s="3">
        <f t="shared" si="827"/>
        <v>35.336000000000006</v>
      </c>
      <c r="D3553" s="239">
        <v>5.4370000000000003</v>
      </c>
      <c r="E3553" s="239">
        <v>0.1399</v>
      </c>
      <c r="F3553" s="239">
        <v>0.27250000000000002</v>
      </c>
      <c r="G3553">
        <f t="shared" si="828"/>
        <v>5.4915000000000003</v>
      </c>
      <c r="H3553" s="235">
        <f t="shared" si="829"/>
        <v>2.5475735227169261</v>
      </c>
      <c r="I3553" s="236">
        <f t="shared" si="830"/>
        <v>19.703872772653913</v>
      </c>
      <c r="J3553" s="237">
        <f t="shared" si="835"/>
        <v>9.7038727726539129</v>
      </c>
      <c r="K3553" s="237">
        <f t="shared" si="831"/>
        <v>696.25604829449878</v>
      </c>
      <c r="L3553" s="237">
        <f t="shared" si="836"/>
        <v>342.96397540390728</v>
      </c>
      <c r="M3553" s="236">
        <f t="shared" si="832"/>
        <v>13.981771543376126</v>
      </c>
      <c r="N3553" s="236">
        <f t="shared" si="833"/>
        <v>2.9174740932678191</v>
      </c>
      <c r="O3553" s="236">
        <f t="shared" si="837"/>
        <v>2.8709335931533055</v>
      </c>
      <c r="P3553" s="236" t="str">
        <f t="shared" si="838"/>
        <v>CLAY</v>
      </c>
      <c r="Q3553" s="236">
        <f t="shared" si="834"/>
        <v>399.60366264212507</v>
      </c>
      <c r="R3553" s="238">
        <v>35</v>
      </c>
      <c r="S3553" s="236">
        <f t="shared" si="839"/>
        <v>6.7591605250117492</v>
      </c>
      <c r="T3553" s="236" t="e">
        <f t="shared" si="825"/>
        <v>#N/A</v>
      </c>
    </row>
    <row r="3554" spans="1:20" x14ac:dyDescent="0.2">
      <c r="A3554" s="53">
        <f t="shared" si="826"/>
        <v>3542</v>
      </c>
      <c r="B3554" s="239">
        <v>35.351999999999997</v>
      </c>
      <c r="C3554" s="3">
        <f t="shared" si="827"/>
        <v>35.344999999999999</v>
      </c>
      <c r="D3554" s="239">
        <v>5.0015000000000001</v>
      </c>
      <c r="E3554" s="239">
        <v>0.1394</v>
      </c>
      <c r="F3554" s="239">
        <v>0.27650000000000002</v>
      </c>
      <c r="G3554">
        <f t="shared" si="828"/>
        <v>5.0568</v>
      </c>
      <c r="H3554" s="235">
        <f t="shared" si="829"/>
        <v>2.7566840689764276</v>
      </c>
      <c r="I3554" s="236">
        <f t="shared" si="830"/>
        <v>19.667440743127596</v>
      </c>
      <c r="J3554" s="237">
        <f t="shared" si="835"/>
        <v>9.6674407431275959</v>
      </c>
      <c r="K3554" s="237">
        <f t="shared" si="831"/>
        <v>695.14569306584485</v>
      </c>
      <c r="L3554" s="237">
        <f t="shared" si="836"/>
        <v>341.76336515104674</v>
      </c>
      <c r="M3554" s="236">
        <f t="shared" si="832"/>
        <v>12.762205524885516</v>
      </c>
      <c r="N3554" s="236">
        <f t="shared" si="833"/>
        <v>3.1960350406125029</v>
      </c>
      <c r="O3554" s="236">
        <f t="shared" si="837"/>
        <v>2.9262829785679672</v>
      </c>
      <c r="P3554" s="236" t="str">
        <f t="shared" si="838"/>
        <v>CLAY</v>
      </c>
      <c r="Q3554" s="236">
        <f t="shared" si="834"/>
        <v>363.47119224451291</v>
      </c>
      <c r="R3554" s="238">
        <v>35</v>
      </c>
      <c r="S3554" s="236">
        <f t="shared" si="839"/>
        <v>6.030414669250197</v>
      </c>
      <c r="T3554" s="236" t="e">
        <f t="shared" si="825"/>
        <v>#N/A</v>
      </c>
    </row>
    <row r="3555" spans="1:20" x14ac:dyDescent="0.2">
      <c r="A3555" s="53">
        <f t="shared" si="826"/>
        <v>3543</v>
      </c>
      <c r="B3555" s="239">
        <v>35.363</v>
      </c>
      <c r="C3555" s="3">
        <f t="shared" si="827"/>
        <v>35.356000000000002</v>
      </c>
      <c r="D3555" s="239">
        <v>4.7609000000000004</v>
      </c>
      <c r="E3555" s="239">
        <v>0.13650000000000001</v>
      </c>
      <c r="F3555" s="239">
        <v>0.25900000000000001</v>
      </c>
      <c r="G3555">
        <f t="shared" si="828"/>
        <v>4.8127000000000004</v>
      </c>
      <c r="H3555" s="235">
        <f t="shared" si="829"/>
        <v>2.8362457664097076</v>
      </c>
      <c r="I3555" s="236">
        <f t="shared" si="830"/>
        <v>19.623451124768817</v>
      </c>
      <c r="J3555" s="237">
        <f t="shared" si="835"/>
        <v>9.6234511247688168</v>
      </c>
      <c r="K3555" s="237">
        <f t="shared" si="831"/>
        <v>693.80673796732628</v>
      </c>
      <c r="L3555" s="237">
        <f t="shared" si="836"/>
        <v>340.31410212519967</v>
      </c>
      <c r="M3555" s="236">
        <f t="shared" si="832"/>
        <v>12.103210640731415</v>
      </c>
      <c r="N3555" s="236">
        <f t="shared" si="833"/>
        <v>3.3139970209530807</v>
      </c>
      <c r="O3555" s="236">
        <f t="shared" si="837"/>
        <v>2.9541613132609466</v>
      </c>
      <c r="P3555" s="236" t="str">
        <f t="shared" si="838"/>
        <v>CLAY</v>
      </c>
      <c r="Q3555" s="236">
        <f t="shared" si="834"/>
        <v>343.24110516938953</v>
      </c>
      <c r="R3555" s="238">
        <v>35</v>
      </c>
      <c r="S3555" s="236">
        <f t="shared" si="839"/>
        <v>5.6437237578400641</v>
      </c>
      <c r="T3555" s="236" t="e">
        <f t="shared" si="825"/>
        <v>#N/A</v>
      </c>
    </row>
    <row r="3556" spans="1:20" x14ac:dyDescent="0.2">
      <c r="A3556" s="53">
        <f t="shared" si="826"/>
        <v>3544</v>
      </c>
      <c r="B3556" s="239">
        <v>35.372</v>
      </c>
      <c r="C3556" s="3">
        <f t="shared" si="827"/>
        <v>35.365000000000002</v>
      </c>
      <c r="D3556" s="239">
        <v>4.7323000000000004</v>
      </c>
      <c r="E3556" s="239">
        <v>0.13980000000000001</v>
      </c>
      <c r="F3556" s="239">
        <v>0.27060000000000001</v>
      </c>
      <c r="G3556">
        <f t="shared" si="828"/>
        <v>4.7864200000000006</v>
      </c>
      <c r="H3556" s="235">
        <f t="shared" si="829"/>
        <v>2.9207633262438315</v>
      </c>
      <c r="I3556" s="236">
        <f t="shared" si="830"/>
        <v>19.64932214126755</v>
      </c>
      <c r="J3556" s="237">
        <f t="shared" si="835"/>
        <v>9.6493221412675503</v>
      </c>
      <c r="K3556" s="237">
        <f t="shared" si="831"/>
        <v>694.89827752592691</v>
      </c>
      <c r="L3556" s="237">
        <f t="shared" si="836"/>
        <v>341.31582278091577</v>
      </c>
      <c r="M3556" s="236">
        <f t="shared" si="832"/>
        <v>11.98749501015763</v>
      </c>
      <c r="N3556" s="236">
        <f t="shared" si="833"/>
        <v>3.4168216493169519</v>
      </c>
      <c r="O3556" s="236">
        <f t="shared" si="837"/>
        <v>2.965361846927884</v>
      </c>
      <c r="P3556" s="236" t="str">
        <f t="shared" si="838"/>
        <v>CLAY</v>
      </c>
      <c r="Q3556" s="236">
        <f t="shared" si="834"/>
        <v>340.96014353950619</v>
      </c>
      <c r="R3556" s="238">
        <v>35</v>
      </c>
      <c r="S3556" s="236">
        <f t="shared" si="839"/>
        <v>5.5763568495817326</v>
      </c>
      <c r="T3556" s="236" t="e">
        <f t="shared" si="825"/>
        <v>#N/A</v>
      </c>
    </row>
    <row r="3557" spans="1:20" x14ac:dyDescent="0.2">
      <c r="A3557" s="53">
        <f t="shared" si="826"/>
        <v>3545</v>
      </c>
      <c r="B3557" s="239">
        <v>35.381999999999998</v>
      </c>
      <c r="C3557" s="3">
        <f t="shared" si="827"/>
        <v>35.375</v>
      </c>
      <c r="D3557" s="239">
        <v>4.8490000000000002</v>
      </c>
      <c r="E3557" s="239">
        <v>0.1386</v>
      </c>
      <c r="F3557" s="239">
        <v>0.29570000000000002</v>
      </c>
      <c r="G3557">
        <f t="shared" si="828"/>
        <v>4.9081400000000004</v>
      </c>
      <c r="H3557" s="235">
        <f t="shared" si="829"/>
        <v>2.8238803294119563</v>
      </c>
      <c r="I3557" s="236">
        <f t="shared" si="830"/>
        <v>19.649029023986909</v>
      </c>
      <c r="J3557" s="237">
        <f t="shared" si="835"/>
        <v>9.649029023986909</v>
      </c>
      <c r="K3557" s="237">
        <f t="shared" si="831"/>
        <v>695.08440172353687</v>
      </c>
      <c r="L3557" s="237">
        <f t="shared" si="836"/>
        <v>341.4019449267048</v>
      </c>
      <c r="M3557" s="236">
        <f t="shared" si="832"/>
        <v>12.340455761553907</v>
      </c>
      <c r="N3557" s="236">
        <f t="shared" si="833"/>
        <v>3.2897738177654343</v>
      </c>
      <c r="O3557" s="236">
        <f t="shared" si="837"/>
        <v>2.9454729862275677</v>
      </c>
      <c r="P3557" s="236" t="str">
        <f t="shared" si="838"/>
        <v>CLAY</v>
      </c>
      <c r="Q3557" s="236">
        <f t="shared" si="834"/>
        <v>351.08796652303863</v>
      </c>
      <c r="R3557" s="238">
        <v>35</v>
      </c>
      <c r="S3557" s="236">
        <f t="shared" si="839"/>
        <v>5.7823451067956011</v>
      </c>
      <c r="T3557" s="236" t="e">
        <f t="shared" si="825"/>
        <v>#N/A</v>
      </c>
    </row>
    <row r="3558" spans="1:20" x14ac:dyDescent="0.2">
      <c r="A3558" s="53">
        <f t="shared" si="826"/>
        <v>3546</v>
      </c>
      <c r="B3558" s="239">
        <v>35.392000000000003</v>
      </c>
      <c r="C3558" s="3">
        <f t="shared" si="827"/>
        <v>35.385000000000005</v>
      </c>
      <c r="D3558" s="239">
        <v>5.0511999999999997</v>
      </c>
      <c r="E3558" s="239">
        <v>0.1389</v>
      </c>
      <c r="F3558" s="239">
        <v>0.29649999999999999</v>
      </c>
      <c r="G3558">
        <f t="shared" si="828"/>
        <v>5.1105</v>
      </c>
      <c r="H3558" s="235">
        <f t="shared" si="829"/>
        <v>2.7179336659818021</v>
      </c>
      <c r="I3558" s="236">
        <f t="shared" si="830"/>
        <v>19.667356171235252</v>
      </c>
      <c r="J3558" s="237">
        <f t="shared" si="835"/>
        <v>9.6673561712352516</v>
      </c>
      <c r="K3558" s="237">
        <f t="shared" si="831"/>
        <v>695.92939811915949</v>
      </c>
      <c r="L3558" s="237">
        <f t="shared" si="836"/>
        <v>342.14706961235805</v>
      </c>
      <c r="M3558" s="236">
        <f t="shared" si="832"/>
        <v>12.902552714779674</v>
      </c>
      <c r="N3558" s="236">
        <f t="shared" si="833"/>
        <v>3.1463988805801693</v>
      </c>
      <c r="O3558" s="236">
        <f t="shared" si="837"/>
        <v>2.9184406118179806</v>
      </c>
      <c r="P3558" s="236" t="str">
        <f t="shared" si="838"/>
        <v>CLAY</v>
      </c>
      <c r="Q3558" s="236">
        <f t="shared" si="834"/>
        <v>367.88088349007006</v>
      </c>
      <c r="R3558" s="238">
        <v>35</v>
      </c>
      <c r="S3558" s="236">
        <f t="shared" si="839"/>
        <v>6.1134246155079479</v>
      </c>
      <c r="T3558" s="236" t="e">
        <f t="shared" si="825"/>
        <v>#N/A</v>
      </c>
    </row>
    <row r="3559" spans="1:20" x14ac:dyDescent="0.2">
      <c r="A3559" s="53">
        <f t="shared" si="826"/>
        <v>3547</v>
      </c>
      <c r="B3559" s="239">
        <v>35.402000000000001</v>
      </c>
      <c r="C3559" s="3">
        <f t="shared" si="827"/>
        <v>35.395000000000003</v>
      </c>
      <c r="D3559" s="239">
        <v>4.8059000000000003</v>
      </c>
      <c r="E3559" s="239">
        <v>0.13200000000000001</v>
      </c>
      <c r="F3559" s="239">
        <v>0.3483</v>
      </c>
      <c r="G3559">
        <f t="shared" si="828"/>
        <v>4.8755600000000001</v>
      </c>
      <c r="H3559" s="235">
        <f t="shared" si="829"/>
        <v>2.7073813059422918</v>
      </c>
      <c r="I3559" s="236">
        <f t="shared" si="830"/>
        <v>19.589214723458717</v>
      </c>
      <c r="J3559" s="237">
        <f t="shared" si="835"/>
        <v>9.5892147234587171</v>
      </c>
      <c r="K3559" s="237">
        <f t="shared" si="831"/>
        <v>693.36025513682137</v>
      </c>
      <c r="L3559" s="237">
        <f t="shared" si="836"/>
        <v>339.4773796398855</v>
      </c>
      <c r="M3559" s="236">
        <f t="shared" si="832"/>
        <v>12.319524055769543</v>
      </c>
      <c r="N3559" s="236">
        <f t="shared" si="833"/>
        <v>3.1562337538308656</v>
      </c>
      <c r="O3559" s="236">
        <f t="shared" si="837"/>
        <v>2.9354924369031785</v>
      </c>
      <c r="P3559" s="236" t="str">
        <f t="shared" si="838"/>
        <v>CLAY</v>
      </c>
      <c r="Q3559" s="236">
        <f t="shared" si="834"/>
        <v>348.51664540526491</v>
      </c>
      <c r="R3559" s="238">
        <v>35</v>
      </c>
      <c r="S3559" s="236">
        <f t="shared" si="839"/>
        <v>5.7700877927349579</v>
      </c>
      <c r="T3559" s="236" t="e">
        <f t="shared" si="825"/>
        <v>#N/A</v>
      </c>
    </row>
    <row r="3560" spans="1:20" x14ac:dyDescent="0.2">
      <c r="A3560" s="53">
        <f t="shared" si="826"/>
        <v>3548</v>
      </c>
      <c r="B3560" s="239">
        <v>35.411000000000001</v>
      </c>
      <c r="C3560" s="3">
        <f t="shared" si="827"/>
        <v>35.404000000000003</v>
      </c>
      <c r="D3560" s="239">
        <v>4.5191999999999997</v>
      </c>
      <c r="E3560" s="239">
        <v>0.122</v>
      </c>
      <c r="F3560" s="239">
        <v>0.25950000000000001</v>
      </c>
      <c r="G3560">
        <f t="shared" si="828"/>
        <v>4.5710999999999995</v>
      </c>
      <c r="H3560" s="235">
        <f t="shared" si="829"/>
        <v>2.6689418301940453</v>
      </c>
      <c r="I3560" s="236">
        <f t="shared" si="830"/>
        <v>19.471633247245435</v>
      </c>
      <c r="J3560" s="237">
        <f t="shared" si="835"/>
        <v>9.4716332472454354</v>
      </c>
      <c r="K3560" s="237">
        <f t="shared" si="831"/>
        <v>689.37370348547745</v>
      </c>
      <c r="L3560" s="237">
        <f t="shared" si="836"/>
        <v>335.40000491820814</v>
      </c>
      <c r="M3560" s="236">
        <f t="shared" si="832"/>
        <v>11.573423493124675</v>
      </c>
      <c r="N3560" s="236">
        <f t="shared" si="833"/>
        <v>3.1429315382062408</v>
      </c>
      <c r="O3560" s="236">
        <f t="shared" si="837"/>
        <v>2.9564615881157872</v>
      </c>
      <c r="P3560" s="236" t="str">
        <f t="shared" si="838"/>
        <v>CLAY</v>
      </c>
      <c r="Q3560" s="236">
        <f t="shared" si="834"/>
        <v>323.47719137621016</v>
      </c>
      <c r="R3560" s="238">
        <v>35</v>
      </c>
      <c r="S3560" s="236">
        <f t="shared" si="839"/>
        <v>5.3366327244400544</v>
      </c>
      <c r="T3560" s="236" t="e">
        <f t="shared" si="825"/>
        <v>#N/A</v>
      </c>
    </row>
    <row r="3561" spans="1:20" x14ac:dyDescent="0.2">
      <c r="A3561" s="53">
        <f t="shared" si="826"/>
        <v>3549</v>
      </c>
      <c r="B3561" s="239">
        <v>35.421999999999997</v>
      </c>
      <c r="C3561" s="3">
        <f t="shared" si="827"/>
        <v>35.414999999999999</v>
      </c>
      <c r="D3561" s="239">
        <v>4.2412000000000001</v>
      </c>
      <c r="E3561" s="239">
        <v>0.1173</v>
      </c>
      <c r="F3561" s="239">
        <v>0.27139999999999997</v>
      </c>
      <c r="G3561">
        <f t="shared" si="828"/>
        <v>4.2954800000000004</v>
      </c>
      <c r="H3561" s="235">
        <f t="shared" si="829"/>
        <v>2.7307774684086525</v>
      </c>
      <c r="I3561" s="236">
        <f t="shared" si="830"/>
        <v>19.401258218243139</v>
      </c>
      <c r="J3561" s="237">
        <f t="shared" si="835"/>
        <v>9.4012582182431395</v>
      </c>
      <c r="K3561" s="237">
        <f t="shared" si="831"/>
        <v>687.09555979908077</v>
      </c>
      <c r="L3561" s="237">
        <f t="shared" si="836"/>
        <v>333.01136860660847</v>
      </c>
      <c r="M3561" s="236">
        <f t="shared" si="832"/>
        <v>10.835619382302713</v>
      </c>
      <c r="N3561" s="236">
        <f t="shared" si="833"/>
        <v>3.250762271701531</v>
      </c>
      <c r="O3561" s="236">
        <f t="shared" si="837"/>
        <v>2.9882620485791209</v>
      </c>
      <c r="P3561" s="236" t="str">
        <f t="shared" si="838"/>
        <v>CLAY</v>
      </c>
      <c r="Q3561" s="236">
        <f t="shared" si="834"/>
        <v>300.69870335007664</v>
      </c>
      <c r="R3561" s="238">
        <v>35</v>
      </c>
      <c r="S3561" s="236">
        <f t="shared" si="839"/>
        <v>4.9148151167558645</v>
      </c>
      <c r="T3561" s="236" t="e">
        <f t="shared" si="825"/>
        <v>#N/A</v>
      </c>
    </row>
    <row r="3562" spans="1:20" x14ac:dyDescent="0.2">
      <c r="A3562" s="53">
        <f t="shared" si="826"/>
        <v>3550</v>
      </c>
      <c r="B3562" s="239">
        <v>35.430999999999997</v>
      </c>
      <c r="C3562" s="3">
        <f t="shared" si="827"/>
        <v>35.423999999999999</v>
      </c>
      <c r="D3562" s="239">
        <v>3.9116</v>
      </c>
      <c r="E3562" s="239">
        <v>0.12759999999999999</v>
      </c>
      <c r="F3562" s="239">
        <v>0.28239999999999998</v>
      </c>
      <c r="G3562">
        <f t="shared" si="828"/>
        <v>3.9680800000000001</v>
      </c>
      <c r="H3562" s="235">
        <f t="shared" si="829"/>
        <v>3.2156609745771254</v>
      </c>
      <c r="I3562" s="236">
        <f t="shared" si="830"/>
        <v>19.468962252620287</v>
      </c>
      <c r="J3562" s="237">
        <f t="shared" si="835"/>
        <v>9.4689622526202868</v>
      </c>
      <c r="K3562" s="237">
        <f t="shared" si="831"/>
        <v>689.66851883682102</v>
      </c>
      <c r="L3562" s="237">
        <f t="shared" si="836"/>
        <v>335.49480157258938</v>
      </c>
      <c r="M3562" s="236">
        <f t="shared" si="832"/>
        <v>9.7718696855988245</v>
      </c>
      <c r="N3562" s="236">
        <f t="shared" si="833"/>
        <v>3.8921288780604066</v>
      </c>
      <c r="O3562" s="236">
        <f t="shared" si="837"/>
        <v>3.0703889847138992</v>
      </c>
      <c r="P3562" s="236" t="str">
        <f t="shared" si="838"/>
        <v>CLAY</v>
      </c>
      <c r="Q3562" s="236">
        <f t="shared" si="834"/>
        <v>273.20095676359824</v>
      </c>
      <c r="R3562" s="238">
        <v>35</v>
      </c>
      <c r="S3562" s="236">
        <f t="shared" si="839"/>
        <v>4.3192872972259302</v>
      </c>
      <c r="T3562" s="236" t="e">
        <f t="shared" si="825"/>
        <v>#N/A</v>
      </c>
    </row>
    <row r="3563" spans="1:20" x14ac:dyDescent="0.2">
      <c r="A3563" s="53">
        <f t="shared" si="826"/>
        <v>3551</v>
      </c>
      <c r="B3563" s="239">
        <v>35.441000000000003</v>
      </c>
      <c r="C3563" s="3">
        <f t="shared" si="827"/>
        <v>35.434000000000005</v>
      </c>
      <c r="D3563" s="239">
        <v>3.6516000000000002</v>
      </c>
      <c r="E3563" s="239">
        <v>0.1409</v>
      </c>
      <c r="F3563" s="239">
        <v>0.30709999999999998</v>
      </c>
      <c r="G3563">
        <f t="shared" si="828"/>
        <v>3.7130200000000002</v>
      </c>
      <c r="H3563" s="235">
        <f t="shared" si="829"/>
        <v>3.7947546740927867</v>
      </c>
      <c r="I3563" s="236">
        <f t="shared" si="830"/>
        <v>19.559257295462285</v>
      </c>
      <c r="J3563" s="237">
        <f t="shared" si="835"/>
        <v>9.5592572954622845</v>
      </c>
      <c r="K3563" s="237">
        <f t="shared" si="831"/>
        <v>693.06272300741068</v>
      </c>
      <c r="L3563" s="237">
        <f t="shared" si="836"/>
        <v>338.78963780847886</v>
      </c>
      <c r="M3563" s="236">
        <f t="shared" si="832"/>
        <v>8.9139599915975047</v>
      </c>
      <c r="N3563" s="236">
        <f t="shared" si="833"/>
        <v>4.6656289171188083</v>
      </c>
      <c r="O3563" s="236">
        <f t="shared" si="837"/>
        <v>3.1492896812274296</v>
      </c>
      <c r="P3563" s="236" t="str">
        <f t="shared" si="838"/>
        <v>CLAY</v>
      </c>
      <c r="Q3563" s="236">
        <f t="shared" si="834"/>
        <v>251.66310641604915</v>
      </c>
      <c r="R3563" s="238">
        <v>35</v>
      </c>
      <c r="S3563" s="236">
        <f t="shared" si="839"/>
        <v>3.8505995817380865</v>
      </c>
      <c r="T3563" s="236" t="e">
        <f t="shared" si="825"/>
        <v>#N/A</v>
      </c>
    </row>
    <row r="3564" spans="1:20" x14ac:dyDescent="0.2">
      <c r="A3564" s="53">
        <f t="shared" si="826"/>
        <v>3552</v>
      </c>
      <c r="B3564" s="239">
        <v>35.451999999999998</v>
      </c>
      <c r="C3564" s="3">
        <f t="shared" si="827"/>
        <v>35.445</v>
      </c>
      <c r="D3564" s="239">
        <v>3.3429000000000002</v>
      </c>
      <c r="E3564" s="239">
        <v>0.1525</v>
      </c>
      <c r="F3564" s="239">
        <v>0.32790000000000002</v>
      </c>
      <c r="G3564">
        <f t="shared" si="828"/>
        <v>3.4084800000000004</v>
      </c>
      <c r="H3564" s="235">
        <f t="shared" si="829"/>
        <v>4.4741350983429555</v>
      </c>
      <c r="I3564" s="236">
        <f t="shared" si="830"/>
        <v>19.618576307347958</v>
      </c>
      <c r="J3564" s="237">
        <f t="shared" si="835"/>
        <v>9.6185763073479578</v>
      </c>
      <c r="K3564" s="237">
        <f t="shared" si="831"/>
        <v>695.38043721394831</v>
      </c>
      <c r="L3564" s="237">
        <f t="shared" si="836"/>
        <v>340.99776724809976</v>
      </c>
      <c r="M3564" s="236">
        <f t="shared" si="832"/>
        <v>7.9563557986937843</v>
      </c>
      <c r="N3564" s="236">
        <f t="shared" si="833"/>
        <v>5.6208773939500922</v>
      </c>
      <c r="O3564" s="236">
        <f t="shared" si="837"/>
        <v>3.2374925147988409</v>
      </c>
      <c r="P3564" s="236" t="str">
        <f t="shared" si="838"/>
        <v>CLAY</v>
      </c>
      <c r="Q3564" s="236">
        <f t="shared" si="834"/>
        <v>226.09163023217101</v>
      </c>
      <c r="R3564" s="238">
        <v>35</v>
      </c>
      <c r="S3564" s="236">
        <f t="shared" si="839"/>
        <v>3.3406636667554395</v>
      </c>
      <c r="T3564" s="236" t="e">
        <f t="shared" si="825"/>
        <v>#N/A</v>
      </c>
    </row>
    <row r="3565" spans="1:20" x14ac:dyDescent="0.2">
      <c r="A3565" s="53">
        <f t="shared" si="826"/>
        <v>3553</v>
      </c>
      <c r="B3565" s="239">
        <v>35.460999999999999</v>
      </c>
      <c r="C3565" s="3">
        <f t="shared" si="827"/>
        <v>35.454000000000001</v>
      </c>
      <c r="D3565" s="239">
        <v>3.0699000000000001</v>
      </c>
      <c r="E3565" s="239">
        <v>0.15559999999999999</v>
      </c>
      <c r="F3565" s="239">
        <v>0.34370000000000001</v>
      </c>
      <c r="G3565">
        <f t="shared" si="828"/>
        <v>3.1386400000000001</v>
      </c>
      <c r="H3565" s="235">
        <f t="shared" si="829"/>
        <v>4.9575612367139898</v>
      </c>
      <c r="I3565" s="236">
        <f t="shared" si="830"/>
        <v>19.609936309279032</v>
      </c>
      <c r="J3565" s="237">
        <f t="shared" si="835"/>
        <v>9.609936309279032</v>
      </c>
      <c r="K3565" s="237">
        <f t="shared" si="831"/>
        <v>695.25068190917887</v>
      </c>
      <c r="L3565" s="237">
        <f t="shared" si="836"/>
        <v>340.77795146334375</v>
      </c>
      <c r="M3565" s="236">
        <f t="shared" si="832"/>
        <v>7.1700334707647517</v>
      </c>
      <c r="N3565" s="236">
        <f t="shared" si="833"/>
        <v>6.3682033332936232</v>
      </c>
      <c r="O3565" s="236">
        <f t="shared" si="837"/>
        <v>3.3063792861542805</v>
      </c>
      <c r="P3565" s="236" t="str">
        <f t="shared" si="838"/>
        <v>CLAY</v>
      </c>
      <c r="Q3565" s="236">
        <f t="shared" si="834"/>
        <v>203.6157765075684</v>
      </c>
      <c r="R3565" s="238">
        <v>35</v>
      </c>
      <c r="S3565" s="236">
        <f t="shared" si="839"/>
        <v>2.9331987243616493</v>
      </c>
      <c r="T3565" s="236" t="e">
        <f t="shared" si="825"/>
        <v>#N/A</v>
      </c>
    </row>
    <row r="3566" spans="1:20" x14ac:dyDescent="0.2">
      <c r="A3566" s="53">
        <f t="shared" si="826"/>
        <v>3554</v>
      </c>
      <c r="B3566" s="239">
        <v>35.470999999999997</v>
      </c>
      <c r="C3566" s="3">
        <f t="shared" si="827"/>
        <v>35.463999999999999</v>
      </c>
      <c r="D3566" s="239">
        <v>2.7913999999999999</v>
      </c>
      <c r="E3566" s="239">
        <v>0.16059999999999999</v>
      </c>
      <c r="F3566" s="239">
        <v>0.39269999999999999</v>
      </c>
      <c r="G3566">
        <f t="shared" si="828"/>
        <v>2.8699399999999997</v>
      </c>
      <c r="H3566" s="235">
        <f t="shared" si="829"/>
        <v>5.595935803535963</v>
      </c>
      <c r="I3566" s="236">
        <f t="shared" si="830"/>
        <v>19.612041550508419</v>
      </c>
      <c r="J3566" s="237">
        <f t="shared" si="835"/>
        <v>9.6120415505084189</v>
      </c>
      <c r="K3566" s="237">
        <f t="shared" si="831"/>
        <v>695.52144154723055</v>
      </c>
      <c r="L3566" s="237">
        <f t="shared" si="836"/>
        <v>340.9487258380841</v>
      </c>
      <c r="M3566" s="236">
        <f t="shared" si="832"/>
        <v>6.3775529681415977</v>
      </c>
      <c r="N3566" s="236">
        <f t="shared" si="833"/>
        <v>7.3858825098640004</v>
      </c>
      <c r="O3566" s="236">
        <f t="shared" si="837"/>
        <v>3.3860734585419028</v>
      </c>
      <c r="P3566" s="236" t="str">
        <f t="shared" si="838"/>
        <v>CLAY</v>
      </c>
      <c r="Q3566" s="236">
        <f t="shared" si="834"/>
        <v>181.20154653773076</v>
      </c>
      <c r="R3566" s="238">
        <v>35</v>
      </c>
      <c r="S3566" s="236">
        <f t="shared" si="839"/>
        <v>2.533714060744269</v>
      </c>
      <c r="T3566" s="236" t="e">
        <f t="shared" si="825"/>
        <v>#N/A</v>
      </c>
    </row>
    <row r="3567" spans="1:20" x14ac:dyDescent="0.2">
      <c r="A3567" s="53">
        <f t="shared" si="826"/>
        <v>3555</v>
      </c>
      <c r="B3567" s="239">
        <v>35.479999999999997</v>
      </c>
      <c r="C3567" s="3">
        <f t="shared" si="827"/>
        <v>35.472999999999999</v>
      </c>
      <c r="D3567" s="239">
        <v>2.6009000000000002</v>
      </c>
      <c r="E3567" s="239">
        <v>0.16420000000000001</v>
      </c>
      <c r="F3567" s="239">
        <v>0.45950000000000002</v>
      </c>
      <c r="G3567">
        <f t="shared" si="828"/>
        <v>2.6928000000000001</v>
      </c>
      <c r="H3567" s="235">
        <f t="shared" si="829"/>
        <v>6.0977421271538921</v>
      </c>
      <c r="I3567" s="236">
        <f t="shared" si="830"/>
        <v>19.613134255666299</v>
      </c>
      <c r="J3567" s="237">
        <f t="shared" si="835"/>
        <v>9.6131342556662993</v>
      </c>
      <c r="K3567" s="237">
        <f t="shared" si="831"/>
        <v>695.73671145125059</v>
      </c>
      <c r="L3567" s="237">
        <f t="shared" si="836"/>
        <v>341.07400339104026</v>
      </c>
      <c r="M3567" s="236">
        <f t="shared" si="832"/>
        <v>5.8552198897994661</v>
      </c>
      <c r="N3567" s="236">
        <f t="shared" si="833"/>
        <v>8.2220729278601326</v>
      </c>
      <c r="O3567" s="236">
        <f t="shared" si="837"/>
        <v>3.4440409348790171</v>
      </c>
      <c r="P3567" s="236" t="str">
        <f t="shared" si="838"/>
        <v>CLAY</v>
      </c>
      <c r="Q3567" s="236">
        <f t="shared" si="834"/>
        <v>166.42194071239581</v>
      </c>
      <c r="R3567" s="238">
        <v>35</v>
      </c>
      <c r="S3567" s="236">
        <f t="shared" si="839"/>
        <v>2.2770314048400211</v>
      </c>
      <c r="T3567" s="236" t="e">
        <f t="shared" si="825"/>
        <v>#N/A</v>
      </c>
    </row>
    <row r="3568" spans="1:20" x14ac:dyDescent="0.2">
      <c r="A3568" s="53">
        <f t="shared" si="826"/>
        <v>3556</v>
      </c>
      <c r="B3568" s="239">
        <v>35.491</v>
      </c>
      <c r="C3568" s="3">
        <f t="shared" si="827"/>
        <v>35.484000000000002</v>
      </c>
      <c r="D3568" s="239">
        <v>2.5520999999999998</v>
      </c>
      <c r="E3568" s="239">
        <v>0.16009999999999999</v>
      </c>
      <c r="F3568" s="239">
        <v>0.48520000000000002</v>
      </c>
      <c r="G3568">
        <f t="shared" si="828"/>
        <v>2.6491399999999996</v>
      </c>
      <c r="H3568" s="235">
        <f t="shared" si="829"/>
        <v>6.0434707112496895</v>
      </c>
      <c r="I3568" s="236">
        <f t="shared" si="830"/>
        <v>19.577094069754928</v>
      </c>
      <c r="J3568" s="237">
        <f t="shared" si="835"/>
        <v>9.5770940697549278</v>
      </c>
      <c r="K3568" s="237">
        <f t="shared" si="831"/>
        <v>694.67360597118386</v>
      </c>
      <c r="L3568" s="237">
        <f t="shared" si="836"/>
        <v>339.90064562967211</v>
      </c>
      <c r="M3568" s="236">
        <f t="shared" si="832"/>
        <v>5.750110860802077</v>
      </c>
      <c r="N3568" s="236">
        <f t="shared" si="833"/>
        <v>8.1914941330855946</v>
      </c>
      <c r="O3568" s="236">
        <f t="shared" si="837"/>
        <v>3.4492163204336279</v>
      </c>
      <c r="P3568" s="236" t="str">
        <f t="shared" si="838"/>
        <v>CLAY</v>
      </c>
      <c r="Q3568" s="236">
        <f t="shared" si="834"/>
        <v>162.87219950240129</v>
      </c>
      <c r="R3568" s="238">
        <v>35</v>
      </c>
      <c r="S3568" s="236">
        <f t="shared" si="839"/>
        <v>2.2260518763777775</v>
      </c>
      <c r="T3568" s="236" t="e">
        <f t="shared" si="825"/>
        <v>#N/A</v>
      </c>
    </row>
    <row r="3569" spans="1:20" x14ac:dyDescent="0.2">
      <c r="A3569" s="53">
        <f t="shared" si="826"/>
        <v>3557</v>
      </c>
      <c r="B3569" s="239">
        <v>35.500999999999998</v>
      </c>
      <c r="C3569" s="3">
        <f t="shared" si="827"/>
        <v>35.494</v>
      </c>
      <c r="D3569" s="239">
        <v>2.5236000000000001</v>
      </c>
      <c r="E3569" s="239">
        <v>0.15429999999999999</v>
      </c>
      <c r="F3569" s="239">
        <v>0.52249999999999996</v>
      </c>
      <c r="G3569">
        <f t="shared" si="828"/>
        <v>2.6280999999999999</v>
      </c>
      <c r="H3569" s="235">
        <f t="shared" si="829"/>
        <v>5.8711616757353227</v>
      </c>
      <c r="I3569" s="236">
        <f t="shared" si="830"/>
        <v>19.530708752367683</v>
      </c>
      <c r="J3569" s="237">
        <f t="shared" si="835"/>
        <v>9.5307087523676834</v>
      </c>
      <c r="K3569" s="237">
        <f t="shared" si="831"/>
        <v>693.2229764565385</v>
      </c>
      <c r="L3569" s="237">
        <f t="shared" si="836"/>
        <v>338.3496914178051</v>
      </c>
      <c r="M3569" s="236">
        <f t="shared" si="832"/>
        <v>5.7185718581141334</v>
      </c>
      <c r="N3569" s="236">
        <f t="shared" si="833"/>
        <v>7.9746670265080075</v>
      </c>
      <c r="O3569" s="236">
        <f t="shared" si="837"/>
        <v>3.4439037211136552</v>
      </c>
      <c r="P3569" s="236" t="str">
        <f t="shared" si="838"/>
        <v>CLAY</v>
      </c>
      <c r="Q3569" s="236">
        <f t="shared" si="834"/>
        <v>161.23975196195511</v>
      </c>
      <c r="R3569" s="238">
        <v>35</v>
      </c>
      <c r="S3569" s="236">
        <f t="shared" si="839"/>
        <v>2.2108001585843242</v>
      </c>
      <c r="T3569" s="236" t="e">
        <f t="shared" si="825"/>
        <v>#N/A</v>
      </c>
    </row>
    <row r="3570" spans="1:20" x14ac:dyDescent="0.2">
      <c r="A3570" s="53">
        <f t="shared" si="826"/>
        <v>3558</v>
      </c>
      <c r="B3570" s="239">
        <v>35.51</v>
      </c>
      <c r="C3570" s="3">
        <f t="shared" si="827"/>
        <v>35.503</v>
      </c>
      <c r="D3570" s="239">
        <v>2.6720000000000002</v>
      </c>
      <c r="E3570" s="239">
        <v>0.14729999999999999</v>
      </c>
      <c r="F3570" s="239">
        <v>0.53690000000000004</v>
      </c>
      <c r="G3570">
        <f t="shared" si="828"/>
        <v>2.7793800000000002</v>
      </c>
      <c r="H3570" s="235">
        <f t="shared" si="829"/>
        <v>5.2997431081752042</v>
      </c>
      <c r="I3570" s="236">
        <f t="shared" si="830"/>
        <v>19.498143606123413</v>
      </c>
      <c r="J3570" s="237">
        <f t="shared" si="835"/>
        <v>9.4981436061234135</v>
      </c>
      <c r="K3570" s="237">
        <f t="shared" si="831"/>
        <v>692.2425924481995</v>
      </c>
      <c r="L3570" s="237">
        <f t="shared" si="836"/>
        <v>337.27907945344242</v>
      </c>
      <c r="M3570" s="236">
        <f t="shared" si="832"/>
        <v>6.1881614802020541</v>
      </c>
      <c r="N3570" s="236">
        <f t="shared" si="833"/>
        <v>7.0575132939034422</v>
      </c>
      <c r="O3570" s="236">
        <f t="shared" si="837"/>
        <v>3.3842801205878423</v>
      </c>
      <c r="P3570" s="236" t="str">
        <f t="shared" si="838"/>
        <v>CLAY</v>
      </c>
      <c r="Q3570" s="236">
        <f t="shared" si="834"/>
        <v>173.92811729598338</v>
      </c>
      <c r="R3570" s="238">
        <v>35</v>
      </c>
      <c r="S3570" s="236">
        <f t="shared" si="839"/>
        <v>2.44001252861483</v>
      </c>
      <c r="T3570" s="236" t="e">
        <f t="shared" si="825"/>
        <v>#N/A</v>
      </c>
    </row>
    <row r="3571" spans="1:20" x14ac:dyDescent="0.2">
      <c r="A3571" s="53">
        <f t="shared" si="826"/>
        <v>3559</v>
      </c>
      <c r="B3571" s="239">
        <v>35.518999999999998</v>
      </c>
      <c r="C3571" s="3">
        <f t="shared" si="827"/>
        <v>35.512</v>
      </c>
      <c r="D3571" s="239">
        <v>3.0611000000000002</v>
      </c>
      <c r="E3571" s="239">
        <v>0.13900000000000001</v>
      </c>
      <c r="F3571" s="239">
        <v>0.57269999999999999</v>
      </c>
      <c r="G3571">
        <f t="shared" si="828"/>
        <v>3.17564</v>
      </c>
      <c r="H3571" s="235">
        <f t="shared" si="829"/>
        <v>4.3770704487914252</v>
      </c>
      <c r="I3571" s="236">
        <f t="shared" si="830"/>
        <v>19.482231152336141</v>
      </c>
      <c r="J3571" s="237">
        <f t="shared" si="835"/>
        <v>9.4822311523361407</v>
      </c>
      <c r="K3571" s="237">
        <f t="shared" si="831"/>
        <v>691.85299268176107</v>
      </c>
      <c r="L3571" s="237">
        <f t="shared" si="836"/>
        <v>336.79936829982739</v>
      </c>
      <c r="M3571" s="236">
        <f t="shared" si="832"/>
        <v>7.3746783429448373</v>
      </c>
      <c r="N3571" s="236">
        <f t="shared" si="833"/>
        <v>5.5962930633927108</v>
      </c>
      <c r="O3571" s="236">
        <f t="shared" si="837"/>
        <v>3.2625715688703267</v>
      </c>
      <c r="P3571" s="236" t="str">
        <f t="shared" si="838"/>
        <v>CLAY</v>
      </c>
      <c r="Q3571" s="236">
        <f t="shared" si="834"/>
        <v>206.98225060985325</v>
      </c>
      <c r="R3571" s="238">
        <v>35</v>
      </c>
      <c r="S3571" s="236">
        <f t="shared" si="839"/>
        <v>3.0382175077908742</v>
      </c>
      <c r="T3571" s="236" t="e">
        <f t="shared" si="825"/>
        <v>#N/A</v>
      </c>
    </row>
    <row r="3572" spans="1:20" x14ac:dyDescent="0.2">
      <c r="A3572" s="53">
        <f t="shared" si="826"/>
        <v>3560</v>
      </c>
      <c r="B3572" s="239">
        <v>35.53</v>
      </c>
      <c r="C3572" s="3">
        <f t="shared" si="827"/>
        <v>35.523000000000003</v>
      </c>
      <c r="D3572" s="239">
        <v>3.4226000000000001</v>
      </c>
      <c r="E3572" s="239">
        <v>0.13150000000000001</v>
      </c>
      <c r="F3572" s="239">
        <v>0.62760000000000005</v>
      </c>
      <c r="G3572">
        <f t="shared" si="828"/>
        <v>3.5481199999999999</v>
      </c>
      <c r="H3572" s="235">
        <f t="shared" si="829"/>
        <v>3.7061880657925892</v>
      </c>
      <c r="I3572" s="236">
        <f t="shared" si="830"/>
        <v>19.460541056619185</v>
      </c>
      <c r="J3572" s="237">
        <f t="shared" si="835"/>
        <v>9.460541056619185</v>
      </c>
      <c r="K3572" s="237">
        <f t="shared" si="831"/>
        <v>691.29679995428341</v>
      </c>
      <c r="L3572" s="237">
        <f t="shared" si="836"/>
        <v>336.13302374167966</v>
      </c>
      <c r="M3572" s="236">
        <f t="shared" si="832"/>
        <v>8.4990851783762942</v>
      </c>
      <c r="N3572" s="236">
        <f t="shared" si="833"/>
        <v>4.603014985242897</v>
      </c>
      <c r="O3572" s="236">
        <f t="shared" si="837"/>
        <v>3.162378590319598</v>
      </c>
      <c r="P3572" s="236" t="str">
        <f t="shared" si="838"/>
        <v>CLAY</v>
      </c>
      <c r="Q3572" s="236">
        <f t="shared" si="834"/>
        <v>238.06860000380971</v>
      </c>
      <c r="R3572" s="238">
        <v>35</v>
      </c>
      <c r="S3572" s="236">
        <f t="shared" si="839"/>
        <v>3.6278994011839454</v>
      </c>
      <c r="T3572" s="236" t="e">
        <f t="shared" si="825"/>
        <v>#N/A</v>
      </c>
    </row>
    <row r="3573" spans="1:20" x14ac:dyDescent="0.2">
      <c r="A3573" s="53">
        <f t="shared" si="826"/>
        <v>3561</v>
      </c>
      <c r="B3573" s="239">
        <v>35.539000000000001</v>
      </c>
      <c r="C3573" s="3">
        <f t="shared" si="827"/>
        <v>35.532000000000004</v>
      </c>
      <c r="D3573" s="239">
        <v>3.7932000000000001</v>
      </c>
      <c r="E3573" s="239">
        <v>0.129</v>
      </c>
      <c r="F3573" s="239">
        <v>0.66090000000000004</v>
      </c>
      <c r="G3573">
        <f t="shared" si="828"/>
        <v>3.9253800000000001</v>
      </c>
      <c r="H3573" s="235">
        <f t="shared" si="829"/>
        <v>3.2863060391605399</v>
      </c>
      <c r="I3573" s="236">
        <f t="shared" si="830"/>
        <v>19.477528807042162</v>
      </c>
      <c r="J3573" s="237">
        <f t="shared" si="835"/>
        <v>9.4775288070421624</v>
      </c>
      <c r="K3573" s="237">
        <f t="shared" si="831"/>
        <v>692.07555357182218</v>
      </c>
      <c r="L3573" s="237">
        <f t="shared" si="836"/>
        <v>336.8218962734714</v>
      </c>
      <c r="M3573" s="236">
        <f t="shared" si="832"/>
        <v>9.5994484984521407</v>
      </c>
      <c r="N3573" s="236">
        <f t="shared" si="833"/>
        <v>3.9897263662413827</v>
      </c>
      <c r="O3573" s="236">
        <f t="shared" si="837"/>
        <v>3.082977841229126</v>
      </c>
      <c r="P3573" s="236" t="str">
        <f t="shared" si="838"/>
        <v>CLAY</v>
      </c>
      <c r="Q3573" s="236">
        <f t="shared" si="834"/>
        <v>269.44203720234816</v>
      </c>
      <c r="R3573" s="238">
        <v>35</v>
      </c>
      <c r="S3573" s="236">
        <f t="shared" si="839"/>
        <v>4.2242329744210743</v>
      </c>
      <c r="T3573" s="236" t="e">
        <f t="shared" si="825"/>
        <v>#N/A</v>
      </c>
    </row>
    <row r="3574" spans="1:20" x14ac:dyDescent="0.2">
      <c r="A3574" s="53">
        <f t="shared" si="826"/>
        <v>3562</v>
      </c>
      <c r="B3574" s="239">
        <v>35.548999999999999</v>
      </c>
      <c r="C3574" s="3">
        <f t="shared" si="827"/>
        <v>35.542000000000002</v>
      </c>
      <c r="D3574" s="239">
        <v>4.3465999999999996</v>
      </c>
      <c r="E3574" s="239">
        <v>0.12239999999999999</v>
      </c>
      <c r="F3574" s="239">
        <v>0.66579999999999995</v>
      </c>
      <c r="G3574">
        <f t="shared" si="828"/>
        <v>4.4797599999999997</v>
      </c>
      <c r="H3574" s="235">
        <f t="shared" si="829"/>
        <v>2.7322892297801666</v>
      </c>
      <c r="I3574" s="236">
        <f t="shared" si="830"/>
        <v>19.467582155307454</v>
      </c>
      <c r="J3574" s="237">
        <f t="shared" si="835"/>
        <v>9.4675821553074542</v>
      </c>
      <c r="K3574" s="237">
        <f t="shared" si="831"/>
        <v>691.91680496393758</v>
      </c>
      <c r="L3574" s="237">
        <f t="shared" si="836"/>
        <v>336.56307803902467</v>
      </c>
      <c r="M3574" s="236">
        <f t="shared" si="832"/>
        <v>11.254482271513037</v>
      </c>
      <c r="N3574" s="236">
        <f t="shared" si="833"/>
        <v>3.2313903637934169</v>
      </c>
      <c r="O3574" s="236">
        <f t="shared" si="837"/>
        <v>2.9733439119434597</v>
      </c>
      <c r="P3574" s="236" t="str">
        <f t="shared" si="838"/>
        <v>CLAY</v>
      </c>
      <c r="Q3574" s="236">
        <f t="shared" si="834"/>
        <v>315.65359958633849</v>
      </c>
      <c r="R3574" s="238">
        <v>35</v>
      </c>
      <c r="S3574" s="236">
        <f t="shared" si="839"/>
        <v>5.1534362782903536</v>
      </c>
      <c r="T3574" s="236" t="e">
        <f t="shared" si="825"/>
        <v>#N/A</v>
      </c>
    </row>
    <row r="3575" spans="1:20" x14ac:dyDescent="0.2">
      <c r="A3575" s="53">
        <f t="shared" si="826"/>
        <v>3563</v>
      </c>
      <c r="B3575" s="239">
        <v>35.558999999999997</v>
      </c>
      <c r="C3575" s="3">
        <f t="shared" si="827"/>
        <v>35.552</v>
      </c>
      <c r="D3575" s="239">
        <v>4.8282999999999996</v>
      </c>
      <c r="E3575" s="239">
        <v>0.1167</v>
      </c>
      <c r="F3575" s="239">
        <v>0.61529999999999996</v>
      </c>
      <c r="G3575">
        <f t="shared" si="828"/>
        <v>4.9513599999999993</v>
      </c>
      <c r="H3575" s="235">
        <f t="shared" si="829"/>
        <v>2.356928197505332</v>
      </c>
      <c r="I3575" s="236">
        <f t="shared" si="830"/>
        <v>19.450786419176428</v>
      </c>
      <c r="J3575" s="237">
        <f t="shared" si="835"/>
        <v>9.4507864191764277</v>
      </c>
      <c r="K3575" s="237">
        <f t="shared" si="831"/>
        <v>691.51435877456038</v>
      </c>
      <c r="L3575" s="237">
        <f t="shared" si="836"/>
        <v>336.06051427949456</v>
      </c>
      <c r="M3575" s="236">
        <f t="shared" si="832"/>
        <v>12.675829085004059</v>
      </c>
      <c r="N3575" s="236">
        <f t="shared" si="833"/>
        <v>2.7395358853056622</v>
      </c>
      <c r="O3575" s="236">
        <f t="shared" si="837"/>
        <v>2.8897567125720109</v>
      </c>
      <c r="P3575" s="236" t="str">
        <f t="shared" si="838"/>
        <v>CLAY</v>
      </c>
      <c r="Q3575" s="236">
        <f t="shared" si="834"/>
        <v>354.98713676878657</v>
      </c>
      <c r="R3575" s="238">
        <v>35</v>
      </c>
      <c r="S3575" s="236">
        <f t="shared" si="839"/>
        <v>5.9794395142732721</v>
      </c>
      <c r="T3575" s="236" t="e">
        <f t="shared" si="825"/>
        <v>#N/A</v>
      </c>
    </row>
    <row r="3576" spans="1:20" x14ac:dyDescent="0.2">
      <c r="A3576" s="53">
        <f t="shared" si="826"/>
        <v>3564</v>
      </c>
      <c r="B3576" s="239">
        <v>35.569000000000003</v>
      </c>
      <c r="C3576" s="3">
        <f t="shared" si="827"/>
        <v>35.562000000000005</v>
      </c>
      <c r="D3576" s="239">
        <v>5.1078000000000001</v>
      </c>
      <c r="E3576" s="239">
        <v>0.11119999999999999</v>
      </c>
      <c r="F3576" s="239">
        <v>0.46400000000000002</v>
      </c>
      <c r="G3576">
        <f t="shared" si="828"/>
        <v>5.2005999999999997</v>
      </c>
      <c r="H3576" s="235">
        <f t="shared" si="829"/>
        <v>2.1382148213667653</v>
      </c>
      <c r="I3576" s="236">
        <f t="shared" si="830"/>
        <v>19.413374086427979</v>
      </c>
      <c r="J3576" s="237">
        <f t="shared" si="835"/>
        <v>9.4133740864279787</v>
      </c>
      <c r="K3576" s="237">
        <f t="shared" si="831"/>
        <v>690.37840926155184</v>
      </c>
      <c r="L3576" s="237">
        <f t="shared" si="836"/>
        <v>334.82430288015678</v>
      </c>
      <c r="M3576" s="236">
        <f t="shared" si="832"/>
        <v>13.470412846204852</v>
      </c>
      <c r="N3576" s="236">
        <f t="shared" si="833"/>
        <v>2.4655107906082607</v>
      </c>
      <c r="O3576" s="236">
        <f t="shared" si="837"/>
        <v>2.8419608759437991</v>
      </c>
      <c r="P3576" s="236" t="str">
        <f t="shared" si="838"/>
        <v>CLAY</v>
      </c>
      <c r="Q3576" s="236">
        <f t="shared" si="834"/>
        <v>375.85179922820402</v>
      </c>
      <c r="R3576" s="238">
        <v>35</v>
      </c>
      <c r="S3576" s="236">
        <f t="shared" si="839"/>
        <v>6.4515808123080731</v>
      </c>
      <c r="T3576" s="236" t="e">
        <f t="shared" si="825"/>
        <v>#N/A</v>
      </c>
    </row>
    <row r="3577" spans="1:20" x14ac:dyDescent="0.2">
      <c r="A3577" s="53">
        <f t="shared" si="826"/>
        <v>3565</v>
      </c>
      <c r="B3577" s="239">
        <v>35.578000000000003</v>
      </c>
      <c r="C3577" s="3">
        <f t="shared" si="827"/>
        <v>35.571000000000005</v>
      </c>
      <c r="D3577" s="239">
        <v>5.4053000000000004</v>
      </c>
      <c r="E3577" s="239">
        <v>0.1026</v>
      </c>
      <c r="F3577" s="239">
        <v>0.34360000000000002</v>
      </c>
      <c r="G3577">
        <f t="shared" si="828"/>
        <v>5.4740200000000003</v>
      </c>
      <c r="H3577" s="235">
        <f t="shared" si="829"/>
        <v>1.8743080953303057</v>
      </c>
      <c r="I3577" s="236">
        <f t="shared" si="830"/>
        <v>19.339016670319534</v>
      </c>
      <c r="J3577" s="237">
        <f t="shared" si="835"/>
        <v>9.3390166703195341</v>
      </c>
      <c r="K3577" s="237">
        <f t="shared" si="831"/>
        <v>687.90816197993627</v>
      </c>
      <c r="L3577" s="237">
        <f t="shared" si="836"/>
        <v>332.2635350966284</v>
      </c>
      <c r="M3577" s="236">
        <f t="shared" si="832"/>
        <v>14.404565450217623</v>
      </c>
      <c r="N3577" s="236">
        <f t="shared" si="833"/>
        <v>2.1437025182939293</v>
      </c>
      <c r="O3577" s="236">
        <f t="shared" si="837"/>
        <v>2.7837282315157292</v>
      </c>
      <c r="P3577" s="236" t="str">
        <f t="shared" si="838"/>
        <v>CLAY</v>
      </c>
      <c r="Q3577" s="236">
        <f t="shared" si="834"/>
        <v>398.8426531683387</v>
      </c>
      <c r="R3577" s="238">
        <v>35</v>
      </c>
      <c r="S3577" s="236">
        <f t="shared" si="839"/>
        <v>7.0156063129060762</v>
      </c>
      <c r="T3577" s="236" t="e">
        <f t="shared" si="825"/>
        <v>#N/A</v>
      </c>
    </row>
    <row r="3578" spans="1:20" x14ac:dyDescent="0.2">
      <c r="A3578" s="53">
        <f t="shared" si="826"/>
        <v>3566</v>
      </c>
      <c r="B3578" s="239">
        <v>35.588000000000001</v>
      </c>
      <c r="C3578" s="3">
        <f t="shared" si="827"/>
        <v>35.581000000000003</v>
      </c>
      <c r="D3578" s="239">
        <v>5.6558999999999999</v>
      </c>
      <c r="E3578" s="239">
        <v>8.8999999999999996E-2</v>
      </c>
      <c r="F3578" s="239">
        <v>0.24030000000000001</v>
      </c>
      <c r="G3578">
        <f t="shared" si="828"/>
        <v>5.7039600000000004</v>
      </c>
      <c r="H3578" s="235">
        <f t="shared" si="829"/>
        <v>1.5603194973316783</v>
      </c>
      <c r="I3578" s="236">
        <f t="shared" si="830"/>
        <v>19.188354896484551</v>
      </c>
      <c r="J3578" s="237">
        <f t="shared" si="835"/>
        <v>9.1883548964845509</v>
      </c>
      <c r="K3578" s="237">
        <f t="shared" si="831"/>
        <v>682.74085557181684</v>
      </c>
      <c r="L3578" s="237">
        <f t="shared" si="836"/>
        <v>326.9951740560922</v>
      </c>
      <c r="M3578" s="236">
        <f t="shared" si="832"/>
        <v>15.355636849756236</v>
      </c>
      <c r="N3578" s="236">
        <f t="shared" si="833"/>
        <v>1.7724779070588708</v>
      </c>
      <c r="O3578" s="236">
        <f t="shared" si="837"/>
        <v>2.7151726036584725</v>
      </c>
      <c r="P3578" s="236" t="str">
        <f t="shared" si="838"/>
        <v>CLAY</v>
      </c>
      <c r="Q3578" s="236">
        <f t="shared" si="834"/>
        <v>418.4349287023486</v>
      </c>
      <c r="R3578" s="238">
        <v>35</v>
      </c>
      <c r="S3578" s="236">
        <f t="shared" si="839"/>
        <v>7.5993211733961354</v>
      </c>
      <c r="T3578" s="236" t="e">
        <f t="shared" si="825"/>
        <v>#N/A</v>
      </c>
    </row>
    <row r="3579" spans="1:20" x14ac:dyDescent="0.2">
      <c r="A3579" s="53">
        <f t="shared" si="826"/>
        <v>3567</v>
      </c>
      <c r="B3579" s="239">
        <v>35.597999999999999</v>
      </c>
      <c r="C3579" s="3">
        <f t="shared" si="827"/>
        <v>35.591000000000001</v>
      </c>
      <c r="D3579" s="239">
        <v>5.6271000000000004</v>
      </c>
      <c r="E3579" s="239">
        <v>7.8E-2</v>
      </c>
      <c r="F3579" s="239">
        <v>0.19789999999999999</v>
      </c>
      <c r="G3579">
        <f t="shared" si="828"/>
        <v>5.6666800000000004</v>
      </c>
      <c r="H3579" s="235">
        <f t="shared" si="829"/>
        <v>1.3764673494885895</v>
      </c>
      <c r="I3579" s="236">
        <f t="shared" si="830"/>
        <v>19.031094301320884</v>
      </c>
      <c r="J3579" s="237">
        <f t="shared" si="835"/>
        <v>9.0310943013208842</v>
      </c>
      <c r="K3579" s="237">
        <f t="shared" si="831"/>
        <v>677.33567727831166</v>
      </c>
      <c r="L3579" s="237">
        <f t="shared" si="836"/>
        <v>321.4888949384208</v>
      </c>
      <c r="M3579" s="236">
        <f t="shared" si="832"/>
        <v>15.519491967762576</v>
      </c>
      <c r="N3579" s="236">
        <f t="shared" si="833"/>
        <v>1.5633316715542089</v>
      </c>
      <c r="O3579" s="236">
        <f t="shared" si="837"/>
        <v>2.6821521127192831</v>
      </c>
      <c r="P3579" s="236" t="str">
        <f t="shared" si="838"/>
        <v>CLAY</v>
      </c>
      <c r="Q3579" s="236">
        <f t="shared" si="834"/>
        <v>415.77869356014071</v>
      </c>
      <c r="R3579" s="238">
        <v>35</v>
      </c>
      <c r="S3579" s="236">
        <f t="shared" si="839"/>
        <v>7.7008184399159942</v>
      </c>
      <c r="T3579" s="236" t="e">
        <f t="shared" si="825"/>
        <v>#N/A</v>
      </c>
    </row>
    <row r="3580" spans="1:20" x14ac:dyDescent="0.2">
      <c r="A3580" s="53">
        <f t="shared" si="826"/>
        <v>3568</v>
      </c>
      <c r="B3580" s="239">
        <v>35.607999999999997</v>
      </c>
      <c r="C3580" s="3">
        <f t="shared" si="827"/>
        <v>35.600999999999999</v>
      </c>
      <c r="D3580" s="239">
        <v>5.5975000000000001</v>
      </c>
      <c r="E3580" s="239">
        <v>7.3999999999999996E-2</v>
      </c>
      <c r="F3580" s="239">
        <v>0.19189999999999999</v>
      </c>
      <c r="G3580">
        <f t="shared" si="828"/>
        <v>5.6358800000000002</v>
      </c>
      <c r="H3580" s="235">
        <f t="shared" si="829"/>
        <v>1.313015891040973</v>
      </c>
      <c r="I3580" s="236">
        <f t="shared" si="830"/>
        <v>18.967234261381542</v>
      </c>
      <c r="J3580" s="237">
        <f t="shared" si="835"/>
        <v>8.9672342613815417</v>
      </c>
      <c r="K3580" s="237">
        <f t="shared" si="831"/>
        <v>675.25250693944429</v>
      </c>
      <c r="L3580" s="237">
        <f t="shared" si="836"/>
        <v>319.30527757927393</v>
      </c>
      <c r="M3580" s="236">
        <f t="shared" si="832"/>
        <v>15.535689014187938</v>
      </c>
      <c r="N3580" s="236">
        <f t="shared" si="833"/>
        <v>1.4917467619473328</v>
      </c>
      <c r="O3580" s="236">
        <f t="shared" si="837"/>
        <v>2.6710897860859566</v>
      </c>
      <c r="P3580" s="236" t="str">
        <f t="shared" si="838"/>
        <v>CLAY</v>
      </c>
      <c r="Q3580" s="236">
        <f t="shared" si="834"/>
        <v>413.38562442171298</v>
      </c>
      <c r="R3580" s="238">
        <v>35</v>
      </c>
      <c r="S3580" s="236">
        <f t="shared" si="839"/>
        <v>7.7108660289256994</v>
      </c>
      <c r="T3580" s="236" t="e">
        <f t="shared" si="825"/>
        <v>#N/A</v>
      </c>
    </row>
    <row r="3581" spans="1:20" x14ac:dyDescent="0.2">
      <c r="A3581" s="53">
        <f t="shared" si="826"/>
        <v>3569</v>
      </c>
      <c r="B3581" s="239">
        <v>35.616999999999997</v>
      </c>
      <c r="C3581" s="3">
        <f t="shared" si="827"/>
        <v>35.61</v>
      </c>
      <c r="D3581" s="239">
        <v>5.7233000000000001</v>
      </c>
      <c r="E3581" s="239">
        <v>7.7399999999999997E-2</v>
      </c>
      <c r="F3581" s="239">
        <v>0.2462</v>
      </c>
      <c r="G3581">
        <f t="shared" si="828"/>
        <v>5.7725400000000002</v>
      </c>
      <c r="H3581" s="235">
        <f t="shared" si="829"/>
        <v>1.3408308993961064</v>
      </c>
      <c r="I3581" s="236">
        <f t="shared" si="830"/>
        <v>19.029273904109978</v>
      </c>
      <c r="J3581" s="237">
        <f t="shared" si="835"/>
        <v>9.0292739041099779</v>
      </c>
      <c r="K3581" s="237">
        <f t="shared" si="831"/>
        <v>677.63244372535632</v>
      </c>
      <c r="L3581" s="237">
        <f t="shared" si="836"/>
        <v>321.59564864268503</v>
      </c>
      <c r="M3581" s="236">
        <f t="shared" si="832"/>
        <v>15.842588597756302</v>
      </c>
      <c r="N3581" s="236">
        <f t="shared" si="833"/>
        <v>1.5191639719680068</v>
      </c>
      <c r="O3581" s="236">
        <f t="shared" si="837"/>
        <v>2.6679926790044983</v>
      </c>
      <c r="P3581" s="236" t="str">
        <f t="shared" si="838"/>
        <v>CLAY</v>
      </c>
      <c r="Q3581" s="236">
        <f t="shared" si="834"/>
        <v>424.57562968955364</v>
      </c>
      <c r="R3581" s="238">
        <v>35</v>
      </c>
      <c r="S3581" s="236">
        <f t="shared" si="839"/>
        <v>7.901739160496942</v>
      </c>
      <c r="T3581" s="236" t="e">
        <f t="shared" si="825"/>
        <v>#N/A</v>
      </c>
    </row>
    <row r="3582" spans="1:20" x14ac:dyDescent="0.2">
      <c r="A3582" s="53">
        <f t="shared" si="826"/>
        <v>3570</v>
      </c>
      <c r="B3582" s="239">
        <v>35.628</v>
      </c>
      <c r="C3582" s="3">
        <f t="shared" si="827"/>
        <v>35.621000000000002</v>
      </c>
      <c r="D3582" s="239">
        <v>5.9287999999999998</v>
      </c>
      <c r="E3582" s="239">
        <v>7.8399999999999997E-2</v>
      </c>
      <c r="F3582" s="239">
        <v>0.316</v>
      </c>
      <c r="G3582">
        <f t="shared" si="828"/>
        <v>5.992</v>
      </c>
      <c r="H3582" s="235">
        <f t="shared" si="829"/>
        <v>1.308411214953271</v>
      </c>
      <c r="I3582" s="236">
        <f t="shared" si="830"/>
        <v>19.058911047852739</v>
      </c>
      <c r="J3582" s="237">
        <f t="shared" si="835"/>
        <v>9.0589110478527388</v>
      </c>
      <c r="K3582" s="237">
        <f t="shared" si="831"/>
        <v>678.89747043556247</v>
      </c>
      <c r="L3582" s="237">
        <f t="shared" si="836"/>
        <v>322.75088281289737</v>
      </c>
      <c r="M3582" s="236">
        <f t="shared" si="832"/>
        <v>16.461930276561034</v>
      </c>
      <c r="N3582" s="236">
        <f t="shared" si="833"/>
        <v>1.475597347571366</v>
      </c>
      <c r="O3582" s="236">
        <f t="shared" si="837"/>
        <v>2.6471835423479475</v>
      </c>
      <c r="P3582" s="236" t="str">
        <f t="shared" si="838"/>
        <v>CLAY</v>
      </c>
      <c r="Q3582" s="236">
        <f t="shared" si="834"/>
        <v>442.75854413036978</v>
      </c>
      <c r="R3582" s="238">
        <v>35</v>
      </c>
      <c r="S3582" s="236">
        <f t="shared" si="839"/>
        <v>8.2897408888099857</v>
      </c>
      <c r="T3582" s="236" t="e">
        <f t="shared" si="825"/>
        <v>#N/A</v>
      </c>
    </row>
    <row r="3583" spans="1:20" x14ac:dyDescent="0.2">
      <c r="A3583" s="53">
        <f t="shared" si="826"/>
        <v>3571</v>
      </c>
      <c r="B3583" s="239">
        <v>35.637</v>
      </c>
      <c r="C3583" s="3">
        <f t="shared" si="827"/>
        <v>35.630000000000003</v>
      </c>
      <c r="D3583" s="239">
        <v>6.0698999999999996</v>
      </c>
      <c r="E3583" s="239">
        <v>8.2900000000000001E-2</v>
      </c>
      <c r="F3583" s="239">
        <v>0.3296</v>
      </c>
      <c r="G3583">
        <f t="shared" si="828"/>
        <v>6.1358199999999998</v>
      </c>
      <c r="H3583" s="235">
        <f t="shared" si="829"/>
        <v>1.3510826588785199</v>
      </c>
      <c r="I3583" s="236">
        <f t="shared" si="830"/>
        <v>19.133625636493083</v>
      </c>
      <c r="J3583" s="237">
        <f t="shared" si="835"/>
        <v>9.1336256364930826</v>
      </c>
      <c r="K3583" s="237">
        <f t="shared" si="831"/>
        <v>681.73108142824856</v>
      </c>
      <c r="L3583" s="237">
        <f t="shared" si="836"/>
        <v>325.49501680770396</v>
      </c>
      <c r="M3583" s="236">
        <f t="shared" si="832"/>
        <v>16.756290071850529</v>
      </c>
      <c r="N3583" s="236">
        <f t="shared" si="833"/>
        <v>1.5199605513895587</v>
      </c>
      <c r="O3583" s="236">
        <f t="shared" si="837"/>
        <v>2.6474234424513794</v>
      </c>
      <c r="P3583" s="236" t="str">
        <f t="shared" si="838"/>
        <v>CLAY</v>
      </c>
      <c r="Q3583" s="236">
        <f t="shared" si="834"/>
        <v>454.50740988097931</v>
      </c>
      <c r="R3583" s="238">
        <v>35</v>
      </c>
      <c r="S3583" s="236">
        <f t="shared" si="839"/>
        <v>8.4754418021110194</v>
      </c>
      <c r="T3583" s="236" t="e">
        <f t="shared" si="825"/>
        <v>#N/A</v>
      </c>
    </row>
    <row r="3584" spans="1:20" x14ac:dyDescent="0.2">
      <c r="A3584" s="53">
        <f t="shared" si="826"/>
        <v>3572</v>
      </c>
      <c r="B3584" s="239">
        <v>35.648000000000003</v>
      </c>
      <c r="C3584" s="3">
        <f t="shared" si="827"/>
        <v>35.641000000000005</v>
      </c>
      <c r="D3584" s="239">
        <v>6.5206999999999997</v>
      </c>
      <c r="E3584" s="239">
        <v>8.7999999999999995E-2</v>
      </c>
      <c r="F3584" s="239">
        <v>0.33300000000000002</v>
      </c>
      <c r="G3584">
        <f t="shared" si="828"/>
        <v>6.5872999999999999</v>
      </c>
      <c r="H3584" s="235">
        <f t="shared" si="829"/>
        <v>1.3359039363623944</v>
      </c>
      <c r="I3584" s="236">
        <f t="shared" si="830"/>
        <v>19.231382967536245</v>
      </c>
      <c r="J3584" s="237">
        <f t="shared" si="835"/>
        <v>9.2313829675362449</v>
      </c>
      <c r="K3584" s="237">
        <f t="shared" si="831"/>
        <v>685.42572034595946</v>
      </c>
      <c r="L3584" s="237">
        <f t="shared" si="836"/>
        <v>329.08034002673207</v>
      </c>
      <c r="M3584" s="236">
        <f t="shared" si="832"/>
        <v>17.934448102170478</v>
      </c>
      <c r="N3584" s="236">
        <f t="shared" si="833"/>
        <v>1.4910517545819093</v>
      </c>
      <c r="O3584" s="236">
        <f t="shared" si="837"/>
        <v>2.6179879226275391</v>
      </c>
      <c r="P3584" s="236" t="str">
        <f t="shared" si="838"/>
        <v>CLAY</v>
      </c>
      <c r="Q3584" s="236">
        <f t="shared" si="834"/>
        <v>491.82285663783676</v>
      </c>
      <c r="R3584" s="238">
        <v>35</v>
      </c>
      <c r="S3584" s="236">
        <f t="shared" si="839"/>
        <v>9.226777108656135</v>
      </c>
      <c r="T3584" s="236" t="e">
        <f t="shared" si="825"/>
        <v>#N/A</v>
      </c>
    </row>
    <row r="3585" spans="1:20" x14ac:dyDescent="0.2">
      <c r="A3585" s="53">
        <f t="shared" si="826"/>
        <v>3573</v>
      </c>
      <c r="B3585" s="239">
        <v>35.656999999999996</v>
      </c>
      <c r="C3585" s="3">
        <f t="shared" si="827"/>
        <v>35.65</v>
      </c>
      <c r="D3585" s="239">
        <v>6.8921000000000001</v>
      </c>
      <c r="E3585" s="239">
        <v>8.7499999999999994E-2</v>
      </c>
      <c r="F3585" s="239">
        <v>0.28860000000000002</v>
      </c>
      <c r="G3585">
        <f t="shared" si="828"/>
        <v>6.9498199999999999</v>
      </c>
      <c r="H3585" s="235">
        <f t="shared" si="829"/>
        <v>1.2590254136078343</v>
      </c>
      <c r="I3585" s="236">
        <f t="shared" si="830"/>
        <v>19.245640998419567</v>
      </c>
      <c r="J3585" s="237">
        <f t="shared" si="835"/>
        <v>9.2456409984195673</v>
      </c>
      <c r="K3585" s="237">
        <f t="shared" si="831"/>
        <v>686.1071015936576</v>
      </c>
      <c r="L3585" s="237">
        <f t="shared" si="836"/>
        <v>329.67182108064645</v>
      </c>
      <c r="M3585" s="236">
        <f t="shared" si="832"/>
        <v>18.999843170927466</v>
      </c>
      <c r="N3585" s="236">
        <f t="shared" si="833"/>
        <v>1.3969350354845027</v>
      </c>
      <c r="O3585" s="236">
        <f t="shared" si="837"/>
        <v>2.5817208553670365</v>
      </c>
      <c r="P3585" s="236" t="str">
        <f t="shared" si="838"/>
        <v>SAND</v>
      </c>
      <c r="Q3585" s="236" t="e">
        <f t="shared" si="834"/>
        <v>#N/A</v>
      </c>
      <c r="R3585" s="238">
        <v>35</v>
      </c>
      <c r="S3585" s="236" t="e">
        <f t="shared" si="839"/>
        <v>#N/A</v>
      </c>
      <c r="T3585" s="236">
        <f t="shared" si="825"/>
        <v>31.66625017821265</v>
      </c>
    </row>
    <row r="3586" spans="1:20" x14ac:dyDescent="0.2">
      <c r="A3586" s="53">
        <f t="shared" si="826"/>
        <v>3574</v>
      </c>
      <c r="B3586" s="239">
        <v>35.665999999999997</v>
      </c>
      <c r="C3586" s="3">
        <f t="shared" si="827"/>
        <v>35.658999999999999</v>
      </c>
      <c r="D3586" s="239">
        <v>7.1059999999999999</v>
      </c>
      <c r="E3586" s="239">
        <v>8.9300000000000004E-2</v>
      </c>
      <c r="F3586" s="239">
        <v>0.24890000000000001</v>
      </c>
      <c r="G3586">
        <f t="shared" si="828"/>
        <v>7.15578</v>
      </c>
      <c r="H3586" s="235">
        <f t="shared" si="829"/>
        <v>1.2479422229302746</v>
      </c>
      <c r="I3586" s="236">
        <f t="shared" si="830"/>
        <v>19.280933275370025</v>
      </c>
      <c r="J3586" s="237">
        <f t="shared" si="835"/>
        <v>9.2809332753700247</v>
      </c>
      <c r="K3586" s="237">
        <f t="shared" si="831"/>
        <v>687.53879966641966</v>
      </c>
      <c r="L3586" s="237">
        <f t="shared" si="836"/>
        <v>331.01376619934729</v>
      </c>
      <c r="M3586" s="236">
        <f t="shared" si="832"/>
        <v>19.540701507979563</v>
      </c>
      <c r="N3586" s="236">
        <f t="shared" si="833"/>
        <v>1.3805916822550561</v>
      </c>
      <c r="O3586" s="236">
        <f t="shared" si="837"/>
        <v>2.5686726762498981</v>
      </c>
      <c r="P3586" s="236" t="str">
        <f t="shared" si="838"/>
        <v>SAND</v>
      </c>
      <c r="Q3586" s="236" t="e">
        <f t="shared" si="834"/>
        <v>#N/A</v>
      </c>
      <c r="R3586" s="238">
        <v>35</v>
      </c>
      <c r="S3586" s="236" t="e">
        <f t="shared" si="839"/>
        <v>#N/A</v>
      </c>
      <c r="T3586" s="236">
        <f t="shared" si="825"/>
        <v>31.800341658396285</v>
      </c>
    </row>
    <row r="3587" spans="1:20" x14ac:dyDescent="0.2">
      <c r="A3587" s="53">
        <f t="shared" si="826"/>
        <v>3575</v>
      </c>
      <c r="B3587" s="239">
        <v>35.677</v>
      </c>
      <c r="C3587" s="3">
        <f t="shared" si="827"/>
        <v>35.67</v>
      </c>
      <c r="D3587" s="239">
        <v>7.0138999999999996</v>
      </c>
      <c r="E3587" s="239">
        <v>9.1800000000000007E-2</v>
      </c>
      <c r="F3587" s="239">
        <v>0.18740000000000001</v>
      </c>
      <c r="G3587">
        <f t="shared" si="828"/>
        <v>7.05138</v>
      </c>
      <c r="H3587" s="235">
        <f t="shared" si="829"/>
        <v>1.3018728248938507</v>
      </c>
      <c r="I3587" s="236">
        <f t="shared" si="830"/>
        <v>19.307565001182169</v>
      </c>
      <c r="J3587" s="237">
        <f t="shared" si="835"/>
        <v>9.3075650011821693</v>
      </c>
      <c r="K3587" s="237">
        <f t="shared" si="831"/>
        <v>688.70084359216798</v>
      </c>
      <c r="L3587" s="237">
        <f t="shared" si="836"/>
        <v>332.06599654717627</v>
      </c>
      <c r="M3587" s="236">
        <f t="shared" si="832"/>
        <v>19.160887361449227</v>
      </c>
      <c r="N3587" s="236">
        <f t="shared" si="833"/>
        <v>1.4427884503267552</v>
      </c>
      <c r="O3587" s="236">
        <f t="shared" si="837"/>
        <v>2.5860636879853138</v>
      </c>
      <c r="P3587" s="236" t="str">
        <f t="shared" si="838"/>
        <v>SAND</v>
      </c>
      <c r="Q3587" s="236" t="e">
        <f t="shared" si="834"/>
        <v>#N/A</v>
      </c>
      <c r="R3587" s="238">
        <v>35</v>
      </c>
      <c r="S3587" s="236" t="e">
        <f t="shared" si="839"/>
        <v>#N/A</v>
      </c>
      <c r="T3587" s="236">
        <f t="shared" si="825"/>
        <v>31.706571796417698</v>
      </c>
    </row>
    <row r="3588" spans="1:20" x14ac:dyDescent="0.2">
      <c r="A3588" s="53">
        <f t="shared" si="826"/>
        <v>3576</v>
      </c>
      <c r="B3588" s="239">
        <v>35.686</v>
      </c>
      <c r="C3588" s="3">
        <f t="shared" si="827"/>
        <v>35.679000000000002</v>
      </c>
      <c r="D3588" s="239">
        <v>6.6924000000000001</v>
      </c>
      <c r="E3588" s="239">
        <v>8.9399999999999993E-2</v>
      </c>
      <c r="F3588" s="239">
        <v>0.15690000000000001</v>
      </c>
      <c r="G3588">
        <f t="shared" si="828"/>
        <v>6.7237800000000005</v>
      </c>
      <c r="H3588" s="235">
        <f t="shared" si="829"/>
        <v>1.3296092376609585</v>
      </c>
      <c r="I3588" s="236">
        <f t="shared" si="830"/>
        <v>19.257906500648478</v>
      </c>
      <c r="J3588" s="237">
        <f t="shared" si="835"/>
        <v>9.2579065006484775</v>
      </c>
      <c r="K3588" s="237">
        <f t="shared" si="831"/>
        <v>687.10284603663706</v>
      </c>
      <c r="L3588" s="237">
        <f t="shared" si="836"/>
        <v>330.37765138214155</v>
      </c>
      <c r="M3588" s="236">
        <f t="shared" si="832"/>
        <v>18.272050572152214</v>
      </c>
      <c r="N3588" s="236">
        <f t="shared" si="833"/>
        <v>1.4809471787190851</v>
      </c>
      <c r="O3588" s="236">
        <f t="shared" si="837"/>
        <v>2.6095600531605916</v>
      </c>
      <c r="P3588" s="236" t="str">
        <f t="shared" si="838"/>
        <v>CLAY</v>
      </c>
      <c r="Q3588" s="236">
        <f t="shared" si="834"/>
        <v>503.05642949694698</v>
      </c>
      <c r="R3588" s="238">
        <v>35</v>
      </c>
      <c r="S3588" s="236">
        <f t="shared" si="839"/>
        <v>9.4443944951642411</v>
      </c>
      <c r="T3588" s="236" t="e">
        <f t="shared" si="825"/>
        <v>#N/A</v>
      </c>
    </row>
    <row r="3589" spans="1:20" x14ac:dyDescent="0.2">
      <c r="A3589" s="53">
        <f t="shared" si="826"/>
        <v>3577</v>
      </c>
      <c r="B3589" s="239">
        <v>35.695</v>
      </c>
      <c r="C3589" s="3">
        <f t="shared" si="827"/>
        <v>35.688000000000002</v>
      </c>
      <c r="D3589" s="239">
        <v>6.4295999999999998</v>
      </c>
      <c r="E3589" s="239">
        <v>9.5000000000000001E-2</v>
      </c>
      <c r="F3589" s="239">
        <v>0.14319999999999999</v>
      </c>
      <c r="G3589">
        <f t="shared" si="828"/>
        <v>6.45824</v>
      </c>
      <c r="H3589" s="235">
        <f t="shared" si="829"/>
        <v>1.4709890000990984</v>
      </c>
      <c r="I3589" s="236">
        <f t="shared" si="830"/>
        <v>19.31339955080421</v>
      </c>
      <c r="J3589" s="237">
        <f t="shared" si="835"/>
        <v>9.3133995508042098</v>
      </c>
      <c r="K3589" s="237">
        <f t="shared" si="831"/>
        <v>689.25660316910069</v>
      </c>
      <c r="L3589" s="237">
        <f t="shared" si="836"/>
        <v>332.44179696595626</v>
      </c>
      <c r="M3589" s="236">
        <f t="shared" si="832"/>
        <v>17.353363654876624</v>
      </c>
      <c r="N3589" s="236">
        <f t="shared" si="833"/>
        <v>1.6467372752743015</v>
      </c>
      <c r="O3589" s="236">
        <f t="shared" si="837"/>
        <v>2.6532128913884589</v>
      </c>
      <c r="P3589" s="236" t="str">
        <f t="shared" si="838"/>
        <v>CLAY</v>
      </c>
      <c r="Q3589" s="236">
        <f t="shared" si="834"/>
        <v>480.74861640257495</v>
      </c>
      <c r="R3589" s="238">
        <v>35</v>
      </c>
      <c r="S3589" s="236">
        <f t="shared" si="839"/>
        <v>8.8546131812797562</v>
      </c>
      <c r="T3589" s="236" t="e">
        <f t="shared" si="825"/>
        <v>#N/A</v>
      </c>
    </row>
    <row r="3590" spans="1:20" x14ac:dyDescent="0.2">
      <c r="A3590" s="53">
        <f t="shared" si="826"/>
        <v>3578</v>
      </c>
      <c r="B3590" s="239">
        <v>35.706000000000003</v>
      </c>
      <c r="C3590" s="3">
        <f t="shared" si="827"/>
        <v>35.699000000000005</v>
      </c>
      <c r="D3590" s="239">
        <v>6.3869999999999996</v>
      </c>
      <c r="E3590" s="239">
        <v>0.10059999999999999</v>
      </c>
      <c r="F3590" s="239">
        <v>0.13120000000000001</v>
      </c>
      <c r="G3590">
        <f t="shared" si="828"/>
        <v>6.4132399999999992</v>
      </c>
      <c r="H3590" s="235">
        <f t="shared" si="829"/>
        <v>1.5686298969007866</v>
      </c>
      <c r="I3590" s="236">
        <f t="shared" si="830"/>
        <v>19.377827345704244</v>
      </c>
      <c r="J3590" s="237">
        <f t="shared" si="835"/>
        <v>9.3778273457042438</v>
      </c>
      <c r="K3590" s="237">
        <f t="shared" si="831"/>
        <v>691.76905841429596</v>
      </c>
      <c r="L3590" s="237">
        <f t="shared" si="836"/>
        <v>334.84470320571575</v>
      </c>
      <c r="M3590" s="236">
        <f t="shared" si="832"/>
        <v>17.086938771346343</v>
      </c>
      <c r="N3590" s="236">
        <f t="shared" si="833"/>
        <v>1.7582891013009103</v>
      </c>
      <c r="O3590" s="236">
        <f t="shared" si="837"/>
        <v>2.6743523963507756</v>
      </c>
      <c r="P3590" s="236" t="str">
        <f t="shared" si="838"/>
        <v>CLAY</v>
      </c>
      <c r="Q3590" s="236">
        <f t="shared" si="834"/>
        <v>476.78924513214196</v>
      </c>
      <c r="R3590" s="238">
        <v>35</v>
      </c>
      <c r="S3590" s="236">
        <f t="shared" si="839"/>
        <v>8.6850102967482776</v>
      </c>
      <c r="T3590" s="236" t="e">
        <f t="shared" si="825"/>
        <v>#N/A</v>
      </c>
    </row>
    <row r="3591" spans="1:20" x14ac:dyDescent="0.2">
      <c r="A3591" s="53">
        <f t="shared" si="826"/>
        <v>3579</v>
      </c>
      <c r="B3591" s="239">
        <v>35.715000000000003</v>
      </c>
      <c r="C3591" s="3">
        <f t="shared" si="827"/>
        <v>35.708000000000006</v>
      </c>
      <c r="D3591" s="239">
        <v>6.7022000000000004</v>
      </c>
      <c r="E3591" s="239">
        <v>0.107</v>
      </c>
      <c r="F3591" s="239">
        <v>0.13059999999999999</v>
      </c>
      <c r="G3591">
        <f t="shared" si="828"/>
        <v>6.7283200000000001</v>
      </c>
      <c r="H3591" s="235">
        <f t="shared" si="829"/>
        <v>1.5902929706078188</v>
      </c>
      <c r="I3591" s="236">
        <f t="shared" si="830"/>
        <v>19.46889522869045</v>
      </c>
      <c r="J3591" s="237">
        <f t="shared" si="835"/>
        <v>9.4688952286904495</v>
      </c>
      <c r="K3591" s="237">
        <f t="shared" si="831"/>
        <v>695.19531082607864</v>
      </c>
      <c r="L3591" s="237">
        <f t="shared" si="836"/>
        <v>338.18159309267946</v>
      </c>
      <c r="M3591" s="236">
        <f t="shared" si="832"/>
        <v>17.839896707567195</v>
      </c>
      <c r="N3591" s="236">
        <f t="shared" si="833"/>
        <v>1.7735419954440037</v>
      </c>
      <c r="O3591" s="236">
        <f t="shared" si="837"/>
        <v>2.6607734311958384</v>
      </c>
      <c r="P3591" s="236" t="str">
        <f t="shared" si="838"/>
        <v>CLAY</v>
      </c>
      <c r="Q3591" s="236">
        <f t="shared" si="834"/>
        <v>502.76039076449342</v>
      </c>
      <c r="R3591" s="238">
        <v>35</v>
      </c>
      <c r="S3591" s="236">
        <f t="shared" si="839"/>
        <v>9.1660121384853408</v>
      </c>
      <c r="T3591" s="236" t="e">
        <f t="shared" si="825"/>
        <v>#N/A</v>
      </c>
    </row>
    <row r="3592" spans="1:20" x14ac:dyDescent="0.2">
      <c r="A3592" s="53">
        <f t="shared" si="826"/>
        <v>3580</v>
      </c>
      <c r="B3592" s="239">
        <v>35.725000000000001</v>
      </c>
      <c r="C3592" s="3">
        <f t="shared" si="827"/>
        <v>35.718000000000004</v>
      </c>
      <c r="D3592" s="239">
        <v>7.1173999999999999</v>
      </c>
      <c r="E3592" s="239">
        <v>0.1103</v>
      </c>
      <c r="F3592" s="239">
        <v>9.8500000000000004E-2</v>
      </c>
      <c r="G3592">
        <f t="shared" si="828"/>
        <v>7.1371000000000002</v>
      </c>
      <c r="H3592" s="235">
        <f t="shared" si="829"/>
        <v>1.5454456291771166</v>
      </c>
      <c r="I3592" s="236">
        <f t="shared" si="830"/>
        <v>19.527566541615155</v>
      </c>
      <c r="J3592" s="237">
        <f t="shared" si="835"/>
        <v>9.5275665416151547</v>
      </c>
      <c r="K3592" s="237">
        <f t="shared" si="831"/>
        <v>697.4856217334102</v>
      </c>
      <c r="L3592" s="237">
        <f t="shared" si="836"/>
        <v>340.37231469920141</v>
      </c>
      <c r="M3592" s="236">
        <f t="shared" si="832"/>
        <v>18.919324810413844</v>
      </c>
      <c r="N3592" s="236">
        <f t="shared" si="833"/>
        <v>1.7128354823894045</v>
      </c>
      <c r="O3592" s="236">
        <f t="shared" si="837"/>
        <v>2.631150336881324</v>
      </c>
      <c r="P3592" s="236" t="str">
        <f t="shared" si="838"/>
        <v>CLAY</v>
      </c>
      <c r="Q3592" s="236">
        <f t="shared" si="834"/>
        <v>536.63453152221587</v>
      </c>
      <c r="R3592" s="238">
        <v>35</v>
      </c>
      <c r="S3592" s="236">
        <f t="shared" si="839"/>
        <v>9.8644312493053512</v>
      </c>
      <c r="T3592" s="236" t="e">
        <f t="shared" si="825"/>
        <v>#N/A</v>
      </c>
    </row>
    <row r="3593" spans="1:20" x14ac:dyDescent="0.2">
      <c r="A3593" s="53">
        <f t="shared" si="826"/>
        <v>3581</v>
      </c>
      <c r="B3593" s="239">
        <v>35.734999999999999</v>
      </c>
      <c r="C3593" s="3">
        <f t="shared" si="827"/>
        <v>35.728000000000002</v>
      </c>
      <c r="D3593" s="239">
        <v>7.4848999999999997</v>
      </c>
      <c r="E3593" s="239">
        <v>0.1191</v>
      </c>
      <c r="F3593" s="239">
        <v>9.8100000000000007E-2</v>
      </c>
      <c r="G3593">
        <f t="shared" si="828"/>
        <v>7.5045199999999994</v>
      </c>
      <c r="H3593" s="235">
        <f t="shared" si="829"/>
        <v>1.5870435417588333</v>
      </c>
      <c r="I3593" s="236">
        <f t="shared" si="830"/>
        <v>19.637195437811524</v>
      </c>
      <c r="J3593" s="237">
        <f t="shared" si="835"/>
        <v>9.6371954378115241</v>
      </c>
      <c r="K3593" s="237">
        <f t="shared" si="831"/>
        <v>701.59771860213016</v>
      </c>
      <c r="L3593" s="237">
        <f t="shared" si="836"/>
        <v>344.38517897019483</v>
      </c>
      <c r="M3593" s="236">
        <f t="shared" si="832"/>
        <v>19.753818389456985</v>
      </c>
      <c r="N3593" s="236">
        <f t="shared" si="833"/>
        <v>1.7507182218687238</v>
      </c>
      <c r="O3593" s="236">
        <f t="shared" si="837"/>
        <v>2.6208386305605913</v>
      </c>
      <c r="P3593" s="236" t="str">
        <f t="shared" si="838"/>
        <v>CLAY</v>
      </c>
      <c r="Q3593" s="236">
        <f t="shared" si="834"/>
        <v>566.91019011648916</v>
      </c>
      <c r="R3593" s="238">
        <v>35</v>
      </c>
      <c r="S3593" s="236">
        <f t="shared" si="839"/>
        <v>10.411272880377618</v>
      </c>
      <c r="T3593" s="236" t="e">
        <f t="shared" si="825"/>
        <v>#N/A</v>
      </c>
    </row>
    <row r="3594" spans="1:20" x14ac:dyDescent="0.2">
      <c r="A3594" s="53">
        <f t="shared" si="826"/>
        <v>3582</v>
      </c>
      <c r="B3594" s="239">
        <v>35.744999999999997</v>
      </c>
      <c r="C3594" s="3">
        <f t="shared" si="827"/>
        <v>35.738</v>
      </c>
      <c r="D3594" s="239">
        <v>7.9501999999999997</v>
      </c>
      <c r="E3594" s="239">
        <v>0.13059999999999999</v>
      </c>
      <c r="F3594" s="239">
        <v>0.10920000000000001</v>
      </c>
      <c r="G3594">
        <f t="shared" si="828"/>
        <v>7.9720399999999998</v>
      </c>
      <c r="H3594" s="235">
        <f t="shared" si="829"/>
        <v>1.638225598466641</v>
      </c>
      <c r="I3594" s="236">
        <f t="shared" si="830"/>
        <v>19.768902154327954</v>
      </c>
      <c r="J3594" s="237">
        <f t="shared" si="835"/>
        <v>9.7689021543279537</v>
      </c>
      <c r="K3594" s="237">
        <f t="shared" si="831"/>
        <v>706.50102519137238</v>
      </c>
      <c r="L3594" s="237">
        <f t="shared" si="836"/>
        <v>349.18940750645265</v>
      </c>
      <c r="M3594" s="236">
        <f t="shared" si="832"/>
        <v>20.806871052279465</v>
      </c>
      <c r="N3594" s="236">
        <f t="shared" si="833"/>
        <v>1.7975266591070758</v>
      </c>
      <c r="O3594" s="236">
        <f t="shared" si="837"/>
        <v>2.6086167673517004</v>
      </c>
      <c r="P3594" s="236" t="str">
        <f t="shared" si="838"/>
        <v>CLAY</v>
      </c>
      <c r="Q3594" s="236">
        <f t="shared" si="834"/>
        <v>605.46158123405223</v>
      </c>
      <c r="R3594" s="238">
        <v>35</v>
      </c>
      <c r="S3594" s="236">
        <f t="shared" si="839"/>
        <v>11.109601427457301</v>
      </c>
      <c r="T3594" s="236" t="e">
        <f t="shared" si="825"/>
        <v>#N/A</v>
      </c>
    </row>
    <row r="3595" spans="1:20" x14ac:dyDescent="0.2">
      <c r="A3595" s="53">
        <f t="shared" si="826"/>
        <v>3583</v>
      </c>
      <c r="B3595" s="239">
        <v>35.753999999999998</v>
      </c>
      <c r="C3595" s="3">
        <f t="shared" si="827"/>
        <v>35.747</v>
      </c>
      <c r="D3595" s="239">
        <v>8.4654000000000007</v>
      </c>
      <c r="E3595" s="239">
        <v>0.13780000000000001</v>
      </c>
      <c r="F3595" s="239">
        <v>0.20039999999999999</v>
      </c>
      <c r="G3595">
        <f t="shared" si="828"/>
        <v>8.5054800000000004</v>
      </c>
      <c r="H3595" s="235">
        <f t="shared" si="829"/>
        <v>1.6201319619821575</v>
      </c>
      <c r="I3595" s="236">
        <f t="shared" si="830"/>
        <v>19.857144886759347</v>
      </c>
      <c r="J3595" s="237">
        <f t="shared" si="835"/>
        <v>9.8571448867593467</v>
      </c>
      <c r="K3595" s="237">
        <f t="shared" si="831"/>
        <v>709.83335826698635</v>
      </c>
      <c r="L3595" s="237">
        <f t="shared" si="836"/>
        <v>352.43235828119367</v>
      </c>
      <c r="M3595" s="236">
        <f t="shared" si="832"/>
        <v>22.119554174174706</v>
      </c>
      <c r="N3595" s="236">
        <f t="shared" si="833"/>
        <v>1.7676532343360081</v>
      </c>
      <c r="O3595" s="236">
        <f t="shared" si="837"/>
        <v>2.5826013334734976</v>
      </c>
      <c r="P3595" s="236" t="str">
        <f t="shared" si="838"/>
        <v>SAND</v>
      </c>
      <c r="Q3595" s="236" t="e">
        <f t="shared" si="834"/>
        <v>#N/A</v>
      </c>
      <c r="R3595" s="238">
        <v>35</v>
      </c>
      <c r="S3595" s="236" t="e">
        <f t="shared" si="839"/>
        <v>#N/A</v>
      </c>
      <c r="T3595" s="236">
        <f t="shared" si="825"/>
        <v>32.392540063330095</v>
      </c>
    </row>
    <row r="3596" spans="1:20" x14ac:dyDescent="0.2">
      <c r="A3596" s="53">
        <f t="shared" si="826"/>
        <v>3584</v>
      </c>
      <c r="B3596" s="239">
        <v>35.764000000000003</v>
      </c>
      <c r="C3596" s="3">
        <f t="shared" si="827"/>
        <v>35.757000000000005</v>
      </c>
      <c r="D3596" s="239">
        <v>8.6306999999999992</v>
      </c>
      <c r="E3596" s="239">
        <v>0.1399</v>
      </c>
      <c r="F3596" s="239">
        <v>0.32490000000000002</v>
      </c>
      <c r="G3596">
        <f t="shared" si="828"/>
        <v>8.6956799999999994</v>
      </c>
      <c r="H3596" s="235">
        <f t="shared" si="829"/>
        <v>1.6088448516964746</v>
      </c>
      <c r="I3596" s="236">
        <f t="shared" si="830"/>
        <v>19.883524077958278</v>
      </c>
      <c r="J3596" s="237">
        <f t="shared" si="835"/>
        <v>9.8835240779582776</v>
      </c>
      <c r="K3596" s="237">
        <f t="shared" si="831"/>
        <v>710.97517045555423</v>
      </c>
      <c r="L3596" s="237">
        <f t="shared" si="836"/>
        <v>353.47435512409987</v>
      </c>
      <c r="M3596" s="236">
        <f t="shared" si="832"/>
        <v>22.589205450961579</v>
      </c>
      <c r="N3596" s="236">
        <f t="shared" si="833"/>
        <v>1.7520998332004938</v>
      </c>
      <c r="O3596" s="236">
        <f t="shared" si="837"/>
        <v>2.5729126819599424</v>
      </c>
      <c r="P3596" s="236" t="str">
        <f t="shared" si="838"/>
        <v>SAND</v>
      </c>
      <c r="Q3596" s="236" t="e">
        <f t="shared" si="834"/>
        <v>#N/A</v>
      </c>
      <c r="R3596" s="238">
        <v>35</v>
      </c>
      <c r="S3596" s="236" t="e">
        <f t="shared" si="839"/>
        <v>#N/A</v>
      </c>
      <c r="T3596" s="236">
        <f t="shared" si="825"/>
        <v>32.492910509240964</v>
      </c>
    </row>
    <row r="3597" spans="1:20" x14ac:dyDescent="0.2">
      <c r="A3597" s="53">
        <f t="shared" si="826"/>
        <v>3585</v>
      </c>
      <c r="B3597" s="239">
        <v>35.773000000000003</v>
      </c>
      <c r="C3597" s="3">
        <f t="shared" si="827"/>
        <v>35.766000000000005</v>
      </c>
      <c r="D3597" s="239">
        <v>8.5164000000000009</v>
      </c>
      <c r="E3597" s="239">
        <v>0.1361</v>
      </c>
      <c r="F3597" s="239">
        <v>0.23039999999999999</v>
      </c>
      <c r="G3597">
        <f t="shared" si="828"/>
        <v>8.5624800000000008</v>
      </c>
      <c r="H3597" s="235">
        <f t="shared" si="829"/>
        <v>1.589492763778718</v>
      </c>
      <c r="I3597" s="236">
        <f t="shared" si="830"/>
        <v>19.845199605511436</v>
      </c>
      <c r="J3597" s="237">
        <f t="shared" si="835"/>
        <v>9.8451996055114357</v>
      </c>
      <c r="K3597" s="237">
        <f t="shared" si="831"/>
        <v>709.7834090907221</v>
      </c>
      <c r="L3597" s="237">
        <f t="shared" si="836"/>
        <v>352.1923254879606</v>
      </c>
      <c r="M3597" s="236">
        <f t="shared" si="832"/>
        <v>22.296614726142629</v>
      </c>
      <c r="N3597" s="236">
        <f t="shared" si="833"/>
        <v>1.733162594841076</v>
      </c>
      <c r="O3597" s="236">
        <f t="shared" si="837"/>
        <v>2.5748945930420746</v>
      </c>
      <c r="P3597" s="236" t="str">
        <f t="shared" si="838"/>
        <v>SAND</v>
      </c>
      <c r="Q3597" s="236" t="e">
        <f t="shared" si="834"/>
        <v>#N/A</v>
      </c>
      <c r="R3597" s="238">
        <v>35</v>
      </c>
      <c r="S3597" s="236" t="e">
        <f t="shared" si="839"/>
        <v>#N/A</v>
      </c>
      <c r="T3597" s="236">
        <f t="shared" ref="T3597:T3660" si="840">IF(P3597="SAND",17.6+(11*LOG(M3597)),#N/A)</f>
        <v>32.430628224876699</v>
      </c>
    </row>
    <row r="3598" spans="1:20" x14ac:dyDescent="0.2">
      <c r="A3598" s="53">
        <f t="shared" ref="A3598:A3661" si="841">$A3597+1</f>
        <v>3586</v>
      </c>
      <c r="B3598" s="239">
        <v>35.783999999999999</v>
      </c>
      <c r="C3598" s="3">
        <f t="shared" ref="C3598:C3661" si="842">MAX($B3598 - $B$13, 0.001)</f>
        <v>35.777000000000001</v>
      </c>
      <c r="D3598" s="239">
        <v>8.1732999999999993</v>
      </c>
      <c r="E3598" s="239">
        <v>0.1236</v>
      </c>
      <c r="F3598" s="239">
        <v>9.6699999999999994E-2</v>
      </c>
      <c r="G3598">
        <f t="shared" si="828"/>
        <v>8.192639999999999</v>
      </c>
      <c r="H3598" s="235">
        <f t="shared" si="829"/>
        <v>1.5086711975626907</v>
      </c>
      <c r="I3598" s="236">
        <f t="shared" si="830"/>
        <v>19.714974409821615</v>
      </c>
      <c r="J3598" s="237">
        <f t="shared" si="835"/>
        <v>9.7149744098216146</v>
      </c>
      <c r="K3598" s="237">
        <f t="shared" si="831"/>
        <v>705.34263946018791</v>
      </c>
      <c r="L3598" s="237">
        <f t="shared" si="836"/>
        <v>347.64064428105667</v>
      </c>
      <c r="M3598" s="236">
        <f t="shared" si="832"/>
        <v>21.537462560006546</v>
      </c>
      <c r="N3598" s="236">
        <f t="shared" si="833"/>
        <v>1.6507959287340075</v>
      </c>
      <c r="O3598" s="236">
        <f t="shared" si="837"/>
        <v>2.5754416852827759</v>
      </c>
      <c r="P3598" s="236" t="str">
        <f t="shared" si="838"/>
        <v>SAND</v>
      </c>
      <c r="Q3598" s="236" t="e">
        <f t="shared" si="834"/>
        <v>#N/A</v>
      </c>
      <c r="R3598" s="238">
        <v>35</v>
      </c>
      <c r="S3598" s="236" t="e">
        <f t="shared" si="839"/>
        <v>#N/A</v>
      </c>
      <c r="T3598" s="236">
        <f t="shared" si="840"/>
        <v>32.265139890433602</v>
      </c>
    </row>
    <row r="3599" spans="1:20" x14ac:dyDescent="0.2">
      <c r="A3599" s="53">
        <f t="shared" si="841"/>
        <v>3587</v>
      </c>
      <c r="B3599" s="239">
        <v>35.792999999999999</v>
      </c>
      <c r="C3599" s="3">
        <f t="shared" si="842"/>
        <v>35.786000000000001</v>
      </c>
      <c r="D3599" s="239">
        <v>7.8367000000000004</v>
      </c>
      <c r="E3599" s="239">
        <v>0.1132</v>
      </c>
      <c r="F3599" s="239">
        <v>8.3000000000000004E-2</v>
      </c>
      <c r="G3599">
        <f t="shared" ref="G3599:G3662" si="843">$D3599+($F3599*(1-$P$8))</f>
        <v>7.8533000000000008</v>
      </c>
      <c r="H3599" s="235">
        <f t="shared" ref="H3599:H3662" si="844">($E3599/$G3599)*100</f>
        <v>1.4414322641437356</v>
      </c>
      <c r="I3599" s="236">
        <f t="shared" ref="I3599:I3662" si="845">((0.27*(LOG($H3599)))+(0.36*(LOG(($G3599*1000)/101)))+1.236)*10</f>
        <v>19.595375376116241</v>
      </c>
      <c r="J3599" s="237">
        <f t="shared" si="835"/>
        <v>9.595375376116241</v>
      </c>
      <c r="K3599" s="237">
        <f t="shared" ref="K3599:K3662" si="846">$I3599*$C3599</f>
        <v>701.2401032096958</v>
      </c>
      <c r="L3599" s="237">
        <f t="shared" si="836"/>
        <v>343.44727083732863</v>
      </c>
      <c r="M3599" s="236">
        <f t="shared" ref="M3599:M3662" si="847">(($G3599*1000)-$K3599)/$L3599</f>
        <v>20.824331721587118</v>
      </c>
      <c r="N3599" s="236">
        <f t="shared" ref="N3599:N3662" si="848">(($E3599*1000)/(($G3599*1000)-$K3599))*100</f>
        <v>1.5827607938630628</v>
      </c>
      <c r="O3599" s="236">
        <f t="shared" si="837"/>
        <v>2.5774767069934095</v>
      </c>
      <c r="P3599" s="236" t="str">
        <f t="shared" si="838"/>
        <v>SAND</v>
      </c>
      <c r="Q3599" s="236" t="e">
        <f t="shared" ref="Q3599:Q3662" si="849">IF(P3599="CLAY",($G3599*1000 -$K3599)/$L$8,#N/A)</f>
        <v>#N/A</v>
      </c>
      <c r="R3599" s="238">
        <v>35</v>
      </c>
      <c r="S3599" s="236" t="e">
        <f t="shared" si="839"/>
        <v>#N/A</v>
      </c>
      <c r="T3599" s="236">
        <f t="shared" si="840"/>
        <v>32.104281805843144</v>
      </c>
    </row>
    <row r="3600" spans="1:20" x14ac:dyDescent="0.2">
      <c r="A3600" s="53">
        <f t="shared" si="841"/>
        <v>3588</v>
      </c>
      <c r="B3600" s="239">
        <v>35.802999999999997</v>
      </c>
      <c r="C3600" s="3">
        <f t="shared" si="842"/>
        <v>35.795999999999999</v>
      </c>
      <c r="D3600" s="239">
        <v>7.43</v>
      </c>
      <c r="E3600" s="239">
        <v>0.10349999999999999</v>
      </c>
      <c r="F3600" s="239">
        <v>8.6800000000000002E-2</v>
      </c>
      <c r="G3600">
        <f t="shared" si="843"/>
        <v>7.4473599999999998</v>
      </c>
      <c r="H3600" s="235">
        <f t="shared" si="844"/>
        <v>1.3897542216302152</v>
      </c>
      <c r="I3600" s="236">
        <f t="shared" si="845"/>
        <v>19.469584111872365</v>
      </c>
      <c r="J3600" s="237">
        <f t="shared" ref="J3600:J3663" si="850">$I3600-10</f>
        <v>9.4695841118723649</v>
      </c>
      <c r="K3600" s="237">
        <f t="shared" si="846"/>
        <v>696.93323286858322</v>
      </c>
      <c r="L3600" s="237">
        <f t="shared" ref="L3600:L3663" si="851">$J3600*$B3600</f>
        <v>339.03951995736628</v>
      </c>
      <c r="M3600" s="236">
        <f t="shared" si="847"/>
        <v>19.910442204437619</v>
      </c>
      <c r="N3600" s="236">
        <f t="shared" si="848"/>
        <v>1.5332363948299252</v>
      </c>
      <c r="O3600" s="236">
        <f t="shared" ref="O3600:O3663" si="852">((3.47-LOG($M3600))^2+(LOG($N3600)+1.22)^2)^0.5</f>
        <v>2.586237945626388</v>
      </c>
      <c r="P3600" s="236" t="str">
        <f t="shared" ref="P3600:P3663" si="853">IF(O3600&lt;2.6,"SAND","CLAY")</f>
        <v>SAND</v>
      </c>
      <c r="Q3600" s="236" t="e">
        <f t="shared" si="849"/>
        <v>#N/A</v>
      </c>
      <c r="R3600" s="238">
        <v>35</v>
      </c>
      <c r="S3600" s="236" t="e">
        <f t="shared" ref="S3600:S3663" si="854">IF(P3600="SAND",#N/A,0.25*($M3600)^1.25)</f>
        <v>#N/A</v>
      </c>
      <c r="T3600" s="236">
        <f t="shared" si="840"/>
        <v>31.889889962408944</v>
      </c>
    </row>
    <row r="3601" spans="1:20" x14ac:dyDescent="0.2">
      <c r="A3601" s="53">
        <f t="shared" si="841"/>
        <v>3589</v>
      </c>
      <c r="B3601" s="239">
        <v>35.814</v>
      </c>
      <c r="C3601" s="3">
        <f t="shared" si="842"/>
        <v>35.807000000000002</v>
      </c>
      <c r="D3601" s="239">
        <v>7.0427</v>
      </c>
      <c r="E3601" s="239">
        <v>9.2700000000000005E-2</v>
      </c>
      <c r="F3601" s="239">
        <v>0.1008</v>
      </c>
      <c r="G3601">
        <f t="shared" si="843"/>
        <v>7.0628599999999997</v>
      </c>
      <c r="H3601" s="235">
        <f t="shared" si="844"/>
        <v>1.3124994690536129</v>
      </c>
      <c r="I3601" s="236">
        <f t="shared" si="845"/>
        <v>19.319640874549371</v>
      </c>
      <c r="J3601" s="237">
        <f t="shared" si="850"/>
        <v>9.3196408745493713</v>
      </c>
      <c r="K3601" s="237">
        <f t="shared" si="846"/>
        <v>691.7783807949894</v>
      </c>
      <c r="L3601" s="237">
        <f t="shared" si="851"/>
        <v>333.77361828111117</v>
      </c>
      <c r="M3601" s="236">
        <f t="shared" si="847"/>
        <v>19.088032337652137</v>
      </c>
      <c r="N3601" s="236">
        <f t="shared" si="848"/>
        <v>1.4550119672076529</v>
      </c>
      <c r="O3601" s="236">
        <f t="shared" si="852"/>
        <v>2.5894182024089405</v>
      </c>
      <c r="P3601" s="236" t="str">
        <f t="shared" si="853"/>
        <v>SAND</v>
      </c>
      <c r="Q3601" s="236" t="e">
        <f t="shared" si="849"/>
        <v>#N/A</v>
      </c>
      <c r="R3601" s="238">
        <v>35</v>
      </c>
      <c r="S3601" s="236" t="e">
        <f t="shared" si="854"/>
        <v>#N/A</v>
      </c>
      <c r="T3601" s="236">
        <f t="shared" si="840"/>
        <v>31.688372782871198</v>
      </c>
    </row>
    <row r="3602" spans="1:20" x14ac:dyDescent="0.2">
      <c r="A3602" s="53">
        <f t="shared" si="841"/>
        <v>3590</v>
      </c>
      <c r="B3602" s="239">
        <v>35.823999999999998</v>
      </c>
      <c r="C3602" s="3">
        <f t="shared" si="842"/>
        <v>35.817</v>
      </c>
      <c r="D3602" s="239">
        <v>6.7874999999999996</v>
      </c>
      <c r="E3602" s="239">
        <v>9.1300000000000006E-2</v>
      </c>
      <c r="F3602" s="239">
        <v>0.12330000000000001</v>
      </c>
      <c r="G3602">
        <f t="shared" si="843"/>
        <v>6.8121599999999995</v>
      </c>
      <c r="H3602" s="235">
        <f t="shared" si="844"/>
        <v>1.340250375798572</v>
      </c>
      <c r="I3602" s="236">
        <f t="shared" si="845"/>
        <v>19.287670509602009</v>
      </c>
      <c r="J3602" s="237">
        <f t="shared" si="850"/>
        <v>9.2876705096020089</v>
      </c>
      <c r="K3602" s="237">
        <f t="shared" si="846"/>
        <v>690.82649464241513</v>
      </c>
      <c r="L3602" s="237">
        <f t="shared" si="851"/>
        <v>332.72150833598232</v>
      </c>
      <c r="M3602" s="236">
        <f t="shared" si="847"/>
        <v>18.397769161277843</v>
      </c>
      <c r="N3602" s="236">
        <f t="shared" si="848"/>
        <v>1.4915050767956257</v>
      </c>
      <c r="O3602" s="236">
        <f t="shared" si="852"/>
        <v>2.6086875206356313</v>
      </c>
      <c r="P3602" s="236" t="str">
        <f t="shared" si="853"/>
        <v>CLAY</v>
      </c>
      <c r="Q3602" s="236">
        <f t="shared" si="849"/>
        <v>510.11112544646539</v>
      </c>
      <c r="R3602" s="238">
        <v>35</v>
      </c>
      <c r="S3602" s="236">
        <f t="shared" si="854"/>
        <v>9.5256904723155458</v>
      </c>
      <c r="T3602" s="236" t="e">
        <f t="shared" si="840"/>
        <v>#N/A</v>
      </c>
    </row>
    <row r="3603" spans="1:20" x14ac:dyDescent="0.2">
      <c r="A3603" s="53">
        <f t="shared" si="841"/>
        <v>3591</v>
      </c>
      <c r="B3603" s="239">
        <v>35.832999999999998</v>
      </c>
      <c r="C3603" s="3">
        <f t="shared" si="842"/>
        <v>35.826000000000001</v>
      </c>
      <c r="D3603" s="239">
        <v>6.6308999999999996</v>
      </c>
      <c r="E3603" s="239">
        <v>0.09</v>
      </c>
      <c r="F3603" s="239">
        <v>0.14910000000000001</v>
      </c>
      <c r="G3603">
        <f t="shared" si="843"/>
        <v>6.6607199999999995</v>
      </c>
      <c r="H3603" s="235">
        <f t="shared" si="844"/>
        <v>1.3512052751053942</v>
      </c>
      <c r="I3603" s="236">
        <f t="shared" si="845"/>
        <v>19.262066889517328</v>
      </c>
      <c r="J3603" s="237">
        <f t="shared" si="850"/>
        <v>9.2620668895173281</v>
      </c>
      <c r="K3603" s="237">
        <f t="shared" si="846"/>
        <v>690.08280838384781</v>
      </c>
      <c r="L3603" s="237">
        <f t="shared" si="851"/>
        <v>331.88764285207441</v>
      </c>
      <c r="M3603" s="236">
        <f t="shared" si="847"/>
        <v>17.98993520911932</v>
      </c>
      <c r="N3603" s="236">
        <f t="shared" si="848"/>
        <v>1.5073768027033394</v>
      </c>
      <c r="O3603" s="236">
        <f t="shared" si="852"/>
        <v>2.619373618884612</v>
      </c>
      <c r="P3603" s="236" t="str">
        <f t="shared" si="853"/>
        <v>CLAY</v>
      </c>
      <c r="Q3603" s="236">
        <f t="shared" si="849"/>
        <v>497.55309930134598</v>
      </c>
      <c r="R3603" s="238">
        <v>35</v>
      </c>
      <c r="S3603" s="236">
        <f t="shared" si="854"/>
        <v>9.2624741237149912</v>
      </c>
      <c r="T3603" s="236" t="e">
        <f t="shared" si="840"/>
        <v>#N/A</v>
      </c>
    </row>
    <row r="3604" spans="1:20" x14ac:dyDescent="0.2">
      <c r="A3604" s="53">
        <f t="shared" si="841"/>
        <v>3592</v>
      </c>
      <c r="B3604" s="239">
        <v>35.843000000000004</v>
      </c>
      <c r="C3604" s="3">
        <f t="shared" si="842"/>
        <v>35.836000000000006</v>
      </c>
      <c r="D3604" s="239">
        <v>6.5590000000000002</v>
      </c>
      <c r="E3604" s="239">
        <v>8.8599999999999998E-2</v>
      </c>
      <c r="F3604" s="239">
        <v>0.21759999999999999</v>
      </c>
      <c r="G3604">
        <f t="shared" si="843"/>
        <v>6.6025200000000002</v>
      </c>
      <c r="H3604" s="235">
        <f t="shared" si="844"/>
        <v>1.3419118760715605</v>
      </c>
      <c r="I3604" s="236">
        <f t="shared" si="845"/>
        <v>19.240252856357813</v>
      </c>
      <c r="J3604" s="237">
        <f t="shared" si="850"/>
        <v>9.240252856357813</v>
      </c>
      <c r="K3604" s="237">
        <f t="shared" si="846"/>
        <v>689.49370136043865</v>
      </c>
      <c r="L3604" s="237">
        <f t="shared" si="851"/>
        <v>331.19838313043311</v>
      </c>
      <c r="M3604" s="236">
        <f t="shared" si="847"/>
        <v>17.853427431470532</v>
      </c>
      <c r="N3604" s="236">
        <f t="shared" si="848"/>
        <v>1.4983867063196492</v>
      </c>
      <c r="O3604" s="236">
        <f t="shared" si="852"/>
        <v>2.6207871241606595</v>
      </c>
      <c r="P3604" s="236" t="str">
        <f t="shared" si="853"/>
        <v>CLAY</v>
      </c>
      <c r="Q3604" s="236">
        <f t="shared" si="849"/>
        <v>492.75219155329683</v>
      </c>
      <c r="R3604" s="238">
        <v>35</v>
      </c>
      <c r="S3604" s="236">
        <f t="shared" si="854"/>
        <v>9.1747029494192986</v>
      </c>
      <c r="T3604" s="236" t="e">
        <f t="shared" si="840"/>
        <v>#N/A</v>
      </c>
    </row>
    <row r="3605" spans="1:20" x14ac:dyDescent="0.2">
      <c r="A3605" s="53">
        <f t="shared" si="841"/>
        <v>3593</v>
      </c>
      <c r="B3605" s="239">
        <v>35.851999999999997</v>
      </c>
      <c r="C3605" s="3">
        <f t="shared" si="842"/>
        <v>35.844999999999999</v>
      </c>
      <c r="D3605" s="239">
        <v>6.4782999999999999</v>
      </c>
      <c r="E3605" s="239">
        <v>8.6999999999999994E-2</v>
      </c>
      <c r="F3605" s="239">
        <v>0.24379999999999999</v>
      </c>
      <c r="G3605">
        <f t="shared" si="843"/>
        <v>6.5270599999999996</v>
      </c>
      <c r="H3605" s="235">
        <f t="shared" si="844"/>
        <v>1.3329125211044484</v>
      </c>
      <c r="I3605" s="236">
        <f t="shared" si="845"/>
        <v>19.214390880922529</v>
      </c>
      <c r="J3605" s="237">
        <f t="shared" si="850"/>
        <v>9.2143908809225294</v>
      </c>
      <c r="K3605" s="237">
        <f t="shared" si="846"/>
        <v>688.73984112666801</v>
      </c>
      <c r="L3605" s="237">
        <f t="shared" si="851"/>
        <v>330.35434186283447</v>
      </c>
      <c r="M3605" s="236">
        <f t="shared" si="847"/>
        <v>17.672902756330185</v>
      </c>
      <c r="N3605" s="236">
        <f t="shared" si="848"/>
        <v>1.4901546614872367</v>
      </c>
      <c r="O3605" s="236">
        <f t="shared" si="852"/>
        <v>2.623252524687874</v>
      </c>
      <c r="P3605" s="236" t="str">
        <f t="shared" si="853"/>
        <v>CLAY</v>
      </c>
      <c r="Q3605" s="236">
        <f t="shared" si="849"/>
        <v>486.52667990611099</v>
      </c>
      <c r="R3605" s="238">
        <v>35</v>
      </c>
      <c r="S3605" s="236">
        <f t="shared" si="854"/>
        <v>9.0588875440925598</v>
      </c>
      <c r="T3605" s="236" t="e">
        <f t="shared" si="840"/>
        <v>#N/A</v>
      </c>
    </row>
    <row r="3606" spans="1:20" x14ac:dyDescent="0.2">
      <c r="A3606" s="53">
        <f t="shared" si="841"/>
        <v>3594</v>
      </c>
      <c r="B3606" s="239">
        <v>35.863</v>
      </c>
      <c r="C3606" s="3">
        <f t="shared" si="842"/>
        <v>35.856000000000002</v>
      </c>
      <c r="D3606" s="239">
        <v>6.4622000000000002</v>
      </c>
      <c r="E3606" s="239">
        <v>9.2299999999999993E-2</v>
      </c>
      <c r="F3606" s="239">
        <v>0.25309999999999999</v>
      </c>
      <c r="G3606">
        <f t="shared" si="843"/>
        <v>6.5128200000000005</v>
      </c>
      <c r="H3606" s="235">
        <f t="shared" si="844"/>
        <v>1.4172048360003806</v>
      </c>
      <c r="I3606" s="236">
        <f t="shared" si="845"/>
        <v>19.282879815009771</v>
      </c>
      <c r="J3606" s="237">
        <f t="shared" si="850"/>
        <v>9.2828798150097711</v>
      </c>
      <c r="K3606" s="237">
        <f t="shared" si="846"/>
        <v>691.4069386469904</v>
      </c>
      <c r="L3606" s="237">
        <f t="shared" si="851"/>
        <v>332.91191880569539</v>
      </c>
      <c r="M3606" s="236">
        <f t="shared" si="847"/>
        <v>17.486346185012042</v>
      </c>
      <c r="N3606" s="236">
        <f t="shared" si="848"/>
        <v>1.5855256967205773</v>
      </c>
      <c r="O3606" s="236">
        <f t="shared" si="852"/>
        <v>2.6415453021294373</v>
      </c>
      <c r="P3606" s="236" t="str">
        <f t="shared" si="853"/>
        <v>CLAY</v>
      </c>
      <c r="Q3606" s="236">
        <f t="shared" si="849"/>
        <v>485.1177551127509</v>
      </c>
      <c r="R3606" s="238">
        <v>35</v>
      </c>
      <c r="S3606" s="236">
        <f t="shared" si="854"/>
        <v>8.9395127626872135</v>
      </c>
      <c r="T3606" s="236" t="e">
        <f t="shared" si="840"/>
        <v>#N/A</v>
      </c>
    </row>
    <row r="3607" spans="1:20" x14ac:dyDescent="0.2">
      <c r="A3607" s="53">
        <f t="shared" si="841"/>
        <v>3595</v>
      </c>
      <c r="B3607" s="239">
        <v>35.872</v>
      </c>
      <c r="C3607" s="3">
        <f t="shared" si="842"/>
        <v>35.865000000000002</v>
      </c>
      <c r="D3607" s="239">
        <v>6.6695000000000002</v>
      </c>
      <c r="E3607" s="239">
        <v>0.1003</v>
      </c>
      <c r="F3607" s="239">
        <v>0.25530000000000003</v>
      </c>
      <c r="G3607">
        <f t="shared" si="843"/>
        <v>6.7205599999999999</v>
      </c>
      <c r="H3607" s="235">
        <f t="shared" si="844"/>
        <v>1.4924351542133394</v>
      </c>
      <c r="I3607" s="236">
        <f t="shared" si="845"/>
        <v>19.392620490015105</v>
      </c>
      <c r="J3607" s="237">
        <f t="shared" si="850"/>
        <v>9.3926204900151049</v>
      </c>
      <c r="K3607" s="237">
        <f t="shared" si="846"/>
        <v>695.51633387439176</v>
      </c>
      <c r="L3607" s="237">
        <f t="shared" si="851"/>
        <v>336.93208221782186</v>
      </c>
      <c r="M3607" s="236">
        <f t="shared" si="847"/>
        <v>17.882071741184035</v>
      </c>
      <c r="N3607" s="236">
        <f t="shared" si="848"/>
        <v>1.6647182254281936</v>
      </c>
      <c r="O3607" s="236">
        <f t="shared" si="852"/>
        <v>2.6448315220513505</v>
      </c>
      <c r="P3607" s="236" t="str">
        <f t="shared" si="853"/>
        <v>CLAY</v>
      </c>
      <c r="Q3607" s="236">
        <f t="shared" si="849"/>
        <v>502.08697217713399</v>
      </c>
      <c r="R3607" s="238">
        <v>35</v>
      </c>
      <c r="S3607" s="236">
        <f t="shared" si="854"/>
        <v>9.1931066787831934</v>
      </c>
      <c r="T3607" s="236" t="e">
        <f t="shared" si="840"/>
        <v>#N/A</v>
      </c>
    </row>
    <row r="3608" spans="1:20" x14ac:dyDescent="0.2">
      <c r="A3608" s="53">
        <f t="shared" si="841"/>
        <v>3596</v>
      </c>
      <c r="B3608" s="239">
        <v>35.881999999999998</v>
      </c>
      <c r="C3608" s="3">
        <f t="shared" si="842"/>
        <v>35.875</v>
      </c>
      <c r="D3608" s="239">
        <v>6.9981</v>
      </c>
      <c r="E3608" s="239">
        <v>0.108</v>
      </c>
      <c r="F3608" s="239">
        <v>0.28239999999999998</v>
      </c>
      <c r="G3608">
        <f t="shared" si="843"/>
        <v>7.0545799999999996</v>
      </c>
      <c r="H3608" s="235">
        <f t="shared" si="844"/>
        <v>1.530920338276694</v>
      </c>
      <c r="I3608" s="236">
        <f t="shared" si="845"/>
        <v>19.498311240712333</v>
      </c>
      <c r="J3608" s="237">
        <f t="shared" si="850"/>
        <v>9.4983112407123329</v>
      </c>
      <c r="K3608" s="237">
        <f t="shared" si="846"/>
        <v>699.50191576055499</v>
      </c>
      <c r="L3608" s="237">
        <f t="shared" si="851"/>
        <v>340.81840393923989</v>
      </c>
      <c r="M3608" s="236">
        <f t="shared" si="847"/>
        <v>18.646522637235311</v>
      </c>
      <c r="N3608" s="236">
        <f t="shared" si="848"/>
        <v>1.6994283715858558</v>
      </c>
      <c r="O3608" s="236">
        <f t="shared" si="852"/>
        <v>2.6345299777928948</v>
      </c>
      <c r="P3608" s="236" t="str">
        <f t="shared" si="853"/>
        <v>CLAY</v>
      </c>
      <c r="Q3608" s="236">
        <f t="shared" si="849"/>
        <v>529.58984035328706</v>
      </c>
      <c r="R3608" s="238">
        <v>35</v>
      </c>
      <c r="S3608" s="236">
        <f t="shared" si="854"/>
        <v>9.6869559446692293</v>
      </c>
      <c r="T3608" s="236" t="e">
        <f t="shared" si="840"/>
        <v>#N/A</v>
      </c>
    </row>
    <row r="3609" spans="1:20" x14ac:dyDescent="0.2">
      <c r="A3609" s="53">
        <f t="shared" si="841"/>
        <v>3597</v>
      </c>
      <c r="B3609" s="239">
        <v>35.890999999999998</v>
      </c>
      <c r="C3609" s="3">
        <f t="shared" si="842"/>
        <v>35.884</v>
      </c>
      <c r="D3609" s="239">
        <v>7.4893000000000001</v>
      </c>
      <c r="E3609" s="239">
        <v>0.1143</v>
      </c>
      <c r="F3609" s="239">
        <v>0.28310000000000002</v>
      </c>
      <c r="G3609">
        <f t="shared" si="843"/>
        <v>7.5459199999999997</v>
      </c>
      <c r="H3609" s="235">
        <f t="shared" si="844"/>
        <v>1.514725838598872</v>
      </c>
      <c r="I3609" s="236">
        <f t="shared" si="845"/>
        <v>19.591108853394612</v>
      </c>
      <c r="J3609" s="237">
        <f t="shared" si="850"/>
        <v>9.5911088533946121</v>
      </c>
      <c r="K3609" s="237">
        <f t="shared" si="846"/>
        <v>703.00735009521225</v>
      </c>
      <c r="L3609" s="237">
        <f t="shared" si="851"/>
        <v>344.23448785718602</v>
      </c>
      <c r="M3609" s="236">
        <f t="shared" si="847"/>
        <v>19.878637647555333</v>
      </c>
      <c r="N3609" s="236">
        <f t="shared" si="848"/>
        <v>1.670341356784532</v>
      </c>
      <c r="O3609" s="236">
        <f t="shared" si="852"/>
        <v>2.6072191368088422</v>
      </c>
      <c r="P3609" s="236" t="str">
        <f t="shared" si="853"/>
        <v>CLAY</v>
      </c>
      <c r="Q3609" s="236">
        <f t="shared" si="849"/>
        <v>570.24272082539903</v>
      </c>
      <c r="R3609" s="238">
        <v>35</v>
      </c>
      <c r="S3609" s="236">
        <f t="shared" si="854"/>
        <v>10.493570397258631</v>
      </c>
      <c r="T3609" s="236" t="e">
        <f t="shared" si="840"/>
        <v>#N/A</v>
      </c>
    </row>
    <row r="3610" spans="1:20" x14ac:dyDescent="0.2">
      <c r="A3610" s="53">
        <f t="shared" si="841"/>
        <v>3598</v>
      </c>
      <c r="B3610" s="239">
        <v>35.902000000000001</v>
      </c>
      <c r="C3610" s="3">
        <f t="shared" si="842"/>
        <v>35.895000000000003</v>
      </c>
      <c r="D3610" s="239">
        <v>8.1128</v>
      </c>
      <c r="E3610" s="239">
        <v>0.1153</v>
      </c>
      <c r="F3610" s="239">
        <v>0.24279999999999999</v>
      </c>
      <c r="G3610">
        <f t="shared" si="843"/>
        <v>8.1613600000000002</v>
      </c>
      <c r="H3610" s="235">
        <f t="shared" si="844"/>
        <v>1.4127547369556055</v>
      </c>
      <c r="I3610" s="236">
        <f t="shared" si="845"/>
        <v>19.631968465700854</v>
      </c>
      <c r="J3610" s="237">
        <f t="shared" si="850"/>
        <v>9.6319684657008544</v>
      </c>
      <c r="K3610" s="237">
        <f t="shared" si="846"/>
        <v>704.68950807633223</v>
      </c>
      <c r="L3610" s="237">
        <f t="shared" si="851"/>
        <v>345.8069318555921</v>
      </c>
      <c r="M3610" s="236">
        <f t="shared" si="847"/>
        <v>21.563103006383777</v>
      </c>
      <c r="N3610" s="236">
        <f t="shared" si="848"/>
        <v>1.5462665290746267</v>
      </c>
      <c r="O3610" s="236">
        <f t="shared" si="852"/>
        <v>2.5592600463545256</v>
      </c>
      <c r="P3610" s="236" t="str">
        <f t="shared" si="853"/>
        <v>SAND</v>
      </c>
      <c r="Q3610" s="236" t="e">
        <f t="shared" si="849"/>
        <v>#N/A</v>
      </c>
      <c r="R3610" s="238">
        <v>35</v>
      </c>
      <c r="S3610" s="236" t="e">
        <f t="shared" si="854"/>
        <v>#N/A</v>
      </c>
      <c r="T3610" s="236">
        <f t="shared" si="840"/>
        <v>32.27082383267274</v>
      </c>
    </row>
    <row r="3611" spans="1:20" x14ac:dyDescent="0.2">
      <c r="A3611" s="53">
        <f t="shared" si="841"/>
        <v>3599</v>
      </c>
      <c r="B3611" s="239">
        <v>35.911000000000001</v>
      </c>
      <c r="C3611" s="3">
        <f t="shared" si="842"/>
        <v>35.904000000000003</v>
      </c>
      <c r="D3611" s="239">
        <v>8.7659000000000002</v>
      </c>
      <c r="E3611" s="239">
        <v>0.1104</v>
      </c>
      <c r="F3611" s="239">
        <v>0.216</v>
      </c>
      <c r="G3611">
        <f t="shared" si="843"/>
        <v>8.8091000000000008</v>
      </c>
      <c r="H3611" s="235">
        <f t="shared" si="844"/>
        <v>1.2532494806506906</v>
      </c>
      <c r="I3611" s="236">
        <f t="shared" si="845"/>
        <v>19.610897938616638</v>
      </c>
      <c r="J3611" s="237">
        <f t="shared" si="850"/>
        <v>9.6108979386166382</v>
      </c>
      <c r="K3611" s="237">
        <f t="shared" si="846"/>
        <v>704.10967958809181</v>
      </c>
      <c r="L3611" s="237">
        <f t="shared" si="851"/>
        <v>345.13695587366209</v>
      </c>
      <c r="M3611" s="236">
        <f t="shared" si="847"/>
        <v>23.483403276520619</v>
      </c>
      <c r="N3611" s="236">
        <f t="shared" si="848"/>
        <v>1.3621237735715062</v>
      </c>
      <c r="O3611" s="236">
        <f t="shared" si="852"/>
        <v>2.4981406592188184</v>
      </c>
      <c r="P3611" s="236" t="str">
        <f t="shared" si="853"/>
        <v>SAND</v>
      </c>
      <c r="Q3611" s="236" t="e">
        <f t="shared" si="849"/>
        <v>#N/A</v>
      </c>
      <c r="R3611" s="238">
        <v>35</v>
      </c>
      <c r="S3611" s="236" t="e">
        <f t="shared" si="854"/>
        <v>#N/A</v>
      </c>
      <c r="T3611" s="236">
        <f t="shared" si="840"/>
        <v>32.678371398578108</v>
      </c>
    </row>
    <row r="3612" spans="1:20" x14ac:dyDescent="0.2">
      <c r="A3612" s="53">
        <f t="shared" si="841"/>
        <v>3600</v>
      </c>
      <c r="B3612" s="239">
        <v>35.92</v>
      </c>
      <c r="C3612" s="3">
        <f t="shared" si="842"/>
        <v>35.913000000000004</v>
      </c>
      <c r="D3612" s="239">
        <v>9.1771999999999991</v>
      </c>
      <c r="E3612" s="239">
        <v>0.1079</v>
      </c>
      <c r="F3612" s="239">
        <v>0.22600000000000001</v>
      </c>
      <c r="G3612">
        <f t="shared" si="843"/>
        <v>9.2223999999999986</v>
      </c>
      <c r="H3612" s="235">
        <f t="shared" si="844"/>
        <v>1.1699774462179042</v>
      </c>
      <c r="I3612" s="236">
        <f t="shared" si="845"/>
        <v>19.601960514344434</v>
      </c>
      <c r="J3612" s="237">
        <f t="shared" si="850"/>
        <v>9.6019605143444338</v>
      </c>
      <c r="K3612" s="237">
        <f t="shared" si="846"/>
        <v>703.96520795165168</v>
      </c>
      <c r="L3612" s="237">
        <f t="shared" si="851"/>
        <v>344.90242167525207</v>
      </c>
      <c r="M3612" s="236">
        <f t="shared" si="847"/>
        <v>24.698100844502054</v>
      </c>
      <c r="N3612" s="236">
        <f t="shared" si="848"/>
        <v>1.2666646236550494</v>
      </c>
      <c r="O3612" s="236">
        <f t="shared" si="852"/>
        <v>2.4626734465781261</v>
      </c>
      <c r="P3612" s="236" t="str">
        <f t="shared" si="853"/>
        <v>SAND</v>
      </c>
      <c r="Q3612" s="236" t="e">
        <f t="shared" si="849"/>
        <v>#N/A</v>
      </c>
      <c r="R3612" s="238">
        <v>35</v>
      </c>
      <c r="S3612" s="236" t="e">
        <f t="shared" si="854"/>
        <v>#N/A</v>
      </c>
      <c r="T3612" s="236">
        <f t="shared" si="840"/>
        <v>32.919299155123653</v>
      </c>
    </row>
    <row r="3613" spans="1:20" x14ac:dyDescent="0.2">
      <c r="A3613" s="53">
        <f t="shared" si="841"/>
        <v>3601</v>
      </c>
      <c r="B3613" s="239">
        <v>35.930999999999997</v>
      </c>
      <c r="C3613" s="3">
        <f t="shared" si="842"/>
        <v>35.923999999999999</v>
      </c>
      <c r="D3613" s="239">
        <v>8.9940999999999995</v>
      </c>
      <c r="E3613" s="239">
        <v>0.1116</v>
      </c>
      <c r="F3613" s="239">
        <v>0.29330000000000001</v>
      </c>
      <c r="G3613">
        <f t="shared" si="843"/>
        <v>9.0527599999999993</v>
      </c>
      <c r="H3613" s="235">
        <f t="shared" si="844"/>
        <v>1.2327732094963306</v>
      </c>
      <c r="I3613" s="236">
        <f t="shared" si="845"/>
        <v>19.634239285956166</v>
      </c>
      <c r="J3613" s="237">
        <f t="shared" si="850"/>
        <v>9.6342392859561663</v>
      </c>
      <c r="K3613" s="237">
        <f t="shared" si="846"/>
        <v>705.34041210868929</v>
      </c>
      <c r="L3613" s="237">
        <f t="shared" si="851"/>
        <v>346.16785178369099</v>
      </c>
      <c r="M3613" s="236">
        <f t="shared" si="847"/>
        <v>24.113792037243652</v>
      </c>
      <c r="N3613" s="236">
        <f t="shared" si="848"/>
        <v>1.3369401025663781</v>
      </c>
      <c r="O3613" s="236">
        <f t="shared" si="852"/>
        <v>2.4840798455818414</v>
      </c>
      <c r="P3613" s="236" t="str">
        <f t="shared" si="853"/>
        <v>SAND</v>
      </c>
      <c r="Q3613" s="236" t="e">
        <f t="shared" si="849"/>
        <v>#N/A</v>
      </c>
      <c r="R3613" s="238">
        <v>35</v>
      </c>
      <c r="S3613" s="236" t="e">
        <f t="shared" si="854"/>
        <v>#N/A</v>
      </c>
      <c r="T3613" s="236">
        <f t="shared" si="840"/>
        <v>32.804920622525849</v>
      </c>
    </row>
    <row r="3614" spans="1:20" x14ac:dyDescent="0.2">
      <c r="A3614" s="53">
        <f t="shared" si="841"/>
        <v>3602</v>
      </c>
      <c r="B3614" s="239">
        <v>35.94</v>
      </c>
      <c r="C3614" s="3">
        <f t="shared" si="842"/>
        <v>35.933</v>
      </c>
      <c r="D3614" s="239">
        <v>8.5998999999999999</v>
      </c>
      <c r="E3614" s="239">
        <v>0.1201</v>
      </c>
      <c r="F3614" s="239">
        <v>0.2447</v>
      </c>
      <c r="G3614">
        <f t="shared" si="843"/>
        <v>8.6488399999999999</v>
      </c>
      <c r="H3614" s="235">
        <f t="shared" si="844"/>
        <v>1.3886255266602228</v>
      </c>
      <c r="I3614" s="236">
        <f t="shared" si="845"/>
        <v>19.702471250991159</v>
      </c>
      <c r="J3614" s="237">
        <f t="shared" si="850"/>
        <v>9.7024712509911595</v>
      </c>
      <c r="K3614" s="237">
        <f t="shared" si="846"/>
        <v>707.96889946186536</v>
      </c>
      <c r="L3614" s="237">
        <f t="shared" si="851"/>
        <v>348.70681676062225</v>
      </c>
      <c r="M3614" s="236">
        <f t="shared" si="847"/>
        <v>22.772342606623969</v>
      </c>
      <c r="N3614" s="236">
        <f t="shared" si="848"/>
        <v>1.512428529306578</v>
      </c>
      <c r="O3614" s="236">
        <f t="shared" si="852"/>
        <v>2.5341933438586488</v>
      </c>
      <c r="P3614" s="236" t="str">
        <f t="shared" si="853"/>
        <v>SAND</v>
      </c>
      <c r="Q3614" s="236" t="e">
        <f t="shared" si="849"/>
        <v>#N/A</v>
      </c>
      <c r="R3614" s="238">
        <v>35</v>
      </c>
      <c r="S3614" s="236" t="e">
        <f t="shared" si="854"/>
        <v>#N/A</v>
      </c>
      <c r="T3614" s="236">
        <f t="shared" si="840"/>
        <v>32.531484799954455</v>
      </c>
    </row>
    <row r="3615" spans="1:20" x14ac:dyDescent="0.2">
      <c r="A3615" s="53">
        <f t="shared" si="841"/>
        <v>3603</v>
      </c>
      <c r="B3615" s="239">
        <v>35.951000000000001</v>
      </c>
      <c r="C3615" s="3">
        <f t="shared" si="842"/>
        <v>35.944000000000003</v>
      </c>
      <c r="D3615" s="239">
        <v>8.0259</v>
      </c>
      <c r="E3615" s="239">
        <v>0.1196</v>
      </c>
      <c r="F3615" s="239">
        <v>0.1313</v>
      </c>
      <c r="G3615">
        <f t="shared" si="843"/>
        <v>8.0521600000000007</v>
      </c>
      <c r="H3615" s="235">
        <f t="shared" si="844"/>
        <v>1.4853157413662916</v>
      </c>
      <c r="I3615" s="236">
        <f t="shared" si="845"/>
        <v>19.669638395778101</v>
      </c>
      <c r="J3615" s="237">
        <f t="shared" si="850"/>
        <v>9.6696383957781009</v>
      </c>
      <c r="K3615" s="237">
        <f t="shared" si="846"/>
        <v>707.00548249784811</v>
      </c>
      <c r="L3615" s="237">
        <f t="shared" si="851"/>
        <v>347.63316996661854</v>
      </c>
      <c r="M3615" s="236">
        <f t="shared" si="847"/>
        <v>21.129038170343385</v>
      </c>
      <c r="N3615" s="236">
        <f t="shared" si="848"/>
        <v>1.6282843296899361</v>
      </c>
      <c r="O3615" s="236">
        <f t="shared" si="852"/>
        <v>2.5790293663252415</v>
      </c>
      <c r="P3615" s="236" t="str">
        <f t="shared" si="853"/>
        <v>SAND</v>
      </c>
      <c r="Q3615" s="236" t="e">
        <f t="shared" si="849"/>
        <v>#N/A</v>
      </c>
      <c r="R3615" s="238">
        <v>35</v>
      </c>
      <c r="S3615" s="236" t="e">
        <f t="shared" si="854"/>
        <v>#N/A</v>
      </c>
      <c r="T3615" s="236">
        <f t="shared" si="840"/>
        <v>32.173677004488923</v>
      </c>
    </row>
    <row r="3616" spans="1:20" x14ac:dyDescent="0.2">
      <c r="A3616" s="53">
        <f t="shared" si="841"/>
        <v>3604</v>
      </c>
      <c r="B3616" s="239">
        <v>35.96</v>
      </c>
      <c r="C3616" s="3">
        <f t="shared" si="842"/>
        <v>35.953000000000003</v>
      </c>
      <c r="D3616" s="239">
        <v>7.3076999999999996</v>
      </c>
      <c r="E3616" s="239">
        <v>0.1221</v>
      </c>
      <c r="F3616" s="239">
        <v>0.1381</v>
      </c>
      <c r="G3616">
        <f t="shared" si="843"/>
        <v>7.3353199999999994</v>
      </c>
      <c r="H3616" s="235">
        <f t="shared" si="844"/>
        <v>1.6645490585277807</v>
      </c>
      <c r="I3616" s="236">
        <f t="shared" si="845"/>
        <v>19.657452505076371</v>
      </c>
      <c r="J3616" s="237">
        <f t="shared" si="850"/>
        <v>9.6574525050763711</v>
      </c>
      <c r="K3616" s="237">
        <f t="shared" si="846"/>
        <v>706.74438991501086</v>
      </c>
      <c r="L3616" s="237">
        <f t="shared" si="851"/>
        <v>347.28199208254631</v>
      </c>
      <c r="M3616" s="236">
        <f t="shared" si="847"/>
        <v>19.087012172256333</v>
      </c>
      <c r="N3616" s="236">
        <f t="shared" si="848"/>
        <v>1.842024700061232</v>
      </c>
      <c r="O3616" s="236">
        <f t="shared" si="852"/>
        <v>2.6455568210972271</v>
      </c>
      <c r="P3616" s="236" t="str">
        <f t="shared" si="853"/>
        <v>CLAY</v>
      </c>
      <c r="Q3616" s="236">
        <f t="shared" si="849"/>
        <v>552.38130084041575</v>
      </c>
      <c r="R3616" s="238">
        <v>35</v>
      </c>
      <c r="S3616" s="236">
        <f t="shared" si="854"/>
        <v>9.9738411425925211</v>
      </c>
      <c r="T3616" s="236" t="e">
        <f t="shared" si="840"/>
        <v>#N/A</v>
      </c>
    </row>
    <row r="3617" spans="1:20" x14ac:dyDescent="0.2">
      <c r="A3617" s="53">
        <f t="shared" si="841"/>
        <v>3605</v>
      </c>
      <c r="B3617" s="239">
        <v>35.97</v>
      </c>
      <c r="C3617" s="3">
        <f t="shared" si="842"/>
        <v>35.963000000000001</v>
      </c>
      <c r="D3617" s="239">
        <v>6.6715999999999998</v>
      </c>
      <c r="E3617" s="239">
        <v>0.1265</v>
      </c>
      <c r="F3617" s="239">
        <v>0.1613</v>
      </c>
      <c r="G3617">
        <f t="shared" si="843"/>
        <v>6.7038599999999997</v>
      </c>
      <c r="H3617" s="235">
        <f t="shared" si="844"/>
        <v>1.8869725799763124</v>
      </c>
      <c r="I3617" s="236">
        <f t="shared" si="845"/>
        <v>19.663779915783259</v>
      </c>
      <c r="J3617" s="237">
        <f t="shared" si="850"/>
        <v>9.6637799157832589</v>
      </c>
      <c r="K3617" s="237">
        <f t="shared" si="846"/>
        <v>707.16851711131335</v>
      </c>
      <c r="L3617" s="237">
        <f t="shared" si="851"/>
        <v>347.60616357072382</v>
      </c>
      <c r="M3617" s="236">
        <f t="shared" si="847"/>
        <v>17.251395721205622</v>
      </c>
      <c r="N3617" s="236">
        <f t="shared" si="848"/>
        <v>2.1094965509058214</v>
      </c>
      <c r="O3617" s="236">
        <f t="shared" si="852"/>
        <v>2.7150621012945422</v>
      </c>
      <c r="P3617" s="236" t="str">
        <f t="shared" si="853"/>
        <v>CLAY</v>
      </c>
      <c r="Q3617" s="236">
        <f t="shared" si="849"/>
        <v>499.72429024072386</v>
      </c>
      <c r="R3617" s="238">
        <v>35</v>
      </c>
      <c r="S3617" s="236">
        <f t="shared" si="854"/>
        <v>8.789624162192256</v>
      </c>
      <c r="T3617" s="236" t="e">
        <f t="shared" si="840"/>
        <v>#N/A</v>
      </c>
    </row>
    <row r="3618" spans="1:20" x14ac:dyDescent="0.2">
      <c r="A3618" s="53">
        <f t="shared" si="841"/>
        <v>3606</v>
      </c>
      <c r="B3618" s="239">
        <v>35.981000000000002</v>
      </c>
      <c r="C3618" s="3">
        <f t="shared" si="842"/>
        <v>35.974000000000004</v>
      </c>
      <c r="D3618" s="239">
        <v>6.1822999999999997</v>
      </c>
      <c r="E3618" s="239">
        <v>0.1305</v>
      </c>
      <c r="F3618" s="239">
        <v>0.20419999999999999</v>
      </c>
      <c r="G3618">
        <f t="shared" si="843"/>
        <v>6.2231399999999999</v>
      </c>
      <c r="H3618" s="235">
        <f t="shared" si="844"/>
        <v>2.0970121192838342</v>
      </c>
      <c r="I3618" s="236">
        <f t="shared" si="845"/>
        <v>19.671200050054296</v>
      </c>
      <c r="J3618" s="237">
        <f t="shared" si="850"/>
        <v>9.6712000500542956</v>
      </c>
      <c r="K3618" s="237">
        <f t="shared" si="846"/>
        <v>707.65175060065326</v>
      </c>
      <c r="L3618" s="237">
        <f t="shared" si="851"/>
        <v>347.97944900100362</v>
      </c>
      <c r="M3618" s="236">
        <f t="shared" si="847"/>
        <v>15.850040182641475</v>
      </c>
      <c r="N3618" s="236">
        <f t="shared" si="848"/>
        <v>2.3660643282888296</v>
      </c>
      <c r="O3618" s="236">
        <f t="shared" si="852"/>
        <v>2.7737488653259152</v>
      </c>
      <c r="P3618" s="236" t="str">
        <f t="shared" si="853"/>
        <v>CLAY</v>
      </c>
      <c r="Q3618" s="236">
        <f t="shared" si="849"/>
        <v>459.62402078327892</v>
      </c>
      <c r="R3618" s="238">
        <v>35</v>
      </c>
      <c r="S3618" s="236">
        <f t="shared" si="854"/>
        <v>7.9063851769244105</v>
      </c>
      <c r="T3618" s="236" t="e">
        <f t="shared" si="840"/>
        <v>#N/A</v>
      </c>
    </row>
    <row r="3619" spans="1:20" x14ac:dyDescent="0.2">
      <c r="A3619" s="53">
        <f t="shared" si="841"/>
        <v>3607</v>
      </c>
      <c r="B3619" s="239">
        <v>35.991</v>
      </c>
      <c r="C3619" s="3">
        <f t="shared" si="842"/>
        <v>35.984000000000002</v>
      </c>
      <c r="D3619" s="239">
        <v>5.6837999999999997</v>
      </c>
      <c r="E3619" s="239">
        <v>0.1353</v>
      </c>
      <c r="F3619" s="239">
        <v>0.24199999999999999</v>
      </c>
      <c r="G3619">
        <f t="shared" si="843"/>
        <v>5.7321999999999997</v>
      </c>
      <c r="H3619" s="235">
        <f t="shared" si="844"/>
        <v>2.360350301803845</v>
      </c>
      <c r="I3619" s="236">
        <f t="shared" si="845"/>
        <v>19.681436306509308</v>
      </c>
      <c r="J3619" s="237">
        <f t="shared" si="850"/>
        <v>9.6814363065093083</v>
      </c>
      <c r="K3619" s="237">
        <f t="shared" si="846"/>
        <v>708.21680405343102</v>
      </c>
      <c r="L3619" s="237">
        <f t="shared" si="851"/>
        <v>348.4445741075765</v>
      </c>
      <c r="M3619" s="236">
        <f t="shared" si="847"/>
        <v>14.418313755677818</v>
      </c>
      <c r="N3619" s="236">
        <f t="shared" si="848"/>
        <v>2.6930822561102961</v>
      </c>
      <c r="O3619" s="236">
        <f t="shared" si="852"/>
        <v>2.8397957886659007</v>
      </c>
      <c r="P3619" s="236" t="str">
        <f t="shared" si="853"/>
        <v>CLAY</v>
      </c>
      <c r="Q3619" s="236">
        <f t="shared" si="849"/>
        <v>418.66526632888076</v>
      </c>
      <c r="R3619" s="238">
        <v>35</v>
      </c>
      <c r="S3619" s="236">
        <f t="shared" si="854"/>
        <v>7.0239772876732696</v>
      </c>
      <c r="T3619" s="236" t="e">
        <f t="shared" si="840"/>
        <v>#N/A</v>
      </c>
    </row>
    <row r="3620" spans="1:20" x14ac:dyDescent="0.2">
      <c r="A3620" s="53">
        <f t="shared" si="841"/>
        <v>3608</v>
      </c>
      <c r="B3620" s="239">
        <v>36</v>
      </c>
      <c r="C3620" s="3">
        <f t="shared" si="842"/>
        <v>35.993000000000002</v>
      </c>
      <c r="D3620" s="239">
        <v>5.1395</v>
      </c>
      <c r="E3620" s="239">
        <v>0.1401</v>
      </c>
      <c r="F3620" s="239">
        <v>0.25619999999999998</v>
      </c>
      <c r="G3620">
        <f t="shared" si="843"/>
        <v>5.1907399999999999</v>
      </c>
      <c r="H3620" s="235">
        <f t="shared" si="844"/>
        <v>2.6990371315072608</v>
      </c>
      <c r="I3620" s="236">
        <f t="shared" si="845"/>
        <v>19.683532368019559</v>
      </c>
      <c r="J3620" s="237">
        <f t="shared" si="850"/>
        <v>9.6835323680195593</v>
      </c>
      <c r="K3620" s="237">
        <f t="shared" si="846"/>
        <v>708.46938052212806</v>
      </c>
      <c r="L3620" s="237">
        <f t="shared" si="851"/>
        <v>348.60716524870412</v>
      </c>
      <c r="M3620" s="236">
        <f t="shared" si="847"/>
        <v>12.857654880042757</v>
      </c>
      <c r="N3620" s="236">
        <f t="shared" si="848"/>
        <v>3.125647955997799</v>
      </c>
      <c r="O3620" s="236">
        <f t="shared" si="852"/>
        <v>2.9179747410156653</v>
      </c>
      <c r="P3620" s="236" t="str">
        <f t="shared" si="853"/>
        <v>CLAY</v>
      </c>
      <c r="Q3620" s="236">
        <f t="shared" si="849"/>
        <v>373.52255162315601</v>
      </c>
      <c r="R3620" s="238">
        <v>35</v>
      </c>
      <c r="S3620" s="236">
        <f t="shared" si="854"/>
        <v>6.0868446007213555</v>
      </c>
      <c r="T3620" s="236" t="e">
        <f t="shared" si="840"/>
        <v>#N/A</v>
      </c>
    </row>
    <row r="3621" spans="1:20" x14ac:dyDescent="0.2">
      <c r="A3621" s="53">
        <f t="shared" si="841"/>
        <v>3609</v>
      </c>
      <c r="B3621" s="239">
        <v>36.01</v>
      </c>
      <c r="C3621" s="3">
        <f t="shared" si="842"/>
        <v>36.003</v>
      </c>
      <c r="D3621" s="239">
        <v>4.7393000000000001</v>
      </c>
      <c r="E3621" s="239">
        <v>0.14940000000000001</v>
      </c>
      <c r="F3621" s="239">
        <v>0.28320000000000001</v>
      </c>
      <c r="G3621">
        <f t="shared" si="843"/>
        <v>4.7959399999999999</v>
      </c>
      <c r="H3621" s="235">
        <f t="shared" si="844"/>
        <v>3.1151348849234979</v>
      </c>
      <c r="I3621" s="236">
        <f t="shared" si="845"/>
        <v>19.727976034642527</v>
      </c>
      <c r="J3621" s="237">
        <f t="shared" si="850"/>
        <v>9.727976034642527</v>
      </c>
      <c r="K3621" s="237">
        <f t="shared" si="846"/>
        <v>710.26632117523491</v>
      </c>
      <c r="L3621" s="237">
        <f t="shared" si="851"/>
        <v>350.30441700747735</v>
      </c>
      <c r="M3621" s="236">
        <f t="shared" si="847"/>
        <v>11.663209141715031</v>
      </c>
      <c r="N3621" s="236">
        <f t="shared" si="848"/>
        <v>3.6566796994657342</v>
      </c>
      <c r="O3621" s="236">
        <f t="shared" si="852"/>
        <v>2.9924375327645407</v>
      </c>
      <c r="P3621" s="236" t="str">
        <f t="shared" si="853"/>
        <v>CLAY</v>
      </c>
      <c r="Q3621" s="236">
        <f t="shared" si="849"/>
        <v>340.47280656873039</v>
      </c>
      <c r="R3621" s="238">
        <v>35</v>
      </c>
      <c r="S3621" s="236">
        <f t="shared" si="854"/>
        <v>5.3884342490952175</v>
      </c>
      <c r="T3621" s="236" t="e">
        <f t="shared" si="840"/>
        <v>#N/A</v>
      </c>
    </row>
    <row r="3622" spans="1:20" x14ac:dyDescent="0.2">
      <c r="A3622" s="53">
        <f t="shared" si="841"/>
        <v>3610</v>
      </c>
      <c r="B3622" s="239">
        <v>36.020000000000003</v>
      </c>
      <c r="C3622" s="3">
        <f t="shared" si="842"/>
        <v>36.013000000000005</v>
      </c>
      <c r="D3622" s="239">
        <v>4.5529000000000002</v>
      </c>
      <c r="E3622" s="239">
        <v>0.16200000000000001</v>
      </c>
      <c r="F3622" s="239">
        <v>0.32740000000000002</v>
      </c>
      <c r="G3622">
        <f t="shared" si="843"/>
        <v>4.6183800000000002</v>
      </c>
      <c r="H3622" s="235">
        <f t="shared" si="844"/>
        <v>3.5077234874566403</v>
      </c>
      <c r="I3622" s="236">
        <f t="shared" si="845"/>
        <v>19.808174291042821</v>
      </c>
      <c r="J3622" s="237">
        <f t="shared" si="850"/>
        <v>9.8081742910428211</v>
      </c>
      <c r="K3622" s="237">
        <f t="shared" si="846"/>
        <v>713.35178074332521</v>
      </c>
      <c r="L3622" s="237">
        <f t="shared" si="851"/>
        <v>353.29043796336242</v>
      </c>
      <c r="M3622" s="236">
        <f t="shared" si="847"/>
        <v>11.053308551933243</v>
      </c>
      <c r="N3622" s="236">
        <f t="shared" si="848"/>
        <v>4.148497549931581</v>
      </c>
      <c r="O3622" s="236">
        <f t="shared" si="852"/>
        <v>3.0439747669768402</v>
      </c>
      <c r="P3622" s="236" t="str">
        <f t="shared" si="853"/>
        <v>CLAY</v>
      </c>
      <c r="Q3622" s="236">
        <f t="shared" si="849"/>
        <v>325.41901827138958</v>
      </c>
      <c r="R3622" s="238">
        <v>35</v>
      </c>
      <c r="S3622" s="236">
        <f t="shared" si="854"/>
        <v>5.0385477130925578</v>
      </c>
      <c r="T3622" s="236" t="e">
        <f t="shared" si="840"/>
        <v>#N/A</v>
      </c>
    </row>
    <row r="3623" spans="1:20" x14ac:dyDescent="0.2">
      <c r="A3623" s="53">
        <f t="shared" si="841"/>
        <v>3611</v>
      </c>
      <c r="B3623" s="239">
        <v>36.03</v>
      </c>
      <c r="C3623" s="3">
        <f t="shared" si="842"/>
        <v>36.023000000000003</v>
      </c>
      <c r="D3623" s="239">
        <v>4.5766</v>
      </c>
      <c r="E3623" s="239">
        <v>0.17630000000000001</v>
      </c>
      <c r="F3623" s="239">
        <v>0.3594</v>
      </c>
      <c r="G3623">
        <f t="shared" si="843"/>
        <v>4.6484800000000002</v>
      </c>
      <c r="H3623" s="235">
        <f t="shared" si="844"/>
        <v>3.7926375933638528</v>
      </c>
      <c r="I3623" s="236">
        <f t="shared" si="845"/>
        <v>19.909904167670099</v>
      </c>
      <c r="J3623" s="237">
        <f t="shared" si="850"/>
        <v>9.9099041676700992</v>
      </c>
      <c r="K3623" s="237">
        <f t="shared" si="846"/>
        <v>717.21447783198005</v>
      </c>
      <c r="L3623" s="237">
        <f t="shared" si="851"/>
        <v>357.05384716115367</v>
      </c>
      <c r="M3623" s="236">
        <f t="shared" si="847"/>
        <v>11.010287533447784</v>
      </c>
      <c r="N3623" s="236">
        <f t="shared" si="848"/>
        <v>4.484560989479383</v>
      </c>
      <c r="O3623" s="236">
        <f t="shared" si="852"/>
        <v>3.0658599541130243</v>
      </c>
      <c r="P3623" s="236" t="str">
        <f t="shared" si="853"/>
        <v>CLAY</v>
      </c>
      <c r="Q3623" s="236">
        <f t="shared" si="849"/>
        <v>327.60546018066839</v>
      </c>
      <c r="R3623" s="238">
        <v>35</v>
      </c>
      <c r="S3623" s="236">
        <f t="shared" si="854"/>
        <v>5.0140462378898185</v>
      </c>
      <c r="T3623" s="236" t="e">
        <f t="shared" si="840"/>
        <v>#N/A</v>
      </c>
    </row>
    <row r="3624" spans="1:20" x14ac:dyDescent="0.2">
      <c r="A3624" s="53">
        <f t="shared" si="841"/>
        <v>3612</v>
      </c>
      <c r="B3624" s="239">
        <v>36.039000000000001</v>
      </c>
      <c r="C3624" s="3">
        <f t="shared" si="842"/>
        <v>36.032000000000004</v>
      </c>
      <c r="D3624" s="239">
        <v>4.7319000000000004</v>
      </c>
      <c r="E3624" s="239">
        <v>0.1787</v>
      </c>
      <c r="F3624" s="239">
        <v>0.44309999999999999</v>
      </c>
      <c r="G3624">
        <f t="shared" si="843"/>
        <v>4.8205200000000001</v>
      </c>
      <c r="H3624" s="235">
        <f t="shared" si="844"/>
        <v>3.7070689469185893</v>
      </c>
      <c r="I3624" s="236">
        <f t="shared" si="845"/>
        <v>19.939963846300166</v>
      </c>
      <c r="J3624" s="237">
        <f t="shared" si="850"/>
        <v>9.9399638463001665</v>
      </c>
      <c r="K3624" s="237">
        <f t="shared" si="846"/>
        <v>718.47677730988767</v>
      </c>
      <c r="L3624" s="237">
        <f t="shared" si="851"/>
        <v>358.22635705681171</v>
      </c>
      <c r="M3624" s="236">
        <f t="shared" si="847"/>
        <v>11.450981040011982</v>
      </c>
      <c r="N3624" s="236">
        <f t="shared" si="848"/>
        <v>4.3563656036468776</v>
      </c>
      <c r="O3624" s="236">
        <f t="shared" si="852"/>
        <v>3.0446712113349728</v>
      </c>
      <c r="P3624" s="236" t="str">
        <f t="shared" si="853"/>
        <v>CLAY</v>
      </c>
      <c r="Q3624" s="236">
        <f t="shared" si="849"/>
        <v>341.8369352241761</v>
      </c>
      <c r="R3624" s="238">
        <v>35</v>
      </c>
      <c r="S3624" s="236">
        <f t="shared" si="854"/>
        <v>5.2661518533887755</v>
      </c>
      <c r="T3624" s="236" t="e">
        <f t="shared" si="840"/>
        <v>#N/A</v>
      </c>
    </row>
    <row r="3625" spans="1:20" x14ac:dyDescent="0.2">
      <c r="A3625" s="53">
        <f t="shared" si="841"/>
        <v>3613</v>
      </c>
      <c r="B3625" s="239">
        <v>36.048999999999999</v>
      </c>
      <c r="C3625" s="3">
        <f t="shared" si="842"/>
        <v>36.042000000000002</v>
      </c>
      <c r="D3625" s="239">
        <v>4.8227000000000002</v>
      </c>
      <c r="E3625" s="239">
        <v>0.1774</v>
      </c>
      <c r="F3625" s="239">
        <v>0.50060000000000004</v>
      </c>
      <c r="G3625">
        <f t="shared" si="843"/>
        <v>4.9228199999999998</v>
      </c>
      <c r="H3625" s="235">
        <f t="shared" si="844"/>
        <v>3.6036255642091319</v>
      </c>
      <c r="I3625" s="236">
        <f t="shared" si="845"/>
        <v>19.939610376929011</v>
      </c>
      <c r="J3625" s="237">
        <f t="shared" si="850"/>
        <v>9.9396103769290107</v>
      </c>
      <c r="K3625" s="237">
        <f t="shared" si="846"/>
        <v>718.66343720527539</v>
      </c>
      <c r="L3625" s="237">
        <f t="shared" si="851"/>
        <v>358.3130144779139</v>
      </c>
      <c r="M3625" s="236">
        <f t="shared" si="847"/>
        <v>11.733195259235734</v>
      </c>
      <c r="N3625" s="236">
        <f t="shared" si="848"/>
        <v>4.2196335305379993</v>
      </c>
      <c r="O3625" s="236">
        <f t="shared" si="852"/>
        <v>3.0278442754603514</v>
      </c>
      <c r="P3625" s="236" t="str">
        <f t="shared" si="853"/>
        <v>CLAY</v>
      </c>
      <c r="Q3625" s="236">
        <f t="shared" si="849"/>
        <v>350.34638023289364</v>
      </c>
      <c r="R3625" s="238">
        <v>35</v>
      </c>
      <c r="S3625" s="236">
        <f t="shared" si="854"/>
        <v>5.4288817397073332</v>
      </c>
      <c r="T3625" s="236" t="e">
        <f t="shared" si="840"/>
        <v>#N/A</v>
      </c>
    </row>
    <row r="3626" spans="1:20" x14ac:dyDescent="0.2">
      <c r="A3626" s="53">
        <f t="shared" si="841"/>
        <v>3614</v>
      </c>
      <c r="B3626" s="239">
        <v>36.058999999999997</v>
      </c>
      <c r="C3626" s="3">
        <f t="shared" si="842"/>
        <v>36.052</v>
      </c>
      <c r="D3626" s="239">
        <v>5.0495999999999999</v>
      </c>
      <c r="E3626" s="239">
        <v>0.17169999999999999</v>
      </c>
      <c r="F3626" s="239">
        <v>0.52649999999999997</v>
      </c>
      <c r="G3626">
        <f t="shared" si="843"/>
        <v>5.1548999999999996</v>
      </c>
      <c r="H3626" s="235">
        <f t="shared" si="844"/>
        <v>3.3308114609400765</v>
      </c>
      <c r="I3626" s="236">
        <f t="shared" si="845"/>
        <v>19.919321071650103</v>
      </c>
      <c r="J3626" s="237">
        <f t="shared" si="850"/>
        <v>9.9193210716501028</v>
      </c>
      <c r="K3626" s="237">
        <f t="shared" si="846"/>
        <v>718.1313632751295</v>
      </c>
      <c r="L3626" s="237">
        <f t="shared" si="851"/>
        <v>357.68079852263105</v>
      </c>
      <c r="M3626" s="236">
        <f t="shared" si="847"/>
        <v>12.404268428863251</v>
      </c>
      <c r="N3626" s="236">
        <f t="shared" si="848"/>
        <v>3.8699335948864202</v>
      </c>
      <c r="O3626" s="236">
        <f t="shared" si="852"/>
        <v>2.9858342288361781</v>
      </c>
      <c r="P3626" s="236" t="str">
        <f t="shared" si="853"/>
        <v>CLAY</v>
      </c>
      <c r="Q3626" s="236">
        <f t="shared" si="849"/>
        <v>369.73071972707248</v>
      </c>
      <c r="R3626" s="238">
        <v>35</v>
      </c>
      <c r="S3626" s="236">
        <f t="shared" si="854"/>
        <v>5.8197449675252351</v>
      </c>
      <c r="T3626" s="236" t="e">
        <f t="shared" si="840"/>
        <v>#N/A</v>
      </c>
    </row>
    <row r="3627" spans="1:20" x14ac:dyDescent="0.2">
      <c r="A3627" s="53">
        <f t="shared" si="841"/>
        <v>3615</v>
      </c>
      <c r="B3627" s="239">
        <v>36.069000000000003</v>
      </c>
      <c r="C3627" s="3">
        <f t="shared" si="842"/>
        <v>36.062000000000005</v>
      </c>
      <c r="D3627" s="239">
        <v>5.4561000000000002</v>
      </c>
      <c r="E3627" s="239">
        <v>0.1583</v>
      </c>
      <c r="F3627" s="239">
        <v>0.45950000000000002</v>
      </c>
      <c r="G3627">
        <f t="shared" si="843"/>
        <v>5.548</v>
      </c>
      <c r="H3627" s="235">
        <f t="shared" si="844"/>
        <v>2.8532804614275413</v>
      </c>
      <c r="I3627" s="236">
        <f t="shared" si="845"/>
        <v>19.85276433167197</v>
      </c>
      <c r="J3627" s="237">
        <f t="shared" si="850"/>
        <v>9.8527643316719704</v>
      </c>
      <c r="K3627" s="237">
        <f t="shared" si="846"/>
        <v>715.9303873287547</v>
      </c>
      <c r="L3627" s="237">
        <f t="shared" si="851"/>
        <v>355.37935667907635</v>
      </c>
      <c r="M3627" s="236">
        <f t="shared" si="847"/>
        <v>13.596933873215441</v>
      </c>
      <c r="N3627" s="236">
        <f t="shared" si="848"/>
        <v>3.276028962515074</v>
      </c>
      <c r="O3627" s="236">
        <f t="shared" si="852"/>
        <v>2.9104878940823506</v>
      </c>
      <c r="P3627" s="236" t="str">
        <f t="shared" si="853"/>
        <v>CLAY</v>
      </c>
      <c r="Q3627" s="236">
        <f t="shared" si="849"/>
        <v>402.67246772260381</v>
      </c>
      <c r="R3627" s="238">
        <v>35</v>
      </c>
      <c r="S3627" s="236">
        <f t="shared" si="854"/>
        <v>6.527415230001048</v>
      </c>
      <c r="T3627" s="236" t="e">
        <f t="shared" si="840"/>
        <v>#N/A</v>
      </c>
    </row>
    <row r="3628" spans="1:20" x14ac:dyDescent="0.2">
      <c r="A3628" s="53">
        <f t="shared" si="841"/>
        <v>3616</v>
      </c>
      <c r="B3628" s="239">
        <v>36.078000000000003</v>
      </c>
      <c r="C3628" s="3">
        <f t="shared" si="842"/>
        <v>36.071000000000005</v>
      </c>
      <c r="D3628" s="239">
        <v>5.7138</v>
      </c>
      <c r="E3628" s="239">
        <v>0.14760000000000001</v>
      </c>
      <c r="F3628" s="239">
        <v>0.50319999999999998</v>
      </c>
      <c r="G3628">
        <f t="shared" si="843"/>
        <v>5.8144400000000003</v>
      </c>
      <c r="H3628" s="235">
        <f t="shared" si="844"/>
        <v>2.5385075776858992</v>
      </c>
      <c r="I3628" s="236">
        <f t="shared" si="845"/>
        <v>19.789033323598268</v>
      </c>
      <c r="J3628" s="237">
        <f t="shared" si="850"/>
        <v>9.7890333235982681</v>
      </c>
      <c r="K3628" s="237">
        <f t="shared" si="846"/>
        <v>713.81022101551321</v>
      </c>
      <c r="L3628" s="237">
        <f t="shared" si="851"/>
        <v>353.16874424877835</v>
      </c>
      <c r="M3628" s="236">
        <f t="shared" si="847"/>
        <v>14.442472223395605</v>
      </c>
      <c r="N3628" s="236">
        <f t="shared" si="848"/>
        <v>2.8937603079552758</v>
      </c>
      <c r="O3628" s="236">
        <f t="shared" si="852"/>
        <v>2.8574591045941093</v>
      </c>
      <c r="P3628" s="236" t="str">
        <f t="shared" si="853"/>
        <v>CLAY</v>
      </c>
      <c r="Q3628" s="236">
        <f t="shared" si="849"/>
        <v>425.05248158204063</v>
      </c>
      <c r="R3628" s="238">
        <v>35</v>
      </c>
      <c r="S3628" s="236">
        <f t="shared" si="854"/>
        <v>7.0386915649938864</v>
      </c>
      <c r="T3628" s="236" t="e">
        <f t="shared" si="840"/>
        <v>#N/A</v>
      </c>
    </row>
    <row r="3629" spans="1:20" x14ac:dyDescent="0.2">
      <c r="A3629" s="53">
        <f t="shared" si="841"/>
        <v>3617</v>
      </c>
      <c r="B3629" s="239">
        <v>36.088000000000001</v>
      </c>
      <c r="C3629" s="3">
        <f t="shared" si="842"/>
        <v>36.081000000000003</v>
      </c>
      <c r="D3629" s="239">
        <v>5.8810000000000002</v>
      </c>
      <c r="E3629" s="239">
        <v>0.14000000000000001</v>
      </c>
      <c r="F3629" s="239">
        <v>0.38619999999999999</v>
      </c>
      <c r="G3629">
        <f t="shared" si="843"/>
        <v>5.95824</v>
      </c>
      <c r="H3629" s="235">
        <f t="shared" si="844"/>
        <v>2.3496871559386667</v>
      </c>
      <c r="I3629" s="236">
        <f t="shared" si="845"/>
        <v>19.7365949442028</v>
      </c>
      <c r="J3629" s="237">
        <f t="shared" si="850"/>
        <v>9.7365949442027997</v>
      </c>
      <c r="K3629" s="237">
        <f t="shared" si="846"/>
        <v>712.11608218178128</v>
      </c>
      <c r="L3629" s="237">
        <f t="shared" si="851"/>
        <v>351.37423834639065</v>
      </c>
      <c r="M3629" s="236">
        <f t="shared" si="847"/>
        <v>14.930303207506354</v>
      </c>
      <c r="N3629" s="236">
        <f t="shared" si="848"/>
        <v>2.6686369249589479</v>
      </c>
      <c r="O3629" s="236">
        <f t="shared" si="852"/>
        <v>2.8251672436969177</v>
      </c>
      <c r="P3629" s="236" t="str">
        <f t="shared" si="853"/>
        <v>CLAY</v>
      </c>
      <c r="Q3629" s="236">
        <f t="shared" si="849"/>
        <v>437.17699315151822</v>
      </c>
      <c r="R3629" s="238">
        <v>35</v>
      </c>
      <c r="S3629" s="236">
        <f t="shared" si="854"/>
        <v>7.3371228890909235</v>
      </c>
      <c r="T3629" s="236" t="e">
        <f t="shared" si="840"/>
        <v>#N/A</v>
      </c>
    </row>
    <row r="3630" spans="1:20" x14ac:dyDescent="0.2">
      <c r="A3630" s="53">
        <f t="shared" si="841"/>
        <v>3618</v>
      </c>
      <c r="B3630" s="239">
        <v>36.097999999999999</v>
      </c>
      <c r="C3630" s="3">
        <f t="shared" si="842"/>
        <v>36.091000000000001</v>
      </c>
      <c r="D3630" s="239">
        <v>6.1115000000000004</v>
      </c>
      <c r="E3630" s="239">
        <v>0.14169999999999999</v>
      </c>
      <c r="F3630" s="239">
        <v>0.39979999999999999</v>
      </c>
      <c r="G3630">
        <f t="shared" si="843"/>
        <v>6.1914600000000002</v>
      </c>
      <c r="H3630" s="235">
        <f t="shared" si="844"/>
        <v>2.2886362828799669</v>
      </c>
      <c r="I3630" s="236">
        <f t="shared" si="845"/>
        <v>19.765755414404648</v>
      </c>
      <c r="J3630" s="237">
        <f t="shared" si="850"/>
        <v>9.7657554144046479</v>
      </c>
      <c r="K3630" s="237">
        <f t="shared" si="846"/>
        <v>713.3658786612782</v>
      </c>
      <c r="L3630" s="237">
        <f t="shared" si="851"/>
        <v>352.52423894917899</v>
      </c>
      <c r="M3630" s="236">
        <f t="shared" si="847"/>
        <v>15.539623992007144</v>
      </c>
      <c r="N3630" s="236">
        <f t="shared" si="848"/>
        <v>2.5866660349634834</v>
      </c>
      <c r="O3630" s="236">
        <f t="shared" si="852"/>
        <v>2.8031543753468817</v>
      </c>
      <c r="P3630" s="236" t="str">
        <f t="shared" si="853"/>
        <v>CLAY</v>
      </c>
      <c r="Q3630" s="236">
        <f t="shared" si="849"/>
        <v>456.50784344489347</v>
      </c>
      <c r="R3630" s="238">
        <v>35</v>
      </c>
      <c r="S3630" s="236">
        <f t="shared" si="854"/>
        <v>7.7133074275141906</v>
      </c>
      <c r="T3630" s="236" t="e">
        <f t="shared" si="840"/>
        <v>#N/A</v>
      </c>
    </row>
    <row r="3631" spans="1:20" x14ac:dyDescent="0.2">
      <c r="A3631" s="53">
        <f t="shared" si="841"/>
        <v>3619</v>
      </c>
      <c r="B3631" s="239">
        <v>36.107999999999997</v>
      </c>
      <c r="C3631" s="3">
        <f t="shared" si="842"/>
        <v>36.100999999999999</v>
      </c>
      <c r="D3631" s="239">
        <v>6.2450000000000001</v>
      </c>
      <c r="E3631" s="239">
        <v>0.15279999999999999</v>
      </c>
      <c r="F3631" s="239">
        <v>0.42859999999999998</v>
      </c>
      <c r="G3631">
        <f t="shared" si="843"/>
        <v>6.3307200000000003</v>
      </c>
      <c r="H3631" s="235">
        <f t="shared" si="844"/>
        <v>2.413627517881062</v>
      </c>
      <c r="I3631" s="236">
        <f t="shared" si="845"/>
        <v>19.86288390589899</v>
      </c>
      <c r="J3631" s="237">
        <f t="shared" si="850"/>
        <v>9.8628839058989897</v>
      </c>
      <c r="K3631" s="237">
        <f t="shared" si="846"/>
        <v>717.06997188685943</v>
      </c>
      <c r="L3631" s="237">
        <f t="shared" si="851"/>
        <v>356.12901207420072</v>
      </c>
      <c r="M3631" s="236">
        <f t="shared" si="847"/>
        <v>15.762967457825418</v>
      </c>
      <c r="N3631" s="236">
        <f t="shared" si="848"/>
        <v>2.7219366942146035</v>
      </c>
      <c r="O3631" s="236">
        <f t="shared" si="852"/>
        <v>2.811094167185598</v>
      </c>
      <c r="P3631" s="236" t="str">
        <f t="shared" si="853"/>
        <v>CLAY</v>
      </c>
      <c r="Q3631" s="236">
        <f t="shared" si="849"/>
        <v>467.80416900942845</v>
      </c>
      <c r="R3631" s="238">
        <v>35</v>
      </c>
      <c r="S3631" s="236">
        <f t="shared" si="854"/>
        <v>7.8521300218457002</v>
      </c>
      <c r="T3631" s="236" t="e">
        <f t="shared" si="840"/>
        <v>#N/A</v>
      </c>
    </row>
    <row r="3632" spans="1:20" x14ac:dyDescent="0.2">
      <c r="A3632" s="53">
        <f t="shared" si="841"/>
        <v>3620</v>
      </c>
      <c r="B3632" s="239">
        <v>36.118000000000002</v>
      </c>
      <c r="C3632" s="3">
        <f t="shared" si="842"/>
        <v>36.111000000000004</v>
      </c>
      <c r="D3632" s="239">
        <v>6.4314999999999998</v>
      </c>
      <c r="E3632" s="239">
        <v>0.1628</v>
      </c>
      <c r="F3632" s="239">
        <v>0.30299999999999999</v>
      </c>
      <c r="G3632">
        <f t="shared" si="843"/>
        <v>6.4920999999999998</v>
      </c>
      <c r="H3632" s="235">
        <f t="shared" si="844"/>
        <v>2.5076631598404213</v>
      </c>
      <c r="I3632" s="236">
        <f t="shared" si="845"/>
        <v>19.94705661658681</v>
      </c>
      <c r="J3632" s="237">
        <f t="shared" si="850"/>
        <v>9.94705661658681</v>
      </c>
      <c r="K3632" s="237">
        <f t="shared" si="846"/>
        <v>720.30816148156634</v>
      </c>
      <c r="L3632" s="237">
        <f t="shared" si="851"/>
        <v>359.26779087788242</v>
      </c>
      <c r="M3632" s="236">
        <f t="shared" si="847"/>
        <v>16.065430815311537</v>
      </c>
      <c r="N3632" s="236">
        <f t="shared" si="848"/>
        <v>2.8206145431916565</v>
      </c>
      <c r="O3632" s="236">
        <f t="shared" si="852"/>
        <v>2.8135798450688023</v>
      </c>
      <c r="P3632" s="236" t="str">
        <f t="shared" si="853"/>
        <v>CLAY</v>
      </c>
      <c r="Q3632" s="236">
        <f t="shared" si="849"/>
        <v>480.9826532098694</v>
      </c>
      <c r="R3632" s="238">
        <v>35</v>
      </c>
      <c r="S3632" s="236">
        <f t="shared" si="854"/>
        <v>8.0409151424920804</v>
      </c>
      <c r="T3632" s="236" t="e">
        <f t="shared" si="840"/>
        <v>#N/A</v>
      </c>
    </row>
    <row r="3633" spans="1:20" x14ac:dyDescent="0.2">
      <c r="A3633" s="53">
        <f t="shared" si="841"/>
        <v>3621</v>
      </c>
      <c r="B3633" s="239">
        <v>36.128</v>
      </c>
      <c r="C3633" s="3">
        <f t="shared" si="842"/>
        <v>36.121000000000002</v>
      </c>
      <c r="D3633" s="239">
        <v>6.1703000000000001</v>
      </c>
      <c r="E3633" s="239">
        <v>0.1636</v>
      </c>
      <c r="F3633" s="239">
        <v>0.34289999999999998</v>
      </c>
      <c r="G3633">
        <f t="shared" si="843"/>
        <v>6.23888</v>
      </c>
      <c r="H3633" s="235">
        <f t="shared" si="844"/>
        <v>2.6222655348395865</v>
      </c>
      <c r="I3633" s="236">
        <f t="shared" si="845"/>
        <v>19.937253931742788</v>
      </c>
      <c r="J3633" s="237">
        <f t="shared" si="850"/>
        <v>9.9372539317427879</v>
      </c>
      <c r="K3633" s="237">
        <f t="shared" si="846"/>
        <v>720.15354926848124</v>
      </c>
      <c r="L3633" s="237">
        <f t="shared" si="851"/>
        <v>359.01311004600342</v>
      </c>
      <c r="M3633" s="236">
        <f t="shared" si="847"/>
        <v>15.371935721300977</v>
      </c>
      <c r="N3633" s="236">
        <f t="shared" si="848"/>
        <v>2.9644520608249114</v>
      </c>
      <c r="O3633" s="236">
        <f t="shared" si="852"/>
        <v>2.8418311753951033</v>
      </c>
      <c r="P3633" s="236" t="str">
        <f t="shared" si="853"/>
        <v>CLAY</v>
      </c>
      <c r="Q3633" s="236">
        <f t="shared" si="849"/>
        <v>459.89387089429323</v>
      </c>
      <c r="R3633" s="238">
        <v>35</v>
      </c>
      <c r="S3633" s="236">
        <f t="shared" si="854"/>
        <v>7.6094051567291636</v>
      </c>
      <c r="T3633" s="236" t="e">
        <f t="shared" si="840"/>
        <v>#N/A</v>
      </c>
    </row>
    <row r="3634" spans="1:20" x14ac:dyDescent="0.2">
      <c r="A3634" s="53">
        <f t="shared" si="841"/>
        <v>3622</v>
      </c>
      <c r="B3634" s="239">
        <v>36.137</v>
      </c>
      <c r="C3634" s="3">
        <f t="shared" si="842"/>
        <v>36.130000000000003</v>
      </c>
      <c r="D3634" s="239">
        <v>5.8901000000000003</v>
      </c>
      <c r="E3634" s="239">
        <v>0.15709999999999999</v>
      </c>
      <c r="F3634" s="239">
        <v>0.21379999999999999</v>
      </c>
      <c r="G3634">
        <f t="shared" si="843"/>
        <v>5.9328600000000007</v>
      </c>
      <c r="H3634" s="235">
        <f t="shared" si="844"/>
        <v>2.6479640510647475</v>
      </c>
      <c r="I3634" s="236">
        <f t="shared" si="845"/>
        <v>19.870056444209045</v>
      </c>
      <c r="J3634" s="237">
        <f t="shared" si="850"/>
        <v>9.8700564442090446</v>
      </c>
      <c r="K3634" s="237">
        <f t="shared" si="846"/>
        <v>717.90513932927286</v>
      </c>
      <c r="L3634" s="237">
        <f t="shared" si="851"/>
        <v>356.67422972438226</v>
      </c>
      <c r="M3634" s="236">
        <f t="shared" si="847"/>
        <v>14.621058731101909</v>
      </c>
      <c r="N3634" s="236">
        <f t="shared" si="848"/>
        <v>3.0124901211473651</v>
      </c>
      <c r="O3634" s="236">
        <f t="shared" si="852"/>
        <v>2.8634718321993686</v>
      </c>
      <c r="P3634" s="236" t="str">
        <f t="shared" si="853"/>
        <v>CLAY</v>
      </c>
      <c r="Q3634" s="236">
        <f t="shared" si="849"/>
        <v>434.57957172256062</v>
      </c>
      <c r="R3634" s="238">
        <v>35</v>
      </c>
      <c r="S3634" s="236">
        <f t="shared" si="854"/>
        <v>7.1476542381057184</v>
      </c>
      <c r="T3634" s="236" t="e">
        <f t="shared" si="840"/>
        <v>#N/A</v>
      </c>
    </row>
    <row r="3635" spans="1:20" x14ac:dyDescent="0.2">
      <c r="A3635" s="53">
        <f t="shared" si="841"/>
        <v>3623</v>
      </c>
      <c r="B3635" s="239">
        <v>36.146999999999998</v>
      </c>
      <c r="C3635" s="3">
        <f t="shared" si="842"/>
        <v>36.14</v>
      </c>
      <c r="D3635" s="239">
        <v>5.7538</v>
      </c>
      <c r="E3635" s="239">
        <v>0.15140000000000001</v>
      </c>
      <c r="F3635" s="239">
        <v>0.20499999999999999</v>
      </c>
      <c r="G3635">
        <f t="shared" si="843"/>
        <v>5.7948000000000004</v>
      </c>
      <c r="H3635" s="235">
        <f t="shared" si="844"/>
        <v>2.6126872368330227</v>
      </c>
      <c r="I3635" s="236">
        <f t="shared" si="845"/>
        <v>19.817517523628606</v>
      </c>
      <c r="J3635" s="237">
        <f t="shared" si="850"/>
        <v>9.8175175236286059</v>
      </c>
      <c r="K3635" s="237">
        <f t="shared" si="846"/>
        <v>716.20508330393784</v>
      </c>
      <c r="L3635" s="237">
        <f t="shared" si="851"/>
        <v>354.87380592660321</v>
      </c>
      <c r="M3635" s="236">
        <f t="shared" si="847"/>
        <v>14.310988390465887</v>
      </c>
      <c r="N3635" s="236">
        <f t="shared" si="848"/>
        <v>2.9811395175911173</v>
      </c>
      <c r="O3635" s="236">
        <f t="shared" si="852"/>
        <v>2.8682845828097543</v>
      </c>
      <c r="P3635" s="236" t="str">
        <f t="shared" si="853"/>
        <v>CLAY</v>
      </c>
      <c r="Q3635" s="236">
        <f t="shared" si="849"/>
        <v>423.2162430580052</v>
      </c>
      <c r="R3635" s="238">
        <v>35</v>
      </c>
      <c r="S3635" s="236">
        <f t="shared" si="854"/>
        <v>6.9586828813404349</v>
      </c>
      <c r="T3635" s="236" t="e">
        <f t="shared" si="840"/>
        <v>#N/A</v>
      </c>
    </row>
    <row r="3636" spans="1:20" x14ac:dyDescent="0.2">
      <c r="A3636" s="53">
        <f t="shared" si="841"/>
        <v>3624</v>
      </c>
      <c r="B3636" s="239">
        <v>36.156999999999996</v>
      </c>
      <c r="C3636" s="3">
        <f t="shared" si="842"/>
        <v>36.15</v>
      </c>
      <c r="D3636" s="239">
        <v>5.7675000000000001</v>
      </c>
      <c r="E3636" s="239">
        <v>0.151</v>
      </c>
      <c r="F3636" s="239">
        <v>0.22589999999999999</v>
      </c>
      <c r="G3636">
        <f t="shared" si="843"/>
        <v>5.8126800000000003</v>
      </c>
      <c r="H3636" s="235">
        <f t="shared" si="844"/>
        <v>2.5977690153251167</v>
      </c>
      <c r="I3636" s="236">
        <f t="shared" si="845"/>
        <v>19.815619585402334</v>
      </c>
      <c r="J3636" s="237">
        <f t="shared" si="850"/>
        <v>9.8156195854023345</v>
      </c>
      <c r="K3636" s="237">
        <f t="shared" si="846"/>
        <v>716.33464801229434</v>
      </c>
      <c r="L3636" s="237">
        <f t="shared" si="851"/>
        <v>354.90335734939219</v>
      </c>
      <c r="M3636" s="236">
        <f t="shared" si="847"/>
        <v>14.35981161195525</v>
      </c>
      <c r="N3636" s="236">
        <f t="shared" si="848"/>
        <v>2.962907526294428</v>
      </c>
      <c r="O3636" s="236">
        <f t="shared" si="852"/>
        <v>2.8655175902653656</v>
      </c>
      <c r="P3636" s="236" t="str">
        <f t="shared" si="853"/>
        <v>CLAY</v>
      </c>
      <c r="Q3636" s="236">
        <f t="shared" si="849"/>
        <v>424.69544599897546</v>
      </c>
      <c r="R3636" s="238">
        <v>35</v>
      </c>
      <c r="S3636" s="236">
        <f t="shared" si="854"/>
        <v>6.9883707396214483</v>
      </c>
      <c r="T3636" s="236" t="e">
        <f t="shared" si="840"/>
        <v>#N/A</v>
      </c>
    </row>
    <row r="3637" spans="1:20" x14ac:dyDescent="0.2">
      <c r="A3637" s="53">
        <f t="shared" si="841"/>
        <v>3625</v>
      </c>
      <c r="B3637" s="239">
        <v>36.167000000000002</v>
      </c>
      <c r="C3637" s="3">
        <f t="shared" si="842"/>
        <v>36.160000000000004</v>
      </c>
      <c r="D3637" s="239">
        <v>5.9314</v>
      </c>
      <c r="E3637" s="239">
        <v>0.15290000000000001</v>
      </c>
      <c r="F3637" s="239">
        <v>0.29149999999999998</v>
      </c>
      <c r="G3637">
        <f t="shared" si="843"/>
        <v>5.9897</v>
      </c>
      <c r="H3637" s="235">
        <f t="shared" si="844"/>
        <v>2.5527154949329685</v>
      </c>
      <c r="I3637" s="236">
        <f t="shared" si="845"/>
        <v>19.842007828777749</v>
      </c>
      <c r="J3637" s="237">
        <f t="shared" si="850"/>
        <v>9.8420078287777493</v>
      </c>
      <c r="K3637" s="237">
        <f t="shared" si="846"/>
        <v>717.4870030886035</v>
      </c>
      <c r="L3637" s="237">
        <f t="shared" si="851"/>
        <v>355.95589714340485</v>
      </c>
      <c r="M3637" s="236">
        <f t="shared" si="847"/>
        <v>14.811421974524464</v>
      </c>
      <c r="N3637" s="236">
        <f t="shared" si="848"/>
        <v>2.9001104486782481</v>
      </c>
      <c r="O3637" s="236">
        <f t="shared" si="852"/>
        <v>2.8491707496168148</v>
      </c>
      <c r="P3637" s="236" t="str">
        <f t="shared" si="853"/>
        <v>CLAY</v>
      </c>
      <c r="Q3637" s="236">
        <f t="shared" si="849"/>
        <v>439.3510830759497</v>
      </c>
      <c r="R3637" s="238">
        <v>35</v>
      </c>
      <c r="S3637" s="236">
        <f t="shared" si="854"/>
        <v>7.264169218854172</v>
      </c>
      <c r="T3637" s="236" t="e">
        <f t="shared" si="840"/>
        <v>#N/A</v>
      </c>
    </row>
    <row r="3638" spans="1:20" x14ac:dyDescent="0.2">
      <c r="A3638" s="53">
        <f t="shared" si="841"/>
        <v>3626</v>
      </c>
      <c r="B3638" s="239">
        <v>36.176000000000002</v>
      </c>
      <c r="C3638" s="3">
        <f t="shared" si="842"/>
        <v>36.169000000000004</v>
      </c>
      <c r="D3638" s="239">
        <v>6.0541999999999998</v>
      </c>
      <c r="E3638" s="239">
        <v>0.1595</v>
      </c>
      <c r="F3638" s="239">
        <v>0.35759999999999997</v>
      </c>
      <c r="G3638">
        <f t="shared" si="843"/>
        <v>6.1257199999999994</v>
      </c>
      <c r="H3638" s="235">
        <f t="shared" si="844"/>
        <v>2.6037755561795191</v>
      </c>
      <c r="I3638" s="236">
        <f t="shared" si="845"/>
        <v>19.900338337960271</v>
      </c>
      <c r="J3638" s="237">
        <f t="shared" si="850"/>
        <v>9.900338337960271</v>
      </c>
      <c r="K3638" s="237">
        <f t="shared" si="846"/>
        <v>719.7753373456851</v>
      </c>
      <c r="L3638" s="237">
        <f t="shared" si="851"/>
        <v>358.1546397140508</v>
      </c>
      <c r="M3638" s="236">
        <f t="shared" si="847"/>
        <v>15.093884214289107</v>
      </c>
      <c r="N3638" s="236">
        <f t="shared" si="848"/>
        <v>2.9504556548990948</v>
      </c>
      <c r="O3638" s="236">
        <f t="shared" si="852"/>
        <v>2.8469840067305885</v>
      </c>
      <c r="P3638" s="236" t="str">
        <f t="shared" si="853"/>
        <v>CLAY</v>
      </c>
      <c r="Q3638" s="236">
        <f t="shared" si="849"/>
        <v>450.49538855452619</v>
      </c>
      <c r="R3638" s="238">
        <v>35</v>
      </c>
      <c r="S3638" s="236">
        <f t="shared" si="854"/>
        <v>7.4377448582817882</v>
      </c>
      <c r="T3638" s="236" t="e">
        <f t="shared" si="840"/>
        <v>#N/A</v>
      </c>
    </row>
    <row r="3639" spans="1:20" x14ac:dyDescent="0.2">
      <c r="A3639" s="53">
        <f t="shared" si="841"/>
        <v>3627</v>
      </c>
      <c r="B3639" s="239">
        <v>36.186999999999998</v>
      </c>
      <c r="C3639" s="3">
        <f t="shared" si="842"/>
        <v>36.18</v>
      </c>
      <c r="D3639" s="239">
        <v>6.2371999999999996</v>
      </c>
      <c r="E3639" s="239">
        <v>0.15609999999999999</v>
      </c>
      <c r="F3639" s="239">
        <v>0.37140000000000001</v>
      </c>
      <c r="G3639">
        <f t="shared" si="843"/>
        <v>6.3114799999999995</v>
      </c>
      <c r="H3639" s="235">
        <f t="shared" si="844"/>
        <v>2.4732709285302339</v>
      </c>
      <c r="I3639" s="236">
        <f t="shared" si="845"/>
        <v>19.886748981964352</v>
      </c>
      <c r="J3639" s="237">
        <f t="shared" si="850"/>
        <v>9.8867489819643524</v>
      </c>
      <c r="K3639" s="237">
        <f t="shared" si="846"/>
        <v>719.50257816747023</v>
      </c>
      <c r="L3639" s="237">
        <f t="shared" si="851"/>
        <v>357.77178541034402</v>
      </c>
      <c r="M3639" s="236">
        <f t="shared" si="847"/>
        <v>15.630012342697306</v>
      </c>
      <c r="N3639" s="236">
        <f t="shared" si="848"/>
        <v>2.7914991106821203</v>
      </c>
      <c r="O3639" s="236">
        <f t="shared" si="852"/>
        <v>2.8205275620763377</v>
      </c>
      <c r="P3639" s="236" t="str">
        <f t="shared" si="853"/>
        <v>CLAY</v>
      </c>
      <c r="Q3639" s="236">
        <f t="shared" si="849"/>
        <v>465.99811848604412</v>
      </c>
      <c r="R3639" s="238">
        <v>35</v>
      </c>
      <c r="S3639" s="236">
        <f t="shared" si="854"/>
        <v>7.7694300303479746</v>
      </c>
      <c r="T3639" s="236" t="e">
        <f t="shared" si="840"/>
        <v>#N/A</v>
      </c>
    </row>
    <row r="3640" spans="1:20" x14ac:dyDescent="0.2">
      <c r="A3640" s="53">
        <f t="shared" si="841"/>
        <v>3628</v>
      </c>
      <c r="B3640" s="239">
        <v>36.195999999999998</v>
      </c>
      <c r="C3640" s="3">
        <f t="shared" si="842"/>
        <v>36.189</v>
      </c>
      <c r="D3640" s="239">
        <v>6.3727999999999998</v>
      </c>
      <c r="E3640" s="239">
        <v>0.14649999999999999</v>
      </c>
      <c r="F3640" s="239">
        <v>0.26369999999999999</v>
      </c>
      <c r="G3640">
        <f t="shared" si="843"/>
        <v>6.4255399999999998</v>
      </c>
      <c r="H3640" s="235">
        <f t="shared" si="844"/>
        <v>2.2799640185883208</v>
      </c>
      <c r="I3640" s="236">
        <f t="shared" si="845"/>
        <v>19.819323309381744</v>
      </c>
      <c r="J3640" s="237">
        <f t="shared" si="850"/>
        <v>9.819323309381744</v>
      </c>
      <c r="K3640" s="237">
        <f t="shared" si="846"/>
        <v>717.24149124321593</v>
      </c>
      <c r="L3640" s="237">
        <f t="shared" si="851"/>
        <v>355.4202265063816</v>
      </c>
      <c r="M3640" s="236">
        <f t="shared" si="847"/>
        <v>16.06070246723646</v>
      </c>
      <c r="N3640" s="236">
        <f t="shared" si="848"/>
        <v>2.5664390146251543</v>
      </c>
      <c r="O3640" s="236">
        <f t="shared" si="852"/>
        <v>2.7895307085638192</v>
      </c>
      <c r="P3640" s="236" t="str">
        <f t="shared" si="853"/>
        <v>CLAY</v>
      </c>
      <c r="Q3640" s="236">
        <f t="shared" si="849"/>
        <v>475.69154239639869</v>
      </c>
      <c r="R3640" s="238">
        <v>35</v>
      </c>
      <c r="S3640" s="236">
        <f t="shared" si="854"/>
        <v>8.0379570171223129</v>
      </c>
      <c r="T3640" s="236" t="e">
        <f t="shared" si="840"/>
        <v>#N/A</v>
      </c>
    </row>
    <row r="3641" spans="1:20" x14ac:dyDescent="0.2">
      <c r="A3641" s="53">
        <f t="shared" si="841"/>
        <v>3629</v>
      </c>
      <c r="B3641" s="239">
        <v>36.206000000000003</v>
      </c>
      <c r="C3641" s="3">
        <f t="shared" si="842"/>
        <v>36.199000000000005</v>
      </c>
      <c r="D3641" s="239">
        <v>6.4118000000000004</v>
      </c>
      <c r="E3641" s="239">
        <v>0.13719999999999999</v>
      </c>
      <c r="F3641" s="239">
        <v>0.1641</v>
      </c>
      <c r="G3641">
        <f t="shared" si="843"/>
        <v>6.4446200000000005</v>
      </c>
      <c r="H3641" s="235">
        <f t="shared" si="844"/>
        <v>2.128907522864032</v>
      </c>
      <c r="I3641" s="236">
        <f t="shared" si="845"/>
        <v>19.743576738352331</v>
      </c>
      <c r="J3641" s="237">
        <f t="shared" si="850"/>
        <v>9.7435767383523313</v>
      </c>
      <c r="K3641" s="237">
        <f t="shared" si="846"/>
        <v>714.69773435161619</v>
      </c>
      <c r="L3641" s="237">
        <f t="shared" si="851"/>
        <v>352.77593938878454</v>
      </c>
      <c r="M3641" s="236">
        <f t="shared" si="847"/>
        <v>16.242383977705455</v>
      </c>
      <c r="N3641" s="236">
        <f t="shared" si="848"/>
        <v>2.3944478413351522</v>
      </c>
      <c r="O3641" s="236">
        <f t="shared" si="852"/>
        <v>2.7680537022407119</v>
      </c>
      <c r="P3641" s="236" t="str">
        <f t="shared" si="853"/>
        <v>CLAY</v>
      </c>
      <c r="Q3641" s="236">
        <f t="shared" si="849"/>
        <v>477.49352213736535</v>
      </c>
      <c r="R3641" s="238">
        <v>35</v>
      </c>
      <c r="S3641" s="236">
        <f t="shared" si="854"/>
        <v>8.1517757719753483</v>
      </c>
      <c r="T3641" s="236" t="e">
        <f t="shared" si="840"/>
        <v>#N/A</v>
      </c>
    </row>
    <row r="3642" spans="1:20" x14ac:dyDescent="0.2">
      <c r="A3642" s="53">
        <f t="shared" si="841"/>
        <v>3630</v>
      </c>
      <c r="B3642" s="239">
        <v>36.215000000000003</v>
      </c>
      <c r="C3642" s="3">
        <f t="shared" si="842"/>
        <v>36.208000000000006</v>
      </c>
      <c r="D3642" s="239">
        <v>6.3926999999999996</v>
      </c>
      <c r="E3642" s="239">
        <v>0.13750000000000001</v>
      </c>
      <c r="F3642" s="239">
        <v>0.18820000000000001</v>
      </c>
      <c r="G3642">
        <f t="shared" si="843"/>
        <v>6.4303399999999993</v>
      </c>
      <c r="H3642" s="235">
        <f t="shared" si="844"/>
        <v>2.1383006186298084</v>
      </c>
      <c r="I3642" s="236">
        <f t="shared" si="845"/>
        <v>19.745270882341327</v>
      </c>
      <c r="J3642" s="237">
        <f t="shared" si="850"/>
        <v>9.7452708823413268</v>
      </c>
      <c r="K3642" s="237">
        <f t="shared" si="846"/>
        <v>714.93676810781483</v>
      </c>
      <c r="L3642" s="237">
        <f t="shared" si="851"/>
        <v>352.9249850039912</v>
      </c>
      <c r="M3642" s="236">
        <f t="shared" si="847"/>
        <v>16.19438542110457</v>
      </c>
      <c r="N3642" s="236">
        <f t="shared" si="848"/>
        <v>2.4057795123315948</v>
      </c>
      <c r="O3642" s="236">
        <f t="shared" si="852"/>
        <v>2.7702875666991766</v>
      </c>
      <c r="P3642" s="236" t="str">
        <f t="shared" si="853"/>
        <v>CLAY</v>
      </c>
      <c r="Q3642" s="236">
        <f t="shared" si="849"/>
        <v>476.28360265768202</v>
      </c>
      <c r="R3642" s="238">
        <v>35</v>
      </c>
      <c r="S3642" s="236">
        <f t="shared" si="854"/>
        <v>8.1216748312199716</v>
      </c>
      <c r="T3642" s="236" t="e">
        <f t="shared" si="840"/>
        <v>#N/A</v>
      </c>
    </row>
    <row r="3643" spans="1:20" x14ac:dyDescent="0.2">
      <c r="A3643" s="53">
        <f t="shared" si="841"/>
        <v>3631</v>
      </c>
      <c r="B3643" s="239">
        <v>36.225000000000001</v>
      </c>
      <c r="C3643" s="3">
        <f t="shared" si="842"/>
        <v>36.218000000000004</v>
      </c>
      <c r="D3643" s="239">
        <v>6.6905999999999999</v>
      </c>
      <c r="E3643" s="239">
        <v>0.1429</v>
      </c>
      <c r="F3643" s="239">
        <v>0.2586</v>
      </c>
      <c r="G3643">
        <f t="shared" si="843"/>
        <v>6.7423199999999994</v>
      </c>
      <c r="H3643" s="235">
        <f t="shared" si="844"/>
        <v>2.1194484984397062</v>
      </c>
      <c r="I3643" s="236">
        <f t="shared" si="845"/>
        <v>19.80895849692962</v>
      </c>
      <c r="J3643" s="237">
        <f t="shared" si="850"/>
        <v>9.8089584969296197</v>
      </c>
      <c r="K3643" s="237">
        <f t="shared" si="846"/>
        <v>717.44085884179708</v>
      </c>
      <c r="L3643" s="237">
        <f t="shared" si="851"/>
        <v>355.32952155127549</v>
      </c>
      <c r="M3643" s="236">
        <f t="shared" si="847"/>
        <v>16.955751705783296</v>
      </c>
      <c r="N3643" s="236">
        <f t="shared" si="848"/>
        <v>2.3718318102648182</v>
      </c>
      <c r="O3643" s="236">
        <f t="shared" si="852"/>
        <v>2.7504459100838026</v>
      </c>
      <c r="P3643" s="236" t="str">
        <f t="shared" si="853"/>
        <v>CLAY</v>
      </c>
      <c r="Q3643" s="236">
        <f t="shared" si="849"/>
        <v>502.07326176318355</v>
      </c>
      <c r="R3643" s="238">
        <v>35</v>
      </c>
      <c r="S3643" s="236">
        <f t="shared" si="854"/>
        <v>8.6017401542269347</v>
      </c>
      <c r="T3643" s="236" t="e">
        <f t="shared" si="840"/>
        <v>#N/A</v>
      </c>
    </row>
    <row r="3644" spans="1:20" x14ac:dyDescent="0.2">
      <c r="A3644" s="53">
        <f t="shared" si="841"/>
        <v>3632</v>
      </c>
      <c r="B3644" s="239">
        <v>36.234999999999999</v>
      </c>
      <c r="C3644" s="3">
        <f t="shared" si="842"/>
        <v>36.228000000000002</v>
      </c>
      <c r="D3644" s="239">
        <v>7.3422000000000001</v>
      </c>
      <c r="E3644" s="239">
        <v>0.14380000000000001</v>
      </c>
      <c r="F3644" s="239">
        <v>0.31780000000000003</v>
      </c>
      <c r="G3644">
        <f t="shared" si="843"/>
        <v>7.4057599999999999</v>
      </c>
      <c r="H3644" s="235">
        <f t="shared" si="844"/>
        <v>1.9417318411614746</v>
      </c>
      <c r="I3644" s="236">
        <f t="shared" si="845"/>
        <v>19.853004717012148</v>
      </c>
      <c r="J3644" s="237">
        <f t="shared" si="850"/>
        <v>9.8530047170121478</v>
      </c>
      <c r="K3644" s="237">
        <f t="shared" si="846"/>
        <v>719.23465488791612</v>
      </c>
      <c r="L3644" s="237">
        <f t="shared" si="851"/>
        <v>357.02362592093516</v>
      </c>
      <c r="M3644" s="236">
        <f t="shared" si="847"/>
        <v>18.728523435569084</v>
      </c>
      <c r="N3644" s="236">
        <f t="shared" si="848"/>
        <v>2.1505938073669193</v>
      </c>
      <c r="O3644" s="236">
        <f t="shared" si="852"/>
        <v>2.6906185635141546</v>
      </c>
      <c r="P3644" s="236" t="str">
        <f t="shared" si="853"/>
        <v>CLAY</v>
      </c>
      <c r="Q3644" s="236">
        <f t="shared" si="849"/>
        <v>557.21044542600703</v>
      </c>
      <c r="R3644" s="238">
        <v>35</v>
      </c>
      <c r="S3644" s="236">
        <f t="shared" si="854"/>
        <v>9.7402349332910951</v>
      </c>
      <c r="T3644" s="236" t="e">
        <f t="shared" si="840"/>
        <v>#N/A</v>
      </c>
    </row>
    <row r="3645" spans="1:20" x14ac:dyDescent="0.2">
      <c r="A3645" s="53">
        <f t="shared" si="841"/>
        <v>3633</v>
      </c>
      <c r="B3645" s="239">
        <v>36.244</v>
      </c>
      <c r="C3645" s="3">
        <f t="shared" si="842"/>
        <v>36.237000000000002</v>
      </c>
      <c r="D3645" s="239">
        <v>7.9013999999999998</v>
      </c>
      <c r="E3645" s="239">
        <v>0.15759999999999999</v>
      </c>
      <c r="F3645" s="239">
        <v>0.35639999999999999</v>
      </c>
      <c r="G3645">
        <f t="shared" si="843"/>
        <v>7.9726799999999995</v>
      </c>
      <c r="H3645" s="235">
        <f t="shared" si="844"/>
        <v>1.9767506033103046</v>
      </c>
      <c r="I3645" s="236">
        <f t="shared" si="845"/>
        <v>19.989288729719416</v>
      </c>
      <c r="J3645" s="237">
        <f t="shared" si="850"/>
        <v>9.9892887297194157</v>
      </c>
      <c r="K3645" s="237">
        <f t="shared" si="846"/>
        <v>724.35185569884254</v>
      </c>
      <c r="L3645" s="237">
        <f t="shared" si="851"/>
        <v>362.0517807199505</v>
      </c>
      <c r="M3645" s="236">
        <f t="shared" si="847"/>
        <v>20.020142229069126</v>
      </c>
      <c r="N3645" s="236">
        <f t="shared" si="848"/>
        <v>2.1742944974684906</v>
      </c>
      <c r="O3645" s="236">
        <f t="shared" si="852"/>
        <v>2.669789351264213</v>
      </c>
      <c r="P3645" s="236" t="str">
        <f t="shared" si="853"/>
        <v>CLAY</v>
      </c>
      <c r="Q3645" s="236">
        <f t="shared" si="849"/>
        <v>604.02734535842967</v>
      </c>
      <c r="R3645" s="238">
        <v>35</v>
      </c>
      <c r="S3645" s="236">
        <f t="shared" si="854"/>
        <v>10.587025443582922</v>
      </c>
      <c r="T3645" s="236" t="e">
        <f t="shared" si="840"/>
        <v>#N/A</v>
      </c>
    </row>
    <row r="3646" spans="1:20" x14ac:dyDescent="0.2">
      <c r="A3646" s="53">
        <f t="shared" si="841"/>
        <v>3634</v>
      </c>
      <c r="B3646" s="239">
        <v>36.253999999999998</v>
      </c>
      <c r="C3646" s="3">
        <f t="shared" si="842"/>
        <v>36.247</v>
      </c>
      <c r="D3646" s="239">
        <v>8.4525000000000006</v>
      </c>
      <c r="E3646" s="239">
        <v>0.16589999999999999</v>
      </c>
      <c r="F3646" s="239">
        <v>0.40160000000000001</v>
      </c>
      <c r="G3646">
        <f t="shared" si="843"/>
        <v>8.532820000000001</v>
      </c>
      <c r="H3646" s="235">
        <f t="shared" si="844"/>
        <v>1.944257584245302</v>
      </c>
      <c r="I3646" s="236">
        <f t="shared" si="845"/>
        <v>20.076011622499294</v>
      </c>
      <c r="J3646" s="237">
        <f t="shared" si="850"/>
        <v>10.076011622499294</v>
      </c>
      <c r="K3646" s="237">
        <f t="shared" si="846"/>
        <v>727.69519328073193</v>
      </c>
      <c r="L3646" s="237">
        <f t="shared" si="851"/>
        <v>365.2957253620894</v>
      </c>
      <c r="M3646" s="236">
        <f t="shared" si="847"/>
        <v>21.366592228755628</v>
      </c>
      <c r="N3646" s="236">
        <f t="shared" si="848"/>
        <v>2.1255265496482534</v>
      </c>
      <c r="O3646" s="236">
        <f t="shared" si="852"/>
        <v>2.6410955726052654</v>
      </c>
      <c r="P3646" s="236" t="str">
        <f t="shared" si="853"/>
        <v>CLAY</v>
      </c>
      <c r="Q3646" s="236">
        <f t="shared" si="849"/>
        <v>650.4270672266058</v>
      </c>
      <c r="R3646" s="238">
        <v>35</v>
      </c>
      <c r="S3646" s="236">
        <f t="shared" si="854"/>
        <v>11.484420504635125</v>
      </c>
      <c r="T3646" s="236" t="e">
        <f t="shared" si="840"/>
        <v>#N/A</v>
      </c>
    </row>
    <row r="3647" spans="1:20" x14ac:dyDescent="0.2">
      <c r="A3647" s="53">
        <f t="shared" si="841"/>
        <v>3635</v>
      </c>
      <c r="B3647" s="239">
        <v>36.262999999999998</v>
      </c>
      <c r="C3647" s="3">
        <f t="shared" si="842"/>
        <v>36.256</v>
      </c>
      <c r="D3647" s="239">
        <v>9.0404999999999998</v>
      </c>
      <c r="E3647" s="239">
        <v>0.1583</v>
      </c>
      <c r="F3647" s="239">
        <v>0.31119999999999998</v>
      </c>
      <c r="G3647">
        <f t="shared" si="843"/>
        <v>9.1027399999999989</v>
      </c>
      <c r="H3647" s="235">
        <f t="shared" si="844"/>
        <v>1.7390368174857243</v>
      </c>
      <c r="I3647" s="236">
        <f t="shared" si="845"/>
        <v>20.046296448917499</v>
      </c>
      <c r="J3647" s="237">
        <f t="shared" si="850"/>
        <v>10.046296448917499</v>
      </c>
      <c r="K3647" s="237">
        <f t="shared" si="846"/>
        <v>726.79852405195288</v>
      </c>
      <c r="L3647" s="237">
        <f t="shared" si="851"/>
        <v>364.30884812709525</v>
      </c>
      <c r="M3647" s="236">
        <f t="shared" si="847"/>
        <v>22.99132046616106</v>
      </c>
      <c r="N3647" s="236">
        <f t="shared" si="848"/>
        <v>1.8899367964134743</v>
      </c>
      <c r="O3647" s="236">
        <f t="shared" si="852"/>
        <v>2.585509077270963</v>
      </c>
      <c r="P3647" s="236" t="str">
        <f t="shared" si="853"/>
        <v>SAND</v>
      </c>
      <c r="Q3647" s="236" t="e">
        <f t="shared" si="849"/>
        <v>#N/A</v>
      </c>
      <c r="R3647" s="238">
        <v>35</v>
      </c>
      <c r="S3647" s="236" t="e">
        <f t="shared" si="854"/>
        <v>#N/A</v>
      </c>
      <c r="T3647" s="236">
        <f t="shared" si="840"/>
        <v>32.577203064200738</v>
      </c>
    </row>
    <row r="3648" spans="1:20" x14ac:dyDescent="0.2">
      <c r="A3648" s="53">
        <f t="shared" si="841"/>
        <v>3636</v>
      </c>
      <c r="B3648" s="239">
        <v>36.273000000000003</v>
      </c>
      <c r="C3648" s="3">
        <f t="shared" si="842"/>
        <v>36.266000000000005</v>
      </c>
      <c r="D3648" s="239">
        <v>9.6584000000000003</v>
      </c>
      <c r="E3648" s="239">
        <v>0.1457</v>
      </c>
      <c r="F3648" s="239">
        <v>0.31909999999999999</v>
      </c>
      <c r="G3648">
        <f t="shared" si="843"/>
        <v>9.7222200000000001</v>
      </c>
      <c r="H3648" s="235">
        <f t="shared" si="844"/>
        <v>1.498628913972323</v>
      </c>
      <c r="I3648" s="236">
        <f t="shared" si="845"/>
        <v>19.974772744045559</v>
      </c>
      <c r="J3648" s="237">
        <f t="shared" si="850"/>
        <v>9.9747727440455591</v>
      </c>
      <c r="K3648" s="237">
        <f t="shared" si="846"/>
        <v>724.40510833555641</v>
      </c>
      <c r="L3648" s="237">
        <f t="shared" si="851"/>
        <v>361.81493174476458</v>
      </c>
      <c r="M3648" s="236">
        <f t="shared" si="847"/>
        <v>24.868555999816444</v>
      </c>
      <c r="N3648" s="236">
        <f t="shared" si="848"/>
        <v>1.6192820340744749</v>
      </c>
      <c r="O3648" s="236">
        <f t="shared" si="852"/>
        <v>2.5191046753375868</v>
      </c>
      <c r="P3648" s="236" t="str">
        <f t="shared" si="853"/>
        <v>SAND</v>
      </c>
      <c r="Q3648" s="236" t="e">
        <f t="shared" si="849"/>
        <v>#N/A</v>
      </c>
      <c r="R3648" s="238">
        <v>35</v>
      </c>
      <c r="S3648" s="236" t="e">
        <f t="shared" si="854"/>
        <v>#N/A</v>
      </c>
      <c r="T3648" s="236">
        <f t="shared" si="840"/>
        <v>32.952156254185603</v>
      </c>
    </row>
    <row r="3649" spans="1:20" x14ac:dyDescent="0.2">
      <c r="A3649" s="53">
        <f t="shared" si="841"/>
        <v>3637</v>
      </c>
      <c r="B3649" s="239">
        <v>36.281999999999996</v>
      </c>
      <c r="C3649" s="3">
        <f t="shared" si="842"/>
        <v>36.274999999999999</v>
      </c>
      <c r="D3649" s="239">
        <v>10.307399999999999</v>
      </c>
      <c r="E3649" s="239">
        <v>0.13800000000000001</v>
      </c>
      <c r="F3649" s="239">
        <v>0.19989999999999999</v>
      </c>
      <c r="G3649">
        <f t="shared" si="843"/>
        <v>10.347379999999999</v>
      </c>
      <c r="H3649" s="235">
        <f t="shared" si="844"/>
        <v>1.3336709389236696</v>
      </c>
      <c r="I3649" s="236">
        <f t="shared" si="845"/>
        <v>19.935463946341656</v>
      </c>
      <c r="J3649" s="237">
        <f t="shared" si="850"/>
        <v>9.9354639463416561</v>
      </c>
      <c r="K3649" s="237">
        <f t="shared" si="846"/>
        <v>723.15895465354356</v>
      </c>
      <c r="L3649" s="237">
        <f t="shared" si="851"/>
        <v>360.47850290116793</v>
      </c>
      <c r="M3649" s="236">
        <f t="shared" si="847"/>
        <v>26.698460429373011</v>
      </c>
      <c r="N3649" s="236">
        <f t="shared" si="848"/>
        <v>1.4338822783660641</v>
      </c>
      <c r="O3649" s="236">
        <f t="shared" si="852"/>
        <v>2.4638867635441342</v>
      </c>
      <c r="P3649" s="236" t="str">
        <f t="shared" si="853"/>
        <v>SAND</v>
      </c>
      <c r="Q3649" s="236" t="e">
        <f t="shared" si="849"/>
        <v>#N/A</v>
      </c>
      <c r="R3649" s="238">
        <v>35</v>
      </c>
      <c r="S3649" s="236" t="e">
        <f t="shared" si="854"/>
        <v>#N/A</v>
      </c>
      <c r="T3649" s="236">
        <f t="shared" si="840"/>
        <v>33.291348402749563</v>
      </c>
    </row>
    <row r="3650" spans="1:20" x14ac:dyDescent="0.2">
      <c r="A3650" s="53">
        <f t="shared" si="841"/>
        <v>3638</v>
      </c>
      <c r="B3650" s="239">
        <v>36.292000000000002</v>
      </c>
      <c r="C3650" s="3">
        <f t="shared" si="842"/>
        <v>36.285000000000004</v>
      </c>
      <c r="D3650" s="239">
        <v>10.9491</v>
      </c>
      <c r="E3650" s="239">
        <v>0.14000000000000001</v>
      </c>
      <c r="F3650" s="239">
        <v>0.15190000000000001</v>
      </c>
      <c r="G3650">
        <f t="shared" si="843"/>
        <v>10.979479999999999</v>
      </c>
      <c r="H3650" s="235">
        <f t="shared" si="844"/>
        <v>1.275105924870759</v>
      </c>
      <c r="I3650" s="236">
        <f t="shared" si="845"/>
        <v>19.97551234546571</v>
      </c>
      <c r="J3650" s="237">
        <f t="shared" si="850"/>
        <v>9.9755123454657095</v>
      </c>
      <c r="K3650" s="237">
        <f t="shared" si="846"/>
        <v>724.81146545522336</v>
      </c>
      <c r="L3650" s="237">
        <f t="shared" si="851"/>
        <v>362.03129404164156</v>
      </c>
      <c r="M3650" s="236">
        <f t="shared" si="847"/>
        <v>28.325364970701301</v>
      </c>
      <c r="N3650" s="236">
        <f t="shared" si="848"/>
        <v>1.3652318407794821</v>
      </c>
      <c r="O3650" s="236">
        <f t="shared" si="852"/>
        <v>2.4306789307713816</v>
      </c>
      <c r="P3650" s="236" t="str">
        <f t="shared" si="853"/>
        <v>SAND</v>
      </c>
      <c r="Q3650" s="236" t="e">
        <f t="shared" si="849"/>
        <v>#N/A</v>
      </c>
      <c r="R3650" s="238">
        <v>35</v>
      </c>
      <c r="S3650" s="236" t="e">
        <f t="shared" si="854"/>
        <v>#N/A</v>
      </c>
      <c r="T3650" s="236">
        <f t="shared" si="840"/>
        <v>33.573930658740451</v>
      </c>
    </row>
    <row r="3651" spans="1:20" x14ac:dyDescent="0.2">
      <c r="A3651" s="53">
        <f t="shared" si="841"/>
        <v>3639</v>
      </c>
      <c r="B3651" s="239">
        <v>36.301000000000002</v>
      </c>
      <c r="C3651" s="3">
        <f t="shared" si="842"/>
        <v>36.294000000000004</v>
      </c>
      <c r="D3651" s="239">
        <v>11.5966</v>
      </c>
      <c r="E3651" s="239">
        <v>0.14149999999999999</v>
      </c>
      <c r="F3651" s="239">
        <v>0.12280000000000001</v>
      </c>
      <c r="G3651">
        <f t="shared" si="843"/>
        <v>11.62116</v>
      </c>
      <c r="H3651" s="235">
        <f t="shared" si="844"/>
        <v>1.2176065039978796</v>
      </c>
      <c r="I3651" s="236">
        <f t="shared" si="845"/>
        <v>20.010209974535567</v>
      </c>
      <c r="J3651" s="237">
        <f t="shared" si="850"/>
        <v>10.010209974535567</v>
      </c>
      <c r="K3651" s="237">
        <f t="shared" si="846"/>
        <v>726.25056081579396</v>
      </c>
      <c r="L3651" s="237">
        <f t="shared" si="851"/>
        <v>363.3806322856156</v>
      </c>
      <c r="M3651" s="236">
        <f t="shared" si="847"/>
        <v>29.982086196109798</v>
      </c>
      <c r="N3651" s="236">
        <f t="shared" si="848"/>
        <v>1.2987716950733581</v>
      </c>
      <c r="O3651" s="236">
        <f t="shared" si="852"/>
        <v>2.3981053898127969</v>
      </c>
      <c r="P3651" s="236" t="str">
        <f t="shared" si="853"/>
        <v>SAND</v>
      </c>
      <c r="Q3651" s="236" t="e">
        <f t="shared" si="849"/>
        <v>#N/A</v>
      </c>
      <c r="R3651" s="238">
        <v>35</v>
      </c>
      <c r="S3651" s="236" t="e">
        <f t="shared" si="854"/>
        <v>#N/A</v>
      </c>
      <c r="T3651" s="236">
        <f t="shared" si="840"/>
        <v>33.845480332290769</v>
      </c>
    </row>
    <row r="3652" spans="1:20" x14ac:dyDescent="0.2">
      <c r="A3652" s="53">
        <f t="shared" si="841"/>
        <v>3640</v>
      </c>
      <c r="B3652" s="239">
        <v>36.311999999999998</v>
      </c>
      <c r="C3652" s="3">
        <f t="shared" si="842"/>
        <v>36.305</v>
      </c>
      <c r="D3652" s="239">
        <v>12.289300000000001</v>
      </c>
      <c r="E3652" s="239">
        <v>0.14130000000000001</v>
      </c>
      <c r="F3652" s="239">
        <v>0.13869999999999999</v>
      </c>
      <c r="G3652">
        <f t="shared" si="843"/>
        <v>12.31704</v>
      </c>
      <c r="H3652" s="235">
        <f t="shared" si="844"/>
        <v>1.1471912082773135</v>
      </c>
      <c r="I3652" s="236">
        <f t="shared" si="845"/>
        <v>20.031282608004584</v>
      </c>
      <c r="J3652" s="237">
        <f t="shared" si="850"/>
        <v>10.031282608004584</v>
      </c>
      <c r="K3652" s="237">
        <f t="shared" si="846"/>
        <v>727.23571508360646</v>
      </c>
      <c r="L3652" s="237">
        <f t="shared" si="851"/>
        <v>364.25593406186243</v>
      </c>
      <c r="M3652" s="236">
        <f t="shared" si="847"/>
        <v>31.81775010684677</v>
      </c>
      <c r="N3652" s="236">
        <f t="shared" si="848"/>
        <v>1.2191750311426359</v>
      </c>
      <c r="O3652" s="236">
        <f t="shared" si="852"/>
        <v>2.3613974633348755</v>
      </c>
      <c r="P3652" s="236" t="str">
        <f t="shared" si="853"/>
        <v>SAND</v>
      </c>
      <c r="Q3652" s="236" t="e">
        <f t="shared" si="849"/>
        <v>#N/A</v>
      </c>
      <c r="R3652" s="238">
        <v>35</v>
      </c>
      <c r="S3652" s="236" t="e">
        <f t="shared" si="854"/>
        <v>#N/A</v>
      </c>
      <c r="T3652" s="236">
        <f t="shared" si="840"/>
        <v>34.129364132753054</v>
      </c>
    </row>
    <row r="3653" spans="1:20" x14ac:dyDescent="0.2">
      <c r="A3653" s="53">
        <f t="shared" si="841"/>
        <v>3641</v>
      </c>
      <c r="B3653" s="239">
        <v>36.320999999999998</v>
      </c>
      <c r="C3653" s="3">
        <f t="shared" si="842"/>
        <v>36.314</v>
      </c>
      <c r="D3653" s="239">
        <v>12.969099999999999</v>
      </c>
      <c r="E3653" s="239">
        <v>0.13650000000000001</v>
      </c>
      <c r="F3653" s="239">
        <v>0.17100000000000001</v>
      </c>
      <c r="G3653">
        <f t="shared" si="843"/>
        <v>13.003299999999999</v>
      </c>
      <c r="H3653" s="235">
        <f t="shared" si="844"/>
        <v>1.0497335291810541</v>
      </c>
      <c r="I3653" s="236">
        <f t="shared" si="845"/>
        <v>20.011949437170287</v>
      </c>
      <c r="J3653" s="237">
        <f t="shared" si="850"/>
        <v>10.011949437170287</v>
      </c>
      <c r="K3653" s="237">
        <f t="shared" si="846"/>
        <v>726.71393186140176</v>
      </c>
      <c r="L3653" s="237">
        <f t="shared" si="851"/>
        <v>363.64401550746197</v>
      </c>
      <c r="M3653" s="236">
        <f t="shared" si="847"/>
        <v>33.759901289745493</v>
      </c>
      <c r="N3653" s="236">
        <f t="shared" si="848"/>
        <v>1.1118726268230077</v>
      </c>
      <c r="O3653" s="236">
        <f t="shared" si="852"/>
        <v>2.3179088386681501</v>
      </c>
      <c r="P3653" s="236" t="str">
        <f t="shared" si="853"/>
        <v>SAND</v>
      </c>
      <c r="Q3653" s="236" t="e">
        <f t="shared" si="849"/>
        <v>#N/A</v>
      </c>
      <c r="R3653" s="238">
        <v>35</v>
      </c>
      <c r="S3653" s="236" t="e">
        <f t="shared" si="854"/>
        <v>#N/A</v>
      </c>
      <c r="T3653" s="236">
        <f t="shared" si="840"/>
        <v>34.412412849385632</v>
      </c>
    </row>
    <row r="3654" spans="1:20" x14ac:dyDescent="0.2">
      <c r="A3654" s="53">
        <f t="shared" si="841"/>
        <v>3642</v>
      </c>
      <c r="B3654" s="239">
        <v>36.331000000000003</v>
      </c>
      <c r="C3654" s="3">
        <f t="shared" si="842"/>
        <v>36.324000000000005</v>
      </c>
      <c r="D3654" s="239">
        <v>13.608000000000001</v>
      </c>
      <c r="E3654" s="239">
        <v>0.1216</v>
      </c>
      <c r="F3654" s="239">
        <v>0.1946</v>
      </c>
      <c r="G3654">
        <f t="shared" si="843"/>
        <v>13.64692</v>
      </c>
      <c r="H3654" s="235">
        <f t="shared" si="844"/>
        <v>0.89104354682228659</v>
      </c>
      <c r="I3654" s="236">
        <f t="shared" si="845"/>
        <v>19.8952948878119</v>
      </c>
      <c r="J3654" s="237">
        <f t="shared" si="850"/>
        <v>9.8952948878119003</v>
      </c>
      <c r="K3654" s="237">
        <f t="shared" si="846"/>
        <v>722.67669150487961</v>
      </c>
      <c r="L3654" s="237">
        <f t="shared" si="851"/>
        <v>359.50595856909416</v>
      </c>
      <c r="M3654" s="236">
        <f t="shared" si="847"/>
        <v>35.95001139879907</v>
      </c>
      <c r="N3654" s="236">
        <f t="shared" si="848"/>
        <v>0.94086746200508442</v>
      </c>
      <c r="O3654" s="236">
        <f t="shared" si="852"/>
        <v>2.2558941363609346</v>
      </c>
      <c r="P3654" s="236" t="str">
        <f t="shared" si="853"/>
        <v>SAND</v>
      </c>
      <c r="Q3654" s="236" t="e">
        <f t="shared" si="849"/>
        <v>#N/A</v>
      </c>
      <c r="R3654" s="238">
        <v>35</v>
      </c>
      <c r="S3654" s="236" t="e">
        <f t="shared" si="854"/>
        <v>#N/A</v>
      </c>
      <c r="T3654" s="236">
        <f t="shared" si="840"/>
        <v>34.71268935664456</v>
      </c>
    </row>
    <row r="3655" spans="1:20" x14ac:dyDescent="0.2">
      <c r="A3655" s="53">
        <f t="shared" si="841"/>
        <v>3643</v>
      </c>
      <c r="B3655" s="239">
        <v>36.340000000000003</v>
      </c>
      <c r="C3655" s="3">
        <f t="shared" si="842"/>
        <v>36.333000000000006</v>
      </c>
      <c r="D3655" s="239">
        <v>14.0395</v>
      </c>
      <c r="E3655" s="239">
        <v>0.1065</v>
      </c>
      <c r="F3655" s="239">
        <v>0.18790000000000001</v>
      </c>
      <c r="G3655">
        <f t="shared" si="843"/>
        <v>14.07708</v>
      </c>
      <c r="H3655" s="235">
        <f t="shared" si="844"/>
        <v>0.75654894338882772</v>
      </c>
      <c r="I3655" s="236">
        <f t="shared" si="845"/>
        <v>19.751948316215259</v>
      </c>
      <c r="J3655" s="237">
        <f t="shared" si="850"/>
        <v>9.7519483162152589</v>
      </c>
      <c r="K3655" s="237">
        <f t="shared" si="846"/>
        <v>717.64753817304916</v>
      </c>
      <c r="L3655" s="237">
        <f t="shared" si="851"/>
        <v>354.38580181126252</v>
      </c>
      <c r="M3655" s="236">
        <f t="shared" si="847"/>
        <v>37.697425781583284</v>
      </c>
      <c r="N3655" s="236">
        <f t="shared" si="848"/>
        <v>0.79718955355559862</v>
      </c>
      <c r="O3655" s="236">
        <f t="shared" si="852"/>
        <v>2.200898865803409</v>
      </c>
      <c r="P3655" s="236" t="str">
        <f t="shared" si="853"/>
        <v>SAND</v>
      </c>
      <c r="Q3655" s="236" t="e">
        <f t="shared" si="849"/>
        <v>#N/A</v>
      </c>
      <c r="R3655" s="238">
        <v>35</v>
      </c>
      <c r="S3655" s="236" t="e">
        <f t="shared" si="854"/>
        <v>#N/A</v>
      </c>
      <c r="T3655" s="236">
        <f t="shared" si="840"/>
        <v>34.939428643317811</v>
      </c>
    </row>
    <row r="3656" spans="1:20" x14ac:dyDescent="0.2">
      <c r="A3656" s="53">
        <f t="shared" si="841"/>
        <v>3644</v>
      </c>
      <c r="B3656" s="239">
        <v>36.350999999999999</v>
      </c>
      <c r="C3656" s="3">
        <f t="shared" si="842"/>
        <v>36.344000000000001</v>
      </c>
      <c r="D3656" s="239">
        <v>14.1388</v>
      </c>
      <c r="E3656" s="239">
        <v>0.1023</v>
      </c>
      <c r="F3656" s="239">
        <v>0.1651</v>
      </c>
      <c r="G3656">
        <f t="shared" si="843"/>
        <v>14.17182</v>
      </c>
      <c r="H3656" s="235">
        <f t="shared" si="844"/>
        <v>0.72185506166462743</v>
      </c>
      <c r="I3656" s="236">
        <f t="shared" si="845"/>
        <v>19.70739033025264</v>
      </c>
      <c r="J3656" s="237">
        <f t="shared" si="850"/>
        <v>9.7073903302526396</v>
      </c>
      <c r="K3656" s="237">
        <f t="shared" si="846"/>
        <v>716.24539416270193</v>
      </c>
      <c r="L3656" s="237">
        <f t="shared" si="851"/>
        <v>352.8733458950137</v>
      </c>
      <c r="M3656" s="236">
        <f t="shared" si="847"/>
        <v>38.131456406006301</v>
      </c>
      <c r="N3656" s="236">
        <f t="shared" si="848"/>
        <v>0.76027968330405016</v>
      </c>
      <c r="O3656" s="236">
        <f t="shared" si="852"/>
        <v>2.1861822466677099</v>
      </c>
      <c r="P3656" s="236" t="str">
        <f t="shared" si="853"/>
        <v>SAND</v>
      </c>
      <c r="Q3656" s="236" t="e">
        <f t="shared" si="849"/>
        <v>#N/A</v>
      </c>
      <c r="R3656" s="238">
        <v>35</v>
      </c>
      <c r="S3656" s="236" t="e">
        <f t="shared" si="854"/>
        <v>#N/A</v>
      </c>
      <c r="T3656" s="236">
        <f t="shared" si="840"/>
        <v>34.994117325021634</v>
      </c>
    </row>
    <row r="3657" spans="1:20" x14ac:dyDescent="0.2">
      <c r="A3657" s="53">
        <f t="shared" si="841"/>
        <v>3645</v>
      </c>
      <c r="B3657" s="239">
        <v>36.36</v>
      </c>
      <c r="C3657" s="3">
        <f t="shared" si="842"/>
        <v>36.353000000000002</v>
      </c>
      <c r="D3657" s="239">
        <v>13.906499999999999</v>
      </c>
      <c r="E3657" s="239">
        <v>0.1024</v>
      </c>
      <c r="F3657" s="239">
        <v>9.69E-2</v>
      </c>
      <c r="G3657">
        <f t="shared" si="843"/>
        <v>13.925879999999999</v>
      </c>
      <c r="H3657" s="235">
        <f t="shared" si="844"/>
        <v>0.73532157393285025</v>
      </c>
      <c r="I3657" s="236">
        <f t="shared" si="845"/>
        <v>19.701693320976677</v>
      </c>
      <c r="J3657" s="237">
        <f t="shared" si="850"/>
        <v>9.7016933209766769</v>
      </c>
      <c r="K3657" s="237">
        <f t="shared" si="846"/>
        <v>716.21565729746521</v>
      </c>
      <c r="L3657" s="237">
        <f t="shared" si="851"/>
        <v>352.75356915071194</v>
      </c>
      <c r="M3657" s="236">
        <f t="shared" si="847"/>
        <v>37.447287562549882</v>
      </c>
      <c r="N3657" s="236">
        <f t="shared" si="848"/>
        <v>0.77519002257289937</v>
      </c>
      <c r="O3657" s="236">
        <f t="shared" si="852"/>
        <v>2.1972257067478522</v>
      </c>
      <c r="P3657" s="236" t="str">
        <f t="shared" si="853"/>
        <v>SAND</v>
      </c>
      <c r="Q3657" s="236" t="e">
        <f t="shared" si="849"/>
        <v>#N/A</v>
      </c>
      <c r="R3657" s="238">
        <v>35</v>
      </c>
      <c r="S3657" s="236" t="e">
        <f t="shared" si="854"/>
        <v>#N/A</v>
      </c>
      <c r="T3657" s="236">
        <f t="shared" si="840"/>
        <v>34.907624022842356</v>
      </c>
    </row>
    <row r="3658" spans="1:20" x14ac:dyDescent="0.2">
      <c r="A3658" s="53">
        <f t="shared" si="841"/>
        <v>3646</v>
      </c>
      <c r="B3658" s="239">
        <v>36.369999999999997</v>
      </c>
      <c r="C3658" s="3">
        <f t="shared" si="842"/>
        <v>36.363</v>
      </c>
      <c r="D3658" s="239">
        <v>13.425800000000001</v>
      </c>
      <c r="E3658" s="239">
        <v>0.1026</v>
      </c>
      <c r="F3658" s="239">
        <v>3.95E-2</v>
      </c>
      <c r="G3658">
        <f t="shared" si="843"/>
        <v>13.4337</v>
      </c>
      <c r="H3658" s="235">
        <f t="shared" si="844"/>
        <v>0.76375086536099512</v>
      </c>
      <c r="I3658" s="236">
        <f t="shared" si="845"/>
        <v>19.689917009383471</v>
      </c>
      <c r="J3658" s="237">
        <f t="shared" si="850"/>
        <v>9.6899170093834712</v>
      </c>
      <c r="K3658" s="237">
        <f t="shared" si="846"/>
        <v>715.98445221221118</v>
      </c>
      <c r="L3658" s="237">
        <f t="shared" si="851"/>
        <v>352.4222816312768</v>
      </c>
      <c r="M3658" s="236">
        <f t="shared" si="847"/>
        <v>36.086581951971326</v>
      </c>
      <c r="N3658" s="236">
        <f t="shared" si="848"/>
        <v>0.80674866185261529</v>
      </c>
      <c r="O3658" s="236">
        <f t="shared" si="852"/>
        <v>2.2198615673321429</v>
      </c>
      <c r="P3658" s="236" t="str">
        <f t="shared" si="853"/>
        <v>SAND</v>
      </c>
      <c r="Q3658" s="236" t="e">
        <f t="shared" si="849"/>
        <v>#N/A</v>
      </c>
      <c r="R3658" s="238">
        <v>35</v>
      </c>
      <c r="S3658" s="236" t="e">
        <f t="shared" si="854"/>
        <v>#N/A</v>
      </c>
      <c r="T3658" s="236">
        <f t="shared" si="840"/>
        <v>34.730803233641893</v>
      </c>
    </row>
    <row r="3659" spans="1:20" x14ac:dyDescent="0.2">
      <c r="A3659" s="53">
        <f t="shared" si="841"/>
        <v>3647</v>
      </c>
      <c r="B3659" s="239">
        <v>36.378999999999998</v>
      </c>
      <c r="C3659" s="3">
        <f t="shared" si="842"/>
        <v>36.372</v>
      </c>
      <c r="D3659" s="239">
        <v>12.698499999999999</v>
      </c>
      <c r="E3659" s="239">
        <v>0.10009999999999999</v>
      </c>
      <c r="F3659" s="239">
        <v>2.3999999999999998E-3</v>
      </c>
      <c r="G3659">
        <f t="shared" si="843"/>
        <v>12.698979999999999</v>
      </c>
      <c r="H3659" s="235">
        <f t="shared" si="844"/>
        <v>0.7882522848291752</v>
      </c>
      <c r="I3659" s="236">
        <f t="shared" si="845"/>
        <v>19.639007018866511</v>
      </c>
      <c r="J3659" s="237">
        <f t="shared" si="850"/>
        <v>9.6390070188665113</v>
      </c>
      <c r="K3659" s="237">
        <f t="shared" si="846"/>
        <v>714.30996329021275</v>
      </c>
      <c r="L3659" s="237">
        <f t="shared" si="851"/>
        <v>350.65743633934477</v>
      </c>
      <c r="M3659" s="236">
        <f t="shared" si="847"/>
        <v>34.177715327593276</v>
      </c>
      <c r="N3659" s="236">
        <f t="shared" si="848"/>
        <v>0.83523367513154301</v>
      </c>
      <c r="O3659" s="236">
        <f t="shared" si="852"/>
        <v>2.2478470946184728</v>
      </c>
      <c r="P3659" s="236" t="str">
        <f t="shared" si="853"/>
        <v>SAND</v>
      </c>
      <c r="Q3659" s="236" t="e">
        <f t="shared" si="849"/>
        <v>#N/A</v>
      </c>
      <c r="R3659" s="238">
        <v>35</v>
      </c>
      <c r="S3659" s="236" t="e">
        <f t="shared" si="854"/>
        <v>#N/A</v>
      </c>
      <c r="T3659" s="236">
        <f t="shared" si="840"/>
        <v>34.4711733095344</v>
      </c>
    </row>
    <row r="3660" spans="1:20" x14ac:dyDescent="0.2">
      <c r="A3660" s="53">
        <f t="shared" si="841"/>
        <v>3648</v>
      </c>
      <c r="B3660" s="239">
        <v>36.39</v>
      </c>
      <c r="C3660" s="3">
        <f t="shared" si="842"/>
        <v>36.383000000000003</v>
      </c>
      <c r="D3660" s="239">
        <v>11.9488</v>
      </c>
      <c r="E3660" s="239">
        <v>9.4E-2</v>
      </c>
      <c r="F3660" s="239">
        <v>-8.5000000000000006E-3</v>
      </c>
      <c r="G3660">
        <f t="shared" si="843"/>
        <v>11.947100000000001</v>
      </c>
      <c r="H3660" s="235">
        <f t="shared" si="844"/>
        <v>0.78680181801441351</v>
      </c>
      <c r="I3660" s="236">
        <f t="shared" si="845"/>
        <v>19.541424508070072</v>
      </c>
      <c r="J3660" s="237">
        <f t="shared" si="850"/>
        <v>9.5414245080700724</v>
      </c>
      <c r="K3660" s="237">
        <f t="shared" si="846"/>
        <v>710.97564787711349</v>
      </c>
      <c r="L3660" s="237">
        <f t="shared" si="851"/>
        <v>347.21243784866994</v>
      </c>
      <c r="M3660" s="236">
        <f t="shared" si="847"/>
        <v>32.360950033189972</v>
      </c>
      <c r="N3660" s="236">
        <f t="shared" si="848"/>
        <v>0.83658739485417155</v>
      </c>
      <c r="O3660" s="236">
        <f t="shared" si="852"/>
        <v>2.2686667359015686</v>
      </c>
      <c r="P3660" s="236" t="str">
        <f t="shared" si="853"/>
        <v>SAND</v>
      </c>
      <c r="Q3660" s="236" t="e">
        <f t="shared" si="849"/>
        <v>#N/A</v>
      </c>
      <c r="R3660" s="238">
        <v>35</v>
      </c>
      <c r="S3660" s="236" t="e">
        <f t="shared" si="854"/>
        <v>#N/A</v>
      </c>
      <c r="T3660" s="236">
        <f t="shared" si="840"/>
        <v>34.210233891702032</v>
      </c>
    </row>
    <row r="3661" spans="1:20" x14ac:dyDescent="0.2">
      <c r="A3661" s="53">
        <f t="shared" si="841"/>
        <v>3649</v>
      </c>
      <c r="B3661" s="239">
        <v>36.399000000000001</v>
      </c>
      <c r="C3661" s="3">
        <f t="shared" si="842"/>
        <v>36.392000000000003</v>
      </c>
      <c r="D3661" s="239">
        <v>11.1714</v>
      </c>
      <c r="E3661" s="239">
        <v>8.2900000000000001E-2</v>
      </c>
      <c r="F3661" s="239">
        <v>-1.24E-2</v>
      </c>
      <c r="G3661">
        <f t="shared" si="843"/>
        <v>11.16892</v>
      </c>
      <c r="H3661" s="235">
        <f t="shared" si="844"/>
        <v>0.74223828266296121</v>
      </c>
      <c r="I3661" s="236">
        <f t="shared" si="845"/>
        <v>19.367750349060341</v>
      </c>
      <c r="J3661" s="237">
        <f t="shared" si="850"/>
        <v>9.3677503490603407</v>
      </c>
      <c r="K3661" s="237">
        <f t="shared" si="846"/>
        <v>704.83117070300398</v>
      </c>
      <c r="L3661" s="237">
        <f t="shared" si="851"/>
        <v>340.97674495544737</v>
      </c>
      <c r="M3661" s="236">
        <f t="shared" si="847"/>
        <v>30.688570361783036</v>
      </c>
      <c r="N3661" s="236">
        <f t="shared" si="848"/>
        <v>0.79223333586293188</v>
      </c>
      <c r="O3661" s="236">
        <f t="shared" si="852"/>
        <v>2.2768868804708209</v>
      </c>
      <c r="P3661" s="236" t="str">
        <f t="shared" si="853"/>
        <v>SAND</v>
      </c>
      <c r="Q3661" s="236" t="e">
        <f t="shared" si="849"/>
        <v>#N/A</v>
      </c>
      <c r="R3661" s="238">
        <v>35</v>
      </c>
      <c r="S3661" s="236" t="e">
        <f t="shared" si="854"/>
        <v>#N/A</v>
      </c>
      <c r="T3661" s="236">
        <f t="shared" ref="T3661:T3724" si="855">IF(P3661="SAND",17.6+(11*LOG(M3661)),#N/A)</f>
        <v>33.956743228502532</v>
      </c>
    </row>
    <row r="3662" spans="1:20" x14ac:dyDescent="0.2">
      <c r="A3662" s="53">
        <f t="shared" ref="A3662:A3725" si="856">$A3661+1</f>
        <v>3650</v>
      </c>
      <c r="B3662" s="239">
        <v>36.408999999999999</v>
      </c>
      <c r="C3662" s="3">
        <f t="shared" ref="C3662:C3725" si="857">MAX($B3662 - $B$13, 0.001)</f>
        <v>36.402000000000001</v>
      </c>
      <c r="D3662" s="239">
        <v>10.450200000000001</v>
      </c>
      <c r="E3662" s="239">
        <v>6.9000000000000006E-2</v>
      </c>
      <c r="F3662" s="239">
        <v>-3.8E-3</v>
      </c>
      <c r="G3662">
        <f t="shared" si="843"/>
        <v>10.449440000000001</v>
      </c>
      <c r="H3662" s="235">
        <f t="shared" si="844"/>
        <v>0.66032246704129605</v>
      </c>
      <c r="I3662" s="236">
        <f t="shared" si="845"/>
        <v>19.12651931433679</v>
      </c>
      <c r="J3662" s="237">
        <f t="shared" si="850"/>
        <v>9.1265193143367895</v>
      </c>
      <c r="K3662" s="237">
        <f t="shared" si="846"/>
        <v>696.24355608048779</v>
      </c>
      <c r="L3662" s="237">
        <f t="shared" si="851"/>
        <v>332.28744171568815</v>
      </c>
      <c r="M3662" s="236">
        <f t="shared" si="847"/>
        <v>29.351685376856778</v>
      </c>
      <c r="N3662" s="236">
        <f t="shared" si="848"/>
        <v>0.70746037359902703</v>
      </c>
      <c r="O3662" s="236">
        <f t="shared" si="852"/>
        <v>2.2701841449410232</v>
      </c>
      <c r="P3662" s="236" t="str">
        <f t="shared" si="853"/>
        <v>SAND</v>
      </c>
      <c r="Q3662" s="236" t="e">
        <f t="shared" si="849"/>
        <v>#N/A</v>
      </c>
      <c r="R3662" s="238">
        <v>35</v>
      </c>
      <c r="S3662" s="236" t="e">
        <f t="shared" si="854"/>
        <v>#N/A</v>
      </c>
      <c r="T3662" s="236">
        <f t="shared" si="855"/>
        <v>33.743963478878065</v>
      </c>
    </row>
    <row r="3663" spans="1:20" x14ac:dyDescent="0.2">
      <c r="A3663" s="53">
        <f t="shared" si="856"/>
        <v>3651</v>
      </c>
      <c r="B3663" s="239">
        <v>36.417999999999999</v>
      </c>
      <c r="C3663" s="3">
        <f t="shared" si="857"/>
        <v>36.411000000000001</v>
      </c>
      <c r="D3663" s="239">
        <v>9.8293999999999997</v>
      </c>
      <c r="E3663" s="239">
        <v>6.6900000000000001E-2</v>
      </c>
      <c r="F3663" s="239">
        <v>3.09E-2</v>
      </c>
      <c r="G3663">
        <f t="shared" ref="G3663:G3726" si="858">$D3663+($F3663*(1-$P$8))</f>
        <v>9.8355800000000002</v>
      </c>
      <c r="H3663" s="235">
        <f t="shared" ref="H3663:H3726" si="859">($E3663/$G3663)*100</f>
        <v>0.68018357839598687</v>
      </c>
      <c r="I3663" s="236">
        <f t="shared" ref="I3663:I3726" si="860">((0.27*(LOG($H3663)))+(0.36*(LOG(($G3663*1000)/101)))+1.236)*10</f>
        <v>19.06661355001107</v>
      </c>
      <c r="J3663" s="237">
        <f t="shared" si="850"/>
        <v>9.0666135500110698</v>
      </c>
      <c r="K3663" s="237">
        <f t="shared" ref="K3663:K3726" si="861">$I3663*$C3663</f>
        <v>694.23446596945314</v>
      </c>
      <c r="L3663" s="237">
        <f t="shared" si="851"/>
        <v>330.18793226430313</v>
      </c>
      <c r="M3663" s="236">
        <f t="shared" ref="M3663:M3726" si="862">(($G3663*1000)-$K3663)/$L3663</f>
        <v>27.685280535065832</v>
      </c>
      <c r="N3663" s="236">
        <f t="shared" ref="N3663:N3726" si="863">(($E3663*1000)/(($G3663*1000)-$K3663))*100</f>
        <v>0.73183974668664409</v>
      </c>
      <c r="O3663" s="236">
        <f t="shared" si="852"/>
        <v>2.2995070020912336</v>
      </c>
      <c r="P3663" s="236" t="str">
        <f t="shared" si="853"/>
        <v>SAND</v>
      </c>
      <c r="Q3663" s="236" t="e">
        <f t="shared" ref="Q3663:Q3726" si="864">IF(P3663="CLAY",($G3663*1000 -$K3663)/$L$8,#N/A)</f>
        <v>#N/A</v>
      </c>
      <c r="R3663" s="238">
        <v>35</v>
      </c>
      <c r="S3663" s="236" t="e">
        <f t="shared" si="854"/>
        <v>#N/A</v>
      </c>
      <c r="T3663" s="236">
        <f t="shared" si="855"/>
        <v>33.46473821435896</v>
      </c>
    </row>
    <row r="3664" spans="1:20" x14ac:dyDescent="0.2">
      <c r="A3664" s="53">
        <f t="shared" si="856"/>
        <v>3652</v>
      </c>
      <c r="B3664" s="239">
        <v>36.429000000000002</v>
      </c>
      <c r="C3664" s="3">
        <f t="shared" si="857"/>
        <v>36.422000000000004</v>
      </c>
      <c r="D3664" s="239">
        <v>9.3625000000000007</v>
      </c>
      <c r="E3664" s="239">
        <v>6.8900000000000003E-2</v>
      </c>
      <c r="F3664" s="239">
        <v>9.0800000000000006E-2</v>
      </c>
      <c r="G3664">
        <f t="shared" si="858"/>
        <v>9.3806600000000007</v>
      </c>
      <c r="H3664" s="235">
        <f t="shared" si="859"/>
        <v>0.73448989729933711</v>
      </c>
      <c r="I3664" s="236">
        <f t="shared" si="860"/>
        <v>19.082645009337234</v>
      </c>
      <c r="J3664" s="237">
        <f t="shared" ref="J3664:J3727" si="865">$I3664-10</f>
        <v>9.0826450093372344</v>
      </c>
      <c r="K3664" s="237">
        <f t="shared" si="861"/>
        <v>695.0280965300808</v>
      </c>
      <c r="L3664" s="237">
        <f t="shared" ref="L3664:L3727" si="866">$J3664*$B3664</f>
        <v>330.87167504514611</v>
      </c>
      <c r="M3664" s="236">
        <f t="shared" si="862"/>
        <v>26.250756890219748</v>
      </c>
      <c r="N3664" s="236">
        <f t="shared" si="863"/>
        <v>0.79326410289704297</v>
      </c>
      <c r="O3664" s="236">
        <f t="shared" ref="O3664:O3727" si="867">((3.47-LOG($M3664))^2+(LOG($N3664)+1.22)^2)^0.5</f>
        <v>2.336475004939202</v>
      </c>
      <c r="P3664" s="236" t="str">
        <f t="shared" ref="P3664:P3727" si="868">IF(O3664&lt;2.6,"SAND","CLAY")</f>
        <v>SAND</v>
      </c>
      <c r="Q3664" s="236" t="e">
        <f t="shared" si="864"/>
        <v>#N/A</v>
      </c>
      <c r="R3664" s="238">
        <v>35</v>
      </c>
      <c r="S3664" s="236" t="e">
        <f t="shared" ref="S3664:S3727" si="869">IF(P3664="SAND",#N/A,0.25*($M3664)^1.25)</f>
        <v>#N/A</v>
      </c>
      <c r="T3664" s="236">
        <f t="shared" si="855"/>
        <v>33.21056012967891</v>
      </c>
    </row>
    <row r="3665" spans="1:20" x14ac:dyDescent="0.2">
      <c r="A3665" s="53">
        <f t="shared" si="856"/>
        <v>3653</v>
      </c>
      <c r="B3665" s="239">
        <v>36.438000000000002</v>
      </c>
      <c r="C3665" s="3">
        <f t="shared" si="857"/>
        <v>36.431000000000004</v>
      </c>
      <c r="D3665" s="239">
        <v>9.1266999999999996</v>
      </c>
      <c r="E3665" s="239">
        <v>7.4700000000000003E-2</v>
      </c>
      <c r="F3665" s="239">
        <v>0.17269999999999999</v>
      </c>
      <c r="G3665">
        <f t="shared" si="858"/>
        <v>9.1612399999999994</v>
      </c>
      <c r="H3665" s="235">
        <f t="shared" si="859"/>
        <v>0.81539180285638191</v>
      </c>
      <c r="I3665" s="236">
        <f t="shared" si="860"/>
        <v>19.168167513864539</v>
      </c>
      <c r="J3665" s="237">
        <f t="shared" si="865"/>
        <v>9.1681675138645389</v>
      </c>
      <c r="K3665" s="237">
        <f t="shared" si="861"/>
        <v>698.31551069759905</v>
      </c>
      <c r="L3665" s="237">
        <f t="shared" si="866"/>
        <v>334.06968787019611</v>
      </c>
      <c r="M3665" s="236">
        <f t="shared" si="862"/>
        <v>25.332811675481011</v>
      </c>
      <c r="N3665" s="236">
        <f t="shared" si="863"/>
        <v>0.88267359698677317</v>
      </c>
      <c r="O3665" s="236">
        <f t="shared" si="867"/>
        <v>2.372499582877817</v>
      </c>
      <c r="P3665" s="236" t="str">
        <f t="shared" si="868"/>
        <v>SAND</v>
      </c>
      <c r="Q3665" s="236" t="e">
        <f t="shared" si="864"/>
        <v>#N/A</v>
      </c>
      <c r="R3665" s="238">
        <v>35</v>
      </c>
      <c r="S3665" s="236" t="e">
        <f t="shared" si="869"/>
        <v>#N/A</v>
      </c>
      <c r="T3665" s="236">
        <f t="shared" si="855"/>
        <v>33.040517340407199</v>
      </c>
    </row>
    <row r="3666" spans="1:20" x14ac:dyDescent="0.2">
      <c r="A3666" s="53">
        <f t="shared" si="856"/>
        <v>3654</v>
      </c>
      <c r="B3666" s="239">
        <v>36.448</v>
      </c>
      <c r="C3666" s="3">
        <f t="shared" si="857"/>
        <v>36.441000000000003</v>
      </c>
      <c r="D3666" s="239">
        <v>8.8818999999999999</v>
      </c>
      <c r="E3666" s="239">
        <v>7.8E-2</v>
      </c>
      <c r="F3666" s="239">
        <v>0.26500000000000001</v>
      </c>
      <c r="G3666">
        <f t="shared" si="858"/>
        <v>8.9349000000000007</v>
      </c>
      <c r="H3666" s="235">
        <f t="shared" si="859"/>
        <v>0.87298123090353541</v>
      </c>
      <c r="I3666" s="236">
        <f t="shared" si="860"/>
        <v>19.209079208241093</v>
      </c>
      <c r="J3666" s="237">
        <f t="shared" si="865"/>
        <v>9.2090792082410928</v>
      </c>
      <c r="K3666" s="237">
        <f t="shared" si="861"/>
        <v>699.99805542751369</v>
      </c>
      <c r="L3666" s="237">
        <f t="shared" si="866"/>
        <v>335.65251898197135</v>
      </c>
      <c r="M3666" s="236">
        <f t="shared" si="862"/>
        <v>24.534009068511722</v>
      </c>
      <c r="N3666" s="236">
        <f t="shared" si="863"/>
        <v>0.94718796319619492</v>
      </c>
      <c r="O3666" s="236">
        <f t="shared" si="867"/>
        <v>2.3997546779180245</v>
      </c>
      <c r="P3666" s="236" t="str">
        <f t="shared" si="868"/>
        <v>SAND</v>
      </c>
      <c r="Q3666" s="236" t="e">
        <f t="shared" si="864"/>
        <v>#N/A</v>
      </c>
      <c r="R3666" s="238">
        <v>35</v>
      </c>
      <c r="S3666" s="236" t="e">
        <f t="shared" si="869"/>
        <v>#N/A</v>
      </c>
      <c r="T3666" s="236">
        <f t="shared" si="855"/>
        <v>32.887453736130226</v>
      </c>
    </row>
    <row r="3667" spans="1:20" x14ac:dyDescent="0.2">
      <c r="A3667" s="53">
        <f t="shared" si="856"/>
        <v>3655</v>
      </c>
      <c r="B3667" s="239">
        <v>36.459000000000003</v>
      </c>
      <c r="C3667" s="3">
        <f t="shared" si="857"/>
        <v>36.452000000000005</v>
      </c>
      <c r="D3667" s="239">
        <v>8.6485000000000003</v>
      </c>
      <c r="E3667" s="239">
        <v>8.3000000000000004E-2</v>
      </c>
      <c r="F3667" s="239">
        <v>0.3105</v>
      </c>
      <c r="G3667">
        <f t="shared" si="858"/>
        <v>8.7105999999999995</v>
      </c>
      <c r="H3667" s="235">
        <f t="shared" si="859"/>
        <v>0.95286203017013771</v>
      </c>
      <c r="I3667" s="236">
        <f t="shared" si="860"/>
        <v>19.27199716763808</v>
      </c>
      <c r="J3667" s="237">
        <f t="shared" si="865"/>
        <v>9.2719971676380801</v>
      </c>
      <c r="K3667" s="237">
        <f t="shared" si="861"/>
        <v>702.50284075474337</v>
      </c>
      <c r="L3667" s="237">
        <f t="shared" si="866"/>
        <v>338.04774473491682</v>
      </c>
      <c r="M3667" s="236">
        <f t="shared" si="862"/>
        <v>23.689248882653771</v>
      </c>
      <c r="N3667" s="236">
        <f t="shared" si="863"/>
        <v>1.036450961439416</v>
      </c>
      <c r="O3667" s="236">
        <f t="shared" si="867"/>
        <v>2.4325883392869816</v>
      </c>
      <c r="P3667" s="236" t="str">
        <f t="shared" si="868"/>
        <v>SAND</v>
      </c>
      <c r="Q3667" s="236" t="e">
        <f t="shared" si="864"/>
        <v>#N/A</v>
      </c>
      <c r="R3667" s="238">
        <v>35</v>
      </c>
      <c r="S3667" s="236" t="e">
        <f t="shared" si="869"/>
        <v>#N/A</v>
      </c>
      <c r="T3667" s="236">
        <f t="shared" si="855"/>
        <v>32.720064197954969</v>
      </c>
    </row>
    <row r="3668" spans="1:20" x14ac:dyDescent="0.2">
      <c r="A3668" s="53">
        <f t="shared" si="856"/>
        <v>3656</v>
      </c>
      <c r="B3668" s="239">
        <v>36.468000000000004</v>
      </c>
      <c r="C3668" s="3">
        <f t="shared" si="857"/>
        <v>36.461000000000006</v>
      </c>
      <c r="D3668" s="239">
        <v>8.4803999999999995</v>
      </c>
      <c r="E3668" s="239">
        <v>8.4900000000000003E-2</v>
      </c>
      <c r="F3668" s="239">
        <v>0.3584</v>
      </c>
      <c r="G3668">
        <f t="shared" si="858"/>
        <v>8.5520800000000001</v>
      </c>
      <c r="H3668" s="235">
        <f t="shared" si="859"/>
        <v>0.99274094723155082</v>
      </c>
      <c r="I3668" s="236">
        <f t="shared" si="860"/>
        <v>19.291358397366107</v>
      </c>
      <c r="J3668" s="237">
        <f t="shared" si="865"/>
        <v>9.2913583973661069</v>
      </c>
      <c r="K3668" s="237">
        <f t="shared" si="861"/>
        <v>703.3822185263657</v>
      </c>
      <c r="L3668" s="237">
        <f t="shared" si="866"/>
        <v>338.83725803514722</v>
      </c>
      <c r="M3668" s="236">
        <f t="shared" si="862"/>
        <v>23.163620869165154</v>
      </c>
      <c r="N3668" s="236">
        <f t="shared" si="863"/>
        <v>1.0817081045011212</v>
      </c>
      <c r="O3668" s="236">
        <f t="shared" si="867"/>
        <v>2.4504350620149258</v>
      </c>
      <c r="P3668" s="236" t="str">
        <f t="shared" si="868"/>
        <v>SAND</v>
      </c>
      <c r="Q3668" s="236" t="e">
        <f t="shared" si="864"/>
        <v>#N/A</v>
      </c>
      <c r="R3668" s="238">
        <v>35</v>
      </c>
      <c r="S3668" s="236" t="e">
        <f t="shared" si="869"/>
        <v>#N/A</v>
      </c>
      <c r="T3668" s="236">
        <f t="shared" si="855"/>
        <v>32.612870927994592</v>
      </c>
    </row>
    <row r="3669" spans="1:20" x14ac:dyDescent="0.2">
      <c r="A3669" s="53">
        <f t="shared" si="856"/>
        <v>3657</v>
      </c>
      <c r="B3669" s="239">
        <v>36.478000000000002</v>
      </c>
      <c r="C3669" s="3">
        <f t="shared" si="857"/>
        <v>36.471000000000004</v>
      </c>
      <c r="D3669" s="239">
        <v>8.3533000000000008</v>
      </c>
      <c r="E3669" s="239">
        <v>9.5600000000000004E-2</v>
      </c>
      <c r="F3669" s="239">
        <v>0.27150000000000002</v>
      </c>
      <c r="G3669">
        <f t="shared" si="858"/>
        <v>8.4076000000000004</v>
      </c>
      <c r="H3669" s="235">
        <f t="shared" si="859"/>
        <v>1.137066463675722</v>
      </c>
      <c r="I3669" s="236">
        <f t="shared" si="860"/>
        <v>19.42388420089258</v>
      </c>
      <c r="J3669" s="237">
        <f t="shared" si="865"/>
        <v>9.4238842008925801</v>
      </c>
      <c r="K3669" s="237">
        <f t="shared" si="861"/>
        <v>708.40848069075332</v>
      </c>
      <c r="L3669" s="237">
        <f t="shared" si="866"/>
        <v>343.76444788015954</v>
      </c>
      <c r="M3669" s="236">
        <f t="shared" si="862"/>
        <v>22.396706718180699</v>
      </c>
      <c r="N3669" s="236">
        <f t="shared" si="863"/>
        <v>1.2416888157703214</v>
      </c>
      <c r="O3669" s="236">
        <f t="shared" si="867"/>
        <v>2.4940426501396753</v>
      </c>
      <c r="P3669" s="236" t="str">
        <f t="shared" si="868"/>
        <v>SAND</v>
      </c>
      <c r="Q3669" s="236" t="e">
        <f t="shared" si="864"/>
        <v>#N/A</v>
      </c>
      <c r="R3669" s="238">
        <v>35</v>
      </c>
      <c r="S3669" s="236" t="e">
        <f t="shared" si="869"/>
        <v>#N/A</v>
      </c>
      <c r="T3669" s="236">
        <f t="shared" si="855"/>
        <v>32.452025793105292</v>
      </c>
    </row>
    <row r="3670" spans="1:20" x14ac:dyDescent="0.2">
      <c r="A3670" s="53">
        <f t="shared" si="856"/>
        <v>3658</v>
      </c>
      <c r="B3670" s="239">
        <v>36.488</v>
      </c>
      <c r="C3670" s="3">
        <f t="shared" si="857"/>
        <v>36.481000000000002</v>
      </c>
      <c r="D3670" s="239">
        <v>8.2574000000000005</v>
      </c>
      <c r="E3670" s="239">
        <v>0.10580000000000001</v>
      </c>
      <c r="F3670" s="239">
        <v>0.24560000000000001</v>
      </c>
      <c r="G3670">
        <f t="shared" si="858"/>
        <v>8.3065200000000008</v>
      </c>
      <c r="H3670" s="235">
        <f t="shared" si="859"/>
        <v>1.2736982514940069</v>
      </c>
      <c r="I3670" s="236">
        <f t="shared" si="860"/>
        <v>19.538031560741249</v>
      </c>
      <c r="J3670" s="237">
        <f t="shared" si="865"/>
        <v>9.5380315607412491</v>
      </c>
      <c r="K3670" s="237">
        <f t="shared" si="861"/>
        <v>712.76692936740153</v>
      </c>
      <c r="L3670" s="237">
        <f t="shared" si="866"/>
        <v>348.02369558832669</v>
      </c>
      <c r="M3670" s="236">
        <f t="shared" si="862"/>
        <v>21.819643796941815</v>
      </c>
      <c r="N3670" s="236">
        <f t="shared" si="863"/>
        <v>1.3932504654274507</v>
      </c>
      <c r="O3670" s="236">
        <f t="shared" si="867"/>
        <v>2.530293651126085</v>
      </c>
      <c r="P3670" s="236" t="str">
        <f t="shared" si="868"/>
        <v>SAND</v>
      </c>
      <c r="Q3670" s="236" t="e">
        <f t="shared" si="864"/>
        <v>#N/A</v>
      </c>
      <c r="R3670" s="238">
        <v>35</v>
      </c>
      <c r="S3670" s="236" t="e">
        <f t="shared" si="869"/>
        <v>#N/A</v>
      </c>
      <c r="T3670" s="236">
        <f t="shared" si="855"/>
        <v>32.327324221555649</v>
      </c>
    </row>
    <row r="3671" spans="1:20" x14ac:dyDescent="0.2">
      <c r="A3671" s="53">
        <f t="shared" si="856"/>
        <v>3659</v>
      </c>
      <c r="B3671" s="239">
        <v>36.497</v>
      </c>
      <c r="C3671" s="3">
        <f t="shared" si="857"/>
        <v>36.49</v>
      </c>
      <c r="D3671" s="239">
        <v>8.4295000000000009</v>
      </c>
      <c r="E3671" s="239">
        <v>0.11119999999999999</v>
      </c>
      <c r="F3671" s="239">
        <v>0.16270000000000001</v>
      </c>
      <c r="G3671">
        <f t="shared" si="858"/>
        <v>8.46204</v>
      </c>
      <c r="H3671" s="235">
        <f t="shared" si="859"/>
        <v>1.3141039276581061</v>
      </c>
      <c r="I3671" s="236">
        <f t="shared" si="860"/>
        <v>19.603653546463008</v>
      </c>
      <c r="J3671" s="237">
        <f t="shared" si="865"/>
        <v>9.6036535464630077</v>
      </c>
      <c r="K3671" s="237">
        <f t="shared" si="861"/>
        <v>715.33731791043522</v>
      </c>
      <c r="L3671" s="237">
        <f t="shared" si="866"/>
        <v>350.5045434852604</v>
      </c>
      <c r="M3671" s="236">
        <f t="shared" si="862"/>
        <v>22.1015756459526</v>
      </c>
      <c r="N3671" s="236">
        <f t="shared" si="863"/>
        <v>1.4354494365337553</v>
      </c>
      <c r="O3671" s="236">
        <f t="shared" si="867"/>
        <v>2.5326216167302742</v>
      </c>
      <c r="P3671" s="236" t="str">
        <f t="shared" si="868"/>
        <v>SAND</v>
      </c>
      <c r="Q3671" s="236" t="e">
        <f t="shared" si="864"/>
        <v>#N/A</v>
      </c>
      <c r="R3671" s="238">
        <v>35</v>
      </c>
      <c r="S3671" s="236" t="e">
        <f t="shared" si="869"/>
        <v>#N/A</v>
      </c>
      <c r="T3671" s="236">
        <f t="shared" si="855"/>
        <v>32.388655597389167</v>
      </c>
    </row>
    <row r="3672" spans="1:20" x14ac:dyDescent="0.2">
      <c r="A3672" s="53">
        <f t="shared" si="856"/>
        <v>3660</v>
      </c>
      <c r="B3672" s="239">
        <v>36.508000000000003</v>
      </c>
      <c r="C3672" s="3">
        <f t="shared" si="857"/>
        <v>36.501000000000005</v>
      </c>
      <c r="D3672" s="239">
        <v>8.3553999999999995</v>
      </c>
      <c r="E3672" s="239">
        <v>0.1162</v>
      </c>
      <c r="F3672" s="239">
        <v>0.1244</v>
      </c>
      <c r="G3672">
        <f t="shared" si="858"/>
        <v>8.3802799999999991</v>
      </c>
      <c r="H3672" s="235">
        <f t="shared" si="859"/>
        <v>1.3865885149422215</v>
      </c>
      <c r="I3672" s="236">
        <f t="shared" si="860"/>
        <v>19.651432276607721</v>
      </c>
      <c r="J3672" s="237">
        <f t="shared" si="865"/>
        <v>9.6514322766077214</v>
      </c>
      <c r="K3672" s="237">
        <f t="shared" si="861"/>
        <v>717.29692952845858</v>
      </c>
      <c r="L3672" s="237">
        <f t="shared" si="866"/>
        <v>352.35448955439472</v>
      </c>
      <c r="M3672" s="236">
        <f t="shared" si="862"/>
        <v>21.747936517461536</v>
      </c>
      <c r="N3672" s="236">
        <f t="shared" si="863"/>
        <v>1.5163807479591582</v>
      </c>
      <c r="O3672" s="236">
        <f t="shared" si="867"/>
        <v>2.5515033866379428</v>
      </c>
      <c r="P3672" s="236" t="str">
        <f t="shared" si="868"/>
        <v>SAND</v>
      </c>
      <c r="Q3672" s="236" t="e">
        <f t="shared" si="864"/>
        <v>#N/A</v>
      </c>
      <c r="R3672" s="238">
        <v>35</v>
      </c>
      <c r="S3672" s="236" t="e">
        <f t="shared" si="869"/>
        <v>#N/A</v>
      </c>
      <c r="T3672" s="236">
        <f t="shared" si="855"/>
        <v>32.31159862281676</v>
      </c>
    </row>
    <row r="3673" spans="1:20" x14ac:dyDescent="0.2">
      <c r="A3673" s="53">
        <f t="shared" si="856"/>
        <v>3661</v>
      </c>
      <c r="B3673" s="239">
        <v>36.517000000000003</v>
      </c>
      <c r="C3673" s="3">
        <f t="shared" si="857"/>
        <v>36.510000000000005</v>
      </c>
      <c r="D3673" s="239">
        <v>8.0786999999999995</v>
      </c>
      <c r="E3673" s="239">
        <v>0.12520000000000001</v>
      </c>
      <c r="F3673" s="239">
        <v>0.15659999999999999</v>
      </c>
      <c r="G3673">
        <f t="shared" si="858"/>
        <v>8.1100199999999987</v>
      </c>
      <c r="H3673" s="235">
        <f t="shared" si="859"/>
        <v>1.5437693125294392</v>
      </c>
      <c r="I3673" s="236">
        <f t="shared" si="860"/>
        <v>19.726094475041087</v>
      </c>
      <c r="J3673" s="237">
        <f t="shared" si="865"/>
        <v>9.7260944750410872</v>
      </c>
      <c r="K3673" s="237">
        <f t="shared" si="861"/>
        <v>720.19970928375017</v>
      </c>
      <c r="L3673" s="237">
        <f t="shared" si="866"/>
        <v>355.16779194507541</v>
      </c>
      <c r="M3673" s="236">
        <f t="shared" si="862"/>
        <v>20.806560894066205</v>
      </c>
      <c r="N3673" s="236">
        <f t="shared" si="863"/>
        <v>1.6942225260509707</v>
      </c>
      <c r="O3673" s="236">
        <f t="shared" si="867"/>
        <v>2.5941775789375061</v>
      </c>
      <c r="P3673" s="236" t="str">
        <f t="shared" si="868"/>
        <v>SAND</v>
      </c>
      <c r="Q3673" s="236" t="e">
        <f t="shared" si="864"/>
        <v>#N/A</v>
      </c>
      <c r="R3673" s="238">
        <v>35</v>
      </c>
      <c r="S3673" s="236" t="e">
        <f t="shared" si="869"/>
        <v>#N/A</v>
      </c>
      <c r="T3673" s="236">
        <f t="shared" si="855"/>
        <v>32.100203320109813</v>
      </c>
    </row>
    <row r="3674" spans="1:20" x14ac:dyDescent="0.2">
      <c r="A3674" s="53">
        <f t="shared" si="856"/>
        <v>3662</v>
      </c>
      <c r="B3674" s="239">
        <v>36.526000000000003</v>
      </c>
      <c r="C3674" s="3">
        <f t="shared" si="857"/>
        <v>36.519000000000005</v>
      </c>
      <c r="D3674" s="239">
        <v>8.0949000000000009</v>
      </c>
      <c r="E3674" s="239">
        <v>0.1368</v>
      </c>
      <c r="F3674" s="239">
        <v>0.189</v>
      </c>
      <c r="G3674">
        <f t="shared" si="858"/>
        <v>8.1327000000000016</v>
      </c>
      <c r="H3674" s="235">
        <f t="shared" si="859"/>
        <v>1.6820981961710131</v>
      </c>
      <c r="I3674" s="236">
        <f t="shared" si="860"/>
        <v>19.831086794379988</v>
      </c>
      <c r="J3674" s="237">
        <f t="shared" si="865"/>
        <v>9.8310867943799884</v>
      </c>
      <c r="K3674" s="237">
        <f t="shared" si="861"/>
        <v>724.21145864396294</v>
      </c>
      <c r="L3674" s="237">
        <f t="shared" si="866"/>
        <v>359.09027625152351</v>
      </c>
      <c r="M3674" s="236">
        <f t="shared" si="862"/>
        <v>20.631270271898952</v>
      </c>
      <c r="N3674" s="236">
        <f t="shared" si="863"/>
        <v>1.8465304931815463</v>
      </c>
      <c r="O3674" s="236">
        <f t="shared" si="867"/>
        <v>2.6182673465620714</v>
      </c>
      <c r="P3674" s="236" t="str">
        <f t="shared" si="868"/>
        <v>CLAY</v>
      </c>
      <c r="Q3674" s="236">
        <f t="shared" si="864"/>
        <v>617.37404511300326</v>
      </c>
      <c r="R3674" s="238">
        <v>35</v>
      </c>
      <c r="S3674" s="236">
        <f t="shared" si="869"/>
        <v>10.992525181742732</v>
      </c>
      <c r="T3674" s="236" t="e">
        <f t="shared" si="855"/>
        <v>#N/A</v>
      </c>
    </row>
    <row r="3675" spans="1:20" x14ac:dyDescent="0.2">
      <c r="A3675" s="53">
        <f t="shared" si="856"/>
        <v>3663</v>
      </c>
      <c r="B3675" s="239">
        <v>36.536999999999999</v>
      </c>
      <c r="C3675" s="3">
        <f t="shared" si="857"/>
        <v>36.53</v>
      </c>
      <c r="D3675" s="239">
        <v>8.2364999999999995</v>
      </c>
      <c r="E3675" s="239">
        <v>0.1532</v>
      </c>
      <c r="F3675" s="239">
        <v>0.17080000000000001</v>
      </c>
      <c r="G3675">
        <f t="shared" si="858"/>
        <v>8.2706599999999995</v>
      </c>
      <c r="H3675" s="235">
        <f t="shared" si="859"/>
        <v>1.8523310110680407</v>
      </c>
      <c r="I3675" s="236">
        <f t="shared" si="860"/>
        <v>19.970427871617794</v>
      </c>
      <c r="J3675" s="237">
        <f t="shared" si="865"/>
        <v>9.9704278716177939</v>
      </c>
      <c r="K3675" s="237">
        <f t="shared" si="861"/>
        <v>729.51973015019803</v>
      </c>
      <c r="L3675" s="237">
        <f t="shared" si="866"/>
        <v>364.28952314529931</v>
      </c>
      <c r="M3675" s="236">
        <f t="shared" si="862"/>
        <v>20.700952925406995</v>
      </c>
      <c r="N3675" s="236">
        <f t="shared" si="863"/>
        <v>2.0315230126736692</v>
      </c>
      <c r="O3675" s="236">
        <f t="shared" si="867"/>
        <v>2.6408326174610068</v>
      </c>
      <c r="P3675" s="236" t="str">
        <f t="shared" si="868"/>
        <v>CLAY</v>
      </c>
      <c r="Q3675" s="236">
        <f t="shared" si="864"/>
        <v>628.42835582081682</v>
      </c>
      <c r="R3675" s="238">
        <v>35</v>
      </c>
      <c r="S3675" s="236">
        <f t="shared" si="869"/>
        <v>11.03895418452873</v>
      </c>
      <c r="T3675" s="236" t="e">
        <f t="shared" si="855"/>
        <v>#N/A</v>
      </c>
    </row>
    <row r="3676" spans="1:20" x14ac:dyDescent="0.2">
      <c r="A3676" s="53">
        <f t="shared" si="856"/>
        <v>3664</v>
      </c>
      <c r="B3676" s="239">
        <v>36.545999999999999</v>
      </c>
      <c r="C3676" s="3">
        <f t="shared" si="857"/>
        <v>36.539000000000001</v>
      </c>
      <c r="D3676" s="239">
        <v>8.4179999999999993</v>
      </c>
      <c r="E3676" s="239">
        <v>0.16400000000000001</v>
      </c>
      <c r="F3676" s="239">
        <v>0.1913</v>
      </c>
      <c r="G3676">
        <f t="shared" si="858"/>
        <v>8.4562599999999986</v>
      </c>
      <c r="H3676" s="235">
        <f t="shared" si="859"/>
        <v>1.93939164595223</v>
      </c>
      <c r="I3676" s="236">
        <f t="shared" si="860"/>
        <v>20.058981938878819</v>
      </c>
      <c r="J3676" s="237">
        <f t="shared" si="865"/>
        <v>10.058981938878819</v>
      </c>
      <c r="K3676" s="237">
        <f t="shared" si="861"/>
        <v>732.9351410646932</v>
      </c>
      <c r="L3676" s="237">
        <f t="shared" si="866"/>
        <v>367.61555393826535</v>
      </c>
      <c r="M3676" s="236">
        <f t="shared" si="862"/>
        <v>21.009243967496282</v>
      </c>
      <c r="N3676" s="236">
        <f t="shared" si="863"/>
        <v>2.1234378068438278</v>
      </c>
      <c r="O3676" s="236">
        <f t="shared" si="867"/>
        <v>2.6467852842728647</v>
      </c>
      <c r="P3676" s="236" t="str">
        <f t="shared" si="868"/>
        <v>CLAY</v>
      </c>
      <c r="Q3676" s="236">
        <f t="shared" si="864"/>
        <v>643.6104049112754</v>
      </c>
      <c r="R3676" s="238">
        <v>35</v>
      </c>
      <c r="S3676" s="236">
        <f t="shared" si="869"/>
        <v>11.244833751946317</v>
      </c>
      <c r="T3676" s="236" t="e">
        <f t="shared" si="855"/>
        <v>#N/A</v>
      </c>
    </row>
    <row r="3677" spans="1:20" x14ac:dyDescent="0.2">
      <c r="A3677" s="53">
        <f t="shared" si="856"/>
        <v>3665</v>
      </c>
      <c r="B3677" s="239">
        <v>36.555</v>
      </c>
      <c r="C3677" s="3">
        <f t="shared" si="857"/>
        <v>36.548000000000002</v>
      </c>
      <c r="D3677" s="239">
        <v>8.6556999999999995</v>
      </c>
      <c r="E3677" s="239">
        <v>0.17230000000000001</v>
      </c>
      <c r="F3677" s="239">
        <v>0.2172</v>
      </c>
      <c r="G3677">
        <f t="shared" si="858"/>
        <v>8.6991399999999999</v>
      </c>
      <c r="H3677" s="235">
        <f t="shared" si="859"/>
        <v>1.980655559055263</v>
      </c>
      <c r="I3677" s="236">
        <f t="shared" si="860"/>
        <v>20.127941991705921</v>
      </c>
      <c r="J3677" s="237">
        <f t="shared" si="865"/>
        <v>10.127941991705921</v>
      </c>
      <c r="K3677" s="237">
        <f t="shared" si="861"/>
        <v>735.63602391286804</v>
      </c>
      <c r="L3677" s="237">
        <f t="shared" si="866"/>
        <v>370.22691950680991</v>
      </c>
      <c r="M3677" s="236">
        <f t="shared" si="862"/>
        <v>21.509791850618392</v>
      </c>
      <c r="N3677" s="236">
        <f t="shared" si="863"/>
        <v>2.1636204429279338</v>
      </c>
      <c r="O3677" s="236">
        <f t="shared" si="867"/>
        <v>2.6432767846365799</v>
      </c>
      <c r="P3677" s="236" t="str">
        <f t="shared" si="868"/>
        <v>CLAY</v>
      </c>
      <c r="Q3677" s="236">
        <f t="shared" si="864"/>
        <v>663.62533134059424</v>
      </c>
      <c r="R3677" s="238">
        <v>35</v>
      </c>
      <c r="S3677" s="236">
        <f t="shared" si="869"/>
        <v>11.580712188357529</v>
      </c>
      <c r="T3677" s="236" t="e">
        <f t="shared" si="855"/>
        <v>#N/A</v>
      </c>
    </row>
    <row r="3678" spans="1:20" x14ac:dyDescent="0.2">
      <c r="A3678" s="53">
        <f t="shared" si="856"/>
        <v>3666</v>
      </c>
      <c r="B3678" s="239">
        <v>36.564999999999998</v>
      </c>
      <c r="C3678" s="3">
        <f t="shared" si="857"/>
        <v>36.558</v>
      </c>
      <c r="D3678" s="239">
        <v>8.8080999999999996</v>
      </c>
      <c r="E3678" s="239">
        <v>0.17319999999999999</v>
      </c>
      <c r="F3678" s="239">
        <v>0.11169999999999999</v>
      </c>
      <c r="G3678">
        <f t="shared" si="858"/>
        <v>8.8304399999999994</v>
      </c>
      <c r="H3678" s="235">
        <f t="shared" si="859"/>
        <v>1.9613971670720827</v>
      </c>
      <c r="I3678" s="236">
        <f t="shared" si="860"/>
        <v>20.139906460709955</v>
      </c>
      <c r="J3678" s="237">
        <f t="shared" si="865"/>
        <v>10.139906460709955</v>
      </c>
      <c r="K3678" s="237">
        <f t="shared" si="861"/>
        <v>736.27470039063451</v>
      </c>
      <c r="L3678" s="237">
        <f t="shared" si="866"/>
        <v>370.76567973585952</v>
      </c>
      <c r="M3678" s="236">
        <f t="shared" si="862"/>
        <v>21.830945370606582</v>
      </c>
      <c r="N3678" s="236">
        <f t="shared" si="863"/>
        <v>2.1398129836606978</v>
      </c>
      <c r="O3678" s="236">
        <f t="shared" si="867"/>
        <v>2.6352451509580606</v>
      </c>
      <c r="P3678" s="236" t="str">
        <f t="shared" si="868"/>
        <v>CLAY</v>
      </c>
      <c r="Q3678" s="236">
        <f t="shared" si="864"/>
        <v>674.51377496744703</v>
      </c>
      <c r="R3678" s="238">
        <v>35</v>
      </c>
      <c r="S3678" s="236">
        <f t="shared" si="869"/>
        <v>11.797247404400158</v>
      </c>
      <c r="T3678" s="236" t="e">
        <f t="shared" si="855"/>
        <v>#N/A</v>
      </c>
    </row>
    <row r="3679" spans="1:20" x14ac:dyDescent="0.2">
      <c r="A3679" s="53">
        <f t="shared" si="856"/>
        <v>3667</v>
      </c>
      <c r="B3679" s="239">
        <v>36.575000000000003</v>
      </c>
      <c r="C3679" s="3">
        <f t="shared" si="857"/>
        <v>36.568000000000005</v>
      </c>
      <c r="D3679" s="239">
        <v>8.8000000000000007</v>
      </c>
      <c r="E3679" s="239">
        <v>0.17150000000000001</v>
      </c>
      <c r="F3679" s="239">
        <v>7.0000000000000007E-2</v>
      </c>
      <c r="G3679">
        <f t="shared" si="858"/>
        <v>8.8140000000000001</v>
      </c>
      <c r="H3679" s="235">
        <f t="shared" si="859"/>
        <v>1.9457680962105743</v>
      </c>
      <c r="I3679" s="236">
        <f t="shared" si="860"/>
        <v>20.127611931761731</v>
      </c>
      <c r="J3679" s="237">
        <f t="shared" si="865"/>
        <v>10.127611931761731</v>
      </c>
      <c r="K3679" s="237">
        <f t="shared" si="861"/>
        <v>736.02651312066303</v>
      </c>
      <c r="L3679" s="237">
        <f t="shared" si="866"/>
        <v>370.41740640418533</v>
      </c>
      <c r="M3679" s="236">
        <f t="shared" si="862"/>
        <v>21.807758888266068</v>
      </c>
      <c r="N3679" s="236">
        <f t="shared" si="863"/>
        <v>2.1230572281347446</v>
      </c>
      <c r="O3679" s="236">
        <f t="shared" si="867"/>
        <v>2.6336114778875324</v>
      </c>
      <c r="P3679" s="236" t="str">
        <f t="shared" si="868"/>
        <v>CLAY</v>
      </c>
      <c r="Q3679" s="236">
        <f t="shared" si="864"/>
        <v>673.16445723994468</v>
      </c>
      <c r="R3679" s="238">
        <v>35</v>
      </c>
      <c r="S3679" s="236">
        <f t="shared" si="869"/>
        <v>11.781587274984958</v>
      </c>
      <c r="T3679" s="236" t="e">
        <f t="shared" si="855"/>
        <v>#N/A</v>
      </c>
    </row>
    <row r="3680" spans="1:20" x14ac:dyDescent="0.2">
      <c r="A3680" s="53">
        <f t="shared" si="856"/>
        <v>3668</v>
      </c>
      <c r="B3680" s="239">
        <v>36.585000000000001</v>
      </c>
      <c r="C3680" s="3">
        <f t="shared" si="857"/>
        <v>36.578000000000003</v>
      </c>
      <c r="D3680" s="239">
        <v>8.6341999999999999</v>
      </c>
      <c r="E3680" s="239">
        <v>0.17699999999999999</v>
      </c>
      <c r="F3680" s="239">
        <v>0.1105</v>
      </c>
      <c r="G3680">
        <f t="shared" si="858"/>
        <v>8.6562999999999999</v>
      </c>
      <c r="H3680" s="235">
        <f t="shared" si="859"/>
        <v>2.0447535321095618</v>
      </c>
      <c r="I3680" s="236">
        <f t="shared" si="860"/>
        <v>20.1575699429271</v>
      </c>
      <c r="J3680" s="237">
        <f t="shared" si="865"/>
        <v>10.1575699429271</v>
      </c>
      <c r="K3680" s="237">
        <f t="shared" si="861"/>
        <v>737.32359337238756</v>
      </c>
      <c r="L3680" s="237">
        <f t="shared" si="866"/>
        <v>371.61469636198797</v>
      </c>
      <c r="M3680" s="236">
        <f t="shared" si="862"/>
        <v>21.30964271368261</v>
      </c>
      <c r="N3680" s="236">
        <f t="shared" si="863"/>
        <v>2.2351373575486821</v>
      </c>
      <c r="O3680" s="236">
        <f t="shared" si="867"/>
        <v>2.6548845085621227</v>
      </c>
      <c r="P3680" s="236" t="str">
        <f t="shared" si="868"/>
        <v>CLAY</v>
      </c>
      <c r="Q3680" s="236">
        <f t="shared" si="864"/>
        <v>659.91470055230104</v>
      </c>
      <c r="R3680" s="238">
        <v>35</v>
      </c>
      <c r="S3680" s="236">
        <f t="shared" si="869"/>
        <v>11.446170714792565</v>
      </c>
      <c r="T3680" s="236" t="e">
        <f t="shared" si="855"/>
        <v>#N/A</v>
      </c>
    </row>
    <row r="3681" spans="1:20" x14ac:dyDescent="0.2">
      <c r="A3681" s="53">
        <f t="shared" si="856"/>
        <v>3669</v>
      </c>
      <c r="B3681" s="239">
        <v>36.594000000000001</v>
      </c>
      <c r="C3681" s="3">
        <f t="shared" si="857"/>
        <v>36.587000000000003</v>
      </c>
      <c r="D3681" s="239">
        <v>8.4145000000000003</v>
      </c>
      <c r="E3681" s="239">
        <v>0.1822</v>
      </c>
      <c r="F3681" s="239">
        <v>0.187</v>
      </c>
      <c r="G3681">
        <f t="shared" si="858"/>
        <v>8.4519000000000002</v>
      </c>
      <c r="H3681" s="235">
        <f t="shared" si="859"/>
        <v>2.1557282977791976</v>
      </c>
      <c r="I3681" s="236">
        <f t="shared" si="860"/>
        <v>20.182182575490085</v>
      </c>
      <c r="J3681" s="237">
        <f t="shared" si="865"/>
        <v>10.182182575490085</v>
      </c>
      <c r="K3681" s="237">
        <f t="shared" si="861"/>
        <v>738.40551388945585</v>
      </c>
      <c r="L3681" s="237">
        <f t="shared" si="866"/>
        <v>372.60678916748418</v>
      </c>
      <c r="M3681" s="236">
        <f t="shared" si="862"/>
        <v>20.701433012921786</v>
      </c>
      <c r="N3681" s="236">
        <f t="shared" si="863"/>
        <v>2.3620941238511546</v>
      </c>
      <c r="O3681" s="236">
        <f t="shared" si="867"/>
        <v>2.6792368690445931</v>
      </c>
      <c r="P3681" s="236" t="str">
        <f t="shared" si="868"/>
        <v>CLAY</v>
      </c>
      <c r="Q3681" s="236">
        <f t="shared" si="864"/>
        <v>642.79120717587864</v>
      </c>
      <c r="R3681" s="238">
        <v>35</v>
      </c>
      <c r="S3681" s="236">
        <f t="shared" si="869"/>
        <v>11.039274198748775</v>
      </c>
      <c r="T3681" s="236" t="e">
        <f t="shared" si="855"/>
        <v>#N/A</v>
      </c>
    </row>
    <row r="3682" spans="1:20" x14ac:dyDescent="0.2">
      <c r="A3682" s="53">
        <f t="shared" si="856"/>
        <v>3670</v>
      </c>
      <c r="B3682" s="239">
        <v>36.604999999999997</v>
      </c>
      <c r="C3682" s="3">
        <f t="shared" si="857"/>
        <v>36.597999999999999</v>
      </c>
      <c r="D3682" s="239">
        <v>8.0190000000000001</v>
      </c>
      <c r="E3682" s="239">
        <v>0.17799999999999999</v>
      </c>
      <c r="F3682" s="239">
        <v>0.13389999999999999</v>
      </c>
      <c r="G3682">
        <f t="shared" si="858"/>
        <v>8.0457800000000006</v>
      </c>
      <c r="H3682" s="235">
        <f t="shared" si="859"/>
        <v>2.2123398850080411</v>
      </c>
      <c r="I3682" s="236">
        <f t="shared" si="860"/>
        <v>20.13558839854586</v>
      </c>
      <c r="J3682" s="237">
        <f t="shared" si="865"/>
        <v>10.13558839854586</v>
      </c>
      <c r="K3682" s="237">
        <f t="shared" si="861"/>
        <v>736.92226420998134</v>
      </c>
      <c r="L3682" s="237">
        <f t="shared" si="866"/>
        <v>371.01321332877114</v>
      </c>
      <c r="M3682" s="236">
        <f t="shared" si="862"/>
        <v>19.699723549504203</v>
      </c>
      <c r="N3682" s="236">
        <f t="shared" si="863"/>
        <v>2.4354010768108054</v>
      </c>
      <c r="O3682" s="236">
        <f t="shared" si="867"/>
        <v>2.704448644374716</v>
      </c>
      <c r="P3682" s="236" t="str">
        <f t="shared" si="868"/>
        <v>CLAY</v>
      </c>
      <c r="Q3682" s="236">
        <f t="shared" si="864"/>
        <v>609.07147798250162</v>
      </c>
      <c r="R3682" s="238">
        <v>35</v>
      </c>
      <c r="S3682" s="236">
        <f t="shared" si="869"/>
        <v>10.375646652869175</v>
      </c>
      <c r="T3682" s="236" t="e">
        <f t="shared" si="855"/>
        <v>#N/A</v>
      </c>
    </row>
    <row r="3683" spans="1:20" x14ac:dyDescent="0.2">
      <c r="A3683" s="53">
        <f t="shared" si="856"/>
        <v>3671</v>
      </c>
      <c r="B3683" s="239">
        <v>36.613999999999997</v>
      </c>
      <c r="C3683" s="3">
        <f t="shared" si="857"/>
        <v>36.606999999999999</v>
      </c>
      <c r="D3683" s="239">
        <v>7.5750999999999999</v>
      </c>
      <c r="E3683" s="239">
        <v>0.1729</v>
      </c>
      <c r="F3683" s="239">
        <v>0.1178</v>
      </c>
      <c r="G3683">
        <f t="shared" si="858"/>
        <v>7.5986599999999997</v>
      </c>
      <c r="H3683" s="235">
        <f t="shared" si="859"/>
        <v>2.2754011891570358</v>
      </c>
      <c r="I3683" s="236">
        <f t="shared" si="860"/>
        <v>20.07915284752162</v>
      </c>
      <c r="J3683" s="237">
        <f t="shared" si="865"/>
        <v>10.07915284752162</v>
      </c>
      <c r="K3683" s="237">
        <f t="shared" si="861"/>
        <v>735.03754828922388</v>
      </c>
      <c r="L3683" s="237">
        <f t="shared" si="866"/>
        <v>369.03810235915654</v>
      </c>
      <c r="M3683" s="236">
        <f t="shared" si="862"/>
        <v>18.59868237949841</v>
      </c>
      <c r="N3683" s="236">
        <f t="shared" si="863"/>
        <v>2.5190779536089463</v>
      </c>
      <c r="O3683" s="236">
        <f t="shared" si="867"/>
        <v>2.7332586841325313</v>
      </c>
      <c r="P3683" s="236" t="str">
        <f t="shared" si="868"/>
        <v>CLAY</v>
      </c>
      <c r="Q3683" s="236">
        <f t="shared" si="864"/>
        <v>571.96853764256468</v>
      </c>
      <c r="R3683" s="238">
        <v>35</v>
      </c>
      <c r="S3683" s="236">
        <f t="shared" si="869"/>
        <v>9.6558993664876613</v>
      </c>
      <c r="T3683" s="236" t="e">
        <f t="shared" si="855"/>
        <v>#N/A</v>
      </c>
    </row>
    <row r="3684" spans="1:20" x14ac:dyDescent="0.2">
      <c r="A3684" s="53">
        <f t="shared" si="856"/>
        <v>3672</v>
      </c>
      <c r="B3684" s="239">
        <v>36.624000000000002</v>
      </c>
      <c r="C3684" s="3">
        <f t="shared" si="857"/>
        <v>36.617000000000004</v>
      </c>
      <c r="D3684" s="239">
        <v>7.1946000000000003</v>
      </c>
      <c r="E3684" s="239">
        <v>0.16289999999999999</v>
      </c>
      <c r="F3684" s="239">
        <v>0.1598</v>
      </c>
      <c r="G3684">
        <f t="shared" si="858"/>
        <v>7.2265600000000001</v>
      </c>
      <c r="H3684" s="235">
        <f t="shared" si="859"/>
        <v>2.2541845636097948</v>
      </c>
      <c r="I3684" s="236">
        <f t="shared" si="860"/>
        <v>19.989668433579311</v>
      </c>
      <c r="J3684" s="237">
        <f t="shared" si="865"/>
        <v>9.9896684335793111</v>
      </c>
      <c r="K3684" s="237">
        <f t="shared" si="861"/>
        <v>731.96168903237367</v>
      </c>
      <c r="L3684" s="237">
        <f t="shared" si="866"/>
        <v>365.86161671140871</v>
      </c>
      <c r="M3684" s="236">
        <f t="shared" si="862"/>
        <v>17.75151591288834</v>
      </c>
      <c r="N3684" s="236">
        <f t="shared" si="863"/>
        <v>2.5082382650964843</v>
      </c>
      <c r="O3684" s="236">
        <f t="shared" si="867"/>
        <v>2.7484814859944722</v>
      </c>
      <c r="P3684" s="236" t="str">
        <f t="shared" si="868"/>
        <v>CLAY</v>
      </c>
      <c r="Q3684" s="236">
        <f t="shared" si="864"/>
        <v>541.21652591396889</v>
      </c>
      <c r="R3684" s="238">
        <v>35</v>
      </c>
      <c r="S3684" s="236">
        <f t="shared" si="869"/>
        <v>9.1092855524023513</v>
      </c>
      <c r="T3684" s="236" t="e">
        <f t="shared" si="855"/>
        <v>#N/A</v>
      </c>
    </row>
    <row r="3685" spans="1:20" x14ac:dyDescent="0.2">
      <c r="A3685" s="53">
        <f t="shared" si="856"/>
        <v>3673</v>
      </c>
      <c r="B3685" s="239">
        <v>36.633000000000003</v>
      </c>
      <c r="C3685" s="3">
        <f t="shared" si="857"/>
        <v>36.626000000000005</v>
      </c>
      <c r="D3685" s="239">
        <v>7.2648000000000001</v>
      </c>
      <c r="E3685" s="239">
        <v>0.158</v>
      </c>
      <c r="F3685" s="239">
        <v>0.21410000000000001</v>
      </c>
      <c r="G3685">
        <f t="shared" si="858"/>
        <v>7.30762</v>
      </c>
      <c r="H3685" s="235">
        <f t="shared" si="859"/>
        <v>2.1621266568321835</v>
      </c>
      <c r="I3685" s="236">
        <f t="shared" si="860"/>
        <v>19.958215549317451</v>
      </c>
      <c r="J3685" s="237">
        <f t="shared" si="865"/>
        <v>9.9582155493174511</v>
      </c>
      <c r="K3685" s="237">
        <f t="shared" si="861"/>
        <v>730.98960270930104</v>
      </c>
      <c r="L3685" s="237">
        <f t="shared" si="866"/>
        <v>364.79931021814622</v>
      </c>
      <c r="M3685" s="236">
        <f t="shared" si="862"/>
        <v>18.028077940602305</v>
      </c>
      <c r="N3685" s="236">
        <f t="shared" si="863"/>
        <v>2.4024460925322715</v>
      </c>
      <c r="O3685" s="236">
        <f t="shared" si="867"/>
        <v>2.7320527176346658</v>
      </c>
      <c r="P3685" s="236" t="str">
        <f t="shared" si="868"/>
        <v>CLAY</v>
      </c>
      <c r="Q3685" s="236">
        <f t="shared" si="864"/>
        <v>548.05253310755825</v>
      </c>
      <c r="R3685" s="238">
        <v>35</v>
      </c>
      <c r="S3685" s="236">
        <f t="shared" si="869"/>
        <v>9.2870288013111804</v>
      </c>
      <c r="T3685" s="236" t="e">
        <f t="shared" si="855"/>
        <v>#N/A</v>
      </c>
    </row>
    <row r="3686" spans="1:20" x14ac:dyDescent="0.2">
      <c r="A3686" s="53">
        <f t="shared" si="856"/>
        <v>3674</v>
      </c>
      <c r="B3686" s="239">
        <v>36.643999999999998</v>
      </c>
      <c r="C3686" s="3">
        <f t="shared" si="857"/>
        <v>36.637</v>
      </c>
      <c r="D3686" s="239">
        <v>7.2713999999999999</v>
      </c>
      <c r="E3686" s="239">
        <v>0.155</v>
      </c>
      <c r="F3686" s="239">
        <v>0.22209999999999999</v>
      </c>
      <c r="G3686">
        <f t="shared" si="858"/>
        <v>7.3158199999999995</v>
      </c>
      <c r="H3686" s="235">
        <f t="shared" si="859"/>
        <v>2.1186961953683934</v>
      </c>
      <c r="I3686" s="236">
        <f t="shared" si="860"/>
        <v>19.936175349757633</v>
      </c>
      <c r="J3686" s="237">
        <f t="shared" si="865"/>
        <v>9.9361753497576331</v>
      </c>
      <c r="K3686" s="237">
        <f t="shared" si="861"/>
        <v>730.40165628907039</v>
      </c>
      <c r="L3686" s="237">
        <f t="shared" si="866"/>
        <v>364.10120951651868</v>
      </c>
      <c r="M3686" s="236">
        <f t="shared" si="862"/>
        <v>18.086779641450654</v>
      </c>
      <c r="N3686" s="236">
        <f t="shared" si="863"/>
        <v>2.353684943159684</v>
      </c>
      <c r="O3686" s="236">
        <f t="shared" si="867"/>
        <v>2.7256986246806996</v>
      </c>
      <c r="P3686" s="236" t="str">
        <f t="shared" si="868"/>
        <v>CLAY</v>
      </c>
      <c r="Q3686" s="236">
        <f t="shared" si="864"/>
        <v>548.78486197591076</v>
      </c>
      <c r="R3686" s="238">
        <v>35</v>
      </c>
      <c r="S3686" s="236">
        <f t="shared" si="869"/>
        <v>9.3248438486509837</v>
      </c>
      <c r="T3686" s="236" t="e">
        <f t="shared" si="855"/>
        <v>#N/A</v>
      </c>
    </row>
    <row r="3687" spans="1:20" x14ac:dyDescent="0.2">
      <c r="A3687" s="53">
        <f t="shared" si="856"/>
        <v>3675</v>
      </c>
      <c r="B3687" s="239">
        <v>36.652999999999999</v>
      </c>
      <c r="C3687" s="3">
        <f t="shared" si="857"/>
        <v>36.646000000000001</v>
      </c>
      <c r="D3687" s="239">
        <v>7.3319000000000001</v>
      </c>
      <c r="E3687" s="239">
        <v>0.16220000000000001</v>
      </c>
      <c r="F3687" s="239">
        <v>0.31890000000000002</v>
      </c>
      <c r="G3687">
        <f t="shared" si="858"/>
        <v>7.3956800000000005</v>
      </c>
      <c r="H3687" s="235">
        <f t="shared" si="859"/>
        <v>2.1931722302749717</v>
      </c>
      <c r="I3687" s="236">
        <f t="shared" si="860"/>
        <v>19.993660649504889</v>
      </c>
      <c r="J3687" s="237">
        <f t="shared" si="865"/>
        <v>9.9936606495048892</v>
      </c>
      <c r="K3687" s="237">
        <f t="shared" si="861"/>
        <v>732.68768816175623</v>
      </c>
      <c r="L3687" s="237">
        <f t="shared" si="866"/>
        <v>366.29764378630267</v>
      </c>
      <c r="M3687" s="236">
        <f t="shared" si="862"/>
        <v>18.190104208602065</v>
      </c>
      <c r="N3687" s="236">
        <f t="shared" si="863"/>
        <v>2.4343416952743095</v>
      </c>
      <c r="O3687" s="236">
        <f t="shared" si="867"/>
        <v>2.7322683149694642</v>
      </c>
      <c r="P3687" s="236" t="str">
        <f t="shared" si="868"/>
        <v>CLAY</v>
      </c>
      <c r="Q3687" s="236">
        <f t="shared" si="864"/>
        <v>555.24935931985362</v>
      </c>
      <c r="R3687" s="238">
        <v>35</v>
      </c>
      <c r="S3687" s="236">
        <f t="shared" si="869"/>
        <v>9.3914790172494484</v>
      </c>
      <c r="T3687" s="236" t="e">
        <f t="shared" si="855"/>
        <v>#N/A</v>
      </c>
    </row>
    <row r="3688" spans="1:20" x14ac:dyDescent="0.2">
      <c r="A3688" s="53">
        <f t="shared" si="856"/>
        <v>3676</v>
      </c>
      <c r="B3688" s="239">
        <v>36.662999999999997</v>
      </c>
      <c r="C3688" s="3">
        <f t="shared" si="857"/>
        <v>36.655999999999999</v>
      </c>
      <c r="D3688" s="239">
        <v>7.7461000000000002</v>
      </c>
      <c r="E3688" s="239">
        <v>0.1734</v>
      </c>
      <c r="F3688" s="239">
        <v>0.42630000000000001</v>
      </c>
      <c r="G3688">
        <f t="shared" si="858"/>
        <v>7.8313600000000001</v>
      </c>
      <c r="H3688" s="235">
        <f t="shared" si="859"/>
        <v>2.2141748048870182</v>
      </c>
      <c r="I3688" s="236">
        <f t="shared" si="860"/>
        <v>20.094329075530037</v>
      </c>
      <c r="J3688" s="237">
        <f t="shared" si="865"/>
        <v>10.094329075530037</v>
      </c>
      <c r="K3688" s="237">
        <f t="shared" si="861"/>
        <v>736.57772659262901</v>
      </c>
      <c r="L3688" s="237">
        <f t="shared" si="866"/>
        <v>370.08838689615772</v>
      </c>
      <c r="M3688" s="236">
        <f t="shared" si="862"/>
        <v>19.170507707387426</v>
      </c>
      <c r="N3688" s="236">
        <f t="shared" si="863"/>
        <v>2.4440496313739897</v>
      </c>
      <c r="O3688" s="236">
        <f t="shared" si="867"/>
        <v>2.7148829703029538</v>
      </c>
      <c r="P3688" s="236" t="str">
        <f t="shared" si="868"/>
        <v>CLAY</v>
      </c>
      <c r="Q3688" s="236">
        <f t="shared" si="864"/>
        <v>591.23185611728093</v>
      </c>
      <c r="R3688" s="238">
        <v>35</v>
      </c>
      <c r="S3688" s="236">
        <f t="shared" si="869"/>
        <v>10.028408750226795</v>
      </c>
      <c r="T3688" s="236" t="e">
        <f t="shared" si="855"/>
        <v>#N/A</v>
      </c>
    </row>
    <row r="3689" spans="1:20" x14ac:dyDescent="0.2">
      <c r="A3689" s="53">
        <f t="shared" si="856"/>
        <v>3677</v>
      </c>
      <c r="B3689" s="239">
        <v>36.671999999999997</v>
      </c>
      <c r="C3689" s="3">
        <f t="shared" si="857"/>
        <v>36.664999999999999</v>
      </c>
      <c r="D3689" s="239">
        <v>8.1072000000000006</v>
      </c>
      <c r="E3689" s="239">
        <v>0.17549999999999999</v>
      </c>
      <c r="F3689" s="239">
        <v>0.38329999999999997</v>
      </c>
      <c r="G3689">
        <f t="shared" si="858"/>
        <v>8.183860000000001</v>
      </c>
      <c r="H3689" s="235">
        <f t="shared" si="859"/>
        <v>2.1444648368862609</v>
      </c>
      <c r="I3689" s="236">
        <f t="shared" si="860"/>
        <v>20.125653652771973</v>
      </c>
      <c r="J3689" s="237">
        <f t="shared" si="865"/>
        <v>10.125653652771973</v>
      </c>
      <c r="K3689" s="237">
        <f t="shared" si="861"/>
        <v>737.90709117888434</v>
      </c>
      <c r="L3689" s="237">
        <f t="shared" si="866"/>
        <v>371.32797075445376</v>
      </c>
      <c r="M3689" s="236">
        <f t="shared" si="862"/>
        <v>20.05222739804017</v>
      </c>
      <c r="N3689" s="236">
        <f t="shared" si="863"/>
        <v>2.3569850917548458</v>
      </c>
      <c r="O3689" s="236">
        <f t="shared" si="867"/>
        <v>2.6898176877959488</v>
      </c>
      <c r="P3689" s="236" t="str">
        <f t="shared" si="868"/>
        <v>CLAY</v>
      </c>
      <c r="Q3689" s="236">
        <f t="shared" si="864"/>
        <v>620.49607573509309</v>
      </c>
      <c r="R3689" s="238">
        <v>35</v>
      </c>
      <c r="S3689" s="236">
        <f t="shared" si="869"/>
        <v>10.60823873709432</v>
      </c>
      <c r="T3689" s="236" t="e">
        <f t="shared" si="855"/>
        <v>#N/A</v>
      </c>
    </row>
    <row r="3690" spans="1:20" x14ac:dyDescent="0.2">
      <c r="A3690" s="53">
        <f t="shared" si="856"/>
        <v>3678</v>
      </c>
      <c r="B3690" s="239">
        <v>36.682000000000002</v>
      </c>
      <c r="C3690" s="3">
        <f t="shared" si="857"/>
        <v>36.675000000000004</v>
      </c>
      <c r="D3690" s="239">
        <v>7.7637</v>
      </c>
      <c r="E3690" s="239">
        <v>0.16089999999999999</v>
      </c>
      <c r="F3690" s="239">
        <v>0.29020000000000001</v>
      </c>
      <c r="G3690">
        <f t="shared" si="858"/>
        <v>7.8217400000000001</v>
      </c>
      <c r="H3690" s="235">
        <f t="shared" si="859"/>
        <v>2.0570870420136695</v>
      </c>
      <c r="I3690" s="236">
        <f t="shared" si="860"/>
        <v>20.006117411498614</v>
      </c>
      <c r="J3690" s="237">
        <f t="shared" si="865"/>
        <v>10.006117411498614</v>
      </c>
      <c r="K3690" s="237">
        <f t="shared" si="861"/>
        <v>733.72435606671172</v>
      </c>
      <c r="L3690" s="237">
        <f t="shared" si="866"/>
        <v>367.04439888859218</v>
      </c>
      <c r="M3690" s="236">
        <f t="shared" si="862"/>
        <v>19.311057913962856</v>
      </c>
      <c r="N3690" s="236">
        <f t="shared" si="863"/>
        <v>2.2700288498617534</v>
      </c>
      <c r="O3690" s="236">
        <f t="shared" si="867"/>
        <v>2.6934323901505524</v>
      </c>
      <c r="P3690" s="236" t="str">
        <f t="shared" si="868"/>
        <v>CLAY</v>
      </c>
      <c r="Q3690" s="236">
        <f t="shared" si="864"/>
        <v>590.66797032777401</v>
      </c>
      <c r="R3690" s="238">
        <v>35</v>
      </c>
      <c r="S3690" s="236">
        <f t="shared" si="869"/>
        <v>10.120397986501596</v>
      </c>
      <c r="T3690" s="236" t="e">
        <f t="shared" si="855"/>
        <v>#N/A</v>
      </c>
    </row>
    <row r="3691" spans="1:20" x14ac:dyDescent="0.2">
      <c r="A3691" s="53">
        <f t="shared" si="856"/>
        <v>3679</v>
      </c>
      <c r="B3691" s="239">
        <v>36.692999999999998</v>
      </c>
      <c r="C3691" s="3">
        <f t="shared" si="857"/>
        <v>36.686</v>
      </c>
      <c r="D3691" s="239">
        <v>7.2935999999999996</v>
      </c>
      <c r="E3691" s="239">
        <v>0.13170000000000001</v>
      </c>
      <c r="F3691" s="239">
        <v>7.1499999999999994E-2</v>
      </c>
      <c r="G3691">
        <f t="shared" si="858"/>
        <v>7.3079000000000001</v>
      </c>
      <c r="H3691" s="235">
        <f t="shared" si="859"/>
        <v>1.8021593070512734</v>
      </c>
      <c r="I3691" s="236">
        <f t="shared" si="860"/>
        <v>19.744737983100947</v>
      </c>
      <c r="J3691" s="237">
        <f t="shared" si="865"/>
        <v>9.7447379831009471</v>
      </c>
      <c r="K3691" s="237">
        <f t="shared" si="861"/>
        <v>724.35545764804135</v>
      </c>
      <c r="L3691" s="237">
        <f t="shared" si="866"/>
        <v>357.56367081392301</v>
      </c>
      <c r="M3691" s="236">
        <f t="shared" si="862"/>
        <v>18.412229987923048</v>
      </c>
      <c r="N3691" s="236">
        <f t="shared" si="863"/>
        <v>2.0004421501635417</v>
      </c>
      <c r="O3691" s="236">
        <f t="shared" si="867"/>
        <v>2.6786900016176554</v>
      </c>
      <c r="P3691" s="236" t="str">
        <f t="shared" si="868"/>
        <v>CLAY</v>
      </c>
      <c r="Q3691" s="236">
        <f t="shared" si="864"/>
        <v>548.62871186266318</v>
      </c>
      <c r="R3691" s="238">
        <v>35</v>
      </c>
      <c r="S3691" s="236">
        <f t="shared" si="869"/>
        <v>9.5350504991191265</v>
      </c>
      <c r="T3691" s="236" t="e">
        <f t="shared" si="855"/>
        <v>#N/A</v>
      </c>
    </row>
    <row r="3692" spans="1:20" x14ac:dyDescent="0.2">
      <c r="A3692" s="53">
        <f t="shared" si="856"/>
        <v>3680</v>
      </c>
      <c r="B3692" s="239">
        <v>36.701999999999998</v>
      </c>
      <c r="C3692" s="3">
        <f t="shared" si="857"/>
        <v>36.695</v>
      </c>
      <c r="D3692" s="239">
        <v>6.8411</v>
      </c>
      <c r="E3692" s="239">
        <v>0.1171</v>
      </c>
      <c r="F3692" s="239">
        <v>0.10009999999999999</v>
      </c>
      <c r="G3692">
        <f t="shared" si="858"/>
        <v>6.8611199999999997</v>
      </c>
      <c r="H3692" s="235">
        <f t="shared" si="859"/>
        <v>1.7067184366400823</v>
      </c>
      <c r="I3692" s="236">
        <f t="shared" si="860"/>
        <v>19.582302184704531</v>
      </c>
      <c r="J3692" s="237">
        <f t="shared" si="865"/>
        <v>9.5823021847045311</v>
      </c>
      <c r="K3692" s="237">
        <f t="shared" si="861"/>
        <v>718.57257866773273</v>
      </c>
      <c r="L3692" s="237">
        <f t="shared" si="866"/>
        <v>351.68965478302567</v>
      </c>
      <c r="M3692" s="236">
        <f t="shared" si="862"/>
        <v>17.465817768003159</v>
      </c>
      <c r="N3692" s="236">
        <f t="shared" si="863"/>
        <v>1.9063751887910048</v>
      </c>
      <c r="O3692" s="236">
        <f t="shared" si="867"/>
        <v>2.6858457443576578</v>
      </c>
      <c r="P3692" s="236" t="str">
        <f t="shared" si="868"/>
        <v>CLAY</v>
      </c>
      <c r="Q3692" s="236">
        <f t="shared" si="864"/>
        <v>511.87895177768888</v>
      </c>
      <c r="R3692" s="238">
        <v>35</v>
      </c>
      <c r="S3692" s="236">
        <f t="shared" si="869"/>
        <v>8.9263963069937819</v>
      </c>
      <c r="T3692" s="236" t="e">
        <f t="shared" si="855"/>
        <v>#N/A</v>
      </c>
    </row>
    <row r="3693" spans="1:20" x14ac:dyDescent="0.2">
      <c r="A3693" s="53">
        <f t="shared" si="856"/>
        <v>3681</v>
      </c>
      <c r="B3693" s="239">
        <v>36.712000000000003</v>
      </c>
      <c r="C3693" s="3">
        <f t="shared" si="857"/>
        <v>36.705000000000005</v>
      </c>
      <c r="D3693" s="239">
        <v>6.7279</v>
      </c>
      <c r="E3693" s="239">
        <v>0.12239999999999999</v>
      </c>
      <c r="F3693" s="239">
        <v>0.15790000000000001</v>
      </c>
      <c r="G3693">
        <f t="shared" si="858"/>
        <v>6.7594799999999999</v>
      </c>
      <c r="H3693" s="235">
        <f t="shared" si="859"/>
        <v>1.8107901791262049</v>
      </c>
      <c r="I3693" s="236">
        <f t="shared" si="860"/>
        <v>19.628374841118202</v>
      </c>
      <c r="J3693" s="237">
        <f t="shared" si="865"/>
        <v>9.6283748411182017</v>
      </c>
      <c r="K3693" s="237">
        <f t="shared" si="861"/>
        <v>720.45949854324374</v>
      </c>
      <c r="L3693" s="237">
        <f t="shared" si="866"/>
        <v>353.47689716713143</v>
      </c>
      <c r="M3693" s="236">
        <f t="shared" si="862"/>
        <v>17.084625755898774</v>
      </c>
      <c r="N3693" s="236">
        <f t="shared" si="863"/>
        <v>2.0268187526515962</v>
      </c>
      <c r="O3693" s="236">
        <f t="shared" si="867"/>
        <v>2.7087078219206164</v>
      </c>
      <c r="P3693" s="236" t="str">
        <f t="shared" si="868"/>
        <v>CLAY</v>
      </c>
      <c r="Q3693" s="236">
        <f t="shared" si="864"/>
        <v>503.25170845472962</v>
      </c>
      <c r="R3693" s="238">
        <v>35</v>
      </c>
      <c r="S3693" s="236">
        <f t="shared" si="869"/>
        <v>8.6835407369196567</v>
      </c>
      <c r="T3693" s="236" t="e">
        <f t="shared" si="855"/>
        <v>#N/A</v>
      </c>
    </row>
    <row r="3694" spans="1:20" x14ac:dyDescent="0.2">
      <c r="A3694" s="53">
        <f t="shared" si="856"/>
        <v>3682</v>
      </c>
      <c r="B3694" s="239">
        <v>36.722000000000001</v>
      </c>
      <c r="C3694" s="3">
        <f t="shared" si="857"/>
        <v>36.715000000000003</v>
      </c>
      <c r="D3694" s="239">
        <v>6.8291000000000004</v>
      </c>
      <c r="E3694" s="239">
        <v>0.13750000000000001</v>
      </c>
      <c r="F3694" s="239">
        <v>0.29659999999999997</v>
      </c>
      <c r="G3694">
        <f t="shared" si="858"/>
        <v>6.88842</v>
      </c>
      <c r="H3694" s="235">
        <f t="shared" si="859"/>
        <v>1.9961036057615535</v>
      </c>
      <c r="I3694" s="236">
        <f t="shared" si="860"/>
        <v>19.772167996539658</v>
      </c>
      <c r="J3694" s="237">
        <f t="shared" si="865"/>
        <v>9.7721679965396575</v>
      </c>
      <c r="K3694" s="237">
        <f t="shared" si="861"/>
        <v>725.9351479929536</v>
      </c>
      <c r="L3694" s="237">
        <f t="shared" si="866"/>
        <v>358.8535531689293</v>
      </c>
      <c r="M3694" s="236">
        <f t="shared" si="862"/>
        <v>17.172701224741878</v>
      </c>
      <c r="N3694" s="236">
        <f t="shared" si="863"/>
        <v>2.2312428071156702</v>
      </c>
      <c r="O3694" s="236">
        <f t="shared" si="867"/>
        <v>2.7306200010296515</v>
      </c>
      <c r="P3694" s="236" t="str">
        <f t="shared" si="868"/>
        <v>CLAY</v>
      </c>
      <c r="Q3694" s="236">
        <f t="shared" si="864"/>
        <v>513.54040433392049</v>
      </c>
      <c r="R3694" s="238">
        <v>35</v>
      </c>
      <c r="S3694" s="236">
        <f t="shared" si="869"/>
        <v>8.7395339984118028</v>
      </c>
      <c r="T3694" s="236" t="e">
        <f t="shared" si="855"/>
        <v>#N/A</v>
      </c>
    </row>
    <row r="3695" spans="1:20" x14ac:dyDescent="0.2">
      <c r="A3695" s="53">
        <f t="shared" si="856"/>
        <v>3683</v>
      </c>
      <c r="B3695" s="239">
        <v>36.731000000000002</v>
      </c>
      <c r="C3695" s="3">
        <f t="shared" si="857"/>
        <v>36.724000000000004</v>
      </c>
      <c r="D3695" s="239">
        <v>6.9044999999999996</v>
      </c>
      <c r="E3695" s="239">
        <v>0.15409999999999999</v>
      </c>
      <c r="F3695" s="239">
        <v>0.34970000000000001</v>
      </c>
      <c r="G3695">
        <f t="shared" si="858"/>
        <v>6.9744399999999995</v>
      </c>
      <c r="H3695" s="235">
        <f t="shared" si="859"/>
        <v>2.2094963896742965</v>
      </c>
      <c r="I3695" s="236">
        <f t="shared" si="860"/>
        <v>19.910668587134779</v>
      </c>
      <c r="J3695" s="237">
        <f t="shared" si="865"/>
        <v>9.9106685871347793</v>
      </c>
      <c r="K3695" s="237">
        <f t="shared" si="861"/>
        <v>731.19939319393768</v>
      </c>
      <c r="L3695" s="237">
        <f t="shared" si="866"/>
        <v>364.02876787404762</v>
      </c>
      <c r="M3695" s="236">
        <f t="shared" si="862"/>
        <v>17.150404467391425</v>
      </c>
      <c r="N3695" s="236">
        <f t="shared" si="863"/>
        <v>2.4682694405851997</v>
      </c>
      <c r="O3695" s="236">
        <f t="shared" si="867"/>
        <v>2.756497577579577</v>
      </c>
      <c r="P3695" s="236" t="str">
        <f t="shared" si="868"/>
        <v>CLAY</v>
      </c>
      <c r="Q3695" s="236">
        <f t="shared" si="864"/>
        <v>520.27005056717178</v>
      </c>
      <c r="R3695" s="238">
        <v>35</v>
      </c>
      <c r="S3695" s="236">
        <f t="shared" si="869"/>
        <v>8.725352214327355</v>
      </c>
      <c r="T3695" s="236" t="e">
        <f t="shared" si="855"/>
        <v>#N/A</v>
      </c>
    </row>
    <row r="3696" spans="1:20" x14ac:dyDescent="0.2">
      <c r="A3696" s="53">
        <f t="shared" si="856"/>
        <v>3684</v>
      </c>
      <c r="B3696" s="239">
        <v>36.74</v>
      </c>
      <c r="C3696" s="3">
        <f t="shared" si="857"/>
        <v>36.733000000000004</v>
      </c>
      <c r="D3696" s="239">
        <v>7.1722999999999999</v>
      </c>
      <c r="E3696" s="239">
        <v>0.16889999999999999</v>
      </c>
      <c r="F3696" s="239">
        <v>0.40160000000000001</v>
      </c>
      <c r="G3696">
        <f t="shared" si="858"/>
        <v>7.2526200000000003</v>
      </c>
      <c r="H3696" s="235">
        <f t="shared" si="859"/>
        <v>2.3288135873656692</v>
      </c>
      <c r="I3696" s="236">
        <f t="shared" si="860"/>
        <v>20.033488539158064</v>
      </c>
      <c r="J3696" s="237">
        <f t="shared" si="865"/>
        <v>10.033488539158064</v>
      </c>
      <c r="K3696" s="237">
        <f t="shared" si="861"/>
        <v>735.8901345088932</v>
      </c>
      <c r="L3696" s="237">
        <f t="shared" si="866"/>
        <v>368.63036892866728</v>
      </c>
      <c r="M3696" s="236">
        <f t="shared" si="862"/>
        <v>17.678222997281438</v>
      </c>
      <c r="N3696" s="236">
        <f t="shared" si="863"/>
        <v>2.59179072151507</v>
      </c>
      <c r="O3696" s="236">
        <f t="shared" si="867"/>
        <v>2.7583378827718419</v>
      </c>
      <c r="P3696" s="236" t="str">
        <f t="shared" si="868"/>
        <v>CLAY</v>
      </c>
      <c r="Q3696" s="236">
        <f t="shared" si="864"/>
        <v>543.06082212425883</v>
      </c>
      <c r="R3696" s="238">
        <v>35</v>
      </c>
      <c r="S3696" s="236">
        <f t="shared" si="869"/>
        <v>9.0622965255290726</v>
      </c>
      <c r="T3696" s="236" t="e">
        <f t="shared" si="855"/>
        <v>#N/A</v>
      </c>
    </row>
    <row r="3697" spans="1:20" x14ac:dyDescent="0.2">
      <c r="A3697" s="53">
        <f t="shared" si="856"/>
        <v>3685</v>
      </c>
      <c r="B3697" s="239">
        <v>36.75</v>
      </c>
      <c r="C3697" s="3">
        <f t="shared" si="857"/>
        <v>36.743000000000002</v>
      </c>
      <c r="D3697" s="239">
        <v>7.8838999999999997</v>
      </c>
      <c r="E3697" s="239">
        <v>0.17349999999999999</v>
      </c>
      <c r="F3697" s="239">
        <v>0.39539999999999997</v>
      </c>
      <c r="G3697">
        <f t="shared" si="858"/>
        <v>7.9629799999999999</v>
      </c>
      <c r="H3697" s="235">
        <f t="shared" si="859"/>
        <v>2.1788325476140837</v>
      </c>
      <c r="I3697" s="236">
        <f t="shared" si="860"/>
        <v>20.10151971047453</v>
      </c>
      <c r="J3697" s="237">
        <f t="shared" si="865"/>
        <v>10.10151971047453</v>
      </c>
      <c r="K3697" s="237">
        <f t="shared" si="861"/>
        <v>738.59013872196567</v>
      </c>
      <c r="L3697" s="237">
        <f t="shared" si="866"/>
        <v>371.23084935993899</v>
      </c>
      <c r="M3697" s="236">
        <f t="shared" si="862"/>
        <v>19.460639851817355</v>
      </c>
      <c r="N3697" s="236">
        <f t="shared" si="863"/>
        <v>2.4015868928937745</v>
      </c>
      <c r="O3697" s="236">
        <f t="shared" si="867"/>
        <v>2.7051193153522455</v>
      </c>
      <c r="P3697" s="236" t="str">
        <f t="shared" si="868"/>
        <v>CLAY</v>
      </c>
      <c r="Q3697" s="236">
        <f t="shared" si="864"/>
        <v>602.03248843983613</v>
      </c>
      <c r="R3697" s="238">
        <v>35</v>
      </c>
      <c r="S3697" s="236">
        <f t="shared" si="869"/>
        <v>10.218482440913069</v>
      </c>
      <c r="T3697" s="236" t="e">
        <f t="shared" si="855"/>
        <v>#N/A</v>
      </c>
    </row>
    <row r="3698" spans="1:20" x14ac:dyDescent="0.2">
      <c r="A3698" s="53">
        <f t="shared" si="856"/>
        <v>3686</v>
      </c>
      <c r="B3698" s="239">
        <v>36.759</v>
      </c>
      <c r="C3698" s="3">
        <f t="shared" si="857"/>
        <v>36.752000000000002</v>
      </c>
      <c r="D3698" s="239">
        <v>8.8554999999999993</v>
      </c>
      <c r="E3698" s="239">
        <v>0.1736</v>
      </c>
      <c r="F3698" s="239">
        <v>0.44700000000000001</v>
      </c>
      <c r="G3698">
        <f t="shared" si="858"/>
        <v>8.9448999999999987</v>
      </c>
      <c r="H3698" s="235">
        <f t="shared" si="859"/>
        <v>1.9407707185099894</v>
      </c>
      <c r="I3698" s="236">
        <f t="shared" si="860"/>
        <v>20.147645241392169</v>
      </c>
      <c r="J3698" s="237">
        <f t="shared" si="865"/>
        <v>10.147645241392169</v>
      </c>
      <c r="K3698" s="237">
        <f t="shared" si="861"/>
        <v>740.46625791164502</v>
      </c>
      <c r="L3698" s="237">
        <f t="shared" si="866"/>
        <v>373.01729142833477</v>
      </c>
      <c r="M3698" s="236">
        <f t="shared" si="862"/>
        <v>21.994781289286735</v>
      </c>
      <c r="N3698" s="236">
        <f t="shared" si="863"/>
        <v>2.1159290873353056</v>
      </c>
      <c r="O3698" s="236">
        <f t="shared" si="867"/>
        <v>2.6297523378280725</v>
      </c>
      <c r="P3698" s="236" t="str">
        <f t="shared" si="868"/>
        <v>CLAY</v>
      </c>
      <c r="Q3698" s="236">
        <f t="shared" si="864"/>
        <v>683.7028118406962</v>
      </c>
      <c r="R3698" s="238">
        <v>35</v>
      </c>
      <c r="S3698" s="236">
        <f t="shared" si="869"/>
        <v>11.908020357882533</v>
      </c>
      <c r="T3698" s="236" t="e">
        <f t="shared" si="855"/>
        <v>#N/A</v>
      </c>
    </row>
    <row r="3699" spans="1:20" x14ac:dyDescent="0.2">
      <c r="A3699" s="53">
        <f t="shared" si="856"/>
        <v>3687</v>
      </c>
      <c r="B3699" s="239">
        <v>36.770000000000003</v>
      </c>
      <c r="C3699" s="3">
        <f t="shared" si="857"/>
        <v>36.763000000000005</v>
      </c>
      <c r="D3699" s="239">
        <v>9.5335999999999999</v>
      </c>
      <c r="E3699" s="239">
        <v>0.1759</v>
      </c>
      <c r="F3699" s="239">
        <v>0.3342</v>
      </c>
      <c r="G3699">
        <f t="shared" si="858"/>
        <v>9.600439999999999</v>
      </c>
      <c r="H3699" s="235">
        <f t="shared" si="859"/>
        <v>1.8322076904808533</v>
      </c>
      <c r="I3699" s="236">
        <f t="shared" si="860"/>
        <v>20.190722844890093</v>
      </c>
      <c r="J3699" s="237">
        <f t="shared" si="865"/>
        <v>10.190722844890093</v>
      </c>
      <c r="K3699" s="237">
        <f t="shared" si="861"/>
        <v>742.27154394669458</v>
      </c>
      <c r="L3699" s="237">
        <f t="shared" si="866"/>
        <v>374.71287900660877</v>
      </c>
      <c r="M3699" s="236">
        <f t="shared" si="862"/>
        <v>23.639882566985573</v>
      </c>
      <c r="N3699" s="236">
        <f t="shared" si="863"/>
        <v>1.9857378065529701</v>
      </c>
      <c r="O3699" s="236">
        <f t="shared" si="867"/>
        <v>2.5882020543312096</v>
      </c>
      <c r="P3699" s="236" t="str">
        <f t="shared" si="868"/>
        <v>SAND</v>
      </c>
      <c r="Q3699" s="236" t="e">
        <f t="shared" si="864"/>
        <v>#N/A</v>
      </c>
      <c r="R3699" s="238">
        <v>35</v>
      </c>
      <c r="S3699" s="236" t="e">
        <f t="shared" si="869"/>
        <v>#N/A</v>
      </c>
      <c r="T3699" s="236">
        <f t="shared" si="855"/>
        <v>32.710098463040602</v>
      </c>
    </row>
    <row r="3700" spans="1:20" x14ac:dyDescent="0.2">
      <c r="A3700" s="53">
        <f t="shared" si="856"/>
        <v>3688</v>
      </c>
      <c r="B3700" s="239">
        <v>36.779000000000003</v>
      </c>
      <c r="C3700" s="3">
        <f t="shared" si="857"/>
        <v>36.772000000000006</v>
      </c>
      <c r="D3700" s="239">
        <v>10.1577</v>
      </c>
      <c r="E3700" s="239">
        <v>0.1736</v>
      </c>
      <c r="F3700" s="239">
        <v>0.2099</v>
      </c>
      <c r="G3700">
        <f t="shared" si="858"/>
        <v>10.199680000000001</v>
      </c>
      <c r="H3700" s="235">
        <f t="shared" si="859"/>
        <v>1.7020141808370457</v>
      </c>
      <c r="I3700" s="236">
        <f t="shared" si="860"/>
        <v>20.198955192612704</v>
      </c>
      <c r="J3700" s="237">
        <f t="shared" si="865"/>
        <v>10.198955192612704</v>
      </c>
      <c r="K3700" s="237">
        <f t="shared" si="861"/>
        <v>742.75598034275447</v>
      </c>
      <c r="L3700" s="237">
        <f t="shared" si="866"/>
        <v>375.10737302910269</v>
      </c>
      <c r="M3700" s="236">
        <f t="shared" si="862"/>
        <v>25.211245364999879</v>
      </c>
      <c r="N3700" s="236">
        <f t="shared" si="863"/>
        <v>1.8356920245859381</v>
      </c>
      <c r="O3700" s="236">
        <f t="shared" si="867"/>
        <v>2.5455773514781792</v>
      </c>
      <c r="P3700" s="236" t="str">
        <f t="shared" si="868"/>
        <v>SAND</v>
      </c>
      <c r="Q3700" s="236" t="e">
        <f t="shared" si="864"/>
        <v>#N/A</v>
      </c>
      <c r="R3700" s="238">
        <v>35</v>
      </c>
      <c r="S3700" s="236" t="e">
        <f t="shared" si="869"/>
        <v>#N/A</v>
      </c>
      <c r="T3700" s="236">
        <f t="shared" si="855"/>
        <v>33.017537290528054</v>
      </c>
    </row>
    <row r="3701" spans="1:20" x14ac:dyDescent="0.2">
      <c r="A3701" s="53">
        <f t="shared" si="856"/>
        <v>3689</v>
      </c>
      <c r="B3701" s="239">
        <v>36.789000000000001</v>
      </c>
      <c r="C3701" s="3">
        <f t="shared" si="857"/>
        <v>36.782000000000004</v>
      </c>
      <c r="D3701" s="239">
        <v>10.7348</v>
      </c>
      <c r="E3701" s="239">
        <v>0.16750000000000001</v>
      </c>
      <c r="F3701" s="239">
        <v>0.2873</v>
      </c>
      <c r="G3701">
        <f t="shared" si="858"/>
        <v>10.792260000000001</v>
      </c>
      <c r="H3701" s="235">
        <f t="shared" si="859"/>
        <v>1.5520382199835809</v>
      </c>
      <c r="I3701" s="236">
        <f t="shared" si="860"/>
        <v>20.179084204662349</v>
      </c>
      <c r="J3701" s="237">
        <f t="shared" si="865"/>
        <v>10.179084204662349</v>
      </c>
      <c r="K3701" s="237">
        <f t="shared" si="861"/>
        <v>742.22707521589064</v>
      </c>
      <c r="L3701" s="237">
        <f t="shared" si="866"/>
        <v>374.47832880532314</v>
      </c>
      <c r="M3701" s="236">
        <f t="shared" si="862"/>
        <v>26.837421959359187</v>
      </c>
      <c r="N3701" s="236">
        <f t="shared" si="863"/>
        <v>1.6666612065213526</v>
      </c>
      <c r="O3701" s="236">
        <f t="shared" si="867"/>
        <v>2.4991324209962751</v>
      </c>
      <c r="P3701" s="236" t="str">
        <f t="shared" si="868"/>
        <v>SAND</v>
      </c>
      <c r="Q3701" s="236" t="e">
        <f t="shared" si="864"/>
        <v>#N/A</v>
      </c>
      <c r="R3701" s="238">
        <v>35</v>
      </c>
      <c r="S3701" s="236" t="e">
        <f t="shared" si="869"/>
        <v>#N/A</v>
      </c>
      <c r="T3701" s="236">
        <f t="shared" si="855"/>
        <v>33.316148740155327</v>
      </c>
    </row>
    <row r="3702" spans="1:20" x14ac:dyDescent="0.2">
      <c r="A3702" s="53">
        <f t="shared" si="856"/>
        <v>3690</v>
      </c>
      <c r="B3702" s="239">
        <v>36.798999999999999</v>
      </c>
      <c r="C3702" s="3">
        <f t="shared" si="857"/>
        <v>36.792000000000002</v>
      </c>
      <c r="D3702" s="239">
        <v>10.7401</v>
      </c>
      <c r="E3702" s="239">
        <v>0.16880000000000001</v>
      </c>
      <c r="F3702" s="239">
        <v>0.26900000000000002</v>
      </c>
      <c r="G3702">
        <f t="shared" si="858"/>
        <v>10.793900000000001</v>
      </c>
      <c r="H3702" s="235">
        <f t="shared" si="859"/>
        <v>1.5638462464910736</v>
      </c>
      <c r="I3702" s="236">
        <f t="shared" si="860"/>
        <v>20.188209199771585</v>
      </c>
      <c r="J3702" s="237">
        <f t="shared" si="865"/>
        <v>10.188209199771585</v>
      </c>
      <c r="K3702" s="237">
        <f t="shared" si="861"/>
        <v>742.76459287799617</v>
      </c>
      <c r="L3702" s="237">
        <f t="shared" si="866"/>
        <v>374.91591034239451</v>
      </c>
      <c r="M3702" s="236">
        <f t="shared" si="862"/>
        <v>26.809039386839402</v>
      </c>
      <c r="N3702" s="236">
        <f t="shared" si="863"/>
        <v>1.6794122570510013</v>
      </c>
      <c r="O3702" s="236">
        <f t="shared" si="867"/>
        <v>2.5014186211280949</v>
      </c>
      <c r="P3702" s="236" t="str">
        <f t="shared" si="868"/>
        <v>SAND</v>
      </c>
      <c r="Q3702" s="236" t="e">
        <f t="shared" si="864"/>
        <v>#N/A</v>
      </c>
      <c r="R3702" s="238">
        <v>35</v>
      </c>
      <c r="S3702" s="236" t="e">
        <f t="shared" si="869"/>
        <v>#N/A</v>
      </c>
      <c r="T3702" s="236">
        <f t="shared" si="855"/>
        <v>33.311093780325663</v>
      </c>
    </row>
    <row r="3703" spans="1:20" x14ac:dyDescent="0.2">
      <c r="A3703" s="53">
        <f t="shared" si="856"/>
        <v>3691</v>
      </c>
      <c r="B3703" s="239">
        <v>36.808999999999997</v>
      </c>
      <c r="C3703" s="3">
        <f t="shared" si="857"/>
        <v>36.802</v>
      </c>
      <c r="D3703" s="239">
        <v>10.292</v>
      </c>
      <c r="E3703" s="239">
        <v>0.15709999999999999</v>
      </c>
      <c r="F3703" s="239">
        <v>9.4399999999999998E-2</v>
      </c>
      <c r="G3703">
        <f t="shared" si="858"/>
        <v>10.310879999999999</v>
      </c>
      <c r="H3703" s="235">
        <f t="shared" si="859"/>
        <v>1.5236332883323247</v>
      </c>
      <c r="I3703" s="236">
        <f t="shared" si="860"/>
        <v>20.086084913225818</v>
      </c>
      <c r="J3703" s="237">
        <f t="shared" si="865"/>
        <v>10.086084913225818</v>
      </c>
      <c r="K3703" s="237">
        <f t="shared" si="861"/>
        <v>739.20809697653658</v>
      </c>
      <c r="L3703" s="237">
        <f t="shared" si="866"/>
        <v>371.25869957092914</v>
      </c>
      <c r="M3703" s="236">
        <f t="shared" si="862"/>
        <v>25.781677073387453</v>
      </c>
      <c r="N3703" s="236">
        <f t="shared" si="863"/>
        <v>1.6413015572585166</v>
      </c>
      <c r="O3703" s="236">
        <f t="shared" si="867"/>
        <v>2.5095747473365155</v>
      </c>
      <c r="P3703" s="236" t="str">
        <f t="shared" si="868"/>
        <v>SAND</v>
      </c>
      <c r="Q3703" s="236" t="e">
        <f t="shared" si="864"/>
        <v>#N/A</v>
      </c>
      <c r="R3703" s="238">
        <v>35</v>
      </c>
      <c r="S3703" s="236" t="e">
        <f t="shared" si="869"/>
        <v>#N/A</v>
      </c>
      <c r="T3703" s="236">
        <f t="shared" si="855"/>
        <v>33.124422808137396</v>
      </c>
    </row>
    <row r="3704" spans="1:20" x14ac:dyDescent="0.2">
      <c r="A3704" s="53">
        <f t="shared" si="856"/>
        <v>3692</v>
      </c>
      <c r="B3704" s="239">
        <v>36.817999999999998</v>
      </c>
      <c r="C3704" s="3">
        <f t="shared" si="857"/>
        <v>36.811</v>
      </c>
      <c r="D3704" s="239">
        <v>9.8330000000000002</v>
      </c>
      <c r="E3704" s="239">
        <v>0.14050000000000001</v>
      </c>
      <c r="F3704" s="239">
        <v>8.3400000000000002E-2</v>
      </c>
      <c r="G3704">
        <f t="shared" si="858"/>
        <v>9.8496799999999993</v>
      </c>
      <c r="H3704" s="235">
        <f t="shared" si="859"/>
        <v>1.426442280358347</v>
      </c>
      <c r="I3704" s="236">
        <f t="shared" si="860"/>
        <v>19.937249038921653</v>
      </c>
      <c r="J3704" s="237">
        <f t="shared" si="865"/>
        <v>9.937249038921653</v>
      </c>
      <c r="K3704" s="237">
        <f t="shared" si="861"/>
        <v>733.91007437174494</v>
      </c>
      <c r="L3704" s="237">
        <f t="shared" si="866"/>
        <v>365.86963511501739</v>
      </c>
      <c r="M3704" s="236">
        <f t="shared" si="862"/>
        <v>24.915349760475628</v>
      </c>
      <c r="N3704" s="236">
        <f t="shared" si="863"/>
        <v>1.5412850603545352</v>
      </c>
      <c r="O3704" s="236">
        <f t="shared" si="867"/>
        <v>2.5063267155563116</v>
      </c>
      <c r="P3704" s="236" t="str">
        <f t="shared" si="868"/>
        <v>SAND</v>
      </c>
      <c r="Q3704" s="236" t="e">
        <f t="shared" si="864"/>
        <v>#N/A</v>
      </c>
      <c r="R3704" s="238">
        <v>35</v>
      </c>
      <c r="S3704" s="236" t="e">
        <f t="shared" si="869"/>
        <v>#N/A</v>
      </c>
      <c r="T3704" s="236">
        <f t="shared" si="855"/>
        <v>32.961136869702941</v>
      </c>
    </row>
    <row r="3705" spans="1:20" x14ac:dyDescent="0.2">
      <c r="A3705" s="53">
        <f t="shared" si="856"/>
        <v>3693</v>
      </c>
      <c r="B3705" s="239">
        <v>36.829000000000001</v>
      </c>
      <c r="C3705" s="3">
        <f t="shared" si="857"/>
        <v>36.822000000000003</v>
      </c>
      <c r="D3705" s="239">
        <v>9.2074999999999996</v>
      </c>
      <c r="E3705" s="239">
        <v>0.13789999999999999</v>
      </c>
      <c r="F3705" s="239">
        <v>0.104</v>
      </c>
      <c r="G3705">
        <f t="shared" si="858"/>
        <v>9.2282999999999991</v>
      </c>
      <c r="H3705" s="235">
        <f t="shared" si="859"/>
        <v>1.4943163963026778</v>
      </c>
      <c r="I3705" s="236">
        <f t="shared" si="860"/>
        <v>19.889876107040557</v>
      </c>
      <c r="J3705" s="237">
        <f t="shared" si="865"/>
        <v>9.889876107040557</v>
      </c>
      <c r="K3705" s="237">
        <f t="shared" si="861"/>
        <v>732.38501801344739</v>
      </c>
      <c r="L3705" s="237">
        <f t="shared" si="866"/>
        <v>364.23424714619665</v>
      </c>
      <c r="M3705" s="236">
        <f t="shared" si="862"/>
        <v>23.325415027699069</v>
      </c>
      <c r="N3705" s="236">
        <f t="shared" si="863"/>
        <v>1.6231330032419371</v>
      </c>
      <c r="O3705" s="236">
        <f t="shared" si="867"/>
        <v>2.5426431506408274</v>
      </c>
      <c r="P3705" s="236" t="str">
        <f t="shared" si="868"/>
        <v>SAND</v>
      </c>
      <c r="Q3705" s="236" t="e">
        <f t="shared" si="864"/>
        <v>#N/A</v>
      </c>
      <c r="R3705" s="238">
        <v>35</v>
      </c>
      <c r="S3705" s="236" t="e">
        <f t="shared" si="869"/>
        <v>#N/A</v>
      </c>
      <c r="T3705" s="236">
        <f t="shared" si="855"/>
        <v>32.646123178490129</v>
      </c>
    </row>
    <row r="3706" spans="1:20" x14ac:dyDescent="0.2">
      <c r="A3706" s="53">
        <f t="shared" si="856"/>
        <v>3694</v>
      </c>
      <c r="B3706" s="239">
        <v>36.838000000000001</v>
      </c>
      <c r="C3706" s="3">
        <f t="shared" si="857"/>
        <v>36.831000000000003</v>
      </c>
      <c r="D3706" s="239">
        <v>8.5142000000000007</v>
      </c>
      <c r="E3706" s="239">
        <v>0.13969999999999999</v>
      </c>
      <c r="F3706" s="239">
        <v>0.14779999999999999</v>
      </c>
      <c r="G3706">
        <f t="shared" si="858"/>
        <v>8.5437600000000007</v>
      </c>
      <c r="H3706" s="235">
        <f t="shared" si="859"/>
        <v>1.6351114731687217</v>
      </c>
      <c r="I3706" s="236">
        <f t="shared" si="860"/>
        <v>19.874957487097724</v>
      </c>
      <c r="J3706" s="237">
        <f t="shared" si="865"/>
        <v>9.8749574870977241</v>
      </c>
      <c r="K3706" s="237">
        <f t="shared" si="861"/>
        <v>732.01455920729632</v>
      </c>
      <c r="L3706" s="237">
        <f t="shared" si="866"/>
        <v>363.77368390970599</v>
      </c>
      <c r="M3706" s="236">
        <f t="shared" si="862"/>
        <v>21.474190647423782</v>
      </c>
      <c r="N3706" s="236">
        <f t="shared" si="863"/>
        <v>1.7883327235740523</v>
      </c>
      <c r="O3706" s="236">
        <f t="shared" si="867"/>
        <v>2.596055434016689</v>
      </c>
      <c r="P3706" s="236" t="str">
        <f t="shared" si="868"/>
        <v>SAND</v>
      </c>
      <c r="Q3706" s="236" t="e">
        <f t="shared" si="864"/>
        <v>#N/A</v>
      </c>
      <c r="R3706" s="238">
        <v>35</v>
      </c>
      <c r="S3706" s="236" t="e">
        <f t="shared" si="869"/>
        <v>#N/A</v>
      </c>
      <c r="T3706" s="236">
        <f t="shared" si="855"/>
        <v>32.251084848930851</v>
      </c>
    </row>
    <row r="3707" spans="1:20" x14ac:dyDescent="0.2">
      <c r="A3707" s="53">
        <f t="shared" si="856"/>
        <v>3695</v>
      </c>
      <c r="B3707" s="239">
        <v>36.847000000000001</v>
      </c>
      <c r="C3707" s="3">
        <f t="shared" si="857"/>
        <v>36.840000000000003</v>
      </c>
      <c r="D3707" s="239">
        <v>7.8480999999999996</v>
      </c>
      <c r="E3707" s="239">
        <v>0.14979999999999999</v>
      </c>
      <c r="F3707" s="239">
        <v>0.18410000000000001</v>
      </c>
      <c r="G3707">
        <f t="shared" si="858"/>
        <v>7.8849199999999993</v>
      </c>
      <c r="H3707" s="235">
        <f t="shared" si="859"/>
        <v>1.899829040751206</v>
      </c>
      <c r="I3707" s="236">
        <f t="shared" si="860"/>
        <v>19.925442512685457</v>
      </c>
      <c r="J3707" s="237">
        <f t="shared" si="865"/>
        <v>9.9254425126854571</v>
      </c>
      <c r="K3707" s="237">
        <f t="shared" si="861"/>
        <v>734.05330216733228</v>
      </c>
      <c r="L3707" s="237">
        <f t="shared" si="866"/>
        <v>365.72278026492103</v>
      </c>
      <c r="M3707" s="236">
        <f t="shared" si="862"/>
        <v>19.552696970784119</v>
      </c>
      <c r="N3707" s="236">
        <f t="shared" si="863"/>
        <v>2.0948509646446403</v>
      </c>
      <c r="O3707" s="236">
        <f t="shared" si="867"/>
        <v>2.6687625128746419</v>
      </c>
      <c r="P3707" s="236" t="str">
        <f t="shared" si="868"/>
        <v>CLAY</v>
      </c>
      <c r="Q3707" s="236">
        <f t="shared" si="864"/>
        <v>595.90555815272228</v>
      </c>
      <c r="R3707" s="238">
        <v>35</v>
      </c>
      <c r="S3707" s="236">
        <f t="shared" si="869"/>
        <v>10.27894034684517</v>
      </c>
      <c r="T3707" s="236" t="e">
        <f t="shared" si="855"/>
        <v>#N/A</v>
      </c>
    </row>
    <row r="3708" spans="1:20" x14ac:dyDescent="0.2">
      <c r="A3708" s="53">
        <f t="shared" si="856"/>
        <v>3696</v>
      </c>
      <c r="B3708" s="239">
        <v>36.857999999999997</v>
      </c>
      <c r="C3708" s="3">
        <f t="shared" si="857"/>
        <v>36.850999999999999</v>
      </c>
      <c r="D3708" s="239">
        <v>7.3815999999999997</v>
      </c>
      <c r="E3708" s="239">
        <v>0.1588</v>
      </c>
      <c r="F3708" s="239">
        <v>0.22789999999999999</v>
      </c>
      <c r="G3708">
        <f t="shared" si="858"/>
        <v>7.4271799999999999</v>
      </c>
      <c r="H3708" s="235">
        <f t="shared" si="859"/>
        <v>2.1380927889185397</v>
      </c>
      <c r="I3708" s="236">
        <f t="shared" si="860"/>
        <v>19.970480953601971</v>
      </c>
      <c r="J3708" s="237">
        <f t="shared" si="865"/>
        <v>9.970480953601971</v>
      </c>
      <c r="K3708" s="237">
        <f t="shared" si="861"/>
        <v>735.93219362118623</v>
      </c>
      <c r="L3708" s="237">
        <f t="shared" si="866"/>
        <v>367.49198698786142</v>
      </c>
      <c r="M3708" s="236">
        <f t="shared" si="862"/>
        <v>18.207874030733169</v>
      </c>
      <c r="N3708" s="236">
        <f t="shared" si="863"/>
        <v>2.3732494236518158</v>
      </c>
      <c r="O3708" s="236">
        <f t="shared" si="867"/>
        <v>2.7254494563391098</v>
      </c>
      <c r="P3708" s="236" t="str">
        <f t="shared" si="868"/>
        <v>CLAY</v>
      </c>
      <c r="Q3708" s="236">
        <f t="shared" si="864"/>
        <v>557.60398386490112</v>
      </c>
      <c r="R3708" s="238">
        <v>35</v>
      </c>
      <c r="S3708" s="236">
        <f t="shared" si="869"/>
        <v>9.4029485285992394</v>
      </c>
      <c r="T3708" s="236" t="e">
        <f t="shared" si="855"/>
        <v>#N/A</v>
      </c>
    </row>
    <row r="3709" spans="1:20" x14ac:dyDescent="0.2">
      <c r="A3709" s="53">
        <f t="shared" si="856"/>
        <v>3697</v>
      </c>
      <c r="B3709" s="239">
        <v>36.866999999999997</v>
      </c>
      <c r="C3709" s="3">
        <f t="shared" si="857"/>
        <v>36.86</v>
      </c>
      <c r="D3709" s="239">
        <v>7.1980000000000004</v>
      </c>
      <c r="E3709" s="239">
        <v>0.16980000000000001</v>
      </c>
      <c r="F3709" s="239">
        <v>0.30020000000000002</v>
      </c>
      <c r="G3709">
        <f t="shared" si="858"/>
        <v>7.2580400000000003</v>
      </c>
      <c r="H3709" s="235">
        <f t="shared" si="859"/>
        <v>2.3394745688918772</v>
      </c>
      <c r="I3709" s="236">
        <f t="shared" si="860"/>
        <v>20.040012227925832</v>
      </c>
      <c r="J3709" s="237">
        <f t="shared" si="865"/>
        <v>10.040012227925832</v>
      </c>
      <c r="K3709" s="237">
        <f t="shared" si="861"/>
        <v>738.67485072134616</v>
      </c>
      <c r="L3709" s="237">
        <f t="shared" si="866"/>
        <v>370.14513080694161</v>
      </c>
      <c r="M3709" s="236">
        <f t="shared" si="862"/>
        <v>17.61299719130708</v>
      </c>
      <c r="N3709" s="236">
        <f t="shared" si="863"/>
        <v>2.6045480827038476</v>
      </c>
      <c r="O3709" s="236">
        <f t="shared" si="867"/>
        <v>2.7608944344683244</v>
      </c>
      <c r="P3709" s="236" t="str">
        <f t="shared" si="868"/>
        <v>CLAY</v>
      </c>
      <c r="Q3709" s="236">
        <f t="shared" si="864"/>
        <v>543.28042910655449</v>
      </c>
      <c r="R3709" s="238">
        <v>35</v>
      </c>
      <c r="S3709" s="236">
        <f t="shared" si="869"/>
        <v>9.0205203576973272</v>
      </c>
      <c r="T3709" s="236" t="e">
        <f t="shared" si="855"/>
        <v>#N/A</v>
      </c>
    </row>
    <row r="3710" spans="1:20" x14ac:dyDescent="0.2">
      <c r="A3710" s="53">
        <f t="shared" si="856"/>
        <v>3698</v>
      </c>
      <c r="B3710" s="239">
        <v>36.878</v>
      </c>
      <c r="C3710" s="3">
        <f t="shared" si="857"/>
        <v>36.871000000000002</v>
      </c>
      <c r="D3710" s="239">
        <v>7.0964999999999998</v>
      </c>
      <c r="E3710" s="239">
        <v>0.17610000000000001</v>
      </c>
      <c r="F3710" s="239">
        <v>0.36659999999999998</v>
      </c>
      <c r="G3710">
        <f t="shared" si="858"/>
        <v>7.1698199999999996</v>
      </c>
      <c r="H3710" s="235">
        <f t="shared" si="859"/>
        <v>2.4561286057390563</v>
      </c>
      <c r="I3710" s="236">
        <f t="shared" si="860"/>
        <v>20.077950742960677</v>
      </c>
      <c r="J3710" s="237">
        <f t="shared" si="865"/>
        <v>10.077950742960677</v>
      </c>
      <c r="K3710" s="237">
        <f t="shared" si="861"/>
        <v>740.29412184370312</v>
      </c>
      <c r="L3710" s="237">
        <f t="shared" si="866"/>
        <v>371.65466749890385</v>
      </c>
      <c r="M3710" s="236">
        <f t="shared" si="862"/>
        <v>17.299731283948589</v>
      </c>
      <c r="N3710" s="236">
        <f t="shared" si="863"/>
        <v>2.7389266850652705</v>
      </c>
      <c r="O3710" s="236">
        <f t="shared" si="867"/>
        <v>2.7801476790415145</v>
      </c>
      <c r="P3710" s="236" t="str">
        <f t="shared" si="868"/>
        <v>CLAY</v>
      </c>
      <c r="Q3710" s="236">
        <f t="shared" si="864"/>
        <v>535.79382317969146</v>
      </c>
      <c r="R3710" s="238">
        <v>35</v>
      </c>
      <c r="S3710" s="236">
        <f t="shared" si="869"/>
        <v>8.820418780812938</v>
      </c>
      <c r="T3710" s="236" t="e">
        <f t="shared" si="855"/>
        <v>#N/A</v>
      </c>
    </row>
    <row r="3711" spans="1:20" x14ac:dyDescent="0.2">
      <c r="A3711" s="53">
        <f t="shared" si="856"/>
        <v>3699</v>
      </c>
      <c r="B3711" s="239">
        <v>36.887</v>
      </c>
      <c r="C3711" s="3">
        <f t="shared" si="857"/>
        <v>36.880000000000003</v>
      </c>
      <c r="D3711" s="239">
        <v>7.1694000000000004</v>
      </c>
      <c r="E3711" s="239">
        <v>0.1759</v>
      </c>
      <c r="F3711" s="239">
        <v>0.38850000000000001</v>
      </c>
      <c r="G3711">
        <f t="shared" si="858"/>
        <v>7.2471000000000005</v>
      </c>
      <c r="H3711" s="235">
        <f t="shared" si="859"/>
        <v>2.4271777676587876</v>
      </c>
      <c r="I3711" s="236">
        <f t="shared" si="860"/>
        <v>20.080808649540497</v>
      </c>
      <c r="J3711" s="237">
        <f t="shared" si="865"/>
        <v>10.080808649540497</v>
      </c>
      <c r="K3711" s="237">
        <f t="shared" si="861"/>
        <v>740.58022299505353</v>
      </c>
      <c r="L3711" s="237">
        <f t="shared" si="866"/>
        <v>371.8507886556003</v>
      </c>
      <c r="M3711" s="236">
        <f t="shared" si="862"/>
        <v>17.497662975326207</v>
      </c>
      <c r="N3711" s="236">
        <f t="shared" si="863"/>
        <v>2.7034421784385865</v>
      </c>
      <c r="O3711" s="236">
        <f t="shared" si="867"/>
        <v>2.7728050646283502</v>
      </c>
      <c r="P3711" s="236" t="str">
        <f t="shared" si="868"/>
        <v>CLAY</v>
      </c>
      <c r="Q3711" s="236">
        <f t="shared" si="864"/>
        <v>542.20998141707889</v>
      </c>
      <c r="R3711" s="238">
        <v>35</v>
      </c>
      <c r="S3711" s="236">
        <f t="shared" si="869"/>
        <v>8.9467451751334348</v>
      </c>
      <c r="T3711" s="236" t="e">
        <f t="shared" si="855"/>
        <v>#N/A</v>
      </c>
    </row>
    <row r="3712" spans="1:20" x14ac:dyDescent="0.2">
      <c r="A3712" s="53">
        <f t="shared" si="856"/>
        <v>3700</v>
      </c>
      <c r="B3712" s="239">
        <v>36.896000000000001</v>
      </c>
      <c r="C3712" s="3">
        <f t="shared" si="857"/>
        <v>36.889000000000003</v>
      </c>
      <c r="D3712" s="239">
        <v>7.2910000000000004</v>
      </c>
      <c r="E3712" s="239">
        <v>0.1681</v>
      </c>
      <c r="F3712" s="239">
        <v>0.3634</v>
      </c>
      <c r="G3712">
        <f t="shared" si="858"/>
        <v>7.3636800000000004</v>
      </c>
      <c r="H3712" s="235">
        <f t="shared" si="859"/>
        <v>2.2828259783151901</v>
      </c>
      <c r="I3712" s="236">
        <f t="shared" si="860"/>
        <v>20.033861297247814</v>
      </c>
      <c r="J3712" s="237">
        <f t="shared" si="865"/>
        <v>10.033861297247814</v>
      </c>
      <c r="K3712" s="237">
        <f t="shared" si="861"/>
        <v>739.02910939417461</v>
      </c>
      <c r="L3712" s="237">
        <f t="shared" si="866"/>
        <v>370.20934642325534</v>
      </c>
      <c r="M3712" s="236">
        <f t="shared" si="862"/>
        <v>17.894337230027553</v>
      </c>
      <c r="N3712" s="236">
        <f t="shared" si="863"/>
        <v>2.5374922056402465</v>
      </c>
      <c r="O3712" s="236">
        <f t="shared" si="867"/>
        <v>2.7486434320574555</v>
      </c>
      <c r="P3712" s="236" t="str">
        <f t="shared" si="868"/>
        <v>CLAY</v>
      </c>
      <c r="Q3712" s="236">
        <f t="shared" si="864"/>
        <v>552.05424088381881</v>
      </c>
      <c r="R3712" s="238">
        <v>35</v>
      </c>
      <c r="S3712" s="236">
        <f t="shared" si="869"/>
        <v>9.2009894072992093</v>
      </c>
      <c r="T3712" s="236" t="e">
        <f t="shared" si="855"/>
        <v>#N/A</v>
      </c>
    </row>
    <row r="3713" spans="1:20" x14ac:dyDescent="0.2">
      <c r="A3713" s="53">
        <f t="shared" si="856"/>
        <v>3701</v>
      </c>
      <c r="B3713" s="239">
        <v>36.905999999999999</v>
      </c>
      <c r="C3713" s="3">
        <f t="shared" si="857"/>
        <v>36.899000000000001</v>
      </c>
      <c r="D3713" s="239">
        <v>7.3602999999999996</v>
      </c>
      <c r="E3713" s="239">
        <v>0.16109999999999999</v>
      </c>
      <c r="F3713" s="239">
        <v>0.37669999999999998</v>
      </c>
      <c r="G3713">
        <f t="shared" si="858"/>
        <v>7.4356399999999994</v>
      </c>
      <c r="H3713" s="235">
        <f t="shared" si="859"/>
        <v>2.1665922502972172</v>
      </c>
      <c r="I3713" s="236">
        <f t="shared" si="860"/>
        <v>19.987787533048305</v>
      </c>
      <c r="J3713" s="237">
        <f t="shared" si="865"/>
        <v>9.987787533048305</v>
      </c>
      <c r="K3713" s="237">
        <f t="shared" si="861"/>
        <v>737.52937218194938</v>
      </c>
      <c r="L3713" s="237">
        <f t="shared" si="866"/>
        <v>368.60928669468075</v>
      </c>
      <c r="M3713" s="236">
        <f t="shared" si="862"/>
        <v>18.171301889542733</v>
      </c>
      <c r="N3713" s="236">
        <f t="shared" si="863"/>
        <v>2.4051558559055821</v>
      </c>
      <c r="O3713" s="236">
        <f t="shared" si="867"/>
        <v>2.7295555844658876</v>
      </c>
      <c r="P3713" s="236" t="str">
        <f t="shared" si="868"/>
        <v>CLAY</v>
      </c>
      <c r="Q3713" s="236">
        <f t="shared" si="864"/>
        <v>558.17588565150425</v>
      </c>
      <c r="R3713" s="238">
        <v>35</v>
      </c>
      <c r="S3713" s="236">
        <f t="shared" si="869"/>
        <v>9.3793461316011104</v>
      </c>
      <c r="T3713" s="236" t="e">
        <f t="shared" si="855"/>
        <v>#N/A</v>
      </c>
    </row>
    <row r="3714" spans="1:20" x14ac:dyDescent="0.2">
      <c r="A3714" s="53">
        <f t="shared" si="856"/>
        <v>3702</v>
      </c>
      <c r="B3714" s="239">
        <v>36.914999999999999</v>
      </c>
      <c r="C3714" s="3">
        <f t="shared" si="857"/>
        <v>36.908000000000001</v>
      </c>
      <c r="D3714" s="239">
        <v>7.1024000000000003</v>
      </c>
      <c r="E3714" s="239">
        <v>0.15709999999999999</v>
      </c>
      <c r="F3714" s="239">
        <v>0.36630000000000001</v>
      </c>
      <c r="G3714">
        <f t="shared" si="858"/>
        <v>7.1756600000000006</v>
      </c>
      <c r="H3714" s="235">
        <f t="shared" si="859"/>
        <v>2.1893456490413423</v>
      </c>
      <c r="I3714" s="236">
        <f t="shared" si="860"/>
        <v>19.944394421337812</v>
      </c>
      <c r="J3714" s="237">
        <f t="shared" si="865"/>
        <v>9.9443944213378117</v>
      </c>
      <c r="K3714" s="237">
        <f t="shared" si="861"/>
        <v>736.107709302736</v>
      </c>
      <c r="L3714" s="237">
        <f t="shared" si="866"/>
        <v>367.09732006368529</v>
      </c>
      <c r="M3714" s="236">
        <f t="shared" si="862"/>
        <v>17.541812317180931</v>
      </c>
      <c r="N3714" s="236">
        <f t="shared" si="863"/>
        <v>2.4396105957078804</v>
      </c>
      <c r="O3714" s="236">
        <f t="shared" si="867"/>
        <v>2.7455825855287621</v>
      </c>
      <c r="P3714" s="236" t="str">
        <f t="shared" si="868"/>
        <v>CLAY</v>
      </c>
      <c r="Q3714" s="236">
        <f t="shared" si="864"/>
        <v>536.62935755810543</v>
      </c>
      <c r="R3714" s="238">
        <v>35</v>
      </c>
      <c r="S3714" s="236">
        <f t="shared" si="869"/>
        <v>8.9749716168517377</v>
      </c>
      <c r="T3714" s="236" t="e">
        <f t="shared" si="855"/>
        <v>#N/A</v>
      </c>
    </row>
    <row r="3715" spans="1:20" x14ac:dyDescent="0.2">
      <c r="A3715" s="53">
        <f t="shared" si="856"/>
        <v>3703</v>
      </c>
      <c r="B3715" s="239">
        <v>36.924999999999997</v>
      </c>
      <c r="C3715" s="3">
        <f t="shared" si="857"/>
        <v>36.917999999999999</v>
      </c>
      <c r="D3715" s="239">
        <v>6.7842000000000002</v>
      </c>
      <c r="E3715" s="239">
        <v>0.15670000000000001</v>
      </c>
      <c r="F3715" s="239">
        <v>0.2848</v>
      </c>
      <c r="G3715">
        <f t="shared" si="858"/>
        <v>6.8411600000000004</v>
      </c>
      <c r="H3715" s="235">
        <f t="shared" si="859"/>
        <v>2.2905472171386139</v>
      </c>
      <c r="I3715" s="236">
        <f t="shared" si="860"/>
        <v>19.92274611782809</v>
      </c>
      <c r="J3715" s="237">
        <f t="shared" si="865"/>
        <v>9.9227461178280905</v>
      </c>
      <c r="K3715" s="237">
        <f t="shared" si="861"/>
        <v>735.50794117797739</v>
      </c>
      <c r="L3715" s="237">
        <f t="shared" si="866"/>
        <v>366.39740040080221</v>
      </c>
      <c r="M3715" s="236">
        <f t="shared" si="862"/>
        <v>16.664015771244692</v>
      </c>
      <c r="N3715" s="236">
        <f t="shared" si="863"/>
        <v>2.566474448434791</v>
      </c>
      <c r="O3715" s="236">
        <f t="shared" si="867"/>
        <v>2.7765506552446055</v>
      </c>
      <c r="P3715" s="236" t="str">
        <f t="shared" si="868"/>
        <v>CLAY</v>
      </c>
      <c r="Q3715" s="236">
        <f t="shared" si="864"/>
        <v>508.80433823516864</v>
      </c>
      <c r="R3715" s="238">
        <v>35</v>
      </c>
      <c r="S3715" s="236">
        <f t="shared" si="869"/>
        <v>8.4171408313170186</v>
      </c>
      <c r="T3715" s="236" t="e">
        <f t="shared" si="855"/>
        <v>#N/A</v>
      </c>
    </row>
    <row r="3716" spans="1:20" x14ac:dyDescent="0.2">
      <c r="A3716" s="53">
        <f t="shared" si="856"/>
        <v>3704</v>
      </c>
      <c r="B3716" s="239">
        <v>36.935000000000002</v>
      </c>
      <c r="C3716" s="3">
        <f t="shared" si="857"/>
        <v>36.928000000000004</v>
      </c>
      <c r="D3716" s="239">
        <v>6.5065</v>
      </c>
      <c r="E3716" s="239">
        <v>0.1575</v>
      </c>
      <c r="F3716" s="239">
        <v>0.32240000000000002</v>
      </c>
      <c r="G3716">
        <f t="shared" si="858"/>
        <v>6.5709799999999996</v>
      </c>
      <c r="H3716" s="235">
        <f t="shared" si="859"/>
        <v>2.3969027451004266</v>
      </c>
      <c r="I3716" s="236">
        <f t="shared" si="860"/>
        <v>19.912967692124493</v>
      </c>
      <c r="J3716" s="237">
        <f t="shared" si="865"/>
        <v>9.9129676921244929</v>
      </c>
      <c r="K3716" s="237">
        <f t="shared" si="861"/>
        <v>735.34607093477337</v>
      </c>
      <c r="L3716" s="237">
        <f t="shared" si="866"/>
        <v>366.13546170861815</v>
      </c>
      <c r="M3716" s="236">
        <f t="shared" si="862"/>
        <v>15.93845595242944</v>
      </c>
      <c r="N3716" s="236">
        <f t="shared" si="863"/>
        <v>2.6989355726298783</v>
      </c>
      <c r="O3716" s="236">
        <f t="shared" si="867"/>
        <v>2.8050377456425553</v>
      </c>
      <c r="P3716" s="236" t="str">
        <f t="shared" si="868"/>
        <v>CLAY</v>
      </c>
      <c r="Q3716" s="236">
        <f t="shared" si="864"/>
        <v>486.30282742210215</v>
      </c>
      <c r="R3716" s="238">
        <v>35</v>
      </c>
      <c r="S3716" s="236">
        <f t="shared" si="869"/>
        <v>7.9615534825645629</v>
      </c>
      <c r="T3716" s="236" t="e">
        <f t="shared" si="855"/>
        <v>#N/A</v>
      </c>
    </row>
    <row r="3717" spans="1:20" x14ac:dyDescent="0.2">
      <c r="A3717" s="53">
        <f t="shared" si="856"/>
        <v>3705</v>
      </c>
      <c r="B3717" s="239">
        <v>36.945</v>
      </c>
      <c r="C3717" s="3">
        <f t="shared" si="857"/>
        <v>36.938000000000002</v>
      </c>
      <c r="D3717" s="239">
        <v>6.7057000000000002</v>
      </c>
      <c r="E3717" s="239">
        <v>0.15759999999999999</v>
      </c>
      <c r="F3717" s="239">
        <v>0.3931</v>
      </c>
      <c r="G3717">
        <f t="shared" si="858"/>
        <v>6.7843200000000001</v>
      </c>
      <c r="H3717" s="235">
        <f t="shared" si="859"/>
        <v>2.3230036319041552</v>
      </c>
      <c r="I3717" s="236">
        <f t="shared" si="860"/>
        <v>19.926200521815897</v>
      </c>
      <c r="J3717" s="237">
        <f t="shared" si="865"/>
        <v>9.9262005218158968</v>
      </c>
      <c r="K3717" s="237">
        <f t="shared" si="861"/>
        <v>736.03399487483568</v>
      </c>
      <c r="L3717" s="237">
        <f t="shared" si="866"/>
        <v>366.7234782784883</v>
      </c>
      <c r="M3717" s="236">
        <f t="shared" si="862"/>
        <v>16.492770066202635</v>
      </c>
      <c r="N3717" s="236">
        <f t="shared" si="863"/>
        <v>2.6056968844802273</v>
      </c>
      <c r="O3717" s="236">
        <f t="shared" si="867"/>
        <v>2.7840497644962618</v>
      </c>
      <c r="P3717" s="236" t="str">
        <f t="shared" si="868"/>
        <v>CLAY</v>
      </c>
      <c r="Q3717" s="236">
        <f t="shared" si="864"/>
        <v>504.02383376043031</v>
      </c>
      <c r="R3717" s="238">
        <v>35</v>
      </c>
      <c r="S3717" s="236">
        <f t="shared" si="869"/>
        <v>8.3091579392898236</v>
      </c>
      <c r="T3717" s="236" t="e">
        <f t="shared" si="855"/>
        <v>#N/A</v>
      </c>
    </row>
    <row r="3718" spans="1:20" x14ac:dyDescent="0.2">
      <c r="A3718" s="53">
        <f t="shared" si="856"/>
        <v>3706</v>
      </c>
      <c r="B3718" s="239">
        <v>36.954000000000001</v>
      </c>
      <c r="C3718" s="3">
        <f t="shared" si="857"/>
        <v>36.947000000000003</v>
      </c>
      <c r="D3718" s="239">
        <v>7.5537999999999998</v>
      </c>
      <c r="E3718" s="239">
        <v>0.17780000000000001</v>
      </c>
      <c r="F3718" s="239">
        <v>0.59689999999999999</v>
      </c>
      <c r="G3718">
        <f t="shared" si="858"/>
        <v>7.6731799999999994</v>
      </c>
      <c r="H3718" s="235">
        <f t="shared" si="859"/>
        <v>2.3171618546678174</v>
      </c>
      <c r="I3718" s="236">
        <f t="shared" si="860"/>
        <v>20.115736644824548</v>
      </c>
      <c r="J3718" s="237">
        <f t="shared" si="865"/>
        <v>10.115736644824548</v>
      </c>
      <c r="K3718" s="237">
        <f t="shared" si="861"/>
        <v>743.21612181633259</v>
      </c>
      <c r="L3718" s="237">
        <f t="shared" si="866"/>
        <v>373.81693197284636</v>
      </c>
      <c r="M3718" s="236">
        <f t="shared" si="862"/>
        <v>18.538389477465007</v>
      </c>
      <c r="N3718" s="236">
        <f t="shared" si="863"/>
        <v>2.5656699389117326</v>
      </c>
      <c r="O3718" s="236">
        <f t="shared" si="867"/>
        <v>2.7391206815539193</v>
      </c>
      <c r="P3718" s="236" t="str">
        <f t="shared" si="868"/>
        <v>CLAY</v>
      </c>
      <c r="Q3718" s="236">
        <f t="shared" si="864"/>
        <v>577.49698984863892</v>
      </c>
      <c r="R3718" s="238">
        <v>35</v>
      </c>
      <c r="S3718" s="236">
        <f t="shared" si="869"/>
        <v>9.6167873155889474</v>
      </c>
      <c r="T3718" s="236" t="e">
        <f t="shared" si="855"/>
        <v>#N/A</v>
      </c>
    </row>
    <row r="3719" spans="1:20" x14ac:dyDescent="0.2">
      <c r="A3719" s="53">
        <f t="shared" si="856"/>
        <v>3707</v>
      </c>
      <c r="B3719" s="239">
        <v>36.963999999999999</v>
      </c>
      <c r="C3719" s="3">
        <f t="shared" si="857"/>
        <v>36.957000000000001</v>
      </c>
      <c r="D3719" s="239">
        <v>8.5158000000000005</v>
      </c>
      <c r="E3719" s="239">
        <v>0.20449999999999999</v>
      </c>
      <c r="F3719" s="239">
        <v>0.8135</v>
      </c>
      <c r="G3719">
        <f t="shared" si="858"/>
        <v>8.6784999999999997</v>
      </c>
      <c r="H3719" s="235">
        <f t="shared" si="859"/>
        <v>2.356397995045227</v>
      </c>
      <c r="I3719" s="236">
        <f t="shared" si="860"/>
        <v>20.327915198730643</v>
      </c>
      <c r="J3719" s="237">
        <f t="shared" si="865"/>
        <v>10.327915198730643</v>
      </c>
      <c r="K3719" s="237">
        <f t="shared" si="861"/>
        <v>751.25876199948846</v>
      </c>
      <c r="L3719" s="237">
        <f t="shared" si="866"/>
        <v>381.76105740587951</v>
      </c>
      <c r="M3719" s="236">
        <f t="shared" si="862"/>
        <v>20.764928963334395</v>
      </c>
      <c r="N3719" s="236">
        <f t="shared" si="863"/>
        <v>2.5797120821767883</v>
      </c>
      <c r="O3719" s="236">
        <f t="shared" si="867"/>
        <v>2.7011128995977276</v>
      </c>
      <c r="P3719" s="236" t="str">
        <f t="shared" si="868"/>
        <v>CLAY</v>
      </c>
      <c r="Q3719" s="236">
        <f t="shared" si="864"/>
        <v>660.60343650004268</v>
      </c>
      <c r="R3719" s="238">
        <v>35</v>
      </c>
      <c r="S3719" s="236">
        <f t="shared" si="869"/>
        <v>11.081615334443535</v>
      </c>
      <c r="T3719" s="236" t="e">
        <f t="shared" si="855"/>
        <v>#N/A</v>
      </c>
    </row>
    <row r="3720" spans="1:20" x14ac:dyDescent="0.2">
      <c r="A3720" s="53">
        <f t="shared" si="856"/>
        <v>3708</v>
      </c>
      <c r="B3720" s="239">
        <v>36.972999999999999</v>
      </c>
      <c r="C3720" s="3">
        <f t="shared" si="857"/>
        <v>36.966000000000001</v>
      </c>
      <c r="D3720" s="239">
        <v>10.104699999999999</v>
      </c>
      <c r="E3720" s="239">
        <v>0.2069</v>
      </c>
      <c r="F3720" s="239">
        <v>0.72260000000000002</v>
      </c>
      <c r="G3720">
        <f t="shared" si="858"/>
        <v>10.249219999999999</v>
      </c>
      <c r="H3720" s="235">
        <f t="shared" si="859"/>
        <v>2.0186902027666496</v>
      </c>
      <c r="I3720" s="236">
        <f t="shared" si="860"/>
        <v>20.406618113025054</v>
      </c>
      <c r="J3720" s="237">
        <f t="shared" si="865"/>
        <v>10.406618113025054</v>
      </c>
      <c r="K3720" s="237">
        <f t="shared" si="861"/>
        <v>754.35104516608419</v>
      </c>
      <c r="L3720" s="237">
        <f t="shared" si="866"/>
        <v>384.7638914928753</v>
      </c>
      <c r="M3720" s="236">
        <f t="shared" si="862"/>
        <v>24.677131001025163</v>
      </c>
      <c r="N3720" s="236">
        <f t="shared" si="863"/>
        <v>2.1790716752827382</v>
      </c>
      <c r="O3720" s="236">
        <f t="shared" si="867"/>
        <v>2.5971271760616896</v>
      </c>
      <c r="P3720" s="236" t="str">
        <f t="shared" si="868"/>
        <v>SAND</v>
      </c>
      <c r="Q3720" s="236" t="e">
        <f t="shared" si="864"/>
        <v>#N/A</v>
      </c>
      <c r="R3720" s="238">
        <v>35</v>
      </c>
      <c r="S3720" s="236" t="e">
        <f t="shared" si="869"/>
        <v>#N/A</v>
      </c>
      <c r="T3720" s="236">
        <f t="shared" si="855"/>
        <v>32.915241332500003</v>
      </c>
    </row>
    <row r="3721" spans="1:20" x14ac:dyDescent="0.2">
      <c r="A3721" s="53">
        <f t="shared" si="856"/>
        <v>3709</v>
      </c>
      <c r="B3721" s="239">
        <v>36.982999999999997</v>
      </c>
      <c r="C3721" s="3">
        <f t="shared" si="857"/>
        <v>36.975999999999999</v>
      </c>
      <c r="D3721" s="239">
        <v>11.563000000000001</v>
      </c>
      <c r="E3721" s="239">
        <v>0.18959999999999999</v>
      </c>
      <c r="F3721" s="239">
        <v>0.63339999999999996</v>
      </c>
      <c r="G3721">
        <f t="shared" si="858"/>
        <v>11.689680000000001</v>
      </c>
      <c r="H3721" s="235">
        <f t="shared" si="859"/>
        <v>1.6219434578192045</v>
      </c>
      <c r="I3721" s="236">
        <f t="shared" si="860"/>
        <v>20.355628913916672</v>
      </c>
      <c r="J3721" s="237">
        <f t="shared" si="865"/>
        <v>10.355628913916672</v>
      </c>
      <c r="K3721" s="237">
        <f t="shared" si="861"/>
        <v>752.66973472098277</v>
      </c>
      <c r="L3721" s="237">
        <f t="shared" si="866"/>
        <v>382.98222412338021</v>
      </c>
      <c r="M3721" s="236">
        <f t="shared" si="862"/>
        <v>28.557487988673827</v>
      </c>
      <c r="N3721" s="236">
        <f t="shared" si="863"/>
        <v>1.7335633358771747</v>
      </c>
      <c r="O3721" s="236">
        <f t="shared" si="867"/>
        <v>2.4871326852540716</v>
      </c>
      <c r="P3721" s="236" t="str">
        <f t="shared" si="868"/>
        <v>SAND</v>
      </c>
      <c r="Q3721" s="236" t="e">
        <f t="shared" si="864"/>
        <v>#N/A</v>
      </c>
      <c r="R3721" s="238">
        <v>35</v>
      </c>
      <c r="S3721" s="236" t="e">
        <f t="shared" si="869"/>
        <v>#N/A</v>
      </c>
      <c r="T3721" s="236">
        <f t="shared" si="855"/>
        <v>33.612920030818572</v>
      </c>
    </row>
    <row r="3722" spans="1:20" x14ac:dyDescent="0.2">
      <c r="A3722" s="53">
        <f t="shared" si="856"/>
        <v>3710</v>
      </c>
      <c r="B3722" s="239">
        <v>36.991999999999997</v>
      </c>
      <c r="C3722" s="3">
        <f t="shared" si="857"/>
        <v>36.984999999999999</v>
      </c>
      <c r="D3722" s="239">
        <v>12.545</v>
      </c>
      <c r="E3722" s="239">
        <v>0.17230000000000001</v>
      </c>
      <c r="F3722" s="239">
        <v>0.38090000000000002</v>
      </c>
      <c r="G3722">
        <f t="shared" si="858"/>
        <v>12.621180000000001</v>
      </c>
      <c r="H3722" s="235">
        <f t="shared" si="859"/>
        <v>1.3651655391968105</v>
      </c>
      <c r="I3722" s="236">
        <f t="shared" si="860"/>
        <v>20.273403268010775</v>
      </c>
      <c r="J3722" s="237">
        <f t="shared" si="865"/>
        <v>10.273403268010775</v>
      </c>
      <c r="K3722" s="237">
        <f t="shared" si="861"/>
        <v>749.81181986737852</v>
      </c>
      <c r="L3722" s="237">
        <f t="shared" si="866"/>
        <v>380.03373369025456</v>
      </c>
      <c r="M3722" s="236">
        <f t="shared" si="862"/>
        <v>31.237669521749211</v>
      </c>
      <c r="N3722" s="236">
        <f t="shared" si="863"/>
        <v>1.451391258240591</v>
      </c>
      <c r="O3722" s="236">
        <f t="shared" si="867"/>
        <v>2.4106478264846265</v>
      </c>
      <c r="P3722" s="236" t="str">
        <f t="shared" si="868"/>
        <v>SAND</v>
      </c>
      <c r="Q3722" s="236" t="e">
        <f t="shared" si="864"/>
        <v>#N/A</v>
      </c>
      <c r="R3722" s="238">
        <v>35</v>
      </c>
      <c r="S3722" s="236" t="e">
        <f t="shared" si="869"/>
        <v>#N/A</v>
      </c>
      <c r="T3722" s="236">
        <f t="shared" si="855"/>
        <v>34.041464885850203</v>
      </c>
    </row>
    <row r="3723" spans="1:20" x14ac:dyDescent="0.2">
      <c r="A3723" s="53">
        <f t="shared" si="856"/>
        <v>3711</v>
      </c>
      <c r="B3723" s="239">
        <v>37.002000000000002</v>
      </c>
      <c r="C3723" s="3">
        <f t="shared" si="857"/>
        <v>36.995000000000005</v>
      </c>
      <c r="D3723" s="239">
        <v>12.964499999999999</v>
      </c>
      <c r="E3723" s="239">
        <v>0.16400000000000001</v>
      </c>
      <c r="F3723" s="239">
        <v>0.1069</v>
      </c>
      <c r="G3723">
        <f t="shared" si="858"/>
        <v>12.98588</v>
      </c>
      <c r="H3723" s="235">
        <f t="shared" si="859"/>
        <v>1.2629101762837791</v>
      </c>
      <c r="I3723" s="236">
        <f t="shared" si="860"/>
        <v>20.226645690903009</v>
      </c>
      <c r="J3723" s="237">
        <f t="shared" si="865"/>
        <v>10.226645690903009</v>
      </c>
      <c r="K3723" s="237">
        <f t="shared" si="861"/>
        <v>748.28475733495691</v>
      </c>
      <c r="L3723" s="237">
        <f t="shared" si="866"/>
        <v>378.40634385479319</v>
      </c>
      <c r="M3723" s="236">
        <f t="shared" si="862"/>
        <v>32.339825802077478</v>
      </c>
      <c r="N3723" s="236">
        <f t="shared" si="863"/>
        <v>1.3401325730093758</v>
      </c>
      <c r="O3723" s="236">
        <f t="shared" si="867"/>
        <v>2.3785364142220673</v>
      </c>
      <c r="P3723" s="236" t="str">
        <f t="shared" si="868"/>
        <v>SAND</v>
      </c>
      <c r="Q3723" s="236" t="e">
        <f t="shared" si="864"/>
        <v>#N/A</v>
      </c>
      <c r="R3723" s="238">
        <v>35</v>
      </c>
      <c r="S3723" s="236" t="e">
        <f t="shared" si="869"/>
        <v>#N/A</v>
      </c>
      <c r="T3723" s="236">
        <f t="shared" si="855"/>
        <v>34.207114438825137</v>
      </c>
    </row>
    <row r="3724" spans="1:20" x14ac:dyDescent="0.2">
      <c r="A3724" s="53">
        <f t="shared" si="856"/>
        <v>3712</v>
      </c>
      <c r="B3724" s="239">
        <v>37.012</v>
      </c>
      <c r="C3724" s="3">
        <f t="shared" si="857"/>
        <v>37.005000000000003</v>
      </c>
      <c r="D3724" s="239">
        <v>12.8375</v>
      </c>
      <c r="E3724" s="239">
        <v>0.16389999999999999</v>
      </c>
      <c r="F3724" s="239">
        <v>7.7100000000000002E-2</v>
      </c>
      <c r="G3724">
        <f t="shared" si="858"/>
        <v>12.852920000000001</v>
      </c>
      <c r="H3724" s="235">
        <f t="shared" si="859"/>
        <v>1.2751966090195845</v>
      </c>
      <c r="I3724" s="236">
        <f t="shared" si="860"/>
        <v>20.221907852969498</v>
      </c>
      <c r="J3724" s="237">
        <f t="shared" si="865"/>
        <v>10.221907852969498</v>
      </c>
      <c r="K3724" s="237">
        <f t="shared" si="861"/>
        <v>748.31170009913626</v>
      </c>
      <c r="L3724" s="237">
        <f t="shared" si="866"/>
        <v>378.33325345410702</v>
      </c>
      <c r="M3724" s="236">
        <f t="shared" si="862"/>
        <v>31.994566138155211</v>
      </c>
      <c r="N3724" s="236">
        <f t="shared" si="863"/>
        <v>1.3540297706398503</v>
      </c>
      <c r="O3724" s="236">
        <f t="shared" si="867"/>
        <v>2.3849159874033794</v>
      </c>
      <c r="P3724" s="236" t="str">
        <f t="shared" si="868"/>
        <v>SAND</v>
      </c>
      <c r="Q3724" s="236" t="e">
        <f t="shared" si="864"/>
        <v>#N/A</v>
      </c>
      <c r="R3724" s="238">
        <v>35</v>
      </c>
      <c r="S3724" s="236" t="e">
        <f t="shared" si="869"/>
        <v>#N/A</v>
      </c>
      <c r="T3724" s="236">
        <f t="shared" si="855"/>
        <v>34.155838478311978</v>
      </c>
    </row>
    <row r="3725" spans="1:20" x14ac:dyDescent="0.2">
      <c r="A3725" s="53">
        <f t="shared" si="856"/>
        <v>3713</v>
      </c>
      <c r="B3725" s="239">
        <v>37.021000000000001</v>
      </c>
      <c r="C3725" s="3">
        <f t="shared" si="857"/>
        <v>37.014000000000003</v>
      </c>
      <c r="D3725" s="239">
        <v>12.5413</v>
      </c>
      <c r="E3725" s="239">
        <v>0.1638</v>
      </c>
      <c r="F3725" s="239">
        <v>6.93E-2</v>
      </c>
      <c r="G3725">
        <f t="shared" si="858"/>
        <v>12.555159999999999</v>
      </c>
      <c r="H3725" s="235">
        <f t="shared" si="859"/>
        <v>1.3046428719347267</v>
      </c>
      <c r="I3725" s="236">
        <f t="shared" si="860"/>
        <v>20.212030603896022</v>
      </c>
      <c r="J3725" s="237">
        <f t="shared" si="865"/>
        <v>10.212030603896022</v>
      </c>
      <c r="K3725" s="237">
        <f t="shared" si="861"/>
        <v>748.12810077260735</v>
      </c>
      <c r="L3725" s="237">
        <f t="shared" si="866"/>
        <v>378.05958498683464</v>
      </c>
      <c r="M3725" s="236">
        <f t="shared" si="862"/>
        <v>31.230611173734836</v>
      </c>
      <c r="N3725" s="236">
        <f t="shared" si="863"/>
        <v>1.3873088630404942</v>
      </c>
      <c r="O3725" s="236">
        <f t="shared" si="867"/>
        <v>2.3995412034337003</v>
      </c>
      <c r="P3725" s="236" t="str">
        <f t="shared" si="868"/>
        <v>SAND</v>
      </c>
      <c r="Q3725" s="236" t="e">
        <f t="shared" si="864"/>
        <v>#N/A</v>
      </c>
      <c r="R3725" s="238">
        <v>35</v>
      </c>
      <c r="S3725" s="236" t="e">
        <f t="shared" si="869"/>
        <v>#N/A</v>
      </c>
      <c r="T3725" s="236">
        <f t="shared" ref="T3725:T3788" si="870">IF(P3725="SAND",17.6+(11*LOG(M3725)),#N/A)</f>
        <v>34.040385316593557</v>
      </c>
    </row>
    <row r="3726" spans="1:20" x14ac:dyDescent="0.2">
      <c r="A3726" s="53">
        <f t="shared" ref="A3726:A3789" si="871">$A3725+1</f>
        <v>3714</v>
      </c>
      <c r="B3726" s="239">
        <v>37.03</v>
      </c>
      <c r="C3726" s="3">
        <f t="shared" ref="C3726:C3789" si="872">MAX($B3726 - $B$13, 0.001)</f>
        <v>37.023000000000003</v>
      </c>
      <c r="D3726" s="239">
        <v>12.0265</v>
      </c>
      <c r="E3726" s="239">
        <v>0.1603</v>
      </c>
      <c r="F3726" s="239">
        <v>7.6399999999999996E-2</v>
      </c>
      <c r="G3726">
        <f t="shared" si="858"/>
        <v>12.041780000000001</v>
      </c>
      <c r="H3726" s="235">
        <f t="shared" si="859"/>
        <v>1.3311985437368894</v>
      </c>
      <c r="I3726" s="236">
        <f t="shared" si="860"/>
        <v>20.170385184391542</v>
      </c>
      <c r="J3726" s="237">
        <f t="shared" si="865"/>
        <v>10.170385184391542</v>
      </c>
      <c r="K3726" s="237">
        <f t="shared" si="861"/>
        <v>746.76817068172807</v>
      </c>
      <c r="L3726" s="237">
        <f t="shared" si="866"/>
        <v>376.60936337801877</v>
      </c>
      <c r="M3726" s="236">
        <f t="shared" si="862"/>
        <v>29.991319727175746</v>
      </c>
      <c r="N3726" s="236">
        <f t="shared" si="863"/>
        <v>1.4192105543786326</v>
      </c>
      <c r="O3726" s="236">
        <f t="shared" si="867"/>
        <v>2.4196237602438595</v>
      </c>
      <c r="P3726" s="236" t="str">
        <f t="shared" si="868"/>
        <v>SAND</v>
      </c>
      <c r="Q3726" s="236" t="e">
        <f t="shared" si="864"/>
        <v>#N/A</v>
      </c>
      <c r="R3726" s="238">
        <v>35</v>
      </c>
      <c r="S3726" s="236" t="e">
        <f t="shared" si="869"/>
        <v>#N/A</v>
      </c>
      <c r="T3726" s="236">
        <f t="shared" si="870"/>
        <v>33.846951343888797</v>
      </c>
    </row>
    <row r="3727" spans="1:20" x14ac:dyDescent="0.2">
      <c r="A3727" s="53">
        <f t="shared" si="871"/>
        <v>3715</v>
      </c>
      <c r="B3727" s="239">
        <v>37.040999999999997</v>
      </c>
      <c r="C3727" s="3">
        <f t="shared" si="872"/>
        <v>37.033999999999999</v>
      </c>
      <c r="D3727" s="239">
        <v>11.299899999999999</v>
      </c>
      <c r="E3727" s="239">
        <v>0.15029999999999999</v>
      </c>
      <c r="F3727" s="239">
        <v>0.1258</v>
      </c>
      <c r="G3727">
        <f t="shared" ref="G3727:G3790" si="873">$D3727+($F3727*(1-$P$8))</f>
        <v>11.325059999999999</v>
      </c>
      <c r="H3727" s="235">
        <f t="shared" ref="H3727:H3790" si="874">($E3727/$G3727)*100</f>
        <v>1.327145286647488</v>
      </c>
      <c r="I3727" s="236">
        <f t="shared" ref="I3727:I3790" si="875">((0.27*(LOG($H3727)))+(0.36*(LOG(($G3727*1000)/101)))+1.236)*10</f>
        <v>20.070868762386162</v>
      </c>
      <c r="J3727" s="237">
        <f t="shared" si="865"/>
        <v>10.070868762386162</v>
      </c>
      <c r="K3727" s="237">
        <f t="shared" ref="K3727:K3790" si="876">$I3727*$C3727</f>
        <v>743.30455374620908</v>
      </c>
      <c r="L3727" s="237">
        <f t="shared" si="866"/>
        <v>373.03504982754578</v>
      </c>
      <c r="M3727" s="236">
        <f t="shared" ref="M3727:M3790" si="877">(($G3727*1000)-$K3727)/$L3727</f>
        <v>28.36665201070446</v>
      </c>
      <c r="N3727" s="236">
        <f t="shared" ref="N3727:N3790" si="878">(($E3727*1000)/(($G3727*1000)-$K3727))*100</f>
        <v>1.420369245569836</v>
      </c>
      <c r="O3727" s="236">
        <f t="shared" si="867"/>
        <v>2.4397845103955054</v>
      </c>
      <c r="P3727" s="236" t="str">
        <f t="shared" si="868"/>
        <v>SAND</v>
      </c>
      <c r="Q3727" s="236" t="e">
        <f t="shared" ref="Q3727:Q3790" si="879">IF(P3727="CLAY",($G3727*1000 -$K3727)/$L$8,#N/A)</f>
        <v>#N/A</v>
      </c>
      <c r="R3727" s="238">
        <v>35</v>
      </c>
      <c r="S3727" s="236" t="e">
        <f t="shared" si="869"/>
        <v>#N/A</v>
      </c>
      <c r="T3727" s="236">
        <f t="shared" si="870"/>
        <v>33.580888890798313</v>
      </c>
    </row>
    <row r="3728" spans="1:20" x14ac:dyDescent="0.2">
      <c r="A3728" s="53">
        <f t="shared" si="871"/>
        <v>3716</v>
      </c>
      <c r="B3728" s="239">
        <v>37.049999999999997</v>
      </c>
      <c r="C3728" s="3">
        <f t="shared" si="872"/>
        <v>37.042999999999999</v>
      </c>
      <c r="D3728" s="239">
        <v>10.546099999999999</v>
      </c>
      <c r="E3728" s="239">
        <v>0.13969999999999999</v>
      </c>
      <c r="F3728" s="239">
        <v>0.192</v>
      </c>
      <c r="G3728">
        <f t="shared" si="873"/>
        <v>10.584499999999998</v>
      </c>
      <c r="H3728" s="235">
        <f t="shared" si="874"/>
        <v>1.3198545042278804</v>
      </c>
      <c r="I3728" s="236">
        <f t="shared" si="875"/>
        <v>19.958676663417585</v>
      </c>
      <c r="J3728" s="237">
        <f t="shared" ref="J3728:J3791" si="880">$I3728-10</f>
        <v>9.9586766634175845</v>
      </c>
      <c r="K3728" s="237">
        <f t="shared" si="876"/>
        <v>739.3292596429776</v>
      </c>
      <c r="L3728" s="237">
        <f t="shared" ref="L3728:L3791" si="881">$J3728*$B3728</f>
        <v>368.96897037962145</v>
      </c>
      <c r="M3728" s="236">
        <f t="shared" si="877"/>
        <v>26.682923309858847</v>
      </c>
      <c r="N3728" s="236">
        <f t="shared" si="878"/>
        <v>1.4189698044275258</v>
      </c>
      <c r="O3728" s="236">
        <f t="shared" ref="O3728:O3791" si="882">((3.47-LOG($M3728))^2+(LOG($N3728)+1.22)^2)^0.5</f>
        <v>2.4615629622956936</v>
      </c>
      <c r="P3728" s="236" t="str">
        <f t="shared" ref="P3728:P3791" si="883">IF(O3728&lt;2.6,"SAND","CLAY")</f>
        <v>SAND</v>
      </c>
      <c r="Q3728" s="236" t="e">
        <f t="shared" si="879"/>
        <v>#N/A</v>
      </c>
      <c r="R3728" s="238">
        <v>35</v>
      </c>
      <c r="S3728" s="236" t="e">
        <f t="shared" ref="S3728:S3791" si="884">IF(P3728="SAND",#N/A,0.25*($M3728)^1.25)</f>
        <v>#N/A</v>
      </c>
      <c r="T3728" s="236">
        <f t="shared" si="870"/>
        <v>33.288567487948818</v>
      </c>
    </row>
    <row r="3729" spans="1:20" x14ac:dyDescent="0.2">
      <c r="A3729" s="53">
        <f t="shared" si="871"/>
        <v>3717</v>
      </c>
      <c r="B3729" s="239">
        <v>37.061</v>
      </c>
      <c r="C3729" s="3">
        <f t="shared" si="872"/>
        <v>37.054000000000002</v>
      </c>
      <c r="D3729" s="239">
        <v>9.8547999999999991</v>
      </c>
      <c r="E3729" s="239">
        <v>0.12139999999999999</v>
      </c>
      <c r="F3729" s="239">
        <v>0.19719999999999999</v>
      </c>
      <c r="G3729">
        <f t="shared" si="873"/>
        <v>9.8942399999999999</v>
      </c>
      <c r="H3729" s="235">
        <f t="shared" si="874"/>
        <v>1.2269765035010267</v>
      </c>
      <c r="I3729" s="236">
        <f t="shared" si="875"/>
        <v>19.767677705150973</v>
      </c>
      <c r="J3729" s="237">
        <f t="shared" si="880"/>
        <v>9.7676777051509731</v>
      </c>
      <c r="K3729" s="237">
        <f t="shared" si="876"/>
        <v>732.47152968666421</v>
      </c>
      <c r="L3729" s="237">
        <f t="shared" si="881"/>
        <v>361.99990343060023</v>
      </c>
      <c r="M3729" s="236">
        <f t="shared" si="877"/>
        <v>25.308759431947635</v>
      </c>
      <c r="N3729" s="236">
        <f t="shared" si="878"/>
        <v>1.3250716866876691</v>
      </c>
      <c r="O3729" s="236">
        <f t="shared" si="882"/>
        <v>2.4643408622960008</v>
      </c>
      <c r="P3729" s="236" t="str">
        <f t="shared" si="883"/>
        <v>SAND</v>
      </c>
      <c r="Q3729" s="236" t="e">
        <f t="shared" si="879"/>
        <v>#N/A</v>
      </c>
      <c r="R3729" s="238">
        <v>35</v>
      </c>
      <c r="S3729" s="236" t="e">
        <f t="shared" si="884"/>
        <v>#N/A</v>
      </c>
      <c r="T3729" s="236">
        <f t="shared" si="870"/>
        <v>33.035979434919255</v>
      </c>
    </row>
    <row r="3730" spans="1:20" x14ac:dyDescent="0.2">
      <c r="A3730" s="53">
        <f t="shared" si="871"/>
        <v>3718</v>
      </c>
      <c r="B3730" s="239">
        <v>37.07</v>
      </c>
      <c r="C3730" s="3">
        <f t="shared" si="872"/>
        <v>37.063000000000002</v>
      </c>
      <c r="D3730" s="239">
        <v>9.3933</v>
      </c>
      <c r="E3730" s="239">
        <v>0.1008</v>
      </c>
      <c r="F3730" s="239">
        <v>0.23180000000000001</v>
      </c>
      <c r="G3730">
        <f t="shared" si="873"/>
        <v>9.4396599999999999</v>
      </c>
      <c r="H3730" s="235">
        <f t="shared" si="874"/>
        <v>1.067835070330923</v>
      </c>
      <c r="I3730" s="236">
        <f t="shared" si="875"/>
        <v>19.531247207926846</v>
      </c>
      <c r="J3730" s="237">
        <f t="shared" si="880"/>
        <v>9.531247207926846</v>
      </c>
      <c r="K3730" s="237">
        <f t="shared" si="876"/>
        <v>723.8866152673927</v>
      </c>
      <c r="L3730" s="237">
        <f t="shared" si="881"/>
        <v>353.32333399784818</v>
      </c>
      <c r="M3730" s="236">
        <f t="shared" si="877"/>
        <v>24.667981268357693</v>
      </c>
      <c r="N3730" s="236">
        <f t="shared" si="878"/>
        <v>1.1565238740209909</v>
      </c>
      <c r="O3730" s="236">
        <f t="shared" si="882"/>
        <v>2.4421331798684141</v>
      </c>
      <c r="P3730" s="236" t="str">
        <f t="shared" si="883"/>
        <v>SAND</v>
      </c>
      <c r="Q3730" s="236" t="e">
        <f t="shared" si="879"/>
        <v>#N/A</v>
      </c>
      <c r="R3730" s="238">
        <v>35</v>
      </c>
      <c r="S3730" s="236" t="e">
        <f t="shared" si="884"/>
        <v>#N/A</v>
      </c>
      <c r="T3730" s="236">
        <f t="shared" si="870"/>
        <v>32.913469709699577</v>
      </c>
    </row>
    <row r="3731" spans="1:20" x14ac:dyDescent="0.2">
      <c r="A3731" s="53">
        <f t="shared" si="871"/>
        <v>3719</v>
      </c>
      <c r="B3731" s="239">
        <v>37.08</v>
      </c>
      <c r="C3731" s="3">
        <f t="shared" si="872"/>
        <v>37.073</v>
      </c>
      <c r="D3731" s="239">
        <v>8.9822000000000006</v>
      </c>
      <c r="E3731" s="239">
        <v>9.8299999999999998E-2</v>
      </c>
      <c r="F3731" s="239">
        <v>0.28760000000000002</v>
      </c>
      <c r="G3731">
        <f t="shared" si="873"/>
        <v>9.0397200000000009</v>
      </c>
      <c r="H3731" s="235">
        <f t="shared" si="874"/>
        <v>1.0874230617762497</v>
      </c>
      <c r="I3731" s="236">
        <f t="shared" si="875"/>
        <v>19.484877033330491</v>
      </c>
      <c r="J3731" s="237">
        <f t="shared" si="880"/>
        <v>9.4848770333304913</v>
      </c>
      <c r="K3731" s="237">
        <f t="shared" si="876"/>
        <v>722.36284625666133</v>
      </c>
      <c r="L3731" s="237">
        <f t="shared" si="881"/>
        <v>351.69924039589461</v>
      </c>
      <c r="M3731" s="236">
        <f t="shared" si="877"/>
        <v>23.649062034881862</v>
      </c>
      <c r="N3731" s="236">
        <f t="shared" si="878"/>
        <v>1.1818658040403944</v>
      </c>
      <c r="O3731" s="236">
        <f t="shared" si="882"/>
        <v>2.4626669580452822</v>
      </c>
      <c r="P3731" s="236" t="str">
        <f t="shared" si="883"/>
        <v>SAND</v>
      </c>
      <c r="Q3731" s="236" t="e">
        <f t="shared" si="879"/>
        <v>#N/A</v>
      </c>
      <c r="R3731" s="238">
        <v>35</v>
      </c>
      <c r="S3731" s="236" t="e">
        <f t="shared" si="884"/>
        <v>#N/A</v>
      </c>
      <c r="T3731" s="236">
        <f t="shared" si="870"/>
        <v>32.711953125508366</v>
      </c>
    </row>
    <row r="3732" spans="1:20" x14ac:dyDescent="0.2">
      <c r="A3732" s="53">
        <f t="shared" si="871"/>
        <v>3720</v>
      </c>
      <c r="B3732" s="239">
        <v>37.088999999999999</v>
      </c>
      <c r="C3732" s="3">
        <f t="shared" si="872"/>
        <v>37.082000000000001</v>
      </c>
      <c r="D3732" s="239">
        <v>8.7876999999999992</v>
      </c>
      <c r="E3732" s="239">
        <v>0.10100000000000001</v>
      </c>
      <c r="F3732" s="239">
        <v>0.33160000000000001</v>
      </c>
      <c r="G3732">
        <f t="shared" si="873"/>
        <v>8.8540199999999984</v>
      </c>
      <c r="H3732" s="235">
        <f t="shared" si="874"/>
        <v>1.1407247781233838</v>
      </c>
      <c r="I3732" s="236">
        <f t="shared" si="875"/>
        <v>19.508537212384923</v>
      </c>
      <c r="J3732" s="237">
        <f t="shared" si="880"/>
        <v>9.5085372123849226</v>
      </c>
      <c r="K3732" s="237">
        <f t="shared" si="876"/>
        <v>723.41557690965772</v>
      </c>
      <c r="L3732" s="237">
        <f t="shared" si="881"/>
        <v>352.66213667014438</v>
      </c>
      <c r="M3732" s="236">
        <f t="shared" si="877"/>
        <v>23.054940062066098</v>
      </c>
      <c r="N3732" s="236">
        <f t="shared" si="878"/>
        <v>1.242220070541953</v>
      </c>
      <c r="O3732" s="236">
        <f t="shared" si="882"/>
        <v>2.4834575449816438</v>
      </c>
      <c r="P3732" s="236" t="str">
        <f t="shared" si="883"/>
        <v>SAND</v>
      </c>
      <c r="Q3732" s="236" t="e">
        <f t="shared" si="879"/>
        <v>#N/A</v>
      </c>
      <c r="R3732" s="238">
        <v>35</v>
      </c>
      <c r="S3732" s="236" t="e">
        <f t="shared" si="884"/>
        <v>#N/A</v>
      </c>
      <c r="T3732" s="236">
        <f t="shared" si="870"/>
        <v>32.590403972321113</v>
      </c>
    </row>
    <row r="3733" spans="1:20" x14ac:dyDescent="0.2">
      <c r="A3733" s="53">
        <f t="shared" si="871"/>
        <v>3721</v>
      </c>
      <c r="B3733" s="239">
        <v>37.097999999999999</v>
      </c>
      <c r="C3733" s="3">
        <f t="shared" si="872"/>
        <v>37.091000000000001</v>
      </c>
      <c r="D3733" s="239">
        <v>8.7058</v>
      </c>
      <c r="E3733" s="239">
        <v>0.1037</v>
      </c>
      <c r="F3733" s="239">
        <v>0.35439999999999999</v>
      </c>
      <c r="G3733">
        <f t="shared" si="873"/>
        <v>8.7766800000000007</v>
      </c>
      <c r="H3733" s="235">
        <f t="shared" si="874"/>
        <v>1.1815401723658603</v>
      </c>
      <c r="I3733" s="236">
        <f t="shared" si="875"/>
        <v>19.536042934374414</v>
      </c>
      <c r="J3733" s="237">
        <f t="shared" si="880"/>
        <v>9.5360429343744144</v>
      </c>
      <c r="K3733" s="237">
        <f t="shared" si="876"/>
        <v>724.61136847888145</v>
      </c>
      <c r="L3733" s="237">
        <f t="shared" si="881"/>
        <v>353.76812077942202</v>
      </c>
      <c r="M3733" s="236">
        <f t="shared" si="877"/>
        <v>22.760865545998886</v>
      </c>
      <c r="N3733" s="236">
        <f t="shared" si="878"/>
        <v>1.2878678106896613</v>
      </c>
      <c r="O3733" s="236">
        <f t="shared" si="882"/>
        <v>2.4965033393760985</v>
      </c>
      <c r="P3733" s="236" t="str">
        <f t="shared" si="883"/>
        <v>SAND</v>
      </c>
      <c r="Q3733" s="236" t="e">
        <f t="shared" si="879"/>
        <v>#N/A</v>
      </c>
      <c r="R3733" s="238">
        <v>35</v>
      </c>
      <c r="S3733" s="236" t="e">
        <f t="shared" si="884"/>
        <v>#N/A</v>
      </c>
      <c r="T3733" s="236">
        <f t="shared" si="870"/>
        <v>32.529076506383099</v>
      </c>
    </row>
    <row r="3734" spans="1:20" x14ac:dyDescent="0.2">
      <c r="A3734" s="53">
        <f t="shared" si="871"/>
        <v>3722</v>
      </c>
      <c r="B3734" s="239">
        <v>37.107999999999997</v>
      </c>
      <c r="C3734" s="3">
        <f t="shared" si="872"/>
        <v>37.100999999999999</v>
      </c>
      <c r="D3734" s="239">
        <v>8.5986999999999991</v>
      </c>
      <c r="E3734" s="239">
        <v>0.1047</v>
      </c>
      <c r="F3734" s="239">
        <v>0.36280000000000001</v>
      </c>
      <c r="G3734">
        <f t="shared" si="873"/>
        <v>8.6712599999999984</v>
      </c>
      <c r="H3734" s="235">
        <f t="shared" si="874"/>
        <v>1.2074369814767405</v>
      </c>
      <c r="I3734" s="236">
        <f t="shared" si="875"/>
        <v>19.542573082431662</v>
      </c>
      <c r="J3734" s="237">
        <f t="shared" si="880"/>
        <v>9.5425730824316624</v>
      </c>
      <c r="K3734" s="237">
        <f t="shared" si="876"/>
        <v>725.04900393129708</v>
      </c>
      <c r="L3734" s="237">
        <f t="shared" si="881"/>
        <v>354.10580194287411</v>
      </c>
      <c r="M3734" s="236">
        <f t="shared" si="877"/>
        <v>22.440216885660117</v>
      </c>
      <c r="N3734" s="236">
        <f t="shared" si="878"/>
        <v>1.3176091102010652</v>
      </c>
      <c r="O3734" s="236">
        <f t="shared" si="882"/>
        <v>2.5070050790678455</v>
      </c>
      <c r="P3734" s="236" t="str">
        <f t="shared" si="883"/>
        <v>SAND</v>
      </c>
      <c r="Q3734" s="236" t="e">
        <f t="shared" si="879"/>
        <v>#N/A</v>
      </c>
      <c r="R3734" s="238">
        <v>35</v>
      </c>
      <c r="S3734" s="236" t="e">
        <f t="shared" si="884"/>
        <v>#N/A</v>
      </c>
      <c r="T3734" s="236">
        <f t="shared" si="870"/>
        <v>32.461297550871542</v>
      </c>
    </row>
    <row r="3735" spans="1:20" x14ac:dyDescent="0.2">
      <c r="A3735" s="53">
        <f t="shared" si="871"/>
        <v>3723</v>
      </c>
      <c r="B3735" s="239">
        <v>37.119</v>
      </c>
      <c r="C3735" s="3">
        <f t="shared" si="872"/>
        <v>37.112000000000002</v>
      </c>
      <c r="D3735" s="239">
        <v>8.2307000000000006</v>
      </c>
      <c r="E3735" s="239">
        <v>0.1069</v>
      </c>
      <c r="F3735" s="239">
        <v>0.32250000000000001</v>
      </c>
      <c r="G3735">
        <f t="shared" si="873"/>
        <v>8.2952000000000012</v>
      </c>
      <c r="H3735" s="235">
        <f t="shared" si="874"/>
        <v>1.2886970778281412</v>
      </c>
      <c r="I3735" s="236">
        <f t="shared" si="875"/>
        <v>19.54962703376864</v>
      </c>
      <c r="J3735" s="237">
        <f t="shared" si="880"/>
        <v>9.5496270337686404</v>
      </c>
      <c r="K3735" s="237">
        <f t="shared" si="876"/>
        <v>725.52575847722187</v>
      </c>
      <c r="L3735" s="237">
        <f t="shared" si="881"/>
        <v>354.47260586645814</v>
      </c>
      <c r="M3735" s="236">
        <f t="shared" si="877"/>
        <v>21.354751019531626</v>
      </c>
      <c r="N3735" s="236">
        <f t="shared" si="878"/>
        <v>1.4122140080164809</v>
      </c>
      <c r="O3735" s="236">
        <f t="shared" si="882"/>
        <v>2.5413364917294148</v>
      </c>
      <c r="P3735" s="236" t="str">
        <f t="shared" si="883"/>
        <v>SAND</v>
      </c>
      <c r="Q3735" s="236" t="e">
        <f t="shared" si="879"/>
        <v>#N/A</v>
      </c>
      <c r="R3735" s="238">
        <v>35</v>
      </c>
      <c r="S3735" s="236" t="e">
        <f t="shared" si="884"/>
        <v>#N/A</v>
      </c>
      <c r="T3735" s="236">
        <f t="shared" si="870"/>
        <v>32.224439634669068</v>
      </c>
    </row>
    <row r="3736" spans="1:20" x14ac:dyDescent="0.2">
      <c r="A3736" s="53">
        <f t="shared" si="871"/>
        <v>3724</v>
      </c>
      <c r="B3736" s="239">
        <v>37.128</v>
      </c>
      <c r="C3736" s="3">
        <f t="shared" si="872"/>
        <v>37.121000000000002</v>
      </c>
      <c r="D3736" s="239">
        <v>7.7499000000000002</v>
      </c>
      <c r="E3736" s="239">
        <v>0.10580000000000001</v>
      </c>
      <c r="F3736" s="239">
        <v>0.3019</v>
      </c>
      <c r="G3736">
        <f t="shared" si="873"/>
        <v>7.8102800000000006</v>
      </c>
      <c r="H3736" s="235">
        <f t="shared" si="874"/>
        <v>1.3546249302201714</v>
      </c>
      <c r="I3736" s="236">
        <f t="shared" si="875"/>
        <v>19.513954300495616</v>
      </c>
      <c r="J3736" s="237">
        <f t="shared" si="880"/>
        <v>9.513954300495616</v>
      </c>
      <c r="K3736" s="237">
        <f t="shared" si="876"/>
        <v>724.37749758869779</v>
      </c>
      <c r="L3736" s="237">
        <f t="shared" si="881"/>
        <v>353.23409526880124</v>
      </c>
      <c r="M3736" s="236">
        <f t="shared" si="877"/>
        <v>20.060075166354281</v>
      </c>
      <c r="N3736" s="236">
        <f t="shared" si="878"/>
        <v>1.4931055001673637</v>
      </c>
      <c r="O3736" s="236">
        <f t="shared" si="882"/>
        <v>2.5772602617396454</v>
      </c>
      <c r="P3736" s="236" t="str">
        <f t="shared" si="883"/>
        <v>SAND</v>
      </c>
      <c r="Q3736" s="236" t="e">
        <f t="shared" si="879"/>
        <v>#N/A</v>
      </c>
      <c r="R3736" s="238">
        <v>35</v>
      </c>
      <c r="S3736" s="236" t="e">
        <f t="shared" si="884"/>
        <v>#N/A</v>
      </c>
      <c r="T3736" s="236">
        <f t="shared" si="870"/>
        <v>31.925658116175903</v>
      </c>
    </row>
    <row r="3737" spans="1:20" x14ac:dyDescent="0.2">
      <c r="A3737" s="53">
        <f t="shared" si="871"/>
        <v>3725</v>
      </c>
      <c r="B3737" s="239">
        <v>37.139000000000003</v>
      </c>
      <c r="C3737" s="3">
        <f t="shared" si="872"/>
        <v>37.132000000000005</v>
      </c>
      <c r="D3737" s="239">
        <v>7.2986000000000004</v>
      </c>
      <c r="E3737" s="239">
        <v>0.10920000000000001</v>
      </c>
      <c r="F3737" s="239">
        <v>0.32150000000000001</v>
      </c>
      <c r="G3737">
        <f t="shared" si="873"/>
        <v>7.3629000000000007</v>
      </c>
      <c r="H3737" s="235">
        <f t="shared" si="874"/>
        <v>1.4831112740903718</v>
      </c>
      <c r="I3737" s="236">
        <f t="shared" si="875"/>
        <v>19.52798818986858</v>
      </c>
      <c r="J3737" s="237">
        <f t="shared" si="880"/>
        <v>9.5279881898685801</v>
      </c>
      <c r="K3737" s="237">
        <f t="shared" si="876"/>
        <v>725.11325746620025</v>
      </c>
      <c r="L3737" s="237">
        <f t="shared" si="881"/>
        <v>353.85995338352922</v>
      </c>
      <c r="M3737" s="236">
        <f t="shared" si="877"/>
        <v>18.758230986764051</v>
      </c>
      <c r="N3737" s="236">
        <f t="shared" si="878"/>
        <v>1.6451266700128389</v>
      </c>
      <c r="O3737" s="236">
        <f t="shared" si="882"/>
        <v>2.6246208243314602</v>
      </c>
      <c r="P3737" s="236" t="str">
        <f t="shared" si="883"/>
        <v>CLAY</v>
      </c>
      <c r="Q3737" s="236">
        <f t="shared" si="879"/>
        <v>553.14889521115003</v>
      </c>
      <c r="R3737" s="238">
        <v>35</v>
      </c>
      <c r="S3737" s="236">
        <f t="shared" si="884"/>
        <v>9.7595514506518342</v>
      </c>
      <c r="T3737" s="236" t="e">
        <f t="shared" si="870"/>
        <v>#N/A</v>
      </c>
    </row>
    <row r="3738" spans="1:20" x14ac:dyDescent="0.2">
      <c r="A3738" s="53">
        <f t="shared" si="871"/>
        <v>3726</v>
      </c>
      <c r="B3738" s="239">
        <v>37.148000000000003</v>
      </c>
      <c r="C3738" s="3">
        <f t="shared" si="872"/>
        <v>37.141000000000005</v>
      </c>
      <c r="D3738" s="239">
        <v>6.7690000000000001</v>
      </c>
      <c r="E3738" s="239">
        <v>0.1283</v>
      </c>
      <c r="F3738" s="239">
        <v>0.3337</v>
      </c>
      <c r="G3738">
        <f t="shared" si="873"/>
        <v>6.8357400000000004</v>
      </c>
      <c r="H3738" s="235">
        <f t="shared" si="874"/>
        <v>1.8768999406062838</v>
      </c>
      <c r="I3738" s="236">
        <f t="shared" si="875"/>
        <v>19.687962008819461</v>
      </c>
      <c r="J3738" s="237">
        <f t="shared" si="880"/>
        <v>9.6879620088194613</v>
      </c>
      <c r="K3738" s="237">
        <f t="shared" si="876"/>
        <v>731.23059696956375</v>
      </c>
      <c r="L3738" s="237">
        <f t="shared" si="881"/>
        <v>359.88841270362536</v>
      </c>
      <c r="M3738" s="236">
        <f t="shared" si="877"/>
        <v>16.962228256172313</v>
      </c>
      <c r="N3738" s="236">
        <f t="shared" si="878"/>
        <v>2.101724995890883</v>
      </c>
      <c r="O3738" s="236">
        <f t="shared" si="882"/>
        <v>2.7201943378906477</v>
      </c>
      <c r="P3738" s="236" t="str">
        <f t="shared" si="883"/>
        <v>CLAY</v>
      </c>
      <c r="Q3738" s="236">
        <f t="shared" si="879"/>
        <v>508.7091169192031</v>
      </c>
      <c r="R3738" s="238">
        <v>35</v>
      </c>
      <c r="S3738" s="236">
        <f t="shared" si="884"/>
        <v>8.6058473345044533</v>
      </c>
      <c r="T3738" s="236" t="e">
        <f t="shared" si="870"/>
        <v>#N/A</v>
      </c>
    </row>
    <row r="3739" spans="1:20" x14ac:dyDescent="0.2">
      <c r="A3739" s="53">
        <f t="shared" si="871"/>
        <v>3727</v>
      </c>
      <c r="B3739" s="239">
        <v>37.158999999999999</v>
      </c>
      <c r="C3739" s="3">
        <f t="shared" si="872"/>
        <v>37.152000000000001</v>
      </c>
      <c r="D3739" s="239">
        <v>6.2371999999999996</v>
      </c>
      <c r="E3739" s="239">
        <v>0.1389</v>
      </c>
      <c r="F3739" s="239">
        <v>0.35439999999999999</v>
      </c>
      <c r="G3739">
        <f t="shared" si="873"/>
        <v>6.3080799999999995</v>
      </c>
      <c r="H3739" s="235">
        <f t="shared" si="874"/>
        <v>2.2019378321137335</v>
      </c>
      <c r="I3739" s="236">
        <f t="shared" si="875"/>
        <v>19.749646591104607</v>
      </c>
      <c r="J3739" s="237">
        <f t="shared" si="880"/>
        <v>9.7496465911046073</v>
      </c>
      <c r="K3739" s="237">
        <f t="shared" si="876"/>
        <v>733.73887015271839</v>
      </c>
      <c r="L3739" s="237">
        <f t="shared" si="881"/>
        <v>362.28711767885608</v>
      </c>
      <c r="M3739" s="236">
        <f t="shared" si="877"/>
        <v>15.386528689072987</v>
      </c>
      <c r="N3739" s="236">
        <f t="shared" si="878"/>
        <v>2.4917743059582982</v>
      </c>
      <c r="O3739" s="236">
        <f t="shared" si="882"/>
        <v>2.7972392095302929</v>
      </c>
      <c r="P3739" s="236" t="str">
        <f t="shared" si="883"/>
        <v>CLAY</v>
      </c>
      <c r="Q3739" s="236">
        <f t="shared" si="879"/>
        <v>464.52842748727335</v>
      </c>
      <c r="R3739" s="238">
        <v>35</v>
      </c>
      <c r="S3739" s="236">
        <f t="shared" si="884"/>
        <v>7.6184359792123111</v>
      </c>
      <c r="T3739" s="236" t="e">
        <f t="shared" si="870"/>
        <v>#N/A</v>
      </c>
    </row>
    <row r="3740" spans="1:20" x14ac:dyDescent="0.2">
      <c r="A3740" s="53">
        <f t="shared" si="871"/>
        <v>3728</v>
      </c>
      <c r="B3740" s="239">
        <v>37.167999999999999</v>
      </c>
      <c r="C3740" s="3">
        <f t="shared" si="872"/>
        <v>37.161000000000001</v>
      </c>
      <c r="D3740" s="239">
        <v>5.6117999999999997</v>
      </c>
      <c r="E3740" s="239">
        <v>0.15440000000000001</v>
      </c>
      <c r="F3740" s="239">
        <v>0.41020000000000001</v>
      </c>
      <c r="G3740">
        <f t="shared" si="873"/>
        <v>5.6938399999999998</v>
      </c>
      <c r="H3740" s="235">
        <f t="shared" si="874"/>
        <v>2.7117024714428228</v>
      </c>
      <c r="I3740" s="236">
        <f t="shared" si="875"/>
        <v>19.833655486745908</v>
      </c>
      <c r="J3740" s="237">
        <f t="shared" si="880"/>
        <v>9.8336554867459078</v>
      </c>
      <c r="K3740" s="237">
        <f t="shared" si="876"/>
        <v>737.03847154296466</v>
      </c>
      <c r="L3740" s="237">
        <f t="shared" si="881"/>
        <v>365.49730713137188</v>
      </c>
      <c r="M3740" s="236">
        <f t="shared" si="877"/>
        <v>13.561800406576994</v>
      </c>
      <c r="N3740" s="236">
        <f t="shared" si="878"/>
        <v>3.1149118864975409</v>
      </c>
      <c r="O3740" s="236">
        <f t="shared" si="882"/>
        <v>2.8983886165355979</v>
      </c>
      <c r="P3740" s="236" t="str">
        <f t="shared" si="883"/>
        <v>CLAY</v>
      </c>
      <c r="Q3740" s="236">
        <f t="shared" si="879"/>
        <v>413.0667940380863</v>
      </c>
      <c r="R3740" s="238">
        <v>35</v>
      </c>
      <c r="S3740" s="236">
        <f t="shared" si="884"/>
        <v>6.5063390991836778</v>
      </c>
      <c r="T3740" s="236" t="e">
        <f t="shared" si="870"/>
        <v>#N/A</v>
      </c>
    </row>
    <row r="3741" spans="1:20" x14ac:dyDescent="0.2">
      <c r="A3741" s="53">
        <f t="shared" si="871"/>
        <v>3729</v>
      </c>
      <c r="B3741" s="239">
        <v>37.177999999999997</v>
      </c>
      <c r="C3741" s="3">
        <f t="shared" si="872"/>
        <v>37.170999999999999</v>
      </c>
      <c r="D3741" s="239">
        <v>5.0952000000000002</v>
      </c>
      <c r="E3741" s="239">
        <v>0.17330000000000001</v>
      </c>
      <c r="F3741" s="239">
        <v>0.4093</v>
      </c>
      <c r="G3741">
        <f t="shared" si="873"/>
        <v>5.17706</v>
      </c>
      <c r="H3741" s="235">
        <f t="shared" si="874"/>
        <v>3.3474597551506071</v>
      </c>
      <c r="I3741" s="236">
        <f t="shared" si="875"/>
        <v>19.931874052185258</v>
      </c>
      <c r="J3741" s="237">
        <f t="shared" si="880"/>
        <v>9.9318740521852575</v>
      </c>
      <c r="K3741" s="237">
        <f t="shared" si="876"/>
        <v>740.88769039377814</v>
      </c>
      <c r="L3741" s="237">
        <f t="shared" si="881"/>
        <v>369.2472135121435</v>
      </c>
      <c r="M3741" s="236">
        <f t="shared" si="877"/>
        <v>12.014098271483176</v>
      </c>
      <c r="N3741" s="236">
        <f t="shared" si="878"/>
        <v>3.9065209352831252</v>
      </c>
      <c r="O3741" s="236">
        <f t="shared" si="882"/>
        <v>2.999359902462237</v>
      </c>
      <c r="P3741" s="236" t="str">
        <f t="shared" si="883"/>
        <v>CLAY</v>
      </c>
      <c r="Q3741" s="236">
        <f t="shared" si="879"/>
        <v>369.68102580051851</v>
      </c>
      <c r="R3741" s="238">
        <v>35</v>
      </c>
      <c r="S3741" s="236">
        <f t="shared" si="884"/>
        <v>5.5918303084460819</v>
      </c>
      <c r="T3741" s="236" t="e">
        <f t="shared" si="870"/>
        <v>#N/A</v>
      </c>
    </row>
    <row r="3742" spans="1:20" x14ac:dyDescent="0.2">
      <c r="A3742" s="53">
        <f t="shared" si="871"/>
        <v>3730</v>
      </c>
      <c r="B3742" s="239">
        <v>37.188000000000002</v>
      </c>
      <c r="C3742" s="3">
        <f t="shared" si="872"/>
        <v>37.181000000000004</v>
      </c>
      <c r="D3742" s="239">
        <v>4.6890999999999998</v>
      </c>
      <c r="E3742" s="239">
        <v>0.18990000000000001</v>
      </c>
      <c r="F3742" s="239">
        <v>0.43990000000000001</v>
      </c>
      <c r="G3742">
        <f t="shared" si="873"/>
        <v>4.7770799999999998</v>
      </c>
      <c r="H3742" s="235">
        <f t="shared" si="874"/>
        <v>3.975231731517999</v>
      </c>
      <c r="I3742" s="236">
        <f t="shared" si="875"/>
        <v>20.007706722055079</v>
      </c>
      <c r="J3742" s="237">
        <f t="shared" si="880"/>
        <v>10.007706722055079</v>
      </c>
      <c r="K3742" s="237">
        <f t="shared" si="876"/>
        <v>743.90654363272995</v>
      </c>
      <c r="L3742" s="237">
        <f t="shared" si="881"/>
        <v>372.16659757978431</v>
      </c>
      <c r="M3742" s="236">
        <f t="shared" si="877"/>
        <v>10.837010851041372</v>
      </c>
      <c r="N3742" s="236">
        <f t="shared" si="878"/>
        <v>4.7084511007132663</v>
      </c>
      <c r="O3742" s="236">
        <f t="shared" si="882"/>
        <v>3.0842589174693646</v>
      </c>
      <c r="P3742" s="236" t="str">
        <f t="shared" si="883"/>
        <v>CLAY</v>
      </c>
      <c r="Q3742" s="236">
        <f t="shared" si="879"/>
        <v>336.09778803060584</v>
      </c>
      <c r="R3742" s="238">
        <v>35</v>
      </c>
      <c r="S3742" s="236">
        <f t="shared" si="884"/>
        <v>4.915604056585142</v>
      </c>
      <c r="T3742" s="236" t="e">
        <f t="shared" si="870"/>
        <v>#N/A</v>
      </c>
    </row>
    <row r="3743" spans="1:20" x14ac:dyDescent="0.2">
      <c r="A3743" s="53">
        <f t="shared" si="871"/>
        <v>3731</v>
      </c>
      <c r="B3743" s="239">
        <v>37.198</v>
      </c>
      <c r="C3743" s="3">
        <f t="shared" si="872"/>
        <v>37.191000000000003</v>
      </c>
      <c r="D3743" s="239">
        <v>4.3034999999999997</v>
      </c>
      <c r="E3743" s="239">
        <v>0.2019</v>
      </c>
      <c r="F3743" s="239">
        <v>0.5333</v>
      </c>
      <c r="G3743">
        <f t="shared" si="873"/>
        <v>4.4101599999999994</v>
      </c>
      <c r="H3743" s="235">
        <f t="shared" si="874"/>
        <v>4.578065194913564</v>
      </c>
      <c r="I3743" s="236">
        <f t="shared" si="875"/>
        <v>20.048320026838429</v>
      </c>
      <c r="J3743" s="237">
        <f t="shared" si="880"/>
        <v>10.048320026838429</v>
      </c>
      <c r="K3743" s="237">
        <f t="shared" si="876"/>
        <v>745.61707011814804</v>
      </c>
      <c r="L3743" s="237">
        <f t="shared" si="881"/>
        <v>373.77740835833589</v>
      </c>
      <c r="M3743" s="236">
        <f t="shared" si="877"/>
        <v>9.8040781704192739</v>
      </c>
      <c r="N3743" s="236">
        <f t="shared" si="878"/>
        <v>5.5095547756759249</v>
      </c>
      <c r="O3743" s="236">
        <f t="shared" si="882"/>
        <v>3.1606015835142522</v>
      </c>
      <c r="P3743" s="236" t="str">
        <f t="shared" si="883"/>
        <v>CLAY</v>
      </c>
      <c r="Q3743" s="236">
        <f t="shared" si="879"/>
        <v>305.37857749015433</v>
      </c>
      <c r="R3743" s="238">
        <v>35</v>
      </c>
      <c r="S3743" s="236">
        <f t="shared" si="884"/>
        <v>4.3370903090690867</v>
      </c>
      <c r="T3743" s="236" t="e">
        <f t="shared" si="870"/>
        <v>#N/A</v>
      </c>
    </row>
    <row r="3744" spans="1:20" x14ac:dyDescent="0.2">
      <c r="A3744" s="53">
        <f t="shared" si="871"/>
        <v>3732</v>
      </c>
      <c r="B3744" s="239">
        <v>37.207000000000001</v>
      </c>
      <c r="C3744" s="3">
        <f t="shared" si="872"/>
        <v>37.200000000000003</v>
      </c>
      <c r="D3744" s="239">
        <v>4.3064</v>
      </c>
      <c r="E3744" s="239">
        <v>0.20449999999999999</v>
      </c>
      <c r="F3744" s="239">
        <v>0.65820000000000001</v>
      </c>
      <c r="G3744">
        <f t="shared" si="873"/>
        <v>4.43804</v>
      </c>
      <c r="H3744" s="235">
        <f t="shared" si="874"/>
        <v>4.6078899694459707</v>
      </c>
      <c r="I3744" s="236">
        <f t="shared" si="875"/>
        <v>20.065787088693572</v>
      </c>
      <c r="J3744" s="237">
        <f t="shared" si="880"/>
        <v>10.065787088693572</v>
      </c>
      <c r="K3744" s="237">
        <f t="shared" si="876"/>
        <v>746.44727969940095</v>
      </c>
      <c r="L3744" s="237">
        <f t="shared" si="881"/>
        <v>374.51774020902172</v>
      </c>
      <c r="M3744" s="236">
        <f t="shared" si="877"/>
        <v>9.8569235151325216</v>
      </c>
      <c r="N3744" s="236">
        <f t="shared" si="878"/>
        <v>5.5396143479053119</v>
      </c>
      <c r="O3744" s="236">
        <f t="shared" si="882"/>
        <v>3.1602386920215508</v>
      </c>
      <c r="P3744" s="236" t="str">
        <f t="shared" si="883"/>
        <v>CLAY</v>
      </c>
      <c r="Q3744" s="236">
        <f t="shared" si="879"/>
        <v>307.63272669171658</v>
      </c>
      <c r="R3744" s="238">
        <v>35</v>
      </c>
      <c r="S3744" s="236">
        <f t="shared" si="884"/>
        <v>4.3663318712260644</v>
      </c>
      <c r="T3744" s="236" t="e">
        <f t="shared" si="870"/>
        <v>#N/A</v>
      </c>
    </row>
    <row r="3745" spans="1:20" x14ac:dyDescent="0.2">
      <c r="A3745" s="53">
        <f t="shared" si="871"/>
        <v>3733</v>
      </c>
      <c r="B3745" s="239">
        <v>37.218000000000004</v>
      </c>
      <c r="C3745" s="3">
        <f t="shared" si="872"/>
        <v>37.211000000000006</v>
      </c>
      <c r="D3745" s="239">
        <v>4.6204000000000001</v>
      </c>
      <c r="E3745" s="239">
        <v>0.2029</v>
      </c>
      <c r="F3745" s="239">
        <v>0.58979999999999999</v>
      </c>
      <c r="G3745">
        <f t="shared" si="873"/>
        <v>4.7383600000000001</v>
      </c>
      <c r="H3745" s="235">
        <f t="shared" si="874"/>
        <v>4.282072278172194</v>
      </c>
      <c r="I3745" s="236">
        <f t="shared" si="875"/>
        <v>20.082169829475312</v>
      </c>
      <c r="J3745" s="237">
        <f t="shared" si="880"/>
        <v>10.082169829475312</v>
      </c>
      <c r="K3745" s="237">
        <f t="shared" si="876"/>
        <v>747.27762152460593</v>
      </c>
      <c r="L3745" s="237">
        <f t="shared" si="881"/>
        <v>375.23819671341221</v>
      </c>
      <c r="M3745" s="236">
        <f t="shared" si="877"/>
        <v>10.636130365810226</v>
      </c>
      <c r="N3745" s="236">
        <f t="shared" si="878"/>
        <v>5.0838339267130941</v>
      </c>
      <c r="O3745" s="236">
        <f t="shared" si="882"/>
        <v>3.1111925784829331</v>
      </c>
      <c r="P3745" s="236" t="str">
        <f t="shared" si="883"/>
        <v>CLAY</v>
      </c>
      <c r="Q3745" s="236">
        <f t="shared" si="879"/>
        <v>332.59019820628288</v>
      </c>
      <c r="R3745" s="238">
        <v>35</v>
      </c>
      <c r="S3745" s="236">
        <f t="shared" si="884"/>
        <v>4.8019714474179498</v>
      </c>
      <c r="T3745" s="236" t="e">
        <f t="shared" si="870"/>
        <v>#N/A</v>
      </c>
    </row>
    <row r="3746" spans="1:20" x14ac:dyDescent="0.2">
      <c r="A3746" s="53">
        <f t="shared" si="871"/>
        <v>3734</v>
      </c>
      <c r="B3746" s="239">
        <v>37.226999999999997</v>
      </c>
      <c r="C3746" s="3">
        <f t="shared" si="872"/>
        <v>37.22</v>
      </c>
      <c r="D3746" s="239">
        <v>4.5396000000000001</v>
      </c>
      <c r="E3746" s="239">
        <v>0.19350000000000001</v>
      </c>
      <c r="F3746" s="239">
        <v>0.53290000000000004</v>
      </c>
      <c r="G3746">
        <f t="shared" si="873"/>
        <v>4.6461800000000002</v>
      </c>
      <c r="H3746" s="235">
        <f t="shared" si="874"/>
        <v>4.1647116555966406</v>
      </c>
      <c r="I3746" s="236">
        <f t="shared" si="875"/>
        <v>20.018868099551103</v>
      </c>
      <c r="J3746" s="237">
        <f t="shared" si="880"/>
        <v>10.018868099551103</v>
      </c>
      <c r="K3746" s="237">
        <f t="shared" si="876"/>
        <v>745.10227066529205</v>
      </c>
      <c r="L3746" s="237">
        <f t="shared" si="881"/>
        <v>372.97240274198884</v>
      </c>
      <c r="M3746" s="236">
        <f t="shared" si="877"/>
        <v>10.459427294499742</v>
      </c>
      <c r="N3746" s="236">
        <f t="shared" si="878"/>
        <v>4.9601677645372009</v>
      </c>
      <c r="O3746" s="236">
        <f t="shared" si="882"/>
        <v>3.1103115329963806</v>
      </c>
      <c r="P3746" s="236" t="str">
        <f t="shared" si="883"/>
        <v>CLAY</v>
      </c>
      <c r="Q3746" s="236">
        <f t="shared" si="879"/>
        <v>325.08981077789235</v>
      </c>
      <c r="R3746" s="238">
        <v>35</v>
      </c>
      <c r="S3746" s="236">
        <f t="shared" si="884"/>
        <v>4.7024576220110639</v>
      </c>
      <c r="T3746" s="236" t="e">
        <f t="shared" si="870"/>
        <v>#N/A</v>
      </c>
    </row>
    <row r="3747" spans="1:20" x14ac:dyDescent="0.2">
      <c r="A3747" s="53">
        <f t="shared" si="871"/>
        <v>3735</v>
      </c>
      <c r="B3747" s="239">
        <v>37.237000000000002</v>
      </c>
      <c r="C3747" s="3">
        <f t="shared" si="872"/>
        <v>37.230000000000004</v>
      </c>
      <c r="D3747" s="239">
        <v>4.2378</v>
      </c>
      <c r="E3747" s="239">
        <v>0.1779</v>
      </c>
      <c r="F3747" s="239">
        <v>0.39379999999999998</v>
      </c>
      <c r="G3747">
        <f t="shared" si="873"/>
        <v>4.31656</v>
      </c>
      <c r="H3747" s="235">
        <f t="shared" si="874"/>
        <v>4.1213373612320918</v>
      </c>
      <c r="I3747" s="236">
        <f t="shared" si="875"/>
        <v>19.891542117976609</v>
      </c>
      <c r="J3747" s="237">
        <f t="shared" si="880"/>
        <v>9.8915421179766092</v>
      </c>
      <c r="K3747" s="237">
        <f t="shared" si="876"/>
        <v>740.5621130522693</v>
      </c>
      <c r="L3747" s="237">
        <f t="shared" si="881"/>
        <v>368.33135384709499</v>
      </c>
      <c r="M3747" s="236">
        <f t="shared" si="877"/>
        <v>9.7086437241838262</v>
      </c>
      <c r="N3747" s="236">
        <f t="shared" si="878"/>
        <v>4.974835154386664</v>
      </c>
      <c r="O3747" s="236">
        <f t="shared" si="882"/>
        <v>3.1366450483675101</v>
      </c>
      <c r="P3747" s="236" t="str">
        <f t="shared" si="883"/>
        <v>CLAY</v>
      </c>
      <c r="Q3747" s="236">
        <f t="shared" si="879"/>
        <v>297.99982391231089</v>
      </c>
      <c r="R3747" s="238">
        <v>35</v>
      </c>
      <c r="S3747" s="236">
        <f t="shared" si="884"/>
        <v>4.2843822747982303</v>
      </c>
      <c r="T3747" s="236" t="e">
        <f t="shared" si="870"/>
        <v>#N/A</v>
      </c>
    </row>
    <row r="3748" spans="1:20" x14ac:dyDescent="0.2">
      <c r="A3748" s="53">
        <f t="shared" si="871"/>
        <v>3736</v>
      </c>
      <c r="B3748" s="239">
        <v>37.246000000000002</v>
      </c>
      <c r="C3748" s="3">
        <f t="shared" si="872"/>
        <v>37.239000000000004</v>
      </c>
      <c r="D3748" s="239">
        <v>3.9439000000000002</v>
      </c>
      <c r="E3748" s="239">
        <v>0.16800000000000001</v>
      </c>
      <c r="F3748" s="239">
        <v>0.43640000000000001</v>
      </c>
      <c r="G3748">
        <f t="shared" si="873"/>
        <v>4.03118</v>
      </c>
      <c r="H3748" s="235">
        <f t="shared" si="874"/>
        <v>4.1675142266036245</v>
      </c>
      <c r="I3748" s="236">
        <f t="shared" si="875"/>
        <v>19.797667086651035</v>
      </c>
      <c r="J3748" s="237">
        <f t="shared" si="880"/>
        <v>9.7976670866510354</v>
      </c>
      <c r="K3748" s="237">
        <f t="shared" si="876"/>
        <v>737.24532463979801</v>
      </c>
      <c r="L3748" s="237">
        <f t="shared" si="881"/>
        <v>364.92390830940451</v>
      </c>
      <c r="M3748" s="236">
        <f t="shared" si="877"/>
        <v>9.0263602914375376</v>
      </c>
      <c r="N3748" s="236">
        <f t="shared" si="878"/>
        <v>5.1002832951333099</v>
      </c>
      <c r="O3748" s="236">
        <f t="shared" si="882"/>
        <v>3.168322323236286</v>
      </c>
      <c r="P3748" s="236" t="str">
        <f t="shared" si="883"/>
        <v>CLAY</v>
      </c>
      <c r="Q3748" s="236">
        <f t="shared" si="879"/>
        <v>274.49455628001681</v>
      </c>
      <c r="R3748" s="238">
        <v>35</v>
      </c>
      <c r="S3748" s="236">
        <f t="shared" si="884"/>
        <v>3.9113874631865482</v>
      </c>
      <c r="T3748" s="236" t="e">
        <f t="shared" si="870"/>
        <v>#N/A</v>
      </c>
    </row>
    <row r="3749" spans="1:20" x14ac:dyDescent="0.2">
      <c r="A3749" s="53">
        <f t="shared" si="871"/>
        <v>3737</v>
      </c>
      <c r="B3749" s="239">
        <v>37.256</v>
      </c>
      <c r="C3749" s="3">
        <f t="shared" si="872"/>
        <v>37.249000000000002</v>
      </c>
      <c r="D3749" s="239">
        <v>3.6999</v>
      </c>
      <c r="E3749" s="239">
        <v>0.17080000000000001</v>
      </c>
      <c r="F3749" s="239">
        <v>0.49569999999999997</v>
      </c>
      <c r="G3749">
        <f t="shared" si="873"/>
        <v>3.7990399999999998</v>
      </c>
      <c r="H3749" s="235">
        <f t="shared" si="874"/>
        <v>4.4958726415094343</v>
      </c>
      <c r="I3749" s="236">
        <f t="shared" si="875"/>
        <v>19.793866773164922</v>
      </c>
      <c r="J3749" s="237">
        <f t="shared" si="880"/>
        <v>9.7938667731649218</v>
      </c>
      <c r="K3749" s="237">
        <f t="shared" si="876"/>
        <v>737.30174343362023</v>
      </c>
      <c r="L3749" s="237">
        <f t="shared" si="881"/>
        <v>364.88030050103231</v>
      </c>
      <c r="M3749" s="236">
        <f t="shared" si="877"/>
        <v>8.391075792149314</v>
      </c>
      <c r="N3749" s="236">
        <f t="shared" si="878"/>
        <v>5.5785304192379117</v>
      </c>
      <c r="O3749" s="236">
        <f t="shared" si="882"/>
        <v>3.2171796245303947</v>
      </c>
      <c r="P3749" s="236" t="str">
        <f t="shared" si="883"/>
        <v>CLAY</v>
      </c>
      <c r="Q3749" s="236">
        <f t="shared" si="879"/>
        <v>255.14485471386499</v>
      </c>
      <c r="R3749" s="238">
        <v>35</v>
      </c>
      <c r="S3749" s="236">
        <f t="shared" si="884"/>
        <v>3.5703604537435583</v>
      </c>
      <c r="T3749" s="236" t="e">
        <f t="shared" si="870"/>
        <v>#N/A</v>
      </c>
    </row>
    <row r="3750" spans="1:20" x14ac:dyDescent="0.2">
      <c r="A3750" s="53">
        <f t="shared" si="871"/>
        <v>3738</v>
      </c>
      <c r="B3750" s="239">
        <v>37.267000000000003</v>
      </c>
      <c r="C3750" s="3">
        <f t="shared" si="872"/>
        <v>37.260000000000005</v>
      </c>
      <c r="D3750" s="239">
        <v>3.5249999999999999</v>
      </c>
      <c r="E3750" s="239">
        <v>0.19070000000000001</v>
      </c>
      <c r="F3750" s="239">
        <v>0.5968</v>
      </c>
      <c r="G3750">
        <f t="shared" si="873"/>
        <v>3.6443599999999998</v>
      </c>
      <c r="H3750" s="235">
        <f t="shared" si="874"/>
        <v>5.2327431977082401</v>
      </c>
      <c r="I3750" s="236">
        <f t="shared" si="875"/>
        <v>19.906849069718064</v>
      </c>
      <c r="J3750" s="237">
        <f t="shared" si="880"/>
        <v>9.9068490697180636</v>
      </c>
      <c r="K3750" s="237">
        <f t="shared" si="876"/>
        <v>741.72919633769516</v>
      </c>
      <c r="L3750" s="237">
        <f t="shared" si="881"/>
        <v>369.1985442811831</v>
      </c>
      <c r="M3750" s="236">
        <f t="shared" si="877"/>
        <v>7.8619779211579157</v>
      </c>
      <c r="N3750" s="236">
        <f t="shared" si="878"/>
        <v>6.5699020267886015</v>
      </c>
      <c r="O3750" s="236">
        <f t="shared" si="882"/>
        <v>3.2832198607359708</v>
      </c>
      <c r="P3750" s="236" t="str">
        <f t="shared" si="883"/>
        <v>CLAY</v>
      </c>
      <c r="Q3750" s="236">
        <f t="shared" si="879"/>
        <v>241.88590030519205</v>
      </c>
      <c r="R3750" s="238">
        <v>35</v>
      </c>
      <c r="S3750" s="236">
        <f t="shared" si="884"/>
        <v>3.2912038583918735</v>
      </c>
      <c r="T3750" s="236" t="e">
        <f t="shared" si="870"/>
        <v>#N/A</v>
      </c>
    </row>
    <row r="3751" spans="1:20" x14ac:dyDescent="0.2">
      <c r="A3751" s="53">
        <f t="shared" si="871"/>
        <v>3739</v>
      </c>
      <c r="B3751" s="239">
        <v>37.276000000000003</v>
      </c>
      <c r="C3751" s="3">
        <f t="shared" si="872"/>
        <v>37.269000000000005</v>
      </c>
      <c r="D3751" s="239">
        <v>3.9546999999999999</v>
      </c>
      <c r="E3751" s="239">
        <v>0.20219999999999999</v>
      </c>
      <c r="F3751" s="239">
        <v>0.72099999999999997</v>
      </c>
      <c r="G3751">
        <f t="shared" si="873"/>
        <v>4.0988999999999995</v>
      </c>
      <c r="H3751" s="235">
        <f t="shared" si="874"/>
        <v>4.93303081314499</v>
      </c>
      <c r="I3751" s="236">
        <f t="shared" si="875"/>
        <v>20.021452753520208</v>
      </c>
      <c r="J3751" s="237">
        <f t="shared" si="880"/>
        <v>10.021452753520208</v>
      </c>
      <c r="K3751" s="237">
        <f t="shared" si="876"/>
        <v>746.17952267094472</v>
      </c>
      <c r="L3751" s="237">
        <f t="shared" si="881"/>
        <v>373.55967284021932</v>
      </c>
      <c r="M3751" s="236">
        <f t="shared" si="877"/>
        <v>8.9750600000206564</v>
      </c>
      <c r="N3751" s="236">
        <f t="shared" si="878"/>
        <v>6.0309232865449802</v>
      </c>
      <c r="O3751" s="236">
        <f t="shared" si="882"/>
        <v>3.215063963984973</v>
      </c>
      <c r="P3751" s="236" t="str">
        <f t="shared" si="883"/>
        <v>CLAY</v>
      </c>
      <c r="Q3751" s="236">
        <f t="shared" si="879"/>
        <v>279.39337311075457</v>
      </c>
      <c r="R3751" s="238">
        <v>35</v>
      </c>
      <c r="S3751" s="236">
        <f t="shared" si="884"/>
        <v>3.8836198252658312</v>
      </c>
      <c r="T3751" s="236" t="e">
        <f t="shared" si="870"/>
        <v>#N/A</v>
      </c>
    </row>
    <row r="3752" spans="1:20" x14ac:dyDescent="0.2">
      <c r="A3752" s="53">
        <f t="shared" si="871"/>
        <v>3740</v>
      </c>
      <c r="B3752" s="239">
        <v>37.284999999999997</v>
      </c>
      <c r="C3752" s="3">
        <f t="shared" si="872"/>
        <v>37.277999999999999</v>
      </c>
      <c r="D3752" s="239">
        <v>4.6363000000000003</v>
      </c>
      <c r="E3752" s="239">
        <v>0.2034</v>
      </c>
      <c r="F3752" s="239">
        <v>0.7772</v>
      </c>
      <c r="G3752">
        <f t="shared" si="873"/>
        <v>4.7917399999999999</v>
      </c>
      <c r="H3752" s="235">
        <f t="shared" si="874"/>
        <v>4.2448046012513201</v>
      </c>
      <c r="I3752" s="236">
        <f t="shared" si="875"/>
        <v>20.089434536233103</v>
      </c>
      <c r="J3752" s="237">
        <f t="shared" si="880"/>
        <v>10.089434536233103</v>
      </c>
      <c r="K3752" s="237">
        <f t="shared" si="876"/>
        <v>748.89394064169755</v>
      </c>
      <c r="L3752" s="237">
        <f t="shared" si="881"/>
        <v>376.18456668345124</v>
      </c>
      <c r="M3752" s="236">
        <f t="shared" si="877"/>
        <v>10.746974802823965</v>
      </c>
      <c r="N3752" s="236">
        <f t="shared" si="878"/>
        <v>5.0311091991537396</v>
      </c>
      <c r="O3752" s="236">
        <f t="shared" si="882"/>
        <v>3.1048536829798019</v>
      </c>
      <c r="P3752" s="236" t="str">
        <f t="shared" si="883"/>
        <v>CLAY</v>
      </c>
      <c r="Q3752" s="236">
        <f t="shared" si="879"/>
        <v>336.90383827985852</v>
      </c>
      <c r="R3752" s="238">
        <v>35</v>
      </c>
      <c r="S3752" s="236">
        <f t="shared" si="884"/>
        <v>4.8646074095648615</v>
      </c>
      <c r="T3752" s="236" t="e">
        <f t="shared" si="870"/>
        <v>#N/A</v>
      </c>
    </row>
    <row r="3753" spans="1:20" x14ac:dyDescent="0.2">
      <c r="A3753" s="53">
        <f t="shared" si="871"/>
        <v>3741</v>
      </c>
      <c r="B3753" s="239">
        <v>37.295000000000002</v>
      </c>
      <c r="C3753" s="3">
        <f t="shared" si="872"/>
        <v>37.288000000000004</v>
      </c>
      <c r="D3753" s="239">
        <v>5.2199</v>
      </c>
      <c r="E3753" s="239">
        <v>0.1973</v>
      </c>
      <c r="F3753" s="239">
        <v>0.88829999999999998</v>
      </c>
      <c r="G3753">
        <f t="shared" si="873"/>
        <v>5.3975600000000004</v>
      </c>
      <c r="H3753" s="235">
        <f t="shared" si="874"/>
        <v>3.6553553828025995</v>
      </c>
      <c r="I3753" s="236">
        <f t="shared" si="875"/>
        <v>20.100263915401268</v>
      </c>
      <c r="J3753" s="237">
        <f t="shared" si="880"/>
        <v>10.100263915401268</v>
      </c>
      <c r="K3753" s="237">
        <f t="shared" si="876"/>
        <v>749.49864087748256</v>
      </c>
      <c r="L3753" s="237">
        <f t="shared" si="881"/>
        <v>376.68934272489031</v>
      </c>
      <c r="M3753" s="236">
        <f t="shared" si="877"/>
        <v>12.339243062995713</v>
      </c>
      <c r="N3753" s="236">
        <f t="shared" si="878"/>
        <v>4.2447804526669852</v>
      </c>
      <c r="O3753" s="236">
        <f t="shared" si="882"/>
        <v>3.0121150824444247</v>
      </c>
      <c r="P3753" s="236" t="str">
        <f t="shared" si="883"/>
        <v>CLAY</v>
      </c>
      <c r="Q3753" s="236">
        <f t="shared" si="879"/>
        <v>387.3384465935431</v>
      </c>
      <c r="R3753" s="238">
        <v>35</v>
      </c>
      <c r="S3753" s="236">
        <f t="shared" si="884"/>
        <v>5.7816348255496512</v>
      </c>
      <c r="T3753" s="236" t="e">
        <f t="shared" si="870"/>
        <v>#N/A</v>
      </c>
    </row>
    <row r="3754" spans="1:20" x14ac:dyDescent="0.2">
      <c r="A3754" s="53">
        <f t="shared" si="871"/>
        <v>3742</v>
      </c>
      <c r="B3754" s="239">
        <v>37.305</v>
      </c>
      <c r="C3754" s="3">
        <f t="shared" si="872"/>
        <v>37.298000000000002</v>
      </c>
      <c r="D3754" s="239">
        <v>6.2854000000000001</v>
      </c>
      <c r="E3754" s="239">
        <v>0.18079999999999999</v>
      </c>
      <c r="F3754" s="239">
        <v>0.81699999999999995</v>
      </c>
      <c r="G3754">
        <f t="shared" si="873"/>
        <v>6.4488000000000003</v>
      </c>
      <c r="H3754" s="235">
        <f t="shared" si="874"/>
        <v>2.8036223793573996</v>
      </c>
      <c r="I3754" s="236">
        <f t="shared" si="875"/>
        <v>20.067409822289015</v>
      </c>
      <c r="J3754" s="237">
        <f t="shared" si="880"/>
        <v>10.067409822289015</v>
      </c>
      <c r="K3754" s="237">
        <f t="shared" si="876"/>
        <v>748.47425155173573</v>
      </c>
      <c r="L3754" s="237">
        <f t="shared" si="881"/>
        <v>375.5647234204917</v>
      </c>
      <c r="M3754" s="236">
        <f t="shared" si="877"/>
        <v>15.178011652777188</v>
      </c>
      <c r="N3754" s="236">
        <f t="shared" si="878"/>
        <v>3.171748562776735</v>
      </c>
      <c r="O3754" s="236">
        <f t="shared" si="882"/>
        <v>2.8638098242591563</v>
      </c>
      <c r="P3754" s="236" t="str">
        <f t="shared" si="883"/>
        <v>CLAY</v>
      </c>
      <c r="Q3754" s="236">
        <f t="shared" si="879"/>
        <v>475.02714570402208</v>
      </c>
      <c r="R3754" s="238">
        <v>35</v>
      </c>
      <c r="S3754" s="236">
        <f t="shared" si="884"/>
        <v>7.4895997807032169</v>
      </c>
      <c r="T3754" s="236" t="e">
        <f t="shared" si="870"/>
        <v>#N/A</v>
      </c>
    </row>
    <row r="3755" spans="1:20" x14ac:dyDescent="0.2">
      <c r="A3755" s="53">
        <f t="shared" si="871"/>
        <v>3743</v>
      </c>
      <c r="B3755" s="239">
        <v>37.314</v>
      </c>
      <c r="C3755" s="3">
        <f t="shared" si="872"/>
        <v>37.307000000000002</v>
      </c>
      <c r="D3755" s="239">
        <v>7.4164000000000003</v>
      </c>
      <c r="E3755" s="239">
        <v>0.15820000000000001</v>
      </c>
      <c r="F3755" s="239">
        <v>0.72799999999999998</v>
      </c>
      <c r="G3755">
        <f t="shared" si="873"/>
        <v>7.5620000000000003</v>
      </c>
      <c r="H3755" s="235">
        <f t="shared" si="874"/>
        <v>2.0920391430838405</v>
      </c>
      <c r="I3755" s="236">
        <f t="shared" si="875"/>
        <v>19.973073553842827</v>
      </c>
      <c r="J3755" s="237">
        <f t="shared" si="880"/>
        <v>9.973073553842827</v>
      </c>
      <c r="K3755" s="237">
        <f t="shared" si="876"/>
        <v>745.13545507321442</v>
      </c>
      <c r="L3755" s="237">
        <f t="shared" si="881"/>
        <v>372.13526658809127</v>
      </c>
      <c r="M3755" s="236">
        <f t="shared" si="877"/>
        <v>18.318243813404095</v>
      </c>
      <c r="N3755" s="236">
        <f t="shared" si="878"/>
        <v>2.3207150289899019</v>
      </c>
      <c r="O3755" s="236">
        <f t="shared" si="882"/>
        <v>2.717638369009193</v>
      </c>
      <c r="P3755" s="236" t="str">
        <f t="shared" si="883"/>
        <v>CLAY</v>
      </c>
      <c r="Q3755" s="236">
        <f t="shared" si="879"/>
        <v>568.07204541056547</v>
      </c>
      <c r="R3755" s="238">
        <v>35</v>
      </c>
      <c r="S3755" s="236">
        <f t="shared" si="884"/>
        <v>9.4742491746879427</v>
      </c>
      <c r="T3755" s="236" t="e">
        <f t="shared" si="870"/>
        <v>#N/A</v>
      </c>
    </row>
    <row r="3756" spans="1:20" x14ac:dyDescent="0.2">
      <c r="A3756" s="53">
        <f t="shared" si="871"/>
        <v>3744</v>
      </c>
      <c r="B3756" s="239">
        <v>37.325000000000003</v>
      </c>
      <c r="C3756" s="3">
        <f t="shared" si="872"/>
        <v>37.318000000000005</v>
      </c>
      <c r="D3756" s="239">
        <v>7.8529999999999998</v>
      </c>
      <c r="E3756" s="239">
        <v>0.13239999999999999</v>
      </c>
      <c r="F3756" s="239">
        <v>0.47599999999999998</v>
      </c>
      <c r="G3756">
        <f t="shared" si="873"/>
        <v>7.9481999999999999</v>
      </c>
      <c r="H3756" s="235">
        <f t="shared" si="874"/>
        <v>1.6657859641176616</v>
      </c>
      <c r="I3756" s="236">
        <f t="shared" si="875"/>
        <v>19.78378252218964</v>
      </c>
      <c r="J3756" s="237">
        <f t="shared" si="880"/>
        <v>9.7837825221896395</v>
      </c>
      <c r="K3756" s="237">
        <f t="shared" si="876"/>
        <v>738.2911961630731</v>
      </c>
      <c r="L3756" s="237">
        <f t="shared" si="881"/>
        <v>365.17968264072834</v>
      </c>
      <c r="M3756" s="236">
        <f t="shared" si="877"/>
        <v>19.743455472932734</v>
      </c>
      <c r="N3756" s="236">
        <f t="shared" si="878"/>
        <v>1.8363616462047361</v>
      </c>
      <c r="O3756" s="236">
        <f t="shared" si="882"/>
        <v>2.6326633648732587</v>
      </c>
      <c r="P3756" s="236" t="str">
        <f t="shared" si="883"/>
        <v>CLAY</v>
      </c>
      <c r="Q3756" s="236">
        <f t="shared" si="879"/>
        <v>600.82573365307724</v>
      </c>
      <c r="R3756" s="238">
        <v>35</v>
      </c>
      <c r="S3756" s="236">
        <f t="shared" si="884"/>
        <v>10.404446094176723</v>
      </c>
      <c r="T3756" s="236" t="e">
        <f t="shared" si="870"/>
        <v>#N/A</v>
      </c>
    </row>
    <row r="3757" spans="1:20" x14ac:dyDescent="0.2">
      <c r="A3757" s="53">
        <f t="shared" si="871"/>
        <v>3745</v>
      </c>
      <c r="B3757" s="239">
        <v>37.334000000000003</v>
      </c>
      <c r="C3757" s="3">
        <f t="shared" si="872"/>
        <v>37.327000000000005</v>
      </c>
      <c r="D3757" s="239">
        <v>8.3604000000000003</v>
      </c>
      <c r="E3757" s="239">
        <v>9.8799999999999999E-2</v>
      </c>
      <c r="F3757" s="239">
        <v>0.31490000000000001</v>
      </c>
      <c r="G3757">
        <f t="shared" si="873"/>
        <v>8.4233799999999999</v>
      </c>
      <c r="H3757" s="235">
        <f t="shared" si="874"/>
        <v>1.1729258326230088</v>
      </c>
      <c r="I3757" s="236">
        <f t="shared" si="875"/>
        <v>19.46322455870056</v>
      </c>
      <c r="J3757" s="237">
        <f t="shared" si="880"/>
        <v>9.4632245587005599</v>
      </c>
      <c r="K3757" s="237">
        <f t="shared" si="876"/>
        <v>726.5037831026159</v>
      </c>
      <c r="L3757" s="237">
        <f t="shared" si="881"/>
        <v>353.30002567452675</v>
      </c>
      <c r="M3757" s="236">
        <f t="shared" si="877"/>
        <v>21.785665603058955</v>
      </c>
      <c r="N3757" s="236">
        <f t="shared" si="878"/>
        <v>1.2836376370857936</v>
      </c>
      <c r="O3757" s="236">
        <f t="shared" si="882"/>
        <v>2.5118628384643116</v>
      </c>
      <c r="P3757" s="236" t="str">
        <f t="shared" si="883"/>
        <v>SAND</v>
      </c>
      <c r="Q3757" s="236" t="e">
        <f t="shared" si="879"/>
        <v>#N/A</v>
      </c>
      <c r="R3757" s="238">
        <v>35</v>
      </c>
      <c r="S3757" s="236" t="e">
        <f t="shared" si="884"/>
        <v>#N/A</v>
      </c>
      <c r="T3757" s="236">
        <f t="shared" si="870"/>
        <v>32.31987916505777</v>
      </c>
    </row>
    <row r="3758" spans="1:20" x14ac:dyDescent="0.2">
      <c r="A3758" s="53">
        <f t="shared" si="871"/>
        <v>3746</v>
      </c>
      <c r="B3758" s="239">
        <v>37.344000000000001</v>
      </c>
      <c r="C3758" s="3">
        <f t="shared" si="872"/>
        <v>37.337000000000003</v>
      </c>
      <c r="D3758" s="239">
        <v>9.1092999999999993</v>
      </c>
      <c r="E3758" s="239">
        <v>8.4000000000000005E-2</v>
      </c>
      <c r="F3758" s="239">
        <v>0.33079999999999998</v>
      </c>
      <c r="G3758">
        <f t="shared" si="873"/>
        <v>9.1754599999999993</v>
      </c>
      <c r="H3758" s="235">
        <f t="shared" si="874"/>
        <v>0.91548543615252009</v>
      </c>
      <c r="I3758" s="236">
        <f t="shared" si="875"/>
        <v>19.306362188393102</v>
      </c>
      <c r="J3758" s="237">
        <f t="shared" si="880"/>
        <v>9.306362188393102</v>
      </c>
      <c r="K3758" s="237">
        <f t="shared" si="876"/>
        <v>720.84164502803333</v>
      </c>
      <c r="L3758" s="237">
        <f t="shared" si="881"/>
        <v>347.53678956335199</v>
      </c>
      <c r="M3758" s="236">
        <f t="shared" si="877"/>
        <v>24.327261483868849</v>
      </c>
      <c r="N3758" s="236">
        <f t="shared" si="878"/>
        <v>0.99353982016942899</v>
      </c>
      <c r="O3758" s="236">
        <f t="shared" si="882"/>
        <v>2.4133394819428862</v>
      </c>
      <c r="P3758" s="236" t="str">
        <f t="shared" si="883"/>
        <v>SAND</v>
      </c>
      <c r="Q3758" s="236" t="e">
        <f t="shared" si="879"/>
        <v>#N/A</v>
      </c>
      <c r="R3758" s="238">
        <v>35</v>
      </c>
      <c r="S3758" s="236" t="e">
        <f t="shared" si="884"/>
        <v>#N/A</v>
      </c>
      <c r="T3758" s="236">
        <f t="shared" si="870"/>
        <v>32.847025455402566</v>
      </c>
    </row>
    <row r="3759" spans="1:20" x14ac:dyDescent="0.2">
      <c r="A3759" s="53">
        <f t="shared" si="871"/>
        <v>3747</v>
      </c>
      <c r="B3759" s="239">
        <v>37.353000000000002</v>
      </c>
      <c r="C3759" s="3">
        <f t="shared" si="872"/>
        <v>37.346000000000004</v>
      </c>
      <c r="D3759" s="239">
        <v>9.5058000000000007</v>
      </c>
      <c r="E3759" s="239">
        <v>9.7299999999999998E-2</v>
      </c>
      <c r="F3759" s="239">
        <v>0.28589999999999999</v>
      </c>
      <c r="G3759">
        <f t="shared" si="873"/>
        <v>9.5629800000000014</v>
      </c>
      <c r="H3759" s="235">
        <f t="shared" si="874"/>
        <v>1.0174652671029323</v>
      </c>
      <c r="I3759" s="236">
        <f t="shared" si="875"/>
        <v>19.494881645852026</v>
      </c>
      <c r="J3759" s="237">
        <f t="shared" si="880"/>
        <v>9.4948816458520255</v>
      </c>
      <c r="K3759" s="237">
        <f t="shared" si="876"/>
        <v>728.05584994598985</v>
      </c>
      <c r="L3759" s="237">
        <f t="shared" si="881"/>
        <v>354.66231411751073</v>
      </c>
      <c r="M3759" s="236">
        <f t="shared" si="877"/>
        <v>24.910806134104018</v>
      </c>
      <c r="N3759" s="236">
        <f t="shared" si="878"/>
        <v>1.1013110961388972</v>
      </c>
      <c r="O3759" s="236">
        <f t="shared" si="882"/>
        <v>2.42740283366475</v>
      </c>
      <c r="P3759" s="236" t="str">
        <f t="shared" si="883"/>
        <v>SAND</v>
      </c>
      <c r="Q3759" s="236" t="e">
        <f t="shared" si="879"/>
        <v>#N/A</v>
      </c>
      <c r="R3759" s="238">
        <v>35</v>
      </c>
      <c r="S3759" s="236" t="e">
        <f t="shared" si="884"/>
        <v>#N/A</v>
      </c>
      <c r="T3759" s="236">
        <f t="shared" si="870"/>
        <v>32.960265600782364</v>
      </c>
    </row>
    <row r="3760" spans="1:20" x14ac:dyDescent="0.2">
      <c r="A3760" s="53">
        <f t="shared" si="871"/>
        <v>3748</v>
      </c>
      <c r="B3760" s="239">
        <v>37.363</v>
      </c>
      <c r="C3760" s="3">
        <f t="shared" si="872"/>
        <v>37.356000000000002</v>
      </c>
      <c r="D3760" s="239">
        <v>9.6351999999999993</v>
      </c>
      <c r="E3760" s="239">
        <v>0.1046</v>
      </c>
      <c r="F3760" s="239">
        <v>0.3387</v>
      </c>
      <c r="G3760">
        <f t="shared" si="873"/>
        <v>9.7029399999999999</v>
      </c>
      <c r="H3760" s="235">
        <f t="shared" si="874"/>
        <v>1.0780237742374992</v>
      </c>
      <c r="I3760" s="236">
        <f t="shared" si="875"/>
        <v>19.585391613877711</v>
      </c>
      <c r="J3760" s="237">
        <f t="shared" si="880"/>
        <v>9.5853916138777109</v>
      </c>
      <c r="K3760" s="237">
        <f t="shared" si="876"/>
        <v>731.63188912801581</v>
      </c>
      <c r="L3760" s="237">
        <f t="shared" si="881"/>
        <v>358.13898686931293</v>
      </c>
      <c r="M3760" s="236">
        <f t="shared" si="877"/>
        <v>25.049794743920661</v>
      </c>
      <c r="N3760" s="236">
        <f t="shared" si="878"/>
        <v>1.1659392220989406</v>
      </c>
      <c r="O3760" s="236">
        <f t="shared" si="882"/>
        <v>2.4383164401655795</v>
      </c>
      <c r="P3760" s="236" t="str">
        <f t="shared" si="883"/>
        <v>SAND</v>
      </c>
      <c r="Q3760" s="236" t="e">
        <f t="shared" si="879"/>
        <v>#N/A</v>
      </c>
      <c r="R3760" s="238">
        <v>35</v>
      </c>
      <c r="S3760" s="236" t="e">
        <f t="shared" si="884"/>
        <v>#N/A</v>
      </c>
      <c r="T3760" s="236">
        <f t="shared" si="870"/>
        <v>32.986845888067194</v>
      </c>
    </row>
    <row r="3761" spans="1:20" x14ac:dyDescent="0.2">
      <c r="A3761" s="53">
        <f t="shared" si="871"/>
        <v>3749</v>
      </c>
      <c r="B3761" s="239">
        <v>37.372999999999998</v>
      </c>
      <c r="C3761" s="3">
        <f t="shared" si="872"/>
        <v>37.366</v>
      </c>
      <c r="D3761" s="239">
        <v>9.4047000000000001</v>
      </c>
      <c r="E3761" s="239">
        <v>0.10199999999999999</v>
      </c>
      <c r="F3761" s="239">
        <v>0.1978</v>
      </c>
      <c r="G3761">
        <f t="shared" si="873"/>
        <v>9.4442599999999999</v>
      </c>
      <c r="H3761" s="235">
        <f t="shared" si="874"/>
        <v>1.0800210921766236</v>
      </c>
      <c r="I3761" s="236">
        <f t="shared" si="875"/>
        <v>19.545314659348406</v>
      </c>
      <c r="J3761" s="237">
        <f t="shared" si="880"/>
        <v>9.5453146593484064</v>
      </c>
      <c r="K3761" s="237">
        <f t="shared" si="876"/>
        <v>730.3302275612125</v>
      </c>
      <c r="L3761" s="237">
        <f t="shared" si="881"/>
        <v>356.73704476382795</v>
      </c>
      <c r="M3761" s="236">
        <f t="shared" si="877"/>
        <v>24.426758869989811</v>
      </c>
      <c r="N3761" s="236">
        <f t="shared" si="878"/>
        <v>1.1705396148889669</v>
      </c>
      <c r="O3761" s="236">
        <f t="shared" si="882"/>
        <v>2.4485141255029665</v>
      </c>
      <c r="P3761" s="236" t="str">
        <f t="shared" si="883"/>
        <v>SAND</v>
      </c>
      <c r="Q3761" s="236" t="e">
        <f t="shared" si="879"/>
        <v>#N/A</v>
      </c>
      <c r="R3761" s="238">
        <v>35</v>
      </c>
      <c r="S3761" s="236" t="e">
        <f t="shared" si="884"/>
        <v>#N/A</v>
      </c>
      <c r="T3761" s="236">
        <f t="shared" si="870"/>
        <v>32.866524297949567</v>
      </c>
    </row>
    <row r="3762" spans="1:20" x14ac:dyDescent="0.2">
      <c r="A3762" s="53">
        <f t="shared" si="871"/>
        <v>3750</v>
      </c>
      <c r="B3762" s="239">
        <v>37.381999999999998</v>
      </c>
      <c r="C3762" s="3">
        <f t="shared" si="872"/>
        <v>37.375</v>
      </c>
      <c r="D3762" s="239">
        <v>8.7696000000000005</v>
      </c>
      <c r="E3762" s="239">
        <v>9.7900000000000001E-2</v>
      </c>
      <c r="F3762" s="239">
        <v>0.12230000000000001</v>
      </c>
      <c r="G3762">
        <f t="shared" si="873"/>
        <v>8.79406</v>
      </c>
      <c r="H3762" s="235">
        <f t="shared" si="874"/>
        <v>1.1132514447251896</v>
      </c>
      <c r="I3762" s="236">
        <f t="shared" si="875"/>
        <v>19.469326804204321</v>
      </c>
      <c r="J3762" s="237">
        <f t="shared" si="880"/>
        <v>9.4693268042043215</v>
      </c>
      <c r="K3762" s="237">
        <f t="shared" si="876"/>
        <v>727.66608930713653</v>
      </c>
      <c r="L3762" s="237">
        <f t="shared" si="881"/>
        <v>353.98237459476593</v>
      </c>
      <c r="M3762" s="236">
        <f t="shared" si="877"/>
        <v>22.787558052649253</v>
      </c>
      <c r="N3762" s="236">
        <f t="shared" si="878"/>
        <v>1.2136774013753922</v>
      </c>
      <c r="O3762" s="236">
        <f t="shared" si="882"/>
        <v>2.4824395182151733</v>
      </c>
      <c r="P3762" s="236" t="str">
        <f t="shared" si="883"/>
        <v>SAND</v>
      </c>
      <c r="Q3762" s="236" t="e">
        <f t="shared" si="879"/>
        <v>#N/A</v>
      </c>
      <c r="R3762" s="238">
        <v>35</v>
      </c>
      <c r="S3762" s="236" t="e">
        <f t="shared" si="884"/>
        <v>#N/A</v>
      </c>
      <c r="T3762" s="236">
        <f t="shared" si="870"/>
        <v>32.534675668607974</v>
      </c>
    </row>
    <row r="3763" spans="1:20" x14ac:dyDescent="0.2">
      <c r="A3763" s="53">
        <f t="shared" si="871"/>
        <v>3751</v>
      </c>
      <c r="B3763" s="239">
        <v>37.392000000000003</v>
      </c>
      <c r="C3763" s="3">
        <f t="shared" si="872"/>
        <v>37.385000000000005</v>
      </c>
      <c r="D3763" s="239">
        <v>7.9789000000000003</v>
      </c>
      <c r="E3763" s="239">
        <v>9.5699999999999993E-2</v>
      </c>
      <c r="F3763" s="239">
        <v>0.1086</v>
      </c>
      <c r="G3763">
        <f t="shared" si="873"/>
        <v>8.0006199999999996</v>
      </c>
      <c r="H3763" s="235">
        <f t="shared" si="874"/>
        <v>1.1961572978094197</v>
      </c>
      <c r="I3763" s="236">
        <f t="shared" si="875"/>
        <v>19.40571656553907</v>
      </c>
      <c r="J3763" s="237">
        <f t="shared" si="880"/>
        <v>9.4057165655390698</v>
      </c>
      <c r="K3763" s="237">
        <f t="shared" si="876"/>
        <v>725.48271380267818</v>
      </c>
      <c r="L3763" s="237">
        <f t="shared" si="881"/>
        <v>351.69855381863692</v>
      </c>
      <c r="M3763" s="236">
        <f t="shared" si="877"/>
        <v>20.68571851435291</v>
      </c>
      <c r="N3763" s="236">
        <f t="shared" si="878"/>
        <v>1.3154390939338809</v>
      </c>
      <c r="O3763" s="236">
        <f t="shared" si="882"/>
        <v>2.5365814745599282</v>
      </c>
      <c r="P3763" s="236" t="str">
        <f t="shared" si="883"/>
        <v>SAND</v>
      </c>
      <c r="Q3763" s="236" t="e">
        <f t="shared" si="879"/>
        <v>#N/A</v>
      </c>
      <c r="R3763" s="238">
        <v>35</v>
      </c>
      <c r="S3763" s="236" t="e">
        <f t="shared" si="884"/>
        <v>#N/A</v>
      </c>
      <c r="T3763" s="236">
        <f t="shared" si="870"/>
        <v>32.072376716893729</v>
      </c>
    </row>
    <row r="3764" spans="1:20" x14ac:dyDescent="0.2">
      <c r="A3764" s="53">
        <f t="shared" si="871"/>
        <v>3752</v>
      </c>
      <c r="B3764" s="239">
        <v>37.402000000000001</v>
      </c>
      <c r="C3764" s="3">
        <f t="shared" si="872"/>
        <v>37.395000000000003</v>
      </c>
      <c r="D3764" s="239">
        <v>7.1237000000000004</v>
      </c>
      <c r="E3764" s="239">
        <v>9.3200000000000005E-2</v>
      </c>
      <c r="F3764" s="239">
        <v>0.17230000000000001</v>
      </c>
      <c r="G3764">
        <f t="shared" si="873"/>
        <v>7.1581600000000005</v>
      </c>
      <c r="H3764" s="235">
        <f t="shared" si="874"/>
        <v>1.3020105725493702</v>
      </c>
      <c r="I3764" s="236">
        <f t="shared" si="875"/>
        <v>19.331187279143801</v>
      </c>
      <c r="J3764" s="237">
        <f t="shared" si="880"/>
        <v>9.3311872791438013</v>
      </c>
      <c r="K3764" s="237">
        <f t="shared" si="876"/>
        <v>722.88974830358256</v>
      </c>
      <c r="L3764" s="237">
        <f t="shared" si="881"/>
        <v>349.00506661453647</v>
      </c>
      <c r="M3764" s="236">
        <f t="shared" si="877"/>
        <v>18.438902088501603</v>
      </c>
      <c r="N3764" s="236">
        <f t="shared" si="878"/>
        <v>1.4482686251666168</v>
      </c>
      <c r="O3764" s="236">
        <f t="shared" si="882"/>
        <v>2.6010629043507452</v>
      </c>
      <c r="P3764" s="236" t="str">
        <f t="shared" si="883"/>
        <v>CLAY</v>
      </c>
      <c r="Q3764" s="236">
        <f t="shared" si="879"/>
        <v>536.27252097470148</v>
      </c>
      <c r="R3764" s="238">
        <v>35</v>
      </c>
      <c r="S3764" s="236">
        <f t="shared" si="884"/>
        <v>9.5523193104367561</v>
      </c>
      <c r="T3764" s="236" t="e">
        <f t="shared" si="870"/>
        <v>#N/A</v>
      </c>
    </row>
    <row r="3765" spans="1:20" x14ac:dyDescent="0.2">
      <c r="A3765" s="53">
        <f t="shared" si="871"/>
        <v>3753</v>
      </c>
      <c r="B3765" s="239">
        <v>37.411000000000001</v>
      </c>
      <c r="C3765" s="3">
        <f t="shared" si="872"/>
        <v>37.404000000000003</v>
      </c>
      <c r="D3765" s="239">
        <v>6.4733000000000001</v>
      </c>
      <c r="E3765" s="239">
        <v>9.1300000000000006E-2</v>
      </c>
      <c r="F3765" s="239">
        <v>0.29830000000000001</v>
      </c>
      <c r="G3765">
        <f t="shared" si="873"/>
        <v>6.5329600000000001</v>
      </c>
      <c r="H3765" s="235">
        <f t="shared" si="874"/>
        <v>1.3975288383826014</v>
      </c>
      <c r="I3765" s="236">
        <f t="shared" si="875"/>
        <v>19.271313152915273</v>
      </c>
      <c r="J3765" s="237">
        <f t="shared" si="880"/>
        <v>9.2713131529152726</v>
      </c>
      <c r="K3765" s="237">
        <f t="shared" si="876"/>
        <v>720.82419717164294</v>
      </c>
      <c r="L3765" s="237">
        <f t="shared" si="881"/>
        <v>346.84909636371327</v>
      </c>
      <c r="M3765" s="236">
        <f t="shared" si="877"/>
        <v>16.756958180838474</v>
      </c>
      <c r="N3765" s="236">
        <f t="shared" si="878"/>
        <v>1.5708511138981081</v>
      </c>
      <c r="O3765" s="236">
        <f t="shared" si="882"/>
        <v>2.6550099190983345</v>
      </c>
      <c r="P3765" s="236" t="str">
        <f t="shared" si="883"/>
        <v>CLAY</v>
      </c>
      <c r="Q3765" s="236">
        <f t="shared" si="879"/>
        <v>484.34465023569646</v>
      </c>
      <c r="R3765" s="238">
        <v>35</v>
      </c>
      <c r="S3765" s="236">
        <f t="shared" si="884"/>
        <v>8.4758642216205224</v>
      </c>
      <c r="T3765" s="236" t="e">
        <f t="shared" si="870"/>
        <v>#N/A</v>
      </c>
    </row>
    <row r="3766" spans="1:20" x14ac:dyDescent="0.2">
      <c r="A3766" s="53">
        <f t="shared" si="871"/>
        <v>3754</v>
      </c>
      <c r="B3766" s="239">
        <v>37.420999999999999</v>
      </c>
      <c r="C3766" s="3">
        <f t="shared" si="872"/>
        <v>37.414000000000001</v>
      </c>
      <c r="D3766" s="239">
        <v>6.3074000000000003</v>
      </c>
      <c r="E3766" s="239">
        <v>9.7600000000000006E-2</v>
      </c>
      <c r="F3766" s="239">
        <v>0.41310000000000002</v>
      </c>
      <c r="G3766">
        <f t="shared" si="873"/>
        <v>6.3900200000000007</v>
      </c>
      <c r="H3766" s="235">
        <f t="shared" si="874"/>
        <v>1.5273817609334555</v>
      </c>
      <c r="I3766" s="236">
        <f t="shared" si="875"/>
        <v>19.340909557787938</v>
      </c>
      <c r="J3766" s="237">
        <f t="shared" si="880"/>
        <v>9.3409095577879384</v>
      </c>
      <c r="K3766" s="237">
        <f t="shared" si="876"/>
        <v>723.62079019507792</v>
      </c>
      <c r="L3766" s="237">
        <f t="shared" si="881"/>
        <v>349.54617656198246</v>
      </c>
      <c r="M3766" s="236">
        <f t="shared" si="877"/>
        <v>16.210731484857597</v>
      </c>
      <c r="N3766" s="236">
        <f t="shared" si="878"/>
        <v>1.7224342370921673</v>
      </c>
      <c r="O3766" s="236">
        <f t="shared" si="882"/>
        <v>2.6886508972804202</v>
      </c>
      <c r="P3766" s="236" t="str">
        <f t="shared" si="883"/>
        <v>CLAY</v>
      </c>
      <c r="Q3766" s="236">
        <f t="shared" si="879"/>
        <v>472.19993415041017</v>
      </c>
      <c r="R3766" s="238">
        <v>35</v>
      </c>
      <c r="S3766" s="236">
        <f t="shared" si="884"/>
        <v>8.1319233029124263</v>
      </c>
      <c r="T3766" s="236" t="e">
        <f t="shared" si="870"/>
        <v>#N/A</v>
      </c>
    </row>
    <row r="3767" spans="1:20" x14ac:dyDescent="0.2">
      <c r="A3767" s="53">
        <f t="shared" si="871"/>
        <v>3755</v>
      </c>
      <c r="B3767" s="239">
        <v>37.430999999999997</v>
      </c>
      <c r="C3767" s="3">
        <f t="shared" si="872"/>
        <v>37.423999999999999</v>
      </c>
      <c r="D3767" s="239">
        <v>6.6082000000000001</v>
      </c>
      <c r="E3767" s="239">
        <v>0.1236</v>
      </c>
      <c r="F3767" s="239">
        <v>0.44350000000000001</v>
      </c>
      <c r="G3767">
        <f t="shared" si="873"/>
        <v>6.6969000000000003</v>
      </c>
      <c r="H3767" s="235">
        <f t="shared" si="874"/>
        <v>1.8456300676432378</v>
      </c>
      <c r="I3767" s="236">
        <f t="shared" si="875"/>
        <v>19.63617935799423</v>
      </c>
      <c r="J3767" s="237">
        <f t="shared" si="880"/>
        <v>9.6361793579942301</v>
      </c>
      <c r="K3767" s="237">
        <f t="shared" si="876"/>
        <v>734.86437629357602</v>
      </c>
      <c r="L3767" s="237">
        <f t="shared" si="881"/>
        <v>360.691829549082</v>
      </c>
      <c r="M3767" s="236">
        <f t="shared" si="877"/>
        <v>16.529444626344457</v>
      </c>
      <c r="N3767" s="236">
        <f t="shared" si="878"/>
        <v>2.0731174350676134</v>
      </c>
      <c r="O3767" s="236">
        <f t="shared" si="882"/>
        <v>2.7260876503879317</v>
      </c>
      <c r="P3767" s="236" t="str">
        <f t="shared" si="883"/>
        <v>CLAY</v>
      </c>
      <c r="Q3767" s="236">
        <f t="shared" si="879"/>
        <v>496.83630197553538</v>
      </c>
      <c r="R3767" s="238">
        <v>35</v>
      </c>
      <c r="S3767" s="236">
        <f t="shared" si="884"/>
        <v>8.3322604387619794</v>
      </c>
      <c r="T3767" s="236" t="e">
        <f t="shared" si="870"/>
        <v>#N/A</v>
      </c>
    </row>
    <row r="3768" spans="1:20" x14ac:dyDescent="0.2">
      <c r="A3768" s="53">
        <f t="shared" si="871"/>
        <v>3756</v>
      </c>
      <c r="B3768" s="239">
        <v>37.441000000000003</v>
      </c>
      <c r="C3768" s="3">
        <f t="shared" si="872"/>
        <v>37.434000000000005</v>
      </c>
      <c r="D3768" s="239">
        <v>7.0529999999999999</v>
      </c>
      <c r="E3768" s="239">
        <v>0.15570000000000001</v>
      </c>
      <c r="F3768" s="239">
        <v>0.41349999999999998</v>
      </c>
      <c r="G3768">
        <f t="shared" si="873"/>
        <v>7.1356999999999999</v>
      </c>
      <c r="H3768" s="235">
        <f t="shared" si="874"/>
        <v>2.1819863503230237</v>
      </c>
      <c r="I3768" s="236">
        <f t="shared" si="875"/>
        <v>19.931715233096018</v>
      </c>
      <c r="J3768" s="237">
        <f t="shared" si="880"/>
        <v>9.9317152330960177</v>
      </c>
      <c r="K3768" s="237">
        <f t="shared" si="876"/>
        <v>746.12382803571643</v>
      </c>
      <c r="L3768" s="237">
        <f t="shared" si="881"/>
        <v>371.85335004234804</v>
      </c>
      <c r="M3768" s="236">
        <f t="shared" si="877"/>
        <v>17.183053941121184</v>
      </c>
      <c r="N3768" s="236">
        <f t="shared" si="878"/>
        <v>2.4367813421361051</v>
      </c>
      <c r="O3768" s="236">
        <f t="shared" si="882"/>
        <v>2.7525689618961442</v>
      </c>
      <c r="P3768" s="236" t="str">
        <f t="shared" si="883"/>
        <v>CLAY</v>
      </c>
      <c r="Q3768" s="236">
        <f t="shared" si="879"/>
        <v>532.46468099702361</v>
      </c>
      <c r="R3768" s="238">
        <v>35</v>
      </c>
      <c r="S3768" s="236">
        <f t="shared" si="884"/>
        <v>8.7461203773351688</v>
      </c>
      <c r="T3768" s="236" t="e">
        <f t="shared" si="870"/>
        <v>#N/A</v>
      </c>
    </row>
    <row r="3769" spans="1:20" x14ac:dyDescent="0.2">
      <c r="A3769" s="53">
        <f t="shared" si="871"/>
        <v>3757</v>
      </c>
      <c r="B3769" s="239">
        <v>37.451000000000001</v>
      </c>
      <c r="C3769" s="3">
        <f t="shared" si="872"/>
        <v>37.444000000000003</v>
      </c>
      <c r="D3769" s="239">
        <v>7.9358000000000004</v>
      </c>
      <c r="E3769" s="239">
        <v>0.1681</v>
      </c>
      <c r="F3769" s="239">
        <v>0.42330000000000001</v>
      </c>
      <c r="G3769">
        <f t="shared" si="873"/>
        <v>8.0204599999999999</v>
      </c>
      <c r="H3769" s="235">
        <f t="shared" si="874"/>
        <v>2.0958897619338543</v>
      </c>
      <c r="I3769" s="236">
        <f t="shared" si="875"/>
        <v>20.067255230174609</v>
      </c>
      <c r="J3769" s="237">
        <f t="shared" si="880"/>
        <v>10.067255230174609</v>
      </c>
      <c r="K3769" s="237">
        <f t="shared" si="876"/>
        <v>751.39830483865808</v>
      </c>
      <c r="L3769" s="237">
        <f t="shared" si="881"/>
        <v>377.0287756252693</v>
      </c>
      <c r="M3769" s="236">
        <f t="shared" si="877"/>
        <v>19.279859164877369</v>
      </c>
      <c r="N3769" s="236">
        <f t="shared" si="878"/>
        <v>2.3125405595593711</v>
      </c>
      <c r="O3769" s="236">
        <f t="shared" si="882"/>
        <v>2.6987238189384448</v>
      </c>
      <c r="P3769" s="236" t="str">
        <f t="shared" si="883"/>
        <v>CLAY</v>
      </c>
      <c r="Q3769" s="236">
        <f t="shared" si="879"/>
        <v>605.75514126344513</v>
      </c>
      <c r="R3769" s="238">
        <v>35</v>
      </c>
      <c r="S3769" s="236">
        <f t="shared" si="884"/>
        <v>10.099964100317758</v>
      </c>
      <c r="T3769" s="236" t="e">
        <f t="shared" si="870"/>
        <v>#N/A</v>
      </c>
    </row>
    <row r="3770" spans="1:20" x14ac:dyDescent="0.2">
      <c r="A3770" s="53">
        <f t="shared" si="871"/>
        <v>3758</v>
      </c>
      <c r="B3770" s="239">
        <v>37.46</v>
      </c>
      <c r="C3770" s="3">
        <f t="shared" si="872"/>
        <v>37.453000000000003</v>
      </c>
      <c r="D3770" s="239">
        <v>9.0992999999999995</v>
      </c>
      <c r="E3770" s="239">
        <v>0.17680000000000001</v>
      </c>
      <c r="F3770" s="239">
        <v>0.48220000000000002</v>
      </c>
      <c r="G3770">
        <f t="shared" si="873"/>
        <v>9.1957399999999989</v>
      </c>
      <c r="H3770" s="235">
        <f t="shared" si="874"/>
        <v>1.9226293914355999</v>
      </c>
      <c r="I3770" s="236">
        <f t="shared" si="875"/>
        <v>20.179873173401308</v>
      </c>
      <c r="J3770" s="237">
        <f t="shared" si="880"/>
        <v>10.179873173401308</v>
      </c>
      <c r="K3770" s="237">
        <f t="shared" si="876"/>
        <v>755.79678996339931</v>
      </c>
      <c r="L3770" s="237">
        <f t="shared" si="881"/>
        <v>381.33804907561301</v>
      </c>
      <c r="M3770" s="236">
        <f t="shared" si="877"/>
        <v>22.132444508214025</v>
      </c>
      <c r="N3770" s="236">
        <f t="shared" si="878"/>
        <v>2.0948008250784582</v>
      </c>
      <c r="O3770" s="236">
        <f t="shared" si="882"/>
        <v>2.6249992480856479</v>
      </c>
      <c r="P3770" s="236" t="str">
        <f t="shared" si="883"/>
        <v>CLAY</v>
      </c>
      <c r="Q3770" s="236">
        <f t="shared" si="879"/>
        <v>703.32860083638343</v>
      </c>
      <c r="R3770" s="238">
        <v>35</v>
      </c>
      <c r="S3770" s="236">
        <f t="shared" si="884"/>
        <v>12.001257073641593</v>
      </c>
      <c r="T3770" s="236" t="e">
        <f t="shared" si="870"/>
        <v>#N/A</v>
      </c>
    </row>
    <row r="3771" spans="1:20" x14ac:dyDescent="0.2">
      <c r="A3771" s="53">
        <f t="shared" si="871"/>
        <v>3759</v>
      </c>
      <c r="B3771" s="239">
        <v>37.47</v>
      </c>
      <c r="C3771" s="3">
        <f t="shared" si="872"/>
        <v>37.463000000000001</v>
      </c>
      <c r="D3771" s="239">
        <v>10.282299999999999</v>
      </c>
      <c r="E3771" s="239">
        <v>0.1757</v>
      </c>
      <c r="F3771" s="239">
        <v>0.54190000000000005</v>
      </c>
      <c r="G3771">
        <f t="shared" si="873"/>
        <v>10.39068</v>
      </c>
      <c r="H3771" s="235">
        <f t="shared" si="874"/>
        <v>1.6909384178898781</v>
      </c>
      <c r="I3771" s="236">
        <f t="shared" si="875"/>
        <v>20.220306383541331</v>
      </c>
      <c r="J3771" s="237">
        <f t="shared" si="880"/>
        <v>10.220306383541331</v>
      </c>
      <c r="K3771" s="237">
        <f t="shared" si="876"/>
        <v>757.51333804660885</v>
      </c>
      <c r="L3771" s="237">
        <f t="shared" si="881"/>
        <v>382.95488019129368</v>
      </c>
      <c r="M3771" s="236">
        <f t="shared" si="877"/>
        <v>25.154834577748247</v>
      </c>
      <c r="N3771" s="236">
        <f t="shared" si="878"/>
        <v>1.8239069889025665</v>
      </c>
      <c r="O3771" s="236">
        <f t="shared" si="882"/>
        <v>2.544738980451394</v>
      </c>
      <c r="P3771" s="236" t="str">
        <f t="shared" si="883"/>
        <v>SAND</v>
      </c>
      <c r="Q3771" s="236" t="e">
        <f t="shared" si="879"/>
        <v>#N/A</v>
      </c>
      <c r="R3771" s="238">
        <v>35</v>
      </c>
      <c r="S3771" s="236" t="e">
        <f t="shared" si="884"/>
        <v>#N/A</v>
      </c>
      <c r="T3771" s="236">
        <f t="shared" si="870"/>
        <v>33.006836122486128</v>
      </c>
    </row>
    <row r="3772" spans="1:20" x14ac:dyDescent="0.2">
      <c r="A3772" s="53">
        <f t="shared" si="871"/>
        <v>3760</v>
      </c>
      <c r="B3772" s="239">
        <v>37.479999999999997</v>
      </c>
      <c r="C3772" s="3">
        <f t="shared" si="872"/>
        <v>37.472999999999999</v>
      </c>
      <c r="D3772" s="239">
        <v>11.177</v>
      </c>
      <c r="E3772" s="239">
        <v>0.17979999999999999</v>
      </c>
      <c r="F3772" s="239">
        <v>0.3261</v>
      </c>
      <c r="G3772">
        <f t="shared" si="873"/>
        <v>11.24222</v>
      </c>
      <c r="H3772" s="235">
        <f t="shared" si="874"/>
        <v>1.599328246556285</v>
      </c>
      <c r="I3772" s="236">
        <f t="shared" si="875"/>
        <v>20.278142082163523</v>
      </c>
      <c r="J3772" s="237">
        <f t="shared" si="880"/>
        <v>10.278142082163523</v>
      </c>
      <c r="K3772" s="237">
        <f t="shared" si="876"/>
        <v>759.88281824491366</v>
      </c>
      <c r="L3772" s="237">
        <f t="shared" si="881"/>
        <v>385.22476523948882</v>
      </c>
      <c r="M3772" s="236">
        <f t="shared" si="877"/>
        <v>27.210963903731276</v>
      </c>
      <c r="N3772" s="236">
        <f t="shared" si="878"/>
        <v>1.7152663273697097</v>
      </c>
      <c r="O3772" s="236">
        <f t="shared" si="882"/>
        <v>2.5014690839771214</v>
      </c>
      <c r="P3772" s="236" t="str">
        <f t="shared" si="883"/>
        <v>SAND</v>
      </c>
      <c r="Q3772" s="236" t="e">
        <f t="shared" si="879"/>
        <v>#N/A</v>
      </c>
      <c r="R3772" s="238">
        <v>35</v>
      </c>
      <c r="S3772" s="236" t="e">
        <f t="shared" si="884"/>
        <v>#N/A</v>
      </c>
      <c r="T3772" s="236">
        <f t="shared" si="870"/>
        <v>33.382183188435391</v>
      </c>
    </row>
    <row r="3773" spans="1:20" x14ac:dyDescent="0.2">
      <c r="A3773" s="53">
        <f t="shared" si="871"/>
        <v>3761</v>
      </c>
      <c r="B3773" s="239">
        <v>37.488</v>
      </c>
      <c r="C3773" s="3">
        <f t="shared" si="872"/>
        <v>37.481000000000002</v>
      </c>
      <c r="D3773" s="239">
        <v>12.041700000000001</v>
      </c>
      <c r="E3773" s="239">
        <v>0.17280000000000001</v>
      </c>
      <c r="F3773" s="239">
        <v>0.1678</v>
      </c>
      <c r="G3773">
        <f t="shared" si="873"/>
        <v>12.07526</v>
      </c>
      <c r="H3773" s="235">
        <f t="shared" si="874"/>
        <v>1.4310250876585682</v>
      </c>
      <c r="I3773" s="236">
        <f t="shared" si="875"/>
        <v>20.259517988900345</v>
      </c>
      <c r="J3773" s="237">
        <f t="shared" si="880"/>
        <v>10.259517988900345</v>
      </c>
      <c r="K3773" s="237">
        <f t="shared" si="876"/>
        <v>759.34699374197385</v>
      </c>
      <c r="L3773" s="237">
        <f t="shared" si="881"/>
        <v>384.60881036789613</v>
      </c>
      <c r="M3773" s="236">
        <f t="shared" si="877"/>
        <v>29.421876725688712</v>
      </c>
      <c r="N3773" s="236">
        <f t="shared" si="878"/>
        <v>1.5270530968595872</v>
      </c>
      <c r="O3773" s="236">
        <f t="shared" si="882"/>
        <v>2.4446117734542168</v>
      </c>
      <c r="P3773" s="236" t="str">
        <f t="shared" si="883"/>
        <v>SAND</v>
      </c>
      <c r="Q3773" s="236" t="e">
        <f t="shared" si="879"/>
        <v>#N/A</v>
      </c>
      <c r="R3773" s="238">
        <v>35</v>
      </c>
      <c r="S3773" s="236" t="e">
        <f t="shared" si="884"/>
        <v>#N/A</v>
      </c>
      <c r="T3773" s="236">
        <f t="shared" si="870"/>
        <v>33.755374086561176</v>
      </c>
    </row>
    <row r="3774" spans="1:20" x14ac:dyDescent="0.2">
      <c r="A3774" s="53">
        <f t="shared" si="871"/>
        <v>3762</v>
      </c>
      <c r="B3774" s="239">
        <v>37.499000000000002</v>
      </c>
      <c r="C3774" s="3">
        <f t="shared" si="872"/>
        <v>37.492000000000004</v>
      </c>
      <c r="D3774" s="239">
        <v>12.6313</v>
      </c>
      <c r="E3774" s="239">
        <v>0.16009999999999999</v>
      </c>
      <c r="F3774" s="239">
        <v>0.15390000000000001</v>
      </c>
      <c r="G3774">
        <f t="shared" si="873"/>
        <v>12.66208</v>
      </c>
      <c r="H3774" s="235">
        <f t="shared" si="874"/>
        <v>1.2644052162046047</v>
      </c>
      <c r="I3774" s="236">
        <f t="shared" si="875"/>
        <v>20.188554198354794</v>
      </c>
      <c r="J3774" s="237">
        <f t="shared" si="880"/>
        <v>10.188554198354794</v>
      </c>
      <c r="K3774" s="237">
        <f t="shared" si="876"/>
        <v>756.90927400471799</v>
      </c>
      <c r="L3774" s="237">
        <f t="shared" si="881"/>
        <v>382.06059388410642</v>
      </c>
      <c r="M3774" s="236">
        <f t="shared" si="877"/>
        <v>31.160425640773031</v>
      </c>
      <c r="N3774" s="236">
        <f t="shared" si="878"/>
        <v>1.3447938184575299</v>
      </c>
      <c r="O3774" s="236">
        <f t="shared" si="882"/>
        <v>2.3927005250329185</v>
      </c>
      <c r="P3774" s="236" t="str">
        <f t="shared" si="883"/>
        <v>SAND</v>
      </c>
      <c r="Q3774" s="236" t="e">
        <f t="shared" si="879"/>
        <v>#N/A</v>
      </c>
      <c r="R3774" s="238">
        <v>35</v>
      </c>
      <c r="S3774" s="236" t="e">
        <f t="shared" si="884"/>
        <v>#N/A</v>
      </c>
      <c r="T3774" s="236">
        <f t="shared" si="870"/>
        <v>34.029637194908915</v>
      </c>
    </row>
    <row r="3775" spans="1:20" x14ac:dyDescent="0.2">
      <c r="A3775" s="53">
        <f t="shared" si="871"/>
        <v>3763</v>
      </c>
      <c r="B3775" s="239">
        <v>37.508000000000003</v>
      </c>
      <c r="C3775" s="3">
        <f t="shared" si="872"/>
        <v>37.501000000000005</v>
      </c>
      <c r="D3775" s="239">
        <v>13.1114</v>
      </c>
      <c r="E3775" s="239">
        <v>0.1462</v>
      </c>
      <c r="F3775" s="239">
        <v>0.1419</v>
      </c>
      <c r="G3775">
        <f t="shared" si="873"/>
        <v>13.13978</v>
      </c>
      <c r="H3775" s="235">
        <f t="shared" si="874"/>
        <v>1.112651809999863</v>
      </c>
      <c r="I3775" s="236">
        <f t="shared" si="875"/>
        <v>20.096530244944635</v>
      </c>
      <c r="J3775" s="237">
        <f t="shared" si="880"/>
        <v>10.096530244944635</v>
      </c>
      <c r="K3775" s="237">
        <f t="shared" si="876"/>
        <v>753.6399807156688</v>
      </c>
      <c r="L3775" s="237">
        <f t="shared" si="881"/>
        <v>378.70065642738336</v>
      </c>
      <c r="M3775" s="236">
        <f t="shared" si="877"/>
        <v>32.706940981126607</v>
      </c>
      <c r="N3775" s="236">
        <f t="shared" si="878"/>
        <v>1.1803515846936743</v>
      </c>
      <c r="O3775" s="236">
        <f t="shared" si="882"/>
        <v>2.3436566385161033</v>
      </c>
      <c r="P3775" s="236" t="str">
        <f t="shared" si="883"/>
        <v>SAND</v>
      </c>
      <c r="Q3775" s="236" t="e">
        <f t="shared" si="879"/>
        <v>#N/A</v>
      </c>
      <c r="R3775" s="238">
        <v>35</v>
      </c>
      <c r="S3775" s="236" t="e">
        <f t="shared" si="884"/>
        <v>#N/A</v>
      </c>
      <c r="T3775" s="236">
        <f t="shared" si="870"/>
        <v>34.261039200032172</v>
      </c>
    </row>
    <row r="3776" spans="1:20" x14ac:dyDescent="0.2">
      <c r="A3776" s="53">
        <f t="shared" si="871"/>
        <v>3764</v>
      </c>
      <c r="B3776" s="239">
        <v>37.518000000000001</v>
      </c>
      <c r="C3776" s="3">
        <f t="shared" si="872"/>
        <v>37.511000000000003</v>
      </c>
      <c r="D3776" s="239">
        <v>13.456300000000001</v>
      </c>
      <c r="E3776" s="239">
        <v>0.1391</v>
      </c>
      <c r="F3776" s="239">
        <v>0.14660000000000001</v>
      </c>
      <c r="G3776">
        <f t="shared" si="873"/>
        <v>13.485620000000001</v>
      </c>
      <c r="H3776" s="235">
        <f t="shared" si="874"/>
        <v>1.0314690759490479</v>
      </c>
      <c r="I3776" s="236">
        <f t="shared" si="875"/>
        <v>20.048310131464071</v>
      </c>
      <c r="J3776" s="237">
        <f t="shared" si="880"/>
        <v>10.048310131464071</v>
      </c>
      <c r="K3776" s="237">
        <f t="shared" si="876"/>
        <v>752.0321613413488</v>
      </c>
      <c r="L3776" s="237">
        <f t="shared" si="881"/>
        <v>376.99249951226903</v>
      </c>
      <c r="M3776" s="236">
        <f t="shared" si="877"/>
        <v>33.776767058051888</v>
      </c>
      <c r="N3776" s="236">
        <f t="shared" si="878"/>
        <v>1.0923865430738859</v>
      </c>
      <c r="O3776" s="236">
        <f t="shared" si="882"/>
        <v>2.3135416099615709</v>
      </c>
      <c r="P3776" s="236" t="str">
        <f t="shared" si="883"/>
        <v>SAND</v>
      </c>
      <c r="Q3776" s="236" t="e">
        <f t="shared" si="879"/>
        <v>#N/A</v>
      </c>
      <c r="R3776" s="238">
        <v>35</v>
      </c>
      <c r="S3776" s="236" t="e">
        <f t="shared" si="884"/>
        <v>#N/A</v>
      </c>
      <c r="T3776" s="236">
        <f t="shared" si="870"/>
        <v>34.4147988661922</v>
      </c>
    </row>
    <row r="3777" spans="1:20" x14ac:dyDescent="0.2">
      <c r="A3777" s="53">
        <f t="shared" si="871"/>
        <v>3765</v>
      </c>
      <c r="B3777" s="239">
        <v>37.527000000000001</v>
      </c>
      <c r="C3777" s="3">
        <f t="shared" si="872"/>
        <v>37.520000000000003</v>
      </c>
      <c r="D3777" s="239">
        <v>13.620900000000001</v>
      </c>
      <c r="E3777" s="239">
        <v>0.13730000000000001</v>
      </c>
      <c r="F3777" s="239">
        <v>0.17710000000000001</v>
      </c>
      <c r="G3777">
        <f t="shared" si="873"/>
        <v>13.656320000000001</v>
      </c>
      <c r="H3777" s="235">
        <f t="shared" si="874"/>
        <v>1.0053953041522168</v>
      </c>
      <c r="I3777" s="236">
        <f t="shared" si="875"/>
        <v>20.037953821220764</v>
      </c>
      <c r="J3777" s="237">
        <f t="shared" si="880"/>
        <v>10.037953821220764</v>
      </c>
      <c r="K3777" s="237">
        <f t="shared" si="876"/>
        <v>751.82402737220309</v>
      </c>
      <c r="L3777" s="237">
        <f t="shared" si="881"/>
        <v>376.69429304895164</v>
      </c>
      <c r="M3777" s="236">
        <f t="shared" si="877"/>
        <v>34.257211247293448</v>
      </c>
      <c r="N3777" s="236">
        <f t="shared" si="878"/>
        <v>1.0639702650241598</v>
      </c>
      <c r="O3777" s="236">
        <f t="shared" si="882"/>
        <v>2.3021767860601186</v>
      </c>
      <c r="P3777" s="236" t="str">
        <f t="shared" si="883"/>
        <v>SAND</v>
      </c>
      <c r="Q3777" s="236" t="e">
        <f t="shared" si="879"/>
        <v>#N/A</v>
      </c>
      <c r="R3777" s="238">
        <v>35</v>
      </c>
      <c r="S3777" s="236" t="e">
        <f t="shared" si="884"/>
        <v>#N/A</v>
      </c>
      <c r="T3777" s="236">
        <f t="shared" si="870"/>
        <v>34.48227206339245</v>
      </c>
    </row>
    <row r="3778" spans="1:20" x14ac:dyDescent="0.2">
      <c r="A3778" s="53">
        <f t="shared" si="871"/>
        <v>3766</v>
      </c>
      <c r="B3778" s="239">
        <v>37.537999999999997</v>
      </c>
      <c r="C3778" s="3">
        <f t="shared" si="872"/>
        <v>37.530999999999999</v>
      </c>
      <c r="D3778" s="239">
        <v>13.402200000000001</v>
      </c>
      <c r="E3778" s="239">
        <v>0.12889999999999999</v>
      </c>
      <c r="F3778" s="239">
        <v>0.22550000000000001</v>
      </c>
      <c r="G3778">
        <f t="shared" si="873"/>
        <v>13.4473</v>
      </c>
      <c r="H3778" s="235">
        <f t="shared" si="874"/>
        <v>0.95855673629650551</v>
      </c>
      <c r="I3778" s="236">
        <f t="shared" si="875"/>
        <v>19.957897515651958</v>
      </c>
      <c r="J3778" s="237">
        <f t="shared" si="880"/>
        <v>9.9578975156519576</v>
      </c>
      <c r="K3778" s="237">
        <f t="shared" si="876"/>
        <v>749.03985165993356</v>
      </c>
      <c r="L3778" s="237">
        <f t="shared" si="881"/>
        <v>373.79955694254318</v>
      </c>
      <c r="M3778" s="236">
        <f t="shared" si="877"/>
        <v>33.970773674009251</v>
      </c>
      <c r="N3778" s="236">
        <f t="shared" si="878"/>
        <v>1.0150996947156572</v>
      </c>
      <c r="O3778" s="236">
        <f t="shared" si="882"/>
        <v>2.2942614731396924</v>
      </c>
      <c r="P3778" s="236" t="str">
        <f t="shared" si="883"/>
        <v>SAND</v>
      </c>
      <c r="Q3778" s="236" t="e">
        <f t="shared" si="879"/>
        <v>#N/A</v>
      </c>
      <c r="R3778" s="238">
        <v>35</v>
      </c>
      <c r="S3778" s="236" t="e">
        <f t="shared" si="884"/>
        <v>#N/A</v>
      </c>
      <c r="T3778" s="236">
        <f t="shared" si="870"/>
        <v>34.442159816977281</v>
      </c>
    </row>
    <row r="3779" spans="1:20" x14ac:dyDescent="0.2">
      <c r="A3779" s="53">
        <f t="shared" si="871"/>
        <v>3767</v>
      </c>
      <c r="B3779" s="239">
        <v>37.548000000000002</v>
      </c>
      <c r="C3779" s="3">
        <f t="shared" si="872"/>
        <v>37.541000000000004</v>
      </c>
      <c r="D3779" s="239">
        <v>12.9817</v>
      </c>
      <c r="E3779" s="239">
        <v>0.12089999999999999</v>
      </c>
      <c r="F3779" s="239">
        <v>0.24829999999999999</v>
      </c>
      <c r="G3779">
        <f t="shared" si="873"/>
        <v>13.031359999999999</v>
      </c>
      <c r="H3779" s="235">
        <f t="shared" si="874"/>
        <v>0.92776195270485962</v>
      </c>
      <c r="I3779" s="236">
        <f t="shared" si="875"/>
        <v>19.870484835069405</v>
      </c>
      <c r="J3779" s="237">
        <f t="shared" si="880"/>
        <v>9.870484835069405</v>
      </c>
      <c r="K3779" s="237">
        <f t="shared" si="876"/>
        <v>745.95787119334057</v>
      </c>
      <c r="L3779" s="237">
        <f t="shared" si="881"/>
        <v>370.61696458718603</v>
      </c>
      <c r="M3779" s="236">
        <f t="shared" si="877"/>
        <v>33.148515320907741</v>
      </c>
      <c r="N3779" s="236">
        <f t="shared" si="878"/>
        <v>0.98409477144028656</v>
      </c>
      <c r="O3779" s="236">
        <f t="shared" si="882"/>
        <v>2.2961160416430606</v>
      </c>
      <c r="P3779" s="236" t="str">
        <f t="shared" si="883"/>
        <v>SAND</v>
      </c>
      <c r="Q3779" s="236" t="e">
        <f t="shared" si="879"/>
        <v>#N/A</v>
      </c>
      <c r="R3779" s="238">
        <v>35</v>
      </c>
      <c r="S3779" s="236" t="e">
        <f t="shared" si="884"/>
        <v>#N/A</v>
      </c>
      <c r="T3779" s="236">
        <f t="shared" si="870"/>
        <v>34.325104898575802</v>
      </c>
    </row>
    <row r="3780" spans="1:20" x14ac:dyDescent="0.2">
      <c r="A3780" s="53">
        <f t="shared" si="871"/>
        <v>3768</v>
      </c>
      <c r="B3780" s="239">
        <v>37.555999999999997</v>
      </c>
      <c r="C3780" s="3">
        <f t="shared" si="872"/>
        <v>37.548999999999999</v>
      </c>
      <c r="D3780" s="239">
        <v>12.38</v>
      </c>
      <c r="E3780" s="239">
        <v>0.11210000000000001</v>
      </c>
      <c r="F3780" s="239">
        <v>0.26600000000000001</v>
      </c>
      <c r="G3780">
        <f t="shared" si="873"/>
        <v>12.433200000000001</v>
      </c>
      <c r="H3780" s="235">
        <f t="shared" si="874"/>
        <v>0.90161824791686762</v>
      </c>
      <c r="I3780" s="236">
        <f t="shared" si="875"/>
        <v>19.763502836164427</v>
      </c>
      <c r="J3780" s="237">
        <f t="shared" si="880"/>
        <v>9.7635028361644274</v>
      </c>
      <c r="K3780" s="237">
        <f t="shared" si="876"/>
        <v>742.09976799513811</v>
      </c>
      <c r="L3780" s="237">
        <f t="shared" si="881"/>
        <v>366.6781125149912</v>
      </c>
      <c r="M3780" s="236">
        <f t="shared" si="877"/>
        <v>31.883823530718338</v>
      </c>
      <c r="N3780" s="236">
        <f t="shared" si="878"/>
        <v>0.9588490199846349</v>
      </c>
      <c r="O3780" s="236">
        <f t="shared" si="882"/>
        <v>2.3045713260237761</v>
      </c>
      <c r="P3780" s="236" t="str">
        <f t="shared" si="883"/>
        <v>SAND</v>
      </c>
      <c r="Q3780" s="236" t="e">
        <f t="shared" si="879"/>
        <v>#N/A</v>
      </c>
      <c r="R3780" s="238">
        <v>35</v>
      </c>
      <c r="S3780" s="236" t="e">
        <f t="shared" si="884"/>
        <v>#N/A</v>
      </c>
      <c r="T3780" s="236">
        <f t="shared" si="870"/>
        <v>34.139274364241516</v>
      </c>
    </row>
    <row r="3781" spans="1:20" x14ac:dyDescent="0.2">
      <c r="A3781" s="53">
        <f t="shared" si="871"/>
        <v>3769</v>
      </c>
      <c r="B3781" s="239">
        <v>37.566000000000003</v>
      </c>
      <c r="C3781" s="3">
        <f t="shared" si="872"/>
        <v>37.559000000000005</v>
      </c>
      <c r="D3781" s="239">
        <v>11.6455</v>
      </c>
      <c r="E3781" s="239">
        <v>0.10680000000000001</v>
      </c>
      <c r="F3781" s="239">
        <v>0.2797</v>
      </c>
      <c r="G3781">
        <f t="shared" si="873"/>
        <v>11.70144</v>
      </c>
      <c r="H3781" s="235">
        <f t="shared" si="874"/>
        <v>0.91270817950611216</v>
      </c>
      <c r="I3781" s="236">
        <f t="shared" si="875"/>
        <v>19.683000815729418</v>
      </c>
      <c r="J3781" s="237">
        <f t="shared" si="880"/>
        <v>9.6830008157294181</v>
      </c>
      <c r="K3781" s="237">
        <f t="shared" si="876"/>
        <v>739.2738276379813</v>
      </c>
      <c r="L3781" s="237">
        <f t="shared" si="881"/>
        <v>363.75160864369133</v>
      </c>
      <c r="M3781" s="236">
        <f t="shared" si="877"/>
        <v>30.13640603057754</v>
      </c>
      <c r="N3781" s="236">
        <f t="shared" si="878"/>
        <v>0.97425999862386514</v>
      </c>
      <c r="O3781" s="236">
        <f t="shared" si="882"/>
        <v>2.3290795962485484</v>
      </c>
      <c r="P3781" s="236" t="str">
        <f t="shared" si="883"/>
        <v>SAND</v>
      </c>
      <c r="Q3781" s="236" t="e">
        <f t="shared" si="879"/>
        <v>#N/A</v>
      </c>
      <c r="R3781" s="238">
        <v>35</v>
      </c>
      <c r="S3781" s="236" t="e">
        <f t="shared" si="884"/>
        <v>#N/A</v>
      </c>
      <c r="T3781" s="236">
        <f t="shared" si="870"/>
        <v>33.870006043766566</v>
      </c>
    </row>
    <row r="3782" spans="1:20" x14ac:dyDescent="0.2">
      <c r="A3782" s="53">
        <f t="shared" si="871"/>
        <v>3770</v>
      </c>
      <c r="B3782" s="239">
        <v>37.576000000000001</v>
      </c>
      <c r="C3782" s="3">
        <f t="shared" si="872"/>
        <v>37.569000000000003</v>
      </c>
      <c r="D3782" s="239">
        <v>10.8383</v>
      </c>
      <c r="E3782" s="239">
        <v>0.1045</v>
      </c>
      <c r="F3782" s="239">
        <v>0.27329999999999999</v>
      </c>
      <c r="G3782">
        <f t="shared" si="873"/>
        <v>10.89296</v>
      </c>
      <c r="H3782" s="235">
        <f t="shared" si="874"/>
        <v>0.95933520365447045</v>
      </c>
      <c r="I3782" s="236">
        <f t="shared" si="875"/>
        <v>19.629488356567407</v>
      </c>
      <c r="J3782" s="237">
        <f t="shared" si="880"/>
        <v>9.629488356567407</v>
      </c>
      <c r="K3782" s="237">
        <f t="shared" si="876"/>
        <v>737.46024806788091</v>
      </c>
      <c r="L3782" s="237">
        <f t="shared" si="881"/>
        <v>361.83765448637689</v>
      </c>
      <c r="M3782" s="236">
        <f t="shared" si="877"/>
        <v>28.066453631940821</v>
      </c>
      <c r="N3782" s="236">
        <f t="shared" si="878"/>
        <v>1.028999089681613</v>
      </c>
      <c r="O3782" s="236">
        <f t="shared" si="882"/>
        <v>2.36782016441264</v>
      </c>
      <c r="P3782" s="236" t="str">
        <f t="shared" si="883"/>
        <v>SAND</v>
      </c>
      <c r="Q3782" s="236" t="e">
        <f t="shared" si="879"/>
        <v>#N/A</v>
      </c>
      <c r="R3782" s="238">
        <v>35</v>
      </c>
      <c r="S3782" s="236" t="e">
        <f t="shared" si="884"/>
        <v>#N/A</v>
      </c>
      <c r="T3782" s="236">
        <f t="shared" si="870"/>
        <v>33.530062943710718</v>
      </c>
    </row>
    <row r="3783" spans="1:20" x14ac:dyDescent="0.2">
      <c r="A3783" s="53">
        <f t="shared" si="871"/>
        <v>3771</v>
      </c>
      <c r="B3783" s="239">
        <v>37.585999999999999</v>
      </c>
      <c r="C3783" s="3">
        <f t="shared" si="872"/>
        <v>37.579000000000001</v>
      </c>
      <c r="D3783" s="239">
        <v>9.9254999999999995</v>
      </c>
      <c r="E3783" s="239">
        <v>9.8199999999999996E-2</v>
      </c>
      <c r="F3783" s="239">
        <v>0.26400000000000001</v>
      </c>
      <c r="G3783">
        <f t="shared" si="873"/>
        <v>9.9782999999999991</v>
      </c>
      <c r="H3783" s="235">
        <f t="shared" si="874"/>
        <v>0.98413557419600539</v>
      </c>
      <c r="I3783" s="236">
        <f t="shared" si="875"/>
        <v>19.522294972678417</v>
      </c>
      <c r="J3783" s="237">
        <f t="shared" si="880"/>
        <v>9.5222949726784165</v>
      </c>
      <c r="K3783" s="237">
        <f t="shared" si="876"/>
        <v>733.62832277828227</v>
      </c>
      <c r="L3783" s="237">
        <f t="shared" si="881"/>
        <v>357.90497884309093</v>
      </c>
      <c r="M3783" s="236">
        <f t="shared" si="877"/>
        <v>25.829961089406002</v>
      </c>
      <c r="N3783" s="236">
        <f t="shared" si="878"/>
        <v>1.0622335051871938</v>
      </c>
      <c r="O3783" s="236">
        <f t="shared" si="882"/>
        <v>2.4058094127536882</v>
      </c>
      <c r="P3783" s="236" t="str">
        <f t="shared" si="883"/>
        <v>SAND</v>
      </c>
      <c r="Q3783" s="236" t="e">
        <f t="shared" si="879"/>
        <v>#N/A</v>
      </c>
      <c r="R3783" s="238">
        <v>35</v>
      </c>
      <c r="S3783" s="236" t="e">
        <f t="shared" si="884"/>
        <v>#N/A</v>
      </c>
      <c r="T3783" s="236">
        <f t="shared" si="870"/>
        <v>33.13336127141563</v>
      </c>
    </row>
    <row r="3784" spans="1:20" x14ac:dyDescent="0.2">
      <c r="A3784" s="53">
        <f t="shared" si="871"/>
        <v>3772</v>
      </c>
      <c r="B3784" s="239">
        <v>37.595999999999997</v>
      </c>
      <c r="C3784" s="3">
        <f t="shared" si="872"/>
        <v>37.588999999999999</v>
      </c>
      <c r="D3784" s="239">
        <v>9.0164000000000009</v>
      </c>
      <c r="E3784" s="239">
        <v>8.8900000000000007E-2</v>
      </c>
      <c r="F3784" s="239">
        <v>0.26490000000000002</v>
      </c>
      <c r="G3784">
        <f t="shared" si="873"/>
        <v>9.0693800000000007</v>
      </c>
      <c r="H3784" s="235">
        <f t="shared" si="874"/>
        <v>0.98022136022528561</v>
      </c>
      <c r="I3784" s="236">
        <f t="shared" si="875"/>
        <v>19.368297647995178</v>
      </c>
      <c r="J3784" s="237">
        <f t="shared" si="880"/>
        <v>9.3682976479951776</v>
      </c>
      <c r="K3784" s="237">
        <f t="shared" si="876"/>
        <v>728.03494029049068</v>
      </c>
      <c r="L3784" s="237">
        <f t="shared" si="881"/>
        <v>352.21051837402666</v>
      </c>
      <c r="M3784" s="236">
        <f t="shared" si="877"/>
        <v>23.682839167374034</v>
      </c>
      <c r="N3784" s="236">
        <f t="shared" si="878"/>
        <v>1.0657753559363718</v>
      </c>
      <c r="O3784" s="236">
        <f t="shared" si="882"/>
        <v>2.4388660225701235</v>
      </c>
      <c r="P3784" s="236" t="str">
        <f t="shared" si="883"/>
        <v>SAND</v>
      </c>
      <c r="Q3784" s="236" t="e">
        <f t="shared" si="879"/>
        <v>#N/A</v>
      </c>
      <c r="R3784" s="238">
        <v>35</v>
      </c>
      <c r="S3784" s="236" t="e">
        <f t="shared" si="884"/>
        <v>#N/A</v>
      </c>
      <c r="T3784" s="236">
        <f t="shared" si="870"/>
        <v>32.718771422179636</v>
      </c>
    </row>
    <row r="3785" spans="1:20" x14ac:dyDescent="0.2">
      <c r="A3785" s="53">
        <f t="shared" si="871"/>
        <v>3773</v>
      </c>
      <c r="B3785" s="239">
        <v>37.606999999999999</v>
      </c>
      <c r="C3785" s="3">
        <f t="shared" si="872"/>
        <v>37.6</v>
      </c>
      <c r="D3785" s="239">
        <v>8.0756999999999994</v>
      </c>
      <c r="E3785" s="239">
        <v>8.5500000000000007E-2</v>
      </c>
      <c r="F3785" s="239">
        <v>0.28299999999999997</v>
      </c>
      <c r="G3785">
        <f t="shared" si="873"/>
        <v>8.132299999999999</v>
      </c>
      <c r="H3785" s="235">
        <f t="shared" si="874"/>
        <v>1.0513630830146454</v>
      </c>
      <c r="I3785" s="236">
        <f t="shared" si="875"/>
        <v>19.279943616368719</v>
      </c>
      <c r="J3785" s="237">
        <f t="shared" si="880"/>
        <v>9.279943616368719</v>
      </c>
      <c r="K3785" s="237">
        <f t="shared" si="876"/>
        <v>724.92587997546389</v>
      </c>
      <c r="L3785" s="237">
        <f t="shared" si="881"/>
        <v>348.99083958077841</v>
      </c>
      <c r="M3785" s="236">
        <f t="shared" si="877"/>
        <v>21.225124788153654</v>
      </c>
      <c r="N3785" s="236">
        <f t="shared" si="878"/>
        <v>1.1542551869881361</v>
      </c>
      <c r="O3785" s="236">
        <f t="shared" si="882"/>
        <v>2.4974764937704546</v>
      </c>
      <c r="P3785" s="236" t="str">
        <f t="shared" si="883"/>
        <v>SAND</v>
      </c>
      <c r="Q3785" s="236" t="e">
        <f t="shared" si="879"/>
        <v>#N/A</v>
      </c>
      <c r="R3785" s="238">
        <v>35</v>
      </c>
      <c r="S3785" s="236" t="e">
        <f t="shared" si="884"/>
        <v>#N/A</v>
      </c>
      <c r="T3785" s="236">
        <f t="shared" si="870"/>
        <v>32.195352774818858</v>
      </c>
    </row>
    <row r="3786" spans="1:20" x14ac:dyDescent="0.2">
      <c r="A3786" s="53">
        <f t="shared" si="871"/>
        <v>3774</v>
      </c>
      <c r="B3786" s="239">
        <v>37.616</v>
      </c>
      <c r="C3786" s="3">
        <f t="shared" si="872"/>
        <v>37.609000000000002</v>
      </c>
      <c r="D3786" s="239">
        <v>7.3055000000000003</v>
      </c>
      <c r="E3786" s="239">
        <v>8.9700000000000002E-2</v>
      </c>
      <c r="F3786" s="239">
        <v>0.35099999999999998</v>
      </c>
      <c r="G3786">
        <f t="shared" si="873"/>
        <v>7.3757000000000001</v>
      </c>
      <c r="H3786" s="235">
        <f t="shared" si="874"/>
        <v>1.2161557547080277</v>
      </c>
      <c r="I3786" s="236">
        <f t="shared" si="875"/>
        <v>19.298005570080242</v>
      </c>
      <c r="J3786" s="237">
        <f t="shared" si="880"/>
        <v>9.2980055700802424</v>
      </c>
      <c r="K3786" s="237">
        <f t="shared" si="876"/>
        <v>725.77869148514787</v>
      </c>
      <c r="L3786" s="237">
        <f t="shared" si="881"/>
        <v>349.7537775241384</v>
      </c>
      <c r="M3786" s="236">
        <f t="shared" si="877"/>
        <v>19.013150781640679</v>
      </c>
      <c r="N3786" s="236">
        <f t="shared" si="878"/>
        <v>1.3488881422573251</v>
      </c>
      <c r="O3786" s="236">
        <f t="shared" si="882"/>
        <v>2.5734566249595976</v>
      </c>
      <c r="P3786" s="236" t="str">
        <f t="shared" si="883"/>
        <v>SAND</v>
      </c>
      <c r="Q3786" s="236" t="e">
        <f t="shared" si="879"/>
        <v>#N/A</v>
      </c>
      <c r="R3786" s="238">
        <v>35</v>
      </c>
      <c r="S3786" s="236" t="e">
        <f t="shared" si="884"/>
        <v>#N/A</v>
      </c>
      <c r="T3786" s="236">
        <f t="shared" si="870"/>
        <v>31.66959501569518</v>
      </c>
    </row>
    <row r="3787" spans="1:20" x14ac:dyDescent="0.2">
      <c r="A3787" s="53">
        <f t="shared" si="871"/>
        <v>3775</v>
      </c>
      <c r="B3787" s="239">
        <v>37.625999999999998</v>
      </c>
      <c r="C3787" s="3">
        <f t="shared" si="872"/>
        <v>37.619</v>
      </c>
      <c r="D3787" s="239">
        <v>6.6825999999999999</v>
      </c>
      <c r="E3787" s="239">
        <v>9.5600000000000004E-2</v>
      </c>
      <c r="F3787" s="239">
        <v>0.41899999999999998</v>
      </c>
      <c r="G3787">
        <f t="shared" si="873"/>
        <v>6.7664</v>
      </c>
      <c r="H3787" s="235">
        <f t="shared" si="874"/>
        <v>1.4128635611255616</v>
      </c>
      <c r="I3787" s="236">
        <f t="shared" si="875"/>
        <v>19.3390012645505</v>
      </c>
      <c r="J3787" s="237">
        <f t="shared" si="880"/>
        <v>9.3390012645505003</v>
      </c>
      <c r="K3787" s="237">
        <f t="shared" si="876"/>
        <v>727.51388857112522</v>
      </c>
      <c r="L3787" s="237">
        <f t="shared" si="881"/>
        <v>351.38926157997707</v>
      </c>
      <c r="M3787" s="236">
        <f t="shared" si="877"/>
        <v>17.185744619160506</v>
      </c>
      <c r="N3787" s="236">
        <f t="shared" si="878"/>
        <v>1.5830734051942548</v>
      </c>
      <c r="O3787" s="236">
        <f t="shared" si="882"/>
        <v>2.647537672274634</v>
      </c>
      <c r="P3787" s="236" t="str">
        <f t="shared" si="883"/>
        <v>CLAY</v>
      </c>
      <c r="Q3787" s="236">
        <f t="shared" si="879"/>
        <v>503.24050928573956</v>
      </c>
      <c r="R3787" s="238">
        <v>35</v>
      </c>
      <c r="S3787" s="236">
        <f t="shared" si="884"/>
        <v>8.7478323441599599</v>
      </c>
      <c r="T3787" s="236" t="e">
        <f t="shared" si="870"/>
        <v>#N/A</v>
      </c>
    </row>
    <row r="3788" spans="1:20" x14ac:dyDescent="0.2">
      <c r="A3788" s="53">
        <f t="shared" si="871"/>
        <v>3776</v>
      </c>
      <c r="B3788" s="239">
        <v>37.634999999999998</v>
      </c>
      <c r="C3788" s="3">
        <f t="shared" si="872"/>
        <v>37.628</v>
      </c>
      <c r="D3788" s="239">
        <v>6.2725</v>
      </c>
      <c r="E3788" s="239">
        <v>0.13170000000000001</v>
      </c>
      <c r="F3788" s="239">
        <v>0.44969999999999999</v>
      </c>
      <c r="G3788">
        <f t="shared" si="873"/>
        <v>6.3624400000000003</v>
      </c>
      <c r="H3788" s="235">
        <f t="shared" si="874"/>
        <v>2.0699605811606867</v>
      </c>
      <c r="I3788" s="236">
        <f t="shared" si="875"/>
        <v>19.690585976615161</v>
      </c>
      <c r="J3788" s="237">
        <f t="shared" si="880"/>
        <v>9.6905859766151607</v>
      </c>
      <c r="K3788" s="237">
        <f t="shared" si="876"/>
        <v>740.91736912807528</v>
      </c>
      <c r="L3788" s="237">
        <f t="shared" si="881"/>
        <v>364.70520322991155</v>
      </c>
      <c r="M3788" s="236">
        <f t="shared" si="877"/>
        <v>15.413881077337127</v>
      </c>
      <c r="N3788" s="236">
        <f t="shared" si="878"/>
        <v>2.342781638496628</v>
      </c>
      <c r="O3788" s="236">
        <f t="shared" si="882"/>
        <v>2.7812178725340542</v>
      </c>
      <c r="P3788" s="236" t="str">
        <f t="shared" si="883"/>
        <v>CLAY</v>
      </c>
      <c r="Q3788" s="236">
        <f t="shared" si="879"/>
        <v>468.46021923932705</v>
      </c>
      <c r="R3788" s="238">
        <v>35</v>
      </c>
      <c r="S3788" s="236">
        <f t="shared" si="884"/>
        <v>7.6353687055019375</v>
      </c>
      <c r="T3788" s="236" t="e">
        <f t="shared" si="870"/>
        <v>#N/A</v>
      </c>
    </row>
    <row r="3789" spans="1:20" x14ac:dyDescent="0.2">
      <c r="A3789" s="53">
        <f t="shared" si="871"/>
        <v>3777</v>
      </c>
      <c r="B3789" s="239">
        <v>37.646000000000001</v>
      </c>
      <c r="C3789" s="3">
        <f t="shared" si="872"/>
        <v>37.639000000000003</v>
      </c>
      <c r="D3789" s="239">
        <v>5.9245999999999999</v>
      </c>
      <c r="E3789" s="239">
        <v>0.16830000000000001</v>
      </c>
      <c r="F3789" s="239">
        <v>0.56869999999999998</v>
      </c>
      <c r="G3789">
        <f t="shared" si="873"/>
        <v>6.0383399999999998</v>
      </c>
      <c r="H3789" s="235">
        <f t="shared" si="874"/>
        <v>2.7871898568149525</v>
      </c>
      <c r="I3789" s="236">
        <f t="shared" si="875"/>
        <v>19.957695974340215</v>
      </c>
      <c r="J3789" s="237">
        <f t="shared" si="880"/>
        <v>9.9576959743402149</v>
      </c>
      <c r="K3789" s="237">
        <f t="shared" si="876"/>
        <v>751.18771877819142</v>
      </c>
      <c r="L3789" s="237">
        <f t="shared" si="881"/>
        <v>374.86742265001175</v>
      </c>
      <c r="M3789" s="236">
        <f t="shared" si="877"/>
        <v>14.104059093334616</v>
      </c>
      <c r="N3789" s="236">
        <f t="shared" si="878"/>
        <v>3.1831880575436635</v>
      </c>
      <c r="O3789" s="236">
        <f t="shared" si="882"/>
        <v>2.890276494064496</v>
      </c>
      <c r="P3789" s="236" t="str">
        <f t="shared" si="883"/>
        <v>CLAY</v>
      </c>
      <c r="Q3789" s="236">
        <f t="shared" si="879"/>
        <v>440.59602343515076</v>
      </c>
      <c r="R3789" s="238">
        <v>35</v>
      </c>
      <c r="S3789" s="236">
        <f t="shared" si="884"/>
        <v>6.8331374589645506</v>
      </c>
      <c r="T3789" s="236" t="e">
        <f t="shared" ref="T3789:T3852" si="885">IF(P3789="SAND",17.6+(11*LOG(M3789)),#N/A)</f>
        <v>#N/A</v>
      </c>
    </row>
    <row r="3790" spans="1:20" x14ac:dyDescent="0.2">
      <c r="A3790" s="53">
        <f t="shared" ref="A3790:A3853" si="886">$A3789+1</f>
        <v>3778</v>
      </c>
      <c r="B3790" s="239">
        <v>37.655000000000001</v>
      </c>
      <c r="C3790" s="3">
        <f t="shared" ref="C3790:C3853" si="887">MAX($B3790 - $B$13, 0.001)</f>
        <v>37.648000000000003</v>
      </c>
      <c r="D3790" s="239">
        <v>5.6527000000000003</v>
      </c>
      <c r="E3790" s="239">
        <v>0.19600000000000001</v>
      </c>
      <c r="F3790" s="239">
        <v>0.55710000000000004</v>
      </c>
      <c r="G3790">
        <f t="shared" si="873"/>
        <v>5.7641200000000001</v>
      </c>
      <c r="H3790" s="235">
        <f t="shared" si="874"/>
        <v>3.4003455861432448</v>
      </c>
      <c r="I3790" s="236">
        <f t="shared" si="875"/>
        <v>20.118194159258607</v>
      </c>
      <c r="J3790" s="237">
        <f t="shared" si="880"/>
        <v>10.118194159258607</v>
      </c>
      <c r="K3790" s="237">
        <f t="shared" si="876"/>
        <v>757.40977370776807</v>
      </c>
      <c r="L3790" s="237">
        <f t="shared" si="881"/>
        <v>381.00060106688284</v>
      </c>
      <c r="M3790" s="236">
        <f t="shared" si="877"/>
        <v>13.14095099134326</v>
      </c>
      <c r="N3790" s="236">
        <f t="shared" si="878"/>
        <v>3.9147462333794723</v>
      </c>
      <c r="O3790" s="236">
        <f t="shared" si="882"/>
        <v>2.9689813643481298</v>
      </c>
      <c r="P3790" s="236" t="str">
        <f t="shared" si="883"/>
        <v>CLAY</v>
      </c>
      <c r="Q3790" s="236">
        <f t="shared" si="879"/>
        <v>417.22585219101933</v>
      </c>
      <c r="R3790" s="238">
        <v>35</v>
      </c>
      <c r="S3790" s="236">
        <f t="shared" si="884"/>
        <v>6.2549451139998267</v>
      </c>
      <c r="T3790" s="236" t="e">
        <f t="shared" si="885"/>
        <v>#N/A</v>
      </c>
    </row>
    <row r="3791" spans="1:20" x14ac:dyDescent="0.2">
      <c r="A3791" s="53">
        <f t="shared" si="886"/>
        <v>3779</v>
      </c>
      <c r="B3791" s="239">
        <v>37.664000000000001</v>
      </c>
      <c r="C3791" s="3">
        <f t="shared" si="887"/>
        <v>37.657000000000004</v>
      </c>
      <c r="D3791" s="239">
        <v>5.5023999999999997</v>
      </c>
      <c r="E3791" s="239">
        <v>0.2079</v>
      </c>
      <c r="F3791" s="239">
        <v>0.68069999999999997</v>
      </c>
      <c r="G3791">
        <f t="shared" ref="G3791:G3854" si="888">$D3791+($F3791*(1-$P$8))</f>
        <v>5.6385399999999999</v>
      </c>
      <c r="H3791" s="235">
        <f t="shared" ref="H3791:H3854" si="889">($E3791/$G3791)*100</f>
        <v>3.6871246812118028</v>
      </c>
      <c r="I3791" s="236">
        <f t="shared" ref="I3791:I3854" si="890">((0.27*(LOG($H3791)))+(0.36*(LOG(($G3791*1000)/101)))+1.236)*10</f>
        <v>20.178700174690057</v>
      </c>
      <c r="J3791" s="237">
        <f t="shared" si="880"/>
        <v>10.178700174690057</v>
      </c>
      <c r="K3791" s="237">
        <f t="shared" ref="K3791:K3854" si="891">$I3791*$C3791</f>
        <v>759.86931247830353</v>
      </c>
      <c r="L3791" s="237">
        <f t="shared" si="881"/>
        <v>383.37056337952635</v>
      </c>
      <c r="M3791" s="236">
        <f t="shared" ref="M3791:M3854" si="892">(($G3791*1000)-$K3791)/$L3791</f>
        <v>12.725731064260003</v>
      </c>
      <c r="N3791" s="236">
        <f t="shared" ref="N3791:N3854" si="893">(($E3791*1000)/(($G3791*1000)-$K3791))*100</f>
        <v>4.2614067092446151</v>
      </c>
      <c r="O3791" s="236">
        <f t="shared" si="882"/>
        <v>3.0025942085780946</v>
      </c>
      <c r="P3791" s="236" t="str">
        <f t="shared" si="883"/>
        <v>CLAY</v>
      </c>
      <c r="Q3791" s="236">
        <f t="shared" ref="Q3791:Q3854" si="894">IF(P3791="CLAY",($G3791*1000 -$K3791)/$L$8,#N/A)</f>
        <v>406.55589062680809</v>
      </c>
      <c r="R3791" s="238">
        <v>35</v>
      </c>
      <c r="S3791" s="236">
        <f t="shared" si="884"/>
        <v>6.0088786692349823</v>
      </c>
      <c r="T3791" s="236" t="e">
        <f t="shared" si="885"/>
        <v>#N/A</v>
      </c>
    </row>
    <row r="3792" spans="1:20" x14ac:dyDescent="0.2">
      <c r="A3792" s="53">
        <f t="shared" si="886"/>
        <v>3780</v>
      </c>
      <c r="B3792" s="239">
        <v>37.673999999999999</v>
      </c>
      <c r="C3792" s="3">
        <f t="shared" si="887"/>
        <v>37.667000000000002</v>
      </c>
      <c r="D3792" s="239">
        <v>5.8287000000000004</v>
      </c>
      <c r="E3792" s="239">
        <v>0.21060000000000001</v>
      </c>
      <c r="F3792" s="239">
        <v>0.81699999999999995</v>
      </c>
      <c r="G3792">
        <f t="shared" si="888"/>
        <v>5.9921000000000006</v>
      </c>
      <c r="H3792" s="235">
        <f t="shared" si="889"/>
        <v>3.5146275929974462</v>
      </c>
      <c r="I3792" s="236">
        <f t="shared" si="890"/>
        <v>20.217601792158604</v>
      </c>
      <c r="J3792" s="237">
        <f t="shared" ref="J3792:J3855" si="895">$I3792-10</f>
        <v>10.217601792158604</v>
      </c>
      <c r="K3792" s="237">
        <f t="shared" si="891"/>
        <v>761.53640670523816</v>
      </c>
      <c r="L3792" s="237">
        <f t="shared" ref="L3792:L3855" si="896">$J3792*$B3792</f>
        <v>384.93792991778321</v>
      </c>
      <c r="M3792" s="236">
        <f t="shared" si="892"/>
        <v>13.588070145261939</v>
      </c>
      <c r="N3792" s="236">
        <f t="shared" si="893"/>
        <v>4.0263347580741646</v>
      </c>
      <c r="O3792" s="236">
        <f t="shared" ref="O3792:O3855" si="897">((3.47-LOG($M3792))^2+(LOG($N3792)+1.22)^2)^0.5</f>
        <v>2.9649835802957756</v>
      </c>
      <c r="P3792" s="236" t="str">
        <f t="shared" ref="P3792:P3855" si="898">IF(O3792&lt;2.6,"SAND","CLAY")</f>
        <v>CLAY</v>
      </c>
      <c r="Q3792" s="236">
        <f t="shared" si="894"/>
        <v>435.88029944123019</v>
      </c>
      <c r="R3792" s="238">
        <v>35</v>
      </c>
      <c r="S3792" s="236">
        <f t="shared" ref="S3792:S3855" si="899">IF(P3792="SAND",#N/A,0.25*($M3792)^1.25)</f>
        <v>6.5220967039616351</v>
      </c>
      <c r="T3792" s="236" t="e">
        <f t="shared" si="885"/>
        <v>#N/A</v>
      </c>
    </row>
    <row r="3793" spans="1:20" x14ac:dyDescent="0.2">
      <c r="A3793" s="53">
        <f t="shared" si="886"/>
        <v>3781</v>
      </c>
      <c r="B3793" s="239">
        <v>37.685000000000002</v>
      </c>
      <c r="C3793" s="3">
        <f t="shared" si="887"/>
        <v>37.678000000000004</v>
      </c>
      <c r="D3793" s="239">
        <v>6.2774999999999999</v>
      </c>
      <c r="E3793" s="239">
        <v>0.20150000000000001</v>
      </c>
      <c r="F3793" s="239">
        <v>0.76729999999999998</v>
      </c>
      <c r="G3793">
        <f t="shared" si="888"/>
        <v>6.4309599999999998</v>
      </c>
      <c r="H3793" s="235">
        <f t="shared" si="889"/>
        <v>3.1332802567579336</v>
      </c>
      <c r="I3793" s="236">
        <f t="shared" si="890"/>
        <v>20.193433918156991</v>
      </c>
      <c r="J3793" s="237">
        <f t="shared" si="895"/>
        <v>10.193433918156991</v>
      </c>
      <c r="K3793" s="237">
        <f t="shared" si="891"/>
        <v>760.84820316831917</v>
      </c>
      <c r="L3793" s="237">
        <f t="shared" si="896"/>
        <v>384.13955720574626</v>
      </c>
      <c r="M3793" s="236">
        <f t="shared" si="892"/>
        <v>14.760551706979641</v>
      </c>
      <c r="N3793" s="236">
        <f t="shared" si="893"/>
        <v>3.553721817488559</v>
      </c>
      <c r="O3793" s="236">
        <f t="shared" si="897"/>
        <v>2.9033512866016027</v>
      </c>
      <c r="P3793" s="236" t="str">
        <f t="shared" si="898"/>
        <v>CLAY</v>
      </c>
      <c r="Q3793" s="236">
        <f t="shared" si="894"/>
        <v>472.50931640264008</v>
      </c>
      <c r="R3793" s="238">
        <v>35</v>
      </c>
      <c r="S3793" s="236">
        <f t="shared" si="899"/>
        <v>7.2329963636625596</v>
      </c>
      <c r="T3793" s="236" t="e">
        <f t="shared" si="885"/>
        <v>#N/A</v>
      </c>
    </row>
    <row r="3794" spans="1:20" x14ac:dyDescent="0.2">
      <c r="A3794" s="53">
        <f t="shared" si="886"/>
        <v>3782</v>
      </c>
      <c r="B3794" s="239">
        <v>37.694000000000003</v>
      </c>
      <c r="C3794" s="3">
        <f t="shared" si="887"/>
        <v>37.687000000000005</v>
      </c>
      <c r="D3794" s="239">
        <v>6.4497999999999998</v>
      </c>
      <c r="E3794" s="239">
        <v>0.18990000000000001</v>
      </c>
      <c r="F3794" s="239">
        <v>0.6552</v>
      </c>
      <c r="G3794">
        <f t="shared" si="888"/>
        <v>6.5808399999999994</v>
      </c>
      <c r="H3794" s="235">
        <f t="shared" si="889"/>
        <v>2.8856498562493544</v>
      </c>
      <c r="I3794" s="236">
        <f t="shared" si="890"/>
        <v>20.132913657904187</v>
      </c>
      <c r="J3794" s="237">
        <f t="shared" si="895"/>
        <v>10.132913657904187</v>
      </c>
      <c r="K3794" s="237">
        <f t="shared" si="891"/>
        <v>758.74911702543523</v>
      </c>
      <c r="L3794" s="237">
        <f t="shared" si="896"/>
        <v>381.95004742104044</v>
      </c>
      <c r="M3794" s="236">
        <f t="shared" si="892"/>
        <v>15.243068883708281</v>
      </c>
      <c r="N3794" s="236">
        <f t="shared" si="893"/>
        <v>3.2617148000097553</v>
      </c>
      <c r="O3794" s="236">
        <f t="shared" si="897"/>
        <v>2.8696468026590449</v>
      </c>
      <c r="P3794" s="236" t="str">
        <f t="shared" si="898"/>
        <v>CLAY</v>
      </c>
      <c r="Q3794" s="236">
        <f t="shared" si="894"/>
        <v>485.17424024788033</v>
      </c>
      <c r="R3794" s="238">
        <v>35</v>
      </c>
      <c r="S3794" s="236">
        <f t="shared" si="899"/>
        <v>7.5297494242453746</v>
      </c>
      <c r="T3794" s="236" t="e">
        <f t="shared" si="885"/>
        <v>#N/A</v>
      </c>
    </row>
    <row r="3795" spans="1:20" x14ac:dyDescent="0.2">
      <c r="A3795" s="53">
        <f t="shared" si="886"/>
        <v>3783</v>
      </c>
      <c r="B3795" s="239">
        <v>37.704999999999998</v>
      </c>
      <c r="C3795" s="3">
        <f t="shared" si="887"/>
        <v>37.698</v>
      </c>
      <c r="D3795" s="239">
        <v>6.5107999999999997</v>
      </c>
      <c r="E3795" s="239">
        <v>0.1799</v>
      </c>
      <c r="F3795" s="239">
        <v>0.43390000000000001</v>
      </c>
      <c r="G3795">
        <f t="shared" si="888"/>
        <v>6.5975799999999998</v>
      </c>
      <c r="H3795" s="235">
        <f t="shared" si="889"/>
        <v>2.7267573867994024</v>
      </c>
      <c r="I3795" s="236">
        <f t="shared" si="890"/>
        <v>20.070473393942887</v>
      </c>
      <c r="J3795" s="237">
        <f t="shared" si="895"/>
        <v>10.070473393942887</v>
      </c>
      <c r="K3795" s="237">
        <f t="shared" si="891"/>
        <v>756.616706004859</v>
      </c>
      <c r="L3795" s="237">
        <f t="shared" si="896"/>
        <v>379.70719931861652</v>
      </c>
      <c r="M3795" s="236">
        <f t="shared" si="892"/>
        <v>15.382808923498771</v>
      </c>
      <c r="N3795" s="236">
        <f t="shared" si="893"/>
        <v>3.0799714181554259</v>
      </c>
      <c r="O3795" s="236">
        <f t="shared" si="897"/>
        <v>2.8515010122972488</v>
      </c>
      <c r="P3795" s="236" t="str">
        <f t="shared" si="898"/>
        <v>CLAY</v>
      </c>
      <c r="Q3795" s="236">
        <f t="shared" si="894"/>
        <v>486.74694116626171</v>
      </c>
      <c r="R3795" s="238">
        <v>35</v>
      </c>
      <c r="S3795" s="236">
        <f t="shared" si="899"/>
        <v>7.6161338079407646</v>
      </c>
      <c r="T3795" s="236" t="e">
        <f t="shared" si="885"/>
        <v>#N/A</v>
      </c>
    </row>
    <row r="3796" spans="1:20" x14ac:dyDescent="0.2">
      <c r="A3796" s="53">
        <f t="shared" si="886"/>
        <v>3784</v>
      </c>
      <c r="B3796" s="239">
        <v>37.713999999999999</v>
      </c>
      <c r="C3796" s="3">
        <f t="shared" si="887"/>
        <v>37.707000000000001</v>
      </c>
      <c r="D3796" s="239">
        <v>6.5664999999999996</v>
      </c>
      <c r="E3796" s="239">
        <v>0.1731</v>
      </c>
      <c r="F3796" s="239">
        <v>0.26369999999999999</v>
      </c>
      <c r="G3796">
        <f t="shared" si="888"/>
        <v>6.6192399999999996</v>
      </c>
      <c r="H3796" s="235">
        <f t="shared" si="889"/>
        <v>2.6151038487802225</v>
      </c>
      <c r="I3796" s="236">
        <f t="shared" si="890"/>
        <v>20.026572452842903</v>
      </c>
      <c r="J3796" s="237">
        <f t="shared" si="895"/>
        <v>10.026572452842903</v>
      </c>
      <c r="K3796" s="237">
        <f t="shared" si="891"/>
        <v>755.14196747934739</v>
      </c>
      <c r="L3796" s="237">
        <f t="shared" si="896"/>
        <v>378.1421534865172</v>
      </c>
      <c r="M3796" s="236">
        <f t="shared" si="892"/>
        <v>15.507654934666625</v>
      </c>
      <c r="N3796" s="236">
        <f t="shared" si="893"/>
        <v>2.9518606107884904</v>
      </c>
      <c r="O3796" s="236">
        <f t="shared" si="897"/>
        <v>2.8376634612180354</v>
      </c>
      <c r="P3796" s="236" t="str">
        <f t="shared" si="898"/>
        <v>CLAY</v>
      </c>
      <c r="Q3796" s="236">
        <f t="shared" si="894"/>
        <v>488.67483604338776</v>
      </c>
      <c r="R3796" s="238">
        <v>35</v>
      </c>
      <c r="S3796" s="236">
        <f t="shared" si="899"/>
        <v>7.6934771758975282</v>
      </c>
      <c r="T3796" s="236" t="e">
        <f t="shared" si="885"/>
        <v>#N/A</v>
      </c>
    </row>
    <row r="3797" spans="1:20" x14ac:dyDescent="0.2">
      <c r="A3797" s="53">
        <f t="shared" si="886"/>
        <v>3785</v>
      </c>
      <c r="B3797" s="239">
        <v>37.722999999999999</v>
      </c>
      <c r="C3797" s="3">
        <f t="shared" si="887"/>
        <v>37.716000000000001</v>
      </c>
      <c r="D3797" s="239">
        <v>6.4950000000000001</v>
      </c>
      <c r="E3797" s="239">
        <v>0.17299999999999999</v>
      </c>
      <c r="F3797" s="239">
        <v>0.17960000000000001</v>
      </c>
      <c r="G3797">
        <f t="shared" si="888"/>
        <v>6.5309200000000001</v>
      </c>
      <c r="H3797" s="235">
        <f t="shared" si="889"/>
        <v>2.6489376688123571</v>
      </c>
      <c r="I3797" s="236">
        <f t="shared" si="890"/>
        <v>20.020644460373205</v>
      </c>
      <c r="J3797" s="237">
        <f t="shared" si="895"/>
        <v>10.020644460373205</v>
      </c>
      <c r="K3797" s="237">
        <f t="shared" si="891"/>
        <v>755.09862646743579</v>
      </c>
      <c r="L3797" s="237">
        <f t="shared" si="896"/>
        <v>378.00877097865839</v>
      </c>
      <c r="M3797" s="236">
        <f t="shared" si="892"/>
        <v>15.279596181271295</v>
      </c>
      <c r="N3797" s="236">
        <f t="shared" si="893"/>
        <v>2.9952449844235929</v>
      </c>
      <c r="O3797" s="236">
        <f t="shared" si="897"/>
        <v>2.8466062652858173</v>
      </c>
      <c r="P3797" s="236" t="str">
        <f t="shared" si="898"/>
        <v>CLAY</v>
      </c>
      <c r="Q3797" s="236">
        <f t="shared" si="894"/>
        <v>481.31844779438035</v>
      </c>
      <c r="R3797" s="238">
        <v>35</v>
      </c>
      <c r="S3797" s="236">
        <f t="shared" si="899"/>
        <v>7.5523108041543141</v>
      </c>
      <c r="T3797" s="236" t="e">
        <f t="shared" si="885"/>
        <v>#N/A</v>
      </c>
    </row>
    <row r="3798" spans="1:20" x14ac:dyDescent="0.2">
      <c r="A3798" s="53">
        <f t="shared" si="886"/>
        <v>3786</v>
      </c>
      <c r="B3798" s="239">
        <v>37.734000000000002</v>
      </c>
      <c r="C3798" s="3">
        <f t="shared" si="887"/>
        <v>37.727000000000004</v>
      </c>
      <c r="D3798" s="239">
        <v>6.4332000000000003</v>
      </c>
      <c r="E3798" s="239">
        <v>0.18310000000000001</v>
      </c>
      <c r="F3798" s="239">
        <v>0.23780000000000001</v>
      </c>
      <c r="G3798">
        <f t="shared" si="888"/>
        <v>6.4807600000000001</v>
      </c>
      <c r="H3798" s="235">
        <f t="shared" si="889"/>
        <v>2.8252859232559149</v>
      </c>
      <c r="I3798" s="236">
        <f t="shared" si="890"/>
        <v>20.084164928787843</v>
      </c>
      <c r="J3798" s="237">
        <f t="shared" si="895"/>
        <v>10.084164928787843</v>
      </c>
      <c r="K3798" s="237">
        <f t="shared" si="891"/>
        <v>757.71529026837902</v>
      </c>
      <c r="L3798" s="237">
        <f t="shared" si="896"/>
        <v>380.51587942288046</v>
      </c>
      <c r="M3798" s="236">
        <f t="shared" si="892"/>
        <v>15.040225702043314</v>
      </c>
      <c r="N3798" s="236">
        <f t="shared" si="893"/>
        <v>3.1993459650708616</v>
      </c>
      <c r="O3798" s="236">
        <f t="shared" si="897"/>
        <v>2.8692366166268348</v>
      </c>
      <c r="P3798" s="236" t="str">
        <f t="shared" si="898"/>
        <v>CLAY</v>
      </c>
      <c r="Q3798" s="236">
        <f t="shared" si="894"/>
        <v>476.92039247763506</v>
      </c>
      <c r="R3798" s="238">
        <v>35</v>
      </c>
      <c r="S3798" s="236">
        <f t="shared" si="899"/>
        <v>7.4047082313665173</v>
      </c>
      <c r="T3798" s="236" t="e">
        <f t="shared" si="885"/>
        <v>#N/A</v>
      </c>
    </row>
    <row r="3799" spans="1:20" x14ac:dyDescent="0.2">
      <c r="A3799" s="53">
        <f t="shared" si="886"/>
        <v>3787</v>
      </c>
      <c r="B3799" s="239">
        <v>37.743000000000002</v>
      </c>
      <c r="C3799" s="3">
        <f t="shared" si="887"/>
        <v>37.736000000000004</v>
      </c>
      <c r="D3799" s="239">
        <v>6.1520000000000001</v>
      </c>
      <c r="E3799" s="239">
        <v>0.19239999999999999</v>
      </c>
      <c r="F3799" s="239">
        <v>0.2092</v>
      </c>
      <c r="G3799">
        <f t="shared" si="888"/>
        <v>6.1938399999999998</v>
      </c>
      <c r="H3799" s="235">
        <f t="shared" si="889"/>
        <v>3.1063120778063369</v>
      </c>
      <c r="I3799" s="236">
        <f t="shared" si="890"/>
        <v>20.12456072135512</v>
      </c>
      <c r="J3799" s="237">
        <f t="shared" si="895"/>
        <v>10.12456072135512</v>
      </c>
      <c r="K3799" s="237">
        <f t="shared" si="891"/>
        <v>759.42042338105693</v>
      </c>
      <c r="L3799" s="237">
        <f t="shared" si="896"/>
        <v>382.13129530610632</v>
      </c>
      <c r="M3799" s="236">
        <f t="shared" si="892"/>
        <v>14.221341312194021</v>
      </c>
      <c r="N3799" s="236">
        <f t="shared" si="893"/>
        <v>3.5403964910582557</v>
      </c>
      <c r="O3799" s="236">
        <f t="shared" si="897"/>
        <v>2.9151859427784852</v>
      </c>
      <c r="P3799" s="236" t="str">
        <f t="shared" si="898"/>
        <v>CLAY</v>
      </c>
      <c r="Q3799" s="236">
        <f t="shared" si="894"/>
        <v>452.86829805157862</v>
      </c>
      <c r="R3799" s="238">
        <v>35</v>
      </c>
      <c r="S3799" s="236">
        <f t="shared" si="899"/>
        <v>6.9042372752081356</v>
      </c>
      <c r="T3799" s="236" t="e">
        <f t="shared" si="885"/>
        <v>#N/A</v>
      </c>
    </row>
    <row r="3800" spans="1:20" x14ac:dyDescent="0.2">
      <c r="A3800" s="53">
        <f t="shared" si="886"/>
        <v>3788</v>
      </c>
      <c r="B3800" s="239">
        <v>37.753999999999998</v>
      </c>
      <c r="C3800" s="3">
        <f t="shared" si="887"/>
        <v>37.747</v>
      </c>
      <c r="D3800" s="239">
        <v>6.0914000000000001</v>
      </c>
      <c r="E3800" s="239">
        <v>0.19489999999999999</v>
      </c>
      <c r="F3800" s="239">
        <v>0.1772</v>
      </c>
      <c r="G3800">
        <f t="shared" si="888"/>
        <v>6.1268400000000005</v>
      </c>
      <c r="H3800" s="235">
        <f t="shared" si="889"/>
        <v>3.1810851923667007</v>
      </c>
      <c r="I3800" s="236">
        <f t="shared" si="890"/>
        <v>20.135447905146549</v>
      </c>
      <c r="J3800" s="237">
        <f t="shared" si="895"/>
        <v>10.135447905146549</v>
      </c>
      <c r="K3800" s="237">
        <f t="shared" si="891"/>
        <v>760.05275207556679</v>
      </c>
      <c r="L3800" s="237">
        <f t="shared" si="896"/>
        <v>382.6537002109028</v>
      </c>
      <c r="M3800" s="236">
        <f t="shared" si="892"/>
        <v>14.025180587477616</v>
      </c>
      <c r="N3800" s="236">
        <f t="shared" si="893"/>
        <v>3.6315954219235382</v>
      </c>
      <c r="O3800" s="236">
        <f t="shared" si="897"/>
        <v>2.9266877628498289</v>
      </c>
      <c r="P3800" s="236" t="str">
        <f t="shared" si="898"/>
        <v>CLAY</v>
      </c>
      <c r="Q3800" s="236">
        <f t="shared" si="894"/>
        <v>447.23227066036947</v>
      </c>
      <c r="R3800" s="238">
        <v>35</v>
      </c>
      <c r="S3800" s="236">
        <f t="shared" si="899"/>
        <v>6.7854020563486692</v>
      </c>
      <c r="T3800" s="236" t="e">
        <f t="shared" si="885"/>
        <v>#N/A</v>
      </c>
    </row>
    <row r="3801" spans="1:20" x14ac:dyDescent="0.2">
      <c r="A3801" s="53">
        <f t="shared" si="886"/>
        <v>3789</v>
      </c>
      <c r="B3801" s="239">
        <v>37.762999999999998</v>
      </c>
      <c r="C3801" s="3">
        <f t="shared" si="887"/>
        <v>37.756</v>
      </c>
      <c r="D3801" s="239">
        <v>6.2165999999999997</v>
      </c>
      <c r="E3801" s="239">
        <v>0.1991</v>
      </c>
      <c r="F3801" s="239">
        <v>0.1855</v>
      </c>
      <c r="G3801">
        <f t="shared" si="888"/>
        <v>6.2536999999999994</v>
      </c>
      <c r="H3801" s="235">
        <f t="shared" si="889"/>
        <v>3.1837152405775782</v>
      </c>
      <c r="I3801" s="236">
        <f t="shared" si="890"/>
        <v>20.168458795701074</v>
      </c>
      <c r="J3801" s="237">
        <f t="shared" si="895"/>
        <v>10.168458795701074</v>
      </c>
      <c r="K3801" s="237">
        <f t="shared" si="891"/>
        <v>761.48033029048975</v>
      </c>
      <c r="L3801" s="237">
        <f t="shared" si="896"/>
        <v>383.99150950205967</v>
      </c>
      <c r="M3801" s="236">
        <f t="shared" si="892"/>
        <v>14.302971638179022</v>
      </c>
      <c r="N3801" s="236">
        <f t="shared" si="893"/>
        <v>3.6251281262122319</v>
      </c>
      <c r="O3801" s="236">
        <f t="shared" si="897"/>
        <v>2.9194593916512006</v>
      </c>
      <c r="P3801" s="236" t="str">
        <f t="shared" si="898"/>
        <v>CLAY</v>
      </c>
      <c r="Q3801" s="236">
        <f t="shared" si="894"/>
        <v>457.68497247579245</v>
      </c>
      <c r="R3801" s="238">
        <v>35</v>
      </c>
      <c r="S3801" s="236">
        <f t="shared" si="899"/>
        <v>6.9538105649999675</v>
      </c>
      <c r="T3801" s="236" t="e">
        <f t="shared" si="885"/>
        <v>#N/A</v>
      </c>
    </row>
    <row r="3802" spans="1:20" x14ac:dyDescent="0.2">
      <c r="A3802" s="53">
        <f t="shared" si="886"/>
        <v>3790</v>
      </c>
      <c r="B3802" s="239">
        <v>37.771999999999998</v>
      </c>
      <c r="C3802" s="3">
        <f t="shared" si="887"/>
        <v>37.765000000000001</v>
      </c>
      <c r="D3802" s="239">
        <v>6.2803000000000004</v>
      </c>
      <c r="E3802" s="239">
        <v>0.19980000000000001</v>
      </c>
      <c r="F3802" s="239">
        <v>0.2104</v>
      </c>
      <c r="G3802">
        <f t="shared" si="888"/>
        <v>6.3223800000000008</v>
      </c>
      <c r="H3802" s="235">
        <f t="shared" si="889"/>
        <v>3.1602023288698238</v>
      </c>
      <c r="I3802" s="236">
        <f t="shared" si="890"/>
        <v>20.176843396476354</v>
      </c>
      <c r="J3802" s="237">
        <f t="shared" si="895"/>
        <v>10.176843396476354</v>
      </c>
      <c r="K3802" s="237">
        <f t="shared" si="891"/>
        <v>761.97849086792951</v>
      </c>
      <c r="L3802" s="237">
        <f t="shared" si="896"/>
        <v>384.39972877170482</v>
      </c>
      <c r="M3802" s="236">
        <f t="shared" si="892"/>
        <v>14.465154611059564</v>
      </c>
      <c r="N3802" s="236">
        <f t="shared" si="893"/>
        <v>3.5932656962246416</v>
      </c>
      <c r="O3802" s="236">
        <f t="shared" si="897"/>
        <v>2.9132404364653035</v>
      </c>
      <c r="P3802" s="236" t="str">
        <f t="shared" si="898"/>
        <v>CLAY</v>
      </c>
      <c r="Q3802" s="236">
        <f t="shared" si="894"/>
        <v>463.36679242767264</v>
      </c>
      <c r="R3802" s="238">
        <v>35</v>
      </c>
      <c r="S3802" s="236">
        <f t="shared" si="899"/>
        <v>7.0525124035220328</v>
      </c>
      <c r="T3802" s="236" t="e">
        <f t="shared" si="885"/>
        <v>#N/A</v>
      </c>
    </row>
    <row r="3803" spans="1:20" x14ac:dyDescent="0.2">
      <c r="A3803" s="53">
        <f t="shared" si="886"/>
        <v>3791</v>
      </c>
      <c r="B3803" s="239">
        <v>37.783000000000001</v>
      </c>
      <c r="C3803" s="3">
        <f t="shared" si="887"/>
        <v>37.776000000000003</v>
      </c>
      <c r="D3803" s="239">
        <v>6.1104000000000003</v>
      </c>
      <c r="E3803" s="239">
        <v>0.18440000000000001</v>
      </c>
      <c r="F3803" s="239">
        <v>0.17460000000000001</v>
      </c>
      <c r="G3803">
        <f t="shared" si="888"/>
        <v>6.1453199999999999</v>
      </c>
      <c r="H3803" s="235">
        <f t="shared" si="889"/>
        <v>3.0006574108427229</v>
      </c>
      <c r="I3803" s="236">
        <f t="shared" si="890"/>
        <v>20.071687581731279</v>
      </c>
      <c r="J3803" s="237">
        <f t="shared" si="895"/>
        <v>10.071687581731279</v>
      </c>
      <c r="K3803" s="237">
        <f t="shared" si="891"/>
        <v>758.22807008748089</v>
      </c>
      <c r="L3803" s="237">
        <f t="shared" si="896"/>
        <v>380.53857190055294</v>
      </c>
      <c r="M3803" s="236">
        <f t="shared" si="892"/>
        <v>14.15649378986039</v>
      </c>
      <c r="N3803" s="236">
        <f t="shared" si="893"/>
        <v>3.4229970900644067</v>
      </c>
      <c r="O3803" s="236">
        <f t="shared" si="897"/>
        <v>2.9079045247063315</v>
      </c>
      <c r="P3803" s="236" t="str">
        <f t="shared" si="898"/>
        <v>CLAY</v>
      </c>
      <c r="Q3803" s="236">
        <f t="shared" si="894"/>
        <v>448.92432749270989</v>
      </c>
      <c r="R3803" s="238">
        <v>35</v>
      </c>
      <c r="S3803" s="236">
        <f t="shared" si="899"/>
        <v>6.8649066677153332</v>
      </c>
      <c r="T3803" s="236" t="e">
        <f t="shared" si="885"/>
        <v>#N/A</v>
      </c>
    </row>
    <row r="3804" spans="1:20" x14ac:dyDescent="0.2">
      <c r="A3804" s="53">
        <f t="shared" si="886"/>
        <v>3792</v>
      </c>
      <c r="B3804" s="239">
        <v>37.792000000000002</v>
      </c>
      <c r="C3804" s="3">
        <f t="shared" si="887"/>
        <v>37.785000000000004</v>
      </c>
      <c r="D3804" s="239">
        <v>5.8258000000000001</v>
      </c>
      <c r="E3804" s="239">
        <v>0.1656</v>
      </c>
      <c r="F3804" s="239">
        <v>0.18890000000000001</v>
      </c>
      <c r="G3804">
        <f t="shared" si="888"/>
        <v>5.8635799999999998</v>
      </c>
      <c r="H3804" s="235">
        <f t="shared" si="889"/>
        <v>2.8242131939872914</v>
      </c>
      <c r="I3804" s="236">
        <f t="shared" si="890"/>
        <v>19.927252521353431</v>
      </c>
      <c r="J3804" s="237">
        <f t="shared" si="895"/>
        <v>9.9272525213534308</v>
      </c>
      <c r="K3804" s="237">
        <f t="shared" si="891"/>
        <v>752.95123651933943</v>
      </c>
      <c r="L3804" s="237">
        <f t="shared" si="896"/>
        <v>375.17072728698889</v>
      </c>
      <c r="M3804" s="236">
        <f t="shared" si="892"/>
        <v>13.622141579215633</v>
      </c>
      <c r="N3804" s="236">
        <f t="shared" si="893"/>
        <v>3.2403057953130596</v>
      </c>
      <c r="O3804" s="236">
        <f t="shared" si="897"/>
        <v>2.9070049009711418</v>
      </c>
      <c r="P3804" s="236" t="str">
        <f t="shared" si="898"/>
        <v>CLAY</v>
      </c>
      <c r="Q3804" s="236">
        <f t="shared" si="894"/>
        <v>425.88573029005505</v>
      </c>
      <c r="R3804" s="238">
        <v>35</v>
      </c>
      <c r="S3804" s="236">
        <f t="shared" si="899"/>
        <v>6.542545412917919</v>
      </c>
      <c r="T3804" s="236" t="e">
        <f t="shared" si="885"/>
        <v>#N/A</v>
      </c>
    </row>
    <row r="3805" spans="1:20" x14ac:dyDescent="0.2">
      <c r="A3805" s="53">
        <f t="shared" si="886"/>
        <v>3793</v>
      </c>
      <c r="B3805" s="239">
        <v>37.802999999999997</v>
      </c>
      <c r="C3805" s="3">
        <f t="shared" si="887"/>
        <v>37.795999999999999</v>
      </c>
      <c r="D3805" s="239">
        <v>5.6847000000000003</v>
      </c>
      <c r="E3805" s="239">
        <v>0.155</v>
      </c>
      <c r="F3805" s="239">
        <v>0.22439999999999999</v>
      </c>
      <c r="G3805">
        <f t="shared" si="888"/>
        <v>5.7295800000000003</v>
      </c>
      <c r="H3805" s="235">
        <f t="shared" si="889"/>
        <v>2.7052593732873964</v>
      </c>
      <c r="I3805" s="236">
        <f t="shared" si="890"/>
        <v>19.840649148369835</v>
      </c>
      <c r="J3805" s="237">
        <f t="shared" si="895"/>
        <v>9.8406491483698346</v>
      </c>
      <c r="K3805" s="237">
        <f t="shared" si="891"/>
        <v>749.89717521178625</v>
      </c>
      <c r="L3805" s="237">
        <f t="shared" si="896"/>
        <v>372.00605975582482</v>
      </c>
      <c r="M3805" s="236">
        <f t="shared" si="892"/>
        <v>13.386026098759652</v>
      </c>
      <c r="N3805" s="236">
        <f t="shared" si="893"/>
        <v>3.112648043132991</v>
      </c>
      <c r="O3805" s="236">
        <f t="shared" si="897"/>
        <v>2.9027738218814099</v>
      </c>
      <c r="P3805" s="236" t="str">
        <f t="shared" si="898"/>
        <v>CLAY</v>
      </c>
      <c r="Q3805" s="236">
        <f t="shared" si="894"/>
        <v>414.97356873235117</v>
      </c>
      <c r="R3805" s="238">
        <v>35</v>
      </c>
      <c r="S3805" s="236">
        <f t="shared" si="899"/>
        <v>6.4010997200224979</v>
      </c>
      <c r="T3805" s="236" t="e">
        <f t="shared" si="885"/>
        <v>#N/A</v>
      </c>
    </row>
    <row r="3806" spans="1:20" x14ac:dyDescent="0.2">
      <c r="A3806" s="53">
        <f t="shared" si="886"/>
        <v>3794</v>
      </c>
      <c r="B3806" s="239">
        <v>37.811999999999998</v>
      </c>
      <c r="C3806" s="3">
        <f t="shared" si="887"/>
        <v>37.805</v>
      </c>
      <c r="D3806" s="239">
        <v>5.6971999999999996</v>
      </c>
      <c r="E3806" s="239">
        <v>0.15959999999999999</v>
      </c>
      <c r="F3806" s="239">
        <v>0.33169999999999999</v>
      </c>
      <c r="G3806">
        <f t="shared" si="888"/>
        <v>5.7635399999999999</v>
      </c>
      <c r="H3806" s="235">
        <f t="shared" si="889"/>
        <v>2.769131471283274</v>
      </c>
      <c r="I3806" s="236">
        <f t="shared" si="890"/>
        <v>19.877252229751292</v>
      </c>
      <c r="J3806" s="237">
        <f t="shared" si="895"/>
        <v>9.8772522297512921</v>
      </c>
      <c r="K3806" s="237">
        <f t="shared" si="891"/>
        <v>751.45952054574764</v>
      </c>
      <c r="L3806" s="237">
        <f t="shared" si="896"/>
        <v>373.47866131135584</v>
      </c>
      <c r="M3806" s="236">
        <f t="shared" si="892"/>
        <v>13.419991551474101</v>
      </c>
      <c r="N3806" s="236">
        <f t="shared" si="893"/>
        <v>3.1843064103667036</v>
      </c>
      <c r="O3806" s="236">
        <f t="shared" si="897"/>
        <v>2.9077318884450407</v>
      </c>
      <c r="P3806" s="236" t="str">
        <f t="shared" si="898"/>
        <v>CLAY</v>
      </c>
      <c r="Q3806" s="236">
        <f t="shared" si="894"/>
        <v>417.67337328785442</v>
      </c>
      <c r="R3806" s="238">
        <v>35</v>
      </c>
      <c r="S3806" s="236">
        <f t="shared" si="899"/>
        <v>6.421408694008969</v>
      </c>
      <c r="T3806" s="236" t="e">
        <f t="shared" si="885"/>
        <v>#N/A</v>
      </c>
    </row>
    <row r="3807" spans="1:20" x14ac:dyDescent="0.2">
      <c r="A3807" s="53">
        <f t="shared" si="886"/>
        <v>3795</v>
      </c>
      <c r="B3807" s="239">
        <v>37.823</v>
      </c>
      <c r="C3807" s="3">
        <f t="shared" si="887"/>
        <v>37.816000000000003</v>
      </c>
      <c r="D3807" s="239">
        <v>5.3734000000000002</v>
      </c>
      <c r="E3807" s="239">
        <v>0.16639999999999999</v>
      </c>
      <c r="F3807" s="239">
        <v>0.3745</v>
      </c>
      <c r="G3807">
        <f t="shared" si="888"/>
        <v>5.4483000000000006</v>
      </c>
      <c r="H3807" s="235">
        <f t="shared" si="889"/>
        <v>3.0541636840849438</v>
      </c>
      <c r="I3807" s="236">
        <f t="shared" si="890"/>
        <v>19.904191935486804</v>
      </c>
      <c r="J3807" s="237">
        <f t="shared" si="895"/>
        <v>9.9041919354868035</v>
      </c>
      <c r="K3807" s="237">
        <f t="shared" si="891"/>
        <v>752.69692223236905</v>
      </c>
      <c r="L3807" s="237">
        <f t="shared" si="896"/>
        <v>374.60625157591738</v>
      </c>
      <c r="M3807" s="236">
        <f t="shared" si="892"/>
        <v>12.534769662849646</v>
      </c>
      <c r="N3807" s="236">
        <f t="shared" si="893"/>
        <v>3.5437407558542908</v>
      </c>
      <c r="O3807" s="236">
        <f t="shared" si="897"/>
        <v>2.9591937383215488</v>
      </c>
      <c r="P3807" s="236" t="str">
        <f t="shared" si="898"/>
        <v>CLAY</v>
      </c>
      <c r="Q3807" s="236">
        <f t="shared" si="894"/>
        <v>391.30025648063594</v>
      </c>
      <c r="R3807" s="238">
        <v>35</v>
      </c>
      <c r="S3807" s="236">
        <f t="shared" si="899"/>
        <v>5.8963798849975131</v>
      </c>
      <c r="T3807" s="236" t="e">
        <f t="shared" si="885"/>
        <v>#N/A</v>
      </c>
    </row>
    <row r="3808" spans="1:20" x14ac:dyDescent="0.2">
      <c r="A3808" s="53">
        <f t="shared" si="886"/>
        <v>3796</v>
      </c>
      <c r="B3808" s="239">
        <v>37.832000000000001</v>
      </c>
      <c r="C3808" s="3">
        <f t="shared" si="887"/>
        <v>37.825000000000003</v>
      </c>
      <c r="D3808" s="239">
        <v>5.4184999999999999</v>
      </c>
      <c r="E3808" s="239">
        <v>0.15429999999999999</v>
      </c>
      <c r="F3808" s="239">
        <v>0.29559999999999997</v>
      </c>
      <c r="G3808">
        <f t="shared" si="888"/>
        <v>5.4776199999999999</v>
      </c>
      <c r="H3808" s="235">
        <f t="shared" si="889"/>
        <v>2.8169168361441645</v>
      </c>
      <c r="I3808" s="236">
        <f t="shared" si="890"/>
        <v>19.817763765263464</v>
      </c>
      <c r="J3808" s="237">
        <f t="shared" si="895"/>
        <v>9.8177637652634644</v>
      </c>
      <c r="K3808" s="237">
        <f t="shared" si="891"/>
        <v>749.60691442109055</v>
      </c>
      <c r="L3808" s="237">
        <f t="shared" si="896"/>
        <v>371.42563876744737</v>
      </c>
      <c r="M3808" s="236">
        <f t="shared" si="892"/>
        <v>12.729366505953987</v>
      </c>
      <c r="N3808" s="236">
        <f t="shared" si="893"/>
        <v>3.2635273466276185</v>
      </c>
      <c r="O3808" s="236">
        <f t="shared" si="897"/>
        <v>2.9325433361671491</v>
      </c>
      <c r="P3808" s="236" t="str">
        <f t="shared" si="898"/>
        <v>CLAY</v>
      </c>
      <c r="Q3808" s="236">
        <f t="shared" si="894"/>
        <v>394.00109046490911</v>
      </c>
      <c r="R3808" s="238">
        <v>35</v>
      </c>
      <c r="S3808" s="236">
        <f t="shared" si="899"/>
        <v>6.0110244897731988</v>
      </c>
      <c r="T3808" s="236" t="e">
        <f t="shared" si="885"/>
        <v>#N/A</v>
      </c>
    </row>
    <row r="3809" spans="1:20" x14ac:dyDescent="0.2">
      <c r="A3809" s="53">
        <f t="shared" si="886"/>
        <v>3797</v>
      </c>
      <c r="B3809" s="239">
        <v>37.841999999999999</v>
      </c>
      <c r="C3809" s="3">
        <f t="shared" si="887"/>
        <v>37.835000000000001</v>
      </c>
      <c r="D3809" s="239">
        <v>5.4888000000000003</v>
      </c>
      <c r="E3809" s="239">
        <v>0.14879999999999999</v>
      </c>
      <c r="F3809" s="239">
        <v>0.24709999999999999</v>
      </c>
      <c r="G3809">
        <f t="shared" si="888"/>
        <v>5.5382199999999999</v>
      </c>
      <c r="H3809" s="235">
        <f t="shared" si="889"/>
        <v>2.6867838402952571</v>
      </c>
      <c r="I3809" s="236">
        <f t="shared" si="890"/>
        <v>19.779504151930972</v>
      </c>
      <c r="J3809" s="237">
        <f t="shared" si="895"/>
        <v>9.779504151930972</v>
      </c>
      <c r="K3809" s="237">
        <f t="shared" si="891"/>
        <v>748.35753958830833</v>
      </c>
      <c r="L3809" s="237">
        <f t="shared" si="896"/>
        <v>370.07599611737186</v>
      </c>
      <c r="M3809" s="236">
        <f t="shared" si="892"/>
        <v>12.942915808277817</v>
      </c>
      <c r="N3809" s="236">
        <f t="shared" si="893"/>
        <v>3.1065610177710723</v>
      </c>
      <c r="O3809" s="236">
        <f t="shared" si="897"/>
        <v>2.9140890360113954</v>
      </c>
      <c r="P3809" s="236" t="str">
        <f t="shared" si="898"/>
        <v>CLAY</v>
      </c>
      <c r="Q3809" s="236">
        <f t="shared" si="894"/>
        <v>399.1552050343077</v>
      </c>
      <c r="R3809" s="238">
        <v>35</v>
      </c>
      <c r="S3809" s="236">
        <f t="shared" si="899"/>
        <v>6.1373397614747107</v>
      </c>
      <c r="T3809" s="236" t="e">
        <f t="shared" si="885"/>
        <v>#N/A</v>
      </c>
    </row>
    <row r="3810" spans="1:20" x14ac:dyDescent="0.2">
      <c r="A3810" s="53">
        <f t="shared" si="886"/>
        <v>3798</v>
      </c>
      <c r="B3810" s="239">
        <v>37.850999999999999</v>
      </c>
      <c r="C3810" s="3">
        <f t="shared" si="887"/>
        <v>37.844000000000001</v>
      </c>
      <c r="D3810" s="239">
        <v>5.6879999999999997</v>
      </c>
      <c r="E3810" s="239">
        <v>0.15790000000000001</v>
      </c>
      <c r="F3810" s="239">
        <v>0.2041</v>
      </c>
      <c r="G3810">
        <f t="shared" si="888"/>
        <v>5.7288199999999998</v>
      </c>
      <c r="H3810" s="235">
        <f t="shared" si="889"/>
        <v>2.7562395048194919</v>
      </c>
      <c r="I3810" s="236">
        <f t="shared" si="890"/>
        <v>19.862333464610657</v>
      </c>
      <c r="J3810" s="237">
        <f t="shared" si="895"/>
        <v>9.8623334646106571</v>
      </c>
      <c r="K3810" s="237">
        <f t="shared" si="891"/>
        <v>751.67014763472571</v>
      </c>
      <c r="L3810" s="237">
        <f t="shared" si="896"/>
        <v>373.29918396897796</v>
      </c>
      <c r="M3810" s="236">
        <f t="shared" si="892"/>
        <v>13.33287096812643</v>
      </c>
      <c r="N3810" s="236">
        <f t="shared" si="893"/>
        <v>3.1724984114143506</v>
      </c>
      <c r="O3810" s="236">
        <f t="shared" si="897"/>
        <v>2.9090558245592844</v>
      </c>
      <c r="P3810" s="236" t="str">
        <f t="shared" si="898"/>
        <v>CLAY</v>
      </c>
      <c r="Q3810" s="236">
        <f t="shared" si="894"/>
        <v>414.76248769710611</v>
      </c>
      <c r="R3810" s="238">
        <v>35</v>
      </c>
      <c r="S3810" s="236">
        <f t="shared" si="899"/>
        <v>6.3693425137024144</v>
      </c>
      <c r="T3810" s="236" t="e">
        <f t="shared" si="885"/>
        <v>#N/A</v>
      </c>
    </row>
    <row r="3811" spans="1:20" x14ac:dyDescent="0.2">
      <c r="A3811" s="53">
        <f t="shared" si="886"/>
        <v>3799</v>
      </c>
      <c r="B3811" s="239">
        <v>37.862000000000002</v>
      </c>
      <c r="C3811" s="3">
        <f t="shared" si="887"/>
        <v>37.855000000000004</v>
      </c>
      <c r="D3811" s="239">
        <v>5.7907000000000002</v>
      </c>
      <c r="E3811" s="239">
        <v>0.18060000000000001</v>
      </c>
      <c r="F3811" s="239">
        <v>0.2107</v>
      </c>
      <c r="G3811">
        <f t="shared" si="888"/>
        <v>5.83284</v>
      </c>
      <c r="H3811" s="235">
        <f t="shared" si="889"/>
        <v>3.0962618552883332</v>
      </c>
      <c r="I3811" s="236">
        <f t="shared" si="890"/>
        <v>20.026873025679514</v>
      </c>
      <c r="J3811" s="237">
        <f t="shared" si="895"/>
        <v>10.026873025679514</v>
      </c>
      <c r="K3811" s="237">
        <f t="shared" si="891"/>
        <v>758.11727838709805</v>
      </c>
      <c r="L3811" s="237">
        <f t="shared" si="896"/>
        <v>379.63746649827777</v>
      </c>
      <c r="M3811" s="236">
        <f t="shared" si="892"/>
        <v>13.367286344051934</v>
      </c>
      <c r="N3811" s="236">
        <f t="shared" si="893"/>
        <v>3.5588151295604149</v>
      </c>
      <c r="O3811" s="236">
        <f t="shared" si="897"/>
        <v>2.9379680324783748</v>
      </c>
      <c r="P3811" s="236" t="str">
        <f t="shared" si="898"/>
        <v>CLAY</v>
      </c>
      <c r="Q3811" s="236">
        <f t="shared" si="894"/>
        <v>422.89356013440852</v>
      </c>
      <c r="R3811" s="238">
        <v>35</v>
      </c>
      <c r="S3811" s="236">
        <f t="shared" si="899"/>
        <v>6.3899001639510402</v>
      </c>
      <c r="T3811" s="236" t="e">
        <f t="shared" si="885"/>
        <v>#N/A</v>
      </c>
    </row>
    <row r="3812" spans="1:20" x14ac:dyDescent="0.2">
      <c r="A3812" s="53">
        <f t="shared" si="886"/>
        <v>3800</v>
      </c>
      <c r="B3812" s="239">
        <v>37.871000000000002</v>
      </c>
      <c r="C3812" s="3">
        <f t="shared" si="887"/>
        <v>37.864000000000004</v>
      </c>
      <c r="D3812" s="239">
        <v>5.6935000000000002</v>
      </c>
      <c r="E3812" s="239">
        <v>0.18859999999999999</v>
      </c>
      <c r="F3812" s="239">
        <v>0.34360000000000002</v>
      </c>
      <c r="G3812">
        <f t="shared" si="888"/>
        <v>5.7622200000000001</v>
      </c>
      <c r="H3812" s="235">
        <f t="shared" si="889"/>
        <v>3.2730440698203118</v>
      </c>
      <c r="I3812" s="236">
        <f t="shared" si="890"/>
        <v>20.07293646502206</v>
      </c>
      <c r="J3812" s="237">
        <f t="shared" si="895"/>
        <v>10.07293646502206</v>
      </c>
      <c r="K3812" s="237">
        <f t="shared" si="891"/>
        <v>760.04166631159535</v>
      </c>
      <c r="L3812" s="237">
        <f t="shared" si="896"/>
        <v>381.47217686685048</v>
      </c>
      <c r="M3812" s="236">
        <f t="shared" si="892"/>
        <v>13.112826143109176</v>
      </c>
      <c r="N3812" s="236">
        <f t="shared" si="893"/>
        <v>3.7703573807000588</v>
      </c>
      <c r="O3812" s="236">
        <f t="shared" si="897"/>
        <v>2.9597842542728636</v>
      </c>
      <c r="P3812" s="236" t="str">
        <f t="shared" si="898"/>
        <v>CLAY</v>
      </c>
      <c r="Q3812" s="236">
        <f t="shared" si="894"/>
        <v>416.84819447403373</v>
      </c>
      <c r="R3812" s="238">
        <v>35</v>
      </c>
      <c r="S3812" s="236">
        <f t="shared" si="899"/>
        <v>6.2382157032876071</v>
      </c>
      <c r="T3812" s="236" t="e">
        <f t="shared" si="885"/>
        <v>#N/A</v>
      </c>
    </row>
    <row r="3813" spans="1:20" x14ac:dyDescent="0.2">
      <c r="A3813" s="53">
        <f t="shared" si="886"/>
        <v>3801</v>
      </c>
      <c r="B3813" s="239">
        <v>37.880000000000003</v>
      </c>
      <c r="C3813" s="3">
        <f t="shared" si="887"/>
        <v>37.873000000000005</v>
      </c>
      <c r="D3813" s="239">
        <v>5.7442000000000002</v>
      </c>
      <c r="E3813" s="239">
        <v>0.1802</v>
      </c>
      <c r="F3813" s="239">
        <v>0.40710000000000002</v>
      </c>
      <c r="G3813">
        <f t="shared" si="888"/>
        <v>5.8256199999999998</v>
      </c>
      <c r="H3813" s="235">
        <f t="shared" si="889"/>
        <v>3.0932329949430275</v>
      </c>
      <c r="I3813" s="236">
        <f t="shared" si="890"/>
        <v>20.023788915634931</v>
      </c>
      <c r="J3813" s="237">
        <f t="shared" si="895"/>
        <v>10.023788915634931</v>
      </c>
      <c r="K3813" s="237">
        <f t="shared" si="891"/>
        <v>758.36095760184185</v>
      </c>
      <c r="L3813" s="237">
        <f t="shared" si="896"/>
        <v>379.70112412425124</v>
      </c>
      <c r="M3813" s="236">
        <f t="shared" si="892"/>
        <v>13.345388571301614</v>
      </c>
      <c r="N3813" s="236">
        <f t="shared" si="893"/>
        <v>3.5561631740602229</v>
      </c>
      <c r="O3813" s="236">
        <f t="shared" si="897"/>
        <v>2.9383409917279057</v>
      </c>
      <c r="P3813" s="236" t="str">
        <f t="shared" si="898"/>
        <v>CLAY</v>
      </c>
      <c r="Q3813" s="236">
        <f t="shared" si="894"/>
        <v>422.27158686651319</v>
      </c>
      <c r="R3813" s="238">
        <v>35</v>
      </c>
      <c r="S3813" s="236">
        <f t="shared" si="899"/>
        <v>6.3768182344963042</v>
      </c>
      <c r="T3813" s="236" t="e">
        <f t="shared" si="885"/>
        <v>#N/A</v>
      </c>
    </row>
    <row r="3814" spans="1:20" x14ac:dyDescent="0.2">
      <c r="A3814" s="53">
        <f t="shared" si="886"/>
        <v>3802</v>
      </c>
      <c r="B3814" s="239">
        <v>37.890999999999998</v>
      </c>
      <c r="C3814" s="3">
        <f t="shared" si="887"/>
        <v>37.884</v>
      </c>
      <c r="D3814" s="239">
        <v>5.7302999999999997</v>
      </c>
      <c r="E3814" s="239">
        <v>0.1643</v>
      </c>
      <c r="F3814" s="239">
        <v>0.27189999999999998</v>
      </c>
      <c r="G3814">
        <f t="shared" si="888"/>
        <v>5.7846799999999998</v>
      </c>
      <c r="H3814" s="235">
        <f t="shared" si="889"/>
        <v>2.8402608268737426</v>
      </c>
      <c r="I3814" s="236">
        <f t="shared" si="890"/>
        <v>19.91271588113468</v>
      </c>
      <c r="J3814" s="237">
        <f t="shared" si="895"/>
        <v>9.9127158811346803</v>
      </c>
      <c r="K3814" s="237">
        <f t="shared" si="891"/>
        <v>754.37332844090622</v>
      </c>
      <c r="L3814" s="237">
        <f t="shared" si="896"/>
        <v>375.60271745207416</v>
      </c>
      <c r="M3814" s="236">
        <f t="shared" si="892"/>
        <v>13.392625872577575</v>
      </c>
      <c r="N3814" s="236">
        <f t="shared" si="893"/>
        <v>3.2662024549902218</v>
      </c>
      <c r="O3814" s="236">
        <f t="shared" si="897"/>
        <v>2.9149929075315324</v>
      </c>
      <c r="P3814" s="236" t="str">
        <f t="shared" si="898"/>
        <v>CLAY</v>
      </c>
      <c r="Q3814" s="236">
        <f t="shared" si="894"/>
        <v>419.1922226299244</v>
      </c>
      <c r="R3814" s="238">
        <v>35</v>
      </c>
      <c r="S3814" s="236">
        <f t="shared" si="899"/>
        <v>6.4050449175447381</v>
      </c>
      <c r="T3814" s="236" t="e">
        <f t="shared" si="885"/>
        <v>#N/A</v>
      </c>
    </row>
    <row r="3815" spans="1:20" x14ac:dyDescent="0.2">
      <c r="A3815" s="53">
        <f t="shared" si="886"/>
        <v>3803</v>
      </c>
      <c r="B3815" s="239">
        <v>37.9</v>
      </c>
      <c r="C3815" s="3">
        <f t="shared" si="887"/>
        <v>37.893000000000001</v>
      </c>
      <c r="D3815" s="239">
        <v>5.7725999999999997</v>
      </c>
      <c r="E3815" s="239">
        <v>0.1421</v>
      </c>
      <c r="F3815" s="239">
        <v>0.1973</v>
      </c>
      <c r="G3815">
        <f t="shared" si="888"/>
        <v>5.8120599999999998</v>
      </c>
      <c r="H3815" s="235">
        <f t="shared" si="889"/>
        <v>2.4449162603276635</v>
      </c>
      <c r="I3815" s="236">
        <f t="shared" si="890"/>
        <v>19.744344144912148</v>
      </c>
      <c r="J3815" s="237">
        <f t="shared" si="895"/>
        <v>9.744344144912148</v>
      </c>
      <c r="K3815" s="237">
        <f t="shared" si="891"/>
        <v>748.17243268315599</v>
      </c>
      <c r="L3815" s="237">
        <f t="shared" si="896"/>
        <v>369.31064309217038</v>
      </c>
      <c r="M3815" s="236">
        <f t="shared" si="892"/>
        <v>13.711729304408451</v>
      </c>
      <c r="N3815" s="236">
        <f t="shared" si="893"/>
        <v>2.8061444514909177</v>
      </c>
      <c r="O3815" s="236">
        <f t="shared" si="897"/>
        <v>2.8679347463628488</v>
      </c>
      <c r="P3815" s="236" t="str">
        <f t="shared" si="898"/>
        <v>CLAY</v>
      </c>
      <c r="Q3815" s="236">
        <f t="shared" si="894"/>
        <v>421.99063060973691</v>
      </c>
      <c r="R3815" s="238">
        <v>35</v>
      </c>
      <c r="S3815" s="236">
        <f t="shared" si="899"/>
        <v>6.596374395432071</v>
      </c>
      <c r="T3815" s="236" t="e">
        <f t="shared" si="885"/>
        <v>#N/A</v>
      </c>
    </row>
    <row r="3816" spans="1:20" x14ac:dyDescent="0.2">
      <c r="A3816" s="53">
        <f t="shared" si="886"/>
        <v>3804</v>
      </c>
      <c r="B3816" s="239">
        <v>37.909999999999997</v>
      </c>
      <c r="C3816" s="3">
        <f t="shared" si="887"/>
        <v>37.902999999999999</v>
      </c>
      <c r="D3816" s="239">
        <v>5.8859000000000004</v>
      </c>
      <c r="E3816" s="239">
        <v>0.1396</v>
      </c>
      <c r="F3816" s="239">
        <v>9.7600000000000006E-2</v>
      </c>
      <c r="G3816">
        <f t="shared" si="888"/>
        <v>5.9054200000000003</v>
      </c>
      <c r="H3816" s="235">
        <f t="shared" si="889"/>
        <v>2.3639300845663813</v>
      </c>
      <c r="I3816" s="236">
        <f t="shared" si="890"/>
        <v>19.729759395254312</v>
      </c>
      <c r="J3816" s="237">
        <f t="shared" si="895"/>
        <v>9.7297593952543124</v>
      </c>
      <c r="K3816" s="237">
        <f t="shared" si="891"/>
        <v>747.81707035832414</v>
      </c>
      <c r="L3816" s="237">
        <f t="shared" si="896"/>
        <v>368.85517867409095</v>
      </c>
      <c r="M3816" s="236">
        <f t="shared" si="892"/>
        <v>13.98273151045759</v>
      </c>
      <c r="N3816" s="236">
        <f t="shared" si="893"/>
        <v>2.7066837425132819</v>
      </c>
      <c r="O3816" s="236">
        <f t="shared" si="897"/>
        <v>2.851915532211124</v>
      </c>
      <c r="P3816" s="236" t="str">
        <f t="shared" si="898"/>
        <v>CLAY</v>
      </c>
      <c r="Q3816" s="236">
        <f t="shared" si="894"/>
        <v>429.80024413680638</v>
      </c>
      <c r="R3816" s="238">
        <v>35</v>
      </c>
      <c r="S3816" s="236">
        <f t="shared" si="899"/>
        <v>6.7597406220391711</v>
      </c>
      <c r="T3816" s="236" t="e">
        <f t="shared" si="885"/>
        <v>#N/A</v>
      </c>
    </row>
    <row r="3817" spans="1:20" x14ac:dyDescent="0.2">
      <c r="A3817" s="53">
        <f t="shared" si="886"/>
        <v>3805</v>
      </c>
      <c r="B3817" s="239">
        <v>37.918999999999997</v>
      </c>
      <c r="C3817" s="3">
        <f t="shared" si="887"/>
        <v>37.911999999999999</v>
      </c>
      <c r="D3817" s="239">
        <v>6.0033000000000003</v>
      </c>
      <c r="E3817" s="239">
        <v>0.1502</v>
      </c>
      <c r="F3817" s="239">
        <v>1.7600000000000001E-2</v>
      </c>
      <c r="G3817">
        <f t="shared" si="888"/>
        <v>6.0068200000000003</v>
      </c>
      <c r="H3817" s="235">
        <f t="shared" si="889"/>
        <v>2.5004911084400732</v>
      </c>
      <c r="I3817" s="236">
        <f t="shared" si="890"/>
        <v>19.82223202887695</v>
      </c>
      <c r="J3817" s="237">
        <f t="shared" si="895"/>
        <v>9.8222320288769502</v>
      </c>
      <c r="K3817" s="237">
        <f t="shared" si="891"/>
        <v>751.50046067878293</v>
      </c>
      <c r="L3817" s="237">
        <f t="shared" si="896"/>
        <v>372.44921630298506</v>
      </c>
      <c r="M3817" s="236">
        <f t="shared" si="892"/>
        <v>14.11016404192417</v>
      </c>
      <c r="N3817" s="236">
        <f t="shared" si="893"/>
        <v>2.8580564678546643</v>
      </c>
      <c r="O3817" s="236">
        <f t="shared" si="897"/>
        <v>2.8624787844117754</v>
      </c>
      <c r="P3817" s="236" t="str">
        <f t="shared" si="898"/>
        <v>CLAY</v>
      </c>
      <c r="Q3817" s="236">
        <f t="shared" si="894"/>
        <v>437.94329494343475</v>
      </c>
      <c r="R3817" s="238">
        <v>35</v>
      </c>
      <c r="S3817" s="236">
        <f t="shared" si="899"/>
        <v>6.8368348174225222</v>
      </c>
      <c r="T3817" s="236" t="e">
        <f t="shared" si="885"/>
        <v>#N/A</v>
      </c>
    </row>
    <row r="3818" spans="1:20" x14ac:dyDescent="0.2">
      <c r="A3818" s="53">
        <f t="shared" si="886"/>
        <v>3806</v>
      </c>
      <c r="B3818" s="239">
        <v>37.929000000000002</v>
      </c>
      <c r="C3818" s="3">
        <f t="shared" si="887"/>
        <v>37.922000000000004</v>
      </c>
      <c r="D3818" s="239">
        <v>5.9880000000000004</v>
      </c>
      <c r="E3818" s="239">
        <v>0.16980000000000001</v>
      </c>
      <c r="F3818" s="239">
        <v>2.24E-2</v>
      </c>
      <c r="G3818">
        <f t="shared" si="888"/>
        <v>5.9924800000000005</v>
      </c>
      <c r="H3818" s="235">
        <f t="shared" si="889"/>
        <v>2.8335513844017832</v>
      </c>
      <c r="I3818" s="236">
        <f t="shared" si="890"/>
        <v>19.965120740252765</v>
      </c>
      <c r="J3818" s="237">
        <f t="shared" si="895"/>
        <v>9.9651207402527646</v>
      </c>
      <c r="K3818" s="237">
        <f t="shared" si="891"/>
        <v>757.11730871186546</v>
      </c>
      <c r="L3818" s="237">
        <f t="shared" si="896"/>
        <v>377.96706455704714</v>
      </c>
      <c r="M3818" s="236">
        <f t="shared" si="892"/>
        <v>13.851372731176037</v>
      </c>
      <c r="N3818" s="236">
        <f t="shared" si="893"/>
        <v>3.2433283043131733</v>
      </c>
      <c r="O3818" s="236">
        <f t="shared" si="897"/>
        <v>2.9014264153780274</v>
      </c>
      <c r="P3818" s="236" t="str">
        <f t="shared" si="898"/>
        <v>CLAY</v>
      </c>
      <c r="Q3818" s="236">
        <f t="shared" si="894"/>
        <v>436.28022427401129</v>
      </c>
      <c r="R3818" s="238">
        <v>35</v>
      </c>
      <c r="S3818" s="236">
        <f t="shared" si="899"/>
        <v>6.6804547811248174</v>
      </c>
      <c r="T3818" s="236" t="e">
        <f t="shared" si="885"/>
        <v>#N/A</v>
      </c>
    </row>
    <row r="3819" spans="1:20" x14ac:dyDescent="0.2">
      <c r="A3819" s="53">
        <f t="shared" si="886"/>
        <v>3807</v>
      </c>
      <c r="B3819" s="239">
        <v>37.939</v>
      </c>
      <c r="C3819" s="3">
        <f t="shared" si="887"/>
        <v>37.932000000000002</v>
      </c>
      <c r="D3819" s="239">
        <v>5.8673999999999999</v>
      </c>
      <c r="E3819" s="239">
        <v>0.19209999999999999</v>
      </c>
      <c r="F3819" s="239">
        <v>9.11E-2</v>
      </c>
      <c r="G3819">
        <f t="shared" si="888"/>
        <v>5.8856200000000003</v>
      </c>
      <c r="H3819" s="235">
        <f t="shared" si="889"/>
        <v>3.2638872370285537</v>
      </c>
      <c r="I3819" s="236">
        <f t="shared" si="890"/>
        <v>20.102779936445746</v>
      </c>
      <c r="J3819" s="237">
        <f t="shared" si="895"/>
        <v>10.102779936445746</v>
      </c>
      <c r="K3819" s="237">
        <f t="shared" si="891"/>
        <v>762.53864854926007</v>
      </c>
      <c r="L3819" s="237">
        <f t="shared" si="896"/>
        <v>383.28936800881513</v>
      </c>
      <c r="M3819" s="236">
        <f t="shared" si="892"/>
        <v>13.366093033222137</v>
      </c>
      <c r="N3819" s="236">
        <f t="shared" si="893"/>
        <v>3.7496964584722368</v>
      </c>
      <c r="O3819" s="236">
        <f t="shared" si="897"/>
        <v>2.9517345834939963</v>
      </c>
      <c r="P3819" s="236" t="str">
        <f t="shared" si="898"/>
        <v>CLAY</v>
      </c>
      <c r="Q3819" s="236">
        <f t="shared" si="894"/>
        <v>426.92344595422833</v>
      </c>
      <c r="R3819" s="238">
        <v>35</v>
      </c>
      <c r="S3819" s="236">
        <f t="shared" si="899"/>
        <v>6.3891871310492174</v>
      </c>
      <c r="T3819" s="236" t="e">
        <f t="shared" si="885"/>
        <v>#N/A</v>
      </c>
    </row>
    <row r="3820" spans="1:20" x14ac:dyDescent="0.2">
      <c r="A3820" s="53">
        <f t="shared" si="886"/>
        <v>3808</v>
      </c>
      <c r="B3820" s="239">
        <v>37.948</v>
      </c>
      <c r="C3820" s="3">
        <f t="shared" si="887"/>
        <v>37.941000000000003</v>
      </c>
      <c r="D3820" s="239">
        <v>5.9633000000000003</v>
      </c>
      <c r="E3820" s="239">
        <v>0.19309999999999999</v>
      </c>
      <c r="F3820" s="239">
        <v>5.7099999999999998E-2</v>
      </c>
      <c r="G3820">
        <f t="shared" si="888"/>
        <v>5.9747200000000005</v>
      </c>
      <c r="H3820" s="235">
        <f t="shared" si="889"/>
        <v>3.2319506186063949</v>
      </c>
      <c r="I3820" s="236">
        <f t="shared" si="890"/>
        <v>20.114740995128049</v>
      </c>
      <c r="J3820" s="237">
        <f t="shared" si="895"/>
        <v>10.114740995128049</v>
      </c>
      <c r="K3820" s="237">
        <f t="shared" si="891"/>
        <v>763.1733880961533</v>
      </c>
      <c r="L3820" s="237">
        <f t="shared" si="896"/>
        <v>383.8341912831192</v>
      </c>
      <c r="M3820" s="236">
        <f t="shared" si="892"/>
        <v>13.577598687814051</v>
      </c>
      <c r="N3820" s="236">
        <f t="shared" si="893"/>
        <v>3.7052340577542684</v>
      </c>
      <c r="O3820" s="236">
        <f t="shared" si="897"/>
        <v>2.9431714014908721</v>
      </c>
      <c r="P3820" s="236" t="str">
        <f t="shared" si="898"/>
        <v>CLAY</v>
      </c>
      <c r="Q3820" s="236">
        <f t="shared" si="894"/>
        <v>434.29555099198723</v>
      </c>
      <c r="R3820" s="238">
        <v>35</v>
      </c>
      <c r="S3820" s="236">
        <f t="shared" si="899"/>
        <v>6.5158146052896182</v>
      </c>
      <c r="T3820" s="236" t="e">
        <f t="shared" si="885"/>
        <v>#N/A</v>
      </c>
    </row>
    <row r="3821" spans="1:20" x14ac:dyDescent="0.2">
      <c r="A3821" s="53">
        <f t="shared" si="886"/>
        <v>3809</v>
      </c>
      <c r="B3821" s="239">
        <v>37.959000000000003</v>
      </c>
      <c r="C3821" s="3">
        <f t="shared" si="887"/>
        <v>37.952000000000005</v>
      </c>
      <c r="D3821" s="239">
        <v>6.05</v>
      </c>
      <c r="E3821" s="239">
        <v>0.19020000000000001</v>
      </c>
      <c r="F3821" s="239">
        <v>6.1800000000000001E-2</v>
      </c>
      <c r="G3821">
        <f t="shared" si="888"/>
        <v>6.06236</v>
      </c>
      <c r="H3821" s="235">
        <f t="shared" si="889"/>
        <v>3.1373920387439878</v>
      </c>
      <c r="I3821" s="236">
        <f t="shared" si="890"/>
        <v>20.102688988589716</v>
      </c>
      <c r="J3821" s="237">
        <f t="shared" si="895"/>
        <v>10.102688988589716</v>
      </c>
      <c r="K3821" s="237">
        <f t="shared" si="891"/>
        <v>762.93725249495697</v>
      </c>
      <c r="L3821" s="237">
        <f t="shared" si="896"/>
        <v>383.48797131787705</v>
      </c>
      <c r="M3821" s="236">
        <f t="shared" si="892"/>
        <v>13.819006445738809</v>
      </c>
      <c r="N3821" s="236">
        <f t="shared" si="893"/>
        <v>3.5890701508866369</v>
      </c>
      <c r="O3821" s="236">
        <f t="shared" si="897"/>
        <v>2.9286923978350474</v>
      </c>
      <c r="P3821" s="236" t="str">
        <f t="shared" si="898"/>
        <v>CLAY</v>
      </c>
      <c r="Q3821" s="236">
        <f t="shared" si="894"/>
        <v>441.61856229208689</v>
      </c>
      <c r="R3821" s="238">
        <v>35</v>
      </c>
      <c r="S3821" s="236">
        <f t="shared" si="899"/>
        <v>6.660947841417018</v>
      </c>
      <c r="T3821" s="236" t="e">
        <f t="shared" si="885"/>
        <v>#N/A</v>
      </c>
    </row>
    <row r="3822" spans="1:20" x14ac:dyDescent="0.2">
      <c r="A3822" s="53">
        <f t="shared" si="886"/>
        <v>3810</v>
      </c>
      <c r="B3822" s="239">
        <v>37.968000000000004</v>
      </c>
      <c r="C3822" s="3">
        <f t="shared" si="887"/>
        <v>37.961000000000006</v>
      </c>
      <c r="D3822" s="239">
        <v>6.2640000000000002</v>
      </c>
      <c r="E3822" s="239">
        <v>0.18490000000000001</v>
      </c>
      <c r="F3822" s="239">
        <v>9.9400000000000002E-2</v>
      </c>
      <c r="G3822">
        <f t="shared" si="888"/>
        <v>6.2838799999999999</v>
      </c>
      <c r="H3822" s="235">
        <f t="shared" si="889"/>
        <v>2.9424495693743355</v>
      </c>
      <c r="I3822" s="236">
        <f t="shared" si="890"/>
        <v>20.083577809167664</v>
      </c>
      <c r="J3822" s="237">
        <f t="shared" si="895"/>
        <v>10.083577809167664</v>
      </c>
      <c r="K3822" s="237">
        <f t="shared" si="891"/>
        <v>762.39269721381379</v>
      </c>
      <c r="L3822" s="237">
        <f t="shared" si="896"/>
        <v>382.85328225847792</v>
      </c>
      <c r="M3822" s="236">
        <f t="shared" si="892"/>
        <v>14.42194061969262</v>
      </c>
      <c r="N3822" s="236">
        <f t="shared" si="893"/>
        <v>3.348735401541139</v>
      </c>
      <c r="O3822" s="236">
        <f t="shared" si="897"/>
        <v>2.8957245323995351</v>
      </c>
      <c r="P3822" s="236" t="str">
        <f t="shared" si="898"/>
        <v>CLAY</v>
      </c>
      <c r="Q3822" s="236">
        <f t="shared" si="894"/>
        <v>460.1239418988489</v>
      </c>
      <c r="R3822" s="238">
        <v>35</v>
      </c>
      <c r="S3822" s="236">
        <f t="shared" si="899"/>
        <v>7.0261859207234636</v>
      </c>
      <c r="T3822" s="236" t="e">
        <f t="shared" si="885"/>
        <v>#N/A</v>
      </c>
    </row>
    <row r="3823" spans="1:20" x14ac:dyDescent="0.2">
      <c r="A3823" s="53">
        <f t="shared" si="886"/>
        <v>3811</v>
      </c>
      <c r="B3823" s="239">
        <v>37.978999999999999</v>
      </c>
      <c r="C3823" s="3">
        <f t="shared" si="887"/>
        <v>37.972000000000001</v>
      </c>
      <c r="D3823" s="239">
        <v>6.5166000000000004</v>
      </c>
      <c r="E3823" s="239">
        <v>0.17649999999999999</v>
      </c>
      <c r="F3823" s="239">
        <v>0.1825</v>
      </c>
      <c r="G3823">
        <f t="shared" si="888"/>
        <v>6.5531000000000006</v>
      </c>
      <c r="H3823" s="235">
        <f t="shared" si="889"/>
        <v>2.6933817582518191</v>
      </c>
      <c r="I3823" s="236">
        <f t="shared" si="890"/>
        <v>20.045455886425056</v>
      </c>
      <c r="J3823" s="237">
        <f t="shared" si="895"/>
        <v>10.045455886425056</v>
      </c>
      <c r="K3823" s="237">
        <f t="shared" si="891"/>
        <v>761.16605091933229</v>
      </c>
      <c r="L3823" s="237">
        <f t="shared" si="896"/>
        <v>381.5163691105372</v>
      </c>
      <c r="M3823" s="236">
        <f t="shared" si="892"/>
        <v>15.181351097946111</v>
      </c>
      <c r="N3823" s="236">
        <f t="shared" si="893"/>
        <v>3.0473413811636303</v>
      </c>
      <c r="O3823" s="236">
        <f t="shared" si="897"/>
        <v>2.8533221199720824</v>
      </c>
      <c r="P3823" s="236" t="str">
        <f t="shared" si="898"/>
        <v>CLAY</v>
      </c>
      <c r="Q3823" s="236">
        <f t="shared" si="894"/>
        <v>482.66116242338899</v>
      </c>
      <c r="R3823" s="238">
        <v>35</v>
      </c>
      <c r="S3823" s="236">
        <f t="shared" si="899"/>
        <v>7.4916596516041993</v>
      </c>
      <c r="T3823" s="236" t="e">
        <f t="shared" si="885"/>
        <v>#N/A</v>
      </c>
    </row>
    <row r="3824" spans="1:20" x14ac:dyDescent="0.2">
      <c r="A3824" s="53">
        <f t="shared" si="886"/>
        <v>3812</v>
      </c>
      <c r="B3824" s="239">
        <v>37.988</v>
      </c>
      <c r="C3824" s="3">
        <f t="shared" si="887"/>
        <v>37.981000000000002</v>
      </c>
      <c r="D3824" s="239">
        <v>6.72</v>
      </c>
      <c r="E3824" s="239">
        <v>0.1726</v>
      </c>
      <c r="F3824" s="239">
        <v>0.18529999999999999</v>
      </c>
      <c r="G3824">
        <f t="shared" si="888"/>
        <v>6.7570600000000001</v>
      </c>
      <c r="H3824" s="235">
        <f t="shared" si="889"/>
        <v>2.5543653600826395</v>
      </c>
      <c r="I3824" s="236">
        <f t="shared" si="890"/>
        <v>20.031235188879922</v>
      </c>
      <c r="J3824" s="237">
        <f t="shared" si="895"/>
        <v>10.031235188879922</v>
      </c>
      <c r="K3824" s="237">
        <f t="shared" si="891"/>
        <v>760.80634370884832</v>
      </c>
      <c r="L3824" s="237">
        <f t="shared" si="896"/>
        <v>381.06656235517045</v>
      </c>
      <c r="M3824" s="236">
        <f t="shared" si="892"/>
        <v>15.735449521552052</v>
      </c>
      <c r="N3824" s="236">
        <f t="shared" si="893"/>
        <v>2.8784639525532989</v>
      </c>
      <c r="O3824" s="236">
        <f t="shared" si="897"/>
        <v>2.8260678257582792</v>
      </c>
      <c r="P3824" s="236" t="str">
        <f t="shared" si="898"/>
        <v>CLAY</v>
      </c>
      <c r="Q3824" s="236">
        <f t="shared" si="894"/>
        <v>499.68780469092934</v>
      </c>
      <c r="R3824" s="238">
        <v>35</v>
      </c>
      <c r="S3824" s="236">
        <f t="shared" si="899"/>
        <v>7.8349991070528846</v>
      </c>
      <c r="T3824" s="236" t="e">
        <f t="shared" si="885"/>
        <v>#N/A</v>
      </c>
    </row>
    <row r="3825" spans="1:20" x14ac:dyDescent="0.2">
      <c r="A3825" s="53">
        <f t="shared" si="886"/>
        <v>3813</v>
      </c>
      <c r="B3825" s="239">
        <v>37.997</v>
      </c>
      <c r="C3825" s="3">
        <f t="shared" si="887"/>
        <v>37.99</v>
      </c>
      <c r="D3825" s="239">
        <v>6.9325999999999999</v>
      </c>
      <c r="E3825" s="239">
        <v>0.1757</v>
      </c>
      <c r="F3825" s="239">
        <v>0.15590000000000001</v>
      </c>
      <c r="G3825">
        <f t="shared" si="888"/>
        <v>6.9637799999999999</v>
      </c>
      <c r="H3825" s="235">
        <f t="shared" si="889"/>
        <v>2.523055007481569</v>
      </c>
      <c r="I3825" s="236">
        <f t="shared" si="890"/>
        <v>20.063887348592733</v>
      </c>
      <c r="J3825" s="237">
        <f t="shared" si="895"/>
        <v>10.063887348592733</v>
      </c>
      <c r="K3825" s="237">
        <f t="shared" si="891"/>
        <v>762.22708037303801</v>
      </c>
      <c r="L3825" s="237">
        <f t="shared" si="896"/>
        <v>382.39752758447804</v>
      </c>
      <c r="M3825" s="236">
        <f t="shared" si="892"/>
        <v>16.217554958581509</v>
      </c>
      <c r="N3825" s="236">
        <f t="shared" si="893"/>
        <v>2.8331613432489871</v>
      </c>
      <c r="O3825" s="236">
        <f t="shared" si="897"/>
        <v>2.8114333383312489</v>
      </c>
      <c r="P3825" s="236" t="str">
        <f t="shared" si="898"/>
        <v>CLAY</v>
      </c>
      <c r="Q3825" s="236">
        <f t="shared" si="894"/>
        <v>516.79607663558011</v>
      </c>
      <c r="R3825" s="238">
        <v>35</v>
      </c>
      <c r="S3825" s="236">
        <f t="shared" si="899"/>
        <v>8.1362021724570202</v>
      </c>
      <c r="T3825" s="236" t="e">
        <f t="shared" si="885"/>
        <v>#N/A</v>
      </c>
    </row>
    <row r="3826" spans="1:20" x14ac:dyDescent="0.2">
      <c r="A3826" s="53">
        <f t="shared" si="886"/>
        <v>3814</v>
      </c>
      <c r="B3826" s="239">
        <v>38.008000000000003</v>
      </c>
      <c r="C3826" s="3">
        <f t="shared" si="887"/>
        <v>38.001000000000005</v>
      </c>
      <c r="D3826" s="239">
        <v>7.2901999999999996</v>
      </c>
      <c r="E3826" s="239">
        <v>0.18410000000000001</v>
      </c>
      <c r="F3826" s="239">
        <v>0.12180000000000001</v>
      </c>
      <c r="G3826">
        <f t="shared" si="888"/>
        <v>7.3145599999999993</v>
      </c>
      <c r="H3826" s="235">
        <f t="shared" si="889"/>
        <v>2.5168978038323568</v>
      </c>
      <c r="I3826" s="236">
        <f t="shared" si="890"/>
        <v>20.137857669372686</v>
      </c>
      <c r="J3826" s="237">
        <f t="shared" si="895"/>
        <v>10.137857669372686</v>
      </c>
      <c r="K3826" s="237">
        <f t="shared" si="891"/>
        <v>765.25872929383149</v>
      </c>
      <c r="L3826" s="237">
        <f t="shared" si="896"/>
        <v>385.31969429751706</v>
      </c>
      <c r="M3826" s="236">
        <f t="shared" si="892"/>
        <v>16.997058202919817</v>
      </c>
      <c r="N3826" s="236">
        <f t="shared" si="893"/>
        <v>2.8109868883791589</v>
      </c>
      <c r="O3826" s="236">
        <f t="shared" si="897"/>
        <v>2.7930297972939524</v>
      </c>
      <c r="P3826" s="236" t="str">
        <f t="shared" si="898"/>
        <v>CLAY</v>
      </c>
      <c r="Q3826" s="236">
        <f t="shared" si="894"/>
        <v>545.7751058921807</v>
      </c>
      <c r="R3826" s="238">
        <v>35</v>
      </c>
      <c r="S3826" s="236">
        <f t="shared" si="899"/>
        <v>8.6279418741941853</v>
      </c>
      <c r="T3826" s="236" t="e">
        <f t="shared" si="885"/>
        <v>#N/A</v>
      </c>
    </row>
    <row r="3827" spans="1:20" x14ac:dyDescent="0.2">
      <c r="A3827" s="53">
        <f t="shared" si="886"/>
        <v>3815</v>
      </c>
      <c r="B3827" s="239">
        <v>38.017000000000003</v>
      </c>
      <c r="C3827" s="3">
        <f t="shared" si="887"/>
        <v>38.010000000000005</v>
      </c>
      <c r="D3827" s="239">
        <v>7.7061999999999999</v>
      </c>
      <c r="E3827" s="239">
        <v>0.16450000000000001</v>
      </c>
      <c r="F3827" s="239">
        <v>5.0700000000000002E-2</v>
      </c>
      <c r="G3827">
        <f t="shared" si="888"/>
        <v>7.7163399999999998</v>
      </c>
      <c r="H3827" s="235">
        <f t="shared" si="889"/>
        <v>2.1318397063892989</v>
      </c>
      <c r="I3827" s="236">
        <f t="shared" si="890"/>
        <v>20.026761210436952</v>
      </c>
      <c r="J3827" s="237">
        <f t="shared" si="895"/>
        <v>10.026761210436952</v>
      </c>
      <c r="K3827" s="237">
        <f t="shared" si="891"/>
        <v>761.21719360870861</v>
      </c>
      <c r="L3827" s="237">
        <f t="shared" si="896"/>
        <v>381.18738093718162</v>
      </c>
      <c r="M3827" s="236">
        <f t="shared" si="892"/>
        <v>18.245941902094266</v>
      </c>
      <c r="N3827" s="236">
        <f t="shared" si="893"/>
        <v>2.3651631262187855</v>
      </c>
      <c r="O3827" s="236">
        <f t="shared" si="897"/>
        <v>2.723846466568697</v>
      </c>
      <c r="P3827" s="236" t="str">
        <f t="shared" si="898"/>
        <v>CLAY</v>
      </c>
      <c r="Q3827" s="236">
        <f t="shared" si="894"/>
        <v>579.59356719927428</v>
      </c>
      <c r="R3827" s="238">
        <v>35</v>
      </c>
      <c r="S3827" s="236">
        <f t="shared" si="899"/>
        <v>9.4275288099798402</v>
      </c>
      <c r="T3827" s="236" t="e">
        <f t="shared" si="885"/>
        <v>#N/A</v>
      </c>
    </row>
    <row r="3828" spans="1:20" x14ac:dyDescent="0.2">
      <c r="A3828" s="53">
        <f t="shared" si="886"/>
        <v>3816</v>
      </c>
      <c r="B3828" s="239">
        <v>38.026000000000003</v>
      </c>
      <c r="C3828" s="3">
        <f t="shared" si="887"/>
        <v>38.019000000000005</v>
      </c>
      <c r="D3828" s="239">
        <v>8.2127999999999997</v>
      </c>
      <c r="E3828" s="239">
        <v>0.15040000000000001</v>
      </c>
      <c r="F3828" s="239">
        <v>-4.8999999999999998E-3</v>
      </c>
      <c r="G3828">
        <f t="shared" si="888"/>
        <v>8.2118199999999995</v>
      </c>
      <c r="H3828" s="235">
        <f t="shared" si="889"/>
        <v>1.8315062921496088</v>
      </c>
      <c r="I3828" s="236">
        <f t="shared" si="890"/>
        <v>19.946007691381013</v>
      </c>
      <c r="J3828" s="237">
        <f t="shared" si="895"/>
        <v>9.9460076913810127</v>
      </c>
      <c r="K3828" s="237">
        <f t="shared" si="891"/>
        <v>758.32726641861484</v>
      </c>
      <c r="L3828" s="237">
        <f t="shared" si="896"/>
        <v>378.20688847245441</v>
      </c>
      <c r="M3828" s="236">
        <f t="shared" si="892"/>
        <v>19.707448385420506</v>
      </c>
      <c r="N3828" s="236">
        <f t="shared" si="893"/>
        <v>2.017845933120447</v>
      </c>
      <c r="O3828" s="236">
        <f t="shared" si="897"/>
        <v>2.6565986393219392</v>
      </c>
      <c r="P3828" s="236" t="str">
        <f t="shared" si="898"/>
        <v>CLAY</v>
      </c>
      <c r="Q3828" s="236">
        <f t="shared" si="894"/>
        <v>621.12439446511542</v>
      </c>
      <c r="R3828" s="238">
        <v>35</v>
      </c>
      <c r="S3828" s="236">
        <f t="shared" si="899"/>
        <v>10.38073264404975</v>
      </c>
      <c r="T3828" s="236" t="e">
        <f t="shared" si="885"/>
        <v>#N/A</v>
      </c>
    </row>
    <row r="3829" spans="1:20" x14ac:dyDescent="0.2">
      <c r="A3829" s="53">
        <f t="shared" si="886"/>
        <v>3817</v>
      </c>
      <c r="B3829" s="239">
        <v>38.036999999999999</v>
      </c>
      <c r="C3829" s="3">
        <f t="shared" si="887"/>
        <v>38.03</v>
      </c>
      <c r="D3829" s="239">
        <v>8.6824999999999992</v>
      </c>
      <c r="E3829" s="239">
        <v>0.1467</v>
      </c>
      <c r="F3829" s="239">
        <v>-7.0599999999999996E-2</v>
      </c>
      <c r="G3829">
        <f t="shared" si="888"/>
        <v>8.6683799999999991</v>
      </c>
      <c r="H3829" s="235">
        <f t="shared" si="889"/>
        <v>1.6923577415849329</v>
      </c>
      <c r="I3829" s="236">
        <f t="shared" si="890"/>
        <v>19.937948509058966</v>
      </c>
      <c r="J3829" s="237">
        <f t="shared" si="895"/>
        <v>9.9379485090589661</v>
      </c>
      <c r="K3829" s="237">
        <f t="shared" si="891"/>
        <v>758.24018179951247</v>
      </c>
      <c r="L3829" s="237">
        <f t="shared" si="896"/>
        <v>378.00974743907591</v>
      </c>
      <c r="M3829" s="236">
        <f t="shared" si="892"/>
        <v>20.925756205467611</v>
      </c>
      <c r="N3829" s="236">
        <f t="shared" si="893"/>
        <v>1.8545816303076854</v>
      </c>
      <c r="O3829" s="236">
        <f t="shared" si="897"/>
        <v>2.6142776228543716</v>
      </c>
      <c r="P3829" s="236" t="str">
        <f t="shared" si="898"/>
        <v>CLAY</v>
      </c>
      <c r="Q3829" s="236">
        <f t="shared" si="894"/>
        <v>659.1783181833739</v>
      </c>
      <c r="R3829" s="238">
        <v>35</v>
      </c>
      <c r="S3829" s="236">
        <f t="shared" si="899"/>
        <v>11.189004803126355</v>
      </c>
      <c r="T3829" s="236" t="e">
        <f t="shared" si="885"/>
        <v>#N/A</v>
      </c>
    </row>
    <row r="3830" spans="1:20" x14ac:dyDescent="0.2">
      <c r="A3830" s="53">
        <f t="shared" si="886"/>
        <v>3818</v>
      </c>
      <c r="B3830" s="239">
        <v>38.045999999999999</v>
      </c>
      <c r="C3830" s="3">
        <f t="shared" si="887"/>
        <v>38.039000000000001</v>
      </c>
      <c r="D3830" s="239">
        <v>8.8338999999999999</v>
      </c>
      <c r="E3830" s="239">
        <v>0.1545</v>
      </c>
      <c r="F3830" s="239">
        <v>-0.1013</v>
      </c>
      <c r="G3830">
        <f t="shared" si="888"/>
        <v>8.8136399999999995</v>
      </c>
      <c r="H3830" s="235">
        <f t="shared" si="889"/>
        <v>1.7529647228613832</v>
      </c>
      <c r="I3830" s="236">
        <f t="shared" si="890"/>
        <v>20.00518973723219</v>
      </c>
      <c r="J3830" s="237">
        <f t="shared" si="895"/>
        <v>10.00518973723219</v>
      </c>
      <c r="K3830" s="237">
        <f t="shared" si="891"/>
        <v>760.97741241457527</v>
      </c>
      <c r="L3830" s="237">
        <f t="shared" si="896"/>
        <v>380.65744874273588</v>
      </c>
      <c r="M3830" s="236">
        <f t="shared" si="892"/>
        <v>21.154617134597959</v>
      </c>
      <c r="N3830" s="236">
        <f t="shared" si="893"/>
        <v>1.9186200628620469</v>
      </c>
      <c r="O3830" s="236">
        <f t="shared" si="897"/>
        <v>2.6188285291005791</v>
      </c>
      <c r="P3830" s="236" t="str">
        <f t="shared" si="898"/>
        <v>CLAY</v>
      </c>
      <c r="Q3830" s="236">
        <f t="shared" si="894"/>
        <v>671.05521563211869</v>
      </c>
      <c r="R3830" s="238">
        <v>35</v>
      </c>
      <c r="S3830" s="236">
        <f t="shared" si="899"/>
        <v>11.342178316558941</v>
      </c>
      <c r="T3830" s="236" t="e">
        <f t="shared" si="885"/>
        <v>#N/A</v>
      </c>
    </row>
    <row r="3831" spans="1:20" x14ac:dyDescent="0.2">
      <c r="A3831" s="53">
        <f t="shared" si="886"/>
        <v>3819</v>
      </c>
      <c r="B3831" s="239">
        <v>38.055</v>
      </c>
      <c r="C3831" s="3">
        <f t="shared" si="887"/>
        <v>38.048000000000002</v>
      </c>
      <c r="D3831" s="239">
        <v>8.9995999999999992</v>
      </c>
      <c r="E3831" s="239">
        <v>0.17119999999999999</v>
      </c>
      <c r="F3831" s="239">
        <v>-0.10780000000000001</v>
      </c>
      <c r="G3831">
        <f t="shared" si="888"/>
        <v>8.97804</v>
      </c>
      <c r="H3831" s="235">
        <f t="shared" si="889"/>
        <v>1.9068749972154277</v>
      </c>
      <c r="I3831" s="236">
        <f t="shared" si="890"/>
        <v>20.13276658969351</v>
      </c>
      <c r="J3831" s="237">
        <f t="shared" si="895"/>
        <v>10.13276658969351</v>
      </c>
      <c r="K3831" s="237">
        <f t="shared" si="891"/>
        <v>766.01150320465877</v>
      </c>
      <c r="L3831" s="237">
        <f t="shared" si="896"/>
        <v>385.6024325707865</v>
      </c>
      <c r="M3831" s="236">
        <f t="shared" si="892"/>
        <v>21.296620049946981</v>
      </c>
      <c r="N3831" s="236">
        <f t="shared" si="893"/>
        <v>2.0847467841448553</v>
      </c>
      <c r="O3831" s="236">
        <f t="shared" si="897"/>
        <v>2.6373316496954677</v>
      </c>
      <c r="P3831" s="236" t="str">
        <f t="shared" si="898"/>
        <v>CLAY</v>
      </c>
      <c r="Q3831" s="236">
        <f t="shared" si="894"/>
        <v>684.33570806627847</v>
      </c>
      <c r="R3831" s="238">
        <v>35</v>
      </c>
      <c r="S3831" s="236">
        <f t="shared" si="899"/>
        <v>11.437427710161337</v>
      </c>
      <c r="T3831" s="236" t="e">
        <f t="shared" si="885"/>
        <v>#N/A</v>
      </c>
    </row>
    <row r="3832" spans="1:20" x14ac:dyDescent="0.2">
      <c r="A3832" s="53">
        <f t="shared" si="886"/>
        <v>3820</v>
      </c>
      <c r="B3832" s="239">
        <v>38.064999999999998</v>
      </c>
      <c r="C3832" s="3">
        <f t="shared" si="887"/>
        <v>38.058</v>
      </c>
      <c r="D3832" s="239">
        <v>9.1792999999999996</v>
      </c>
      <c r="E3832" s="239">
        <v>0.18640000000000001</v>
      </c>
      <c r="F3832" s="239">
        <v>-0.1144</v>
      </c>
      <c r="G3832">
        <f t="shared" si="888"/>
        <v>9.1564199999999989</v>
      </c>
      <c r="H3832" s="235">
        <f t="shared" si="889"/>
        <v>2.035730121597743</v>
      </c>
      <c r="I3832" s="236">
        <f t="shared" si="890"/>
        <v>20.240200140810725</v>
      </c>
      <c r="J3832" s="237">
        <f t="shared" si="895"/>
        <v>10.240200140810725</v>
      </c>
      <c r="K3832" s="237">
        <f t="shared" si="891"/>
        <v>770.30153695897457</v>
      </c>
      <c r="L3832" s="237">
        <f t="shared" si="896"/>
        <v>389.79321835996024</v>
      </c>
      <c r="M3832" s="236">
        <f t="shared" si="892"/>
        <v>21.514274923317782</v>
      </c>
      <c r="N3832" s="236">
        <f t="shared" si="893"/>
        <v>2.2227208072661369</v>
      </c>
      <c r="O3832" s="236">
        <f t="shared" si="897"/>
        <v>2.6501066838707326</v>
      </c>
      <c r="P3832" s="236" t="str">
        <f t="shared" si="898"/>
        <v>CLAY</v>
      </c>
      <c r="Q3832" s="236">
        <f t="shared" si="894"/>
        <v>698.84320525341866</v>
      </c>
      <c r="R3832" s="238">
        <v>35</v>
      </c>
      <c r="S3832" s="236">
        <f t="shared" si="899"/>
        <v>11.58372933326495</v>
      </c>
      <c r="T3832" s="236" t="e">
        <f t="shared" si="885"/>
        <v>#N/A</v>
      </c>
    </row>
    <row r="3833" spans="1:20" x14ac:dyDescent="0.2">
      <c r="A3833" s="53">
        <f t="shared" si="886"/>
        <v>3821</v>
      </c>
      <c r="B3833" s="239">
        <v>38.073999999999998</v>
      </c>
      <c r="C3833" s="3">
        <f t="shared" si="887"/>
        <v>38.067</v>
      </c>
      <c r="D3833" s="239">
        <v>9.3809000000000005</v>
      </c>
      <c r="E3833" s="239">
        <v>0.19539999999999999</v>
      </c>
      <c r="F3833" s="239">
        <v>-0.1235</v>
      </c>
      <c r="G3833">
        <f t="shared" si="888"/>
        <v>9.3562000000000012</v>
      </c>
      <c r="H3833" s="235">
        <f t="shared" si="889"/>
        <v>2.0884547145208523</v>
      </c>
      <c r="I3833" s="236">
        <f t="shared" si="890"/>
        <v>20.303928911837659</v>
      </c>
      <c r="J3833" s="237">
        <f t="shared" si="895"/>
        <v>10.303928911837659</v>
      </c>
      <c r="K3833" s="237">
        <f t="shared" si="891"/>
        <v>772.90966188692414</v>
      </c>
      <c r="L3833" s="237">
        <f t="shared" si="896"/>
        <v>392.31178938930702</v>
      </c>
      <c r="M3833" s="236">
        <f t="shared" si="892"/>
        <v>21.8787468800626</v>
      </c>
      <c r="N3833" s="236">
        <f t="shared" si="893"/>
        <v>2.2765162577846119</v>
      </c>
      <c r="O3833" s="236">
        <f t="shared" si="897"/>
        <v>2.6503938250627854</v>
      </c>
      <c r="P3833" s="236" t="str">
        <f t="shared" si="898"/>
        <v>CLAY</v>
      </c>
      <c r="Q3833" s="236">
        <f t="shared" si="894"/>
        <v>715.2741948427564</v>
      </c>
      <c r="R3833" s="238">
        <v>35</v>
      </c>
      <c r="S3833" s="236">
        <f t="shared" si="899"/>
        <v>11.829545621878989</v>
      </c>
      <c r="T3833" s="236" t="e">
        <f t="shared" si="885"/>
        <v>#N/A</v>
      </c>
    </row>
    <row r="3834" spans="1:20" x14ac:dyDescent="0.2">
      <c r="A3834" s="53">
        <f t="shared" si="886"/>
        <v>3822</v>
      </c>
      <c r="B3834" s="239">
        <v>38.084000000000003</v>
      </c>
      <c r="C3834" s="3">
        <f t="shared" si="887"/>
        <v>38.077000000000005</v>
      </c>
      <c r="D3834" s="239">
        <v>9.5719999999999992</v>
      </c>
      <c r="E3834" s="239">
        <v>0.19589999999999999</v>
      </c>
      <c r="F3834" s="239">
        <v>-0.12709999999999999</v>
      </c>
      <c r="G3834">
        <f t="shared" si="888"/>
        <v>9.5465799999999987</v>
      </c>
      <c r="H3834" s="235">
        <f t="shared" si="889"/>
        <v>2.0520437685537649</v>
      </c>
      <c r="I3834" s="236">
        <f t="shared" si="890"/>
        <v>20.314799066220957</v>
      </c>
      <c r="J3834" s="237">
        <f t="shared" si="895"/>
        <v>10.314799066220957</v>
      </c>
      <c r="K3834" s="237">
        <f t="shared" si="891"/>
        <v>773.52660404449546</v>
      </c>
      <c r="L3834" s="237">
        <f t="shared" si="896"/>
        <v>392.82880763795896</v>
      </c>
      <c r="M3834" s="236">
        <f t="shared" si="892"/>
        <v>22.333019435888655</v>
      </c>
      <c r="N3834" s="236">
        <f t="shared" si="893"/>
        <v>2.232973984750994</v>
      </c>
      <c r="O3834" s="236">
        <f t="shared" si="897"/>
        <v>2.6382304476600398</v>
      </c>
      <c r="P3834" s="236" t="str">
        <f t="shared" si="898"/>
        <v>CLAY</v>
      </c>
      <c r="Q3834" s="236">
        <f t="shared" si="894"/>
        <v>731.08778299629193</v>
      </c>
      <c r="R3834" s="238">
        <v>35</v>
      </c>
      <c r="S3834" s="236">
        <f t="shared" si="899"/>
        <v>12.137362235980811</v>
      </c>
      <c r="T3834" s="236" t="e">
        <f t="shared" si="885"/>
        <v>#N/A</v>
      </c>
    </row>
    <row r="3835" spans="1:20" x14ac:dyDescent="0.2">
      <c r="A3835" s="53">
        <f t="shared" si="886"/>
        <v>3823</v>
      </c>
      <c r="B3835" s="239">
        <v>38.093000000000004</v>
      </c>
      <c r="C3835" s="3">
        <f t="shared" si="887"/>
        <v>38.086000000000006</v>
      </c>
      <c r="D3835" s="239">
        <v>9.7786000000000008</v>
      </c>
      <c r="E3835" s="239">
        <v>0.1956</v>
      </c>
      <c r="F3835" s="239">
        <v>-0.1303</v>
      </c>
      <c r="G3835">
        <f t="shared" si="888"/>
        <v>9.7525400000000015</v>
      </c>
      <c r="H3835" s="235">
        <f t="shared" si="889"/>
        <v>2.0056313534730434</v>
      </c>
      <c r="I3835" s="236">
        <f t="shared" si="890"/>
        <v>20.321344916821715</v>
      </c>
      <c r="J3835" s="237">
        <f t="shared" si="895"/>
        <v>10.321344916821715</v>
      </c>
      <c r="K3835" s="237">
        <f t="shared" si="891"/>
        <v>773.95874250207191</v>
      </c>
      <c r="L3835" s="237">
        <f t="shared" si="896"/>
        <v>393.17099191648964</v>
      </c>
      <c r="M3835" s="236">
        <f t="shared" si="892"/>
        <v>22.836326794437056</v>
      </c>
      <c r="N3835" s="236">
        <f t="shared" si="893"/>
        <v>2.1785179015521665</v>
      </c>
      <c r="O3835" s="236">
        <f t="shared" si="897"/>
        <v>2.6240741665903839</v>
      </c>
      <c r="P3835" s="236" t="str">
        <f t="shared" si="898"/>
        <v>CLAY</v>
      </c>
      <c r="Q3835" s="236">
        <f t="shared" si="894"/>
        <v>748.21510479149401</v>
      </c>
      <c r="R3835" s="238">
        <v>35</v>
      </c>
      <c r="S3835" s="236">
        <f t="shared" si="899"/>
        <v>12.480236642457884</v>
      </c>
      <c r="T3835" s="236" t="e">
        <f t="shared" si="885"/>
        <v>#N/A</v>
      </c>
    </row>
    <row r="3836" spans="1:20" x14ac:dyDescent="0.2">
      <c r="A3836" s="53">
        <f t="shared" si="886"/>
        <v>3824</v>
      </c>
      <c r="B3836" s="239">
        <v>38.103999999999999</v>
      </c>
      <c r="C3836" s="3">
        <f t="shared" si="887"/>
        <v>38.097000000000001</v>
      </c>
      <c r="D3836" s="239">
        <v>9.8744999999999994</v>
      </c>
      <c r="E3836" s="239">
        <v>0.19769999999999999</v>
      </c>
      <c r="F3836" s="239">
        <v>-0.1303</v>
      </c>
      <c r="G3836">
        <f t="shared" si="888"/>
        <v>9.8484400000000001</v>
      </c>
      <c r="H3836" s="235">
        <f t="shared" si="889"/>
        <v>2.0074245261178421</v>
      </c>
      <c r="I3836" s="236">
        <f t="shared" si="890"/>
        <v>20.337691760577009</v>
      </c>
      <c r="J3836" s="237">
        <f t="shared" si="895"/>
        <v>10.337691760577009</v>
      </c>
      <c r="K3836" s="237">
        <f t="shared" si="891"/>
        <v>774.80504300270229</v>
      </c>
      <c r="L3836" s="237">
        <f t="shared" si="896"/>
        <v>393.90740684502634</v>
      </c>
      <c r="M3836" s="236">
        <f t="shared" si="892"/>
        <v>23.034943743942112</v>
      </c>
      <c r="N3836" s="236">
        <f t="shared" si="893"/>
        <v>2.1788401333860143</v>
      </c>
      <c r="O3836" s="236">
        <f t="shared" si="897"/>
        <v>2.6210872156966514</v>
      </c>
      <c r="P3836" s="236" t="str">
        <f t="shared" si="898"/>
        <v>CLAY</v>
      </c>
      <c r="Q3836" s="236">
        <f t="shared" si="894"/>
        <v>756.13624641644162</v>
      </c>
      <c r="R3836" s="238">
        <v>35</v>
      </c>
      <c r="S3836" s="236">
        <f t="shared" si="899"/>
        <v>12.616066038013367</v>
      </c>
      <c r="T3836" s="236" t="e">
        <f t="shared" si="885"/>
        <v>#N/A</v>
      </c>
    </row>
    <row r="3837" spans="1:20" x14ac:dyDescent="0.2">
      <c r="A3837" s="53">
        <f t="shared" si="886"/>
        <v>3825</v>
      </c>
      <c r="B3837" s="239">
        <v>38.113</v>
      </c>
      <c r="C3837" s="3">
        <f t="shared" si="887"/>
        <v>38.106000000000002</v>
      </c>
      <c r="D3837" s="239">
        <v>9.8248999999999995</v>
      </c>
      <c r="E3837" s="239">
        <v>0.1951</v>
      </c>
      <c r="F3837" s="239">
        <v>-0.1225</v>
      </c>
      <c r="G3837">
        <f t="shared" si="888"/>
        <v>9.8003999999999998</v>
      </c>
      <c r="H3837" s="235">
        <f t="shared" si="889"/>
        <v>1.990735072037876</v>
      </c>
      <c r="I3837" s="236">
        <f t="shared" si="890"/>
        <v>20.3202571032202</v>
      </c>
      <c r="J3837" s="237">
        <f t="shared" si="895"/>
        <v>10.3202571032202</v>
      </c>
      <c r="K3837" s="237">
        <f t="shared" si="891"/>
        <v>774.32371717530896</v>
      </c>
      <c r="L3837" s="237">
        <f t="shared" si="896"/>
        <v>393.33595897503147</v>
      </c>
      <c r="M3837" s="236">
        <f t="shared" si="892"/>
        <v>22.947498383684916</v>
      </c>
      <c r="N3837" s="236">
        <f t="shared" si="893"/>
        <v>2.1615150801599903</v>
      </c>
      <c r="O3837" s="236">
        <f t="shared" si="897"/>
        <v>2.6203569699492752</v>
      </c>
      <c r="P3837" s="236" t="str">
        <f t="shared" si="898"/>
        <v>CLAY</v>
      </c>
      <c r="Q3837" s="236">
        <f t="shared" si="894"/>
        <v>752.17302356872426</v>
      </c>
      <c r="R3837" s="238">
        <v>35</v>
      </c>
      <c r="S3837" s="236">
        <f t="shared" si="899"/>
        <v>12.556228012690818</v>
      </c>
      <c r="T3837" s="236" t="e">
        <f t="shared" si="885"/>
        <v>#N/A</v>
      </c>
    </row>
    <row r="3838" spans="1:20" x14ac:dyDescent="0.2">
      <c r="A3838" s="53">
        <f t="shared" si="886"/>
        <v>3826</v>
      </c>
      <c r="B3838" s="239">
        <v>38.122999999999998</v>
      </c>
      <c r="C3838" s="3">
        <f t="shared" si="887"/>
        <v>38.116</v>
      </c>
      <c r="D3838" s="239">
        <v>9.5731999999999999</v>
      </c>
      <c r="E3838" s="239">
        <v>0.17480000000000001</v>
      </c>
      <c r="F3838" s="239">
        <v>-0.1222</v>
      </c>
      <c r="G3838">
        <f t="shared" si="888"/>
        <v>9.5487599999999997</v>
      </c>
      <c r="H3838" s="235">
        <f t="shared" si="889"/>
        <v>1.830604183160955</v>
      </c>
      <c r="I3838" s="236">
        <f t="shared" si="890"/>
        <v>20.181257190856407</v>
      </c>
      <c r="J3838" s="237">
        <f t="shared" si="895"/>
        <v>10.181257190856407</v>
      </c>
      <c r="K3838" s="237">
        <f t="shared" si="891"/>
        <v>769.22879908668278</v>
      </c>
      <c r="L3838" s="237">
        <f t="shared" si="896"/>
        <v>388.14006788701874</v>
      </c>
      <c r="M3838" s="236">
        <f t="shared" si="892"/>
        <v>22.619492104249584</v>
      </c>
      <c r="N3838" s="236">
        <f t="shared" si="893"/>
        <v>1.9909946898054864</v>
      </c>
      <c r="O3838" s="236">
        <f t="shared" si="897"/>
        <v>2.6044167849462712</v>
      </c>
      <c r="P3838" s="236" t="str">
        <f t="shared" si="898"/>
        <v>CLAY</v>
      </c>
      <c r="Q3838" s="236">
        <f t="shared" si="894"/>
        <v>731.62760007610984</v>
      </c>
      <c r="R3838" s="238">
        <v>35</v>
      </c>
      <c r="S3838" s="236">
        <f t="shared" si="899"/>
        <v>12.332285491074977</v>
      </c>
      <c r="T3838" s="236" t="e">
        <f t="shared" si="885"/>
        <v>#N/A</v>
      </c>
    </row>
    <row r="3839" spans="1:20" x14ac:dyDescent="0.2">
      <c r="A3839" s="53">
        <f t="shared" si="886"/>
        <v>3827</v>
      </c>
      <c r="B3839" s="239">
        <v>38.133000000000003</v>
      </c>
      <c r="C3839" s="3">
        <f t="shared" si="887"/>
        <v>38.126000000000005</v>
      </c>
      <c r="D3839" s="239">
        <v>8.9863999999999997</v>
      </c>
      <c r="E3839" s="239">
        <v>0.15160000000000001</v>
      </c>
      <c r="F3839" s="239">
        <v>-0.12429999999999999</v>
      </c>
      <c r="G3839">
        <f t="shared" si="888"/>
        <v>8.9615399999999994</v>
      </c>
      <c r="H3839" s="235">
        <f t="shared" si="889"/>
        <v>1.6916735293264329</v>
      </c>
      <c r="I3839" s="236">
        <f t="shared" si="890"/>
        <v>19.989475280732748</v>
      </c>
      <c r="J3839" s="237">
        <f t="shared" si="895"/>
        <v>9.9894752807327478</v>
      </c>
      <c r="K3839" s="237">
        <f t="shared" si="891"/>
        <v>762.11873455321688</v>
      </c>
      <c r="L3839" s="237">
        <f t="shared" si="896"/>
        <v>380.92866088018189</v>
      </c>
      <c r="M3839" s="236">
        <f t="shared" si="892"/>
        <v>21.524821068861097</v>
      </c>
      <c r="N3839" s="236">
        <f t="shared" si="893"/>
        <v>1.8489109791060283</v>
      </c>
      <c r="O3839" s="236">
        <f t="shared" si="897"/>
        <v>2.6034489743983098</v>
      </c>
      <c r="P3839" s="236" t="str">
        <f t="shared" si="898"/>
        <v>CLAY</v>
      </c>
      <c r="Q3839" s="236">
        <f t="shared" si="894"/>
        <v>683.28510545389861</v>
      </c>
      <c r="R3839" s="238">
        <v>35</v>
      </c>
      <c r="S3839" s="236">
        <f t="shared" si="899"/>
        <v>11.590827595957617</v>
      </c>
      <c r="T3839" s="236" t="e">
        <f t="shared" si="885"/>
        <v>#N/A</v>
      </c>
    </row>
    <row r="3840" spans="1:20" x14ac:dyDescent="0.2">
      <c r="A3840" s="53">
        <f t="shared" si="886"/>
        <v>3828</v>
      </c>
      <c r="B3840" s="239">
        <v>38.143000000000001</v>
      </c>
      <c r="C3840" s="3">
        <f t="shared" si="887"/>
        <v>38.136000000000003</v>
      </c>
      <c r="D3840" s="239">
        <v>8.1046999999999993</v>
      </c>
      <c r="E3840" s="239">
        <v>0.12920000000000001</v>
      </c>
      <c r="F3840" s="239">
        <v>-0.13109999999999999</v>
      </c>
      <c r="G3840">
        <f t="shared" si="888"/>
        <v>8.078479999999999</v>
      </c>
      <c r="H3840" s="235">
        <f t="shared" si="889"/>
        <v>1.5993107614303683</v>
      </c>
      <c r="I3840" s="236">
        <f t="shared" si="890"/>
        <v>19.761448529976377</v>
      </c>
      <c r="J3840" s="237">
        <f t="shared" si="895"/>
        <v>9.7614485299763771</v>
      </c>
      <c r="K3840" s="237">
        <f t="shared" si="891"/>
        <v>753.62260113917921</v>
      </c>
      <c r="L3840" s="237">
        <f t="shared" si="896"/>
        <v>372.33093127888895</v>
      </c>
      <c r="M3840" s="236">
        <f t="shared" si="892"/>
        <v>19.672975795218701</v>
      </c>
      <c r="N3840" s="236">
        <f t="shared" si="893"/>
        <v>1.7638568638905314</v>
      </c>
      <c r="O3840" s="236">
        <f t="shared" si="897"/>
        <v>2.6241296180015872</v>
      </c>
      <c r="P3840" s="236" t="str">
        <f t="shared" si="898"/>
        <v>CLAY</v>
      </c>
      <c r="Q3840" s="236">
        <f t="shared" si="894"/>
        <v>610.40478323840159</v>
      </c>
      <c r="R3840" s="238">
        <v>35</v>
      </c>
      <c r="S3840" s="236">
        <f t="shared" si="899"/>
        <v>10.358039925515225</v>
      </c>
      <c r="T3840" s="236" t="e">
        <f t="shared" si="885"/>
        <v>#N/A</v>
      </c>
    </row>
    <row r="3841" spans="1:20" x14ac:dyDescent="0.2">
      <c r="A3841" s="53">
        <f t="shared" si="886"/>
        <v>3829</v>
      </c>
      <c r="B3841" s="239">
        <v>38.152999999999999</v>
      </c>
      <c r="C3841" s="3">
        <f t="shared" si="887"/>
        <v>38.146000000000001</v>
      </c>
      <c r="D3841" s="239">
        <v>7.1473000000000004</v>
      </c>
      <c r="E3841" s="239">
        <v>0.1132</v>
      </c>
      <c r="F3841" s="239">
        <v>-0.126</v>
      </c>
      <c r="G3841">
        <f t="shared" si="888"/>
        <v>7.1221000000000005</v>
      </c>
      <c r="H3841" s="235">
        <f t="shared" si="889"/>
        <v>1.5894188511815333</v>
      </c>
      <c r="I3841" s="236">
        <f t="shared" si="890"/>
        <v>19.557175667385277</v>
      </c>
      <c r="J3841" s="237">
        <f t="shared" si="895"/>
        <v>9.5571756673852768</v>
      </c>
      <c r="K3841" s="237">
        <f t="shared" si="891"/>
        <v>746.02802300807878</v>
      </c>
      <c r="L3841" s="237">
        <f t="shared" si="896"/>
        <v>364.63492323775046</v>
      </c>
      <c r="M3841" s="236">
        <f t="shared" si="892"/>
        <v>17.486180205604096</v>
      </c>
      <c r="N3841" s="236">
        <f t="shared" si="893"/>
        <v>1.775387737285316</v>
      </c>
      <c r="O3841" s="236">
        <f t="shared" si="897"/>
        <v>2.6682785351358236</v>
      </c>
      <c r="P3841" s="236" t="str">
        <f t="shared" si="898"/>
        <v>CLAY</v>
      </c>
      <c r="Q3841" s="236">
        <f t="shared" si="894"/>
        <v>531.33933141599346</v>
      </c>
      <c r="R3841" s="238">
        <v>35</v>
      </c>
      <c r="S3841" s="236">
        <f t="shared" si="899"/>
        <v>8.9394066961268024</v>
      </c>
      <c r="T3841" s="236" t="e">
        <f t="shared" si="885"/>
        <v>#N/A</v>
      </c>
    </row>
    <row r="3842" spans="1:20" x14ac:dyDescent="0.2">
      <c r="A3842" s="53">
        <f t="shared" si="886"/>
        <v>3830</v>
      </c>
      <c r="B3842" s="239">
        <v>38.162999999999997</v>
      </c>
      <c r="C3842" s="3">
        <f t="shared" si="887"/>
        <v>38.155999999999999</v>
      </c>
      <c r="D3842" s="239">
        <v>6.1999000000000004</v>
      </c>
      <c r="E3842" s="239">
        <v>0.1008</v>
      </c>
      <c r="F3842" s="239">
        <v>-0.1077</v>
      </c>
      <c r="G3842">
        <f t="shared" si="888"/>
        <v>6.1783600000000005</v>
      </c>
      <c r="H3842" s="235">
        <f t="shared" si="889"/>
        <v>1.6315009161007126</v>
      </c>
      <c r="I3842" s="236">
        <f t="shared" si="890"/>
        <v>19.365572380191324</v>
      </c>
      <c r="J3842" s="237">
        <f t="shared" si="895"/>
        <v>9.365572380191324</v>
      </c>
      <c r="K3842" s="237">
        <f t="shared" si="891"/>
        <v>738.91277973858018</v>
      </c>
      <c r="L3842" s="237">
        <f t="shared" si="896"/>
        <v>357.41833874524144</v>
      </c>
      <c r="M3842" s="236">
        <f t="shared" si="892"/>
        <v>15.218713285270228</v>
      </c>
      <c r="N3842" s="236">
        <f t="shared" si="893"/>
        <v>1.8531294802260356</v>
      </c>
      <c r="O3842" s="236">
        <f t="shared" si="897"/>
        <v>2.7289335420753802</v>
      </c>
      <c r="P3842" s="236" t="str">
        <f t="shared" si="898"/>
        <v>CLAY</v>
      </c>
      <c r="Q3842" s="236">
        <f t="shared" si="894"/>
        <v>453.28726835511839</v>
      </c>
      <c r="R3842" s="238">
        <v>35</v>
      </c>
      <c r="S3842" s="236">
        <f t="shared" si="899"/>
        <v>7.5147134994047038</v>
      </c>
      <c r="T3842" s="236" t="e">
        <f t="shared" si="885"/>
        <v>#N/A</v>
      </c>
    </row>
    <row r="3843" spans="1:20" x14ac:dyDescent="0.2">
      <c r="A3843" s="53">
        <f t="shared" si="886"/>
        <v>3831</v>
      </c>
      <c r="B3843" s="239">
        <v>38.173999999999999</v>
      </c>
      <c r="C3843" s="3">
        <f t="shared" si="887"/>
        <v>38.167000000000002</v>
      </c>
      <c r="D3843" s="239">
        <v>5.4912999999999998</v>
      </c>
      <c r="E3843" s="239">
        <v>9.0999999999999998E-2</v>
      </c>
      <c r="F3843" s="239">
        <v>-3.9899999999999998E-2</v>
      </c>
      <c r="G3843">
        <f t="shared" si="888"/>
        <v>5.48332</v>
      </c>
      <c r="H3843" s="235">
        <f t="shared" si="889"/>
        <v>1.6595785035343549</v>
      </c>
      <c r="I3843" s="236">
        <f t="shared" si="890"/>
        <v>19.198994046026286</v>
      </c>
      <c r="J3843" s="237">
        <f t="shared" si="895"/>
        <v>9.1989940460262858</v>
      </c>
      <c r="K3843" s="237">
        <f t="shared" si="891"/>
        <v>732.7680057546853</v>
      </c>
      <c r="L3843" s="237">
        <f t="shared" si="896"/>
        <v>351.16239871300741</v>
      </c>
      <c r="M3843" s="236">
        <f t="shared" si="892"/>
        <v>13.528077071052737</v>
      </c>
      <c r="N3843" s="236">
        <f t="shared" si="893"/>
        <v>1.9155668669711401</v>
      </c>
      <c r="O3843" s="236">
        <f t="shared" si="897"/>
        <v>2.7796967376186283</v>
      </c>
      <c r="P3843" s="236" t="str">
        <f t="shared" si="898"/>
        <v>CLAY</v>
      </c>
      <c r="Q3843" s="236">
        <f t="shared" si="894"/>
        <v>395.87933285377625</v>
      </c>
      <c r="R3843" s="238">
        <v>35</v>
      </c>
      <c r="S3843" s="236">
        <f t="shared" si="899"/>
        <v>6.4861217233090436</v>
      </c>
      <c r="T3843" s="236" t="e">
        <f t="shared" si="885"/>
        <v>#N/A</v>
      </c>
    </row>
    <row r="3844" spans="1:20" x14ac:dyDescent="0.2">
      <c r="A3844" s="53">
        <f t="shared" si="886"/>
        <v>3832</v>
      </c>
      <c r="B3844" s="239">
        <v>38.183</v>
      </c>
      <c r="C3844" s="3">
        <f t="shared" si="887"/>
        <v>38.176000000000002</v>
      </c>
      <c r="D3844" s="239">
        <v>4.7740999999999998</v>
      </c>
      <c r="E3844" s="239">
        <v>0.10489999999999999</v>
      </c>
      <c r="F3844" s="239">
        <v>7.22E-2</v>
      </c>
      <c r="G3844">
        <f t="shared" si="888"/>
        <v>4.7885399999999994</v>
      </c>
      <c r="H3844" s="235">
        <f t="shared" si="889"/>
        <v>2.1906468359875872</v>
      </c>
      <c r="I3844" s="236">
        <f t="shared" si="890"/>
        <v>19.312719680102958</v>
      </c>
      <c r="J3844" s="237">
        <f t="shared" si="895"/>
        <v>9.3127196801029584</v>
      </c>
      <c r="K3844" s="237">
        <f t="shared" si="891"/>
        <v>737.28238650761057</v>
      </c>
      <c r="L3844" s="237">
        <f t="shared" si="896"/>
        <v>355.58757554537124</v>
      </c>
      <c r="M3844" s="236">
        <f t="shared" si="892"/>
        <v>11.393136015168414</v>
      </c>
      <c r="N3844" s="236">
        <f t="shared" si="893"/>
        <v>2.5893194165347313</v>
      </c>
      <c r="O3844" s="236">
        <f t="shared" si="897"/>
        <v>2.9140325912678562</v>
      </c>
      <c r="P3844" s="236" t="str">
        <f t="shared" si="898"/>
        <v>CLAY</v>
      </c>
      <c r="Q3844" s="236">
        <f t="shared" si="894"/>
        <v>337.60480112436568</v>
      </c>
      <c r="R3844" s="238">
        <v>35</v>
      </c>
      <c r="S3844" s="236">
        <f t="shared" si="899"/>
        <v>5.2329201929269944</v>
      </c>
      <c r="T3844" s="236" t="e">
        <f t="shared" si="885"/>
        <v>#N/A</v>
      </c>
    </row>
    <row r="3845" spans="1:20" x14ac:dyDescent="0.2">
      <c r="A3845" s="53">
        <f t="shared" si="886"/>
        <v>3833</v>
      </c>
      <c r="B3845" s="239">
        <v>38.192999999999998</v>
      </c>
      <c r="C3845" s="3">
        <f t="shared" si="887"/>
        <v>38.186</v>
      </c>
      <c r="D3845" s="239">
        <v>4.1584000000000003</v>
      </c>
      <c r="E3845" s="239">
        <v>0.1226</v>
      </c>
      <c r="F3845" s="239">
        <v>0.11310000000000001</v>
      </c>
      <c r="G3845">
        <f t="shared" si="888"/>
        <v>4.1810200000000002</v>
      </c>
      <c r="H3845" s="235">
        <f t="shared" si="889"/>
        <v>2.9322988170350772</v>
      </c>
      <c r="I3845" s="236">
        <f t="shared" si="890"/>
        <v>19.442521344386179</v>
      </c>
      <c r="J3845" s="237">
        <f t="shared" si="895"/>
        <v>9.4425213443861793</v>
      </c>
      <c r="K3845" s="237">
        <f t="shared" si="891"/>
        <v>742.4321200567307</v>
      </c>
      <c r="L3845" s="237">
        <f t="shared" si="896"/>
        <v>360.63821770614135</v>
      </c>
      <c r="M3845" s="236">
        <f t="shared" si="892"/>
        <v>9.5347295741826574</v>
      </c>
      <c r="N3845" s="236">
        <f t="shared" si="893"/>
        <v>3.5654170921472175</v>
      </c>
      <c r="O3845" s="236">
        <f t="shared" si="897"/>
        <v>3.0567825912980324</v>
      </c>
      <c r="P3845" s="236" t="str">
        <f t="shared" si="898"/>
        <v>CLAY</v>
      </c>
      <c r="Q3845" s="236">
        <f t="shared" si="894"/>
        <v>286.54898999527251</v>
      </c>
      <c r="R3845" s="238">
        <v>35</v>
      </c>
      <c r="S3845" s="236">
        <f t="shared" si="899"/>
        <v>4.188663609558783</v>
      </c>
      <c r="T3845" s="236" t="e">
        <f t="shared" si="885"/>
        <v>#N/A</v>
      </c>
    </row>
    <row r="3846" spans="1:20" x14ac:dyDescent="0.2">
      <c r="A3846" s="53">
        <f t="shared" si="886"/>
        <v>3834</v>
      </c>
      <c r="B3846" s="239">
        <v>38.201999999999998</v>
      </c>
      <c r="C3846" s="3">
        <f t="shared" si="887"/>
        <v>38.195</v>
      </c>
      <c r="D3846" s="239">
        <v>3.7225000000000001</v>
      </c>
      <c r="E3846" s="239">
        <v>0.13159999999999999</v>
      </c>
      <c r="F3846" s="239">
        <v>0.112</v>
      </c>
      <c r="G3846">
        <f t="shared" si="888"/>
        <v>3.7449000000000003</v>
      </c>
      <c r="H3846" s="235">
        <f t="shared" si="889"/>
        <v>3.5141125263691952</v>
      </c>
      <c r="I3846" s="236">
        <f t="shared" si="890"/>
        <v>19.482530158141959</v>
      </c>
      <c r="J3846" s="237">
        <f t="shared" si="895"/>
        <v>9.4825301581419588</v>
      </c>
      <c r="K3846" s="237">
        <f t="shared" si="891"/>
        <v>744.13523939023207</v>
      </c>
      <c r="L3846" s="237">
        <f t="shared" si="896"/>
        <v>362.25161710133909</v>
      </c>
      <c r="M3846" s="236">
        <f t="shared" si="892"/>
        <v>8.2836476607647853</v>
      </c>
      <c r="N3846" s="236">
        <f t="shared" si="893"/>
        <v>4.3855487017002392</v>
      </c>
      <c r="O3846" s="236">
        <f t="shared" si="897"/>
        <v>3.1589089977981639</v>
      </c>
      <c r="P3846" s="236" t="str">
        <f t="shared" si="898"/>
        <v>CLAY</v>
      </c>
      <c r="Q3846" s="236">
        <f t="shared" si="894"/>
        <v>250.06373005081403</v>
      </c>
      <c r="R3846" s="238">
        <v>35</v>
      </c>
      <c r="S3846" s="236">
        <f t="shared" si="899"/>
        <v>3.5133145268448827</v>
      </c>
      <c r="T3846" s="236" t="e">
        <f t="shared" si="885"/>
        <v>#N/A</v>
      </c>
    </row>
    <row r="3847" spans="1:20" x14ac:dyDescent="0.2">
      <c r="A3847" s="53">
        <f t="shared" si="886"/>
        <v>3835</v>
      </c>
      <c r="B3847" s="239">
        <v>38.213000000000001</v>
      </c>
      <c r="C3847" s="3">
        <f t="shared" si="887"/>
        <v>38.206000000000003</v>
      </c>
      <c r="D3847" s="239">
        <v>3.2105999999999999</v>
      </c>
      <c r="E3847" s="239">
        <v>0.1431</v>
      </c>
      <c r="F3847" s="239">
        <v>0.12479999999999999</v>
      </c>
      <c r="G3847">
        <f t="shared" si="888"/>
        <v>3.23556</v>
      </c>
      <c r="H3847" s="235">
        <f t="shared" si="889"/>
        <v>4.4227274413084601</v>
      </c>
      <c r="I3847" s="236">
        <f t="shared" si="890"/>
        <v>19.523624577517541</v>
      </c>
      <c r="J3847" s="237">
        <f t="shared" si="895"/>
        <v>9.5236245775175412</v>
      </c>
      <c r="K3847" s="237">
        <f t="shared" si="891"/>
        <v>745.91960060863528</v>
      </c>
      <c r="L3847" s="237">
        <f t="shared" si="896"/>
        <v>363.92626598067778</v>
      </c>
      <c r="M3847" s="236">
        <f t="shared" si="892"/>
        <v>6.8410571924026744</v>
      </c>
      <c r="N3847" s="236">
        <f t="shared" si="893"/>
        <v>5.7478180397049812</v>
      </c>
      <c r="O3847" s="236">
        <f t="shared" si="897"/>
        <v>3.2956043164069153</v>
      </c>
      <c r="P3847" s="236" t="str">
        <f t="shared" si="898"/>
        <v>CLAY</v>
      </c>
      <c r="Q3847" s="236">
        <f t="shared" si="894"/>
        <v>207.47003328261371</v>
      </c>
      <c r="R3847" s="238">
        <v>35</v>
      </c>
      <c r="S3847" s="236">
        <f t="shared" si="899"/>
        <v>2.7659481535241661</v>
      </c>
      <c r="T3847" s="236" t="e">
        <f t="shared" si="885"/>
        <v>#N/A</v>
      </c>
    </row>
    <row r="3848" spans="1:20" x14ac:dyDescent="0.2">
      <c r="A3848" s="53">
        <f t="shared" si="886"/>
        <v>3836</v>
      </c>
      <c r="B3848" s="239">
        <v>38.222000000000001</v>
      </c>
      <c r="C3848" s="3">
        <f t="shared" si="887"/>
        <v>38.215000000000003</v>
      </c>
      <c r="D3848" s="239">
        <v>2.9672999999999998</v>
      </c>
      <c r="E3848" s="239">
        <v>0.15379999999999999</v>
      </c>
      <c r="F3848" s="239">
        <v>0.1389</v>
      </c>
      <c r="G3848">
        <f t="shared" si="888"/>
        <v>2.9950799999999997</v>
      </c>
      <c r="H3848" s="235">
        <f t="shared" si="889"/>
        <v>5.1350882113332528</v>
      </c>
      <c r="I3848" s="236">
        <f t="shared" si="890"/>
        <v>19.577992744520806</v>
      </c>
      <c r="J3848" s="237">
        <f t="shared" si="895"/>
        <v>9.577992744520806</v>
      </c>
      <c r="K3848" s="237">
        <f t="shared" si="891"/>
        <v>748.17299273186268</v>
      </c>
      <c r="L3848" s="237">
        <f t="shared" si="896"/>
        <v>366.09003868107425</v>
      </c>
      <c r="M3848" s="236">
        <f t="shared" si="892"/>
        <v>6.1375802940805215</v>
      </c>
      <c r="N3848" s="236">
        <f t="shared" si="893"/>
        <v>6.8449650787726659</v>
      </c>
      <c r="O3848" s="236">
        <f t="shared" si="897"/>
        <v>3.3790072523337349</v>
      </c>
      <c r="P3848" s="236" t="str">
        <f t="shared" si="898"/>
        <v>CLAY</v>
      </c>
      <c r="Q3848" s="236">
        <f t="shared" si="894"/>
        <v>187.24225060567809</v>
      </c>
      <c r="R3848" s="238">
        <v>35</v>
      </c>
      <c r="S3848" s="236">
        <f t="shared" si="899"/>
        <v>2.4151076419497888</v>
      </c>
      <c r="T3848" s="236" t="e">
        <f t="shared" si="885"/>
        <v>#N/A</v>
      </c>
    </row>
    <row r="3849" spans="1:20" x14ac:dyDescent="0.2">
      <c r="A3849" s="53">
        <f t="shared" si="886"/>
        <v>3837</v>
      </c>
      <c r="B3849" s="239">
        <v>38.231999999999999</v>
      </c>
      <c r="C3849" s="3">
        <f t="shared" si="887"/>
        <v>38.225000000000001</v>
      </c>
      <c r="D3849" s="239">
        <v>2.7208000000000001</v>
      </c>
      <c r="E3849" s="239">
        <v>0.1517</v>
      </c>
      <c r="F3849" s="239">
        <v>0.18360000000000001</v>
      </c>
      <c r="G3849">
        <f t="shared" si="888"/>
        <v>2.75752</v>
      </c>
      <c r="H3849" s="235">
        <f t="shared" si="889"/>
        <v>5.5013200266906495</v>
      </c>
      <c r="I3849" s="236">
        <f t="shared" si="890"/>
        <v>19.529570926420565</v>
      </c>
      <c r="J3849" s="237">
        <f t="shared" si="895"/>
        <v>9.5295709264205648</v>
      </c>
      <c r="K3849" s="237">
        <f t="shared" si="891"/>
        <v>746.5178486624261</v>
      </c>
      <c r="L3849" s="237">
        <f t="shared" si="896"/>
        <v>364.33455565891103</v>
      </c>
      <c r="M3849" s="236">
        <f t="shared" si="892"/>
        <v>5.5196580178913042</v>
      </c>
      <c r="N3849" s="236">
        <f t="shared" si="893"/>
        <v>7.543502621272685</v>
      </c>
      <c r="O3849" s="236">
        <f t="shared" si="897"/>
        <v>3.441260798706089</v>
      </c>
      <c r="P3849" s="236" t="str">
        <f t="shared" si="898"/>
        <v>CLAY</v>
      </c>
      <c r="Q3849" s="236">
        <f t="shared" si="894"/>
        <v>167.5835126114645</v>
      </c>
      <c r="R3849" s="238">
        <v>35</v>
      </c>
      <c r="S3849" s="236">
        <f t="shared" si="899"/>
        <v>2.115096674086741</v>
      </c>
      <c r="T3849" s="236" t="e">
        <f t="shared" si="885"/>
        <v>#N/A</v>
      </c>
    </row>
    <row r="3850" spans="1:20" x14ac:dyDescent="0.2">
      <c r="A3850" s="53">
        <f t="shared" si="886"/>
        <v>3838</v>
      </c>
      <c r="B3850" s="239">
        <v>38.241999999999997</v>
      </c>
      <c r="C3850" s="3">
        <f t="shared" si="887"/>
        <v>38.234999999999999</v>
      </c>
      <c r="D3850" s="239">
        <v>2.6816</v>
      </c>
      <c r="E3850" s="239">
        <v>0.1658</v>
      </c>
      <c r="F3850" s="239">
        <v>0.21740000000000001</v>
      </c>
      <c r="G3850">
        <f t="shared" si="888"/>
        <v>2.7250800000000002</v>
      </c>
      <c r="H3850" s="235">
        <f t="shared" si="889"/>
        <v>6.0842250502737532</v>
      </c>
      <c r="I3850" s="236">
        <f t="shared" si="890"/>
        <v>19.629162605880705</v>
      </c>
      <c r="J3850" s="237">
        <f t="shared" si="895"/>
        <v>9.6291626058807047</v>
      </c>
      <c r="K3850" s="237">
        <f t="shared" si="891"/>
        <v>750.52103223584868</v>
      </c>
      <c r="L3850" s="237">
        <f t="shared" si="896"/>
        <v>368.23843637408987</v>
      </c>
      <c r="M3850" s="236">
        <f t="shared" si="892"/>
        <v>5.3621750820118521</v>
      </c>
      <c r="N3850" s="236">
        <f t="shared" si="893"/>
        <v>8.3968117795813413</v>
      </c>
      <c r="O3850" s="236">
        <f t="shared" si="897"/>
        <v>3.4797181562439774</v>
      </c>
      <c r="P3850" s="236" t="str">
        <f t="shared" si="898"/>
        <v>CLAY</v>
      </c>
      <c r="Q3850" s="236">
        <f t="shared" si="894"/>
        <v>164.54658064701263</v>
      </c>
      <c r="R3850" s="238">
        <v>35</v>
      </c>
      <c r="S3850" s="236">
        <f t="shared" si="899"/>
        <v>2.0399346100480731</v>
      </c>
      <c r="T3850" s="236" t="e">
        <f t="shared" si="885"/>
        <v>#N/A</v>
      </c>
    </row>
    <row r="3851" spans="1:20" x14ac:dyDescent="0.2">
      <c r="A3851" s="53">
        <f t="shared" si="886"/>
        <v>3839</v>
      </c>
      <c r="B3851" s="239">
        <v>38.250999999999998</v>
      </c>
      <c r="C3851" s="3">
        <f t="shared" si="887"/>
        <v>38.244</v>
      </c>
      <c r="D3851" s="239">
        <v>2.7311000000000001</v>
      </c>
      <c r="E3851" s="239">
        <v>0.16850000000000001</v>
      </c>
      <c r="F3851" s="239">
        <v>0.25640000000000002</v>
      </c>
      <c r="G3851">
        <f t="shared" si="888"/>
        <v>2.7823799999999999</v>
      </c>
      <c r="H3851" s="235">
        <f t="shared" si="889"/>
        <v>6.0559664747446433</v>
      </c>
      <c r="I3851" s="236">
        <f t="shared" si="890"/>
        <v>19.656237597071883</v>
      </c>
      <c r="J3851" s="237">
        <f t="shared" si="895"/>
        <v>9.6562375970718826</v>
      </c>
      <c r="K3851" s="237">
        <f t="shared" si="891"/>
        <v>751.73315066241707</v>
      </c>
      <c r="L3851" s="237">
        <f t="shared" si="896"/>
        <v>369.36074432559656</v>
      </c>
      <c r="M3851" s="236">
        <f t="shared" si="892"/>
        <v>5.4977332608674283</v>
      </c>
      <c r="N3851" s="236">
        <f t="shared" si="893"/>
        <v>8.2978485429392315</v>
      </c>
      <c r="O3851" s="236">
        <f t="shared" si="897"/>
        <v>3.4680067255999414</v>
      </c>
      <c r="P3851" s="236" t="str">
        <f t="shared" si="898"/>
        <v>CLAY</v>
      </c>
      <c r="Q3851" s="236">
        <f t="shared" si="894"/>
        <v>169.22057077813187</v>
      </c>
      <c r="R3851" s="238">
        <v>35</v>
      </c>
      <c r="S3851" s="236">
        <f t="shared" si="899"/>
        <v>2.1046001150805687</v>
      </c>
      <c r="T3851" s="236" t="e">
        <f t="shared" si="885"/>
        <v>#N/A</v>
      </c>
    </row>
    <row r="3852" spans="1:20" x14ac:dyDescent="0.2">
      <c r="A3852" s="53">
        <f t="shared" si="886"/>
        <v>3840</v>
      </c>
      <c r="B3852" s="239">
        <v>38.262</v>
      </c>
      <c r="C3852" s="3">
        <f t="shared" si="887"/>
        <v>38.255000000000003</v>
      </c>
      <c r="D3852" s="239">
        <v>2.7557999999999998</v>
      </c>
      <c r="E3852" s="239">
        <v>0.16589999999999999</v>
      </c>
      <c r="F3852" s="239">
        <v>0.30480000000000002</v>
      </c>
      <c r="G3852">
        <f t="shared" si="888"/>
        <v>2.8167599999999999</v>
      </c>
      <c r="H3852" s="235">
        <f t="shared" si="889"/>
        <v>5.889745665232395</v>
      </c>
      <c r="I3852" s="236">
        <f t="shared" si="890"/>
        <v>19.642803156981469</v>
      </c>
      <c r="J3852" s="237">
        <f t="shared" si="895"/>
        <v>9.6428031569814685</v>
      </c>
      <c r="K3852" s="237">
        <f t="shared" si="891"/>
        <v>751.43543477032608</v>
      </c>
      <c r="L3852" s="237">
        <f t="shared" si="896"/>
        <v>368.95293439242494</v>
      </c>
      <c r="M3852" s="236">
        <f t="shared" si="892"/>
        <v>5.5977995367641054</v>
      </c>
      <c r="N3852" s="236">
        <f t="shared" si="893"/>
        <v>8.0326357800112227</v>
      </c>
      <c r="O3852" s="236">
        <f t="shared" si="897"/>
        <v>3.4531451507054456</v>
      </c>
      <c r="P3852" s="236" t="str">
        <f t="shared" si="898"/>
        <v>CLAY</v>
      </c>
      <c r="Q3852" s="236">
        <f t="shared" si="894"/>
        <v>172.11038043580615</v>
      </c>
      <c r="R3852" s="238">
        <v>35</v>
      </c>
      <c r="S3852" s="236">
        <f t="shared" si="899"/>
        <v>2.1525918219708746</v>
      </c>
      <c r="T3852" s="236" t="e">
        <f t="shared" si="885"/>
        <v>#N/A</v>
      </c>
    </row>
    <row r="3853" spans="1:20" x14ac:dyDescent="0.2">
      <c r="A3853" s="53">
        <f t="shared" si="886"/>
        <v>3841</v>
      </c>
      <c r="B3853" s="239">
        <v>38.271000000000001</v>
      </c>
      <c r="C3853" s="3">
        <f t="shared" si="887"/>
        <v>38.264000000000003</v>
      </c>
      <c r="D3853" s="239">
        <v>2.8111000000000002</v>
      </c>
      <c r="E3853" s="239">
        <v>0.16170000000000001</v>
      </c>
      <c r="F3853" s="239">
        <v>0.34739999999999999</v>
      </c>
      <c r="G3853">
        <f t="shared" si="888"/>
        <v>2.8805800000000001</v>
      </c>
      <c r="H3853" s="235">
        <f t="shared" si="889"/>
        <v>5.6134528463017865</v>
      </c>
      <c r="I3853" s="236">
        <f t="shared" si="890"/>
        <v>19.621492055062735</v>
      </c>
      <c r="J3853" s="237">
        <f t="shared" si="895"/>
        <v>9.6214920550627347</v>
      </c>
      <c r="K3853" s="237">
        <f t="shared" si="891"/>
        <v>750.7967719949205</v>
      </c>
      <c r="L3853" s="237">
        <f t="shared" si="896"/>
        <v>368.22412243930592</v>
      </c>
      <c r="M3853" s="236">
        <f t="shared" si="892"/>
        <v>5.7839318453563013</v>
      </c>
      <c r="N3853" s="236">
        <f t="shared" si="893"/>
        <v>7.5923219731362428</v>
      </c>
      <c r="O3853" s="236">
        <f t="shared" si="897"/>
        <v>3.4268978553560316</v>
      </c>
      <c r="P3853" s="236" t="str">
        <f t="shared" si="898"/>
        <v>CLAY</v>
      </c>
      <c r="Q3853" s="236">
        <f t="shared" si="894"/>
        <v>177.48193566708994</v>
      </c>
      <c r="R3853" s="238">
        <v>35</v>
      </c>
      <c r="S3853" s="236">
        <f t="shared" si="899"/>
        <v>2.2424303732055493</v>
      </c>
      <c r="T3853" s="236" t="e">
        <f t="shared" ref="T3853:T3916" si="900">IF(P3853="SAND",17.6+(11*LOG(M3853)),#N/A)</f>
        <v>#N/A</v>
      </c>
    </row>
    <row r="3854" spans="1:20" x14ac:dyDescent="0.2">
      <c r="A3854" s="53">
        <f t="shared" ref="A3854:A3917" si="901">$A3853+1</f>
        <v>3842</v>
      </c>
      <c r="B3854" s="239">
        <v>38.280999999999999</v>
      </c>
      <c r="C3854" s="3">
        <f t="shared" ref="C3854:C3917" si="902">MAX($B3854 - $B$13, 0.001)</f>
        <v>38.274000000000001</v>
      </c>
      <c r="D3854" s="239">
        <v>2.9337</v>
      </c>
      <c r="E3854" s="239">
        <v>0.16020000000000001</v>
      </c>
      <c r="F3854" s="239">
        <v>0.37219999999999998</v>
      </c>
      <c r="G3854">
        <f t="shared" si="888"/>
        <v>3.00814</v>
      </c>
      <c r="H3854" s="235">
        <f t="shared" si="889"/>
        <v>5.325550007645921</v>
      </c>
      <c r="I3854" s="236">
        <f t="shared" si="890"/>
        <v>19.627500076263608</v>
      </c>
      <c r="J3854" s="237">
        <f t="shared" si="895"/>
        <v>9.6275000762636083</v>
      </c>
      <c r="K3854" s="237">
        <f t="shared" si="891"/>
        <v>751.22293791891332</v>
      </c>
      <c r="L3854" s="237">
        <f t="shared" si="896"/>
        <v>368.55033041944716</v>
      </c>
      <c r="M3854" s="236">
        <f t="shared" si="892"/>
        <v>6.1237689286901169</v>
      </c>
      <c r="N3854" s="236">
        <f t="shared" si="893"/>
        <v>7.0981784262945311</v>
      </c>
      <c r="O3854" s="236">
        <f t="shared" si="897"/>
        <v>3.3894007845045593</v>
      </c>
      <c r="P3854" s="236" t="str">
        <f t="shared" si="898"/>
        <v>CLAY</v>
      </c>
      <c r="Q3854" s="236">
        <f t="shared" si="894"/>
        <v>188.07642184009055</v>
      </c>
      <c r="R3854" s="238">
        <v>35</v>
      </c>
      <c r="S3854" s="236">
        <f t="shared" si="899"/>
        <v>2.4083161735223197</v>
      </c>
      <c r="T3854" s="236" t="e">
        <f t="shared" si="900"/>
        <v>#N/A</v>
      </c>
    </row>
    <row r="3855" spans="1:20" x14ac:dyDescent="0.2">
      <c r="A3855" s="53">
        <f t="shared" si="901"/>
        <v>3843</v>
      </c>
      <c r="B3855" s="239">
        <v>38.290999999999997</v>
      </c>
      <c r="C3855" s="3">
        <f t="shared" si="902"/>
        <v>38.283999999999999</v>
      </c>
      <c r="D3855" s="239">
        <v>3.1457000000000002</v>
      </c>
      <c r="E3855" s="239">
        <v>0.15240000000000001</v>
      </c>
      <c r="F3855" s="239">
        <v>0.42109999999999997</v>
      </c>
      <c r="G3855">
        <f t="shared" ref="G3855:G3918" si="903">$D3855+($F3855*(1-$P$8))</f>
        <v>3.2299200000000003</v>
      </c>
      <c r="H3855" s="235">
        <f t="shared" ref="H3855:H3918" si="904">($E3855/$G3855)*100</f>
        <v>4.7183831178481199</v>
      </c>
      <c r="I3855" s="236">
        <f t="shared" ref="I3855:I3918" si="905">((0.27*(LOG($H3855)))+(0.36*(LOG(($G3855*1000)/101)))+1.236)*10</f>
        <v>19.596775054402553</v>
      </c>
      <c r="J3855" s="237">
        <f t="shared" si="895"/>
        <v>9.5967750544025527</v>
      </c>
      <c r="K3855" s="237">
        <f t="shared" ref="K3855:K3918" si="906">$I3855*$C3855</f>
        <v>750.24293618274726</v>
      </c>
      <c r="L3855" s="237">
        <f t="shared" si="896"/>
        <v>367.47011360812814</v>
      </c>
      <c r="M3855" s="236">
        <f t="shared" ref="M3855:M3918" si="907">(($G3855*1000)-$K3855)/$L3855</f>
        <v>6.7479693504043503</v>
      </c>
      <c r="N3855" s="236">
        <f t="shared" ref="N3855:N3918" si="908">(($E3855*1000)/(($G3855*1000)-$K3855))*100</f>
        <v>6.1459615941034311</v>
      </c>
      <c r="O3855" s="236">
        <f t="shared" si="897"/>
        <v>3.3178908755786551</v>
      </c>
      <c r="P3855" s="236" t="str">
        <f t="shared" si="898"/>
        <v>CLAY</v>
      </c>
      <c r="Q3855" s="236">
        <f t="shared" ref="Q3855:Q3918" si="909">IF(P3855="CLAY",($G3855*1000 -$K3855)/$L$8,#N/A)</f>
        <v>206.63975531810445</v>
      </c>
      <c r="R3855" s="238">
        <v>35</v>
      </c>
      <c r="S3855" s="236">
        <f t="shared" si="899"/>
        <v>2.7189823307399288</v>
      </c>
      <c r="T3855" s="236" t="e">
        <f t="shared" si="900"/>
        <v>#N/A</v>
      </c>
    </row>
    <row r="3856" spans="1:20" x14ac:dyDescent="0.2">
      <c r="A3856" s="53">
        <f t="shared" si="901"/>
        <v>3844</v>
      </c>
      <c r="B3856" s="239">
        <v>38.301000000000002</v>
      </c>
      <c r="C3856" s="3">
        <f t="shared" si="902"/>
        <v>38.294000000000004</v>
      </c>
      <c r="D3856" s="239">
        <v>3.4729999999999999</v>
      </c>
      <c r="E3856" s="239">
        <v>0.1396</v>
      </c>
      <c r="F3856" s="239">
        <v>0.45900000000000002</v>
      </c>
      <c r="G3856">
        <f t="shared" si="903"/>
        <v>3.5648</v>
      </c>
      <c r="H3856" s="235">
        <f t="shared" si="904"/>
        <v>3.9160682226211851</v>
      </c>
      <c r="I3856" s="236">
        <f t="shared" si="905"/>
        <v>19.532465335999625</v>
      </c>
      <c r="J3856" s="237">
        <f t="shared" ref="J3856:J3919" si="910">$I3856-10</f>
        <v>9.5324653359996248</v>
      </c>
      <c r="K3856" s="237">
        <f t="shared" si="906"/>
        <v>747.9762275767697</v>
      </c>
      <c r="L3856" s="237">
        <f t="shared" ref="L3856:L3919" si="911">$J3856*$B3856</f>
        <v>365.10295483412165</v>
      </c>
      <c r="M3856" s="236">
        <f t="shared" si="907"/>
        <v>7.7151492068942762</v>
      </c>
      <c r="N3856" s="236">
        <f t="shared" si="908"/>
        <v>4.9559365895263738</v>
      </c>
      <c r="O3856" s="236">
        <f t="shared" ref="O3856:O3919" si="912">((3.47-LOG($M3856))^2+(LOG($N3856)+1.22)^2)^0.5</f>
        <v>3.215247566860485</v>
      </c>
      <c r="P3856" s="236" t="str">
        <f t="shared" ref="P3856:P3919" si="913">IF(O3856&lt;2.6,"SAND","CLAY")</f>
        <v>CLAY</v>
      </c>
      <c r="Q3856" s="236">
        <f t="shared" si="909"/>
        <v>234.73531436860253</v>
      </c>
      <c r="R3856" s="238">
        <v>35</v>
      </c>
      <c r="S3856" s="236">
        <f t="shared" ref="S3856:S3919" si="914">IF(P3856="SAND",#N/A,0.25*($M3856)^1.25)</f>
        <v>3.2145517413950926</v>
      </c>
      <c r="T3856" s="236" t="e">
        <f t="shared" si="900"/>
        <v>#N/A</v>
      </c>
    </row>
    <row r="3857" spans="1:20" x14ac:dyDescent="0.2">
      <c r="A3857" s="53">
        <f t="shared" si="901"/>
        <v>3845</v>
      </c>
      <c r="B3857" s="239">
        <v>38.311</v>
      </c>
      <c r="C3857" s="3">
        <f t="shared" si="902"/>
        <v>38.304000000000002</v>
      </c>
      <c r="D3857" s="239">
        <v>3.6951000000000001</v>
      </c>
      <c r="E3857" s="239">
        <v>0.13339999999999999</v>
      </c>
      <c r="F3857" s="239">
        <v>0.49719999999999998</v>
      </c>
      <c r="G3857">
        <f t="shared" si="903"/>
        <v>3.79454</v>
      </c>
      <c r="H3857" s="235">
        <f t="shared" si="904"/>
        <v>3.5155776457752452</v>
      </c>
      <c r="I3857" s="236">
        <f t="shared" si="905"/>
        <v>19.503607016006825</v>
      </c>
      <c r="J3857" s="237">
        <f t="shared" si="910"/>
        <v>9.5036070160068249</v>
      </c>
      <c r="K3857" s="237">
        <f t="shared" si="906"/>
        <v>747.06616314112546</v>
      </c>
      <c r="L3857" s="237">
        <f t="shared" si="911"/>
        <v>364.09268839023747</v>
      </c>
      <c r="M3857" s="236">
        <f t="shared" si="907"/>
        <v>8.3700495341795147</v>
      </c>
      <c r="N3857" s="236">
        <f t="shared" si="908"/>
        <v>4.3773960710192501</v>
      </c>
      <c r="O3857" s="236">
        <f t="shared" si="912"/>
        <v>3.1547930067758654</v>
      </c>
      <c r="P3857" s="236" t="str">
        <f t="shared" si="913"/>
        <v>CLAY</v>
      </c>
      <c r="Q3857" s="236">
        <f t="shared" si="909"/>
        <v>253.95615307157288</v>
      </c>
      <c r="R3857" s="238">
        <v>35</v>
      </c>
      <c r="S3857" s="236">
        <f t="shared" si="914"/>
        <v>3.5591807503069273</v>
      </c>
      <c r="T3857" s="236" t="e">
        <f t="shared" si="900"/>
        <v>#N/A</v>
      </c>
    </row>
    <row r="3858" spans="1:20" x14ac:dyDescent="0.2">
      <c r="A3858" s="53">
        <f t="shared" si="901"/>
        <v>3846</v>
      </c>
      <c r="B3858" s="239">
        <v>38.320999999999998</v>
      </c>
      <c r="C3858" s="3">
        <f t="shared" si="902"/>
        <v>38.314</v>
      </c>
      <c r="D3858" s="239">
        <v>3.7490000000000001</v>
      </c>
      <c r="E3858" s="239">
        <v>0.1237</v>
      </c>
      <c r="F3858" s="239">
        <v>0.51639999999999997</v>
      </c>
      <c r="G3858">
        <f t="shared" si="903"/>
        <v>3.8522799999999999</v>
      </c>
      <c r="H3858" s="235">
        <f t="shared" si="904"/>
        <v>3.2110853832016368</v>
      </c>
      <c r="I3858" s="236">
        <f t="shared" si="905"/>
        <v>19.420987304744326</v>
      </c>
      <c r="J3858" s="237">
        <f t="shared" si="910"/>
        <v>9.420987304744326</v>
      </c>
      <c r="K3858" s="237">
        <f t="shared" si="906"/>
        <v>744.09570759397411</v>
      </c>
      <c r="L3858" s="237">
        <f t="shared" si="911"/>
        <v>361.02165450510728</v>
      </c>
      <c r="M3858" s="236">
        <f t="shared" si="907"/>
        <v>8.6094123541336085</v>
      </c>
      <c r="N3858" s="236">
        <f t="shared" si="908"/>
        <v>3.9798154923511504</v>
      </c>
      <c r="O3858" s="236">
        <f t="shared" si="912"/>
        <v>3.1206185962604218</v>
      </c>
      <c r="P3858" s="236" t="str">
        <f t="shared" si="913"/>
        <v>CLAY</v>
      </c>
      <c r="Q3858" s="236">
        <f t="shared" si="909"/>
        <v>259.01535770050214</v>
      </c>
      <c r="R3858" s="238">
        <v>35</v>
      </c>
      <c r="S3858" s="236">
        <f t="shared" si="914"/>
        <v>3.6868621099788923</v>
      </c>
      <c r="T3858" s="236" t="e">
        <f t="shared" si="900"/>
        <v>#N/A</v>
      </c>
    </row>
    <row r="3859" spans="1:20" x14ac:dyDescent="0.2">
      <c r="A3859" s="53">
        <f t="shared" si="901"/>
        <v>3847</v>
      </c>
      <c r="B3859" s="239">
        <v>38.33</v>
      </c>
      <c r="C3859" s="3">
        <f t="shared" si="902"/>
        <v>38.323</v>
      </c>
      <c r="D3859" s="239">
        <v>3.6394000000000002</v>
      </c>
      <c r="E3859" s="239">
        <v>0.1145</v>
      </c>
      <c r="F3859" s="239">
        <v>0.52749999999999997</v>
      </c>
      <c r="G3859">
        <f t="shared" si="903"/>
        <v>3.7449000000000003</v>
      </c>
      <c r="H3859" s="235">
        <f t="shared" si="904"/>
        <v>3.0574915218029854</v>
      </c>
      <c r="I3859" s="236">
        <f t="shared" si="905"/>
        <v>19.31931407111648</v>
      </c>
      <c r="J3859" s="237">
        <f t="shared" si="910"/>
        <v>9.3193140711164801</v>
      </c>
      <c r="K3859" s="237">
        <f t="shared" si="906"/>
        <v>740.37407314739687</v>
      </c>
      <c r="L3859" s="237">
        <f t="shared" si="911"/>
        <v>357.20930834589467</v>
      </c>
      <c r="M3859" s="236">
        <f t="shared" si="907"/>
        <v>8.4111075961750874</v>
      </c>
      <c r="N3859" s="236">
        <f t="shared" si="908"/>
        <v>3.8109173556024083</v>
      </c>
      <c r="O3859" s="236">
        <f t="shared" si="912"/>
        <v>3.1179287455068034</v>
      </c>
      <c r="P3859" s="236" t="str">
        <f t="shared" si="913"/>
        <v>CLAY</v>
      </c>
      <c r="Q3859" s="236">
        <f t="shared" si="909"/>
        <v>250.37716057105033</v>
      </c>
      <c r="R3859" s="238">
        <v>35</v>
      </c>
      <c r="S3859" s="236">
        <f t="shared" si="914"/>
        <v>3.5810179207392454</v>
      </c>
      <c r="T3859" s="236" t="e">
        <f t="shared" si="900"/>
        <v>#N/A</v>
      </c>
    </row>
    <row r="3860" spans="1:20" x14ac:dyDescent="0.2">
      <c r="A3860" s="53">
        <f t="shared" si="901"/>
        <v>3848</v>
      </c>
      <c r="B3860" s="239">
        <v>38.341000000000001</v>
      </c>
      <c r="C3860" s="3">
        <f t="shared" si="902"/>
        <v>38.334000000000003</v>
      </c>
      <c r="D3860" s="239">
        <v>3.5196999999999998</v>
      </c>
      <c r="E3860" s="239">
        <v>9.9400000000000002E-2</v>
      </c>
      <c r="F3860" s="239">
        <v>0.50780000000000003</v>
      </c>
      <c r="G3860">
        <f t="shared" si="903"/>
        <v>3.6212599999999999</v>
      </c>
      <c r="H3860" s="235">
        <f t="shared" si="904"/>
        <v>2.7449009460795417</v>
      </c>
      <c r="I3860" s="236">
        <f t="shared" si="905"/>
        <v>19.140360029009329</v>
      </c>
      <c r="J3860" s="237">
        <f t="shared" si="910"/>
        <v>9.1403600290093294</v>
      </c>
      <c r="K3860" s="237">
        <f t="shared" si="906"/>
        <v>733.72656135204375</v>
      </c>
      <c r="L3860" s="237">
        <f t="shared" si="911"/>
        <v>350.45054387224673</v>
      </c>
      <c r="M3860" s="236">
        <f t="shared" si="907"/>
        <v>8.2394891066300584</v>
      </c>
      <c r="N3860" s="236">
        <f t="shared" si="908"/>
        <v>3.4423843779465475</v>
      </c>
      <c r="O3860" s="236">
        <f t="shared" si="912"/>
        <v>3.0999968029472886</v>
      </c>
      <c r="P3860" s="236" t="str">
        <f t="shared" si="913"/>
        <v>CLAY</v>
      </c>
      <c r="Q3860" s="236">
        <f t="shared" si="909"/>
        <v>240.62778655399634</v>
      </c>
      <c r="R3860" s="238">
        <v>35</v>
      </c>
      <c r="S3860" s="236">
        <f t="shared" si="914"/>
        <v>3.489919131133564</v>
      </c>
      <c r="T3860" s="236" t="e">
        <f t="shared" si="900"/>
        <v>#N/A</v>
      </c>
    </row>
    <row r="3861" spans="1:20" x14ac:dyDescent="0.2">
      <c r="A3861" s="53">
        <f t="shared" si="901"/>
        <v>3849</v>
      </c>
      <c r="B3861" s="239">
        <v>38.350999999999999</v>
      </c>
      <c r="C3861" s="3">
        <f t="shared" si="902"/>
        <v>38.344000000000001</v>
      </c>
      <c r="D3861" s="239">
        <v>3.4485000000000001</v>
      </c>
      <c r="E3861" s="239">
        <v>8.8499999999999995E-2</v>
      </c>
      <c r="F3861" s="239">
        <v>0.4975</v>
      </c>
      <c r="G3861">
        <f t="shared" si="903"/>
        <v>3.548</v>
      </c>
      <c r="H3861" s="235">
        <f t="shared" si="904"/>
        <v>2.4943630214205181</v>
      </c>
      <c r="I3861" s="236">
        <f t="shared" si="905"/>
        <v>18.996175135310335</v>
      </c>
      <c r="J3861" s="237">
        <f t="shared" si="910"/>
        <v>8.9961751353103345</v>
      </c>
      <c r="K3861" s="237">
        <f t="shared" si="906"/>
        <v>728.38933938833952</v>
      </c>
      <c r="L3861" s="237">
        <f t="shared" si="911"/>
        <v>345.01231261428666</v>
      </c>
      <c r="M3861" s="236">
        <f t="shared" si="907"/>
        <v>8.1724928575633182</v>
      </c>
      <c r="N3861" s="236">
        <f t="shared" si="908"/>
        <v>3.1387312169121113</v>
      </c>
      <c r="O3861" s="236">
        <f t="shared" si="912"/>
        <v>3.080388771127184</v>
      </c>
      <c r="P3861" s="236" t="str">
        <f t="shared" si="913"/>
        <v>CLAY</v>
      </c>
      <c r="Q3861" s="236">
        <f t="shared" si="909"/>
        <v>234.9675550509717</v>
      </c>
      <c r="R3861" s="238">
        <v>35</v>
      </c>
      <c r="S3861" s="236">
        <f t="shared" si="914"/>
        <v>3.4544840817124962</v>
      </c>
      <c r="T3861" s="236" t="e">
        <f t="shared" si="900"/>
        <v>#N/A</v>
      </c>
    </row>
    <row r="3862" spans="1:20" x14ac:dyDescent="0.2">
      <c r="A3862" s="53">
        <f t="shared" si="901"/>
        <v>3850</v>
      </c>
      <c r="B3862" s="239">
        <v>38.36</v>
      </c>
      <c r="C3862" s="3">
        <f t="shared" si="902"/>
        <v>38.353000000000002</v>
      </c>
      <c r="D3862" s="239">
        <v>3.5263</v>
      </c>
      <c r="E3862" s="239">
        <v>8.2699999999999996E-2</v>
      </c>
      <c r="F3862" s="239">
        <v>0.52070000000000005</v>
      </c>
      <c r="G3862">
        <f t="shared" si="903"/>
        <v>3.6304400000000001</v>
      </c>
      <c r="H3862" s="235">
        <f t="shared" si="904"/>
        <v>2.2779607981401702</v>
      </c>
      <c r="I3862" s="236">
        <f t="shared" si="905"/>
        <v>18.92567126741557</v>
      </c>
      <c r="J3862" s="237">
        <f t="shared" si="910"/>
        <v>8.92567126741557</v>
      </c>
      <c r="K3862" s="237">
        <f t="shared" si="906"/>
        <v>725.85627011918939</v>
      </c>
      <c r="L3862" s="237">
        <f t="shared" si="911"/>
        <v>342.38874981806129</v>
      </c>
      <c r="M3862" s="236">
        <f t="shared" si="907"/>
        <v>8.4832919639569049</v>
      </c>
      <c r="N3862" s="236">
        <f t="shared" si="908"/>
        <v>2.847223825886871</v>
      </c>
      <c r="O3862" s="236">
        <f t="shared" si="912"/>
        <v>3.0434491227558547</v>
      </c>
      <c r="P3862" s="236" t="str">
        <f t="shared" si="913"/>
        <v>CLAY</v>
      </c>
      <c r="Q3862" s="236">
        <f t="shared" si="909"/>
        <v>242.04864415673421</v>
      </c>
      <c r="R3862" s="238">
        <v>35</v>
      </c>
      <c r="S3862" s="236">
        <f t="shared" si="914"/>
        <v>3.6194745417592076</v>
      </c>
      <c r="T3862" s="236" t="e">
        <f t="shared" si="900"/>
        <v>#N/A</v>
      </c>
    </row>
    <row r="3863" spans="1:20" x14ac:dyDescent="0.2">
      <c r="A3863" s="53">
        <f t="shared" si="901"/>
        <v>3851</v>
      </c>
      <c r="B3863" s="239">
        <v>38.369999999999997</v>
      </c>
      <c r="C3863" s="3">
        <f t="shared" si="902"/>
        <v>38.363</v>
      </c>
      <c r="D3863" s="239">
        <v>3.6335000000000002</v>
      </c>
      <c r="E3863" s="239">
        <v>0.08</v>
      </c>
      <c r="F3863" s="239">
        <v>0.53410000000000002</v>
      </c>
      <c r="G3863">
        <f t="shared" si="903"/>
        <v>3.7403200000000001</v>
      </c>
      <c r="H3863" s="235">
        <f t="shared" si="904"/>
        <v>2.1388544295675236</v>
      </c>
      <c r="I3863" s="236">
        <f t="shared" si="905"/>
        <v>18.898403902808067</v>
      </c>
      <c r="J3863" s="237">
        <f t="shared" si="910"/>
        <v>8.8984039028080666</v>
      </c>
      <c r="K3863" s="237">
        <f t="shared" si="906"/>
        <v>724.99946892342587</v>
      </c>
      <c r="L3863" s="237">
        <f t="shared" si="911"/>
        <v>341.43175775074548</v>
      </c>
      <c r="M3863" s="236">
        <f t="shared" si="907"/>
        <v>8.8314003095102844</v>
      </c>
      <c r="N3863" s="236">
        <f t="shared" si="908"/>
        <v>2.6531176097367406</v>
      </c>
      <c r="O3863" s="236">
        <f t="shared" si="912"/>
        <v>3.0120362158309839</v>
      </c>
      <c r="P3863" s="236" t="str">
        <f t="shared" si="913"/>
        <v>CLAY</v>
      </c>
      <c r="Q3863" s="236">
        <f t="shared" si="909"/>
        <v>251.27671092304786</v>
      </c>
      <c r="R3863" s="238">
        <v>35</v>
      </c>
      <c r="S3863" s="236">
        <f t="shared" si="914"/>
        <v>3.8060717604084799</v>
      </c>
      <c r="T3863" s="236" t="e">
        <f t="shared" si="900"/>
        <v>#N/A</v>
      </c>
    </row>
    <row r="3864" spans="1:20" x14ac:dyDescent="0.2">
      <c r="A3864" s="53">
        <f t="shared" si="901"/>
        <v>3852</v>
      </c>
      <c r="B3864" s="239">
        <v>38.380000000000003</v>
      </c>
      <c r="C3864" s="3">
        <f t="shared" si="902"/>
        <v>38.373000000000005</v>
      </c>
      <c r="D3864" s="239">
        <v>3.7965</v>
      </c>
      <c r="E3864" s="239">
        <v>9.0700000000000003E-2</v>
      </c>
      <c r="F3864" s="239">
        <v>0.61450000000000005</v>
      </c>
      <c r="G3864">
        <f t="shared" si="903"/>
        <v>3.9194</v>
      </c>
      <c r="H3864" s="235">
        <f t="shared" si="904"/>
        <v>2.3141297137316936</v>
      </c>
      <c r="I3864" s="236">
        <f t="shared" si="905"/>
        <v>19.063880358903479</v>
      </c>
      <c r="J3864" s="237">
        <f t="shared" si="910"/>
        <v>9.0638803589034787</v>
      </c>
      <c r="K3864" s="237">
        <f t="shared" si="906"/>
        <v>731.53828101220324</v>
      </c>
      <c r="L3864" s="237">
        <f t="shared" si="911"/>
        <v>347.87172817471554</v>
      </c>
      <c r="M3864" s="236">
        <f t="shared" si="907"/>
        <v>9.1638999688607097</v>
      </c>
      <c r="N3864" s="236">
        <f t="shared" si="908"/>
        <v>2.8451673251623619</v>
      </c>
      <c r="O3864" s="236">
        <f t="shared" si="912"/>
        <v>3.0153437597405839</v>
      </c>
      <c r="P3864" s="236" t="str">
        <f t="shared" si="913"/>
        <v>CLAY</v>
      </c>
      <c r="Q3864" s="236">
        <f t="shared" si="909"/>
        <v>265.65514324898305</v>
      </c>
      <c r="R3864" s="238">
        <v>35</v>
      </c>
      <c r="S3864" s="236">
        <f t="shared" si="914"/>
        <v>3.9860288116091271</v>
      </c>
      <c r="T3864" s="236" t="e">
        <f t="shared" si="900"/>
        <v>#N/A</v>
      </c>
    </row>
    <row r="3865" spans="1:20" x14ac:dyDescent="0.2">
      <c r="A3865" s="53">
        <f t="shared" si="901"/>
        <v>3853</v>
      </c>
      <c r="B3865" s="239">
        <v>38.39</v>
      </c>
      <c r="C3865" s="3">
        <f t="shared" si="902"/>
        <v>38.383000000000003</v>
      </c>
      <c r="D3865" s="239">
        <v>4.1948999999999996</v>
      </c>
      <c r="E3865" s="239">
        <v>9.1600000000000001E-2</v>
      </c>
      <c r="F3865" s="239">
        <v>0.64800000000000002</v>
      </c>
      <c r="G3865">
        <f t="shared" si="903"/>
        <v>4.3244999999999996</v>
      </c>
      <c r="H3865" s="235">
        <f t="shared" si="904"/>
        <v>2.1181639495895483</v>
      </c>
      <c r="I3865" s="236">
        <f t="shared" si="905"/>
        <v>19.113903144585183</v>
      </c>
      <c r="J3865" s="237">
        <f t="shared" si="910"/>
        <v>9.1139031445851835</v>
      </c>
      <c r="K3865" s="237">
        <f t="shared" si="906"/>
        <v>733.64894439861314</v>
      </c>
      <c r="L3865" s="237">
        <f t="shared" si="911"/>
        <v>349.88274172062518</v>
      </c>
      <c r="M3865" s="236">
        <f t="shared" si="907"/>
        <v>10.263012796637494</v>
      </c>
      <c r="N3865" s="236">
        <f t="shared" si="908"/>
        <v>2.5509273033509055</v>
      </c>
      <c r="O3865" s="236">
        <f t="shared" si="912"/>
        <v>2.9481309186526499</v>
      </c>
      <c r="P3865" s="236" t="str">
        <f t="shared" si="913"/>
        <v>CLAY</v>
      </c>
      <c r="Q3865" s="236">
        <f t="shared" si="909"/>
        <v>299.23758796678226</v>
      </c>
      <c r="R3865" s="238">
        <v>35</v>
      </c>
      <c r="S3865" s="236">
        <f t="shared" si="914"/>
        <v>4.5923353741807649</v>
      </c>
      <c r="T3865" s="236" t="e">
        <f t="shared" si="900"/>
        <v>#N/A</v>
      </c>
    </row>
    <row r="3866" spans="1:20" x14ac:dyDescent="0.2">
      <c r="A3866" s="53">
        <f t="shared" si="901"/>
        <v>3854</v>
      </c>
      <c r="B3866" s="239">
        <v>38.399000000000001</v>
      </c>
      <c r="C3866" s="3">
        <f t="shared" si="902"/>
        <v>38.392000000000003</v>
      </c>
      <c r="D3866" s="239">
        <v>4.5949</v>
      </c>
      <c r="E3866" s="239">
        <v>9.3100000000000002E-2</v>
      </c>
      <c r="F3866" s="239">
        <v>0.73529999999999995</v>
      </c>
      <c r="G3866">
        <f t="shared" si="903"/>
        <v>4.7419599999999997</v>
      </c>
      <c r="H3866" s="235">
        <f t="shared" si="904"/>
        <v>1.9633231828189188</v>
      </c>
      <c r="I3866" s="236">
        <f t="shared" si="905"/>
        <v>19.168969290648214</v>
      </c>
      <c r="J3866" s="237">
        <f t="shared" si="910"/>
        <v>9.1689692906482136</v>
      </c>
      <c r="K3866" s="237">
        <f t="shared" si="906"/>
        <v>735.93506900656632</v>
      </c>
      <c r="L3866" s="237">
        <f t="shared" si="911"/>
        <v>352.07925179160077</v>
      </c>
      <c r="M3866" s="236">
        <f t="shared" si="907"/>
        <v>11.378190877787482</v>
      </c>
      <c r="N3866" s="236">
        <f t="shared" si="908"/>
        <v>2.3239995158220998</v>
      </c>
      <c r="O3866" s="236">
        <f t="shared" si="912"/>
        <v>2.8884575946239734</v>
      </c>
      <c r="P3866" s="236" t="str">
        <f t="shared" si="913"/>
        <v>CLAY</v>
      </c>
      <c r="Q3866" s="236">
        <f t="shared" si="909"/>
        <v>333.83541091611949</v>
      </c>
      <c r="R3866" s="238">
        <v>35</v>
      </c>
      <c r="S3866" s="236">
        <f t="shared" si="914"/>
        <v>5.2243411367244201</v>
      </c>
      <c r="T3866" s="236" t="e">
        <f t="shared" si="900"/>
        <v>#N/A</v>
      </c>
    </row>
    <row r="3867" spans="1:20" x14ac:dyDescent="0.2">
      <c r="A3867" s="53">
        <f t="shared" si="901"/>
        <v>3855</v>
      </c>
      <c r="B3867" s="239">
        <v>38.409999999999997</v>
      </c>
      <c r="C3867" s="3">
        <f t="shared" si="902"/>
        <v>38.402999999999999</v>
      </c>
      <c r="D3867" s="239">
        <v>4.4455</v>
      </c>
      <c r="E3867" s="239">
        <v>9.7699999999999995E-2</v>
      </c>
      <c r="F3867" s="239">
        <v>0.65659999999999996</v>
      </c>
      <c r="G3867">
        <f t="shared" si="903"/>
        <v>4.5768199999999997</v>
      </c>
      <c r="H3867" s="235">
        <f t="shared" si="904"/>
        <v>2.1346699236587852</v>
      </c>
      <c r="I3867" s="236">
        <f t="shared" si="905"/>
        <v>19.211665825728883</v>
      </c>
      <c r="J3867" s="237">
        <f t="shared" si="910"/>
        <v>9.2116658257288826</v>
      </c>
      <c r="K3867" s="237">
        <f t="shared" si="906"/>
        <v>737.7856027054662</v>
      </c>
      <c r="L3867" s="237">
        <f t="shared" si="911"/>
        <v>353.82008436624636</v>
      </c>
      <c r="M3867" s="236">
        <f t="shared" si="907"/>
        <v>10.850244423436038</v>
      </c>
      <c r="N3867" s="236">
        <f t="shared" si="908"/>
        <v>2.5449107741480956</v>
      </c>
      <c r="O3867" s="236">
        <f t="shared" si="912"/>
        <v>2.9274384701068028</v>
      </c>
      <c r="P3867" s="236" t="str">
        <f t="shared" si="913"/>
        <v>CLAY</v>
      </c>
      <c r="Q3867" s="236">
        <f t="shared" si="909"/>
        <v>319.91953310787778</v>
      </c>
      <c r="R3867" s="238">
        <v>35</v>
      </c>
      <c r="S3867" s="236">
        <f t="shared" si="914"/>
        <v>4.9231085393257228</v>
      </c>
      <c r="T3867" s="236" t="e">
        <f t="shared" si="900"/>
        <v>#N/A</v>
      </c>
    </row>
    <row r="3868" spans="1:20" x14ac:dyDescent="0.2">
      <c r="A3868" s="53">
        <f t="shared" si="901"/>
        <v>3856</v>
      </c>
      <c r="B3868" s="239">
        <v>38.418999999999997</v>
      </c>
      <c r="C3868" s="3">
        <f t="shared" si="902"/>
        <v>38.411999999999999</v>
      </c>
      <c r="D3868" s="239">
        <v>4.4429999999999996</v>
      </c>
      <c r="E3868" s="239">
        <v>7.5999999999999998E-2</v>
      </c>
      <c r="F3868" s="239">
        <v>0.49569999999999997</v>
      </c>
      <c r="G3868">
        <f t="shared" si="903"/>
        <v>4.5421399999999998</v>
      </c>
      <c r="H3868" s="235">
        <f t="shared" si="904"/>
        <v>1.6732201121057475</v>
      </c>
      <c r="I3868" s="236">
        <f t="shared" si="905"/>
        <v>18.914174218049659</v>
      </c>
      <c r="J3868" s="237">
        <f t="shared" si="910"/>
        <v>8.9141742180496593</v>
      </c>
      <c r="K3868" s="237">
        <f t="shared" si="906"/>
        <v>726.53126006372349</v>
      </c>
      <c r="L3868" s="237">
        <f t="shared" si="911"/>
        <v>342.47365928324984</v>
      </c>
      <c r="M3868" s="236">
        <f t="shared" si="907"/>
        <v>11.141320322041173</v>
      </c>
      <c r="N3868" s="236">
        <f t="shared" si="908"/>
        <v>1.9918184798284444</v>
      </c>
      <c r="O3868" s="236">
        <f t="shared" si="912"/>
        <v>2.859957302376233</v>
      </c>
      <c r="P3868" s="236" t="str">
        <f t="shared" si="913"/>
        <v>CLAY</v>
      </c>
      <c r="Q3868" s="236">
        <f t="shared" si="909"/>
        <v>317.96739499468964</v>
      </c>
      <c r="R3868" s="238">
        <v>35</v>
      </c>
      <c r="S3868" s="236">
        <f t="shared" si="914"/>
        <v>5.0887467097533108</v>
      </c>
      <c r="T3868" s="236" t="e">
        <f t="shared" si="900"/>
        <v>#N/A</v>
      </c>
    </row>
    <row r="3869" spans="1:20" x14ac:dyDescent="0.2">
      <c r="A3869" s="53">
        <f t="shared" si="901"/>
        <v>3857</v>
      </c>
      <c r="B3869" s="239">
        <v>38.43</v>
      </c>
      <c r="C3869" s="3">
        <f t="shared" si="902"/>
        <v>38.423000000000002</v>
      </c>
      <c r="D3869" s="239">
        <v>4.3440000000000003</v>
      </c>
      <c r="E3869" s="239">
        <v>8.0600000000000005E-2</v>
      </c>
      <c r="F3869" s="239">
        <v>0.46600000000000003</v>
      </c>
      <c r="G3869">
        <f t="shared" si="903"/>
        <v>4.4372000000000007</v>
      </c>
      <c r="H3869" s="235">
        <f t="shared" si="904"/>
        <v>1.8164608311547821</v>
      </c>
      <c r="I3869" s="236">
        <f t="shared" si="905"/>
        <v>18.973945771141462</v>
      </c>
      <c r="J3869" s="237">
        <f t="shared" si="910"/>
        <v>8.9739457711414623</v>
      </c>
      <c r="K3869" s="237">
        <f t="shared" si="906"/>
        <v>729.03591836456849</v>
      </c>
      <c r="L3869" s="237">
        <f t="shared" si="911"/>
        <v>344.86873598496641</v>
      </c>
      <c r="M3869" s="236">
        <f t="shared" si="907"/>
        <v>10.75239270687929</v>
      </c>
      <c r="N3869" s="236">
        <f t="shared" si="908"/>
        <v>2.1735823503379748</v>
      </c>
      <c r="O3869" s="236">
        <f t="shared" si="912"/>
        <v>2.8932775004154059</v>
      </c>
      <c r="P3869" s="236" t="str">
        <f t="shared" si="913"/>
        <v>CLAY</v>
      </c>
      <c r="Q3869" s="236">
        <f t="shared" si="909"/>
        <v>309.01367346961933</v>
      </c>
      <c r="R3869" s="238">
        <v>35</v>
      </c>
      <c r="S3869" s="236">
        <f t="shared" si="914"/>
        <v>4.8676731137921712</v>
      </c>
      <c r="T3869" s="236" t="e">
        <f t="shared" si="900"/>
        <v>#N/A</v>
      </c>
    </row>
    <row r="3870" spans="1:20" x14ac:dyDescent="0.2">
      <c r="A3870" s="53">
        <f t="shared" si="901"/>
        <v>3858</v>
      </c>
      <c r="B3870" s="239">
        <v>38.439</v>
      </c>
      <c r="C3870" s="3">
        <f t="shared" si="902"/>
        <v>38.432000000000002</v>
      </c>
      <c r="D3870" s="239">
        <v>4.3314000000000004</v>
      </c>
      <c r="E3870" s="239">
        <v>9.6699999999999994E-2</v>
      </c>
      <c r="F3870" s="239">
        <v>0.33910000000000001</v>
      </c>
      <c r="G3870">
        <f t="shared" si="903"/>
        <v>4.3992200000000006</v>
      </c>
      <c r="H3870" s="235">
        <f t="shared" si="904"/>
        <v>2.1981169389118973</v>
      </c>
      <c r="I3870" s="236">
        <f t="shared" si="905"/>
        <v>19.184132647391326</v>
      </c>
      <c r="J3870" s="237">
        <f t="shared" si="910"/>
        <v>9.1841326473913263</v>
      </c>
      <c r="K3870" s="237">
        <f t="shared" si="906"/>
        <v>737.28458590454352</v>
      </c>
      <c r="L3870" s="237">
        <f t="shared" si="911"/>
        <v>353.02887483307518</v>
      </c>
      <c r="M3870" s="236">
        <f t="shared" si="907"/>
        <v>10.372906227081147</v>
      </c>
      <c r="N3870" s="236">
        <f t="shared" si="908"/>
        <v>2.6406801066939649</v>
      </c>
      <c r="O3870" s="236">
        <f t="shared" si="912"/>
        <v>2.9525980660822495</v>
      </c>
      <c r="P3870" s="236" t="str">
        <f t="shared" si="913"/>
        <v>CLAY</v>
      </c>
      <c r="Q3870" s="236">
        <f t="shared" si="909"/>
        <v>305.16128450795469</v>
      </c>
      <c r="R3870" s="238">
        <v>35</v>
      </c>
      <c r="S3870" s="236">
        <f t="shared" si="914"/>
        <v>4.6538842070847259</v>
      </c>
      <c r="T3870" s="236" t="e">
        <f t="shared" si="900"/>
        <v>#N/A</v>
      </c>
    </row>
    <row r="3871" spans="1:20" x14ac:dyDescent="0.2">
      <c r="A3871" s="53">
        <f t="shared" si="901"/>
        <v>3859</v>
      </c>
      <c r="B3871" s="239">
        <v>38.448999999999998</v>
      </c>
      <c r="C3871" s="3">
        <f t="shared" si="902"/>
        <v>38.442</v>
      </c>
      <c r="D3871" s="239">
        <v>4.0251000000000001</v>
      </c>
      <c r="E3871" s="239">
        <v>0.1061</v>
      </c>
      <c r="F3871" s="239">
        <v>0.43230000000000002</v>
      </c>
      <c r="G3871">
        <f t="shared" si="903"/>
        <v>4.1115599999999999</v>
      </c>
      <c r="H3871" s="235">
        <f t="shared" si="904"/>
        <v>2.5805290449367151</v>
      </c>
      <c r="I3871" s="236">
        <f t="shared" si="905"/>
        <v>19.26648055998729</v>
      </c>
      <c r="J3871" s="237">
        <f t="shared" si="910"/>
        <v>9.2664805599872899</v>
      </c>
      <c r="K3871" s="237">
        <f t="shared" si="906"/>
        <v>740.64204568703144</v>
      </c>
      <c r="L3871" s="237">
        <f t="shared" si="911"/>
        <v>356.28691105095129</v>
      </c>
      <c r="M3871" s="236">
        <f t="shared" si="907"/>
        <v>9.4612455573224956</v>
      </c>
      <c r="N3871" s="236">
        <f t="shared" si="908"/>
        <v>3.1475106020972379</v>
      </c>
      <c r="O3871" s="236">
        <f t="shared" si="912"/>
        <v>3.0284823124554521</v>
      </c>
      <c r="P3871" s="236" t="str">
        <f t="shared" si="913"/>
        <v>CLAY</v>
      </c>
      <c r="Q3871" s="236">
        <f t="shared" si="909"/>
        <v>280.90982952608067</v>
      </c>
      <c r="R3871" s="238">
        <v>35</v>
      </c>
      <c r="S3871" s="236">
        <f t="shared" si="914"/>
        <v>4.1483501001966294</v>
      </c>
      <c r="T3871" s="236" t="e">
        <f t="shared" si="900"/>
        <v>#N/A</v>
      </c>
    </row>
    <row r="3872" spans="1:20" x14ac:dyDescent="0.2">
      <c r="A3872" s="53">
        <f t="shared" si="901"/>
        <v>3860</v>
      </c>
      <c r="B3872" s="239">
        <v>38.46</v>
      </c>
      <c r="C3872" s="3">
        <f t="shared" si="902"/>
        <v>38.453000000000003</v>
      </c>
      <c r="D3872" s="239">
        <v>3.9380000000000002</v>
      </c>
      <c r="E3872" s="239">
        <v>0.1069</v>
      </c>
      <c r="F3872" s="239">
        <v>0.4078</v>
      </c>
      <c r="G3872">
        <f t="shared" si="903"/>
        <v>4.0195600000000002</v>
      </c>
      <c r="H3872" s="235">
        <f t="shared" si="904"/>
        <v>2.6594950691120416</v>
      </c>
      <c r="I3872" s="236">
        <f t="shared" si="905"/>
        <v>19.266443522633306</v>
      </c>
      <c r="J3872" s="237">
        <f t="shared" si="910"/>
        <v>9.2664435226333062</v>
      </c>
      <c r="K3872" s="237">
        <f t="shared" si="906"/>
        <v>740.85255277581859</v>
      </c>
      <c r="L3872" s="237">
        <f t="shared" si="911"/>
        <v>356.38741788047696</v>
      </c>
      <c r="M3872" s="236">
        <f t="shared" si="907"/>
        <v>9.1998406305235356</v>
      </c>
      <c r="N3872" s="236">
        <f t="shared" si="908"/>
        <v>3.260431182736466</v>
      </c>
      <c r="O3872" s="236">
        <f t="shared" si="912"/>
        <v>3.0471920716852527</v>
      </c>
      <c r="P3872" s="236" t="str">
        <f t="shared" si="913"/>
        <v>CLAY</v>
      </c>
      <c r="Q3872" s="236">
        <f t="shared" si="909"/>
        <v>273.22562060201517</v>
      </c>
      <c r="R3872" s="238">
        <v>35</v>
      </c>
      <c r="S3872" s="236">
        <f t="shared" si="914"/>
        <v>4.0055798048821112</v>
      </c>
      <c r="T3872" s="236" t="e">
        <f t="shared" si="900"/>
        <v>#N/A</v>
      </c>
    </row>
    <row r="3873" spans="1:20" x14ac:dyDescent="0.2">
      <c r="A3873" s="53">
        <f t="shared" si="901"/>
        <v>3861</v>
      </c>
      <c r="B3873" s="239">
        <v>38.469000000000001</v>
      </c>
      <c r="C3873" s="3">
        <f t="shared" si="902"/>
        <v>38.462000000000003</v>
      </c>
      <c r="D3873" s="239">
        <v>3.8472</v>
      </c>
      <c r="E3873" s="239">
        <v>0.1079</v>
      </c>
      <c r="F3873" s="239">
        <v>0.41470000000000001</v>
      </c>
      <c r="G3873">
        <f t="shared" si="903"/>
        <v>3.9301399999999997</v>
      </c>
      <c r="H3873" s="235">
        <f t="shared" si="904"/>
        <v>2.7454492715272232</v>
      </c>
      <c r="I3873" s="236">
        <f t="shared" si="905"/>
        <v>19.26856817406145</v>
      </c>
      <c r="J3873" s="237">
        <f t="shared" si="910"/>
        <v>9.2685681740614498</v>
      </c>
      <c r="K3873" s="237">
        <f t="shared" si="906"/>
        <v>741.10766911075154</v>
      </c>
      <c r="L3873" s="237">
        <f t="shared" si="911"/>
        <v>356.55254908796991</v>
      </c>
      <c r="M3873" s="236">
        <f t="shared" si="907"/>
        <v>8.9440738512359896</v>
      </c>
      <c r="N3873" s="236">
        <f t="shared" si="908"/>
        <v>3.3834714987010663</v>
      </c>
      <c r="O3873" s="236">
        <f t="shared" si="912"/>
        <v>3.0664202736614197</v>
      </c>
      <c r="P3873" s="236" t="str">
        <f t="shared" si="913"/>
        <v>CLAY</v>
      </c>
      <c r="Q3873" s="236">
        <f t="shared" si="909"/>
        <v>265.75269424077072</v>
      </c>
      <c r="R3873" s="238">
        <v>35</v>
      </c>
      <c r="S3873" s="236">
        <f t="shared" si="914"/>
        <v>3.8668669506752762</v>
      </c>
      <c r="T3873" s="236" t="e">
        <f t="shared" si="900"/>
        <v>#N/A</v>
      </c>
    </row>
    <row r="3874" spans="1:20" x14ac:dyDescent="0.2">
      <c r="A3874" s="53">
        <f t="shared" si="901"/>
        <v>3862</v>
      </c>
      <c r="B3874" s="239">
        <v>38.478999999999999</v>
      </c>
      <c r="C3874" s="3">
        <f t="shared" si="902"/>
        <v>38.472000000000001</v>
      </c>
      <c r="D3874" s="239">
        <v>3.8921000000000001</v>
      </c>
      <c r="E3874" s="239">
        <v>0.1062</v>
      </c>
      <c r="F3874" s="239">
        <v>0.40550000000000003</v>
      </c>
      <c r="G3874">
        <f t="shared" si="903"/>
        <v>3.9732000000000003</v>
      </c>
      <c r="H3874" s="235">
        <f t="shared" si="904"/>
        <v>2.6729084868619752</v>
      </c>
      <c r="I3874" s="236">
        <f t="shared" si="905"/>
        <v>19.254205633714928</v>
      </c>
      <c r="J3874" s="237">
        <f t="shared" si="910"/>
        <v>9.2542056337149283</v>
      </c>
      <c r="K3874" s="237">
        <f t="shared" si="906"/>
        <v>740.74779914028079</v>
      </c>
      <c r="L3874" s="237">
        <f t="shared" si="911"/>
        <v>356.0925785797167</v>
      </c>
      <c r="M3874" s="236">
        <f t="shared" si="907"/>
        <v>9.0775612728364869</v>
      </c>
      <c r="N3874" s="236">
        <f t="shared" si="908"/>
        <v>3.2854314124661923</v>
      </c>
      <c r="O3874" s="236">
        <f t="shared" si="912"/>
        <v>3.053858539107249</v>
      </c>
      <c r="P3874" s="236" t="str">
        <f t="shared" si="913"/>
        <v>CLAY</v>
      </c>
      <c r="Q3874" s="236">
        <f t="shared" si="909"/>
        <v>269.37101673830995</v>
      </c>
      <c r="R3874" s="238">
        <v>35</v>
      </c>
      <c r="S3874" s="236">
        <f t="shared" si="914"/>
        <v>3.9391407142525705</v>
      </c>
      <c r="T3874" s="236" t="e">
        <f t="shared" si="900"/>
        <v>#N/A</v>
      </c>
    </row>
    <row r="3875" spans="1:20" x14ac:dyDescent="0.2">
      <c r="A3875" s="53">
        <f t="shared" si="901"/>
        <v>3863</v>
      </c>
      <c r="B3875" s="239">
        <v>38.488</v>
      </c>
      <c r="C3875" s="3">
        <f t="shared" si="902"/>
        <v>38.481000000000002</v>
      </c>
      <c r="D3875" s="239">
        <v>3.9552999999999998</v>
      </c>
      <c r="E3875" s="239">
        <v>0.11210000000000001</v>
      </c>
      <c r="F3875" s="239">
        <v>0.41139999999999999</v>
      </c>
      <c r="G3875">
        <f t="shared" si="903"/>
        <v>4.0375800000000002</v>
      </c>
      <c r="H3875" s="235">
        <f t="shared" si="904"/>
        <v>2.7764155756666122</v>
      </c>
      <c r="I3875" s="236">
        <f t="shared" si="905"/>
        <v>19.323887234811597</v>
      </c>
      <c r="J3875" s="237">
        <f t="shared" si="910"/>
        <v>9.3238872348115969</v>
      </c>
      <c r="K3875" s="237">
        <f t="shared" si="906"/>
        <v>743.60250468278514</v>
      </c>
      <c r="L3875" s="237">
        <f t="shared" si="911"/>
        <v>358.85777189342872</v>
      </c>
      <c r="M3875" s="236">
        <f t="shared" si="907"/>
        <v>9.1790613254307338</v>
      </c>
      <c r="N3875" s="236">
        <f t="shared" si="908"/>
        <v>3.4031805062227543</v>
      </c>
      <c r="O3875" s="236">
        <f t="shared" si="912"/>
        <v>3.0586208506737509</v>
      </c>
      <c r="P3875" s="236" t="str">
        <f t="shared" si="913"/>
        <v>CLAY</v>
      </c>
      <c r="Q3875" s="236">
        <f t="shared" si="909"/>
        <v>274.49812460976796</v>
      </c>
      <c r="R3875" s="238">
        <v>35</v>
      </c>
      <c r="S3875" s="236">
        <f t="shared" si="914"/>
        <v>3.9942739497756281</v>
      </c>
      <c r="T3875" s="236" t="e">
        <f t="shared" si="900"/>
        <v>#N/A</v>
      </c>
    </row>
    <row r="3876" spans="1:20" x14ac:dyDescent="0.2">
      <c r="A3876" s="53">
        <f t="shared" si="901"/>
        <v>3864</v>
      </c>
      <c r="B3876" s="239">
        <v>38.499000000000002</v>
      </c>
      <c r="C3876" s="3">
        <f t="shared" si="902"/>
        <v>38.492000000000004</v>
      </c>
      <c r="D3876" s="239">
        <v>3.7210000000000001</v>
      </c>
      <c r="E3876" s="239">
        <v>0.1239</v>
      </c>
      <c r="F3876" s="239">
        <v>0.47289999999999999</v>
      </c>
      <c r="G3876">
        <f t="shared" si="903"/>
        <v>3.8155800000000002</v>
      </c>
      <c r="H3876" s="235">
        <f t="shared" si="904"/>
        <v>3.2472127435409552</v>
      </c>
      <c r="I3876" s="236">
        <f t="shared" si="905"/>
        <v>19.419140088922685</v>
      </c>
      <c r="J3876" s="237">
        <f t="shared" si="910"/>
        <v>9.4191400889226848</v>
      </c>
      <c r="K3876" s="237">
        <f t="shared" si="906"/>
        <v>747.48154030281205</v>
      </c>
      <c r="L3876" s="237">
        <f t="shared" si="911"/>
        <v>362.62747428343448</v>
      </c>
      <c r="M3876" s="236">
        <f t="shared" si="907"/>
        <v>8.4607446409290041</v>
      </c>
      <c r="N3876" s="236">
        <f t="shared" si="908"/>
        <v>4.0383319384159702</v>
      </c>
      <c r="O3876" s="236">
        <f t="shared" si="912"/>
        <v>3.1304608104466531</v>
      </c>
      <c r="P3876" s="236" t="str">
        <f t="shared" si="913"/>
        <v>CLAY</v>
      </c>
      <c r="Q3876" s="236">
        <f t="shared" si="909"/>
        <v>255.67487164143236</v>
      </c>
      <c r="R3876" s="238">
        <v>35</v>
      </c>
      <c r="S3876" s="236">
        <f t="shared" si="914"/>
        <v>3.607453511071157</v>
      </c>
      <c r="T3876" s="236" t="e">
        <f t="shared" si="900"/>
        <v>#N/A</v>
      </c>
    </row>
    <row r="3877" spans="1:20" x14ac:dyDescent="0.2">
      <c r="A3877" s="53">
        <f t="shared" si="901"/>
        <v>3865</v>
      </c>
      <c r="B3877" s="239">
        <v>38.509</v>
      </c>
      <c r="C3877" s="3">
        <f t="shared" si="902"/>
        <v>38.502000000000002</v>
      </c>
      <c r="D3877" s="239">
        <v>3.5861000000000001</v>
      </c>
      <c r="E3877" s="239">
        <v>0.1234</v>
      </c>
      <c r="F3877" s="239">
        <v>0.53210000000000002</v>
      </c>
      <c r="G3877">
        <f t="shared" si="903"/>
        <v>3.69252</v>
      </c>
      <c r="H3877" s="235">
        <f t="shared" si="904"/>
        <v>3.3418911745907942</v>
      </c>
      <c r="I3877" s="236">
        <f t="shared" si="905"/>
        <v>19.401584556220179</v>
      </c>
      <c r="J3877" s="237">
        <f t="shared" si="910"/>
        <v>9.401584556220179</v>
      </c>
      <c r="K3877" s="237">
        <f t="shared" si="906"/>
        <v>746.99980858358936</v>
      </c>
      <c r="L3877" s="237">
        <f t="shared" si="911"/>
        <v>362.0456196754829</v>
      </c>
      <c r="M3877" s="236">
        <f t="shared" si="907"/>
        <v>8.1357708292579467</v>
      </c>
      <c r="N3877" s="236">
        <f t="shared" si="908"/>
        <v>4.1894128025196355</v>
      </c>
      <c r="O3877" s="236">
        <f t="shared" si="912"/>
        <v>3.1535832046842778</v>
      </c>
      <c r="P3877" s="236" t="str">
        <f t="shared" si="913"/>
        <v>CLAY</v>
      </c>
      <c r="Q3877" s="236">
        <f t="shared" si="909"/>
        <v>245.46001595136758</v>
      </c>
      <c r="R3877" s="238">
        <v>35</v>
      </c>
      <c r="S3877" s="236">
        <f t="shared" si="914"/>
        <v>3.4350921512032366</v>
      </c>
      <c r="T3877" s="236" t="e">
        <f t="shared" si="900"/>
        <v>#N/A</v>
      </c>
    </row>
    <row r="3878" spans="1:20" x14ac:dyDescent="0.2">
      <c r="A3878" s="53">
        <f t="shared" si="901"/>
        <v>3866</v>
      </c>
      <c r="B3878" s="239">
        <v>38.518000000000001</v>
      </c>
      <c r="C3878" s="3">
        <f t="shared" si="902"/>
        <v>38.511000000000003</v>
      </c>
      <c r="D3878" s="239">
        <v>3.5966</v>
      </c>
      <c r="E3878" s="239">
        <v>0.1208</v>
      </c>
      <c r="F3878" s="239">
        <v>0.55500000000000005</v>
      </c>
      <c r="G3878">
        <f t="shared" si="903"/>
        <v>3.7076000000000002</v>
      </c>
      <c r="H3878" s="235">
        <f t="shared" si="904"/>
        <v>3.2581724026324301</v>
      </c>
      <c r="I3878" s="236">
        <f t="shared" si="905"/>
        <v>19.37820736309029</v>
      </c>
      <c r="J3878" s="237">
        <f t="shared" si="910"/>
        <v>9.37820736309029</v>
      </c>
      <c r="K3878" s="237">
        <f t="shared" si="906"/>
        <v>746.27414375997023</v>
      </c>
      <c r="L3878" s="237">
        <f t="shared" si="911"/>
        <v>361.22979121151178</v>
      </c>
      <c r="M3878" s="236">
        <f t="shared" si="907"/>
        <v>8.1979004176487695</v>
      </c>
      <c r="N3878" s="236">
        <f t="shared" si="908"/>
        <v>4.0792538837106811</v>
      </c>
      <c r="O3878" s="236">
        <f t="shared" si="912"/>
        <v>3.1441504465003671</v>
      </c>
      <c r="P3878" s="236" t="str">
        <f t="shared" si="913"/>
        <v>CLAY</v>
      </c>
      <c r="Q3878" s="236">
        <f t="shared" si="909"/>
        <v>246.77715468666918</v>
      </c>
      <c r="R3878" s="238">
        <v>35</v>
      </c>
      <c r="S3878" s="236">
        <f t="shared" si="914"/>
        <v>3.4679139028791353</v>
      </c>
      <c r="T3878" s="236" t="e">
        <f t="shared" si="900"/>
        <v>#N/A</v>
      </c>
    </row>
    <row r="3879" spans="1:20" x14ac:dyDescent="0.2">
      <c r="A3879" s="53">
        <f t="shared" si="901"/>
        <v>3867</v>
      </c>
      <c r="B3879" s="239">
        <v>38.529000000000003</v>
      </c>
      <c r="C3879" s="3">
        <f t="shared" si="902"/>
        <v>38.522000000000006</v>
      </c>
      <c r="D3879" s="239">
        <v>3.6358000000000001</v>
      </c>
      <c r="E3879" s="239">
        <v>0.1237</v>
      </c>
      <c r="F3879" s="239">
        <v>0.5857</v>
      </c>
      <c r="G3879">
        <f t="shared" si="903"/>
        <v>3.7529400000000002</v>
      </c>
      <c r="H3879" s="235">
        <f t="shared" si="904"/>
        <v>3.2960825379569085</v>
      </c>
      <c r="I3879" s="236">
        <f t="shared" si="905"/>
        <v>19.410775702461468</v>
      </c>
      <c r="J3879" s="237">
        <f t="shared" si="910"/>
        <v>9.4107757024614678</v>
      </c>
      <c r="K3879" s="237">
        <f t="shared" si="906"/>
        <v>747.74190161022079</v>
      </c>
      <c r="L3879" s="237">
        <f t="shared" si="911"/>
        <v>362.58777704013795</v>
      </c>
      <c r="M3879" s="236">
        <f t="shared" si="907"/>
        <v>8.2881947177637709</v>
      </c>
      <c r="N3879" s="236">
        <f t="shared" si="908"/>
        <v>4.1162011937342804</v>
      </c>
      <c r="O3879" s="236">
        <f t="shared" si="912"/>
        <v>3.1425681223734903</v>
      </c>
      <c r="P3879" s="236" t="str">
        <f t="shared" si="913"/>
        <v>CLAY</v>
      </c>
      <c r="Q3879" s="236">
        <f t="shared" si="909"/>
        <v>250.43317486581495</v>
      </c>
      <c r="R3879" s="238">
        <v>35</v>
      </c>
      <c r="S3879" s="236">
        <f t="shared" si="914"/>
        <v>3.5157253514678803</v>
      </c>
      <c r="T3879" s="236" t="e">
        <f t="shared" si="900"/>
        <v>#N/A</v>
      </c>
    </row>
    <row r="3880" spans="1:20" x14ac:dyDescent="0.2">
      <c r="A3880" s="53">
        <f t="shared" si="901"/>
        <v>3868</v>
      </c>
      <c r="B3880" s="239">
        <v>38.537999999999997</v>
      </c>
      <c r="C3880" s="3">
        <f t="shared" si="902"/>
        <v>38.530999999999999</v>
      </c>
      <c r="D3880" s="239">
        <v>3.7591000000000001</v>
      </c>
      <c r="E3880" s="239">
        <v>0.12640000000000001</v>
      </c>
      <c r="F3880" s="239">
        <v>0.58030000000000004</v>
      </c>
      <c r="G3880">
        <f t="shared" si="903"/>
        <v>3.8751600000000002</v>
      </c>
      <c r="H3880" s="235">
        <f t="shared" si="904"/>
        <v>3.2618008030636156</v>
      </c>
      <c r="I3880" s="236">
        <f t="shared" si="905"/>
        <v>19.448620828805918</v>
      </c>
      <c r="J3880" s="237">
        <f t="shared" si="910"/>
        <v>9.4486208288059181</v>
      </c>
      <c r="K3880" s="237">
        <f t="shared" si="906"/>
        <v>749.37480915472077</v>
      </c>
      <c r="L3880" s="237">
        <f t="shared" si="911"/>
        <v>364.13094950052243</v>
      </c>
      <c r="M3880" s="236">
        <f t="shared" si="907"/>
        <v>8.5842337629715679</v>
      </c>
      <c r="N3880" s="236">
        <f t="shared" si="908"/>
        <v>4.0437839545147609</v>
      </c>
      <c r="O3880" s="236">
        <f t="shared" si="912"/>
        <v>3.1256941780867189</v>
      </c>
      <c r="P3880" s="236" t="str">
        <f t="shared" si="913"/>
        <v>CLAY</v>
      </c>
      <c r="Q3880" s="236">
        <f t="shared" si="909"/>
        <v>260.48209923710664</v>
      </c>
      <c r="R3880" s="238">
        <v>35</v>
      </c>
      <c r="S3880" s="236">
        <f t="shared" si="914"/>
        <v>3.6733890601612278</v>
      </c>
      <c r="T3880" s="236" t="e">
        <f t="shared" si="900"/>
        <v>#N/A</v>
      </c>
    </row>
    <row r="3881" spans="1:20" x14ac:dyDescent="0.2">
      <c r="A3881" s="53">
        <f t="shared" si="901"/>
        <v>3869</v>
      </c>
      <c r="B3881" s="239">
        <v>38.548000000000002</v>
      </c>
      <c r="C3881" s="3">
        <f t="shared" si="902"/>
        <v>38.541000000000004</v>
      </c>
      <c r="D3881" s="239">
        <v>4.0614999999999997</v>
      </c>
      <c r="E3881" s="239">
        <v>0.13039999999999999</v>
      </c>
      <c r="F3881" s="239">
        <v>0.5615</v>
      </c>
      <c r="G3881">
        <f t="shared" si="903"/>
        <v>4.1738</v>
      </c>
      <c r="H3881" s="235">
        <f t="shared" si="904"/>
        <v>3.1242512818055488</v>
      </c>
      <c r="I3881" s="236">
        <f t="shared" si="905"/>
        <v>19.514171022399847</v>
      </c>
      <c r="J3881" s="237">
        <f t="shared" si="910"/>
        <v>9.5141710223998466</v>
      </c>
      <c r="K3881" s="237">
        <f t="shared" si="906"/>
        <v>752.0956653743126</v>
      </c>
      <c r="L3881" s="237">
        <f t="shared" si="911"/>
        <v>366.75226457146931</v>
      </c>
      <c r="M3881" s="236">
        <f t="shared" si="907"/>
        <v>9.329742895040523</v>
      </c>
      <c r="N3881" s="236">
        <f t="shared" si="908"/>
        <v>3.810966326939083</v>
      </c>
      <c r="O3881" s="236">
        <f t="shared" si="912"/>
        <v>3.0812950378915698</v>
      </c>
      <c r="P3881" s="236" t="str">
        <f t="shared" si="913"/>
        <v>CLAY</v>
      </c>
      <c r="Q3881" s="236">
        <f t="shared" si="909"/>
        <v>285.14202788547396</v>
      </c>
      <c r="R3881" s="238">
        <v>35</v>
      </c>
      <c r="S3881" s="236">
        <f t="shared" si="914"/>
        <v>4.0764029146477512</v>
      </c>
      <c r="T3881" s="236" t="e">
        <f t="shared" si="900"/>
        <v>#N/A</v>
      </c>
    </row>
    <row r="3882" spans="1:20" x14ac:dyDescent="0.2">
      <c r="A3882" s="53">
        <f t="shared" si="901"/>
        <v>3870</v>
      </c>
      <c r="B3882" s="239">
        <v>38.557000000000002</v>
      </c>
      <c r="C3882" s="3">
        <f t="shared" si="902"/>
        <v>38.550000000000004</v>
      </c>
      <c r="D3882" s="239">
        <v>4.3388999999999998</v>
      </c>
      <c r="E3882" s="239">
        <v>0.12709999999999999</v>
      </c>
      <c r="F3882" s="239">
        <v>0.57799999999999996</v>
      </c>
      <c r="G3882">
        <f t="shared" si="903"/>
        <v>4.4544999999999995</v>
      </c>
      <c r="H3882" s="235">
        <f t="shared" si="904"/>
        <v>2.8532944213716469</v>
      </c>
      <c r="I3882" s="236">
        <f t="shared" si="905"/>
        <v>19.509555107822507</v>
      </c>
      <c r="J3882" s="237">
        <f t="shared" si="910"/>
        <v>9.5095551078225071</v>
      </c>
      <c r="K3882" s="237">
        <f t="shared" si="906"/>
        <v>752.09334940655776</v>
      </c>
      <c r="L3882" s="237">
        <f t="shared" si="911"/>
        <v>366.6599162923124</v>
      </c>
      <c r="M3882" s="236">
        <f t="shared" si="907"/>
        <v>10.09765858246084</v>
      </c>
      <c r="N3882" s="236">
        <f t="shared" si="908"/>
        <v>3.4329022172544912</v>
      </c>
      <c r="O3882" s="236">
        <f t="shared" si="912"/>
        <v>3.0269480852540505</v>
      </c>
      <c r="P3882" s="236" t="str">
        <f t="shared" si="913"/>
        <v>CLAY</v>
      </c>
      <c r="Q3882" s="236">
        <f t="shared" si="909"/>
        <v>308.53388754945348</v>
      </c>
      <c r="R3882" s="238">
        <v>35</v>
      </c>
      <c r="S3882" s="236">
        <f t="shared" si="914"/>
        <v>4.5000346902755561</v>
      </c>
      <c r="T3882" s="236" t="e">
        <f t="shared" si="900"/>
        <v>#N/A</v>
      </c>
    </row>
    <row r="3883" spans="1:20" x14ac:dyDescent="0.2">
      <c r="A3883" s="53">
        <f t="shared" si="901"/>
        <v>3871</v>
      </c>
      <c r="B3883" s="239">
        <v>38.567</v>
      </c>
      <c r="C3883" s="3">
        <f t="shared" si="902"/>
        <v>38.56</v>
      </c>
      <c r="D3883" s="239">
        <v>4.4775999999999998</v>
      </c>
      <c r="E3883" s="239">
        <v>0.1283</v>
      </c>
      <c r="F3883" s="239">
        <v>0.54210000000000003</v>
      </c>
      <c r="G3883">
        <f t="shared" si="903"/>
        <v>4.5860199999999995</v>
      </c>
      <c r="H3883" s="235">
        <f t="shared" si="904"/>
        <v>2.7976328057880253</v>
      </c>
      <c r="I3883" s="236">
        <f t="shared" si="905"/>
        <v>19.531947376546711</v>
      </c>
      <c r="J3883" s="237">
        <f t="shared" si="910"/>
        <v>9.5319473765467109</v>
      </c>
      <c r="K3883" s="237">
        <f t="shared" si="906"/>
        <v>753.15189083964117</v>
      </c>
      <c r="L3883" s="237">
        <f t="shared" si="911"/>
        <v>367.618614471277</v>
      </c>
      <c r="M3883" s="236">
        <f t="shared" si="907"/>
        <v>10.426207918423648</v>
      </c>
      <c r="N3883" s="236">
        <f t="shared" si="908"/>
        <v>3.3473627671499986</v>
      </c>
      <c r="O3883" s="236">
        <f t="shared" si="912"/>
        <v>3.0092643679877527</v>
      </c>
      <c r="P3883" s="236" t="str">
        <f t="shared" si="913"/>
        <v>CLAY</v>
      </c>
      <c r="Q3883" s="236">
        <f t="shared" si="909"/>
        <v>319.40567576336321</v>
      </c>
      <c r="R3883" s="238">
        <v>35</v>
      </c>
      <c r="S3883" s="236">
        <f t="shared" si="914"/>
        <v>4.6837961506851622</v>
      </c>
      <c r="T3883" s="236" t="e">
        <f t="shared" si="900"/>
        <v>#N/A</v>
      </c>
    </row>
    <row r="3884" spans="1:20" x14ac:dyDescent="0.2">
      <c r="A3884" s="53">
        <f t="shared" si="901"/>
        <v>3872</v>
      </c>
      <c r="B3884" s="239">
        <v>38.576999999999998</v>
      </c>
      <c r="C3884" s="3">
        <f t="shared" si="902"/>
        <v>38.57</v>
      </c>
      <c r="D3884" s="239">
        <v>4.5533999999999999</v>
      </c>
      <c r="E3884" s="239">
        <v>0.11219999999999999</v>
      </c>
      <c r="F3884" s="239">
        <v>0.4627</v>
      </c>
      <c r="G3884">
        <f t="shared" si="903"/>
        <v>4.6459399999999995</v>
      </c>
      <c r="H3884" s="235">
        <f t="shared" si="904"/>
        <v>2.4150118167690504</v>
      </c>
      <c r="I3884" s="236">
        <f t="shared" si="905"/>
        <v>19.379790005190124</v>
      </c>
      <c r="J3884" s="237">
        <f t="shared" si="910"/>
        <v>9.3797900051901237</v>
      </c>
      <c r="K3884" s="237">
        <f t="shared" si="906"/>
        <v>747.47850050018303</v>
      </c>
      <c r="L3884" s="237">
        <f t="shared" si="911"/>
        <v>361.84415903021937</v>
      </c>
      <c r="M3884" s="236">
        <f t="shared" si="907"/>
        <v>10.773868811225544</v>
      </c>
      <c r="N3884" s="236">
        <f t="shared" si="908"/>
        <v>2.8780584344463978</v>
      </c>
      <c r="O3884" s="236">
        <f t="shared" si="912"/>
        <v>2.959967449676228</v>
      </c>
      <c r="P3884" s="236" t="str">
        <f t="shared" si="913"/>
        <v>CLAY</v>
      </c>
      <c r="Q3884" s="236">
        <f t="shared" si="909"/>
        <v>324.87179162498472</v>
      </c>
      <c r="R3884" s="238">
        <v>35</v>
      </c>
      <c r="S3884" s="236">
        <f t="shared" si="914"/>
        <v>4.8798290991333699</v>
      </c>
      <c r="T3884" s="236" t="e">
        <f t="shared" si="900"/>
        <v>#N/A</v>
      </c>
    </row>
    <row r="3885" spans="1:20" x14ac:dyDescent="0.2">
      <c r="A3885" s="53">
        <f t="shared" si="901"/>
        <v>3873</v>
      </c>
      <c r="B3885" s="239">
        <v>38.587000000000003</v>
      </c>
      <c r="C3885" s="3">
        <f t="shared" si="902"/>
        <v>38.580000000000005</v>
      </c>
      <c r="D3885" s="239">
        <v>4.5655000000000001</v>
      </c>
      <c r="E3885" s="239">
        <v>0.1113</v>
      </c>
      <c r="F3885" s="239">
        <v>0.41670000000000001</v>
      </c>
      <c r="G3885">
        <f t="shared" si="903"/>
        <v>4.6488399999999999</v>
      </c>
      <c r="H3885" s="235">
        <f t="shared" si="904"/>
        <v>2.3941456363307836</v>
      </c>
      <c r="I3885" s="236">
        <f t="shared" si="905"/>
        <v>19.370590137407145</v>
      </c>
      <c r="J3885" s="237">
        <f t="shared" si="910"/>
        <v>9.3705901374071452</v>
      </c>
      <c r="K3885" s="237">
        <f t="shared" si="906"/>
        <v>747.31736750116772</v>
      </c>
      <c r="L3885" s="237">
        <f t="shared" si="911"/>
        <v>361.58296163212952</v>
      </c>
      <c r="M3885" s="236">
        <f t="shared" si="907"/>
        <v>10.790117473699434</v>
      </c>
      <c r="N3885" s="236">
        <f t="shared" si="908"/>
        <v>2.8527323940887914</v>
      </c>
      <c r="O3885" s="236">
        <f t="shared" si="912"/>
        <v>2.9572522660411074</v>
      </c>
      <c r="P3885" s="236" t="str">
        <f t="shared" si="913"/>
        <v>CLAY</v>
      </c>
      <c r="Q3885" s="236">
        <f t="shared" si="909"/>
        <v>325.12688604156938</v>
      </c>
      <c r="R3885" s="238">
        <v>35</v>
      </c>
      <c r="S3885" s="236">
        <f t="shared" si="914"/>
        <v>4.8890302551375813</v>
      </c>
      <c r="T3885" s="236" t="e">
        <f t="shared" si="900"/>
        <v>#N/A</v>
      </c>
    </row>
    <row r="3886" spans="1:20" x14ac:dyDescent="0.2">
      <c r="A3886" s="53">
        <f t="shared" si="901"/>
        <v>3874</v>
      </c>
      <c r="B3886" s="239">
        <v>38.595999999999997</v>
      </c>
      <c r="C3886" s="3">
        <f t="shared" si="902"/>
        <v>38.588999999999999</v>
      </c>
      <c r="D3886" s="239">
        <v>4.7149999999999999</v>
      </c>
      <c r="E3886" s="239">
        <v>0.1106</v>
      </c>
      <c r="F3886" s="239">
        <v>0.33019999999999999</v>
      </c>
      <c r="G3886">
        <f t="shared" si="903"/>
        <v>4.78104</v>
      </c>
      <c r="H3886" s="235">
        <f t="shared" si="904"/>
        <v>2.3133042183290669</v>
      </c>
      <c r="I3886" s="236">
        <f t="shared" si="905"/>
        <v>19.374152036663421</v>
      </c>
      <c r="J3886" s="237">
        <f t="shared" si="910"/>
        <v>9.3741520366634212</v>
      </c>
      <c r="K3886" s="237">
        <f t="shared" si="906"/>
        <v>747.62915294280469</v>
      </c>
      <c r="L3886" s="237">
        <f t="shared" si="911"/>
        <v>361.80477200706139</v>
      </c>
      <c r="M3886" s="236">
        <f t="shared" si="907"/>
        <v>11.148031090586265</v>
      </c>
      <c r="N3886" s="236">
        <f t="shared" si="908"/>
        <v>2.7420960619643928</v>
      </c>
      <c r="O3886" s="236">
        <f t="shared" si="912"/>
        <v>2.9358485699386812</v>
      </c>
      <c r="P3886" s="236" t="str">
        <f t="shared" si="913"/>
        <v>CLAY</v>
      </c>
      <c r="Q3886" s="236">
        <f t="shared" si="909"/>
        <v>336.11757058809962</v>
      </c>
      <c r="R3886" s="238">
        <v>35</v>
      </c>
      <c r="S3886" s="236">
        <f t="shared" si="914"/>
        <v>5.0925783889368761</v>
      </c>
      <c r="T3886" s="236" t="e">
        <f t="shared" si="900"/>
        <v>#N/A</v>
      </c>
    </row>
    <row r="3887" spans="1:20" x14ac:dyDescent="0.2">
      <c r="A3887" s="53">
        <f t="shared" si="901"/>
        <v>3875</v>
      </c>
      <c r="B3887" s="239">
        <v>38.606999999999999</v>
      </c>
      <c r="C3887" s="3">
        <f t="shared" si="902"/>
        <v>38.6</v>
      </c>
      <c r="D3887" s="239">
        <v>4.7949999999999999</v>
      </c>
      <c r="E3887" s="239">
        <v>0.12859999999999999</v>
      </c>
      <c r="F3887" s="239">
        <v>0.3926</v>
      </c>
      <c r="G3887">
        <f t="shared" si="903"/>
        <v>4.8735200000000001</v>
      </c>
      <c r="H3887" s="235">
        <f t="shared" si="904"/>
        <v>2.6387498153285507</v>
      </c>
      <c r="I3887" s="236">
        <f t="shared" si="905"/>
        <v>19.55845214697035</v>
      </c>
      <c r="J3887" s="237">
        <f t="shared" si="910"/>
        <v>9.5584521469703496</v>
      </c>
      <c r="K3887" s="237">
        <f t="shared" si="906"/>
        <v>754.95625287305552</v>
      </c>
      <c r="L3887" s="237">
        <f t="shared" si="911"/>
        <v>369.02316203808431</v>
      </c>
      <c r="M3887" s="236">
        <f t="shared" si="907"/>
        <v>11.160718813367863</v>
      </c>
      <c r="N3887" s="236">
        <f t="shared" si="908"/>
        <v>3.122447724396876</v>
      </c>
      <c r="O3887" s="236">
        <f t="shared" si="912"/>
        <v>2.9676706268330793</v>
      </c>
      <c r="P3887" s="236" t="str">
        <f t="shared" si="913"/>
        <v>CLAY</v>
      </c>
      <c r="Q3887" s="236">
        <f t="shared" si="909"/>
        <v>343.21364559391208</v>
      </c>
      <c r="R3887" s="238">
        <v>35</v>
      </c>
      <c r="S3887" s="236">
        <f t="shared" si="914"/>
        <v>5.0998243335177449</v>
      </c>
      <c r="T3887" s="236" t="e">
        <f t="shared" si="900"/>
        <v>#N/A</v>
      </c>
    </row>
    <row r="3888" spans="1:20" x14ac:dyDescent="0.2">
      <c r="A3888" s="53">
        <f t="shared" si="901"/>
        <v>3876</v>
      </c>
      <c r="B3888" s="239">
        <v>38.615000000000002</v>
      </c>
      <c r="C3888" s="3">
        <f t="shared" si="902"/>
        <v>38.608000000000004</v>
      </c>
      <c r="D3888" s="239">
        <v>5.0077999999999996</v>
      </c>
      <c r="E3888" s="239">
        <v>0.14050000000000001</v>
      </c>
      <c r="F3888" s="239">
        <v>0.43369999999999997</v>
      </c>
      <c r="G3888">
        <f t="shared" si="903"/>
        <v>5.0945399999999994</v>
      </c>
      <c r="H3888" s="235">
        <f t="shared" si="904"/>
        <v>2.7578544873531277</v>
      </c>
      <c r="I3888" s="236">
        <f t="shared" si="905"/>
        <v>19.679563608658142</v>
      </c>
      <c r="J3888" s="237">
        <f t="shared" si="910"/>
        <v>9.6795636086581425</v>
      </c>
      <c r="K3888" s="237">
        <f t="shared" si="906"/>
        <v>759.7885918030737</v>
      </c>
      <c r="L3888" s="237">
        <f t="shared" si="911"/>
        <v>373.77634874833421</v>
      </c>
      <c r="M3888" s="236">
        <f t="shared" si="907"/>
        <v>11.597179497078182</v>
      </c>
      <c r="N3888" s="236">
        <f t="shared" si="908"/>
        <v>3.2412470005619558</v>
      </c>
      <c r="O3888" s="236">
        <f t="shared" si="912"/>
        <v>2.9635291369714141</v>
      </c>
      <c r="P3888" s="236" t="str">
        <f t="shared" si="913"/>
        <v>CLAY</v>
      </c>
      <c r="Q3888" s="236">
        <f t="shared" si="909"/>
        <v>361.22928401641047</v>
      </c>
      <c r="R3888" s="238">
        <v>35</v>
      </c>
      <c r="S3888" s="236">
        <f t="shared" si="914"/>
        <v>5.3503289289236786</v>
      </c>
      <c r="T3888" s="236" t="e">
        <f t="shared" si="900"/>
        <v>#N/A</v>
      </c>
    </row>
    <row r="3889" spans="1:20" x14ac:dyDescent="0.2">
      <c r="A3889" s="53">
        <f t="shared" si="901"/>
        <v>3877</v>
      </c>
      <c r="B3889" s="239">
        <v>38.625</v>
      </c>
      <c r="C3889" s="3">
        <f t="shared" si="902"/>
        <v>38.618000000000002</v>
      </c>
      <c r="D3889" s="239">
        <v>5.1723999999999997</v>
      </c>
      <c r="E3889" s="239">
        <v>0.1449</v>
      </c>
      <c r="F3889" s="239">
        <v>0.54390000000000005</v>
      </c>
      <c r="G3889">
        <f t="shared" si="903"/>
        <v>5.28118</v>
      </c>
      <c r="H3889" s="235">
        <f t="shared" si="904"/>
        <v>2.7437050053207805</v>
      </c>
      <c r="I3889" s="236">
        <f t="shared" si="905"/>
        <v>19.72978556808841</v>
      </c>
      <c r="J3889" s="237">
        <f t="shared" si="910"/>
        <v>9.7297855680884098</v>
      </c>
      <c r="K3889" s="237">
        <f t="shared" si="906"/>
        <v>761.9248590684382</v>
      </c>
      <c r="L3889" s="237">
        <f t="shared" si="911"/>
        <v>375.81296756741483</v>
      </c>
      <c r="M3889" s="236">
        <f t="shared" si="907"/>
        <v>12.025277281367041</v>
      </c>
      <c r="N3889" s="236">
        <f t="shared" si="908"/>
        <v>3.2062805812316122</v>
      </c>
      <c r="O3889" s="236">
        <f t="shared" si="912"/>
        <v>2.9480038497602097</v>
      </c>
      <c r="P3889" s="236" t="str">
        <f t="shared" si="913"/>
        <v>CLAY</v>
      </c>
      <c r="Q3889" s="236">
        <f t="shared" si="909"/>
        <v>376.60459507763017</v>
      </c>
      <c r="R3889" s="238">
        <v>35</v>
      </c>
      <c r="S3889" s="236">
        <f t="shared" si="914"/>
        <v>5.5983349992204543</v>
      </c>
      <c r="T3889" s="236" t="e">
        <f t="shared" si="900"/>
        <v>#N/A</v>
      </c>
    </row>
    <row r="3890" spans="1:20" x14ac:dyDescent="0.2">
      <c r="A3890" s="53">
        <f t="shared" si="901"/>
        <v>3878</v>
      </c>
      <c r="B3890" s="239">
        <v>38.636000000000003</v>
      </c>
      <c r="C3890" s="3">
        <f t="shared" si="902"/>
        <v>38.629000000000005</v>
      </c>
      <c r="D3890" s="239">
        <v>5.4508999999999999</v>
      </c>
      <c r="E3890" s="239">
        <v>0.13639999999999999</v>
      </c>
      <c r="F3890" s="239">
        <v>0.4718</v>
      </c>
      <c r="G3890">
        <f t="shared" si="903"/>
        <v>5.5452599999999999</v>
      </c>
      <c r="H3890" s="235">
        <f t="shared" si="904"/>
        <v>2.4597584243119348</v>
      </c>
      <c r="I3890" s="236">
        <f t="shared" si="905"/>
        <v>19.677971576560186</v>
      </c>
      <c r="J3890" s="237">
        <f t="shared" si="910"/>
        <v>9.6779715765601857</v>
      </c>
      <c r="K3890" s="237">
        <f t="shared" si="906"/>
        <v>760.14036403094349</v>
      </c>
      <c r="L3890" s="237">
        <f t="shared" si="911"/>
        <v>373.91810983197934</v>
      </c>
      <c r="M3890" s="236">
        <f t="shared" si="907"/>
        <v>12.797239583071431</v>
      </c>
      <c r="N3890" s="236">
        <f t="shared" si="908"/>
        <v>2.8505034435231424</v>
      </c>
      <c r="O3890" s="236">
        <f t="shared" si="912"/>
        <v>2.8963048255044863</v>
      </c>
      <c r="P3890" s="236" t="str">
        <f t="shared" si="913"/>
        <v>CLAY</v>
      </c>
      <c r="Q3890" s="236">
        <f t="shared" si="909"/>
        <v>398.75996966408803</v>
      </c>
      <c r="R3890" s="238">
        <v>35</v>
      </c>
      <c r="S3890" s="236">
        <f t="shared" si="914"/>
        <v>6.0511146908902118</v>
      </c>
      <c r="T3890" s="236" t="e">
        <f t="shared" si="900"/>
        <v>#N/A</v>
      </c>
    </row>
    <row r="3891" spans="1:20" x14ac:dyDescent="0.2">
      <c r="A3891" s="53">
        <f t="shared" si="901"/>
        <v>3879</v>
      </c>
      <c r="B3891" s="239">
        <v>38.645000000000003</v>
      </c>
      <c r="C3891" s="3">
        <f t="shared" si="902"/>
        <v>38.638000000000005</v>
      </c>
      <c r="D3891" s="239">
        <v>5.7157</v>
      </c>
      <c r="E3891" s="239">
        <v>0.122</v>
      </c>
      <c r="F3891" s="239">
        <v>0.35949999999999999</v>
      </c>
      <c r="G3891">
        <f t="shared" si="903"/>
        <v>5.7876000000000003</v>
      </c>
      <c r="H3891" s="235">
        <f t="shared" si="904"/>
        <v>2.1079549381436173</v>
      </c>
      <c r="I3891" s="236">
        <f t="shared" si="905"/>
        <v>19.563863254376862</v>
      </c>
      <c r="J3891" s="237">
        <f t="shared" si="910"/>
        <v>9.5638632543768622</v>
      </c>
      <c r="K3891" s="237">
        <f t="shared" si="906"/>
        <v>755.90854842261331</v>
      </c>
      <c r="L3891" s="237">
        <f t="shared" si="911"/>
        <v>369.59549546539387</v>
      </c>
      <c r="M3891" s="236">
        <f t="shared" si="907"/>
        <v>13.61404972006353</v>
      </c>
      <c r="N3891" s="236">
        <f t="shared" si="908"/>
        <v>2.4246319786113708</v>
      </c>
      <c r="O3891" s="236">
        <f t="shared" si="912"/>
        <v>2.8340507086564095</v>
      </c>
      <c r="P3891" s="236" t="str">
        <f t="shared" si="913"/>
        <v>CLAY</v>
      </c>
      <c r="Q3891" s="236">
        <f t="shared" si="909"/>
        <v>419.30762096478225</v>
      </c>
      <c r="R3891" s="238">
        <v>35</v>
      </c>
      <c r="S3891" s="236">
        <f t="shared" si="914"/>
        <v>6.537687749381595</v>
      </c>
      <c r="T3891" s="236" t="e">
        <f t="shared" si="900"/>
        <v>#N/A</v>
      </c>
    </row>
    <row r="3892" spans="1:20" x14ac:dyDescent="0.2">
      <c r="A3892" s="53">
        <f t="shared" si="901"/>
        <v>3880</v>
      </c>
      <c r="B3892" s="239">
        <v>38.655000000000001</v>
      </c>
      <c r="C3892" s="3">
        <f t="shared" si="902"/>
        <v>38.648000000000003</v>
      </c>
      <c r="D3892" s="239">
        <v>5.95</v>
      </c>
      <c r="E3892" s="239">
        <v>0.1168</v>
      </c>
      <c r="F3892" s="239">
        <v>0.26440000000000002</v>
      </c>
      <c r="G3892">
        <f t="shared" si="903"/>
        <v>6.0028800000000002</v>
      </c>
      <c r="H3892" s="235">
        <f t="shared" si="904"/>
        <v>1.9457327149634842</v>
      </c>
      <c r="I3892" s="236">
        <f t="shared" si="905"/>
        <v>19.527062425426926</v>
      </c>
      <c r="J3892" s="237">
        <f t="shared" si="910"/>
        <v>9.5270624254269265</v>
      </c>
      <c r="K3892" s="237">
        <f t="shared" si="906"/>
        <v>754.68190861789992</v>
      </c>
      <c r="L3892" s="237">
        <f t="shared" si="911"/>
        <v>368.26859805487783</v>
      </c>
      <c r="M3892" s="236">
        <f t="shared" si="907"/>
        <v>14.251006246804772</v>
      </c>
      <c r="N3892" s="236">
        <f t="shared" si="908"/>
        <v>2.2255257512439095</v>
      </c>
      <c r="O3892" s="236">
        <f t="shared" si="912"/>
        <v>2.7966795592259146</v>
      </c>
      <c r="P3892" s="236" t="str">
        <f t="shared" si="913"/>
        <v>CLAY</v>
      </c>
      <c r="Q3892" s="236">
        <f t="shared" si="909"/>
        <v>437.3498409485083</v>
      </c>
      <c r="R3892" s="238">
        <v>35</v>
      </c>
      <c r="S3892" s="236">
        <f t="shared" si="914"/>
        <v>6.9222442900493535</v>
      </c>
      <c r="T3892" s="236" t="e">
        <f t="shared" si="900"/>
        <v>#N/A</v>
      </c>
    </row>
    <row r="3893" spans="1:20" x14ac:dyDescent="0.2">
      <c r="A3893" s="53">
        <f t="shared" si="901"/>
        <v>3881</v>
      </c>
      <c r="B3893" s="239">
        <v>38.664999999999999</v>
      </c>
      <c r="C3893" s="3">
        <f t="shared" si="902"/>
        <v>38.658000000000001</v>
      </c>
      <c r="D3893" s="239">
        <v>6.1394000000000002</v>
      </c>
      <c r="E3893" s="239">
        <v>0.1169</v>
      </c>
      <c r="F3893" s="239">
        <v>0.20699999999999999</v>
      </c>
      <c r="G3893">
        <f t="shared" si="903"/>
        <v>6.1808000000000005</v>
      </c>
      <c r="H3893" s="235">
        <f t="shared" si="904"/>
        <v>1.8913409267408747</v>
      </c>
      <c r="I3893" s="236">
        <f t="shared" si="905"/>
        <v>19.539482456240126</v>
      </c>
      <c r="J3893" s="237">
        <f t="shared" si="910"/>
        <v>9.5394824562401261</v>
      </c>
      <c r="K3893" s="237">
        <f t="shared" si="906"/>
        <v>755.35731279333083</v>
      </c>
      <c r="L3893" s="237">
        <f t="shared" si="911"/>
        <v>368.84408917052446</v>
      </c>
      <c r="M3893" s="236">
        <f t="shared" si="907"/>
        <v>14.709311729537768</v>
      </c>
      <c r="N3893" s="236">
        <f t="shared" si="908"/>
        <v>2.1546628863236017</v>
      </c>
      <c r="O3893" s="236">
        <f t="shared" si="912"/>
        <v>2.777421164346253</v>
      </c>
      <c r="P3893" s="236" t="str">
        <f t="shared" si="913"/>
        <v>CLAY</v>
      </c>
      <c r="Q3893" s="236">
        <f t="shared" si="909"/>
        <v>452.12022393388912</v>
      </c>
      <c r="R3893" s="238">
        <v>35</v>
      </c>
      <c r="S3893" s="236">
        <f t="shared" si="914"/>
        <v>7.201624093777407</v>
      </c>
      <c r="T3893" s="236" t="e">
        <f t="shared" si="900"/>
        <v>#N/A</v>
      </c>
    </row>
    <row r="3894" spans="1:20" x14ac:dyDescent="0.2">
      <c r="A3894" s="53">
        <f t="shared" si="901"/>
        <v>3882</v>
      </c>
      <c r="B3894" s="239">
        <v>38.673999999999999</v>
      </c>
      <c r="C3894" s="3">
        <f t="shared" si="902"/>
        <v>38.667000000000002</v>
      </c>
      <c r="D3894" s="239">
        <v>6.2060000000000004</v>
      </c>
      <c r="E3894" s="239">
        <v>0.12330000000000001</v>
      </c>
      <c r="F3894" s="239">
        <v>0.18920000000000001</v>
      </c>
      <c r="G3894">
        <f t="shared" si="903"/>
        <v>6.2438400000000005</v>
      </c>
      <c r="H3894" s="235">
        <f t="shared" si="904"/>
        <v>1.9747463099630995</v>
      </c>
      <c r="I3894" s="236">
        <f t="shared" si="905"/>
        <v>19.605949950253986</v>
      </c>
      <c r="J3894" s="237">
        <f t="shared" si="910"/>
        <v>9.6059499502539865</v>
      </c>
      <c r="K3894" s="237">
        <f t="shared" si="906"/>
        <v>758.10326672647091</v>
      </c>
      <c r="L3894" s="237">
        <f t="shared" si="911"/>
        <v>371.5005083761227</v>
      </c>
      <c r="M3894" s="236">
        <f t="shared" si="907"/>
        <v>14.766431295753543</v>
      </c>
      <c r="N3894" s="236">
        <f t="shared" si="908"/>
        <v>2.2476470526215468</v>
      </c>
      <c r="O3894" s="236">
        <f t="shared" si="912"/>
        <v>2.786334916496779</v>
      </c>
      <c r="P3894" s="236" t="str">
        <f t="shared" si="913"/>
        <v>CLAY</v>
      </c>
      <c r="Q3894" s="236">
        <f t="shared" si="909"/>
        <v>457.14472777279411</v>
      </c>
      <c r="R3894" s="238">
        <v>35</v>
      </c>
      <c r="S3894" s="236">
        <f t="shared" si="914"/>
        <v>7.2365979534215477</v>
      </c>
      <c r="T3894" s="236" t="e">
        <f t="shared" si="900"/>
        <v>#N/A</v>
      </c>
    </row>
    <row r="3895" spans="1:20" x14ac:dyDescent="0.2">
      <c r="A3895" s="53">
        <f t="shared" si="901"/>
        <v>3883</v>
      </c>
      <c r="B3895" s="239">
        <v>38.683999999999997</v>
      </c>
      <c r="C3895" s="3">
        <f t="shared" si="902"/>
        <v>38.677</v>
      </c>
      <c r="D3895" s="239">
        <v>6.0871000000000004</v>
      </c>
      <c r="E3895" s="239">
        <v>0.13320000000000001</v>
      </c>
      <c r="F3895" s="239">
        <v>0.16619999999999999</v>
      </c>
      <c r="G3895">
        <f t="shared" si="903"/>
        <v>6.1203400000000006</v>
      </c>
      <c r="H3895" s="235">
        <f t="shared" si="904"/>
        <v>2.1763496799197433</v>
      </c>
      <c r="I3895" s="236">
        <f t="shared" si="905"/>
        <v>19.688702455486983</v>
      </c>
      <c r="J3895" s="237">
        <f t="shared" si="910"/>
        <v>9.6887024554869825</v>
      </c>
      <c r="K3895" s="237">
        <f t="shared" si="906"/>
        <v>761.49994487086997</v>
      </c>
      <c r="L3895" s="237">
        <f t="shared" si="911"/>
        <v>374.79776578805843</v>
      </c>
      <c r="M3895" s="236">
        <f t="shared" si="907"/>
        <v>14.297950906568266</v>
      </c>
      <c r="N3895" s="236">
        <f t="shared" si="908"/>
        <v>2.4856125323708755</v>
      </c>
      <c r="O3895" s="236">
        <f t="shared" si="912"/>
        <v>2.8226906561717224</v>
      </c>
      <c r="P3895" s="236" t="str">
        <f t="shared" si="913"/>
        <v>CLAY</v>
      </c>
      <c r="Q3895" s="236">
        <f t="shared" si="909"/>
        <v>446.5700045940942</v>
      </c>
      <c r="R3895" s="238">
        <v>35</v>
      </c>
      <c r="S3895" s="236">
        <f t="shared" si="914"/>
        <v>6.9507594783681403</v>
      </c>
      <c r="T3895" s="236" t="e">
        <f t="shared" si="900"/>
        <v>#N/A</v>
      </c>
    </row>
    <row r="3896" spans="1:20" x14ac:dyDescent="0.2">
      <c r="A3896" s="53">
        <f t="shared" si="901"/>
        <v>3884</v>
      </c>
      <c r="B3896" s="239">
        <v>38.694000000000003</v>
      </c>
      <c r="C3896" s="3">
        <f t="shared" si="902"/>
        <v>38.687000000000005</v>
      </c>
      <c r="D3896" s="239">
        <v>5.8198999999999996</v>
      </c>
      <c r="E3896" s="239">
        <v>0.13250000000000001</v>
      </c>
      <c r="F3896" s="239">
        <v>0.15790000000000001</v>
      </c>
      <c r="G3896">
        <f t="shared" si="903"/>
        <v>5.8514799999999996</v>
      </c>
      <c r="H3896" s="235">
        <f t="shared" si="904"/>
        <v>2.2643843950590279</v>
      </c>
      <c r="I3896" s="236">
        <f t="shared" si="905"/>
        <v>19.664965078199398</v>
      </c>
      <c r="J3896" s="237">
        <f t="shared" si="910"/>
        <v>9.6649650781993977</v>
      </c>
      <c r="K3896" s="237">
        <f t="shared" si="906"/>
        <v>760.77850398030023</v>
      </c>
      <c r="L3896" s="237">
        <f t="shared" si="911"/>
        <v>373.97615873584749</v>
      </c>
      <c r="M3896" s="236">
        <f t="shared" si="907"/>
        <v>13.6123690698033</v>
      </c>
      <c r="N3896" s="236">
        <f t="shared" si="908"/>
        <v>2.6027847066577889</v>
      </c>
      <c r="O3896" s="236">
        <f t="shared" si="912"/>
        <v>2.8516423237744863</v>
      </c>
      <c r="P3896" s="236" t="str">
        <f t="shared" si="913"/>
        <v>CLAY</v>
      </c>
      <c r="Q3896" s="236">
        <f t="shared" si="909"/>
        <v>424.2251246683083</v>
      </c>
      <c r="R3896" s="238">
        <v>35</v>
      </c>
      <c r="S3896" s="236">
        <f t="shared" si="914"/>
        <v>6.5366789205166977</v>
      </c>
      <c r="T3896" s="236" t="e">
        <f t="shared" si="900"/>
        <v>#N/A</v>
      </c>
    </row>
    <row r="3897" spans="1:20" x14ac:dyDescent="0.2">
      <c r="A3897" s="53">
        <f t="shared" si="901"/>
        <v>3885</v>
      </c>
      <c r="B3897" s="239">
        <v>38.704000000000001</v>
      </c>
      <c r="C3897" s="3">
        <f t="shared" si="902"/>
        <v>38.697000000000003</v>
      </c>
      <c r="D3897" s="239">
        <v>5.4791999999999996</v>
      </c>
      <c r="E3897" s="239">
        <v>0.13109999999999999</v>
      </c>
      <c r="F3897" s="239">
        <v>0.18329999999999999</v>
      </c>
      <c r="G3897">
        <f t="shared" si="903"/>
        <v>5.51586</v>
      </c>
      <c r="H3897" s="235">
        <f t="shared" si="904"/>
        <v>2.3767825869402048</v>
      </c>
      <c r="I3897" s="236">
        <f t="shared" si="905"/>
        <v>19.629422233140922</v>
      </c>
      <c r="J3897" s="237">
        <f t="shared" si="910"/>
        <v>9.6294222331409216</v>
      </c>
      <c r="K3897" s="237">
        <f t="shared" si="906"/>
        <v>759.59975215585428</v>
      </c>
      <c r="L3897" s="237">
        <f t="shared" si="911"/>
        <v>372.69715811148626</v>
      </c>
      <c r="M3897" s="236">
        <f t="shared" si="907"/>
        <v>12.761729313807615</v>
      </c>
      <c r="N3897" s="236">
        <f t="shared" si="908"/>
        <v>2.7563672542818334</v>
      </c>
      <c r="O3897" s="236">
        <f t="shared" si="912"/>
        <v>2.8888826528642642</v>
      </c>
      <c r="P3897" s="236" t="str">
        <f t="shared" si="913"/>
        <v>CLAY</v>
      </c>
      <c r="Q3897" s="236">
        <f t="shared" si="909"/>
        <v>396.35502065367882</v>
      </c>
      <c r="R3897" s="238">
        <v>35</v>
      </c>
      <c r="S3897" s="236">
        <f t="shared" si="914"/>
        <v>6.0301333956813874</v>
      </c>
      <c r="T3897" s="236" t="e">
        <f t="shared" si="900"/>
        <v>#N/A</v>
      </c>
    </row>
    <row r="3898" spans="1:20" x14ac:dyDescent="0.2">
      <c r="A3898" s="53">
        <f t="shared" si="901"/>
        <v>3886</v>
      </c>
      <c r="B3898" s="239">
        <v>38.713000000000001</v>
      </c>
      <c r="C3898" s="3">
        <f t="shared" si="902"/>
        <v>38.706000000000003</v>
      </c>
      <c r="D3898" s="239">
        <v>5.0906000000000002</v>
      </c>
      <c r="E3898" s="239">
        <v>0.1236</v>
      </c>
      <c r="F3898" s="239">
        <v>0.29399999999999998</v>
      </c>
      <c r="G3898">
        <f t="shared" si="903"/>
        <v>5.1494</v>
      </c>
      <c r="H3898" s="235">
        <f t="shared" si="904"/>
        <v>2.4002796442303955</v>
      </c>
      <c r="I3898" s="236">
        <f t="shared" si="905"/>
        <v>19.533473891225395</v>
      </c>
      <c r="J3898" s="237">
        <f t="shared" si="910"/>
        <v>9.5334738912253947</v>
      </c>
      <c r="K3898" s="237">
        <f t="shared" si="906"/>
        <v>756.06264043377018</v>
      </c>
      <c r="L3898" s="237">
        <f t="shared" si="911"/>
        <v>369.0693747510087</v>
      </c>
      <c r="M3898" s="236">
        <f t="shared" si="907"/>
        <v>11.903825297154983</v>
      </c>
      <c r="N3898" s="236">
        <f t="shared" si="908"/>
        <v>2.8133509877375658</v>
      </c>
      <c r="O3898" s="236">
        <f t="shared" si="912"/>
        <v>2.9187403805699175</v>
      </c>
      <c r="P3898" s="236" t="str">
        <f t="shared" si="913"/>
        <v>CLAY</v>
      </c>
      <c r="Q3898" s="236">
        <f t="shared" si="909"/>
        <v>366.11144663051914</v>
      </c>
      <c r="R3898" s="238">
        <v>35</v>
      </c>
      <c r="S3898" s="236">
        <f t="shared" si="914"/>
        <v>5.5277474033731018</v>
      </c>
      <c r="T3898" s="236" t="e">
        <f t="shared" si="900"/>
        <v>#N/A</v>
      </c>
    </row>
    <row r="3899" spans="1:20" x14ac:dyDescent="0.2">
      <c r="A3899" s="53">
        <f t="shared" si="901"/>
        <v>3887</v>
      </c>
      <c r="B3899" s="239">
        <v>38.723999999999997</v>
      </c>
      <c r="C3899" s="3">
        <f t="shared" si="902"/>
        <v>38.716999999999999</v>
      </c>
      <c r="D3899" s="239">
        <v>4.6806000000000001</v>
      </c>
      <c r="E3899" s="239">
        <v>0.12529999999999999</v>
      </c>
      <c r="F3899" s="239">
        <v>0.30470000000000003</v>
      </c>
      <c r="G3899">
        <f t="shared" si="903"/>
        <v>4.7415400000000005</v>
      </c>
      <c r="H3899" s="235">
        <f t="shared" si="904"/>
        <v>2.6426013489288285</v>
      </c>
      <c r="I3899" s="236">
        <f t="shared" si="905"/>
        <v>19.517238422854142</v>
      </c>
      <c r="J3899" s="237">
        <f t="shared" si="910"/>
        <v>9.5172384228541418</v>
      </c>
      <c r="K3899" s="237">
        <f t="shared" si="906"/>
        <v>755.64892001764383</v>
      </c>
      <c r="L3899" s="237">
        <f t="shared" si="911"/>
        <v>368.54554068660377</v>
      </c>
      <c r="M3899" s="236">
        <f t="shared" si="907"/>
        <v>10.815192805091618</v>
      </c>
      <c r="N3899" s="236">
        <f t="shared" si="908"/>
        <v>3.1435881584740804</v>
      </c>
      <c r="O3899" s="236">
        <f t="shared" si="912"/>
        <v>2.9805167169289599</v>
      </c>
      <c r="P3899" s="236" t="str">
        <f t="shared" si="913"/>
        <v>CLAY</v>
      </c>
      <c r="Q3899" s="236">
        <f t="shared" si="909"/>
        <v>332.15758999852977</v>
      </c>
      <c r="R3899" s="238">
        <v>35</v>
      </c>
      <c r="S3899" s="236">
        <f t="shared" si="914"/>
        <v>4.9032365005464102</v>
      </c>
      <c r="T3899" s="236" t="e">
        <f t="shared" si="900"/>
        <v>#N/A</v>
      </c>
    </row>
    <row r="3900" spans="1:20" x14ac:dyDescent="0.2">
      <c r="A3900" s="53">
        <f t="shared" si="901"/>
        <v>3888</v>
      </c>
      <c r="B3900" s="239">
        <v>38.732999999999997</v>
      </c>
      <c r="C3900" s="3">
        <f t="shared" si="902"/>
        <v>38.725999999999999</v>
      </c>
      <c r="D3900" s="239">
        <v>4.4787999999999997</v>
      </c>
      <c r="E3900" s="239">
        <v>0.11899999999999999</v>
      </c>
      <c r="F3900" s="239">
        <v>0.25700000000000001</v>
      </c>
      <c r="G3900">
        <f t="shared" si="903"/>
        <v>4.5301999999999998</v>
      </c>
      <c r="H3900" s="235">
        <f t="shared" si="904"/>
        <v>2.6268155931305461</v>
      </c>
      <c r="I3900" s="236">
        <f t="shared" si="905"/>
        <v>19.438925488307316</v>
      </c>
      <c r="J3900" s="237">
        <f t="shared" si="910"/>
        <v>9.4389254883073157</v>
      </c>
      <c r="K3900" s="237">
        <f t="shared" si="906"/>
        <v>752.79182846018909</v>
      </c>
      <c r="L3900" s="237">
        <f t="shared" si="911"/>
        <v>365.59790093860721</v>
      </c>
      <c r="M3900" s="236">
        <f t="shared" si="907"/>
        <v>10.332138564915146</v>
      </c>
      <c r="N3900" s="236">
        <f t="shared" si="908"/>
        <v>3.1503082165327982</v>
      </c>
      <c r="O3900" s="236">
        <f t="shared" si="912"/>
        <v>2.9972885841484245</v>
      </c>
      <c r="P3900" s="236" t="str">
        <f t="shared" si="913"/>
        <v>CLAY</v>
      </c>
      <c r="Q3900" s="236">
        <f t="shared" si="909"/>
        <v>314.78401429498422</v>
      </c>
      <c r="R3900" s="238">
        <v>35</v>
      </c>
      <c r="S3900" s="236">
        <f t="shared" si="914"/>
        <v>4.6310320436627341</v>
      </c>
      <c r="T3900" s="236" t="e">
        <f t="shared" si="900"/>
        <v>#N/A</v>
      </c>
    </row>
    <row r="3901" spans="1:20" x14ac:dyDescent="0.2">
      <c r="A3901" s="53">
        <f t="shared" si="901"/>
        <v>3889</v>
      </c>
      <c r="B3901" s="239">
        <v>38.744</v>
      </c>
      <c r="C3901" s="3">
        <f t="shared" si="902"/>
        <v>38.737000000000002</v>
      </c>
      <c r="D3901" s="239">
        <v>4.2241999999999997</v>
      </c>
      <c r="E3901" s="239">
        <v>0.1167</v>
      </c>
      <c r="F3901" s="239">
        <v>0.26079999999999998</v>
      </c>
      <c r="G3901">
        <f t="shared" si="903"/>
        <v>4.2763599999999995</v>
      </c>
      <c r="H3901" s="235">
        <f t="shared" si="904"/>
        <v>2.7289564021738117</v>
      </c>
      <c r="I3901" s="236">
        <f t="shared" si="905"/>
        <v>19.393501198455489</v>
      </c>
      <c r="J3901" s="237">
        <f t="shared" si="910"/>
        <v>9.393501198455489</v>
      </c>
      <c r="K3901" s="237">
        <f t="shared" si="906"/>
        <v>751.24605592457033</v>
      </c>
      <c r="L3901" s="237">
        <f t="shared" si="911"/>
        <v>363.94181043295947</v>
      </c>
      <c r="M3901" s="236">
        <f t="shared" si="907"/>
        <v>9.6859273736145219</v>
      </c>
      <c r="N3901" s="236">
        <f t="shared" si="908"/>
        <v>3.3105312864037986</v>
      </c>
      <c r="O3901" s="236">
        <f t="shared" si="912"/>
        <v>3.0326223786522455</v>
      </c>
      <c r="P3901" s="236" t="str">
        <f t="shared" si="913"/>
        <v>CLAY</v>
      </c>
      <c r="Q3901" s="236">
        <f t="shared" si="909"/>
        <v>293.75949533961915</v>
      </c>
      <c r="R3901" s="238">
        <v>35</v>
      </c>
      <c r="S3901" s="236">
        <f t="shared" si="914"/>
        <v>4.2718551584398003</v>
      </c>
      <c r="T3901" s="236" t="e">
        <f t="shared" si="900"/>
        <v>#N/A</v>
      </c>
    </row>
    <row r="3902" spans="1:20" x14ac:dyDescent="0.2">
      <c r="A3902" s="53">
        <f t="shared" si="901"/>
        <v>3890</v>
      </c>
      <c r="B3902" s="239">
        <v>38.753</v>
      </c>
      <c r="C3902" s="3">
        <f t="shared" si="902"/>
        <v>38.746000000000002</v>
      </c>
      <c r="D3902" s="239">
        <v>4.1135999999999999</v>
      </c>
      <c r="E3902" s="239">
        <v>0.1198</v>
      </c>
      <c r="F3902" s="239">
        <v>0.26490000000000002</v>
      </c>
      <c r="G3902">
        <f t="shared" si="903"/>
        <v>4.1665799999999997</v>
      </c>
      <c r="H3902" s="235">
        <f t="shared" si="904"/>
        <v>2.8752598054039527</v>
      </c>
      <c r="I3902" s="236">
        <f t="shared" si="905"/>
        <v>19.414078215508678</v>
      </c>
      <c r="J3902" s="237">
        <f t="shared" si="910"/>
        <v>9.4140782155086775</v>
      </c>
      <c r="K3902" s="237">
        <f t="shared" si="906"/>
        <v>752.2178745380993</v>
      </c>
      <c r="L3902" s="237">
        <f t="shared" si="911"/>
        <v>364.8237730856078</v>
      </c>
      <c r="M3902" s="236">
        <f t="shared" si="907"/>
        <v>9.3589354021090685</v>
      </c>
      <c r="N3902" s="236">
        <f t="shared" si="908"/>
        <v>3.5087080865446643</v>
      </c>
      <c r="O3902" s="236">
        <f t="shared" si="912"/>
        <v>3.059348627877637</v>
      </c>
      <c r="P3902" s="236" t="str">
        <f t="shared" si="913"/>
        <v>CLAY</v>
      </c>
      <c r="Q3902" s="236">
        <f t="shared" si="909"/>
        <v>284.53017712182503</v>
      </c>
      <c r="R3902" s="238">
        <v>35</v>
      </c>
      <c r="S3902" s="236">
        <f t="shared" si="914"/>
        <v>4.0923528354424947</v>
      </c>
      <c r="T3902" s="236" t="e">
        <f t="shared" si="900"/>
        <v>#N/A</v>
      </c>
    </row>
    <row r="3903" spans="1:20" x14ac:dyDescent="0.2">
      <c r="A3903" s="53">
        <f t="shared" si="901"/>
        <v>3891</v>
      </c>
      <c r="B3903" s="239">
        <v>38.762999999999998</v>
      </c>
      <c r="C3903" s="3">
        <f t="shared" si="902"/>
        <v>38.756</v>
      </c>
      <c r="D3903" s="239">
        <v>4.0960000000000001</v>
      </c>
      <c r="E3903" s="239">
        <v>0.13719999999999999</v>
      </c>
      <c r="F3903" s="239">
        <v>0.27500000000000002</v>
      </c>
      <c r="G3903">
        <f t="shared" si="903"/>
        <v>4.1509999999999998</v>
      </c>
      <c r="H3903" s="235">
        <f t="shared" si="904"/>
        <v>3.305227655986509</v>
      </c>
      <c r="I3903" s="236">
        <f t="shared" si="905"/>
        <v>19.571636615124135</v>
      </c>
      <c r="J3903" s="237">
        <f t="shared" si="910"/>
        <v>9.5716366151241346</v>
      </c>
      <c r="K3903" s="237">
        <f t="shared" si="906"/>
        <v>758.51834865575097</v>
      </c>
      <c r="L3903" s="237">
        <f t="shared" si="911"/>
        <v>371.0253501120568</v>
      </c>
      <c r="M3903" s="236">
        <f t="shared" si="907"/>
        <v>9.1435306248472088</v>
      </c>
      <c r="N3903" s="236">
        <f t="shared" si="908"/>
        <v>4.0442370541823083</v>
      </c>
      <c r="O3903" s="236">
        <f t="shared" si="912"/>
        <v>3.1035207943217862</v>
      </c>
      <c r="P3903" s="236" t="str">
        <f t="shared" si="913"/>
        <v>CLAY</v>
      </c>
      <c r="Q3903" s="236">
        <f t="shared" si="909"/>
        <v>282.70680427868746</v>
      </c>
      <c r="R3903" s="238">
        <v>35</v>
      </c>
      <c r="S3903" s="236">
        <f t="shared" si="914"/>
        <v>3.9749568034285119</v>
      </c>
      <c r="T3903" s="236" t="e">
        <f t="shared" si="900"/>
        <v>#N/A</v>
      </c>
    </row>
    <row r="3904" spans="1:20" x14ac:dyDescent="0.2">
      <c r="A3904" s="53">
        <f t="shared" si="901"/>
        <v>3892</v>
      </c>
      <c r="B3904" s="239">
        <v>38.773000000000003</v>
      </c>
      <c r="C3904" s="3">
        <f t="shared" si="902"/>
        <v>38.766000000000005</v>
      </c>
      <c r="D3904" s="239">
        <v>3.8797000000000001</v>
      </c>
      <c r="E3904" s="239">
        <v>0.15340000000000001</v>
      </c>
      <c r="F3904" s="239">
        <v>0.3347</v>
      </c>
      <c r="G3904">
        <f t="shared" si="903"/>
        <v>3.9466399999999999</v>
      </c>
      <c r="H3904" s="235">
        <f t="shared" si="904"/>
        <v>3.8868505868282894</v>
      </c>
      <c r="I3904" s="236">
        <f t="shared" si="905"/>
        <v>19.682776287249119</v>
      </c>
      <c r="J3904" s="237">
        <f t="shared" si="910"/>
        <v>9.6827762872491192</v>
      </c>
      <c r="K3904" s="237">
        <f t="shared" si="906"/>
        <v>763.02250555149942</v>
      </c>
      <c r="L3904" s="237">
        <f t="shared" si="911"/>
        <v>375.43028498551013</v>
      </c>
      <c r="M3904" s="236">
        <f t="shared" si="907"/>
        <v>8.4799165697870471</v>
      </c>
      <c r="N3904" s="236">
        <f t="shared" si="908"/>
        <v>4.81841805014247</v>
      </c>
      <c r="O3904" s="236">
        <f t="shared" si="912"/>
        <v>3.1750305214716139</v>
      </c>
      <c r="P3904" s="236" t="str">
        <f t="shared" si="913"/>
        <v>CLAY</v>
      </c>
      <c r="Q3904" s="236">
        <f t="shared" si="909"/>
        <v>265.30145787070836</v>
      </c>
      <c r="R3904" s="238">
        <v>35</v>
      </c>
      <c r="S3904" s="236">
        <f t="shared" si="914"/>
        <v>3.6176744525918236</v>
      </c>
      <c r="T3904" s="236" t="e">
        <f t="shared" si="900"/>
        <v>#N/A</v>
      </c>
    </row>
    <row r="3905" spans="1:20" x14ac:dyDescent="0.2">
      <c r="A3905" s="53">
        <f t="shared" si="901"/>
        <v>3893</v>
      </c>
      <c r="B3905" s="239">
        <v>38.783000000000001</v>
      </c>
      <c r="C3905" s="3">
        <f t="shared" si="902"/>
        <v>38.776000000000003</v>
      </c>
      <c r="D3905" s="239">
        <v>3.5750999999999999</v>
      </c>
      <c r="E3905" s="239">
        <v>0.156</v>
      </c>
      <c r="F3905" s="239">
        <v>0.39279999999999998</v>
      </c>
      <c r="G3905">
        <f t="shared" si="903"/>
        <v>3.6536599999999999</v>
      </c>
      <c r="H3905" s="235">
        <f t="shared" si="904"/>
        <v>4.2696912137418375</v>
      </c>
      <c r="I3905" s="236">
        <f t="shared" si="905"/>
        <v>19.672334787473595</v>
      </c>
      <c r="J3905" s="237">
        <f t="shared" si="910"/>
        <v>9.672334787473595</v>
      </c>
      <c r="K3905" s="237">
        <f t="shared" si="906"/>
        <v>762.81445371907614</v>
      </c>
      <c r="L3905" s="237">
        <f t="shared" si="911"/>
        <v>375.12216006258842</v>
      </c>
      <c r="M3905" s="236">
        <f t="shared" si="907"/>
        <v>7.7064110150106613</v>
      </c>
      <c r="N3905" s="236">
        <f t="shared" si="908"/>
        <v>5.3963450313246302</v>
      </c>
      <c r="O3905" s="236">
        <f t="shared" si="912"/>
        <v>3.2377995612439872</v>
      </c>
      <c r="P3905" s="236" t="str">
        <f t="shared" si="913"/>
        <v>CLAY</v>
      </c>
      <c r="Q3905" s="236">
        <f t="shared" si="909"/>
        <v>240.90379552341031</v>
      </c>
      <c r="R3905" s="238">
        <v>35</v>
      </c>
      <c r="S3905" s="236">
        <f t="shared" si="914"/>
        <v>3.2100013770246973</v>
      </c>
      <c r="T3905" s="236" t="e">
        <f t="shared" si="900"/>
        <v>#N/A</v>
      </c>
    </row>
    <row r="3906" spans="1:20" x14ac:dyDescent="0.2">
      <c r="A3906" s="53">
        <f t="shared" si="901"/>
        <v>3894</v>
      </c>
      <c r="B3906" s="239">
        <v>38.792000000000002</v>
      </c>
      <c r="C3906" s="3">
        <f t="shared" si="902"/>
        <v>38.785000000000004</v>
      </c>
      <c r="D3906" s="239">
        <v>3.4756</v>
      </c>
      <c r="E3906" s="239">
        <v>0.15</v>
      </c>
      <c r="F3906" s="239">
        <v>0.37119999999999997</v>
      </c>
      <c r="G3906">
        <f t="shared" si="903"/>
        <v>3.5498400000000001</v>
      </c>
      <c r="H3906" s="235">
        <f t="shared" si="904"/>
        <v>4.2255425596646603</v>
      </c>
      <c r="I3906" s="236">
        <f t="shared" si="905"/>
        <v>19.615077354733184</v>
      </c>
      <c r="J3906" s="237">
        <f t="shared" si="910"/>
        <v>9.6150773547331845</v>
      </c>
      <c r="K3906" s="237">
        <f t="shared" si="906"/>
        <v>760.77077520332659</v>
      </c>
      <c r="L3906" s="237">
        <f t="shared" si="911"/>
        <v>372.98808074480974</v>
      </c>
      <c r="M3906" s="236">
        <f t="shared" si="907"/>
        <v>7.4776363341886345</v>
      </c>
      <c r="N3906" s="236">
        <f t="shared" si="908"/>
        <v>5.3781382931051187</v>
      </c>
      <c r="O3906" s="236">
        <f t="shared" si="912"/>
        <v>3.2473688837559513</v>
      </c>
      <c r="P3906" s="236" t="str">
        <f t="shared" si="913"/>
        <v>CLAY</v>
      </c>
      <c r="Q3906" s="236">
        <f t="shared" si="909"/>
        <v>232.42243539972279</v>
      </c>
      <c r="R3906" s="238">
        <v>35</v>
      </c>
      <c r="S3906" s="236">
        <f t="shared" si="914"/>
        <v>3.0913304630645162</v>
      </c>
      <c r="T3906" s="236" t="e">
        <f t="shared" si="900"/>
        <v>#N/A</v>
      </c>
    </row>
    <row r="3907" spans="1:20" x14ac:dyDescent="0.2">
      <c r="A3907" s="53">
        <f t="shared" si="901"/>
        <v>3895</v>
      </c>
      <c r="B3907" s="239">
        <v>38.802999999999997</v>
      </c>
      <c r="C3907" s="3">
        <f t="shared" si="902"/>
        <v>38.795999999999999</v>
      </c>
      <c r="D3907" s="239">
        <v>3.3235000000000001</v>
      </c>
      <c r="E3907" s="239">
        <v>0.1472</v>
      </c>
      <c r="F3907" s="239">
        <v>0.40010000000000001</v>
      </c>
      <c r="G3907">
        <f t="shared" si="903"/>
        <v>3.4035200000000003</v>
      </c>
      <c r="H3907" s="235">
        <f t="shared" si="904"/>
        <v>4.3249341857841284</v>
      </c>
      <c r="I3907" s="236">
        <f t="shared" si="905"/>
        <v>19.576529617667973</v>
      </c>
      <c r="J3907" s="237">
        <f t="shared" si="910"/>
        <v>9.5765296176679726</v>
      </c>
      <c r="K3907" s="237">
        <f t="shared" si="906"/>
        <v>759.49104304704667</v>
      </c>
      <c r="L3907" s="237">
        <f t="shared" si="911"/>
        <v>371.59807875437031</v>
      </c>
      <c r="M3907" s="236">
        <f t="shared" si="907"/>
        <v>7.1152923228666118</v>
      </c>
      <c r="N3907" s="236">
        <f t="shared" si="908"/>
        <v>5.5672612666707328</v>
      </c>
      <c r="O3907" s="236">
        <f t="shared" si="912"/>
        <v>3.2736312748193792</v>
      </c>
      <c r="P3907" s="236" t="str">
        <f t="shared" si="913"/>
        <v>CLAY</v>
      </c>
      <c r="Q3907" s="236">
        <f t="shared" si="909"/>
        <v>220.33574641274615</v>
      </c>
      <c r="R3907" s="238">
        <v>35</v>
      </c>
      <c r="S3907" s="236">
        <f t="shared" si="914"/>
        <v>2.9052328268992524</v>
      </c>
      <c r="T3907" s="236" t="e">
        <f t="shared" si="900"/>
        <v>#N/A</v>
      </c>
    </row>
    <row r="3908" spans="1:20" x14ac:dyDescent="0.2">
      <c r="A3908" s="53">
        <f t="shared" si="901"/>
        <v>3896</v>
      </c>
      <c r="B3908" s="239">
        <v>38.811999999999998</v>
      </c>
      <c r="C3908" s="3">
        <f t="shared" si="902"/>
        <v>38.805</v>
      </c>
      <c r="D3908" s="239">
        <v>3.0684</v>
      </c>
      <c r="E3908" s="239">
        <v>0.1479</v>
      </c>
      <c r="F3908" s="239">
        <v>0.41789999999999999</v>
      </c>
      <c r="G3908">
        <f t="shared" si="903"/>
        <v>3.15198</v>
      </c>
      <c r="H3908" s="235">
        <f t="shared" si="904"/>
        <v>4.692288656653913</v>
      </c>
      <c r="I3908" s="236">
        <f t="shared" si="905"/>
        <v>19.552082231993914</v>
      </c>
      <c r="J3908" s="237">
        <f t="shared" si="910"/>
        <v>9.5520822319939143</v>
      </c>
      <c r="K3908" s="237">
        <f t="shared" si="906"/>
        <v>758.71855101252379</v>
      </c>
      <c r="L3908" s="237">
        <f t="shared" si="911"/>
        <v>370.73541558814776</v>
      </c>
      <c r="M3908" s="236">
        <f t="shared" si="907"/>
        <v>6.4554432847768854</v>
      </c>
      <c r="N3908" s="236">
        <f t="shared" si="908"/>
        <v>6.1798513514924363</v>
      </c>
      <c r="O3908" s="236">
        <f t="shared" si="912"/>
        <v>3.3346702904247651</v>
      </c>
      <c r="P3908" s="236" t="str">
        <f t="shared" si="913"/>
        <v>CLAY</v>
      </c>
      <c r="Q3908" s="236">
        <f t="shared" si="909"/>
        <v>199.4384540822897</v>
      </c>
      <c r="R3908" s="238">
        <v>35</v>
      </c>
      <c r="S3908" s="236">
        <f t="shared" si="914"/>
        <v>2.5724538727584823</v>
      </c>
      <c r="T3908" s="236" t="e">
        <f t="shared" si="900"/>
        <v>#N/A</v>
      </c>
    </row>
    <row r="3909" spans="1:20" x14ac:dyDescent="0.2">
      <c r="A3909" s="53">
        <f t="shared" si="901"/>
        <v>3897</v>
      </c>
      <c r="B3909" s="239">
        <v>38.823</v>
      </c>
      <c r="C3909" s="3">
        <f t="shared" si="902"/>
        <v>38.816000000000003</v>
      </c>
      <c r="D3909" s="239">
        <v>2.9134000000000002</v>
      </c>
      <c r="E3909" s="239">
        <v>0.14829999999999999</v>
      </c>
      <c r="F3909" s="239">
        <v>0.42609999999999998</v>
      </c>
      <c r="G3909">
        <f t="shared" si="903"/>
        <v>2.9986200000000003</v>
      </c>
      <c r="H3909" s="235">
        <f t="shared" si="904"/>
        <v>4.9456083131573845</v>
      </c>
      <c r="I3909" s="236">
        <f t="shared" si="905"/>
        <v>19.5357534521251</v>
      </c>
      <c r="J3909" s="237">
        <f t="shared" si="910"/>
        <v>9.5357534521250997</v>
      </c>
      <c r="K3909" s="237">
        <f t="shared" si="906"/>
        <v>758.29980599768794</v>
      </c>
      <c r="L3909" s="237">
        <f t="shared" si="911"/>
        <v>370.20655627185278</v>
      </c>
      <c r="M3909" s="236">
        <f t="shared" si="907"/>
        <v>6.0515411087349413</v>
      </c>
      <c r="N3909" s="236">
        <f t="shared" si="908"/>
        <v>6.6195894853343855</v>
      </c>
      <c r="O3909" s="236">
        <f t="shared" si="912"/>
        <v>3.3750638323405067</v>
      </c>
      <c r="P3909" s="236" t="str">
        <f t="shared" si="913"/>
        <v>CLAY</v>
      </c>
      <c r="Q3909" s="236">
        <f t="shared" si="909"/>
        <v>186.69334950019268</v>
      </c>
      <c r="R3909" s="238">
        <v>35</v>
      </c>
      <c r="S3909" s="236">
        <f t="shared" si="914"/>
        <v>2.3728620658574195</v>
      </c>
      <c r="T3909" s="236" t="e">
        <f t="shared" si="900"/>
        <v>#N/A</v>
      </c>
    </row>
    <row r="3910" spans="1:20" x14ac:dyDescent="0.2">
      <c r="A3910" s="53">
        <f t="shared" si="901"/>
        <v>3898</v>
      </c>
      <c r="B3910" s="239">
        <v>38.832000000000001</v>
      </c>
      <c r="C3910" s="3">
        <f t="shared" si="902"/>
        <v>38.825000000000003</v>
      </c>
      <c r="D3910" s="239">
        <v>2.7364999999999999</v>
      </c>
      <c r="E3910" s="239">
        <v>0.15359999999999999</v>
      </c>
      <c r="F3910" s="239">
        <v>0.43919999999999998</v>
      </c>
      <c r="G3910">
        <f t="shared" si="903"/>
        <v>2.8243399999999999</v>
      </c>
      <c r="H3910" s="235">
        <f t="shared" si="904"/>
        <v>5.4384387148856019</v>
      </c>
      <c r="I3910" s="236">
        <f t="shared" si="905"/>
        <v>19.553524615890812</v>
      </c>
      <c r="J3910" s="237">
        <f t="shared" si="910"/>
        <v>9.5535246158908116</v>
      </c>
      <c r="K3910" s="237">
        <f t="shared" si="906"/>
        <v>759.16559321196087</v>
      </c>
      <c r="L3910" s="237">
        <f t="shared" si="911"/>
        <v>370.98246788427201</v>
      </c>
      <c r="M3910" s="236">
        <f t="shared" si="907"/>
        <v>5.5667709004304493</v>
      </c>
      <c r="N3910" s="236">
        <f t="shared" si="908"/>
        <v>7.4376284877020975</v>
      </c>
      <c r="O3910" s="236">
        <f t="shared" si="912"/>
        <v>3.4345939069216094</v>
      </c>
      <c r="P3910" s="236" t="str">
        <f t="shared" si="913"/>
        <v>CLAY</v>
      </c>
      <c r="Q3910" s="236">
        <f t="shared" si="909"/>
        <v>172.0978672323366</v>
      </c>
      <c r="R3910" s="238">
        <v>35</v>
      </c>
      <c r="S3910" s="236">
        <f t="shared" si="914"/>
        <v>2.1376873837303223</v>
      </c>
      <c r="T3910" s="236" t="e">
        <f t="shared" si="900"/>
        <v>#N/A</v>
      </c>
    </row>
    <row r="3911" spans="1:20" x14ac:dyDescent="0.2">
      <c r="A3911" s="53">
        <f t="shared" si="901"/>
        <v>3899</v>
      </c>
      <c r="B3911" s="239">
        <v>38.841999999999999</v>
      </c>
      <c r="C3911" s="3">
        <f t="shared" si="902"/>
        <v>38.835000000000001</v>
      </c>
      <c r="D3911" s="239">
        <v>2.5474999999999999</v>
      </c>
      <c r="E3911" s="239">
        <v>0.156</v>
      </c>
      <c r="F3911" s="239">
        <v>0.45650000000000002</v>
      </c>
      <c r="G3911">
        <f t="shared" si="903"/>
        <v>2.6387999999999998</v>
      </c>
      <c r="H3911" s="235">
        <f t="shared" si="904"/>
        <v>5.9117780809458846</v>
      </c>
      <c r="I3911" s="236">
        <f t="shared" si="905"/>
        <v>19.545145297807107</v>
      </c>
      <c r="J3911" s="237">
        <f t="shared" si="910"/>
        <v>9.5451452978071067</v>
      </c>
      <c r="K3911" s="237">
        <f t="shared" si="906"/>
        <v>759.03571764033904</v>
      </c>
      <c r="L3911" s="237">
        <f t="shared" si="911"/>
        <v>370.75253365742361</v>
      </c>
      <c r="M3911" s="236">
        <f t="shared" si="907"/>
        <v>5.0701319929389026</v>
      </c>
      <c r="N3911" s="236">
        <f t="shared" si="908"/>
        <v>8.2989128724253547</v>
      </c>
      <c r="O3911" s="236">
        <f t="shared" si="912"/>
        <v>3.4957874902714261</v>
      </c>
      <c r="P3911" s="236" t="str">
        <f t="shared" si="913"/>
        <v>CLAY</v>
      </c>
      <c r="Q3911" s="236">
        <f t="shared" si="909"/>
        <v>156.64702352997173</v>
      </c>
      <c r="R3911" s="238">
        <v>35</v>
      </c>
      <c r="S3911" s="236">
        <f t="shared" si="914"/>
        <v>1.9020156705949482</v>
      </c>
      <c r="T3911" s="236" t="e">
        <f t="shared" si="900"/>
        <v>#N/A</v>
      </c>
    </row>
    <row r="3912" spans="1:20" x14ac:dyDescent="0.2">
      <c r="A3912" s="53">
        <f t="shared" si="901"/>
        <v>3900</v>
      </c>
      <c r="B3912" s="239">
        <v>38.851999999999997</v>
      </c>
      <c r="C3912" s="3">
        <f t="shared" si="902"/>
        <v>38.844999999999999</v>
      </c>
      <c r="D3912" s="239">
        <v>2.6269999999999998</v>
      </c>
      <c r="E3912" s="239">
        <v>0.14760000000000001</v>
      </c>
      <c r="F3912" s="239">
        <v>0.47099999999999997</v>
      </c>
      <c r="G3912">
        <f t="shared" si="903"/>
        <v>2.7211999999999996</v>
      </c>
      <c r="H3912" s="235">
        <f t="shared" si="904"/>
        <v>5.424077612817876</v>
      </c>
      <c r="I3912" s="236">
        <f t="shared" si="905"/>
        <v>19.492260635657125</v>
      </c>
      <c r="J3912" s="237">
        <f t="shared" si="910"/>
        <v>9.4922606356571251</v>
      </c>
      <c r="K3912" s="237">
        <f t="shared" si="906"/>
        <v>757.17686439210104</v>
      </c>
      <c r="L3912" s="237">
        <f t="shared" si="911"/>
        <v>368.79331021655059</v>
      </c>
      <c r="M3912" s="236">
        <f t="shared" si="907"/>
        <v>5.3255389433573246</v>
      </c>
      <c r="N3912" s="236">
        <f t="shared" si="908"/>
        <v>7.5151864213817063</v>
      </c>
      <c r="O3912" s="236">
        <f t="shared" si="912"/>
        <v>3.4526083412568558</v>
      </c>
      <c r="P3912" s="236" t="str">
        <f t="shared" si="913"/>
        <v>CLAY</v>
      </c>
      <c r="Q3912" s="236">
        <f t="shared" si="909"/>
        <v>163.66859463399157</v>
      </c>
      <c r="R3912" s="238">
        <v>35</v>
      </c>
      <c r="S3912" s="236">
        <f t="shared" si="914"/>
        <v>2.0225276367359752</v>
      </c>
      <c r="T3912" s="236" t="e">
        <f t="shared" si="900"/>
        <v>#N/A</v>
      </c>
    </row>
    <row r="3913" spans="1:20" x14ac:dyDescent="0.2">
      <c r="A3913" s="53">
        <f t="shared" si="901"/>
        <v>3901</v>
      </c>
      <c r="B3913" s="239">
        <v>38.862000000000002</v>
      </c>
      <c r="C3913" s="3">
        <f t="shared" si="902"/>
        <v>38.855000000000004</v>
      </c>
      <c r="D3913" s="239">
        <v>2.7721</v>
      </c>
      <c r="E3913" s="239">
        <v>0.14369999999999999</v>
      </c>
      <c r="F3913" s="239">
        <v>0.48859999999999998</v>
      </c>
      <c r="G3913">
        <f t="shared" si="903"/>
        <v>2.8698199999999998</v>
      </c>
      <c r="H3913" s="235">
        <f t="shared" si="904"/>
        <v>5.0072826867190283</v>
      </c>
      <c r="I3913" s="236">
        <f t="shared" si="905"/>
        <v>19.481645520453419</v>
      </c>
      <c r="J3913" s="237">
        <f t="shared" si="910"/>
        <v>9.4816455204534194</v>
      </c>
      <c r="K3913" s="237">
        <f t="shared" si="906"/>
        <v>756.95933669721774</v>
      </c>
      <c r="L3913" s="237">
        <f t="shared" si="911"/>
        <v>368.47570821586078</v>
      </c>
      <c r="M3913" s="236">
        <f t="shared" si="907"/>
        <v>5.7340568623455201</v>
      </c>
      <c r="N3913" s="236">
        <f t="shared" si="908"/>
        <v>6.8012057063607303</v>
      </c>
      <c r="O3913" s="236">
        <f t="shared" si="912"/>
        <v>3.4008156772653773</v>
      </c>
      <c r="P3913" s="236" t="str">
        <f t="shared" si="913"/>
        <v>CLAY</v>
      </c>
      <c r="Q3913" s="236">
        <f t="shared" si="909"/>
        <v>176.07172194189852</v>
      </c>
      <c r="R3913" s="238">
        <v>35</v>
      </c>
      <c r="S3913" s="236">
        <f t="shared" si="914"/>
        <v>2.2182858190022152</v>
      </c>
      <c r="T3913" s="236" t="e">
        <f t="shared" si="900"/>
        <v>#N/A</v>
      </c>
    </row>
    <row r="3914" spans="1:20" x14ac:dyDescent="0.2">
      <c r="A3914" s="53">
        <f t="shared" si="901"/>
        <v>3902</v>
      </c>
      <c r="B3914" s="239">
        <v>38.872</v>
      </c>
      <c r="C3914" s="3">
        <f t="shared" si="902"/>
        <v>38.865000000000002</v>
      </c>
      <c r="D3914" s="239">
        <v>2.8957000000000002</v>
      </c>
      <c r="E3914" s="239">
        <v>0.13370000000000001</v>
      </c>
      <c r="F3914" s="239">
        <v>0.55859999999999999</v>
      </c>
      <c r="G3914">
        <f t="shared" si="903"/>
        <v>3.0074200000000002</v>
      </c>
      <c r="H3914" s="235">
        <f t="shared" si="904"/>
        <v>4.4456710402936732</v>
      </c>
      <c r="I3914" s="236">
        <f t="shared" si="905"/>
        <v>19.415372529187373</v>
      </c>
      <c r="J3914" s="237">
        <f t="shared" si="910"/>
        <v>9.4153725291873727</v>
      </c>
      <c r="K3914" s="237">
        <f t="shared" si="906"/>
        <v>754.57845334686726</v>
      </c>
      <c r="L3914" s="237">
        <f t="shared" si="911"/>
        <v>365.99436095457156</v>
      </c>
      <c r="M3914" s="236">
        <f t="shared" si="907"/>
        <v>6.1553996099212114</v>
      </c>
      <c r="N3914" s="236">
        <f t="shared" si="908"/>
        <v>5.9347271981301768</v>
      </c>
      <c r="O3914" s="236">
        <f t="shared" si="912"/>
        <v>3.3406636512573855</v>
      </c>
      <c r="P3914" s="236" t="str">
        <f t="shared" si="913"/>
        <v>CLAY</v>
      </c>
      <c r="Q3914" s="236">
        <f t="shared" si="909"/>
        <v>187.73679555442774</v>
      </c>
      <c r="R3914" s="238">
        <v>35</v>
      </c>
      <c r="S3914" s="236">
        <f t="shared" si="914"/>
        <v>2.4238755868667248</v>
      </c>
      <c r="T3914" s="236" t="e">
        <f t="shared" si="900"/>
        <v>#N/A</v>
      </c>
    </row>
    <row r="3915" spans="1:20" x14ac:dyDescent="0.2">
      <c r="A3915" s="53">
        <f t="shared" si="901"/>
        <v>3903</v>
      </c>
      <c r="B3915" s="239">
        <v>38.881999999999998</v>
      </c>
      <c r="C3915" s="3">
        <f t="shared" si="902"/>
        <v>38.875</v>
      </c>
      <c r="D3915" s="239">
        <v>3.3912</v>
      </c>
      <c r="E3915" s="239">
        <v>0.13339999999999999</v>
      </c>
      <c r="F3915" s="239">
        <v>0.59089999999999998</v>
      </c>
      <c r="G3915">
        <f t="shared" si="903"/>
        <v>3.5093800000000002</v>
      </c>
      <c r="H3915" s="235">
        <f t="shared" si="904"/>
        <v>3.8012412448922595</v>
      </c>
      <c r="I3915" s="236">
        <f t="shared" si="905"/>
        <v>19.473071151283875</v>
      </c>
      <c r="J3915" s="237">
        <f t="shared" si="910"/>
        <v>9.4730711512838752</v>
      </c>
      <c r="K3915" s="237">
        <f t="shared" si="906"/>
        <v>757.01564100616065</v>
      </c>
      <c r="L3915" s="237">
        <f t="shared" si="911"/>
        <v>368.3319525042196</v>
      </c>
      <c r="M3915" s="236">
        <f t="shared" si="907"/>
        <v>7.4725104359831729</v>
      </c>
      <c r="N3915" s="236">
        <f t="shared" si="908"/>
        <v>4.8467420225120916</v>
      </c>
      <c r="O3915" s="236">
        <f t="shared" si="912"/>
        <v>3.2206715754339759</v>
      </c>
      <c r="P3915" s="236" t="str">
        <f t="shared" si="913"/>
        <v>CLAY</v>
      </c>
      <c r="Q3915" s="236">
        <f t="shared" si="909"/>
        <v>229.36369658281993</v>
      </c>
      <c r="R3915" s="238">
        <v>35</v>
      </c>
      <c r="S3915" s="236">
        <f t="shared" si="914"/>
        <v>3.0886818173984487</v>
      </c>
      <c r="T3915" s="236" t="e">
        <f t="shared" si="900"/>
        <v>#N/A</v>
      </c>
    </row>
    <row r="3916" spans="1:20" x14ac:dyDescent="0.2">
      <c r="A3916" s="53">
        <f t="shared" si="901"/>
        <v>3904</v>
      </c>
      <c r="B3916" s="239">
        <v>38.890999999999998</v>
      </c>
      <c r="C3916" s="3">
        <f t="shared" si="902"/>
        <v>38.884</v>
      </c>
      <c r="D3916" s="239">
        <v>3.9996</v>
      </c>
      <c r="E3916" s="239">
        <v>0.12859999999999999</v>
      </c>
      <c r="F3916" s="239">
        <v>0.58360000000000001</v>
      </c>
      <c r="G3916">
        <f t="shared" si="903"/>
        <v>4.11632</v>
      </c>
      <c r="H3916" s="235">
        <f t="shared" si="904"/>
        <v>3.1241497259688265</v>
      </c>
      <c r="I3916" s="236">
        <f t="shared" si="905"/>
        <v>19.492451885822877</v>
      </c>
      <c r="J3916" s="237">
        <f t="shared" si="910"/>
        <v>9.4924518858228772</v>
      </c>
      <c r="K3916" s="237">
        <f t="shared" si="906"/>
        <v>757.94449912833682</v>
      </c>
      <c r="L3916" s="237">
        <f t="shared" si="911"/>
        <v>369.17094629153752</v>
      </c>
      <c r="M3916" s="236">
        <f t="shared" si="907"/>
        <v>9.097074227015483</v>
      </c>
      <c r="N3916" s="236">
        <f t="shared" si="908"/>
        <v>3.8292323168336</v>
      </c>
      <c r="O3916" s="236">
        <f t="shared" si="912"/>
        <v>3.0914117063764075</v>
      </c>
      <c r="P3916" s="236" t="str">
        <f t="shared" si="913"/>
        <v>CLAY</v>
      </c>
      <c r="Q3916" s="236">
        <f t="shared" si="909"/>
        <v>279.8646250726386</v>
      </c>
      <c r="R3916" s="238">
        <v>35</v>
      </c>
      <c r="S3916" s="236">
        <f t="shared" si="914"/>
        <v>3.9497279347778353</v>
      </c>
      <c r="T3916" s="236" t="e">
        <f t="shared" si="900"/>
        <v>#N/A</v>
      </c>
    </row>
    <row r="3917" spans="1:20" x14ac:dyDescent="0.2">
      <c r="A3917" s="53">
        <f t="shared" si="901"/>
        <v>3905</v>
      </c>
      <c r="B3917" s="239">
        <v>38.9</v>
      </c>
      <c r="C3917" s="3">
        <f t="shared" si="902"/>
        <v>38.893000000000001</v>
      </c>
      <c r="D3917" s="239">
        <v>4.3821000000000003</v>
      </c>
      <c r="E3917" s="239">
        <v>0.12529999999999999</v>
      </c>
      <c r="F3917" s="239">
        <v>0.61560000000000004</v>
      </c>
      <c r="G3917">
        <f t="shared" si="903"/>
        <v>4.5052200000000004</v>
      </c>
      <c r="H3917" s="235">
        <f t="shared" si="904"/>
        <v>2.7812182312961404</v>
      </c>
      <c r="I3917" s="236">
        <f t="shared" si="905"/>
        <v>19.497255349132804</v>
      </c>
      <c r="J3917" s="237">
        <f t="shared" si="910"/>
        <v>9.4972553491328036</v>
      </c>
      <c r="K3917" s="237">
        <f t="shared" si="906"/>
        <v>758.30675229382211</v>
      </c>
      <c r="L3917" s="237">
        <f t="shared" si="911"/>
        <v>369.44323308126604</v>
      </c>
      <c r="M3917" s="236">
        <f t="shared" si="907"/>
        <v>10.14205407541454</v>
      </c>
      <c r="N3917" s="236">
        <f t="shared" si="908"/>
        <v>3.3440859640053682</v>
      </c>
      <c r="O3917" s="236">
        <f t="shared" si="912"/>
        <v>3.0188042726497031</v>
      </c>
      <c r="P3917" s="236" t="str">
        <f t="shared" si="913"/>
        <v>CLAY</v>
      </c>
      <c r="Q3917" s="236">
        <f t="shared" si="909"/>
        <v>312.24277064218148</v>
      </c>
      <c r="R3917" s="238">
        <v>35</v>
      </c>
      <c r="S3917" s="236">
        <f t="shared" si="914"/>
        <v>4.5247794035426008</v>
      </c>
      <c r="T3917" s="236" t="e">
        <f t="shared" ref="T3917:T3980" si="915">IF(P3917="SAND",17.6+(11*LOG(M3917)),#N/A)</f>
        <v>#N/A</v>
      </c>
    </row>
    <row r="3918" spans="1:20" x14ac:dyDescent="0.2">
      <c r="A3918" s="53">
        <f t="shared" ref="A3918:A3981" si="916">$A3917+1</f>
        <v>3906</v>
      </c>
      <c r="B3918" s="239">
        <v>38.909999999999997</v>
      </c>
      <c r="C3918" s="3">
        <f t="shared" ref="C3918:C3981" si="917">MAX($B3918 - $B$13, 0.001)</f>
        <v>38.902999999999999</v>
      </c>
      <c r="D3918" s="239">
        <v>4.9546999999999999</v>
      </c>
      <c r="E3918" s="239">
        <v>0.1143</v>
      </c>
      <c r="F3918" s="239">
        <v>0.63490000000000002</v>
      </c>
      <c r="G3918">
        <f t="shared" si="903"/>
        <v>5.0816799999999995</v>
      </c>
      <c r="H3918" s="235">
        <f t="shared" si="904"/>
        <v>2.2492561515089502</v>
      </c>
      <c r="I3918" s="236">
        <f t="shared" si="905"/>
        <v>19.436574458587973</v>
      </c>
      <c r="J3918" s="237">
        <f t="shared" si="910"/>
        <v>9.4365744585879732</v>
      </c>
      <c r="K3918" s="237">
        <f t="shared" si="906"/>
        <v>756.14105616244785</v>
      </c>
      <c r="L3918" s="237">
        <f t="shared" si="911"/>
        <v>367.17711218365798</v>
      </c>
      <c r="M3918" s="236">
        <f t="shared" si="907"/>
        <v>11.780524439862047</v>
      </c>
      <c r="N3918" s="236">
        <f t="shared" si="908"/>
        <v>2.6424452879528304</v>
      </c>
      <c r="O3918" s="236">
        <f t="shared" si="912"/>
        <v>2.9069906906188949</v>
      </c>
      <c r="P3918" s="236" t="str">
        <f t="shared" si="913"/>
        <v>CLAY</v>
      </c>
      <c r="Q3918" s="236">
        <f t="shared" si="909"/>
        <v>360.46157865312927</v>
      </c>
      <c r="R3918" s="238">
        <v>35</v>
      </c>
      <c r="S3918" s="236">
        <f t="shared" si="914"/>
        <v>5.4562692017018719</v>
      </c>
      <c r="T3918" s="236" t="e">
        <f t="shared" si="915"/>
        <v>#N/A</v>
      </c>
    </row>
    <row r="3919" spans="1:20" x14ac:dyDescent="0.2">
      <c r="A3919" s="53">
        <f t="shared" si="916"/>
        <v>3907</v>
      </c>
      <c r="B3919" s="239">
        <v>38.92</v>
      </c>
      <c r="C3919" s="3">
        <f t="shared" si="917"/>
        <v>38.913000000000004</v>
      </c>
      <c r="D3919" s="239">
        <v>5.7784000000000004</v>
      </c>
      <c r="E3919" s="239">
        <v>0.1012</v>
      </c>
      <c r="F3919" s="239">
        <v>0.52980000000000005</v>
      </c>
      <c r="G3919">
        <f t="shared" ref="G3919:G3982" si="918">$D3919+($F3919*(1-$P$8))</f>
        <v>5.88436</v>
      </c>
      <c r="H3919" s="235">
        <f t="shared" ref="H3919:H3982" si="919">($E3919/$G3919)*100</f>
        <v>1.71981319973625</v>
      </c>
      <c r="I3919" s="236">
        <f t="shared" ref="I3919:I3982" si="920">((0.27*(LOG($H3919)))+(0.36*(LOG(($G3919*1000)/101)))+1.236)*10</f>
        <v>19.351159749305168</v>
      </c>
      <c r="J3919" s="237">
        <f t="shared" si="910"/>
        <v>9.3511597493051681</v>
      </c>
      <c r="K3919" s="237">
        <f t="shared" ref="K3919:K3982" si="921">$I3919*$C3919</f>
        <v>753.01167932471208</v>
      </c>
      <c r="L3919" s="237">
        <f t="shared" si="911"/>
        <v>363.94713744295717</v>
      </c>
      <c r="M3919" s="236">
        <f t="shared" ref="M3919:M3982" si="922">(($G3919*1000)-$K3919)/$L3919</f>
        <v>14.099158346806735</v>
      </c>
      <c r="N3919" s="236">
        <f t="shared" ref="N3919:N3982" si="923">(($E3919*1000)/(($G3919*1000)-$K3919))*100</f>
        <v>1.9721911995769961</v>
      </c>
      <c r="O3919" s="236">
        <f t="shared" si="912"/>
        <v>2.7715004565886194</v>
      </c>
      <c r="P3919" s="236" t="str">
        <f t="shared" si="913"/>
        <v>CLAY</v>
      </c>
      <c r="Q3919" s="236">
        <f t="shared" ref="Q3919:Q3982" si="924">IF(P3919="CLAY",($G3919*1000 -$K3919)/$L$8,#N/A)</f>
        <v>427.61236005627399</v>
      </c>
      <c r="R3919" s="238">
        <v>35</v>
      </c>
      <c r="S3919" s="236">
        <f t="shared" si="914"/>
        <v>6.8301696945217669</v>
      </c>
      <c r="T3919" s="236" t="e">
        <f t="shared" si="915"/>
        <v>#N/A</v>
      </c>
    </row>
    <row r="3920" spans="1:20" x14ac:dyDescent="0.2">
      <c r="A3920" s="53">
        <f t="shared" si="916"/>
        <v>3908</v>
      </c>
      <c r="B3920" s="239">
        <v>38.93</v>
      </c>
      <c r="C3920" s="3">
        <f t="shared" si="917"/>
        <v>38.923000000000002</v>
      </c>
      <c r="D3920" s="239">
        <v>6.298</v>
      </c>
      <c r="E3920" s="239">
        <v>9.8100000000000007E-2</v>
      </c>
      <c r="F3920" s="239">
        <v>0.58120000000000005</v>
      </c>
      <c r="G3920">
        <f t="shared" si="918"/>
        <v>6.4142400000000004</v>
      </c>
      <c r="H3920" s="235">
        <f t="shared" si="919"/>
        <v>1.5294095637207215</v>
      </c>
      <c r="I3920" s="236">
        <f t="shared" si="920"/>
        <v>19.348380059513506</v>
      </c>
      <c r="J3920" s="237">
        <f t="shared" ref="J3920:J3983" si="925">$I3920-10</f>
        <v>9.3483800595135058</v>
      </c>
      <c r="K3920" s="237">
        <f t="shared" si="921"/>
        <v>753.09699705644425</v>
      </c>
      <c r="L3920" s="237">
        <f t="shared" ref="L3920:L3983" si="926">$J3920*$B3920</f>
        <v>363.93243571686077</v>
      </c>
      <c r="M3920" s="236">
        <f t="shared" si="922"/>
        <v>15.555478015561993</v>
      </c>
      <c r="N3920" s="236">
        <f t="shared" si="923"/>
        <v>1.7328656059207854</v>
      </c>
      <c r="O3920" s="236">
        <f t="shared" ref="O3920:O3983" si="927">((3.47-LOG($M3920))^2+(LOG($N3920)+1.22)^2)^0.5</f>
        <v>2.7051451716494936</v>
      </c>
      <c r="P3920" s="236" t="str">
        <f t="shared" ref="P3920:P3983" si="928">IF(O3920&lt;2.6,"SAND","CLAY")</f>
        <v>CLAY</v>
      </c>
      <c r="Q3920" s="236">
        <f t="shared" si="924"/>
        <v>471.761916911963</v>
      </c>
      <c r="R3920" s="238">
        <v>35</v>
      </c>
      <c r="S3920" s="236">
        <f t="shared" ref="S3920:S3983" si="929">IF(P3920="SAND",#N/A,0.25*($M3920)^1.25)</f>
        <v>7.7231453866617201</v>
      </c>
      <c r="T3920" s="236" t="e">
        <f t="shared" si="915"/>
        <v>#N/A</v>
      </c>
    </row>
    <row r="3921" spans="1:20" x14ac:dyDescent="0.2">
      <c r="A3921" s="53">
        <f t="shared" si="916"/>
        <v>3909</v>
      </c>
      <c r="B3921" s="239">
        <v>38.939</v>
      </c>
      <c r="C3921" s="3">
        <f t="shared" si="917"/>
        <v>38.932000000000002</v>
      </c>
      <c r="D3921" s="239">
        <v>6.8501000000000003</v>
      </c>
      <c r="E3921" s="239">
        <v>8.9200000000000002E-2</v>
      </c>
      <c r="F3921" s="239">
        <v>0.39839999999999998</v>
      </c>
      <c r="G3921">
        <f t="shared" si="918"/>
        <v>6.9297800000000001</v>
      </c>
      <c r="H3921" s="235">
        <f t="shared" si="919"/>
        <v>1.2871981505906394</v>
      </c>
      <c r="I3921" s="236">
        <f t="shared" si="920"/>
        <v>19.267075663737913</v>
      </c>
      <c r="J3921" s="237">
        <f t="shared" si="925"/>
        <v>9.2670756637379128</v>
      </c>
      <c r="K3921" s="237">
        <f t="shared" si="921"/>
        <v>750.10578974064447</v>
      </c>
      <c r="L3921" s="237">
        <f t="shared" si="926"/>
        <v>360.85065927029058</v>
      </c>
      <c r="M3921" s="236">
        <f t="shared" si="922"/>
        <v>17.125295607761519</v>
      </c>
      <c r="N3921" s="236">
        <f t="shared" si="923"/>
        <v>1.4434417894055351</v>
      </c>
      <c r="O3921" s="236">
        <f t="shared" si="927"/>
        <v>2.6275572325023888</v>
      </c>
      <c r="P3921" s="236" t="str">
        <f t="shared" si="928"/>
        <v>CLAY</v>
      </c>
      <c r="Q3921" s="236">
        <f t="shared" si="924"/>
        <v>514.97285085494627</v>
      </c>
      <c r="R3921" s="238">
        <v>35</v>
      </c>
      <c r="S3921" s="236">
        <f t="shared" si="929"/>
        <v>8.7093873185481563</v>
      </c>
      <c r="T3921" s="236" t="e">
        <f t="shared" si="915"/>
        <v>#N/A</v>
      </c>
    </row>
    <row r="3922" spans="1:20" x14ac:dyDescent="0.2">
      <c r="A3922" s="53">
        <f t="shared" si="916"/>
        <v>3910</v>
      </c>
      <c r="B3922" s="239">
        <v>38.950000000000003</v>
      </c>
      <c r="C3922" s="3">
        <f t="shared" si="917"/>
        <v>38.943000000000005</v>
      </c>
      <c r="D3922" s="239">
        <v>7.3051000000000004</v>
      </c>
      <c r="E3922" s="239">
        <v>8.3000000000000004E-2</v>
      </c>
      <c r="F3922" s="239">
        <v>0.1966</v>
      </c>
      <c r="G3922">
        <f t="shared" si="918"/>
        <v>7.3444200000000004</v>
      </c>
      <c r="H3922" s="235">
        <f t="shared" si="919"/>
        <v>1.1301096614845012</v>
      </c>
      <c r="I3922" s="236">
        <f t="shared" si="920"/>
        <v>19.205315657925041</v>
      </c>
      <c r="J3922" s="237">
        <f t="shared" si="925"/>
        <v>9.2053156579250413</v>
      </c>
      <c r="K3922" s="237">
        <f t="shared" si="921"/>
        <v>747.91260766657501</v>
      </c>
      <c r="L3922" s="237">
        <f t="shared" si="926"/>
        <v>358.54704487618039</v>
      </c>
      <c r="M3922" s="236">
        <f t="shared" si="922"/>
        <v>18.397885261086014</v>
      </c>
      <c r="N3922" s="236">
        <f t="shared" si="923"/>
        <v>1.2582415976136712</v>
      </c>
      <c r="O3922" s="236">
        <f t="shared" si="927"/>
        <v>2.5699855459970373</v>
      </c>
      <c r="P3922" s="236" t="str">
        <f t="shared" si="928"/>
        <v>SAND</v>
      </c>
      <c r="Q3922" s="236" t="e">
        <f t="shared" si="924"/>
        <v>#N/A</v>
      </c>
      <c r="R3922" s="238">
        <v>35</v>
      </c>
      <c r="S3922" s="236" t="e">
        <f t="shared" si="929"/>
        <v>#N/A</v>
      </c>
      <c r="T3922" s="236">
        <f t="shared" si="915"/>
        <v>31.512446966450028</v>
      </c>
    </row>
    <row r="3923" spans="1:20" x14ac:dyDescent="0.2">
      <c r="A3923" s="53">
        <f t="shared" si="916"/>
        <v>3911</v>
      </c>
      <c r="B3923" s="239">
        <v>38.959000000000003</v>
      </c>
      <c r="C3923" s="3">
        <f t="shared" si="917"/>
        <v>38.952000000000005</v>
      </c>
      <c r="D3923" s="239">
        <v>7.5335999999999999</v>
      </c>
      <c r="E3923" s="239">
        <v>7.1900000000000006E-2</v>
      </c>
      <c r="F3923" s="239">
        <v>5.62E-2</v>
      </c>
      <c r="G3923">
        <f t="shared" si="918"/>
        <v>7.5448399999999998</v>
      </c>
      <c r="H3923" s="235">
        <f t="shared" si="919"/>
        <v>0.95296918158635591</v>
      </c>
      <c r="I3923" s="236">
        <f t="shared" si="920"/>
        <v>19.04749608930711</v>
      </c>
      <c r="J3923" s="237">
        <f t="shared" si="925"/>
        <v>9.0474960893071099</v>
      </c>
      <c r="K3923" s="237">
        <f t="shared" si="921"/>
        <v>741.93806767069066</v>
      </c>
      <c r="L3923" s="237">
        <f t="shared" si="926"/>
        <v>352.48140014331574</v>
      </c>
      <c r="M3923" s="236">
        <f t="shared" si="922"/>
        <v>19.300030950748923</v>
      </c>
      <c r="N3923" s="236">
        <f t="shared" si="923"/>
        <v>1.0569019032644131</v>
      </c>
      <c r="O3923" s="236">
        <f t="shared" si="927"/>
        <v>2.5138434940247478</v>
      </c>
      <c r="P3923" s="236" t="str">
        <f t="shared" si="928"/>
        <v>SAND</v>
      </c>
      <c r="Q3923" s="236" t="e">
        <f t="shared" si="924"/>
        <v>#N/A</v>
      </c>
      <c r="R3923" s="238">
        <v>35</v>
      </c>
      <c r="S3923" s="236" t="e">
        <f t="shared" si="929"/>
        <v>#N/A</v>
      </c>
      <c r="T3923" s="236">
        <f t="shared" si="915"/>
        <v>31.741138060174404</v>
      </c>
    </row>
    <row r="3924" spans="1:20" x14ac:dyDescent="0.2">
      <c r="A3924" s="53">
        <f t="shared" si="916"/>
        <v>3912</v>
      </c>
      <c r="B3924" s="239">
        <v>38.969000000000001</v>
      </c>
      <c r="C3924" s="3">
        <f t="shared" si="917"/>
        <v>38.962000000000003</v>
      </c>
      <c r="D3924" s="239">
        <v>7.4100999999999999</v>
      </c>
      <c r="E3924" s="239">
        <v>8.9499999999999996E-2</v>
      </c>
      <c r="F3924" s="239">
        <v>3.3E-3</v>
      </c>
      <c r="G3924">
        <f t="shared" si="918"/>
        <v>7.4107599999999998</v>
      </c>
      <c r="H3924" s="235">
        <f t="shared" si="919"/>
        <v>1.2077033934441272</v>
      </c>
      <c r="I3924" s="236">
        <f t="shared" si="920"/>
        <v>19.297241723582559</v>
      </c>
      <c r="J3924" s="237">
        <f t="shared" si="925"/>
        <v>9.2972417235825588</v>
      </c>
      <c r="K3924" s="237">
        <f t="shared" si="921"/>
        <v>751.85913203422376</v>
      </c>
      <c r="L3924" s="237">
        <f t="shared" si="926"/>
        <v>362.30421272628877</v>
      </c>
      <c r="M3924" s="236">
        <f t="shared" si="922"/>
        <v>18.379308421115155</v>
      </c>
      <c r="N3924" s="236">
        <f t="shared" si="923"/>
        <v>1.3440656615052042</v>
      </c>
      <c r="O3924" s="236">
        <f t="shared" si="927"/>
        <v>2.5851927657105924</v>
      </c>
      <c r="P3924" s="236" t="str">
        <f t="shared" si="928"/>
        <v>SAND</v>
      </c>
      <c r="Q3924" s="236" t="e">
        <f t="shared" si="924"/>
        <v>#N/A</v>
      </c>
      <c r="R3924" s="238">
        <v>35</v>
      </c>
      <c r="S3924" s="236" t="e">
        <f t="shared" si="929"/>
        <v>#N/A</v>
      </c>
      <c r="T3924" s="236">
        <f t="shared" si="915"/>
        <v>31.507620822383107</v>
      </c>
    </row>
    <row r="3925" spans="1:20" x14ac:dyDescent="0.2">
      <c r="A3925" s="53">
        <f t="shared" si="916"/>
        <v>3913</v>
      </c>
      <c r="B3925" s="239">
        <v>38.979999999999997</v>
      </c>
      <c r="C3925" s="3">
        <f t="shared" si="917"/>
        <v>38.972999999999999</v>
      </c>
      <c r="D3925" s="239">
        <v>6.9932999999999996</v>
      </c>
      <c r="E3925" s="239">
        <v>0.1043</v>
      </c>
      <c r="F3925" s="239">
        <v>-0.04</v>
      </c>
      <c r="G3925">
        <f t="shared" si="918"/>
        <v>6.9852999999999996</v>
      </c>
      <c r="H3925" s="235">
        <f t="shared" si="919"/>
        <v>1.4931355847279288</v>
      </c>
      <c r="I3925" s="236">
        <f t="shared" si="920"/>
        <v>19.453577243510249</v>
      </c>
      <c r="J3925" s="237">
        <f t="shared" si="925"/>
        <v>9.4535772435102494</v>
      </c>
      <c r="K3925" s="237">
        <f t="shared" si="921"/>
        <v>758.16426591132495</v>
      </c>
      <c r="L3925" s="237">
        <f t="shared" si="926"/>
        <v>368.50044095202946</v>
      </c>
      <c r="M3925" s="236">
        <f t="shared" si="922"/>
        <v>16.898584213361385</v>
      </c>
      <c r="N3925" s="236">
        <f t="shared" si="923"/>
        <v>1.6749273575175094</v>
      </c>
      <c r="O3925" s="236">
        <f t="shared" si="927"/>
        <v>2.6669007415434511</v>
      </c>
      <c r="P3925" s="236" t="str">
        <f t="shared" si="928"/>
        <v>CLAY</v>
      </c>
      <c r="Q3925" s="236">
        <f t="shared" si="924"/>
        <v>518.92797784072286</v>
      </c>
      <c r="R3925" s="238">
        <v>35</v>
      </c>
      <c r="S3925" s="236">
        <f t="shared" si="929"/>
        <v>8.5655037411524564</v>
      </c>
      <c r="T3925" s="236" t="e">
        <f t="shared" si="915"/>
        <v>#N/A</v>
      </c>
    </row>
    <row r="3926" spans="1:20" x14ac:dyDescent="0.2">
      <c r="A3926" s="53">
        <f t="shared" si="916"/>
        <v>3914</v>
      </c>
      <c r="B3926" s="239">
        <v>38.99</v>
      </c>
      <c r="C3926" s="3">
        <f t="shared" si="917"/>
        <v>38.983000000000004</v>
      </c>
      <c r="D3926" s="239">
        <v>6.4741999999999997</v>
      </c>
      <c r="E3926" s="239">
        <v>0.10539999999999999</v>
      </c>
      <c r="F3926" s="239">
        <v>-6.8099999999999994E-2</v>
      </c>
      <c r="G3926">
        <f t="shared" si="918"/>
        <v>6.4605799999999993</v>
      </c>
      <c r="H3926" s="235">
        <f t="shared" si="919"/>
        <v>1.6314324720071574</v>
      </c>
      <c r="I3926" s="236">
        <f t="shared" si="920"/>
        <v>19.435357061514832</v>
      </c>
      <c r="J3926" s="237">
        <f t="shared" si="925"/>
        <v>9.4353570615148321</v>
      </c>
      <c r="K3926" s="237">
        <f t="shared" si="921"/>
        <v>757.64852432903274</v>
      </c>
      <c r="L3926" s="237">
        <f t="shared" si="926"/>
        <v>367.88457182846332</v>
      </c>
      <c r="M3926" s="236">
        <f t="shared" si="922"/>
        <v>15.501958800082871</v>
      </c>
      <c r="N3926" s="236">
        <f t="shared" si="923"/>
        <v>1.8481723031329143</v>
      </c>
      <c r="O3926" s="236">
        <f t="shared" si="927"/>
        <v>2.721587861430165</v>
      </c>
      <c r="P3926" s="236" t="str">
        <f t="shared" si="928"/>
        <v>CLAY</v>
      </c>
      <c r="Q3926" s="236">
        <f t="shared" si="924"/>
        <v>475.2442896392472</v>
      </c>
      <c r="R3926" s="238">
        <v>35</v>
      </c>
      <c r="S3926" s="236">
        <f t="shared" si="929"/>
        <v>7.6899449631514285</v>
      </c>
      <c r="T3926" s="236" t="e">
        <f t="shared" si="915"/>
        <v>#N/A</v>
      </c>
    </row>
    <row r="3927" spans="1:20" x14ac:dyDescent="0.2">
      <c r="A3927" s="53">
        <f t="shared" si="916"/>
        <v>3915</v>
      </c>
      <c r="B3927" s="239">
        <v>38.999000000000002</v>
      </c>
      <c r="C3927" s="3">
        <f t="shared" si="917"/>
        <v>38.992000000000004</v>
      </c>
      <c r="D3927" s="239">
        <v>5.8423999999999996</v>
      </c>
      <c r="E3927" s="239">
        <v>0.1118</v>
      </c>
      <c r="F3927" s="239">
        <v>-5.2900000000000003E-2</v>
      </c>
      <c r="G3927">
        <f t="shared" si="918"/>
        <v>5.8318199999999996</v>
      </c>
      <c r="H3927" s="235">
        <f t="shared" si="919"/>
        <v>1.9170687709840155</v>
      </c>
      <c r="I3927" s="236">
        <f t="shared" si="920"/>
        <v>19.464459623825725</v>
      </c>
      <c r="J3927" s="237">
        <f t="shared" si="925"/>
        <v>9.464459623825725</v>
      </c>
      <c r="K3927" s="237">
        <f t="shared" si="921"/>
        <v>758.95820965221276</v>
      </c>
      <c r="L3927" s="237">
        <f t="shared" si="926"/>
        <v>369.1044608695795</v>
      </c>
      <c r="M3927" s="236">
        <f t="shared" si="922"/>
        <v>13.743702198549824</v>
      </c>
      <c r="N3927" s="236">
        <f t="shared" si="923"/>
        <v>2.20388421014591</v>
      </c>
      <c r="O3927" s="236">
        <f t="shared" si="927"/>
        <v>2.8073651929061816</v>
      </c>
      <c r="P3927" s="236" t="str">
        <f t="shared" si="928"/>
        <v>CLAY</v>
      </c>
      <c r="Q3927" s="236">
        <f t="shared" si="924"/>
        <v>422.73848252898227</v>
      </c>
      <c r="R3927" s="238">
        <v>35</v>
      </c>
      <c r="S3927" s="236">
        <f t="shared" si="929"/>
        <v>6.6156067086165615</v>
      </c>
      <c r="T3927" s="236" t="e">
        <f t="shared" si="915"/>
        <v>#N/A</v>
      </c>
    </row>
    <row r="3928" spans="1:20" x14ac:dyDescent="0.2">
      <c r="A3928" s="53">
        <f t="shared" si="916"/>
        <v>3916</v>
      </c>
      <c r="B3928" s="239">
        <v>39.009</v>
      </c>
      <c r="C3928" s="3">
        <f t="shared" si="917"/>
        <v>39.002000000000002</v>
      </c>
      <c r="D3928" s="239">
        <v>5.1487999999999996</v>
      </c>
      <c r="E3928" s="239">
        <v>0.1197</v>
      </c>
      <c r="F3928" s="239">
        <v>1.1599999999999999E-2</v>
      </c>
      <c r="G3928">
        <f t="shared" si="918"/>
        <v>5.1511199999999997</v>
      </c>
      <c r="H3928" s="235">
        <f t="shared" si="919"/>
        <v>2.3237664818524904</v>
      </c>
      <c r="I3928" s="236">
        <f t="shared" si="920"/>
        <v>19.496008761032904</v>
      </c>
      <c r="J3928" s="237">
        <f t="shared" si="925"/>
        <v>9.496008761032904</v>
      </c>
      <c r="K3928" s="237">
        <f t="shared" si="921"/>
        <v>760.38333369780537</v>
      </c>
      <c r="L3928" s="237">
        <f t="shared" si="926"/>
        <v>370.42980575913253</v>
      </c>
      <c r="M3928" s="236">
        <f t="shared" si="922"/>
        <v>11.85308686838558</v>
      </c>
      <c r="N3928" s="236">
        <f t="shared" si="923"/>
        <v>2.7261940101912177</v>
      </c>
      <c r="O3928" s="236">
        <f t="shared" si="927"/>
        <v>2.9124717716171613</v>
      </c>
      <c r="P3928" s="236" t="str">
        <f t="shared" si="928"/>
        <v>CLAY</v>
      </c>
      <c r="Q3928" s="236">
        <f t="shared" si="924"/>
        <v>365.89472219184955</v>
      </c>
      <c r="R3928" s="238">
        <v>35</v>
      </c>
      <c r="S3928" s="236">
        <f t="shared" si="929"/>
        <v>5.4983115268127056</v>
      </c>
      <c r="T3928" s="236" t="e">
        <f t="shared" si="915"/>
        <v>#N/A</v>
      </c>
    </row>
    <row r="3929" spans="1:20" x14ac:dyDescent="0.2">
      <c r="A3929" s="53">
        <f t="shared" si="916"/>
        <v>3917</v>
      </c>
      <c r="B3929" s="239">
        <v>39.018999999999998</v>
      </c>
      <c r="C3929" s="3">
        <f t="shared" si="917"/>
        <v>39.012</v>
      </c>
      <c r="D3929" s="239">
        <v>4.5909000000000004</v>
      </c>
      <c r="E3929" s="239">
        <v>0.12039999999999999</v>
      </c>
      <c r="F3929" s="239">
        <v>0.1222</v>
      </c>
      <c r="G3929">
        <f t="shared" si="918"/>
        <v>4.6153400000000007</v>
      </c>
      <c r="H3929" s="235">
        <f t="shared" si="919"/>
        <v>2.6086918840215452</v>
      </c>
      <c r="I3929" s="236">
        <f t="shared" si="920"/>
        <v>19.459917898960235</v>
      </c>
      <c r="J3929" s="237">
        <f t="shared" si="925"/>
        <v>9.459917898960235</v>
      </c>
      <c r="K3929" s="237">
        <f t="shared" si="921"/>
        <v>759.17031707423666</v>
      </c>
      <c r="L3929" s="237">
        <f t="shared" si="926"/>
        <v>369.11653649952939</v>
      </c>
      <c r="M3929" s="236">
        <f t="shared" si="922"/>
        <v>10.447024995128283</v>
      </c>
      <c r="N3929" s="236">
        <f t="shared" si="923"/>
        <v>3.1222692438329052</v>
      </c>
      <c r="O3929" s="236">
        <f t="shared" si="927"/>
        <v>2.9911278297307478</v>
      </c>
      <c r="P3929" s="236" t="str">
        <f t="shared" si="928"/>
        <v>CLAY</v>
      </c>
      <c r="Q3929" s="236">
        <f t="shared" si="924"/>
        <v>321.34747357714701</v>
      </c>
      <c r="R3929" s="238">
        <v>35</v>
      </c>
      <c r="S3929" s="236">
        <f t="shared" si="929"/>
        <v>4.6954887126873892</v>
      </c>
      <c r="T3929" s="236" t="e">
        <f t="shared" si="915"/>
        <v>#N/A</v>
      </c>
    </row>
    <row r="3930" spans="1:20" x14ac:dyDescent="0.2">
      <c r="A3930" s="53">
        <f t="shared" si="916"/>
        <v>3918</v>
      </c>
      <c r="B3930" s="239">
        <v>39.029000000000003</v>
      </c>
      <c r="C3930" s="3">
        <f t="shared" si="917"/>
        <v>39.022000000000006</v>
      </c>
      <c r="D3930" s="239">
        <v>4.0561999999999996</v>
      </c>
      <c r="E3930" s="239">
        <v>0.1168</v>
      </c>
      <c r="F3930" s="239">
        <v>0.193</v>
      </c>
      <c r="G3930">
        <f t="shared" si="918"/>
        <v>4.0947999999999993</v>
      </c>
      <c r="H3930" s="235">
        <f t="shared" si="919"/>
        <v>2.8523981635244704</v>
      </c>
      <c r="I3930" s="236">
        <f t="shared" si="920"/>
        <v>19.377548155031981</v>
      </c>
      <c r="J3930" s="237">
        <f t="shared" si="925"/>
        <v>9.377548155031981</v>
      </c>
      <c r="K3930" s="237">
        <f t="shared" si="921"/>
        <v>756.15068410565812</v>
      </c>
      <c r="L3930" s="237">
        <f t="shared" si="926"/>
        <v>365.99632694274322</v>
      </c>
      <c r="M3930" s="236">
        <f t="shared" si="922"/>
        <v>9.1220842126556168</v>
      </c>
      <c r="N3930" s="236">
        <f t="shared" si="923"/>
        <v>3.4984207369114526</v>
      </c>
      <c r="O3930" s="236">
        <f t="shared" si="927"/>
        <v>3.0677145091885847</v>
      </c>
      <c r="P3930" s="236" t="str">
        <f t="shared" si="928"/>
        <v>CLAY</v>
      </c>
      <c r="Q3930" s="236">
        <f t="shared" si="924"/>
        <v>278.22077632452846</v>
      </c>
      <c r="R3930" s="238">
        <v>35</v>
      </c>
      <c r="S3930" s="236">
        <f t="shared" si="929"/>
        <v>3.9633060039782624</v>
      </c>
      <c r="T3930" s="236" t="e">
        <f t="shared" si="915"/>
        <v>#N/A</v>
      </c>
    </row>
    <row r="3931" spans="1:20" x14ac:dyDescent="0.2">
      <c r="A3931" s="53">
        <f t="shared" si="916"/>
        <v>3919</v>
      </c>
      <c r="B3931" s="239">
        <v>39.039000000000001</v>
      </c>
      <c r="C3931" s="3">
        <f t="shared" si="917"/>
        <v>39.032000000000004</v>
      </c>
      <c r="D3931" s="239">
        <v>3.4127999999999998</v>
      </c>
      <c r="E3931" s="239">
        <v>0.1182</v>
      </c>
      <c r="F3931" s="239">
        <v>0.2281</v>
      </c>
      <c r="G3931">
        <f t="shared" si="918"/>
        <v>3.4584199999999998</v>
      </c>
      <c r="H3931" s="235">
        <f t="shared" si="919"/>
        <v>3.417745675771017</v>
      </c>
      <c r="I3931" s="236">
        <f t="shared" si="920"/>
        <v>19.325500201701843</v>
      </c>
      <c r="J3931" s="237">
        <f t="shared" si="925"/>
        <v>9.3255002017018427</v>
      </c>
      <c r="K3931" s="237">
        <f t="shared" si="921"/>
        <v>754.31292387282645</v>
      </c>
      <c r="L3931" s="237">
        <f t="shared" si="926"/>
        <v>364.05820237423825</v>
      </c>
      <c r="M3931" s="236">
        <f t="shared" si="922"/>
        <v>7.4276779330670095</v>
      </c>
      <c r="N3931" s="236">
        <f t="shared" si="923"/>
        <v>4.371128682126237</v>
      </c>
      <c r="O3931" s="236">
        <f t="shared" si="927"/>
        <v>3.1964626241578875</v>
      </c>
      <c r="P3931" s="236" t="str">
        <f t="shared" si="928"/>
        <v>CLAY</v>
      </c>
      <c r="Q3931" s="236">
        <f t="shared" si="924"/>
        <v>225.3422563439311</v>
      </c>
      <c r="R3931" s="238">
        <v>35</v>
      </c>
      <c r="S3931" s="236">
        <f t="shared" si="929"/>
        <v>3.0655354242747972</v>
      </c>
      <c r="T3931" s="236" t="e">
        <f t="shared" si="915"/>
        <v>#N/A</v>
      </c>
    </row>
    <row r="3932" spans="1:20" x14ac:dyDescent="0.2">
      <c r="A3932" s="53">
        <f t="shared" si="916"/>
        <v>3920</v>
      </c>
      <c r="B3932" s="239">
        <v>39.048999999999999</v>
      </c>
      <c r="C3932" s="3">
        <f t="shared" si="917"/>
        <v>39.042000000000002</v>
      </c>
      <c r="D3932" s="239">
        <v>2.9237000000000002</v>
      </c>
      <c r="E3932" s="239">
        <v>0.10970000000000001</v>
      </c>
      <c r="F3932" s="239">
        <v>0.26750000000000002</v>
      </c>
      <c r="G3932">
        <f t="shared" si="918"/>
        <v>2.9772000000000003</v>
      </c>
      <c r="H3932" s="235">
        <f t="shared" si="919"/>
        <v>3.6846701598817679</v>
      </c>
      <c r="I3932" s="236">
        <f t="shared" si="920"/>
        <v>19.179428158122057</v>
      </c>
      <c r="J3932" s="237">
        <f t="shared" si="925"/>
        <v>9.1794281581220574</v>
      </c>
      <c r="K3932" s="237">
        <f t="shared" si="921"/>
        <v>748.80323414940142</v>
      </c>
      <c r="L3932" s="237">
        <f t="shared" si="926"/>
        <v>358.44749014650819</v>
      </c>
      <c r="M3932" s="236">
        <f t="shared" si="922"/>
        <v>6.2168011413325468</v>
      </c>
      <c r="N3932" s="236">
        <f t="shared" si="923"/>
        <v>4.9228217201314477</v>
      </c>
      <c r="O3932" s="236">
        <f t="shared" si="927"/>
        <v>3.2893550323495657</v>
      </c>
      <c r="P3932" s="236" t="str">
        <f t="shared" si="928"/>
        <v>CLAY</v>
      </c>
      <c r="Q3932" s="236">
        <f t="shared" si="924"/>
        <v>185.69973048754991</v>
      </c>
      <c r="R3932" s="238">
        <v>35</v>
      </c>
      <c r="S3932" s="236">
        <f t="shared" si="929"/>
        <v>2.454136576797465</v>
      </c>
      <c r="T3932" s="236" t="e">
        <f t="shared" si="915"/>
        <v>#N/A</v>
      </c>
    </row>
    <row r="3933" spans="1:20" x14ac:dyDescent="0.2">
      <c r="A3933" s="53">
        <f t="shared" si="916"/>
        <v>3921</v>
      </c>
      <c r="B3933" s="239">
        <v>39.058999999999997</v>
      </c>
      <c r="C3933" s="3">
        <f t="shared" si="917"/>
        <v>39.052</v>
      </c>
      <c r="D3933" s="239">
        <v>2.6013999999999999</v>
      </c>
      <c r="E3933" s="239">
        <v>0.114</v>
      </c>
      <c r="F3933" s="239">
        <v>0.30120000000000002</v>
      </c>
      <c r="G3933">
        <f t="shared" si="918"/>
        <v>2.6616399999999998</v>
      </c>
      <c r="H3933" s="235">
        <f t="shared" si="919"/>
        <v>4.2830735937241702</v>
      </c>
      <c r="I3933" s="236">
        <f t="shared" si="920"/>
        <v>19.180720536157878</v>
      </c>
      <c r="J3933" s="237">
        <f t="shared" si="925"/>
        <v>9.1807205361578781</v>
      </c>
      <c r="K3933" s="237">
        <f t="shared" si="921"/>
        <v>749.04549837803745</v>
      </c>
      <c r="L3933" s="237">
        <f t="shared" si="926"/>
        <v>358.58976342179056</v>
      </c>
      <c r="M3933" s="236">
        <f t="shared" si="922"/>
        <v>5.333656162884596</v>
      </c>
      <c r="N3933" s="236">
        <f t="shared" si="923"/>
        <v>5.9604897903514358</v>
      </c>
      <c r="O3933" s="236">
        <f t="shared" si="927"/>
        <v>3.3919112342159217</v>
      </c>
      <c r="P3933" s="236" t="str">
        <f t="shared" si="928"/>
        <v>CLAY</v>
      </c>
      <c r="Q3933" s="236">
        <f t="shared" si="924"/>
        <v>159.38287513516354</v>
      </c>
      <c r="R3933" s="238">
        <v>35</v>
      </c>
      <c r="S3933" s="236">
        <f t="shared" si="929"/>
        <v>2.0263818071142903</v>
      </c>
      <c r="T3933" s="236" t="e">
        <f t="shared" si="915"/>
        <v>#N/A</v>
      </c>
    </row>
    <row r="3934" spans="1:20" x14ac:dyDescent="0.2">
      <c r="A3934" s="53">
        <f t="shared" si="916"/>
        <v>3922</v>
      </c>
      <c r="B3934" s="239">
        <v>39.069000000000003</v>
      </c>
      <c r="C3934" s="3">
        <f t="shared" si="917"/>
        <v>39.062000000000005</v>
      </c>
      <c r="D3934" s="239">
        <v>2.4165999999999999</v>
      </c>
      <c r="E3934" s="239">
        <v>0.12640000000000001</v>
      </c>
      <c r="F3934" s="239">
        <v>0.31109999999999999</v>
      </c>
      <c r="G3934">
        <f t="shared" si="918"/>
        <v>2.4788199999999998</v>
      </c>
      <c r="H3934" s="235">
        <f t="shared" si="919"/>
        <v>5.0992004260091504</v>
      </c>
      <c r="I3934" s="236">
        <f t="shared" si="920"/>
        <v>19.273980646418167</v>
      </c>
      <c r="J3934" s="237">
        <f t="shared" si="925"/>
        <v>9.2739806464181669</v>
      </c>
      <c r="K3934" s="237">
        <f t="shared" si="921"/>
        <v>752.88023201038652</v>
      </c>
      <c r="L3934" s="237">
        <f t="shared" si="926"/>
        <v>362.3251498749114</v>
      </c>
      <c r="M3934" s="236">
        <f t="shared" si="922"/>
        <v>4.7635108095186718</v>
      </c>
      <c r="N3934" s="236">
        <f t="shared" si="923"/>
        <v>7.3235464147877893</v>
      </c>
      <c r="O3934" s="236">
        <f t="shared" si="927"/>
        <v>3.4844991386025317</v>
      </c>
      <c r="P3934" s="236" t="str">
        <f t="shared" si="928"/>
        <v>CLAY</v>
      </c>
      <c r="Q3934" s="236">
        <f t="shared" si="924"/>
        <v>143.82831399913445</v>
      </c>
      <c r="R3934" s="238">
        <v>35</v>
      </c>
      <c r="S3934" s="236">
        <f t="shared" si="929"/>
        <v>1.7593366606196066</v>
      </c>
      <c r="T3934" s="236" t="e">
        <f t="shared" si="915"/>
        <v>#N/A</v>
      </c>
    </row>
    <row r="3935" spans="1:20" x14ac:dyDescent="0.2">
      <c r="A3935" s="53">
        <f t="shared" si="916"/>
        <v>3923</v>
      </c>
      <c r="B3935" s="239">
        <v>39.078000000000003</v>
      </c>
      <c r="C3935" s="3">
        <f t="shared" si="917"/>
        <v>39.071000000000005</v>
      </c>
      <c r="D3935" s="239">
        <v>2.3565999999999998</v>
      </c>
      <c r="E3935" s="239">
        <v>0.1288</v>
      </c>
      <c r="F3935" s="239">
        <v>0.34339999999999998</v>
      </c>
      <c r="G3935">
        <f t="shared" si="918"/>
        <v>2.4252799999999999</v>
      </c>
      <c r="H3935" s="235">
        <f t="shared" si="919"/>
        <v>5.3107270088402165</v>
      </c>
      <c r="I3935" s="236">
        <f t="shared" si="920"/>
        <v>19.287501581393908</v>
      </c>
      <c r="J3935" s="237">
        <f t="shared" si="925"/>
        <v>9.2875015813939079</v>
      </c>
      <c r="K3935" s="237">
        <f t="shared" si="921"/>
        <v>753.58197428664153</v>
      </c>
      <c r="L3935" s="237">
        <f t="shared" si="926"/>
        <v>362.93698679771114</v>
      </c>
      <c r="M3935" s="236">
        <f t="shared" si="922"/>
        <v>4.6060282818325886</v>
      </c>
      <c r="N3935" s="236">
        <f t="shared" si="923"/>
        <v>7.704740809575199</v>
      </c>
      <c r="O3935" s="236">
        <f t="shared" si="927"/>
        <v>3.5093938200588779</v>
      </c>
      <c r="P3935" s="236" t="str">
        <f t="shared" si="928"/>
        <v>CLAY</v>
      </c>
      <c r="Q3935" s="236">
        <f t="shared" si="924"/>
        <v>139.30816880944653</v>
      </c>
      <c r="R3935" s="238">
        <v>35</v>
      </c>
      <c r="S3935" s="236">
        <f t="shared" si="929"/>
        <v>1.6869346507830627</v>
      </c>
      <c r="T3935" s="236" t="e">
        <f t="shared" si="915"/>
        <v>#N/A</v>
      </c>
    </row>
    <row r="3936" spans="1:20" x14ac:dyDescent="0.2">
      <c r="A3936" s="53">
        <f t="shared" si="916"/>
        <v>3924</v>
      </c>
      <c r="B3936" s="239">
        <v>39.088999999999999</v>
      </c>
      <c r="C3936" s="3">
        <f t="shared" si="917"/>
        <v>39.082000000000001</v>
      </c>
      <c r="D3936" s="239">
        <v>2.3058999999999998</v>
      </c>
      <c r="E3936" s="239">
        <v>0.13389999999999999</v>
      </c>
      <c r="F3936" s="239">
        <v>0.37730000000000002</v>
      </c>
      <c r="G3936">
        <f t="shared" si="918"/>
        <v>2.3813599999999999</v>
      </c>
      <c r="H3936" s="235">
        <f t="shared" si="919"/>
        <v>5.6228373702422143</v>
      </c>
      <c r="I3936" s="236">
        <f t="shared" si="920"/>
        <v>19.325893161323208</v>
      </c>
      <c r="J3936" s="237">
        <f t="shared" si="925"/>
        <v>9.3258931613232079</v>
      </c>
      <c r="K3936" s="237">
        <f t="shared" si="921"/>
        <v>755.29455653083357</v>
      </c>
      <c r="L3936" s="237">
        <f t="shared" si="926"/>
        <v>364.53983778296288</v>
      </c>
      <c r="M3936" s="236">
        <f t="shared" si="922"/>
        <v>4.4605973749219743</v>
      </c>
      <c r="N3936" s="236">
        <f t="shared" si="923"/>
        <v>8.2346009219855247</v>
      </c>
      <c r="O3936" s="236">
        <f t="shared" si="927"/>
        <v>3.5379079750376334</v>
      </c>
      <c r="P3936" s="236" t="str">
        <f t="shared" si="928"/>
        <v>CLAY</v>
      </c>
      <c r="Q3936" s="236">
        <f t="shared" si="924"/>
        <v>135.50545362243054</v>
      </c>
      <c r="R3936" s="238">
        <v>35</v>
      </c>
      <c r="S3936" s="236">
        <f t="shared" si="929"/>
        <v>1.6206203546545623</v>
      </c>
      <c r="T3936" s="236" t="e">
        <f t="shared" si="915"/>
        <v>#N/A</v>
      </c>
    </row>
    <row r="3937" spans="1:20" x14ac:dyDescent="0.2">
      <c r="A3937" s="53">
        <f t="shared" si="916"/>
        <v>3925</v>
      </c>
      <c r="B3937" s="239">
        <v>39.097999999999999</v>
      </c>
      <c r="C3937" s="3">
        <f t="shared" si="917"/>
        <v>39.091000000000001</v>
      </c>
      <c r="D3937" s="239">
        <v>2.2795999999999998</v>
      </c>
      <c r="E3937" s="239">
        <v>0.1389</v>
      </c>
      <c r="F3937" s="239">
        <v>0.40679999999999999</v>
      </c>
      <c r="G3937">
        <f t="shared" si="918"/>
        <v>2.3609599999999999</v>
      </c>
      <c r="H3937" s="235">
        <f t="shared" si="919"/>
        <v>5.8832000542152345</v>
      </c>
      <c r="I3937" s="236">
        <f t="shared" si="920"/>
        <v>19.36551888416367</v>
      </c>
      <c r="J3937" s="237">
        <f t="shared" si="925"/>
        <v>9.3655188841636701</v>
      </c>
      <c r="K3937" s="237">
        <f t="shared" si="921"/>
        <v>757.017498700842</v>
      </c>
      <c r="L3937" s="237">
        <f t="shared" si="926"/>
        <v>366.17305733303118</v>
      </c>
      <c r="M3937" s="236">
        <f t="shared" si="922"/>
        <v>4.3802854119886447</v>
      </c>
      <c r="N3937" s="236">
        <f t="shared" si="923"/>
        <v>8.6599114299604931</v>
      </c>
      <c r="O3937" s="236">
        <f t="shared" si="927"/>
        <v>3.5574236335453606</v>
      </c>
      <c r="P3937" s="236" t="str">
        <f t="shared" si="928"/>
        <v>CLAY</v>
      </c>
      <c r="Q3937" s="236">
        <f t="shared" si="924"/>
        <v>133.66187510826316</v>
      </c>
      <c r="R3937" s="238">
        <v>35</v>
      </c>
      <c r="S3937" s="236">
        <f t="shared" si="929"/>
        <v>1.5842292237802171</v>
      </c>
      <c r="T3937" s="236" t="e">
        <f t="shared" si="915"/>
        <v>#N/A</v>
      </c>
    </row>
    <row r="3938" spans="1:20" x14ac:dyDescent="0.2">
      <c r="A3938" s="53">
        <f t="shared" si="916"/>
        <v>3926</v>
      </c>
      <c r="B3938" s="239">
        <v>39.107999999999997</v>
      </c>
      <c r="C3938" s="3">
        <f t="shared" si="917"/>
        <v>39.100999999999999</v>
      </c>
      <c r="D3938" s="239">
        <v>2.2461000000000002</v>
      </c>
      <c r="E3938" s="239">
        <v>0.1426</v>
      </c>
      <c r="F3938" s="239">
        <v>0.43430000000000002</v>
      </c>
      <c r="G3938">
        <f t="shared" si="918"/>
        <v>2.3329600000000004</v>
      </c>
      <c r="H3938" s="235">
        <f t="shared" si="919"/>
        <v>6.1124065564776071</v>
      </c>
      <c r="I3938" s="236">
        <f t="shared" si="920"/>
        <v>19.391682336631408</v>
      </c>
      <c r="J3938" s="237">
        <f t="shared" si="925"/>
        <v>9.3916823366314084</v>
      </c>
      <c r="K3938" s="237">
        <f t="shared" si="921"/>
        <v>758.23417104462465</v>
      </c>
      <c r="L3938" s="237">
        <f t="shared" si="926"/>
        <v>367.2899128209811</v>
      </c>
      <c r="M3938" s="236">
        <f t="shared" si="922"/>
        <v>4.2874192129608115</v>
      </c>
      <c r="N3938" s="236">
        <f t="shared" si="923"/>
        <v>9.055544614683587</v>
      </c>
      <c r="O3938" s="236">
        <f t="shared" si="927"/>
        <v>3.5766029822159986</v>
      </c>
      <c r="P3938" s="236" t="str">
        <f t="shared" si="928"/>
        <v>CLAY</v>
      </c>
      <c r="Q3938" s="236">
        <f t="shared" si="924"/>
        <v>131.22715241294799</v>
      </c>
      <c r="R3938" s="238">
        <v>35</v>
      </c>
      <c r="S3938" s="236">
        <f t="shared" si="929"/>
        <v>1.5423571316337106</v>
      </c>
      <c r="T3938" s="236" t="e">
        <f t="shared" si="915"/>
        <v>#N/A</v>
      </c>
    </row>
    <row r="3939" spans="1:20" x14ac:dyDescent="0.2">
      <c r="A3939" s="53">
        <f t="shared" si="916"/>
        <v>3927</v>
      </c>
      <c r="B3939" s="239">
        <v>39.116999999999997</v>
      </c>
      <c r="C3939" s="3">
        <f t="shared" si="917"/>
        <v>39.11</v>
      </c>
      <c r="D3939" s="239">
        <v>2.1993999999999998</v>
      </c>
      <c r="E3939" s="239">
        <v>0.1414</v>
      </c>
      <c r="F3939" s="239">
        <v>0.47320000000000001</v>
      </c>
      <c r="G3939">
        <f t="shared" si="918"/>
        <v>2.2940399999999999</v>
      </c>
      <c r="H3939" s="235">
        <f t="shared" si="919"/>
        <v>6.1637983644574641</v>
      </c>
      <c r="I3939" s="236">
        <f t="shared" si="920"/>
        <v>19.375197347508319</v>
      </c>
      <c r="J3939" s="237">
        <f t="shared" si="925"/>
        <v>9.375197347508319</v>
      </c>
      <c r="K3939" s="237">
        <f t="shared" si="921"/>
        <v>757.76396826105031</v>
      </c>
      <c r="L3939" s="237">
        <f t="shared" si="926"/>
        <v>366.72959464248288</v>
      </c>
      <c r="M3939" s="236">
        <f t="shared" si="922"/>
        <v>4.1891247779897167</v>
      </c>
      <c r="N3939" s="236">
        <f t="shared" si="923"/>
        <v>9.2040751192313905</v>
      </c>
      <c r="O3939" s="236">
        <f t="shared" si="927"/>
        <v>3.5888955172185502</v>
      </c>
      <c r="P3939" s="236" t="str">
        <f t="shared" si="928"/>
        <v>CLAY</v>
      </c>
      <c r="Q3939" s="236">
        <f t="shared" si="924"/>
        <v>128.02300264491248</v>
      </c>
      <c r="R3939" s="238">
        <v>35</v>
      </c>
      <c r="S3939" s="236">
        <f t="shared" si="929"/>
        <v>1.4982839570961122</v>
      </c>
      <c r="T3939" s="236" t="e">
        <f t="shared" si="915"/>
        <v>#N/A</v>
      </c>
    </row>
    <row r="3940" spans="1:20" x14ac:dyDescent="0.2">
      <c r="A3940" s="53">
        <f t="shared" si="916"/>
        <v>3928</v>
      </c>
      <c r="B3940" s="239">
        <v>39.127000000000002</v>
      </c>
      <c r="C3940" s="3">
        <f t="shared" si="917"/>
        <v>39.120000000000005</v>
      </c>
      <c r="D3940" s="239">
        <v>2.1819000000000002</v>
      </c>
      <c r="E3940" s="239">
        <v>0.1351</v>
      </c>
      <c r="F3940" s="239">
        <v>0.50529999999999997</v>
      </c>
      <c r="G3940">
        <f t="shared" si="918"/>
        <v>2.2829600000000001</v>
      </c>
      <c r="H3940" s="235">
        <f t="shared" si="919"/>
        <v>5.917755895854504</v>
      </c>
      <c r="I3940" s="236">
        <f t="shared" si="920"/>
        <v>19.319860968752774</v>
      </c>
      <c r="J3940" s="237">
        <f t="shared" si="925"/>
        <v>9.3198609687527743</v>
      </c>
      <c r="K3940" s="237">
        <f t="shared" si="921"/>
        <v>755.79296109760867</v>
      </c>
      <c r="L3940" s="237">
        <f t="shared" si="926"/>
        <v>364.65820012438979</v>
      </c>
      <c r="M3940" s="236">
        <f t="shared" si="922"/>
        <v>4.1879410318524419</v>
      </c>
      <c r="N3940" s="236">
        <f t="shared" si="923"/>
        <v>8.8464455137205782</v>
      </c>
      <c r="O3940" s="236">
        <f t="shared" si="927"/>
        <v>3.5785454984745919</v>
      </c>
      <c r="P3940" s="236" t="str">
        <f t="shared" si="928"/>
        <v>CLAY</v>
      </c>
      <c r="Q3940" s="236">
        <f t="shared" si="924"/>
        <v>127.26391990853261</v>
      </c>
      <c r="R3940" s="238">
        <v>35</v>
      </c>
      <c r="S3940" s="236">
        <f t="shared" si="929"/>
        <v>1.4977547519250893</v>
      </c>
      <c r="T3940" s="236" t="e">
        <f t="shared" si="915"/>
        <v>#N/A</v>
      </c>
    </row>
    <row r="3941" spans="1:20" x14ac:dyDescent="0.2">
      <c r="A3941" s="53">
        <f t="shared" si="916"/>
        <v>3929</v>
      </c>
      <c r="B3941" s="239">
        <v>39.137</v>
      </c>
      <c r="C3941" s="3">
        <f t="shared" si="917"/>
        <v>39.130000000000003</v>
      </c>
      <c r="D3941" s="239">
        <v>2.2016</v>
      </c>
      <c r="E3941" s="239">
        <v>0.13009999999999999</v>
      </c>
      <c r="F3941" s="239">
        <v>0.53690000000000004</v>
      </c>
      <c r="G3941">
        <f t="shared" si="918"/>
        <v>2.30898</v>
      </c>
      <c r="H3941" s="235">
        <f t="shared" si="919"/>
        <v>5.6345226030541626</v>
      </c>
      <c r="I3941" s="236">
        <f t="shared" si="920"/>
        <v>19.2800699091311</v>
      </c>
      <c r="J3941" s="237">
        <f t="shared" si="925"/>
        <v>9.2800699091311003</v>
      </c>
      <c r="K3941" s="237">
        <f t="shared" si="921"/>
        <v>754.42913554430004</v>
      </c>
      <c r="L3941" s="237">
        <f t="shared" si="926"/>
        <v>363.19409603366387</v>
      </c>
      <c r="M3941" s="236">
        <f t="shared" si="922"/>
        <v>4.2802206352815029</v>
      </c>
      <c r="N3941" s="236">
        <f t="shared" si="923"/>
        <v>8.3689767234185908</v>
      </c>
      <c r="O3941" s="236">
        <f t="shared" si="927"/>
        <v>3.5564475566403284</v>
      </c>
      <c r="P3941" s="236" t="str">
        <f t="shared" si="928"/>
        <v>CLAY</v>
      </c>
      <c r="Q3941" s="236">
        <f t="shared" si="924"/>
        <v>129.54590537130832</v>
      </c>
      <c r="R3941" s="238">
        <v>35</v>
      </c>
      <c r="S3941" s="236">
        <f t="shared" si="929"/>
        <v>1.5391207888901535</v>
      </c>
      <c r="T3941" s="236" t="e">
        <f t="shared" si="915"/>
        <v>#N/A</v>
      </c>
    </row>
    <row r="3942" spans="1:20" x14ac:dyDescent="0.2">
      <c r="A3942" s="53">
        <f t="shared" si="916"/>
        <v>3930</v>
      </c>
      <c r="B3942" s="239">
        <v>39.148000000000003</v>
      </c>
      <c r="C3942" s="3">
        <f t="shared" si="917"/>
        <v>39.141000000000005</v>
      </c>
      <c r="D3942" s="239">
        <v>2.2414000000000001</v>
      </c>
      <c r="E3942" s="239">
        <v>0.1234</v>
      </c>
      <c r="F3942" s="239">
        <v>0.57569999999999999</v>
      </c>
      <c r="G3942">
        <f t="shared" si="918"/>
        <v>2.3565399999999999</v>
      </c>
      <c r="H3942" s="235">
        <f t="shared" si="919"/>
        <v>5.2364907873407622</v>
      </c>
      <c r="I3942" s="236">
        <f t="shared" si="920"/>
        <v>19.226041319865402</v>
      </c>
      <c r="J3942" s="237">
        <f t="shared" si="925"/>
        <v>9.2260413198654021</v>
      </c>
      <c r="K3942" s="237">
        <f t="shared" si="921"/>
        <v>752.52648330085185</v>
      </c>
      <c r="L3942" s="237">
        <f t="shared" si="926"/>
        <v>361.18106559009078</v>
      </c>
      <c r="M3942" s="236">
        <f t="shared" si="922"/>
        <v>4.4410232692528915</v>
      </c>
      <c r="N3942" s="236">
        <f t="shared" si="923"/>
        <v>7.6932020033061308</v>
      </c>
      <c r="O3942" s="236">
        <f t="shared" si="927"/>
        <v>3.521688403122611</v>
      </c>
      <c r="P3942" s="236" t="str">
        <f t="shared" si="928"/>
        <v>CLAY</v>
      </c>
      <c r="Q3942" s="236">
        <f t="shared" si="924"/>
        <v>133.66779305826233</v>
      </c>
      <c r="R3942" s="238">
        <v>35</v>
      </c>
      <c r="S3942" s="236">
        <f t="shared" si="929"/>
        <v>1.6117356774005314</v>
      </c>
      <c r="T3942" s="236" t="e">
        <f t="shared" si="915"/>
        <v>#N/A</v>
      </c>
    </row>
    <row r="3943" spans="1:20" x14ac:dyDescent="0.2">
      <c r="A3943" s="53">
        <f t="shared" si="916"/>
        <v>3931</v>
      </c>
      <c r="B3943" s="239">
        <v>39.156999999999996</v>
      </c>
      <c r="C3943" s="3">
        <f t="shared" si="917"/>
        <v>39.15</v>
      </c>
      <c r="D3943" s="239">
        <v>2.2641</v>
      </c>
      <c r="E3943" s="239">
        <v>0.11360000000000001</v>
      </c>
      <c r="F3943" s="239">
        <v>0.61080000000000001</v>
      </c>
      <c r="G3943">
        <f t="shared" si="918"/>
        <v>2.38626</v>
      </c>
      <c r="H3943" s="235">
        <f t="shared" si="919"/>
        <v>4.7605876979038326</v>
      </c>
      <c r="I3943" s="236">
        <f t="shared" si="920"/>
        <v>19.133910534341723</v>
      </c>
      <c r="J3943" s="237">
        <f t="shared" si="925"/>
        <v>9.1339105343417231</v>
      </c>
      <c r="K3943" s="237">
        <f t="shared" si="921"/>
        <v>749.09259741947847</v>
      </c>
      <c r="L3943" s="237">
        <f t="shared" si="926"/>
        <v>357.65653479321884</v>
      </c>
      <c r="M3943" s="236">
        <f t="shared" si="922"/>
        <v>4.5774849424380282</v>
      </c>
      <c r="N3943" s="236">
        <f t="shared" si="923"/>
        <v>6.9388139429689595</v>
      </c>
      <c r="O3943" s="236">
        <f t="shared" si="927"/>
        <v>3.4844617846939259</v>
      </c>
      <c r="P3943" s="236" t="str">
        <f t="shared" si="928"/>
        <v>CLAY</v>
      </c>
      <c r="Q3943" s="236">
        <f t="shared" si="924"/>
        <v>136.43061688171016</v>
      </c>
      <c r="R3943" s="238">
        <v>35</v>
      </c>
      <c r="S3943" s="236">
        <f t="shared" si="929"/>
        <v>1.6738774709038733</v>
      </c>
      <c r="T3943" s="236" t="e">
        <f t="shared" si="915"/>
        <v>#N/A</v>
      </c>
    </row>
    <row r="3944" spans="1:20" x14ac:dyDescent="0.2">
      <c r="A3944" s="53">
        <f t="shared" si="916"/>
        <v>3932</v>
      </c>
      <c r="B3944" s="239">
        <v>39.167999999999999</v>
      </c>
      <c r="C3944" s="3">
        <f t="shared" si="917"/>
        <v>39.161000000000001</v>
      </c>
      <c r="D3944" s="239">
        <v>2.3020999999999998</v>
      </c>
      <c r="E3944" s="239">
        <v>9.9000000000000005E-2</v>
      </c>
      <c r="F3944" s="239">
        <v>0.64510000000000001</v>
      </c>
      <c r="G3944">
        <f t="shared" si="918"/>
        <v>2.4311199999999999</v>
      </c>
      <c r="H3944" s="235">
        <f t="shared" si="919"/>
        <v>4.0721971766099578</v>
      </c>
      <c r="I3944" s="236">
        <f t="shared" si="920"/>
        <v>18.979883836315729</v>
      </c>
      <c r="J3944" s="237">
        <f t="shared" si="925"/>
        <v>8.9798838363157287</v>
      </c>
      <c r="K3944" s="237">
        <f t="shared" si="921"/>
        <v>743.27123091396027</v>
      </c>
      <c r="L3944" s="237">
        <f t="shared" si="926"/>
        <v>351.72409010081446</v>
      </c>
      <c r="M3944" s="236">
        <f t="shared" si="922"/>
        <v>4.7987863686057235</v>
      </c>
      <c r="N3944" s="236">
        <f t="shared" si="923"/>
        <v>5.8654544064162764</v>
      </c>
      <c r="O3944" s="236">
        <f t="shared" si="927"/>
        <v>3.425073937889088</v>
      </c>
      <c r="P3944" s="236" t="str">
        <f t="shared" si="928"/>
        <v>CLAY</v>
      </c>
      <c r="Q3944" s="236">
        <f t="shared" si="924"/>
        <v>140.65406409050331</v>
      </c>
      <c r="R3944" s="238">
        <v>35</v>
      </c>
      <c r="S3944" s="236">
        <f t="shared" si="929"/>
        <v>1.7756373811959267</v>
      </c>
      <c r="T3944" s="236" t="e">
        <f t="shared" si="915"/>
        <v>#N/A</v>
      </c>
    </row>
    <row r="3945" spans="1:20" x14ac:dyDescent="0.2">
      <c r="A3945" s="53">
        <f t="shared" si="916"/>
        <v>3933</v>
      </c>
      <c r="B3945" s="239">
        <v>39.177</v>
      </c>
      <c r="C3945" s="3">
        <f t="shared" si="917"/>
        <v>39.17</v>
      </c>
      <c r="D3945" s="239">
        <v>2.3026</v>
      </c>
      <c r="E3945" s="239">
        <v>8.2000000000000003E-2</v>
      </c>
      <c r="F3945" s="239">
        <v>0.67759999999999998</v>
      </c>
      <c r="G3945">
        <f t="shared" si="918"/>
        <v>2.4381200000000001</v>
      </c>
      <c r="H3945" s="235">
        <f t="shared" si="919"/>
        <v>3.3632470920217221</v>
      </c>
      <c r="I3945" s="236">
        <f t="shared" si="920"/>
        <v>18.760090025139082</v>
      </c>
      <c r="J3945" s="237">
        <f t="shared" si="925"/>
        <v>8.7600900251390819</v>
      </c>
      <c r="K3945" s="237">
        <f t="shared" si="921"/>
        <v>734.83272628469786</v>
      </c>
      <c r="L3945" s="237">
        <f t="shared" si="926"/>
        <v>343.19404691487381</v>
      </c>
      <c r="M3945" s="236">
        <f t="shared" si="922"/>
        <v>4.9630443448157688</v>
      </c>
      <c r="N3945" s="236">
        <f t="shared" si="923"/>
        <v>4.8142202002799666</v>
      </c>
      <c r="O3945" s="236">
        <f t="shared" si="927"/>
        <v>3.3639379140417836</v>
      </c>
      <c r="P3945" s="236" t="str">
        <f t="shared" si="928"/>
        <v>CLAY</v>
      </c>
      <c r="Q3945" s="236">
        <f t="shared" si="924"/>
        <v>141.94060614294185</v>
      </c>
      <c r="R3945" s="238">
        <v>35</v>
      </c>
      <c r="S3945" s="236">
        <f t="shared" si="929"/>
        <v>1.8519327129069816</v>
      </c>
      <c r="T3945" s="236" t="e">
        <f t="shared" si="915"/>
        <v>#N/A</v>
      </c>
    </row>
    <row r="3946" spans="1:20" x14ac:dyDescent="0.2">
      <c r="A3946" s="53">
        <f t="shared" si="916"/>
        <v>3934</v>
      </c>
      <c r="B3946" s="239">
        <v>39.186</v>
      </c>
      <c r="C3946" s="3">
        <f t="shared" si="917"/>
        <v>39.179000000000002</v>
      </c>
      <c r="D3946" s="239">
        <v>2.2835000000000001</v>
      </c>
      <c r="E3946" s="239">
        <v>6.59E-2</v>
      </c>
      <c r="F3946" s="239">
        <v>0.71340000000000003</v>
      </c>
      <c r="G3946">
        <f t="shared" si="918"/>
        <v>2.42618</v>
      </c>
      <c r="H3946" s="235">
        <f t="shared" si="919"/>
        <v>2.7162040738939401</v>
      </c>
      <c r="I3946" s="236">
        <f t="shared" si="920"/>
        <v>18.501864390291235</v>
      </c>
      <c r="J3946" s="237">
        <f t="shared" si="925"/>
        <v>8.5018643902912352</v>
      </c>
      <c r="K3946" s="237">
        <f t="shared" si="921"/>
        <v>724.88454494722032</v>
      </c>
      <c r="L3946" s="237">
        <f t="shared" si="926"/>
        <v>333.15405799795235</v>
      </c>
      <c r="M3946" s="236">
        <f t="shared" si="922"/>
        <v>5.1066328451062608</v>
      </c>
      <c r="N3946" s="236">
        <f t="shared" si="923"/>
        <v>3.873518841438131</v>
      </c>
      <c r="O3946" s="236">
        <f t="shared" si="927"/>
        <v>3.3010826137240845</v>
      </c>
      <c r="P3946" s="236" t="str">
        <f t="shared" si="928"/>
        <v>CLAY</v>
      </c>
      <c r="Q3946" s="236">
        <f t="shared" si="924"/>
        <v>141.77462125439828</v>
      </c>
      <c r="R3946" s="238">
        <v>35</v>
      </c>
      <c r="S3946" s="236">
        <f t="shared" si="929"/>
        <v>1.9191472651168839</v>
      </c>
      <c r="T3946" s="236" t="e">
        <f t="shared" si="915"/>
        <v>#N/A</v>
      </c>
    </row>
    <row r="3947" spans="1:20" x14ac:dyDescent="0.2">
      <c r="A3947" s="53">
        <f t="shared" si="916"/>
        <v>3935</v>
      </c>
      <c r="B3947" s="239">
        <v>39.197000000000003</v>
      </c>
      <c r="C3947" s="3">
        <f t="shared" si="917"/>
        <v>39.190000000000005</v>
      </c>
      <c r="D3947" s="239">
        <v>2.2416</v>
      </c>
      <c r="E3947" s="239">
        <v>5.2999999999999999E-2</v>
      </c>
      <c r="F3947" s="239">
        <v>0.73529999999999995</v>
      </c>
      <c r="G3947">
        <f t="shared" si="918"/>
        <v>2.3886599999999998</v>
      </c>
      <c r="H3947" s="235">
        <f t="shared" si="919"/>
        <v>2.2188172448150847</v>
      </c>
      <c r="I3947" s="236">
        <f t="shared" si="920"/>
        <v>18.240326805614863</v>
      </c>
      <c r="J3947" s="237">
        <f t="shared" si="925"/>
        <v>8.2403268056148633</v>
      </c>
      <c r="K3947" s="237">
        <f t="shared" si="921"/>
        <v>714.83840751204662</v>
      </c>
      <c r="L3947" s="237">
        <f t="shared" si="926"/>
        <v>322.99608979968582</v>
      </c>
      <c r="M3947" s="236">
        <f t="shared" si="922"/>
        <v>5.1821729282419984</v>
      </c>
      <c r="N3947" s="236">
        <f t="shared" si="923"/>
        <v>3.1664067567213827</v>
      </c>
      <c r="O3947" s="236">
        <f t="shared" si="927"/>
        <v>3.2485480516692022</v>
      </c>
      <c r="P3947" s="236" t="str">
        <f t="shared" si="928"/>
        <v>CLAY</v>
      </c>
      <c r="Q3947" s="236">
        <f t="shared" si="924"/>
        <v>139.48513270732943</v>
      </c>
      <c r="R3947" s="238">
        <v>35</v>
      </c>
      <c r="S3947" s="236">
        <f t="shared" si="929"/>
        <v>1.9546989748864496</v>
      </c>
      <c r="T3947" s="236" t="e">
        <f t="shared" si="915"/>
        <v>#N/A</v>
      </c>
    </row>
    <row r="3948" spans="1:20" x14ac:dyDescent="0.2">
      <c r="A3948" s="53">
        <f t="shared" si="916"/>
        <v>3936</v>
      </c>
      <c r="B3948" s="239">
        <v>39.207000000000001</v>
      </c>
      <c r="C3948" s="3">
        <f t="shared" si="917"/>
        <v>39.200000000000003</v>
      </c>
      <c r="D3948" s="239">
        <v>2.2012999999999998</v>
      </c>
      <c r="E3948" s="239">
        <v>4.53E-2</v>
      </c>
      <c r="F3948" s="239">
        <v>0.7752</v>
      </c>
      <c r="G3948">
        <f t="shared" si="918"/>
        <v>2.3563399999999999</v>
      </c>
      <c r="H3948" s="235">
        <f t="shared" si="919"/>
        <v>1.9224729877691675</v>
      </c>
      <c r="I3948" s="236">
        <f t="shared" si="920"/>
        <v>18.050922359919692</v>
      </c>
      <c r="J3948" s="237">
        <f t="shared" si="925"/>
        <v>8.0509223599196922</v>
      </c>
      <c r="K3948" s="237">
        <f t="shared" si="921"/>
        <v>707.596156508852</v>
      </c>
      <c r="L3948" s="237">
        <f t="shared" si="926"/>
        <v>315.65251296537139</v>
      </c>
      <c r="M3948" s="236">
        <f t="shared" si="922"/>
        <v>5.2232875575808357</v>
      </c>
      <c r="N3948" s="236">
        <f t="shared" si="923"/>
        <v>2.7475462715954162</v>
      </c>
      <c r="O3948" s="236">
        <f t="shared" si="927"/>
        <v>3.2133955785554003</v>
      </c>
      <c r="P3948" s="236" t="str">
        <f t="shared" si="928"/>
        <v>CLAY</v>
      </c>
      <c r="Q3948" s="236">
        <f t="shared" si="924"/>
        <v>137.39532029092899</v>
      </c>
      <c r="R3948" s="238">
        <v>35</v>
      </c>
      <c r="S3948" s="236">
        <f t="shared" si="929"/>
        <v>1.9741035445710677</v>
      </c>
      <c r="T3948" s="236" t="e">
        <f t="shared" si="915"/>
        <v>#N/A</v>
      </c>
    </row>
    <row r="3949" spans="1:20" x14ac:dyDescent="0.2">
      <c r="A3949" s="53">
        <f t="shared" si="916"/>
        <v>3937</v>
      </c>
      <c r="B3949" s="239">
        <v>39.216999999999999</v>
      </c>
      <c r="C3949" s="3">
        <f t="shared" si="917"/>
        <v>39.21</v>
      </c>
      <c r="D3949" s="239">
        <v>2.1732999999999998</v>
      </c>
      <c r="E3949" s="239">
        <v>4.1300000000000003E-2</v>
      </c>
      <c r="F3949" s="239">
        <v>0.82320000000000004</v>
      </c>
      <c r="G3949">
        <f t="shared" si="918"/>
        <v>2.3379399999999997</v>
      </c>
      <c r="H3949" s="235">
        <f t="shared" si="919"/>
        <v>1.7665123998049568</v>
      </c>
      <c r="I3949" s="236">
        <f t="shared" si="920"/>
        <v>17.93945821911565</v>
      </c>
      <c r="J3949" s="237">
        <f t="shared" si="925"/>
        <v>7.9394582191156502</v>
      </c>
      <c r="K3949" s="237">
        <f t="shared" si="921"/>
        <v>703.40615677152471</v>
      </c>
      <c r="L3949" s="237">
        <f t="shared" si="926"/>
        <v>311.36173297905844</v>
      </c>
      <c r="M3949" s="236">
        <f t="shared" si="922"/>
        <v>5.2496298359773395</v>
      </c>
      <c r="N3949" s="236">
        <f t="shared" si="923"/>
        <v>2.5267142782694343</v>
      </c>
      <c r="O3949" s="236">
        <f t="shared" si="927"/>
        <v>3.192879684374049</v>
      </c>
      <c r="P3949" s="236" t="str">
        <f t="shared" si="928"/>
        <v>CLAY</v>
      </c>
      <c r="Q3949" s="236">
        <f t="shared" si="924"/>
        <v>136.21115360237289</v>
      </c>
      <c r="R3949" s="238">
        <v>35</v>
      </c>
      <c r="S3949" s="236">
        <f t="shared" si="929"/>
        <v>1.9865562206599177</v>
      </c>
      <c r="T3949" s="236" t="e">
        <f t="shared" si="915"/>
        <v>#N/A</v>
      </c>
    </row>
    <row r="3950" spans="1:20" x14ac:dyDescent="0.2">
      <c r="A3950" s="53">
        <f t="shared" si="916"/>
        <v>3938</v>
      </c>
      <c r="B3950" s="239">
        <v>39.226999999999997</v>
      </c>
      <c r="C3950" s="3">
        <f t="shared" si="917"/>
        <v>39.22</v>
      </c>
      <c r="D3950" s="239">
        <v>2.1743999999999999</v>
      </c>
      <c r="E3950" s="239">
        <v>4.2999999999999997E-2</v>
      </c>
      <c r="F3950" s="239">
        <v>0.86019999999999996</v>
      </c>
      <c r="G3950">
        <f t="shared" si="918"/>
        <v>2.3464399999999999</v>
      </c>
      <c r="H3950" s="235">
        <f t="shared" si="919"/>
        <v>1.8325633725984896</v>
      </c>
      <c r="I3950" s="236">
        <f t="shared" si="920"/>
        <v>17.988176392595172</v>
      </c>
      <c r="J3950" s="237">
        <f t="shared" si="925"/>
        <v>7.9881763925951716</v>
      </c>
      <c r="K3950" s="237">
        <f t="shared" si="921"/>
        <v>705.49627811758262</v>
      </c>
      <c r="L3950" s="237">
        <f t="shared" si="926"/>
        <v>313.3521953523308</v>
      </c>
      <c r="M3950" s="236">
        <f t="shared" si="922"/>
        <v>5.2367391906648457</v>
      </c>
      <c r="N3950" s="236">
        <f t="shared" si="923"/>
        <v>2.6204433111619649</v>
      </c>
      <c r="O3950" s="236">
        <f t="shared" si="927"/>
        <v>3.2018647017141761</v>
      </c>
      <c r="P3950" s="236" t="str">
        <f t="shared" si="928"/>
        <v>CLAY</v>
      </c>
      <c r="Q3950" s="236">
        <f t="shared" si="924"/>
        <v>136.7453101568681</v>
      </c>
      <c r="R3950" s="238">
        <v>35</v>
      </c>
      <c r="S3950" s="236">
        <f t="shared" si="929"/>
        <v>1.9804605226199912</v>
      </c>
      <c r="T3950" s="236" t="e">
        <f t="shared" si="915"/>
        <v>#N/A</v>
      </c>
    </row>
    <row r="3951" spans="1:20" x14ac:dyDescent="0.2">
      <c r="A3951" s="53">
        <f t="shared" si="916"/>
        <v>3939</v>
      </c>
      <c r="B3951" s="239">
        <v>39.237000000000002</v>
      </c>
      <c r="C3951" s="3">
        <f t="shared" si="917"/>
        <v>39.230000000000004</v>
      </c>
      <c r="D3951" s="239">
        <v>2.1825000000000001</v>
      </c>
      <c r="E3951" s="239">
        <v>4.1599999999999998E-2</v>
      </c>
      <c r="F3951" s="239">
        <v>0.90680000000000005</v>
      </c>
      <c r="G3951">
        <f t="shared" si="918"/>
        <v>2.3638599999999999</v>
      </c>
      <c r="H3951" s="235">
        <f t="shared" si="919"/>
        <v>1.7598334926772312</v>
      </c>
      <c r="I3951" s="236">
        <f t="shared" si="920"/>
        <v>17.95225462370211</v>
      </c>
      <c r="J3951" s="237">
        <f t="shared" si="925"/>
        <v>7.9522546237021103</v>
      </c>
      <c r="K3951" s="237">
        <f t="shared" si="921"/>
        <v>704.26694888783391</v>
      </c>
      <c r="L3951" s="237">
        <f t="shared" si="926"/>
        <v>312.02261467019974</v>
      </c>
      <c r="M3951" s="236">
        <f t="shared" si="922"/>
        <v>5.3188229733486301</v>
      </c>
      <c r="N3951" s="236">
        <f t="shared" si="923"/>
        <v>2.506638598668633</v>
      </c>
      <c r="O3951" s="236">
        <f t="shared" si="927"/>
        <v>3.1862213325644562</v>
      </c>
      <c r="P3951" s="236" t="str">
        <f t="shared" si="928"/>
        <v>CLAY</v>
      </c>
      <c r="Q3951" s="236">
        <f t="shared" si="924"/>
        <v>138.29942092601382</v>
      </c>
      <c r="R3951" s="238">
        <v>35</v>
      </c>
      <c r="S3951" s="236">
        <f t="shared" si="929"/>
        <v>2.0193399093497661</v>
      </c>
      <c r="T3951" s="236" t="e">
        <f t="shared" si="915"/>
        <v>#N/A</v>
      </c>
    </row>
    <row r="3952" spans="1:20" x14ac:dyDescent="0.2">
      <c r="A3952" s="53">
        <f t="shared" si="916"/>
        <v>3940</v>
      </c>
      <c r="B3952" s="239">
        <v>39.246000000000002</v>
      </c>
      <c r="C3952" s="3">
        <f t="shared" si="917"/>
        <v>39.239000000000004</v>
      </c>
      <c r="D3952" s="239">
        <v>2.1783000000000001</v>
      </c>
      <c r="E3952" s="239">
        <v>4.1099999999999998E-2</v>
      </c>
      <c r="F3952" s="239">
        <v>0.95189999999999997</v>
      </c>
      <c r="G3952">
        <f t="shared" si="918"/>
        <v>2.3686799999999999</v>
      </c>
      <c r="H3952" s="235">
        <f t="shared" si="919"/>
        <v>1.735143624297077</v>
      </c>
      <c r="I3952" s="236">
        <f t="shared" si="920"/>
        <v>17.93887172722917</v>
      </c>
      <c r="J3952" s="237">
        <f t="shared" si="925"/>
        <v>7.93887172722917</v>
      </c>
      <c r="K3952" s="237">
        <f t="shared" si="921"/>
        <v>703.90338770474546</v>
      </c>
      <c r="L3952" s="237">
        <f t="shared" si="926"/>
        <v>311.56895980683601</v>
      </c>
      <c r="M3952" s="236">
        <f t="shared" si="922"/>
        <v>5.3432043208905311</v>
      </c>
      <c r="N3952" s="236">
        <f t="shared" si="923"/>
        <v>2.4687996993983932</v>
      </c>
      <c r="O3952" s="236">
        <f t="shared" si="927"/>
        <v>3.181157290037786</v>
      </c>
      <c r="P3952" s="236" t="str">
        <f t="shared" si="928"/>
        <v>CLAY</v>
      </c>
      <c r="Q3952" s="236">
        <f t="shared" si="924"/>
        <v>138.73138435793786</v>
      </c>
      <c r="R3952" s="238">
        <v>35</v>
      </c>
      <c r="S3952" s="236">
        <f t="shared" si="929"/>
        <v>2.0309172844502248</v>
      </c>
      <c r="T3952" s="236" t="e">
        <f t="shared" si="915"/>
        <v>#N/A</v>
      </c>
    </row>
    <row r="3953" spans="1:20" x14ac:dyDescent="0.2">
      <c r="A3953" s="53">
        <f t="shared" si="916"/>
        <v>3941</v>
      </c>
      <c r="B3953" s="239">
        <v>39.256999999999998</v>
      </c>
      <c r="C3953" s="3">
        <f t="shared" si="917"/>
        <v>39.25</v>
      </c>
      <c r="D3953" s="239">
        <v>2.1726999999999999</v>
      </c>
      <c r="E3953" s="239">
        <v>4.19E-2</v>
      </c>
      <c r="F3953" s="239">
        <v>0.99029999999999996</v>
      </c>
      <c r="G3953">
        <f t="shared" si="918"/>
        <v>2.3707599999999998</v>
      </c>
      <c r="H3953" s="235">
        <f t="shared" si="919"/>
        <v>1.76736573925661</v>
      </c>
      <c r="I3953" s="236">
        <f t="shared" si="920"/>
        <v>17.961819748393971</v>
      </c>
      <c r="J3953" s="237">
        <f t="shared" si="925"/>
        <v>7.961819748393971</v>
      </c>
      <c r="K3953" s="237">
        <f t="shared" si="921"/>
        <v>705.00142512446337</v>
      </c>
      <c r="L3953" s="237">
        <f t="shared" si="926"/>
        <v>312.55715786270213</v>
      </c>
      <c r="M3953" s="236">
        <f t="shared" si="922"/>
        <v>5.329452655207656</v>
      </c>
      <c r="N3953" s="236">
        <f t="shared" si="923"/>
        <v>2.5153705123883703</v>
      </c>
      <c r="O3953" s="236">
        <f t="shared" si="927"/>
        <v>3.186242464245316</v>
      </c>
      <c r="P3953" s="236" t="str">
        <f t="shared" si="928"/>
        <v>CLAY</v>
      </c>
      <c r="Q3953" s="236">
        <f t="shared" si="924"/>
        <v>138.81321457296136</v>
      </c>
      <c r="R3953" s="238">
        <v>35</v>
      </c>
      <c r="S3953" s="236">
        <f t="shared" si="929"/>
        <v>2.0243857391438072</v>
      </c>
      <c r="T3953" s="236" t="e">
        <f t="shared" si="915"/>
        <v>#N/A</v>
      </c>
    </row>
    <row r="3954" spans="1:20" x14ac:dyDescent="0.2">
      <c r="A3954" s="53">
        <f t="shared" si="916"/>
        <v>3942</v>
      </c>
      <c r="B3954" s="239">
        <v>39.265999999999998</v>
      </c>
      <c r="C3954" s="3">
        <f t="shared" si="917"/>
        <v>39.259</v>
      </c>
      <c r="D3954" s="239">
        <v>2.1907000000000001</v>
      </c>
      <c r="E3954" s="239">
        <v>4.1500000000000002E-2</v>
      </c>
      <c r="F3954" s="239">
        <v>1.0248999999999999</v>
      </c>
      <c r="G3954">
        <f t="shared" si="918"/>
        <v>2.39568</v>
      </c>
      <c r="H3954" s="235">
        <f t="shared" si="919"/>
        <v>1.7322847792693516</v>
      </c>
      <c r="I3954" s="236">
        <f t="shared" si="920"/>
        <v>17.954658842022674</v>
      </c>
      <c r="J3954" s="237">
        <f t="shared" si="925"/>
        <v>7.954658842022674</v>
      </c>
      <c r="K3954" s="237">
        <f t="shared" si="921"/>
        <v>704.88195147896818</v>
      </c>
      <c r="L3954" s="237">
        <f t="shared" si="926"/>
        <v>312.3476340908623</v>
      </c>
      <c r="M3954" s="236">
        <f t="shared" si="922"/>
        <v>5.4131930707346942</v>
      </c>
      <c r="N3954" s="236">
        <f t="shared" si="923"/>
        <v>2.4544622603687483</v>
      </c>
      <c r="O3954" s="236">
        <f t="shared" si="927"/>
        <v>3.1750033275081804</v>
      </c>
      <c r="P3954" s="236" t="str">
        <f t="shared" si="928"/>
        <v>CLAY</v>
      </c>
      <c r="Q3954" s="236">
        <f t="shared" si="924"/>
        <v>140.89983737675263</v>
      </c>
      <c r="R3954" s="238">
        <v>35</v>
      </c>
      <c r="S3954" s="236">
        <f t="shared" si="929"/>
        <v>2.0642243900488206</v>
      </c>
      <c r="T3954" s="236" t="e">
        <f t="shared" si="915"/>
        <v>#N/A</v>
      </c>
    </row>
    <row r="3955" spans="1:20" x14ac:dyDescent="0.2">
      <c r="A3955" s="53">
        <f t="shared" si="916"/>
        <v>3943</v>
      </c>
      <c r="B3955" s="239">
        <v>39.277000000000001</v>
      </c>
      <c r="C3955" s="3">
        <f t="shared" si="917"/>
        <v>39.270000000000003</v>
      </c>
      <c r="D3955" s="239">
        <v>2.2149999999999999</v>
      </c>
      <c r="E3955" s="239">
        <v>4.2000000000000003E-2</v>
      </c>
      <c r="F3955" s="239">
        <v>1.0611999999999999</v>
      </c>
      <c r="G3955">
        <f t="shared" si="918"/>
        <v>2.4272399999999998</v>
      </c>
      <c r="H3955" s="235">
        <f t="shared" si="919"/>
        <v>1.7303604093538341</v>
      </c>
      <c r="I3955" s="236">
        <f t="shared" si="920"/>
        <v>17.97381758691666</v>
      </c>
      <c r="J3955" s="237">
        <f t="shared" si="925"/>
        <v>7.9738175869166596</v>
      </c>
      <c r="K3955" s="237">
        <f t="shared" si="921"/>
        <v>705.83181663821733</v>
      </c>
      <c r="L3955" s="237">
        <f t="shared" si="926"/>
        <v>313.18763336132565</v>
      </c>
      <c r="M3955" s="236">
        <f t="shared" si="922"/>
        <v>5.4964117353119999</v>
      </c>
      <c r="N3955" s="236">
        <f t="shared" si="923"/>
        <v>2.4398629218769665</v>
      </c>
      <c r="O3955" s="236">
        <f t="shared" si="927"/>
        <v>3.1679789887261864</v>
      </c>
      <c r="P3955" s="236" t="str">
        <f t="shared" si="928"/>
        <v>CLAY</v>
      </c>
      <c r="Q3955" s="236">
        <f t="shared" si="924"/>
        <v>143.45068194681519</v>
      </c>
      <c r="R3955" s="238">
        <v>35</v>
      </c>
      <c r="S3955" s="236">
        <f t="shared" si="929"/>
        <v>2.1039677637255445</v>
      </c>
      <c r="T3955" s="236" t="e">
        <f t="shared" si="915"/>
        <v>#N/A</v>
      </c>
    </row>
    <row r="3956" spans="1:20" x14ac:dyDescent="0.2">
      <c r="A3956" s="53">
        <f t="shared" si="916"/>
        <v>3944</v>
      </c>
      <c r="B3956" s="239">
        <v>39.286000000000001</v>
      </c>
      <c r="C3956" s="3">
        <f t="shared" si="917"/>
        <v>39.279000000000003</v>
      </c>
      <c r="D3956" s="239">
        <v>2.2195</v>
      </c>
      <c r="E3956" s="239">
        <v>4.24E-2</v>
      </c>
      <c r="F3956" s="239">
        <v>1.0943000000000001</v>
      </c>
      <c r="G3956">
        <f t="shared" si="918"/>
        <v>2.4383599999999999</v>
      </c>
      <c r="H3956" s="235">
        <f t="shared" si="919"/>
        <v>1.7388736691874869</v>
      </c>
      <c r="I3956" s="236">
        <f t="shared" si="920"/>
        <v>17.986718909995851</v>
      </c>
      <c r="J3956" s="237">
        <f t="shared" si="925"/>
        <v>7.9867189099958509</v>
      </c>
      <c r="K3956" s="237">
        <f t="shared" si="921"/>
        <v>706.50033206572709</v>
      </c>
      <c r="L3956" s="237">
        <f t="shared" si="926"/>
        <v>313.766239098097</v>
      </c>
      <c r="M3956" s="236">
        <f t="shared" si="922"/>
        <v>5.5195857684128278</v>
      </c>
      <c r="N3956" s="236">
        <f t="shared" si="923"/>
        <v>2.4482353151958245</v>
      </c>
      <c r="O3956" s="236">
        <f t="shared" si="927"/>
        <v>3.1671600377635718</v>
      </c>
      <c r="P3956" s="236" t="str">
        <f t="shared" si="928"/>
        <v>CLAY</v>
      </c>
      <c r="Q3956" s="236">
        <f t="shared" si="924"/>
        <v>144.32163899452271</v>
      </c>
      <c r="R3956" s="238">
        <v>35</v>
      </c>
      <c r="S3956" s="236">
        <f t="shared" si="929"/>
        <v>2.1150620672367557</v>
      </c>
      <c r="T3956" s="236" t="e">
        <f t="shared" si="915"/>
        <v>#N/A</v>
      </c>
    </row>
    <row r="3957" spans="1:20" x14ac:dyDescent="0.2">
      <c r="A3957" s="53">
        <f t="shared" si="916"/>
        <v>3945</v>
      </c>
      <c r="B3957" s="239">
        <v>39.295999999999999</v>
      </c>
      <c r="C3957" s="3">
        <f t="shared" si="917"/>
        <v>39.289000000000001</v>
      </c>
      <c r="D3957" s="239">
        <v>2.2218</v>
      </c>
      <c r="E3957" s="239">
        <v>4.2299999999999997E-2</v>
      </c>
      <c r="F3957" s="239">
        <v>1.1249</v>
      </c>
      <c r="G3957">
        <f t="shared" si="918"/>
        <v>2.44678</v>
      </c>
      <c r="H3957" s="235">
        <f t="shared" si="919"/>
        <v>1.7288027530059913</v>
      </c>
      <c r="I3957" s="236">
        <f t="shared" si="920"/>
        <v>17.985297476017323</v>
      </c>
      <c r="J3957" s="237">
        <f t="shared" si="925"/>
        <v>7.9852974760173225</v>
      </c>
      <c r="K3957" s="237">
        <f t="shared" si="921"/>
        <v>706.62435253524461</v>
      </c>
      <c r="L3957" s="237">
        <f t="shared" si="926"/>
        <v>313.79024961757671</v>
      </c>
      <c r="M3957" s="236">
        <f t="shared" si="922"/>
        <v>5.5456013996149407</v>
      </c>
      <c r="N3957" s="236">
        <f t="shared" si="923"/>
        <v>2.4308170399370401</v>
      </c>
      <c r="O3957" s="236">
        <f t="shared" si="927"/>
        <v>3.1638262149817784</v>
      </c>
      <c r="P3957" s="236" t="str">
        <f t="shared" si="928"/>
        <v>CLAY</v>
      </c>
      <c r="Q3957" s="236">
        <f t="shared" si="924"/>
        <v>145.01297062206291</v>
      </c>
      <c r="R3957" s="238">
        <v>35</v>
      </c>
      <c r="S3957" s="236">
        <f t="shared" si="929"/>
        <v>2.1275306331724977</v>
      </c>
      <c r="T3957" s="236" t="e">
        <f t="shared" si="915"/>
        <v>#N/A</v>
      </c>
    </row>
    <row r="3958" spans="1:20" x14ac:dyDescent="0.2">
      <c r="A3958" s="53">
        <f t="shared" si="916"/>
        <v>3946</v>
      </c>
      <c r="B3958" s="239">
        <v>39.305999999999997</v>
      </c>
      <c r="C3958" s="3">
        <f t="shared" si="917"/>
        <v>39.298999999999999</v>
      </c>
      <c r="D3958" s="239">
        <v>2.2132000000000001</v>
      </c>
      <c r="E3958" s="239">
        <v>4.2700000000000002E-2</v>
      </c>
      <c r="F3958" s="239">
        <v>1.1599999999999999</v>
      </c>
      <c r="G3958">
        <f t="shared" si="918"/>
        <v>2.4451999999999998</v>
      </c>
      <c r="H3958" s="235">
        <f t="shared" si="919"/>
        <v>1.7462784230328809</v>
      </c>
      <c r="I3958" s="236">
        <f t="shared" si="920"/>
        <v>17.996081265356018</v>
      </c>
      <c r="J3958" s="237">
        <f t="shared" si="925"/>
        <v>7.9960812653560183</v>
      </c>
      <c r="K3958" s="237">
        <f t="shared" si="921"/>
        <v>707.22799764722618</v>
      </c>
      <c r="L3958" s="237">
        <f t="shared" si="926"/>
        <v>314.29397021608361</v>
      </c>
      <c r="M3958" s="236">
        <f t="shared" si="922"/>
        <v>5.5297656558854182</v>
      </c>
      <c r="N3958" s="236">
        <f t="shared" si="923"/>
        <v>2.456886528793043</v>
      </c>
      <c r="O3958" s="236">
        <f t="shared" si="927"/>
        <v>3.1672494004979881</v>
      </c>
      <c r="P3958" s="236" t="str">
        <f t="shared" si="928"/>
        <v>CLAY</v>
      </c>
      <c r="Q3958" s="236">
        <f t="shared" si="924"/>
        <v>144.83100019606448</v>
      </c>
      <c r="R3958" s="238">
        <v>35</v>
      </c>
      <c r="S3958" s="236">
        <f t="shared" si="929"/>
        <v>2.1199392573556324</v>
      </c>
      <c r="T3958" s="236" t="e">
        <f t="shared" si="915"/>
        <v>#N/A</v>
      </c>
    </row>
    <row r="3959" spans="1:20" x14ac:dyDescent="0.2">
      <c r="A3959" s="53">
        <f t="shared" si="916"/>
        <v>3947</v>
      </c>
      <c r="B3959" s="239">
        <v>39.316000000000003</v>
      </c>
      <c r="C3959" s="3">
        <f t="shared" si="917"/>
        <v>39.309000000000005</v>
      </c>
      <c r="D3959" s="239">
        <v>2.1981999999999999</v>
      </c>
      <c r="E3959" s="239">
        <v>4.41E-2</v>
      </c>
      <c r="F3959" s="239">
        <v>1.1876</v>
      </c>
      <c r="G3959">
        <f t="shared" si="918"/>
        <v>2.4357199999999999</v>
      </c>
      <c r="H3959" s="235">
        <f t="shared" si="919"/>
        <v>1.8105529371192093</v>
      </c>
      <c r="I3959" s="236">
        <f t="shared" si="920"/>
        <v>18.032391871912825</v>
      </c>
      <c r="J3959" s="237">
        <f t="shared" si="925"/>
        <v>8.0323918719128251</v>
      </c>
      <c r="K3959" s="237">
        <f t="shared" si="921"/>
        <v>708.83529209302128</v>
      </c>
      <c r="L3959" s="237">
        <f t="shared" si="926"/>
        <v>315.80151883612467</v>
      </c>
      <c r="M3959" s="236">
        <f t="shared" si="922"/>
        <v>5.4682596659805531</v>
      </c>
      <c r="N3959" s="236">
        <f t="shared" si="923"/>
        <v>2.553731572123894</v>
      </c>
      <c r="O3959" s="236">
        <f t="shared" si="927"/>
        <v>3.1799917705274083</v>
      </c>
      <c r="P3959" s="236" t="str">
        <f t="shared" si="928"/>
        <v>CLAY</v>
      </c>
      <c r="Q3959" s="236">
        <f t="shared" si="924"/>
        <v>143.90705899224821</v>
      </c>
      <c r="R3959" s="238">
        <v>35</v>
      </c>
      <c r="S3959" s="236">
        <f t="shared" si="929"/>
        <v>2.0905060093564165</v>
      </c>
      <c r="T3959" s="236" t="e">
        <f t="shared" si="915"/>
        <v>#N/A</v>
      </c>
    </row>
    <row r="3960" spans="1:20" x14ac:dyDescent="0.2">
      <c r="A3960" s="53">
        <f t="shared" si="916"/>
        <v>3948</v>
      </c>
      <c r="B3960" s="239">
        <v>39.326000000000001</v>
      </c>
      <c r="C3960" s="3">
        <f t="shared" si="917"/>
        <v>39.319000000000003</v>
      </c>
      <c r="D3960" s="239">
        <v>2.1869999999999998</v>
      </c>
      <c r="E3960" s="239">
        <v>4.4600000000000001E-2</v>
      </c>
      <c r="F3960" s="239">
        <v>1.2219</v>
      </c>
      <c r="G3960">
        <f t="shared" si="918"/>
        <v>2.4313799999999999</v>
      </c>
      <c r="H3960" s="235">
        <f t="shared" si="919"/>
        <v>1.8343492173169149</v>
      </c>
      <c r="I3960" s="236">
        <f t="shared" si="920"/>
        <v>18.044914728873501</v>
      </c>
      <c r="J3960" s="237">
        <f t="shared" si="925"/>
        <v>8.0449147288735006</v>
      </c>
      <c r="K3960" s="237">
        <f t="shared" si="921"/>
        <v>709.50800222457724</v>
      </c>
      <c r="L3960" s="237">
        <f t="shared" si="926"/>
        <v>316.37431662767926</v>
      </c>
      <c r="M3960" s="236">
        <f t="shared" si="922"/>
        <v>5.4425151071974769</v>
      </c>
      <c r="N3960" s="236">
        <f t="shared" si="923"/>
        <v>2.590204153248389</v>
      </c>
      <c r="O3960" s="236">
        <f t="shared" si="927"/>
        <v>3.1849068324799679</v>
      </c>
      <c r="P3960" s="236" t="str">
        <f t="shared" si="928"/>
        <v>CLAY</v>
      </c>
      <c r="Q3960" s="236">
        <f t="shared" si="924"/>
        <v>143.48933314795187</v>
      </c>
      <c r="R3960" s="238">
        <v>35</v>
      </c>
      <c r="S3960" s="236">
        <f t="shared" si="929"/>
        <v>2.0782106338139537</v>
      </c>
      <c r="T3960" s="236" t="e">
        <f t="shared" si="915"/>
        <v>#N/A</v>
      </c>
    </row>
    <row r="3961" spans="1:20" x14ac:dyDescent="0.2">
      <c r="A3961" s="53">
        <f t="shared" si="916"/>
        <v>3949</v>
      </c>
      <c r="B3961" s="239">
        <v>39.335999999999999</v>
      </c>
      <c r="C3961" s="3">
        <f t="shared" si="917"/>
        <v>39.329000000000001</v>
      </c>
      <c r="D3961" s="239">
        <v>2.1905999999999999</v>
      </c>
      <c r="E3961" s="239">
        <v>4.2599999999999999E-2</v>
      </c>
      <c r="F3961" s="239">
        <v>1.25</v>
      </c>
      <c r="G3961">
        <f t="shared" si="918"/>
        <v>2.4405999999999999</v>
      </c>
      <c r="H3961" s="235">
        <f t="shared" si="919"/>
        <v>1.7454724248135705</v>
      </c>
      <c r="I3961" s="236">
        <f t="shared" si="920"/>
        <v>17.992595918201836</v>
      </c>
      <c r="J3961" s="237">
        <f t="shared" si="925"/>
        <v>7.992595918201836</v>
      </c>
      <c r="K3961" s="237">
        <f t="shared" si="921"/>
        <v>707.63080486696003</v>
      </c>
      <c r="L3961" s="237">
        <f t="shared" si="926"/>
        <v>314.39675303838743</v>
      </c>
      <c r="M3961" s="236">
        <f t="shared" si="922"/>
        <v>5.5120454597107322</v>
      </c>
      <c r="N3961" s="236">
        <f t="shared" si="923"/>
        <v>2.4582087275203763</v>
      </c>
      <c r="O3961" s="236">
        <f t="shared" si="927"/>
        <v>3.1685685512883728</v>
      </c>
      <c r="P3961" s="236" t="str">
        <f t="shared" si="928"/>
        <v>CLAY</v>
      </c>
      <c r="Q3961" s="236">
        <f t="shared" si="924"/>
        <v>144.41409959441998</v>
      </c>
      <c r="R3961" s="238">
        <v>35</v>
      </c>
      <c r="S3961" s="236">
        <f t="shared" si="929"/>
        <v>2.1114509500962604</v>
      </c>
      <c r="T3961" s="236" t="e">
        <f t="shared" si="915"/>
        <v>#N/A</v>
      </c>
    </row>
    <row r="3962" spans="1:20" x14ac:dyDescent="0.2">
      <c r="A3962" s="53">
        <f t="shared" si="916"/>
        <v>3950</v>
      </c>
      <c r="B3962" s="239">
        <v>39.345999999999997</v>
      </c>
      <c r="C3962" s="3">
        <f t="shared" si="917"/>
        <v>39.338999999999999</v>
      </c>
      <c r="D3962" s="239">
        <v>2.1938</v>
      </c>
      <c r="E3962" s="239">
        <v>4.1099999999999998E-2</v>
      </c>
      <c r="F3962" s="239">
        <v>1.2778</v>
      </c>
      <c r="G3962">
        <f t="shared" si="918"/>
        <v>2.44936</v>
      </c>
      <c r="H3962" s="235">
        <f t="shared" si="919"/>
        <v>1.6779893523206062</v>
      </c>
      <c r="I3962" s="236">
        <f t="shared" si="920"/>
        <v>17.951963332518652</v>
      </c>
      <c r="J3962" s="237">
        <f t="shared" si="925"/>
        <v>7.9519633325186518</v>
      </c>
      <c r="K3962" s="237">
        <f t="shared" si="921"/>
        <v>706.21228553795117</v>
      </c>
      <c r="L3962" s="237">
        <f t="shared" si="926"/>
        <v>312.87794928127886</v>
      </c>
      <c r="M3962" s="236">
        <f t="shared" si="922"/>
        <v>5.5713345042892435</v>
      </c>
      <c r="N3962" s="236">
        <f t="shared" si="923"/>
        <v>2.357803624960368</v>
      </c>
      <c r="O3962" s="236">
        <f t="shared" si="927"/>
        <v>3.1553888267052885</v>
      </c>
      <c r="P3962" s="236" t="str">
        <f t="shared" si="928"/>
        <v>CLAY</v>
      </c>
      <c r="Q3962" s="236">
        <f t="shared" si="924"/>
        <v>145.26230953850407</v>
      </c>
      <c r="R3962" s="238">
        <v>35</v>
      </c>
      <c r="S3962" s="236">
        <f t="shared" si="929"/>
        <v>2.1398781865440588</v>
      </c>
      <c r="T3962" s="236" t="e">
        <f t="shared" si="915"/>
        <v>#N/A</v>
      </c>
    </row>
    <row r="3963" spans="1:20" x14ac:dyDescent="0.2">
      <c r="A3963" s="53">
        <f t="shared" si="916"/>
        <v>3951</v>
      </c>
      <c r="B3963" s="239">
        <v>39.356000000000002</v>
      </c>
      <c r="C3963" s="3">
        <f t="shared" si="917"/>
        <v>39.349000000000004</v>
      </c>
      <c r="D3963" s="239">
        <v>2.1823999999999999</v>
      </c>
      <c r="E3963" s="239">
        <v>4.1599999999999998E-2</v>
      </c>
      <c r="F3963" s="239">
        <v>1.3016000000000001</v>
      </c>
      <c r="G3963">
        <f t="shared" si="918"/>
        <v>2.44272</v>
      </c>
      <c r="H3963" s="235">
        <f t="shared" si="919"/>
        <v>1.7030195847252243</v>
      </c>
      <c r="I3963" s="236">
        <f t="shared" si="920"/>
        <v>17.965081366498687</v>
      </c>
      <c r="J3963" s="237">
        <f t="shared" si="925"/>
        <v>7.965081366498687</v>
      </c>
      <c r="K3963" s="237">
        <f t="shared" si="921"/>
        <v>706.90798669035689</v>
      </c>
      <c r="L3963" s="237">
        <f t="shared" si="926"/>
        <v>313.47374225992235</v>
      </c>
      <c r="M3963" s="236">
        <f t="shared" si="922"/>
        <v>5.5373442151667156</v>
      </c>
      <c r="N3963" s="236">
        <f t="shared" si="923"/>
        <v>2.3965728823757821</v>
      </c>
      <c r="O3963" s="236">
        <f t="shared" si="927"/>
        <v>3.1612615856366837</v>
      </c>
      <c r="P3963" s="236" t="str">
        <f t="shared" si="928"/>
        <v>CLAY</v>
      </c>
      <c r="Q3963" s="236">
        <f t="shared" si="924"/>
        <v>144.6510011091369</v>
      </c>
      <c r="R3963" s="238">
        <v>35</v>
      </c>
      <c r="S3963" s="236">
        <f t="shared" si="929"/>
        <v>2.1235716076483424</v>
      </c>
      <c r="T3963" s="236" t="e">
        <f t="shared" si="915"/>
        <v>#N/A</v>
      </c>
    </row>
    <row r="3964" spans="1:20" x14ac:dyDescent="0.2">
      <c r="A3964" s="53">
        <f t="shared" si="916"/>
        <v>3952</v>
      </c>
      <c r="B3964" s="239">
        <v>39.366</v>
      </c>
      <c r="C3964" s="3">
        <f t="shared" si="917"/>
        <v>39.359000000000002</v>
      </c>
      <c r="D3964" s="239">
        <v>2.1722000000000001</v>
      </c>
      <c r="E3964" s="239">
        <v>4.1200000000000001E-2</v>
      </c>
      <c r="F3964" s="239">
        <v>1.3291999999999999</v>
      </c>
      <c r="G3964">
        <f t="shared" si="918"/>
        <v>2.43804</v>
      </c>
      <c r="H3964" s="235">
        <f t="shared" si="919"/>
        <v>1.6898820363898872</v>
      </c>
      <c r="I3964" s="236">
        <f t="shared" si="920"/>
        <v>17.953002281653433</v>
      </c>
      <c r="J3964" s="237">
        <f t="shared" si="925"/>
        <v>7.9530022816534327</v>
      </c>
      <c r="K3964" s="237">
        <f t="shared" si="921"/>
        <v>706.61221680359745</v>
      </c>
      <c r="L3964" s="237">
        <f t="shared" si="926"/>
        <v>313.07788781956901</v>
      </c>
      <c r="M3964" s="236">
        <f t="shared" si="922"/>
        <v>5.5303419709866182</v>
      </c>
      <c r="N3964" s="236">
        <f t="shared" si="923"/>
        <v>2.3795390370795801</v>
      </c>
      <c r="O3964" s="236">
        <f t="shared" si="927"/>
        <v>3.1601694723018952</v>
      </c>
      <c r="P3964" s="236" t="str">
        <f t="shared" si="928"/>
        <v>CLAY</v>
      </c>
      <c r="Q3964" s="236">
        <f t="shared" si="924"/>
        <v>144.28564859970021</v>
      </c>
      <c r="R3964" s="238">
        <v>35</v>
      </c>
      <c r="S3964" s="236">
        <f t="shared" si="929"/>
        <v>2.1202154374416708</v>
      </c>
      <c r="T3964" s="236" t="e">
        <f t="shared" si="915"/>
        <v>#N/A</v>
      </c>
    </row>
    <row r="3965" spans="1:20" x14ac:dyDescent="0.2">
      <c r="A3965" s="53">
        <f t="shared" si="916"/>
        <v>3953</v>
      </c>
      <c r="B3965" s="239">
        <v>39.375999999999998</v>
      </c>
      <c r="C3965" s="3">
        <f t="shared" si="917"/>
        <v>39.369</v>
      </c>
      <c r="D3965" s="239">
        <v>2.1648000000000001</v>
      </c>
      <c r="E3965" s="239">
        <v>4.2099999999999999E-2</v>
      </c>
      <c r="F3965" s="239">
        <v>1.3498000000000001</v>
      </c>
      <c r="G3965">
        <f t="shared" si="918"/>
        <v>2.4347599999999998</v>
      </c>
      <c r="H3965" s="235">
        <f t="shared" si="919"/>
        <v>1.7291231990011338</v>
      </c>
      <c r="I3965" s="236">
        <f t="shared" si="920"/>
        <v>17.977815255550659</v>
      </c>
      <c r="J3965" s="237">
        <f t="shared" si="925"/>
        <v>7.9778152555506594</v>
      </c>
      <c r="K3965" s="237">
        <f t="shared" si="921"/>
        <v>707.76860879577396</v>
      </c>
      <c r="L3965" s="237">
        <f t="shared" si="926"/>
        <v>314.13445350256274</v>
      </c>
      <c r="M3965" s="236">
        <f t="shared" si="922"/>
        <v>5.4976185259161223</v>
      </c>
      <c r="N3965" s="236">
        <f t="shared" si="923"/>
        <v>2.4377654813116241</v>
      </c>
      <c r="O3965" s="236">
        <f t="shared" si="927"/>
        <v>3.1677073331421322</v>
      </c>
      <c r="P3965" s="236" t="str">
        <f t="shared" si="928"/>
        <v>CLAY</v>
      </c>
      <c r="Q3965" s="236">
        <f t="shared" si="924"/>
        <v>143.91594926701882</v>
      </c>
      <c r="R3965" s="238">
        <v>35</v>
      </c>
      <c r="S3965" s="236">
        <f t="shared" si="929"/>
        <v>2.1045452127803075</v>
      </c>
      <c r="T3965" s="236" t="e">
        <f t="shared" si="915"/>
        <v>#N/A</v>
      </c>
    </row>
    <row r="3966" spans="1:20" x14ac:dyDescent="0.2">
      <c r="A3966" s="53">
        <f t="shared" si="916"/>
        <v>3954</v>
      </c>
      <c r="B3966" s="239">
        <v>39.386000000000003</v>
      </c>
      <c r="C3966" s="3">
        <f t="shared" si="917"/>
        <v>39.379000000000005</v>
      </c>
      <c r="D3966" s="239">
        <v>2.1730999999999998</v>
      </c>
      <c r="E3966" s="239">
        <v>4.2099999999999999E-2</v>
      </c>
      <c r="F3966" s="239">
        <v>1.3706</v>
      </c>
      <c r="G3966">
        <f t="shared" si="918"/>
        <v>2.4472199999999997</v>
      </c>
      <c r="H3966" s="235">
        <f t="shared" si="919"/>
        <v>1.7203193828098824</v>
      </c>
      <c r="I3966" s="236">
        <f t="shared" si="920"/>
        <v>17.979810425090395</v>
      </c>
      <c r="J3966" s="237">
        <f t="shared" si="925"/>
        <v>7.9798104250903954</v>
      </c>
      <c r="K3966" s="237">
        <f t="shared" si="921"/>
        <v>708.02695472963478</v>
      </c>
      <c r="L3966" s="237">
        <f t="shared" si="926"/>
        <v>314.29281340261036</v>
      </c>
      <c r="M3966" s="236">
        <f t="shared" si="922"/>
        <v>5.5336710580220991</v>
      </c>
      <c r="N3966" s="236">
        <f t="shared" si="923"/>
        <v>2.4206628536428729</v>
      </c>
      <c r="O3966" s="236">
        <f t="shared" si="927"/>
        <v>3.1637100852900026</v>
      </c>
      <c r="P3966" s="236" t="str">
        <f t="shared" si="928"/>
        <v>CLAY</v>
      </c>
      <c r="Q3966" s="236">
        <f t="shared" si="924"/>
        <v>144.93275377253042</v>
      </c>
      <c r="R3966" s="238">
        <v>35</v>
      </c>
      <c r="S3966" s="236">
        <f t="shared" si="929"/>
        <v>2.121810933885885</v>
      </c>
      <c r="T3966" s="236" t="e">
        <f t="shared" si="915"/>
        <v>#N/A</v>
      </c>
    </row>
    <row r="3967" spans="1:20" x14ac:dyDescent="0.2">
      <c r="A3967" s="53">
        <f t="shared" si="916"/>
        <v>3955</v>
      </c>
      <c r="B3967" s="239">
        <v>39.395000000000003</v>
      </c>
      <c r="C3967" s="3">
        <f t="shared" si="917"/>
        <v>39.388000000000005</v>
      </c>
      <c r="D3967" s="239">
        <v>2.1741000000000001</v>
      </c>
      <c r="E3967" s="239">
        <v>4.2200000000000001E-2</v>
      </c>
      <c r="F3967" s="239">
        <v>1.3894</v>
      </c>
      <c r="G3967">
        <f t="shared" si="918"/>
        <v>2.4519799999999998</v>
      </c>
      <c r="H3967" s="235">
        <f t="shared" si="919"/>
        <v>1.7210580836711558</v>
      </c>
      <c r="I3967" s="236">
        <f t="shared" si="920"/>
        <v>17.983351903095333</v>
      </c>
      <c r="J3967" s="237">
        <f t="shared" si="925"/>
        <v>7.9833519030953326</v>
      </c>
      <c r="K3967" s="237">
        <f t="shared" si="921"/>
        <v>708.32826475911907</v>
      </c>
      <c r="L3967" s="237">
        <f t="shared" si="926"/>
        <v>314.50414822244068</v>
      </c>
      <c r="M3967" s="236">
        <f t="shared" si="922"/>
        <v>5.5441295292793438</v>
      </c>
      <c r="N3967" s="236">
        <f t="shared" si="923"/>
        <v>2.4202080694841381</v>
      </c>
      <c r="O3967" s="236">
        <f t="shared" si="927"/>
        <v>3.1629619033507694</v>
      </c>
      <c r="P3967" s="236" t="str">
        <f t="shared" si="928"/>
        <v>CLAY</v>
      </c>
      <c r="Q3967" s="236">
        <f t="shared" si="924"/>
        <v>145.30431127007341</v>
      </c>
      <c r="R3967" s="238">
        <v>35</v>
      </c>
      <c r="S3967" s="236">
        <f t="shared" si="929"/>
        <v>2.1268248158264842</v>
      </c>
      <c r="T3967" s="236" t="e">
        <f t="shared" si="915"/>
        <v>#N/A</v>
      </c>
    </row>
    <row r="3968" spans="1:20" x14ac:dyDescent="0.2">
      <c r="A3968" s="53">
        <f t="shared" si="916"/>
        <v>3956</v>
      </c>
      <c r="B3968" s="239">
        <v>39.405000000000001</v>
      </c>
      <c r="C3968" s="3">
        <f t="shared" si="917"/>
        <v>39.398000000000003</v>
      </c>
      <c r="D3968" s="239">
        <v>2.1594000000000002</v>
      </c>
      <c r="E3968" s="239">
        <v>4.2500000000000003E-2</v>
      </c>
      <c r="F3968" s="239">
        <v>1.4054</v>
      </c>
      <c r="G3968">
        <f t="shared" si="918"/>
        <v>2.44048</v>
      </c>
      <c r="H3968" s="235">
        <f t="shared" si="919"/>
        <v>1.7414606962564743</v>
      </c>
      <c r="I3968" s="236">
        <f t="shared" si="920"/>
        <v>17.989820893143118</v>
      </c>
      <c r="J3968" s="237">
        <f t="shared" si="925"/>
        <v>7.9898208931431185</v>
      </c>
      <c r="K3968" s="237">
        <f t="shared" si="921"/>
        <v>708.76296354805265</v>
      </c>
      <c r="L3968" s="237">
        <f t="shared" si="926"/>
        <v>314.83889229430457</v>
      </c>
      <c r="M3968" s="236">
        <f t="shared" si="922"/>
        <v>5.5003275606533899</v>
      </c>
      <c r="N3968" s="236">
        <f t="shared" si="923"/>
        <v>2.4542115776072007</v>
      </c>
      <c r="O3968" s="236">
        <f t="shared" si="927"/>
        <v>3.1690054112973107</v>
      </c>
      <c r="P3968" s="236" t="str">
        <f t="shared" si="928"/>
        <v>CLAY</v>
      </c>
      <c r="Q3968" s="236">
        <f t="shared" si="924"/>
        <v>144.30975303766229</v>
      </c>
      <c r="R3968" s="238">
        <v>35</v>
      </c>
      <c r="S3968" s="236">
        <f t="shared" si="929"/>
        <v>2.1058416007508032</v>
      </c>
      <c r="T3968" s="236" t="e">
        <f t="shared" si="915"/>
        <v>#N/A</v>
      </c>
    </row>
    <row r="3969" spans="1:20" x14ac:dyDescent="0.2">
      <c r="A3969" s="53">
        <f t="shared" si="916"/>
        <v>3957</v>
      </c>
      <c r="B3969" s="239">
        <v>39.414999999999999</v>
      </c>
      <c r="C3969" s="3">
        <f t="shared" si="917"/>
        <v>39.408000000000001</v>
      </c>
      <c r="D3969" s="239">
        <v>2.1511</v>
      </c>
      <c r="E3969" s="239">
        <v>4.2799999999999998E-2</v>
      </c>
      <c r="F3969" s="239">
        <v>1.4248000000000001</v>
      </c>
      <c r="G3969">
        <f t="shared" si="918"/>
        <v>2.4360599999999999</v>
      </c>
      <c r="H3969" s="235">
        <f t="shared" si="919"/>
        <v>1.7569353792599527</v>
      </c>
      <c r="I3969" s="236">
        <f t="shared" si="920"/>
        <v>17.997360413381823</v>
      </c>
      <c r="J3969" s="237">
        <f t="shared" si="925"/>
        <v>7.9973604133818235</v>
      </c>
      <c r="K3969" s="237">
        <f t="shared" si="921"/>
        <v>709.2399791705509</v>
      </c>
      <c r="L3969" s="237">
        <f t="shared" si="926"/>
        <v>315.21596069344457</v>
      </c>
      <c r="M3969" s="236">
        <f t="shared" si="922"/>
        <v>5.4782125150979422</v>
      </c>
      <c r="N3969" s="236">
        <f t="shared" si="923"/>
        <v>2.4785443464711356</v>
      </c>
      <c r="O3969" s="236">
        <f t="shared" si="927"/>
        <v>3.1726904288507987</v>
      </c>
      <c r="P3969" s="236" t="str">
        <f t="shared" si="928"/>
        <v>CLAY</v>
      </c>
      <c r="Q3969" s="236">
        <f t="shared" si="924"/>
        <v>143.90166840245408</v>
      </c>
      <c r="R3969" s="238">
        <v>35</v>
      </c>
      <c r="S3969" s="236">
        <f t="shared" si="929"/>
        <v>2.0952632867579482</v>
      </c>
      <c r="T3969" s="236" t="e">
        <f t="shared" si="915"/>
        <v>#N/A</v>
      </c>
    </row>
    <row r="3970" spans="1:20" x14ac:dyDescent="0.2">
      <c r="A3970" s="53">
        <f t="shared" si="916"/>
        <v>3958</v>
      </c>
      <c r="B3970" s="239">
        <v>39.424999999999997</v>
      </c>
      <c r="C3970" s="3">
        <f t="shared" si="917"/>
        <v>39.417999999999999</v>
      </c>
      <c r="D3970" s="239">
        <v>2.1522000000000001</v>
      </c>
      <c r="E3970" s="239">
        <v>4.3099999999999999E-2</v>
      </c>
      <c r="F3970" s="239">
        <v>1.4346000000000001</v>
      </c>
      <c r="G3970">
        <f t="shared" si="918"/>
        <v>2.43912</v>
      </c>
      <c r="H3970" s="235">
        <f t="shared" si="919"/>
        <v>1.7670307323952903</v>
      </c>
      <c r="I3970" s="236">
        <f t="shared" si="920"/>
        <v>18.006041534377719</v>
      </c>
      <c r="J3970" s="237">
        <f t="shared" si="925"/>
        <v>8.0060415343777187</v>
      </c>
      <c r="K3970" s="237">
        <f t="shared" si="921"/>
        <v>709.7621452021009</v>
      </c>
      <c r="L3970" s="237">
        <f t="shared" si="926"/>
        <v>315.63818749284155</v>
      </c>
      <c r="M3970" s="236">
        <f t="shared" si="922"/>
        <v>5.4789246780766021</v>
      </c>
      <c r="N3970" s="236">
        <f t="shared" si="923"/>
        <v>2.4922545602938189</v>
      </c>
      <c r="O3970" s="236">
        <f t="shared" si="927"/>
        <v>3.1738613999460479</v>
      </c>
      <c r="P3970" s="236" t="str">
        <f t="shared" si="928"/>
        <v>CLAY</v>
      </c>
      <c r="Q3970" s="236">
        <f t="shared" si="924"/>
        <v>144.1131545664916</v>
      </c>
      <c r="R3970" s="238">
        <v>35</v>
      </c>
      <c r="S3970" s="236">
        <f t="shared" si="929"/>
        <v>2.095603770352291</v>
      </c>
      <c r="T3970" s="236" t="e">
        <f t="shared" si="915"/>
        <v>#N/A</v>
      </c>
    </row>
    <row r="3971" spans="1:20" x14ac:dyDescent="0.2">
      <c r="A3971" s="53">
        <f t="shared" si="916"/>
        <v>3959</v>
      </c>
      <c r="B3971" s="239">
        <v>39.433999999999997</v>
      </c>
      <c r="C3971" s="3">
        <f t="shared" si="917"/>
        <v>39.427</v>
      </c>
      <c r="D3971" s="239">
        <v>2.1522999999999999</v>
      </c>
      <c r="E3971" s="239">
        <v>4.2500000000000003E-2</v>
      </c>
      <c r="F3971" s="239">
        <v>1.4403999999999999</v>
      </c>
      <c r="G3971">
        <f t="shared" si="918"/>
        <v>2.4403799999999998</v>
      </c>
      <c r="H3971" s="235">
        <f t="shared" si="919"/>
        <v>1.741532056483007</v>
      </c>
      <c r="I3971" s="236">
        <f t="shared" si="920"/>
        <v>17.989804876906895</v>
      </c>
      <c r="J3971" s="237">
        <f t="shared" si="925"/>
        <v>7.989804876906895</v>
      </c>
      <c r="K3971" s="237">
        <f t="shared" si="921"/>
        <v>709.28403688180811</v>
      </c>
      <c r="L3971" s="237">
        <f t="shared" si="926"/>
        <v>315.06996551594648</v>
      </c>
      <c r="M3971" s="236">
        <f t="shared" si="922"/>
        <v>5.4943223810096127</v>
      </c>
      <c r="N3971" s="236">
        <f t="shared" si="923"/>
        <v>2.4550920864863857</v>
      </c>
      <c r="O3971" s="236">
        <f t="shared" si="927"/>
        <v>3.1694931913133075</v>
      </c>
      <c r="P3971" s="236" t="str">
        <f t="shared" si="928"/>
        <v>CLAY</v>
      </c>
      <c r="Q3971" s="236">
        <f t="shared" si="924"/>
        <v>144.25799692651597</v>
      </c>
      <c r="R3971" s="238">
        <v>35</v>
      </c>
      <c r="S3971" s="236">
        <f t="shared" si="929"/>
        <v>2.1029680830674127</v>
      </c>
      <c r="T3971" s="236" t="e">
        <f t="shared" si="915"/>
        <v>#N/A</v>
      </c>
    </row>
    <row r="3972" spans="1:20" x14ac:dyDescent="0.2">
      <c r="A3972" s="53">
        <f t="shared" si="916"/>
        <v>3960</v>
      </c>
      <c r="B3972" s="239">
        <v>39.444000000000003</v>
      </c>
      <c r="C3972" s="3">
        <f t="shared" si="917"/>
        <v>39.437000000000005</v>
      </c>
      <c r="D3972" s="239">
        <v>2.1494</v>
      </c>
      <c r="E3972" s="239">
        <v>4.2200000000000001E-2</v>
      </c>
      <c r="F3972" s="239">
        <v>1.4582999999999999</v>
      </c>
      <c r="G3972">
        <f t="shared" si="918"/>
        <v>2.4410599999999998</v>
      </c>
      <c r="H3972" s="235">
        <f t="shared" si="919"/>
        <v>1.7287571792581915</v>
      </c>
      <c r="I3972" s="236">
        <f t="shared" si="920"/>
        <v>17.981607280834158</v>
      </c>
      <c r="J3972" s="237">
        <f t="shared" si="925"/>
        <v>7.981607280834158</v>
      </c>
      <c r="K3972" s="237">
        <f t="shared" si="921"/>
        <v>709.14064633425676</v>
      </c>
      <c r="L3972" s="237">
        <f t="shared" si="926"/>
        <v>314.82651758522258</v>
      </c>
      <c r="M3972" s="236">
        <f t="shared" si="922"/>
        <v>5.5011863897294413</v>
      </c>
      <c r="N3972" s="236">
        <f t="shared" si="923"/>
        <v>2.436603061838901</v>
      </c>
      <c r="O3972" s="236">
        <f t="shared" si="927"/>
        <v>3.1673594413572124</v>
      </c>
      <c r="P3972" s="236" t="str">
        <f t="shared" si="928"/>
        <v>CLAY</v>
      </c>
      <c r="Q3972" s="236">
        <f t="shared" si="924"/>
        <v>144.32661280547859</v>
      </c>
      <c r="R3972" s="238">
        <v>35</v>
      </c>
      <c r="S3972" s="236">
        <f t="shared" si="929"/>
        <v>2.1062526202023304</v>
      </c>
      <c r="T3972" s="236" t="e">
        <f t="shared" si="915"/>
        <v>#N/A</v>
      </c>
    </row>
    <row r="3973" spans="1:20" x14ac:dyDescent="0.2">
      <c r="A3973" s="53">
        <f t="shared" si="916"/>
        <v>3961</v>
      </c>
      <c r="B3973" s="239">
        <v>39.454000000000001</v>
      </c>
      <c r="C3973" s="3">
        <f t="shared" si="917"/>
        <v>39.447000000000003</v>
      </c>
      <c r="D3973" s="239">
        <v>2.1478000000000002</v>
      </c>
      <c r="E3973" s="239">
        <v>4.2299999999999997E-2</v>
      </c>
      <c r="F3973" s="239">
        <v>1.4755</v>
      </c>
      <c r="G3973">
        <f t="shared" si="918"/>
        <v>2.4428999999999998</v>
      </c>
      <c r="H3973" s="235">
        <f t="shared" si="919"/>
        <v>1.7315485693233452</v>
      </c>
      <c r="I3973" s="236">
        <f t="shared" si="920"/>
        <v>17.984677166856351</v>
      </c>
      <c r="J3973" s="237">
        <f t="shared" si="925"/>
        <v>7.9846771668563505</v>
      </c>
      <c r="K3973" s="237">
        <f t="shared" si="921"/>
        <v>709.44156020098251</v>
      </c>
      <c r="L3973" s="237">
        <f t="shared" si="926"/>
        <v>315.02745294115044</v>
      </c>
      <c r="M3973" s="236">
        <f t="shared" si="922"/>
        <v>5.5025631055806441</v>
      </c>
      <c r="N3973" s="236">
        <f t="shared" si="923"/>
        <v>2.4402084889271647</v>
      </c>
      <c r="O3973" s="236">
        <f t="shared" si="927"/>
        <v>3.1675916074946753</v>
      </c>
      <c r="P3973" s="236" t="str">
        <f t="shared" si="928"/>
        <v>CLAY</v>
      </c>
      <c r="Q3973" s="236">
        <f t="shared" si="924"/>
        <v>144.45486998325143</v>
      </c>
      <c r="R3973" s="238">
        <v>35</v>
      </c>
      <c r="S3973" s="236">
        <f t="shared" si="929"/>
        <v>2.1069115239976335</v>
      </c>
      <c r="T3973" s="236" t="e">
        <f t="shared" si="915"/>
        <v>#N/A</v>
      </c>
    </row>
    <row r="3974" spans="1:20" x14ac:dyDescent="0.2">
      <c r="A3974" s="53">
        <f t="shared" si="916"/>
        <v>3962</v>
      </c>
      <c r="B3974" s="239">
        <v>39.463999999999999</v>
      </c>
      <c r="C3974" s="3">
        <f t="shared" si="917"/>
        <v>39.457000000000001</v>
      </c>
      <c r="D3974" s="239">
        <v>2.1724000000000001</v>
      </c>
      <c r="E3974" s="239">
        <v>4.3200000000000002E-2</v>
      </c>
      <c r="F3974" s="239">
        <v>1.4964</v>
      </c>
      <c r="G3974">
        <f t="shared" si="918"/>
        <v>2.4716800000000001</v>
      </c>
      <c r="H3974" s="235">
        <f t="shared" si="919"/>
        <v>1.7477990678404973</v>
      </c>
      <c r="I3974" s="236">
        <f t="shared" si="920"/>
        <v>18.013942189867286</v>
      </c>
      <c r="J3974" s="237">
        <f t="shared" si="925"/>
        <v>8.0139421898672865</v>
      </c>
      <c r="K3974" s="237">
        <f t="shared" si="921"/>
        <v>710.77611698559349</v>
      </c>
      <c r="L3974" s="237">
        <f t="shared" si="926"/>
        <v>316.2622145809226</v>
      </c>
      <c r="M3974" s="236">
        <f t="shared" si="922"/>
        <v>5.5678604709316009</v>
      </c>
      <c r="N3974" s="236">
        <f t="shared" si="923"/>
        <v>2.4532855209591564</v>
      </c>
      <c r="O3974" s="236">
        <f t="shared" si="927"/>
        <v>3.1643582182868357</v>
      </c>
      <c r="P3974" s="236" t="str">
        <f t="shared" si="928"/>
        <v>CLAY</v>
      </c>
      <c r="Q3974" s="236">
        <f t="shared" si="924"/>
        <v>146.74199025120058</v>
      </c>
      <c r="R3974" s="238">
        <v>35</v>
      </c>
      <c r="S3974" s="236">
        <f t="shared" si="929"/>
        <v>2.1382104019526453</v>
      </c>
      <c r="T3974" s="236" t="e">
        <f t="shared" si="915"/>
        <v>#N/A</v>
      </c>
    </row>
    <row r="3975" spans="1:20" x14ac:dyDescent="0.2">
      <c r="A3975" s="53">
        <f t="shared" si="916"/>
        <v>3963</v>
      </c>
      <c r="B3975" s="239">
        <v>39.475000000000001</v>
      </c>
      <c r="C3975" s="3">
        <f t="shared" si="917"/>
        <v>39.468000000000004</v>
      </c>
      <c r="D3975" s="239">
        <v>2.2054</v>
      </c>
      <c r="E3975" s="239">
        <v>4.3499999999999997E-2</v>
      </c>
      <c r="F3975" s="239">
        <v>1.5208999999999999</v>
      </c>
      <c r="G3975">
        <f t="shared" si="918"/>
        <v>2.5095799999999997</v>
      </c>
      <c r="H3975" s="235">
        <f t="shared" si="919"/>
        <v>1.7333577730138112</v>
      </c>
      <c r="I3975" s="236">
        <f t="shared" si="920"/>
        <v>18.028004988309487</v>
      </c>
      <c r="J3975" s="237">
        <f t="shared" si="925"/>
        <v>8.0280049883094868</v>
      </c>
      <c r="K3975" s="237">
        <f t="shared" si="921"/>
        <v>711.52930087859886</v>
      </c>
      <c r="L3975" s="237">
        <f t="shared" si="926"/>
        <v>316.90549691351703</v>
      </c>
      <c r="M3975" s="236">
        <f t="shared" si="922"/>
        <v>5.6737756732950775</v>
      </c>
      <c r="N3975" s="236">
        <f t="shared" si="923"/>
        <v>2.4192866208531174</v>
      </c>
      <c r="O3975" s="236">
        <f t="shared" si="927"/>
        <v>3.154229457501899</v>
      </c>
      <c r="P3975" s="236" t="str">
        <f t="shared" si="928"/>
        <v>CLAY</v>
      </c>
      <c r="Q3975" s="236">
        <f t="shared" si="924"/>
        <v>149.83755826011677</v>
      </c>
      <c r="R3975" s="238">
        <v>35</v>
      </c>
      <c r="S3975" s="236">
        <f t="shared" si="929"/>
        <v>2.1891736382983646</v>
      </c>
      <c r="T3975" s="236" t="e">
        <f t="shared" si="915"/>
        <v>#N/A</v>
      </c>
    </row>
    <row r="3976" spans="1:20" x14ac:dyDescent="0.2">
      <c r="A3976" s="53">
        <f t="shared" si="916"/>
        <v>3964</v>
      </c>
      <c r="B3976" s="239">
        <v>39.484000000000002</v>
      </c>
      <c r="C3976" s="3">
        <f t="shared" si="917"/>
        <v>39.477000000000004</v>
      </c>
      <c r="D3976" s="239">
        <v>2.2747999999999999</v>
      </c>
      <c r="E3976" s="239">
        <v>4.3499999999999997E-2</v>
      </c>
      <c r="F3976" s="239">
        <v>1.5407999999999999</v>
      </c>
      <c r="G3976">
        <f t="shared" si="918"/>
        <v>2.5829599999999999</v>
      </c>
      <c r="H3976" s="235">
        <f t="shared" si="919"/>
        <v>1.6841143494285626</v>
      </c>
      <c r="I3976" s="236">
        <f t="shared" si="920"/>
        <v>18.03926996078436</v>
      </c>
      <c r="J3976" s="237">
        <f t="shared" si="925"/>
        <v>8.0392699607843596</v>
      </c>
      <c r="K3976" s="237">
        <f t="shared" si="921"/>
        <v>712.1362602418842</v>
      </c>
      <c r="L3976" s="237">
        <f t="shared" si="926"/>
        <v>317.42253513160966</v>
      </c>
      <c r="M3976" s="236">
        <f t="shared" si="922"/>
        <v>5.8937962264791164</v>
      </c>
      <c r="N3976" s="236">
        <f t="shared" si="923"/>
        <v>2.3251789613073992</v>
      </c>
      <c r="O3976" s="236">
        <f t="shared" si="927"/>
        <v>3.1312474172951359</v>
      </c>
      <c r="P3976" s="236" t="str">
        <f t="shared" si="928"/>
        <v>CLAY</v>
      </c>
      <c r="Q3976" s="236">
        <f t="shared" si="924"/>
        <v>155.90197831317633</v>
      </c>
      <c r="R3976" s="238">
        <v>35</v>
      </c>
      <c r="S3976" s="236">
        <f t="shared" si="929"/>
        <v>2.2957992207441951</v>
      </c>
      <c r="T3976" s="236" t="e">
        <f t="shared" si="915"/>
        <v>#N/A</v>
      </c>
    </row>
    <row r="3977" spans="1:20" x14ac:dyDescent="0.2">
      <c r="A3977" s="53">
        <f t="shared" si="916"/>
        <v>3965</v>
      </c>
      <c r="B3977" s="239">
        <v>39.494</v>
      </c>
      <c r="C3977" s="3">
        <f t="shared" si="917"/>
        <v>39.487000000000002</v>
      </c>
      <c r="D3977" s="239">
        <v>2.4253</v>
      </c>
      <c r="E3977" s="239">
        <v>4.3099999999999999E-2</v>
      </c>
      <c r="F3977" s="239">
        <v>1.5603</v>
      </c>
      <c r="G3977">
        <f t="shared" si="918"/>
        <v>2.7373599999999998</v>
      </c>
      <c r="H3977" s="235">
        <f t="shared" si="919"/>
        <v>1.5745097466171789</v>
      </c>
      <c r="I3977" s="236">
        <f t="shared" si="920"/>
        <v>18.05113040892401</v>
      </c>
      <c r="J3977" s="237">
        <f t="shared" si="925"/>
        <v>8.0511304089240099</v>
      </c>
      <c r="K3977" s="237">
        <f t="shared" si="921"/>
        <v>712.78498645718241</v>
      </c>
      <c r="L3977" s="237">
        <f t="shared" si="926"/>
        <v>317.97134437004485</v>
      </c>
      <c r="M3977" s="236">
        <f t="shared" si="922"/>
        <v>6.3671618508700636</v>
      </c>
      <c r="N3977" s="236">
        <f t="shared" si="923"/>
        <v>2.1288418414578287</v>
      </c>
      <c r="O3977" s="236">
        <f t="shared" si="927"/>
        <v>3.082951913142975</v>
      </c>
      <c r="P3977" s="236" t="str">
        <f t="shared" si="928"/>
        <v>CLAY</v>
      </c>
      <c r="Q3977" s="236">
        <f t="shared" si="924"/>
        <v>168.71458446190144</v>
      </c>
      <c r="R3977" s="238">
        <v>35</v>
      </c>
      <c r="S3977" s="236">
        <f t="shared" si="929"/>
        <v>2.5285548022196975</v>
      </c>
      <c r="T3977" s="236" t="e">
        <f t="shared" si="915"/>
        <v>#N/A</v>
      </c>
    </row>
    <row r="3978" spans="1:20" x14ac:dyDescent="0.2">
      <c r="A3978" s="53">
        <f t="shared" si="916"/>
        <v>3966</v>
      </c>
      <c r="B3978" s="239">
        <v>39.503999999999998</v>
      </c>
      <c r="C3978" s="3">
        <f t="shared" si="917"/>
        <v>39.497</v>
      </c>
      <c r="D3978" s="239">
        <v>2.5434999999999999</v>
      </c>
      <c r="E3978" s="239">
        <v>4.2799999999999998E-2</v>
      </c>
      <c r="F3978" s="239">
        <v>1.5798000000000001</v>
      </c>
      <c r="G3978">
        <f t="shared" si="918"/>
        <v>2.8594599999999999</v>
      </c>
      <c r="H3978" s="235">
        <f t="shared" si="919"/>
        <v>1.4967861064676549</v>
      </c>
      <c r="I3978" s="236">
        <f t="shared" si="920"/>
        <v>18.05999685387453</v>
      </c>
      <c r="J3978" s="237">
        <f t="shared" si="925"/>
        <v>8.0599968538745301</v>
      </c>
      <c r="K3978" s="237">
        <f t="shared" si="921"/>
        <v>713.31569573748232</v>
      </c>
      <c r="L3978" s="237">
        <f t="shared" si="926"/>
        <v>318.40211571545944</v>
      </c>
      <c r="M3978" s="236">
        <f t="shared" si="922"/>
        <v>6.7403581770807799</v>
      </c>
      <c r="N3978" s="236">
        <f t="shared" si="923"/>
        <v>1.9942740996024222</v>
      </c>
      <c r="O3978" s="236">
        <f t="shared" si="927"/>
        <v>3.0473433696542869</v>
      </c>
      <c r="P3978" s="236" t="str">
        <f t="shared" si="928"/>
        <v>CLAY</v>
      </c>
      <c r="Q3978" s="236">
        <f t="shared" si="924"/>
        <v>178.84535868854314</v>
      </c>
      <c r="R3978" s="238">
        <v>35</v>
      </c>
      <c r="S3978" s="236">
        <f t="shared" si="929"/>
        <v>2.7151493763084127</v>
      </c>
      <c r="T3978" s="236" t="e">
        <f t="shared" si="915"/>
        <v>#N/A</v>
      </c>
    </row>
    <row r="3979" spans="1:20" x14ac:dyDescent="0.2">
      <c r="A3979" s="53">
        <f t="shared" si="916"/>
        <v>3967</v>
      </c>
      <c r="B3979" s="239">
        <v>39.514000000000003</v>
      </c>
      <c r="C3979" s="3">
        <f t="shared" si="917"/>
        <v>39.507000000000005</v>
      </c>
      <c r="D3979" s="239">
        <v>2.6419000000000001</v>
      </c>
      <c r="E3979" s="239">
        <v>4.2200000000000001E-2</v>
      </c>
      <c r="F3979" s="239">
        <v>1.5379</v>
      </c>
      <c r="G3979">
        <f t="shared" si="918"/>
        <v>2.9494800000000003</v>
      </c>
      <c r="H3979" s="235">
        <f t="shared" si="919"/>
        <v>1.430760676458223</v>
      </c>
      <c r="I3979" s="236">
        <f t="shared" si="920"/>
        <v>18.055557582043022</v>
      </c>
      <c r="J3979" s="237">
        <f t="shared" si="925"/>
        <v>8.0555575820430221</v>
      </c>
      <c r="K3979" s="237">
        <f t="shared" si="921"/>
        <v>713.32091339377371</v>
      </c>
      <c r="L3979" s="237">
        <f t="shared" si="926"/>
        <v>318.30730229684798</v>
      </c>
      <c r="M3979" s="236">
        <f t="shared" si="922"/>
        <v>7.0251579856023003</v>
      </c>
      <c r="N3979" s="236">
        <f t="shared" si="923"/>
        <v>1.8871644800570107</v>
      </c>
      <c r="O3979" s="236">
        <f t="shared" si="927"/>
        <v>3.0198311312820301</v>
      </c>
      <c r="P3979" s="236" t="str">
        <f t="shared" si="928"/>
        <v>CLAY</v>
      </c>
      <c r="Q3979" s="236">
        <f t="shared" si="924"/>
        <v>186.34659055051893</v>
      </c>
      <c r="R3979" s="238">
        <v>35</v>
      </c>
      <c r="S3979" s="236">
        <f t="shared" si="929"/>
        <v>2.8593026570811313</v>
      </c>
      <c r="T3979" s="236" t="e">
        <f t="shared" si="915"/>
        <v>#N/A</v>
      </c>
    </row>
    <row r="3980" spans="1:20" x14ac:dyDescent="0.2">
      <c r="A3980" s="53">
        <f t="shared" si="916"/>
        <v>3968</v>
      </c>
      <c r="B3980" s="239">
        <v>39.524000000000001</v>
      </c>
      <c r="C3980" s="3">
        <f t="shared" si="917"/>
        <v>39.517000000000003</v>
      </c>
      <c r="D3980" s="239">
        <v>2.8849</v>
      </c>
      <c r="E3980" s="239">
        <v>4.1700000000000001E-2</v>
      </c>
      <c r="F3980" s="239">
        <v>1.5207999999999999</v>
      </c>
      <c r="G3980">
        <f t="shared" si="918"/>
        <v>3.18906</v>
      </c>
      <c r="H3980" s="235">
        <f t="shared" si="919"/>
        <v>1.3075953415740063</v>
      </c>
      <c r="I3980" s="236">
        <f t="shared" si="920"/>
        <v>18.072106824059869</v>
      </c>
      <c r="J3980" s="237">
        <f t="shared" si="925"/>
        <v>8.072106824059869</v>
      </c>
      <c r="K3980" s="237">
        <f t="shared" si="921"/>
        <v>714.1554453663739</v>
      </c>
      <c r="L3980" s="237">
        <f t="shared" si="926"/>
        <v>319.04195011414225</v>
      </c>
      <c r="M3980" s="236">
        <f t="shared" si="922"/>
        <v>7.7573013634984056</v>
      </c>
      <c r="N3980" s="236">
        <f t="shared" si="923"/>
        <v>1.6849134614879353</v>
      </c>
      <c r="O3980" s="236">
        <f t="shared" si="927"/>
        <v>2.9581209934889157</v>
      </c>
      <c r="P3980" s="236" t="str">
        <f t="shared" si="928"/>
        <v>CLAY</v>
      </c>
      <c r="Q3980" s="236">
        <f t="shared" si="924"/>
        <v>206.24204621946885</v>
      </c>
      <c r="R3980" s="238">
        <v>35</v>
      </c>
      <c r="S3980" s="236">
        <f t="shared" si="929"/>
        <v>3.2365203219555512</v>
      </c>
      <c r="T3980" s="236" t="e">
        <f t="shared" si="915"/>
        <v>#N/A</v>
      </c>
    </row>
    <row r="3981" spans="1:20" x14ac:dyDescent="0.2">
      <c r="A3981" s="53">
        <f t="shared" si="916"/>
        <v>3969</v>
      </c>
      <c r="B3981" s="239">
        <v>39.533999999999999</v>
      </c>
      <c r="C3981" s="3">
        <f t="shared" si="917"/>
        <v>39.527000000000001</v>
      </c>
      <c r="D3981" s="239">
        <v>3.2605</v>
      </c>
      <c r="E3981" s="239">
        <v>4.1300000000000003E-2</v>
      </c>
      <c r="F3981" s="239">
        <v>1.5276000000000001</v>
      </c>
      <c r="G3981">
        <f t="shared" si="918"/>
        <v>3.56602</v>
      </c>
      <c r="H3981" s="235">
        <f t="shared" si="919"/>
        <v>1.1581539082786974</v>
      </c>
      <c r="I3981" s="236">
        <f t="shared" si="920"/>
        <v>18.104473590980319</v>
      </c>
      <c r="J3981" s="237">
        <f t="shared" si="925"/>
        <v>8.1044735909803194</v>
      </c>
      <c r="K3981" s="237">
        <f t="shared" si="921"/>
        <v>715.61552763067914</v>
      </c>
      <c r="L3981" s="237">
        <f t="shared" si="926"/>
        <v>320.40225894581596</v>
      </c>
      <c r="M3981" s="236">
        <f t="shared" si="922"/>
        <v>8.8963307616734379</v>
      </c>
      <c r="N3981" s="236">
        <f t="shared" si="923"/>
        <v>1.4489171765040947</v>
      </c>
      <c r="O3981" s="236">
        <f t="shared" si="927"/>
        <v>2.8743101599840459</v>
      </c>
      <c r="P3981" s="236" t="str">
        <f t="shared" si="928"/>
        <v>CLAY</v>
      </c>
      <c r="Q3981" s="236">
        <f t="shared" si="924"/>
        <v>237.53370603077676</v>
      </c>
      <c r="R3981" s="238">
        <v>35</v>
      </c>
      <c r="S3981" s="236">
        <f t="shared" si="929"/>
        <v>3.84108272342085</v>
      </c>
      <c r="T3981" s="236" t="e">
        <f t="shared" ref="T3981:T4044" si="930">IF(P3981="SAND",17.6+(11*LOG(M3981)),#N/A)</f>
        <v>#N/A</v>
      </c>
    </row>
    <row r="3982" spans="1:20" x14ac:dyDescent="0.2">
      <c r="A3982" s="53">
        <f t="shared" ref="A3982:A4045" si="931">$A3981+1</f>
        <v>3970</v>
      </c>
      <c r="B3982" s="239">
        <v>39.543999999999997</v>
      </c>
      <c r="C3982" s="3">
        <f t="shared" ref="C3982:C4045" si="932">MAX($B3982 - $B$13, 0.001)</f>
        <v>39.536999999999999</v>
      </c>
      <c r="D3982" s="239">
        <v>3.5716000000000001</v>
      </c>
      <c r="E3982" s="239">
        <v>4.1300000000000003E-2</v>
      </c>
      <c r="F3982" s="239">
        <v>1.5124</v>
      </c>
      <c r="G3982">
        <f t="shared" si="918"/>
        <v>3.8740800000000002</v>
      </c>
      <c r="H3982" s="235">
        <f t="shared" si="919"/>
        <v>1.0660595547846199</v>
      </c>
      <c r="I3982" s="236">
        <f t="shared" si="920"/>
        <v>18.136859920070858</v>
      </c>
      <c r="J3982" s="237">
        <f t="shared" si="925"/>
        <v>8.136859920070858</v>
      </c>
      <c r="K3982" s="237">
        <f t="shared" si="921"/>
        <v>717.07703065984151</v>
      </c>
      <c r="L3982" s="237">
        <f t="shared" si="926"/>
        <v>321.76398867928197</v>
      </c>
      <c r="M3982" s="236">
        <f t="shared" si="922"/>
        <v>9.8115484653781415</v>
      </c>
      <c r="N3982" s="236">
        <f t="shared" si="923"/>
        <v>1.308202760690848</v>
      </c>
      <c r="O3982" s="236">
        <f t="shared" si="927"/>
        <v>2.8157565543679857</v>
      </c>
      <c r="P3982" s="236" t="str">
        <f t="shared" si="928"/>
        <v>CLAY</v>
      </c>
      <c r="Q3982" s="236">
        <f t="shared" si="924"/>
        <v>263.08358077834657</v>
      </c>
      <c r="R3982" s="238">
        <v>35</v>
      </c>
      <c r="S3982" s="236">
        <f t="shared" si="929"/>
        <v>4.3412215527959548</v>
      </c>
      <c r="T3982" s="236" t="e">
        <f t="shared" si="930"/>
        <v>#N/A</v>
      </c>
    </row>
    <row r="3983" spans="1:20" x14ac:dyDescent="0.2">
      <c r="A3983" s="53">
        <f t="shared" si="931"/>
        <v>3971</v>
      </c>
      <c r="B3983" s="239">
        <v>39.552999999999997</v>
      </c>
      <c r="C3983" s="3">
        <f t="shared" si="932"/>
        <v>39.545999999999999</v>
      </c>
      <c r="D3983" s="239">
        <v>3.9518</v>
      </c>
      <c r="E3983" s="239">
        <v>3.9100000000000003E-2</v>
      </c>
      <c r="F3983" s="239">
        <v>1.2988999999999999</v>
      </c>
      <c r="G3983">
        <f t="shared" ref="G3983:G4046" si="933">$D3983+($F3983*(1-$P$8))</f>
        <v>4.2115799999999997</v>
      </c>
      <c r="H3983" s="235">
        <f t="shared" ref="H3983:H4046" si="934">($E3983/$G3983)*100</f>
        <v>0.92839266973439916</v>
      </c>
      <c r="I3983" s="236">
        <f t="shared" ref="I3983:I4046" si="935">((0.27*(LOG($H3983)))+(0.36*(LOG(($G3983*1000)/101)))+1.236)*10</f>
        <v>18.105320848524286</v>
      </c>
      <c r="J3983" s="237">
        <f t="shared" si="925"/>
        <v>8.1053208485242862</v>
      </c>
      <c r="K3983" s="237">
        <f t="shared" ref="K3983:K4046" si="936">$I3983*$C3983</f>
        <v>715.99301827574141</v>
      </c>
      <c r="L3983" s="237">
        <f t="shared" si="926"/>
        <v>320.58975552168107</v>
      </c>
      <c r="M3983" s="236">
        <f t="shared" ref="M3983:M4046" si="937">(($G3983*1000)-$K3983)/$L3983</f>
        <v>10.903614109677489</v>
      </c>
      <c r="N3983" s="236">
        <f t="shared" ref="N3983:N4046" si="938">(($E3983*1000)/(($G3983*1000)-$K3983))*100</f>
        <v>1.1185531987738795</v>
      </c>
      <c r="O3983" s="236">
        <f t="shared" si="927"/>
        <v>2.7433926231350543</v>
      </c>
      <c r="P3983" s="236" t="str">
        <f t="shared" si="928"/>
        <v>CLAY</v>
      </c>
      <c r="Q3983" s="236">
        <f t="shared" ref="Q3983:Q4046" si="939">IF(P3983="CLAY",($G3983*1000 -$K3983)/$L$8,#N/A)</f>
        <v>291.29891514368819</v>
      </c>
      <c r="R3983" s="238">
        <v>35</v>
      </c>
      <c r="S3983" s="236">
        <f t="shared" si="929"/>
        <v>4.9533965790121055</v>
      </c>
      <c r="T3983" s="236" t="e">
        <f t="shared" si="930"/>
        <v>#N/A</v>
      </c>
    </row>
    <row r="3984" spans="1:20" x14ac:dyDescent="0.2">
      <c r="A3984" s="53">
        <f t="shared" si="931"/>
        <v>3972</v>
      </c>
      <c r="B3984" s="239">
        <v>39.564</v>
      </c>
      <c r="C3984" s="3">
        <f t="shared" si="932"/>
        <v>39.557000000000002</v>
      </c>
      <c r="D3984" s="239">
        <v>3.6998000000000002</v>
      </c>
      <c r="E3984" s="239">
        <v>3.7600000000000001E-2</v>
      </c>
      <c r="F3984" s="239">
        <v>1.1605000000000001</v>
      </c>
      <c r="G3984">
        <f t="shared" si="933"/>
        <v>3.9319000000000002</v>
      </c>
      <c r="H3984" s="235">
        <f t="shared" si="934"/>
        <v>0.95628067855235388</v>
      </c>
      <c r="I3984" s="236">
        <f t="shared" si="935"/>
        <v>18.032592453188528</v>
      </c>
      <c r="J3984" s="237">
        <f t="shared" ref="J3984:J4047" si="940">$I3984-10</f>
        <v>8.0325924531885278</v>
      </c>
      <c r="K3984" s="237">
        <f t="shared" si="936"/>
        <v>713.31525967077869</v>
      </c>
      <c r="L3984" s="237">
        <f t="shared" ref="L3984:L4047" si="941">$J3984*$B3984</f>
        <v>317.80148781795089</v>
      </c>
      <c r="M3984" s="236">
        <f t="shared" si="937"/>
        <v>10.127657873562104</v>
      </c>
      <c r="N3984" s="236">
        <f t="shared" si="938"/>
        <v>1.1682153192633973</v>
      </c>
      <c r="O3984" s="236">
        <f t="shared" ref="O3984:O4047" si="942">((3.47-LOG($M3984))^2+(LOG($N3984)+1.22)^2)^0.5</f>
        <v>2.7805450889592676</v>
      </c>
      <c r="P3984" s="236" t="str">
        <f t="shared" ref="P3984:P4047" si="943">IF(O3984&lt;2.6,"SAND","CLAY")</f>
        <v>CLAY</v>
      </c>
      <c r="Q3984" s="236">
        <f t="shared" si="939"/>
        <v>268.21539502743514</v>
      </c>
      <c r="R3984" s="238">
        <v>35</v>
      </c>
      <c r="S3984" s="236">
        <f t="shared" ref="S3984:S4047" si="944">IF(P3984="SAND",#N/A,0.25*($M3984)^1.25)</f>
        <v>4.5167524206473253</v>
      </c>
      <c r="T3984" s="236" t="e">
        <f t="shared" si="930"/>
        <v>#N/A</v>
      </c>
    </row>
    <row r="3985" spans="1:20" x14ac:dyDescent="0.2">
      <c r="A3985" s="53">
        <f t="shared" si="931"/>
        <v>3973</v>
      </c>
      <c r="B3985" s="239">
        <v>39.573</v>
      </c>
      <c r="C3985" s="3">
        <f t="shared" si="932"/>
        <v>39.566000000000003</v>
      </c>
      <c r="D3985" s="239">
        <v>3.6833999999999998</v>
      </c>
      <c r="E3985" s="239">
        <v>3.78E-2</v>
      </c>
      <c r="F3985" s="239">
        <v>1.0137</v>
      </c>
      <c r="G3985">
        <f t="shared" si="933"/>
        <v>3.8861399999999997</v>
      </c>
      <c r="H3985" s="235">
        <f t="shared" si="934"/>
        <v>0.97268755114329386</v>
      </c>
      <c r="I3985" s="236">
        <f t="shared" si="935"/>
        <v>18.034237511928563</v>
      </c>
      <c r="J3985" s="237">
        <f t="shared" si="940"/>
        <v>8.0342375119285627</v>
      </c>
      <c r="K3985" s="237">
        <f t="shared" si="936"/>
        <v>713.54264139696556</v>
      </c>
      <c r="L3985" s="237">
        <f t="shared" si="941"/>
        <v>317.93888105954903</v>
      </c>
      <c r="M3985" s="236">
        <f t="shared" si="937"/>
        <v>9.9786391272126789</v>
      </c>
      <c r="N3985" s="236">
        <f t="shared" si="938"/>
        <v>1.1914527980520095</v>
      </c>
      <c r="O3985" s="236">
        <f t="shared" si="942"/>
        <v>2.7902157150147353</v>
      </c>
      <c r="P3985" s="236" t="str">
        <f t="shared" si="943"/>
        <v>CLAY</v>
      </c>
      <c r="Q3985" s="236">
        <f t="shared" si="939"/>
        <v>264.38311321691953</v>
      </c>
      <c r="R3985" s="238">
        <v>35</v>
      </c>
      <c r="S3985" s="236">
        <f t="shared" si="944"/>
        <v>4.4338311962638546</v>
      </c>
      <c r="T3985" s="236" t="e">
        <f t="shared" si="930"/>
        <v>#N/A</v>
      </c>
    </row>
    <row r="3986" spans="1:20" x14ac:dyDescent="0.2">
      <c r="A3986" s="53">
        <f t="shared" si="931"/>
        <v>3974</v>
      </c>
      <c r="B3986" s="239">
        <v>39.584000000000003</v>
      </c>
      <c r="C3986" s="3">
        <f t="shared" si="932"/>
        <v>39.577000000000005</v>
      </c>
      <c r="D3986" s="239">
        <v>3.6120999999999999</v>
      </c>
      <c r="E3986" s="239">
        <v>4.0399999999999998E-2</v>
      </c>
      <c r="F3986" s="239">
        <v>0.98109999999999997</v>
      </c>
      <c r="G3986">
        <f t="shared" si="933"/>
        <v>3.8083199999999997</v>
      </c>
      <c r="H3986" s="235">
        <f t="shared" si="934"/>
        <v>1.0608352239307621</v>
      </c>
      <c r="I3986" s="236">
        <f t="shared" si="935"/>
        <v>18.104332830343466</v>
      </c>
      <c r="J3986" s="237">
        <f t="shared" si="940"/>
        <v>8.1043328303434663</v>
      </c>
      <c r="K3986" s="237">
        <f t="shared" si="936"/>
        <v>716.51518042650343</v>
      </c>
      <c r="L3986" s="237">
        <f t="shared" si="941"/>
        <v>320.80191075631581</v>
      </c>
      <c r="M3986" s="236">
        <f t="shared" si="937"/>
        <v>9.6377381677195206</v>
      </c>
      <c r="N3986" s="236">
        <f t="shared" si="938"/>
        <v>1.3066801547185969</v>
      </c>
      <c r="O3986" s="236">
        <f t="shared" si="942"/>
        <v>2.8223515146680787</v>
      </c>
      <c r="P3986" s="236" t="str">
        <f t="shared" si="943"/>
        <v>CLAY</v>
      </c>
      <c r="Q3986" s="236">
        <f t="shared" si="939"/>
        <v>257.65040163112468</v>
      </c>
      <c r="R3986" s="238">
        <v>35</v>
      </c>
      <c r="S3986" s="236">
        <f t="shared" si="944"/>
        <v>4.2453051547344076</v>
      </c>
      <c r="T3986" s="236" t="e">
        <f t="shared" si="930"/>
        <v>#N/A</v>
      </c>
    </row>
    <row r="3987" spans="1:20" x14ac:dyDescent="0.2">
      <c r="A3987" s="53">
        <f t="shared" si="931"/>
        <v>3975</v>
      </c>
      <c r="B3987" s="239">
        <v>39.593000000000004</v>
      </c>
      <c r="C3987" s="3">
        <f t="shared" si="932"/>
        <v>39.586000000000006</v>
      </c>
      <c r="D3987" s="239">
        <v>3.4636999999999998</v>
      </c>
      <c r="E3987" s="239">
        <v>4.5499999999999999E-2</v>
      </c>
      <c r="F3987" s="239">
        <v>1.0173000000000001</v>
      </c>
      <c r="G3987">
        <f t="shared" si="933"/>
        <v>3.66716</v>
      </c>
      <c r="H3987" s="235">
        <f t="shared" si="934"/>
        <v>1.2407421546919142</v>
      </c>
      <c r="I3987" s="236">
        <f t="shared" si="935"/>
        <v>18.228970698327526</v>
      </c>
      <c r="J3987" s="237">
        <f t="shared" si="940"/>
        <v>8.2289706983275259</v>
      </c>
      <c r="K3987" s="237">
        <f t="shared" si="936"/>
        <v>721.61203406399352</v>
      </c>
      <c r="L3987" s="237">
        <f t="shared" si="941"/>
        <v>325.80963685888179</v>
      </c>
      <c r="M3987" s="236">
        <f t="shared" si="937"/>
        <v>9.0407024001313196</v>
      </c>
      <c r="N3987" s="236">
        <f t="shared" si="938"/>
        <v>1.5447040933024316</v>
      </c>
      <c r="O3987" s="236">
        <f t="shared" si="942"/>
        <v>2.8816704503874648</v>
      </c>
      <c r="P3987" s="236" t="str">
        <f t="shared" si="943"/>
        <v>CLAY</v>
      </c>
      <c r="Q3987" s="236">
        <f t="shared" si="939"/>
        <v>245.46233049466719</v>
      </c>
      <c r="R3987" s="238">
        <v>35</v>
      </c>
      <c r="S3987" s="236">
        <f t="shared" si="944"/>
        <v>3.9191575775621983</v>
      </c>
      <c r="T3987" s="236" t="e">
        <f t="shared" si="930"/>
        <v>#N/A</v>
      </c>
    </row>
    <row r="3988" spans="1:20" x14ac:dyDescent="0.2">
      <c r="A3988" s="53">
        <f t="shared" si="931"/>
        <v>3976</v>
      </c>
      <c r="B3988" s="239">
        <v>39.603000000000002</v>
      </c>
      <c r="C3988" s="3">
        <f t="shared" si="932"/>
        <v>39.596000000000004</v>
      </c>
      <c r="D3988" s="239">
        <v>3.3401000000000001</v>
      </c>
      <c r="E3988" s="239">
        <v>5.5899999999999998E-2</v>
      </c>
      <c r="F3988" s="239">
        <v>1.1060000000000001</v>
      </c>
      <c r="G3988">
        <f t="shared" si="933"/>
        <v>3.5613000000000001</v>
      </c>
      <c r="H3988" s="235">
        <f t="shared" si="934"/>
        <v>1.5696515317440258</v>
      </c>
      <c r="I3988" s="236">
        <f t="shared" si="935"/>
        <v>18.458902639410645</v>
      </c>
      <c r="J3988" s="237">
        <f t="shared" si="940"/>
        <v>8.4589026394106455</v>
      </c>
      <c r="K3988" s="237">
        <f t="shared" si="936"/>
        <v>730.89870891010401</v>
      </c>
      <c r="L3988" s="237">
        <f t="shared" si="941"/>
        <v>334.9979212285798</v>
      </c>
      <c r="M3988" s="236">
        <f t="shared" si="937"/>
        <v>8.4490115064284925</v>
      </c>
      <c r="N3988" s="236">
        <f t="shared" si="938"/>
        <v>1.9749849668304353</v>
      </c>
      <c r="O3988" s="236">
        <f t="shared" si="942"/>
        <v>2.9605353969619639</v>
      </c>
      <c r="P3988" s="236" t="str">
        <f t="shared" si="943"/>
        <v>CLAY</v>
      </c>
      <c r="Q3988" s="236">
        <f t="shared" si="939"/>
        <v>235.86677425749136</v>
      </c>
      <c r="R3988" s="238">
        <v>35</v>
      </c>
      <c r="S3988" s="236">
        <f t="shared" si="944"/>
        <v>3.6012011953321195</v>
      </c>
      <c r="T3988" s="236" t="e">
        <f t="shared" si="930"/>
        <v>#N/A</v>
      </c>
    </row>
    <row r="3989" spans="1:20" x14ac:dyDescent="0.2">
      <c r="A3989" s="53">
        <f t="shared" si="931"/>
        <v>3977</v>
      </c>
      <c r="B3989" s="239">
        <v>39.612000000000002</v>
      </c>
      <c r="C3989" s="3">
        <f t="shared" si="932"/>
        <v>39.605000000000004</v>
      </c>
      <c r="D3989" s="239">
        <v>3.2530999999999999</v>
      </c>
      <c r="E3989" s="239">
        <v>6.5299999999999997E-2</v>
      </c>
      <c r="F3989" s="239">
        <v>1.2223999999999999</v>
      </c>
      <c r="G3989">
        <f t="shared" si="933"/>
        <v>3.4975799999999997</v>
      </c>
      <c r="H3989" s="235">
        <f t="shared" si="934"/>
        <v>1.867005186443198</v>
      </c>
      <c r="I3989" s="236">
        <f t="shared" si="935"/>
        <v>18.634099535014361</v>
      </c>
      <c r="J3989" s="237">
        <f t="shared" si="940"/>
        <v>8.6340995350143608</v>
      </c>
      <c r="K3989" s="237">
        <f t="shared" si="936"/>
        <v>738.00351208424388</v>
      </c>
      <c r="L3989" s="237">
        <f t="shared" si="941"/>
        <v>342.01395078098886</v>
      </c>
      <c r="M3989" s="236">
        <f t="shared" si="937"/>
        <v>8.0686079664711414</v>
      </c>
      <c r="N3989" s="236">
        <f t="shared" si="938"/>
        <v>2.3663051300063649</v>
      </c>
      <c r="O3989" s="236">
        <f t="shared" si="942"/>
        <v>3.018453723763376</v>
      </c>
      <c r="P3989" s="236" t="str">
        <f t="shared" si="943"/>
        <v>CLAY</v>
      </c>
      <c r="Q3989" s="236">
        <f t="shared" si="939"/>
        <v>229.96470732631295</v>
      </c>
      <c r="R3989" s="238">
        <v>35</v>
      </c>
      <c r="S3989" s="236">
        <f t="shared" si="944"/>
        <v>3.3996818528658475</v>
      </c>
      <c r="T3989" s="236" t="e">
        <f t="shared" si="930"/>
        <v>#N/A</v>
      </c>
    </row>
    <row r="3990" spans="1:20" x14ac:dyDescent="0.2">
      <c r="A3990" s="53">
        <f t="shared" si="931"/>
        <v>3978</v>
      </c>
      <c r="B3990" s="239">
        <v>39.622999999999998</v>
      </c>
      <c r="C3990" s="3">
        <f t="shared" si="932"/>
        <v>39.616</v>
      </c>
      <c r="D3990" s="239">
        <v>3.3197000000000001</v>
      </c>
      <c r="E3990" s="239">
        <v>7.0400000000000004E-2</v>
      </c>
      <c r="F3990" s="239">
        <v>1.2909999999999999</v>
      </c>
      <c r="G3990">
        <f t="shared" si="933"/>
        <v>3.5779000000000001</v>
      </c>
      <c r="H3990" s="235">
        <f t="shared" si="934"/>
        <v>1.9676346460214094</v>
      </c>
      <c r="I3990" s="236">
        <f t="shared" si="935"/>
        <v>18.731154612401188</v>
      </c>
      <c r="J3990" s="237">
        <f t="shared" si="940"/>
        <v>8.7311546124011876</v>
      </c>
      <c r="K3990" s="237">
        <f t="shared" si="936"/>
        <v>742.0534211248854</v>
      </c>
      <c r="L3990" s="237">
        <f t="shared" si="941"/>
        <v>345.95453920717222</v>
      </c>
      <c r="M3990" s="236">
        <f t="shared" si="937"/>
        <v>8.1971654003270338</v>
      </c>
      <c r="N3990" s="236">
        <f t="shared" si="938"/>
        <v>2.4825038323450248</v>
      </c>
      <c r="O3990" s="236">
        <f t="shared" si="942"/>
        <v>3.0236938942100906</v>
      </c>
      <c r="P3990" s="236" t="str">
        <f t="shared" si="943"/>
        <v>CLAY</v>
      </c>
      <c r="Q3990" s="236">
        <f t="shared" si="939"/>
        <v>236.32054823959288</v>
      </c>
      <c r="R3990" s="238">
        <v>35</v>
      </c>
      <c r="S3990" s="236">
        <f t="shared" si="944"/>
        <v>3.4675252441843774</v>
      </c>
      <c r="T3990" s="236" t="e">
        <f t="shared" si="930"/>
        <v>#N/A</v>
      </c>
    </row>
    <row r="3991" spans="1:20" x14ac:dyDescent="0.2">
      <c r="A3991" s="53">
        <f t="shared" si="931"/>
        <v>3979</v>
      </c>
      <c r="B3991" s="239">
        <v>39.633000000000003</v>
      </c>
      <c r="C3991" s="3">
        <f t="shared" si="932"/>
        <v>39.626000000000005</v>
      </c>
      <c r="D3991" s="239">
        <v>3.4477000000000002</v>
      </c>
      <c r="E3991" s="239">
        <v>7.2499999999999995E-2</v>
      </c>
      <c r="F3991" s="239">
        <v>1.3229</v>
      </c>
      <c r="G3991">
        <f t="shared" si="933"/>
        <v>3.7122800000000002</v>
      </c>
      <c r="H3991" s="235">
        <f t="shared" si="934"/>
        <v>1.9529776848729079</v>
      </c>
      <c r="I3991" s="236">
        <f t="shared" si="935"/>
        <v>18.780032325158224</v>
      </c>
      <c r="J3991" s="237">
        <f t="shared" si="940"/>
        <v>8.7800323251582242</v>
      </c>
      <c r="K3991" s="237">
        <f t="shared" si="936"/>
        <v>744.17756091671993</v>
      </c>
      <c r="L3991" s="237">
        <f t="shared" si="941"/>
        <v>347.97902114299592</v>
      </c>
      <c r="M3991" s="236">
        <f t="shared" si="937"/>
        <v>8.529544193020735</v>
      </c>
      <c r="N3991" s="236">
        <f t="shared" si="938"/>
        <v>2.4426380654972322</v>
      </c>
      <c r="O3991" s="236">
        <f t="shared" si="942"/>
        <v>3.0053466730127814</v>
      </c>
      <c r="P3991" s="236" t="str">
        <f t="shared" si="943"/>
        <v>CLAY</v>
      </c>
      <c r="Q3991" s="236">
        <f t="shared" si="939"/>
        <v>247.34186992360671</v>
      </c>
      <c r="R3991" s="238">
        <v>35</v>
      </c>
      <c r="S3991" s="236">
        <f t="shared" si="944"/>
        <v>3.6441587538991502</v>
      </c>
      <c r="T3991" s="236" t="e">
        <f t="shared" si="930"/>
        <v>#N/A</v>
      </c>
    </row>
    <row r="3992" spans="1:20" x14ac:dyDescent="0.2">
      <c r="A3992" s="53">
        <f t="shared" si="931"/>
        <v>3980</v>
      </c>
      <c r="B3992" s="239">
        <v>39.643000000000001</v>
      </c>
      <c r="C3992" s="3">
        <f t="shared" si="932"/>
        <v>39.636000000000003</v>
      </c>
      <c r="D3992" s="239">
        <v>3.4803999999999999</v>
      </c>
      <c r="E3992" s="239">
        <v>7.1099999999999997E-2</v>
      </c>
      <c r="F3992" s="239">
        <v>1.1688000000000001</v>
      </c>
      <c r="G3992">
        <f t="shared" si="933"/>
        <v>3.7141599999999997</v>
      </c>
      <c r="H3992" s="235">
        <f t="shared" si="934"/>
        <v>1.9142955607728263</v>
      </c>
      <c r="I3992" s="236">
        <f t="shared" si="935"/>
        <v>18.75736552401181</v>
      </c>
      <c r="J3992" s="237">
        <f t="shared" si="940"/>
        <v>8.75736552401181</v>
      </c>
      <c r="K3992" s="237">
        <f t="shared" si="936"/>
        <v>743.4669399097321</v>
      </c>
      <c r="L3992" s="237">
        <f t="shared" si="941"/>
        <v>347.1682414684002</v>
      </c>
      <c r="M3992" s="236">
        <f t="shared" si="937"/>
        <v>8.5569263119381986</v>
      </c>
      <c r="N3992" s="236">
        <f t="shared" si="938"/>
        <v>2.3933808899745279</v>
      </c>
      <c r="O3992" s="236">
        <f t="shared" si="942"/>
        <v>2.9994449129710987</v>
      </c>
      <c r="P3992" s="236" t="str">
        <f t="shared" si="943"/>
        <v>CLAY</v>
      </c>
      <c r="Q3992" s="236">
        <f t="shared" si="939"/>
        <v>247.55775500752233</v>
      </c>
      <c r="R3992" s="238">
        <v>35</v>
      </c>
      <c r="S3992" s="236">
        <f t="shared" si="944"/>
        <v>3.6587880230585772</v>
      </c>
      <c r="T3992" s="236" t="e">
        <f t="shared" si="930"/>
        <v>#N/A</v>
      </c>
    </row>
    <row r="3993" spans="1:20" x14ac:dyDescent="0.2">
      <c r="A3993" s="53">
        <f t="shared" si="931"/>
        <v>3981</v>
      </c>
      <c r="B3993" s="239">
        <v>39.652999999999999</v>
      </c>
      <c r="C3993" s="3">
        <f t="shared" si="932"/>
        <v>39.646000000000001</v>
      </c>
      <c r="D3993" s="239">
        <v>3.4895</v>
      </c>
      <c r="E3993" s="239">
        <v>7.0699999999999999E-2</v>
      </c>
      <c r="F3993" s="239">
        <v>1.0763</v>
      </c>
      <c r="G3993">
        <f t="shared" si="933"/>
        <v>3.7047599999999998</v>
      </c>
      <c r="H3993" s="235">
        <f t="shared" si="934"/>
        <v>1.9083557369438238</v>
      </c>
      <c r="I3993" s="236">
        <f t="shared" si="935"/>
        <v>18.74975954270537</v>
      </c>
      <c r="J3993" s="237">
        <f t="shared" si="940"/>
        <v>8.7497595427053696</v>
      </c>
      <c r="K3993" s="237">
        <f t="shared" si="936"/>
        <v>743.3529668300971</v>
      </c>
      <c r="L3993" s="237">
        <f t="shared" si="941"/>
        <v>346.95421514689599</v>
      </c>
      <c r="M3993" s="236">
        <f t="shared" si="937"/>
        <v>8.5354404237921724</v>
      </c>
      <c r="N3993" s="236">
        <f t="shared" si="938"/>
        <v>2.3873786753427955</v>
      </c>
      <c r="O3993" s="236">
        <f t="shared" si="942"/>
        <v>2.9997877033552971</v>
      </c>
      <c r="P3993" s="236" t="str">
        <f t="shared" si="943"/>
        <v>CLAY</v>
      </c>
      <c r="Q3993" s="236">
        <f t="shared" si="939"/>
        <v>246.78391943082522</v>
      </c>
      <c r="R3993" s="238">
        <v>35</v>
      </c>
      <c r="S3993" s="236">
        <f t="shared" si="944"/>
        <v>3.6473079047836126</v>
      </c>
      <c r="T3993" s="236" t="e">
        <f t="shared" si="930"/>
        <v>#N/A</v>
      </c>
    </row>
    <row r="3994" spans="1:20" x14ac:dyDescent="0.2">
      <c r="A3994" s="53">
        <f t="shared" si="931"/>
        <v>3982</v>
      </c>
      <c r="B3994" s="239">
        <v>39.662999999999997</v>
      </c>
      <c r="C3994" s="3">
        <f t="shared" si="932"/>
        <v>39.655999999999999</v>
      </c>
      <c r="D3994" s="239">
        <v>3.5305</v>
      </c>
      <c r="E3994" s="239">
        <v>6.7100000000000007E-2</v>
      </c>
      <c r="F3994" s="239">
        <v>0.86929999999999996</v>
      </c>
      <c r="G3994">
        <f t="shared" si="933"/>
        <v>3.7043599999999999</v>
      </c>
      <c r="H3994" s="235">
        <f t="shared" si="934"/>
        <v>1.811379023637012</v>
      </c>
      <c r="I3994" s="236">
        <f t="shared" si="935"/>
        <v>18.688435726243824</v>
      </c>
      <c r="J3994" s="237">
        <f t="shared" si="940"/>
        <v>8.6884357262438243</v>
      </c>
      <c r="K3994" s="237">
        <f t="shared" si="936"/>
        <v>741.1086071599251</v>
      </c>
      <c r="L3994" s="237">
        <f t="shared" si="941"/>
        <v>344.60942621000879</v>
      </c>
      <c r="M3994" s="236">
        <f t="shared" si="937"/>
        <v>8.5988692341637698</v>
      </c>
      <c r="N3994" s="236">
        <f t="shared" si="938"/>
        <v>2.2644045713478675</v>
      </c>
      <c r="O3994" s="236">
        <f t="shared" si="942"/>
        <v>2.9848849005814664</v>
      </c>
      <c r="P3994" s="236" t="str">
        <f t="shared" si="943"/>
        <v>CLAY</v>
      </c>
      <c r="Q3994" s="236">
        <f t="shared" si="939"/>
        <v>246.93761607000621</v>
      </c>
      <c r="R3994" s="238">
        <v>35</v>
      </c>
      <c r="S3994" s="236">
        <f t="shared" si="944"/>
        <v>3.6812192919916331</v>
      </c>
      <c r="T3994" s="236" t="e">
        <f t="shared" si="930"/>
        <v>#N/A</v>
      </c>
    </row>
    <row r="3995" spans="1:20" x14ac:dyDescent="0.2">
      <c r="A3995" s="53">
        <f t="shared" si="931"/>
        <v>3983</v>
      </c>
      <c r="B3995" s="239">
        <v>39.671999999999997</v>
      </c>
      <c r="C3995" s="3">
        <f t="shared" si="932"/>
        <v>39.664999999999999</v>
      </c>
      <c r="D3995" s="239">
        <v>3.3752</v>
      </c>
      <c r="E3995" s="239">
        <v>6.8099999999999994E-2</v>
      </c>
      <c r="F3995" s="239">
        <v>0.82989999999999997</v>
      </c>
      <c r="G3995">
        <f t="shared" si="933"/>
        <v>3.5411799999999998</v>
      </c>
      <c r="H3995" s="235">
        <f t="shared" si="934"/>
        <v>1.9230877842978893</v>
      </c>
      <c r="I3995" s="236">
        <f t="shared" si="935"/>
        <v>18.688173459004886</v>
      </c>
      <c r="J3995" s="237">
        <f t="shared" si="940"/>
        <v>8.6881734590048865</v>
      </c>
      <c r="K3995" s="237">
        <f t="shared" si="936"/>
        <v>741.26640025142876</v>
      </c>
      <c r="L3995" s="237">
        <f t="shared" si="941"/>
        <v>344.67721746564183</v>
      </c>
      <c r="M3995" s="236">
        <f t="shared" si="937"/>
        <v>8.1232917578246155</v>
      </c>
      <c r="N3995" s="236">
        <f t="shared" si="938"/>
        <v>2.4322179086567277</v>
      </c>
      <c r="O3995" s="236">
        <f t="shared" si="942"/>
        <v>3.0222865414855424</v>
      </c>
      <c r="P3995" s="236" t="str">
        <f t="shared" si="943"/>
        <v>CLAY</v>
      </c>
      <c r="Q3995" s="236">
        <f t="shared" si="939"/>
        <v>233.3261333123809</v>
      </c>
      <c r="R3995" s="238">
        <v>35</v>
      </c>
      <c r="S3995" s="236">
        <f t="shared" si="944"/>
        <v>3.428507259130571</v>
      </c>
      <c r="T3995" s="236" t="e">
        <f t="shared" si="930"/>
        <v>#N/A</v>
      </c>
    </row>
    <row r="3996" spans="1:20" x14ac:dyDescent="0.2">
      <c r="A3996" s="53">
        <f t="shared" si="931"/>
        <v>3984</v>
      </c>
      <c r="B3996" s="239">
        <v>39.682000000000002</v>
      </c>
      <c r="C3996" s="3">
        <f t="shared" si="932"/>
        <v>39.675000000000004</v>
      </c>
      <c r="D3996" s="239">
        <v>3.2574000000000001</v>
      </c>
      <c r="E3996" s="239">
        <v>7.1800000000000003E-2</v>
      </c>
      <c r="F3996" s="239">
        <v>0.85829999999999995</v>
      </c>
      <c r="G3996">
        <f t="shared" si="933"/>
        <v>3.4290600000000002</v>
      </c>
      <c r="H3996" s="235">
        <f t="shared" si="934"/>
        <v>2.0938682904352794</v>
      </c>
      <c r="I3996" s="236">
        <f t="shared" si="935"/>
        <v>18.737636629663491</v>
      </c>
      <c r="J3996" s="237">
        <f t="shared" si="940"/>
        <v>8.7376366296634913</v>
      </c>
      <c r="K3996" s="237">
        <f t="shared" si="936"/>
        <v>743.41573328189907</v>
      </c>
      <c r="L3996" s="237">
        <f t="shared" si="941"/>
        <v>346.72689673830666</v>
      </c>
      <c r="M3996" s="236">
        <f t="shared" si="937"/>
        <v>7.7457050260081228</v>
      </c>
      <c r="N3996" s="236">
        <f t="shared" si="938"/>
        <v>2.6734739551988658</v>
      </c>
      <c r="O3996" s="236">
        <f t="shared" si="942"/>
        <v>3.0617161150232035</v>
      </c>
      <c r="P3996" s="236" t="str">
        <f t="shared" si="943"/>
        <v>CLAY</v>
      </c>
      <c r="Q3996" s="236">
        <f t="shared" si="939"/>
        <v>223.80368889317512</v>
      </c>
      <c r="R3996" s="238">
        <v>35</v>
      </c>
      <c r="S3996" s="236">
        <f t="shared" si="944"/>
        <v>3.2304736369816967</v>
      </c>
      <c r="T3996" s="236" t="e">
        <f t="shared" si="930"/>
        <v>#N/A</v>
      </c>
    </row>
    <row r="3997" spans="1:20" x14ac:dyDescent="0.2">
      <c r="A3997" s="53">
        <f t="shared" si="931"/>
        <v>3985</v>
      </c>
      <c r="B3997" s="239">
        <v>39.692999999999998</v>
      </c>
      <c r="C3997" s="3">
        <f t="shared" si="932"/>
        <v>39.686</v>
      </c>
      <c r="D3997" s="239">
        <v>3.1294</v>
      </c>
      <c r="E3997" s="239">
        <v>8.2199999999999995E-2</v>
      </c>
      <c r="F3997" s="239">
        <v>0.95099999999999996</v>
      </c>
      <c r="G3997">
        <f t="shared" si="933"/>
        <v>3.3195999999999999</v>
      </c>
      <c r="H3997" s="235">
        <f t="shared" si="934"/>
        <v>2.4762019520424148</v>
      </c>
      <c r="I3997" s="236">
        <f t="shared" si="935"/>
        <v>18.883574142064411</v>
      </c>
      <c r="J3997" s="237">
        <f t="shared" si="940"/>
        <v>8.8835741420644112</v>
      </c>
      <c r="K3997" s="237">
        <f t="shared" si="936"/>
        <v>749.41352340196818</v>
      </c>
      <c r="L3997" s="237">
        <f t="shared" si="941"/>
        <v>352.61570842096268</v>
      </c>
      <c r="M3997" s="236">
        <f t="shared" si="937"/>
        <v>7.2889165604887625</v>
      </c>
      <c r="N3997" s="236">
        <f t="shared" si="938"/>
        <v>3.1982115207765829</v>
      </c>
      <c r="O3997" s="236">
        <f t="shared" si="942"/>
        <v>3.1262615268033178</v>
      </c>
      <c r="P3997" s="236" t="str">
        <f t="shared" si="943"/>
        <v>CLAY</v>
      </c>
      <c r="Q3997" s="236">
        <f t="shared" si="939"/>
        <v>214.1822063831693</v>
      </c>
      <c r="R3997" s="238">
        <v>35</v>
      </c>
      <c r="S3997" s="236">
        <f t="shared" si="944"/>
        <v>2.9941167582514487</v>
      </c>
      <c r="T3997" s="236" t="e">
        <f t="shared" si="930"/>
        <v>#N/A</v>
      </c>
    </row>
    <row r="3998" spans="1:20" x14ac:dyDescent="0.2">
      <c r="A3998" s="53">
        <f t="shared" si="931"/>
        <v>3986</v>
      </c>
      <c r="B3998" s="239">
        <v>39.701999999999998</v>
      </c>
      <c r="C3998" s="3">
        <f t="shared" si="932"/>
        <v>39.695</v>
      </c>
      <c r="D3998" s="239">
        <v>3.0472999999999999</v>
      </c>
      <c r="E3998" s="239">
        <v>9.0899999999999995E-2</v>
      </c>
      <c r="F3998" s="239">
        <v>1.014</v>
      </c>
      <c r="G3998">
        <f t="shared" si="933"/>
        <v>3.2500999999999998</v>
      </c>
      <c r="H3998" s="235">
        <f t="shared" si="934"/>
        <v>2.7968370203993724</v>
      </c>
      <c r="I3998" s="236">
        <f t="shared" si="935"/>
        <v>18.993272590394188</v>
      </c>
      <c r="J3998" s="237">
        <f t="shared" si="940"/>
        <v>8.9932725903941879</v>
      </c>
      <c r="K3998" s="237">
        <f t="shared" si="936"/>
        <v>753.93795547569732</v>
      </c>
      <c r="L3998" s="237">
        <f t="shared" si="941"/>
        <v>357.05090838383001</v>
      </c>
      <c r="M3998" s="236">
        <f t="shared" si="937"/>
        <v>6.9910536170403086</v>
      </c>
      <c r="N3998" s="236">
        <f t="shared" si="938"/>
        <v>3.6415905048873918</v>
      </c>
      <c r="O3998" s="236">
        <f t="shared" si="942"/>
        <v>3.1726998593995455</v>
      </c>
      <c r="P3998" s="236" t="str">
        <f t="shared" si="943"/>
        <v>CLAY</v>
      </c>
      <c r="Q3998" s="236">
        <f t="shared" si="939"/>
        <v>208.01350371035855</v>
      </c>
      <c r="R3998" s="238">
        <v>35</v>
      </c>
      <c r="S3998" s="236">
        <f t="shared" si="944"/>
        <v>2.8419622169357561</v>
      </c>
      <c r="T3998" s="236" t="e">
        <f t="shared" si="930"/>
        <v>#N/A</v>
      </c>
    </row>
    <row r="3999" spans="1:20" x14ac:dyDescent="0.2">
      <c r="A3999" s="53">
        <f t="shared" si="931"/>
        <v>3987</v>
      </c>
      <c r="B3999" s="239">
        <v>39.712000000000003</v>
      </c>
      <c r="C3999" s="3">
        <f t="shared" si="932"/>
        <v>39.705000000000005</v>
      </c>
      <c r="D3999" s="239">
        <v>2.9988000000000001</v>
      </c>
      <c r="E3999" s="239">
        <v>9.6100000000000005E-2</v>
      </c>
      <c r="F3999" s="239">
        <v>1.1137999999999999</v>
      </c>
      <c r="G3999">
        <f t="shared" si="933"/>
        <v>3.2215600000000002</v>
      </c>
      <c r="H3999" s="235">
        <f t="shared" si="934"/>
        <v>2.9830268565539679</v>
      </c>
      <c r="I3999" s="236">
        <f t="shared" si="935"/>
        <v>19.055055802942068</v>
      </c>
      <c r="J3999" s="237">
        <f t="shared" si="940"/>
        <v>9.0550558029420678</v>
      </c>
      <c r="K3999" s="237">
        <f t="shared" si="936"/>
        <v>756.58099065581496</v>
      </c>
      <c r="L3999" s="237">
        <f t="shared" si="941"/>
        <v>359.5943760464354</v>
      </c>
      <c r="M3999" s="236">
        <f t="shared" si="937"/>
        <v>6.8548875442531276</v>
      </c>
      <c r="N3999" s="236">
        <f t="shared" si="938"/>
        <v>3.8986133202638387</v>
      </c>
      <c r="O3999" s="236">
        <f t="shared" si="942"/>
        <v>3.1964589554326266</v>
      </c>
      <c r="P3999" s="236" t="str">
        <f t="shared" si="943"/>
        <v>CLAY</v>
      </c>
      <c r="Q3999" s="236">
        <f t="shared" si="939"/>
        <v>205.41491744534878</v>
      </c>
      <c r="R3999" s="238">
        <v>35</v>
      </c>
      <c r="S3999" s="236">
        <f t="shared" si="944"/>
        <v>2.772939707850032</v>
      </c>
      <c r="T3999" s="236" t="e">
        <f t="shared" si="930"/>
        <v>#N/A</v>
      </c>
    </row>
    <row r="4000" spans="1:20" x14ac:dyDescent="0.2">
      <c r="A4000" s="53">
        <f t="shared" si="931"/>
        <v>3988</v>
      </c>
      <c r="B4000" s="239">
        <v>39.722999999999999</v>
      </c>
      <c r="C4000" s="3">
        <f t="shared" si="932"/>
        <v>39.716000000000001</v>
      </c>
      <c r="D4000" s="239">
        <v>3.0499000000000001</v>
      </c>
      <c r="E4000" s="239">
        <v>9.9099999999999994E-2</v>
      </c>
      <c r="F4000" s="239">
        <v>1.1778</v>
      </c>
      <c r="G4000">
        <f t="shared" si="933"/>
        <v>3.28546</v>
      </c>
      <c r="H4000" s="235">
        <f t="shared" si="934"/>
        <v>3.0163203934913221</v>
      </c>
      <c r="I4000" s="236">
        <f t="shared" si="935"/>
        <v>19.098778487170364</v>
      </c>
      <c r="J4000" s="237">
        <f t="shared" si="940"/>
        <v>9.0987784871703639</v>
      </c>
      <c r="K4000" s="237">
        <f t="shared" si="936"/>
        <v>758.52708639645823</v>
      </c>
      <c r="L4000" s="237">
        <f t="shared" si="941"/>
        <v>361.43077784586836</v>
      </c>
      <c r="M4000" s="236">
        <f t="shared" si="937"/>
        <v>6.9914713092894063</v>
      </c>
      <c r="N4000" s="236">
        <f t="shared" si="938"/>
        <v>3.9217503348230203</v>
      </c>
      <c r="O4000" s="236">
        <f t="shared" si="942"/>
        <v>3.1908618966278977</v>
      </c>
      <c r="P4000" s="236" t="str">
        <f t="shared" si="943"/>
        <v>CLAY</v>
      </c>
      <c r="Q4000" s="236">
        <f t="shared" si="939"/>
        <v>210.57774280029514</v>
      </c>
      <c r="R4000" s="238">
        <v>35</v>
      </c>
      <c r="S4000" s="236">
        <f t="shared" si="944"/>
        <v>2.8421744657827368</v>
      </c>
      <c r="T4000" s="236" t="e">
        <f t="shared" si="930"/>
        <v>#N/A</v>
      </c>
    </row>
    <row r="4001" spans="1:20" x14ac:dyDescent="0.2">
      <c r="A4001" s="53">
        <f t="shared" si="931"/>
        <v>3989</v>
      </c>
      <c r="B4001" s="239">
        <v>39.731999999999999</v>
      </c>
      <c r="C4001" s="3">
        <f t="shared" si="932"/>
        <v>39.725000000000001</v>
      </c>
      <c r="D4001" s="239">
        <v>3.0447000000000002</v>
      </c>
      <c r="E4001" s="239">
        <v>9.9699999999999997E-2</v>
      </c>
      <c r="F4001" s="239">
        <v>1.2296</v>
      </c>
      <c r="G4001">
        <f t="shared" si="933"/>
        <v>3.2906200000000001</v>
      </c>
      <c r="H4001" s="235">
        <f t="shared" si="934"/>
        <v>3.0298241668743278</v>
      </c>
      <c r="I4001" s="236">
        <f t="shared" si="935"/>
        <v>19.106469941495547</v>
      </c>
      <c r="J4001" s="237">
        <f t="shared" si="940"/>
        <v>9.106469941495547</v>
      </c>
      <c r="K4001" s="237">
        <f t="shared" si="936"/>
        <v>759.00451842591065</v>
      </c>
      <c r="L4001" s="237">
        <f t="shared" si="941"/>
        <v>361.81826371550108</v>
      </c>
      <c r="M4001" s="236">
        <f t="shared" si="937"/>
        <v>6.9969256266309072</v>
      </c>
      <c r="N4001" s="236">
        <f t="shared" si="938"/>
        <v>3.938196804595667</v>
      </c>
      <c r="O4001" s="236">
        <f t="shared" si="942"/>
        <v>3.1916166142912727</v>
      </c>
      <c r="P4001" s="236" t="str">
        <f t="shared" si="943"/>
        <v>CLAY</v>
      </c>
      <c r="Q4001" s="236">
        <f t="shared" si="939"/>
        <v>210.96795679784077</v>
      </c>
      <c r="R4001" s="238">
        <v>35</v>
      </c>
      <c r="S4001" s="236">
        <f t="shared" si="944"/>
        <v>2.8449463488781022</v>
      </c>
      <c r="T4001" s="236" t="e">
        <f t="shared" si="930"/>
        <v>#N/A</v>
      </c>
    </row>
    <row r="4002" spans="1:20" x14ac:dyDescent="0.2">
      <c r="A4002" s="53">
        <f t="shared" si="931"/>
        <v>3990</v>
      </c>
      <c r="B4002" s="239">
        <v>39.741</v>
      </c>
      <c r="C4002" s="3">
        <f t="shared" si="932"/>
        <v>39.734000000000002</v>
      </c>
      <c r="D4002" s="239">
        <v>3.1032000000000002</v>
      </c>
      <c r="E4002" s="239">
        <v>9.6299999999999997E-2</v>
      </c>
      <c r="F4002" s="239">
        <v>1.1735</v>
      </c>
      <c r="G4002">
        <f t="shared" si="933"/>
        <v>3.3379000000000003</v>
      </c>
      <c r="H4002" s="235">
        <f t="shared" si="934"/>
        <v>2.8850474849456242</v>
      </c>
      <c r="I4002" s="236">
        <f t="shared" si="935"/>
        <v>19.0713600189946</v>
      </c>
      <c r="J4002" s="237">
        <f t="shared" si="940"/>
        <v>9.0713600189946</v>
      </c>
      <c r="K4002" s="237">
        <f t="shared" si="936"/>
        <v>757.78141899473144</v>
      </c>
      <c r="L4002" s="237">
        <f t="shared" si="941"/>
        <v>360.50491851486441</v>
      </c>
      <c r="M4002" s="236">
        <f t="shared" si="937"/>
        <v>7.1569580565899669</v>
      </c>
      <c r="N4002" s="236">
        <f t="shared" si="938"/>
        <v>3.7323865929634712</v>
      </c>
      <c r="O4002" s="236">
        <f t="shared" si="942"/>
        <v>3.1703093246380369</v>
      </c>
      <c r="P4002" s="236" t="str">
        <f t="shared" si="943"/>
        <v>CLAY</v>
      </c>
      <c r="Q4002" s="236">
        <f t="shared" si="939"/>
        <v>215.00988175043904</v>
      </c>
      <c r="R4002" s="238">
        <v>35</v>
      </c>
      <c r="S4002" s="236">
        <f t="shared" si="944"/>
        <v>2.9265139505504618</v>
      </c>
      <c r="T4002" s="236" t="e">
        <f t="shared" si="930"/>
        <v>#N/A</v>
      </c>
    </row>
    <row r="4003" spans="1:20" x14ac:dyDescent="0.2">
      <c r="A4003" s="53">
        <f t="shared" si="931"/>
        <v>3991</v>
      </c>
      <c r="B4003" s="239">
        <v>39.752000000000002</v>
      </c>
      <c r="C4003" s="3">
        <f t="shared" si="932"/>
        <v>39.745000000000005</v>
      </c>
      <c r="D4003" s="239">
        <v>3.0407000000000002</v>
      </c>
      <c r="E4003" s="239">
        <v>9.2399999999999996E-2</v>
      </c>
      <c r="F4003" s="239">
        <v>1.1234999999999999</v>
      </c>
      <c r="G4003">
        <f t="shared" si="933"/>
        <v>3.2654000000000001</v>
      </c>
      <c r="H4003" s="235">
        <f t="shared" si="934"/>
        <v>2.8296686470263976</v>
      </c>
      <c r="I4003" s="236">
        <f t="shared" si="935"/>
        <v>19.01430012624963</v>
      </c>
      <c r="J4003" s="237">
        <f t="shared" si="940"/>
        <v>9.0143001262496298</v>
      </c>
      <c r="K4003" s="237">
        <f t="shared" si="936"/>
        <v>755.72335851779167</v>
      </c>
      <c r="L4003" s="237">
        <f t="shared" si="941"/>
        <v>358.33645861867529</v>
      </c>
      <c r="M4003" s="236">
        <f t="shared" si="937"/>
        <v>7.0036876826783843</v>
      </c>
      <c r="N4003" s="236">
        <f t="shared" si="938"/>
        <v>3.6817492131348355</v>
      </c>
      <c r="O4003" s="236">
        <f t="shared" si="942"/>
        <v>3.1747282045390159</v>
      </c>
      <c r="P4003" s="236" t="str">
        <f t="shared" si="943"/>
        <v>CLAY</v>
      </c>
      <c r="Q4003" s="236">
        <f t="shared" si="939"/>
        <v>209.13972012351738</v>
      </c>
      <c r="R4003" s="238">
        <v>35</v>
      </c>
      <c r="S4003" s="236">
        <f t="shared" si="944"/>
        <v>2.848383574582507</v>
      </c>
      <c r="T4003" s="236" t="e">
        <f t="shared" si="930"/>
        <v>#N/A</v>
      </c>
    </row>
    <row r="4004" spans="1:20" x14ac:dyDescent="0.2">
      <c r="A4004" s="53">
        <f t="shared" si="931"/>
        <v>3992</v>
      </c>
      <c r="B4004" s="239">
        <v>39.762</v>
      </c>
      <c r="C4004" s="3">
        <f t="shared" si="932"/>
        <v>39.755000000000003</v>
      </c>
      <c r="D4004" s="239">
        <v>2.9167999999999998</v>
      </c>
      <c r="E4004" s="239">
        <v>9.0300000000000005E-2</v>
      </c>
      <c r="F4004" s="239">
        <v>1.0828</v>
      </c>
      <c r="G4004">
        <f t="shared" si="933"/>
        <v>3.1333599999999997</v>
      </c>
      <c r="H4004" s="235">
        <f t="shared" si="934"/>
        <v>2.8818903668904947</v>
      </c>
      <c r="I4004" s="236">
        <f t="shared" si="935"/>
        <v>18.971209245717755</v>
      </c>
      <c r="J4004" s="237">
        <f t="shared" si="940"/>
        <v>8.9712092457177555</v>
      </c>
      <c r="K4004" s="237">
        <f t="shared" si="936"/>
        <v>754.20042356350939</v>
      </c>
      <c r="L4004" s="237">
        <f t="shared" si="941"/>
        <v>356.71322202822938</v>
      </c>
      <c r="M4004" s="236">
        <f t="shared" si="937"/>
        <v>6.6696702827802934</v>
      </c>
      <c r="N4004" s="236">
        <f t="shared" si="938"/>
        <v>3.7954578959033731</v>
      </c>
      <c r="O4004" s="236">
        <f t="shared" si="942"/>
        <v>3.1997055011144466</v>
      </c>
      <c r="P4004" s="236" t="str">
        <f t="shared" si="943"/>
        <v>CLAY</v>
      </c>
      <c r="Q4004" s="236">
        <f t="shared" si="939"/>
        <v>198.26329803637418</v>
      </c>
      <c r="R4004" s="238">
        <v>35</v>
      </c>
      <c r="S4004" s="236">
        <f t="shared" si="944"/>
        <v>2.6796030588377371</v>
      </c>
      <c r="T4004" s="236" t="e">
        <f t="shared" si="930"/>
        <v>#N/A</v>
      </c>
    </row>
    <row r="4005" spans="1:20" x14ac:dyDescent="0.2">
      <c r="A4005" s="53">
        <f t="shared" si="931"/>
        <v>3993</v>
      </c>
      <c r="B4005" s="239">
        <v>39.771000000000001</v>
      </c>
      <c r="C4005" s="3">
        <f t="shared" si="932"/>
        <v>39.764000000000003</v>
      </c>
      <c r="D4005" s="239">
        <v>2.8494999999999999</v>
      </c>
      <c r="E4005" s="239">
        <v>8.8499999999999995E-2</v>
      </c>
      <c r="F4005" s="239">
        <v>1.0311999999999999</v>
      </c>
      <c r="G4005">
        <f t="shared" si="933"/>
        <v>3.0557399999999997</v>
      </c>
      <c r="H4005" s="235">
        <f t="shared" si="934"/>
        <v>2.8961888118753563</v>
      </c>
      <c r="I4005" s="236">
        <f t="shared" si="935"/>
        <v>18.937794644541142</v>
      </c>
      <c r="J4005" s="237">
        <f t="shared" si="940"/>
        <v>8.9377946445411425</v>
      </c>
      <c r="K4005" s="237">
        <f t="shared" si="936"/>
        <v>753.042466245534</v>
      </c>
      <c r="L4005" s="237">
        <f t="shared" si="941"/>
        <v>355.46503080804581</v>
      </c>
      <c r="M4005" s="236">
        <f t="shared" si="937"/>
        <v>6.4779861144708279</v>
      </c>
      <c r="N4005" s="236">
        <f t="shared" si="938"/>
        <v>3.8433184863712397</v>
      </c>
      <c r="O4005" s="236">
        <f t="shared" si="942"/>
        <v>3.2132392231553961</v>
      </c>
      <c r="P4005" s="236" t="str">
        <f t="shared" si="943"/>
        <v>CLAY</v>
      </c>
      <c r="Q4005" s="236">
        <f t="shared" si="939"/>
        <v>191.8914611462055</v>
      </c>
      <c r="R4005" s="238">
        <v>35</v>
      </c>
      <c r="S4005" s="236">
        <f t="shared" si="944"/>
        <v>2.5836877412558121</v>
      </c>
      <c r="T4005" s="236" t="e">
        <f t="shared" si="930"/>
        <v>#N/A</v>
      </c>
    </row>
    <row r="4006" spans="1:20" x14ac:dyDescent="0.2">
      <c r="A4006" s="53">
        <f t="shared" si="931"/>
        <v>3994</v>
      </c>
      <c r="B4006" s="239">
        <v>39.781999999999996</v>
      </c>
      <c r="C4006" s="3">
        <f t="shared" si="932"/>
        <v>39.774999999999999</v>
      </c>
      <c r="D4006" s="239">
        <v>2.7633000000000001</v>
      </c>
      <c r="E4006" s="239">
        <v>9.1499999999999998E-2</v>
      </c>
      <c r="F4006" s="239">
        <v>1.1083000000000001</v>
      </c>
      <c r="G4006">
        <f t="shared" si="933"/>
        <v>2.9849600000000001</v>
      </c>
      <c r="H4006" s="235">
        <f t="shared" si="934"/>
        <v>3.0653677101200683</v>
      </c>
      <c r="I4006" s="236">
        <f t="shared" si="935"/>
        <v>18.967724672523257</v>
      </c>
      <c r="J4006" s="237">
        <f t="shared" si="940"/>
        <v>8.9677246725232571</v>
      </c>
      <c r="K4006" s="237">
        <f t="shared" si="936"/>
        <v>754.44124884961252</v>
      </c>
      <c r="L4006" s="237">
        <f t="shared" si="941"/>
        <v>356.75402292232019</v>
      </c>
      <c r="M4006" s="236">
        <f t="shared" si="937"/>
        <v>6.2522595621467225</v>
      </c>
      <c r="N4006" s="236">
        <f t="shared" si="938"/>
        <v>4.1021847475081294</v>
      </c>
      <c r="O4006" s="236">
        <f t="shared" si="942"/>
        <v>3.2419165487026365</v>
      </c>
      <c r="P4006" s="236" t="str">
        <f t="shared" si="943"/>
        <v>CLAY</v>
      </c>
      <c r="Q4006" s="236">
        <f t="shared" si="939"/>
        <v>185.87656259586561</v>
      </c>
      <c r="R4006" s="238">
        <v>35</v>
      </c>
      <c r="S4006" s="236">
        <f t="shared" si="944"/>
        <v>2.4716459354092013</v>
      </c>
      <c r="T4006" s="236" t="e">
        <f t="shared" si="930"/>
        <v>#N/A</v>
      </c>
    </row>
    <row r="4007" spans="1:20" x14ac:dyDescent="0.2">
      <c r="A4007" s="53">
        <f t="shared" si="931"/>
        <v>3995</v>
      </c>
      <c r="B4007" s="239">
        <v>39.790999999999997</v>
      </c>
      <c r="C4007" s="3">
        <f t="shared" si="932"/>
        <v>39.783999999999999</v>
      </c>
      <c r="D4007" s="239">
        <v>2.7511999999999999</v>
      </c>
      <c r="E4007" s="239">
        <v>9.7500000000000003E-2</v>
      </c>
      <c r="F4007" s="239">
        <v>1.1870000000000001</v>
      </c>
      <c r="G4007">
        <f t="shared" si="933"/>
        <v>2.9885999999999999</v>
      </c>
      <c r="H4007" s="235">
        <f t="shared" si="934"/>
        <v>3.2623971090142541</v>
      </c>
      <c r="I4007" s="236">
        <f t="shared" si="935"/>
        <v>19.04267652967296</v>
      </c>
      <c r="J4007" s="237">
        <f t="shared" si="940"/>
        <v>9.0426765296729599</v>
      </c>
      <c r="K4007" s="237">
        <f t="shared" si="936"/>
        <v>757.59384305650906</v>
      </c>
      <c r="L4007" s="237">
        <f t="shared" si="941"/>
        <v>359.81714179221672</v>
      </c>
      <c r="M4007" s="236">
        <f t="shared" si="937"/>
        <v>6.200388746992572</v>
      </c>
      <c r="N4007" s="236">
        <f t="shared" si="938"/>
        <v>4.3702255010168303</v>
      </c>
      <c r="O4007" s="236">
        <f t="shared" si="942"/>
        <v>3.2605083970853679</v>
      </c>
      <c r="P4007" s="236" t="str">
        <f t="shared" si="943"/>
        <v>CLAY</v>
      </c>
      <c r="Q4007" s="236">
        <f t="shared" si="939"/>
        <v>185.91717974529092</v>
      </c>
      <c r="R4007" s="238">
        <v>35</v>
      </c>
      <c r="S4007" s="236">
        <f t="shared" si="944"/>
        <v>2.4460405810217374</v>
      </c>
      <c r="T4007" s="236" t="e">
        <f t="shared" si="930"/>
        <v>#N/A</v>
      </c>
    </row>
    <row r="4008" spans="1:20" x14ac:dyDescent="0.2">
      <c r="A4008" s="53">
        <f t="shared" si="931"/>
        <v>3996</v>
      </c>
      <c r="B4008" s="239">
        <v>39.799999999999997</v>
      </c>
      <c r="C4008" s="3">
        <f t="shared" si="932"/>
        <v>39.792999999999999</v>
      </c>
      <c r="D4008" s="239">
        <v>2.7290000000000001</v>
      </c>
      <c r="E4008" s="239">
        <v>0.10489999999999999</v>
      </c>
      <c r="F4008" s="239">
        <v>1.3191999999999999</v>
      </c>
      <c r="G4008">
        <f t="shared" si="933"/>
        <v>2.9928400000000002</v>
      </c>
      <c r="H4008" s="235">
        <f t="shared" si="934"/>
        <v>3.5050320097298879</v>
      </c>
      <c r="I4008" s="236">
        <f t="shared" si="935"/>
        <v>19.129012022212869</v>
      </c>
      <c r="J4008" s="237">
        <f t="shared" si="940"/>
        <v>9.1290120222128692</v>
      </c>
      <c r="K4008" s="237">
        <f t="shared" si="936"/>
        <v>761.20077539991667</v>
      </c>
      <c r="L4008" s="237">
        <f t="shared" si="941"/>
        <v>363.33467848407219</v>
      </c>
      <c r="M4008" s="236">
        <f t="shared" si="937"/>
        <v>6.1421035666374291</v>
      </c>
      <c r="N4008" s="236">
        <f t="shared" si="938"/>
        <v>4.7005805796767355</v>
      </c>
      <c r="O4008" s="236">
        <f t="shared" si="942"/>
        <v>3.282020763817532</v>
      </c>
      <c r="P4008" s="236" t="str">
        <f t="shared" si="943"/>
        <v>CLAY</v>
      </c>
      <c r="Q4008" s="236">
        <f t="shared" si="939"/>
        <v>185.96993538334027</v>
      </c>
      <c r="R4008" s="238">
        <v>35</v>
      </c>
      <c r="S4008" s="236">
        <f t="shared" si="944"/>
        <v>2.4173327037358212</v>
      </c>
      <c r="T4008" s="236" t="e">
        <f t="shared" si="930"/>
        <v>#N/A</v>
      </c>
    </row>
    <row r="4009" spans="1:20" x14ac:dyDescent="0.2">
      <c r="A4009" s="53">
        <f t="shared" si="931"/>
        <v>3997</v>
      </c>
      <c r="B4009" s="239">
        <v>39.811</v>
      </c>
      <c r="C4009" s="3">
        <f t="shared" si="932"/>
        <v>39.804000000000002</v>
      </c>
      <c r="D4009" s="239">
        <v>2.8906000000000001</v>
      </c>
      <c r="E4009" s="239">
        <v>0.1074</v>
      </c>
      <c r="F4009" s="239">
        <v>1.3727</v>
      </c>
      <c r="G4009">
        <f t="shared" si="933"/>
        <v>3.1651400000000001</v>
      </c>
      <c r="H4009" s="235">
        <f t="shared" si="934"/>
        <v>3.3932148340989654</v>
      </c>
      <c r="I4009" s="236">
        <f t="shared" si="935"/>
        <v>19.178508246048263</v>
      </c>
      <c r="J4009" s="237">
        <f t="shared" si="940"/>
        <v>9.1785082460482634</v>
      </c>
      <c r="K4009" s="237">
        <f t="shared" si="936"/>
        <v>763.38134222570511</v>
      </c>
      <c r="L4009" s="237">
        <f t="shared" si="941"/>
        <v>365.40559178342744</v>
      </c>
      <c r="M4009" s="236">
        <f t="shared" si="937"/>
        <v>6.5728568795350988</v>
      </c>
      <c r="N4009" s="236">
        <f t="shared" si="938"/>
        <v>4.4717232371518696</v>
      </c>
      <c r="O4009" s="236">
        <f t="shared" si="942"/>
        <v>3.2454713563377648</v>
      </c>
      <c r="P4009" s="236" t="str">
        <f t="shared" si="943"/>
        <v>CLAY</v>
      </c>
      <c r="Q4009" s="236">
        <f t="shared" si="939"/>
        <v>200.14655481452459</v>
      </c>
      <c r="R4009" s="238">
        <v>35</v>
      </c>
      <c r="S4009" s="236">
        <f t="shared" si="944"/>
        <v>2.6310719736587727</v>
      </c>
      <c r="T4009" s="236" t="e">
        <f t="shared" si="930"/>
        <v>#N/A</v>
      </c>
    </row>
    <row r="4010" spans="1:20" x14ac:dyDescent="0.2">
      <c r="A4010" s="53">
        <f t="shared" si="931"/>
        <v>3998</v>
      </c>
      <c r="B4010" s="239">
        <v>39.820999999999998</v>
      </c>
      <c r="C4010" s="3">
        <f t="shared" si="932"/>
        <v>39.814</v>
      </c>
      <c r="D4010" s="239">
        <v>3.0823999999999998</v>
      </c>
      <c r="E4010" s="239">
        <v>0.10440000000000001</v>
      </c>
      <c r="F4010" s="239">
        <v>1.3591</v>
      </c>
      <c r="G4010">
        <f t="shared" si="933"/>
        <v>3.3542199999999998</v>
      </c>
      <c r="H4010" s="235">
        <f t="shared" si="934"/>
        <v>3.1124970932139218</v>
      </c>
      <c r="I4010" s="236">
        <f t="shared" si="935"/>
        <v>19.16796679051938</v>
      </c>
      <c r="J4010" s="237">
        <f t="shared" si="940"/>
        <v>9.1679667905193796</v>
      </c>
      <c r="K4010" s="237">
        <f t="shared" si="936"/>
        <v>763.15342979773857</v>
      </c>
      <c r="L4010" s="237">
        <f t="shared" si="941"/>
        <v>365.07760556527222</v>
      </c>
      <c r="M4010" s="236">
        <f t="shared" si="937"/>
        <v>7.097303506717024</v>
      </c>
      <c r="N4010" s="236">
        <f t="shared" si="938"/>
        <v>4.0292287817155712</v>
      </c>
      <c r="O4010" s="236">
        <f t="shared" si="942"/>
        <v>3.1921946966654908</v>
      </c>
      <c r="P4010" s="236" t="str">
        <f t="shared" si="943"/>
        <v>CLAY</v>
      </c>
      <c r="Q4010" s="236">
        <f t="shared" si="939"/>
        <v>215.92221418352176</v>
      </c>
      <c r="R4010" s="238">
        <v>35</v>
      </c>
      <c r="S4010" s="236">
        <f t="shared" si="944"/>
        <v>2.8960545018159789</v>
      </c>
      <c r="T4010" s="236" t="e">
        <f t="shared" si="930"/>
        <v>#N/A</v>
      </c>
    </row>
    <row r="4011" spans="1:20" x14ac:dyDescent="0.2">
      <c r="A4011" s="53">
        <f t="shared" si="931"/>
        <v>3999</v>
      </c>
      <c r="B4011" s="239">
        <v>39.831000000000003</v>
      </c>
      <c r="C4011" s="3">
        <f t="shared" si="932"/>
        <v>39.824000000000005</v>
      </c>
      <c r="D4011" s="239">
        <v>3.2</v>
      </c>
      <c r="E4011" s="239">
        <v>9.9699999999999997E-2</v>
      </c>
      <c r="F4011" s="239">
        <v>1.3237000000000001</v>
      </c>
      <c r="G4011">
        <f t="shared" si="933"/>
        <v>3.4647399999999999</v>
      </c>
      <c r="H4011" s="235">
        <f t="shared" si="934"/>
        <v>2.877560798212853</v>
      </c>
      <c r="I4011" s="236">
        <f t="shared" si="935"/>
        <v>19.126623566798582</v>
      </c>
      <c r="J4011" s="237">
        <f t="shared" si="940"/>
        <v>9.1266235667985818</v>
      </c>
      <c r="K4011" s="237">
        <f t="shared" si="936"/>
        <v>761.69865692418682</v>
      </c>
      <c r="L4011" s="237">
        <f t="shared" si="941"/>
        <v>363.52254328915433</v>
      </c>
      <c r="M4011" s="236">
        <f t="shared" si="937"/>
        <v>7.435691109053864</v>
      </c>
      <c r="N4011" s="236">
        <f t="shared" si="938"/>
        <v>3.6884378500312001</v>
      </c>
      <c r="O4011" s="236">
        <f t="shared" si="942"/>
        <v>3.1537179312303447</v>
      </c>
      <c r="P4011" s="236" t="str">
        <f t="shared" si="943"/>
        <v>CLAY</v>
      </c>
      <c r="Q4011" s="236">
        <f t="shared" si="939"/>
        <v>225.25344525631775</v>
      </c>
      <c r="R4011" s="238">
        <v>35</v>
      </c>
      <c r="S4011" s="236">
        <f t="shared" si="944"/>
        <v>3.0696699577731672</v>
      </c>
      <c r="T4011" s="236" t="e">
        <f t="shared" si="930"/>
        <v>#N/A</v>
      </c>
    </row>
    <row r="4012" spans="1:20" x14ac:dyDescent="0.2">
      <c r="A4012" s="53">
        <f t="shared" si="931"/>
        <v>4000</v>
      </c>
      <c r="B4012" s="239">
        <v>39.840000000000003</v>
      </c>
      <c r="C4012" s="3">
        <f t="shared" si="932"/>
        <v>39.833000000000006</v>
      </c>
      <c r="D4012" s="239">
        <v>3.3098000000000001</v>
      </c>
      <c r="E4012" s="239">
        <v>8.8400000000000006E-2</v>
      </c>
      <c r="F4012" s="239">
        <v>1.1440999999999999</v>
      </c>
      <c r="G4012">
        <f t="shared" si="933"/>
        <v>3.5386199999999999</v>
      </c>
      <c r="H4012" s="235">
        <f t="shared" si="934"/>
        <v>2.498148995936269</v>
      </c>
      <c r="I4012" s="236">
        <f t="shared" si="935"/>
        <v>18.993814704918979</v>
      </c>
      <c r="J4012" s="237">
        <f t="shared" si="940"/>
        <v>8.9938147049189787</v>
      </c>
      <c r="K4012" s="237">
        <f t="shared" si="936"/>
        <v>756.5806211410378</v>
      </c>
      <c r="L4012" s="237">
        <f t="shared" si="941"/>
        <v>358.31357784397215</v>
      </c>
      <c r="M4012" s="236">
        <f t="shared" si="937"/>
        <v>7.7642588807237516</v>
      </c>
      <c r="N4012" s="236">
        <f t="shared" si="938"/>
        <v>3.1775251159908731</v>
      </c>
      <c r="O4012" s="236">
        <f t="shared" si="942"/>
        <v>3.1018501685069215</v>
      </c>
      <c r="P4012" s="236" t="str">
        <f t="shared" si="943"/>
        <v>CLAY</v>
      </c>
      <c r="Q4012" s="236">
        <f t="shared" si="939"/>
        <v>231.83661490491352</v>
      </c>
      <c r="R4012" s="238">
        <v>35</v>
      </c>
      <c r="S4012" s="236">
        <f t="shared" si="944"/>
        <v>3.2401492691938318</v>
      </c>
      <c r="T4012" s="236" t="e">
        <f t="shared" si="930"/>
        <v>#N/A</v>
      </c>
    </row>
    <row r="4013" spans="1:20" x14ac:dyDescent="0.2">
      <c r="A4013" s="53">
        <f t="shared" si="931"/>
        <v>4001</v>
      </c>
      <c r="B4013" s="239">
        <v>39.850999999999999</v>
      </c>
      <c r="C4013" s="3">
        <f t="shared" si="932"/>
        <v>39.844000000000001</v>
      </c>
      <c r="D4013" s="239">
        <v>3.3123999999999998</v>
      </c>
      <c r="E4013" s="239">
        <v>8.1000000000000003E-2</v>
      </c>
      <c r="F4013" s="239">
        <v>1.1186</v>
      </c>
      <c r="G4013">
        <f t="shared" si="933"/>
        <v>3.5361199999999999</v>
      </c>
      <c r="H4013" s="235">
        <f t="shared" si="934"/>
        <v>2.2906462450369331</v>
      </c>
      <c r="I4013" s="236">
        <f t="shared" si="935"/>
        <v>18.891026900487166</v>
      </c>
      <c r="J4013" s="237">
        <f t="shared" si="940"/>
        <v>8.8910269004871658</v>
      </c>
      <c r="K4013" s="237">
        <f t="shared" si="936"/>
        <v>752.69407582301062</v>
      </c>
      <c r="L4013" s="237">
        <f t="shared" si="941"/>
        <v>354.31631301131404</v>
      </c>
      <c r="M4013" s="236">
        <f t="shared" si="937"/>
        <v>7.8557656589977798</v>
      </c>
      <c r="N4013" s="236">
        <f t="shared" si="938"/>
        <v>2.9100828334043163</v>
      </c>
      <c r="O4013" s="236">
        <f t="shared" si="942"/>
        <v>3.0765551173298227</v>
      </c>
      <c r="P4013" s="236" t="str">
        <f t="shared" si="943"/>
        <v>CLAY</v>
      </c>
      <c r="Q4013" s="236">
        <f t="shared" si="939"/>
        <v>231.95216034808243</v>
      </c>
      <c r="R4013" s="238">
        <v>35</v>
      </c>
      <c r="S4013" s="236">
        <f t="shared" si="944"/>
        <v>3.2879534356691469</v>
      </c>
      <c r="T4013" s="236" t="e">
        <f t="shared" si="930"/>
        <v>#N/A</v>
      </c>
    </row>
    <row r="4014" spans="1:20" x14ac:dyDescent="0.2">
      <c r="A4014" s="53">
        <f t="shared" si="931"/>
        <v>4002</v>
      </c>
      <c r="B4014" s="239">
        <v>39.860999999999997</v>
      </c>
      <c r="C4014" s="3">
        <f t="shared" si="932"/>
        <v>39.853999999999999</v>
      </c>
      <c r="D4014" s="239">
        <v>3.2054</v>
      </c>
      <c r="E4014" s="239">
        <v>7.9600000000000004E-2</v>
      </c>
      <c r="F4014" s="239">
        <v>1.0954999999999999</v>
      </c>
      <c r="G4014">
        <f t="shared" si="933"/>
        <v>3.4245000000000001</v>
      </c>
      <c r="H4014" s="235">
        <f t="shared" si="934"/>
        <v>2.3244269236384874</v>
      </c>
      <c r="I4014" s="236">
        <f t="shared" si="935"/>
        <v>18.858045790765519</v>
      </c>
      <c r="J4014" s="237">
        <f t="shared" si="940"/>
        <v>8.8580457907655195</v>
      </c>
      <c r="K4014" s="237">
        <f t="shared" si="936"/>
        <v>751.56855694516901</v>
      </c>
      <c r="L4014" s="237">
        <f t="shared" si="941"/>
        <v>353.09056326570436</v>
      </c>
      <c r="M4014" s="236">
        <f t="shared" si="937"/>
        <v>7.5701016145351412</v>
      </c>
      <c r="N4014" s="236">
        <f t="shared" si="938"/>
        <v>2.9780038020364272</v>
      </c>
      <c r="O4014" s="236">
        <f t="shared" si="942"/>
        <v>3.0955026569239577</v>
      </c>
      <c r="P4014" s="236" t="str">
        <f t="shared" si="943"/>
        <v>CLAY</v>
      </c>
      <c r="Q4014" s="236">
        <f t="shared" si="939"/>
        <v>222.74428692123593</v>
      </c>
      <c r="R4014" s="238">
        <v>35</v>
      </c>
      <c r="S4014" s="236">
        <f t="shared" si="944"/>
        <v>3.1391866955986347</v>
      </c>
      <c r="T4014" s="236" t="e">
        <f t="shared" si="930"/>
        <v>#N/A</v>
      </c>
    </row>
    <row r="4015" spans="1:20" x14ac:dyDescent="0.2">
      <c r="A4015" s="53">
        <f t="shared" si="931"/>
        <v>4003</v>
      </c>
      <c r="B4015" s="239">
        <v>39.869999999999997</v>
      </c>
      <c r="C4015" s="3">
        <f t="shared" si="932"/>
        <v>39.863</v>
      </c>
      <c r="D4015" s="239">
        <v>2.9584999999999999</v>
      </c>
      <c r="E4015" s="239">
        <v>8.3599999999999994E-2</v>
      </c>
      <c r="F4015" s="239">
        <v>1.1375999999999999</v>
      </c>
      <c r="G4015">
        <f t="shared" si="933"/>
        <v>3.1860200000000001</v>
      </c>
      <c r="H4015" s="235">
        <f t="shared" si="934"/>
        <v>2.6239634402797218</v>
      </c>
      <c r="I4015" s="236">
        <f t="shared" si="935"/>
        <v>18.887323651419873</v>
      </c>
      <c r="J4015" s="237">
        <f t="shared" si="940"/>
        <v>8.887323651419873</v>
      </c>
      <c r="K4015" s="237">
        <f t="shared" si="936"/>
        <v>752.90538271655043</v>
      </c>
      <c r="L4015" s="237">
        <f t="shared" si="941"/>
        <v>354.33759398211032</v>
      </c>
      <c r="M4015" s="236">
        <f t="shared" si="937"/>
        <v>6.8666567098897557</v>
      </c>
      <c r="N4015" s="236">
        <f t="shared" si="938"/>
        <v>3.435925270686123</v>
      </c>
      <c r="O4015" s="236">
        <f t="shared" si="942"/>
        <v>3.1650781405854693</v>
      </c>
      <c r="P4015" s="236" t="str">
        <f t="shared" si="943"/>
        <v>CLAY</v>
      </c>
      <c r="Q4015" s="236">
        <f t="shared" si="939"/>
        <v>202.75955144028748</v>
      </c>
      <c r="R4015" s="238">
        <v>35</v>
      </c>
      <c r="S4015" s="236">
        <f t="shared" si="944"/>
        <v>2.7788920643678874</v>
      </c>
      <c r="T4015" s="236" t="e">
        <f t="shared" si="930"/>
        <v>#N/A</v>
      </c>
    </row>
    <row r="4016" spans="1:20" x14ac:dyDescent="0.2">
      <c r="A4016" s="53">
        <f t="shared" si="931"/>
        <v>4004</v>
      </c>
      <c r="B4016" s="239">
        <v>39.881</v>
      </c>
      <c r="C4016" s="3">
        <f t="shared" si="932"/>
        <v>39.874000000000002</v>
      </c>
      <c r="D4016" s="239">
        <v>2.8262</v>
      </c>
      <c r="E4016" s="239">
        <v>8.5500000000000007E-2</v>
      </c>
      <c r="F4016" s="239">
        <v>1.2037</v>
      </c>
      <c r="G4016">
        <f t="shared" si="933"/>
        <v>3.0669399999999998</v>
      </c>
      <c r="H4016" s="235">
        <f t="shared" si="934"/>
        <v>2.7877950008803567</v>
      </c>
      <c r="I4016" s="236">
        <f t="shared" si="935"/>
        <v>18.898786315929783</v>
      </c>
      <c r="J4016" s="237">
        <f t="shared" si="940"/>
        <v>8.8987863159297831</v>
      </c>
      <c r="K4016" s="237">
        <f t="shared" si="936"/>
        <v>753.57020556138423</v>
      </c>
      <c r="L4016" s="237">
        <f t="shared" si="941"/>
        <v>354.89249706559571</v>
      </c>
      <c r="M4016" s="236">
        <f t="shared" si="937"/>
        <v>6.5185086006792341</v>
      </c>
      <c r="N4016" s="236">
        <f t="shared" si="938"/>
        <v>3.6959071656223577</v>
      </c>
      <c r="O4016" s="236">
        <f t="shared" si="942"/>
        <v>3.2014832691634298</v>
      </c>
      <c r="P4016" s="236" t="str">
        <f t="shared" si="943"/>
        <v>CLAY</v>
      </c>
      <c r="Q4016" s="236">
        <f t="shared" si="939"/>
        <v>192.78081620321794</v>
      </c>
      <c r="R4016" s="238">
        <v>35</v>
      </c>
      <c r="S4016" s="236">
        <f t="shared" si="944"/>
        <v>2.6039060597025769</v>
      </c>
      <c r="T4016" s="236" t="e">
        <f t="shared" si="930"/>
        <v>#N/A</v>
      </c>
    </row>
    <row r="4017" spans="1:20" x14ac:dyDescent="0.2">
      <c r="A4017" s="53">
        <f t="shared" si="931"/>
        <v>4005</v>
      </c>
      <c r="B4017" s="239">
        <v>39.89</v>
      </c>
      <c r="C4017" s="3">
        <f t="shared" si="932"/>
        <v>39.883000000000003</v>
      </c>
      <c r="D4017" s="239">
        <v>2.9175</v>
      </c>
      <c r="E4017" s="239">
        <v>8.9300000000000004E-2</v>
      </c>
      <c r="F4017" s="239">
        <v>1.1471</v>
      </c>
      <c r="G4017">
        <f t="shared" si="933"/>
        <v>3.1469199999999997</v>
      </c>
      <c r="H4017" s="235">
        <f t="shared" si="934"/>
        <v>2.8376952702960359</v>
      </c>
      <c r="I4017" s="236">
        <f t="shared" si="935"/>
        <v>18.959839125683107</v>
      </c>
      <c r="J4017" s="237">
        <f t="shared" si="940"/>
        <v>8.9598391256831071</v>
      </c>
      <c r="K4017" s="237">
        <f t="shared" si="936"/>
        <v>756.17526384961945</v>
      </c>
      <c r="L4017" s="237">
        <f t="shared" si="941"/>
        <v>357.40798272349917</v>
      </c>
      <c r="M4017" s="236">
        <f t="shared" si="937"/>
        <v>6.6891195824238965</v>
      </c>
      <c r="N4017" s="236">
        <f t="shared" si="938"/>
        <v>3.7352377545664903</v>
      </c>
      <c r="O4017" s="236">
        <f t="shared" si="942"/>
        <v>3.194757901547856</v>
      </c>
      <c r="P4017" s="236" t="str">
        <f t="shared" si="943"/>
        <v>CLAY</v>
      </c>
      <c r="Q4017" s="236">
        <f t="shared" si="939"/>
        <v>199.22872801253166</v>
      </c>
      <c r="R4017" s="238">
        <v>35</v>
      </c>
      <c r="S4017" s="236">
        <f t="shared" si="944"/>
        <v>2.6893740414599341</v>
      </c>
      <c r="T4017" s="236" t="e">
        <f t="shared" si="930"/>
        <v>#N/A</v>
      </c>
    </row>
    <row r="4018" spans="1:20" x14ac:dyDescent="0.2">
      <c r="A4018" s="53">
        <f t="shared" si="931"/>
        <v>4006</v>
      </c>
      <c r="B4018" s="239">
        <v>39.9</v>
      </c>
      <c r="C4018" s="3">
        <f t="shared" si="932"/>
        <v>39.893000000000001</v>
      </c>
      <c r="D4018" s="239">
        <v>2.8954</v>
      </c>
      <c r="E4018" s="239">
        <v>9.8699999999999996E-2</v>
      </c>
      <c r="F4018" s="239">
        <v>1.2732000000000001</v>
      </c>
      <c r="G4018">
        <f t="shared" si="933"/>
        <v>3.1500399999999997</v>
      </c>
      <c r="H4018" s="235">
        <f t="shared" si="934"/>
        <v>3.133293545478788</v>
      </c>
      <c r="I4018" s="236">
        <f t="shared" si="935"/>
        <v>19.07758382833514</v>
      </c>
      <c r="J4018" s="237">
        <f t="shared" si="940"/>
        <v>9.0775838283351398</v>
      </c>
      <c r="K4018" s="237">
        <f t="shared" si="936"/>
        <v>761.06205166377379</v>
      </c>
      <c r="L4018" s="237">
        <f t="shared" si="941"/>
        <v>362.19559475057207</v>
      </c>
      <c r="M4018" s="236">
        <f t="shared" si="937"/>
        <v>6.5958227625087718</v>
      </c>
      <c r="N4018" s="236">
        <f t="shared" si="938"/>
        <v>4.13147388274297</v>
      </c>
      <c r="O4018" s="236">
        <f t="shared" si="942"/>
        <v>3.2245397453877027</v>
      </c>
      <c r="P4018" s="236" t="str">
        <f t="shared" si="943"/>
        <v>CLAY</v>
      </c>
      <c r="Q4018" s="236">
        <f t="shared" si="939"/>
        <v>199.08149569468549</v>
      </c>
      <c r="R4018" s="238">
        <v>35</v>
      </c>
      <c r="S4018" s="236">
        <f t="shared" si="944"/>
        <v>2.6425683556873047</v>
      </c>
      <c r="T4018" s="236" t="e">
        <f t="shared" si="930"/>
        <v>#N/A</v>
      </c>
    </row>
    <row r="4019" spans="1:20" x14ac:dyDescent="0.2">
      <c r="A4019" s="53">
        <f t="shared" si="931"/>
        <v>4007</v>
      </c>
      <c r="B4019" s="239">
        <v>39.909999999999997</v>
      </c>
      <c r="C4019" s="3">
        <f t="shared" si="932"/>
        <v>39.902999999999999</v>
      </c>
      <c r="D4019" s="239">
        <v>2.9517000000000002</v>
      </c>
      <c r="E4019" s="239">
        <v>0.1026</v>
      </c>
      <c r="F4019" s="239">
        <v>1.3705000000000001</v>
      </c>
      <c r="G4019">
        <f t="shared" si="933"/>
        <v>3.2258</v>
      </c>
      <c r="H4019" s="235">
        <f t="shared" si="934"/>
        <v>3.1806063612127224</v>
      </c>
      <c r="I4019" s="236">
        <f t="shared" si="935"/>
        <v>19.132314622295446</v>
      </c>
      <c r="J4019" s="237">
        <f t="shared" si="940"/>
        <v>9.1323146222954463</v>
      </c>
      <c r="K4019" s="237">
        <f t="shared" si="936"/>
        <v>763.4367503734552</v>
      </c>
      <c r="L4019" s="237">
        <f t="shared" si="941"/>
        <v>364.47067657581124</v>
      </c>
      <c r="M4019" s="236">
        <f t="shared" si="937"/>
        <v>6.7559982404081396</v>
      </c>
      <c r="N4019" s="236">
        <f t="shared" si="938"/>
        <v>4.1667288534931171</v>
      </c>
      <c r="O4019" s="236">
        <f t="shared" si="942"/>
        <v>3.2180873069040152</v>
      </c>
      <c r="P4019" s="236" t="str">
        <f t="shared" si="943"/>
        <v>CLAY</v>
      </c>
      <c r="Q4019" s="236">
        <f t="shared" si="939"/>
        <v>205.19693746887876</v>
      </c>
      <c r="R4019" s="238">
        <v>35</v>
      </c>
      <c r="S4019" s="236">
        <f t="shared" si="944"/>
        <v>2.7230268170786278</v>
      </c>
      <c r="T4019" s="236" t="e">
        <f t="shared" si="930"/>
        <v>#N/A</v>
      </c>
    </row>
    <row r="4020" spans="1:20" x14ac:dyDescent="0.2">
      <c r="A4020" s="53">
        <f t="shared" si="931"/>
        <v>4008</v>
      </c>
      <c r="B4020" s="239">
        <v>39.918999999999997</v>
      </c>
      <c r="C4020" s="3">
        <f t="shared" si="932"/>
        <v>39.911999999999999</v>
      </c>
      <c r="D4020" s="239">
        <v>3.2374999999999998</v>
      </c>
      <c r="E4020" s="239">
        <v>9.8799999999999999E-2</v>
      </c>
      <c r="F4020" s="239">
        <v>1.3907</v>
      </c>
      <c r="G4020">
        <f t="shared" si="933"/>
        <v>3.5156399999999999</v>
      </c>
      <c r="H4020" s="235">
        <f t="shared" si="934"/>
        <v>2.8102991205015302</v>
      </c>
      <c r="I4020" s="236">
        <f t="shared" si="935"/>
        <v>19.121690762171063</v>
      </c>
      <c r="J4020" s="237">
        <f t="shared" si="940"/>
        <v>9.1216907621710632</v>
      </c>
      <c r="K4020" s="237">
        <f t="shared" si="936"/>
        <v>763.18492169977151</v>
      </c>
      <c r="L4020" s="237">
        <f t="shared" si="941"/>
        <v>364.12877353510663</v>
      </c>
      <c r="M4020" s="236">
        <f t="shared" si="937"/>
        <v>7.559015596538285</v>
      </c>
      <c r="N4020" s="236">
        <f t="shared" si="938"/>
        <v>3.5895227057080139</v>
      </c>
      <c r="O4020" s="236">
        <f t="shared" si="942"/>
        <v>3.1411475145880718</v>
      </c>
      <c r="P4020" s="236" t="str">
        <f t="shared" si="943"/>
        <v>CLAY</v>
      </c>
      <c r="Q4020" s="236">
        <f t="shared" si="939"/>
        <v>229.37125652501902</v>
      </c>
      <c r="R4020" s="238">
        <v>35</v>
      </c>
      <c r="S4020" s="236">
        <f t="shared" si="944"/>
        <v>3.1334412794378781</v>
      </c>
      <c r="T4020" s="236" t="e">
        <f t="shared" si="930"/>
        <v>#N/A</v>
      </c>
    </row>
    <row r="4021" spans="1:20" x14ac:dyDescent="0.2">
      <c r="A4021" s="53">
        <f t="shared" si="931"/>
        <v>4009</v>
      </c>
      <c r="B4021" s="239">
        <v>39.929000000000002</v>
      </c>
      <c r="C4021" s="3">
        <f t="shared" si="932"/>
        <v>39.922000000000004</v>
      </c>
      <c r="D4021" s="239">
        <v>3.5432999999999999</v>
      </c>
      <c r="E4021" s="239">
        <v>9.5000000000000001E-2</v>
      </c>
      <c r="F4021" s="239">
        <v>1.3383</v>
      </c>
      <c r="G4021">
        <f t="shared" si="933"/>
        <v>3.8109599999999997</v>
      </c>
      <c r="H4021" s="235">
        <f t="shared" si="934"/>
        <v>2.4928102105506227</v>
      </c>
      <c r="I4021" s="236">
        <f t="shared" si="935"/>
        <v>19.10722774004266</v>
      </c>
      <c r="J4021" s="237">
        <f t="shared" si="940"/>
        <v>9.10722774004266</v>
      </c>
      <c r="K4021" s="237">
        <f t="shared" si="936"/>
        <v>762.79874583798312</v>
      </c>
      <c r="L4021" s="237">
        <f t="shared" si="941"/>
        <v>363.6424964321634</v>
      </c>
      <c r="M4021" s="236">
        <f t="shared" si="937"/>
        <v>8.3823020798413292</v>
      </c>
      <c r="N4021" s="236">
        <f t="shared" si="938"/>
        <v>3.1166330150770474</v>
      </c>
      <c r="O4021" s="236">
        <f t="shared" si="942"/>
        <v>3.0695401947271206</v>
      </c>
      <c r="P4021" s="236" t="str">
        <f t="shared" si="943"/>
        <v>CLAY</v>
      </c>
      <c r="Q4021" s="236">
        <f t="shared" si="939"/>
        <v>254.01343784683471</v>
      </c>
      <c r="R4021" s="238">
        <v>35</v>
      </c>
      <c r="S4021" s="236">
        <f t="shared" si="944"/>
        <v>3.5656946008568537</v>
      </c>
      <c r="T4021" s="236" t="e">
        <f t="shared" si="930"/>
        <v>#N/A</v>
      </c>
    </row>
    <row r="4022" spans="1:20" x14ac:dyDescent="0.2">
      <c r="A4022" s="53">
        <f t="shared" si="931"/>
        <v>4010</v>
      </c>
      <c r="B4022" s="239">
        <v>39.94</v>
      </c>
      <c r="C4022" s="3">
        <f t="shared" si="932"/>
        <v>39.933</v>
      </c>
      <c r="D4022" s="239">
        <v>3.6968000000000001</v>
      </c>
      <c r="E4022" s="239">
        <v>9.0200000000000002E-2</v>
      </c>
      <c r="F4022" s="239">
        <v>1.2155</v>
      </c>
      <c r="G4022">
        <f t="shared" si="933"/>
        <v>3.9399000000000002</v>
      </c>
      <c r="H4022" s="235">
        <f t="shared" si="934"/>
        <v>2.2893982080763471</v>
      </c>
      <c r="I4022" s="236">
        <f t="shared" si="935"/>
        <v>19.059437384830524</v>
      </c>
      <c r="J4022" s="237">
        <f t="shared" si="940"/>
        <v>9.0594373848305239</v>
      </c>
      <c r="K4022" s="237">
        <f t="shared" si="936"/>
        <v>761.10051308843731</v>
      </c>
      <c r="L4022" s="237">
        <f t="shared" si="941"/>
        <v>361.8339291501311</v>
      </c>
      <c r="M4022" s="236">
        <f t="shared" si="937"/>
        <v>8.7852443643907829</v>
      </c>
      <c r="N4022" s="236">
        <f t="shared" si="938"/>
        <v>2.8375492185458961</v>
      </c>
      <c r="O4022" s="236">
        <f t="shared" si="942"/>
        <v>3.0299602738372706</v>
      </c>
      <c r="P4022" s="236" t="str">
        <f t="shared" si="943"/>
        <v>CLAY</v>
      </c>
      <c r="Q4022" s="236">
        <f t="shared" si="939"/>
        <v>264.89995724263025</v>
      </c>
      <c r="R4022" s="238">
        <v>35</v>
      </c>
      <c r="S4022" s="236">
        <f t="shared" si="944"/>
        <v>3.7812232203996174</v>
      </c>
      <c r="T4022" s="236" t="e">
        <f t="shared" si="930"/>
        <v>#N/A</v>
      </c>
    </row>
    <row r="4023" spans="1:20" x14ac:dyDescent="0.2">
      <c r="A4023" s="53">
        <f t="shared" si="931"/>
        <v>4011</v>
      </c>
      <c r="B4023" s="239">
        <v>39.948999999999998</v>
      </c>
      <c r="C4023" s="3">
        <f t="shared" si="932"/>
        <v>39.942</v>
      </c>
      <c r="D4023" s="239">
        <v>3.7212999999999998</v>
      </c>
      <c r="E4023" s="239">
        <v>8.5400000000000004E-2</v>
      </c>
      <c r="F4023" s="239">
        <v>1.1619999999999999</v>
      </c>
      <c r="G4023">
        <f t="shared" si="933"/>
        <v>3.9536999999999995</v>
      </c>
      <c r="H4023" s="235">
        <f t="shared" si="934"/>
        <v>2.1600020234210997</v>
      </c>
      <c r="I4023" s="236">
        <f t="shared" si="935"/>
        <v>18.99668264667698</v>
      </c>
      <c r="J4023" s="237">
        <f t="shared" si="940"/>
        <v>8.9966826466769803</v>
      </c>
      <c r="K4023" s="237">
        <f t="shared" si="936"/>
        <v>758.76549827357189</v>
      </c>
      <c r="L4023" s="237">
        <f t="shared" si="941"/>
        <v>359.40847505209865</v>
      </c>
      <c r="M4023" s="236">
        <f t="shared" si="937"/>
        <v>8.8894244946875567</v>
      </c>
      <c r="N4023" s="236">
        <f t="shared" si="938"/>
        <v>2.6729812443370253</v>
      </c>
      <c r="O4023" s="236">
        <f t="shared" si="942"/>
        <v>3.0114238538950979</v>
      </c>
      <c r="P4023" s="236" t="str">
        <f t="shared" si="943"/>
        <v>CLAY</v>
      </c>
      <c r="Q4023" s="236">
        <f t="shared" si="939"/>
        <v>266.24454181053562</v>
      </c>
      <c r="R4023" s="238">
        <v>35</v>
      </c>
      <c r="S4023" s="236">
        <f t="shared" si="944"/>
        <v>3.8373557700242382</v>
      </c>
      <c r="T4023" s="236" t="e">
        <f t="shared" si="930"/>
        <v>#N/A</v>
      </c>
    </row>
    <row r="4024" spans="1:20" x14ac:dyDescent="0.2">
      <c r="A4024" s="53">
        <f t="shared" si="931"/>
        <v>4012</v>
      </c>
      <c r="B4024" s="239">
        <v>39.959000000000003</v>
      </c>
      <c r="C4024" s="3">
        <f t="shared" si="932"/>
        <v>39.952000000000005</v>
      </c>
      <c r="D4024" s="239">
        <v>3.8372999999999999</v>
      </c>
      <c r="E4024" s="239">
        <v>8.7099999999999997E-2</v>
      </c>
      <c r="F4024" s="239">
        <v>1.1439999999999999</v>
      </c>
      <c r="G4024">
        <f t="shared" si="933"/>
        <v>4.0660999999999996</v>
      </c>
      <c r="H4024" s="235">
        <f t="shared" si="934"/>
        <v>2.1421017682791863</v>
      </c>
      <c r="I4024" s="236">
        <f t="shared" si="935"/>
        <v>19.030752322667944</v>
      </c>
      <c r="J4024" s="237">
        <f t="shared" si="940"/>
        <v>9.0307523226679436</v>
      </c>
      <c r="K4024" s="237">
        <f t="shared" si="936"/>
        <v>760.31661679522983</v>
      </c>
      <c r="L4024" s="237">
        <f t="shared" si="941"/>
        <v>360.85983206148836</v>
      </c>
      <c r="M4024" s="236">
        <f t="shared" si="937"/>
        <v>9.1608516368246935</v>
      </c>
      <c r="N4024" s="236">
        <f t="shared" si="938"/>
        <v>2.634776387422018</v>
      </c>
      <c r="O4024" s="236">
        <f t="shared" si="942"/>
        <v>2.9970695482548364</v>
      </c>
      <c r="P4024" s="236" t="str">
        <f t="shared" si="943"/>
        <v>CLAY</v>
      </c>
      <c r="Q4024" s="236">
        <f t="shared" si="939"/>
        <v>275.48194860039746</v>
      </c>
      <c r="R4024" s="238">
        <v>35</v>
      </c>
      <c r="S4024" s="236">
        <f t="shared" si="944"/>
        <v>3.9843714612880645</v>
      </c>
      <c r="T4024" s="236" t="e">
        <f t="shared" si="930"/>
        <v>#N/A</v>
      </c>
    </row>
    <row r="4025" spans="1:20" x14ac:dyDescent="0.2">
      <c r="A4025" s="53">
        <f t="shared" si="931"/>
        <v>4013</v>
      </c>
      <c r="B4025" s="239">
        <v>39.968000000000004</v>
      </c>
      <c r="C4025" s="3">
        <f t="shared" si="932"/>
        <v>39.961000000000006</v>
      </c>
      <c r="D4025" s="239">
        <v>3.7223000000000002</v>
      </c>
      <c r="E4025" s="239">
        <v>9.5000000000000001E-2</v>
      </c>
      <c r="F4025" s="239">
        <v>1.07</v>
      </c>
      <c r="G4025">
        <f t="shared" si="933"/>
        <v>3.9363000000000001</v>
      </c>
      <c r="H4025" s="235">
        <f t="shared" si="934"/>
        <v>2.4134339354215886</v>
      </c>
      <c r="I4025" s="236">
        <f t="shared" si="935"/>
        <v>19.119876159852662</v>
      </c>
      <c r="J4025" s="237">
        <f t="shared" si="940"/>
        <v>9.1198761598526623</v>
      </c>
      <c r="K4025" s="237">
        <f t="shared" si="936"/>
        <v>764.0493712238723</v>
      </c>
      <c r="L4025" s="237">
        <f t="shared" si="941"/>
        <v>364.50321035699125</v>
      </c>
      <c r="M4025" s="236">
        <f t="shared" si="937"/>
        <v>8.7029429059602901</v>
      </c>
      <c r="N4025" s="236">
        <f t="shared" si="938"/>
        <v>2.9947192424909859</v>
      </c>
      <c r="O4025" s="236">
        <f t="shared" si="942"/>
        <v>3.0463442901142375</v>
      </c>
      <c r="P4025" s="236" t="str">
        <f t="shared" si="943"/>
        <v>CLAY</v>
      </c>
      <c r="Q4025" s="236">
        <f t="shared" si="939"/>
        <v>264.35421906467735</v>
      </c>
      <c r="R4025" s="238">
        <v>35</v>
      </c>
      <c r="S4025" s="236">
        <f t="shared" si="944"/>
        <v>3.7369963761213554</v>
      </c>
      <c r="T4025" s="236" t="e">
        <f t="shared" si="930"/>
        <v>#N/A</v>
      </c>
    </row>
    <row r="4026" spans="1:20" x14ac:dyDescent="0.2">
      <c r="A4026" s="53">
        <f t="shared" si="931"/>
        <v>4014</v>
      </c>
      <c r="B4026" s="239">
        <v>39.978999999999999</v>
      </c>
      <c r="C4026" s="3">
        <f t="shared" si="932"/>
        <v>39.972000000000001</v>
      </c>
      <c r="D4026" s="239">
        <v>3.7058</v>
      </c>
      <c r="E4026" s="239">
        <v>9.5600000000000004E-2</v>
      </c>
      <c r="F4026" s="239">
        <v>1.0085</v>
      </c>
      <c r="G4026">
        <f t="shared" si="933"/>
        <v>3.9074999999999998</v>
      </c>
      <c r="H4026" s="235">
        <f t="shared" si="934"/>
        <v>2.446577095329495</v>
      </c>
      <c r="I4026" s="236">
        <f t="shared" si="935"/>
        <v>19.124388451550058</v>
      </c>
      <c r="J4026" s="237">
        <f t="shared" si="940"/>
        <v>9.1243884515500575</v>
      </c>
      <c r="K4026" s="237">
        <f t="shared" si="936"/>
        <v>764.44005518535891</v>
      </c>
      <c r="L4026" s="237">
        <f t="shared" si="941"/>
        <v>364.78392590451972</v>
      </c>
      <c r="M4026" s="236">
        <f t="shared" si="937"/>
        <v>8.6162238015863668</v>
      </c>
      <c r="N4026" s="236">
        <f t="shared" si="938"/>
        <v>3.041621912357066</v>
      </c>
      <c r="O4026" s="236">
        <f t="shared" si="942"/>
        <v>3.0537166659789254</v>
      </c>
      <c r="P4026" s="236" t="str">
        <f t="shared" si="943"/>
        <v>CLAY</v>
      </c>
      <c r="Q4026" s="236">
        <f t="shared" si="939"/>
        <v>261.9216620678867</v>
      </c>
      <c r="R4026" s="238">
        <v>35</v>
      </c>
      <c r="S4026" s="236">
        <f t="shared" si="944"/>
        <v>3.6905086060389047</v>
      </c>
      <c r="T4026" s="236" t="e">
        <f t="shared" si="930"/>
        <v>#N/A</v>
      </c>
    </row>
    <row r="4027" spans="1:20" x14ac:dyDescent="0.2">
      <c r="A4027" s="53">
        <f t="shared" si="931"/>
        <v>4015</v>
      </c>
      <c r="B4027" s="239">
        <v>39.988999999999997</v>
      </c>
      <c r="C4027" s="3">
        <f t="shared" si="932"/>
        <v>39.981999999999999</v>
      </c>
      <c r="D4027" s="239">
        <v>3.6139000000000001</v>
      </c>
      <c r="E4027" s="239">
        <v>0.1013</v>
      </c>
      <c r="F4027" s="239">
        <v>1.0232000000000001</v>
      </c>
      <c r="G4027">
        <f t="shared" si="933"/>
        <v>3.81854</v>
      </c>
      <c r="H4027" s="235">
        <f t="shared" si="934"/>
        <v>2.6528463758399807</v>
      </c>
      <c r="I4027" s="236">
        <f t="shared" si="935"/>
        <v>19.183296166713895</v>
      </c>
      <c r="J4027" s="237">
        <f t="shared" si="940"/>
        <v>9.1832961667138946</v>
      </c>
      <c r="K4027" s="237">
        <f t="shared" si="936"/>
        <v>766.98654733755495</v>
      </c>
      <c r="L4027" s="237">
        <f t="shared" si="941"/>
        <v>367.23083041072192</v>
      </c>
      <c r="M4027" s="236">
        <f t="shared" si="937"/>
        <v>8.309633069885491</v>
      </c>
      <c r="N4027" s="236">
        <f t="shared" si="938"/>
        <v>3.3196206971769384</v>
      </c>
      <c r="O4027" s="236">
        <f t="shared" si="942"/>
        <v>3.0880449791991453</v>
      </c>
      <c r="P4027" s="236" t="str">
        <f t="shared" si="943"/>
        <v>CLAY</v>
      </c>
      <c r="Q4027" s="236">
        <f t="shared" si="939"/>
        <v>254.29612105520377</v>
      </c>
      <c r="R4027" s="238">
        <v>35</v>
      </c>
      <c r="S4027" s="236">
        <f t="shared" si="944"/>
        <v>3.5270963005166966</v>
      </c>
      <c r="T4027" s="236" t="e">
        <f t="shared" si="930"/>
        <v>#N/A</v>
      </c>
    </row>
    <row r="4028" spans="1:20" x14ac:dyDescent="0.2">
      <c r="A4028" s="53">
        <f t="shared" si="931"/>
        <v>4016</v>
      </c>
      <c r="B4028" s="239">
        <v>39.997999999999998</v>
      </c>
      <c r="C4028" s="3">
        <f t="shared" si="932"/>
        <v>39.991</v>
      </c>
      <c r="D4028" s="239">
        <v>3.6202000000000001</v>
      </c>
      <c r="E4028" s="239">
        <v>0.1084</v>
      </c>
      <c r="F4028" s="239">
        <v>1.0629</v>
      </c>
      <c r="G4028">
        <f t="shared" si="933"/>
        <v>3.8327800000000001</v>
      </c>
      <c r="H4028" s="235">
        <f t="shared" si="934"/>
        <v>2.8282343364346505</v>
      </c>
      <c r="I4028" s="236">
        <f t="shared" si="935"/>
        <v>19.26418461880904</v>
      </c>
      <c r="J4028" s="237">
        <f t="shared" si="940"/>
        <v>9.2641846188090398</v>
      </c>
      <c r="K4028" s="237">
        <f t="shared" si="936"/>
        <v>770.39400709079234</v>
      </c>
      <c r="L4028" s="237">
        <f t="shared" si="941"/>
        <v>370.54885638312396</v>
      </c>
      <c r="M4028" s="236">
        <f t="shared" si="937"/>
        <v>8.2644594367413067</v>
      </c>
      <c r="N4028" s="236">
        <f t="shared" si="938"/>
        <v>3.5397236093358071</v>
      </c>
      <c r="O4028" s="236">
        <f t="shared" si="942"/>
        <v>3.1057956504074924</v>
      </c>
      <c r="P4028" s="236" t="str">
        <f t="shared" si="943"/>
        <v>CLAY</v>
      </c>
      <c r="Q4028" s="236">
        <f t="shared" si="939"/>
        <v>255.19883274243398</v>
      </c>
      <c r="R4028" s="238">
        <v>35</v>
      </c>
      <c r="S4028" s="236">
        <f t="shared" si="944"/>
        <v>3.5031446811036733</v>
      </c>
      <c r="T4028" s="236" t="e">
        <f t="shared" si="930"/>
        <v>#N/A</v>
      </c>
    </row>
    <row r="4029" spans="1:20" x14ac:dyDescent="0.2">
      <c r="A4029" s="53">
        <f t="shared" si="931"/>
        <v>4017</v>
      </c>
      <c r="B4029" s="239">
        <v>40.009</v>
      </c>
      <c r="C4029" s="3">
        <f t="shared" si="932"/>
        <v>40.002000000000002</v>
      </c>
      <c r="D4029" s="239">
        <v>3.6042999999999998</v>
      </c>
      <c r="E4029" s="239">
        <v>0.1115</v>
      </c>
      <c r="F4029" s="239">
        <v>1.0818000000000001</v>
      </c>
      <c r="G4029">
        <f t="shared" si="933"/>
        <v>3.8206599999999997</v>
      </c>
      <c r="H4029" s="235">
        <f t="shared" si="934"/>
        <v>2.9183439510451077</v>
      </c>
      <c r="I4029" s="236">
        <f t="shared" si="935"/>
        <v>19.296009748762131</v>
      </c>
      <c r="J4029" s="237">
        <f t="shared" si="940"/>
        <v>9.2960097487621312</v>
      </c>
      <c r="K4029" s="237">
        <f t="shared" si="936"/>
        <v>771.87898196998287</v>
      </c>
      <c r="L4029" s="237">
        <f t="shared" si="941"/>
        <v>371.92405403822409</v>
      </c>
      <c r="M4029" s="236">
        <f t="shared" si="937"/>
        <v>8.1973214287363145</v>
      </c>
      <c r="N4029" s="236">
        <f t="shared" si="938"/>
        <v>3.6571993639623943</v>
      </c>
      <c r="O4029" s="236">
        <f t="shared" si="942"/>
        <v>3.116798370191221</v>
      </c>
      <c r="P4029" s="236" t="str">
        <f t="shared" si="943"/>
        <v>CLAY</v>
      </c>
      <c r="Q4029" s="236">
        <f t="shared" si="939"/>
        <v>254.06508483583477</v>
      </c>
      <c r="R4029" s="238">
        <v>35</v>
      </c>
      <c r="S4029" s="236">
        <f t="shared" si="944"/>
        <v>3.4676077473590783</v>
      </c>
      <c r="T4029" s="236" t="e">
        <f t="shared" si="930"/>
        <v>#N/A</v>
      </c>
    </row>
    <row r="4030" spans="1:20" x14ac:dyDescent="0.2">
      <c r="A4030" s="53">
        <f t="shared" si="931"/>
        <v>4018</v>
      </c>
      <c r="B4030" s="239">
        <v>40.018000000000001</v>
      </c>
      <c r="C4030" s="3">
        <f t="shared" si="932"/>
        <v>40.011000000000003</v>
      </c>
      <c r="D4030" s="239">
        <v>3.6613000000000002</v>
      </c>
      <c r="E4030" s="239">
        <v>0.1057</v>
      </c>
      <c r="F4030" s="239">
        <v>0.99890000000000001</v>
      </c>
      <c r="G4030">
        <f t="shared" si="933"/>
        <v>3.8610800000000003</v>
      </c>
      <c r="H4030" s="235">
        <f t="shared" si="934"/>
        <v>2.7375760150009842</v>
      </c>
      <c r="I4030" s="236">
        <f t="shared" si="935"/>
        <v>19.23748344022188</v>
      </c>
      <c r="J4030" s="237">
        <f t="shared" si="940"/>
        <v>9.2374834402218795</v>
      </c>
      <c r="K4030" s="237">
        <f t="shared" si="936"/>
        <v>769.71094992671772</v>
      </c>
      <c r="L4030" s="237">
        <f t="shared" si="941"/>
        <v>369.66561231079919</v>
      </c>
      <c r="M4030" s="236">
        <f t="shared" si="937"/>
        <v>8.3626091990244156</v>
      </c>
      <c r="N4030" s="236">
        <f t="shared" si="938"/>
        <v>3.4191970705501604</v>
      </c>
      <c r="O4030" s="236">
        <f t="shared" si="942"/>
        <v>3.0930263752610609</v>
      </c>
      <c r="P4030" s="236" t="str">
        <f t="shared" si="943"/>
        <v>CLAY</v>
      </c>
      <c r="Q4030" s="236">
        <f t="shared" si="939"/>
        <v>257.6140875061069</v>
      </c>
      <c r="R4030" s="238">
        <v>35</v>
      </c>
      <c r="S4030" s="236">
        <f t="shared" si="944"/>
        <v>3.5552263898228862</v>
      </c>
      <c r="T4030" s="236" t="e">
        <f t="shared" si="930"/>
        <v>#N/A</v>
      </c>
    </row>
    <row r="4031" spans="1:20" x14ac:dyDescent="0.2">
      <c r="A4031" s="53">
        <f t="shared" si="931"/>
        <v>4019</v>
      </c>
      <c r="B4031" s="239">
        <v>40.029000000000003</v>
      </c>
      <c r="C4031" s="3">
        <f t="shared" si="932"/>
        <v>40.022000000000006</v>
      </c>
      <c r="D4031" s="239">
        <v>3.7726999999999999</v>
      </c>
      <c r="E4031" s="239">
        <v>0.10009999999999999</v>
      </c>
      <c r="F4031" s="239">
        <v>0.90129999999999999</v>
      </c>
      <c r="G4031">
        <f t="shared" si="933"/>
        <v>3.95296</v>
      </c>
      <c r="H4031" s="235">
        <f t="shared" si="934"/>
        <v>2.5322796081923418</v>
      </c>
      <c r="I4031" s="236">
        <f t="shared" si="935"/>
        <v>19.182845241342278</v>
      </c>
      <c r="J4031" s="237">
        <f t="shared" si="940"/>
        <v>9.1828452413422781</v>
      </c>
      <c r="K4031" s="237">
        <f t="shared" si="936"/>
        <v>767.73583224900074</v>
      </c>
      <c r="L4031" s="237">
        <f t="shared" si="941"/>
        <v>367.58011216569008</v>
      </c>
      <c r="M4031" s="236">
        <f t="shared" si="937"/>
        <v>8.6653876592627803</v>
      </c>
      <c r="N4031" s="236">
        <f t="shared" si="938"/>
        <v>3.1426359567866116</v>
      </c>
      <c r="O4031" s="236">
        <f t="shared" si="942"/>
        <v>3.0596072578746383</v>
      </c>
      <c r="P4031" s="236" t="str">
        <f t="shared" si="943"/>
        <v>CLAY</v>
      </c>
      <c r="Q4031" s="236">
        <f t="shared" si="939"/>
        <v>265.43534731258325</v>
      </c>
      <c r="R4031" s="238">
        <v>35</v>
      </c>
      <c r="S4031" s="236">
        <f t="shared" si="944"/>
        <v>3.7168497374456164</v>
      </c>
      <c r="T4031" s="236" t="e">
        <f t="shared" si="930"/>
        <v>#N/A</v>
      </c>
    </row>
    <row r="4032" spans="1:20" x14ac:dyDescent="0.2">
      <c r="A4032" s="53">
        <f t="shared" si="931"/>
        <v>4020</v>
      </c>
      <c r="B4032" s="239">
        <v>40.037999999999997</v>
      </c>
      <c r="C4032" s="3">
        <f t="shared" si="932"/>
        <v>40.030999999999999</v>
      </c>
      <c r="D4032" s="239">
        <v>3.9986999999999999</v>
      </c>
      <c r="E4032" s="239">
        <v>9.7500000000000003E-2</v>
      </c>
      <c r="F4032" s="239">
        <v>0.86209999999999998</v>
      </c>
      <c r="G4032">
        <f t="shared" si="933"/>
        <v>4.1711200000000002</v>
      </c>
      <c r="H4032" s="235">
        <f t="shared" si="934"/>
        <v>2.3375016782063329</v>
      </c>
      <c r="I4032" s="236">
        <f t="shared" si="935"/>
        <v>19.172982932685969</v>
      </c>
      <c r="J4032" s="237">
        <f t="shared" si="940"/>
        <v>9.1729829326859686</v>
      </c>
      <c r="K4032" s="237">
        <f t="shared" si="936"/>
        <v>767.51367977835196</v>
      </c>
      <c r="L4032" s="237">
        <f t="shared" si="941"/>
        <v>367.26789065888079</v>
      </c>
      <c r="M4032" s="236">
        <f t="shared" si="937"/>
        <v>9.2673669732345996</v>
      </c>
      <c r="N4032" s="236">
        <f t="shared" si="938"/>
        <v>2.8646086188267117</v>
      </c>
      <c r="O4032" s="236">
        <f t="shared" si="942"/>
        <v>3.0129346924956568</v>
      </c>
      <c r="P4032" s="236" t="str">
        <f t="shared" si="943"/>
        <v>CLAY</v>
      </c>
      <c r="Q4032" s="236">
        <f t="shared" si="939"/>
        <v>283.63386001847067</v>
      </c>
      <c r="R4032" s="238">
        <v>35</v>
      </c>
      <c r="S4032" s="236">
        <f t="shared" si="944"/>
        <v>4.0423643913215583</v>
      </c>
      <c r="T4032" s="236" t="e">
        <f t="shared" si="930"/>
        <v>#N/A</v>
      </c>
    </row>
    <row r="4033" spans="1:20" x14ac:dyDescent="0.2">
      <c r="A4033" s="53">
        <f t="shared" si="931"/>
        <v>4021</v>
      </c>
      <c r="B4033" s="239">
        <v>40.048000000000002</v>
      </c>
      <c r="C4033" s="3">
        <f t="shared" si="932"/>
        <v>40.041000000000004</v>
      </c>
      <c r="D4033" s="239">
        <v>4.0372000000000003</v>
      </c>
      <c r="E4033" s="239">
        <v>0.1028</v>
      </c>
      <c r="F4033" s="239">
        <v>0.87719999999999998</v>
      </c>
      <c r="G4033">
        <f t="shared" si="933"/>
        <v>4.2126400000000004</v>
      </c>
      <c r="H4033" s="235">
        <f t="shared" si="934"/>
        <v>2.4402749819590563</v>
      </c>
      <c r="I4033" s="236">
        <f t="shared" si="935"/>
        <v>19.238923376411307</v>
      </c>
      <c r="J4033" s="237">
        <f t="shared" si="940"/>
        <v>9.2389233764113072</v>
      </c>
      <c r="K4033" s="237">
        <f t="shared" si="936"/>
        <v>770.34573091488528</v>
      </c>
      <c r="L4033" s="237">
        <f t="shared" si="941"/>
        <v>370.00040337852005</v>
      </c>
      <c r="M4033" s="236">
        <f t="shared" si="937"/>
        <v>9.3034878817782225</v>
      </c>
      <c r="N4033" s="236">
        <f t="shared" si="938"/>
        <v>2.9863803604251982</v>
      </c>
      <c r="O4033" s="236">
        <f t="shared" si="942"/>
        <v>3.0216369459603807</v>
      </c>
      <c r="P4033" s="236" t="str">
        <f t="shared" si="943"/>
        <v>CLAY</v>
      </c>
      <c r="Q4033" s="236">
        <f t="shared" si="939"/>
        <v>286.85785575709292</v>
      </c>
      <c r="R4033" s="238">
        <v>35</v>
      </c>
      <c r="S4033" s="236">
        <f t="shared" si="944"/>
        <v>4.0620686051081245</v>
      </c>
      <c r="T4033" s="236" t="e">
        <f t="shared" si="930"/>
        <v>#N/A</v>
      </c>
    </row>
    <row r="4034" spans="1:20" x14ac:dyDescent="0.2">
      <c r="A4034" s="53">
        <f t="shared" si="931"/>
        <v>4022</v>
      </c>
      <c r="B4034" s="239">
        <v>40.057000000000002</v>
      </c>
      <c r="C4034" s="3">
        <f t="shared" si="932"/>
        <v>40.050000000000004</v>
      </c>
      <c r="D4034" s="239">
        <v>4.0425000000000004</v>
      </c>
      <c r="E4034" s="239">
        <v>0.111</v>
      </c>
      <c r="F4034" s="239">
        <v>0.90029999999999999</v>
      </c>
      <c r="G4034">
        <f t="shared" si="933"/>
        <v>4.2225600000000005</v>
      </c>
      <c r="H4034" s="235">
        <f t="shared" si="934"/>
        <v>2.6287370694554961</v>
      </c>
      <c r="I4034" s="236">
        <f t="shared" si="935"/>
        <v>19.329833343518192</v>
      </c>
      <c r="J4034" s="237">
        <f t="shared" si="940"/>
        <v>9.3298333435181924</v>
      </c>
      <c r="K4034" s="237">
        <f t="shared" si="936"/>
        <v>774.15982540790367</v>
      </c>
      <c r="L4034" s="237">
        <f t="shared" si="941"/>
        <v>373.72513424130824</v>
      </c>
      <c r="M4034" s="236">
        <f t="shared" si="937"/>
        <v>9.2271026448157514</v>
      </c>
      <c r="N4034" s="236">
        <f t="shared" si="938"/>
        <v>3.2188839571999481</v>
      </c>
      <c r="O4034" s="236">
        <f t="shared" si="942"/>
        <v>3.0429694815375457</v>
      </c>
      <c r="P4034" s="236" t="str">
        <f t="shared" si="943"/>
        <v>CLAY</v>
      </c>
      <c r="Q4034" s="236">
        <f t="shared" si="939"/>
        <v>287.36668121600809</v>
      </c>
      <c r="R4034" s="238">
        <v>35</v>
      </c>
      <c r="S4034" s="236">
        <f t="shared" si="944"/>
        <v>4.0204225339095068</v>
      </c>
      <c r="T4034" s="236" t="e">
        <f t="shared" si="930"/>
        <v>#N/A</v>
      </c>
    </row>
    <row r="4035" spans="1:20" x14ac:dyDescent="0.2">
      <c r="A4035" s="53">
        <f t="shared" si="931"/>
        <v>4023</v>
      </c>
      <c r="B4035" s="239">
        <v>40.067</v>
      </c>
      <c r="C4035" s="3">
        <f t="shared" si="932"/>
        <v>40.06</v>
      </c>
      <c r="D4035" s="239">
        <v>4.0037000000000003</v>
      </c>
      <c r="E4035" s="239">
        <v>0.11749999999999999</v>
      </c>
      <c r="F4035" s="239">
        <v>0.88400000000000001</v>
      </c>
      <c r="G4035">
        <f t="shared" si="933"/>
        <v>4.1805000000000003</v>
      </c>
      <c r="H4035" s="235">
        <f t="shared" si="934"/>
        <v>2.8106685803133593</v>
      </c>
      <c r="I4035" s="236">
        <f t="shared" si="935"/>
        <v>19.392650699215512</v>
      </c>
      <c r="J4035" s="237">
        <f t="shared" si="940"/>
        <v>9.3926506992155119</v>
      </c>
      <c r="K4035" s="237">
        <f t="shared" si="936"/>
        <v>776.86958701057347</v>
      </c>
      <c r="L4035" s="237">
        <f t="shared" si="941"/>
        <v>376.33533556546791</v>
      </c>
      <c r="M4035" s="236">
        <f t="shared" si="937"/>
        <v>9.0441425275021121</v>
      </c>
      <c r="N4035" s="236">
        <f t="shared" si="938"/>
        <v>3.4521962064852723</v>
      </c>
      <c r="O4035" s="236">
        <f t="shared" si="942"/>
        <v>3.0674498437413891</v>
      </c>
      <c r="P4035" s="236" t="str">
        <f t="shared" si="943"/>
        <v>CLAY</v>
      </c>
      <c r="Q4035" s="236">
        <f t="shared" si="939"/>
        <v>283.63586774911886</v>
      </c>
      <c r="R4035" s="238">
        <v>35</v>
      </c>
      <c r="S4035" s="236">
        <f t="shared" si="944"/>
        <v>3.9210217914636889</v>
      </c>
      <c r="T4035" s="236" t="e">
        <f t="shared" si="930"/>
        <v>#N/A</v>
      </c>
    </row>
    <row r="4036" spans="1:20" x14ac:dyDescent="0.2">
      <c r="A4036" s="53">
        <f t="shared" si="931"/>
        <v>4024</v>
      </c>
      <c r="B4036" s="239">
        <v>40.078000000000003</v>
      </c>
      <c r="C4036" s="3">
        <f t="shared" si="932"/>
        <v>40.071000000000005</v>
      </c>
      <c r="D4036" s="239">
        <v>3.9954000000000001</v>
      </c>
      <c r="E4036" s="239">
        <v>0.12239999999999999</v>
      </c>
      <c r="F4036" s="239">
        <v>0.80759999999999998</v>
      </c>
      <c r="G4036">
        <f t="shared" si="933"/>
        <v>4.1569200000000004</v>
      </c>
      <c r="H4036" s="235">
        <f t="shared" si="934"/>
        <v>2.9444877457348229</v>
      </c>
      <c r="I4036" s="236">
        <f t="shared" si="935"/>
        <v>19.43834738239164</v>
      </c>
      <c r="J4036" s="237">
        <f t="shared" si="940"/>
        <v>9.4383473823916404</v>
      </c>
      <c r="K4036" s="237">
        <f t="shared" si="936"/>
        <v>778.91401795981551</v>
      </c>
      <c r="L4036" s="237">
        <f t="shared" si="941"/>
        <v>378.27008639149221</v>
      </c>
      <c r="M4036" s="236">
        <f t="shared" si="937"/>
        <v>8.9301430474312031</v>
      </c>
      <c r="N4036" s="236">
        <f t="shared" si="938"/>
        <v>3.6234394092480304</v>
      </c>
      <c r="O4036" s="236">
        <f t="shared" si="942"/>
        <v>3.0840469949201541</v>
      </c>
      <c r="P4036" s="236" t="str">
        <f t="shared" si="943"/>
        <v>CLAY</v>
      </c>
      <c r="Q4036" s="236">
        <f t="shared" si="939"/>
        <v>281.50049850334875</v>
      </c>
      <c r="R4036" s="238">
        <v>35</v>
      </c>
      <c r="S4036" s="236">
        <f t="shared" si="944"/>
        <v>3.8593398894900846</v>
      </c>
      <c r="T4036" s="236" t="e">
        <f t="shared" si="930"/>
        <v>#N/A</v>
      </c>
    </row>
    <row r="4037" spans="1:20" x14ac:dyDescent="0.2">
      <c r="A4037" s="53">
        <f t="shared" si="931"/>
        <v>4025</v>
      </c>
      <c r="B4037" s="239">
        <v>40.087000000000003</v>
      </c>
      <c r="C4037" s="3">
        <f t="shared" si="932"/>
        <v>40.080000000000005</v>
      </c>
      <c r="D4037" s="239">
        <v>3.9104999999999999</v>
      </c>
      <c r="E4037" s="239">
        <v>0.1273</v>
      </c>
      <c r="F4037" s="239">
        <v>0.70989999999999998</v>
      </c>
      <c r="G4037">
        <f t="shared" si="933"/>
        <v>4.0524800000000001</v>
      </c>
      <c r="H4037" s="235">
        <f t="shared" si="934"/>
        <v>3.1412863234365132</v>
      </c>
      <c r="I4037" s="236">
        <f t="shared" si="935"/>
        <v>19.47442853640414</v>
      </c>
      <c r="J4037" s="237">
        <f t="shared" si="940"/>
        <v>9.4744285364041403</v>
      </c>
      <c r="K4037" s="237">
        <f t="shared" si="936"/>
        <v>780.53509573907809</v>
      </c>
      <c r="L4037" s="237">
        <f t="shared" si="941"/>
        <v>379.80141673883281</v>
      </c>
      <c r="M4037" s="236">
        <f t="shared" si="937"/>
        <v>8.614883357612241</v>
      </c>
      <c r="N4037" s="236">
        <f t="shared" si="938"/>
        <v>3.8906523100136052</v>
      </c>
      <c r="O4037" s="236">
        <f t="shared" si="942"/>
        <v>3.1146655940292809</v>
      </c>
      <c r="P4037" s="236" t="str">
        <f t="shared" si="943"/>
        <v>CLAY</v>
      </c>
      <c r="Q4037" s="236">
        <f t="shared" si="939"/>
        <v>272.66207535507687</v>
      </c>
      <c r="R4037" s="238">
        <v>35</v>
      </c>
      <c r="S4037" s="236">
        <f t="shared" si="944"/>
        <v>3.6897909448087272</v>
      </c>
      <c r="T4037" s="236" t="e">
        <f t="shared" si="930"/>
        <v>#N/A</v>
      </c>
    </row>
    <row r="4038" spans="1:20" x14ac:dyDescent="0.2">
      <c r="A4038" s="53">
        <f t="shared" si="931"/>
        <v>4026</v>
      </c>
      <c r="B4038" s="239">
        <v>40.097999999999999</v>
      </c>
      <c r="C4038" s="3">
        <f t="shared" si="932"/>
        <v>40.091000000000001</v>
      </c>
      <c r="D4038" s="239">
        <v>3.7530000000000001</v>
      </c>
      <c r="E4038" s="239">
        <v>0.13350000000000001</v>
      </c>
      <c r="F4038" s="239">
        <v>0.66320000000000001</v>
      </c>
      <c r="G4038">
        <f t="shared" si="933"/>
        <v>3.88564</v>
      </c>
      <c r="H4038" s="235">
        <f t="shared" si="934"/>
        <v>3.4357274477306188</v>
      </c>
      <c r="I4038" s="236">
        <f t="shared" si="935"/>
        <v>19.513758776900847</v>
      </c>
      <c r="J4038" s="237">
        <f t="shared" si="940"/>
        <v>9.5137587769008469</v>
      </c>
      <c r="K4038" s="237">
        <f t="shared" si="936"/>
        <v>782.32610312473184</v>
      </c>
      <c r="L4038" s="237">
        <f t="shared" si="941"/>
        <v>381.48269943617015</v>
      </c>
      <c r="M4038" s="236">
        <f t="shared" si="937"/>
        <v>8.1348745341845206</v>
      </c>
      <c r="N4038" s="236">
        <f t="shared" si="938"/>
        <v>4.3018529364503335</v>
      </c>
      <c r="O4038" s="236">
        <f t="shared" si="942"/>
        <v>3.1603548309659573</v>
      </c>
      <c r="P4038" s="236" t="str">
        <f t="shared" si="943"/>
        <v>CLAY</v>
      </c>
      <c r="Q4038" s="236">
        <f t="shared" si="939"/>
        <v>258.60949140627235</v>
      </c>
      <c r="R4038" s="238">
        <v>35</v>
      </c>
      <c r="S4038" s="236">
        <f t="shared" si="944"/>
        <v>3.4346191146224512</v>
      </c>
      <c r="T4038" s="236" t="e">
        <f t="shared" si="930"/>
        <v>#N/A</v>
      </c>
    </row>
    <row r="4039" spans="1:20" x14ac:dyDescent="0.2">
      <c r="A4039" s="53">
        <f t="shared" si="931"/>
        <v>4027</v>
      </c>
      <c r="B4039" s="239">
        <v>40.106999999999999</v>
      </c>
      <c r="C4039" s="3">
        <f t="shared" si="932"/>
        <v>40.1</v>
      </c>
      <c r="D4039" s="239">
        <v>3.5562999999999998</v>
      </c>
      <c r="E4039" s="239">
        <v>0.13550000000000001</v>
      </c>
      <c r="F4039" s="239">
        <v>0.64659999999999995</v>
      </c>
      <c r="G4039">
        <f t="shared" si="933"/>
        <v>3.6856199999999997</v>
      </c>
      <c r="H4039" s="235">
        <f t="shared" si="934"/>
        <v>3.6764506378845354</v>
      </c>
      <c r="I4039" s="236">
        <f t="shared" si="935"/>
        <v>19.510538651803859</v>
      </c>
      <c r="J4039" s="237">
        <f t="shared" si="940"/>
        <v>9.5105386518038593</v>
      </c>
      <c r="K4039" s="237">
        <f t="shared" si="936"/>
        <v>782.37259993733483</v>
      </c>
      <c r="L4039" s="237">
        <f t="shared" si="941"/>
        <v>381.4391737078974</v>
      </c>
      <c r="M4039" s="236">
        <f t="shared" si="937"/>
        <v>7.6112984721541617</v>
      </c>
      <c r="N4039" s="236">
        <f t="shared" si="938"/>
        <v>4.6671875086179462</v>
      </c>
      <c r="O4039" s="236">
        <f t="shared" si="942"/>
        <v>3.2045398302331933</v>
      </c>
      <c r="P4039" s="236" t="str">
        <f t="shared" si="943"/>
        <v>CLAY</v>
      </c>
      <c r="Q4039" s="236">
        <f t="shared" si="939"/>
        <v>241.93728333855543</v>
      </c>
      <c r="R4039" s="238">
        <v>35</v>
      </c>
      <c r="S4039" s="236">
        <f t="shared" si="944"/>
        <v>3.1605557089188525</v>
      </c>
      <c r="T4039" s="236" t="e">
        <f t="shared" si="930"/>
        <v>#N/A</v>
      </c>
    </row>
    <row r="4040" spans="1:20" x14ac:dyDescent="0.2">
      <c r="A4040" s="53">
        <f t="shared" si="931"/>
        <v>4028</v>
      </c>
      <c r="B4040" s="239">
        <v>40.116999999999997</v>
      </c>
      <c r="C4040" s="3">
        <f t="shared" si="932"/>
        <v>40.11</v>
      </c>
      <c r="D4040" s="239">
        <v>3.2294</v>
      </c>
      <c r="E4040" s="239">
        <v>0.13239999999999999</v>
      </c>
      <c r="F4040" s="239">
        <v>0.6694</v>
      </c>
      <c r="G4040">
        <f t="shared" si="933"/>
        <v>3.36328</v>
      </c>
      <c r="H4040" s="235">
        <f t="shared" si="934"/>
        <v>3.9366332865536022</v>
      </c>
      <c r="I4040" s="236">
        <f t="shared" si="935"/>
        <v>19.447627336420791</v>
      </c>
      <c r="J4040" s="237">
        <f t="shared" si="940"/>
        <v>9.4476273364207906</v>
      </c>
      <c r="K4040" s="237">
        <f t="shared" si="936"/>
        <v>780.04433246383792</v>
      </c>
      <c r="L4040" s="237">
        <f t="shared" si="941"/>
        <v>379.01046585519282</v>
      </c>
      <c r="M4040" s="236">
        <f t="shared" si="937"/>
        <v>6.8157370317133408</v>
      </c>
      <c r="N4040" s="236">
        <f t="shared" si="938"/>
        <v>5.1253550600855711</v>
      </c>
      <c r="O4040" s="236">
        <f t="shared" si="942"/>
        <v>3.267246419828858</v>
      </c>
      <c r="P4040" s="236" t="str">
        <f t="shared" si="943"/>
        <v>CLAY</v>
      </c>
      <c r="Q4040" s="236">
        <f t="shared" si="939"/>
        <v>215.26963896134689</v>
      </c>
      <c r="R4040" s="238">
        <v>35</v>
      </c>
      <c r="S4040" s="236">
        <f t="shared" si="944"/>
        <v>2.7531574001527175</v>
      </c>
      <c r="T4040" s="236" t="e">
        <f t="shared" si="930"/>
        <v>#N/A</v>
      </c>
    </row>
    <row r="4041" spans="1:20" x14ac:dyDescent="0.2">
      <c r="A4041" s="53">
        <f t="shared" si="931"/>
        <v>4029</v>
      </c>
      <c r="B4041" s="239">
        <v>40.127000000000002</v>
      </c>
      <c r="C4041" s="3">
        <f t="shared" si="932"/>
        <v>40.120000000000005</v>
      </c>
      <c r="D4041" s="239">
        <v>3.1558000000000002</v>
      </c>
      <c r="E4041" s="239">
        <v>0.13339999999999999</v>
      </c>
      <c r="F4041" s="239">
        <v>0.72540000000000004</v>
      </c>
      <c r="G4041">
        <f t="shared" si="933"/>
        <v>3.3008800000000003</v>
      </c>
      <c r="H4041" s="235">
        <f t="shared" si="934"/>
        <v>4.0413465500109051</v>
      </c>
      <c r="I4041" s="236">
        <f t="shared" si="935"/>
        <v>19.449130556920721</v>
      </c>
      <c r="J4041" s="237">
        <f t="shared" si="940"/>
        <v>9.4491305569207213</v>
      </c>
      <c r="K4041" s="237">
        <f t="shared" si="936"/>
        <v>780.29911794365944</v>
      </c>
      <c r="L4041" s="237">
        <f t="shared" si="941"/>
        <v>379.16526185755782</v>
      </c>
      <c r="M4041" s="236">
        <f t="shared" si="937"/>
        <v>6.6477104724937988</v>
      </c>
      <c r="N4041" s="236">
        <f t="shared" si="938"/>
        <v>5.2924308420196207</v>
      </c>
      <c r="O4041" s="236">
        <f t="shared" si="942"/>
        <v>3.2842260173991029</v>
      </c>
      <c r="P4041" s="236" t="str">
        <f t="shared" si="943"/>
        <v>CLAY</v>
      </c>
      <c r="Q4041" s="236">
        <f t="shared" si="939"/>
        <v>210.0484068380284</v>
      </c>
      <c r="R4041" s="238">
        <v>35</v>
      </c>
      <c r="S4041" s="236">
        <f t="shared" si="944"/>
        <v>2.6685793997517258</v>
      </c>
      <c r="T4041" s="236" t="e">
        <f t="shared" si="930"/>
        <v>#N/A</v>
      </c>
    </row>
    <row r="4042" spans="1:20" x14ac:dyDescent="0.2">
      <c r="A4042" s="53">
        <f t="shared" si="931"/>
        <v>4030</v>
      </c>
      <c r="B4042" s="239">
        <v>40.136000000000003</v>
      </c>
      <c r="C4042" s="3">
        <f t="shared" si="932"/>
        <v>40.129000000000005</v>
      </c>
      <c r="D4042" s="239">
        <v>3.1288999999999998</v>
      </c>
      <c r="E4042" s="239">
        <v>0.13</v>
      </c>
      <c r="F4042" s="239">
        <v>0.82310000000000005</v>
      </c>
      <c r="G4042">
        <f t="shared" si="933"/>
        <v>3.2935199999999996</v>
      </c>
      <c r="H4042" s="235">
        <f t="shared" si="934"/>
        <v>3.9471446962520349</v>
      </c>
      <c r="I4042" s="236">
        <f t="shared" si="935"/>
        <v>19.417984380157694</v>
      </c>
      <c r="J4042" s="237">
        <f t="shared" si="940"/>
        <v>9.4179843801576943</v>
      </c>
      <c r="K4042" s="237">
        <f t="shared" si="936"/>
        <v>779.22429519134823</v>
      </c>
      <c r="L4042" s="237">
        <f t="shared" si="941"/>
        <v>378.00022108200926</v>
      </c>
      <c r="M4042" s="236">
        <f t="shared" si="937"/>
        <v>6.6515720483220591</v>
      </c>
      <c r="N4042" s="236">
        <f t="shared" si="938"/>
        <v>5.1704340007172531</v>
      </c>
      <c r="O4042" s="236">
        <f t="shared" si="942"/>
        <v>3.2780385017216811</v>
      </c>
      <c r="P4042" s="236" t="str">
        <f t="shared" si="943"/>
        <v>CLAY</v>
      </c>
      <c r="Q4042" s="236">
        <f t="shared" si="939"/>
        <v>209.52464206738762</v>
      </c>
      <c r="R4042" s="238">
        <v>35</v>
      </c>
      <c r="S4042" s="236">
        <f t="shared" si="944"/>
        <v>2.6705172229110423</v>
      </c>
      <c r="T4042" s="236" t="e">
        <f t="shared" si="930"/>
        <v>#N/A</v>
      </c>
    </row>
    <row r="4043" spans="1:20" x14ac:dyDescent="0.2">
      <c r="A4043" s="53">
        <f t="shared" si="931"/>
        <v>4031</v>
      </c>
      <c r="B4043" s="239">
        <v>40.146000000000001</v>
      </c>
      <c r="C4043" s="3">
        <f t="shared" si="932"/>
        <v>40.139000000000003</v>
      </c>
      <c r="D4043" s="239">
        <v>3.0998999999999999</v>
      </c>
      <c r="E4043" s="239">
        <v>0.1231</v>
      </c>
      <c r="F4043" s="239">
        <v>0.95179999999999998</v>
      </c>
      <c r="G4043">
        <f t="shared" si="933"/>
        <v>3.29026</v>
      </c>
      <c r="H4043" s="235">
        <f t="shared" si="934"/>
        <v>3.7413456687313467</v>
      </c>
      <c r="I4043" s="236">
        <f t="shared" si="935"/>
        <v>19.353646993261563</v>
      </c>
      <c r="J4043" s="237">
        <f t="shared" si="940"/>
        <v>9.3536469932615631</v>
      </c>
      <c r="K4043" s="237">
        <f t="shared" si="936"/>
        <v>776.83603666252588</v>
      </c>
      <c r="L4043" s="237">
        <f t="shared" si="941"/>
        <v>375.51151219147874</v>
      </c>
      <c r="M4043" s="236">
        <f t="shared" si="937"/>
        <v>6.6933339770841496</v>
      </c>
      <c r="N4043" s="236">
        <f t="shared" si="938"/>
        <v>4.8977013745241971</v>
      </c>
      <c r="O4043" s="236">
        <f t="shared" si="942"/>
        <v>3.2620081550226905</v>
      </c>
      <c r="P4043" s="236" t="str">
        <f t="shared" si="943"/>
        <v>CLAY</v>
      </c>
      <c r="Q4043" s="236">
        <f t="shared" si="939"/>
        <v>209.45199694478947</v>
      </c>
      <c r="R4043" s="238">
        <v>35</v>
      </c>
      <c r="S4043" s="236">
        <f t="shared" si="944"/>
        <v>2.6914922155954497</v>
      </c>
      <c r="T4043" s="236" t="e">
        <f t="shared" si="930"/>
        <v>#N/A</v>
      </c>
    </row>
    <row r="4044" spans="1:20" x14ac:dyDescent="0.2">
      <c r="A4044" s="53">
        <f t="shared" si="931"/>
        <v>4032</v>
      </c>
      <c r="B4044" s="239">
        <v>40.155999999999999</v>
      </c>
      <c r="C4044" s="3">
        <f t="shared" si="932"/>
        <v>40.149000000000001</v>
      </c>
      <c r="D4044" s="239">
        <v>3.1566000000000001</v>
      </c>
      <c r="E4044" s="239">
        <v>0.1135</v>
      </c>
      <c r="F4044" s="239">
        <v>1.0381</v>
      </c>
      <c r="G4044">
        <f t="shared" si="933"/>
        <v>3.36422</v>
      </c>
      <c r="H4044" s="235">
        <f t="shared" si="934"/>
        <v>3.3737389350280305</v>
      </c>
      <c r="I4044" s="236">
        <f t="shared" si="935"/>
        <v>19.267127830011177</v>
      </c>
      <c r="J4044" s="237">
        <f t="shared" si="940"/>
        <v>9.2671278300111766</v>
      </c>
      <c r="K4044" s="237">
        <f t="shared" si="936"/>
        <v>773.55591524711872</v>
      </c>
      <c r="L4044" s="237">
        <f t="shared" si="941"/>
        <v>372.13078514192881</v>
      </c>
      <c r="M4044" s="236">
        <f t="shared" si="937"/>
        <v>6.9617032188423078</v>
      </c>
      <c r="N4044" s="236">
        <f t="shared" si="938"/>
        <v>4.3811160492784058</v>
      </c>
      <c r="O4044" s="236">
        <f t="shared" si="942"/>
        <v>3.2199567737788453</v>
      </c>
      <c r="P4044" s="236" t="str">
        <f t="shared" si="943"/>
        <v>CLAY</v>
      </c>
      <c r="Q4044" s="236">
        <f t="shared" si="939"/>
        <v>215.88867372940675</v>
      </c>
      <c r="R4044" s="238">
        <v>35</v>
      </c>
      <c r="S4044" s="236">
        <f t="shared" si="944"/>
        <v>2.8270558616981867</v>
      </c>
      <c r="T4044" s="236" t="e">
        <f t="shared" si="930"/>
        <v>#N/A</v>
      </c>
    </row>
    <row r="4045" spans="1:20" x14ac:dyDescent="0.2">
      <c r="A4045" s="53">
        <f t="shared" si="931"/>
        <v>4033</v>
      </c>
      <c r="B4045" s="239">
        <v>40.165999999999997</v>
      </c>
      <c r="C4045" s="3">
        <f t="shared" si="932"/>
        <v>40.158999999999999</v>
      </c>
      <c r="D4045" s="239">
        <v>3.2096</v>
      </c>
      <c r="E4045" s="239">
        <v>0.11509999999999999</v>
      </c>
      <c r="F4045" s="239">
        <v>1.1738</v>
      </c>
      <c r="G4045">
        <f t="shared" si="933"/>
        <v>3.4443600000000001</v>
      </c>
      <c r="H4045" s="235">
        <f t="shared" si="934"/>
        <v>3.3416948286474115</v>
      </c>
      <c r="I4045" s="236">
        <f t="shared" si="935"/>
        <v>19.292744111523312</v>
      </c>
      <c r="J4045" s="237">
        <f t="shared" si="940"/>
        <v>9.2927441115233123</v>
      </c>
      <c r="K4045" s="237">
        <f t="shared" si="936"/>
        <v>774.77731077466467</v>
      </c>
      <c r="L4045" s="237">
        <f t="shared" si="941"/>
        <v>373.25235998344533</v>
      </c>
      <c r="M4045" s="236">
        <f t="shared" si="937"/>
        <v>7.1522191831385555</v>
      </c>
      <c r="N4045" s="236">
        <f t="shared" si="938"/>
        <v>4.3115352996763674</v>
      </c>
      <c r="O4045" s="236">
        <f t="shared" si="942"/>
        <v>3.2063701447381807</v>
      </c>
      <c r="P4045" s="236" t="str">
        <f t="shared" si="943"/>
        <v>CLAY</v>
      </c>
      <c r="Q4045" s="236">
        <f t="shared" si="939"/>
        <v>222.46522410211128</v>
      </c>
      <c r="R4045" s="238">
        <v>35</v>
      </c>
      <c r="S4045" s="236">
        <f t="shared" si="944"/>
        <v>2.9240919663912921</v>
      </c>
      <c r="T4045" s="236" t="e">
        <f t="shared" ref="T4045:T4108" si="945">IF(P4045="SAND",17.6+(11*LOG(M4045)),#N/A)</f>
        <v>#N/A</v>
      </c>
    </row>
    <row r="4046" spans="1:20" x14ac:dyDescent="0.2">
      <c r="A4046" s="53">
        <f t="shared" ref="A4046:A4109" si="946">$A4045+1</f>
        <v>4034</v>
      </c>
      <c r="B4046" s="239">
        <v>40.176000000000002</v>
      </c>
      <c r="C4046" s="3">
        <f t="shared" ref="C4046:C4109" si="947">MAX($B4046 - $B$13, 0.001)</f>
        <v>40.169000000000004</v>
      </c>
      <c r="D4046" s="239">
        <v>3.2793999999999999</v>
      </c>
      <c r="E4046" s="239">
        <v>0.1193</v>
      </c>
      <c r="F4046" s="239">
        <v>1.2428999999999999</v>
      </c>
      <c r="G4046">
        <f t="shared" si="933"/>
        <v>3.5279799999999999</v>
      </c>
      <c r="H4046" s="235">
        <f t="shared" si="934"/>
        <v>3.3815384440954879</v>
      </c>
      <c r="I4046" s="236">
        <f t="shared" si="935"/>
        <v>19.344145755311757</v>
      </c>
      <c r="J4046" s="237">
        <f t="shared" si="940"/>
        <v>9.3441457553117573</v>
      </c>
      <c r="K4046" s="237">
        <f t="shared" si="936"/>
        <v>777.03499084511805</v>
      </c>
      <c r="L4046" s="237">
        <f t="shared" si="941"/>
        <v>375.41039986540517</v>
      </c>
      <c r="M4046" s="236">
        <f t="shared" si="937"/>
        <v>7.3278337790886203</v>
      </c>
      <c r="N4046" s="236">
        <f t="shared" si="938"/>
        <v>4.3366915588272752</v>
      </c>
      <c r="O4046" s="236">
        <f t="shared" si="942"/>
        <v>3.1992483333096509</v>
      </c>
      <c r="P4046" s="236" t="str">
        <f t="shared" si="943"/>
        <v>CLAY</v>
      </c>
      <c r="Q4046" s="236">
        <f t="shared" si="939"/>
        <v>229.24541742957351</v>
      </c>
      <c r="R4046" s="238">
        <v>35</v>
      </c>
      <c r="S4046" s="236">
        <f t="shared" si="944"/>
        <v>3.014112933194133</v>
      </c>
      <c r="T4046" s="236" t="e">
        <f t="shared" si="945"/>
        <v>#N/A</v>
      </c>
    </row>
    <row r="4047" spans="1:20" x14ac:dyDescent="0.2">
      <c r="A4047" s="53">
        <f t="shared" si="946"/>
        <v>4035</v>
      </c>
      <c r="B4047" s="239">
        <v>40.186</v>
      </c>
      <c r="C4047" s="3">
        <f t="shared" si="947"/>
        <v>40.179000000000002</v>
      </c>
      <c r="D4047" s="239">
        <v>3.4045000000000001</v>
      </c>
      <c r="E4047" s="239">
        <v>0.1195</v>
      </c>
      <c r="F4047" s="239">
        <v>1.2323999999999999</v>
      </c>
      <c r="G4047">
        <f t="shared" ref="G4047:G4110" si="948">$D4047+($F4047*(1-$P$8))</f>
        <v>3.6509800000000001</v>
      </c>
      <c r="H4047" s="235">
        <f t="shared" ref="H4047:H4110" si="949">($E4047/$G4047)*100</f>
        <v>3.2730937994730183</v>
      </c>
      <c r="I4047" s="236">
        <f t="shared" ref="I4047:I4110" si="950">((0.27*(LOG($H4047)))+(0.36*(LOG(($G4047*1000)/101)))+1.236)*10</f>
        <v>19.359504907159</v>
      </c>
      <c r="J4047" s="237">
        <f t="shared" si="940"/>
        <v>9.3595049071589997</v>
      </c>
      <c r="K4047" s="237">
        <f t="shared" ref="K4047:K4110" si="951">$I4047*$C4047</f>
        <v>777.8455476647415</v>
      </c>
      <c r="L4047" s="237">
        <f t="shared" si="941"/>
        <v>376.12106419909156</v>
      </c>
      <c r="M4047" s="236">
        <f t="shared" ref="M4047:M4110" si="952">(($G4047*1000)-$K4047)/$L4047</f>
        <v>7.6388554798261099</v>
      </c>
      <c r="N4047" s="236">
        <f t="shared" ref="N4047:N4110" si="953">(($E4047*1000)/(($G4047*1000)-$K4047))*100</f>
        <v>4.1592205997485232</v>
      </c>
      <c r="O4047" s="236">
        <f t="shared" si="942"/>
        <v>3.1740175773867967</v>
      </c>
      <c r="P4047" s="236" t="str">
        <f t="shared" si="943"/>
        <v>CLAY</v>
      </c>
      <c r="Q4047" s="236">
        <f t="shared" ref="Q4047:Q4110" si="954">IF(P4047="CLAY",($G4047*1000 -$K4047)/$L$8,#N/A)</f>
        <v>239.42787102793821</v>
      </c>
      <c r="R4047" s="238">
        <v>35</v>
      </c>
      <c r="S4047" s="236">
        <f t="shared" si="944"/>
        <v>3.1748658228871975</v>
      </c>
      <c r="T4047" s="236" t="e">
        <f t="shared" si="945"/>
        <v>#N/A</v>
      </c>
    </row>
    <row r="4048" spans="1:20" x14ac:dyDescent="0.2">
      <c r="A4048" s="53">
        <f t="shared" si="946"/>
        <v>4036</v>
      </c>
      <c r="B4048" s="239">
        <v>40.195</v>
      </c>
      <c r="C4048" s="3">
        <f t="shared" si="947"/>
        <v>40.188000000000002</v>
      </c>
      <c r="D4048" s="239">
        <v>3.6650999999999998</v>
      </c>
      <c r="E4048" s="239">
        <v>0.11360000000000001</v>
      </c>
      <c r="F4048" s="239">
        <v>1.1196999999999999</v>
      </c>
      <c r="G4048">
        <f t="shared" si="948"/>
        <v>3.8890399999999996</v>
      </c>
      <c r="H4048" s="235">
        <f t="shared" si="949"/>
        <v>2.9210293542879482</v>
      </c>
      <c r="I4048" s="236">
        <f t="shared" si="950"/>
        <v>19.324822718118224</v>
      </c>
      <c r="J4048" s="237">
        <f t="shared" ref="J4048:J4111" si="955">$I4048-10</f>
        <v>9.3248227181182237</v>
      </c>
      <c r="K4048" s="237">
        <f t="shared" si="951"/>
        <v>776.62597539573517</v>
      </c>
      <c r="L4048" s="237">
        <f t="shared" ref="L4048:L4111" si="956">$J4048*$B4048</f>
        <v>374.81124915476198</v>
      </c>
      <c r="M4048" s="236">
        <f t="shared" si="952"/>
        <v>8.3039504060325804</v>
      </c>
      <c r="N4048" s="236">
        <f t="shared" si="953"/>
        <v>3.6499000165777744</v>
      </c>
      <c r="O4048" s="236">
        <f t="shared" ref="O4048:O4111" si="957">((3.47-LOG($M4048))^2+(LOG($N4048)+1.22)^2)^0.5</f>
        <v>3.1116994956527564</v>
      </c>
      <c r="P4048" s="236" t="str">
        <f t="shared" ref="P4048:P4111" si="958">IF(O4048&lt;2.6,"SAND","CLAY")</f>
        <v>CLAY</v>
      </c>
      <c r="Q4048" s="236">
        <f t="shared" si="954"/>
        <v>259.36783538368871</v>
      </c>
      <c r="R4048" s="238">
        <v>35</v>
      </c>
      <c r="S4048" s="236">
        <f t="shared" ref="S4048:S4111" si="959">IF(P4048="SAND",#N/A,0.25*($M4048)^1.25)</f>
        <v>3.5240814879449531</v>
      </c>
      <c r="T4048" s="236" t="e">
        <f t="shared" si="945"/>
        <v>#N/A</v>
      </c>
    </row>
    <row r="4049" spans="1:20" x14ac:dyDescent="0.2">
      <c r="A4049" s="53">
        <f t="shared" si="946"/>
        <v>4037</v>
      </c>
      <c r="B4049" s="239">
        <v>40.206000000000003</v>
      </c>
      <c r="C4049" s="3">
        <f t="shared" si="947"/>
        <v>40.199000000000005</v>
      </c>
      <c r="D4049" s="239">
        <v>3.9216000000000002</v>
      </c>
      <c r="E4049" s="239">
        <v>0.1007</v>
      </c>
      <c r="F4049" s="239">
        <v>0.95240000000000002</v>
      </c>
      <c r="G4049">
        <f t="shared" si="948"/>
        <v>4.1120799999999997</v>
      </c>
      <c r="H4049" s="235">
        <f t="shared" si="949"/>
        <v>2.448882317464641</v>
      </c>
      <c r="I4049" s="236">
        <f t="shared" si="950"/>
        <v>19.205278024569871</v>
      </c>
      <c r="J4049" s="237">
        <f t="shared" si="955"/>
        <v>9.2052780245698713</v>
      </c>
      <c r="K4049" s="237">
        <f t="shared" si="951"/>
        <v>772.0329713096844</v>
      </c>
      <c r="L4049" s="237">
        <f t="shared" si="956"/>
        <v>370.10740825585628</v>
      </c>
      <c r="M4049" s="236">
        <f t="shared" si="952"/>
        <v>9.0245343761974404</v>
      </c>
      <c r="N4049" s="236">
        <f t="shared" si="953"/>
        <v>3.0149276083542462</v>
      </c>
      <c r="O4049" s="236">
        <f t="shared" si="957"/>
        <v>3.0349020351497029</v>
      </c>
      <c r="P4049" s="236" t="str">
        <f t="shared" si="958"/>
        <v>CLAY</v>
      </c>
      <c r="Q4049" s="236">
        <f t="shared" si="954"/>
        <v>278.33725239085965</v>
      </c>
      <c r="R4049" s="238">
        <v>35</v>
      </c>
      <c r="S4049" s="236">
        <f t="shared" si="959"/>
        <v>3.9103984597079848</v>
      </c>
      <c r="T4049" s="236" t="e">
        <f t="shared" si="945"/>
        <v>#N/A</v>
      </c>
    </row>
    <row r="4050" spans="1:20" x14ac:dyDescent="0.2">
      <c r="A4050" s="53">
        <f t="shared" si="946"/>
        <v>4038</v>
      </c>
      <c r="B4050" s="239">
        <v>40.215000000000003</v>
      </c>
      <c r="C4050" s="3">
        <f t="shared" si="947"/>
        <v>40.208000000000006</v>
      </c>
      <c r="D4050" s="239">
        <v>3.9655</v>
      </c>
      <c r="E4050" s="239">
        <v>9.5600000000000004E-2</v>
      </c>
      <c r="F4050" s="239">
        <v>0.87949999999999995</v>
      </c>
      <c r="G4050">
        <f t="shared" si="948"/>
        <v>4.1414</v>
      </c>
      <c r="H4050" s="235">
        <f t="shared" si="949"/>
        <v>2.3083981262375044</v>
      </c>
      <c r="I4050" s="236">
        <f t="shared" si="950"/>
        <v>19.147111824774555</v>
      </c>
      <c r="J4050" s="237">
        <f t="shared" si="955"/>
        <v>9.1471118247745551</v>
      </c>
      <c r="K4050" s="237">
        <f t="shared" si="951"/>
        <v>769.86707225053544</v>
      </c>
      <c r="L4050" s="237">
        <f t="shared" si="956"/>
        <v>367.85110203330879</v>
      </c>
      <c r="M4050" s="236">
        <f t="shared" si="952"/>
        <v>9.1654827431893171</v>
      </c>
      <c r="N4050" s="236">
        <f t="shared" si="953"/>
        <v>2.8355054525246493</v>
      </c>
      <c r="O4050" s="236">
        <f t="shared" si="957"/>
        <v>3.0144614052148926</v>
      </c>
      <c r="P4050" s="236" t="str">
        <f t="shared" si="958"/>
        <v>CLAY</v>
      </c>
      <c r="Q4050" s="236">
        <f t="shared" si="954"/>
        <v>280.96107731245536</v>
      </c>
      <c r="R4050" s="238">
        <v>35</v>
      </c>
      <c r="S4050" s="236">
        <f t="shared" si="959"/>
        <v>3.9868894059386975</v>
      </c>
      <c r="T4050" s="236" t="e">
        <f t="shared" si="945"/>
        <v>#N/A</v>
      </c>
    </row>
    <row r="4051" spans="1:20" x14ac:dyDescent="0.2">
      <c r="A4051" s="53">
        <f t="shared" si="946"/>
        <v>4039</v>
      </c>
      <c r="B4051" s="239">
        <v>40.225000000000001</v>
      </c>
      <c r="C4051" s="3">
        <f t="shared" si="947"/>
        <v>40.218000000000004</v>
      </c>
      <c r="D4051" s="239">
        <v>4.0838999999999999</v>
      </c>
      <c r="E4051" s="239">
        <v>9.98E-2</v>
      </c>
      <c r="F4051" s="239">
        <v>0.82579999999999998</v>
      </c>
      <c r="G4051">
        <f t="shared" si="948"/>
        <v>4.2490600000000001</v>
      </c>
      <c r="H4051" s="235">
        <f t="shared" si="949"/>
        <v>2.3487547834109193</v>
      </c>
      <c r="I4051" s="236">
        <f t="shared" si="950"/>
        <v>19.207559093193257</v>
      </c>
      <c r="J4051" s="237">
        <f t="shared" si="955"/>
        <v>9.2075590931932574</v>
      </c>
      <c r="K4051" s="237">
        <f t="shared" si="951"/>
        <v>772.4896116100465</v>
      </c>
      <c r="L4051" s="237">
        <f t="shared" si="956"/>
        <v>370.37406452369879</v>
      </c>
      <c r="M4051" s="236">
        <f t="shared" si="952"/>
        <v>9.3866464242328238</v>
      </c>
      <c r="N4051" s="236">
        <f t="shared" si="953"/>
        <v>2.8706451718418591</v>
      </c>
      <c r="O4051" s="236">
        <f t="shared" si="957"/>
        <v>3.0088318759361798</v>
      </c>
      <c r="P4051" s="236" t="str">
        <f t="shared" si="958"/>
        <v>CLAY</v>
      </c>
      <c r="Q4051" s="236">
        <f t="shared" si="954"/>
        <v>289.7141990324962</v>
      </c>
      <c r="R4051" s="238">
        <v>35</v>
      </c>
      <c r="S4051" s="236">
        <f t="shared" si="959"/>
        <v>4.1075048287324911</v>
      </c>
      <c r="T4051" s="236" t="e">
        <f t="shared" si="945"/>
        <v>#N/A</v>
      </c>
    </row>
    <row r="4052" spans="1:20" x14ac:dyDescent="0.2">
      <c r="A4052" s="53">
        <f t="shared" si="946"/>
        <v>4040</v>
      </c>
      <c r="B4052" s="239">
        <v>40.234999999999999</v>
      </c>
      <c r="C4052" s="3">
        <f t="shared" si="947"/>
        <v>40.228000000000002</v>
      </c>
      <c r="D4052" s="239">
        <v>4.1772999999999998</v>
      </c>
      <c r="E4052" s="239">
        <v>0.1033</v>
      </c>
      <c r="F4052" s="239">
        <v>0.82110000000000005</v>
      </c>
      <c r="G4052">
        <f t="shared" si="948"/>
        <v>4.34152</v>
      </c>
      <c r="H4052" s="235">
        <f t="shared" si="949"/>
        <v>2.3793510107059279</v>
      </c>
      <c r="I4052" s="236">
        <f t="shared" si="950"/>
        <v>19.256391547903171</v>
      </c>
      <c r="J4052" s="237">
        <f t="shared" si="955"/>
        <v>9.2563915479031706</v>
      </c>
      <c r="K4052" s="237">
        <f t="shared" si="951"/>
        <v>774.64611918904882</v>
      </c>
      <c r="L4052" s="237">
        <f t="shared" si="956"/>
        <v>372.43091392988407</v>
      </c>
      <c r="M4052" s="236">
        <f t="shared" si="952"/>
        <v>9.5772766099714026</v>
      </c>
      <c r="N4052" s="236">
        <f t="shared" si="953"/>
        <v>2.8960934266763054</v>
      </c>
      <c r="O4052" s="236">
        <f t="shared" si="957"/>
        <v>3.0037326349946096</v>
      </c>
      <c r="P4052" s="236" t="str">
        <f t="shared" si="958"/>
        <v>CLAY</v>
      </c>
      <c r="Q4052" s="236">
        <f t="shared" si="954"/>
        <v>297.23949006757931</v>
      </c>
      <c r="R4052" s="238">
        <v>35</v>
      </c>
      <c r="S4052" s="236">
        <f t="shared" si="959"/>
        <v>4.2120405856902252</v>
      </c>
      <c r="T4052" s="236" t="e">
        <f t="shared" si="945"/>
        <v>#N/A</v>
      </c>
    </row>
    <row r="4053" spans="1:20" x14ac:dyDescent="0.2">
      <c r="A4053" s="53">
        <f t="shared" si="946"/>
        <v>4041</v>
      </c>
      <c r="B4053" s="239">
        <v>40.244</v>
      </c>
      <c r="C4053" s="3">
        <f t="shared" si="947"/>
        <v>40.237000000000002</v>
      </c>
      <c r="D4053" s="239">
        <v>4.1317000000000004</v>
      </c>
      <c r="E4053" s="239">
        <v>0.10290000000000001</v>
      </c>
      <c r="F4053" s="239">
        <v>0.80300000000000005</v>
      </c>
      <c r="G4053">
        <f t="shared" si="948"/>
        <v>4.2923</v>
      </c>
      <c r="H4053" s="235">
        <f t="shared" si="949"/>
        <v>2.3973161242224448</v>
      </c>
      <c r="I4053" s="236">
        <f t="shared" si="950"/>
        <v>19.247385627733124</v>
      </c>
      <c r="J4053" s="237">
        <f t="shared" si="955"/>
        <v>9.2473856277331237</v>
      </c>
      <c r="K4053" s="237">
        <f t="shared" si="951"/>
        <v>774.45705550309776</v>
      </c>
      <c r="L4053" s="237">
        <f t="shared" si="956"/>
        <v>372.15178720249185</v>
      </c>
      <c r="M4053" s="236">
        <f t="shared" si="952"/>
        <v>9.4527100647317486</v>
      </c>
      <c r="N4053" s="236">
        <f t="shared" si="953"/>
        <v>2.9250879480270844</v>
      </c>
      <c r="O4053" s="236">
        <f t="shared" si="957"/>
        <v>3.0108659339568038</v>
      </c>
      <c r="P4053" s="236" t="str">
        <f t="shared" si="958"/>
        <v>CLAY</v>
      </c>
      <c r="Q4053" s="236">
        <f t="shared" si="954"/>
        <v>293.1535787080752</v>
      </c>
      <c r="R4053" s="238">
        <v>35</v>
      </c>
      <c r="S4053" s="236">
        <f t="shared" si="959"/>
        <v>4.143672568909273</v>
      </c>
      <c r="T4053" s="236" t="e">
        <f t="shared" si="945"/>
        <v>#N/A</v>
      </c>
    </row>
    <row r="4054" spans="1:20" x14ac:dyDescent="0.2">
      <c r="A4054" s="53">
        <f t="shared" si="946"/>
        <v>4042</v>
      </c>
      <c r="B4054" s="239">
        <v>40.255000000000003</v>
      </c>
      <c r="C4054" s="3">
        <f t="shared" si="947"/>
        <v>40.248000000000005</v>
      </c>
      <c r="D4054" s="239">
        <v>4.0862999999999996</v>
      </c>
      <c r="E4054" s="239">
        <v>9.6699999999999994E-2</v>
      </c>
      <c r="F4054" s="239">
        <v>0.71909999999999996</v>
      </c>
      <c r="G4054">
        <f t="shared" si="948"/>
        <v>4.2301199999999994</v>
      </c>
      <c r="H4054" s="235">
        <f t="shared" si="949"/>
        <v>2.285987158756726</v>
      </c>
      <c r="I4054" s="236">
        <f t="shared" si="950"/>
        <v>19.168811953256601</v>
      </c>
      <c r="J4054" s="237">
        <f t="shared" si="955"/>
        <v>9.1688119532566006</v>
      </c>
      <c r="K4054" s="237">
        <f t="shared" si="951"/>
        <v>771.5063434946718</v>
      </c>
      <c r="L4054" s="237">
        <f t="shared" si="956"/>
        <v>369.09052517834448</v>
      </c>
      <c r="M4054" s="236">
        <f t="shared" si="952"/>
        <v>9.3706378803252282</v>
      </c>
      <c r="N4054" s="236">
        <f t="shared" si="953"/>
        <v>2.7959179487456307</v>
      </c>
      <c r="O4054" s="236">
        <f t="shared" si="957"/>
        <v>3.0030752576186246</v>
      </c>
      <c r="P4054" s="236" t="str">
        <f t="shared" si="958"/>
        <v>CLAY</v>
      </c>
      <c r="Q4054" s="236">
        <f t="shared" si="954"/>
        <v>288.21780470877724</v>
      </c>
      <c r="R4054" s="238">
        <v>35</v>
      </c>
      <c r="S4054" s="236">
        <f t="shared" si="959"/>
        <v>4.0987502181129765</v>
      </c>
      <c r="T4054" s="236" t="e">
        <f t="shared" si="945"/>
        <v>#N/A</v>
      </c>
    </row>
    <row r="4055" spans="1:20" x14ac:dyDescent="0.2">
      <c r="A4055" s="53">
        <f t="shared" si="946"/>
        <v>4043</v>
      </c>
      <c r="B4055" s="239">
        <v>40.264000000000003</v>
      </c>
      <c r="C4055" s="3">
        <f t="shared" si="947"/>
        <v>40.257000000000005</v>
      </c>
      <c r="D4055" s="239">
        <v>4.0004999999999997</v>
      </c>
      <c r="E4055" s="239">
        <v>9.3399999999999997E-2</v>
      </c>
      <c r="F4055" s="239">
        <v>0.68369999999999997</v>
      </c>
      <c r="G4055">
        <f t="shared" si="948"/>
        <v>4.1372399999999994</v>
      </c>
      <c r="H4055" s="235">
        <f t="shared" si="949"/>
        <v>2.257543676460636</v>
      </c>
      <c r="I4055" s="236">
        <f t="shared" si="950"/>
        <v>19.119419263625886</v>
      </c>
      <c r="J4055" s="237">
        <f t="shared" si="955"/>
        <v>9.1194192636258862</v>
      </c>
      <c r="K4055" s="237">
        <f t="shared" si="951"/>
        <v>769.69046129578737</v>
      </c>
      <c r="L4055" s="237">
        <f t="shared" si="956"/>
        <v>367.18429723063269</v>
      </c>
      <c r="M4055" s="236">
        <f t="shared" si="952"/>
        <v>9.1712787395943991</v>
      </c>
      <c r="N4055" s="236">
        <f t="shared" si="953"/>
        <v>2.7735300973757626</v>
      </c>
      <c r="O4055" s="236">
        <f t="shared" si="957"/>
        <v>3.008917780792308</v>
      </c>
      <c r="P4055" s="236" t="str">
        <f t="shared" si="958"/>
        <v>CLAY</v>
      </c>
      <c r="Q4055" s="236">
        <f t="shared" si="954"/>
        <v>280.62912822535105</v>
      </c>
      <c r="R4055" s="238">
        <v>35</v>
      </c>
      <c r="S4055" s="236">
        <f t="shared" si="959"/>
        <v>3.9900411525010302</v>
      </c>
      <c r="T4055" s="236" t="e">
        <f t="shared" si="945"/>
        <v>#N/A</v>
      </c>
    </row>
    <row r="4056" spans="1:20" x14ac:dyDescent="0.2">
      <c r="A4056" s="53">
        <f t="shared" si="946"/>
        <v>4044</v>
      </c>
      <c r="B4056" s="239">
        <v>40.274000000000001</v>
      </c>
      <c r="C4056" s="3">
        <f t="shared" si="947"/>
        <v>40.267000000000003</v>
      </c>
      <c r="D4056" s="239">
        <v>3.8485999999999998</v>
      </c>
      <c r="E4056" s="239">
        <v>9.7299999999999998E-2</v>
      </c>
      <c r="F4056" s="239">
        <v>0.67700000000000005</v>
      </c>
      <c r="G4056">
        <f t="shared" si="948"/>
        <v>3.984</v>
      </c>
      <c r="H4056" s="235">
        <f t="shared" si="949"/>
        <v>2.4422690763052208</v>
      </c>
      <c r="I4056" s="236">
        <f t="shared" si="950"/>
        <v>19.152635119883531</v>
      </c>
      <c r="J4056" s="237">
        <f t="shared" si="955"/>
        <v>9.1526351198835307</v>
      </c>
      <c r="K4056" s="237">
        <f t="shared" si="951"/>
        <v>771.21915837235019</v>
      </c>
      <c r="L4056" s="237">
        <f t="shared" si="956"/>
        <v>368.61322681818933</v>
      </c>
      <c r="M4056" s="236">
        <f t="shared" si="952"/>
        <v>8.7158588132060864</v>
      </c>
      <c r="N4056" s="236">
        <f t="shared" si="953"/>
        <v>3.028529015714192</v>
      </c>
      <c r="O4056" s="236">
        <f t="shared" si="957"/>
        <v>3.0485275103986007</v>
      </c>
      <c r="P4056" s="236" t="str">
        <f t="shared" si="958"/>
        <v>CLAY</v>
      </c>
      <c r="Q4056" s="236">
        <f t="shared" si="954"/>
        <v>267.73173680230417</v>
      </c>
      <c r="R4056" s="238">
        <v>35</v>
      </c>
      <c r="S4056" s="236">
        <f t="shared" si="959"/>
        <v>3.7439301871550379</v>
      </c>
      <c r="T4056" s="236" t="e">
        <f t="shared" si="945"/>
        <v>#N/A</v>
      </c>
    </row>
    <row r="4057" spans="1:20" x14ac:dyDescent="0.2">
      <c r="A4057" s="53">
        <f t="shared" si="946"/>
        <v>4045</v>
      </c>
      <c r="B4057" s="239">
        <v>40.283999999999999</v>
      </c>
      <c r="C4057" s="3">
        <f t="shared" si="947"/>
        <v>40.277000000000001</v>
      </c>
      <c r="D4057" s="239">
        <v>3.8679999999999999</v>
      </c>
      <c r="E4057" s="239">
        <v>0.1022</v>
      </c>
      <c r="F4057" s="239">
        <v>0.59489999999999998</v>
      </c>
      <c r="G4057">
        <f t="shared" si="948"/>
        <v>3.98698</v>
      </c>
      <c r="H4057" s="235">
        <f t="shared" si="949"/>
        <v>2.563343683690412</v>
      </c>
      <c r="I4057" s="236">
        <f t="shared" si="950"/>
        <v>19.210540124432761</v>
      </c>
      <c r="J4057" s="237">
        <f t="shared" si="955"/>
        <v>9.2105401244327609</v>
      </c>
      <c r="K4057" s="237">
        <f t="shared" si="951"/>
        <v>773.74292459177832</v>
      </c>
      <c r="L4057" s="237">
        <f t="shared" si="956"/>
        <v>371.03739837264931</v>
      </c>
      <c r="M4057" s="236">
        <f t="shared" si="952"/>
        <v>8.6601433965991355</v>
      </c>
      <c r="N4057" s="236">
        <f t="shared" si="953"/>
        <v>3.180593202479967</v>
      </c>
      <c r="O4057" s="236">
        <f t="shared" si="957"/>
        <v>3.0627542261450271</v>
      </c>
      <c r="P4057" s="236" t="str">
        <f t="shared" si="958"/>
        <v>CLAY</v>
      </c>
      <c r="Q4057" s="236">
        <f t="shared" si="954"/>
        <v>267.76975628401846</v>
      </c>
      <c r="R4057" s="238">
        <v>35</v>
      </c>
      <c r="S4057" s="236">
        <f t="shared" si="959"/>
        <v>3.7140381694183078</v>
      </c>
      <c r="T4057" s="236" t="e">
        <f t="shared" si="945"/>
        <v>#N/A</v>
      </c>
    </row>
    <row r="4058" spans="1:20" x14ac:dyDescent="0.2">
      <c r="A4058" s="53">
        <f t="shared" si="946"/>
        <v>4046</v>
      </c>
      <c r="B4058" s="239">
        <v>40.295000000000002</v>
      </c>
      <c r="C4058" s="3">
        <f t="shared" si="947"/>
        <v>40.288000000000004</v>
      </c>
      <c r="D4058" s="239">
        <v>3.5994999999999999</v>
      </c>
      <c r="E4058" s="239">
        <v>0.106</v>
      </c>
      <c r="F4058" s="239">
        <v>0.67930000000000001</v>
      </c>
      <c r="G4058">
        <f t="shared" si="948"/>
        <v>3.73536</v>
      </c>
      <c r="H4058" s="235">
        <f t="shared" si="949"/>
        <v>2.8377452240212455</v>
      </c>
      <c r="I4058" s="236">
        <f t="shared" si="950"/>
        <v>19.227868108056345</v>
      </c>
      <c r="J4058" s="237">
        <f t="shared" si="955"/>
        <v>9.2278681080563452</v>
      </c>
      <c r="K4058" s="237">
        <f t="shared" si="951"/>
        <v>774.65235033737406</v>
      </c>
      <c r="L4058" s="237">
        <f t="shared" si="956"/>
        <v>371.83694541413047</v>
      </c>
      <c r="M4058" s="236">
        <f t="shared" si="952"/>
        <v>7.9623815927305479</v>
      </c>
      <c r="N4058" s="236">
        <f t="shared" si="953"/>
        <v>3.5802251536749581</v>
      </c>
      <c r="O4058" s="236">
        <f t="shared" si="957"/>
        <v>3.1219061527806544</v>
      </c>
      <c r="P4058" s="236" t="str">
        <f t="shared" si="958"/>
        <v>CLAY</v>
      </c>
      <c r="Q4058" s="236">
        <f t="shared" si="954"/>
        <v>246.72563747188551</v>
      </c>
      <c r="R4058" s="238">
        <v>35</v>
      </c>
      <c r="S4058" s="236">
        <f t="shared" si="959"/>
        <v>3.3438265558126345</v>
      </c>
      <c r="T4058" s="236" t="e">
        <f t="shared" si="945"/>
        <v>#N/A</v>
      </c>
    </row>
    <row r="4059" spans="1:20" x14ac:dyDescent="0.2">
      <c r="A4059" s="53">
        <f t="shared" si="946"/>
        <v>4047</v>
      </c>
      <c r="B4059" s="239">
        <v>40.304000000000002</v>
      </c>
      <c r="C4059" s="3">
        <f t="shared" si="947"/>
        <v>40.297000000000004</v>
      </c>
      <c r="D4059" s="239">
        <v>3.2494000000000001</v>
      </c>
      <c r="E4059" s="239">
        <v>0.10589999999999999</v>
      </c>
      <c r="F4059" s="239">
        <v>0.72719999999999996</v>
      </c>
      <c r="G4059">
        <f t="shared" si="948"/>
        <v>3.3948399999999999</v>
      </c>
      <c r="H4059" s="235">
        <f t="shared" si="949"/>
        <v>3.1194400914328804</v>
      </c>
      <c r="I4059" s="236">
        <f t="shared" si="950"/>
        <v>19.189399526255517</v>
      </c>
      <c r="J4059" s="237">
        <f t="shared" si="955"/>
        <v>9.1893995262555173</v>
      </c>
      <c r="K4059" s="237">
        <f t="shared" si="951"/>
        <v>773.2752327095186</v>
      </c>
      <c r="L4059" s="237">
        <f t="shared" si="956"/>
        <v>370.3695585062024</v>
      </c>
      <c r="M4059" s="236">
        <f t="shared" si="952"/>
        <v>7.0782403874226043</v>
      </c>
      <c r="N4059" s="236">
        <f t="shared" si="953"/>
        <v>4.0395721410862935</v>
      </c>
      <c r="O4059" s="236">
        <f t="shared" si="957"/>
        <v>3.1937896409308171</v>
      </c>
      <c r="P4059" s="236" t="str">
        <f t="shared" si="958"/>
        <v>CLAY</v>
      </c>
      <c r="Q4059" s="236">
        <f t="shared" si="954"/>
        <v>218.4637306075401</v>
      </c>
      <c r="R4059" s="238">
        <v>35</v>
      </c>
      <c r="S4059" s="236">
        <f t="shared" si="959"/>
        <v>2.8863343869619116</v>
      </c>
      <c r="T4059" s="236" t="e">
        <f t="shared" si="945"/>
        <v>#N/A</v>
      </c>
    </row>
    <row r="4060" spans="1:20" x14ac:dyDescent="0.2">
      <c r="A4060" s="53">
        <f t="shared" si="946"/>
        <v>4048</v>
      </c>
      <c r="B4060" s="239">
        <v>40.314</v>
      </c>
      <c r="C4060" s="3">
        <f t="shared" si="947"/>
        <v>40.307000000000002</v>
      </c>
      <c r="D4060" s="239">
        <v>3.0165000000000002</v>
      </c>
      <c r="E4060" s="239">
        <v>0.1055</v>
      </c>
      <c r="F4060" s="239">
        <v>0.74370000000000003</v>
      </c>
      <c r="G4060">
        <f t="shared" si="948"/>
        <v>3.1652400000000003</v>
      </c>
      <c r="H4060" s="235">
        <f t="shared" si="949"/>
        <v>3.33308058788591</v>
      </c>
      <c r="I4060" s="236">
        <f t="shared" si="950"/>
        <v>19.157590676242535</v>
      </c>
      <c r="J4060" s="237">
        <f t="shared" si="955"/>
        <v>9.1575906762425348</v>
      </c>
      <c r="K4060" s="237">
        <f t="shared" si="951"/>
        <v>772.18500738730791</v>
      </c>
      <c r="L4060" s="237">
        <f t="shared" si="956"/>
        <v>369.17911052204153</v>
      </c>
      <c r="M4060" s="236">
        <f t="shared" si="952"/>
        <v>6.4820975087912434</v>
      </c>
      <c r="N4060" s="236">
        <f t="shared" si="953"/>
        <v>4.4085907062594121</v>
      </c>
      <c r="O4060" s="236">
        <f t="shared" si="957"/>
        <v>3.2468584567130354</v>
      </c>
      <c r="P4060" s="236" t="str">
        <f t="shared" si="958"/>
        <v>CLAY</v>
      </c>
      <c r="Q4060" s="236">
        <f t="shared" si="954"/>
        <v>199.42124938439102</v>
      </c>
      <c r="R4060" s="238">
        <v>35</v>
      </c>
      <c r="S4060" s="236">
        <f t="shared" si="959"/>
        <v>2.5857376456384014</v>
      </c>
      <c r="T4060" s="236" t="e">
        <f t="shared" si="945"/>
        <v>#N/A</v>
      </c>
    </row>
    <row r="4061" spans="1:20" x14ac:dyDescent="0.2">
      <c r="A4061" s="53">
        <f t="shared" si="946"/>
        <v>4049</v>
      </c>
      <c r="B4061" s="239">
        <v>40.323999999999998</v>
      </c>
      <c r="C4061" s="3">
        <f t="shared" si="947"/>
        <v>40.317</v>
      </c>
      <c r="D4061" s="239">
        <v>2.9626000000000001</v>
      </c>
      <c r="E4061" s="239">
        <v>0.1074</v>
      </c>
      <c r="F4061" s="239">
        <v>0.79620000000000002</v>
      </c>
      <c r="G4061">
        <f t="shared" si="948"/>
        <v>3.1218400000000002</v>
      </c>
      <c r="H4061" s="235">
        <f t="shared" si="949"/>
        <v>3.4402788099326038</v>
      </c>
      <c r="I4061" s="236">
        <f t="shared" si="950"/>
        <v>19.173124190884494</v>
      </c>
      <c r="J4061" s="237">
        <f t="shared" si="955"/>
        <v>9.1731241908844936</v>
      </c>
      <c r="K4061" s="237">
        <f t="shared" si="951"/>
        <v>773.00284800389011</v>
      </c>
      <c r="L4061" s="237">
        <f t="shared" si="956"/>
        <v>369.89705987322628</v>
      </c>
      <c r="M4061" s="236">
        <f t="shared" si="952"/>
        <v>6.3499751871537455</v>
      </c>
      <c r="N4061" s="236">
        <f t="shared" si="953"/>
        <v>4.5724753590826142</v>
      </c>
      <c r="O4061" s="236">
        <f t="shared" si="957"/>
        <v>3.2632919332214252</v>
      </c>
      <c r="P4061" s="236" t="str">
        <f t="shared" si="958"/>
        <v>CLAY</v>
      </c>
      <c r="Q4061" s="236">
        <f t="shared" si="954"/>
        <v>195.73642933300917</v>
      </c>
      <c r="R4061" s="238">
        <v>35</v>
      </c>
      <c r="S4061" s="236">
        <f t="shared" si="959"/>
        <v>2.5200261301652369</v>
      </c>
      <c r="T4061" s="236" t="e">
        <f t="shared" si="945"/>
        <v>#N/A</v>
      </c>
    </row>
    <row r="4062" spans="1:20" x14ac:dyDescent="0.2">
      <c r="A4062" s="53">
        <f t="shared" si="946"/>
        <v>4050</v>
      </c>
      <c r="B4062" s="239">
        <v>40.334000000000003</v>
      </c>
      <c r="C4062" s="3">
        <f t="shared" si="947"/>
        <v>40.327000000000005</v>
      </c>
      <c r="D4062" s="239">
        <v>2.8839999999999999</v>
      </c>
      <c r="E4062" s="239">
        <v>0.1095</v>
      </c>
      <c r="F4062" s="239">
        <v>0.91500000000000004</v>
      </c>
      <c r="G4062">
        <f t="shared" si="948"/>
        <v>3.0669999999999997</v>
      </c>
      <c r="H4062" s="235">
        <f t="shared" si="949"/>
        <v>3.5702641017280734</v>
      </c>
      <c r="I4062" s="236">
        <f t="shared" si="950"/>
        <v>19.188903574542294</v>
      </c>
      <c r="J4062" s="237">
        <f t="shared" si="955"/>
        <v>9.1889035745422945</v>
      </c>
      <c r="K4062" s="237">
        <f t="shared" si="951"/>
        <v>773.83091445056721</v>
      </c>
      <c r="L4062" s="237">
        <f t="shared" si="956"/>
        <v>370.62523677558892</v>
      </c>
      <c r="M4062" s="236">
        <f t="shared" si="952"/>
        <v>6.1872988075497162</v>
      </c>
      <c r="N4062" s="236">
        <f t="shared" si="953"/>
        <v>4.7750512899385402</v>
      </c>
      <c r="O4062" s="236">
        <f t="shared" si="957"/>
        <v>3.2833632161517836</v>
      </c>
      <c r="P4062" s="236" t="str">
        <f t="shared" si="958"/>
        <v>CLAY</v>
      </c>
      <c r="Q4062" s="236">
        <f t="shared" si="954"/>
        <v>191.09742379578606</v>
      </c>
      <c r="R4062" s="238">
        <v>35</v>
      </c>
      <c r="S4062" s="236">
        <f t="shared" si="959"/>
        <v>2.4395873426761261</v>
      </c>
      <c r="T4062" s="236" t="e">
        <f t="shared" si="945"/>
        <v>#N/A</v>
      </c>
    </row>
    <row r="4063" spans="1:20" x14ac:dyDescent="0.2">
      <c r="A4063" s="53">
        <f t="shared" si="946"/>
        <v>4051</v>
      </c>
      <c r="B4063" s="239">
        <v>40.344000000000001</v>
      </c>
      <c r="C4063" s="3">
        <f t="shared" si="947"/>
        <v>40.337000000000003</v>
      </c>
      <c r="D4063" s="239">
        <v>2.9388000000000001</v>
      </c>
      <c r="E4063" s="239">
        <v>0.1178</v>
      </c>
      <c r="F4063" s="239">
        <v>0.96919999999999995</v>
      </c>
      <c r="G4063">
        <f t="shared" si="948"/>
        <v>3.1326399999999999</v>
      </c>
      <c r="H4063" s="235">
        <f t="shared" si="949"/>
        <v>3.7604065580468875</v>
      </c>
      <c r="I4063" s="236">
        <f t="shared" si="950"/>
        <v>19.282854778737949</v>
      </c>
      <c r="J4063" s="237">
        <f t="shared" si="955"/>
        <v>9.2828547787379492</v>
      </c>
      <c r="K4063" s="237">
        <f t="shared" si="951"/>
        <v>777.81251320995273</v>
      </c>
      <c r="L4063" s="237">
        <f t="shared" si="956"/>
        <v>374.50749319340383</v>
      </c>
      <c r="M4063" s="236">
        <f t="shared" si="952"/>
        <v>6.2877980536799649</v>
      </c>
      <c r="N4063" s="236">
        <f t="shared" si="953"/>
        <v>5.0024895947081687</v>
      </c>
      <c r="O4063" s="236">
        <f t="shared" si="957"/>
        <v>3.2894065510005692</v>
      </c>
      <c r="P4063" s="236" t="str">
        <f t="shared" si="958"/>
        <v>CLAY</v>
      </c>
      <c r="Q4063" s="236">
        <f t="shared" si="954"/>
        <v>196.23562389917061</v>
      </c>
      <c r="R4063" s="238">
        <v>35</v>
      </c>
      <c r="S4063" s="236">
        <f t="shared" si="959"/>
        <v>2.4892197599699388</v>
      </c>
      <c r="T4063" s="236" t="e">
        <f t="shared" si="945"/>
        <v>#N/A</v>
      </c>
    </row>
    <row r="4064" spans="1:20" x14ac:dyDescent="0.2">
      <c r="A4064" s="53">
        <f t="shared" si="946"/>
        <v>4052</v>
      </c>
      <c r="B4064" s="239">
        <v>40.353000000000002</v>
      </c>
      <c r="C4064" s="3">
        <f t="shared" si="947"/>
        <v>40.346000000000004</v>
      </c>
      <c r="D4064" s="239">
        <v>3.0771999999999999</v>
      </c>
      <c r="E4064" s="239">
        <v>0.13339999999999999</v>
      </c>
      <c r="F4064" s="239">
        <v>1.0535000000000001</v>
      </c>
      <c r="G4064">
        <f t="shared" si="948"/>
        <v>3.2879</v>
      </c>
      <c r="H4064" s="235">
        <f t="shared" si="949"/>
        <v>4.0573010128045253</v>
      </c>
      <c r="I4064" s="236">
        <f t="shared" si="950"/>
        <v>19.447590534427672</v>
      </c>
      <c r="J4064" s="237">
        <f t="shared" si="955"/>
        <v>9.4475905344276718</v>
      </c>
      <c r="K4064" s="237">
        <f t="shared" si="951"/>
        <v>784.63248770201892</v>
      </c>
      <c r="L4064" s="237">
        <f t="shared" si="956"/>
        <v>381.23862083575983</v>
      </c>
      <c r="M4064" s="236">
        <f t="shared" si="952"/>
        <v>6.5661435528495575</v>
      </c>
      <c r="N4064" s="236">
        <f t="shared" si="953"/>
        <v>5.329034925138294</v>
      </c>
      <c r="O4064" s="236">
        <f t="shared" si="957"/>
        <v>3.2903195737045725</v>
      </c>
      <c r="P4064" s="236" t="str">
        <f t="shared" si="958"/>
        <v>CLAY</v>
      </c>
      <c r="Q4064" s="236">
        <f t="shared" si="954"/>
        <v>208.60562602483176</v>
      </c>
      <c r="R4064" s="238">
        <v>35</v>
      </c>
      <c r="S4064" s="236">
        <f t="shared" si="959"/>
        <v>2.6277132762254012</v>
      </c>
      <c r="T4064" s="236" t="e">
        <f t="shared" si="945"/>
        <v>#N/A</v>
      </c>
    </row>
    <row r="4065" spans="1:20" x14ac:dyDescent="0.2">
      <c r="A4065" s="53">
        <f t="shared" si="946"/>
        <v>4053</v>
      </c>
      <c r="B4065" s="239">
        <v>40.363999999999997</v>
      </c>
      <c r="C4065" s="3">
        <f t="shared" si="947"/>
        <v>40.356999999999999</v>
      </c>
      <c r="D4065" s="239">
        <v>3.3235000000000001</v>
      </c>
      <c r="E4065" s="239">
        <v>0.1351</v>
      </c>
      <c r="F4065" s="239">
        <v>1.0637000000000001</v>
      </c>
      <c r="G4065">
        <f t="shared" si="948"/>
        <v>3.5362400000000003</v>
      </c>
      <c r="H4065" s="235">
        <f t="shared" si="949"/>
        <v>3.8204420514444717</v>
      </c>
      <c r="I4065" s="236">
        <f t="shared" si="950"/>
        <v>19.490900055849558</v>
      </c>
      <c r="J4065" s="237">
        <f t="shared" si="955"/>
        <v>9.4909000558495578</v>
      </c>
      <c r="K4065" s="237">
        <f t="shared" si="951"/>
        <v>786.59425355392057</v>
      </c>
      <c r="L4065" s="237">
        <f t="shared" si="956"/>
        <v>383.09068985431151</v>
      </c>
      <c r="M4065" s="236">
        <f t="shared" si="952"/>
        <v>7.177532159530589</v>
      </c>
      <c r="N4065" s="236">
        <f t="shared" si="953"/>
        <v>4.913360209205746</v>
      </c>
      <c r="O4065" s="236">
        <f t="shared" si="957"/>
        <v>3.2382856731687051</v>
      </c>
      <c r="P4065" s="236" t="str">
        <f t="shared" si="958"/>
        <v>CLAY</v>
      </c>
      <c r="Q4065" s="236">
        <f t="shared" si="954"/>
        <v>229.1371455371733</v>
      </c>
      <c r="R4065" s="238">
        <v>35</v>
      </c>
      <c r="S4065" s="236">
        <f t="shared" si="959"/>
        <v>2.937033786477901</v>
      </c>
      <c r="T4065" s="236" t="e">
        <f t="shared" si="945"/>
        <v>#N/A</v>
      </c>
    </row>
    <row r="4066" spans="1:20" x14ac:dyDescent="0.2">
      <c r="A4066" s="53">
        <f t="shared" si="946"/>
        <v>4054</v>
      </c>
      <c r="B4066" s="239">
        <v>40.372999999999998</v>
      </c>
      <c r="C4066" s="3">
        <f t="shared" si="947"/>
        <v>40.366</v>
      </c>
      <c r="D4066" s="239">
        <v>3.3</v>
      </c>
      <c r="E4066" s="239">
        <v>0.1328</v>
      </c>
      <c r="F4066" s="239">
        <v>1.0407999999999999</v>
      </c>
      <c r="G4066">
        <f t="shared" si="948"/>
        <v>3.5081599999999997</v>
      </c>
      <c r="H4066" s="235">
        <f t="shared" si="949"/>
        <v>3.7854601842561348</v>
      </c>
      <c r="I4066" s="236">
        <f t="shared" si="950"/>
        <v>19.467649310154503</v>
      </c>
      <c r="J4066" s="237">
        <f t="shared" si="955"/>
        <v>9.4676493101545027</v>
      </c>
      <c r="K4066" s="237">
        <f t="shared" si="951"/>
        <v>785.83113205369671</v>
      </c>
      <c r="L4066" s="237">
        <f t="shared" si="956"/>
        <v>382.23740559886772</v>
      </c>
      <c r="M4066" s="236">
        <f t="shared" si="952"/>
        <v>7.1220891207157333</v>
      </c>
      <c r="N4066" s="236">
        <f t="shared" si="953"/>
        <v>4.8781762396026371</v>
      </c>
      <c r="O4066" s="236">
        <f t="shared" si="957"/>
        <v>3.2391651142567426</v>
      </c>
      <c r="P4066" s="236" t="str">
        <f t="shared" si="958"/>
        <v>CLAY</v>
      </c>
      <c r="Q4066" s="236">
        <f t="shared" si="954"/>
        <v>226.86073899552525</v>
      </c>
      <c r="R4066" s="238">
        <v>35</v>
      </c>
      <c r="S4066" s="236">
        <f t="shared" si="959"/>
        <v>2.9087022271307981</v>
      </c>
      <c r="T4066" s="236" t="e">
        <f t="shared" si="945"/>
        <v>#N/A</v>
      </c>
    </row>
    <row r="4067" spans="1:20" x14ac:dyDescent="0.2">
      <c r="A4067" s="53">
        <f t="shared" si="946"/>
        <v>4055</v>
      </c>
      <c r="B4067" s="239">
        <v>40.383000000000003</v>
      </c>
      <c r="C4067" s="3">
        <f t="shared" si="947"/>
        <v>40.376000000000005</v>
      </c>
      <c r="D4067" s="239">
        <v>3.3163</v>
      </c>
      <c r="E4067" s="239">
        <v>0.11559999999999999</v>
      </c>
      <c r="F4067" s="239">
        <v>0.89280000000000004</v>
      </c>
      <c r="G4067">
        <f t="shared" si="948"/>
        <v>3.4948600000000001</v>
      </c>
      <c r="H4067" s="235">
        <f t="shared" si="949"/>
        <v>3.3077147582449653</v>
      </c>
      <c r="I4067" s="236">
        <f t="shared" si="950"/>
        <v>19.303516011202152</v>
      </c>
      <c r="J4067" s="237">
        <f t="shared" si="955"/>
        <v>9.3035160112021522</v>
      </c>
      <c r="K4067" s="237">
        <f t="shared" si="951"/>
        <v>779.39876246829817</v>
      </c>
      <c r="L4067" s="237">
        <f t="shared" si="956"/>
        <v>375.70388708037655</v>
      </c>
      <c r="M4067" s="236">
        <f t="shared" si="952"/>
        <v>7.2276634096968158</v>
      </c>
      <c r="N4067" s="236">
        <f t="shared" si="953"/>
        <v>4.2571036699856561</v>
      </c>
      <c r="O4067" s="236">
        <f t="shared" si="957"/>
        <v>3.1994617183293261</v>
      </c>
      <c r="P4067" s="236" t="str">
        <f t="shared" si="958"/>
        <v>CLAY</v>
      </c>
      <c r="Q4067" s="236">
        <f t="shared" si="954"/>
        <v>226.28843646097516</v>
      </c>
      <c r="R4067" s="238">
        <v>35</v>
      </c>
      <c r="S4067" s="236">
        <f t="shared" si="959"/>
        <v>2.9626981609333294</v>
      </c>
      <c r="T4067" s="236" t="e">
        <f t="shared" si="945"/>
        <v>#N/A</v>
      </c>
    </row>
    <row r="4068" spans="1:20" x14ac:dyDescent="0.2">
      <c r="A4068" s="53">
        <f t="shared" si="946"/>
        <v>4056</v>
      </c>
      <c r="B4068" s="239">
        <v>40.392000000000003</v>
      </c>
      <c r="C4068" s="3">
        <f t="shared" si="947"/>
        <v>40.385000000000005</v>
      </c>
      <c r="D4068" s="239">
        <v>3.2858999999999998</v>
      </c>
      <c r="E4068" s="239">
        <v>0.10489999999999999</v>
      </c>
      <c r="F4068" s="239">
        <v>0.82969999999999999</v>
      </c>
      <c r="G4068">
        <f t="shared" si="948"/>
        <v>3.4518399999999998</v>
      </c>
      <c r="H4068" s="235">
        <f t="shared" si="949"/>
        <v>3.0389589320478354</v>
      </c>
      <c r="I4068" s="236">
        <f t="shared" si="950"/>
        <v>19.184782463852418</v>
      </c>
      <c r="J4068" s="237">
        <f t="shared" si="955"/>
        <v>9.184782463852418</v>
      </c>
      <c r="K4068" s="237">
        <f t="shared" si="951"/>
        <v>774.77743980267996</v>
      </c>
      <c r="L4068" s="237">
        <f t="shared" si="956"/>
        <v>370.9917332799269</v>
      </c>
      <c r="M4068" s="236">
        <f t="shared" si="952"/>
        <v>7.2159628370408395</v>
      </c>
      <c r="N4068" s="236">
        <f t="shared" si="953"/>
        <v>3.9184739856160875</v>
      </c>
      <c r="O4068" s="236">
        <f t="shared" si="957"/>
        <v>3.179370985890106</v>
      </c>
      <c r="P4068" s="236" t="str">
        <f t="shared" si="958"/>
        <v>CLAY</v>
      </c>
      <c r="Q4068" s="236">
        <f t="shared" si="954"/>
        <v>223.08854668310997</v>
      </c>
      <c r="R4068" s="238">
        <v>35</v>
      </c>
      <c r="S4068" s="236">
        <f t="shared" si="959"/>
        <v>2.9567041339723872</v>
      </c>
      <c r="T4068" s="236" t="e">
        <f t="shared" si="945"/>
        <v>#N/A</v>
      </c>
    </row>
    <row r="4069" spans="1:20" x14ac:dyDescent="0.2">
      <c r="A4069" s="53">
        <f t="shared" si="946"/>
        <v>4057</v>
      </c>
      <c r="B4069" s="239">
        <v>40.402000000000001</v>
      </c>
      <c r="C4069" s="3">
        <f t="shared" si="947"/>
        <v>40.395000000000003</v>
      </c>
      <c r="D4069" s="239">
        <v>3.2368000000000001</v>
      </c>
      <c r="E4069" s="239">
        <v>0.1065</v>
      </c>
      <c r="F4069" s="239">
        <v>0.80279999999999996</v>
      </c>
      <c r="G4069">
        <f t="shared" si="948"/>
        <v>3.3973599999999999</v>
      </c>
      <c r="H4069" s="235">
        <f t="shared" si="949"/>
        <v>3.1347870110909648</v>
      </c>
      <c r="I4069" s="236">
        <f t="shared" si="950"/>
        <v>19.196314407621134</v>
      </c>
      <c r="J4069" s="237">
        <f t="shared" si="955"/>
        <v>9.1963144076211343</v>
      </c>
      <c r="K4069" s="237">
        <f t="shared" si="951"/>
        <v>775.43512049585581</v>
      </c>
      <c r="L4069" s="237">
        <f t="shared" si="956"/>
        <v>371.54949469670908</v>
      </c>
      <c r="M4069" s="236">
        <f t="shared" si="952"/>
        <v>7.0567311136955979</v>
      </c>
      <c r="N4069" s="236">
        <f t="shared" si="953"/>
        <v>4.061901270799992</v>
      </c>
      <c r="O4069" s="236">
        <f t="shared" si="957"/>
        <v>3.1962431586201165</v>
      </c>
      <c r="P4069" s="236" t="str">
        <f t="shared" si="958"/>
        <v>CLAY</v>
      </c>
      <c r="Q4069" s="236">
        <f t="shared" si="954"/>
        <v>218.4937399586787</v>
      </c>
      <c r="R4069" s="238">
        <v>35</v>
      </c>
      <c r="S4069" s="236">
        <f t="shared" si="959"/>
        <v>2.8753748558953749</v>
      </c>
      <c r="T4069" s="236" t="e">
        <f t="shared" si="945"/>
        <v>#N/A</v>
      </c>
    </row>
    <row r="4070" spans="1:20" x14ac:dyDescent="0.2">
      <c r="A4070" s="53">
        <f t="shared" si="946"/>
        <v>4058</v>
      </c>
      <c r="B4070" s="239">
        <v>40.411999999999999</v>
      </c>
      <c r="C4070" s="3">
        <f t="shared" si="947"/>
        <v>40.405000000000001</v>
      </c>
      <c r="D4070" s="239">
        <v>3.1604999999999999</v>
      </c>
      <c r="E4070" s="239">
        <v>0.1187</v>
      </c>
      <c r="F4070" s="239">
        <v>0.84850000000000003</v>
      </c>
      <c r="G4070">
        <f t="shared" si="948"/>
        <v>3.3301999999999996</v>
      </c>
      <c r="H4070" s="235">
        <f t="shared" si="949"/>
        <v>3.5643504894600926</v>
      </c>
      <c r="I4070" s="236">
        <f t="shared" si="950"/>
        <v>19.315683280388033</v>
      </c>
      <c r="J4070" s="237">
        <f t="shared" si="955"/>
        <v>9.3156832803880327</v>
      </c>
      <c r="K4070" s="237">
        <f t="shared" si="951"/>
        <v>780.45018294407851</v>
      </c>
      <c r="L4070" s="237">
        <f t="shared" si="956"/>
        <v>376.46539272704115</v>
      </c>
      <c r="M4070" s="236">
        <f t="shared" si="952"/>
        <v>6.7728664209637852</v>
      </c>
      <c r="N4070" s="236">
        <f t="shared" si="953"/>
        <v>4.6553587024886012</v>
      </c>
      <c r="O4070" s="236">
        <f t="shared" si="957"/>
        <v>3.244979019654707</v>
      </c>
      <c r="P4070" s="236" t="str">
        <f t="shared" si="958"/>
        <v>CLAY</v>
      </c>
      <c r="Q4070" s="236">
        <f t="shared" si="954"/>
        <v>212.47915142132675</v>
      </c>
      <c r="R4070" s="238">
        <v>35</v>
      </c>
      <c r="S4070" s="236">
        <f t="shared" si="959"/>
        <v>2.7315279357890661</v>
      </c>
      <c r="T4070" s="236" t="e">
        <f t="shared" si="945"/>
        <v>#N/A</v>
      </c>
    </row>
    <row r="4071" spans="1:20" x14ac:dyDescent="0.2">
      <c r="A4071" s="53">
        <f t="shared" si="946"/>
        <v>4059</v>
      </c>
      <c r="B4071" s="239">
        <v>40.421999999999997</v>
      </c>
      <c r="C4071" s="3">
        <f t="shared" si="947"/>
        <v>40.414999999999999</v>
      </c>
      <c r="D4071" s="239">
        <v>3.0724</v>
      </c>
      <c r="E4071" s="239">
        <v>0.1225</v>
      </c>
      <c r="F4071" s="239">
        <v>0.92100000000000004</v>
      </c>
      <c r="G4071">
        <f t="shared" si="948"/>
        <v>3.2566000000000002</v>
      </c>
      <c r="H4071" s="235">
        <f t="shared" si="949"/>
        <v>3.761591844254744</v>
      </c>
      <c r="I4071" s="236">
        <f t="shared" si="950"/>
        <v>19.343898470559981</v>
      </c>
      <c r="J4071" s="237">
        <f t="shared" si="955"/>
        <v>9.3438984705599815</v>
      </c>
      <c r="K4071" s="237">
        <f t="shared" si="951"/>
        <v>781.78365668768163</v>
      </c>
      <c r="L4071" s="237">
        <f t="shared" si="956"/>
        <v>377.69906397697554</v>
      </c>
      <c r="M4071" s="236">
        <f t="shared" si="952"/>
        <v>6.552349686159622</v>
      </c>
      <c r="N4071" s="236">
        <f t="shared" si="953"/>
        <v>4.9498622526488081</v>
      </c>
      <c r="O4071" s="236">
        <f t="shared" si="957"/>
        <v>3.2721973223768979</v>
      </c>
      <c r="P4071" s="236" t="str">
        <f t="shared" si="958"/>
        <v>CLAY</v>
      </c>
      <c r="Q4071" s="236">
        <f t="shared" si="954"/>
        <v>206.23469527602654</v>
      </c>
      <c r="R4071" s="238">
        <v>35</v>
      </c>
      <c r="S4071" s="236">
        <f t="shared" si="959"/>
        <v>2.6208148579891666</v>
      </c>
      <c r="T4071" s="236" t="e">
        <f t="shared" si="945"/>
        <v>#N/A</v>
      </c>
    </row>
    <row r="4072" spans="1:20" x14ac:dyDescent="0.2">
      <c r="A4072" s="53">
        <f t="shared" si="946"/>
        <v>4060</v>
      </c>
      <c r="B4072" s="239">
        <v>40.432000000000002</v>
      </c>
      <c r="C4072" s="3">
        <f t="shared" si="947"/>
        <v>40.425000000000004</v>
      </c>
      <c r="D4072" s="239">
        <v>2.9990000000000001</v>
      </c>
      <c r="E4072" s="239">
        <v>0.1187</v>
      </c>
      <c r="F4072" s="239">
        <v>0.97419999999999995</v>
      </c>
      <c r="G4072">
        <f t="shared" si="948"/>
        <v>3.1938400000000002</v>
      </c>
      <c r="H4072" s="235">
        <f t="shared" si="949"/>
        <v>3.7165293189389574</v>
      </c>
      <c r="I4072" s="236">
        <f t="shared" si="950"/>
        <v>19.299341835727549</v>
      </c>
      <c r="J4072" s="237">
        <f t="shared" si="955"/>
        <v>9.2993418357275495</v>
      </c>
      <c r="K4072" s="237">
        <f t="shared" si="951"/>
        <v>780.17589370928624</v>
      </c>
      <c r="L4072" s="237">
        <f t="shared" si="956"/>
        <v>375.99098910213633</v>
      </c>
      <c r="M4072" s="236">
        <f t="shared" si="952"/>
        <v>6.4194732752891914</v>
      </c>
      <c r="N4072" s="236">
        <f t="shared" si="953"/>
        <v>4.9178342458933342</v>
      </c>
      <c r="O4072" s="236">
        <f t="shared" si="957"/>
        <v>3.2777719361086106</v>
      </c>
      <c r="P4072" s="236" t="str">
        <f t="shared" si="958"/>
        <v>CLAY</v>
      </c>
      <c r="Q4072" s="236">
        <f t="shared" si="954"/>
        <v>201.13867552422616</v>
      </c>
      <c r="R4072" s="238">
        <v>35</v>
      </c>
      <c r="S4072" s="236">
        <f t="shared" si="959"/>
        <v>2.5545490892178799</v>
      </c>
      <c r="T4072" s="236" t="e">
        <f t="shared" si="945"/>
        <v>#N/A</v>
      </c>
    </row>
    <row r="4073" spans="1:20" x14ac:dyDescent="0.2">
      <c r="A4073" s="53">
        <f t="shared" si="946"/>
        <v>4061</v>
      </c>
      <c r="B4073" s="239">
        <v>40.442</v>
      </c>
      <c r="C4073" s="3">
        <f t="shared" si="947"/>
        <v>40.435000000000002</v>
      </c>
      <c r="D4073" s="239">
        <v>3.0312999999999999</v>
      </c>
      <c r="E4073" s="239">
        <v>0.11509999999999999</v>
      </c>
      <c r="F4073" s="239">
        <v>1.0425</v>
      </c>
      <c r="G4073">
        <f t="shared" si="948"/>
        <v>3.2397999999999998</v>
      </c>
      <c r="H4073" s="235">
        <f t="shared" si="949"/>
        <v>3.5526884375578738</v>
      </c>
      <c r="I4073" s="236">
        <f t="shared" si="950"/>
        <v>19.268812809152955</v>
      </c>
      <c r="J4073" s="237">
        <f t="shared" si="955"/>
        <v>9.2688128091529549</v>
      </c>
      <c r="K4073" s="237">
        <f t="shared" si="951"/>
        <v>779.13444593809982</v>
      </c>
      <c r="L4073" s="237">
        <f t="shared" si="956"/>
        <v>374.84932762776378</v>
      </c>
      <c r="M4073" s="236">
        <f t="shared" si="952"/>
        <v>6.5644123457129737</v>
      </c>
      <c r="N4073" s="236">
        <f t="shared" si="953"/>
        <v>4.6775962629297885</v>
      </c>
      <c r="O4073" s="236">
        <f t="shared" si="957"/>
        <v>3.257231304915654</v>
      </c>
      <c r="P4073" s="236" t="str">
        <f t="shared" si="958"/>
        <v>CLAY</v>
      </c>
      <c r="Q4073" s="236">
        <f t="shared" si="954"/>
        <v>205.05546283849165</v>
      </c>
      <c r="R4073" s="238">
        <v>35</v>
      </c>
      <c r="S4073" s="236">
        <f t="shared" si="959"/>
        <v>2.626847287307279</v>
      </c>
      <c r="T4073" s="236" t="e">
        <f t="shared" si="945"/>
        <v>#N/A</v>
      </c>
    </row>
    <row r="4074" spans="1:20" x14ac:dyDescent="0.2">
      <c r="A4074" s="53">
        <f t="shared" si="946"/>
        <v>4062</v>
      </c>
      <c r="B4074" s="239">
        <v>40.451999999999998</v>
      </c>
      <c r="C4074" s="3">
        <f t="shared" si="947"/>
        <v>40.445</v>
      </c>
      <c r="D4074" s="239">
        <v>3.1476999999999999</v>
      </c>
      <c r="E4074" s="239">
        <v>0.1096</v>
      </c>
      <c r="F4074" s="239">
        <v>1.0334000000000001</v>
      </c>
      <c r="G4074">
        <f t="shared" si="948"/>
        <v>3.3543799999999999</v>
      </c>
      <c r="H4074" s="235">
        <f t="shared" si="949"/>
        <v>3.2673698269128719</v>
      </c>
      <c r="I4074" s="236">
        <f t="shared" si="950"/>
        <v>19.224982584570363</v>
      </c>
      <c r="J4074" s="237">
        <f t="shared" si="955"/>
        <v>9.2249825845703626</v>
      </c>
      <c r="K4074" s="237">
        <f t="shared" si="951"/>
        <v>777.55442063294834</v>
      </c>
      <c r="L4074" s="237">
        <f t="shared" si="956"/>
        <v>373.16899551104029</v>
      </c>
      <c r="M4074" s="236">
        <f t="shared" si="952"/>
        <v>6.9052509998538074</v>
      </c>
      <c r="N4074" s="236">
        <f t="shared" si="953"/>
        <v>4.2532952512416911</v>
      </c>
      <c r="O4074" s="236">
        <f t="shared" si="957"/>
        <v>3.2154319700179772</v>
      </c>
      <c r="P4074" s="236" t="str">
        <f t="shared" si="958"/>
        <v>CLAY</v>
      </c>
      <c r="Q4074" s="236">
        <f t="shared" si="954"/>
        <v>214.73546494725431</v>
      </c>
      <c r="R4074" s="238">
        <v>35</v>
      </c>
      <c r="S4074" s="236">
        <f t="shared" si="959"/>
        <v>2.7984293397282261</v>
      </c>
      <c r="T4074" s="236" t="e">
        <f t="shared" si="945"/>
        <v>#N/A</v>
      </c>
    </row>
    <row r="4075" spans="1:20" x14ac:dyDescent="0.2">
      <c r="A4075" s="53">
        <f t="shared" si="946"/>
        <v>4063</v>
      </c>
      <c r="B4075" s="239">
        <v>40.462000000000003</v>
      </c>
      <c r="C4075" s="3">
        <f t="shared" si="947"/>
        <v>40.455000000000005</v>
      </c>
      <c r="D4075" s="239">
        <v>3.1044</v>
      </c>
      <c r="E4075" s="239">
        <v>0.1105</v>
      </c>
      <c r="F4075" s="239">
        <v>1.1904999999999999</v>
      </c>
      <c r="G4075">
        <f t="shared" si="948"/>
        <v>3.3424999999999998</v>
      </c>
      <c r="H4075" s="235">
        <f t="shared" si="949"/>
        <v>3.3059087509349294</v>
      </c>
      <c r="I4075" s="236">
        <f t="shared" si="950"/>
        <v>19.233185479380154</v>
      </c>
      <c r="J4075" s="237">
        <f t="shared" si="955"/>
        <v>9.233185479380154</v>
      </c>
      <c r="K4075" s="237">
        <f t="shared" si="951"/>
        <v>778.07851856832428</v>
      </c>
      <c r="L4075" s="237">
        <f t="shared" si="956"/>
        <v>373.59315086667982</v>
      </c>
      <c r="M4075" s="236">
        <f t="shared" si="952"/>
        <v>6.8642090345676952</v>
      </c>
      <c r="N4075" s="236">
        <f t="shared" si="953"/>
        <v>4.3089640607093038</v>
      </c>
      <c r="O4075" s="236">
        <f t="shared" si="957"/>
        <v>3.2207987114460064</v>
      </c>
      <c r="P4075" s="236" t="str">
        <f t="shared" si="958"/>
        <v>CLAY</v>
      </c>
      <c r="Q4075" s="236">
        <f t="shared" si="954"/>
        <v>213.70179011930631</v>
      </c>
      <c r="R4075" s="238">
        <v>35</v>
      </c>
      <c r="S4075" s="236">
        <f t="shared" si="959"/>
        <v>2.7776539213533433</v>
      </c>
      <c r="T4075" s="236" t="e">
        <f t="shared" si="945"/>
        <v>#N/A</v>
      </c>
    </row>
    <row r="4076" spans="1:20" x14ac:dyDescent="0.2">
      <c r="A4076" s="53">
        <f t="shared" si="946"/>
        <v>4064</v>
      </c>
      <c r="B4076" s="239">
        <v>40.472999999999999</v>
      </c>
      <c r="C4076" s="3">
        <f t="shared" si="947"/>
        <v>40.466000000000001</v>
      </c>
      <c r="D4076" s="239">
        <v>3.1709999999999998</v>
      </c>
      <c r="E4076" s="239">
        <v>0.1069</v>
      </c>
      <c r="F4076" s="239">
        <v>1.1787000000000001</v>
      </c>
      <c r="G4076">
        <f t="shared" si="948"/>
        <v>3.4067399999999997</v>
      </c>
      <c r="H4076" s="235">
        <f t="shared" si="949"/>
        <v>3.1378972272612526</v>
      </c>
      <c r="I4076" s="236">
        <f t="shared" si="950"/>
        <v>19.201787949251163</v>
      </c>
      <c r="J4076" s="237">
        <f t="shared" si="955"/>
        <v>9.2017879492511625</v>
      </c>
      <c r="K4076" s="237">
        <f t="shared" si="951"/>
        <v>777.01955115439762</v>
      </c>
      <c r="L4076" s="237">
        <f t="shared" si="956"/>
        <v>372.42396367004227</v>
      </c>
      <c r="M4076" s="236">
        <f t="shared" si="952"/>
        <v>7.0610935529794876</v>
      </c>
      <c r="N4076" s="236">
        <f t="shared" si="953"/>
        <v>4.0650708727206002</v>
      </c>
      <c r="O4076" s="236">
        <f t="shared" si="957"/>
        <v>3.1962168835965103</v>
      </c>
      <c r="P4076" s="236" t="str">
        <f t="shared" si="958"/>
        <v>CLAY</v>
      </c>
      <c r="Q4076" s="236">
        <f t="shared" si="954"/>
        <v>219.14337073713352</v>
      </c>
      <c r="R4076" s="238">
        <v>35</v>
      </c>
      <c r="S4076" s="236">
        <f t="shared" si="959"/>
        <v>2.8775969572442008</v>
      </c>
      <c r="T4076" s="236" t="e">
        <f t="shared" si="945"/>
        <v>#N/A</v>
      </c>
    </row>
    <row r="4077" spans="1:20" x14ac:dyDescent="0.2">
      <c r="A4077" s="53">
        <f t="shared" si="946"/>
        <v>4065</v>
      </c>
      <c r="B4077" s="239">
        <v>40.481999999999999</v>
      </c>
      <c r="C4077" s="3">
        <f t="shared" si="947"/>
        <v>40.475000000000001</v>
      </c>
      <c r="D4077" s="239">
        <v>3.3292000000000002</v>
      </c>
      <c r="E4077" s="239">
        <v>9.35E-2</v>
      </c>
      <c r="F4077" s="239">
        <v>1.0626</v>
      </c>
      <c r="G4077">
        <f t="shared" si="948"/>
        <v>3.5417200000000002</v>
      </c>
      <c r="H4077" s="235">
        <f t="shared" si="949"/>
        <v>2.639960245304541</v>
      </c>
      <c r="I4077" s="236">
        <f t="shared" si="950"/>
        <v>19.05992720526395</v>
      </c>
      <c r="J4077" s="237">
        <f t="shared" si="955"/>
        <v>9.0599272052639499</v>
      </c>
      <c r="K4077" s="237">
        <f t="shared" si="951"/>
        <v>771.45055363305835</v>
      </c>
      <c r="L4077" s="237">
        <f t="shared" si="956"/>
        <v>366.76397312349519</v>
      </c>
      <c r="M4077" s="236">
        <f t="shared" si="952"/>
        <v>7.5532758105282838</v>
      </c>
      <c r="N4077" s="236">
        <f t="shared" si="953"/>
        <v>3.3751229550114767</v>
      </c>
      <c r="O4077" s="236">
        <f t="shared" si="957"/>
        <v>3.126384320437646</v>
      </c>
      <c r="P4077" s="236" t="str">
        <f t="shared" si="958"/>
        <v>CLAY</v>
      </c>
      <c r="Q4077" s="236">
        <f t="shared" si="954"/>
        <v>230.85578719724515</v>
      </c>
      <c r="R4077" s="238">
        <v>35</v>
      </c>
      <c r="S4077" s="236">
        <f t="shared" si="959"/>
        <v>3.1304674175027718</v>
      </c>
      <c r="T4077" s="236" t="e">
        <f t="shared" si="945"/>
        <v>#N/A</v>
      </c>
    </row>
    <row r="4078" spans="1:20" x14ac:dyDescent="0.2">
      <c r="A4078" s="53">
        <f t="shared" si="946"/>
        <v>4066</v>
      </c>
      <c r="B4078" s="239">
        <v>40.491999999999997</v>
      </c>
      <c r="C4078" s="3">
        <f t="shared" si="947"/>
        <v>40.484999999999999</v>
      </c>
      <c r="D4078" s="239">
        <v>3.3788999999999998</v>
      </c>
      <c r="E4078" s="239">
        <v>8.6199999999999999E-2</v>
      </c>
      <c r="F4078" s="239">
        <v>0.93799999999999994</v>
      </c>
      <c r="G4078">
        <f t="shared" si="948"/>
        <v>3.5664999999999996</v>
      </c>
      <c r="H4078" s="235">
        <f t="shared" si="949"/>
        <v>2.4169353708117205</v>
      </c>
      <c r="I4078" s="236">
        <f t="shared" si="950"/>
        <v>18.967330677630244</v>
      </c>
      <c r="J4078" s="237">
        <f t="shared" si="955"/>
        <v>8.9673306776302439</v>
      </c>
      <c r="K4078" s="237">
        <f t="shared" si="951"/>
        <v>767.89238248386039</v>
      </c>
      <c r="L4078" s="237">
        <f t="shared" si="956"/>
        <v>363.10515379860379</v>
      </c>
      <c r="M4078" s="236">
        <f t="shared" si="952"/>
        <v>7.7074301706782888</v>
      </c>
      <c r="N4078" s="236">
        <f t="shared" si="953"/>
        <v>3.0801031005734729</v>
      </c>
      <c r="O4078" s="236">
        <f t="shared" si="957"/>
        <v>3.0970229653908619</v>
      </c>
      <c r="P4078" s="236" t="str">
        <f t="shared" si="958"/>
        <v>CLAY</v>
      </c>
      <c r="Q4078" s="236">
        <f t="shared" si="954"/>
        <v>233.21730145967828</v>
      </c>
      <c r="R4078" s="238">
        <v>35</v>
      </c>
      <c r="S4078" s="236">
        <f t="shared" si="959"/>
        <v>3.2105320301992499</v>
      </c>
      <c r="T4078" s="236" t="e">
        <f t="shared" si="945"/>
        <v>#N/A</v>
      </c>
    </row>
    <row r="4079" spans="1:20" x14ac:dyDescent="0.2">
      <c r="A4079" s="53">
        <f t="shared" si="946"/>
        <v>4067</v>
      </c>
      <c r="B4079" s="239">
        <v>40.502000000000002</v>
      </c>
      <c r="C4079" s="3">
        <f t="shared" si="947"/>
        <v>40.495000000000005</v>
      </c>
      <c r="D4079" s="239">
        <v>3.4350000000000001</v>
      </c>
      <c r="E4079" s="239">
        <v>8.2799999999999999E-2</v>
      </c>
      <c r="F4079" s="239">
        <v>0.82750000000000001</v>
      </c>
      <c r="G4079">
        <f t="shared" si="948"/>
        <v>3.6004999999999998</v>
      </c>
      <c r="H4079" s="235">
        <f t="shared" si="949"/>
        <v>2.2996805999166781</v>
      </c>
      <c r="I4079" s="236">
        <f t="shared" si="950"/>
        <v>18.923851497432892</v>
      </c>
      <c r="J4079" s="237">
        <f t="shared" si="955"/>
        <v>8.9238514974328922</v>
      </c>
      <c r="K4079" s="237">
        <f t="shared" si="951"/>
        <v>766.32136638854502</v>
      </c>
      <c r="L4079" s="237">
        <f t="shared" si="956"/>
        <v>361.433833349027</v>
      </c>
      <c r="M4079" s="236">
        <f t="shared" si="952"/>
        <v>7.8414868009176235</v>
      </c>
      <c r="N4079" s="236">
        <f t="shared" si="953"/>
        <v>2.9214813427088755</v>
      </c>
      <c r="O4079" s="236">
        <f t="shared" si="957"/>
        <v>3.0781457712721676</v>
      </c>
      <c r="P4079" s="236" t="str">
        <f t="shared" si="958"/>
        <v>CLAY</v>
      </c>
      <c r="Q4079" s="236">
        <f t="shared" si="954"/>
        <v>236.18155280095459</v>
      </c>
      <c r="R4079" s="238">
        <v>35</v>
      </c>
      <c r="S4079" s="236">
        <f t="shared" si="959"/>
        <v>3.2804847892523363</v>
      </c>
      <c r="T4079" s="236" t="e">
        <f t="shared" si="945"/>
        <v>#N/A</v>
      </c>
    </row>
    <row r="4080" spans="1:20" x14ac:dyDescent="0.2">
      <c r="A4080" s="53">
        <f t="shared" si="946"/>
        <v>4068</v>
      </c>
      <c r="B4080" s="239">
        <v>40.511000000000003</v>
      </c>
      <c r="C4080" s="3">
        <f t="shared" si="947"/>
        <v>40.504000000000005</v>
      </c>
      <c r="D4080" s="239">
        <v>3.4272</v>
      </c>
      <c r="E4080" s="239">
        <v>8.7900000000000006E-2</v>
      </c>
      <c r="F4080" s="239">
        <v>0.7974</v>
      </c>
      <c r="G4080">
        <f t="shared" si="948"/>
        <v>3.5866799999999999</v>
      </c>
      <c r="H4080" s="235">
        <f t="shared" si="949"/>
        <v>2.450734383887049</v>
      </c>
      <c r="I4080" s="236">
        <f t="shared" si="950"/>
        <v>18.992436385058472</v>
      </c>
      <c r="J4080" s="237">
        <f t="shared" si="955"/>
        <v>8.9924363850584719</v>
      </c>
      <c r="K4080" s="237">
        <f t="shared" si="951"/>
        <v>769.26964334040849</v>
      </c>
      <c r="L4080" s="237">
        <f t="shared" si="956"/>
        <v>364.29259039510379</v>
      </c>
      <c r="M4080" s="236">
        <f t="shared" si="952"/>
        <v>7.7339216633637529</v>
      </c>
      <c r="N4080" s="236">
        <f t="shared" si="953"/>
        <v>3.1198863095050506</v>
      </c>
      <c r="O4080" s="236">
        <f t="shared" si="957"/>
        <v>3.0988597049400957</v>
      </c>
      <c r="P4080" s="236" t="str">
        <f t="shared" si="958"/>
        <v>CLAY</v>
      </c>
      <c r="Q4080" s="236">
        <f t="shared" si="954"/>
        <v>234.78419638829928</v>
      </c>
      <c r="R4080" s="238">
        <v>35</v>
      </c>
      <c r="S4080" s="236">
        <f t="shared" si="959"/>
        <v>3.2243317491695342</v>
      </c>
      <c r="T4080" s="236" t="e">
        <f t="shared" si="945"/>
        <v>#N/A</v>
      </c>
    </row>
    <row r="4081" spans="1:20" x14ac:dyDescent="0.2">
      <c r="A4081" s="53">
        <f t="shared" si="946"/>
        <v>4069</v>
      </c>
      <c r="B4081" s="239">
        <v>40.521999999999998</v>
      </c>
      <c r="C4081" s="3">
        <f t="shared" si="947"/>
        <v>40.515000000000001</v>
      </c>
      <c r="D4081" s="239">
        <v>3.3401000000000001</v>
      </c>
      <c r="E4081" s="239">
        <v>8.6599999999999996E-2</v>
      </c>
      <c r="F4081" s="239">
        <v>0.76829999999999998</v>
      </c>
      <c r="G4081">
        <f t="shared" si="948"/>
        <v>3.49376</v>
      </c>
      <c r="H4081" s="235">
        <f t="shared" si="949"/>
        <v>2.4787048910056786</v>
      </c>
      <c r="I4081" s="236">
        <f t="shared" si="950"/>
        <v>18.964705124290187</v>
      </c>
      <c r="J4081" s="237">
        <f t="shared" si="955"/>
        <v>8.9647051242901874</v>
      </c>
      <c r="K4081" s="237">
        <f t="shared" si="951"/>
        <v>768.3550281106169</v>
      </c>
      <c r="L4081" s="237">
        <f t="shared" si="956"/>
        <v>363.26778104648696</v>
      </c>
      <c r="M4081" s="236">
        <f t="shared" si="952"/>
        <v>7.5024681903750112</v>
      </c>
      <c r="N4081" s="236">
        <f t="shared" si="953"/>
        <v>3.177509430459601</v>
      </c>
      <c r="O4081" s="236">
        <f t="shared" si="957"/>
        <v>3.1142492754540831</v>
      </c>
      <c r="P4081" s="236" t="str">
        <f t="shared" si="958"/>
        <v>CLAY</v>
      </c>
      <c r="Q4081" s="236">
        <f t="shared" si="954"/>
        <v>227.11708099078191</v>
      </c>
      <c r="R4081" s="238">
        <v>35</v>
      </c>
      <c r="S4081" s="236">
        <f t="shared" si="959"/>
        <v>3.1041679608226871</v>
      </c>
      <c r="T4081" s="236" t="e">
        <f t="shared" si="945"/>
        <v>#N/A</v>
      </c>
    </row>
    <row r="4082" spans="1:20" x14ac:dyDescent="0.2">
      <c r="A4082" s="53">
        <f t="shared" si="946"/>
        <v>4070</v>
      </c>
      <c r="B4082" s="239">
        <v>40.531999999999996</v>
      </c>
      <c r="C4082" s="3">
        <f t="shared" si="947"/>
        <v>40.524999999999999</v>
      </c>
      <c r="D4082" s="239">
        <v>3.2566999999999999</v>
      </c>
      <c r="E4082" s="239">
        <v>9.3100000000000002E-2</v>
      </c>
      <c r="F4082" s="239">
        <v>0.74829999999999997</v>
      </c>
      <c r="G4082">
        <f t="shared" si="948"/>
        <v>3.4063599999999998</v>
      </c>
      <c r="H4082" s="235">
        <f t="shared" si="949"/>
        <v>2.7331227468617532</v>
      </c>
      <c r="I4082" s="236">
        <f t="shared" si="950"/>
        <v>19.039668682917398</v>
      </c>
      <c r="J4082" s="237">
        <f t="shared" si="955"/>
        <v>9.039668682917398</v>
      </c>
      <c r="K4082" s="237">
        <f t="shared" si="951"/>
        <v>771.58257337522753</v>
      </c>
      <c r="L4082" s="237">
        <f t="shared" si="956"/>
        <v>366.39585105600793</v>
      </c>
      <c r="M4082" s="236">
        <f t="shared" si="952"/>
        <v>7.1910678547012674</v>
      </c>
      <c r="N4082" s="236">
        <f t="shared" si="953"/>
        <v>3.5335052995069822</v>
      </c>
      <c r="O4082" s="236">
        <f t="shared" si="957"/>
        <v>3.1552179587462552</v>
      </c>
      <c r="P4082" s="236" t="str">
        <f t="shared" si="958"/>
        <v>CLAY</v>
      </c>
      <c r="Q4082" s="236">
        <f t="shared" si="954"/>
        <v>219.56478555206434</v>
      </c>
      <c r="R4082" s="238">
        <v>35</v>
      </c>
      <c r="S4082" s="236">
        <f t="shared" si="959"/>
        <v>2.9439588966953374</v>
      </c>
      <c r="T4082" s="236" t="e">
        <f t="shared" si="945"/>
        <v>#N/A</v>
      </c>
    </row>
    <row r="4083" spans="1:20" x14ac:dyDescent="0.2">
      <c r="A4083" s="53">
        <f t="shared" si="946"/>
        <v>4071</v>
      </c>
      <c r="B4083" s="239">
        <v>40.540999999999997</v>
      </c>
      <c r="C4083" s="3">
        <f t="shared" si="947"/>
        <v>40.533999999999999</v>
      </c>
      <c r="D4083" s="239">
        <v>3.1472000000000002</v>
      </c>
      <c r="E4083" s="239">
        <v>0.1032</v>
      </c>
      <c r="F4083" s="239">
        <v>0.76959999999999995</v>
      </c>
      <c r="G4083">
        <f t="shared" si="948"/>
        <v>3.3011200000000001</v>
      </c>
      <c r="H4083" s="235">
        <f t="shared" si="949"/>
        <v>3.1262117099651028</v>
      </c>
      <c r="I4083" s="236">
        <f t="shared" si="950"/>
        <v>19.148173417675931</v>
      </c>
      <c r="J4083" s="237">
        <f t="shared" si="955"/>
        <v>9.1481734176759311</v>
      </c>
      <c r="K4083" s="237">
        <f t="shared" si="951"/>
        <v>776.15206131207617</v>
      </c>
      <c r="L4083" s="237">
        <f t="shared" si="956"/>
        <v>370.87609852599991</v>
      </c>
      <c r="M4083" s="236">
        <f t="shared" si="952"/>
        <v>6.8081171817841302</v>
      </c>
      <c r="N4083" s="236">
        <f t="shared" si="953"/>
        <v>4.0871806100487333</v>
      </c>
      <c r="O4083" s="236">
        <f t="shared" si="957"/>
        <v>3.2105668857846856</v>
      </c>
      <c r="P4083" s="236" t="str">
        <f t="shared" si="958"/>
        <v>CLAY</v>
      </c>
      <c r="Q4083" s="236">
        <f t="shared" si="954"/>
        <v>210.41399489066032</v>
      </c>
      <c r="R4083" s="238">
        <v>35</v>
      </c>
      <c r="S4083" s="236">
        <f t="shared" si="959"/>
        <v>2.7493104732552887</v>
      </c>
      <c r="T4083" s="236" t="e">
        <f t="shared" si="945"/>
        <v>#N/A</v>
      </c>
    </row>
    <row r="4084" spans="1:20" x14ac:dyDescent="0.2">
      <c r="A4084" s="53">
        <f t="shared" si="946"/>
        <v>4072</v>
      </c>
      <c r="B4084" s="239">
        <v>40.551000000000002</v>
      </c>
      <c r="C4084" s="3">
        <f t="shared" si="947"/>
        <v>40.544000000000004</v>
      </c>
      <c r="D4084" s="239">
        <v>3.0127000000000002</v>
      </c>
      <c r="E4084" s="239">
        <v>0.107</v>
      </c>
      <c r="F4084" s="239">
        <v>0.82630000000000003</v>
      </c>
      <c r="G4084">
        <f t="shared" si="948"/>
        <v>3.1779600000000001</v>
      </c>
      <c r="H4084" s="235">
        <f t="shared" si="949"/>
        <v>3.3669397978577451</v>
      </c>
      <c r="I4084" s="236">
        <f t="shared" si="950"/>
        <v>19.175712838050401</v>
      </c>
      <c r="J4084" s="237">
        <f t="shared" si="955"/>
        <v>9.1757128380504014</v>
      </c>
      <c r="K4084" s="237">
        <f t="shared" si="951"/>
        <v>777.4601013059156</v>
      </c>
      <c r="L4084" s="237">
        <f t="shared" si="956"/>
        <v>372.08433129578185</v>
      </c>
      <c r="M4084" s="236">
        <f t="shared" si="952"/>
        <v>6.4514941823385987</v>
      </c>
      <c r="N4084" s="236">
        <f t="shared" si="953"/>
        <v>4.4574048954640633</v>
      </c>
      <c r="O4084" s="236">
        <f t="shared" si="957"/>
        <v>3.251288223057772</v>
      </c>
      <c r="P4084" s="236" t="str">
        <f t="shared" si="958"/>
        <v>CLAY</v>
      </c>
      <c r="Q4084" s="236">
        <f t="shared" si="954"/>
        <v>200.04165822450705</v>
      </c>
      <c r="R4084" s="238">
        <v>35</v>
      </c>
      <c r="S4084" s="236">
        <f t="shared" si="959"/>
        <v>2.5704869073503507</v>
      </c>
      <c r="T4084" s="236" t="e">
        <f t="shared" si="945"/>
        <v>#N/A</v>
      </c>
    </row>
    <row r="4085" spans="1:20" x14ac:dyDescent="0.2">
      <c r="A4085" s="53">
        <f t="shared" si="946"/>
        <v>4073</v>
      </c>
      <c r="B4085" s="239">
        <v>40.561</v>
      </c>
      <c r="C4085" s="3">
        <f t="shared" si="947"/>
        <v>40.554000000000002</v>
      </c>
      <c r="D4085" s="239">
        <v>2.9557000000000002</v>
      </c>
      <c r="E4085" s="239">
        <v>0.10879999999999999</v>
      </c>
      <c r="F4085" s="239">
        <v>0.91559999999999997</v>
      </c>
      <c r="G4085">
        <f t="shared" si="948"/>
        <v>3.1388199999999999</v>
      </c>
      <c r="H4085" s="235">
        <f t="shared" si="949"/>
        <v>3.4662707641725237</v>
      </c>
      <c r="I4085" s="236">
        <f t="shared" si="950"/>
        <v>19.190430841933861</v>
      </c>
      <c r="J4085" s="237">
        <f t="shared" si="955"/>
        <v>9.1904308419338605</v>
      </c>
      <c r="K4085" s="237">
        <f t="shared" si="951"/>
        <v>778.24873236378585</v>
      </c>
      <c r="L4085" s="237">
        <f t="shared" si="956"/>
        <v>372.77306537967934</v>
      </c>
      <c r="M4085" s="236">
        <f t="shared" si="952"/>
        <v>6.3324619905998558</v>
      </c>
      <c r="N4085" s="236">
        <f t="shared" si="953"/>
        <v>4.6090538121709894</v>
      </c>
      <c r="O4085" s="236">
        <f t="shared" si="957"/>
        <v>3.2662667016257334</v>
      </c>
      <c r="P4085" s="236" t="str">
        <f t="shared" si="958"/>
        <v>CLAY</v>
      </c>
      <c r="Q4085" s="236">
        <f t="shared" si="954"/>
        <v>196.71427230301788</v>
      </c>
      <c r="R4085" s="238">
        <v>35</v>
      </c>
      <c r="S4085" s="236">
        <f t="shared" si="959"/>
        <v>2.5113413546213086</v>
      </c>
      <c r="T4085" s="236" t="e">
        <f t="shared" si="945"/>
        <v>#N/A</v>
      </c>
    </row>
    <row r="4086" spans="1:20" x14ac:dyDescent="0.2">
      <c r="A4086" s="53">
        <f t="shared" si="946"/>
        <v>4074</v>
      </c>
      <c r="B4086" s="239">
        <v>40.57</v>
      </c>
      <c r="C4086" s="3">
        <f t="shared" si="947"/>
        <v>40.563000000000002</v>
      </c>
      <c r="D4086" s="239">
        <v>2.9291999999999998</v>
      </c>
      <c r="E4086" s="239">
        <v>0.1013</v>
      </c>
      <c r="F4086" s="239">
        <v>0.95909999999999995</v>
      </c>
      <c r="G4086">
        <f t="shared" si="948"/>
        <v>3.1210199999999997</v>
      </c>
      <c r="H4086" s="235">
        <f t="shared" si="949"/>
        <v>3.245733766525047</v>
      </c>
      <c r="I4086" s="236">
        <f t="shared" si="950"/>
        <v>19.104455453388304</v>
      </c>
      <c r="J4086" s="237">
        <f t="shared" si="955"/>
        <v>9.1044554533883044</v>
      </c>
      <c r="K4086" s="237">
        <f t="shared" si="951"/>
        <v>774.93402655578984</v>
      </c>
      <c r="L4086" s="237">
        <f t="shared" si="956"/>
        <v>369.36775774396352</v>
      </c>
      <c r="M4086" s="236">
        <f t="shared" si="952"/>
        <v>6.351626324327035</v>
      </c>
      <c r="N4086" s="236">
        <f t="shared" si="953"/>
        <v>4.3178298300502984</v>
      </c>
      <c r="O4086" s="236">
        <f t="shared" si="957"/>
        <v>3.2489248839976548</v>
      </c>
      <c r="P4086" s="236" t="str">
        <f t="shared" si="958"/>
        <v>CLAY</v>
      </c>
      <c r="Q4086" s="236">
        <f t="shared" si="954"/>
        <v>195.50716445368414</v>
      </c>
      <c r="R4086" s="238">
        <v>35</v>
      </c>
      <c r="S4086" s="236">
        <f t="shared" si="959"/>
        <v>2.5208452365260996</v>
      </c>
      <c r="T4086" s="236" t="e">
        <f t="shared" si="945"/>
        <v>#N/A</v>
      </c>
    </row>
    <row r="4087" spans="1:20" x14ac:dyDescent="0.2">
      <c r="A4087" s="53">
        <f t="shared" si="946"/>
        <v>4075</v>
      </c>
      <c r="B4087" s="239">
        <v>40.581000000000003</v>
      </c>
      <c r="C4087" s="3">
        <f t="shared" si="947"/>
        <v>40.574000000000005</v>
      </c>
      <c r="D4087" s="239">
        <v>2.9348000000000001</v>
      </c>
      <c r="E4087" s="239">
        <v>9.4200000000000006E-2</v>
      </c>
      <c r="F4087" s="239">
        <v>0.9748</v>
      </c>
      <c r="G4087">
        <f t="shared" si="948"/>
        <v>3.1297600000000001</v>
      </c>
      <c r="H4087" s="235">
        <f t="shared" si="949"/>
        <v>3.009815449107919</v>
      </c>
      <c r="I4087" s="236">
        <f t="shared" si="950"/>
        <v>19.020340424084154</v>
      </c>
      <c r="J4087" s="237">
        <f t="shared" si="955"/>
        <v>9.0203404240841536</v>
      </c>
      <c r="K4087" s="237">
        <f t="shared" si="951"/>
        <v>771.73129236679051</v>
      </c>
      <c r="L4087" s="237">
        <f t="shared" si="956"/>
        <v>366.05443474975908</v>
      </c>
      <c r="M4087" s="236">
        <f t="shared" si="952"/>
        <v>6.4417433140652909</v>
      </c>
      <c r="N4087" s="236">
        <f t="shared" si="953"/>
        <v>3.9948623057498747</v>
      </c>
      <c r="O4087" s="236">
        <f t="shared" si="957"/>
        <v>3.2247126514471569</v>
      </c>
      <c r="P4087" s="236" t="str">
        <f t="shared" si="958"/>
        <v>CLAY</v>
      </c>
      <c r="Q4087" s="236">
        <f t="shared" si="954"/>
        <v>196.50239230276748</v>
      </c>
      <c r="R4087" s="238">
        <v>35</v>
      </c>
      <c r="S4087" s="236">
        <f t="shared" si="959"/>
        <v>2.5656314929712258</v>
      </c>
      <c r="T4087" s="236" t="e">
        <f t="shared" si="945"/>
        <v>#N/A</v>
      </c>
    </row>
    <row r="4088" spans="1:20" x14ac:dyDescent="0.2">
      <c r="A4088" s="53">
        <f t="shared" si="946"/>
        <v>4076</v>
      </c>
      <c r="B4088" s="239">
        <v>40.590000000000003</v>
      </c>
      <c r="C4088" s="3">
        <f t="shared" si="947"/>
        <v>40.583000000000006</v>
      </c>
      <c r="D4088" s="239">
        <v>2.9176000000000002</v>
      </c>
      <c r="E4088" s="239">
        <v>9.1899999999999996E-2</v>
      </c>
      <c r="F4088" s="239">
        <v>0.97609999999999997</v>
      </c>
      <c r="G4088">
        <f t="shared" si="948"/>
        <v>3.1128200000000001</v>
      </c>
      <c r="H4088" s="235">
        <f t="shared" si="949"/>
        <v>2.9523069114179421</v>
      </c>
      <c r="I4088" s="236">
        <f t="shared" si="950"/>
        <v>18.989233542473524</v>
      </c>
      <c r="J4088" s="237">
        <f t="shared" si="955"/>
        <v>8.9892335424735244</v>
      </c>
      <c r="K4088" s="237">
        <f t="shared" si="951"/>
        <v>770.64006485420316</v>
      </c>
      <c r="L4088" s="237">
        <f t="shared" si="956"/>
        <v>364.87298948900036</v>
      </c>
      <c r="M4088" s="236">
        <f t="shared" si="952"/>
        <v>6.4191650317168945</v>
      </c>
      <c r="N4088" s="236">
        <f t="shared" si="953"/>
        <v>3.9236951278160173</v>
      </c>
      <c r="O4088" s="236">
        <f t="shared" si="957"/>
        <v>3.2215696480716085</v>
      </c>
      <c r="P4088" s="236" t="str">
        <f t="shared" si="958"/>
        <v>CLAY</v>
      </c>
      <c r="Q4088" s="236">
        <f t="shared" si="954"/>
        <v>195.18166126214976</v>
      </c>
      <c r="R4088" s="238">
        <v>35</v>
      </c>
      <c r="S4088" s="236">
        <f t="shared" si="959"/>
        <v>2.5543957630459277</v>
      </c>
      <c r="T4088" s="236" t="e">
        <f t="shared" si="945"/>
        <v>#N/A</v>
      </c>
    </row>
    <row r="4089" spans="1:20" x14ac:dyDescent="0.2">
      <c r="A4089" s="53">
        <f t="shared" si="946"/>
        <v>4077</v>
      </c>
      <c r="B4089" s="239">
        <v>40.600999999999999</v>
      </c>
      <c r="C4089" s="3">
        <f t="shared" si="947"/>
        <v>40.594000000000001</v>
      </c>
      <c r="D4089" s="239">
        <v>2.8685999999999998</v>
      </c>
      <c r="E4089" s="239">
        <v>9.11E-2</v>
      </c>
      <c r="F4089" s="239">
        <v>0.98819999999999997</v>
      </c>
      <c r="G4089">
        <f t="shared" si="948"/>
        <v>3.0662399999999996</v>
      </c>
      <c r="H4089" s="235">
        <f t="shared" si="949"/>
        <v>2.9710655395533294</v>
      </c>
      <c r="I4089" s="236">
        <f t="shared" si="950"/>
        <v>18.973088202567411</v>
      </c>
      <c r="J4089" s="237">
        <f t="shared" si="955"/>
        <v>8.9730882025674106</v>
      </c>
      <c r="K4089" s="237">
        <f t="shared" si="951"/>
        <v>770.19354249502146</v>
      </c>
      <c r="L4089" s="237">
        <f t="shared" si="956"/>
        <v>364.31635411243946</v>
      </c>
      <c r="M4089" s="236">
        <f t="shared" si="952"/>
        <v>6.3023425426472794</v>
      </c>
      <c r="N4089" s="236">
        <f t="shared" si="953"/>
        <v>3.967689752192328</v>
      </c>
      <c r="O4089" s="236">
        <f t="shared" si="957"/>
        <v>3.2308882576550837</v>
      </c>
      <c r="P4089" s="236" t="str">
        <f t="shared" si="958"/>
        <v>CLAY</v>
      </c>
      <c r="Q4089" s="236">
        <f t="shared" si="954"/>
        <v>191.33720479208151</v>
      </c>
      <c r="R4089" s="238">
        <v>35</v>
      </c>
      <c r="S4089" s="236">
        <f t="shared" si="959"/>
        <v>2.4964191983046282</v>
      </c>
      <c r="T4089" s="236" t="e">
        <f t="shared" si="945"/>
        <v>#N/A</v>
      </c>
    </row>
    <row r="4090" spans="1:20" x14ac:dyDescent="0.2">
      <c r="A4090" s="53">
        <f t="shared" si="946"/>
        <v>4078</v>
      </c>
      <c r="B4090" s="239">
        <v>40.61</v>
      </c>
      <c r="C4090" s="3">
        <f t="shared" si="947"/>
        <v>40.603000000000002</v>
      </c>
      <c r="D4090" s="239">
        <v>2.9173</v>
      </c>
      <c r="E4090" s="239">
        <v>9.4100000000000003E-2</v>
      </c>
      <c r="F4090" s="239">
        <v>1.0018</v>
      </c>
      <c r="G4090">
        <f t="shared" si="948"/>
        <v>3.1176599999999999</v>
      </c>
      <c r="H4090" s="235">
        <f t="shared" si="949"/>
        <v>3.0182893580441741</v>
      </c>
      <c r="I4090" s="236">
        <f t="shared" si="950"/>
        <v>19.017580913491607</v>
      </c>
      <c r="J4090" s="237">
        <f t="shared" si="955"/>
        <v>9.0175809134916065</v>
      </c>
      <c r="K4090" s="237">
        <f t="shared" si="951"/>
        <v>772.17083783049975</v>
      </c>
      <c r="L4090" s="237">
        <f t="shared" si="956"/>
        <v>366.20396089689416</v>
      </c>
      <c r="M4090" s="236">
        <f t="shared" si="952"/>
        <v>6.4048710899385375</v>
      </c>
      <c r="N4090" s="236">
        <f t="shared" si="953"/>
        <v>4.0119562911542346</v>
      </c>
      <c r="O4090" s="236">
        <f t="shared" si="957"/>
        <v>3.2278173262755652</v>
      </c>
      <c r="P4090" s="236" t="str">
        <f t="shared" si="958"/>
        <v>CLAY</v>
      </c>
      <c r="Q4090" s="236">
        <f t="shared" si="954"/>
        <v>195.45743018079168</v>
      </c>
      <c r="R4090" s="238">
        <v>35</v>
      </c>
      <c r="S4090" s="236">
        <f t="shared" si="959"/>
        <v>2.547287709383304</v>
      </c>
      <c r="T4090" s="236" t="e">
        <f t="shared" si="945"/>
        <v>#N/A</v>
      </c>
    </row>
    <row r="4091" spans="1:20" x14ac:dyDescent="0.2">
      <c r="A4091" s="53">
        <f t="shared" si="946"/>
        <v>4079</v>
      </c>
      <c r="B4091" s="239">
        <v>40.619999999999997</v>
      </c>
      <c r="C4091" s="3">
        <f t="shared" si="947"/>
        <v>40.613</v>
      </c>
      <c r="D4091" s="239">
        <v>2.8689</v>
      </c>
      <c r="E4091" s="239">
        <v>9.3399999999999997E-2</v>
      </c>
      <c r="F4091" s="239">
        <v>1.0489999999999999</v>
      </c>
      <c r="G4091">
        <f t="shared" si="948"/>
        <v>3.0787</v>
      </c>
      <c r="H4091" s="235">
        <f t="shared" si="949"/>
        <v>3.0337480105239223</v>
      </c>
      <c r="I4091" s="236">
        <f t="shared" si="950"/>
        <v>19.003910254726836</v>
      </c>
      <c r="J4091" s="237">
        <f t="shared" si="955"/>
        <v>9.0039102547268364</v>
      </c>
      <c r="K4091" s="237">
        <f t="shared" si="951"/>
        <v>771.80580717522105</v>
      </c>
      <c r="L4091" s="237">
        <f t="shared" si="956"/>
        <v>365.73883454700405</v>
      </c>
      <c r="M4091" s="236">
        <f t="shared" si="952"/>
        <v>6.307490413704758</v>
      </c>
      <c r="N4091" s="236">
        <f t="shared" si="953"/>
        <v>4.048733586937173</v>
      </c>
      <c r="O4091" s="236">
        <f t="shared" si="957"/>
        <v>3.235546513571951</v>
      </c>
      <c r="P4091" s="236" t="str">
        <f t="shared" si="958"/>
        <v>CLAY</v>
      </c>
      <c r="Q4091" s="236">
        <f t="shared" si="954"/>
        <v>192.24118273539821</v>
      </c>
      <c r="R4091" s="238">
        <v>35</v>
      </c>
      <c r="S4091" s="236">
        <f t="shared" si="959"/>
        <v>2.4989683607639597</v>
      </c>
      <c r="T4091" s="236" t="e">
        <f t="shared" si="945"/>
        <v>#N/A</v>
      </c>
    </row>
    <row r="4092" spans="1:20" x14ac:dyDescent="0.2">
      <c r="A4092" s="53">
        <f t="shared" si="946"/>
        <v>4080</v>
      </c>
      <c r="B4092" s="239">
        <v>40.628999999999998</v>
      </c>
      <c r="C4092" s="3">
        <f t="shared" si="947"/>
        <v>40.622</v>
      </c>
      <c r="D4092" s="239">
        <v>2.8841000000000001</v>
      </c>
      <c r="E4092" s="239">
        <v>9.4100000000000003E-2</v>
      </c>
      <c r="F4092" s="239">
        <v>1.0553999999999999</v>
      </c>
      <c r="G4092">
        <f t="shared" si="948"/>
        <v>3.09518</v>
      </c>
      <c r="H4092" s="235">
        <f t="shared" si="949"/>
        <v>3.0402109085739761</v>
      </c>
      <c r="I4092" s="236">
        <f t="shared" si="950"/>
        <v>19.014752357049257</v>
      </c>
      <c r="J4092" s="237">
        <f t="shared" si="955"/>
        <v>9.0147523570492574</v>
      </c>
      <c r="K4092" s="237">
        <f t="shared" si="951"/>
        <v>772.41727024805493</v>
      </c>
      <c r="L4092" s="237">
        <f t="shared" si="956"/>
        <v>366.26037351455426</v>
      </c>
      <c r="M4092" s="236">
        <f t="shared" si="952"/>
        <v>6.3418346556664673</v>
      </c>
      <c r="N4092" s="236">
        <f t="shared" si="953"/>
        <v>4.0512101728982559</v>
      </c>
      <c r="O4092" s="236">
        <f t="shared" si="957"/>
        <v>3.2337506657725794</v>
      </c>
      <c r="P4092" s="236" t="str">
        <f t="shared" si="958"/>
        <v>CLAY</v>
      </c>
      <c r="Q4092" s="236">
        <f t="shared" si="954"/>
        <v>193.56356081266208</v>
      </c>
      <c r="R4092" s="238">
        <v>35</v>
      </c>
      <c r="S4092" s="236">
        <f t="shared" si="959"/>
        <v>2.5159885034358105</v>
      </c>
      <c r="T4092" s="236" t="e">
        <f t="shared" si="945"/>
        <v>#N/A</v>
      </c>
    </row>
    <row r="4093" spans="1:20" x14ac:dyDescent="0.2">
      <c r="A4093" s="53">
        <f t="shared" si="946"/>
        <v>4081</v>
      </c>
      <c r="B4093" s="239">
        <v>40.639000000000003</v>
      </c>
      <c r="C4093" s="3">
        <f t="shared" si="947"/>
        <v>40.632000000000005</v>
      </c>
      <c r="D4093" s="239">
        <v>2.8692000000000002</v>
      </c>
      <c r="E4093" s="239">
        <v>9.3799999999999994E-2</v>
      </c>
      <c r="F4093" s="239">
        <v>1.0583</v>
      </c>
      <c r="G4093">
        <f t="shared" si="948"/>
        <v>3.0808600000000004</v>
      </c>
      <c r="H4093" s="235">
        <f t="shared" si="949"/>
        <v>3.044604428633563</v>
      </c>
      <c r="I4093" s="236">
        <f t="shared" si="950"/>
        <v>19.009195485261731</v>
      </c>
      <c r="J4093" s="237">
        <f t="shared" si="955"/>
        <v>9.0091954852617313</v>
      </c>
      <c r="K4093" s="237">
        <f t="shared" si="951"/>
        <v>772.38163095715481</v>
      </c>
      <c r="L4093" s="237">
        <f t="shared" si="956"/>
        <v>366.1246953255515</v>
      </c>
      <c r="M4093" s="236">
        <f t="shared" si="952"/>
        <v>6.305169791920723</v>
      </c>
      <c r="N4093" s="236">
        <f t="shared" si="953"/>
        <v>4.0632826045882284</v>
      </c>
      <c r="O4093" s="236">
        <f t="shared" si="957"/>
        <v>3.2365584253328197</v>
      </c>
      <c r="P4093" s="236" t="str">
        <f t="shared" si="958"/>
        <v>CLAY</v>
      </c>
      <c r="Q4093" s="236">
        <f t="shared" si="954"/>
        <v>192.37319742023715</v>
      </c>
      <c r="R4093" s="238">
        <v>35</v>
      </c>
      <c r="S4093" s="236">
        <f t="shared" si="959"/>
        <v>2.4978191529747296</v>
      </c>
      <c r="T4093" s="236" t="e">
        <f t="shared" si="945"/>
        <v>#N/A</v>
      </c>
    </row>
    <row r="4094" spans="1:20" x14ac:dyDescent="0.2">
      <c r="A4094" s="53">
        <f t="shared" si="946"/>
        <v>4082</v>
      </c>
      <c r="B4094" s="239">
        <v>40.65</v>
      </c>
      <c r="C4094" s="3">
        <f t="shared" si="947"/>
        <v>40.643000000000001</v>
      </c>
      <c r="D4094" s="239">
        <v>2.9037999999999999</v>
      </c>
      <c r="E4094" s="239">
        <v>9.8299999999999998E-2</v>
      </c>
      <c r="F4094" s="239">
        <v>1.0403</v>
      </c>
      <c r="G4094">
        <f t="shared" si="948"/>
        <v>3.1118600000000001</v>
      </c>
      <c r="H4094" s="235">
        <f t="shared" si="949"/>
        <v>3.1588824690056749</v>
      </c>
      <c r="I4094" s="236">
        <f t="shared" si="950"/>
        <v>19.068055597717056</v>
      </c>
      <c r="J4094" s="237">
        <f t="shared" si="955"/>
        <v>9.0680555977170556</v>
      </c>
      <c r="K4094" s="237">
        <f t="shared" si="951"/>
        <v>774.98298365801429</v>
      </c>
      <c r="L4094" s="237">
        <f t="shared" si="956"/>
        <v>368.6164600471983</v>
      </c>
      <c r="M4094" s="236">
        <f t="shared" si="952"/>
        <v>6.339589436789578</v>
      </c>
      <c r="N4094" s="236">
        <f t="shared" si="953"/>
        <v>4.2064686893054049</v>
      </c>
      <c r="O4094" s="236">
        <f t="shared" si="957"/>
        <v>3.2431358492384139</v>
      </c>
      <c r="P4094" s="236" t="str">
        <f t="shared" si="958"/>
        <v>CLAY</v>
      </c>
      <c r="Q4094" s="236">
        <f t="shared" si="954"/>
        <v>194.73975136183216</v>
      </c>
      <c r="R4094" s="238">
        <v>35</v>
      </c>
      <c r="S4094" s="236">
        <f t="shared" si="959"/>
        <v>2.5148751239530984</v>
      </c>
      <c r="T4094" s="236" t="e">
        <f t="shared" si="945"/>
        <v>#N/A</v>
      </c>
    </row>
    <row r="4095" spans="1:20" x14ac:dyDescent="0.2">
      <c r="A4095" s="53">
        <f t="shared" si="946"/>
        <v>4083</v>
      </c>
      <c r="B4095" s="239">
        <v>40.658999999999999</v>
      </c>
      <c r="C4095" s="3">
        <f t="shared" si="947"/>
        <v>40.652000000000001</v>
      </c>
      <c r="D4095" s="239">
        <v>2.9763999999999999</v>
      </c>
      <c r="E4095" s="239">
        <v>0.1026</v>
      </c>
      <c r="F4095" s="239">
        <v>1.0577000000000001</v>
      </c>
      <c r="G4095">
        <f t="shared" si="948"/>
        <v>3.1879399999999998</v>
      </c>
      <c r="H4095" s="235">
        <f t="shared" si="949"/>
        <v>3.2183792668619864</v>
      </c>
      <c r="I4095" s="236">
        <f t="shared" si="950"/>
        <v>19.127700053554054</v>
      </c>
      <c r="J4095" s="237">
        <f t="shared" si="955"/>
        <v>9.1277000535540544</v>
      </c>
      <c r="K4095" s="237">
        <f t="shared" si="951"/>
        <v>777.57926257707948</v>
      </c>
      <c r="L4095" s="237">
        <f t="shared" si="956"/>
        <v>371.1231564774543</v>
      </c>
      <c r="M4095" s="236">
        <f t="shared" si="952"/>
        <v>6.4947732184136813</v>
      </c>
      <c r="N4095" s="236">
        <f t="shared" si="953"/>
        <v>4.2566242640384448</v>
      </c>
      <c r="O4095" s="236">
        <f t="shared" si="957"/>
        <v>3.2374385994182218</v>
      </c>
      <c r="P4095" s="236" t="str">
        <f t="shared" si="958"/>
        <v>CLAY</v>
      </c>
      <c r="Q4095" s="236">
        <f t="shared" si="954"/>
        <v>200.86339478524334</v>
      </c>
      <c r="R4095" s="238">
        <v>35</v>
      </c>
      <c r="S4095" s="236">
        <f t="shared" si="959"/>
        <v>2.5920596863196579</v>
      </c>
      <c r="T4095" s="236" t="e">
        <f t="shared" si="945"/>
        <v>#N/A</v>
      </c>
    </row>
    <row r="4096" spans="1:20" x14ac:dyDescent="0.2">
      <c r="A4096" s="53">
        <f t="shared" si="946"/>
        <v>4084</v>
      </c>
      <c r="B4096" s="239">
        <v>40.668999999999997</v>
      </c>
      <c r="C4096" s="3">
        <f t="shared" si="947"/>
        <v>40.661999999999999</v>
      </c>
      <c r="D4096" s="239">
        <v>3.0209999999999999</v>
      </c>
      <c r="E4096" s="239">
        <v>0.10589999999999999</v>
      </c>
      <c r="F4096" s="239">
        <v>1.1876</v>
      </c>
      <c r="G4096">
        <f t="shared" si="948"/>
        <v>3.2585199999999999</v>
      </c>
      <c r="H4096" s="235">
        <f t="shared" si="949"/>
        <v>3.2499416913199859</v>
      </c>
      <c r="I4096" s="236">
        <f t="shared" si="950"/>
        <v>19.173380498512639</v>
      </c>
      <c r="J4096" s="237">
        <f t="shared" si="955"/>
        <v>9.173380498512639</v>
      </c>
      <c r="K4096" s="237">
        <f t="shared" si="951"/>
        <v>779.62799783052094</v>
      </c>
      <c r="L4096" s="237">
        <f t="shared" si="956"/>
        <v>373.0722114940105</v>
      </c>
      <c r="M4096" s="236">
        <f t="shared" si="952"/>
        <v>6.6445367030754481</v>
      </c>
      <c r="N4096" s="236">
        <f t="shared" si="953"/>
        <v>4.2720699371863855</v>
      </c>
      <c r="O4096" s="236">
        <f t="shared" si="957"/>
        <v>3.2302175555837742</v>
      </c>
      <c r="P4096" s="236" t="str">
        <f t="shared" si="958"/>
        <v>CLAY</v>
      </c>
      <c r="Q4096" s="236">
        <f t="shared" si="954"/>
        <v>206.57433351412325</v>
      </c>
      <c r="R4096" s="238">
        <v>35</v>
      </c>
      <c r="S4096" s="236">
        <f t="shared" si="959"/>
        <v>2.6669869435547717</v>
      </c>
      <c r="T4096" s="236" t="e">
        <f t="shared" si="945"/>
        <v>#N/A</v>
      </c>
    </row>
    <row r="4097" spans="1:20" x14ac:dyDescent="0.2">
      <c r="A4097" s="53">
        <f t="shared" si="946"/>
        <v>4085</v>
      </c>
      <c r="B4097" s="239">
        <v>40.68</v>
      </c>
      <c r="C4097" s="3">
        <f t="shared" si="947"/>
        <v>40.673000000000002</v>
      </c>
      <c r="D4097" s="239">
        <v>3.1558999999999999</v>
      </c>
      <c r="E4097" s="239">
        <v>0.1048</v>
      </c>
      <c r="F4097" s="239">
        <v>1.2188000000000001</v>
      </c>
      <c r="G4097">
        <f t="shared" si="948"/>
        <v>3.3996599999999999</v>
      </c>
      <c r="H4097" s="235">
        <f t="shared" si="949"/>
        <v>3.0826612072972006</v>
      </c>
      <c r="I4097" s="236">
        <f t="shared" si="950"/>
        <v>19.1777104544115</v>
      </c>
      <c r="J4097" s="237">
        <f t="shared" si="955"/>
        <v>9.1777104544114998</v>
      </c>
      <c r="K4097" s="237">
        <f t="shared" si="951"/>
        <v>780.01501731227893</v>
      </c>
      <c r="L4097" s="237">
        <f t="shared" si="956"/>
        <v>373.34926128545982</v>
      </c>
      <c r="M4097" s="236">
        <f t="shared" si="952"/>
        <v>7.0166068460083588</v>
      </c>
      <c r="N4097" s="236">
        <f t="shared" si="953"/>
        <v>4.0005420846177637</v>
      </c>
      <c r="O4097" s="236">
        <f t="shared" si="957"/>
        <v>3.1944993113235478</v>
      </c>
      <c r="P4097" s="236" t="str">
        <f t="shared" si="958"/>
        <v>CLAY</v>
      </c>
      <c r="Q4097" s="236">
        <f t="shared" si="954"/>
        <v>218.30374855731009</v>
      </c>
      <c r="R4097" s="238">
        <v>35</v>
      </c>
      <c r="S4097" s="236">
        <f t="shared" si="959"/>
        <v>2.8549528305512721</v>
      </c>
      <c r="T4097" s="236" t="e">
        <f t="shared" si="945"/>
        <v>#N/A</v>
      </c>
    </row>
    <row r="4098" spans="1:20" x14ac:dyDescent="0.2">
      <c r="A4098" s="53">
        <f t="shared" si="946"/>
        <v>4086</v>
      </c>
      <c r="B4098" s="239">
        <v>40.689</v>
      </c>
      <c r="C4098" s="3">
        <f t="shared" si="947"/>
        <v>40.682000000000002</v>
      </c>
      <c r="D4098" s="239">
        <v>3.2902999999999998</v>
      </c>
      <c r="E4098" s="239">
        <v>0.1052</v>
      </c>
      <c r="F4098" s="239">
        <v>1.2376</v>
      </c>
      <c r="G4098">
        <f t="shared" si="948"/>
        <v>3.53782</v>
      </c>
      <c r="H4098" s="235">
        <f t="shared" si="949"/>
        <v>2.9735826017151807</v>
      </c>
      <c r="I4098" s="236">
        <f t="shared" si="950"/>
        <v>19.197747711372678</v>
      </c>
      <c r="J4098" s="237">
        <f t="shared" si="955"/>
        <v>9.1977477113726778</v>
      </c>
      <c r="K4098" s="237">
        <f t="shared" si="951"/>
        <v>781.0027723940633</v>
      </c>
      <c r="L4098" s="237">
        <f t="shared" si="956"/>
        <v>374.24715662804289</v>
      </c>
      <c r="M4098" s="236">
        <f t="shared" si="952"/>
        <v>7.3663010627650136</v>
      </c>
      <c r="N4098" s="236">
        <f t="shared" si="953"/>
        <v>3.8159947256045457</v>
      </c>
      <c r="O4098" s="236">
        <f t="shared" si="957"/>
        <v>3.1654542945803397</v>
      </c>
      <c r="P4098" s="236" t="str">
        <f t="shared" si="958"/>
        <v>CLAY</v>
      </c>
      <c r="Q4098" s="236">
        <f t="shared" si="954"/>
        <v>229.73476896716139</v>
      </c>
      <c r="R4098" s="238">
        <v>35</v>
      </c>
      <c r="S4098" s="236">
        <f t="shared" si="959"/>
        <v>3.0339040341943435</v>
      </c>
      <c r="T4098" s="236" t="e">
        <f t="shared" si="945"/>
        <v>#N/A</v>
      </c>
    </row>
    <row r="4099" spans="1:20" x14ac:dyDescent="0.2">
      <c r="A4099" s="53">
        <f t="shared" si="946"/>
        <v>4087</v>
      </c>
      <c r="B4099" s="239">
        <v>40.698999999999998</v>
      </c>
      <c r="C4099" s="3">
        <f t="shared" si="947"/>
        <v>40.692</v>
      </c>
      <c r="D4099" s="239">
        <v>3.4386999999999999</v>
      </c>
      <c r="E4099" s="239">
        <v>0.1045</v>
      </c>
      <c r="F4099" s="239">
        <v>1.2286999999999999</v>
      </c>
      <c r="G4099">
        <f t="shared" si="948"/>
        <v>3.6844399999999999</v>
      </c>
      <c r="H4099" s="235">
        <f t="shared" si="949"/>
        <v>2.8362519134522479</v>
      </c>
      <c r="I4099" s="236">
        <f t="shared" si="950"/>
        <v>19.205791378294531</v>
      </c>
      <c r="J4099" s="237">
        <f t="shared" si="955"/>
        <v>9.2057913782945313</v>
      </c>
      <c r="K4099" s="237">
        <f t="shared" si="951"/>
        <v>781.52206276556103</v>
      </c>
      <c r="L4099" s="237">
        <f t="shared" si="956"/>
        <v>374.66650330520912</v>
      </c>
      <c r="M4099" s="236">
        <f t="shared" si="952"/>
        <v>7.7480049901062999</v>
      </c>
      <c r="N4099" s="236">
        <f t="shared" si="953"/>
        <v>3.599826183841607</v>
      </c>
      <c r="O4099" s="236">
        <f t="shared" si="957"/>
        <v>3.1330108353001989</v>
      </c>
      <c r="P4099" s="236" t="str">
        <f t="shared" si="958"/>
        <v>CLAY</v>
      </c>
      <c r="Q4099" s="236">
        <f t="shared" si="954"/>
        <v>241.90982810286991</v>
      </c>
      <c r="R4099" s="238">
        <v>35</v>
      </c>
      <c r="S4099" s="236">
        <f t="shared" si="959"/>
        <v>3.2316727287874643</v>
      </c>
      <c r="T4099" s="236" t="e">
        <f t="shared" si="945"/>
        <v>#N/A</v>
      </c>
    </row>
    <row r="4100" spans="1:20" x14ac:dyDescent="0.2">
      <c r="A4100" s="53">
        <f t="shared" si="946"/>
        <v>4088</v>
      </c>
      <c r="B4100" s="239">
        <v>40.709000000000003</v>
      </c>
      <c r="C4100" s="3">
        <f t="shared" si="947"/>
        <v>40.702000000000005</v>
      </c>
      <c r="D4100" s="239">
        <v>3.5806</v>
      </c>
      <c r="E4100" s="239">
        <v>9.7299999999999998E-2</v>
      </c>
      <c r="F4100" s="239">
        <v>1.1013999999999999</v>
      </c>
      <c r="G4100">
        <f t="shared" si="948"/>
        <v>3.8008799999999998</v>
      </c>
      <c r="H4100" s="235">
        <f t="shared" si="949"/>
        <v>2.5599334890867378</v>
      </c>
      <c r="I4100" s="236">
        <f t="shared" si="950"/>
        <v>19.134243465696041</v>
      </c>
      <c r="J4100" s="237">
        <f t="shared" si="955"/>
        <v>9.1342434656960414</v>
      </c>
      <c r="K4100" s="237">
        <f t="shared" si="951"/>
        <v>778.80197754076039</v>
      </c>
      <c r="L4100" s="237">
        <f t="shared" si="956"/>
        <v>371.84591724502019</v>
      </c>
      <c r="M4100" s="236">
        <f t="shared" si="952"/>
        <v>8.1272319590049538</v>
      </c>
      <c r="N4100" s="236">
        <f t="shared" si="953"/>
        <v>3.2196389132541783</v>
      </c>
      <c r="O4100" s="236">
        <f t="shared" si="957"/>
        <v>3.088561350851371</v>
      </c>
      <c r="P4100" s="236" t="str">
        <f t="shared" si="958"/>
        <v>CLAY</v>
      </c>
      <c r="Q4100" s="236">
        <f t="shared" si="954"/>
        <v>251.83983520493658</v>
      </c>
      <c r="R4100" s="238">
        <v>35</v>
      </c>
      <c r="S4100" s="236">
        <f t="shared" si="959"/>
        <v>3.4305861311753705</v>
      </c>
      <c r="T4100" s="236" t="e">
        <f t="shared" si="945"/>
        <v>#N/A</v>
      </c>
    </row>
    <row r="4101" spans="1:20" x14ac:dyDescent="0.2">
      <c r="A4101" s="53">
        <f t="shared" si="946"/>
        <v>4089</v>
      </c>
      <c r="B4101" s="239">
        <v>40.718000000000004</v>
      </c>
      <c r="C4101" s="3">
        <f t="shared" si="947"/>
        <v>40.711000000000006</v>
      </c>
      <c r="D4101" s="239">
        <v>3.6366999999999998</v>
      </c>
      <c r="E4101" s="239">
        <v>9.5299999999999996E-2</v>
      </c>
      <c r="F4101" s="239">
        <v>1.0571999999999999</v>
      </c>
      <c r="G4101">
        <f t="shared" si="948"/>
        <v>3.8481399999999999</v>
      </c>
      <c r="H4101" s="235">
        <f t="shared" si="949"/>
        <v>2.4765211244913128</v>
      </c>
      <c r="I4101" s="236">
        <f t="shared" si="950"/>
        <v>19.114719663537791</v>
      </c>
      <c r="J4101" s="237">
        <f t="shared" si="955"/>
        <v>9.114719663537791</v>
      </c>
      <c r="K4101" s="237">
        <f t="shared" si="951"/>
        <v>778.17935222228709</v>
      </c>
      <c r="L4101" s="237">
        <f t="shared" si="956"/>
        <v>371.13315525993181</v>
      </c>
      <c r="M4101" s="236">
        <f t="shared" si="952"/>
        <v>8.2718576992335642</v>
      </c>
      <c r="N4101" s="236">
        <f t="shared" si="953"/>
        <v>3.1042743192485509</v>
      </c>
      <c r="O4101" s="236">
        <f t="shared" si="957"/>
        <v>3.0733593222500715</v>
      </c>
      <c r="P4101" s="236" t="str">
        <f t="shared" si="958"/>
        <v>CLAY</v>
      </c>
      <c r="Q4101" s="236">
        <f t="shared" si="954"/>
        <v>255.83005398147608</v>
      </c>
      <c r="R4101" s="238">
        <v>35</v>
      </c>
      <c r="S4101" s="236">
        <f t="shared" si="959"/>
        <v>3.5070650953106868</v>
      </c>
      <c r="T4101" s="236" t="e">
        <f t="shared" si="945"/>
        <v>#N/A</v>
      </c>
    </row>
    <row r="4102" spans="1:20" x14ac:dyDescent="0.2">
      <c r="A4102" s="53">
        <f t="shared" si="946"/>
        <v>4090</v>
      </c>
      <c r="B4102" s="239">
        <v>40.728999999999999</v>
      </c>
      <c r="C4102" s="3">
        <f t="shared" si="947"/>
        <v>40.722000000000001</v>
      </c>
      <c r="D4102" s="239">
        <v>3.669</v>
      </c>
      <c r="E4102" s="239">
        <v>9.4500000000000001E-2</v>
      </c>
      <c r="F4102" s="239">
        <v>1.0186999999999999</v>
      </c>
      <c r="G4102">
        <f t="shared" si="948"/>
        <v>3.8727399999999998</v>
      </c>
      <c r="H4102" s="235">
        <f t="shared" si="949"/>
        <v>2.4401328258545627</v>
      </c>
      <c r="I4102" s="236">
        <f t="shared" si="950"/>
        <v>19.107325444438406</v>
      </c>
      <c r="J4102" s="237">
        <f t="shared" si="955"/>
        <v>9.1073254444384055</v>
      </c>
      <c r="K4102" s="237">
        <f t="shared" si="951"/>
        <v>778.08850674842074</v>
      </c>
      <c r="L4102" s="237">
        <f t="shared" si="956"/>
        <v>370.93225802653183</v>
      </c>
      <c r="M4102" s="236">
        <f t="shared" si="952"/>
        <v>8.3429020428582596</v>
      </c>
      <c r="N4102" s="236">
        <f t="shared" si="953"/>
        <v>3.053655644458626</v>
      </c>
      <c r="O4102" s="236">
        <f t="shared" si="957"/>
        <v>3.0663000078681071</v>
      </c>
      <c r="P4102" s="236" t="str">
        <f t="shared" si="958"/>
        <v>CLAY</v>
      </c>
      <c r="Q4102" s="236">
        <f t="shared" si="954"/>
        <v>257.88762443763159</v>
      </c>
      <c r="R4102" s="238">
        <v>35</v>
      </c>
      <c r="S4102" s="236">
        <f t="shared" si="959"/>
        <v>3.5447567581144033</v>
      </c>
      <c r="T4102" s="236" t="e">
        <f t="shared" si="945"/>
        <v>#N/A</v>
      </c>
    </row>
    <row r="4103" spans="1:20" x14ac:dyDescent="0.2">
      <c r="A4103" s="53">
        <f t="shared" si="946"/>
        <v>4091</v>
      </c>
      <c r="B4103" s="239">
        <v>40.738</v>
      </c>
      <c r="C4103" s="3">
        <f t="shared" si="947"/>
        <v>40.731000000000002</v>
      </c>
      <c r="D4103" s="239">
        <v>3.7288999999999999</v>
      </c>
      <c r="E4103" s="239">
        <v>9.7000000000000003E-2</v>
      </c>
      <c r="F4103" s="239">
        <v>1.0705</v>
      </c>
      <c r="G4103">
        <f t="shared" si="948"/>
        <v>3.9429999999999996</v>
      </c>
      <c r="H4103" s="235">
        <f t="shared" si="949"/>
        <v>2.4600557950798887</v>
      </c>
      <c r="I4103" s="236">
        <f t="shared" si="950"/>
        <v>19.144970836267248</v>
      </c>
      <c r="J4103" s="237">
        <f t="shared" si="955"/>
        <v>9.1449708362672482</v>
      </c>
      <c r="K4103" s="237">
        <f t="shared" si="951"/>
        <v>779.79380713200135</v>
      </c>
      <c r="L4103" s="237">
        <f t="shared" si="956"/>
        <v>372.54782192785513</v>
      </c>
      <c r="M4103" s="236">
        <f t="shared" si="952"/>
        <v>8.4907386560444351</v>
      </c>
      <c r="N4103" s="236">
        <f t="shared" si="953"/>
        <v>3.0665089180308089</v>
      </c>
      <c r="O4103" s="236">
        <f t="shared" si="957"/>
        <v>3.0609790331103341</v>
      </c>
      <c r="P4103" s="236" t="str">
        <f t="shared" si="958"/>
        <v>CLAY</v>
      </c>
      <c r="Q4103" s="236">
        <f t="shared" si="954"/>
        <v>263.60051607233316</v>
      </c>
      <c r="R4103" s="238">
        <v>35</v>
      </c>
      <c r="S4103" s="236">
        <f t="shared" si="959"/>
        <v>3.623446477027727</v>
      </c>
      <c r="T4103" s="236" t="e">
        <f t="shared" si="945"/>
        <v>#N/A</v>
      </c>
    </row>
    <row r="4104" spans="1:20" x14ac:dyDescent="0.2">
      <c r="A4104" s="53">
        <f t="shared" si="946"/>
        <v>4092</v>
      </c>
      <c r="B4104" s="239">
        <v>40.747</v>
      </c>
      <c r="C4104" s="3">
        <f t="shared" si="947"/>
        <v>40.74</v>
      </c>
      <c r="D4104" s="239">
        <v>3.9129999999999998</v>
      </c>
      <c r="E4104" s="239">
        <v>0.1017</v>
      </c>
      <c r="F4104" s="239">
        <v>1.0544</v>
      </c>
      <c r="G4104">
        <f t="shared" si="948"/>
        <v>4.1238799999999998</v>
      </c>
      <c r="H4104" s="235">
        <f t="shared" si="949"/>
        <v>2.4661241355228571</v>
      </c>
      <c r="I4104" s="236">
        <f t="shared" si="950"/>
        <v>19.217985044682408</v>
      </c>
      <c r="J4104" s="237">
        <f t="shared" si="955"/>
        <v>9.2179850446824076</v>
      </c>
      <c r="K4104" s="237">
        <f t="shared" si="951"/>
        <v>782.94071072036138</v>
      </c>
      <c r="L4104" s="237">
        <f t="shared" si="956"/>
        <v>375.60523661567407</v>
      </c>
      <c r="M4104" s="236">
        <f t="shared" si="952"/>
        <v>8.8948155232940671</v>
      </c>
      <c r="N4104" s="236">
        <f t="shared" si="953"/>
        <v>3.044054117545135</v>
      </c>
      <c r="O4104" s="236">
        <f t="shared" si="957"/>
        <v>3.0424497554104977</v>
      </c>
      <c r="P4104" s="236" t="str">
        <f t="shared" si="958"/>
        <v>CLAY</v>
      </c>
      <c r="Q4104" s="236">
        <f t="shared" si="954"/>
        <v>278.41160743996988</v>
      </c>
      <c r="R4104" s="238">
        <v>35</v>
      </c>
      <c r="S4104" s="236">
        <f t="shared" si="959"/>
        <v>3.8402649660499852</v>
      </c>
      <c r="T4104" s="236" t="e">
        <f t="shared" si="945"/>
        <v>#N/A</v>
      </c>
    </row>
    <row r="4105" spans="1:20" x14ac:dyDescent="0.2">
      <c r="A4105" s="53">
        <f t="shared" si="946"/>
        <v>4093</v>
      </c>
      <c r="B4105" s="239">
        <v>40.758000000000003</v>
      </c>
      <c r="C4105" s="3">
        <f t="shared" si="947"/>
        <v>40.751000000000005</v>
      </c>
      <c r="D4105" s="239">
        <v>4.1429</v>
      </c>
      <c r="E4105" s="239">
        <v>0.1081</v>
      </c>
      <c r="F4105" s="239">
        <v>1.0843</v>
      </c>
      <c r="G4105">
        <f t="shared" si="948"/>
        <v>4.3597599999999996</v>
      </c>
      <c r="H4105" s="235">
        <f t="shared" si="949"/>
        <v>2.4794942840890326</v>
      </c>
      <c r="I4105" s="236">
        <f t="shared" si="950"/>
        <v>19.311288752299518</v>
      </c>
      <c r="J4105" s="237">
        <f t="shared" si="955"/>
        <v>9.311288752299518</v>
      </c>
      <c r="K4105" s="237">
        <f t="shared" si="951"/>
        <v>786.95432794495775</v>
      </c>
      <c r="L4105" s="237">
        <f t="shared" si="956"/>
        <v>379.5095069662238</v>
      </c>
      <c r="M4105" s="236">
        <f t="shared" si="952"/>
        <v>9.4142718600538782</v>
      </c>
      <c r="N4105" s="236">
        <f t="shared" si="953"/>
        <v>3.0256333515565093</v>
      </c>
      <c r="O4105" s="236">
        <f t="shared" si="957"/>
        <v>3.0205722544178557</v>
      </c>
      <c r="P4105" s="236" t="str">
        <f t="shared" si="958"/>
        <v>CLAY</v>
      </c>
      <c r="Q4105" s="236">
        <f t="shared" si="954"/>
        <v>297.73380600458682</v>
      </c>
      <c r="R4105" s="238">
        <v>35</v>
      </c>
      <c r="S4105" s="236">
        <f t="shared" si="959"/>
        <v>4.1226211598751688</v>
      </c>
      <c r="T4105" s="236" t="e">
        <f t="shared" si="945"/>
        <v>#N/A</v>
      </c>
    </row>
    <row r="4106" spans="1:20" x14ac:dyDescent="0.2">
      <c r="A4106" s="53">
        <f t="shared" si="946"/>
        <v>4094</v>
      </c>
      <c r="B4106" s="239">
        <v>40.767000000000003</v>
      </c>
      <c r="C4106" s="3">
        <f t="shared" si="947"/>
        <v>40.760000000000005</v>
      </c>
      <c r="D4106" s="239">
        <v>4.3559999999999999</v>
      </c>
      <c r="E4106" s="239">
        <v>0.109</v>
      </c>
      <c r="F4106" s="239">
        <v>1.0741000000000001</v>
      </c>
      <c r="G4106">
        <f t="shared" si="948"/>
        <v>4.5708199999999994</v>
      </c>
      <c r="H4106" s="235">
        <f t="shared" si="949"/>
        <v>2.3846924621840286</v>
      </c>
      <c r="I4106" s="236">
        <f t="shared" si="950"/>
        <v>19.339489305925827</v>
      </c>
      <c r="J4106" s="237">
        <f t="shared" si="955"/>
        <v>9.3394893059258273</v>
      </c>
      <c r="K4106" s="237">
        <f t="shared" si="951"/>
        <v>788.27758410953686</v>
      </c>
      <c r="L4106" s="237">
        <f t="shared" si="956"/>
        <v>380.74296053467822</v>
      </c>
      <c r="M4106" s="236">
        <f t="shared" si="952"/>
        <v>9.9346351947745273</v>
      </c>
      <c r="N4106" s="236">
        <f t="shared" si="953"/>
        <v>2.8816596885230137</v>
      </c>
      <c r="O4106" s="236">
        <f t="shared" si="957"/>
        <v>2.9893439374057076</v>
      </c>
      <c r="P4106" s="236" t="str">
        <f t="shared" si="958"/>
        <v>CLAY</v>
      </c>
      <c r="Q4106" s="236">
        <f t="shared" si="954"/>
        <v>315.21186799087189</v>
      </c>
      <c r="R4106" s="238">
        <v>35</v>
      </c>
      <c r="S4106" s="236">
        <f t="shared" si="959"/>
        <v>4.4094042253744856</v>
      </c>
      <c r="T4106" s="236" t="e">
        <f t="shared" si="945"/>
        <v>#N/A</v>
      </c>
    </row>
    <row r="4107" spans="1:20" x14ac:dyDescent="0.2">
      <c r="A4107" s="53">
        <f t="shared" si="946"/>
        <v>4095</v>
      </c>
      <c r="B4107" s="239">
        <v>40.777000000000001</v>
      </c>
      <c r="C4107" s="3">
        <f t="shared" si="947"/>
        <v>40.770000000000003</v>
      </c>
      <c r="D4107" s="239">
        <v>4.4874000000000001</v>
      </c>
      <c r="E4107" s="239">
        <v>0.1116</v>
      </c>
      <c r="F4107" s="239">
        <v>1.139</v>
      </c>
      <c r="G4107">
        <f t="shared" si="948"/>
        <v>4.7152000000000003</v>
      </c>
      <c r="H4107" s="235">
        <f t="shared" si="949"/>
        <v>2.3668137088564642</v>
      </c>
      <c r="I4107" s="236">
        <f t="shared" si="950"/>
        <v>19.379286486461961</v>
      </c>
      <c r="J4107" s="237">
        <f t="shared" si="955"/>
        <v>9.3792864864619609</v>
      </c>
      <c r="K4107" s="237">
        <f t="shared" si="951"/>
        <v>790.09351005305416</v>
      </c>
      <c r="L4107" s="237">
        <f t="shared" si="956"/>
        <v>382.4591650584594</v>
      </c>
      <c r="M4107" s="236">
        <f t="shared" si="952"/>
        <v>10.262811951040547</v>
      </c>
      <c r="N4107" s="236">
        <f t="shared" si="953"/>
        <v>2.8432349615438954</v>
      </c>
      <c r="O4107" s="236">
        <f t="shared" si="957"/>
        <v>2.9743940864830867</v>
      </c>
      <c r="P4107" s="236" t="str">
        <f t="shared" si="958"/>
        <v>CLAY</v>
      </c>
      <c r="Q4107" s="236">
        <f t="shared" si="954"/>
        <v>327.09220749557886</v>
      </c>
      <c r="R4107" s="238">
        <v>35</v>
      </c>
      <c r="S4107" s="236">
        <f t="shared" si="959"/>
        <v>4.592223035325989</v>
      </c>
      <c r="T4107" s="236" t="e">
        <f t="shared" si="945"/>
        <v>#N/A</v>
      </c>
    </row>
    <row r="4108" spans="1:20" x14ac:dyDescent="0.2">
      <c r="A4108" s="53">
        <f t="shared" si="946"/>
        <v>4096</v>
      </c>
      <c r="B4108" s="239">
        <v>40.786999999999999</v>
      </c>
      <c r="C4108" s="3">
        <f t="shared" si="947"/>
        <v>40.78</v>
      </c>
      <c r="D4108" s="239">
        <v>4.7693000000000003</v>
      </c>
      <c r="E4108" s="239">
        <v>0.1125</v>
      </c>
      <c r="F4108" s="239">
        <v>0.99750000000000005</v>
      </c>
      <c r="G4108">
        <f t="shared" si="948"/>
        <v>4.9687999999999999</v>
      </c>
      <c r="H4108" s="235">
        <f t="shared" si="949"/>
        <v>2.2641281597166318</v>
      </c>
      <c r="I4108" s="236">
        <f t="shared" si="950"/>
        <v>19.409181229604158</v>
      </c>
      <c r="J4108" s="237">
        <f t="shared" si="955"/>
        <v>9.4091812296041581</v>
      </c>
      <c r="K4108" s="237">
        <f t="shared" si="951"/>
        <v>791.50641054325763</v>
      </c>
      <c r="L4108" s="237">
        <f t="shared" si="956"/>
        <v>383.7722748118648</v>
      </c>
      <c r="M4108" s="236">
        <f t="shared" si="952"/>
        <v>10.884823796884653</v>
      </c>
      <c r="N4108" s="236">
        <f t="shared" si="953"/>
        <v>2.6931312724569745</v>
      </c>
      <c r="O4108" s="236">
        <f t="shared" si="957"/>
        <v>2.9400183632831833</v>
      </c>
      <c r="P4108" s="236" t="str">
        <f t="shared" si="958"/>
        <v>CLAY</v>
      </c>
      <c r="Q4108" s="236">
        <f t="shared" si="954"/>
        <v>348.1077991213952</v>
      </c>
      <c r="R4108" s="238">
        <v>35</v>
      </c>
      <c r="S4108" s="236">
        <f t="shared" si="959"/>
        <v>4.9427285780518648</v>
      </c>
      <c r="T4108" s="236" t="e">
        <f t="shared" si="945"/>
        <v>#N/A</v>
      </c>
    </row>
    <row r="4109" spans="1:20" x14ac:dyDescent="0.2">
      <c r="A4109" s="53">
        <f t="shared" si="946"/>
        <v>4097</v>
      </c>
      <c r="B4109" s="239">
        <v>40.796999999999997</v>
      </c>
      <c r="C4109" s="3">
        <f t="shared" si="947"/>
        <v>40.79</v>
      </c>
      <c r="D4109" s="239">
        <v>4.8815</v>
      </c>
      <c r="E4109" s="239">
        <v>0.1123</v>
      </c>
      <c r="F4109" s="239">
        <v>0.85709999999999997</v>
      </c>
      <c r="G4109">
        <f t="shared" si="948"/>
        <v>5.0529200000000003</v>
      </c>
      <c r="H4109" s="235">
        <f t="shared" si="949"/>
        <v>2.2224773002541101</v>
      </c>
      <c r="I4109" s="236">
        <f t="shared" si="950"/>
        <v>19.413656576408702</v>
      </c>
      <c r="J4109" s="237">
        <f t="shared" si="955"/>
        <v>9.4136565764087017</v>
      </c>
      <c r="K4109" s="237">
        <f t="shared" si="951"/>
        <v>791.88305175171092</v>
      </c>
      <c r="L4109" s="237">
        <f t="shared" si="956"/>
        <v>384.04894734774575</v>
      </c>
      <c r="M4109" s="236">
        <f t="shared" si="952"/>
        <v>11.095036134521774</v>
      </c>
      <c r="N4109" s="236">
        <f t="shared" si="953"/>
        <v>2.6355087121731362</v>
      </c>
      <c r="O4109" s="236">
        <f t="shared" si="957"/>
        <v>2.9278724158304925</v>
      </c>
      <c r="P4109" s="236" t="str">
        <f t="shared" si="958"/>
        <v>CLAY</v>
      </c>
      <c r="Q4109" s="236">
        <f t="shared" si="954"/>
        <v>355.08641235402411</v>
      </c>
      <c r="R4109" s="238">
        <v>35</v>
      </c>
      <c r="S4109" s="236">
        <f t="shared" si="959"/>
        <v>5.0623353345290534</v>
      </c>
      <c r="T4109" s="236" t="e">
        <f t="shared" ref="T4109:T4172" si="960">IF(P4109="SAND",17.6+(11*LOG(M4109)),#N/A)</f>
        <v>#N/A</v>
      </c>
    </row>
    <row r="4110" spans="1:20" x14ac:dyDescent="0.2">
      <c r="A4110" s="53">
        <f t="shared" ref="A4110:A4173" si="961">$A4109+1</f>
        <v>4098</v>
      </c>
      <c r="B4110" s="239">
        <v>40.807000000000002</v>
      </c>
      <c r="C4110" s="3">
        <f t="shared" ref="C4110:C4173" si="962">MAX($B4110 - $B$13, 0.001)</f>
        <v>40.800000000000004</v>
      </c>
      <c r="D4110" s="239">
        <v>5.1337999999999999</v>
      </c>
      <c r="E4110" s="239">
        <v>0.1057</v>
      </c>
      <c r="F4110" s="239">
        <v>0.68130000000000002</v>
      </c>
      <c r="G4110">
        <f t="shared" si="948"/>
        <v>5.27006</v>
      </c>
      <c r="H4110" s="235">
        <f t="shared" si="949"/>
        <v>2.005669764670611</v>
      </c>
      <c r="I4110" s="236">
        <f t="shared" si="950"/>
        <v>19.359079523854781</v>
      </c>
      <c r="J4110" s="237">
        <f t="shared" si="955"/>
        <v>9.3590795238547813</v>
      </c>
      <c r="K4110" s="237">
        <f t="shared" si="951"/>
        <v>789.85044457327513</v>
      </c>
      <c r="L4110" s="237">
        <f t="shared" si="956"/>
        <v>381.91595812994206</v>
      </c>
      <c r="M4110" s="236">
        <f t="shared" si="952"/>
        <v>11.730878116128341</v>
      </c>
      <c r="N4110" s="236">
        <f t="shared" si="953"/>
        <v>2.3592646435917084</v>
      </c>
      <c r="O4110" s="236">
        <f t="shared" si="957"/>
        <v>2.8809983385518065</v>
      </c>
      <c r="P4110" s="236" t="str">
        <f t="shared" si="958"/>
        <v>CLAY</v>
      </c>
      <c r="Q4110" s="236">
        <f t="shared" si="954"/>
        <v>373.35079628556042</v>
      </c>
      <c r="R4110" s="238">
        <v>35</v>
      </c>
      <c r="S4110" s="236">
        <f t="shared" si="959"/>
        <v>5.4275416118610487</v>
      </c>
      <c r="T4110" s="236" t="e">
        <f t="shared" si="960"/>
        <v>#N/A</v>
      </c>
    </row>
    <row r="4111" spans="1:20" x14ac:dyDescent="0.2">
      <c r="A4111" s="53">
        <f t="shared" si="961"/>
        <v>4099</v>
      </c>
      <c r="B4111" s="239">
        <v>40.816000000000003</v>
      </c>
      <c r="C4111" s="3">
        <f t="shared" si="962"/>
        <v>40.809000000000005</v>
      </c>
      <c r="D4111" s="239">
        <v>5.3594999999999997</v>
      </c>
      <c r="E4111" s="239">
        <v>9.8599999999999993E-2</v>
      </c>
      <c r="F4111" s="239">
        <v>0.56169999999999998</v>
      </c>
      <c r="G4111">
        <f t="shared" ref="G4111:G4174" si="963">$D4111+($F4111*(1-$P$8))</f>
        <v>5.4718399999999994</v>
      </c>
      <c r="H4111" s="235">
        <f t="shared" ref="H4111:H4174" si="964">($E4111/$G4111)*100</f>
        <v>1.801953273487529</v>
      </c>
      <c r="I4111" s="236">
        <f t="shared" ref="I4111:I4174" si="965">((0.27*(LOG($H4111)))+(0.36*(LOG(($G4111*1000)/101)))+1.236)*10</f>
        <v>19.292230775595364</v>
      </c>
      <c r="J4111" s="237">
        <f t="shared" si="955"/>
        <v>9.2922307755953639</v>
      </c>
      <c r="K4111" s="237">
        <f t="shared" ref="K4111:K4174" si="966">$I4111*$C4111</f>
        <v>787.29664572127126</v>
      </c>
      <c r="L4111" s="237">
        <f t="shared" si="956"/>
        <v>379.27169133670037</v>
      </c>
      <c r="M4111" s="236">
        <f t="shared" ref="M4111:M4174" si="967">(($G4111*1000)-$K4111)/$L4111</f>
        <v>12.351418419256607</v>
      </c>
      <c r="N4111" s="236">
        <f t="shared" ref="N4111:N4174" si="968">(($E4111*1000)/(($G4111*1000)-$K4111))*100</f>
        <v>2.1047942679395115</v>
      </c>
      <c r="O4111" s="236">
        <f t="shared" si="957"/>
        <v>2.8350885079214412</v>
      </c>
      <c r="P4111" s="236" t="str">
        <f t="shared" si="958"/>
        <v>CLAY</v>
      </c>
      <c r="Q4111" s="236">
        <f t="shared" ref="Q4111:Q4174" si="969">IF(P4111="CLAY",($G4111*1000 -$K4111)/$L$8,#N/A)</f>
        <v>390.37861285656066</v>
      </c>
      <c r="R4111" s="238">
        <v>35</v>
      </c>
      <c r="S4111" s="236">
        <f t="shared" si="959"/>
        <v>5.7887667605866699</v>
      </c>
      <c r="T4111" s="236" t="e">
        <f t="shared" si="960"/>
        <v>#N/A</v>
      </c>
    </row>
    <row r="4112" spans="1:20" x14ac:dyDescent="0.2">
      <c r="A4112" s="53">
        <f t="shared" si="961"/>
        <v>4100</v>
      </c>
      <c r="B4112" s="239">
        <v>40.826999999999998</v>
      </c>
      <c r="C4112" s="3">
        <f t="shared" si="962"/>
        <v>40.82</v>
      </c>
      <c r="D4112" s="239">
        <v>5.5347</v>
      </c>
      <c r="E4112" s="239">
        <v>9.9599999999999994E-2</v>
      </c>
      <c r="F4112" s="239">
        <v>0.4889</v>
      </c>
      <c r="G4112">
        <f t="shared" si="963"/>
        <v>5.6324800000000002</v>
      </c>
      <c r="H4112" s="235">
        <f t="shared" si="964"/>
        <v>1.7683152004090559</v>
      </c>
      <c r="I4112" s="236">
        <f t="shared" si="965"/>
        <v>19.315372960588469</v>
      </c>
      <c r="J4112" s="237">
        <f t="shared" ref="J4112:J4175" si="970">$I4112-10</f>
        <v>9.3153729605884692</v>
      </c>
      <c r="K4112" s="237">
        <f t="shared" si="966"/>
        <v>788.45352425122132</v>
      </c>
      <c r="L4112" s="237">
        <f t="shared" ref="L4112:L4175" si="971">$J4112*$B4112</f>
        <v>380.31873186194542</v>
      </c>
      <c r="M4112" s="236">
        <f t="shared" si="967"/>
        <v>12.736754910897069</v>
      </c>
      <c r="N4112" s="236">
        <f t="shared" si="968"/>
        <v>2.0561407023400724</v>
      </c>
      <c r="O4112" s="236">
        <f t="shared" ref="O4112:O4175" si="972">((3.47-LOG($M4112))^2+(LOG($N4112)+1.22)^2)^0.5</f>
        <v>2.8183679493735831</v>
      </c>
      <c r="P4112" s="236" t="str">
        <f t="shared" ref="P4112:P4175" si="973">IF(O4112&lt;2.6,"SAND","CLAY")</f>
        <v>CLAY</v>
      </c>
      <c r="Q4112" s="236">
        <f t="shared" si="969"/>
        <v>403.66887297906493</v>
      </c>
      <c r="R4112" s="238">
        <v>35</v>
      </c>
      <c r="S4112" s="236">
        <f t="shared" ref="S4112:S4175" si="974">IF(P4112="SAND",#N/A,0.25*($M4112)^1.25)</f>
        <v>6.0153859700528276</v>
      </c>
      <c r="T4112" s="236" t="e">
        <f t="shared" si="960"/>
        <v>#N/A</v>
      </c>
    </row>
    <row r="4113" spans="1:20" x14ac:dyDescent="0.2">
      <c r="A4113" s="53">
        <f t="shared" si="961"/>
        <v>4101</v>
      </c>
      <c r="B4113" s="239">
        <v>40.835999999999999</v>
      </c>
      <c r="C4113" s="3">
        <f t="shared" si="962"/>
        <v>40.829000000000001</v>
      </c>
      <c r="D4113" s="239">
        <v>5.5667</v>
      </c>
      <c r="E4113" s="239">
        <v>0.1129</v>
      </c>
      <c r="F4113" s="239">
        <v>0.52310000000000001</v>
      </c>
      <c r="G4113">
        <f t="shared" si="963"/>
        <v>5.6713199999999997</v>
      </c>
      <c r="H4113" s="235">
        <f t="shared" si="964"/>
        <v>1.9907182102226644</v>
      </c>
      <c r="I4113" s="236">
        <f t="shared" si="965"/>
        <v>19.46503243502745</v>
      </c>
      <c r="J4113" s="237">
        <f t="shared" si="970"/>
        <v>9.4650324350274495</v>
      </c>
      <c r="K4113" s="237">
        <f t="shared" si="966"/>
        <v>794.73780928973576</v>
      </c>
      <c r="L4113" s="237">
        <f t="shared" si="971"/>
        <v>386.51406451678093</v>
      </c>
      <c r="M4113" s="236">
        <f t="shared" si="967"/>
        <v>12.616829860530318</v>
      </c>
      <c r="N4113" s="236">
        <f t="shared" si="968"/>
        <v>2.3151460507539681</v>
      </c>
      <c r="O4113" s="236">
        <f t="shared" si="972"/>
        <v>2.8501377896074587</v>
      </c>
      <c r="P4113" s="236" t="str">
        <f t="shared" si="973"/>
        <v>CLAY</v>
      </c>
      <c r="Q4113" s="236">
        <f t="shared" si="969"/>
        <v>406.38184922585532</v>
      </c>
      <c r="R4113" s="238">
        <v>35</v>
      </c>
      <c r="S4113" s="236">
        <f t="shared" si="974"/>
        <v>5.9446709006422527</v>
      </c>
      <c r="T4113" s="236" t="e">
        <f t="shared" si="960"/>
        <v>#N/A</v>
      </c>
    </row>
    <row r="4114" spans="1:20" x14ac:dyDescent="0.2">
      <c r="A4114" s="53">
        <f t="shared" si="961"/>
        <v>4102</v>
      </c>
      <c r="B4114" s="239">
        <v>40.845999999999997</v>
      </c>
      <c r="C4114" s="3">
        <f t="shared" si="962"/>
        <v>40.838999999999999</v>
      </c>
      <c r="D4114" s="239">
        <v>5.6790000000000003</v>
      </c>
      <c r="E4114" s="239">
        <v>0.1313</v>
      </c>
      <c r="F4114" s="239">
        <v>0.499</v>
      </c>
      <c r="G4114">
        <f t="shared" si="963"/>
        <v>5.7788000000000004</v>
      </c>
      <c r="H4114" s="235">
        <f t="shared" si="964"/>
        <v>2.2720980134283932</v>
      </c>
      <c r="I4114" s="236">
        <f t="shared" si="965"/>
        <v>19.649411712527769</v>
      </c>
      <c r="J4114" s="237">
        <f t="shared" si="970"/>
        <v>9.649411712527769</v>
      </c>
      <c r="K4114" s="237">
        <f t="shared" si="966"/>
        <v>802.46232492792149</v>
      </c>
      <c r="L4114" s="237">
        <f t="shared" si="971"/>
        <v>394.13987080990921</v>
      </c>
      <c r="M4114" s="236">
        <f t="shared" si="967"/>
        <v>12.625816476892616</v>
      </c>
      <c r="N4114" s="236">
        <f t="shared" si="968"/>
        <v>2.6384865451900472</v>
      </c>
      <c r="O4114" s="236">
        <f t="shared" si="972"/>
        <v>2.8818357937590484</v>
      </c>
      <c r="P4114" s="236" t="str">
        <f t="shared" si="973"/>
        <v>CLAY</v>
      </c>
      <c r="Q4114" s="236">
        <f t="shared" si="969"/>
        <v>414.69480625600659</v>
      </c>
      <c r="R4114" s="238">
        <v>35</v>
      </c>
      <c r="S4114" s="236">
        <f t="shared" si="974"/>
        <v>5.9499641511007484</v>
      </c>
      <c r="T4114" s="236" t="e">
        <f t="shared" si="960"/>
        <v>#N/A</v>
      </c>
    </row>
    <row r="4115" spans="1:20" x14ac:dyDescent="0.2">
      <c r="A4115" s="53">
        <f t="shared" si="961"/>
        <v>4103</v>
      </c>
      <c r="B4115" s="239">
        <v>40.856999999999999</v>
      </c>
      <c r="C4115" s="3">
        <f t="shared" si="962"/>
        <v>40.85</v>
      </c>
      <c r="D4115" s="239">
        <v>5.5578000000000003</v>
      </c>
      <c r="E4115" s="239">
        <v>0.14360000000000001</v>
      </c>
      <c r="F4115" s="239">
        <v>0.54320000000000002</v>
      </c>
      <c r="G4115">
        <f t="shared" si="963"/>
        <v>5.6664400000000006</v>
      </c>
      <c r="H4115" s="235">
        <f t="shared" si="964"/>
        <v>2.5342190158194562</v>
      </c>
      <c r="I4115" s="236">
        <f t="shared" si="965"/>
        <v>19.746739307208149</v>
      </c>
      <c r="J4115" s="237">
        <f t="shared" si="970"/>
        <v>9.7467393072081485</v>
      </c>
      <c r="K4115" s="237">
        <f t="shared" si="966"/>
        <v>806.65430069945285</v>
      </c>
      <c r="L4115" s="237">
        <f t="shared" si="971"/>
        <v>398.22252787460332</v>
      </c>
      <c r="M4115" s="236">
        <f t="shared" si="967"/>
        <v>12.20369356108063</v>
      </c>
      <c r="N4115" s="236">
        <f t="shared" si="968"/>
        <v>2.954862804355094</v>
      </c>
      <c r="O4115" s="236">
        <f t="shared" si="972"/>
        <v>2.9221619028996852</v>
      </c>
      <c r="P4115" s="236" t="str">
        <f t="shared" si="973"/>
        <v>CLAY</v>
      </c>
      <c r="Q4115" s="236">
        <f t="shared" si="969"/>
        <v>404.98214160837898</v>
      </c>
      <c r="R4115" s="238">
        <v>35</v>
      </c>
      <c r="S4115" s="236">
        <f t="shared" si="974"/>
        <v>5.7023533606054118</v>
      </c>
      <c r="T4115" s="236" t="e">
        <f t="shared" si="960"/>
        <v>#N/A</v>
      </c>
    </row>
    <row r="4116" spans="1:20" x14ac:dyDescent="0.2">
      <c r="A4116" s="53">
        <f t="shared" si="961"/>
        <v>4104</v>
      </c>
      <c r="B4116" s="239">
        <v>40.866</v>
      </c>
      <c r="C4116" s="3">
        <f t="shared" si="962"/>
        <v>40.859000000000002</v>
      </c>
      <c r="D4116" s="239">
        <v>5.4816000000000003</v>
      </c>
      <c r="E4116" s="239">
        <v>0.13109999999999999</v>
      </c>
      <c r="F4116" s="239">
        <v>0.50129999999999997</v>
      </c>
      <c r="G4116">
        <f t="shared" si="963"/>
        <v>5.5818599999999998</v>
      </c>
      <c r="H4116" s="235">
        <f t="shared" si="964"/>
        <v>2.3486794724339197</v>
      </c>
      <c r="I4116" s="236">
        <f t="shared" si="965"/>
        <v>19.634071367624205</v>
      </c>
      <c r="J4116" s="237">
        <f t="shared" si="970"/>
        <v>9.6340713676242054</v>
      </c>
      <c r="K4116" s="237">
        <f t="shared" si="966"/>
        <v>802.2285220097574</v>
      </c>
      <c r="L4116" s="237">
        <f t="shared" si="971"/>
        <v>393.70596050933079</v>
      </c>
      <c r="M4116" s="236">
        <f t="shared" si="967"/>
        <v>12.140104436841426</v>
      </c>
      <c r="N4116" s="236">
        <f t="shared" si="968"/>
        <v>2.7428892918565642</v>
      </c>
      <c r="O4116" s="236">
        <f t="shared" si="972"/>
        <v>2.9054413338314755</v>
      </c>
      <c r="P4116" s="236" t="str">
        <f t="shared" si="973"/>
        <v>CLAY</v>
      </c>
      <c r="Q4116" s="236">
        <f t="shared" si="969"/>
        <v>398.3026231658535</v>
      </c>
      <c r="R4116" s="238">
        <v>35</v>
      </c>
      <c r="S4116" s="236">
        <f t="shared" si="974"/>
        <v>5.6652364041056584</v>
      </c>
      <c r="T4116" s="236" t="e">
        <f t="shared" si="960"/>
        <v>#N/A</v>
      </c>
    </row>
    <row r="4117" spans="1:20" x14ac:dyDescent="0.2">
      <c r="A4117" s="53">
        <f t="shared" si="961"/>
        <v>4105</v>
      </c>
      <c r="B4117" s="239">
        <v>40.875999999999998</v>
      </c>
      <c r="C4117" s="3">
        <f t="shared" si="962"/>
        <v>40.869</v>
      </c>
      <c r="D4117" s="239">
        <v>5.3917000000000002</v>
      </c>
      <c r="E4117" s="239">
        <v>0.12230000000000001</v>
      </c>
      <c r="F4117" s="239">
        <v>0.46929999999999999</v>
      </c>
      <c r="G4117">
        <f t="shared" si="963"/>
        <v>5.4855600000000004</v>
      </c>
      <c r="H4117" s="235">
        <f t="shared" si="964"/>
        <v>2.2294897877336131</v>
      </c>
      <c r="I4117" s="236">
        <f t="shared" si="965"/>
        <v>19.545793361064739</v>
      </c>
      <c r="J4117" s="237">
        <f t="shared" si="970"/>
        <v>9.5457933610647387</v>
      </c>
      <c r="K4117" s="237">
        <f t="shared" si="966"/>
        <v>798.81702887335484</v>
      </c>
      <c r="L4117" s="237">
        <f t="shared" si="971"/>
        <v>390.19384942688225</v>
      </c>
      <c r="M4117" s="236">
        <f t="shared" si="967"/>
        <v>12.011319445477026</v>
      </c>
      <c r="N4117" s="236">
        <f t="shared" si="968"/>
        <v>2.6094880976713841</v>
      </c>
      <c r="O4117" s="236">
        <f t="shared" si="972"/>
        <v>2.8969587251136977</v>
      </c>
      <c r="P4117" s="236" t="str">
        <f t="shared" si="973"/>
        <v>CLAY</v>
      </c>
      <c r="Q4117" s="236">
        <f t="shared" si="969"/>
        <v>390.56191426055381</v>
      </c>
      <c r="R4117" s="238">
        <v>35</v>
      </c>
      <c r="S4117" s="236">
        <f t="shared" si="974"/>
        <v>5.5902136375723819</v>
      </c>
      <c r="T4117" s="236" t="e">
        <f t="shared" si="960"/>
        <v>#N/A</v>
      </c>
    </row>
    <row r="4118" spans="1:20" x14ac:dyDescent="0.2">
      <c r="A4118" s="53">
        <f t="shared" si="961"/>
        <v>4106</v>
      </c>
      <c r="B4118" s="239">
        <v>40.884999999999998</v>
      </c>
      <c r="C4118" s="3">
        <f t="shared" si="962"/>
        <v>40.878</v>
      </c>
      <c r="D4118" s="239">
        <v>5.4390000000000001</v>
      </c>
      <c r="E4118" s="239">
        <v>0.1164</v>
      </c>
      <c r="F4118" s="239">
        <v>0.50429999999999997</v>
      </c>
      <c r="G4118">
        <f t="shared" si="963"/>
        <v>5.53986</v>
      </c>
      <c r="H4118" s="235">
        <f t="shared" si="964"/>
        <v>2.1011361297938937</v>
      </c>
      <c r="I4118" s="236">
        <f t="shared" si="965"/>
        <v>19.491665011904988</v>
      </c>
      <c r="J4118" s="237">
        <f t="shared" si="970"/>
        <v>9.4916650119049883</v>
      </c>
      <c r="K4118" s="237">
        <f t="shared" si="966"/>
        <v>796.78028235665215</v>
      </c>
      <c r="L4118" s="237">
        <f t="shared" si="971"/>
        <v>388.0667240117354</v>
      </c>
      <c r="M4118" s="236">
        <f t="shared" si="967"/>
        <v>12.222330398779345</v>
      </c>
      <c r="N4118" s="236">
        <f t="shared" si="968"/>
        <v>2.4541017003575609</v>
      </c>
      <c r="O4118" s="236">
        <f t="shared" si="972"/>
        <v>2.8757101748071401</v>
      </c>
      <c r="P4118" s="236" t="str">
        <f t="shared" si="973"/>
        <v>CLAY</v>
      </c>
      <c r="Q4118" s="236">
        <f t="shared" si="969"/>
        <v>395.25664313694568</v>
      </c>
      <c r="R4118" s="238">
        <v>35</v>
      </c>
      <c r="S4118" s="236">
        <f t="shared" si="974"/>
        <v>5.7132408547055631</v>
      </c>
      <c r="T4118" s="236" t="e">
        <f t="shared" si="960"/>
        <v>#N/A</v>
      </c>
    </row>
    <row r="4119" spans="1:20" x14ac:dyDescent="0.2">
      <c r="A4119" s="53">
        <f t="shared" si="961"/>
        <v>4107</v>
      </c>
      <c r="B4119" s="239">
        <v>40.895000000000003</v>
      </c>
      <c r="C4119" s="3">
        <f t="shared" si="962"/>
        <v>40.888000000000005</v>
      </c>
      <c r="D4119" s="239">
        <v>5.4394999999999998</v>
      </c>
      <c r="E4119" s="239">
        <v>0.1202</v>
      </c>
      <c r="F4119" s="239">
        <v>0.54890000000000005</v>
      </c>
      <c r="G4119">
        <f t="shared" si="963"/>
        <v>5.5492799999999995</v>
      </c>
      <c r="H4119" s="235">
        <f t="shared" si="964"/>
        <v>2.1660467664273564</v>
      </c>
      <c r="I4119" s="236">
        <f t="shared" si="965"/>
        <v>19.529998091788482</v>
      </c>
      <c r="J4119" s="237">
        <f t="shared" si="970"/>
        <v>9.5299980917884817</v>
      </c>
      <c r="K4119" s="237">
        <f t="shared" si="966"/>
        <v>798.54256197704751</v>
      </c>
      <c r="L4119" s="237">
        <f t="shared" si="971"/>
        <v>389.72927196369</v>
      </c>
      <c r="M4119" s="236">
        <f t="shared" si="967"/>
        <v>12.189839921661223</v>
      </c>
      <c r="N4119" s="236">
        <f t="shared" si="968"/>
        <v>2.5301335122831365</v>
      </c>
      <c r="O4119" s="236">
        <f t="shared" si="972"/>
        <v>2.8841047394139179</v>
      </c>
      <c r="P4119" s="236" t="str">
        <f t="shared" si="973"/>
        <v>CLAY</v>
      </c>
      <c r="Q4119" s="236">
        <f t="shared" si="969"/>
        <v>395.89478650191268</v>
      </c>
      <c r="R4119" s="238">
        <v>35</v>
      </c>
      <c r="S4119" s="236">
        <f t="shared" si="974"/>
        <v>5.6942628659274188</v>
      </c>
      <c r="T4119" s="236" t="e">
        <f t="shared" si="960"/>
        <v>#N/A</v>
      </c>
    </row>
    <row r="4120" spans="1:20" x14ac:dyDescent="0.2">
      <c r="A4120" s="53">
        <f t="shared" si="961"/>
        <v>4108</v>
      </c>
      <c r="B4120" s="239">
        <v>40.905000000000001</v>
      </c>
      <c r="C4120" s="3">
        <f t="shared" si="962"/>
        <v>40.898000000000003</v>
      </c>
      <c r="D4120" s="239">
        <v>5.2758000000000003</v>
      </c>
      <c r="E4120" s="239">
        <v>0.13569999999999999</v>
      </c>
      <c r="F4120" s="239">
        <v>0.57679999999999998</v>
      </c>
      <c r="G4120">
        <f t="shared" si="963"/>
        <v>5.3911600000000002</v>
      </c>
      <c r="H4120" s="235">
        <f t="shared" si="964"/>
        <v>2.5170835219136509</v>
      </c>
      <c r="I4120" s="236">
        <f t="shared" si="965"/>
        <v>19.660922642057791</v>
      </c>
      <c r="J4120" s="237">
        <f t="shared" si="970"/>
        <v>9.6609226420577912</v>
      </c>
      <c r="K4120" s="237">
        <f t="shared" si="966"/>
        <v>804.09241421487957</v>
      </c>
      <c r="L4120" s="237">
        <f t="shared" si="971"/>
        <v>395.18004067337398</v>
      </c>
      <c r="M4120" s="236">
        <f t="shared" si="967"/>
        <v>11.607538624594769</v>
      </c>
      <c r="N4120" s="236">
        <f t="shared" si="968"/>
        <v>2.9583169958193158</v>
      </c>
      <c r="O4120" s="236">
        <f t="shared" si="972"/>
        <v>2.9402223066859285</v>
      </c>
      <c r="P4120" s="236" t="str">
        <f t="shared" si="973"/>
        <v>CLAY</v>
      </c>
      <c r="Q4120" s="236">
        <f t="shared" si="969"/>
        <v>382.25563214876001</v>
      </c>
      <c r="R4120" s="238">
        <v>35</v>
      </c>
      <c r="S4120" s="236">
        <f t="shared" si="974"/>
        <v>5.3563035418403206</v>
      </c>
      <c r="T4120" s="236" t="e">
        <f t="shared" si="960"/>
        <v>#N/A</v>
      </c>
    </row>
    <row r="4121" spans="1:20" x14ac:dyDescent="0.2">
      <c r="A4121" s="53">
        <f t="shared" si="961"/>
        <v>4109</v>
      </c>
      <c r="B4121" s="239">
        <v>40.912999999999997</v>
      </c>
      <c r="C4121" s="3">
        <f t="shared" si="962"/>
        <v>40.905999999999999</v>
      </c>
      <c r="D4121" s="239">
        <v>4.9737</v>
      </c>
      <c r="E4121" s="239">
        <v>0.1502</v>
      </c>
      <c r="F4121" s="239">
        <v>0.59509999999999996</v>
      </c>
      <c r="G4121">
        <f t="shared" si="963"/>
        <v>5.0927199999999999</v>
      </c>
      <c r="H4121" s="235">
        <f t="shared" si="964"/>
        <v>2.9493080318572398</v>
      </c>
      <c r="I4121" s="236">
        <f t="shared" si="965"/>
        <v>19.757706691803214</v>
      </c>
      <c r="J4121" s="237">
        <f t="shared" si="970"/>
        <v>9.7577066918032145</v>
      </c>
      <c r="K4121" s="237">
        <f t="shared" si="966"/>
        <v>808.20874993490224</v>
      </c>
      <c r="L4121" s="237">
        <f t="shared" si="971"/>
        <v>399.2170538817449</v>
      </c>
      <c r="M4121" s="236">
        <f t="shared" si="967"/>
        <v>10.732285127614425</v>
      </c>
      <c r="N4121" s="236">
        <f t="shared" si="968"/>
        <v>3.5056507319876427</v>
      </c>
      <c r="O4121" s="236">
        <f t="shared" si="972"/>
        <v>3.0107525476914483</v>
      </c>
      <c r="P4121" s="236" t="str">
        <f t="shared" si="973"/>
        <v>CLAY</v>
      </c>
      <c r="Q4121" s="236">
        <f t="shared" si="969"/>
        <v>357.04260417209144</v>
      </c>
      <c r="R4121" s="238">
        <v>35</v>
      </c>
      <c r="S4121" s="236">
        <f t="shared" si="974"/>
        <v>4.8562972466401328</v>
      </c>
      <c r="T4121" s="236" t="e">
        <f t="shared" si="960"/>
        <v>#N/A</v>
      </c>
    </row>
    <row r="4122" spans="1:20" x14ac:dyDescent="0.2">
      <c r="A4122" s="53">
        <f t="shared" si="961"/>
        <v>4110</v>
      </c>
      <c r="B4122" s="239">
        <v>40.923000000000002</v>
      </c>
      <c r="C4122" s="3">
        <f t="shared" si="962"/>
        <v>40.916000000000004</v>
      </c>
      <c r="D4122" s="239">
        <v>4.7375999999999996</v>
      </c>
      <c r="E4122" s="239">
        <v>0.15290000000000001</v>
      </c>
      <c r="F4122" s="239">
        <v>0.69540000000000002</v>
      </c>
      <c r="G4122">
        <f t="shared" si="963"/>
        <v>4.8766799999999995</v>
      </c>
      <c r="H4122" s="235">
        <f t="shared" si="964"/>
        <v>3.1353297735344543</v>
      </c>
      <c r="I4122" s="236">
        <f t="shared" si="965"/>
        <v>19.761655097926585</v>
      </c>
      <c r="J4122" s="237">
        <f t="shared" si="970"/>
        <v>9.7616550979265853</v>
      </c>
      <c r="K4122" s="237">
        <f t="shared" si="966"/>
        <v>808.5678799867643</v>
      </c>
      <c r="L4122" s="237">
        <f t="shared" si="971"/>
        <v>399.47621157244964</v>
      </c>
      <c r="M4122" s="236">
        <f t="shared" si="967"/>
        <v>10.183615449841213</v>
      </c>
      <c r="N4122" s="236">
        <f t="shared" si="968"/>
        <v>3.7585001467339736</v>
      </c>
      <c r="O4122" s="236">
        <f t="shared" si="972"/>
        <v>3.0469663464807852</v>
      </c>
      <c r="P4122" s="236" t="str">
        <f t="shared" si="973"/>
        <v>CLAY</v>
      </c>
      <c r="Q4122" s="236">
        <f t="shared" si="969"/>
        <v>339.00934333443627</v>
      </c>
      <c r="R4122" s="238">
        <v>35</v>
      </c>
      <c r="S4122" s="236">
        <f t="shared" si="974"/>
        <v>4.5479690208801289</v>
      </c>
      <c r="T4122" s="236" t="e">
        <f t="shared" si="960"/>
        <v>#N/A</v>
      </c>
    </row>
    <row r="4123" spans="1:20" x14ac:dyDescent="0.2">
      <c r="A4123" s="53">
        <f t="shared" si="961"/>
        <v>4111</v>
      </c>
      <c r="B4123" s="239">
        <v>40.933</v>
      </c>
      <c r="C4123" s="3">
        <f t="shared" si="962"/>
        <v>40.926000000000002</v>
      </c>
      <c r="D4123" s="239">
        <v>4.8250000000000002</v>
      </c>
      <c r="E4123" s="239">
        <v>0.1555</v>
      </c>
      <c r="F4123" s="239">
        <v>0.78069999999999995</v>
      </c>
      <c r="G4123">
        <f t="shared" si="963"/>
        <v>4.9811399999999999</v>
      </c>
      <c r="H4123" s="235">
        <f t="shared" si="964"/>
        <v>3.1217753365695402</v>
      </c>
      <c r="I4123" s="236">
        <f t="shared" si="965"/>
        <v>19.789710989834578</v>
      </c>
      <c r="J4123" s="237">
        <f t="shared" si="970"/>
        <v>9.7897109898345782</v>
      </c>
      <c r="K4123" s="237">
        <f t="shared" si="966"/>
        <v>809.91371196997</v>
      </c>
      <c r="L4123" s="237">
        <f t="shared" si="971"/>
        <v>400.72223994689881</v>
      </c>
      <c r="M4123" s="236">
        <f t="shared" si="967"/>
        <v>10.409270742204813</v>
      </c>
      <c r="N4123" s="236">
        <f t="shared" si="968"/>
        <v>3.7279205025685358</v>
      </c>
      <c r="O4123" s="236">
        <f t="shared" si="972"/>
        <v>3.0371861802816777</v>
      </c>
      <c r="P4123" s="236" t="str">
        <f t="shared" si="973"/>
        <v>CLAY</v>
      </c>
      <c r="Q4123" s="236">
        <f t="shared" si="969"/>
        <v>347.6021906691692</v>
      </c>
      <c r="R4123" s="238">
        <v>35</v>
      </c>
      <c r="S4123" s="236">
        <f t="shared" si="974"/>
        <v>4.6742871606915397</v>
      </c>
      <c r="T4123" s="236" t="e">
        <f t="shared" si="960"/>
        <v>#N/A</v>
      </c>
    </row>
    <row r="4124" spans="1:20" x14ac:dyDescent="0.2">
      <c r="A4124" s="53">
        <f t="shared" si="961"/>
        <v>4112</v>
      </c>
      <c r="B4124" s="239">
        <v>40.942999999999998</v>
      </c>
      <c r="C4124" s="3">
        <f t="shared" si="962"/>
        <v>40.936</v>
      </c>
      <c r="D4124" s="239">
        <v>4.6779000000000002</v>
      </c>
      <c r="E4124" s="239">
        <v>0.1535</v>
      </c>
      <c r="F4124" s="239">
        <v>0.84189999999999998</v>
      </c>
      <c r="G4124">
        <f t="shared" si="963"/>
        <v>4.8462800000000001</v>
      </c>
      <c r="H4124" s="235">
        <f t="shared" si="964"/>
        <v>3.1673778650841471</v>
      </c>
      <c r="I4124" s="236">
        <f t="shared" si="965"/>
        <v>19.763803332077067</v>
      </c>
      <c r="J4124" s="237">
        <f t="shared" si="970"/>
        <v>9.7638033320770674</v>
      </c>
      <c r="K4124" s="237">
        <f t="shared" si="966"/>
        <v>809.05105320190683</v>
      </c>
      <c r="L4124" s="237">
        <f t="shared" si="971"/>
        <v>399.75939982523136</v>
      </c>
      <c r="M4124" s="236">
        <f t="shared" si="967"/>
        <v>10.099147008333279</v>
      </c>
      <c r="N4124" s="236">
        <f t="shared" si="968"/>
        <v>3.8021128358781868</v>
      </c>
      <c r="O4124" s="236">
        <f t="shared" si="972"/>
        <v>3.0528416230487272</v>
      </c>
      <c r="P4124" s="236" t="str">
        <f t="shared" si="973"/>
        <v>CLAY</v>
      </c>
      <c r="Q4124" s="236">
        <f t="shared" si="969"/>
        <v>336.43574556650771</v>
      </c>
      <c r="R4124" s="238">
        <v>35</v>
      </c>
      <c r="S4124" s="236">
        <f t="shared" si="974"/>
        <v>4.5008638542115893</v>
      </c>
      <c r="T4124" s="236" t="e">
        <f t="shared" si="960"/>
        <v>#N/A</v>
      </c>
    </row>
    <row r="4125" spans="1:20" x14ac:dyDescent="0.2">
      <c r="A4125" s="53">
        <f t="shared" si="961"/>
        <v>4113</v>
      </c>
      <c r="B4125" s="239">
        <v>40.953000000000003</v>
      </c>
      <c r="C4125" s="3">
        <f t="shared" si="962"/>
        <v>40.946000000000005</v>
      </c>
      <c r="D4125" s="239">
        <v>4.5888</v>
      </c>
      <c r="E4125" s="239">
        <v>0.15179999999999999</v>
      </c>
      <c r="F4125" s="239">
        <v>0.9365</v>
      </c>
      <c r="G4125">
        <f t="shared" si="963"/>
        <v>4.7760999999999996</v>
      </c>
      <c r="H4125" s="235">
        <f t="shared" si="964"/>
        <v>3.1783254119469859</v>
      </c>
      <c r="I4125" s="236">
        <f t="shared" si="965"/>
        <v>19.745042907757778</v>
      </c>
      <c r="J4125" s="237">
        <f t="shared" si="970"/>
        <v>9.745042907757778</v>
      </c>
      <c r="K4125" s="237">
        <f t="shared" si="966"/>
        <v>808.4805269010501</v>
      </c>
      <c r="L4125" s="237">
        <f t="shared" si="971"/>
        <v>399.08874220140433</v>
      </c>
      <c r="M4125" s="236">
        <f t="shared" si="967"/>
        <v>9.9416973057502283</v>
      </c>
      <c r="N4125" s="236">
        <f t="shared" si="968"/>
        <v>3.825971745254972</v>
      </c>
      <c r="O4125" s="236">
        <f t="shared" si="972"/>
        <v>3.0599557592141498</v>
      </c>
      <c r="P4125" s="236" t="str">
        <f t="shared" si="973"/>
        <v>CLAY</v>
      </c>
      <c r="Q4125" s="236">
        <f t="shared" si="969"/>
        <v>330.63495609157911</v>
      </c>
      <c r="R4125" s="238">
        <v>35</v>
      </c>
      <c r="S4125" s="236">
        <f t="shared" si="974"/>
        <v>4.413322646617555</v>
      </c>
      <c r="T4125" s="236" t="e">
        <f t="shared" si="960"/>
        <v>#N/A</v>
      </c>
    </row>
    <row r="4126" spans="1:20" x14ac:dyDescent="0.2">
      <c r="A4126" s="53">
        <f t="shared" si="961"/>
        <v>4114</v>
      </c>
      <c r="B4126" s="239">
        <v>40.962000000000003</v>
      </c>
      <c r="C4126" s="3">
        <f t="shared" si="962"/>
        <v>40.955000000000005</v>
      </c>
      <c r="D4126" s="239">
        <v>5.0446</v>
      </c>
      <c r="E4126" s="239">
        <v>0.15110000000000001</v>
      </c>
      <c r="F4126" s="239">
        <v>1.0581</v>
      </c>
      <c r="G4126">
        <f t="shared" si="963"/>
        <v>5.2562199999999999</v>
      </c>
      <c r="H4126" s="235">
        <f t="shared" si="964"/>
        <v>2.8746894155876279</v>
      </c>
      <c r="I4126" s="236">
        <f t="shared" si="965"/>
        <v>19.777063289060585</v>
      </c>
      <c r="J4126" s="237">
        <f t="shared" si="970"/>
        <v>9.7770632890605853</v>
      </c>
      <c r="K4126" s="237">
        <f t="shared" si="966"/>
        <v>809.96962700347638</v>
      </c>
      <c r="L4126" s="237">
        <f t="shared" si="971"/>
        <v>400.48806644649972</v>
      </c>
      <c r="M4126" s="236">
        <f t="shared" si="967"/>
        <v>11.102079551203028</v>
      </c>
      <c r="N4126" s="236">
        <f t="shared" si="968"/>
        <v>3.3983691273365495</v>
      </c>
      <c r="O4126" s="236">
        <f t="shared" si="972"/>
        <v>2.99092171034932</v>
      </c>
      <c r="P4126" s="236" t="str">
        <f t="shared" si="973"/>
        <v>CLAY</v>
      </c>
      <c r="Q4126" s="236">
        <f t="shared" si="969"/>
        <v>370.52086441637698</v>
      </c>
      <c r="R4126" s="238">
        <v>35</v>
      </c>
      <c r="S4126" s="236">
        <f t="shared" si="974"/>
        <v>5.0663527804492521</v>
      </c>
      <c r="T4126" s="236" t="e">
        <f t="shared" si="960"/>
        <v>#N/A</v>
      </c>
    </row>
    <row r="4127" spans="1:20" x14ac:dyDescent="0.2">
      <c r="A4127" s="53">
        <f t="shared" si="961"/>
        <v>4115</v>
      </c>
      <c r="B4127" s="239">
        <v>40.972999999999999</v>
      </c>
      <c r="C4127" s="3">
        <f t="shared" si="962"/>
        <v>40.966000000000001</v>
      </c>
      <c r="D4127" s="239">
        <v>5.7241999999999997</v>
      </c>
      <c r="E4127" s="239">
        <v>0.157</v>
      </c>
      <c r="F4127" s="239">
        <v>1.0730999999999999</v>
      </c>
      <c r="G4127">
        <f t="shared" si="963"/>
        <v>5.9388199999999998</v>
      </c>
      <c r="H4127" s="235">
        <f t="shared" si="964"/>
        <v>2.6436228072243306</v>
      </c>
      <c r="I4127" s="236">
        <f t="shared" si="965"/>
        <v>19.869702262067911</v>
      </c>
      <c r="J4127" s="237">
        <f t="shared" si="970"/>
        <v>9.8697022620679107</v>
      </c>
      <c r="K4127" s="237">
        <f t="shared" si="966"/>
        <v>813.98222286787404</v>
      </c>
      <c r="L4127" s="237">
        <f t="shared" si="971"/>
        <v>404.39131078370849</v>
      </c>
      <c r="M4127" s="236">
        <f t="shared" si="967"/>
        <v>12.672967100109579</v>
      </c>
      <c r="N4127" s="236">
        <f t="shared" si="968"/>
        <v>3.0635116042220885</v>
      </c>
      <c r="O4127" s="236">
        <f t="shared" si="972"/>
        <v>2.9179530824092224</v>
      </c>
      <c r="P4127" s="236" t="str">
        <f t="shared" si="973"/>
        <v>CLAY</v>
      </c>
      <c r="Q4127" s="236">
        <f t="shared" si="969"/>
        <v>427.06981476101049</v>
      </c>
      <c r="R4127" s="238">
        <v>35</v>
      </c>
      <c r="S4127" s="236">
        <f t="shared" si="974"/>
        <v>5.9777519932395711</v>
      </c>
      <c r="T4127" s="236" t="e">
        <f t="shared" si="960"/>
        <v>#N/A</v>
      </c>
    </row>
    <row r="4128" spans="1:20" x14ac:dyDescent="0.2">
      <c r="A4128" s="53">
        <f t="shared" si="961"/>
        <v>4116</v>
      </c>
      <c r="B4128" s="239">
        <v>40.982999999999997</v>
      </c>
      <c r="C4128" s="3">
        <f t="shared" si="962"/>
        <v>40.975999999999999</v>
      </c>
      <c r="D4128" s="239">
        <v>6.3510999999999997</v>
      </c>
      <c r="E4128" s="239">
        <v>0.1532</v>
      </c>
      <c r="F4128" s="239">
        <v>1.0166999999999999</v>
      </c>
      <c r="G4128">
        <f t="shared" si="963"/>
        <v>6.5544399999999996</v>
      </c>
      <c r="H4128" s="235">
        <f t="shared" si="964"/>
        <v>2.3373468976754688</v>
      </c>
      <c r="I4128" s="236">
        <f t="shared" si="965"/>
        <v>19.87952375370185</v>
      </c>
      <c r="J4128" s="237">
        <f t="shared" si="970"/>
        <v>9.8795237537018501</v>
      </c>
      <c r="K4128" s="237">
        <f t="shared" si="966"/>
        <v>814.58336533168699</v>
      </c>
      <c r="L4128" s="237">
        <f t="shared" si="971"/>
        <v>404.89252199796289</v>
      </c>
      <c r="M4128" s="236">
        <f t="shared" si="967"/>
        <v>14.176247578850546</v>
      </c>
      <c r="N4128" s="236">
        <f t="shared" si="968"/>
        <v>2.66905621082386</v>
      </c>
      <c r="O4128" s="236">
        <f t="shared" si="972"/>
        <v>2.8435280547699855</v>
      </c>
      <c r="P4128" s="236" t="str">
        <f t="shared" si="973"/>
        <v>CLAY</v>
      </c>
      <c r="Q4128" s="236">
        <f t="shared" si="969"/>
        <v>478.32138622235942</v>
      </c>
      <c r="R4128" s="238">
        <v>35</v>
      </c>
      <c r="S4128" s="236">
        <f t="shared" si="974"/>
        <v>6.8768827583977075</v>
      </c>
      <c r="T4128" s="236" t="e">
        <f t="shared" si="960"/>
        <v>#N/A</v>
      </c>
    </row>
    <row r="4129" spans="1:20" x14ac:dyDescent="0.2">
      <c r="A4129" s="53">
        <f t="shared" si="961"/>
        <v>4117</v>
      </c>
      <c r="B4129" s="239">
        <v>40.991999999999997</v>
      </c>
      <c r="C4129" s="3">
        <f t="shared" si="962"/>
        <v>40.984999999999999</v>
      </c>
      <c r="D4129" s="239">
        <v>6.8295000000000003</v>
      </c>
      <c r="E4129" s="239">
        <v>0.14829999999999999</v>
      </c>
      <c r="F4129" s="239">
        <v>0.86180000000000001</v>
      </c>
      <c r="G4129">
        <f t="shared" si="963"/>
        <v>7.0018600000000006</v>
      </c>
      <c r="H4129" s="235">
        <f t="shared" si="964"/>
        <v>2.1180086434176055</v>
      </c>
      <c r="I4129" s="236">
        <f t="shared" si="965"/>
        <v>19.867216242799302</v>
      </c>
      <c r="J4129" s="237">
        <f t="shared" si="970"/>
        <v>9.8672162427993015</v>
      </c>
      <c r="K4129" s="237">
        <f t="shared" si="966"/>
        <v>814.25785771112942</v>
      </c>
      <c r="L4129" s="237">
        <f t="shared" si="971"/>
        <v>404.47692822482895</v>
      </c>
      <c r="M4129" s="236">
        <f t="shared" si="967"/>
        <v>15.297787612868456</v>
      </c>
      <c r="N4129" s="236">
        <f t="shared" si="968"/>
        <v>2.3967281119522976</v>
      </c>
      <c r="O4129" s="236">
        <f t="shared" si="972"/>
        <v>2.7895703111875352</v>
      </c>
      <c r="P4129" s="236" t="str">
        <f t="shared" si="973"/>
        <v>CLAY</v>
      </c>
      <c r="Q4129" s="236">
        <f t="shared" si="969"/>
        <v>515.63351185740601</v>
      </c>
      <c r="R4129" s="238">
        <v>35</v>
      </c>
      <c r="S4129" s="236">
        <f t="shared" si="974"/>
        <v>7.5635519213802906</v>
      </c>
      <c r="T4129" s="236" t="e">
        <f t="shared" si="960"/>
        <v>#N/A</v>
      </c>
    </row>
    <row r="4130" spans="1:20" x14ac:dyDescent="0.2">
      <c r="A4130" s="53">
        <f t="shared" si="961"/>
        <v>4118</v>
      </c>
      <c r="B4130" s="239">
        <v>41.002000000000002</v>
      </c>
      <c r="C4130" s="3">
        <f t="shared" si="962"/>
        <v>40.995000000000005</v>
      </c>
      <c r="D4130" s="239">
        <v>7.2281000000000004</v>
      </c>
      <c r="E4130" s="239">
        <v>0.1376</v>
      </c>
      <c r="F4130" s="239">
        <v>0.76539999999999997</v>
      </c>
      <c r="G4130">
        <f t="shared" si="963"/>
        <v>7.3811800000000005</v>
      </c>
      <c r="H4130" s="235">
        <f t="shared" si="964"/>
        <v>1.8642005749758168</v>
      </c>
      <c r="I4130" s="236">
        <f t="shared" si="965"/>
        <v>19.800026042591291</v>
      </c>
      <c r="J4130" s="237">
        <f t="shared" si="970"/>
        <v>9.8000260425912913</v>
      </c>
      <c r="K4130" s="237">
        <f t="shared" si="966"/>
        <v>811.70206761603004</v>
      </c>
      <c r="L4130" s="237">
        <f t="shared" si="971"/>
        <v>401.82066779832815</v>
      </c>
      <c r="M4130" s="236">
        <f t="shared" si="967"/>
        <v>16.349278319554134</v>
      </c>
      <c r="N4130" s="236">
        <f t="shared" si="968"/>
        <v>2.0945347775917851</v>
      </c>
      <c r="O4130" s="236">
        <f t="shared" si="972"/>
        <v>2.7325353690066767</v>
      </c>
      <c r="P4130" s="236" t="str">
        <f t="shared" si="973"/>
        <v>CLAY</v>
      </c>
      <c r="Q4130" s="236">
        <f t="shared" si="969"/>
        <v>547.45649436533085</v>
      </c>
      <c r="R4130" s="238">
        <v>35</v>
      </c>
      <c r="S4130" s="236">
        <f t="shared" si="974"/>
        <v>8.2188914098846571</v>
      </c>
      <c r="T4130" s="236" t="e">
        <f t="shared" si="960"/>
        <v>#N/A</v>
      </c>
    </row>
    <row r="4131" spans="1:20" x14ac:dyDescent="0.2">
      <c r="A4131" s="53">
        <f t="shared" si="961"/>
        <v>4119</v>
      </c>
      <c r="B4131" s="239">
        <v>41.012</v>
      </c>
      <c r="C4131" s="3">
        <f t="shared" si="962"/>
        <v>41.005000000000003</v>
      </c>
      <c r="D4131" s="239">
        <v>7.4680999999999997</v>
      </c>
      <c r="E4131" s="239">
        <v>0.13020000000000001</v>
      </c>
      <c r="F4131" s="239">
        <v>0.62580000000000002</v>
      </c>
      <c r="G4131">
        <f t="shared" si="963"/>
        <v>7.5932599999999999</v>
      </c>
      <c r="H4131" s="235">
        <f t="shared" si="964"/>
        <v>1.7146785438665344</v>
      </c>
      <c r="I4131" s="236">
        <f t="shared" si="965"/>
        <v>19.746278155496249</v>
      </c>
      <c r="J4131" s="237">
        <f t="shared" si="970"/>
        <v>9.746278155496249</v>
      </c>
      <c r="K4131" s="237">
        <f t="shared" si="966"/>
        <v>809.69613576612369</v>
      </c>
      <c r="L4131" s="237">
        <f t="shared" si="971"/>
        <v>399.71435971321216</v>
      </c>
      <c r="M4131" s="236">
        <f t="shared" si="967"/>
        <v>16.971028684335888</v>
      </c>
      <c r="N4131" s="236">
        <f t="shared" si="968"/>
        <v>1.9193450906606093</v>
      </c>
      <c r="O4131" s="236">
        <f t="shared" si="972"/>
        <v>2.6978466663510896</v>
      </c>
      <c r="P4131" s="236" t="str">
        <f t="shared" si="973"/>
        <v>CLAY</v>
      </c>
      <c r="Q4131" s="236">
        <f t="shared" si="969"/>
        <v>565.2969886861564</v>
      </c>
      <c r="R4131" s="238">
        <v>35</v>
      </c>
      <c r="S4131" s="236">
        <f t="shared" si="974"/>
        <v>8.61142885739857</v>
      </c>
      <c r="T4131" s="236" t="e">
        <f t="shared" si="960"/>
        <v>#N/A</v>
      </c>
    </row>
    <row r="4132" spans="1:20" x14ac:dyDescent="0.2">
      <c r="A4132" s="53">
        <f t="shared" si="961"/>
        <v>4120</v>
      </c>
      <c r="B4132" s="239">
        <v>41.021999999999998</v>
      </c>
      <c r="C4132" s="3">
        <f t="shared" si="962"/>
        <v>41.015000000000001</v>
      </c>
      <c r="D4132" s="239">
        <v>7.3357000000000001</v>
      </c>
      <c r="E4132" s="239">
        <v>0.1351</v>
      </c>
      <c r="F4132" s="239">
        <v>0.4839</v>
      </c>
      <c r="G4132">
        <f t="shared" si="963"/>
        <v>7.43248</v>
      </c>
      <c r="H4132" s="235">
        <f t="shared" si="964"/>
        <v>1.8176974576453619</v>
      </c>
      <c r="I4132" s="236">
        <f t="shared" si="965"/>
        <v>19.781232871057121</v>
      </c>
      <c r="J4132" s="237">
        <f t="shared" si="970"/>
        <v>9.7812328710571208</v>
      </c>
      <c r="K4132" s="237">
        <f t="shared" si="966"/>
        <v>811.32726620640778</v>
      </c>
      <c r="L4132" s="237">
        <f t="shared" si="971"/>
        <v>401.24573483650522</v>
      </c>
      <c r="M4132" s="236">
        <f t="shared" si="967"/>
        <v>16.501490630153363</v>
      </c>
      <c r="N4132" s="236">
        <f t="shared" si="968"/>
        <v>2.0404302004765023</v>
      </c>
      <c r="O4132" s="236">
        <f t="shared" si="972"/>
        <v>2.722811129748965</v>
      </c>
      <c r="P4132" s="236" t="str">
        <f t="shared" si="973"/>
        <v>CLAY</v>
      </c>
      <c r="Q4132" s="236">
        <f t="shared" si="969"/>
        <v>551.76272781613261</v>
      </c>
      <c r="R4132" s="238">
        <v>35</v>
      </c>
      <c r="S4132" s="236">
        <f t="shared" si="974"/>
        <v>8.3146501437116651</v>
      </c>
      <c r="T4132" s="236" t="e">
        <f t="shared" si="960"/>
        <v>#N/A</v>
      </c>
    </row>
    <row r="4133" spans="1:20" x14ac:dyDescent="0.2">
      <c r="A4133" s="53">
        <f t="shared" si="961"/>
        <v>4121</v>
      </c>
      <c r="B4133" s="239">
        <v>41.031999999999996</v>
      </c>
      <c r="C4133" s="3">
        <f t="shared" si="962"/>
        <v>41.024999999999999</v>
      </c>
      <c r="D4133" s="239">
        <v>7.06</v>
      </c>
      <c r="E4133" s="239">
        <v>0.1351</v>
      </c>
      <c r="F4133" s="239">
        <v>0.39229999999999998</v>
      </c>
      <c r="G4133">
        <f t="shared" si="963"/>
        <v>7.1384599999999994</v>
      </c>
      <c r="H4133" s="235">
        <f t="shared" si="964"/>
        <v>1.8925650630528157</v>
      </c>
      <c r="I4133" s="236">
        <f t="shared" si="965"/>
        <v>19.765456574024629</v>
      </c>
      <c r="J4133" s="237">
        <f t="shared" si="970"/>
        <v>9.7654565740246291</v>
      </c>
      <c r="K4133" s="237">
        <f t="shared" si="966"/>
        <v>810.87785594936042</v>
      </c>
      <c r="L4133" s="237">
        <f t="shared" si="971"/>
        <v>400.69621414537852</v>
      </c>
      <c r="M4133" s="236">
        <f t="shared" si="967"/>
        <v>15.791469748588387</v>
      </c>
      <c r="N4133" s="236">
        <f t="shared" si="968"/>
        <v>2.1350967387602329</v>
      </c>
      <c r="O4133" s="236">
        <f t="shared" si="972"/>
        <v>2.74968341190191</v>
      </c>
      <c r="P4133" s="236" t="str">
        <f t="shared" si="973"/>
        <v>CLAY</v>
      </c>
      <c r="Q4133" s="236">
        <f t="shared" si="969"/>
        <v>527.2985120042199</v>
      </c>
      <c r="R4133" s="238">
        <v>35</v>
      </c>
      <c r="S4133" s="236">
        <f t="shared" si="974"/>
        <v>7.8698816171137365</v>
      </c>
      <c r="T4133" s="236" t="e">
        <f t="shared" si="960"/>
        <v>#N/A</v>
      </c>
    </row>
    <row r="4134" spans="1:20" x14ac:dyDescent="0.2">
      <c r="A4134" s="53">
        <f t="shared" si="961"/>
        <v>4122</v>
      </c>
      <c r="B4134" s="239">
        <v>41.040999999999997</v>
      </c>
      <c r="C4134" s="3">
        <f t="shared" si="962"/>
        <v>41.033999999999999</v>
      </c>
      <c r="D4134" s="239">
        <v>6.8276000000000003</v>
      </c>
      <c r="E4134" s="239">
        <v>0.13550000000000001</v>
      </c>
      <c r="F4134" s="239">
        <v>0.42830000000000001</v>
      </c>
      <c r="G4134">
        <f t="shared" si="963"/>
        <v>6.9132600000000002</v>
      </c>
      <c r="H4134" s="235">
        <f t="shared" si="964"/>
        <v>1.9600015043553982</v>
      </c>
      <c r="I4134" s="236">
        <f t="shared" si="965"/>
        <v>19.75639375291934</v>
      </c>
      <c r="J4134" s="237">
        <f t="shared" si="970"/>
        <v>9.7563937529193403</v>
      </c>
      <c r="K4134" s="237">
        <f t="shared" si="966"/>
        <v>810.68386125729216</v>
      </c>
      <c r="L4134" s="237">
        <f t="shared" si="971"/>
        <v>400.41215601356259</v>
      </c>
      <c r="M4134" s="236">
        <f t="shared" si="967"/>
        <v>15.240736443915564</v>
      </c>
      <c r="N4134" s="236">
        <f t="shared" si="968"/>
        <v>2.2203737719840491</v>
      </c>
      <c r="O4134" s="236">
        <f t="shared" si="972"/>
        <v>2.7720087413903989</v>
      </c>
      <c r="P4134" s="236" t="str">
        <f t="shared" si="973"/>
        <v>CLAY</v>
      </c>
      <c r="Q4134" s="236">
        <f t="shared" si="969"/>
        <v>508.54801156189234</v>
      </c>
      <c r="R4134" s="238">
        <v>35</v>
      </c>
      <c r="S4134" s="236">
        <f t="shared" si="974"/>
        <v>7.5283092326913463</v>
      </c>
      <c r="T4134" s="236" t="e">
        <f t="shared" si="960"/>
        <v>#N/A</v>
      </c>
    </row>
    <row r="4135" spans="1:20" x14ac:dyDescent="0.2">
      <c r="A4135" s="53">
        <f t="shared" si="961"/>
        <v>4123</v>
      </c>
      <c r="B4135" s="239">
        <v>41.051000000000002</v>
      </c>
      <c r="C4135" s="3">
        <f t="shared" si="962"/>
        <v>41.044000000000004</v>
      </c>
      <c r="D4135" s="239">
        <v>6.5768000000000004</v>
      </c>
      <c r="E4135" s="239">
        <v>0.13730000000000001</v>
      </c>
      <c r="F4135" s="239">
        <v>0.45960000000000001</v>
      </c>
      <c r="G4135">
        <f t="shared" si="963"/>
        <v>6.6687200000000004</v>
      </c>
      <c r="H4135" s="235">
        <f t="shared" si="964"/>
        <v>2.0588658693122519</v>
      </c>
      <c r="I4135" s="236">
        <f t="shared" si="965"/>
        <v>19.757791739666292</v>
      </c>
      <c r="J4135" s="237">
        <f t="shared" si="970"/>
        <v>9.7577917396662919</v>
      </c>
      <c r="K4135" s="237">
        <f t="shared" si="966"/>
        <v>810.93880416286333</v>
      </c>
      <c r="L4135" s="237">
        <f t="shared" si="971"/>
        <v>400.56710870504099</v>
      </c>
      <c r="M4135" s="236">
        <f t="shared" si="967"/>
        <v>14.623719892465097</v>
      </c>
      <c r="N4135" s="236">
        <f t="shared" si="968"/>
        <v>2.3438908933227651</v>
      </c>
      <c r="O4135" s="236">
        <f t="shared" si="972"/>
        <v>2.8001177080414812</v>
      </c>
      <c r="P4135" s="236" t="str">
        <f t="shared" si="973"/>
        <v>CLAY</v>
      </c>
      <c r="Q4135" s="236">
        <f t="shared" si="969"/>
        <v>488.14843298642808</v>
      </c>
      <c r="R4135" s="238">
        <v>35</v>
      </c>
      <c r="S4135" s="236">
        <f t="shared" si="974"/>
        <v>7.1492804450699419</v>
      </c>
      <c r="T4135" s="236" t="e">
        <f t="shared" si="960"/>
        <v>#N/A</v>
      </c>
    </row>
    <row r="4136" spans="1:20" x14ac:dyDescent="0.2">
      <c r="A4136" s="53">
        <f t="shared" si="961"/>
        <v>4124</v>
      </c>
      <c r="B4136" s="239">
        <v>41.06</v>
      </c>
      <c r="C4136" s="3">
        <f t="shared" si="962"/>
        <v>41.053000000000004</v>
      </c>
      <c r="D4136" s="239">
        <v>6.3917999999999999</v>
      </c>
      <c r="E4136" s="239">
        <v>0.1389</v>
      </c>
      <c r="F4136" s="239">
        <v>0.50760000000000005</v>
      </c>
      <c r="G4136">
        <f t="shared" si="963"/>
        <v>6.4933199999999998</v>
      </c>
      <c r="H4136" s="235">
        <f t="shared" si="964"/>
        <v>2.1391214355676298</v>
      </c>
      <c r="I4136" s="236">
        <f t="shared" si="965"/>
        <v>19.760959243316261</v>
      </c>
      <c r="J4136" s="237">
        <f t="shared" si="970"/>
        <v>9.7609592433162611</v>
      </c>
      <c r="K4136" s="237">
        <f t="shared" si="966"/>
        <v>811.24665981586259</v>
      </c>
      <c r="L4136" s="237">
        <f t="shared" si="971"/>
        <v>400.78498653056567</v>
      </c>
      <c r="M4136" s="236">
        <f t="shared" si="967"/>
        <v>14.177360757376565</v>
      </c>
      <c r="N4136" s="236">
        <f t="shared" si="968"/>
        <v>2.4445302213487219</v>
      </c>
      <c r="O4136" s="236">
        <f t="shared" si="972"/>
        <v>2.8215762283161467</v>
      </c>
      <c r="P4136" s="236" t="str">
        <f t="shared" si="973"/>
        <v>CLAY</v>
      </c>
      <c r="Q4136" s="236">
        <f t="shared" si="969"/>
        <v>473.50611168201141</v>
      </c>
      <c r="R4136" s="238">
        <v>35</v>
      </c>
      <c r="S4136" s="236">
        <f t="shared" si="974"/>
        <v>6.877557767185146</v>
      </c>
      <c r="T4136" s="236" t="e">
        <f t="shared" si="960"/>
        <v>#N/A</v>
      </c>
    </row>
    <row r="4137" spans="1:20" x14ac:dyDescent="0.2">
      <c r="A4137" s="53">
        <f t="shared" si="961"/>
        <v>4125</v>
      </c>
      <c r="B4137" s="239">
        <v>41.070999999999998</v>
      </c>
      <c r="C4137" s="3">
        <f t="shared" si="962"/>
        <v>41.064</v>
      </c>
      <c r="D4137" s="239">
        <v>6.4889999999999999</v>
      </c>
      <c r="E4137" s="239">
        <v>0.1439</v>
      </c>
      <c r="F4137" s="239">
        <v>0.45679999999999998</v>
      </c>
      <c r="G4137">
        <f t="shared" si="963"/>
        <v>6.5803599999999998</v>
      </c>
      <c r="H4137" s="235">
        <f t="shared" si="964"/>
        <v>2.1868104480605925</v>
      </c>
      <c r="I4137" s="236">
        <f t="shared" si="965"/>
        <v>19.807631886391999</v>
      </c>
      <c r="J4137" s="237">
        <f t="shared" si="970"/>
        <v>9.8076318863919987</v>
      </c>
      <c r="K4137" s="237">
        <f t="shared" si="966"/>
        <v>813.38059578280104</v>
      </c>
      <c r="L4137" s="237">
        <f t="shared" si="971"/>
        <v>402.80924920600575</v>
      </c>
      <c r="M4137" s="236">
        <f t="shared" si="967"/>
        <v>14.31689916650309</v>
      </c>
      <c r="N4137" s="236">
        <f t="shared" si="968"/>
        <v>2.4952404008027282</v>
      </c>
      <c r="O4137" s="236">
        <f t="shared" si="972"/>
        <v>2.8231803874945922</v>
      </c>
      <c r="P4137" s="236" t="str">
        <f t="shared" si="973"/>
        <v>CLAY</v>
      </c>
      <c r="Q4137" s="236">
        <f t="shared" si="969"/>
        <v>480.58161701809991</v>
      </c>
      <c r="R4137" s="238">
        <v>35</v>
      </c>
      <c r="S4137" s="236">
        <f t="shared" si="974"/>
        <v>6.9622756921760995</v>
      </c>
      <c r="T4137" s="236" t="e">
        <f t="shared" si="960"/>
        <v>#N/A</v>
      </c>
    </row>
    <row r="4138" spans="1:20" x14ac:dyDescent="0.2">
      <c r="A4138" s="53">
        <f t="shared" si="961"/>
        <v>4126</v>
      </c>
      <c r="B4138" s="239">
        <v>41.08</v>
      </c>
      <c r="C4138" s="3">
        <f t="shared" si="962"/>
        <v>41.073</v>
      </c>
      <c r="D4138" s="239">
        <v>6.6772</v>
      </c>
      <c r="E4138" s="239">
        <v>0.16250000000000001</v>
      </c>
      <c r="F4138" s="239">
        <v>0.46970000000000001</v>
      </c>
      <c r="G4138">
        <f t="shared" si="963"/>
        <v>6.7711399999999999</v>
      </c>
      <c r="H4138" s="235">
        <f t="shared" si="964"/>
        <v>2.3998913033846594</v>
      </c>
      <c r="I4138" s="236">
        <f t="shared" si="965"/>
        <v>19.961342754754135</v>
      </c>
      <c r="J4138" s="237">
        <f t="shared" si="970"/>
        <v>9.9613427547541349</v>
      </c>
      <c r="K4138" s="237">
        <f t="shared" si="966"/>
        <v>819.87223096601656</v>
      </c>
      <c r="L4138" s="237">
        <f t="shared" si="971"/>
        <v>409.21196036529983</v>
      </c>
      <c r="M4138" s="236">
        <f t="shared" si="967"/>
        <v>14.543240045382205</v>
      </c>
      <c r="N4138" s="236">
        <f t="shared" si="968"/>
        <v>2.730510645908597</v>
      </c>
      <c r="O4138" s="236">
        <f t="shared" si="972"/>
        <v>2.8402387638305626</v>
      </c>
      <c r="P4138" s="236" t="str">
        <f t="shared" si="973"/>
        <v>CLAY</v>
      </c>
      <c r="Q4138" s="236">
        <f t="shared" si="969"/>
        <v>495.93898075283204</v>
      </c>
      <c r="R4138" s="238">
        <v>35</v>
      </c>
      <c r="S4138" s="236">
        <f t="shared" si="974"/>
        <v>7.1001328407430266</v>
      </c>
      <c r="T4138" s="236" t="e">
        <f t="shared" si="960"/>
        <v>#N/A</v>
      </c>
    </row>
    <row r="4139" spans="1:20" x14ac:dyDescent="0.2">
      <c r="A4139" s="53">
        <f t="shared" si="961"/>
        <v>4127</v>
      </c>
      <c r="B4139" s="239">
        <v>41.09</v>
      </c>
      <c r="C4139" s="3">
        <f t="shared" si="962"/>
        <v>41.083000000000006</v>
      </c>
      <c r="D4139" s="239">
        <v>7.3186999999999998</v>
      </c>
      <c r="E4139" s="239">
        <v>0.1676</v>
      </c>
      <c r="F4139" s="239">
        <v>0.59889999999999999</v>
      </c>
      <c r="G4139">
        <f t="shared" si="963"/>
        <v>7.4384799999999993</v>
      </c>
      <c r="H4139" s="235">
        <f t="shared" si="964"/>
        <v>2.2531484927028105</v>
      </c>
      <c r="I4139" s="236">
        <f t="shared" si="965"/>
        <v>20.034318672663343</v>
      </c>
      <c r="J4139" s="237">
        <f t="shared" si="970"/>
        <v>10.034318672663343</v>
      </c>
      <c r="K4139" s="237">
        <f t="shared" si="966"/>
        <v>823.06991402902827</v>
      </c>
      <c r="L4139" s="237">
        <f t="shared" si="971"/>
        <v>412.31015425973681</v>
      </c>
      <c r="M4139" s="236">
        <f t="shared" si="967"/>
        <v>16.04474208947947</v>
      </c>
      <c r="N4139" s="236">
        <f t="shared" si="968"/>
        <v>2.5334786176811992</v>
      </c>
      <c r="O4139" s="236">
        <f t="shared" si="972"/>
        <v>2.7866064455737951</v>
      </c>
      <c r="P4139" s="236" t="str">
        <f t="shared" si="973"/>
        <v>CLAY</v>
      </c>
      <c r="Q4139" s="236">
        <f t="shared" si="969"/>
        <v>551.28417383091426</v>
      </c>
      <c r="R4139" s="238">
        <v>35</v>
      </c>
      <c r="S4139" s="236">
        <f t="shared" si="974"/>
        <v>8.027973573780109</v>
      </c>
      <c r="T4139" s="236" t="e">
        <f t="shared" si="960"/>
        <v>#N/A</v>
      </c>
    </row>
    <row r="4140" spans="1:20" x14ac:dyDescent="0.2">
      <c r="A4140" s="53">
        <f t="shared" si="961"/>
        <v>4128</v>
      </c>
      <c r="B4140" s="239">
        <v>41.098999999999997</v>
      </c>
      <c r="C4140" s="3">
        <f t="shared" si="962"/>
        <v>41.091999999999999</v>
      </c>
      <c r="D4140" s="239">
        <v>8.3516999999999992</v>
      </c>
      <c r="E4140" s="239">
        <v>0.1605</v>
      </c>
      <c r="F4140" s="239">
        <v>0.58799999999999997</v>
      </c>
      <c r="G4140">
        <f t="shared" si="963"/>
        <v>8.4692999999999987</v>
      </c>
      <c r="H4140" s="235">
        <f t="shared" si="964"/>
        <v>1.8950798767312531</v>
      </c>
      <c r="I4140" s="236">
        <f t="shared" si="965"/>
        <v>20.034288418650274</v>
      </c>
      <c r="J4140" s="237">
        <f t="shared" si="970"/>
        <v>10.034288418650274</v>
      </c>
      <c r="K4140" s="237">
        <f t="shared" si="966"/>
        <v>823.24897969917697</v>
      </c>
      <c r="L4140" s="237">
        <f t="shared" si="971"/>
        <v>412.39921971810759</v>
      </c>
      <c r="M4140" s="236">
        <f t="shared" si="967"/>
        <v>18.54041097732247</v>
      </c>
      <c r="N4140" s="236">
        <f t="shared" si="968"/>
        <v>2.0991227965110459</v>
      </c>
      <c r="O4140" s="236">
        <f t="shared" si="972"/>
        <v>2.6881516108506096</v>
      </c>
      <c r="P4140" s="236" t="str">
        <f t="shared" si="973"/>
        <v>CLAY</v>
      </c>
      <c r="Q4140" s="236">
        <f t="shared" si="969"/>
        <v>637.17091835840188</v>
      </c>
      <c r="R4140" s="238">
        <v>35</v>
      </c>
      <c r="S4140" s="236">
        <f t="shared" si="974"/>
        <v>9.6180981494659665</v>
      </c>
      <c r="T4140" s="236" t="e">
        <f t="shared" si="960"/>
        <v>#N/A</v>
      </c>
    </row>
    <row r="4141" spans="1:20" x14ac:dyDescent="0.2">
      <c r="A4141" s="53">
        <f t="shared" si="961"/>
        <v>4129</v>
      </c>
      <c r="B4141" s="239">
        <v>41.109000000000002</v>
      </c>
      <c r="C4141" s="3">
        <f t="shared" si="962"/>
        <v>41.102000000000004</v>
      </c>
      <c r="D4141" s="239">
        <v>9.4994999999999994</v>
      </c>
      <c r="E4141" s="239">
        <v>0.16</v>
      </c>
      <c r="F4141" s="239">
        <v>0.45250000000000001</v>
      </c>
      <c r="G4141">
        <f t="shared" si="963"/>
        <v>9.59</v>
      </c>
      <c r="H4141" s="235">
        <f t="shared" si="964"/>
        <v>1.6684045881126173</v>
      </c>
      <c r="I4141" s="236">
        <f t="shared" si="965"/>
        <v>20.079203754007082</v>
      </c>
      <c r="J4141" s="237">
        <f t="shared" si="970"/>
        <v>10.079203754007082</v>
      </c>
      <c r="K4141" s="237">
        <f t="shared" si="966"/>
        <v>825.2954326971992</v>
      </c>
      <c r="L4141" s="237">
        <f t="shared" si="971"/>
        <v>414.34598712347719</v>
      </c>
      <c r="M4141" s="236">
        <f t="shared" si="967"/>
        <v>21.153105954157279</v>
      </c>
      <c r="N4141" s="236">
        <f t="shared" si="968"/>
        <v>1.825503629601944</v>
      </c>
      <c r="O4141" s="236">
        <f t="shared" si="972"/>
        <v>2.6065139104171489</v>
      </c>
      <c r="P4141" s="236" t="str">
        <f t="shared" si="973"/>
        <v>CLAY</v>
      </c>
      <c r="Q4141" s="236">
        <f t="shared" si="969"/>
        <v>730.39204727523338</v>
      </c>
      <c r="R4141" s="238">
        <v>35</v>
      </c>
      <c r="S4141" s="236">
        <f t="shared" si="974"/>
        <v>11.341165539722526</v>
      </c>
      <c r="T4141" s="236" t="e">
        <f t="shared" si="960"/>
        <v>#N/A</v>
      </c>
    </row>
    <row r="4142" spans="1:20" x14ac:dyDescent="0.2">
      <c r="A4142" s="53">
        <f t="shared" si="961"/>
        <v>4130</v>
      </c>
      <c r="B4142" s="239">
        <v>41.118000000000002</v>
      </c>
      <c r="C4142" s="3">
        <f t="shared" si="962"/>
        <v>41.111000000000004</v>
      </c>
      <c r="D4142" s="239">
        <v>10.487399999999999</v>
      </c>
      <c r="E4142" s="239">
        <v>0.15740000000000001</v>
      </c>
      <c r="F4142" s="239">
        <v>0.21709999999999999</v>
      </c>
      <c r="G4142">
        <f t="shared" si="963"/>
        <v>10.530819999999999</v>
      </c>
      <c r="H4142" s="235">
        <f t="shared" si="964"/>
        <v>1.4946604347999495</v>
      </c>
      <c r="I4142" s="236">
        <f t="shared" si="965"/>
        <v>20.096571790659496</v>
      </c>
      <c r="J4142" s="237">
        <f t="shared" si="970"/>
        <v>10.096571790659496</v>
      </c>
      <c r="K4142" s="237">
        <f t="shared" si="966"/>
        <v>826.19016288580258</v>
      </c>
      <c r="L4142" s="237">
        <f t="shared" si="971"/>
        <v>415.1508388883372</v>
      </c>
      <c r="M4142" s="236">
        <f t="shared" si="967"/>
        <v>23.376153744746357</v>
      </c>
      <c r="N4142" s="236">
        <f t="shared" si="968"/>
        <v>1.6219062719738424</v>
      </c>
      <c r="O4142" s="236">
        <f t="shared" si="972"/>
        <v>2.5416782505924624</v>
      </c>
      <c r="P4142" s="236" t="str">
        <f t="shared" si="973"/>
        <v>SAND</v>
      </c>
      <c r="Q4142" s="236" t="e">
        <f t="shared" si="969"/>
        <v>#N/A</v>
      </c>
      <c r="R4142" s="238">
        <v>35</v>
      </c>
      <c r="S4142" s="236" t="e">
        <f t="shared" si="974"/>
        <v>#N/A</v>
      </c>
      <c r="T4142" s="236">
        <f t="shared" si="960"/>
        <v>32.656503604454336</v>
      </c>
    </row>
    <row r="4143" spans="1:20" x14ac:dyDescent="0.2">
      <c r="A4143" s="53">
        <f t="shared" si="961"/>
        <v>4131</v>
      </c>
      <c r="B4143" s="239">
        <v>41.128</v>
      </c>
      <c r="C4143" s="3">
        <f t="shared" si="962"/>
        <v>41.121000000000002</v>
      </c>
      <c r="D4143" s="239">
        <v>11.234500000000001</v>
      </c>
      <c r="E4143" s="239">
        <v>0.15820000000000001</v>
      </c>
      <c r="F4143" s="239">
        <v>0.109</v>
      </c>
      <c r="G4143">
        <f t="shared" si="963"/>
        <v>11.256300000000001</v>
      </c>
      <c r="H4143" s="235">
        <f t="shared" si="964"/>
        <v>1.4054351785222496</v>
      </c>
      <c r="I4143" s="236">
        <f t="shared" si="965"/>
        <v>20.128556641475718</v>
      </c>
      <c r="J4143" s="237">
        <f t="shared" si="970"/>
        <v>10.128556641475718</v>
      </c>
      <c r="K4143" s="237">
        <f t="shared" si="966"/>
        <v>827.70637765412312</v>
      </c>
      <c r="L4143" s="237">
        <f t="shared" si="971"/>
        <v>416.56727755061337</v>
      </c>
      <c r="M4143" s="236">
        <f t="shared" si="967"/>
        <v>25.034596292981252</v>
      </c>
      <c r="N4143" s="236">
        <f t="shared" si="968"/>
        <v>1.516983072971765</v>
      </c>
      <c r="O4143" s="236">
        <f t="shared" si="972"/>
        <v>2.500738110385504</v>
      </c>
      <c r="P4143" s="236" t="str">
        <f t="shared" si="973"/>
        <v>SAND</v>
      </c>
      <c r="Q4143" s="236" t="e">
        <f t="shared" si="969"/>
        <v>#N/A</v>
      </c>
      <c r="R4143" s="238">
        <v>35</v>
      </c>
      <c r="S4143" s="236" t="e">
        <f t="shared" si="974"/>
        <v>#N/A</v>
      </c>
      <c r="T4143" s="236">
        <f t="shared" si="960"/>
        <v>32.983946516112518</v>
      </c>
    </row>
    <row r="4144" spans="1:20" x14ac:dyDescent="0.2">
      <c r="A4144" s="53">
        <f t="shared" si="961"/>
        <v>4132</v>
      </c>
      <c r="B4144" s="239">
        <v>41.137999999999998</v>
      </c>
      <c r="C4144" s="3">
        <f t="shared" si="962"/>
        <v>41.131</v>
      </c>
      <c r="D4144" s="239">
        <v>11.5044</v>
      </c>
      <c r="E4144" s="239">
        <v>0.15970000000000001</v>
      </c>
      <c r="F4144" s="239">
        <v>-7.6E-3</v>
      </c>
      <c r="G4144">
        <f t="shared" si="963"/>
        <v>11.502880000000001</v>
      </c>
      <c r="H4144" s="235">
        <f t="shared" si="964"/>
        <v>1.388347961553976</v>
      </c>
      <c r="I4144" s="236">
        <f t="shared" si="965"/>
        <v>20.148092258219382</v>
      </c>
      <c r="J4144" s="237">
        <f t="shared" si="970"/>
        <v>10.148092258219382</v>
      </c>
      <c r="K4144" s="237">
        <f t="shared" si="966"/>
        <v>828.71118267282145</v>
      </c>
      <c r="L4144" s="237">
        <f t="shared" si="971"/>
        <v>417.4722193186289</v>
      </c>
      <c r="M4144" s="236">
        <f t="shared" si="967"/>
        <v>25.568572765749217</v>
      </c>
      <c r="N4144" s="236">
        <f t="shared" si="968"/>
        <v>1.4961352282602274</v>
      </c>
      <c r="O4144" s="236">
        <f t="shared" si="972"/>
        <v>2.4897787463353902</v>
      </c>
      <c r="P4144" s="236" t="str">
        <f t="shared" si="973"/>
        <v>SAND</v>
      </c>
      <c r="Q4144" s="236" t="e">
        <f t="shared" si="969"/>
        <v>#N/A</v>
      </c>
      <c r="R4144" s="238">
        <v>35</v>
      </c>
      <c r="S4144" s="236" t="e">
        <f t="shared" si="974"/>
        <v>#N/A</v>
      </c>
      <c r="T4144" s="236">
        <f t="shared" si="960"/>
        <v>33.084771350884623</v>
      </c>
    </row>
    <row r="4145" spans="1:20" x14ac:dyDescent="0.2">
      <c r="A4145" s="53">
        <f t="shared" si="961"/>
        <v>4133</v>
      </c>
      <c r="B4145" s="239">
        <v>41.146999999999998</v>
      </c>
      <c r="C4145" s="3">
        <f t="shared" si="962"/>
        <v>41.14</v>
      </c>
      <c r="D4145" s="239">
        <v>11.4206</v>
      </c>
      <c r="E4145" s="239">
        <v>0.16669999999999999</v>
      </c>
      <c r="F4145" s="239">
        <v>-1.6E-2</v>
      </c>
      <c r="G4145">
        <f t="shared" si="963"/>
        <v>11.417400000000001</v>
      </c>
      <c r="H4145" s="235">
        <f t="shared" si="964"/>
        <v>1.4600522010265031</v>
      </c>
      <c r="I4145" s="236">
        <f t="shared" si="965"/>
        <v>20.19547966876879</v>
      </c>
      <c r="J4145" s="237">
        <f t="shared" si="970"/>
        <v>10.19547966876879</v>
      </c>
      <c r="K4145" s="237">
        <f t="shared" si="966"/>
        <v>830.842033573148</v>
      </c>
      <c r="L4145" s="237">
        <f t="shared" si="971"/>
        <v>419.51340193082939</v>
      </c>
      <c r="M4145" s="236">
        <f t="shared" si="967"/>
        <v>25.235327209337633</v>
      </c>
      <c r="N4145" s="236">
        <f t="shared" si="968"/>
        <v>1.5746383340898489</v>
      </c>
      <c r="O4145" s="236">
        <f t="shared" si="972"/>
        <v>2.5069879336660974</v>
      </c>
      <c r="P4145" s="236" t="str">
        <f t="shared" si="973"/>
        <v>SAND</v>
      </c>
      <c r="Q4145" s="236" t="e">
        <f t="shared" si="969"/>
        <v>#N/A</v>
      </c>
      <c r="R4145" s="238">
        <v>35</v>
      </c>
      <c r="S4145" s="236" t="e">
        <f t="shared" si="974"/>
        <v>#N/A</v>
      </c>
      <c r="T4145" s="236">
        <f t="shared" si="960"/>
        <v>33.022098343383675</v>
      </c>
    </row>
    <row r="4146" spans="1:20" x14ac:dyDescent="0.2">
      <c r="A4146" s="53">
        <f t="shared" si="961"/>
        <v>4134</v>
      </c>
      <c r="B4146" s="239">
        <v>41.156999999999996</v>
      </c>
      <c r="C4146" s="3">
        <f t="shared" si="962"/>
        <v>41.15</v>
      </c>
      <c r="D4146" s="239">
        <v>11.082800000000001</v>
      </c>
      <c r="E4146" s="239">
        <v>0.16769999999999999</v>
      </c>
      <c r="F4146" s="239">
        <v>1.7399999999999999E-2</v>
      </c>
      <c r="G4146">
        <f t="shared" si="963"/>
        <v>11.08628</v>
      </c>
      <c r="H4146" s="235">
        <f t="shared" si="964"/>
        <v>1.5126805384673667</v>
      </c>
      <c r="I4146" s="236">
        <f t="shared" si="965"/>
        <v>20.190989582234863</v>
      </c>
      <c r="J4146" s="237">
        <f t="shared" si="970"/>
        <v>10.190989582234863</v>
      </c>
      <c r="K4146" s="237">
        <f t="shared" si="966"/>
        <v>830.85922130896461</v>
      </c>
      <c r="L4146" s="237">
        <f t="shared" si="971"/>
        <v>419.43055823604021</v>
      </c>
      <c r="M4146" s="236">
        <f t="shared" si="967"/>
        <v>24.450819277024777</v>
      </c>
      <c r="N4146" s="236">
        <f t="shared" si="968"/>
        <v>1.6352327575719872</v>
      </c>
      <c r="O4146" s="236">
        <f t="shared" si="972"/>
        <v>2.5275784282778266</v>
      </c>
      <c r="P4146" s="236" t="str">
        <f t="shared" si="973"/>
        <v>SAND</v>
      </c>
      <c r="Q4146" s="236" t="e">
        <f t="shared" si="969"/>
        <v>#N/A</v>
      </c>
      <c r="R4146" s="238">
        <v>35</v>
      </c>
      <c r="S4146" s="236" t="e">
        <f t="shared" si="974"/>
        <v>#N/A</v>
      </c>
      <c r="T4146" s="236">
        <f t="shared" si="960"/>
        <v>32.871227572363964</v>
      </c>
    </row>
    <row r="4147" spans="1:20" x14ac:dyDescent="0.2">
      <c r="A4147" s="53">
        <f t="shared" si="961"/>
        <v>4135</v>
      </c>
      <c r="B4147" s="239">
        <v>41.167999999999999</v>
      </c>
      <c r="C4147" s="3">
        <f t="shared" si="962"/>
        <v>41.161000000000001</v>
      </c>
      <c r="D4147" s="239">
        <v>10.508900000000001</v>
      </c>
      <c r="E4147" s="239">
        <v>0.15140000000000001</v>
      </c>
      <c r="F4147" s="239">
        <v>1.0999999999999999E-2</v>
      </c>
      <c r="G4147">
        <f t="shared" si="963"/>
        <v>10.511100000000001</v>
      </c>
      <c r="H4147" s="235">
        <f t="shared" si="964"/>
        <v>1.4403820722854888</v>
      </c>
      <c r="I4147" s="236">
        <f t="shared" si="965"/>
        <v>20.050266268414866</v>
      </c>
      <c r="J4147" s="237">
        <f t="shared" si="970"/>
        <v>10.050266268414866</v>
      </c>
      <c r="K4147" s="237">
        <f t="shared" si="966"/>
        <v>825.28900987422435</v>
      </c>
      <c r="L4147" s="237">
        <f t="shared" si="971"/>
        <v>413.74936173810318</v>
      </c>
      <c r="M4147" s="236">
        <f t="shared" si="967"/>
        <v>23.409851194542124</v>
      </c>
      <c r="N4147" s="236">
        <f t="shared" si="968"/>
        <v>1.5631112371937168</v>
      </c>
      <c r="O4147" s="236">
        <f t="shared" si="972"/>
        <v>2.5321716794391627</v>
      </c>
      <c r="P4147" s="236" t="str">
        <f t="shared" si="973"/>
        <v>SAND</v>
      </c>
      <c r="Q4147" s="236" t="e">
        <f t="shared" si="969"/>
        <v>#N/A</v>
      </c>
      <c r="R4147" s="238">
        <v>35</v>
      </c>
      <c r="S4147" s="236" t="e">
        <f t="shared" si="974"/>
        <v>#N/A</v>
      </c>
      <c r="T4147" s="236">
        <f t="shared" si="960"/>
        <v>32.663385184087005</v>
      </c>
    </row>
    <row r="4148" spans="1:20" x14ac:dyDescent="0.2">
      <c r="A4148" s="53">
        <f t="shared" si="961"/>
        <v>4136</v>
      </c>
      <c r="B4148" s="239">
        <v>41.177</v>
      </c>
      <c r="C4148" s="3">
        <f t="shared" si="962"/>
        <v>41.17</v>
      </c>
      <c r="D4148" s="239">
        <v>9.8778000000000006</v>
      </c>
      <c r="E4148" s="239">
        <v>0.14269999999999999</v>
      </c>
      <c r="F4148" s="239">
        <v>4.24E-2</v>
      </c>
      <c r="G4148">
        <f t="shared" si="963"/>
        <v>9.8862800000000011</v>
      </c>
      <c r="H4148" s="235">
        <f t="shared" si="964"/>
        <v>1.443414509805508</v>
      </c>
      <c r="I4148" s="236">
        <f t="shared" si="965"/>
        <v>19.956917397571317</v>
      </c>
      <c r="J4148" s="237">
        <f t="shared" si="970"/>
        <v>9.956917397571317</v>
      </c>
      <c r="K4148" s="237">
        <f t="shared" si="966"/>
        <v>821.62628925801118</v>
      </c>
      <c r="L4148" s="237">
        <f t="shared" si="971"/>
        <v>409.9959876797941</v>
      </c>
      <c r="M4148" s="236">
        <f t="shared" si="967"/>
        <v>22.109127852786362</v>
      </c>
      <c r="N4148" s="236">
        <f t="shared" si="968"/>
        <v>1.5742465686349891</v>
      </c>
      <c r="O4148" s="236">
        <f t="shared" si="972"/>
        <v>2.5545138539730923</v>
      </c>
      <c r="P4148" s="236" t="str">
        <f t="shared" si="973"/>
        <v>SAND</v>
      </c>
      <c r="Q4148" s="236" t="e">
        <f t="shared" si="969"/>
        <v>#N/A</v>
      </c>
      <c r="R4148" s="238">
        <v>35</v>
      </c>
      <c r="S4148" s="236" t="e">
        <f t="shared" si="974"/>
        <v>#N/A</v>
      </c>
      <c r="T4148" s="236">
        <f t="shared" si="960"/>
        <v>32.390287722498734</v>
      </c>
    </row>
    <row r="4149" spans="1:20" x14ac:dyDescent="0.2">
      <c r="A4149" s="53">
        <f t="shared" si="961"/>
        <v>4137</v>
      </c>
      <c r="B4149" s="239">
        <v>41.186999999999998</v>
      </c>
      <c r="C4149" s="3">
        <f t="shared" si="962"/>
        <v>41.18</v>
      </c>
      <c r="D4149" s="239">
        <v>9.2175999999999991</v>
      </c>
      <c r="E4149" s="239">
        <v>0.1394</v>
      </c>
      <c r="F4149" s="239">
        <v>8.8900000000000007E-2</v>
      </c>
      <c r="G4149">
        <f t="shared" si="963"/>
        <v>9.2353799999999993</v>
      </c>
      <c r="H4149" s="235">
        <f t="shared" si="964"/>
        <v>1.5094127150155165</v>
      </c>
      <c r="I4149" s="236">
        <f t="shared" si="965"/>
        <v>19.902861836246679</v>
      </c>
      <c r="J4149" s="237">
        <f t="shared" si="970"/>
        <v>9.9028618362466787</v>
      </c>
      <c r="K4149" s="237">
        <f t="shared" si="966"/>
        <v>819.59985041663822</v>
      </c>
      <c r="L4149" s="237">
        <f t="shared" si="971"/>
        <v>407.86917044949195</v>
      </c>
      <c r="M4149" s="236">
        <f t="shared" si="967"/>
        <v>20.633528492258328</v>
      </c>
      <c r="N4149" s="236">
        <f t="shared" si="968"/>
        <v>1.6564120915979637</v>
      </c>
      <c r="O4149" s="236">
        <f t="shared" si="972"/>
        <v>2.591730898279919</v>
      </c>
      <c r="P4149" s="236" t="str">
        <f t="shared" si="973"/>
        <v>SAND</v>
      </c>
      <c r="Q4149" s="236" t="e">
        <f t="shared" si="969"/>
        <v>#N/A</v>
      </c>
      <c r="R4149" s="238">
        <v>35</v>
      </c>
      <c r="S4149" s="236" t="e">
        <f t="shared" si="974"/>
        <v>#N/A</v>
      </c>
      <c r="T4149" s="236">
        <f t="shared" si="960"/>
        <v>32.060308522271598</v>
      </c>
    </row>
    <row r="4150" spans="1:20" x14ac:dyDescent="0.2">
      <c r="A4150" s="53">
        <f t="shared" si="961"/>
        <v>4138</v>
      </c>
      <c r="B4150" s="239">
        <v>41.195999999999998</v>
      </c>
      <c r="C4150" s="3">
        <f t="shared" si="962"/>
        <v>41.189</v>
      </c>
      <c r="D4150" s="239">
        <v>8.6212999999999997</v>
      </c>
      <c r="E4150" s="239">
        <v>0.1188</v>
      </c>
      <c r="F4150" s="239">
        <v>0.13619999999999999</v>
      </c>
      <c r="G4150">
        <f t="shared" si="963"/>
        <v>8.6485400000000006</v>
      </c>
      <c r="H4150" s="235">
        <f t="shared" si="964"/>
        <v>1.3736422563808459</v>
      </c>
      <c r="I4150" s="236">
        <f t="shared" si="965"/>
        <v>19.689695962679249</v>
      </c>
      <c r="J4150" s="237">
        <f t="shared" si="970"/>
        <v>9.6896959626792487</v>
      </c>
      <c r="K4150" s="237">
        <f t="shared" si="966"/>
        <v>810.9988870067956</v>
      </c>
      <c r="L4150" s="237">
        <f t="shared" si="971"/>
        <v>399.17671487853431</v>
      </c>
      <c r="M4150" s="236">
        <f t="shared" si="967"/>
        <v>19.634264276607656</v>
      </c>
      <c r="N4150" s="236">
        <f t="shared" si="968"/>
        <v>1.5157815223839961</v>
      </c>
      <c r="O4150" s="236">
        <f t="shared" si="972"/>
        <v>2.588638290820644</v>
      </c>
      <c r="P4150" s="236" t="str">
        <f t="shared" si="973"/>
        <v>SAND</v>
      </c>
      <c r="Q4150" s="236" t="e">
        <f t="shared" si="969"/>
        <v>#N/A</v>
      </c>
      <c r="R4150" s="238">
        <v>35</v>
      </c>
      <c r="S4150" s="236" t="e">
        <f t="shared" si="974"/>
        <v>#N/A</v>
      </c>
      <c r="T4150" s="236">
        <f t="shared" si="960"/>
        <v>31.823160955174522</v>
      </c>
    </row>
    <row r="4151" spans="1:20" x14ac:dyDescent="0.2">
      <c r="A4151" s="53">
        <f t="shared" si="961"/>
        <v>4139</v>
      </c>
      <c r="B4151" s="239">
        <v>41.207000000000001</v>
      </c>
      <c r="C4151" s="3">
        <f t="shared" si="962"/>
        <v>41.2</v>
      </c>
      <c r="D4151" s="239">
        <v>8.0004000000000008</v>
      </c>
      <c r="E4151" s="239">
        <v>0.1012</v>
      </c>
      <c r="F4151" s="239">
        <v>0.20480000000000001</v>
      </c>
      <c r="G4151">
        <f t="shared" si="963"/>
        <v>8.041360000000001</v>
      </c>
      <c r="H4151" s="235">
        <f t="shared" si="964"/>
        <v>1.258493588149268</v>
      </c>
      <c r="I4151" s="236">
        <f t="shared" si="965"/>
        <v>19.473226992898354</v>
      </c>
      <c r="J4151" s="237">
        <f t="shared" si="970"/>
        <v>9.4732269928983541</v>
      </c>
      <c r="K4151" s="237">
        <f t="shared" si="966"/>
        <v>802.29695210741227</v>
      </c>
      <c r="L4151" s="237">
        <f t="shared" si="971"/>
        <v>390.36326469636248</v>
      </c>
      <c r="M4151" s="236">
        <f t="shared" si="967"/>
        <v>18.544426954527527</v>
      </c>
      <c r="N4151" s="236">
        <f t="shared" si="968"/>
        <v>1.3979709712496702</v>
      </c>
      <c r="O4151" s="236">
        <f t="shared" si="972"/>
        <v>2.5908395089687652</v>
      </c>
      <c r="P4151" s="236" t="str">
        <f t="shared" si="973"/>
        <v>SAND</v>
      </c>
      <c r="Q4151" s="236" t="e">
        <f t="shared" si="969"/>
        <v>#N/A</v>
      </c>
      <c r="R4151" s="238">
        <v>35</v>
      </c>
      <c r="S4151" s="236" t="e">
        <f t="shared" si="974"/>
        <v>#N/A</v>
      </c>
      <c r="T4151" s="236">
        <f t="shared" si="960"/>
        <v>31.550347594054834</v>
      </c>
    </row>
    <row r="4152" spans="1:20" x14ac:dyDescent="0.2">
      <c r="A4152" s="53">
        <f t="shared" si="961"/>
        <v>4140</v>
      </c>
      <c r="B4152" s="239">
        <v>41.216999999999999</v>
      </c>
      <c r="C4152" s="3">
        <f t="shared" si="962"/>
        <v>41.21</v>
      </c>
      <c r="D4152" s="239">
        <v>7.4558</v>
      </c>
      <c r="E4152" s="239">
        <v>8.5500000000000007E-2</v>
      </c>
      <c r="F4152" s="239">
        <v>0.26879999999999998</v>
      </c>
      <c r="G4152">
        <f t="shared" si="963"/>
        <v>7.5095599999999996</v>
      </c>
      <c r="H4152" s="235">
        <f t="shared" si="964"/>
        <v>1.1385487298856392</v>
      </c>
      <c r="I4152" s="236">
        <f t="shared" si="965"/>
        <v>19.248804606566409</v>
      </c>
      <c r="J4152" s="237">
        <f t="shared" si="970"/>
        <v>9.2488046065664093</v>
      </c>
      <c r="K4152" s="237">
        <f t="shared" si="966"/>
        <v>793.24323783660179</v>
      </c>
      <c r="L4152" s="237">
        <f t="shared" si="971"/>
        <v>381.20797946884767</v>
      </c>
      <c r="M4152" s="236">
        <f t="shared" si="967"/>
        <v>17.618510429717421</v>
      </c>
      <c r="N4152" s="236">
        <f t="shared" si="968"/>
        <v>1.2730191714849901</v>
      </c>
      <c r="O4152" s="236">
        <f t="shared" si="972"/>
        <v>2.5887256869818236</v>
      </c>
      <c r="P4152" s="236" t="str">
        <f t="shared" si="973"/>
        <v>SAND</v>
      </c>
      <c r="Q4152" s="236" t="e">
        <f t="shared" si="969"/>
        <v>#N/A</v>
      </c>
      <c r="R4152" s="238">
        <v>35</v>
      </c>
      <c r="S4152" s="236" t="e">
        <f t="shared" si="974"/>
        <v>#N/A</v>
      </c>
      <c r="T4152" s="236">
        <f t="shared" si="960"/>
        <v>31.305661066601239</v>
      </c>
    </row>
    <row r="4153" spans="1:20" x14ac:dyDescent="0.2">
      <c r="A4153" s="53">
        <f t="shared" si="961"/>
        <v>4141</v>
      </c>
      <c r="B4153" s="239">
        <v>41.225999999999999</v>
      </c>
      <c r="C4153" s="3">
        <f t="shared" si="962"/>
        <v>41.219000000000001</v>
      </c>
      <c r="D4153" s="239">
        <v>6.9653</v>
      </c>
      <c r="E4153" s="239">
        <v>7.8899999999999998E-2</v>
      </c>
      <c r="F4153" s="239">
        <v>0.32450000000000001</v>
      </c>
      <c r="G4153">
        <f t="shared" si="963"/>
        <v>7.0301999999999998</v>
      </c>
      <c r="H4153" s="235">
        <f t="shared" si="964"/>
        <v>1.122300930272254</v>
      </c>
      <c r="I4153" s="236">
        <f t="shared" si="965"/>
        <v>19.128821875323197</v>
      </c>
      <c r="J4153" s="237">
        <f t="shared" si="970"/>
        <v>9.1288218753231973</v>
      </c>
      <c r="K4153" s="237">
        <f t="shared" si="966"/>
        <v>788.47090887894694</v>
      </c>
      <c r="L4153" s="237">
        <f t="shared" si="971"/>
        <v>376.34481063207414</v>
      </c>
      <c r="M4153" s="236">
        <f t="shared" si="967"/>
        <v>16.585133937779077</v>
      </c>
      <c r="N4153" s="236">
        <f t="shared" si="968"/>
        <v>1.2640728049577856</v>
      </c>
      <c r="O4153" s="236">
        <f t="shared" si="972"/>
        <v>2.6097597796983165</v>
      </c>
      <c r="P4153" s="236" t="str">
        <f t="shared" si="973"/>
        <v>CLAY</v>
      </c>
      <c r="Q4153" s="236">
        <f t="shared" si="969"/>
        <v>520.14409092675442</v>
      </c>
      <c r="R4153" s="238">
        <v>35</v>
      </c>
      <c r="S4153" s="236">
        <f t="shared" si="974"/>
        <v>8.3673654519554983</v>
      </c>
      <c r="T4153" s="236" t="e">
        <f t="shared" si="960"/>
        <v>#N/A</v>
      </c>
    </row>
    <row r="4154" spans="1:20" x14ac:dyDescent="0.2">
      <c r="A4154" s="53">
        <f t="shared" si="961"/>
        <v>4142</v>
      </c>
      <c r="B4154" s="239">
        <v>41.237000000000002</v>
      </c>
      <c r="C4154" s="3">
        <f t="shared" si="962"/>
        <v>41.230000000000004</v>
      </c>
      <c r="D4154" s="239">
        <v>6.5946999999999996</v>
      </c>
      <c r="E4154" s="239">
        <v>7.4499999999999997E-2</v>
      </c>
      <c r="F4154" s="239">
        <v>0.3599</v>
      </c>
      <c r="G4154">
        <f t="shared" si="963"/>
        <v>6.6666799999999995</v>
      </c>
      <c r="H4154" s="235">
        <f t="shared" si="964"/>
        <v>1.11749776500447</v>
      </c>
      <c r="I4154" s="236">
        <f t="shared" si="965"/>
        <v>19.040783639382049</v>
      </c>
      <c r="J4154" s="237">
        <f t="shared" si="970"/>
        <v>9.0407836393820489</v>
      </c>
      <c r="K4154" s="237">
        <f t="shared" si="966"/>
        <v>785.05150945172193</v>
      </c>
      <c r="L4154" s="237">
        <f t="shared" si="971"/>
        <v>372.81479493719758</v>
      </c>
      <c r="M4154" s="236">
        <f t="shared" si="967"/>
        <v>15.776274360407466</v>
      </c>
      <c r="N4154" s="236">
        <f t="shared" si="968"/>
        <v>1.266655997054571</v>
      </c>
      <c r="O4154" s="236">
        <f t="shared" si="972"/>
        <v>2.6289522192488506</v>
      </c>
      <c r="P4154" s="236" t="str">
        <f t="shared" si="973"/>
        <v>CLAY</v>
      </c>
      <c r="Q4154" s="236">
        <f t="shared" si="969"/>
        <v>490.13570754568974</v>
      </c>
      <c r="R4154" s="238">
        <v>35</v>
      </c>
      <c r="S4154" s="236">
        <f t="shared" si="974"/>
        <v>7.860416735078875</v>
      </c>
      <c r="T4154" s="236" t="e">
        <f t="shared" si="960"/>
        <v>#N/A</v>
      </c>
    </row>
    <row r="4155" spans="1:20" x14ac:dyDescent="0.2">
      <c r="A4155" s="53">
        <f t="shared" si="961"/>
        <v>4143</v>
      </c>
      <c r="B4155" s="239">
        <v>41.246000000000002</v>
      </c>
      <c r="C4155" s="3">
        <f t="shared" si="962"/>
        <v>41.239000000000004</v>
      </c>
      <c r="D4155" s="239">
        <v>6.2826000000000004</v>
      </c>
      <c r="E4155" s="239">
        <v>7.3300000000000004E-2</v>
      </c>
      <c r="F4155" s="239">
        <v>0.33710000000000001</v>
      </c>
      <c r="G4155">
        <f t="shared" si="963"/>
        <v>6.3500200000000007</v>
      </c>
      <c r="H4155" s="235">
        <f t="shared" si="964"/>
        <v>1.1543270729855968</v>
      </c>
      <c r="I4155" s="236">
        <f t="shared" si="965"/>
        <v>19.002721369745345</v>
      </c>
      <c r="J4155" s="237">
        <f t="shared" si="970"/>
        <v>9.0027213697453448</v>
      </c>
      <c r="K4155" s="237">
        <f t="shared" si="966"/>
        <v>783.65322656692831</v>
      </c>
      <c r="L4155" s="237">
        <f t="shared" si="971"/>
        <v>371.32624561651653</v>
      </c>
      <c r="M4155" s="236">
        <f t="shared" si="967"/>
        <v>14.990501854214964</v>
      </c>
      <c r="N4155" s="236">
        <f t="shared" si="968"/>
        <v>1.3168374090949817</v>
      </c>
      <c r="O4155" s="236">
        <f t="shared" si="972"/>
        <v>2.6566192482967415</v>
      </c>
      <c r="P4155" s="236" t="str">
        <f t="shared" si="973"/>
        <v>CLAY</v>
      </c>
      <c r="Q4155" s="236">
        <f t="shared" si="969"/>
        <v>463.86389778608935</v>
      </c>
      <c r="R4155" s="238">
        <v>35</v>
      </c>
      <c r="S4155" s="236">
        <f t="shared" si="974"/>
        <v>7.3741204006665084</v>
      </c>
      <c r="T4155" s="236" t="e">
        <f t="shared" si="960"/>
        <v>#N/A</v>
      </c>
    </row>
    <row r="4156" spans="1:20" x14ac:dyDescent="0.2">
      <c r="A4156" s="53">
        <f t="shared" si="961"/>
        <v>4144</v>
      </c>
      <c r="B4156" s="239">
        <v>41.255000000000003</v>
      </c>
      <c r="C4156" s="3">
        <f t="shared" si="962"/>
        <v>41.248000000000005</v>
      </c>
      <c r="D4156" s="239">
        <v>6.1205999999999996</v>
      </c>
      <c r="E4156" s="239">
        <v>8.0100000000000005E-2</v>
      </c>
      <c r="F4156" s="239">
        <v>0.30449999999999999</v>
      </c>
      <c r="G4156">
        <f t="shared" si="963"/>
        <v>6.1814999999999998</v>
      </c>
      <c r="H4156" s="235">
        <f t="shared" si="964"/>
        <v>1.2958019898082991</v>
      </c>
      <c r="I4156" s="236">
        <f t="shared" si="965"/>
        <v>19.096235334032169</v>
      </c>
      <c r="J4156" s="237">
        <f t="shared" si="970"/>
        <v>9.0962353340321691</v>
      </c>
      <c r="K4156" s="237">
        <f t="shared" si="966"/>
        <v>787.68151505815899</v>
      </c>
      <c r="L4156" s="237">
        <f t="shared" si="971"/>
        <v>375.26518870549717</v>
      </c>
      <c r="M4156" s="236">
        <f t="shared" si="967"/>
        <v>14.373351558529011</v>
      </c>
      <c r="N4156" s="236">
        <f t="shared" si="968"/>
        <v>1.485033288080025</v>
      </c>
      <c r="O4156" s="236">
        <f t="shared" si="972"/>
        <v>2.6989474614926574</v>
      </c>
      <c r="P4156" s="236" t="str">
        <f t="shared" si="973"/>
        <v>CLAY</v>
      </c>
      <c r="Q4156" s="236">
        <f t="shared" si="969"/>
        <v>449.48487374515344</v>
      </c>
      <c r="R4156" s="238">
        <v>35</v>
      </c>
      <c r="S4156" s="236">
        <f t="shared" si="974"/>
        <v>6.9966084274523128</v>
      </c>
      <c r="T4156" s="236" t="e">
        <f t="shared" si="960"/>
        <v>#N/A</v>
      </c>
    </row>
    <row r="4157" spans="1:20" x14ac:dyDescent="0.2">
      <c r="A4157" s="53">
        <f t="shared" si="961"/>
        <v>4145</v>
      </c>
      <c r="B4157" s="239">
        <v>41.265999999999998</v>
      </c>
      <c r="C4157" s="3">
        <f t="shared" si="962"/>
        <v>41.259</v>
      </c>
      <c r="D4157" s="239">
        <v>5.8864999999999998</v>
      </c>
      <c r="E4157" s="239">
        <v>9.01E-2</v>
      </c>
      <c r="F4157" s="239">
        <v>0.29499999999999998</v>
      </c>
      <c r="G4157">
        <f t="shared" si="963"/>
        <v>5.9455</v>
      </c>
      <c r="H4157" s="235">
        <f t="shared" si="964"/>
        <v>1.5154318392061221</v>
      </c>
      <c r="I4157" s="236">
        <f t="shared" si="965"/>
        <v>19.218969535128757</v>
      </c>
      <c r="J4157" s="237">
        <f t="shared" si="970"/>
        <v>9.2189695351287568</v>
      </c>
      <c r="K4157" s="237">
        <f t="shared" si="966"/>
        <v>792.95546404987738</v>
      </c>
      <c r="L4157" s="237">
        <f t="shared" si="971"/>
        <v>380.42999683662327</v>
      </c>
      <c r="M4157" s="236">
        <f t="shared" si="967"/>
        <v>13.544001731711228</v>
      </c>
      <c r="N4157" s="236">
        <f t="shared" si="968"/>
        <v>1.7486505816952762</v>
      </c>
      <c r="O4157" s="236">
        <f t="shared" si="972"/>
        <v>2.7580658553810036</v>
      </c>
      <c r="P4157" s="236" t="str">
        <f t="shared" si="973"/>
        <v>CLAY</v>
      </c>
      <c r="Q4157" s="236">
        <f t="shared" si="969"/>
        <v>429.37871132917689</v>
      </c>
      <c r="R4157" s="238">
        <v>35</v>
      </c>
      <c r="S4157" s="236">
        <f t="shared" si="974"/>
        <v>6.4956671007557336</v>
      </c>
      <c r="T4157" s="236" t="e">
        <f t="shared" si="960"/>
        <v>#N/A</v>
      </c>
    </row>
    <row r="4158" spans="1:20" x14ac:dyDescent="0.2">
      <c r="A4158" s="53">
        <f t="shared" si="961"/>
        <v>4146</v>
      </c>
      <c r="B4158" s="239">
        <v>41.274999999999999</v>
      </c>
      <c r="C4158" s="3">
        <f t="shared" si="962"/>
        <v>41.268000000000001</v>
      </c>
      <c r="D4158" s="239">
        <v>5.7836999999999996</v>
      </c>
      <c r="E4158" s="239">
        <v>0.10539999999999999</v>
      </c>
      <c r="F4158" s="239">
        <v>0.26629999999999998</v>
      </c>
      <c r="G4158">
        <f t="shared" si="963"/>
        <v>5.8369599999999995</v>
      </c>
      <c r="H4158" s="235">
        <f t="shared" si="964"/>
        <v>1.8057344919273046</v>
      </c>
      <c r="I4158" s="236">
        <f t="shared" si="965"/>
        <v>19.395680749185352</v>
      </c>
      <c r="J4158" s="237">
        <f t="shared" si="970"/>
        <v>9.3956807491853525</v>
      </c>
      <c r="K4158" s="237">
        <f t="shared" si="966"/>
        <v>800.42095315738118</v>
      </c>
      <c r="L4158" s="237">
        <f t="shared" si="971"/>
        <v>387.8067229226254</v>
      </c>
      <c r="M4158" s="236">
        <f t="shared" si="967"/>
        <v>12.987240161505659</v>
      </c>
      <c r="N4158" s="236">
        <f t="shared" si="968"/>
        <v>2.0927068969330187</v>
      </c>
      <c r="O4158" s="236">
        <f t="shared" si="972"/>
        <v>2.815456468395642</v>
      </c>
      <c r="P4158" s="236" t="str">
        <f t="shared" si="973"/>
        <v>CLAY</v>
      </c>
      <c r="Q4158" s="236">
        <f t="shared" si="969"/>
        <v>419.71158723688478</v>
      </c>
      <c r="R4158" s="238">
        <v>35</v>
      </c>
      <c r="S4158" s="236">
        <f t="shared" si="974"/>
        <v>6.1636234415639439</v>
      </c>
      <c r="T4158" s="236" t="e">
        <f t="shared" si="960"/>
        <v>#N/A</v>
      </c>
    </row>
    <row r="4159" spans="1:20" x14ac:dyDescent="0.2">
      <c r="A4159" s="53">
        <f t="shared" si="961"/>
        <v>4147</v>
      </c>
      <c r="B4159" s="239">
        <v>41.284999999999997</v>
      </c>
      <c r="C4159" s="3">
        <f t="shared" si="962"/>
        <v>41.277999999999999</v>
      </c>
      <c r="D4159" s="239">
        <v>5.6849999999999996</v>
      </c>
      <c r="E4159" s="239">
        <v>0.1225</v>
      </c>
      <c r="F4159" s="239">
        <v>0.2661</v>
      </c>
      <c r="G4159">
        <f t="shared" si="963"/>
        <v>5.7382199999999992</v>
      </c>
      <c r="H4159" s="235">
        <f t="shared" si="964"/>
        <v>2.1348083552042274</v>
      </c>
      <c r="I4159" s="236">
        <f t="shared" si="965"/>
        <v>19.565309969217108</v>
      </c>
      <c r="J4159" s="237">
        <f t="shared" si="970"/>
        <v>9.5653099692171075</v>
      </c>
      <c r="K4159" s="237">
        <f t="shared" si="966"/>
        <v>807.61686490934369</v>
      </c>
      <c r="L4159" s="237">
        <f t="shared" si="971"/>
        <v>394.90382207912825</v>
      </c>
      <c r="M4159" s="236">
        <f t="shared" si="967"/>
        <v>12.485579676417247</v>
      </c>
      <c r="N4159" s="236">
        <f t="shared" si="968"/>
        <v>2.4844830671561979</v>
      </c>
      <c r="O4159" s="236">
        <f t="shared" si="972"/>
        <v>2.8710491250803529</v>
      </c>
      <c r="P4159" s="236" t="str">
        <f t="shared" si="973"/>
        <v>CLAY</v>
      </c>
      <c r="Q4159" s="236">
        <f t="shared" si="969"/>
        <v>410.88359459088798</v>
      </c>
      <c r="R4159" s="238">
        <v>35</v>
      </c>
      <c r="S4159" s="236">
        <f t="shared" si="974"/>
        <v>5.8674702561977279</v>
      </c>
      <c r="T4159" s="236" t="e">
        <f t="shared" si="960"/>
        <v>#N/A</v>
      </c>
    </row>
    <row r="4160" spans="1:20" x14ac:dyDescent="0.2">
      <c r="A4160" s="53">
        <f t="shared" si="961"/>
        <v>4148</v>
      </c>
      <c r="B4160" s="239">
        <v>41.293999999999997</v>
      </c>
      <c r="C4160" s="3">
        <f t="shared" si="962"/>
        <v>41.286999999999999</v>
      </c>
      <c r="D4160" s="239">
        <v>5.6449999999999996</v>
      </c>
      <c r="E4160" s="239">
        <v>0.13270000000000001</v>
      </c>
      <c r="F4160" s="239">
        <v>0.3004</v>
      </c>
      <c r="G4160">
        <f t="shared" si="963"/>
        <v>5.7050799999999997</v>
      </c>
      <c r="H4160" s="235">
        <f t="shared" si="964"/>
        <v>2.3259971814593312</v>
      </c>
      <c r="I4160" s="236">
        <f t="shared" si="965"/>
        <v>19.656830110973967</v>
      </c>
      <c r="J4160" s="237">
        <f t="shared" si="970"/>
        <v>9.6568301109739672</v>
      </c>
      <c r="K4160" s="237">
        <f t="shared" si="966"/>
        <v>811.57154479178212</v>
      </c>
      <c r="L4160" s="237">
        <f t="shared" si="971"/>
        <v>398.76914260255899</v>
      </c>
      <c r="M4160" s="236">
        <f t="shared" si="967"/>
        <v>12.271532404114398</v>
      </c>
      <c r="N4160" s="236">
        <f t="shared" si="968"/>
        <v>2.7117558131276112</v>
      </c>
      <c r="O4160" s="236">
        <f t="shared" si="972"/>
        <v>2.8987722248197674</v>
      </c>
      <c r="P4160" s="236" t="str">
        <f t="shared" si="973"/>
        <v>CLAY</v>
      </c>
      <c r="Q4160" s="236">
        <f t="shared" si="969"/>
        <v>407.79237126735148</v>
      </c>
      <c r="R4160" s="238">
        <v>35</v>
      </c>
      <c r="S4160" s="236">
        <f t="shared" si="974"/>
        <v>5.7420042130543427</v>
      </c>
      <c r="T4160" s="236" t="e">
        <f t="shared" si="960"/>
        <v>#N/A</v>
      </c>
    </row>
    <row r="4161" spans="1:20" x14ac:dyDescent="0.2">
      <c r="A4161" s="53">
        <f t="shared" si="961"/>
        <v>4149</v>
      </c>
      <c r="B4161" s="239">
        <v>41.305</v>
      </c>
      <c r="C4161" s="3">
        <f t="shared" si="962"/>
        <v>41.298000000000002</v>
      </c>
      <c r="D4161" s="239">
        <v>5.4343000000000004</v>
      </c>
      <c r="E4161" s="239">
        <v>0.13589999999999999</v>
      </c>
      <c r="F4161" s="239">
        <v>0.29809999999999998</v>
      </c>
      <c r="G4161">
        <f t="shared" si="963"/>
        <v>5.4939200000000001</v>
      </c>
      <c r="H4161" s="235">
        <f t="shared" si="964"/>
        <v>2.4736435914611059</v>
      </c>
      <c r="I4161" s="236">
        <f t="shared" si="965"/>
        <v>19.670029685576363</v>
      </c>
      <c r="J4161" s="237">
        <f t="shared" si="970"/>
        <v>9.6700296855763632</v>
      </c>
      <c r="K4161" s="237">
        <f t="shared" si="966"/>
        <v>812.33288595493264</v>
      </c>
      <c r="L4161" s="237">
        <f t="shared" si="971"/>
        <v>399.42057616273166</v>
      </c>
      <c r="M4161" s="236">
        <f t="shared" si="967"/>
        <v>11.720946274279315</v>
      </c>
      <c r="N4161" s="236">
        <f t="shared" si="968"/>
        <v>2.9028617152565874</v>
      </c>
      <c r="O4161" s="236">
        <f t="shared" si="972"/>
        <v>2.9320444661054279</v>
      </c>
      <c r="P4161" s="236" t="str">
        <f t="shared" si="973"/>
        <v>CLAY</v>
      </c>
      <c r="Q4161" s="236">
        <f t="shared" si="969"/>
        <v>390.13225950375562</v>
      </c>
      <c r="R4161" s="238">
        <v>35</v>
      </c>
      <c r="S4161" s="236">
        <f t="shared" si="974"/>
        <v>5.4217982461095069</v>
      </c>
      <c r="T4161" s="236" t="e">
        <f t="shared" si="960"/>
        <v>#N/A</v>
      </c>
    </row>
    <row r="4162" spans="1:20" x14ac:dyDescent="0.2">
      <c r="A4162" s="53">
        <f t="shared" si="961"/>
        <v>4150</v>
      </c>
      <c r="B4162" s="239">
        <v>41.314999999999998</v>
      </c>
      <c r="C4162" s="3">
        <f t="shared" si="962"/>
        <v>41.308</v>
      </c>
      <c r="D4162" s="239">
        <v>5.2535999999999996</v>
      </c>
      <c r="E4162" s="239">
        <v>0.1394</v>
      </c>
      <c r="F4162" s="239">
        <v>0.31280000000000002</v>
      </c>
      <c r="G4162">
        <f t="shared" si="963"/>
        <v>5.31616</v>
      </c>
      <c r="H4162" s="235">
        <f t="shared" si="964"/>
        <v>2.6221934629507011</v>
      </c>
      <c r="I4162" s="236">
        <f t="shared" si="965"/>
        <v>19.686990782591064</v>
      </c>
      <c r="J4162" s="237">
        <f t="shared" si="970"/>
        <v>9.6869907825910637</v>
      </c>
      <c r="K4162" s="237">
        <f t="shared" si="966"/>
        <v>813.23021524727164</v>
      </c>
      <c r="L4162" s="237">
        <f t="shared" si="971"/>
        <v>400.21802418274979</v>
      </c>
      <c r="M4162" s="236">
        <f t="shared" si="967"/>
        <v>11.251191882094185</v>
      </c>
      <c r="N4162" s="236">
        <f t="shared" si="968"/>
        <v>3.0957622406642731</v>
      </c>
      <c r="O4162" s="236">
        <f t="shared" si="972"/>
        <v>2.9626552823019199</v>
      </c>
      <c r="P4162" s="236" t="str">
        <f t="shared" si="973"/>
        <v>CLAY</v>
      </c>
      <c r="Q4162" s="236">
        <f t="shared" si="969"/>
        <v>375.24414872939406</v>
      </c>
      <c r="R4162" s="238">
        <v>35</v>
      </c>
      <c r="S4162" s="236">
        <f t="shared" si="974"/>
        <v>5.1515530072461706</v>
      </c>
      <c r="T4162" s="236" t="e">
        <f t="shared" si="960"/>
        <v>#N/A</v>
      </c>
    </row>
    <row r="4163" spans="1:20" x14ac:dyDescent="0.2">
      <c r="A4163" s="53">
        <f t="shared" si="961"/>
        <v>4151</v>
      </c>
      <c r="B4163" s="239">
        <v>41.325000000000003</v>
      </c>
      <c r="C4163" s="3">
        <f t="shared" si="962"/>
        <v>41.318000000000005</v>
      </c>
      <c r="D4163" s="239">
        <v>5.1584000000000003</v>
      </c>
      <c r="E4163" s="239">
        <v>0.15060000000000001</v>
      </c>
      <c r="F4163" s="239">
        <v>0.3362</v>
      </c>
      <c r="G4163">
        <f t="shared" si="963"/>
        <v>5.2256400000000003</v>
      </c>
      <c r="H4163" s="235">
        <f t="shared" si="964"/>
        <v>2.8819436470939443</v>
      </c>
      <c r="I4163" s="236">
        <f t="shared" si="965"/>
        <v>19.770896017081224</v>
      </c>
      <c r="J4163" s="237">
        <f t="shared" si="970"/>
        <v>9.770896017081224</v>
      </c>
      <c r="K4163" s="237">
        <f t="shared" si="966"/>
        <v>816.89388163376213</v>
      </c>
      <c r="L4163" s="237">
        <f t="shared" si="971"/>
        <v>403.78227790588159</v>
      </c>
      <c r="M4163" s="236">
        <f t="shared" si="967"/>
        <v>10.918622137730081</v>
      </c>
      <c r="N4163" s="236">
        <f t="shared" si="968"/>
        <v>3.4159372292412318</v>
      </c>
      <c r="O4163" s="236">
        <f t="shared" si="972"/>
        <v>2.9981001610785771</v>
      </c>
      <c r="P4163" s="236" t="str">
        <f t="shared" si="973"/>
        <v>CLAY</v>
      </c>
      <c r="Q4163" s="236">
        <f t="shared" si="969"/>
        <v>367.39550986385319</v>
      </c>
      <c r="R4163" s="238">
        <v>35</v>
      </c>
      <c r="S4163" s="236">
        <f t="shared" si="974"/>
        <v>4.9619205303640426</v>
      </c>
      <c r="T4163" s="236" t="e">
        <f t="shared" si="960"/>
        <v>#N/A</v>
      </c>
    </row>
    <row r="4164" spans="1:20" x14ac:dyDescent="0.2">
      <c r="A4164" s="53">
        <f t="shared" si="961"/>
        <v>4152</v>
      </c>
      <c r="B4164" s="239">
        <v>41.334000000000003</v>
      </c>
      <c r="C4164" s="3">
        <f t="shared" si="962"/>
        <v>41.327000000000005</v>
      </c>
      <c r="D4164" s="239">
        <v>5.2127999999999997</v>
      </c>
      <c r="E4164" s="239">
        <v>0.1615</v>
      </c>
      <c r="F4164" s="239">
        <v>0.31809999999999999</v>
      </c>
      <c r="G4164">
        <f t="shared" si="963"/>
        <v>5.2764199999999999</v>
      </c>
      <c r="H4164" s="235">
        <f t="shared" si="964"/>
        <v>3.0607874278393306</v>
      </c>
      <c r="I4164" s="236">
        <f t="shared" si="965"/>
        <v>19.856614298441031</v>
      </c>
      <c r="J4164" s="237">
        <f t="shared" si="970"/>
        <v>9.8566142984410305</v>
      </c>
      <c r="K4164" s="237">
        <f t="shared" si="966"/>
        <v>820.61429911167261</v>
      </c>
      <c r="L4164" s="237">
        <f t="shared" si="971"/>
        <v>407.41329541176157</v>
      </c>
      <c r="M4164" s="236">
        <f t="shared" si="967"/>
        <v>10.936819566442882</v>
      </c>
      <c r="N4164" s="236">
        <f t="shared" si="968"/>
        <v>3.6244847922296679</v>
      </c>
      <c r="O4164" s="236">
        <f t="shared" si="972"/>
        <v>3.0126413778569847</v>
      </c>
      <c r="P4164" s="236" t="str">
        <f t="shared" si="973"/>
        <v>CLAY</v>
      </c>
      <c r="Q4164" s="236">
        <f t="shared" si="969"/>
        <v>371.31714174069401</v>
      </c>
      <c r="R4164" s="238">
        <v>35</v>
      </c>
      <c r="S4164" s="236">
        <f t="shared" si="974"/>
        <v>4.9722598613214082</v>
      </c>
      <c r="T4164" s="236" t="e">
        <f t="shared" si="960"/>
        <v>#N/A</v>
      </c>
    </row>
    <row r="4165" spans="1:20" x14ac:dyDescent="0.2">
      <c r="A4165" s="53">
        <f t="shared" si="961"/>
        <v>4153</v>
      </c>
      <c r="B4165" s="239">
        <v>41.344999999999999</v>
      </c>
      <c r="C4165" s="3">
        <f t="shared" si="962"/>
        <v>41.338000000000001</v>
      </c>
      <c r="D4165" s="239">
        <v>5.4547999999999996</v>
      </c>
      <c r="E4165" s="239">
        <v>0.16420000000000001</v>
      </c>
      <c r="F4165" s="239">
        <v>0.37369999999999998</v>
      </c>
      <c r="G4165">
        <f t="shared" si="963"/>
        <v>5.5295399999999999</v>
      </c>
      <c r="H4165" s="235">
        <f t="shared" si="964"/>
        <v>2.9695056008275555</v>
      </c>
      <c r="I4165" s="236">
        <f t="shared" si="965"/>
        <v>19.894370670534165</v>
      </c>
      <c r="J4165" s="237">
        <f t="shared" si="970"/>
        <v>9.8943706705341654</v>
      </c>
      <c r="K4165" s="237">
        <f t="shared" si="966"/>
        <v>822.39349477854137</v>
      </c>
      <c r="L4165" s="237">
        <f t="shared" si="971"/>
        <v>409.08275537323505</v>
      </c>
      <c r="M4165" s="236">
        <f t="shared" si="967"/>
        <v>11.506587465234992</v>
      </c>
      <c r="N4165" s="236">
        <f t="shared" si="968"/>
        <v>3.4883129262677328</v>
      </c>
      <c r="O4165" s="236">
        <f t="shared" si="972"/>
        <v>2.9850212291240701</v>
      </c>
      <c r="P4165" s="236" t="str">
        <f t="shared" si="973"/>
        <v>CLAY</v>
      </c>
      <c r="Q4165" s="236">
        <f t="shared" si="969"/>
        <v>392.26220876845491</v>
      </c>
      <c r="R4165" s="238">
        <v>35</v>
      </c>
      <c r="S4165" s="236">
        <f t="shared" si="974"/>
        <v>5.2981370402164716</v>
      </c>
      <c r="T4165" s="236" t="e">
        <f t="shared" si="960"/>
        <v>#N/A</v>
      </c>
    </row>
    <row r="4166" spans="1:20" x14ac:dyDescent="0.2">
      <c r="A4166" s="53">
        <f t="shared" si="961"/>
        <v>4154</v>
      </c>
      <c r="B4166" s="239">
        <v>41.353999999999999</v>
      </c>
      <c r="C4166" s="3">
        <f t="shared" si="962"/>
        <v>41.347000000000001</v>
      </c>
      <c r="D4166" s="239">
        <v>5.8297999999999996</v>
      </c>
      <c r="E4166" s="239">
        <v>0.1585</v>
      </c>
      <c r="F4166" s="239">
        <v>0.3856</v>
      </c>
      <c r="G4166">
        <f t="shared" si="963"/>
        <v>5.9069199999999995</v>
      </c>
      <c r="H4166" s="235">
        <f t="shared" si="964"/>
        <v>2.6832934930556029</v>
      </c>
      <c r="I4166" s="236">
        <f t="shared" si="965"/>
        <v>19.878747054229482</v>
      </c>
      <c r="J4166" s="237">
        <f t="shared" si="970"/>
        <v>9.878747054229482</v>
      </c>
      <c r="K4166" s="237">
        <f t="shared" si="966"/>
        <v>821.92655445122637</v>
      </c>
      <c r="L4166" s="237">
        <f t="shared" si="971"/>
        <v>408.52570568060599</v>
      </c>
      <c r="M4166" s="236">
        <f t="shared" si="967"/>
        <v>12.447181107189195</v>
      </c>
      <c r="N4166" s="236">
        <f t="shared" si="968"/>
        <v>3.1170148338882409</v>
      </c>
      <c r="O4166" s="236">
        <f t="shared" si="972"/>
        <v>2.9286837701615864</v>
      </c>
      <c r="P4166" s="236" t="str">
        <f t="shared" si="973"/>
        <v>CLAY</v>
      </c>
      <c r="Q4166" s="236">
        <f t="shared" si="969"/>
        <v>423.74945379573109</v>
      </c>
      <c r="R4166" s="238">
        <v>35</v>
      </c>
      <c r="S4166" s="236">
        <f t="shared" si="974"/>
        <v>5.8449226663841944</v>
      </c>
      <c r="T4166" s="236" t="e">
        <f t="shared" si="960"/>
        <v>#N/A</v>
      </c>
    </row>
    <row r="4167" spans="1:20" x14ac:dyDescent="0.2">
      <c r="A4167" s="53">
        <f t="shared" si="961"/>
        <v>4155</v>
      </c>
      <c r="B4167" s="239">
        <v>41.363</v>
      </c>
      <c r="C4167" s="3">
        <f t="shared" si="962"/>
        <v>41.356000000000002</v>
      </c>
      <c r="D4167" s="239">
        <v>6.3465999999999996</v>
      </c>
      <c r="E4167" s="239">
        <v>0.15640000000000001</v>
      </c>
      <c r="F4167" s="239">
        <v>0.32729999999999998</v>
      </c>
      <c r="G4167">
        <f t="shared" si="963"/>
        <v>6.4120599999999994</v>
      </c>
      <c r="H4167" s="235">
        <f t="shared" si="964"/>
        <v>2.4391537197094233</v>
      </c>
      <c r="I4167" s="236">
        <f t="shared" si="965"/>
        <v>19.895180095735483</v>
      </c>
      <c r="J4167" s="237">
        <f t="shared" si="970"/>
        <v>9.8951800957354834</v>
      </c>
      <c r="K4167" s="237">
        <f t="shared" si="966"/>
        <v>822.78506803923665</v>
      </c>
      <c r="L4167" s="237">
        <f t="shared" si="971"/>
        <v>409.29433429990678</v>
      </c>
      <c r="M4167" s="236">
        <f t="shared" si="967"/>
        <v>13.655881510114604</v>
      </c>
      <c r="N4167" s="236">
        <f t="shared" si="968"/>
        <v>2.7982162606757588</v>
      </c>
      <c r="O4167" s="236">
        <f t="shared" si="972"/>
        <v>2.8686625987562886</v>
      </c>
      <c r="P4167" s="236" t="str">
        <f t="shared" si="973"/>
        <v>CLAY</v>
      </c>
      <c r="Q4167" s="236">
        <f t="shared" si="969"/>
        <v>465.77291099673022</v>
      </c>
      <c r="R4167" s="238">
        <v>35</v>
      </c>
      <c r="S4167" s="236">
        <f t="shared" si="974"/>
        <v>6.5628077676361434</v>
      </c>
      <c r="T4167" s="236" t="e">
        <f t="shared" si="960"/>
        <v>#N/A</v>
      </c>
    </row>
    <row r="4168" spans="1:20" x14ac:dyDescent="0.2">
      <c r="A4168" s="53">
        <f t="shared" si="961"/>
        <v>4156</v>
      </c>
      <c r="B4168" s="239">
        <v>41.372999999999998</v>
      </c>
      <c r="C4168" s="3">
        <f t="shared" si="962"/>
        <v>41.366</v>
      </c>
      <c r="D4168" s="239">
        <v>6.5233999999999996</v>
      </c>
      <c r="E4168" s="239">
        <v>0.15840000000000001</v>
      </c>
      <c r="F4168" s="239">
        <v>0.33829999999999999</v>
      </c>
      <c r="G4168">
        <f t="shared" si="963"/>
        <v>6.5910599999999997</v>
      </c>
      <c r="H4168" s="235">
        <f t="shared" si="964"/>
        <v>2.4032553185678784</v>
      </c>
      <c r="I4168" s="236">
        <f t="shared" si="965"/>
        <v>19.920841771597367</v>
      </c>
      <c r="J4168" s="237">
        <f t="shared" si="970"/>
        <v>9.9208417715973667</v>
      </c>
      <c r="K4168" s="237">
        <f t="shared" si="966"/>
        <v>824.04554072389669</v>
      </c>
      <c r="L4168" s="237">
        <f t="shared" si="971"/>
        <v>410.45498661629784</v>
      </c>
      <c r="M4168" s="236">
        <f t="shared" si="967"/>
        <v>14.050296980962816</v>
      </c>
      <c r="N4168" s="236">
        <f t="shared" si="968"/>
        <v>2.7466551561218555</v>
      </c>
      <c r="O4168" s="236">
        <f t="shared" si="972"/>
        <v>2.8539053563601322</v>
      </c>
      <c r="P4168" s="236" t="str">
        <f t="shared" si="973"/>
        <v>CLAY</v>
      </c>
      <c r="Q4168" s="236">
        <f t="shared" si="969"/>
        <v>480.58453827300855</v>
      </c>
      <c r="R4168" s="238">
        <v>35</v>
      </c>
      <c r="S4168" s="236">
        <f t="shared" si="974"/>
        <v>6.8005946379720212</v>
      </c>
      <c r="T4168" s="236" t="e">
        <f t="shared" si="960"/>
        <v>#N/A</v>
      </c>
    </row>
    <row r="4169" spans="1:20" x14ac:dyDescent="0.2">
      <c r="A4169" s="53">
        <f t="shared" si="961"/>
        <v>4157</v>
      </c>
      <c r="B4169" s="239">
        <v>41.384</v>
      </c>
      <c r="C4169" s="3">
        <f t="shared" si="962"/>
        <v>41.377000000000002</v>
      </c>
      <c r="D4169" s="239">
        <v>6.7159000000000004</v>
      </c>
      <c r="E4169" s="239">
        <v>0.1578</v>
      </c>
      <c r="F4169" s="239">
        <v>0.37040000000000001</v>
      </c>
      <c r="G4169">
        <f t="shared" si="963"/>
        <v>6.7899800000000008</v>
      </c>
      <c r="H4169" s="235">
        <f t="shared" si="964"/>
        <v>2.3240127364145402</v>
      </c>
      <c r="I4169" s="236">
        <f t="shared" si="965"/>
        <v>19.928013596895301</v>
      </c>
      <c r="J4169" s="237">
        <f t="shared" si="970"/>
        <v>9.9280135968953012</v>
      </c>
      <c r="K4169" s="237">
        <f t="shared" si="966"/>
        <v>824.56141859873696</v>
      </c>
      <c r="L4169" s="237">
        <f t="shared" si="971"/>
        <v>410.86091469391516</v>
      </c>
      <c r="M4169" s="236">
        <f t="shared" si="967"/>
        <v>14.519313879845216</v>
      </c>
      <c r="N4169" s="236">
        <f t="shared" si="968"/>
        <v>2.6452460602175063</v>
      </c>
      <c r="O4169" s="236">
        <f t="shared" si="972"/>
        <v>2.8328091437172542</v>
      </c>
      <c r="P4169" s="236" t="str">
        <f t="shared" si="973"/>
        <v>CLAY</v>
      </c>
      <c r="Q4169" s="236">
        <f t="shared" si="969"/>
        <v>497.11821511677198</v>
      </c>
      <c r="R4169" s="238">
        <v>35</v>
      </c>
      <c r="S4169" s="236">
        <f t="shared" si="974"/>
        <v>7.0855346490994275</v>
      </c>
      <c r="T4169" s="236" t="e">
        <f t="shared" si="960"/>
        <v>#N/A</v>
      </c>
    </row>
    <row r="4170" spans="1:20" x14ac:dyDescent="0.2">
      <c r="A4170" s="53">
        <f t="shared" si="961"/>
        <v>4158</v>
      </c>
      <c r="B4170" s="239">
        <v>41.393000000000001</v>
      </c>
      <c r="C4170" s="3">
        <f t="shared" si="962"/>
        <v>41.386000000000003</v>
      </c>
      <c r="D4170" s="239">
        <v>7.0418000000000003</v>
      </c>
      <c r="E4170" s="239">
        <v>0.158</v>
      </c>
      <c r="F4170" s="239">
        <v>0.33339999999999997</v>
      </c>
      <c r="G4170">
        <f t="shared" si="963"/>
        <v>7.1084800000000001</v>
      </c>
      <c r="H4170" s="235">
        <f t="shared" si="964"/>
        <v>2.222697398037274</v>
      </c>
      <c r="I4170" s="236">
        <f t="shared" si="965"/>
        <v>19.947416260425747</v>
      </c>
      <c r="J4170" s="237">
        <f t="shared" si="970"/>
        <v>9.9474162604257472</v>
      </c>
      <c r="K4170" s="237">
        <f t="shared" si="966"/>
        <v>825.54376935398</v>
      </c>
      <c r="L4170" s="237">
        <f t="shared" si="971"/>
        <v>411.75340126780299</v>
      </c>
      <c r="M4170" s="236">
        <f t="shared" si="967"/>
        <v>15.258978338249648</v>
      </c>
      <c r="N4170" s="236">
        <f t="shared" si="968"/>
        <v>2.5147477898841286</v>
      </c>
      <c r="O4170" s="236">
        <f t="shared" si="972"/>
        <v>2.8024931850771462</v>
      </c>
      <c r="P4170" s="236" t="str">
        <f t="shared" si="973"/>
        <v>CLAY</v>
      </c>
      <c r="Q4170" s="236">
        <f t="shared" si="969"/>
        <v>523.57801922050169</v>
      </c>
      <c r="R4170" s="238">
        <v>35</v>
      </c>
      <c r="S4170" s="236">
        <f t="shared" si="974"/>
        <v>7.5395743676279459</v>
      </c>
      <c r="T4170" s="236" t="e">
        <f t="shared" si="960"/>
        <v>#N/A</v>
      </c>
    </row>
    <row r="4171" spans="1:20" x14ac:dyDescent="0.2">
      <c r="A4171" s="53">
        <f t="shared" si="961"/>
        <v>4159</v>
      </c>
      <c r="B4171" s="239">
        <v>41.402000000000001</v>
      </c>
      <c r="C4171" s="3">
        <f t="shared" si="962"/>
        <v>41.395000000000003</v>
      </c>
      <c r="D4171" s="239">
        <v>7.5186000000000002</v>
      </c>
      <c r="E4171" s="239">
        <v>0.15970000000000001</v>
      </c>
      <c r="F4171" s="239">
        <v>0.40250000000000002</v>
      </c>
      <c r="G4171">
        <f t="shared" si="963"/>
        <v>7.5991</v>
      </c>
      <c r="H4171" s="235">
        <f t="shared" si="964"/>
        <v>2.101564658972773</v>
      </c>
      <c r="I4171" s="236">
        <f t="shared" si="965"/>
        <v>19.986052271619499</v>
      </c>
      <c r="J4171" s="237">
        <f t="shared" si="970"/>
        <v>9.9860522716194993</v>
      </c>
      <c r="K4171" s="237">
        <f t="shared" si="966"/>
        <v>827.32263378368918</v>
      </c>
      <c r="L4171" s="237">
        <f t="shared" si="971"/>
        <v>413.44253614959052</v>
      </c>
      <c r="M4171" s="236">
        <f t="shared" si="967"/>
        <v>16.379004998571716</v>
      </c>
      <c r="N4171" s="236">
        <f t="shared" si="968"/>
        <v>2.3583173421608135</v>
      </c>
      <c r="O4171" s="236">
        <f t="shared" si="972"/>
        <v>2.7612715771176353</v>
      </c>
      <c r="P4171" s="236" t="str">
        <f t="shared" si="973"/>
        <v>CLAY</v>
      </c>
      <c r="Q4171" s="236">
        <f t="shared" si="969"/>
        <v>564.31478051802594</v>
      </c>
      <c r="R4171" s="238">
        <v>35</v>
      </c>
      <c r="S4171" s="236">
        <f t="shared" si="974"/>
        <v>8.2375754035691333</v>
      </c>
      <c r="T4171" s="236" t="e">
        <f t="shared" si="960"/>
        <v>#N/A</v>
      </c>
    </row>
    <row r="4172" spans="1:20" x14ac:dyDescent="0.2">
      <c r="A4172" s="53">
        <f t="shared" si="961"/>
        <v>4160</v>
      </c>
      <c r="B4172" s="239">
        <v>41.411999999999999</v>
      </c>
      <c r="C4172" s="3">
        <f t="shared" si="962"/>
        <v>41.405000000000001</v>
      </c>
      <c r="D4172" s="239">
        <v>7.9238999999999997</v>
      </c>
      <c r="E4172" s="239">
        <v>0.1603</v>
      </c>
      <c r="F4172" s="239">
        <v>0.38650000000000001</v>
      </c>
      <c r="G4172">
        <f t="shared" si="963"/>
        <v>8.001199999999999</v>
      </c>
      <c r="H4172" s="235">
        <f t="shared" si="964"/>
        <v>2.0034494825776137</v>
      </c>
      <c r="I4172" s="236">
        <f t="shared" si="965"/>
        <v>20.010603178389694</v>
      </c>
      <c r="J4172" s="237">
        <f t="shared" si="970"/>
        <v>10.010603178389694</v>
      </c>
      <c r="K4172" s="237">
        <f t="shared" si="966"/>
        <v>828.53902460122526</v>
      </c>
      <c r="L4172" s="237">
        <f t="shared" si="971"/>
        <v>414.55909882347402</v>
      </c>
      <c r="M4172" s="236">
        <f t="shared" si="967"/>
        <v>17.301902179339233</v>
      </c>
      <c r="N4172" s="236">
        <f t="shared" si="968"/>
        <v>2.2348749027704873</v>
      </c>
      <c r="O4172" s="236">
        <f t="shared" si="972"/>
        <v>2.7283622772491678</v>
      </c>
      <c r="P4172" s="236" t="str">
        <f t="shared" si="973"/>
        <v>CLAY</v>
      </c>
      <c r="Q4172" s="236">
        <f t="shared" si="969"/>
        <v>597.7217479498978</v>
      </c>
      <c r="R4172" s="238">
        <v>35</v>
      </c>
      <c r="S4172" s="236">
        <f t="shared" si="974"/>
        <v>8.8218023649354365</v>
      </c>
      <c r="T4172" s="236" t="e">
        <f t="shared" si="960"/>
        <v>#N/A</v>
      </c>
    </row>
    <row r="4173" spans="1:20" x14ac:dyDescent="0.2">
      <c r="A4173" s="53">
        <f t="shared" si="961"/>
        <v>4161</v>
      </c>
      <c r="B4173" s="239">
        <v>41.421999999999997</v>
      </c>
      <c r="C4173" s="3">
        <f t="shared" si="962"/>
        <v>41.414999999999999</v>
      </c>
      <c r="D4173" s="239">
        <v>8.1869999999999994</v>
      </c>
      <c r="E4173" s="239">
        <v>0.16109999999999999</v>
      </c>
      <c r="F4173" s="239">
        <v>0.38319999999999999</v>
      </c>
      <c r="G4173">
        <f t="shared" si="963"/>
        <v>8.2636399999999988</v>
      </c>
      <c r="H4173" s="235">
        <f t="shared" si="964"/>
        <v>1.949504092627462</v>
      </c>
      <c r="I4173" s="236">
        <f t="shared" si="965"/>
        <v>20.029055263769521</v>
      </c>
      <c r="J4173" s="237">
        <f t="shared" si="970"/>
        <v>10.029055263769521</v>
      </c>
      <c r="K4173" s="237">
        <f t="shared" si="966"/>
        <v>829.50332374901473</v>
      </c>
      <c r="L4173" s="237">
        <f t="shared" si="971"/>
        <v>415.42352713586109</v>
      </c>
      <c r="M4173" s="236">
        <f t="shared" si="967"/>
        <v>17.895319332310486</v>
      </c>
      <c r="N4173" s="236">
        <f t="shared" si="968"/>
        <v>2.1670303764342722</v>
      </c>
      <c r="O4173" s="236">
        <f t="shared" si="972"/>
        <v>2.708682379078426</v>
      </c>
      <c r="P4173" s="236" t="str">
        <f t="shared" si="973"/>
        <v>CLAY</v>
      </c>
      <c r="Q4173" s="236">
        <f t="shared" si="969"/>
        <v>619.51138968758198</v>
      </c>
      <c r="R4173" s="238">
        <v>35</v>
      </c>
      <c r="S4173" s="236">
        <f t="shared" si="974"/>
        <v>9.2016206387453732</v>
      </c>
      <c r="T4173" s="236" t="e">
        <f t="shared" ref="T4173:T4236" si="975">IF(P4173="SAND",17.6+(11*LOG(M4173)),#N/A)</f>
        <v>#N/A</v>
      </c>
    </row>
    <row r="4174" spans="1:20" x14ac:dyDescent="0.2">
      <c r="A4174" s="53">
        <f t="shared" ref="A4174:A4237" si="976">$A4173+1</f>
        <v>4162</v>
      </c>
      <c r="B4174" s="239">
        <v>41.432000000000002</v>
      </c>
      <c r="C4174" s="3">
        <f t="shared" ref="C4174:C4237" si="977">MAX($B4174 - $B$13, 0.001)</f>
        <v>41.425000000000004</v>
      </c>
      <c r="D4174" s="239">
        <v>8.7253000000000007</v>
      </c>
      <c r="E4174" s="239">
        <v>0.16239999999999999</v>
      </c>
      <c r="F4174" s="239">
        <v>0.36809999999999998</v>
      </c>
      <c r="G4174">
        <f t="shared" si="963"/>
        <v>8.7989200000000007</v>
      </c>
      <c r="H4174" s="235">
        <f t="shared" si="964"/>
        <v>1.8456810608574685</v>
      </c>
      <c r="I4174" s="236">
        <f t="shared" si="965"/>
        <v>20.063011753818127</v>
      </c>
      <c r="J4174" s="237">
        <f t="shared" si="970"/>
        <v>10.063011753818127</v>
      </c>
      <c r="K4174" s="237">
        <f t="shared" si="966"/>
        <v>831.11026190191603</v>
      </c>
      <c r="L4174" s="237">
        <f t="shared" si="971"/>
        <v>416.93070298419269</v>
      </c>
      <c r="M4174" s="236">
        <f t="shared" si="967"/>
        <v>19.110633208512283</v>
      </c>
      <c r="N4174" s="236">
        <f t="shared" si="968"/>
        <v>2.0382012791229731</v>
      </c>
      <c r="O4174" s="236">
        <f t="shared" si="972"/>
        <v>2.6700399600914566</v>
      </c>
      <c r="P4174" s="236" t="str">
        <f t="shared" si="973"/>
        <v>CLAY</v>
      </c>
      <c r="Q4174" s="236">
        <f t="shared" si="969"/>
        <v>663.98414484150703</v>
      </c>
      <c r="R4174" s="238">
        <v>35</v>
      </c>
      <c r="S4174" s="236">
        <f t="shared" si="974"/>
        <v>9.9892723749914403</v>
      </c>
      <c r="T4174" s="236" t="e">
        <f t="shared" si="975"/>
        <v>#N/A</v>
      </c>
    </row>
    <row r="4175" spans="1:20" x14ac:dyDescent="0.2">
      <c r="A4175" s="53">
        <f t="shared" si="976"/>
        <v>4163</v>
      </c>
      <c r="B4175" s="239">
        <v>41.441000000000003</v>
      </c>
      <c r="C4175" s="3">
        <f t="shared" si="977"/>
        <v>41.434000000000005</v>
      </c>
      <c r="D4175" s="239">
        <v>9.2523</v>
      </c>
      <c r="E4175" s="239">
        <v>0.1651</v>
      </c>
      <c r="F4175" s="239">
        <v>0.29199999999999998</v>
      </c>
      <c r="G4175">
        <f t="shared" ref="G4175:G4238" si="978">$D4175+($F4175*(1-$P$8))</f>
        <v>9.3107000000000006</v>
      </c>
      <c r="H4175" s="235">
        <f t="shared" ref="H4175:H4238" si="979">($E4175/$G4175)*100</f>
        <v>1.773228650907021</v>
      </c>
      <c r="I4175" s="236">
        <f t="shared" ref="I4175:I4238" si="980">((0.27*(LOG($H4175)))+(0.36*(LOG(($G4175*1000)/101)))+1.236)*10</f>
        <v>20.104444252318867</v>
      </c>
      <c r="J4175" s="237">
        <f t="shared" si="970"/>
        <v>10.104444252318867</v>
      </c>
      <c r="K4175" s="237">
        <f t="shared" ref="K4175:K4238" si="981">$I4175*$C4175</f>
        <v>833.00754315057998</v>
      </c>
      <c r="L4175" s="237">
        <f t="shared" si="971"/>
        <v>418.7382742603462</v>
      </c>
      <c r="M4175" s="236">
        <f t="shared" ref="M4175:M4238" si="982">(($G4175*1000)-$K4175)/$L4175</f>
        <v>20.245802636084093</v>
      </c>
      <c r="N4175" s="236">
        <f t="shared" ref="N4175:N4238" si="983">(($E4175*1000)/(($G4175*1000)-$K4175))*100</f>
        <v>1.9474638982286976</v>
      </c>
      <c r="O4175" s="236">
        <f t="shared" si="972"/>
        <v>2.638170607370304</v>
      </c>
      <c r="P4175" s="236" t="str">
        <f t="shared" si="973"/>
        <v>CLAY</v>
      </c>
      <c r="Q4175" s="236">
        <f t="shared" ref="Q4175:Q4238" si="984">IF(P4175="CLAY",($G4175*1000 -$K4175)/$L$8,#N/A)</f>
        <v>706.47437140411841</v>
      </c>
      <c r="R4175" s="238">
        <v>35</v>
      </c>
      <c r="S4175" s="236">
        <f t="shared" si="974"/>
        <v>10.73640182591012</v>
      </c>
      <c r="T4175" s="236" t="e">
        <f t="shared" si="975"/>
        <v>#N/A</v>
      </c>
    </row>
    <row r="4176" spans="1:20" x14ac:dyDescent="0.2">
      <c r="A4176" s="53">
        <f t="shared" si="976"/>
        <v>4164</v>
      </c>
      <c r="B4176" s="239">
        <v>41.45</v>
      </c>
      <c r="C4176" s="3">
        <f t="shared" si="977"/>
        <v>41.443000000000005</v>
      </c>
      <c r="D4176" s="239">
        <v>9.5360999999999994</v>
      </c>
      <c r="E4176" s="239">
        <v>0.1618</v>
      </c>
      <c r="F4176" s="239">
        <v>0.2056</v>
      </c>
      <c r="G4176">
        <f t="shared" si="978"/>
        <v>9.5772199999999987</v>
      </c>
      <c r="H4176" s="235">
        <f t="shared" si="979"/>
        <v>1.6894255326702321</v>
      </c>
      <c r="I4176" s="236">
        <f t="shared" si="980"/>
        <v>20.091800568438725</v>
      </c>
      <c r="J4176" s="237">
        <f t="shared" ref="J4176:J4239" si="985">$I4176-10</f>
        <v>10.091800568438725</v>
      </c>
      <c r="K4176" s="237">
        <f t="shared" si="981"/>
        <v>832.66449095780615</v>
      </c>
      <c r="L4176" s="237">
        <f t="shared" ref="L4176:L4239" si="986">$J4176*$B4176</f>
        <v>418.30513356178517</v>
      </c>
      <c r="M4176" s="236">
        <f t="shared" si="982"/>
        <v>20.904729125803545</v>
      </c>
      <c r="N4176" s="236">
        <f t="shared" si="983"/>
        <v>1.8502941611233739</v>
      </c>
      <c r="O4176" s="236">
        <f t="shared" ref="O4176:O4239" si="987">((3.47-LOG($M4176))^2+(LOG($N4176)+1.22)^2)^0.5</f>
        <v>2.6140645843420702</v>
      </c>
      <c r="P4176" s="236" t="str">
        <f t="shared" ref="P4176:P4239" si="988">IF(O4176&lt;2.6,"SAND","CLAY")</f>
        <v>CLAY</v>
      </c>
      <c r="Q4176" s="236">
        <f t="shared" si="984"/>
        <v>728.71295908684942</v>
      </c>
      <c r="R4176" s="238">
        <v>35</v>
      </c>
      <c r="S4176" s="236">
        <f t="shared" ref="S4176:S4239" si="989">IF(P4176="SAND",#N/A,0.25*($M4176)^1.25)</f>
        <v>11.174952590735046</v>
      </c>
      <c r="T4176" s="236" t="e">
        <f t="shared" si="975"/>
        <v>#N/A</v>
      </c>
    </row>
    <row r="4177" spans="1:20" x14ac:dyDescent="0.2">
      <c r="A4177" s="53">
        <f t="shared" si="976"/>
        <v>4165</v>
      </c>
      <c r="B4177" s="239">
        <v>41.46</v>
      </c>
      <c r="C4177" s="3">
        <f t="shared" si="977"/>
        <v>41.453000000000003</v>
      </c>
      <c r="D4177" s="239">
        <v>9.5244</v>
      </c>
      <c r="E4177" s="239">
        <v>0.1527</v>
      </c>
      <c r="F4177" s="239">
        <v>0.12379999999999999</v>
      </c>
      <c r="G4177">
        <f t="shared" si="978"/>
        <v>9.5491600000000005</v>
      </c>
      <c r="H4177" s="235">
        <f t="shared" si="979"/>
        <v>1.5990935328343017</v>
      </c>
      <c r="I4177" s="236">
        <f t="shared" si="980"/>
        <v>20.022777107596461</v>
      </c>
      <c r="J4177" s="237">
        <f t="shared" si="985"/>
        <v>10.022777107596461</v>
      </c>
      <c r="K4177" s="237">
        <f t="shared" si="981"/>
        <v>830.00417944119613</v>
      </c>
      <c r="L4177" s="237">
        <f t="shared" si="986"/>
        <v>415.54433888094928</v>
      </c>
      <c r="M4177" s="236">
        <f t="shared" si="982"/>
        <v>20.982492130777853</v>
      </c>
      <c r="N4177" s="236">
        <f t="shared" si="983"/>
        <v>1.7513163331701251</v>
      </c>
      <c r="O4177" s="236">
        <f t="shared" si="987"/>
        <v>2.5992218064526371</v>
      </c>
      <c r="P4177" s="236" t="str">
        <f t="shared" si="988"/>
        <v>SAND</v>
      </c>
      <c r="Q4177" s="236" t="e">
        <f t="shared" si="984"/>
        <v>#N/A</v>
      </c>
      <c r="R4177" s="238">
        <v>35</v>
      </c>
      <c r="S4177" s="236" t="e">
        <f t="shared" si="989"/>
        <v>#N/A</v>
      </c>
      <c r="T4177" s="236">
        <f t="shared" si="975"/>
        <v>32.140427757992853</v>
      </c>
    </row>
    <row r="4178" spans="1:20" x14ac:dyDescent="0.2">
      <c r="A4178" s="53">
        <f t="shared" si="976"/>
        <v>4166</v>
      </c>
      <c r="B4178" s="239">
        <v>41.470999999999997</v>
      </c>
      <c r="C4178" s="3">
        <f t="shared" si="977"/>
        <v>41.463999999999999</v>
      </c>
      <c r="D4178" s="239">
        <v>9.2568999999999999</v>
      </c>
      <c r="E4178" s="239">
        <v>0.14580000000000001</v>
      </c>
      <c r="F4178" s="239">
        <v>0.1797</v>
      </c>
      <c r="G4178">
        <f t="shared" si="978"/>
        <v>9.29284</v>
      </c>
      <c r="H4178" s="235">
        <f t="shared" si="979"/>
        <v>1.5689498581703765</v>
      </c>
      <c r="I4178" s="236">
        <f t="shared" si="980"/>
        <v>19.957921982885779</v>
      </c>
      <c r="J4178" s="237">
        <f t="shared" si="985"/>
        <v>9.9579219828857788</v>
      </c>
      <c r="K4178" s="237">
        <f t="shared" si="981"/>
        <v>827.5352770983759</v>
      </c>
      <c r="L4178" s="237">
        <f t="shared" si="986"/>
        <v>412.96498255225612</v>
      </c>
      <c r="M4178" s="236">
        <f t="shared" si="982"/>
        <v>20.498843922754237</v>
      </c>
      <c r="N4178" s="236">
        <f t="shared" si="983"/>
        <v>1.7223242963193015</v>
      </c>
      <c r="O4178" s="236">
        <f t="shared" si="987"/>
        <v>2.6035365950002265</v>
      </c>
      <c r="P4178" s="236" t="str">
        <f t="shared" si="988"/>
        <v>CLAY</v>
      </c>
      <c r="Q4178" s="236">
        <f t="shared" si="984"/>
        <v>705.4420602418021</v>
      </c>
      <c r="R4178" s="238">
        <v>35</v>
      </c>
      <c r="S4178" s="236">
        <f t="shared" si="989"/>
        <v>10.904398632050302</v>
      </c>
      <c r="T4178" s="236" t="e">
        <f t="shared" si="975"/>
        <v>#N/A</v>
      </c>
    </row>
    <row r="4179" spans="1:20" x14ac:dyDescent="0.2">
      <c r="A4179" s="53">
        <f t="shared" si="976"/>
        <v>4167</v>
      </c>
      <c r="B4179" s="239">
        <v>41.481000000000002</v>
      </c>
      <c r="C4179" s="3">
        <f t="shared" si="977"/>
        <v>41.474000000000004</v>
      </c>
      <c r="D4179" s="239">
        <v>8.8794000000000004</v>
      </c>
      <c r="E4179" s="239">
        <v>0.14149999999999999</v>
      </c>
      <c r="F4179" s="239">
        <v>0.191</v>
      </c>
      <c r="G4179">
        <f t="shared" si="978"/>
        <v>8.9176000000000002</v>
      </c>
      <c r="H4179" s="235">
        <f t="shared" si="979"/>
        <v>1.5867497981519689</v>
      </c>
      <c r="I4179" s="236">
        <f t="shared" si="980"/>
        <v>19.906708631313549</v>
      </c>
      <c r="J4179" s="237">
        <f t="shared" si="985"/>
        <v>9.9067086313135491</v>
      </c>
      <c r="K4179" s="237">
        <f t="shared" si="981"/>
        <v>825.61083377509817</v>
      </c>
      <c r="L4179" s="237">
        <f t="shared" si="986"/>
        <v>410.94018073551734</v>
      </c>
      <c r="M4179" s="236">
        <f t="shared" si="982"/>
        <v>19.691404115658713</v>
      </c>
      <c r="N4179" s="236">
        <f t="shared" si="983"/>
        <v>1.7486429738512981</v>
      </c>
      <c r="O4179" s="236">
        <f t="shared" si="987"/>
        <v>2.6216915511252306</v>
      </c>
      <c r="P4179" s="236" t="str">
        <f t="shared" si="988"/>
        <v>CLAY</v>
      </c>
      <c r="Q4179" s="236">
        <f t="shared" si="984"/>
        <v>674.33243051874183</v>
      </c>
      <c r="R4179" s="238">
        <v>35</v>
      </c>
      <c r="S4179" s="236">
        <f t="shared" si="989"/>
        <v>10.370169739163257</v>
      </c>
      <c r="T4179" s="236" t="e">
        <f t="shared" si="975"/>
        <v>#N/A</v>
      </c>
    </row>
    <row r="4180" spans="1:20" x14ac:dyDescent="0.2">
      <c r="A4180" s="53">
        <f t="shared" si="976"/>
        <v>4168</v>
      </c>
      <c r="B4180" s="239">
        <v>41.49</v>
      </c>
      <c r="C4180" s="3">
        <f t="shared" si="977"/>
        <v>41.483000000000004</v>
      </c>
      <c r="D4180" s="239">
        <v>8.3323999999999998</v>
      </c>
      <c r="E4180" s="239">
        <v>0.13900000000000001</v>
      </c>
      <c r="F4180" s="239">
        <v>0.224</v>
      </c>
      <c r="G4180">
        <f t="shared" si="978"/>
        <v>8.3772000000000002</v>
      </c>
      <c r="H4180" s="235">
        <f t="shared" si="979"/>
        <v>1.6592656257460727</v>
      </c>
      <c r="I4180" s="236">
        <f t="shared" si="980"/>
        <v>19.861372010717158</v>
      </c>
      <c r="J4180" s="237">
        <f t="shared" si="985"/>
        <v>9.8613720107171581</v>
      </c>
      <c r="K4180" s="237">
        <f t="shared" si="981"/>
        <v>823.90929512057994</v>
      </c>
      <c r="L4180" s="237">
        <f t="shared" si="986"/>
        <v>409.14832472465491</v>
      </c>
      <c r="M4180" s="236">
        <f t="shared" si="982"/>
        <v>18.461008510697358</v>
      </c>
      <c r="N4180" s="236">
        <f t="shared" si="983"/>
        <v>1.8402575172991302</v>
      </c>
      <c r="O4180" s="236">
        <f t="shared" si="987"/>
        <v>2.6573209480464386</v>
      </c>
      <c r="P4180" s="236" t="str">
        <f t="shared" si="988"/>
        <v>CLAY</v>
      </c>
      <c r="Q4180" s="236">
        <f t="shared" si="984"/>
        <v>629.440892073285</v>
      </c>
      <c r="R4180" s="238">
        <v>35</v>
      </c>
      <c r="S4180" s="236">
        <f t="shared" si="989"/>
        <v>9.5666368142168352</v>
      </c>
      <c r="T4180" s="236" t="e">
        <f t="shared" si="975"/>
        <v>#N/A</v>
      </c>
    </row>
    <row r="4181" spans="1:20" x14ac:dyDescent="0.2">
      <c r="A4181" s="53">
        <f t="shared" si="976"/>
        <v>4169</v>
      </c>
      <c r="B4181" s="239">
        <v>41.5</v>
      </c>
      <c r="C4181" s="3">
        <f t="shared" si="977"/>
        <v>41.493000000000002</v>
      </c>
      <c r="D4181" s="239">
        <v>7.7295999999999996</v>
      </c>
      <c r="E4181" s="239">
        <v>0.13569999999999999</v>
      </c>
      <c r="F4181" s="239">
        <v>0.26860000000000001</v>
      </c>
      <c r="G4181">
        <f t="shared" si="978"/>
        <v>7.7833199999999998</v>
      </c>
      <c r="H4181" s="235">
        <f t="shared" si="979"/>
        <v>1.7434719374251604</v>
      </c>
      <c r="I4181" s="236">
        <f t="shared" si="980"/>
        <v>19.80445704065135</v>
      </c>
      <c r="J4181" s="237">
        <f t="shared" si="985"/>
        <v>9.80445704065135</v>
      </c>
      <c r="K4181" s="237">
        <f t="shared" si="981"/>
        <v>821.74633598774653</v>
      </c>
      <c r="L4181" s="237">
        <f t="shared" si="986"/>
        <v>406.88496718703101</v>
      </c>
      <c r="M4181" s="236">
        <f t="shared" si="982"/>
        <v>17.109439338937921</v>
      </c>
      <c r="N4181" s="236">
        <f t="shared" si="983"/>
        <v>1.9492719110550969</v>
      </c>
      <c r="O4181" s="236">
        <f t="shared" si="987"/>
        <v>2.6986716958724588</v>
      </c>
      <c r="P4181" s="236" t="str">
        <f t="shared" si="988"/>
        <v>CLAY</v>
      </c>
      <c r="Q4181" s="236">
        <f t="shared" si="984"/>
        <v>580.13113866768776</v>
      </c>
      <c r="R4181" s="238">
        <v>35</v>
      </c>
      <c r="S4181" s="236">
        <f t="shared" si="989"/>
        <v>8.6993084852426019</v>
      </c>
      <c r="T4181" s="236" t="e">
        <f t="shared" si="975"/>
        <v>#N/A</v>
      </c>
    </row>
    <row r="4182" spans="1:20" x14ac:dyDescent="0.2">
      <c r="A4182" s="53">
        <f t="shared" si="976"/>
        <v>4170</v>
      </c>
      <c r="B4182" s="239">
        <v>41.511000000000003</v>
      </c>
      <c r="C4182" s="3">
        <f t="shared" si="977"/>
        <v>41.504000000000005</v>
      </c>
      <c r="D4182" s="239">
        <v>7.2302999999999997</v>
      </c>
      <c r="E4182" s="239">
        <v>0.1366</v>
      </c>
      <c r="F4182" s="239">
        <v>0.26369999999999999</v>
      </c>
      <c r="G4182">
        <f t="shared" si="978"/>
        <v>7.2830399999999997</v>
      </c>
      <c r="H4182" s="235">
        <f t="shared" si="979"/>
        <v>1.8755904127946574</v>
      </c>
      <c r="I4182" s="236">
        <f t="shared" si="980"/>
        <v>19.786241368293759</v>
      </c>
      <c r="J4182" s="237">
        <f t="shared" si="985"/>
        <v>9.7862413682937586</v>
      </c>
      <c r="K4182" s="237">
        <f t="shared" si="981"/>
        <v>821.20816174966421</v>
      </c>
      <c r="L4182" s="237">
        <f t="shared" si="986"/>
        <v>406.23666543924224</v>
      </c>
      <c r="M4182" s="236">
        <f t="shared" si="982"/>
        <v>15.906569711681486</v>
      </c>
      <c r="N4182" s="236">
        <f t="shared" si="983"/>
        <v>2.1139516381625159</v>
      </c>
      <c r="O4182" s="236">
        <f t="shared" si="987"/>
        <v>2.7446427328353455</v>
      </c>
      <c r="P4182" s="236" t="str">
        <f t="shared" si="988"/>
        <v>CLAY</v>
      </c>
      <c r="Q4182" s="236">
        <f t="shared" si="984"/>
        <v>538.48598652086127</v>
      </c>
      <c r="R4182" s="238">
        <v>35</v>
      </c>
      <c r="S4182" s="236">
        <f t="shared" si="989"/>
        <v>7.9416487553222721</v>
      </c>
      <c r="T4182" s="236" t="e">
        <f t="shared" si="975"/>
        <v>#N/A</v>
      </c>
    </row>
    <row r="4183" spans="1:20" x14ac:dyDescent="0.2">
      <c r="A4183" s="53">
        <f t="shared" si="976"/>
        <v>4171</v>
      </c>
      <c r="B4183" s="239">
        <v>41.52</v>
      </c>
      <c r="C4183" s="3">
        <f t="shared" si="977"/>
        <v>41.513000000000005</v>
      </c>
      <c r="D4183" s="239">
        <v>6.8055000000000003</v>
      </c>
      <c r="E4183" s="239">
        <v>0.1376</v>
      </c>
      <c r="F4183" s="239">
        <v>0.28289999999999998</v>
      </c>
      <c r="G4183">
        <f t="shared" si="978"/>
        <v>6.8620800000000006</v>
      </c>
      <c r="H4183" s="235">
        <f t="shared" si="979"/>
        <v>2.0052229061742208</v>
      </c>
      <c r="I4183" s="236">
        <f t="shared" si="980"/>
        <v>19.771523025096972</v>
      </c>
      <c r="J4183" s="237">
        <f t="shared" si="985"/>
        <v>9.7715230250969718</v>
      </c>
      <c r="K4183" s="237">
        <f t="shared" si="981"/>
        <v>820.77523534085071</v>
      </c>
      <c r="L4183" s="237">
        <f t="shared" si="986"/>
        <v>405.71363600202631</v>
      </c>
      <c r="M4183" s="236">
        <f t="shared" si="982"/>
        <v>14.890563758692542</v>
      </c>
      <c r="N4183" s="236">
        <f t="shared" si="983"/>
        <v>2.2776536751620635</v>
      </c>
      <c r="O4183" s="236">
        <f t="shared" si="987"/>
        <v>2.7865901451116457</v>
      </c>
      <c r="P4183" s="236" t="str">
        <f t="shared" si="988"/>
        <v>CLAY</v>
      </c>
      <c r="Q4183" s="236">
        <f t="shared" si="984"/>
        <v>503.44206372159584</v>
      </c>
      <c r="R4183" s="238">
        <v>35</v>
      </c>
      <c r="S4183" s="236">
        <f t="shared" si="989"/>
        <v>7.3127198225493624</v>
      </c>
      <c r="T4183" s="236" t="e">
        <f t="shared" si="975"/>
        <v>#N/A</v>
      </c>
    </row>
    <row r="4184" spans="1:20" x14ac:dyDescent="0.2">
      <c r="A4184" s="53">
        <f t="shared" si="976"/>
        <v>4172</v>
      </c>
      <c r="B4184" s="239">
        <v>41.53</v>
      </c>
      <c r="C4184" s="3">
        <f t="shared" si="977"/>
        <v>41.523000000000003</v>
      </c>
      <c r="D4184" s="239">
        <v>6.5631000000000004</v>
      </c>
      <c r="E4184" s="239">
        <v>0.14449999999999999</v>
      </c>
      <c r="F4184" s="239">
        <v>0.29780000000000001</v>
      </c>
      <c r="G4184">
        <f t="shared" si="978"/>
        <v>6.6226600000000007</v>
      </c>
      <c r="H4184" s="235">
        <f t="shared" si="979"/>
        <v>2.1819027399866515</v>
      </c>
      <c r="I4184" s="236">
        <f t="shared" si="980"/>
        <v>19.815015455013508</v>
      </c>
      <c r="J4184" s="237">
        <f t="shared" si="985"/>
        <v>9.8150154550135085</v>
      </c>
      <c r="K4184" s="237">
        <f t="shared" si="981"/>
        <v>822.77888673852601</v>
      </c>
      <c r="L4184" s="237">
        <f t="shared" si="986"/>
        <v>407.61759184671104</v>
      </c>
      <c r="M4184" s="236">
        <f t="shared" si="982"/>
        <v>14.228731117774187</v>
      </c>
      <c r="N4184" s="236">
        <f t="shared" si="983"/>
        <v>2.4914303789710375</v>
      </c>
      <c r="O4184" s="236">
        <f t="shared" si="987"/>
        <v>2.8250000997887774</v>
      </c>
      <c r="P4184" s="236" t="str">
        <f t="shared" si="988"/>
        <v>CLAY</v>
      </c>
      <c r="Q4184" s="236">
        <f t="shared" si="984"/>
        <v>483.32342610512291</v>
      </c>
      <c r="R4184" s="238">
        <v>35</v>
      </c>
      <c r="S4184" s="236">
        <f t="shared" si="989"/>
        <v>6.9087221092669049</v>
      </c>
      <c r="T4184" s="236" t="e">
        <f t="shared" si="975"/>
        <v>#N/A</v>
      </c>
    </row>
    <row r="4185" spans="1:20" x14ac:dyDescent="0.2">
      <c r="A4185" s="53">
        <f t="shared" si="976"/>
        <v>4173</v>
      </c>
      <c r="B4185" s="239">
        <v>41.539000000000001</v>
      </c>
      <c r="C4185" s="3">
        <f t="shared" si="977"/>
        <v>41.532000000000004</v>
      </c>
      <c r="D4185" s="239">
        <v>6.3167</v>
      </c>
      <c r="E4185" s="239">
        <v>0.155</v>
      </c>
      <c r="F4185" s="239">
        <v>0.28589999999999999</v>
      </c>
      <c r="G4185">
        <f t="shared" si="978"/>
        <v>6.3738799999999998</v>
      </c>
      <c r="H4185" s="235">
        <f t="shared" si="979"/>
        <v>2.4317997828638132</v>
      </c>
      <c r="I4185" s="236">
        <f t="shared" si="980"/>
        <v>19.882302133983195</v>
      </c>
      <c r="J4185" s="237">
        <f t="shared" si="985"/>
        <v>9.8823021339831953</v>
      </c>
      <c r="K4185" s="237">
        <f t="shared" si="981"/>
        <v>825.75177222859008</v>
      </c>
      <c r="L4185" s="237">
        <f t="shared" si="986"/>
        <v>410.50094834352797</v>
      </c>
      <c r="M4185" s="236">
        <f t="shared" si="982"/>
        <v>13.515506480945948</v>
      </c>
      <c r="N4185" s="236">
        <f t="shared" si="983"/>
        <v>2.7937349974021943</v>
      </c>
      <c r="O4185" s="236">
        <f t="shared" si="987"/>
        <v>2.8719120041381117</v>
      </c>
      <c r="P4185" s="236" t="str">
        <f t="shared" si="988"/>
        <v>CLAY</v>
      </c>
      <c r="Q4185" s="236">
        <f t="shared" si="984"/>
        <v>462.34401898095081</v>
      </c>
      <c r="R4185" s="238">
        <v>35</v>
      </c>
      <c r="S4185" s="236">
        <f t="shared" si="989"/>
        <v>6.4785887878729227</v>
      </c>
      <c r="T4185" s="236" t="e">
        <f t="shared" si="975"/>
        <v>#N/A</v>
      </c>
    </row>
    <row r="4186" spans="1:20" x14ac:dyDescent="0.2">
      <c r="A4186" s="53">
        <f t="shared" si="976"/>
        <v>4174</v>
      </c>
      <c r="B4186" s="239">
        <v>41.55</v>
      </c>
      <c r="C4186" s="3">
        <f t="shared" si="977"/>
        <v>41.542999999999999</v>
      </c>
      <c r="D4186" s="239">
        <v>6.0757000000000003</v>
      </c>
      <c r="E4186" s="239">
        <v>0.17</v>
      </c>
      <c r="F4186" s="239">
        <v>0.20669999999999999</v>
      </c>
      <c r="G4186">
        <f t="shared" si="978"/>
        <v>6.1170400000000003</v>
      </c>
      <c r="H4186" s="235">
        <f t="shared" si="979"/>
        <v>2.7791219282528803</v>
      </c>
      <c r="I4186" s="236">
        <f t="shared" si="980"/>
        <v>19.97454233046982</v>
      </c>
      <c r="J4186" s="237">
        <f t="shared" si="985"/>
        <v>9.97454233046982</v>
      </c>
      <c r="K4186" s="237">
        <f t="shared" si="981"/>
        <v>829.80241203470769</v>
      </c>
      <c r="L4186" s="237">
        <f t="shared" si="986"/>
        <v>414.44223383102099</v>
      </c>
      <c r="M4186" s="236">
        <f t="shared" si="982"/>
        <v>12.757477777038133</v>
      </c>
      <c r="N4186" s="236">
        <f t="shared" si="983"/>
        <v>3.2152895944557272</v>
      </c>
      <c r="O4186" s="236">
        <f t="shared" si="987"/>
        <v>2.927951031134111</v>
      </c>
      <c r="P4186" s="236" t="str">
        <f t="shared" si="988"/>
        <v>CLAY</v>
      </c>
      <c r="Q4186" s="236">
        <f t="shared" si="984"/>
        <v>440.60313233044099</v>
      </c>
      <c r="R4186" s="238">
        <v>35</v>
      </c>
      <c r="S4186" s="236">
        <f t="shared" si="989"/>
        <v>6.0276223462860683</v>
      </c>
      <c r="T4186" s="236" t="e">
        <f t="shared" si="975"/>
        <v>#N/A</v>
      </c>
    </row>
    <row r="4187" spans="1:20" x14ac:dyDescent="0.2">
      <c r="A4187" s="53">
        <f t="shared" si="976"/>
        <v>4175</v>
      </c>
      <c r="B4187" s="239">
        <v>41.558999999999997</v>
      </c>
      <c r="C4187" s="3">
        <f t="shared" si="977"/>
        <v>41.552</v>
      </c>
      <c r="D4187" s="239">
        <v>5.9619</v>
      </c>
      <c r="E4187" s="239">
        <v>0.16639999999999999</v>
      </c>
      <c r="F4187" s="239">
        <v>0.3115</v>
      </c>
      <c r="G4187">
        <f t="shared" si="978"/>
        <v>6.0241999999999996</v>
      </c>
      <c r="H4187" s="235">
        <f t="shared" si="979"/>
        <v>2.7621924902891672</v>
      </c>
      <c r="I4187" s="236">
        <f t="shared" si="980"/>
        <v>19.943466467244903</v>
      </c>
      <c r="J4187" s="237">
        <f t="shared" si="985"/>
        <v>9.9434664672449031</v>
      </c>
      <c r="K4187" s="237">
        <f t="shared" si="981"/>
        <v>828.6909186469602</v>
      </c>
      <c r="L4187" s="237">
        <f t="shared" si="986"/>
        <v>413.24052291223092</v>
      </c>
      <c r="M4187" s="236">
        <f t="shared" si="982"/>
        <v>12.572603104697274</v>
      </c>
      <c r="N4187" s="236">
        <f t="shared" si="983"/>
        <v>3.2027660310944026</v>
      </c>
      <c r="O4187" s="236">
        <f t="shared" si="987"/>
        <v>2.9320747121678963</v>
      </c>
      <c r="P4187" s="236" t="str">
        <f t="shared" si="988"/>
        <v>CLAY</v>
      </c>
      <c r="Q4187" s="236">
        <f t="shared" si="984"/>
        <v>432.9590901127533</v>
      </c>
      <c r="R4187" s="238">
        <v>35</v>
      </c>
      <c r="S4187" s="236">
        <f t="shared" si="989"/>
        <v>5.9186344270563804</v>
      </c>
      <c r="T4187" s="236" t="e">
        <f t="shared" si="975"/>
        <v>#N/A</v>
      </c>
    </row>
    <row r="4188" spans="1:20" x14ac:dyDescent="0.2">
      <c r="A4188" s="53">
        <f t="shared" si="976"/>
        <v>4176</v>
      </c>
      <c r="B4188" s="239">
        <v>41.567999999999998</v>
      </c>
      <c r="C4188" s="3">
        <f t="shared" si="977"/>
        <v>41.561</v>
      </c>
      <c r="D4188" s="239">
        <v>5.84</v>
      </c>
      <c r="E4188" s="239">
        <v>0.15640000000000001</v>
      </c>
      <c r="F4188" s="239">
        <v>0.313</v>
      </c>
      <c r="G4188">
        <f t="shared" si="978"/>
        <v>5.9025999999999996</v>
      </c>
      <c r="H4188" s="235">
        <f t="shared" si="979"/>
        <v>2.6496798021210997</v>
      </c>
      <c r="I4188" s="236">
        <f t="shared" si="980"/>
        <v>19.862821294081556</v>
      </c>
      <c r="J4188" s="237">
        <f t="shared" si="985"/>
        <v>9.8628212940815558</v>
      </c>
      <c r="K4188" s="237">
        <f t="shared" si="981"/>
        <v>825.51871580332352</v>
      </c>
      <c r="L4188" s="237">
        <f t="shared" si="986"/>
        <v>409.97775555238206</v>
      </c>
      <c r="M4188" s="236">
        <f t="shared" si="982"/>
        <v>12.38379696321838</v>
      </c>
      <c r="N4188" s="236">
        <f t="shared" si="983"/>
        <v>3.0805100656320588</v>
      </c>
      <c r="O4188" s="236">
        <f t="shared" si="987"/>
        <v>2.9274929967743182</v>
      </c>
      <c r="P4188" s="236" t="str">
        <f t="shared" si="988"/>
        <v>CLAY</v>
      </c>
      <c r="Q4188" s="236">
        <f t="shared" si="984"/>
        <v>423.09010701638971</v>
      </c>
      <c r="R4188" s="238">
        <v>35</v>
      </c>
      <c r="S4188" s="236">
        <f t="shared" si="989"/>
        <v>5.8077416275024776</v>
      </c>
      <c r="T4188" s="236" t="e">
        <f t="shared" si="975"/>
        <v>#N/A</v>
      </c>
    </row>
    <row r="4189" spans="1:20" x14ac:dyDescent="0.2">
      <c r="A4189" s="53">
        <f t="shared" si="976"/>
        <v>4177</v>
      </c>
      <c r="B4189" s="239">
        <v>41.578000000000003</v>
      </c>
      <c r="C4189" s="3">
        <f t="shared" si="977"/>
        <v>41.571000000000005</v>
      </c>
      <c r="D4189" s="239">
        <v>5.9904000000000002</v>
      </c>
      <c r="E4189" s="239">
        <v>0.14360000000000001</v>
      </c>
      <c r="F4189" s="239">
        <v>0.3584</v>
      </c>
      <c r="G4189">
        <f t="shared" si="978"/>
        <v>6.0620799999999999</v>
      </c>
      <c r="H4189" s="235">
        <f t="shared" si="979"/>
        <v>2.3688239020270272</v>
      </c>
      <c r="I4189" s="236">
        <f t="shared" si="980"/>
        <v>19.773119539155907</v>
      </c>
      <c r="J4189" s="237">
        <f t="shared" si="985"/>
        <v>9.7731195391559069</v>
      </c>
      <c r="K4189" s="237">
        <f t="shared" si="981"/>
        <v>821.98835236225034</v>
      </c>
      <c r="L4189" s="237">
        <f t="shared" si="986"/>
        <v>406.34676419902434</v>
      </c>
      <c r="M4189" s="236">
        <f t="shared" si="982"/>
        <v>12.89561554148665</v>
      </c>
      <c r="N4189" s="236">
        <f t="shared" si="983"/>
        <v>2.7404100854750384</v>
      </c>
      <c r="O4189" s="236">
        <f t="shared" si="987"/>
        <v>2.8837243303917721</v>
      </c>
      <c r="P4189" s="236" t="str">
        <f t="shared" si="988"/>
        <v>CLAY</v>
      </c>
      <c r="Q4189" s="236">
        <f t="shared" si="984"/>
        <v>436.67430396981246</v>
      </c>
      <c r="R4189" s="238">
        <v>35</v>
      </c>
      <c r="S4189" s="236">
        <f t="shared" si="989"/>
        <v>6.1093162196473711</v>
      </c>
      <c r="T4189" s="236" t="e">
        <f t="shared" si="975"/>
        <v>#N/A</v>
      </c>
    </row>
    <row r="4190" spans="1:20" x14ac:dyDescent="0.2">
      <c r="A4190" s="53">
        <f t="shared" si="976"/>
        <v>4178</v>
      </c>
      <c r="B4190" s="239">
        <v>41.588000000000001</v>
      </c>
      <c r="C4190" s="3">
        <f t="shared" si="977"/>
        <v>41.581000000000003</v>
      </c>
      <c r="D4190" s="239">
        <v>6.2259000000000002</v>
      </c>
      <c r="E4190" s="239">
        <v>0.1371</v>
      </c>
      <c r="F4190" s="239">
        <v>0.4234</v>
      </c>
      <c r="G4190">
        <f t="shared" si="978"/>
        <v>6.3105799999999999</v>
      </c>
      <c r="H4190" s="235">
        <f t="shared" si="979"/>
        <v>2.1725419850473333</v>
      </c>
      <c r="I4190" s="236">
        <f t="shared" si="980"/>
        <v>19.734506531355169</v>
      </c>
      <c r="J4190" s="237">
        <f t="shared" si="985"/>
        <v>9.7345065313551693</v>
      </c>
      <c r="K4190" s="237">
        <f t="shared" si="981"/>
        <v>820.58051608027938</v>
      </c>
      <c r="L4190" s="237">
        <f t="shared" si="986"/>
        <v>404.83865762599879</v>
      </c>
      <c r="M4190" s="236">
        <f t="shared" si="982"/>
        <v>13.56095664409483</v>
      </c>
      <c r="N4190" s="236">
        <f t="shared" si="983"/>
        <v>2.4972679943152576</v>
      </c>
      <c r="O4190" s="236">
        <f t="shared" si="987"/>
        <v>2.8427240506638549</v>
      </c>
      <c r="P4190" s="236" t="str">
        <f t="shared" si="988"/>
        <v>CLAY</v>
      </c>
      <c r="Q4190" s="236">
        <f t="shared" si="984"/>
        <v>457.49995699331004</v>
      </c>
      <c r="R4190" s="238">
        <v>35</v>
      </c>
      <c r="S4190" s="236">
        <f t="shared" si="989"/>
        <v>6.5058331042227771</v>
      </c>
      <c r="T4190" s="236" t="e">
        <f t="shared" si="975"/>
        <v>#N/A</v>
      </c>
    </row>
    <row r="4191" spans="1:20" x14ac:dyDescent="0.2">
      <c r="A4191" s="53">
        <f t="shared" si="976"/>
        <v>4179</v>
      </c>
      <c r="B4191" s="239">
        <v>41.597999999999999</v>
      </c>
      <c r="C4191" s="3">
        <f t="shared" si="977"/>
        <v>41.591000000000001</v>
      </c>
      <c r="D4191" s="239">
        <v>6.5030999999999999</v>
      </c>
      <c r="E4191" s="239">
        <v>0.13150000000000001</v>
      </c>
      <c r="F4191" s="239">
        <v>0.32940000000000003</v>
      </c>
      <c r="G4191">
        <f t="shared" si="978"/>
        <v>6.5689799999999998</v>
      </c>
      <c r="H4191" s="235">
        <f t="shared" si="979"/>
        <v>2.0018328568514443</v>
      </c>
      <c r="I4191" s="236">
        <f t="shared" si="980"/>
        <v>19.70129073266223</v>
      </c>
      <c r="J4191" s="237">
        <f t="shared" si="985"/>
        <v>9.7012907326622297</v>
      </c>
      <c r="K4191" s="237">
        <f t="shared" si="981"/>
        <v>819.39638286215484</v>
      </c>
      <c r="L4191" s="237">
        <f t="shared" si="986"/>
        <v>403.55429189728341</v>
      </c>
      <c r="M4191" s="236">
        <f t="shared" si="982"/>
        <v>14.24736084482354</v>
      </c>
      <c r="N4191" s="236">
        <f t="shared" si="983"/>
        <v>2.2871221423415173</v>
      </c>
      <c r="O4191" s="236">
        <f t="shared" si="987"/>
        <v>2.8034338046160792</v>
      </c>
      <c r="P4191" s="236" t="str">
        <f t="shared" si="988"/>
        <v>CLAY</v>
      </c>
      <c r="Q4191" s="236">
        <f t="shared" si="984"/>
        <v>479.13196809482042</v>
      </c>
      <c r="R4191" s="238">
        <v>35</v>
      </c>
      <c r="S4191" s="236">
        <f t="shared" si="989"/>
        <v>6.9200309765038606</v>
      </c>
      <c r="T4191" s="236" t="e">
        <f t="shared" si="975"/>
        <v>#N/A</v>
      </c>
    </row>
    <row r="4192" spans="1:20" x14ac:dyDescent="0.2">
      <c r="A4192" s="53">
        <f t="shared" si="976"/>
        <v>4180</v>
      </c>
      <c r="B4192" s="239">
        <v>41.606999999999999</v>
      </c>
      <c r="C4192" s="3">
        <f t="shared" si="977"/>
        <v>41.6</v>
      </c>
      <c r="D4192" s="239">
        <v>6.4340999999999999</v>
      </c>
      <c r="E4192" s="239">
        <v>0.13700000000000001</v>
      </c>
      <c r="F4192" s="239">
        <v>0.3105</v>
      </c>
      <c r="G4192">
        <f t="shared" si="978"/>
        <v>6.4962</v>
      </c>
      <c r="H4192" s="235">
        <f t="shared" si="979"/>
        <v>2.1089252178196483</v>
      </c>
      <c r="I4192" s="236">
        <f t="shared" si="980"/>
        <v>19.744982034151313</v>
      </c>
      <c r="J4192" s="237">
        <f t="shared" si="985"/>
        <v>9.7449820341513131</v>
      </c>
      <c r="K4192" s="237">
        <f t="shared" si="981"/>
        <v>821.39125262069467</v>
      </c>
      <c r="L4192" s="237">
        <f t="shared" si="986"/>
        <v>405.45946749493368</v>
      </c>
      <c r="M4192" s="236">
        <f t="shared" si="982"/>
        <v>13.995995166767718</v>
      </c>
      <c r="N4192" s="236">
        <f t="shared" si="983"/>
        <v>2.4141782762858441</v>
      </c>
      <c r="O4192" s="236">
        <f t="shared" si="987"/>
        <v>2.8230883731238685</v>
      </c>
      <c r="P4192" s="236" t="str">
        <f t="shared" si="988"/>
        <v>CLAY</v>
      </c>
      <c r="Q4192" s="236">
        <f t="shared" si="984"/>
        <v>472.9007289482754</v>
      </c>
      <c r="R4192" s="238">
        <v>35</v>
      </c>
      <c r="S4192" s="236">
        <f t="shared" si="989"/>
        <v>6.7677567153879297</v>
      </c>
      <c r="T4192" s="236" t="e">
        <f t="shared" si="975"/>
        <v>#N/A</v>
      </c>
    </row>
    <row r="4193" spans="1:20" x14ac:dyDescent="0.2">
      <c r="A4193" s="53">
        <f t="shared" si="976"/>
        <v>4181</v>
      </c>
      <c r="B4193" s="239">
        <v>41.618000000000002</v>
      </c>
      <c r="C4193" s="3">
        <f t="shared" si="977"/>
        <v>41.611000000000004</v>
      </c>
      <c r="D4193" s="239">
        <v>6.3502999999999998</v>
      </c>
      <c r="E4193" s="239">
        <v>0.14119999999999999</v>
      </c>
      <c r="F4193" s="239">
        <v>0.35599999999999998</v>
      </c>
      <c r="G4193">
        <f t="shared" si="978"/>
        <v>6.4215</v>
      </c>
      <c r="H4193" s="235">
        <f t="shared" si="979"/>
        <v>2.1988631939577981</v>
      </c>
      <c r="I4193" s="236">
        <f t="shared" si="980"/>
        <v>19.775869573716097</v>
      </c>
      <c r="J4193" s="237">
        <f t="shared" si="985"/>
        <v>9.775869573716097</v>
      </c>
      <c r="K4193" s="237">
        <f t="shared" si="981"/>
        <v>822.89370883190054</v>
      </c>
      <c r="L4193" s="237">
        <f t="shared" si="986"/>
        <v>406.85213991891652</v>
      </c>
      <c r="M4193" s="236">
        <f t="shared" si="982"/>
        <v>13.760788605619407</v>
      </c>
      <c r="N4193" s="236">
        <f t="shared" si="983"/>
        <v>2.5220562521559251</v>
      </c>
      <c r="O4193" s="236">
        <f t="shared" si="987"/>
        <v>2.8399493806583149</v>
      </c>
      <c r="P4193" s="236" t="str">
        <f t="shared" si="988"/>
        <v>CLAY</v>
      </c>
      <c r="Q4193" s="236">
        <f t="shared" si="984"/>
        <v>466.55052426400829</v>
      </c>
      <c r="R4193" s="238">
        <v>35</v>
      </c>
      <c r="S4193" s="236">
        <f t="shared" si="989"/>
        <v>6.6258891009016603</v>
      </c>
      <c r="T4193" s="236" t="e">
        <f t="shared" si="975"/>
        <v>#N/A</v>
      </c>
    </row>
    <row r="4194" spans="1:20" x14ac:dyDescent="0.2">
      <c r="A4194" s="53">
        <f t="shared" si="976"/>
        <v>4182</v>
      </c>
      <c r="B4194" s="239">
        <v>41.628</v>
      </c>
      <c r="C4194" s="3">
        <f t="shared" si="977"/>
        <v>41.621000000000002</v>
      </c>
      <c r="D4194" s="239">
        <v>6.1417000000000002</v>
      </c>
      <c r="E4194" s="239">
        <v>0.15040000000000001</v>
      </c>
      <c r="F4194" s="239">
        <v>0.4158</v>
      </c>
      <c r="G4194">
        <f t="shared" si="978"/>
        <v>6.2248600000000005</v>
      </c>
      <c r="H4194" s="235">
        <f t="shared" si="979"/>
        <v>2.4161185954382907</v>
      </c>
      <c r="I4194" s="236">
        <f t="shared" si="980"/>
        <v>19.837728841825903</v>
      </c>
      <c r="J4194" s="237">
        <f t="shared" si="985"/>
        <v>9.8377288418259035</v>
      </c>
      <c r="K4194" s="237">
        <f t="shared" si="981"/>
        <v>825.666112125636</v>
      </c>
      <c r="L4194" s="237">
        <f t="shared" si="986"/>
        <v>409.52497622752873</v>
      </c>
      <c r="M4194" s="236">
        <f t="shared" si="982"/>
        <v>13.18404053791976</v>
      </c>
      <c r="N4194" s="236">
        <f t="shared" si="983"/>
        <v>2.7856010197702257</v>
      </c>
      <c r="O4194" s="236">
        <f t="shared" si="987"/>
        <v>2.8799699475488909</v>
      </c>
      <c r="P4194" s="236" t="str">
        <f t="shared" si="988"/>
        <v>CLAY</v>
      </c>
      <c r="Q4194" s="236">
        <f t="shared" si="984"/>
        <v>449.93282398953039</v>
      </c>
      <c r="R4194" s="238">
        <v>35</v>
      </c>
      <c r="S4194" s="236">
        <f t="shared" si="989"/>
        <v>6.2805932891348899</v>
      </c>
      <c r="T4194" s="236" t="e">
        <f t="shared" si="975"/>
        <v>#N/A</v>
      </c>
    </row>
    <row r="4195" spans="1:20" x14ac:dyDescent="0.2">
      <c r="A4195" s="53">
        <f t="shared" si="976"/>
        <v>4183</v>
      </c>
      <c r="B4195" s="239">
        <v>41.637</v>
      </c>
      <c r="C4195" s="3">
        <f t="shared" si="977"/>
        <v>41.63</v>
      </c>
      <c r="D4195" s="239">
        <v>5.9181999999999997</v>
      </c>
      <c r="E4195" s="239">
        <v>0.15859999999999999</v>
      </c>
      <c r="F4195" s="239">
        <v>0.4042</v>
      </c>
      <c r="G4195">
        <f t="shared" si="978"/>
        <v>5.9990399999999999</v>
      </c>
      <c r="H4195" s="235">
        <f t="shared" si="979"/>
        <v>2.6437563343468287</v>
      </c>
      <c r="I4195" s="236">
        <f t="shared" si="980"/>
        <v>19.885535230369044</v>
      </c>
      <c r="J4195" s="237">
        <f t="shared" si="985"/>
        <v>9.8855352303690438</v>
      </c>
      <c r="K4195" s="237">
        <f t="shared" si="981"/>
        <v>827.83483164026336</v>
      </c>
      <c r="L4195" s="237">
        <f t="shared" si="986"/>
        <v>411.60403038687588</v>
      </c>
      <c r="M4195" s="236">
        <f t="shared" si="982"/>
        <v>12.563543567586558</v>
      </c>
      <c r="N4195" s="236">
        <f t="shared" si="983"/>
        <v>3.0669833208398227</v>
      </c>
      <c r="O4195" s="236">
        <f t="shared" si="987"/>
        <v>2.9212964669636445</v>
      </c>
      <c r="P4195" s="236" t="str">
        <f t="shared" si="988"/>
        <v>CLAY</v>
      </c>
      <c r="Q4195" s="236">
        <f t="shared" si="984"/>
        <v>430.93376402997802</v>
      </c>
      <c r="R4195" s="238">
        <v>35</v>
      </c>
      <c r="S4195" s="236">
        <f t="shared" si="989"/>
        <v>5.9133038625304764</v>
      </c>
      <c r="T4195" s="236" t="e">
        <f t="shared" si="975"/>
        <v>#N/A</v>
      </c>
    </row>
    <row r="4196" spans="1:20" x14ac:dyDescent="0.2">
      <c r="A4196" s="53">
        <f t="shared" si="976"/>
        <v>4184</v>
      </c>
      <c r="B4196" s="239">
        <v>41.648000000000003</v>
      </c>
      <c r="C4196" s="3">
        <f t="shared" si="977"/>
        <v>41.641000000000005</v>
      </c>
      <c r="D4196" s="239">
        <v>5.8795000000000002</v>
      </c>
      <c r="E4196" s="239">
        <v>0.16250000000000001</v>
      </c>
      <c r="F4196" s="239">
        <v>0.37459999999999999</v>
      </c>
      <c r="G4196">
        <f t="shared" si="978"/>
        <v>5.9544199999999998</v>
      </c>
      <c r="H4196" s="235">
        <f t="shared" si="979"/>
        <v>2.729065131448571</v>
      </c>
      <c r="I4196" s="236">
        <f t="shared" si="980"/>
        <v>19.911102658977118</v>
      </c>
      <c r="J4196" s="237">
        <f t="shared" si="985"/>
        <v>9.9111026589771178</v>
      </c>
      <c r="K4196" s="237">
        <f t="shared" si="981"/>
        <v>829.11822582246623</v>
      </c>
      <c r="L4196" s="237">
        <f t="shared" si="986"/>
        <v>412.77760354107903</v>
      </c>
      <c r="M4196" s="236">
        <f t="shared" si="982"/>
        <v>12.416617883841829</v>
      </c>
      <c r="N4196" s="236">
        <f t="shared" si="983"/>
        <v>3.1705450168556499</v>
      </c>
      <c r="O4196" s="236">
        <f t="shared" si="987"/>
        <v>2.9338817675300839</v>
      </c>
      <c r="P4196" s="236" t="str">
        <f t="shared" si="988"/>
        <v>CLAY</v>
      </c>
      <c r="Q4196" s="236">
        <f t="shared" si="984"/>
        <v>427.10848118146117</v>
      </c>
      <c r="R4196" s="238">
        <v>35</v>
      </c>
      <c r="S4196" s="236">
        <f t="shared" si="989"/>
        <v>5.8269884036039405</v>
      </c>
      <c r="T4196" s="236" t="e">
        <f t="shared" si="975"/>
        <v>#N/A</v>
      </c>
    </row>
    <row r="4197" spans="1:20" x14ac:dyDescent="0.2">
      <c r="A4197" s="53">
        <f t="shared" si="976"/>
        <v>4185</v>
      </c>
      <c r="B4197" s="239">
        <v>41.656999999999996</v>
      </c>
      <c r="C4197" s="3">
        <f t="shared" si="977"/>
        <v>41.65</v>
      </c>
      <c r="D4197" s="239">
        <v>5.7286000000000001</v>
      </c>
      <c r="E4197" s="239">
        <v>0.16159999999999999</v>
      </c>
      <c r="F4197" s="239">
        <v>0.318</v>
      </c>
      <c r="G4197">
        <f t="shared" si="978"/>
        <v>5.7922000000000002</v>
      </c>
      <c r="H4197" s="235">
        <f t="shared" si="979"/>
        <v>2.7899589102586235</v>
      </c>
      <c r="I4197" s="236">
        <f t="shared" si="980"/>
        <v>19.893793911124558</v>
      </c>
      <c r="J4197" s="237">
        <f t="shared" si="985"/>
        <v>9.8937939111245576</v>
      </c>
      <c r="K4197" s="237">
        <f t="shared" si="981"/>
        <v>828.57651639833784</v>
      </c>
      <c r="L4197" s="237">
        <f t="shared" si="986"/>
        <v>412.14577295571564</v>
      </c>
      <c r="M4197" s="236">
        <f t="shared" si="982"/>
        <v>12.043368655718313</v>
      </c>
      <c r="N4197" s="236">
        <f t="shared" si="983"/>
        <v>3.2556861037884604</v>
      </c>
      <c r="O4197" s="236">
        <f t="shared" si="987"/>
        <v>2.9513683833957076</v>
      </c>
      <c r="P4197" s="236" t="str">
        <f t="shared" si="988"/>
        <v>CLAY</v>
      </c>
      <c r="Q4197" s="236">
        <f t="shared" si="984"/>
        <v>413.63529030013848</v>
      </c>
      <c r="R4197" s="238">
        <v>35</v>
      </c>
      <c r="S4197" s="236">
        <f t="shared" si="989"/>
        <v>5.6088649657299268</v>
      </c>
      <c r="T4197" s="236" t="e">
        <f t="shared" si="975"/>
        <v>#N/A</v>
      </c>
    </row>
    <row r="4198" spans="1:20" x14ac:dyDescent="0.2">
      <c r="A4198" s="53">
        <f t="shared" si="976"/>
        <v>4186</v>
      </c>
      <c r="B4198" s="239">
        <v>41.667000000000002</v>
      </c>
      <c r="C4198" s="3">
        <f t="shared" si="977"/>
        <v>41.660000000000004</v>
      </c>
      <c r="D4198" s="239">
        <v>5.7808000000000002</v>
      </c>
      <c r="E4198" s="239">
        <v>0.16059999999999999</v>
      </c>
      <c r="F4198" s="239">
        <v>0.31759999999999999</v>
      </c>
      <c r="G4198">
        <f t="shared" si="978"/>
        <v>5.8443199999999997</v>
      </c>
      <c r="H4198" s="235">
        <f t="shared" si="979"/>
        <v>2.7479672570974896</v>
      </c>
      <c r="I4198" s="236">
        <f t="shared" si="980"/>
        <v>19.890016603480561</v>
      </c>
      <c r="J4198" s="237">
        <f t="shared" si="985"/>
        <v>9.8900166034805608</v>
      </c>
      <c r="K4198" s="237">
        <f t="shared" si="981"/>
        <v>828.61809170100025</v>
      </c>
      <c r="L4198" s="237">
        <f t="shared" si="986"/>
        <v>412.08732181722456</v>
      </c>
      <c r="M4198" s="236">
        <f t="shared" si="982"/>
        <v>12.171454065077114</v>
      </c>
      <c r="N4198" s="236">
        <f t="shared" si="983"/>
        <v>3.2019446716773703</v>
      </c>
      <c r="O4198" s="236">
        <f t="shared" si="987"/>
        <v>2.9434069415250557</v>
      </c>
      <c r="P4198" s="236" t="str">
        <f t="shared" si="988"/>
        <v>CLAY</v>
      </c>
      <c r="Q4198" s="236">
        <f t="shared" si="984"/>
        <v>417.97515902491659</v>
      </c>
      <c r="R4198" s="238">
        <v>35</v>
      </c>
      <c r="S4198" s="236">
        <f t="shared" si="989"/>
        <v>5.6835291160393409</v>
      </c>
      <c r="T4198" s="236" t="e">
        <f t="shared" si="975"/>
        <v>#N/A</v>
      </c>
    </row>
    <row r="4199" spans="1:20" x14ac:dyDescent="0.2">
      <c r="A4199" s="53">
        <f t="shared" si="976"/>
        <v>4187</v>
      </c>
      <c r="B4199" s="239">
        <v>41.676000000000002</v>
      </c>
      <c r="C4199" s="3">
        <f t="shared" si="977"/>
        <v>41.669000000000004</v>
      </c>
      <c r="D4199" s="239">
        <v>5.8263999999999996</v>
      </c>
      <c r="E4199" s="239">
        <v>0.17080000000000001</v>
      </c>
      <c r="F4199" s="239">
        <v>0.39100000000000001</v>
      </c>
      <c r="G4199">
        <f t="shared" si="978"/>
        <v>5.9045999999999994</v>
      </c>
      <c r="H4199" s="235">
        <f t="shared" si="979"/>
        <v>2.8926599600311622</v>
      </c>
      <c r="I4199" s="236">
        <f t="shared" si="980"/>
        <v>19.966231727507047</v>
      </c>
      <c r="J4199" s="237">
        <f t="shared" si="985"/>
        <v>9.9662317275070471</v>
      </c>
      <c r="K4199" s="237">
        <f t="shared" si="981"/>
        <v>831.97290985349127</v>
      </c>
      <c r="L4199" s="237">
        <f t="shared" si="986"/>
        <v>415.35267347558374</v>
      </c>
      <c r="M4199" s="236">
        <f t="shared" si="982"/>
        <v>12.212819163290398</v>
      </c>
      <c r="N4199" s="236">
        <f t="shared" si="983"/>
        <v>3.3670915871536486</v>
      </c>
      <c r="O4199" s="236">
        <f t="shared" si="987"/>
        <v>2.9550746382105912</v>
      </c>
      <c r="P4199" s="236" t="str">
        <f t="shared" si="988"/>
        <v>CLAY</v>
      </c>
      <c r="Q4199" s="236">
        <f t="shared" si="984"/>
        <v>422.71892417887574</v>
      </c>
      <c r="R4199" s="238">
        <v>35</v>
      </c>
      <c r="S4199" s="236">
        <f t="shared" si="989"/>
        <v>5.7076839467190759</v>
      </c>
      <c r="T4199" s="236" t="e">
        <f t="shared" si="975"/>
        <v>#N/A</v>
      </c>
    </row>
    <row r="4200" spans="1:20" x14ac:dyDescent="0.2">
      <c r="A4200" s="53">
        <f t="shared" si="976"/>
        <v>4188</v>
      </c>
      <c r="B4200" s="239">
        <v>41.686999999999998</v>
      </c>
      <c r="C4200" s="3">
        <f t="shared" si="977"/>
        <v>41.68</v>
      </c>
      <c r="D4200" s="239">
        <v>5.9802</v>
      </c>
      <c r="E4200" s="239">
        <v>0.17760000000000001</v>
      </c>
      <c r="F4200" s="239">
        <v>0.4738</v>
      </c>
      <c r="G4200">
        <f t="shared" si="978"/>
        <v>6.0749599999999999</v>
      </c>
      <c r="H4200" s="235">
        <f t="shared" si="979"/>
        <v>2.9234760393484072</v>
      </c>
      <c r="I4200" s="236">
        <f t="shared" si="980"/>
        <v>20.023128130715371</v>
      </c>
      <c r="J4200" s="237">
        <f t="shared" si="985"/>
        <v>10.023128130715371</v>
      </c>
      <c r="K4200" s="237">
        <f t="shared" si="981"/>
        <v>834.56398048821666</v>
      </c>
      <c r="L4200" s="237">
        <f t="shared" si="986"/>
        <v>417.83414238513166</v>
      </c>
      <c r="M4200" s="236">
        <f t="shared" si="982"/>
        <v>12.541809028812049</v>
      </c>
      <c r="N4200" s="236">
        <f t="shared" si="983"/>
        <v>3.3890568449165785</v>
      </c>
      <c r="O4200" s="236">
        <f t="shared" si="987"/>
        <v>2.9474482882216853</v>
      </c>
      <c r="P4200" s="236" t="str">
        <f t="shared" si="988"/>
        <v>CLAY</v>
      </c>
      <c r="Q4200" s="236">
        <f t="shared" si="984"/>
        <v>436.6996682926486</v>
      </c>
      <c r="R4200" s="238">
        <v>35</v>
      </c>
      <c r="S4200" s="236">
        <f t="shared" si="989"/>
        <v>5.9005193397183113</v>
      </c>
      <c r="T4200" s="236" t="e">
        <f t="shared" si="975"/>
        <v>#N/A</v>
      </c>
    </row>
    <row r="4201" spans="1:20" x14ac:dyDescent="0.2">
      <c r="A4201" s="53">
        <f t="shared" si="976"/>
        <v>4189</v>
      </c>
      <c r="B4201" s="239">
        <v>41.695999999999998</v>
      </c>
      <c r="C4201" s="3">
        <f t="shared" si="977"/>
        <v>41.689</v>
      </c>
      <c r="D4201" s="239">
        <v>6.4779999999999998</v>
      </c>
      <c r="E4201" s="239">
        <v>0.17280000000000001</v>
      </c>
      <c r="F4201" s="239">
        <v>0.61970000000000003</v>
      </c>
      <c r="G4201">
        <f t="shared" si="978"/>
        <v>6.6019399999999999</v>
      </c>
      <c r="H4201" s="235">
        <f t="shared" si="979"/>
        <v>2.6174124575503566</v>
      </c>
      <c r="I4201" s="236">
        <f t="shared" si="980"/>
        <v>20.023515563104919</v>
      </c>
      <c r="J4201" s="237">
        <f t="shared" si="985"/>
        <v>10.023515563104919</v>
      </c>
      <c r="K4201" s="237">
        <f t="shared" si="981"/>
        <v>834.76034031028098</v>
      </c>
      <c r="L4201" s="237">
        <f t="shared" si="986"/>
        <v>417.94050491922269</v>
      </c>
      <c r="M4201" s="236">
        <f t="shared" si="982"/>
        <v>13.799044581248157</v>
      </c>
      <c r="N4201" s="236">
        <f t="shared" si="983"/>
        <v>2.9962652491616133</v>
      </c>
      <c r="O4201" s="236">
        <f t="shared" si="987"/>
        <v>2.8823580918588045</v>
      </c>
      <c r="P4201" s="236" t="str">
        <f t="shared" si="988"/>
        <v>CLAY</v>
      </c>
      <c r="Q4201" s="236">
        <f t="shared" si="984"/>
        <v>480.59830497414322</v>
      </c>
      <c r="R4201" s="238">
        <v>35</v>
      </c>
      <c r="S4201" s="236">
        <f t="shared" si="989"/>
        <v>6.6489226533923098</v>
      </c>
      <c r="T4201" s="236" t="e">
        <f t="shared" si="975"/>
        <v>#N/A</v>
      </c>
    </row>
    <row r="4202" spans="1:20" x14ac:dyDescent="0.2">
      <c r="A4202" s="53">
        <f t="shared" si="976"/>
        <v>4190</v>
      </c>
      <c r="B4202" s="239">
        <v>41.706000000000003</v>
      </c>
      <c r="C4202" s="3">
        <f t="shared" si="977"/>
        <v>41.699000000000005</v>
      </c>
      <c r="D4202" s="239">
        <v>7.3821000000000003</v>
      </c>
      <c r="E4202" s="239">
        <v>0.16769999999999999</v>
      </c>
      <c r="F4202" s="239">
        <v>0.50539999999999996</v>
      </c>
      <c r="G4202">
        <f t="shared" si="978"/>
        <v>7.4831799999999999</v>
      </c>
      <c r="H4202" s="235">
        <f t="shared" si="979"/>
        <v>2.2410258740268172</v>
      </c>
      <c r="I4202" s="236">
        <f t="shared" si="980"/>
        <v>20.03735989607874</v>
      </c>
      <c r="J4202" s="237">
        <f t="shared" si="985"/>
        <v>10.03735989607874</v>
      </c>
      <c r="K4202" s="237">
        <f t="shared" si="981"/>
        <v>835.53787030658748</v>
      </c>
      <c r="L4202" s="237">
        <f t="shared" si="986"/>
        <v>418.61813182585996</v>
      </c>
      <c r="M4202" s="236">
        <f t="shared" si="982"/>
        <v>15.879967025553377</v>
      </c>
      <c r="N4202" s="236">
        <f t="shared" si="983"/>
        <v>2.5226989769940316</v>
      </c>
      <c r="O4202" s="236">
        <f t="shared" si="987"/>
        <v>2.7891738976287281</v>
      </c>
      <c r="P4202" s="236" t="str">
        <f t="shared" si="988"/>
        <v>CLAY</v>
      </c>
      <c r="Q4202" s="236">
        <f t="shared" si="984"/>
        <v>553.97017747445113</v>
      </c>
      <c r="R4202" s="238">
        <v>35</v>
      </c>
      <c r="S4202" s="236">
        <f t="shared" si="989"/>
        <v>7.9250498744976028</v>
      </c>
      <c r="T4202" s="236" t="e">
        <f t="shared" si="975"/>
        <v>#N/A</v>
      </c>
    </row>
    <row r="4203" spans="1:20" x14ac:dyDescent="0.2">
      <c r="A4203" s="53">
        <f t="shared" si="976"/>
        <v>4191</v>
      </c>
      <c r="B4203" s="239">
        <v>41.715000000000003</v>
      </c>
      <c r="C4203" s="3">
        <f t="shared" si="977"/>
        <v>41.708000000000006</v>
      </c>
      <c r="D4203" s="239">
        <v>8.2649000000000008</v>
      </c>
      <c r="E4203" s="239">
        <v>0.1658</v>
      </c>
      <c r="F4203" s="239">
        <v>0.47510000000000002</v>
      </c>
      <c r="G4203">
        <f t="shared" si="978"/>
        <v>8.3599200000000007</v>
      </c>
      <c r="H4203" s="235">
        <f t="shared" si="979"/>
        <v>1.9832725672015998</v>
      </c>
      <c r="I4203" s="236">
        <f t="shared" si="980"/>
        <v>20.06730318450294</v>
      </c>
      <c r="J4203" s="237">
        <f t="shared" si="985"/>
        <v>10.06730318450294</v>
      </c>
      <c r="K4203" s="237">
        <f t="shared" si="981"/>
        <v>836.96708121924871</v>
      </c>
      <c r="L4203" s="237">
        <f t="shared" si="986"/>
        <v>419.95755234154018</v>
      </c>
      <c r="M4203" s="236">
        <f t="shared" si="982"/>
        <v>17.913603117351574</v>
      </c>
      <c r="N4203" s="236">
        <f t="shared" si="983"/>
        <v>2.2039218082315384</v>
      </c>
      <c r="O4203" s="236">
        <f t="shared" si="987"/>
        <v>2.7125375843358737</v>
      </c>
      <c r="P4203" s="236" t="str">
        <f t="shared" si="988"/>
        <v>CLAY</v>
      </c>
      <c r="Q4203" s="236">
        <f t="shared" si="984"/>
        <v>626.91274323172922</v>
      </c>
      <c r="R4203" s="238">
        <v>35</v>
      </c>
      <c r="S4203" s="236">
        <f t="shared" si="989"/>
        <v>9.2133738472065012</v>
      </c>
      <c r="T4203" s="236" t="e">
        <f t="shared" si="975"/>
        <v>#N/A</v>
      </c>
    </row>
    <row r="4204" spans="1:20" x14ac:dyDescent="0.2">
      <c r="A4204" s="53">
        <f t="shared" si="976"/>
        <v>4192</v>
      </c>
      <c r="B4204" s="239">
        <v>41.725000000000001</v>
      </c>
      <c r="C4204" s="3">
        <f t="shared" si="977"/>
        <v>41.718000000000004</v>
      </c>
      <c r="D4204" s="239">
        <v>8.8233999999999995</v>
      </c>
      <c r="E4204" s="239">
        <v>0.16769999999999999</v>
      </c>
      <c r="F4204" s="239">
        <v>0.41049999999999998</v>
      </c>
      <c r="G4204">
        <f t="shared" si="978"/>
        <v>8.9055</v>
      </c>
      <c r="H4204" s="235">
        <f t="shared" si="979"/>
        <v>1.8831059457638535</v>
      </c>
      <c r="I4204" s="236">
        <f t="shared" si="980"/>
        <v>20.105374800602487</v>
      </c>
      <c r="J4204" s="237">
        <f t="shared" si="985"/>
        <v>10.105374800602487</v>
      </c>
      <c r="K4204" s="237">
        <f t="shared" si="981"/>
        <v>838.75602593153462</v>
      </c>
      <c r="L4204" s="237">
        <f t="shared" si="986"/>
        <v>421.64676355513876</v>
      </c>
      <c r="M4204" s="236">
        <f t="shared" si="982"/>
        <v>19.131521148302557</v>
      </c>
      <c r="N4204" s="236">
        <f t="shared" si="983"/>
        <v>2.0789056965126465</v>
      </c>
      <c r="O4204" s="236">
        <f t="shared" si="987"/>
        <v>2.6745796081491919</v>
      </c>
      <c r="P4204" s="236" t="str">
        <f t="shared" si="988"/>
        <v>CLAY</v>
      </c>
      <c r="Q4204" s="236">
        <f t="shared" si="984"/>
        <v>672.22866450570552</v>
      </c>
      <c r="R4204" s="238">
        <v>35</v>
      </c>
      <c r="S4204" s="236">
        <f t="shared" si="989"/>
        <v>10.002922094064841</v>
      </c>
      <c r="T4204" s="236" t="e">
        <f t="shared" si="975"/>
        <v>#N/A</v>
      </c>
    </row>
    <row r="4205" spans="1:20" x14ac:dyDescent="0.2">
      <c r="A4205" s="53">
        <f t="shared" si="976"/>
        <v>4193</v>
      </c>
      <c r="B4205" s="239">
        <v>41.734999999999999</v>
      </c>
      <c r="C4205" s="3">
        <f t="shared" si="977"/>
        <v>41.728000000000002</v>
      </c>
      <c r="D4205" s="239">
        <v>9.1351999999999993</v>
      </c>
      <c r="E4205" s="239">
        <v>0.16339999999999999</v>
      </c>
      <c r="F4205" s="239">
        <v>0.38579999999999998</v>
      </c>
      <c r="G4205">
        <f t="shared" si="978"/>
        <v>9.2123599999999985</v>
      </c>
      <c r="H4205" s="235">
        <f t="shared" si="979"/>
        <v>1.7737040237246482</v>
      </c>
      <c r="I4205" s="236">
        <f t="shared" si="980"/>
        <v>20.088157406172336</v>
      </c>
      <c r="J4205" s="237">
        <f t="shared" si="985"/>
        <v>10.088157406172336</v>
      </c>
      <c r="K4205" s="237">
        <f t="shared" si="981"/>
        <v>838.23863224475929</v>
      </c>
      <c r="L4205" s="237">
        <f t="shared" si="986"/>
        <v>421.0292493466024</v>
      </c>
      <c r="M4205" s="236">
        <f t="shared" si="982"/>
        <v>19.889642776009229</v>
      </c>
      <c r="N4205" s="236">
        <f t="shared" si="983"/>
        <v>1.9512494842644117</v>
      </c>
      <c r="O4205" s="236">
        <f t="shared" si="987"/>
        <v>2.6449774169334503</v>
      </c>
      <c r="P4205" s="236" t="str">
        <f t="shared" si="988"/>
        <v>CLAY</v>
      </c>
      <c r="Q4205" s="236">
        <f t="shared" si="984"/>
        <v>697.84344731293652</v>
      </c>
      <c r="R4205" s="238">
        <v>35</v>
      </c>
      <c r="S4205" s="236">
        <f t="shared" si="989"/>
        <v>10.500832658055998</v>
      </c>
      <c r="T4205" s="236" t="e">
        <f t="shared" si="975"/>
        <v>#N/A</v>
      </c>
    </row>
    <row r="4206" spans="1:20" x14ac:dyDescent="0.2">
      <c r="A4206" s="53">
        <f t="shared" si="976"/>
        <v>4194</v>
      </c>
      <c r="B4206" s="239">
        <v>41.744</v>
      </c>
      <c r="C4206" s="3">
        <f t="shared" si="977"/>
        <v>41.737000000000002</v>
      </c>
      <c r="D4206" s="239">
        <v>8.9886999999999997</v>
      </c>
      <c r="E4206" s="239">
        <v>0.16289999999999999</v>
      </c>
      <c r="F4206" s="239">
        <v>0.36509999999999998</v>
      </c>
      <c r="G4206">
        <f t="shared" si="978"/>
        <v>9.0617199999999993</v>
      </c>
      <c r="H4206" s="235">
        <f t="shared" si="979"/>
        <v>1.7976719651456898</v>
      </c>
      <c r="I4206" s="236">
        <f t="shared" si="980"/>
        <v>20.078119556839678</v>
      </c>
      <c r="J4206" s="237">
        <f t="shared" si="985"/>
        <v>10.078119556839678</v>
      </c>
      <c r="K4206" s="237">
        <f t="shared" si="981"/>
        <v>838.00047594381761</v>
      </c>
      <c r="L4206" s="237">
        <f t="shared" si="986"/>
        <v>420.7010227807155</v>
      </c>
      <c r="M4206" s="236">
        <f t="shared" si="982"/>
        <v>19.547657549534126</v>
      </c>
      <c r="N4206" s="236">
        <f t="shared" si="983"/>
        <v>1.9808554939584431</v>
      </c>
      <c r="O4206" s="236">
        <f t="shared" si="987"/>
        <v>2.6548955929791029</v>
      </c>
      <c r="P4206" s="236" t="str">
        <f t="shared" si="988"/>
        <v>CLAY</v>
      </c>
      <c r="Q4206" s="236">
        <f t="shared" si="984"/>
        <v>685.30996033801512</v>
      </c>
      <c r="R4206" s="238">
        <v>35</v>
      </c>
      <c r="S4206" s="236">
        <f t="shared" si="989"/>
        <v>10.275628895645648</v>
      </c>
      <c r="T4206" s="236" t="e">
        <f t="shared" si="975"/>
        <v>#N/A</v>
      </c>
    </row>
    <row r="4207" spans="1:20" x14ac:dyDescent="0.2">
      <c r="A4207" s="53">
        <f t="shared" si="976"/>
        <v>4195</v>
      </c>
      <c r="B4207" s="239">
        <v>41.753999999999998</v>
      </c>
      <c r="C4207" s="3">
        <f t="shared" si="977"/>
        <v>41.747</v>
      </c>
      <c r="D4207" s="239">
        <v>8.6489999999999991</v>
      </c>
      <c r="E4207" s="239">
        <v>0.17480000000000001</v>
      </c>
      <c r="F4207" s="239">
        <v>0.43969999999999998</v>
      </c>
      <c r="G4207">
        <f t="shared" si="978"/>
        <v>8.7369399999999988</v>
      </c>
      <c r="H4207" s="235">
        <f t="shared" si="979"/>
        <v>2.000700474079026</v>
      </c>
      <c r="I4207" s="236">
        <f t="shared" si="980"/>
        <v>20.146528328714158</v>
      </c>
      <c r="J4207" s="237">
        <f t="shared" si="985"/>
        <v>10.146528328714158</v>
      </c>
      <c r="K4207" s="237">
        <f t="shared" si="981"/>
        <v>841.05711813882999</v>
      </c>
      <c r="L4207" s="237">
        <f t="shared" si="986"/>
        <v>423.65814383713092</v>
      </c>
      <c r="M4207" s="236">
        <f t="shared" si="982"/>
        <v>18.637391955568365</v>
      </c>
      <c r="N4207" s="236">
        <f t="shared" si="983"/>
        <v>2.2138119652402599</v>
      </c>
      <c r="O4207" s="236">
        <f t="shared" si="987"/>
        <v>2.6996242411930549</v>
      </c>
      <c r="P4207" s="236" t="str">
        <f t="shared" si="988"/>
        <v>CLAY</v>
      </c>
      <c r="Q4207" s="236">
        <f t="shared" si="984"/>
        <v>657.99024015509747</v>
      </c>
      <c r="R4207" s="238">
        <v>35</v>
      </c>
      <c r="S4207" s="236">
        <f t="shared" si="989"/>
        <v>9.6810270177142979</v>
      </c>
      <c r="T4207" s="236" t="e">
        <f t="shared" si="975"/>
        <v>#N/A</v>
      </c>
    </row>
    <row r="4208" spans="1:20" x14ac:dyDescent="0.2">
      <c r="A4208" s="53">
        <f t="shared" si="976"/>
        <v>4196</v>
      </c>
      <c r="B4208" s="239">
        <v>41.762999999999998</v>
      </c>
      <c r="C4208" s="3">
        <f t="shared" si="977"/>
        <v>41.756</v>
      </c>
      <c r="D4208" s="239">
        <v>8.1601999999999997</v>
      </c>
      <c r="E4208" s="239">
        <v>0.18659999999999999</v>
      </c>
      <c r="F4208" s="239">
        <v>0.37319999999999998</v>
      </c>
      <c r="G4208">
        <f t="shared" si="978"/>
        <v>8.2348400000000002</v>
      </c>
      <c r="H4208" s="235">
        <f t="shared" si="979"/>
        <v>2.2659820955841279</v>
      </c>
      <c r="I4208" s="236">
        <f t="shared" si="980"/>
        <v>20.199994129651756</v>
      </c>
      <c r="J4208" s="237">
        <f t="shared" si="985"/>
        <v>10.199994129651756</v>
      </c>
      <c r="K4208" s="237">
        <f t="shared" si="981"/>
        <v>843.47095487773879</v>
      </c>
      <c r="L4208" s="237">
        <f t="shared" si="986"/>
        <v>425.98235483664627</v>
      </c>
      <c r="M4208" s="236">
        <f t="shared" si="982"/>
        <v>17.351350264159812</v>
      </c>
      <c r="N4208" s="236">
        <f t="shared" si="983"/>
        <v>2.5245661373536983</v>
      </c>
      <c r="O4208" s="236">
        <f t="shared" si="987"/>
        <v>2.7581450089504504</v>
      </c>
      <c r="P4208" s="236" t="str">
        <f t="shared" si="988"/>
        <v>CLAY</v>
      </c>
      <c r="Q4208" s="236">
        <f t="shared" si="984"/>
        <v>615.94742042685505</v>
      </c>
      <c r="R4208" s="238">
        <v>35</v>
      </c>
      <c r="S4208" s="236">
        <f t="shared" si="989"/>
        <v>8.8533290255266746</v>
      </c>
      <c r="T4208" s="236" t="e">
        <f t="shared" si="975"/>
        <v>#N/A</v>
      </c>
    </row>
    <row r="4209" spans="1:20" x14ac:dyDescent="0.2">
      <c r="A4209" s="53">
        <f t="shared" si="976"/>
        <v>4197</v>
      </c>
      <c r="B4209" s="239">
        <v>41.773000000000003</v>
      </c>
      <c r="C4209" s="3">
        <f t="shared" si="977"/>
        <v>41.766000000000005</v>
      </c>
      <c r="D4209" s="239">
        <v>7.851</v>
      </c>
      <c r="E4209" s="239">
        <v>0.19639999999999999</v>
      </c>
      <c r="F4209" s="239">
        <v>0.25040000000000001</v>
      </c>
      <c r="G4209">
        <f t="shared" si="978"/>
        <v>7.9010800000000003</v>
      </c>
      <c r="H4209" s="235">
        <f t="shared" si="979"/>
        <v>2.4857361272129883</v>
      </c>
      <c r="I4209" s="236">
        <f t="shared" si="980"/>
        <v>20.243842872922698</v>
      </c>
      <c r="J4209" s="237">
        <f t="shared" si="985"/>
        <v>10.243842872922698</v>
      </c>
      <c r="K4209" s="237">
        <f t="shared" si="981"/>
        <v>845.50434143048949</v>
      </c>
      <c r="L4209" s="237">
        <f t="shared" si="986"/>
        <v>427.91604833059989</v>
      </c>
      <c r="M4209" s="236">
        <f t="shared" si="982"/>
        <v>16.488224001167879</v>
      </c>
      <c r="N4209" s="236">
        <f t="shared" si="983"/>
        <v>2.7836141160425072</v>
      </c>
      <c r="O4209" s="236">
        <f t="shared" si="987"/>
        <v>2.8010977767942626</v>
      </c>
      <c r="P4209" s="236" t="str">
        <f t="shared" si="988"/>
        <v>CLAY</v>
      </c>
      <c r="Q4209" s="236">
        <f t="shared" si="984"/>
        <v>587.9646382141259</v>
      </c>
      <c r="R4209" s="238">
        <v>35</v>
      </c>
      <c r="S4209" s="236">
        <f t="shared" si="989"/>
        <v>8.3062951188969212</v>
      </c>
      <c r="T4209" s="236" t="e">
        <f t="shared" si="975"/>
        <v>#N/A</v>
      </c>
    </row>
    <row r="4210" spans="1:20" x14ac:dyDescent="0.2">
      <c r="A4210" s="53">
        <f t="shared" si="976"/>
        <v>4198</v>
      </c>
      <c r="B4210" s="239">
        <v>41.783000000000001</v>
      </c>
      <c r="C4210" s="3">
        <f t="shared" si="977"/>
        <v>41.776000000000003</v>
      </c>
      <c r="D4210" s="239">
        <v>7.7850000000000001</v>
      </c>
      <c r="E4210" s="239">
        <v>0.1915</v>
      </c>
      <c r="F4210" s="239">
        <v>0.2215</v>
      </c>
      <c r="G4210">
        <f t="shared" si="978"/>
        <v>7.8292999999999999</v>
      </c>
      <c r="H4210" s="235">
        <f t="shared" si="979"/>
        <v>2.4459402500862146</v>
      </c>
      <c r="I4210" s="236">
        <f t="shared" si="980"/>
        <v>20.210649396860944</v>
      </c>
      <c r="J4210" s="237">
        <f t="shared" si="985"/>
        <v>10.210649396860944</v>
      </c>
      <c r="K4210" s="237">
        <f t="shared" si="981"/>
        <v>844.32008920326291</v>
      </c>
      <c r="L4210" s="237">
        <f t="shared" si="986"/>
        <v>426.63156374904082</v>
      </c>
      <c r="M4210" s="236">
        <f t="shared" si="982"/>
        <v>16.372393663084758</v>
      </c>
      <c r="N4210" s="236">
        <f t="shared" si="983"/>
        <v>2.7415970045095905</v>
      </c>
      <c r="O4210" s="236">
        <f t="shared" si="987"/>
        <v>2.7996438804353367</v>
      </c>
      <c r="P4210" s="236" t="str">
        <f t="shared" si="988"/>
        <v>CLAY</v>
      </c>
      <c r="Q4210" s="236">
        <f t="shared" si="984"/>
        <v>582.08165923306149</v>
      </c>
      <c r="R4210" s="238">
        <v>35</v>
      </c>
      <c r="S4210" s="236">
        <f t="shared" si="989"/>
        <v>8.2334192730209494</v>
      </c>
      <c r="T4210" s="236" t="e">
        <f t="shared" si="975"/>
        <v>#N/A</v>
      </c>
    </row>
    <row r="4211" spans="1:20" x14ac:dyDescent="0.2">
      <c r="A4211" s="53">
        <f t="shared" si="976"/>
        <v>4199</v>
      </c>
      <c r="B4211" s="239">
        <v>41.792999999999999</v>
      </c>
      <c r="C4211" s="3">
        <f t="shared" si="977"/>
        <v>41.786000000000001</v>
      </c>
      <c r="D4211" s="239">
        <v>7.8356000000000003</v>
      </c>
      <c r="E4211" s="239">
        <v>0.192</v>
      </c>
      <c r="F4211" s="239">
        <v>0.1903</v>
      </c>
      <c r="G4211">
        <f t="shared" si="978"/>
        <v>7.8736600000000001</v>
      </c>
      <c r="H4211" s="235">
        <f t="shared" si="979"/>
        <v>2.4385101718895661</v>
      </c>
      <c r="I4211" s="236">
        <f t="shared" si="980"/>
        <v>20.215915363340553</v>
      </c>
      <c r="J4211" s="237">
        <f t="shared" si="985"/>
        <v>10.215915363340553</v>
      </c>
      <c r="K4211" s="237">
        <f t="shared" si="981"/>
        <v>844.7422393725484</v>
      </c>
      <c r="L4211" s="237">
        <f t="shared" si="986"/>
        <v>426.95375078009175</v>
      </c>
      <c r="M4211" s="236">
        <f t="shared" si="982"/>
        <v>16.462948850513296</v>
      </c>
      <c r="N4211" s="236">
        <f t="shared" si="983"/>
        <v>2.7315727191387809</v>
      </c>
      <c r="O4211" s="236">
        <f t="shared" si="987"/>
        <v>2.7967715531242558</v>
      </c>
      <c r="P4211" s="236" t="str">
        <f t="shared" si="988"/>
        <v>CLAY</v>
      </c>
      <c r="Q4211" s="236">
        <f t="shared" si="984"/>
        <v>585.74314671895434</v>
      </c>
      <c r="R4211" s="238">
        <v>35</v>
      </c>
      <c r="S4211" s="236">
        <f t="shared" si="989"/>
        <v>8.2903820483902866</v>
      </c>
      <c r="T4211" s="236" t="e">
        <f t="shared" si="975"/>
        <v>#N/A</v>
      </c>
    </row>
    <row r="4212" spans="1:20" x14ac:dyDescent="0.2">
      <c r="A4212" s="53">
        <f t="shared" si="976"/>
        <v>4200</v>
      </c>
      <c r="B4212" s="239">
        <v>41.802</v>
      </c>
      <c r="C4212" s="3">
        <f t="shared" si="977"/>
        <v>41.795000000000002</v>
      </c>
      <c r="D4212" s="239">
        <v>7.9336000000000002</v>
      </c>
      <c r="E4212" s="239">
        <v>0.2009</v>
      </c>
      <c r="F4212" s="239">
        <v>0.16750000000000001</v>
      </c>
      <c r="G4212">
        <f t="shared" si="978"/>
        <v>7.9671000000000003</v>
      </c>
      <c r="H4212" s="235">
        <f t="shared" si="979"/>
        <v>2.5216201629200086</v>
      </c>
      <c r="I4212" s="236">
        <f t="shared" si="980"/>
        <v>20.273659125071362</v>
      </c>
      <c r="J4212" s="237">
        <f t="shared" si="985"/>
        <v>10.273659125071362</v>
      </c>
      <c r="K4212" s="237">
        <f t="shared" si="981"/>
        <v>847.33758313235762</v>
      </c>
      <c r="L4212" s="237">
        <f t="shared" si="986"/>
        <v>429.45949874623307</v>
      </c>
      <c r="M4212" s="236">
        <f t="shared" si="982"/>
        <v>16.578425759945059</v>
      </c>
      <c r="N4212" s="236">
        <f t="shared" si="983"/>
        <v>2.8217233699265272</v>
      </c>
      <c r="O4212" s="236">
        <f t="shared" si="987"/>
        <v>2.8027083128189467</v>
      </c>
      <c r="P4212" s="236" t="str">
        <f t="shared" si="988"/>
        <v>CLAY</v>
      </c>
      <c r="Q4212" s="236">
        <f t="shared" si="984"/>
        <v>593.31353473897025</v>
      </c>
      <c r="R4212" s="238">
        <v>35</v>
      </c>
      <c r="S4212" s="236">
        <f t="shared" si="989"/>
        <v>8.3631352376012593</v>
      </c>
      <c r="T4212" s="236" t="e">
        <f t="shared" si="975"/>
        <v>#N/A</v>
      </c>
    </row>
    <row r="4213" spans="1:20" x14ac:dyDescent="0.2">
      <c r="A4213" s="53">
        <f t="shared" si="976"/>
        <v>4201</v>
      </c>
      <c r="B4213" s="239">
        <v>41.813000000000002</v>
      </c>
      <c r="C4213" s="3">
        <f t="shared" si="977"/>
        <v>41.806000000000004</v>
      </c>
      <c r="D4213" s="239">
        <v>8.1831999999999994</v>
      </c>
      <c r="E4213" s="239">
        <v>0.2177</v>
      </c>
      <c r="F4213" s="239">
        <v>0.2994</v>
      </c>
      <c r="G4213">
        <f t="shared" si="978"/>
        <v>8.2430799999999991</v>
      </c>
      <c r="H4213" s="235">
        <f t="shared" si="979"/>
        <v>2.6410031201929378</v>
      </c>
      <c r="I4213" s="236">
        <f t="shared" si="980"/>
        <v>20.381141376059418</v>
      </c>
      <c r="J4213" s="237">
        <f t="shared" si="985"/>
        <v>10.381141376059418</v>
      </c>
      <c r="K4213" s="237">
        <f t="shared" si="981"/>
        <v>852.05399636754009</v>
      </c>
      <c r="L4213" s="237">
        <f t="shared" si="986"/>
        <v>434.06666435717244</v>
      </c>
      <c r="M4213" s="236">
        <f t="shared" si="982"/>
        <v>17.027398348081256</v>
      </c>
      <c r="N4213" s="236">
        <f t="shared" si="983"/>
        <v>2.945463862432729</v>
      </c>
      <c r="O4213" s="236">
        <f t="shared" si="987"/>
        <v>2.8045850262491494</v>
      </c>
      <c r="P4213" s="236" t="str">
        <f t="shared" si="988"/>
        <v>CLAY</v>
      </c>
      <c r="Q4213" s="236">
        <f t="shared" si="984"/>
        <v>615.91883363603836</v>
      </c>
      <c r="R4213" s="238">
        <v>35</v>
      </c>
      <c r="S4213" s="236">
        <f t="shared" si="989"/>
        <v>8.6471975145380995</v>
      </c>
      <c r="T4213" s="236" t="e">
        <f t="shared" si="975"/>
        <v>#N/A</v>
      </c>
    </row>
    <row r="4214" spans="1:20" x14ac:dyDescent="0.2">
      <c r="A4214" s="53">
        <f t="shared" si="976"/>
        <v>4202</v>
      </c>
      <c r="B4214" s="239">
        <v>41.823</v>
      </c>
      <c r="C4214" s="3">
        <f t="shared" si="977"/>
        <v>41.816000000000003</v>
      </c>
      <c r="D4214" s="239">
        <v>8.5067000000000004</v>
      </c>
      <c r="E4214" s="239">
        <v>0.2354</v>
      </c>
      <c r="F4214" s="239">
        <v>0.35170000000000001</v>
      </c>
      <c r="G4214">
        <f t="shared" si="978"/>
        <v>8.5770400000000002</v>
      </c>
      <c r="H4214" s="235">
        <f t="shared" si="979"/>
        <v>2.7445365767211065</v>
      </c>
      <c r="I4214" s="236">
        <f t="shared" si="980"/>
        <v>20.488324184270112</v>
      </c>
      <c r="J4214" s="237">
        <f t="shared" si="985"/>
        <v>10.488324184270112</v>
      </c>
      <c r="K4214" s="237">
        <f t="shared" si="981"/>
        <v>856.73976408943906</v>
      </c>
      <c r="L4214" s="237">
        <f t="shared" si="986"/>
        <v>438.65318235872894</v>
      </c>
      <c r="M4214" s="236">
        <f t="shared" si="982"/>
        <v>17.600009634939635</v>
      </c>
      <c r="N4214" s="236">
        <f t="shared" si="983"/>
        <v>3.0491042162460151</v>
      </c>
      <c r="O4214" s="236">
        <f t="shared" si="987"/>
        <v>2.8022394533723891</v>
      </c>
      <c r="P4214" s="236" t="str">
        <f t="shared" si="988"/>
        <v>CLAY</v>
      </c>
      <c r="Q4214" s="236">
        <f t="shared" si="984"/>
        <v>643.35835299254688</v>
      </c>
      <c r="R4214" s="238">
        <v>35</v>
      </c>
      <c r="S4214" s="236">
        <f t="shared" si="989"/>
        <v>9.0122066309895246</v>
      </c>
      <c r="T4214" s="236" t="e">
        <f t="shared" si="975"/>
        <v>#N/A</v>
      </c>
    </row>
    <row r="4215" spans="1:20" x14ac:dyDescent="0.2">
      <c r="A4215" s="53">
        <f t="shared" si="976"/>
        <v>4203</v>
      </c>
      <c r="B4215" s="239">
        <v>41.832000000000001</v>
      </c>
      <c r="C4215" s="3">
        <f t="shared" si="977"/>
        <v>41.825000000000003</v>
      </c>
      <c r="D4215" s="239">
        <v>8.4887999999999995</v>
      </c>
      <c r="E4215" s="239">
        <v>0.2424</v>
      </c>
      <c r="F4215" s="239">
        <v>0.66</v>
      </c>
      <c r="G4215">
        <f t="shared" si="978"/>
        <v>8.6207999999999991</v>
      </c>
      <c r="H4215" s="235">
        <f t="shared" si="979"/>
        <v>2.8118040089086862</v>
      </c>
      <c r="I4215" s="236">
        <f t="shared" si="980"/>
        <v>20.524673928953145</v>
      </c>
      <c r="J4215" s="237">
        <f t="shared" si="985"/>
        <v>10.524673928953145</v>
      </c>
      <c r="K4215" s="237">
        <f t="shared" si="981"/>
        <v>858.44448707846539</v>
      </c>
      <c r="L4215" s="237">
        <f t="shared" si="986"/>
        <v>440.26815979596796</v>
      </c>
      <c r="M4215" s="236">
        <f t="shared" si="982"/>
        <v>17.630971807088699</v>
      </c>
      <c r="N4215" s="236">
        <f t="shared" si="983"/>
        <v>3.1227634394803365</v>
      </c>
      <c r="O4215" s="236">
        <f t="shared" si="987"/>
        <v>2.8079514934903202</v>
      </c>
      <c r="P4215" s="236" t="str">
        <f t="shared" si="988"/>
        <v>CLAY</v>
      </c>
      <c r="Q4215" s="236">
        <f t="shared" si="984"/>
        <v>646.86295941012781</v>
      </c>
      <c r="R4215" s="238">
        <v>35</v>
      </c>
      <c r="S4215" s="236">
        <f t="shared" si="989"/>
        <v>9.0320289800098923</v>
      </c>
      <c r="T4215" s="236" t="e">
        <f t="shared" si="975"/>
        <v>#N/A</v>
      </c>
    </row>
    <row r="4216" spans="1:20" x14ac:dyDescent="0.2">
      <c r="A4216" s="53">
        <f t="shared" si="976"/>
        <v>4204</v>
      </c>
      <c r="B4216" s="239">
        <v>41.841000000000001</v>
      </c>
      <c r="C4216" s="3">
        <f t="shared" si="977"/>
        <v>41.834000000000003</v>
      </c>
      <c r="D4216" s="239">
        <v>8.3923000000000005</v>
      </c>
      <c r="E4216" s="239">
        <v>0.23480000000000001</v>
      </c>
      <c r="F4216" s="239">
        <v>0.35830000000000001</v>
      </c>
      <c r="G4216">
        <f t="shared" si="978"/>
        <v>8.4639600000000002</v>
      </c>
      <c r="H4216" s="235">
        <f t="shared" si="979"/>
        <v>2.7741151895802911</v>
      </c>
      <c r="I4216" s="236">
        <f t="shared" si="980"/>
        <v>20.48014414636593</v>
      </c>
      <c r="J4216" s="237">
        <f t="shared" si="985"/>
        <v>10.48014414636593</v>
      </c>
      <c r="K4216" s="237">
        <f t="shared" si="981"/>
        <v>856.76635021907236</v>
      </c>
      <c r="L4216" s="237">
        <f t="shared" si="986"/>
        <v>438.49971122809688</v>
      </c>
      <c r="M4216" s="236">
        <f t="shared" si="982"/>
        <v>17.348229554075694</v>
      </c>
      <c r="N4216" s="236">
        <f t="shared" si="983"/>
        <v>3.0865521611476496</v>
      </c>
      <c r="O4216" s="236">
        <f t="shared" si="987"/>
        <v>2.810431034631621</v>
      </c>
      <c r="P4216" s="236" t="str">
        <f t="shared" si="988"/>
        <v>CLAY</v>
      </c>
      <c r="Q4216" s="236">
        <f t="shared" si="984"/>
        <v>633.9328041484107</v>
      </c>
      <c r="R4216" s="238">
        <v>35</v>
      </c>
      <c r="S4216" s="236">
        <f t="shared" si="989"/>
        <v>8.8513386867649579</v>
      </c>
      <c r="T4216" s="236" t="e">
        <f t="shared" si="975"/>
        <v>#N/A</v>
      </c>
    </row>
    <row r="4217" spans="1:20" x14ac:dyDescent="0.2">
      <c r="A4217" s="53">
        <f t="shared" si="976"/>
        <v>4205</v>
      </c>
      <c r="B4217" s="239">
        <v>41.851999999999997</v>
      </c>
      <c r="C4217" s="3">
        <f t="shared" si="977"/>
        <v>41.844999999999999</v>
      </c>
      <c r="D4217" s="239">
        <v>8.5357000000000003</v>
      </c>
      <c r="E4217" s="239">
        <v>0.2077</v>
      </c>
      <c r="F4217" s="239">
        <v>5.3199999999999997E-2</v>
      </c>
      <c r="G4217">
        <f t="shared" si="978"/>
        <v>8.5463400000000007</v>
      </c>
      <c r="H4217" s="235">
        <f t="shared" si="979"/>
        <v>2.4302800965091484</v>
      </c>
      <c r="I4217" s="236">
        <f t="shared" si="980"/>
        <v>20.34012374479698</v>
      </c>
      <c r="J4217" s="237">
        <f t="shared" si="985"/>
        <v>10.34012374479698</v>
      </c>
      <c r="K4217" s="237">
        <f t="shared" si="981"/>
        <v>851.13247810102962</v>
      </c>
      <c r="L4217" s="237">
        <f t="shared" si="986"/>
        <v>432.75485896724314</v>
      </c>
      <c r="M4217" s="236">
        <f t="shared" si="982"/>
        <v>17.781909001006618</v>
      </c>
      <c r="N4217" s="236">
        <f t="shared" si="983"/>
        <v>2.6990825056884913</v>
      </c>
      <c r="O4217" s="236">
        <f t="shared" si="987"/>
        <v>2.7667690156822493</v>
      </c>
      <c r="P4217" s="236" t="str">
        <f t="shared" si="988"/>
        <v>CLAY</v>
      </c>
      <c r="Q4217" s="236">
        <f t="shared" si="984"/>
        <v>641.26729349158086</v>
      </c>
      <c r="R4217" s="238">
        <v>35</v>
      </c>
      <c r="S4217" s="236">
        <f t="shared" si="989"/>
        <v>9.1287851931132149</v>
      </c>
      <c r="T4217" s="236" t="e">
        <f t="shared" si="975"/>
        <v>#N/A</v>
      </c>
    </row>
    <row r="4218" spans="1:20" x14ac:dyDescent="0.2">
      <c r="A4218" s="53">
        <f t="shared" si="976"/>
        <v>4206</v>
      </c>
      <c r="B4218" s="239">
        <v>41.862000000000002</v>
      </c>
      <c r="C4218" s="3">
        <f t="shared" si="977"/>
        <v>41.855000000000004</v>
      </c>
      <c r="D4218" s="239">
        <v>8.5794999999999995</v>
      </c>
      <c r="E4218" s="239">
        <v>0.1943</v>
      </c>
      <c r="F4218" s="239">
        <v>-3.1199999999999999E-2</v>
      </c>
      <c r="G4218">
        <f t="shared" si="978"/>
        <v>8.5732599999999994</v>
      </c>
      <c r="H4218" s="235">
        <f t="shared" si="979"/>
        <v>2.2663490900777532</v>
      </c>
      <c r="I4218" s="236">
        <f t="shared" si="980"/>
        <v>20.263151011242321</v>
      </c>
      <c r="J4218" s="237">
        <f t="shared" si="985"/>
        <v>10.263151011242321</v>
      </c>
      <c r="K4218" s="237">
        <f t="shared" si="981"/>
        <v>848.11418557554748</v>
      </c>
      <c r="L4218" s="237">
        <f t="shared" si="986"/>
        <v>429.63602763262605</v>
      </c>
      <c r="M4218" s="236">
        <f t="shared" si="982"/>
        <v>17.980675077440395</v>
      </c>
      <c r="N4218" s="236">
        <f t="shared" si="983"/>
        <v>2.5151628806436448</v>
      </c>
      <c r="O4218" s="236">
        <f t="shared" si="987"/>
        <v>2.7446892394518279</v>
      </c>
      <c r="P4218" s="236" t="str">
        <f t="shared" si="988"/>
        <v>CLAY</v>
      </c>
      <c r="Q4218" s="236">
        <f t="shared" si="984"/>
        <v>643.76215120203767</v>
      </c>
      <c r="R4218" s="238">
        <v>35</v>
      </c>
      <c r="S4218" s="236">
        <f t="shared" si="989"/>
        <v>9.2565148046854944</v>
      </c>
      <c r="T4218" s="236" t="e">
        <f t="shared" si="975"/>
        <v>#N/A</v>
      </c>
    </row>
    <row r="4219" spans="1:20" x14ac:dyDescent="0.2">
      <c r="A4219" s="53">
        <f t="shared" si="976"/>
        <v>4207</v>
      </c>
      <c r="B4219" s="239">
        <v>41.871000000000002</v>
      </c>
      <c r="C4219" s="3">
        <f t="shared" si="977"/>
        <v>41.864000000000004</v>
      </c>
      <c r="D4219" s="239">
        <v>8.6800999999999995</v>
      </c>
      <c r="E4219" s="239">
        <v>0.19270000000000001</v>
      </c>
      <c r="F4219" s="239">
        <v>-2.18E-2</v>
      </c>
      <c r="G4219">
        <f t="shared" si="978"/>
        <v>8.6757399999999993</v>
      </c>
      <c r="H4219" s="235">
        <f t="shared" si="979"/>
        <v>2.2211361797379823</v>
      </c>
      <c r="I4219" s="236">
        <f t="shared" si="980"/>
        <v>20.258099559447984</v>
      </c>
      <c r="J4219" s="237">
        <f t="shared" si="985"/>
        <v>10.258099559447984</v>
      </c>
      <c r="K4219" s="237">
        <f t="shared" si="981"/>
        <v>848.08507995673051</v>
      </c>
      <c r="L4219" s="237">
        <f t="shared" si="986"/>
        <v>429.51688665364657</v>
      </c>
      <c r="M4219" s="236">
        <f t="shared" si="982"/>
        <v>18.224324033050944</v>
      </c>
      <c r="N4219" s="236">
        <f t="shared" si="983"/>
        <v>2.4617845570399113</v>
      </c>
      <c r="O4219" s="236">
        <f t="shared" si="987"/>
        <v>2.7344739550236743</v>
      </c>
      <c r="P4219" s="236" t="str">
        <f t="shared" si="988"/>
        <v>CLAY</v>
      </c>
      <c r="Q4219" s="236">
        <f t="shared" si="984"/>
        <v>652.30457667027247</v>
      </c>
      <c r="R4219" s="238">
        <v>35</v>
      </c>
      <c r="S4219" s="236">
        <f t="shared" si="989"/>
        <v>9.4135686584554339</v>
      </c>
      <c r="T4219" s="236" t="e">
        <f t="shared" si="975"/>
        <v>#N/A</v>
      </c>
    </row>
    <row r="4220" spans="1:20" x14ac:dyDescent="0.2">
      <c r="A4220" s="53">
        <f t="shared" si="976"/>
        <v>4208</v>
      </c>
      <c r="B4220" s="239">
        <v>41.88</v>
      </c>
      <c r="C4220" s="3">
        <f t="shared" si="977"/>
        <v>41.873000000000005</v>
      </c>
      <c r="D4220" s="239">
        <v>8.8766999999999996</v>
      </c>
      <c r="E4220" s="239">
        <v>0.1973</v>
      </c>
      <c r="F4220" s="239">
        <v>1.5100000000000001E-2</v>
      </c>
      <c r="G4220">
        <f t="shared" si="978"/>
        <v>8.8797199999999989</v>
      </c>
      <c r="H4220" s="235">
        <f t="shared" si="979"/>
        <v>2.2219169072898697</v>
      </c>
      <c r="I4220" s="236">
        <f t="shared" si="980"/>
        <v>20.294845528996696</v>
      </c>
      <c r="J4220" s="237">
        <f t="shared" si="985"/>
        <v>10.294845528996696</v>
      </c>
      <c r="K4220" s="237">
        <f t="shared" si="981"/>
        <v>849.80606683567873</v>
      </c>
      <c r="L4220" s="237">
        <f t="shared" si="986"/>
        <v>431.14813075438167</v>
      </c>
      <c r="M4220" s="236">
        <f t="shared" si="982"/>
        <v>18.624489729583999</v>
      </c>
      <c r="N4220" s="236">
        <f t="shared" si="983"/>
        <v>2.4570624497621569</v>
      </c>
      <c r="O4220" s="236">
        <f t="shared" si="987"/>
        <v>2.7263655373268079</v>
      </c>
      <c r="P4220" s="236" t="str">
        <f t="shared" si="988"/>
        <v>CLAY</v>
      </c>
      <c r="Q4220" s="236">
        <f t="shared" si="984"/>
        <v>669.15949443036004</v>
      </c>
      <c r="R4220" s="238">
        <v>35</v>
      </c>
      <c r="S4220" s="236">
        <f t="shared" si="989"/>
        <v>9.6726503100171612</v>
      </c>
      <c r="T4220" s="236" t="e">
        <f t="shared" si="975"/>
        <v>#N/A</v>
      </c>
    </row>
    <row r="4221" spans="1:20" x14ac:dyDescent="0.2">
      <c r="A4221" s="53">
        <f t="shared" si="976"/>
        <v>4209</v>
      </c>
      <c r="B4221" s="239">
        <v>41.890999999999998</v>
      </c>
      <c r="C4221" s="3">
        <f t="shared" si="977"/>
        <v>41.884</v>
      </c>
      <c r="D4221" s="239">
        <v>9.2627000000000006</v>
      </c>
      <c r="E4221" s="239">
        <v>0.19500000000000001</v>
      </c>
      <c r="F4221" s="239">
        <v>0.16800000000000001</v>
      </c>
      <c r="G4221">
        <f t="shared" si="978"/>
        <v>9.2963000000000005</v>
      </c>
      <c r="H4221" s="235">
        <f t="shared" si="979"/>
        <v>2.0976087260523002</v>
      </c>
      <c r="I4221" s="236">
        <f t="shared" si="980"/>
        <v>20.29901562237422</v>
      </c>
      <c r="J4221" s="237">
        <f t="shared" si="985"/>
        <v>10.29901562237422</v>
      </c>
      <c r="K4221" s="237">
        <f t="shared" si="981"/>
        <v>850.2039703275218</v>
      </c>
      <c r="L4221" s="237">
        <f t="shared" si="986"/>
        <v>431.43606343687844</v>
      </c>
      <c r="M4221" s="236">
        <f t="shared" si="982"/>
        <v>19.576703816527825</v>
      </c>
      <c r="N4221" s="236">
        <f t="shared" si="983"/>
        <v>2.3087589735533909</v>
      </c>
      <c r="O4221" s="236">
        <f t="shared" si="987"/>
        <v>2.6929363675026723</v>
      </c>
      <c r="P4221" s="236" t="str">
        <f t="shared" si="988"/>
        <v>CLAY</v>
      </c>
      <c r="Q4221" s="236">
        <f t="shared" si="984"/>
        <v>703.84133580603987</v>
      </c>
      <c r="R4221" s="238">
        <v>35</v>
      </c>
      <c r="S4221" s="236">
        <f t="shared" si="989"/>
        <v>10.294718400148003</v>
      </c>
      <c r="T4221" s="236" t="e">
        <f t="shared" si="975"/>
        <v>#N/A</v>
      </c>
    </row>
    <row r="4222" spans="1:20" x14ac:dyDescent="0.2">
      <c r="A4222" s="53">
        <f t="shared" si="976"/>
        <v>4210</v>
      </c>
      <c r="B4222" s="239">
        <v>41.9</v>
      </c>
      <c r="C4222" s="3">
        <f t="shared" si="977"/>
        <v>41.893000000000001</v>
      </c>
      <c r="D4222" s="239">
        <v>9.4705999999999992</v>
      </c>
      <c r="E4222" s="239">
        <v>0.17610000000000001</v>
      </c>
      <c r="F4222" s="239">
        <v>0.23649999999999999</v>
      </c>
      <c r="G4222">
        <f t="shared" si="978"/>
        <v>9.5178999999999991</v>
      </c>
      <c r="H4222" s="235">
        <f t="shared" si="979"/>
        <v>1.8501980478887154</v>
      </c>
      <c r="I4222" s="236">
        <f t="shared" si="980"/>
        <v>20.18868033930115</v>
      </c>
      <c r="J4222" s="237">
        <f t="shared" si="985"/>
        <v>10.18868033930115</v>
      </c>
      <c r="K4222" s="237">
        <f t="shared" si="981"/>
        <v>845.76438545434314</v>
      </c>
      <c r="L4222" s="237">
        <f t="shared" si="986"/>
        <v>426.90570621671822</v>
      </c>
      <c r="M4222" s="236">
        <f t="shared" si="982"/>
        <v>20.313936984818039</v>
      </c>
      <c r="N4222" s="236">
        <f t="shared" si="983"/>
        <v>2.0306416761360357</v>
      </c>
      <c r="O4222" s="236">
        <f t="shared" si="987"/>
        <v>2.6474134234739646</v>
      </c>
      <c r="P4222" s="236" t="str">
        <f t="shared" si="988"/>
        <v>CLAY</v>
      </c>
      <c r="Q4222" s="236">
        <f t="shared" si="984"/>
        <v>722.67796787880468</v>
      </c>
      <c r="R4222" s="238">
        <v>35</v>
      </c>
      <c r="S4222" s="236">
        <f t="shared" si="989"/>
        <v>10.781585587456902</v>
      </c>
      <c r="T4222" s="236" t="e">
        <f t="shared" si="975"/>
        <v>#N/A</v>
      </c>
    </row>
    <row r="4223" spans="1:20" x14ac:dyDescent="0.2">
      <c r="A4223" s="53">
        <f t="shared" si="976"/>
        <v>4211</v>
      </c>
      <c r="B4223" s="239">
        <v>41.908999999999999</v>
      </c>
      <c r="C4223" s="3">
        <f t="shared" si="977"/>
        <v>41.902000000000001</v>
      </c>
      <c r="D4223" s="239">
        <v>9.7083999999999993</v>
      </c>
      <c r="E4223" s="239">
        <v>0.1636</v>
      </c>
      <c r="F4223" s="239">
        <v>0.20610000000000001</v>
      </c>
      <c r="G4223">
        <f t="shared" si="978"/>
        <v>9.7496199999999984</v>
      </c>
      <c r="H4223" s="235">
        <f t="shared" si="979"/>
        <v>1.6780141174732965</v>
      </c>
      <c r="I4223" s="236">
        <f t="shared" si="980"/>
        <v>20.111746882705486</v>
      </c>
      <c r="J4223" s="237">
        <f t="shared" si="985"/>
        <v>10.111746882705486</v>
      </c>
      <c r="K4223" s="237">
        <f t="shared" si="981"/>
        <v>842.72241787912526</v>
      </c>
      <c r="L4223" s="237">
        <f t="shared" si="986"/>
        <v>423.77320010730421</v>
      </c>
      <c r="M4223" s="236">
        <f t="shared" si="982"/>
        <v>21.018076602922378</v>
      </c>
      <c r="N4223" s="236">
        <f t="shared" si="983"/>
        <v>1.8367787267297202</v>
      </c>
      <c r="O4223" s="236">
        <f t="shared" si="987"/>
        <v>2.6103221366230751</v>
      </c>
      <c r="P4223" s="236" t="str">
        <f t="shared" si="988"/>
        <v>CLAY</v>
      </c>
      <c r="Q4223" s="236">
        <f t="shared" si="984"/>
        <v>742.24146517673944</v>
      </c>
      <c r="R4223" s="238">
        <v>35</v>
      </c>
      <c r="S4223" s="236">
        <f t="shared" si="989"/>
        <v>11.2507434562719</v>
      </c>
      <c r="T4223" s="236" t="e">
        <f t="shared" si="975"/>
        <v>#N/A</v>
      </c>
    </row>
    <row r="4224" spans="1:20" x14ac:dyDescent="0.2">
      <c r="A4224" s="53">
        <f t="shared" si="976"/>
        <v>4212</v>
      </c>
      <c r="B4224" s="239">
        <v>41.918999999999997</v>
      </c>
      <c r="C4224" s="3">
        <f t="shared" si="977"/>
        <v>41.911999999999999</v>
      </c>
      <c r="D4224" s="239">
        <v>9.9779999999999998</v>
      </c>
      <c r="E4224" s="239">
        <v>0.15679999999999999</v>
      </c>
      <c r="F4224" s="239">
        <v>0.25130000000000002</v>
      </c>
      <c r="G4224">
        <f t="shared" si="978"/>
        <v>10.02826</v>
      </c>
      <c r="H4224" s="235">
        <f t="shared" si="979"/>
        <v>1.5635813191919634</v>
      </c>
      <c r="I4224" s="236">
        <f t="shared" si="980"/>
        <v>20.072980438664764</v>
      </c>
      <c r="J4224" s="237">
        <f t="shared" si="985"/>
        <v>10.072980438664764</v>
      </c>
      <c r="K4224" s="237">
        <f t="shared" si="981"/>
        <v>841.29875614531761</v>
      </c>
      <c r="L4224" s="237">
        <f t="shared" si="986"/>
        <v>422.24926700838824</v>
      </c>
      <c r="M4224" s="236">
        <f t="shared" si="982"/>
        <v>21.757198796208161</v>
      </c>
      <c r="N4224" s="236">
        <f t="shared" si="983"/>
        <v>1.7067667516817515</v>
      </c>
      <c r="O4224" s="236">
        <f t="shared" si="987"/>
        <v>2.5799083090538333</v>
      </c>
      <c r="P4224" s="236" t="str">
        <f t="shared" si="988"/>
        <v>SAND</v>
      </c>
      <c r="Q4224" s="236" t="e">
        <f t="shared" si="984"/>
        <v>#N/A</v>
      </c>
      <c r="R4224" s="238">
        <v>35</v>
      </c>
      <c r="S4224" s="236" t="e">
        <f t="shared" si="989"/>
        <v>#N/A</v>
      </c>
      <c r="T4224" s="236">
        <f t="shared" si="975"/>
        <v>32.313632779124703</v>
      </c>
    </row>
    <row r="4225" spans="1:20" x14ac:dyDescent="0.2">
      <c r="A4225" s="53">
        <f t="shared" si="976"/>
        <v>4213</v>
      </c>
      <c r="B4225" s="239">
        <v>41.929000000000002</v>
      </c>
      <c r="C4225" s="3">
        <f t="shared" si="977"/>
        <v>41.922000000000004</v>
      </c>
      <c r="D4225" s="239">
        <v>9.8391000000000002</v>
      </c>
      <c r="E4225" s="239">
        <v>0.1668</v>
      </c>
      <c r="F4225" s="239">
        <v>0.35510000000000003</v>
      </c>
      <c r="G4225">
        <f t="shared" si="978"/>
        <v>9.9101200000000009</v>
      </c>
      <c r="H4225" s="235">
        <f t="shared" si="979"/>
        <v>1.6831279540510102</v>
      </c>
      <c r="I4225" s="236">
        <f t="shared" si="980"/>
        <v>20.140843401382419</v>
      </c>
      <c r="J4225" s="237">
        <f t="shared" si="985"/>
        <v>10.140843401382419</v>
      </c>
      <c r="K4225" s="237">
        <f t="shared" si="981"/>
        <v>844.34443707275386</v>
      </c>
      <c r="L4225" s="237">
        <f t="shared" si="986"/>
        <v>425.19542297656346</v>
      </c>
      <c r="M4225" s="236">
        <f t="shared" si="982"/>
        <v>21.321432623763091</v>
      </c>
      <c r="N4225" s="236">
        <f t="shared" si="983"/>
        <v>1.8398867128599197</v>
      </c>
      <c r="O4225" s="236">
        <f t="shared" si="987"/>
        <v>2.6056231202801348</v>
      </c>
      <c r="P4225" s="236" t="str">
        <f t="shared" si="988"/>
        <v>CLAY</v>
      </c>
      <c r="Q4225" s="236">
        <f t="shared" si="984"/>
        <v>755.48129691060387</v>
      </c>
      <c r="R4225" s="238">
        <v>35</v>
      </c>
      <c r="S4225" s="236">
        <f t="shared" si="989"/>
        <v>11.454087239771562</v>
      </c>
      <c r="T4225" s="236" t="e">
        <f t="shared" si="975"/>
        <v>#N/A</v>
      </c>
    </row>
    <row r="4226" spans="1:20" x14ac:dyDescent="0.2">
      <c r="A4226" s="53">
        <f t="shared" si="976"/>
        <v>4214</v>
      </c>
      <c r="B4226" s="239">
        <v>41.938000000000002</v>
      </c>
      <c r="C4226" s="3">
        <f t="shared" si="977"/>
        <v>41.931000000000004</v>
      </c>
      <c r="D4226" s="239">
        <v>9.0353999999999992</v>
      </c>
      <c r="E4226" s="239">
        <v>0.16950000000000001</v>
      </c>
      <c r="F4226" s="239">
        <v>0.23080000000000001</v>
      </c>
      <c r="G4226">
        <f t="shared" si="978"/>
        <v>9.0815599999999996</v>
      </c>
      <c r="H4226" s="235">
        <f t="shared" si="979"/>
        <v>1.8664194257374287</v>
      </c>
      <c r="I4226" s="236">
        <f t="shared" si="980"/>
        <v>20.125545662162455</v>
      </c>
      <c r="J4226" s="237">
        <f t="shared" si="985"/>
        <v>10.125545662162455</v>
      </c>
      <c r="K4226" s="237">
        <f t="shared" si="981"/>
        <v>843.88425516013399</v>
      </c>
      <c r="L4226" s="237">
        <f t="shared" si="986"/>
        <v>424.64513397976907</v>
      </c>
      <c r="M4226" s="236">
        <f t="shared" si="982"/>
        <v>19.398964183661938</v>
      </c>
      <c r="N4226" s="236">
        <f t="shared" si="983"/>
        <v>2.057619227197379</v>
      </c>
      <c r="O4226" s="236">
        <f t="shared" si="987"/>
        <v>2.6670768169547339</v>
      </c>
      <c r="P4226" s="236" t="str">
        <f t="shared" si="988"/>
        <v>CLAY</v>
      </c>
      <c r="Q4226" s="236">
        <f t="shared" si="984"/>
        <v>686.47297873665548</v>
      </c>
      <c r="R4226" s="238">
        <v>35</v>
      </c>
      <c r="S4226" s="236">
        <f t="shared" si="989"/>
        <v>10.178017310501097</v>
      </c>
      <c r="T4226" s="236" t="e">
        <f t="shared" si="975"/>
        <v>#N/A</v>
      </c>
    </row>
    <row r="4227" spans="1:20" x14ac:dyDescent="0.2">
      <c r="A4227" s="53">
        <f t="shared" si="976"/>
        <v>4215</v>
      </c>
      <c r="B4227" s="239">
        <v>41.948</v>
      </c>
      <c r="C4227" s="3">
        <f t="shared" si="977"/>
        <v>41.941000000000003</v>
      </c>
      <c r="D4227" s="239">
        <v>8.391</v>
      </c>
      <c r="E4227" s="239">
        <v>0.16039999999999999</v>
      </c>
      <c r="F4227" s="239">
        <v>6.6699999999999995E-2</v>
      </c>
      <c r="G4227">
        <f t="shared" si="978"/>
        <v>8.4043399999999995</v>
      </c>
      <c r="H4227" s="235">
        <f t="shared" si="979"/>
        <v>1.9085377316957666</v>
      </c>
      <c r="I4227" s="236">
        <f t="shared" si="980"/>
        <v>20.030548089280593</v>
      </c>
      <c r="J4227" s="237">
        <f t="shared" si="985"/>
        <v>10.030548089280593</v>
      </c>
      <c r="K4227" s="237">
        <f t="shared" si="981"/>
        <v>840.10121741251737</v>
      </c>
      <c r="L4227" s="237">
        <f t="shared" si="986"/>
        <v>420.76143124914233</v>
      </c>
      <c r="M4227" s="236">
        <f t="shared" si="982"/>
        <v>17.977500361977157</v>
      </c>
      <c r="N4227" s="236">
        <f t="shared" si="983"/>
        <v>2.1205041856853213</v>
      </c>
      <c r="O4227" s="236">
        <f t="shared" si="987"/>
        <v>2.7016473201140281</v>
      </c>
      <c r="P4227" s="236" t="str">
        <f t="shared" si="988"/>
        <v>CLAY</v>
      </c>
      <c r="Q4227" s="236">
        <f t="shared" si="984"/>
        <v>630.35323188229029</v>
      </c>
      <c r="R4227" s="238">
        <v>35</v>
      </c>
      <c r="S4227" s="236">
        <f t="shared" si="989"/>
        <v>9.2544719064103624</v>
      </c>
      <c r="T4227" s="236" t="e">
        <f t="shared" si="975"/>
        <v>#N/A</v>
      </c>
    </row>
    <row r="4228" spans="1:20" x14ac:dyDescent="0.2">
      <c r="A4228" s="53">
        <f t="shared" si="976"/>
        <v>4216</v>
      </c>
      <c r="B4228" s="239">
        <v>41.957999999999998</v>
      </c>
      <c r="C4228" s="3">
        <f t="shared" si="977"/>
        <v>41.951000000000001</v>
      </c>
      <c r="D4228" s="239">
        <v>7.9588999999999999</v>
      </c>
      <c r="E4228" s="239">
        <v>0.15390000000000001</v>
      </c>
      <c r="F4228" s="239">
        <v>0.11509999999999999</v>
      </c>
      <c r="G4228">
        <f t="shared" si="978"/>
        <v>7.9819199999999997</v>
      </c>
      <c r="H4228" s="235">
        <f t="shared" si="979"/>
        <v>1.9281075230019846</v>
      </c>
      <c r="I4228" s="236">
        <f t="shared" si="980"/>
        <v>19.96188396154642</v>
      </c>
      <c r="J4228" s="237">
        <f t="shared" si="985"/>
        <v>9.9618839615464196</v>
      </c>
      <c r="K4228" s="237">
        <f t="shared" si="981"/>
        <v>837.4209940708339</v>
      </c>
      <c r="L4228" s="237">
        <f t="shared" si="986"/>
        <v>417.98072725856468</v>
      </c>
      <c r="M4228" s="236">
        <f t="shared" si="982"/>
        <v>17.09289098755395</v>
      </c>
      <c r="N4228" s="236">
        <f t="shared" si="983"/>
        <v>2.1541048556697895</v>
      </c>
      <c r="O4228" s="236">
        <f t="shared" si="987"/>
        <v>2.7235330473569679</v>
      </c>
      <c r="P4228" s="236" t="str">
        <f t="shared" si="988"/>
        <v>CLAY</v>
      </c>
      <c r="Q4228" s="236">
        <f t="shared" si="984"/>
        <v>595.37491716076386</v>
      </c>
      <c r="R4228" s="238">
        <v>35</v>
      </c>
      <c r="S4228" s="236">
        <f t="shared" si="989"/>
        <v>8.6887922285601196</v>
      </c>
      <c r="T4228" s="236" t="e">
        <f t="shared" si="975"/>
        <v>#N/A</v>
      </c>
    </row>
    <row r="4229" spans="1:20" x14ac:dyDescent="0.2">
      <c r="A4229" s="53">
        <f t="shared" si="976"/>
        <v>4217</v>
      </c>
      <c r="B4229" s="239">
        <v>41.968000000000004</v>
      </c>
      <c r="C4229" s="3">
        <f t="shared" si="977"/>
        <v>41.961000000000006</v>
      </c>
      <c r="D4229" s="239">
        <v>7.7739000000000003</v>
      </c>
      <c r="E4229" s="239">
        <v>0.14979999999999999</v>
      </c>
      <c r="F4229" s="239">
        <v>0.20200000000000001</v>
      </c>
      <c r="G4229">
        <f t="shared" si="978"/>
        <v>7.8143000000000002</v>
      </c>
      <c r="H4229" s="235">
        <f t="shared" si="979"/>
        <v>1.9169983235862456</v>
      </c>
      <c r="I4229" s="236">
        <f t="shared" si="980"/>
        <v>19.921926022711705</v>
      </c>
      <c r="J4229" s="237">
        <f t="shared" si="985"/>
        <v>9.9219260227117054</v>
      </c>
      <c r="K4229" s="237">
        <f t="shared" si="981"/>
        <v>835.94393783900603</v>
      </c>
      <c r="L4229" s="237">
        <f t="shared" si="986"/>
        <v>416.40339132116486</v>
      </c>
      <c r="M4229" s="236">
        <f t="shared" si="982"/>
        <v>16.758643679678165</v>
      </c>
      <c r="N4229" s="236">
        <f t="shared" si="983"/>
        <v>2.1466373837280419</v>
      </c>
      <c r="O4229" s="236">
        <f t="shared" si="987"/>
        <v>2.7297249115399671</v>
      </c>
      <c r="P4229" s="236" t="str">
        <f t="shared" si="988"/>
        <v>CLAY</v>
      </c>
      <c r="Q4229" s="236">
        <f t="shared" si="984"/>
        <v>581.52967184674947</v>
      </c>
      <c r="R4229" s="238">
        <v>35</v>
      </c>
      <c r="S4229" s="236">
        <f t="shared" si="989"/>
        <v>8.4769299161496736</v>
      </c>
      <c r="T4229" s="236" t="e">
        <f t="shared" si="975"/>
        <v>#N/A</v>
      </c>
    </row>
    <row r="4230" spans="1:20" x14ac:dyDescent="0.2">
      <c r="A4230" s="53">
        <f t="shared" si="976"/>
        <v>4218</v>
      </c>
      <c r="B4230" s="239">
        <v>41.978000000000002</v>
      </c>
      <c r="C4230" s="3">
        <f t="shared" si="977"/>
        <v>41.971000000000004</v>
      </c>
      <c r="D4230" s="239">
        <v>7.4825999999999997</v>
      </c>
      <c r="E4230" s="239">
        <v>0.154</v>
      </c>
      <c r="F4230" s="239">
        <v>0.33479999999999999</v>
      </c>
      <c r="G4230">
        <f t="shared" si="978"/>
        <v>7.5495599999999996</v>
      </c>
      <c r="H4230" s="235">
        <f t="shared" si="979"/>
        <v>2.0398539782450897</v>
      </c>
      <c r="I4230" s="236">
        <f t="shared" si="980"/>
        <v>19.940878477554044</v>
      </c>
      <c r="J4230" s="237">
        <f t="shared" si="985"/>
        <v>9.940878477554044</v>
      </c>
      <c r="K4230" s="237">
        <f t="shared" si="981"/>
        <v>836.9386105814209</v>
      </c>
      <c r="L4230" s="237">
        <f t="shared" si="986"/>
        <v>417.29819673076366</v>
      </c>
      <c r="M4230" s="236">
        <f t="shared" si="982"/>
        <v>16.085910368190472</v>
      </c>
      <c r="N4230" s="236">
        <f t="shared" si="983"/>
        <v>2.2941856998334131</v>
      </c>
      <c r="O4230" s="236">
        <f t="shared" si="987"/>
        <v>2.760808756812827</v>
      </c>
      <c r="P4230" s="236" t="str">
        <f t="shared" si="988"/>
        <v>CLAY</v>
      </c>
      <c r="Q4230" s="236">
        <f t="shared" si="984"/>
        <v>559.38511578488158</v>
      </c>
      <c r="R4230" s="238">
        <v>35</v>
      </c>
      <c r="S4230" s="236">
        <f t="shared" si="989"/>
        <v>8.0537299699004645</v>
      </c>
      <c r="T4230" s="236" t="e">
        <f t="shared" si="975"/>
        <v>#N/A</v>
      </c>
    </row>
    <row r="4231" spans="1:20" x14ac:dyDescent="0.2">
      <c r="A4231" s="53">
        <f t="shared" si="976"/>
        <v>4219</v>
      </c>
      <c r="B4231" s="239">
        <v>41.987000000000002</v>
      </c>
      <c r="C4231" s="3">
        <f t="shared" si="977"/>
        <v>41.980000000000004</v>
      </c>
      <c r="D4231" s="239">
        <v>7.3543000000000003</v>
      </c>
      <c r="E4231" s="239">
        <v>0.15620000000000001</v>
      </c>
      <c r="F4231" s="239">
        <v>0.38009999999999999</v>
      </c>
      <c r="G4231">
        <f t="shared" si="978"/>
        <v>7.43032</v>
      </c>
      <c r="H4231" s="235">
        <f t="shared" si="979"/>
        <v>2.102197482746369</v>
      </c>
      <c r="I4231" s="236">
        <f t="shared" si="980"/>
        <v>19.951288600191642</v>
      </c>
      <c r="J4231" s="237">
        <f t="shared" si="985"/>
        <v>9.9512886001916421</v>
      </c>
      <c r="K4231" s="237">
        <f t="shared" si="981"/>
        <v>837.55509543604524</v>
      </c>
      <c r="L4231" s="237">
        <f t="shared" si="986"/>
        <v>417.82475445624647</v>
      </c>
      <c r="M4231" s="236">
        <f t="shared" si="982"/>
        <v>15.778780060898312</v>
      </c>
      <c r="N4231" s="236">
        <f t="shared" si="983"/>
        <v>2.3692639167501315</v>
      </c>
      <c r="O4231" s="236">
        <f t="shared" si="987"/>
        <v>2.7756877340540869</v>
      </c>
      <c r="P4231" s="236" t="str">
        <f t="shared" si="988"/>
        <v>CLAY</v>
      </c>
      <c r="Q4231" s="236">
        <f t="shared" si="984"/>
        <v>549.39707538032951</v>
      </c>
      <c r="R4231" s="238">
        <v>35</v>
      </c>
      <c r="S4231" s="236">
        <f t="shared" si="989"/>
        <v>7.8619773254181453</v>
      </c>
      <c r="T4231" s="236" t="e">
        <f t="shared" si="975"/>
        <v>#N/A</v>
      </c>
    </row>
    <row r="4232" spans="1:20" x14ac:dyDescent="0.2">
      <c r="A4232" s="53">
        <f t="shared" si="976"/>
        <v>4220</v>
      </c>
      <c r="B4232" s="239">
        <v>41.997</v>
      </c>
      <c r="C4232" s="3">
        <f t="shared" si="977"/>
        <v>41.99</v>
      </c>
      <c r="D4232" s="239">
        <v>7.3703000000000003</v>
      </c>
      <c r="E4232" s="239">
        <v>0.1585</v>
      </c>
      <c r="F4232" s="239">
        <v>0.54759999999999998</v>
      </c>
      <c r="G4232">
        <f t="shared" si="978"/>
        <v>7.4798200000000001</v>
      </c>
      <c r="H4232" s="235">
        <f t="shared" si="979"/>
        <v>2.1190349500389045</v>
      </c>
      <c r="I4232" s="236">
        <f t="shared" si="980"/>
        <v>19.971024106199451</v>
      </c>
      <c r="J4232" s="237">
        <f t="shared" si="985"/>
        <v>9.9710241061994509</v>
      </c>
      <c r="K4232" s="237">
        <f t="shared" si="981"/>
        <v>838.58330221931499</v>
      </c>
      <c r="L4232" s="237">
        <f t="shared" si="986"/>
        <v>418.75309938805833</v>
      </c>
      <c r="M4232" s="236">
        <f t="shared" si="982"/>
        <v>15.859552341190563</v>
      </c>
      <c r="N4232" s="236">
        <f t="shared" si="983"/>
        <v>2.3866036886317614</v>
      </c>
      <c r="O4232" s="236">
        <f t="shared" si="987"/>
        <v>2.775694723523809</v>
      </c>
      <c r="P4232" s="236" t="str">
        <f t="shared" si="988"/>
        <v>CLAY</v>
      </c>
      <c r="Q4232" s="236">
        <f t="shared" si="984"/>
        <v>553.43639148172372</v>
      </c>
      <c r="R4232" s="238">
        <v>35</v>
      </c>
      <c r="S4232" s="236">
        <f t="shared" si="989"/>
        <v>7.9123167415620479</v>
      </c>
      <c r="T4232" s="236" t="e">
        <f t="shared" si="975"/>
        <v>#N/A</v>
      </c>
    </row>
    <row r="4233" spans="1:20" x14ac:dyDescent="0.2">
      <c r="A4233" s="53">
        <f t="shared" si="976"/>
        <v>4221</v>
      </c>
      <c r="B4233" s="239">
        <v>42.008000000000003</v>
      </c>
      <c r="C4233" s="3">
        <f t="shared" si="977"/>
        <v>42.001000000000005</v>
      </c>
      <c r="D4233" s="239">
        <v>7.5368000000000004</v>
      </c>
      <c r="E4233" s="239">
        <v>0.17480000000000001</v>
      </c>
      <c r="F4233" s="239">
        <v>0.42149999999999999</v>
      </c>
      <c r="G4233">
        <f t="shared" si="978"/>
        <v>7.6211000000000002</v>
      </c>
      <c r="H4233" s="235">
        <f t="shared" si="979"/>
        <v>2.2936321528388293</v>
      </c>
      <c r="I4233" s="236">
        <f t="shared" si="980"/>
        <v>20.093120805007779</v>
      </c>
      <c r="J4233" s="237">
        <f t="shared" si="985"/>
        <v>10.093120805007779</v>
      </c>
      <c r="K4233" s="237">
        <f t="shared" si="981"/>
        <v>843.93116693113177</v>
      </c>
      <c r="L4233" s="237">
        <f t="shared" si="986"/>
        <v>423.99181877676676</v>
      </c>
      <c r="M4233" s="236">
        <f t="shared" si="982"/>
        <v>15.98419717772213</v>
      </c>
      <c r="N4233" s="236">
        <f t="shared" si="983"/>
        <v>2.5792481241882577</v>
      </c>
      <c r="O4233" s="236">
        <f t="shared" si="987"/>
        <v>2.792476870701309</v>
      </c>
      <c r="P4233" s="236" t="str">
        <f t="shared" si="988"/>
        <v>CLAY</v>
      </c>
      <c r="Q4233" s="236">
        <f t="shared" si="984"/>
        <v>564.76406942240567</v>
      </c>
      <c r="R4233" s="238">
        <v>35</v>
      </c>
      <c r="S4233" s="236">
        <f t="shared" si="989"/>
        <v>7.9901244557583695</v>
      </c>
      <c r="T4233" s="236" t="e">
        <f t="shared" si="975"/>
        <v>#N/A</v>
      </c>
    </row>
    <row r="4234" spans="1:20" x14ac:dyDescent="0.2">
      <c r="A4234" s="53">
        <f t="shared" si="976"/>
        <v>4222</v>
      </c>
      <c r="B4234" s="239">
        <v>42.017000000000003</v>
      </c>
      <c r="C4234" s="3">
        <f t="shared" si="977"/>
        <v>42.010000000000005</v>
      </c>
      <c r="D4234" s="239">
        <v>7.7427000000000001</v>
      </c>
      <c r="E4234" s="239">
        <v>0.17730000000000001</v>
      </c>
      <c r="F4234" s="239">
        <v>0.36609999999999998</v>
      </c>
      <c r="G4234">
        <f t="shared" si="978"/>
        <v>7.8159200000000002</v>
      </c>
      <c r="H4234" s="235">
        <f t="shared" si="979"/>
        <v>2.2684469646567522</v>
      </c>
      <c r="I4234" s="236">
        <f t="shared" si="980"/>
        <v>20.119638735458487</v>
      </c>
      <c r="J4234" s="237">
        <f t="shared" si="985"/>
        <v>10.119638735458487</v>
      </c>
      <c r="K4234" s="237">
        <f t="shared" si="981"/>
        <v>845.22602327661116</v>
      </c>
      <c r="L4234" s="237">
        <f t="shared" si="986"/>
        <v>425.19686074775927</v>
      </c>
      <c r="M4234" s="236">
        <f t="shared" si="982"/>
        <v>16.394039138634735</v>
      </c>
      <c r="N4234" s="236">
        <f t="shared" si="983"/>
        <v>2.5435057196893442</v>
      </c>
      <c r="O4234" s="236">
        <f t="shared" si="987"/>
        <v>2.7800131128299981</v>
      </c>
      <c r="P4234" s="236" t="str">
        <f t="shared" si="988"/>
        <v>CLAY</v>
      </c>
      <c r="Q4234" s="236">
        <f t="shared" si="984"/>
        <v>580.89116472694911</v>
      </c>
      <c r="R4234" s="238">
        <v>35</v>
      </c>
      <c r="S4234" s="236">
        <f t="shared" si="989"/>
        <v>8.2470279823932007</v>
      </c>
      <c r="T4234" s="236" t="e">
        <f t="shared" si="975"/>
        <v>#N/A</v>
      </c>
    </row>
    <row r="4235" spans="1:20" x14ac:dyDescent="0.2">
      <c r="A4235" s="53">
        <f t="shared" si="976"/>
        <v>4223</v>
      </c>
      <c r="B4235" s="239">
        <v>42.027000000000001</v>
      </c>
      <c r="C4235" s="3">
        <f t="shared" si="977"/>
        <v>42.02</v>
      </c>
      <c r="D4235" s="239">
        <v>7.8665000000000003</v>
      </c>
      <c r="E4235" s="239">
        <v>0.1774</v>
      </c>
      <c r="F4235" s="239">
        <v>0.20619999999999999</v>
      </c>
      <c r="G4235">
        <f t="shared" si="978"/>
        <v>7.9077400000000004</v>
      </c>
      <c r="H4235" s="235">
        <f t="shared" si="979"/>
        <v>2.2433716839450968</v>
      </c>
      <c r="I4235" s="236">
        <f t="shared" si="980"/>
        <v>20.124864959688171</v>
      </c>
      <c r="J4235" s="237">
        <f t="shared" si="985"/>
        <v>10.124864959688171</v>
      </c>
      <c r="K4235" s="237">
        <f t="shared" si="981"/>
        <v>845.64682560609697</v>
      </c>
      <c r="L4235" s="237">
        <f t="shared" si="986"/>
        <v>425.5176996608148</v>
      </c>
      <c r="M4235" s="236">
        <f t="shared" si="982"/>
        <v>16.596473378247676</v>
      </c>
      <c r="N4235" s="236">
        <f t="shared" si="983"/>
        <v>2.5120031075662657</v>
      </c>
      <c r="O4235" s="236">
        <f t="shared" si="987"/>
        <v>2.7725248777283449</v>
      </c>
      <c r="P4235" s="236" t="str">
        <f t="shared" si="988"/>
        <v>CLAY</v>
      </c>
      <c r="Q4235" s="236">
        <f t="shared" si="984"/>
        <v>588.50776453282526</v>
      </c>
      <c r="R4235" s="238">
        <v>35</v>
      </c>
      <c r="S4235" s="236">
        <f t="shared" si="989"/>
        <v>8.374517138995822</v>
      </c>
      <c r="T4235" s="236" t="e">
        <f t="shared" si="975"/>
        <v>#N/A</v>
      </c>
    </row>
    <row r="4236" spans="1:20" x14ac:dyDescent="0.2">
      <c r="A4236" s="53">
        <f t="shared" si="976"/>
        <v>4224</v>
      </c>
      <c r="B4236" s="239">
        <v>42.036000000000001</v>
      </c>
      <c r="C4236" s="3">
        <f t="shared" si="977"/>
        <v>42.029000000000003</v>
      </c>
      <c r="D4236" s="239">
        <v>7.9245000000000001</v>
      </c>
      <c r="E4236" s="239">
        <v>0.1757</v>
      </c>
      <c r="F4236" s="239">
        <v>0.1573</v>
      </c>
      <c r="G4236">
        <f t="shared" si="978"/>
        <v>7.9559600000000001</v>
      </c>
      <c r="H4236" s="235">
        <f t="shared" si="979"/>
        <v>2.2084072820878937</v>
      </c>
      <c r="I4236" s="236">
        <f t="shared" si="980"/>
        <v>20.115950142288597</v>
      </c>
      <c r="J4236" s="237">
        <f t="shared" si="985"/>
        <v>10.115950142288597</v>
      </c>
      <c r="K4236" s="237">
        <f t="shared" si="981"/>
        <v>845.45326853024756</v>
      </c>
      <c r="L4236" s="237">
        <f t="shared" si="986"/>
        <v>425.23408018124348</v>
      </c>
      <c r="M4236" s="236">
        <f t="shared" si="982"/>
        <v>16.721394316370667</v>
      </c>
      <c r="N4236" s="236">
        <f t="shared" si="983"/>
        <v>2.4709912617392678</v>
      </c>
      <c r="O4236" s="236">
        <f t="shared" si="987"/>
        <v>2.7657075135326186</v>
      </c>
      <c r="P4236" s="236" t="str">
        <f t="shared" si="988"/>
        <v>CLAY</v>
      </c>
      <c r="Q4236" s="236">
        <f t="shared" si="984"/>
        <v>592.54222762247934</v>
      </c>
      <c r="R4236" s="238">
        <v>35</v>
      </c>
      <c r="S4236" s="236">
        <f t="shared" si="989"/>
        <v>8.4533844200497299</v>
      </c>
      <c r="T4236" s="236" t="e">
        <f t="shared" si="975"/>
        <v>#N/A</v>
      </c>
    </row>
    <row r="4237" spans="1:20" x14ac:dyDescent="0.2">
      <c r="A4237" s="53">
        <f t="shared" si="976"/>
        <v>4225</v>
      </c>
      <c r="B4237" s="239">
        <v>42.045999999999999</v>
      </c>
      <c r="C4237" s="3">
        <f t="shared" si="977"/>
        <v>42.039000000000001</v>
      </c>
      <c r="D4237" s="239">
        <v>7.9066999999999998</v>
      </c>
      <c r="E4237" s="239">
        <v>0.17369999999999999</v>
      </c>
      <c r="F4237" s="239">
        <v>0.2039</v>
      </c>
      <c r="G4237">
        <f t="shared" si="978"/>
        <v>7.9474799999999997</v>
      </c>
      <c r="H4237" s="235">
        <f t="shared" si="979"/>
        <v>2.1855984538495221</v>
      </c>
      <c r="I4237" s="236">
        <f t="shared" si="980"/>
        <v>20.102109063498972</v>
      </c>
      <c r="J4237" s="237">
        <f t="shared" si="985"/>
        <v>10.102109063498972</v>
      </c>
      <c r="K4237" s="237">
        <f t="shared" si="981"/>
        <v>845.07256292043326</v>
      </c>
      <c r="L4237" s="237">
        <f t="shared" si="986"/>
        <v>424.75327768387774</v>
      </c>
      <c r="M4237" s="236">
        <f t="shared" si="982"/>
        <v>16.721253984920455</v>
      </c>
      <c r="N4237" s="236">
        <f t="shared" si="983"/>
        <v>2.4456496130194352</v>
      </c>
      <c r="O4237" s="236">
        <f t="shared" si="987"/>
        <v>2.7631020443815597</v>
      </c>
      <c r="P4237" s="236" t="str">
        <f t="shared" si="988"/>
        <v>CLAY</v>
      </c>
      <c r="Q4237" s="236">
        <f t="shared" si="984"/>
        <v>591.86728642329717</v>
      </c>
      <c r="R4237" s="238">
        <v>35</v>
      </c>
      <c r="S4237" s="236">
        <f t="shared" si="989"/>
        <v>8.4532957406588274</v>
      </c>
      <c r="T4237" s="236" t="e">
        <f t="shared" ref="T4237:T4300" si="990">IF(P4237="SAND",17.6+(11*LOG(M4237)),#N/A)</f>
        <v>#N/A</v>
      </c>
    </row>
    <row r="4238" spans="1:20" x14ac:dyDescent="0.2">
      <c r="A4238" s="53">
        <f t="shared" ref="A4238:A4301" si="991">$A4237+1</f>
        <v>4226</v>
      </c>
      <c r="B4238" s="239">
        <v>42.055999999999997</v>
      </c>
      <c r="C4238" s="3">
        <f t="shared" ref="C4238:C4301" si="992">MAX($B4238 - $B$13, 0.001)</f>
        <v>42.048999999999999</v>
      </c>
      <c r="D4238" s="239">
        <v>7.8285</v>
      </c>
      <c r="E4238" s="239">
        <v>0.17649999999999999</v>
      </c>
      <c r="F4238" s="239">
        <v>0.25369999999999998</v>
      </c>
      <c r="G4238">
        <f t="shared" si="978"/>
        <v>7.8792400000000002</v>
      </c>
      <c r="H4238" s="235">
        <f t="shared" si="979"/>
        <v>2.2400637624948598</v>
      </c>
      <c r="I4238" s="236">
        <f t="shared" si="980"/>
        <v>20.11748966691659</v>
      </c>
      <c r="J4238" s="237">
        <f t="shared" si="985"/>
        <v>10.11748966691659</v>
      </c>
      <c r="K4238" s="237">
        <f t="shared" si="981"/>
        <v>845.92032300417566</v>
      </c>
      <c r="L4238" s="237">
        <f t="shared" si="986"/>
        <v>425.50114543184412</v>
      </c>
      <c r="M4238" s="236">
        <f t="shared" si="982"/>
        <v>16.529496459657373</v>
      </c>
      <c r="N4238" s="236">
        <f t="shared" si="983"/>
        <v>2.5094835455480005</v>
      </c>
      <c r="O4238" s="236">
        <f t="shared" si="987"/>
        <v>2.773695764921583</v>
      </c>
      <c r="P4238" s="236" t="str">
        <f t="shared" si="988"/>
        <v>CLAY</v>
      </c>
      <c r="Q4238" s="236">
        <f t="shared" si="984"/>
        <v>586.10997308298545</v>
      </c>
      <c r="R4238" s="238">
        <v>35</v>
      </c>
      <c r="S4238" s="236">
        <f t="shared" si="989"/>
        <v>8.3322930993293571</v>
      </c>
      <c r="T4238" s="236" t="e">
        <f t="shared" si="990"/>
        <v>#N/A</v>
      </c>
    </row>
    <row r="4239" spans="1:20" x14ac:dyDescent="0.2">
      <c r="A4239" s="53">
        <f t="shared" si="991"/>
        <v>4227</v>
      </c>
      <c r="B4239" s="239">
        <v>42.066000000000003</v>
      </c>
      <c r="C4239" s="3">
        <f t="shared" si="992"/>
        <v>42.059000000000005</v>
      </c>
      <c r="D4239" s="239">
        <v>7.6909999999999998</v>
      </c>
      <c r="E4239" s="239">
        <v>0.18229999999999999</v>
      </c>
      <c r="F4239" s="239">
        <v>0.24759999999999999</v>
      </c>
      <c r="G4239">
        <f t="shared" ref="G4239:G4302" si="993">$D4239+($F4239*(1-$P$8))</f>
        <v>7.7405200000000001</v>
      </c>
      <c r="H4239" s="235">
        <f t="shared" ref="H4239:H4302" si="994">($E4239/$G4239)*100</f>
        <v>2.3551389312345941</v>
      </c>
      <c r="I4239" s="236">
        <f t="shared" ref="I4239:I4302" si="995">((0.27*(LOG($H4239)))+(0.36*(LOG(($G4239*1000)/101)))+1.236)*10</f>
        <v>20.148460183149805</v>
      </c>
      <c r="J4239" s="237">
        <f t="shared" si="985"/>
        <v>10.148460183149805</v>
      </c>
      <c r="K4239" s="237">
        <f t="shared" ref="K4239:K4302" si="996">$I4239*$C4239</f>
        <v>847.42408684309771</v>
      </c>
      <c r="L4239" s="237">
        <f t="shared" si="986"/>
        <v>426.90512606437971</v>
      </c>
      <c r="M4239" s="236">
        <f t="shared" ref="M4239:M4302" si="997">(($G4239*1000)-$K4239)/$L4239</f>
        <v>16.146669347131205</v>
      </c>
      <c r="N4239" s="236">
        <f t="shared" ref="N4239:N4302" si="998">(($E4239*1000)/(($G4239*1000)-$K4239))*100</f>
        <v>2.6446752271652372</v>
      </c>
      <c r="O4239" s="236">
        <f t="shared" si="987"/>
        <v>2.7952916948872568</v>
      </c>
      <c r="P4239" s="236" t="str">
        <f t="shared" si="988"/>
        <v>CLAY</v>
      </c>
      <c r="Q4239" s="236">
        <f t="shared" ref="Q4239:Q4302" si="999">IF(P4239="CLAY",($G4239*1000 -$K4239)/$L$8,#N/A)</f>
        <v>574.42465942974184</v>
      </c>
      <c r="R4239" s="238">
        <v>35</v>
      </c>
      <c r="S4239" s="236">
        <f t="shared" si="989"/>
        <v>8.0917731407612532</v>
      </c>
      <c r="T4239" s="236" t="e">
        <f t="shared" si="990"/>
        <v>#N/A</v>
      </c>
    </row>
    <row r="4240" spans="1:20" x14ac:dyDescent="0.2">
      <c r="A4240" s="53">
        <f t="shared" si="991"/>
        <v>4228</v>
      </c>
      <c r="B4240" s="239">
        <v>42.075000000000003</v>
      </c>
      <c r="C4240" s="3">
        <f t="shared" si="992"/>
        <v>42.068000000000005</v>
      </c>
      <c r="D4240" s="239">
        <v>7.2572999999999999</v>
      </c>
      <c r="E4240" s="239">
        <v>0.17730000000000001</v>
      </c>
      <c r="F4240" s="239">
        <v>0.23699999999999999</v>
      </c>
      <c r="G4240">
        <f t="shared" si="993"/>
        <v>7.3046999999999995</v>
      </c>
      <c r="H4240" s="235">
        <f t="shared" si="994"/>
        <v>2.4272044026448727</v>
      </c>
      <c r="I4240" s="236">
        <f t="shared" si="995"/>
        <v>20.09319878646653</v>
      </c>
      <c r="J4240" s="237">
        <f t="shared" ref="J4240:J4303" si="1000">$I4240-10</f>
        <v>10.09319878646653</v>
      </c>
      <c r="K4240" s="237">
        <f t="shared" si="996"/>
        <v>845.28068654907406</v>
      </c>
      <c r="L4240" s="237">
        <f t="shared" ref="L4240:L4303" si="1001">$J4240*$B4240</f>
        <v>424.67133894057929</v>
      </c>
      <c r="M4240" s="236">
        <f t="shared" si="997"/>
        <v>15.210396184412009</v>
      </c>
      <c r="N4240" s="236">
        <f t="shared" si="998"/>
        <v>2.744828774790872</v>
      </c>
      <c r="O4240" s="236">
        <f t="shared" ref="O4240:O4303" si="1002">((3.47-LOG($M4240))^2+(LOG($N4240)+1.22)^2)^0.5</f>
        <v>2.8257696000081483</v>
      </c>
      <c r="P4240" s="236" t="str">
        <f t="shared" ref="P4240:P4303" si="1003">IF(O4240&lt;2.6,"SAND","CLAY")</f>
        <v>CLAY</v>
      </c>
      <c r="Q4240" s="236">
        <f t="shared" si="999"/>
        <v>538.28494278757717</v>
      </c>
      <c r="R4240" s="238">
        <v>35</v>
      </c>
      <c r="S4240" s="236">
        <f t="shared" ref="S4240:S4303" si="1004">IF(P4240="SAND",#N/A,0.25*($M4240)^1.25)</f>
        <v>7.5095803157767653</v>
      </c>
      <c r="T4240" s="236" t="e">
        <f t="shared" si="990"/>
        <v>#N/A</v>
      </c>
    </row>
    <row r="4241" spans="1:20" x14ac:dyDescent="0.2">
      <c r="A4241" s="53">
        <f t="shared" si="991"/>
        <v>4229</v>
      </c>
      <c r="B4241" s="239">
        <v>42.085000000000001</v>
      </c>
      <c r="C4241" s="3">
        <f t="shared" si="992"/>
        <v>42.078000000000003</v>
      </c>
      <c r="D4241" s="239">
        <v>6.6811999999999996</v>
      </c>
      <c r="E4241" s="239">
        <v>0.16470000000000001</v>
      </c>
      <c r="F4241" s="239">
        <v>0.28670000000000001</v>
      </c>
      <c r="G4241">
        <f t="shared" si="993"/>
        <v>6.7385399999999995</v>
      </c>
      <c r="H4241" s="235">
        <f t="shared" si="994"/>
        <v>2.4441496229153499</v>
      </c>
      <c r="I4241" s="236">
        <f t="shared" si="995"/>
        <v>19.97522500175765</v>
      </c>
      <c r="J4241" s="237">
        <f t="shared" si="1000"/>
        <v>9.97522500175765</v>
      </c>
      <c r="K4241" s="237">
        <f t="shared" si="996"/>
        <v>840.5175176239585</v>
      </c>
      <c r="L4241" s="237">
        <f t="shared" si="1001"/>
        <v>419.80734419897072</v>
      </c>
      <c r="M4241" s="236">
        <f t="shared" si="997"/>
        <v>14.049355171787161</v>
      </c>
      <c r="N4241" s="236">
        <f t="shared" si="998"/>
        <v>2.7924613799310234</v>
      </c>
      <c r="O4241" s="236">
        <f t="shared" si="1002"/>
        <v>2.8581100580187684</v>
      </c>
      <c r="P4241" s="236" t="str">
        <f t="shared" si="1003"/>
        <v>CLAY</v>
      </c>
      <c r="Q4241" s="236">
        <f t="shared" si="999"/>
        <v>491.5018735313368</v>
      </c>
      <c r="R4241" s="238">
        <v>35</v>
      </c>
      <c r="S4241" s="236">
        <f t="shared" si="1004"/>
        <v>6.8000248271726473</v>
      </c>
      <c r="T4241" s="236" t="e">
        <f t="shared" si="990"/>
        <v>#N/A</v>
      </c>
    </row>
    <row r="4242" spans="1:20" x14ac:dyDescent="0.2">
      <c r="A4242" s="53">
        <f t="shared" si="991"/>
        <v>4230</v>
      </c>
      <c r="B4242" s="239">
        <v>42.094999999999999</v>
      </c>
      <c r="C4242" s="3">
        <f t="shared" si="992"/>
        <v>42.088000000000001</v>
      </c>
      <c r="D4242" s="239">
        <v>6.1546000000000003</v>
      </c>
      <c r="E4242" s="239">
        <v>0.1656</v>
      </c>
      <c r="F4242" s="239">
        <v>0.21229999999999999</v>
      </c>
      <c r="G4242">
        <f t="shared" si="993"/>
        <v>6.1970600000000005</v>
      </c>
      <c r="H4242" s="235">
        <f t="shared" si="994"/>
        <v>2.67223489848412</v>
      </c>
      <c r="I4242" s="236">
        <f t="shared" si="995"/>
        <v>19.948873082906804</v>
      </c>
      <c r="J4242" s="237">
        <f t="shared" si="1000"/>
        <v>9.9488730829068039</v>
      </c>
      <c r="K4242" s="237">
        <f t="shared" si="996"/>
        <v>839.60817031338161</v>
      </c>
      <c r="L4242" s="237">
        <f t="shared" si="1001"/>
        <v>418.79781242496188</v>
      </c>
      <c r="M4242" s="236">
        <f t="shared" si="997"/>
        <v>12.792454188491114</v>
      </c>
      <c r="N4242" s="236">
        <f t="shared" si="998"/>
        <v>3.0910217257088557</v>
      </c>
      <c r="O4242" s="236">
        <f t="shared" si="1002"/>
        <v>2.9169223606475261</v>
      </c>
      <c r="P4242" s="236" t="str">
        <f t="shared" si="1003"/>
        <v>CLAY</v>
      </c>
      <c r="Q4242" s="236">
        <f t="shared" si="999"/>
        <v>446.4543191405516</v>
      </c>
      <c r="R4242" s="238">
        <v>35</v>
      </c>
      <c r="S4242" s="236">
        <f t="shared" si="1004"/>
        <v>6.0482863838935748</v>
      </c>
      <c r="T4242" s="236" t="e">
        <f t="shared" si="990"/>
        <v>#N/A</v>
      </c>
    </row>
    <row r="4243" spans="1:20" x14ac:dyDescent="0.2">
      <c r="A4243" s="53">
        <f t="shared" si="991"/>
        <v>4231</v>
      </c>
      <c r="B4243" s="239">
        <v>42.104999999999997</v>
      </c>
      <c r="C4243" s="3">
        <f t="shared" si="992"/>
        <v>42.097999999999999</v>
      </c>
      <c r="D4243" s="239">
        <v>5.6509</v>
      </c>
      <c r="E4243" s="239">
        <v>0.17019999999999999</v>
      </c>
      <c r="F4243" s="239">
        <v>0.2271</v>
      </c>
      <c r="G4243">
        <f t="shared" si="993"/>
        <v>5.6963200000000001</v>
      </c>
      <c r="H4243" s="235">
        <f t="shared" si="994"/>
        <v>2.9878939385427783</v>
      </c>
      <c r="I4243" s="236">
        <f t="shared" si="995"/>
        <v>19.948068795562509</v>
      </c>
      <c r="J4243" s="237">
        <f t="shared" si="1000"/>
        <v>9.9480687955625093</v>
      </c>
      <c r="K4243" s="237">
        <f t="shared" si="996"/>
        <v>839.77380015559049</v>
      </c>
      <c r="L4243" s="237">
        <f t="shared" si="1001"/>
        <v>418.86343663715945</v>
      </c>
      <c r="M4243" s="236">
        <f t="shared" si="997"/>
        <v>11.594581371998324</v>
      </c>
      <c r="N4243" s="236">
        <f t="shared" si="998"/>
        <v>3.5045481499888287</v>
      </c>
      <c r="O4243" s="236">
        <f t="shared" si="1002"/>
        <v>2.98354401011213</v>
      </c>
      <c r="P4243" s="236" t="str">
        <f t="shared" si="1003"/>
        <v>CLAY</v>
      </c>
      <c r="Q4243" s="236">
        <f t="shared" si="999"/>
        <v>404.71218332036739</v>
      </c>
      <c r="R4243" s="238">
        <v>35</v>
      </c>
      <c r="S4243" s="236">
        <f t="shared" si="1004"/>
        <v>5.3488306729812658</v>
      </c>
      <c r="T4243" s="236" t="e">
        <f t="shared" si="990"/>
        <v>#N/A</v>
      </c>
    </row>
    <row r="4244" spans="1:20" x14ac:dyDescent="0.2">
      <c r="A4244" s="53">
        <f t="shared" si="991"/>
        <v>4232</v>
      </c>
      <c r="B4244" s="239">
        <v>42.115000000000002</v>
      </c>
      <c r="C4244" s="3">
        <f t="shared" si="992"/>
        <v>42.108000000000004</v>
      </c>
      <c r="D4244" s="239">
        <v>5.4280999999999997</v>
      </c>
      <c r="E4244" s="239">
        <v>0.17760000000000001</v>
      </c>
      <c r="F4244" s="239">
        <v>0.2452</v>
      </c>
      <c r="G4244">
        <f t="shared" si="993"/>
        <v>5.4771399999999995</v>
      </c>
      <c r="H4244" s="235">
        <f t="shared" si="994"/>
        <v>3.2425682016526882</v>
      </c>
      <c r="I4244" s="236">
        <f t="shared" si="995"/>
        <v>19.982637508058293</v>
      </c>
      <c r="J4244" s="237">
        <f t="shared" si="1000"/>
        <v>9.9826375080582928</v>
      </c>
      <c r="K4244" s="237">
        <f t="shared" si="996"/>
        <v>841.42890018931871</v>
      </c>
      <c r="L4244" s="237">
        <f t="shared" si="1001"/>
        <v>420.41877865187502</v>
      </c>
      <c r="M4244" s="236">
        <f t="shared" si="997"/>
        <v>11.026413031966992</v>
      </c>
      <c r="N4244" s="236">
        <f t="shared" si="998"/>
        <v>3.8311274403457336</v>
      </c>
      <c r="O4244" s="236">
        <f t="shared" si="1002"/>
        <v>3.0240803992705896</v>
      </c>
      <c r="P4244" s="236" t="str">
        <f t="shared" si="1003"/>
        <v>CLAY</v>
      </c>
      <c r="Q4244" s="236">
        <f t="shared" si="999"/>
        <v>386.30925831755673</v>
      </c>
      <c r="R4244" s="238">
        <v>35</v>
      </c>
      <c r="S4244" s="236">
        <f t="shared" si="1004"/>
        <v>5.0232272869442562</v>
      </c>
      <c r="T4244" s="236" t="e">
        <f t="shared" si="990"/>
        <v>#N/A</v>
      </c>
    </row>
    <row r="4245" spans="1:20" x14ac:dyDescent="0.2">
      <c r="A4245" s="53">
        <f t="shared" si="991"/>
        <v>4233</v>
      </c>
      <c r="B4245" s="239">
        <v>42.124000000000002</v>
      </c>
      <c r="C4245" s="3">
        <f t="shared" si="992"/>
        <v>42.117000000000004</v>
      </c>
      <c r="D4245" s="239">
        <v>5.4673999999999996</v>
      </c>
      <c r="E4245" s="239">
        <v>0.19289999999999999</v>
      </c>
      <c r="F4245" s="239">
        <v>0.26240000000000002</v>
      </c>
      <c r="G4245">
        <f t="shared" si="993"/>
        <v>5.5198799999999997</v>
      </c>
      <c r="H4245" s="235">
        <f t="shared" si="994"/>
        <v>3.4946411878519101</v>
      </c>
      <c r="I4245" s="236">
        <f t="shared" si="995"/>
        <v>20.082576741818944</v>
      </c>
      <c r="J4245" s="237">
        <f t="shared" si="1000"/>
        <v>10.082576741818944</v>
      </c>
      <c r="K4245" s="237">
        <f t="shared" si="996"/>
        <v>845.81788463518853</v>
      </c>
      <c r="L4245" s="237">
        <f t="shared" si="1001"/>
        <v>424.71846267238118</v>
      </c>
      <c r="M4245" s="236">
        <f t="shared" si="997"/>
        <v>11.005083428572975</v>
      </c>
      <c r="N4245" s="236">
        <f t="shared" si="998"/>
        <v>4.1270311613080493</v>
      </c>
      <c r="O4245" s="236">
        <f t="shared" si="1002"/>
        <v>3.0441295721484916</v>
      </c>
      <c r="P4245" s="236" t="str">
        <f t="shared" si="1003"/>
        <v>CLAY</v>
      </c>
      <c r="Q4245" s="236">
        <f t="shared" si="999"/>
        <v>389.50517628040097</v>
      </c>
      <c r="R4245" s="238">
        <v>35</v>
      </c>
      <c r="S4245" s="236">
        <f t="shared" si="1004"/>
        <v>5.0110839991044536</v>
      </c>
      <c r="T4245" s="236" t="e">
        <f t="shared" si="990"/>
        <v>#N/A</v>
      </c>
    </row>
    <row r="4246" spans="1:20" x14ac:dyDescent="0.2">
      <c r="A4246" s="53">
        <f t="shared" si="991"/>
        <v>4234</v>
      </c>
      <c r="B4246" s="239">
        <v>42.134</v>
      </c>
      <c r="C4246" s="3">
        <f t="shared" si="992"/>
        <v>42.127000000000002</v>
      </c>
      <c r="D4246" s="239">
        <v>5.2489999999999997</v>
      </c>
      <c r="E4246" s="239">
        <v>0.2026</v>
      </c>
      <c r="F4246" s="239">
        <v>0.41670000000000001</v>
      </c>
      <c r="G4246">
        <f t="shared" si="993"/>
        <v>5.3323399999999994</v>
      </c>
      <c r="H4246" s="235">
        <f t="shared" si="994"/>
        <v>3.7994576489871243</v>
      </c>
      <c r="I4246" s="236">
        <f t="shared" si="995"/>
        <v>20.126595594897889</v>
      </c>
      <c r="J4246" s="237">
        <f t="shared" si="1000"/>
        <v>10.126595594897889</v>
      </c>
      <c r="K4246" s="237">
        <f t="shared" si="996"/>
        <v>847.87309262626343</v>
      </c>
      <c r="L4246" s="237">
        <f t="shared" si="1001"/>
        <v>426.67397879542767</v>
      </c>
      <c r="M4246" s="236">
        <f t="shared" si="997"/>
        <v>10.510289190904352</v>
      </c>
      <c r="N4246" s="236">
        <f t="shared" si="998"/>
        <v>4.5178168149009661</v>
      </c>
      <c r="O4246" s="236">
        <f t="shared" si="1002"/>
        <v>3.0838203685235204</v>
      </c>
      <c r="P4246" s="236" t="str">
        <f t="shared" si="1003"/>
        <v>CLAY</v>
      </c>
      <c r="Q4246" s="236">
        <f t="shared" si="999"/>
        <v>373.70557561447799</v>
      </c>
      <c r="R4246" s="238">
        <v>35</v>
      </c>
      <c r="S4246" s="236">
        <f t="shared" si="1004"/>
        <v>4.7310587480337061</v>
      </c>
      <c r="T4246" s="236" t="e">
        <f t="shared" si="990"/>
        <v>#N/A</v>
      </c>
    </row>
    <row r="4247" spans="1:20" x14ac:dyDescent="0.2">
      <c r="A4247" s="53">
        <f t="shared" si="991"/>
        <v>4235</v>
      </c>
      <c r="B4247" s="239">
        <v>42.143999999999998</v>
      </c>
      <c r="C4247" s="3">
        <f t="shared" si="992"/>
        <v>42.137</v>
      </c>
      <c r="D4247" s="239">
        <v>5.3056999999999999</v>
      </c>
      <c r="E4247" s="239">
        <v>0.19309999999999999</v>
      </c>
      <c r="F4247" s="239">
        <v>0.56999999999999995</v>
      </c>
      <c r="G4247">
        <f t="shared" si="993"/>
        <v>5.4196999999999997</v>
      </c>
      <c r="H4247" s="235">
        <f t="shared" si="994"/>
        <v>3.5629278373341697</v>
      </c>
      <c r="I4247" s="236">
        <f t="shared" si="995"/>
        <v>20.076632916276672</v>
      </c>
      <c r="J4247" s="237">
        <f t="shared" si="1000"/>
        <v>10.076632916276672</v>
      </c>
      <c r="K4247" s="237">
        <f t="shared" si="996"/>
        <v>845.96908119315015</v>
      </c>
      <c r="L4247" s="237">
        <f t="shared" si="1001"/>
        <v>424.66961762356408</v>
      </c>
      <c r="M4247" s="236">
        <f t="shared" si="997"/>
        <v>10.770092158702766</v>
      </c>
      <c r="N4247" s="236">
        <f t="shared" si="998"/>
        <v>4.2219361704464689</v>
      </c>
      <c r="O4247" s="236">
        <f t="shared" si="1002"/>
        <v>3.0575623390555546</v>
      </c>
      <c r="P4247" s="236" t="str">
        <f t="shared" si="1003"/>
        <v>CLAY</v>
      </c>
      <c r="Q4247" s="236">
        <f t="shared" si="999"/>
        <v>381.14424323390409</v>
      </c>
      <c r="R4247" s="238">
        <v>35</v>
      </c>
      <c r="S4247" s="236">
        <f t="shared" si="1004"/>
        <v>4.877690984728603</v>
      </c>
      <c r="T4247" s="236" t="e">
        <f t="shared" si="990"/>
        <v>#N/A</v>
      </c>
    </row>
    <row r="4248" spans="1:20" x14ac:dyDescent="0.2">
      <c r="A4248" s="53">
        <f t="shared" si="991"/>
        <v>4236</v>
      </c>
      <c r="B4248" s="239">
        <v>42.154000000000003</v>
      </c>
      <c r="C4248" s="3">
        <f t="shared" si="992"/>
        <v>42.147000000000006</v>
      </c>
      <c r="D4248" s="239">
        <v>5.8476999999999997</v>
      </c>
      <c r="E4248" s="239">
        <v>0.17630000000000001</v>
      </c>
      <c r="F4248" s="239">
        <v>0.438</v>
      </c>
      <c r="G4248">
        <f t="shared" si="993"/>
        <v>5.9352999999999998</v>
      </c>
      <c r="H4248" s="235">
        <f t="shared" si="994"/>
        <v>2.9703637558337408</v>
      </c>
      <c r="I4248" s="236">
        <f t="shared" si="995"/>
        <v>20.005422705341864</v>
      </c>
      <c r="J4248" s="237">
        <f t="shared" si="1000"/>
        <v>10.005422705341864</v>
      </c>
      <c r="K4248" s="237">
        <f t="shared" si="996"/>
        <v>843.16855076204365</v>
      </c>
      <c r="L4248" s="237">
        <f t="shared" si="1001"/>
        <v>421.76858872098097</v>
      </c>
      <c r="M4248" s="236">
        <f t="shared" si="997"/>
        <v>12.073282803444219</v>
      </c>
      <c r="N4248" s="236">
        <f t="shared" si="998"/>
        <v>3.46220441788445</v>
      </c>
      <c r="O4248" s="236">
        <f t="shared" si="1002"/>
        <v>2.9662602702602414</v>
      </c>
      <c r="P4248" s="236" t="str">
        <f t="shared" si="1003"/>
        <v>CLAY</v>
      </c>
      <c r="Q4248" s="236">
        <f t="shared" si="999"/>
        <v>424.34428743649642</v>
      </c>
      <c r="R4248" s="238">
        <v>35</v>
      </c>
      <c r="S4248" s="236">
        <f t="shared" si="1004"/>
        <v>5.6262849752340189</v>
      </c>
      <c r="T4248" s="236" t="e">
        <f t="shared" si="990"/>
        <v>#N/A</v>
      </c>
    </row>
    <row r="4249" spans="1:20" x14ac:dyDescent="0.2">
      <c r="A4249" s="53">
        <f t="shared" si="991"/>
        <v>4237</v>
      </c>
      <c r="B4249" s="239">
        <v>42.162999999999997</v>
      </c>
      <c r="C4249" s="3">
        <f t="shared" si="992"/>
        <v>42.155999999999999</v>
      </c>
      <c r="D4249" s="239">
        <v>6.3765000000000001</v>
      </c>
      <c r="E4249" s="239">
        <v>0.15140000000000001</v>
      </c>
      <c r="F4249" s="239">
        <v>0.51349999999999996</v>
      </c>
      <c r="G4249">
        <f t="shared" si="993"/>
        <v>6.4791999999999996</v>
      </c>
      <c r="H4249" s="235">
        <f t="shared" si="994"/>
        <v>2.33670823558464</v>
      </c>
      <c r="I4249" s="236">
        <f t="shared" si="995"/>
        <v>19.861152164687589</v>
      </c>
      <c r="J4249" s="237">
        <f t="shared" si="1000"/>
        <v>9.8611521646875886</v>
      </c>
      <c r="K4249" s="237">
        <f t="shared" si="996"/>
        <v>837.26673065456998</v>
      </c>
      <c r="L4249" s="237">
        <f t="shared" si="1001"/>
        <v>415.77575871972277</v>
      </c>
      <c r="M4249" s="236">
        <f t="shared" si="997"/>
        <v>13.569654197056483</v>
      </c>
      <c r="N4249" s="236">
        <f t="shared" si="998"/>
        <v>2.683477325451693</v>
      </c>
      <c r="O4249" s="236">
        <f t="shared" si="1002"/>
        <v>2.8603827664369623</v>
      </c>
      <c r="P4249" s="236" t="str">
        <f t="shared" si="1003"/>
        <v>CLAY</v>
      </c>
      <c r="Q4249" s="236">
        <f t="shared" si="999"/>
        <v>470.16110577878584</v>
      </c>
      <c r="R4249" s="238">
        <v>35</v>
      </c>
      <c r="S4249" s="236">
        <f t="shared" si="1004"/>
        <v>6.511049307363745</v>
      </c>
      <c r="T4249" s="236" t="e">
        <f t="shared" si="990"/>
        <v>#N/A</v>
      </c>
    </row>
    <row r="4250" spans="1:20" x14ac:dyDescent="0.2">
      <c r="A4250" s="53">
        <f t="shared" si="991"/>
        <v>4238</v>
      </c>
      <c r="B4250" s="239">
        <v>42.173000000000002</v>
      </c>
      <c r="C4250" s="3">
        <f t="shared" si="992"/>
        <v>42.166000000000004</v>
      </c>
      <c r="D4250" s="239">
        <v>6.6886999999999999</v>
      </c>
      <c r="E4250" s="239">
        <v>0.1404</v>
      </c>
      <c r="F4250" s="239">
        <v>0.44529999999999997</v>
      </c>
      <c r="G4250">
        <f t="shared" si="993"/>
        <v>6.7777599999999998</v>
      </c>
      <c r="H4250" s="235">
        <f t="shared" si="994"/>
        <v>2.0714808432284415</v>
      </c>
      <c r="I4250" s="236">
        <f t="shared" si="995"/>
        <v>19.790311813218903</v>
      </c>
      <c r="J4250" s="237">
        <f t="shared" si="1000"/>
        <v>9.7903118132189029</v>
      </c>
      <c r="K4250" s="237">
        <f t="shared" si="996"/>
        <v>834.47828791618838</v>
      </c>
      <c r="L4250" s="237">
        <f t="shared" si="1001"/>
        <v>412.88682009888083</v>
      </c>
      <c r="M4250" s="236">
        <f t="shared" si="997"/>
        <v>14.394457325279784</v>
      </c>
      <c r="N4250" s="236">
        <f t="shared" si="998"/>
        <v>2.3623312304806339</v>
      </c>
      <c r="O4250" s="236">
        <f t="shared" si="1002"/>
        <v>2.8076993900308476</v>
      </c>
      <c r="P4250" s="236" t="str">
        <f t="shared" si="1003"/>
        <v>CLAY</v>
      </c>
      <c r="Q4250" s="236">
        <f t="shared" si="999"/>
        <v>495.27347600698431</v>
      </c>
      <c r="R4250" s="238">
        <v>35</v>
      </c>
      <c r="S4250" s="236">
        <f t="shared" si="1004"/>
        <v>7.0094530204040941</v>
      </c>
      <c r="T4250" s="236" t="e">
        <f t="shared" si="990"/>
        <v>#N/A</v>
      </c>
    </row>
    <row r="4251" spans="1:20" x14ac:dyDescent="0.2">
      <c r="A4251" s="53">
        <f t="shared" si="991"/>
        <v>4239</v>
      </c>
      <c r="B4251" s="239">
        <v>42.183</v>
      </c>
      <c r="C4251" s="3">
        <f t="shared" si="992"/>
        <v>42.176000000000002</v>
      </c>
      <c r="D4251" s="239">
        <v>6.8268000000000004</v>
      </c>
      <c r="E4251" s="239">
        <v>0.13850000000000001</v>
      </c>
      <c r="F4251" s="239">
        <v>0.32500000000000001</v>
      </c>
      <c r="G4251">
        <f t="shared" si="993"/>
        <v>6.8918000000000008</v>
      </c>
      <c r="H4251" s="235">
        <f t="shared" si="994"/>
        <v>2.0096346382657648</v>
      </c>
      <c r="I4251" s="236">
        <f t="shared" si="995"/>
        <v>19.780856841725484</v>
      </c>
      <c r="J4251" s="237">
        <f t="shared" si="1000"/>
        <v>9.780856841725484</v>
      </c>
      <c r="K4251" s="237">
        <f t="shared" si="996"/>
        <v>834.27741815661409</v>
      </c>
      <c r="L4251" s="237">
        <f t="shared" si="1001"/>
        <v>412.58588415450606</v>
      </c>
      <c r="M4251" s="236">
        <f t="shared" si="997"/>
        <v>14.681846409401038</v>
      </c>
      <c r="N4251" s="236">
        <f t="shared" si="998"/>
        <v>2.2864132676143081</v>
      </c>
      <c r="O4251" s="236">
        <f t="shared" si="1002"/>
        <v>2.7925882114009029</v>
      </c>
      <c r="P4251" s="236" t="str">
        <f t="shared" si="1003"/>
        <v>CLAY</v>
      </c>
      <c r="Q4251" s="236">
        <f t="shared" si="999"/>
        <v>504.79354848694896</v>
      </c>
      <c r="R4251" s="238">
        <v>35</v>
      </c>
      <c r="S4251" s="236">
        <f t="shared" si="1004"/>
        <v>7.1848193710429902</v>
      </c>
      <c r="T4251" s="236" t="e">
        <f t="shared" si="990"/>
        <v>#N/A</v>
      </c>
    </row>
    <row r="4252" spans="1:20" x14ac:dyDescent="0.2">
      <c r="A4252" s="53">
        <f t="shared" si="991"/>
        <v>4240</v>
      </c>
      <c r="B4252" s="239">
        <v>42.192</v>
      </c>
      <c r="C4252" s="3">
        <f t="shared" si="992"/>
        <v>42.185000000000002</v>
      </c>
      <c r="D4252" s="239">
        <v>6.8954000000000004</v>
      </c>
      <c r="E4252" s="239">
        <v>0.14349999999999999</v>
      </c>
      <c r="F4252" s="239">
        <v>0.27610000000000001</v>
      </c>
      <c r="G4252">
        <f t="shared" si="993"/>
        <v>6.9506200000000007</v>
      </c>
      <c r="H4252" s="235">
        <f t="shared" si="994"/>
        <v>2.0645640245042887</v>
      </c>
      <c r="I4252" s="236">
        <f t="shared" si="995"/>
        <v>19.825764378382807</v>
      </c>
      <c r="J4252" s="237">
        <f t="shared" si="1000"/>
        <v>9.8257643783828073</v>
      </c>
      <c r="K4252" s="237">
        <f t="shared" si="996"/>
        <v>836.34987030207878</v>
      </c>
      <c r="L4252" s="237">
        <f t="shared" si="1001"/>
        <v>414.5686506527274</v>
      </c>
      <c r="M4252" s="236">
        <f t="shared" si="997"/>
        <v>14.748510578576468</v>
      </c>
      <c r="N4252" s="236">
        <f t="shared" si="998"/>
        <v>2.3469685989665243</v>
      </c>
      <c r="O4252" s="236">
        <f t="shared" si="1002"/>
        <v>2.7974047646378879</v>
      </c>
      <c r="P4252" s="236" t="str">
        <f t="shared" si="1003"/>
        <v>CLAY</v>
      </c>
      <c r="Q4252" s="236">
        <f t="shared" si="999"/>
        <v>509.52251080816018</v>
      </c>
      <c r="R4252" s="238">
        <v>35</v>
      </c>
      <c r="S4252" s="236">
        <f t="shared" si="1004"/>
        <v>7.2256215923033338</v>
      </c>
      <c r="T4252" s="236" t="e">
        <f t="shared" si="990"/>
        <v>#N/A</v>
      </c>
    </row>
    <row r="4253" spans="1:20" x14ac:dyDescent="0.2">
      <c r="A4253" s="53">
        <f t="shared" si="991"/>
        <v>4241</v>
      </c>
      <c r="B4253" s="239">
        <v>42.201999999999998</v>
      </c>
      <c r="C4253" s="3">
        <f t="shared" si="992"/>
        <v>42.195</v>
      </c>
      <c r="D4253" s="239">
        <v>7.2495000000000003</v>
      </c>
      <c r="E4253" s="239">
        <v>0.14779999999999999</v>
      </c>
      <c r="F4253" s="239">
        <v>0.24460000000000001</v>
      </c>
      <c r="G4253">
        <f t="shared" si="993"/>
        <v>7.2984200000000001</v>
      </c>
      <c r="H4253" s="235">
        <f t="shared" si="994"/>
        <v>2.0250958426618362</v>
      </c>
      <c r="I4253" s="236">
        <f t="shared" si="995"/>
        <v>19.879469993107829</v>
      </c>
      <c r="J4253" s="237">
        <f t="shared" si="1000"/>
        <v>9.8794699931078291</v>
      </c>
      <c r="K4253" s="237">
        <f t="shared" si="996"/>
        <v>838.81423635918486</v>
      </c>
      <c r="L4253" s="237">
        <f t="shared" si="1001"/>
        <v>416.93339264913658</v>
      </c>
      <c r="M4253" s="236">
        <f t="shared" si="997"/>
        <v>15.493136020114344</v>
      </c>
      <c r="N4253" s="236">
        <f t="shared" si="998"/>
        <v>2.288065331044224</v>
      </c>
      <c r="O4253" s="236">
        <f t="shared" si="1002"/>
        <v>2.7735329725046629</v>
      </c>
      <c r="P4253" s="236" t="str">
        <f t="shared" si="1003"/>
        <v>CLAY</v>
      </c>
      <c r="Q4253" s="236">
        <f t="shared" si="999"/>
        <v>538.30048030340129</v>
      </c>
      <c r="R4253" s="238">
        <v>35</v>
      </c>
      <c r="S4253" s="236">
        <f t="shared" si="1004"/>
        <v>7.6844745363341431</v>
      </c>
      <c r="T4253" s="236" t="e">
        <f t="shared" si="990"/>
        <v>#N/A</v>
      </c>
    </row>
    <row r="4254" spans="1:20" x14ac:dyDescent="0.2">
      <c r="A4254" s="53">
        <f t="shared" si="991"/>
        <v>4242</v>
      </c>
      <c r="B4254" s="239">
        <v>42.212000000000003</v>
      </c>
      <c r="C4254" s="3">
        <f t="shared" si="992"/>
        <v>42.205000000000005</v>
      </c>
      <c r="D4254" s="239">
        <v>7.5970000000000004</v>
      </c>
      <c r="E4254" s="239">
        <v>0.1462</v>
      </c>
      <c r="F4254" s="239">
        <v>0.22589999999999999</v>
      </c>
      <c r="G4254">
        <f t="shared" si="993"/>
        <v>7.6421800000000006</v>
      </c>
      <c r="H4254" s="235">
        <f t="shared" si="994"/>
        <v>1.9130666903946256</v>
      </c>
      <c r="I4254" s="236">
        <f t="shared" si="995"/>
        <v>19.884696496822173</v>
      </c>
      <c r="J4254" s="237">
        <f t="shared" si="1000"/>
        <v>9.8846964968221727</v>
      </c>
      <c r="K4254" s="237">
        <f t="shared" si="996"/>
        <v>839.2336156483799</v>
      </c>
      <c r="L4254" s="237">
        <f t="shared" si="1001"/>
        <v>417.2528085238576</v>
      </c>
      <c r="M4254" s="236">
        <f t="shared" si="997"/>
        <v>16.304135635225194</v>
      </c>
      <c r="N4254" s="236">
        <f t="shared" si="998"/>
        <v>2.1490688260647541</v>
      </c>
      <c r="O4254" s="236">
        <f t="shared" si="1002"/>
        <v>2.7398358318825706</v>
      </c>
      <c r="P4254" s="236" t="str">
        <f t="shared" si="1003"/>
        <v>CLAY</v>
      </c>
      <c r="Q4254" s="236">
        <f t="shared" si="999"/>
        <v>566.91219869596841</v>
      </c>
      <c r="R4254" s="238">
        <v>35</v>
      </c>
      <c r="S4254" s="236">
        <f t="shared" si="1004"/>
        <v>8.1905342961295915</v>
      </c>
      <c r="T4254" s="236" t="e">
        <f t="shared" si="990"/>
        <v>#N/A</v>
      </c>
    </row>
    <row r="4255" spans="1:20" x14ac:dyDescent="0.2">
      <c r="A4255" s="53">
        <f t="shared" si="991"/>
        <v>4243</v>
      </c>
      <c r="B4255" s="239">
        <v>42.222000000000001</v>
      </c>
      <c r="C4255" s="3">
        <f t="shared" si="992"/>
        <v>42.215000000000003</v>
      </c>
      <c r="D4255" s="239">
        <v>7.8924000000000003</v>
      </c>
      <c r="E4255" s="239">
        <v>0.1421</v>
      </c>
      <c r="F4255" s="239">
        <v>0.2059</v>
      </c>
      <c r="G4255">
        <f t="shared" si="993"/>
        <v>7.9335800000000001</v>
      </c>
      <c r="H4255" s="235">
        <f t="shared" si="994"/>
        <v>1.7911207802782603</v>
      </c>
      <c r="I4255" s="236">
        <f t="shared" si="995"/>
        <v>19.865969349647319</v>
      </c>
      <c r="J4255" s="237">
        <f t="shared" si="1000"/>
        <v>9.8659693496473189</v>
      </c>
      <c r="K4255" s="237">
        <f t="shared" si="996"/>
        <v>838.64189609536163</v>
      </c>
      <c r="L4255" s="237">
        <f t="shared" si="1001"/>
        <v>416.5609578808091</v>
      </c>
      <c r="M4255" s="236">
        <f t="shared" si="997"/>
        <v>17.032172530039933</v>
      </c>
      <c r="N4255" s="236">
        <f t="shared" si="998"/>
        <v>2.0028363590909479</v>
      </c>
      <c r="O4255" s="236">
        <f t="shared" si="1002"/>
        <v>2.7069016838843951</v>
      </c>
      <c r="P4255" s="236" t="str">
        <f t="shared" si="1003"/>
        <v>CLAY</v>
      </c>
      <c r="Q4255" s="236">
        <f t="shared" si="999"/>
        <v>591.24484199205324</v>
      </c>
      <c r="R4255" s="238">
        <v>35</v>
      </c>
      <c r="S4255" s="236">
        <f t="shared" si="1004"/>
        <v>8.6502282726954896</v>
      </c>
      <c r="T4255" s="236" t="e">
        <f t="shared" si="990"/>
        <v>#N/A</v>
      </c>
    </row>
    <row r="4256" spans="1:20" x14ac:dyDescent="0.2">
      <c r="A4256" s="53">
        <f t="shared" si="991"/>
        <v>4244</v>
      </c>
      <c r="B4256" s="239">
        <v>42.231000000000002</v>
      </c>
      <c r="C4256" s="3">
        <f t="shared" si="992"/>
        <v>42.224000000000004</v>
      </c>
      <c r="D4256" s="239">
        <v>8.1804000000000006</v>
      </c>
      <c r="E4256" s="239">
        <v>0.1366</v>
      </c>
      <c r="F4256" s="239">
        <v>0.19550000000000001</v>
      </c>
      <c r="G4256">
        <f t="shared" si="993"/>
        <v>8.2195</v>
      </c>
      <c r="H4256" s="235">
        <f t="shared" si="994"/>
        <v>1.6619015755216255</v>
      </c>
      <c r="I4256" s="236">
        <f t="shared" si="995"/>
        <v>19.833520802432936</v>
      </c>
      <c r="J4256" s="237">
        <f t="shared" si="1000"/>
        <v>9.8335208024329361</v>
      </c>
      <c r="K4256" s="237">
        <f t="shared" si="996"/>
        <v>837.45058236192835</v>
      </c>
      <c r="L4256" s="237">
        <f t="shared" si="1001"/>
        <v>415.27941700754536</v>
      </c>
      <c r="M4256" s="236">
        <f t="shared" si="997"/>
        <v>17.776102342929132</v>
      </c>
      <c r="N4256" s="236">
        <f t="shared" si="998"/>
        <v>1.8504346458805734</v>
      </c>
      <c r="O4256" s="236">
        <f t="shared" si="1002"/>
        <v>2.6722853498957551</v>
      </c>
      <c r="P4256" s="236" t="str">
        <f t="shared" si="1003"/>
        <v>CLAY</v>
      </c>
      <c r="Q4256" s="236">
        <f t="shared" si="999"/>
        <v>615.17078480317264</v>
      </c>
      <c r="R4256" s="238">
        <v>35</v>
      </c>
      <c r="S4256" s="236">
        <f t="shared" si="1004"/>
        <v>9.1250591048175753</v>
      </c>
      <c r="T4256" s="236" t="e">
        <f t="shared" si="990"/>
        <v>#N/A</v>
      </c>
    </row>
    <row r="4257" spans="1:20" x14ac:dyDescent="0.2">
      <c r="A4257" s="53">
        <f t="shared" si="991"/>
        <v>4245</v>
      </c>
      <c r="B4257" s="239">
        <v>42.241</v>
      </c>
      <c r="C4257" s="3">
        <f t="shared" si="992"/>
        <v>42.234000000000002</v>
      </c>
      <c r="D4257" s="239">
        <v>8.5309000000000008</v>
      </c>
      <c r="E4257" s="239">
        <v>0.14219999999999999</v>
      </c>
      <c r="F4257" s="239">
        <v>0.32279999999999998</v>
      </c>
      <c r="G4257">
        <f t="shared" si="993"/>
        <v>8.595460000000001</v>
      </c>
      <c r="H4257" s="235">
        <f t="shared" si="994"/>
        <v>1.6543617211876964</v>
      </c>
      <c r="I4257" s="236">
        <f t="shared" si="995"/>
        <v>19.898114175903117</v>
      </c>
      <c r="J4257" s="237">
        <f t="shared" si="1000"/>
        <v>9.8981141759031175</v>
      </c>
      <c r="K4257" s="237">
        <f t="shared" si="996"/>
        <v>840.3769541050923</v>
      </c>
      <c r="L4257" s="237">
        <f t="shared" si="1001"/>
        <v>418.10624090432356</v>
      </c>
      <c r="M4257" s="236">
        <f t="shared" si="997"/>
        <v>18.548115974354772</v>
      </c>
      <c r="N4257" s="236">
        <f t="shared" si="998"/>
        <v>1.8336360701549475</v>
      </c>
      <c r="O4257" s="236">
        <f t="shared" si="1002"/>
        <v>2.654750768066652</v>
      </c>
      <c r="P4257" s="236" t="str">
        <f t="shared" si="1003"/>
        <v>CLAY</v>
      </c>
      <c r="Q4257" s="236">
        <f t="shared" si="999"/>
        <v>646.25692049124234</v>
      </c>
      <c r="R4257" s="238">
        <v>35</v>
      </c>
      <c r="S4257" s="236">
        <f t="shared" si="1004"/>
        <v>9.623094753038453</v>
      </c>
      <c r="T4257" s="236" t="e">
        <f t="shared" si="990"/>
        <v>#N/A</v>
      </c>
    </row>
    <row r="4258" spans="1:20" x14ac:dyDescent="0.2">
      <c r="A4258" s="53">
        <f t="shared" si="991"/>
        <v>4246</v>
      </c>
      <c r="B4258" s="239">
        <v>42.25</v>
      </c>
      <c r="C4258" s="3">
        <f t="shared" si="992"/>
        <v>42.243000000000002</v>
      </c>
      <c r="D4258" s="239">
        <v>8.7416999999999998</v>
      </c>
      <c r="E4258" s="239">
        <v>0.15</v>
      </c>
      <c r="F4258" s="239">
        <v>0.37959999999999999</v>
      </c>
      <c r="G4258">
        <f t="shared" si="993"/>
        <v>8.8176199999999998</v>
      </c>
      <c r="H4258" s="235">
        <f t="shared" si="994"/>
        <v>1.7011393097003498</v>
      </c>
      <c r="I4258" s="236">
        <f t="shared" si="995"/>
        <v>19.970705694701586</v>
      </c>
      <c r="J4258" s="237">
        <f t="shared" si="1000"/>
        <v>9.9707056947015857</v>
      </c>
      <c r="K4258" s="237">
        <f t="shared" si="996"/>
        <v>843.62252066127917</v>
      </c>
      <c r="L4258" s="237">
        <f t="shared" si="1001"/>
        <v>421.26231560114201</v>
      </c>
      <c r="M4258" s="236">
        <f t="shared" si="997"/>
        <v>18.928817470795632</v>
      </c>
      <c r="N4258" s="236">
        <f t="shared" si="998"/>
        <v>1.8811142139016506</v>
      </c>
      <c r="O4258" s="236">
        <f t="shared" si="1002"/>
        <v>2.6536736993397292</v>
      </c>
      <c r="P4258" s="236" t="str">
        <f t="shared" si="1003"/>
        <v>CLAY</v>
      </c>
      <c r="Q4258" s="236">
        <f t="shared" si="999"/>
        <v>664.49978994489334</v>
      </c>
      <c r="R4258" s="238">
        <v>35</v>
      </c>
      <c r="S4258" s="236">
        <f t="shared" si="1004"/>
        <v>9.870618413012771</v>
      </c>
      <c r="T4258" s="236" t="e">
        <f t="shared" si="990"/>
        <v>#N/A</v>
      </c>
    </row>
    <row r="4259" spans="1:20" x14ac:dyDescent="0.2">
      <c r="A4259" s="53">
        <f t="shared" si="991"/>
        <v>4247</v>
      </c>
      <c r="B4259" s="239">
        <v>42.259</v>
      </c>
      <c r="C4259" s="3">
        <f t="shared" si="992"/>
        <v>42.252000000000002</v>
      </c>
      <c r="D4259" s="239">
        <v>9.1402000000000001</v>
      </c>
      <c r="E4259" s="239">
        <v>0.151</v>
      </c>
      <c r="F4259" s="239">
        <v>0.27110000000000001</v>
      </c>
      <c r="G4259">
        <f t="shared" si="993"/>
        <v>9.1944200000000009</v>
      </c>
      <c r="H4259" s="235">
        <f t="shared" si="994"/>
        <v>1.6423004387443687</v>
      </c>
      <c r="I4259" s="236">
        <f t="shared" si="995"/>
        <v>19.994852716622457</v>
      </c>
      <c r="J4259" s="237">
        <f t="shared" si="1000"/>
        <v>9.9948527166224572</v>
      </c>
      <c r="K4259" s="237">
        <f t="shared" si="996"/>
        <v>844.82251698273217</v>
      </c>
      <c r="L4259" s="237">
        <f t="shared" si="1001"/>
        <v>422.3724809517484</v>
      </c>
      <c r="M4259" s="236">
        <f t="shared" si="997"/>
        <v>19.768327387718994</v>
      </c>
      <c r="N4259" s="236">
        <f t="shared" si="998"/>
        <v>1.8084704119824662</v>
      </c>
      <c r="O4259" s="236">
        <f t="shared" si="1002"/>
        <v>2.6284702324552427</v>
      </c>
      <c r="P4259" s="236" t="str">
        <f t="shared" si="1003"/>
        <v>CLAY</v>
      </c>
      <c r="Q4259" s="236">
        <f t="shared" si="999"/>
        <v>695.79979025143894</v>
      </c>
      <c r="R4259" s="238">
        <v>35</v>
      </c>
      <c r="S4259" s="236">
        <f t="shared" si="1004"/>
        <v>10.420832488257142</v>
      </c>
      <c r="T4259" s="236" t="e">
        <f t="shared" si="990"/>
        <v>#N/A</v>
      </c>
    </row>
    <row r="4260" spans="1:20" x14ac:dyDescent="0.2">
      <c r="A4260" s="53">
        <f t="shared" si="991"/>
        <v>4248</v>
      </c>
      <c r="B4260" s="239">
        <v>42.27</v>
      </c>
      <c r="C4260" s="3">
        <f t="shared" si="992"/>
        <v>42.263000000000005</v>
      </c>
      <c r="D4260" s="239">
        <v>9.7200000000000006</v>
      </c>
      <c r="E4260" s="239">
        <v>0.1532</v>
      </c>
      <c r="F4260" s="239">
        <v>0.21510000000000001</v>
      </c>
      <c r="G4260">
        <f t="shared" si="993"/>
        <v>9.7630200000000009</v>
      </c>
      <c r="H4260" s="235">
        <f t="shared" si="994"/>
        <v>1.5691865836595642</v>
      </c>
      <c r="I4260" s="236">
        <f t="shared" si="995"/>
        <v>20.035267481769168</v>
      </c>
      <c r="J4260" s="237">
        <f t="shared" si="1000"/>
        <v>10.035267481769168</v>
      </c>
      <c r="K4260" s="237">
        <f t="shared" si="996"/>
        <v>846.75050958201041</v>
      </c>
      <c r="L4260" s="237">
        <f t="shared" si="1001"/>
        <v>424.19075645438278</v>
      </c>
      <c r="M4260" s="236">
        <f t="shared" si="997"/>
        <v>21.01948086975073</v>
      </c>
      <c r="N4260" s="236">
        <f t="shared" si="998"/>
        <v>1.7182073754571776</v>
      </c>
      <c r="O4260" s="236">
        <f t="shared" si="1002"/>
        <v>2.593930854175126</v>
      </c>
      <c r="P4260" s="236" t="str">
        <f t="shared" si="1003"/>
        <v>SAND</v>
      </c>
      <c r="Q4260" s="236" t="e">
        <f t="shared" si="999"/>
        <v>#N/A</v>
      </c>
      <c r="R4260" s="238">
        <v>35</v>
      </c>
      <c r="S4260" s="236" t="e">
        <f t="shared" si="1004"/>
        <v>#N/A</v>
      </c>
      <c r="T4260" s="236">
        <f t="shared" si="990"/>
        <v>32.148841843835484</v>
      </c>
    </row>
    <row r="4261" spans="1:20" x14ac:dyDescent="0.2">
      <c r="A4261" s="53">
        <f t="shared" si="991"/>
        <v>4249</v>
      </c>
      <c r="B4261" s="239">
        <v>42.279000000000003</v>
      </c>
      <c r="C4261" s="3">
        <f t="shared" si="992"/>
        <v>42.272000000000006</v>
      </c>
      <c r="D4261" s="239">
        <v>10.3416</v>
      </c>
      <c r="E4261" s="239">
        <v>0.15629999999999999</v>
      </c>
      <c r="F4261" s="239">
        <v>0.1837</v>
      </c>
      <c r="G4261">
        <f t="shared" si="993"/>
        <v>10.37834</v>
      </c>
      <c r="H4261" s="235">
        <f t="shared" si="994"/>
        <v>1.5060211941408741</v>
      </c>
      <c r="I4261" s="236">
        <f t="shared" si="995"/>
        <v>20.082647399915778</v>
      </c>
      <c r="J4261" s="237">
        <f t="shared" si="1000"/>
        <v>10.082647399915778</v>
      </c>
      <c r="K4261" s="237">
        <f t="shared" si="996"/>
        <v>848.93367088923992</v>
      </c>
      <c r="L4261" s="237">
        <f t="shared" si="1001"/>
        <v>426.28424942103925</v>
      </c>
      <c r="M4261" s="236">
        <f t="shared" si="997"/>
        <v>22.35458228178307</v>
      </c>
      <c r="N4261" s="236">
        <f t="shared" si="998"/>
        <v>1.6401861207505586</v>
      </c>
      <c r="O4261" s="236">
        <f t="shared" si="1002"/>
        <v>2.5604695844356522</v>
      </c>
      <c r="P4261" s="236" t="str">
        <f t="shared" si="1003"/>
        <v>SAND</v>
      </c>
      <c r="Q4261" s="236" t="e">
        <f t="shared" si="999"/>
        <v>#N/A</v>
      </c>
      <c r="R4261" s="238">
        <v>35</v>
      </c>
      <c r="S4261" s="236" t="e">
        <f t="shared" si="1004"/>
        <v>#N/A</v>
      </c>
      <c r="T4261" s="236">
        <f t="shared" si="990"/>
        <v>32.44303214947977</v>
      </c>
    </row>
    <row r="4262" spans="1:20" x14ac:dyDescent="0.2">
      <c r="A4262" s="53">
        <f t="shared" si="991"/>
        <v>4250</v>
      </c>
      <c r="B4262" s="239">
        <v>42.289000000000001</v>
      </c>
      <c r="C4262" s="3">
        <f t="shared" si="992"/>
        <v>42.282000000000004</v>
      </c>
      <c r="D4262" s="239">
        <v>10.8049</v>
      </c>
      <c r="E4262" s="239">
        <v>0.16220000000000001</v>
      </c>
      <c r="F4262" s="239">
        <v>0.24890000000000001</v>
      </c>
      <c r="G4262">
        <f t="shared" si="993"/>
        <v>10.85468</v>
      </c>
      <c r="H4262" s="235">
        <f t="shared" si="994"/>
        <v>1.4942863354792588</v>
      </c>
      <c r="I4262" s="236">
        <f t="shared" si="995"/>
        <v>20.14363567138016</v>
      </c>
      <c r="J4262" s="237">
        <f t="shared" si="1000"/>
        <v>10.14363567138016</v>
      </c>
      <c r="K4262" s="237">
        <f t="shared" si="996"/>
        <v>851.713203457296</v>
      </c>
      <c r="L4262" s="237">
        <f t="shared" si="1001"/>
        <v>428.96420890699562</v>
      </c>
      <c r="M4262" s="236">
        <f t="shared" si="997"/>
        <v>23.318884393712814</v>
      </c>
      <c r="N4262" s="236">
        <f t="shared" si="998"/>
        <v>1.6215189283249518</v>
      </c>
      <c r="O4262" s="236">
        <f t="shared" si="1002"/>
        <v>2.5425006615253456</v>
      </c>
      <c r="P4262" s="236" t="str">
        <f t="shared" si="1003"/>
        <v>SAND</v>
      </c>
      <c r="Q4262" s="236" t="e">
        <f t="shared" si="999"/>
        <v>#N/A</v>
      </c>
      <c r="R4262" s="238">
        <v>35</v>
      </c>
      <c r="S4262" s="236" t="e">
        <f t="shared" si="1004"/>
        <v>#N/A</v>
      </c>
      <c r="T4262" s="236">
        <f t="shared" si="990"/>
        <v>32.644785462973765</v>
      </c>
    </row>
    <row r="4263" spans="1:20" x14ac:dyDescent="0.2">
      <c r="A4263" s="53">
        <f t="shared" si="991"/>
        <v>4251</v>
      </c>
      <c r="B4263" s="239">
        <v>42.298000000000002</v>
      </c>
      <c r="C4263" s="3">
        <f t="shared" si="992"/>
        <v>42.291000000000004</v>
      </c>
      <c r="D4263" s="239">
        <v>11.1455</v>
      </c>
      <c r="E4263" s="239">
        <v>0.1749</v>
      </c>
      <c r="F4263" s="239">
        <v>0.35010000000000002</v>
      </c>
      <c r="G4263">
        <f t="shared" si="993"/>
        <v>11.21552</v>
      </c>
      <c r="H4263" s="235">
        <f t="shared" si="994"/>
        <v>1.559446195985563</v>
      </c>
      <c r="I4263" s="236">
        <f t="shared" si="995"/>
        <v>20.244813012715078</v>
      </c>
      <c r="J4263" s="237">
        <f t="shared" si="1000"/>
        <v>10.244813012715078</v>
      </c>
      <c r="K4263" s="237">
        <f t="shared" si="996"/>
        <v>856.17338712073342</v>
      </c>
      <c r="L4263" s="237">
        <f t="shared" si="1001"/>
        <v>433.33510081182237</v>
      </c>
      <c r="M4263" s="236">
        <f t="shared" si="997"/>
        <v>23.906086983195618</v>
      </c>
      <c r="N4263" s="236">
        <f t="shared" si="998"/>
        <v>1.6883304182771084</v>
      </c>
      <c r="O4263" s="236">
        <f t="shared" si="1002"/>
        <v>2.5435152386815489</v>
      </c>
      <c r="P4263" s="236" t="str">
        <f t="shared" si="1003"/>
        <v>SAND</v>
      </c>
      <c r="Q4263" s="236" t="e">
        <f t="shared" si="999"/>
        <v>#N/A</v>
      </c>
      <c r="R4263" s="238">
        <v>35</v>
      </c>
      <c r="S4263" s="236" t="e">
        <f t="shared" si="1004"/>
        <v>#N/A</v>
      </c>
      <c r="T4263" s="236">
        <f t="shared" si="990"/>
        <v>32.763593449047853</v>
      </c>
    </row>
    <row r="4264" spans="1:20" x14ac:dyDescent="0.2">
      <c r="A4264" s="53">
        <f t="shared" si="991"/>
        <v>4252</v>
      </c>
      <c r="B4264" s="239">
        <v>42.308999999999997</v>
      </c>
      <c r="C4264" s="3">
        <f t="shared" si="992"/>
        <v>42.302</v>
      </c>
      <c r="D4264" s="239">
        <v>11.202500000000001</v>
      </c>
      <c r="E4264" s="239">
        <v>0.182</v>
      </c>
      <c r="F4264" s="239">
        <v>0.34339999999999998</v>
      </c>
      <c r="G4264">
        <f t="shared" si="993"/>
        <v>11.271180000000001</v>
      </c>
      <c r="H4264" s="235">
        <f t="shared" si="994"/>
        <v>1.6147377648125572</v>
      </c>
      <c r="I4264" s="236">
        <f t="shared" si="995"/>
        <v>20.293408248885541</v>
      </c>
      <c r="J4264" s="237">
        <f t="shared" si="1000"/>
        <v>10.293408248885541</v>
      </c>
      <c r="K4264" s="237">
        <f t="shared" si="996"/>
        <v>858.45175574435609</v>
      </c>
      <c r="L4264" s="237">
        <f t="shared" si="1001"/>
        <v>435.50380960209833</v>
      </c>
      <c r="M4264" s="236">
        <f t="shared" si="997"/>
        <v>23.909614599627314</v>
      </c>
      <c r="N4264" s="236">
        <f t="shared" si="998"/>
        <v>1.7478608461754808</v>
      </c>
      <c r="O4264" s="236">
        <f t="shared" si="1002"/>
        <v>2.5520570072835618</v>
      </c>
      <c r="P4264" s="236" t="str">
        <f t="shared" si="1003"/>
        <v>SAND</v>
      </c>
      <c r="Q4264" s="236" t="e">
        <f t="shared" si="999"/>
        <v>#N/A</v>
      </c>
      <c r="R4264" s="238">
        <v>35</v>
      </c>
      <c r="S4264" s="236" t="e">
        <f t="shared" si="1004"/>
        <v>#N/A</v>
      </c>
      <c r="T4264" s="236">
        <f t="shared" si="990"/>
        <v>32.764298333315111</v>
      </c>
    </row>
    <row r="4265" spans="1:20" x14ac:dyDescent="0.2">
      <c r="A4265" s="53">
        <f t="shared" si="991"/>
        <v>4253</v>
      </c>
      <c r="B4265" s="239">
        <v>42.319000000000003</v>
      </c>
      <c r="C4265" s="3">
        <f t="shared" si="992"/>
        <v>42.312000000000005</v>
      </c>
      <c r="D4265" s="239">
        <v>10.92</v>
      </c>
      <c r="E4265" s="239">
        <v>0.17480000000000001</v>
      </c>
      <c r="F4265" s="239">
        <v>7.3899999999999993E-2</v>
      </c>
      <c r="G4265">
        <f t="shared" si="993"/>
        <v>10.93478</v>
      </c>
      <c r="H4265" s="235">
        <f t="shared" si="994"/>
        <v>1.5985689698375278</v>
      </c>
      <c r="I4265" s="236">
        <f t="shared" si="995"/>
        <v>20.234233955576912</v>
      </c>
      <c r="J4265" s="237">
        <f t="shared" si="1000"/>
        <v>10.234233955576912</v>
      </c>
      <c r="K4265" s="237">
        <f t="shared" si="996"/>
        <v>856.15090712837036</v>
      </c>
      <c r="L4265" s="237">
        <f t="shared" si="1001"/>
        <v>433.10254676605933</v>
      </c>
      <c r="M4265" s="236">
        <f t="shared" si="997"/>
        <v>23.270768477645571</v>
      </c>
      <c r="N4265" s="236">
        <f t="shared" si="998"/>
        <v>1.734362862143938</v>
      </c>
      <c r="O4265" s="236">
        <f t="shared" si="1002"/>
        <v>2.5597840853576788</v>
      </c>
      <c r="P4265" s="236" t="str">
        <f t="shared" si="1003"/>
        <v>SAND</v>
      </c>
      <c r="Q4265" s="236" t="e">
        <f t="shared" si="999"/>
        <v>#N/A</v>
      </c>
      <c r="R4265" s="238">
        <v>35</v>
      </c>
      <c r="S4265" s="236" t="e">
        <f t="shared" si="1004"/>
        <v>#N/A</v>
      </c>
      <c r="T4265" s="236">
        <f t="shared" si="990"/>
        <v>32.634917978981363</v>
      </c>
    </row>
    <row r="4266" spans="1:20" x14ac:dyDescent="0.2">
      <c r="A4266" s="53">
        <f t="shared" si="991"/>
        <v>4254</v>
      </c>
      <c r="B4266" s="239">
        <v>42.328000000000003</v>
      </c>
      <c r="C4266" s="3">
        <f t="shared" si="992"/>
        <v>42.321000000000005</v>
      </c>
      <c r="D4266" s="239">
        <v>10.184200000000001</v>
      </c>
      <c r="E4266" s="239">
        <v>0.1726</v>
      </c>
      <c r="F4266" s="239">
        <v>-1.11E-2</v>
      </c>
      <c r="G4266">
        <f t="shared" si="993"/>
        <v>10.181980000000001</v>
      </c>
      <c r="H4266" s="235">
        <f t="shared" si="994"/>
        <v>1.6951516306258703</v>
      </c>
      <c r="I4266" s="236">
        <f t="shared" si="995"/>
        <v>20.191502206779841</v>
      </c>
      <c r="J4266" s="237">
        <f t="shared" si="1000"/>
        <v>10.191502206779841</v>
      </c>
      <c r="K4266" s="237">
        <f t="shared" si="996"/>
        <v>854.52456489312976</v>
      </c>
      <c r="L4266" s="237">
        <f t="shared" si="1001"/>
        <v>431.38590540857712</v>
      </c>
      <c r="M4266" s="236">
        <f t="shared" si="997"/>
        <v>21.622068125458547</v>
      </c>
      <c r="N4266" s="236">
        <f t="shared" si="998"/>
        <v>1.850451081764106</v>
      </c>
      <c r="O4266" s="236">
        <f t="shared" si="1002"/>
        <v>2.6020489076520525</v>
      </c>
      <c r="P4266" s="236" t="str">
        <f t="shared" si="1003"/>
        <v>CLAY</v>
      </c>
      <c r="Q4266" s="236">
        <f t="shared" si="999"/>
        <v>777.28795292557254</v>
      </c>
      <c r="R4266" s="238">
        <v>35</v>
      </c>
      <c r="S4266" s="236">
        <f t="shared" si="1004"/>
        <v>11.656322316207666</v>
      </c>
      <c r="T4266" s="236" t="e">
        <f t="shared" si="990"/>
        <v>#N/A</v>
      </c>
    </row>
    <row r="4267" spans="1:20" x14ac:dyDescent="0.2">
      <c r="A4267" s="53">
        <f t="shared" si="991"/>
        <v>4255</v>
      </c>
      <c r="B4267" s="239">
        <v>42.338999999999999</v>
      </c>
      <c r="C4267" s="3">
        <f t="shared" si="992"/>
        <v>42.332000000000001</v>
      </c>
      <c r="D4267" s="239">
        <v>9.4521999999999995</v>
      </c>
      <c r="E4267" s="239">
        <v>0.1719</v>
      </c>
      <c r="F4267" s="239">
        <v>-4.7699999999999999E-2</v>
      </c>
      <c r="G4267">
        <f t="shared" si="993"/>
        <v>9.4426600000000001</v>
      </c>
      <c r="H4267" s="235">
        <f t="shared" si="994"/>
        <v>1.8204616072166107</v>
      </c>
      <c r="I4267" s="236">
        <f t="shared" si="995"/>
        <v>20.157272838608108</v>
      </c>
      <c r="J4267" s="237">
        <f t="shared" si="1000"/>
        <v>10.157272838608108</v>
      </c>
      <c r="K4267" s="237">
        <f t="shared" si="996"/>
        <v>853.29767380395845</v>
      </c>
      <c r="L4267" s="237">
        <f t="shared" si="1001"/>
        <v>430.04877471382866</v>
      </c>
      <c r="M4267" s="236">
        <f t="shared" si="997"/>
        <v>19.972995695457431</v>
      </c>
      <c r="N4267" s="236">
        <f t="shared" si="998"/>
        <v>2.0013127106739375</v>
      </c>
      <c r="O4267" s="236">
        <f t="shared" si="1002"/>
        <v>2.6497878896562308</v>
      </c>
      <c r="P4267" s="236" t="str">
        <f t="shared" si="1003"/>
        <v>CLAY</v>
      </c>
      <c r="Q4267" s="236">
        <f t="shared" si="999"/>
        <v>715.78019384967013</v>
      </c>
      <c r="R4267" s="238">
        <v>35</v>
      </c>
      <c r="S4267" s="236">
        <f t="shared" si="1004"/>
        <v>10.555869662655176</v>
      </c>
      <c r="T4267" s="236" t="e">
        <f t="shared" si="990"/>
        <v>#N/A</v>
      </c>
    </row>
    <row r="4268" spans="1:20" x14ac:dyDescent="0.2">
      <c r="A4268" s="53">
        <f t="shared" si="991"/>
        <v>4256</v>
      </c>
      <c r="B4268" s="239">
        <v>42.347999999999999</v>
      </c>
      <c r="C4268" s="3">
        <f t="shared" si="992"/>
        <v>42.341000000000001</v>
      </c>
      <c r="D4268" s="239">
        <v>8.5952000000000002</v>
      </c>
      <c r="E4268" s="239">
        <v>0.16009999999999999</v>
      </c>
      <c r="F4268" s="239">
        <v>-5.3999999999999999E-2</v>
      </c>
      <c r="G4268">
        <f t="shared" si="993"/>
        <v>8.5844000000000005</v>
      </c>
      <c r="H4268" s="235">
        <f t="shared" si="994"/>
        <v>1.8650109500955221</v>
      </c>
      <c r="I4268" s="236">
        <f t="shared" si="995"/>
        <v>20.036638601857231</v>
      </c>
      <c r="J4268" s="237">
        <f t="shared" si="1000"/>
        <v>10.036638601857231</v>
      </c>
      <c r="K4268" s="237">
        <f t="shared" si="996"/>
        <v>848.37131504123704</v>
      </c>
      <c r="L4268" s="237">
        <f t="shared" si="1001"/>
        <v>425.03157151145001</v>
      </c>
      <c r="M4268" s="236">
        <f t="shared" si="997"/>
        <v>18.201068352284416</v>
      </c>
      <c r="N4268" s="236">
        <f t="shared" si="998"/>
        <v>2.0695373106783332</v>
      </c>
      <c r="O4268" s="236">
        <f t="shared" si="1002"/>
        <v>2.6912039070559013</v>
      </c>
      <c r="P4268" s="236" t="str">
        <f t="shared" si="1003"/>
        <v>CLAY</v>
      </c>
      <c r="Q4268" s="236">
        <f t="shared" si="999"/>
        <v>644.6690570798969</v>
      </c>
      <c r="R4268" s="238">
        <v>35</v>
      </c>
      <c r="S4268" s="236">
        <f t="shared" si="1004"/>
        <v>9.3985554804417877</v>
      </c>
      <c r="T4268" s="236" t="e">
        <f t="shared" si="990"/>
        <v>#N/A</v>
      </c>
    </row>
    <row r="4269" spans="1:20" x14ac:dyDescent="0.2">
      <c r="A4269" s="53">
        <f t="shared" si="991"/>
        <v>4257</v>
      </c>
      <c r="B4269" s="239">
        <v>42.357999999999997</v>
      </c>
      <c r="C4269" s="3">
        <f t="shared" si="992"/>
        <v>42.350999999999999</v>
      </c>
      <c r="D4269" s="239">
        <v>7.8834999999999997</v>
      </c>
      <c r="E4269" s="239">
        <v>0.15590000000000001</v>
      </c>
      <c r="F4269" s="239">
        <v>-3.6499999999999998E-2</v>
      </c>
      <c r="G4269">
        <f t="shared" si="993"/>
        <v>7.8761999999999999</v>
      </c>
      <c r="H4269" s="235">
        <f t="shared" si="994"/>
        <v>1.9793809197328662</v>
      </c>
      <c r="I4269" s="236">
        <f t="shared" si="995"/>
        <v>19.971812627456451</v>
      </c>
      <c r="J4269" s="237">
        <f t="shared" si="1000"/>
        <v>9.9718126274564511</v>
      </c>
      <c r="K4269" s="237">
        <f t="shared" si="996"/>
        <v>845.8262365854082</v>
      </c>
      <c r="L4269" s="237">
        <f t="shared" si="1001"/>
        <v>422.38603927380035</v>
      </c>
      <c r="M4269" s="236">
        <f t="shared" si="997"/>
        <v>16.644427395142532</v>
      </c>
      <c r="N4269" s="236">
        <f t="shared" si="998"/>
        <v>2.2175207925827367</v>
      </c>
      <c r="O4269" s="236">
        <f t="shared" si="1002"/>
        <v>2.7402068170588652</v>
      </c>
      <c r="P4269" s="236" t="str">
        <f t="shared" si="1003"/>
        <v>CLAY</v>
      </c>
      <c r="Q4269" s="236">
        <f t="shared" si="999"/>
        <v>585.86448028454936</v>
      </c>
      <c r="R4269" s="238">
        <v>35</v>
      </c>
      <c r="S4269" s="236">
        <f t="shared" si="1004"/>
        <v>8.4047748229606398</v>
      </c>
      <c r="T4269" s="236" t="e">
        <f t="shared" si="990"/>
        <v>#N/A</v>
      </c>
    </row>
    <row r="4270" spans="1:20" x14ac:dyDescent="0.2">
      <c r="A4270" s="53">
        <f t="shared" si="991"/>
        <v>4258</v>
      </c>
      <c r="B4270" s="239">
        <v>42.366999999999997</v>
      </c>
      <c r="C4270" s="3">
        <f t="shared" si="992"/>
        <v>42.36</v>
      </c>
      <c r="D4270" s="239">
        <v>7.3933</v>
      </c>
      <c r="E4270" s="239">
        <v>0.15240000000000001</v>
      </c>
      <c r="F4270" s="239">
        <v>1.4500000000000001E-2</v>
      </c>
      <c r="G4270">
        <f t="shared" si="993"/>
        <v>7.3962000000000003</v>
      </c>
      <c r="H4270" s="235">
        <f t="shared" si="994"/>
        <v>2.0605175630729295</v>
      </c>
      <c r="I4270" s="236">
        <f t="shared" si="995"/>
        <v>19.920610247020818</v>
      </c>
      <c r="J4270" s="237">
        <f t="shared" si="1000"/>
        <v>9.920610247020818</v>
      </c>
      <c r="K4270" s="237">
        <f t="shared" si="996"/>
        <v>843.83705006380183</v>
      </c>
      <c r="L4270" s="237">
        <f t="shared" si="1001"/>
        <v>420.30649433553094</v>
      </c>
      <c r="M4270" s="236">
        <f t="shared" si="997"/>
        <v>15.589487762483735</v>
      </c>
      <c r="N4270" s="236">
        <f t="shared" si="998"/>
        <v>2.3258784832956172</v>
      </c>
      <c r="O4270" s="236">
        <f t="shared" si="1002"/>
        <v>2.775383429287023</v>
      </c>
      <c r="P4270" s="236" t="str">
        <f t="shared" si="1003"/>
        <v>CLAY</v>
      </c>
      <c r="Q4270" s="236">
        <f t="shared" si="999"/>
        <v>546.03024582801652</v>
      </c>
      <c r="R4270" s="238">
        <v>35</v>
      </c>
      <c r="S4270" s="236">
        <f t="shared" si="1004"/>
        <v>7.7442580426485526</v>
      </c>
      <c r="T4270" s="236" t="e">
        <f t="shared" si="990"/>
        <v>#N/A</v>
      </c>
    </row>
    <row r="4271" spans="1:20" x14ac:dyDescent="0.2">
      <c r="A4271" s="53">
        <f t="shared" si="991"/>
        <v>4259</v>
      </c>
      <c r="B4271" s="239">
        <v>42.378</v>
      </c>
      <c r="C4271" s="3">
        <f t="shared" si="992"/>
        <v>42.371000000000002</v>
      </c>
      <c r="D4271" s="239">
        <v>6.9984000000000002</v>
      </c>
      <c r="E4271" s="239">
        <v>0.15679999999999999</v>
      </c>
      <c r="F4271" s="239">
        <v>8.3500000000000005E-2</v>
      </c>
      <c r="G4271">
        <f t="shared" si="993"/>
        <v>7.0151000000000003</v>
      </c>
      <c r="H4271" s="235">
        <f t="shared" si="994"/>
        <v>2.2351784008781057</v>
      </c>
      <c r="I4271" s="236">
        <f t="shared" si="995"/>
        <v>19.933307891557973</v>
      </c>
      <c r="J4271" s="237">
        <f t="shared" si="1000"/>
        <v>9.9333078915579733</v>
      </c>
      <c r="K4271" s="237">
        <f t="shared" si="996"/>
        <v>844.59418867320289</v>
      </c>
      <c r="L4271" s="237">
        <f t="shared" si="1001"/>
        <v>420.9537218284438</v>
      </c>
      <c r="M4271" s="236">
        <f t="shared" si="997"/>
        <v>14.658394715040757</v>
      </c>
      <c r="N4271" s="236">
        <f t="shared" si="998"/>
        <v>2.5411206924426257</v>
      </c>
      <c r="O4271" s="236">
        <f t="shared" si="1002"/>
        <v>2.8193483329977345</v>
      </c>
      <c r="P4271" s="236" t="str">
        <f t="shared" si="1003"/>
        <v>CLAY</v>
      </c>
      <c r="Q4271" s="236">
        <f t="shared" si="999"/>
        <v>514.20881761056648</v>
      </c>
      <c r="R4271" s="238">
        <v>35</v>
      </c>
      <c r="S4271" s="236">
        <f t="shared" si="1004"/>
        <v>7.1704766134237268</v>
      </c>
      <c r="T4271" s="236" t="e">
        <f t="shared" si="990"/>
        <v>#N/A</v>
      </c>
    </row>
    <row r="4272" spans="1:20" x14ac:dyDescent="0.2">
      <c r="A4272" s="53">
        <f t="shared" si="991"/>
        <v>4260</v>
      </c>
      <c r="B4272" s="239">
        <v>42.387</v>
      </c>
      <c r="C4272" s="3">
        <f t="shared" si="992"/>
        <v>42.38</v>
      </c>
      <c r="D4272" s="239">
        <v>6.7215999999999996</v>
      </c>
      <c r="E4272" s="239">
        <v>0.1615</v>
      </c>
      <c r="F4272" s="239">
        <v>0.1643</v>
      </c>
      <c r="G4272">
        <f t="shared" si="993"/>
        <v>6.7544599999999999</v>
      </c>
      <c r="H4272" s="235">
        <f t="shared" si="994"/>
        <v>2.3910127530550187</v>
      </c>
      <c r="I4272" s="236">
        <f t="shared" si="995"/>
        <v>19.953140447099507</v>
      </c>
      <c r="J4272" s="237">
        <f t="shared" si="1000"/>
        <v>9.9531404470995071</v>
      </c>
      <c r="K4272" s="237">
        <f t="shared" si="996"/>
        <v>845.61409214807713</v>
      </c>
      <c r="L4272" s="237">
        <f t="shared" si="1001"/>
        <v>421.88376413120682</v>
      </c>
      <c r="M4272" s="236">
        <f t="shared" si="997"/>
        <v>14.005862301954474</v>
      </c>
      <c r="N4272" s="236">
        <f t="shared" si="998"/>
        <v>2.7331902459225077</v>
      </c>
      <c r="O4272" s="236">
        <f t="shared" si="1002"/>
        <v>2.853785369433159</v>
      </c>
      <c r="P4272" s="236" t="str">
        <f t="shared" si="1003"/>
        <v>CLAY</v>
      </c>
      <c r="Q4272" s="236">
        <f t="shared" si="999"/>
        <v>492.40382565432691</v>
      </c>
      <c r="R4272" s="238">
        <v>35</v>
      </c>
      <c r="S4272" s="236">
        <f t="shared" si="1004"/>
        <v>6.7737213014541906</v>
      </c>
      <c r="T4272" s="236" t="e">
        <f t="shared" si="990"/>
        <v>#N/A</v>
      </c>
    </row>
    <row r="4273" spans="1:20" x14ac:dyDescent="0.2">
      <c r="A4273" s="53">
        <f t="shared" si="991"/>
        <v>4261</v>
      </c>
      <c r="B4273" s="239">
        <v>42.396000000000001</v>
      </c>
      <c r="C4273" s="3">
        <f t="shared" si="992"/>
        <v>42.389000000000003</v>
      </c>
      <c r="D4273" s="239">
        <v>6.4779</v>
      </c>
      <c r="E4273" s="239">
        <v>0.16420000000000001</v>
      </c>
      <c r="F4273" s="239">
        <v>0.29409999999999997</v>
      </c>
      <c r="G4273">
        <f t="shared" si="993"/>
        <v>6.5367199999999999</v>
      </c>
      <c r="H4273" s="235">
        <f t="shared" si="994"/>
        <v>2.5119631864298917</v>
      </c>
      <c r="I4273" s="236">
        <f t="shared" si="995"/>
        <v>19.9597744610459</v>
      </c>
      <c r="J4273" s="237">
        <f t="shared" si="1000"/>
        <v>9.9597744610458996</v>
      </c>
      <c r="K4273" s="237">
        <f t="shared" si="996"/>
        <v>846.07487962927473</v>
      </c>
      <c r="L4273" s="237">
        <f t="shared" si="1001"/>
        <v>422.25459805050195</v>
      </c>
      <c r="M4273" s="236">
        <f t="shared" si="997"/>
        <v>13.476810309807734</v>
      </c>
      <c r="N4273" s="236">
        <f t="shared" si="998"/>
        <v>2.8854373542327472</v>
      </c>
      <c r="O4273" s="236">
        <f t="shared" si="1002"/>
        <v>2.881083764414833</v>
      </c>
      <c r="P4273" s="236" t="str">
        <f t="shared" si="1003"/>
        <v>CLAY</v>
      </c>
      <c r="Q4273" s="236">
        <f t="shared" si="999"/>
        <v>474.22042669756047</v>
      </c>
      <c r="R4273" s="238">
        <v>35</v>
      </c>
      <c r="S4273" s="236">
        <f t="shared" si="1004"/>
        <v>6.4554110775587574</v>
      </c>
      <c r="T4273" s="236" t="e">
        <f t="shared" si="990"/>
        <v>#N/A</v>
      </c>
    </row>
    <row r="4274" spans="1:20" x14ac:dyDescent="0.2">
      <c r="A4274" s="53">
        <f t="shared" si="991"/>
        <v>4262</v>
      </c>
      <c r="B4274" s="239">
        <v>42.406999999999996</v>
      </c>
      <c r="C4274" s="3">
        <f t="shared" si="992"/>
        <v>42.4</v>
      </c>
      <c r="D4274" s="239">
        <v>6.2339000000000002</v>
      </c>
      <c r="E4274" s="239">
        <v>0.1719</v>
      </c>
      <c r="F4274" s="239">
        <v>0.39979999999999999</v>
      </c>
      <c r="G4274">
        <f t="shared" si="993"/>
        <v>6.31386</v>
      </c>
      <c r="H4274" s="235">
        <f t="shared" si="994"/>
        <v>2.7225817487242354</v>
      </c>
      <c r="I4274" s="236">
        <f t="shared" si="995"/>
        <v>19.999953374511563</v>
      </c>
      <c r="J4274" s="237">
        <f t="shared" si="1000"/>
        <v>9.9999533745115627</v>
      </c>
      <c r="K4274" s="237">
        <f t="shared" si="996"/>
        <v>847.99802307929019</v>
      </c>
      <c r="L4274" s="237">
        <f t="shared" si="1001"/>
        <v>424.06802275291182</v>
      </c>
      <c r="M4274" s="236">
        <f t="shared" si="997"/>
        <v>12.889116093776913</v>
      </c>
      <c r="N4274" s="236">
        <f t="shared" si="998"/>
        <v>3.1449751333977685</v>
      </c>
      <c r="O4274" s="236">
        <f t="shared" si="1002"/>
        <v>2.9186907597283325</v>
      </c>
      <c r="P4274" s="236" t="str">
        <f t="shared" si="1003"/>
        <v>CLAY</v>
      </c>
      <c r="Q4274" s="236">
        <f t="shared" si="999"/>
        <v>455.48849807672582</v>
      </c>
      <c r="R4274" s="238">
        <v>35</v>
      </c>
      <c r="S4274" s="236">
        <f t="shared" si="1004"/>
        <v>6.1054675589054401</v>
      </c>
      <c r="T4274" s="236" t="e">
        <f t="shared" si="990"/>
        <v>#N/A</v>
      </c>
    </row>
    <row r="4275" spans="1:20" x14ac:dyDescent="0.2">
      <c r="A4275" s="53">
        <f t="shared" si="991"/>
        <v>4263</v>
      </c>
      <c r="B4275" s="239">
        <v>42.415999999999997</v>
      </c>
      <c r="C4275" s="3">
        <f t="shared" si="992"/>
        <v>42.408999999999999</v>
      </c>
      <c r="D4275" s="239">
        <v>6.1345999999999998</v>
      </c>
      <c r="E4275" s="239">
        <v>0.18590000000000001</v>
      </c>
      <c r="F4275" s="239">
        <v>0.4521</v>
      </c>
      <c r="G4275">
        <f t="shared" si="993"/>
        <v>6.2250199999999998</v>
      </c>
      <c r="H4275" s="235">
        <f t="shared" si="994"/>
        <v>2.9863357868729743</v>
      </c>
      <c r="I4275" s="236">
        <f t="shared" si="995"/>
        <v>20.086224082746863</v>
      </c>
      <c r="J4275" s="237">
        <f t="shared" si="1000"/>
        <v>10.086224082746863</v>
      </c>
      <c r="K4275" s="237">
        <f t="shared" si="996"/>
        <v>851.83667712521174</v>
      </c>
      <c r="L4275" s="237">
        <f t="shared" si="1001"/>
        <v>427.81728069379091</v>
      </c>
      <c r="M4275" s="236">
        <f t="shared" si="997"/>
        <v>12.559528484125515</v>
      </c>
      <c r="N4275" s="236">
        <f t="shared" si="998"/>
        <v>3.4597740078694885</v>
      </c>
      <c r="O4275" s="236">
        <f t="shared" si="1002"/>
        <v>2.9522900208686118</v>
      </c>
      <c r="P4275" s="236" t="str">
        <f t="shared" si="1003"/>
        <v>CLAY</v>
      </c>
      <c r="Q4275" s="236">
        <f t="shared" si="999"/>
        <v>447.76527690623226</v>
      </c>
      <c r="R4275" s="238">
        <v>35</v>
      </c>
      <c r="S4275" s="236">
        <f t="shared" si="1004"/>
        <v>5.9109417244243936</v>
      </c>
      <c r="T4275" s="236" t="e">
        <f t="shared" si="990"/>
        <v>#N/A</v>
      </c>
    </row>
    <row r="4276" spans="1:20" x14ac:dyDescent="0.2">
      <c r="A4276" s="53">
        <f t="shared" si="991"/>
        <v>4264</v>
      </c>
      <c r="B4276" s="239">
        <v>42.426000000000002</v>
      </c>
      <c r="C4276" s="3">
        <f t="shared" si="992"/>
        <v>42.419000000000004</v>
      </c>
      <c r="D4276" s="239">
        <v>6.1134000000000004</v>
      </c>
      <c r="E4276" s="239">
        <v>0.191</v>
      </c>
      <c r="F4276" s="239">
        <v>0.51790000000000003</v>
      </c>
      <c r="G4276">
        <f t="shared" si="993"/>
        <v>6.2169800000000004</v>
      </c>
      <c r="H4276" s="235">
        <f t="shared" si="994"/>
        <v>3.0722312119389157</v>
      </c>
      <c r="I4276" s="236">
        <f t="shared" si="995"/>
        <v>20.117454669173451</v>
      </c>
      <c r="J4276" s="237">
        <f t="shared" si="1000"/>
        <v>10.117454669173451</v>
      </c>
      <c r="K4276" s="237">
        <f t="shared" si="996"/>
        <v>853.36230961166871</v>
      </c>
      <c r="L4276" s="237">
        <f t="shared" si="1001"/>
        <v>429.24313179435285</v>
      </c>
      <c r="M4276" s="236">
        <f t="shared" si="997"/>
        <v>12.49552361610762</v>
      </c>
      <c r="N4276" s="236">
        <f t="shared" si="998"/>
        <v>3.5610293467089265</v>
      </c>
      <c r="O4276" s="236">
        <f t="shared" si="1002"/>
        <v>2.9615493130919512</v>
      </c>
      <c r="P4276" s="236" t="str">
        <f t="shared" si="1003"/>
        <v>CLAY</v>
      </c>
      <c r="Q4276" s="236">
        <f t="shared" si="999"/>
        <v>446.96814086569429</v>
      </c>
      <c r="R4276" s="238">
        <v>35</v>
      </c>
      <c r="S4276" s="236">
        <f t="shared" si="1004"/>
        <v>5.8733121533390626</v>
      </c>
      <c r="T4276" s="236" t="e">
        <f t="shared" si="990"/>
        <v>#N/A</v>
      </c>
    </row>
    <row r="4277" spans="1:20" x14ac:dyDescent="0.2">
      <c r="A4277" s="53">
        <f t="shared" si="991"/>
        <v>4265</v>
      </c>
      <c r="B4277" s="239">
        <v>42.435000000000002</v>
      </c>
      <c r="C4277" s="3">
        <f t="shared" si="992"/>
        <v>42.428000000000004</v>
      </c>
      <c r="D4277" s="239">
        <v>5.8848000000000003</v>
      </c>
      <c r="E4277" s="239">
        <v>0.1842</v>
      </c>
      <c r="F4277" s="239">
        <v>0.58050000000000002</v>
      </c>
      <c r="G4277">
        <f t="shared" si="993"/>
        <v>6.0009000000000006</v>
      </c>
      <c r="H4277" s="235">
        <f t="shared" si="994"/>
        <v>3.0695395690646401</v>
      </c>
      <c r="I4277" s="236">
        <f t="shared" si="995"/>
        <v>20.061119794910272</v>
      </c>
      <c r="J4277" s="237">
        <f t="shared" si="1000"/>
        <v>10.061119794910272</v>
      </c>
      <c r="K4277" s="237">
        <f t="shared" si="996"/>
        <v>851.15319065845313</v>
      </c>
      <c r="L4277" s="237">
        <f t="shared" si="1001"/>
        <v>426.94361849701744</v>
      </c>
      <c r="M4277" s="236">
        <f t="shared" si="997"/>
        <v>12.061889641237308</v>
      </c>
      <c r="N4277" s="236">
        <f t="shared" si="998"/>
        <v>3.5768748798652492</v>
      </c>
      <c r="O4277" s="236">
        <f t="shared" si="1002"/>
        <v>2.9750045670116552</v>
      </c>
      <c r="P4277" s="236" t="str">
        <f t="shared" si="1003"/>
        <v>CLAY</v>
      </c>
      <c r="Q4277" s="236">
        <f t="shared" si="999"/>
        <v>429.14556744512896</v>
      </c>
      <c r="R4277" s="238">
        <v>35</v>
      </c>
      <c r="S4277" s="236">
        <f t="shared" si="1004"/>
        <v>5.619649081818479</v>
      </c>
      <c r="T4277" s="236" t="e">
        <f t="shared" si="990"/>
        <v>#N/A</v>
      </c>
    </row>
    <row r="4278" spans="1:20" x14ac:dyDescent="0.2">
      <c r="A4278" s="53">
        <f t="shared" si="991"/>
        <v>4266</v>
      </c>
      <c r="B4278" s="239">
        <v>42.445</v>
      </c>
      <c r="C4278" s="3">
        <f t="shared" si="992"/>
        <v>42.438000000000002</v>
      </c>
      <c r="D4278" s="239">
        <v>5.8815</v>
      </c>
      <c r="E4278" s="239">
        <v>0.1832</v>
      </c>
      <c r="F4278" s="239">
        <v>0.50180000000000002</v>
      </c>
      <c r="G4278">
        <f t="shared" si="993"/>
        <v>5.9818600000000002</v>
      </c>
      <c r="H4278" s="235">
        <f t="shared" si="994"/>
        <v>3.0625925715412934</v>
      </c>
      <c r="I4278" s="236">
        <f t="shared" si="995"/>
        <v>20.053494441670153</v>
      </c>
      <c r="J4278" s="237">
        <f t="shared" si="1000"/>
        <v>10.053494441670153</v>
      </c>
      <c r="K4278" s="237">
        <f t="shared" si="996"/>
        <v>851.03019711559807</v>
      </c>
      <c r="L4278" s="237">
        <f t="shared" si="1001"/>
        <v>426.72057157668968</v>
      </c>
      <c r="M4278" s="236">
        <f t="shared" si="997"/>
        <v>12.023863260040409</v>
      </c>
      <c r="N4278" s="236">
        <f t="shared" si="998"/>
        <v>3.5705725396895898</v>
      </c>
      <c r="O4278" s="236">
        <f t="shared" si="1002"/>
        <v>2.975649352240981</v>
      </c>
      <c r="P4278" s="236" t="str">
        <f t="shared" si="1003"/>
        <v>CLAY</v>
      </c>
      <c r="Q4278" s="236">
        <f t="shared" si="999"/>
        <v>427.56915024036692</v>
      </c>
      <c r="R4278" s="238">
        <v>35</v>
      </c>
      <c r="S4278" s="236">
        <f t="shared" si="1004"/>
        <v>5.5975121441067293</v>
      </c>
      <c r="T4278" s="236" t="e">
        <f t="shared" si="990"/>
        <v>#N/A</v>
      </c>
    </row>
    <row r="4279" spans="1:20" x14ac:dyDescent="0.2">
      <c r="A4279" s="53">
        <f t="shared" si="991"/>
        <v>4267</v>
      </c>
      <c r="B4279" s="239">
        <v>42.456000000000003</v>
      </c>
      <c r="C4279" s="3">
        <f t="shared" si="992"/>
        <v>42.449000000000005</v>
      </c>
      <c r="D4279" s="239">
        <v>5.8707000000000003</v>
      </c>
      <c r="E4279" s="239">
        <v>0.1825</v>
      </c>
      <c r="F4279" s="239">
        <v>0.53490000000000004</v>
      </c>
      <c r="G4279">
        <f t="shared" si="993"/>
        <v>5.9776800000000003</v>
      </c>
      <c r="H4279" s="235">
        <f t="shared" si="994"/>
        <v>3.0530239156328203</v>
      </c>
      <c r="I4279" s="236">
        <f t="shared" si="995"/>
        <v>20.048732196342883</v>
      </c>
      <c r="J4279" s="237">
        <f t="shared" si="1000"/>
        <v>10.048732196342883</v>
      </c>
      <c r="K4279" s="237">
        <f t="shared" si="996"/>
        <v>851.04863300255909</v>
      </c>
      <c r="L4279" s="237">
        <f t="shared" si="1001"/>
        <v>426.62897412793347</v>
      </c>
      <c r="M4279" s="236">
        <f t="shared" si="997"/>
        <v>12.016603835866327</v>
      </c>
      <c r="N4279" s="236">
        <f t="shared" si="998"/>
        <v>3.5598424566829419</v>
      </c>
      <c r="O4279" s="236">
        <f t="shared" si="1002"/>
        <v>2.9750815646043205</v>
      </c>
      <c r="P4279" s="236" t="str">
        <f t="shared" si="1003"/>
        <v>CLAY</v>
      </c>
      <c r="Q4279" s="236">
        <f t="shared" si="999"/>
        <v>427.21928058312011</v>
      </c>
      <c r="R4279" s="238">
        <v>35</v>
      </c>
      <c r="S4279" s="236">
        <f t="shared" si="1004"/>
        <v>5.5932880807822292</v>
      </c>
      <c r="T4279" s="236" t="e">
        <f t="shared" si="990"/>
        <v>#N/A</v>
      </c>
    </row>
    <row r="4280" spans="1:20" x14ac:dyDescent="0.2">
      <c r="A4280" s="53">
        <f t="shared" si="991"/>
        <v>4268</v>
      </c>
      <c r="B4280" s="239">
        <v>42.465000000000003</v>
      </c>
      <c r="C4280" s="3">
        <f t="shared" si="992"/>
        <v>42.458000000000006</v>
      </c>
      <c r="D4280" s="239">
        <v>5.8346999999999998</v>
      </c>
      <c r="E4280" s="239">
        <v>0.18609999999999999</v>
      </c>
      <c r="F4280" s="239">
        <v>0.53869999999999996</v>
      </c>
      <c r="G4280">
        <f t="shared" si="993"/>
        <v>5.9424399999999995</v>
      </c>
      <c r="H4280" s="235">
        <f t="shared" si="994"/>
        <v>3.1317102065818081</v>
      </c>
      <c r="I4280" s="236">
        <f t="shared" si="995"/>
        <v>20.069326586705149</v>
      </c>
      <c r="J4280" s="237">
        <f t="shared" si="1000"/>
        <v>10.069326586705149</v>
      </c>
      <c r="K4280" s="237">
        <f t="shared" si="996"/>
        <v>852.10346821832729</v>
      </c>
      <c r="L4280" s="237">
        <f t="shared" si="1001"/>
        <v>427.59395350443418</v>
      </c>
      <c r="M4280" s="236">
        <f t="shared" si="997"/>
        <v>11.904603631699588</v>
      </c>
      <c r="N4280" s="236">
        <f t="shared" si="998"/>
        <v>3.6559468875599666</v>
      </c>
      <c r="O4280" s="236">
        <f t="shared" si="1002"/>
        <v>2.9852453019665752</v>
      </c>
      <c r="P4280" s="236" t="str">
        <f t="shared" si="1003"/>
        <v>CLAY</v>
      </c>
      <c r="Q4280" s="236">
        <f t="shared" si="999"/>
        <v>424.19471098180605</v>
      </c>
      <c r="R4280" s="238">
        <v>35</v>
      </c>
      <c r="S4280" s="236">
        <f t="shared" si="1004"/>
        <v>5.5281991984698884</v>
      </c>
      <c r="T4280" s="236" t="e">
        <f t="shared" si="990"/>
        <v>#N/A</v>
      </c>
    </row>
    <row r="4281" spans="1:20" x14ac:dyDescent="0.2">
      <c r="A4281" s="53">
        <f t="shared" si="991"/>
        <v>4269</v>
      </c>
      <c r="B4281" s="239">
        <v>42.475000000000001</v>
      </c>
      <c r="C4281" s="3">
        <f t="shared" si="992"/>
        <v>42.468000000000004</v>
      </c>
      <c r="D4281" s="239">
        <v>5.9871999999999996</v>
      </c>
      <c r="E4281" s="239">
        <v>0.19359999999999999</v>
      </c>
      <c r="F4281" s="239">
        <v>0.53759999999999997</v>
      </c>
      <c r="G4281">
        <f t="shared" si="993"/>
        <v>6.0947199999999997</v>
      </c>
      <c r="H4281" s="235">
        <f t="shared" si="994"/>
        <v>3.176520004200357</v>
      </c>
      <c r="I4281" s="236">
        <f t="shared" si="995"/>
        <v>20.125545889890507</v>
      </c>
      <c r="J4281" s="237">
        <f t="shared" si="1000"/>
        <v>10.125545889890507</v>
      </c>
      <c r="K4281" s="237">
        <f t="shared" si="996"/>
        <v>854.69168285187015</v>
      </c>
      <c r="L4281" s="237">
        <f t="shared" si="1001"/>
        <v>430.08256167309929</v>
      </c>
      <c r="M4281" s="236">
        <f t="shared" si="997"/>
        <v>12.183773033632118</v>
      </c>
      <c r="N4281" s="236">
        <f t="shared" si="998"/>
        <v>3.6946365226012032</v>
      </c>
      <c r="O4281" s="236">
        <f t="shared" si="1002"/>
        <v>2.979917628965457</v>
      </c>
      <c r="P4281" s="236" t="str">
        <f t="shared" si="1003"/>
        <v>CLAY</v>
      </c>
      <c r="Q4281" s="236">
        <f t="shared" si="999"/>
        <v>436.66902642901078</v>
      </c>
      <c r="R4281" s="238">
        <v>35</v>
      </c>
      <c r="S4281" s="236">
        <f t="shared" si="1004"/>
        <v>5.6907205403157448</v>
      </c>
      <c r="T4281" s="236" t="e">
        <f t="shared" si="990"/>
        <v>#N/A</v>
      </c>
    </row>
    <row r="4282" spans="1:20" x14ac:dyDescent="0.2">
      <c r="A4282" s="53">
        <f t="shared" si="991"/>
        <v>4270</v>
      </c>
      <c r="B4282" s="239">
        <v>42.484000000000002</v>
      </c>
      <c r="C4282" s="3">
        <f t="shared" si="992"/>
        <v>42.477000000000004</v>
      </c>
      <c r="D4282" s="239">
        <v>6.0397999999999996</v>
      </c>
      <c r="E4282" s="239">
        <v>0.19850000000000001</v>
      </c>
      <c r="F4282" s="239">
        <v>0.48060000000000003</v>
      </c>
      <c r="G4282">
        <f t="shared" si="993"/>
        <v>6.1359199999999996</v>
      </c>
      <c r="H4282" s="235">
        <f t="shared" si="994"/>
        <v>3.2350486968539358</v>
      </c>
      <c r="I4282" s="236">
        <f t="shared" si="995"/>
        <v>20.157488154139852</v>
      </c>
      <c r="J4282" s="237">
        <f t="shared" si="1000"/>
        <v>10.157488154139852</v>
      </c>
      <c r="K4282" s="237">
        <f t="shared" si="996"/>
        <v>856.22962432339853</v>
      </c>
      <c r="L4282" s="237">
        <f t="shared" si="1001"/>
        <v>431.53072674047746</v>
      </c>
      <c r="M4282" s="236">
        <f t="shared" si="997"/>
        <v>12.234795921848239</v>
      </c>
      <c r="N4282" s="236">
        <f t="shared" si="998"/>
        <v>3.7596901688493793</v>
      </c>
      <c r="O4282" s="236">
        <f t="shared" si="1002"/>
        <v>2.9830213290306999</v>
      </c>
      <c r="P4282" s="236" t="str">
        <f t="shared" si="1003"/>
        <v>CLAY</v>
      </c>
      <c r="Q4282" s="236">
        <f t="shared" si="999"/>
        <v>439.97419797305002</v>
      </c>
      <c r="R4282" s="238">
        <v>35</v>
      </c>
      <c r="S4282" s="236">
        <f t="shared" si="1004"/>
        <v>5.7205254324502013</v>
      </c>
      <c r="T4282" s="236" t="e">
        <f t="shared" si="990"/>
        <v>#N/A</v>
      </c>
    </row>
    <row r="4283" spans="1:20" x14ac:dyDescent="0.2">
      <c r="A4283" s="53">
        <f t="shared" si="991"/>
        <v>4271</v>
      </c>
      <c r="B4283" s="239">
        <v>42.494999999999997</v>
      </c>
      <c r="C4283" s="3">
        <f t="shared" si="992"/>
        <v>42.488</v>
      </c>
      <c r="D4283" s="239">
        <v>6.1193</v>
      </c>
      <c r="E4283" s="239">
        <v>0.20019999999999999</v>
      </c>
      <c r="F4283" s="239">
        <v>0.56269999999999998</v>
      </c>
      <c r="G4283">
        <f t="shared" si="993"/>
        <v>6.23184</v>
      </c>
      <c r="H4283" s="235">
        <f t="shared" si="994"/>
        <v>3.2125343397776578</v>
      </c>
      <c r="I4283" s="236">
        <f t="shared" si="995"/>
        <v>20.173550716892837</v>
      </c>
      <c r="J4283" s="237">
        <f t="shared" si="1000"/>
        <v>10.173550716892837</v>
      </c>
      <c r="K4283" s="237">
        <f t="shared" si="996"/>
        <v>857.1338228593429</v>
      </c>
      <c r="L4283" s="237">
        <f t="shared" si="1001"/>
        <v>432.32503771436109</v>
      </c>
      <c r="M4283" s="236">
        <f t="shared" si="997"/>
        <v>12.432095549117253</v>
      </c>
      <c r="N4283" s="236">
        <f t="shared" si="998"/>
        <v>3.7248547809269521</v>
      </c>
      <c r="O4283" s="236">
        <f t="shared" si="1002"/>
        <v>2.9750398794705912</v>
      </c>
      <c r="P4283" s="236" t="str">
        <f t="shared" si="1003"/>
        <v>CLAY</v>
      </c>
      <c r="Q4283" s="236">
        <f t="shared" si="999"/>
        <v>447.89218142838808</v>
      </c>
      <c r="R4283" s="238">
        <v>35</v>
      </c>
      <c r="S4283" s="236">
        <f t="shared" si="1004"/>
        <v>5.8360692001325978</v>
      </c>
      <c r="T4283" s="236" t="e">
        <f t="shared" si="990"/>
        <v>#N/A</v>
      </c>
    </row>
    <row r="4284" spans="1:20" x14ac:dyDescent="0.2">
      <c r="A4284" s="53">
        <f t="shared" si="991"/>
        <v>4272</v>
      </c>
      <c r="B4284" s="239">
        <v>42.503999999999998</v>
      </c>
      <c r="C4284" s="3">
        <f t="shared" si="992"/>
        <v>42.497</v>
      </c>
      <c r="D4284" s="239">
        <v>6.3665000000000003</v>
      </c>
      <c r="E4284" s="239">
        <v>0.20569999999999999</v>
      </c>
      <c r="F4284" s="239">
        <v>0.6522</v>
      </c>
      <c r="G4284">
        <f t="shared" si="993"/>
        <v>6.4969400000000004</v>
      </c>
      <c r="H4284" s="235">
        <f t="shared" si="994"/>
        <v>3.1661058898496832</v>
      </c>
      <c r="I4284" s="236">
        <f t="shared" si="995"/>
        <v>20.221613612379485</v>
      </c>
      <c r="J4284" s="237">
        <f t="shared" si="1000"/>
        <v>10.221613612379485</v>
      </c>
      <c r="K4284" s="237">
        <f t="shared" si="996"/>
        <v>859.35791368529101</v>
      </c>
      <c r="L4284" s="237">
        <f t="shared" si="1001"/>
        <v>434.45946498057765</v>
      </c>
      <c r="M4284" s="236">
        <f t="shared" si="997"/>
        <v>12.97608301977432</v>
      </c>
      <c r="N4284" s="236">
        <f t="shared" si="998"/>
        <v>3.6487273595419381</v>
      </c>
      <c r="O4284" s="236">
        <f t="shared" si="1002"/>
        <v>2.9547927226811517</v>
      </c>
      <c r="P4284" s="236" t="str">
        <f t="shared" si="1003"/>
        <v>CLAY</v>
      </c>
      <c r="Q4284" s="236">
        <f t="shared" si="999"/>
        <v>469.79850719289243</v>
      </c>
      <c r="R4284" s="238">
        <v>35</v>
      </c>
      <c r="S4284" s="236">
        <f t="shared" si="1004"/>
        <v>6.1570053078096212</v>
      </c>
      <c r="T4284" s="236" t="e">
        <f t="shared" si="990"/>
        <v>#N/A</v>
      </c>
    </row>
    <row r="4285" spans="1:20" x14ac:dyDescent="0.2">
      <c r="A4285" s="53">
        <f t="shared" si="991"/>
        <v>4273</v>
      </c>
      <c r="B4285" s="239">
        <v>42.514000000000003</v>
      </c>
      <c r="C4285" s="3">
        <f t="shared" si="992"/>
        <v>42.507000000000005</v>
      </c>
      <c r="D4285" s="239">
        <v>6.6342999999999996</v>
      </c>
      <c r="E4285" s="239">
        <v>0.21249999999999999</v>
      </c>
      <c r="F4285" s="239">
        <v>0.76729999999999998</v>
      </c>
      <c r="G4285">
        <f t="shared" si="993"/>
        <v>6.7877599999999996</v>
      </c>
      <c r="H4285" s="235">
        <f t="shared" si="994"/>
        <v>3.1306351432578641</v>
      </c>
      <c r="I4285" s="236">
        <f t="shared" si="995"/>
        <v>20.276866007638287</v>
      </c>
      <c r="J4285" s="237">
        <f t="shared" si="1000"/>
        <v>10.276866007638287</v>
      </c>
      <c r="K4285" s="237">
        <f t="shared" si="996"/>
        <v>861.90874338668073</v>
      </c>
      <c r="L4285" s="237">
        <f t="shared" si="1001"/>
        <v>436.91068144873412</v>
      </c>
      <c r="M4285" s="236">
        <f t="shared" si="997"/>
        <v>13.563072518538647</v>
      </c>
      <c r="N4285" s="236">
        <f t="shared" si="998"/>
        <v>3.585982684982981</v>
      </c>
      <c r="O4285" s="236">
        <f t="shared" si="1002"/>
        <v>2.9349282699858033</v>
      </c>
      <c r="P4285" s="236" t="str">
        <f t="shared" si="1003"/>
        <v>CLAY</v>
      </c>
      <c r="Q4285" s="236">
        <f t="shared" si="999"/>
        <v>493.82093805110986</v>
      </c>
      <c r="R4285" s="238">
        <v>35</v>
      </c>
      <c r="S4285" s="236">
        <f t="shared" si="1004"/>
        <v>6.5071019854331755</v>
      </c>
      <c r="T4285" s="236" t="e">
        <f t="shared" si="990"/>
        <v>#N/A</v>
      </c>
    </row>
    <row r="4286" spans="1:20" x14ac:dyDescent="0.2">
      <c r="A4286" s="53">
        <f t="shared" si="991"/>
        <v>4274</v>
      </c>
      <c r="B4286" s="239">
        <v>42.524000000000001</v>
      </c>
      <c r="C4286" s="3">
        <f t="shared" si="992"/>
        <v>42.517000000000003</v>
      </c>
      <c r="D4286" s="239">
        <v>6.8287000000000004</v>
      </c>
      <c r="E4286" s="239">
        <v>0.219</v>
      </c>
      <c r="F4286" s="239">
        <v>0.76080000000000003</v>
      </c>
      <c r="G4286">
        <f t="shared" si="993"/>
        <v>6.9808600000000007</v>
      </c>
      <c r="H4286" s="235">
        <f t="shared" si="994"/>
        <v>3.1371492910615597</v>
      </c>
      <c r="I4286" s="236">
        <f t="shared" si="995"/>
        <v>20.323160200001148</v>
      </c>
      <c r="J4286" s="237">
        <f t="shared" si="1000"/>
        <v>10.323160200001148</v>
      </c>
      <c r="K4286" s="237">
        <f t="shared" si="996"/>
        <v>864.07980222344884</v>
      </c>
      <c r="L4286" s="237">
        <f t="shared" si="1001"/>
        <v>438.98206434484882</v>
      </c>
      <c r="M4286" s="236">
        <f t="shared" si="997"/>
        <v>13.93400936984848</v>
      </c>
      <c r="N4286" s="236">
        <f t="shared" si="998"/>
        <v>3.5803150173616904</v>
      </c>
      <c r="O4286" s="236">
        <f t="shared" si="1002"/>
        <v>2.9251869278691651</v>
      </c>
      <c r="P4286" s="236" t="str">
        <f t="shared" si="1003"/>
        <v>CLAY</v>
      </c>
      <c r="Q4286" s="236">
        <f t="shared" si="999"/>
        <v>509.73168314804599</v>
      </c>
      <c r="R4286" s="238">
        <v>35</v>
      </c>
      <c r="S4286" s="236">
        <f t="shared" si="1004"/>
        <v>6.7303109771942653</v>
      </c>
      <c r="T4286" s="236" t="e">
        <f t="shared" si="990"/>
        <v>#N/A</v>
      </c>
    </row>
    <row r="4287" spans="1:20" x14ac:dyDescent="0.2">
      <c r="A4287" s="53">
        <f t="shared" si="991"/>
        <v>4275</v>
      </c>
      <c r="B4287" s="239">
        <v>42.533999999999999</v>
      </c>
      <c r="C4287" s="3">
        <f t="shared" si="992"/>
        <v>42.527000000000001</v>
      </c>
      <c r="D4287" s="239">
        <v>7.1783000000000001</v>
      </c>
      <c r="E4287" s="239">
        <v>0.21299999999999999</v>
      </c>
      <c r="F4287" s="239">
        <v>0.55530000000000002</v>
      </c>
      <c r="G4287">
        <f t="shared" si="993"/>
        <v>7.2893600000000003</v>
      </c>
      <c r="H4287" s="235">
        <f t="shared" si="994"/>
        <v>2.9220672322398675</v>
      </c>
      <c r="I4287" s="236">
        <f t="shared" si="995"/>
        <v>20.307488443021171</v>
      </c>
      <c r="J4287" s="237">
        <f t="shared" si="1000"/>
        <v>10.307488443021171</v>
      </c>
      <c r="K4287" s="237">
        <f t="shared" si="996"/>
        <v>863.6165610163614</v>
      </c>
      <c r="L4287" s="237">
        <f t="shared" si="1001"/>
        <v>438.41871343546251</v>
      </c>
      <c r="M4287" s="236">
        <f t="shared" si="997"/>
        <v>14.65663586444866</v>
      </c>
      <c r="N4287" s="236">
        <f t="shared" si="998"/>
        <v>3.3147915415946057</v>
      </c>
      <c r="O4287" s="236">
        <f t="shared" si="1002"/>
        <v>2.8874635609342465</v>
      </c>
      <c r="P4287" s="236" t="str">
        <f t="shared" si="1003"/>
        <v>CLAY</v>
      </c>
      <c r="Q4287" s="236">
        <f t="shared" si="999"/>
        <v>535.47861991530328</v>
      </c>
      <c r="R4287" s="238">
        <v>35</v>
      </c>
      <c r="S4287" s="236">
        <f t="shared" si="1004"/>
        <v>7.1694011539245368</v>
      </c>
      <c r="T4287" s="236" t="e">
        <f t="shared" si="990"/>
        <v>#N/A</v>
      </c>
    </row>
    <row r="4288" spans="1:20" x14ac:dyDescent="0.2">
      <c r="A4288" s="53">
        <f t="shared" si="991"/>
        <v>4276</v>
      </c>
      <c r="B4288" s="239">
        <v>42.542999999999999</v>
      </c>
      <c r="C4288" s="3">
        <f t="shared" si="992"/>
        <v>42.536000000000001</v>
      </c>
      <c r="D4288" s="239">
        <v>7.4364999999999997</v>
      </c>
      <c r="E4288" s="239">
        <v>0.2001</v>
      </c>
      <c r="F4288" s="239">
        <v>0.32950000000000002</v>
      </c>
      <c r="G4288">
        <f t="shared" si="993"/>
        <v>7.5023999999999997</v>
      </c>
      <c r="H4288" s="235">
        <f t="shared" si="994"/>
        <v>2.667146513115803</v>
      </c>
      <c r="I4288" s="236">
        <f t="shared" si="995"/>
        <v>20.245490387555556</v>
      </c>
      <c r="J4288" s="237">
        <f t="shared" si="1000"/>
        <v>10.245490387555556</v>
      </c>
      <c r="K4288" s="237">
        <f t="shared" si="996"/>
        <v>861.16217912506318</v>
      </c>
      <c r="L4288" s="237">
        <f t="shared" si="1001"/>
        <v>435.87389755777599</v>
      </c>
      <c r="M4288" s="236">
        <f t="shared" si="997"/>
        <v>15.236603655520863</v>
      </c>
      <c r="N4288" s="236">
        <f t="shared" si="998"/>
        <v>3.0129925383945704</v>
      </c>
      <c r="O4288" s="236">
        <f t="shared" si="1002"/>
        <v>2.8491182697908726</v>
      </c>
      <c r="P4288" s="236" t="str">
        <f t="shared" si="1003"/>
        <v>CLAY</v>
      </c>
      <c r="Q4288" s="236">
        <f t="shared" si="999"/>
        <v>553.4364850729113</v>
      </c>
      <c r="R4288" s="238">
        <v>35</v>
      </c>
      <c r="S4288" s="236">
        <f t="shared" si="1004"/>
        <v>7.5257575306729292</v>
      </c>
      <c r="T4288" s="236" t="e">
        <f t="shared" si="990"/>
        <v>#N/A</v>
      </c>
    </row>
    <row r="4289" spans="1:20" x14ac:dyDescent="0.2">
      <c r="A4289" s="53">
        <f t="shared" si="991"/>
        <v>4277</v>
      </c>
      <c r="B4289" s="239">
        <v>42.552</v>
      </c>
      <c r="C4289" s="3">
        <f t="shared" si="992"/>
        <v>42.545000000000002</v>
      </c>
      <c r="D4289" s="239">
        <v>7.4955999999999996</v>
      </c>
      <c r="E4289" s="239">
        <v>0.18690000000000001</v>
      </c>
      <c r="F4289" s="239">
        <v>0.19370000000000001</v>
      </c>
      <c r="G4289">
        <f t="shared" si="993"/>
        <v>7.5343399999999994</v>
      </c>
      <c r="H4289" s="235">
        <f t="shared" si="994"/>
        <v>2.4806419673123332</v>
      </c>
      <c r="I4289" s="236">
        <f t="shared" si="995"/>
        <v>20.167128861238108</v>
      </c>
      <c r="J4289" s="237">
        <f t="shared" si="1000"/>
        <v>10.167128861238108</v>
      </c>
      <c r="K4289" s="237">
        <f t="shared" si="996"/>
        <v>858.01049740137535</v>
      </c>
      <c r="L4289" s="237">
        <f t="shared" si="1001"/>
        <v>432.63166730340396</v>
      </c>
      <c r="M4289" s="236">
        <f t="shared" si="997"/>
        <v>15.431902024676624</v>
      </c>
      <c r="N4289" s="236">
        <f t="shared" si="998"/>
        <v>2.799442417083414</v>
      </c>
      <c r="O4289" s="236">
        <f t="shared" si="1002"/>
        <v>2.8257277448146549</v>
      </c>
      <c r="P4289" s="236" t="str">
        <f t="shared" si="1003"/>
        <v>CLAY</v>
      </c>
      <c r="Q4289" s="236">
        <f t="shared" si="999"/>
        <v>556.36079188321867</v>
      </c>
      <c r="R4289" s="238">
        <v>35</v>
      </c>
      <c r="S4289" s="236">
        <f t="shared" si="1004"/>
        <v>7.6465288311916044</v>
      </c>
      <c r="T4289" s="236" t="e">
        <f t="shared" si="990"/>
        <v>#N/A</v>
      </c>
    </row>
    <row r="4290" spans="1:20" x14ac:dyDescent="0.2">
      <c r="A4290" s="53">
        <f t="shared" si="991"/>
        <v>4278</v>
      </c>
      <c r="B4290" s="239">
        <v>42.563000000000002</v>
      </c>
      <c r="C4290" s="3">
        <f t="shared" si="992"/>
        <v>42.556000000000004</v>
      </c>
      <c r="D4290" s="239">
        <v>7.4389000000000003</v>
      </c>
      <c r="E4290" s="239">
        <v>0.1782</v>
      </c>
      <c r="F4290" s="239">
        <v>0.182</v>
      </c>
      <c r="G4290">
        <f t="shared" si="993"/>
        <v>7.4753000000000007</v>
      </c>
      <c r="H4290" s="235">
        <f t="shared" si="994"/>
        <v>2.383850815351892</v>
      </c>
      <c r="I4290" s="236">
        <f t="shared" si="995"/>
        <v>20.108159607447824</v>
      </c>
      <c r="J4290" s="237">
        <f t="shared" si="1000"/>
        <v>10.108159607447824</v>
      </c>
      <c r="K4290" s="237">
        <f t="shared" si="996"/>
        <v>855.72284025454974</v>
      </c>
      <c r="L4290" s="237">
        <f t="shared" si="1001"/>
        <v>430.23359737180175</v>
      </c>
      <c r="M4290" s="236">
        <f t="shared" si="997"/>
        <v>15.386007044040559</v>
      </c>
      <c r="N4290" s="236">
        <f t="shared" si="998"/>
        <v>2.6920148477709183</v>
      </c>
      <c r="O4290" s="236">
        <f t="shared" si="1002"/>
        <v>2.816783560636456</v>
      </c>
      <c r="P4290" s="236" t="str">
        <f t="shared" si="1003"/>
        <v>CLAY</v>
      </c>
      <c r="Q4290" s="236">
        <f t="shared" si="999"/>
        <v>551.63142997878765</v>
      </c>
      <c r="R4290" s="238">
        <v>35</v>
      </c>
      <c r="S4290" s="236">
        <f t="shared" si="1004"/>
        <v>7.6181131235408088</v>
      </c>
      <c r="T4290" s="236" t="e">
        <f t="shared" si="990"/>
        <v>#N/A</v>
      </c>
    </row>
    <row r="4291" spans="1:20" x14ac:dyDescent="0.2">
      <c r="A4291" s="53">
        <f t="shared" si="991"/>
        <v>4279</v>
      </c>
      <c r="B4291" s="239">
        <v>42.572000000000003</v>
      </c>
      <c r="C4291" s="3">
        <f t="shared" si="992"/>
        <v>42.565000000000005</v>
      </c>
      <c r="D4291" s="239">
        <v>7.4977</v>
      </c>
      <c r="E4291" s="239">
        <v>0.1767</v>
      </c>
      <c r="F4291" s="239">
        <v>0.27539999999999998</v>
      </c>
      <c r="G4291">
        <f t="shared" si="993"/>
        <v>7.5527800000000003</v>
      </c>
      <c r="H4291" s="235">
        <f t="shared" si="994"/>
        <v>2.3395359059842864</v>
      </c>
      <c r="I4291" s="236">
        <f t="shared" si="995"/>
        <v>20.102277889191509</v>
      </c>
      <c r="J4291" s="237">
        <f t="shared" si="1000"/>
        <v>10.102277889191509</v>
      </c>
      <c r="K4291" s="237">
        <f t="shared" si="996"/>
        <v>855.65345835343669</v>
      </c>
      <c r="L4291" s="237">
        <f t="shared" si="1001"/>
        <v>430.07417429866092</v>
      </c>
      <c r="M4291" s="236">
        <f t="shared" si="997"/>
        <v>15.57202673833609</v>
      </c>
      <c r="N4291" s="236">
        <f t="shared" si="998"/>
        <v>2.6384449942998431</v>
      </c>
      <c r="O4291" s="236">
        <f t="shared" si="1002"/>
        <v>2.8074427974770049</v>
      </c>
      <c r="P4291" s="236" t="str">
        <f t="shared" si="1003"/>
        <v>CLAY</v>
      </c>
      <c r="Q4291" s="236">
        <f t="shared" si="999"/>
        <v>558.093878470547</v>
      </c>
      <c r="R4291" s="238">
        <v>35</v>
      </c>
      <c r="S4291" s="236">
        <f t="shared" si="1004"/>
        <v>7.7334171043986411</v>
      </c>
      <c r="T4291" s="236" t="e">
        <f t="shared" si="990"/>
        <v>#N/A</v>
      </c>
    </row>
    <row r="4292" spans="1:20" x14ac:dyDescent="0.2">
      <c r="A4292" s="53">
        <f t="shared" si="991"/>
        <v>4280</v>
      </c>
      <c r="B4292" s="239">
        <v>42.582000000000001</v>
      </c>
      <c r="C4292" s="3">
        <f t="shared" si="992"/>
        <v>42.575000000000003</v>
      </c>
      <c r="D4292" s="239">
        <v>7.5438000000000001</v>
      </c>
      <c r="E4292" s="239">
        <v>0.1782</v>
      </c>
      <c r="F4292" s="239">
        <v>0.35239999999999999</v>
      </c>
      <c r="G4292">
        <f t="shared" si="993"/>
        <v>7.6142799999999999</v>
      </c>
      <c r="H4292" s="235">
        <f t="shared" si="994"/>
        <v>2.3403394674217393</v>
      </c>
      <c r="I4292" s="236">
        <f t="shared" si="995"/>
        <v>20.115359802353666</v>
      </c>
      <c r="J4292" s="237">
        <f t="shared" si="1000"/>
        <v>10.115359802353666</v>
      </c>
      <c r="K4292" s="237">
        <f t="shared" si="996"/>
        <v>856.41144358520739</v>
      </c>
      <c r="L4292" s="237">
        <f t="shared" si="1001"/>
        <v>430.73225110382378</v>
      </c>
      <c r="M4292" s="236">
        <f t="shared" si="997"/>
        <v>15.689256003228499</v>
      </c>
      <c r="N4292" s="236">
        <f t="shared" si="998"/>
        <v>2.6369261034360698</v>
      </c>
      <c r="O4292" s="236">
        <f t="shared" si="1002"/>
        <v>2.8046545571592358</v>
      </c>
      <c r="P4292" s="236" t="str">
        <f t="shared" si="1003"/>
        <v>CLAY</v>
      </c>
      <c r="Q4292" s="236">
        <f t="shared" si="999"/>
        <v>563.15571303456602</v>
      </c>
      <c r="R4292" s="238">
        <v>35</v>
      </c>
      <c r="S4292" s="236">
        <f t="shared" si="1004"/>
        <v>7.8062588042747789</v>
      </c>
      <c r="T4292" s="236" t="e">
        <f t="shared" si="990"/>
        <v>#N/A</v>
      </c>
    </row>
    <row r="4293" spans="1:20" x14ac:dyDescent="0.2">
      <c r="A4293" s="53">
        <f t="shared" si="991"/>
        <v>4281</v>
      </c>
      <c r="B4293" s="239">
        <v>42.591000000000001</v>
      </c>
      <c r="C4293" s="3">
        <f t="shared" si="992"/>
        <v>42.584000000000003</v>
      </c>
      <c r="D4293" s="239">
        <v>7.4898999999999996</v>
      </c>
      <c r="E4293" s="239">
        <v>0.17499999999999999</v>
      </c>
      <c r="F4293" s="239">
        <v>0.37390000000000001</v>
      </c>
      <c r="G4293">
        <f t="shared" si="993"/>
        <v>7.5646799999999992</v>
      </c>
      <c r="H4293" s="235">
        <f t="shared" si="994"/>
        <v>2.3133827207495892</v>
      </c>
      <c r="I4293" s="236">
        <f t="shared" si="995"/>
        <v>20.091557290992309</v>
      </c>
      <c r="J4293" s="237">
        <f t="shared" si="1000"/>
        <v>10.091557290992309</v>
      </c>
      <c r="K4293" s="237">
        <f t="shared" si="996"/>
        <v>855.57887567961654</v>
      </c>
      <c r="L4293" s="237">
        <f t="shared" si="1001"/>
        <v>429.80951658065345</v>
      </c>
      <c r="M4293" s="236">
        <f t="shared" si="997"/>
        <v>15.60947551300071</v>
      </c>
      <c r="N4293" s="236">
        <f t="shared" si="998"/>
        <v>2.6083971124779715</v>
      </c>
      <c r="O4293" s="236">
        <f t="shared" si="1002"/>
        <v>2.8036903724938904</v>
      </c>
      <c r="P4293" s="236" t="str">
        <f t="shared" si="1003"/>
        <v>CLAY</v>
      </c>
      <c r="Q4293" s="236">
        <f t="shared" si="999"/>
        <v>559.09176036003191</v>
      </c>
      <c r="R4293" s="238">
        <v>35</v>
      </c>
      <c r="S4293" s="236">
        <f t="shared" si="1004"/>
        <v>7.7566714634555955</v>
      </c>
      <c r="T4293" s="236" t="e">
        <f t="shared" si="990"/>
        <v>#N/A</v>
      </c>
    </row>
    <row r="4294" spans="1:20" x14ac:dyDescent="0.2">
      <c r="A4294" s="53">
        <f t="shared" si="991"/>
        <v>4282</v>
      </c>
      <c r="B4294" s="239">
        <v>42.601999999999997</v>
      </c>
      <c r="C4294" s="3">
        <f t="shared" si="992"/>
        <v>42.594999999999999</v>
      </c>
      <c r="D4294" s="239">
        <v>7.4398999999999997</v>
      </c>
      <c r="E4294" s="239">
        <v>0.18640000000000001</v>
      </c>
      <c r="F4294" s="239">
        <v>0.40820000000000001</v>
      </c>
      <c r="G4294">
        <f t="shared" si="993"/>
        <v>7.5215399999999999</v>
      </c>
      <c r="H4294" s="235">
        <f t="shared" si="994"/>
        <v>2.4782158972763559</v>
      </c>
      <c r="I4294" s="236">
        <f t="shared" si="995"/>
        <v>20.16332309853771</v>
      </c>
      <c r="J4294" s="237">
        <f t="shared" si="1000"/>
        <v>10.16332309853771</v>
      </c>
      <c r="K4294" s="237">
        <f t="shared" si="996"/>
        <v>858.85674738221371</v>
      </c>
      <c r="L4294" s="237">
        <f t="shared" si="1001"/>
        <v>432.97789064390349</v>
      </c>
      <c r="M4294" s="236">
        <f t="shared" si="997"/>
        <v>15.388044970862992</v>
      </c>
      <c r="N4294" s="236">
        <f t="shared" si="998"/>
        <v>2.7976716426788406</v>
      </c>
      <c r="O4294" s="236">
        <f t="shared" si="1002"/>
        <v>2.8265637779201382</v>
      </c>
      <c r="P4294" s="236" t="str">
        <f t="shared" si="1003"/>
        <v>CLAY</v>
      </c>
      <c r="Q4294" s="236">
        <f t="shared" si="999"/>
        <v>555.22360438481553</v>
      </c>
      <c r="R4294" s="238">
        <v>35</v>
      </c>
      <c r="S4294" s="236">
        <f t="shared" si="1004"/>
        <v>7.6193744493401665</v>
      </c>
      <c r="T4294" s="236" t="e">
        <f t="shared" si="990"/>
        <v>#N/A</v>
      </c>
    </row>
    <row r="4295" spans="1:20" x14ac:dyDescent="0.2">
      <c r="A4295" s="53">
        <f t="shared" si="991"/>
        <v>4283</v>
      </c>
      <c r="B4295" s="239">
        <v>42.610999999999997</v>
      </c>
      <c r="C4295" s="3">
        <f t="shared" si="992"/>
        <v>42.603999999999999</v>
      </c>
      <c r="D4295" s="239">
        <v>7.2881999999999998</v>
      </c>
      <c r="E4295" s="239">
        <v>0.1898</v>
      </c>
      <c r="F4295" s="239">
        <v>0.45610000000000001</v>
      </c>
      <c r="G4295">
        <f t="shared" si="993"/>
        <v>7.3794199999999996</v>
      </c>
      <c r="H4295" s="235">
        <f t="shared" si="994"/>
        <v>2.5720178550617803</v>
      </c>
      <c r="I4295" s="236">
        <f t="shared" si="995"/>
        <v>20.177062822272323</v>
      </c>
      <c r="J4295" s="237">
        <f t="shared" si="1000"/>
        <v>10.177062822272323</v>
      </c>
      <c r="K4295" s="237">
        <f t="shared" si="996"/>
        <v>859.62358448009002</v>
      </c>
      <c r="L4295" s="237">
        <f t="shared" si="1001"/>
        <v>433.65482391984591</v>
      </c>
      <c r="M4295" s="236">
        <f t="shared" si="997"/>
        <v>15.034529897734952</v>
      </c>
      <c r="N4295" s="236">
        <f t="shared" si="998"/>
        <v>2.9111338438144272</v>
      </c>
      <c r="O4295" s="236">
        <f t="shared" si="1002"/>
        <v>2.8449081435667853</v>
      </c>
      <c r="P4295" s="236" t="str">
        <f t="shared" si="1003"/>
        <v>CLAY</v>
      </c>
      <c r="Q4295" s="236">
        <f t="shared" si="999"/>
        <v>543.31636795999248</v>
      </c>
      <c r="R4295" s="238">
        <v>35</v>
      </c>
      <c r="S4295" s="236">
        <f t="shared" si="1004"/>
        <v>7.4012031499624484</v>
      </c>
      <c r="T4295" s="236" t="e">
        <f t="shared" si="990"/>
        <v>#N/A</v>
      </c>
    </row>
    <row r="4296" spans="1:20" x14ac:dyDescent="0.2">
      <c r="A4296" s="53">
        <f t="shared" si="991"/>
        <v>4284</v>
      </c>
      <c r="B4296" s="239">
        <v>42.62</v>
      </c>
      <c r="C4296" s="3">
        <f t="shared" si="992"/>
        <v>42.613</v>
      </c>
      <c r="D4296" s="239">
        <v>7.3093000000000004</v>
      </c>
      <c r="E4296" s="239">
        <v>0.1807</v>
      </c>
      <c r="F4296" s="239">
        <v>0.44890000000000002</v>
      </c>
      <c r="G4296">
        <f t="shared" si="993"/>
        <v>7.3990800000000005</v>
      </c>
      <c r="H4296" s="235">
        <f t="shared" si="994"/>
        <v>2.4421955161993112</v>
      </c>
      <c r="I4296" s="236">
        <f t="shared" si="995"/>
        <v>20.120490017002702</v>
      </c>
      <c r="J4296" s="237">
        <f t="shared" si="1000"/>
        <v>10.120490017002702</v>
      </c>
      <c r="K4296" s="237">
        <f t="shared" si="996"/>
        <v>857.39444109453609</v>
      </c>
      <c r="L4296" s="237">
        <f t="shared" si="1001"/>
        <v>431.33528452465509</v>
      </c>
      <c r="M4296" s="236">
        <f t="shared" si="997"/>
        <v>15.166126662034166</v>
      </c>
      <c r="N4296" s="236">
        <f t="shared" si="998"/>
        <v>2.7622850161913646</v>
      </c>
      <c r="O4296" s="236">
        <f t="shared" si="1002"/>
        <v>2.8284108125299721</v>
      </c>
      <c r="P4296" s="236" t="str">
        <f t="shared" si="1003"/>
        <v>CLAY</v>
      </c>
      <c r="Q4296" s="236">
        <f t="shared" si="999"/>
        <v>545.14046324212211</v>
      </c>
      <c r="R4296" s="238">
        <v>35</v>
      </c>
      <c r="S4296" s="236">
        <f t="shared" si="1004"/>
        <v>7.4822696778116873</v>
      </c>
      <c r="T4296" s="236" t="e">
        <f t="shared" si="990"/>
        <v>#N/A</v>
      </c>
    </row>
    <row r="4297" spans="1:20" x14ac:dyDescent="0.2">
      <c r="A4297" s="53">
        <f t="shared" si="991"/>
        <v>4285</v>
      </c>
      <c r="B4297" s="239">
        <v>42.63</v>
      </c>
      <c r="C4297" s="3">
        <f t="shared" si="992"/>
        <v>42.623000000000005</v>
      </c>
      <c r="D4297" s="239">
        <v>7.4965000000000002</v>
      </c>
      <c r="E4297" s="239">
        <v>0.1787</v>
      </c>
      <c r="F4297" s="239">
        <v>0.46360000000000001</v>
      </c>
      <c r="G4297">
        <f t="shared" si="993"/>
        <v>7.5892200000000001</v>
      </c>
      <c r="H4297" s="235">
        <f t="shared" si="994"/>
        <v>2.3546556826656757</v>
      </c>
      <c r="I4297" s="236">
        <f t="shared" si="995"/>
        <v>20.117356774441426</v>
      </c>
      <c r="J4297" s="237">
        <f t="shared" si="1000"/>
        <v>10.117356774441426</v>
      </c>
      <c r="K4297" s="237">
        <f t="shared" si="996"/>
        <v>857.46209779701701</v>
      </c>
      <c r="L4297" s="237">
        <f t="shared" si="1001"/>
        <v>431.30291929443803</v>
      </c>
      <c r="M4297" s="236">
        <f t="shared" si="997"/>
        <v>15.607958121905051</v>
      </c>
      <c r="N4297" s="236">
        <f t="shared" si="998"/>
        <v>2.6545815015349854</v>
      </c>
      <c r="O4297" s="236">
        <f t="shared" si="1002"/>
        <v>2.8081802075760063</v>
      </c>
      <c r="P4297" s="236" t="str">
        <f t="shared" si="1003"/>
        <v>CLAY</v>
      </c>
      <c r="Q4297" s="236">
        <f t="shared" si="999"/>
        <v>560.97982518358197</v>
      </c>
      <c r="R4297" s="238">
        <v>35</v>
      </c>
      <c r="S4297" s="236">
        <f t="shared" si="1004"/>
        <v>7.7557289461062142</v>
      </c>
      <c r="T4297" s="236" t="e">
        <f t="shared" si="990"/>
        <v>#N/A</v>
      </c>
    </row>
    <row r="4298" spans="1:20" x14ac:dyDescent="0.2">
      <c r="A4298" s="53">
        <f t="shared" si="991"/>
        <v>4286</v>
      </c>
      <c r="B4298" s="239">
        <v>42.640999999999998</v>
      </c>
      <c r="C4298" s="3">
        <f t="shared" si="992"/>
        <v>42.634</v>
      </c>
      <c r="D4298" s="239">
        <v>7.8276000000000003</v>
      </c>
      <c r="E4298" s="239">
        <v>0.1817</v>
      </c>
      <c r="F4298" s="239">
        <v>0.37919999999999998</v>
      </c>
      <c r="G4298">
        <f t="shared" si="993"/>
        <v>7.9034400000000007</v>
      </c>
      <c r="H4298" s="235">
        <f t="shared" si="994"/>
        <v>2.2989989169273124</v>
      </c>
      <c r="I4298" s="236">
        <f t="shared" si="995"/>
        <v>20.152735902687962</v>
      </c>
      <c r="J4298" s="237">
        <f t="shared" si="1000"/>
        <v>10.152735902687962</v>
      </c>
      <c r="K4298" s="237">
        <f t="shared" si="996"/>
        <v>859.19174247519857</v>
      </c>
      <c r="L4298" s="237">
        <f t="shared" si="1001"/>
        <v>432.92281162651733</v>
      </c>
      <c r="M4298" s="236">
        <f t="shared" si="997"/>
        <v>16.271372328612422</v>
      </c>
      <c r="N4298" s="236">
        <f t="shared" si="998"/>
        <v>2.5794093756690719</v>
      </c>
      <c r="O4298" s="236">
        <f t="shared" si="1002"/>
        <v>2.786220222146957</v>
      </c>
      <c r="P4298" s="236" t="str">
        <f t="shared" si="1003"/>
        <v>CLAY</v>
      </c>
      <c r="Q4298" s="236">
        <f t="shared" si="999"/>
        <v>587.02068812706682</v>
      </c>
      <c r="R4298" s="238">
        <v>35</v>
      </c>
      <c r="S4298" s="236">
        <f t="shared" si="1004"/>
        <v>8.1699657765554683</v>
      </c>
      <c r="T4298" s="236" t="e">
        <f t="shared" si="990"/>
        <v>#N/A</v>
      </c>
    </row>
    <row r="4299" spans="1:20" x14ac:dyDescent="0.2">
      <c r="A4299" s="53">
        <f t="shared" si="991"/>
        <v>4287</v>
      </c>
      <c r="B4299" s="239">
        <v>42.65</v>
      </c>
      <c r="C4299" s="3">
        <f t="shared" si="992"/>
        <v>42.643000000000001</v>
      </c>
      <c r="D4299" s="239">
        <v>8.1396999999999995</v>
      </c>
      <c r="E4299" s="239">
        <v>0.1835</v>
      </c>
      <c r="F4299" s="239">
        <v>0.38550000000000001</v>
      </c>
      <c r="G4299">
        <f t="shared" si="993"/>
        <v>8.2167999999999992</v>
      </c>
      <c r="H4299" s="235">
        <f t="shared" si="994"/>
        <v>2.2332294810631876</v>
      </c>
      <c r="I4299" s="236">
        <f t="shared" si="995"/>
        <v>20.179492884160609</v>
      </c>
      <c r="J4299" s="237">
        <f t="shared" si="1000"/>
        <v>10.179492884160609</v>
      </c>
      <c r="K4299" s="237">
        <f t="shared" si="996"/>
        <v>860.51411505926092</v>
      </c>
      <c r="L4299" s="237">
        <f t="shared" si="1001"/>
        <v>434.15537150944999</v>
      </c>
      <c r="M4299" s="236">
        <f t="shared" si="997"/>
        <v>16.943901579208305</v>
      </c>
      <c r="N4299" s="236">
        <f t="shared" si="998"/>
        <v>2.4944653167388187</v>
      </c>
      <c r="O4299" s="236">
        <f t="shared" si="1002"/>
        <v>2.7634465779562838</v>
      </c>
      <c r="P4299" s="236" t="str">
        <f t="shared" si="1003"/>
        <v>CLAY</v>
      </c>
      <c r="Q4299" s="236">
        <f t="shared" si="999"/>
        <v>613.02382374506158</v>
      </c>
      <c r="R4299" s="238">
        <v>35</v>
      </c>
      <c r="S4299" s="236">
        <f t="shared" si="1004"/>
        <v>8.5942262730243648</v>
      </c>
      <c r="T4299" s="236" t="e">
        <f t="shared" si="990"/>
        <v>#N/A</v>
      </c>
    </row>
    <row r="4300" spans="1:20" x14ac:dyDescent="0.2">
      <c r="A4300" s="53">
        <f t="shared" si="991"/>
        <v>4288</v>
      </c>
      <c r="B4300" s="239">
        <v>42.658999999999999</v>
      </c>
      <c r="C4300" s="3">
        <f t="shared" si="992"/>
        <v>42.652000000000001</v>
      </c>
      <c r="D4300" s="239">
        <v>8.2728999999999999</v>
      </c>
      <c r="E4300" s="239">
        <v>0.17599999999999999</v>
      </c>
      <c r="F4300" s="239">
        <v>0.29880000000000001</v>
      </c>
      <c r="G4300">
        <f t="shared" si="993"/>
        <v>8.3326600000000006</v>
      </c>
      <c r="H4300" s="235">
        <f t="shared" si="994"/>
        <v>2.1121706633896018</v>
      </c>
      <c r="I4300" s="236">
        <f t="shared" si="995"/>
        <v>20.136032552867125</v>
      </c>
      <c r="J4300" s="237">
        <f t="shared" si="1000"/>
        <v>10.136032552867125</v>
      </c>
      <c r="K4300" s="237">
        <f t="shared" si="996"/>
        <v>858.8420604448886</v>
      </c>
      <c r="L4300" s="237">
        <f t="shared" si="1001"/>
        <v>432.39301267275869</v>
      </c>
      <c r="M4300" s="236">
        <f t="shared" si="997"/>
        <v>17.284779634520611</v>
      </c>
      <c r="N4300" s="236">
        <f t="shared" si="998"/>
        <v>2.3548874407084717</v>
      </c>
      <c r="O4300" s="236">
        <f t="shared" si="1002"/>
        <v>2.7418412917890023</v>
      </c>
      <c r="P4300" s="236" t="str">
        <f t="shared" si="1003"/>
        <v>CLAY</v>
      </c>
      <c r="Q4300" s="236">
        <f t="shared" si="999"/>
        <v>622.81816162959262</v>
      </c>
      <c r="R4300" s="238">
        <v>35</v>
      </c>
      <c r="S4300" s="236">
        <f t="shared" si="1004"/>
        <v>8.8108907745180574</v>
      </c>
      <c r="T4300" s="236" t="e">
        <f t="shared" si="990"/>
        <v>#N/A</v>
      </c>
    </row>
    <row r="4301" spans="1:20" x14ac:dyDescent="0.2">
      <c r="A4301" s="53">
        <f t="shared" si="991"/>
        <v>4289</v>
      </c>
      <c r="B4301" s="239">
        <v>42.668999999999997</v>
      </c>
      <c r="C4301" s="3">
        <f t="shared" si="992"/>
        <v>42.661999999999999</v>
      </c>
      <c r="D4301" s="239">
        <v>8.4903999999999993</v>
      </c>
      <c r="E4301" s="239">
        <v>0.1658</v>
      </c>
      <c r="F4301" s="239">
        <v>0.2077</v>
      </c>
      <c r="G4301">
        <f t="shared" si="993"/>
        <v>8.5319399999999987</v>
      </c>
      <c r="H4301" s="235">
        <f t="shared" si="994"/>
        <v>1.9432860521757072</v>
      </c>
      <c r="I4301" s="236">
        <f t="shared" si="995"/>
        <v>20.075264288551708</v>
      </c>
      <c r="J4301" s="237">
        <f t="shared" si="1000"/>
        <v>10.075264288551708</v>
      </c>
      <c r="K4301" s="237">
        <f t="shared" si="996"/>
        <v>856.45092507819288</v>
      </c>
      <c r="L4301" s="237">
        <f t="shared" si="1001"/>
        <v>429.90145192821279</v>
      </c>
      <c r="M4301" s="236">
        <f t="shared" si="997"/>
        <v>17.854066415675888</v>
      </c>
      <c r="N4301" s="236">
        <f t="shared" si="998"/>
        <v>2.1601229365529271</v>
      </c>
      <c r="O4301" s="236">
        <f t="shared" si="1002"/>
        <v>2.7087069605404439</v>
      </c>
      <c r="P4301" s="236" t="str">
        <f t="shared" si="1003"/>
        <v>CLAY</v>
      </c>
      <c r="Q4301" s="236">
        <f t="shared" si="999"/>
        <v>639.62408957681714</v>
      </c>
      <c r="R4301" s="238">
        <v>35</v>
      </c>
      <c r="S4301" s="236">
        <f t="shared" si="1004"/>
        <v>9.1751134109765768</v>
      </c>
      <c r="T4301" s="236" t="e">
        <f t="shared" ref="T4301:T4364" si="1005">IF(P4301="SAND",17.6+(11*LOG(M4301)),#N/A)</f>
        <v>#N/A</v>
      </c>
    </row>
    <row r="4302" spans="1:20" x14ac:dyDescent="0.2">
      <c r="A4302" s="53">
        <f t="shared" ref="A4302:A4365" si="1006">$A4301+1</f>
        <v>4290</v>
      </c>
      <c r="B4302" s="239">
        <v>42.679000000000002</v>
      </c>
      <c r="C4302" s="3">
        <f t="shared" ref="C4302:C4365" si="1007">MAX($B4302 - $B$13, 0.001)</f>
        <v>42.672000000000004</v>
      </c>
      <c r="D4302" s="239">
        <v>8.5207999999999995</v>
      </c>
      <c r="E4302" s="239">
        <v>0.15740000000000001</v>
      </c>
      <c r="F4302" s="239">
        <v>0.1542</v>
      </c>
      <c r="G4302">
        <f t="shared" si="993"/>
        <v>8.551639999999999</v>
      </c>
      <c r="H4302" s="235">
        <f t="shared" si="994"/>
        <v>1.8405826250871182</v>
      </c>
      <c r="I4302" s="236">
        <f t="shared" si="995"/>
        <v>20.015200289052739</v>
      </c>
      <c r="J4302" s="237">
        <f t="shared" si="1000"/>
        <v>10.015200289052739</v>
      </c>
      <c r="K4302" s="237">
        <f t="shared" si="996"/>
        <v>854.08862673445856</v>
      </c>
      <c r="L4302" s="237">
        <f t="shared" si="1001"/>
        <v>427.43873313648186</v>
      </c>
      <c r="M4302" s="236">
        <f t="shared" si="997"/>
        <v>18.008549007204035</v>
      </c>
      <c r="N4302" s="236">
        <f t="shared" si="998"/>
        <v>2.0448060995950978</v>
      </c>
      <c r="O4302" s="236">
        <f t="shared" si="1002"/>
        <v>2.6920253415484381</v>
      </c>
      <c r="P4302" s="236" t="str">
        <f t="shared" si="1003"/>
        <v>CLAY</v>
      </c>
      <c r="Q4302" s="236">
        <f t="shared" si="999"/>
        <v>641.46261443879507</v>
      </c>
      <c r="R4302" s="238">
        <v>35</v>
      </c>
      <c r="S4302" s="236">
        <f t="shared" si="1004"/>
        <v>9.2744552755316025</v>
      </c>
      <c r="T4302" s="236" t="e">
        <f t="shared" si="1005"/>
        <v>#N/A</v>
      </c>
    </row>
    <row r="4303" spans="1:20" x14ac:dyDescent="0.2">
      <c r="A4303" s="53">
        <f t="shared" si="1006"/>
        <v>4291</v>
      </c>
      <c r="B4303" s="239">
        <v>42.688000000000002</v>
      </c>
      <c r="C4303" s="3">
        <f t="shared" si="1007"/>
        <v>42.681000000000004</v>
      </c>
      <c r="D4303" s="239">
        <v>8.5556000000000001</v>
      </c>
      <c r="E4303" s="239">
        <v>0.154</v>
      </c>
      <c r="F4303" s="239">
        <v>0.15620000000000001</v>
      </c>
      <c r="G4303">
        <f t="shared" ref="G4303:G4366" si="1008">$D4303+($F4303*(1-$P$8))</f>
        <v>8.5868400000000005</v>
      </c>
      <c r="H4303" s="235">
        <f t="shared" ref="H4303:H4366" si="1009">($E4303/$G4303)*100</f>
        <v>1.7934420578466583</v>
      </c>
      <c r="I4303" s="236">
        <f t="shared" ref="I4303:I4366" si="1010">((0.27*(LOG($H4303)))+(0.36*(LOG(($G4303*1000)/101)))+1.236)*10</f>
        <v>19.991199034265271</v>
      </c>
      <c r="J4303" s="237">
        <f t="shared" si="1000"/>
        <v>9.9911990342652715</v>
      </c>
      <c r="K4303" s="237">
        <f t="shared" ref="K4303:K4366" si="1011">$I4303*$C4303</f>
        <v>853.24436598147611</v>
      </c>
      <c r="L4303" s="237">
        <f t="shared" si="1001"/>
        <v>426.50430437471596</v>
      </c>
      <c r="M4303" s="236">
        <f t="shared" ref="M4303:M4366" si="1012">(($G4303*1000)-$K4303)/$L4303</f>
        <v>18.132514853177145</v>
      </c>
      <c r="N4303" s="236">
        <f t="shared" ref="N4303:N4366" si="1013">(($E4303*1000)/(($G4303*1000)-$K4303))*100</f>
        <v>1.9913117686498263</v>
      </c>
      <c r="O4303" s="236">
        <f t="shared" si="1002"/>
        <v>2.6830396801182959</v>
      </c>
      <c r="P4303" s="236" t="str">
        <f t="shared" si="1003"/>
        <v>CLAY</v>
      </c>
      <c r="Q4303" s="236">
        <f t="shared" ref="Q4303:Q4366" si="1014">IF(P4303="CLAY",($G4303*1000 -$K4303)/$L$8,#N/A)</f>
        <v>644.46630283487696</v>
      </c>
      <c r="R4303" s="238">
        <v>35</v>
      </c>
      <c r="S4303" s="236">
        <f t="shared" si="1004"/>
        <v>9.3543272912287563</v>
      </c>
      <c r="T4303" s="236" t="e">
        <f t="shared" si="1005"/>
        <v>#N/A</v>
      </c>
    </row>
    <row r="4304" spans="1:20" x14ac:dyDescent="0.2">
      <c r="A4304" s="53">
        <f t="shared" si="1006"/>
        <v>4292</v>
      </c>
      <c r="B4304" s="239">
        <v>42.698</v>
      </c>
      <c r="C4304" s="3">
        <f t="shared" si="1007"/>
        <v>42.691000000000003</v>
      </c>
      <c r="D4304" s="239">
        <v>8.6560000000000006</v>
      </c>
      <c r="E4304" s="239">
        <v>0.1605</v>
      </c>
      <c r="F4304" s="239">
        <v>0.20530000000000001</v>
      </c>
      <c r="G4304">
        <f t="shared" si="1008"/>
        <v>8.6970600000000005</v>
      </c>
      <c r="H4304" s="235">
        <f t="shared" si="1009"/>
        <v>1.8454512214472478</v>
      </c>
      <c r="I4304" s="236">
        <f t="shared" si="1010"/>
        <v>20.044660873191553</v>
      </c>
      <c r="J4304" s="237">
        <f t="shared" ref="J4304:J4367" si="1015">$I4304-10</f>
        <v>10.044660873191553</v>
      </c>
      <c r="K4304" s="237">
        <f t="shared" si="1011"/>
        <v>855.72661733742063</v>
      </c>
      <c r="L4304" s="237">
        <f t="shared" ref="L4304:L4367" si="1016">$J4304*$B4304</f>
        <v>428.88692996353296</v>
      </c>
      <c r="M4304" s="236">
        <f t="shared" si="1012"/>
        <v>18.28298517590477</v>
      </c>
      <c r="N4304" s="236">
        <f t="shared" si="1013"/>
        <v>2.0468457616515865</v>
      </c>
      <c r="O4304" s="236">
        <f t="shared" ref="O4304:O4367" si="1017">((3.47-LOG($M4304))^2+(LOG($N4304)+1.22)^2)^0.5</f>
        <v>2.686871343345429</v>
      </c>
      <c r="P4304" s="236" t="str">
        <f t="shared" ref="P4304:P4367" si="1018">IF(O4304&lt;2.6,"SAND","CLAY")</f>
        <v>CLAY</v>
      </c>
      <c r="Q4304" s="236">
        <f t="shared" si="1014"/>
        <v>653.44444855521499</v>
      </c>
      <c r="R4304" s="238">
        <v>35</v>
      </c>
      <c r="S4304" s="236">
        <f t="shared" ref="S4304:S4367" si="1019">IF(P4304="SAND",#N/A,0.25*($M4304)^1.25)</f>
        <v>9.4514598239161618</v>
      </c>
      <c r="T4304" s="236" t="e">
        <f t="shared" si="1005"/>
        <v>#N/A</v>
      </c>
    </row>
    <row r="4305" spans="1:20" x14ac:dyDescent="0.2">
      <c r="A4305" s="53">
        <f t="shared" si="1006"/>
        <v>4293</v>
      </c>
      <c r="B4305" s="239">
        <v>42.707999999999998</v>
      </c>
      <c r="C4305" s="3">
        <f t="shared" si="1007"/>
        <v>42.701000000000001</v>
      </c>
      <c r="D4305" s="239">
        <v>8.8193000000000001</v>
      </c>
      <c r="E4305" s="239">
        <v>0.16719999999999999</v>
      </c>
      <c r="F4305" s="239">
        <v>0.2417</v>
      </c>
      <c r="G4305">
        <f t="shared" si="1008"/>
        <v>8.8676399999999997</v>
      </c>
      <c r="H4305" s="235">
        <f t="shared" si="1009"/>
        <v>1.8855073052131119</v>
      </c>
      <c r="I4305" s="236">
        <f t="shared" si="1010"/>
        <v>20.100208240114632</v>
      </c>
      <c r="J4305" s="237">
        <f t="shared" si="1015"/>
        <v>10.100208240114632</v>
      </c>
      <c r="K4305" s="237">
        <f t="shared" si="1011"/>
        <v>858.29899206113498</v>
      </c>
      <c r="L4305" s="237">
        <f t="shared" si="1016"/>
        <v>431.35969351881573</v>
      </c>
      <c r="M4305" s="236">
        <f t="shared" si="1012"/>
        <v>18.5676620423264</v>
      </c>
      <c r="N4305" s="236">
        <f t="shared" si="1013"/>
        <v>2.0875625077552726</v>
      </c>
      <c r="O4305" s="236">
        <f t="shared" si="1017"/>
        <v>2.6862538075654032</v>
      </c>
      <c r="P4305" s="236" t="str">
        <f t="shared" si="1018"/>
        <v>CLAY</v>
      </c>
      <c r="Q4305" s="236">
        <f t="shared" si="1014"/>
        <v>667.4450839949053</v>
      </c>
      <c r="R4305" s="238">
        <v>35</v>
      </c>
      <c r="S4305" s="236">
        <f t="shared" si="1019"/>
        <v>9.6357724850109516</v>
      </c>
      <c r="T4305" s="236" t="e">
        <f t="shared" si="1005"/>
        <v>#N/A</v>
      </c>
    </row>
    <row r="4306" spans="1:20" x14ac:dyDescent="0.2">
      <c r="A4306" s="53">
        <f t="shared" si="1006"/>
        <v>4294</v>
      </c>
      <c r="B4306" s="239">
        <v>42.718000000000004</v>
      </c>
      <c r="C4306" s="3">
        <f t="shared" si="1007"/>
        <v>42.711000000000006</v>
      </c>
      <c r="D4306" s="239">
        <v>8.6913</v>
      </c>
      <c r="E4306" s="239">
        <v>0.17319999999999999</v>
      </c>
      <c r="F4306" s="239">
        <v>0.24429999999999999</v>
      </c>
      <c r="G4306">
        <f t="shared" si="1008"/>
        <v>8.7401599999999995</v>
      </c>
      <c r="H4306" s="235">
        <f t="shared" si="1009"/>
        <v>1.9816570863691283</v>
      </c>
      <c r="I4306" s="236">
        <f t="shared" si="1010"/>
        <v>20.135889795851497</v>
      </c>
      <c r="J4306" s="237">
        <f t="shared" si="1015"/>
        <v>10.135889795851497</v>
      </c>
      <c r="K4306" s="237">
        <f t="shared" si="1011"/>
        <v>860.02398907061342</v>
      </c>
      <c r="L4306" s="237">
        <f t="shared" si="1016"/>
        <v>432.9849402991843</v>
      </c>
      <c r="M4306" s="236">
        <f t="shared" si="1012"/>
        <v>18.199561410806488</v>
      </c>
      <c r="N4306" s="236">
        <f t="shared" si="1013"/>
        <v>2.1979316062537442</v>
      </c>
      <c r="O4306" s="236">
        <f t="shared" si="1017"/>
        <v>2.7062370569658589</v>
      </c>
      <c r="P4306" s="236" t="str">
        <f t="shared" si="1018"/>
        <v>CLAY</v>
      </c>
      <c r="Q4306" s="236">
        <f t="shared" si="1014"/>
        <v>656.6780009107822</v>
      </c>
      <c r="R4306" s="238">
        <v>35</v>
      </c>
      <c r="S4306" s="236">
        <f t="shared" si="1019"/>
        <v>9.3975828090694566</v>
      </c>
      <c r="T4306" s="236" t="e">
        <f t="shared" si="1005"/>
        <v>#N/A</v>
      </c>
    </row>
    <row r="4307" spans="1:20" x14ac:dyDescent="0.2">
      <c r="A4307" s="53">
        <f t="shared" si="1006"/>
        <v>4295</v>
      </c>
      <c r="B4307" s="239">
        <v>42.726999999999997</v>
      </c>
      <c r="C4307" s="3">
        <f t="shared" si="1007"/>
        <v>42.72</v>
      </c>
      <c r="D4307" s="239">
        <v>8.5653000000000006</v>
      </c>
      <c r="E4307" s="239">
        <v>0.1741</v>
      </c>
      <c r="F4307" s="239">
        <v>0.28050000000000003</v>
      </c>
      <c r="G4307">
        <f t="shared" si="1008"/>
        <v>8.6214000000000013</v>
      </c>
      <c r="H4307" s="235">
        <f t="shared" si="1009"/>
        <v>2.0193936019671974</v>
      </c>
      <c r="I4307" s="236">
        <f t="shared" si="1010"/>
        <v>20.136619752046965</v>
      </c>
      <c r="J4307" s="237">
        <f t="shared" si="1015"/>
        <v>10.136619752046965</v>
      </c>
      <c r="K4307" s="237">
        <f t="shared" si="1011"/>
        <v>860.23639580744634</v>
      </c>
      <c r="L4307" s="237">
        <f t="shared" si="1016"/>
        <v>433.10735214571065</v>
      </c>
      <c r="M4307" s="236">
        <f t="shared" si="1012"/>
        <v>17.919722594737806</v>
      </c>
      <c r="N4307" s="236">
        <f t="shared" si="1013"/>
        <v>2.2432203323990199</v>
      </c>
      <c r="O4307" s="236">
        <f t="shared" si="1017"/>
        <v>2.7168472229790632</v>
      </c>
      <c r="P4307" s="236" t="str">
        <f t="shared" si="1018"/>
        <v>CLAY</v>
      </c>
      <c r="Q4307" s="236">
        <f t="shared" si="1014"/>
        <v>646.76363368271291</v>
      </c>
      <c r="R4307" s="238">
        <v>35</v>
      </c>
      <c r="S4307" s="236">
        <f t="shared" si="1019"/>
        <v>9.2173082483344491</v>
      </c>
      <c r="T4307" s="236" t="e">
        <f t="shared" si="1005"/>
        <v>#N/A</v>
      </c>
    </row>
    <row r="4308" spans="1:20" x14ac:dyDescent="0.2">
      <c r="A4308" s="53">
        <f t="shared" si="1006"/>
        <v>4296</v>
      </c>
      <c r="B4308" s="239">
        <v>42.735999999999997</v>
      </c>
      <c r="C4308" s="3">
        <f t="shared" si="1007"/>
        <v>42.728999999999999</v>
      </c>
      <c r="D4308" s="239">
        <v>8.5211000000000006</v>
      </c>
      <c r="E4308" s="239">
        <v>0.17249999999999999</v>
      </c>
      <c r="F4308" s="239">
        <v>0.31459999999999999</v>
      </c>
      <c r="G4308">
        <f t="shared" si="1008"/>
        <v>8.5840200000000006</v>
      </c>
      <c r="H4308" s="235">
        <f t="shared" si="1009"/>
        <v>2.0095479740261553</v>
      </c>
      <c r="I4308" s="236">
        <f t="shared" si="1010"/>
        <v>20.124095271531367</v>
      </c>
      <c r="J4308" s="237">
        <f t="shared" si="1015"/>
        <v>10.124095271531367</v>
      </c>
      <c r="K4308" s="237">
        <f t="shared" si="1011"/>
        <v>859.88246685726381</v>
      </c>
      <c r="L4308" s="237">
        <f t="shared" si="1016"/>
        <v>432.66333552416444</v>
      </c>
      <c r="M4308" s="236">
        <f t="shared" si="1012"/>
        <v>17.852535444874416</v>
      </c>
      <c r="N4308" s="236">
        <f t="shared" si="1013"/>
        <v>2.2332590436127893</v>
      </c>
      <c r="O4308" s="236">
        <f t="shared" si="1017"/>
        <v>2.7170618726143907</v>
      </c>
      <c r="P4308" s="236" t="str">
        <f t="shared" si="1018"/>
        <v>CLAY</v>
      </c>
      <c r="Q4308" s="236">
        <f t="shared" si="1014"/>
        <v>643.67812776189476</v>
      </c>
      <c r="R4308" s="238">
        <v>35</v>
      </c>
      <c r="S4308" s="236">
        <f t="shared" si="1019"/>
        <v>9.1741299739376991</v>
      </c>
      <c r="T4308" s="236" t="e">
        <f t="shared" si="1005"/>
        <v>#N/A</v>
      </c>
    </row>
    <row r="4309" spans="1:20" x14ac:dyDescent="0.2">
      <c r="A4309" s="53">
        <f t="shared" si="1006"/>
        <v>4297</v>
      </c>
      <c r="B4309" s="239">
        <v>42.747</v>
      </c>
      <c r="C4309" s="3">
        <f t="shared" si="1007"/>
        <v>42.74</v>
      </c>
      <c r="D4309" s="239">
        <v>8.4728999999999992</v>
      </c>
      <c r="E4309" s="239">
        <v>0.16489999999999999</v>
      </c>
      <c r="F4309" s="239">
        <v>0.29470000000000002</v>
      </c>
      <c r="G4309">
        <f t="shared" si="1008"/>
        <v>8.531839999999999</v>
      </c>
      <c r="H4309" s="235">
        <f t="shared" si="1009"/>
        <v>1.9327601080189036</v>
      </c>
      <c r="I4309" s="236">
        <f t="shared" si="1010"/>
        <v>20.068877256788937</v>
      </c>
      <c r="J4309" s="237">
        <f t="shared" si="1015"/>
        <v>10.068877256788937</v>
      </c>
      <c r="K4309" s="237">
        <f t="shared" si="1011"/>
        <v>857.74381395515923</v>
      </c>
      <c r="L4309" s="237">
        <f t="shared" si="1016"/>
        <v>430.41429609595673</v>
      </c>
      <c r="M4309" s="236">
        <f t="shared" si="1012"/>
        <v>17.829556907500983</v>
      </c>
      <c r="N4309" s="236">
        <f t="shared" si="1013"/>
        <v>2.1487872448076257</v>
      </c>
      <c r="O4309" s="236">
        <f t="shared" si="1017"/>
        <v>2.7078850902392082</v>
      </c>
      <c r="P4309" s="236" t="str">
        <f t="shared" si="1018"/>
        <v>CLAY</v>
      </c>
      <c r="Q4309" s="236">
        <f t="shared" si="1014"/>
        <v>639.5080155037366</v>
      </c>
      <c r="R4309" s="238">
        <v>35</v>
      </c>
      <c r="S4309" s="236">
        <f t="shared" si="1019"/>
        <v>9.1593719749252021</v>
      </c>
      <c r="T4309" s="236" t="e">
        <f t="shared" si="1005"/>
        <v>#N/A</v>
      </c>
    </row>
    <row r="4310" spans="1:20" x14ac:dyDescent="0.2">
      <c r="A4310" s="53">
        <f t="shared" si="1006"/>
        <v>4298</v>
      </c>
      <c r="B4310" s="239">
        <v>42.756</v>
      </c>
      <c r="C4310" s="3">
        <f t="shared" si="1007"/>
        <v>42.749000000000002</v>
      </c>
      <c r="D4310" s="239">
        <v>8.3940999999999999</v>
      </c>
      <c r="E4310" s="239">
        <v>0.15590000000000001</v>
      </c>
      <c r="F4310" s="239">
        <v>0.22900000000000001</v>
      </c>
      <c r="G4310">
        <f t="shared" si="1008"/>
        <v>8.4398999999999997</v>
      </c>
      <c r="H4310" s="235">
        <f t="shared" si="1009"/>
        <v>1.8471782841028923</v>
      </c>
      <c r="I4310" s="236">
        <f t="shared" si="1010"/>
        <v>19.998831136225718</v>
      </c>
      <c r="J4310" s="237">
        <f t="shared" si="1015"/>
        <v>9.9988311362257178</v>
      </c>
      <c r="K4310" s="237">
        <f t="shared" si="1011"/>
        <v>854.93003224251322</v>
      </c>
      <c r="L4310" s="237">
        <f t="shared" si="1016"/>
        <v>427.51002406046678</v>
      </c>
      <c r="M4310" s="236">
        <f t="shared" si="1012"/>
        <v>17.742203786745996</v>
      </c>
      <c r="N4310" s="236">
        <f t="shared" si="1013"/>
        <v>2.0553805837426697</v>
      </c>
      <c r="O4310" s="236">
        <f t="shared" si="1017"/>
        <v>2.6986229920294655</v>
      </c>
      <c r="P4310" s="236" t="str">
        <f t="shared" si="1018"/>
        <v>CLAY</v>
      </c>
      <c r="Q4310" s="236">
        <f t="shared" si="1014"/>
        <v>632.08083064645723</v>
      </c>
      <c r="R4310" s="238">
        <v>35</v>
      </c>
      <c r="S4310" s="236">
        <f t="shared" si="1019"/>
        <v>9.1033127348209284</v>
      </c>
      <c r="T4310" s="236" t="e">
        <f t="shared" si="1005"/>
        <v>#N/A</v>
      </c>
    </row>
    <row r="4311" spans="1:20" x14ac:dyDescent="0.2">
      <c r="A4311" s="53">
        <f t="shared" si="1006"/>
        <v>4299</v>
      </c>
      <c r="B4311" s="239">
        <v>42.765999999999998</v>
      </c>
      <c r="C4311" s="3">
        <f t="shared" si="1007"/>
        <v>42.759</v>
      </c>
      <c r="D4311" s="239">
        <v>8.5472000000000001</v>
      </c>
      <c r="E4311" s="239">
        <v>0.1469</v>
      </c>
      <c r="F4311" s="239">
        <v>0.21529999999999999</v>
      </c>
      <c r="G4311">
        <f t="shared" si="1008"/>
        <v>8.5902600000000007</v>
      </c>
      <c r="H4311" s="235">
        <f t="shared" si="1009"/>
        <v>1.7100762957116549</v>
      </c>
      <c r="I4311" s="236">
        <f t="shared" si="1010"/>
        <v>19.936007580891633</v>
      </c>
      <c r="J4311" s="237">
        <f t="shared" si="1015"/>
        <v>9.9360075808916335</v>
      </c>
      <c r="K4311" s="237">
        <f t="shared" si="1011"/>
        <v>852.4437481513454</v>
      </c>
      <c r="L4311" s="237">
        <f t="shared" si="1016"/>
        <v>424.92330020441159</v>
      </c>
      <c r="M4311" s="236">
        <f t="shared" si="1012"/>
        <v>18.20991281985793</v>
      </c>
      <c r="N4311" s="236">
        <f t="shared" si="1013"/>
        <v>1.8984684466357531</v>
      </c>
      <c r="O4311" s="236">
        <f t="shared" si="1017"/>
        <v>2.6698224704406948</v>
      </c>
      <c r="P4311" s="236" t="str">
        <f t="shared" si="1018"/>
        <v>CLAY</v>
      </c>
      <c r="Q4311" s="236">
        <f t="shared" si="1014"/>
        <v>644.81802098738797</v>
      </c>
      <c r="R4311" s="238">
        <v>35</v>
      </c>
      <c r="S4311" s="236">
        <f t="shared" si="1019"/>
        <v>9.4042646417190952</v>
      </c>
      <c r="T4311" s="236" t="e">
        <f t="shared" si="1005"/>
        <v>#N/A</v>
      </c>
    </row>
    <row r="4312" spans="1:20" x14ac:dyDescent="0.2">
      <c r="A4312" s="53">
        <f t="shared" si="1006"/>
        <v>4300</v>
      </c>
      <c r="B4312" s="239">
        <v>42.776000000000003</v>
      </c>
      <c r="C4312" s="3">
        <f t="shared" si="1007"/>
        <v>42.769000000000005</v>
      </c>
      <c r="D4312" s="239">
        <v>8.6559000000000008</v>
      </c>
      <c r="E4312" s="239">
        <v>0.14019999999999999</v>
      </c>
      <c r="F4312" s="239">
        <v>0.23139999999999999</v>
      </c>
      <c r="G4312">
        <f t="shared" si="1008"/>
        <v>8.7021800000000002</v>
      </c>
      <c r="H4312" s="235">
        <f t="shared" si="1009"/>
        <v>1.6110905543208713</v>
      </c>
      <c r="I4312" s="236">
        <f t="shared" si="1010"/>
        <v>19.88632794716677</v>
      </c>
      <c r="J4312" s="237">
        <f t="shared" si="1015"/>
        <v>9.8863279471667695</v>
      </c>
      <c r="K4312" s="237">
        <f t="shared" si="1011"/>
        <v>850.51835997237572</v>
      </c>
      <c r="L4312" s="237">
        <f t="shared" si="1016"/>
        <v>422.89756426800579</v>
      </c>
      <c r="M4312" s="236">
        <f t="shared" si="1012"/>
        <v>18.566343964685824</v>
      </c>
      <c r="N4312" s="236">
        <f t="shared" si="1013"/>
        <v>1.7856092942831743</v>
      </c>
      <c r="O4312" s="236">
        <f t="shared" si="1017"/>
        <v>2.6479729635387144</v>
      </c>
      <c r="P4312" s="236" t="str">
        <f t="shared" si="1018"/>
        <v>CLAY</v>
      </c>
      <c r="Q4312" s="236">
        <f t="shared" si="1014"/>
        <v>654.30513666896866</v>
      </c>
      <c r="R4312" s="238">
        <v>35</v>
      </c>
      <c r="S4312" s="236">
        <f t="shared" si="1019"/>
        <v>9.6349174646311706</v>
      </c>
      <c r="T4312" s="236" t="e">
        <f t="shared" si="1005"/>
        <v>#N/A</v>
      </c>
    </row>
    <row r="4313" spans="1:20" x14ac:dyDescent="0.2">
      <c r="A4313" s="53">
        <f t="shared" si="1006"/>
        <v>4301</v>
      </c>
      <c r="B4313" s="239">
        <v>42.786000000000001</v>
      </c>
      <c r="C4313" s="3">
        <f t="shared" si="1007"/>
        <v>42.779000000000003</v>
      </c>
      <c r="D4313" s="239">
        <v>8.8245000000000005</v>
      </c>
      <c r="E4313" s="239">
        <v>0.14050000000000001</v>
      </c>
      <c r="F4313" s="239">
        <v>0.23150000000000001</v>
      </c>
      <c r="G4313">
        <f t="shared" si="1008"/>
        <v>8.8708000000000009</v>
      </c>
      <c r="H4313" s="235">
        <f t="shared" si="1009"/>
        <v>1.583848130946476</v>
      </c>
      <c r="I4313" s="236">
        <f t="shared" si="1010"/>
        <v>19.896335638857508</v>
      </c>
      <c r="J4313" s="237">
        <f t="shared" si="1015"/>
        <v>9.8963356388575079</v>
      </c>
      <c r="K4313" s="237">
        <f t="shared" si="1011"/>
        <v>851.14534229468541</v>
      </c>
      <c r="L4313" s="237">
        <f t="shared" si="1016"/>
        <v>423.42461664415737</v>
      </c>
      <c r="M4313" s="236">
        <f t="shared" si="1012"/>
        <v>18.93998209472306</v>
      </c>
      <c r="N4313" s="236">
        <f t="shared" si="1013"/>
        <v>1.7519457632132207</v>
      </c>
      <c r="O4313" s="236">
        <f t="shared" si="1017"/>
        <v>2.6361860878558789</v>
      </c>
      <c r="P4313" s="236" t="str">
        <f t="shared" si="1018"/>
        <v>CLAY</v>
      </c>
      <c r="Q4313" s="236">
        <f t="shared" si="1014"/>
        <v>668.30455480877629</v>
      </c>
      <c r="R4313" s="238">
        <v>35</v>
      </c>
      <c r="S4313" s="236">
        <f t="shared" si="1019"/>
        <v>9.8778963284454644</v>
      </c>
      <c r="T4313" s="236" t="e">
        <f t="shared" si="1005"/>
        <v>#N/A</v>
      </c>
    </row>
    <row r="4314" spans="1:20" x14ac:dyDescent="0.2">
      <c r="A4314" s="53">
        <f t="shared" si="1006"/>
        <v>4302</v>
      </c>
      <c r="B4314" s="239">
        <v>42.795000000000002</v>
      </c>
      <c r="C4314" s="3">
        <f t="shared" si="1007"/>
        <v>42.788000000000004</v>
      </c>
      <c r="D4314" s="239">
        <v>8.9269999999999996</v>
      </c>
      <c r="E4314" s="239">
        <v>0.14249999999999999</v>
      </c>
      <c r="F4314" s="239">
        <v>0.24099999999999999</v>
      </c>
      <c r="G4314">
        <f t="shared" si="1008"/>
        <v>8.9751999999999992</v>
      </c>
      <c r="H4314" s="235">
        <f t="shared" si="1009"/>
        <v>1.5877083519030217</v>
      </c>
      <c r="I4314" s="236">
        <f t="shared" si="1010"/>
        <v>19.917482909625306</v>
      </c>
      <c r="J4314" s="237">
        <f t="shared" si="1015"/>
        <v>9.9174829096253063</v>
      </c>
      <c r="K4314" s="237">
        <f t="shared" si="1011"/>
        <v>852.22925873704764</v>
      </c>
      <c r="L4314" s="237">
        <f t="shared" si="1016"/>
        <v>424.41868111741502</v>
      </c>
      <c r="M4314" s="236">
        <f t="shared" si="1012"/>
        <v>19.13905090105056</v>
      </c>
      <c r="N4314" s="236">
        <f t="shared" si="1013"/>
        <v>1.7542842949825059</v>
      </c>
      <c r="O4314" s="236">
        <f t="shared" si="1017"/>
        <v>2.6327326269653604</v>
      </c>
      <c r="P4314" s="236" t="str">
        <f t="shared" si="1018"/>
        <v>CLAY</v>
      </c>
      <c r="Q4314" s="236">
        <f t="shared" si="1014"/>
        <v>676.91422843857924</v>
      </c>
      <c r="R4314" s="238">
        <v>35</v>
      </c>
      <c r="S4314" s="236">
        <f t="shared" si="1019"/>
        <v>10.007843503260071</v>
      </c>
      <c r="T4314" s="236" t="e">
        <f t="shared" si="1005"/>
        <v>#N/A</v>
      </c>
    </row>
    <row r="4315" spans="1:20" x14ac:dyDescent="0.2">
      <c r="A4315" s="53">
        <f t="shared" si="1006"/>
        <v>4303</v>
      </c>
      <c r="B4315" s="239">
        <v>42.805</v>
      </c>
      <c r="C4315" s="3">
        <f t="shared" si="1007"/>
        <v>42.798000000000002</v>
      </c>
      <c r="D4315" s="239">
        <v>8.7249999999999996</v>
      </c>
      <c r="E4315" s="239">
        <v>0.1396</v>
      </c>
      <c r="F4315" s="239">
        <v>0.25119999999999998</v>
      </c>
      <c r="G4315">
        <f t="shared" si="1008"/>
        <v>8.7752400000000002</v>
      </c>
      <c r="H4315" s="235">
        <f t="shared" si="1009"/>
        <v>1.5908396807380769</v>
      </c>
      <c r="I4315" s="236">
        <f t="shared" si="1010"/>
        <v>19.884566786561365</v>
      </c>
      <c r="J4315" s="237">
        <f t="shared" si="1015"/>
        <v>9.8845667865613649</v>
      </c>
      <c r="K4315" s="237">
        <f t="shared" si="1011"/>
        <v>851.01968933125329</v>
      </c>
      <c r="L4315" s="237">
        <f t="shared" si="1016"/>
        <v>423.10888129875923</v>
      </c>
      <c r="M4315" s="236">
        <f t="shared" si="1012"/>
        <v>18.728560568960063</v>
      </c>
      <c r="N4315" s="236">
        <f t="shared" si="1013"/>
        <v>1.7616875165882253</v>
      </c>
      <c r="O4315" s="236">
        <f t="shared" si="1017"/>
        <v>2.6415780103638649</v>
      </c>
      <c r="P4315" s="236" t="str">
        <f t="shared" si="1018"/>
        <v>CLAY</v>
      </c>
      <c r="Q4315" s="236">
        <f t="shared" si="1014"/>
        <v>660.35169255572885</v>
      </c>
      <c r="R4315" s="238">
        <v>35</v>
      </c>
      <c r="S4315" s="236">
        <f t="shared" si="1019"/>
        <v>9.7402590734777803</v>
      </c>
      <c r="T4315" s="236" t="e">
        <f t="shared" si="1005"/>
        <v>#N/A</v>
      </c>
    </row>
    <row r="4316" spans="1:20" x14ac:dyDescent="0.2">
      <c r="A4316" s="53">
        <f t="shared" si="1006"/>
        <v>4304</v>
      </c>
      <c r="B4316" s="239">
        <v>42.814999999999998</v>
      </c>
      <c r="C4316" s="3">
        <f t="shared" si="1007"/>
        <v>42.808</v>
      </c>
      <c r="D4316" s="239">
        <v>8.5373999999999999</v>
      </c>
      <c r="E4316" s="239">
        <v>0.1336</v>
      </c>
      <c r="F4316" s="239">
        <v>0.27279999999999999</v>
      </c>
      <c r="G4316">
        <f t="shared" si="1008"/>
        <v>8.5919600000000003</v>
      </c>
      <c r="H4316" s="235">
        <f t="shared" si="1009"/>
        <v>1.5549420621138832</v>
      </c>
      <c r="I4316" s="236">
        <f t="shared" si="1010"/>
        <v>19.824803513205289</v>
      </c>
      <c r="J4316" s="237">
        <f t="shared" si="1015"/>
        <v>9.8248035132052891</v>
      </c>
      <c r="K4316" s="237">
        <f t="shared" si="1011"/>
        <v>848.66018879329204</v>
      </c>
      <c r="L4316" s="237">
        <f t="shared" si="1016"/>
        <v>420.64896241788443</v>
      </c>
      <c r="M4316" s="236">
        <f t="shared" si="1012"/>
        <v>18.407985049335029</v>
      </c>
      <c r="N4316" s="236">
        <f t="shared" si="1013"/>
        <v>1.725362613580371</v>
      </c>
      <c r="O4316" s="236">
        <f t="shared" si="1017"/>
        <v>2.6428200611343193</v>
      </c>
      <c r="P4316" s="236" t="str">
        <f t="shared" si="1018"/>
        <v>CLAY</v>
      </c>
      <c r="Q4316" s="236">
        <f t="shared" si="1014"/>
        <v>645.2749842672257</v>
      </c>
      <c r="R4316" s="238">
        <v>35</v>
      </c>
      <c r="S4316" s="236">
        <f t="shared" si="1019"/>
        <v>9.5323026966189097</v>
      </c>
      <c r="T4316" s="236" t="e">
        <f t="shared" si="1005"/>
        <v>#N/A</v>
      </c>
    </row>
    <row r="4317" spans="1:20" x14ac:dyDescent="0.2">
      <c r="A4317" s="53">
        <f t="shared" si="1006"/>
        <v>4305</v>
      </c>
      <c r="B4317" s="239">
        <v>42.825000000000003</v>
      </c>
      <c r="C4317" s="3">
        <f t="shared" si="1007"/>
        <v>42.818000000000005</v>
      </c>
      <c r="D4317" s="239">
        <v>8.4019999999999992</v>
      </c>
      <c r="E4317" s="239">
        <v>0.13539999999999999</v>
      </c>
      <c r="F4317" s="239">
        <v>0.2122</v>
      </c>
      <c r="G4317">
        <f t="shared" si="1008"/>
        <v>8.4444399999999984</v>
      </c>
      <c r="H4317" s="235">
        <f t="shared" si="1009"/>
        <v>1.6034218965378404</v>
      </c>
      <c r="I4317" s="236">
        <f t="shared" si="1010"/>
        <v>19.83372721696395</v>
      </c>
      <c r="J4317" s="237">
        <f t="shared" si="1015"/>
        <v>9.8337272169639505</v>
      </c>
      <c r="K4317" s="237">
        <f t="shared" si="1011"/>
        <v>849.24053197596254</v>
      </c>
      <c r="L4317" s="237">
        <f t="shared" si="1016"/>
        <v>421.12936806648122</v>
      </c>
      <c r="M4317" s="236">
        <f t="shared" si="1012"/>
        <v>18.035311816166253</v>
      </c>
      <c r="N4317" s="236">
        <f t="shared" si="1013"/>
        <v>1.7827049910938759</v>
      </c>
      <c r="O4317" s="236">
        <f t="shared" si="1017"/>
        <v>2.6580675888974197</v>
      </c>
      <c r="P4317" s="236" t="str">
        <f t="shared" si="1018"/>
        <v>CLAY</v>
      </c>
      <c r="Q4317" s="236">
        <f t="shared" si="1014"/>
        <v>632.93328900200299</v>
      </c>
      <c r="R4317" s="238">
        <v>35</v>
      </c>
      <c r="S4317" s="236">
        <f t="shared" si="1019"/>
        <v>9.2916871306821314</v>
      </c>
      <c r="T4317" s="236" t="e">
        <f t="shared" si="1005"/>
        <v>#N/A</v>
      </c>
    </row>
    <row r="4318" spans="1:20" x14ac:dyDescent="0.2">
      <c r="A4318" s="53">
        <f t="shared" si="1006"/>
        <v>4306</v>
      </c>
      <c r="B4318" s="239">
        <v>42.835000000000001</v>
      </c>
      <c r="C4318" s="3">
        <f t="shared" si="1007"/>
        <v>42.828000000000003</v>
      </c>
      <c r="D4318" s="239">
        <v>8.1760999999999999</v>
      </c>
      <c r="E4318" s="239">
        <v>0.14180000000000001</v>
      </c>
      <c r="F4318" s="239">
        <v>0.1087</v>
      </c>
      <c r="G4318">
        <f t="shared" si="1008"/>
        <v>8.1978399999999993</v>
      </c>
      <c r="H4318" s="235">
        <f t="shared" si="1009"/>
        <v>1.7297239272784051</v>
      </c>
      <c r="I4318" s="236">
        <f t="shared" si="1010"/>
        <v>19.876298371682097</v>
      </c>
      <c r="J4318" s="237">
        <f t="shared" si="1015"/>
        <v>9.8762983716820969</v>
      </c>
      <c r="K4318" s="237">
        <f t="shared" si="1011"/>
        <v>851.26210666240092</v>
      </c>
      <c r="L4318" s="237">
        <f t="shared" si="1016"/>
        <v>423.05124075100264</v>
      </c>
      <c r="M4318" s="236">
        <f t="shared" si="1012"/>
        <v>17.365692818430027</v>
      </c>
      <c r="N4318" s="236">
        <f t="shared" si="1013"/>
        <v>1.9301503646833225</v>
      </c>
      <c r="O4318" s="236">
        <f t="shared" si="1017"/>
        <v>2.6909251112818229</v>
      </c>
      <c r="P4318" s="236" t="str">
        <f t="shared" si="1018"/>
        <v>CLAY</v>
      </c>
      <c r="Q4318" s="236">
        <f t="shared" si="1014"/>
        <v>612.2148244448</v>
      </c>
      <c r="R4318" s="238">
        <v>35</v>
      </c>
      <c r="S4318" s="236">
        <f t="shared" si="1019"/>
        <v>8.8624776268929146</v>
      </c>
      <c r="T4318" s="236" t="e">
        <f t="shared" si="1005"/>
        <v>#N/A</v>
      </c>
    </row>
    <row r="4319" spans="1:20" x14ac:dyDescent="0.2">
      <c r="A4319" s="53">
        <f t="shared" si="1006"/>
        <v>4307</v>
      </c>
      <c r="B4319" s="239">
        <v>42.844000000000001</v>
      </c>
      <c r="C4319" s="3">
        <f t="shared" si="1007"/>
        <v>42.837000000000003</v>
      </c>
      <c r="D4319" s="239">
        <v>7.8754</v>
      </c>
      <c r="E4319" s="239">
        <v>0.1464</v>
      </c>
      <c r="F4319" s="239">
        <v>8.1600000000000006E-2</v>
      </c>
      <c r="G4319">
        <f t="shared" si="1008"/>
        <v>7.8917200000000003</v>
      </c>
      <c r="H4319" s="235">
        <f t="shared" si="1009"/>
        <v>1.8551088989472511</v>
      </c>
      <c r="I4319" s="236">
        <f t="shared" si="1010"/>
        <v>19.898858462721766</v>
      </c>
      <c r="J4319" s="237">
        <f t="shared" si="1015"/>
        <v>9.8988584627217655</v>
      </c>
      <c r="K4319" s="237">
        <f t="shared" si="1011"/>
        <v>852.40739996761238</v>
      </c>
      <c r="L4319" s="237">
        <f t="shared" si="1016"/>
        <v>424.10669197685132</v>
      </c>
      <c r="M4319" s="236">
        <f t="shared" si="1012"/>
        <v>16.597975776379897</v>
      </c>
      <c r="N4319" s="236">
        <f t="shared" si="1013"/>
        <v>2.0797485254359414</v>
      </c>
      <c r="O4319" s="236">
        <f t="shared" si="1017"/>
        <v>2.7253860702811461</v>
      </c>
      <c r="P4319" s="236" t="str">
        <f t="shared" si="1018"/>
        <v>CLAY</v>
      </c>
      <c r="Q4319" s="236">
        <f t="shared" si="1014"/>
        <v>586.60938333603235</v>
      </c>
      <c r="R4319" s="238">
        <v>35</v>
      </c>
      <c r="S4319" s="236">
        <f t="shared" si="1019"/>
        <v>8.3754647801745872</v>
      </c>
      <c r="T4319" s="236" t="e">
        <f t="shared" si="1005"/>
        <v>#N/A</v>
      </c>
    </row>
    <row r="4320" spans="1:20" x14ac:dyDescent="0.2">
      <c r="A4320" s="53">
        <f t="shared" si="1006"/>
        <v>4308</v>
      </c>
      <c r="B4320" s="239">
        <v>42.853999999999999</v>
      </c>
      <c r="C4320" s="3">
        <f t="shared" si="1007"/>
        <v>42.847000000000001</v>
      </c>
      <c r="D4320" s="239">
        <v>7.4737</v>
      </c>
      <c r="E4320" s="239">
        <v>0.15509999999999999</v>
      </c>
      <c r="F4320" s="239">
        <v>0.11260000000000001</v>
      </c>
      <c r="G4320">
        <f t="shared" si="1008"/>
        <v>7.4962200000000001</v>
      </c>
      <c r="H4320" s="235">
        <f t="shared" si="1009"/>
        <v>2.069042797569975</v>
      </c>
      <c r="I4320" s="236">
        <f t="shared" si="1010"/>
        <v>19.946452999895087</v>
      </c>
      <c r="J4320" s="237">
        <f t="shared" si="1015"/>
        <v>9.9464529998950866</v>
      </c>
      <c r="K4320" s="237">
        <f t="shared" si="1011"/>
        <v>854.64567168650478</v>
      </c>
      <c r="L4320" s="237">
        <f t="shared" si="1016"/>
        <v>426.24529685750406</v>
      </c>
      <c r="M4320" s="236">
        <f t="shared" si="1012"/>
        <v>15.581577972305011</v>
      </c>
      <c r="N4320" s="236">
        <f t="shared" si="1013"/>
        <v>2.3352896818273625</v>
      </c>
      <c r="O4320" s="236">
        <f t="shared" si="1017"/>
        <v>2.7765671317103924</v>
      </c>
      <c r="P4320" s="236" t="str">
        <f t="shared" si="1018"/>
        <v>CLAY</v>
      </c>
      <c r="Q4320" s="236">
        <f t="shared" si="1014"/>
        <v>553.46452735945797</v>
      </c>
      <c r="R4320" s="238">
        <v>35</v>
      </c>
      <c r="S4320" s="236">
        <f t="shared" si="1019"/>
        <v>7.7393467546964247</v>
      </c>
      <c r="T4320" s="236" t="e">
        <f t="shared" si="1005"/>
        <v>#N/A</v>
      </c>
    </row>
    <row r="4321" spans="1:20" x14ac:dyDescent="0.2">
      <c r="A4321" s="53">
        <f t="shared" si="1006"/>
        <v>4309</v>
      </c>
      <c r="B4321" s="239">
        <v>42.863999999999997</v>
      </c>
      <c r="C4321" s="3">
        <f t="shared" si="1007"/>
        <v>42.856999999999999</v>
      </c>
      <c r="D4321" s="239">
        <v>7.2968000000000002</v>
      </c>
      <c r="E4321" s="239">
        <v>0.17549999999999999</v>
      </c>
      <c r="F4321" s="239">
        <v>8.2500000000000004E-2</v>
      </c>
      <c r="G4321">
        <f t="shared" si="1008"/>
        <v>7.3132999999999999</v>
      </c>
      <c r="H4321" s="235">
        <f t="shared" si="1009"/>
        <v>2.3997374646192551</v>
      </c>
      <c r="I4321" s="236">
        <f t="shared" si="1010"/>
        <v>20.081693330692598</v>
      </c>
      <c r="J4321" s="237">
        <f t="shared" si="1015"/>
        <v>10.081693330692598</v>
      </c>
      <c r="K4321" s="237">
        <f t="shared" si="1011"/>
        <v>860.64113107349272</v>
      </c>
      <c r="L4321" s="237">
        <f t="shared" si="1016"/>
        <v>432.14170292680751</v>
      </c>
      <c r="M4321" s="236">
        <f t="shared" si="1012"/>
        <v>14.931812470826042</v>
      </c>
      <c r="N4321" s="236">
        <f t="shared" si="1013"/>
        <v>2.7198090518179985</v>
      </c>
      <c r="O4321" s="236">
        <f t="shared" si="1017"/>
        <v>2.8299464049608116</v>
      </c>
      <c r="P4321" s="236" t="str">
        <f t="shared" si="1018"/>
        <v>CLAY</v>
      </c>
      <c r="Q4321" s="236">
        <f t="shared" si="1014"/>
        <v>537.72157241054231</v>
      </c>
      <c r="R4321" s="238">
        <v>35</v>
      </c>
      <c r="S4321" s="236">
        <f t="shared" si="1019"/>
        <v>7.3380500127916841</v>
      </c>
      <c r="T4321" s="236" t="e">
        <f t="shared" si="1005"/>
        <v>#N/A</v>
      </c>
    </row>
    <row r="4322" spans="1:20" x14ac:dyDescent="0.2">
      <c r="A4322" s="53">
        <f t="shared" si="1006"/>
        <v>4310</v>
      </c>
      <c r="B4322" s="239">
        <v>42.874000000000002</v>
      </c>
      <c r="C4322" s="3">
        <f t="shared" si="1007"/>
        <v>42.867000000000004</v>
      </c>
      <c r="D4322" s="239">
        <v>7.0084999999999997</v>
      </c>
      <c r="E4322" s="239">
        <v>0.19220000000000001</v>
      </c>
      <c r="F4322" s="239">
        <v>0.13769999999999999</v>
      </c>
      <c r="G4322">
        <f t="shared" si="1008"/>
        <v>7.0360399999999998</v>
      </c>
      <c r="H4322" s="235">
        <f t="shared" si="1009"/>
        <v>2.7316501895952841</v>
      </c>
      <c r="I4322" s="236">
        <f t="shared" si="1010"/>
        <v>20.173172659167477</v>
      </c>
      <c r="J4322" s="237">
        <f t="shared" si="1015"/>
        <v>10.173172659167477</v>
      </c>
      <c r="K4322" s="237">
        <f t="shared" si="1011"/>
        <v>864.76339238053231</v>
      </c>
      <c r="L4322" s="237">
        <f t="shared" si="1016"/>
        <v>436.16460458914645</v>
      </c>
      <c r="M4322" s="236">
        <f t="shared" si="1012"/>
        <v>14.148962439152115</v>
      </c>
      <c r="N4322" s="236">
        <f t="shared" si="1013"/>
        <v>3.1144285408094841</v>
      </c>
      <c r="O4322" s="236">
        <f t="shared" si="1017"/>
        <v>2.8835228196265046</v>
      </c>
      <c r="P4322" s="236" t="str">
        <f t="shared" si="1018"/>
        <v>CLAY</v>
      </c>
      <c r="Q4322" s="236">
        <f t="shared" si="1014"/>
        <v>514.27305063495567</v>
      </c>
      <c r="R4322" s="238">
        <v>35</v>
      </c>
      <c r="S4322" s="236">
        <f t="shared" si="1019"/>
        <v>6.8603417502138662</v>
      </c>
      <c r="T4322" s="236" t="e">
        <f t="shared" si="1005"/>
        <v>#N/A</v>
      </c>
    </row>
    <row r="4323" spans="1:20" x14ac:dyDescent="0.2">
      <c r="A4323" s="53">
        <f t="shared" si="1006"/>
        <v>4311</v>
      </c>
      <c r="B4323" s="239">
        <v>42.883000000000003</v>
      </c>
      <c r="C4323" s="3">
        <f t="shared" si="1007"/>
        <v>42.876000000000005</v>
      </c>
      <c r="D4323" s="239">
        <v>6.6923000000000004</v>
      </c>
      <c r="E4323" s="239">
        <v>0.21340000000000001</v>
      </c>
      <c r="F4323" s="239">
        <v>0.39610000000000001</v>
      </c>
      <c r="G4323">
        <f t="shared" si="1008"/>
        <v>6.7715200000000006</v>
      </c>
      <c r="H4323" s="235">
        <f t="shared" si="1009"/>
        <v>3.151434242238079</v>
      </c>
      <c r="I4323" s="236">
        <f t="shared" si="1010"/>
        <v>20.280885524082084</v>
      </c>
      <c r="J4323" s="237">
        <f t="shared" si="1015"/>
        <v>10.280885524082084</v>
      </c>
      <c r="K4323" s="237">
        <f t="shared" si="1011"/>
        <v>869.56324773054348</v>
      </c>
      <c r="L4323" s="237">
        <f t="shared" si="1016"/>
        <v>440.87521392921201</v>
      </c>
      <c r="M4323" s="236">
        <f t="shared" si="1012"/>
        <v>13.386909868825352</v>
      </c>
      <c r="N4323" s="236">
        <f t="shared" si="1013"/>
        <v>3.6157499784786142</v>
      </c>
      <c r="O4323" s="236">
        <f t="shared" si="1017"/>
        <v>2.9416214158447755</v>
      </c>
      <c r="P4323" s="236" t="str">
        <f t="shared" si="1018"/>
        <v>CLAY</v>
      </c>
      <c r="Q4323" s="236">
        <f t="shared" si="1014"/>
        <v>491.82972935578806</v>
      </c>
      <c r="R4323" s="238">
        <v>35</v>
      </c>
      <c r="S4323" s="236">
        <f t="shared" si="1019"/>
        <v>6.4016279898544228</v>
      </c>
      <c r="T4323" s="236" t="e">
        <f t="shared" si="1005"/>
        <v>#N/A</v>
      </c>
    </row>
    <row r="4324" spans="1:20" x14ac:dyDescent="0.2">
      <c r="A4324" s="53">
        <f t="shared" si="1006"/>
        <v>4312</v>
      </c>
      <c r="B4324" s="239">
        <v>42.892000000000003</v>
      </c>
      <c r="C4324" s="3">
        <f t="shared" si="1007"/>
        <v>42.885000000000005</v>
      </c>
      <c r="D4324" s="239">
        <v>6.6566000000000001</v>
      </c>
      <c r="E4324" s="239">
        <v>0.22140000000000001</v>
      </c>
      <c r="F4324" s="239">
        <v>0.4531</v>
      </c>
      <c r="G4324">
        <f t="shared" si="1008"/>
        <v>6.7472200000000004</v>
      </c>
      <c r="H4324" s="235">
        <f t="shared" si="1009"/>
        <v>3.2813514306632956</v>
      </c>
      <c r="I4324" s="236">
        <f t="shared" si="1010"/>
        <v>20.322635002948999</v>
      </c>
      <c r="J4324" s="237">
        <f t="shared" si="1015"/>
        <v>10.322635002948999</v>
      </c>
      <c r="K4324" s="237">
        <f t="shared" si="1011"/>
        <v>871.53620210146789</v>
      </c>
      <c r="L4324" s="237">
        <f t="shared" si="1016"/>
        <v>442.75846054648849</v>
      </c>
      <c r="M4324" s="236">
        <f t="shared" si="1012"/>
        <v>13.270630200146341</v>
      </c>
      <c r="N4324" s="236">
        <f t="shared" si="1013"/>
        <v>3.7680720681256679</v>
      </c>
      <c r="O4324" s="236">
        <f t="shared" si="1017"/>
        <v>2.9554969584321946</v>
      </c>
      <c r="P4324" s="236" t="str">
        <f t="shared" si="1018"/>
        <v>CLAY</v>
      </c>
      <c r="Q4324" s="236">
        <f t="shared" si="1014"/>
        <v>489.64031649154435</v>
      </c>
      <c r="R4324" s="238">
        <v>35</v>
      </c>
      <c r="S4324" s="236">
        <f t="shared" si="1019"/>
        <v>6.3321973659502762</v>
      </c>
      <c r="T4324" s="236" t="e">
        <f t="shared" si="1005"/>
        <v>#N/A</v>
      </c>
    </row>
    <row r="4325" spans="1:20" x14ac:dyDescent="0.2">
      <c r="A4325" s="53">
        <f t="shared" si="1006"/>
        <v>4313</v>
      </c>
      <c r="B4325" s="239">
        <v>42.902999999999999</v>
      </c>
      <c r="C4325" s="3">
        <f t="shared" si="1007"/>
        <v>42.896000000000001</v>
      </c>
      <c r="D4325" s="239">
        <v>7.0419</v>
      </c>
      <c r="E4325" s="239">
        <v>0.2046</v>
      </c>
      <c r="F4325" s="239">
        <v>0.30590000000000001</v>
      </c>
      <c r="G4325">
        <f t="shared" si="1008"/>
        <v>7.1030800000000003</v>
      </c>
      <c r="H4325" s="235">
        <f t="shared" si="1009"/>
        <v>2.8804405975999146</v>
      </c>
      <c r="I4325" s="236">
        <f t="shared" si="1010"/>
        <v>20.250190289131076</v>
      </c>
      <c r="J4325" s="237">
        <f t="shared" si="1015"/>
        <v>10.250190289131076</v>
      </c>
      <c r="K4325" s="237">
        <f t="shared" si="1011"/>
        <v>868.65216264256662</v>
      </c>
      <c r="L4325" s="237">
        <f t="shared" si="1016"/>
        <v>439.76391397459054</v>
      </c>
      <c r="M4325" s="236">
        <f t="shared" si="1012"/>
        <v>14.176760846542896</v>
      </c>
      <c r="N4325" s="236">
        <f t="shared" si="1013"/>
        <v>3.2817766976788545</v>
      </c>
      <c r="O4325" s="236">
        <f t="shared" si="1017"/>
        <v>2.8964046159954617</v>
      </c>
      <c r="P4325" s="236" t="str">
        <f t="shared" si="1018"/>
        <v>CLAY</v>
      </c>
      <c r="Q4325" s="236">
        <f t="shared" si="1014"/>
        <v>519.53565311311945</v>
      </c>
      <c r="R4325" s="238">
        <v>35</v>
      </c>
      <c r="S4325" s="236">
        <f t="shared" si="1019"/>
        <v>6.877193991826962</v>
      </c>
      <c r="T4325" s="236" t="e">
        <f t="shared" si="1005"/>
        <v>#N/A</v>
      </c>
    </row>
    <row r="4326" spans="1:20" x14ac:dyDescent="0.2">
      <c r="A4326" s="53">
        <f t="shared" si="1006"/>
        <v>4314</v>
      </c>
      <c r="B4326" s="239">
        <v>42.911999999999999</v>
      </c>
      <c r="C4326" s="3">
        <f t="shared" si="1007"/>
        <v>42.905000000000001</v>
      </c>
      <c r="D4326" s="239">
        <v>7.5502000000000002</v>
      </c>
      <c r="E4326" s="239">
        <v>0.20130000000000001</v>
      </c>
      <c r="F4326" s="239">
        <v>0.18709999999999999</v>
      </c>
      <c r="G4326">
        <f t="shared" si="1008"/>
        <v>7.5876200000000003</v>
      </c>
      <c r="H4326" s="235">
        <f t="shared" si="1009"/>
        <v>2.6530058173709277</v>
      </c>
      <c r="I4326" s="236">
        <f t="shared" si="1010"/>
        <v>20.256916261928417</v>
      </c>
      <c r="J4326" s="237">
        <f t="shared" si="1015"/>
        <v>10.256916261928417</v>
      </c>
      <c r="K4326" s="237">
        <f t="shared" si="1011"/>
        <v>869.1229922180388</v>
      </c>
      <c r="L4326" s="237">
        <f t="shared" si="1016"/>
        <v>440.14479063187224</v>
      </c>
      <c r="M4326" s="236">
        <f t="shared" si="1012"/>
        <v>15.264288367782067</v>
      </c>
      <c r="N4326" s="236">
        <f t="shared" si="1013"/>
        <v>2.9962058443553143</v>
      </c>
      <c r="O4326" s="236">
        <f t="shared" si="1017"/>
        <v>2.847038850453063</v>
      </c>
      <c r="P4326" s="236" t="str">
        <f t="shared" si="1018"/>
        <v>CLAY</v>
      </c>
      <c r="Q4326" s="236">
        <f t="shared" si="1014"/>
        <v>559.87475064849673</v>
      </c>
      <c r="R4326" s="238">
        <v>35</v>
      </c>
      <c r="S4326" s="236">
        <f t="shared" si="1019"/>
        <v>7.5428541664963653</v>
      </c>
      <c r="T4326" s="236" t="e">
        <f t="shared" si="1005"/>
        <v>#N/A</v>
      </c>
    </row>
    <row r="4327" spans="1:20" x14ac:dyDescent="0.2">
      <c r="A4327" s="53">
        <f t="shared" si="1006"/>
        <v>4315</v>
      </c>
      <c r="B4327" s="239">
        <v>42.920999999999999</v>
      </c>
      <c r="C4327" s="3">
        <f t="shared" si="1007"/>
        <v>42.914000000000001</v>
      </c>
      <c r="D4327" s="239">
        <v>8.0673999999999992</v>
      </c>
      <c r="E4327" s="239">
        <v>0.2074</v>
      </c>
      <c r="F4327" s="239">
        <v>0.1915</v>
      </c>
      <c r="G4327">
        <f t="shared" si="1008"/>
        <v>8.1056999999999988</v>
      </c>
      <c r="H4327" s="235">
        <f t="shared" si="1009"/>
        <v>2.5586932652331082</v>
      </c>
      <c r="I4327" s="236">
        <f t="shared" si="1010"/>
        <v>20.317738158355713</v>
      </c>
      <c r="J4327" s="237">
        <f t="shared" si="1015"/>
        <v>10.317738158355713</v>
      </c>
      <c r="K4327" s="237">
        <f t="shared" si="1011"/>
        <v>871.91541532767712</v>
      </c>
      <c r="L4327" s="237">
        <f t="shared" si="1016"/>
        <v>442.84763949478554</v>
      </c>
      <c r="M4327" s="236">
        <f t="shared" si="1012"/>
        <v>16.334702817711413</v>
      </c>
      <c r="N4327" s="236">
        <f t="shared" si="1013"/>
        <v>2.8671022418812444</v>
      </c>
      <c r="O4327" s="236">
        <f t="shared" si="1017"/>
        <v>2.8120032910555071</v>
      </c>
      <c r="P4327" s="236" t="str">
        <f t="shared" si="1018"/>
        <v>CLAY</v>
      </c>
      <c r="Q4327" s="236">
        <f t="shared" si="1014"/>
        <v>602.81538205602681</v>
      </c>
      <c r="R4327" s="238">
        <v>35</v>
      </c>
      <c r="S4327" s="236">
        <f t="shared" si="1019"/>
        <v>8.2097334281173424</v>
      </c>
      <c r="T4327" s="236" t="e">
        <f t="shared" si="1005"/>
        <v>#N/A</v>
      </c>
    </row>
    <row r="4328" spans="1:20" x14ac:dyDescent="0.2">
      <c r="A4328" s="53">
        <f t="shared" si="1006"/>
        <v>4316</v>
      </c>
      <c r="B4328" s="239">
        <v>42.932000000000002</v>
      </c>
      <c r="C4328" s="3">
        <f t="shared" si="1007"/>
        <v>42.925000000000004</v>
      </c>
      <c r="D4328" s="239">
        <v>8.5879999999999992</v>
      </c>
      <c r="E4328" s="239">
        <v>0.2218</v>
      </c>
      <c r="F4328" s="239">
        <v>0.21579999999999999</v>
      </c>
      <c r="G4328">
        <f t="shared" si="1008"/>
        <v>8.6311599999999995</v>
      </c>
      <c r="H4328" s="235">
        <f t="shared" si="1009"/>
        <v>2.5697588736624049</v>
      </c>
      <c r="I4328" s="236">
        <f t="shared" si="1010"/>
        <v>20.421001467948862</v>
      </c>
      <c r="J4328" s="237">
        <f t="shared" si="1015"/>
        <v>10.421001467948862</v>
      </c>
      <c r="K4328" s="237">
        <f t="shared" si="1011"/>
        <v>876.57148801170501</v>
      </c>
      <c r="L4328" s="237">
        <f t="shared" si="1016"/>
        <v>447.3944350219806</v>
      </c>
      <c r="M4328" s="236">
        <f t="shared" si="1012"/>
        <v>17.332778204108216</v>
      </c>
      <c r="N4328" s="236">
        <f t="shared" si="1013"/>
        <v>2.8602420316320556</v>
      </c>
      <c r="O4328" s="236">
        <f t="shared" si="1017"/>
        <v>2.7907481962902723</v>
      </c>
      <c r="P4328" s="236" t="str">
        <f t="shared" si="1018"/>
        <v>CLAY</v>
      </c>
      <c r="Q4328" s="236">
        <f t="shared" si="1014"/>
        <v>646.21570933235796</v>
      </c>
      <c r="R4328" s="238">
        <v>35</v>
      </c>
      <c r="S4328" s="236">
        <f t="shared" si="1019"/>
        <v>8.8414853828923832</v>
      </c>
      <c r="T4328" s="236" t="e">
        <f t="shared" si="1005"/>
        <v>#N/A</v>
      </c>
    </row>
    <row r="4329" spans="1:20" x14ac:dyDescent="0.2">
      <c r="A4329" s="53">
        <f t="shared" si="1006"/>
        <v>4317</v>
      </c>
      <c r="B4329" s="239">
        <v>42.941000000000003</v>
      </c>
      <c r="C4329" s="3">
        <f t="shared" si="1007"/>
        <v>42.934000000000005</v>
      </c>
      <c r="D4329" s="239">
        <v>9.1463999999999999</v>
      </c>
      <c r="E4329" s="239">
        <v>0.21740000000000001</v>
      </c>
      <c r="F4329" s="239">
        <v>0.16800000000000001</v>
      </c>
      <c r="G4329">
        <f t="shared" si="1008"/>
        <v>9.18</v>
      </c>
      <c r="H4329" s="235">
        <f t="shared" si="1009"/>
        <v>2.3681917211328978</v>
      </c>
      <c r="I4329" s="236">
        <f t="shared" si="1010"/>
        <v>20.421602224789346</v>
      </c>
      <c r="J4329" s="237">
        <f t="shared" si="1015"/>
        <v>10.421602224789346</v>
      </c>
      <c r="K4329" s="237">
        <f t="shared" si="1011"/>
        <v>876.7810699191059</v>
      </c>
      <c r="L4329" s="237">
        <f t="shared" si="1016"/>
        <v>447.51402113467935</v>
      </c>
      <c r="M4329" s="236">
        <f t="shared" si="1012"/>
        <v>18.554097833690086</v>
      </c>
      <c r="N4329" s="236">
        <f t="shared" si="1013"/>
        <v>2.6182616865900465</v>
      </c>
      <c r="O4329" s="236">
        <f t="shared" si="1017"/>
        <v>2.7440761436909016</v>
      </c>
      <c r="P4329" s="236" t="str">
        <f t="shared" si="1018"/>
        <v>CLAY</v>
      </c>
      <c r="Q4329" s="236">
        <f t="shared" si="1014"/>
        <v>691.93491084007439</v>
      </c>
      <c r="R4329" s="238">
        <v>35</v>
      </c>
      <c r="S4329" s="236">
        <f t="shared" si="1019"/>
        <v>9.6269742791086497</v>
      </c>
      <c r="T4329" s="236" t="e">
        <f t="shared" si="1005"/>
        <v>#N/A</v>
      </c>
    </row>
    <row r="4330" spans="1:20" x14ac:dyDescent="0.2">
      <c r="A4330" s="53">
        <f t="shared" si="1006"/>
        <v>4318</v>
      </c>
      <c r="B4330" s="239">
        <v>42.95</v>
      </c>
      <c r="C4330" s="3">
        <f t="shared" si="1007"/>
        <v>42.943000000000005</v>
      </c>
      <c r="D4330" s="239">
        <v>9.7242999999999995</v>
      </c>
      <c r="E4330" s="239">
        <v>0.21190000000000001</v>
      </c>
      <c r="F4330" s="239">
        <v>0.1144</v>
      </c>
      <c r="G4330">
        <f t="shared" si="1008"/>
        <v>9.7471800000000002</v>
      </c>
      <c r="H4330" s="235">
        <f t="shared" si="1009"/>
        <v>2.1739621100667064</v>
      </c>
      <c r="I4330" s="236">
        <f t="shared" si="1010"/>
        <v>20.414987725083996</v>
      </c>
      <c r="J4330" s="237">
        <f t="shared" si="1015"/>
        <v>10.414987725083996</v>
      </c>
      <c r="K4330" s="237">
        <f t="shared" si="1011"/>
        <v>876.68081787828214</v>
      </c>
      <c r="L4330" s="237">
        <f t="shared" si="1016"/>
        <v>447.32372279235767</v>
      </c>
      <c r="M4330" s="236">
        <f t="shared" si="1012"/>
        <v>19.830155947797337</v>
      </c>
      <c r="N4330" s="236">
        <f t="shared" si="1013"/>
        <v>2.3888170851430712</v>
      </c>
      <c r="O4330" s="236">
        <f t="shared" si="1017"/>
        <v>2.6971652374157902</v>
      </c>
      <c r="P4330" s="236" t="str">
        <f t="shared" si="1018"/>
        <v>CLAY</v>
      </c>
      <c r="Q4330" s="236">
        <f t="shared" si="1014"/>
        <v>739.20826517680996</v>
      </c>
      <c r="R4330" s="238">
        <v>35</v>
      </c>
      <c r="S4330" s="236">
        <f t="shared" si="1019"/>
        <v>10.461589399169538</v>
      </c>
      <c r="T4330" s="236" t="e">
        <f t="shared" si="1005"/>
        <v>#N/A</v>
      </c>
    </row>
    <row r="4331" spans="1:20" x14ac:dyDescent="0.2">
      <c r="A4331" s="53">
        <f t="shared" si="1006"/>
        <v>4319</v>
      </c>
      <c r="B4331" s="239">
        <v>42.96</v>
      </c>
      <c r="C4331" s="3">
        <f t="shared" si="1007"/>
        <v>42.953000000000003</v>
      </c>
      <c r="D4331" s="239">
        <v>9.8297000000000008</v>
      </c>
      <c r="E4331" s="239">
        <v>0.2059</v>
      </c>
      <c r="F4331" s="239">
        <v>8.77E-2</v>
      </c>
      <c r="G4331">
        <f t="shared" si="1008"/>
        <v>9.8472400000000011</v>
      </c>
      <c r="H4331" s="235">
        <f t="shared" si="1009"/>
        <v>2.090941218046884</v>
      </c>
      <c r="I4331" s="236">
        <f t="shared" si="1010"/>
        <v>20.38529826077912</v>
      </c>
      <c r="J4331" s="237">
        <f t="shared" si="1015"/>
        <v>10.38529826077912</v>
      </c>
      <c r="K4331" s="237">
        <f t="shared" si="1011"/>
        <v>875.6097161952456</v>
      </c>
      <c r="L4331" s="237">
        <f t="shared" si="1016"/>
        <v>446.15241328307098</v>
      </c>
      <c r="M4331" s="236">
        <f t="shared" si="1012"/>
        <v>20.108891080036617</v>
      </c>
      <c r="N4331" s="236">
        <f t="shared" si="1013"/>
        <v>2.2950120935286735</v>
      </c>
      <c r="O4331" s="236">
        <f t="shared" si="1017"/>
        <v>2.6819933219199181</v>
      </c>
      <c r="P4331" s="236" t="str">
        <f t="shared" si="1018"/>
        <v>CLAY</v>
      </c>
      <c r="Q4331" s="236">
        <f t="shared" si="1014"/>
        <v>747.6358569837297</v>
      </c>
      <c r="R4331" s="238">
        <v>35</v>
      </c>
      <c r="S4331" s="236">
        <f t="shared" si="1019"/>
        <v>10.645722979440968</v>
      </c>
      <c r="T4331" s="236" t="e">
        <f t="shared" si="1005"/>
        <v>#N/A</v>
      </c>
    </row>
    <row r="4332" spans="1:20" x14ac:dyDescent="0.2">
      <c r="A4332" s="53">
        <f t="shared" si="1006"/>
        <v>4320</v>
      </c>
      <c r="B4332" s="239">
        <v>42.97</v>
      </c>
      <c r="C4332" s="3">
        <f t="shared" si="1007"/>
        <v>42.963000000000001</v>
      </c>
      <c r="D4332" s="239">
        <v>10.126899999999999</v>
      </c>
      <c r="E4332" s="239">
        <v>0.1993</v>
      </c>
      <c r="F4332" s="239">
        <v>6.1800000000000001E-2</v>
      </c>
      <c r="G4332">
        <f t="shared" si="1008"/>
        <v>10.139259999999998</v>
      </c>
      <c r="H4332" s="235">
        <f t="shared" si="1009"/>
        <v>1.9656266828151172</v>
      </c>
      <c r="I4332" s="236">
        <f t="shared" si="1010"/>
        <v>20.358518394663342</v>
      </c>
      <c r="J4332" s="237">
        <f t="shared" si="1015"/>
        <v>10.358518394663342</v>
      </c>
      <c r="K4332" s="237">
        <f t="shared" si="1011"/>
        <v>874.66302578992122</v>
      </c>
      <c r="L4332" s="237">
        <f t="shared" si="1016"/>
        <v>445.10553541868381</v>
      </c>
      <c r="M4332" s="236">
        <f t="shared" si="1012"/>
        <v>20.814382740703127</v>
      </c>
      <c r="N4332" s="236">
        <f t="shared" si="1013"/>
        <v>2.1511998908834653</v>
      </c>
      <c r="O4332" s="236">
        <f t="shared" si="1017"/>
        <v>2.6533671131270977</v>
      </c>
      <c r="P4332" s="236" t="str">
        <f t="shared" si="1018"/>
        <v>CLAY</v>
      </c>
      <c r="Q4332" s="236">
        <f t="shared" si="1014"/>
        <v>772.04974785083971</v>
      </c>
      <c r="R4332" s="238">
        <v>35</v>
      </c>
      <c r="S4332" s="236">
        <f t="shared" si="1019"/>
        <v>11.114615133618029</v>
      </c>
      <c r="T4332" s="236" t="e">
        <f t="shared" si="1005"/>
        <v>#N/A</v>
      </c>
    </row>
    <row r="4333" spans="1:20" x14ac:dyDescent="0.2">
      <c r="A4333" s="53">
        <f t="shared" si="1006"/>
        <v>4321</v>
      </c>
      <c r="B4333" s="239">
        <v>42.978999999999999</v>
      </c>
      <c r="C4333" s="3">
        <f t="shared" si="1007"/>
        <v>42.972000000000001</v>
      </c>
      <c r="D4333" s="239">
        <v>10.147399999999999</v>
      </c>
      <c r="E4333" s="239">
        <v>0.19350000000000001</v>
      </c>
      <c r="F4333" s="239">
        <v>4.0099999999999997E-2</v>
      </c>
      <c r="G4333">
        <f t="shared" si="1008"/>
        <v>10.155419999999999</v>
      </c>
      <c r="H4333" s="235">
        <f t="shared" si="1009"/>
        <v>1.9053864832769103</v>
      </c>
      <c r="I4333" s="236">
        <f t="shared" si="1010"/>
        <v>20.324509772035352</v>
      </c>
      <c r="J4333" s="237">
        <f t="shared" si="1015"/>
        <v>10.324509772035352</v>
      </c>
      <c r="K4333" s="237">
        <f t="shared" si="1011"/>
        <v>873.38483392390322</v>
      </c>
      <c r="L4333" s="237">
        <f t="shared" si="1016"/>
        <v>443.73710549230736</v>
      </c>
      <c r="M4333" s="236">
        <f t="shared" si="1012"/>
        <v>20.917870178510483</v>
      </c>
      <c r="N4333" s="236">
        <f t="shared" si="1013"/>
        <v>2.0846721278023397</v>
      </c>
      <c r="O4333" s="236">
        <f t="shared" si="1017"/>
        <v>2.6436551215739645</v>
      </c>
      <c r="P4333" s="236" t="str">
        <f t="shared" si="1018"/>
        <v>CLAY</v>
      </c>
      <c r="Q4333" s="236">
        <f t="shared" si="1014"/>
        <v>773.50293050634139</v>
      </c>
      <c r="R4333" s="238">
        <v>35</v>
      </c>
      <c r="S4333" s="236">
        <f t="shared" si="1019"/>
        <v>11.183734226781569</v>
      </c>
      <c r="T4333" s="236" t="e">
        <f t="shared" si="1005"/>
        <v>#N/A</v>
      </c>
    </row>
    <row r="4334" spans="1:20" x14ac:dyDescent="0.2">
      <c r="A4334" s="53">
        <f t="shared" si="1006"/>
        <v>4322</v>
      </c>
      <c r="B4334" s="239">
        <v>42.988999999999997</v>
      </c>
      <c r="C4334" s="3">
        <f t="shared" si="1007"/>
        <v>42.981999999999999</v>
      </c>
      <c r="D4334" s="239">
        <v>9.99</v>
      </c>
      <c r="E4334" s="239">
        <v>0.193</v>
      </c>
      <c r="F4334" s="239">
        <v>0.04</v>
      </c>
      <c r="G4334">
        <f t="shared" si="1008"/>
        <v>9.9979999999999993</v>
      </c>
      <c r="H4334" s="235">
        <f t="shared" si="1009"/>
        <v>1.9303860772154433</v>
      </c>
      <c r="I4334" s="236">
        <f t="shared" si="1010"/>
        <v>20.315369607878392</v>
      </c>
      <c r="J4334" s="237">
        <f t="shared" si="1015"/>
        <v>10.315369607878392</v>
      </c>
      <c r="K4334" s="237">
        <f t="shared" si="1011"/>
        <v>873.19521648582906</v>
      </c>
      <c r="L4334" s="237">
        <f t="shared" si="1016"/>
        <v>443.44742407308416</v>
      </c>
      <c r="M4334" s="236">
        <f t="shared" si="1012"/>
        <v>20.576970996251227</v>
      </c>
      <c r="N4334" s="236">
        <f t="shared" si="1013"/>
        <v>2.1151137430215936</v>
      </c>
      <c r="O4334" s="236">
        <f t="shared" si="1017"/>
        <v>2.6531226730054982</v>
      </c>
      <c r="P4334" s="236" t="str">
        <f t="shared" si="1018"/>
        <v>CLAY</v>
      </c>
      <c r="Q4334" s="236">
        <f t="shared" si="1014"/>
        <v>760.40039862618096</v>
      </c>
      <c r="R4334" s="238">
        <v>35</v>
      </c>
      <c r="S4334" s="236">
        <f t="shared" si="1019"/>
        <v>10.956373162853314</v>
      </c>
      <c r="T4334" s="236" t="e">
        <f t="shared" si="1005"/>
        <v>#N/A</v>
      </c>
    </row>
    <row r="4335" spans="1:20" x14ac:dyDescent="0.2">
      <c r="A4335" s="53">
        <f t="shared" si="1006"/>
        <v>4323</v>
      </c>
      <c r="B4335" s="239">
        <v>42.999000000000002</v>
      </c>
      <c r="C4335" s="3">
        <f t="shared" si="1007"/>
        <v>42.992000000000004</v>
      </c>
      <c r="D4335" s="239">
        <v>9.6922999999999995</v>
      </c>
      <c r="E4335" s="239">
        <v>0.1895</v>
      </c>
      <c r="F4335" s="239">
        <v>4.0399999999999998E-2</v>
      </c>
      <c r="G4335">
        <f t="shared" si="1008"/>
        <v>9.7003799999999991</v>
      </c>
      <c r="H4335" s="235">
        <f t="shared" si="1009"/>
        <v>1.9535317173141671</v>
      </c>
      <c r="I4335" s="236">
        <f t="shared" si="1010"/>
        <v>20.282097805781664</v>
      </c>
      <c r="J4335" s="237">
        <f t="shared" si="1015"/>
        <v>10.282097805781664</v>
      </c>
      <c r="K4335" s="237">
        <f t="shared" si="1011"/>
        <v>871.96794886616533</v>
      </c>
      <c r="L4335" s="237">
        <f t="shared" si="1016"/>
        <v>442.11992355080577</v>
      </c>
      <c r="M4335" s="236">
        <f t="shared" si="1012"/>
        <v>19.968365099292626</v>
      </c>
      <c r="N4335" s="236">
        <f t="shared" si="1013"/>
        <v>2.1464788786751581</v>
      </c>
      <c r="O4335" s="236">
        <f t="shared" si="1017"/>
        <v>2.6674461814646904</v>
      </c>
      <c r="P4335" s="236" t="str">
        <f t="shared" si="1018"/>
        <v>CLAY</v>
      </c>
      <c r="Q4335" s="236">
        <f t="shared" si="1014"/>
        <v>735.70100426115278</v>
      </c>
      <c r="R4335" s="238">
        <v>35</v>
      </c>
      <c r="S4335" s="236">
        <f t="shared" si="1019"/>
        <v>10.552810622734453</v>
      </c>
      <c r="T4335" s="236" t="e">
        <f t="shared" si="1005"/>
        <v>#N/A</v>
      </c>
    </row>
    <row r="4336" spans="1:20" x14ac:dyDescent="0.2">
      <c r="A4336" s="53">
        <f t="shared" si="1006"/>
        <v>4324</v>
      </c>
      <c r="B4336" s="239">
        <v>43.009</v>
      </c>
      <c r="C4336" s="3">
        <f t="shared" si="1007"/>
        <v>43.002000000000002</v>
      </c>
      <c r="D4336" s="239">
        <v>9.3873999999999995</v>
      </c>
      <c r="E4336" s="239">
        <v>0.18160000000000001</v>
      </c>
      <c r="F4336" s="239">
        <v>5.9200000000000003E-2</v>
      </c>
      <c r="G4336">
        <f t="shared" si="1008"/>
        <v>9.3992399999999989</v>
      </c>
      <c r="H4336" s="235">
        <f t="shared" si="1009"/>
        <v>1.9320711036211442</v>
      </c>
      <c r="I4336" s="236">
        <f t="shared" si="1010"/>
        <v>20.219839298790518</v>
      </c>
      <c r="J4336" s="237">
        <f t="shared" si="1015"/>
        <v>10.219839298790518</v>
      </c>
      <c r="K4336" s="237">
        <f t="shared" si="1011"/>
        <v>869.4935295265899</v>
      </c>
      <c r="L4336" s="237">
        <f t="shared" si="1016"/>
        <v>439.54506840168142</v>
      </c>
      <c r="M4336" s="236">
        <f t="shared" si="1012"/>
        <v>19.405851831053738</v>
      </c>
      <c r="N4336" s="236">
        <f t="shared" si="1013"/>
        <v>2.1290199026269656</v>
      </c>
      <c r="O4336" s="236">
        <f t="shared" si="1017"/>
        <v>2.6754958611245483</v>
      </c>
      <c r="P4336" s="236" t="str">
        <f t="shared" si="1018"/>
        <v>CLAY</v>
      </c>
      <c r="Q4336" s="236">
        <f t="shared" si="1014"/>
        <v>710.81220587278415</v>
      </c>
      <c r="R4336" s="238">
        <v>35</v>
      </c>
      <c r="S4336" s="236">
        <f t="shared" si="1019"/>
        <v>10.182534671885943</v>
      </c>
      <c r="T4336" s="236" t="e">
        <f t="shared" si="1005"/>
        <v>#N/A</v>
      </c>
    </row>
    <row r="4337" spans="1:20" x14ac:dyDescent="0.2">
      <c r="A4337" s="53">
        <f t="shared" si="1006"/>
        <v>4325</v>
      </c>
      <c r="B4337" s="239">
        <v>43.018000000000001</v>
      </c>
      <c r="C4337" s="3">
        <f t="shared" si="1007"/>
        <v>43.011000000000003</v>
      </c>
      <c r="D4337" s="239">
        <v>9.0998000000000001</v>
      </c>
      <c r="E4337" s="239">
        <v>0.17</v>
      </c>
      <c r="F4337" s="239">
        <v>0.1206</v>
      </c>
      <c r="G4337">
        <f t="shared" si="1008"/>
        <v>9.12392</v>
      </c>
      <c r="H4337" s="235">
        <f t="shared" si="1009"/>
        <v>1.8632342238862245</v>
      </c>
      <c r="I4337" s="236">
        <f t="shared" si="1010"/>
        <v>20.130818463895434</v>
      </c>
      <c r="J4337" s="237">
        <f t="shared" si="1015"/>
        <v>10.130818463895434</v>
      </c>
      <c r="K4337" s="237">
        <f t="shared" si="1011"/>
        <v>865.84663295060659</v>
      </c>
      <c r="L4337" s="237">
        <f t="shared" si="1016"/>
        <v>435.80754867985377</v>
      </c>
      <c r="M4337" s="236">
        <f t="shared" si="1012"/>
        <v>18.948899329680525</v>
      </c>
      <c r="N4337" s="236">
        <f t="shared" si="1013"/>
        <v>2.0585915436198277</v>
      </c>
      <c r="O4337" s="236">
        <f t="shared" si="1017"/>
        <v>2.6755420904995018</v>
      </c>
      <c r="P4337" s="236" t="str">
        <f t="shared" si="1018"/>
        <v>CLAY</v>
      </c>
      <c r="Q4337" s="236">
        <f t="shared" si="1014"/>
        <v>688.17278058744944</v>
      </c>
      <c r="R4337" s="238">
        <v>35</v>
      </c>
      <c r="S4337" s="236">
        <f t="shared" si="1019"/>
        <v>9.8837100024817097</v>
      </c>
      <c r="T4337" s="236" t="e">
        <f t="shared" si="1005"/>
        <v>#N/A</v>
      </c>
    </row>
    <row r="4338" spans="1:20" x14ac:dyDescent="0.2">
      <c r="A4338" s="53">
        <f t="shared" si="1006"/>
        <v>4326</v>
      </c>
      <c r="B4338" s="239">
        <v>43.027999999999999</v>
      </c>
      <c r="C4338" s="3">
        <f t="shared" si="1007"/>
        <v>43.021000000000001</v>
      </c>
      <c r="D4338" s="239">
        <v>8.9130000000000003</v>
      </c>
      <c r="E4338" s="239">
        <v>0.1585</v>
      </c>
      <c r="F4338" s="239">
        <v>0.1915</v>
      </c>
      <c r="G4338">
        <f t="shared" si="1008"/>
        <v>8.9512999999999998</v>
      </c>
      <c r="H4338" s="235">
        <f t="shared" si="1009"/>
        <v>1.7706925251080849</v>
      </c>
      <c r="I4338" s="236">
        <f t="shared" si="1010"/>
        <v>20.041219575431203</v>
      </c>
      <c r="J4338" s="237">
        <f t="shared" si="1015"/>
        <v>10.041219575431203</v>
      </c>
      <c r="K4338" s="237">
        <f t="shared" si="1011"/>
        <v>862.19330735462574</v>
      </c>
      <c r="L4338" s="237">
        <f t="shared" si="1016"/>
        <v>432.0535958916538</v>
      </c>
      <c r="M4338" s="236">
        <f t="shared" si="1012"/>
        <v>18.722461216765062</v>
      </c>
      <c r="N4338" s="236">
        <f t="shared" si="1013"/>
        <v>1.9594252619279755</v>
      </c>
      <c r="O4338" s="236">
        <f t="shared" si="1017"/>
        <v>2.6676097659249716</v>
      </c>
      <c r="P4338" s="236" t="str">
        <f t="shared" si="1018"/>
        <v>CLAY</v>
      </c>
      <c r="Q4338" s="236">
        <f t="shared" si="1014"/>
        <v>674.09222438711447</v>
      </c>
      <c r="R4338" s="238">
        <v>35</v>
      </c>
      <c r="S4338" s="236">
        <f t="shared" si="1019"/>
        <v>9.7362940829718241</v>
      </c>
      <c r="T4338" s="236" t="e">
        <f t="shared" si="1005"/>
        <v>#N/A</v>
      </c>
    </row>
    <row r="4339" spans="1:20" x14ac:dyDescent="0.2">
      <c r="A4339" s="53">
        <f t="shared" si="1006"/>
        <v>4327</v>
      </c>
      <c r="B4339" s="239">
        <v>43.039000000000001</v>
      </c>
      <c r="C4339" s="3">
        <f t="shared" si="1007"/>
        <v>43.032000000000004</v>
      </c>
      <c r="D4339" s="239">
        <v>8.6691000000000003</v>
      </c>
      <c r="E4339" s="239">
        <v>0.15010000000000001</v>
      </c>
      <c r="F4339" s="239">
        <v>0.23080000000000001</v>
      </c>
      <c r="G4339">
        <f t="shared" si="1008"/>
        <v>8.7152600000000007</v>
      </c>
      <c r="H4339" s="235">
        <f t="shared" si="1009"/>
        <v>1.7222664613562877</v>
      </c>
      <c r="I4339" s="236">
        <f t="shared" si="1010"/>
        <v>19.966923236485748</v>
      </c>
      <c r="J4339" s="237">
        <f t="shared" si="1015"/>
        <v>9.9669232364857479</v>
      </c>
      <c r="K4339" s="237">
        <f t="shared" si="1011"/>
        <v>859.21664071245482</v>
      </c>
      <c r="L4339" s="237">
        <f t="shared" si="1016"/>
        <v>428.96640917511013</v>
      </c>
      <c r="M4339" s="236">
        <f t="shared" si="1012"/>
        <v>18.31388936582351</v>
      </c>
      <c r="N4339" s="236">
        <f t="shared" si="1013"/>
        <v>1.9106310025968645</v>
      </c>
      <c r="O4339" s="236">
        <f t="shared" si="1017"/>
        <v>2.6693350083202834</v>
      </c>
      <c r="P4339" s="236" t="str">
        <f t="shared" si="1018"/>
        <v>CLAY</v>
      </c>
      <c r="Q4339" s="236">
        <f t="shared" si="1014"/>
        <v>654.6702799406288</v>
      </c>
      <c r="R4339" s="238">
        <v>35</v>
      </c>
      <c r="S4339" s="236">
        <f t="shared" si="1019"/>
        <v>9.4714340920922382</v>
      </c>
      <c r="T4339" s="236" t="e">
        <f t="shared" si="1005"/>
        <v>#N/A</v>
      </c>
    </row>
    <row r="4340" spans="1:20" x14ac:dyDescent="0.2">
      <c r="A4340" s="53">
        <f t="shared" si="1006"/>
        <v>4328</v>
      </c>
      <c r="B4340" s="239">
        <v>43.048000000000002</v>
      </c>
      <c r="C4340" s="3">
        <f t="shared" si="1007"/>
        <v>43.041000000000004</v>
      </c>
      <c r="D4340" s="239">
        <v>8.4278999999999993</v>
      </c>
      <c r="E4340" s="239">
        <v>0.14960000000000001</v>
      </c>
      <c r="F4340" s="239">
        <v>0.21690000000000001</v>
      </c>
      <c r="G4340">
        <f t="shared" si="1008"/>
        <v>8.4712800000000001</v>
      </c>
      <c r="H4340" s="235">
        <f t="shared" si="1009"/>
        <v>1.7659668904817218</v>
      </c>
      <c r="I4340" s="236">
        <f t="shared" si="1010"/>
        <v>19.951912489895626</v>
      </c>
      <c r="J4340" s="237">
        <f t="shared" si="1015"/>
        <v>9.9519124898956264</v>
      </c>
      <c r="K4340" s="237">
        <f t="shared" si="1011"/>
        <v>858.75026547759774</v>
      </c>
      <c r="L4340" s="237">
        <f t="shared" si="1016"/>
        <v>428.40992886502693</v>
      </c>
      <c r="M4340" s="236">
        <f t="shared" si="1012"/>
        <v>17.769265419898275</v>
      </c>
      <c r="N4340" s="236">
        <f t="shared" si="1013"/>
        <v>1.9651811581316034</v>
      </c>
      <c r="O4340" s="236">
        <f t="shared" si="1017"/>
        <v>2.6870532273534842</v>
      </c>
      <c r="P4340" s="236" t="str">
        <f t="shared" si="1018"/>
        <v>CLAY</v>
      </c>
      <c r="Q4340" s="236">
        <f t="shared" si="1014"/>
        <v>634.37747787686692</v>
      </c>
      <c r="R4340" s="238">
        <v>35</v>
      </c>
      <c r="S4340" s="236">
        <f t="shared" si="1019"/>
        <v>9.1206722933918822</v>
      </c>
      <c r="T4340" s="236" t="e">
        <f t="shared" si="1005"/>
        <v>#N/A</v>
      </c>
    </row>
    <row r="4341" spans="1:20" x14ac:dyDescent="0.2">
      <c r="A4341" s="53">
        <f t="shared" si="1006"/>
        <v>4329</v>
      </c>
      <c r="B4341" s="239">
        <v>43.057000000000002</v>
      </c>
      <c r="C4341" s="3">
        <f t="shared" si="1007"/>
        <v>43.050000000000004</v>
      </c>
      <c r="D4341" s="239">
        <v>8.2949999999999999</v>
      </c>
      <c r="E4341" s="239">
        <v>0.15529999999999999</v>
      </c>
      <c r="F4341" s="239">
        <v>0.1963</v>
      </c>
      <c r="G4341">
        <f t="shared" si="1008"/>
        <v>8.3342600000000004</v>
      </c>
      <c r="H4341" s="235">
        <f t="shared" si="1009"/>
        <v>1.8633927907216716</v>
      </c>
      <c r="I4341" s="236">
        <f t="shared" si="1010"/>
        <v>19.98938632518205</v>
      </c>
      <c r="J4341" s="237">
        <f t="shared" si="1015"/>
        <v>9.9893863251820498</v>
      </c>
      <c r="K4341" s="237">
        <f t="shared" si="1011"/>
        <v>860.54308129908736</v>
      </c>
      <c r="L4341" s="237">
        <f t="shared" si="1016"/>
        <v>430.11300700336352</v>
      </c>
      <c r="M4341" s="236">
        <f t="shared" si="1012"/>
        <v>17.376170441277697</v>
      </c>
      <c r="N4341" s="236">
        <f t="shared" si="1013"/>
        <v>2.0779486524490189</v>
      </c>
      <c r="O4341" s="236">
        <f t="shared" si="1017"/>
        <v>2.7087682945019709</v>
      </c>
      <c r="P4341" s="236" t="str">
        <f t="shared" si="1018"/>
        <v>CLAY</v>
      </c>
      <c r="Q4341" s="236">
        <f t="shared" si="1014"/>
        <v>622.80974322507609</v>
      </c>
      <c r="R4341" s="238">
        <v>35</v>
      </c>
      <c r="S4341" s="236">
        <f t="shared" si="1019"/>
        <v>8.8691621212302767</v>
      </c>
      <c r="T4341" s="236" t="e">
        <f t="shared" si="1005"/>
        <v>#N/A</v>
      </c>
    </row>
    <row r="4342" spans="1:20" x14ac:dyDescent="0.2">
      <c r="A4342" s="53">
        <f t="shared" si="1006"/>
        <v>4330</v>
      </c>
      <c r="B4342" s="239">
        <v>43.066000000000003</v>
      </c>
      <c r="C4342" s="3">
        <f t="shared" si="1007"/>
        <v>43.059000000000005</v>
      </c>
      <c r="D4342" s="239">
        <v>8.2527000000000008</v>
      </c>
      <c r="E4342" s="239">
        <v>0.16089999999999999</v>
      </c>
      <c r="F4342" s="239">
        <v>0.23910000000000001</v>
      </c>
      <c r="G4342">
        <f t="shared" si="1008"/>
        <v>8.3005200000000006</v>
      </c>
      <c r="H4342" s="235">
        <f t="shared" si="1009"/>
        <v>1.9384327728865176</v>
      </c>
      <c r="I4342" s="236">
        <f t="shared" si="1010"/>
        <v>20.029339143751095</v>
      </c>
      <c r="J4342" s="237">
        <f t="shared" si="1015"/>
        <v>10.029339143751095</v>
      </c>
      <c r="K4342" s="237">
        <f t="shared" si="1011"/>
        <v>862.44331419077844</v>
      </c>
      <c r="L4342" s="237">
        <f t="shared" si="1016"/>
        <v>431.92351956478467</v>
      </c>
      <c r="M4342" s="236">
        <f t="shared" si="1012"/>
        <v>17.22081884613273</v>
      </c>
      <c r="N4342" s="236">
        <f t="shared" si="1013"/>
        <v>2.1631936157229195</v>
      </c>
      <c r="O4342" s="236">
        <f t="shared" si="1017"/>
        <v>2.7219179473873454</v>
      </c>
      <c r="P4342" s="236" t="str">
        <f t="shared" si="1018"/>
        <v>CLAY</v>
      </c>
      <c r="Q4342" s="236">
        <f t="shared" si="1014"/>
        <v>619.83972381743513</v>
      </c>
      <c r="R4342" s="238">
        <v>35</v>
      </c>
      <c r="S4342" s="236">
        <f t="shared" si="1019"/>
        <v>8.7701547469854741</v>
      </c>
      <c r="T4342" s="236" t="e">
        <f t="shared" si="1005"/>
        <v>#N/A</v>
      </c>
    </row>
    <row r="4343" spans="1:20" x14ac:dyDescent="0.2">
      <c r="A4343" s="53">
        <f t="shared" si="1006"/>
        <v>4331</v>
      </c>
      <c r="B4343" s="239">
        <v>43.076999999999998</v>
      </c>
      <c r="C4343" s="3">
        <f t="shared" si="1007"/>
        <v>43.07</v>
      </c>
      <c r="D4343" s="239">
        <v>8.1234000000000002</v>
      </c>
      <c r="E4343" s="239">
        <v>0.15770000000000001</v>
      </c>
      <c r="F4343" s="239">
        <v>0.44130000000000003</v>
      </c>
      <c r="G4343">
        <f t="shared" si="1008"/>
        <v>8.2116600000000002</v>
      </c>
      <c r="H4343" s="235">
        <f t="shared" si="1009"/>
        <v>1.9204399597645299</v>
      </c>
      <c r="I4343" s="236">
        <f t="shared" si="1010"/>
        <v>20.001576489747563</v>
      </c>
      <c r="J4343" s="237">
        <f t="shared" si="1015"/>
        <v>10.001576489747563</v>
      </c>
      <c r="K4343" s="237">
        <f t="shared" si="1011"/>
        <v>861.46789941342752</v>
      </c>
      <c r="L4343" s="237">
        <f t="shared" si="1016"/>
        <v>430.83791044885578</v>
      </c>
      <c r="M4343" s="236">
        <f t="shared" si="1012"/>
        <v>17.060225951168018</v>
      </c>
      <c r="N4343" s="236">
        <f t="shared" si="1013"/>
        <v>2.1455221556374693</v>
      </c>
      <c r="O4343" s="236">
        <f t="shared" si="1017"/>
        <v>2.7232272750538487</v>
      </c>
      <c r="P4343" s="236" t="str">
        <f t="shared" si="1018"/>
        <v>CLAY</v>
      </c>
      <c r="Q4343" s="236">
        <f t="shared" si="1014"/>
        <v>612.51600838221441</v>
      </c>
      <c r="R4343" s="238">
        <v>35</v>
      </c>
      <c r="S4343" s="236">
        <f t="shared" si="1019"/>
        <v>8.6680415050892581</v>
      </c>
      <c r="T4343" s="236" t="e">
        <f t="shared" si="1005"/>
        <v>#N/A</v>
      </c>
    </row>
    <row r="4344" spans="1:20" x14ac:dyDescent="0.2">
      <c r="A4344" s="53">
        <f t="shared" si="1006"/>
        <v>4332</v>
      </c>
      <c r="B4344" s="239">
        <v>43.085999999999999</v>
      </c>
      <c r="C4344" s="3">
        <f t="shared" si="1007"/>
        <v>43.079000000000001</v>
      </c>
      <c r="D4344" s="239">
        <v>8.0846999999999998</v>
      </c>
      <c r="E4344" s="239">
        <v>0.1411</v>
      </c>
      <c r="F4344" s="239">
        <v>0.30159999999999998</v>
      </c>
      <c r="G4344">
        <f t="shared" si="1008"/>
        <v>8.1450200000000006</v>
      </c>
      <c r="H4344" s="235">
        <f t="shared" si="1009"/>
        <v>1.7323468818983869</v>
      </c>
      <c r="I4344" s="236">
        <f t="shared" si="1010"/>
        <v>19.867968931064933</v>
      </c>
      <c r="J4344" s="237">
        <f t="shared" si="1015"/>
        <v>9.867968931064933</v>
      </c>
      <c r="K4344" s="237">
        <f t="shared" si="1011"/>
        <v>855.89223358134632</v>
      </c>
      <c r="L4344" s="237">
        <f t="shared" si="1016"/>
        <v>425.17130936386371</v>
      </c>
      <c r="M4344" s="236">
        <f t="shared" si="1012"/>
        <v>17.14397845264903</v>
      </c>
      <c r="N4344" s="236">
        <f t="shared" si="1013"/>
        <v>1.9357597304036041</v>
      </c>
      <c r="O4344" s="236">
        <f t="shared" si="1017"/>
        <v>2.6962563264805568</v>
      </c>
      <c r="P4344" s="236" t="str">
        <f t="shared" si="1018"/>
        <v>CLAY</v>
      </c>
      <c r="Q4344" s="236">
        <f t="shared" si="1014"/>
        <v>607.42731386822118</v>
      </c>
      <c r="R4344" s="238">
        <v>35</v>
      </c>
      <c r="S4344" s="236">
        <f t="shared" si="1019"/>
        <v>8.7212658226785358</v>
      </c>
      <c r="T4344" s="236" t="e">
        <f t="shared" si="1005"/>
        <v>#N/A</v>
      </c>
    </row>
    <row r="4345" spans="1:20" x14ac:dyDescent="0.2">
      <c r="A4345" s="53">
        <f t="shared" si="1006"/>
        <v>4333</v>
      </c>
      <c r="B4345" s="239">
        <v>43.094999999999999</v>
      </c>
      <c r="C4345" s="3">
        <f t="shared" si="1007"/>
        <v>43.088000000000001</v>
      </c>
      <c r="D4345" s="239">
        <v>8.0380000000000003</v>
      </c>
      <c r="E4345" s="239">
        <v>0.1263</v>
      </c>
      <c r="F4345" s="239">
        <v>0.15040000000000001</v>
      </c>
      <c r="G4345">
        <f t="shared" si="1008"/>
        <v>8.0680800000000001</v>
      </c>
      <c r="H4345" s="235">
        <f t="shared" si="1009"/>
        <v>1.5654282059672189</v>
      </c>
      <c r="I4345" s="236">
        <f t="shared" si="1010"/>
        <v>19.734325277156149</v>
      </c>
      <c r="J4345" s="237">
        <f t="shared" si="1015"/>
        <v>9.7343252771561488</v>
      </c>
      <c r="K4345" s="237">
        <f t="shared" si="1011"/>
        <v>850.31260754210416</v>
      </c>
      <c r="L4345" s="237">
        <f t="shared" si="1016"/>
        <v>419.50074781904425</v>
      </c>
      <c r="M4345" s="236">
        <f t="shared" si="1012"/>
        <v>17.205612695525755</v>
      </c>
      <c r="N4345" s="236">
        <f t="shared" si="1013"/>
        <v>1.7498485768878531</v>
      </c>
      <c r="O4345" s="236">
        <f t="shared" si="1017"/>
        <v>2.6706928470251285</v>
      </c>
      <c r="P4345" s="236" t="str">
        <f t="shared" si="1018"/>
        <v>CLAY</v>
      </c>
      <c r="Q4345" s="236">
        <f t="shared" si="1014"/>
        <v>601.48061603815802</v>
      </c>
      <c r="R4345" s="238">
        <v>35</v>
      </c>
      <c r="S4345" s="236">
        <f t="shared" si="1019"/>
        <v>8.7604756507077948</v>
      </c>
      <c r="T4345" s="236" t="e">
        <f t="shared" si="1005"/>
        <v>#N/A</v>
      </c>
    </row>
    <row r="4346" spans="1:20" x14ac:dyDescent="0.2">
      <c r="A4346" s="53">
        <f t="shared" si="1006"/>
        <v>4334</v>
      </c>
      <c r="B4346" s="239">
        <v>43.106000000000002</v>
      </c>
      <c r="C4346" s="3">
        <f t="shared" si="1007"/>
        <v>43.099000000000004</v>
      </c>
      <c r="D4346" s="239">
        <v>8.1280000000000001</v>
      </c>
      <c r="E4346" s="239">
        <v>0.12089999999999999</v>
      </c>
      <c r="F4346" s="239">
        <v>4.5100000000000001E-2</v>
      </c>
      <c r="G4346">
        <f t="shared" si="1008"/>
        <v>8.1370199999999997</v>
      </c>
      <c r="H4346" s="235">
        <f t="shared" si="1009"/>
        <v>1.4858019274869669</v>
      </c>
      <c r="I4346" s="236">
        <f t="shared" si="1010"/>
        <v>19.68641291181186</v>
      </c>
      <c r="J4346" s="237">
        <f t="shared" si="1015"/>
        <v>9.6864129118118605</v>
      </c>
      <c r="K4346" s="237">
        <f t="shared" si="1011"/>
        <v>848.46471008617948</v>
      </c>
      <c r="L4346" s="237">
        <f t="shared" si="1016"/>
        <v>417.54251497656207</v>
      </c>
      <c r="M4346" s="236">
        <f t="shared" si="1012"/>
        <v>17.455839892909946</v>
      </c>
      <c r="N4346" s="236">
        <f t="shared" si="1013"/>
        <v>1.6587649429963987</v>
      </c>
      <c r="O4346" s="236">
        <f t="shared" si="1017"/>
        <v>2.6527774937486264</v>
      </c>
      <c r="P4346" s="236" t="str">
        <f t="shared" si="1018"/>
        <v>CLAY</v>
      </c>
      <c r="Q4346" s="236">
        <f t="shared" si="1014"/>
        <v>607.37960749281831</v>
      </c>
      <c r="R4346" s="238">
        <v>35</v>
      </c>
      <c r="S4346" s="236">
        <f t="shared" si="1019"/>
        <v>8.9200224209109837</v>
      </c>
      <c r="T4346" s="236" t="e">
        <f t="shared" si="1005"/>
        <v>#N/A</v>
      </c>
    </row>
    <row r="4347" spans="1:20" x14ac:dyDescent="0.2">
      <c r="A4347" s="53">
        <f t="shared" si="1006"/>
        <v>4335</v>
      </c>
      <c r="B4347" s="239">
        <v>43.115000000000002</v>
      </c>
      <c r="C4347" s="3">
        <f t="shared" si="1007"/>
        <v>43.108000000000004</v>
      </c>
      <c r="D4347" s="239">
        <v>8.1567000000000007</v>
      </c>
      <c r="E4347" s="239">
        <v>0.1226</v>
      </c>
      <c r="F4347" s="239">
        <v>1.6899999999999998E-2</v>
      </c>
      <c r="G4347">
        <f t="shared" si="1008"/>
        <v>8.1600800000000007</v>
      </c>
      <c r="H4347" s="235">
        <f t="shared" si="1009"/>
        <v>1.5024362506249938</v>
      </c>
      <c r="I4347" s="236">
        <f t="shared" si="1010"/>
        <v>19.70389229874478</v>
      </c>
      <c r="J4347" s="237">
        <f t="shared" si="1015"/>
        <v>9.7038922987447798</v>
      </c>
      <c r="K4347" s="237">
        <f t="shared" si="1011"/>
        <v>849.39538921429005</v>
      </c>
      <c r="L4347" s="237">
        <f t="shared" si="1016"/>
        <v>418.3833164603812</v>
      </c>
      <c r="M4347" s="236">
        <f t="shared" si="1012"/>
        <v>17.473652325900037</v>
      </c>
      <c r="N4347" s="236">
        <f t="shared" si="1013"/>
        <v>1.6769975252266236</v>
      </c>
      <c r="O4347" s="236">
        <f t="shared" si="1017"/>
        <v>2.6549855631789767</v>
      </c>
      <c r="P4347" s="236" t="str">
        <f t="shared" si="1018"/>
        <v>CLAY</v>
      </c>
      <c r="Q4347" s="236">
        <f t="shared" si="1014"/>
        <v>609.22371756547591</v>
      </c>
      <c r="R4347" s="238">
        <v>35</v>
      </c>
      <c r="S4347" s="236">
        <f t="shared" si="1019"/>
        <v>8.9314016759401653</v>
      </c>
      <c r="T4347" s="236" t="e">
        <f t="shared" si="1005"/>
        <v>#N/A</v>
      </c>
    </row>
    <row r="4348" spans="1:20" x14ac:dyDescent="0.2">
      <c r="A4348" s="53">
        <f t="shared" si="1006"/>
        <v>4336</v>
      </c>
      <c r="B4348" s="239">
        <v>43.125</v>
      </c>
      <c r="C4348" s="3">
        <f t="shared" si="1007"/>
        <v>43.118000000000002</v>
      </c>
      <c r="D4348" s="239">
        <v>8.1936</v>
      </c>
      <c r="E4348" s="239">
        <v>0.13930000000000001</v>
      </c>
      <c r="F4348" s="239">
        <v>5.6800000000000003E-2</v>
      </c>
      <c r="G4348">
        <f t="shared" si="1008"/>
        <v>8.2049599999999998</v>
      </c>
      <c r="H4348" s="235">
        <f t="shared" si="1009"/>
        <v>1.6977535539478561</v>
      </c>
      <c r="I4348" s="236">
        <f t="shared" si="1010"/>
        <v>19.855779890075929</v>
      </c>
      <c r="J4348" s="237">
        <f t="shared" si="1015"/>
        <v>9.8557798900759295</v>
      </c>
      <c r="K4348" s="237">
        <f t="shared" si="1011"/>
        <v>856.14151730029391</v>
      </c>
      <c r="L4348" s="237">
        <f t="shared" si="1016"/>
        <v>425.03050775952448</v>
      </c>
      <c r="M4348" s="236">
        <f t="shared" si="1012"/>
        <v>17.290096471986782</v>
      </c>
      <c r="N4348" s="236">
        <f t="shared" si="1013"/>
        <v>1.895542804981978</v>
      </c>
      <c r="O4348" s="236">
        <f t="shared" si="1017"/>
        <v>2.6881098003439559</v>
      </c>
      <c r="P4348" s="236" t="str">
        <f t="shared" si="1018"/>
        <v>CLAY</v>
      </c>
      <c r="Q4348" s="236">
        <f t="shared" si="1014"/>
        <v>612.40154022497541</v>
      </c>
      <c r="R4348" s="238">
        <v>35</v>
      </c>
      <c r="S4348" s="236">
        <f t="shared" si="1019"/>
        <v>8.8142787172831127</v>
      </c>
      <c r="T4348" s="236" t="e">
        <f t="shared" si="1005"/>
        <v>#N/A</v>
      </c>
    </row>
    <row r="4349" spans="1:20" x14ac:dyDescent="0.2">
      <c r="A4349" s="53">
        <f t="shared" si="1006"/>
        <v>4337</v>
      </c>
      <c r="B4349" s="239">
        <v>43.134</v>
      </c>
      <c r="C4349" s="3">
        <f t="shared" si="1007"/>
        <v>43.127000000000002</v>
      </c>
      <c r="D4349" s="239">
        <v>8.2296999999999993</v>
      </c>
      <c r="E4349" s="239">
        <v>0.1545</v>
      </c>
      <c r="F4349" s="239">
        <v>6.3399999999999998E-2</v>
      </c>
      <c r="G4349">
        <f t="shared" si="1008"/>
        <v>8.2423799999999989</v>
      </c>
      <c r="H4349" s="235">
        <f t="shared" si="1009"/>
        <v>1.8744585908439069</v>
      </c>
      <c r="I4349" s="236">
        <f t="shared" si="1010"/>
        <v>19.97899733024629</v>
      </c>
      <c r="J4349" s="237">
        <f t="shared" si="1015"/>
        <v>9.9789973302462904</v>
      </c>
      <c r="K4349" s="237">
        <f t="shared" si="1011"/>
        <v>861.63421786153185</v>
      </c>
      <c r="L4349" s="237">
        <f t="shared" si="1016"/>
        <v>430.43407084284348</v>
      </c>
      <c r="M4349" s="236">
        <f t="shared" si="1012"/>
        <v>17.147215525216321</v>
      </c>
      <c r="N4349" s="236">
        <f t="shared" si="1013"/>
        <v>2.0932843991713237</v>
      </c>
      <c r="O4349" s="236">
        <f t="shared" si="1017"/>
        <v>2.7153235321057774</v>
      </c>
      <c r="P4349" s="236" t="str">
        <f t="shared" si="1018"/>
        <v>CLAY</v>
      </c>
      <c r="Q4349" s="236">
        <f t="shared" si="1014"/>
        <v>615.06214851153891</v>
      </c>
      <c r="R4349" s="238">
        <v>35</v>
      </c>
      <c r="S4349" s="236">
        <f t="shared" si="1019"/>
        <v>8.7233242740404151</v>
      </c>
      <c r="T4349" s="236" t="e">
        <f t="shared" si="1005"/>
        <v>#N/A</v>
      </c>
    </row>
    <row r="4350" spans="1:20" x14ac:dyDescent="0.2">
      <c r="A4350" s="53">
        <f t="shared" si="1006"/>
        <v>4338</v>
      </c>
      <c r="B4350" s="239">
        <v>43.145000000000003</v>
      </c>
      <c r="C4350" s="3">
        <f t="shared" si="1007"/>
        <v>43.138000000000005</v>
      </c>
      <c r="D4350" s="239">
        <v>8.3989999999999991</v>
      </c>
      <c r="E4350" s="239">
        <v>0.1656</v>
      </c>
      <c r="F4350" s="239">
        <v>7.1900000000000006E-2</v>
      </c>
      <c r="G4350">
        <f t="shared" si="1008"/>
        <v>8.4133799999999983</v>
      </c>
      <c r="H4350" s="235">
        <f t="shared" si="1009"/>
        <v>1.9682933612888045</v>
      </c>
      <c r="I4350" s="236">
        <f t="shared" si="1010"/>
        <v>20.068379406286681</v>
      </c>
      <c r="J4350" s="237">
        <f t="shared" si="1015"/>
        <v>10.068379406286681</v>
      </c>
      <c r="K4350" s="237">
        <f t="shared" si="1011"/>
        <v>865.70975082839493</v>
      </c>
      <c r="L4350" s="237">
        <f t="shared" si="1016"/>
        <v>434.40022948423888</v>
      </c>
      <c r="M4350" s="236">
        <f t="shared" si="1012"/>
        <v>17.374922334025729</v>
      </c>
      <c r="N4350" s="236">
        <f t="shared" si="1013"/>
        <v>2.1940545165996812</v>
      </c>
      <c r="O4350" s="236">
        <f t="shared" si="1017"/>
        <v>2.7222669755486897</v>
      </c>
      <c r="P4350" s="236" t="str">
        <f t="shared" si="1018"/>
        <v>CLAY</v>
      </c>
      <c r="Q4350" s="236">
        <f t="shared" si="1014"/>
        <v>628.97252076430038</v>
      </c>
      <c r="R4350" s="238">
        <v>35</v>
      </c>
      <c r="S4350" s="236">
        <f t="shared" si="1019"/>
        <v>8.8683658032061121</v>
      </c>
      <c r="T4350" s="236" t="e">
        <f t="shared" si="1005"/>
        <v>#N/A</v>
      </c>
    </row>
    <row r="4351" spans="1:20" x14ac:dyDescent="0.2">
      <c r="A4351" s="53">
        <f t="shared" si="1006"/>
        <v>4339</v>
      </c>
      <c r="B4351" s="239">
        <v>43.155000000000001</v>
      </c>
      <c r="C4351" s="3">
        <f t="shared" si="1007"/>
        <v>43.148000000000003</v>
      </c>
      <c r="D4351" s="239">
        <v>8.4176000000000002</v>
      </c>
      <c r="E4351" s="239">
        <v>0.1792</v>
      </c>
      <c r="F4351" s="239">
        <v>4.58E-2</v>
      </c>
      <c r="G4351">
        <f t="shared" si="1008"/>
        <v>8.4267599999999998</v>
      </c>
      <c r="H4351" s="235">
        <f t="shared" si="1009"/>
        <v>2.1265587248242506</v>
      </c>
      <c r="I4351" s="236">
        <f t="shared" si="1010"/>
        <v>20.161550231341934</v>
      </c>
      <c r="J4351" s="237">
        <f t="shared" si="1015"/>
        <v>10.161550231341934</v>
      </c>
      <c r="K4351" s="237">
        <f t="shared" si="1011"/>
        <v>869.93056938194184</v>
      </c>
      <c r="L4351" s="237">
        <f t="shared" si="1016"/>
        <v>438.52170023356121</v>
      </c>
      <c r="M4351" s="236">
        <f t="shared" si="1012"/>
        <v>17.232509649107929</v>
      </c>
      <c r="N4351" s="236">
        <f t="shared" si="1013"/>
        <v>2.3713648911266159</v>
      </c>
      <c r="O4351" s="236">
        <f t="shared" si="1017"/>
        <v>2.7446709708598465</v>
      </c>
      <c r="P4351" s="236" t="str">
        <f t="shared" si="1018"/>
        <v>CLAY</v>
      </c>
      <c r="Q4351" s="236">
        <f t="shared" si="1014"/>
        <v>629.73578588483826</v>
      </c>
      <c r="R4351" s="238">
        <v>35</v>
      </c>
      <c r="S4351" s="236">
        <f t="shared" si="1019"/>
        <v>8.7775976893992542</v>
      </c>
      <c r="T4351" s="236" t="e">
        <f t="shared" si="1005"/>
        <v>#N/A</v>
      </c>
    </row>
    <row r="4352" spans="1:20" x14ac:dyDescent="0.2">
      <c r="A4352" s="53">
        <f t="shared" si="1006"/>
        <v>4340</v>
      </c>
      <c r="B4352" s="239">
        <v>43.164000000000001</v>
      </c>
      <c r="C4352" s="3">
        <f t="shared" si="1007"/>
        <v>43.157000000000004</v>
      </c>
      <c r="D4352" s="239">
        <v>8.3614999999999995</v>
      </c>
      <c r="E4352" s="239">
        <v>0.1956</v>
      </c>
      <c r="F4352" s="239">
        <v>4.8099999999999997E-2</v>
      </c>
      <c r="G4352">
        <f t="shared" si="1008"/>
        <v>8.3711199999999995</v>
      </c>
      <c r="H4352" s="235">
        <f t="shared" si="1009"/>
        <v>2.3366048987471211</v>
      </c>
      <c r="I4352" s="236">
        <f t="shared" si="1010"/>
        <v>20.261644161427853</v>
      </c>
      <c r="J4352" s="237">
        <f t="shared" si="1015"/>
        <v>10.261644161427853</v>
      </c>
      <c r="K4352" s="237">
        <f t="shared" si="1011"/>
        <v>874.43177707474194</v>
      </c>
      <c r="L4352" s="237">
        <f t="shared" si="1016"/>
        <v>442.93360858387183</v>
      </c>
      <c r="M4352" s="236">
        <f t="shared" si="1012"/>
        <v>16.925083302875446</v>
      </c>
      <c r="N4352" s="236">
        <f t="shared" si="1013"/>
        <v>2.6091521240251816</v>
      </c>
      <c r="O4352" s="236">
        <f t="shared" si="1017"/>
        <v>2.7753043791734187</v>
      </c>
      <c r="P4352" s="236" t="str">
        <f t="shared" si="1018"/>
        <v>CLAY</v>
      </c>
      <c r="Q4352" s="236">
        <f t="shared" si="1014"/>
        <v>624.72401857710474</v>
      </c>
      <c r="R4352" s="238">
        <v>35</v>
      </c>
      <c r="S4352" s="236">
        <f t="shared" si="1019"/>
        <v>8.58229675479439</v>
      </c>
      <c r="T4352" s="236" t="e">
        <f t="shared" si="1005"/>
        <v>#N/A</v>
      </c>
    </row>
    <row r="4353" spans="1:20" x14ac:dyDescent="0.2">
      <c r="A4353" s="53">
        <f t="shared" si="1006"/>
        <v>4341</v>
      </c>
      <c r="B4353" s="239">
        <v>43.173000000000002</v>
      </c>
      <c r="C4353" s="3">
        <f t="shared" si="1007"/>
        <v>43.166000000000004</v>
      </c>
      <c r="D4353" s="239">
        <v>8.1447000000000003</v>
      </c>
      <c r="E4353" s="239">
        <v>0.2072</v>
      </c>
      <c r="F4353" s="239">
        <v>0.1192</v>
      </c>
      <c r="G4353">
        <f t="shared" si="1008"/>
        <v>8.1685400000000001</v>
      </c>
      <c r="H4353" s="235">
        <f t="shared" si="1009"/>
        <v>2.5365610011091331</v>
      </c>
      <c r="I4353" s="236">
        <f t="shared" si="1010"/>
        <v>20.319625378331288</v>
      </c>
      <c r="J4353" s="237">
        <f t="shared" si="1015"/>
        <v>10.319625378331288</v>
      </c>
      <c r="K4353" s="237">
        <f t="shared" si="1011"/>
        <v>877.11694908104846</v>
      </c>
      <c r="L4353" s="237">
        <f t="shared" si="1016"/>
        <v>445.52918645869676</v>
      </c>
      <c r="M4353" s="236">
        <f t="shared" si="1012"/>
        <v>16.365758456533598</v>
      </c>
      <c r="N4353" s="236">
        <f t="shared" si="1013"/>
        <v>2.8416949414817756</v>
      </c>
      <c r="O4353" s="236">
        <f t="shared" si="1017"/>
        <v>2.8090364270764328</v>
      </c>
      <c r="P4353" s="236" t="str">
        <f t="shared" si="1018"/>
        <v>CLAY</v>
      </c>
      <c r="Q4353" s="236">
        <f t="shared" si="1014"/>
        <v>607.61858757657922</v>
      </c>
      <c r="R4353" s="238">
        <v>35</v>
      </c>
      <c r="S4353" s="236">
        <f t="shared" si="1019"/>
        <v>8.2292485580626824</v>
      </c>
      <c r="T4353" s="236" t="e">
        <f t="shared" si="1005"/>
        <v>#N/A</v>
      </c>
    </row>
    <row r="4354" spans="1:20" x14ac:dyDescent="0.2">
      <c r="A4354" s="53">
        <f t="shared" si="1006"/>
        <v>4342</v>
      </c>
      <c r="B4354" s="239">
        <v>43.183999999999997</v>
      </c>
      <c r="C4354" s="3">
        <f t="shared" si="1007"/>
        <v>43.177</v>
      </c>
      <c r="D4354" s="239">
        <v>7.8634000000000004</v>
      </c>
      <c r="E4354" s="239">
        <v>0.21</v>
      </c>
      <c r="F4354" s="239">
        <v>0.19209999999999999</v>
      </c>
      <c r="G4354">
        <f t="shared" si="1008"/>
        <v>7.9018200000000007</v>
      </c>
      <c r="H4354" s="235">
        <f t="shared" si="1009"/>
        <v>2.6576155872950786</v>
      </c>
      <c r="I4354" s="236">
        <f t="shared" si="1010"/>
        <v>20.322389569342025</v>
      </c>
      <c r="J4354" s="237">
        <f t="shared" si="1015"/>
        <v>10.322389569342025</v>
      </c>
      <c r="K4354" s="237">
        <f t="shared" si="1011"/>
        <v>877.45981443548067</v>
      </c>
      <c r="L4354" s="237">
        <f t="shared" si="1016"/>
        <v>445.76207116246599</v>
      </c>
      <c r="M4354" s="236">
        <f t="shared" si="1012"/>
        <v>15.758093027624071</v>
      </c>
      <c r="N4354" s="236">
        <f t="shared" si="1013"/>
        <v>2.9895961262288706</v>
      </c>
      <c r="O4354" s="236">
        <f t="shared" si="1017"/>
        <v>2.8353732453467906</v>
      </c>
      <c r="P4354" s="236" t="str">
        <f t="shared" si="1018"/>
        <v>CLAY</v>
      </c>
      <c r="Q4354" s="236">
        <f t="shared" si="1014"/>
        <v>585.36334879704339</v>
      </c>
      <c r="R4354" s="238">
        <v>35</v>
      </c>
      <c r="S4354" s="236">
        <f t="shared" si="1019"/>
        <v>7.8490949667206289</v>
      </c>
      <c r="T4354" s="236" t="e">
        <f t="shared" si="1005"/>
        <v>#N/A</v>
      </c>
    </row>
    <row r="4355" spans="1:20" x14ac:dyDescent="0.2">
      <c r="A4355" s="53">
        <f t="shared" si="1006"/>
        <v>4343</v>
      </c>
      <c r="B4355" s="239">
        <v>43.192999999999998</v>
      </c>
      <c r="C4355" s="3">
        <f t="shared" si="1007"/>
        <v>43.186</v>
      </c>
      <c r="D4355" s="239">
        <v>7.8177000000000003</v>
      </c>
      <c r="E4355" s="239">
        <v>0.2074</v>
      </c>
      <c r="F4355" s="239">
        <v>0.15859999999999999</v>
      </c>
      <c r="G4355">
        <f t="shared" si="1008"/>
        <v>7.8494200000000003</v>
      </c>
      <c r="H4355" s="235">
        <f t="shared" si="1009"/>
        <v>2.6422334389037663</v>
      </c>
      <c r="I4355" s="236">
        <f t="shared" si="1010"/>
        <v>20.305180495729502</v>
      </c>
      <c r="J4355" s="237">
        <f t="shared" si="1015"/>
        <v>10.305180495729502</v>
      </c>
      <c r="K4355" s="237">
        <f t="shared" si="1011"/>
        <v>876.89952488857432</v>
      </c>
      <c r="L4355" s="237">
        <f t="shared" si="1016"/>
        <v>445.11166115204435</v>
      </c>
      <c r="M4355" s="236">
        <f t="shared" si="1012"/>
        <v>15.66465470049706</v>
      </c>
      <c r="N4355" s="236">
        <f t="shared" si="1013"/>
        <v>2.9745341120233224</v>
      </c>
      <c r="O4355" s="236">
        <f t="shared" si="1017"/>
        <v>2.8361334596045751</v>
      </c>
      <c r="P4355" s="236" t="str">
        <f t="shared" si="1018"/>
        <v>CLAY</v>
      </c>
      <c r="Q4355" s="236">
        <f t="shared" si="1014"/>
        <v>581.04337292595221</v>
      </c>
      <c r="R4355" s="238">
        <v>35</v>
      </c>
      <c r="S4355" s="236">
        <f t="shared" si="1019"/>
        <v>7.790961195536406</v>
      </c>
      <c r="T4355" s="236" t="e">
        <f t="shared" si="1005"/>
        <v>#N/A</v>
      </c>
    </row>
    <row r="4356" spans="1:20" x14ac:dyDescent="0.2">
      <c r="A4356" s="53">
        <f t="shared" si="1006"/>
        <v>4344</v>
      </c>
      <c r="B4356" s="239">
        <v>43.203000000000003</v>
      </c>
      <c r="C4356" s="3">
        <f t="shared" si="1007"/>
        <v>43.196000000000005</v>
      </c>
      <c r="D4356" s="239">
        <v>7.7937000000000003</v>
      </c>
      <c r="E4356" s="239">
        <v>0.1983</v>
      </c>
      <c r="F4356" s="239">
        <v>0.22059999999999999</v>
      </c>
      <c r="G4356">
        <f t="shared" si="1008"/>
        <v>7.8378200000000007</v>
      </c>
      <c r="H4356" s="235">
        <f t="shared" si="1009"/>
        <v>2.5300402407812372</v>
      </c>
      <c r="I4356" s="236">
        <f t="shared" si="1010"/>
        <v>20.251990139629651</v>
      </c>
      <c r="J4356" s="237">
        <f t="shared" si="1015"/>
        <v>10.251990139629651</v>
      </c>
      <c r="K4356" s="237">
        <f t="shared" si="1011"/>
        <v>874.80496607144255</v>
      </c>
      <c r="L4356" s="237">
        <f t="shared" si="1016"/>
        <v>442.91673000241985</v>
      </c>
      <c r="M4356" s="236">
        <f t="shared" si="1012"/>
        <v>15.720821911356829</v>
      </c>
      <c r="N4356" s="236">
        <f t="shared" si="1013"/>
        <v>2.8479042344982335</v>
      </c>
      <c r="O4356" s="236">
        <f t="shared" si="1017"/>
        <v>2.8236412751833435</v>
      </c>
      <c r="P4356" s="236" t="str">
        <f t="shared" si="1018"/>
        <v>CLAY</v>
      </c>
      <c r="Q4356" s="236">
        <f t="shared" si="1014"/>
        <v>580.25125282737986</v>
      </c>
      <c r="R4356" s="238">
        <v>35</v>
      </c>
      <c r="S4356" s="236">
        <f t="shared" si="1019"/>
        <v>7.8258959358777496</v>
      </c>
      <c r="T4356" s="236" t="e">
        <f t="shared" si="1005"/>
        <v>#N/A</v>
      </c>
    </row>
    <row r="4357" spans="1:20" x14ac:dyDescent="0.2">
      <c r="A4357" s="53">
        <f t="shared" si="1006"/>
        <v>4345</v>
      </c>
      <c r="B4357" s="239">
        <v>43.212000000000003</v>
      </c>
      <c r="C4357" s="3">
        <f t="shared" si="1007"/>
        <v>43.205000000000005</v>
      </c>
      <c r="D4357" s="239">
        <v>7.8704999999999998</v>
      </c>
      <c r="E4357" s="239">
        <v>0.18099999999999999</v>
      </c>
      <c r="F4357" s="239">
        <v>0.2258</v>
      </c>
      <c r="G4357">
        <f t="shared" si="1008"/>
        <v>7.9156599999999999</v>
      </c>
      <c r="H4357" s="235">
        <f t="shared" si="1009"/>
        <v>2.2866065495486163</v>
      </c>
      <c r="I4357" s="236">
        <f t="shared" si="1010"/>
        <v>20.14881362511133</v>
      </c>
      <c r="J4357" s="237">
        <f t="shared" si="1015"/>
        <v>10.14881362511133</v>
      </c>
      <c r="K4357" s="237">
        <f t="shared" si="1011"/>
        <v>870.52949267293513</v>
      </c>
      <c r="L4357" s="237">
        <f t="shared" si="1016"/>
        <v>438.55053436831082</v>
      </c>
      <c r="M4357" s="236">
        <f t="shared" si="1012"/>
        <v>16.064580829835009</v>
      </c>
      <c r="N4357" s="236">
        <f t="shared" si="1013"/>
        <v>2.5691504197368191</v>
      </c>
      <c r="O4357" s="236">
        <f t="shared" si="1017"/>
        <v>2.789713480289191</v>
      </c>
      <c r="P4357" s="236" t="str">
        <f t="shared" si="1018"/>
        <v>CLAY</v>
      </c>
      <c r="Q4357" s="236">
        <f t="shared" si="1014"/>
        <v>587.09420894392213</v>
      </c>
      <c r="R4357" s="238">
        <v>35</v>
      </c>
      <c r="S4357" s="236">
        <f t="shared" si="1019"/>
        <v>8.0403833627995294</v>
      </c>
      <c r="T4357" s="236" t="e">
        <f t="shared" si="1005"/>
        <v>#N/A</v>
      </c>
    </row>
    <row r="4358" spans="1:20" x14ac:dyDescent="0.2">
      <c r="A4358" s="53">
        <f t="shared" si="1006"/>
        <v>4346</v>
      </c>
      <c r="B4358" s="239">
        <v>43.222999999999999</v>
      </c>
      <c r="C4358" s="3">
        <f t="shared" si="1007"/>
        <v>43.216000000000001</v>
      </c>
      <c r="D4358" s="239">
        <v>7.9261999999999997</v>
      </c>
      <c r="E4358" s="239">
        <v>0.1641</v>
      </c>
      <c r="F4358" s="239">
        <v>0.17349999999999999</v>
      </c>
      <c r="G4358">
        <f t="shared" si="1008"/>
        <v>7.9608999999999996</v>
      </c>
      <c r="H4358" s="235">
        <f t="shared" si="1009"/>
        <v>2.061324724591441</v>
      </c>
      <c r="I4358" s="236">
        <f t="shared" si="1010"/>
        <v>20.036102174974275</v>
      </c>
      <c r="J4358" s="237">
        <f t="shared" si="1015"/>
        <v>10.036102174974275</v>
      </c>
      <c r="K4358" s="237">
        <f t="shared" si="1011"/>
        <v>865.88019159368832</v>
      </c>
      <c r="L4358" s="237">
        <f t="shared" si="1016"/>
        <v>433.79044430891304</v>
      </c>
      <c r="M4358" s="236">
        <f t="shared" si="1012"/>
        <v>16.355869294699747</v>
      </c>
      <c r="N4358" s="236">
        <f t="shared" si="1013"/>
        <v>2.3128899486026984</v>
      </c>
      <c r="O4358" s="236">
        <f t="shared" si="1017"/>
        <v>2.7569105257765143</v>
      </c>
      <c r="P4358" s="236" t="str">
        <f t="shared" si="1018"/>
        <v>CLAY</v>
      </c>
      <c r="Q4358" s="236">
        <f t="shared" si="1014"/>
        <v>591.25165070052594</v>
      </c>
      <c r="R4358" s="238">
        <v>35</v>
      </c>
      <c r="S4358" s="236">
        <f t="shared" si="1019"/>
        <v>8.2230332776043156</v>
      </c>
      <c r="T4358" s="236" t="e">
        <f t="shared" si="1005"/>
        <v>#N/A</v>
      </c>
    </row>
    <row r="4359" spans="1:20" x14ac:dyDescent="0.2">
      <c r="A4359" s="53">
        <f t="shared" si="1006"/>
        <v>4347</v>
      </c>
      <c r="B4359" s="239">
        <v>43.231999999999999</v>
      </c>
      <c r="C4359" s="3">
        <f t="shared" si="1007"/>
        <v>43.225000000000001</v>
      </c>
      <c r="D4359" s="239">
        <v>8.0665999999999993</v>
      </c>
      <c r="E4359" s="239">
        <v>0.16189999999999999</v>
      </c>
      <c r="F4359" s="239">
        <v>0.2044</v>
      </c>
      <c r="G4359">
        <f t="shared" si="1008"/>
        <v>8.1074799999999989</v>
      </c>
      <c r="H4359" s="235">
        <f t="shared" si="1009"/>
        <v>1.996921361508138</v>
      </c>
      <c r="I4359" s="236">
        <f t="shared" si="1010"/>
        <v>20.02740684341985</v>
      </c>
      <c r="J4359" s="237">
        <f t="shared" si="1015"/>
        <v>10.02740684341985</v>
      </c>
      <c r="K4359" s="237">
        <f t="shared" si="1011"/>
        <v>865.6846608068231</v>
      </c>
      <c r="L4359" s="237">
        <f t="shared" si="1016"/>
        <v>433.50485265472696</v>
      </c>
      <c r="M4359" s="236">
        <f t="shared" si="1012"/>
        <v>16.70522323993692</v>
      </c>
      <c r="N4359" s="236">
        <f t="shared" si="1013"/>
        <v>2.2356334640359727</v>
      </c>
      <c r="O4359" s="236">
        <f t="shared" si="1017"/>
        <v>2.7409288767785882</v>
      </c>
      <c r="P4359" s="236" t="str">
        <f t="shared" si="1018"/>
        <v>CLAY</v>
      </c>
      <c r="Q4359" s="236">
        <f t="shared" si="1014"/>
        <v>603.48294493276455</v>
      </c>
      <c r="R4359" s="238">
        <v>35</v>
      </c>
      <c r="S4359" s="236">
        <f t="shared" si="1019"/>
        <v>8.443166686870244</v>
      </c>
      <c r="T4359" s="236" t="e">
        <f t="shared" si="1005"/>
        <v>#N/A</v>
      </c>
    </row>
    <row r="4360" spans="1:20" x14ac:dyDescent="0.2">
      <c r="A4360" s="53">
        <f t="shared" si="1006"/>
        <v>4348</v>
      </c>
      <c r="B4360" s="239">
        <v>43.241999999999997</v>
      </c>
      <c r="C4360" s="3">
        <f t="shared" si="1007"/>
        <v>43.234999999999999</v>
      </c>
      <c r="D4360" s="239">
        <v>8.6423000000000005</v>
      </c>
      <c r="E4360" s="239">
        <v>0.16880000000000001</v>
      </c>
      <c r="F4360" s="239">
        <v>0.25879999999999997</v>
      </c>
      <c r="G4360">
        <f t="shared" si="1008"/>
        <v>8.6940600000000003</v>
      </c>
      <c r="H4360" s="235">
        <f t="shared" si="1009"/>
        <v>1.9415554988118324</v>
      </c>
      <c r="I4360" s="236">
        <f t="shared" si="1010"/>
        <v>20.103649018305788</v>
      </c>
      <c r="J4360" s="237">
        <f t="shared" si="1015"/>
        <v>10.103649018305788</v>
      </c>
      <c r="K4360" s="237">
        <f t="shared" si="1011"/>
        <v>869.18126530645077</v>
      </c>
      <c r="L4360" s="237">
        <f t="shared" si="1016"/>
        <v>436.90199084957885</v>
      </c>
      <c r="M4360" s="236">
        <f t="shared" si="1012"/>
        <v>17.909917781508987</v>
      </c>
      <c r="N4360" s="236">
        <f t="shared" si="1013"/>
        <v>2.1572219292240682</v>
      </c>
      <c r="O4360" s="236">
        <f t="shared" si="1017"/>
        <v>2.7072611903629711</v>
      </c>
      <c r="P4360" s="236" t="str">
        <f t="shared" si="1018"/>
        <v>CLAY</v>
      </c>
      <c r="Q4360" s="236">
        <f t="shared" si="1014"/>
        <v>652.07322789112902</v>
      </c>
      <c r="R4360" s="238">
        <v>35</v>
      </c>
      <c r="S4360" s="236">
        <f t="shared" si="1019"/>
        <v>9.2110045929984903</v>
      </c>
      <c r="T4360" s="236" t="e">
        <f t="shared" si="1005"/>
        <v>#N/A</v>
      </c>
    </row>
    <row r="4361" spans="1:20" x14ac:dyDescent="0.2">
      <c r="A4361" s="53">
        <f t="shared" si="1006"/>
        <v>4349</v>
      </c>
      <c r="B4361" s="239">
        <v>43.25</v>
      </c>
      <c r="C4361" s="3">
        <f t="shared" si="1007"/>
        <v>43.243000000000002</v>
      </c>
      <c r="D4361" s="239">
        <v>9.0925999999999991</v>
      </c>
      <c r="E4361" s="239">
        <v>0.183</v>
      </c>
      <c r="F4361" s="239">
        <v>0.37619999999999998</v>
      </c>
      <c r="G4361">
        <f t="shared" si="1008"/>
        <v>9.1678399999999982</v>
      </c>
      <c r="H4361" s="235">
        <f t="shared" si="1009"/>
        <v>1.9961081345224179</v>
      </c>
      <c r="I4361" s="236">
        <f t="shared" si="1010"/>
        <v>20.219101319376808</v>
      </c>
      <c r="J4361" s="237">
        <f t="shared" si="1015"/>
        <v>10.219101319376808</v>
      </c>
      <c r="K4361" s="237">
        <f t="shared" si="1011"/>
        <v>874.33459835381132</v>
      </c>
      <c r="L4361" s="237">
        <f t="shared" si="1016"/>
        <v>441.97613206304692</v>
      </c>
      <c r="M4361" s="236">
        <f t="shared" si="1012"/>
        <v>18.764600167284907</v>
      </c>
      <c r="N4361" s="236">
        <f t="shared" si="1013"/>
        <v>2.2065458589280733</v>
      </c>
      <c r="O4361" s="236">
        <f t="shared" si="1017"/>
        <v>2.6963895081652138</v>
      </c>
      <c r="P4361" s="236" t="str">
        <f t="shared" si="1018"/>
        <v>CLAY</v>
      </c>
      <c r="Q4361" s="236">
        <f t="shared" si="1014"/>
        <v>691.12545013718227</v>
      </c>
      <c r="R4361" s="238">
        <v>35</v>
      </c>
      <c r="S4361" s="236">
        <f t="shared" si="1019"/>
        <v>9.7636938310725032</v>
      </c>
      <c r="T4361" s="236" t="e">
        <f t="shared" si="1005"/>
        <v>#N/A</v>
      </c>
    </row>
    <row r="4362" spans="1:20" x14ac:dyDescent="0.2">
      <c r="A4362" s="53">
        <f t="shared" si="1006"/>
        <v>4350</v>
      </c>
      <c r="B4362" s="239">
        <v>43.26</v>
      </c>
      <c r="C4362" s="3">
        <f t="shared" si="1007"/>
        <v>43.253</v>
      </c>
      <c r="D4362" s="239">
        <v>9.5516000000000005</v>
      </c>
      <c r="E4362" s="239">
        <v>0.2001</v>
      </c>
      <c r="F4362" s="239">
        <v>0.39360000000000001</v>
      </c>
      <c r="G4362">
        <f t="shared" si="1008"/>
        <v>9.6303200000000011</v>
      </c>
      <c r="H4362" s="235">
        <f t="shared" si="1009"/>
        <v>2.0778125752830641</v>
      </c>
      <c r="I4362" s="236">
        <f t="shared" si="1010"/>
        <v>20.343086840142735</v>
      </c>
      <c r="J4362" s="237">
        <f t="shared" si="1015"/>
        <v>10.343086840142735</v>
      </c>
      <c r="K4362" s="237">
        <f t="shared" si="1011"/>
        <v>879.89953509669374</v>
      </c>
      <c r="L4362" s="237">
        <f t="shared" si="1016"/>
        <v>447.44193670457469</v>
      </c>
      <c r="M4362" s="236">
        <f t="shared" si="1012"/>
        <v>19.556549681843538</v>
      </c>
      <c r="N4362" s="236">
        <f t="shared" si="1013"/>
        <v>2.2867472574897705</v>
      </c>
      <c r="O4362" s="236">
        <f t="shared" si="1017"/>
        <v>2.6908544258840199</v>
      </c>
      <c r="P4362" s="236" t="str">
        <f t="shared" si="1018"/>
        <v>CLAY</v>
      </c>
      <c r="Q4362" s="236">
        <f t="shared" si="1014"/>
        <v>729.20170540860897</v>
      </c>
      <c r="R4362" s="238">
        <v>35</v>
      </c>
      <c r="S4362" s="236">
        <f t="shared" si="1019"/>
        <v>10.281472143518064</v>
      </c>
      <c r="T4362" s="236" t="e">
        <f t="shared" si="1005"/>
        <v>#N/A</v>
      </c>
    </row>
    <row r="4363" spans="1:20" x14ac:dyDescent="0.2">
      <c r="A4363" s="53">
        <f t="shared" si="1006"/>
        <v>4351</v>
      </c>
      <c r="B4363" s="239">
        <v>43.268999999999998</v>
      </c>
      <c r="C4363" s="3">
        <f t="shared" si="1007"/>
        <v>43.262</v>
      </c>
      <c r="D4363" s="239">
        <v>10.3299</v>
      </c>
      <c r="E4363" s="239">
        <v>0.2029</v>
      </c>
      <c r="F4363" s="239">
        <v>0.18940000000000001</v>
      </c>
      <c r="G4363">
        <f t="shared" si="1008"/>
        <v>10.36778</v>
      </c>
      <c r="H4363" s="235">
        <f t="shared" si="1009"/>
        <v>1.9570245510610758</v>
      </c>
      <c r="I4363" s="236">
        <f t="shared" si="1010"/>
        <v>20.38822177714016</v>
      </c>
      <c r="J4363" s="237">
        <f t="shared" si="1015"/>
        <v>10.38822177714016</v>
      </c>
      <c r="K4363" s="237">
        <f t="shared" si="1011"/>
        <v>882.03525052263763</v>
      </c>
      <c r="L4363" s="237">
        <f t="shared" si="1016"/>
        <v>449.48796807507756</v>
      </c>
      <c r="M4363" s="236">
        <f t="shared" si="1012"/>
        <v>21.103445304887376</v>
      </c>
      <c r="N4363" s="236">
        <f t="shared" si="1013"/>
        <v>2.1389991546122853</v>
      </c>
      <c r="O4363" s="236">
        <f t="shared" si="1017"/>
        <v>2.6470648716732716</v>
      </c>
      <c r="P4363" s="236" t="str">
        <f t="shared" si="1018"/>
        <v>CLAY</v>
      </c>
      <c r="Q4363" s="236">
        <f t="shared" si="1014"/>
        <v>790.47872912311357</v>
      </c>
      <c r="R4363" s="238">
        <v>35</v>
      </c>
      <c r="S4363" s="236">
        <f t="shared" si="1019"/>
        <v>11.307893577850775</v>
      </c>
      <c r="T4363" s="236" t="e">
        <f t="shared" si="1005"/>
        <v>#N/A</v>
      </c>
    </row>
    <row r="4364" spans="1:20" x14ac:dyDescent="0.2">
      <c r="A4364" s="53">
        <f t="shared" si="1006"/>
        <v>4352</v>
      </c>
      <c r="B4364" s="239">
        <v>43.279000000000003</v>
      </c>
      <c r="C4364" s="3">
        <f t="shared" si="1007"/>
        <v>43.272000000000006</v>
      </c>
      <c r="D4364" s="239">
        <v>11.1259</v>
      </c>
      <c r="E4364" s="239">
        <v>0.2097</v>
      </c>
      <c r="F4364" s="239">
        <v>9.0899999999999995E-2</v>
      </c>
      <c r="G4364">
        <f t="shared" si="1008"/>
        <v>11.144079999999999</v>
      </c>
      <c r="H4364" s="235">
        <f t="shared" si="1009"/>
        <v>1.8817165705917405</v>
      </c>
      <c r="I4364" s="236">
        <f t="shared" si="1010"/>
        <v>20.455098615625872</v>
      </c>
      <c r="J4364" s="237">
        <f t="shared" si="1015"/>
        <v>10.455098615625872</v>
      </c>
      <c r="K4364" s="237">
        <f t="shared" si="1011"/>
        <v>885.13302729536281</v>
      </c>
      <c r="L4364" s="237">
        <f t="shared" si="1016"/>
        <v>452.48621298567213</v>
      </c>
      <c r="M4364" s="236">
        <f t="shared" si="1012"/>
        <v>22.672396811854867</v>
      </c>
      <c r="N4364" s="236">
        <f t="shared" si="1013"/>
        <v>2.0440694406349524</v>
      </c>
      <c r="O4364" s="236">
        <f t="shared" si="1017"/>
        <v>2.6102754686937932</v>
      </c>
      <c r="P4364" s="236" t="str">
        <f t="shared" si="1018"/>
        <v>CLAY</v>
      </c>
      <c r="Q4364" s="236">
        <f t="shared" si="1014"/>
        <v>854.91224772538624</v>
      </c>
      <c r="R4364" s="238">
        <v>35</v>
      </c>
      <c r="S4364" s="236">
        <f t="shared" si="1019"/>
        <v>12.36835098888259</v>
      </c>
      <c r="T4364" s="236" t="e">
        <f t="shared" si="1005"/>
        <v>#N/A</v>
      </c>
    </row>
    <row r="4365" spans="1:20" x14ac:dyDescent="0.2">
      <c r="A4365" s="53">
        <f t="shared" si="1006"/>
        <v>4353</v>
      </c>
      <c r="B4365" s="239">
        <v>43.289000000000001</v>
      </c>
      <c r="C4365" s="3">
        <f t="shared" si="1007"/>
        <v>43.282000000000004</v>
      </c>
      <c r="D4365" s="239">
        <v>11.771599999999999</v>
      </c>
      <c r="E4365" s="239">
        <v>0.21740000000000001</v>
      </c>
      <c r="F4365" s="239">
        <v>9.3799999999999994E-2</v>
      </c>
      <c r="G4365">
        <f t="shared" si="1008"/>
        <v>11.79036</v>
      </c>
      <c r="H4365" s="235">
        <f t="shared" si="1009"/>
        <v>1.8438792369359376</v>
      </c>
      <c r="I4365" s="236">
        <f t="shared" si="1010"/>
        <v>20.519418170921796</v>
      </c>
      <c r="J4365" s="237">
        <f t="shared" si="1015"/>
        <v>10.519418170921796</v>
      </c>
      <c r="K4365" s="237">
        <f t="shared" si="1011"/>
        <v>888.12145727383722</v>
      </c>
      <c r="L4365" s="237">
        <f t="shared" si="1016"/>
        <v>455.37509320103362</v>
      </c>
      <c r="M4365" s="236">
        <f t="shared" si="1012"/>
        <v>23.941227145493379</v>
      </c>
      <c r="N4365" s="236">
        <f t="shared" si="1013"/>
        <v>1.9940858856463617</v>
      </c>
      <c r="O4365" s="236">
        <f t="shared" si="1017"/>
        <v>2.5848191707603876</v>
      </c>
      <c r="P4365" s="236" t="str">
        <f t="shared" si="1018"/>
        <v>SAND</v>
      </c>
      <c r="Q4365" s="236" t="e">
        <f t="shared" si="1014"/>
        <v>#N/A</v>
      </c>
      <c r="R4365" s="238">
        <v>35</v>
      </c>
      <c r="S4365" s="236" t="e">
        <f t="shared" si="1019"/>
        <v>#N/A</v>
      </c>
      <c r="T4365" s="236">
        <f t="shared" ref="T4365:T4428" si="1020">IF(P4365="SAND",17.6+(11*LOG(M4365)),#N/A)</f>
        <v>32.770610478012152</v>
      </c>
    </row>
    <row r="4366" spans="1:20" x14ac:dyDescent="0.2">
      <c r="A4366" s="53">
        <f t="shared" ref="A4366:A4429" si="1021">$A4365+1</f>
        <v>4354</v>
      </c>
      <c r="B4366" s="239">
        <v>43.298999999999999</v>
      </c>
      <c r="C4366" s="3">
        <f t="shared" ref="C4366:C4429" si="1022">MAX($B4366 - $B$13, 0.001)</f>
        <v>43.292000000000002</v>
      </c>
      <c r="D4366" s="239">
        <v>12.248200000000001</v>
      </c>
      <c r="E4366" s="239">
        <v>0.2316</v>
      </c>
      <c r="F4366" s="239">
        <v>0.1061</v>
      </c>
      <c r="G4366">
        <f t="shared" si="1008"/>
        <v>12.26942</v>
      </c>
      <c r="H4366" s="235">
        <f t="shared" si="1009"/>
        <v>1.8876197896885101</v>
      </c>
      <c r="I4366" s="236">
        <f t="shared" si="1010"/>
        <v>20.609178782951908</v>
      </c>
      <c r="J4366" s="237">
        <f t="shared" si="1015"/>
        <v>10.609178782951908</v>
      </c>
      <c r="K4366" s="237">
        <f t="shared" si="1011"/>
        <v>892.21256787155403</v>
      </c>
      <c r="L4366" s="237">
        <f t="shared" si="1016"/>
        <v>459.36683212303467</v>
      </c>
      <c r="M4366" s="236">
        <f t="shared" si="1012"/>
        <v>24.767150426483614</v>
      </c>
      <c r="N4366" s="236">
        <f t="shared" si="1013"/>
        <v>2.0356489180814061</v>
      </c>
      <c r="O4366" s="236">
        <f t="shared" si="1017"/>
        <v>2.578220933285134</v>
      </c>
      <c r="P4366" s="236" t="str">
        <f t="shared" si="1018"/>
        <v>SAND</v>
      </c>
      <c r="Q4366" s="236" t="e">
        <f t="shared" si="1014"/>
        <v>#N/A</v>
      </c>
      <c r="R4366" s="238">
        <v>35</v>
      </c>
      <c r="S4366" s="236" t="e">
        <f t="shared" si="1019"/>
        <v>#N/A</v>
      </c>
      <c r="T4366" s="236">
        <f t="shared" si="1020"/>
        <v>32.932636460910594</v>
      </c>
    </row>
    <row r="4367" spans="1:20" x14ac:dyDescent="0.2">
      <c r="A4367" s="53">
        <f t="shared" si="1021"/>
        <v>4355</v>
      </c>
      <c r="B4367" s="239">
        <v>43.308999999999997</v>
      </c>
      <c r="C4367" s="3">
        <f t="shared" si="1022"/>
        <v>43.302</v>
      </c>
      <c r="D4367" s="239">
        <v>12.6303</v>
      </c>
      <c r="E4367" s="239">
        <v>0.23039999999999999</v>
      </c>
      <c r="F4367" s="239">
        <v>7.9399999999999998E-2</v>
      </c>
      <c r="G4367">
        <f t="shared" ref="G4367:G4430" si="1023">$D4367+($F4367*(1-$P$8))</f>
        <v>12.646179999999999</v>
      </c>
      <c r="H4367" s="235">
        <f t="shared" ref="H4367:H4430" si="1024">($E4367/$G4367)*100</f>
        <v>1.8218940423115912</v>
      </c>
      <c r="I4367" s="236">
        <f t="shared" ref="I4367:I4430" si="1025">((0.27*(LOG($H4367)))+(0.36*(LOG(($G4367*1000)/101)))+1.236)*10</f>
        <v>20.614909159375642</v>
      </c>
      <c r="J4367" s="237">
        <f t="shared" si="1015"/>
        <v>10.614909159375642</v>
      </c>
      <c r="K4367" s="237">
        <f t="shared" ref="K4367:K4430" si="1026">$I4367*$C4367</f>
        <v>892.66679641928408</v>
      </c>
      <c r="L4367" s="237">
        <f t="shared" si="1016"/>
        <v>459.72110078339966</v>
      </c>
      <c r="M4367" s="236">
        <f t="shared" ref="M4367:M4430" si="1027">(($G4367*1000)-$K4367)/$L4367</f>
        <v>25.566616767322266</v>
      </c>
      <c r="N4367" s="236">
        <f t="shared" ref="N4367:N4430" si="1028">(($E4367*1000)/(($G4367*1000)-$K4367))*100</f>
        <v>1.9602649523532123</v>
      </c>
      <c r="O4367" s="236">
        <f t="shared" si="1017"/>
        <v>2.5573985913927686</v>
      </c>
      <c r="P4367" s="236" t="str">
        <f t="shared" si="1018"/>
        <v>SAND</v>
      </c>
      <c r="Q4367" s="236" t="e">
        <f t="shared" ref="Q4367:Q4430" si="1029">IF(P4367="CLAY",($G4367*1000 -$K4367)/$L$8,#N/A)</f>
        <v>#N/A</v>
      </c>
      <c r="R4367" s="238">
        <v>35</v>
      </c>
      <c r="S4367" s="236" t="e">
        <f t="shared" si="1019"/>
        <v>#N/A</v>
      </c>
      <c r="T4367" s="236">
        <f t="shared" si="1020"/>
        <v>33.084405877610834</v>
      </c>
    </row>
    <row r="4368" spans="1:20" x14ac:dyDescent="0.2">
      <c r="A4368" s="53">
        <f t="shared" si="1021"/>
        <v>4356</v>
      </c>
      <c r="B4368" s="239">
        <v>43.317999999999998</v>
      </c>
      <c r="C4368" s="3">
        <f t="shared" si="1022"/>
        <v>43.311</v>
      </c>
      <c r="D4368" s="239">
        <v>12.975099999999999</v>
      </c>
      <c r="E4368" s="239">
        <v>0.215</v>
      </c>
      <c r="F4368" s="239">
        <v>3.8399999999999997E-2</v>
      </c>
      <c r="G4368">
        <f t="shared" si="1023"/>
        <v>12.98278</v>
      </c>
      <c r="H4368" s="235">
        <f t="shared" si="1024"/>
        <v>1.656039769602504</v>
      </c>
      <c r="I4368" s="236">
        <f t="shared" si="1025"/>
        <v>20.544057824183643</v>
      </c>
      <c r="J4368" s="237">
        <f t="shared" ref="J4368:J4431" si="1030">$I4368-10</f>
        <v>10.544057824183643</v>
      </c>
      <c r="K4368" s="237">
        <f t="shared" si="1026"/>
        <v>889.78368842321777</v>
      </c>
      <c r="L4368" s="237">
        <f t="shared" ref="L4368:L4431" si="1031">$J4368*$B4368</f>
        <v>456.74749682798699</v>
      </c>
      <c r="M4368" s="236">
        <f t="shared" si="1027"/>
        <v>26.476327501650339</v>
      </c>
      <c r="N4368" s="236">
        <f t="shared" si="1028"/>
        <v>1.7778885766646411</v>
      </c>
      <c r="O4368" s="236">
        <f t="shared" ref="O4368:O4431" si="1032">((3.47-LOG($M4368))^2+(LOG($N4368)+1.22)^2)^0.5</f>
        <v>2.5202005415268673</v>
      </c>
      <c r="P4368" s="236" t="str">
        <f t="shared" ref="P4368:P4431" si="1033">IF(O4368&lt;2.6,"SAND","CLAY")</f>
        <v>SAND</v>
      </c>
      <c r="Q4368" s="236" t="e">
        <f t="shared" si="1029"/>
        <v>#N/A</v>
      </c>
      <c r="R4368" s="238">
        <v>35</v>
      </c>
      <c r="S4368" s="236" t="e">
        <f t="shared" ref="S4368:S4431" si="1034">IF(P4368="SAND",#N/A,0.25*($M4368)^1.25)</f>
        <v>#N/A</v>
      </c>
      <c r="T4368" s="236">
        <f t="shared" si="1020"/>
        <v>33.251435189495133</v>
      </c>
    </row>
    <row r="4369" spans="1:20" x14ac:dyDescent="0.2">
      <c r="A4369" s="53">
        <f t="shared" si="1021"/>
        <v>4357</v>
      </c>
      <c r="B4369" s="239">
        <v>43.328000000000003</v>
      </c>
      <c r="C4369" s="3">
        <f t="shared" si="1022"/>
        <v>43.321000000000005</v>
      </c>
      <c r="D4369" s="239">
        <v>13.104200000000001</v>
      </c>
      <c r="E4369" s="239">
        <v>0.20280000000000001</v>
      </c>
      <c r="F4369" s="239">
        <v>3.9699999999999999E-2</v>
      </c>
      <c r="G4369">
        <f t="shared" si="1023"/>
        <v>13.11214</v>
      </c>
      <c r="H4369" s="235">
        <f t="shared" si="1024"/>
        <v>1.5466582876631885</v>
      </c>
      <c r="I4369" s="236">
        <f t="shared" si="1025"/>
        <v>20.479432741012552</v>
      </c>
      <c r="J4369" s="237">
        <f t="shared" si="1030"/>
        <v>10.479432741012552</v>
      </c>
      <c r="K4369" s="237">
        <f t="shared" si="1026"/>
        <v>887.1895057734049</v>
      </c>
      <c r="L4369" s="237">
        <f t="shared" si="1031"/>
        <v>454.05286180259185</v>
      </c>
      <c r="M4369" s="236">
        <f t="shared" si="1027"/>
        <v>26.924068809286847</v>
      </c>
      <c r="N4369" s="236">
        <f t="shared" si="1028"/>
        <v>1.6589024233331269</v>
      </c>
      <c r="O4369" s="236">
        <f t="shared" si="1032"/>
        <v>2.4968199881143183</v>
      </c>
      <c r="P4369" s="236" t="str">
        <f t="shared" si="1033"/>
        <v>SAND</v>
      </c>
      <c r="Q4369" s="236" t="e">
        <f t="shared" si="1029"/>
        <v>#N/A</v>
      </c>
      <c r="R4369" s="238">
        <v>35</v>
      </c>
      <c r="S4369" s="236" t="e">
        <f t="shared" si="1034"/>
        <v>#N/A</v>
      </c>
      <c r="T4369" s="236">
        <f t="shared" si="1020"/>
        <v>33.331547609839255</v>
      </c>
    </row>
    <row r="4370" spans="1:20" x14ac:dyDescent="0.2">
      <c r="A4370" s="53">
        <f t="shared" si="1021"/>
        <v>4358</v>
      </c>
      <c r="B4370" s="239">
        <v>43.337000000000003</v>
      </c>
      <c r="C4370" s="3">
        <f t="shared" si="1022"/>
        <v>43.330000000000005</v>
      </c>
      <c r="D4370" s="239">
        <v>13.080399999999999</v>
      </c>
      <c r="E4370" s="239">
        <v>0.191</v>
      </c>
      <c r="F4370" s="239">
        <v>6.7500000000000004E-2</v>
      </c>
      <c r="G4370">
        <f t="shared" si="1023"/>
        <v>13.0939</v>
      </c>
      <c r="H4370" s="235">
        <f t="shared" si="1024"/>
        <v>1.4586945066023111</v>
      </c>
      <c r="I4370" s="236">
        <f t="shared" si="1025"/>
        <v>20.408595263797579</v>
      </c>
      <c r="J4370" s="237">
        <f t="shared" si="1030"/>
        <v>10.408595263797579</v>
      </c>
      <c r="K4370" s="237">
        <f t="shared" si="1026"/>
        <v>884.3044327803492</v>
      </c>
      <c r="L4370" s="237">
        <f t="shared" si="1031"/>
        <v>451.07729294719576</v>
      </c>
      <c r="M4370" s="236">
        <f t="shared" si="1027"/>
        <v>27.067635099621246</v>
      </c>
      <c r="N4370" s="236">
        <f t="shared" si="1028"/>
        <v>1.5643433801591038</v>
      </c>
      <c r="O4370" s="236">
        <f t="shared" si="1032"/>
        <v>2.4803112675101793</v>
      </c>
      <c r="P4370" s="236" t="str">
        <f t="shared" si="1033"/>
        <v>SAND</v>
      </c>
      <c r="Q4370" s="236" t="e">
        <f t="shared" si="1029"/>
        <v>#N/A</v>
      </c>
      <c r="R4370" s="238">
        <v>35</v>
      </c>
      <c r="S4370" s="236" t="e">
        <f t="shared" si="1034"/>
        <v>#N/A</v>
      </c>
      <c r="T4370" s="236">
        <f t="shared" si="1020"/>
        <v>33.356953444116215</v>
      </c>
    </row>
    <row r="4371" spans="1:20" x14ac:dyDescent="0.2">
      <c r="A4371" s="53">
        <f t="shared" si="1021"/>
        <v>4359</v>
      </c>
      <c r="B4371" s="239">
        <v>43.347000000000001</v>
      </c>
      <c r="C4371" s="3">
        <f t="shared" si="1022"/>
        <v>43.34</v>
      </c>
      <c r="D4371" s="239">
        <v>12.903700000000001</v>
      </c>
      <c r="E4371" s="239">
        <v>0.17630000000000001</v>
      </c>
      <c r="F4371" s="239">
        <v>0.1023</v>
      </c>
      <c r="G4371">
        <f t="shared" si="1023"/>
        <v>12.924160000000001</v>
      </c>
      <c r="H4371" s="235">
        <f t="shared" si="1024"/>
        <v>1.3641118649103694</v>
      </c>
      <c r="I4371" s="236">
        <f t="shared" si="1025"/>
        <v>20.30958639090748</v>
      </c>
      <c r="J4371" s="237">
        <f t="shared" si="1030"/>
        <v>10.30958639090748</v>
      </c>
      <c r="K4371" s="237">
        <f t="shared" si="1026"/>
        <v>880.21747418193024</v>
      </c>
      <c r="L4371" s="237">
        <f t="shared" si="1031"/>
        <v>446.88964128666657</v>
      </c>
      <c r="M4371" s="236">
        <f t="shared" si="1027"/>
        <v>26.950596776290535</v>
      </c>
      <c r="N4371" s="236">
        <f t="shared" si="1028"/>
        <v>1.4638063875020448</v>
      </c>
      <c r="O4371" s="236">
        <f t="shared" si="1032"/>
        <v>2.4655316298251604</v>
      </c>
      <c r="P4371" s="236" t="str">
        <f t="shared" si="1033"/>
        <v>SAND</v>
      </c>
      <c r="Q4371" s="236" t="e">
        <f t="shared" si="1029"/>
        <v>#N/A</v>
      </c>
      <c r="R4371" s="238">
        <v>35</v>
      </c>
      <c r="S4371" s="236" t="e">
        <f t="shared" si="1034"/>
        <v>#N/A</v>
      </c>
      <c r="T4371" s="236">
        <f t="shared" si="1020"/>
        <v>33.336252249966812</v>
      </c>
    </row>
    <row r="4372" spans="1:20" x14ac:dyDescent="0.2">
      <c r="A4372" s="53">
        <f t="shared" si="1021"/>
        <v>4360</v>
      </c>
      <c r="B4372" s="239">
        <v>43.357999999999997</v>
      </c>
      <c r="C4372" s="3">
        <f t="shared" si="1022"/>
        <v>43.350999999999999</v>
      </c>
      <c r="D4372" s="239">
        <v>12.7006</v>
      </c>
      <c r="E4372" s="239">
        <v>0.16250000000000001</v>
      </c>
      <c r="F4372" s="239">
        <v>0.14799999999999999</v>
      </c>
      <c r="G4372">
        <f t="shared" si="1023"/>
        <v>12.7302</v>
      </c>
      <c r="H4372" s="235">
        <f t="shared" si="1024"/>
        <v>1.2764921210978619</v>
      </c>
      <c r="I4372" s="236">
        <f t="shared" si="1025"/>
        <v>20.20809884482167</v>
      </c>
      <c r="J4372" s="237">
        <f t="shared" si="1030"/>
        <v>10.20809884482167</v>
      </c>
      <c r="K4372" s="237">
        <f t="shared" si="1026"/>
        <v>876.04129302186425</v>
      </c>
      <c r="L4372" s="237">
        <f t="shared" si="1031"/>
        <v>442.60274971377794</v>
      </c>
      <c r="M4372" s="236">
        <f t="shared" si="1027"/>
        <v>26.782840175855156</v>
      </c>
      <c r="N4372" s="236">
        <f t="shared" si="1028"/>
        <v>1.3708269310106487</v>
      </c>
      <c r="O4372" s="236">
        <f t="shared" si="1032"/>
        <v>2.4518873133324339</v>
      </c>
      <c r="P4372" s="236" t="str">
        <f t="shared" si="1033"/>
        <v>SAND</v>
      </c>
      <c r="Q4372" s="236" t="e">
        <f t="shared" si="1029"/>
        <v>#N/A</v>
      </c>
      <c r="R4372" s="238">
        <v>35</v>
      </c>
      <c r="S4372" s="236" t="e">
        <f t="shared" si="1034"/>
        <v>#N/A</v>
      </c>
      <c r="T4372" s="236">
        <f t="shared" si="1020"/>
        <v>33.306422926779959</v>
      </c>
    </row>
    <row r="4373" spans="1:20" x14ac:dyDescent="0.2">
      <c r="A4373" s="53">
        <f t="shared" si="1021"/>
        <v>4361</v>
      </c>
      <c r="B4373" s="239">
        <v>43.366999999999997</v>
      </c>
      <c r="C4373" s="3">
        <f t="shared" si="1022"/>
        <v>43.36</v>
      </c>
      <c r="D4373" s="239">
        <v>12.3331</v>
      </c>
      <c r="E4373" s="239">
        <v>0.15509999999999999</v>
      </c>
      <c r="F4373" s="239">
        <v>0.21</v>
      </c>
      <c r="G4373">
        <f t="shared" si="1023"/>
        <v>12.3751</v>
      </c>
      <c r="H4373" s="235">
        <f t="shared" si="1024"/>
        <v>1.2533232054690466</v>
      </c>
      <c r="I4373" s="236">
        <f t="shared" si="1025"/>
        <v>20.142388753816828</v>
      </c>
      <c r="J4373" s="237">
        <f t="shared" si="1030"/>
        <v>10.142388753816828</v>
      </c>
      <c r="K4373" s="237">
        <f t="shared" si="1026"/>
        <v>873.3739763654977</v>
      </c>
      <c r="L4373" s="237">
        <f t="shared" si="1031"/>
        <v>439.84497308677436</v>
      </c>
      <c r="M4373" s="236">
        <f t="shared" si="1027"/>
        <v>26.149499772424129</v>
      </c>
      <c r="N4373" s="236">
        <f t="shared" si="1028"/>
        <v>1.3484932581535181</v>
      </c>
      <c r="O4373" s="236">
        <f t="shared" si="1032"/>
        <v>2.4566233495812457</v>
      </c>
      <c r="P4373" s="236" t="str">
        <f t="shared" si="1033"/>
        <v>SAND</v>
      </c>
      <c r="Q4373" s="236" t="e">
        <f t="shared" si="1029"/>
        <v>#N/A</v>
      </c>
      <c r="R4373" s="238">
        <v>35</v>
      </c>
      <c r="S4373" s="236" t="e">
        <f t="shared" si="1034"/>
        <v>#N/A</v>
      </c>
      <c r="T4373" s="236">
        <f t="shared" si="1020"/>
        <v>33.192097239779564</v>
      </c>
    </row>
    <row r="4374" spans="1:20" x14ac:dyDescent="0.2">
      <c r="A4374" s="53">
        <f t="shared" si="1021"/>
        <v>4362</v>
      </c>
      <c r="B4374" s="239">
        <v>43.375999999999998</v>
      </c>
      <c r="C4374" s="3">
        <f t="shared" si="1022"/>
        <v>43.369</v>
      </c>
      <c r="D4374" s="239">
        <v>12.1142</v>
      </c>
      <c r="E4374" s="239">
        <v>0.1484</v>
      </c>
      <c r="F4374" s="239">
        <v>0.22689999999999999</v>
      </c>
      <c r="G4374">
        <f t="shared" si="1023"/>
        <v>12.15958</v>
      </c>
      <c r="H4374" s="235">
        <f t="shared" si="1024"/>
        <v>1.2204368900899538</v>
      </c>
      <c r="I4374" s="236">
        <f t="shared" si="1025"/>
        <v>20.083741303865956</v>
      </c>
      <c r="J4374" s="237">
        <f t="shared" si="1030"/>
        <v>10.083741303865956</v>
      </c>
      <c r="K4374" s="237">
        <f t="shared" si="1026"/>
        <v>871.01177660736266</v>
      </c>
      <c r="L4374" s="237">
        <f t="shared" si="1031"/>
        <v>437.39236279648969</v>
      </c>
      <c r="M4374" s="236">
        <f t="shared" si="1027"/>
        <v>25.808791336041214</v>
      </c>
      <c r="N4374" s="236">
        <f t="shared" si="1028"/>
        <v>1.314604271004709</v>
      </c>
      <c r="O4374" s="236">
        <f t="shared" si="1032"/>
        <v>2.4553395886229228</v>
      </c>
      <c r="P4374" s="236" t="str">
        <f t="shared" si="1033"/>
        <v>SAND</v>
      </c>
      <c r="Q4374" s="236" t="e">
        <f t="shared" si="1029"/>
        <v>#N/A</v>
      </c>
      <c r="R4374" s="238">
        <v>35</v>
      </c>
      <c r="S4374" s="236" t="e">
        <f t="shared" si="1034"/>
        <v>#N/A</v>
      </c>
      <c r="T4374" s="236">
        <f t="shared" si="1020"/>
        <v>33.129444330022551</v>
      </c>
    </row>
    <row r="4375" spans="1:20" x14ac:dyDescent="0.2">
      <c r="A4375" s="53">
        <f t="shared" si="1021"/>
        <v>4363</v>
      </c>
      <c r="B4375" s="239">
        <v>43.384999999999998</v>
      </c>
      <c r="C4375" s="3">
        <f t="shared" si="1022"/>
        <v>43.378</v>
      </c>
      <c r="D4375" s="239">
        <v>11.8551</v>
      </c>
      <c r="E4375" s="239">
        <v>0.14849999999999999</v>
      </c>
      <c r="F4375" s="239">
        <v>0.2424</v>
      </c>
      <c r="G4375">
        <f t="shared" si="1023"/>
        <v>11.90358</v>
      </c>
      <c r="H4375" s="235">
        <f t="shared" si="1024"/>
        <v>1.2475238541682416</v>
      </c>
      <c r="I4375" s="236">
        <f t="shared" si="1025"/>
        <v>20.076214314783556</v>
      </c>
      <c r="J4375" s="237">
        <f t="shared" si="1030"/>
        <v>10.076214314783556</v>
      </c>
      <c r="K4375" s="237">
        <f t="shared" si="1026"/>
        <v>870.86602454668105</v>
      </c>
      <c r="L4375" s="237">
        <f t="shared" si="1031"/>
        <v>437.15655804688453</v>
      </c>
      <c r="M4375" s="236">
        <f t="shared" si="1027"/>
        <v>25.237443593995156</v>
      </c>
      <c r="N4375" s="236">
        <f t="shared" si="1028"/>
        <v>1.3459970079021137</v>
      </c>
      <c r="O4375" s="236">
        <f t="shared" si="1032"/>
        <v>2.4690800628063609</v>
      </c>
      <c r="P4375" s="236" t="str">
        <f t="shared" si="1033"/>
        <v>SAND</v>
      </c>
      <c r="Q4375" s="236" t="e">
        <f t="shared" si="1029"/>
        <v>#N/A</v>
      </c>
      <c r="R4375" s="238">
        <v>35</v>
      </c>
      <c r="S4375" s="236" t="e">
        <f t="shared" si="1034"/>
        <v>#N/A</v>
      </c>
      <c r="T4375" s="236">
        <f t="shared" si="1020"/>
        <v>33.022498974290471</v>
      </c>
    </row>
    <row r="4376" spans="1:20" x14ac:dyDescent="0.2">
      <c r="A4376" s="53">
        <f t="shared" si="1021"/>
        <v>4364</v>
      </c>
      <c r="B4376" s="239">
        <v>43.396000000000001</v>
      </c>
      <c r="C4376" s="3">
        <f t="shared" si="1022"/>
        <v>43.389000000000003</v>
      </c>
      <c r="D4376" s="239">
        <v>11.6584</v>
      </c>
      <c r="E4376" s="239">
        <v>0.14749999999999999</v>
      </c>
      <c r="F4376" s="239">
        <v>0.2195</v>
      </c>
      <c r="G4376">
        <f t="shared" si="1023"/>
        <v>11.702300000000001</v>
      </c>
      <c r="H4376" s="235">
        <f t="shared" si="1024"/>
        <v>1.2604359826700733</v>
      </c>
      <c r="I4376" s="236">
        <f t="shared" si="1025"/>
        <v>20.061625613967013</v>
      </c>
      <c r="J4376" s="237">
        <f t="shared" si="1030"/>
        <v>10.061625613967013</v>
      </c>
      <c r="K4376" s="237">
        <f t="shared" si="1026"/>
        <v>870.45387376441477</v>
      </c>
      <c r="L4376" s="237">
        <f t="shared" si="1031"/>
        <v>436.63430514371254</v>
      </c>
      <c r="M4376" s="236">
        <f t="shared" si="1027"/>
        <v>24.80759298715758</v>
      </c>
      <c r="N4376" s="236">
        <f t="shared" si="1028"/>
        <v>1.361725400093557</v>
      </c>
      <c r="O4376" s="236">
        <f t="shared" si="1032"/>
        <v>2.478085439335707</v>
      </c>
      <c r="P4376" s="236" t="str">
        <f t="shared" si="1033"/>
        <v>SAND</v>
      </c>
      <c r="Q4376" s="236" t="e">
        <f t="shared" si="1029"/>
        <v>#N/A</v>
      </c>
      <c r="R4376" s="238">
        <v>35</v>
      </c>
      <c r="S4376" s="236" t="e">
        <f t="shared" si="1034"/>
        <v>#N/A</v>
      </c>
      <c r="T4376" s="236">
        <f t="shared" si="1020"/>
        <v>32.940430907027235</v>
      </c>
    </row>
    <row r="4377" spans="1:20" x14ac:dyDescent="0.2">
      <c r="A4377" s="53">
        <f t="shared" si="1021"/>
        <v>4365</v>
      </c>
      <c r="B4377" s="239">
        <v>43.405000000000001</v>
      </c>
      <c r="C4377" s="3">
        <f t="shared" si="1022"/>
        <v>43.398000000000003</v>
      </c>
      <c r="D4377" s="239">
        <v>11.3436</v>
      </c>
      <c r="E4377" s="239">
        <v>0.13669999999999999</v>
      </c>
      <c r="F4377" s="239">
        <v>0.1439</v>
      </c>
      <c r="G4377">
        <f t="shared" si="1023"/>
        <v>11.37238</v>
      </c>
      <c r="H4377" s="235">
        <f t="shared" si="1024"/>
        <v>1.2020351061079562</v>
      </c>
      <c r="I4377" s="236">
        <f t="shared" si="1025"/>
        <v>19.961284270327852</v>
      </c>
      <c r="J4377" s="237">
        <f t="shared" si="1030"/>
        <v>9.9612842703278517</v>
      </c>
      <c r="K4377" s="237">
        <f t="shared" si="1026"/>
        <v>866.27981476368814</v>
      </c>
      <c r="L4377" s="237">
        <f t="shared" si="1031"/>
        <v>432.36954375358039</v>
      </c>
      <c r="M4377" s="236">
        <f t="shared" si="1027"/>
        <v>24.298890467696854</v>
      </c>
      <c r="N4377" s="236">
        <f t="shared" si="1028"/>
        <v>1.3011488334377159</v>
      </c>
      <c r="O4377" s="236">
        <f t="shared" si="1032"/>
        <v>2.4749158280262482</v>
      </c>
      <c r="P4377" s="236" t="str">
        <f t="shared" si="1033"/>
        <v>SAND</v>
      </c>
      <c r="Q4377" s="236" t="e">
        <f t="shared" si="1029"/>
        <v>#N/A</v>
      </c>
      <c r="R4377" s="238">
        <v>35</v>
      </c>
      <c r="S4377" s="236" t="e">
        <f t="shared" si="1034"/>
        <v>#N/A</v>
      </c>
      <c r="T4377" s="236">
        <f t="shared" si="1020"/>
        <v>32.841450876974946</v>
      </c>
    </row>
    <row r="4378" spans="1:20" x14ac:dyDescent="0.2">
      <c r="A4378" s="53">
        <f t="shared" si="1021"/>
        <v>4366</v>
      </c>
      <c r="B4378" s="239">
        <v>43.414999999999999</v>
      </c>
      <c r="C4378" s="3">
        <f t="shared" si="1022"/>
        <v>43.408000000000001</v>
      </c>
      <c r="D4378" s="239">
        <v>11.0837</v>
      </c>
      <c r="E4378" s="239">
        <v>0.13650000000000001</v>
      </c>
      <c r="F4378" s="239">
        <v>0.15129999999999999</v>
      </c>
      <c r="G4378">
        <f t="shared" si="1023"/>
        <v>11.113960000000001</v>
      </c>
      <c r="H4378" s="235">
        <f t="shared" si="1024"/>
        <v>1.228185093342067</v>
      </c>
      <c r="I4378" s="236">
        <f t="shared" si="1025"/>
        <v>19.950583159553304</v>
      </c>
      <c r="J4378" s="237">
        <f t="shared" si="1030"/>
        <v>9.9505831595533039</v>
      </c>
      <c r="K4378" s="237">
        <f t="shared" si="1026"/>
        <v>866.01491378988987</v>
      </c>
      <c r="L4378" s="237">
        <f t="shared" si="1031"/>
        <v>432.0045678720067</v>
      </c>
      <c r="M4378" s="236">
        <f t="shared" si="1027"/>
        <v>23.721844277457613</v>
      </c>
      <c r="N4378" s="236">
        <f t="shared" si="1028"/>
        <v>1.3319743504839598</v>
      </c>
      <c r="O4378" s="236">
        <f t="shared" si="1032"/>
        <v>2.4891910606173244</v>
      </c>
      <c r="P4378" s="236" t="str">
        <f t="shared" si="1033"/>
        <v>SAND</v>
      </c>
      <c r="Q4378" s="236" t="e">
        <f t="shared" si="1029"/>
        <v>#N/A</v>
      </c>
      <c r="R4378" s="238">
        <v>35</v>
      </c>
      <c r="S4378" s="236" t="e">
        <f t="shared" si="1034"/>
        <v>#N/A</v>
      </c>
      <c r="T4378" s="236">
        <f t="shared" si="1020"/>
        <v>32.726632957088796</v>
      </c>
    </row>
    <row r="4379" spans="1:20" x14ac:dyDescent="0.2">
      <c r="A4379" s="53">
        <f t="shared" si="1021"/>
        <v>4367</v>
      </c>
      <c r="B4379" s="239">
        <v>43.423999999999999</v>
      </c>
      <c r="C4379" s="3">
        <f t="shared" si="1022"/>
        <v>43.417000000000002</v>
      </c>
      <c r="D4379" s="239">
        <v>10.9061</v>
      </c>
      <c r="E4379" s="239">
        <v>0.14649999999999999</v>
      </c>
      <c r="F4379" s="239">
        <v>0.23980000000000001</v>
      </c>
      <c r="G4379">
        <f t="shared" si="1023"/>
        <v>10.95406</v>
      </c>
      <c r="H4379" s="235">
        <f t="shared" si="1024"/>
        <v>1.3374036658553996</v>
      </c>
      <c r="I4379" s="236">
        <f t="shared" si="1025"/>
        <v>20.027822244917594</v>
      </c>
      <c r="J4379" s="237">
        <f t="shared" si="1030"/>
        <v>10.027822244917594</v>
      </c>
      <c r="K4379" s="237">
        <f t="shared" si="1026"/>
        <v>869.5479584075872</v>
      </c>
      <c r="L4379" s="237">
        <f t="shared" si="1031"/>
        <v>435.44815316330158</v>
      </c>
      <c r="M4379" s="236">
        <f t="shared" si="1027"/>
        <v>23.158927115280523</v>
      </c>
      <c r="N4379" s="236">
        <f t="shared" si="1028"/>
        <v>1.4527227435078423</v>
      </c>
      <c r="O4379" s="236">
        <f t="shared" si="1032"/>
        <v>2.5184597632520731</v>
      </c>
      <c r="P4379" s="236" t="str">
        <f t="shared" si="1033"/>
        <v>SAND</v>
      </c>
      <c r="Q4379" s="236" t="e">
        <f t="shared" si="1029"/>
        <v>#N/A</v>
      </c>
      <c r="R4379" s="238">
        <v>35</v>
      </c>
      <c r="S4379" s="236" t="e">
        <f t="shared" si="1034"/>
        <v>#N/A</v>
      </c>
      <c r="T4379" s="236">
        <f t="shared" si="1020"/>
        <v>32.611902795343049</v>
      </c>
    </row>
    <row r="4380" spans="1:20" x14ac:dyDescent="0.2">
      <c r="A4380" s="53">
        <f t="shared" si="1021"/>
        <v>4368</v>
      </c>
      <c r="B4380" s="239">
        <v>43.435000000000002</v>
      </c>
      <c r="C4380" s="3">
        <f t="shared" si="1022"/>
        <v>43.428000000000004</v>
      </c>
      <c r="D4380" s="239">
        <v>10.958600000000001</v>
      </c>
      <c r="E4380" s="239">
        <v>0.15160000000000001</v>
      </c>
      <c r="F4380" s="239">
        <v>0.3337</v>
      </c>
      <c r="G4380">
        <f t="shared" si="1023"/>
        <v>11.02534</v>
      </c>
      <c r="H4380" s="235">
        <f t="shared" si="1024"/>
        <v>1.3750142852737421</v>
      </c>
      <c r="I4380" s="236">
        <f t="shared" si="1025"/>
        <v>20.070483689909469</v>
      </c>
      <c r="J4380" s="237">
        <f t="shared" si="1030"/>
        <v>10.070483689909469</v>
      </c>
      <c r="K4380" s="237">
        <f t="shared" si="1026"/>
        <v>871.62096568538857</v>
      </c>
      <c r="L4380" s="237">
        <f t="shared" si="1031"/>
        <v>437.41145907121785</v>
      </c>
      <c r="M4380" s="236">
        <f t="shared" si="1027"/>
        <v>23.21319851993502</v>
      </c>
      <c r="N4380" s="236">
        <f t="shared" si="1028"/>
        <v>1.4930489950299595</v>
      </c>
      <c r="O4380" s="236">
        <f t="shared" si="1032"/>
        <v>2.5241580248850859</v>
      </c>
      <c r="P4380" s="236" t="str">
        <f t="shared" si="1033"/>
        <v>SAND</v>
      </c>
      <c r="Q4380" s="236" t="e">
        <f t="shared" si="1029"/>
        <v>#N/A</v>
      </c>
      <c r="R4380" s="238">
        <v>35</v>
      </c>
      <c r="S4380" s="236" t="e">
        <f t="shared" si="1034"/>
        <v>#N/A</v>
      </c>
      <c r="T4380" s="236">
        <f t="shared" si="1020"/>
        <v>32.623084840679752</v>
      </c>
    </row>
    <row r="4381" spans="1:20" x14ac:dyDescent="0.2">
      <c r="A4381" s="53">
        <f t="shared" si="1021"/>
        <v>4369</v>
      </c>
      <c r="B4381" s="239">
        <v>43.444000000000003</v>
      </c>
      <c r="C4381" s="3">
        <f t="shared" si="1022"/>
        <v>43.437000000000005</v>
      </c>
      <c r="D4381" s="239">
        <v>10.694100000000001</v>
      </c>
      <c r="E4381" s="239">
        <v>0.1444</v>
      </c>
      <c r="F4381" s="239">
        <v>0.24490000000000001</v>
      </c>
      <c r="G4381">
        <f t="shared" si="1023"/>
        <v>10.743080000000001</v>
      </c>
      <c r="H4381" s="235">
        <f t="shared" si="1024"/>
        <v>1.344121052807947</v>
      </c>
      <c r="I4381" s="236">
        <f t="shared" si="1025"/>
        <v>20.003290404919184</v>
      </c>
      <c r="J4381" s="237">
        <f t="shared" si="1030"/>
        <v>10.003290404919184</v>
      </c>
      <c r="K4381" s="237">
        <f t="shared" si="1026"/>
        <v>868.88292531847469</v>
      </c>
      <c r="L4381" s="237">
        <f t="shared" si="1031"/>
        <v>434.58294835130908</v>
      </c>
      <c r="M4381" s="236">
        <f t="shared" si="1027"/>
        <v>22.721087221994278</v>
      </c>
      <c r="N4381" s="236">
        <f t="shared" si="1028"/>
        <v>1.4623973869253297</v>
      </c>
      <c r="O4381" s="236">
        <f t="shared" si="1032"/>
        <v>2.526972117116399</v>
      </c>
      <c r="P4381" s="236" t="str">
        <f t="shared" si="1033"/>
        <v>SAND</v>
      </c>
      <c r="Q4381" s="236" t="e">
        <f t="shared" si="1029"/>
        <v>#N/A</v>
      </c>
      <c r="R4381" s="238">
        <v>35</v>
      </c>
      <c r="S4381" s="236" t="e">
        <f t="shared" si="1034"/>
        <v>#N/A</v>
      </c>
      <c r="T4381" s="236">
        <f t="shared" si="1020"/>
        <v>32.520720197577184</v>
      </c>
    </row>
    <row r="4382" spans="1:20" x14ac:dyDescent="0.2">
      <c r="A4382" s="53">
        <f t="shared" si="1021"/>
        <v>4370</v>
      </c>
      <c r="B4382" s="239">
        <v>43.453000000000003</v>
      </c>
      <c r="C4382" s="3">
        <f t="shared" si="1022"/>
        <v>43.446000000000005</v>
      </c>
      <c r="D4382" s="239">
        <v>10.8078</v>
      </c>
      <c r="E4382" s="239">
        <v>0.15210000000000001</v>
      </c>
      <c r="F4382" s="239">
        <v>7.0599999999999996E-2</v>
      </c>
      <c r="G4382">
        <f t="shared" si="1023"/>
        <v>10.82192</v>
      </c>
      <c r="H4382" s="235">
        <f t="shared" si="1024"/>
        <v>1.4054807280039032</v>
      </c>
      <c r="I4382" s="236">
        <f t="shared" si="1025"/>
        <v>20.067065819541099</v>
      </c>
      <c r="J4382" s="237">
        <f t="shared" si="1030"/>
        <v>10.067065819541099</v>
      </c>
      <c r="K4382" s="237">
        <f t="shared" si="1026"/>
        <v>871.83374159578273</v>
      </c>
      <c r="L4382" s="237">
        <f t="shared" si="1031"/>
        <v>437.44421105651941</v>
      </c>
      <c r="M4382" s="236">
        <f t="shared" si="1027"/>
        <v>22.745954814152586</v>
      </c>
      <c r="N4382" s="236">
        <f t="shared" si="1028"/>
        <v>1.5286299641023779</v>
      </c>
      <c r="O4382" s="236">
        <f t="shared" si="1032"/>
        <v>2.5371714801663199</v>
      </c>
      <c r="P4382" s="236" t="str">
        <f t="shared" si="1033"/>
        <v>SAND</v>
      </c>
      <c r="Q4382" s="236" t="e">
        <f t="shared" si="1029"/>
        <v>#N/A</v>
      </c>
      <c r="R4382" s="238">
        <v>35</v>
      </c>
      <c r="S4382" s="236" t="e">
        <f t="shared" si="1034"/>
        <v>#N/A</v>
      </c>
      <c r="T4382" s="236">
        <f t="shared" si="1020"/>
        <v>32.525945892722675</v>
      </c>
    </row>
    <row r="4383" spans="1:20" x14ac:dyDescent="0.2">
      <c r="A4383" s="53">
        <f t="shared" si="1021"/>
        <v>4371</v>
      </c>
      <c r="B4383" s="239">
        <v>43.463000000000001</v>
      </c>
      <c r="C4383" s="3">
        <f t="shared" si="1022"/>
        <v>43.456000000000003</v>
      </c>
      <c r="D4383" s="239">
        <v>10.6349</v>
      </c>
      <c r="E4383" s="239">
        <v>0.16839999999999999</v>
      </c>
      <c r="F4383" s="239">
        <v>2.7699999999999999E-2</v>
      </c>
      <c r="G4383">
        <f t="shared" si="1023"/>
        <v>10.64044</v>
      </c>
      <c r="H4383" s="235">
        <f t="shared" si="1024"/>
        <v>1.582641319343937</v>
      </c>
      <c r="I4383" s="236">
        <f t="shared" si="1025"/>
        <v>20.179830318144838</v>
      </c>
      <c r="J4383" s="237">
        <f t="shared" si="1030"/>
        <v>10.179830318144838</v>
      </c>
      <c r="K4383" s="237">
        <f t="shared" si="1026"/>
        <v>876.93470630530214</v>
      </c>
      <c r="L4383" s="237">
        <f t="shared" si="1031"/>
        <v>442.44596511752906</v>
      </c>
      <c r="M4383" s="236">
        <f t="shared" si="1027"/>
        <v>22.067113418247967</v>
      </c>
      <c r="N4383" s="236">
        <f t="shared" si="1028"/>
        <v>1.7247903794219608</v>
      </c>
      <c r="O4383" s="236">
        <f t="shared" si="1032"/>
        <v>2.5774093179937343</v>
      </c>
      <c r="P4383" s="236" t="str">
        <f t="shared" si="1033"/>
        <v>SAND</v>
      </c>
      <c r="Q4383" s="236" t="e">
        <f t="shared" si="1029"/>
        <v>#N/A</v>
      </c>
      <c r="R4383" s="238">
        <v>35</v>
      </c>
      <c r="S4383" s="236" t="e">
        <f t="shared" si="1034"/>
        <v>#N/A</v>
      </c>
      <c r="T4383" s="236">
        <f t="shared" si="1020"/>
        <v>32.381200798730433</v>
      </c>
    </row>
    <row r="4384" spans="1:20" x14ac:dyDescent="0.2">
      <c r="A4384" s="53">
        <f t="shared" si="1021"/>
        <v>4372</v>
      </c>
      <c r="B4384" s="239">
        <v>43.473999999999997</v>
      </c>
      <c r="C4384" s="3">
        <f t="shared" si="1022"/>
        <v>43.466999999999999</v>
      </c>
      <c r="D4384" s="239">
        <v>10.5793</v>
      </c>
      <c r="E4384" s="239">
        <v>0.18479999999999999</v>
      </c>
      <c r="F4384" s="239">
        <v>-2.07E-2</v>
      </c>
      <c r="G4384">
        <f t="shared" si="1023"/>
        <v>10.57516</v>
      </c>
      <c r="H4384" s="235">
        <f t="shared" si="1024"/>
        <v>1.7474912909119105</v>
      </c>
      <c r="I4384" s="236">
        <f t="shared" si="1025"/>
        <v>20.286396617164357</v>
      </c>
      <c r="J4384" s="237">
        <f t="shared" si="1030"/>
        <v>10.286396617164357</v>
      </c>
      <c r="K4384" s="237">
        <f t="shared" si="1026"/>
        <v>881.78880175828306</v>
      </c>
      <c r="L4384" s="237">
        <f t="shared" si="1031"/>
        <v>447.19080653460321</v>
      </c>
      <c r="M4384" s="236">
        <f t="shared" si="1027"/>
        <v>21.676141496195211</v>
      </c>
      <c r="N4384" s="236">
        <f t="shared" si="1028"/>
        <v>1.9064574771831797</v>
      </c>
      <c r="O4384" s="236">
        <f t="shared" si="1032"/>
        <v>2.6085847391978323</v>
      </c>
      <c r="P4384" s="236" t="str">
        <f t="shared" si="1033"/>
        <v>CLAY</v>
      </c>
      <c r="Q4384" s="236">
        <f t="shared" si="1029"/>
        <v>807.78093318680976</v>
      </c>
      <c r="R4384" s="238">
        <v>35</v>
      </c>
      <c r="S4384" s="236">
        <f t="shared" si="1034"/>
        <v>11.69277197179435</v>
      </c>
      <c r="T4384" s="236" t="e">
        <f t="shared" si="1020"/>
        <v>#N/A</v>
      </c>
    </row>
    <row r="4385" spans="1:20" x14ac:dyDescent="0.2">
      <c r="A4385" s="53">
        <f t="shared" si="1021"/>
        <v>4373</v>
      </c>
      <c r="B4385" s="239">
        <v>43.482999999999997</v>
      </c>
      <c r="C4385" s="3">
        <f t="shared" si="1022"/>
        <v>43.475999999999999</v>
      </c>
      <c r="D4385" s="239">
        <v>10.7499</v>
      </c>
      <c r="E4385" s="239">
        <v>0.19289999999999999</v>
      </c>
      <c r="F4385" s="239">
        <v>-7.1599999999999997E-2</v>
      </c>
      <c r="G4385">
        <f t="shared" si="1023"/>
        <v>10.735580000000001</v>
      </c>
      <c r="H4385" s="235">
        <f t="shared" si="1024"/>
        <v>1.7968288625300168</v>
      </c>
      <c r="I4385" s="236">
        <f t="shared" si="1025"/>
        <v>20.342583030344574</v>
      </c>
      <c r="J4385" s="237">
        <f t="shared" si="1030"/>
        <v>10.342583030344574</v>
      </c>
      <c r="K4385" s="237">
        <f t="shared" si="1026"/>
        <v>884.41413982726067</v>
      </c>
      <c r="L4385" s="237">
        <f t="shared" si="1031"/>
        <v>449.72653790847312</v>
      </c>
      <c r="M4385" s="236">
        <f t="shared" si="1027"/>
        <v>21.90479108924103</v>
      </c>
      <c r="N4385" s="236">
        <f t="shared" si="1028"/>
        <v>1.9581438657923227</v>
      </c>
      <c r="O4385" s="236">
        <f t="shared" si="1032"/>
        <v>2.6115661473865388</v>
      </c>
      <c r="P4385" s="236" t="str">
        <f t="shared" si="1033"/>
        <v>CLAY</v>
      </c>
      <c r="Q4385" s="236">
        <f t="shared" si="1029"/>
        <v>820.93048834772833</v>
      </c>
      <c r="R4385" s="238">
        <v>35</v>
      </c>
      <c r="S4385" s="236">
        <f t="shared" si="1034"/>
        <v>11.847150434453386</v>
      </c>
      <c r="T4385" s="236" t="e">
        <f t="shared" si="1020"/>
        <v>#N/A</v>
      </c>
    </row>
    <row r="4386" spans="1:20" x14ac:dyDescent="0.2">
      <c r="A4386" s="53">
        <f t="shared" si="1021"/>
        <v>4374</v>
      </c>
      <c r="B4386" s="239">
        <v>43.494</v>
      </c>
      <c r="C4386" s="3">
        <f t="shared" si="1022"/>
        <v>43.487000000000002</v>
      </c>
      <c r="D4386" s="239">
        <v>10.421900000000001</v>
      </c>
      <c r="E4386" s="239">
        <v>0.186</v>
      </c>
      <c r="F4386" s="239">
        <v>-7.8899999999999998E-2</v>
      </c>
      <c r="G4386">
        <f t="shared" si="1023"/>
        <v>10.406120000000001</v>
      </c>
      <c r="H4386" s="235">
        <f t="shared" si="1024"/>
        <v>1.7874097165898526</v>
      </c>
      <c r="I4386" s="236">
        <f t="shared" si="1025"/>
        <v>20.287687950529634</v>
      </c>
      <c r="J4386" s="237">
        <f t="shared" si="1030"/>
        <v>10.287687950529634</v>
      </c>
      <c r="K4386" s="237">
        <f t="shared" si="1026"/>
        <v>882.2506859046822</v>
      </c>
      <c r="L4386" s="237">
        <f t="shared" si="1031"/>
        <v>447.45269972033589</v>
      </c>
      <c r="M4386" s="236">
        <f t="shared" si="1027"/>
        <v>21.28463929270707</v>
      </c>
      <c r="N4386" s="236">
        <f t="shared" si="1028"/>
        <v>1.9529877391820167</v>
      </c>
      <c r="O4386" s="236">
        <f t="shared" si="1032"/>
        <v>2.6210862305831197</v>
      </c>
      <c r="P4386" s="236" t="str">
        <f t="shared" si="1033"/>
        <v>CLAY</v>
      </c>
      <c r="Q4386" s="236">
        <f t="shared" si="1029"/>
        <v>793.65577617460985</v>
      </c>
      <c r="R4386" s="238">
        <v>35</v>
      </c>
      <c r="S4386" s="236">
        <f t="shared" si="1034"/>
        <v>11.429385388939705</v>
      </c>
      <c r="T4386" s="236" t="e">
        <f t="shared" si="1020"/>
        <v>#N/A</v>
      </c>
    </row>
    <row r="4387" spans="1:20" x14ac:dyDescent="0.2">
      <c r="A4387" s="53">
        <f t="shared" si="1021"/>
        <v>4375</v>
      </c>
      <c r="B4387" s="239">
        <v>43.503</v>
      </c>
      <c r="C4387" s="3">
        <f t="shared" si="1022"/>
        <v>43.496000000000002</v>
      </c>
      <c r="D4387" s="239">
        <v>9.7800999999999991</v>
      </c>
      <c r="E4387" s="239">
        <v>0.17899999999999999</v>
      </c>
      <c r="F4387" s="239">
        <v>-0.113</v>
      </c>
      <c r="G4387">
        <f t="shared" si="1023"/>
        <v>9.7574999999999985</v>
      </c>
      <c r="H4387" s="235">
        <f t="shared" si="1024"/>
        <v>1.8344862925954397</v>
      </c>
      <c r="I4387" s="236">
        <f t="shared" si="1025"/>
        <v>20.217550941986158</v>
      </c>
      <c r="J4387" s="237">
        <f t="shared" si="1030"/>
        <v>10.217550941986158</v>
      </c>
      <c r="K4387" s="237">
        <f t="shared" si="1026"/>
        <v>879.38259577263</v>
      </c>
      <c r="L4387" s="237">
        <f t="shared" si="1031"/>
        <v>444.49411862922381</v>
      </c>
      <c r="M4387" s="236">
        <f t="shared" si="1027"/>
        <v>19.973531779467883</v>
      </c>
      <c r="N4387" s="236">
        <f t="shared" si="1028"/>
        <v>2.0161932068477499</v>
      </c>
      <c r="O4387" s="236">
        <f t="shared" si="1032"/>
        <v>2.6516267386035426</v>
      </c>
      <c r="P4387" s="236" t="str">
        <f t="shared" si="1033"/>
        <v>CLAY</v>
      </c>
      <c r="Q4387" s="236">
        <f t="shared" si="1029"/>
        <v>739.8431170189474</v>
      </c>
      <c r="R4387" s="238">
        <v>35</v>
      </c>
      <c r="S4387" s="236">
        <f t="shared" si="1034"/>
        <v>10.556223819088093</v>
      </c>
      <c r="T4387" s="236" t="e">
        <f t="shared" si="1020"/>
        <v>#N/A</v>
      </c>
    </row>
    <row r="4388" spans="1:20" x14ac:dyDescent="0.2">
      <c r="A4388" s="53">
        <f t="shared" si="1021"/>
        <v>4376</v>
      </c>
      <c r="B4388" s="239">
        <v>43.512</v>
      </c>
      <c r="C4388" s="3">
        <f t="shared" si="1022"/>
        <v>43.505000000000003</v>
      </c>
      <c r="D4388" s="239">
        <v>8.7286000000000001</v>
      </c>
      <c r="E4388" s="239">
        <v>0.19350000000000001</v>
      </c>
      <c r="F4388" s="239">
        <v>-0.1018</v>
      </c>
      <c r="G4388">
        <f t="shared" si="1023"/>
        <v>8.70824</v>
      </c>
      <c r="H4388" s="235">
        <f t="shared" si="1024"/>
        <v>2.2220333844726374</v>
      </c>
      <c r="I4388" s="236">
        <f t="shared" si="1025"/>
        <v>20.264419022402368</v>
      </c>
      <c r="J4388" s="237">
        <f t="shared" si="1030"/>
        <v>10.264419022402368</v>
      </c>
      <c r="K4388" s="237">
        <f t="shared" si="1026"/>
        <v>881.6035495696151</v>
      </c>
      <c r="L4388" s="237">
        <f t="shared" si="1031"/>
        <v>446.62540050277187</v>
      </c>
      <c r="M4388" s="236">
        <f t="shared" si="1027"/>
        <v>17.52393939444519</v>
      </c>
      <c r="N4388" s="236">
        <f t="shared" si="1028"/>
        <v>2.472326410272442</v>
      </c>
      <c r="O4388" s="236">
        <f t="shared" si="1032"/>
        <v>2.7493319127109541</v>
      </c>
      <c r="P4388" s="236" t="str">
        <f t="shared" si="1033"/>
        <v>CLAY</v>
      </c>
      <c r="Q4388" s="236">
        <f t="shared" si="1029"/>
        <v>652.21970420253206</v>
      </c>
      <c r="R4388" s="238">
        <v>35</v>
      </c>
      <c r="S4388" s="236">
        <f t="shared" si="1034"/>
        <v>8.9635425996726283</v>
      </c>
      <c r="T4388" s="236" t="e">
        <f t="shared" si="1020"/>
        <v>#N/A</v>
      </c>
    </row>
    <row r="4389" spans="1:20" x14ac:dyDescent="0.2">
      <c r="A4389" s="53">
        <f t="shared" si="1021"/>
        <v>4377</v>
      </c>
      <c r="B4389" s="239">
        <v>43.521999999999998</v>
      </c>
      <c r="C4389" s="3">
        <f t="shared" si="1022"/>
        <v>43.515000000000001</v>
      </c>
      <c r="D4389" s="239">
        <v>7.9939999999999998</v>
      </c>
      <c r="E4389" s="239">
        <v>0.22539999999999999</v>
      </c>
      <c r="F4389" s="239">
        <v>2.4E-2</v>
      </c>
      <c r="G4389">
        <f t="shared" si="1023"/>
        <v>7.9988000000000001</v>
      </c>
      <c r="H4389" s="235">
        <f t="shared" si="1024"/>
        <v>2.8179226884032604</v>
      </c>
      <c r="I4389" s="236">
        <f t="shared" si="1025"/>
        <v>20.410140970139743</v>
      </c>
      <c r="J4389" s="237">
        <f t="shared" si="1030"/>
        <v>10.410140970139743</v>
      </c>
      <c r="K4389" s="237">
        <f t="shared" si="1026"/>
        <v>888.14728431563094</v>
      </c>
      <c r="L4389" s="237">
        <f t="shared" si="1031"/>
        <v>453.07015530242188</v>
      </c>
      <c r="M4389" s="236">
        <f t="shared" si="1027"/>
        <v>15.694374552078028</v>
      </c>
      <c r="N4389" s="236">
        <f t="shared" si="1028"/>
        <v>3.1698918371139464</v>
      </c>
      <c r="O4389" s="236">
        <f t="shared" si="1032"/>
        <v>2.8520579010451539</v>
      </c>
      <c r="P4389" s="236" t="str">
        <f t="shared" si="1033"/>
        <v>CLAY</v>
      </c>
      <c r="Q4389" s="236">
        <f t="shared" si="1029"/>
        <v>592.55439297369742</v>
      </c>
      <c r="R4389" s="238">
        <v>35</v>
      </c>
      <c r="S4389" s="236">
        <f t="shared" si="1034"/>
        <v>7.8094423798967645</v>
      </c>
      <c r="T4389" s="236" t="e">
        <f t="shared" si="1020"/>
        <v>#N/A</v>
      </c>
    </row>
    <row r="4390" spans="1:20" x14ac:dyDescent="0.2">
      <c r="A4390" s="53">
        <f t="shared" si="1021"/>
        <v>4378</v>
      </c>
      <c r="B4390" s="239">
        <v>43.531999999999996</v>
      </c>
      <c r="C4390" s="3">
        <f t="shared" si="1022"/>
        <v>43.524999999999999</v>
      </c>
      <c r="D4390" s="239">
        <v>7.7977999999999996</v>
      </c>
      <c r="E4390" s="239">
        <v>0.26629999999999998</v>
      </c>
      <c r="F4390" s="239">
        <v>0.20569999999999999</v>
      </c>
      <c r="G4390">
        <f t="shared" si="1023"/>
        <v>7.83894</v>
      </c>
      <c r="H4390" s="235">
        <f t="shared" si="1024"/>
        <v>3.3971429810663172</v>
      </c>
      <c r="I4390" s="236">
        <f t="shared" si="1025"/>
        <v>20.597776810062843</v>
      </c>
      <c r="J4390" s="237">
        <f t="shared" si="1030"/>
        <v>10.597776810062843</v>
      </c>
      <c r="K4390" s="237">
        <f t="shared" si="1026"/>
        <v>896.5182356579852</v>
      </c>
      <c r="L4390" s="237">
        <f t="shared" si="1031"/>
        <v>461.34242009565565</v>
      </c>
      <c r="M4390" s="236">
        <f t="shared" si="1027"/>
        <v>15.048305687785135</v>
      </c>
      <c r="N4390" s="236">
        <f t="shared" si="1028"/>
        <v>3.8358372487217971</v>
      </c>
      <c r="O4390" s="236">
        <f t="shared" si="1032"/>
        <v>2.9171089460040478</v>
      </c>
      <c r="P4390" s="236" t="str">
        <f t="shared" si="1033"/>
        <v>CLAY</v>
      </c>
      <c r="Q4390" s="236">
        <f t="shared" si="1029"/>
        <v>578.53514702850123</v>
      </c>
      <c r="R4390" s="238">
        <v>35</v>
      </c>
      <c r="S4390" s="236">
        <f t="shared" si="1034"/>
        <v>7.4096810585156199</v>
      </c>
      <c r="T4390" s="236" t="e">
        <f t="shared" si="1020"/>
        <v>#N/A</v>
      </c>
    </row>
    <row r="4391" spans="1:20" x14ac:dyDescent="0.2">
      <c r="A4391" s="53">
        <f t="shared" si="1021"/>
        <v>4379</v>
      </c>
      <c r="B4391" s="239">
        <v>43.540999999999997</v>
      </c>
      <c r="C4391" s="3">
        <f t="shared" si="1022"/>
        <v>43.533999999999999</v>
      </c>
      <c r="D4391" s="239">
        <v>7.7267999999999999</v>
      </c>
      <c r="E4391" s="239">
        <v>0.29189999999999999</v>
      </c>
      <c r="F4391" s="239">
        <v>0.1638</v>
      </c>
      <c r="G4391">
        <f t="shared" si="1023"/>
        <v>7.7595599999999996</v>
      </c>
      <c r="H4391" s="235">
        <f t="shared" si="1024"/>
        <v>3.7618112367196082</v>
      </c>
      <c r="I4391" s="236">
        <f t="shared" si="1025"/>
        <v>20.701428496903791</v>
      </c>
      <c r="J4391" s="237">
        <f t="shared" si="1030"/>
        <v>10.701428496903791</v>
      </c>
      <c r="K4391" s="237">
        <f t="shared" si="1026"/>
        <v>901.21598818420966</v>
      </c>
      <c r="L4391" s="237">
        <f t="shared" si="1031"/>
        <v>465.95089818368791</v>
      </c>
      <c r="M4391" s="236">
        <f t="shared" si="1027"/>
        <v>14.719027345048881</v>
      </c>
      <c r="N4391" s="236">
        <f t="shared" si="1028"/>
        <v>4.2561294606555844</v>
      </c>
      <c r="O4391" s="236">
        <f t="shared" si="1032"/>
        <v>2.9527303335261501</v>
      </c>
      <c r="P4391" s="236" t="str">
        <f t="shared" si="1033"/>
        <v>CLAY</v>
      </c>
      <c r="Q4391" s="236">
        <f t="shared" si="1029"/>
        <v>571.5286676513158</v>
      </c>
      <c r="R4391" s="238">
        <v>35</v>
      </c>
      <c r="S4391" s="236">
        <f t="shared" si="1034"/>
        <v>7.2075704959529929</v>
      </c>
      <c r="T4391" s="236" t="e">
        <f t="shared" si="1020"/>
        <v>#N/A</v>
      </c>
    </row>
    <row r="4392" spans="1:20" x14ac:dyDescent="0.2">
      <c r="A4392" s="53">
        <f t="shared" si="1021"/>
        <v>4380</v>
      </c>
      <c r="B4392" s="239">
        <v>43.551000000000002</v>
      </c>
      <c r="C4392" s="3">
        <f t="shared" si="1022"/>
        <v>43.544000000000004</v>
      </c>
      <c r="D4392" s="239">
        <v>7.9188000000000001</v>
      </c>
      <c r="E4392" s="239">
        <v>0.30380000000000001</v>
      </c>
      <c r="F4392" s="239">
        <v>0.14660000000000001</v>
      </c>
      <c r="G4392">
        <f t="shared" si="1023"/>
        <v>7.9481200000000003</v>
      </c>
      <c r="H4392" s="235">
        <f t="shared" si="1024"/>
        <v>3.8222875346622853</v>
      </c>
      <c r="I4392" s="236">
        <f t="shared" si="1025"/>
        <v>20.757668005988386</v>
      </c>
      <c r="J4392" s="237">
        <f t="shared" si="1030"/>
        <v>10.757668005988386</v>
      </c>
      <c r="K4392" s="237">
        <f t="shared" si="1026"/>
        <v>903.87189565275833</v>
      </c>
      <c r="L4392" s="237">
        <f t="shared" si="1031"/>
        <v>468.5071993288002</v>
      </c>
      <c r="M4392" s="236">
        <f t="shared" si="1027"/>
        <v>15.03551730782169</v>
      </c>
      <c r="N4392" s="236">
        <f t="shared" si="1028"/>
        <v>4.3127384995499352</v>
      </c>
      <c r="O4392" s="236">
        <f t="shared" si="1032"/>
        <v>2.949138061221019</v>
      </c>
      <c r="P4392" s="236" t="str">
        <f t="shared" si="1033"/>
        <v>CLAY</v>
      </c>
      <c r="Q4392" s="236">
        <f t="shared" si="1029"/>
        <v>587.02067536227014</v>
      </c>
      <c r="R4392" s="238">
        <v>35</v>
      </c>
      <c r="S4392" s="236">
        <f t="shared" si="1034"/>
        <v>7.4018107581391162</v>
      </c>
      <c r="T4392" s="236" t="e">
        <f t="shared" si="1020"/>
        <v>#N/A</v>
      </c>
    </row>
    <row r="4393" spans="1:20" x14ac:dyDescent="0.2">
      <c r="A4393" s="53">
        <f t="shared" si="1021"/>
        <v>4381</v>
      </c>
      <c r="B4393" s="239">
        <v>43.56</v>
      </c>
      <c r="C4393" s="3">
        <f t="shared" si="1022"/>
        <v>43.553000000000004</v>
      </c>
      <c r="D4393" s="239">
        <v>7.7405999999999997</v>
      </c>
      <c r="E4393" s="239">
        <v>0.29430000000000001</v>
      </c>
      <c r="F4393" s="239">
        <v>0.1082</v>
      </c>
      <c r="G4393">
        <f t="shared" si="1023"/>
        <v>7.7622399999999994</v>
      </c>
      <c r="H4393" s="235">
        <f t="shared" si="1024"/>
        <v>3.7914313394071817</v>
      </c>
      <c r="I4393" s="236">
        <f t="shared" si="1025"/>
        <v>20.711165121922669</v>
      </c>
      <c r="J4393" s="237">
        <f t="shared" si="1030"/>
        <v>10.711165121922669</v>
      </c>
      <c r="K4393" s="237">
        <f t="shared" si="1026"/>
        <v>902.03337455509813</v>
      </c>
      <c r="L4393" s="237">
        <f t="shared" si="1031"/>
        <v>466.57835271095149</v>
      </c>
      <c r="M4393" s="236">
        <f t="shared" si="1027"/>
        <v>14.703225268778912</v>
      </c>
      <c r="N4393" s="236">
        <f t="shared" si="1028"/>
        <v>4.2899582486105352</v>
      </c>
      <c r="O4393" s="236">
        <f t="shared" si="1032"/>
        <v>2.9552480510546153</v>
      </c>
      <c r="P4393" s="236" t="str">
        <f t="shared" si="1033"/>
        <v>CLAY</v>
      </c>
      <c r="Q4393" s="236">
        <f t="shared" si="1029"/>
        <v>571.68388545374182</v>
      </c>
      <c r="R4393" s="238">
        <v>35</v>
      </c>
      <c r="S4393" s="236">
        <f t="shared" si="1034"/>
        <v>7.1978994008854844</v>
      </c>
      <c r="T4393" s="236" t="e">
        <f t="shared" si="1020"/>
        <v>#N/A</v>
      </c>
    </row>
    <row r="4394" spans="1:20" x14ac:dyDescent="0.2">
      <c r="A4394" s="53">
        <f t="shared" si="1021"/>
        <v>4382</v>
      </c>
      <c r="B4394" s="239">
        <v>43.570999999999998</v>
      </c>
      <c r="C4394" s="3">
        <f t="shared" si="1022"/>
        <v>43.564</v>
      </c>
      <c r="D4394" s="239">
        <v>7.4687000000000001</v>
      </c>
      <c r="E4394" s="239">
        <v>0.28599999999999998</v>
      </c>
      <c r="F4394" s="239">
        <v>0.24060000000000001</v>
      </c>
      <c r="G4394">
        <f t="shared" si="1023"/>
        <v>7.5168200000000001</v>
      </c>
      <c r="H4394" s="235">
        <f t="shared" si="1024"/>
        <v>3.8048004342261752</v>
      </c>
      <c r="I4394" s="236">
        <f t="shared" si="1025"/>
        <v>20.665062079394488</v>
      </c>
      <c r="J4394" s="237">
        <f t="shared" si="1030"/>
        <v>10.665062079394488</v>
      </c>
      <c r="K4394" s="237">
        <f t="shared" si="1026"/>
        <v>900.25276442674146</v>
      </c>
      <c r="L4394" s="237">
        <f t="shared" si="1031"/>
        <v>464.6874198612972</v>
      </c>
      <c r="M4394" s="236">
        <f t="shared" si="1027"/>
        <v>14.238748355934002</v>
      </c>
      <c r="N4394" s="236">
        <f t="shared" si="1028"/>
        <v>4.3224830915697776</v>
      </c>
      <c r="O4394" s="236">
        <f t="shared" si="1032"/>
        <v>2.9681726576177554</v>
      </c>
      <c r="P4394" s="236" t="str">
        <f t="shared" si="1033"/>
        <v>CLAY</v>
      </c>
      <c r="Q4394" s="236">
        <f t="shared" si="1029"/>
        <v>551.38060296443825</v>
      </c>
      <c r="R4394" s="238">
        <v>35</v>
      </c>
      <c r="S4394" s="236">
        <f t="shared" si="1034"/>
        <v>6.9148024480009358</v>
      </c>
      <c r="T4394" s="236" t="e">
        <f t="shared" si="1020"/>
        <v>#N/A</v>
      </c>
    </row>
    <row r="4395" spans="1:20" x14ac:dyDescent="0.2">
      <c r="A4395" s="53">
        <f t="shared" si="1021"/>
        <v>4383</v>
      </c>
      <c r="B4395" s="239">
        <v>43.58</v>
      </c>
      <c r="C4395" s="3">
        <f t="shared" si="1022"/>
        <v>43.573</v>
      </c>
      <c r="D4395" s="239">
        <v>7.2637</v>
      </c>
      <c r="E4395" s="239">
        <v>0.27129999999999999</v>
      </c>
      <c r="F4395" s="239">
        <v>0.38719999999999999</v>
      </c>
      <c r="G4395">
        <f t="shared" si="1023"/>
        <v>7.3411400000000002</v>
      </c>
      <c r="H4395" s="235">
        <f t="shared" si="1024"/>
        <v>3.6956113083254096</v>
      </c>
      <c r="I4395" s="236">
        <f t="shared" si="1025"/>
        <v>20.593944653307847</v>
      </c>
      <c r="J4395" s="237">
        <f t="shared" si="1030"/>
        <v>10.593944653307847</v>
      </c>
      <c r="K4395" s="237">
        <f t="shared" si="1026"/>
        <v>897.3399503785829</v>
      </c>
      <c r="L4395" s="237">
        <f t="shared" si="1031"/>
        <v>461.684107991156</v>
      </c>
      <c r="M4395" s="236">
        <f t="shared" si="1027"/>
        <v>13.957162349943513</v>
      </c>
      <c r="N4395" s="236">
        <f t="shared" si="1028"/>
        <v>4.2102485786463726</v>
      </c>
      <c r="O4395" s="236">
        <f t="shared" si="1032"/>
        <v>2.9678341290631018</v>
      </c>
      <c r="P4395" s="236" t="str">
        <f t="shared" si="1033"/>
        <v>CLAY</v>
      </c>
      <c r="Q4395" s="236">
        <f t="shared" si="1029"/>
        <v>536.9833374684514</v>
      </c>
      <c r="R4395" s="238">
        <v>35</v>
      </c>
      <c r="S4395" s="236">
        <f t="shared" si="1034"/>
        <v>6.7442928742971846</v>
      </c>
      <c r="T4395" s="236" t="e">
        <f t="shared" si="1020"/>
        <v>#N/A</v>
      </c>
    </row>
    <row r="4396" spans="1:20" x14ac:dyDescent="0.2">
      <c r="A4396" s="53">
        <f t="shared" si="1021"/>
        <v>4384</v>
      </c>
      <c r="B4396" s="239">
        <v>43.588999999999999</v>
      </c>
      <c r="C4396" s="3">
        <f t="shared" si="1022"/>
        <v>43.582000000000001</v>
      </c>
      <c r="D4396" s="239">
        <v>7.2274000000000003</v>
      </c>
      <c r="E4396" s="239">
        <v>0.26350000000000001</v>
      </c>
      <c r="F4396" s="239">
        <v>0.1502</v>
      </c>
      <c r="G4396">
        <f t="shared" si="1023"/>
        <v>7.2574399999999999</v>
      </c>
      <c r="H4396" s="235">
        <f t="shared" si="1024"/>
        <v>3.6307568509005934</v>
      </c>
      <c r="I4396" s="236">
        <f t="shared" si="1025"/>
        <v>20.555255835801319</v>
      </c>
      <c r="J4396" s="237">
        <f t="shared" si="1030"/>
        <v>10.555255835801319</v>
      </c>
      <c r="K4396" s="237">
        <f t="shared" si="1026"/>
        <v>895.83915983589304</v>
      </c>
      <c r="L4396" s="237">
        <f t="shared" si="1031"/>
        <v>460.09304662674367</v>
      </c>
      <c r="M4396" s="236">
        <f t="shared" si="1027"/>
        <v>13.82677023007704</v>
      </c>
      <c r="N4396" s="236">
        <f t="shared" si="1028"/>
        <v>4.1420391913995447</v>
      </c>
      <c r="O4396" s="236">
        <f t="shared" si="1032"/>
        <v>2.9666307276519954</v>
      </c>
      <c r="P4396" s="236" t="str">
        <f t="shared" si="1033"/>
        <v>CLAY</v>
      </c>
      <c r="Q4396" s="236">
        <f t="shared" si="1029"/>
        <v>530.13340334700888</v>
      </c>
      <c r="R4396" s="238">
        <v>35</v>
      </c>
      <c r="S4396" s="236">
        <f t="shared" si="1034"/>
        <v>6.665625981084097</v>
      </c>
      <c r="T4396" s="236" t="e">
        <f t="shared" si="1020"/>
        <v>#N/A</v>
      </c>
    </row>
    <row r="4397" spans="1:20" x14ac:dyDescent="0.2">
      <c r="A4397" s="53">
        <f t="shared" si="1021"/>
        <v>4385</v>
      </c>
      <c r="B4397" s="239">
        <v>43.598999999999997</v>
      </c>
      <c r="C4397" s="3">
        <f t="shared" si="1022"/>
        <v>43.591999999999999</v>
      </c>
      <c r="D4397" s="239">
        <v>7.3314000000000004</v>
      </c>
      <c r="E4397" s="239">
        <v>0.24249999999999999</v>
      </c>
      <c r="F4397" s="239">
        <v>7.0300000000000001E-2</v>
      </c>
      <c r="G4397">
        <f t="shared" si="1023"/>
        <v>7.3454600000000001</v>
      </c>
      <c r="H4397" s="235">
        <f t="shared" si="1024"/>
        <v>3.3013589346344547</v>
      </c>
      <c r="I4397" s="236">
        <f t="shared" si="1025"/>
        <v>20.46258185861678</v>
      </c>
      <c r="J4397" s="237">
        <f t="shared" si="1030"/>
        <v>10.46258185861678</v>
      </c>
      <c r="K4397" s="237">
        <f t="shared" si="1026"/>
        <v>892.00486838082259</v>
      </c>
      <c r="L4397" s="237">
        <f t="shared" si="1031"/>
        <v>456.15810645383294</v>
      </c>
      <c r="M4397" s="236">
        <f t="shared" si="1027"/>
        <v>14.147408629407579</v>
      </c>
      <c r="N4397" s="236">
        <f t="shared" si="1028"/>
        <v>3.7576770126107091</v>
      </c>
      <c r="O4397" s="236">
        <f t="shared" si="1032"/>
        <v>2.9327453823262526</v>
      </c>
      <c r="P4397" s="236" t="str">
        <f t="shared" si="1033"/>
        <v>CLAY</v>
      </c>
      <c r="Q4397" s="236">
        <f t="shared" si="1029"/>
        <v>537.78792763493141</v>
      </c>
      <c r="R4397" s="238">
        <v>35</v>
      </c>
      <c r="S4397" s="236">
        <f t="shared" si="1034"/>
        <v>6.8594000274924705</v>
      </c>
      <c r="T4397" s="236" t="e">
        <f t="shared" si="1020"/>
        <v>#N/A</v>
      </c>
    </row>
    <row r="4398" spans="1:20" x14ac:dyDescent="0.2">
      <c r="A4398" s="53">
        <f t="shared" si="1021"/>
        <v>4386</v>
      </c>
      <c r="B4398" s="239">
        <v>43.609000000000002</v>
      </c>
      <c r="C4398" s="3">
        <f t="shared" si="1022"/>
        <v>43.602000000000004</v>
      </c>
      <c r="D4398" s="239">
        <v>7.4669999999999996</v>
      </c>
      <c r="E4398" s="239">
        <v>0.25319999999999998</v>
      </c>
      <c r="F4398" s="239">
        <v>0.1157</v>
      </c>
      <c r="G4398">
        <f t="shared" si="1023"/>
        <v>7.4901399999999994</v>
      </c>
      <c r="H4398" s="235">
        <f t="shared" si="1024"/>
        <v>3.3804441572520676</v>
      </c>
      <c r="I4398" s="236">
        <f t="shared" si="1025"/>
        <v>20.520835989764564</v>
      </c>
      <c r="J4398" s="237">
        <f t="shared" si="1030"/>
        <v>10.520835989764564</v>
      </c>
      <c r="K4398" s="237">
        <f t="shared" si="1026"/>
        <v>894.74949082571459</v>
      </c>
      <c r="L4398" s="237">
        <f t="shared" si="1031"/>
        <v>458.8031366776429</v>
      </c>
      <c r="M4398" s="236">
        <f t="shared" si="1027"/>
        <v>14.375207974674844</v>
      </c>
      <c r="N4398" s="236">
        <f t="shared" si="1028"/>
        <v>3.8390448548542366</v>
      </c>
      <c r="O4398" s="236">
        <f t="shared" si="1032"/>
        <v>2.9329762507587454</v>
      </c>
      <c r="P4398" s="236" t="str">
        <f t="shared" si="1033"/>
        <v>CLAY</v>
      </c>
      <c r="Q4398" s="236">
        <f t="shared" si="1029"/>
        <v>549.61587576452371</v>
      </c>
      <c r="R4398" s="238">
        <v>35</v>
      </c>
      <c r="S4398" s="236">
        <f t="shared" si="1034"/>
        <v>6.9977380201648396</v>
      </c>
      <c r="T4398" s="236" t="e">
        <f t="shared" si="1020"/>
        <v>#N/A</v>
      </c>
    </row>
    <row r="4399" spans="1:20" x14ac:dyDescent="0.2">
      <c r="A4399" s="53">
        <f t="shared" si="1021"/>
        <v>4387</v>
      </c>
      <c r="B4399" s="239">
        <v>43.618000000000002</v>
      </c>
      <c r="C4399" s="3">
        <f t="shared" si="1022"/>
        <v>43.611000000000004</v>
      </c>
      <c r="D4399" s="239">
        <v>7.6181000000000001</v>
      </c>
      <c r="E4399" s="239">
        <v>0.27550000000000002</v>
      </c>
      <c r="F4399" s="239">
        <v>0.33839999999999998</v>
      </c>
      <c r="G4399">
        <f t="shared" si="1023"/>
        <v>7.6857800000000003</v>
      </c>
      <c r="H4399" s="235">
        <f t="shared" si="1024"/>
        <v>3.584541842207297</v>
      </c>
      <c r="I4399" s="236">
        <f t="shared" si="1025"/>
        <v>20.629890537030878</v>
      </c>
      <c r="J4399" s="237">
        <f t="shared" si="1030"/>
        <v>10.629890537030878</v>
      </c>
      <c r="K4399" s="237">
        <f t="shared" si="1026"/>
        <v>899.69015621045367</v>
      </c>
      <c r="L4399" s="237">
        <f t="shared" si="1031"/>
        <v>463.65456544421284</v>
      </c>
      <c r="M4399" s="236">
        <f t="shared" si="1027"/>
        <v>14.636089773618442</v>
      </c>
      <c r="N4399" s="236">
        <f t="shared" si="1028"/>
        <v>4.0597753101092593</v>
      </c>
      <c r="O4399" s="236">
        <f t="shared" si="1032"/>
        <v>2.9418506402308107</v>
      </c>
      <c r="P4399" s="236" t="str">
        <f t="shared" si="1033"/>
        <v>CLAY</v>
      </c>
      <c r="Q4399" s="236">
        <f t="shared" si="1029"/>
        <v>565.50748698246218</v>
      </c>
      <c r="R4399" s="238">
        <v>35</v>
      </c>
      <c r="S4399" s="236">
        <f t="shared" si="1034"/>
        <v>7.1568405168951728</v>
      </c>
      <c r="T4399" s="236" t="e">
        <f t="shared" si="1020"/>
        <v>#N/A</v>
      </c>
    </row>
    <row r="4400" spans="1:20" x14ac:dyDescent="0.2">
      <c r="A4400" s="53">
        <f t="shared" si="1021"/>
        <v>4388</v>
      </c>
      <c r="B4400" s="239">
        <v>43.628</v>
      </c>
      <c r="C4400" s="3">
        <f t="shared" si="1022"/>
        <v>43.621000000000002</v>
      </c>
      <c r="D4400" s="239">
        <v>8.2233000000000001</v>
      </c>
      <c r="E4400" s="239">
        <v>0.30249999999999999</v>
      </c>
      <c r="F4400" s="239">
        <v>0.43230000000000002</v>
      </c>
      <c r="G4400">
        <f t="shared" si="1023"/>
        <v>8.3097600000000007</v>
      </c>
      <c r="H4400" s="235">
        <f t="shared" si="1024"/>
        <v>3.6402976740603816</v>
      </c>
      <c r="I4400" s="236">
        <f t="shared" si="1025"/>
        <v>20.770031210373258</v>
      </c>
      <c r="J4400" s="237">
        <f t="shared" si="1030"/>
        <v>10.770031210373258</v>
      </c>
      <c r="K4400" s="237">
        <f t="shared" si="1026"/>
        <v>906.00953142769197</v>
      </c>
      <c r="L4400" s="237">
        <f t="shared" si="1031"/>
        <v>469.87492164616447</v>
      </c>
      <c r="M4400" s="236">
        <f t="shared" si="1027"/>
        <v>15.756853850880006</v>
      </c>
      <c r="N4400" s="236">
        <f t="shared" si="1028"/>
        <v>4.0857670890457793</v>
      </c>
      <c r="O4400" s="236">
        <f t="shared" si="1032"/>
        <v>2.9185540704032329</v>
      </c>
      <c r="P4400" s="236" t="str">
        <f t="shared" si="1033"/>
        <v>CLAY</v>
      </c>
      <c r="Q4400" s="236">
        <f t="shared" si="1029"/>
        <v>616.97920571435895</v>
      </c>
      <c r="R4400" s="238">
        <v>35</v>
      </c>
      <c r="S4400" s="236">
        <f t="shared" si="1034"/>
        <v>7.8483234329825198</v>
      </c>
      <c r="T4400" s="236" t="e">
        <f t="shared" si="1020"/>
        <v>#N/A</v>
      </c>
    </row>
    <row r="4401" spans="1:20" x14ac:dyDescent="0.2">
      <c r="A4401" s="53">
        <f t="shared" si="1021"/>
        <v>4389</v>
      </c>
      <c r="B4401" s="239">
        <v>43.637999999999998</v>
      </c>
      <c r="C4401" s="3">
        <f t="shared" si="1022"/>
        <v>43.631</v>
      </c>
      <c r="D4401" s="239">
        <v>8.6746999999999996</v>
      </c>
      <c r="E4401" s="239">
        <v>0.33110000000000001</v>
      </c>
      <c r="F4401" s="239">
        <v>0.7137</v>
      </c>
      <c r="G4401">
        <f t="shared" si="1023"/>
        <v>8.8174399999999995</v>
      </c>
      <c r="H4401" s="235">
        <f t="shared" si="1024"/>
        <v>3.7550581574697421</v>
      </c>
      <c r="I4401" s="236">
        <f t="shared" si="1025"/>
        <v>20.89914110420991</v>
      </c>
      <c r="J4401" s="237">
        <f t="shared" si="1030"/>
        <v>10.89914110420991</v>
      </c>
      <c r="K4401" s="237">
        <f t="shared" si="1026"/>
        <v>911.85042551778258</v>
      </c>
      <c r="L4401" s="237">
        <f t="shared" si="1031"/>
        <v>475.61671950551204</v>
      </c>
      <c r="M4401" s="236">
        <f t="shared" si="1027"/>
        <v>16.621765489450159</v>
      </c>
      <c r="N4401" s="236">
        <f t="shared" si="1028"/>
        <v>4.1881759340091431</v>
      </c>
      <c r="O4401" s="236">
        <f t="shared" si="1032"/>
        <v>2.9073199127259657</v>
      </c>
      <c r="P4401" s="236" t="str">
        <f t="shared" si="1033"/>
        <v>CLAY</v>
      </c>
      <c r="Q4401" s="236">
        <f t="shared" si="1029"/>
        <v>658.79913120685137</v>
      </c>
      <c r="R4401" s="238">
        <v>35</v>
      </c>
      <c r="S4401" s="236">
        <f t="shared" si="1034"/>
        <v>8.3904730552584343</v>
      </c>
      <c r="T4401" s="236" t="e">
        <f t="shared" si="1020"/>
        <v>#N/A</v>
      </c>
    </row>
    <row r="4402" spans="1:20" x14ac:dyDescent="0.2">
      <c r="A4402" s="53">
        <f t="shared" si="1021"/>
        <v>4390</v>
      </c>
      <c r="B4402" s="239">
        <v>43.648000000000003</v>
      </c>
      <c r="C4402" s="3">
        <f t="shared" si="1022"/>
        <v>43.641000000000005</v>
      </c>
      <c r="D4402" s="239">
        <v>9.2829999999999995</v>
      </c>
      <c r="E4402" s="239">
        <v>0.34160000000000001</v>
      </c>
      <c r="F4402" s="239">
        <v>0.47639999999999999</v>
      </c>
      <c r="G4402">
        <f t="shared" si="1023"/>
        <v>9.3782800000000002</v>
      </c>
      <c r="H4402" s="235">
        <f t="shared" si="1024"/>
        <v>3.6424589583591023</v>
      </c>
      <c r="I4402" s="236">
        <f t="shared" si="1025"/>
        <v>20.959852157317872</v>
      </c>
      <c r="J4402" s="237">
        <f t="shared" si="1030"/>
        <v>10.959852157317872</v>
      </c>
      <c r="K4402" s="237">
        <f t="shared" si="1026"/>
        <v>914.70890799750941</v>
      </c>
      <c r="L4402" s="237">
        <f t="shared" si="1031"/>
        <v>478.37562696261051</v>
      </c>
      <c r="M4402" s="236">
        <f t="shared" si="1027"/>
        <v>17.692312515461822</v>
      </c>
      <c r="N4402" s="236">
        <f t="shared" si="1028"/>
        <v>4.0361213521652717</v>
      </c>
      <c r="O4402" s="236">
        <f t="shared" si="1032"/>
        <v>2.8761756884601319</v>
      </c>
      <c r="P4402" s="236" t="str">
        <f t="shared" si="1033"/>
        <v>CLAY</v>
      </c>
      <c r="Q4402" s="236">
        <f t="shared" si="1029"/>
        <v>705.29759100020749</v>
      </c>
      <c r="R4402" s="238">
        <v>35</v>
      </c>
      <c r="S4402" s="236">
        <f t="shared" si="1034"/>
        <v>9.0713257213349223</v>
      </c>
      <c r="T4402" s="236" t="e">
        <f t="shared" si="1020"/>
        <v>#N/A</v>
      </c>
    </row>
    <row r="4403" spans="1:20" x14ac:dyDescent="0.2">
      <c r="A4403" s="53">
        <f t="shared" si="1021"/>
        <v>4391</v>
      </c>
      <c r="B4403" s="239">
        <v>43.656999999999996</v>
      </c>
      <c r="C4403" s="3">
        <f t="shared" si="1022"/>
        <v>43.65</v>
      </c>
      <c r="D4403" s="239">
        <v>9.8861000000000008</v>
      </c>
      <c r="E4403" s="239">
        <v>0.30359999999999998</v>
      </c>
      <c r="F4403" s="239">
        <v>0.1782</v>
      </c>
      <c r="G4403">
        <f t="shared" si="1023"/>
        <v>9.9217400000000016</v>
      </c>
      <c r="H4403" s="235">
        <f t="shared" si="1024"/>
        <v>3.0599471463674712</v>
      </c>
      <c r="I4403" s="236">
        <f t="shared" si="1025"/>
        <v>20.843586883800281</v>
      </c>
      <c r="J4403" s="237">
        <f t="shared" si="1030"/>
        <v>10.843586883800281</v>
      </c>
      <c r="K4403" s="237">
        <f t="shared" si="1026"/>
        <v>909.82256747788222</v>
      </c>
      <c r="L4403" s="237">
        <f t="shared" si="1031"/>
        <v>473.39847258606886</v>
      </c>
      <c r="M4403" s="236">
        <f t="shared" si="1027"/>
        <v>19.036642394074597</v>
      </c>
      <c r="N4403" s="236">
        <f t="shared" si="1028"/>
        <v>3.3688724100419654</v>
      </c>
      <c r="O4403" s="236">
        <f t="shared" si="1032"/>
        <v>2.8020700786909143</v>
      </c>
      <c r="P4403" s="236" t="str">
        <f t="shared" si="1033"/>
        <v>CLAY</v>
      </c>
      <c r="Q4403" s="236">
        <f t="shared" si="1029"/>
        <v>750.99311937684331</v>
      </c>
      <c r="R4403" s="238">
        <v>35</v>
      </c>
      <c r="S4403" s="236">
        <f t="shared" si="1034"/>
        <v>9.9409513474198334</v>
      </c>
      <c r="T4403" s="236" t="e">
        <f t="shared" si="1020"/>
        <v>#N/A</v>
      </c>
    </row>
    <row r="4404" spans="1:20" x14ac:dyDescent="0.2">
      <c r="A4404" s="53">
        <f t="shared" si="1021"/>
        <v>4392</v>
      </c>
      <c r="B4404" s="239">
        <v>43.665999999999997</v>
      </c>
      <c r="C4404" s="3">
        <f t="shared" si="1022"/>
        <v>43.658999999999999</v>
      </c>
      <c r="D4404" s="239">
        <v>10.398999999999999</v>
      </c>
      <c r="E4404" s="239">
        <v>0.2586</v>
      </c>
      <c r="F4404" s="239">
        <v>3.5000000000000001E-3</v>
      </c>
      <c r="G4404">
        <f t="shared" si="1023"/>
        <v>10.399699999999999</v>
      </c>
      <c r="H4404" s="235">
        <f t="shared" si="1024"/>
        <v>2.4866101906785771</v>
      </c>
      <c r="I4404" s="236">
        <f t="shared" si="1025"/>
        <v>20.673858790105683</v>
      </c>
      <c r="J4404" s="237">
        <f t="shared" si="1030"/>
        <v>10.673858790105683</v>
      </c>
      <c r="K4404" s="237">
        <f t="shared" si="1026"/>
        <v>902.60000091722395</v>
      </c>
      <c r="L4404" s="237">
        <f t="shared" si="1031"/>
        <v>466.08471792875474</v>
      </c>
      <c r="M4404" s="236">
        <f t="shared" si="1027"/>
        <v>20.376338536236865</v>
      </c>
      <c r="N4404" s="236">
        <f t="shared" si="1028"/>
        <v>2.7229364756080852</v>
      </c>
      <c r="O4404" s="236">
        <f t="shared" si="1032"/>
        <v>2.7218605704361081</v>
      </c>
      <c r="P4404" s="236" t="str">
        <f t="shared" si="1033"/>
        <v>CLAY</v>
      </c>
      <c r="Q4404" s="236">
        <f t="shared" si="1029"/>
        <v>791.42499992356454</v>
      </c>
      <c r="R4404" s="238">
        <v>35</v>
      </c>
      <c r="S4404" s="236">
        <f t="shared" si="1034"/>
        <v>10.823000861143022</v>
      </c>
      <c r="T4404" s="236" t="e">
        <f t="shared" si="1020"/>
        <v>#N/A</v>
      </c>
    </row>
    <row r="4405" spans="1:20" x14ac:dyDescent="0.2">
      <c r="A4405" s="53">
        <f t="shared" si="1021"/>
        <v>4393</v>
      </c>
      <c r="B4405" s="239">
        <v>43.677</v>
      </c>
      <c r="C4405" s="3">
        <f t="shared" si="1022"/>
        <v>43.67</v>
      </c>
      <c r="D4405" s="239">
        <v>10.629</v>
      </c>
      <c r="E4405" s="239">
        <v>0.22589999999999999</v>
      </c>
      <c r="F4405" s="239">
        <v>-2.7E-2</v>
      </c>
      <c r="G4405">
        <f t="shared" si="1023"/>
        <v>10.6236</v>
      </c>
      <c r="H4405" s="235">
        <f t="shared" si="1024"/>
        <v>2.1263978312436462</v>
      </c>
      <c r="I4405" s="236">
        <f t="shared" si="1025"/>
        <v>20.523661417107988</v>
      </c>
      <c r="J4405" s="237">
        <f t="shared" si="1030"/>
        <v>10.523661417107988</v>
      </c>
      <c r="K4405" s="237">
        <f t="shared" si="1026"/>
        <v>896.26829408510582</v>
      </c>
      <c r="L4405" s="237">
        <f t="shared" si="1031"/>
        <v>459.64195971502556</v>
      </c>
      <c r="M4405" s="236">
        <f t="shared" si="1027"/>
        <v>21.162845341503992</v>
      </c>
      <c r="N4405" s="236">
        <f t="shared" si="1028"/>
        <v>2.3223223678353344</v>
      </c>
      <c r="O4405" s="236">
        <f t="shared" si="1032"/>
        <v>2.6671544410917667</v>
      </c>
      <c r="P4405" s="236" t="str">
        <f t="shared" si="1033"/>
        <v>CLAY</v>
      </c>
      <c r="Q4405" s="236">
        <f t="shared" si="1029"/>
        <v>810.61097549290787</v>
      </c>
      <c r="R4405" s="238">
        <v>35</v>
      </c>
      <c r="S4405" s="236">
        <f t="shared" si="1034"/>
        <v>11.347693089431418</v>
      </c>
      <c r="T4405" s="236" t="e">
        <f t="shared" si="1020"/>
        <v>#N/A</v>
      </c>
    </row>
    <row r="4406" spans="1:20" x14ac:dyDescent="0.2">
      <c r="A4406" s="53">
        <f t="shared" si="1021"/>
        <v>4394</v>
      </c>
      <c r="B4406" s="239">
        <v>43.686999999999998</v>
      </c>
      <c r="C4406" s="3">
        <f t="shared" si="1022"/>
        <v>43.68</v>
      </c>
      <c r="D4406" s="239">
        <v>10.703900000000001</v>
      </c>
      <c r="E4406" s="239">
        <v>0.20169999999999999</v>
      </c>
      <c r="F4406" s="239">
        <v>-1.1599999999999999E-2</v>
      </c>
      <c r="G4406">
        <f t="shared" si="1023"/>
        <v>10.701580000000002</v>
      </c>
      <c r="H4406" s="235">
        <f t="shared" si="1024"/>
        <v>1.8847684173738828</v>
      </c>
      <c r="I4406" s="236">
        <f t="shared" si="1025"/>
        <v>20.393652091731745</v>
      </c>
      <c r="J4406" s="237">
        <f t="shared" si="1030"/>
        <v>10.393652091731745</v>
      </c>
      <c r="K4406" s="237">
        <f t="shared" si="1026"/>
        <v>890.79472336684262</v>
      </c>
      <c r="L4406" s="237">
        <f t="shared" si="1031"/>
        <v>454.06747893148474</v>
      </c>
      <c r="M4406" s="236">
        <f t="shared" si="1027"/>
        <v>21.606447789918757</v>
      </c>
      <c r="N4406" s="236">
        <f t="shared" si="1028"/>
        <v>2.0559006676091363</v>
      </c>
      <c r="O4406" s="236">
        <f t="shared" si="1032"/>
        <v>2.6287068486249066</v>
      </c>
      <c r="P4406" s="236" t="str">
        <f t="shared" si="1033"/>
        <v>CLAY</v>
      </c>
      <c r="Q4406" s="236">
        <f t="shared" si="1029"/>
        <v>817.56543971942995</v>
      </c>
      <c r="R4406" s="238">
        <v>35</v>
      </c>
      <c r="S4406" s="236">
        <f t="shared" si="1034"/>
        <v>11.645797234859241</v>
      </c>
      <c r="T4406" s="236" t="e">
        <f t="shared" si="1020"/>
        <v>#N/A</v>
      </c>
    </row>
    <row r="4407" spans="1:20" x14ac:dyDescent="0.2">
      <c r="A4407" s="53">
        <f t="shared" si="1021"/>
        <v>4395</v>
      </c>
      <c r="B4407" s="239">
        <v>43.697000000000003</v>
      </c>
      <c r="C4407" s="3">
        <f t="shared" si="1022"/>
        <v>43.690000000000005</v>
      </c>
      <c r="D4407" s="239">
        <v>10.462</v>
      </c>
      <c r="E4407" s="239">
        <v>0.18240000000000001</v>
      </c>
      <c r="F4407" s="239">
        <v>1.6500000000000001E-2</v>
      </c>
      <c r="G4407">
        <f t="shared" si="1023"/>
        <v>10.465299999999999</v>
      </c>
      <c r="H4407" s="235">
        <f t="shared" si="1024"/>
        <v>1.7429027357075288</v>
      </c>
      <c r="I4407" s="236">
        <f t="shared" si="1025"/>
        <v>20.266986620330727</v>
      </c>
      <c r="J4407" s="237">
        <f t="shared" si="1030"/>
        <v>10.266986620330727</v>
      </c>
      <c r="K4407" s="237">
        <f t="shared" si="1026"/>
        <v>885.46464544224955</v>
      </c>
      <c r="L4407" s="237">
        <f t="shared" si="1031"/>
        <v>448.63651434859179</v>
      </c>
      <c r="M4407" s="236">
        <f t="shared" si="1027"/>
        <v>21.353222593723597</v>
      </c>
      <c r="N4407" s="236">
        <f t="shared" si="1028"/>
        <v>1.9039993199175442</v>
      </c>
      <c r="O4407" s="236">
        <f t="shared" si="1032"/>
        <v>2.6135985339674654</v>
      </c>
      <c r="P4407" s="236" t="str">
        <f t="shared" si="1033"/>
        <v>CLAY</v>
      </c>
      <c r="Q4407" s="236">
        <f t="shared" si="1029"/>
        <v>798.31961287981255</v>
      </c>
      <c r="R4407" s="238">
        <v>35</v>
      </c>
      <c r="S4407" s="236">
        <f t="shared" si="1034"/>
        <v>11.475438579854297</v>
      </c>
      <c r="T4407" s="236" t="e">
        <f t="shared" si="1020"/>
        <v>#N/A</v>
      </c>
    </row>
    <row r="4408" spans="1:20" x14ac:dyDescent="0.2">
      <c r="A4408" s="53">
        <f t="shared" si="1021"/>
        <v>4396</v>
      </c>
      <c r="B4408" s="239">
        <v>43.706000000000003</v>
      </c>
      <c r="C4408" s="3">
        <f t="shared" si="1022"/>
        <v>43.699000000000005</v>
      </c>
      <c r="D4408" s="239">
        <v>10.052</v>
      </c>
      <c r="E4408" s="239">
        <v>0.1678</v>
      </c>
      <c r="F4408" s="239">
        <v>4.9099999999999998E-2</v>
      </c>
      <c r="G4408">
        <f t="shared" si="1023"/>
        <v>10.061819999999999</v>
      </c>
      <c r="H4408" s="235">
        <f t="shared" si="1024"/>
        <v>1.6676903383284536</v>
      </c>
      <c r="I4408" s="236">
        <f t="shared" si="1025"/>
        <v>20.153790226322094</v>
      </c>
      <c r="J4408" s="237">
        <f t="shared" si="1030"/>
        <v>10.153790226322094</v>
      </c>
      <c r="K4408" s="237">
        <f t="shared" si="1026"/>
        <v>880.70047910004928</v>
      </c>
      <c r="L4408" s="237">
        <f t="shared" si="1031"/>
        <v>443.78155563163347</v>
      </c>
      <c r="M4408" s="236">
        <f t="shared" si="1027"/>
        <v>20.688375630736793</v>
      </c>
      <c r="N4408" s="236">
        <f t="shared" si="1028"/>
        <v>1.8276638226745572</v>
      </c>
      <c r="O4408" s="236">
        <f t="shared" si="1032"/>
        <v>2.6147488337597959</v>
      </c>
      <c r="P4408" s="236" t="str">
        <f t="shared" si="1033"/>
        <v>CLAY</v>
      </c>
      <c r="Q4408" s="236">
        <f t="shared" si="1029"/>
        <v>765.09329340832926</v>
      </c>
      <c r="R4408" s="238">
        <v>35</v>
      </c>
      <c r="S4408" s="236">
        <f t="shared" si="1034"/>
        <v>11.03057113846058</v>
      </c>
      <c r="T4408" s="236" t="e">
        <f t="shared" si="1020"/>
        <v>#N/A</v>
      </c>
    </row>
    <row r="4409" spans="1:20" x14ac:dyDescent="0.2">
      <c r="A4409" s="53">
        <f t="shared" si="1021"/>
        <v>4397</v>
      </c>
      <c r="B4409" s="239">
        <v>43.715000000000003</v>
      </c>
      <c r="C4409" s="3">
        <f t="shared" si="1022"/>
        <v>43.708000000000006</v>
      </c>
      <c r="D4409" s="239">
        <v>9.6684999999999999</v>
      </c>
      <c r="E4409" s="239">
        <v>0.15859999999999999</v>
      </c>
      <c r="F4409" s="239">
        <v>0.1053</v>
      </c>
      <c r="G4409">
        <f t="shared" si="1023"/>
        <v>9.6895600000000002</v>
      </c>
      <c r="H4409" s="235">
        <f t="shared" si="1024"/>
        <v>1.6368132299093043</v>
      </c>
      <c r="I4409" s="236">
        <f t="shared" si="1025"/>
        <v>20.072935299118022</v>
      </c>
      <c r="J4409" s="237">
        <f t="shared" si="1030"/>
        <v>10.072935299118022</v>
      </c>
      <c r="K4409" s="237">
        <f t="shared" si="1026"/>
        <v>877.34785605385059</v>
      </c>
      <c r="L4409" s="237">
        <f t="shared" si="1031"/>
        <v>440.33836660094437</v>
      </c>
      <c r="M4409" s="236">
        <f t="shared" si="1027"/>
        <v>20.012365063642513</v>
      </c>
      <c r="N4409" s="236">
        <f t="shared" si="1028"/>
        <v>1.7997751008406635</v>
      </c>
      <c r="O4409" s="236">
        <f t="shared" si="1032"/>
        <v>2.6228868467828179</v>
      </c>
      <c r="P4409" s="236" t="str">
        <f t="shared" si="1033"/>
        <v>CLAY</v>
      </c>
      <c r="Q4409" s="236">
        <f t="shared" si="1029"/>
        <v>734.35101199551229</v>
      </c>
      <c r="R4409" s="238">
        <v>35</v>
      </c>
      <c r="S4409" s="236">
        <f t="shared" si="1034"/>
        <v>10.581884805171969</v>
      </c>
      <c r="T4409" s="236" t="e">
        <f t="shared" si="1020"/>
        <v>#N/A</v>
      </c>
    </row>
    <row r="4410" spans="1:20" x14ac:dyDescent="0.2">
      <c r="A4410" s="53">
        <f t="shared" si="1021"/>
        <v>4398</v>
      </c>
      <c r="B4410" s="239">
        <v>43.725999999999999</v>
      </c>
      <c r="C4410" s="3">
        <f t="shared" si="1022"/>
        <v>43.719000000000001</v>
      </c>
      <c r="D4410" s="239">
        <v>9.2883999999999993</v>
      </c>
      <c r="E4410" s="239">
        <v>0.14729999999999999</v>
      </c>
      <c r="F4410" s="239">
        <v>0.17780000000000001</v>
      </c>
      <c r="G4410">
        <f t="shared" si="1023"/>
        <v>9.3239599999999996</v>
      </c>
      <c r="H4410" s="235">
        <f t="shared" si="1024"/>
        <v>1.5798008571465343</v>
      </c>
      <c r="I4410" s="236">
        <f t="shared" si="1025"/>
        <v>19.971230832405006</v>
      </c>
      <c r="J4410" s="237">
        <f t="shared" si="1030"/>
        <v>9.9712308324050056</v>
      </c>
      <c r="K4410" s="237">
        <f t="shared" si="1026"/>
        <v>873.12224076191444</v>
      </c>
      <c r="L4410" s="237">
        <f t="shared" si="1031"/>
        <v>436.00203937774126</v>
      </c>
      <c r="M4410" s="236">
        <f t="shared" si="1027"/>
        <v>19.382564749694875</v>
      </c>
      <c r="N4410" s="236">
        <f t="shared" si="1028"/>
        <v>1.7430224576134845</v>
      </c>
      <c r="O4410" s="236">
        <f t="shared" si="1032"/>
        <v>2.6266138063131375</v>
      </c>
      <c r="P4410" s="236" t="str">
        <f t="shared" si="1033"/>
        <v>CLAY</v>
      </c>
      <c r="Q4410" s="236">
        <f t="shared" si="1029"/>
        <v>704.23647993650695</v>
      </c>
      <c r="R4410" s="238">
        <v>35</v>
      </c>
      <c r="S4410" s="236">
        <f t="shared" si="1034"/>
        <v>10.167263122844046</v>
      </c>
      <c r="T4410" s="236" t="e">
        <f t="shared" si="1020"/>
        <v>#N/A</v>
      </c>
    </row>
    <row r="4411" spans="1:20" x14ac:dyDescent="0.2">
      <c r="A4411" s="53">
        <f t="shared" si="1021"/>
        <v>4399</v>
      </c>
      <c r="B4411" s="239">
        <v>43.734999999999999</v>
      </c>
      <c r="C4411" s="3">
        <f t="shared" si="1022"/>
        <v>43.728000000000002</v>
      </c>
      <c r="D4411" s="239">
        <v>8.8632000000000009</v>
      </c>
      <c r="E4411" s="239">
        <v>0.1409</v>
      </c>
      <c r="F4411" s="239">
        <v>0.2261</v>
      </c>
      <c r="G4411">
        <f t="shared" si="1023"/>
        <v>8.9084200000000013</v>
      </c>
      <c r="H4411" s="235">
        <f t="shared" si="1024"/>
        <v>1.5816497201523949</v>
      </c>
      <c r="I4411" s="236">
        <f t="shared" si="1025"/>
        <v>19.901323351620146</v>
      </c>
      <c r="J4411" s="237">
        <f t="shared" si="1030"/>
        <v>9.901323351620146</v>
      </c>
      <c r="K4411" s="237">
        <f t="shared" si="1026"/>
        <v>870.24506751964577</v>
      </c>
      <c r="L4411" s="237">
        <f t="shared" si="1031"/>
        <v>433.03437678310706</v>
      </c>
      <c r="M4411" s="236">
        <f t="shared" si="1027"/>
        <v>18.562440682408958</v>
      </c>
      <c r="N4411" s="236">
        <f t="shared" si="1028"/>
        <v>1.7528854644685146</v>
      </c>
      <c r="O4411" s="236">
        <f t="shared" si="1032"/>
        <v>2.643592620119509</v>
      </c>
      <c r="P4411" s="236" t="str">
        <f t="shared" si="1033"/>
        <v>CLAY</v>
      </c>
      <c r="Q4411" s="236">
        <f t="shared" si="1029"/>
        <v>669.84791104002966</v>
      </c>
      <c r="R4411" s="238">
        <v>35</v>
      </c>
      <c r="S4411" s="236">
        <f t="shared" si="1034"/>
        <v>9.6323855435450785</v>
      </c>
      <c r="T4411" s="236" t="e">
        <f t="shared" si="1020"/>
        <v>#N/A</v>
      </c>
    </row>
    <row r="4412" spans="1:20" x14ac:dyDescent="0.2">
      <c r="A4412" s="53">
        <f t="shared" si="1021"/>
        <v>4400</v>
      </c>
      <c r="B4412" s="239">
        <v>43.744</v>
      </c>
      <c r="C4412" s="3">
        <f t="shared" si="1022"/>
        <v>43.737000000000002</v>
      </c>
      <c r="D4412" s="239">
        <v>8.6428999999999991</v>
      </c>
      <c r="E4412" s="239">
        <v>0.1522</v>
      </c>
      <c r="F4412" s="239">
        <v>0.21329999999999999</v>
      </c>
      <c r="G4412">
        <f t="shared" si="1023"/>
        <v>8.6855599999999988</v>
      </c>
      <c r="H4412" s="235">
        <f t="shared" si="1024"/>
        <v>1.7523337585601853</v>
      </c>
      <c r="I4412" s="236">
        <f t="shared" si="1025"/>
        <v>19.981880658229439</v>
      </c>
      <c r="J4412" s="237">
        <f t="shared" si="1030"/>
        <v>9.9818806582294393</v>
      </c>
      <c r="K4412" s="237">
        <f t="shared" si="1026"/>
        <v>873.94751434898103</v>
      </c>
      <c r="L4412" s="237">
        <f t="shared" si="1031"/>
        <v>436.64738751358857</v>
      </c>
      <c r="M4412" s="236">
        <f t="shared" si="1027"/>
        <v>17.889978754099197</v>
      </c>
      <c r="N4412" s="236">
        <f t="shared" si="1028"/>
        <v>1.9483813396987224</v>
      </c>
      <c r="O4412" s="236">
        <f t="shared" si="1032"/>
        <v>2.6825239345044163</v>
      </c>
      <c r="P4412" s="236" t="str">
        <f t="shared" si="1033"/>
        <v>CLAY</v>
      </c>
      <c r="Q4412" s="236">
        <f t="shared" si="1029"/>
        <v>650.96770713758485</v>
      </c>
      <c r="R4412" s="238">
        <v>35</v>
      </c>
      <c r="S4412" s="236">
        <f t="shared" si="1034"/>
        <v>9.1981881670724857</v>
      </c>
      <c r="T4412" s="236" t="e">
        <f t="shared" si="1020"/>
        <v>#N/A</v>
      </c>
    </row>
    <row r="4413" spans="1:20" x14ac:dyDescent="0.2">
      <c r="A4413" s="53">
        <f t="shared" si="1021"/>
        <v>4401</v>
      </c>
      <c r="B4413" s="239">
        <v>43.755000000000003</v>
      </c>
      <c r="C4413" s="3">
        <f t="shared" si="1022"/>
        <v>43.748000000000005</v>
      </c>
      <c r="D4413" s="239">
        <v>8.3795000000000002</v>
      </c>
      <c r="E4413" s="239">
        <v>0.1658</v>
      </c>
      <c r="F4413" s="239">
        <v>0.2656</v>
      </c>
      <c r="G4413">
        <f t="shared" si="1023"/>
        <v>8.43262</v>
      </c>
      <c r="H4413" s="235">
        <f t="shared" si="1024"/>
        <v>1.9661742139453695</v>
      </c>
      <c r="I4413" s="236">
        <f t="shared" si="1025"/>
        <v>20.070687552262036</v>
      </c>
      <c r="J4413" s="237">
        <f t="shared" si="1030"/>
        <v>10.070687552262036</v>
      </c>
      <c r="K4413" s="237">
        <f t="shared" si="1026"/>
        <v>878.05243903635971</v>
      </c>
      <c r="L4413" s="237">
        <f t="shared" si="1031"/>
        <v>440.64293384922541</v>
      </c>
      <c r="M4413" s="236">
        <f t="shared" si="1027"/>
        <v>17.144420074936647</v>
      </c>
      <c r="N4413" s="236">
        <f t="shared" si="1028"/>
        <v>2.1946987522718109</v>
      </c>
      <c r="O4413" s="236">
        <f t="shared" si="1032"/>
        <v>2.7270934137287637</v>
      </c>
      <c r="P4413" s="236" t="str">
        <f t="shared" si="1033"/>
        <v>CLAY</v>
      </c>
      <c r="Q4413" s="236">
        <f t="shared" si="1029"/>
        <v>629.54729674697012</v>
      </c>
      <c r="R4413" s="238">
        <v>35</v>
      </c>
      <c r="S4413" s="236">
        <f t="shared" si="1034"/>
        <v>8.7215466441471143</v>
      </c>
      <c r="T4413" s="236" t="e">
        <f t="shared" si="1020"/>
        <v>#N/A</v>
      </c>
    </row>
    <row r="4414" spans="1:20" x14ac:dyDescent="0.2">
      <c r="A4414" s="53">
        <f t="shared" si="1021"/>
        <v>4402</v>
      </c>
      <c r="B4414" s="239">
        <v>43.764000000000003</v>
      </c>
      <c r="C4414" s="3">
        <f t="shared" si="1022"/>
        <v>43.757000000000005</v>
      </c>
      <c r="D4414" s="239">
        <v>8.1385000000000005</v>
      </c>
      <c r="E4414" s="239">
        <v>0.1817</v>
      </c>
      <c r="F4414" s="239">
        <v>0.3327</v>
      </c>
      <c r="G4414">
        <f t="shared" si="1023"/>
        <v>8.2050400000000003</v>
      </c>
      <c r="H4414" s="235">
        <f t="shared" si="1024"/>
        <v>2.2144925557949748</v>
      </c>
      <c r="I4414" s="236">
        <f t="shared" si="1025"/>
        <v>20.167373990456547</v>
      </c>
      <c r="J4414" s="237">
        <f t="shared" si="1030"/>
        <v>10.167373990456547</v>
      </c>
      <c r="K4414" s="237">
        <f t="shared" si="1026"/>
        <v>882.46378370040725</v>
      </c>
      <c r="L4414" s="237">
        <f t="shared" si="1031"/>
        <v>444.96495531834034</v>
      </c>
      <c r="M4414" s="236">
        <f t="shared" si="1027"/>
        <v>16.456523438033042</v>
      </c>
      <c r="N4414" s="236">
        <f t="shared" si="1028"/>
        <v>2.4813671395532522</v>
      </c>
      <c r="O4414" s="236">
        <f t="shared" si="1032"/>
        <v>2.7724031279873573</v>
      </c>
      <c r="P4414" s="236" t="str">
        <f t="shared" si="1033"/>
        <v>CLAY</v>
      </c>
      <c r="Q4414" s="236">
        <f t="shared" si="1029"/>
        <v>610.21468469163278</v>
      </c>
      <c r="R4414" s="238">
        <v>35</v>
      </c>
      <c r="S4414" s="236">
        <f t="shared" si="1034"/>
        <v>8.2863376237193638</v>
      </c>
      <c r="T4414" s="236" t="e">
        <f t="shared" si="1020"/>
        <v>#N/A</v>
      </c>
    </row>
    <row r="4415" spans="1:20" x14ac:dyDescent="0.2">
      <c r="A4415" s="53">
        <f t="shared" si="1021"/>
        <v>4403</v>
      </c>
      <c r="B4415" s="239">
        <v>43.774000000000001</v>
      </c>
      <c r="C4415" s="3">
        <f t="shared" si="1022"/>
        <v>43.767000000000003</v>
      </c>
      <c r="D4415" s="239">
        <v>8.19</v>
      </c>
      <c r="E4415" s="239">
        <v>0.17269999999999999</v>
      </c>
      <c r="F4415" s="239">
        <v>0.48709999999999998</v>
      </c>
      <c r="G4415">
        <f t="shared" si="1023"/>
        <v>8.2874199999999991</v>
      </c>
      <c r="H4415" s="235">
        <f t="shared" si="1024"/>
        <v>2.0838813527008408</v>
      </c>
      <c r="I4415" s="236">
        <f t="shared" si="1025"/>
        <v>20.111709780011829</v>
      </c>
      <c r="J4415" s="237">
        <f t="shared" si="1030"/>
        <v>10.111709780011829</v>
      </c>
      <c r="K4415" s="237">
        <f t="shared" si="1026"/>
        <v>880.22920194177777</v>
      </c>
      <c r="L4415" s="237">
        <f t="shared" si="1031"/>
        <v>442.6299839102378</v>
      </c>
      <c r="M4415" s="236">
        <f t="shared" si="1027"/>
        <v>16.734498491544453</v>
      </c>
      <c r="N4415" s="236">
        <f t="shared" si="1028"/>
        <v>2.3315181788657711</v>
      </c>
      <c r="O4415" s="236">
        <f t="shared" si="1032"/>
        <v>2.7507913174581859</v>
      </c>
      <c r="P4415" s="236" t="str">
        <f t="shared" si="1033"/>
        <v>CLAY</v>
      </c>
      <c r="Q4415" s="236">
        <f t="shared" si="1029"/>
        <v>617.26589983818496</v>
      </c>
      <c r="R4415" s="238">
        <v>35</v>
      </c>
      <c r="S4415" s="236">
        <f t="shared" si="1034"/>
        <v>8.4616661366842774</v>
      </c>
      <c r="T4415" s="236" t="e">
        <f t="shared" si="1020"/>
        <v>#N/A</v>
      </c>
    </row>
    <row r="4416" spans="1:20" x14ac:dyDescent="0.2">
      <c r="A4416" s="53">
        <f t="shared" si="1021"/>
        <v>4404</v>
      </c>
      <c r="B4416" s="239">
        <v>43.783000000000001</v>
      </c>
      <c r="C4416" s="3">
        <f t="shared" si="1022"/>
        <v>43.776000000000003</v>
      </c>
      <c r="D4416" s="239">
        <v>8.4093999999999998</v>
      </c>
      <c r="E4416" s="239">
        <v>0.1595</v>
      </c>
      <c r="F4416" s="239">
        <v>0.4556</v>
      </c>
      <c r="G4416">
        <f t="shared" si="1023"/>
        <v>8.5005199999999999</v>
      </c>
      <c r="H4416" s="235">
        <f t="shared" si="1024"/>
        <v>1.8763557994099185</v>
      </c>
      <c r="I4416" s="236">
        <f t="shared" si="1025"/>
        <v>20.028397854498841</v>
      </c>
      <c r="J4416" s="237">
        <f t="shared" si="1030"/>
        <v>10.028397854498841</v>
      </c>
      <c r="K4416" s="237">
        <f t="shared" si="1026"/>
        <v>876.76314447854134</v>
      </c>
      <c r="L4416" s="237">
        <f t="shared" si="1031"/>
        <v>439.07334326352282</v>
      </c>
      <c r="M4416" s="236">
        <f t="shared" si="1027"/>
        <v>17.363287870896404</v>
      </c>
      <c r="N4416" s="236">
        <f t="shared" si="1028"/>
        <v>2.0921443721605981</v>
      </c>
      <c r="O4416" s="236">
        <f t="shared" si="1032"/>
        <v>2.7107128587257932</v>
      </c>
      <c r="P4416" s="236" t="str">
        <f t="shared" si="1033"/>
        <v>CLAY</v>
      </c>
      <c r="Q4416" s="236">
        <f t="shared" si="1029"/>
        <v>635.31307129345498</v>
      </c>
      <c r="R4416" s="238">
        <v>35</v>
      </c>
      <c r="S4416" s="236">
        <f t="shared" si="1034"/>
        <v>8.8609434651870949</v>
      </c>
      <c r="T4416" s="236" t="e">
        <f t="shared" si="1020"/>
        <v>#N/A</v>
      </c>
    </row>
    <row r="4417" spans="1:20" x14ac:dyDescent="0.2">
      <c r="A4417" s="53">
        <f t="shared" si="1021"/>
        <v>4405</v>
      </c>
      <c r="B4417" s="239">
        <v>43.793999999999997</v>
      </c>
      <c r="C4417" s="3">
        <f t="shared" si="1022"/>
        <v>43.786999999999999</v>
      </c>
      <c r="D4417" s="239">
        <v>8.8056000000000001</v>
      </c>
      <c r="E4417" s="239">
        <v>0.14280000000000001</v>
      </c>
      <c r="F4417" s="239">
        <v>0.22589999999999999</v>
      </c>
      <c r="G4417">
        <f t="shared" si="1023"/>
        <v>8.8507800000000003</v>
      </c>
      <c r="H4417" s="235">
        <f t="shared" si="1024"/>
        <v>1.61341712255869</v>
      </c>
      <c r="I4417" s="236">
        <f t="shared" si="1025"/>
        <v>19.914492605702559</v>
      </c>
      <c r="J4417" s="237">
        <f t="shared" si="1030"/>
        <v>9.9144926057025593</v>
      </c>
      <c r="K4417" s="237">
        <f t="shared" si="1026"/>
        <v>871.995887725898</v>
      </c>
      <c r="L4417" s="237">
        <f t="shared" si="1031"/>
        <v>434.19528917413783</v>
      </c>
      <c r="M4417" s="236">
        <f t="shared" si="1027"/>
        <v>18.376026436054079</v>
      </c>
      <c r="N4417" s="236">
        <f t="shared" si="1028"/>
        <v>1.7897463822880568</v>
      </c>
      <c r="O4417" s="236">
        <f t="shared" si="1032"/>
        <v>2.652252015905626</v>
      </c>
      <c r="P4417" s="236" t="str">
        <f t="shared" si="1033"/>
        <v>CLAY</v>
      </c>
      <c r="Q4417" s="236">
        <f t="shared" si="1029"/>
        <v>664.89867602284187</v>
      </c>
      <c r="R4417" s="238">
        <v>35</v>
      </c>
      <c r="S4417" s="236">
        <f t="shared" si="1034"/>
        <v>9.5116205691032842</v>
      </c>
      <c r="T4417" s="236" t="e">
        <f t="shared" si="1020"/>
        <v>#N/A</v>
      </c>
    </row>
    <row r="4418" spans="1:20" x14ac:dyDescent="0.2">
      <c r="A4418" s="53">
        <f t="shared" si="1021"/>
        <v>4406</v>
      </c>
      <c r="B4418" s="239">
        <v>43.802999999999997</v>
      </c>
      <c r="C4418" s="3">
        <f t="shared" si="1022"/>
        <v>43.795999999999999</v>
      </c>
      <c r="D4418" s="239">
        <v>9.1334</v>
      </c>
      <c r="E4418" s="239">
        <v>0.14960000000000001</v>
      </c>
      <c r="F4418" s="239">
        <v>0.16189999999999999</v>
      </c>
      <c r="G4418">
        <f t="shared" si="1023"/>
        <v>9.1657799999999998</v>
      </c>
      <c r="H4418" s="235">
        <f t="shared" si="1024"/>
        <v>1.6321578741798299</v>
      </c>
      <c r="I4418" s="236">
        <f t="shared" si="1025"/>
        <v>19.982710842971489</v>
      </c>
      <c r="J4418" s="237">
        <f t="shared" si="1030"/>
        <v>9.982710842971489</v>
      </c>
      <c r="K4418" s="237">
        <f t="shared" si="1026"/>
        <v>875.16280407877935</v>
      </c>
      <c r="L4418" s="237">
        <f t="shared" si="1031"/>
        <v>437.2726830546801</v>
      </c>
      <c r="M4418" s="236">
        <f t="shared" si="1027"/>
        <v>18.959833342446629</v>
      </c>
      <c r="N4418" s="236">
        <f t="shared" si="1028"/>
        <v>1.8044494935021187</v>
      </c>
      <c r="O4418" s="236">
        <f t="shared" si="1032"/>
        <v>2.6429497299370692</v>
      </c>
      <c r="P4418" s="236" t="str">
        <f t="shared" si="1033"/>
        <v>CLAY</v>
      </c>
      <c r="Q4418" s="236">
        <f t="shared" si="1029"/>
        <v>690.88476632676839</v>
      </c>
      <c r="R4418" s="238">
        <v>35</v>
      </c>
      <c r="S4418" s="236">
        <f t="shared" si="1034"/>
        <v>9.8908394670447048</v>
      </c>
      <c r="T4418" s="236" t="e">
        <f t="shared" si="1020"/>
        <v>#N/A</v>
      </c>
    </row>
    <row r="4419" spans="1:20" x14ac:dyDescent="0.2">
      <c r="A4419" s="53">
        <f t="shared" si="1021"/>
        <v>4407</v>
      </c>
      <c r="B4419" s="239">
        <v>43.813000000000002</v>
      </c>
      <c r="C4419" s="3">
        <f t="shared" si="1022"/>
        <v>43.806000000000004</v>
      </c>
      <c r="D4419" s="239">
        <v>9.6150000000000002</v>
      </c>
      <c r="E4419" s="239">
        <v>0.16589999999999999</v>
      </c>
      <c r="F4419" s="239">
        <v>0.12520000000000001</v>
      </c>
      <c r="G4419">
        <f t="shared" si="1023"/>
        <v>9.6400400000000008</v>
      </c>
      <c r="H4419" s="235">
        <f t="shared" si="1024"/>
        <v>1.7209472159866555</v>
      </c>
      <c r="I4419" s="236">
        <f t="shared" si="1025"/>
        <v>20.123699249004055</v>
      </c>
      <c r="J4419" s="237">
        <f t="shared" si="1030"/>
        <v>10.123699249004055</v>
      </c>
      <c r="K4419" s="237">
        <f t="shared" si="1026"/>
        <v>881.53876930187175</v>
      </c>
      <c r="L4419" s="237">
        <f t="shared" si="1031"/>
        <v>443.5496351966147</v>
      </c>
      <c r="M4419" s="236">
        <f t="shared" si="1027"/>
        <v>19.746383573995502</v>
      </c>
      <c r="N4419" s="236">
        <f t="shared" si="1028"/>
        <v>1.8941596927397626</v>
      </c>
      <c r="O4419" s="236">
        <f t="shared" si="1032"/>
        <v>2.6402198315502146</v>
      </c>
      <c r="P4419" s="236" t="str">
        <f t="shared" si="1033"/>
        <v>CLAY</v>
      </c>
      <c r="Q4419" s="236">
        <f t="shared" si="1029"/>
        <v>729.87510255817745</v>
      </c>
      <c r="R4419" s="238">
        <v>35</v>
      </c>
      <c r="S4419" s="236">
        <f t="shared" si="1034"/>
        <v>10.406374950707496</v>
      </c>
      <c r="T4419" s="236" t="e">
        <f t="shared" si="1020"/>
        <v>#N/A</v>
      </c>
    </row>
    <row r="4420" spans="1:20" x14ac:dyDescent="0.2">
      <c r="A4420" s="53">
        <f t="shared" si="1021"/>
        <v>4408</v>
      </c>
      <c r="B4420" s="239">
        <v>43.822000000000003</v>
      </c>
      <c r="C4420" s="3">
        <f t="shared" si="1022"/>
        <v>43.815000000000005</v>
      </c>
      <c r="D4420" s="239">
        <v>9.9589999999999996</v>
      </c>
      <c r="E4420" s="239">
        <v>0.1875</v>
      </c>
      <c r="F4420" s="239">
        <v>0.2361</v>
      </c>
      <c r="G4420">
        <f t="shared" si="1023"/>
        <v>10.006219999999999</v>
      </c>
      <c r="H4420" s="235">
        <f t="shared" si="1024"/>
        <v>1.8738344749565772</v>
      </c>
      <c r="I4420" s="236">
        <f t="shared" si="1025"/>
        <v>20.281789531427172</v>
      </c>
      <c r="J4420" s="237">
        <f t="shared" si="1030"/>
        <v>10.281789531427172</v>
      </c>
      <c r="K4420" s="237">
        <f t="shared" si="1026"/>
        <v>888.64660831948163</v>
      </c>
      <c r="L4420" s="237">
        <f t="shared" si="1031"/>
        <v>450.5685808462016</v>
      </c>
      <c r="M4420" s="236">
        <f t="shared" si="1027"/>
        <v>20.235706126150721</v>
      </c>
      <c r="N4420" s="236">
        <f t="shared" si="1028"/>
        <v>2.0564682283894475</v>
      </c>
      <c r="O4420" s="236">
        <f t="shared" si="1032"/>
        <v>2.6519515108015037</v>
      </c>
      <c r="P4420" s="236" t="str">
        <f t="shared" si="1033"/>
        <v>CLAY</v>
      </c>
      <c r="Q4420" s="236">
        <f t="shared" si="1029"/>
        <v>759.79778264004324</v>
      </c>
      <c r="R4420" s="238">
        <v>35</v>
      </c>
      <c r="S4420" s="236">
        <f t="shared" si="1034"/>
        <v>10.729709486302678</v>
      </c>
      <c r="T4420" s="236" t="e">
        <f t="shared" si="1020"/>
        <v>#N/A</v>
      </c>
    </row>
    <row r="4421" spans="1:20" x14ac:dyDescent="0.2">
      <c r="A4421" s="53">
        <f t="shared" si="1021"/>
        <v>4409</v>
      </c>
      <c r="B4421" s="239">
        <v>43.832000000000001</v>
      </c>
      <c r="C4421" s="3">
        <f t="shared" si="1022"/>
        <v>43.825000000000003</v>
      </c>
      <c r="D4421" s="239">
        <v>10.440799999999999</v>
      </c>
      <c r="E4421" s="239">
        <v>0.20569999999999999</v>
      </c>
      <c r="F4421" s="239">
        <v>0.18290000000000001</v>
      </c>
      <c r="G4421">
        <f t="shared" si="1023"/>
        <v>10.47738</v>
      </c>
      <c r="H4421" s="235">
        <f t="shared" si="1024"/>
        <v>1.9632770788116876</v>
      </c>
      <c r="I4421" s="236">
        <f t="shared" si="1025"/>
        <v>20.408403067866182</v>
      </c>
      <c r="J4421" s="237">
        <f t="shared" si="1030"/>
        <v>10.408403067866182</v>
      </c>
      <c r="K4421" s="237">
        <f t="shared" si="1026"/>
        <v>894.39826444923551</v>
      </c>
      <c r="L4421" s="237">
        <f t="shared" si="1031"/>
        <v>456.22112327071051</v>
      </c>
      <c r="M4421" s="236">
        <f t="shared" si="1027"/>
        <v>21.005125029830015</v>
      </c>
      <c r="N4421" s="236">
        <f t="shared" si="1028"/>
        <v>2.1465135348938214</v>
      </c>
      <c r="O4421" s="236">
        <f t="shared" si="1032"/>
        <v>2.6496007254347287</v>
      </c>
      <c r="P4421" s="236" t="str">
        <f t="shared" si="1033"/>
        <v>CLAY</v>
      </c>
      <c r="Q4421" s="236">
        <f t="shared" si="1029"/>
        <v>798.58181129589718</v>
      </c>
      <c r="R4421" s="238">
        <v>35</v>
      </c>
      <c r="S4421" s="236">
        <f t="shared" si="1034"/>
        <v>11.242078081975713</v>
      </c>
      <c r="T4421" s="236" t="e">
        <f t="shared" si="1020"/>
        <v>#N/A</v>
      </c>
    </row>
    <row r="4422" spans="1:20" x14ac:dyDescent="0.2">
      <c r="A4422" s="53">
        <f t="shared" si="1021"/>
        <v>4410</v>
      </c>
      <c r="B4422" s="239">
        <v>43.841999999999999</v>
      </c>
      <c r="C4422" s="3">
        <f t="shared" si="1022"/>
        <v>43.835000000000001</v>
      </c>
      <c r="D4422" s="239">
        <v>10.4278</v>
      </c>
      <c r="E4422" s="239">
        <v>0.2177</v>
      </c>
      <c r="F4422" s="239">
        <v>0.11650000000000001</v>
      </c>
      <c r="G4422">
        <f t="shared" si="1023"/>
        <v>10.4511</v>
      </c>
      <c r="H4422" s="235">
        <f t="shared" si="1024"/>
        <v>2.0830343217460365</v>
      </c>
      <c r="I4422" s="236">
        <f t="shared" si="1025"/>
        <v>20.473906615718263</v>
      </c>
      <c r="J4422" s="237">
        <f t="shared" si="1030"/>
        <v>10.473906615718263</v>
      </c>
      <c r="K4422" s="237">
        <f t="shared" si="1026"/>
        <v>897.47369650001008</v>
      </c>
      <c r="L4422" s="237">
        <f t="shared" si="1031"/>
        <v>459.19701384632009</v>
      </c>
      <c r="M4422" s="236">
        <f t="shared" si="1027"/>
        <v>20.8050706242121</v>
      </c>
      <c r="N4422" s="236">
        <f t="shared" si="1028"/>
        <v>2.2787158832059946</v>
      </c>
      <c r="O4422" s="236">
        <f t="shared" si="1032"/>
        <v>2.6682357689072775</v>
      </c>
      <c r="P4422" s="236" t="str">
        <f t="shared" si="1033"/>
        <v>CLAY</v>
      </c>
      <c r="Q4422" s="236">
        <f t="shared" si="1029"/>
        <v>796.13552529166589</v>
      </c>
      <c r="R4422" s="238">
        <v>35</v>
      </c>
      <c r="S4422" s="236">
        <f t="shared" si="1034"/>
        <v>11.10839979183991</v>
      </c>
      <c r="T4422" s="236" t="e">
        <f t="shared" si="1020"/>
        <v>#N/A</v>
      </c>
    </row>
    <row r="4423" spans="1:20" x14ac:dyDescent="0.2">
      <c r="A4423" s="53">
        <f t="shared" si="1021"/>
        <v>4411</v>
      </c>
      <c r="B4423" s="239">
        <v>43.850999999999999</v>
      </c>
      <c r="C4423" s="3">
        <f t="shared" si="1022"/>
        <v>43.844000000000001</v>
      </c>
      <c r="D4423" s="239">
        <v>9.8986000000000001</v>
      </c>
      <c r="E4423" s="239">
        <v>0.21299999999999999</v>
      </c>
      <c r="F4423" s="239">
        <v>4.7500000000000001E-2</v>
      </c>
      <c r="G4423">
        <f t="shared" si="1023"/>
        <v>9.9080999999999992</v>
      </c>
      <c r="H4423" s="235">
        <f t="shared" si="1024"/>
        <v>2.1497562600296725</v>
      </c>
      <c r="I4423" s="236">
        <f t="shared" si="1025"/>
        <v>20.427459326713411</v>
      </c>
      <c r="J4423" s="237">
        <f t="shared" si="1030"/>
        <v>10.427459326713411</v>
      </c>
      <c r="K4423" s="237">
        <f t="shared" si="1026"/>
        <v>895.62152672042282</v>
      </c>
      <c r="L4423" s="237">
        <f t="shared" si="1031"/>
        <v>457.25451893570977</v>
      </c>
      <c r="M4423" s="236">
        <f t="shared" si="1027"/>
        <v>19.70998229663584</v>
      </c>
      <c r="N4423" s="236">
        <f t="shared" si="1028"/>
        <v>2.3633898336790238</v>
      </c>
      <c r="O4423" s="236">
        <f t="shared" si="1032"/>
        <v>2.6965431450188424</v>
      </c>
      <c r="P4423" s="236" t="str">
        <f t="shared" si="1033"/>
        <v>CLAY</v>
      </c>
      <c r="Q4423" s="236">
        <f t="shared" si="1029"/>
        <v>751.03987277329804</v>
      </c>
      <c r="R4423" s="238">
        <v>35</v>
      </c>
      <c r="S4423" s="236">
        <f t="shared" si="1034"/>
        <v>10.382401066382945</v>
      </c>
      <c r="T4423" s="236" t="e">
        <f t="shared" si="1020"/>
        <v>#N/A</v>
      </c>
    </row>
    <row r="4424" spans="1:20" x14ac:dyDescent="0.2">
      <c r="A4424" s="53">
        <f t="shared" si="1021"/>
        <v>4412</v>
      </c>
      <c r="B4424" s="239">
        <v>43.862000000000002</v>
      </c>
      <c r="C4424" s="3">
        <f t="shared" si="1022"/>
        <v>43.855000000000004</v>
      </c>
      <c r="D4424" s="239">
        <v>9.3518000000000008</v>
      </c>
      <c r="E4424" s="239">
        <v>0.21190000000000001</v>
      </c>
      <c r="F4424" s="239">
        <v>8.0999999999999996E-3</v>
      </c>
      <c r="G4424">
        <f t="shared" si="1023"/>
        <v>9.3534200000000016</v>
      </c>
      <c r="H4424" s="235">
        <f t="shared" si="1024"/>
        <v>2.2654815030224236</v>
      </c>
      <c r="I4424" s="236">
        <f t="shared" si="1025"/>
        <v>20.398870029960506</v>
      </c>
      <c r="J4424" s="237">
        <f t="shared" si="1030"/>
        <v>10.398870029960506</v>
      </c>
      <c r="K4424" s="237">
        <f t="shared" si="1026"/>
        <v>894.59244516391811</v>
      </c>
      <c r="L4424" s="237">
        <f t="shared" si="1031"/>
        <v>456.11523725412769</v>
      </c>
      <c r="M4424" s="236">
        <f t="shared" si="1027"/>
        <v>18.545373765102241</v>
      </c>
      <c r="N4424" s="236">
        <f t="shared" si="1028"/>
        <v>2.5050753030052313</v>
      </c>
      <c r="O4424" s="236">
        <f t="shared" si="1032"/>
        <v>2.7328277021808316</v>
      </c>
      <c r="P4424" s="236" t="str">
        <f t="shared" si="1033"/>
        <v>CLAY</v>
      </c>
      <c r="Q4424" s="236">
        <f t="shared" si="1029"/>
        <v>704.90229623634025</v>
      </c>
      <c r="R4424" s="238">
        <v>35</v>
      </c>
      <c r="S4424" s="236">
        <f t="shared" si="1034"/>
        <v>9.6213164018154735</v>
      </c>
      <c r="T4424" s="236" t="e">
        <f t="shared" si="1020"/>
        <v>#N/A</v>
      </c>
    </row>
    <row r="4425" spans="1:20" x14ac:dyDescent="0.2">
      <c r="A4425" s="53">
        <f t="shared" si="1021"/>
        <v>4413</v>
      </c>
      <c r="B4425" s="239">
        <v>43.871000000000002</v>
      </c>
      <c r="C4425" s="3">
        <f t="shared" si="1022"/>
        <v>43.864000000000004</v>
      </c>
      <c r="D4425" s="239">
        <v>8.9336000000000002</v>
      </c>
      <c r="E4425" s="239">
        <v>0.2157</v>
      </c>
      <c r="F4425" s="239">
        <v>-1.2200000000000001E-2</v>
      </c>
      <c r="G4425">
        <f t="shared" si="1023"/>
        <v>8.9311600000000002</v>
      </c>
      <c r="H4425" s="235">
        <f t="shared" si="1024"/>
        <v>2.4151398026684103</v>
      </c>
      <c r="I4425" s="236">
        <f t="shared" si="1025"/>
        <v>20.401655528923133</v>
      </c>
      <c r="J4425" s="237">
        <f t="shared" si="1030"/>
        <v>10.401655528923133</v>
      </c>
      <c r="K4425" s="237">
        <f t="shared" si="1026"/>
        <v>894.89821812068442</v>
      </c>
      <c r="L4425" s="237">
        <f t="shared" si="1031"/>
        <v>456.33102970938677</v>
      </c>
      <c r="M4425" s="236">
        <f t="shared" si="1027"/>
        <v>17.610596822655666</v>
      </c>
      <c r="N4425" s="236">
        <f t="shared" si="1028"/>
        <v>2.6840837923719008</v>
      </c>
      <c r="O4425" s="236">
        <f t="shared" si="1032"/>
        <v>2.7687017620354575</v>
      </c>
      <c r="P4425" s="236" t="str">
        <f t="shared" si="1033"/>
        <v>CLAY</v>
      </c>
      <c r="Q4425" s="236">
        <f t="shared" si="1029"/>
        <v>669.68848182327622</v>
      </c>
      <c r="R4425" s="238">
        <v>35</v>
      </c>
      <c r="S4425" s="236">
        <f t="shared" si="1034"/>
        <v>9.0189836938081509</v>
      </c>
      <c r="T4425" s="236" t="e">
        <f t="shared" si="1020"/>
        <v>#N/A</v>
      </c>
    </row>
    <row r="4426" spans="1:20" x14ac:dyDescent="0.2">
      <c r="A4426" s="53">
        <f t="shared" si="1021"/>
        <v>4414</v>
      </c>
      <c r="B4426" s="239">
        <v>43.881</v>
      </c>
      <c r="C4426" s="3">
        <f t="shared" si="1022"/>
        <v>43.874000000000002</v>
      </c>
      <c r="D4426" s="239">
        <v>8.7192000000000007</v>
      </c>
      <c r="E4426" s="239">
        <v>0.2114</v>
      </c>
      <c r="F4426" s="239">
        <v>8.3999999999999995E-3</v>
      </c>
      <c r="G4426">
        <f t="shared" si="1023"/>
        <v>8.7208800000000011</v>
      </c>
      <c r="H4426" s="235">
        <f t="shared" si="1024"/>
        <v>2.4240672959609579</v>
      </c>
      <c r="I4426" s="236">
        <f t="shared" si="1025"/>
        <v>20.368730787949527</v>
      </c>
      <c r="J4426" s="237">
        <f t="shared" si="1030"/>
        <v>10.368730787949527</v>
      </c>
      <c r="K4426" s="237">
        <f t="shared" si="1026"/>
        <v>893.65769459049761</v>
      </c>
      <c r="L4426" s="237">
        <f t="shared" si="1031"/>
        <v>454.99027570601322</v>
      </c>
      <c r="M4426" s="236">
        <f t="shared" si="1027"/>
        <v>17.203054050471561</v>
      </c>
      <c r="N4426" s="236">
        <f t="shared" si="1028"/>
        <v>2.7008304063869315</v>
      </c>
      <c r="O4426" s="236">
        <f t="shared" si="1032"/>
        <v>2.7784819452711358</v>
      </c>
      <c r="P4426" s="236" t="str">
        <f t="shared" si="1033"/>
        <v>CLAY</v>
      </c>
      <c r="Q4426" s="236">
        <f t="shared" si="1029"/>
        <v>652.26852545079191</v>
      </c>
      <c r="R4426" s="238">
        <v>35</v>
      </c>
      <c r="S4426" s="236">
        <f t="shared" si="1034"/>
        <v>8.7588472190869897</v>
      </c>
      <c r="T4426" s="236" t="e">
        <f t="shared" si="1020"/>
        <v>#N/A</v>
      </c>
    </row>
    <row r="4427" spans="1:20" x14ac:dyDescent="0.2">
      <c r="A4427" s="53">
        <f t="shared" si="1021"/>
        <v>4415</v>
      </c>
      <c r="B4427" s="239">
        <v>43.890999999999998</v>
      </c>
      <c r="C4427" s="3">
        <f t="shared" si="1022"/>
        <v>43.884</v>
      </c>
      <c r="D4427" s="239">
        <v>8.5757999999999992</v>
      </c>
      <c r="E4427" s="239">
        <v>0.21010000000000001</v>
      </c>
      <c r="F4427" s="239">
        <v>6.4699999999999994E-2</v>
      </c>
      <c r="G4427">
        <f t="shared" si="1023"/>
        <v>8.5887399999999996</v>
      </c>
      <c r="H4427" s="235">
        <f t="shared" si="1024"/>
        <v>2.4462261053425767</v>
      </c>
      <c r="I4427" s="236">
        <f t="shared" si="1025"/>
        <v>20.355529906182817</v>
      </c>
      <c r="J4427" s="237">
        <f t="shared" si="1030"/>
        <v>10.355529906182817</v>
      </c>
      <c r="K4427" s="237">
        <f t="shared" si="1026"/>
        <v>893.2820744029267</v>
      </c>
      <c r="L4427" s="237">
        <f t="shared" si="1031"/>
        <v>454.51456311226997</v>
      </c>
      <c r="M4427" s="236">
        <f t="shared" si="1027"/>
        <v>16.931158097339583</v>
      </c>
      <c r="N4427" s="236">
        <f t="shared" si="1028"/>
        <v>2.7301819077088751</v>
      </c>
      <c r="O4427" s="236">
        <f t="shared" si="1032"/>
        <v>2.7868362043084294</v>
      </c>
      <c r="P4427" s="236" t="str">
        <f t="shared" si="1033"/>
        <v>CLAY</v>
      </c>
      <c r="Q4427" s="236">
        <f t="shared" si="1029"/>
        <v>641.28816046642271</v>
      </c>
      <c r="R4427" s="238">
        <v>35</v>
      </c>
      <c r="S4427" s="236">
        <f t="shared" si="1034"/>
        <v>8.5861474025842064</v>
      </c>
      <c r="T4427" s="236" t="e">
        <f t="shared" si="1020"/>
        <v>#N/A</v>
      </c>
    </row>
    <row r="4428" spans="1:20" x14ac:dyDescent="0.2">
      <c r="A4428" s="53">
        <f t="shared" si="1021"/>
        <v>4416</v>
      </c>
      <c r="B4428" s="239">
        <v>43.9</v>
      </c>
      <c r="C4428" s="3">
        <f t="shared" si="1022"/>
        <v>43.893000000000001</v>
      </c>
      <c r="D4428" s="239">
        <v>8.4268000000000001</v>
      </c>
      <c r="E4428" s="239">
        <v>0.21049999999999999</v>
      </c>
      <c r="F4428" s="239">
        <v>0.1176</v>
      </c>
      <c r="G4428">
        <f t="shared" si="1023"/>
        <v>8.4503199999999996</v>
      </c>
      <c r="H4428" s="235">
        <f t="shared" si="1024"/>
        <v>2.4910299254939461</v>
      </c>
      <c r="I4428" s="236">
        <f t="shared" si="1025"/>
        <v>20.351409564609941</v>
      </c>
      <c r="J4428" s="237">
        <f t="shared" si="1030"/>
        <v>10.351409564609941</v>
      </c>
      <c r="K4428" s="237">
        <f t="shared" si="1026"/>
        <v>893.28442001942415</v>
      </c>
      <c r="L4428" s="237">
        <f t="shared" si="1031"/>
        <v>454.42687988637641</v>
      </c>
      <c r="M4428" s="236">
        <f t="shared" si="1027"/>
        <v>16.629816400539763</v>
      </c>
      <c r="N4428" s="236">
        <f t="shared" si="1028"/>
        <v>2.785483775643955</v>
      </c>
      <c r="O4428" s="236">
        <f t="shared" si="1032"/>
        <v>2.7982854323514061</v>
      </c>
      <c r="P4428" s="236" t="str">
        <f t="shared" si="1033"/>
        <v>CLAY</v>
      </c>
      <c r="Q4428" s="236">
        <f t="shared" si="1029"/>
        <v>629.75296499838134</v>
      </c>
      <c r="R4428" s="238">
        <v>35</v>
      </c>
      <c r="S4428" s="236">
        <f t="shared" si="1034"/>
        <v>8.3955533701311289</v>
      </c>
      <c r="T4428" s="236" t="e">
        <f t="shared" si="1020"/>
        <v>#N/A</v>
      </c>
    </row>
    <row r="4429" spans="1:20" x14ac:dyDescent="0.2">
      <c r="A4429" s="53">
        <f t="shared" si="1021"/>
        <v>4417</v>
      </c>
      <c r="B4429" s="239">
        <v>43.908999999999999</v>
      </c>
      <c r="C4429" s="3">
        <f t="shared" si="1022"/>
        <v>43.902000000000001</v>
      </c>
      <c r="D4429" s="239">
        <v>8.5028000000000006</v>
      </c>
      <c r="E4429" s="239">
        <v>0.20080000000000001</v>
      </c>
      <c r="F4429" s="239">
        <v>0.2296</v>
      </c>
      <c r="G4429">
        <f t="shared" si="1023"/>
        <v>8.5487200000000012</v>
      </c>
      <c r="H4429" s="235">
        <f t="shared" si="1024"/>
        <v>2.3488896583348144</v>
      </c>
      <c r="I4429" s="236">
        <f t="shared" si="1025"/>
        <v>20.300616050667315</v>
      </c>
      <c r="J4429" s="237">
        <f t="shared" si="1030"/>
        <v>10.300616050667315</v>
      </c>
      <c r="K4429" s="237">
        <f t="shared" si="1026"/>
        <v>891.23764585639651</v>
      </c>
      <c r="L4429" s="237">
        <f t="shared" si="1031"/>
        <v>452.28975016875114</v>
      </c>
      <c r="M4429" s="236">
        <f t="shared" si="1027"/>
        <v>16.930479523992233</v>
      </c>
      <c r="N4429" s="236">
        <f t="shared" si="1028"/>
        <v>2.6222717952636669</v>
      </c>
      <c r="O4429" s="236">
        <f t="shared" si="1032"/>
        <v>2.7764776440756465</v>
      </c>
      <c r="P4429" s="236" t="str">
        <f t="shared" si="1033"/>
        <v>CLAY</v>
      </c>
      <c r="Q4429" s="236">
        <f t="shared" si="1029"/>
        <v>638.12352951196704</v>
      </c>
      <c r="R4429" s="238">
        <v>35</v>
      </c>
      <c r="S4429" s="236">
        <f t="shared" si="1034"/>
        <v>8.5857172561670794</v>
      </c>
      <c r="T4429" s="236" t="e">
        <f t="shared" ref="T4429:T4492" si="1035">IF(P4429="SAND",17.6+(11*LOG(M4429)),#N/A)</f>
        <v>#N/A</v>
      </c>
    </row>
    <row r="4430" spans="1:20" x14ac:dyDescent="0.2">
      <c r="A4430" s="53">
        <f t="shared" ref="A4430:A4493" si="1036">$A4429+1</f>
        <v>4418</v>
      </c>
      <c r="B4430" s="239">
        <v>43.918999999999997</v>
      </c>
      <c r="C4430" s="3">
        <f t="shared" ref="C4430:C4493" si="1037">MAX($B4430 - $B$13, 0.001)</f>
        <v>43.911999999999999</v>
      </c>
      <c r="D4430" s="239">
        <v>8.6338000000000008</v>
      </c>
      <c r="E4430" s="239">
        <v>0.19500000000000001</v>
      </c>
      <c r="F4430" s="239">
        <v>0.35799999999999998</v>
      </c>
      <c r="G4430">
        <f t="shared" si="1023"/>
        <v>8.7054000000000009</v>
      </c>
      <c r="H4430" s="235">
        <f t="shared" si="1024"/>
        <v>2.2399889723619819</v>
      </c>
      <c r="I4430" s="236">
        <f t="shared" si="1025"/>
        <v>20.273346363040694</v>
      </c>
      <c r="J4430" s="237">
        <f t="shared" si="1030"/>
        <v>10.273346363040694</v>
      </c>
      <c r="K4430" s="237">
        <f t="shared" si="1026"/>
        <v>890.24318549384293</v>
      </c>
      <c r="L4430" s="237">
        <f t="shared" si="1031"/>
        <v>451.19509891838425</v>
      </c>
      <c r="M4430" s="236">
        <f t="shared" si="1027"/>
        <v>17.321014419794984</v>
      </c>
      <c r="N4430" s="236">
        <f t="shared" si="1028"/>
        <v>2.4951514682091775</v>
      </c>
      <c r="O4430" s="236">
        <f t="shared" si="1032"/>
        <v>2.7557698461537945</v>
      </c>
      <c r="P4430" s="236" t="str">
        <f t="shared" si="1033"/>
        <v>CLAY</v>
      </c>
      <c r="Q4430" s="236">
        <f t="shared" si="1029"/>
        <v>651.26306787551323</v>
      </c>
      <c r="R4430" s="238">
        <v>35</v>
      </c>
      <c r="S4430" s="236">
        <f t="shared" si="1034"/>
        <v>8.8339851065071944</v>
      </c>
      <c r="T4430" s="236" t="e">
        <f t="shared" si="1035"/>
        <v>#N/A</v>
      </c>
    </row>
    <row r="4431" spans="1:20" x14ac:dyDescent="0.2">
      <c r="A4431" s="53">
        <f t="shared" si="1036"/>
        <v>4419</v>
      </c>
      <c r="B4431" s="239">
        <v>43.929000000000002</v>
      </c>
      <c r="C4431" s="3">
        <f t="shared" si="1037"/>
        <v>43.922000000000004</v>
      </c>
      <c r="D4431" s="239">
        <v>8.5996000000000006</v>
      </c>
      <c r="E4431" s="239">
        <v>0.1804</v>
      </c>
      <c r="F4431" s="239">
        <v>0.57020000000000004</v>
      </c>
      <c r="G4431">
        <f t="shared" ref="G4431:G4494" si="1038">$D4431+($F4431*(1-$P$8))</f>
        <v>8.7136399999999998</v>
      </c>
      <c r="H4431" s="235">
        <f t="shared" ref="H4431:H4494" si="1039">($E4431/$G4431)*100</f>
        <v>2.0703173415472755</v>
      </c>
      <c r="I4431" s="236">
        <f t="shared" ref="I4431:I4494" si="1040">((0.27*(LOG($H4431)))+(0.36*(LOG(($G4431*1000)/101)))+1.236)*10</f>
        <v>20.182461346004015</v>
      </c>
      <c r="J4431" s="237">
        <f t="shared" si="1030"/>
        <v>10.182461346004015</v>
      </c>
      <c r="K4431" s="237">
        <f t="shared" ref="K4431:K4494" si="1041">$I4431*$C4431</f>
        <v>886.45406723918848</v>
      </c>
      <c r="L4431" s="237">
        <f t="shared" si="1031"/>
        <v>447.30534446861037</v>
      </c>
      <c r="M4431" s="236">
        <f t="shared" ref="M4431:M4494" si="1042">(($G4431*1000)-$K4431)/$L4431</f>
        <v>17.498529873501397</v>
      </c>
      <c r="N4431" s="236">
        <f t="shared" ref="N4431:N4494" si="1043">(($E4431*1000)/(($G4431*1000)-$K4431))*100</f>
        <v>2.3047874619271909</v>
      </c>
      <c r="O4431" s="236">
        <f t="shared" si="1032"/>
        <v>2.7320765999645724</v>
      </c>
      <c r="P4431" s="236" t="str">
        <f t="shared" si="1033"/>
        <v>CLAY</v>
      </c>
      <c r="Q4431" s="236">
        <f t="shared" ref="Q4431:Q4494" si="1044">IF(P4431="CLAY",($G4431*1000 -$K4431)/$L$8,#N/A)</f>
        <v>652.2654943967342</v>
      </c>
      <c r="R4431" s="238">
        <v>35</v>
      </c>
      <c r="S4431" s="236">
        <f t="shared" si="1034"/>
        <v>8.9472992466334862</v>
      </c>
      <c r="T4431" s="236" t="e">
        <f t="shared" si="1035"/>
        <v>#N/A</v>
      </c>
    </row>
    <row r="4432" spans="1:20" x14ac:dyDescent="0.2">
      <c r="A4432" s="53">
        <f t="shared" si="1036"/>
        <v>4420</v>
      </c>
      <c r="B4432" s="239">
        <v>43.939</v>
      </c>
      <c r="C4432" s="3">
        <f t="shared" si="1037"/>
        <v>43.932000000000002</v>
      </c>
      <c r="D4432" s="239">
        <v>8.6242000000000001</v>
      </c>
      <c r="E4432" s="239">
        <v>0.16880000000000001</v>
      </c>
      <c r="F4432" s="239">
        <v>0.47489999999999999</v>
      </c>
      <c r="G4432">
        <f t="shared" si="1038"/>
        <v>8.7191799999999997</v>
      </c>
      <c r="H4432" s="235">
        <f t="shared" si="1039"/>
        <v>1.9359618679738233</v>
      </c>
      <c r="I4432" s="236">
        <f t="shared" si="1040"/>
        <v>20.104776727618674</v>
      </c>
      <c r="J4432" s="237">
        <f t="shared" ref="J4432:J4495" si="1045">$I4432-10</f>
        <v>10.104776727618674</v>
      </c>
      <c r="K4432" s="237">
        <f t="shared" si="1041"/>
        <v>883.24305119774363</v>
      </c>
      <c r="L4432" s="237">
        <f t="shared" ref="L4432:L4495" si="1046">$J4432*$B4432</f>
        <v>443.99378463483691</v>
      </c>
      <c r="M4432" s="236">
        <f t="shared" si="1042"/>
        <v>17.64875369876389</v>
      </c>
      <c r="N4432" s="236">
        <f t="shared" si="1043"/>
        <v>2.1541776191269832</v>
      </c>
      <c r="O4432" s="236">
        <f t="shared" ref="O4432:O4495" si="1047">((3.47-LOG($M4432))^2+(LOG($N4432)+1.22)^2)^0.5</f>
        <v>2.7121364083624298</v>
      </c>
      <c r="P4432" s="236" t="str">
        <f t="shared" ref="P4432:P4495" si="1048">IF(O4432&lt;2.6,"SAND","CLAY")</f>
        <v>CLAY</v>
      </c>
      <c r="Q4432" s="236">
        <f t="shared" si="1044"/>
        <v>652.99474573352143</v>
      </c>
      <c r="R4432" s="238">
        <v>35</v>
      </c>
      <c r="S4432" s="236">
        <f t="shared" ref="S4432:S4495" si="1049">IF(P4432="SAND",#N/A,0.25*($M4432)^1.25)</f>
        <v>9.0434170933008104</v>
      </c>
      <c r="T4432" s="236" t="e">
        <f t="shared" si="1035"/>
        <v>#N/A</v>
      </c>
    </row>
    <row r="4433" spans="1:20" x14ac:dyDescent="0.2">
      <c r="A4433" s="53">
        <f t="shared" si="1036"/>
        <v>4421</v>
      </c>
      <c r="B4433" s="239">
        <v>43.948</v>
      </c>
      <c r="C4433" s="3">
        <f t="shared" si="1037"/>
        <v>43.941000000000003</v>
      </c>
      <c r="D4433" s="239">
        <v>8.7948000000000004</v>
      </c>
      <c r="E4433" s="239">
        <v>0.16750000000000001</v>
      </c>
      <c r="F4433" s="239">
        <v>0.16450000000000001</v>
      </c>
      <c r="G4433">
        <f t="shared" si="1038"/>
        <v>8.8277000000000001</v>
      </c>
      <c r="H4433" s="235">
        <f t="shared" si="1039"/>
        <v>1.8974364783578963</v>
      </c>
      <c r="I4433" s="236">
        <f t="shared" si="1040"/>
        <v>20.100545854222922</v>
      </c>
      <c r="J4433" s="237">
        <f t="shared" si="1045"/>
        <v>10.100545854222922</v>
      </c>
      <c r="K4433" s="237">
        <f t="shared" si="1041"/>
        <v>883.23808538040942</v>
      </c>
      <c r="L4433" s="237">
        <f t="shared" si="1046"/>
        <v>443.89878920138898</v>
      </c>
      <c r="M4433" s="236">
        <f t="shared" si="1042"/>
        <v>17.897011904250384</v>
      </c>
      <c r="N4433" s="236">
        <f t="shared" si="1043"/>
        <v>2.1083869719579429</v>
      </c>
      <c r="O4433" s="236">
        <f t="shared" si="1047"/>
        <v>2.70182249500452</v>
      </c>
      <c r="P4433" s="236" t="str">
        <f t="shared" si="1048"/>
        <v>CLAY</v>
      </c>
      <c r="Q4433" s="236">
        <f t="shared" si="1044"/>
        <v>662.03849288496588</v>
      </c>
      <c r="R4433" s="238">
        <v>35</v>
      </c>
      <c r="S4433" s="236">
        <f t="shared" si="1049"/>
        <v>9.2027085341841914</v>
      </c>
      <c r="T4433" s="236" t="e">
        <f t="shared" si="1035"/>
        <v>#N/A</v>
      </c>
    </row>
    <row r="4434" spans="1:20" x14ac:dyDescent="0.2">
      <c r="A4434" s="53">
        <f t="shared" si="1036"/>
        <v>4422</v>
      </c>
      <c r="B4434" s="239">
        <v>43.957999999999998</v>
      </c>
      <c r="C4434" s="3">
        <f t="shared" si="1037"/>
        <v>43.951000000000001</v>
      </c>
      <c r="D4434" s="239">
        <v>8.9916999999999998</v>
      </c>
      <c r="E4434" s="239">
        <v>0.1719</v>
      </c>
      <c r="F4434" s="239">
        <v>3.6499999999999998E-2</v>
      </c>
      <c r="G4434">
        <f t="shared" si="1038"/>
        <v>8.9990000000000006</v>
      </c>
      <c r="H4434" s="235">
        <f t="shared" si="1039"/>
        <v>1.9102122458050892</v>
      </c>
      <c r="I4434" s="236">
        <f t="shared" si="1040"/>
        <v>20.138462748071806</v>
      </c>
      <c r="J4434" s="237">
        <f t="shared" si="1045"/>
        <v>10.138462748071806</v>
      </c>
      <c r="K4434" s="237">
        <f t="shared" si="1041"/>
        <v>885.10557624050398</v>
      </c>
      <c r="L4434" s="237">
        <f t="shared" si="1046"/>
        <v>445.66654547974042</v>
      </c>
      <c r="M4434" s="236">
        <f t="shared" si="1042"/>
        <v>18.206200366745602</v>
      </c>
      <c r="N4434" s="236">
        <f t="shared" si="1043"/>
        <v>2.1185880789455944</v>
      </c>
      <c r="O4434" s="236">
        <f t="shared" si="1047"/>
        <v>2.6969224159339813</v>
      </c>
      <c r="P4434" s="236" t="str">
        <f t="shared" si="1048"/>
        <v>CLAY</v>
      </c>
      <c r="Q4434" s="236">
        <f t="shared" si="1044"/>
        <v>676.15786864662471</v>
      </c>
      <c r="R4434" s="238">
        <v>35</v>
      </c>
      <c r="S4434" s="236">
        <f t="shared" si="1049"/>
        <v>9.4018681446760173</v>
      </c>
      <c r="T4434" s="236" t="e">
        <f t="shared" si="1035"/>
        <v>#N/A</v>
      </c>
    </row>
    <row r="4435" spans="1:20" x14ac:dyDescent="0.2">
      <c r="A4435" s="53">
        <f t="shared" si="1036"/>
        <v>4423</v>
      </c>
      <c r="B4435" s="239">
        <v>43.969000000000001</v>
      </c>
      <c r="C4435" s="3">
        <f t="shared" si="1037"/>
        <v>43.962000000000003</v>
      </c>
      <c r="D4435" s="239">
        <v>8.9753000000000007</v>
      </c>
      <c r="E4435" s="239">
        <v>0.17780000000000001</v>
      </c>
      <c r="F4435" s="239">
        <v>2.9899999999999999E-2</v>
      </c>
      <c r="G4435">
        <f t="shared" si="1038"/>
        <v>8.9812799999999999</v>
      </c>
      <c r="H4435" s="235">
        <f t="shared" si="1039"/>
        <v>1.9796732759695723</v>
      </c>
      <c r="I4435" s="236">
        <f t="shared" si="1040"/>
        <v>20.177263209826556</v>
      </c>
      <c r="J4435" s="237">
        <f t="shared" si="1045"/>
        <v>10.177263209826556</v>
      </c>
      <c r="K4435" s="237">
        <f t="shared" si="1041"/>
        <v>887.03284523039508</v>
      </c>
      <c r="L4435" s="237">
        <f t="shared" si="1046"/>
        <v>447.48408607286387</v>
      </c>
      <c r="M4435" s="236">
        <f t="shared" si="1042"/>
        <v>18.088346394181308</v>
      </c>
      <c r="N4435" s="236">
        <f t="shared" si="1043"/>
        <v>2.1966218302986928</v>
      </c>
      <c r="O4435" s="236">
        <f t="shared" si="1047"/>
        <v>2.7082620589260231</v>
      </c>
      <c r="P4435" s="236" t="str">
        <f t="shared" si="1048"/>
        <v>CLAY</v>
      </c>
      <c r="Q4435" s="236">
        <f t="shared" si="1044"/>
        <v>674.52059623080049</v>
      </c>
      <c r="R4435" s="238">
        <v>35</v>
      </c>
      <c r="S4435" s="236">
        <f t="shared" si="1049"/>
        <v>9.3258535559512481</v>
      </c>
      <c r="T4435" s="236" t="e">
        <f t="shared" si="1035"/>
        <v>#N/A</v>
      </c>
    </row>
    <row r="4436" spans="1:20" x14ac:dyDescent="0.2">
      <c r="A4436" s="53">
        <f t="shared" si="1036"/>
        <v>4424</v>
      </c>
      <c r="B4436" s="239">
        <v>43.978000000000002</v>
      </c>
      <c r="C4436" s="3">
        <f t="shared" si="1037"/>
        <v>43.971000000000004</v>
      </c>
      <c r="D4436" s="239">
        <v>8.8513000000000002</v>
      </c>
      <c r="E4436" s="239">
        <v>0.18459999999999999</v>
      </c>
      <c r="F4436" s="239">
        <v>1.2999999999999999E-2</v>
      </c>
      <c r="G4436">
        <f t="shared" si="1038"/>
        <v>8.8538999999999994</v>
      </c>
      <c r="H4436" s="235">
        <f t="shared" si="1039"/>
        <v>2.0849569116434563</v>
      </c>
      <c r="I4436" s="236">
        <f t="shared" si="1040"/>
        <v>20.215689786740043</v>
      </c>
      <c r="J4436" s="237">
        <f t="shared" si="1045"/>
        <v>10.215689786740043</v>
      </c>
      <c r="K4436" s="237">
        <f t="shared" si="1041"/>
        <v>888.90409561274646</v>
      </c>
      <c r="L4436" s="237">
        <f t="shared" si="1046"/>
        <v>449.26560544125363</v>
      </c>
      <c r="M4436" s="236">
        <f t="shared" si="1042"/>
        <v>17.728924288705123</v>
      </c>
      <c r="N4436" s="236">
        <f t="shared" si="1043"/>
        <v>2.3176408653056457</v>
      </c>
      <c r="O4436" s="236">
        <f t="shared" si="1047"/>
        <v>2.7288501627222224</v>
      </c>
      <c r="P4436" s="236" t="str">
        <f t="shared" si="1048"/>
        <v>CLAY</v>
      </c>
      <c r="Q4436" s="236">
        <f t="shared" si="1044"/>
        <v>663.74965869893776</v>
      </c>
      <c r="R4436" s="238">
        <v>35</v>
      </c>
      <c r="S4436" s="236">
        <f t="shared" si="1049"/>
        <v>9.0947965921185521</v>
      </c>
      <c r="T4436" s="236" t="e">
        <f t="shared" si="1035"/>
        <v>#N/A</v>
      </c>
    </row>
    <row r="4437" spans="1:20" x14ac:dyDescent="0.2">
      <c r="A4437" s="53">
        <f t="shared" si="1036"/>
        <v>4425</v>
      </c>
      <c r="B4437" s="239">
        <v>43.988</v>
      </c>
      <c r="C4437" s="3">
        <f t="shared" si="1037"/>
        <v>43.981000000000002</v>
      </c>
      <c r="D4437" s="239">
        <v>8.7978000000000005</v>
      </c>
      <c r="E4437" s="239">
        <v>0.1888</v>
      </c>
      <c r="F4437" s="239">
        <v>3.2500000000000001E-2</v>
      </c>
      <c r="G4437">
        <f t="shared" si="1038"/>
        <v>8.8043000000000013</v>
      </c>
      <c r="H4437" s="235">
        <f t="shared" si="1039"/>
        <v>2.1444067103574387</v>
      </c>
      <c r="I4437" s="236">
        <f t="shared" si="1040"/>
        <v>20.239873776436571</v>
      </c>
      <c r="J4437" s="237">
        <f t="shared" si="1045"/>
        <v>10.239873776436571</v>
      </c>
      <c r="K4437" s="237">
        <f t="shared" si="1041"/>
        <v>890.1698885614569</v>
      </c>
      <c r="L4437" s="237">
        <f t="shared" si="1046"/>
        <v>450.43156767789191</v>
      </c>
      <c r="M4437" s="236">
        <f t="shared" si="1042"/>
        <v>17.570105381907908</v>
      </c>
      <c r="N4437" s="236">
        <f t="shared" si="1043"/>
        <v>2.385606470218645</v>
      </c>
      <c r="O4437" s="236">
        <f t="shared" si="1047"/>
        <v>2.7393340539919673</v>
      </c>
      <c r="P4437" s="236" t="str">
        <f t="shared" si="1048"/>
        <v>CLAY</v>
      </c>
      <c r="Q4437" s="236">
        <f t="shared" si="1044"/>
        <v>659.51084261987864</v>
      </c>
      <c r="R4437" s="238">
        <v>35</v>
      </c>
      <c r="S4437" s="236">
        <f t="shared" si="1049"/>
        <v>8.9930698485783349</v>
      </c>
      <c r="T4437" s="236" t="e">
        <f t="shared" si="1035"/>
        <v>#N/A</v>
      </c>
    </row>
    <row r="4438" spans="1:20" x14ac:dyDescent="0.2">
      <c r="A4438" s="53">
        <f t="shared" si="1036"/>
        <v>4426</v>
      </c>
      <c r="B4438" s="239">
        <v>43.997</v>
      </c>
      <c r="C4438" s="3">
        <f t="shared" si="1037"/>
        <v>43.99</v>
      </c>
      <c r="D4438" s="239">
        <v>8.7411999999999992</v>
      </c>
      <c r="E4438" s="239">
        <v>0.1976</v>
      </c>
      <c r="F4438" s="239">
        <v>0.11550000000000001</v>
      </c>
      <c r="G4438">
        <f t="shared" si="1038"/>
        <v>8.7642999999999986</v>
      </c>
      <c r="H4438" s="235">
        <f t="shared" si="1039"/>
        <v>2.2546010519950253</v>
      </c>
      <c r="I4438" s="236">
        <f t="shared" si="1040"/>
        <v>20.291513304512023</v>
      </c>
      <c r="J4438" s="237">
        <f t="shared" si="1045"/>
        <v>10.291513304512023</v>
      </c>
      <c r="K4438" s="237">
        <f t="shared" si="1041"/>
        <v>892.62367026548395</v>
      </c>
      <c r="L4438" s="237">
        <f t="shared" si="1046"/>
        <v>452.79571085861545</v>
      </c>
      <c r="M4438" s="236">
        <f t="shared" si="1042"/>
        <v>17.384608866563294</v>
      </c>
      <c r="N4438" s="236">
        <f t="shared" si="1043"/>
        <v>2.5102658153458957</v>
      </c>
      <c r="O4438" s="236">
        <f t="shared" si="1047"/>
        <v>2.7560218452200655</v>
      </c>
      <c r="P4438" s="236" t="str">
        <f t="shared" si="1048"/>
        <v>CLAY</v>
      </c>
      <c r="Q4438" s="236">
        <f t="shared" si="1044"/>
        <v>655.97302747787626</v>
      </c>
      <c r="R4438" s="238">
        <v>35</v>
      </c>
      <c r="S4438" s="236">
        <f t="shared" si="1049"/>
        <v>8.8745463847538542</v>
      </c>
      <c r="T4438" s="236" t="e">
        <f t="shared" si="1035"/>
        <v>#N/A</v>
      </c>
    </row>
    <row r="4439" spans="1:20" x14ac:dyDescent="0.2">
      <c r="A4439" s="53">
        <f t="shared" si="1036"/>
        <v>4427</v>
      </c>
      <c r="B4439" s="239">
        <v>44.006999999999998</v>
      </c>
      <c r="C4439" s="3">
        <f t="shared" si="1037"/>
        <v>44</v>
      </c>
      <c r="D4439" s="239">
        <v>8.6976999999999993</v>
      </c>
      <c r="E4439" s="239">
        <v>0.2001</v>
      </c>
      <c r="F4439" s="239">
        <v>0.13619999999999999</v>
      </c>
      <c r="G4439">
        <f t="shared" si="1038"/>
        <v>8.7249400000000001</v>
      </c>
      <c r="H4439" s="235">
        <f t="shared" si="1039"/>
        <v>2.2934255135278869</v>
      </c>
      <c r="I4439" s="236">
        <f t="shared" si="1040"/>
        <v>20.304496397862032</v>
      </c>
      <c r="J4439" s="237">
        <f t="shared" si="1045"/>
        <v>10.304496397862032</v>
      </c>
      <c r="K4439" s="237">
        <f t="shared" si="1041"/>
        <v>893.39784150592936</v>
      </c>
      <c r="L4439" s="237">
        <f t="shared" si="1046"/>
        <v>453.46997298071443</v>
      </c>
      <c r="M4439" s="236">
        <f t="shared" si="1042"/>
        <v>17.270255199073873</v>
      </c>
      <c r="N4439" s="236">
        <f t="shared" si="1043"/>
        <v>2.555052324949461</v>
      </c>
      <c r="O4439" s="236">
        <f t="shared" si="1047"/>
        <v>2.7628581130956791</v>
      </c>
      <c r="P4439" s="236" t="str">
        <f t="shared" si="1048"/>
        <v>CLAY</v>
      </c>
      <c r="Q4439" s="236">
        <f t="shared" si="1044"/>
        <v>652.62851320783932</v>
      </c>
      <c r="R4439" s="238">
        <v>35</v>
      </c>
      <c r="S4439" s="236">
        <f t="shared" si="1049"/>
        <v>8.8016369850465903</v>
      </c>
      <c r="T4439" s="236" t="e">
        <f t="shared" si="1035"/>
        <v>#N/A</v>
      </c>
    </row>
    <row r="4440" spans="1:20" x14ac:dyDescent="0.2">
      <c r="A4440" s="53">
        <f t="shared" si="1036"/>
        <v>4428</v>
      </c>
      <c r="B4440" s="239">
        <v>44.017000000000003</v>
      </c>
      <c r="C4440" s="3">
        <f t="shared" si="1037"/>
        <v>44.010000000000005</v>
      </c>
      <c r="D4440" s="239">
        <v>8.7795000000000005</v>
      </c>
      <c r="E4440" s="239">
        <v>0.2024</v>
      </c>
      <c r="F4440" s="239">
        <v>6.6000000000000003E-2</v>
      </c>
      <c r="G4440">
        <f t="shared" si="1038"/>
        <v>8.7927</v>
      </c>
      <c r="H4440" s="235">
        <f t="shared" si="1039"/>
        <v>2.3019095385945159</v>
      </c>
      <c r="I4440" s="236">
        <f t="shared" si="1040"/>
        <v>20.320921456498077</v>
      </c>
      <c r="J4440" s="237">
        <f t="shared" si="1045"/>
        <v>10.320921456498077</v>
      </c>
      <c r="K4440" s="237">
        <f t="shared" si="1041"/>
        <v>894.32375330048046</v>
      </c>
      <c r="L4440" s="237">
        <f t="shared" si="1046"/>
        <v>454.29599975067589</v>
      </c>
      <c r="M4440" s="236">
        <f t="shared" si="1042"/>
        <v>17.385969172157054</v>
      </c>
      <c r="N4440" s="236">
        <f t="shared" si="1043"/>
        <v>2.5625520192783484</v>
      </c>
      <c r="O4440" s="236">
        <f t="shared" si="1047"/>
        <v>2.761265589219787</v>
      </c>
      <c r="P4440" s="236" t="str">
        <f t="shared" si="1048"/>
        <v>CLAY</v>
      </c>
      <c r="Q4440" s="236">
        <f t="shared" si="1044"/>
        <v>658.19802055829336</v>
      </c>
      <c r="R4440" s="238">
        <v>35</v>
      </c>
      <c r="S4440" s="236">
        <f t="shared" si="1049"/>
        <v>8.8754144092558978</v>
      </c>
      <c r="T4440" s="236" t="e">
        <f t="shared" si="1035"/>
        <v>#N/A</v>
      </c>
    </row>
    <row r="4441" spans="1:20" x14ac:dyDescent="0.2">
      <c r="A4441" s="53">
        <f t="shared" si="1036"/>
        <v>4429</v>
      </c>
      <c r="B4441" s="239">
        <v>44.024999999999999</v>
      </c>
      <c r="C4441" s="3">
        <f t="shared" si="1037"/>
        <v>44.018000000000001</v>
      </c>
      <c r="D4441" s="239">
        <v>9.2245000000000008</v>
      </c>
      <c r="E4441" s="239">
        <v>0.2127</v>
      </c>
      <c r="F4441" s="239">
        <v>7.0300000000000001E-2</v>
      </c>
      <c r="G4441">
        <f t="shared" si="1038"/>
        <v>9.2385600000000014</v>
      </c>
      <c r="H4441" s="235">
        <f t="shared" si="1039"/>
        <v>2.302306853016054</v>
      </c>
      <c r="I4441" s="236">
        <f t="shared" si="1040"/>
        <v>20.398459132439683</v>
      </c>
      <c r="J4441" s="237">
        <f t="shared" si="1045"/>
        <v>10.398459132439683</v>
      </c>
      <c r="K4441" s="237">
        <f t="shared" si="1041"/>
        <v>897.89937409173001</v>
      </c>
      <c r="L4441" s="237">
        <f t="shared" si="1046"/>
        <v>457.79216330565703</v>
      </c>
      <c r="M4441" s="236">
        <f t="shared" si="1042"/>
        <v>18.21931718027119</v>
      </c>
      <c r="N4441" s="236">
        <f t="shared" si="1043"/>
        <v>2.5501577098017658</v>
      </c>
      <c r="O4441" s="236">
        <f t="shared" si="1047"/>
        <v>2.7436232886604808</v>
      </c>
      <c r="P4441" s="236" t="str">
        <f t="shared" si="1048"/>
        <v>CLAY</v>
      </c>
      <c r="Q4441" s="236">
        <f t="shared" si="1044"/>
        <v>695.05505215902258</v>
      </c>
      <c r="R4441" s="238">
        <v>35</v>
      </c>
      <c r="S4441" s="236">
        <f t="shared" si="1049"/>
        <v>9.4103359779457723</v>
      </c>
      <c r="T4441" s="236" t="e">
        <f t="shared" si="1035"/>
        <v>#N/A</v>
      </c>
    </row>
    <row r="4442" spans="1:20" x14ac:dyDescent="0.2">
      <c r="A4442" s="53">
        <f t="shared" si="1036"/>
        <v>4430</v>
      </c>
      <c r="B4442" s="239">
        <v>44.036000000000001</v>
      </c>
      <c r="C4442" s="3">
        <f t="shared" si="1037"/>
        <v>44.029000000000003</v>
      </c>
      <c r="D4442" s="239">
        <v>10.244199999999999</v>
      </c>
      <c r="E4442" s="239">
        <v>0.22789999999999999</v>
      </c>
      <c r="F4442" s="239">
        <v>9.1200000000000003E-2</v>
      </c>
      <c r="G4442">
        <f t="shared" si="1038"/>
        <v>10.26244</v>
      </c>
      <c r="H4442" s="235">
        <f t="shared" si="1039"/>
        <v>2.2207194390417873</v>
      </c>
      <c r="I4442" s="236">
        <f t="shared" si="1040"/>
        <v>20.520478300273961</v>
      </c>
      <c r="J4442" s="237">
        <f t="shared" si="1045"/>
        <v>10.520478300273961</v>
      </c>
      <c r="K4442" s="237">
        <f t="shared" si="1041"/>
        <v>903.49613908276228</v>
      </c>
      <c r="L4442" s="237">
        <f t="shared" si="1046"/>
        <v>463.27978243086415</v>
      </c>
      <c r="M4442" s="236">
        <f t="shared" si="1042"/>
        <v>20.201494249997591</v>
      </c>
      <c r="N4442" s="236">
        <f t="shared" si="1043"/>
        <v>2.4351038256753075</v>
      </c>
      <c r="O4442" s="236">
        <f t="shared" si="1047"/>
        <v>2.6956377798610647</v>
      </c>
      <c r="P4442" s="236" t="str">
        <f t="shared" si="1048"/>
        <v>CLAY</v>
      </c>
      <c r="Q4442" s="236">
        <f t="shared" si="1044"/>
        <v>779.91198840976983</v>
      </c>
      <c r="R4442" s="238">
        <v>35</v>
      </c>
      <c r="S4442" s="236">
        <f t="shared" si="1049"/>
        <v>10.707038799650521</v>
      </c>
      <c r="T4442" s="236" t="e">
        <f t="shared" si="1035"/>
        <v>#N/A</v>
      </c>
    </row>
    <row r="4443" spans="1:20" x14ac:dyDescent="0.2">
      <c r="A4443" s="53">
        <f t="shared" si="1036"/>
        <v>4431</v>
      </c>
      <c r="B4443" s="239">
        <v>44.045000000000002</v>
      </c>
      <c r="C4443" s="3">
        <f t="shared" si="1037"/>
        <v>44.038000000000004</v>
      </c>
      <c r="D4443" s="239">
        <v>11.4421</v>
      </c>
      <c r="E4443" s="239">
        <v>0.246</v>
      </c>
      <c r="F4443" s="239">
        <v>-1.52E-2</v>
      </c>
      <c r="G4443">
        <f t="shared" si="1038"/>
        <v>11.43906</v>
      </c>
      <c r="H4443" s="235">
        <f t="shared" si="1039"/>
        <v>2.1505263544382145</v>
      </c>
      <c r="I4443" s="236">
        <f t="shared" si="1040"/>
        <v>20.652519147720877</v>
      </c>
      <c r="J4443" s="237">
        <f t="shared" si="1045"/>
        <v>10.652519147720877</v>
      </c>
      <c r="K4443" s="237">
        <f t="shared" si="1041"/>
        <v>909.49563822733205</v>
      </c>
      <c r="L4443" s="237">
        <f t="shared" si="1046"/>
        <v>469.19020586136605</v>
      </c>
      <c r="M4443" s="236">
        <f t="shared" si="1042"/>
        <v>22.441995229721162</v>
      </c>
      <c r="N4443" s="236">
        <f t="shared" si="1043"/>
        <v>2.33627899073486</v>
      </c>
      <c r="O4443" s="236">
        <f t="shared" si="1047"/>
        <v>2.648265705298289</v>
      </c>
      <c r="P4443" s="236" t="str">
        <f t="shared" si="1048"/>
        <v>CLAY</v>
      </c>
      <c r="Q4443" s="236">
        <f t="shared" si="1044"/>
        <v>877.46369681438898</v>
      </c>
      <c r="R4443" s="238">
        <v>35</v>
      </c>
      <c r="S4443" s="236">
        <f t="shared" si="1049"/>
        <v>12.211438900315727</v>
      </c>
      <c r="T4443" s="236" t="e">
        <f t="shared" si="1035"/>
        <v>#N/A</v>
      </c>
    </row>
    <row r="4444" spans="1:20" x14ac:dyDescent="0.2">
      <c r="A4444" s="53">
        <f t="shared" si="1036"/>
        <v>4432</v>
      </c>
      <c r="B4444" s="239">
        <v>44.054000000000002</v>
      </c>
      <c r="C4444" s="3">
        <f t="shared" si="1037"/>
        <v>44.047000000000004</v>
      </c>
      <c r="D4444" s="239">
        <v>12.395200000000001</v>
      </c>
      <c r="E4444" s="239">
        <v>0.2571</v>
      </c>
      <c r="F4444" s="239">
        <v>-3.6400000000000002E-2</v>
      </c>
      <c r="G4444">
        <f t="shared" si="1038"/>
        <v>12.387920000000001</v>
      </c>
      <c r="H4444" s="235">
        <f t="shared" si="1039"/>
        <v>2.0754089467804118</v>
      </c>
      <c r="I4444" s="236">
        <f t="shared" si="1040"/>
        <v>20.735417214173708</v>
      </c>
      <c r="J4444" s="237">
        <f t="shared" si="1045"/>
        <v>10.735417214173708</v>
      </c>
      <c r="K4444" s="237">
        <f t="shared" si="1041"/>
        <v>913.33292203270946</v>
      </c>
      <c r="L4444" s="237">
        <f t="shared" si="1046"/>
        <v>472.93806995320858</v>
      </c>
      <c r="M4444" s="236">
        <f t="shared" si="1042"/>
        <v>24.262345975029167</v>
      </c>
      <c r="N4444" s="236">
        <f t="shared" si="1043"/>
        <v>2.2406035027932778</v>
      </c>
      <c r="O4444" s="236">
        <f t="shared" si="1047"/>
        <v>2.6102780562555097</v>
      </c>
      <c r="P4444" s="236" t="str">
        <f t="shared" si="1048"/>
        <v>CLAY</v>
      </c>
      <c r="Q4444" s="236">
        <f t="shared" si="1044"/>
        <v>956.21558983060777</v>
      </c>
      <c r="R4444" s="238">
        <v>35</v>
      </c>
      <c r="S4444" s="236">
        <f t="shared" si="1049"/>
        <v>13.461888771279623</v>
      </c>
      <c r="T4444" s="236" t="e">
        <f t="shared" si="1035"/>
        <v>#N/A</v>
      </c>
    </row>
    <row r="4445" spans="1:20" x14ac:dyDescent="0.2">
      <c r="A4445" s="53">
        <f t="shared" si="1036"/>
        <v>4433</v>
      </c>
      <c r="B4445" s="239">
        <v>44.064999999999998</v>
      </c>
      <c r="C4445" s="3">
        <f t="shared" si="1037"/>
        <v>44.058</v>
      </c>
      <c r="D4445" s="239">
        <v>12.894600000000001</v>
      </c>
      <c r="E4445" s="239">
        <v>0.253</v>
      </c>
      <c r="F4445" s="239">
        <v>-5.8299999999999998E-2</v>
      </c>
      <c r="G4445">
        <f t="shared" si="1038"/>
        <v>12.882940000000001</v>
      </c>
      <c r="H4445" s="235">
        <f t="shared" si="1039"/>
        <v>1.9638374470423676</v>
      </c>
      <c r="I4445" s="236">
        <f t="shared" si="1040"/>
        <v>20.73188194729001</v>
      </c>
      <c r="J4445" s="237">
        <f t="shared" si="1045"/>
        <v>10.73188194729001</v>
      </c>
      <c r="K4445" s="237">
        <f t="shared" si="1041"/>
        <v>913.40525483370322</v>
      </c>
      <c r="L4445" s="237">
        <f t="shared" si="1046"/>
        <v>472.90037800733427</v>
      </c>
      <c r="M4445" s="236">
        <f t="shared" si="1042"/>
        <v>25.310901199957719</v>
      </c>
      <c r="N4445" s="236">
        <f t="shared" si="1043"/>
        <v>2.1136995329093304</v>
      </c>
      <c r="O4445" s="236">
        <f t="shared" si="1047"/>
        <v>2.580382934672707</v>
      </c>
      <c r="P4445" s="236" t="str">
        <f t="shared" si="1048"/>
        <v>SAND</v>
      </c>
      <c r="Q4445" s="236" t="e">
        <f t="shared" si="1044"/>
        <v>#N/A</v>
      </c>
      <c r="R4445" s="238">
        <v>35</v>
      </c>
      <c r="S4445" s="236" t="e">
        <f t="shared" si="1049"/>
        <v>#N/A</v>
      </c>
      <c r="T4445" s="236">
        <f t="shared" si="1035"/>
        <v>33.036383694378507</v>
      </c>
    </row>
    <row r="4446" spans="1:20" x14ac:dyDescent="0.2">
      <c r="A4446" s="53">
        <f t="shared" si="1036"/>
        <v>4434</v>
      </c>
      <c r="B4446" s="239">
        <v>44.073999999999998</v>
      </c>
      <c r="C4446" s="3">
        <f t="shared" si="1037"/>
        <v>44.067</v>
      </c>
      <c r="D4446" s="239">
        <v>12.932399999999999</v>
      </c>
      <c r="E4446" s="239">
        <v>0.24060000000000001</v>
      </c>
      <c r="F4446" s="239">
        <v>-6.1100000000000002E-2</v>
      </c>
      <c r="G4446">
        <f t="shared" si="1038"/>
        <v>12.92018</v>
      </c>
      <c r="H4446" s="235">
        <f t="shared" si="1039"/>
        <v>1.8622031581603353</v>
      </c>
      <c r="I4446" s="236">
        <f t="shared" si="1040"/>
        <v>20.67408294423613</v>
      </c>
      <c r="J4446" s="237">
        <f t="shared" si="1045"/>
        <v>10.67408294423613</v>
      </c>
      <c r="K4446" s="237">
        <f t="shared" si="1041"/>
        <v>911.0448131036535</v>
      </c>
      <c r="L4446" s="237">
        <f t="shared" si="1046"/>
        <v>470.44953168426315</v>
      </c>
      <c r="M4446" s="236">
        <f t="shared" si="1042"/>
        <v>25.526936213332529</v>
      </c>
      <c r="N4446" s="236">
        <f t="shared" si="1043"/>
        <v>2.0034748235870339</v>
      </c>
      <c r="O4446" s="236">
        <f t="shared" si="1047"/>
        <v>2.5635523395731976</v>
      </c>
      <c r="P4446" s="236" t="str">
        <f t="shared" si="1048"/>
        <v>SAND</v>
      </c>
      <c r="Q4446" s="236" t="e">
        <f t="shared" si="1044"/>
        <v>#N/A</v>
      </c>
      <c r="R4446" s="238">
        <v>35</v>
      </c>
      <c r="S4446" s="236" t="e">
        <f t="shared" si="1049"/>
        <v>#N/A</v>
      </c>
      <c r="T4446" s="236">
        <f t="shared" si="1035"/>
        <v>33.076985624797878</v>
      </c>
    </row>
    <row r="4447" spans="1:20" x14ac:dyDescent="0.2">
      <c r="A4447" s="53">
        <f t="shared" si="1036"/>
        <v>4435</v>
      </c>
      <c r="B4447" s="239">
        <v>44.082999999999998</v>
      </c>
      <c r="C4447" s="3">
        <f t="shared" si="1037"/>
        <v>44.076000000000001</v>
      </c>
      <c r="D4447" s="239">
        <v>12.554600000000001</v>
      </c>
      <c r="E4447" s="239">
        <v>0.21490000000000001</v>
      </c>
      <c r="F4447" s="239">
        <v>-6.2E-2</v>
      </c>
      <c r="G4447">
        <f t="shared" si="1038"/>
        <v>12.542200000000001</v>
      </c>
      <c r="H4447" s="235">
        <f t="shared" si="1039"/>
        <v>1.713415509240803</v>
      </c>
      <c r="I4447" s="236">
        <f t="shared" si="1040"/>
        <v>20.530017725853085</v>
      </c>
      <c r="J4447" s="237">
        <f t="shared" si="1045"/>
        <v>10.530017725853085</v>
      </c>
      <c r="K4447" s="237">
        <f t="shared" si="1041"/>
        <v>904.88106128470054</v>
      </c>
      <c r="L4447" s="237">
        <f t="shared" si="1046"/>
        <v>464.19477140878155</v>
      </c>
      <c r="M4447" s="236">
        <f t="shared" si="1042"/>
        <v>25.069905254204567</v>
      </c>
      <c r="N4447" s="236">
        <f t="shared" si="1043"/>
        <v>1.8466452722634055</v>
      </c>
      <c r="O4447" s="236">
        <f t="shared" si="1047"/>
        <v>2.5490673619025692</v>
      </c>
      <c r="P4447" s="236" t="str">
        <f t="shared" si="1048"/>
        <v>SAND</v>
      </c>
      <c r="Q4447" s="236" t="e">
        <f t="shared" si="1044"/>
        <v>#N/A</v>
      </c>
      <c r="R4447" s="238">
        <v>35</v>
      </c>
      <c r="S4447" s="236" t="e">
        <f t="shared" si="1049"/>
        <v>#N/A</v>
      </c>
      <c r="T4447" s="236">
        <f t="shared" si="1035"/>
        <v>32.990679619125032</v>
      </c>
    </row>
    <row r="4448" spans="1:20" x14ac:dyDescent="0.2">
      <c r="A4448" s="53">
        <f t="shared" si="1036"/>
        <v>4436</v>
      </c>
      <c r="B4448" s="239">
        <v>44.093000000000004</v>
      </c>
      <c r="C4448" s="3">
        <f t="shared" si="1037"/>
        <v>44.086000000000006</v>
      </c>
      <c r="D4448" s="239">
        <v>11.9803</v>
      </c>
      <c r="E4448" s="239">
        <v>0.1983</v>
      </c>
      <c r="F4448" s="239">
        <v>-5.96E-2</v>
      </c>
      <c r="G4448">
        <f t="shared" si="1038"/>
        <v>11.96838</v>
      </c>
      <c r="H4448" s="235">
        <f t="shared" si="1039"/>
        <v>1.6568658414923325</v>
      </c>
      <c r="I4448" s="236">
        <f t="shared" si="1040"/>
        <v>20.417446215495495</v>
      </c>
      <c r="J4448" s="237">
        <f t="shared" si="1045"/>
        <v>10.417446215495495</v>
      </c>
      <c r="K4448" s="237">
        <f t="shared" si="1041"/>
        <v>900.12353385633446</v>
      </c>
      <c r="L4448" s="237">
        <f t="shared" si="1046"/>
        <v>459.33645597984292</v>
      </c>
      <c r="M4448" s="236">
        <f t="shared" si="1042"/>
        <v>24.096185534703942</v>
      </c>
      <c r="N4448" s="236">
        <f t="shared" si="1043"/>
        <v>1.7916100933021701</v>
      </c>
      <c r="O4448" s="236">
        <f t="shared" si="1047"/>
        <v>2.5554659692033259</v>
      </c>
      <c r="P4448" s="236" t="str">
        <f t="shared" si="1048"/>
        <v>SAND</v>
      </c>
      <c r="Q4448" s="236" t="e">
        <f t="shared" si="1044"/>
        <v>#N/A</v>
      </c>
      <c r="R4448" s="238">
        <v>35</v>
      </c>
      <c r="S4448" s="236" t="e">
        <f t="shared" si="1049"/>
        <v>#N/A</v>
      </c>
      <c r="T4448" s="236">
        <f t="shared" si="1035"/>
        <v>32.801431283436294</v>
      </c>
    </row>
    <row r="4449" spans="1:20" x14ac:dyDescent="0.2">
      <c r="A4449" s="53">
        <f t="shared" si="1036"/>
        <v>4437</v>
      </c>
      <c r="B4449" s="239">
        <v>44.103000000000002</v>
      </c>
      <c r="C4449" s="3">
        <f t="shared" si="1037"/>
        <v>44.096000000000004</v>
      </c>
      <c r="D4449" s="239">
        <v>11.2562</v>
      </c>
      <c r="E4449" s="239">
        <v>0.18809999999999999</v>
      </c>
      <c r="F4449" s="239">
        <v>-4.9500000000000002E-2</v>
      </c>
      <c r="G4449">
        <f t="shared" si="1038"/>
        <v>11.2463</v>
      </c>
      <c r="H4449" s="235">
        <f t="shared" si="1039"/>
        <v>1.6725500831384545</v>
      </c>
      <c r="I4449" s="236">
        <f t="shared" si="1040"/>
        <v>20.331201500260349</v>
      </c>
      <c r="J4449" s="237">
        <f t="shared" si="1045"/>
        <v>10.331201500260349</v>
      </c>
      <c r="K4449" s="237">
        <f t="shared" si="1041"/>
        <v>896.52466135548036</v>
      </c>
      <c r="L4449" s="237">
        <f t="shared" si="1046"/>
        <v>455.63697976598218</v>
      </c>
      <c r="M4449" s="236">
        <f t="shared" si="1042"/>
        <v>22.714959053499616</v>
      </c>
      <c r="N4449" s="236">
        <f t="shared" si="1043"/>
        <v>1.817430754247028</v>
      </c>
      <c r="O4449" s="236">
        <f t="shared" si="1047"/>
        <v>2.5800140959289481</v>
      </c>
      <c r="P4449" s="236" t="str">
        <f t="shared" si="1048"/>
        <v>SAND</v>
      </c>
      <c r="Q4449" s="236" t="e">
        <f t="shared" si="1044"/>
        <v>#N/A</v>
      </c>
      <c r="R4449" s="238">
        <v>35</v>
      </c>
      <c r="S4449" s="236" t="e">
        <f t="shared" si="1049"/>
        <v>#N/A</v>
      </c>
      <c r="T4449" s="236">
        <f t="shared" si="1035"/>
        <v>32.519431541104936</v>
      </c>
    </row>
    <row r="4450" spans="1:20" x14ac:dyDescent="0.2">
      <c r="A4450" s="53">
        <f t="shared" si="1036"/>
        <v>4438</v>
      </c>
      <c r="B4450" s="239">
        <v>44.113</v>
      </c>
      <c r="C4450" s="3">
        <f t="shared" si="1037"/>
        <v>44.106000000000002</v>
      </c>
      <c r="D4450" s="239">
        <v>10.635</v>
      </c>
      <c r="E4450" s="239">
        <v>0.17530000000000001</v>
      </c>
      <c r="F4450" s="239">
        <v>-4.7399999999999998E-2</v>
      </c>
      <c r="G4450">
        <f t="shared" si="1038"/>
        <v>10.62552</v>
      </c>
      <c r="H4450" s="235">
        <f t="shared" si="1039"/>
        <v>1.6498016097094546</v>
      </c>
      <c r="I4450" s="236">
        <f t="shared" si="1040"/>
        <v>20.226369401612345</v>
      </c>
      <c r="J4450" s="237">
        <f t="shared" si="1045"/>
        <v>10.226369401612345</v>
      </c>
      <c r="K4450" s="237">
        <f t="shared" si="1041"/>
        <v>892.10424882751408</v>
      </c>
      <c r="L4450" s="237">
        <f t="shared" si="1046"/>
        <v>451.11583341332539</v>
      </c>
      <c r="M4450" s="236">
        <f t="shared" si="1042"/>
        <v>21.576311515216645</v>
      </c>
      <c r="N4450" s="236">
        <f t="shared" si="1043"/>
        <v>1.8010121470346461</v>
      </c>
      <c r="O4450" s="236">
        <f t="shared" si="1047"/>
        <v>2.5961014515487526</v>
      </c>
      <c r="P4450" s="236" t="str">
        <f t="shared" si="1048"/>
        <v>SAND</v>
      </c>
      <c r="Q4450" s="236" t="e">
        <f t="shared" si="1044"/>
        <v>#N/A</v>
      </c>
      <c r="R4450" s="238">
        <v>35</v>
      </c>
      <c r="S4450" s="236" t="e">
        <f t="shared" si="1049"/>
        <v>#N/A</v>
      </c>
      <c r="T4450" s="236">
        <f t="shared" si="1035"/>
        <v>32.273749241381907</v>
      </c>
    </row>
    <row r="4451" spans="1:20" x14ac:dyDescent="0.2">
      <c r="A4451" s="53">
        <f t="shared" si="1036"/>
        <v>4439</v>
      </c>
      <c r="B4451" s="239">
        <v>44.122</v>
      </c>
      <c r="C4451" s="3">
        <f t="shared" si="1037"/>
        <v>44.115000000000002</v>
      </c>
      <c r="D4451" s="239">
        <v>9.8091000000000008</v>
      </c>
      <c r="E4451" s="239">
        <v>0.17199999999999999</v>
      </c>
      <c r="F4451" s="239">
        <v>-3.2899999999999999E-2</v>
      </c>
      <c r="G4451">
        <f t="shared" si="1038"/>
        <v>9.8025200000000012</v>
      </c>
      <c r="H4451" s="235">
        <f t="shared" si="1039"/>
        <v>1.7546508448847844</v>
      </c>
      <c r="I4451" s="236">
        <f t="shared" si="1040"/>
        <v>20.172573824387378</v>
      </c>
      <c r="J4451" s="237">
        <f t="shared" si="1045"/>
        <v>10.172573824387378</v>
      </c>
      <c r="K4451" s="237">
        <f t="shared" si="1041"/>
        <v>889.9130942628492</v>
      </c>
      <c r="L4451" s="237">
        <f t="shared" si="1046"/>
        <v>448.83430227961986</v>
      </c>
      <c r="M4451" s="236">
        <f t="shared" si="1042"/>
        <v>19.857232079790272</v>
      </c>
      <c r="N4451" s="236">
        <f t="shared" si="1043"/>
        <v>1.9298506241679023</v>
      </c>
      <c r="O4451" s="236">
        <f t="shared" si="1047"/>
        <v>2.6428277883062203</v>
      </c>
      <c r="P4451" s="236" t="str">
        <f t="shared" si="1048"/>
        <v>CLAY</v>
      </c>
      <c r="Q4451" s="236">
        <f t="shared" si="1044"/>
        <v>742.71724214476262</v>
      </c>
      <c r="R4451" s="238">
        <v>35</v>
      </c>
      <c r="S4451" s="236">
        <f t="shared" si="1049"/>
        <v>10.479447787742023</v>
      </c>
      <c r="T4451" s="236" t="e">
        <f t="shared" si="1035"/>
        <v>#N/A</v>
      </c>
    </row>
    <row r="4452" spans="1:20" x14ac:dyDescent="0.2">
      <c r="A4452" s="53">
        <f t="shared" si="1036"/>
        <v>4440</v>
      </c>
      <c r="B4452" s="239">
        <v>44.133000000000003</v>
      </c>
      <c r="C4452" s="3">
        <f t="shared" si="1037"/>
        <v>44.126000000000005</v>
      </c>
      <c r="D4452" s="239">
        <v>8.8933</v>
      </c>
      <c r="E4452" s="239">
        <v>0.15770000000000001</v>
      </c>
      <c r="F4452" s="239">
        <v>-7.4000000000000003E-3</v>
      </c>
      <c r="G4452">
        <f t="shared" si="1038"/>
        <v>8.8918199999999992</v>
      </c>
      <c r="H4452" s="235">
        <f t="shared" si="1039"/>
        <v>1.7735401751272521</v>
      </c>
      <c r="I4452" s="236">
        <f t="shared" si="1040"/>
        <v>20.032680222667054</v>
      </c>
      <c r="J4452" s="237">
        <f t="shared" si="1045"/>
        <v>10.032680222667054</v>
      </c>
      <c r="K4452" s="237">
        <f t="shared" si="1041"/>
        <v>883.96204750540653</v>
      </c>
      <c r="L4452" s="237">
        <f t="shared" si="1046"/>
        <v>442.77227626696509</v>
      </c>
      <c r="M4452" s="236">
        <f t="shared" si="1042"/>
        <v>18.085725736961759</v>
      </c>
      <c r="N4452" s="236">
        <f t="shared" si="1043"/>
        <v>1.9693156513955594</v>
      </c>
      <c r="O4452" s="236">
        <f t="shared" si="1047"/>
        <v>2.6812372453555802</v>
      </c>
      <c r="P4452" s="236" t="str">
        <f t="shared" si="1048"/>
        <v>CLAY</v>
      </c>
      <c r="Q4452" s="236">
        <f t="shared" si="1044"/>
        <v>667.32149604121616</v>
      </c>
      <c r="R4452" s="238">
        <v>35</v>
      </c>
      <c r="S4452" s="236">
        <f t="shared" si="1049"/>
        <v>9.3241646631212785</v>
      </c>
      <c r="T4452" s="236" t="e">
        <f t="shared" si="1035"/>
        <v>#N/A</v>
      </c>
    </row>
    <row r="4453" spans="1:20" x14ac:dyDescent="0.2">
      <c r="A4453" s="53">
        <f t="shared" si="1036"/>
        <v>4441</v>
      </c>
      <c r="B4453" s="239">
        <v>44.143000000000001</v>
      </c>
      <c r="C4453" s="3">
        <f t="shared" si="1037"/>
        <v>44.136000000000003</v>
      </c>
      <c r="D4453" s="239">
        <v>8.5624000000000002</v>
      </c>
      <c r="E4453" s="239">
        <v>0.1386</v>
      </c>
      <c r="F4453" s="239">
        <v>7.9600000000000004E-2</v>
      </c>
      <c r="G4453">
        <f t="shared" si="1038"/>
        <v>8.5783199999999997</v>
      </c>
      <c r="H4453" s="235">
        <f t="shared" si="1039"/>
        <v>1.6157009764149626</v>
      </c>
      <c r="I4453" s="236">
        <f t="shared" si="1040"/>
        <v>19.867265794683632</v>
      </c>
      <c r="J4453" s="237">
        <f t="shared" si="1045"/>
        <v>9.8672657946836324</v>
      </c>
      <c r="K4453" s="237">
        <f t="shared" si="1041"/>
        <v>876.86164311415689</v>
      </c>
      <c r="L4453" s="237">
        <f t="shared" si="1046"/>
        <v>435.57071397471958</v>
      </c>
      <c r="M4453" s="236">
        <f t="shared" si="1042"/>
        <v>17.681304343461516</v>
      </c>
      <c r="N4453" s="236">
        <f t="shared" si="1043"/>
        <v>1.7996591499592838</v>
      </c>
      <c r="O4453" s="236">
        <f t="shared" si="1047"/>
        <v>2.66751363411178</v>
      </c>
      <c r="P4453" s="236" t="str">
        <f t="shared" si="1048"/>
        <v>CLAY</v>
      </c>
      <c r="Q4453" s="236">
        <f t="shared" si="1044"/>
        <v>641.78819640715358</v>
      </c>
      <c r="R4453" s="238">
        <v>35</v>
      </c>
      <c r="S4453" s="236">
        <f t="shared" si="1049"/>
        <v>9.0642710368502488</v>
      </c>
      <c r="T4453" s="236" t="e">
        <f t="shared" si="1035"/>
        <v>#N/A</v>
      </c>
    </row>
    <row r="4454" spans="1:20" x14ac:dyDescent="0.2">
      <c r="A4454" s="53">
        <f t="shared" si="1036"/>
        <v>4442</v>
      </c>
      <c r="B4454" s="239">
        <v>44.152000000000001</v>
      </c>
      <c r="C4454" s="3">
        <f t="shared" si="1037"/>
        <v>44.145000000000003</v>
      </c>
      <c r="D4454" s="239">
        <v>8.2024000000000008</v>
      </c>
      <c r="E4454" s="239">
        <v>0.126</v>
      </c>
      <c r="F4454" s="239">
        <v>0.16089999999999999</v>
      </c>
      <c r="G4454">
        <f t="shared" si="1038"/>
        <v>8.2345800000000011</v>
      </c>
      <c r="H4454" s="235">
        <f t="shared" si="1039"/>
        <v>1.5301326843627723</v>
      </c>
      <c r="I4454" s="236">
        <f t="shared" si="1040"/>
        <v>19.739520834018052</v>
      </c>
      <c r="J4454" s="237">
        <f t="shared" si="1045"/>
        <v>9.7395208340180517</v>
      </c>
      <c r="K4454" s="237">
        <f t="shared" si="1041"/>
        <v>871.40114721772693</v>
      </c>
      <c r="L4454" s="237">
        <f t="shared" si="1046"/>
        <v>430.01932386356503</v>
      </c>
      <c r="M4454" s="236">
        <f t="shared" si="1042"/>
        <v>17.122902260825928</v>
      </c>
      <c r="N4454" s="236">
        <f t="shared" si="1043"/>
        <v>1.7112174309386663</v>
      </c>
      <c r="O4454" s="236">
        <f t="shared" si="1047"/>
        <v>2.6671486903883186</v>
      </c>
      <c r="P4454" s="236" t="str">
        <f t="shared" si="1048"/>
        <v>CLAY</v>
      </c>
      <c r="Q4454" s="236">
        <f t="shared" si="1044"/>
        <v>613.59823773185622</v>
      </c>
      <c r="R4454" s="238">
        <v>35</v>
      </c>
      <c r="S4454" s="236">
        <f t="shared" si="1049"/>
        <v>8.7078658688041397</v>
      </c>
      <c r="T4454" s="236" t="e">
        <f t="shared" si="1035"/>
        <v>#N/A</v>
      </c>
    </row>
    <row r="4455" spans="1:20" x14ac:dyDescent="0.2">
      <c r="A4455" s="53">
        <f t="shared" si="1036"/>
        <v>4443</v>
      </c>
      <c r="B4455" s="239">
        <v>44.161999999999999</v>
      </c>
      <c r="C4455" s="3">
        <f t="shared" si="1037"/>
        <v>44.155000000000001</v>
      </c>
      <c r="D4455" s="239">
        <v>7.7689000000000004</v>
      </c>
      <c r="E4455" s="239">
        <v>0.1255</v>
      </c>
      <c r="F4455" s="239">
        <v>0.2336</v>
      </c>
      <c r="G4455">
        <f t="shared" si="1038"/>
        <v>7.81562</v>
      </c>
      <c r="H4455" s="235">
        <f t="shared" si="1039"/>
        <v>1.6057587241959053</v>
      </c>
      <c r="I4455" s="236">
        <f t="shared" si="1040"/>
        <v>19.714448206104397</v>
      </c>
      <c r="J4455" s="237">
        <f t="shared" si="1045"/>
        <v>9.7144482061043966</v>
      </c>
      <c r="K4455" s="237">
        <f t="shared" si="1041"/>
        <v>870.49146054053961</v>
      </c>
      <c r="L4455" s="237">
        <f t="shared" si="1046"/>
        <v>429.00946167798236</v>
      </c>
      <c r="M4455" s="236">
        <f t="shared" si="1042"/>
        <v>16.18875376849503</v>
      </c>
      <c r="N4455" s="236">
        <f t="shared" si="1043"/>
        <v>1.8070219908380223</v>
      </c>
      <c r="O4455" s="236">
        <f t="shared" si="1047"/>
        <v>2.7004771741895981</v>
      </c>
      <c r="P4455" s="236" t="str">
        <f t="shared" si="1048"/>
        <v>CLAY</v>
      </c>
      <c r="Q4455" s="236">
        <f t="shared" si="1044"/>
        <v>578.76071162162168</v>
      </c>
      <c r="R4455" s="238">
        <v>35</v>
      </c>
      <c r="S4455" s="236">
        <f t="shared" si="1049"/>
        <v>8.1181445596411042</v>
      </c>
      <c r="T4455" s="236" t="e">
        <f t="shared" si="1035"/>
        <v>#N/A</v>
      </c>
    </row>
    <row r="4456" spans="1:20" x14ac:dyDescent="0.2">
      <c r="A4456" s="53">
        <f t="shared" si="1036"/>
        <v>4444</v>
      </c>
      <c r="B4456" s="239">
        <v>44.173000000000002</v>
      </c>
      <c r="C4456" s="3">
        <f t="shared" si="1037"/>
        <v>44.166000000000004</v>
      </c>
      <c r="D4456" s="239">
        <v>7.3262999999999998</v>
      </c>
      <c r="E4456" s="239">
        <v>0.1273</v>
      </c>
      <c r="F4456" s="239">
        <v>0.21959999999999999</v>
      </c>
      <c r="G4456">
        <f t="shared" si="1038"/>
        <v>7.3702199999999998</v>
      </c>
      <c r="H4456" s="235">
        <f t="shared" si="1039"/>
        <v>1.7272211684318786</v>
      </c>
      <c r="I4456" s="236">
        <f t="shared" si="1040"/>
        <v>19.708212150759309</v>
      </c>
      <c r="J4456" s="237">
        <f t="shared" si="1045"/>
        <v>9.7082121507593087</v>
      </c>
      <c r="K4456" s="237">
        <f t="shared" si="1041"/>
        <v>870.43289785043567</v>
      </c>
      <c r="L4456" s="237">
        <f t="shared" si="1046"/>
        <v>428.84085533549097</v>
      </c>
      <c r="M4456" s="236">
        <f t="shared" si="1042"/>
        <v>15.156641493648378</v>
      </c>
      <c r="N4456" s="236">
        <f t="shared" si="1043"/>
        <v>1.9585256870628922</v>
      </c>
      <c r="O4456" s="236">
        <f t="shared" si="1047"/>
        <v>2.7435868578867044</v>
      </c>
      <c r="P4456" s="236" t="str">
        <f t="shared" si="1048"/>
        <v>CLAY</v>
      </c>
      <c r="Q4456" s="236">
        <f t="shared" si="1044"/>
        <v>541.64892517913029</v>
      </c>
      <c r="R4456" s="238">
        <v>35</v>
      </c>
      <c r="S4456" s="236">
        <f t="shared" si="1049"/>
        <v>7.476420702639059</v>
      </c>
      <c r="T4456" s="236" t="e">
        <f t="shared" si="1035"/>
        <v>#N/A</v>
      </c>
    </row>
    <row r="4457" spans="1:20" x14ac:dyDescent="0.2">
      <c r="A4457" s="53">
        <f t="shared" si="1036"/>
        <v>4445</v>
      </c>
      <c r="B4457" s="239">
        <v>44.182000000000002</v>
      </c>
      <c r="C4457" s="3">
        <f t="shared" si="1037"/>
        <v>44.175000000000004</v>
      </c>
      <c r="D4457" s="239">
        <v>6.9249000000000001</v>
      </c>
      <c r="E4457" s="239">
        <v>0.12379999999999999</v>
      </c>
      <c r="F4457" s="239">
        <v>0.31119999999999998</v>
      </c>
      <c r="G4457">
        <f t="shared" si="1038"/>
        <v>6.9871400000000001</v>
      </c>
      <c r="H4457" s="235">
        <f t="shared" si="1039"/>
        <v>1.7718265270196387</v>
      </c>
      <c r="I4457" s="236">
        <f t="shared" si="1040"/>
        <v>19.654658295725529</v>
      </c>
      <c r="J4457" s="237">
        <f t="shared" si="1045"/>
        <v>9.6546582957255289</v>
      </c>
      <c r="K4457" s="237">
        <f t="shared" si="1041"/>
        <v>868.24453021367538</v>
      </c>
      <c r="L4457" s="237">
        <f t="shared" si="1046"/>
        <v>426.56211282174536</v>
      </c>
      <c r="M4457" s="236">
        <f t="shared" si="1042"/>
        <v>14.344676392634359</v>
      </c>
      <c r="N4457" s="236">
        <f t="shared" si="1043"/>
        <v>2.0232409690816824</v>
      </c>
      <c r="O4457" s="236">
        <f t="shared" si="1047"/>
        <v>2.771321159925392</v>
      </c>
      <c r="P4457" s="236" t="str">
        <f t="shared" si="1048"/>
        <v>CLAY</v>
      </c>
      <c r="Q4457" s="236">
        <f t="shared" si="1044"/>
        <v>509.90795581552703</v>
      </c>
      <c r="R4457" s="238">
        <v>35</v>
      </c>
      <c r="S4457" s="236">
        <f t="shared" si="1049"/>
        <v>6.9791647879890473</v>
      </c>
      <c r="T4457" s="236" t="e">
        <f t="shared" si="1035"/>
        <v>#N/A</v>
      </c>
    </row>
    <row r="4458" spans="1:20" x14ac:dyDescent="0.2">
      <c r="A4458" s="53">
        <f t="shared" si="1036"/>
        <v>4446</v>
      </c>
      <c r="B4458" s="239">
        <v>44.191000000000003</v>
      </c>
      <c r="C4458" s="3">
        <f t="shared" si="1037"/>
        <v>44.184000000000005</v>
      </c>
      <c r="D4458" s="239">
        <v>6.5389999999999997</v>
      </c>
      <c r="E4458" s="239">
        <v>0.12839999999999999</v>
      </c>
      <c r="F4458" s="239">
        <v>0.32779999999999998</v>
      </c>
      <c r="G4458">
        <f t="shared" si="1038"/>
        <v>6.6045599999999993</v>
      </c>
      <c r="H4458" s="235">
        <f t="shared" si="1039"/>
        <v>1.944111341255133</v>
      </c>
      <c r="I4458" s="236">
        <f t="shared" si="1040"/>
        <v>19.675428119406117</v>
      </c>
      <c r="J4458" s="237">
        <f t="shared" si="1045"/>
        <v>9.6754281194061171</v>
      </c>
      <c r="K4458" s="237">
        <f t="shared" si="1041"/>
        <v>869.33911602783996</v>
      </c>
      <c r="L4458" s="237">
        <f t="shared" si="1046"/>
        <v>427.56684402467573</v>
      </c>
      <c r="M4458" s="236">
        <f t="shared" si="1042"/>
        <v>13.413624007854942</v>
      </c>
      <c r="N4458" s="236">
        <f t="shared" si="1043"/>
        <v>2.2387978178631434</v>
      </c>
      <c r="O4458" s="236">
        <f t="shared" si="1047"/>
        <v>2.8199356104329416</v>
      </c>
      <c r="P4458" s="236" t="str">
        <f t="shared" si="1048"/>
        <v>CLAY</v>
      </c>
      <c r="Q4458" s="236">
        <f t="shared" si="1044"/>
        <v>477.93507366434665</v>
      </c>
      <c r="R4458" s="238">
        <v>35</v>
      </c>
      <c r="S4458" s="236">
        <f t="shared" si="1049"/>
        <v>6.417600366857811</v>
      </c>
      <c r="T4458" s="236" t="e">
        <f t="shared" si="1035"/>
        <v>#N/A</v>
      </c>
    </row>
    <row r="4459" spans="1:20" x14ac:dyDescent="0.2">
      <c r="A4459" s="53">
        <f t="shared" si="1036"/>
        <v>4447</v>
      </c>
      <c r="B4459" s="239">
        <v>44.201000000000001</v>
      </c>
      <c r="C4459" s="3">
        <f t="shared" si="1037"/>
        <v>44.194000000000003</v>
      </c>
      <c r="D4459" s="239">
        <v>6.2431999999999999</v>
      </c>
      <c r="E4459" s="239">
        <v>0.14249999999999999</v>
      </c>
      <c r="F4459" s="239">
        <v>0.3624</v>
      </c>
      <c r="G4459">
        <f t="shared" si="1038"/>
        <v>6.3156799999999995</v>
      </c>
      <c r="H4459" s="235">
        <f t="shared" si="1039"/>
        <v>2.2562891090112229</v>
      </c>
      <c r="I4459" s="236">
        <f t="shared" si="1040"/>
        <v>19.780121293645397</v>
      </c>
      <c r="J4459" s="237">
        <f t="shared" si="1045"/>
        <v>9.7801212936453972</v>
      </c>
      <c r="K4459" s="237">
        <f t="shared" si="1041"/>
        <v>874.16268045136474</v>
      </c>
      <c r="L4459" s="237">
        <f t="shared" si="1046"/>
        <v>432.29114130042018</v>
      </c>
      <c r="M4459" s="236">
        <f t="shared" si="1042"/>
        <v>12.587621627358446</v>
      </c>
      <c r="N4459" s="236">
        <f t="shared" si="1043"/>
        <v>2.6187548735362687</v>
      </c>
      <c r="O4459" s="236">
        <f t="shared" si="1047"/>
        <v>2.8810625979131865</v>
      </c>
      <c r="P4459" s="236" t="str">
        <f t="shared" si="1048"/>
        <v>CLAY</v>
      </c>
      <c r="Q4459" s="236">
        <f t="shared" si="1044"/>
        <v>453.4597766290529</v>
      </c>
      <c r="R4459" s="238">
        <v>35</v>
      </c>
      <c r="S4459" s="236">
        <f t="shared" si="1049"/>
        <v>5.9274733299181239</v>
      </c>
      <c r="T4459" s="236" t="e">
        <f t="shared" si="1035"/>
        <v>#N/A</v>
      </c>
    </row>
    <row r="4460" spans="1:20" x14ac:dyDescent="0.2">
      <c r="A4460" s="53">
        <f t="shared" si="1036"/>
        <v>4448</v>
      </c>
      <c r="B4460" s="239">
        <v>44.212000000000003</v>
      </c>
      <c r="C4460" s="3">
        <f t="shared" si="1037"/>
        <v>44.205000000000005</v>
      </c>
      <c r="D4460" s="239">
        <v>5.9619999999999997</v>
      </c>
      <c r="E4460" s="239">
        <v>0.16370000000000001</v>
      </c>
      <c r="F4460" s="239">
        <v>0.32740000000000002</v>
      </c>
      <c r="G4460">
        <f t="shared" si="1038"/>
        <v>6.0274799999999997</v>
      </c>
      <c r="H4460" s="235">
        <f t="shared" si="1039"/>
        <v>2.7158945363568194</v>
      </c>
      <c r="I4460" s="236">
        <f t="shared" si="1040"/>
        <v>19.924496688997976</v>
      </c>
      <c r="J4460" s="237">
        <f t="shared" si="1045"/>
        <v>9.9244966889979764</v>
      </c>
      <c r="K4460" s="237">
        <f t="shared" si="1041"/>
        <v>880.76237613715568</v>
      </c>
      <c r="L4460" s="237">
        <f t="shared" si="1046"/>
        <v>438.78184761397858</v>
      </c>
      <c r="M4460" s="236">
        <f t="shared" si="1042"/>
        <v>11.729559123399984</v>
      </c>
      <c r="N4460" s="236">
        <f t="shared" si="1043"/>
        <v>3.1806679900409183</v>
      </c>
      <c r="O4460" s="236">
        <f t="shared" si="1047"/>
        <v>2.9547449696597439</v>
      </c>
      <c r="P4460" s="236" t="str">
        <f t="shared" si="1048"/>
        <v>CLAY</v>
      </c>
      <c r="Q4460" s="236">
        <f t="shared" si="1044"/>
        <v>428.89313532190363</v>
      </c>
      <c r="R4460" s="238">
        <v>35</v>
      </c>
      <c r="S4460" s="236">
        <f t="shared" si="1049"/>
        <v>5.4267787973439789</v>
      </c>
      <c r="T4460" s="236" t="e">
        <f t="shared" si="1035"/>
        <v>#N/A</v>
      </c>
    </row>
    <row r="4461" spans="1:20" x14ac:dyDescent="0.2">
      <c r="A4461" s="53">
        <f t="shared" si="1036"/>
        <v>4449</v>
      </c>
      <c r="B4461" s="239">
        <v>44.220999999999997</v>
      </c>
      <c r="C4461" s="3">
        <f t="shared" si="1037"/>
        <v>44.213999999999999</v>
      </c>
      <c r="D4461" s="239">
        <v>5.9953000000000003</v>
      </c>
      <c r="E4461" s="239">
        <v>0.18029999999999999</v>
      </c>
      <c r="F4461" s="239">
        <v>0.51139999999999997</v>
      </c>
      <c r="G4461">
        <f t="shared" si="1038"/>
        <v>6.0975800000000007</v>
      </c>
      <c r="H4461" s="235">
        <f t="shared" si="1039"/>
        <v>2.9569107744383833</v>
      </c>
      <c r="I4461" s="236">
        <f t="shared" si="1040"/>
        <v>20.04227327278705</v>
      </c>
      <c r="J4461" s="237">
        <f t="shared" si="1045"/>
        <v>10.04227327278705</v>
      </c>
      <c r="K4461" s="237">
        <f t="shared" si="1041"/>
        <v>886.14907048300654</v>
      </c>
      <c r="L4461" s="237">
        <f t="shared" si="1046"/>
        <v>444.07936639591611</v>
      </c>
      <c r="M4461" s="236">
        <f t="shared" si="1042"/>
        <v>11.735359316088504</v>
      </c>
      <c r="N4461" s="236">
        <f t="shared" si="1043"/>
        <v>3.459702381908198</v>
      </c>
      <c r="O4461" s="236">
        <f t="shared" si="1047"/>
        <v>2.9760098899998213</v>
      </c>
      <c r="P4461" s="236" t="str">
        <f t="shared" si="1048"/>
        <v>CLAY</v>
      </c>
      <c r="Q4461" s="236">
        <f t="shared" si="1044"/>
        <v>434.28591079308285</v>
      </c>
      <c r="R4461" s="238">
        <v>35</v>
      </c>
      <c r="S4461" s="236">
        <f t="shared" si="1049"/>
        <v>5.4301333893344665</v>
      </c>
      <c r="T4461" s="236" t="e">
        <f t="shared" si="1035"/>
        <v>#N/A</v>
      </c>
    </row>
    <row r="4462" spans="1:20" x14ac:dyDescent="0.2">
      <c r="A4462" s="53">
        <f t="shared" si="1036"/>
        <v>4450</v>
      </c>
      <c r="B4462" s="239">
        <v>44.23</v>
      </c>
      <c r="C4462" s="3">
        <f t="shared" si="1037"/>
        <v>44.222999999999999</v>
      </c>
      <c r="D4462" s="239">
        <v>6.2393999999999998</v>
      </c>
      <c r="E4462" s="239">
        <v>0.1913</v>
      </c>
      <c r="F4462" s="239">
        <v>0.64880000000000004</v>
      </c>
      <c r="G4462">
        <f t="shared" si="1038"/>
        <v>6.3691599999999999</v>
      </c>
      <c r="H4462" s="235">
        <f t="shared" si="1039"/>
        <v>3.0035357880788047</v>
      </c>
      <c r="I4462" s="236">
        <f t="shared" si="1040"/>
        <v>20.128747416517481</v>
      </c>
      <c r="J4462" s="237">
        <f t="shared" si="1045"/>
        <v>10.128747416517481</v>
      </c>
      <c r="K4462" s="237">
        <f t="shared" si="1041"/>
        <v>890.15359700065255</v>
      </c>
      <c r="L4462" s="237">
        <f t="shared" si="1046"/>
        <v>447.99449823256816</v>
      </c>
      <c r="M4462" s="236">
        <f t="shared" si="1042"/>
        <v>12.23007520095709</v>
      </c>
      <c r="N4462" s="236">
        <f t="shared" si="1043"/>
        <v>3.4915089694963224</v>
      </c>
      <c r="O4462" s="236">
        <f t="shared" si="1047"/>
        <v>2.9639263439349972</v>
      </c>
      <c r="P4462" s="236" t="str">
        <f t="shared" si="1048"/>
        <v>CLAY</v>
      </c>
      <c r="Q4462" s="236">
        <f t="shared" si="1044"/>
        <v>456.58386691661229</v>
      </c>
      <c r="R4462" s="238">
        <v>35</v>
      </c>
      <c r="S4462" s="236">
        <f t="shared" si="1049"/>
        <v>5.7177665285114099</v>
      </c>
      <c r="T4462" s="236" t="e">
        <f t="shared" si="1035"/>
        <v>#N/A</v>
      </c>
    </row>
    <row r="4463" spans="1:20" x14ac:dyDescent="0.2">
      <c r="A4463" s="53">
        <f t="shared" si="1036"/>
        <v>4451</v>
      </c>
      <c r="B4463" s="239">
        <v>44.238999999999997</v>
      </c>
      <c r="C4463" s="3">
        <f t="shared" si="1037"/>
        <v>44.231999999999999</v>
      </c>
      <c r="D4463" s="239">
        <v>6.7606000000000002</v>
      </c>
      <c r="E4463" s="239">
        <v>0.1938</v>
      </c>
      <c r="F4463" s="239">
        <v>0.84189999999999998</v>
      </c>
      <c r="G4463">
        <f t="shared" si="1038"/>
        <v>6.9289800000000001</v>
      </c>
      <c r="H4463" s="235">
        <f t="shared" si="1039"/>
        <v>2.7969484686057688</v>
      </c>
      <c r="I4463" s="236">
        <f t="shared" si="1040"/>
        <v>20.176900617710327</v>
      </c>
      <c r="J4463" s="237">
        <f t="shared" si="1045"/>
        <v>10.176900617710327</v>
      </c>
      <c r="K4463" s="237">
        <f t="shared" si="1041"/>
        <v>892.46466812256313</v>
      </c>
      <c r="L4463" s="237">
        <f t="shared" si="1046"/>
        <v>450.21590642688716</v>
      </c>
      <c r="M4463" s="236">
        <f t="shared" si="1042"/>
        <v>13.408045441543585</v>
      </c>
      <c r="N4463" s="236">
        <f t="shared" si="1043"/>
        <v>3.2104614888756626</v>
      </c>
      <c r="O4463" s="236">
        <f t="shared" si="1047"/>
        <v>2.9101497790439743</v>
      </c>
      <c r="P4463" s="236" t="str">
        <f t="shared" si="1048"/>
        <v>CLAY</v>
      </c>
      <c r="Q4463" s="236">
        <f t="shared" si="1044"/>
        <v>503.0429443231198</v>
      </c>
      <c r="R4463" s="238">
        <v>35</v>
      </c>
      <c r="S4463" s="236">
        <f t="shared" si="1049"/>
        <v>6.4142642859597432</v>
      </c>
      <c r="T4463" s="236" t="e">
        <f t="shared" si="1035"/>
        <v>#N/A</v>
      </c>
    </row>
    <row r="4464" spans="1:20" x14ac:dyDescent="0.2">
      <c r="A4464" s="53">
        <f t="shared" si="1036"/>
        <v>4452</v>
      </c>
      <c r="B4464" s="239">
        <v>44.25</v>
      </c>
      <c r="C4464" s="3">
        <f t="shared" si="1037"/>
        <v>44.243000000000002</v>
      </c>
      <c r="D4464" s="239">
        <v>7.5951000000000004</v>
      </c>
      <c r="E4464" s="239">
        <v>0.2021</v>
      </c>
      <c r="F4464" s="239">
        <v>0.76229999999999998</v>
      </c>
      <c r="G4464">
        <f t="shared" si="1038"/>
        <v>7.74756</v>
      </c>
      <c r="H4464" s="235">
        <f t="shared" si="1039"/>
        <v>2.6085632121596993</v>
      </c>
      <c r="I4464" s="236">
        <f t="shared" si="1040"/>
        <v>20.269720554310609</v>
      </c>
      <c r="J4464" s="237">
        <f t="shared" si="1045"/>
        <v>10.269720554310609</v>
      </c>
      <c r="K4464" s="237">
        <f t="shared" si="1041"/>
        <v>896.79324648436432</v>
      </c>
      <c r="L4464" s="237">
        <f t="shared" si="1046"/>
        <v>454.43513452824448</v>
      </c>
      <c r="M4464" s="236">
        <f t="shared" si="1042"/>
        <v>15.075345705009173</v>
      </c>
      <c r="N4464" s="236">
        <f t="shared" si="1043"/>
        <v>2.9500347518952896</v>
      </c>
      <c r="O4464" s="236">
        <f t="shared" si="1047"/>
        <v>2.8473767920314423</v>
      </c>
      <c r="P4464" s="236" t="str">
        <f t="shared" si="1048"/>
        <v>CLAY</v>
      </c>
      <c r="Q4464" s="236">
        <f t="shared" si="1044"/>
        <v>570.89722945963638</v>
      </c>
      <c r="R4464" s="238">
        <v>35</v>
      </c>
      <c r="S4464" s="236">
        <f t="shared" si="1049"/>
        <v>7.426327690520476</v>
      </c>
      <c r="T4464" s="236" t="e">
        <f t="shared" si="1035"/>
        <v>#N/A</v>
      </c>
    </row>
    <row r="4465" spans="1:20" x14ac:dyDescent="0.2">
      <c r="A4465" s="53">
        <f t="shared" si="1036"/>
        <v>4453</v>
      </c>
      <c r="B4465" s="239">
        <v>44.259</v>
      </c>
      <c r="C4465" s="3">
        <f t="shared" si="1037"/>
        <v>44.252000000000002</v>
      </c>
      <c r="D4465" s="239">
        <v>8.5762</v>
      </c>
      <c r="E4465" s="239">
        <v>0.21560000000000001</v>
      </c>
      <c r="F4465" s="239">
        <v>0.60089999999999999</v>
      </c>
      <c r="G4465">
        <f t="shared" si="1038"/>
        <v>8.6963799999999996</v>
      </c>
      <c r="H4465" s="235">
        <f t="shared" si="1039"/>
        <v>2.4791924915884542</v>
      </c>
      <c r="I4465" s="236">
        <f t="shared" si="1040"/>
        <v>20.390699354688188</v>
      </c>
      <c r="J4465" s="237">
        <f t="shared" si="1045"/>
        <v>10.390699354688188</v>
      </c>
      <c r="K4465" s="237">
        <f t="shared" si="1041"/>
        <v>902.32922784366178</v>
      </c>
      <c r="L4465" s="237">
        <f t="shared" si="1046"/>
        <v>459.88196273914451</v>
      </c>
      <c r="M4465" s="236">
        <f t="shared" si="1042"/>
        <v>16.947937522344837</v>
      </c>
      <c r="N4465" s="236">
        <f t="shared" si="1043"/>
        <v>2.7662124138351123</v>
      </c>
      <c r="O4465" s="236">
        <f t="shared" si="1047"/>
        <v>2.7898782722452875</v>
      </c>
      <c r="P4465" s="236" t="str">
        <f t="shared" si="1048"/>
        <v>CLAY</v>
      </c>
      <c r="Q4465" s="236">
        <f t="shared" si="1044"/>
        <v>649.50423101302806</v>
      </c>
      <c r="R4465" s="238">
        <v>35</v>
      </c>
      <c r="S4465" s="236">
        <f t="shared" si="1049"/>
        <v>8.5967852203440387</v>
      </c>
      <c r="T4465" s="236" t="e">
        <f t="shared" si="1035"/>
        <v>#N/A</v>
      </c>
    </row>
    <row r="4466" spans="1:20" x14ac:dyDescent="0.2">
      <c r="A4466" s="53">
        <f t="shared" si="1036"/>
        <v>4454</v>
      </c>
      <c r="B4466" s="239">
        <v>44.268000000000001</v>
      </c>
      <c r="C4466" s="3">
        <f t="shared" si="1037"/>
        <v>44.261000000000003</v>
      </c>
      <c r="D4466" s="239">
        <v>9.7362000000000002</v>
      </c>
      <c r="E4466" s="239">
        <v>0.2172</v>
      </c>
      <c r="F4466" s="239">
        <v>0.53559999999999997</v>
      </c>
      <c r="G4466">
        <f t="shared" si="1038"/>
        <v>9.8433200000000003</v>
      </c>
      <c r="H4466" s="235">
        <f t="shared" si="1039"/>
        <v>2.2065725791704427</v>
      </c>
      <c r="I4466" s="236">
        <f t="shared" si="1040"/>
        <v>20.44779201443032</v>
      </c>
      <c r="J4466" s="237">
        <f t="shared" si="1045"/>
        <v>10.44779201443032</v>
      </c>
      <c r="K4466" s="237">
        <f t="shared" si="1041"/>
        <v>905.03972235070046</v>
      </c>
      <c r="L4466" s="237">
        <f t="shared" si="1046"/>
        <v>462.50285689480143</v>
      </c>
      <c r="M4466" s="236">
        <f t="shared" si="1042"/>
        <v>19.32589203374879</v>
      </c>
      <c r="N4466" s="236">
        <f t="shared" si="1043"/>
        <v>2.4299976421988188</v>
      </c>
      <c r="O4466" s="236">
        <f t="shared" si="1047"/>
        <v>2.7105749615516128</v>
      </c>
      <c r="P4466" s="236" t="str">
        <f t="shared" si="1048"/>
        <v>CLAY</v>
      </c>
      <c r="Q4466" s="236">
        <f t="shared" si="1044"/>
        <v>744.85668980410821</v>
      </c>
      <c r="R4466" s="238">
        <v>35</v>
      </c>
      <c r="S4466" s="236">
        <f t="shared" si="1049"/>
        <v>10.130116615671318</v>
      </c>
      <c r="T4466" s="236" t="e">
        <f t="shared" si="1035"/>
        <v>#N/A</v>
      </c>
    </row>
    <row r="4467" spans="1:20" x14ac:dyDescent="0.2">
      <c r="A4467" s="53">
        <f t="shared" si="1036"/>
        <v>4455</v>
      </c>
      <c r="B4467" s="239">
        <v>44.277999999999999</v>
      </c>
      <c r="C4467" s="3">
        <f t="shared" si="1037"/>
        <v>44.271000000000001</v>
      </c>
      <c r="D4467" s="239">
        <v>10.6493</v>
      </c>
      <c r="E4467" s="239">
        <v>0.21690000000000001</v>
      </c>
      <c r="F4467" s="239">
        <v>0.35649999999999998</v>
      </c>
      <c r="G4467">
        <f t="shared" si="1038"/>
        <v>10.720600000000001</v>
      </c>
      <c r="H4467" s="235">
        <f t="shared" si="1039"/>
        <v>2.0232076562878945</v>
      </c>
      <c r="I4467" s="236">
        <f t="shared" si="1040"/>
        <v>20.479541027803961</v>
      </c>
      <c r="J4467" s="237">
        <f t="shared" si="1045"/>
        <v>10.479541027803961</v>
      </c>
      <c r="K4467" s="237">
        <f t="shared" si="1041"/>
        <v>906.64976084190914</v>
      </c>
      <c r="L4467" s="237">
        <f t="shared" si="1046"/>
        <v>464.01311762910376</v>
      </c>
      <c r="M4467" s="236">
        <f t="shared" si="1042"/>
        <v>21.150156894923402</v>
      </c>
      <c r="N4467" s="236">
        <f t="shared" si="1043"/>
        <v>2.210119215140907</v>
      </c>
      <c r="O4467" s="236">
        <f t="shared" si="1047"/>
        <v>2.6546329814962339</v>
      </c>
      <c r="P4467" s="236" t="str">
        <f t="shared" si="1048"/>
        <v>CLAY</v>
      </c>
      <c r="Q4467" s="236">
        <f t="shared" si="1044"/>
        <v>817.82918659650761</v>
      </c>
      <c r="R4467" s="238">
        <v>35</v>
      </c>
      <c r="S4467" s="236">
        <f t="shared" si="1049"/>
        <v>11.33918916411632</v>
      </c>
      <c r="T4467" s="236" t="e">
        <f t="shared" si="1035"/>
        <v>#N/A</v>
      </c>
    </row>
    <row r="4468" spans="1:20" x14ac:dyDescent="0.2">
      <c r="A4468" s="53">
        <f t="shared" si="1036"/>
        <v>4456</v>
      </c>
      <c r="B4468" s="239">
        <v>44.287999999999997</v>
      </c>
      <c r="C4468" s="3">
        <f t="shared" si="1037"/>
        <v>44.280999999999999</v>
      </c>
      <c r="D4468" s="239">
        <v>11.4438</v>
      </c>
      <c r="E4468" s="239">
        <v>0.2011</v>
      </c>
      <c r="F4468" s="239">
        <v>0.22209999999999999</v>
      </c>
      <c r="G4468">
        <f t="shared" si="1038"/>
        <v>11.48822</v>
      </c>
      <c r="H4468" s="235">
        <f t="shared" si="1039"/>
        <v>1.7504887615313773</v>
      </c>
      <c r="I4468" s="236">
        <f t="shared" si="1040"/>
        <v>20.417883114359128</v>
      </c>
      <c r="J4468" s="237">
        <f t="shared" si="1045"/>
        <v>10.417883114359128</v>
      </c>
      <c r="K4468" s="237">
        <f t="shared" si="1041"/>
        <v>904.12428218693651</v>
      </c>
      <c r="L4468" s="237">
        <f t="shared" si="1046"/>
        <v>461.38720736873705</v>
      </c>
      <c r="M4468" s="236">
        <f t="shared" si="1042"/>
        <v>22.939725134932786</v>
      </c>
      <c r="N4468" s="236">
        <f t="shared" si="1043"/>
        <v>1.9000206098055985</v>
      </c>
      <c r="O4468" s="236">
        <f t="shared" si="1047"/>
        <v>2.587642668085099</v>
      </c>
      <c r="P4468" s="236" t="str">
        <f t="shared" si="1048"/>
        <v>SAND</v>
      </c>
      <c r="Q4468" s="236" t="e">
        <f t="shared" si="1044"/>
        <v>#N/A</v>
      </c>
      <c r="R4468" s="238">
        <v>35</v>
      </c>
      <c r="S4468" s="236" t="e">
        <f t="shared" si="1049"/>
        <v>#N/A</v>
      </c>
      <c r="T4468" s="236">
        <f t="shared" si="1035"/>
        <v>32.566470308412669</v>
      </c>
    </row>
    <row r="4469" spans="1:20" x14ac:dyDescent="0.2">
      <c r="A4469" s="53">
        <f t="shared" si="1036"/>
        <v>4457</v>
      </c>
      <c r="B4469" s="239">
        <v>44.296999999999997</v>
      </c>
      <c r="C4469" s="3">
        <f t="shared" si="1037"/>
        <v>44.29</v>
      </c>
      <c r="D4469" s="239">
        <v>12.1226</v>
      </c>
      <c r="E4469" s="239">
        <v>0.18940000000000001</v>
      </c>
      <c r="F4469" s="239">
        <v>0.12820000000000001</v>
      </c>
      <c r="G4469">
        <f t="shared" si="1038"/>
        <v>12.148239999999999</v>
      </c>
      <c r="H4469" s="235">
        <f t="shared" si="1039"/>
        <v>1.5590735777363636</v>
      </c>
      <c r="I4469" s="236">
        <f t="shared" si="1040"/>
        <v>20.369431012891308</v>
      </c>
      <c r="J4469" s="237">
        <f t="shared" si="1045"/>
        <v>10.369431012891308</v>
      </c>
      <c r="K4469" s="237">
        <f t="shared" si="1041"/>
        <v>902.16209956095599</v>
      </c>
      <c r="L4469" s="237">
        <f t="shared" si="1046"/>
        <v>459.33468557804622</v>
      </c>
      <c r="M4469" s="236">
        <f t="shared" si="1042"/>
        <v>24.483406660845791</v>
      </c>
      <c r="N4469" s="236">
        <f t="shared" si="1043"/>
        <v>1.6841427000306113</v>
      </c>
      <c r="O4469" s="236">
        <f t="shared" si="1047"/>
        <v>2.5343847928326628</v>
      </c>
      <c r="P4469" s="236" t="str">
        <f t="shared" si="1048"/>
        <v>SAND</v>
      </c>
      <c r="Q4469" s="236" t="e">
        <f t="shared" si="1044"/>
        <v>#N/A</v>
      </c>
      <c r="R4469" s="238">
        <v>35</v>
      </c>
      <c r="S4469" s="236" t="e">
        <f t="shared" si="1049"/>
        <v>#N/A</v>
      </c>
      <c r="T4469" s="236">
        <f t="shared" si="1035"/>
        <v>32.877590307269195</v>
      </c>
    </row>
    <row r="4470" spans="1:20" x14ac:dyDescent="0.2">
      <c r="A4470" s="53">
        <f t="shared" si="1036"/>
        <v>4458</v>
      </c>
      <c r="B4470" s="239">
        <v>44.307000000000002</v>
      </c>
      <c r="C4470" s="3">
        <f t="shared" si="1037"/>
        <v>44.300000000000004</v>
      </c>
      <c r="D4470" s="239">
        <v>12.555199999999999</v>
      </c>
      <c r="E4470" s="239">
        <v>0.18160000000000001</v>
      </c>
      <c r="F4470" s="239">
        <v>0.10730000000000001</v>
      </c>
      <c r="G4470">
        <f t="shared" si="1038"/>
        <v>12.576659999999999</v>
      </c>
      <c r="H4470" s="235">
        <f t="shared" si="1039"/>
        <v>1.4439445767000145</v>
      </c>
      <c r="I4470" s="236">
        <f t="shared" si="1040"/>
        <v>20.333664621924726</v>
      </c>
      <c r="J4470" s="237">
        <f t="shared" si="1045"/>
        <v>10.333664621924726</v>
      </c>
      <c r="K4470" s="237">
        <f t="shared" si="1041"/>
        <v>900.78134275126547</v>
      </c>
      <c r="L4470" s="237">
        <f t="shared" si="1046"/>
        <v>457.85367840361886</v>
      </c>
      <c r="M4470" s="236">
        <f t="shared" si="1042"/>
        <v>25.501331993134965</v>
      </c>
      <c r="N4470" s="236">
        <f t="shared" si="1043"/>
        <v>1.5553433307330351</v>
      </c>
      <c r="O4470" s="236">
        <f t="shared" si="1047"/>
        <v>2.5002052374733243</v>
      </c>
      <c r="P4470" s="236" t="str">
        <f t="shared" si="1048"/>
        <v>SAND</v>
      </c>
      <c r="Q4470" s="236" t="e">
        <f t="shared" si="1044"/>
        <v>#N/A</v>
      </c>
      <c r="R4470" s="238">
        <v>35</v>
      </c>
      <c r="S4470" s="236" t="e">
        <f t="shared" si="1049"/>
        <v>#N/A</v>
      </c>
      <c r="T4470" s="236">
        <f t="shared" si="1035"/>
        <v>33.07219151747023</v>
      </c>
    </row>
    <row r="4471" spans="1:20" x14ac:dyDescent="0.2">
      <c r="A4471" s="53">
        <f t="shared" si="1036"/>
        <v>4459</v>
      </c>
      <c r="B4471" s="239">
        <v>44.317</v>
      </c>
      <c r="C4471" s="3">
        <f t="shared" si="1037"/>
        <v>44.31</v>
      </c>
      <c r="D4471" s="239">
        <v>12.8512</v>
      </c>
      <c r="E4471" s="239">
        <v>0.17730000000000001</v>
      </c>
      <c r="F4471" s="239">
        <v>0.1152</v>
      </c>
      <c r="G4471">
        <f t="shared" si="1038"/>
        <v>12.87424</v>
      </c>
      <c r="H4471" s="235">
        <f t="shared" si="1039"/>
        <v>1.3771686717041163</v>
      </c>
      <c r="I4471" s="236">
        <f t="shared" si="1040"/>
        <v>20.314706081344465</v>
      </c>
      <c r="J4471" s="237">
        <f t="shared" si="1045"/>
        <v>10.314706081344465</v>
      </c>
      <c r="K4471" s="237">
        <f t="shared" si="1041"/>
        <v>900.14462646437323</v>
      </c>
      <c r="L4471" s="237">
        <f t="shared" si="1046"/>
        <v>457.11682940694266</v>
      </c>
      <c r="M4471" s="236">
        <f t="shared" si="1042"/>
        <v>26.194825049584502</v>
      </c>
      <c r="N4471" s="236">
        <f t="shared" si="1043"/>
        <v>1.4806964072781399</v>
      </c>
      <c r="O4471" s="236">
        <f t="shared" si="1047"/>
        <v>2.4785510657250676</v>
      </c>
      <c r="P4471" s="236" t="str">
        <f t="shared" si="1048"/>
        <v>SAND</v>
      </c>
      <c r="Q4471" s="236" t="e">
        <f t="shared" si="1044"/>
        <v>#N/A</v>
      </c>
      <c r="R4471" s="238">
        <v>35</v>
      </c>
      <c r="S4471" s="236" t="e">
        <f t="shared" si="1049"/>
        <v>#N/A</v>
      </c>
      <c r="T4471" s="236">
        <f t="shared" si="1035"/>
        <v>33.200370524428095</v>
      </c>
    </row>
    <row r="4472" spans="1:20" x14ac:dyDescent="0.2">
      <c r="A4472" s="53">
        <f t="shared" si="1036"/>
        <v>4460</v>
      </c>
      <c r="B4472" s="239">
        <v>44.326999999999998</v>
      </c>
      <c r="C4472" s="3">
        <f t="shared" si="1037"/>
        <v>44.32</v>
      </c>
      <c r="D4472" s="239">
        <v>12.936400000000001</v>
      </c>
      <c r="E4472" s="239">
        <v>0.17519999999999999</v>
      </c>
      <c r="F4472" s="239">
        <v>7.17E-2</v>
      </c>
      <c r="G4472">
        <f t="shared" si="1038"/>
        <v>12.950740000000001</v>
      </c>
      <c r="H4472" s="235">
        <f t="shared" si="1039"/>
        <v>1.3528184489843822</v>
      </c>
      <c r="I4472" s="236">
        <f t="shared" si="1040"/>
        <v>20.303050255411257</v>
      </c>
      <c r="J4472" s="237">
        <f t="shared" si="1045"/>
        <v>10.303050255411257</v>
      </c>
      <c r="K4472" s="237">
        <f t="shared" si="1041"/>
        <v>899.83118731982688</v>
      </c>
      <c r="L4472" s="237">
        <f t="shared" si="1046"/>
        <v>456.70330867161476</v>
      </c>
      <c r="M4472" s="236">
        <f t="shared" si="1042"/>
        <v>26.38673419671936</v>
      </c>
      <c r="N4472" s="236">
        <f t="shared" si="1043"/>
        <v>1.4538322604818943</v>
      </c>
      <c r="O4472" s="236">
        <f t="shared" si="1047"/>
        <v>2.4714705300280584</v>
      </c>
      <c r="P4472" s="236" t="str">
        <f t="shared" si="1048"/>
        <v>SAND</v>
      </c>
      <c r="Q4472" s="236" t="e">
        <f t="shared" si="1044"/>
        <v>#N/A</v>
      </c>
      <c r="R4472" s="238">
        <v>35</v>
      </c>
      <c r="S4472" s="236" t="e">
        <f t="shared" si="1049"/>
        <v>#N/A</v>
      </c>
      <c r="T4472" s="236">
        <f t="shared" si="1035"/>
        <v>33.235242065091356</v>
      </c>
    </row>
    <row r="4473" spans="1:20" x14ac:dyDescent="0.2">
      <c r="A4473" s="53">
        <f t="shared" si="1036"/>
        <v>4461</v>
      </c>
      <c r="B4473" s="239">
        <v>44.335999999999999</v>
      </c>
      <c r="C4473" s="3">
        <f t="shared" si="1037"/>
        <v>44.329000000000001</v>
      </c>
      <c r="D4473" s="239">
        <v>12.854799999999999</v>
      </c>
      <c r="E4473" s="239">
        <v>0.1646</v>
      </c>
      <c r="F4473" s="239">
        <v>0.105</v>
      </c>
      <c r="G4473">
        <f t="shared" si="1038"/>
        <v>12.8758</v>
      </c>
      <c r="H4473" s="235">
        <f t="shared" si="1039"/>
        <v>1.2783671694185992</v>
      </c>
      <c r="I4473" s="236">
        <f t="shared" si="1040"/>
        <v>20.227600397695138</v>
      </c>
      <c r="J4473" s="237">
        <f t="shared" si="1045"/>
        <v>10.227600397695138</v>
      </c>
      <c r="K4473" s="237">
        <f t="shared" si="1041"/>
        <v>896.66929802942775</v>
      </c>
      <c r="L4473" s="237">
        <f t="shared" si="1046"/>
        <v>453.45089123221163</v>
      </c>
      <c r="M4473" s="236">
        <f t="shared" si="1042"/>
        <v>26.417702409666393</v>
      </c>
      <c r="N4473" s="236">
        <f t="shared" si="1043"/>
        <v>1.3740562992014373</v>
      </c>
      <c r="O4473" s="236">
        <f t="shared" si="1047"/>
        <v>2.457419420621946</v>
      </c>
      <c r="P4473" s="236" t="str">
        <f t="shared" si="1048"/>
        <v>SAND</v>
      </c>
      <c r="Q4473" s="236" t="e">
        <f t="shared" si="1044"/>
        <v>#N/A</v>
      </c>
      <c r="R4473" s="238">
        <v>35</v>
      </c>
      <c r="S4473" s="236" t="e">
        <f t="shared" si="1049"/>
        <v>#N/A</v>
      </c>
      <c r="T4473" s="236">
        <f t="shared" si="1035"/>
        <v>33.240845479896613</v>
      </c>
    </row>
    <row r="4474" spans="1:20" x14ac:dyDescent="0.2">
      <c r="A4474" s="53">
        <f t="shared" si="1036"/>
        <v>4462</v>
      </c>
      <c r="B4474" s="239">
        <v>44.345999999999997</v>
      </c>
      <c r="C4474" s="3">
        <f t="shared" si="1037"/>
        <v>44.338999999999999</v>
      </c>
      <c r="D4474" s="239">
        <v>12.7585</v>
      </c>
      <c r="E4474" s="239">
        <v>0.1464</v>
      </c>
      <c r="F4474" s="239">
        <v>9.4500000000000001E-2</v>
      </c>
      <c r="G4474">
        <f t="shared" si="1038"/>
        <v>12.7774</v>
      </c>
      <c r="H4474" s="235">
        <f t="shared" si="1039"/>
        <v>1.1457730054627702</v>
      </c>
      <c r="I4474" s="236">
        <f t="shared" si="1040"/>
        <v>20.087202203175227</v>
      </c>
      <c r="J4474" s="237">
        <f t="shared" si="1045"/>
        <v>10.087202203175227</v>
      </c>
      <c r="K4474" s="237">
        <f t="shared" si="1041"/>
        <v>890.64645848658643</v>
      </c>
      <c r="L4474" s="237">
        <f t="shared" si="1046"/>
        <v>447.32706890200859</v>
      </c>
      <c r="M4474" s="236">
        <f t="shared" si="1042"/>
        <v>26.572846509580049</v>
      </c>
      <c r="N4474" s="236">
        <f t="shared" si="1043"/>
        <v>1.2316230793270107</v>
      </c>
      <c r="O4474" s="236">
        <f t="shared" si="1047"/>
        <v>2.4293364702499516</v>
      </c>
      <c r="P4474" s="236" t="str">
        <f t="shared" si="1048"/>
        <v>SAND</v>
      </c>
      <c r="Q4474" s="236" t="e">
        <f t="shared" si="1044"/>
        <v>#N/A</v>
      </c>
      <c r="R4474" s="238">
        <v>35</v>
      </c>
      <c r="S4474" s="236" t="e">
        <f t="shared" si="1049"/>
        <v>#N/A</v>
      </c>
      <c r="T4474" s="236">
        <f t="shared" si="1035"/>
        <v>33.26881886851946</v>
      </c>
    </row>
    <row r="4475" spans="1:20" x14ac:dyDescent="0.2">
      <c r="A4475" s="53">
        <f t="shared" si="1036"/>
        <v>4463</v>
      </c>
      <c r="B4475" s="239">
        <v>44.356000000000002</v>
      </c>
      <c r="C4475" s="3">
        <f t="shared" si="1037"/>
        <v>44.349000000000004</v>
      </c>
      <c r="D4475" s="239">
        <v>12.7012</v>
      </c>
      <c r="E4475" s="239">
        <v>0.13450000000000001</v>
      </c>
      <c r="F4475" s="239">
        <v>4.4699999999999997E-2</v>
      </c>
      <c r="G4475">
        <f t="shared" si="1038"/>
        <v>12.710140000000001</v>
      </c>
      <c r="H4475" s="235">
        <f t="shared" si="1039"/>
        <v>1.0582102164098901</v>
      </c>
      <c r="I4475" s="236">
        <f t="shared" si="1040"/>
        <v>19.985728522929492</v>
      </c>
      <c r="J4475" s="237">
        <f t="shared" si="1045"/>
        <v>9.9857285229294916</v>
      </c>
      <c r="K4475" s="237">
        <f t="shared" si="1041"/>
        <v>886.34707426340015</v>
      </c>
      <c r="L4475" s="237">
        <f t="shared" si="1046"/>
        <v>442.92697436306054</v>
      </c>
      <c r="M4475" s="236">
        <f t="shared" si="1042"/>
        <v>26.694677926851249</v>
      </c>
      <c r="N4475" s="236">
        <f t="shared" si="1043"/>
        <v>1.1375368364853267</v>
      </c>
      <c r="O4475" s="236">
        <f t="shared" si="1047"/>
        <v>2.4092089873720228</v>
      </c>
      <c r="P4475" s="236" t="str">
        <f t="shared" si="1048"/>
        <v>SAND</v>
      </c>
      <c r="Q4475" s="236" t="e">
        <f t="shared" si="1044"/>
        <v>#N/A</v>
      </c>
      <c r="R4475" s="238">
        <v>35</v>
      </c>
      <c r="S4475" s="236" t="e">
        <f t="shared" si="1049"/>
        <v>#N/A</v>
      </c>
      <c r="T4475" s="236">
        <f t="shared" si="1035"/>
        <v>33.290671539755955</v>
      </c>
    </row>
    <row r="4476" spans="1:20" x14ac:dyDescent="0.2">
      <c r="A4476" s="53">
        <f t="shared" si="1036"/>
        <v>4464</v>
      </c>
      <c r="B4476" s="239">
        <v>44.366</v>
      </c>
      <c r="C4476" s="3">
        <f t="shared" si="1037"/>
        <v>44.359000000000002</v>
      </c>
      <c r="D4476" s="239">
        <v>12.6105</v>
      </c>
      <c r="E4476" s="239">
        <v>0.13170000000000001</v>
      </c>
      <c r="F4476" s="239">
        <v>4.2000000000000003E-2</v>
      </c>
      <c r="G4476">
        <f t="shared" si="1038"/>
        <v>12.6189</v>
      </c>
      <c r="H4476" s="235">
        <f t="shared" si="1039"/>
        <v>1.0436725863585576</v>
      </c>
      <c r="I4476" s="236">
        <f t="shared" si="1040"/>
        <v>19.958243995651745</v>
      </c>
      <c r="J4476" s="237">
        <f t="shared" si="1045"/>
        <v>9.9582439956517455</v>
      </c>
      <c r="K4476" s="237">
        <f t="shared" si="1041"/>
        <v>885.32774540311584</v>
      </c>
      <c r="L4476" s="237">
        <f t="shared" si="1046"/>
        <v>441.80745311108535</v>
      </c>
      <c r="M4476" s="236">
        <f t="shared" si="1042"/>
        <v>26.558112978792746</v>
      </c>
      <c r="N4476" s="236">
        <f t="shared" si="1043"/>
        <v>1.1224203264134132</v>
      </c>
      <c r="O4476" s="236">
        <f t="shared" si="1047"/>
        <v>2.4080290885577442</v>
      </c>
      <c r="P4476" s="236" t="str">
        <f t="shared" si="1048"/>
        <v>SAND</v>
      </c>
      <c r="Q4476" s="236" t="e">
        <f t="shared" si="1044"/>
        <v>#N/A</v>
      </c>
      <c r="R4476" s="238">
        <v>35</v>
      </c>
      <c r="S4476" s="236" t="e">
        <f t="shared" si="1049"/>
        <v>#N/A</v>
      </c>
      <c r="T4476" s="236">
        <f t="shared" si="1035"/>
        <v>33.266169354759469</v>
      </c>
    </row>
    <row r="4477" spans="1:20" x14ac:dyDescent="0.2">
      <c r="A4477" s="53">
        <f t="shared" si="1036"/>
        <v>4465</v>
      </c>
      <c r="B4477" s="239">
        <v>44.375</v>
      </c>
      <c r="C4477" s="3">
        <f t="shared" si="1037"/>
        <v>44.368000000000002</v>
      </c>
      <c r="D4477" s="239">
        <v>12.3781</v>
      </c>
      <c r="E4477" s="239">
        <v>0.1235</v>
      </c>
      <c r="F4477" s="239">
        <v>5.9499999999999997E-2</v>
      </c>
      <c r="G4477">
        <f t="shared" si="1038"/>
        <v>12.39</v>
      </c>
      <c r="H4477" s="235">
        <f t="shared" si="1039"/>
        <v>0.99677158999192883</v>
      </c>
      <c r="I4477" s="236">
        <f t="shared" si="1040"/>
        <v>19.875708015629293</v>
      </c>
      <c r="J4477" s="237">
        <f t="shared" si="1045"/>
        <v>9.8757080156292929</v>
      </c>
      <c r="K4477" s="237">
        <f t="shared" si="1041"/>
        <v>881.84541323744054</v>
      </c>
      <c r="L4477" s="237">
        <f t="shared" si="1046"/>
        <v>438.23454319354988</v>
      </c>
      <c r="M4477" s="236">
        <f t="shared" si="1042"/>
        <v>26.260263517565498</v>
      </c>
      <c r="N4477" s="236">
        <f t="shared" si="1043"/>
        <v>1.0731520772414536</v>
      </c>
      <c r="O4477" s="236">
        <f t="shared" si="1047"/>
        <v>2.4019841543072893</v>
      </c>
      <c r="P4477" s="236" t="str">
        <f t="shared" si="1048"/>
        <v>SAND</v>
      </c>
      <c r="Q4477" s="236" t="e">
        <f t="shared" si="1044"/>
        <v>#N/A</v>
      </c>
      <c r="R4477" s="238">
        <v>35</v>
      </c>
      <c r="S4477" s="236" t="e">
        <f t="shared" si="1049"/>
        <v>#N/A</v>
      </c>
      <c r="T4477" s="236">
        <f t="shared" si="1035"/>
        <v>33.212289878364764</v>
      </c>
    </row>
    <row r="4478" spans="1:20" x14ac:dyDescent="0.2">
      <c r="A4478" s="53">
        <f t="shared" si="1036"/>
        <v>4466</v>
      </c>
      <c r="B4478" s="239">
        <v>44.384</v>
      </c>
      <c r="C4478" s="3">
        <f t="shared" si="1037"/>
        <v>44.377000000000002</v>
      </c>
      <c r="D4478" s="239">
        <v>12.011200000000001</v>
      </c>
      <c r="E4478" s="239">
        <v>0.1129</v>
      </c>
      <c r="F4478" s="239">
        <v>7.7799999999999994E-2</v>
      </c>
      <c r="G4478">
        <f t="shared" si="1038"/>
        <v>12.026760000000001</v>
      </c>
      <c r="H4478" s="235">
        <f t="shared" si="1039"/>
        <v>0.93873994325986365</v>
      </c>
      <c r="I4478" s="236">
        <f t="shared" si="1040"/>
        <v>19.758850477624009</v>
      </c>
      <c r="J4478" s="237">
        <f t="shared" si="1045"/>
        <v>9.7588504776240086</v>
      </c>
      <c r="K4478" s="237">
        <f t="shared" si="1041"/>
        <v>876.83850764552062</v>
      </c>
      <c r="L4478" s="237">
        <f t="shared" si="1046"/>
        <v>433.13681959886401</v>
      </c>
      <c r="M4478" s="236">
        <f t="shared" si="1042"/>
        <v>25.742262000909157</v>
      </c>
      <c r="N4478" s="236">
        <f t="shared" si="1043"/>
        <v>1.0125631833140323</v>
      </c>
      <c r="O4478" s="236">
        <f t="shared" si="1047"/>
        <v>2.396371296656465</v>
      </c>
      <c r="P4478" s="236" t="str">
        <f t="shared" si="1048"/>
        <v>SAND</v>
      </c>
      <c r="Q4478" s="236" t="e">
        <f t="shared" si="1044"/>
        <v>#N/A</v>
      </c>
      <c r="R4478" s="238">
        <v>35</v>
      </c>
      <c r="S4478" s="236" t="e">
        <f t="shared" si="1049"/>
        <v>#N/A</v>
      </c>
      <c r="T4478" s="236">
        <f t="shared" si="1035"/>
        <v>33.117113767974473</v>
      </c>
    </row>
    <row r="4479" spans="1:20" x14ac:dyDescent="0.2">
      <c r="A4479" s="53">
        <f t="shared" si="1036"/>
        <v>4467</v>
      </c>
      <c r="B4479" s="239">
        <v>44.395000000000003</v>
      </c>
      <c r="C4479" s="3">
        <f t="shared" si="1037"/>
        <v>44.388000000000005</v>
      </c>
      <c r="D4479" s="239">
        <v>11.6424</v>
      </c>
      <c r="E4479" s="239">
        <v>0.1012</v>
      </c>
      <c r="F4479" s="239">
        <v>0.1111</v>
      </c>
      <c r="G4479">
        <f t="shared" si="1038"/>
        <v>11.664620000000001</v>
      </c>
      <c r="H4479" s="235">
        <f t="shared" si="1039"/>
        <v>0.86758076988363086</v>
      </c>
      <c r="I4479" s="236">
        <f t="shared" si="1040"/>
        <v>19.618613973900583</v>
      </c>
      <c r="J4479" s="237">
        <f t="shared" si="1045"/>
        <v>9.6186139739005831</v>
      </c>
      <c r="K4479" s="237">
        <f t="shared" si="1041"/>
        <v>870.83103707349915</v>
      </c>
      <c r="L4479" s="237">
        <f t="shared" si="1046"/>
        <v>427.0183673713164</v>
      </c>
      <c r="M4479" s="236">
        <f t="shared" si="1042"/>
        <v>25.277106999804289</v>
      </c>
      <c r="N4479" s="236">
        <f t="shared" si="1043"/>
        <v>0.937576233402305</v>
      </c>
      <c r="O4479" s="236">
        <f t="shared" si="1047"/>
        <v>2.3863142815106273</v>
      </c>
      <c r="P4479" s="236" t="str">
        <f t="shared" si="1048"/>
        <v>SAND</v>
      </c>
      <c r="Q4479" s="236" t="e">
        <f t="shared" si="1044"/>
        <v>#N/A</v>
      </c>
      <c r="R4479" s="238">
        <v>35</v>
      </c>
      <c r="S4479" s="236" t="e">
        <f t="shared" si="1049"/>
        <v>#N/A</v>
      </c>
      <c r="T4479" s="236">
        <f t="shared" si="1035"/>
        <v>33.03000103529083</v>
      </c>
    </row>
    <row r="4480" spans="1:20" x14ac:dyDescent="0.2">
      <c r="A4480" s="53">
        <f t="shared" si="1036"/>
        <v>4468</v>
      </c>
      <c r="B4480" s="239">
        <v>44.404000000000003</v>
      </c>
      <c r="C4480" s="3">
        <f t="shared" si="1037"/>
        <v>44.397000000000006</v>
      </c>
      <c r="D4480" s="239">
        <v>11.362299999999999</v>
      </c>
      <c r="E4480" s="239">
        <v>9.5799999999999996E-2</v>
      </c>
      <c r="F4480" s="239">
        <v>0.1522</v>
      </c>
      <c r="G4480">
        <f t="shared" si="1038"/>
        <v>11.39274</v>
      </c>
      <c r="H4480" s="235">
        <f t="shared" si="1039"/>
        <v>0.840886389051273</v>
      </c>
      <c r="I4480" s="236">
        <f t="shared" si="1040"/>
        <v>19.54509529649162</v>
      </c>
      <c r="J4480" s="237">
        <f t="shared" si="1045"/>
        <v>9.5450952964916205</v>
      </c>
      <c r="K4480" s="237">
        <f t="shared" si="1041"/>
        <v>867.74359587833862</v>
      </c>
      <c r="L4480" s="237">
        <f t="shared" si="1046"/>
        <v>423.84041154541393</v>
      </c>
      <c r="M4480" s="236">
        <f t="shared" si="1042"/>
        <v>24.832451360041965</v>
      </c>
      <c r="N4480" s="236">
        <f t="shared" si="1043"/>
        <v>0.91021408769777867</v>
      </c>
      <c r="O4480" s="236">
        <f t="shared" si="1047"/>
        <v>2.3866133339728988</v>
      </c>
      <c r="P4480" s="236" t="str">
        <f t="shared" si="1048"/>
        <v>SAND</v>
      </c>
      <c r="Q4480" s="236" t="e">
        <f t="shared" si="1044"/>
        <v>#N/A</v>
      </c>
      <c r="R4480" s="238">
        <v>35</v>
      </c>
      <c r="S4480" s="236" t="e">
        <f t="shared" si="1049"/>
        <v>#N/A</v>
      </c>
      <c r="T4480" s="236">
        <f t="shared" si="1035"/>
        <v>32.945215528289737</v>
      </c>
    </row>
    <row r="4481" spans="1:20" x14ac:dyDescent="0.2">
      <c r="A4481" s="53">
        <f t="shared" si="1036"/>
        <v>4469</v>
      </c>
      <c r="B4481" s="239">
        <v>44.412999999999997</v>
      </c>
      <c r="C4481" s="3">
        <f t="shared" si="1037"/>
        <v>44.405999999999999</v>
      </c>
      <c r="D4481" s="239">
        <v>11.066000000000001</v>
      </c>
      <c r="E4481" s="239">
        <v>8.3699999999999997E-2</v>
      </c>
      <c r="F4481" s="239">
        <v>0.13900000000000001</v>
      </c>
      <c r="G4481">
        <f t="shared" si="1038"/>
        <v>11.0938</v>
      </c>
      <c r="H4481" s="235">
        <f t="shared" si="1039"/>
        <v>0.75447547278660143</v>
      </c>
      <c r="I4481" s="236">
        <f t="shared" si="1040"/>
        <v>19.376374089867209</v>
      </c>
      <c r="J4481" s="237">
        <f t="shared" si="1045"/>
        <v>9.376374089867209</v>
      </c>
      <c r="K4481" s="237">
        <f t="shared" si="1041"/>
        <v>860.4272678346432</v>
      </c>
      <c r="L4481" s="237">
        <f t="shared" si="1046"/>
        <v>416.43290245327233</v>
      </c>
      <c r="M4481" s="236">
        <f t="shared" si="1042"/>
        <v>24.573881342898058</v>
      </c>
      <c r="N4481" s="236">
        <f t="shared" si="1043"/>
        <v>0.81791216044457793</v>
      </c>
      <c r="O4481" s="236">
        <f t="shared" si="1047"/>
        <v>2.368006289061181</v>
      </c>
      <c r="P4481" s="236" t="str">
        <f t="shared" si="1048"/>
        <v>SAND</v>
      </c>
      <c r="Q4481" s="236" t="e">
        <f t="shared" si="1044"/>
        <v>#N/A</v>
      </c>
      <c r="R4481" s="238">
        <v>35</v>
      </c>
      <c r="S4481" s="236" t="e">
        <f t="shared" si="1049"/>
        <v>#N/A</v>
      </c>
      <c r="T4481" s="236">
        <f t="shared" si="1035"/>
        <v>32.895211326060362</v>
      </c>
    </row>
    <row r="4482" spans="1:20" x14ac:dyDescent="0.2">
      <c r="A4482" s="53">
        <f t="shared" si="1036"/>
        <v>4470</v>
      </c>
      <c r="B4482" s="239">
        <v>44.423000000000002</v>
      </c>
      <c r="C4482" s="3">
        <f t="shared" si="1037"/>
        <v>44.416000000000004</v>
      </c>
      <c r="D4482" s="239">
        <v>10.7193</v>
      </c>
      <c r="E4482" s="239">
        <v>7.1800000000000003E-2</v>
      </c>
      <c r="F4482" s="239">
        <v>0.13850000000000001</v>
      </c>
      <c r="G4482">
        <f t="shared" si="1038"/>
        <v>10.747</v>
      </c>
      <c r="H4482" s="235">
        <f t="shared" si="1039"/>
        <v>0.66809342141993111</v>
      </c>
      <c r="I4482" s="236">
        <f t="shared" si="1040"/>
        <v>19.184137577825993</v>
      </c>
      <c r="J4482" s="237">
        <f t="shared" si="1045"/>
        <v>9.184137577825993</v>
      </c>
      <c r="K4482" s="237">
        <f t="shared" si="1041"/>
        <v>852.08265465671934</v>
      </c>
      <c r="L4482" s="237">
        <f t="shared" si="1046"/>
        <v>407.98694361976413</v>
      </c>
      <c r="M4482" s="236">
        <f t="shared" si="1042"/>
        <v>24.253024514836316</v>
      </c>
      <c r="N4482" s="236">
        <f t="shared" si="1043"/>
        <v>0.72562506076708477</v>
      </c>
      <c r="O4482" s="236">
        <f t="shared" si="1047"/>
        <v>2.3486464710149573</v>
      </c>
      <c r="P4482" s="236" t="str">
        <f t="shared" si="1048"/>
        <v>SAND</v>
      </c>
      <c r="Q4482" s="236" t="e">
        <f t="shared" si="1044"/>
        <v>#N/A</v>
      </c>
      <c r="R4482" s="238">
        <v>35</v>
      </c>
      <c r="S4482" s="236" t="e">
        <f t="shared" si="1049"/>
        <v>#N/A</v>
      </c>
      <c r="T4482" s="236">
        <f t="shared" si="1035"/>
        <v>32.832424963256024</v>
      </c>
    </row>
    <row r="4483" spans="1:20" x14ac:dyDescent="0.2">
      <c r="A4483" s="53">
        <f t="shared" si="1036"/>
        <v>4471</v>
      </c>
      <c r="B4483" s="239">
        <v>44.433</v>
      </c>
      <c r="C4483" s="3">
        <f t="shared" si="1037"/>
        <v>44.426000000000002</v>
      </c>
      <c r="D4483" s="239">
        <v>10.4968</v>
      </c>
      <c r="E4483" s="239">
        <v>6.8599999999999994E-2</v>
      </c>
      <c r="F4483" s="239">
        <v>0.1489</v>
      </c>
      <c r="G4483">
        <f t="shared" si="1038"/>
        <v>10.526580000000001</v>
      </c>
      <c r="H4483" s="235">
        <f t="shared" si="1039"/>
        <v>0.65168364274056712</v>
      </c>
      <c r="I4483" s="236">
        <f t="shared" si="1040"/>
        <v>19.122576732619976</v>
      </c>
      <c r="J4483" s="237">
        <f t="shared" si="1045"/>
        <v>9.1225767326199758</v>
      </c>
      <c r="K4483" s="237">
        <f t="shared" si="1041"/>
        <v>849.53959392337504</v>
      </c>
      <c r="L4483" s="237">
        <f t="shared" si="1046"/>
        <v>405.34345196050339</v>
      </c>
      <c r="M4483" s="236">
        <f t="shared" si="1042"/>
        <v>23.873681341766332</v>
      </c>
      <c r="N4483" s="236">
        <f t="shared" si="1043"/>
        <v>0.70889442558205218</v>
      </c>
      <c r="O4483" s="236">
        <f t="shared" si="1047"/>
        <v>2.3500949228896379</v>
      </c>
      <c r="P4483" s="236" t="str">
        <f t="shared" si="1048"/>
        <v>SAND</v>
      </c>
      <c r="Q4483" s="236" t="e">
        <f t="shared" si="1044"/>
        <v>#N/A</v>
      </c>
      <c r="R4483" s="238">
        <v>35</v>
      </c>
      <c r="S4483" s="236" t="e">
        <f t="shared" si="1049"/>
        <v>#N/A</v>
      </c>
      <c r="T4483" s="236">
        <f t="shared" si="1035"/>
        <v>32.757113320199494</v>
      </c>
    </row>
    <row r="4484" spans="1:20" x14ac:dyDescent="0.2">
      <c r="A4484" s="53">
        <f t="shared" si="1036"/>
        <v>4472</v>
      </c>
      <c r="B4484" s="239">
        <v>44.442999999999998</v>
      </c>
      <c r="C4484" s="3">
        <f t="shared" si="1037"/>
        <v>44.436</v>
      </c>
      <c r="D4484" s="239">
        <v>10.3331</v>
      </c>
      <c r="E4484" s="239">
        <v>7.6399999999999996E-2</v>
      </c>
      <c r="F4484" s="239">
        <v>9.9500000000000005E-2</v>
      </c>
      <c r="G4484">
        <f t="shared" si="1038"/>
        <v>10.353</v>
      </c>
      <c r="H4484" s="235">
        <f t="shared" si="1039"/>
        <v>0.737950352554815</v>
      </c>
      <c r="I4484" s="236">
        <f t="shared" si="1040"/>
        <v>19.242354715146885</v>
      </c>
      <c r="J4484" s="237">
        <f t="shared" si="1045"/>
        <v>9.2423547151468846</v>
      </c>
      <c r="K4484" s="237">
        <f t="shared" si="1041"/>
        <v>855.053274122267</v>
      </c>
      <c r="L4484" s="237">
        <f t="shared" si="1046"/>
        <v>410.75797060527299</v>
      </c>
      <c r="M4484" s="236">
        <f t="shared" si="1042"/>
        <v>23.122976072459458</v>
      </c>
      <c r="N4484" s="236">
        <f t="shared" si="1043"/>
        <v>0.8043843812246656</v>
      </c>
      <c r="O4484" s="236">
        <f t="shared" si="1047"/>
        <v>2.38782750485412</v>
      </c>
      <c r="P4484" s="236" t="str">
        <f t="shared" si="1048"/>
        <v>SAND</v>
      </c>
      <c r="Q4484" s="236" t="e">
        <f t="shared" si="1044"/>
        <v>#N/A</v>
      </c>
      <c r="R4484" s="238">
        <v>35</v>
      </c>
      <c r="S4484" s="236" t="e">
        <f t="shared" si="1049"/>
        <v>#N/A</v>
      </c>
      <c r="T4484" s="236">
        <f t="shared" si="1035"/>
        <v>32.604481027550946</v>
      </c>
    </row>
    <row r="4485" spans="1:20" x14ac:dyDescent="0.2">
      <c r="A4485" s="53">
        <f t="shared" si="1036"/>
        <v>4473</v>
      </c>
      <c r="B4485" s="239">
        <v>44.453000000000003</v>
      </c>
      <c r="C4485" s="3">
        <f t="shared" si="1037"/>
        <v>44.446000000000005</v>
      </c>
      <c r="D4485" s="239">
        <v>10.214700000000001</v>
      </c>
      <c r="E4485" s="239">
        <v>8.9899999999999994E-2</v>
      </c>
      <c r="F4485" s="239">
        <v>9.98E-2</v>
      </c>
      <c r="G4485">
        <f t="shared" si="1038"/>
        <v>10.23466</v>
      </c>
      <c r="H4485" s="235">
        <f t="shared" si="1039"/>
        <v>0.87838775298837468</v>
      </c>
      <c r="I4485" s="236">
        <f t="shared" si="1040"/>
        <v>19.428660299864653</v>
      </c>
      <c r="J4485" s="237">
        <f t="shared" si="1045"/>
        <v>9.4286602998646529</v>
      </c>
      <c r="K4485" s="237">
        <f t="shared" si="1041"/>
        <v>863.52623568778449</v>
      </c>
      <c r="L4485" s="237">
        <f t="shared" si="1046"/>
        <v>419.13223630988347</v>
      </c>
      <c r="M4485" s="236">
        <f t="shared" si="1042"/>
        <v>22.358418065900594</v>
      </c>
      <c r="N4485" s="236">
        <f t="shared" si="1043"/>
        <v>0.9593289591315326</v>
      </c>
      <c r="O4485" s="236">
        <f t="shared" si="1047"/>
        <v>2.4375184445429046</v>
      </c>
      <c r="P4485" s="236" t="str">
        <f t="shared" si="1048"/>
        <v>SAND</v>
      </c>
      <c r="Q4485" s="236" t="e">
        <f t="shared" si="1044"/>
        <v>#N/A</v>
      </c>
      <c r="R4485" s="238">
        <v>35</v>
      </c>
      <c r="S4485" s="236" t="e">
        <f t="shared" si="1049"/>
        <v>#N/A</v>
      </c>
      <c r="T4485" s="236">
        <f t="shared" si="1035"/>
        <v>32.443851797391503</v>
      </c>
    </row>
    <row r="4486" spans="1:20" x14ac:dyDescent="0.2">
      <c r="A4486" s="53">
        <f t="shared" si="1036"/>
        <v>4474</v>
      </c>
      <c r="B4486" s="239">
        <v>44.463000000000001</v>
      </c>
      <c r="C4486" s="3">
        <f t="shared" si="1037"/>
        <v>44.456000000000003</v>
      </c>
      <c r="D4486" s="239">
        <v>10.226599999999999</v>
      </c>
      <c r="E4486" s="239">
        <v>0.1032</v>
      </c>
      <c r="F4486" s="239">
        <v>0.12889999999999999</v>
      </c>
      <c r="G4486">
        <f t="shared" si="1038"/>
        <v>10.252379999999999</v>
      </c>
      <c r="H4486" s="235">
        <f t="shared" si="1039"/>
        <v>1.0065955417181183</v>
      </c>
      <c r="I4486" s="236">
        <f t="shared" si="1040"/>
        <v>19.591120462340442</v>
      </c>
      <c r="J4486" s="237">
        <f t="shared" si="1045"/>
        <v>9.5911204623404416</v>
      </c>
      <c r="K4486" s="237">
        <f t="shared" si="1041"/>
        <v>870.9428512738067</v>
      </c>
      <c r="L4486" s="237">
        <f t="shared" si="1046"/>
        <v>426.44998911704306</v>
      </c>
      <c r="M4486" s="236">
        <f t="shared" si="1042"/>
        <v>21.998915202578122</v>
      </c>
      <c r="N4486" s="236">
        <f t="shared" si="1043"/>
        <v>1.1000446772061194</v>
      </c>
      <c r="O4486" s="236">
        <f t="shared" si="1047"/>
        <v>2.4734252322740238</v>
      </c>
      <c r="P4486" s="236" t="str">
        <f t="shared" si="1048"/>
        <v>SAND</v>
      </c>
      <c r="Q4486" s="236" t="e">
        <f t="shared" si="1044"/>
        <v>#N/A</v>
      </c>
      <c r="R4486" s="238">
        <v>35</v>
      </c>
      <c r="S4486" s="236" t="e">
        <f t="shared" si="1049"/>
        <v>#N/A</v>
      </c>
      <c r="T4486" s="236">
        <f t="shared" si="1035"/>
        <v>32.366413922469299</v>
      </c>
    </row>
    <row r="4487" spans="1:20" x14ac:dyDescent="0.2">
      <c r="A4487" s="53">
        <f t="shared" si="1036"/>
        <v>4475</v>
      </c>
      <c r="B4487" s="239">
        <v>44.472000000000001</v>
      </c>
      <c r="C4487" s="3">
        <f t="shared" si="1037"/>
        <v>44.465000000000003</v>
      </c>
      <c r="D4487" s="239">
        <v>10.0984</v>
      </c>
      <c r="E4487" s="239">
        <v>0.1171</v>
      </c>
      <c r="F4487" s="239">
        <v>0.1134</v>
      </c>
      <c r="G4487">
        <f t="shared" si="1038"/>
        <v>10.121079999999999</v>
      </c>
      <c r="H4487" s="235">
        <f t="shared" si="1039"/>
        <v>1.156991151141973</v>
      </c>
      <c r="I4487" s="236">
        <f t="shared" si="1040"/>
        <v>19.734250842974852</v>
      </c>
      <c r="J4487" s="237">
        <f t="shared" si="1045"/>
        <v>9.734250842974852</v>
      </c>
      <c r="K4487" s="237">
        <f t="shared" si="1041"/>
        <v>877.48346373287688</v>
      </c>
      <c r="L4487" s="237">
        <f t="shared" si="1046"/>
        <v>432.90160348877765</v>
      </c>
      <c r="M4487" s="236">
        <f t="shared" si="1042"/>
        <v>21.352650259949314</v>
      </c>
      <c r="N4487" s="236">
        <f t="shared" si="1043"/>
        <v>1.2668229248275793</v>
      </c>
      <c r="O4487" s="236">
        <f t="shared" si="1047"/>
        <v>2.5162519830729151</v>
      </c>
      <c r="P4487" s="236" t="str">
        <f t="shared" si="1048"/>
        <v>SAND</v>
      </c>
      <c r="Q4487" s="236" t="e">
        <f t="shared" si="1044"/>
        <v>#N/A</v>
      </c>
      <c r="R4487" s="238">
        <v>35</v>
      </c>
      <c r="S4487" s="236" t="e">
        <f t="shared" si="1049"/>
        <v>#N/A</v>
      </c>
      <c r="T4487" s="236">
        <f t="shared" si="1035"/>
        <v>32.223969653778362</v>
      </c>
    </row>
    <row r="4488" spans="1:20" x14ac:dyDescent="0.2">
      <c r="A4488" s="53">
        <f t="shared" si="1036"/>
        <v>4476</v>
      </c>
      <c r="B4488" s="239">
        <v>44.482999999999997</v>
      </c>
      <c r="C4488" s="3">
        <f t="shared" si="1037"/>
        <v>44.475999999999999</v>
      </c>
      <c r="D4488" s="239">
        <v>9.8051999999999992</v>
      </c>
      <c r="E4488" s="239">
        <v>0.1295</v>
      </c>
      <c r="F4488" s="239">
        <v>0.1055</v>
      </c>
      <c r="G4488">
        <f t="shared" si="1038"/>
        <v>9.8262999999999998</v>
      </c>
      <c r="H4488" s="235">
        <f t="shared" si="1039"/>
        <v>1.3178917802224643</v>
      </c>
      <c r="I4488" s="236">
        <f t="shared" si="1040"/>
        <v>19.840722446341445</v>
      </c>
      <c r="J4488" s="237">
        <f t="shared" si="1045"/>
        <v>9.8407224463414451</v>
      </c>
      <c r="K4488" s="237">
        <f t="shared" si="1041"/>
        <v>882.43597152348207</v>
      </c>
      <c r="L4488" s="237">
        <f t="shared" si="1046"/>
        <v>437.74485658060649</v>
      </c>
      <c r="M4488" s="236">
        <f t="shared" si="1042"/>
        <v>20.4316827348709</v>
      </c>
      <c r="N4488" s="236">
        <f t="shared" si="1043"/>
        <v>1.4479200442636739</v>
      </c>
      <c r="O4488" s="236">
        <f t="shared" si="1047"/>
        <v>2.5633458253096455</v>
      </c>
      <c r="P4488" s="236" t="str">
        <f t="shared" si="1048"/>
        <v>SAND</v>
      </c>
      <c r="Q4488" s="236" t="e">
        <f t="shared" si="1044"/>
        <v>#N/A</v>
      </c>
      <c r="R4488" s="238">
        <v>35</v>
      </c>
      <c r="S4488" s="236" t="e">
        <f t="shared" si="1049"/>
        <v>#N/A</v>
      </c>
      <c r="T4488" s="236">
        <f t="shared" si="1035"/>
        <v>32.013345498258637</v>
      </c>
    </row>
    <row r="4489" spans="1:20" x14ac:dyDescent="0.2">
      <c r="A4489" s="53">
        <f t="shared" si="1036"/>
        <v>4477</v>
      </c>
      <c r="B4489" s="239">
        <v>44.491999999999997</v>
      </c>
      <c r="C4489" s="3">
        <f t="shared" si="1037"/>
        <v>44.484999999999999</v>
      </c>
      <c r="D4489" s="239">
        <v>9.8262999999999998</v>
      </c>
      <c r="E4489" s="239">
        <v>0.1487</v>
      </c>
      <c r="F4489" s="239">
        <v>3.49E-2</v>
      </c>
      <c r="G4489">
        <f t="shared" si="1038"/>
        <v>9.8332800000000002</v>
      </c>
      <c r="H4489" s="235">
        <f t="shared" si="1039"/>
        <v>1.5122115916560901</v>
      </c>
      <c r="I4489" s="236">
        <f t="shared" si="1040"/>
        <v>20.003111234572721</v>
      </c>
      <c r="J4489" s="237">
        <f t="shared" si="1045"/>
        <v>10.003111234572721</v>
      </c>
      <c r="K4489" s="237">
        <f t="shared" si="1041"/>
        <v>889.83840326996744</v>
      </c>
      <c r="L4489" s="237">
        <f t="shared" si="1046"/>
        <v>445.05842504860948</v>
      </c>
      <c r="M4489" s="236">
        <f t="shared" si="1042"/>
        <v>20.094983250240073</v>
      </c>
      <c r="N4489" s="236">
        <f t="shared" si="1043"/>
        <v>1.6626708900784766</v>
      </c>
      <c r="O4489" s="236">
        <f t="shared" si="1047"/>
        <v>2.6021975162608824</v>
      </c>
      <c r="P4489" s="236" t="str">
        <f t="shared" si="1048"/>
        <v>CLAY</v>
      </c>
      <c r="Q4489" s="236">
        <f t="shared" si="1044"/>
        <v>745.28679972750285</v>
      </c>
      <c r="R4489" s="238">
        <v>35</v>
      </c>
      <c r="S4489" s="236">
        <f t="shared" si="1049"/>
        <v>10.636520203148839</v>
      </c>
      <c r="T4489" s="236" t="e">
        <f t="shared" si="1035"/>
        <v>#N/A</v>
      </c>
    </row>
    <row r="4490" spans="1:20" x14ac:dyDescent="0.2">
      <c r="A4490" s="53">
        <f t="shared" si="1036"/>
        <v>4478</v>
      </c>
      <c r="B4490" s="239">
        <v>44.502000000000002</v>
      </c>
      <c r="C4490" s="3">
        <f t="shared" si="1037"/>
        <v>44.495000000000005</v>
      </c>
      <c r="D4490" s="239">
        <v>9.8444000000000003</v>
      </c>
      <c r="E4490" s="239">
        <v>0.17080000000000001</v>
      </c>
      <c r="F4490" s="239">
        <v>7.2400000000000006E-2</v>
      </c>
      <c r="G4490">
        <f t="shared" si="1038"/>
        <v>9.858880000000001</v>
      </c>
      <c r="H4490" s="235">
        <f t="shared" si="1039"/>
        <v>1.7324483105586028</v>
      </c>
      <c r="I4490" s="236">
        <f t="shared" si="1040"/>
        <v>20.166605115998586</v>
      </c>
      <c r="J4490" s="237">
        <f t="shared" si="1045"/>
        <v>10.166605115998586</v>
      </c>
      <c r="K4490" s="237">
        <f t="shared" si="1041"/>
        <v>897.31309463635716</v>
      </c>
      <c r="L4490" s="237">
        <f t="shared" si="1046"/>
        <v>452.43426087216909</v>
      </c>
      <c r="M4490" s="236">
        <f t="shared" si="1042"/>
        <v>19.807445369164139</v>
      </c>
      <c r="N4490" s="236">
        <f t="shared" si="1043"/>
        <v>1.905916697422338</v>
      </c>
      <c r="O4490" s="236">
        <f t="shared" si="1047"/>
        <v>2.6406412607892209</v>
      </c>
      <c r="P4490" s="236" t="str">
        <f t="shared" si="1048"/>
        <v>CLAY</v>
      </c>
      <c r="Q4490" s="236">
        <f t="shared" si="1044"/>
        <v>746.79724211363703</v>
      </c>
      <c r="R4490" s="238">
        <v>35</v>
      </c>
      <c r="S4490" s="236">
        <f t="shared" si="1049"/>
        <v>10.446615063673425</v>
      </c>
      <c r="T4490" s="236" t="e">
        <f t="shared" si="1035"/>
        <v>#N/A</v>
      </c>
    </row>
    <row r="4491" spans="1:20" x14ac:dyDescent="0.2">
      <c r="A4491" s="53">
        <f t="shared" si="1036"/>
        <v>4479</v>
      </c>
      <c r="B4491" s="239">
        <v>44.511000000000003</v>
      </c>
      <c r="C4491" s="3">
        <f t="shared" si="1037"/>
        <v>44.504000000000005</v>
      </c>
      <c r="D4491" s="239">
        <v>9.6956000000000007</v>
      </c>
      <c r="E4491" s="239">
        <v>0.19589999999999999</v>
      </c>
      <c r="F4491" s="239">
        <v>7.2400000000000006E-2</v>
      </c>
      <c r="G4491">
        <f t="shared" si="1038"/>
        <v>9.7100800000000014</v>
      </c>
      <c r="H4491" s="235">
        <f t="shared" si="1039"/>
        <v>2.0174911020300548</v>
      </c>
      <c r="I4491" s="236">
        <f t="shared" si="1040"/>
        <v>20.32143655878145</v>
      </c>
      <c r="J4491" s="237">
        <f t="shared" si="1045"/>
        <v>10.32143655878145</v>
      </c>
      <c r="K4491" s="237">
        <f t="shared" si="1041"/>
        <v>904.3852126120097</v>
      </c>
      <c r="L4491" s="237">
        <f t="shared" si="1046"/>
        <v>459.41746266792114</v>
      </c>
      <c r="M4491" s="236">
        <f t="shared" si="1042"/>
        <v>19.167087677189532</v>
      </c>
      <c r="N4491" s="236">
        <f t="shared" si="1043"/>
        <v>2.2246966847020282</v>
      </c>
      <c r="O4491" s="236">
        <f t="shared" si="1047"/>
        <v>2.6909567947274233</v>
      </c>
      <c r="P4491" s="236" t="str">
        <f t="shared" si="1048"/>
        <v>CLAY</v>
      </c>
      <c r="Q4491" s="236">
        <f t="shared" si="1044"/>
        <v>733.80789894899942</v>
      </c>
      <c r="R4491" s="238">
        <v>35</v>
      </c>
      <c r="S4491" s="236">
        <f t="shared" si="1049"/>
        <v>10.026172457348173</v>
      </c>
      <c r="T4491" s="236" t="e">
        <f t="shared" si="1035"/>
        <v>#N/A</v>
      </c>
    </row>
    <row r="4492" spans="1:20" x14ac:dyDescent="0.2">
      <c r="A4492" s="53">
        <f t="shared" si="1036"/>
        <v>4480</v>
      </c>
      <c r="B4492" s="239">
        <v>44.521999999999998</v>
      </c>
      <c r="C4492" s="3">
        <f t="shared" si="1037"/>
        <v>44.515000000000001</v>
      </c>
      <c r="D4492" s="239">
        <v>9.5038999999999998</v>
      </c>
      <c r="E4492" s="239">
        <v>0.20349999999999999</v>
      </c>
      <c r="F4492" s="239">
        <v>2.7099999999999999E-2</v>
      </c>
      <c r="G4492">
        <f t="shared" si="1038"/>
        <v>9.5093200000000007</v>
      </c>
      <c r="H4492" s="235">
        <f t="shared" si="1039"/>
        <v>2.1400058048314703</v>
      </c>
      <c r="I4492" s="236">
        <f t="shared" si="1040"/>
        <v>20.357901486953828</v>
      </c>
      <c r="J4492" s="237">
        <f t="shared" si="1045"/>
        <v>10.357901486953828</v>
      </c>
      <c r="K4492" s="237">
        <f t="shared" si="1041"/>
        <v>906.23198469174963</v>
      </c>
      <c r="L4492" s="237">
        <f t="shared" si="1046"/>
        <v>461.15449000215835</v>
      </c>
      <c r="M4492" s="236">
        <f t="shared" si="1042"/>
        <v>18.655544295509273</v>
      </c>
      <c r="N4492" s="236">
        <f t="shared" si="1043"/>
        <v>2.3654297112605849</v>
      </c>
      <c r="O4492" s="236">
        <f t="shared" si="1047"/>
        <v>2.7160624116933185</v>
      </c>
      <c r="P4492" s="236" t="str">
        <f t="shared" si="1048"/>
        <v>CLAY</v>
      </c>
      <c r="Q4492" s="236">
        <f t="shared" si="1044"/>
        <v>716.92400127568771</v>
      </c>
      <c r="R4492" s="238">
        <v>35</v>
      </c>
      <c r="S4492" s="236">
        <f t="shared" si="1049"/>
        <v>9.6928147911576836</v>
      </c>
      <c r="T4492" s="236" t="e">
        <f t="shared" si="1035"/>
        <v>#N/A</v>
      </c>
    </row>
    <row r="4493" spans="1:20" x14ac:dyDescent="0.2">
      <c r="A4493" s="53">
        <f t="shared" si="1036"/>
        <v>4481</v>
      </c>
      <c r="B4493" s="239">
        <v>44.53</v>
      </c>
      <c r="C4493" s="3">
        <f t="shared" si="1037"/>
        <v>44.523000000000003</v>
      </c>
      <c r="D4493" s="239">
        <v>9.1433999999999997</v>
      </c>
      <c r="E4493" s="239">
        <v>0.20449999999999999</v>
      </c>
      <c r="F4493" s="239">
        <v>2.92E-2</v>
      </c>
      <c r="G4493">
        <f t="shared" si="1038"/>
        <v>9.1492399999999989</v>
      </c>
      <c r="H4493" s="235">
        <f t="shared" si="1039"/>
        <v>2.2351583300908051</v>
      </c>
      <c r="I4493" s="236">
        <f t="shared" si="1040"/>
        <v>20.348561515728587</v>
      </c>
      <c r="J4493" s="237">
        <f t="shared" si="1045"/>
        <v>10.348561515728587</v>
      </c>
      <c r="K4493" s="237">
        <f t="shared" si="1041"/>
        <v>905.97900436478392</v>
      </c>
      <c r="L4493" s="237">
        <f t="shared" si="1046"/>
        <v>460.82144429539397</v>
      </c>
      <c r="M4493" s="236">
        <f t="shared" si="1042"/>
        <v>17.888188793469325</v>
      </c>
      <c r="N4493" s="236">
        <f t="shared" si="1043"/>
        <v>2.4808143295266545</v>
      </c>
      <c r="O4493" s="236">
        <f t="shared" si="1047"/>
        <v>2.7429776766260265</v>
      </c>
      <c r="P4493" s="236" t="str">
        <f t="shared" si="1048"/>
        <v>CLAY</v>
      </c>
      <c r="Q4493" s="236">
        <f t="shared" si="1044"/>
        <v>686.93841630293457</v>
      </c>
      <c r="R4493" s="238">
        <v>35</v>
      </c>
      <c r="S4493" s="236">
        <f t="shared" si="1049"/>
        <v>9.1970377891856039</v>
      </c>
      <c r="T4493" s="236" t="e">
        <f t="shared" ref="T4493:T4556" si="1050">IF(P4493="SAND",17.6+(11*LOG(M4493)),#N/A)</f>
        <v>#N/A</v>
      </c>
    </row>
    <row r="4494" spans="1:20" x14ac:dyDescent="0.2">
      <c r="A4494" s="53">
        <f t="shared" ref="A4494:A4557" si="1051">$A4493+1</f>
        <v>4482</v>
      </c>
      <c r="B4494" s="239">
        <v>44.540999999999997</v>
      </c>
      <c r="C4494" s="3">
        <f t="shared" ref="C4494:C4557" si="1052">MAX($B4494 - $B$13, 0.001)</f>
        <v>44.533999999999999</v>
      </c>
      <c r="D4494" s="239">
        <v>8.6175999999999995</v>
      </c>
      <c r="E4494" s="239">
        <v>0.19900000000000001</v>
      </c>
      <c r="F4494" s="239">
        <v>5.8299999999999998E-2</v>
      </c>
      <c r="G4494">
        <f t="shared" si="1038"/>
        <v>8.6292599999999986</v>
      </c>
      <c r="H4494" s="235">
        <f t="shared" si="1039"/>
        <v>2.3061073603066777</v>
      </c>
      <c r="I4494" s="236">
        <f t="shared" si="1040"/>
        <v>20.293722559737777</v>
      </c>
      <c r="J4494" s="237">
        <f t="shared" si="1045"/>
        <v>10.293722559737777</v>
      </c>
      <c r="K4494" s="237">
        <f t="shared" si="1041"/>
        <v>903.76064047536215</v>
      </c>
      <c r="L4494" s="237">
        <f t="shared" si="1046"/>
        <v>458.49269653328031</v>
      </c>
      <c r="M4494" s="236">
        <f t="shared" si="1042"/>
        <v>16.849776273293092</v>
      </c>
      <c r="N4494" s="236">
        <f t="shared" si="1043"/>
        <v>2.5758852695347945</v>
      </c>
      <c r="O4494" s="236">
        <f t="shared" si="1047"/>
        <v>2.773588137627041</v>
      </c>
      <c r="P4494" s="236" t="str">
        <f t="shared" si="1048"/>
        <v>CLAY</v>
      </c>
      <c r="Q4494" s="236">
        <f t="shared" si="1044"/>
        <v>643.79161329371971</v>
      </c>
      <c r="R4494" s="238">
        <v>35</v>
      </c>
      <c r="S4494" s="236">
        <f t="shared" si="1049"/>
        <v>8.5345903860304801</v>
      </c>
      <c r="T4494" s="236" t="e">
        <f t="shared" si="1050"/>
        <v>#N/A</v>
      </c>
    </row>
    <row r="4495" spans="1:20" x14ac:dyDescent="0.2">
      <c r="A4495" s="53">
        <f t="shared" si="1051"/>
        <v>4483</v>
      </c>
      <c r="B4495" s="239">
        <v>44.55</v>
      </c>
      <c r="C4495" s="3">
        <f t="shared" si="1052"/>
        <v>44.542999999999999</v>
      </c>
      <c r="D4495" s="239">
        <v>8.1502999999999997</v>
      </c>
      <c r="E4495" s="239">
        <v>0.2009</v>
      </c>
      <c r="F4495" s="239">
        <v>8.7599999999999997E-2</v>
      </c>
      <c r="G4495">
        <f t="shared" ref="G4495:G4558" si="1053">$D4495+($F4495*(1-$P$8))</f>
        <v>8.167819999999999</v>
      </c>
      <c r="H4495" s="235">
        <f t="shared" ref="H4495:H4558" si="1054">($E4495/$G4495)*100</f>
        <v>2.4596526368112914</v>
      </c>
      <c r="I4495" s="236">
        <f t="shared" ref="I4495:I4558" si="1055">((0.27*(LOG($H4495)))+(0.36*(LOG(($G4495*1000)/101)))+1.236)*10</f>
        <v>20.283384426100696</v>
      </c>
      <c r="J4495" s="237">
        <f t="shared" si="1045"/>
        <v>10.283384426100696</v>
      </c>
      <c r="K4495" s="237">
        <f t="shared" ref="K4495:K4558" si="1056">$I4495*$C4495</f>
        <v>903.48279249180325</v>
      </c>
      <c r="L4495" s="237">
        <f t="shared" si="1046"/>
        <v>458.12477618278598</v>
      </c>
      <c r="M4495" s="236">
        <f t="shared" ref="M4495:M4558" si="1057">(($G4495*1000)-$K4495)/$L4495</f>
        <v>15.856678322522807</v>
      </c>
      <c r="N4495" s="236">
        <f t="shared" ref="N4495:N4558" si="1058">(($E4495*1000)/(($G4495*1000)-$K4495))*100</f>
        <v>2.7655654502430855</v>
      </c>
      <c r="O4495" s="236">
        <f t="shared" si="1047"/>
        <v>2.8130877077029885</v>
      </c>
      <c r="P4495" s="236" t="str">
        <f t="shared" si="1048"/>
        <v>CLAY</v>
      </c>
      <c r="Q4495" s="236">
        <f t="shared" ref="Q4495:Q4558" si="1059">IF(P4495="CLAY",($G4495*1000 -$K4495)/$L$8,#N/A)</f>
        <v>605.36143395901627</v>
      </c>
      <c r="R4495" s="238">
        <v>35</v>
      </c>
      <c r="S4495" s="236">
        <f t="shared" si="1049"/>
        <v>7.9105244754252446</v>
      </c>
      <c r="T4495" s="236" t="e">
        <f t="shared" si="1050"/>
        <v>#N/A</v>
      </c>
    </row>
    <row r="4496" spans="1:20" x14ac:dyDescent="0.2">
      <c r="A4496" s="53">
        <f t="shared" si="1051"/>
        <v>4484</v>
      </c>
      <c r="B4496" s="239">
        <v>44.558999999999997</v>
      </c>
      <c r="C4496" s="3">
        <f t="shared" si="1052"/>
        <v>44.552</v>
      </c>
      <c r="D4496" s="239">
        <v>7.9379999999999997</v>
      </c>
      <c r="E4496" s="239">
        <v>0.1908</v>
      </c>
      <c r="F4496" s="239">
        <v>0.13739999999999999</v>
      </c>
      <c r="G4496">
        <f t="shared" si="1053"/>
        <v>7.9654799999999994</v>
      </c>
      <c r="H4496" s="235">
        <f t="shared" si="1054"/>
        <v>2.3953358742975941</v>
      </c>
      <c r="I4496" s="236">
        <f t="shared" si="1055"/>
        <v>20.213095410744955</v>
      </c>
      <c r="J4496" s="237">
        <f t="shared" ref="J4496:J4559" si="1060">$I4496-10</f>
        <v>10.213095410744955</v>
      </c>
      <c r="K4496" s="237">
        <f t="shared" si="1056"/>
        <v>900.53382673950921</v>
      </c>
      <c r="L4496" s="237">
        <f t="shared" ref="L4496:L4559" si="1061">$J4496*$B4496</f>
        <v>455.08531840738442</v>
      </c>
      <c r="M4496" s="236">
        <f t="shared" si="1057"/>
        <v>15.524443192289658</v>
      </c>
      <c r="N4496" s="236">
        <f t="shared" si="1058"/>
        <v>2.7006575184131281</v>
      </c>
      <c r="O4496" s="236">
        <f t="shared" ref="O4496:O4559" si="1062">((3.47-LOG($M4496))^2+(LOG($N4496)+1.22)^2)^0.5</f>
        <v>2.8144483431894725</v>
      </c>
      <c r="P4496" s="236" t="str">
        <f t="shared" ref="P4496:P4559" si="1063">IF(O4496&lt;2.6,"SAND","CLAY")</f>
        <v>CLAY</v>
      </c>
      <c r="Q4496" s="236">
        <f t="shared" si="1059"/>
        <v>588.74551443837424</v>
      </c>
      <c r="R4496" s="238">
        <v>35</v>
      </c>
      <c r="S4496" s="236">
        <f t="shared" ref="S4496:S4559" si="1064">IF(P4496="SAND",#N/A,0.25*($M4496)^1.25)</f>
        <v>7.7038895779423724</v>
      </c>
      <c r="T4496" s="236" t="e">
        <f t="shared" si="1050"/>
        <v>#N/A</v>
      </c>
    </row>
    <row r="4497" spans="1:20" x14ac:dyDescent="0.2">
      <c r="A4497" s="53">
        <f t="shared" si="1051"/>
        <v>4485</v>
      </c>
      <c r="B4497" s="239">
        <v>44.57</v>
      </c>
      <c r="C4497" s="3">
        <f t="shared" si="1052"/>
        <v>44.563000000000002</v>
      </c>
      <c r="D4497" s="239">
        <v>7.6304999999999996</v>
      </c>
      <c r="E4497" s="239">
        <v>0.17069999999999999</v>
      </c>
      <c r="F4497" s="239">
        <v>0.15629999999999999</v>
      </c>
      <c r="G4497">
        <f t="shared" si="1053"/>
        <v>7.6617599999999992</v>
      </c>
      <c r="H4497" s="235">
        <f t="shared" si="1054"/>
        <v>2.2279476256108257</v>
      </c>
      <c r="I4497" s="236">
        <f t="shared" si="1055"/>
        <v>20.067369250855496</v>
      </c>
      <c r="J4497" s="237">
        <f t="shared" si="1060"/>
        <v>10.067369250855496</v>
      </c>
      <c r="K4497" s="237">
        <f t="shared" si="1056"/>
        <v>894.26217592587352</v>
      </c>
      <c r="L4497" s="237">
        <f t="shared" si="1061"/>
        <v>448.70264751062945</v>
      </c>
      <c r="M4497" s="236">
        <f t="shared" si="1057"/>
        <v>15.082366599840061</v>
      </c>
      <c r="N4497" s="236">
        <f t="shared" si="1058"/>
        <v>2.5223502753523794</v>
      </c>
      <c r="O4497" s="236">
        <f t="shared" si="1062"/>
        <v>2.8073768555491312</v>
      </c>
      <c r="P4497" s="236" t="str">
        <f t="shared" si="1063"/>
        <v>CLAY</v>
      </c>
      <c r="Q4497" s="236">
        <f t="shared" si="1059"/>
        <v>563.9581520061771</v>
      </c>
      <c r="R4497" s="238">
        <v>35</v>
      </c>
      <c r="S4497" s="236">
        <f t="shared" si="1064"/>
        <v>7.4306511818074199</v>
      </c>
      <c r="T4497" s="236" t="e">
        <f t="shared" si="1050"/>
        <v>#N/A</v>
      </c>
    </row>
    <row r="4498" spans="1:20" x14ac:dyDescent="0.2">
      <c r="A4498" s="53">
        <f t="shared" si="1051"/>
        <v>4486</v>
      </c>
      <c r="B4498" s="239">
        <v>44.579000000000001</v>
      </c>
      <c r="C4498" s="3">
        <f t="shared" si="1052"/>
        <v>44.572000000000003</v>
      </c>
      <c r="D4498" s="239">
        <v>7.3566000000000003</v>
      </c>
      <c r="E4498" s="239">
        <v>0.155</v>
      </c>
      <c r="F4498" s="239">
        <v>0.106</v>
      </c>
      <c r="G4498">
        <f t="shared" si="1053"/>
        <v>7.3778000000000006</v>
      </c>
      <c r="H4498" s="235">
        <f t="shared" si="1054"/>
        <v>2.1008972864539563</v>
      </c>
      <c r="I4498" s="236">
        <f t="shared" si="1055"/>
        <v>19.939472829680643</v>
      </c>
      <c r="J4498" s="237">
        <f t="shared" si="1060"/>
        <v>9.9394728296806427</v>
      </c>
      <c r="K4498" s="237">
        <f t="shared" si="1056"/>
        <v>888.74218296452568</v>
      </c>
      <c r="L4498" s="237">
        <f t="shared" si="1061"/>
        <v>443.09175927433336</v>
      </c>
      <c r="M4498" s="236">
        <f t="shared" si="1057"/>
        <v>14.644952611311997</v>
      </c>
      <c r="N4498" s="236">
        <f t="shared" si="1058"/>
        <v>2.3886364456960831</v>
      </c>
      <c r="O4498" s="236">
        <f t="shared" si="1062"/>
        <v>2.8042713001582253</v>
      </c>
      <c r="P4498" s="236" t="str">
        <f t="shared" si="1063"/>
        <v>CLAY</v>
      </c>
      <c r="Q4498" s="236">
        <f t="shared" si="1059"/>
        <v>540.75481808628956</v>
      </c>
      <c r="R4498" s="238">
        <v>35</v>
      </c>
      <c r="S4498" s="236">
        <f t="shared" si="1064"/>
        <v>7.1622581794486155</v>
      </c>
      <c r="T4498" s="236" t="e">
        <f t="shared" si="1050"/>
        <v>#N/A</v>
      </c>
    </row>
    <row r="4499" spans="1:20" x14ac:dyDescent="0.2">
      <c r="A4499" s="53">
        <f t="shared" si="1051"/>
        <v>4487</v>
      </c>
      <c r="B4499" s="239">
        <v>44.588000000000001</v>
      </c>
      <c r="C4499" s="3">
        <f t="shared" si="1052"/>
        <v>44.581000000000003</v>
      </c>
      <c r="D4499" s="239">
        <v>7.1551</v>
      </c>
      <c r="E4499" s="239">
        <v>0.15890000000000001</v>
      </c>
      <c r="F4499" s="239">
        <v>0.21440000000000001</v>
      </c>
      <c r="G4499">
        <f t="shared" si="1053"/>
        <v>7.1979800000000003</v>
      </c>
      <c r="H4499" s="235">
        <f t="shared" si="1054"/>
        <v>2.2075637887296158</v>
      </c>
      <c r="I4499" s="236">
        <f t="shared" si="1055"/>
        <v>19.958967148888224</v>
      </c>
      <c r="J4499" s="237">
        <f t="shared" si="1060"/>
        <v>9.9589671488882239</v>
      </c>
      <c r="K4499" s="237">
        <f t="shared" si="1056"/>
        <v>889.79071446458602</v>
      </c>
      <c r="L4499" s="237">
        <f t="shared" si="1061"/>
        <v>444.05042723462816</v>
      </c>
      <c r="M4499" s="236">
        <f t="shared" si="1057"/>
        <v>14.206020079341759</v>
      </c>
      <c r="N4499" s="236">
        <f t="shared" si="1058"/>
        <v>2.5189478756503925</v>
      </c>
      <c r="O4499" s="236">
        <f t="shared" si="1062"/>
        <v>2.8283008497647177</v>
      </c>
      <c r="P4499" s="236" t="str">
        <f t="shared" si="1063"/>
        <v>CLAY</v>
      </c>
      <c r="Q4499" s="236">
        <f t="shared" si="1059"/>
        <v>525.6824404612845</v>
      </c>
      <c r="R4499" s="238">
        <v>35</v>
      </c>
      <c r="S4499" s="236">
        <f t="shared" si="1064"/>
        <v>6.8949407560307314</v>
      </c>
      <c r="T4499" s="236" t="e">
        <f t="shared" si="1050"/>
        <v>#N/A</v>
      </c>
    </row>
    <row r="4500" spans="1:20" x14ac:dyDescent="0.2">
      <c r="A4500" s="53">
        <f t="shared" si="1051"/>
        <v>4488</v>
      </c>
      <c r="B4500" s="239">
        <v>44.598999999999997</v>
      </c>
      <c r="C4500" s="3">
        <f t="shared" si="1052"/>
        <v>44.591999999999999</v>
      </c>
      <c r="D4500" s="239">
        <v>7.1871</v>
      </c>
      <c r="E4500" s="239">
        <v>0.17510000000000001</v>
      </c>
      <c r="F4500" s="239">
        <v>0.21160000000000001</v>
      </c>
      <c r="G4500">
        <f t="shared" si="1053"/>
        <v>7.2294200000000002</v>
      </c>
      <c r="H4500" s="235">
        <f t="shared" si="1054"/>
        <v>2.4220476884729343</v>
      </c>
      <c r="I4500" s="236">
        <f t="shared" si="1055"/>
        <v>20.074508759413916</v>
      </c>
      <c r="J4500" s="237">
        <f t="shared" si="1060"/>
        <v>10.074508759413916</v>
      </c>
      <c r="K4500" s="237">
        <f t="shared" si="1056"/>
        <v>895.1624945997853</v>
      </c>
      <c r="L4500" s="237">
        <f t="shared" si="1061"/>
        <v>449.31301616110125</v>
      </c>
      <c r="M4500" s="236">
        <f t="shared" si="1057"/>
        <v>14.097649695349723</v>
      </c>
      <c r="N4500" s="236">
        <f t="shared" si="1058"/>
        <v>2.76433346529913</v>
      </c>
      <c r="O4500" s="236">
        <f t="shared" si="1062"/>
        <v>2.8543375296233546</v>
      </c>
      <c r="P4500" s="236" t="str">
        <f t="shared" si="1063"/>
        <v>CLAY</v>
      </c>
      <c r="Q4500" s="236">
        <f t="shared" si="1059"/>
        <v>527.85479211668451</v>
      </c>
      <c r="R4500" s="238">
        <v>35</v>
      </c>
      <c r="S4500" s="236">
        <f t="shared" si="1064"/>
        <v>6.8292561464060144</v>
      </c>
      <c r="T4500" s="236" t="e">
        <f t="shared" si="1050"/>
        <v>#N/A</v>
      </c>
    </row>
    <row r="4501" spans="1:20" x14ac:dyDescent="0.2">
      <c r="A4501" s="53">
        <f t="shared" si="1051"/>
        <v>4489</v>
      </c>
      <c r="B4501" s="239">
        <v>44.607999999999997</v>
      </c>
      <c r="C4501" s="3">
        <f t="shared" si="1052"/>
        <v>44.600999999999999</v>
      </c>
      <c r="D4501" s="239">
        <v>7.1840999999999999</v>
      </c>
      <c r="E4501" s="239">
        <v>0.18940000000000001</v>
      </c>
      <c r="F4501" s="239">
        <v>0.38250000000000001</v>
      </c>
      <c r="G4501">
        <f t="shared" si="1053"/>
        <v>7.2606000000000002</v>
      </c>
      <c r="H4501" s="235">
        <f t="shared" si="1054"/>
        <v>2.6085998402335897</v>
      </c>
      <c r="I4501" s="236">
        <f t="shared" si="1055"/>
        <v>20.168244246174751</v>
      </c>
      <c r="J4501" s="237">
        <f t="shared" si="1060"/>
        <v>10.168244246174751</v>
      </c>
      <c r="K4501" s="237">
        <f t="shared" si="1056"/>
        <v>899.52386162364007</v>
      </c>
      <c r="L4501" s="237">
        <f t="shared" si="1061"/>
        <v>453.58503933336328</v>
      </c>
      <c r="M4501" s="236">
        <f t="shared" si="1057"/>
        <v>14.023999000772321</v>
      </c>
      <c r="N4501" s="236">
        <f t="shared" si="1058"/>
        <v>2.9774836188070468</v>
      </c>
      <c r="O4501" s="236">
        <f t="shared" si="1062"/>
        <v>2.8750739161469792</v>
      </c>
      <c r="P4501" s="236" t="str">
        <f t="shared" si="1063"/>
        <v>CLAY</v>
      </c>
      <c r="Q4501" s="236">
        <f t="shared" si="1059"/>
        <v>530.08967819803001</v>
      </c>
      <c r="R4501" s="238">
        <v>35</v>
      </c>
      <c r="S4501" s="236">
        <f t="shared" si="1064"/>
        <v>6.7846874972405153</v>
      </c>
      <c r="T4501" s="236" t="e">
        <f t="shared" si="1050"/>
        <v>#N/A</v>
      </c>
    </row>
    <row r="4502" spans="1:20" x14ac:dyDescent="0.2">
      <c r="A4502" s="53">
        <f t="shared" si="1051"/>
        <v>4490</v>
      </c>
      <c r="B4502" s="239">
        <v>44.619</v>
      </c>
      <c r="C4502" s="3">
        <f t="shared" si="1052"/>
        <v>44.612000000000002</v>
      </c>
      <c r="D4502" s="239">
        <v>7.4749999999999996</v>
      </c>
      <c r="E4502" s="239">
        <v>0.18870000000000001</v>
      </c>
      <c r="F4502" s="239">
        <v>0.36430000000000001</v>
      </c>
      <c r="G4502">
        <f t="shared" si="1053"/>
        <v>7.54786</v>
      </c>
      <c r="H4502" s="235">
        <f t="shared" si="1054"/>
        <v>2.5000463707593941</v>
      </c>
      <c r="I4502" s="236">
        <f t="shared" si="1055"/>
        <v>20.179068637355265</v>
      </c>
      <c r="J4502" s="237">
        <f t="shared" si="1060"/>
        <v>10.179068637355265</v>
      </c>
      <c r="K4502" s="237">
        <f t="shared" si="1056"/>
        <v>900.22861004969309</v>
      </c>
      <c r="L4502" s="237">
        <f t="shared" si="1061"/>
        <v>454.17986353015453</v>
      </c>
      <c r="M4502" s="236">
        <f t="shared" si="1057"/>
        <v>14.636561247522035</v>
      </c>
      <c r="N4502" s="236">
        <f t="shared" si="1058"/>
        <v>2.8386050448776556</v>
      </c>
      <c r="O4502" s="236">
        <f t="shared" si="1062"/>
        <v>2.8478555780630415</v>
      </c>
      <c r="P4502" s="236" t="str">
        <f t="shared" si="1063"/>
        <v>CLAY</v>
      </c>
      <c r="Q4502" s="236">
        <f t="shared" si="1059"/>
        <v>553.96928249585892</v>
      </c>
      <c r="R4502" s="238">
        <v>35</v>
      </c>
      <c r="S4502" s="236">
        <f t="shared" si="1064"/>
        <v>7.1571286981285951</v>
      </c>
      <c r="T4502" s="236" t="e">
        <f t="shared" si="1050"/>
        <v>#N/A</v>
      </c>
    </row>
    <row r="4503" spans="1:20" x14ac:dyDescent="0.2">
      <c r="A4503" s="53">
        <f t="shared" si="1051"/>
        <v>4491</v>
      </c>
      <c r="B4503" s="239">
        <v>44.628</v>
      </c>
      <c r="C4503" s="3">
        <f t="shared" si="1052"/>
        <v>44.621000000000002</v>
      </c>
      <c r="D4503" s="239">
        <v>7.8578000000000001</v>
      </c>
      <c r="E4503" s="239">
        <v>0.1724</v>
      </c>
      <c r="F4503" s="239">
        <v>0.10100000000000001</v>
      </c>
      <c r="G4503">
        <f t="shared" si="1053"/>
        <v>7.8780000000000001</v>
      </c>
      <c r="H4503" s="235">
        <f t="shared" si="1054"/>
        <v>2.1883726834221884</v>
      </c>
      <c r="I4503" s="236">
        <f t="shared" si="1055"/>
        <v>20.08986803922777</v>
      </c>
      <c r="J4503" s="237">
        <f t="shared" si="1060"/>
        <v>10.08986803922777</v>
      </c>
      <c r="K4503" s="237">
        <f t="shared" si="1056"/>
        <v>896.43000177838235</v>
      </c>
      <c r="L4503" s="237">
        <f t="shared" si="1061"/>
        <v>450.29063085465697</v>
      </c>
      <c r="M4503" s="236">
        <f t="shared" si="1057"/>
        <v>15.504586415601219</v>
      </c>
      <c r="N4503" s="236">
        <f t="shared" si="1058"/>
        <v>2.4693586119442283</v>
      </c>
      <c r="O4503" s="236">
        <f t="shared" si="1062"/>
        <v>2.792262425437527</v>
      </c>
      <c r="P4503" s="236" t="str">
        <f t="shared" si="1063"/>
        <v>CLAY</v>
      </c>
      <c r="Q4503" s="236">
        <f t="shared" si="1059"/>
        <v>581.79749985180149</v>
      </c>
      <c r="R4503" s="238">
        <v>35</v>
      </c>
      <c r="S4503" s="236">
        <f t="shared" si="1064"/>
        <v>7.6915743255345603</v>
      </c>
      <c r="T4503" s="236" t="e">
        <f t="shared" si="1050"/>
        <v>#N/A</v>
      </c>
    </row>
    <row r="4504" spans="1:20" x14ac:dyDescent="0.2">
      <c r="A4504" s="53">
        <f t="shared" si="1051"/>
        <v>4492</v>
      </c>
      <c r="B4504" s="239">
        <v>44.637999999999998</v>
      </c>
      <c r="C4504" s="3">
        <f t="shared" si="1052"/>
        <v>44.631</v>
      </c>
      <c r="D4504" s="239">
        <v>8.2172999999999998</v>
      </c>
      <c r="E4504" s="239">
        <v>0.1704</v>
      </c>
      <c r="F4504" s="239">
        <v>2.58E-2</v>
      </c>
      <c r="G4504">
        <f t="shared" si="1053"/>
        <v>8.2224599999999999</v>
      </c>
      <c r="H4504" s="235">
        <f t="shared" si="1054"/>
        <v>2.0723725016600874</v>
      </c>
      <c r="I4504" s="236">
        <f t="shared" si="1055"/>
        <v>20.09291254103859</v>
      </c>
      <c r="J4504" s="237">
        <f t="shared" si="1060"/>
        <v>10.09291254103859</v>
      </c>
      <c r="K4504" s="237">
        <f t="shared" si="1056"/>
        <v>896.76677961909331</v>
      </c>
      <c r="L4504" s="237">
        <f t="shared" si="1061"/>
        <v>450.52743000688054</v>
      </c>
      <c r="M4504" s="236">
        <f t="shared" si="1057"/>
        <v>16.260260158341584</v>
      </c>
      <c r="N4504" s="236">
        <f t="shared" si="1058"/>
        <v>2.3260597307832653</v>
      </c>
      <c r="O4504" s="236">
        <f t="shared" si="1062"/>
        <v>2.7604113423871928</v>
      </c>
      <c r="P4504" s="236" t="str">
        <f t="shared" si="1063"/>
        <v>CLAY</v>
      </c>
      <c r="Q4504" s="236">
        <f t="shared" si="1059"/>
        <v>610.47443503174213</v>
      </c>
      <c r="R4504" s="238">
        <v>35</v>
      </c>
      <c r="S4504" s="236">
        <f t="shared" si="1064"/>
        <v>8.1629920024922775</v>
      </c>
      <c r="T4504" s="236" t="e">
        <f t="shared" si="1050"/>
        <v>#N/A</v>
      </c>
    </row>
    <row r="4505" spans="1:20" x14ac:dyDescent="0.2">
      <c r="A4505" s="53">
        <f t="shared" si="1051"/>
        <v>4493</v>
      </c>
      <c r="B4505" s="239">
        <v>44.648000000000003</v>
      </c>
      <c r="C4505" s="3">
        <f t="shared" si="1052"/>
        <v>44.641000000000005</v>
      </c>
      <c r="D4505" s="239">
        <v>8.1556999999999995</v>
      </c>
      <c r="E4505" s="239">
        <v>0.18659999999999999</v>
      </c>
      <c r="F4505" s="239">
        <v>1.1000000000000001E-3</v>
      </c>
      <c r="G4505">
        <f t="shared" si="1053"/>
        <v>8.1559200000000001</v>
      </c>
      <c r="H4505" s="235">
        <f t="shared" si="1054"/>
        <v>2.2879086602124588</v>
      </c>
      <c r="I4505" s="236">
        <f t="shared" si="1055"/>
        <v>20.196230142277983</v>
      </c>
      <c r="J4505" s="237">
        <f t="shared" si="1060"/>
        <v>10.196230142277983</v>
      </c>
      <c r="K4505" s="237">
        <f t="shared" si="1056"/>
        <v>901.57990978143152</v>
      </c>
      <c r="L4505" s="237">
        <f t="shared" si="1061"/>
        <v>455.24128339242742</v>
      </c>
      <c r="M4505" s="236">
        <f t="shared" si="1057"/>
        <v>15.935154290401156</v>
      </c>
      <c r="N4505" s="236">
        <f t="shared" si="1058"/>
        <v>2.5722532674144016</v>
      </c>
      <c r="O4505" s="236">
        <f t="shared" si="1062"/>
        <v>2.7928714477395791</v>
      </c>
      <c r="P4505" s="236" t="str">
        <f t="shared" si="1063"/>
        <v>CLAY</v>
      </c>
      <c r="Q4505" s="236">
        <f t="shared" si="1059"/>
        <v>604.52834085154734</v>
      </c>
      <c r="R4505" s="238">
        <v>35</v>
      </c>
      <c r="S4505" s="236">
        <f t="shared" si="1064"/>
        <v>7.9594919844018754</v>
      </c>
      <c r="T4505" s="236" t="e">
        <f t="shared" si="1050"/>
        <v>#N/A</v>
      </c>
    </row>
    <row r="4506" spans="1:20" x14ac:dyDescent="0.2">
      <c r="A4506" s="53">
        <f t="shared" si="1051"/>
        <v>4494</v>
      </c>
      <c r="B4506" s="239">
        <v>44.656999999999996</v>
      </c>
      <c r="C4506" s="3">
        <f t="shared" si="1052"/>
        <v>44.65</v>
      </c>
      <c r="D4506" s="239">
        <v>8.2131000000000007</v>
      </c>
      <c r="E4506" s="239">
        <v>0.20430000000000001</v>
      </c>
      <c r="F4506" s="239">
        <v>5.2400000000000002E-2</v>
      </c>
      <c r="G4506">
        <f t="shared" si="1053"/>
        <v>8.2235800000000001</v>
      </c>
      <c r="H4506" s="235">
        <f t="shared" si="1054"/>
        <v>2.4843194812964668</v>
      </c>
      <c r="I4506" s="236">
        <f t="shared" si="1055"/>
        <v>20.305722473773962</v>
      </c>
      <c r="J4506" s="237">
        <f t="shared" si="1060"/>
        <v>10.305722473773962</v>
      </c>
      <c r="K4506" s="237">
        <f t="shared" si="1056"/>
        <v>906.65050845400731</v>
      </c>
      <c r="L4506" s="237">
        <f t="shared" si="1061"/>
        <v>460.22264851132377</v>
      </c>
      <c r="M4506" s="236">
        <f t="shared" si="1057"/>
        <v>15.898673207878772</v>
      </c>
      <c r="N4506" s="236">
        <f t="shared" si="1058"/>
        <v>2.7921548271860348</v>
      </c>
      <c r="O4506" s="236">
        <f t="shared" si="1062"/>
        <v>2.8146185977968501</v>
      </c>
      <c r="P4506" s="236" t="str">
        <f t="shared" si="1063"/>
        <v>CLAY</v>
      </c>
      <c r="Q4506" s="236">
        <f t="shared" si="1059"/>
        <v>609.74412429549932</v>
      </c>
      <c r="R4506" s="238">
        <v>35</v>
      </c>
      <c r="S4506" s="236">
        <f t="shared" si="1064"/>
        <v>7.9367209669321346</v>
      </c>
      <c r="T4506" s="236" t="e">
        <f t="shared" si="1050"/>
        <v>#N/A</v>
      </c>
    </row>
    <row r="4507" spans="1:20" x14ac:dyDescent="0.2">
      <c r="A4507" s="53">
        <f t="shared" si="1051"/>
        <v>4495</v>
      </c>
      <c r="B4507" s="239">
        <v>44.665999999999997</v>
      </c>
      <c r="C4507" s="3">
        <f t="shared" si="1052"/>
        <v>44.658999999999999</v>
      </c>
      <c r="D4507" s="239">
        <v>8.1109000000000009</v>
      </c>
      <c r="E4507" s="239">
        <v>0.20730000000000001</v>
      </c>
      <c r="F4507" s="239">
        <v>2.07E-2</v>
      </c>
      <c r="G4507">
        <f t="shared" si="1053"/>
        <v>8.1150400000000005</v>
      </c>
      <c r="H4507" s="235">
        <f t="shared" si="1054"/>
        <v>2.5545160590705653</v>
      </c>
      <c r="I4507" s="236">
        <f t="shared" si="1055"/>
        <v>20.317622768407052</v>
      </c>
      <c r="J4507" s="237">
        <f t="shared" si="1060"/>
        <v>10.317622768407052</v>
      </c>
      <c r="K4507" s="237">
        <f t="shared" si="1056"/>
        <v>907.36471521429053</v>
      </c>
      <c r="L4507" s="237">
        <f t="shared" si="1061"/>
        <v>460.84693857366932</v>
      </c>
      <c r="M4507" s="236">
        <f t="shared" si="1057"/>
        <v>15.640063286725116</v>
      </c>
      <c r="N4507" s="236">
        <f t="shared" si="1058"/>
        <v>2.8761007094420346</v>
      </c>
      <c r="O4507" s="236">
        <f t="shared" si="1062"/>
        <v>2.8279804715010601</v>
      </c>
      <c r="P4507" s="236" t="str">
        <f t="shared" si="1063"/>
        <v>CLAY</v>
      </c>
      <c r="Q4507" s="236">
        <f t="shared" si="1059"/>
        <v>600.63960706547584</v>
      </c>
      <c r="R4507" s="238">
        <v>35</v>
      </c>
      <c r="S4507" s="236">
        <f t="shared" si="1064"/>
        <v>7.7756757373780276</v>
      </c>
      <c r="T4507" s="236" t="e">
        <f t="shared" si="1050"/>
        <v>#N/A</v>
      </c>
    </row>
    <row r="4508" spans="1:20" x14ac:dyDescent="0.2">
      <c r="A4508" s="53">
        <f t="shared" si="1051"/>
        <v>4496</v>
      </c>
      <c r="B4508" s="239">
        <v>44.677</v>
      </c>
      <c r="C4508" s="3">
        <f t="shared" si="1052"/>
        <v>44.67</v>
      </c>
      <c r="D4508" s="239">
        <v>7.8966000000000003</v>
      </c>
      <c r="E4508" s="239">
        <v>0.21329999999999999</v>
      </c>
      <c r="F4508" s="239">
        <v>-1.66E-2</v>
      </c>
      <c r="G4508">
        <f t="shared" si="1053"/>
        <v>7.8932799999999999</v>
      </c>
      <c r="H4508" s="235">
        <f t="shared" si="1054"/>
        <v>2.7022986641801632</v>
      </c>
      <c r="I4508" s="236">
        <f t="shared" si="1055"/>
        <v>20.340250122105161</v>
      </c>
      <c r="J4508" s="237">
        <f t="shared" si="1060"/>
        <v>10.340250122105161</v>
      </c>
      <c r="K4508" s="237">
        <f t="shared" si="1056"/>
        <v>908.59897295443761</v>
      </c>
      <c r="L4508" s="237">
        <f t="shared" si="1061"/>
        <v>461.97135470529224</v>
      </c>
      <c r="M4508" s="236">
        <f t="shared" si="1057"/>
        <v>15.119294640035282</v>
      </c>
      <c r="N4508" s="236">
        <f t="shared" si="1058"/>
        <v>3.053825925250925</v>
      </c>
      <c r="O4508" s="236">
        <f t="shared" si="1062"/>
        <v>2.8553003031029642</v>
      </c>
      <c r="P4508" s="236" t="str">
        <f t="shared" si="1063"/>
        <v>CLAY</v>
      </c>
      <c r="Q4508" s="236">
        <f t="shared" si="1059"/>
        <v>582.05675225379684</v>
      </c>
      <c r="R4508" s="238">
        <v>35</v>
      </c>
      <c r="S4508" s="236">
        <f t="shared" si="1064"/>
        <v>7.4533998758811695</v>
      </c>
      <c r="T4508" s="236" t="e">
        <f t="shared" si="1050"/>
        <v>#N/A</v>
      </c>
    </row>
    <row r="4509" spans="1:20" x14ac:dyDescent="0.2">
      <c r="A4509" s="53">
        <f t="shared" si="1051"/>
        <v>4497</v>
      </c>
      <c r="B4509" s="239">
        <v>44.686</v>
      </c>
      <c r="C4509" s="3">
        <f t="shared" si="1052"/>
        <v>44.679000000000002</v>
      </c>
      <c r="D4509" s="239">
        <v>7.7652999999999999</v>
      </c>
      <c r="E4509" s="239">
        <v>0.21709999999999999</v>
      </c>
      <c r="F4509" s="239">
        <v>-3.6799999999999999E-2</v>
      </c>
      <c r="G4509">
        <f t="shared" si="1053"/>
        <v>7.7579399999999996</v>
      </c>
      <c r="H4509" s="235">
        <f t="shared" si="1054"/>
        <v>2.7984232927813308</v>
      </c>
      <c r="I4509" s="236">
        <f t="shared" si="1055"/>
        <v>20.354196352503937</v>
      </c>
      <c r="J4509" s="237">
        <f t="shared" si="1060"/>
        <v>10.354196352503937</v>
      </c>
      <c r="K4509" s="237">
        <f t="shared" si="1056"/>
        <v>909.40513883352344</v>
      </c>
      <c r="L4509" s="237">
        <f t="shared" si="1061"/>
        <v>462.68761820799091</v>
      </c>
      <c r="M4509" s="236">
        <f t="shared" si="1057"/>
        <v>14.80163849573314</v>
      </c>
      <c r="N4509" s="236">
        <f t="shared" si="1058"/>
        <v>3.1700210979582053</v>
      </c>
      <c r="O4509" s="236">
        <f t="shared" si="1062"/>
        <v>2.8723909867828983</v>
      </c>
      <c r="P4509" s="236" t="str">
        <f t="shared" si="1063"/>
        <v>CLAY</v>
      </c>
      <c r="Q4509" s="236">
        <f t="shared" si="1059"/>
        <v>570.71123843053965</v>
      </c>
      <c r="R4509" s="238">
        <v>35</v>
      </c>
      <c r="S4509" s="236">
        <f t="shared" si="1064"/>
        <v>7.2581719067206674</v>
      </c>
      <c r="T4509" s="236" t="e">
        <f t="shared" si="1050"/>
        <v>#N/A</v>
      </c>
    </row>
    <row r="4510" spans="1:20" x14ac:dyDescent="0.2">
      <c r="A4510" s="53">
        <f t="shared" si="1051"/>
        <v>4498</v>
      </c>
      <c r="B4510" s="239">
        <v>44.695999999999998</v>
      </c>
      <c r="C4510" s="3">
        <f t="shared" si="1052"/>
        <v>44.689</v>
      </c>
      <c r="D4510" s="239">
        <v>7.5549999999999997</v>
      </c>
      <c r="E4510" s="239">
        <v>0.22500000000000001</v>
      </c>
      <c r="F4510" s="239">
        <v>-6.1000000000000004E-3</v>
      </c>
      <c r="G4510">
        <f t="shared" si="1053"/>
        <v>7.5537799999999997</v>
      </c>
      <c r="H4510" s="235">
        <f t="shared" si="1054"/>
        <v>2.9786411571425169</v>
      </c>
      <c r="I4510" s="236">
        <f t="shared" si="1055"/>
        <v>20.385683752146015</v>
      </c>
      <c r="J4510" s="237">
        <f t="shared" si="1060"/>
        <v>10.385683752146015</v>
      </c>
      <c r="K4510" s="237">
        <f t="shared" si="1056"/>
        <v>911.01582119965326</v>
      </c>
      <c r="L4510" s="237">
        <f t="shared" si="1061"/>
        <v>464.19852098591826</v>
      </c>
      <c r="M4510" s="236">
        <f t="shared" si="1057"/>
        <v>14.310179542777687</v>
      </c>
      <c r="N4510" s="236">
        <f t="shared" si="1058"/>
        <v>3.3871441758848349</v>
      </c>
      <c r="O4510" s="236">
        <f t="shared" si="1062"/>
        <v>2.9014059698180157</v>
      </c>
      <c r="P4510" s="236" t="str">
        <f t="shared" si="1063"/>
        <v>CLAY</v>
      </c>
      <c r="Q4510" s="236">
        <f t="shared" si="1059"/>
        <v>553.56368156669555</v>
      </c>
      <c r="R4510" s="238">
        <v>35</v>
      </c>
      <c r="S4510" s="236">
        <f t="shared" si="1064"/>
        <v>6.9581912595668074</v>
      </c>
      <c r="T4510" s="236" t="e">
        <f t="shared" si="1050"/>
        <v>#N/A</v>
      </c>
    </row>
    <row r="4511" spans="1:20" x14ac:dyDescent="0.2">
      <c r="A4511" s="53">
        <f t="shared" si="1051"/>
        <v>4499</v>
      </c>
      <c r="B4511" s="239">
        <v>44.706000000000003</v>
      </c>
      <c r="C4511" s="3">
        <f t="shared" si="1052"/>
        <v>44.699000000000005</v>
      </c>
      <c r="D4511" s="239">
        <v>7.4725000000000001</v>
      </c>
      <c r="E4511" s="239">
        <v>0.22850000000000001</v>
      </c>
      <c r="F4511" s="239">
        <v>3.0300000000000001E-2</v>
      </c>
      <c r="G4511">
        <f t="shared" si="1053"/>
        <v>7.4785599999999999</v>
      </c>
      <c r="H4511" s="235">
        <f t="shared" si="1054"/>
        <v>3.055401039772363</v>
      </c>
      <c r="I4511" s="236">
        <f t="shared" si="1055"/>
        <v>20.399871990367959</v>
      </c>
      <c r="J4511" s="237">
        <f t="shared" si="1060"/>
        <v>10.399871990367959</v>
      </c>
      <c r="K4511" s="237">
        <f t="shared" si="1056"/>
        <v>911.85387809745748</v>
      </c>
      <c r="L4511" s="237">
        <f t="shared" si="1061"/>
        <v>464.93667720139001</v>
      </c>
      <c r="M4511" s="236">
        <f t="shared" si="1057"/>
        <v>14.123872010764458</v>
      </c>
      <c r="N4511" s="236">
        <f t="shared" si="1058"/>
        <v>3.4796745241554641</v>
      </c>
      <c r="O4511" s="236">
        <f t="shared" si="1062"/>
        <v>2.9130109536277704</v>
      </c>
      <c r="P4511" s="236" t="str">
        <f t="shared" si="1063"/>
        <v>CLAY</v>
      </c>
      <c r="Q4511" s="236">
        <f t="shared" si="1059"/>
        <v>547.22551015854515</v>
      </c>
      <c r="R4511" s="238">
        <v>35</v>
      </c>
      <c r="S4511" s="236">
        <f t="shared" si="1064"/>
        <v>6.845138273053097</v>
      </c>
      <c r="T4511" s="236" t="e">
        <f t="shared" si="1050"/>
        <v>#N/A</v>
      </c>
    </row>
    <row r="4512" spans="1:20" x14ac:dyDescent="0.2">
      <c r="A4512" s="53">
        <f t="shared" si="1051"/>
        <v>4500</v>
      </c>
      <c r="B4512" s="239">
        <v>44.715000000000003</v>
      </c>
      <c r="C4512" s="3">
        <f t="shared" si="1052"/>
        <v>44.708000000000006</v>
      </c>
      <c r="D4512" s="239">
        <v>7.4063999999999997</v>
      </c>
      <c r="E4512" s="239">
        <v>0.22819999999999999</v>
      </c>
      <c r="F4512" s="239">
        <v>7.8899999999999998E-2</v>
      </c>
      <c r="G4512">
        <f t="shared" si="1053"/>
        <v>7.42218</v>
      </c>
      <c r="H4512" s="235">
        <f t="shared" si="1054"/>
        <v>3.0745683882632862</v>
      </c>
      <c r="I4512" s="236">
        <f t="shared" si="1055"/>
        <v>20.395373616846967</v>
      </c>
      <c r="J4512" s="237">
        <f t="shared" si="1060"/>
        <v>10.395373616846967</v>
      </c>
      <c r="K4512" s="237">
        <f t="shared" si="1056"/>
        <v>911.83636366199437</v>
      </c>
      <c r="L4512" s="237">
        <f t="shared" si="1061"/>
        <v>464.82913127731217</v>
      </c>
      <c r="M4512" s="236">
        <f t="shared" si="1057"/>
        <v>14.005885600259429</v>
      </c>
      <c r="N4512" s="236">
        <f t="shared" si="1058"/>
        <v>3.5051913193380968</v>
      </c>
      <c r="O4512" s="236">
        <f t="shared" si="1062"/>
        <v>2.9178313909965543</v>
      </c>
      <c r="P4512" s="236" t="str">
        <f t="shared" si="1063"/>
        <v>CLAY</v>
      </c>
      <c r="Q4512" s="236">
        <f t="shared" si="1059"/>
        <v>542.5286363615005</v>
      </c>
      <c r="R4512" s="238">
        <v>35</v>
      </c>
      <c r="S4512" s="236">
        <f t="shared" si="1064"/>
        <v>6.7737353862936294</v>
      </c>
      <c r="T4512" s="236" t="e">
        <f t="shared" si="1050"/>
        <v>#N/A</v>
      </c>
    </row>
    <row r="4513" spans="1:20" x14ac:dyDescent="0.2">
      <c r="A4513" s="53">
        <f t="shared" si="1051"/>
        <v>4501</v>
      </c>
      <c r="B4513" s="239">
        <v>44.725000000000001</v>
      </c>
      <c r="C4513" s="3">
        <f t="shared" si="1052"/>
        <v>44.718000000000004</v>
      </c>
      <c r="D4513" s="239">
        <v>7.5917000000000003</v>
      </c>
      <c r="E4513" s="239">
        <v>0.23230000000000001</v>
      </c>
      <c r="F4513" s="239">
        <v>0.11600000000000001</v>
      </c>
      <c r="G4513">
        <f t="shared" si="1053"/>
        <v>7.6149000000000004</v>
      </c>
      <c r="H4513" s="235">
        <f t="shared" si="1054"/>
        <v>3.0505981693784552</v>
      </c>
      <c r="I4513" s="236">
        <f t="shared" si="1055"/>
        <v>20.426273704883894</v>
      </c>
      <c r="J4513" s="237">
        <f t="shared" si="1060"/>
        <v>10.426273704883894</v>
      </c>
      <c r="K4513" s="237">
        <f t="shared" si="1056"/>
        <v>913.42210753499808</v>
      </c>
      <c r="L4513" s="237">
        <f t="shared" si="1061"/>
        <v>466.31509145093213</v>
      </c>
      <c r="M4513" s="236">
        <f t="shared" si="1057"/>
        <v>14.371136631271055</v>
      </c>
      <c r="N4513" s="236">
        <f t="shared" si="1058"/>
        <v>3.4663995573453001</v>
      </c>
      <c r="O4513" s="236">
        <f t="shared" si="1062"/>
        <v>2.9060058648698948</v>
      </c>
      <c r="P4513" s="236" t="str">
        <f t="shared" si="1063"/>
        <v>CLAY</v>
      </c>
      <c r="Q4513" s="236">
        <f t="shared" si="1059"/>
        <v>558.45649103875019</v>
      </c>
      <c r="R4513" s="238">
        <v>35</v>
      </c>
      <c r="S4513" s="236">
        <f t="shared" si="1064"/>
        <v>6.9952607354983112</v>
      </c>
      <c r="T4513" s="236" t="e">
        <f t="shared" si="1050"/>
        <v>#N/A</v>
      </c>
    </row>
    <row r="4514" spans="1:20" x14ac:dyDescent="0.2">
      <c r="A4514" s="53">
        <f t="shared" si="1051"/>
        <v>4502</v>
      </c>
      <c r="B4514" s="239">
        <v>44.734000000000002</v>
      </c>
      <c r="C4514" s="3">
        <f t="shared" si="1052"/>
        <v>44.727000000000004</v>
      </c>
      <c r="D4514" s="239">
        <v>7.7098000000000004</v>
      </c>
      <c r="E4514" s="239">
        <v>0.23569999999999999</v>
      </c>
      <c r="F4514" s="239">
        <v>0.28499999999999998</v>
      </c>
      <c r="G4514">
        <f t="shared" si="1053"/>
        <v>7.7668000000000008</v>
      </c>
      <c r="H4514" s="235">
        <f t="shared" si="1054"/>
        <v>3.0347118504403356</v>
      </c>
      <c r="I4514" s="236">
        <f t="shared" si="1055"/>
        <v>20.451031836945617</v>
      </c>
      <c r="J4514" s="237">
        <f t="shared" si="1060"/>
        <v>10.451031836945617</v>
      </c>
      <c r="K4514" s="237">
        <f t="shared" si="1056"/>
        <v>914.7133009710667</v>
      </c>
      <c r="L4514" s="237">
        <f t="shared" si="1061"/>
        <v>467.51645819392525</v>
      </c>
      <c r="M4514" s="236">
        <f t="shared" si="1057"/>
        <v>14.656353972006473</v>
      </c>
      <c r="N4514" s="236">
        <f t="shared" si="1058"/>
        <v>3.4398280458623351</v>
      </c>
      <c r="O4514" s="236">
        <f t="shared" si="1062"/>
        <v>2.8971913536227056</v>
      </c>
      <c r="P4514" s="236" t="str">
        <f t="shared" si="1063"/>
        <v>CLAY</v>
      </c>
      <c r="Q4514" s="236">
        <f t="shared" si="1059"/>
        <v>571.00722491907788</v>
      </c>
      <c r="R4514" s="238">
        <v>35</v>
      </c>
      <c r="S4514" s="236">
        <f t="shared" si="1064"/>
        <v>7.1692287921390436</v>
      </c>
      <c r="T4514" s="236" t="e">
        <f t="shared" si="1050"/>
        <v>#N/A</v>
      </c>
    </row>
    <row r="4515" spans="1:20" x14ac:dyDescent="0.2">
      <c r="A4515" s="53">
        <f t="shared" si="1051"/>
        <v>4503</v>
      </c>
      <c r="B4515" s="239">
        <v>44.744999999999997</v>
      </c>
      <c r="C4515" s="3">
        <f t="shared" si="1052"/>
        <v>44.738</v>
      </c>
      <c r="D4515" s="239">
        <v>7.7866</v>
      </c>
      <c r="E4515" s="239">
        <v>0.23080000000000001</v>
      </c>
      <c r="F4515" s="239">
        <v>0.35980000000000001</v>
      </c>
      <c r="G4515">
        <f t="shared" si="1053"/>
        <v>7.8585599999999998</v>
      </c>
      <c r="H4515" s="235">
        <f t="shared" si="1054"/>
        <v>2.9369248310122975</v>
      </c>
      <c r="I4515" s="236">
        <f t="shared" si="1055"/>
        <v>20.430988402502397</v>
      </c>
      <c r="J4515" s="237">
        <f t="shared" si="1060"/>
        <v>10.430988402502397</v>
      </c>
      <c r="K4515" s="237">
        <f t="shared" si="1056"/>
        <v>914.04155915115223</v>
      </c>
      <c r="L4515" s="237">
        <f t="shared" si="1061"/>
        <v>466.73457606996971</v>
      </c>
      <c r="M4515" s="236">
        <f t="shared" si="1057"/>
        <v>14.878945758258483</v>
      </c>
      <c r="N4515" s="236">
        <f t="shared" si="1058"/>
        <v>3.3234845866690317</v>
      </c>
      <c r="O4515" s="236">
        <f t="shared" si="1062"/>
        <v>2.8829365559073299</v>
      </c>
      <c r="P4515" s="236" t="str">
        <f t="shared" si="1063"/>
        <v>CLAY</v>
      </c>
      <c r="Q4515" s="236">
        <f t="shared" si="1059"/>
        <v>578.70987007073734</v>
      </c>
      <c r="R4515" s="238">
        <v>35</v>
      </c>
      <c r="S4515" s="236">
        <f t="shared" si="1064"/>
        <v>7.3055885533849327</v>
      </c>
      <c r="T4515" s="236" t="e">
        <f t="shared" si="1050"/>
        <v>#N/A</v>
      </c>
    </row>
    <row r="4516" spans="1:20" x14ac:dyDescent="0.2">
      <c r="A4516" s="53">
        <f t="shared" si="1051"/>
        <v>4504</v>
      </c>
      <c r="B4516" s="239">
        <v>44.753999999999998</v>
      </c>
      <c r="C4516" s="3">
        <f t="shared" si="1052"/>
        <v>44.747</v>
      </c>
      <c r="D4516" s="239">
        <v>7.9317000000000002</v>
      </c>
      <c r="E4516" s="239">
        <v>0.2102</v>
      </c>
      <c r="F4516" s="239">
        <v>0.28439999999999999</v>
      </c>
      <c r="G4516">
        <f t="shared" si="1053"/>
        <v>7.9885799999999998</v>
      </c>
      <c r="H4516" s="235">
        <f t="shared" si="1054"/>
        <v>2.6312561181086003</v>
      </c>
      <c r="I4516" s="236">
        <f t="shared" si="1055"/>
        <v>20.327774005785379</v>
      </c>
      <c r="J4516" s="237">
        <f t="shared" si="1060"/>
        <v>10.327774005785379</v>
      </c>
      <c r="K4516" s="237">
        <f t="shared" si="1056"/>
        <v>909.60690343687838</v>
      </c>
      <c r="L4516" s="237">
        <f t="shared" si="1061"/>
        <v>462.20919785491884</v>
      </c>
      <c r="M4516" s="236">
        <f t="shared" si="1057"/>
        <v>15.315517582549525</v>
      </c>
      <c r="N4516" s="236">
        <f t="shared" si="1058"/>
        <v>2.9693572377334387</v>
      </c>
      <c r="O4516" s="236">
        <f t="shared" si="1062"/>
        <v>2.8435417030737504</v>
      </c>
      <c r="P4516" s="236" t="str">
        <f t="shared" si="1063"/>
        <v>CLAY</v>
      </c>
      <c r="Q4516" s="236">
        <f t="shared" si="1059"/>
        <v>589.91442471359346</v>
      </c>
      <c r="R4516" s="238">
        <v>35</v>
      </c>
      <c r="S4516" s="236">
        <f t="shared" si="1064"/>
        <v>7.5745111015403994</v>
      </c>
      <c r="T4516" s="236" t="e">
        <f t="shared" si="1050"/>
        <v>#N/A</v>
      </c>
    </row>
    <row r="4517" spans="1:20" x14ac:dyDescent="0.2">
      <c r="A4517" s="53">
        <f t="shared" si="1051"/>
        <v>4505</v>
      </c>
      <c r="B4517" s="239">
        <v>44.762999999999998</v>
      </c>
      <c r="C4517" s="3">
        <f t="shared" si="1052"/>
        <v>44.756</v>
      </c>
      <c r="D4517" s="239">
        <v>7.883</v>
      </c>
      <c r="E4517" s="239">
        <v>0.17660000000000001</v>
      </c>
      <c r="F4517" s="239">
        <v>9.4600000000000004E-2</v>
      </c>
      <c r="G4517">
        <f t="shared" si="1053"/>
        <v>7.9019199999999996</v>
      </c>
      <c r="H4517" s="235">
        <f t="shared" si="1054"/>
        <v>2.2348998724360665</v>
      </c>
      <c r="I4517" s="236">
        <f t="shared" si="1055"/>
        <v>20.119277308000406</v>
      </c>
      <c r="J4517" s="237">
        <f t="shared" si="1060"/>
        <v>10.119277308000406</v>
      </c>
      <c r="K4517" s="237">
        <f t="shared" si="1056"/>
        <v>900.4583751968662</v>
      </c>
      <c r="L4517" s="237">
        <f t="shared" si="1061"/>
        <v>452.96921013802216</v>
      </c>
      <c r="M4517" s="236">
        <f t="shared" si="1057"/>
        <v>15.456815757233807</v>
      </c>
      <c r="N4517" s="236">
        <f t="shared" si="1058"/>
        <v>2.5223304713173462</v>
      </c>
      <c r="O4517" s="236">
        <f t="shared" si="1062"/>
        <v>2.7986881069134886</v>
      </c>
      <c r="P4517" s="236" t="str">
        <f t="shared" si="1063"/>
        <v>CLAY</v>
      </c>
      <c r="Q4517" s="236">
        <f t="shared" si="1059"/>
        <v>583.45513540026104</v>
      </c>
      <c r="R4517" s="238">
        <v>35</v>
      </c>
      <c r="S4517" s="236">
        <f t="shared" si="1064"/>
        <v>7.6619629302115531</v>
      </c>
      <c r="T4517" s="236" t="e">
        <f t="shared" si="1050"/>
        <v>#N/A</v>
      </c>
    </row>
    <row r="4518" spans="1:20" x14ac:dyDescent="0.2">
      <c r="A4518" s="53">
        <f t="shared" si="1051"/>
        <v>4506</v>
      </c>
      <c r="B4518" s="239">
        <v>44.773000000000003</v>
      </c>
      <c r="C4518" s="3">
        <f t="shared" si="1052"/>
        <v>44.766000000000005</v>
      </c>
      <c r="D4518" s="239">
        <v>7.5263</v>
      </c>
      <c r="E4518" s="239">
        <v>0.16719999999999999</v>
      </c>
      <c r="F4518" s="239">
        <v>5.9299999999999999E-2</v>
      </c>
      <c r="G4518">
        <f t="shared" si="1053"/>
        <v>7.5381600000000004</v>
      </c>
      <c r="H4518" s="235">
        <f t="shared" si="1054"/>
        <v>2.2180479055896924</v>
      </c>
      <c r="I4518" s="236">
        <f t="shared" si="1055"/>
        <v>20.036719807893626</v>
      </c>
      <c r="J4518" s="237">
        <f t="shared" si="1060"/>
        <v>10.036719807893626</v>
      </c>
      <c r="K4518" s="237">
        <f t="shared" si="1056"/>
        <v>896.96379892016614</v>
      </c>
      <c r="L4518" s="237">
        <f t="shared" si="1061"/>
        <v>449.37405595882132</v>
      </c>
      <c r="M4518" s="236">
        <f t="shared" si="1057"/>
        <v>14.77877085473845</v>
      </c>
      <c r="N4518" s="236">
        <f t="shared" si="1058"/>
        <v>2.5176187382148698</v>
      </c>
      <c r="O4518" s="236">
        <f t="shared" si="1062"/>
        <v>2.8141201711491939</v>
      </c>
      <c r="P4518" s="236" t="str">
        <f t="shared" si="1063"/>
        <v>CLAY</v>
      </c>
      <c r="Q4518" s="236">
        <f t="shared" si="1059"/>
        <v>553.43301675665282</v>
      </c>
      <c r="R4518" s="238">
        <v>35</v>
      </c>
      <c r="S4518" s="236">
        <f t="shared" si="1064"/>
        <v>7.2441578159843605</v>
      </c>
      <c r="T4518" s="236" t="e">
        <f t="shared" si="1050"/>
        <v>#N/A</v>
      </c>
    </row>
    <row r="4519" spans="1:20" x14ac:dyDescent="0.2">
      <c r="A4519" s="53">
        <f t="shared" si="1051"/>
        <v>4507</v>
      </c>
      <c r="B4519" s="239">
        <v>44.783000000000001</v>
      </c>
      <c r="C4519" s="3">
        <f t="shared" si="1052"/>
        <v>44.776000000000003</v>
      </c>
      <c r="D4519" s="239">
        <v>7.6976000000000004</v>
      </c>
      <c r="E4519" s="239">
        <v>0.1774</v>
      </c>
      <c r="F4519" s="239">
        <v>3.5499999999999997E-2</v>
      </c>
      <c r="G4519">
        <f t="shared" si="1053"/>
        <v>7.7047000000000008</v>
      </c>
      <c r="H4519" s="235">
        <f t="shared" si="1054"/>
        <v>2.3024906875024334</v>
      </c>
      <c r="I4519" s="236">
        <f t="shared" si="1055"/>
        <v>20.114697976048028</v>
      </c>
      <c r="J4519" s="237">
        <f t="shared" si="1060"/>
        <v>10.114697976048028</v>
      </c>
      <c r="K4519" s="237">
        <f t="shared" si="1056"/>
        <v>900.65571657552653</v>
      </c>
      <c r="L4519" s="237">
        <f t="shared" si="1061"/>
        <v>452.96651946135881</v>
      </c>
      <c r="M4519" s="236">
        <f t="shared" si="1057"/>
        <v>15.02107549033744</v>
      </c>
      <c r="N4519" s="236">
        <f t="shared" si="1058"/>
        <v>2.6072728602335702</v>
      </c>
      <c r="O4519" s="236">
        <f t="shared" si="1062"/>
        <v>2.8171486261854581</v>
      </c>
      <c r="P4519" s="236" t="str">
        <f t="shared" si="1063"/>
        <v>CLAY</v>
      </c>
      <c r="Q4519" s="236">
        <f t="shared" si="1059"/>
        <v>567.00369028537284</v>
      </c>
      <c r="R4519" s="238">
        <v>35</v>
      </c>
      <c r="S4519" s="236">
        <f t="shared" si="1064"/>
        <v>7.3929249013693532</v>
      </c>
      <c r="T4519" s="236" t="e">
        <f t="shared" si="1050"/>
        <v>#N/A</v>
      </c>
    </row>
    <row r="4520" spans="1:20" x14ac:dyDescent="0.2">
      <c r="A4520" s="53">
        <f t="shared" si="1051"/>
        <v>4508</v>
      </c>
      <c r="B4520" s="239">
        <v>44.793999999999997</v>
      </c>
      <c r="C4520" s="3">
        <f t="shared" si="1052"/>
        <v>44.786999999999999</v>
      </c>
      <c r="D4520" s="239">
        <v>7.6254</v>
      </c>
      <c r="E4520" s="239">
        <v>0.2064</v>
      </c>
      <c r="F4520" s="239">
        <v>0.1099</v>
      </c>
      <c r="G4520">
        <f t="shared" si="1053"/>
        <v>7.6473800000000001</v>
      </c>
      <c r="H4520" s="235">
        <f t="shared" si="1054"/>
        <v>2.6989635666071257</v>
      </c>
      <c r="I4520" s="236">
        <f t="shared" si="1055"/>
        <v>20.289320629183845</v>
      </c>
      <c r="J4520" s="237">
        <f t="shared" si="1060"/>
        <v>10.289320629183845</v>
      </c>
      <c r="K4520" s="237">
        <f t="shared" si="1056"/>
        <v>908.69780301925687</v>
      </c>
      <c r="L4520" s="237">
        <f t="shared" si="1061"/>
        <v>460.89982826366111</v>
      </c>
      <c r="M4520" s="236">
        <f t="shared" si="1057"/>
        <v>14.620708847662732</v>
      </c>
      <c r="N4520" s="236">
        <f t="shared" si="1058"/>
        <v>3.0629134000780924</v>
      </c>
      <c r="O4520" s="236">
        <f t="shared" si="1062"/>
        <v>2.8677632781980251</v>
      </c>
      <c r="P4520" s="236" t="str">
        <f t="shared" si="1063"/>
        <v>CLAY</v>
      </c>
      <c r="Q4520" s="236">
        <f t="shared" si="1059"/>
        <v>561.55684974839528</v>
      </c>
      <c r="R4520" s="238">
        <v>35</v>
      </c>
      <c r="S4520" s="236">
        <f t="shared" si="1064"/>
        <v>7.1474404336189732</v>
      </c>
      <c r="T4520" s="236" t="e">
        <f t="shared" si="1050"/>
        <v>#N/A</v>
      </c>
    </row>
    <row r="4521" spans="1:20" x14ac:dyDescent="0.2">
      <c r="A4521" s="53">
        <f t="shared" si="1051"/>
        <v>4509</v>
      </c>
      <c r="B4521" s="239">
        <v>44.802999999999997</v>
      </c>
      <c r="C4521" s="3">
        <f t="shared" si="1052"/>
        <v>44.795999999999999</v>
      </c>
      <c r="D4521" s="239">
        <v>7.5446999999999997</v>
      </c>
      <c r="E4521" s="239">
        <v>0.2283</v>
      </c>
      <c r="F4521" s="239">
        <v>0.33779999999999999</v>
      </c>
      <c r="G4521">
        <f t="shared" si="1053"/>
        <v>7.61226</v>
      </c>
      <c r="H4521" s="235">
        <f t="shared" si="1054"/>
        <v>2.9991093315257231</v>
      </c>
      <c r="I4521" s="236">
        <f t="shared" si="1055"/>
        <v>20.405771267450206</v>
      </c>
      <c r="J4521" s="237">
        <f t="shared" si="1060"/>
        <v>10.405771267450206</v>
      </c>
      <c r="K4521" s="237">
        <f t="shared" si="1056"/>
        <v>914.09692969669936</v>
      </c>
      <c r="L4521" s="237">
        <f t="shared" si="1061"/>
        <v>466.20977009557151</v>
      </c>
      <c r="M4521" s="236">
        <f t="shared" si="1057"/>
        <v>14.367273060215359</v>
      </c>
      <c r="N4521" s="236">
        <f t="shared" si="1058"/>
        <v>3.4083971620843556</v>
      </c>
      <c r="O4521" s="236">
        <f t="shared" si="1062"/>
        <v>2.9016666938210243</v>
      </c>
      <c r="P4521" s="236" t="str">
        <f t="shared" si="1063"/>
        <v>CLAY</v>
      </c>
      <c r="Q4521" s="236">
        <f t="shared" si="1059"/>
        <v>558.18025585860835</v>
      </c>
      <c r="R4521" s="238">
        <v>35</v>
      </c>
      <c r="S4521" s="236">
        <f t="shared" si="1064"/>
        <v>6.9929100360288539</v>
      </c>
      <c r="T4521" s="236" t="e">
        <f t="shared" si="1050"/>
        <v>#N/A</v>
      </c>
    </row>
    <row r="4522" spans="1:20" x14ac:dyDescent="0.2">
      <c r="A4522" s="53">
        <f t="shared" si="1051"/>
        <v>4510</v>
      </c>
      <c r="B4522" s="239">
        <v>44.813000000000002</v>
      </c>
      <c r="C4522" s="3">
        <f t="shared" si="1052"/>
        <v>44.806000000000004</v>
      </c>
      <c r="D4522" s="239">
        <v>7.4188000000000001</v>
      </c>
      <c r="E4522" s="239">
        <v>0.23719999999999999</v>
      </c>
      <c r="F4522" s="239">
        <v>0.66700000000000004</v>
      </c>
      <c r="G4522">
        <f t="shared" si="1053"/>
        <v>7.5522</v>
      </c>
      <c r="H4522" s="235">
        <f t="shared" si="1054"/>
        <v>3.1408066523661979</v>
      </c>
      <c r="I4522" s="236">
        <f t="shared" si="1055"/>
        <v>20.447518837374005</v>
      </c>
      <c r="J4522" s="237">
        <f t="shared" si="1060"/>
        <v>10.447518837374005</v>
      </c>
      <c r="K4522" s="237">
        <f t="shared" si="1056"/>
        <v>916.17152902737973</v>
      </c>
      <c r="L4522" s="237">
        <f t="shared" si="1061"/>
        <v>468.18466165924133</v>
      </c>
      <c r="M4522" s="236">
        <f t="shared" si="1057"/>
        <v>14.173955309545185</v>
      </c>
      <c r="N4522" s="236">
        <f t="shared" si="1058"/>
        <v>3.5744270995454963</v>
      </c>
      <c r="O4522" s="236">
        <f t="shared" si="1062"/>
        <v>2.9188601888888503</v>
      </c>
      <c r="P4522" s="236" t="str">
        <f t="shared" si="1063"/>
        <v>CLAY</v>
      </c>
      <c r="Q4522" s="236">
        <f t="shared" si="1059"/>
        <v>553.00237258105165</v>
      </c>
      <c r="R4522" s="238">
        <v>35</v>
      </c>
      <c r="S4522" s="236">
        <f t="shared" si="1064"/>
        <v>6.8754928147133754</v>
      </c>
      <c r="T4522" s="236" t="e">
        <f t="shared" si="1050"/>
        <v>#N/A</v>
      </c>
    </row>
    <row r="4523" spans="1:20" x14ac:dyDescent="0.2">
      <c r="A4523" s="53">
        <f t="shared" si="1051"/>
        <v>4511</v>
      </c>
      <c r="B4523" s="239">
        <v>44.822000000000003</v>
      </c>
      <c r="C4523" s="3">
        <f t="shared" si="1052"/>
        <v>44.815000000000005</v>
      </c>
      <c r="D4523" s="239">
        <v>7.7057000000000002</v>
      </c>
      <c r="E4523" s="239">
        <v>0.22389999999999999</v>
      </c>
      <c r="F4523" s="239">
        <v>0.43459999999999999</v>
      </c>
      <c r="G4523">
        <f t="shared" si="1053"/>
        <v>7.7926200000000003</v>
      </c>
      <c r="H4523" s="235">
        <f t="shared" si="1054"/>
        <v>2.8732313393954789</v>
      </c>
      <c r="I4523" s="236">
        <f t="shared" si="1055"/>
        <v>20.392104255949313</v>
      </c>
      <c r="J4523" s="237">
        <f t="shared" si="1060"/>
        <v>10.392104255949313</v>
      </c>
      <c r="K4523" s="237">
        <f t="shared" si="1056"/>
        <v>913.87215223036856</v>
      </c>
      <c r="L4523" s="237">
        <f t="shared" si="1061"/>
        <v>465.79489696016014</v>
      </c>
      <c r="M4523" s="236">
        <f t="shared" si="1057"/>
        <v>14.767761288629954</v>
      </c>
      <c r="N4523" s="236">
        <f t="shared" si="1058"/>
        <v>3.2549528628614786</v>
      </c>
      <c r="O4523" s="236">
        <f t="shared" si="1062"/>
        <v>2.8800805834259289</v>
      </c>
      <c r="P4523" s="236" t="str">
        <f t="shared" si="1063"/>
        <v>CLAY</v>
      </c>
      <c r="Q4523" s="236">
        <f t="shared" si="1059"/>
        <v>573.22898731413591</v>
      </c>
      <c r="R4523" s="238">
        <v>35</v>
      </c>
      <c r="S4523" s="236">
        <f t="shared" si="1064"/>
        <v>7.237412701065371</v>
      </c>
      <c r="T4523" s="236" t="e">
        <f t="shared" si="1050"/>
        <v>#N/A</v>
      </c>
    </row>
    <row r="4524" spans="1:20" x14ac:dyDescent="0.2">
      <c r="A4524" s="53">
        <f t="shared" si="1051"/>
        <v>4512</v>
      </c>
      <c r="B4524" s="239">
        <v>44.832000000000001</v>
      </c>
      <c r="C4524" s="3">
        <f t="shared" si="1052"/>
        <v>44.825000000000003</v>
      </c>
      <c r="D4524" s="239">
        <v>7.9786999999999999</v>
      </c>
      <c r="E4524" s="239">
        <v>0.2223</v>
      </c>
      <c r="F4524" s="239">
        <v>0.30320000000000003</v>
      </c>
      <c r="G4524">
        <f t="shared" si="1053"/>
        <v>8.0393399999999993</v>
      </c>
      <c r="H4524" s="235">
        <f t="shared" si="1054"/>
        <v>2.7651523632537001</v>
      </c>
      <c r="I4524" s="236">
        <f t="shared" si="1055"/>
        <v>20.395877960290729</v>
      </c>
      <c r="J4524" s="237">
        <f t="shared" si="1060"/>
        <v>10.395877960290729</v>
      </c>
      <c r="K4524" s="237">
        <f t="shared" si="1056"/>
        <v>914.24522957003194</v>
      </c>
      <c r="L4524" s="237">
        <f t="shared" si="1061"/>
        <v>466.06800071575395</v>
      </c>
      <c r="M4524" s="236">
        <f t="shared" si="1057"/>
        <v>15.287672098251232</v>
      </c>
      <c r="N4524" s="236">
        <f t="shared" si="1058"/>
        <v>3.1199585010794912</v>
      </c>
      <c r="O4524" s="236">
        <f t="shared" si="1062"/>
        <v>2.8570162042366207</v>
      </c>
      <c r="P4524" s="236" t="str">
        <f t="shared" si="1063"/>
        <v>CLAY</v>
      </c>
      <c r="Q4524" s="236">
        <f t="shared" si="1059"/>
        <v>593.75789753583058</v>
      </c>
      <c r="R4524" s="238">
        <v>35</v>
      </c>
      <c r="S4524" s="236">
        <f t="shared" si="1064"/>
        <v>7.5573007809346784</v>
      </c>
      <c r="T4524" s="236" t="e">
        <f t="shared" si="1050"/>
        <v>#N/A</v>
      </c>
    </row>
    <row r="4525" spans="1:20" x14ac:dyDescent="0.2">
      <c r="A4525" s="53">
        <f t="shared" si="1051"/>
        <v>4513</v>
      </c>
      <c r="B4525" s="239">
        <v>44.841999999999999</v>
      </c>
      <c r="C4525" s="3">
        <f t="shared" si="1052"/>
        <v>44.835000000000001</v>
      </c>
      <c r="D4525" s="239">
        <v>7.9741999999999997</v>
      </c>
      <c r="E4525" s="239">
        <v>0.22189999999999999</v>
      </c>
      <c r="F4525" s="239">
        <v>0.23100000000000001</v>
      </c>
      <c r="G4525">
        <f t="shared" si="1053"/>
        <v>8.0204000000000004</v>
      </c>
      <c r="H4525" s="235">
        <f t="shared" si="1054"/>
        <v>2.7666949279337683</v>
      </c>
      <c r="I4525" s="236">
        <f t="shared" si="1055"/>
        <v>20.392844195893922</v>
      </c>
      <c r="J4525" s="237">
        <f t="shared" si="1060"/>
        <v>10.392844195893922</v>
      </c>
      <c r="K4525" s="237">
        <f t="shared" si="1056"/>
        <v>914.31316952290399</v>
      </c>
      <c r="L4525" s="237">
        <f t="shared" si="1061"/>
        <v>466.03591943227525</v>
      </c>
      <c r="M4525" s="236">
        <f t="shared" si="1057"/>
        <v>15.247938054074734</v>
      </c>
      <c r="N4525" s="236">
        <f t="shared" si="1058"/>
        <v>3.1226750431517285</v>
      </c>
      <c r="O4525" s="236">
        <f t="shared" si="1062"/>
        <v>2.8581472159667327</v>
      </c>
      <c r="P4525" s="236" t="str">
        <f t="shared" si="1063"/>
        <v>CLAY</v>
      </c>
      <c r="Q4525" s="236">
        <f t="shared" si="1059"/>
        <v>592.17390253975805</v>
      </c>
      <c r="R4525" s="238">
        <v>35</v>
      </c>
      <c r="S4525" s="236">
        <f t="shared" si="1064"/>
        <v>7.5327561265769614</v>
      </c>
      <c r="T4525" s="236" t="e">
        <f t="shared" si="1050"/>
        <v>#N/A</v>
      </c>
    </row>
    <row r="4526" spans="1:20" x14ac:dyDescent="0.2">
      <c r="A4526" s="53">
        <f t="shared" si="1051"/>
        <v>4514</v>
      </c>
      <c r="B4526" s="239">
        <v>44.850999999999999</v>
      </c>
      <c r="C4526" s="3">
        <f t="shared" si="1052"/>
        <v>44.844000000000001</v>
      </c>
      <c r="D4526" s="239">
        <v>7.9337</v>
      </c>
      <c r="E4526" s="239">
        <v>0.22409999999999999</v>
      </c>
      <c r="F4526" s="239">
        <v>0.28470000000000001</v>
      </c>
      <c r="G4526">
        <f t="shared" si="1053"/>
        <v>7.99064</v>
      </c>
      <c r="H4526" s="235">
        <f t="shared" si="1054"/>
        <v>2.8045313016228985</v>
      </c>
      <c r="I4526" s="236">
        <f t="shared" si="1055"/>
        <v>20.402959475494029</v>
      </c>
      <c r="J4526" s="237">
        <f t="shared" si="1060"/>
        <v>10.402959475494029</v>
      </c>
      <c r="K4526" s="237">
        <f t="shared" si="1056"/>
        <v>914.95031471905429</v>
      </c>
      <c r="L4526" s="237">
        <f t="shared" si="1061"/>
        <v>466.5831354353827</v>
      </c>
      <c r="M4526" s="236">
        <f t="shared" si="1057"/>
        <v>15.164906632723465</v>
      </c>
      <c r="N4526" s="236">
        <f t="shared" si="1058"/>
        <v>3.1671824227421852</v>
      </c>
      <c r="O4526" s="236">
        <f t="shared" si="1062"/>
        <v>2.863733670475177</v>
      </c>
      <c r="P4526" s="236" t="str">
        <f t="shared" si="1063"/>
        <v>CLAY</v>
      </c>
      <c r="Q4526" s="236">
        <f t="shared" si="1059"/>
        <v>589.64080710674546</v>
      </c>
      <c r="R4526" s="238">
        <v>35</v>
      </c>
      <c r="S4526" s="236">
        <f t="shared" si="1064"/>
        <v>7.4815173024090766</v>
      </c>
      <c r="T4526" s="236" t="e">
        <f t="shared" si="1050"/>
        <v>#N/A</v>
      </c>
    </row>
    <row r="4527" spans="1:20" x14ac:dyDescent="0.2">
      <c r="A4527" s="53">
        <f t="shared" si="1051"/>
        <v>4515</v>
      </c>
      <c r="B4527" s="239">
        <v>44.862000000000002</v>
      </c>
      <c r="C4527" s="3">
        <f t="shared" si="1052"/>
        <v>44.855000000000004</v>
      </c>
      <c r="D4527" s="239">
        <v>7.9737999999999998</v>
      </c>
      <c r="E4527" s="239">
        <v>0.21959999999999999</v>
      </c>
      <c r="F4527" s="239">
        <v>8.7800000000000003E-2</v>
      </c>
      <c r="G4527">
        <f t="shared" si="1053"/>
        <v>7.9913599999999994</v>
      </c>
      <c r="H4527" s="235">
        <f t="shared" si="1054"/>
        <v>2.7479678052296479</v>
      </c>
      <c r="I4527" s="236">
        <f t="shared" si="1055"/>
        <v>20.379208986922826</v>
      </c>
      <c r="J4527" s="237">
        <f t="shared" si="1060"/>
        <v>10.379208986922826</v>
      </c>
      <c r="K4527" s="237">
        <f t="shared" si="1056"/>
        <v>914.10941910842348</v>
      </c>
      <c r="L4527" s="237">
        <f t="shared" si="1061"/>
        <v>465.63207357133183</v>
      </c>
      <c r="M4527" s="236">
        <f t="shared" si="1057"/>
        <v>15.199233434694628</v>
      </c>
      <c r="N4527" s="236">
        <f t="shared" si="1058"/>
        <v>3.1028998830833441</v>
      </c>
      <c r="O4527" s="236">
        <f t="shared" si="1062"/>
        <v>2.8576054443242032</v>
      </c>
      <c r="P4527" s="236" t="str">
        <f t="shared" si="1063"/>
        <v>CLAY</v>
      </c>
      <c r="Q4527" s="236">
        <f t="shared" si="1059"/>
        <v>589.77088174096468</v>
      </c>
      <c r="R4527" s="238">
        <v>35</v>
      </c>
      <c r="S4527" s="236">
        <f t="shared" si="1064"/>
        <v>7.5026919453902448</v>
      </c>
      <c r="T4527" s="236" t="e">
        <f t="shared" si="1050"/>
        <v>#N/A</v>
      </c>
    </row>
    <row r="4528" spans="1:20" x14ac:dyDescent="0.2">
      <c r="A4528" s="53">
        <f t="shared" si="1051"/>
        <v>4516</v>
      </c>
      <c r="B4528" s="239">
        <v>44.871000000000002</v>
      </c>
      <c r="C4528" s="3">
        <f t="shared" si="1052"/>
        <v>44.864000000000004</v>
      </c>
      <c r="D4528" s="239">
        <v>7.5880000000000001</v>
      </c>
      <c r="E4528" s="239">
        <v>0.21890000000000001</v>
      </c>
      <c r="F4528" s="239">
        <v>5.8900000000000001E-2</v>
      </c>
      <c r="G4528">
        <f t="shared" si="1053"/>
        <v>7.59978</v>
      </c>
      <c r="H4528" s="235">
        <f t="shared" si="1054"/>
        <v>2.8803465363471048</v>
      </c>
      <c r="I4528" s="236">
        <f t="shared" si="1055"/>
        <v>20.355827528990712</v>
      </c>
      <c r="J4528" s="237">
        <f t="shared" si="1060"/>
        <v>10.355827528990712</v>
      </c>
      <c r="K4528" s="237">
        <f t="shared" si="1056"/>
        <v>913.24384626063943</v>
      </c>
      <c r="L4528" s="237">
        <f t="shared" si="1061"/>
        <v>464.67633705334225</v>
      </c>
      <c r="M4528" s="236">
        <f t="shared" si="1057"/>
        <v>14.389663558382967</v>
      </c>
      <c r="N4528" s="236">
        <f t="shared" si="1058"/>
        <v>3.2737428612807693</v>
      </c>
      <c r="O4528" s="236">
        <f t="shared" si="1062"/>
        <v>2.8905863564540724</v>
      </c>
      <c r="P4528" s="236" t="str">
        <f t="shared" si="1063"/>
        <v>CLAY</v>
      </c>
      <c r="Q4528" s="236">
        <f t="shared" si="1059"/>
        <v>557.21134614494667</v>
      </c>
      <c r="R4528" s="238">
        <v>35</v>
      </c>
      <c r="S4528" s="236">
        <f t="shared" si="1064"/>
        <v>7.0065352059124004</v>
      </c>
      <c r="T4528" s="236" t="e">
        <f t="shared" si="1050"/>
        <v>#N/A</v>
      </c>
    </row>
    <row r="4529" spans="1:20" x14ac:dyDescent="0.2">
      <c r="A4529" s="53">
        <f t="shared" si="1051"/>
        <v>4517</v>
      </c>
      <c r="B4529" s="239">
        <v>44.881</v>
      </c>
      <c r="C4529" s="3">
        <f t="shared" si="1052"/>
        <v>44.874000000000002</v>
      </c>
      <c r="D4529" s="239">
        <v>7.2175000000000002</v>
      </c>
      <c r="E4529" s="239">
        <v>0.22059999999999999</v>
      </c>
      <c r="F4529" s="239">
        <v>8.1199999999999994E-2</v>
      </c>
      <c r="G4529">
        <f t="shared" si="1053"/>
        <v>7.2337400000000001</v>
      </c>
      <c r="H4529" s="235">
        <f t="shared" si="1054"/>
        <v>3.0495981331925117</v>
      </c>
      <c r="I4529" s="236">
        <f t="shared" si="1055"/>
        <v>20.34560453176254</v>
      </c>
      <c r="J4529" s="237">
        <f t="shared" si="1060"/>
        <v>10.34560453176254</v>
      </c>
      <c r="K4529" s="237">
        <f t="shared" si="1056"/>
        <v>912.98865775831223</v>
      </c>
      <c r="L4529" s="237">
        <f t="shared" si="1061"/>
        <v>464.32107699003456</v>
      </c>
      <c r="M4529" s="236">
        <f t="shared" si="1057"/>
        <v>13.612889130978102</v>
      </c>
      <c r="N4529" s="236">
        <f t="shared" si="1058"/>
        <v>3.4900914156474796</v>
      </c>
      <c r="O4529" s="236">
        <f t="shared" si="1062"/>
        <v>2.9265545883223418</v>
      </c>
      <c r="P4529" s="236" t="str">
        <f t="shared" si="1063"/>
        <v>CLAY</v>
      </c>
      <c r="Q4529" s="236">
        <f t="shared" si="1059"/>
        <v>526.72927852014061</v>
      </c>
      <c r="R4529" s="238">
        <v>35</v>
      </c>
      <c r="S4529" s="236">
        <f t="shared" si="1064"/>
        <v>6.5369910896490282</v>
      </c>
      <c r="T4529" s="236" t="e">
        <f t="shared" si="1050"/>
        <v>#N/A</v>
      </c>
    </row>
    <row r="4530" spans="1:20" x14ac:dyDescent="0.2">
      <c r="A4530" s="53">
        <f t="shared" si="1051"/>
        <v>4518</v>
      </c>
      <c r="B4530" s="239">
        <v>44.89</v>
      </c>
      <c r="C4530" s="3">
        <f t="shared" si="1052"/>
        <v>44.883000000000003</v>
      </c>
      <c r="D4530" s="239">
        <v>6.9176000000000002</v>
      </c>
      <c r="E4530" s="239">
        <v>0.2228</v>
      </c>
      <c r="F4530" s="239">
        <v>0.15210000000000001</v>
      </c>
      <c r="G4530">
        <f t="shared" si="1053"/>
        <v>6.9480200000000005</v>
      </c>
      <c r="H4530" s="235">
        <f t="shared" si="1054"/>
        <v>3.2066689502908736</v>
      </c>
      <c r="I4530" s="236">
        <f t="shared" si="1055"/>
        <v>20.341489011848228</v>
      </c>
      <c r="J4530" s="237">
        <f t="shared" si="1060"/>
        <v>10.341489011848228</v>
      </c>
      <c r="K4530" s="237">
        <f t="shared" si="1056"/>
        <v>912.9870513187841</v>
      </c>
      <c r="L4530" s="237">
        <f t="shared" si="1061"/>
        <v>464.22944174186699</v>
      </c>
      <c r="M4530" s="236">
        <f t="shared" si="1057"/>
        <v>13.000108149187515</v>
      </c>
      <c r="N4530" s="236">
        <f t="shared" si="1058"/>
        <v>3.6917776902723713</v>
      </c>
      <c r="O4530" s="236">
        <f t="shared" si="1062"/>
        <v>2.9572278879926448</v>
      </c>
      <c r="P4530" s="236" t="str">
        <f t="shared" si="1063"/>
        <v>CLAY</v>
      </c>
      <c r="Q4530" s="236">
        <f t="shared" si="1059"/>
        <v>502.91941239010134</v>
      </c>
      <c r="R4530" s="238">
        <v>35</v>
      </c>
      <c r="S4530" s="236">
        <f t="shared" si="1064"/>
        <v>6.1712581709451566</v>
      </c>
      <c r="T4530" s="236" t="e">
        <f t="shared" si="1050"/>
        <v>#N/A</v>
      </c>
    </row>
    <row r="4531" spans="1:20" x14ac:dyDescent="0.2">
      <c r="A4531" s="53">
        <f t="shared" si="1051"/>
        <v>4519</v>
      </c>
      <c r="B4531" s="239">
        <v>44.9</v>
      </c>
      <c r="C4531" s="3">
        <f t="shared" si="1052"/>
        <v>44.893000000000001</v>
      </c>
      <c r="D4531" s="239">
        <v>6.7150999999999996</v>
      </c>
      <c r="E4531" s="239">
        <v>0.2306</v>
      </c>
      <c r="F4531" s="239">
        <v>0.28100000000000003</v>
      </c>
      <c r="G4531">
        <f t="shared" si="1053"/>
        <v>6.7712999999999992</v>
      </c>
      <c r="H4531" s="235">
        <f t="shared" si="1054"/>
        <v>3.4055498944072782</v>
      </c>
      <c r="I4531" s="236">
        <f t="shared" si="1055"/>
        <v>20.371768022306327</v>
      </c>
      <c r="J4531" s="237">
        <f t="shared" si="1060"/>
        <v>10.371768022306327</v>
      </c>
      <c r="K4531" s="237">
        <f t="shared" si="1056"/>
        <v>914.54978182539799</v>
      </c>
      <c r="L4531" s="237">
        <f t="shared" si="1061"/>
        <v>465.69238420155403</v>
      </c>
      <c r="M4531" s="236">
        <f t="shared" si="1057"/>
        <v>12.576435468697229</v>
      </c>
      <c r="N4531" s="236">
        <f t="shared" si="1058"/>
        <v>3.9373371137530278</v>
      </c>
      <c r="O4531" s="236">
        <f t="shared" si="1062"/>
        <v>2.9856251959189026</v>
      </c>
      <c r="P4531" s="236" t="str">
        <f t="shared" si="1063"/>
        <v>CLAY</v>
      </c>
      <c r="Q4531" s="236">
        <f t="shared" si="1059"/>
        <v>488.06251818121677</v>
      </c>
      <c r="R4531" s="238">
        <v>35</v>
      </c>
      <c r="S4531" s="236">
        <f t="shared" si="1064"/>
        <v>5.9208896507263793</v>
      </c>
      <c r="T4531" s="236" t="e">
        <f t="shared" si="1050"/>
        <v>#N/A</v>
      </c>
    </row>
    <row r="4532" spans="1:20" x14ac:dyDescent="0.2">
      <c r="A4532" s="53">
        <f t="shared" si="1051"/>
        <v>4520</v>
      </c>
      <c r="B4532" s="239">
        <v>44.91</v>
      </c>
      <c r="C4532" s="3">
        <f t="shared" si="1052"/>
        <v>44.902999999999999</v>
      </c>
      <c r="D4532" s="239">
        <v>6.4794</v>
      </c>
      <c r="E4532" s="239">
        <v>0.2331</v>
      </c>
      <c r="F4532" s="239">
        <v>0.51339999999999997</v>
      </c>
      <c r="G4532">
        <f t="shared" si="1053"/>
        <v>6.5820800000000004</v>
      </c>
      <c r="H4532" s="235">
        <f t="shared" si="1054"/>
        <v>3.5414337109242062</v>
      </c>
      <c r="I4532" s="236">
        <f t="shared" si="1055"/>
        <v>20.373334033736171</v>
      </c>
      <c r="J4532" s="237">
        <f t="shared" si="1060"/>
        <v>10.373334033736171</v>
      </c>
      <c r="K4532" s="237">
        <f t="shared" si="1056"/>
        <v>914.82381811685525</v>
      </c>
      <c r="L4532" s="237">
        <f t="shared" si="1061"/>
        <v>465.8664314550914</v>
      </c>
      <c r="M4532" s="236">
        <f t="shared" si="1057"/>
        <v>12.164980773957002</v>
      </c>
      <c r="N4532" s="236">
        <f t="shared" si="1058"/>
        <v>4.1131015171885936</v>
      </c>
      <c r="O4532" s="236">
        <f t="shared" si="1062"/>
        <v>3.0086327458049524</v>
      </c>
      <c r="P4532" s="236" t="str">
        <f t="shared" si="1063"/>
        <v>CLAY</v>
      </c>
      <c r="Q4532" s="236">
        <f t="shared" si="1059"/>
        <v>472.27134849026203</v>
      </c>
      <c r="R4532" s="238">
        <v>35</v>
      </c>
      <c r="S4532" s="236">
        <f t="shared" si="1064"/>
        <v>5.6797509425204398</v>
      </c>
      <c r="T4532" s="236" t="e">
        <f t="shared" si="1050"/>
        <v>#N/A</v>
      </c>
    </row>
    <row r="4533" spans="1:20" x14ac:dyDescent="0.2">
      <c r="A4533" s="53">
        <f t="shared" si="1051"/>
        <v>4521</v>
      </c>
      <c r="B4533" s="239">
        <v>44.918999999999997</v>
      </c>
      <c r="C4533" s="3">
        <f t="shared" si="1052"/>
        <v>44.911999999999999</v>
      </c>
      <c r="D4533" s="239">
        <v>6.4164000000000003</v>
      </c>
      <c r="E4533" s="239">
        <v>0.22989999999999999</v>
      </c>
      <c r="F4533" s="239">
        <v>0.50209999999999999</v>
      </c>
      <c r="G4533">
        <f t="shared" si="1053"/>
        <v>6.5168200000000001</v>
      </c>
      <c r="H4533" s="235">
        <f t="shared" si="1054"/>
        <v>3.5277942309285817</v>
      </c>
      <c r="I4533" s="236">
        <f t="shared" si="1055"/>
        <v>20.353230429836664</v>
      </c>
      <c r="J4533" s="237">
        <f t="shared" si="1060"/>
        <v>10.353230429836664</v>
      </c>
      <c r="K4533" s="237">
        <f t="shared" si="1056"/>
        <v>914.10428506482424</v>
      </c>
      <c r="L4533" s="237">
        <f t="shared" si="1061"/>
        <v>465.0567576778331</v>
      </c>
      <c r="M4533" s="236">
        <f t="shared" si="1057"/>
        <v>12.047380502352452</v>
      </c>
      <c r="N4533" s="236">
        <f t="shared" si="1058"/>
        <v>4.103367218635686</v>
      </c>
      <c r="O4533" s="236">
        <f t="shared" si="1062"/>
        <v>3.0113514753719226</v>
      </c>
      <c r="P4533" s="236" t="str">
        <f t="shared" si="1063"/>
        <v>CLAY</v>
      </c>
      <c r="Q4533" s="236">
        <f t="shared" si="1059"/>
        <v>466.89297624459795</v>
      </c>
      <c r="R4533" s="238">
        <v>35</v>
      </c>
      <c r="S4533" s="236">
        <f t="shared" si="1064"/>
        <v>5.6112005708634776</v>
      </c>
      <c r="T4533" s="236" t="e">
        <f t="shared" si="1050"/>
        <v>#N/A</v>
      </c>
    </row>
    <row r="4534" spans="1:20" x14ac:dyDescent="0.2">
      <c r="A4534" s="53">
        <f t="shared" si="1051"/>
        <v>4522</v>
      </c>
      <c r="B4534" s="239">
        <v>44.929000000000002</v>
      </c>
      <c r="C4534" s="3">
        <f t="shared" si="1052"/>
        <v>44.922000000000004</v>
      </c>
      <c r="D4534" s="239">
        <v>6.6253000000000002</v>
      </c>
      <c r="E4534" s="239">
        <v>0.23619999999999999</v>
      </c>
      <c r="F4534" s="239">
        <v>0.45100000000000001</v>
      </c>
      <c r="G4534">
        <f t="shared" si="1053"/>
        <v>6.7155000000000005</v>
      </c>
      <c r="H4534" s="235">
        <f t="shared" si="1054"/>
        <v>3.5172362445089713</v>
      </c>
      <c r="I4534" s="236">
        <f t="shared" si="1055"/>
        <v>20.39666928432694</v>
      </c>
      <c r="J4534" s="237">
        <f t="shared" si="1060"/>
        <v>10.39666928432694</v>
      </c>
      <c r="K4534" s="237">
        <f t="shared" si="1056"/>
        <v>916.25917759053493</v>
      </c>
      <c r="L4534" s="237">
        <f t="shared" si="1061"/>
        <v>467.11195427552508</v>
      </c>
      <c r="M4534" s="236">
        <f t="shared" si="1057"/>
        <v>12.415098284958033</v>
      </c>
      <c r="N4534" s="236">
        <f t="shared" si="1058"/>
        <v>4.0729469120729442</v>
      </c>
      <c r="O4534" s="236">
        <f t="shared" si="1062"/>
        <v>2.9990296536873284</v>
      </c>
      <c r="P4534" s="236" t="str">
        <f t="shared" si="1063"/>
        <v>CLAY</v>
      </c>
      <c r="Q4534" s="236">
        <f t="shared" si="1059"/>
        <v>483.27006853412217</v>
      </c>
      <c r="R4534" s="238">
        <v>35</v>
      </c>
      <c r="S4534" s="236">
        <f t="shared" si="1064"/>
        <v>5.8260970024899841</v>
      </c>
      <c r="T4534" s="236" t="e">
        <f t="shared" si="1050"/>
        <v>#N/A</v>
      </c>
    </row>
    <row r="4535" spans="1:20" x14ac:dyDescent="0.2">
      <c r="A4535" s="53">
        <f t="shared" si="1051"/>
        <v>4523</v>
      </c>
      <c r="B4535" s="239">
        <v>44.939</v>
      </c>
      <c r="C4535" s="3">
        <f t="shared" si="1052"/>
        <v>44.932000000000002</v>
      </c>
      <c r="D4535" s="239">
        <v>6.8221999999999996</v>
      </c>
      <c r="E4535" s="239">
        <v>0.23669999999999999</v>
      </c>
      <c r="F4535" s="239">
        <v>0.37709999999999999</v>
      </c>
      <c r="G4535">
        <f t="shared" si="1053"/>
        <v>6.8976199999999999</v>
      </c>
      <c r="H4535" s="235">
        <f t="shared" si="1054"/>
        <v>3.4316184423032872</v>
      </c>
      <c r="I4535" s="236">
        <f t="shared" si="1055"/>
        <v>20.409607689084524</v>
      </c>
      <c r="J4535" s="237">
        <f t="shared" si="1060"/>
        <v>10.409607689084524</v>
      </c>
      <c r="K4535" s="237">
        <f t="shared" si="1056"/>
        <v>917.0444926859459</v>
      </c>
      <c r="L4535" s="237">
        <f t="shared" si="1061"/>
        <v>467.79735993976942</v>
      </c>
      <c r="M4535" s="236">
        <f t="shared" si="1057"/>
        <v>12.784543093796156</v>
      </c>
      <c r="N4535" s="236">
        <f t="shared" si="1058"/>
        <v>3.9578130852210363</v>
      </c>
      <c r="O4535" s="236">
        <f t="shared" si="1062"/>
        <v>2.9813420610286165</v>
      </c>
      <c r="P4535" s="236" t="str">
        <f t="shared" si="1063"/>
        <v>CLAY</v>
      </c>
      <c r="Q4535" s="236">
        <f t="shared" si="1059"/>
        <v>498.38129227617111</v>
      </c>
      <c r="R4535" s="238">
        <v>35</v>
      </c>
      <c r="S4535" s="236">
        <f t="shared" si="1064"/>
        <v>6.0436112775534072</v>
      </c>
      <c r="T4535" s="236" t="e">
        <f t="shared" si="1050"/>
        <v>#N/A</v>
      </c>
    </row>
    <row r="4536" spans="1:20" x14ac:dyDescent="0.2">
      <c r="A4536" s="53">
        <f t="shared" si="1051"/>
        <v>4524</v>
      </c>
      <c r="B4536" s="239">
        <v>44.948</v>
      </c>
      <c r="C4536" s="3">
        <f t="shared" si="1052"/>
        <v>44.941000000000003</v>
      </c>
      <c r="D4536" s="239">
        <v>7.0926</v>
      </c>
      <c r="E4536" s="239">
        <v>0.2253</v>
      </c>
      <c r="F4536" s="239">
        <v>0.3493</v>
      </c>
      <c r="G4536">
        <f t="shared" si="1053"/>
        <v>7.1624600000000003</v>
      </c>
      <c r="H4536" s="235">
        <f t="shared" si="1054"/>
        <v>3.1455673050879165</v>
      </c>
      <c r="I4536" s="236">
        <f t="shared" si="1055"/>
        <v>20.366454260667261</v>
      </c>
      <c r="J4536" s="237">
        <f t="shared" si="1060"/>
        <v>10.366454260667261</v>
      </c>
      <c r="K4536" s="237">
        <f t="shared" si="1056"/>
        <v>915.2888209286474</v>
      </c>
      <c r="L4536" s="237">
        <f t="shared" si="1061"/>
        <v>465.95138610847204</v>
      </c>
      <c r="M4536" s="236">
        <f t="shared" si="1057"/>
        <v>13.407345412675799</v>
      </c>
      <c r="N4536" s="236">
        <f t="shared" si="1058"/>
        <v>3.6064323121923971</v>
      </c>
      <c r="O4536" s="236">
        <f t="shared" si="1062"/>
        <v>2.940416334584294</v>
      </c>
      <c r="P4536" s="236" t="str">
        <f t="shared" si="1063"/>
        <v>CLAY</v>
      </c>
      <c r="Q4536" s="236">
        <f t="shared" si="1059"/>
        <v>520.59759825594608</v>
      </c>
      <c r="R4536" s="238">
        <v>35</v>
      </c>
      <c r="S4536" s="236">
        <f t="shared" si="1064"/>
        <v>6.4138456808691267</v>
      </c>
      <c r="T4536" s="236" t="e">
        <f t="shared" si="1050"/>
        <v>#N/A</v>
      </c>
    </row>
    <row r="4537" spans="1:20" x14ac:dyDescent="0.2">
      <c r="A4537" s="53">
        <f t="shared" si="1051"/>
        <v>4525</v>
      </c>
      <c r="B4537" s="239">
        <v>44.957000000000001</v>
      </c>
      <c r="C4537" s="3">
        <f t="shared" si="1052"/>
        <v>44.95</v>
      </c>
      <c r="D4537" s="239">
        <v>7.4908000000000001</v>
      </c>
      <c r="E4537" s="239">
        <v>0.2109</v>
      </c>
      <c r="F4537" s="239">
        <v>0.2616</v>
      </c>
      <c r="G4537">
        <f t="shared" si="1053"/>
        <v>7.54312</v>
      </c>
      <c r="H4537" s="235">
        <f t="shared" si="1054"/>
        <v>2.7959252935124987</v>
      </c>
      <c r="I4537" s="236">
        <f t="shared" si="1055"/>
        <v>20.309245734763572</v>
      </c>
      <c r="J4537" s="237">
        <f t="shared" si="1060"/>
        <v>10.309245734763572</v>
      </c>
      <c r="K4537" s="237">
        <f t="shared" si="1056"/>
        <v>912.90059577762258</v>
      </c>
      <c r="L4537" s="237">
        <f t="shared" si="1061"/>
        <v>463.47276049776588</v>
      </c>
      <c r="M4537" s="236">
        <f t="shared" si="1057"/>
        <v>14.305521207118142</v>
      </c>
      <c r="N4537" s="236">
        <f t="shared" si="1058"/>
        <v>3.180890211049288</v>
      </c>
      <c r="O4537" s="236">
        <f t="shared" si="1062"/>
        <v>2.8851459483814152</v>
      </c>
      <c r="P4537" s="236" t="str">
        <f t="shared" si="1063"/>
        <v>CLAY</v>
      </c>
      <c r="Q4537" s="236">
        <f t="shared" si="1059"/>
        <v>552.51828368519807</v>
      </c>
      <c r="R4537" s="238">
        <v>35</v>
      </c>
      <c r="S4537" s="236">
        <f t="shared" si="1064"/>
        <v>6.9553600344821742</v>
      </c>
      <c r="T4537" s="236" t="e">
        <f t="shared" si="1050"/>
        <v>#N/A</v>
      </c>
    </row>
    <row r="4538" spans="1:20" x14ac:dyDescent="0.2">
      <c r="A4538" s="53">
        <f t="shared" si="1051"/>
        <v>4526</v>
      </c>
      <c r="B4538" s="239">
        <v>44.968000000000004</v>
      </c>
      <c r="C4538" s="3">
        <f t="shared" si="1052"/>
        <v>44.961000000000006</v>
      </c>
      <c r="D4538" s="239">
        <v>7.4965000000000002</v>
      </c>
      <c r="E4538" s="239">
        <v>0.2109</v>
      </c>
      <c r="F4538" s="239">
        <v>0.3256</v>
      </c>
      <c r="G4538">
        <f t="shared" si="1053"/>
        <v>7.5616200000000005</v>
      </c>
      <c r="H4538" s="235">
        <f t="shared" si="1054"/>
        <v>2.7890848786371172</v>
      </c>
      <c r="I4538" s="236">
        <f t="shared" si="1055"/>
        <v>20.310203183450461</v>
      </c>
      <c r="J4538" s="237">
        <f t="shared" si="1060"/>
        <v>10.310203183450461</v>
      </c>
      <c r="K4538" s="237">
        <f t="shared" si="1056"/>
        <v>913.16704533111636</v>
      </c>
      <c r="L4538" s="237">
        <f t="shared" si="1061"/>
        <v>463.62921675340039</v>
      </c>
      <c r="M4538" s="236">
        <f t="shared" si="1057"/>
        <v>14.340021539680336</v>
      </c>
      <c r="N4538" s="236">
        <f t="shared" si="1058"/>
        <v>3.1721665391629976</v>
      </c>
      <c r="O4538" s="236">
        <f t="shared" si="1062"/>
        <v>2.8835946698439519</v>
      </c>
      <c r="P4538" s="236" t="str">
        <f t="shared" si="1063"/>
        <v>CLAY</v>
      </c>
      <c r="Q4538" s="236">
        <f t="shared" si="1059"/>
        <v>554.03774622240701</v>
      </c>
      <c r="R4538" s="238">
        <v>35</v>
      </c>
      <c r="S4538" s="236">
        <f t="shared" si="1064"/>
        <v>6.9763339757874512</v>
      </c>
      <c r="T4538" s="236" t="e">
        <f t="shared" si="1050"/>
        <v>#N/A</v>
      </c>
    </row>
    <row r="4539" spans="1:20" x14ac:dyDescent="0.2">
      <c r="A4539" s="53">
        <f t="shared" si="1051"/>
        <v>4527</v>
      </c>
      <c r="B4539" s="239">
        <v>44.978000000000002</v>
      </c>
      <c r="C4539" s="3">
        <f t="shared" si="1052"/>
        <v>44.971000000000004</v>
      </c>
      <c r="D4539" s="239">
        <v>7.4382000000000001</v>
      </c>
      <c r="E4539" s="239">
        <v>0.21640000000000001</v>
      </c>
      <c r="F4539" s="239">
        <v>0.26869999999999999</v>
      </c>
      <c r="G4539">
        <f t="shared" si="1053"/>
        <v>7.4919400000000005</v>
      </c>
      <c r="H4539" s="235">
        <f t="shared" si="1054"/>
        <v>2.8884374407696805</v>
      </c>
      <c r="I4539" s="236">
        <f t="shared" si="1055"/>
        <v>20.336772508316855</v>
      </c>
      <c r="J4539" s="237">
        <f t="shared" si="1060"/>
        <v>10.336772508316855</v>
      </c>
      <c r="K4539" s="237">
        <f t="shared" si="1056"/>
        <v>914.56499647151736</v>
      </c>
      <c r="L4539" s="237">
        <f t="shared" si="1061"/>
        <v>464.92735387907555</v>
      </c>
      <c r="M4539" s="236">
        <f t="shared" si="1057"/>
        <v>14.147102657330878</v>
      </c>
      <c r="N4539" s="236">
        <f t="shared" si="1058"/>
        <v>3.2900663240868973</v>
      </c>
      <c r="O4539" s="236">
        <f t="shared" si="1062"/>
        <v>2.8977893692778984</v>
      </c>
      <c r="P4539" s="236" t="str">
        <f t="shared" si="1063"/>
        <v>CLAY</v>
      </c>
      <c r="Q4539" s="236">
        <f t="shared" si="1059"/>
        <v>548.11458362737358</v>
      </c>
      <c r="R4539" s="238">
        <v>35</v>
      </c>
      <c r="S4539" s="236">
        <f t="shared" si="1064"/>
        <v>6.8592145890093201</v>
      </c>
      <c r="T4539" s="236" t="e">
        <f t="shared" si="1050"/>
        <v>#N/A</v>
      </c>
    </row>
    <row r="4540" spans="1:20" x14ac:dyDescent="0.2">
      <c r="A4540" s="53">
        <f t="shared" si="1051"/>
        <v>4528</v>
      </c>
      <c r="B4540" s="239">
        <v>44.987000000000002</v>
      </c>
      <c r="C4540" s="3">
        <f t="shared" si="1052"/>
        <v>44.980000000000004</v>
      </c>
      <c r="D4540" s="239">
        <v>7.1981999999999999</v>
      </c>
      <c r="E4540" s="239">
        <v>0.21940000000000001</v>
      </c>
      <c r="F4540" s="239">
        <v>0.29089999999999999</v>
      </c>
      <c r="G4540">
        <f t="shared" si="1053"/>
        <v>7.2563800000000001</v>
      </c>
      <c r="H4540" s="235">
        <f t="shared" si="1054"/>
        <v>3.0235461759169175</v>
      </c>
      <c r="I4540" s="236">
        <f t="shared" si="1055"/>
        <v>20.340429953016308</v>
      </c>
      <c r="J4540" s="237">
        <f t="shared" si="1060"/>
        <v>10.340429953016308</v>
      </c>
      <c r="K4540" s="237">
        <f t="shared" si="1056"/>
        <v>914.91253928667356</v>
      </c>
      <c r="L4540" s="237">
        <f t="shared" si="1061"/>
        <v>465.18492229634467</v>
      </c>
      <c r="M4540" s="236">
        <f t="shared" si="1057"/>
        <v>13.632143168805273</v>
      </c>
      <c r="N4540" s="236">
        <f t="shared" si="1058"/>
        <v>3.4597670233148303</v>
      </c>
      <c r="O4540" s="236">
        <f t="shared" si="1062"/>
        <v>2.9237829093008099</v>
      </c>
      <c r="P4540" s="236" t="str">
        <f t="shared" si="1063"/>
        <v>CLAY</v>
      </c>
      <c r="Q4540" s="236">
        <f t="shared" si="1059"/>
        <v>528.45562172611051</v>
      </c>
      <c r="R4540" s="238">
        <v>35</v>
      </c>
      <c r="S4540" s="236">
        <f t="shared" si="1064"/>
        <v>6.5485505129707082</v>
      </c>
      <c r="T4540" s="236" t="e">
        <f t="shared" si="1050"/>
        <v>#N/A</v>
      </c>
    </row>
    <row r="4541" spans="1:20" x14ac:dyDescent="0.2">
      <c r="A4541" s="53">
        <f t="shared" si="1051"/>
        <v>4529</v>
      </c>
      <c r="B4541" s="239">
        <v>44.997999999999998</v>
      </c>
      <c r="C4541" s="3">
        <f t="shared" si="1052"/>
        <v>44.991</v>
      </c>
      <c r="D4541" s="239">
        <v>6.9767000000000001</v>
      </c>
      <c r="E4541" s="239">
        <v>0.2016</v>
      </c>
      <c r="F4541" s="239">
        <v>0.29370000000000002</v>
      </c>
      <c r="G4541">
        <f t="shared" si="1053"/>
        <v>7.0354400000000004</v>
      </c>
      <c r="H4541" s="235">
        <f t="shared" si="1054"/>
        <v>2.8654924212273856</v>
      </c>
      <c r="I4541" s="236">
        <f t="shared" si="1055"/>
        <v>20.229129616627255</v>
      </c>
      <c r="J4541" s="237">
        <f t="shared" si="1060"/>
        <v>10.229129616627255</v>
      </c>
      <c r="K4541" s="237">
        <f t="shared" si="1056"/>
        <v>910.1287705816768</v>
      </c>
      <c r="L4541" s="237">
        <f t="shared" si="1061"/>
        <v>460.29037448899317</v>
      </c>
      <c r="M4541" s="236">
        <f t="shared" si="1057"/>
        <v>13.307493636421453</v>
      </c>
      <c r="N4541" s="236">
        <f t="shared" si="1058"/>
        <v>3.2912613326775308</v>
      </c>
      <c r="O4541" s="236">
        <f t="shared" si="1062"/>
        <v>2.9191937790675579</v>
      </c>
      <c r="P4541" s="236" t="str">
        <f t="shared" si="1063"/>
        <v>CLAY</v>
      </c>
      <c r="Q4541" s="236">
        <f t="shared" si="1059"/>
        <v>510.44260245152697</v>
      </c>
      <c r="R4541" s="238">
        <v>35</v>
      </c>
      <c r="S4541" s="236">
        <f t="shared" si="1064"/>
        <v>6.3541921343307974</v>
      </c>
      <c r="T4541" s="236" t="e">
        <f t="shared" si="1050"/>
        <v>#N/A</v>
      </c>
    </row>
    <row r="4542" spans="1:20" x14ac:dyDescent="0.2">
      <c r="A4542" s="53">
        <f t="shared" si="1051"/>
        <v>4530</v>
      </c>
      <c r="B4542" s="239">
        <v>45.006999999999998</v>
      </c>
      <c r="C4542" s="3">
        <f t="shared" si="1052"/>
        <v>45</v>
      </c>
      <c r="D4542" s="239">
        <v>6.8063000000000002</v>
      </c>
      <c r="E4542" s="239">
        <v>0.19939999999999999</v>
      </c>
      <c r="F4542" s="239">
        <v>0.34439999999999998</v>
      </c>
      <c r="G4542">
        <f t="shared" si="1053"/>
        <v>6.8751800000000003</v>
      </c>
      <c r="H4542" s="235">
        <f t="shared" si="1054"/>
        <v>2.900287701558359</v>
      </c>
      <c r="I4542" s="236">
        <f t="shared" si="1055"/>
        <v>20.20725663579206</v>
      </c>
      <c r="J4542" s="237">
        <f t="shared" si="1060"/>
        <v>10.20725663579206</v>
      </c>
      <c r="K4542" s="237">
        <f t="shared" si="1056"/>
        <v>909.3265486106427</v>
      </c>
      <c r="L4542" s="237">
        <f t="shared" si="1061"/>
        <v>459.39799940709321</v>
      </c>
      <c r="M4542" s="236">
        <f t="shared" si="1057"/>
        <v>12.986241688228917</v>
      </c>
      <c r="N4542" s="236">
        <f t="shared" si="1058"/>
        <v>3.3423549811395845</v>
      </c>
      <c r="O4542" s="236">
        <f t="shared" si="1062"/>
        <v>2.9317041938963944</v>
      </c>
      <c r="P4542" s="236" t="str">
        <f t="shared" si="1063"/>
        <v>CLAY</v>
      </c>
      <c r="Q4542" s="236">
        <f t="shared" si="1059"/>
        <v>497.15445428244647</v>
      </c>
      <c r="R4542" s="238">
        <v>35</v>
      </c>
      <c r="S4542" s="236">
        <f t="shared" si="1064"/>
        <v>6.1630311145882173</v>
      </c>
      <c r="T4542" s="236" t="e">
        <f t="shared" si="1050"/>
        <v>#N/A</v>
      </c>
    </row>
    <row r="4543" spans="1:20" x14ac:dyDescent="0.2">
      <c r="A4543" s="53">
        <f t="shared" si="1051"/>
        <v>4531</v>
      </c>
      <c r="B4543" s="239">
        <v>45.018000000000001</v>
      </c>
      <c r="C4543" s="3">
        <f t="shared" si="1052"/>
        <v>45.011000000000003</v>
      </c>
      <c r="D4543" s="239">
        <v>6.5259</v>
      </c>
      <c r="E4543" s="239">
        <v>0.19589999999999999</v>
      </c>
      <c r="F4543" s="239">
        <v>0.49419999999999997</v>
      </c>
      <c r="G4543">
        <f t="shared" si="1053"/>
        <v>6.6247400000000001</v>
      </c>
      <c r="H4543" s="235">
        <f t="shared" si="1054"/>
        <v>2.9570971841913796</v>
      </c>
      <c r="I4543" s="236">
        <f t="shared" si="1055"/>
        <v>20.171987986006354</v>
      </c>
      <c r="J4543" s="237">
        <f t="shared" si="1060"/>
        <v>10.171987986006354</v>
      </c>
      <c r="K4543" s="237">
        <f t="shared" si="1056"/>
        <v>907.96135123813201</v>
      </c>
      <c r="L4543" s="237">
        <f t="shared" si="1061"/>
        <v>457.92255515403406</v>
      </c>
      <c r="M4543" s="236">
        <f t="shared" si="1057"/>
        <v>12.484160442454908</v>
      </c>
      <c r="N4543" s="236">
        <f t="shared" si="1058"/>
        <v>3.4267550317420064</v>
      </c>
      <c r="O4543" s="236">
        <f t="shared" si="1062"/>
        <v>2.9519120121123112</v>
      </c>
      <c r="P4543" s="236" t="str">
        <f t="shared" si="1063"/>
        <v>CLAY</v>
      </c>
      <c r="Q4543" s="236">
        <f t="shared" si="1059"/>
        <v>476.39822073015563</v>
      </c>
      <c r="R4543" s="238">
        <v>35</v>
      </c>
      <c r="S4543" s="236">
        <f t="shared" si="1064"/>
        <v>5.8666365749678091</v>
      </c>
      <c r="T4543" s="236" t="e">
        <f t="shared" si="1050"/>
        <v>#N/A</v>
      </c>
    </row>
    <row r="4544" spans="1:20" x14ac:dyDescent="0.2">
      <c r="A4544" s="53">
        <f t="shared" si="1051"/>
        <v>4532</v>
      </c>
      <c r="B4544" s="239">
        <v>45.027000000000001</v>
      </c>
      <c r="C4544" s="3">
        <f t="shared" si="1052"/>
        <v>45.02</v>
      </c>
      <c r="D4544" s="239">
        <v>5.9615</v>
      </c>
      <c r="E4544" s="239">
        <v>0.21110000000000001</v>
      </c>
      <c r="F4544" s="239">
        <v>0.60009999999999997</v>
      </c>
      <c r="G4544">
        <f t="shared" si="1053"/>
        <v>6.0815200000000003</v>
      </c>
      <c r="H4544" s="235">
        <f t="shared" si="1054"/>
        <v>3.4711716807640194</v>
      </c>
      <c r="I4544" s="236">
        <f t="shared" si="1055"/>
        <v>20.226172209704551</v>
      </c>
      <c r="J4544" s="237">
        <f t="shared" si="1060"/>
        <v>10.226172209704551</v>
      </c>
      <c r="K4544" s="237">
        <f t="shared" si="1056"/>
        <v>910.58227288089893</v>
      </c>
      <c r="L4544" s="237">
        <f t="shared" si="1061"/>
        <v>460.45385608636684</v>
      </c>
      <c r="M4544" s="236">
        <f t="shared" si="1057"/>
        <v>11.230088875939817</v>
      </c>
      <c r="N4544" s="236">
        <f t="shared" si="1058"/>
        <v>4.0824316814507595</v>
      </c>
      <c r="O4544" s="236">
        <f t="shared" si="1062"/>
        <v>3.0342724998711383</v>
      </c>
      <c r="P4544" s="236" t="str">
        <f t="shared" si="1063"/>
        <v>CLAY</v>
      </c>
      <c r="Q4544" s="236">
        <f t="shared" si="1059"/>
        <v>430.91147725992511</v>
      </c>
      <c r="R4544" s="238">
        <v>35</v>
      </c>
      <c r="S4544" s="236">
        <f t="shared" si="1064"/>
        <v>5.1394778693580525</v>
      </c>
      <c r="T4544" s="236" t="e">
        <f t="shared" si="1050"/>
        <v>#N/A</v>
      </c>
    </row>
    <row r="4545" spans="1:20" x14ac:dyDescent="0.2">
      <c r="A4545" s="53">
        <f t="shared" si="1051"/>
        <v>4533</v>
      </c>
      <c r="B4545" s="239">
        <v>45.036000000000001</v>
      </c>
      <c r="C4545" s="3">
        <f t="shared" si="1052"/>
        <v>45.029000000000003</v>
      </c>
      <c r="D4545" s="239">
        <v>5.6542000000000003</v>
      </c>
      <c r="E4545" s="239">
        <v>0.22059999999999999</v>
      </c>
      <c r="F4545" s="239">
        <v>0.61060000000000003</v>
      </c>
      <c r="G4545">
        <f t="shared" si="1053"/>
        <v>5.7763200000000001</v>
      </c>
      <c r="H4545" s="235">
        <f t="shared" si="1054"/>
        <v>3.8190404963713918</v>
      </c>
      <c r="I4545" s="236">
        <f t="shared" si="1055"/>
        <v>20.257664046341851</v>
      </c>
      <c r="J4545" s="237">
        <f t="shared" si="1060"/>
        <v>10.257664046341851</v>
      </c>
      <c r="K4545" s="237">
        <f t="shared" si="1056"/>
        <v>912.18235434272731</v>
      </c>
      <c r="L4545" s="237">
        <f t="shared" si="1061"/>
        <v>461.96415799105165</v>
      </c>
      <c r="M4545" s="236">
        <f t="shared" si="1057"/>
        <v>10.529253323049993</v>
      </c>
      <c r="N4545" s="236">
        <f t="shared" si="1058"/>
        <v>4.535233500165293</v>
      </c>
      <c r="O4545" s="236">
        <f t="shared" si="1062"/>
        <v>3.08421527898762</v>
      </c>
      <c r="P4545" s="236" t="str">
        <f t="shared" si="1063"/>
        <v>CLAY</v>
      </c>
      <c r="Q4545" s="236">
        <f t="shared" si="1059"/>
        <v>405.34480380477271</v>
      </c>
      <c r="R4545" s="238">
        <v>35</v>
      </c>
      <c r="S4545" s="236">
        <f t="shared" si="1064"/>
        <v>4.7417317000692032</v>
      </c>
      <c r="T4545" s="236" t="e">
        <f t="shared" si="1050"/>
        <v>#N/A</v>
      </c>
    </row>
    <row r="4546" spans="1:20" x14ac:dyDescent="0.2">
      <c r="A4546" s="53">
        <f t="shared" si="1051"/>
        <v>4534</v>
      </c>
      <c r="B4546" s="239">
        <v>45.045999999999999</v>
      </c>
      <c r="C4546" s="3">
        <f t="shared" si="1052"/>
        <v>45.039000000000001</v>
      </c>
      <c r="D4546" s="239">
        <v>5.3303000000000003</v>
      </c>
      <c r="E4546" s="239">
        <v>0.22939999999999999</v>
      </c>
      <c r="F4546" s="239">
        <v>0.74419999999999997</v>
      </c>
      <c r="G4546">
        <f t="shared" si="1053"/>
        <v>5.4791400000000001</v>
      </c>
      <c r="H4546" s="235">
        <f t="shared" si="1054"/>
        <v>4.1867884376015212</v>
      </c>
      <c r="I4546" s="236">
        <f t="shared" si="1055"/>
        <v>20.282886428697875</v>
      </c>
      <c r="J4546" s="237">
        <f t="shared" si="1060"/>
        <v>10.282886428697875</v>
      </c>
      <c r="K4546" s="237">
        <f t="shared" si="1056"/>
        <v>913.5209218621236</v>
      </c>
      <c r="L4546" s="237">
        <f t="shared" si="1061"/>
        <v>463.20290206712446</v>
      </c>
      <c r="M4546" s="236">
        <f t="shared" si="1057"/>
        <v>9.8566288288847019</v>
      </c>
      <c r="N4546" s="236">
        <f t="shared" si="1058"/>
        <v>5.0245102816059415</v>
      </c>
      <c r="O4546" s="236">
        <f t="shared" si="1062"/>
        <v>3.1340903271809193</v>
      </c>
      <c r="P4546" s="236" t="str">
        <f t="shared" si="1063"/>
        <v>CLAY</v>
      </c>
      <c r="Q4546" s="236">
        <f t="shared" si="1059"/>
        <v>380.4682565114897</v>
      </c>
      <c r="R4546" s="238">
        <v>35</v>
      </c>
      <c r="S4546" s="236">
        <f t="shared" si="1064"/>
        <v>4.3661686999858969</v>
      </c>
      <c r="T4546" s="236" t="e">
        <f t="shared" si="1050"/>
        <v>#N/A</v>
      </c>
    </row>
    <row r="4547" spans="1:20" x14ac:dyDescent="0.2">
      <c r="A4547" s="53">
        <f t="shared" si="1051"/>
        <v>4535</v>
      </c>
      <c r="B4547" s="239">
        <v>45.055</v>
      </c>
      <c r="C4547" s="3">
        <f t="shared" si="1052"/>
        <v>45.048000000000002</v>
      </c>
      <c r="D4547" s="239">
        <v>5.3525999999999998</v>
      </c>
      <c r="E4547" s="239">
        <v>0.2235</v>
      </c>
      <c r="F4547" s="239">
        <v>0.65029999999999999</v>
      </c>
      <c r="G4547">
        <f t="shared" si="1053"/>
        <v>5.4826600000000001</v>
      </c>
      <c r="H4547" s="235">
        <f t="shared" si="1054"/>
        <v>4.0764884198545959</v>
      </c>
      <c r="I4547" s="236">
        <f t="shared" si="1055"/>
        <v>20.252584561608018</v>
      </c>
      <c r="J4547" s="237">
        <f t="shared" si="1060"/>
        <v>10.252584561608018</v>
      </c>
      <c r="K4547" s="237">
        <f t="shared" si="1056"/>
        <v>912.33842933131803</v>
      </c>
      <c r="L4547" s="237">
        <f t="shared" si="1061"/>
        <v>461.93019742324924</v>
      </c>
      <c r="M4547" s="236">
        <f t="shared" si="1057"/>
        <v>9.8939657899894087</v>
      </c>
      <c r="N4547" s="236">
        <f t="shared" si="1058"/>
        <v>4.8902467046164508</v>
      </c>
      <c r="O4547" s="236">
        <f t="shared" si="1062"/>
        <v>3.1255936430209541</v>
      </c>
      <c r="P4547" s="236" t="str">
        <f t="shared" si="1063"/>
        <v>CLAY</v>
      </c>
      <c r="Q4547" s="236">
        <f t="shared" si="1059"/>
        <v>380.86013088905679</v>
      </c>
      <c r="R4547" s="238">
        <v>35</v>
      </c>
      <c r="S4547" s="236">
        <f t="shared" si="1064"/>
        <v>4.3868523168957116</v>
      </c>
      <c r="T4547" s="236" t="e">
        <f t="shared" si="1050"/>
        <v>#N/A</v>
      </c>
    </row>
    <row r="4548" spans="1:20" x14ac:dyDescent="0.2">
      <c r="A4548" s="53">
        <f t="shared" si="1051"/>
        <v>4536</v>
      </c>
      <c r="B4548" s="239">
        <v>45.064999999999998</v>
      </c>
      <c r="C4548" s="3">
        <f t="shared" si="1052"/>
        <v>45.058</v>
      </c>
      <c r="D4548" s="239">
        <v>5.5644999999999998</v>
      </c>
      <c r="E4548" s="239">
        <v>0.21990000000000001</v>
      </c>
      <c r="F4548" s="239">
        <v>0.505</v>
      </c>
      <c r="G4548">
        <f t="shared" si="1053"/>
        <v>5.6654999999999998</v>
      </c>
      <c r="H4548" s="235">
        <f t="shared" si="1054"/>
        <v>3.88138734445327</v>
      </c>
      <c r="I4548" s="236">
        <f t="shared" si="1055"/>
        <v>20.246365593151509</v>
      </c>
      <c r="J4548" s="237">
        <f t="shared" si="1060"/>
        <v>10.246365593151509</v>
      </c>
      <c r="K4548" s="237">
        <f t="shared" si="1056"/>
        <v>912.26074089622068</v>
      </c>
      <c r="L4548" s="237">
        <f t="shared" si="1061"/>
        <v>461.75246545537271</v>
      </c>
      <c r="M4548" s="236">
        <f t="shared" si="1057"/>
        <v>10.293912030152807</v>
      </c>
      <c r="N4548" s="236">
        <f t="shared" si="1058"/>
        <v>4.6263187694335004</v>
      </c>
      <c r="O4548" s="236">
        <f t="shared" si="1062"/>
        <v>3.0972607132493182</v>
      </c>
      <c r="P4548" s="236" t="str">
        <f t="shared" si="1063"/>
        <v>CLAY</v>
      </c>
      <c r="Q4548" s="236">
        <f t="shared" si="1059"/>
        <v>396.10327159198164</v>
      </c>
      <c r="R4548" s="238">
        <v>35</v>
      </c>
      <c r="S4548" s="236">
        <f t="shared" si="1064"/>
        <v>4.6096247667539867</v>
      </c>
      <c r="T4548" s="236" t="e">
        <f t="shared" si="1050"/>
        <v>#N/A</v>
      </c>
    </row>
    <row r="4549" spans="1:20" x14ac:dyDescent="0.2">
      <c r="A4549" s="53">
        <f t="shared" si="1051"/>
        <v>4537</v>
      </c>
      <c r="B4549" s="239">
        <v>45.073999999999998</v>
      </c>
      <c r="C4549" s="3">
        <f t="shared" si="1052"/>
        <v>45.067</v>
      </c>
      <c r="D4549" s="239">
        <v>5.9772999999999996</v>
      </c>
      <c r="E4549" s="239">
        <v>0.20930000000000001</v>
      </c>
      <c r="F4549" s="239">
        <v>0.56979999999999997</v>
      </c>
      <c r="G4549">
        <f t="shared" si="1053"/>
        <v>6.0912599999999992</v>
      </c>
      <c r="H4549" s="235">
        <f t="shared" si="1054"/>
        <v>3.4360706980165032</v>
      </c>
      <c r="I4549" s="236">
        <f t="shared" si="1055"/>
        <v>20.216756394529625</v>
      </c>
      <c r="J4549" s="237">
        <f t="shared" si="1060"/>
        <v>10.216756394529625</v>
      </c>
      <c r="K4549" s="237">
        <f t="shared" si="1056"/>
        <v>911.10856043226659</v>
      </c>
      <c r="L4549" s="237">
        <f t="shared" si="1061"/>
        <v>460.51007772702832</v>
      </c>
      <c r="M4549" s="236">
        <f t="shared" si="1057"/>
        <v>11.248725467932791</v>
      </c>
      <c r="N4549" s="236">
        <f t="shared" si="1058"/>
        <v>4.0404224170223371</v>
      </c>
      <c r="O4549" s="236">
        <f t="shared" si="1062"/>
        <v>3.0309892631228101</v>
      </c>
      <c r="P4549" s="236" t="str">
        <f t="shared" si="1063"/>
        <v>CLAY</v>
      </c>
      <c r="Q4549" s="236">
        <f t="shared" si="1059"/>
        <v>431.67928663064441</v>
      </c>
      <c r="R4549" s="238">
        <v>35</v>
      </c>
      <c r="S4549" s="236">
        <f t="shared" si="1064"/>
        <v>5.1501414328945332</v>
      </c>
      <c r="T4549" s="236" t="e">
        <f t="shared" si="1050"/>
        <v>#N/A</v>
      </c>
    </row>
    <row r="4550" spans="1:20" x14ac:dyDescent="0.2">
      <c r="A4550" s="53">
        <f t="shared" si="1051"/>
        <v>4538</v>
      </c>
      <c r="B4550" s="239">
        <v>45.084000000000003</v>
      </c>
      <c r="C4550" s="3">
        <f t="shared" si="1052"/>
        <v>45.077000000000005</v>
      </c>
      <c r="D4550" s="239">
        <v>6.3878000000000004</v>
      </c>
      <c r="E4550" s="239">
        <v>0.2044</v>
      </c>
      <c r="F4550" s="239">
        <v>0.57320000000000004</v>
      </c>
      <c r="G4550">
        <f t="shared" si="1053"/>
        <v>6.50244</v>
      </c>
      <c r="H4550" s="235">
        <f t="shared" si="1054"/>
        <v>3.1434353873315244</v>
      </c>
      <c r="I4550" s="236">
        <f t="shared" si="1055"/>
        <v>20.214510179498415</v>
      </c>
      <c r="J4550" s="237">
        <f t="shared" si="1060"/>
        <v>10.214510179498415</v>
      </c>
      <c r="K4550" s="237">
        <f t="shared" si="1056"/>
        <v>911.20947536125016</v>
      </c>
      <c r="L4550" s="237">
        <f t="shared" si="1061"/>
        <v>460.51097693250659</v>
      </c>
      <c r="M4550" s="236">
        <f t="shared" si="1057"/>
        <v>12.141362105811892</v>
      </c>
      <c r="N4550" s="236">
        <f t="shared" si="1058"/>
        <v>3.6557247836460172</v>
      </c>
      <c r="O4550" s="236">
        <f t="shared" si="1062"/>
        <v>2.9783744659355182</v>
      </c>
      <c r="P4550" s="236" t="str">
        <f t="shared" si="1063"/>
        <v>CLAY</v>
      </c>
      <c r="Q4550" s="236">
        <f t="shared" si="1059"/>
        <v>465.93587705322915</v>
      </c>
      <c r="R4550" s="238">
        <v>35</v>
      </c>
      <c r="S4550" s="236">
        <f t="shared" si="1064"/>
        <v>5.6659700349751176</v>
      </c>
      <c r="T4550" s="236" t="e">
        <f t="shared" si="1050"/>
        <v>#N/A</v>
      </c>
    </row>
    <row r="4551" spans="1:20" x14ac:dyDescent="0.2">
      <c r="A4551" s="53">
        <f t="shared" si="1051"/>
        <v>4539</v>
      </c>
      <c r="B4551" s="239">
        <v>45.093000000000004</v>
      </c>
      <c r="C4551" s="3">
        <f t="shared" si="1052"/>
        <v>45.086000000000006</v>
      </c>
      <c r="D4551" s="239">
        <v>6.8901000000000003</v>
      </c>
      <c r="E4551" s="239">
        <v>0.20580000000000001</v>
      </c>
      <c r="F4551" s="239">
        <v>0.47849999999999998</v>
      </c>
      <c r="G4551">
        <f t="shared" si="1053"/>
        <v>6.9858000000000002</v>
      </c>
      <c r="H4551" s="235">
        <f t="shared" si="1054"/>
        <v>2.9459761229923562</v>
      </c>
      <c r="I4551" s="236">
        <f t="shared" si="1055"/>
        <v>20.250540087592796</v>
      </c>
      <c r="J4551" s="237">
        <f t="shared" si="1060"/>
        <v>10.250540087592796</v>
      </c>
      <c r="K4551" s="237">
        <f t="shared" si="1056"/>
        <v>913.01585038920894</v>
      </c>
      <c r="L4551" s="237">
        <f t="shared" si="1061"/>
        <v>462.22760416982197</v>
      </c>
      <c r="M4551" s="236">
        <f t="shared" si="1057"/>
        <v>13.13808196400935</v>
      </c>
      <c r="N4551" s="236">
        <f t="shared" si="1058"/>
        <v>3.3888904154973116</v>
      </c>
      <c r="O4551" s="236">
        <f t="shared" si="1062"/>
        <v>2.9312289663470144</v>
      </c>
      <c r="P4551" s="236" t="str">
        <f t="shared" si="1063"/>
        <v>CLAY</v>
      </c>
      <c r="Q4551" s="236">
        <f t="shared" si="1059"/>
        <v>506.06534580089925</v>
      </c>
      <c r="R4551" s="238">
        <v>35</v>
      </c>
      <c r="S4551" s="236">
        <f t="shared" si="1064"/>
        <v>6.2532381295949868</v>
      </c>
      <c r="T4551" s="236" t="e">
        <f t="shared" si="1050"/>
        <v>#N/A</v>
      </c>
    </row>
    <row r="4552" spans="1:20" x14ac:dyDescent="0.2">
      <c r="A4552" s="53">
        <f t="shared" si="1051"/>
        <v>4540</v>
      </c>
      <c r="B4552" s="239">
        <v>45.103999999999999</v>
      </c>
      <c r="C4552" s="3">
        <f t="shared" si="1052"/>
        <v>45.097000000000001</v>
      </c>
      <c r="D4552" s="239">
        <v>7.2724000000000002</v>
      </c>
      <c r="E4552" s="239">
        <v>0.20619999999999999</v>
      </c>
      <c r="F4552" s="239">
        <v>0.57950000000000002</v>
      </c>
      <c r="G4552">
        <f t="shared" si="1053"/>
        <v>7.3883000000000001</v>
      </c>
      <c r="H4552" s="235">
        <f t="shared" si="1054"/>
        <v>2.790899124291109</v>
      </c>
      <c r="I4552" s="236">
        <f t="shared" si="1055"/>
        <v>20.274712508327379</v>
      </c>
      <c r="J4552" s="237">
        <f t="shared" si="1060"/>
        <v>10.274712508327379</v>
      </c>
      <c r="K4552" s="237">
        <f t="shared" si="1056"/>
        <v>914.3287099880398</v>
      </c>
      <c r="L4552" s="237">
        <f t="shared" si="1061"/>
        <v>463.43063297559809</v>
      </c>
      <c r="M4552" s="236">
        <f t="shared" si="1057"/>
        <v>13.969666287366133</v>
      </c>
      <c r="N4552" s="236">
        <f t="shared" si="1058"/>
        <v>3.1850620085097572</v>
      </c>
      <c r="O4552" s="236">
        <f t="shared" si="1062"/>
        <v>2.8937683488142878</v>
      </c>
      <c r="P4552" s="236" t="str">
        <f t="shared" si="1063"/>
        <v>CLAY</v>
      </c>
      <c r="Q4552" s="236">
        <f t="shared" si="1059"/>
        <v>539.49760750099665</v>
      </c>
      <c r="R4552" s="238">
        <v>35</v>
      </c>
      <c r="S4552" s="236">
        <f t="shared" si="1064"/>
        <v>6.7518463131290254</v>
      </c>
      <c r="T4552" s="236" t="e">
        <f t="shared" si="1050"/>
        <v>#N/A</v>
      </c>
    </row>
    <row r="4553" spans="1:20" x14ac:dyDescent="0.2">
      <c r="A4553" s="53">
        <f t="shared" si="1051"/>
        <v>4541</v>
      </c>
      <c r="B4553" s="239">
        <v>45.113</v>
      </c>
      <c r="C4553" s="3">
        <f t="shared" si="1052"/>
        <v>45.106000000000002</v>
      </c>
      <c r="D4553" s="239">
        <v>8.0976999999999997</v>
      </c>
      <c r="E4553" s="239">
        <v>0.2036</v>
      </c>
      <c r="F4553" s="239">
        <v>0.3397</v>
      </c>
      <c r="G4553">
        <f t="shared" si="1053"/>
        <v>8.1656399999999998</v>
      </c>
      <c r="H4553" s="235">
        <f t="shared" si="1054"/>
        <v>2.4933746773063716</v>
      </c>
      <c r="I4553" s="236">
        <f t="shared" si="1055"/>
        <v>20.2989342495502</v>
      </c>
      <c r="J4553" s="237">
        <f t="shared" si="1060"/>
        <v>10.2989342495502</v>
      </c>
      <c r="K4553" s="237">
        <f t="shared" si="1056"/>
        <v>915.60372826021137</v>
      </c>
      <c r="L4553" s="237">
        <f t="shared" si="1061"/>
        <v>464.61582079995816</v>
      </c>
      <c r="M4553" s="236">
        <f t="shared" si="1057"/>
        <v>15.604368054572371</v>
      </c>
      <c r="N4553" s="236">
        <f t="shared" si="1058"/>
        <v>2.8082618123390737</v>
      </c>
      <c r="O4553" s="236">
        <f t="shared" si="1062"/>
        <v>2.8226391797171133</v>
      </c>
      <c r="P4553" s="236" t="str">
        <f t="shared" si="1063"/>
        <v>CLAY</v>
      </c>
      <c r="Q4553" s="236">
        <f t="shared" si="1059"/>
        <v>604.16968931164899</v>
      </c>
      <c r="R4553" s="238">
        <v>35</v>
      </c>
      <c r="S4553" s="236">
        <f t="shared" si="1064"/>
        <v>7.7534990909650876</v>
      </c>
      <c r="T4553" s="236" t="e">
        <f t="shared" si="1050"/>
        <v>#N/A</v>
      </c>
    </row>
    <row r="4554" spans="1:20" x14ac:dyDescent="0.2">
      <c r="A4554" s="53">
        <f t="shared" si="1051"/>
        <v>4542</v>
      </c>
      <c r="B4554" s="239">
        <v>45.122</v>
      </c>
      <c r="C4554" s="3">
        <f t="shared" si="1052"/>
        <v>45.115000000000002</v>
      </c>
      <c r="D4554" s="239">
        <v>8.5105000000000004</v>
      </c>
      <c r="E4554" s="239">
        <v>0.20419999999999999</v>
      </c>
      <c r="F4554" s="239">
        <v>0.3523</v>
      </c>
      <c r="G4554">
        <f t="shared" si="1053"/>
        <v>8.580960000000001</v>
      </c>
      <c r="H4554" s="235">
        <f t="shared" si="1054"/>
        <v>2.3796871212544977</v>
      </c>
      <c r="I4554" s="236">
        <f t="shared" si="1055"/>
        <v>20.321775836077926</v>
      </c>
      <c r="J4554" s="237">
        <f t="shared" si="1060"/>
        <v>10.321775836077926</v>
      </c>
      <c r="K4554" s="237">
        <f t="shared" si="1056"/>
        <v>916.81691684465568</v>
      </c>
      <c r="L4554" s="237">
        <f t="shared" si="1061"/>
        <v>465.73916927550817</v>
      </c>
      <c r="M4554" s="236">
        <f t="shared" si="1057"/>
        <v>16.455869698650186</v>
      </c>
      <c r="N4554" s="236">
        <f t="shared" si="1058"/>
        <v>2.6643552682204152</v>
      </c>
      <c r="O4554" s="236">
        <f t="shared" si="1062"/>
        <v>2.790527410243917</v>
      </c>
      <c r="P4554" s="236" t="str">
        <f t="shared" si="1063"/>
        <v>CLAY</v>
      </c>
      <c r="Q4554" s="236">
        <f t="shared" si="1059"/>
        <v>638.67859026294548</v>
      </c>
      <c r="R4554" s="238">
        <v>35</v>
      </c>
      <c r="S4554" s="236">
        <f t="shared" si="1064"/>
        <v>8.2859261547990855</v>
      </c>
      <c r="T4554" s="236" t="e">
        <f t="shared" si="1050"/>
        <v>#N/A</v>
      </c>
    </row>
    <row r="4555" spans="1:20" x14ac:dyDescent="0.2">
      <c r="A4555" s="53">
        <f t="shared" si="1051"/>
        <v>4543</v>
      </c>
      <c r="B4555" s="239">
        <v>45.131999999999998</v>
      </c>
      <c r="C4555" s="3">
        <f t="shared" si="1052"/>
        <v>45.125</v>
      </c>
      <c r="D4555" s="239">
        <v>8.5844000000000005</v>
      </c>
      <c r="E4555" s="239">
        <v>0.19850000000000001</v>
      </c>
      <c r="F4555" s="239">
        <v>0.1474</v>
      </c>
      <c r="G4555">
        <f t="shared" si="1053"/>
        <v>8.61388</v>
      </c>
      <c r="H4555" s="235">
        <f t="shared" si="1054"/>
        <v>2.3044203076894498</v>
      </c>
      <c r="I4555" s="236">
        <f t="shared" si="1055"/>
        <v>20.2900753699295</v>
      </c>
      <c r="J4555" s="237">
        <f t="shared" si="1060"/>
        <v>10.2900753699295</v>
      </c>
      <c r="K4555" s="237">
        <f t="shared" si="1056"/>
        <v>915.58965106806875</v>
      </c>
      <c r="L4555" s="237">
        <f t="shared" si="1061"/>
        <v>464.41168159565819</v>
      </c>
      <c r="M4555" s="236">
        <f t="shared" si="1057"/>
        <v>16.576435636764359</v>
      </c>
      <c r="N4555" s="236">
        <f t="shared" si="1058"/>
        <v>2.5784945877955892</v>
      </c>
      <c r="O4555" s="236">
        <f t="shared" si="1062"/>
        <v>2.7795945448401338</v>
      </c>
      <c r="P4555" s="236" t="str">
        <f t="shared" si="1063"/>
        <v>CLAY</v>
      </c>
      <c r="Q4555" s="236">
        <f t="shared" si="1059"/>
        <v>641.52419574432759</v>
      </c>
      <c r="R4555" s="238">
        <v>35</v>
      </c>
      <c r="S4555" s="236">
        <f t="shared" si="1064"/>
        <v>8.3618803371218071</v>
      </c>
      <c r="T4555" s="236" t="e">
        <f t="shared" si="1050"/>
        <v>#N/A</v>
      </c>
    </row>
    <row r="4556" spans="1:20" x14ac:dyDescent="0.2">
      <c r="A4556" s="53">
        <f t="shared" si="1051"/>
        <v>4544</v>
      </c>
      <c r="B4556" s="239">
        <v>45.142000000000003</v>
      </c>
      <c r="C4556" s="3">
        <f t="shared" si="1052"/>
        <v>45.135000000000005</v>
      </c>
      <c r="D4556" s="239">
        <v>8.6257000000000001</v>
      </c>
      <c r="E4556" s="239">
        <v>0.18</v>
      </c>
      <c r="F4556" s="239">
        <v>5.9400000000000001E-2</v>
      </c>
      <c r="G4556">
        <f t="shared" si="1053"/>
        <v>8.6375799999999998</v>
      </c>
      <c r="H4556" s="235">
        <f t="shared" si="1054"/>
        <v>2.0839170230550685</v>
      </c>
      <c r="I4556" s="236">
        <f t="shared" si="1055"/>
        <v>20.176431692656863</v>
      </c>
      <c r="J4556" s="237">
        <f t="shared" si="1060"/>
        <v>10.176431692656863</v>
      </c>
      <c r="K4556" s="237">
        <f t="shared" si="1056"/>
        <v>910.66324444806764</v>
      </c>
      <c r="L4556" s="237">
        <f t="shared" si="1061"/>
        <v>459.38447946991613</v>
      </c>
      <c r="M4556" s="236">
        <f t="shared" si="1057"/>
        <v>16.820151966100429</v>
      </c>
      <c r="N4556" s="236">
        <f t="shared" si="1058"/>
        <v>2.3295190784948816</v>
      </c>
      <c r="O4556" s="236">
        <f t="shared" si="1062"/>
        <v>2.7487658296792823</v>
      </c>
      <c r="P4556" s="236" t="str">
        <f t="shared" si="1063"/>
        <v>CLAY</v>
      </c>
      <c r="Q4556" s="236">
        <f t="shared" si="1059"/>
        <v>643.90972962932767</v>
      </c>
      <c r="R4556" s="238">
        <v>35</v>
      </c>
      <c r="S4556" s="236">
        <f t="shared" si="1064"/>
        <v>8.5158382276463289</v>
      </c>
      <c r="T4556" s="236" t="e">
        <f t="shared" si="1050"/>
        <v>#N/A</v>
      </c>
    </row>
    <row r="4557" spans="1:20" x14ac:dyDescent="0.2">
      <c r="A4557" s="53">
        <f t="shared" si="1051"/>
        <v>4545</v>
      </c>
      <c r="B4557" s="239">
        <v>45.152000000000001</v>
      </c>
      <c r="C4557" s="3">
        <f t="shared" si="1052"/>
        <v>45.145000000000003</v>
      </c>
      <c r="D4557" s="239">
        <v>8.5839999999999996</v>
      </c>
      <c r="E4557" s="239">
        <v>0.1726</v>
      </c>
      <c r="F4557" s="239">
        <v>6.6000000000000003E-2</v>
      </c>
      <c r="G4557">
        <f t="shared" si="1053"/>
        <v>8.5971999999999991</v>
      </c>
      <c r="H4557" s="235">
        <f t="shared" si="1054"/>
        <v>2.0076303912901881</v>
      </c>
      <c r="I4557" s="236">
        <f t="shared" si="1055"/>
        <v>20.125374518121465</v>
      </c>
      <c r="J4557" s="237">
        <f t="shared" si="1060"/>
        <v>10.125374518121465</v>
      </c>
      <c r="K4557" s="237">
        <f t="shared" si="1056"/>
        <v>908.56003262059357</v>
      </c>
      <c r="L4557" s="237">
        <f t="shared" si="1061"/>
        <v>457.18091024222036</v>
      </c>
      <c r="M4557" s="236">
        <f t="shared" si="1057"/>
        <v>16.817500020518935</v>
      </c>
      <c r="N4557" s="236">
        <f t="shared" si="1058"/>
        <v>2.2448703637091874</v>
      </c>
      <c r="O4557" s="236">
        <f t="shared" si="1062"/>
        <v>2.7395709014661009</v>
      </c>
      <c r="P4557" s="236" t="str">
        <f t="shared" si="1063"/>
        <v>CLAY</v>
      </c>
      <c r="Q4557" s="236">
        <f t="shared" si="1059"/>
        <v>640.71999728161711</v>
      </c>
      <c r="R4557" s="238">
        <v>35</v>
      </c>
      <c r="S4557" s="236">
        <f t="shared" si="1064"/>
        <v>8.5141599510090327</v>
      </c>
      <c r="T4557" s="236" t="e">
        <f t="shared" ref="T4557:T4620" si="1065">IF(P4557="SAND",17.6+(11*LOG(M4557)),#N/A)</f>
        <v>#N/A</v>
      </c>
    </row>
    <row r="4558" spans="1:20" x14ac:dyDescent="0.2">
      <c r="A4558" s="53">
        <f t="shared" ref="A4558:A4621" si="1066">$A4557+1</f>
        <v>4546</v>
      </c>
      <c r="B4558" s="239">
        <v>45.161999999999999</v>
      </c>
      <c r="C4558" s="3">
        <f t="shared" ref="C4558:C4621" si="1067">MAX($B4558 - $B$13, 0.001)</f>
        <v>45.155000000000001</v>
      </c>
      <c r="D4558" s="239">
        <v>8.5731999999999999</v>
      </c>
      <c r="E4558" s="239">
        <v>0.17030000000000001</v>
      </c>
      <c r="F4558" s="239">
        <v>9.9299999999999999E-2</v>
      </c>
      <c r="G4558">
        <f t="shared" si="1053"/>
        <v>8.5930599999999995</v>
      </c>
      <c r="H4558" s="235">
        <f t="shared" si="1054"/>
        <v>1.9818318503536578</v>
      </c>
      <c r="I4558" s="236">
        <f t="shared" si="1055"/>
        <v>20.109455663671994</v>
      </c>
      <c r="J4558" s="237">
        <f t="shared" si="1060"/>
        <v>10.109455663671994</v>
      </c>
      <c r="K4558" s="237">
        <f t="shared" si="1056"/>
        <v>908.04247049310891</v>
      </c>
      <c r="L4558" s="237">
        <f t="shared" si="1061"/>
        <v>456.56323668275462</v>
      </c>
      <c r="M4558" s="236">
        <f t="shared" si="1057"/>
        <v>16.832317874176244</v>
      </c>
      <c r="N4558" s="236">
        <f t="shared" si="1058"/>
        <v>2.2160001502420426</v>
      </c>
      <c r="O4558" s="236">
        <f t="shared" si="1062"/>
        <v>2.7360370689462075</v>
      </c>
      <c r="P4558" s="236" t="str">
        <f t="shared" si="1063"/>
        <v>CLAY</v>
      </c>
      <c r="Q4558" s="236">
        <f t="shared" si="1059"/>
        <v>640.41812745890752</v>
      </c>
      <c r="R4558" s="238">
        <v>35</v>
      </c>
      <c r="S4558" s="236">
        <f t="shared" si="1064"/>
        <v>8.5235382376177231</v>
      </c>
      <c r="T4558" s="236" t="e">
        <f t="shared" si="1065"/>
        <v>#N/A</v>
      </c>
    </row>
    <row r="4559" spans="1:20" x14ac:dyDescent="0.2">
      <c r="A4559" s="53">
        <f t="shared" si="1066"/>
        <v>4547</v>
      </c>
      <c r="B4559" s="239">
        <v>45.171999999999997</v>
      </c>
      <c r="C4559" s="3">
        <f t="shared" si="1067"/>
        <v>45.164999999999999</v>
      </c>
      <c r="D4559" s="239">
        <v>8.5495000000000001</v>
      </c>
      <c r="E4559" s="239">
        <v>0.1681</v>
      </c>
      <c r="F4559" s="239">
        <v>0.13039999999999999</v>
      </c>
      <c r="G4559">
        <f t="shared" ref="G4559:G4622" si="1068">$D4559+($F4559*(1-$P$8))</f>
        <v>8.5755800000000004</v>
      </c>
      <c r="H4559" s="235">
        <f t="shared" ref="H4559:H4622" si="1069">($E4559/$G4559)*100</f>
        <v>1.9602172681031487</v>
      </c>
      <c r="I4559" s="236">
        <f t="shared" ref="I4559:I4622" si="1070">((0.27*(LOG($H4559)))+(0.36*(LOG(($G4559*1000)/101)))+1.236)*10</f>
        <v>20.093413033136645</v>
      </c>
      <c r="J4559" s="237">
        <f t="shared" si="1060"/>
        <v>10.093413033136645</v>
      </c>
      <c r="K4559" s="237">
        <f t="shared" ref="K4559:K4622" si="1071">$I4559*$C4559</f>
        <v>907.51899964161657</v>
      </c>
      <c r="L4559" s="237">
        <f t="shared" si="1061"/>
        <v>455.93965353284852</v>
      </c>
      <c r="M4559" s="236">
        <f t="shared" ref="M4559:M4622" si="1072">(($G4559*1000)-$K4559)/$L4559</f>
        <v>16.818148939102819</v>
      </c>
      <c r="N4559" s="236">
        <f t="shared" ref="N4559:N4622" si="1073">(($E4559*1000)/(($G4559*1000)-$K4559))*100</f>
        <v>2.1922099992702648</v>
      </c>
      <c r="O4559" s="236">
        <f t="shared" si="1062"/>
        <v>2.7336577352264837</v>
      </c>
      <c r="P4559" s="236" t="str">
        <f t="shared" si="1063"/>
        <v>CLAY</v>
      </c>
      <c r="Q4559" s="236">
        <f t="shared" ref="Q4559:Q4622" si="1074">IF(P4559="CLAY",($G4559*1000 -$K4559)/$L$8,#N/A)</f>
        <v>639.00508336319865</v>
      </c>
      <c r="R4559" s="238">
        <v>35</v>
      </c>
      <c r="S4559" s="236">
        <f t="shared" si="1064"/>
        <v>8.5145706112780797</v>
      </c>
      <c r="T4559" s="236" t="e">
        <f t="shared" si="1065"/>
        <v>#N/A</v>
      </c>
    </row>
    <row r="4560" spans="1:20" x14ac:dyDescent="0.2">
      <c r="A4560" s="53">
        <f t="shared" si="1066"/>
        <v>4548</v>
      </c>
      <c r="B4560" s="239">
        <v>45.180999999999997</v>
      </c>
      <c r="C4560" s="3">
        <f t="shared" si="1067"/>
        <v>45.173999999999999</v>
      </c>
      <c r="D4560" s="239">
        <v>8.2444000000000006</v>
      </c>
      <c r="E4560" s="239">
        <v>0.16300000000000001</v>
      </c>
      <c r="F4560" s="239">
        <v>0.161</v>
      </c>
      <c r="G4560">
        <f t="shared" si="1068"/>
        <v>8.2766000000000002</v>
      </c>
      <c r="H4560" s="235">
        <f t="shared" si="1069"/>
        <v>1.969407727810937</v>
      </c>
      <c r="I4560" s="236">
        <f t="shared" si="1070"/>
        <v>20.043416356283</v>
      </c>
      <c r="J4560" s="237">
        <f t="shared" ref="J4560:J4623" si="1075">$I4560-10</f>
        <v>10.043416356283</v>
      </c>
      <c r="K4560" s="237">
        <f t="shared" si="1071"/>
        <v>905.44129047872821</v>
      </c>
      <c r="L4560" s="237">
        <f t="shared" ref="L4560:L4623" si="1076">$J4560*$B4560</f>
        <v>453.77159439322219</v>
      </c>
      <c r="M4560" s="236">
        <f t="shared" si="1072"/>
        <v>16.244204795097179</v>
      </c>
      <c r="N4560" s="236">
        <f t="shared" si="1073"/>
        <v>2.211321264721299</v>
      </c>
      <c r="O4560" s="236">
        <f t="shared" ref="O4560:O4623" si="1077">((3.47-LOG($M4560))^2+(LOG($N4560)+1.22)^2)^0.5</f>
        <v>2.7481955632036681</v>
      </c>
      <c r="P4560" s="236" t="str">
        <f t="shared" ref="P4560:P4623" si="1078">IF(O4560&lt;2.6,"SAND","CLAY")</f>
        <v>CLAY</v>
      </c>
      <c r="Q4560" s="236">
        <f t="shared" si="1074"/>
        <v>614.26322579343935</v>
      </c>
      <c r="R4560" s="238">
        <v>35</v>
      </c>
      <c r="S4560" s="236">
        <f t="shared" ref="S4560:S4623" si="1079">IF(P4560="SAND",#N/A,0.25*($M4560)^1.25)</f>
        <v>8.1529180845127946</v>
      </c>
      <c r="T4560" s="236" t="e">
        <f t="shared" si="1065"/>
        <v>#N/A</v>
      </c>
    </row>
    <row r="4561" spans="1:20" x14ac:dyDescent="0.2">
      <c r="A4561" s="53">
        <f t="shared" si="1066"/>
        <v>4549</v>
      </c>
      <c r="B4561" s="239">
        <v>45.191000000000003</v>
      </c>
      <c r="C4561" s="3">
        <f t="shared" si="1067"/>
        <v>45.184000000000005</v>
      </c>
      <c r="D4561" s="239">
        <v>8.1620000000000008</v>
      </c>
      <c r="E4561" s="239">
        <v>0.16919999999999999</v>
      </c>
      <c r="F4561" s="239">
        <v>0.35070000000000001</v>
      </c>
      <c r="G4561">
        <f t="shared" si="1068"/>
        <v>8.2321400000000011</v>
      </c>
      <c r="H4561" s="235">
        <f t="shared" si="1069"/>
        <v>2.0553586309270733</v>
      </c>
      <c r="I4561" s="236">
        <f t="shared" si="1070"/>
        <v>20.085085495767533</v>
      </c>
      <c r="J4561" s="237">
        <f t="shared" si="1075"/>
        <v>10.085085495767533</v>
      </c>
      <c r="K4561" s="237">
        <f t="shared" si="1071"/>
        <v>907.52450304076035</v>
      </c>
      <c r="L4561" s="237">
        <f t="shared" si="1076"/>
        <v>455.7550986392306</v>
      </c>
      <c r="M4561" s="236">
        <f t="shared" si="1072"/>
        <v>16.07138465116175</v>
      </c>
      <c r="N4561" s="236">
        <f t="shared" si="1073"/>
        <v>2.3100188681609581</v>
      </c>
      <c r="O4561" s="236">
        <f t="shared" si="1077"/>
        <v>2.7628414392534042</v>
      </c>
      <c r="P4561" s="236" t="str">
        <f t="shared" si="1078"/>
        <v>CLAY</v>
      </c>
      <c r="Q4561" s="236">
        <f t="shared" si="1074"/>
        <v>610.38462474660344</v>
      </c>
      <c r="R4561" s="238">
        <v>35</v>
      </c>
      <c r="S4561" s="236">
        <f t="shared" si="1079"/>
        <v>8.0446402609592162</v>
      </c>
      <c r="T4561" s="236" t="e">
        <f t="shared" si="1065"/>
        <v>#N/A</v>
      </c>
    </row>
    <row r="4562" spans="1:20" x14ac:dyDescent="0.2">
      <c r="A4562" s="53">
        <f t="shared" si="1066"/>
        <v>4550</v>
      </c>
      <c r="B4562" s="239">
        <v>45.2</v>
      </c>
      <c r="C4562" s="3">
        <f t="shared" si="1067"/>
        <v>45.193000000000005</v>
      </c>
      <c r="D4562" s="239">
        <v>8.0955999999999992</v>
      </c>
      <c r="E4562" s="239">
        <v>0.15440000000000001</v>
      </c>
      <c r="F4562" s="239">
        <v>0.4269</v>
      </c>
      <c r="G4562">
        <f t="shared" si="1068"/>
        <v>8.1809799999999999</v>
      </c>
      <c r="H4562" s="235">
        <f t="shared" si="1069"/>
        <v>1.8873044549674978</v>
      </c>
      <c r="I4562" s="236">
        <f t="shared" si="1070"/>
        <v>19.975315551432303</v>
      </c>
      <c r="J4562" s="237">
        <f t="shared" si="1075"/>
        <v>9.9753155514323026</v>
      </c>
      <c r="K4562" s="237">
        <f t="shared" si="1071"/>
        <v>902.74443571588017</v>
      </c>
      <c r="L4562" s="237">
        <f t="shared" si="1076"/>
        <v>450.88426292474009</v>
      </c>
      <c r="M4562" s="236">
        <f t="shared" si="1072"/>
        <v>16.142137046594982</v>
      </c>
      <c r="N4562" s="236">
        <f t="shared" si="1073"/>
        <v>2.1213932777564155</v>
      </c>
      <c r="O4562" s="236">
        <f t="shared" si="1077"/>
        <v>2.740229443192399</v>
      </c>
      <c r="P4562" s="236" t="str">
        <f t="shared" si="1078"/>
        <v>CLAY</v>
      </c>
      <c r="Q4562" s="236">
        <f t="shared" si="1074"/>
        <v>606.51963035700999</v>
      </c>
      <c r="R4562" s="238">
        <v>35</v>
      </c>
      <c r="S4562" s="236">
        <f t="shared" si="1079"/>
        <v>8.0889340830526102</v>
      </c>
      <c r="T4562" s="236" t="e">
        <f t="shared" si="1065"/>
        <v>#N/A</v>
      </c>
    </row>
    <row r="4563" spans="1:20" x14ac:dyDescent="0.2">
      <c r="A4563" s="53">
        <f t="shared" si="1066"/>
        <v>4551</v>
      </c>
      <c r="B4563" s="239">
        <v>45.21</v>
      </c>
      <c r="C4563" s="3">
        <f t="shared" si="1067"/>
        <v>45.203000000000003</v>
      </c>
      <c r="D4563" s="239">
        <v>8.3452000000000002</v>
      </c>
      <c r="E4563" s="239">
        <v>0.15620000000000001</v>
      </c>
      <c r="F4563" s="239">
        <v>0.43480000000000002</v>
      </c>
      <c r="G4563">
        <f t="shared" si="1068"/>
        <v>8.4321599999999997</v>
      </c>
      <c r="H4563" s="235">
        <f t="shared" si="1069"/>
        <v>1.8524316426633274</v>
      </c>
      <c r="I4563" s="236">
        <f t="shared" si="1070"/>
        <v>20.000726788949017</v>
      </c>
      <c r="J4563" s="237">
        <f t="shared" si="1075"/>
        <v>10.000726788949017</v>
      </c>
      <c r="K4563" s="237">
        <f t="shared" si="1071"/>
        <v>904.09285304086245</v>
      </c>
      <c r="L4563" s="237">
        <f t="shared" si="1076"/>
        <v>452.13285812838507</v>
      </c>
      <c r="M4563" s="236">
        <f t="shared" si="1072"/>
        <v>16.650121776421546</v>
      </c>
      <c r="N4563" s="236">
        <f t="shared" si="1073"/>
        <v>2.07490179020381</v>
      </c>
      <c r="O4563" s="236">
        <f t="shared" si="1077"/>
        <v>2.7236896114710314</v>
      </c>
      <c r="P4563" s="236" t="str">
        <f t="shared" si="1078"/>
        <v>CLAY</v>
      </c>
      <c r="Q4563" s="236">
        <f t="shared" si="1074"/>
        <v>627.33892891326138</v>
      </c>
      <c r="R4563" s="238">
        <v>35</v>
      </c>
      <c r="S4563" s="236">
        <f t="shared" si="1079"/>
        <v>8.4083692721585468</v>
      </c>
      <c r="T4563" s="236" t="e">
        <f t="shared" si="1065"/>
        <v>#N/A</v>
      </c>
    </row>
    <row r="4564" spans="1:20" x14ac:dyDescent="0.2">
      <c r="A4564" s="53">
        <f t="shared" si="1066"/>
        <v>4552</v>
      </c>
      <c r="B4564" s="239">
        <v>45.22</v>
      </c>
      <c r="C4564" s="3">
        <f t="shared" si="1067"/>
        <v>45.213000000000001</v>
      </c>
      <c r="D4564" s="239">
        <v>8.6640999999999995</v>
      </c>
      <c r="E4564" s="239">
        <v>0.1701</v>
      </c>
      <c r="F4564" s="239">
        <v>0.37519999999999998</v>
      </c>
      <c r="G4564">
        <f t="shared" si="1068"/>
        <v>8.739139999999999</v>
      </c>
      <c r="H4564" s="235">
        <f t="shared" si="1069"/>
        <v>1.94641578004243</v>
      </c>
      <c r="I4564" s="236">
        <f t="shared" si="1070"/>
        <v>20.11466652821127</v>
      </c>
      <c r="J4564" s="237">
        <f t="shared" si="1075"/>
        <v>10.11466652821127</v>
      </c>
      <c r="K4564" s="237">
        <f t="shared" si="1071"/>
        <v>909.44441774001621</v>
      </c>
      <c r="L4564" s="237">
        <f t="shared" si="1076"/>
        <v>457.3852204057136</v>
      </c>
      <c r="M4564" s="236">
        <f t="shared" si="1072"/>
        <v>17.118383439051271</v>
      </c>
      <c r="N4564" s="236">
        <f t="shared" si="1073"/>
        <v>2.1724982563230371</v>
      </c>
      <c r="O4564" s="236">
        <f t="shared" si="1077"/>
        <v>2.7251094579112922</v>
      </c>
      <c r="P4564" s="236" t="str">
        <f t="shared" si="1078"/>
        <v>CLAY</v>
      </c>
      <c r="Q4564" s="236">
        <f t="shared" si="1074"/>
        <v>652.47463185499862</v>
      </c>
      <c r="R4564" s="238">
        <v>35</v>
      </c>
      <c r="S4564" s="236">
        <f t="shared" si="1079"/>
        <v>8.7049934004607454</v>
      </c>
      <c r="T4564" s="236" t="e">
        <f t="shared" si="1065"/>
        <v>#N/A</v>
      </c>
    </row>
    <row r="4565" spans="1:20" x14ac:dyDescent="0.2">
      <c r="A4565" s="53">
        <f t="shared" si="1066"/>
        <v>4553</v>
      </c>
      <c r="B4565" s="239">
        <v>45.228999999999999</v>
      </c>
      <c r="C4565" s="3">
        <f t="shared" si="1067"/>
        <v>45.222000000000001</v>
      </c>
      <c r="D4565" s="239">
        <v>8.8224999999999998</v>
      </c>
      <c r="E4565" s="239">
        <v>0.18310000000000001</v>
      </c>
      <c r="F4565" s="239">
        <v>0.2417</v>
      </c>
      <c r="G4565">
        <f t="shared" si="1068"/>
        <v>8.8708399999999994</v>
      </c>
      <c r="H4565" s="235">
        <f t="shared" si="1069"/>
        <v>2.0640660861880051</v>
      </c>
      <c r="I4565" s="236">
        <f t="shared" si="1070"/>
        <v>20.20686985549645</v>
      </c>
      <c r="J4565" s="237">
        <f t="shared" si="1075"/>
        <v>10.20686985549645</v>
      </c>
      <c r="K4565" s="237">
        <f t="shared" si="1071"/>
        <v>913.79506860526044</v>
      </c>
      <c r="L4565" s="237">
        <f t="shared" si="1076"/>
        <v>461.64651669424893</v>
      </c>
      <c r="M4565" s="236">
        <f t="shared" si="1072"/>
        <v>17.236228680708827</v>
      </c>
      <c r="N4565" s="236">
        <f t="shared" si="1073"/>
        <v>2.3011055181751452</v>
      </c>
      <c r="O4565" s="236">
        <f t="shared" si="1077"/>
        <v>2.7370245580358161</v>
      </c>
      <c r="P4565" s="236" t="str">
        <f t="shared" si="1078"/>
        <v>CLAY</v>
      </c>
      <c r="Q4565" s="236">
        <f t="shared" si="1074"/>
        <v>663.08707761622827</v>
      </c>
      <c r="R4565" s="238">
        <v>35</v>
      </c>
      <c r="S4565" s="236">
        <f t="shared" si="1079"/>
        <v>8.7799656732594826</v>
      </c>
      <c r="T4565" s="236" t="e">
        <f t="shared" si="1065"/>
        <v>#N/A</v>
      </c>
    </row>
    <row r="4566" spans="1:20" x14ac:dyDescent="0.2">
      <c r="A4566" s="53">
        <f t="shared" si="1066"/>
        <v>4554</v>
      </c>
      <c r="B4566" s="239">
        <v>45.238</v>
      </c>
      <c r="C4566" s="3">
        <f t="shared" si="1067"/>
        <v>45.231000000000002</v>
      </c>
      <c r="D4566" s="239">
        <v>9.1381999999999994</v>
      </c>
      <c r="E4566" s="239">
        <v>0.18360000000000001</v>
      </c>
      <c r="F4566" s="239">
        <v>0.13370000000000001</v>
      </c>
      <c r="G4566">
        <f t="shared" si="1068"/>
        <v>9.1649399999999996</v>
      </c>
      <c r="H4566" s="235">
        <f t="shared" si="1069"/>
        <v>2.0032864372270849</v>
      </c>
      <c r="I4566" s="236">
        <f t="shared" si="1070"/>
        <v>20.222815945424067</v>
      </c>
      <c r="J4566" s="237">
        <f t="shared" si="1075"/>
        <v>10.222815945424067</v>
      </c>
      <c r="K4566" s="237">
        <f t="shared" si="1071"/>
        <v>914.69818802747602</v>
      </c>
      <c r="L4566" s="237">
        <f t="shared" si="1076"/>
        <v>462.45974773909393</v>
      </c>
      <c r="M4566" s="236">
        <f t="shared" si="1072"/>
        <v>17.839913316362974</v>
      </c>
      <c r="N4566" s="236">
        <f t="shared" si="1073"/>
        <v>2.2253893180871955</v>
      </c>
      <c r="O4566" s="236">
        <f t="shared" si="1077"/>
        <v>2.7164277536721584</v>
      </c>
      <c r="P4566" s="236" t="str">
        <f t="shared" si="1078"/>
        <v>CLAY</v>
      </c>
      <c r="Q4566" s="236">
        <f t="shared" si="1074"/>
        <v>687.5201509977104</v>
      </c>
      <c r="R4566" s="238">
        <v>35</v>
      </c>
      <c r="S4566" s="236">
        <f t="shared" si="1079"/>
        <v>9.1660228053381196</v>
      </c>
      <c r="T4566" s="236" t="e">
        <f t="shared" si="1065"/>
        <v>#N/A</v>
      </c>
    </row>
    <row r="4567" spans="1:20" x14ac:dyDescent="0.2">
      <c r="A4567" s="53">
        <f t="shared" si="1066"/>
        <v>4555</v>
      </c>
      <c r="B4567" s="239">
        <v>45.249000000000002</v>
      </c>
      <c r="C4567" s="3">
        <f t="shared" si="1067"/>
        <v>45.242000000000004</v>
      </c>
      <c r="D4567" s="239">
        <v>9.3071999999999999</v>
      </c>
      <c r="E4567" s="239">
        <v>0.18790000000000001</v>
      </c>
      <c r="F4567" s="239">
        <v>7.0699999999999999E-2</v>
      </c>
      <c r="G4567">
        <f t="shared" si="1068"/>
        <v>9.3213399999999993</v>
      </c>
      <c r="H4567" s="235">
        <f t="shared" si="1069"/>
        <v>2.0158045946183707</v>
      </c>
      <c r="I4567" s="236">
        <f t="shared" si="1070"/>
        <v>20.256575875066112</v>
      </c>
      <c r="J4567" s="237">
        <f t="shared" si="1075"/>
        <v>10.256575875066112</v>
      </c>
      <c r="K4567" s="237">
        <f t="shared" si="1071"/>
        <v>916.44800573974112</v>
      </c>
      <c r="L4567" s="237">
        <f t="shared" si="1076"/>
        <v>464.09980177086652</v>
      </c>
      <c r="M4567" s="236">
        <f t="shared" si="1072"/>
        <v>18.110096065953261</v>
      </c>
      <c r="N4567" s="236">
        <f t="shared" si="1073"/>
        <v>2.235602790949816</v>
      </c>
      <c r="O4567" s="236">
        <f t="shared" si="1077"/>
        <v>2.7122489074912073</v>
      </c>
      <c r="P4567" s="236" t="str">
        <f t="shared" si="1078"/>
        <v>CLAY</v>
      </c>
      <c r="Q4567" s="236">
        <f t="shared" si="1074"/>
        <v>700.40766618835494</v>
      </c>
      <c r="R4567" s="238">
        <v>35</v>
      </c>
      <c r="S4567" s="236">
        <f t="shared" si="1079"/>
        <v>9.3398725772720361</v>
      </c>
      <c r="T4567" s="236" t="e">
        <f t="shared" si="1065"/>
        <v>#N/A</v>
      </c>
    </row>
    <row r="4568" spans="1:20" x14ac:dyDescent="0.2">
      <c r="A4568" s="53">
        <f t="shared" si="1066"/>
        <v>4556</v>
      </c>
      <c r="B4568" s="239">
        <v>45.258000000000003</v>
      </c>
      <c r="C4568" s="3">
        <f t="shared" si="1067"/>
        <v>45.251000000000005</v>
      </c>
      <c r="D4568" s="239">
        <v>9.2558000000000007</v>
      </c>
      <c r="E4568" s="239">
        <v>0.2031</v>
      </c>
      <c r="F4568" s="239">
        <v>4.9500000000000002E-2</v>
      </c>
      <c r="G4568">
        <f t="shared" si="1068"/>
        <v>9.2657000000000007</v>
      </c>
      <c r="H4568" s="235">
        <f t="shared" si="1069"/>
        <v>2.1919552759100767</v>
      </c>
      <c r="I4568" s="236">
        <f t="shared" si="1070"/>
        <v>20.345450258836635</v>
      </c>
      <c r="J4568" s="237">
        <f t="shared" si="1075"/>
        <v>10.345450258836635</v>
      </c>
      <c r="K4568" s="237">
        <f t="shared" si="1071"/>
        <v>920.65196966261669</v>
      </c>
      <c r="L4568" s="237">
        <f t="shared" si="1076"/>
        <v>468.21438781442845</v>
      </c>
      <c r="M4568" s="236">
        <f t="shared" si="1072"/>
        <v>17.823134545888518</v>
      </c>
      <c r="N4568" s="236">
        <f t="shared" si="1073"/>
        <v>2.4337786824192649</v>
      </c>
      <c r="O4568" s="236">
        <f t="shared" si="1077"/>
        <v>2.7393741156269704</v>
      </c>
      <c r="P4568" s="236" t="str">
        <f t="shared" si="1078"/>
        <v>CLAY</v>
      </c>
      <c r="Q4568" s="236">
        <f t="shared" si="1074"/>
        <v>695.42066919478202</v>
      </c>
      <c r="R4568" s="238">
        <v>35</v>
      </c>
      <c r="S4568" s="236">
        <f t="shared" si="1079"/>
        <v>9.1552480537320058</v>
      </c>
      <c r="T4568" s="236" t="e">
        <f t="shared" si="1065"/>
        <v>#N/A</v>
      </c>
    </row>
    <row r="4569" spans="1:20" x14ac:dyDescent="0.2">
      <c r="A4569" s="53">
        <f t="shared" si="1066"/>
        <v>4557</v>
      </c>
      <c r="B4569" s="239">
        <v>45.268000000000001</v>
      </c>
      <c r="C4569" s="3">
        <f t="shared" si="1067"/>
        <v>45.261000000000003</v>
      </c>
      <c r="D4569" s="239">
        <v>8.9780999999999995</v>
      </c>
      <c r="E4569" s="239">
        <v>0.22020000000000001</v>
      </c>
      <c r="F4569" s="239">
        <v>0.12759999999999999</v>
      </c>
      <c r="G4569">
        <f t="shared" si="1068"/>
        <v>9.0036199999999997</v>
      </c>
      <c r="H4569" s="235">
        <f t="shared" si="1069"/>
        <v>2.4456829586321946</v>
      </c>
      <c r="I4569" s="236">
        <f t="shared" si="1070"/>
        <v>20.429025245387678</v>
      </c>
      <c r="J4569" s="237">
        <f t="shared" si="1075"/>
        <v>10.429025245387678</v>
      </c>
      <c r="K4569" s="237">
        <f t="shared" si="1071"/>
        <v>924.63811163149171</v>
      </c>
      <c r="L4569" s="237">
        <f t="shared" si="1076"/>
        <v>472.10111480820939</v>
      </c>
      <c r="M4569" s="236">
        <f t="shared" si="1072"/>
        <v>17.11282103549064</v>
      </c>
      <c r="N4569" s="236">
        <f t="shared" si="1073"/>
        <v>2.7255909598835335</v>
      </c>
      <c r="O4569" s="236">
        <f t="shared" si="1077"/>
        <v>2.7826750241723404</v>
      </c>
      <c r="P4569" s="236" t="str">
        <f t="shared" si="1078"/>
        <v>CLAY</v>
      </c>
      <c r="Q4569" s="236">
        <f t="shared" si="1074"/>
        <v>673.24849069737559</v>
      </c>
      <c r="R4569" s="238">
        <v>35</v>
      </c>
      <c r="S4569" s="236">
        <f t="shared" si="1079"/>
        <v>8.701457821328308</v>
      </c>
      <c r="T4569" s="236" t="e">
        <f t="shared" si="1065"/>
        <v>#N/A</v>
      </c>
    </row>
    <row r="4570" spans="1:20" x14ac:dyDescent="0.2">
      <c r="A4570" s="53">
        <f t="shared" si="1066"/>
        <v>4558</v>
      </c>
      <c r="B4570" s="239">
        <v>45.277999999999999</v>
      </c>
      <c r="C4570" s="3">
        <f t="shared" si="1067"/>
        <v>45.271000000000001</v>
      </c>
      <c r="D4570" s="239">
        <v>8.7411999999999992</v>
      </c>
      <c r="E4570" s="239">
        <v>0.2147</v>
      </c>
      <c r="F4570" s="239">
        <v>0.12770000000000001</v>
      </c>
      <c r="G4570">
        <f t="shared" si="1068"/>
        <v>8.7667399999999986</v>
      </c>
      <c r="H4570" s="235">
        <f t="shared" si="1069"/>
        <v>2.4490289434841235</v>
      </c>
      <c r="I4570" s="236">
        <f t="shared" si="1070"/>
        <v>20.388943888333205</v>
      </c>
      <c r="J4570" s="237">
        <f t="shared" si="1075"/>
        <v>10.388943888333205</v>
      </c>
      <c r="K4570" s="237">
        <f t="shared" si="1071"/>
        <v>923.02787876873253</v>
      </c>
      <c r="L4570" s="237">
        <f t="shared" si="1076"/>
        <v>470.39060137595084</v>
      </c>
      <c r="M4570" s="236">
        <f t="shared" si="1072"/>
        <v>16.674891246311969</v>
      </c>
      <c r="N4570" s="236">
        <f t="shared" si="1073"/>
        <v>2.7372243738886417</v>
      </c>
      <c r="O4570" s="236">
        <f t="shared" si="1077"/>
        <v>2.7928298314810891</v>
      </c>
      <c r="P4570" s="236" t="str">
        <f t="shared" si="1078"/>
        <v>CLAY</v>
      </c>
      <c r="Q4570" s="236">
        <f t="shared" si="1074"/>
        <v>653.64267676927204</v>
      </c>
      <c r="R4570" s="238">
        <v>35</v>
      </c>
      <c r="S4570" s="236">
        <f t="shared" si="1079"/>
        <v>8.424008013953669</v>
      </c>
      <c r="T4570" s="236" t="e">
        <f t="shared" si="1065"/>
        <v>#N/A</v>
      </c>
    </row>
    <row r="4571" spans="1:20" x14ac:dyDescent="0.2">
      <c r="A4571" s="53">
        <f t="shared" si="1066"/>
        <v>4559</v>
      </c>
      <c r="B4571" s="239">
        <v>45.286999999999999</v>
      </c>
      <c r="C4571" s="3">
        <f t="shared" si="1067"/>
        <v>45.28</v>
      </c>
      <c r="D4571" s="239">
        <v>8.5100999999999996</v>
      </c>
      <c r="E4571" s="239">
        <v>0.21859999999999999</v>
      </c>
      <c r="F4571" s="239">
        <v>9.4200000000000006E-2</v>
      </c>
      <c r="G4571">
        <f t="shared" si="1068"/>
        <v>8.5289400000000004</v>
      </c>
      <c r="H4571" s="235">
        <f t="shared" si="1069"/>
        <v>2.5630383142571054</v>
      </c>
      <c r="I4571" s="236">
        <f t="shared" si="1070"/>
        <v>20.39930403323277</v>
      </c>
      <c r="J4571" s="237">
        <f t="shared" si="1075"/>
        <v>10.39930403323277</v>
      </c>
      <c r="K4571" s="237">
        <f t="shared" si="1071"/>
        <v>923.68048662477986</v>
      </c>
      <c r="L4571" s="237">
        <f t="shared" si="1076"/>
        <v>470.95328175301245</v>
      </c>
      <c r="M4571" s="236">
        <f t="shared" si="1072"/>
        <v>16.148649575317613</v>
      </c>
      <c r="N4571" s="236">
        <f t="shared" si="1073"/>
        <v>2.8743266369221523</v>
      </c>
      <c r="O4571" s="236">
        <f t="shared" si="1077"/>
        <v>2.816648949930094</v>
      </c>
      <c r="P4571" s="236" t="str">
        <f t="shared" si="1078"/>
        <v>CLAY</v>
      </c>
      <c r="Q4571" s="236">
        <f t="shared" si="1074"/>
        <v>633.77162611460164</v>
      </c>
      <c r="R4571" s="238">
        <v>35</v>
      </c>
      <c r="S4571" s="236">
        <f t="shared" si="1079"/>
        <v>8.0930136290115371</v>
      </c>
      <c r="T4571" s="236" t="e">
        <f t="shared" si="1065"/>
        <v>#N/A</v>
      </c>
    </row>
    <row r="4572" spans="1:20" x14ac:dyDescent="0.2">
      <c r="A4572" s="53">
        <f t="shared" si="1066"/>
        <v>4560</v>
      </c>
      <c r="B4572" s="239">
        <v>45.296999999999997</v>
      </c>
      <c r="C4572" s="3">
        <f t="shared" si="1067"/>
        <v>45.29</v>
      </c>
      <c r="D4572" s="239">
        <v>8.3427000000000007</v>
      </c>
      <c r="E4572" s="239">
        <v>0.2117</v>
      </c>
      <c r="F4572" s="239">
        <v>0.112</v>
      </c>
      <c r="G4572">
        <f t="shared" si="1068"/>
        <v>8.3651</v>
      </c>
      <c r="H4572" s="235">
        <f t="shared" si="1069"/>
        <v>2.530752770439086</v>
      </c>
      <c r="I4572" s="236">
        <f t="shared" si="1070"/>
        <v>20.354113394399974</v>
      </c>
      <c r="J4572" s="237">
        <f t="shared" si="1075"/>
        <v>10.354113394399974</v>
      </c>
      <c r="K4572" s="237">
        <f t="shared" si="1071"/>
        <v>921.83779563237476</v>
      </c>
      <c r="L4572" s="237">
        <f t="shared" si="1076"/>
        <v>469.0102744261356</v>
      </c>
      <c r="M4572" s="236">
        <f t="shared" si="1072"/>
        <v>15.870147436481936</v>
      </c>
      <c r="N4572" s="236">
        <f t="shared" si="1073"/>
        <v>2.8441830233493151</v>
      </c>
      <c r="O4572" s="236">
        <f t="shared" si="1077"/>
        <v>2.8199994003038622</v>
      </c>
      <c r="P4572" s="236" t="str">
        <f t="shared" si="1078"/>
        <v>CLAY</v>
      </c>
      <c r="Q4572" s="236">
        <f t="shared" si="1074"/>
        <v>620.27185036396884</v>
      </c>
      <c r="R4572" s="238">
        <v>35</v>
      </c>
      <c r="S4572" s="236">
        <f t="shared" si="1079"/>
        <v>7.9189246479073141</v>
      </c>
      <c r="T4572" s="236" t="e">
        <f t="shared" si="1065"/>
        <v>#N/A</v>
      </c>
    </row>
    <row r="4573" spans="1:20" x14ac:dyDescent="0.2">
      <c r="A4573" s="53">
        <f t="shared" si="1066"/>
        <v>4561</v>
      </c>
      <c r="B4573" s="239">
        <v>45.308</v>
      </c>
      <c r="C4573" s="3">
        <f t="shared" si="1067"/>
        <v>45.301000000000002</v>
      </c>
      <c r="D4573" s="239">
        <v>8.2164999999999999</v>
      </c>
      <c r="E4573" s="239">
        <v>0.2</v>
      </c>
      <c r="F4573" s="239">
        <v>0.14360000000000001</v>
      </c>
      <c r="G4573">
        <f t="shared" si="1068"/>
        <v>8.2452199999999998</v>
      </c>
      <c r="H4573" s="235">
        <f t="shared" si="1069"/>
        <v>2.425647829894169</v>
      </c>
      <c r="I4573" s="236">
        <f t="shared" si="1070"/>
        <v>20.281806065906984</v>
      </c>
      <c r="J4573" s="237">
        <f t="shared" si="1075"/>
        <v>10.281806065906984</v>
      </c>
      <c r="K4573" s="237">
        <f t="shared" si="1071"/>
        <v>918.78609659165238</v>
      </c>
      <c r="L4573" s="237">
        <f t="shared" si="1076"/>
        <v>465.84806923411367</v>
      </c>
      <c r="M4573" s="236">
        <f t="shared" si="1072"/>
        <v>15.727088695362651</v>
      </c>
      <c r="N4573" s="236">
        <f t="shared" si="1073"/>
        <v>2.729841047319864</v>
      </c>
      <c r="O4573" s="236">
        <f t="shared" si="1077"/>
        <v>2.8126355509204126</v>
      </c>
      <c r="P4573" s="236" t="str">
        <f t="shared" si="1078"/>
        <v>CLAY</v>
      </c>
      <c r="Q4573" s="236">
        <f t="shared" si="1074"/>
        <v>610.53615861736228</v>
      </c>
      <c r="R4573" s="238">
        <v>35</v>
      </c>
      <c r="S4573" s="236">
        <f t="shared" si="1079"/>
        <v>7.8297956717880082</v>
      </c>
      <c r="T4573" s="236" t="e">
        <f t="shared" si="1065"/>
        <v>#N/A</v>
      </c>
    </row>
    <row r="4574" spans="1:20" x14ac:dyDescent="0.2">
      <c r="A4574" s="53">
        <f t="shared" si="1066"/>
        <v>4562</v>
      </c>
      <c r="B4574" s="239">
        <v>45.317</v>
      </c>
      <c r="C4574" s="3">
        <f t="shared" si="1067"/>
        <v>45.31</v>
      </c>
      <c r="D4574" s="239">
        <v>7.9871999999999996</v>
      </c>
      <c r="E4574" s="239">
        <v>0.1918</v>
      </c>
      <c r="F4574" s="239">
        <v>0.22720000000000001</v>
      </c>
      <c r="G4574">
        <f t="shared" si="1068"/>
        <v>8.0326399999999989</v>
      </c>
      <c r="H4574" s="235">
        <f t="shared" si="1069"/>
        <v>2.387757947573899</v>
      </c>
      <c r="I4574" s="236">
        <f t="shared" si="1070"/>
        <v>20.222506755240317</v>
      </c>
      <c r="J4574" s="237">
        <f t="shared" si="1075"/>
        <v>10.222506755240317</v>
      </c>
      <c r="K4574" s="237">
        <f t="shared" si="1071"/>
        <v>916.28178107993881</v>
      </c>
      <c r="L4574" s="237">
        <f t="shared" si="1076"/>
        <v>463.25333862722545</v>
      </c>
      <c r="M4574" s="236">
        <f t="shared" si="1072"/>
        <v>15.361698719772228</v>
      </c>
      <c r="N4574" s="236">
        <f t="shared" si="1073"/>
        <v>2.6951987814506975</v>
      </c>
      <c r="O4574" s="236">
        <f t="shared" si="1077"/>
        <v>2.8176408081915354</v>
      </c>
      <c r="P4574" s="236" t="str">
        <f t="shared" si="1078"/>
        <v>CLAY</v>
      </c>
      <c r="Q4574" s="236">
        <f t="shared" si="1074"/>
        <v>593.0298515766716</v>
      </c>
      <c r="R4574" s="238">
        <v>35</v>
      </c>
      <c r="S4574" s="236">
        <f t="shared" si="1079"/>
        <v>7.6030712922084049</v>
      </c>
      <c r="T4574" s="236" t="e">
        <f t="shared" si="1065"/>
        <v>#N/A</v>
      </c>
    </row>
    <row r="4575" spans="1:20" x14ac:dyDescent="0.2">
      <c r="A4575" s="53">
        <f t="shared" si="1066"/>
        <v>4563</v>
      </c>
      <c r="B4575" s="239">
        <v>45.326999999999998</v>
      </c>
      <c r="C4575" s="3">
        <f t="shared" si="1067"/>
        <v>45.32</v>
      </c>
      <c r="D4575" s="239">
        <v>7.6654</v>
      </c>
      <c r="E4575" s="239">
        <v>0.1905</v>
      </c>
      <c r="F4575" s="239">
        <v>0.34339999999999998</v>
      </c>
      <c r="G4575">
        <f t="shared" si="1068"/>
        <v>7.7340799999999996</v>
      </c>
      <c r="H4575" s="235">
        <f t="shared" si="1069"/>
        <v>2.4631242500724069</v>
      </c>
      <c r="I4575" s="236">
        <f t="shared" si="1070"/>
        <v>20.199727294439182</v>
      </c>
      <c r="J4575" s="237">
        <f t="shared" si="1075"/>
        <v>10.199727294439182</v>
      </c>
      <c r="K4575" s="237">
        <f t="shared" si="1071"/>
        <v>915.45164098398368</v>
      </c>
      <c r="L4575" s="237">
        <f t="shared" si="1076"/>
        <v>462.32303907504479</v>
      </c>
      <c r="M4575" s="236">
        <f t="shared" si="1072"/>
        <v>14.748623327658152</v>
      </c>
      <c r="N4575" s="236">
        <f t="shared" si="1073"/>
        <v>2.7938170255035089</v>
      </c>
      <c r="O4575" s="236">
        <f t="shared" si="1077"/>
        <v>2.8411195632224397</v>
      </c>
      <c r="P4575" s="236" t="str">
        <f t="shared" si="1078"/>
        <v>CLAY</v>
      </c>
      <c r="Q4575" s="236">
        <f t="shared" si="1074"/>
        <v>568.21902991800141</v>
      </c>
      <c r="R4575" s="238">
        <v>35</v>
      </c>
      <c r="S4575" s="236">
        <f t="shared" si="1079"/>
        <v>7.2256906402059426</v>
      </c>
      <c r="T4575" s="236" t="e">
        <f t="shared" si="1065"/>
        <v>#N/A</v>
      </c>
    </row>
    <row r="4576" spans="1:20" x14ac:dyDescent="0.2">
      <c r="A4576" s="53">
        <f t="shared" si="1066"/>
        <v>4564</v>
      </c>
      <c r="B4576" s="239">
        <v>45.337000000000003</v>
      </c>
      <c r="C4576" s="3">
        <f t="shared" si="1067"/>
        <v>45.330000000000005</v>
      </c>
      <c r="D4576" s="239">
        <v>7.3689</v>
      </c>
      <c r="E4576" s="239">
        <v>0.18690000000000001</v>
      </c>
      <c r="F4576" s="239">
        <v>0.34699999999999998</v>
      </c>
      <c r="G4576">
        <f t="shared" si="1068"/>
        <v>7.4382999999999999</v>
      </c>
      <c r="H4576" s="235">
        <f t="shared" si="1069"/>
        <v>2.512670905986583</v>
      </c>
      <c r="I4576" s="236">
        <f t="shared" si="1070"/>
        <v>20.162114489332801</v>
      </c>
      <c r="J4576" s="237">
        <f t="shared" si="1075"/>
        <v>10.162114489332801</v>
      </c>
      <c r="K4576" s="237">
        <f t="shared" si="1071"/>
        <v>913.94864980145599</v>
      </c>
      <c r="L4576" s="237">
        <f t="shared" si="1076"/>
        <v>460.71978460288125</v>
      </c>
      <c r="M4576" s="236">
        <f t="shared" si="1072"/>
        <v>14.161213753436328</v>
      </c>
      <c r="N4576" s="236">
        <f t="shared" si="1073"/>
        <v>2.8646525910091034</v>
      </c>
      <c r="O4576" s="236">
        <f t="shared" si="1077"/>
        <v>2.8617940795182233</v>
      </c>
      <c r="P4576" s="236" t="str">
        <f t="shared" si="1078"/>
        <v>CLAY</v>
      </c>
      <c r="Q4576" s="236">
        <f t="shared" si="1074"/>
        <v>543.69594584987874</v>
      </c>
      <c r="R4576" s="238">
        <v>35</v>
      </c>
      <c r="S4576" s="236">
        <f t="shared" si="1079"/>
        <v>6.8677678510885043</v>
      </c>
      <c r="T4576" s="236" t="e">
        <f t="shared" si="1065"/>
        <v>#N/A</v>
      </c>
    </row>
    <row r="4577" spans="1:20" x14ac:dyDescent="0.2">
      <c r="A4577" s="53">
        <f t="shared" si="1066"/>
        <v>4565</v>
      </c>
      <c r="B4577" s="239">
        <v>45.345999999999997</v>
      </c>
      <c r="C4577" s="3">
        <f t="shared" si="1067"/>
        <v>45.338999999999999</v>
      </c>
      <c r="D4577" s="239">
        <v>7.2652999999999999</v>
      </c>
      <c r="E4577" s="239">
        <v>0.18360000000000001</v>
      </c>
      <c r="F4577" s="239">
        <v>0.34989999999999999</v>
      </c>
      <c r="G4577">
        <f t="shared" si="1068"/>
        <v>7.33528</v>
      </c>
      <c r="H4577" s="235">
        <f t="shared" si="1069"/>
        <v>2.5029719383581814</v>
      </c>
      <c r="I4577" s="236">
        <f t="shared" si="1070"/>
        <v>20.135774308541805</v>
      </c>
      <c r="J4577" s="237">
        <f t="shared" si="1075"/>
        <v>10.135774308541805</v>
      </c>
      <c r="K4577" s="237">
        <f t="shared" si="1071"/>
        <v>912.93587137497684</v>
      </c>
      <c r="L4577" s="237">
        <f t="shared" si="1076"/>
        <v>459.61682179513667</v>
      </c>
      <c r="M4577" s="236">
        <f t="shared" si="1072"/>
        <v>13.973257339757749</v>
      </c>
      <c r="N4577" s="236">
        <f t="shared" si="1073"/>
        <v>2.8587692643512619</v>
      </c>
      <c r="O4577" s="236">
        <f t="shared" si="1077"/>
        <v>2.8659758148438779</v>
      </c>
      <c r="P4577" s="236" t="str">
        <f t="shared" si="1078"/>
        <v>CLAY</v>
      </c>
      <c r="Q4577" s="236">
        <f t="shared" si="1074"/>
        <v>535.19534405208526</v>
      </c>
      <c r="R4577" s="238">
        <v>35</v>
      </c>
      <c r="S4577" s="236">
        <f t="shared" si="1079"/>
        <v>6.754015925881041</v>
      </c>
      <c r="T4577" s="236" t="e">
        <f t="shared" si="1065"/>
        <v>#N/A</v>
      </c>
    </row>
    <row r="4578" spans="1:20" x14ac:dyDescent="0.2">
      <c r="A4578" s="53">
        <f t="shared" si="1066"/>
        <v>4566</v>
      </c>
      <c r="B4578" s="239">
        <v>45.356999999999999</v>
      </c>
      <c r="C4578" s="3">
        <f t="shared" si="1067"/>
        <v>45.35</v>
      </c>
      <c r="D4578" s="239">
        <v>7.1954000000000002</v>
      </c>
      <c r="E4578" s="239">
        <v>0.17380000000000001</v>
      </c>
      <c r="F4578" s="239">
        <v>0.34989999999999999</v>
      </c>
      <c r="G4578">
        <f t="shared" si="1068"/>
        <v>7.2653800000000004</v>
      </c>
      <c r="H4578" s="235">
        <f t="shared" si="1069"/>
        <v>2.3921666863949307</v>
      </c>
      <c r="I4578" s="236">
        <f t="shared" si="1070"/>
        <v>20.067709939742819</v>
      </c>
      <c r="J4578" s="237">
        <f t="shared" si="1075"/>
        <v>10.067709939742819</v>
      </c>
      <c r="K4578" s="237">
        <f t="shared" si="1071"/>
        <v>910.07064576733694</v>
      </c>
      <c r="L4578" s="237">
        <f t="shared" si="1076"/>
        <v>456.64111973691507</v>
      </c>
      <c r="M4578" s="236">
        <f t="shared" si="1072"/>
        <v>13.917514388310346</v>
      </c>
      <c r="N4578" s="236">
        <f t="shared" si="1073"/>
        <v>2.7347213221689746</v>
      </c>
      <c r="O4578" s="236">
        <f t="shared" si="1077"/>
        <v>2.8561645970702862</v>
      </c>
      <c r="P4578" s="236" t="str">
        <f t="shared" si="1078"/>
        <v>CLAY</v>
      </c>
      <c r="Q4578" s="236">
        <f t="shared" si="1074"/>
        <v>529.60911285272198</v>
      </c>
      <c r="R4578" s="238">
        <v>35</v>
      </c>
      <c r="S4578" s="236">
        <f t="shared" si="1079"/>
        <v>6.7203533332780916</v>
      </c>
      <c r="T4578" s="236" t="e">
        <f t="shared" si="1065"/>
        <v>#N/A</v>
      </c>
    </row>
    <row r="4579" spans="1:20" x14ac:dyDescent="0.2">
      <c r="A4579" s="53">
        <f t="shared" si="1066"/>
        <v>4567</v>
      </c>
      <c r="B4579" s="239">
        <v>45.366</v>
      </c>
      <c r="C4579" s="3">
        <f t="shared" si="1067"/>
        <v>45.359000000000002</v>
      </c>
      <c r="D4579" s="239">
        <v>7.2462999999999997</v>
      </c>
      <c r="E4579" s="239">
        <v>0.1671</v>
      </c>
      <c r="F4579" s="239">
        <v>0.4163</v>
      </c>
      <c r="G4579">
        <f t="shared" si="1068"/>
        <v>7.3295599999999999</v>
      </c>
      <c r="H4579" s="235">
        <f t="shared" si="1069"/>
        <v>2.2798094292153963</v>
      </c>
      <c r="I4579" s="236">
        <f t="shared" si="1070"/>
        <v>20.025049583000609</v>
      </c>
      <c r="J4579" s="237">
        <f t="shared" si="1075"/>
        <v>10.025049583000609</v>
      </c>
      <c r="K4579" s="237">
        <f t="shared" si="1071"/>
        <v>908.31622403532469</v>
      </c>
      <c r="L4579" s="237">
        <f t="shared" si="1076"/>
        <v>454.79639938240564</v>
      </c>
      <c r="M4579" s="236">
        <f t="shared" si="1072"/>
        <v>14.118941541059808</v>
      </c>
      <c r="N4579" s="236">
        <f t="shared" si="1073"/>
        <v>2.6022995829168045</v>
      </c>
      <c r="O4579" s="236">
        <f t="shared" si="1077"/>
        <v>2.8386108543076518</v>
      </c>
      <c r="P4579" s="236" t="str">
        <f t="shared" si="1078"/>
        <v>CLAY</v>
      </c>
      <c r="Q4579" s="236">
        <f t="shared" si="1074"/>
        <v>535.10364799705621</v>
      </c>
      <c r="R4579" s="238">
        <v>35</v>
      </c>
      <c r="S4579" s="236">
        <f t="shared" si="1079"/>
        <v>6.8421514616087409</v>
      </c>
      <c r="T4579" s="236" t="e">
        <f t="shared" si="1065"/>
        <v>#N/A</v>
      </c>
    </row>
    <row r="4580" spans="1:20" x14ac:dyDescent="0.2">
      <c r="A4580" s="53">
        <f t="shared" si="1066"/>
        <v>4568</v>
      </c>
      <c r="B4580" s="239">
        <v>45.375</v>
      </c>
      <c r="C4580" s="3">
        <f t="shared" si="1067"/>
        <v>45.368000000000002</v>
      </c>
      <c r="D4580" s="239">
        <v>7.3712</v>
      </c>
      <c r="E4580" s="239">
        <v>0.1782</v>
      </c>
      <c r="F4580" s="239">
        <v>0.52170000000000005</v>
      </c>
      <c r="G4580">
        <f t="shared" si="1068"/>
        <v>7.4755399999999996</v>
      </c>
      <c r="H4580" s="235">
        <f t="shared" si="1069"/>
        <v>2.3837742825267476</v>
      </c>
      <c r="I4580" s="236">
        <f t="shared" si="1070"/>
        <v>20.108172156255534</v>
      </c>
      <c r="J4580" s="237">
        <f t="shared" si="1075"/>
        <v>10.108172156255534</v>
      </c>
      <c r="K4580" s="237">
        <f t="shared" si="1071"/>
        <v>912.26755438500118</v>
      </c>
      <c r="L4580" s="237">
        <f t="shared" si="1076"/>
        <v>458.65831159009485</v>
      </c>
      <c r="M4580" s="236">
        <f t="shared" si="1072"/>
        <v>14.309720939889186</v>
      </c>
      <c r="N4580" s="236">
        <f t="shared" si="1073"/>
        <v>2.715108986814307</v>
      </c>
      <c r="O4580" s="236">
        <f t="shared" si="1077"/>
        <v>2.8445237619141412</v>
      </c>
      <c r="P4580" s="236" t="str">
        <f t="shared" si="1078"/>
        <v>CLAY</v>
      </c>
      <c r="Q4580" s="236">
        <f t="shared" si="1074"/>
        <v>546.93937046791655</v>
      </c>
      <c r="R4580" s="238">
        <v>35</v>
      </c>
      <c r="S4580" s="236">
        <f t="shared" si="1079"/>
        <v>6.9579125214648778</v>
      </c>
      <c r="T4580" s="236" t="e">
        <f t="shared" si="1065"/>
        <v>#N/A</v>
      </c>
    </row>
    <row r="4581" spans="1:20" x14ac:dyDescent="0.2">
      <c r="A4581" s="53">
        <f t="shared" si="1066"/>
        <v>4569</v>
      </c>
      <c r="B4581" s="239">
        <v>45.386000000000003</v>
      </c>
      <c r="C4581" s="3">
        <f t="shared" si="1067"/>
        <v>45.379000000000005</v>
      </c>
      <c r="D4581" s="239">
        <v>7.6284000000000001</v>
      </c>
      <c r="E4581" s="239">
        <v>0.18679999999999999</v>
      </c>
      <c r="F4581" s="239">
        <v>0.59630000000000005</v>
      </c>
      <c r="G4581">
        <f t="shared" si="1068"/>
        <v>7.7476599999999998</v>
      </c>
      <c r="H4581" s="235">
        <f t="shared" si="1069"/>
        <v>2.411050562363346</v>
      </c>
      <c r="I4581" s="236">
        <f t="shared" si="1070"/>
        <v>20.177414106908884</v>
      </c>
      <c r="J4581" s="237">
        <f t="shared" si="1075"/>
        <v>10.177414106908884</v>
      </c>
      <c r="K4581" s="237">
        <f t="shared" si="1071"/>
        <v>915.63087475741838</v>
      </c>
      <c r="L4581" s="237">
        <f t="shared" si="1076"/>
        <v>461.91211665616663</v>
      </c>
      <c r="M4581" s="236">
        <f t="shared" si="1072"/>
        <v>14.79075538156566</v>
      </c>
      <c r="N4581" s="236">
        <f t="shared" si="1073"/>
        <v>2.7341803814890406</v>
      </c>
      <c r="O4581" s="236">
        <f t="shared" si="1077"/>
        <v>2.8346288322727209</v>
      </c>
      <c r="P4581" s="236" t="str">
        <f t="shared" si="1078"/>
        <v>CLAY</v>
      </c>
      <c r="Q4581" s="236">
        <f t="shared" si="1074"/>
        <v>569.33576043688174</v>
      </c>
      <c r="R4581" s="238">
        <v>35</v>
      </c>
      <c r="S4581" s="236">
        <f t="shared" si="1079"/>
        <v>7.2515016779278954</v>
      </c>
      <c r="T4581" s="236" t="e">
        <f t="shared" si="1065"/>
        <v>#N/A</v>
      </c>
    </row>
    <row r="4582" spans="1:20" x14ac:dyDescent="0.2">
      <c r="A4582" s="53">
        <f t="shared" si="1066"/>
        <v>4570</v>
      </c>
      <c r="B4582" s="239">
        <v>45.395000000000003</v>
      </c>
      <c r="C4582" s="3">
        <f t="shared" si="1067"/>
        <v>45.388000000000005</v>
      </c>
      <c r="D4582" s="239">
        <v>7.8788999999999998</v>
      </c>
      <c r="E4582" s="239">
        <v>0.1867</v>
      </c>
      <c r="F4582" s="239">
        <v>0.56689999999999996</v>
      </c>
      <c r="G4582">
        <f t="shared" si="1068"/>
        <v>7.9922800000000001</v>
      </c>
      <c r="H4582" s="235">
        <f t="shared" si="1069"/>
        <v>2.3360042440955522</v>
      </c>
      <c r="I4582" s="236">
        <f t="shared" si="1070"/>
        <v>20.188936334271403</v>
      </c>
      <c r="J4582" s="237">
        <f t="shared" si="1075"/>
        <v>10.188936334271403</v>
      </c>
      <c r="K4582" s="237">
        <f t="shared" si="1071"/>
        <v>916.33544233991051</v>
      </c>
      <c r="L4582" s="237">
        <f t="shared" si="1076"/>
        <v>462.52676489425039</v>
      </c>
      <c r="M4582" s="236">
        <f t="shared" si="1072"/>
        <v>15.298454261945025</v>
      </c>
      <c r="N4582" s="236">
        <f t="shared" si="1073"/>
        <v>2.638516999089362</v>
      </c>
      <c r="O4582" s="236">
        <f t="shared" si="1077"/>
        <v>2.8136982993210791</v>
      </c>
      <c r="P4582" s="236" t="str">
        <f t="shared" si="1078"/>
        <v>CLAY</v>
      </c>
      <c r="Q4582" s="236">
        <f t="shared" si="1074"/>
        <v>589.6620464716741</v>
      </c>
      <c r="R4582" s="238">
        <v>35</v>
      </c>
      <c r="S4582" s="236">
        <f t="shared" si="1079"/>
        <v>7.5639639304970352</v>
      </c>
      <c r="T4582" s="236" t="e">
        <f t="shared" si="1065"/>
        <v>#N/A</v>
      </c>
    </row>
    <row r="4583" spans="1:20" x14ac:dyDescent="0.2">
      <c r="A4583" s="53">
        <f t="shared" si="1066"/>
        <v>4571</v>
      </c>
      <c r="B4583" s="239">
        <v>45.404000000000003</v>
      </c>
      <c r="C4583" s="3">
        <f t="shared" si="1067"/>
        <v>45.397000000000006</v>
      </c>
      <c r="D4583" s="239">
        <v>8.1158000000000001</v>
      </c>
      <c r="E4583" s="239">
        <v>0.18679999999999999</v>
      </c>
      <c r="F4583" s="239">
        <v>0.35420000000000001</v>
      </c>
      <c r="G4583">
        <f t="shared" si="1068"/>
        <v>8.1866400000000006</v>
      </c>
      <c r="H4583" s="235">
        <f t="shared" si="1069"/>
        <v>2.2817663901185345</v>
      </c>
      <c r="I4583" s="236">
        <f t="shared" si="1070"/>
        <v>20.19895573229293</v>
      </c>
      <c r="J4583" s="237">
        <f t="shared" si="1075"/>
        <v>10.19895573229293</v>
      </c>
      <c r="K4583" s="237">
        <f t="shared" si="1071"/>
        <v>916.97199337890231</v>
      </c>
      <c r="L4583" s="237">
        <f t="shared" si="1076"/>
        <v>463.07338606902823</v>
      </c>
      <c r="M4583" s="236">
        <f t="shared" si="1072"/>
        <v>15.69873852680759</v>
      </c>
      <c r="N4583" s="236">
        <f t="shared" si="1073"/>
        <v>2.5695808918628127</v>
      </c>
      <c r="O4583" s="236">
        <f t="shared" si="1077"/>
        <v>2.7978817354242951</v>
      </c>
      <c r="P4583" s="236" t="str">
        <f t="shared" si="1078"/>
        <v>CLAY</v>
      </c>
      <c r="Q4583" s="236">
        <f t="shared" si="1074"/>
        <v>605.8056672184249</v>
      </c>
      <c r="R4583" s="238">
        <v>35</v>
      </c>
      <c r="S4583" s="236">
        <f t="shared" si="1079"/>
        <v>7.8121568392675744</v>
      </c>
      <c r="T4583" s="236" t="e">
        <f t="shared" si="1065"/>
        <v>#N/A</v>
      </c>
    </row>
    <row r="4584" spans="1:20" x14ac:dyDescent="0.2">
      <c r="A4584" s="53">
        <f t="shared" si="1066"/>
        <v>4572</v>
      </c>
      <c r="B4584" s="239">
        <v>45.412999999999997</v>
      </c>
      <c r="C4584" s="3">
        <f t="shared" si="1067"/>
        <v>45.405999999999999</v>
      </c>
      <c r="D4584" s="239">
        <v>8.2814999999999994</v>
      </c>
      <c r="E4584" s="239">
        <v>0.18809999999999999</v>
      </c>
      <c r="F4584" s="239">
        <v>0.28170000000000001</v>
      </c>
      <c r="G4584">
        <f t="shared" si="1068"/>
        <v>8.3378399999999999</v>
      </c>
      <c r="H4584" s="235">
        <f t="shared" si="1069"/>
        <v>2.2559799660343685</v>
      </c>
      <c r="I4584" s="236">
        <f t="shared" si="1070"/>
        <v>20.214241003599376</v>
      </c>
      <c r="J4584" s="237">
        <f t="shared" si="1075"/>
        <v>10.214241003599376</v>
      </c>
      <c r="K4584" s="237">
        <f t="shared" si="1071"/>
        <v>917.84782700943322</v>
      </c>
      <c r="L4584" s="237">
        <f t="shared" si="1076"/>
        <v>463.85932669645842</v>
      </c>
      <c r="M4584" s="236">
        <f t="shared" si="1072"/>
        <v>15.996212096962067</v>
      </c>
      <c r="N4584" s="236">
        <f t="shared" si="1073"/>
        <v>2.5350431053647302</v>
      </c>
      <c r="O4584" s="236">
        <f t="shared" si="1077"/>
        <v>2.7878318942530904</v>
      </c>
      <c r="P4584" s="236" t="str">
        <f t="shared" si="1078"/>
        <v>CLAY</v>
      </c>
      <c r="Q4584" s="236">
        <f t="shared" si="1074"/>
        <v>618.33268108254731</v>
      </c>
      <c r="R4584" s="238">
        <v>35</v>
      </c>
      <c r="S4584" s="236">
        <f t="shared" si="1079"/>
        <v>7.9976326306650538</v>
      </c>
      <c r="T4584" s="236" t="e">
        <f t="shared" si="1065"/>
        <v>#N/A</v>
      </c>
    </row>
    <row r="4585" spans="1:20" x14ac:dyDescent="0.2">
      <c r="A4585" s="53">
        <f t="shared" si="1066"/>
        <v>4573</v>
      </c>
      <c r="B4585" s="239">
        <v>45.423000000000002</v>
      </c>
      <c r="C4585" s="3">
        <f t="shared" si="1067"/>
        <v>45.416000000000004</v>
      </c>
      <c r="D4585" s="239">
        <v>8.6721000000000004</v>
      </c>
      <c r="E4585" s="239">
        <v>0.19350000000000001</v>
      </c>
      <c r="F4585" s="239">
        <v>0.28399999999999997</v>
      </c>
      <c r="G4585">
        <f t="shared" si="1068"/>
        <v>8.7289000000000012</v>
      </c>
      <c r="H4585" s="235">
        <f t="shared" si="1069"/>
        <v>2.2167741639840068</v>
      </c>
      <c r="I4585" s="236">
        <f t="shared" si="1070"/>
        <v>20.265345237983048</v>
      </c>
      <c r="J4585" s="237">
        <f t="shared" si="1075"/>
        <v>10.265345237983048</v>
      </c>
      <c r="K4585" s="237">
        <f t="shared" si="1071"/>
        <v>920.37091932823819</v>
      </c>
      <c r="L4585" s="237">
        <f t="shared" si="1076"/>
        <v>466.28277674490403</v>
      </c>
      <c r="M4585" s="236">
        <f t="shared" si="1072"/>
        <v>16.746338209578962</v>
      </c>
      <c r="N4585" s="236">
        <f t="shared" si="1073"/>
        <v>2.4780595423402496</v>
      </c>
      <c r="O4585" s="236">
        <f t="shared" si="1077"/>
        <v>2.7659054041799287</v>
      </c>
      <c r="P4585" s="236" t="str">
        <f t="shared" si="1078"/>
        <v>CLAY</v>
      </c>
      <c r="Q4585" s="236">
        <f t="shared" si="1074"/>
        <v>650.71075672264692</v>
      </c>
      <c r="R4585" s="238">
        <v>35</v>
      </c>
      <c r="S4585" s="236">
        <f t="shared" si="1079"/>
        <v>8.4691501225122057</v>
      </c>
      <c r="T4585" s="236" t="e">
        <f t="shared" si="1065"/>
        <v>#N/A</v>
      </c>
    </row>
    <row r="4586" spans="1:20" x14ac:dyDescent="0.2">
      <c r="A4586" s="53">
        <f t="shared" si="1066"/>
        <v>4574</v>
      </c>
      <c r="B4586" s="239">
        <v>45.433</v>
      </c>
      <c r="C4586" s="3">
        <f t="shared" si="1067"/>
        <v>45.426000000000002</v>
      </c>
      <c r="D4586" s="239">
        <v>9.1928999999999998</v>
      </c>
      <c r="E4586" s="239">
        <v>0.20169999999999999</v>
      </c>
      <c r="F4586" s="239">
        <v>0.39029999999999998</v>
      </c>
      <c r="G4586">
        <f t="shared" si="1068"/>
        <v>9.2709600000000005</v>
      </c>
      <c r="H4586" s="235">
        <f t="shared" si="1069"/>
        <v>2.1756107242399922</v>
      </c>
      <c r="I4586" s="236">
        <f t="shared" si="1070"/>
        <v>20.337561216123493</v>
      </c>
      <c r="J4586" s="237">
        <f t="shared" si="1075"/>
        <v>10.337561216123493</v>
      </c>
      <c r="K4586" s="237">
        <f t="shared" si="1071"/>
        <v>923.8540558036259</v>
      </c>
      <c r="L4586" s="237">
        <f t="shared" si="1076"/>
        <v>469.66641873213865</v>
      </c>
      <c r="M4586" s="236">
        <f t="shared" si="1072"/>
        <v>17.772413805375592</v>
      </c>
      <c r="N4586" s="236">
        <f t="shared" si="1073"/>
        <v>2.4164063730404566</v>
      </c>
      <c r="O4586" s="236">
        <f t="shared" si="1077"/>
        <v>2.7385543513242045</v>
      </c>
      <c r="P4586" s="236" t="str">
        <f t="shared" si="1078"/>
        <v>CLAY</v>
      </c>
      <c r="Q4586" s="236">
        <f t="shared" si="1074"/>
        <v>695.59216201636457</v>
      </c>
      <c r="R4586" s="238">
        <v>35</v>
      </c>
      <c r="S4586" s="236">
        <f t="shared" si="1079"/>
        <v>9.1226923563675317</v>
      </c>
      <c r="T4586" s="236" t="e">
        <f t="shared" si="1065"/>
        <v>#N/A</v>
      </c>
    </row>
    <row r="4587" spans="1:20" x14ac:dyDescent="0.2">
      <c r="A4587" s="53">
        <f t="shared" si="1066"/>
        <v>4575</v>
      </c>
      <c r="B4587" s="239">
        <v>45.442</v>
      </c>
      <c r="C4587" s="3">
        <f t="shared" si="1067"/>
        <v>45.435000000000002</v>
      </c>
      <c r="D4587" s="239">
        <v>9.8882999999999992</v>
      </c>
      <c r="E4587" s="239">
        <v>0.21029999999999999</v>
      </c>
      <c r="F4587" s="239">
        <v>0.48309999999999997</v>
      </c>
      <c r="G4587">
        <f t="shared" si="1068"/>
        <v>9.9849199999999989</v>
      </c>
      <c r="H4587" s="235">
        <f t="shared" si="1069"/>
        <v>2.106176113579278</v>
      </c>
      <c r="I4587" s="236">
        <f t="shared" si="1070"/>
        <v>20.415519221291358</v>
      </c>
      <c r="J4587" s="237">
        <f t="shared" si="1075"/>
        <v>10.415519221291358</v>
      </c>
      <c r="K4587" s="237">
        <f t="shared" si="1071"/>
        <v>927.57911581937287</v>
      </c>
      <c r="L4587" s="237">
        <f t="shared" si="1076"/>
        <v>473.30202445392189</v>
      </c>
      <c r="M4587" s="236">
        <f t="shared" si="1072"/>
        <v>19.136493013379024</v>
      </c>
      <c r="N4587" s="236">
        <f t="shared" si="1073"/>
        <v>2.3218735243509037</v>
      </c>
      <c r="O4587" s="236">
        <f t="shared" si="1077"/>
        <v>2.7023749382268583</v>
      </c>
      <c r="P4587" s="236" t="str">
        <f t="shared" si="1078"/>
        <v>CLAY</v>
      </c>
      <c r="Q4587" s="236">
        <f t="shared" si="1074"/>
        <v>754.77840701505204</v>
      </c>
      <c r="R4587" s="238">
        <v>35</v>
      </c>
      <c r="S4587" s="236">
        <f t="shared" si="1079"/>
        <v>10.006171626217997</v>
      </c>
      <c r="T4587" s="236" t="e">
        <f t="shared" si="1065"/>
        <v>#N/A</v>
      </c>
    </row>
    <row r="4588" spans="1:20" x14ac:dyDescent="0.2">
      <c r="A4588" s="53">
        <f t="shared" si="1066"/>
        <v>4576</v>
      </c>
      <c r="B4588" s="239">
        <v>45.451999999999998</v>
      </c>
      <c r="C4588" s="3">
        <f t="shared" si="1067"/>
        <v>45.445</v>
      </c>
      <c r="D4588" s="239">
        <v>10.7784</v>
      </c>
      <c r="E4588" s="239">
        <v>0.22109999999999999</v>
      </c>
      <c r="F4588" s="239">
        <v>0.45600000000000002</v>
      </c>
      <c r="G4588">
        <f t="shared" si="1068"/>
        <v>10.8696</v>
      </c>
      <c r="H4588" s="235">
        <f t="shared" si="1069"/>
        <v>2.034113490836829</v>
      </c>
      <c r="I4588" s="236">
        <f t="shared" si="1070"/>
        <v>20.507424865500123</v>
      </c>
      <c r="J4588" s="237">
        <f t="shared" si="1075"/>
        <v>10.507424865500123</v>
      </c>
      <c r="K4588" s="237">
        <f t="shared" si="1071"/>
        <v>931.95992301265312</v>
      </c>
      <c r="L4588" s="237">
        <f t="shared" si="1076"/>
        <v>477.58347498671156</v>
      </c>
      <c r="M4588" s="236">
        <f t="shared" si="1072"/>
        <v>20.808174062688948</v>
      </c>
      <c r="N4588" s="236">
        <f t="shared" si="1073"/>
        <v>2.224874298999846</v>
      </c>
      <c r="O4588" s="236">
        <f t="shared" si="1077"/>
        <v>2.662056254842073</v>
      </c>
      <c r="P4588" s="236" t="str">
        <f t="shared" si="1078"/>
        <v>CLAY</v>
      </c>
      <c r="Q4588" s="236">
        <f t="shared" si="1074"/>
        <v>828.13667308227889</v>
      </c>
      <c r="R4588" s="238">
        <v>35</v>
      </c>
      <c r="S4588" s="236">
        <f t="shared" si="1079"/>
        <v>11.110471094476475</v>
      </c>
      <c r="T4588" s="236" t="e">
        <f t="shared" si="1065"/>
        <v>#N/A</v>
      </c>
    </row>
    <row r="4589" spans="1:20" x14ac:dyDescent="0.2">
      <c r="A4589" s="53">
        <f t="shared" si="1066"/>
        <v>4577</v>
      </c>
      <c r="B4589" s="239">
        <v>45.462000000000003</v>
      </c>
      <c r="C4589" s="3">
        <f t="shared" si="1067"/>
        <v>45.455000000000005</v>
      </c>
      <c r="D4589" s="239">
        <v>11.8665</v>
      </c>
      <c r="E4589" s="239">
        <v>0.22819999999999999</v>
      </c>
      <c r="F4589" s="239">
        <v>0.32819999999999999</v>
      </c>
      <c r="G4589">
        <f t="shared" si="1068"/>
        <v>11.93214</v>
      </c>
      <c r="H4589" s="235">
        <f t="shared" si="1069"/>
        <v>1.9124817509683927</v>
      </c>
      <c r="I4589" s="236">
        <f t="shared" si="1070"/>
        <v>20.580941788878381</v>
      </c>
      <c r="J4589" s="237">
        <f t="shared" si="1075"/>
        <v>10.580941788878381</v>
      </c>
      <c r="K4589" s="237">
        <f t="shared" si="1071"/>
        <v>935.50670901346689</v>
      </c>
      <c r="L4589" s="237">
        <f t="shared" si="1076"/>
        <v>481.03077560598899</v>
      </c>
      <c r="M4589" s="236">
        <f t="shared" si="1072"/>
        <v>22.860560797036918</v>
      </c>
      <c r="N4589" s="236">
        <f t="shared" si="1073"/>
        <v>2.0751805935644474</v>
      </c>
      <c r="O4589" s="236">
        <f t="shared" si="1077"/>
        <v>2.6112248145318273</v>
      </c>
      <c r="P4589" s="236" t="str">
        <f t="shared" si="1078"/>
        <v>CLAY</v>
      </c>
      <c r="Q4589" s="236">
        <f t="shared" si="1074"/>
        <v>916.38610758221114</v>
      </c>
      <c r="R4589" s="238">
        <v>35</v>
      </c>
      <c r="S4589" s="236">
        <f t="shared" si="1079"/>
        <v>12.496793935085938</v>
      </c>
      <c r="T4589" s="236" t="e">
        <f t="shared" si="1065"/>
        <v>#N/A</v>
      </c>
    </row>
    <row r="4590" spans="1:20" x14ac:dyDescent="0.2">
      <c r="A4590" s="53">
        <f t="shared" si="1066"/>
        <v>4578</v>
      </c>
      <c r="B4590" s="239">
        <v>45.470999999999997</v>
      </c>
      <c r="C4590" s="3">
        <f t="shared" si="1067"/>
        <v>45.463999999999999</v>
      </c>
      <c r="D4590" s="239">
        <v>12.712199999999999</v>
      </c>
      <c r="E4590" s="239">
        <v>0.2261</v>
      </c>
      <c r="F4590" s="239">
        <v>0.31309999999999999</v>
      </c>
      <c r="G4590">
        <f t="shared" si="1068"/>
        <v>12.77482</v>
      </c>
      <c r="H4590" s="235">
        <f t="shared" si="1069"/>
        <v>1.7698879514545018</v>
      </c>
      <c r="I4590" s="236">
        <f t="shared" si="1070"/>
        <v>20.596773883306263</v>
      </c>
      <c r="J4590" s="237">
        <f t="shared" si="1075"/>
        <v>10.596773883306263</v>
      </c>
      <c r="K4590" s="237">
        <f t="shared" si="1071"/>
        <v>936.41172783063587</v>
      </c>
      <c r="L4590" s="237">
        <f t="shared" si="1076"/>
        <v>481.84590524781902</v>
      </c>
      <c r="M4590" s="236">
        <f t="shared" si="1072"/>
        <v>24.56886764676506</v>
      </c>
      <c r="N4590" s="236">
        <f t="shared" si="1073"/>
        <v>1.909885136598416</v>
      </c>
      <c r="O4590" s="236">
        <f t="shared" si="1077"/>
        <v>2.5647262473802521</v>
      </c>
      <c r="P4590" s="236" t="str">
        <f t="shared" si="1078"/>
        <v>SAND</v>
      </c>
      <c r="Q4590" s="236" t="e">
        <f t="shared" si="1074"/>
        <v>#N/A</v>
      </c>
      <c r="R4590" s="238">
        <v>35</v>
      </c>
      <c r="S4590" s="236" t="e">
        <f t="shared" si="1079"/>
        <v>#N/A</v>
      </c>
      <c r="T4590" s="236">
        <f t="shared" si="1065"/>
        <v>32.894236548426427</v>
      </c>
    </row>
    <row r="4591" spans="1:20" x14ac:dyDescent="0.2">
      <c r="A4591" s="53">
        <f t="shared" si="1066"/>
        <v>4579</v>
      </c>
      <c r="B4591" s="239">
        <v>45.481000000000002</v>
      </c>
      <c r="C4591" s="3">
        <f t="shared" si="1067"/>
        <v>45.474000000000004</v>
      </c>
      <c r="D4591" s="239">
        <v>13.1473</v>
      </c>
      <c r="E4591" s="239">
        <v>0.21390000000000001</v>
      </c>
      <c r="F4591" s="239">
        <v>0.1216</v>
      </c>
      <c r="G4591">
        <f t="shared" si="1068"/>
        <v>13.171619999999999</v>
      </c>
      <c r="H4591" s="235">
        <f t="shared" si="1069"/>
        <v>1.6239460294177939</v>
      </c>
      <c r="I4591" s="236">
        <f t="shared" si="1070"/>
        <v>20.543687446304638</v>
      </c>
      <c r="J4591" s="237">
        <f t="shared" si="1075"/>
        <v>10.543687446304638</v>
      </c>
      <c r="K4591" s="237">
        <f t="shared" si="1071"/>
        <v>934.20364293325713</v>
      </c>
      <c r="L4591" s="237">
        <f t="shared" si="1076"/>
        <v>479.53744874538125</v>
      </c>
      <c r="M4591" s="236">
        <f t="shared" si="1072"/>
        <v>25.519208956638568</v>
      </c>
      <c r="N4591" s="236">
        <f t="shared" si="1073"/>
        <v>1.7479179735228927</v>
      </c>
      <c r="O4591" s="236">
        <f t="shared" si="1077"/>
        <v>2.5289295628133099</v>
      </c>
      <c r="P4591" s="236" t="str">
        <f t="shared" si="1078"/>
        <v>SAND</v>
      </c>
      <c r="Q4591" s="236" t="e">
        <f t="shared" si="1074"/>
        <v>#N/A</v>
      </c>
      <c r="R4591" s="238">
        <v>35</v>
      </c>
      <c r="S4591" s="236" t="e">
        <f t="shared" si="1079"/>
        <v>#N/A</v>
      </c>
      <c r="T4591" s="236">
        <f t="shared" si="1065"/>
        <v>33.075539288173402</v>
      </c>
    </row>
    <row r="4592" spans="1:20" x14ac:dyDescent="0.2">
      <c r="A4592" s="53">
        <f t="shared" si="1066"/>
        <v>4580</v>
      </c>
      <c r="B4592" s="239">
        <v>45.491</v>
      </c>
      <c r="C4592" s="3">
        <f t="shared" si="1067"/>
        <v>45.484000000000002</v>
      </c>
      <c r="D4592" s="239">
        <v>13.3969</v>
      </c>
      <c r="E4592" s="239">
        <v>0.2009</v>
      </c>
      <c r="F4592" s="239">
        <v>9.7000000000000003E-3</v>
      </c>
      <c r="G4592">
        <f t="shared" si="1068"/>
        <v>13.39884</v>
      </c>
      <c r="H4592" s="235">
        <f t="shared" si="1069"/>
        <v>1.4993835287233821</v>
      </c>
      <c r="I4592" s="236">
        <f t="shared" si="1070"/>
        <v>20.476849364588908</v>
      </c>
      <c r="J4592" s="237">
        <f t="shared" si="1075"/>
        <v>10.476849364588908</v>
      </c>
      <c r="K4592" s="237">
        <f t="shared" si="1071"/>
        <v>931.36901649896197</v>
      </c>
      <c r="L4592" s="237">
        <f t="shared" si="1076"/>
        <v>476.60235444451399</v>
      </c>
      <c r="M4592" s="236">
        <f t="shared" si="1072"/>
        <v>26.159062932099928</v>
      </c>
      <c r="N4592" s="236">
        <f t="shared" si="1073"/>
        <v>1.6113933633040991</v>
      </c>
      <c r="O4592" s="236">
        <f t="shared" si="1077"/>
        <v>2.4998317999950412</v>
      </c>
      <c r="P4592" s="236" t="str">
        <f t="shared" si="1078"/>
        <v>SAND</v>
      </c>
      <c r="Q4592" s="236" t="e">
        <f t="shared" si="1074"/>
        <v>#N/A</v>
      </c>
      <c r="R4592" s="238">
        <v>35</v>
      </c>
      <c r="S4592" s="236" t="e">
        <f t="shared" si="1079"/>
        <v>#N/A</v>
      </c>
      <c r="T4592" s="236">
        <f t="shared" si="1065"/>
        <v>33.193844009348112</v>
      </c>
    </row>
    <row r="4593" spans="1:20" x14ac:dyDescent="0.2">
      <c r="A4593" s="53">
        <f t="shared" si="1066"/>
        <v>4581</v>
      </c>
      <c r="B4593" s="239">
        <v>45.500999999999998</v>
      </c>
      <c r="C4593" s="3">
        <f t="shared" si="1067"/>
        <v>45.494</v>
      </c>
      <c r="D4593" s="239">
        <v>13.4945</v>
      </c>
      <c r="E4593" s="239">
        <v>0.20130000000000001</v>
      </c>
      <c r="F4593" s="239">
        <v>-1.47E-2</v>
      </c>
      <c r="G4593">
        <f t="shared" si="1068"/>
        <v>13.49156</v>
      </c>
      <c r="H4593" s="235">
        <f t="shared" si="1069"/>
        <v>1.4920439148623288</v>
      </c>
      <c r="I4593" s="236">
        <f t="shared" si="1070"/>
        <v>20.481877198780953</v>
      </c>
      <c r="J4593" s="237">
        <f t="shared" si="1075"/>
        <v>10.481877198780953</v>
      </c>
      <c r="K4593" s="237">
        <f t="shared" si="1071"/>
        <v>931.80252128134066</v>
      </c>
      <c r="L4593" s="237">
        <f t="shared" si="1076"/>
        <v>476.93589442173214</v>
      </c>
      <c r="M4593" s="236">
        <f t="shared" si="1072"/>
        <v>26.334267614617094</v>
      </c>
      <c r="N4593" s="236">
        <f t="shared" si="1073"/>
        <v>1.6027379536673709</v>
      </c>
      <c r="O4593" s="236">
        <f t="shared" si="1077"/>
        <v>2.4961162579985992</v>
      </c>
      <c r="P4593" s="236" t="str">
        <f t="shared" si="1078"/>
        <v>SAND</v>
      </c>
      <c r="Q4593" s="236" t="e">
        <f t="shared" si="1074"/>
        <v>#N/A</v>
      </c>
      <c r="R4593" s="238">
        <v>35</v>
      </c>
      <c r="S4593" s="236" t="e">
        <f t="shared" si="1079"/>
        <v>#N/A</v>
      </c>
      <c r="T4593" s="236">
        <f t="shared" si="1065"/>
        <v>33.225733691117512</v>
      </c>
    </row>
    <row r="4594" spans="1:20" x14ac:dyDescent="0.2">
      <c r="A4594" s="53">
        <f t="shared" si="1066"/>
        <v>4582</v>
      </c>
      <c r="B4594" s="239">
        <v>45.51</v>
      </c>
      <c r="C4594" s="3">
        <f t="shared" si="1067"/>
        <v>45.503</v>
      </c>
      <c r="D4594" s="239">
        <v>13.3843</v>
      </c>
      <c r="E4594" s="239">
        <v>0.19400000000000001</v>
      </c>
      <c r="F4594" s="239">
        <v>-1.6E-2</v>
      </c>
      <c r="G4594">
        <f t="shared" si="1068"/>
        <v>13.3811</v>
      </c>
      <c r="H4594" s="235">
        <f t="shared" si="1069"/>
        <v>1.4498060697551023</v>
      </c>
      <c r="I4594" s="236">
        <f t="shared" si="1070"/>
        <v>20.435350359858539</v>
      </c>
      <c r="J4594" s="237">
        <f t="shared" si="1075"/>
        <v>10.435350359858539</v>
      </c>
      <c r="K4594" s="237">
        <f t="shared" si="1071"/>
        <v>929.86974742464315</v>
      </c>
      <c r="L4594" s="237">
        <f t="shared" si="1076"/>
        <v>474.91279487716207</v>
      </c>
      <c r="M4594" s="236">
        <f t="shared" si="1072"/>
        <v>26.217929663899479</v>
      </c>
      <c r="N4594" s="236">
        <f t="shared" si="1073"/>
        <v>1.5580789694245185</v>
      </c>
      <c r="O4594" s="236">
        <f t="shared" si="1077"/>
        <v>2.490714264489525</v>
      </c>
      <c r="P4594" s="236" t="str">
        <f t="shared" si="1078"/>
        <v>SAND</v>
      </c>
      <c r="Q4594" s="236" t="e">
        <f t="shared" si="1074"/>
        <v>#N/A</v>
      </c>
      <c r="R4594" s="238">
        <v>35</v>
      </c>
      <c r="S4594" s="236" t="e">
        <f t="shared" si="1079"/>
        <v>#N/A</v>
      </c>
      <c r="T4594" s="236">
        <f t="shared" si="1065"/>
        <v>33.204582334293519</v>
      </c>
    </row>
    <row r="4595" spans="1:20" x14ac:dyDescent="0.2">
      <c r="A4595" s="53">
        <f t="shared" si="1066"/>
        <v>4583</v>
      </c>
      <c r="B4595" s="239">
        <v>45.518999999999998</v>
      </c>
      <c r="C4595" s="3">
        <f t="shared" si="1067"/>
        <v>45.512</v>
      </c>
      <c r="D4595" s="239">
        <v>13.103899999999999</v>
      </c>
      <c r="E4595" s="239">
        <v>0.18590000000000001</v>
      </c>
      <c r="F4595" s="239">
        <v>-1.38E-2</v>
      </c>
      <c r="G4595">
        <f t="shared" si="1068"/>
        <v>13.101139999999999</v>
      </c>
      <c r="H4595" s="235">
        <f t="shared" si="1069"/>
        <v>1.4189604874079662</v>
      </c>
      <c r="I4595" s="236">
        <f t="shared" si="1070"/>
        <v>20.377075585585921</v>
      </c>
      <c r="J4595" s="237">
        <f t="shared" si="1075"/>
        <v>10.377075585585921</v>
      </c>
      <c r="K4595" s="237">
        <f t="shared" si="1071"/>
        <v>927.40146405118639</v>
      </c>
      <c r="L4595" s="237">
        <f t="shared" si="1076"/>
        <v>472.35410358028548</v>
      </c>
      <c r="M4595" s="236">
        <f t="shared" si="1072"/>
        <v>25.772483913394556</v>
      </c>
      <c r="N4595" s="236">
        <f t="shared" si="1073"/>
        <v>1.5270576039648045</v>
      </c>
      <c r="O4595" s="236">
        <f t="shared" si="1077"/>
        <v>2.4919164341592421</v>
      </c>
      <c r="P4595" s="236" t="str">
        <f t="shared" si="1078"/>
        <v>SAND</v>
      </c>
      <c r="Q4595" s="236" t="e">
        <f t="shared" si="1074"/>
        <v>#N/A</v>
      </c>
      <c r="R4595" s="238">
        <v>35</v>
      </c>
      <c r="S4595" s="236" t="e">
        <f t="shared" si="1079"/>
        <v>#N/A</v>
      </c>
      <c r="T4595" s="236">
        <f t="shared" si="1065"/>
        <v>33.122719049416744</v>
      </c>
    </row>
    <row r="4596" spans="1:20" x14ac:dyDescent="0.2">
      <c r="A4596" s="53">
        <f t="shared" si="1066"/>
        <v>4584</v>
      </c>
      <c r="B4596" s="239">
        <v>45.53</v>
      </c>
      <c r="C4596" s="3">
        <f t="shared" si="1067"/>
        <v>45.523000000000003</v>
      </c>
      <c r="D4596" s="239">
        <v>12.6937</v>
      </c>
      <c r="E4596" s="239">
        <v>0.1777</v>
      </c>
      <c r="F4596" s="239">
        <v>-2.3E-3</v>
      </c>
      <c r="G4596">
        <f t="shared" si="1068"/>
        <v>12.693239999999999</v>
      </c>
      <c r="H4596" s="235">
        <f t="shared" si="1069"/>
        <v>1.3999577727987496</v>
      </c>
      <c r="I4596" s="236">
        <f t="shared" si="1070"/>
        <v>20.311814351932131</v>
      </c>
      <c r="J4596" s="237">
        <f t="shared" si="1075"/>
        <v>10.311814351932131</v>
      </c>
      <c r="K4596" s="237">
        <f t="shared" si="1071"/>
        <v>924.65472474300645</v>
      </c>
      <c r="L4596" s="237">
        <f t="shared" si="1076"/>
        <v>469.49690744346998</v>
      </c>
      <c r="M4596" s="236">
        <f t="shared" si="1072"/>
        <v>25.06637442904562</v>
      </c>
      <c r="N4596" s="236">
        <f t="shared" si="1073"/>
        <v>1.5099520957171253</v>
      </c>
      <c r="O4596" s="236">
        <f t="shared" si="1077"/>
        <v>2.4991518301928153</v>
      </c>
      <c r="P4596" s="236" t="str">
        <f t="shared" si="1078"/>
        <v>SAND</v>
      </c>
      <c r="Q4596" s="236" t="e">
        <f t="shared" si="1074"/>
        <v>#N/A</v>
      </c>
      <c r="R4596" s="238">
        <v>35</v>
      </c>
      <c r="S4596" s="236" t="e">
        <f t="shared" si="1079"/>
        <v>#N/A</v>
      </c>
      <c r="T4596" s="236">
        <f t="shared" si="1065"/>
        <v>32.990006749225287</v>
      </c>
    </row>
    <row r="4597" spans="1:20" x14ac:dyDescent="0.2">
      <c r="A4597" s="53">
        <f t="shared" si="1066"/>
        <v>4585</v>
      </c>
      <c r="B4597" s="239">
        <v>45.539000000000001</v>
      </c>
      <c r="C4597" s="3">
        <f t="shared" si="1067"/>
        <v>45.532000000000004</v>
      </c>
      <c r="D4597" s="239">
        <v>12.219200000000001</v>
      </c>
      <c r="E4597" s="239">
        <v>0.16639999999999999</v>
      </c>
      <c r="F4597" s="239">
        <v>3.4599999999999999E-2</v>
      </c>
      <c r="G4597">
        <f t="shared" si="1068"/>
        <v>12.22612</v>
      </c>
      <c r="H4597" s="235">
        <f t="shared" si="1069"/>
        <v>1.3610205036430199</v>
      </c>
      <c r="I4597" s="236">
        <f t="shared" si="1070"/>
        <v>20.220116812347921</v>
      </c>
      <c r="J4597" s="237">
        <f t="shared" si="1075"/>
        <v>10.220116812347921</v>
      </c>
      <c r="K4597" s="237">
        <f t="shared" si="1071"/>
        <v>920.66235869982563</v>
      </c>
      <c r="L4597" s="237">
        <f t="shared" si="1076"/>
        <v>465.41389951751199</v>
      </c>
      <c r="M4597" s="236">
        <f t="shared" si="1072"/>
        <v>24.291190385633911</v>
      </c>
      <c r="N4597" s="236">
        <f t="shared" si="1073"/>
        <v>1.4718554991716666</v>
      </c>
      <c r="O4597" s="236">
        <f t="shared" si="1077"/>
        <v>2.5043009918613723</v>
      </c>
      <c r="P4597" s="236" t="str">
        <f t="shared" si="1078"/>
        <v>SAND</v>
      </c>
      <c r="Q4597" s="236" t="e">
        <f t="shared" si="1074"/>
        <v>#N/A</v>
      </c>
      <c r="R4597" s="238">
        <v>35</v>
      </c>
      <c r="S4597" s="236" t="e">
        <f t="shared" si="1079"/>
        <v>#N/A</v>
      </c>
      <c r="T4597" s="236">
        <f t="shared" si="1065"/>
        <v>32.839936776388427</v>
      </c>
    </row>
    <row r="4598" spans="1:20" x14ac:dyDescent="0.2">
      <c r="A4598" s="53">
        <f t="shared" si="1066"/>
        <v>4586</v>
      </c>
      <c r="B4598" s="239">
        <v>45.548999999999999</v>
      </c>
      <c r="C4598" s="3">
        <f t="shared" si="1067"/>
        <v>45.542000000000002</v>
      </c>
      <c r="D4598" s="239">
        <v>11.6776</v>
      </c>
      <c r="E4598" s="239">
        <v>0.1439</v>
      </c>
      <c r="F4598" s="239">
        <v>9.6100000000000005E-2</v>
      </c>
      <c r="G4598">
        <f t="shared" si="1068"/>
        <v>11.696820000000001</v>
      </c>
      <c r="H4598" s="235">
        <f t="shared" si="1069"/>
        <v>1.2302489052580101</v>
      </c>
      <c r="I4598" s="236">
        <f t="shared" si="1070"/>
        <v>20.032468224031447</v>
      </c>
      <c r="J4598" s="237">
        <f t="shared" si="1075"/>
        <v>10.032468224031447</v>
      </c>
      <c r="K4598" s="237">
        <f t="shared" si="1071"/>
        <v>912.31866785884017</v>
      </c>
      <c r="L4598" s="237">
        <f t="shared" si="1076"/>
        <v>456.96889513640838</v>
      </c>
      <c r="M4598" s="236">
        <f t="shared" si="1072"/>
        <v>23.600077482126903</v>
      </c>
      <c r="N4598" s="236">
        <f t="shared" si="1073"/>
        <v>1.3343222423380241</v>
      </c>
      <c r="O4598" s="236">
        <f t="shared" si="1077"/>
        <v>2.4914852009656037</v>
      </c>
      <c r="P4598" s="236" t="str">
        <f t="shared" si="1078"/>
        <v>SAND</v>
      </c>
      <c r="Q4598" s="236" t="e">
        <f t="shared" si="1074"/>
        <v>#N/A</v>
      </c>
      <c r="R4598" s="238">
        <v>35</v>
      </c>
      <c r="S4598" s="236" t="e">
        <f t="shared" si="1079"/>
        <v>#N/A</v>
      </c>
      <c r="T4598" s="236">
        <f t="shared" si="1065"/>
        <v>32.702047716995502</v>
      </c>
    </row>
    <row r="4599" spans="1:20" x14ac:dyDescent="0.2">
      <c r="A4599" s="53">
        <f t="shared" si="1066"/>
        <v>4587</v>
      </c>
      <c r="B4599" s="239">
        <v>45.558999999999997</v>
      </c>
      <c r="C4599" s="3">
        <f t="shared" si="1067"/>
        <v>45.552</v>
      </c>
      <c r="D4599" s="239">
        <v>11.2118</v>
      </c>
      <c r="E4599" s="239">
        <v>0.1333</v>
      </c>
      <c r="F4599" s="239">
        <v>0.1681</v>
      </c>
      <c r="G4599">
        <f t="shared" si="1068"/>
        <v>11.245420000000001</v>
      </c>
      <c r="H4599" s="235">
        <f t="shared" si="1069"/>
        <v>1.1853714667838107</v>
      </c>
      <c r="I4599" s="236">
        <f t="shared" si="1070"/>
        <v>19.927362570104709</v>
      </c>
      <c r="J4599" s="237">
        <f t="shared" si="1075"/>
        <v>9.9273625701047088</v>
      </c>
      <c r="K4599" s="237">
        <f t="shared" si="1071"/>
        <v>907.73121979340965</v>
      </c>
      <c r="L4599" s="237">
        <f t="shared" si="1076"/>
        <v>452.28071133140043</v>
      </c>
      <c r="M4599" s="236">
        <f t="shared" si="1072"/>
        <v>22.85679782755944</v>
      </c>
      <c r="N4599" s="236">
        <f t="shared" si="1073"/>
        <v>1.2894565007144285</v>
      </c>
      <c r="O4599" s="236">
        <f t="shared" si="1077"/>
        <v>2.4952430770267036</v>
      </c>
      <c r="P4599" s="236" t="str">
        <f t="shared" si="1078"/>
        <v>SAND</v>
      </c>
      <c r="Q4599" s="236" t="e">
        <f t="shared" si="1074"/>
        <v>#N/A</v>
      </c>
      <c r="R4599" s="238">
        <v>35</v>
      </c>
      <c r="S4599" s="236" t="e">
        <f t="shared" si="1079"/>
        <v>#N/A</v>
      </c>
      <c r="T4599" s="236">
        <f t="shared" si="1065"/>
        <v>32.549169255875313</v>
      </c>
    </row>
    <row r="4600" spans="1:20" x14ac:dyDescent="0.2">
      <c r="A4600" s="53">
        <f t="shared" si="1066"/>
        <v>4588</v>
      </c>
      <c r="B4600" s="239">
        <v>45.567999999999998</v>
      </c>
      <c r="C4600" s="3">
        <f t="shared" si="1067"/>
        <v>45.561</v>
      </c>
      <c r="D4600" s="239">
        <v>10.8764</v>
      </c>
      <c r="E4600" s="239">
        <v>0.13070000000000001</v>
      </c>
      <c r="F4600" s="239">
        <v>0.27279999999999999</v>
      </c>
      <c r="G4600">
        <f t="shared" si="1068"/>
        <v>10.930960000000001</v>
      </c>
      <c r="H4600" s="235">
        <f t="shared" si="1069"/>
        <v>1.1956863807021525</v>
      </c>
      <c r="I4600" s="236">
        <f t="shared" si="1070"/>
        <v>19.893179615420312</v>
      </c>
      <c r="J4600" s="237">
        <f t="shared" si="1075"/>
        <v>9.893179615420312</v>
      </c>
      <c r="K4600" s="237">
        <f t="shared" si="1071"/>
        <v>906.35315645816479</v>
      </c>
      <c r="L4600" s="237">
        <f t="shared" si="1076"/>
        <v>450.81240871547277</v>
      </c>
      <c r="M4600" s="236">
        <f t="shared" si="1072"/>
        <v>22.236758904009672</v>
      </c>
      <c r="N4600" s="236">
        <f t="shared" si="1073"/>
        <v>1.3037917799659249</v>
      </c>
      <c r="O4600" s="236">
        <f t="shared" si="1077"/>
        <v>2.5079087922341947</v>
      </c>
      <c r="P4600" s="236" t="str">
        <f t="shared" si="1078"/>
        <v>SAND</v>
      </c>
      <c r="Q4600" s="236" t="e">
        <f t="shared" si="1074"/>
        <v>#N/A</v>
      </c>
      <c r="R4600" s="238">
        <v>35</v>
      </c>
      <c r="S4600" s="236" t="e">
        <f t="shared" si="1079"/>
        <v>#N/A</v>
      </c>
      <c r="T4600" s="236">
        <f t="shared" si="1065"/>
        <v>32.417786361134389</v>
      </c>
    </row>
    <row r="4601" spans="1:20" x14ac:dyDescent="0.2">
      <c r="A4601" s="53">
        <f t="shared" si="1066"/>
        <v>4589</v>
      </c>
      <c r="B4601" s="239">
        <v>45.578000000000003</v>
      </c>
      <c r="C4601" s="3">
        <f t="shared" si="1067"/>
        <v>45.571000000000005</v>
      </c>
      <c r="D4601" s="239">
        <v>10.728</v>
      </c>
      <c r="E4601" s="239">
        <v>0.1358</v>
      </c>
      <c r="F4601" s="239">
        <v>0.37169999999999997</v>
      </c>
      <c r="G4601">
        <f t="shared" si="1068"/>
        <v>10.802339999999999</v>
      </c>
      <c r="H4601" s="235">
        <f t="shared" si="1069"/>
        <v>1.2571350281513081</v>
      </c>
      <c r="I4601" s="236">
        <f t="shared" si="1070"/>
        <v>19.933438491421672</v>
      </c>
      <c r="J4601" s="237">
        <f t="shared" si="1075"/>
        <v>9.933438491421672</v>
      </c>
      <c r="K4601" s="237">
        <f t="shared" si="1071"/>
        <v>908.38672549257717</v>
      </c>
      <c r="L4601" s="237">
        <f t="shared" si="1076"/>
        <v>452.74625956201697</v>
      </c>
      <c r="M4601" s="236">
        <f t="shared" si="1072"/>
        <v>21.853197161868881</v>
      </c>
      <c r="N4601" s="236">
        <f t="shared" si="1073"/>
        <v>1.3725555016506881</v>
      </c>
      <c r="O4601" s="236">
        <f t="shared" si="1077"/>
        <v>2.5262331391323816</v>
      </c>
      <c r="P4601" s="236" t="str">
        <f t="shared" si="1078"/>
        <v>SAND</v>
      </c>
      <c r="Q4601" s="236" t="e">
        <f t="shared" si="1074"/>
        <v>#N/A</v>
      </c>
      <c r="R4601" s="238">
        <v>35</v>
      </c>
      <c r="S4601" s="236" t="e">
        <f t="shared" si="1079"/>
        <v>#N/A</v>
      </c>
      <c r="T4601" s="236">
        <f t="shared" si="1065"/>
        <v>32.334664824164847</v>
      </c>
    </row>
    <row r="4602" spans="1:20" x14ac:dyDescent="0.2">
      <c r="A4602" s="53">
        <f t="shared" si="1066"/>
        <v>4590</v>
      </c>
      <c r="B4602" s="239">
        <v>45.588000000000001</v>
      </c>
      <c r="C4602" s="3">
        <f t="shared" si="1067"/>
        <v>45.581000000000003</v>
      </c>
      <c r="D4602" s="239">
        <v>10.735799999999999</v>
      </c>
      <c r="E4602" s="239">
        <v>0.13569999999999999</v>
      </c>
      <c r="F4602" s="239">
        <v>0.3458</v>
      </c>
      <c r="G4602">
        <f t="shared" si="1068"/>
        <v>10.804959999999999</v>
      </c>
      <c r="H4602" s="235">
        <f t="shared" si="1069"/>
        <v>1.2559046956212703</v>
      </c>
      <c r="I4602" s="236">
        <f t="shared" si="1070"/>
        <v>19.932669490180057</v>
      </c>
      <c r="J4602" s="237">
        <f t="shared" si="1075"/>
        <v>9.9326694901800572</v>
      </c>
      <c r="K4602" s="237">
        <f t="shared" si="1071"/>
        <v>908.55100803189725</v>
      </c>
      <c r="L4602" s="237">
        <f t="shared" si="1076"/>
        <v>452.81053671832848</v>
      </c>
      <c r="M4602" s="236">
        <f t="shared" si="1072"/>
        <v>21.855518344804285</v>
      </c>
      <c r="N4602" s="236">
        <f t="shared" si="1073"/>
        <v>1.3712044450682437</v>
      </c>
      <c r="O4602" s="236">
        <f t="shared" si="1077"/>
        <v>2.5259644246368751</v>
      </c>
      <c r="P4602" s="236" t="str">
        <f t="shared" si="1078"/>
        <v>SAND</v>
      </c>
      <c r="Q4602" s="236" t="e">
        <f t="shared" si="1074"/>
        <v>#N/A</v>
      </c>
      <c r="R4602" s="238">
        <v>35</v>
      </c>
      <c r="S4602" s="236" t="e">
        <f t="shared" si="1079"/>
        <v>#N/A</v>
      </c>
      <c r="T4602" s="236">
        <f t="shared" si="1065"/>
        <v>32.335172221658716</v>
      </c>
    </row>
    <row r="4603" spans="1:20" x14ac:dyDescent="0.2">
      <c r="A4603" s="53">
        <f t="shared" si="1066"/>
        <v>4591</v>
      </c>
      <c r="B4603" s="239">
        <v>45.597999999999999</v>
      </c>
      <c r="C4603" s="3">
        <f t="shared" si="1067"/>
        <v>45.591000000000001</v>
      </c>
      <c r="D4603" s="239">
        <v>10.7608</v>
      </c>
      <c r="E4603" s="239">
        <v>0.12659999999999999</v>
      </c>
      <c r="F4603" s="239">
        <v>0.30399999999999999</v>
      </c>
      <c r="G4603">
        <f t="shared" si="1068"/>
        <v>10.8216</v>
      </c>
      <c r="H4603" s="235">
        <f t="shared" si="1069"/>
        <v>1.169882457307607</v>
      </c>
      <c r="I4603" s="236">
        <f t="shared" si="1070"/>
        <v>19.851876389038452</v>
      </c>
      <c r="J4603" s="237">
        <f t="shared" si="1075"/>
        <v>9.851876389038452</v>
      </c>
      <c r="K4603" s="237">
        <f t="shared" si="1071"/>
        <v>905.06689645265203</v>
      </c>
      <c r="L4603" s="237">
        <f t="shared" si="1076"/>
        <v>449.22585958737534</v>
      </c>
      <c r="M4603" s="236">
        <f t="shared" si="1072"/>
        <v>22.074715628917534</v>
      </c>
      <c r="N4603" s="236">
        <f t="shared" si="1073"/>
        <v>1.2766558501651406</v>
      </c>
      <c r="O4603" s="236">
        <f t="shared" si="1077"/>
        <v>2.5057521424163562</v>
      </c>
      <c r="P4603" s="236" t="str">
        <f t="shared" si="1078"/>
        <v>SAND</v>
      </c>
      <c r="Q4603" s="236" t="e">
        <f t="shared" si="1074"/>
        <v>#N/A</v>
      </c>
      <c r="R4603" s="238">
        <v>35</v>
      </c>
      <c r="S4603" s="236" t="e">
        <f t="shared" si="1079"/>
        <v>#N/A</v>
      </c>
      <c r="T4603" s="236">
        <f t="shared" si="1065"/>
        <v>32.382846293750816</v>
      </c>
    </row>
    <row r="4604" spans="1:20" x14ac:dyDescent="0.2">
      <c r="A4604" s="53">
        <f t="shared" si="1066"/>
        <v>4592</v>
      </c>
      <c r="B4604" s="239">
        <v>45.606999999999999</v>
      </c>
      <c r="C4604" s="3">
        <f t="shared" si="1067"/>
        <v>45.6</v>
      </c>
      <c r="D4604" s="239">
        <v>10.5128</v>
      </c>
      <c r="E4604" s="239">
        <v>0.11509999999999999</v>
      </c>
      <c r="F4604" s="239">
        <v>0.29799999999999999</v>
      </c>
      <c r="G4604">
        <f t="shared" si="1068"/>
        <v>10.5724</v>
      </c>
      <c r="H4604" s="235">
        <f t="shared" si="1069"/>
        <v>1.0886837425750064</v>
      </c>
      <c r="I4604" s="236">
        <f t="shared" si="1070"/>
        <v>19.731102655605241</v>
      </c>
      <c r="J4604" s="237">
        <f t="shared" si="1075"/>
        <v>9.7311026556052411</v>
      </c>
      <c r="K4604" s="237">
        <f t="shared" si="1071"/>
        <v>899.73828109559906</v>
      </c>
      <c r="L4604" s="237">
        <f t="shared" si="1076"/>
        <v>443.80639881418824</v>
      </c>
      <c r="M4604" s="236">
        <f t="shared" si="1072"/>
        <v>21.794777508275917</v>
      </c>
      <c r="N4604" s="236">
        <f t="shared" si="1073"/>
        <v>1.189951673540353</v>
      </c>
      <c r="O4604" s="236">
        <f t="shared" si="1077"/>
        <v>2.4944573658859142</v>
      </c>
      <c r="P4604" s="236" t="str">
        <f t="shared" si="1078"/>
        <v>SAND</v>
      </c>
      <c r="Q4604" s="236" t="e">
        <f t="shared" si="1074"/>
        <v>#N/A</v>
      </c>
      <c r="R4604" s="238">
        <v>35</v>
      </c>
      <c r="S4604" s="236" t="e">
        <f t="shared" si="1079"/>
        <v>#N/A</v>
      </c>
      <c r="T4604" s="236">
        <f t="shared" si="1065"/>
        <v>32.321876838749702</v>
      </c>
    </row>
    <row r="4605" spans="1:20" x14ac:dyDescent="0.2">
      <c r="A4605" s="53">
        <f t="shared" si="1066"/>
        <v>4593</v>
      </c>
      <c r="B4605" s="239">
        <v>45.618000000000002</v>
      </c>
      <c r="C4605" s="3">
        <f t="shared" si="1067"/>
        <v>45.611000000000004</v>
      </c>
      <c r="D4605" s="239">
        <v>10.200799999999999</v>
      </c>
      <c r="E4605" s="239">
        <v>0.10920000000000001</v>
      </c>
      <c r="F4605" s="239">
        <v>0.29970000000000002</v>
      </c>
      <c r="G4605">
        <f t="shared" si="1068"/>
        <v>10.260739999999998</v>
      </c>
      <c r="H4605" s="235">
        <f t="shared" si="1069"/>
        <v>1.0642507265557848</v>
      </c>
      <c r="I4605" s="236">
        <f t="shared" si="1070"/>
        <v>19.657704992704975</v>
      </c>
      <c r="J4605" s="237">
        <f t="shared" si="1075"/>
        <v>9.657704992704975</v>
      </c>
      <c r="K4605" s="237">
        <f t="shared" si="1071"/>
        <v>896.60758242226666</v>
      </c>
      <c r="L4605" s="237">
        <f t="shared" si="1076"/>
        <v>440.56518635721557</v>
      </c>
      <c r="M4605" s="236">
        <f t="shared" si="1072"/>
        <v>21.254817011313236</v>
      </c>
      <c r="N4605" s="236">
        <f t="shared" si="1073"/>
        <v>1.1661518134346005</v>
      </c>
      <c r="O4605" s="236">
        <f t="shared" si="1077"/>
        <v>2.4992454034277984</v>
      </c>
      <c r="P4605" s="236" t="str">
        <f t="shared" si="1078"/>
        <v>SAND</v>
      </c>
      <c r="Q4605" s="236" t="e">
        <f t="shared" si="1074"/>
        <v>#N/A</v>
      </c>
      <c r="R4605" s="238">
        <v>35</v>
      </c>
      <c r="S4605" s="236" t="e">
        <f t="shared" si="1079"/>
        <v>#N/A</v>
      </c>
      <c r="T4605" s="236">
        <f t="shared" si="1065"/>
        <v>32.20203107391729</v>
      </c>
    </row>
    <row r="4606" spans="1:20" x14ac:dyDescent="0.2">
      <c r="A4606" s="53">
        <f t="shared" si="1066"/>
        <v>4594</v>
      </c>
      <c r="B4606" s="239">
        <v>45.627000000000002</v>
      </c>
      <c r="C4606" s="3">
        <f t="shared" si="1067"/>
        <v>45.620000000000005</v>
      </c>
      <c r="D4606" s="239">
        <v>9.7807999999999993</v>
      </c>
      <c r="E4606" s="239">
        <v>0.1164</v>
      </c>
      <c r="F4606" s="239">
        <v>0.1176</v>
      </c>
      <c r="G4606">
        <f t="shared" si="1068"/>
        <v>9.8043199999999988</v>
      </c>
      <c r="H4606" s="235">
        <f t="shared" si="1069"/>
        <v>1.1872317509016435</v>
      </c>
      <c r="I4606" s="236">
        <f t="shared" si="1070"/>
        <v>19.714791831076411</v>
      </c>
      <c r="J4606" s="237">
        <f t="shared" si="1075"/>
        <v>9.7147918310764112</v>
      </c>
      <c r="K4606" s="237">
        <f t="shared" si="1071"/>
        <v>899.38880333370594</v>
      </c>
      <c r="L4606" s="237">
        <f t="shared" si="1076"/>
        <v>443.25680687652346</v>
      </c>
      <c r="M4606" s="236">
        <f t="shared" si="1072"/>
        <v>20.089778788545281</v>
      </c>
      <c r="N4606" s="236">
        <f t="shared" si="1073"/>
        <v>1.3071409248347281</v>
      </c>
      <c r="O4606" s="236">
        <f t="shared" si="1077"/>
        <v>2.5459289599494159</v>
      </c>
      <c r="P4606" s="236" t="str">
        <f t="shared" si="1078"/>
        <v>SAND</v>
      </c>
      <c r="Q4606" s="236" t="e">
        <f t="shared" si="1074"/>
        <v>#N/A</v>
      </c>
      <c r="R4606" s="238">
        <v>35</v>
      </c>
      <c r="S4606" s="236" t="e">
        <f t="shared" si="1079"/>
        <v>#N/A</v>
      </c>
      <c r="T4606" s="236">
        <f t="shared" si="1065"/>
        <v>31.93272670164869</v>
      </c>
    </row>
    <row r="4607" spans="1:20" x14ac:dyDescent="0.2">
      <c r="A4607" s="53">
        <f t="shared" si="1066"/>
        <v>4595</v>
      </c>
      <c r="B4607" s="239">
        <v>45.636000000000003</v>
      </c>
      <c r="C4607" s="3">
        <f t="shared" si="1067"/>
        <v>45.629000000000005</v>
      </c>
      <c r="D4607" s="239">
        <v>9.2971000000000004</v>
      </c>
      <c r="E4607" s="239">
        <v>0.1295</v>
      </c>
      <c r="F4607" s="239">
        <v>8.4599999999999995E-2</v>
      </c>
      <c r="G4607">
        <f t="shared" si="1068"/>
        <v>9.3140200000000011</v>
      </c>
      <c r="H4607" s="235">
        <f t="shared" si="1069"/>
        <v>1.3903770874445189</v>
      </c>
      <c r="I4607" s="236">
        <f t="shared" si="1070"/>
        <v>19.819794878651749</v>
      </c>
      <c r="J4607" s="237">
        <f t="shared" si="1075"/>
        <v>9.8197948786517486</v>
      </c>
      <c r="K4607" s="237">
        <f t="shared" si="1071"/>
        <v>904.35742051800071</v>
      </c>
      <c r="L4607" s="237">
        <f t="shared" si="1076"/>
        <v>448.13615908215121</v>
      </c>
      <c r="M4607" s="236">
        <f t="shared" si="1072"/>
        <v>18.765864813734794</v>
      </c>
      <c r="N4607" s="236">
        <f t="shared" si="1073"/>
        <v>1.5398953141824707</v>
      </c>
      <c r="O4607" s="236">
        <f t="shared" si="1077"/>
        <v>2.608873521508499</v>
      </c>
      <c r="P4607" s="236" t="str">
        <f t="shared" si="1078"/>
        <v>CLAY</v>
      </c>
      <c r="Q4607" s="236">
        <f t="shared" si="1074"/>
        <v>700.80521495683331</v>
      </c>
      <c r="R4607" s="238">
        <v>35</v>
      </c>
      <c r="S4607" s="236">
        <f t="shared" si="1079"/>
        <v>9.7645163722305188</v>
      </c>
      <c r="T4607" s="236" t="e">
        <f t="shared" si="1065"/>
        <v>#N/A</v>
      </c>
    </row>
    <row r="4608" spans="1:20" x14ac:dyDescent="0.2">
      <c r="A4608" s="53">
        <f t="shared" si="1066"/>
        <v>4596</v>
      </c>
      <c r="B4608" s="239">
        <v>45.646999999999998</v>
      </c>
      <c r="C4608" s="3">
        <f t="shared" si="1067"/>
        <v>45.64</v>
      </c>
      <c r="D4608" s="239">
        <v>8.9222000000000001</v>
      </c>
      <c r="E4608" s="239">
        <v>0.13780000000000001</v>
      </c>
      <c r="F4608" s="239">
        <v>0.11550000000000001</v>
      </c>
      <c r="G4608">
        <f t="shared" si="1068"/>
        <v>8.9452999999999996</v>
      </c>
      <c r="H4608" s="235">
        <f t="shared" si="1069"/>
        <v>1.5404737683476242</v>
      </c>
      <c r="I4608" s="236">
        <f t="shared" si="1070"/>
        <v>19.876851360963734</v>
      </c>
      <c r="J4608" s="237">
        <f t="shared" si="1075"/>
        <v>9.8768513609637338</v>
      </c>
      <c r="K4608" s="237">
        <f t="shared" si="1071"/>
        <v>907.17949611438485</v>
      </c>
      <c r="L4608" s="237">
        <f t="shared" si="1076"/>
        <v>450.84863407391157</v>
      </c>
      <c r="M4608" s="236">
        <f t="shared" si="1072"/>
        <v>17.828867376734372</v>
      </c>
      <c r="N4608" s="236">
        <f t="shared" si="1073"/>
        <v>1.714331104309617</v>
      </c>
      <c r="O4608" s="236">
        <f t="shared" si="1077"/>
        <v>2.6528858256832466</v>
      </c>
      <c r="P4608" s="236" t="str">
        <f t="shared" si="1078"/>
        <v>CLAY</v>
      </c>
      <c r="Q4608" s="236">
        <f t="shared" si="1074"/>
        <v>669.84337532380118</v>
      </c>
      <c r="R4608" s="238">
        <v>35</v>
      </c>
      <c r="S4608" s="236">
        <f t="shared" si="1079"/>
        <v>9.1589291962374801</v>
      </c>
      <c r="T4608" s="236" t="e">
        <f t="shared" si="1065"/>
        <v>#N/A</v>
      </c>
    </row>
    <row r="4609" spans="1:20" x14ac:dyDescent="0.2">
      <c r="A4609" s="53">
        <f t="shared" si="1066"/>
        <v>4597</v>
      </c>
      <c r="B4609" s="239">
        <v>45.655999999999999</v>
      </c>
      <c r="C4609" s="3">
        <f t="shared" si="1067"/>
        <v>45.649000000000001</v>
      </c>
      <c r="D4609" s="239">
        <v>8.8683999999999994</v>
      </c>
      <c r="E4609" s="239">
        <v>0.1454</v>
      </c>
      <c r="F4609" s="239">
        <v>0.14499999999999999</v>
      </c>
      <c r="G4609">
        <f t="shared" si="1068"/>
        <v>8.8973999999999993</v>
      </c>
      <c r="H4609" s="235">
        <f t="shared" si="1069"/>
        <v>1.6341852676062671</v>
      </c>
      <c r="I4609" s="236">
        <f t="shared" si="1070"/>
        <v>19.937703756002314</v>
      </c>
      <c r="J4609" s="237">
        <f t="shared" si="1075"/>
        <v>9.937703756002314</v>
      </c>
      <c r="K4609" s="237">
        <f t="shared" si="1071"/>
        <v>910.13623875774965</v>
      </c>
      <c r="L4609" s="237">
        <f t="shared" si="1076"/>
        <v>453.71580268404165</v>
      </c>
      <c r="M4609" s="236">
        <f t="shared" si="1072"/>
        <v>17.604111899986908</v>
      </c>
      <c r="N4609" s="236">
        <f t="shared" si="1073"/>
        <v>1.820398128149284</v>
      </c>
      <c r="O4609" s="236">
        <f t="shared" si="1077"/>
        <v>2.6718504925012754</v>
      </c>
      <c r="P4609" s="236" t="str">
        <f t="shared" si="1078"/>
        <v>CLAY</v>
      </c>
      <c r="Q4609" s="236">
        <f t="shared" si="1074"/>
        <v>665.60531343685409</v>
      </c>
      <c r="R4609" s="238">
        <v>35</v>
      </c>
      <c r="S4609" s="236">
        <f t="shared" si="1079"/>
        <v>9.0148324489659029</v>
      </c>
      <c r="T4609" s="236" t="e">
        <f t="shared" si="1065"/>
        <v>#N/A</v>
      </c>
    </row>
    <row r="4610" spans="1:20" x14ac:dyDescent="0.2">
      <c r="A4610" s="53">
        <f t="shared" si="1066"/>
        <v>4598</v>
      </c>
      <c r="B4610" s="239">
        <v>45.665999999999997</v>
      </c>
      <c r="C4610" s="3">
        <f t="shared" si="1067"/>
        <v>45.658999999999999</v>
      </c>
      <c r="D4610" s="239">
        <v>8.7682000000000002</v>
      </c>
      <c r="E4610" s="239">
        <v>0.1522</v>
      </c>
      <c r="F4610" s="239">
        <v>0.17829999999999999</v>
      </c>
      <c r="G4610">
        <f t="shared" si="1068"/>
        <v>8.8038600000000002</v>
      </c>
      <c r="H4610" s="235">
        <f t="shared" si="1069"/>
        <v>1.7287871456383903</v>
      </c>
      <c r="I4610" s="236">
        <f t="shared" si="1070"/>
        <v>19.987168430917407</v>
      </c>
      <c r="J4610" s="237">
        <f t="shared" si="1075"/>
        <v>9.9871684309174071</v>
      </c>
      <c r="K4610" s="237">
        <f t="shared" si="1071"/>
        <v>912.59412338725792</v>
      </c>
      <c r="L4610" s="237">
        <f t="shared" si="1076"/>
        <v>456.0740335662743</v>
      </c>
      <c r="M4610" s="236">
        <f t="shared" si="1072"/>
        <v>17.302598472679819</v>
      </c>
      <c r="N4610" s="236">
        <f t="shared" si="1073"/>
        <v>1.9287146369136217</v>
      </c>
      <c r="O4610" s="236">
        <f t="shared" si="1077"/>
        <v>2.6920547389900951</v>
      </c>
      <c r="P4610" s="236" t="str">
        <f t="shared" si="1078"/>
        <v>CLAY</v>
      </c>
      <c r="Q4610" s="236">
        <f t="shared" si="1074"/>
        <v>657.60548971772857</v>
      </c>
      <c r="R4610" s="238">
        <v>35</v>
      </c>
      <c r="S4610" s="236">
        <f t="shared" si="1079"/>
        <v>8.8222461451246463</v>
      </c>
      <c r="T4610" s="236" t="e">
        <f t="shared" si="1065"/>
        <v>#N/A</v>
      </c>
    </row>
    <row r="4611" spans="1:20" x14ac:dyDescent="0.2">
      <c r="A4611" s="53">
        <f t="shared" si="1066"/>
        <v>4599</v>
      </c>
      <c r="B4611" s="239">
        <v>45.674999999999997</v>
      </c>
      <c r="C4611" s="3">
        <f t="shared" si="1067"/>
        <v>45.667999999999999</v>
      </c>
      <c r="D4611" s="239">
        <v>8.3849</v>
      </c>
      <c r="E4611" s="239">
        <v>0.16159999999999999</v>
      </c>
      <c r="F4611" s="239">
        <v>0.25009999999999999</v>
      </c>
      <c r="G4611">
        <f t="shared" si="1068"/>
        <v>8.43492</v>
      </c>
      <c r="H4611" s="235">
        <f t="shared" si="1069"/>
        <v>1.9158450821110335</v>
      </c>
      <c r="I4611" s="236">
        <f t="shared" si="1070"/>
        <v>20.040707587903697</v>
      </c>
      <c r="J4611" s="237">
        <f t="shared" si="1075"/>
        <v>10.040707587903697</v>
      </c>
      <c r="K4611" s="237">
        <f t="shared" si="1071"/>
        <v>915.21903412438598</v>
      </c>
      <c r="L4611" s="237">
        <f t="shared" si="1076"/>
        <v>458.60931907750131</v>
      </c>
      <c r="M4611" s="236">
        <f t="shared" si="1072"/>
        <v>16.396746976275125</v>
      </c>
      <c r="N4611" s="236">
        <f t="shared" si="1073"/>
        <v>2.1490216264362165</v>
      </c>
      <c r="O4611" s="236">
        <f t="shared" si="1077"/>
        <v>2.7378037387756811</v>
      </c>
      <c r="P4611" s="236" t="str">
        <f t="shared" si="1078"/>
        <v>CLAY</v>
      </c>
      <c r="Q4611" s="236">
        <f t="shared" si="1074"/>
        <v>626.64174715630122</v>
      </c>
      <c r="R4611" s="238">
        <v>35</v>
      </c>
      <c r="S4611" s="236">
        <f t="shared" si="1079"/>
        <v>8.2487307410646658</v>
      </c>
      <c r="T4611" s="236" t="e">
        <f t="shared" si="1065"/>
        <v>#N/A</v>
      </c>
    </row>
    <row r="4612" spans="1:20" x14ac:dyDescent="0.2">
      <c r="A4612" s="53">
        <f t="shared" si="1066"/>
        <v>4600</v>
      </c>
      <c r="B4612" s="239">
        <v>45.685000000000002</v>
      </c>
      <c r="C4612" s="3">
        <f t="shared" si="1067"/>
        <v>45.678000000000004</v>
      </c>
      <c r="D4612" s="239">
        <v>8.3597999999999999</v>
      </c>
      <c r="E4612" s="239">
        <v>0.17199999999999999</v>
      </c>
      <c r="F4612" s="239">
        <v>0.26190000000000002</v>
      </c>
      <c r="G4612">
        <f t="shared" si="1068"/>
        <v>8.4121799999999993</v>
      </c>
      <c r="H4612" s="235">
        <f t="shared" si="1069"/>
        <v>2.0446542988856633</v>
      </c>
      <c r="I4612" s="236">
        <f t="shared" si="1070"/>
        <v>20.112787562287345</v>
      </c>
      <c r="J4612" s="237">
        <f t="shared" si="1075"/>
        <v>10.112787562287345</v>
      </c>
      <c r="K4612" s="237">
        <f t="shared" si="1071"/>
        <v>918.71191027016141</v>
      </c>
      <c r="L4612" s="237">
        <f t="shared" si="1076"/>
        <v>462.00269978309734</v>
      </c>
      <c r="M4612" s="236">
        <f t="shared" si="1072"/>
        <v>16.219533117983719</v>
      </c>
      <c r="N4612" s="236">
        <f t="shared" si="1073"/>
        <v>2.2953323873592573</v>
      </c>
      <c r="O4612" s="236">
        <f t="shared" si="1077"/>
        <v>2.7579882935535811</v>
      </c>
      <c r="P4612" s="236" t="str">
        <f t="shared" si="1078"/>
        <v>CLAY</v>
      </c>
      <c r="Q4612" s="236">
        <f t="shared" si="1074"/>
        <v>624.45567414415302</v>
      </c>
      <c r="R4612" s="238">
        <v>35</v>
      </c>
      <c r="S4612" s="236">
        <f t="shared" si="1079"/>
        <v>8.1374427224548604</v>
      </c>
      <c r="T4612" s="236" t="e">
        <f t="shared" si="1065"/>
        <v>#N/A</v>
      </c>
    </row>
    <row r="4613" spans="1:20" x14ac:dyDescent="0.2">
      <c r="A4613" s="53">
        <f t="shared" si="1066"/>
        <v>4601</v>
      </c>
      <c r="B4613" s="239">
        <v>45.695</v>
      </c>
      <c r="C4613" s="3">
        <f t="shared" si="1067"/>
        <v>45.688000000000002</v>
      </c>
      <c r="D4613" s="239">
        <v>8.4415999999999993</v>
      </c>
      <c r="E4613" s="239">
        <v>0.1769</v>
      </c>
      <c r="F4613" s="239">
        <v>0.27379999999999999</v>
      </c>
      <c r="G4613">
        <f t="shared" si="1068"/>
        <v>8.4963599999999992</v>
      </c>
      <c r="H4613" s="235">
        <f t="shared" si="1069"/>
        <v>2.0820680856272573</v>
      </c>
      <c r="I4613" s="236">
        <f t="shared" si="1070"/>
        <v>20.149617818329212</v>
      </c>
      <c r="J4613" s="237">
        <f t="shared" si="1075"/>
        <v>10.149617818329212</v>
      </c>
      <c r="K4613" s="237">
        <f t="shared" si="1071"/>
        <v>920.59573888382511</v>
      </c>
      <c r="L4613" s="237">
        <f t="shared" si="1076"/>
        <v>463.78678620855334</v>
      </c>
      <c r="M4613" s="236">
        <f t="shared" si="1072"/>
        <v>16.334584094229761</v>
      </c>
      <c r="N4613" s="236">
        <f t="shared" si="1073"/>
        <v>2.3350779393699939</v>
      </c>
      <c r="O4613" s="236">
        <f t="shared" si="1077"/>
        <v>2.7597576723508213</v>
      </c>
      <c r="P4613" s="236" t="str">
        <f t="shared" si="1078"/>
        <v>CLAY</v>
      </c>
      <c r="Q4613" s="236">
        <f t="shared" si="1074"/>
        <v>631.31368842634777</v>
      </c>
      <c r="R4613" s="238">
        <v>35</v>
      </c>
      <c r="S4613" s="236">
        <f t="shared" si="1079"/>
        <v>8.2096588409591487</v>
      </c>
      <c r="T4613" s="236" t="e">
        <f t="shared" si="1065"/>
        <v>#N/A</v>
      </c>
    </row>
    <row r="4614" spans="1:20" x14ac:dyDescent="0.2">
      <c r="A4614" s="53">
        <f t="shared" si="1066"/>
        <v>4602</v>
      </c>
      <c r="B4614" s="239">
        <v>45.704999999999998</v>
      </c>
      <c r="C4614" s="3">
        <f t="shared" si="1067"/>
        <v>45.698</v>
      </c>
      <c r="D4614" s="239">
        <v>8.4540000000000006</v>
      </c>
      <c r="E4614" s="239">
        <v>0.17610000000000001</v>
      </c>
      <c r="F4614" s="239">
        <v>0.41020000000000001</v>
      </c>
      <c r="G4614">
        <f t="shared" si="1068"/>
        <v>8.5360399999999998</v>
      </c>
      <c r="H4614" s="235">
        <f t="shared" si="1069"/>
        <v>2.0630175116330292</v>
      </c>
      <c r="I4614" s="236">
        <f t="shared" si="1070"/>
        <v>20.146124112872084</v>
      </c>
      <c r="J4614" s="237">
        <f t="shared" si="1075"/>
        <v>10.146124112872084</v>
      </c>
      <c r="K4614" s="237">
        <f t="shared" si="1071"/>
        <v>920.63757971002849</v>
      </c>
      <c r="L4614" s="237">
        <f t="shared" si="1076"/>
        <v>463.72860257881854</v>
      </c>
      <c r="M4614" s="236">
        <f t="shared" si="1072"/>
        <v>16.422110643898883</v>
      </c>
      <c r="N4614" s="236">
        <f t="shared" si="1073"/>
        <v>2.3124188359476694</v>
      </c>
      <c r="O4614" s="236">
        <f t="shared" si="1077"/>
        <v>2.7554232311769229</v>
      </c>
      <c r="P4614" s="236" t="str">
        <f t="shared" si="1078"/>
        <v>CLAY</v>
      </c>
      <c r="Q4614" s="236">
        <f t="shared" si="1074"/>
        <v>634.61686835749754</v>
      </c>
      <c r="R4614" s="238">
        <v>35</v>
      </c>
      <c r="S4614" s="236">
        <f t="shared" si="1079"/>
        <v>8.264683486424552</v>
      </c>
      <c r="T4614" s="236" t="e">
        <f t="shared" si="1065"/>
        <v>#N/A</v>
      </c>
    </row>
    <row r="4615" spans="1:20" x14ac:dyDescent="0.2">
      <c r="A4615" s="53">
        <f t="shared" si="1066"/>
        <v>4603</v>
      </c>
      <c r="B4615" s="239">
        <v>45.713999999999999</v>
      </c>
      <c r="C4615" s="3">
        <f t="shared" si="1067"/>
        <v>45.707000000000001</v>
      </c>
      <c r="D4615" s="239">
        <v>8.5207999999999995</v>
      </c>
      <c r="E4615" s="239">
        <v>0.1779</v>
      </c>
      <c r="F4615" s="239">
        <v>-8.8000000000000005E-3</v>
      </c>
      <c r="G4615">
        <f t="shared" si="1068"/>
        <v>8.5190399999999986</v>
      </c>
      <c r="H4615" s="235">
        <f t="shared" si="1069"/>
        <v>2.0882634663060631</v>
      </c>
      <c r="I4615" s="236">
        <f t="shared" si="1070"/>
        <v>20.157269705887177</v>
      </c>
      <c r="J4615" s="237">
        <f t="shared" si="1075"/>
        <v>10.157269705887177</v>
      </c>
      <c r="K4615" s="237">
        <f t="shared" si="1071"/>
        <v>921.32832644698522</v>
      </c>
      <c r="L4615" s="237">
        <f t="shared" si="1076"/>
        <v>464.32942733492644</v>
      </c>
      <c r="M4615" s="236">
        <f t="shared" si="1072"/>
        <v>16.362761492763827</v>
      </c>
      <c r="N4615" s="236">
        <f t="shared" si="1073"/>
        <v>2.3414944873369539</v>
      </c>
      <c r="O4615" s="236">
        <f t="shared" si="1077"/>
        <v>2.7598317851035756</v>
      </c>
      <c r="P4615" s="236" t="str">
        <f t="shared" si="1078"/>
        <v>CLAY</v>
      </c>
      <c r="Q4615" s="236">
        <f t="shared" si="1074"/>
        <v>633.14263946275116</v>
      </c>
      <c r="R4615" s="238">
        <v>35</v>
      </c>
      <c r="S4615" s="236">
        <f t="shared" si="1079"/>
        <v>8.2273648846541505</v>
      </c>
      <c r="T4615" s="236" t="e">
        <f t="shared" si="1065"/>
        <v>#N/A</v>
      </c>
    </row>
    <row r="4616" spans="1:20" x14ac:dyDescent="0.2">
      <c r="A4616" s="53">
        <f t="shared" si="1066"/>
        <v>4604</v>
      </c>
      <c r="B4616" s="239">
        <v>45.723999999999997</v>
      </c>
      <c r="C4616" s="3">
        <f t="shared" si="1067"/>
        <v>45.716999999999999</v>
      </c>
      <c r="D4616" s="239">
        <v>8.4423999999999992</v>
      </c>
      <c r="E4616" s="239">
        <v>0.1792</v>
      </c>
      <c r="F4616" s="239">
        <v>-7.6100000000000001E-2</v>
      </c>
      <c r="G4616">
        <f t="shared" si="1068"/>
        <v>8.4271799999999999</v>
      </c>
      <c r="H4616" s="235">
        <f t="shared" si="1069"/>
        <v>2.1264527398251847</v>
      </c>
      <c r="I4616" s="236">
        <f t="shared" si="1070"/>
        <v>20.161569712046653</v>
      </c>
      <c r="J4616" s="237">
        <f t="shared" si="1075"/>
        <v>10.161569712046653</v>
      </c>
      <c r="K4616" s="237">
        <f t="shared" si="1071"/>
        <v>921.72648252563681</v>
      </c>
      <c r="L4616" s="237">
        <f t="shared" si="1076"/>
        <v>464.6276135136211</v>
      </c>
      <c r="M4616" s="236">
        <f t="shared" si="1072"/>
        <v>16.153696636143501</v>
      </c>
      <c r="N4616" s="236">
        <f t="shared" si="1073"/>
        <v>2.3875972262406604</v>
      </c>
      <c r="O4616" s="236">
        <f t="shared" si="1077"/>
        <v>2.7692767040074644</v>
      </c>
      <c r="P4616" s="236" t="str">
        <f t="shared" si="1078"/>
        <v>CLAY</v>
      </c>
      <c r="Q4616" s="236">
        <f t="shared" si="1074"/>
        <v>625.45445978953023</v>
      </c>
      <c r="R4616" s="238">
        <v>35</v>
      </c>
      <c r="S4616" s="236">
        <f t="shared" si="1079"/>
        <v>8.0961754667453647</v>
      </c>
      <c r="T4616" s="236" t="e">
        <f t="shared" si="1065"/>
        <v>#N/A</v>
      </c>
    </row>
    <row r="4617" spans="1:20" x14ac:dyDescent="0.2">
      <c r="A4617" s="53">
        <f t="shared" si="1066"/>
        <v>4605</v>
      </c>
      <c r="B4617" s="239">
        <v>45.734000000000002</v>
      </c>
      <c r="C4617" s="3">
        <f t="shared" si="1067"/>
        <v>45.727000000000004</v>
      </c>
      <c r="D4617" s="239">
        <v>8.6645000000000003</v>
      </c>
      <c r="E4617" s="239">
        <v>0.18229999999999999</v>
      </c>
      <c r="F4617" s="239">
        <v>-0.18479999999999999</v>
      </c>
      <c r="G4617">
        <f t="shared" si="1068"/>
        <v>8.6275399999999998</v>
      </c>
      <c r="H4617" s="235">
        <f t="shared" si="1069"/>
        <v>2.1130009249450019</v>
      </c>
      <c r="I4617" s="236">
        <f t="shared" si="1070"/>
        <v>20.190865343096025</v>
      </c>
      <c r="J4617" s="237">
        <f t="shared" si="1075"/>
        <v>10.190865343096025</v>
      </c>
      <c r="K4617" s="237">
        <f t="shared" si="1071"/>
        <v>923.26769954375197</v>
      </c>
      <c r="L4617" s="237">
        <f t="shared" si="1076"/>
        <v>466.06903560115364</v>
      </c>
      <c r="M4617" s="236">
        <f t="shared" si="1072"/>
        <v>16.530324290947547</v>
      </c>
      <c r="N4617" s="236">
        <f t="shared" si="1073"/>
        <v>2.3662195842844782</v>
      </c>
      <c r="O4617" s="236">
        <f t="shared" si="1077"/>
        <v>2.7588490820212992</v>
      </c>
      <c r="P4617" s="236" t="str">
        <f t="shared" si="1078"/>
        <v>CLAY</v>
      </c>
      <c r="Q4617" s="236">
        <f t="shared" si="1074"/>
        <v>642.02269170468719</v>
      </c>
      <c r="R4617" s="238">
        <v>35</v>
      </c>
      <c r="S4617" s="236">
        <f t="shared" si="1079"/>
        <v>8.3328147256342167</v>
      </c>
      <c r="T4617" s="236" t="e">
        <f t="shared" si="1065"/>
        <v>#N/A</v>
      </c>
    </row>
    <row r="4618" spans="1:20" x14ac:dyDescent="0.2">
      <c r="A4618" s="53">
        <f t="shared" si="1066"/>
        <v>4606</v>
      </c>
      <c r="B4618" s="239">
        <v>45.743000000000002</v>
      </c>
      <c r="C4618" s="3">
        <f t="shared" si="1067"/>
        <v>45.736000000000004</v>
      </c>
      <c r="D4618" s="239">
        <v>8.7472999999999992</v>
      </c>
      <c r="E4618" s="239">
        <v>0.18720000000000001</v>
      </c>
      <c r="F4618" s="239">
        <v>-0.1804</v>
      </c>
      <c r="G4618">
        <f t="shared" si="1068"/>
        <v>8.7112199999999991</v>
      </c>
      <c r="H4618" s="235">
        <f t="shared" si="1069"/>
        <v>2.1489527299276108</v>
      </c>
      <c r="I4618" s="236">
        <f t="shared" si="1070"/>
        <v>20.225739917971104</v>
      </c>
      <c r="J4618" s="237">
        <f t="shared" si="1075"/>
        <v>10.225739917971104</v>
      </c>
      <c r="K4618" s="237">
        <f t="shared" si="1071"/>
        <v>925.04444088832656</v>
      </c>
      <c r="L4618" s="237">
        <f t="shared" si="1076"/>
        <v>467.75602106775227</v>
      </c>
      <c r="M4618" s="236">
        <f t="shared" si="1072"/>
        <v>16.645805095866166</v>
      </c>
      <c r="N4618" s="236">
        <f t="shared" si="1073"/>
        <v>2.4042612265649672</v>
      </c>
      <c r="O4618" s="236">
        <f t="shared" si="1077"/>
        <v>2.7603935101960482</v>
      </c>
      <c r="P4618" s="236" t="str">
        <f t="shared" si="1078"/>
        <v>CLAY</v>
      </c>
      <c r="Q4618" s="236">
        <f t="shared" si="1074"/>
        <v>648.84796325930608</v>
      </c>
      <c r="R4618" s="238">
        <v>35</v>
      </c>
      <c r="S4618" s="236">
        <f t="shared" si="1079"/>
        <v>8.4056444371476982</v>
      </c>
      <c r="T4618" s="236" t="e">
        <f t="shared" si="1065"/>
        <v>#N/A</v>
      </c>
    </row>
    <row r="4619" spans="1:20" x14ac:dyDescent="0.2">
      <c r="A4619" s="53">
        <f t="shared" si="1066"/>
        <v>4607</v>
      </c>
      <c r="B4619" s="239">
        <v>45.753</v>
      </c>
      <c r="C4619" s="3">
        <f t="shared" si="1067"/>
        <v>45.746000000000002</v>
      </c>
      <c r="D4619" s="239">
        <v>8.7936999999999994</v>
      </c>
      <c r="E4619" s="239">
        <v>0.18410000000000001</v>
      </c>
      <c r="F4619" s="239">
        <v>-0.1741</v>
      </c>
      <c r="G4619">
        <f t="shared" si="1068"/>
        <v>8.7588799999999996</v>
      </c>
      <c r="H4619" s="235">
        <f t="shared" si="1069"/>
        <v>2.1018669053577628</v>
      </c>
      <c r="I4619" s="236">
        <f t="shared" si="1070"/>
        <v>20.208292002088051</v>
      </c>
      <c r="J4619" s="237">
        <f t="shared" si="1075"/>
        <v>10.208292002088051</v>
      </c>
      <c r="K4619" s="237">
        <f t="shared" si="1071"/>
        <v>924.44852592752</v>
      </c>
      <c r="L4619" s="237">
        <f t="shared" si="1076"/>
        <v>467.05998397153456</v>
      </c>
      <c r="M4619" s="236">
        <f t="shared" si="1072"/>
        <v>16.773929993861252</v>
      </c>
      <c r="N4619" s="236">
        <f t="shared" si="1073"/>
        <v>2.3498833400900438</v>
      </c>
      <c r="O4619" s="236">
        <f t="shared" si="1077"/>
        <v>2.7519253441686762</v>
      </c>
      <c r="P4619" s="236" t="str">
        <f t="shared" si="1078"/>
        <v>CLAY</v>
      </c>
      <c r="Q4619" s="236">
        <f t="shared" si="1074"/>
        <v>652.86928950603999</v>
      </c>
      <c r="R4619" s="238">
        <v>35</v>
      </c>
      <c r="S4619" s="236">
        <f t="shared" si="1079"/>
        <v>8.486596255182004</v>
      </c>
      <c r="T4619" s="236" t="e">
        <f t="shared" si="1065"/>
        <v>#N/A</v>
      </c>
    </row>
    <row r="4620" spans="1:20" x14ac:dyDescent="0.2">
      <c r="A4620" s="53">
        <f t="shared" si="1066"/>
        <v>4608</v>
      </c>
      <c r="B4620" s="239">
        <v>45.762999999999998</v>
      </c>
      <c r="C4620" s="3">
        <f t="shared" si="1067"/>
        <v>45.756</v>
      </c>
      <c r="D4620" s="239">
        <v>8.9967000000000006</v>
      </c>
      <c r="E4620" s="239">
        <v>0.1847</v>
      </c>
      <c r="F4620" s="239">
        <v>-0.15770000000000001</v>
      </c>
      <c r="G4620">
        <f t="shared" si="1068"/>
        <v>8.9651600000000009</v>
      </c>
      <c r="H4620" s="235">
        <f t="shared" si="1069"/>
        <v>2.0601974755609489</v>
      </c>
      <c r="I4620" s="236">
        <f t="shared" si="1070"/>
        <v>20.221205912357245</v>
      </c>
      <c r="J4620" s="237">
        <f t="shared" si="1075"/>
        <v>10.221205912357245</v>
      </c>
      <c r="K4620" s="237">
        <f t="shared" si="1071"/>
        <v>925.24149772581814</v>
      </c>
      <c r="L4620" s="237">
        <f t="shared" si="1076"/>
        <v>467.75304616720462</v>
      </c>
      <c r="M4620" s="236">
        <f t="shared" si="1072"/>
        <v>17.18838299002805</v>
      </c>
      <c r="N4620" s="236">
        <f t="shared" si="1073"/>
        <v>2.2972869681173442</v>
      </c>
      <c r="O4620" s="236">
        <f t="shared" si="1077"/>
        <v>2.7375931345405431</v>
      </c>
      <c r="P4620" s="236" t="str">
        <f t="shared" si="1078"/>
        <v>CLAY</v>
      </c>
      <c r="Q4620" s="236">
        <f t="shared" si="1074"/>
        <v>669.9932085228487</v>
      </c>
      <c r="R4620" s="238">
        <v>35</v>
      </c>
      <c r="S4620" s="236">
        <f t="shared" si="1079"/>
        <v>8.7495110951694244</v>
      </c>
      <c r="T4620" s="236" t="e">
        <f t="shared" si="1065"/>
        <v>#N/A</v>
      </c>
    </row>
    <row r="4621" spans="1:20" x14ac:dyDescent="0.2">
      <c r="A4621" s="53">
        <f t="shared" si="1066"/>
        <v>4609</v>
      </c>
      <c r="B4621" s="239">
        <v>45.773000000000003</v>
      </c>
      <c r="C4621" s="3">
        <f t="shared" si="1067"/>
        <v>45.766000000000005</v>
      </c>
      <c r="D4621" s="239">
        <v>9.2283000000000008</v>
      </c>
      <c r="E4621" s="239">
        <v>0.19189999999999999</v>
      </c>
      <c r="F4621" s="239">
        <v>-0.15609999999999999</v>
      </c>
      <c r="G4621">
        <f t="shared" si="1068"/>
        <v>9.1970800000000015</v>
      </c>
      <c r="H4621" s="235">
        <f t="shared" si="1069"/>
        <v>2.0865318122708509</v>
      </c>
      <c r="I4621" s="236">
        <f t="shared" si="1070"/>
        <v>20.276030453924889</v>
      </c>
      <c r="J4621" s="237">
        <f t="shared" si="1075"/>
        <v>10.276030453924889</v>
      </c>
      <c r="K4621" s="237">
        <f t="shared" si="1071"/>
        <v>927.95280975432661</v>
      </c>
      <c r="L4621" s="237">
        <f t="shared" si="1076"/>
        <v>470.36474196750396</v>
      </c>
      <c r="M4621" s="236">
        <f t="shared" si="1072"/>
        <v>17.580244547362277</v>
      </c>
      <c r="N4621" s="236">
        <f t="shared" si="1073"/>
        <v>2.3206802312385117</v>
      </c>
      <c r="O4621" s="236">
        <f t="shared" si="1077"/>
        <v>2.7321584929491936</v>
      </c>
      <c r="P4621" s="236" t="str">
        <f t="shared" si="1078"/>
        <v>CLAY</v>
      </c>
      <c r="Q4621" s="236">
        <f t="shared" si="1074"/>
        <v>689.093932520473</v>
      </c>
      <c r="R4621" s="238">
        <v>35</v>
      </c>
      <c r="S4621" s="236">
        <f t="shared" si="1079"/>
        <v>8.9995573452034598</v>
      </c>
      <c r="T4621" s="236" t="e">
        <f t="shared" ref="T4621:T4684" si="1080">IF(P4621="SAND",17.6+(11*LOG(M4621)),#N/A)</f>
        <v>#N/A</v>
      </c>
    </row>
    <row r="4622" spans="1:20" x14ac:dyDescent="0.2">
      <c r="A4622" s="53">
        <f t="shared" ref="A4622:A4685" si="1081">$A4621+1</f>
        <v>4610</v>
      </c>
      <c r="B4622" s="239">
        <v>45.781999999999996</v>
      </c>
      <c r="C4622" s="3">
        <f t="shared" ref="C4622:C4685" si="1082">MAX($B4622 - $B$13, 0.001)</f>
        <v>45.774999999999999</v>
      </c>
      <c r="D4622" s="239">
        <v>9.4602000000000004</v>
      </c>
      <c r="E4622" s="239">
        <v>0.19769999999999999</v>
      </c>
      <c r="F4622" s="239">
        <v>-0.14960000000000001</v>
      </c>
      <c r="G4622">
        <f t="shared" si="1068"/>
        <v>9.4302799999999998</v>
      </c>
      <c r="H4622" s="235">
        <f t="shared" si="1069"/>
        <v>2.0964382817901481</v>
      </c>
      <c r="I4622" s="236">
        <f t="shared" si="1070"/>
        <v>20.320733190569314</v>
      </c>
      <c r="J4622" s="237">
        <f t="shared" si="1075"/>
        <v>10.320733190569314</v>
      </c>
      <c r="K4622" s="237">
        <f t="shared" si="1071"/>
        <v>930.18156179831033</v>
      </c>
      <c r="L4622" s="237">
        <f t="shared" si="1076"/>
        <v>472.50380693064432</v>
      </c>
      <c r="M4622" s="236">
        <f t="shared" si="1072"/>
        <v>17.98948138305553</v>
      </c>
      <c r="N4622" s="236">
        <f t="shared" si="1073"/>
        <v>2.3258554172912151</v>
      </c>
      <c r="O4622" s="236">
        <f t="shared" si="1077"/>
        <v>2.7245893487220516</v>
      </c>
      <c r="P4622" s="236" t="str">
        <f t="shared" si="1078"/>
        <v>CLAY</v>
      </c>
      <c r="Q4622" s="236">
        <f t="shared" si="1074"/>
        <v>708.34153651680754</v>
      </c>
      <c r="R4622" s="238">
        <v>35</v>
      </c>
      <c r="S4622" s="236">
        <f t="shared" si="1079"/>
        <v>9.2621820479745551</v>
      </c>
      <c r="T4622" s="236" t="e">
        <f t="shared" si="1080"/>
        <v>#N/A</v>
      </c>
    </row>
    <row r="4623" spans="1:20" x14ac:dyDescent="0.2">
      <c r="A4623" s="53">
        <f t="shared" si="1081"/>
        <v>4611</v>
      </c>
      <c r="B4623" s="239">
        <v>45.792000000000002</v>
      </c>
      <c r="C4623" s="3">
        <f t="shared" si="1082"/>
        <v>45.785000000000004</v>
      </c>
      <c r="D4623" s="239">
        <v>9.6221999999999994</v>
      </c>
      <c r="E4623" s="239">
        <v>0.20810000000000001</v>
      </c>
      <c r="F4623" s="239">
        <v>-0.1356</v>
      </c>
      <c r="G4623">
        <f t="shared" ref="G4623:G4686" si="1083">$D4623+($F4623*(1-$P$8))</f>
        <v>9.5950799999999994</v>
      </c>
      <c r="H4623" s="235">
        <f t="shared" ref="H4623:H4686" si="1084">($E4623/$G4623)*100</f>
        <v>2.1688198535082566</v>
      </c>
      <c r="I4623" s="236">
        <f t="shared" ref="I4623:I4686" si="1085">((0.27*(LOG($H4623)))+(0.36*(LOG(($G4623*1000)/101)))+1.236)*10</f>
        <v>20.387621411010599</v>
      </c>
      <c r="J4623" s="237">
        <f t="shared" si="1075"/>
        <v>10.387621411010599</v>
      </c>
      <c r="K4623" s="237">
        <f t="shared" ref="K4623:K4686" si="1086">$I4623*$C4623</f>
        <v>933.44724630312032</v>
      </c>
      <c r="L4623" s="237">
        <f t="shared" si="1076"/>
        <v>475.66995965299736</v>
      </c>
      <c r="M4623" s="236">
        <f t="shared" ref="M4623:M4686" si="1087">(($G4623*1000)-$K4623)/$L4623</f>
        <v>18.209333126724182</v>
      </c>
      <c r="N4623" s="236">
        <f t="shared" ref="N4623:N4686" si="1088">(($E4623*1000)/(($G4623*1000)-$K4623))*100</f>
        <v>2.4025493335673995</v>
      </c>
      <c r="O4623" s="236">
        <f t="shared" si="1077"/>
        <v>2.728543985751958</v>
      </c>
      <c r="P4623" s="236" t="str">
        <f t="shared" si="1078"/>
        <v>CLAY</v>
      </c>
      <c r="Q4623" s="236">
        <f t="shared" ref="Q4623:Q4686" si="1089">IF(P4623="CLAY",($G4623*1000 -$K4623)/$L$8,#N/A)</f>
        <v>721.80272947473998</v>
      </c>
      <c r="R4623" s="238">
        <v>35</v>
      </c>
      <c r="S4623" s="236">
        <f t="shared" si="1079"/>
        <v>9.4038904248020945</v>
      </c>
      <c r="T4623" s="236" t="e">
        <f t="shared" si="1080"/>
        <v>#N/A</v>
      </c>
    </row>
    <row r="4624" spans="1:20" x14ac:dyDescent="0.2">
      <c r="A4624" s="53">
        <f t="shared" si="1081"/>
        <v>4612</v>
      </c>
      <c r="B4624" s="239">
        <v>45.801000000000002</v>
      </c>
      <c r="C4624" s="3">
        <f t="shared" si="1082"/>
        <v>45.794000000000004</v>
      </c>
      <c r="D4624" s="239">
        <v>9.5949000000000009</v>
      </c>
      <c r="E4624" s="239">
        <v>0.21440000000000001</v>
      </c>
      <c r="F4624" s="239">
        <v>-0.12839999999999999</v>
      </c>
      <c r="G4624">
        <f t="shared" si="1083"/>
        <v>9.5692200000000014</v>
      </c>
      <c r="H4624" s="235">
        <f t="shared" si="1084"/>
        <v>2.2405169909355203</v>
      </c>
      <c r="I4624" s="236">
        <f t="shared" si="1085"/>
        <v>20.421538848501122</v>
      </c>
      <c r="J4624" s="237">
        <f t="shared" ref="J4624:J4687" si="1090">$I4624-10</f>
        <v>10.421538848501122</v>
      </c>
      <c r="K4624" s="237">
        <f t="shared" si="1086"/>
        <v>935.18395002826048</v>
      </c>
      <c r="L4624" s="237">
        <f t="shared" ref="L4624:L4687" si="1091">$J4624*$B4624</f>
        <v>477.3169008001999</v>
      </c>
      <c r="M4624" s="236">
        <f t="shared" si="1087"/>
        <v>18.0886870661759</v>
      </c>
      <c r="N4624" s="236">
        <f t="shared" si="1088"/>
        <v>2.4831955618334689</v>
      </c>
      <c r="O4624" s="236">
        <f t="shared" ref="O4624:O4687" si="1092">((3.47-LOG($M4624))^2+(LOG($N4624)+1.22)^2)^0.5</f>
        <v>2.7393115676612996</v>
      </c>
      <c r="P4624" s="236" t="str">
        <f t="shared" ref="P4624:P4687" si="1093">IF(O4624&lt;2.6,"SAND","CLAY")</f>
        <v>CLAY</v>
      </c>
      <c r="Q4624" s="236">
        <f t="shared" si="1089"/>
        <v>719.50300416431173</v>
      </c>
      <c r="R4624" s="238">
        <v>35</v>
      </c>
      <c r="S4624" s="236">
        <f t="shared" ref="S4624:S4687" si="1094">IF(P4624="SAND",#N/A,0.25*($M4624)^1.25)</f>
        <v>9.3260731078482539</v>
      </c>
      <c r="T4624" s="236" t="e">
        <f t="shared" si="1080"/>
        <v>#N/A</v>
      </c>
    </row>
    <row r="4625" spans="1:20" x14ac:dyDescent="0.2">
      <c r="A4625" s="53">
        <f t="shared" si="1081"/>
        <v>4613</v>
      </c>
      <c r="B4625" s="239">
        <v>45.811999999999998</v>
      </c>
      <c r="C4625" s="3">
        <f t="shared" si="1082"/>
        <v>45.805</v>
      </c>
      <c r="D4625" s="239">
        <v>9.4047999999999998</v>
      </c>
      <c r="E4625" s="239">
        <v>0.2142</v>
      </c>
      <c r="F4625" s="239">
        <v>-0.11509999999999999</v>
      </c>
      <c r="G4625">
        <f t="shared" si="1083"/>
        <v>9.3817799999999991</v>
      </c>
      <c r="H4625" s="235">
        <f t="shared" si="1084"/>
        <v>2.2831488267684814</v>
      </c>
      <c r="I4625" s="236">
        <f t="shared" si="1085"/>
        <v>20.412712334107891</v>
      </c>
      <c r="J4625" s="237">
        <f t="shared" si="1090"/>
        <v>10.412712334107891</v>
      </c>
      <c r="K4625" s="237">
        <f t="shared" si="1086"/>
        <v>935.00428846381192</v>
      </c>
      <c r="L4625" s="237">
        <f t="shared" si="1091"/>
        <v>477.02717745015065</v>
      </c>
      <c r="M4625" s="236">
        <f t="shared" si="1087"/>
        <v>17.707116304539852</v>
      </c>
      <c r="N4625" s="236">
        <f t="shared" si="1088"/>
        <v>2.535878864493303</v>
      </c>
      <c r="O4625" s="236">
        <f t="shared" si="1092"/>
        <v>2.7521664955503389</v>
      </c>
      <c r="P4625" s="236" t="str">
        <f t="shared" si="1093"/>
        <v>CLAY</v>
      </c>
      <c r="Q4625" s="236">
        <f t="shared" si="1089"/>
        <v>703.89797596134895</v>
      </c>
      <c r="R4625" s="238">
        <v>35</v>
      </c>
      <c r="S4625" s="236">
        <f t="shared" si="1094"/>
        <v>9.0808145908111335</v>
      </c>
      <c r="T4625" s="236" t="e">
        <f t="shared" si="1080"/>
        <v>#N/A</v>
      </c>
    </row>
    <row r="4626" spans="1:20" x14ac:dyDescent="0.2">
      <c r="A4626" s="53">
        <f t="shared" si="1081"/>
        <v>4614</v>
      </c>
      <c r="B4626" s="239">
        <v>45.820999999999998</v>
      </c>
      <c r="C4626" s="3">
        <f t="shared" si="1082"/>
        <v>45.814</v>
      </c>
      <c r="D4626" s="239">
        <v>9.0755999999999997</v>
      </c>
      <c r="E4626" s="239">
        <v>0.21679999999999999</v>
      </c>
      <c r="F4626" s="239">
        <v>-0.11899999999999999</v>
      </c>
      <c r="G4626">
        <f t="shared" si="1083"/>
        <v>9.0518000000000001</v>
      </c>
      <c r="H4626" s="235">
        <f t="shared" si="1084"/>
        <v>2.3951037362734482</v>
      </c>
      <c r="I4626" s="236">
        <f t="shared" si="1085"/>
        <v>20.412864559287854</v>
      </c>
      <c r="J4626" s="237">
        <f t="shared" si="1090"/>
        <v>10.412864559287854</v>
      </c>
      <c r="K4626" s="237">
        <f t="shared" si="1086"/>
        <v>935.19497691921379</v>
      </c>
      <c r="L4626" s="237">
        <f t="shared" si="1091"/>
        <v>477.12786697112875</v>
      </c>
      <c r="M4626" s="236">
        <f t="shared" si="1087"/>
        <v>17.011383289360303</v>
      </c>
      <c r="N4626" s="236">
        <f t="shared" si="1088"/>
        <v>2.6710675138619733</v>
      </c>
      <c r="O4626" s="236">
        <f t="shared" si="1092"/>
        <v>2.7795427773023</v>
      </c>
      <c r="P4626" s="236" t="str">
        <f t="shared" si="1093"/>
        <v>CLAY</v>
      </c>
      <c r="Q4626" s="236">
        <f t="shared" si="1089"/>
        <v>676.38375192339879</v>
      </c>
      <c r="R4626" s="238">
        <v>35</v>
      </c>
      <c r="S4626" s="236">
        <f t="shared" si="1094"/>
        <v>8.6370323466263859</v>
      </c>
      <c r="T4626" s="236" t="e">
        <f t="shared" si="1080"/>
        <v>#N/A</v>
      </c>
    </row>
    <row r="4627" spans="1:20" x14ac:dyDescent="0.2">
      <c r="A4627" s="53">
        <f t="shared" si="1081"/>
        <v>4615</v>
      </c>
      <c r="B4627" s="239">
        <v>45.83</v>
      </c>
      <c r="C4627" s="3">
        <f t="shared" si="1082"/>
        <v>45.823</v>
      </c>
      <c r="D4627" s="239">
        <v>8.4878</v>
      </c>
      <c r="E4627" s="239">
        <v>0.21729999999999999</v>
      </c>
      <c r="F4627" s="239">
        <v>-0.11509999999999999</v>
      </c>
      <c r="G4627">
        <f t="shared" si="1083"/>
        <v>8.4647799999999993</v>
      </c>
      <c r="H4627" s="235">
        <f t="shared" si="1084"/>
        <v>2.5671074735551311</v>
      </c>
      <c r="I4627" s="236">
        <f t="shared" si="1085"/>
        <v>20.389358423181161</v>
      </c>
      <c r="J4627" s="237">
        <f t="shared" si="1090"/>
        <v>10.389358423181161</v>
      </c>
      <c r="K4627" s="237">
        <f t="shared" si="1086"/>
        <v>934.30157102543035</v>
      </c>
      <c r="L4627" s="237">
        <f t="shared" si="1091"/>
        <v>476.14429653439259</v>
      </c>
      <c r="M4627" s="236">
        <f t="shared" si="1087"/>
        <v>15.815538448711905</v>
      </c>
      <c r="N4627" s="236">
        <f t="shared" si="1088"/>
        <v>2.8856068316178671</v>
      </c>
      <c r="O4627" s="236">
        <f t="shared" si="1092"/>
        <v>2.8249347717925439</v>
      </c>
      <c r="P4627" s="236" t="str">
        <f t="shared" si="1093"/>
        <v>CLAY</v>
      </c>
      <c r="Q4627" s="236">
        <f t="shared" si="1089"/>
        <v>627.53986908121408</v>
      </c>
      <c r="R4627" s="238">
        <v>35</v>
      </c>
      <c r="S4627" s="236">
        <f t="shared" si="1094"/>
        <v>7.8848781546248121</v>
      </c>
      <c r="T4627" s="236" t="e">
        <f t="shared" si="1080"/>
        <v>#N/A</v>
      </c>
    </row>
    <row r="4628" spans="1:20" x14ac:dyDescent="0.2">
      <c r="A4628" s="53">
        <f t="shared" si="1081"/>
        <v>4616</v>
      </c>
      <c r="B4628" s="239">
        <v>45.841000000000001</v>
      </c>
      <c r="C4628" s="3">
        <f t="shared" si="1082"/>
        <v>45.834000000000003</v>
      </c>
      <c r="D4628" s="239">
        <v>8.0823999999999998</v>
      </c>
      <c r="E4628" s="239">
        <v>0.2084</v>
      </c>
      <c r="F4628" s="239">
        <v>-0.1162</v>
      </c>
      <c r="G4628">
        <f t="shared" si="1083"/>
        <v>8.0591600000000003</v>
      </c>
      <c r="H4628" s="235">
        <f t="shared" si="1084"/>
        <v>2.5858774363581314</v>
      </c>
      <c r="I4628" s="236">
        <f t="shared" si="1085"/>
        <v>20.321127684064763</v>
      </c>
      <c r="J4628" s="237">
        <f t="shared" si="1090"/>
        <v>10.321127684064763</v>
      </c>
      <c r="K4628" s="237">
        <f t="shared" si="1086"/>
        <v>931.39856627142444</v>
      </c>
      <c r="L4628" s="237">
        <f t="shared" si="1091"/>
        <v>473.13081416521283</v>
      </c>
      <c r="M4628" s="236">
        <f t="shared" si="1087"/>
        <v>15.065096629363964</v>
      </c>
      <c r="N4628" s="236">
        <f t="shared" si="1088"/>
        <v>2.9237791126657373</v>
      </c>
      <c r="O4628" s="236">
        <f t="shared" si="1092"/>
        <v>2.8453122444991799</v>
      </c>
      <c r="P4628" s="236" t="str">
        <f t="shared" si="1093"/>
        <v>CLAY</v>
      </c>
      <c r="Q4628" s="236">
        <f t="shared" si="1089"/>
        <v>593.98011947738132</v>
      </c>
      <c r="R4628" s="238">
        <v>35</v>
      </c>
      <c r="S4628" s="236">
        <f t="shared" si="1094"/>
        <v>7.4200171781105029</v>
      </c>
      <c r="T4628" s="236" t="e">
        <f t="shared" si="1080"/>
        <v>#N/A</v>
      </c>
    </row>
    <row r="4629" spans="1:20" x14ac:dyDescent="0.2">
      <c r="A4629" s="53">
        <f t="shared" si="1081"/>
        <v>4617</v>
      </c>
      <c r="B4629" s="239">
        <v>45.85</v>
      </c>
      <c r="C4629" s="3">
        <f t="shared" si="1082"/>
        <v>45.843000000000004</v>
      </c>
      <c r="D4629" s="239">
        <v>7.8101000000000003</v>
      </c>
      <c r="E4629" s="239">
        <v>0.19120000000000001</v>
      </c>
      <c r="F4629" s="239">
        <v>-0.1026</v>
      </c>
      <c r="G4629">
        <f t="shared" si="1083"/>
        <v>7.7895799999999999</v>
      </c>
      <c r="H4629" s="235">
        <f t="shared" si="1084"/>
        <v>2.4545610931526478</v>
      </c>
      <c r="I4629" s="236">
        <f t="shared" si="1085"/>
        <v>20.206822989561729</v>
      </c>
      <c r="J4629" s="237">
        <f t="shared" si="1090"/>
        <v>10.206822989561729</v>
      </c>
      <c r="K4629" s="237">
        <f t="shared" si="1086"/>
        <v>926.34138631047847</v>
      </c>
      <c r="L4629" s="237">
        <f t="shared" si="1091"/>
        <v>467.98283407140531</v>
      </c>
      <c r="M4629" s="236">
        <f t="shared" si="1087"/>
        <v>14.665577696472347</v>
      </c>
      <c r="N4629" s="236">
        <f t="shared" si="1088"/>
        <v>2.7858568055411852</v>
      </c>
      <c r="O4629" s="236">
        <f t="shared" si="1092"/>
        <v>2.842380210689464</v>
      </c>
      <c r="P4629" s="236" t="str">
        <f t="shared" si="1093"/>
        <v>CLAY</v>
      </c>
      <c r="Q4629" s="236">
        <f t="shared" si="1089"/>
        <v>571.93655114079343</v>
      </c>
      <c r="R4629" s="238">
        <v>35</v>
      </c>
      <c r="S4629" s="236">
        <f t="shared" si="1094"/>
        <v>7.174869024381084</v>
      </c>
      <c r="T4629" s="236" t="e">
        <f t="shared" si="1080"/>
        <v>#N/A</v>
      </c>
    </row>
    <row r="4630" spans="1:20" x14ac:dyDescent="0.2">
      <c r="A4630" s="53">
        <f t="shared" si="1081"/>
        <v>4618</v>
      </c>
      <c r="B4630" s="239">
        <v>45.86</v>
      </c>
      <c r="C4630" s="3">
        <f t="shared" si="1082"/>
        <v>45.853000000000002</v>
      </c>
      <c r="D4630" s="239">
        <v>7.6657999999999999</v>
      </c>
      <c r="E4630" s="239">
        <v>0.1832</v>
      </c>
      <c r="F4630" s="239">
        <v>-9.9400000000000002E-2</v>
      </c>
      <c r="G4630">
        <f t="shared" si="1083"/>
        <v>7.6459200000000003</v>
      </c>
      <c r="H4630" s="235">
        <f t="shared" si="1084"/>
        <v>2.3960491347019062</v>
      </c>
      <c r="I4630" s="236">
        <f t="shared" si="1085"/>
        <v>20.149428596255909</v>
      </c>
      <c r="J4630" s="237">
        <f t="shared" si="1090"/>
        <v>10.149428596255909</v>
      </c>
      <c r="K4630" s="237">
        <f t="shared" si="1086"/>
        <v>923.91174942412226</v>
      </c>
      <c r="L4630" s="237">
        <f t="shared" si="1091"/>
        <v>465.45279542429597</v>
      </c>
      <c r="M4630" s="236">
        <f t="shared" si="1087"/>
        <v>14.441868899827428</v>
      </c>
      <c r="N4630" s="236">
        <f t="shared" si="1088"/>
        <v>2.7253760062598129</v>
      </c>
      <c r="O4630" s="236">
        <f t="shared" si="1092"/>
        <v>2.8422309372994436</v>
      </c>
      <c r="P4630" s="236" t="str">
        <f t="shared" si="1093"/>
        <v>CLAY</v>
      </c>
      <c r="Q4630" s="236">
        <f t="shared" si="1089"/>
        <v>560.16735421465648</v>
      </c>
      <c r="R4630" s="238">
        <v>35</v>
      </c>
      <c r="S4630" s="236">
        <f t="shared" si="1094"/>
        <v>7.0383240217618885</v>
      </c>
      <c r="T4630" s="236" t="e">
        <f t="shared" si="1080"/>
        <v>#N/A</v>
      </c>
    </row>
    <row r="4631" spans="1:20" x14ac:dyDescent="0.2">
      <c r="A4631" s="53">
        <f t="shared" si="1081"/>
        <v>4619</v>
      </c>
      <c r="B4631" s="239">
        <v>45.869</v>
      </c>
      <c r="C4631" s="3">
        <f t="shared" si="1082"/>
        <v>45.862000000000002</v>
      </c>
      <c r="D4631" s="239">
        <v>7.6864999999999997</v>
      </c>
      <c r="E4631" s="239">
        <v>0.18160000000000001</v>
      </c>
      <c r="F4631" s="239">
        <v>-4.3799999999999999E-2</v>
      </c>
      <c r="G4631">
        <f t="shared" si="1083"/>
        <v>7.67774</v>
      </c>
      <c r="H4631" s="235">
        <f t="shared" si="1084"/>
        <v>2.3652793660634512</v>
      </c>
      <c r="I4631" s="236">
        <f t="shared" si="1085"/>
        <v>20.140765894604474</v>
      </c>
      <c r="J4631" s="237">
        <f t="shared" si="1090"/>
        <v>10.140765894604474</v>
      </c>
      <c r="K4631" s="237">
        <f t="shared" si="1086"/>
        <v>923.69580545835038</v>
      </c>
      <c r="L4631" s="237">
        <f t="shared" si="1091"/>
        <v>465.14679081961265</v>
      </c>
      <c r="M4631" s="236">
        <f t="shared" si="1087"/>
        <v>14.520242486550698</v>
      </c>
      <c r="N4631" s="236">
        <f t="shared" si="1088"/>
        <v>2.6887594272297171</v>
      </c>
      <c r="O4631" s="236">
        <f t="shared" si="1092"/>
        <v>2.836900816706279</v>
      </c>
      <c r="P4631" s="236" t="str">
        <f t="shared" si="1093"/>
        <v>CLAY</v>
      </c>
      <c r="Q4631" s="236">
        <f t="shared" si="1089"/>
        <v>562.8370162118041</v>
      </c>
      <c r="R4631" s="238">
        <v>35</v>
      </c>
      <c r="S4631" s="236">
        <f t="shared" si="1094"/>
        <v>7.0861011124704252</v>
      </c>
      <c r="T4631" s="236" t="e">
        <f t="shared" si="1080"/>
        <v>#N/A</v>
      </c>
    </row>
    <row r="4632" spans="1:20" x14ac:dyDescent="0.2">
      <c r="A4632" s="53">
        <f t="shared" si="1081"/>
        <v>4620</v>
      </c>
      <c r="B4632" s="239">
        <v>45.878999999999998</v>
      </c>
      <c r="C4632" s="3">
        <f t="shared" si="1082"/>
        <v>45.872</v>
      </c>
      <c r="D4632" s="239">
        <v>7.5777999999999999</v>
      </c>
      <c r="E4632" s="239">
        <v>0.1759</v>
      </c>
      <c r="F4632" s="239">
        <v>0.1744</v>
      </c>
      <c r="G4632">
        <f t="shared" si="1083"/>
        <v>7.6126800000000001</v>
      </c>
      <c r="H4632" s="235">
        <f t="shared" si="1084"/>
        <v>2.3106185994945276</v>
      </c>
      <c r="I4632" s="236">
        <f t="shared" si="1085"/>
        <v>20.100044638014083</v>
      </c>
      <c r="J4632" s="237">
        <f t="shared" si="1090"/>
        <v>10.100044638014083</v>
      </c>
      <c r="K4632" s="237">
        <f t="shared" si="1086"/>
        <v>922.02924763498197</v>
      </c>
      <c r="L4632" s="237">
        <f t="shared" si="1091"/>
        <v>463.3799479474481</v>
      </c>
      <c r="M4632" s="236">
        <f t="shared" si="1087"/>
        <v>14.438800776773803</v>
      </c>
      <c r="N4632" s="236">
        <f t="shared" si="1088"/>
        <v>2.6290417256919696</v>
      </c>
      <c r="O4632" s="236">
        <f t="shared" si="1092"/>
        <v>2.8332317586162419</v>
      </c>
      <c r="P4632" s="236" t="str">
        <f t="shared" si="1093"/>
        <v>CLAY</v>
      </c>
      <c r="Q4632" s="236">
        <f t="shared" si="1089"/>
        <v>557.55422936375146</v>
      </c>
      <c r="R4632" s="238">
        <v>35</v>
      </c>
      <c r="S4632" s="236">
        <f t="shared" si="1094"/>
        <v>7.0364549881510383</v>
      </c>
      <c r="T4632" s="236" t="e">
        <f t="shared" si="1080"/>
        <v>#N/A</v>
      </c>
    </row>
    <row r="4633" spans="1:20" x14ac:dyDescent="0.2">
      <c r="A4633" s="53">
        <f t="shared" si="1081"/>
        <v>4621</v>
      </c>
      <c r="B4633" s="239">
        <v>45.889000000000003</v>
      </c>
      <c r="C4633" s="3">
        <f t="shared" si="1082"/>
        <v>45.882000000000005</v>
      </c>
      <c r="D4633" s="239">
        <v>7.4402999999999997</v>
      </c>
      <c r="E4633" s="239">
        <v>0.1686</v>
      </c>
      <c r="F4633" s="239">
        <v>0.43509999999999999</v>
      </c>
      <c r="G4633">
        <f t="shared" si="1083"/>
        <v>7.5273199999999996</v>
      </c>
      <c r="H4633" s="235">
        <f t="shared" si="1084"/>
        <v>2.2398410058294322</v>
      </c>
      <c r="I4633" s="236">
        <f t="shared" si="1085"/>
        <v>20.045934835326264</v>
      </c>
      <c r="J4633" s="237">
        <f t="shared" si="1090"/>
        <v>10.045934835326264</v>
      </c>
      <c r="K4633" s="237">
        <f t="shared" si="1086"/>
        <v>919.74758211443975</v>
      </c>
      <c r="L4633" s="237">
        <f t="shared" si="1091"/>
        <v>460.99790365828699</v>
      </c>
      <c r="M4633" s="236">
        <f t="shared" si="1087"/>
        <v>14.333194067588209</v>
      </c>
      <c r="N4633" s="236">
        <f t="shared" si="1088"/>
        <v>2.5516178913700416</v>
      </c>
      <c r="O4633" s="236">
        <f t="shared" si="1092"/>
        <v>2.8283454391424883</v>
      </c>
      <c r="P4633" s="236" t="str">
        <f t="shared" si="1093"/>
        <v>CLAY</v>
      </c>
      <c r="Q4633" s="236">
        <f t="shared" si="1089"/>
        <v>550.63103482379665</v>
      </c>
      <c r="R4633" s="238">
        <v>35</v>
      </c>
      <c r="S4633" s="236">
        <f t="shared" si="1094"/>
        <v>6.9721823179295592</v>
      </c>
      <c r="T4633" s="236" t="e">
        <f t="shared" si="1080"/>
        <v>#N/A</v>
      </c>
    </row>
    <row r="4634" spans="1:20" x14ac:dyDescent="0.2">
      <c r="A4634" s="53">
        <f t="shared" si="1081"/>
        <v>4622</v>
      </c>
      <c r="B4634" s="239">
        <v>45.898000000000003</v>
      </c>
      <c r="C4634" s="3">
        <f t="shared" si="1082"/>
        <v>45.891000000000005</v>
      </c>
      <c r="D4634" s="239">
        <v>7.4343000000000004</v>
      </c>
      <c r="E4634" s="239">
        <v>0.15670000000000001</v>
      </c>
      <c r="F4634" s="239">
        <v>0.157</v>
      </c>
      <c r="G4634">
        <f t="shared" si="1083"/>
        <v>7.4657</v>
      </c>
      <c r="H4634" s="235">
        <f t="shared" si="1084"/>
        <v>2.0989324510762555</v>
      </c>
      <c r="I4634" s="236">
        <f t="shared" si="1085"/>
        <v>19.956892825762402</v>
      </c>
      <c r="J4634" s="237">
        <f t="shared" si="1090"/>
        <v>9.9568928257624023</v>
      </c>
      <c r="K4634" s="237">
        <f t="shared" si="1086"/>
        <v>915.84176866706252</v>
      </c>
      <c r="L4634" s="237">
        <f t="shared" si="1091"/>
        <v>457.00146691684279</v>
      </c>
      <c r="M4634" s="236">
        <f t="shared" si="1087"/>
        <v>14.332247717981105</v>
      </c>
      <c r="N4634" s="236">
        <f t="shared" si="1088"/>
        <v>2.3924181938837261</v>
      </c>
      <c r="O4634" s="236">
        <f t="shared" si="1092"/>
        <v>2.8123693840286532</v>
      </c>
      <c r="P4634" s="236" t="str">
        <f t="shared" si="1093"/>
        <v>CLAY</v>
      </c>
      <c r="Q4634" s="236">
        <f t="shared" si="1089"/>
        <v>545.82151927774476</v>
      </c>
      <c r="R4634" s="238">
        <v>35</v>
      </c>
      <c r="S4634" s="236">
        <f t="shared" si="1094"/>
        <v>6.9716068994717055</v>
      </c>
      <c r="T4634" s="236" t="e">
        <f t="shared" si="1080"/>
        <v>#N/A</v>
      </c>
    </row>
    <row r="4635" spans="1:20" x14ac:dyDescent="0.2">
      <c r="A4635" s="53">
        <f t="shared" si="1081"/>
        <v>4623</v>
      </c>
      <c r="B4635" s="239">
        <v>45.908999999999999</v>
      </c>
      <c r="C4635" s="3">
        <f t="shared" si="1082"/>
        <v>45.902000000000001</v>
      </c>
      <c r="D4635" s="239">
        <v>7.4324000000000003</v>
      </c>
      <c r="E4635" s="239">
        <v>0.1469</v>
      </c>
      <c r="F4635" s="239">
        <v>3.04E-2</v>
      </c>
      <c r="G4635">
        <f t="shared" si="1083"/>
        <v>7.4384800000000002</v>
      </c>
      <c r="H4635" s="235">
        <f t="shared" si="1084"/>
        <v>1.9748658328045514</v>
      </c>
      <c r="I4635" s="236">
        <f t="shared" si="1085"/>
        <v>19.879737682702544</v>
      </c>
      <c r="J4635" s="237">
        <f t="shared" si="1090"/>
        <v>9.8797376827025438</v>
      </c>
      <c r="K4635" s="237">
        <f t="shared" si="1086"/>
        <v>912.5197191114122</v>
      </c>
      <c r="L4635" s="237">
        <f t="shared" si="1091"/>
        <v>453.56887727519108</v>
      </c>
      <c r="M4635" s="236">
        <f t="shared" si="1087"/>
        <v>14.388024857642806</v>
      </c>
      <c r="N4635" s="236">
        <f t="shared" si="1088"/>
        <v>2.2510097162282729</v>
      </c>
      <c r="O4635" s="236">
        <f t="shared" si="1092"/>
        <v>2.796016655630607</v>
      </c>
      <c r="P4635" s="236" t="str">
        <f t="shared" si="1093"/>
        <v>CLAY</v>
      </c>
      <c r="Q4635" s="236">
        <f t="shared" si="1089"/>
        <v>543.83002340738233</v>
      </c>
      <c r="R4635" s="238">
        <v>35</v>
      </c>
      <c r="S4635" s="236">
        <f t="shared" si="1094"/>
        <v>7.0055378362609746</v>
      </c>
      <c r="T4635" s="236" t="e">
        <f t="shared" si="1080"/>
        <v>#N/A</v>
      </c>
    </row>
    <row r="4636" spans="1:20" x14ac:dyDescent="0.2">
      <c r="A4636" s="53">
        <f t="shared" si="1081"/>
        <v>4624</v>
      </c>
      <c r="B4636" s="239">
        <v>45.917999999999999</v>
      </c>
      <c r="C4636" s="3">
        <f t="shared" si="1082"/>
        <v>45.911000000000001</v>
      </c>
      <c r="D4636" s="239">
        <v>7.2713999999999999</v>
      </c>
      <c r="E4636" s="239">
        <v>0.14460000000000001</v>
      </c>
      <c r="F4636" s="239">
        <v>7.0000000000000001E-3</v>
      </c>
      <c r="G4636">
        <f t="shared" si="1083"/>
        <v>7.2728000000000002</v>
      </c>
      <c r="H4636" s="235">
        <f t="shared" si="1084"/>
        <v>1.9882301176988231</v>
      </c>
      <c r="I4636" s="236">
        <f t="shared" si="1085"/>
        <v>19.852428925651608</v>
      </c>
      <c r="J4636" s="237">
        <f t="shared" si="1090"/>
        <v>9.8524289256516084</v>
      </c>
      <c r="K4636" s="237">
        <f t="shared" si="1086"/>
        <v>911.44486440559103</v>
      </c>
      <c r="L4636" s="237">
        <f t="shared" si="1091"/>
        <v>452.40383140807057</v>
      </c>
      <c r="M4636" s="236">
        <f t="shared" si="1087"/>
        <v>14.061231788853782</v>
      </c>
      <c r="N4636" s="236">
        <f t="shared" si="1088"/>
        <v>2.2731005724063928</v>
      </c>
      <c r="O4636" s="236">
        <f t="shared" si="1092"/>
        <v>2.8066531411009135</v>
      </c>
      <c r="P4636" s="236" t="str">
        <f t="shared" si="1093"/>
        <v>CLAY</v>
      </c>
      <c r="Q4636" s="236">
        <f t="shared" si="1089"/>
        <v>530.1129279662008</v>
      </c>
      <c r="R4636" s="238">
        <v>35</v>
      </c>
      <c r="S4636" s="236">
        <f t="shared" si="1094"/>
        <v>6.8072110843056466</v>
      </c>
      <c r="T4636" s="236" t="e">
        <f t="shared" si="1080"/>
        <v>#N/A</v>
      </c>
    </row>
    <row r="4637" spans="1:20" x14ac:dyDescent="0.2">
      <c r="A4637" s="53">
        <f t="shared" si="1081"/>
        <v>4625</v>
      </c>
      <c r="B4637" s="239">
        <v>45.927999999999997</v>
      </c>
      <c r="C4637" s="3">
        <f t="shared" si="1082"/>
        <v>45.920999999999999</v>
      </c>
      <c r="D4637" s="239">
        <v>7.1571999999999996</v>
      </c>
      <c r="E4637" s="239">
        <v>0.15210000000000001</v>
      </c>
      <c r="F4637" s="239">
        <v>1.9E-3</v>
      </c>
      <c r="G4637">
        <f t="shared" si="1083"/>
        <v>7.1575799999999994</v>
      </c>
      <c r="H4637" s="235">
        <f t="shared" si="1084"/>
        <v>2.1250199089636443</v>
      </c>
      <c r="I4637" s="236">
        <f t="shared" si="1085"/>
        <v>19.905481522057915</v>
      </c>
      <c r="J4637" s="237">
        <f t="shared" si="1090"/>
        <v>9.9054815220579151</v>
      </c>
      <c r="K4637" s="237">
        <f t="shared" si="1086"/>
        <v>914.07961697442147</v>
      </c>
      <c r="L4637" s="237">
        <f t="shared" si="1091"/>
        <v>454.9389553450759</v>
      </c>
      <c r="M4637" s="236">
        <f t="shared" si="1087"/>
        <v>13.723820107446763</v>
      </c>
      <c r="N4637" s="236">
        <f t="shared" si="1088"/>
        <v>2.4361334294704236</v>
      </c>
      <c r="O4637" s="236">
        <f t="shared" si="1092"/>
        <v>2.8323419868674846</v>
      </c>
      <c r="P4637" s="236" t="str">
        <f t="shared" si="1093"/>
        <v>CLAY</v>
      </c>
      <c r="Q4637" s="236">
        <f t="shared" si="1089"/>
        <v>520.29169858546481</v>
      </c>
      <c r="R4637" s="238">
        <v>35</v>
      </c>
      <c r="S4637" s="236">
        <f t="shared" si="1094"/>
        <v>6.6036459301501598</v>
      </c>
      <c r="T4637" s="236" t="e">
        <f t="shared" si="1080"/>
        <v>#N/A</v>
      </c>
    </row>
    <row r="4638" spans="1:20" x14ac:dyDescent="0.2">
      <c r="A4638" s="53">
        <f t="shared" si="1081"/>
        <v>4626</v>
      </c>
      <c r="B4638" s="239">
        <v>45.938000000000002</v>
      </c>
      <c r="C4638" s="3">
        <f t="shared" si="1082"/>
        <v>45.931000000000004</v>
      </c>
      <c r="D4638" s="239">
        <v>7.2061000000000002</v>
      </c>
      <c r="E4638" s="239">
        <v>0.15890000000000001</v>
      </c>
      <c r="F4638" s="239">
        <v>5.0700000000000002E-2</v>
      </c>
      <c r="G4638">
        <f t="shared" si="1083"/>
        <v>7.21624</v>
      </c>
      <c r="H4638" s="235">
        <f t="shared" si="1084"/>
        <v>2.2019777612717983</v>
      </c>
      <c r="I4638" s="236">
        <f t="shared" si="1085"/>
        <v>19.959957448652418</v>
      </c>
      <c r="J4638" s="237">
        <f t="shared" si="1090"/>
        <v>9.9599574486524176</v>
      </c>
      <c r="K4638" s="237">
        <f t="shared" si="1086"/>
        <v>916.78080557405428</v>
      </c>
      <c r="L4638" s="237">
        <f t="shared" si="1091"/>
        <v>457.54052527619478</v>
      </c>
      <c r="M4638" s="236">
        <f t="shared" si="1087"/>
        <v>13.768090139388791</v>
      </c>
      <c r="N4638" s="236">
        <f t="shared" si="1088"/>
        <v>2.522438753799725</v>
      </c>
      <c r="O4638" s="236">
        <f t="shared" si="1092"/>
        <v>2.8397978765841243</v>
      </c>
      <c r="P4638" s="236" t="str">
        <f t="shared" si="1093"/>
        <v>CLAY</v>
      </c>
      <c r="Q4638" s="236">
        <f t="shared" si="1089"/>
        <v>524.95493286882879</v>
      </c>
      <c r="R4638" s="238">
        <v>35</v>
      </c>
      <c r="S4638" s="236">
        <f t="shared" si="1094"/>
        <v>6.630284048999922</v>
      </c>
      <c r="T4638" s="236" t="e">
        <f t="shared" si="1080"/>
        <v>#N/A</v>
      </c>
    </row>
    <row r="4639" spans="1:20" x14ac:dyDescent="0.2">
      <c r="A4639" s="53">
        <f t="shared" si="1081"/>
        <v>4627</v>
      </c>
      <c r="B4639" s="239">
        <v>45.947000000000003</v>
      </c>
      <c r="C4639" s="3">
        <f t="shared" si="1082"/>
        <v>45.940000000000005</v>
      </c>
      <c r="D4639" s="239">
        <v>7.6344000000000003</v>
      </c>
      <c r="E4639" s="239">
        <v>0.17180000000000001</v>
      </c>
      <c r="F4639" s="239">
        <v>0.1089</v>
      </c>
      <c r="G4639">
        <f t="shared" si="1083"/>
        <v>7.65618</v>
      </c>
      <c r="H4639" s="235">
        <f t="shared" si="1084"/>
        <v>2.2439388833595868</v>
      </c>
      <c r="I4639" s="236">
        <f t="shared" si="1085"/>
        <v>20.074616506820252</v>
      </c>
      <c r="J4639" s="237">
        <f t="shared" si="1090"/>
        <v>10.074616506820252</v>
      </c>
      <c r="K4639" s="237">
        <f t="shared" si="1086"/>
        <v>922.22788232332243</v>
      </c>
      <c r="L4639" s="237">
        <f t="shared" si="1091"/>
        <v>462.89840463887015</v>
      </c>
      <c r="M4639" s="236">
        <f t="shared" si="1087"/>
        <v>14.547365145771382</v>
      </c>
      <c r="N4639" s="236">
        <f t="shared" si="1088"/>
        <v>2.5512506919825531</v>
      </c>
      <c r="O4639" s="236">
        <f t="shared" si="1092"/>
        <v>2.8230426609971859</v>
      </c>
      <c r="P4639" s="236" t="str">
        <f t="shared" si="1093"/>
        <v>CLAY</v>
      </c>
      <c r="Q4639" s="236">
        <f t="shared" si="1089"/>
        <v>561.16267647305642</v>
      </c>
      <c r="R4639" s="238">
        <v>35</v>
      </c>
      <c r="S4639" s="236">
        <f t="shared" si="1094"/>
        <v>7.1026503161325047</v>
      </c>
      <c r="T4639" s="236" t="e">
        <f t="shared" si="1080"/>
        <v>#N/A</v>
      </c>
    </row>
    <row r="4640" spans="1:20" x14ac:dyDescent="0.2">
      <c r="A4640" s="53">
        <f t="shared" si="1081"/>
        <v>4628</v>
      </c>
      <c r="B4640" s="239">
        <v>45.957000000000001</v>
      </c>
      <c r="C4640" s="3">
        <f t="shared" si="1082"/>
        <v>45.95</v>
      </c>
      <c r="D4640" s="239">
        <v>7.9696999999999996</v>
      </c>
      <c r="E4640" s="239">
        <v>0.18360000000000001</v>
      </c>
      <c r="F4640" s="239">
        <v>0.10199999999999999</v>
      </c>
      <c r="G4640">
        <f t="shared" si="1083"/>
        <v>7.9901</v>
      </c>
      <c r="H4640" s="235">
        <f t="shared" si="1084"/>
        <v>2.2978435814320224</v>
      </c>
      <c r="I4640" s="236">
        <f t="shared" si="1085"/>
        <v>20.169196275198402</v>
      </c>
      <c r="J4640" s="237">
        <f t="shared" si="1090"/>
        <v>10.169196275198402</v>
      </c>
      <c r="K4640" s="237">
        <f t="shared" si="1086"/>
        <v>926.77456884536662</v>
      </c>
      <c r="L4640" s="237">
        <f t="shared" si="1091"/>
        <v>467.34575321929299</v>
      </c>
      <c r="M4640" s="236">
        <f t="shared" si="1087"/>
        <v>15.113704109856977</v>
      </c>
      <c r="N4640" s="236">
        <f t="shared" si="1088"/>
        <v>2.5993422190372892</v>
      </c>
      <c r="O4640" s="236">
        <f t="shared" si="1092"/>
        <v>2.8142068399379232</v>
      </c>
      <c r="P4640" s="236" t="str">
        <f t="shared" si="1093"/>
        <v>CLAY</v>
      </c>
      <c r="Q4640" s="236">
        <f t="shared" si="1089"/>
        <v>588.61045259621949</v>
      </c>
      <c r="R4640" s="238">
        <v>35</v>
      </c>
      <c r="S4640" s="236">
        <f t="shared" si="1094"/>
        <v>7.4499550615042303</v>
      </c>
      <c r="T4640" s="236" t="e">
        <f t="shared" si="1080"/>
        <v>#N/A</v>
      </c>
    </row>
    <row r="4641" spans="1:20" x14ac:dyDescent="0.2">
      <c r="A4641" s="53">
        <f t="shared" si="1081"/>
        <v>4629</v>
      </c>
      <c r="B4641" s="239">
        <v>45.966999999999999</v>
      </c>
      <c r="C4641" s="3">
        <f t="shared" si="1082"/>
        <v>45.96</v>
      </c>
      <c r="D4641" s="239">
        <v>8.4870000000000001</v>
      </c>
      <c r="E4641" s="239">
        <v>0.19769999999999999</v>
      </c>
      <c r="F4641" s="239">
        <v>0.153</v>
      </c>
      <c r="G4641">
        <f t="shared" si="1083"/>
        <v>8.5175999999999998</v>
      </c>
      <c r="H4641" s="235">
        <f t="shared" si="1084"/>
        <v>2.3210763595378978</v>
      </c>
      <c r="I4641" s="236">
        <f t="shared" si="1085"/>
        <v>20.280946578482681</v>
      </c>
      <c r="J4641" s="237">
        <f t="shared" si="1090"/>
        <v>10.280946578482681</v>
      </c>
      <c r="K4641" s="237">
        <f t="shared" si="1086"/>
        <v>932.11230474706406</v>
      </c>
      <c r="L4641" s="237">
        <f t="shared" si="1091"/>
        <v>472.58427137311338</v>
      </c>
      <c r="M4641" s="236">
        <f t="shared" si="1087"/>
        <v>16.051079468245916</v>
      </c>
      <c r="N4641" s="236">
        <f t="shared" si="1088"/>
        <v>2.6062925410019759</v>
      </c>
      <c r="O4641" s="236">
        <f t="shared" si="1092"/>
        <v>2.793655814243166</v>
      </c>
      <c r="P4641" s="236" t="str">
        <f t="shared" si="1093"/>
        <v>CLAY</v>
      </c>
      <c r="Q4641" s="236">
        <f t="shared" si="1089"/>
        <v>632.12397460441139</v>
      </c>
      <c r="R4641" s="238">
        <v>35</v>
      </c>
      <c r="S4641" s="236">
        <f t="shared" si="1094"/>
        <v>8.031937397305084</v>
      </c>
      <c r="T4641" s="236" t="e">
        <f t="shared" si="1080"/>
        <v>#N/A</v>
      </c>
    </row>
    <row r="4642" spans="1:20" x14ac:dyDescent="0.2">
      <c r="A4642" s="53">
        <f t="shared" si="1081"/>
        <v>4630</v>
      </c>
      <c r="B4642" s="239">
        <v>45.976999999999997</v>
      </c>
      <c r="C4642" s="3">
        <f t="shared" si="1082"/>
        <v>45.97</v>
      </c>
      <c r="D4642" s="239">
        <v>9.3040000000000003</v>
      </c>
      <c r="E4642" s="239">
        <v>0.20899999999999999</v>
      </c>
      <c r="F4642" s="239">
        <v>0.2838</v>
      </c>
      <c r="G4642">
        <f t="shared" si="1083"/>
        <v>9.3607600000000009</v>
      </c>
      <c r="H4642" s="235">
        <f t="shared" si="1084"/>
        <v>2.2327246932941343</v>
      </c>
      <c r="I4642" s="236">
        <f t="shared" si="1085"/>
        <v>20.383018026362677</v>
      </c>
      <c r="J4642" s="237">
        <f t="shared" si="1090"/>
        <v>10.383018026362677</v>
      </c>
      <c r="K4642" s="237">
        <f t="shared" si="1086"/>
        <v>937.00733867189228</v>
      </c>
      <c r="L4642" s="237">
        <f t="shared" si="1091"/>
        <v>477.38001979807677</v>
      </c>
      <c r="M4642" s="236">
        <f t="shared" si="1087"/>
        <v>17.645800645136351</v>
      </c>
      <c r="N4642" s="236">
        <f t="shared" si="1088"/>
        <v>2.4810794951219348</v>
      </c>
      <c r="O4642" s="236">
        <f t="shared" si="1092"/>
        <v>2.7477969591111155</v>
      </c>
      <c r="P4642" s="236" t="str">
        <f t="shared" si="1093"/>
        <v>CLAY</v>
      </c>
      <c r="Q4642" s="236">
        <f t="shared" si="1089"/>
        <v>701.97938844400903</v>
      </c>
      <c r="R4642" s="238">
        <v>35</v>
      </c>
      <c r="S4642" s="236">
        <f t="shared" si="1094"/>
        <v>9.0415256610838775</v>
      </c>
      <c r="T4642" s="236" t="e">
        <f t="shared" si="1080"/>
        <v>#N/A</v>
      </c>
    </row>
    <row r="4643" spans="1:20" x14ac:dyDescent="0.2">
      <c r="A4643" s="53">
        <f t="shared" si="1081"/>
        <v>4631</v>
      </c>
      <c r="B4643" s="239">
        <v>45.985999999999997</v>
      </c>
      <c r="C4643" s="3">
        <f t="shared" si="1082"/>
        <v>45.978999999999999</v>
      </c>
      <c r="D4643" s="239">
        <v>10.273300000000001</v>
      </c>
      <c r="E4643" s="239">
        <v>0.22040000000000001</v>
      </c>
      <c r="F4643" s="239">
        <v>0.26469999999999999</v>
      </c>
      <c r="G4643">
        <f t="shared" si="1083"/>
        <v>10.32624</v>
      </c>
      <c r="H4643" s="235">
        <f t="shared" si="1084"/>
        <v>2.1343683664141064</v>
      </c>
      <c r="I4643" s="236">
        <f t="shared" si="1085"/>
        <v>20.483662341005076</v>
      </c>
      <c r="J4643" s="237">
        <f t="shared" si="1090"/>
        <v>10.483662341005076</v>
      </c>
      <c r="K4643" s="237">
        <f t="shared" si="1086"/>
        <v>941.81831077707238</v>
      </c>
      <c r="L4643" s="237">
        <f t="shared" si="1091"/>
        <v>482.10169641345936</v>
      </c>
      <c r="M4643" s="236">
        <f t="shared" si="1087"/>
        <v>19.465647515943758</v>
      </c>
      <c r="N4643" s="236">
        <f t="shared" si="1088"/>
        <v>2.3485730639439129</v>
      </c>
      <c r="O4643" s="236">
        <f t="shared" si="1092"/>
        <v>2.6993047130956396</v>
      </c>
      <c r="P4643" s="236" t="str">
        <f t="shared" si="1093"/>
        <v>CLAY</v>
      </c>
      <c r="Q4643" s="236">
        <f t="shared" si="1089"/>
        <v>782.03514076857721</v>
      </c>
      <c r="R4643" s="238">
        <v>35</v>
      </c>
      <c r="S4643" s="236">
        <f t="shared" si="1094"/>
        <v>10.221769355818813</v>
      </c>
      <c r="T4643" s="236" t="e">
        <f t="shared" si="1080"/>
        <v>#N/A</v>
      </c>
    </row>
    <row r="4644" spans="1:20" x14ac:dyDescent="0.2">
      <c r="A4644" s="53">
        <f t="shared" si="1081"/>
        <v>4632</v>
      </c>
      <c r="B4644" s="239">
        <v>45.996000000000002</v>
      </c>
      <c r="C4644" s="3">
        <f t="shared" si="1082"/>
        <v>45.989000000000004</v>
      </c>
      <c r="D4644" s="239">
        <v>11.1007</v>
      </c>
      <c r="E4644" s="239">
        <v>0.22700000000000001</v>
      </c>
      <c r="F4644" s="239">
        <v>0.42</v>
      </c>
      <c r="G4644">
        <f t="shared" si="1083"/>
        <v>11.184699999999999</v>
      </c>
      <c r="H4644" s="235">
        <f t="shared" si="1084"/>
        <v>2.0295582358042683</v>
      </c>
      <c r="I4644" s="236">
        <f t="shared" si="1085"/>
        <v>20.549474774612996</v>
      </c>
      <c r="J4644" s="237">
        <f t="shared" si="1090"/>
        <v>10.549474774612996</v>
      </c>
      <c r="K4644" s="237">
        <f t="shared" si="1086"/>
        <v>945.04979540967713</v>
      </c>
      <c r="L4644" s="237">
        <f t="shared" si="1091"/>
        <v>485.23364173309938</v>
      </c>
      <c r="M4644" s="236">
        <f t="shared" si="1087"/>
        <v>21.102515002911929</v>
      </c>
      <c r="N4644" s="236">
        <f t="shared" si="1088"/>
        <v>2.2168726027207297</v>
      </c>
      <c r="O4644" s="236">
        <f t="shared" si="1092"/>
        <v>2.6562051318079081</v>
      </c>
      <c r="P4644" s="236" t="str">
        <f t="shared" si="1093"/>
        <v>CLAY</v>
      </c>
      <c r="Q4644" s="236">
        <f t="shared" si="1089"/>
        <v>853.30418371586018</v>
      </c>
      <c r="R4644" s="238">
        <v>35</v>
      </c>
      <c r="S4644" s="236">
        <f t="shared" si="1094"/>
        <v>11.307270474749998</v>
      </c>
      <c r="T4644" s="236" t="e">
        <f t="shared" si="1080"/>
        <v>#N/A</v>
      </c>
    </row>
    <row r="4645" spans="1:20" x14ac:dyDescent="0.2">
      <c r="A4645" s="53">
        <f t="shared" si="1081"/>
        <v>4633</v>
      </c>
      <c r="B4645" s="239">
        <v>46.005000000000003</v>
      </c>
      <c r="C4645" s="3">
        <f t="shared" si="1082"/>
        <v>45.998000000000005</v>
      </c>
      <c r="D4645" s="239">
        <v>11.6158</v>
      </c>
      <c r="E4645" s="239">
        <v>0.22259999999999999</v>
      </c>
      <c r="F4645" s="239">
        <v>0.1099</v>
      </c>
      <c r="G4645">
        <f t="shared" si="1083"/>
        <v>11.637779999999999</v>
      </c>
      <c r="H4645" s="235">
        <f t="shared" si="1084"/>
        <v>1.9127359341730124</v>
      </c>
      <c r="I4645" s="236">
        <f t="shared" si="1085"/>
        <v>20.542044115127762</v>
      </c>
      <c r="J4645" s="237">
        <f t="shared" si="1090"/>
        <v>10.542044115127762</v>
      </c>
      <c r="K4645" s="237">
        <f t="shared" si="1086"/>
        <v>944.8929452076469</v>
      </c>
      <c r="L4645" s="237">
        <f t="shared" si="1091"/>
        <v>484.9867395164527</v>
      </c>
      <c r="M4645" s="236">
        <f t="shared" si="1087"/>
        <v>22.047792616873409</v>
      </c>
      <c r="N4645" s="236">
        <f t="shared" si="1088"/>
        <v>2.0817577035963812</v>
      </c>
      <c r="O4645" s="236">
        <f t="shared" si="1092"/>
        <v>2.6247558654461121</v>
      </c>
      <c r="P4645" s="236" t="str">
        <f t="shared" si="1093"/>
        <v>CLAY</v>
      </c>
      <c r="Q4645" s="236">
        <f t="shared" si="1089"/>
        <v>891.07392123269608</v>
      </c>
      <c r="R4645" s="238">
        <v>35</v>
      </c>
      <c r="S4645" s="236">
        <f t="shared" si="1094"/>
        <v>11.943906713513732</v>
      </c>
      <c r="T4645" s="236" t="e">
        <f t="shared" si="1080"/>
        <v>#N/A</v>
      </c>
    </row>
    <row r="4646" spans="1:20" x14ac:dyDescent="0.2">
      <c r="A4646" s="53">
        <f t="shared" si="1081"/>
        <v>4634</v>
      </c>
      <c r="B4646" s="239">
        <v>46.014000000000003</v>
      </c>
      <c r="C4646" s="3">
        <f t="shared" si="1082"/>
        <v>46.007000000000005</v>
      </c>
      <c r="D4646" s="239">
        <v>12.1746</v>
      </c>
      <c r="E4646" s="239">
        <v>0.19500000000000001</v>
      </c>
      <c r="F4646" s="239">
        <v>-2.0899999999999998E-2</v>
      </c>
      <c r="G4646">
        <f t="shared" si="1083"/>
        <v>12.17042</v>
      </c>
      <c r="H4646" s="235">
        <f t="shared" si="1084"/>
        <v>1.6022454442821201</v>
      </c>
      <c r="I4646" s="236">
        <f t="shared" si="1085"/>
        <v>20.404311514415056</v>
      </c>
      <c r="J4646" s="237">
        <f t="shared" si="1090"/>
        <v>10.404311514415056</v>
      </c>
      <c r="K4646" s="237">
        <f t="shared" si="1086"/>
        <v>938.74115984369359</v>
      </c>
      <c r="L4646" s="237">
        <f t="shared" si="1091"/>
        <v>478.74399002429442</v>
      </c>
      <c r="M4646" s="236">
        <f t="shared" si="1087"/>
        <v>23.460720289326957</v>
      </c>
      <c r="N4646" s="236">
        <f t="shared" si="1088"/>
        <v>1.7361607536606367</v>
      </c>
      <c r="O4646" s="236">
        <f t="shared" si="1092"/>
        <v>2.5571408367361408</v>
      </c>
      <c r="P4646" s="236" t="str">
        <f t="shared" si="1093"/>
        <v>SAND</v>
      </c>
      <c r="Q4646" s="236" t="e">
        <f t="shared" si="1089"/>
        <v>#N/A</v>
      </c>
      <c r="R4646" s="238">
        <v>35</v>
      </c>
      <c r="S4646" s="236" t="e">
        <f t="shared" si="1094"/>
        <v>#N/A</v>
      </c>
      <c r="T4646" s="236">
        <f t="shared" si="1080"/>
        <v>32.673754758279543</v>
      </c>
    </row>
    <row r="4647" spans="1:20" x14ac:dyDescent="0.2">
      <c r="A4647" s="53">
        <f t="shared" si="1081"/>
        <v>4635</v>
      </c>
      <c r="B4647" s="239">
        <v>46.024000000000001</v>
      </c>
      <c r="C4647" s="3">
        <f t="shared" si="1082"/>
        <v>46.017000000000003</v>
      </c>
      <c r="D4647" s="239">
        <v>12.6159</v>
      </c>
      <c r="E4647" s="239">
        <v>0.1784</v>
      </c>
      <c r="F4647" s="239">
        <v>-3.3099999999999997E-2</v>
      </c>
      <c r="G4647">
        <f t="shared" si="1083"/>
        <v>12.60928</v>
      </c>
      <c r="H4647" s="235">
        <f t="shared" si="1084"/>
        <v>1.414830981626231</v>
      </c>
      <c r="I4647" s="236">
        <f t="shared" si="1085"/>
        <v>20.313830409336848</v>
      </c>
      <c r="J4647" s="237">
        <f t="shared" si="1090"/>
        <v>10.313830409336848</v>
      </c>
      <c r="K4647" s="237">
        <f t="shared" si="1086"/>
        <v>934.78153394645381</v>
      </c>
      <c r="L4647" s="237">
        <f t="shared" si="1091"/>
        <v>474.68373075931913</v>
      </c>
      <c r="M4647" s="236">
        <f t="shared" si="1087"/>
        <v>24.594267107867061</v>
      </c>
      <c r="N4647" s="236">
        <f t="shared" si="1088"/>
        <v>1.5281170366225285</v>
      </c>
      <c r="O4647" s="236">
        <f t="shared" si="1092"/>
        <v>2.5089016598488549</v>
      </c>
      <c r="P4647" s="236" t="str">
        <f t="shared" si="1093"/>
        <v>SAND</v>
      </c>
      <c r="Q4647" s="236" t="e">
        <f t="shared" si="1089"/>
        <v>#N/A</v>
      </c>
      <c r="R4647" s="238">
        <v>35</v>
      </c>
      <c r="S4647" s="236" t="e">
        <f t="shared" si="1094"/>
        <v>#N/A</v>
      </c>
      <c r="T4647" s="236">
        <f t="shared" si="1080"/>
        <v>32.899172739546067</v>
      </c>
    </row>
    <row r="4648" spans="1:20" x14ac:dyDescent="0.2">
      <c r="A4648" s="53">
        <f t="shared" si="1081"/>
        <v>4636</v>
      </c>
      <c r="B4648" s="239">
        <v>46.033999999999999</v>
      </c>
      <c r="C4648" s="3">
        <f t="shared" si="1082"/>
        <v>46.027000000000001</v>
      </c>
      <c r="D4648" s="239">
        <v>12.968500000000001</v>
      </c>
      <c r="E4648" s="239">
        <v>0.1663</v>
      </c>
      <c r="F4648" s="239">
        <v>-4.1500000000000002E-2</v>
      </c>
      <c r="G4648">
        <f t="shared" si="1083"/>
        <v>12.9602</v>
      </c>
      <c r="H4648" s="235">
        <f t="shared" si="1084"/>
        <v>1.2831592105060108</v>
      </c>
      <c r="I4648" s="236">
        <f t="shared" si="1085"/>
        <v>20.242202660477567</v>
      </c>
      <c r="J4648" s="237">
        <f t="shared" si="1090"/>
        <v>10.242202660477567</v>
      </c>
      <c r="K4648" s="237">
        <f t="shared" si="1086"/>
        <v>931.687861853801</v>
      </c>
      <c r="L4648" s="237">
        <f t="shared" si="1091"/>
        <v>471.48955727242429</v>
      </c>
      <c r="M4648" s="236">
        <f t="shared" si="1087"/>
        <v>25.51172545099697</v>
      </c>
      <c r="N4648" s="236">
        <f t="shared" si="1088"/>
        <v>1.382548382460457</v>
      </c>
      <c r="O4648" s="236">
        <f t="shared" si="1092"/>
        <v>2.4715366681687949</v>
      </c>
      <c r="P4648" s="236" t="str">
        <f t="shared" si="1093"/>
        <v>SAND</v>
      </c>
      <c r="Q4648" s="236" t="e">
        <f t="shared" si="1089"/>
        <v>#N/A</v>
      </c>
      <c r="R4648" s="238">
        <v>35</v>
      </c>
      <c r="S4648" s="236" t="e">
        <f t="shared" si="1094"/>
        <v>#N/A</v>
      </c>
      <c r="T4648" s="236">
        <f t="shared" si="1080"/>
        <v>33.074138157744144</v>
      </c>
    </row>
    <row r="4649" spans="1:20" x14ac:dyDescent="0.2">
      <c r="A4649" s="53">
        <f t="shared" si="1081"/>
        <v>4637</v>
      </c>
      <c r="B4649" s="239">
        <v>46.043999999999997</v>
      </c>
      <c r="C4649" s="3">
        <f t="shared" si="1082"/>
        <v>46.036999999999999</v>
      </c>
      <c r="D4649" s="239">
        <v>13.2682</v>
      </c>
      <c r="E4649" s="239">
        <v>0.1575</v>
      </c>
      <c r="F4649" s="239">
        <v>-1.9E-2</v>
      </c>
      <c r="G4649">
        <f t="shared" si="1083"/>
        <v>13.2644</v>
      </c>
      <c r="H4649" s="235">
        <f t="shared" si="1084"/>
        <v>1.1873888000964989</v>
      </c>
      <c r="I4649" s="236">
        <f t="shared" si="1085"/>
        <v>20.187519410274192</v>
      </c>
      <c r="J4649" s="237">
        <f t="shared" si="1090"/>
        <v>10.187519410274192</v>
      </c>
      <c r="K4649" s="237">
        <f t="shared" si="1086"/>
        <v>929.37283109079294</v>
      </c>
      <c r="L4649" s="237">
        <f t="shared" si="1091"/>
        <v>469.07414372666483</v>
      </c>
      <c r="M4649" s="236">
        <f t="shared" si="1087"/>
        <v>26.29654039532176</v>
      </c>
      <c r="N4649" s="236">
        <f t="shared" si="1088"/>
        <v>1.2768516667477094</v>
      </c>
      <c r="O4649" s="236">
        <f t="shared" si="1092"/>
        <v>2.441631457044255</v>
      </c>
      <c r="P4649" s="236" t="str">
        <f t="shared" si="1093"/>
        <v>SAND</v>
      </c>
      <c r="Q4649" s="236" t="e">
        <f t="shared" si="1089"/>
        <v>#N/A</v>
      </c>
      <c r="R4649" s="238">
        <v>35</v>
      </c>
      <c r="S4649" s="236" t="e">
        <f t="shared" si="1094"/>
        <v>#N/A</v>
      </c>
      <c r="T4649" s="236">
        <f t="shared" si="1080"/>
        <v>33.218884775342978</v>
      </c>
    </row>
    <row r="4650" spans="1:20" x14ac:dyDescent="0.2">
      <c r="A4650" s="53">
        <f t="shared" si="1081"/>
        <v>4638</v>
      </c>
      <c r="B4650" s="239">
        <v>46.052999999999997</v>
      </c>
      <c r="C4650" s="3">
        <f t="shared" si="1082"/>
        <v>46.045999999999999</v>
      </c>
      <c r="D4650" s="239">
        <v>13.6859</v>
      </c>
      <c r="E4650" s="239">
        <v>0.15570000000000001</v>
      </c>
      <c r="F4650" s="239">
        <v>9.7999999999999997E-3</v>
      </c>
      <c r="G4650">
        <f t="shared" si="1083"/>
        <v>13.687860000000001</v>
      </c>
      <c r="H4650" s="235">
        <f t="shared" si="1084"/>
        <v>1.1375043286532738</v>
      </c>
      <c r="I4650" s="236">
        <f t="shared" si="1085"/>
        <v>20.186324307432812</v>
      </c>
      <c r="J4650" s="237">
        <f t="shared" si="1090"/>
        <v>10.186324307432812</v>
      </c>
      <c r="K4650" s="237">
        <f t="shared" si="1086"/>
        <v>929.49948906005125</v>
      </c>
      <c r="L4650" s="237">
        <f t="shared" si="1091"/>
        <v>469.11079333020331</v>
      </c>
      <c r="M4650" s="236">
        <f t="shared" si="1087"/>
        <v>27.196902506481962</v>
      </c>
      <c r="N4650" s="236">
        <f t="shared" si="1088"/>
        <v>1.2203762377343976</v>
      </c>
      <c r="O4650" s="236">
        <f t="shared" si="1092"/>
        <v>2.4186994422648374</v>
      </c>
      <c r="P4650" s="236" t="str">
        <f t="shared" si="1093"/>
        <v>SAND</v>
      </c>
      <c r="Q4650" s="236" t="e">
        <f t="shared" si="1089"/>
        <v>#N/A</v>
      </c>
      <c r="R4650" s="238">
        <v>35</v>
      </c>
      <c r="S4650" s="236" t="e">
        <f t="shared" si="1094"/>
        <v>#N/A</v>
      </c>
      <c r="T4650" s="236">
        <f t="shared" si="1080"/>
        <v>33.379713888847178</v>
      </c>
    </row>
    <row r="4651" spans="1:20" x14ac:dyDescent="0.2">
      <c r="A4651" s="53">
        <f t="shared" si="1081"/>
        <v>4639</v>
      </c>
      <c r="B4651" s="239">
        <v>46.063000000000002</v>
      </c>
      <c r="C4651" s="3">
        <f t="shared" si="1082"/>
        <v>46.056000000000004</v>
      </c>
      <c r="D4651" s="239">
        <v>14.0192</v>
      </c>
      <c r="E4651" s="239">
        <v>0.15859999999999999</v>
      </c>
      <c r="F4651" s="239">
        <v>4.3700000000000003E-2</v>
      </c>
      <c r="G4651">
        <f t="shared" si="1083"/>
        <v>14.027939999999999</v>
      </c>
      <c r="H4651" s="235">
        <f t="shared" si="1084"/>
        <v>1.1306007867156547</v>
      </c>
      <c r="I4651" s="236">
        <f t="shared" si="1085"/>
        <v>20.217556158125433</v>
      </c>
      <c r="J4651" s="237">
        <f t="shared" si="1090"/>
        <v>10.217556158125433</v>
      </c>
      <c r="K4651" s="237">
        <f t="shared" si="1086"/>
        <v>931.13976641862507</v>
      </c>
      <c r="L4651" s="237">
        <f t="shared" si="1091"/>
        <v>470.65128931173183</v>
      </c>
      <c r="M4651" s="236">
        <f t="shared" si="1087"/>
        <v>27.82697196630183</v>
      </c>
      <c r="N4651" s="236">
        <f t="shared" si="1088"/>
        <v>1.2109828139039283</v>
      </c>
      <c r="O4651" s="236">
        <f t="shared" si="1092"/>
        <v>2.4085175481880121</v>
      </c>
      <c r="P4651" s="236" t="str">
        <f t="shared" si="1093"/>
        <v>SAND</v>
      </c>
      <c r="Q4651" s="236" t="e">
        <f t="shared" si="1089"/>
        <v>#N/A</v>
      </c>
      <c r="R4651" s="238">
        <v>35</v>
      </c>
      <c r="S4651" s="236" t="e">
        <f t="shared" si="1094"/>
        <v>#N/A</v>
      </c>
      <c r="T4651" s="236">
        <f t="shared" si="1080"/>
        <v>33.489125455495198</v>
      </c>
    </row>
    <row r="4652" spans="1:20" x14ac:dyDescent="0.2">
      <c r="A4652" s="53">
        <f t="shared" si="1081"/>
        <v>4640</v>
      </c>
      <c r="B4652" s="239">
        <v>46.072000000000003</v>
      </c>
      <c r="C4652" s="3">
        <f t="shared" si="1082"/>
        <v>46.065000000000005</v>
      </c>
      <c r="D4652" s="239">
        <v>14.211499999999999</v>
      </c>
      <c r="E4652" s="239">
        <v>0.16520000000000001</v>
      </c>
      <c r="F4652" s="239">
        <v>1.72E-2</v>
      </c>
      <c r="G4652">
        <f t="shared" si="1083"/>
        <v>14.214939999999999</v>
      </c>
      <c r="H4652" s="235">
        <f t="shared" si="1084"/>
        <v>1.1621575609886501</v>
      </c>
      <c r="I4652" s="236">
        <f t="shared" si="1085"/>
        <v>20.270540698260948</v>
      </c>
      <c r="J4652" s="237">
        <f t="shared" si="1090"/>
        <v>10.270540698260948</v>
      </c>
      <c r="K4652" s="237">
        <f t="shared" si="1086"/>
        <v>933.76245726539071</v>
      </c>
      <c r="L4652" s="237">
        <f t="shared" si="1091"/>
        <v>473.18435105027845</v>
      </c>
      <c r="M4652" s="236">
        <f t="shared" si="1087"/>
        <v>28.067660127085244</v>
      </c>
      <c r="N4652" s="236">
        <f t="shared" si="1088"/>
        <v>1.2438656095699265</v>
      </c>
      <c r="O4652" s="236">
        <f t="shared" si="1092"/>
        <v>2.4116963710338166</v>
      </c>
      <c r="P4652" s="236" t="str">
        <f t="shared" si="1093"/>
        <v>SAND</v>
      </c>
      <c r="Q4652" s="236" t="e">
        <f t="shared" si="1089"/>
        <v>#N/A</v>
      </c>
      <c r="R4652" s="238">
        <v>35</v>
      </c>
      <c r="S4652" s="236" t="e">
        <f t="shared" si="1094"/>
        <v>#N/A</v>
      </c>
      <c r="T4652" s="236">
        <f t="shared" si="1080"/>
        <v>33.530268298908666</v>
      </c>
    </row>
    <row r="4653" spans="1:20" x14ac:dyDescent="0.2">
      <c r="A4653" s="53">
        <f t="shared" si="1081"/>
        <v>4641</v>
      </c>
      <c r="B4653" s="239">
        <v>46.081000000000003</v>
      </c>
      <c r="C4653" s="3">
        <f t="shared" si="1082"/>
        <v>46.074000000000005</v>
      </c>
      <c r="D4653" s="239">
        <v>14.4343</v>
      </c>
      <c r="E4653" s="239">
        <v>0.1656</v>
      </c>
      <c r="F4653" s="239">
        <v>1.8599999999999998E-2</v>
      </c>
      <c r="G4653">
        <f t="shared" si="1083"/>
        <v>14.43802</v>
      </c>
      <c r="H4653" s="235">
        <f t="shared" si="1084"/>
        <v>1.1469716761716633</v>
      </c>
      <c r="I4653" s="236">
        <f t="shared" si="1085"/>
        <v>20.279462827162931</v>
      </c>
      <c r="J4653" s="237">
        <f t="shared" si="1090"/>
        <v>10.279462827162931</v>
      </c>
      <c r="K4653" s="237">
        <f t="shared" si="1086"/>
        <v>934.35597029870496</v>
      </c>
      <c r="L4653" s="237">
        <f t="shared" si="1091"/>
        <v>473.68792653849505</v>
      </c>
      <c r="M4653" s="236">
        <f t="shared" si="1087"/>
        <v>28.507511534820381</v>
      </c>
      <c r="N4653" s="236">
        <f t="shared" si="1088"/>
        <v>1.2263338278837725</v>
      </c>
      <c r="O4653" s="236">
        <f t="shared" si="1092"/>
        <v>2.4026747051616568</v>
      </c>
      <c r="P4653" s="236" t="str">
        <f t="shared" si="1093"/>
        <v>SAND</v>
      </c>
      <c r="Q4653" s="236" t="e">
        <f t="shared" si="1089"/>
        <v>#N/A</v>
      </c>
      <c r="R4653" s="238">
        <v>35</v>
      </c>
      <c r="S4653" s="236" t="e">
        <f t="shared" si="1094"/>
        <v>#N/A</v>
      </c>
      <c r="T4653" s="236">
        <f t="shared" si="1080"/>
        <v>33.604552395928408</v>
      </c>
    </row>
    <row r="4654" spans="1:20" x14ac:dyDescent="0.2">
      <c r="A4654" s="53">
        <f t="shared" si="1081"/>
        <v>4642</v>
      </c>
      <c r="B4654" s="239">
        <v>46.091000000000001</v>
      </c>
      <c r="C4654" s="3">
        <f t="shared" si="1082"/>
        <v>46.084000000000003</v>
      </c>
      <c r="D4654" s="239">
        <v>14.632899999999999</v>
      </c>
      <c r="E4654" s="239">
        <v>0.16450000000000001</v>
      </c>
      <c r="F4654" s="239">
        <v>2.7099999999999999E-2</v>
      </c>
      <c r="G4654">
        <f t="shared" si="1083"/>
        <v>14.63832</v>
      </c>
      <c r="H4654" s="235">
        <f t="shared" si="1084"/>
        <v>1.123762836172457</v>
      </c>
      <c r="I4654" s="236">
        <f t="shared" si="1085"/>
        <v>20.277033103666533</v>
      </c>
      <c r="J4654" s="237">
        <f t="shared" si="1090"/>
        <v>10.277033103666533</v>
      </c>
      <c r="K4654" s="237">
        <f t="shared" si="1086"/>
        <v>934.44679354936852</v>
      </c>
      <c r="L4654" s="237">
        <f t="shared" si="1091"/>
        <v>473.67873278109414</v>
      </c>
      <c r="M4654" s="236">
        <f t="shared" si="1087"/>
        <v>28.930733550124867</v>
      </c>
      <c r="N4654" s="236">
        <f t="shared" si="1088"/>
        <v>1.200390557631307</v>
      </c>
      <c r="O4654" s="236">
        <f t="shared" si="1092"/>
        <v>2.3922533351627711</v>
      </c>
      <c r="P4654" s="236" t="str">
        <f t="shared" si="1093"/>
        <v>SAND</v>
      </c>
      <c r="Q4654" s="236" t="e">
        <f t="shared" si="1089"/>
        <v>#N/A</v>
      </c>
      <c r="R4654" s="238">
        <v>35</v>
      </c>
      <c r="S4654" s="236" t="e">
        <f t="shared" si="1094"/>
        <v>#N/A</v>
      </c>
      <c r="T4654" s="236">
        <f t="shared" si="1080"/>
        <v>33.674953900444379</v>
      </c>
    </row>
    <row r="4655" spans="1:20" x14ac:dyDescent="0.2">
      <c r="A4655" s="53">
        <f t="shared" si="1081"/>
        <v>4643</v>
      </c>
      <c r="B4655" s="239">
        <v>46.1</v>
      </c>
      <c r="C4655" s="3">
        <f t="shared" si="1082"/>
        <v>46.093000000000004</v>
      </c>
      <c r="D4655" s="239">
        <v>14.9392</v>
      </c>
      <c r="E4655" s="239">
        <v>0.15870000000000001</v>
      </c>
      <c r="F4655" s="239">
        <v>7.0300000000000001E-2</v>
      </c>
      <c r="G4655">
        <f t="shared" si="1083"/>
        <v>14.95326</v>
      </c>
      <c r="H4655" s="235">
        <f t="shared" si="1084"/>
        <v>1.0613070327139367</v>
      </c>
      <c r="I4655" s="236">
        <f t="shared" si="1085"/>
        <v>20.24326305283115</v>
      </c>
      <c r="J4655" s="237">
        <f t="shared" si="1090"/>
        <v>10.24326305283115</v>
      </c>
      <c r="K4655" s="237">
        <f t="shared" si="1086"/>
        <v>933.07272389414629</v>
      </c>
      <c r="L4655" s="237">
        <f t="shared" si="1091"/>
        <v>472.21442673551604</v>
      </c>
      <c r="M4655" s="236">
        <f t="shared" si="1087"/>
        <v>29.690298479505081</v>
      </c>
      <c r="N4655" s="236">
        <f t="shared" si="1088"/>
        <v>1.1319392307295866</v>
      </c>
      <c r="O4655" s="236">
        <f t="shared" si="1092"/>
        <v>2.369002723086727</v>
      </c>
      <c r="P4655" s="236" t="str">
        <f t="shared" si="1093"/>
        <v>SAND</v>
      </c>
      <c r="Q4655" s="236" t="e">
        <f t="shared" si="1089"/>
        <v>#N/A</v>
      </c>
      <c r="R4655" s="238">
        <v>35</v>
      </c>
      <c r="S4655" s="236" t="e">
        <f t="shared" si="1094"/>
        <v>#N/A</v>
      </c>
      <c r="T4655" s="236">
        <f t="shared" si="1080"/>
        <v>33.798760199856758</v>
      </c>
    </row>
    <row r="4656" spans="1:20" x14ac:dyDescent="0.2">
      <c r="A4656" s="53">
        <f t="shared" si="1081"/>
        <v>4644</v>
      </c>
      <c r="B4656" s="239">
        <v>46.11</v>
      </c>
      <c r="C4656" s="3">
        <f t="shared" si="1082"/>
        <v>46.103000000000002</v>
      </c>
      <c r="D4656" s="239">
        <v>15.3041</v>
      </c>
      <c r="E4656" s="239">
        <v>0.14000000000000001</v>
      </c>
      <c r="F4656" s="239">
        <v>7.9899999999999999E-2</v>
      </c>
      <c r="G4656">
        <f t="shared" si="1083"/>
        <v>15.320080000000001</v>
      </c>
      <c r="H4656" s="235">
        <f t="shared" si="1084"/>
        <v>0.9138333481287304</v>
      </c>
      <c r="I4656" s="236">
        <f t="shared" si="1085"/>
        <v>20.105723680545999</v>
      </c>
      <c r="J4656" s="237">
        <f t="shared" si="1090"/>
        <v>10.105723680545999</v>
      </c>
      <c r="K4656" s="237">
        <f t="shared" si="1086"/>
        <v>926.93417884421228</v>
      </c>
      <c r="L4656" s="237">
        <f t="shared" si="1091"/>
        <v>465.974918909976</v>
      </c>
      <c r="M4656" s="236">
        <f t="shared" si="1087"/>
        <v>30.888241484809338</v>
      </c>
      <c r="N4656" s="236">
        <f t="shared" si="1088"/>
        <v>0.9726852054414733</v>
      </c>
      <c r="O4656" s="236">
        <f t="shared" si="1092"/>
        <v>2.3195724038659207</v>
      </c>
      <c r="P4656" s="236" t="str">
        <f t="shared" si="1093"/>
        <v>SAND</v>
      </c>
      <c r="Q4656" s="236" t="e">
        <f t="shared" si="1089"/>
        <v>#N/A</v>
      </c>
      <c r="R4656" s="238">
        <v>35</v>
      </c>
      <c r="S4656" s="236" t="e">
        <f t="shared" si="1094"/>
        <v>#N/A</v>
      </c>
      <c r="T4656" s="236">
        <f t="shared" si="1080"/>
        <v>33.987725023461891</v>
      </c>
    </row>
    <row r="4657" spans="1:20" x14ac:dyDescent="0.2">
      <c r="A4657" s="53">
        <f t="shared" si="1081"/>
        <v>4645</v>
      </c>
      <c r="B4657" s="239">
        <v>46.121000000000002</v>
      </c>
      <c r="C4657" s="3">
        <f t="shared" si="1082"/>
        <v>46.114000000000004</v>
      </c>
      <c r="D4657" s="239">
        <v>15.443300000000001</v>
      </c>
      <c r="E4657" s="239">
        <v>0.1174</v>
      </c>
      <c r="F4657" s="239">
        <v>1.7299999999999999E-2</v>
      </c>
      <c r="G4657">
        <f t="shared" si="1083"/>
        <v>15.446760000000001</v>
      </c>
      <c r="H4657" s="235">
        <f t="shared" si="1084"/>
        <v>0.76002993508023686</v>
      </c>
      <c r="I4657" s="236">
        <f t="shared" si="1085"/>
        <v>19.902500575019783</v>
      </c>
      <c r="J4657" s="237">
        <f t="shared" si="1090"/>
        <v>9.9025005750197828</v>
      </c>
      <c r="K4657" s="237">
        <f t="shared" si="1086"/>
        <v>917.78391151646235</v>
      </c>
      <c r="L4657" s="237">
        <f t="shared" si="1091"/>
        <v>456.7132290204874</v>
      </c>
      <c r="M4657" s="236">
        <f t="shared" si="1087"/>
        <v>31.812032508109795</v>
      </c>
      <c r="N4657" s="236">
        <f t="shared" si="1088"/>
        <v>0.80804042408093479</v>
      </c>
      <c r="O4657" s="236">
        <f t="shared" si="1092"/>
        <v>2.2675541664699774</v>
      </c>
      <c r="P4657" s="236" t="str">
        <f t="shared" si="1093"/>
        <v>SAND</v>
      </c>
      <c r="Q4657" s="236" t="e">
        <f t="shared" si="1089"/>
        <v>#N/A</v>
      </c>
      <c r="R4657" s="238">
        <v>35</v>
      </c>
      <c r="S4657" s="236" t="e">
        <f t="shared" si="1094"/>
        <v>#N/A</v>
      </c>
      <c r="T4657" s="236">
        <f t="shared" si="1080"/>
        <v>34.128505593360202</v>
      </c>
    </row>
    <row r="4658" spans="1:20" x14ac:dyDescent="0.2">
      <c r="A4658" s="53">
        <f t="shared" si="1081"/>
        <v>4646</v>
      </c>
      <c r="B4658" s="239">
        <v>46.13</v>
      </c>
      <c r="C4658" s="3">
        <f t="shared" si="1082"/>
        <v>46.123000000000005</v>
      </c>
      <c r="D4658" s="239">
        <v>15.429399999999999</v>
      </c>
      <c r="E4658" s="239">
        <v>9.7000000000000003E-2</v>
      </c>
      <c r="F4658" s="239">
        <v>-3.32E-2</v>
      </c>
      <c r="G4658">
        <f t="shared" si="1083"/>
        <v>15.422759999999998</v>
      </c>
      <c r="H4658" s="235">
        <f t="shared" si="1084"/>
        <v>0.62894060466479418</v>
      </c>
      <c r="I4658" s="236">
        <f t="shared" si="1085"/>
        <v>19.67807262726291</v>
      </c>
      <c r="J4658" s="237">
        <f t="shared" si="1090"/>
        <v>9.6780726272629103</v>
      </c>
      <c r="K4658" s="237">
        <f t="shared" si="1086"/>
        <v>907.61174378724729</v>
      </c>
      <c r="L4658" s="237">
        <f t="shared" si="1091"/>
        <v>446.4494902956381</v>
      </c>
      <c r="M4658" s="236">
        <f t="shared" si="1087"/>
        <v>32.512408618947788</v>
      </c>
      <c r="N4658" s="236">
        <f t="shared" si="1088"/>
        <v>0.66826737342129594</v>
      </c>
      <c r="O4658" s="236">
        <f t="shared" si="1092"/>
        <v>2.2193450823446268</v>
      </c>
      <c r="P4658" s="236" t="str">
        <f t="shared" si="1093"/>
        <v>SAND</v>
      </c>
      <c r="Q4658" s="236" t="e">
        <f t="shared" si="1089"/>
        <v>#N/A</v>
      </c>
      <c r="R4658" s="238">
        <v>35</v>
      </c>
      <c r="S4658" s="236" t="e">
        <f t="shared" si="1094"/>
        <v>#N/A</v>
      </c>
      <c r="T4658" s="236">
        <f t="shared" si="1080"/>
        <v>34.232540590106964</v>
      </c>
    </row>
    <row r="4659" spans="1:20" x14ac:dyDescent="0.2">
      <c r="A4659" s="53">
        <f t="shared" si="1081"/>
        <v>4647</v>
      </c>
      <c r="B4659" s="239">
        <v>46.14</v>
      </c>
      <c r="C4659" s="3">
        <f t="shared" si="1082"/>
        <v>46.133000000000003</v>
      </c>
      <c r="D4659" s="239">
        <v>15.151</v>
      </c>
      <c r="E4659" s="239">
        <v>8.2900000000000001E-2</v>
      </c>
      <c r="F4659" s="239">
        <v>-5.8999999999999997E-2</v>
      </c>
      <c r="G4659">
        <f t="shared" si="1083"/>
        <v>15.139200000000001</v>
      </c>
      <c r="H4659" s="235">
        <f t="shared" si="1084"/>
        <v>0.54758507715070803</v>
      </c>
      <c r="I4659" s="236">
        <f t="shared" si="1085"/>
        <v>19.486632920599849</v>
      </c>
      <c r="J4659" s="237">
        <f t="shared" si="1090"/>
        <v>9.486632920599849</v>
      </c>
      <c r="K4659" s="237">
        <f t="shared" si="1086"/>
        <v>898.97683652603291</v>
      </c>
      <c r="L4659" s="237">
        <f t="shared" si="1091"/>
        <v>437.71324295647702</v>
      </c>
      <c r="M4659" s="236">
        <f t="shared" si="1087"/>
        <v>32.533224417178324</v>
      </c>
      <c r="N4659" s="236">
        <f t="shared" si="1088"/>
        <v>0.58215379807135115</v>
      </c>
      <c r="O4659" s="236">
        <f t="shared" si="1092"/>
        <v>2.1915251511127365</v>
      </c>
      <c r="P4659" s="236" t="str">
        <f t="shared" si="1093"/>
        <v>SAND</v>
      </c>
      <c r="Q4659" s="236" t="e">
        <f t="shared" si="1089"/>
        <v>#N/A</v>
      </c>
      <c r="R4659" s="238">
        <v>35</v>
      </c>
      <c r="S4659" s="236" t="e">
        <f t="shared" si="1094"/>
        <v>#N/A</v>
      </c>
      <c r="T4659" s="236">
        <f t="shared" si="1080"/>
        <v>34.235598198992925</v>
      </c>
    </row>
    <row r="4660" spans="1:20" x14ac:dyDescent="0.2">
      <c r="A4660" s="53">
        <f t="shared" si="1081"/>
        <v>4648</v>
      </c>
      <c r="B4660" s="239">
        <v>46.15</v>
      </c>
      <c r="C4660" s="3">
        <f t="shared" si="1082"/>
        <v>46.143000000000001</v>
      </c>
      <c r="D4660" s="239">
        <v>14.7095</v>
      </c>
      <c r="E4660" s="239">
        <v>6.3899999999999998E-2</v>
      </c>
      <c r="F4660" s="239">
        <v>-7.8600000000000003E-2</v>
      </c>
      <c r="G4660">
        <f t="shared" si="1083"/>
        <v>14.69378</v>
      </c>
      <c r="H4660" s="235">
        <f t="shared" si="1084"/>
        <v>0.43487788710597269</v>
      </c>
      <c r="I4660" s="236">
        <f t="shared" si="1085"/>
        <v>19.169715551254502</v>
      </c>
      <c r="J4660" s="237">
        <f t="shared" si="1090"/>
        <v>9.1697155512545017</v>
      </c>
      <c r="K4660" s="237">
        <f t="shared" si="1086"/>
        <v>884.54818468153644</v>
      </c>
      <c r="L4660" s="237">
        <f t="shared" si="1091"/>
        <v>423.18237269039525</v>
      </c>
      <c r="M4660" s="236">
        <f t="shared" si="1087"/>
        <v>32.631869157322974</v>
      </c>
      <c r="N4660" s="236">
        <f t="shared" si="1088"/>
        <v>0.46273392216586784</v>
      </c>
      <c r="O4660" s="236">
        <f t="shared" si="1092"/>
        <v>2.1473584689452148</v>
      </c>
      <c r="P4660" s="236" t="str">
        <f t="shared" si="1093"/>
        <v>SAND</v>
      </c>
      <c r="Q4660" s="236" t="e">
        <f t="shared" si="1089"/>
        <v>#N/A</v>
      </c>
      <c r="R4660" s="238">
        <v>35</v>
      </c>
      <c r="S4660" s="236" t="e">
        <f t="shared" si="1094"/>
        <v>#N/A</v>
      </c>
      <c r="T4660" s="236">
        <f t="shared" si="1080"/>
        <v>34.250061460335928</v>
      </c>
    </row>
    <row r="4661" spans="1:20" x14ac:dyDescent="0.2">
      <c r="A4661" s="53">
        <f t="shared" si="1081"/>
        <v>4649</v>
      </c>
      <c r="B4661" s="239">
        <v>46.16</v>
      </c>
      <c r="C4661" s="3">
        <f t="shared" si="1082"/>
        <v>46.152999999999999</v>
      </c>
      <c r="D4661" s="239">
        <v>14.007300000000001</v>
      </c>
      <c r="E4661" s="239">
        <v>6.9800000000000001E-2</v>
      </c>
      <c r="F4661" s="239">
        <v>-9.3399999999999997E-2</v>
      </c>
      <c r="G4661">
        <f t="shared" si="1083"/>
        <v>13.988620000000001</v>
      </c>
      <c r="H4661" s="235">
        <f t="shared" si="1084"/>
        <v>0.49897702561081791</v>
      </c>
      <c r="I4661" s="236">
        <f t="shared" si="1085"/>
        <v>19.254050080941425</v>
      </c>
      <c r="J4661" s="237">
        <f t="shared" si="1090"/>
        <v>9.2540500809414254</v>
      </c>
      <c r="K4661" s="237">
        <f t="shared" si="1086"/>
        <v>888.63217338568961</v>
      </c>
      <c r="L4661" s="237">
        <f t="shared" si="1091"/>
        <v>427.16695173625618</v>
      </c>
      <c r="M4661" s="236">
        <f t="shared" si="1087"/>
        <v>30.667137926677857</v>
      </c>
      <c r="N4661" s="236">
        <f t="shared" si="1088"/>
        <v>0.53282492261704484</v>
      </c>
      <c r="O4661" s="236">
        <f t="shared" si="1092"/>
        <v>2.1976367499647562</v>
      </c>
      <c r="P4661" s="236" t="str">
        <f t="shared" si="1093"/>
        <v>SAND</v>
      </c>
      <c r="Q4661" s="236" t="e">
        <f t="shared" si="1089"/>
        <v>#N/A</v>
      </c>
      <c r="R4661" s="238">
        <v>35</v>
      </c>
      <c r="S4661" s="236" t="e">
        <f t="shared" si="1094"/>
        <v>#N/A</v>
      </c>
      <c r="T4661" s="236">
        <f t="shared" si="1080"/>
        <v>33.953405710989657</v>
      </c>
    </row>
    <row r="4662" spans="1:20" x14ac:dyDescent="0.2">
      <c r="A4662" s="53">
        <f t="shared" si="1081"/>
        <v>4650</v>
      </c>
      <c r="B4662" s="239">
        <v>46.168999999999997</v>
      </c>
      <c r="C4662" s="3">
        <f t="shared" si="1082"/>
        <v>46.161999999999999</v>
      </c>
      <c r="D4662" s="239">
        <v>13.356299999999999</v>
      </c>
      <c r="E4662" s="239">
        <v>7.9200000000000007E-2</v>
      </c>
      <c r="F4662" s="239">
        <v>-8.9700000000000002E-2</v>
      </c>
      <c r="G4662">
        <f t="shared" si="1083"/>
        <v>13.33836</v>
      </c>
      <c r="H4662" s="235">
        <f t="shared" si="1084"/>
        <v>0.59377614639280996</v>
      </c>
      <c r="I4662" s="236">
        <f t="shared" si="1085"/>
        <v>19.383593235969649</v>
      </c>
      <c r="J4662" s="237">
        <f t="shared" si="1090"/>
        <v>9.3835932359696486</v>
      </c>
      <c r="K4662" s="237">
        <f t="shared" si="1086"/>
        <v>894.78543095883094</v>
      </c>
      <c r="L4662" s="237">
        <f t="shared" si="1091"/>
        <v>433.23111611148266</v>
      </c>
      <c r="M4662" s="236">
        <f t="shared" si="1087"/>
        <v>28.722716596928567</v>
      </c>
      <c r="N4662" s="236">
        <f t="shared" si="1088"/>
        <v>0.63647306134239456</v>
      </c>
      <c r="O4662" s="236">
        <f t="shared" si="1092"/>
        <v>2.2572908827960716</v>
      </c>
      <c r="P4662" s="236" t="str">
        <f t="shared" si="1093"/>
        <v>SAND</v>
      </c>
      <c r="Q4662" s="236" t="e">
        <f t="shared" si="1089"/>
        <v>#N/A</v>
      </c>
      <c r="R4662" s="238">
        <v>35</v>
      </c>
      <c r="S4662" s="236" t="e">
        <f t="shared" si="1094"/>
        <v>#N/A</v>
      </c>
      <c r="T4662" s="236">
        <f t="shared" si="1080"/>
        <v>33.640480644332442</v>
      </c>
    </row>
    <row r="4663" spans="1:20" x14ac:dyDescent="0.2">
      <c r="A4663" s="53">
        <f t="shared" si="1081"/>
        <v>4651</v>
      </c>
      <c r="B4663" s="239">
        <v>46.179000000000002</v>
      </c>
      <c r="C4663" s="3">
        <f t="shared" si="1082"/>
        <v>46.172000000000004</v>
      </c>
      <c r="D4663" s="239">
        <v>12.672700000000001</v>
      </c>
      <c r="E4663" s="239">
        <v>8.7999999999999995E-2</v>
      </c>
      <c r="F4663" s="239">
        <v>-9.5000000000000001E-2</v>
      </c>
      <c r="G4663">
        <f t="shared" si="1083"/>
        <v>12.653700000000001</v>
      </c>
      <c r="H4663" s="235">
        <f t="shared" si="1084"/>
        <v>0.69544876202217532</v>
      </c>
      <c r="I4663" s="236">
        <f t="shared" si="1085"/>
        <v>19.486542049592572</v>
      </c>
      <c r="J4663" s="237">
        <f t="shared" si="1090"/>
        <v>9.4865420495925719</v>
      </c>
      <c r="K4663" s="237">
        <f t="shared" si="1086"/>
        <v>899.73261951378834</v>
      </c>
      <c r="L4663" s="237">
        <f t="shared" si="1091"/>
        <v>438.07902530813539</v>
      </c>
      <c r="M4663" s="236">
        <f t="shared" si="1087"/>
        <v>26.830701086907148</v>
      </c>
      <c r="N4663" s="236">
        <f t="shared" si="1088"/>
        <v>0.74868337771718241</v>
      </c>
      <c r="O4663" s="236">
        <f t="shared" si="1092"/>
        <v>2.3161761065984066</v>
      </c>
      <c r="P4663" s="236" t="str">
        <f t="shared" si="1093"/>
        <v>SAND</v>
      </c>
      <c r="Q4663" s="236" t="e">
        <f t="shared" si="1089"/>
        <v>#N/A</v>
      </c>
      <c r="R4663" s="238">
        <v>35</v>
      </c>
      <c r="S4663" s="236" t="e">
        <f t="shared" si="1094"/>
        <v>#N/A</v>
      </c>
      <c r="T4663" s="236">
        <f t="shared" si="1080"/>
        <v>33.314952230407641</v>
      </c>
    </row>
    <row r="4664" spans="1:20" x14ac:dyDescent="0.2">
      <c r="A4664" s="53">
        <f t="shared" si="1081"/>
        <v>4652</v>
      </c>
      <c r="B4664" s="239">
        <v>46.189</v>
      </c>
      <c r="C4664" s="3">
        <f t="shared" si="1082"/>
        <v>46.182000000000002</v>
      </c>
      <c r="D4664" s="239">
        <v>12.1692</v>
      </c>
      <c r="E4664" s="239">
        <v>8.9599999999999999E-2</v>
      </c>
      <c r="F4664" s="239">
        <v>-9.1600000000000001E-2</v>
      </c>
      <c r="G4664">
        <f t="shared" si="1083"/>
        <v>12.150880000000001</v>
      </c>
      <c r="H4664" s="235">
        <f t="shared" si="1084"/>
        <v>0.73739515162687796</v>
      </c>
      <c r="I4664" s="236">
        <f t="shared" si="1085"/>
        <v>19.491821639152196</v>
      </c>
      <c r="J4664" s="237">
        <f t="shared" si="1090"/>
        <v>9.4918216391521959</v>
      </c>
      <c r="K4664" s="237">
        <f t="shared" si="1086"/>
        <v>900.17130693932677</v>
      </c>
      <c r="L4664" s="237">
        <f t="shared" si="1091"/>
        <v>438.4177496908008</v>
      </c>
      <c r="M4664" s="236">
        <f t="shared" si="1087"/>
        <v>25.662073903247229</v>
      </c>
      <c r="N4664" s="236">
        <f t="shared" si="1088"/>
        <v>0.79639427563584841</v>
      </c>
      <c r="O4664" s="236">
        <f t="shared" si="1092"/>
        <v>2.3459426185023289</v>
      </c>
      <c r="P4664" s="236" t="str">
        <f t="shared" si="1093"/>
        <v>SAND</v>
      </c>
      <c r="Q4664" s="236" t="e">
        <f t="shared" si="1089"/>
        <v>#N/A</v>
      </c>
      <c r="R4664" s="238">
        <v>35</v>
      </c>
      <c r="S4664" s="236" t="e">
        <f t="shared" si="1094"/>
        <v>#N/A</v>
      </c>
      <c r="T4664" s="236">
        <f t="shared" si="1080"/>
        <v>33.102209264857677</v>
      </c>
    </row>
    <row r="4665" spans="1:20" x14ac:dyDescent="0.2">
      <c r="A4665" s="53">
        <f t="shared" si="1081"/>
        <v>4653</v>
      </c>
      <c r="B4665" s="239">
        <v>46.198999999999998</v>
      </c>
      <c r="C4665" s="3">
        <f t="shared" si="1082"/>
        <v>46.192</v>
      </c>
      <c r="D4665" s="239">
        <v>11.694699999999999</v>
      </c>
      <c r="E4665" s="239">
        <v>9.6500000000000002E-2</v>
      </c>
      <c r="F4665" s="239">
        <v>-7.6700000000000004E-2</v>
      </c>
      <c r="G4665">
        <f t="shared" si="1083"/>
        <v>11.679359999999999</v>
      </c>
      <c r="H4665" s="235">
        <f t="shared" si="1084"/>
        <v>0.82624390377554946</v>
      </c>
      <c r="I4665" s="236">
        <f t="shared" si="1085"/>
        <v>19.563343941060552</v>
      </c>
      <c r="J4665" s="237">
        <f t="shared" si="1090"/>
        <v>9.5633439410605519</v>
      </c>
      <c r="K4665" s="237">
        <f t="shared" si="1086"/>
        <v>903.66998332546905</v>
      </c>
      <c r="L4665" s="237">
        <f t="shared" si="1091"/>
        <v>441.81692673305639</v>
      </c>
      <c r="M4665" s="236">
        <f t="shared" si="1087"/>
        <v>24.389491132342126</v>
      </c>
      <c r="N4665" s="236">
        <f t="shared" si="1088"/>
        <v>0.89553429850593202</v>
      </c>
      <c r="O4665" s="236">
        <f t="shared" si="1092"/>
        <v>2.3899416664173407</v>
      </c>
      <c r="P4665" s="236" t="str">
        <f t="shared" si="1093"/>
        <v>SAND</v>
      </c>
      <c r="Q4665" s="236" t="e">
        <f t="shared" si="1089"/>
        <v>#N/A</v>
      </c>
      <c r="R4665" s="238">
        <v>35</v>
      </c>
      <c r="S4665" s="236" t="e">
        <f t="shared" si="1094"/>
        <v>#N/A</v>
      </c>
      <c r="T4665" s="236">
        <f t="shared" si="1080"/>
        <v>32.85923013112901</v>
      </c>
    </row>
    <row r="4666" spans="1:20" x14ac:dyDescent="0.2">
      <c r="A4666" s="53">
        <f t="shared" si="1081"/>
        <v>4654</v>
      </c>
      <c r="B4666" s="239">
        <v>46.207999999999998</v>
      </c>
      <c r="C4666" s="3">
        <f t="shared" si="1082"/>
        <v>46.201000000000001</v>
      </c>
      <c r="D4666" s="239">
        <v>11.370200000000001</v>
      </c>
      <c r="E4666" s="239">
        <v>0.1086</v>
      </c>
      <c r="F4666" s="239">
        <v>-4.8300000000000003E-2</v>
      </c>
      <c r="G4666">
        <f t="shared" si="1083"/>
        <v>11.36054</v>
      </c>
      <c r="H4666" s="235">
        <f t="shared" si="1084"/>
        <v>0.95594047466053544</v>
      </c>
      <c r="I4666" s="236">
        <f t="shared" si="1085"/>
        <v>19.691042660212993</v>
      </c>
      <c r="J4666" s="237">
        <f t="shared" si="1090"/>
        <v>9.6910426602129931</v>
      </c>
      <c r="K4666" s="237">
        <f t="shared" si="1086"/>
        <v>909.74586194450046</v>
      </c>
      <c r="L4666" s="237">
        <f t="shared" si="1091"/>
        <v>447.80369924312197</v>
      </c>
      <c r="M4666" s="236">
        <f t="shared" si="1087"/>
        <v>23.337891481735049</v>
      </c>
      <c r="N4666" s="236">
        <f t="shared" si="1088"/>
        <v>1.0391554801040832</v>
      </c>
      <c r="O4666" s="236">
        <f t="shared" si="1092"/>
        <v>2.4387545404536248</v>
      </c>
      <c r="P4666" s="236" t="str">
        <f t="shared" si="1093"/>
        <v>SAND</v>
      </c>
      <c r="Q4666" s="236" t="e">
        <f t="shared" si="1089"/>
        <v>#N/A</v>
      </c>
      <c r="R4666" s="238">
        <v>35</v>
      </c>
      <c r="S4666" s="236" t="e">
        <f t="shared" si="1094"/>
        <v>#N/A</v>
      </c>
      <c r="T4666" s="236">
        <f t="shared" si="1080"/>
        <v>32.648677777057429</v>
      </c>
    </row>
    <row r="4667" spans="1:20" x14ac:dyDescent="0.2">
      <c r="A4667" s="53">
        <f t="shared" si="1081"/>
        <v>4655</v>
      </c>
      <c r="B4667" s="239">
        <v>46.219000000000001</v>
      </c>
      <c r="C4667" s="3">
        <f t="shared" si="1082"/>
        <v>46.212000000000003</v>
      </c>
      <c r="D4667" s="239">
        <v>11.1576</v>
      </c>
      <c r="E4667" s="239">
        <v>0.1057</v>
      </c>
      <c r="F4667" s="239">
        <v>-2.0299999999999999E-2</v>
      </c>
      <c r="G4667">
        <f t="shared" si="1083"/>
        <v>11.15354</v>
      </c>
      <c r="H4667" s="235">
        <f t="shared" si="1084"/>
        <v>0.94768118462837814</v>
      </c>
      <c r="I4667" s="236">
        <f t="shared" si="1085"/>
        <v>19.652116976329346</v>
      </c>
      <c r="J4667" s="237">
        <f t="shared" si="1090"/>
        <v>9.6521169763293457</v>
      </c>
      <c r="K4667" s="237">
        <f t="shared" si="1086"/>
        <v>908.16362971013177</v>
      </c>
      <c r="L4667" s="237">
        <f t="shared" si="1091"/>
        <v>446.11119452896605</v>
      </c>
      <c r="M4667" s="236">
        <f t="shared" si="1087"/>
        <v>22.965970134660303</v>
      </c>
      <c r="N4667" s="236">
        <f t="shared" si="1088"/>
        <v>1.0316848906255407</v>
      </c>
      <c r="O4667" s="236">
        <f t="shared" si="1092"/>
        <v>2.443186794581353</v>
      </c>
      <c r="P4667" s="236" t="str">
        <f t="shared" si="1093"/>
        <v>SAND</v>
      </c>
      <c r="Q4667" s="236" t="e">
        <f t="shared" si="1089"/>
        <v>#N/A</v>
      </c>
      <c r="R4667" s="238">
        <v>35</v>
      </c>
      <c r="S4667" s="236" t="e">
        <f t="shared" si="1094"/>
        <v>#N/A</v>
      </c>
      <c r="T4667" s="236">
        <f t="shared" si="1080"/>
        <v>32.571932752977567</v>
      </c>
    </row>
    <row r="4668" spans="1:20" x14ac:dyDescent="0.2">
      <c r="A4668" s="53">
        <f t="shared" si="1081"/>
        <v>4656</v>
      </c>
      <c r="B4668" s="239">
        <v>46.228000000000002</v>
      </c>
      <c r="C4668" s="3">
        <f t="shared" si="1082"/>
        <v>46.221000000000004</v>
      </c>
      <c r="D4668" s="239">
        <v>11.048500000000001</v>
      </c>
      <c r="E4668" s="239">
        <v>9.9400000000000002E-2</v>
      </c>
      <c r="F4668" s="239">
        <v>1.37E-2</v>
      </c>
      <c r="G4668">
        <f t="shared" si="1083"/>
        <v>11.05124</v>
      </c>
      <c r="H4668" s="235">
        <f t="shared" si="1084"/>
        <v>0.89944657794057503</v>
      </c>
      <c r="I4668" s="236">
        <f t="shared" si="1085"/>
        <v>19.57645620179095</v>
      </c>
      <c r="J4668" s="237">
        <f t="shared" si="1090"/>
        <v>9.5764562017909505</v>
      </c>
      <c r="K4668" s="237">
        <f t="shared" si="1086"/>
        <v>904.8433821029796</v>
      </c>
      <c r="L4668" s="237">
        <f t="shared" si="1091"/>
        <v>442.70041729639206</v>
      </c>
      <c r="M4668" s="236">
        <f t="shared" si="1087"/>
        <v>22.919329238183014</v>
      </c>
      <c r="N4668" s="236">
        <f t="shared" si="1088"/>
        <v>0.97965813621626407</v>
      </c>
      <c r="O4668" s="236">
        <f t="shared" si="1092"/>
        <v>2.4326836156155784</v>
      </c>
      <c r="P4668" s="236" t="str">
        <f t="shared" si="1093"/>
        <v>SAND</v>
      </c>
      <c r="Q4668" s="236" t="e">
        <f t="shared" si="1089"/>
        <v>#N/A</v>
      </c>
      <c r="R4668" s="238">
        <v>35</v>
      </c>
      <c r="S4668" s="236" t="e">
        <f t="shared" si="1094"/>
        <v>#N/A</v>
      </c>
      <c r="T4668" s="236">
        <f t="shared" si="1080"/>
        <v>32.562220936623945</v>
      </c>
    </row>
    <row r="4669" spans="1:20" x14ac:dyDescent="0.2">
      <c r="A4669" s="53">
        <f t="shared" si="1081"/>
        <v>4657</v>
      </c>
      <c r="B4669" s="239">
        <v>46.238</v>
      </c>
      <c r="C4669" s="3">
        <f t="shared" si="1082"/>
        <v>46.231000000000002</v>
      </c>
      <c r="D4669" s="239">
        <v>10.9156</v>
      </c>
      <c r="E4669" s="239">
        <v>9.6299999999999997E-2</v>
      </c>
      <c r="F4669" s="239">
        <v>5.28E-2</v>
      </c>
      <c r="G4669">
        <f t="shared" si="1083"/>
        <v>10.926159999999999</v>
      </c>
      <c r="H4669" s="235">
        <f t="shared" si="1084"/>
        <v>0.88137094825629503</v>
      </c>
      <c r="I4669" s="236">
        <f t="shared" si="1085"/>
        <v>19.534854829952778</v>
      </c>
      <c r="J4669" s="237">
        <f t="shared" si="1090"/>
        <v>9.5348548299527778</v>
      </c>
      <c r="K4669" s="237">
        <f t="shared" si="1086"/>
        <v>903.11587364354693</v>
      </c>
      <c r="L4669" s="237">
        <f t="shared" si="1091"/>
        <v>440.87261762735653</v>
      </c>
      <c r="M4669" s="236">
        <f t="shared" si="1087"/>
        <v>22.734558068717114</v>
      </c>
      <c r="N4669" s="236">
        <f t="shared" si="1088"/>
        <v>0.96078595271042355</v>
      </c>
      <c r="O4669" s="236">
        <f t="shared" si="1092"/>
        <v>2.4315436920525375</v>
      </c>
      <c r="P4669" s="236" t="str">
        <f t="shared" si="1093"/>
        <v>SAND</v>
      </c>
      <c r="Q4669" s="236" t="e">
        <f t="shared" si="1089"/>
        <v>#N/A</v>
      </c>
      <c r="R4669" s="238">
        <v>35</v>
      </c>
      <c r="S4669" s="236" t="e">
        <f t="shared" si="1094"/>
        <v>#N/A</v>
      </c>
      <c r="T4669" s="236">
        <f t="shared" si="1080"/>
        <v>32.523551681317144</v>
      </c>
    </row>
    <row r="4670" spans="1:20" x14ac:dyDescent="0.2">
      <c r="A4670" s="53">
        <f t="shared" si="1081"/>
        <v>4658</v>
      </c>
      <c r="B4670" s="239">
        <v>46.247</v>
      </c>
      <c r="C4670" s="3">
        <f t="shared" si="1082"/>
        <v>46.24</v>
      </c>
      <c r="D4670" s="239">
        <v>10.7416</v>
      </c>
      <c r="E4670" s="239">
        <v>9.4E-2</v>
      </c>
      <c r="F4670" s="239">
        <v>0.12670000000000001</v>
      </c>
      <c r="G4670">
        <f t="shared" si="1083"/>
        <v>10.76694</v>
      </c>
      <c r="H4670" s="235">
        <f t="shared" si="1084"/>
        <v>0.87304285154370698</v>
      </c>
      <c r="I4670" s="236">
        <f t="shared" si="1085"/>
        <v>19.500771322715416</v>
      </c>
      <c r="J4670" s="237">
        <f t="shared" si="1090"/>
        <v>9.5007713227154156</v>
      </c>
      <c r="K4670" s="237">
        <f t="shared" si="1086"/>
        <v>901.71566596236084</v>
      </c>
      <c r="L4670" s="237">
        <f t="shared" si="1091"/>
        <v>439.38217136161984</v>
      </c>
      <c r="M4670" s="236">
        <f t="shared" si="1087"/>
        <v>22.4524911956848</v>
      </c>
      <c r="N4670" s="236">
        <f t="shared" si="1088"/>
        <v>0.95284199139471248</v>
      </c>
      <c r="O4670" s="236">
        <f t="shared" si="1092"/>
        <v>2.4344796285340178</v>
      </c>
      <c r="P4670" s="236" t="str">
        <f t="shared" si="1093"/>
        <v>SAND</v>
      </c>
      <c r="Q4670" s="236" t="e">
        <f t="shared" si="1089"/>
        <v>#N/A</v>
      </c>
      <c r="R4670" s="238">
        <v>35</v>
      </c>
      <c r="S4670" s="236" t="e">
        <f t="shared" si="1094"/>
        <v>#N/A</v>
      </c>
      <c r="T4670" s="236">
        <f t="shared" si="1080"/>
        <v>32.463909882370757</v>
      </c>
    </row>
    <row r="4671" spans="1:20" x14ac:dyDescent="0.2">
      <c r="A4671" s="53">
        <f t="shared" si="1081"/>
        <v>4659</v>
      </c>
      <c r="B4671" s="239">
        <v>46.256999999999998</v>
      </c>
      <c r="C4671" s="3">
        <f t="shared" si="1082"/>
        <v>46.25</v>
      </c>
      <c r="D4671" s="239">
        <v>10.4879</v>
      </c>
      <c r="E4671" s="239">
        <v>9.3399999999999997E-2</v>
      </c>
      <c r="F4671" s="239">
        <v>0.14560000000000001</v>
      </c>
      <c r="G4671">
        <f t="shared" si="1083"/>
        <v>10.51702</v>
      </c>
      <c r="H4671" s="235">
        <f t="shared" si="1084"/>
        <v>0.88808426721637868</v>
      </c>
      <c r="I4671" s="236">
        <f t="shared" si="1085"/>
        <v>19.484083050031614</v>
      </c>
      <c r="J4671" s="237">
        <f t="shared" si="1090"/>
        <v>9.4840830500316144</v>
      </c>
      <c r="K4671" s="237">
        <f t="shared" si="1086"/>
        <v>901.13884106396222</v>
      </c>
      <c r="L4671" s="237">
        <f t="shared" si="1091"/>
        <v>438.70522964531239</v>
      </c>
      <c r="M4671" s="236">
        <f t="shared" si="1087"/>
        <v>21.918774860993462</v>
      </c>
      <c r="N4671" s="236">
        <f t="shared" si="1088"/>
        <v>0.97130984104564744</v>
      </c>
      <c r="O4671" s="236">
        <f t="shared" si="1092"/>
        <v>2.4476797506557575</v>
      </c>
      <c r="P4671" s="236" t="str">
        <f t="shared" si="1093"/>
        <v>SAND</v>
      </c>
      <c r="Q4671" s="236" t="e">
        <f t="shared" si="1089"/>
        <v>#N/A</v>
      </c>
      <c r="R4671" s="238">
        <v>35</v>
      </c>
      <c r="S4671" s="236" t="e">
        <f t="shared" si="1094"/>
        <v>#N/A</v>
      </c>
      <c r="T4671" s="236">
        <f t="shared" si="1080"/>
        <v>32.348979033985955</v>
      </c>
    </row>
    <row r="4672" spans="1:20" x14ac:dyDescent="0.2">
      <c r="A4672" s="53">
        <f t="shared" si="1081"/>
        <v>4660</v>
      </c>
      <c r="B4672" s="239">
        <v>46.267000000000003</v>
      </c>
      <c r="C4672" s="3">
        <f t="shared" si="1082"/>
        <v>46.260000000000005</v>
      </c>
      <c r="D4672" s="239">
        <v>10.3134</v>
      </c>
      <c r="E4672" s="239">
        <v>9.9299999999999999E-2</v>
      </c>
      <c r="F4672" s="239">
        <v>0.17630000000000001</v>
      </c>
      <c r="G4672">
        <f t="shared" si="1083"/>
        <v>10.348659999999999</v>
      </c>
      <c r="H4672" s="235">
        <f t="shared" si="1084"/>
        <v>0.95954452073988339</v>
      </c>
      <c r="I4672" s="236">
        <f t="shared" si="1085"/>
        <v>19.549601732109188</v>
      </c>
      <c r="J4672" s="237">
        <f t="shared" si="1090"/>
        <v>9.5496017321091884</v>
      </c>
      <c r="K4672" s="237">
        <f t="shared" si="1086"/>
        <v>904.36457612737115</v>
      </c>
      <c r="L4672" s="237">
        <f t="shared" si="1091"/>
        <v>441.83142333949587</v>
      </c>
      <c r="M4672" s="236">
        <f t="shared" si="1087"/>
        <v>21.37533666684406</v>
      </c>
      <c r="N4672" s="236">
        <f t="shared" si="1088"/>
        <v>1.0514283548246111</v>
      </c>
      <c r="O4672" s="236">
        <f t="shared" si="1092"/>
        <v>2.4742654078853814</v>
      </c>
      <c r="P4672" s="236" t="str">
        <f t="shared" si="1093"/>
        <v>SAND</v>
      </c>
      <c r="Q4672" s="236" t="e">
        <f t="shared" si="1089"/>
        <v>#N/A</v>
      </c>
      <c r="R4672" s="238">
        <v>35</v>
      </c>
      <c r="S4672" s="236" t="e">
        <f t="shared" si="1094"/>
        <v>#N/A</v>
      </c>
      <c r="T4672" s="236">
        <f t="shared" si="1080"/>
        <v>32.229042600696481</v>
      </c>
    </row>
    <row r="4673" spans="1:20" x14ac:dyDescent="0.2">
      <c r="A4673" s="53">
        <f t="shared" si="1081"/>
        <v>4661</v>
      </c>
      <c r="B4673" s="239">
        <v>46.276000000000003</v>
      </c>
      <c r="C4673" s="3">
        <f t="shared" si="1082"/>
        <v>46.269000000000005</v>
      </c>
      <c r="D4673" s="239">
        <v>10.26</v>
      </c>
      <c r="E4673" s="239">
        <v>0.1106</v>
      </c>
      <c r="F4673" s="239">
        <v>0.19600000000000001</v>
      </c>
      <c r="G4673">
        <f t="shared" si="1083"/>
        <v>10.299199999999999</v>
      </c>
      <c r="H4673" s="235">
        <f t="shared" si="1084"/>
        <v>1.0738698151312724</v>
      </c>
      <c r="I4673" s="236">
        <f t="shared" si="1085"/>
        <v>19.674105039804324</v>
      </c>
      <c r="J4673" s="237">
        <f t="shared" si="1090"/>
        <v>9.6741050398043242</v>
      </c>
      <c r="K4673" s="237">
        <f t="shared" si="1086"/>
        <v>910.30116608670642</v>
      </c>
      <c r="L4673" s="237">
        <f t="shared" si="1091"/>
        <v>447.67888482198492</v>
      </c>
      <c r="M4673" s="236">
        <f t="shared" si="1087"/>
        <v>20.972395956639087</v>
      </c>
      <c r="N4673" s="236">
        <f t="shared" si="1088"/>
        <v>1.1779869179174225</v>
      </c>
      <c r="O4673" s="236">
        <f t="shared" si="1092"/>
        <v>2.5064835554904055</v>
      </c>
      <c r="P4673" s="236" t="str">
        <f t="shared" si="1093"/>
        <v>SAND</v>
      </c>
      <c r="Q4673" s="236" t="e">
        <f t="shared" si="1089"/>
        <v>#N/A</v>
      </c>
      <c r="R4673" s="238">
        <v>35</v>
      </c>
      <c r="S4673" s="236" t="e">
        <f t="shared" si="1094"/>
        <v>#N/A</v>
      </c>
      <c r="T4673" s="236">
        <f t="shared" si="1080"/>
        <v>32.138128534087627</v>
      </c>
    </row>
    <row r="4674" spans="1:20" x14ac:dyDescent="0.2">
      <c r="A4674" s="53">
        <f t="shared" si="1081"/>
        <v>4662</v>
      </c>
      <c r="B4674" s="239">
        <v>46.286000000000001</v>
      </c>
      <c r="C4674" s="3">
        <f t="shared" si="1082"/>
        <v>46.279000000000003</v>
      </c>
      <c r="D4674" s="239">
        <v>10.111700000000001</v>
      </c>
      <c r="E4674" s="239">
        <v>0.12859999999999999</v>
      </c>
      <c r="F4674" s="239">
        <v>0.16830000000000001</v>
      </c>
      <c r="G4674">
        <f t="shared" si="1083"/>
        <v>10.14536</v>
      </c>
      <c r="H4674" s="235">
        <f t="shared" si="1084"/>
        <v>1.2675745365368996</v>
      </c>
      <c r="I4674" s="236">
        <f t="shared" si="1085"/>
        <v>19.845034385582814</v>
      </c>
      <c r="J4674" s="237">
        <f t="shared" si="1090"/>
        <v>9.8450343855828137</v>
      </c>
      <c r="K4674" s="237">
        <f t="shared" si="1086"/>
        <v>918.40834633038708</v>
      </c>
      <c r="L4674" s="237">
        <f t="shared" si="1091"/>
        <v>455.68726157108614</v>
      </c>
      <c r="M4674" s="236">
        <f t="shared" si="1087"/>
        <v>20.248430078685075</v>
      </c>
      <c r="N4674" s="236">
        <f t="shared" si="1088"/>
        <v>1.3937430781796176</v>
      </c>
      <c r="O4674" s="236">
        <f t="shared" si="1092"/>
        <v>2.5577718554502376</v>
      </c>
      <c r="P4674" s="236" t="str">
        <f t="shared" si="1093"/>
        <v>SAND</v>
      </c>
      <c r="Q4674" s="236" t="e">
        <f t="shared" si="1089"/>
        <v>#N/A</v>
      </c>
      <c r="R4674" s="238">
        <v>35</v>
      </c>
      <c r="S4674" s="236" t="e">
        <f t="shared" si="1094"/>
        <v>#N/A</v>
      </c>
      <c r="T4674" s="236">
        <f t="shared" si="1080"/>
        <v>31.97030492377154</v>
      </c>
    </row>
    <row r="4675" spans="1:20" x14ac:dyDescent="0.2">
      <c r="A4675" s="53">
        <f t="shared" si="1081"/>
        <v>4663</v>
      </c>
      <c r="B4675" s="239">
        <v>46.295999999999999</v>
      </c>
      <c r="C4675" s="3">
        <f t="shared" si="1082"/>
        <v>46.289000000000001</v>
      </c>
      <c r="D4675" s="239">
        <v>9.9133999999999993</v>
      </c>
      <c r="E4675" s="239">
        <v>0.14979999999999999</v>
      </c>
      <c r="F4675" s="239">
        <v>9.4100000000000003E-2</v>
      </c>
      <c r="G4675">
        <f t="shared" si="1083"/>
        <v>9.9322199999999992</v>
      </c>
      <c r="H4675" s="235">
        <f t="shared" si="1084"/>
        <v>1.5082227336889438</v>
      </c>
      <c r="I4675" s="236">
        <f t="shared" si="1085"/>
        <v>20.015666648066674</v>
      </c>
      <c r="J4675" s="237">
        <f t="shared" si="1090"/>
        <v>10.015666648066674</v>
      </c>
      <c r="K4675" s="237">
        <f t="shared" si="1086"/>
        <v>926.50519347235831</v>
      </c>
      <c r="L4675" s="237">
        <f t="shared" si="1091"/>
        <v>463.68530313889471</v>
      </c>
      <c r="M4675" s="236">
        <f t="shared" si="1087"/>
        <v>19.422040650337419</v>
      </c>
      <c r="N4675" s="236">
        <f t="shared" si="1088"/>
        <v>1.6633882286769726</v>
      </c>
      <c r="O4675" s="236">
        <f t="shared" si="1092"/>
        <v>2.614631895136279</v>
      </c>
      <c r="P4675" s="236" t="str">
        <f t="shared" si="1093"/>
        <v>CLAY</v>
      </c>
      <c r="Q4675" s="236">
        <f t="shared" si="1089"/>
        <v>750.47623387730346</v>
      </c>
      <c r="R4675" s="238">
        <v>35</v>
      </c>
      <c r="S4675" s="236">
        <f t="shared" si="1094"/>
        <v>10.193153917115209</v>
      </c>
      <c r="T4675" s="236" t="e">
        <f t="shared" si="1080"/>
        <v>#N/A</v>
      </c>
    </row>
    <row r="4676" spans="1:20" x14ac:dyDescent="0.2">
      <c r="A4676" s="53">
        <f t="shared" si="1081"/>
        <v>4664</v>
      </c>
      <c r="B4676" s="239">
        <v>46.305</v>
      </c>
      <c r="C4676" s="3">
        <f t="shared" si="1082"/>
        <v>46.298000000000002</v>
      </c>
      <c r="D4676" s="239">
        <v>9.5591000000000008</v>
      </c>
      <c r="E4676" s="239">
        <v>0.17780000000000001</v>
      </c>
      <c r="F4676" s="239">
        <v>8.7599999999999997E-2</v>
      </c>
      <c r="G4676">
        <f t="shared" si="1083"/>
        <v>9.5766200000000001</v>
      </c>
      <c r="H4676" s="235">
        <f t="shared" si="1084"/>
        <v>1.8566049399474971</v>
      </c>
      <c r="I4676" s="236">
        <f t="shared" si="1085"/>
        <v>20.20234982676747</v>
      </c>
      <c r="J4676" s="237">
        <f t="shared" si="1090"/>
        <v>10.20234982676747</v>
      </c>
      <c r="K4676" s="237">
        <f t="shared" si="1086"/>
        <v>935.32839227968043</v>
      </c>
      <c r="L4676" s="237">
        <f t="shared" si="1091"/>
        <v>472.41980872846773</v>
      </c>
      <c r="M4676" s="236">
        <f t="shared" si="1087"/>
        <v>18.291552233973043</v>
      </c>
      <c r="N4676" s="236">
        <f t="shared" si="1088"/>
        <v>2.0575627819474298</v>
      </c>
      <c r="O4676" s="236">
        <f t="shared" si="1092"/>
        <v>2.6879972653817443</v>
      </c>
      <c r="P4676" s="236" t="str">
        <f t="shared" si="1093"/>
        <v>CLAY</v>
      </c>
      <c r="Q4676" s="236">
        <f t="shared" si="1089"/>
        <v>720.10763397669336</v>
      </c>
      <c r="R4676" s="238">
        <v>35</v>
      </c>
      <c r="S4676" s="236">
        <f t="shared" si="1094"/>
        <v>9.4569961153438307</v>
      </c>
      <c r="T4676" s="236" t="e">
        <f t="shared" si="1080"/>
        <v>#N/A</v>
      </c>
    </row>
    <row r="4677" spans="1:20" x14ac:dyDescent="0.2">
      <c r="A4677" s="53">
        <f t="shared" si="1081"/>
        <v>4665</v>
      </c>
      <c r="B4677" s="239">
        <v>46.316000000000003</v>
      </c>
      <c r="C4677" s="3">
        <f t="shared" si="1082"/>
        <v>46.309000000000005</v>
      </c>
      <c r="D4677" s="239">
        <v>9.1692999999999998</v>
      </c>
      <c r="E4677" s="239">
        <v>0.2024</v>
      </c>
      <c r="F4677" s="239">
        <v>6.8199999999999997E-2</v>
      </c>
      <c r="G4677">
        <f t="shared" si="1083"/>
        <v>9.1829400000000003</v>
      </c>
      <c r="H4677" s="235">
        <f t="shared" si="1084"/>
        <v>2.2040871442043612</v>
      </c>
      <c r="I4677" s="236">
        <f t="shared" si="1085"/>
        <v>20.337894998473558</v>
      </c>
      <c r="J4677" s="237">
        <f t="shared" si="1090"/>
        <v>10.337894998473558</v>
      </c>
      <c r="K4677" s="237">
        <f t="shared" si="1086"/>
        <v>941.82757948431208</v>
      </c>
      <c r="L4677" s="237">
        <f t="shared" si="1091"/>
        <v>478.80994474930134</v>
      </c>
      <c r="M4677" s="236">
        <f t="shared" si="1087"/>
        <v>17.211656756274408</v>
      </c>
      <c r="N4677" s="236">
        <f t="shared" si="1088"/>
        <v>2.4559791163161298</v>
      </c>
      <c r="O4677" s="236">
        <f t="shared" si="1092"/>
        <v>2.7539738196066086</v>
      </c>
      <c r="P4677" s="236" t="str">
        <f t="shared" si="1093"/>
        <v>CLAY</v>
      </c>
      <c r="Q4677" s="236">
        <f t="shared" si="1089"/>
        <v>686.75936837630741</v>
      </c>
      <c r="R4677" s="238">
        <v>35</v>
      </c>
      <c r="S4677" s="236">
        <f t="shared" si="1094"/>
        <v>8.7643225910031521</v>
      </c>
      <c r="T4677" s="236" t="e">
        <f t="shared" si="1080"/>
        <v>#N/A</v>
      </c>
    </row>
    <row r="4678" spans="1:20" x14ac:dyDescent="0.2">
      <c r="A4678" s="53">
        <f t="shared" si="1081"/>
        <v>4666</v>
      </c>
      <c r="B4678" s="239">
        <v>46.325000000000003</v>
      </c>
      <c r="C4678" s="3">
        <f t="shared" si="1082"/>
        <v>46.318000000000005</v>
      </c>
      <c r="D4678" s="239">
        <v>8.7933000000000003</v>
      </c>
      <c r="E4678" s="239">
        <v>0.22</v>
      </c>
      <c r="F4678" s="239">
        <v>8.3799999999999999E-2</v>
      </c>
      <c r="G4678">
        <f t="shared" si="1083"/>
        <v>8.81006</v>
      </c>
      <c r="H4678" s="235">
        <f t="shared" si="1084"/>
        <v>2.497145308885524</v>
      </c>
      <c r="I4678" s="236">
        <f t="shared" si="1085"/>
        <v>20.419465272128129</v>
      </c>
      <c r="J4678" s="237">
        <f t="shared" si="1090"/>
        <v>10.419465272128129</v>
      </c>
      <c r="K4678" s="237">
        <f t="shared" si="1086"/>
        <v>945.78879247443081</v>
      </c>
      <c r="L4678" s="237">
        <f t="shared" si="1091"/>
        <v>482.68172873133557</v>
      </c>
      <c r="M4678" s="236">
        <f t="shared" si="1087"/>
        <v>16.292871139323534</v>
      </c>
      <c r="N4678" s="236">
        <f t="shared" si="1088"/>
        <v>2.7974620177070584</v>
      </c>
      <c r="O4678" s="236">
        <f t="shared" si="1092"/>
        <v>2.8065419344566314</v>
      </c>
      <c r="P4678" s="236" t="str">
        <f t="shared" si="1093"/>
        <v>CLAY</v>
      </c>
      <c r="Q4678" s="236">
        <f t="shared" si="1089"/>
        <v>655.35593396046409</v>
      </c>
      <c r="R4678" s="238">
        <v>35</v>
      </c>
      <c r="S4678" s="236">
        <f t="shared" si="1094"/>
        <v>8.1834613766627911</v>
      </c>
      <c r="T4678" s="236" t="e">
        <f t="shared" si="1080"/>
        <v>#N/A</v>
      </c>
    </row>
    <row r="4679" spans="1:20" x14ac:dyDescent="0.2">
      <c r="A4679" s="53">
        <f t="shared" si="1081"/>
        <v>4667</v>
      </c>
      <c r="B4679" s="239">
        <v>46.335000000000001</v>
      </c>
      <c r="C4679" s="3">
        <f t="shared" si="1082"/>
        <v>46.328000000000003</v>
      </c>
      <c r="D4679" s="239">
        <v>8.3752999999999993</v>
      </c>
      <c r="E4679" s="239">
        <v>0.23449999999999999</v>
      </c>
      <c r="F4679" s="239">
        <v>0.10970000000000001</v>
      </c>
      <c r="G4679">
        <f t="shared" si="1083"/>
        <v>8.39724</v>
      </c>
      <c r="H4679" s="235">
        <f t="shared" si="1084"/>
        <v>2.7925842300565424</v>
      </c>
      <c r="I4679" s="236">
        <f t="shared" si="1085"/>
        <v>20.475551650690292</v>
      </c>
      <c r="J4679" s="237">
        <f t="shared" si="1090"/>
        <v>10.475551650690292</v>
      </c>
      <c r="K4679" s="237">
        <f t="shared" si="1086"/>
        <v>948.59135687317996</v>
      </c>
      <c r="L4679" s="237">
        <f t="shared" si="1091"/>
        <v>485.38468573473472</v>
      </c>
      <c r="M4679" s="236">
        <f t="shared" si="1087"/>
        <v>15.3458666126882</v>
      </c>
      <c r="N4679" s="236">
        <f t="shared" si="1088"/>
        <v>3.1482220632917488</v>
      </c>
      <c r="O4679" s="236">
        <f t="shared" si="1092"/>
        <v>2.8580489452260904</v>
      </c>
      <c r="P4679" s="236" t="str">
        <f t="shared" si="1093"/>
        <v>CLAY</v>
      </c>
      <c r="Q4679" s="236">
        <f t="shared" si="1089"/>
        <v>620.72072026056833</v>
      </c>
      <c r="R4679" s="238">
        <v>35</v>
      </c>
      <c r="S4679" s="236">
        <f t="shared" si="1094"/>
        <v>7.5932776872069851</v>
      </c>
      <c r="T4679" s="236" t="e">
        <f t="shared" si="1080"/>
        <v>#N/A</v>
      </c>
    </row>
    <row r="4680" spans="1:20" x14ac:dyDescent="0.2">
      <c r="A4680" s="53">
        <f t="shared" si="1081"/>
        <v>4668</v>
      </c>
      <c r="B4680" s="239">
        <v>46.344999999999999</v>
      </c>
      <c r="C4680" s="3">
        <f t="shared" si="1082"/>
        <v>46.338000000000001</v>
      </c>
      <c r="D4680" s="239">
        <v>8.1309000000000005</v>
      </c>
      <c r="E4680" s="239">
        <v>0.24510000000000001</v>
      </c>
      <c r="F4680" s="239">
        <v>0.11840000000000001</v>
      </c>
      <c r="G4680">
        <f t="shared" si="1083"/>
        <v>8.154580000000001</v>
      </c>
      <c r="H4680" s="235">
        <f t="shared" si="1084"/>
        <v>3.005672885666705</v>
      </c>
      <c r="I4680" s="236">
        <f t="shared" si="1085"/>
        <v>20.515931432695361</v>
      </c>
      <c r="J4680" s="237">
        <f t="shared" si="1090"/>
        <v>10.515931432695361</v>
      </c>
      <c r="K4680" s="237">
        <f t="shared" si="1086"/>
        <v>950.66723072823766</v>
      </c>
      <c r="L4680" s="237">
        <f t="shared" si="1091"/>
        <v>487.36084224826647</v>
      </c>
      <c r="M4680" s="236">
        <f t="shared" si="1087"/>
        <v>14.781476361619585</v>
      </c>
      <c r="N4680" s="236">
        <f t="shared" si="1088"/>
        <v>3.4023177105290929</v>
      </c>
      <c r="O4680" s="236">
        <f t="shared" si="1092"/>
        <v>2.8913687622932787</v>
      </c>
      <c r="P4680" s="236" t="str">
        <f t="shared" si="1093"/>
        <v>CLAY</v>
      </c>
      <c r="Q4680" s="236">
        <f t="shared" si="1089"/>
        <v>600.32606410598021</v>
      </c>
      <c r="R4680" s="238">
        <v>35</v>
      </c>
      <c r="S4680" s="236">
        <f t="shared" si="1094"/>
        <v>7.2458155627183007</v>
      </c>
      <c r="T4680" s="236" t="e">
        <f t="shared" si="1080"/>
        <v>#N/A</v>
      </c>
    </row>
    <row r="4681" spans="1:20" x14ac:dyDescent="0.2">
      <c r="A4681" s="53">
        <f t="shared" si="1081"/>
        <v>4669</v>
      </c>
      <c r="B4681" s="239">
        <v>46.353999999999999</v>
      </c>
      <c r="C4681" s="3">
        <f t="shared" si="1082"/>
        <v>46.347000000000001</v>
      </c>
      <c r="D4681" s="239">
        <v>8.0792000000000002</v>
      </c>
      <c r="E4681" s="239">
        <v>0.23400000000000001</v>
      </c>
      <c r="F4681" s="239">
        <v>0.14349999999999999</v>
      </c>
      <c r="G4681">
        <f t="shared" si="1083"/>
        <v>8.1079000000000008</v>
      </c>
      <c r="H4681" s="235">
        <f t="shared" si="1084"/>
        <v>2.8860740759012815</v>
      </c>
      <c r="I4681" s="236">
        <f t="shared" si="1085"/>
        <v>20.459343414645993</v>
      </c>
      <c r="J4681" s="237">
        <f t="shared" si="1090"/>
        <v>10.459343414645993</v>
      </c>
      <c r="K4681" s="237">
        <f t="shared" si="1086"/>
        <v>948.22918923859788</v>
      </c>
      <c r="L4681" s="237">
        <f t="shared" si="1091"/>
        <v>484.83240464250036</v>
      </c>
      <c r="M4681" s="236">
        <f t="shared" si="1087"/>
        <v>14.767310811332241</v>
      </c>
      <c r="N4681" s="236">
        <f t="shared" si="1088"/>
        <v>3.2683066887416712</v>
      </c>
      <c r="O4681" s="236">
        <f t="shared" si="1092"/>
        <v>2.8811611478742889</v>
      </c>
      <c r="P4681" s="236" t="str">
        <f t="shared" si="1093"/>
        <v>CLAY</v>
      </c>
      <c r="Q4681" s="236">
        <f t="shared" si="1089"/>
        <v>596.63923423011693</v>
      </c>
      <c r="R4681" s="238">
        <v>35</v>
      </c>
      <c r="S4681" s="236">
        <f t="shared" si="1094"/>
        <v>7.2371367386479255</v>
      </c>
      <c r="T4681" s="236" t="e">
        <f t="shared" si="1080"/>
        <v>#N/A</v>
      </c>
    </row>
    <row r="4682" spans="1:20" x14ac:dyDescent="0.2">
      <c r="A4682" s="53">
        <f t="shared" si="1081"/>
        <v>4670</v>
      </c>
      <c r="B4682" s="239">
        <v>46.363999999999997</v>
      </c>
      <c r="C4682" s="3">
        <f t="shared" si="1082"/>
        <v>46.356999999999999</v>
      </c>
      <c r="D4682" s="239">
        <v>8.1212</v>
      </c>
      <c r="E4682" s="239">
        <v>0.22470000000000001</v>
      </c>
      <c r="F4682" s="239">
        <v>0.26729999999999998</v>
      </c>
      <c r="G4682">
        <f t="shared" si="1083"/>
        <v>8.1746599999999994</v>
      </c>
      <c r="H4682" s="235">
        <f t="shared" si="1084"/>
        <v>2.7487381738200733</v>
      </c>
      <c r="I4682" s="236">
        <f t="shared" si="1085"/>
        <v>20.414994078614743</v>
      </c>
      <c r="J4682" s="237">
        <f t="shared" si="1090"/>
        <v>10.414994078614743</v>
      </c>
      <c r="K4682" s="237">
        <f t="shared" si="1086"/>
        <v>946.3778805023436</v>
      </c>
      <c r="L4682" s="237">
        <f t="shared" si="1091"/>
        <v>482.88078546089395</v>
      </c>
      <c r="M4682" s="236">
        <f t="shared" si="1087"/>
        <v>14.969082094659235</v>
      </c>
      <c r="N4682" s="236">
        <f t="shared" si="1088"/>
        <v>3.1086224400939133</v>
      </c>
      <c r="O4682" s="236">
        <f t="shared" si="1092"/>
        <v>2.8633927926856044</v>
      </c>
      <c r="P4682" s="236" t="str">
        <f t="shared" si="1093"/>
        <v>CLAY</v>
      </c>
      <c r="Q4682" s="236">
        <f t="shared" si="1089"/>
        <v>602.35684329147125</v>
      </c>
      <c r="R4682" s="238">
        <v>35</v>
      </c>
      <c r="S4682" s="236">
        <f t="shared" si="1094"/>
        <v>7.3609517568304303</v>
      </c>
      <c r="T4682" s="236" t="e">
        <f t="shared" si="1080"/>
        <v>#N/A</v>
      </c>
    </row>
    <row r="4683" spans="1:20" x14ac:dyDescent="0.2">
      <c r="A4683" s="53">
        <f t="shared" si="1081"/>
        <v>4671</v>
      </c>
      <c r="B4683" s="239">
        <v>46.372999999999998</v>
      </c>
      <c r="C4683" s="3">
        <f t="shared" si="1082"/>
        <v>46.366</v>
      </c>
      <c r="D4683" s="239">
        <v>8.3041999999999998</v>
      </c>
      <c r="E4683" s="239">
        <v>0.22140000000000001</v>
      </c>
      <c r="F4683" s="239">
        <v>0.30520000000000003</v>
      </c>
      <c r="G4683">
        <f t="shared" si="1083"/>
        <v>8.36524</v>
      </c>
      <c r="H4683" s="235">
        <f t="shared" si="1084"/>
        <v>2.6466664435210467</v>
      </c>
      <c r="I4683" s="236">
        <f t="shared" si="1085"/>
        <v>20.406653183954123</v>
      </c>
      <c r="J4683" s="237">
        <f t="shared" si="1090"/>
        <v>10.406653183954123</v>
      </c>
      <c r="K4683" s="237">
        <f t="shared" si="1086"/>
        <v>946.17488152721683</v>
      </c>
      <c r="L4683" s="237">
        <f t="shared" si="1091"/>
        <v>482.58772809950455</v>
      </c>
      <c r="M4683" s="236">
        <f t="shared" si="1087"/>
        <v>15.373505554503138</v>
      </c>
      <c r="N4683" s="236">
        <f t="shared" si="1088"/>
        <v>2.984203487427743</v>
      </c>
      <c r="O4683" s="236">
        <f t="shared" si="1092"/>
        <v>2.8435135603404151</v>
      </c>
      <c r="P4683" s="236" t="str">
        <f t="shared" si="1093"/>
        <v>CLAY</v>
      </c>
      <c r="Q4683" s="236">
        <f t="shared" si="1089"/>
        <v>618.25542653939863</v>
      </c>
      <c r="R4683" s="238">
        <v>35</v>
      </c>
      <c r="S4683" s="236">
        <f t="shared" si="1094"/>
        <v>7.6103765413327071</v>
      </c>
      <c r="T4683" s="236" t="e">
        <f t="shared" si="1080"/>
        <v>#N/A</v>
      </c>
    </row>
    <row r="4684" spans="1:20" x14ac:dyDescent="0.2">
      <c r="A4684" s="53">
        <f t="shared" si="1081"/>
        <v>4672</v>
      </c>
      <c r="B4684" s="239">
        <v>46.384</v>
      </c>
      <c r="C4684" s="3">
        <f t="shared" si="1082"/>
        <v>46.377000000000002</v>
      </c>
      <c r="D4684" s="239">
        <v>8.2265999999999995</v>
      </c>
      <c r="E4684" s="239">
        <v>0.22140000000000001</v>
      </c>
      <c r="F4684" s="239">
        <v>0.27879999999999999</v>
      </c>
      <c r="G4684">
        <f t="shared" si="1083"/>
        <v>8.2823599999999988</v>
      </c>
      <c r="H4684" s="235">
        <f t="shared" si="1084"/>
        <v>2.673151130837105</v>
      </c>
      <c r="I4684" s="236">
        <f t="shared" si="1085"/>
        <v>20.402761312256288</v>
      </c>
      <c r="J4684" s="237">
        <f t="shared" si="1090"/>
        <v>10.402761312256288</v>
      </c>
      <c r="K4684" s="237">
        <f t="shared" si="1086"/>
        <v>946.21886137850993</v>
      </c>
      <c r="L4684" s="237">
        <f t="shared" si="1091"/>
        <v>482.52168070769568</v>
      </c>
      <c r="M4684" s="236">
        <f t="shared" si="1087"/>
        <v>15.203754425836072</v>
      </c>
      <c r="N4684" s="236">
        <f t="shared" si="1088"/>
        <v>3.0179353943237057</v>
      </c>
      <c r="O4684" s="236">
        <f t="shared" si="1092"/>
        <v>2.85029521371571</v>
      </c>
      <c r="P4684" s="236" t="str">
        <f t="shared" si="1093"/>
        <v>CLAY</v>
      </c>
      <c r="Q4684" s="236">
        <f t="shared" si="1089"/>
        <v>611.34509488512401</v>
      </c>
      <c r="R4684" s="238">
        <v>35</v>
      </c>
      <c r="S4684" s="236">
        <f t="shared" si="1094"/>
        <v>7.505481630889971</v>
      </c>
      <c r="T4684" s="236" t="e">
        <f t="shared" si="1080"/>
        <v>#N/A</v>
      </c>
    </row>
    <row r="4685" spans="1:20" x14ac:dyDescent="0.2">
      <c r="A4685" s="53">
        <f t="shared" si="1081"/>
        <v>4673</v>
      </c>
      <c r="B4685" s="239">
        <v>46.393000000000001</v>
      </c>
      <c r="C4685" s="3">
        <f t="shared" si="1082"/>
        <v>46.386000000000003</v>
      </c>
      <c r="D4685" s="239">
        <v>8.1181000000000001</v>
      </c>
      <c r="E4685" s="239">
        <v>0.2084</v>
      </c>
      <c r="F4685" s="239">
        <v>0.35539999999999999</v>
      </c>
      <c r="G4685">
        <f t="shared" si="1083"/>
        <v>8.1891800000000003</v>
      </c>
      <c r="H4685" s="235">
        <f t="shared" si="1084"/>
        <v>2.5448213374232829</v>
      </c>
      <c r="I4685" s="236">
        <f t="shared" si="1085"/>
        <v>20.327383259273809</v>
      </c>
      <c r="J4685" s="237">
        <f t="shared" si="1090"/>
        <v>10.327383259273809</v>
      </c>
      <c r="K4685" s="237">
        <f t="shared" si="1086"/>
        <v>942.90599986467498</v>
      </c>
      <c r="L4685" s="237">
        <f t="shared" si="1091"/>
        <v>479.11829154748983</v>
      </c>
      <c r="M4685" s="236">
        <f t="shared" si="1087"/>
        <v>15.124185671832318</v>
      </c>
      <c r="N4685" s="236">
        <f t="shared" si="1088"/>
        <v>2.8759608040781801</v>
      </c>
      <c r="O4685" s="236">
        <f t="shared" si="1092"/>
        <v>2.8397032560397926</v>
      </c>
      <c r="P4685" s="236" t="str">
        <f t="shared" si="1093"/>
        <v>CLAY</v>
      </c>
      <c r="Q4685" s="236">
        <f t="shared" si="1089"/>
        <v>603.85616667794375</v>
      </c>
      <c r="R4685" s="238">
        <v>35</v>
      </c>
      <c r="S4685" s="236">
        <f t="shared" si="1094"/>
        <v>7.4564139293358185</v>
      </c>
      <c r="T4685" s="236" t="e">
        <f t="shared" ref="T4685:T4748" si="1095">IF(P4685="SAND",17.6+(11*LOG(M4685)),#N/A)</f>
        <v>#N/A</v>
      </c>
    </row>
    <row r="4686" spans="1:20" x14ac:dyDescent="0.2">
      <c r="A4686" s="53">
        <f t="shared" ref="A4686:A4749" si="1096">$A4685+1</f>
        <v>4674</v>
      </c>
      <c r="B4686" s="239">
        <v>46.402999999999999</v>
      </c>
      <c r="C4686" s="3">
        <f t="shared" ref="C4686:C4749" si="1097">MAX($B4686 - $B$13, 0.001)</f>
        <v>46.396000000000001</v>
      </c>
      <c r="D4686" s="239">
        <v>7.8272000000000004</v>
      </c>
      <c r="E4686" s="239">
        <v>0.2</v>
      </c>
      <c r="F4686" s="239">
        <v>0.40529999999999999</v>
      </c>
      <c r="G4686">
        <f t="shared" si="1083"/>
        <v>7.9082600000000003</v>
      </c>
      <c r="H4686" s="235">
        <f t="shared" si="1084"/>
        <v>2.5290013226676917</v>
      </c>
      <c r="I4686" s="236">
        <f t="shared" si="1085"/>
        <v>20.265496887940387</v>
      </c>
      <c r="J4686" s="237">
        <f t="shared" si="1090"/>
        <v>10.265496887940387</v>
      </c>
      <c r="K4686" s="237">
        <f t="shared" si="1086"/>
        <v>940.23799361288218</v>
      </c>
      <c r="L4686" s="237">
        <f t="shared" si="1091"/>
        <v>476.34985209109777</v>
      </c>
      <c r="M4686" s="236">
        <f t="shared" si="1087"/>
        <v>14.62795039359967</v>
      </c>
      <c r="N4686" s="236">
        <f t="shared" si="1088"/>
        <v>2.8702549994341782</v>
      </c>
      <c r="O4686" s="236">
        <f t="shared" si="1092"/>
        <v>2.8508939545631082</v>
      </c>
      <c r="P4686" s="236" t="str">
        <f t="shared" si="1093"/>
        <v>CLAY</v>
      </c>
      <c r="Q4686" s="236">
        <f t="shared" si="1089"/>
        <v>580.66850053225983</v>
      </c>
      <c r="R4686" s="238">
        <v>35</v>
      </c>
      <c r="S4686" s="236">
        <f t="shared" si="1094"/>
        <v>7.1518658109068589</v>
      </c>
      <c r="T4686" s="236" t="e">
        <f t="shared" si="1095"/>
        <v>#N/A</v>
      </c>
    </row>
    <row r="4687" spans="1:20" x14ac:dyDescent="0.2">
      <c r="A4687" s="53">
        <f t="shared" si="1096"/>
        <v>4675</v>
      </c>
      <c r="B4687" s="239">
        <v>46.411999999999999</v>
      </c>
      <c r="C4687" s="3">
        <f t="shared" si="1097"/>
        <v>46.405000000000001</v>
      </c>
      <c r="D4687" s="239">
        <v>7.5054999999999996</v>
      </c>
      <c r="E4687" s="239">
        <v>0.17199999999999999</v>
      </c>
      <c r="F4687" s="239">
        <v>2.76E-2</v>
      </c>
      <c r="G4687">
        <f t="shared" ref="G4687:G4750" si="1098">$D4687+($F4687*(1-$P$8))</f>
        <v>7.5110199999999994</v>
      </c>
      <c r="H4687" s="235">
        <f t="shared" ref="H4687:H4750" si="1099">($E4687/$G4687)*100</f>
        <v>2.2899686061280624</v>
      </c>
      <c r="I4687" s="236">
        <f t="shared" ref="I4687:I4750" si="1100">((0.27*(LOG($H4687)))+(0.36*(LOG(($G4687*1000)/101)))+1.236)*10</f>
        <v>20.068498887593947</v>
      </c>
      <c r="J4687" s="237">
        <f t="shared" si="1090"/>
        <v>10.068498887593947</v>
      </c>
      <c r="K4687" s="237">
        <f t="shared" ref="K4687:K4750" si="1101">$I4687*$C4687</f>
        <v>931.27869087879708</v>
      </c>
      <c r="L4687" s="237">
        <f t="shared" si="1091"/>
        <v>467.29917037101023</v>
      </c>
      <c r="M4687" s="236">
        <f t="shared" ref="M4687:M4750" si="1102">(($G4687*1000)-$K4687)/$L4687</f>
        <v>14.08036163192253</v>
      </c>
      <c r="N4687" s="236">
        <f t="shared" ref="N4687:N4750" si="1103">(($E4687*1000)/(($G4687*1000)-$K4687))*100</f>
        <v>2.6140845349279016</v>
      </c>
      <c r="O4687" s="236">
        <f t="shared" si="1092"/>
        <v>2.8407128349727699</v>
      </c>
      <c r="P4687" s="236" t="str">
        <f t="shared" si="1093"/>
        <v>CLAY</v>
      </c>
      <c r="Q4687" s="236">
        <f t="shared" ref="Q4687:Q4750" si="1104">IF(P4687="CLAY",($G4687*1000 -$K4687)/$L$8,#N/A)</f>
        <v>548.3117757601002</v>
      </c>
      <c r="R4687" s="238">
        <v>35</v>
      </c>
      <c r="S4687" s="236">
        <f t="shared" si="1094"/>
        <v>6.8187892855755923</v>
      </c>
      <c r="T4687" s="236" t="e">
        <f t="shared" si="1095"/>
        <v>#N/A</v>
      </c>
    </row>
    <row r="4688" spans="1:20" x14ac:dyDescent="0.2">
      <c r="A4688" s="53">
        <f t="shared" si="1096"/>
        <v>4676</v>
      </c>
      <c r="B4688" s="239">
        <v>46.423000000000002</v>
      </c>
      <c r="C4688" s="3">
        <f t="shared" si="1097"/>
        <v>46.416000000000004</v>
      </c>
      <c r="D4688" s="239">
        <v>7.0937999999999999</v>
      </c>
      <c r="E4688" s="239">
        <v>0.14269999999999999</v>
      </c>
      <c r="F4688" s="239">
        <v>-8.2100000000000006E-2</v>
      </c>
      <c r="G4688">
        <f t="shared" si="1098"/>
        <v>7.0773799999999998</v>
      </c>
      <c r="H4688" s="235">
        <f t="shared" si="1099"/>
        <v>2.0162828617369706</v>
      </c>
      <c r="I4688" s="236">
        <f t="shared" si="1100"/>
        <v>19.826273044798093</v>
      </c>
      <c r="J4688" s="237">
        <f t="shared" ref="J4688:J4751" si="1105">$I4688-10</f>
        <v>9.8262730447980928</v>
      </c>
      <c r="K4688" s="237">
        <f t="shared" si="1101"/>
        <v>920.25628964734835</v>
      </c>
      <c r="L4688" s="237">
        <f t="shared" ref="L4688:L4751" si="1106">$J4688*$B4688</f>
        <v>456.1650735586619</v>
      </c>
      <c r="M4688" s="236">
        <f t="shared" si="1102"/>
        <v>13.497578107677851</v>
      </c>
      <c r="N4688" s="236">
        <f t="shared" si="1103"/>
        <v>2.3176406178109223</v>
      </c>
      <c r="O4688" s="236">
        <f t="shared" ref="O4688:O4751" si="1107">((3.47-LOG($M4688))^2+(LOG($N4688)+1.22)^2)^0.5</f>
        <v>2.8260880752586517</v>
      </c>
      <c r="P4688" s="236" t="str">
        <f t="shared" ref="P4688:P4751" si="1108">IF(O4688&lt;2.6,"SAND","CLAY")</f>
        <v>CLAY</v>
      </c>
      <c r="Q4688" s="236">
        <f t="shared" si="1104"/>
        <v>513.09364252938769</v>
      </c>
      <c r="R4688" s="238">
        <v>35</v>
      </c>
      <c r="S4688" s="236">
        <f t="shared" ref="S4688:S4751" si="1109">IF(P4688="SAND",#N/A,0.25*($M4688)^1.25)</f>
        <v>6.4678482273415545</v>
      </c>
      <c r="T4688" s="236" t="e">
        <f t="shared" si="1095"/>
        <v>#N/A</v>
      </c>
    </row>
    <row r="4689" spans="1:20" x14ac:dyDescent="0.2">
      <c r="A4689" s="53">
        <f t="shared" si="1096"/>
        <v>4677</v>
      </c>
      <c r="B4689" s="239">
        <v>46.432000000000002</v>
      </c>
      <c r="C4689" s="3">
        <f t="shared" si="1097"/>
        <v>46.425000000000004</v>
      </c>
      <c r="D4689" s="239">
        <v>6.6402000000000001</v>
      </c>
      <c r="E4689" s="239">
        <v>0.1482</v>
      </c>
      <c r="F4689" s="239">
        <v>-6.0900000000000003E-2</v>
      </c>
      <c r="G4689">
        <f t="shared" si="1098"/>
        <v>6.6280200000000002</v>
      </c>
      <c r="H4689" s="235">
        <f t="shared" si="1099"/>
        <v>2.2359618709659896</v>
      </c>
      <c r="I4689" s="236">
        <f t="shared" si="1100"/>
        <v>19.844978633426042</v>
      </c>
      <c r="J4689" s="237">
        <f t="shared" si="1105"/>
        <v>9.8449786334260416</v>
      </c>
      <c r="K4689" s="237">
        <f t="shared" si="1101"/>
        <v>921.30313305680409</v>
      </c>
      <c r="L4689" s="237">
        <f t="shared" si="1106"/>
        <v>457.12204790723797</v>
      </c>
      <c r="M4689" s="236">
        <f t="shared" si="1102"/>
        <v>12.484011421171353</v>
      </c>
      <c r="N4689" s="236">
        <f t="shared" si="1103"/>
        <v>2.596939772121257</v>
      </c>
      <c r="O4689" s="236">
        <f t="shared" si="1107"/>
        <v>2.881954235580765</v>
      </c>
      <c r="P4689" s="236" t="str">
        <f t="shared" si="1108"/>
        <v>CLAY</v>
      </c>
      <c r="Q4689" s="236">
        <f t="shared" si="1104"/>
        <v>475.55973891193304</v>
      </c>
      <c r="R4689" s="238">
        <v>35</v>
      </c>
      <c r="S4689" s="236">
        <f t="shared" si="1109"/>
        <v>5.8665490388042727</v>
      </c>
      <c r="T4689" s="236" t="e">
        <f t="shared" si="1095"/>
        <v>#N/A</v>
      </c>
    </row>
    <row r="4690" spans="1:20" x14ac:dyDescent="0.2">
      <c r="A4690" s="53">
        <f t="shared" si="1096"/>
        <v>4678</v>
      </c>
      <c r="B4690" s="239">
        <v>46.442999999999998</v>
      </c>
      <c r="C4690" s="3">
        <f t="shared" si="1097"/>
        <v>46.436</v>
      </c>
      <c r="D4690" s="239">
        <v>6.2317999999999998</v>
      </c>
      <c r="E4690" s="239">
        <v>0.17169999999999999</v>
      </c>
      <c r="F4690" s="239">
        <v>2.69E-2</v>
      </c>
      <c r="G4690">
        <f t="shared" si="1098"/>
        <v>6.2371799999999995</v>
      </c>
      <c r="H4690" s="235">
        <f t="shared" si="1099"/>
        <v>2.7528466390259703</v>
      </c>
      <c r="I4690" s="236">
        <f t="shared" si="1100"/>
        <v>19.993812301176362</v>
      </c>
      <c r="J4690" s="237">
        <f t="shared" si="1105"/>
        <v>9.9938123011763622</v>
      </c>
      <c r="K4690" s="237">
        <f t="shared" si="1101"/>
        <v>928.4326680174255</v>
      </c>
      <c r="L4690" s="237">
        <f t="shared" si="1106"/>
        <v>464.14262470353378</v>
      </c>
      <c r="M4690" s="236">
        <f t="shared" si="1102"/>
        <v>11.437750056619945</v>
      </c>
      <c r="N4690" s="236">
        <f t="shared" si="1103"/>
        <v>3.2342846487643615</v>
      </c>
      <c r="O4690" s="236">
        <f t="shared" si="1107"/>
        <v>2.9678668787619973</v>
      </c>
      <c r="P4690" s="236" t="str">
        <f t="shared" si="1108"/>
        <v>CLAY</v>
      </c>
      <c r="Q4690" s="236">
        <f t="shared" si="1104"/>
        <v>442.39561099854785</v>
      </c>
      <c r="R4690" s="238">
        <v>35</v>
      </c>
      <c r="S4690" s="236">
        <f t="shared" si="1109"/>
        <v>5.2585470135550256</v>
      </c>
      <c r="T4690" s="236" t="e">
        <f t="shared" si="1095"/>
        <v>#N/A</v>
      </c>
    </row>
    <row r="4691" spans="1:20" x14ac:dyDescent="0.2">
      <c r="A4691" s="53">
        <f t="shared" si="1096"/>
        <v>4679</v>
      </c>
      <c r="B4691" s="239">
        <v>46.451999999999998</v>
      </c>
      <c r="C4691" s="3">
        <f t="shared" si="1097"/>
        <v>46.445</v>
      </c>
      <c r="D4691" s="239">
        <v>5.9189999999999996</v>
      </c>
      <c r="E4691" s="239">
        <v>0.1905</v>
      </c>
      <c r="F4691" s="239">
        <v>0.154</v>
      </c>
      <c r="G4691">
        <f t="shared" si="1098"/>
        <v>5.9497999999999998</v>
      </c>
      <c r="H4691" s="235">
        <f t="shared" si="1099"/>
        <v>3.2017882954048877</v>
      </c>
      <c r="I4691" s="236">
        <f t="shared" si="1100"/>
        <v>20.097211631028323</v>
      </c>
      <c r="J4691" s="237">
        <f t="shared" si="1105"/>
        <v>10.097211631028323</v>
      </c>
      <c r="K4691" s="237">
        <f t="shared" si="1101"/>
        <v>933.4149942031105</v>
      </c>
      <c r="L4691" s="237">
        <f t="shared" si="1106"/>
        <v>469.03567468452763</v>
      </c>
      <c r="M4691" s="236">
        <f t="shared" si="1102"/>
        <v>10.695103329125015</v>
      </c>
      <c r="N4691" s="236">
        <f t="shared" si="1103"/>
        <v>3.7975554065299995</v>
      </c>
      <c r="O4691" s="236">
        <f t="shared" si="1107"/>
        <v>3.0324565969833728</v>
      </c>
      <c r="P4691" s="236" t="str">
        <f t="shared" si="1108"/>
        <v>CLAY</v>
      </c>
      <c r="Q4691" s="236">
        <f t="shared" si="1104"/>
        <v>418.03208381640746</v>
      </c>
      <c r="R4691" s="238">
        <v>35</v>
      </c>
      <c r="S4691" s="236">
        <f t="shared" si="1109"/>
        <v>4.8352756748388241</v>
      </c>
      <c r="T4691" s="236" t="e">
        <f t="shared" si="1095"/>
        <v>#N/A</v>
      </c>
    </row>
    <row r="4692" spans="1:20" x14ac:dyDescent="0.2">
      <c r="A4692" s="53">
        <f t="shared" si="1096"/>
        <v>4680</v>
      </c>
      <c r="B4692" s="239">
        <v>46.462000000000003</v>
      </c>
      <c r="C4692" s="3">
        <f t="shared" si="1097"/>
        <v>46.455000000000005</v>
      </c>
      <c r="D4692" s="239">
        <v>5.7392000000000003</v>
      </c>
      <c r="E4692" s="239">
        <v>0.2112</v>
      </c>
      <c r="F4692" s="239">
        <v>0.2185</v>
      </c>
      <c r="G4692">
        <f t="shared" si="1098"/>
        <v>5.7829000000000006</v>
      </c>
      <c r="H4692" s="235">
        <f t="shared" si="1099"/>
        <v>3.6521468467377955</v>
      </c>
      <c r="I4692" s="236">
        <f t="shared" si="1100"/>
        <v>20.207047735961311</v>
      </c>
      <c r="J4692" s="237">
        <f t="shared" si="1105"/>
        <v>10.207047735961311</v>
      </c>
      <c r="K4692" s="237">
        <f t="shared" si="1101"/>
        <v>938.7184025740828</v>
      </c>
      <c r="L4692" s="237">
        <f t="shared" si="1106"/>
        <v>474.23985190823447</v>
      </c>
      <c r="M4692" s="236">
        <f t="shared" si="1102"/>
        <v>10.214623629654954</v>
      </c>
      <c r="N4692" s="236">
        <f t="shared" si="1103"/>
        <v>4.3598695827635074</v>
      </c>
      <c r="O4692" s="236">
        <f t="shared" si="1107"/>
        <v>3.0843262213356724</v>
      </c>
      <c r="P4692" s="236" t="str">
        <f t="shared" si="1108"/>
        <v>CLAY</v>
      </c>
      <c r="Q4692" s="236">
        <f t="shared" si="1104"/>
        <v>403.68179978549318</v>
      </c>
      <c r="R4692" s="238">
        <v>35</v>
      </c>
      <c r="S4692" s="236">
        <f t="shared" si="1109"/>
        <v>4.5652857927108004</v>
      </c>
      <c r="T4692" s="236" t="e">
        <f t="shared" si="1095"/>
        <v>#N/A</v>
      </c>
    </row>
    <row r="4693" spans="1:20" x14ac:dyDescent="0.2">
      <c r="A4693" s="53">
        <f t="shared" si="1096"/>
        <v>4681</v>
      </c>
      <c r="B4693" s="239">
        <v>46.470999999999997</v>
      </c>
      <c r="C4693" s="3">
        <f t="shared" si="1097"/>
        <v>46.463999999999999</v>
      </c>
      <c r="D4693" s="239">
        <v>5.6977000000000002</v>
      </c>
      <c r="E4693" s="239">
        <v>0.21310000000000001</v>
      </c>
      <c r="F4693" s="239">
        <v>0.55220000000000002</v>
      </c>
      <c r="G4693">
        <f t="shared" si="1098"/>
        <v>5.8081399999999999</v>
      </c>
      <c r="H4693" s="235">
        <f t="shared" si="1099"/>
        <v>3.6689886951760808</v>
      </c>
      <c r="I4693" s="236">
        <f t="shared" si="1100"/>
        <v>20.219251737097924</v>
      </c>
      <c r="J4693" s="237">
        <f t="shared" si="1105"/>
        <v>10.219251737097924</v>
      </c>
      <c r="K4693" s="237">
        <f t="shared" si="1101"/>
        <v>939.46731271251792</v>
      </c>
      <c r="L4693" s="237">
        <f t="shared" si="1106"/>
        <v>474.89884747467761</v>
      </c>
      <c r="M4693" s="236">
        <f t="shared" si="1102"/>
        <v>10.252020431671161</v>
      </c>
      <c r="N4693" s="236">
        <f t="shared" si="1103"/>
        <v>4.3769629565861399</v>
      </c>
      <c r="O4693" s="236">
        <f t="shared" si="1107"/>
        <v>3.084085367354072</v>
      </c>
      <c r="P4693" s="236" t="str">
        <f t="shared" si="1108"/>
        <v>CLAY</v>
      </c>
      <c r="Q4693" s="236">
        <f t="shared" si="1104"/>
        <v>405.72272394062344</v>
      </c>
      <c r="R4693" s="238">
        <v>35</v>
      </c>
      <c r="S4693" s="236">
        <f t="shared" si="1109"/>
        <v>4.5861878292103579</v>
      </c>
      <c r="T4693" s="236" t="e">
        <f t="shared" si="1095"/>
        <v>#N/A</v>
      </c>
    </row>
    <row r="4694" spans="1:20" x14ac:dyDescent="0.2">
      <c r="A4694" s="53">
        <f t="shared" si="1096"/>
        <v>4682</v>
      </c>
      <c r="B4694" s="239">
        <v>46.481000000000002</v>
      </c>
      <c r="C4694" s="3">
        <f t="shared" si="1097"/>
        <v>46.474000000000004</v>
      </c>
      <c r="D4694" s="239">
        <v>5.7680999999999996</v>
      </c>
      <c r="E4694" s="239">
        <v>0.2114</v>
      </c>
      <c r="F4694" s="239">
        <v>0.62470000000000003</v>
      </c>
      <c r="G4694">
        <f t="shared" si="1098"/>
        <v>5.8930399999999992</v>
      </c>
      <c r="H4694" s="235">
        <f t="shared" si="1099"/>
        <v>3.5872826249270329</v>
      </c>
      <c r="I4694" s="236">
        <f t="shared" si="1100"/>
        <v>20.215531958462073</v>
      </c>
      <c r="J4694" s="237">
        <f t="shared" si="1105"/>
        <v>10.215531958462073</v>
      </c>
      <c r="K4694" s="237">
        <f t="shared" si="1101"/>
        <v>939.49663223756647</v>
      </c>
      <c r="L4694" s="237">
        <f t="shared" si="1106"/>
        <v>474.82814096127561</v>
      </c>
      <c r="M4694" s="236">
        <f t="shared" si="1102"/>
        <v>10.43228684326529</v>
      </c>
      <c r="N4694" s="236">
        <f t="shared" si="1103"/>
        <v>4.2676521492834256</v>
      </c>
      <c r="O4694" s="236">
        <f t="shared" si="1107"/>
        <v>3.0714235078156036</v>
      </c>
      <c r="P4694" s="236" t="str">
        <f t="shared" si="1108"/>
        <v>CLAY</v>
      </c>
      <c r="Q4694" s="236">
        <f t="shared" si="1104"/>
        <v>412.79528064686934</v>
      </c>
      <c r="R4694" s="238">
        <v>35</v>
      </c>
      <c r="S4694" s="236">
        <f t="shared" si="1109"/>
        <v>4.687209966112535</v>
      </c>
      <c r="T4694" s="236" t="e">
        <f t="shared" si="1095"/>
        <v>#N/A</v>
      </c>
    </row>
    <row r="4695" spans="1:20" x14ac:dyDescent="0.2">
      <c r="A4695" s="53">
        <f t="shared" si="1096"/>
        <v>4683</v>
      </c>
      <c r="B4695" s="239">
        <v>46.491999999999997</v>
      </c>
      <c r="C4695" s="3">
        <f t="shared" si="1097"/>
        <v>46.484999999999999</v>
      </c>
      <c r="D4695" s="239">
        <v>5.7933000000000003</v>
      </c>
      <c r="E4695" s="239">
        <v>0.2059</v>
      </c>
      <c r="F4695" s="239">
        <v>0.61309999999999998</v>
      </c>
      <c r="G4695">
        <f t="shared" si="1098"/>
        <v>5.9159200000000007</v>
      </c>
      <c r="H4695" s="235">
        <f t="shared" si="1099"/>
        <v>3.4804392216257147</v>
      </c>
      <c r="I4695" s="236">
        <f t="shared" si="1100"/>
        <v>20.186135253476586</v>
      </c>
      <c r="J4695" s="237">
        <f t="shared" si="1105"/>
        <v>10.186135253476586</v>
      </c>
      <c r="K4695" s="237">
        <f t="shared" si="1101"/>
        <v>938.35249725785911</v>
      </c>
      <c r="L4695" s="237">
        <f t="shared" si="1106"/>
        <v>473.57380020463341</v>
      </c>
      <c r="M4695" s="236">
        <f t="shared" si="1102"/>
        <v>10.510647972061191</v>
      </c>
      <c r="N4695" s="236">
        <f t="shared" si="1103"/>
        <v>4.1365586681962565</v>
      </c>
      <c r="O4695" s="236">
        <f t="shared" si="1107"/>
        <v>3.0606799340166737</v>
      </c>
      <c r="P4695" s="236" t="str">
        <f t="shared" si="1108"/>
        <v>CLAY</v>
      </c>
      <c r="Q4695" s="236">
        <f t="shared" si="1104"/>
        <v>414.79729189517849</v>
      </c>
      <c r="R4695" s="238">
        <v>35</v>
      </c>
      <c r="S4695" s="236">
        <f t="shared" si="1109"/>
        <v>4.7312606242550341</v>
      </c>
      <c r="T4695" s="236" t="e">
        <f t="shared" si="1095"/>
        <v>#N/A</v>
      </c>
    </row>
    <row r="4696" spans="1:20" x14ac:dyDescent="0.2">
      <c r="A4696" s="53">
        <f t="shared" si="1096"/>
        <v>4684</v>
      </c>
      <c r="B4696" s="239">
        <v>46.500999999999998</v>
      </c>
      <c r="C4696" s="3">
        <f t="shared" si="1097"/>
        <v>46.494</v>
      </c>
      <c r="D4696" s="239">
        <v>5.6527000000000003</v>
      </c>
      <c r="E4696" s="239">
        <v>0.19769999999999999</v>
      </c>
      <c r="F4696" s="239">
        <v>0.47199999999999998</v>
      </c>
      <c r="G4696">
        <f t="shared" si="1098"/>
        <v>5.7471000000000005</v>
      </c>
      <c r="H4696" s="235">
        <f t="shared" si="1099"/>
        <v>3.4399958239807895</v>
      </c>
      <c r="I4696" s="236">
        <f t="shared" si="1100"/>
        <v>20.127164940091767</v>
      </c>
      <c r="J4696" s="237">
        <f t="shared" si="1105"/>
        <v>10.127164940091767</v>
      </c>
      <c r="K4696" s="237">
        <f t="shared" si="1101"/>
        <v>935.79240672462663</v>
      </c>
      <c r="L4696" s="237">
        <f t="shared" si="1106"/>
        <v>470.92329687920721</v>
      </c>
      <c r="M4696" s="236">
        <f t="shared" si="1102"/>
        <v>10.216754246731361</v>
      </c>
      <c r="N4696" s="236">
        <f t="shared" si="1103"/>
        <v>4.1090700639534994</v>
      </c>
      <c r="O4696" s="236">
        <f t="shared" si="1107"/>
        <v>3.0688102201158758</v>
      </c>
      <c r="P4696" s="236" t="str">
        <f t="shared" si="1108"/>
        <v>CLAY</v>
      </c>
      <c r="Q4696" s="236">
        <f t="shared" si="1104"/>
        <v>400.94229943961449</v>
      </c>
      <c r="R4696" s="238">
        <v>35</v>
      </c>
      <c r="S4696" s="236">
        <f t="shared" si="1109"/>
        <v>4.5664761363076503</v>
      </c>
      <c r="T4696" s="236" t="e">
        <f t="shared" si="1095"/>
        <v>#N/A</v>
      </c>
    </row>
    <row r="4697" spans="1:20" x14ac:dyDescent="0.2">
      <c r="A4697" s="53">
        <f t="shared" si="1096"/>
        <v>4685</v>
      </c>
      <c r="B4697" s="239">
        <v>46.511000000000003</v>
      </c>
      <c r="C4697" s="3">
        <f t="shared" si="1097"/>
        <v>46.504000000000005</v>
      </c>
      <c r="D4697" s="239">
        <v>5.4642999999999997</v>
      </c>
      <c r="E4697" s="239">
        <v>0.18110000000000001</v>
      </c>
      <c r="F4697" s="239">
        <v>0.24440000000000001</v>
      </c>
      <c r="G4697">
        <f t="shared" si="1098"/>
        <v>5.5131799999999993</v>
      </c>
      <c r="H4697" s="235">
        <f t="shared" si="1099"/>
        <v>3.2848555643022728</v>
      </c>
      <c r="I4697" s="236">
        <f t="shared" si="1100"/>
        <v>20.008084825035798</v>
      </c>
      <c r="J4697" s="237">
        <f t="shared" si="1105"/>
        <v>10.008084825035798</v>
      </c>
      <c r="K4697" s="237">
        <f t="shared" si="1101"/>
        <v>930.4559767034649</v>
      </c>
      <c r="L4697" s="237">
        <f t="shared" si="1106"/>
        <v>465.48603329724006</v>
      </c>
      <c r="M4697" s="236">
        <f t="shared" si="1102"/>
        <v>9.8450301308400299</v>
      </c>
      <c r="N4697" s="236">
        <f t="shared" si="1103"/>
        <v>3.9517980807783326</v>
      </c>
      <c r="O4697" s="236">
        <f t="shared" si="1107"/>
        <v>3.0716765669903467</v>
      </c>
      <c r="P4697" s="236" t="str">
        <f t="shared" si="1108"/>
        <v>CLAY</v>
      </c>
      <c r="Q4697" s="236">
        <f t="shared" si="1104"/>
        <v>381.89366860804449</v>
      </c>
      <c r="R4697" s="238">
        <v>35</v>
      </c>
      <c r="S4697" s="236">
        <f t="shared" si="1109"/>
        <v>4.359747333461323</v>
      </c>
      <c r="T4697" s="236" t="e">
        <f t="shared" si="1095"/>
        <v>#N/A</v>
      </c>
    </row>
    <row r="4698" spans="1:20" x14ac:dyDescent="0.2">
      <c r="A4698" s="53">
        <f t="shared" si="1096"/>
        <v>4686</v>
      </c>
      <c r="B4698" s="239">
        <v>46.521000000000001</v>
      </c>
      <c r="C4698" s="3">
        <f t="shared" si="1097"/>
        <v>46.514000000000003</v>
      </c>
      <c r="D4698" s="239">
        <v>5.2104999999999997</v>
      </c>
      <c r="E4698" s="239">
        <v>0.1701</v>
      </c>
      <c r="F4698" s="239">
        <v>0.17630000000000001</v>
      </c>
      <c r="G4698">
        <f t="shared" si="1098"/>
        <v>5.2457599999999998</v>
      </c>
      <c r="H4698" s="235">
        <f t="shared" si="1099"/>
        <v>3.2426188007076195</v>
      </c>
      <c r="I4698" s="236">
        <f t="shared" si="1100"/>
        <v>19.915172276616264</v>
      </c>
      <c r="J4698" s="237">
        <f t="shared" si="1105"/>
        <v>9.9151722766162642</v>
      </c>
      <c r="K4698" s="237">
        <f t="shared" si="1101"/>
        <v>926.33432327452897</v>
      </c>
      <c r="L4698" s="237">
        <f t="shared" si="1106"/>
        <v>461.26372948046526</v>
      </c>
      <c r="M4698" s="236">
        <f t="shared" si="1102"/>
        <v>9.3643297763528146</v>
      </c>
      <c r="N4698" s="236">
        <f t="shared" si="1103"/>
        <v>3.9380235413369067</v>
      </c>
      <c r="O4698" s="236">
        <f t="shared" si="1107"/>
        <v>3.0883416291948751</v>
      </c>
      <c r="P4698" s="236" t="str">
        <f t="shared" si="1108"/>
        <v>CLAY</v>
      </c>
      <c r="Q4698" s="236">
        <f t="shared" si="1104"/>
        <v>359.95213972712253</v>
      </c>
      <c r="R4698" s="238">
        <v>35</v>
      </c>
      <c r="S4698" s="236">
        <f t="shared" si="1109"/>
        <v>4.0953015245926032</v>
      </c>
      <c r="T4698" s="236" t="e">
        <f t="shared" si="1095"/>
        <v>#N/A</v>
      </c>
    </row>
    <row r="4699" spans="1:20" x14ac:dyDescent="0.2">
      <c r="A4699" s="53">
        <f t="shared" si="1096"/>
        <v>4687</v>
      </c>
      <c r="B4699" s="239">
        <v>46.530999999999999</v>
      </c>
      <c r="C4699" s="3">
        <f t="shared" si="1097"/>
        <v>46.524000000000001</v>
      </c>
      <c r="D4699" s="239">
        <v>5.0911999999999997</v>
      </c>
      <c r="E4699" s="239">
        <v>0.16669999999999999</v>
      </c>
      <c r="F4699" s="239">
        <v>0.25690000000000002</v>
      </c>
      <c r="G4699">
        <f t="shared" si="1098"/>
        <v>5.1425799999999997</v>
      </c>
      <c r="H4699" s="235">
        <f t="shared" si="1099"/>
        <v>3.2415635731481083</v>
      </c>
      <c r="I4699" s="236">
        <f t="shared" si="1100"/>
        <v>19.883732124745897</v>
      </c>
      <c r="J4699" s="237">
        <f t="shared" si="1105"/>
        <v>9.8837321247458974</v>
      </c>
      <c r="K4699" s="237">
        <f t="shared" si="1101"/>
        <v>925.07075337167817</v>
      </c>
      <c r="L4699" s="237">
        <f t="shared" si="1106"/>
        <v>459.89993949655133</v>
      </c>
      <c r="M4699" s="236">
        <f t="shared" si="1102"/>
        <v>9.1704931538916803</v>
      </c>
      <c r="N4699" s="236">
        <f t="shared" si="1103"/>
        <v>3.9525698760060317</v>
      </c>
      <c r="O4699" s="236">
        <f t="shared" si="1107"/>
        <v>3.0966345826861486</v>
      </c>
      <c r="P4699" s="236" t="str">
        <f t="shared" si="1108"/>
        <v>CLAY</v>
      </c>
      <c r="Q4699" s="236">
        <f t="shared" si="1104"/>
        <v>351.45910388569354</v>
      </c>
      <c r="R4699" s="238">
        <v>35</v>
      </c>
      <c r="S4699" s="236">
        <f t="shared" si="1109"/>
        <v>3.9896139375769741</v>
      </c>
      <c r="T4699" s="236" t="e">
        <f t="shared" si="1095"/>
        <v>#N/A</v>
      </c>
    </row>
    <row r="4700" spans="1:20" x14ac:dyDescent="0.2">
      <c r="A4700" s="53">
        <f t="shared" si="1096"/>
        <v>4688</v>
      </c>
      <c r="B4700" s="239">
        <v>46.54</v>
      </c>
      <c r="C4700" s="3">
        <f t="shared" si="1097"/>
        <v>46.533000000000001</v>
      </c>
      <c r="D4700" s="239">
        <v>5.3263999999999996</v>
      </c>
      <c r="E4700" s="239">
        <v>0.16889999999999999</v>
      </c>
      <c r="F4700" s="239">
        <v>0.38729999999999998</v>
      </c>
      <c r="G4700">
        <f t="shared" si="1098"/>
        <v>5.4038599999999999</v>
      </c>
      <c r="H4700" s="235">
        <f t="shared" si="1099"/>
        <v>3.1255435929132136</v>
      </c>
      <c r="I4700" s="236">
        <f t="shared" si="1100"/>
        <v>19.918476788370892</v>
      </c>
      <c r="J4700" s="237">
        <f t="shared" si="1105"/>
        <v>9.9184767883708922</v>
      </c>
      <c r="K4700" s="237">
        <f t="shared" si="1101"/>
        <v>926.8664803932628</v>
      </c>
      <c r="L4700" s="237">
        <f t="shared" si="1106"/>
        <v>461.60590973078132</v>
      </c>
      <c r="M4700" s="236">
        <f t="shared" si="1102"/>
        <v>9.6987352744634876</v>
      </c>
      <c r="N4700" s="236">
        <f t="shared" si="1103"/>
        <v>3.7726210516122509</v>
      </c>
      <c r="O4700" s="236">
        <f t="shared" si="1107"/>
        <v>3.0650661652370217</v>
      </c>
      <c r="P4700" s="236" t="str">
        <f t="shared" si="1108"/>
        <v>CLAY</v>
      </c>
      <c r="Q4700" s="236">
        <f t="shared" si="1104"/>
        <v>373.08279330056143</v>
      </c>
      <c r="R4700" s="238">
        <v>35</v>
      </c>
      <c r="S4700" s="236">
        <f t="shared" si="1109"/>
        <v>4.2789172775082021</v>
      </c>
      <c r="T4700" s="236" t="e">
        <f t="shared" si="1095"/>
        <v>#N/A</v>
      </c>
    </row>
    <row r="4701" spans="1:20" x14ac:dyDescent="0.2">
      <c r="A4701" s="53">
        <f t="shared" si="1096"/>
        <v>4689</v>
      </c>
      <c r="B4701" s="239">
        <v>46.55</v>
      </c>
      <c r="C4701" s="3">
        <f t="shared" si="1097"/>
        <v>46.542999999999999</v>
      </c>
      <c r="D4701" s="239">
        <v>5.7981999999999996</v>
      </c>
      <c r="E4701" s="239">
        <v>0.1724</v>
      </c>
      <c r="F4701" s="239">
        <v>0.57020000000000004</v>
      </c>
      <c r="G4701">
        <f t="shared" si="1098"/>
        <v>5.9122399999999997</v>
      </c>
      <c r="H4701" s="235">
        <f t="shared" si="1099"/>
        <v>2.9159844661245145</v>
      </c>
      <c r="I4701" s="236">
        <f t="shared" si="1100"/>
        <v>19.977670510250064</v>
      </c>
      <c r="J4701" s="237">
        <f t="shared" si="1105"/>
        <v>9.9776705102500642</v>
      </c>
      <c r="K4701" s="237">
        <f t="shared" si="1101"/>
        <v>929.82071855856873</v>
      </c>
      <c r="L4701" s="237">
        <f t="shared" si="1106"/>
        <v>464.46056225214045</v>
      </c>
      <c r="M4701" s="236">
        <f t="shared" si="1102"/>
        <v>10.727324742669193</v>
      </c>
      <c r="N4701" s="236">
        <f t="shared" si="1103"/>
        <v>3.4601664424782035</v>
      </c>
      <c r="O4701" s="236">
        <f t="shared" si="1107"/>
        <v>3.0075944362340574</v>
      </c>
      <c r="P4701" s="236" t="str">
        <f t="shared" si="1108"/>
        <v>CLAY</v>
      </c>
      <c r="Q4701" s="236">
        <f t="shared" si="1104"/>
        <v>415.20160678678593</v>
      </c>
      <c r="R4701" s="238">
        <v>35</v>
      </c>
      <c r="S4701" s="236">
        <f t="shared" si="1109"/>
        <v>4.8534917267091213</v>
      </c>
      <c r="T4701" s="236" t="e">
        <f t="shared" si="1095"/>
        <v>#N/A</v>
      </c>
    </row>
    <row r="4702" spans="1:20" x14ac:dyDescent="0.2">
      <c r="A4702" s="53">
        <f t="shared" si="1096"/>
        <v>4690</v>
      </c>
      <c r="B4702" s="239">
        <v>46.56</v>
      </c>
      <c r="C4702" s="3">
        <f t="shared" si="1097"/>
        <v>46.553000000000004</v>
      </c>
      <c r="D4702" s="239">
        <v>6.1471</v>
      </c>
      <c r="E4702" s="239">
        <v>0.1903</v>
      </c>
      <c r="F4702" s="239">
        <v>0.96089999999999998</v>
      </c>
      <c r="G4702">
        <f t="shared" si="1098"/>
        <v>6.3392799999999996</v>
      </c>
      <c r="H4702" s="235">
        <f t="shared" si="1099"/>
        <v>3.0019181989121795</v>
      </c>
      <c r="I4702" s="236">
        <f t="shared" si="1100"/>
        <v>20.120763723872241</v>
      </c>
      <c r="J4702" s="237">
        <f t="shared" si="1105"/>
        <v>10.120763723872241</v>
      </c>
      <c r="K4702" s="237">
        <f t="shared" si="1101"/>
        <v>936.68191363742449</v>
      </c>
      <c r="L4702" s="237">
        <f t="shared" si="1106"/>
        <v>471.22275898349153</v>
      </c>
      <c r="M4702" s="236">
        <f t="shared" si="1102"/>
        <v>11.465061870137403</v>
      </c>
      <c r="N4702" s="236">
        <f t="shared" si="1103"/>
        <v>3.5223793618918608</v>
      </c>
      <c r="O4702" s="236">
        <f t="shared" si="1107"/>
        <v>2.9887816967098479</v>
      </c>
      <c r="P4702" s="236" t="str">
        <f t="shared" si="1108"/>
        <v>CLAY</v>
      </c>
      <c r="Q4702" s="236">
        <f t="shared" si="1104"/>
        <v>450.21650719688131</v>
      </c>
      <c r="R4702" s="238">
        <v>35</v>
      </c>
      <c r="S4702" s="236">
        <f t="shared" si="1109"/>
        <v>5.2742475771962951</v>
      </c>
      <c r="T4702" s="236" t="e">
        <f t="shared" si="1095"/>
        <v>#N/A</v>
      </c>
    </row>
    <row r="4703" spans="1:20" x14ac:dyDescent="0.2">
      <c r="A4703" s="53">
        <f t="shared" si="1096"/>
        <v>4691</v>
      </c>
      <c r="B4703" s="239">
        <v>46.569000000000003</v>
      </c>
      <c r="C4703" s="3">
        <f t="shared" si="1097"/>
        <v>46.562000000000005</v>
      </c>
      <c r="D4703" s="239">
        <v>6.8174000000000001</v>
      </c>
      <c r="E4703" s="239">
        <v>0.20880000000000001</v>
      </c>
      <c r="F4703" s="239">
        <v>1.002</v>
      </c>
      <c r="G4703">
        <f t="shared" si="1098"/>
        <v>7.0178000000000003</v>
      </c>
      <c r="H4703" s="235">
        <f t="shared" si="1099"/>
        <v>2.9752914018638323</v>
      </c>
      <c r="I4703" s="236">
        <f t="shared" si="1100"/>
        <v>20.269296277477391</v>
      </c>
      <c r="J4703" s="237">
        <f t="shared" si="1105"/>
        <v>10.269296277477391</v>
      </c>
      <c r="K4703" s="237">
        <f t="shared" si="1101"/>
        <v>943.77897327190237</v>
      </c>
      <c r="L4703" s="237">
        <f t="shared" si="1106"/>
        <v>478.23085834584464</v>
      </c>
      <c r="M4703" s="236">
        <f t="shared" si="1102"/>
        <v>12.701022781628026</v>
      </c>
      <c r="N4703" s="236">
        <f t="shared" si="1103"/>
        <v>3.4375909974825132</v>
      </c>
      <c r="O4703" s="236">
        <f t="shared" si="1107"/>
        <v>2.9467181996112797</v>
      </c>
      <c r="P4703" s="236" t="str">
        <f t="shared" si="1108"/>
        <v>CLAY</v>
      </c>
      <c r="Q4703" s="236">
        <f t="shared" si="1104"/>
        <v>506.1684188940082</v>
      </c>
      <c r="R4703" s="238">
        <v>35</v>
      </c>
      <c r="S4703" s="236">
        <f t="shared" si="1109"/>
        <v>5.9942986599650707</v>
      </c>
      <c r="T4703" s="236" t="e">
        <f t="shared" si="1095"/>
        <v>#N/A</v>
      </c>
    </row>
    <row r="4704" spans="1:20" x14ac:dyDescent="0.2">
      <c r="A4704" s="53">
        <f t="shared" si="1096"/>
        <v>4692</v>
      </c>
      <c r="B4704" s="239">
        <v>46.578000000000003</v>
      </c>
      <c r="C4704" s="3">
        <f t="shared" si="1097"/>
        <v>46.571000000000005</v>
      </c>
      <c r="D4704" s="239">
        <v>7.5766999999999998</v>
      </c>
      <c r="E4704" s="239">
        <v>0.2044</v>
      </c>
      <c r="F4704" s="239">
        <v>0.66290000000000004</v>
      </c>
      <c r="G4704">
        <f t="shared" si="1098"/>
        <v>7.7092799999999997</v>
      </c>
      <c r="H4704" s="235">
        <f t="shared" si="1099"/>
        <v>2.6513500612249135</v>
      </c>
      <c r="I4704" s="236">
        <f t="shared" si="1100"/>
        <v>20.28105389885831</v>
      </c>
      <c r="J4704" s="237">
        <f t="shared" si="1105"/>
        <v>10.28105389885831</v>
      </c>
      <c r="K4704" s="237">
        <f t="shared" si="1101"/>
        <v>944.5089611237305</v>
      </c>
      <c r="L4704" s="237">
        <f t="shared" si="1106"/>
        <v>478.87092850102243</v>
      </c>
      <c r="M4704" s="236">
        <f t="shared" si="1102"/>
        <v>14.126501811357766</v>
      </c>
      <c r="N4704" s="236">
        <f t="shared" si="1103"/>
        <v>3.021536114457378</v>
      </c>
      <c r="O4704" s="236">
        <f t="shared" si="1107"/>
        <v>2.876284731448707</v>
      </c>
      <c r="P4704" s="236" t="str">
        <f t="shared" si="1108"/>
        <v>CLAY</v>
      </c>
      <c r="Q4704" s="236">
        <f t="shared" si="1104"/>
        <v>563.73091990635578</v>
      </c>
      <c r="R4704" s="238">
        <v>35</v>
      </c>
      <c r="S4704" s="236">
        <f t="shared" si="1109"/>
        <v>6.8467314770652168</v>
      </c>
      <c r="T4704" s="236" t="e">
        <f t="shared" si="1095"/>
        <v>#N/A</v>
      </c>
    </row>
    <row r="4705" spans="1:20" x14ac:dyDescent="0.2">
      <c r="A4705" s="53">
        <f t="shared" si="1096"/>
        <v>4693</v>
      </c>
      <c r="B4705" s="239">
        <v>46.588000000000001</v>
      </c>
      <c r="C4705" s="3">
        <f t="shared" si="1097"/>
        <v>46.581000000000003</v>
      </c>
      <c r="D4705" s="239">
        <v>7.5457000000000001</v>
      </c>
      <c r="E4705" s="239">
        <v>0.193</v>
      </c>
      <c r="F4705" s="239">
        <v>0.33629999999999999</v>
      </c>
      <c r="G4705">
        <f t="shared" si="1098"/>
        <v>7.6129600000000002</v>
      </c>
      <c r="H4705" s="235">
        <f t="shared" si="1099"/>
        <v>2.5351505853176688</v>
      </c>
      <c r="I4705" s="236">
        <f t="shared" si="1100"/>
        <v>20.208845981840533</v>
      </c>
      <c r="J4705" s="237">
        <f t="shared" si="1105"/>
        <v>10.208845981840533</v>
      </c>
      <c r="K4705" s="237">
        <f t="shared" si="1101"/>
        <v>941.34825468011388</v>
      </c>
      <c r="L4705" s="237">
        <f t="shared" si="1106"/>
        <v>475.60971660198675</v>
      </c>
      <c r="M4705" s="236">
        <f t="shared" si="1102"/>
        <v>14.027492526825338</v>
      </c>
      <c r="N4705" s="236">
        <f t="shared" si="1103"/>
        <v>2.8928541912737784</v>
      </c>
      <c r="O4705" s="236">
        <f t="shared" si="1107"/>
        <v>2.8676263103220916</v>
      </c>
      <c r="P4705" s="236" t="str">
        <f t="shared" si="1108"/>
        <v>CLAY</v>
      </c>
      <c r="Q4705" s="236">
        <f t="shared" si="1104"/>
        <v>555.96764544332382</v>
      </c>
      <c r="R4705" s="238">
        <v>35</v>
      </c>
      <c r="S4705" s="236">
        <f t="shared" si="1109"/>
        <v>6.7868002345340326</v>
      </c>
      <c r="T4705" s="236" t="e">
        <f t="shared" si="1095"/>
        <v>#N/A</v>
      </c>
    </row>
    <row r="4706" spans="1:20" x14ac:dyDescent="0.2">
      <c r="A4706" s="53">
        <f t="shared" si="1096"/>
        <v>4694</v>
      </c>
      <c r="B4706" s="239">
        <v>46.597999999999999</v>
      </c>
      <c r="C4706" s="3">
        <f t="shared" si="1097"/>
        <v>46.591000000000001</v>
      </c>
      <c r="D4706" s="239">
        <v>7.4504000000000001</v>
      </c>
      <c r="E4706" s="239">
        <v>0.16839999999999999</v>
      </c>
      <c r="F4706" s="239">
        <v>0.1404</v>
      </c>
      <c r="G4706">
        <f t="shared" si="1098"/>
        <v>7.4784800000000002</v>
      </c>
      <c r="H4706" s="235">
        <f t="shared" si="1099"/>
        <v>2.2517944823012161</v>
      </c>
      <c r="I4706" s="236">
        <f t="shared" si="1100"/>
        <v>20.041998692611926</v>
      </c>
      <c r="J4706" s="237">
        <f t="shared" si="1105"/>
        <v>10.041998692611926</v>
      </c>
      <c r="K4706" s="237">
        <f t="shared" si="1101"/>
        <v>933.77676108748233</v>
      </c>
      <c r="L4706" s="237">
        <f t="shared" si="1106"/>
        <v>467.93705507833056</v>
      </c>
      <c r="M4706" s="236">
        <f t="shared" si="1102"/>
        <v>13.986289753900691</v>
      </c>
      <c r="N4706" s="236">
        <f t="shared" si="1103"/>
        <v>2.5730731226857233</v>
      </c>
      <c r="O4706" s="236">
        <f t="shared" si="1107"/>
        <v>2.8391429890822821</v>
      </c>
      <c r="P4706" s="236" t="str">
        <f t="shared" si="1108"/>
        <v>CLAY</v>
      </c>
      <c r="Q4706" s="236">
        <f t="shared" si="1104"/>
        <v>545.39193657604312</v>
      </c>
      <c r="R4706" s="238">
        <v>35</v>
      </c>
      <c r="S4706" s="236">
        <f t="shared" si="1109"/>
        <v>6.7618909143283368</v>
      </c>
      <c r="T4706" s="236" t="e">
        <f t="shared" si="1095"/>
        <v>#N/A</v>
      </c>
    </row>
    <row r="4707" spans="1:20" x14ac:dyDescent="0.2">
      <c r="A4707" s="53">
        <f t="shared" si="1096"/>
        <v>4695</v>
      </c>
      <c r="B4707" s="239">
        <v>46.606999999999999</v>
      </c>
      <c r="C4707" s="3">
        <f t="shared" si="1097"/>
        <v>46.6</v>
      </c>
      <c r="D4707" s="239">
        <v>7.2084999999999999</v>
      </c>
      <c r="E4707" s="239">
        <v>0.15989999999999999</v>
      </c>
      <c r="F4707" s="239">
        <v>0.105</v>
      </c>
      <c r="G4707">
        <f t="shared" si="1098"/>
        <v>7.2294999999999998</v>
      </c>
      <c r="H4707" s="235">
        <f t="shared" si="1099"/>
        <v>2.2117712151601077</v>
      </c>
      <c r="I4707" s="236">
        <f t="shared" si="1100"/>
        <v>19.968031342350798</v>
      </c>
      <c r="J4707" s="237">
        <f t="shared" si="1105"/>
        <v>9.9680313423507982</v>
      </c>
      <c r="K4707" s="237">
        <f t="shared" si="1101"/>
        <v>930.51026055354725</v>
      </c>
      <c r="L4707" s="237">
        <f t="shared" si="1106"/>
        <v>464.58003677294363</v>
      </c>
      <c r="M4707" s="236">
        <f t="shared" si="1102"/>
        <v>13.558459771970329</v>
      </c>
      <c r="N4707" s="236">
        <f t="shared" si="1103"/>
        <v>2.5385023093251107</v>
      </c>
      <c r="O4707" s="236">
        <f t="shared" si="1107"/>
        <v>2.8468425796035115</v>
      </c>
      <c r="P4707" s="236" t="str">
        <f t="shared" si="1108"/>
        <v>CLAY</v>
      </c>
      <c r="Q4707" s="236">
        <f t="shared" si="1104"/>
        <v>524.91581162053774</v>
      </c>
      <c r="R4707" s="238">
        <v>35</v>
      </c>
      <c r="S4707" s="236">
        <f t="shared" si="1109"/>
        <v>6.5043358039337607</v>
      </c>
      <c r="T4707" s="236" t="e">
        <f t="shared" si="1095"/>
        <v>#N/A</v>
      </c>
    </row>
    <row r="4708" spans="1:20" x14ac:dyDescent="0.2">
      <c r="A4708" s="53">
        <f t="shared" si="1096"/>
        <v>4696</v>
      </c>
      <c r="B4708" s="239">
        <v>46.618000000000002</v>
      </c>
      <c r="C4708" s="3">
        <f t="shared" si="1097"/>
        <v>46.611000000000004</v>
      </c>
      <c r="D4708" s="239">
        <v>6.9694000000000003</v>
      </c>
      <c r="E4708" s="239">
        <v>0.1613</v>
      </c>
      <c r="F4708" s="239">
        <v>0.17030000000000001</v>
      </c>
      <c r="G4708">
        <f t="shared" si="1098"/>
        <v>7.0034600000000005</v>
      </c>
      <c r="H4708" s="235">
        <f t="shared" si="1099"/>
        <v>2.3031473014766988</v>
      </c>
      <c r="I4708" s="236">
        <f t="shared" si="1100"/>
        <v>19.965837233615865</v>
      </c>
      <c r="J4708" s="237">
        <f t="shared" si="1105"/>
        <v>9.9658372336158649</v>
      </c>
      <c r="K4708" s="237">
        <f t="shared" si="1101"/>
        <v>930.62763929606922</v>
      </c>
      <c r="L4708" s="237">
        <f t="shared" si="1106"/>
        <v>464.5874001567044</v>
      </c>
      <c r="M4708" s="236">
        <f t="shared" si="1102"/>
        <v>13.071452989589423</v>
      </c>
      <c r="N4708" s="236">
        <f t="shared" si="1103"/>
        <v>2.6560917611317523</v>
      </c>
      <c r="O4708" s="236">
        <f t="shared" si="1107"/>
        <v>2.8711194046250186</v>
      </c>
      <c r="P4708" s="236" t="str">
        <f t="shared" si="1108"/>
        <v>CLAY</v>
      </c>
      <c r="Q4708" s="236">
        <f t="shared" si="1104"/>
        <v>506.06936339199427</v>
      </c>
      <c r="R4708" s="238">
        <v>35</v>
      </c>
      <c r="S4708" s="236">
        <f t="shared" si="1109"/>
        <v>6.2136221506371596</v>
      </c>
      <c r="T4708" s="236" t="e">
        <f t="shared" si="1095"/>
        <v>#N/A</v>
      </c>
    </row>
    <row r="4709" spans="1:20" x14ac:dyDescent="0.2">
      <c r="A4709" s="53">
        <f t="shared" si="1096"/>
        <v>4697</v>
      </c>
      <c r="B4709" s="239">
        <v>46.627000000000002</v>
      </c>
      <c r="C4709" s="3">
        <f t="shared" si="1097"/>
        <v>46.620000000000005</v>
      </c>
      <c r="D4709" s="239">
        <v>6.6093999999999999</v>
      </c>
      <c r="E4709" s="239">
        <v>0.16789999999999999</v>
      </c>
      <c r="F4709" s="239">
        <v>0.34710000000000002</v>
      </c>
      <c r="G4709">
        <f t="shared" si="1098"/>
        <v>6.67882</v>
      </c>
      <c r="H4709" s="235">
        <f t="shared" si="1099"/>
        <v>2.5139171290736986</v>
      </c>
      <c r="I4709" s="236">
        <f t="shared" si="1100"/>
        <v>19.994309699063276</v>
      </c>
      <c r="J4709" s="237">
        <f t="shared" si="1105"/>
        <v>9.994309699063276</v>
      </c>
      <c r="K4709" s="237">
        <f t="shared" si="1101"/>
        <v>932.13471817033007</v>
      </c>
      <c r="L4709" s="237">
        <f t="shared" si="1106"/>
        <v>466.00467833822341</v>
      </c>
      <c r="M4709" s="236">
        <f t="shared" si="1102"/>
        <v>12.331818861395119</v>
      </c>
      <c r="N4709" s="236">
        <f t="shared" si="1103"/>
        <v>2.9216842712942661</v>
      </c>
      <c r="O4709" s="236">
        <f t="shared" si="1107"/>
        <v>2.9156253954819982</v>
      </c>
      <c r="P4709" s="236" t="str">
        <f t="shared" si="1108"/>
        <v>CLAY</v>
      </c>
      <c r="Q4709" s="236">
        <f t="shared" si="1104"/>
        <v>478.89044015247242</v>
      </c>
      <c r="R4709" s="238">
        <v>35</v>
      </c>
      <c r="S4709" s="236">
        <f t="shared" si="1109"/>
        <v>5.7772868285192063</v>
      </c>
      <c r="T4709" s="236" t="e">
        <f t="shared" si="1095"/>
        <v>#N/A</v>
      </c>
    </row>
    <row r="4710" spans="1:20" x14ac:dyDescent="0.2">
      <c r="A4710" s="53">
        <f t="shared" si="1096"/>
        <v>4698</v>
      </c>
      <c r="B4710" s="239">
        <v>46.637</v>
      </c>
      <c r="C4710" s="3">
        <f t="shared" si="1097"/>
        <v>46.63</v>
      </c>
      <c r="D4710" s="239">
        <v>6.3239000000000001</v>
      </c>
      <c r="E4710" s="239">
        <v>0.17899999999999999</v>
      </c>
      <c r="F4710" s="239">
        <v>0.50990000000000002</v>
      </c>
      <c r="G4710">
        <f t="shared" si="1098"/>
        <v>6.4258800000000003</v>
      </c>
      <c r="H4710" s="235">
        <f t="shared" si="1099"/>
        <v>2.7856106867853119</v>
      </c>
      <c r="I4710" s="236">
        <f t="shared" si="1100"/>
        <v>20.054285587987071</v>
      </c>
      <c r="J4710" s="237">
        <f t="shared" si="1105"/>
        <v>10.054285587987071</v>
      </c>
      <c r="K4710" s="237">
        <f t="shared" si="1101"/>
        <v>935.13133696783711</v>
      </c>
      <c r="L4710" s="237">
        <f t="shared" si="1106"/>
        <v>468.90171696695302</v>
      </c>
      <c r="M4710" s="236">
        <f t="shared" si="1102"/>
        <v>11.709807118106877</v>
      </c>
      <c r="N4710" s="236">
        <f t="shared" si="1103"/>
        <v>3.2600290230941043</v>
      </c>
      <c r="O4710" s="236">
        <f t="shared" si="1107"/>
        <v>2.9615907880540084</v>
      </c>
      <c r="P4710" s="236" t="str">
        <f t="shared" si="1108"/>
        <v>CLAY</v>
      </c>
      <c r="Q4710" s="236">
        <f t="shared" si="1104"/>
        <v>457.56238858601358</v>
      </c>
      <c r="R4710" s="238">
        <v>35</v>
      </c>
      <c r="S4710" s="236">
        <f t="shared" si="1109"/>
        <v>5.4153581644257853</v>
      </c>
      <c r="T4710" s="236" t="e">
        <f t="shared" si="1095"/>
        <v>#N/A</v>
      </c>
    </row>
    <row r="4711" spans="1:20" x14ac:dyDescent="0.2">
      <c r="A4711" s="53">
        <f t="shared" si="1096"/>
        <v>4699</v>
      </c>
      <c r="B4711" s="239">
        <v>46.646000000000001</v>
      </c>
      <c r="C4711" s="3">
        <f t="shared" si="1097"/>
        <v>46.639000000000003</v>
      </c>
      <c r="D4711" s="239">
        <v>6.1882999999999999</v>
      </c>
      <c r="E4711" s="239">
        <v>0.1762</v>
      </c>
      <c r="F4711" s="239">
        <v>0.53939999999999999</v>
      </c>
      <c r="G4711">
        <f t="shared" si="1098"/>
        <v>6.2961799999999997</v>
      </c>
      <c r="H4711" s="235">
        <f t="shared" si="1099"/>
        <v>2.7985222785879693</v>
      </c>
      <c r="I4711" s="236">
        <f t="shared" si="1100"/>
        <v>20.027828417311355</v>
      </c>
      <c r="J4711" s="237">
        <f t="shared" si="1105"/>
        <v>10.027828417311355</v>
      </c>
      <c r="K4711" s="237">
        <f t="shared" si="1101"/>
        <v>934.07788955498438</v>
      </c>
      <c r="L4711" s="237">
        <f t="shared" si="1106"/>
        <v>467.75808435390547</v>
      </c>
      <c r="M4711" s="236">
        <f t="shared" si="1102"/>
        <v>11.463408735845711</v>
      </c>
      <c r="N4711" s="236">
        <f t="shared" si="1103"/>
        <v>3.286024703945384</v>
      </c>
      <c r="O4711" s="236">
        <f t="shared" si="1107"/>
        <v>2.9710997313019019</v>
      </c>
      <c r="P4711" s="236" t="str">
        <f t="shared" si="1108"/>
        <v>CLAY</v>
      </c>
      <c r="Q4711" s="236">
        <f t="shared" si="1104"/>
        <v>446.84184253708457</v>
      </c>
      <c r="R4711" s="238">
        <v>35</v>
      </c>
      <c r="S4711" s="236">
        <f t="shared" si="1109"/>
        <v>5.2732969845962225</v>
      </c>
      <c r="T4711" s="236" t="e">
        <f t="shared" si="1095"/>
        <v>#N/A</v>
      </c>
    </row>
    <row r="4712" spans="1:20" x14ac:dyDescent="0.2">
      <c r="A4712" s="53">
        <f t="shared" si="1096"/>
        <v>4700</v>
      </c>
      <c r="B4712" s="239">
        <v>46.656999999999996</v>
      </c>
      <c r="C4712" s="3">
        <f t="shared" si="1097"/>
        <v>46.65</v>
      </c>
      <c r="D4712" s="239">
        <v>6.2016</v>
      </c>
      <c r="E4712" s="239">
        <v>0.17660000000000001</v>
      </c>
      <c r="F4712" s="239">
        <v>0.47370000000000001</v>
      </c>
      <c r="G4712">
        <f t="shared" si="1098"/>
        <v>6.2963399999999998</v>
      </c>
      <c r="H4712" s="235">
        <f t="shared" si="1099"/>
        <v>2.8048040607718137</v>
      </c>
      <c r="I4712" s="236">
        <f t="shared" si="1100"/>
        <v>20.030497296885788</v>
      </c>
      <c r="J4712" s="237">
        <f t="shared" si="1105"/>
        <v>10.030497296885788</v>
      </c>
      <c r="K4712" s="237">
        <f t="shared" si="1101"/>
        <v>934.42269889972192</v>
      </c>
      <c r="L4712" s="237">
        <f t="shared" si="1106"/>
        <v>467.99291238080013</v>
      </c>
      <c r="M4712" s="236">
        <f t="shared" si="1102"/>
        <v>11.457261764548587</v>
      </c>
      <c r="N4712" s="236">
        <f t="shared" si="1103"/>
        <v>3.2935979815235354</v>
      </c>
      <c r="O4712" s="236">
        <f t="shared" si="1107"/>
        <v>2.9718731953646964</v>
      </c>
      <c r="P4712" s="236" t="str">
        <f t="shared" si="1108"/>
        <v>CLAY</v>
      </c>
      <c r="Q4712" s="236">
        <f t="shared" si="1104"/>
        <v>446.82644175835657</v>
      </c>
      <c r="R4712" s="238">
        <v>35</v>
      </c>
      <c r="S4712" s="236">
        <f t="shared" si="1109"/>
        <v>5.2697626266059734</v>
      </c>
      <c r="T4712" s="236" t="e">
        <f t="shared" si="1095"/>
        <v>#N/A</v>
      </c>
    </row>
    <row r="4713" spans="1:20" x14ac:dyDescent="0.2">
      <c r="A4713" s="53">
        <f t="shared" si="1096"/>
        <v>4701</v>
      </c>
      <c r="B4713" s="239">
        <v>46.667000000000002</v>
      </c>
      <c r="C4713" s="3">
        <f t="shared" si="1097"/>
        <v>46.660000000000004</v>
      </c>
      <c r="D4713" s="239">
        <v>6.2491000000000003</v>
      </c>
      <c r="E4713" s="239">
        <v>0.1787</v>
      </c>
      <c r="F4713" s="239">
        <v>0.44640000000000002</v>
      </c>
      <c r="G4713">
        <f t="shared" si="1098"/>
        <v>6.3383799999999999</v>
      </c>
      <c r="H4713" s="235">
        <f t="shared" si="1099"/>
        <v>2.8193323846156271</v>
      </c>
      <c r="I4713" s="236">
        <f t="shared" si="1100"/>
        <v>20.046959791448483</v>
      </c>
      <c r="J4713" s="237">
        <f t="shared" si="1105"/>
        <v>10.046959791448483</v>
      </c>
      <c r="K4713" s="237">
        <f t="shared" si="1101"/>
        <v>935.39114386898632</v>
      </c>
      <c r="L4713" s="237">
        <f t="shared" si="1106"/>
        <v>468.86147258752635</v>
      </c>
      <c r="M4713" s="236">
        <f t="shared" si="1102"/>
        <v>11.523635811476048</v>
      </c>
      <c r="N4713" s="236">
        <f t="shared" si="1103"/>
        <v>3.3074286243848365</v>
      </c>
      <c r="O4713" s="236">
        <f t="shared" si="1107"/>
        <v>2.9709035916283257</v>
      </c>
      <c r="P4713" s="236" t="str">
        <f t="shared" si="1108"/>
        <v>CLAY</v>
      </c>
      <c r="Q4713" s="236">
        <f t="shared" si="1104"/>
        <v>450.24907134425115</v>
      </c>
      <c r="R4713" s="238">
        <v>35</v>
      </c>
      <c r="S4713" s="236">
        <f t="shared" si="1109"/>
        <v>5.3079511137906739</v>
      </c>
      <c r="T4713" s="236" t="e">
        <f t="shared" si="1095"/>
        <v>#N/A</v>
      </c>
    </row>
    <row r="4714" spans="1:20" x14ac:dyDescent="0.2">
      <c r="A4714" s="53">
        <f t="shared" si="1096"/>
        <v>4702</v>
      </c>
      <c r="B4714" s="239">
        <v>46.676000000000002</v>
      </c>
      <c r="C4714" s="3">
        <f t="shared" si="1097"/>
        <v>46.669000000000004</v>
      </c>
      <c r="D4714" s="239">
        <v>6.4053000000000004</v>
      </c>
      <c r="E4714" s="239">
        <v>0.18260000000000001</v>
      </c>
      <c r="F4714" s="239">
        <v>0.47860000000000003</v>
      </c>
      <c r="G4714">
        <f t="shared" si="1098"/>
        <v>6.5010200000000005</v>
      </c>
      <c r="H4714" s="235">
        <f t="shared" si="1099"/>
        <v>2.8087900052607129</v>
      </c>
      <c r="I4714" s="236">
        <f t="shared" si="1100"/>
        <v>20.082178493928172</v>
      </c>
      <c r="J4714" s="237">
        <f t="shared" si="1105"/>
        <v>10.082178493928172</v>
      </c>
      <c r="K4714" s="237">
        <f t="shared" si="1101"/>
        <v>937.21518813313389</v>
      </c>
      <c r="L4714" s="237">
        <f t="shared" si="1106"/>
        <v>470.59576338259137</v>
      </c>
      <c r="M4714" s="236">
        <f t="shared" si="1102"/>
        <v>11.822896092125523</v>
      </c>
      <c r="N4714" s="236">
        <f t="shared" si="1103"/>
        <v>3.2819267780662997</v>
      </c>
      <c r="O4714" s="236">
        <f t="shared" si="1107"/>
        <v>2.9599115433077094</v>
      </c>
      <c r="P4714" s="236" t="str">
        <f t="shared" si="1108"/>
        <v>CLAY</v>
      </c>
      <c r="Q4714" s="236">
        <f t="shared" si="1104"/>
        <v>463.65040098890557</v>
      </c>
      <c r="R4714" s="238">
        <v>35</v>
      </c>
      <c r="S4714" s="236">
        <f t="shared" si="1109"/>
        <v>5.48081129566292</v>
      </c>
      <c r="T4714" s="236" t="e">
        <f t="shared" si="1095"/>
        <v>#N/A</v>
      </c>
    </row>
    <row r="4715" spans="1:20" x14ac:dyDescent="0.2">
      <c r="A4715" s="53">
        <f t="shared" si="1096"/>
        <v>4703</v>
      </c>
      <c r="B4715" s="239">
        <v>46.685000000000002</v>
      </c>
      <c r="C4715" s="3">
        <f t="shared" si="1097"/>
        <v>46.678000000000004</v>
      </c>
      <c r="D4715" s="239">
        <v>6.7058</v>
      </c>
      <c r="E4715" s="239">
        <v>0.1888</v>
      </c>
      <c r="F4715" s="239">
        <v>0.4304</v>
      </c>
      <c r="G4715">
        <f t="shared" si="1098"/>
        <v>6.7918799999999999</v>
      </c>
      <c r="H4715" s="235">
        <f t="shared" si="1099"/>
        <v>2.779789984510916</v>
      </c>
      <c r="I4715" s="236">
        <f t="shared" si="1100"/>
        <v>20.138439430988679</v>
      </c>
      <c r="J4715" s="237">
        <f t="shared" si="1105"/>
        <v>10.138439430988679</v>
      </c>
      <c r="K4715" s="237">
        <f t="shared" si="1101"/>
        <v>940.02207575968964</v>
      </c>
      <c r="L4715" s="237">
        <f t="shared" si="1106"/>
        <v>473.31304483570653</v>
      </c>
      <c r="M4715" s="236">
        <f t="shared" si="1102"/>
        <v>12.363610063338886</v>
      </c>
      <c r="N4715" s="236">
        <f t="shared" si="1103"/>
        <v>3.2263257660089217</v>
      </c>
      <c r="O4715" s="236">
        <f t="shared" si="1107"/>
        <v>2.939834191776181</v>
      </c>
      <c r="P4715" s="236" t="str">
        <f t="shared" si="1108"/>
        <v>CLAY</v>
      </c>
      <c r="Q4715" s="236">
        <f t="shared" si="1104"/>
        <v>487.65482702002583</v>
      </c>
      <c r="R4715" s="238">
        <v>35</v>
      </c>
      <c r="S4715" s="236">
        <f t="shared" si="1109"/>
        <v>5.7959099978229895</v>
      </c>
      <c r="T4715" s="236" t="e">
        <f t="shared" si="1095"/>
        <v>#N/A</v>
      </c>
    </row>
    <row r="4716" spans="1:20" x14ac:dyDescent="0.2">
      <c r="A4716" s="53">
        <f t="shared" si="1096"/>
        <v>4704</v>
      </c>
      <c r="B4716" s="239">
        <v>46.695999999999998</v>
      </c>
      <c r="C4716" s="3">
        <f t="shared" si="1097"/>
        <v>46.689</v>
      </c>
      <c r="D4716" s="239">
        <v>6.5685000000000002</v>
      </c>
      <c r="E4716" s="239">
        <v>0.19620000000000001</v>
      </c>
      <c r="F4716" s="239">
        <v>0.61650000000000005</v>
      </c>
      <c r="G4716">
        <f t="shared" si="1098"/>
        <v>6.6918000000000006</v>
      </c>
      <c r="H4716" s="235">
        <f t="shared" si="1099"/>
        <v>2.9319465614632834</v>
      </c>
      <c r="I4716" s="236">
        <f t="shared" si="1100"/>
        <v>20.177719019926776</v>
      </c>
      <c r="J4716" s="237">
        <f t="shared" si="1105"/>
        <v>10.177719019926776</v>
      </c>
      <c r="K4716" s="237">
        <f t="shared" si="1101"/>
        <v>942.07752332136124</v>
      </c>
      <c r="L4716" s="237">
        <f t="shared" si="1106"/>
        <v>475.25876735450072</v>
      </c>
      <c r="M4716" s="236">
        <f t="shared" si="1102"/>
        <v>12.098088181905878</v>
      </c>
      <c r="N4716" s="236">
        <f t="shared" si="1103"/>
        <v>3.41233860931208</v>
      </c>
      <c r="O4716" s="236">
        <f t="shared" si="1107"/>
        <v>2.9618090876681396</v>
      </c>
      <c r="P4716" s="236" t="str">
        <f t="shared" si="1108"/>
        <v>CLAY</v>
      </c>
      <c r="Q4716" s="236">
        <f t="shared" si="1104"/>
        <v>479.14353972322004</v>
      </c>
      <c r="R4716" s="238">
        <v>35</v>
      </c>
      <c r="S4716" s="236">
        <f t="shared" si="1109"/>
        <v>5.6407381644064651</v>
      </c>
      <c r="T4716" s="236" t="e">
        <f t="shared" si="1095"/>
        <v>#N/A</v>
      </c>
    </row>
    <row r="4717" spans="1:20" x14ac:dyDescent="0.2">
      <c r="A4717" s="53">
        <f t="shared" si="1096"/>
        <v>4705</v>
      </c>
      <c r="B4717" s="239">
        <v>46.704999999999998</v>
      </c>
      <c r="C4717" s="3">
        <f t="shared" si="1097"/>
        <v>46.698</v>
      </c>
      <c r="D4717" s="239">
        <v>6.6889000000000003</v>
      </c>
      <c r="E4717" s="239">
        <v>0.19939999999999999</v>
      </c>
      <c r="F4717" s="239">
        <v>0.59099999999999997</v>
      </c>
      <c r="G4717">
        <f t="shared" si="1098"/>
        <v>6.8071000000000002</v>
      </c>
      <c r="H4717" s="235">
        <f t="shared" si="1099"/>
        <v>2.929294413186232</v>
      </c>
      <c r="I4717" s="236">
        <f t="shared" si="1100"/>
        <v>20.203366887722879</v>
      </c>
      <c r="J4717" s="237">
        <f t="shared" si="1105"/>
        <v>10.203366887722879</v>
      </c>
      <c r="K4717" s="237">
        <f t="shared" si="1101"/>
        <v>943.45682692288301</v>
      </c>
      <c r="L4717" s="237">
        <f t="shared" si="1106"/>
        <v>476.54825049109706</v>
      </c>
      <c r="M4717" s="236">
        <f t="shared" si="1102"/>
        <v>12.304406042902182</v>
      </c>
      <c r="N4717" s="236">
        <f t="shared" si="1103"/>
        <v>3.4006162059032499</v>
      </c>
      <c r="O4717" s="236">
        <f t="shared" si="1107"/>
        <v>2.9550068334631137</v>
      </c>
      <c r="P4717" s="236" t="str">
        <f t="shared" si="1108"/>
        <v>CLAY</v>
      </c>
      <c r="Q4717" s="236">
        <f t="shared" si="1104"/>
        <v>488.6369310897598</v>
      </c>
      <c r="R4717" s="238">
        <v>35</v>
      </c>
      <c r="S4717" s="236">
        <f t="shared" si="1109"/>
        <v>5.7612381330388862</v>
      </c>
      <c r="T4717" s="236" t="e">
        <f t="shared" si="1095"/>
        <v>#N/A</v>
      </c>
    </row>
    <row r="4718" spans="1:20" x14ac:dyDescent="0.2">
      <c r="A4718" s="53">
        <f t="shared" si="1096"/>
        <v>4706</v>
      </c>
      <c r="B4718" s="239">
        <v>46.715000000000003</v>
      </c>
      <c r="C4718" s="3">
        <f t="shared" si="1097"/>
        <v>46.708000000000006</v>
      </c>
      <c r="D4718" s="239">
        <v>6.9292999999999996</v>
      </c>
      <c r="E4718" s="239">
        <v>0.18790000000000001</v>
      </c>
      <c r="F4718" s="239">
        <v>0.31019999999999998</v>
      </c>
      <c r="G4718">
        <f t="shared" si="1098"/>
        <v>6.9913399999999992</v>
      </c>
      <c r="H4718" s="235">
        <f t="shared" si="1099"/>
        <v>2.6876106726321423</v>
      </c>
      <c r="I4718" s="236">
        <f t="shared" si="1100"/>
        <v>20.144149741421387</v>
      </c>
      <c r="J4718" s="237">
        <f t="shared" si="1105"/>
        <v>10.144149741421387</v>
      </c>
      <c r="K4718" s="237">
        <f t="shared" si="1101"/>
        <v>940.89294612231026</v>
      </c>
      <c r="L4718" s="237">
        <f t="shared" si="1106"/>
        <v>473.88395517050014</v>
      </c>
      <c r="M4718" s="236">
        <f t="shared" si="1102"/>
        <v>12.767782044236505</v>
      </c>
      <c r="N4718" s="236">
        <f t="shared" si="1103"/>
        <v>3.1055556445135113</v>
      </c>
      <c r="O4718" s="236">
        <f t="shared" si="1107"/>
        <v>2.918796181923855</v>
      </c>
      <c r="P4718" s="236" t="str">
        <f t="shared" si="1108"/>
        <v>CLAY</v>
      </c>
      <c r="Q4718" s="236">
        <f t="shared" si="1104"/>
        <v>504.20392115647405</v>
      </c>
      <c r="R4718" s="238">
        <v>35</v>
      </c>
      <c r="S4718" s="236">
        <f t="shared" si="1109"/>
        <v>6.0337086297469238</v>
      </c>
      <c r="T4718" s="236" t="e">
        <f t="shared" si="1095"/>
        <v>#N/A</v>
      </c>
    </row>
    <row r="4719" spans="1:20" x14ac:dyDescent="0.2">
      <c r="A4719" s="53">
        <f t="shared" si="1096"/>
        <v>4707</v>
      </c>
      <c r="B4719" s="239">
        <v>46.723999999999997</v>
      </c>
      <c r="C4719" s="3">
        <f t="shared" si="1097"/>
        <v>46.716999999999999</v>
      </c>
      <c r="D4719" s="239">
        <v>7.1131000000000002</v>
      </c>
      <c r="E4719" s="239">
        <v>0.18329999999999999</v>
      </c>
      <c r="F4719" s="239">
        <v>0.16039999999999999</v>
      </c>
      <c r="G4719">
        <f t="shared" si="1098"/>
        <v>7.1451799999999999</v>
      </c>
      <c r="H4719" s="235">
        <f t="shared" si="1099"/>
        <v>2.5653657430603567</v>
      </c>
      <c r="I4719" s="236">
        <f t="shared" si="1100"/>
        <v>20.123593566315527</v>
      </c>
      <c r="J4719" s="237">
        <f t="shared" si="1105"/>
        <v>10.123593566315527</v>
      </c>
      <c r="K4719" s="237">
        <f t="shared" si="1101"/>
        <v>940.1139206375625</v>
      </c>
      <c r="L4719" s="237">
        <f t="shared" si="1106"/>
        <v>473.01478579252665</v>
      </c>
      <c r="M4719" s="236">
        <f t="shared" si="1102"/>
        <v>13.11812287001975</v>
      </c>
      <c r="N4719" s="236">
        <f t="shared" si="1103"/>
        <v>2.954037840300225</v>
      </c>
      <c r="O4719" s="236">
        <f t="shared" si="1107"/>
        <v>2.8965520886698188</v>
      </c>
      <c r="P4719" s="236" t="str">
        <f t="shared" si="1108"/>
        <v>CLAY</v>
      </c>
      <c r="Q4719" s="236">
        <f t="shared" si="1104"/>
        <v>517.08883994686983</v>
      </c>
      <c r="R4719" s="238">
        <v>35</v>
      </c>
      <c r="S4719" s="236">
        <f t="shared" si="1109"/>
        <v>6.241365652888339</v>
      </c>
      <c r="T4719" s="236" t="e">
        <f t="shared" si="1095"/>
        <v>#N/A</v>
      </c>
    </row>
    <row r="4720" spans="1:20" x14ac:dyDescent="0.2">
      <c r="A4720" s="53">
        <f t="shared" si="1096"/>
        <v>4708</v>
      </c>
      <c r="B4720" s="239">
        <v>46.734000000000002</v>
      </c>
      <c r="C4720" s="3">
        <f t="shared" si="1097"/>
        <v>46.727000000000004</v>
      </c>
      <c r="D4720" s="239">
        <v>7.2962999999999996</v>
      </c>
      <c r="E4720" s="239">
        <v>0.17580000000000001</v>
      </c>
      <c r="F4720" s="239">
        <v>9.8400000000000001E-2</v>
      </c>
      <c r="G4720">
        <f t="shared" si="1098"/>
        <v>7.3159799999999997</v>
      </c>
      <c r="H4720" s="235">
        <f t="shared" si="1099"/>
        <v>2.4029590020749105</v>
      </c>
      <c r="I4720" s="236">
        <f t="shared" si="1100"/>
        <v>20.083839263975758</v>
      </c>
      <c r="J4720" s="237">
        <f t="shared" si="1105"/>
        <v>10.083839263975758</v>
      </c>
      <c r="K4720" s="237">
        <f t="shared" si="1101"/>
        <v>938.45755728779534</v>
      </c>
      <c r="L4720" s="237">
        <f t="shared" si="1106"/>
        <v>471.25814416264308</v>
      </c>
      <c r="M4720" s="236">
        <f t="shared" si="1102"/>
        <v>13.532970245095987</v>
      </c>
      <c r="N4720" s="236">
        <f t="shared" si="1103"/>
        <v>2.7565563520813985</v>
      </c>
      <c r="O4720" s="236">
        <f t="shared" si="1107"/>
        <v>2.8680830299797515</v>
      </c>
      <c r="P4720" s="236" t="str">
        <f t="shared" si="1108"/>
        <v>CLAY</v>
      </c>
      <c r="Q4720" s="236">
        <f t="shared" si="1104"/>
        <v>531.46020355935036</v>
      </c>
      <c r="R4720" s="238">
        <v>35</v>
      </c>
      <c r="S4720" s="236">
        <f t="shared" si="1109"/>
        <v>6.4890544347656771</v>
      </c>
      <c r="T4720" s="236" t="e">
        <f t="shared" si="1095"/>
        <v>#N/A</v>
      </c>
    </row>
    <row r="4721" spans="1:20" x14ac:dyDescent="0.2">
      <c r="A4721" s="53">
        <f t="shared" si="1096"/>
        <v>4709</v>
      </c>
      <c r="B4721" s="239">
        <v>46.744</v>
      </c>
      <c r="C4721" s="3">
        <f t="shared" si="1097"/>
        <v>46.737000000000002</v>
      </c>
      <c r="D4721" s="239">
        <v>7.3636999999999997</v>
      </c>
      <c r="E4721" s="239">
        <v>0.19040000000000001</v>
      </c>
      <c r="F4721" s="239">
        <v>0.1479</v>
      </c>
      <c r="G4721">
        <f t="shared" si="1098"/>
        <v>7.3932799999999999</v>
      </c>
      <c r="H4721" s="235">
        <f t="shared" si="1099"/>
        <v>2.5753116343490308</v>
      </c>
      <c r="I4721" s="236">
        <f t="shared" si="1100"/>
        <v>20.181497242101823</v>
      </c>
      <c r="J4721" s="237">
        <f t="shared" si="1105"/>
        <v>10.181497242101823</v>
      </c>
      <c r="K4721" s="237">
        <f t="shared" si="1101"/>
        <v>943.22263660411295</v>
      </c>
      <c r="L4721" s="237">
        <f t="shared" si="1106"/>
        <v>475.92390708480764</v>
      </c>
      <c r="M4721" s="236">
        <f t="shared" si="1102"/>
        <v>13.55270720251192</v>
      </c>
      <c r="N4721" s="236">
        <f t="shared" si="1103"/>
        <v>2.9519117315222827</v>
      </c>
      <c r="O4721" s="236">
        <f t="shared" si="1107"/>
        <v>2.8848867490851111</v>
      </c>
      <c r="P4721" s="236" t="str">
        <f t="shared" si="1108"/>
        <v>CLAY</v>
      </c>
      <c r="Q4721" s="236">
        <f t="shared" si="1104"/>
        <v>537.50478028299051</v>
      </c>
      <c r="R4721" s="238">
        <v>35</v>
      </c>
      <c r="S4721" s="236">
        <f t="shared" si="1109"/>
        <v>6.5008864207142842</v>
      </c>
      <c r="T4721" s="236" t="e">
        <f t="shared" si="1095"/>
        <v>#N/A</v>
      </c>
    </row>
    <row r="4722" spans="1:20" x14ac:dyDescent="0.2">
      <c r="A4722" s="53">
        <f t="shared" si="1096"/>
        <v>4710</v>
      </c>
      <c r="B4722" s="239">
        <v>46.753999999999998</v>
      </c>
      <c r="C4722" s="3">
        <f t="shared" si="1097"/>
        <v>46.747</v>
      </c>
      <c r="D4722" s="239">
        <v>7.3586</v>
      </c>
      <c r="E4722" s="239">
        <v>0.2142</v>
      </c>
      <c r="F4722" s="239">
        <v>0.2099</v>
      </c>
      <c r="G4722">
        <f t="shared" si="1098"/>
        <v>7.4005799999999997</v>
      </c>
      <c r="H4722" s="235">
        <f t="shared" si="1099"/>
        <v>2.8943677387448012</v>
      </c>
      <c r="I4722" s="236">
        <f t="shared" si="1100"/>
        <v>20.319994795846121</v>
      </c>
      <c r="J4722" s="237">
        <f t="shared" si="1105"/>
        <v>10.319994795846121</v>
      </c>
      <c r="K4722" s="237">
        <f t="shared" si="1101"/>
        <v>949.89879672141865</v>
      </c>
      <c r="L4722" s="237">
        <f t="shared" si="1106"/>
        <v>482.50103668498951</v>
      </c>
      <c r="M4722" s="236">
        <f t="shared" si="1102"/>
        <v>13.369258743147608</v>
      </c>
      <c r="N4722" s="236">
        <f t="shared" si="1103"/>
        <v>3.3205795364857291</v>
      </c>
      <c r="O4722" s="236">
        <f t="shared" si="1107"/>
        <v>2.9198730548236473</v>
      </c>
      <c r="P4722" s="236" t="str">
        <f t="shared" si="1108"/>
        <v>CLAY</v>
      </c>
      <c r="Q4722" s="236">
        <f t="shared" si="1104"/>
        <v>537.55676693988175</v>
      </c>
      <c r="R4722" s="238">
        <v>35</v>
      </c>
      <c r="S4722" s="236">
        <f t="shared" si="1109"/>
        <v>6.3910787563587492</v>
      </c>
      <c r="T4722" s="236" t="e">
        <f t="shared" si="1095"/>
        <v>#N/A</v>
      </c>
    </row>
    <row r="4723" spans="1:20" x14ac:dyDescent="0.2">
      <c r="A4723" s="53">
        <f t="shared" si="1096"/>
        <v>4711</v>
      </c>
      <c r="B4723" s="239">
        <v>46.762999999999998</v>
      </c>
      <c r="C4723" s="3">
        <f t="shared" si="1097"/>
        <v>46.756</v>
      </c>
      <c r="D4723" s="239">
        <v>7.3234000000000004</v>
      </c>
      <c r="E4723" s="239">
        <v>0.22239999999999999</v>
      </c>
      <c r="F4723" s="239">
        <v>0.46579999999999999</v>
      </c>
      <c r="G4723">
        <f t="shared" si="1098"/>
        <v>7.4165600000000005</v>
      </c>
      <c r="H4723" s="235">
        <f t="shared" si="1099"/>
        <v>2.9986948126894406</v>
      </c>
      <c r="I4723" s="236">
        <f t="shared" si="1100"/>
        <v>20.364889231306975</v>
      </c>
      <c r="J4723" s="237">
        <f t="shared" si="1105"/>
        <v>10.364889231306975</v>
      </c>
      <c r="K4723" s="237">
        <f t="shared" si="1101"/>
        <v>952.18076089898898</v>
      </c>
      <c r="L4723" s="237">
        <f t="shared" si="1106"/>
        <v>484.69331512360804</v>
      </c>
      <c r="M4723" s="236">
        <f t="shared" si="1102"/>
        <v>13.337050537724961</v>
      </c>
      <c r="N4723" s="236">
        <f t="shared" si="1103"/>
        <v>3.4403922136060929</v>
      </c>
      <c r="O4723" s="236">
        <f t="shared" si="1107"/>
        <v>2.9299174165506967</v>
      </c>
      <c r="P4723" s="236" t="str">
        <f t="shared" si="1108"/>
        <v>CLAY</v>
      </c>
      <c r="Q4723" s="236">
        <f t="shared" si="1104"/>
        <v>538.69826992508422</v>
      </c>
      <c r="R4723" s="238">
        <v>35</v>
      </c>
      <c r="S4723" s="236">
        <f t="shared" si="1109"/>
        <v>6.3718384271349287</v>
      </c>
      <c r="T4723" s="236" t="e">
        <f t="shared" si="1095"/>
        <v>#N/A</v>
      </c>
    </row>
    <row r="4724" spans="1:20" x14ac:dyDescent="0.2">
      <c r="A4724" s="53">
        <f t="shared" si="1096"/>
        <v>4712</v>
      </c>
      <c r="B4724" s="239">
        <v>46.774000000000001</v>
      </c>
      <c r="C4724" s="3">
        <f t="shared" si="1097"/>
        <v>46.767000000000003</v>
      </c>
      <c r="D4724" s="239">
        <v>7.3577000000000004</v>
      </c>
      <c r="E4724" s="239">
        <v>0.2147</v>
      </c>
      <c r="F4724" s="239">
        <v>0.47439999999999999</v>
      </c>
      <c r="G4724">
        <f t="shared" si="1098"/>
        <v>7.4525800000000002</v>
      </c>
      <c r="H4724" s="235">
        <f t="shared" si="1099"/>
        <v>2.8808815202252105</v>
      </c>
      <c r="I4724" s="236">
        <f t="shared" si="1100"/>
        <v>20.325465556372468</v>
      </c>
      <c r="J4724" s="237">
        <f t="shared" si="1105"/>
        <v>10.325465556372468</v>
      </c>
      <c r="K4724" s="237">
        <f t="shared" si="1101"/>
        <v>950.56104767487125</v>
      </c>
      <c r="L4724" s="237">
        <f t="shared" si="1106"/>
        <v>482.96332593376582</v>
      </c>
      <c r="M4724" s="236">
        <f t="shared" si="1102"/>
        <v>13.462759185190851</v>
      </c>
      <c r="N4724" s="236">
        <f t="shared" si="1103"/>
        <v>3.3020512793679737</v>
      </c>
      <c r="O4724" s="236">
        <f t="shared" si="1107"/>
        <v>2.9159942416122995</v>
      </c>
      <c r="P4724" s="236" t="str">
        <f t="shared" si="1108"/>
        <v>CLAY</v>
      </c>
      <c r="Q4724" s="236">
        <f t="shared" si="1104"/>
        <v>541.83491269376066</v>
      </c>
      <c r="R4724" s="238">
        <v>35</v>
      </c>
      <c r="S4724" s="236">
        <f t="shared" si="1109"/>
        <v>6.4469990387551732</v>
      </c>
      <c r="T4724" s="236" t="e">
        <f t="shared" si="1095"/>
        <v>#N/A</v>
      </c>
    </row>
    <row r="4725" spans="1:20" x14ac:dyDescent="0.2">
      <c r="A4725" s="53">
        <f t="shared" si="1096"/>
        <v>4713</v>
      </c>
      <c r="B4725" s="239">
        <v>46.783000000000001</v>
      </c>
      <c r="C4725" s="3">
        <f t="shared" si="1097"/>
        <v>46.776000000000003</v>
      </c>
      <c r="D4725" s="239">
        <v>7.4035000000000002</v>
      </c>
      <c r="E4725" s="239">
        <v>0.2016</v>
      </c>
      <c r="F4725" s="239">
        <v>0.28810000000000002</v>
      </c>
      <c r="G4725">
        <f t="shared" si="1098"/>
        <v>7.4611200000000002</v>
      </c>
      <c r="H4725" s="235">
        <f t="shared" si="1099"/>
        <v>2.7020072053525475</v>
      </c>
      <c r="I4725" s="236">
        <f t="shared" si="1100"/>
        <v>20.252091101841483</v>
      </c>
      <c r="J4725" s="237">
        <f t="shared" si="1105"/>
        <v>10.252091101841483</v>
      </c>
      <c r="K4725" s="237">
        <f t="shared" si="1101"/>
        <v>947.31181337973726</v>
      </c>
      <c r="L4725" s="237">
        <f t="shared" si="1106"/>
        <v>479.62357801745009</v>
      </c>
      <c r="M4725" s="236">
        <f t="shared" si="1102"/>
        <v>13.581084177607448</v>
      </c>
      <c r="N4725" s="236">
        <f t="shared" si="1103"/>
        <v>3.0949637174471611</v>
      </c>
      <c r="O4725" s="236">
        <f t="shared" si="1107"/>
        <v>2.8962420270117781</v>
      </c>
      <c r="P4725" s="236" t="str">
        <f t="shared" si="1108"/>
        <v>CLAY</v>
      </c>
      <c r="Q4725" s="236">
        <f t="shared" si="1104"/>
        <v>542.81734888502194</v>
      </c>
      <c r="R4725" s="238">
        <v>35</v>
      </c>
      <c r="S4725" s="236">
        <f t="shared" si="1109"/>
        <v>6.5179055064990221</v>
      </c>
      <c r="T4725" s="236" t="e">
        <f t="shared" si="1095"/>
        <v>#N/A</v>
      </c>
    </row>
    <row r="4726" spans="1:20" x14ac:dyDescent="0.2">
      <c r="A4726" s="53">
        <f t="shared" si="1096"/>
        <v>4714</v>
      </c>
      <c r="B4726" s="239">
        <v>46.792000000000002</v>
      </c>
      <c r="C4726" s="3">
        <f t="shared" si="1097"/>
        <v>46.785000000000004</v>
      </c>
      <c r="D4726" s="239">
        <v>7.4846000000000004</v>
      </c>
      <c r="E4726" s="239">
        <v>0.18509999999999999</v>
      </c>
      <c r="F4726" s="239">
        <v>0.1042</v>
      </c>
      <c r="G4726">
        <f t="shared" si="1098"/>
        <v>7.5054400000000001</v>
      </c>
      <c r="H4726" s="235">
        <f t="shared" si="1099"/>
        <v>2.4662111748278579</v>
      </c>
      <c r="I4726" s="236">
        <f t="shared" si="1100"/>
        <v>20.154278926736637</v>
      </c>
      <c r="J4726" s="237">
        <f t="shared" si="1105"/>
        <v>10.154278926736637</v>
      </c>
      <c r="K4726" s="237">
        <f t="shared" si="1101"/>
        <v>942.91793958737367</v>
      </c>
      <c r="L4726" s="237">
        <f t="shared" si="1106"/>
        <v>475.13901953986073</v>
      </c>
      <c r="M4726" s="236">
        <f t="shared" si="1102"/>
        <v>13.811793581524784</v>
      </c>
      <c r="N4726" s="236">
        <f t="shared" si="1103"/>
        <v>2.8205619470079402</v>
      </c>
      <c r="O4726" s="236">
        <f t="shared" si="1107"/>
        <v>2.8666628424037213</v>
      </c>
      <c r="P4726" s="236" t="str">
        <f t="shared" si="1108"/>
        <v>CLAY</v>
      </c>
      <c r="Q4726" s="236">
        <f t="shared" si="1104"/>
        <v>546.87683836771896</v>
      </c>
      <c r="R4726" s="238">
        <v>35</v>
      </c>
      <c r="S4726" s="236">
        <f t="shared" si="1109"/>
        <v>6.6566022524742188</v>
      </c>
      <c r="T4726" s="236" t="e">
        <f t="shared" si="1095"/>
        <v>#N/A</v>
      </c>
    </row>
    <row r="4727" spans="1:20" x14ac:dyDescent="0.2">
      <c r="A4727" s="53">
        <f t="shared" si="1096"/>
        <v>4715</v>
      </c>
      <c r="B4727" s="239">
        <v>46.802</v>
      </c>
      <c r="C4727" s="3">
        <f t="shared" si="1097"/>
        <v>46.795000000000002</v>
      </c>
      <c r="D4727" s="239">
        <v>7.7115999999999998</v>
      </c>
      <c r="E4727" s="239">
        <v>0.16869999999999999</v>
      </c>
      <c r="F4727" s="239">
        <v>8.6199999999999999E-2</v>
      </c>
      <c r="G4727">
        <f t="shared" si="1098"/>
        <v>7.7288399999999999</v>
      </c>
      <c r="H4727" s="235">
        <f t="shared" si="1099"/>
        <v>2.182733760823099</v>
      </c>
      <c r="I4727" s="236">
        <f t="shared" si="1100"/>
        <v>20.056956662460749</v>
      </c>
      <c r="J4727" s="237">
        <f t="shared" si="1105"/>
        <v>10.056956662460749</v>
      </c>
      <c r="K4727" s="237">
        <f t="shared" si="1101"/>
        <v>938.56528701985076</v>
      </c>
      <c r="L4727" s="237">
        <f t="shared" si="1106"/>
        <v>470.68568571648797</v>
      </c>
      <c r="M4727" s="236">
        <f t="shared" si="1102"/>
        <v>14.426346326304454</v>
      </c>
      <c r="N4727" s="236">
        <f t="shared" si="1103"/>
        <v>2.4844355660238095</v>
      </c>
      <c r="O4727" s="236">
        <f t="shared" si="1107"/>
        <v>2.8193898279078722</v>
      </c>
      <c r="P4727" s="236" t="str">
        <f t="shared" si="1108"/>
        <v>CLAY</v>
      </c>
      <c r="Q4727" s="236">
        <f t="shared" si="1104"/>
        <v>565.8562260816791</v>
      </c>
      <c r="R4727" s="238">
        <v>35</v>
      </c>
      <c r="S4727" s="236">
        <f t="shared" si="1109"/>
        <v>7.0288690284052198</v>
      </c>
      <c r="T4727" s="236" t="e">
        <f t="shared" si="1095"/>
        <v>#N/A</v>
      </c>
    </row>
    <row r="4728" spans="1:20" x14ac:dyDescent="0.2">
      <c r="A4728" s="53">
        <f t="shared" si="1096"/>
        <v>4716</v>
      </c>
      <c r="B4728" s="239">
        <v>46.811999999999998</v>
      </c>
      <c r="C4728" s="3">
        <f t="shared" si="1097"/>
        <v>46.805</v>
      </c>
      <c r="D4728" s="239">
        <v>7.8334000000000001</v>
      </c>
      <c r="E4728" s="239">
        <v>0.17080000000000001</v>
      </c>
      <c r="F4728" s="239">
        <v>8.8700000000000001E-2</v>
      </c>
      <c r="G4728">
        <f t="shared" si="1098"/>
        <v>7.85114</v>
      </c>
      <c r="H4728" s="235">
        <f t="shared" si="1099"/>
        <v>2.1754802487282103</v>
      </c>
      <c r="I4728" s="236">
        <f t="shared" si="1100"/>
        <v>20.07759974305047</v>
      </c>
      <c r="J4728" s="237">
        <f t="shared" si="1105"/>
        <v>10.07759974305047</v>
      </c>
      <c r="K4728" s="237">
        <f t="shared" si="1101"/>
        <v>939.73205597347726</v>
      </c>
      <c r="L4728" s="237">
        <f t="shared" si="1106"/>
        <v>471.75259917167858</v>
      </c>
      <c r="M4728" s="236">
        <f t="shared" si="1102"/>
        <v>14.650492559366583</v>
      </c>
      <c r="N4728" s="236">
        <f t="shared" si="1103"/>
        <v>2.4712764950826136</v>
      </c>
      <c r="O4728" s="236">
        <f t="shared" si="1107"/>
        <v>2.812581057978377</v>
      </c>
      <c r="P4728" s="236" t="str">
        <f t="shared" si="1108"/>
        <v>CLAY</v>
      </c>
      <c r="Q4728" s="236">
        <f t="shared" si="1104"/>
        <v>575.95066200221027</v>
      </c>
      <c r="R4728" s="238">
        <v>35</v>
      </c>
      <c r="S4728" s="236">
        <f t="shared" si="1109"/>
        <v>7.1656450472113384</v>
      </c>
      <c r="T4728" s="236" t="e">
        <f t="shared" si="1095"/>
        <v>#N/A</v>
      </c>
    </row>
    <row r="4729" spans="1:20" x14ac:dyDescent="0.2">
      <c r="A4729" s="53">
        <f t="shared" si="1096"/>
        <v>4717</v>
      </c>
      <c r="B4729" s="239">
        <v>46.822000000000003</v>
      </c>
      <c r="C4729" s="3">
        <f t="shared" si="1097"/>
        <v>46.815000000000005</v>
      </c>
      <c r="D4729" s="239">
        <v>8.0373000000000001</v>
      </c>
      <c r="E4729" s="239">
        <v>0.17530000000000001</v>
      </c>
      <c r="F4729" s="239">
        <v>0.10059999999999999</v>
      </c>
      <c r="G4729">
        <f t="shared" si="1098"/>
        <v>8.0574200000000005</v>
      </c>
      <c r="H4729" s="235">
        <f t="shared" si="1099"/>
        <v>2.1756343842073518</v>
      </c>
      <c r="I4729" s="236">
        <f t="shared" si="1100"/>
        <v>20.118230629825007</v>
      </c>
      <c r="J4729" s="237">
        <f t="shared" si="1105"/>
        <v>10.118230629825007</v>
      </c>
      <c r="K4729" s="237">
        <f t="shared" si="1101"/>
        <v>941.83496693525774</v>
      </c>
      <c r="L4729" s="237">
        <f t="shared" si="1106"/>
        <v>473.75579454966652</v>
      </c>
      <c r="M4729" s="236">
        <f t="shared" si="1102"/>
        <v>15.019520847926589</v>
      </c>
      <c r="N4729" s="236">
        <f t="shared" si="1103"/>
        <v>2.4636062837477866</v>
      </c>
      <c r="O4729" s="236">
        <f t="shared" si="1107"/>
        <v>2.8029606507191192</v>
      </c>
      <c r="P4729" s="236" t="str">
        <f t="shared" si="1108"/>
        <v>CLAY</v>
      </c>
      <c r="Q4729" s="236">
        <f t="shared" si="1104"/>
        <v>592.96541942206193</v>
      </c>
      <c r="R4729" s="238">
        <v>35</v>
      </c>
      <c r="S4729" s="236">
        <f t="shared" si="1109"/>
        <v>7.3919684780173815</v>
      </c>
      <c r="T4729" s="236" t="e">
        <f t="shared" si="1095"/>
        <v>#N/A</v>
      </c>
    </row>
    <row r="4730" spans="1:20" x14ac:dyDescent="0.2">
      <c r="A4730" s="53">
        <f t="shared" si="1096"/>
        <v>4718</v>
      </c>
      <c r="B4730" s="239">
        <v>46.832000000000001</v>
      </c>
      <c r="C4730" s="3">
        <f t="shared" si="1097"/>
        <v>46.825000000000003</v>
      </c>
      <c r="D4730" s="239">
        <v>8.2114999999999991</v>
      </c>
      <c r="E4730" s="239">
        <v>0.18</v>
      </c>
      <c r="F4730" s="239">
        <v>0.1482</v>
      </c>
      <c r="G4730">
        <f t="shared" si="1098"/>
        <v>8.2411399999999997</v>
      </c>
      <c r="H4730" s="235">
        <f t="shared" si="1099"/>
        <v>2.1841638414102906</v>
      </c>
      <c r="I4730" s="236">
        <f t="shared" si="1100"/>
        <v>20.158067380936142</v>
      </c>
      <c r="J4730" s="237">
        <f t="shared" si="1105"/>
        <v>10.158067380936142</v>
      </c>
      <c r="K4730" s="237">
        <f t="shared" si="1101"/>
        <v>943.90150511233492</v>
      </c>
      <c r="L4730" s="237">
        <f t="shared" si="1106"/>
        <v>475.72261158400141</v>
      </c>
      <c r="M4730" s="236">
        <f t="shared" si="1102"/>
        <v>15.339271914341502</v>
      </c>
      <c r="N4730" s="236">
        <f t="shared" si="1103"/>
        <v>2.4666865434932035</v>
      </c>
      <c r="O4730" s="236">
        <f t="shared" si="1107"/>
        <v>2.7957931598731407</v>
      </c>
      <c r="P4730" s="236" t="str">
        <f t="shared" si="1108"/>
        <v>CLAY</v>
      </c>
      <c r="Q4730" s="236">
        <f t="shared" si="1104"/>
        <v>608.10320790730532</v>
      </c>
      <c r="R4730" s="238">
        <v>35</v>
      </c>
      <c r="S4730" s="236">
        <f t="shared" si="1109"/>
        <v>7.5891990086550853</v>
      </c>
      <c r="T4730" s="236" t="e">
        <f t="shared" si="1095"/>
        <v>#N/A</v>
      </c>
    </row>
    <row r="4731" spans="1:20" x14ac:dyDescent="0.2">
      <c r="A4731" s="53">
        <f t="shared" si="1096"/>
        <v>4719</v>
      </c>
      <c r="B4731" s="239">
        <v>46.841000000000001</v>
      </c>
      <c r="C4731" s="3">
        <f t="shared" si="1097"/>
        <v>46.834000000000003</v>
      </c>
      <c r="D4731" s="239">
        <v>8.3516999999999992</v>
      </c>
      <c r="E4731" s="239">
        <v>0.17910000000000001</v>
      </c>
      <c r="F4731" s="239">
        <v>0.19989999999999999</v>
      </c>
      <c r="G4731">
        <f t="shared" si="1098"/>
        <v>8.3916799999999991</v>
      </c>
      <c r="H4731" s="235">
        <f t="shared" si="1099"/>
        <v>2.1342567876754122</v>
      </c>
      <c r="I4731" s="236">
        <f t="shared" si="1100"/>
        <v>20.159265159266567</v>
      </c>
      <c r="J4731" s="237">
        <f t="shared" si="1105"/>
        <v>10.159265159266567</v>
      </c>
      <c r="K4731" s="237">
        <f t="shared" si="1101"/>
        <v>944.13902446909049</v>
      </c>
      <c r="L4731" s="237">
        <f t="shared" si="1106"/>
        <v>475.87013932520529</v>
      </c>
      <c r="M4731" s="236">
        <f t="shared" si="1102"/>
        <v>15.650364164668309</v>
      </c>
      <c r="N4731" s="236">
        <f t="shared" si="1103"/>
        <v>2.4048206057333257</v>
      </c>
      <c r="O4731" s="236">
        <f t="shared" si="1107"/>
        <v>2.7823110452816993</v>
      </c>
      <c r="P4731" s="236" t="str">
        <f t="shared" si="1108"/>
        <v>CLAY</v>
      </c>
      <c r="Q4731" s="236">
        <f t="shared" si="1104"/>
        <v>620.62841462757569</v>
      </c>
      <c r="R4731" s="238">
        <v>35</v>
      </c>
      <c r="S4731" s="236">
        <f t="shared" si="1109"/>
        <v>7.7820777958513672</v>
      </c>
      <c r="T4731" s="236" t="e">
        <f t="shared" si="1095"/>
        <v>#N/A</v>
      </c>
    </row>
    <row r="4732" spans="1:20" x14ac:dyDescent="0.2">
      <c r="A4732" s="53">
        <f t="shared" si="1096"/>
        <v>4720</v>
      </c>
      <c r="B4732" s="239">
        <v>46.850999999999999</v>
      </c>
      <c r="C4732" s="3">
        <f t="shared" si="1097"/>
        <v>46.844000000000001</v>
      </c>
      <c r="D4732" s="239">
        <v>8.4481999999999999</v>
      </c>
      <c r="E4732" s="239">
        <v>0.17480000000000001</v>
      </c>
      <c r="F4732" s="239">
        <v>0.1681</v>
      </c>
      <c r="G4732">
        <f t="shared" si="1098"/>
        <v>8.4818200000000008</v>
      </c>
      <c r="H4732" s="235">
        <f t="shared" si="1099"/>
        <v>2.0608784435415983</v>
      </c>
      <c r="I4732" s="236">
        <f t="shared" si="1100"/>
        <v>20.134945057304279</v>
      </c>
      <c r="J4732" s="237">
        <f t="shared" si="1105"/>
        <v>10.134945057304279</v>
      </c>
      <c r="K4732" s="237">
        <f t="shared" si="1101"/>
        <v>943.2013662643617</v>
      </c>
      <c r="L4732" s="237">
        <f t="shared" si="1106"/>
        <v>474.83231087976276</v>
      </c>
      <c r="M4732" s="236">
        <f t="shared" si="1102"/>
        <v>15.87638090543626</v>
      </c>
      <c r="N4732" s="236">
        <f t="shared" si="1103"/>
        <v>2.3187271898562765</v>
      </c>
      <c r="O4732" s="236">
        <f t="shared" si="1107"/>
        <v>2.7681230422977157</v>
      </c>
      <c r="P4732" s="236" t="str">
        <f t="shared" si="1108"/>
        <v>CLAY</v>
      </c>
      <c r="Q4732" s="236">
        <f t="shared" si="1104"/>
        <v>628.21821947796991</v>
      </c>
      <c r="R4732" s="238">
        <v>35</v>
      </c>
      <c r="S4732" s="236">
        <f t="shared" si="1109"/>
        <v>7.9228128280951546</v>
      </c>
      <c r="T4732" s="236" t="e">
        <f t="shared" si="1095"/>
        <v>#N/A</v>
      </c>
    </row>
    <row r="4733" spans="1:20" x14ac:dyDescent="0.2">
      <c r="A4733" s="53">
        <f t="shared" si="1096"/>
        <v>4721</v>
      </c>
      <c r="B4733" s="239">
        <v>46.860999999999997</v>
      </c>
      <c r="C4733" s="3">
        <f t="shared" si="1097"/>
        <v>46.853999999999999</v>
      </c>
      <c r="D4733" s="239">
        <v>8.4454999999999991</v>
      </c>
      <c r="E4733" s="239">
        <v>0.1789</v>
      </c>
      <c r="F4733" s="239">
        <v>0.1802</v>
      </c>
      <c r="G4733">
        <f t="shared" si="1098"/>
        <v>8.481539999999999</v>
      </c>
      <c r="H4733" s="235">
        <f t="shared" si="1099"/>
        <v>2.1092867568861315</v>
      </c>
      <c r="I4733" s="236">
        <f t="shared" si="1100"/>
        <v>20.162118217065949</v>
      </c>
      <c r="J4733" s="237">
        <f t="shared" si="1105"/>
        <v>10.162118217065949</v>
      </c>
      <c r="K4733" s="237">
        <f t="shared" si="1101"/>
        <v>944.67588694240794</v>
      </c>
      <c r="L4733" s="237">
        <f t="shared" si="1106"/>
        <v>476.20702176992739</v>
      </c>
      <c r="M4733" s="236">
        <f t="shared" si="1102"/>
        <v>15.826864721660737</v>
      </c>
      <c r="N4733" s="236">
        <f t="shared" si="1103"/>
        <v>2.3736662531842172</v>
      </c>
      <c r="O4733" s="236">
        <f t="shared" si="1107"/>
        <v>2.775069628146313</v>
      </c>
      <c r="P4733" s="236" t="str">
        <f t="shared" si="1108"/>
        <v>CLAY</v>
      </c>
      <c r="Q4733" s="236">
        <f t="shared" si="1104"/>
        <v>628.07200942146585</v>
      </c>
      <c r="R4733" s="238">
        <v>35</v>
      </c>
      <c r="S4733" s="236">
        <f t="shared" si="1109"/>
        <v>7.8919372152106604</v>
      </c>
      <c r="T4733" s="236" t="e">
        <f t="shared" si="1095"/>
        <v>#N/A</v>
      </c>
    </row>
    <row r="4734" spans="1:20" x14ac:dyDescent="0.2">
      <c r="A4734" s="53">
        <f t="shared" si="1096"/>
        <v>4722</v>
      </c>
      <c r="B4734" s="239">
        <v>46.87</v>
      </c>
      <c r="C4734" s="3">
        <f t="shared" si="1097"/>
        <v>46.863</v>
      </c>
      <c r="D4734" s="239">
        <v>8.4354999999999993</v>
      </c>
      <c r="E4734" s="239">
        <v>0.18379999999999999</v>
      </c>
      <c r="F4734" s="239">
        <v>0.16619999999999999</v>
      </c>
      <c r="G4734">
        <f t="shared" si="1098"/>
        <v>8.4687399999999986</v>
      </c>
      <c r="H4734" s="235">
        <f t="shared" si="1099"/>
        <v>2.1703346660778347</v>
      </c>
      <c r="I4734" s="236">
        <f t="shared" si="1100"/>
        <v>20.193212843178468</v>
      </c>
      <c r="J4734" s="237">
        <f t="shared" si="1105"/>
        <v>10.193212843178468</v>
      </c>
      <c r="K4734" s="237">
        <f t="shared" si="1101"/>
        <v>946.31453346987257</v>
      </c>
      <c r="L4734" s="237">
        <f t="shared" si="1106"/>
        <v>477.75588595977479</v>
      </c>
      <c r="M4734" s="236">
        <f t="shared" si="1102"/>
        <v>15.745332894053522</v>
      </c>
      <c r="N4734" s="236">
        <f t="shared" si="1103"/>
        <v>2.443360865691389</v>
      </c>
      <c r="O4734" s="236">
        <f t="shared" si="1107"/>
        <v>2.7841449121608783</v>
      </c>
      <c r="P4734" s="236" t="str">
        <f t="shared" si="1108"/>
        <v>CLAY</v>
      </c>
      <c r="Q4734" s="236">
        <f t="shared" si="1104"/>
        <v>626.86878887751038</v>
      </c>
      <c r="R4734" s="238">
        <v>35</v>
      </c>
      <c r="S4734" s="236">
        <f t="shared" si="1109"/>
        <v>7.8411510041861012</v>
      </c>
      <c r="T4734" s="236" t="e">
        <f t="shared" si="1095"/>
        <v>#N/A</v>
      </c>
    </row>
    <row r="4735" spans="1:20" x14ac:dyDescent="0.2">
      <c r="A4735" s="53">
        <f t="shared" si="1096"/>
        <v>4723</v>
      </c>
      <c r="B4735" s="239">
        <v>46.88</v>
      </c>
      <c r="C4735" s="3">
        <f t="shared" si="1097"/>
        <v>46.873000000000005</v>
      </c>
      <c r="D4735" s="239">
        <v>8.4322999999999997</v>
      </c>
      <c r="E4735" s="239">
        <v>0.1938</v>
      </c>
      <c r="F4735" s="239">
        <v>0.17849999999999999</v>
      </c>
      <c r="G4735">
        <f t="shared" si="1098"/>
        <v>8.468</v>
      </c>
      <c r="H4735" s="235">
        <f t="shared" si="1099"/>
        <v>2.2886159659896079</v>
      </c>
      <c r="I4735" s="236">
        <f t="shared" si="1100"/>
        <v>20.255301005124938</v>
      </c>
      <c r="J4735" s="237">
        <f t="shared" si="1105"/>
        <v>10.255301005124938</v>
      </c>
      <c r="K4735" s="237">
        <f t="shared" si="1101"/>
        <v>949.42672401322136</v>
      </c>
      <c r="L4735" s="237">
        <f t="shared" si="1106"/>
        <v>480.76851112025713</v>
      </c>
      <c r="M4735" s="236">
        <f t="shared" si="1102"/>
        <v>15.638655823085132</v>
      </c>
      <c r="N4735" s="236">
        <f t="shared" si="1103"/>
        <v>2.5776166951643447</v>
      </c>
      <c r="O4735" s="236">
        <f t="shared" si="1107"/>
        <v>2.8000252733888185</v>
      </c>
      <c r="P4735" s="236" t="str">
        <f t="shared" si="1108"/>
        <v>CLAY</v>
      </c>
      <c r="Q4735" s="236">
        <f t="shared" si="1104"/>
        <v>626.54777299889827</v>
      </c>
      <c r="R4735" s="238">
        <v>35</v>
      </c>
      <c r="S4735" s="236">
        <f t="shared" si="1109"/>
        <v>7.7748010719781941</v>
      </c>
      <c r="T4735" s="236" t="e">
        <f t="shared" si="1095"/>
        <v>#N/A</v>
      </c>
    </row>
    <row r="4736" spans="1:20" x14ac:dyDescent="0.2">
      <c r="A4736" s="53">
        <f t="shared" si="1096"/>
        <v>4724</v>
      </c>
      <c r="B4736" s="239">
        <v>46.890999999999998</v>
      </c>
      <c r="C4736" s="3">
        <f t="shared" si="1097"/>
        <v>46.884</v>
      </c>
      <c r="D4736" s="239">
        <v>8.3789999999999996</v>
      </c>
      <c r="E4736" s="239">
        <v>0.19969999999999999</v>
      </c>
      <c r="F4736" s="239">
        <v>0.15740000000000001</v>
      </c>
      <c r="G4736">
        <f t="shared" si="1098"/>
        <v>8.4104799999999997</v>
      </c>
      <c r="H4736" s="235">
        <f t="shared" si="1099"/>
        <v>2.3744185825303665</v>
      </c>
      <c r="I4736" s="236">
        <f t="shared" si="1100"/>
        <v>20.287802533701836</v>
      </c>
      <c r="J4736" s="237">
        <f t="shared" si="1105"/>
        <v>10.287802533701836</v>
      </c>
      <c r="K4736" s="237">
        <f t="shared" si="1101"/>
        <v>951.17333399007691</v>
      </c>
      <c r="L4736" s="237">
        <f t="shared" si="1106"/>
        <v>482.40534860781275</v>
      </c>
      <c r="M4736" s="236">
        <f t="shared" si="1102"/>
        <v>15.462736239423853</v>
      </c>
      <c r="N4736" s="236">
        <f t="shared" si="1103"/>
        <v>2.6771925185752155</v>
      </c>
      <c r="O4736" s="236">
        <f t="shared" si="1107"/>
        <v>2.8136280557895561</v>
      </c>
      <c r="P4736" s="236" t="str">
        <f t="shared" si="1108"/>
        <v>CLAY</v>
      </c>
      <c r="Q4736" s="236">
        <f t="shared" si="1104"/>
        <v>621.60888883416021</v>
      </c>
      <c r="R4736" s="238">
        <v>35</v>
      </c>
      <c r="S4736" s="236">
        <f t="shared" si="1109"/>
        <v>7.6656315938851955</v>
      </c>
      <c r="T4736" s="236" t="e">
        <f t="shared" si="1095"/>
        <v>#N/A</v>
      </c>
    </row>
    <row r="4737" spans="1:20" x14ac:dyDescent="0.2">
      <c r="A4737" s="53">
        <f t="shared" si="1096"/>
        <v>4725</v>
      </c>
      <c r="B4737" s="239">
        <v>46.9</v>
      </c>
      <c r="C4737" s="3">
        <f t="shared" si="1097"/>
        <v>46.893000000000001</v>
      </c>
      <c r="D4737" s="239">
        <v>7.8335999999999997</v>
      </c>
      <c r="E4737" s="239">
        <v>0.1976</v>
      </c>
      <c r="F4737" s="239">
        <v>0.25280000000000002</v>
      </c>
      <c r="G4737">
        <f t="shared" si="1098"/>
        <v>7.8841599999999996</v>
      </c>
      <c r="H4737" s="235">
        <f t="shared" si="1099"/>
        <v>2.506291095056417</v>
      </c>
      <c r="I4737" s="236">
        <f t="shared" si="1100"/>
        <v>20.250147679347311</v>
      </c>
      <c r="J4737" s="237">
        <f t="shared" si="1105"/>
        <v>10.250147679347311</v>
      </c>
      <c r="K4737" s="237">
        <f t="shared" si="1101"/>
        <v>949.59017512763342</v>
      </c>
      <c r="L4737" s="237">
        <f t="shared" si="1106"/>
        <v>480.73192616138886</v>
      </c>
      <c r="M4737" s="236">
        <f t="shared" si="1102"/>
        <v>14.425024525091201</v>
      </c>
      <c r="N4737" s="236">
        <f t="shared" si="1103"/>
        <v>2.8494918212700657</v>
      </c>
      <c r="O4737" s="236">
        <f t="shared" si="1107"/>
        <v>2.8539495731230584</v>
      </c>
      <c r="P4737" s="236" t="str">
        <f t="shared" si="1108"/>
        <v>CLAY</v>
      </c>
      <c r="Q4737" s="236">
        <f t="shared" si="1104"/>
        <v>577.88081873936392</v>
      </c>
      <c r="R4737" s="238">
        <v>35</v>
      </c>
      <c r="S4737" s="236">
        <f t="shared" si="1109"/>
        <v>7.028064020246048</v>
      </c>
      <c r="T4737" s="236" t="e">
        <f t="shared" si="1095"/>
        <v>#N/A</v>
      </c>
    </row>
    <row r="4738" spans="1:20" x14ac:dyDescent="0.2">
      <c r="A4738" s="53">
        <f t="shared" si="1096"/>
        <v>4726</v>
      </c>
      <c r="B4738" s="239">
        <v>46.91</v>
      </c>
      <c r="C4738" s="3">
        <f t="shared" si="1097"/>
        <v>46.902999999999999</v>
      </c>
      <c r="D4738" s="239">
        <v>7.2460000000000004</v>
      </c>
      <c r="E4738" s="239">
        <v>0.19089999999999999</v>
      </c>
      <c r="F4738" s="239">
        <v>0.1331</v>
      </c>
      <c r="G4738">
        <f t="shared" si="1098"/>
        <v>7.2726200000000008</v>
      </c>
      <c r="H4738" s="235">
        <f t="shared" si="1099"/>
        <v>2.6249137174773325</v>
      </c>
      <c r="I4738" s="236">
        <f t="shared" si="1100"/>
        <v>20.178140867393964</v>
      </c>
      <c r="J4738" s="237">
        <f t="shared" si="1105"/>
        <v>10.178140867393964</v>
      </c>
      <c r="K4738" s="237">
        <f t="shared" si="1101"/>
        <v>946.41534110337909</v>
      </c>
      <c r="L4738" s="237">
        <f t="shared" si="1106"/>
        <v>477.4565880894508</v>
      </c>
      <c r="M4738" s="236">
        <f t="shared" si="1102"/>
        <v>13.249800749867161</v>
      </c>
      <c r="N4738" s="236">
        <f t="shared" si="1103"/>
        <v>3.0176070850242711</v>
      </c>
      <c r="O4738" s="236">
        <f t="shared" si="1107"/>
        <v>2.8984434116698687</v>
      </c>
      <c r="P4738" s="236" t="str">
        <f t="shared" si="1108"/>
        <v>CLAY</v>
      </c>
      <c r="Q4738" s="236">
        <f t="shared" si="1104"/>
        <v>527.18372157471845</v>
      </c>
      <c r="R4738" s="238">
        <v>35</v>
      </c>
      <c r="S4738" s="236">
        <f t="shared" si="1109"/>
        <v>6.3197761112536437</v>
      </c>
      <c r="T4738" s="236" t="e">
        <f t="shared" si="1095"/>
        <v>#N/A</v>
      </c>
    </row>
    <row r="4739" spans="1:20" x14ac:dyDescent="0.2">
      <c r="A4739" s="53">
        <f t="shared" si="1096"/>
        <v>4727</v>
      </c>
      <c r="B4739" s="239">
        <v>46.918999999999997</v>
      </c>
      <c r="C4739" s="3">
        <f t="shared" si="1097"/>
        <v>46.911999999999999</v>
      </c>
      <c r="D4739" s="239">
        <v>6.5625999999999998</v>
      </c>
      <c r="E4739" s="239">
        <v>0.17330000000000001</v>
      </c>
      <c r="F4739" s="239">
        <v>0.04</v>
      </c>
      <c r="G4739">
        <f t="shared" si="1098"/>
        <v>6.5705999999999998</v>
      </c>
      <c r="H4739" s="235">
        <f t="shared" si="1099"/>
        <v>2.637506468206861</v>
      </c>
      <c r="I4739" s="236">
        <f t="shared" si="1100"/>
        <v>20.025043700120904</v>
      </c>
      <c r="J4739" s="237">
        <f t="shared" si="1105"/>
        <v>10.025043700120904</v>
      </c>
      <c r="K4739" s="237">
        <f t="shared" si="1101"/>
        <v>939.41485006007179</v>
      </c>
      <c r="L4739" s="237">
        <f t="shared" si="1106"/>
        <v>470.36502536597266</v>
      </c>
      <c r="M4739" s="236">
        <f t="shared" si="1102"/>
        <v>11.971946990655868</v>
      </c>
      <c r="N4739" s="236">
        <f t="shared" si="1103"/>
        <v>3.0775049192237756</v>
      </c>
      <c r="O4739" s="236">
        <f t="shared" si="1107"/>
        <v>2.9391867385470163</v>
      </c>
      <c r="P4739" s="236" t="str">
        <f t="shared" si="1108"/>
        <v>CLAY</v>
      </c>
      <c r="Q4739" s="236">
        <f t="shared" si="1104"/>
        <v>469.26542916166062</v>
      </c>
      <c r="R4739" s="238">
        <v>35</v>
      </c>
      <c r="S4739" s="236">
        <f t="shared" si="1109"/>
        <v>5.5673175086114712</v>
      </c>
      <c r="T4739" s="236" t="e">
        <f t="shared" si="1095"/>
        <v>#N/A</v>
      </c>
    </row>
    <row r="4740" spans="1:20" x14ac:dyDescent="0.2">
      <c r="A4740" s="53">
        <f t="shared" si="1096"/>
        <v>4728</v>
      </c>
      <c r="B4740" s="239">
        <v>46.93</v>
      </c>
      <c r="C4740" s="3">
        <f t="shared" si="1097"/>
        <v>46.923000000000002</v>
      </c>
      <c r="D4740" s="239">
        <v>6.0067000000000004</v>
      </c>
      <c r="E4740" s="239">
        <v>0.15</v>
      </c>
      <c r="F4740" s="239">
        <v>4.9200000000000001E-2</v>
      </c>
      <c r="G4740">
        <f t="shared" si="1098"/>
        <v>6.01654</v>
      </c>
      <c r="H4740" s="235">
        <f t="shared" si="1099"/>
        <v>2.4931272791338546</v>
      </c>
      <c r="I4740" s="236">
        <f t="shared" si="1100"/>
        <v>19.821301581378467</v>
      </c>
      <c r="J4740" s="237">
        <f t="shared" si="1105"/>
        <v>9.8213015813784672</v>
      </c>
      <c r="K4740" s="237">
        <f t="shared" si="1101"/>
        <v>930.07493410302186</v>
      </c>
      <c r="L4740" s="237">
        <f t="shared" si="1106"/>
        <v>460.91368321409146</v>
      </c>
      <c r="M4740" s="236">
        <f t="shared" si="1102"/>
        <v>11.035613068432919</v>
      </c>
      <c r="N4740" s="236">
        <f t="shared" si="1103"/>
        <v>2.949002854766448</v>
      </c>
      <c r="O4740" s="236">
        <f t="shared" si="1107"/>
        <v>2.9574176673229204</v>
      </c>
      <c r="P4740" s="236" t="str">
        <f t="shared" si="1108"/>
        <v>CLAY</v>
      </c>
      <c r="Q4740" s="236">
        <f t="shared" si="1104"/>
        <v>423.87208882474823</v>
      </c>
      <c r="R4740" s="238">
        <v>35</v>
      </c>
      <c r="S4740" s="236">
        <f t="shared" si="1109"/>
        <v>5.0284668300501707</v>
      </c>
      <c r="T4740" s="236" t="e">
        <f t="shared" si="1095"/>
        <v>#N/A</v>
      </c>
    </row>
    <row r="4741" spans="1:20" x14ac:dyDescent="0.2">
      <c r="A4741" s="53">
        <f t="shared" si="1096"/>
        <v>4729</v>
      </c>
      <c r="B4741" s="239">
        <v>46.939</v>
      </c>
      <c r="C4741" s="3">
        <f t="shared" si="1097"/>
        <v>46.932000000000002</v>
      </c>
      <c r="D4741" s="239">
        <v>5.5553999999999997</v>
      </c>
      <c r="E4741" s="239">
        <v>0.14249999999999999</v>
      </c>
      <c r="F4741" s="239">
        <v>9.5100000000000004E-2</v>
      </c>
      <c r="G4741">
        <f t="shared" si="1098"/>
        <v>5.5744199999999999</v>
      </c>
      <c r="H4741" s="235">
        <f t="shared" si="1099"/>
        <v>2.5563197606208359</v>
      </c>
      <c r="I4741" s="236">
        <f t="shared" si="1100"/>
        <v>19.731322906559921</v>
      </c>
      <c r="J4741" s="237">
        <f t="shared" si="1105"/>
        <v>9.7313229065599209</v>
      </c>
      <c r="K4741" s="237">
        <f t="shared" si="1101"/>
        <v>926.03044665067023</v>
      </c>
      <c r="L4741" s="237">
        <f t="shared" si="1106"/>
        <v>456.77856591101613</v>
      </c>
      <c r="M4741" s="236">
        <f t="shared" si="1102"/>
        <v>10.176461638646307</v>
      </c>
      <c r="N4741" s="236">
        <f t="shared" si="1103"/>
        <v>3.0655778386156061</v>
      </c>
      <c r="O4741" s="236">
        <f t="shared" si="1107"/>
        <v>2.9959328953842017</v>
      </c>
      <c r="P4741" s="236" t="str">
        <f t="shared" si="1108"/>
        <v>CLAY</v>
      </c>
      <c r="Q4741" s="236">
        <f t="shared" si="1104"/>
        <v>387.36579611244412</v>
      </c>
      <c r="R4741" s="238">
        <v>35</v>
      </c>
      <c r="S4741" s="236">
        <f t="shared" si="1109"/>
        <v>4.5439757860586782</v>
      </c>
      <c r="T4741" s="236" t="e">
        <f t="shared" si="1095"/>
        <v>#N/A</v>
      </c>
    </row>
    <row r="4742" spans="1:20" x14ac:dyDescent="0.2">
      <c r="A4742" s="53">
        <f t="shared" si="1096"/>
        <v>4730</v>
      </c>
      <c r="B4742" s="239">
        <v>46.95</v>
      </c>
      <c r="C4742" s="3">
        <f t="shared" si="1097"/>
        <v>46.943000000000005</v>
      </c>
      <c r="D4742" s="239">
        <v>5.1664000000000003</v>
      </c>
      <c r="E4742" s="239">
        <v>0.1545</v>
      </c>
      <c r="F4742" s="239">
        <v>0.2</v>
      </c>
      <c r="G4742">
        <f t="shared" si="1098"/>
        <v>5.2064000000000004</v>
      </c>
      <c r="H4742" s="235">
        <f t="shared" si="1099"/>
        <v>2.9675015365703747</v>
      </c>
      <c r="I4742" s="236">
        <f t="shared" si="1100"/>
        <v>19.799433738667879</v>
      </c>
      <c r="J4742" s="237">
        <f t="shared" si="1105"/>
        <v>9.7994337386678794</v>
      </c>
      <c r="K4742" s="237">
        <f t="shared" si="1101"/>
        <v>929.44481799428638</v>
      </c>
      <c r="L4742" s="237">
        <f t="shared" si="1106"/>
        <v>460.08341403045694</v>
      </c>
      <c r="M4742" s="236">
        <f t="shared" si="1102"/>
        <v>9.2960429599893928</v>
      </c>
      <c r="N4742" s="236">
        <f t="shared" si="1103"/>
        <v>3.6123829552860998</v>
      </c>
      <c r="O4742" s="236">
        <f t="shared" si="1107"/>
        <v>3.0690492055394727</v>
      </c>
      <c r="P4742" s="236" t="str">
        <f t="shared" si="1108"/>
        <v>CLAY</v>
      </c>
      <c r="Q4742" s="236">
        <f t="shared" si="1104"/>
        <v>356.41293183380952</v>
      </c>
      <c r="R4742" s="238">
        <v>35</v>
      </c>
      <c r="S4742" s="236">
        <f t="shared" si="1109"/>
        <v>4.0580057797193598</v>
      </c>
      <c r="T4742" s="236" t="e">
        <f t="shared" si="1095"/>
        <v>#N/A</v>
      </c>
    </row>
    <row r="4743" spans="1:20" x14ac:dyDescent="0.2">
      <c r="A4743" s="53">
        <f t="shared" si="1096"/>
        <v>4731</v>
      </c>
      <c r="B4743" s="239">
        <v>46.959000000000003</v>
      </c>
      <c r="C4743" s="3">
        <f t="shared" si="1097"/>
        <v>46.952000000000005</v>
      </c>
      <c r="D4743" s="239">
        <v>4.7611999999999997</v>
      </c>
      <c r="E4743" s="239">
        <v>0.17319999999999999</v>
      </c>
      <c r="F4743" s="239">
        <v>0.23150000000000001</v>
      </c>
      <c r="G4743">
        <f t="shared" si="1098"/>
        <v>4.8074999999999992</v>
      </c>
      <c r="H4743" s="235">
        <f t="shared" si="1099"/>
        <v>3.602704108164327</v>
      </c>
      <c r="I4743" s="236">
        <f t="shared" si="1100"/>
        <v>19.902249714741536</v>
      </c>
      <c r="J4743" s="237">
        <f t="shared" si="1105"/>
        <v>9.9022497147415365</v>
      </c>
      <c r="K4743" s="237">
        <f t="shared" si="1101"/>
        <v>934.45042860654473</v>
      </c>
      <c r="L4743" s="237">
        <f t="shared" si="1106"/>
        <v>464.99974435454783</v>
      </c>
      <c r="M4743" s="236">
        <f t="shared" si="1102"/>
        <v>8.3291434423679487</v>
      </c>
      <c r="N4743" s="236">
        <f t="shared" si="1103"/>
        <v>4.4719283037135442</v>
      </c>
      <c r="O4743" s="236">
        <f t="shared" si="1107"/>
        <v>3.1619913876994961</v>
      </c>
      <c r="P4743" s="236" t="str">
        <f t="shared" si="1108"/>
        <v>CLAY</v>
      </c>
      <c r="Q4743" s="236">
        <f t="shared" si="1104"/>
        <v>322.75413094945452</v>
      </c>
      <c r="R4743" s="238">
        <v>35</v>
      </c>
      <c r="S4743" s="236">
        <f t="shared" si="1109"/>
        <v>3.5374510217639688</v>
      </c>
      <c r="T4743" s="236" t="e">
        <f t="shared" si="1095"/>
        <v>#N/A</v>
      </c>
    </row>
    <row r="4744" spans="1:20" x14ac:dyDescent="0.2">
      <c r="A4744" s="53">
        <f t="shared" si="1096"/>
        <v>4732</v>
      </c>
      <c r="B4744" s="239">
        <v>46.969000000000001</v>
      </c>
      <c r="C4744" s="3">
        <f t="shared" si="1097"/>
        <v>46.962000000000003</v>
      </c>
      <c r="D4744" s="239">
        <v>4.3827999999999996</v>
      </c>
      <c r="E4744" s="239">
        <v>0.18</v>
      </c>
      <c r="F4744" s="239">
        <v>0.33850000000000002</v>
      </c>
      <c r="G4744">
        <f t="shared" si="1098"/>
        <v>4.4504999999999999</v>
      </c>
      <c r="H4744" s="235">
        <f t="shared" si="1099"/>
        <v>4.0444893832153692</v>
      </c>
      <c r="I4744" s="236">
        <f t="shared" si="1100"/>
        <v>19.917246742996685</v>
      </c>
      <c r="J4744" s="237">
        <f t="shared" si="1105"/>
        <v>9.9172467429966851</v>
      </c>
      <c r="K4744" s="237">
        <f t="shared" si="1101"/>
        <v>935.35374154461044</v>
      </c>
      <c r="L4744" s="237">
        <f t="shared" si="1106"/>
        <v>465.80316227181129</v>
      </c>
      <c r="M4744" s="236">
        <f t="shared" si="1102"/>
        <v>7.5464199111730963</v>
      </c>
      <c r="N4744" s="236">
        <f t="shared" si="1103"/>
        <v>5.1206973128650084</v>
      </c>
      <c r="O4744" s="236">
        <f t="shared" si="1107"/>
        <v>3.2314265717744832</v>
      </c>
      <c r="P4744" s="236" t="str">
        <f t="shared" si="1108"/>
        <v>CLAY</v>
      </c>
      <c r="Q4744" s="236">
        <f t="shared" si="1104"/>
        <v>292.92885487128245</v>
      </c>
      <c r="R4744" s="238">
        <v>35</v>
      </c>
      <c r="S4744" s="236">
        <f t="shared" si="1109"/>
        <v>3.1269160223105592</v>
      </c>
      <c r="T4744" s="236" t="e">
        <f t="shared" si="1095"/>
        <v>#N/A</v>
      </c>
    </row>
    <row r="4745" spans="1:20" x14ac:dyDescent="0.2">
      <c r="A4745" s="53">
        <f t="shared" si="1096"/>
        <v>4733</v>
      </c>
      <c r="B4745" s="239">
        <v>46.978999999999999</v>
      </c>
      <c r="C4745" s="3">
        <f t="shared" si="1097"/>
        <v>46.972000000000001</v>
      </c>
      <c r="D4745" s="239">
        <v>4.1444999999999999</v>
      </c>
      <c r="E4745" s="239">
        <v>0.1807</v>
      </c>
      <c r="F4745" s="239">
        <v>0.42199999999999999</v>
      </c>
      <c r="G4745">
        <f t="shared" si="1098"/>
        <v>4.2288999999999994</v>
      </c>
      <c r="H4745" s="235">
        <f t="shared" si="1099"/>
        <v>4.2729787888103301</v>
      </c>
      <c r="I4745" s="236">
        <f t="shared" si="1100"/>
        <v>19.901834740326827</v>
      </c>
      <c r="J4745" s="237">
        <f t="shared" si="1105"/>
        <v>9.9018347403268265</v>
      </c>
      <c r="K4745" s="237">
        <f t="shared" si="1101"/>
        <v>934.82898142263173</v>
      </c>
      <c r="L4745" s="237">
        <f t="shared" si="1106"/>
        <v>465.17829426581397</v>
      </c>
      <c r="M4745" s="236">
        <f t="shared" si="1102"/>
        <v>7.0813085201586317</v>
      </c>
      <c r="N4745" s="236">
        <f t="shared" si="1103"/>
        <v>5.4856133635528019</v>
      </c>
      <c r="O4745" s="236">
        <f t="shared" si="1107"/>
        <v>3.2714474702057741</v>
      </c>
      <c r="P4745" s="236" t="str">
        <f t="shared" si="1108"/>
        <v>CLAY</v>
      </c>
      <c r="Q4745" s="236">
        <f t="shared" si="1104"/>
        <v>274.50591821478065</v>
      </c>
      <c r="R4745" s="238">
        <v>35</v>
      </c>
      <c r="S4745" s="236">
        <f t="shared" si="1109"/>
        <v>2.8878983591330423</v>
      </c>
      <c r="T4745" s="236" t="e">
        <f t="shared" si="1095"/>
        <v>#N/A</v>
      </c>
    </row>
    <row r="4746" spans="1:20" x14ac:dyDescent="0.2">
      <c r="A4746" s="53">
        <f t="shared" si="1096"/>
        <v>4734</v>
      </c>
      <c r="B4746" s="239">
        <v>46.988</v>
      </c>
      <c r="C4746" s="3">
        <f t="shared" si="1097"/>
        <v>46.981000000000002</v>
      </c>
      <c r="D4746" s="239">
        <v>4.1045999999999996</v>
      </c>
      <c r="E4746" s="239">
        <v>0.18329999999999999</v>
      </c>
      <c r="F4746" s="239">
        <v>0.45950000000000002</v>
      </c>
      <c r="G4746">
        <f t="shared" si="1098"/>
        <v>4.1964999999999995</v>
      </c>
      <c r="H4746" s="235">
        <f t="shared" si="1099"/>
        <v>4.3679256523293217</v>
      </c>
      <c r="I4746" s="236">
        <f t="shared" si="1100"/>
        <v>19.915580214484685</v>
      </c>
      <c r="J4746" s="237">
        <f t="shared" si="1105"/>
        <v>9.9155802144846845</v>
      </c>
      <c r="K4746" s="237">
        <f t="shared" si="1101"/>
        <v>935.65387405670504</v>
      </c>
      <c r="L4746" s="237">
        <f t="shared" si="1106"/>
        <v>465.91328311820638</v>
      </c>
      <c r="M4746" s="236">
        <f t="shared" si="1102"/>
        <v>6.9988262711024456</v>
      </c>
      <c r="N4746" s="236">
        <f t="shared" si="1103"/>
        <v>5.6212404057236878</v>
      </c>
      <c r="O4746" s="236">
        <f t="shared" si="1107"/>
        <v>3.2818792431354855</v>
      </c>
      <c r="P4746" s="236" t="str">
        <f t="shared" si="1108"/>
        <v>CLAY</v>
      </c>
      <c r="Q4746" s="236">
        <f t="shared" si="1104"/>
        <v>271.73717716194119</v>
      </c>
      <c r="R4746" s="238">
        <v>35</v>
      </c>
      <c r="S4746" s="236">
        <f t="shared" si="1109"/>
        <v>2.8459123830030184</v>
      </c>
      <c r="T4746" s="236" t="e">
        <f t="shared" si="1095"/>
        <v>#N/A</v>
      </c>
    </row>
    <row r="4747" spans="1:20" x14ac:dyDescent="0.2">
      <c r="A4747" s="53">
        <f t="shared" si="1096"/>
        <v>4735</v>
      </c>
      <c r="B4747" s="239">
        <v>46.999000000000002</v>
      </c>
      <c r="C4747" s="3">
        <f t="shared" si="1097"/>
        <v>46.992000000000004</v>
      </c>
      <c r="D4747" s="239">
        <v>4.1584000000000003</v>
      </c>
      <c r="E4747" s="239">
        <v>0.18909999999999999</v>
      </c>
      <c r="F4747" s="239">
        <v>0.499</v>
      </c>
      <c r="G4747">
        <f t="shared" si="1098"/>
        <v>4.2582000000000004</v>
      </c>
      <c r="H4747" s="235">
        <f t="shared" si="1099"/>
        <v>4.4408435489173819</v>
      </c>
      <c r="I4747" s="236">
        <f t="shared" si="1100"/>
        <v>19.957813632315371</v>
      </c>
      <c r="J4747" s="237">
        <f t="shared" si="1105"/>
        <v>9.9578136323153714</v>
      </c>
      <c r="K4747" s="237">
        <f t="shared" si="1101"/>
        <v>937.85757820976403</v>
      </c>
      <c r="L4747" s="237">
        <f t="shared" si="1106"/>
        <v>468.00728290519015</v>
      </c>
      <c r="M4747" s="236">
        <f t="shared" si="1102"/>
        <v>7.0946383594267228</v>
      </c>
      <c r="N4747" s="236">
        <f t="shared" si="1103"/>
        <v>5.6951957352050009</v>
      </c>
      <c r="O4747" s="236">
        <f t="shared" si="1107"/>
        <v>3.2805732324634529</v>
      </c>
      <c r="P4747" s="236" t="str">
        <f t="shared" si="1108"/>
        <v>CLAY</v>
      </c>
      <c r="Q4747" s="236">
        <f t="shared" si="1104"/>
        <v>276.69520181585307</v>
      </c>
      <c r="R4747" s="238">
        <v>35</v>
      </c>
      <c r="S4747" s="236">
        <f t="shared" si="1109"/>
        <v>2.8946951740323943</v>
      </c>
      <c r="T4747" s="236" t="e">
        <f t="shared" si="1095"/>
        <v>#N/A</v>
      </c>
    </row>
    <row r="4748" spans="1:20" x14ac:dyDescent="0.2">
      <c r="A4748" s="53">
        <f t="shared" si="1096"/>
        <v>4736</v>
      </c>
      <c r="B4748" s="239">
        <v>47.008000000000003</v>
      </c>
      <c r="C4748" s="3">
        <f t="shared" si="1097"/>
        <v>47.001000000000005</v>
      </c>
      <c r="D4748" s="239">
        <v>4.1913999999999998</v>
      </c>
      <c r="E4748" s="239">
        <v>0.1928</v>
      </c>
      <c r="F4748" s="239">
        <v>0.4632</v>
      </c>
      <c r="G4748">
        <f t="shared" si="1098"/>
        <v>4.2840400000000001</v>
      </c>
      <c r="H4748" s="235">
        <f t="shared" si="1099"/>
        <v>4.5004248326346152</v>
      </c>
      <c r="I4748" s="236">
        <f t="shared" si="1100"/>
        <v>19.982900199673139</v>
      </c>
      <c r="J4748" s="237">
        <f t="shared" si="1105"/>
        <v>9.9829001996731392</v>
      </c>
      <c r="K4748" s="237">
        <f t="shared" si="1101"/>
        <v>939.21629228483732</v>
      </c>
      <c r="L4748" s="237">
        <f t="shared" si="1106"/>
        <v>469.27617258623496</v>
      </c>
      <c r="M4748" s="236">
        <f t="shared" si="1102"/>
        <v>7.127623142000699</v>
      </c>
      <c r="N4748" s="236">
        <f t="shared" si="1103"/>
        <v>5.7641303951322751</v>
      </c>
      <c r="O4748" s="236">
        <f t="shared" si="1107"/>
        <v>3.2821158821672913</v>
      </c>
      <c r="P4748" s="236" t="str">
        <f t="shared" si="1108"/>
        <v>CLAY</v>
      </c>
      <c r="Q4748" s="236">
        <f t="shared" si="1104"/>
        <v>278.73530897626352</v>
      </c>
      <c r="R4748" s="238">
        <v>35</v>
      </c>
      <c r="S4748" s="236">
        <f t="shared" si="1109"/>
        <v>2.9115276591965156</v>
      </c>
      <c r="T4748" s="236" t="e">
        <f t="shared" si="1095"/>
        <v>#N/A</v>
      </c>
    </row>
    <row r="4749" spans="1:20" x14ac:dyDescent="0.2">
      <c r="A4749" s="53">
        <f t="shared" si="1096"/>
        <v>4737</v>
      </c>
      <c r="B4749" s="239">
        <v>47.018000000000001</v>
      </c>
      <c r="C4749" s="3">
        <f t="shared" si="1097"/>
        <v>47.011000000000003</v>
      </c>
      <c r="D4749" s="239">
        <v>4.4542000000000002</v>
      </c>
      <c r="E4749" s="239">
        <v>0.18659999999999999</v>
      </c>
      <c r="F4749" s="239">
        <v>0.41360000000000002</v>
      </c>
      <c r="G4749">
        <f t="shared" si="1098"/>
        <v>4.5369200000000003</v>
      </c>
      <c r="H4749" s="235">
        <f t="shared" si="1099"/>
        <v>4.1129224231416908</v>
      </c>
      <c r="I4749" s="236">
        <f t="shared" si="1100"/>
        <v>19.966989490025643</v>
      </c>
      <c r="J4749" s="237">
        <f t="shared" si="1105"/>
        <v>9.9669894900256431</v>
      </c>
      <c r="K4749" s="237">
        <f t="shared" si="1101"/>
        <v>938.66814291559558</v>
      </c>
      <c r="L4749" s="237">
        <f t="shared" si="1106"/>
        <v>468.6279118420257</v>
      </c>
      <c r="M4749" s="236">
        <f t="shared" si="1102"/>
        <v>7.6782704703627935</v>
      </c>
      <c r="N4749" s="236">
        <f t="shared" si="1103"/>
        <v>5.1858515582396851</v>
      </c>
      <c r="O4749" s="236">
        <f t="shared" si="1107"/>
        <v>3.2286827043929942</v>
      </c>
      <c r="P4749" s="236" t="str">
        <f t="shared" si="1108"/>
        <v>CLAY</v>
      </c>
      <c r="Q4749" s="236">
        <f t="shared" si="1104"/>
        <v>299.85432142370036</v>
      </c>
      <c r="R4749" s="238">
        <v>35</v>
      </c>
      <c r="S4749" s="236">
        <f t="shared" si="1109"/>
        <v>3.1953561164429902</v>
      </c>
      <c r="T4749" s="236" t="e">
        <f t="shared" ref="T4749:T4812" si="1110">IF(P4749="SAND",17.6+(11*LOG(M4749)),#N/A)</f>
        <v>#N/A</v>
      </c>
    </row>
    <row r="4750" spans="1:20" x14ac:dyDescent="0.2">
      <c r="A4750" s="53">
        <f t="shared" ref="A4750:A4813" si="1111">$A4749+1</f>
        <v>4738</v>
      </c>
      <c r="B4750" s="239">
        <v>47.027000000000001</v>
      </c>
      <c r="C4750" s="3">
        <f t="shared" ref="C4750:C4813" si="1112">MAX($B4750 - $B$13, 0.001)</f>
        <v>47.02</v>
      </c>
      <c r="D4750" s="239">
        <v>4.9185999999999996</v>
      </c>
      <c r="E4750" s="239">
        <v>0.17879999999999999</v>
      </c>
      <c r="F4750" s="239">
        <v>0.36520000000000002</v>
      </c>
      <c r="G4750">
        <f t="shared" si="1098"/>
        <v>4.9916399999999994</v>
      </c>
      <c r="H4750" s="235">
        <f t="shared" si="1099"/>
        <v>3.5819890857513763</v>
      </c>
      <c r="I4750" s="236">
        <f t="shared" si="1100"/>
        <v>19.954254274032483</v>
      </c>
      <c r="J4750" s="237">
        <f t="shared" si="1105"/>
        <v>9.9542542740324826</v>
      </c>
      <c r="K4750" s="237">
        <f t="shared" si="1101"/>
        <v>938.24903596500735</v>
      </c>
      <c r="L4750" s="237">
        <f t="shared" si="1106"/>
        <v>468.11871574492557</v>
      </c>
      <c r="M4750" s="236">
        <f t="shared" si="1102"/>
        <v>8.6588953350962683</v>
      </c>
      <c r="N4750" s="236">
        <f t="shared" si="1103"/>
        <v>4.4111214927565632</v>
      </c>
      <c r="O4750" s="236">
        <f t="shared" si="1107"/>
        <v>3.1448830319875944</v>
      </c>
      <c r="P4750" s="236" t="str">
        <f t="shared" si="1108"/>
        <v>CLAY</v>
      </c>
      <c r="Q4750" s="236">
        <f t="shared" si="1104"/>
        <v>337.78258033624934</v>
      </c>
      <c r="R4750" s="238">
        <v>35</v>
      </c>
      <c r="S4750" s="236">
        <f t="shared" si="1109"/>
        <v>3.7133691180612871</v>
      </c>
      <c r="T4750" s="236" t="e">
        <f t="shared" si="1110"/>
        <v>#N/A</v>
      </c>
    </row>
    <row r="4751" spans="1:20" x14ac:dyDescent="0.2">
      <c r="A4751" s="53">
        <f t="shared" si="1111"/>
        <v>4739</v>
      </c>
      <c r="B4751" s="239">
        <v>47.036999999999999</v>
      </c>
      <c r="C4751" s="3">
        <f t="shared" si="1112"/>
        <v>47.03</v>
      </c>
      <c r="D4751" s="239">
        <v>5.3041999999999998</v>
      </c>
      <c r="E4751" s="239">
        <v>0.1633</v>
      </c>
      <c r="F4751" s="239">
        <v>0.34810000000000002</v>
      </c>
      <c r="G4751">
        <f t="shared" ref="G4751:G4814" si="1113">$D4751+($F4751*(1-$P$8))</f>
        <v>5.3738199999999994</v>
      </c>
      <c r="H4751" s="235">
        <f t="shared" ref="H4751:H4814" si="1114">($E4751/$G4751)*100</f>
        <v>3.0388066589502443</v>
      </c>
      <c r="I4751" s="236">
        <f t="shared" ref="I4751:I4814" si="1115">((0.27*(LOG($H4751)))+(0.36*(LOG(($G4751*1000)/101)))+1.236)*10</f>
        <v>19.876760556970282</v>
      </c>
      <c r="J4751" s="237">
        <f t="shared" si="1105"/>
        <v>9.8767605569702823</v>
      </c>
      <c r="K4751" s="237">
        <f t="shared" ref="K4751:K4814" si="1116">$I4751*$C4751</f>
        <v>934.80404899431244</v>
      </c>
      <c r="L4751" s="237">
        <f t="shared" si="1106"/>
        <v>464.57318631821119</v>
      </c>
      <c r="M4751" s="236">
        <f t="shared" ref="M4751:M4814" si="1117">(($G4751*1000)-$K4751)/$L4751</f>
        <v>9.555041232976297</v>
      </c>
      <c r="N4751" s="236">
        <f t="shared" ref="N4751:N4814" si="1118">(($E4751*1000)/(($G4751*1000)-$K4751))*100</f>
        <v>3.6787432575682311</v>
      </c>
      <c r="O4751" s="236">
        <f t="shared" si="1107"/>
        <v>3.063929585941362</v>
      </c>
      <c r="P4751" s="236" t="str">
        <f t="shared" si="1108"/>
        <v>CLAY</v>
      </c>
      <c r="Q4751" s="236">
        <f t="shared" ref="Q4751:Q4814" si="1119">IF(P4751="CLAY",($G4751*1000 -$K4751)/$L$8,#N/A)</f>
        <v>369.91799591714062</v>
      </c>
      <c r="R4751" s="238">
        <v>35</v>
      </c>
      <c r="S4751" s="236">
        <f t="shared" si="1109"/>
        <v>4.1998203692395908</v>
      </c>
      <c r="T4751" s="236" t="e">
        <f t="shared" si="1110"/>
        <v>#N/A</v>
      </c>
    </row>
    <row r="4752" spans="1:20" x14ac:dyDescent="0.2">
      <c r="A4752" s="53">
        <f t="shared" si="1111"/>
        <v>4740</v>
      </c>
      <c r="B4752" s="239">
        <v>47.045999999999999</v>
      </c>
      <c r="C4752" s="3">
        <f t="shared" si="1112"/>
        <v>47.039000000000001</v>
      </c>
      <c r="D4752" s="239">
        <v>5.5614999999999997</v>
      </c>
      <c r="E4752" s="239">
        <v>0.1419</v>
      </c>
      <c r="F4752" s="239">
        <v>0.38090000000000002</v>
      </c>
      <c r="G4752">
        <f t="shared" si="1113"/>
        <v>5.6376799999999996</v>
      </c>
      <c r="H4752" s="235">
        <f t="shared" si="1114"/>
        <v>2.5169928055512196</v>
      </c>
      <c r="I4752" s="236">
        <f t="shared" si="1115"/>
        <v>19.730785901263708</v>
      </c>
      <c r="J4752" s="237">
        <f t="shared" ref="J4752:J4815" si="1120">$I4752-10</f>
        <v>9.7307859012637081</v>
      </c>
      <c r="K4752" s="237">
        <f t="shared" si="1116"/>
        <v>928.11643800954357</v>
      </c>
      <c r="L4752" s="237">
        <f t="shared" ref="L4752:L4815" si="1121">$J4752*$B4752</f>
        <v>457.79455351085238</v>
      </c>
      <c r="M4752" s="236">
        <f t="shared" si="1117"/>
        <v>10.287504571368414</v>
      </c>
      <c r="N4752" s="236">
        <f t="shared" si="1118"/>
        <v>3.0130180457746536</v>
      </c>
      <c r="O4752" s="236">
        <f t="shared" ref="O4752:O4815" si="1122">((3.47-LOG($M4752))^2+(LOG($N4752)+1.22)^2)^0.5</f>
        <v>2.9877829274533214</v>
      </c>
      <c r="P4752" s="236" t="str">
        <f t="shared" ref="P4752:P4815" si="1123">IF(O4752&lt;2.6,"SAND","CLAY")</f>
        <v>CLAY</v>
      </c>
      <c r="Q4752" s="236">
        <f t="shared" si="1119"/>
        <v>392.46363016587134</v>
      </c>
      <c r="R4752" s="238">
        <v>35</v>
      </c>
      <c r="S4752" s="236">
        <f t="shared" ref="S4752:S4815" si="1124">IF(P4752="SAND",#N/A,0.25*($M4752)^1.25)</f>
        <v>4.6060384622747472</v>
      </c>
      <c r="T4752" s="236" t="e">
        <f t="shared" si="1110"/>
        <v>#N/A</v>
      </c>
    </row>
    <row r="4753" spans="1:20" x14ac:dyDescent="0.2">
      <c r="A4753" s="53">
        <f t="shared" si="1111"/>
        <v>4741</v>
      </c>
      <c r="B4753" s="239">
        <v>47.055</v>
      </c>
      <c r="C4753" s="3">
        <f t="shared" si="1112"/>
        <v>47.048000000000002</v>
      </c>
      <c r="D4753" s="239">
        <v>5.7938000000000001</v>
      </c>
      <c r="E4753" s="239">
        <v>0.12909999999999999</v>
      </c>
      <c r="F4753" s="239">
        <v>0.4451</v>
      </c>
      <c r="G4753">
        <f t="shared" si="1113"/>
        <v>5.8828199999999997</v>
      </c>
      <c r="H4753" s="235">
        <f t="shared" si="1114"/>
        <v>2.1945257546550803</v>
      </c>
      <c r="I4753" s="236">
        <f t="shared" si="1115"/>
        <v>19.63657091271304</v>
      </c>
      <c r="J4753" s="237">
        <f t="shared" si="1120"/>
        <v>9.6365709127130401</v>
      </c>
      <c r="K4753" s="237">
        <f t="shared" si="1116"/>
        <v>923.86138830132313</v>
      </c>
      <c r="L4753" s="237">
        <f t="shared" si="1121"/>
        <v>453.44884429771213</v>
      </c>
      <c r="M4753" s="236">
        <f t="shared" si="1117"/>
        <v>10.93609273473607</v>
      </c>
      <c r="N4753" s="236">
        <f t="shared" si="1118"/>
        <v>2.6033691770574623</v>
      </c>
      <c r="O4753" s="236">
        <f t="shared" si="1122"/>
        <v>2.9300867388113567</v>
      </c>
      <c r="P4753" s="236" t="str">
        <f t="shared" si="1123"/>
        <v>CLAY</v>
      </c>
      <c r="Q4753" s="236">
        <f t="shared" si="1119"/>
        <v>413.24655097488971</v>
      </c>
      <c r="R4753" s="238">
        <v>35</v>
      </c>
      <c r="S4753" s="236">
        <f t="shared" si="1124"/>
        <v>4.9718468109280565</v>
      </c>
      <c r="T4753" s="236" t="e">
        <f t="shared" si="1110"/>
        <v>#N/A</v>
      </c>
    </row>
    <row r="4754" spans="1:20" x14ac:dyDescent="0.2">
      <c r="A4754" s="53">
        <f t="shared" si="1111"/>
        <v>4742</v>
      </c>
      <c r="B4754" s="239">
        <v>47.066000000000003</v>
      </c>
      <c r="C4754" s="3">
        <f t="shared" si="1112"/>
        <v>47.059000000000005</v>
      </c>
      <c r="D4754" s="239">
        <v>6.2233000000000001</v>
      </c>
      <c r="E4754" s="239">
        <v>0.13500000000000001</v>
      </c>
      <c r="F4754" s="239">
        <v>0.50170000000000003</v>
      </c>
      <c r="G4754">
        <f t="shared" si="1113"/>
        <v>6.3236400000000001</v>
      </c>
      <c r="H4754" s="235">
        <f t="shared" si="1114"/>
        <v>2.1348463859422742</v>
      </c>
      <c r="I4754" s="236">
        <f t="shared" si="1115"/>
        <v>19.717214653438397</v>
      </c>
      <c r="J4754" s="237">
        <f t="shared" si="1120"/>
        <v>9.717214653438397</v>
      </c>
      <c r="K4754" s="237">
        <f t="shared" si="1116"/>
        <v>927.87240437615765</v>
      </c>
      <c r="L4754" s="237">
        <f t="shared" si="1121"/>
        <v>457.35042487873164</v>
      </c>
      <c r="M4754" s="236">
        <f t="shared" si="1117"/>
        <v>11.797884733690918</v>
      </c>
      <c r="N4754" s="236">
        <f t="shared" si="1118"/>
        <v>2.5019609834472809</v>
      </c>
      <c r="O4754" s="236">
        <f t="shared" si="1122"/>
        <v>2.8931255112614829</v>
      </c>
      <c r="P4754" s="236" t="str">
        <f t="shared" si="1123"/>
        <v>CLAY</v>
      </c>
      <c r="Q4754" s="236">
        <f t="shared" si="1119"/>
        <v>449.64729963532022</v>
      </c>
      <c r="R4754" s="238">
        <v>35</v>
      </c>
      <c r="S4754" s="236">
        <f t="shared" si="1124"/>
        <v>5.4663217973013927</v>
      </c>
      <c r="T4754" s="236" t="e">
        <f t="shared" si="1110"/>
        <v>#N/A</v>
      </c>
    </row>
    <row r="4755" spans="1:20" x14ac:dyDescent="0.2">
      <c r="A4755" s="53">
        <f t="shared" si="1111"/>
        <v>4743</v>
      </c>
      <c r="B4755" s="239">
        <v>47.075000000000003</v>
      </c>
      <c r="C4755" s="3">
        <f t="shared" si="1112"/>
        <v>47.068000000000005</v>
      </c>
      <c r="D4755" s="239">
        <v>6.5560999999999998</v>
      </c>
      <c r="E4755" s="239">
        <v>0.15229999999999999</v>
      </c>
      <c r="F4755" s="239">
        <v>0.54710000000000003</v>
      </c>
      <c r="G4755">
        <f t="shared" si="1113"/>
        <v>6.6655199999999999</v>
      </c>
      <c r="H4755" s="235">
        <f t="shared" si="1114"/>
        <v>2.2848930015962745</v>
      </c>
      <c r="I4755" s="236">
        <f t="shared" si="1115"/>
        <v>19.879183425671552</v>
      </c>
      <c r="J4755" s="237">
        <f t="shared" si="1120"/>
        <v>9.8791834256715525</v>
      </c>
      <c r="K4755" s="237">
        <f t="shared" si="1116"/>
        <v>935.67340547950869</v>
      </c>
      <c r="L4755" s="237">
        <f t="shared" si="1121"/>
        <v>465.06255976348837</v>
      </c>
      <c r="M4755" s="236">
        <f t="shared" si="1117"/>
        <v>12.320593163712113</v>
      </c>
      <c r="N4755" s="236">
        <f t="shared" si="1118"/>
        <v>2.6580118243592419</v>
      </c>
      <c r="O4755" s="236">
        <f t="shared" si="1122"/>
        <v>2.8923971593548594</v>
      </c>
      <c r="P4755" s="236" t="str">
        <f t="shared" si="1123"/>
        <v>CLAY</v>
      </c>
      <c r="Q4755" s="236">
        <f t="shared" si="1119"/>
        <v>477.48721621004091</v>
      </c>
      <c r="R4755" s="238">
        <v>35</v>
      </c>
      <c r="S4755" s="236">
        <f t="shared" si="1124"/>
        <v>5.7707137212993382</v>
      </c>
      <c r="T4755" s="236" t="e">
        <f t="shared" si="1110"/>
        <v>#N/A</v>
      </c>
    </row>
    <row r="4756" spans="1:20" x14ac:dyDescent="0.2">
      <c r="A4756" s="53">
        <f t="shared" si="1111"/>
        <v>4744</v>
      </c>
      <c r="B4756" s="239">
        <v>47.085000000000001</v>
      </c>
      <c r="C4756" s="3">
        <f t="shared" si="1112"/>
        <v>47.078000000000003</v>
      </c>
      <c r="D4756" s="239">
        <v>6.6260000000000003</v>
      </c>
      <c r="E4756" s="239">
        <v>0.15759999999999999</v>
      </c>
      <c r="F4756" s="239">
        <v>0.60009999999999997</v>
      </c>
      <c r="G4756">
        <f t="shared" si="1113"/>
        <v>6.7460200000000006</v>
      </c>
      <c r="H4756" s="235">
        <f t="shared" si="1114"/>
        <v>2.3361923030171861</v>
      </c>
      <c r="I4756" s="236">
        <f t="shared" si="1115"/>
        <v>19.923987691868497</v>
      </c>
      <c r="J4756" s="237">
        <f t="shared" si="1120"/>
        <v>9.9239876918684971</v>
      </c>
      <c r="K4756" s="237">
        <f t="shared" si="1116"/>
        <v>937.98149255778515</v>
      </c>
      <c r="L4756" s="237">
        <f t="shared" si="1121"/>
        <v>467.2709604716282</v>
      </c>
      <c r="M4756" s="236">
        <f t="shared" si="1117"/>
        <v>12.429701391201409</v>
      </c>
      <c r="N4756" s="236">
        <f t="shared" si="1118"/>
        <v>2.7134806320250271</v>
      </c>
      <c r="O4756" s="236">
        <f t="shared" si="1122"/>
        <v>2.894363077037895</v>
      </c>
      <c r="P4756" s="236" t="str">
        <f t="shared" si="1123"/>
        <v>CLAY</v>
      </c>
      <c r="Q4756" s="236">
        <f t="shared" si="1119"/>
        <v>484.00320895351797</v>
      </c>
      <c r="R4756" s="238">
        <v>35</v>
      </c>
      <c r="S4756" s="236">
        <f t="shared" si="1124"/>
        <v>5.8346643550230866</v>
      </c>
      <c r="T4756" s="236" t="e">
        <f t="shared" si="1110"/>
        <v>#N/A</v>
      </c>
    </row>
    <row r="4757" spans="1:20" x14ac:dyDescent="0.2">
      <c r="A4757" s="53">
        <f t="shared" si="1111"/>
        <v>4745</v>
      </c>
      <c r="B4757" s="239">
        <v>47.094000000000001</v>
      </c>
      <c r="C4757" s="3">
        <f t="shared" si="1112"/>
        <v>47.087000000000003</v>
      </c>
      <c r="D4757" s="239">
        <v>6.8967999999999998</v>
      </c>
      <c r="E4757" s="239">
        <v>0.1479</v>
      </c>
      <c r="F4757" s="239">
        <v>0.27810000000000001</v>
      </c>
      <c r="G4757">
        <f t="shared" si="1113"/>
        <v>6.95242</v>
      </c>
      <c r="H4757" s="235">
        <f t="shared" si="1114"/>
        <v>2.1273168191795087</v>
      </c>
      <c r="I4757" s="236">
        <f t="shared" si="1115"/>
        <v>19.861279524382766</v>
      </c>
      <c r="J4757" s="237">
        <f t="shared" si="1120"/>
        <v>9.8612795243827662</v>
      </c>
      <c r="K4757" s="237">
        <f t="shared" si="1116"/>
        <v>935.20806896461136</v>
      </c>
      <c r="L4757" s="237">
        <f t="shared" si="1121"/>
        <v>464.407097921282</v>
      </c>
      <c r="M4757" s="236">
        <f t="shared" si="1117"/>
        <v>12.956761337130379</v>
      </c>
      <c r="N4757" s="236">
        <f t="shared" si="1118"/>
        <v>2.457948991910456</v>
      </c>
      <c r="O4757" s="236">
        <f t="shared" si="1122"/>
        <v>2.8551301024449534</v>
      </c>
      <c r="P4757" s="236" t="str">
        <f t="shared" si="1123"/>
        <v>CLAY</v>
      </c>
      <c r="Q4757" s="236">
        <f t="shared" si="1119"/>
        <v>501.43432758628234</v>
      </c>
      <c r="R4757" s="238">
        <v>35</v>
      </c>
      <c r="S4757" s="236">
        <f t="shared" si="1124"/>
        <v>6.1455475404976374</v>
      </c>
      <c r="T4757" s="236" t="e">
        <f t="shared" si="1110"/>
        <v>#N/A</v>
      </c>
    </row>
    <row r="4758" spans="1:20" x14ac:dyDescent="0.2">
      <c r="A4758" s="53">
        <f t="shared" si="1111"/>
        <v>4746</v>
      </c>
      <c r="B4758" s="239">
        <v>47.103999999999999</v>
      </c>
      <c r="C4758" s="3">
        <f t="shared" si="1112"/>
        <v>47.097000000000001</v>
      </c>
      <c r="D4758" s="239">
        <v>7.1734</v>
      </c>
      <c r="E4758" s="239">
        <v>0.13450000000000001</v>
      </c>
      <c r="F4758" s="239">
        <v>0.14360000000000001</v>
      </c>
      <c r="G4758">
        <f t="shared" si="1113"/>
        <v>7.2021199999999999</v>
      </c>
      <c r="H4758" s="235">
        <f t="shared" si="1114"/>
        <v>1.8675056788834399</v>
      </c>
      <c r="I4758" s="236">
        <f t="shared" si="1115"/>
        <v>19.763707539981894</v>
      </c>
      <c r="J4758" s="237">
        <f t="shared" si="1120"/>
        <v>9.763707539981894</v>
      </c>
      <c r="K4758" s="237">
        <f t="shared" si="1116"/>
        <v>930.81133401052728</v>
      </c>
      <c r="L4758" s="237">
        <f t="shared" si="1121"/>
        <v>459.90967996330716</v>
      </c>
      <c r="M4758" s="236">
        <f t="shared" si="1117"/>
        <v>13.635957100293725</v>
      </c>
      <c r="N4758" s="236">
        <f t="shared" si="1118"/>
        <v>2.1446879298003569</v>
      </c>
      <c r="O4758" s="236">
        <f t="shared" si="1122"/>
        <v>2.8036447383123186</v>
      </c>
      <c r="P4758" s="236" t="str">
        <f t="shared" si="1123"/>
        <v>CLAY</v>
      </c>
      <c r="Q4758" s="236">
        <f t="shared" si="1119"/>
        <v>522.60905549912275</v>
      </c>
      <c r="R4758" s="238">
        <v>35</v>
      </c>
      <c r="S4758" s="236">
        <f t="shared" si="1124"/>
        <v>6.5508407431350246</v>
      </c>
      <c r="T4758" s="236" t="e">
        <f t="shared" si="1110"/>
        <v>#N/A</v>
      </c>
    </row>
    <row r="4759" spans="1:20" x14ac:dyDescent="0.2">
      <c r="A4759" s="53">
        <f t="shared" si="1111"/>
        <v>4747</v>
      </c>
      <c r="B4759" s="239">
        <v>47.113</v>
      </c>
      <c r="C4759" s="3">
        <f t="shared" si="1112"/>
        <v>47.106000000000002</v>
      </c>
      <c r="D4759" s="239">
        <v>7.2990000000000004</v>
      </c>
      <c r="E4759" s="239">
        <v>0.13439999999999999</v>
      </c>
      <c r="F4759" s="239">
        <v>0.16750000000000001</v>
      </c>
      <c r="G4759">
        <f t="shared" si="1113"/>
        <v>7.3325000000000005</v>
      </c>
      <c r="H4759" s="235">
        <f t="shared" si="1114"/>
        <v>1.8329355608591884</v>
      </c>
      <c r="I4759" s="236">
        <f t="shared" si="1115"/>
        <v>19.769847944407893</v>
      </c>
      <c r="J4759" s="237">
        <f t="shared" si="1120"/>
        <v>9.7698479444078927</v>
      </c>
      <c r="K4759" s="237">
        <f t="shared" si="1116"/>
        <v>931.27845726927819</v>
      </c>
      <c r="L4759" s="237">
        <f t="shared" si="1121"/>
        <v>460.28684620488906</v>
      </c>
      <c r="M4759" s="236">
        <f t="shared" si="1117"/>
        <v>13.907026880106248</v>
      </c>
      <c r="N4759" s="236">
        <f t="shared" si="1118"/>
        <v>2.099599257779567</v>
      </c>
      <c r="O4759" s="236">
        <f t="shared" si="1122"/>
        <v>2.7914195956655456</v>
      </c>
      <c r="P4759" s="236" t="str">
        <f t="shared" si="1123"/>
        <v>CLAY</v>
      </c>
      <c r="Q4759" s="236">
        <f t="shared" si="1119"/>
        <v>533.43512856089353</v>
      </c>
      <c r="R4759" s="238">
        <v>35</v>
      </c>
      <c r="S4759" s="236">
        <f t="shared" si="1124"/>
        <v>6.7140237978121187</v>
      </c>
      <c r="T4759" s="236" t="e">
        <f t="shared" si="1110"/>
        <v>#N/A</v>
      </c>
    </row>
    <row r="4760" spans="1:20" x14ac:dyDescent="0.2">
      <c r="A4760" s="53">
        <f t="shared" si="1111"/>
        <v>4748</v>
      </c>
      <c r="B4760" s="239">
        <v>47.124000000000002</v>
      </c>
      <c r="C4760" s="3">
        <f t="shared" si="1112"/>
        <v>47.117000000000004</v>
      </c>
      <c r="D4760" s="239">
        <v>7.2885</v>
      </c>
      <c r="E4760" s="239">
        <v>0.1318</v>
      </c>
      <c r="F4760" s="239">
        <v>0.16200000000000001</v>
      </c>
      <c r="G4760">
        <f t="shared" si="1113"/>
        <v>7.3209</v>
      </c>
      <c r="H4760" s="235">
        <f t="shared" si="1114"/>
        <v>1.8003250966411235</v>
      </c>
      <c r="I4760" s="236">
        <f t="shared" si="1115"/>
        <v>19.746322689253798</v>
      </c>
      <c r="J4760" s="237">
        <f t="shared" si="1120"/>
        <v>9.7463226892537982</v>
      </c>
      <c r="K4760" s="237">
        <f t="shared" si="1116"/>
        <v>930.38748614957126</v>
      </c>
      <c r="L4760" s="237">
        <f t="shared" si="1121"/>
        <v>459.28571040839603</v>
      </c>
      <c r="M4760" s="236">
        <f t="shared" si="1117"/>
        <v>13.914024253373778</v>
      </c>
      <c r="N4760" s="236">
        <f t="shared" si="1118"/>
        <v>2.0624323904279085</v>
      </c>
      <c r="O4760" s="236">
        <f t="shared" si="1122"/>
        <v>2.7869594911866531</v>
      </c>
      <c r="P4760" s="236" t="str">
        <f t="shared" si="1123"/>
        <v>CLAY</v>
      </c>
      <c r="Q4760" s="236">
        <f t="shared" si="1119"/>
        <v>532.54270948753572</v>
      </c>
      <c r="R4760" s="238">
        <v>35</v>
      </c>
      <c r="S4760" s="236">
        <f t="shared" si="1124"/>
        <v>6.7182467965053165</v>
      </c>
      <c r="T4760" s="236" t="e">
        <f t="shared" si="1110"/>
        <v>#N/A</v>
      </c>
    </row>
    <row r="4761" spans="1:20" x14ac:dyDescent="0.2">
      <c r="A4761" s="53">
        <f t="shared" si="1111"/>
        <v>4749</v>
      </c>
      <c r="B4761" s="239">
        <v>47.133000000000003</v>
      </c>
      <c r="C4761" s="3">
        <f t="shared" si="1112"/>
        <v>47.126000000000005</v>
      </c>
      <c r="D4761" s="239">
        <v>7.0777000000000001</v>
      </c>
      <c r="E4761" s="239">
        <v>0.13439999999999999</v>
      </c>
      <c r="F4761" s="239">
        <v>0.22220000000000001</v>
      </c>
      <c r="G4761">
        <f t="shared" si="1113"/>
        <v>7.1221399999999999</v>
      </c>
      <c r="H4761" s="235">
        <f t="shared" si="1114"/>
        <v>1.8870732673044899</v>
      </c>
      <c r="I4761" s="236">
        <f t="shared" si="1115"/>
        <v>19.758470535639617</v>
      </c>
      <c r="J4761" s="237">
        <f t="shared" si="1120"/>
        <v>9.7584705356396171</v>
      </c>
      <c r="K4761" s="237">
        <f t="shared" si="1116"/>
        <v>931.13768246255268</v>
      </c>
      <c r="L4761" s="237">
        <f t="shared" si="1121"/>
        <v>459.94599175630208</v>
      </c>
      <c r="M4761" s="236">
        <f t="shared" si="1117"/>
        <v>13.460281051471128</v>
      </c>
      <c r="N4761" s="236">
        <f t="shared" si="1118"/>
        <v>2.1708924194597841</v>
      </c>
      <c r="O4761" s="236">
        <f t="shared" si="1122"/>
        <v>2.8112542359121302</v>
      </c>
      <c r="P4761" s="236" t="str">
        <f t="shared" si="1123"/>
        <v>CLAY</v>
      </c>
      <c r="Q4761" s="236">
        <f t="shared" si="1119"/>
        <v>515.91685979478734</v>
      </c>
      <c r="R4761" s="238">
        <v>35</v>
      </c>
      <c r="S4761" s="236">
        <f t="shared" si="1124"/>
        <v>6.4455156728765752</v>
      </c>
      <c r="T4761" s="236" t="e">
        <f t="shared" si="1110"/>
        <v>#N/A</v>
      </c>
    </row>
    <row r="4762" spans="1:20" x14ac:dyDescent="0.2">
      <c r="A4762" s="53">
        <f t="shared" si="1111"/>
        <v>4750</v>
      </c>
      <c r="B4762" s="239">
        <v>47.143999999999998</v>
      </c>
      <c r="C4762" s="3">
        <f t="shared" si="1112"/>
        <v>47.137</v>
      </c>
      <c r="D4762" s="239">
        <v>6.9625000000000004</v>
      </c>
      <c r="E4762" s="239">
        <v>0.13589999999999999</v>
      </c>
      <c r="F4762" s="239">
        <v>0.24460000000000001</v>
      </c>
      <c r="G4762">
        <f t="shared" si="1113"/>
        <v>7.0114200000000002</v>
      </c>
      <c r="H4762" s="235">
        <f t="shared" si="1114"/>
        <v>1.9382664281985671</v>
      </c>
      <c r="I4762" s="236">
        <f t="shared" si="1115"/>
        <v>19.765360972366452</v>
      </c>
      <c r="J4762" s="237">
        <f t="shared" si="1120"/>
        <v>9.7653609723664516</v>
      </c>
      <c r="K4762" s="237">
        <f t="shared" si="1116"/>
        <v>931.67982015443749</v>
      </c>
      <c r="L4762" s="237">
        <f t="shared" si="1121"/>
        <v>460.37817768124398</v>
      </c>
      <c r="M4762" s="236">
        <f t="shared" si="1117"/>
        <v>13.205969515034322</v>
      </c>
      <c r="N4762" s="236">
        <f t="shared" si="1118"/>
        <v>2.2352928904842138</v>
      </c>
      <c r="O4762" s="236">
        <f t="shared" si="1122"/>
        <v>2.8251886314055428</v>
      </c>
      <c r="P4762" s="236" t="str">
        <f t="shared" si="1123"/>
        <v>CLAY</v>
      </c>
      <c r="Q4762" s="236">
        <f t="shared" si="1119"/>
        <v>506.64501498713025</v>
      </c>
      <c r="R4762" s="238">
        <v>35</v>
      </c>
      <c r="S4762" s="236">
        <f t="shared" si="1124"/>
        <v>6.2936541191325013</v>
      </c>
      <c r="T4762" s="236" t="e">
        <f t="shared" si="1110"/>
        <v>#N/A</v>
      </c>
    </row>
    <row r="4763" spans="1:20" x14ac:dyDescent="0.2">
      <c r="A4763" s="53">
        <f t="shared" si="1111"/>
        <v>4751</v>
      </c>
      <c r="B4763" s="239">
        <v>47.152999999999999</v>
      </c>
      <c r="C4763" s="3">
        <f t="shared" si="1112"/>
        <v>47.146000000000001</v>
      </c>
      <c r="D4763" s="239">
        <v>6.6974999999999998</v>
      </c>
      <c r="E4763" s="239">
        <v>0.1406</v>
      </c>
      <c r="F4763" s="239">
        <v>0.26600000000000001</v>
      </c>
      <c r="G4763">
        <f t="shared" si="1113"/>
        <v>6.7507000000000001</v>
      </c>
      <c r="H4763" s="235">
        <f t="shared" si="1114"/>
        <v>2.0827469743878413</v>
      </c>
      <c r="I4763" s="236">
        <f t="shared" si="1115"/>
        <v>19.790417347826704</v>
      </c>
      <c r="J4763" s="237">
        <f t="shared" si="1120"/>
        <v>9.790417347826704</v>
      </c>
      <c r="K4763" s="237">
        <f t="shared" si="1116"/>
        <v>933.03901628063784</v>
      </c>
      <c r="L4763" s="237">
        <f t="shared" si="1121"/>
        <v>461.64754920207258</v>
      </c>
      <c r="M4763" s="236">
        <f t="shared" si="1117"/>
        <v>12.601953576434676</v>
      </c>
      <c r="N4763" s="236">
        <f t="shared" si="1118"/>
        <v>2.4167788462316215</v>
      </c>
      <c r="O4763" s="236">
        <f t="shared" si="1122"/>
        <v>2.8609776746658242</v>
      </c>
      <c r="P4763" s="236" t="str">
        <f t="shared" si="1123"/>
        <v>CLAY</v>
      </c>
      <c r="Q4763" s="236">
        <f t="shared" si="1119"/>
        <v>484.80508197661351</v>
      </c>
      <c r="R4763" s="238">
        <v>35</v>
      </c>
      <c r="S4763" s="236">
        <f t="shared" si="1124"/>
        <v>5.935910620094103</v>
      </c>
      <c r="T4763" s="236" t="e">
        <f t="shared" si="1110"/>
        <v>#N/A</v>
      </c>
    </row>
    <row r="4764" spans="1:20" x14ac:dyDescent="0.2">
      <c r="A4764" s="53">
        <f t="shared" si="1111"/>
        <v>4752</v>
      </c>
      <c r="B4764" s="239">
        <v>47.161999999999999</v>
      </c>
      <c r="C4764" s="3">
        <f t="shared" si="1112"/>
        <v>47.155000000000001</v>
      </c>
      <c r="D4764" s="239">
        <v>6.5095999999999998</v>
      </c>
      <c r="E4764" s="239">
        <v>0.1482</v>
      </c>
      <c r="F4764" s="239">
        <v>0.3644</v>
      </c>
      <c r="G4764">
        <f t="shared" si="1113"/>
        <v>6.5824799999999994</v>
      </c>
      <c r="H4764" s="235">
        <f t="shared" si="1114"/>
        <v>2.2514310715718087</v>
      </c>
      <c r="I4764" s="236">
        <f t="shared" si="1115"/>
        <v>19.842283797629506</v>
      </c>
      <c r="J4764" s="237">
        <f t="shared" si="1120"/>
        <v>9.8422837976295057</v>
      </c>
      <c r="K4764" s="237">
        <f t="shared" si="1116"/>
        <v>935.66289247721932</v>
      </c>
      <c r="L4764" s="237">
        <f t="shared" si="1121"/>
        <v>464.18178846380272</v>
      </c>
      <c r="M4764" s="236">
        <f t="shared" si="1117"/>
        <v>12.165098346944569</v>
      </c>
      <c r="N4764" s="236">
        <f t="shared" si="1118"/>
        <v>2.6244873382310465</v>
      </c>
      <c r="O4764" s="236">
        <f t="shared" si="1122"/>
        <v>2.8938106881992924</v>
      </c>
      <c r="P4764" s="236" t="str">
        <f t="shared" si="1123"/>
        <v>CLAY</v>
      </c>
      <c r="Q4764" s="236">
        <f t="shared" si="1119"/>
        <v>470.56809229356503</v>
      </c>
      <c r="R4764" s="238">
        <v>35</v>
      </c>
      <c r="S4764" s="236">
        <f t="shared" si="1124"/>
        <v>5.6798195601888661</v>
      </c>
      <c r="T4764" s="236" t="e">
        <f t="shared" si="1110"/>
        <v>#N/A</v>
      </c>
    </row>
    <row r="4765" spans="1:20" x14ac:dyDescent="0.2">
      <c r="A4765" s="53">
        <f t="shared" si="1111"/>
        <v>4753</v>
      </c>
      <c r="B4765" s="239">
        <v>47.173000000000002</v>
      </c>
      <c r="C4765" s="3">
        <f t="shared" si="1112"/>
        <v>47.166000000000004</v>
      </c>
      <c r="D4765" s="239">
        <v>6.1996000000000002</v>
      </c>
      <c r="E4765" s="239">
        <v>0.1547</v>
      </c>
      <c r="F4765" s="239">
        <v>0.49330000000000002</v>
      </c>
      <c r="G4765">
        <f t="shared" si="1113"/>
        <v>6.29826</v>
      </c>
      <c r="H4765" s="235">
        <f t="shared" si="1114"/>
        <v>2.4562339439781784</v>
      </c>
      <c r="I4765" s="236">
        <f t="shared" si="1115"/>
        <v>19.875365427768649</v>
      </c>
      <c r="J4765" s="237">
        <f t="shared" si="1120"/>
        <v>9.8753654277686493</v>
      </c>
      <c r="K4765" s="237">
        <f t="shared" si="1116"/>
        <v>937.44148576613622</v>
      </c>
      <c r="L4765" s="237">
        <f t="shared" si="1121"/>
        <v>465.85061332413051</v>
      </c>
      <c r="M4765" s="236">
        <f t="shared" si="1117"/>
        <v>11.507591405710789</v>
      </c>
      <c r="N4765" s="236">
        <f t="shared" si="1118"/>
        <v>2.8857533525756525</v>
      </c>
      <c r="O4765" s="236">
        <f t="shared" si="1122"/>
        <v>2.9371120186399375</v>
      </c>
      <c r="P4765" s="236" t="str">
        <f t="shared" si="1123"/>
        <v>CLAY</v>
      </c>
      <c r="Q4765" s="236">
        <f t="shared" si="1119"/>
        <v>446.73487618615536</v>
      </c>
      <c r="R4765" s="238">
        <v>35</v>
      </c>
      <c r="S4765" s="236">
        <f t="shared" si="1124"/>
        <v>5.2987148692476431</v>
      </c>
      <c r="T4765" s="236" t="e">
        <f t="shared" si="1110"/>
        <v>#N/A</v>
      </c>
    </row>
    <row r="4766" spans="1:20" x14ac:dyDescent="0.2">
      <c r="A4766" s="53">
        <f t="shared" si="1111"/>
        <v>4754</v>
      </c>
      <c r="B4766" s="239">
        <v>47.182000000000002</v>
      </c>
      <c r="C4766" s="3">
        <f t="shared" si="1112"/>
        <v>47.175000000000004</v>
      </c>
      <c r="D4766" s="239">
        <v>5.9893000000000001</v>
      </c>
      <c r="E4766" s="239">
        <v>0.16009999999999999</v>
      </c>
      <c r="F4766" s="239">
        <v>0.58260000000000001</v>
      </c>
      <c r="G4766">
        <f t="shared" si="1113"/>
        <v>6.1058200000000005</v>
      </c>
      <c r="H4766" s="235">
        <f t="shared" si="1114"/>
        <v>2.6220884336583783</v>
      </c>
      <c r="I4766" s="236">
        <f t="shared" si="1115"/>
        <v>19.903469247972328</v>
      </c>
      <c r="J4766" s="237">
        <f t="shared" si="1120"/>
        <v>9.9034692479723283</v>
      </c>
      <c r="K4766" s="237">
        <f t="shared" si="1116"/>
        <v>938.94616177309467</v>
      </c>
      <c r="L4766" s="237">
        <f t="shared" si="1121"/>
        <v>467.2654860578304</v>
      </c>
      <c r="M4766" s="236">
        <f t="shared" si="1117"/>
        <v>11.05768346345922</v>
      </c>
      <c r="N4766" s="236">
        <f t="shared" si="1118"/>
        <v>3.0985854312041967</v>
      </c>
      <c r="O4766" s="236">
        <f t="shared" si="1122"/>
        <v>2.9690379040806207</v>
      </c>
      <c r="P4766" s="236" t="str">
        <f t="shared" si="1123"/>
        <v>CLAY</v>
      </c>
      <c r="Q4766" s="236">
        <f t="shared" si="1119"/>
        <v>430.57281985224216</v>
      </c>
      <c r="R4766" s="238">
        <v>35</v>
      </c>
      <c r="S4766" s="236">
        <f t="shared" si="1124"/>
        <v>5.0410406647326766</v>
      </c>
      <c r="T4766" s="236" t="e">
        <f t="shared" si="1110"/>
        <v>#N/A</v>
      </c>
    </row>
    <row r="4767" spans="1:20" x14ac:dyDescent="0.2">
      <c r="A4767" s="53">
        <f t="shared" si="1111"/>
        <v>4755</v>
      </c>
      <c r="B4767" s="239">
        <v>47.192</v>
      </c>
      <c r="C4767" s="3">
        <f t="shared" si="1112"/>
        <v>47.185000000000002</v>
      </c>
      <c r="D4767" s="239">
        <v>5.9974999999999996</v>
      </c>
      <c r="E4767" s="239">
        <v>0.1608</v>
      </c>
      <c r="F4767" s="239">
        <v>0.59119999999999995</v>
      </c>
      <c r="G4767">
        <f t="shared" si="1113"/>
        <v>6.1157399999999997</v>
      </c>
      <c r="H4767" s="235">
        <f t="shared" si="1114"/>
        <v>2.6292811663020341</v>
      </c>
      <c r="I4767" s="236">
        <f t="shared" si="1115"/>
        <v>19.909219486771576</v>
      </c>
      <c r="J4767" s="237">
        <f t="shared" si="1120"/>
        <v>9.9092194867715762</v>
      </c>
      <c r="K4767" s="237">
        <f t="shared" si="1116"/>
        <v>939.41652148331684</v>
      </c>
      <c r="L4767" s="237">
        <f t="shared" si="1121"/>
        <v>467.63588601972424</v>
      </c>
      <c r="M4767" s="236">
        <f t="shared" si="1117"/>
        <v>11.069132274203509</v>
      </c>
      <c r="N4767" s="236">
        <f t="shared" si="1118"/>
        <v>3.1064519183812394</v>
      </c>
      <c r="O4767" s="236">
        <f t="shared" si="1122"/>
        <v>2.9693054945412052</v>
      </c>
      <c r="P4767" s="236" t="str">
        <f t="shared" si="1123"/>
        <v>CLAY</v>
      </c>
      <c r="Q4767" s="236">
        <f t="shared" si="1119"/>
        <v>431.36028987639025</v>
      </c>
      <c r="R4767" s="238">
        <v>35</v>
      </c>
      <c r="S4767" s="236">
        <f t="shared" si="1124"/>
        <v>5.0475656964223878</v>
      </c>
      <c r="T4767" s="236" t="e">
        <f t="shared" si="1110"/>
        <v>#N/A</v>
      </c>
    </row>
    <row r="4768" spans="1:20" x14ac:dyDescent="0.2">
      <c r="A4768" s="53">
        <f t="shared" si="1111"/>
        <v>4756</v>
      </c>
      <c r="B4768" s="239">
        <v>47.201000000000001</v>
      </c>
      <c r="C4768" s="3">
        <f t="shared" si="1112"/>
        <v>47.194000000000003</v>
      </c>
      <c r="D4768" s="239">
        <v>5.9669999999999996</v>
      </c>
      <c r="E4768" s="239">
        <v>0.16489999999999999</v>
      </c>
      <c r="F4768" s="239">
        <v>0.56530000000000002</v>
      </c>
      <c r="G4768">
        <f t="shared" si="1113"/>
        <v>6.0800599999999996</v>
      </c>
      <c r="H4768" s="235">
        <f t="shared" si="1114"/>
        <v>2.7121442880497888</v>
      </c>
      <c r="I4768" s="236">
        <f t="shared" si="1115"/>
        <v>19.936455903169843</v>
      </c>
      <c r="J4768" s="237">
        <f t="shared" si="1120"/>
        <v>9.9364559031698434</v>
      </c>
      <c r="K4768" s="237">
        <f t="shared" si="1116"/>
        <v>940.88109989419763</v>
      </c>
      <c r="L4768" s="237">
        <f t="shared" si="1121"/>
        <v>469.01065508551977</v>
      </c>
      <c r="M4768" s="236">
        <f t="shared" si="1117"/>
        <v>10.957488586626503</v>
      </c>
      <c r="N4768" s="236">
        <f t="shared" si="1118"/>
        <v>3.208683784030268</v>
      </c>
      <c r="O4768" s="236">
        <f t="shared" si="1122"/>
        <v>2.9810248447995202</v>
      </c>
      <c r="P4768" s="236" t="str">
        <f t="shared" si="1123"/>
        <v>CLAY</v>
      </c>
      <c r="Q4768" s="236">
        <f t="shared" si="1119"/>
        <v>428.26490834215019</v>
      </c>
      <c r="R4768" s="238">
        <v>35</v>
      </c>
      <c r="S4768" s="236">
        <f t="shared" si="1124"/>
        <v>4.984008707195553</v>
      </c>
      <c r="T4768" s="236" t="e">
        <f t="shared" si="1110"/>
        <v>#N/A</v>
      </c>
    </row>
    <row r="4769" spans="1:20" x14ac:dyDescent="0.2">
      <c r="A4769" s="53">
        <f t="shared" si="1111"/>
        <v>4757</v>
      </c>
      <c r="B4769" s="239">
        <v>47.212000000000003</v>
      </c>
      <c r="C4769" s="3">
        <f t="shared" si="1112"/>
        <v>47.205000000000005</v>
      </c>
      <c r="D4769" s="239">
        <v>5.9721000000000002</v>
      </c>
      <c r="E4769" s="239">
        <v>0.1741</v>
      </c>
      <c r="F4769" s="239">
        <v>0.69769999999999999</v>
      </c>
      <c r="G4769">
        <f t="shared" si="1113"/>
        <v>6.1116400000000004</v>
      </c>
      <c r="H4769" s="235">
        <f t="shared" si="1114"/>
        <v>2.8486625521136717</v>
      </c>
      <c r="I4769" s="236">
        <f t="shared" si="1115"/>
        <v>20.00214172457699</v>
      </c>
      <c r="J4769" s="237">
        <f t="shared" si="1120"/>
        <v>10.00214172457699</v>
      </c>
      <c r="K4769" s="237">
        <f t="shared" si="1116"/>
        <v>944.20110010865699</v>
      </c>
      <c r="L4769" s="237">
        <f t="shared" si="1121"/>
        <v>472.22111510072892</v>
      </c>
      <c r="M4769" s="236">
        <f t="shared" si="1117"/>
        <v>10.942837443406324</v>
      </c>
      <c r="N4769" s="236">
        <f t="shared" si="1118"/>
        <v>3.3691738474868242</v>
      </c>
      <c r="O4769" s="236">
        <f t="shared" si="1122"/>
        <v>2.9938215239618873</v>
      </c>
      <c r="P4769" s="236" t="str">
        <f t="shared" si="1123"/>
        <v>CLAY</v>
      </c>
      <c r="Q4769" s="236">
        <f t="shared" si="1119"/>
        <v>430.61990832427864</v>
      </c>
      <c r="R4769" s="238">
        <v>35</v>
      </c>
      <c r="S4769" s="236">
        <f t="shared" si="1124"/>
        <v>4.9756800176197382</v>
      </c>
      <c r="T4769" s="236" t="e">
        <f t="shared" si="1110"/>
        <v>#N/A</v>
      </c>
    </row>
    <row r="4770" spans="1:20" x14ac:dyDescent="0.2">
      <c r="A4770" s="53">
        <f t="shared" si="1111"/>
        <v>4758</v>
      </c>
      <c r="B4770" s="239">
        <v>47.222000000000001</v>
      </c>
      <c r="C4770" s="3">
        <f t="shared" si="1112"/>
        <v>47.215000000000003</v>
      </c>
      <c r="D4770" s="239">
        <v>6.2925000000000004</v>
      </c>
      <c r="E4770" s="239">
        <v>0.18240000000000001</v>
      </c>
      <c r="F4770" s="239">
        <v>0.73650000000000004</v>
      </c>
      <c r="G4770">
        <f t="shared" si="1113"/>
        <v>6.4398</v>
      </c>
      <c r="H4770" s="235">
        <f t="shared" si="1114"/>
        <v>2.8323860989471723</v>
      </c>
      <c r="I4770" s="236">
        <f t="shared" si="1115"/>
        <v>20.077195247931652</v>
      </c>
      <c r="J4770" s="237">
        <f t="shared" si="1120"/>
        <v>10.077195247931652</v>
      </c>
      <c r="K4770" s="237">
        <f t="shared" si="1116"/>
        <v>947.94477363109297</v>
      </c>
      <c r="L4770" s="237">
        <f t="shared" si="1121"/>
        <v>475.86531399782848</v>
      </c>
      <c r="M4770" s="236">
        <f t="shared" si="1117"/>
        <v>11.540776486167614</v>
      </c>
      <c r="N4770" s="236">
        <f t="shared" si="1118"/>
        <v>3.3212820163979235</v>
      </c>
      <c r="O4770" s="236">
        <f t="shared" si="1122"/>
        <v>2.971443736553157</v>
      </c>
      <c r="P4770" s="236" t="str">
        <f t="shared" si="1123"/>
        <v>CLAY</v>
      </c>
      <c r="Q4770" s="236">
        <f t="shared" si="1119"/>
        <v>457.65460219740891</v>
      </c>
      <c r="R4770" s="238">
        <v>35</v>
      </c>
      <c r="S4770" s="236">
        <f t="shared" si="1124"/>
        <v>5.3178219972881688</v>
      </c>
      <c r="T4770" s="236" t="e">
        <f t="shared" si="1110"/>
        <v>#N/A</v>
      </c>
    </row>
    <row r="4771" spans="1:20" x14ac:dyDescent="0.2">
      <c r="A4771" s="53">
        <f t="shared" si="1111"/>
        <v>4759</v>
      </c>
      <c r="B4771" s="239">
        <v>47.231000000000002</v>
      </c>
      <c r="C4771" s="3">
        <f t="shared" si="1112"/>
        <v>47.224000000000004</v>
      </c>
      <c r="D4771" s="239">
        <v>6.5031999999999996</v>
      </c>
      <c r="E4771" s="239">
        <v>0.18720000000000001</v>
      </c>
      <c r="F4771" s="239">
        <v>0.84340000000000004</v>
      </c>
      <c r="G4771">
        <f t="shared" si="1113"/>
        <v>6.6718799999999998</v>
      </c>
      <c r="H4771" s="235">
        <f t="shared" si="1114"/>
        <v>2.8058058598176228</v>
      </c>
      <c r="I4771" s="236">
        <f t="shared" si="1115"/>
        <v>20.121492238124965</v>
      </c>
      <c r="J4771" s="237">
        <f t="shared" si="1120"/>
        <v>10.121492238124965</v>
      </c>
      <c r="K4771" s="237">
        <f t="shared" si="1116"/>
        <v>950.21734945321339</v>
      </c>
      <c r="L4771" s="237">
        <f t="shared" si="1121"/>
        <v>478.04819989888023</v>
      </c>
      <c r="M4771" s="236">
        <f t="shared" si="1117"/>
        <v>11.968798652012639</v>
      </c>
      <c r="N4771" s="236">
        <f t="shared" si="1118"/>
        <v>3.2717762551434304</v>
      </c>
      <c r="O4771" s="236">
        <f t="shared" si="1122"/>
        <v>2.954809003012715</v>
      </c>
      <c r="P4771" s="236" t="str">
        <f t="shared" si="1123"/>
        <v>CLAY</v>
      </c>
      <c r="Q4771" s="236">
        <f t="shared" si="1119"/>
        <v>476.80522087889887</v>
      </c>
      <c r="R4771" s="238">
        <v>35</v>
      </c>
      <c r="S4771" s="236">
        <f t="shared" si="1124"/>
        <v>5.565487477889163</v>
      </c>
      <c r="T4771" s="236" t="e">
        <f t="shared" si="1110"/>
        <v>#N/A</v>
      </c>
    </row>
    <row r="4772" spans="1:20" x14ac:dyDescent="0.2">
      <c r="A4772" s="53">
        <f t="shared" si="1111"/>
        <v>4760</v>
      </c>
      <c r="B4772" s="239">
        <v>47.241</v>
      </c>
      <c r="C4772" s="3">
        <f t="shared" si="1112"/>
        <v>47.234000000000002</v>
      </c>
      <c r="D4772" s="239">
        <v>6.7207999999999997</v>
      </c>
      <c r="E4772" s="239">
        <v>0.17799999999999999</v>
      </c>
      <c r="F4772" s="239">
        <v>0.67849999999999999</v>
      </c>
      <c r="G4772">
        <f t="shared" si="1113"/>
        <v>6.8564999999999996</v>
      </c>
      <c r="H4772" s="235">
        <f t="shared" si="1114"/>
        <v>2.5960767155254141</v>
      </c>
      <c r="I4772" s="236">
        <f t="shared" si="1115"/>
        <v>20.073069292927013</v>
      </c>
      <c r="J4772" s="237">
        <f t="shared" si="1120"/>
        <v>10.073069292927013</v>
      </c>
      <c r="K4772" s="237">
        <f t="shared" si="1116"/>
        <v>948.13135498211454</v>
      </c>
      <c r="L4772" s="237">
        <f t="shared" si="1121"/>
        <v>475.86186646716499</v>
      </c>
      <c r="M4772" s="236">
        <f t="shared" si="1117"/>
        <v>12.416142291211665</v>
      </c>
      <c r="N4772" s="236">
        <f t="shared" si="1118"/>
        <v>3.0126759295917487</v>
      </c>
      <c r="O4772" s="236">
        <f t="shared" si="1122"/>
        <v>2.9209379673495057</v>
      </c>
      <c r="P4772" s="236" t="str">
        <f t="shared" si="1123"/>
        <v>CLAY</v>
      </c>
      <c r="Q4772" s="236">
        <f t="shared" si="1119"/>
        <v>492.36405375149047</v>
      </c>
      <c r="R4772" s="238">
        <v>35</v>
      </c>
      <c r="S4772" s="236">
        <f t="shared" si="1124"/>
        <v>5.8267094166549445</v>
      </c>
      <c r="T4772" s="236" t="e">
        <f t="shared" si="1110"/>
        <v>#N/A</v>
      </c>
    </row>
    <row r="4773" spans="1:20" x14ac:dyDescent="0.2">
      <c r="A4773" s="53">
        <f t="shared" si="1111"/>
        <v>4761</v>
      </c>
      <c r="B4773" s="239">
        <v>47.249000000000002</v>
      </c>
      <c r="C4773" s="3">
        <f t="shared" si="1112"/>
        <v>47.242000000000004</v>
      </c>
      <c r="D4773" s="239">
        <v>7.0694999999999997</v>
      </c>
      <c r="E4773" s="239">
        <v>0.16</v>
      </c>
      <c r="F4773" s="239">
        <v>0.31180000000000002</v>
      </c>
      <c r="G4773">
        <f t="shared" si="1113"/>
        <v>7.1318599999999996</v>
      </c>
      <c r="H4773" s="235">
        <f t="shared" si="1114"/>
        <v>2.2434540218119818</v>
      </c>
      <c r="I4773" s="236">
        <f t="shared" si="1115"/>
        <v>19.963449535914123</v>
      </c>
      <c r="J4773" s="237">
        <f t="shared" si="1120"/>
        <v>9.9634495359141226</v>
      </c>
      <c r="K4773" s="237">
        <f t="shared" si="1116"/>
        <v>943.11328297565512</v>
      </c>
      <c r="L4773" s="237">
        <f t="shared" si="1121"/>
        <v>470.76302712240641</v>
      </c>
      <c r="M4773" s="236">
        <f t="shared" si="1117"/>
        <v>13.146203844541013</v>
      </c>
      <c r="N4773" s="236">
        <f t="shared" si="1118"/>
        <v>2.5853376671542105</v>
      </c>
      <c r="O4773" s="236">
        <f t="shared" si="1122"/>
        <v>2.8623857856600439</v>
      </c>
      <c r="P4773" s="236" t="str">
        <f t="shared" si="1123"/>
        <v>CLAY</v>
      </c>
      <c r="Q4773" s="236">
        <f t="shared" si="1119"/>
        <v>515.72889308536207</v>
      </c>
      <c r="R4773" s="238">
        <v>35</v>
      </c>
      <c r="S4773" s="236">
        <f t="shared" si="1124"/>
        <v>6.2580706440712888</v>
      </c>
      <c r="T4773" s="236" t="e">
        <f t="shared" si="1110"/>
        <v>#N/A</v>
      </c>
    </row>
    <row r="4774" spans="1:20" x14ac:dyDescent="0.2">
      <c r="A4774" s="53">
        <f t="shared" si="1111"/>
        <v>4762</v>
      </c>
      <c r="B4774" s="239">
        <v>47.26</v>
      </c>
      <c r="C4774" s="3">
        <f t="shared" si="1112"/>
        <v>47.253</v>
      </c>
      <c r="D4774" s="239">
        <v>7.8152999999999997</v>
      </c>
      <c r="E4774" s="239">
        <v>0.1547</v>
      </c>
      <c r="F4774" s="239">
        <v>0.18490000000000001</v>
      </c>
      <c r="G4774">
        <f t="shared" si="1113"/>
        <v>7.8522799999999995</v>
      </c>
      <c r="H4774" s="235">
        <f t="shared" si="1114"/>
        <v>1.9701284212992913</v>
      </c>
      <c r="I4774" s="236">
        <f t="shared" si="1115"/>
        <v>19.961563101089055</v>
      </c>
      <c r="J4774" s="237">
        <f t="shared" si="1120"/>
        <v>9.9615631010890553</v>
      </c>
      <c r="K4774" s="237">
        <f t="shared" si="1116"/>
        <v>943.24374121576113</v>
      </c>
      <c r="L4774" s="237">
        <f t="shared" si="1121"/>
        <v>470.78347215746874</v>
      </c>
      <c r="M4774" s="236">
        <f t="shared" si="1117"/>
        <v>14.675613455846403</v>
      </c>
      <c r="N4774" s="236">
        <f t="shared" si="1118"/>
        <v>2.2390966584277572</v>
      </c>
      <c r="O4774" s="236">
        <f t="shared" si="1122"/>
        <v>2.7876150197714069</v>
      </c>
      <c r="P4774" s="236" t="str">
        <f t="shared" si="1123"/>
        <v>CLAY</v>
      </c>
      <c r="Q4774" s="236">
        <f t="shared" si="1119"/>
        <v>575.75302156535315</v>
      </c>
      <c r="R4774" s="238">
        <v>35</v>
      </c>
      <c r="S4774" s="236">
        <f t="shared" si="1124"/>
        <v>7.1810068167954082</v>
      </c>
      <c r="T4774" s="236" t="e">
        <f t="shared" si="1110"/>
        <v>#N/A</v>
      </c>
    </row>
    <row r="4775" spans="1:20" x14ac:dyDescent="0.2">
      <c r="A4775" s="53">
        <f t="shared" si="1111"/>
        <v>4763</v>
      </c>
      <c r="B4775" s="239">
        <v>47.268999999999998</v>
      </c>
      <c r="C4775" s="3">
        <f t="shared" si="1112"/>
        <v>47.262</v>
      </c>
      <c r="D4775" s="239">
        <v>8.0996000000000006</v>
      </c>
      <c r="E4775" s="239">
        <v>0.17199999999999999</v>
      </c>
      <c r="F4775" s="239">
        <v>0.20699999999999999</v>
      </c>
      <c r="G4775">
        <f t="shared" si="1113"/>
        <v>8.141</v>
      </c>
      <c r="H4775" s="235">
        <f t="shared" si="1114"/>
        <v>2.1127625598820781</v>
      </c>
      <c r="I4775" s="236">
        <f t="shared" si="1115"/>
        <v>20.099979840301305</v>
      </c>
      <c r="J4775" s="237">
        <f t="shared" si="1120"/>
        <v>10.099979840301305</v>
      </c>
      <c r="K4775" s="237">
        <f t="shared" si="1116"/>
        <v>949.96524721232026</v>
      </c>
      <c r="L4775" s="237">
        <f t="shared" si="1121"/>
        <v>477.41594707120237</v>
      </c>
      <c r="M4775" s="236">
        <f t="shared" si="1117"/>
        <v>15.062410036578022</v>
      </c>
      <c r="N4775" s="236">
        <f t="shared" si="1118"/>
        <v>2.3918671778539577</v>
      </c>
      <c r="O4775" s="236">
        <f t="shared" si="1122"/>
        <v>2.7945854726059554</v>
      </c>
      <c r="P4775" s="236" t="str">
        <f t="shared" si="1123"/>
        <v>CLAY</v>
      </c>
      <c r="Q4775" s="236">
        <f t="shared" si="1119"/>
        <v>599.25289606564002</v>
      </c>
      <c r="R4775" s="238">
        <v>35</v>
      </c>
      <c r="S4775" s="236">
        <f t="shared" si="1124"/>
        <v>7.4183631794073355</v>
      </c>
      <c r="T4775" s="236" t="e">
        <f t="shared" si="1110"/>
        <v>#N/A</v>
      </c>
    </row>
    <row r="4776" spans="1:20" x14ac:dyDescent="0.2">
      <c r="A4776" s="53">
        <f t="shared" si="1111"/>
        <v>4764</v>
      </c>
      <c r="B4776" s="239">
        <v>47.277999999999999</v>
      </c>
      <c r="C4776" s="3">
        <f t="shared" si="1112"/>
        <v>47.271000000000001</v>
      </c>
      <c r="D4776" s="239">
        <v>8.5664999999999996</v>
      </c>
      <c r="E4776" s="239">
        <v>0.18629999999999999</v>
      </c>
      <c r="F4776" s="239">
        <v>0.27300000000000002</v>
      </c>
      <c r="G4776">
        <f t="shared" si="1113"/>
        <v>8.6211000000000002</v>
      </c>
      <c r="H4776" s="235">
        <f t="shared" si="1114"/>
        <v>2.1609771374882554</v>
      </c>
      <c r="I4776" s="236">
        <f t="shared" si="1115"/>
        <v>20.216024177030931</v>
      </c>
      <c r="J4776" s="237">
        <f t="shared" si="1120"/>
        <v>10.216024177030931</v>
      </c>
      <c r="K4776" s="237">
        <f t="shared" si="1116"/>
        <v>955.63167887242912</v>
      </c>
      <c r="L4776" s="237">
        <f t="shared" si="1121"/>
        <v>482.99319104166835</v>
      </c>
      <c r="M4776" s="236">
        <f t="shared" si="1117"/>
        <v>15.870758559961279</v>
      </c>
      <c r="N4776" s="236">
        <f t="shared" si="1118"/>
        <v>2.4303798828118528</v>
      </c>
      <c r="O4776" s="236">
        <f t="shared" si="1122"/>
        <v>2.7799957521047798</v>
      </c>
      <c r="P4776" s="236" t="str">
        <f t="shared" si="1123"/>
        <v>CLAY</v>
      </c>
      <c r="Q4776" s="236">
        <f t="shared" si="1119"/>
        <v>638.78902676063092</v>
      </c>
      <c r="R4776" s="238">
        <v>35</v>
      </c>
      <c r="S4776" s="236">
        <f t="shared" si="1124"/>
        <v>7.9193058245864503</v>
      </c>
      <c r="T4776" s="236" t="e">
        <f t="shared" si="1110"/>
        <v>#N/A</v>
      </c>
    </row>
    <row r="4777" spans="1:20" x14ac:dyDescent="0.2">
      <c r="A4777" s="53">
        <f t="shared" si="1111"/>
        <v>4765</v>
      </c>
      <c r="B4777" s="239">
        <v>47.289000000000001</v>
      </c>
      <c r="C4777" s="3">
        <f t="shared" si="1112"/>
        <v>47.282000000000004</v>
      </c>
      <c r="D4777" s="239">
        <v>8.7294</v>
      </c>
      <c r="E4777" s="239">
        <v>0.1908</v>
      </c>
      <c r="F4777" s="239">
        <v>0.33179999999999998</v>
      </c>
      <c r="G4777">
        <f t="shared" si="1113"/>
        <v>8.7957599999999996</v>
      </c>
      <c r="H4777" s="235">
        <f t="shared" si="1114"/>
        <v>2.1692269911866626</v>
      </c>
      <c r="I4777" s="236">
        <f t="shared" si="1115"/>
        <v>20.251850688047568</v>
      </c>
      <c r="J4777" s="237">
        <f t="shared" si="1120"/>
        <v>10.251850688047568</v>
      </c>
      <c r="K4777" s="237">
        <f t="shared" si="1116"/>
        <v>957.54800423226516</v>
      </c>
      <c r="L4777" s="237">
        <f t="shared" si="1121"/>
        <v>484.7997671870815</v>
      </c>
      <c r="M4777" s="236">
        <f t="shared" si="1117"/>
        <v>16.167936798416434</v>
      </c>
      <c r="N4777" s="236">
        <f t="shared" si="1118"/>
        <v>2.4342286238624706</v>
      </c>
      <c r="O4777" s="236">
        <f t="shared" si="1122"/>
        <v>2.7738204412184286</v>
      </c>
      <c r="P4777" s="236" t="str">
        <f t="shared" si="1123"/>
        <v>CLAY</v>
      </c>
      <c r="Q4777" s="236">
        <f t="shared" si="1119"/>
        <v>653.18433298064463</v>
      </c>
      <c r="R4777" s="238">
        <v>35</v>
      </c>
      <c r="S4777" s="236">
        <f t="shared" si="1124"/>
        <v>8.1050978481398026</v>
      </c>
      <c r="T4777" s="236" t="e">
        <f t="shared" si="1110"/>
        <v>#N/A</v>
      </c>
    </row>
    <row r="4778" spans="1:20" x14ac:dyDescent="0.2">
      <c r="A4778" s="53">
        <f t="shared" si="1111"/>
        <v>4766</v>
      </c>
      <c r="B4778" s="239">
        <v>47.298000000000002</v>
      </c>
      <c r="C4778" s="3">
        <f t="shared" si="1112"/>
        <v>47.291000000000004</v>
      </c>
      <c r="D4778" s="239">
        <v>8.9214000000000002</v>
      </c>
      <c r="E4778" s="239">
        <v>0.18229999999999999</v>
      </c>
      <c r="F4778" s="239">
        <v>0.26829999999999998</v>
      </c>
      <c r="G4778">
        <f t="shared" si="1113"/>
        <v>8.9750600000000009</v>
      </c>
      <c r="H4778" s="235">
        <f t="shared" si="1114"/>
        <v>2.0311841926404948</v>
      </c>
      <c r="I4778" s="236">
        <f t="shared" si="1115"/>
        <v>20.206300684292806</v>
      </c>
      <c r="J4778" s="237">
        <f t="shared" si="1120"/>
        <v>10.206300684292806</v>
      </c>
      <c r="K4778" s="237">
        <f t="shared" si="1116"/>
        <v>955.57616566089121</v>
      </c>
      <c r="L4778" s="237">
        <f t="shared" si="1121"/>
        <v>482.73760976568116</v>
      </c>
      <c r="M4778" s="236">
        <f t="shared" si="1117"/>
        <v>16.612510962698213</v>
      </c>
      <c r="N4778" s="236">
        <f t="shared" si="1118"/>
        <v>2.2732136352641383</v>
      </c>
      <c r="O4778" s="236">
        <f t="shared" si="1122"/>
        <v>2.7470595028945577</v>
      </c>
      <c r="P4778" s="236" t="str">
        <f t="shared" si="1123"/>
        <v>CLAY</v>
      </c>
      <c r="Q4778" s="236">
        <f t="shared" si="1119"/>
        <v>668.29031952825915</v>
      </c>
      <c r="R4778" s="238">
        <v>35</v>
      </c>
      <c r="S4778" s="236">
        <f t="shared" si="1124"/>
        <v>8.3846339904721194</v>
      </c>
      <c r="T4778" s="236" t="e">
        <f t="shared" si="1110"/>
        <v>#N/A</v>
      </c>
    </row>
    <row r="4779" spans="1:20" x14ac:dyDescent="0.2">
      <c r="A4779" s="53">
        <f t="shared" si="1111"/>
        <v>4767</v>
      </c>
      <c r="B4779" s="239">
        <v>47.308</v>
      </c>
      <c r="C4779" s="3">
        <f t="shared" si="1112"/>
        <v>47.301000000000002</v>
      </c>
      <c r="D4779" s="239">
        <v>9.2523</v>
      </c>
      <c r="E4779" s="239">
        <v>0.18210000000000001</v>
      </c>
      <c r="F4779" s="239">
        <v>0.28549999999999998</v>
      </c>
      <c r="G4779">
        <f t="shared" si="1113"/>
        <v>9.3094000000000001</v>
      </c>
      <c r="H4779" s="235">
        <f t="shared" si="1114"/>
        <v>1.9560873955356952</v>
      </c>
      <c r="I4779" s="236">
        <f t="shared" si="1115"/>
        <v>20.219309430087321</v>
      </c>
      <c r="J4779" s="237">
        <f t="shared" si="1120"/>
        <v>10.219309430087321</v>
      </c>
      <c r="K4779" s="237">
        <f t="shared" si="1116"/>
        <v>956.39355535256038</v>
      </c>
      <c r="L4779" s="237">
        <f t="shared" si="1121"/>
        <v>483.45509051857101</v>
      </c>
      <c r="M4779" s="236">
        <f t="shared" si="1117"/>
        <v>17.277729841850892</v>
      </c>
      <c r="N4779" s="236">
        <f t="shared" si="1118"/>
        <v>2.1800533880431603</v>
      </c>
      <c r="O4779" s="236">
        <f t="shared" si="1122"/>
        <v>2.7226706597716355</v>
      </c>
      <c r="P4779" s="236" t="str">
        <f t="shared" si="1123"/>
        <v>CLAY</v>
      </c>
      <c r="Q4779" s="236">
        <f t="shared" si="1119"/>
        <v>696.08387038728654</v>
      </c>
      <c r="R4779" s="238">
        <v>35</v>
      </c>
      <c r="S4779" s="236">
        <f t="shared" si="1124"/>
        <v>8.806398976864239</v>
      </c>
      <c r="T4779" s="236" t="e">
        <f t="shared" si="1110"/>
        <v>#N/A</v>
      </c>
    </row>
    <row r="4780" spans="1:20" x14ac:dyDescent="0.2">
      <c r="A4780" s="53">
        <f t="shared" si="1111"/>
        <v>4768</v>
      </c>
      <c r="B4780" s="239">
        <v>47.317999999999998</v>
      </c>
      <c r="C4780" s="3">
        <f t="shared" si="1112"/>
        <v>47.311</v>
      </c>
      <c r="D4780" s="239">
        <v>9.5516000000000005</v>
      </c>
      <c r="E4780" s="239">
        <v>0.17330000000000001</v>
      </c>
      <c r="F4780" s="239">
        <v>0.23980000000000001</v>
      </c>
      <c r="G4780">
        <f t="shared" si="1113"/>
        <v>9.5995600000000003</v>
      </c>
      <c r="H4780" s="235">
        <f t="shared" si="1114"/>
        <v>1.8052910758409761</v>
      </c>
      <c r="I4780" s="236">
        <f t="shared" si="1115"/>
        <v>20.17322536838774</v>
      </c>
      <c r="J4780" s="237">
        <f t="shared" si="1120"/>
        <v>10.17322536838774</v>
      </c>
      <c r="K4780" s="237">
        <f t="shared" si="1116"/>
        <v>954.41546540379238</v>
      </c>
      <c r="L4780" s="237">
        <f t="shared" si="1121"/>
        <v>481.37667798137107</v>
      </c>
      <c r="M4780" s="236">
        <f t="shared" si="1117"/>
        <v>17.959209346928038</v>
      </c>
      <c r="N4780" s="236">
        <f t="shared" si="1118"/>
        <v>2.0045934374663918</v>
      </c>
      <c r="O4780" s="236">
        <f t="shared" si="1122"/>
        <v>2.6881122047770503</v>
      </c>
      <c r="P4780" s="236" t="str">
        <f t="shared" si="1123"/>
        <v>CLAY</v>
      </c>
      <c r="Q4780" s="236">
        <f t="shared" si="1119"/>
        <v>720.42871121635062</v>
      </c>
      <c r="R4780" s="238">
        <v>35</v>
      </c>
      <c r="S4780" s="236">
        <f t="shared" si="1124"/>
        <v>9.2427035746196839</v>
      </c>
      <c r="T4780" s="236" t="e">
        <f t="shared" si="1110"/>
        <v>#N/A</v>
      </c>
    </row>
    <row r="4781" spans="1:20" x14ac:dyDescent="0.2">
      <c r="A4781" s="53">
        <f t="shared" si="1111"/>
        <v>4769</v>
      </c>
      <c r="B4781" s="239">
        <v>47.328000000000003</v>
      </c>
      <c r="C4781" s="3">
        <f t="shared" si="1112"/>
        <v>47.321000000000005</v>
      </c>
      <c r="D4781" s="239">
        <v>9.4728999999999992</v>
      </c>
      <c r="E4781" s="239">
        <v>0.16489999999999999</v>
      </c>
      <c r="F4781" s="239">
        <v>0.18740000000000001</v>
      </c>
      <c r="G4781">
        <f t="shared" si="1113"/>
        <v>9.5103799999999996</v>
      </c>
      <c r="H4781" s="235">
        <f t="shared" si="1114"/>
        <v>1.7338949652905562</v>
      </c>
      <c r="I4781" s="236">
        <f t="shared" si="1115"/>
        <v>20.111316907715512</v>
      </c>
      <c r="J4781" s="237">
        <f t="shared" si="1120"/>
        <v>10.111316907715512</v>
      </c>
      <c r="K4781" s="237">
        <f t="shared" si="1116"/>
        <v>951.6876273900059</v>
      </c>
      <c r="L4781" s="237">
        <f t="shared" si="1121"/>
        <v>478.54840660835981</v>
      </c>
      <c r="M4781" s="236">
        <f t="shared" si="1117"/>
        <v>17.884695162331528</v>
      </c>
      <c r="N4781" s="236">
        <f t="shared" si="1118"/>
        <v>1.9266961916720151</v>
      </c>
      <c r="O4781" s="236">
        <f t="shared" si="1122"/>
        <v>2.6798975717272198</v>
      </c>
      <c r="P4781" s="236" t="str">
        <f t="shared" si="1123"/>
        <v>CLAY</v>
      </c>
      <c r="Q4781" s="236">
        <f t="shared" si="1119"/>
        <v>713.22436438416617</v>
      </c>
      <c r="R4781" s="238">
        <v>35</v>
      </c>
      <c r="S4781" s="236">
        <f t="shared" si="1124"/>
        <v>9.1947925735356453</v>
      </c>
      <c r="T4781" s="236" t="e">
        <f t="shared" si="1110"/>
        <v>#N/A</v>
      </c>
    </row>
    <row r="4782" spans="1:20" x14ac:dyDescent="0.2">
      <c r="A4782" s="53">
        <f t="shared" si="1111"/>
        <v>4770</v>
      </c>
      <c r="B4782" s="239">
        <v>47.337000000000003</v>
      </c>
      <c r="C4782" s="3">
        <f t="shared" si="1112"/>
        <v>47.330000000000005</v>
      </c>
      <c r="D4782" s="239">
        <v>9.3488000000000007</v>
      </c>
      <c r="E4782" s="239">
        <v>0.16320000000000001</v>
      </c>
      <c r="F4782" s="239">
        <v>6.6900000000000001E-2</v>
      </c>
      <c r="G4782">
        <f t="shared" si="1113"/>
        <v>9.3621800000000004</v>
      </c>
      <c r="H4782" s="235">
        <f t="shared" si="1114"/>
        <v>1.7431837456660735</v>
      </c>
      <c r="I4782" s="236">
        <f t="shared" si="1115"/>
        <v>20.093026759380187</v>
      </c>
      <c r="J4782" s="237">
        <f t="shared" si="1120"/>
        <v>10.093026759380187</v>
      </c>
      <c r="K4782" s="237">
        <f t="shared" si="1116"/>
        <v>951.0029565214644</v>
      </c>
      <c r="L4782" s="237">
        <f t="shared" si="1121"/>
        <v>477.77360770877993</v>
      </c>
      <c r="M4782" s="236">
        <f t="shared" si="1117"/>
        <v>17.604942817614674</v>
      </c>
      <c r="N4782" s="236">
        <f t="shared" si="1118"/>
        <v>1.9402754115909897</v>
      </c>
      <c r="O4782" s="236">
        <f t="shared" si="1122"/>
        <v>2.687276190136624</v>
      </c>
      <c r="P4782" s="236" t="str">
        <f t="shared" si="1123"/>
        <v>CLAY</v>
      </c>
      <c r="Q4782" s="236">
        <f t="shared" si="1119"/>
        <v>700.93142028987802</v>
      </c>
      <c r="R4782" s="238">
        <v>35</v>
      </c>
      <c r="S4782" s="236">
        <f t="shared" si="1124"/>
        <v>9.015364329488321</v>
      </c>
      <c r="T4782" s="236" t="e">
        <f t="shared" si="1110"/>
        <v>#N/A</v>
      </c>
    </row>
    <row r="4783" spans="1:20" x14ac:dyDescent="0.2">
      <c r="A4783" s="53">
        <f t="shared" si="1111"/>
        <v>4771</v>
      </c>
      <c r="B4783" s="239">
        <v>47.347999999999999</v>
      </c>
      <c r="C4783" s="3">
        <f t="shared" si="1112"/>
        <v>47.341000000000001</v>
      </c>
      <c r="D4783" s="239">
        <v>9.2851999999999997</v>
      </c>
      <c r="E4783" s="239">
        <v>0.1636</v>
      </c>
      <c r="F4783" s="239">
        <v>6.5000000000000002E-2</v>
      </c>
      <c r="G4783">
        <f t="shared" si="1113"/>
        <v>9.2981999999999996</v>
      </c>
      <c r="H4783" s="235">
        <f t="shared" si="1114"/>
        <v>1.759480329526145</v>
      </c>
      <c r="I4783" s="236">
        <f t="shared" si="1115"/>
        <v>20.093216957667465</v>
      </c>
      <c r="J4783" s="237">
        <f t="shared" si="1120"/>
        <v>10.093216957667465</v>
      </c>
      <c r="K4783" s="237">
        <f t="shared" si="1116"/>
        <v>951.23298399293549</v>
      </c>
      <c r="L4783" s="237">
        <f t="shared" si="1121"/>
        <v>477.89363651163916</v>
      </c>
      <c r="M4783" s="236">
        <f t="shared" si="1117"/>
        <v>17.466160622969024</v>
      </c>
      <c r="N4783" s="236">
        <f t="shared" si="1118"/>
        <v>1.9599933686842492</v>
      </c>
      <c r="O4783" s="236">
        <f t="shared" si="1122"/>
        <v>2.6925857803059263</v>
      </c>
      <c r="P4783" s="236" t="str">
        <f t="shared" si="1123"/>
        <v>CLAY</v>
      </c>
      <c r="Q4783" s="236">
        <f t="shared" si="1119"/>
        <v>695.58058466725527</v>
      </c>
      <c r="R4783" s="238">
        <v>35</v>
      </c>
      <c r="S4783" s="236">
        <f t="shared" si="1124"/>
        <v>8.9266153395958714</v>
      </c>
      <c r="T4783" s="236" t="e">
        <f t="shared" si="1110"/>
        <v>#N/A</v>
      </c>
    </row>
    <row r="4784" spans="1:20" x14ac:dyDescent="0.2">
      <c r="A4784" s="53">
        <f t="shared" si="1111"/>
        <v>4772</v>
      </c>
      <c r="B4784" s="239">
        <v>47.356999999999999</v>
      </c>
      <c r="C4784" s="3">
        <f t="shared" si="1112"/>
        <v>47.35</v>
      </c>
      <c r="D4784" s="239">
        <v>9.1796000000000006</v>
      </c>
      <c r="E4784" s="239">
        <v>0.16550000000000001</v>
      </c>
      <c r="F4784" s="239">
        <v>0.1176</v>
      </c>
      <c r="G4784">
        <f t="shared" si="1113"/>
        <v>9.2031200000000002</v>
      </c>
      <c r="H4784" s="235">
        <f t="shared" si="1114"/>
        <v>1.7983031841375534</v>
      </c>
      <c r="I4784" s="236">
        <f t="shared" si="1115"/>
        <v>20.102739225652499</v>
      </c>
      <c r="J4784" s="237">
        <f t="shared" si="1120"/>
        <v>10.102739225652499</v>
      </c>
      <c r="K4784" s="237">
        <f t="shared" si="1116"/>
        <v>951.86470233464581</v>
      </c>
      <c r="L4784" s="237">
        <f t="shared" si="1121"/>
        <v>478.43542150922536</v>
      </c>
      <c r="M4784" s="236">
        <f t="shared" si="1117"/>
        <v>17.246330281392535</v>
      </c>
      <c r="N4784" s="236">
        <f t="shared" si="1118"/>
        <v>2.0057554157465867</v>
      </c>
      <c r="O4784" s="236">
        <f t="shared" si="1122"/>
        <v>2.7027715151629064</v>
      </c>
      <c r="P4784" s="236" t="str">
        <f t="shared" si="1123"/>
        <v>CLAY</v>
      </c>
      <c r="Q4784" s="236">
        <f t="shared" si="1119"/>
        <v>687.60460813877955</v>
      </c>
      <c r="R4784" s="238">
        <v>35</v>
      </c>
      <c r="S4784" s="236">
        <f t="shared" si="1124"/>
        <v>8.7863982146639739</v>
      </c>
      <c r="T4784" s="236" t="e">
        <f t="shared" si="1110"/>
        <v>#N/A</v>
      </c>
    </row>
    <row r="4785" spans="1:20" x14ac:dyDescent="0.2">
      <c r="A4785" s="53">
        <f t="shared" si="1111"/>
        <v>4773</v>
      </c>
      <c r="B4785" s="239">
        <v>47.366999999999997</v>
      </c>
      <c r="C4785" s="3">
        <f t="shared" si="1112"/>
        <v>47.36</v>
      </c>
      <c r="D4785" s="239">
        <v>8.8801000000000005</v>
      </c>
      <c r="E4785" s="239">
        <v>0.15909999999999999</v>
      </c>
      <c r="F4785" s="239">
        <v>0.13350000000000001</v>
      </c>
      <c r="G4785">
        <f t="shared" si="1113"/>
        <v>8.9068000000000005</v>
      </c>
      <c r="H4785" s="235">
        <f t="shared" si="1114"/>
        <v>1.7862756545560694</v>
      </c>
      <c r="I4785" s="236">
        <f t="shared" si="1115"/>
        <v>20.043702069832882</v>
      </c>
      <c r="J4785" s="237">
        <f t="shared" si="1120"/>
        <v>10.043702069832882</v>
      </c>
      <c r="K4785" s="237">
        <f t="shared" si="1116"/>
        <v>949.26973002728528</v>
      </c>
      <c r="L4785" s="237">
        <f t="shared" si="1121"/>
        <v>475.74003594177412</v>
      </c>
      <c r="M4785" s="236">
        <f t="shared" si="1117"/>
        <v>16.726635701828211</v>
      </c>
      <c r="N4785" s="236">
        <f t="shared" si="1118"/>
        <v>1.9993640564630297</v>
      </c>
      <c r="O4785" s="236">
        <f t="shared" si="1122"/>
        <v>2.7129845259236163</v>
      </c>
      <c r="P4785" s="236" t="str">
        <f t="shared" si="1123"/>
        <v>CLAY</v>
      </c>
      <c r="Q4785" s="236">
        <f t="shared" si="1119"/>
        <v>663.12752249772632</v>
      </c>
      <c r="R4785" s="238">
        <v>35</v>
      </c>
      <c r="S4785" s="236">
        <f t="shared" si="1124"/>
        <v>8.45669673220163</v>
      </c>
      <c r="T4785" s="236" t="e">
        <f t="shared" si="1110"/>
        <v>#N/A</v>
      </c>
    </row>
    <row r="4786" spans="1:20" x14ac:dyDescent="0.2">
      <c r="A4786" s="53">
        <f t="shared" si="1111"/>
        <v>4774</v>
      </c>
      <c r="B4786" s="239">
        <v>47.375999999999998</v>
      </c>
      <c r="C4786" s="3">
        <f t="shared" si="1112"/>
        <v>47.369</v>
      </c>
      <c r="D4786" s="239">
        <v>8.4034999999999993</v>
      </c>
      <c r="E4786" s="239">
        <v>0.1535</v>
      </c>
      <c r="F4786" s="239">
        <v>0.11260000000000001</v>
      </c>
      <c r="G4786">
        <f t="shared" si="1113"/>
        <v>8.4260199999999994</v>
      </c>
      <c r="H4786" s="235">
        <f t="shared" si="1114"/>
        <v>1.8217379023548486</v>
      </c>
      <c r="I4786" s="236">
        <f t="shared" si="1115"/>
        <v>19.97999591694818</v>
      </c>
      <c r="J4786" s="237">
        <f t="shared" si="1120"/>
        <v>9.9799959169481802</v>
      </c>
      <c r="K4786" s="237">
        <f t="shared" si="1116"/>
        <v>946.43242658991835</v>
      </c>
      <c r="L4786" s="237">
        <f t="shared" si="1121"/>
        <v>472.81228656133698</v>
      </c>
      <c r="M4786" s="236">
        <f t="shared" si="1117"/>
        <v>15.819359576730815</v>
      </c>
      <c r="N4786" s="236">
        <f t="shared" si="1118"/>
        <v>2.0522521929643851</v>
      </c>
      <c r="O4786" s="236">
        <f t="shared" si="1122"/>
        <v>2.7394003115978998</v>
      </c>
      <c r="P4786" s="236" t="str">
        <f t="shared" si="1123"/>
        <v>CLAY</v>
      </c>
      <c r="Q4786" s="236">
        <f t="shared" si="1119"/>
        <v>623.29896445084</v>
      </c>
      <c r="R4786" s="238">
        <v>35</v>
      </c>
      <c r="S4786" s="236">
        <f t="shared" si="1124"/>
        <v>7.8872595182760676</v>
      </c>
      <c r="T4786" s="236" t="e">
        <f t="shared" si="1110"/>
        <v>#N/A</v>
      </c>
    </row>
    <row r="4787" spans="1:20" x14ac:dyDescent="0.2">
      <c r="A4787" s="53">
        <f t="shared" si="1111"/>
        <v>4775</v>
      </c>
      <c r="B4787" s="239">
        <v>47.387</v>
      </c>
      <c r="C4787" s="3">
        <f t="shared" si="1112"/>
        <v>47.38</v>
      </c>
      <c r="D4787" s="239">
        <v>7.9569999999999999</v>
      </c>
      <c r="E4787" s="239">
        <v>0.14480000000000001</v>
      </c>
      <c r="F4787" s="239">
        <v>0.17150000000000001</v>
      </c>
      <c r="G4787">
        <f t="shared" si="1113"/>
        <v>7.9912999999999998</v>
      </c>
      <c r="H4787" s="235">
        <f t="shared" si="1114"/>
        <v>1.8119705179382581</v>
      </c>
      <c r="I4787" s="236">
        <f t="shared" si="1115"/>
        <v>19.890873862678923</v>
      </c>
      <c r="J4787" s="237">
        <f t="shared" si="1120"/>
        <v>9.890873862678923</v>
      </c>
      <c r="K4787" s="237">
        <f t="shared" si="1116"/>
        <v>942.42960361372741</v>
      </c>
      <c r="L4787" s="237">
        <f t="shared" si="1121"/>
        <v>468.69883973076611</v>
      </c>
      <c r="M4787" s="236">
        <f t="shared" si="1117"/>
        <v>15.039231589383373</v>
      </c>
      <c r="N4787" s="236">
        <f t="shared" si="1118"/>
        <v>2.0542298532575414</v>
      </c>
      <c r="O4787" s="236">
        <f t="shared" si="1122"/>
        <v>2.7578664401979265</v>
      </c>
      <c r="P4787" s="236" t="str">
        <f t="shared" si="1123"/>
        <v>CLAY</v>
      </c>
      <c r="Q4787" s="236">
        <f t="shared" si="1119"/>
        <v>587.40586636552268</v>
      </c>
      <c r="R4787" s="238">
        <v>35</v>
      </c>
      <c r="S4787" s="236">
        <f t="shared" si="1124"/>
        <v>7.4040964508717995</v>
      </c>
      <c r="T4787" s="236" t="e">
        <f t="shared" si="1110"/>
        <v>#N/A</v>
      </c>
    </row>
    <row r="4788" spans="1:20" x14ac:dyDescent="0.2">
      <c r="A4788" s="53">
        <f t="shared" si="1111"/>
        <v>4776</v>
      </c>
      <c r="B4788" s="239">
        <v>47.396000000000001</v>
      </c>
      <c r="C4788" s="3">
        <f t="shared" si="1112"/>
        <v>47.389000000000003</v>
      </c>
      <c r="D4788" s="239">
        <v>7.5610999999999997</v>
      </c>
      <c r="E4788" s="239">
        <v>0.1346</v>
      </c>
      <c r="F4788" s="239">
        <v>0.33629999999999999</v>
      </c>
      <c r="G4788">
        <f t="shared" si="1113"/>
        <v>7.6283599999999998</v>
      </c>
      <c r="H4788" s="235">
        <f t="shared" si="1114"/>
        <v>1.7644683785243487</v>
      </c>
      <c r="I4788" s="236">
        <f t="shared" si="1115"/>
        <v>19.787052778279239</v>
      </c>
      <c r="J4788" s="237">
        <f t="shared" si="1120"/>
        <v>9.7870527782792394</v>
      </c>
      <c r="K4788" s="237">
        <f t="shared" si="1116"/>
        <v>937.68864410987499</v>
      </c>
      <c r="L4788" s="237">
        <f t="shared" si="1121"/>
        <v>463.86715347932284</v>
      </c>
      <c r="M4788" s="236">
        <f t="shared" si="1117"/>
        <v>14.423679938761531</v>
      </c>
      <c r="N4788" s="236">
        <f t="shared" si="1118"/>
        <v>2.0117562624190928</v>
      </c>
      <c r="O4788" s="236">
        <f t="shared" si="1122"/>
        <v>2.7679687971720148</v>
      </c>
      <c r="P4788" s="236" t="str">
        <f t="shared" si="1123"/>
        <v>CLAY</v>
      </c>
      <c r="Q4788" s="236">
        <f t="shared" si="1119"/>
        <v>557.55594632417706</v>
      </c>
      <c r="R4788" s="238">
        <v>35</v>
      </c>
      <c r="S4788" s="236">
        <f t="shared" si="1124"/>
        <v>7.0272451543333903</v>
      </c>
      <c r="T4788" s="236" t="e">
        <f t="shared" si="1110"/>
        <v>#N/A</v>
      </c>
    </row>
    <row r="4789" spans="1:20" x14ac:dyDescent="0.2">
      <c r="A4789" s="53">
        <f t="shared" si="1111"/>
        <v>4777</v>
      </c>
      <c r="B4789" s="239">
        <v>47.405999999999999</v>
      </c>
      <c r="C4789" s="3">
        <f t="shared" si="1112"/>
        <v>47.399000000000001</v>
      </c>
      <c r="D4789" s="239">
        <v>7.0555000000000003</v>
      </c>
      <c r="E4789" s="239">
        <v>0.1409</v>
      </c>
      <c r="F4789" s="239">
        <v>0.30909999999999999</v>
      </c>
      <c r="G4789">
        <f t="shared" si="1113"/>
        <v>7.1173200000000003</v>
      </c>
      <c r="H4789" s="235">
        <f t="shared" si="1114"/>
        <v>1.9796777438698836</v>
      </c>
      <c r="I4789" s="236">
        <f t="shared" si="1115"/>
        <v>19.813587578999638</v>
      </c>
      <c r="J4789" s="237">
        <f t="shared" si="1120"/>
        <v>9.8135875789996376</v>
      </c>
      <c r="K4789" s="237">
        <f t="shared" si="1116"/>
        <v>939.14423765700383</v>
      </c>
      <c r="L4789" s="237">
        <f t="shared" si="1121"/>
        <v>465.22293277005679</v>
      </c>
      <c r="M4789" s="236">
        <f t="shared" si="1117"/>
        <v>13.280032705087326</v>
      </c>
      <c r="N4789" s="236">
        <f t="shared" si="1118"/>
        <v>2.2806084744109874</v>
      </c>
      <c r="O4789" s="236">
        <f t="shared" si="1122"/>
        <v>2.8280237575608127</v>
      </c>
      <c r="P4789" s="236" t="str">
        <f t="shared" si="1123"/>
        <v>CLAY</v>
      </c>
      <c r="Q4789" s="236">
        <f t="shared" si="1119"/>
        <v>514.84798019524976</v>
      </c>
      <c r="R4789" s="238">
        <v>35</v>
      </c>
      <c r="S4789" s="236">
        <f t="shared" si="1124"/>
        <v>6.3378059719675246</v>
      </c>
      <c r="T4789" s="236" t="e">
        <f t="shared" si="1110"/>
        <v>#N/A</v>
      </c>
    </row>
    <row r="4790" spans="1:20" x14ac:dyDescent="0.2">
      <c r="A4790" s="53">
        <f t="shared" si="1111"/>
        <v>4778</v>
      </c>
      <c r="B4790" s="239">
        <v>47.415999999999997</v>
      </c>
      <c r="C4790" s="3">
        <f t="shared" si="1112"/>
        <v>47.408999999999999</v>
      </c>
      <c r="D4790" s="239">
        <v>6.7881999999999998</v>
      </c>
      <c r="E4790" s="239">
        <v>0.14749999999999999</v>
      </c>
      <c r="F4790" s="239">
        <v>0.22559999999999999</v>
      </c>
      <c r="G4790">
        <f t="shared" si="1113"/>
        <v>6.8333199999999996</v>
      </c>
      <c r="H4790" s="235">
        <f t="shared" si="1114"/>
        <v>2.1585407971527748</v>
      </c>
      <c r="I4790" s="236">
        <f t="shared" si="1115"/>
        <v>19.851350092269037</v>
      </c>
      <c r="J4790" s="237">
        <f t="shared" si="1120"/>
        <v>9.8513500922690369</v>
      </c>
      <c r="K4790" s="237">
        <f t="shared" si="1116"/>
        <v>941.1326565243827</v>
      </c>
      <c r="L4790" s="237">
        <f t="shared" si="1121"/>
        <v>467.1116159750286</v>
      </c>
      <c r="M4790" s="236">
        <f t="shared" si="1117"/>
        <v>12.614088671669018</v>
      </c>
      <c r="N4790" s="236">
        <f t="shared" si="1118"/>
        <v>2.5033148371177614</v>
      </c>
      <c r="O4790" s="236">
        <f t="shared" si="1122"/>
        <v>2.8692222292954477</v>
      </c>
      <c r="P4790" s="236" t="str">
        <f t="shared" si="1123"/>
        <v>CLAY</v>
      </c>
      <c r="Q4790" s="236">
        <f t="shared" si="1119"/>
        <v>491.01561195630143</v>
      </c>
      <c r="R4790" s="238">
        <v>35</v>
      </c>
      <c r="S4790" s="236">
        <f t="shared" si="1124"/>
        <v>5.9430564872694207</v>
      </c>
      <c r="T4790" s="236" t="e">
        <f t="shared" si="1110"/>
        <v>#N/A</v>
      </c>
    </row>
    <row r="4791" spans="1:20" x14ac:dyDescent="0.2">
      <c r="A4791" s="53">
        <f t="shared" si="1111"/>
        <v>4779</v>
      </c>
      <c r="B4791" s="239">
        <v>47.424999999999997</v>
      </c>
      <c r="C4791" s="3">
        <f t="shared" si="1112"/>
        <v>47.417999999999999</v>
      </c>
      <c r="D4791" s="239">
        <v>6.5450999999999997</v>
      </c>
      <c r="E4791" s="239">
        <v>0.15260000000000001</v>
      </c>
      <c r="F4791" s="239">
        <v>0.25530000000000003</v>
      </c>
      <c r="G4791">
        <f t="shared" si="1113"/>
        <v>6.5961599999999994</v>
      </c>
      <c r="H4791" s="235">
        <f t="shared" si="1114"/>
        <v>2.3134672294183289</v>
      </c>
      <c r="I4791" s="236">
        <f t="shared" si="1115"/>
        <v>19.877402358575843</v>
      </c>
      <c r="J4791" s="237">
        <f t="shared" si="1120"/>
        <v>9.8774023585758428</v>
      </c>
      <c r="K4791" s="237">
        <f t="shared" si="1116"/>
        <v>942.5466650389493</v>
      </c>
      <c r="L4791" s="237">
        <f t="shared" si="1121"/>
        <v>468.4358068554593</v>
      </c>
      <c r="M4791" s="236">
        <f t="shared" si="1117"/>
        <v>12.069131463098273</v>
      </c>
      <c r="N4791" s="236">
        <f t="shared" si="1118"/>
        <v>2.6991587673027757</v>
      </c>
      <c r="O4791" s="236">
        <f t="shared" si="1122"/>
        <v>2.903557606593608</v>
      </c>
      <c r="P4791" s="236" t="str">
        <f t="shared" si="1123"/>
        <v>CLAY</v>
      </c>
      <c r="Q4791" s="236">
        <f t="shared" si="1119"/>
        <v>471.13444458008752</v>
      </c>
      <c r="R4791" s="238">
        <v>35</v>
      </c>
      <c r="S4791" s="236">
        <f t="shared" si="1124"/>
        <v>5.6238668653228059</v>
      </c>
      <c r="T4791" s="236" t="e">
        <f t="shared" si="1110"/>
        <v>#N/A</v>
      </c>
    </row>
    <row r="4792" spans="1:20" x14ac:dyDescent="0.2">
      <c r="A4792" s="53">
        <f t="shared" si="1111"/>
        <v>4780</v>
      </c>
      <c r="B4792" s="239">
        <v>47.435000000000002</v>
      </c>
      <c r="C4792" s="3">
        <f t="shared" si="1112"/>
        <v>47.428000000000004</v>
      </c>
      <c r="D4792" s="239">
        <v>6.3017000000000003</v>
      </c>
      <c r="E4792" s="239">
        <v>0.16550000000000001</v>
      </c>
      <c r="F4792" s="239">
        <v>0.27810000000000001</v>
      </c>
      <c r="G4792">
        <f t="shared" si="1113"/>
        <v>6.3573200000000005</v>
      </c>
      <c r="H4792" s="235">
        <f t="shared" si="1114"/>
        <v>2.603298245172494</v>
      </c>
      <c r="I4792" s="236">
        <f t="shared" si="1115"/>
        <v>19.958144314522485</v>
      </c>
      <c r="J4792" s="237">
        <f t="shared" si="1120"/>
        <v>9.9581443145224853</v>
      </c>
      <c r="K4792" s="237">
        <f t="shared" si="1116"/>
        <v>946.57486854917249</v>
      </c>
      <c r="L4792" s="237">
        <f t="shared" si="1121"/>
        <v>472.36457555937409</v>
      </c>
      <c r="M4792" s="236">
        <f t="shared" si="1117"/>
        <v>11.454595478594948</v>
      </c>
      <c r="N4792" s="236">
        <f t="shared" si="1118"/>
        <v>3.0587284371981336</v>
      </c>
      <c r="O4792" s="236">
        <f t="shared" si="1122"/>
        <v>2.9532843490797598</v>
      </c>
      <c r="P4792" s="236" t="str">
        <f t="shared" si="1123"/>
        <v>CLAY</v>
      </c>
      <c r="Q4792" s="236">
        <f t="shared" si="1119"/>
        <v>450.89542762090235</v>
      </c>
      <c r="R4792" s="238">
        <v>35</v>
      </c>
      <c r="S4792" s="236">
        <f t="shared" si="1124"/>
        <v>5.2682297248524863</v>
      </c>
      <c r="T4792" s="236" t="e">
        <f t="shared" si="1110"/>
        <v>#N/A</v>
      </c>
    </row>
    <row r="4793" spans="1:20" x14ac:dyDescent="0.2">
      <c r="A4793" s="53">
        <f t="shared" si="1111"/>
        <v>4781</v>
      </c>
      <c r="B4793" s="239">
        <v>47.444000000000003</v>
      </c>
      <c r="C4793" s="3">
        <f t="shared" si="1112"/>
        <v>47.437000000000005</v>
      </c>
      <c r="D4793" s="239">
        <v>6.1025999999999998</v>
      </c>
      <c r="E4793" s="239">
        <v>0.17280000000000001</v>
      </c>
      <c r="F4793" s="239">
        <v>0.35670000000000002</v>
      </c>
      <c r="G4793">
        <f t="shared" si="1113"/>
        <v>6.17394</v>
      </c>
      <c r="H4793" s="235">
        <f t="shared" si="1114"/>
        <v>2.7988610190575227</v>
      </c>
      <c r="I4793" s="236">
        <f t="shared" si="1115"/>
        <v>19.997317311487247</v>
      </c>
      <c r="J4793" s="237">
        <f t="shared" si="1120"/>
        <v>9.9973173114872473</v>
      </c>
      <c r="K4793" s="237">
        <f t="shared" si="1116"/>
        <v>948.61274130502068</v>
      </c>
      <c r="L4793" s="237">
        <f t="shared" si="1121"/>
        <v>474.31272252620101</v>
      </c>
      <c r="M4793" s="236">
        <f t="shared" si="1117"/>
        <v>11.016628925458207</v>
      </c>
      <c r="N4793" s="236">
        <f t="shared" si="1118"/>
        <v>3.3069699072428369</v>
      </c>
      <c r="O4793" s="236">
        <f t="shared" si="1122"/>
        <v>2.9867314880795859</v>
      </c>
      <c r="P4793" s="236" t="str">
        <f t="shared" si="1123"/>
        <v>CLAY</v>
      </c>
      <c r="Q4793" s="236">
        <f t="shared" si="1119"/>
        <v>435.44393822458159</v>
      </c>
      <c r="R4793" s="238">
        <v>35</v>
      </c>
      <c r="S4793" s="236">
        <f t="shared" si="1124"/>
        <v>5.017656307273616</v>
      </c>
      <c r="T4793" s="236" t="e">
        <f t="shared" si="1110"/>
        <v>#N/A</v>
      </c>
    </row>
    <row r="4794" spans="1:20" x14ac:dyDescent="0.2">
      <c r="A4794" s="53">
        <f t="shared" si="1111"/>
        <v>4782</v>
      </c>
      <c r="B4794" s="239">
        <v>47.454999999999998</v>
      </c>
      <c r="C4794" s="3">
        <f t="shared" si="1112"/>
        <v>47.448</v>
      </c>
      <c r="D4794" s="239">
        <v>5.6624999999999996</v>
      </c>
      <c r="E4794" s="239">
        <v>0.17169999999999999</v>
      </c>
      <c r="F4794" s="239">
        <v>0.50249999999999995</v>
      </c>
      <c r="G4794">
        <f t="shared" si="1113"/>
        <v>5.7629999999999999</v>
      </c>
      <c r="H4794" s="235">
        <f t="shared" si="1114"/>
        <v>2.9793510324483776</v>
      </c>
      <c r="I4794" s="236">
        <f t="shared" si="1115"/>
        <v>19.962906608940184</v>
      </c>
      <c r="J4794" s="237">
        <f t="shared" si="1120"/>
        <v>9.9629066089401839</v>
      </c>
      <c r="K4794" s="237">
        <f t="shared" si="1116"/>
        <v>947.19999278099385</v>
      </c>
      <c r="L4794" s="237">
        <f t="shared" si="1121"/>
        <v>472.7897331272564</v>
      </c>
      <c r="M4794" s="236">
        <f t="shared" si="1117"/>
        <v>10.185923402703802</v>
      </c>
      <c r="N4794" s="236">
        <f t="shared" si="1118"/>
        <v>3.5653473928032176</v>
      </c>
      <c r="O4794" s="236">
        <f t="shared" si="1122"/>
        <v>3.0334447374513998</v>
      </c>
      <c r="P4794" s="236" t="str">
        <f t="shared" si="1123"/>
        <v>CLAY</v>
      </c>
      <c r="Q4794" s="236">
        <f t="shared" si="1119"/>
        <v>401.31666726825051</v>
      </c>
      <c r="R4794" s="238">
        <v>35</v>
      </c>
      <c r="S4794" s="236">
        <f t="shared" si="1124"/>
        <v>4.549257462533463</v>
      </c>
      <c r="T4794" s="236" t="e">
        <f t="shared" si="1110"/>
        <v>#N/A</v>
      </c>
    </row>
    <row r="4795" spans="1:20" x14ac:dyDescent="0.2">
      <c r="A4795" s="53">
        <f t="shared" si="1111"/>
        <v>4783</v>
      </c>
      <c r="B4795" s="239">
        <v>47.465000000000003</v>
      </c>
      <c r="C4795" s="3">
        <f t="shared" si="1112"/>
        <v>47.458000000000006</v>
      </c>
      <c r="D4795" s="239">
        <v>5.1047000000000002</v>
      </c>
      <c r="E4795" s="239">
        <v>0.1681</v>
      </c>
      <c r="F4795" s="239">
        <v>0.51</v>
      </c>
      <c r="G4795">
        <f t="shared" si="1113"/>
        <v>5.2067000000000005</v>
      </c>
      <c r="H4795" s="235">
        <f t="shared" si="1114"/>
        <v>3.2285324677818958</v>
      </c>
      <c r="I4795" s="236">
        <f t="shared" si="1115"/>
        <v>19.898382180337467</v>
      </c>
      <c r="J4795" s="237">
        <f t="shared" si="1120"/>
        <v>9.8983821803374674</v>
      </c>
      <c r="K4795" s="237">
        <f t="shared" si="1116"/>
        <v>944.33742151445563</v>
      </c>
      <c r="L4795" s="237">
        <f t="shared" si="1121"/>
        <v>469.82671018971791</v>
      </c>
      <c r="M4795" s="236">
        <f t="shared" si="1117"/>
        <v>9.0722014862977574</v>
      </c>
      <c r="N4795" s="236">
        <f t="shared" si="1118"/>
        <v>3.9438221621147824</v>
      </c>
      <c r="O4795" s="236">
        <f t="shared" si="1122"/>
        <v>3.0998618142919065</v>
      </c>
      <c r="P4795" s="236" t="str">
        <f t="shared" si="1123"/>
        <v>CLAY</v>
      </c>
      <c r="Q4795" s="236">
        <f t="shared" si="1119"/>
        <v>355.19688154046207</v>
      </c>
      <c r="R4795" s="238">
        <v>35</v>
      </c>
      <c r="S4795" s="236">
        <f t="shared" si="1124"/>
        <v>3.9362336290978699</v>
      </c>
      <c r="T4795" s="236" t="e">
        <f t="shared" si="1110"/>
        <v>#N/A</v>
      </c>
    </row>
    <row r="4796" spans="1:20" x14ac:dyDescent="0.2">
      <c r="A4796" s="53">
        <f t="shared" si="1111"/>
        <v>4784</v>
      </c>
      <c r="B4796" s="239">
        <v>47.475000000000001</v>
      </c>
      <c r="C4796" s="3">
        <f t="shared" si="1112"/>
        <v>47.468000000000004</v>
      </c>
      <c r="D4796" s="239">
        <v>4.6421000000000001</v>
      </c>
      <c r="E4796" s="239">
        <v>0.16300000000000001</v>
      </c>
      <c r="F4796" s="239">
        <v>0.37569999999999998</v>
      </c>
      <c r="G4796">
        <f t="shared" si="1113"/>
        <v>4.7172400000000003</v>
      </c>
      <c r="H4796" s="235">
        <f t="shared" si="1114"/>
        <v>3.4554103670790544</v>
      </c>
      <c r="I4796" s="236">
        <f t="shared" si="1115"/>
        <v>19.823668761521763</v>
      </c>
      <c r="J4796" s="237">
        <f t="shared" si="1120"/>
        <v>9.8236687615217626</v>
      </c>
      <c r="K4796" s="237">
        <f t="shared" si="1116"/>
        <v>940.98990877191511</v>
      </c>
      <c r="L4796" s="237">
        <f t="shared" si="1121"/>
        <v>466.37867445324571</v>
      </c>
      <c r="M4796" s="236">
        <f t="shared" si="1117"/>
        <v>8.0969613279490833</v>
      </c>
      <c r="N4796" s="236">
        <f t="shared" si="1118"/>
        <v>4.3164514018453231</v>
      </c>
      <c r="O4796" s="236">
        <f t="shared" si="1122"/>
        <v>3.1628609664271603</v>
      </c>
      <c r="P4796" s="236" t="str">
        <f t="shared" si="1123"/>
        <v>CLAY</v>
      </c>
      <c r="Q4796" s="236">
        <f t="shared" si="1119"/>
        <v>314.68750760234047</v>
      </c>
      <c r="R4796" s="238">
        <v>35</v>
      </c>
      <c r="S4796" s="236">
        <f t="shared" si="1124"/>
        <v>3.4146216529711761</v>
      </c>
      <c r="T4796" s="236" t="e">
        <f t="shared" si="1110"/>
        <v>#N/A</v>
      </c>
    </row>
    <row r="4797" spans="1:20" x14ac:dyDescent="0.2">
      <c r="A4797" s="53">
        <f t="shared" si="1111"/>
        <v>4785</v>
      </c>
      <c r="B4797" s="239">
        <v>47.484999999999999</v>
      </c>
      <c r="C4797" s="3">
        <f t="shared" si="1112"/>
        <v>47.478000000000002</v>
      </c>
      <c r="D4797" s="239">
        <v>4.3483999999999998</v>
      </c>
      <c r="E4797" s="239">
        <v>0.1686</v>
      </c>
      <c r="F4797" s="239">
        <v>0.42880000000000001</v>
      </c>
      <c r="G4797">
        <f t="shared" si="1113"/>
        <v>4.4341599999999994</v>
      </c>
      <c r="H4797" s="235">
        <f t="shared" si="1114"/>
        <v>3.8022985187724401</v>
      </c>
      <c r="I4797" s="236">
        <f t="shared" si="1115"/>
        <v>19.83908871809448</v>
      </c>
      <c r="J4797" s="237">
        <f t="shared" si="1120"/>
        <v>9.8390887180944802</v>
      </c>
      <c r="K4797" s="237">
        <f t="shared" si="1116"/>
        <v>941.92025415768978</v>
      </c>
      <c r="L4797" s="237">
        <f t="shared" si="1121"/>
        <v>467.20912777871638</v>
      </c>
      <c r="M4797" s="236">
        <f t="shared" si="1117"/>
        <v>7.4746821887785009</v>
      </c>
      <c r="N4797" s="236">
        <f t="shared" si="1118"/>
        <v>4.827847234736014</v>
      </c>
      <c r="O4797" s="236">
        <f t="shared" si="1122"/>
        <v>3.2195664560209054</v>
      </c>
      <c r="P4797" s="236" t="str">
        <f t="shared" si="1123"/>
        <v>CLAY</v>
      </c>
      <c r="Q4797" s="236">
        <f t="shared" si="1119"/>
        <v>291.01997882019253</v>
      </c>
      <c r="R4797" s="238">
        <v>35</v>
      </c>
      <c r="S4797" s="236">
        <f t="shared" si="1124"/>
        <v>3.0898039464841851</v>
      </c>
      <c r="T4797" s="236" t="e">
        <f t="shared" si="1110"/>
        <v>#N/A</v>
      </c>
    </row>
    <row r="4798" spans="1:20" x14ac:dyDescent="0.2">
      <c r="A4798" s="53">
        <f t="shared" si="1111"/>
        <v>4786</v>
      </c>
      <c r="B4798" s="239">
        <v>47.494999999999997</v>
      </c>
      <c r="C4798" s="3">
        <f t="shared" si="1112"/>
        <v>47.488</v>
      </c>
      <c r="D4798" s="239">
        <v>4.1830999999999996</v>
      </c>
      <c r="E4798" s="239">
        <v>0.1792</v>
      </c>
      <c r="F4798" s="239">
        <v>0.45050000000000001</v>
      </c>
      <c r="G4798">
        <f t="shared" si="1113"/>
        <v>4.2731999999999992</v>
      </c>
      <c r="H4798" s="235">
        <f t="shared" si="1114"/>
        <v>4.1935785827950953</v>
      </c>
      <c r="I4798" s="236">
        <f t="shared" si="1115"/>
        <v>19.896133566512663</v>
      </c>
      <c r="J4798" s="237">
        <f t="shared" si="1120"/>
        <v>9.8961335665126633</v>
      </c>
      <c r="K4798" s="237">
        <f t="shared" si="1116"/>
        <v>944.8275908065533</v>
      </c>
      <c r="L4798" s="237">
        <f t="shared" si="1121"/>
        <v>470.01686374151893</v>
      </c>
      <c r="M4798" s="236">
        <f t="shared" si="1117"/>
        <v>7.0813893414340354</v>
      </c>
      <c r="N4798" s="236">
        <f t="shared" si="1118"/>
        <v>5.3840129038752904</v>
      </c>
      <c r="O4798" s="236">
        <f t="shared" si="1122"/>
        <v>3.2665875464029757</v>
      </c>
      <c r="P4798" s="236" t="str">
        <f t="shared" si="1123"/>
        <v>CLAY</v>
      </c>
      <c r="Q4798" s="236">
        <f t="shared" si="1119"/>
        <v>277.36436743278711</v>
      </c>
      <c r="R4798" s="238">
        <v>35</v>
      </c>
      <c r="S4798" s="236">
        <f t="shared" si="1124"/>
        <v>2.8879395598449134</v>
      </c>
      <c r="T4798" s="236" t="e">
        <f t="shared" si="1110"/>
        <v>#N/A</v>
      </c>
    </row>
    <row r="4799" spans="1:20" x14ac:dyDescent="0.2">
      <c r="A4799" s="53">
        <f t="shared" si="1111"/>
        <v>4787</v>
      </c>
      <c r="B4799" s="239">
        <v>47.505000000000003</v>
      </c>
      <c r="C4799" s="3">
        <f t="shared" si="1112"/>
        <v>47.498000000000005</v>
      </c>
      <c r="D4799" s="239">
        <v>4.0785999999999998</v>
      </c>
      <c r="E4799" s="239">
        <v>0.19450000000000001</v>
      </c>
      <c r="F4799" s="239">
        <v>0.44969999999999999</v>
      </c>
      <c r="G4799">
        <f t="shared" si="1113"/>
        <v>4.1685400000000001</v>
      </c>
      <c r="H4799" s="235">
        <f t="shared" si="1114"/>
        <v>4.6659022103662195</v>
      </c>
      <c r="I4799" s="236">
        <f t="shared" si="1115"/>
        <v>19.982511565554937</v>
      </c>
      <c r="J4799" s="237">
        <f t="shared" si="1120"/>
        <v>9.9825115655549368</v>
      </c>
      <c r="K4799" s="237">
        <f t="shared" si="1116"/>
        <v>949.12933434072852</v>
      </c>
      <c r="L4799" s="237">
        <f t="shared" si="1121"/>
        <v>474.2192119216873</v>
      </c>
      <c r="M4799" s="236">
        <f t="shared" si="1117"/>
        <v>6.7888659605611377</v>
      </c>
      <c r="N4799" s="236">
        <f t="shared" si="1118"/>
        <v>6.0414784008355227</v>
      </c>
      <c r="O4799" s="236">
        <f t="shared" si="1122"/>
        <v>3.3112970343800789</v>
      </c>
      <c r="P4799" s="236" t="str">
        <f t="shared" si="1123"/>
        <v>CLAY</v>
      </c>
      <c r="Q4799" s="236">
        <f t="shared" si="1119"/>
        <v>268.28422213827258</v>
      </c>
      <c r="R4799" s="238">
        <v>35</v>
      </c>
      <c r="S4799" s="236">
        <f t="shared" si="1124"/>
        <v>2.739596175298491</v>
      </c>
      <c r="T4799" s="236" t="e">
        <f t="shared" si="1110"/>
        <v>#N/A</v>
      </c>
    </row>
    <row r="4800" spans="1:20" x14ac:dyDescent="0.2">
      <c r="A4800" s="53">
        <f t="shared" si="1111"/>
        <v>4788</v>
      </c>
      <c r="B4800" s="239">
        <v>47.514000000000003</v>
      </c>
      <c r="C4800" s="3">
        <f t="shared" si="1112"/>
        <v>47.507000000000005</v>
      </c>
      <c r="D4800" s="239">
        <v>4.1566000000000001</v>
      </c>
      <c r="E4800" s="239">
        <v>0.2009</v>
      </c>
      <c r="F4800" s="239">
        <v>0.48970000000000002</v>
      </c>
      <c r="G4800">
        <f t="shared" si="1113"/>
        <v>4.2545400000000004</v>
      </c>
      <c r="H4800" s="235">
        <f t="shared" si="1114"/>
        <v>4.7220146008734192</v>
      </c>
      <c r="I4800" s="236">
        <f t="shared" si="1115"/>
        <v>20.028456233617732</v>
      </c>
      <c r="J4800" s="237">
        <f t="shared" si="1120"/>
        <v>10.028456233617732</v>
      </c>
      <c r="K4800" s="237">
        <f t="shared" si="1116"/>
        <v>951.49187029047766</v>
      </c>
      <c r="L4800" s="237">
        <f t="shared" si="1121"/>
        <v>476.4920694841129</v>
      </c>
      <c r="M4800" s="236">
        <f t="shared" si="1117"/>
        <v>6.9320107117116514</v>
      </c>
      <c r="N4800" s="236">
        <f t="shared" si="1118"/>
        <v>6.0822607516066549</v>
      </c>
      <c r="O4800" s="236">
        <f t="shared" si="1122"/>
        <v>3.3058520653007317</v>
      </c>
      <c r="P4800" s="236" t="str">
        <f t="shared" si="1123"/>
        <v>CLAY</v>
      </c>
      <c r="Q4800" s="236">
        <f t="shared" si="1119"/>
        <v>275.2540108091269</v>
      </c>
      <c r="R4800" s="238">
        <v>35</v>
      </c>
      <c r="S4800" s="236">
        <f t="shared" si="1124"/>
        <v>2.8119917364337685</v>
      </c>
      <c r="T4800" s="236" t="e">
        <f t="shared" si="1110"/>
        <v>#N/A</v>
      </c>
    </row>
    <row r="4801" spans="1:20" x14ac:dyDescent="0.2">
      <c r="A4801" s="53">
        <f t="shared" si="1111"/>
        <v>4789</v>
      </c>
      <c r="B4801" s="239">
        <v>47.524999999999999</v>
      </c>
      <c r="C4801" s="3">
        <f t="shared" si="1112"/>
        <v>47.518000000000001</v>
      </c>
      <c r="D4801" s="239">
        <v>4.3010000000000002</v>
      </c>
      <c r="E4801" s="239">
        <v>0.2031</v>
      </c>
      <c r="F4801" s="239">
        <v>0.51859999999999995</v>
      </c>
      <c r="G4801">
        <f t="shared" si="1113"/>
        <v>4.4047200000000002</v>
      </c>
      <c r="H4801" s="235">
        <f t="shared" si="1114"/>
        <v>4.6109627853756878</v>
      </c>
      <c r="I4801" s="236">
        <f t="shared" si="1115"/>
        <v>20.054786323262597</v>
      </c>
      <c r="J4801" s="237">
        <f t="shared" si="1120"/>
        <v>10.054786323262597</v>
      </c>
      <c r="K4801" s="237">
        <f t="shared" si="1116"/>
        <v>952.96333650879205</v>
      </c>
      <c r="L4801" s="237">
        <f t="shared" si="1121"/>
        <v>477.8537200130549</v>
      </c>
      <c r="M4801" s="236">
        <f t="shared" si="1117"/>
        <v>7.2234588095221</v>
      </c>
      <c r="N4801" s="236">
        <f t="shared" si="1118"/>
        <v>5.8839605395178314</v>
      </c>
      <c r="O4801" s="236">
        <f t="shared" si="1122"/>
        <v>3.2829007519509013</v>
      </c>
      <c r="P4801" s="236" t="str">
        <f t="shared" si="1123"/>
        <v>CLAY</v>
      </c>
      <c r="Q4801" s="236">
        <f t="shared" si="1119"/>
        <v>287.64638862426733</v>
      </c>
      <c r="R4801" s="238">
        <v>35</v>
      </c>
      <c r="S4801" s="236">
        <f t="shared" si="1124"/>
        <v>2.960543928207509</v>
      </c>
      <c r="T4801" s="236" t="e">
        <f t="shared" si="1110"/>
        <v>#N/A</v>
      </c>
    </row>
    <row r="4802" spans="1:20" x14ac:dyDescent="0.2">
      <c r="A4802" s="53">
        <f t="shared" si="1111"/>
        <v>4790</v>
      </c>
      <c r="B4802" s="239">
        <v>47.533999999999999</v>
      </c>
      <c r="C4802" s="3">
        <f t="shared" si="1112"/>
        <v>47.527000000000001</v>
      </c>
      <c r="D4802" s="239">
        <v>4.5026999999999999</v>
      </c>
      <c r="E4802" s="239">
        <v>0.19600000000000001</v>
      </c>
      <c r="F4802" s="239">
        <v>0.52439999999999998</v>
      </c>
      <c r="G4802">
        <f t="shared" si="1113"/>
        <v>4.6075799999999996</v>
      </c>
      <c r="H4802" s="235">
        <f t="shared" si="1114"/>
        <v>4.2538599438316869</v>
      </c>
      <c r="I4802" s="236">
        <f t="shared" si="1115"/>
        <v>20.030660043075727</v>
      </c>
      <c r="J4802" s="237">
        <f t="shared" si="1120"/>
        <v>10.030660043075727</v>
      </c>
      <c r="K4802" s="237">
        <f t="shared" si="1116"/>
        <v>951.99717986726012</v>
      </c>
      <c r="L4802" s="237">
        <f t="shared" si="1121"/>
        <v>476.79739448756158</v>
      </c>
      <c r="M4802" s="236">
        <f t="shared" si="1117"/>
        <v>7.6669521738087116</v>
      </c>
      <c r="N4802" s="236">
        <f t="shared" si="1118"/>
        <v>5.3616621382656282</v>
      </c>
      <c r="O4802" s="236">
        <f t="shared" si="1122"/>
        <v>3.2378918797015972</v>
      </c>
      <c r="P4802" s="236" t="str">
        <f t="shared" si="1123"/>
        <v>CLAY</v>
      </c>
      <c r="Q4802" s="236">
        <f t="shared" si="1119"/>
        <v>304.63190167772831</v>
      </c>
      <c r="R4802" s="238">
        <v>35</v>
      </c>
      <c r="S4802" s="236">
        <f t="shared" si="1124"/>
        <v>3.189469484500437</v>
      </c>
      <c r="T4802" s="236" t="e">
        <f t="shared" si="1110"/>
        <v>#N/A</v>
      </c>
    </row>
    <row r="4803" spans="1:20" x14ac:dyDescent="0.2">
      <c r="A4803" s="53">
        <f t="shared" si="1111"/>
        <v>4791</v>
      </c>
      <c r="B4803" s="239">
        <v>47.542999999999999</v>
      </c>
      <c r="C4803" s="3">
        <f t="shared" si="1112"/>
        <v>47.536000000000001</v>
      </c>
      <c r="D4803" s="239">
        <v>4.5717999999999996</v>
      </c>
      <c r="E4803" s="239">
        <v>0.1915</v>
      </c>
      <c r="F4803" s="239">
        <v>0.5847</v>
      </c>
      <c r="G4803">
        <f t="shared" si="1113"/>
        <v>4.6887399999999992</v>
      </c>
      <c r="H4803" s="235">
        <f t="shared" si="1114"/>
        <v>4.0842529122962681</v>
      </c>
      <c r="I4803" s="236">
        <f t="shared" si="1115"/>
        <v>20.010249291623925</v>
      </c>
      <c r="J4803" s="237">
        <f t="shared" si="1120"/>
        <v>10.010249291623925</v>
      </c>
      <c r="K4803" s="237">
        <f t="shared" si="1116"/>
        <v>951.20721032663494</v>
      </c>
      <c r="L4803" s="237">
        <f t="shared" si="1121"/>
        <v>475.91728207167625</v>
      </c>
      <c r="M4803" s="236">
        <f t="shared" si="1117"/>
        <v>7.8533243705793119</v>
      </c>
      <c r="N4803" s="236">
        <f t="shared" si="1118"/>
        <v>5.1237008683671199</v>
      </c>
      <c r="O4803" s="236">
        <f t="shared" si="1122"/>
        <v>3.2177076944729617</v>
      </c>
      <c r="P4803" s="236" t="str">
        <f t="shared" si="1123"/>
        <v>CLAY</v>
      </c>
      <c r="Q4803" s="236">
        <f t="shared" si="1119"/>
        <v>311.46106580611365</v>
      </c>
      <c r="R4803" s="238">
        <v>35</v>
      </c>
      <c r="S4803" s="236">
        <f t="shared" si="1124"/>
        <v>3.2866762637230029</v>
      </c>
      <c r="T4803" s="236" t="e">
        <f t="shared" si="1110"/>
        <v>#N/A</v>
      </c>
    </row>
    <row r="4804" spans="1:20" x14ac:dyDescent="0.2">
      <c r="A4804" s="53">
        <f t="shared" si="1111"/>
        <v>4792</v>
      </c>
      <c r="B4804" s="239">
        <v>47.552999999999997</v>
      </c>
      <c r="C4804" s="3">
        <f t="shared" si="1112"/>
        <v>47.545999999999999</v>
      </c>
      <c r="D4804" s="239">
        <v>4.8531000000000004</v>
      </c>
      <c r="E4804" s="239">
        <v>0.18890000000000001</v>
      </c>
      <c r="F4804" s="239">
        <v>0.63600000000000001</v>
      </c>
      <c r="G4804">
        <f t="shared" si="1113"/>
        <v>4.9803000000000006</v>
      </c>
      <c r="H4804" s="235">
        <f t="shared" si="1114"/>
        <v>3.7929442001485856</v>
      </c>
      <c r="I4804" s="236">
        <f t="shared" si="1115"/>
        <v>20.017799294632361</v>
      </c>
      <c r="J4804" s="237">
        <f t="shared" si="1120"/>
        <v>10.017799294632361</v>
      </c>
      <c r="K4804" s="237">
        <f t="shared" si="1116"/>
        <v>951.76628526259026</v>
      </c>
      <c r="L4804" s="237">
        <f t="shared" si="1121"/>
        <v>476.37640985765267</v>
      </c>
      <c r="M4804" s="236">
        <f t="shared" si="1117"/>
        <v>8.4566188236339972</v>
      </c>
      <c r="N4804" s="236">
        <f t="shared" si="1118"/>
        <v>4.6890509891714531</v>
      </c>
      <c r="O4804" s="236">
        <f t="shared" si="1122"/>
        <v>3.1689194764892892</v>
      </c>
      <c r="P4804" s="236" t="str">
        <f t="shared" si="1123"/>
        <v>CLAY</v>
      </c>
      <c r="Q4804" s="236">
        <f t="shared" si="1119"/>
        <v>335.71114289478413</v>
      </c>
      <c r="R4804" s="238">
        <v>35</v>
      </c>
      <c r="S4804" s="236">
        <f t="shared" si="1124"/>
        <v>3.6052547112952529</v>
      </c>
      <c r="T4804" s="236" t="e">
        <f t="shared" si="1110"/>
        <v>#N/A</v>
      </c>
    </row>
    <row r="4805" spans="1:20" x14ac:dyDescent="0.2">
      <c r="A4805" s="53">
        <f t="shared" si="1111"/>
        <v>4793</v>
      </c>
      <c r="B4805" s="239">
        <v>47.563000000000002</v>
      </c>
      <c r="C4805" s="3">
        <f t="shared" si="1112"/>
        <v>47.556000000000004</v>
      </c>
      <c r="D4805" s="239">
        <v>5.1304999999999996</v>
      </c>
      <c r="E4805" s="239">
        <v>0.17760000000000001</v>
      </c>
      <c r="F4805" s="239">
        <v>0.68910000000000005</v>
      </c>
      <c r="G4805">
        <f t="shared" si="1113"/>
        <v>5.2683199999999992</v>
      </c>
      <c r="H4805" s="235">
        <f t="shared" si="1114"/>
        <v>3.3710936313663566</v>
      </c>
      <c r="I4805" s="236">
        <f t="shared" si="1115"/>
        <v>19.967443981967861</v>
      </c>
      <c r="J4805" s="237">
        <f t="shared" si="1120"/>
        <v>9.9674439819678611</v>
      </c>
      <c r="K4805" s="237">
        <f t="shared" si="1116"/>
        <v>949.57176600646369</v>
      </c>
      <c r="L4805" s="237">
        <f t="shared" si="1121"/>
        <v>474.08153811433738</v>
      </c>
      <c r="M4805" s="236">
        <f t="shared" si="1117"/>
        <v>9.1097161285195494</v>
      </c>
      <c r="N4805" s="236">
        <f t="shared" si="1118"/>
        <v>4.1123026946114374</v>
      </c>
      <c r="O4805" s="236">
        <f t="shared" si="1122"/>
        <v>3.1090921485728691</v>
      </c>
      <c r="P4805" s="236" t="str">
        <f t="shared" si="1123"/>
        <v>CLAY</v>
      </c>
      <c r="Q4805" s="236">
        <f t="shared" si="1119"/>
        <v>359.89568616612792</v>
      </c>
      <c r="R4805" s="238">
        <v>35</v>
      </c>
      <c r="S4805" s="236">
        <f t="shared" si="1124"/>
        <v>3.9565901331175053</v>
      </c>
      <c r="T4805" s="236" t="e">
        <f t="shared" si="1110"/>
        <v>#N/A</v>
      </c>
    </row>
    <row r="4806" spans="1:20" x14ac:dyDescent="0.2">
      <c r="A4806" s="53">
        <f t="shared" si="1111"/>
        <v>4794</v>
      </c>
      <c r="B4806" s="239">
        <v>47.572000000000003</v>
      </c>
      <c r="C4806" s="3">
        <f t="shared" si="1112"/>
        <v>47.565000000000005</v>
      </c>
      <c r="D4806" s="239">
        <v>5.3869999999999996</v>
      </c>
      <c r="E4806" s="239">
        <v>0.16539999999999999</v>
      </c>
      <c r="F4806" s="239">
        <v>0.60309999999999997</v>
      </c>
      <c r="G4806">
        <f t="shared" si="1113"/>
        <v>5.5076199999999993</v>
      </c>
      <c r="H4806" s="235">
        <f t="shared" si="1114"/>
        <v>3.0031120520297336</v>
      </c>
      <c r="I4806" s="236">
        <f t="shared" si="1115"/>
        <v>19.901356489966023</v>
      </c>
      <c r="J4806" s="237">
        <f t="shared" si="1120"/>
        <v>9.9013564899660231</v>
      </c>
      <c r="K4806" s="237">
        <f t="shared" si="1116"/>
        <v>946.60802144523393</v>
      </c>
      <c r="L4806" s="237">
        <f t="shared" si="1121"/>
        <v>471.02733094066366</v>
      </c>
      <c r="M4806" s="236">
        <f t="shared" si="1117"/>
        <v>9.6831153501139955</v>
      </c>
      <c r="N4806" s="236">
        <f t="shared" si="1118"/>
        <v>3.6263881958146014</v>
      </c>
      <c r="O4806" s="236">
        <f t="shared" si="1122"/>
        <v>3.0556030033023673</v>
      </c>
      <c r="P4806" s="236" t="str">
        <f t="shared" si="1123"/>
        <v>CLAY</v>
      </c>
      <c r="Q4806" s="236">
        <f t="shared" si="1119"/>
        <v>380.08433154623043</v>
      </c>
      <c r="R4806" s="238">
        <v>35</v>
      </c>
      <c r="S4806" s="236">
        <f t="shared" si="1124"/>
        <v>4.2703049556733399</v>
      </c>
      <c r="T4806" s="236" t="e">
        <f t="shared" si="1110"/>
        <v>#N/A</v>
      </c>
    </row>
    <row r="4807" spans="1:20" x14ac:dyDescent="0.2">
      <c r="A4807" s="53">
        <f t="shared" si="1111"/>
        <v>4795</v>
      </c>
      <c r="B4807" s="239">
        <v>47.582000000000001</v>
      </c>
      <c r="C4807" s="3">
        <f t="shared" si="1112"/>
        <v>47.575000000000003</v>
      </c>
      <c r="D4807" s="239">
        <v>5.6382000000000003</v>
      </c>
      <c r="E4807" s="239">
        <v>0.15429999999999999</v>
      </c>
      <c r="F4807" s="239">
        <v>0.64300000000000002</v>
      </c>
      <c r="G4807">
        <f t="shared" si="1113"/>
        <v>5.7667999999999999</v>
      </c>
      <c r="H4807" s="235">
        <f t="shared" si="1114"/>
        <v>2.6756606783658179</v>
      </c>
      <c r="I4807" s="236">
        <f t="shared" si="1115"/>
        <v>19.83787245555855</v>
      </c>
      <c r="J4807" s="237">
        <f t="shared" si="1120"/>
        <v>9.8378724555585499</v>
      </c>
      <c r="K4807" s="237">
        <f t="shared" si="1116"/>
        <v>943.78678207319808</v>
      </c>
      <c r="L4807" s="237">
        <f t="shared" si="1121"/>
        <v>468.10564718038694</v>
      </c>
      <c r="M4807" s="236">
        <f t="shared" si="1117"/>
        <v>10.303257922603589</v>
      </c>
      <c r="N4807" s="236">
        <f t="shared" si="1118"/>
        <v>3.1992448087531189</v>
      </c>
      <c r="O4807" s="236">
        <f t="shared" si="1122"/>
        <v>3.0021263701834875</v>
      </c>
      <c r="P4807" s="236" t="str">
        <f t="shared" si="1123"/>
        <v>CLAY</v>
      </c>
      <c r="Q4807" s="236">
        <f t="shared" si="1119"/>
        <v>401.91776816056682</v>
      </c>
      <c r="R4807" s="238">
        <v>35</v>
      </c>
      <c r="S4807" s="236">
        <f t="shared" si="1124"/>
        <v>4.6148567360554251</v>
      </c>
      <c r="T4807" s="236" t="e">
        <f t="shared" si="1110"/>
        <v>#N/A</v>
      </c>
    </row>
    <row r="4808" spans="1:20" x14ac:dyDescent="0.2">
      <c r="A4808" s="53">
        <f t="shared" si="1111"/>
        <v>4796</v>
      </c>
      <c r="B4808" s="239">
        <v>47.591000000000001</v>
      </c>
      <c r="C4808" s="3">
        <f t="shared" si="1112"/>
        <v>47.584000000000003</v>
      </c>
      <c r="D4808" s="239">
        <v>6.0633999999999997</v>
      </c>
      <c r="E4808" s="239">
        <v>0.15229999999999999</v>
      </c>
      <c r="F4808" s="239">
        <v>0.63200000000000001</v>
      </c>
      <c r="G4808">
        <f t="shared" si="1113"/>
        <v>6.1898</v>
      </c>
      <c r="H4808" s="235">
        <f t="shared" si="1114"/>
        <v>2.4604995314872853</v>
      </c>
      <c r="I4808" s="236">
        <f t="shared" si="1115"/>
        <v>19.850241748385184</v>
      </c>
      <c r="J4808" s="237">
        <f t="shared" si="1120"/>
        <v>9.8502417483851836</v>
      </c>
      <c r="K4808" s="237">
        <f t="shared" si="1116"/>
        <v>944.55390335516063</v>
      </c>
      <c r="L4808" s="237">
        <f t="shared" si="1121"/>
        <v>468.78285504739927</v>
      </c>
      <c r="M4808" s="236">
        <f t="shared" si="1117"/>
        <v>11.189074088715309</v>
      </c>
      <c r="N4808" s="236">
        <f t="shared" si="1118"/>
        <v>2.9035815897641064</v>
      </c>
      <c r="O4808" s="236">
        <f t="shared" si="1122"/>
        <v>2.9486445586637968</v>
      </c>
      <c r="P4808" s="236" t="str">
        <f t="shared" si="1123"/>
        <v>CLAY</v>
      </c>
      <c r="Q4808" s="236">
        <f t="shared" si="1119"/>
        <v>437.10384138706996</v>
      </c>
      <c r="R4808" s="238">
        <v>35</v>
      </c>
      <c r="S4808" s="236">
        <f t="shared" si="1124"/>
        <v>5.1160254425814049</v>
      </c>
      <c r="T4808" s="236" t="e">
        <f t="shared" si="1110"/>
        <v>#N/A</v>
      </c>
    </row>
    <row r="4809" spans="1:20" x14ac:dyDescent="0.2">
      <c r="A4809" s="53">
        <f t="shared" si="1111"/>
        <v>4797</v>
      </c>
      <c r="B4809" s="239">
        <v>47.600999999999999</v>
      </c>
      <c r="C4809" s="3">
        <f t="shared" si="1112"/>
        <v>47.594000000000001</v>
      </c>
      <c r="D4809" s="239">
        <v>6.2526999999999999</v>
      </c>
      <c r="E4809" s="239">
        <v>0.15279999999999999</v>
      </c>
      <c r="F4809" s="239">
        <v>0.51739999999999997</v>
      </c>
      <c r="G4809">
        <f t="shared" si="1113"/>
        <v>6.3561800000000002</v>
      </c>
      <c r="H4809" s="235">
        <f t="shared" si="1114"/>
        <v>2.4039596109613006</v>
      </c>
      <c r="I4809" s="236">
        <f t="shared" si="1115"/>
        <v>19.864452679534356</v>
      </c>
      <c r="J4809" s="237">
        <f t="shared" si="1120"/>
        <v>9.8644526795343559</v>
      </c>
      <c r="K4809" s="237">
        <f t="shared" si="1116"/>
        <v>945.42876082975818</v>
      </c>
      <c r="L4809" s="237">
        <f t="shared" si="1121"/>
        <v>469.55781199851486</v>
      </c>
      <c r="M4809" s="236">
        <f t="shared" si="1117"/>
        <v>11.523077885002486</v>
      </c>
      <c r="N4809" s="236">
        <f t="shared" si="1118"/>
        <v>2.8240071155707467</v>
      </c>
      <c r="O4809" s="236">
        <f t="shared" si="1122"/>
        <v>2.9312684592475038</v>
      </c>
      <c r="P4809" s="236" t="str">
        <f t="shared" si="1123"/>
        <v>CLAY</v>
      </c>
      <c r="Q4809" s="236">
        <f t="shared" si="1119"/>
        <v>450.89593659752018</v>
      </c>
      <c r="R4809" s="238">
        <v>35</v>
      </c>
      <c r="S4809" s="236">
        <f t="shared" si="1124"/>
        <v>5.3076298796146322</v>
      </c>
      <c r="T4809" s="236" t="e">
        <f t="shared" si="1110"/>
        <v>#N/A</v>
      </c>
    </row>
    <row r="4810" spans="1:20" x14ac:dyDescent="0.2">
      <c r="A4810" s="53">
        <f t="shared" si="1111"/>
        <v>4798</v>
      </c>
      <c r="B4810" s="239">
        <v>47.612000000000002</v>
      </c>
      <c r="C4810" s="3">
        <f t="shared" si="1112"/>
        <v>47.605000000000004</v>
      </c>
      <c r="D4810" s="239">
        <v>6.4875999999999996</v>
      </c>
      <c r="E4810" s="239">
        <v>0.1517</v>
      </c>
      <c r="F4810" s="239">
        <v>0.4995</v>
      </c>
      <c r="G4810">
        <f t="shared" si="1113"/>
        <v>6.5874999999999995</v>
      </c>
      <c r="H4810" s="235">
        <f t="shared" si="1114"/>
        <v>2.302846299810247</v>
      </c>
      <c r="I4810" s="236">
        <f t="shared" si="1115"/>
        <v>19.869952687905201</v>
      </c>
      <c r="J4810" s="237">
        <f t="shared" si="1120"/>
        <v>9.8699526879052009</v>
      </c>
      <c r="K4810" s="237">
        <f t="shared" si="1116"/>
        <v>945.90909770772714</v>
      </c>
      <c r="L4810" s="237">
        <f t="shared" si="1121"/>
        <v>469.92818737654244</v>
      </c>
      <c r="M4810" s="236">
        <f t="shared" si="1117"/>
        <v>12.005219209742354</v>
      </c>
      <c r="N4810" s="236">
        <f t="shared" si="1118"/>
        <v>2.6889578246157795</v>
      </c>
      <c r="O4810" s="236">
        <f t="shared" si="1122"/>
        <v>2.9045203884508566</v>
      </c>
      <c r="P4810" s="236" t="str">
        <f t="shared" si="1123"/>
        <v>CLAY</v>
      </c>
      <c r="Q4810" s="236">
        <f t="shared" si="1119"/>
        <v>470.13257519102262</v>
      </c>
      <c r="R4810" s="238">
        <v>35</v>
      </c>
      <c r="S4810" s="236">
        <f t="shared" si="1124"/>
        <v>5.5866649583493402</v>
      </c>
      <c r="T4810" s="236" t="e">
        <f t="shared" si="1110"/>
        <v>#N/A</v>
      </c>
    </row>
    <row r="4811" spans="1:20" x14ac:dyDescent="0.2">
      <c r="A4811" s="53">
        <f t="shared" si="1111"/>
        <v>4799</v>
      </c>
      <c r="B4811" s="239">
        <v>47.621000000000002</v>
      </c>
      <c r="C4811" s="3">
        <f t="shared" si="1112"/>
        <v>47.614000000000004</v>
      </c>
      <c r="D4811" s="239">
        <v>6.5</v>
      </c>
      <c r="E4811" s="239">
        <v>0.13719999999999999</v>
      </c>
      <c r="F4811" s="239">
        <v>0.41570000000000001</v>
      </c>
      <c r="G4811">
        <f t="shared" si="1113"/>
        <v>6.5831400000000002</v>
      </c>
      <c r="H4811" s="235">
        <f t="shared" si="1114"/>
        <v>2.0841118372083836</v>
      </c>
      <c r="I4811" s="236">
        <f t="shared" si="1115"/>
        <v>19.751888937065374</v>
      </c>
      <c r="J4811" s="237">
        <f t="shared" si="1120"/>
        <v>9.7518889370653739</v>
      </c>
      <c r="K4811" s="237">
        <f t="shared" si="1116"/>
        <v>940.4664398494308</v>
      </c>
      <c r="L4811" s="237">
        <f t="shared" si="1121"/>
        <v>464.39470307199019</v>
      </c>
      <c r="M4811" s="236">
        <f t="shared" si="1117"/>
        <v>12.150598451756771</v>
      </c>
      <c r="N4811" s="236">
        <f t="shared" si="1118"/>
        <v>2.4314715096922765</v>
      </c>
      <c r="O4811" s="236">
        <f t="shared" si="1122"/>
        <v>2.8755799627232657</v>
      </c>
      <c r="P4811" s="236" t="str">
        <f t="shared" si="1123"/>
        <v>CLAY</v>
      </c>
      <c r="Q4811" s="236">
        <f t="shared" si="1119"/>
        <v>470.22279667921413</v>
      </c>
      <c r="R4811" s="238">
        <v>35</v>
      </c>
      <c r="S4811" s="236">
        <f t="shared" si="1124"/>
        <v>5.6713584166880553</v>
      </c>
      <c r="T4811" s="236" t="e">
        <f t="shared" si="1110"/>
        <v>#N/A</v>
      </c>
    </row>
    <row r="4812" spans="1:20" x14ac:dyDescent="0.2">
      <c r="A4812" s="53">
        <f t="shared" si="1111"/>
        <v>4800</v>
      </c>
      <c r="B4812" s="239">
        <v>47.631</v>
      </c>
      <c r="C4812" s="3">
        <f t="shared" si="1112"/>
        <v>47.624000000000002</v>
      </c>
      <c r="D4812" s="239">
        <v>6.5380000000000003</v>
      </c>
      <c r="E4812" s="239">
        <v>0.1234</v>
      </c>
      <c r="F4812" s="239">
        <v>0.32800000000000001</v>
      </c>
      <c r="G4812">
        <f t="shared" si="1113"/>
        <v>6.6036000000000001</v>
      </c>
      <c r="H4812" s="235">
        <f t="shared" si="1114"/>
        <v>1.8686776909564478</v>
      </c>
      <c r="I4812" s="236">
        <f t="shared" si="1115"/>
        <v>19.628796668537891</v>
      </c>
      <c r="J4812" s="237">
        <f t="shared" si="1120"/>
        <v>9.6287966685378912</v>
      </c>
      <c r="K4812" s="237">
        <f t="shared" si="1116"/>
        <v>934.8018125424486</v>
      </c>
      <c r="L4812" s="237">
        <f t="shared" si="1121"/>
        <v>458.62921411912828</v>
      </c>
      <c r="M4812" s="236">
        <f t="shared" si="1117"/>
        <v>12.360307657996444</v>
      </c>
      <c r="N4812" s="236">
        <f t="shared" si="1118"/>
        <v>2.1768282432955108</v>
      </c>
      <c r="O4812" s="236">
        <f t="shared" si="1122"/>
        <v>2.8428086227969911</v>
      </c>
      <c r="P4812" s="236" t="str">
        <f t="shared" si="1123"/>
        <v>CLAY</v>
      </c>
      <c r="Q4812" s="236">
        <f t="shared" si="1119"/>
        <v>472.39984895479597</v>
      </c>
      <c r="R4812" s="238">
        <v>35</v>
      </c>
      <c r="S4812" s="236">
        <f t="shared" si="1124"/>
        <v>5.7939749031244805</v>
      </c>
      <c r="T4812" s="236" t="e">
        <f t="shared" si="1110"/>
        <v>#N/A</v>
      </c>
    </row>
    <row r="4813" spans="1:20" x14ac:dyDescent="0.2">
      <c r="A4813" s="53">
        <f t="shared" si="1111"/>
        <v>4801</v>
      </c>
      <c r="B4813" s="239">
        <v>47.640999999999998</v>
      </c>
      <c r="C4813" s="3">
        <f t="shared" si="1112"/>
        <v>47.634</v>
      </c>
      <c r="D4813" s="239">
        <v>6.6163999999999996</v>
      </c>
      <c r="E4813" s="239">
        <v>0.1265</v>
      </c>
      <c r="F4813" s="239">
        <v>0.31730000000000003</v>
      </c>
      <c r="G4813">
        <f t="shared" si="1113"/>
        <v>6.6798599999999997</v>
      </c>
      <c r="H4813" s="235">
        <f t="shared" si="1114"/>
        <v>1.8937522642690119</v>
      </c>
      <c r="I4813" s="236">
        <f t="shared" si="1115"/>
        <v>19.662378097624451</v>
      </c>
      <c r="J4813" s="237">
        <f t="shared" si="1120"/>
        <v>9.6623780976244511</v>
      </c>
      <c r="K4813" s="237">
        <f t="shared" si="1116"/>
        <v>936.59771830224315</v>
      </c>
      <c r="L4813" s="237">
        <f t="shared" si="1121"/>
        <v>460.32535494892647</v>
      </c>
      <c r="M4813" s="236">
        <f t="shared" si="1117"/>
        <v>12.476528220642933</v>
      </c>
      <c r="N4813" s="236">
        <f t="shared" si="1118"/>
        <v>2.2025809338905127</v>
      </c>
      <c r="O4813" s="236">
        <f t="shared" si="1122"/>
        <v>2.8422151424308368</v>
      </c>
      <c r="P4813" s="236" t="str">
        <f t="shared" si="1123"/>
        <v>CLAY</v>
      </c>
      <c r="Q4813" s="236">
        <f t="shared" si="1119"/>
        <v>478.60519014147968</v>
      </c>
      <c r="R4813" s="238">
        <v>35</v>
      </c>
      <c r="S4813" s="236">
        <f t="shared" si="1124"/>
        <v>5.8621536894731729</v>
      </c>
      <c r="T4813" s="236" t="e">
        <f t="shared" ref="T4813:T4876" si="1125">IF(P4813="SAND",17.6+(11*LOG(M4813)),#N/A)</f>
        <v>#N/A</v>
      </c>
    </row>
    <row r="4814" spans="1:20" x14ac:dyDescent="0.2">
      <c r="A4814" s="53">
        <f t="shared" ref="A4814:A4877" si="1126">$A4813+1</f>
        <v>4802</v>
      </c>
      <c r="B4814" s="239">
        <v>47.65</v>
      </c>
      <c r="C4814" s="3">
        <f t="shared" ref="C4814:C4877" si="1127">MAX($B4814 - $B$13, 0.001)</f>
        <v>47.643000000000001</v>
      </c>
      <c r="D4814" s="239">
        <v>6.7012</v>
      </c>
      <c r="E4814" s="239">
        <v>0.14180000000000001</v>
      </c>
      <c r="F4814" s="239">
        <v>0.35670000000000002</v>
      </c>
      <c r="G4814">
        <f t="shared" si="1113"/>
        <v>6.7725400000000002</v>
      </c>
      <c r="H4814" s="235">
        <f t="shared" si="1114"/>
        <v>2.0937491694401218</v>
      </c>
      <c r="I4814" s="236">
        <f t="shared" si="1115"/>
        <v>19.80164529853948</v>
      </c>
      <c r="J4814" s="237">
        <f t="shared" si="1120"/>
        <v>9.80164529853948</v>
      </c>
      <c r="K4814" s="237">
        <f t="shared" si="1116"/>
        <v>943.40978695831643</v>
      </c>
      <c r="L4814" s="237">
        <f t="shared" si="1121"/>
        <v>467.0483984754062</v>
      </c>
      <c r="M4814" s="236">
        <f t="shared" si="1117"/>
        <v>12.480784073063539</v>
      </c>
      <c r="N4814" s="236">
        <f t="shared" si="1118"/>
        <v>2.4326099232222798</v>
      </c>
      <c r="O4814" s="236">
        <f t="shared" si="1122"/>
        <v>2.8660419489665947</v>
      </c>
      <c r="P4814" s="236" t="str">
        <f t="shared" si="1123"/>
        <v>CLAY</v>
      </c>
      <c r="Q4814" s="236">
        <f t="shared" si="1119"/>
        <v>485.76085108680695</v>
      </c>
      <c r="R4814" s="238">
        <v>35</v>
      </c>
      <c r="S4814" s="236">
        <f t="shared" si="1124"/>
        <v>5.8646533356291961</v>
      </c>
      <c r="T4814" s="236" t="e">
        <f t="shared" si="1125"/>
        <v>#N/A</v>
      </c>
    </row>
    <row r="4815" spans="1:20" x14ac:dyDescent="0.2">
      <c r="A4815" s="53">
        <f t="shared" si="1126"/>
        <v>4803</v>
      </c>
      <c r="B4815" s="239">
        <v>47.661000000000001</v>
      </c>
      <c r="C4815" s="3">
        <f t="shared" si="1127"/>
        <v>47.654000000000003</v>
      </c>
      <c r="D4815" s="239">
        <v>6.7114000000000003</v>
      </c>
      <c r="E4815" s="239">
        <v>0.1474</v>
      </c>
      <c r="F4815" s="239">
        <v>0.31990000000000002</v>
      </c>
      <c r="G4815">
        <f t="shared" ref="G4815:G4878" si="1128">$D4815+($F4815*(1-$P$8))</f>
        <v>6.7753800000000002</v>
      </c>
      <c r="H4815" s="235">
        <f t="shared" ref="H4815:H4878" si="1129">($E4815/$G4815)*100</f>
        <v>2.1755237344621263</v>
      </c>
      <c r="I4815" s="236">
        <f t="shared" ref="I4815:I4878" si="1130">((0.27*(LOG($H4815)))+(0.36*(LOG(($G4815*1000)/101)))+1.236)*10</f>
        <v>19.847226551928919</v>
      </c>
      <c r="J4815" s="237">
        <f t="shared" si="1120"/>
        <v>9.8472265519289195</v>
      </c>
      <c r="K4815" s="237">
        <f t="shared" ref="K4815:K4878" si="1131">$I4815*$C4815</f>
        <v>945.79973410562081</v>
      </c>
      <c r="L4815" s="237">
        <f t="shared" si="1121"/>
        <v>469.32866469148422</v>
      </c>
      <c r="M4815" s="236">
        <f t="shared" ref="M4815:M4878" si="1132">(($G4815*1000)-$K4815)/$L4815</f>
        <v>12.421104237744537</v>
      </c>
      <c r="N4815" s="236">
        <f t="shared" ref="N4815:N4878" si="1133">(($E4815*1000)/(($G4815*1000)-$K4815))*100</f>
        <v>2.5284839264047045</v>
      </c>
      <c r="O4815" s="236">
        <f t="shared" si="1122"/>
        <v>2.8772017559481502</v>
      </c>
      <c r="P4815" s="236" t="str">
        <f t="shared" si="1123"/>
        <v>CLAY</v>
      </c>
      <c r="Q4815" s="236">
        <f t="shared" ref="Q4815:Q4878" si="1134">IF(P4815="CLAY",($G4815*1000 -$K4815)/$L$8,#N/A)</f>
        <v>485.79835549119827</v>
      </c>
      <c r="R4815" s="238">
        <v>35</v>
      </c>
      <c r="S4815" s="236">
        <f t="shared" si="1124"/>
        <v>5.8296202709327645</v>
      </c>
      <c r="T4815" s="236" t="e">
        <f t="shared" si="1125"/>
        <v>#N/A</v>
      </c>
    </row>
    <row r="4816" spans="1:20" x14ac:dyDescent="0.2">
      <c r="A4816" s="53">
        <f t="shared" si="1126"/>
        <v>4804</v>
      </c>
      <c r="B4816" s="239">
        <v>47.67</v>
      </c>
      <c r="C4816" s="3">
        <f t="shared" si="1127"/>
        <v>47.663000000000004</v>
      </c>
      <c r="D4816" s="239">
        <v>6.8194999999999997</v>
      </c>
      <c r="E4816" s="239">
        <v>0.15129999999999999</v>
      </c>
      <c r="F4816" s="239">
        <v>0.2772</v>
      </c>
      <c r="G4816">
        <f t="shared" si="1128"/>
        <v>6.8749399999999996</v>
      </c>
      <c r="H4816" s="235">
        <f t="shared" si="1129"/>
        <v>2.2007464792420004</v>
      </c>
      <c r="I4816" s="236">
        <f t="shared" si="1130"/>
        <v>19.883550181096528</v>
      </c>
      <c r="J4816" s="237">
        <f t="shared" ref="J4816:J4879" si="1135">$I4816-10</f>
        <v>9.8835501810965276</v>
      </c>
      <c r="K4816" s="237">
        <f t="shared" si="1131"/>
        <v>947.70965228160389</v>
      </c>
      <c r="L4816" s="237">
        <f t="shared" ref="L4816:L4879" si="1136">$J4816*$B4816</f>
        <v>471.14883713287151</v>
      </c>
      <c r="M4816" s="236">
        <f t="shared" si="1132"/>
        <v>12.58037775024121</v>
      </c>
      <c r="N4816" s="236">
        <f t="shared" si="1133"/>
        <v>2.5526256130443925</v>
      </c>
      <c r="O4816" s="236">
        <f t="shared" ref="O4816:O4879" si="1137">((3.47-LOG($M4816))^2+(LOG($N4816)+1.22)^2)^0.5</f>
        <v>2.8749676761884455</v>
      </c>
      <c r="P4816" s="236" t="str">
        <f t="shared" ref="P4816:P4879" si="1138">IF(O4816&lt;2.6,"SAND","CLAY")</f>
        <v>CLAY</v>
      </c>
      <c r="Q4816" s="236">
        <f t="shared" si="1134"/>
        <v>493.93586230986631</v>
      </c>
      <c r="R4816" s="238">
        <v>35</v>
      </c>
      <c r="S4816" s="236">
        <f t="shared" ref="S4816:S4879" si="1139">IF(P4816="SAND",#N/A,0.25*($M4816)^1.25)</f>
        <v>5.9232097366310672</v>
      </c>
      <c r="T4816" s="236" t="e">
        <f t="shared" si="1125"/>
        <v>#N/A</v>
      </c>
    </row>
    <row r="4817" spans="1:20" x14ac:dyDescent="0.2">
      <c r="A4817" s="53">
        <f t="shared" si="1126"/>
        <v>4805</v>
      </c>
      <c r="B4817" s="239">
        <v>47.68</v>
      </c>
      <c r="C4817" s="3">
        <f t="shared" si="1127"/>
        <v>47.673000000000002</v>
      </c>
      <c r="D4817" s="239">
        <v>6.8826000000000001</v>
      </c>
      <c r="E4817" s="239">
        <v>0.16539999999999999</v>
      </c>
      <c r="F4817" s="239">
        <v>0.35820000000000002</v>
      </c>
      <c r="G4817">
        <f t="shared" si="1128"/>
        <v>6.9542400000000004</v>
      </c>
      <c r="H4817" s="235">
        <f t="shared" si="1129"/>
        <v>2.3784051168783358</v>
      </c>
      <c r="I4817" s="236">
        <f t="shared" si="1130"/>
        <v>19.992513625680541</v>
      </c>
      <c r="J4817" s="237">
        <f t="shared" si="1135"/>
        <v>9.9925136256805409</v>
      </c>
      <c r="K4817" s="237">
        <f t="shared" si="1131"/>
        <v>953.10310207706846</v>
      </c>
      <c r="L4817" s="237">
        <f t="shared" si="1136"/>
        <v>476.44304967244818</v>
      </c>
      <c r="M4817" s="236">
        <f t="shared" si="1132"/>
        <v>12.595706668506715</v>
      </c>
      <c r="N4817" s="236">
        <f t="shared" si="1133"/>
        <v>2.7561444241881397</v>
      </c>
      <c r="O4817" s="236">
        <f t="shared" si="1137"/>
        <v>2.8935182484911905</v>
      </c>
      <c r="P4817" s="236" t="str">
        <f t="shared" si="1138"/>
        <v>CLAY</v>
      </c>
      <c r="Q4817" s="236">
        <f t="shared" si="1134"/>
        <v>500.09474149357766</v>
      </c>
      <c r="R4817" s="238">
        <v>35</v>
      </c>
      <c r="S4817" s="236">
        <f t="shared" si="1139"/>
        <v>5.932232739029689</v>
      </c>
      <c r="T4817" s="236" t="e">
        <f t="shared" si="1125"/>
        <v>#N/A</v>
      </c>
    </row>
    <row r="4818" spans="1:20" x14ac:dyDescent="0.2">
      <c r="A4818" s="53">
        <f t="shared" si="1126"/>
        <v>4806</v>
      </c>
      <c r="B4818" s="239">
        <v>47.69</v>
      </c>
      <c r="C4818" s="3">
        <f t="shared" si="1127"/>
        <v>47.683</v>
      </c>
      <c r="D4818" s="239">
        <v>6.5526</v>
      </c>
      <c r="E4818" s="239">
        <v>0.1704</v>
      </c>
      <c r="F4818" s="239">
        <v>0.31269999999999998</v>
      </c>
      <c r="G4818">
        <f t="shared" si="1128"/>
        <v>6.6151400000000002</v>
      </c>
      <c r="H4818" s="235">
        <f t="shared" si="1129"/>
        <v>2.5759092022239893</v>
      </c>
      <c r="I4818" s="236">
        <f t="shared" si="1130"/>
        <v>20.007896084404805</v>
      </c>
      <c r="J4818" s="237">
        <f t="shared" si="1135"/>
        <v>10.007896084404805</v>
      </c>
      <c r="K4818" s="237">
        <f t="shared" si="1131"/>
        <v>954.03650899267438</v>
      </c>
      <c r="L4818" s="237">
        <f t="shared" si="1136"/>
        <v>477.27656426526516</v>
      </c>
      <c r="M4818" s="236">
        <f t="shared" si="1132"/>
        <v>11.861264337841959</v>
      </c>
      <c r="N4818" s="236">
        <f t="shared" si="1133"/>
        <v>3.0100138651533355</v>
      </c>
      <c r="O4818" s="236">
        <f t="shared" si="1137"/>
        <v>2.9368900685659067</v>
      </c>
      <c r="P4818" s="236" t="str">
        <f t="shared" si="1138"/>
        <v>CLAY</v>
      </c>
      <c r="Q4818" s="236">
        <f t="shared" si="1134"/>
        <v>471.75862425061047</v>
      </c>
      <c r="R4818" s="238">
        <v>35</v>
      </c>
      <c r="S4818" s="236">
        <f t="shared" si="1139"/>
        <v>5.503053556446929</v>
      </c>
      <c r="T4818" s="236" t="e">
        <f t="shared" si="1125"/>
        <v>#N/A</v>
      </c>
    </row>
    <row r="4819" spans="1:20" x14ac:dyDescent="0.2">
      <c r="A4819" s="53">
        <f t="shared" si="1126"/>
        <v>4807</v>
      </c>
      <c r="B4819" s="239">
        <v>47.7</v>
      </c>
      <c r="C4819" s="3">
        <f t="shared" si="1127"/>
        <v>47.693000000000005</v>
      </c>
      <c r="D4819" s="239">
        <v>6.3335999999999997</v>
      </c>
      <c r="E4819" s="239">
        <v>0.16719999999999999</v>
      </c>
      <c r="F4819" s="239">
        <v>0.32029999999999997</v>
      </c>
      <c r="G4819">
        <f t="shared" si="1128"/>
        <v>6.3976599999999992</v>
      </c>
      <c r="H4819" s="235">
        <f t="shared" si="1129"/>
        <v>2.613455544683525</v>
      </c>
      <c r="I4819" s="236">
        <f t="shared" si="1130"/>
        <v>19.972600032186016</v>
      </c>
      <c r="J4819" s="237">
        <f t="shared" si="1135"/>
        <v>9.9726000321860155</v>
      </c>
      <c r="K4819" s="237">
        <f t="shared" si="1131"/>
        <v>952.55321333504776</v>
      </c>
      <c r="L4819" s="237">
        <f t="shared" si="1136"/>
        <v>475.69302153527298</v>
      </c>
      <c r="M4819" s="236">
        <f t="shared" si="1132"/>
        <v>11.446682083103026</v>
      </c>
      <c r="N4819" s="236">
        <f t="shared" si="1133"/>
        <v>3.0706468495617432</v>
      </c>
      <c r="O4819" s="236">
        <f t="shared" si="1137"/>
        <v>2.9545050017143404</v>
      </c>
      <c r="P4819" s="236" t="str">
        <f t="shared" si="1138"/>
        <v>CLAY</v>
      </c>
      <c r="Q4819" s="236">
        <f t="shared" si="1134"/>
        <v>453.75889888874593</v>
      </c>
      <c r="R4819" s="238">
        <v>35</v>
      </c>
      <c r="S4819" s="236">
        <f t="shared" si="1139"/>
        <v>5.2636806789411672</v>
      </c>
      <c r="T4819" s="236" t="e">
        <f t="shared" si="1125"/>
        <v>#N/A</v>
      </c>
    </row>
    <row r="4820" spans="1:20" x14ac:dyDescent="0.2">
      <c r="A4820" s="53">
        <f t="shared" si="1126"/>
        <v>4808</v>
      </c>
      <c r="B4820" s="239">
        <v>47.709000000000003</v>
      </c>
      <c r="C4820" s="3">
        <f t="shared" si="1127"/>
        <v>47.702000000000005</v>
      </c>
      <c r="D4820" s="239">
        <v>6.2572999999999999</v>
      </c>
      <c r="E4820" s="239">
        <v>0.16389999999999999</v>
      </c>
      <c r="F4820" s="239">
        <v>0.35360000000000003</v>
      </c>
      <c r="G4820">
        <f t="shared" si="1128"/>
        <v>6.3280199999999995</v>
      </c>
      <c r="H4820" s="235">
        <f t="shared" si="1129"/>
        <v>2.5900676672956155</v>
      </c>
      <c r="I4820" s="236">
        <f t="shared" si="1130"/>
        <v>19.944947287812468</v>
      </c>
      <c r="J4820" s="237">
        <f t="shared" si="1135"/>
        <v>9.9449472878124681</v>
      </c>
      <c r="K4820" s="237">
        <f t="shared" si="1131"/>
        <v>951.41387552323044</v>
      </c>
      <c r="L4820" s="237">
        <f t="shared" si="1136"/>
        <v>474.46349015424505</v>
      </c>
      <c r="M4820" s="236">
        <f t="shared" si="1132"/>
        <v>11.331970185374788</v>
      </c>
      <c r="N4820" s="236">
        <f t="shared" si="1133"/>
        <v>3.0483914239849605</v>
      </c>
      <c r="O4820" s="236">
        <f t="shared" si="1137"/>
        <v>2.9562539378597763</v>
      </c>
      <c r="P4820" s="236" t="str">
        <f t="shared" si="1138"/>
        <v>CLAY</v>
      </c>
      <c r="Q4820" s="236">
        <f t="shared" si="1134"/>
        <v>448.05051037306407</v>
      </c>
      <c r="R4820" s="238">
        <v>35</v>
      </c>
      <c r="S4820" s="236">
        <f t="shared" si="1139"/>
        <v>5.1978266046404915</v>
      </c>
      <c r="T4820" s="236" t="e">
        <f t="shared" si="1125"/>
        <v>#N/A</v>
      </c>
    </row>
    <row r="4821" spans="1:20" x14ac:dyDescent="0.2">
      <c r="A4821" s="53">
        <f t="shared" si="1126"/>
        <v>4809</v>
      </c>
      <c r="B4821" s="239">
        <v>47.719000000000001</v>
      </c>
      <c r="C4821" s="3">
        <f t="shared" si="1127"/>
        <v>47.712000000000003</v>
      </c>
      <c r="D4821" s="239">
        <v>6.3860999999999999</v>
      </c>
      <c r="E4821" s="239">
        <v>0.16370000000000001</v>
      </c>
      <c r="F4821" s="239">
        <v>0.3422</v>
      </c>
      <c r="G4821">
        <f t="shared" si="1128"/>
        <v>6.4545399999999997</v>
      </c>
      <c r="H4821" s="235">
        <f t="shared" si="1129"/>
        <v>2.5361993263656282</v>
      </c>
      <c r="I4821" s="236">
        <f t="shared" si="1130"/>
        <v>19.951253255690876</v>
      </c>
      <c r="J4821" s="237">
        <f t="shared" si="1135"/>
        <v>9.9512532556908759</v>
      </c>
      <c r="K4821" s="237">
        <f t="shared" si="1131"/>
        <v>951.91419533552312</v>
      </c>
      <c r="L4821" s="237">
        <f t="shared" si="1136"/>
        <v>474.86385410831292</v>
      </c>
      <c r="M4821" s="236">
        <f t="shared" si="1132"/>
        <v>11.587796706483726</v>
      </c>
      <c r="N4821" s="236">
        <f t="shared" si="1133"/>
        <v>2.9749433417993729</v>
      </c>
      <c r="O4821" s="236">
        <f t="shared" si="1137"/>
        <v>2.9422273755879944</v>
      </c>
      <c r="P4821" s="236" t="str">
        <f t="shared" si="1138"/>
        <v>CLAY</v>
      </c>
      <c r="Q4821" s="236">
        <f t="shared" si="1134"/>
        <v>458.55215038870642</v>
      </c>
      <c r="R4821" s="238">
        <v>35</v>
      </c>
      <c r="S4821" s="236">
        <f t="shared" si="1139"/>
        <v>5.3449185683705611</v>
      </c>
      <c r="T4821" s="236" t="e">
        <f t="shared" si="1125"/>
        <v>#N/A</v>
      </c>
    </row>
    <row r="4822" spans="1:20" x14ac:dyDescent="0.2">
      <c r="A4822" s="53">
        <f t="shared" si="1126"/>
        <v>4810</v>
      </c>
      <c r="B4822" s="239">
        <v>47.728000000000002</v>
      </c>
      <c r="C4822" s="3">
        <f t="shared" si="1127"/>
        <v>47.721000000000004</v>
      </c>
      <c r="D4822" s="239">
        <v>6.4856999999999996</v>
      </c>
      <c r="E4822" s="239">
        <v>0.17180000000000001</v>
      </c>
      <c r="F4822" s="239">
        <v>0.34439999999999998</v>
      </c>
      <c r="G4822">
        <f t="shared" si="1128"/>
        <v>6.5545799999999996</v>
      </c>
      <c r="H4822" s="235">
        <f t="shared" si="1129"/>
        <v>2.6210680165624649</v>
      </c>
      <c r="I4822" s="236">
        <f t="shared" si="1130"/>
        <v>20.013895966656872</v>
      </c>
      <c r="J4822" s="237">
        <f t="shared" si="1135"/>
        <v>10.013895966656872</v>
      </c>
      <c r="K4822" s="237">
        <f t="shared" si="1131"/>
        <v>955.08312942483269</v>
      </c>
      <c r="L4822" s="237">
        <f t="shared" si="1136"/>
        <v>477.9432266965992</v>
      </c>
      <c r="M4822" s="236">
        <f t="shared" si="1132"/>
        <v>11.715820117960906</v>
      </c>
      <c r="N4822" s="236">
        <f t="shared" si="1133"/>
        <v>3.0681327978374799</v>
      </c>
      <c r="O4822" s="236">
        <f t="shared" si="1137"/>
        <v>2.9460671997143106</v>
      </c>
      <c r="P4822" s="236" t="str">
        <f t="shared" si="1138"/>
        <v>CLAY</v>
      </c>
      <c r="Q4822" s="236">
        <f t="shared" si="1134"/>
        <v>466.62473921459724</v>
      </c>
      <c r="R4822" s="238">
        <v>35</v>
      </c>
      <c r="S4822" s="236">
        <f t="shared" si="1139"/>
        <v>5.4188343785692874</v>
      </c>
      <c r="T4822" s="236" t="e">
        <f t="shared" si="1125"/>
        <v>#N/A</v>
      </c>
    </row>
    <row r="4823" spans="1:20" x14ac:dyDescent="0.2">
      <c r="A4823" s="53">
        <f t="shared" si="1126"/>
        <v>4811</v>
      </c>
      <c r="B4823" s="239">
        <v>47.738999999999997</v>
      </c>
      <c r="C4823" s="3">
        <f t="shared" si="1127"/>
        <v>47.731999999999999</v>
      </c>
      <c r="D4823" s="239">
        <v>6.7849000000000004</v>
      </c>
      <c r="E4823" s="239">
        <v>0.18459999999999999</v>
      </c>
      <c r="F4823" s="239">
        <v>0.43590000000000001</v>
      </c>
      <c r="G4823">
        <f t="shared" si="1128"/>
        <v>6.8720800000000004</v>
      </c>
      <c r="H4823" s="235">
        <f t="shared" si="1129"/>
        <v>2.6862318250078574</v>
      </c>
      <c r="I4823" s="236">
        <f t="shared" si="1130"/>
        <v>20.116648021392798</v>
      </c>
      <c r="J4823" s="237">
        <f t="shared" si="1135"/>
        <v>10.116648021392798</v>
      </c>
      <c r="K4823" s="237">
        <f t="shared" si="1131"/>
        <v>960.20784335712108</v>
      </c>
      <c r="L4823" s="237">
        <f t="shared" si="1136"/>
        <v>482.95865989327075</v>
      </c>
      <c r="M4823" s="236">
        <f t="shared" si="1132"/>
        <v>12.240948651690699</v>
      </c>
      <c r="N4823" s="236">
        <f t="shared" si="1133"/>
        <v>3.1225303103446524</v>
      </c>
      <c r="O4823" s="236">
        <f t="shared" si="1137"/>
        <v>2.9350192687604029</v>
      </c>
      <c r="P4823" s="236" t="str">
        <f t="shared" si="1138"/>
        <v>CLAY</v>
      </c>
      <c r="Q4823" s="236">
        <f t="shared" si="1134"/>
        <v>492.6560130535733</v>
      </c>
      <c r="R4823" s="238">
        <v>35</v>
      </c>
      <c r="S4823" s="236">
        <f t="shared" si="1139"/>
        <v>5.7241216366694792</v>
      </c>
      <c r="T4823" s="236" t="e">
        <f t="shared" si="1125"/>
        <v>#N/A</v>
      </c>
    </row>
    <row r="4824" spans="1:20" x14ac:dyDescent="0.2">
      <c r="A4824" s="53">
        <f t="shared" si="1126"/>
        <v>4812</v>
      </c>
      <c r="B4824" s="239">
        <v>47.747999999999998</v>
      </c>
      <c r="C4824" s="3">
        <f t="shared" si="1127"/>
        <v>47.741</v>
      </c>
      <c r="D4824" s="239">
        <v>6.9927000000000001</v>
      </c>
      <c r="E4824" s="239">
        <v>0.1966</v>
      </c>
      <c r="F4824" s="239">
        <v>0.54610000000000003</v>
      </c>
      <c r="G4824">
        <f t="shared" si="1128"/>
        <v>7.1019199999999998</v>
      </c>
      <c r="H4824" s="235">
        <f t="shared" si="1129"/>
        <v>2.7682654831369549</v>
      </c>
      <c r="I4824" s="236">
        <f t="shared" si="1130"/>
        <v>20.203356739093429</v>
      </c>
      <c r="J4824" s="237">
        <f t="shared" si="1135"/>
        <v>10.203356739093429</v>
      </c>
      <c r="K4824" s="237">
        <f t="shared" si="1131"/>
        <v>964.52845408105941</v>
      </c>
      <c r="L4824" s="237">
        <f t="shared" si="1136"/>
        <v>487.18987757823305</v>
      </c>
      <c r="M4824" s="236">
        <f t="shared" si="1132"/>
        <v>12.597535023566653</v>
      </c>
      <c r="N4824" s="236">
        <f t="shared" si="1133"/>
        <v>3.2033152607108666</v>
      </c>
      <c r="O4824" s="236">
        <f t="shared" si="1137"/>
        <v>2.9314229861444763</v>
      </c>
      <c r="P4824" s="236" t="str">
        <f t="shared" si="1138"/>
        <v>CLAY</v>
      </c>
      <c r="Q4824" s="236">
        <f t="shared" si="1134"/>
        <v>511.44929549324507</v>
      </c>
      <c r="R4824" s="238">
        <v>35</v>
      </c>
      <c r="S4824" s="236">
        <f t="shared" si="1139"/>
        <v>5.9333091399836206</v>
      </c>
      <c r="T4824" s="236" t="e">
        <f t="shared" si="1125"/>
        <v>#N/A</v>
      </c>
    </row>
    <row r="4825" spans="1:20" x14ac:dyDescent="0.2">
      <c r="A4825" s="53">
        <f t="shared" si="1126"/>
        <v>4813</v>
      </c>
      <c r="B4825" s="239">
        <v>47.756999999999998</v>
      </c>
      <c r="C4825" s="3">
        <f t="shared" si="1127"/>
        <v>47.75</v>
      </c>
      <c r="D4825" s="239">
        <v>7.1421999999999999</v>
      </c>
      <c r="E4825" s="239">
        <v>0.20050000000000001</v>
      </c>
      <c r="F4825" s="239">
        <v>0.6109</v>
      </c>
      <c r="G4825">
        <f t="shared" si="1128"/>
        <v>7.2643800000000001</v>
      </c>
      <c r="H4825" s="235">
        <f t="shared" si="1129"/>
        <v>2.7600428391686558</v>
      </c>
      <c r="I4825" s="236">
        <f t="shared" si="1130"/>
        <v>20.235230570825841</v>
      </c>
      <c r="J4825" s="237">
        <f t="shared" si="1135"/>
        <v>10.235230570825841</v>
      </c>
      <c r="K4825" s="237">
        <f t="shared" si="1131"/>
        <v>966.2322597569339</v>
      </c>
      <c r="L4825" s="237">
        <f t="shared" si="1136"/>
        <v>488.80390637092967</v>
      </c>
      <c r="M4825" s="236">
        <f t="shared" si="1132"/>
        <v>12.884814663211195</v>
      </c>
      <c r="N4825" s="236">
        <f t="shared" si="1133"/>
        <v>3.1834756545781198</v>
      </c>
      <c r="O4825" s="236">
        <f t="shared" si="1137"/>
        <v>2.9219207223645389</v>
      </c>
      <c r="P4825" s="236" t="str">
        <f t="shared" si="1138"/>
        <v>CLAY</v>
      </c>
      <c r="Q4825" s="236">
        <f t="shared" si="1134"/>
        <v>524.84564502025557</v>
      </c>
      <c r="R4825" s="238">
        <v>35</v>
      </c>
      <c r="S4825" s="236">
        <f t="shared" si="1139"/>
        <v>6.1029207251131927</v>
      </c>
      <c r="T4825" s="236" t="e">
        <f t="shared" si="1125"/>
        <v>#N/A</v>
      </c>
    </row>
    <row r="4826" spans="1:20" x14ac:dyDescent="0.2">
      <c r="A4826" s="53">
        <f t="shared" si="1126"/>
        <v>4814</v>
      </c>
      <c r="B4826" s="239">
        <v>47.767000000000003</v>
      </c>
      <c r="C4826" s="3">
        <f t="shared" si="1127"/>
        <v>47.760000000000005</v>
      </c>
      <c r="D4826" s="239">
        <v>7.3739999999999997</v>
      </c>
      <c r="E4826" s="239">
        <v>0.1996</v>
      </c>
      <c r="F4826" s="239">
        <v>0.63859999999999995</v>
      </c>
      <c r="G4826">
        <f t="shared" si="1128"/>
        <v>7.5017199999999997</v>
      </c>
      <c r="H4826" s="235">
        <f t="shared" si="1129"/>
        <v>2.6607231408263705</v>
      </c>
      <c r="I4826" s="236">
        <f t="shared" si="1130"/>
        <v>20.242521269307765</v>
      </c>
      <c r="J4826" s="237">
        <f t="shared" si="1135"/>
        <v>10.242521269307765</v>
      </c>
      <c r="K4826" s="237">
        <f t="shared" si="1131"/>
        <v>966.78281582213901</v>
      </c>
      <c r="L4826" s="237">
        <f t="shared" si="1136"/>
        <v>489.25451347102404</v>
      </c>
      <c r="M4826" s="236">
        <f t="shared" si="1132"/>
        <v>13.356927742609145</v>
      </c>
      <c r="N4826" s="236">
        <f t="shared" si="1133"/>
        <v>3.0543522359061672</v>
      </c>
      <c r="O4826" s="236">
        <f t="shared" si="1137"/>
        <v>2.8986998567468309</v>
      </c>
      <c r="P4826" s="236" t="str">
        <f t="shared" si="1138"/>
        <v>CLAY</v>
      </c>
      <c r="Q4826" s="236">
        <f t="shared" si="1134"/>
        <v>544.57809868148831</v>
      </c>
      <c r="R4826" s="238">
        <v>35</v>
      </c>
      <c r="S4826" s="236">
        <f t="shared" si="1139"/>
        <v>6.3837111725431281</v>
      </c>
      <c r="T4826" s="236" t="e">
        <f t="shared" si="1125"/>
        <v>#N/A</v>
      </c>
    </row>
    <row r="4827" spans="1:20" x14ac:dyDescent="0.2">
      <c r="A4827" s="53">
        <f t="shared" si="1126"/>
        <v>4815</v>
      </c>
      <c r="B4827" s="239">
        <v>47.776000000000003</v>
      </c>
      <c r="C4827" s="3">
        <f t="shared" si="1127"/>
        <v>47.769000000000005</v>
      </c>
      <c r="D4827" s="239">
        <v>7.5033000000000003</v>
      </c>
      <c r="E4827" s="239">
        <v>0.2001</v>
      </c>
      <c r="F4827" s="239">
        <v>0.64219999999999999</v>
      </c>
      <c r="G4827">
        <f t="shared" si="1128"/>
        <v>7.6317400000000006</v>
      </c>
      <c r="H4827" s="235">
        <f t="shared" si="1129"/>
        <v>2.6219446679263179</v>
      </c>
      <c r="I4827" s="236">
        <f t="shared" si="1130"/>
        <v>20.252171403367175</v>
      </c>
      <c r="J4827" s="237">
        <f t="shared" si="1135"/>
        <v>10.252171403367175</v>
      </c>
      <c r="K4827" s="237">
        <f t="shared" si="1131"/>
        <v>967.42597576744674</v>
      </c>
      <c r="L4827" s="237">
        <f t="shared" si="1136"/>
        <v>489.80774096727021</v>
      </c>
      <c r="M4827" s="236">
        <f t="shared" si="1132"/>
        <v>13.605979380954443</v>
      </c>
      <c r="N4827" s="236">
        <f t="shared" si="1133"/>
        <v>3.0025595923661932</v>
      </c>
      <c r="O4827" s="236">
        <f t="shared" si="1137"/>
        <v>2.8878428386973214</v>
      </c>
      <c r="P4827" s="236" t="str">
        <f t="shared" si="1138"/>
        <v>CLAY</v>
      </c>
      <c r="Q4827" s="236">
        <f t="shared" si="1134"/>
        <v>555.35950201937942</v>
      </c>
      <c r="R4827" s="238">
        <v>35</v>
      </c>
      <c r="S4827" s="236">
        <f t="shared" si="1139"/>
        <v>6.5328437235361241</v>
      </c>
      <c r="T4827" s="236" t="e">
        <f t="shared" si="1125"/>
        <v>#N/A</v>
      </c>
    </row>
    <row r="4828" spans="1:20" x14ac:dyDescent="0.2">
      <c r="A4828" s="53">
        <f t="shared" si="1126"/>
        <v>4816</v>
      </c>
      <c r="B4828" s="239">
        <v>47.786999999999999</v>
      </c>
      <c r="C4828" s="3">
        <f t="shared" si="1127"/>
        <v>47.78</v>
      </c>
      <c r="D4828" s="239">
        <v>7.7751000000000001</v>
      </c>
      <c r="E4828" s="239">
        <v>0.19489999999999999</v>
      </c>
      <c r="F4828" s="239">
        <v>0.48349999999999999</v>
      </c>
      <c r="G4828">
        <f t="shared" si="1128"/>
        <v>7.8718000000000004</v>
      </c>
      <c r="H4828" s="235">
        <f t="shared" si="1129"/>
        <v>2.4759267257806346</v>
      </c>
      <c r="I4828" s="236">
        <f t="shared" si="1130"/>
        <v>20.233401666240802</v>
      </c>
      <c r="J4828" s="237">
        <f t="shared" si="1135"/>
        <v>10.233401666240802</v>
      </c>
      <c r="K4828" s="237">
        <f t="shared" si="1131"/>
        <v>966.75193161298557</v>
      </c>
      <c r="L4828" s="237">
        <f t="shared" si="1136"/>
        <v>489.02356542464918</v>
      </c>
      <c r="M4828" s="236">
        <f t="shared" si="1132"/>
        <v>14.12007223494626</v>
      </c>
      <c r="N4828" s="236">
        <f t="shared" si="1133"/>
        <v>2.8225726753778799</v>
      </c>
      <c r="O4828" s="236">
        <f t="shared" si="1137"/>
        <v>2.8590578666845525</v>
      </c>
      <c r="P4828" s="236" t="str">
        <f t="shared" si="1138"/>
        <v>CLAY</v>
      </c>
      <c r="Q4828" s="236">
        <f t="shared" si="1134"/>
        <v>575.42067236558455</v>
      </c>
      <c r="R4828" s="238">
        <v>35</v>
      </c>
      <c r="S4828" s="236">
        <f t="shared" si="1139"/>
        <v>6.8428363975375674</v>
      </c>
      <c r="T4828" s="236" t="e">
        <f t="shared" si="1125"/>
        <v>#N/A</v>
      </c>
    </row>
    <row r="4829" spans="1:20" x14ac:dyDescent="0.2">
      <c r="A4829" s="53">
        <f t="shared" si="1126"/>
        <v>4817</v>
      </c>
      <c r="B4829" s="239">
        <v>47.795999999999999</v>
      </c>
      <c r="C4829" s="3">
        <f t="shared" si="1127"/>
        <v>47.789000000000001</v>
      </c>
      <c r="D4829" s="239">
        <v>8.2478999999999996</v>
      </c>
      <c r="E4829" s="239">
        <v>0.19900000000000001</v>
      </c>
      <c r="F4829" s="239">
        <v>0.42349999999999999</v>
      </c>
      <c r="G4829">
        <f t="shared" si="1128"/>
        <v>8.3325999999999993</v>
      </c>
      <c r="H4829" s="235">
        <f t="shared" si="1129"/>
        <v>2.3882101624942997</v>
      </c>
      <c r="I4829" s="236">
        <f t="shared" si="1130"/>
        <v>20.28004884160935</v>
      </c>
      <c r="J4829" s="237">
        <f t="shared" si="1135"/>
        <v>10.28004884160935</v>
      </c>
      <c r="K4829" s="237">
        <f t="shared" si="1131"/>
        <v>969.16325409166927</v>
      </c>
      <c r="L4829" s="237">
        <f t="shared" si="1136"/>
        <v>491.3452144335605</v>
      </c>
      <c r="M4829" s="236">
        <f t="shared" si="1132"/>
        <v>14.986279563945994</v>
      </c>
      <c r="N4829" s="236">
        <f t="shared" si="1133"/>
        <v>2.7025423978902126</v>
      </c>
      <c r="O4829" s="236">
        <f t="shared" si="1137"/>
        <v>2.8270467357969915</v>
      </c>
      <c r="P4829" s="236" t="str">
        <f t="shared" si="1138"/>
        <v>CLAY</v>
      </c>
      <c r="Q4829" s="236">
        <f t="shared" si="1134"/>
        <v>613.6197288256941</v>
      </c>
      <c r="R4829" s="238">
        <v>35</v>
      </c>
      <c r="S4829" s="236">
        <f t="shared" si="1139"/>
        <v>7.3715242083567762</v>
      </c>
      <c r="T4829" s="236" t="e">
        <f t="shared" si="1125"/>
        <v>#N/A</v>
      </c>
    </row>
    <row r="4830" spans="1:20" x14ac:dyDescent="0.2">
      <c r="A4830" s="53">
        <f t="shared" si="1126"/>
        <v>4818</v>
      </c>
      <c r="B4830" s="239">
        <v>47.805999999999997</v>
      </c>
      <c r="C4830" s="3">
        <f t="shared" si="1127"/>
        <v>47.798999999999999</v>
      </c>
      <c r="D4830" s="239">
        <v>8.6626999999999992</v>
      </c>
      <c r="E4830" s="239">
        <v>0.2049</v>
      </c>
      <c r="F4830" s="239">
        <v>0.49519999999999997</v>
      </c>
      <c r="G4830">
        <f t="shared" si="1128"/>
        <v>8.7617399999999996</v>
      </c>
      <c r="H4830" s="235">
        <f t="shared" si="1129"/>
        <v>2.3385765841031576</v>
      </c>
      <c r="I4830" s="236">
        <f t="shared" si="1130"/>
        <v>20.333937667482616</v>
      </c>
      <c r="J4830" s="237">
        <f t="shared" si="1135"/>
        <v>10.333937667482616</v>
      </c>
      <c r="K4830" s="237">
        <f t="shared" si="1131"/>
        <v>971.94188656800156</v>
      </c>
      <c r="L4830" s="237">
        <f t="shared" si="1136"/>
        <v>494.02422413167392</v>
      </c>
      <c r="M4830" s="236">
        <f t="shared" si="1132"/>
        <v>15.768048878825336</v>
      </c>
      <c r="N4830" s="236">
        <f t="shared" si="1133"/>
        <v>2.6303634191326428</v>
      </c>
      <c r="O4830" s="236">
        <f t="shared" si="1137"/>
        <v>2.8022570707483907</v>
      </c>
      <c r="P4830" s="236" t="str">
        <f t="shared" si="1138"/>
        <v>CLAY</v>
      </c>
      <c r="Q4830" s="236">
        <f t="shared" si="1134"/>
        <v>649.14984278599979</v>
      </c>
      <c r="R4830" s="238">
        <v>35</v>
      </c>
      <c r="S4830" s="236">
        <f t="shared" si="1139"/>
        <v>7.8552942092168525</v>
      </c>
      <c r="T4830" s="236" t="e">
        <f t="shared" si="1125"/>
        <v>#N/A</v>
      </c>
    </row>
    <row r="4831" spans="1:20" x14ac:dyDescent="0.2">
      <c r="A4831" s="53">
        <f t="shared" si="1126"/>
        <v>4819</v>
      </c>
      <c r="B4831" s="239">
        <v>47.816000000000003</v>
      </c>
      <c r="C4831" s="3">
        <f t="shared" si="1127"/>
        <v>47.809000000000005</v>
      </c>
      <c r="D4831" s="239">
        <v>9.1475000000000009</v>
      </c>
      <c r="E4831" s="239">
        <v>0.18859999999999999</v>
      </c>
      <c r="F4831" s="239">
        <v>0.37540000000000001</v>
      </c>
      <c r="G4831">
        <f t="shared" si="1128"/>
        <v>9.2225800000000007</v>
      </c>
      <c r="H4831" s="235">
        <f t="shared" si="1129"/>
        <v>2.0449809055600494</v>
      </c>
      <c r="I4831" s="236">
        <f t="shared" si="1130"/>
        <v>20.256772801094588</v>
      </c>
      <c r="J4831" s="237">
        <f t="shared" si="1135"/>
        <v>10.256772801094588</v>
      </c>
      <c r="K4831" s="237">
        <f t="shared" si="1131"/>
        <v>968.45605084753129</v>
      </c>
      <c r="L4831" s="237">
        <f t="shared" si="1136"/>
        <v>490.43784825713885</v>
      </c>
      <c r="M4831" s="236">
        <f t="shared" si="1132"/>
        <v>16.830112069215328</v>
      </c>
      <c r="N4831" s="236">
        <f t="shared" si="1133"/>
        <v>2.2849184378841971</v>
      </c>
      <c r="O4831" s="236">
        <f t="shared" si="1137"/>
        <v>2.7437161315158507</v>
      </c>
      <c r="P4831" s="236" t="str">
        <f t="shared" si="1138"/>
        <v>CLAY</v>
      </c>
      <c r="Q4831" s="236">
        <f t="shared" si="1134"/>
        <v>687.84366242937233</v>
      </c>
      <c r="R4831" s="238">
        <v>35</v>
      </c>
      <c r="S4831" s="236">
        <f t="shared" si="1139"/>
        <v>8.5221420428778512</v>
      </c>
      <c r="T4831" s="236" t="e">
        <f t="shared" si="1125"/>
        <v>#N/A</v>
      </c>
    </row>
    <row r="4832" spans="1:20" x14ac:dyDescent="0.2">
      <c r="A4832" s="53">
        <f t="shared" si="1126"/>
        <v>4820</v>
      </c>
      <c r="B4832" s="239">
        <v>47.825000000000003</v>
      </c>
      <c r="C4832" s="3">
        <f t="shared" si="1127"/>
        <v>47.818000000000005</v>
      </c>
      <c r="D4832" s="239">
        <v>9.5762</v>
      </c>
      <c r="E4832" s="239">
        <v>0.1888</v>
      </c>
      <c r="F4832" s="239">
        <v>0.38190000000000002</v>
      </c>
      <c r="G4832">
        <f t="shared" si="1128"/>
        <v>9.6525800000000004</v>
      </c>
      <c r="H4832" s="235">
        <f t="shared" si="1129"/>
        <v>1.9559537450091065</v>
      </c>
      <c r="I4832" s="236">
        <f t="shared" si="1130"/>
        <v>20.275827496025713</v>
      </c>
      <c r="J4832" s="237">
        <f t="shared" si="1135"/>
        <v>10.275827496025713</v>
      </c>
      <c r="K4832" s="237">
        <f t="shared" si="1131"/>
        <v>969.54951920495762</v>
      </c>
      <c r="L4832" s="237">
        <f t="shared" si="1136"/>
        <v>491.44144999742974</v>
      </c>
      <c r="M4832" s="236">
        <f t="shared" si="1132"/>
        <v>17.668494346255194</v>
      </c>
      <c r="N4832" s="236">
        <f t="shared" si="1133"/>
        <v>2.1743560663248176</v>
      </c>
      <c r="O4832" s="236">
        <f t="shared" si="1137"/>
        <v>2.714059814178075</v>
      </c>
      <c r="P4832" s="236" t="str">
        <f t="shared" si="1138"/>
        <v>CLAY</v>
      </c>
      <c r="Q4832" s="236">
        <f t="shared" si="1134"/>
        <v>723.58587339958683</v>
      </c>
      <c r="R4832" s="238">
        <v>35</v>
      </c>
      <c r="S4832" s="236">
        <f t="shared" si="1139"/>
        <v>9.0560630190000229</v>
      </c>
      <c r="T4832" s="236" t="e">
        <f t="shared" si="1125"/>
        <v>#N/A</v>
      </c>
    </row>
    <row r="4833" spans="1:20" x14ac:dyDescent="0.2">
      <c r="A4833" s="53">
        <f t="shared" si="1126"/>
        <v>4821</v>
      </c>
      <c r="B4833" s="239">
        <v>47.834000000000003</v>
      </c>
      <c r="C4833" s="3">
        <f t="shared" si="1127"/>
        <v>47.827000000000005</v>
      </c>
      <c r="D4833" s="239">
        <v>9.9315999999999995</v>
      </c>
      <c r="E4833" s="239">
        <v>0.1847</v>
      </c>
      <c r="F4833" s="239">
        <v>0.41299999999999998</v>
      </c>
      <c r="G4833">
        <f t="shared" si="1128"/>
        <v>10.014199999999999</v>
      </c>
      <c r="H4833" s="235">
        <f t="shared" si="1129"/>
        <v>1.8443809790098062</v>
      </c>
      <c r="I4833" s="236">
        <f t="shared" si="1130"/>
        <v>20.26445830672154</v>
      </c>
      <c r="J4833" s="237">
        <f t="shared" si="1135"/>
        <v>10.26445830672154</v>
      </c>
      <c r="K4833" s="237">
        <f t="shared" si="1131"/>
        <v>969.18824743557116</v>
      </c>
      <c r="L4833" s="237">
        <f t="shared" si="1136"/>
        <v>490.99009864371817</v>
      </c>
      <c r="M4833" s="236">
        <f t="shared" si="1132"/>
        <v>18.421984022793595</v>
      </c>
      <c r="N4833" s="236">
        <f t="shared" si="1133"/>
        <v>2.042009508142808</v>
      </c>
      <c r="O4833" s="236">
        <f t="shared" si="1137"/>
        <v>2.6835831144513134</v>
      </c>
      <c r="P4833" s="236" t="str">
        <f t="shared" si="1138"/>
        <v>CLAY</v>
      </c>
      <c r="Q4833" s="236">
        <f t="shared" si="1134"/>
        <v>753.7509793803689</v>
      </c>
      <c r="R4833" s="238">
        <v>35</v>
      </c>
      <c r="S4833" s="236">
        <f t="shared" si="1139"/>
        <v>9.5413650094401152</v>
      </c>
      <c r="T4833" s="236" t="e">
        <f t="shared" si="1125"/>
        <v>#N/A</v>
      </c>
    </row>
    <row r="4834" spans="1:20" x14ac:dyDescent="0.2">
      <c r="A4834" s="53">
        <f t="shared" si="1126"/>
        <v>4822</v>
      </c>
      <c r="B4834" s="239">
        <v>47.844999999999999</v>
      </c>
      <c r="C4834" s="3">
        <f t="shared" si="1127"/>
        <v>47.838000000000001</v>
      </c>
      <c r="D4834" s="239">
        <v>10.117900000000001</v>
      </c>
      <c r="E4834" s="239">
        <v>0.19950000000000001</v>
      </c>
      <c r="F4834" s="239">
        <v>0.498</v>
      </c>
      <c r="G4834">
        <f t="shared" si="1128"/>
        <v>10.217500000000001</v>
      </c>
      <c r="H4834" s="235">
        <f t="shared" si="1129"/>
        <v>1.9525324198678737</v>
      </c>
      <c r="I4834" s="236">
        <f t="shared" si="1130"/>
        <v>20.362699066189226</v>
      </c>
      <c r="J4834" s="237">
        <f t="shared" si="1135"/>
        <v>10.362699066189226</v>
      </c>
      <c r="K4834" s="237">
        <f t="shared" si="1131"/>
        <v>974.11079792836017</v>
      </c>
      <c r="L4834" s="237">
        <f t="shared" si="1136"/>
        <v>495.80333682182351</v>
      </c>
      <c r="M4834" s="236">
        <f t="shared" si="1132"/>
        <v>18.643257347405534</v>
      </c>
      <c r="N4834" s="236">
        <f t="shared" si="1133"/>
        <v>2.1582992519160373</v>
      </c>
      <c r="O4834" s="236">
        <f t="shared" si="1137"/>
        <v>2.6931333848792689</v>
      </c>
      <c r="P4834" s="236" t="str">
        <f t="shared" si="1138"/>
        <v>CLAY</v>
      </c>
      <c r="Q4834" s="236">
        <f t="shared" si="1134"/>
        <v>770.28243350597006</v>
      </c>
      <c r="R4834" s="238">
        <v>35</v>
      </c>
      <c r="S4834" s="236">
        <f t="shared" si="1139"/>
        <v>9.6848355743637846</v>
      </c>
      <c r="T4834" s="236" t="e">
        <f t="shared" si="1125"/>
        <v>#N/A</v>
      </c>
    </row>
    <row r="4835" spans="1:20" x14ac:dyDescent="0.2">
      <c r="A4835" s="53">
        <f t="shared" si="1126"/>
        <v>4823</v>
      </c>
      <c r="B4835" s="239">
        <v>47.853999999999999</v>
      </c>
      <c r="C4835" s="3">
        <f t="shared" si="1127"/>
        <v>47.847000000000001</v>
      </c>
      <c r="D4835" s="239">
        <v>10.1122</v>
      </c>
      <c r="E4835" s="239">
        <v>0.2072</v>
      </c>
      <c r="F4835" s="239">
        <v>0.35849999999999999</v>
      </c>
      <c r="G4835">
        <f t="shared" si="1128"/>
        <v>10.1839</v>
      </c>
      <c r="H4835" s="235">
        <f t="shared" si="1129"/>
        <v>2.0345840002356659</v>
      </c>
      <c r="I4835" s="236">
        <f t="shared" si="1130"/>
        <v>20.405818095811732</v>
      </c>
      <c r="J4835" s="237">
        <f t="shared" si="1135"/>
        <v>10.405818095811732</v>
      </c>
      <c r="K4835" s="237">
        <f t="shared" si="1131"/>
        <v>976.35717843030397</v>
      </c>
      <c r="L4835" s="237">
        <f t="shared" si="1136"/>
        <v>497.96001915697462</v>
      </c>
      <c r="M4835" s="236">
        <f t="shared" si="1132"/>
        <v>18.490526281924559</v>
      </c>
      <c r="N4835" s="236">
        <f t="shared" si="1133"/>
        <v>2.2503289315647912</v>
      </c>
      <c r="O4835" s="236">
        <f t="shared" si="1137"/>
        <v>2.7065457699874069</v>
      </c>
      <c r="P4835" s="236" t="str">
        <f t="shared" si="1138"/>
        <v>CLAY</v>
      </c>
      <c r="Q4835" s="236">
        <f t="shared" si="1134"/>
        <v>767.29523513080801</v>
      </c>
      <c r="R4835" s="238">
        <v>35</v>
      </c>
      <c r="S4835" s="236">
        <f t="shared" si="1139"/>
        <v>9.5857610547348528</v>
      </c>
      <c r="T4835" s="236" t="e">
        <f t="shared" si="1125"/>
        <v>#N/A</v>
      </c>
    </row>
    <row r="4836" spans="1:20" x14ac:dyDescent="0.2">
      <c r="A4836" s="53">
        <f t="shared" si="1126"/>
        <v>4824</v>
      </c>
      <c r="B4836" s="239">
        <v>47.863999999999997</v>
      </c>
      <c r="C4836" s="3">
        <f t="shared" si="1127"/>
        <v>47.856999999999999</v>
      </c>
      <c r="D4836" s="239">
        <v>9.8619000000000003</v>
      </c>
      <c r="E4836" s="239">
        <v>0.21260000000000001</v>
      </c>
      <c r="F4836" s="239">
        <v>0.2137</v>
      </c>
      <c r="G4836">
        <f t="shared" si="1128"/>
        <v>9.9046400000000006</v>
      </c>
      <c r="H4836" s="235">
        <f t="shared" si="1129"/>
        <v>2.1464687257689326</v>
      </c>
      <c r="I4836" s="236">
        <f t="shared" si="1130"/>
        <v>20.425118682417924</v>
      </c>
      <c r="J4836" s="237">
        <f t="shared" si="1135"/>
        <v>10.425118682417924</v>
      </c>
      <c r="K4836" s="237">
        <f t="shared" si="1131"/>
        <v>977.48490478447457</v>
      </c>
      <c r="L4836" s="237">
        <f t="shared" si="1136"/>
        <v>498.98788061525153</v>
      </c>
      <c r="M4836" s="236">
        <f t="shared" si="1132"/>
        <v>17.890524884508928</v>
      </c>
      <c r="N4836" s="236">
        <f t="shared" si="1133"/>
        <v>2.3814977754104683</v>
      </c>
      <c r="O4836" s="236">
        <f t="shared" si="1137"/>
        <v>2.732524637158154</v>
      </c>
      <c r="P4836" s="236" t="str">
        <f t="shared" si="1138"/>
        <v>CLAY</v>
      </c>
      <c r="Q4836" s="236">
        <f t="shared" si="1134"/>
        <v>743.92959126796052</v>
      </c>
      <c r="R4836" s="238">
        <v>35</v>
      </c>
      <c r="S4836" s="236">
        <f t="shared" si="1139"/>
        <v>9.1985391617208165</v>
      </c>
      <c r="T4836" s="236" t="e">
        <f t="shared" si="1125"/>
        <v>#N/A</v>
      </c>
    </row>
    <row r="4837" spans="1:20" x14ac:dyDescent="0.2">
      <c r="A4837" s="53">
        <f t="shared" si="1126"/>
        <v>4825</v>
      </c>
      <c r="B4837" s="239">
        <v>47.872999999999998</v>
      </c>
      <c r="C4837" s="3">
        <f t="shared" si="1127"/>
        <v>47.866</v>
      </c>
      <c r="D4837" s="239">
        <v>9.6478999999999999</v>
      </c>
      <c r="E4837" s="239">
        <v>0.21010000000000001</v>
      </c>
      <c r="F4837" s="239">
        <v>0.1119</v>
      </c>
      <c r="G4837">
        <f t="shared" si="1128"/>
        <v>9.67028</v>
      </c>
      <c r="H4837" s="235">
        <f t="shared" si="1129"/>
        <v>2.1726361594493646</v>
      </c>
      <c r="I4837" s="236">
        <f t="shared" si="1130"/>
        <v>20.401888540094625</v>
      </c>
      <c r="J4837" s="237">
        <f t="shared" si="1135"/>
        <v>10.401888540094625</v>
      </c>
      <c r="K4837" s="237">
        <f t="shared" si="1131"/>
        <v>976.55679686016924</v>
      </c>
      <c r="L4837" s="237">
        <f t="shared" si="1136"/>
        <v>497.96961007994992</v>
      </c>
      <c r="M4837" s="236">
        <f t="shared" si="1132"/>
        <v>17.458340884987013</v>
      </c>
      <c r="N4837" s="236">
        <f t="shared" si="1133"/>
        <v>2.4166860974377489</v>
      </c>
      <c r="O4837" s="236">
        <f t="shared" si="1137"/>
        <v>2.7448653736522877</v>
      </c>
      <c r="P4837" s="236" t="str">
        <f t="shared" si="1138"/>
        <v>CLAY</v>
      </c>
      <c r="Q4837" s="236">
        <f t="shared" si="1134"/>
        <v>724.47693359498589</v>
      </c>
      <c r="R4837" s="238">
        <v>35</v>
      </c>
      <c r="S4837" s="236">
        <f t="shared" si="1139"/>
        <v>8.9216199740124154</v>
      </c>
      <c r="T4837" s="236" t="e">
        <f t="shared" si="1125"/>
        <v>#N/A</v>
      </c>
    </row>
    <row r="4838" spans="1:20" x14ac:dyDescent="0.2">
      <c r="A4838" s="53">
        <f t="shared" si="1126"/>
        <v>4826</v>
      </c>
      <c r="B4838" s="239">
        <v>47.884</v>
      </c>
      <c r="C4838" s="3">
        <f t="shared" si="1127"/>
        <v>47.877000000000002</v>
      </c>
      <c r="D4838" s="239">
        <v>9.4658999999999995</v>
      </c>
      <c r="E4838" s="239">
        <v>0.20799999999999999</v>
      </c>
      <c r="F4838" s="239">
        <v>9.5200000000000007E-2</v>
      </c>
      <c r="G4838">
        <f t="shared" si="1128"/>
        <v>9.4849399999999999</v>
      </c>
      <c r="H4838" s="235">
        <f t="shared" si="1129"/>
        <v>2.192950087190852</v>
      </c>
      <c r="I4838" s="236">
        <f t="shared" si="1130"/>
        <v>20.382545187951084</v>
      </c>
      <c r="J4838" s="237">
        <f t="shared" si="1135"/>
        <v>10.382545187951084</v>
      </c>
      <c r="K4838" s="237">
        <f t="shared" si="1131"/>
        <v>975.8551159635341</v>
      </c>
      <c r="L4838" s="237">
        <f t="shared" si="1136"/>
        <v>497.15779377984973</v>
      </c>
      <c r="M4838" s="236">
        <f t="shared" si="1132"/>
        <v>17.115461108117398</v>
      </c>
      <c r="N4838" s="236">
        <f t="shared" si="1133"/>
        <v>2.4444461752898947</v>
      </c>
      <c r="O4838" s="236">
        <f t="shared" si="1137"/>
        <v>2.7547549781322518</v>
      </c>
      <c r="P4838" s="236" t="str">
        <f t="shared" si="1138"/>
        <v>CLAY</v>
      </c>
      <c r="Q4838" s="236">
        <f t="shared" si="1134"/>
        <v>709.09040700303888</v>
      </c>
      <c r="R4838" s="238">
        <v>35</v>
      </c>
      <c r="S4838" s="236">
        <f t="shared" si="1139"/>
        <v>8.7031358704610948</v>
      </c>
      <c r="T4838" s="236" t="e">
        <f t="shared" si="1125"/>
        <v>#N/A</v>
      </c>
    </row>
    <row r="4839" spans="1:20" x14ac:dyDescent="0.2">
      <c r="A4839" s="53">
        <f t="shared" si="1126"/>
        <v>4827</v>
      </c>
      <c r="B4839" s="239">
        <v>47.893000000000001</v>
      </c>
      <c r="C4839" s="3">
        <f t="shared" si="1127"/>
        <v>47.886000000000003</v>
      </c>
      <c r="D4839" s="239">
        <v>9.3737999999999992</v>
      </c>
      <c r="E4839" s="239">
        <v>0.20810000000000001</v>
      </c>
      <c r="F4839" s="239">
        <v>0.13669999999999999</v>
      </c>
      <c r="G4839">
        <f t="shared" si="1128"/>
        <v>9.4011399999999998</v>
      </c>
      <c r="H4839" s="235">
        <f t="shared" si="1129"/>
        <v>2.213561334050977</v>
      </c>
      <c r="I4839" s="236">
        <f t="shared" si="1130"/>
        <v>20.379640139100101</v>
      </c>
      <c r="J4839" s="237">
        <f t="shared" si="1135"/>
        <v>10.379640139100101</v>
      </c>
      <c r="K4839" s="237">
        <f t="shared" si="1131"/>
        <v>975.89944770094746</v>
      </c>
      <c r="L4839" s="237">
        <f t="shared" si="1136"/>
        <v>497.11210518192109</v>
      </c>
      <c r="M4839" s="236">
        <f t="shared" si="1132"/>
        <v>16.948371332087731</v>
      </c>
      <c r="N4839" s="236">
        <f t="shared" si="1133"/>
        <v>2.4699591508187186</v>
      </c>
      <c r="O4839" s="236">
        <f t="shared" si="1137"/>
        <v>2.7608469259801436</v>
      </c>
      <c r="P4839" s="236" t="str">
        <f t="shared" si="1138"/>
        <v>CLAY</v>
      </c>
      <c r="Q4839" s="236">
        <f t="shared" si="1134"/>
        <v>702.1033793582543</v>
      </c>
      <c r="R4839" s="238">
        <v>35</v>
      </c>
      <c r="S4839" s="236">
        <f t="shared" si="1139"/>
        <v>8.5970602819196387</v>
      </c>
      <c r="T4839" s="236" t="e">
        <f t="shared" si="1125"/>
        <v>#N/A</v>
      </c>
    </row>
    <row r="4840" spans="1:20" x14ac:dyDescent="0.2">
      <c r="A4840" s="53">
        <f t="shared" si="1126"/>
        <v>4828</v>
      </c>
      <c r="B4840" s="239">
        <v>47.902000000000001</v>
      </c>
      <c r="C4840" s="3">
        <f t="shared" si="1127"/>
        <v>47.895000000000003</v>
      </c>
      <c r="D4840" s="239">
        <v>9.5307999999999993</v>
      </c>
      <c r="E4840" s="239">
        <v>0.19600000000000001</v>
      </c>
      <c r="F4840" s="239">
        <v>0.218</v>
      </c>
      <c r="G4840">
        <f t="shared" si="1128"/>
        <v>9.5743999999999989</v>
      </c>
      <c r="H4840" s="235">
        <f t="shared" si="1129"/>
        <v>2.0471256684491981</v>
      </c>
      <c r="I4840" s="236">
        <f t="shared" si="1130"/>
        <v>20.316534857806069</v>
      </c>
      <c r="J4840" s="237">
        <f t="shared" si="1135"/>
        <v>10.316534857806069</v>
      </c>
      <c r="K4840" s="237">
        <f t="shared" si="1131"/>
        <v>973.0604370146217</v>
      </c>
      <c r="L4840" s="237">
        <f t="shared" si="1136"/>
        <v>494.18265275862632</v>
      </c>
      <c r="M4840" s="236">
        <f t="shared" si="1132"/>
        <v>17.40518311391746</v>
      </c>
      <c r="N4840" s="236">
        <f t="shared" si="1133"/>
        <v>2.2787148276700719</v>
      </c>
      <c r="O4840" s="236">
        <f t="shared" si="1137"/>
        <v>2.7311132504604911</v>
      </c>
      <c r="P4840" s="236" t="str">
        <f t="shared" si="1138"/>
        <v>CLAY</v>
      </c>
      <c r="Q4840" s="236">
        <f t="shared" si="1134"/>
        <v>716.77829691544821</v>
      </c>
      <c r="R4840" s="238">
        <v>35</v>
      </c>
      <c r="S4840" s="236">
        <f t="shared" si="1139"/>
        <v>8.8876768293900437</v>
      </c>
      <c r="T4840" s="236" t="e">
        <f t="shared" si="1125"/>
        <v>#N/A</v>
      </c>
    </row>
    <row r="4841" spans="1:20" x14ac:dyDescent="0.2">
      <c r="A4841" s="53">
        <f t="shared" si="1126"/>
        <v>4829</v>
      </c>
      <c r="B4841" s="239">
        <v>47.912999999999997</v>
      </c>
      <c r="C4841" s="3">
        <f t="shared" si="1127"/>
        <v>47.905999999999999</v>
      </c>
      <c r="D4841" s="239">
        <v>9.5284999999999993</v>
      </c>
      <c r="E4841" s="239">
        <v>0.17299999999999999</v>
      </c>
      <c r="F4841" s="239">
        <v>0.2828</v>
      </c>
      <c r="G4841">
        <f t="shared" si="1128"/>
        <v>9.5850599999999986</v>
      </c>
      <c r="H4841" s="235">
        <f t="shared" si="1129"/>
        <v>1.8048921968146263</v>
      </c>
      <c r="I4841" s="236">
        <f t="shared" si="1130"/>
        <v>20.170602885044726</v>
      </c>
      <c r="J4841" s="237">
        <f t="shared" si="1135"/>
        <v>10.170602885044726</v>
      </c>
      <c r="K4841" s="237">
        <f t="shared" si="1131"/>
        <v>966.29290181095257</v>
      </c>
      <c r="L4841" s="237">
        <f t="shared" si="1136"/>
        <v>487.30409603114794</v>
      </c>
      <c r="M4841" s="236">
        <f t="shared" si="1132"/>
        <v>17.686629700806254</v>
      </c>
      <c r="N4841" s="236">
        <f t="shared" si="1133"/>
        <v>2.0072476495663789</v>
      </c>
      <c r="O4841" s="236">
        <f t="shared" si="1137"/>
        <v>2.6939144480675852</v>
      </c>
      <c r="P4841" s="236" t="str">
        <f t="shared" si="1138"/>
        <v>CLAY</v>
      </c>
      <c r="Q4841" s="236">
        <f t="shared" si="1134"/>
        <v>718.23059151575364</v>
      </c>
      <c r="R4841" s="238">
        <v>35</v>
      </c>
      <c r="S4841" s="236">
        <f t="shared" si="1139"/>
        <v>9.0676837021833681</v>
      </c>
      <c r="T4841" s="236" t="e">
        <f t="shared" si="1125"/>
        <v>#N/A</v>
      </c>
    </row>
    <row r="4842" spans="1:20" x14ac:dyDescent="0.2">
      <c r="A4842" s="53">
        <f t="shared" si="1126"/>
        <v>4830</v>
      </c>
      <c r="B4842" s="239">
        <v>47.920999999999999</v>
      </c>
      <c r="C4842" s="3">
        <f t="shared" si="1127"/>
        <v>47.914000000000001</v>
      </c>
      <c r="D4842" s="239">
        <v>9.4297000000000004</v>
      </c>
      <c r="E4842" s="239">
        <v>0.16270000000000001</v>
      </c>
      <c r="F4842" s="239">
        <v>0.33210000000000001</v>
      </c>
      <c r="G4842">
        <f t="shared" si="1128"/>
        <v>9.4961200000000012</v>
      </c>
      <c r="H4842" s="235">
        <f t="shared" si="1129"/>
        <v>1.7133313395365686</v>
      </c>
      <c r="I4842" s="236">
        <f t="shared" si="1130"/>
        <v>20.094981021954922</v>
      </c>
      <c r="J4842" s="237">
        <f t="shared" si="1135"/>
        <v>10.094981021954922</v>
      </c>
      <c r="K4842" s="237">
        <f t="shared" si="1131"/>
        <v>962.83092068594817</v>
      </c>
      <c r="L4842" s="237">
        <f t="shared" si="1136"/>
        <v>483.76158555310184</v>
      </c>
      <c r="M4842" s="236">
        <f t="shared" si="1132"/>
        <v>17.639451610358105</v>
      </c>
      <c r="N4842" s="236">
        <f t="shared" si="1133"/>
        <v>1.9066505129236597</v>
      </c>
      <c r="O4842" s="236">
        <f t="shared" si="1137"/>
        <v>2.6823183927106604</v>
      </c>
      <c r="P4842" s="236" t="str">
        <f t="shared" si="1138"/>
        <v>CLAY</v>
      </c>
      <c r="Q4842" s="236">
        <f t="shared" si="1134"/>
        <v>711.10742327617106</v>
      </c>
      <c r="R4842" s="238">
        <v>35</v>
      </c>
      <c r="S4842" s="236">
        <f t="shared" si="1139"/>
        <v>9.0374593693373466</v>
      </c>
      <c r="T4842" s="236" t="e">
        <f t="shared" si="1125"/>
        <v>#N/A</v>
      </c>
    </row>
    <row r="4843" spans="1:20" x14ac:dyDescent="0.2">
      <c r="A4843" s="53">
        <f t="shared" si="1126"/>
        <v>4831</v>
      </c>
      <c r="B4843" s="239">
        <v>47.932000000000002</v>
      </c>
      <c r="C4843" s="3">
        <f t="shared" si="1127"/>
        <v>47.925000000000004</v>
      </c>
      <c r="D4843" s="239">
        <v>9.2652999999999999</v>
      </c>
      <c r="E4843" s="239">
        <v>0.16170000000000001</v>
      </c>
      <c r="F4843" s="239">
        <v>0.3639</v>
      </c>
      <c r="G4843">
        <f t="shared" si="1128"/>
        <v>9.3380799999999997</v>
      </c>
      <c r="H4843" s="235">
        <f t="shared" si="1129"/>
        <v>1.7316193478745097</v>
      </c>
      <c r="I4843" s="236">
        <f t="shared" si="1130"/>
        <v>20.081191939348155</v>
      </c>
      <c r="J4843" s="237">
        <f t="shared" si="1135"/>
        <v>10.081191939348155</v>
      </c>
      <c r="K4843" s="237">
        <f t="shared" si="1131"/>
        <v>962.3911236932604</v>
      </c>
      <c r="L4843" s="237">
        <f t="shared" si="1136"/>
        <v>483.21169203683581</v>
      </c>
      <c r="M4843" s="236">
        <f t="shared" si="1132"/>
        <v>17.333373786965922</v>
      </c>
      <c r="N4843" s="236">
        <f t="shared" si="1133"/>
        <v>1.9305874703323702</v>
      </c>
      <c r="O4843" s="236">
        <f t="shared" si="1137"/>
        <v>2.6916506887615346</v>
      </c>
      <c r="P4843" s="236" t="str">
        <f t="shared" si="1138"/>
        <v>CLAY</v>
      </c>
      <c r="Q4843" s="236">
        <f t="shared" si="1134"/>
        <v>697.97407302556167</v>
      </c>
      <c r="R4843" s="238">
        <v>35</v>
      </c>
      <c r="S4843" s="236">
        <f t="shared" si="1139"/>
        <v>8.8418651445559764</v>
      </c>
      <c r="T4843" s="236" t="e">
        <f t="shared" si="1125"/>
        <v>#N/A</v>
      </c>
    </row>
    <row r="4844" spans="1:20" x14ac:dyDescent="0.2">
      <c r="A4844" s="53">
        <f t="shared" si="1126"/>
        <v>4832</v>
      </c>
      <c r="B4844" s="239">
        <v>47.941000000000003</v>
      </c>
      <c r="C4844" s="3">
        <f t="shared" si="1127"/>
        <v>47.934000000000005</v>
      </c>
      <c r="D4844" s="239">
        <v>9.0373000000000001</v>
      </c>
      <c r="E4844" s="239">
        <v>0.16750000000000001</v>
      </c>
      <c r="F4844" s="239">
        <v>0.21249999999999999</v>
      </c>
      <c r="G4844">
        <f t="shared" si="1128"/>
        <v>9.0798000000000005</v>
      </c>
      <c r="H4844" s="235">
        <f t="shared" si="1129"/>
        <v>1.844754289742065</v>
      </c>
      <c r="I4844" s="236">
        <f t="shared" si="1130"/>
        <v>20.111551699301401</v>
      </c>
      <c r="J4844" s="237">
        <f t="shared" si="1135"/>
        <v>10.111551699301401</v>
      </c>
      <c r="K4844" s="237">
        <f t="shared" si="1131"/>
        <v>964.02711915431348</v>
      </c>
      <c r="L4844" s="237">
        <f t="shared" si="1136"/>
        <v>484.75790001620851</v>
      </c>
      <c r="M4844" s="236">
        <f t="shared" si="1132"/>
        <v>16.741909478059721</v>
      </c>
      <c r="N4844" s="236">
        <f t="shared" si="1133"/>
        <v>2.0638823000496043</v>
      </c>
      <c r="O4844" s="236">
        <f t="shared" si="1137"/>
        <v>2.7204135438068682</v>
      </c>
      <c r="P4844" s="236" t="str">
        <f t="shared" si="1138"/>
        <v>CLAY</v>
      </c>
      <c r="Q4844" s="236">
        <f t="shared" si="1134"/>
        <v>676.31440673714064</v>
      </c>
      <c r="R4844" s="238">
        <v>35</v>
      </c>
      <c r="S4844" s="236">
        <f t="shared" si="1139"/>
        <v>8.4663505289808043</v>
      </c>
      <c r="T4844" s="236" t="e">
        <f t="shared" si="1125"/>
        <v>#N/A</v>
      </c>
    </row>
    <row r="4845" spans="1:20" x14ac:dyDescent="0.2">
      <c r="A4845" s="53">
        <f t="shared" si="1126"/>
        <v>4833</v>
      </c>
      <c r="B4845" s="239">
        <v>47.951000000000001</v>
      </c>
      <c r="C4845" s="3">
        <f t="shared" si="1127"/>
        <v>47.944000000000003</v>
      </c>
      <c r="D4845" s="239">
        <v>8.6492000000000004</v>
      </c>
      <c r="E4845" s="239">
        <v>0.17180000000000001</v>
      </c>
      <c r="F4845" s="239">
        <v>0.19470000000000001</v>
      </c>
      <c r="G4845">
        <f t="shared" si="1128"/>
        <v>8.6881400000000006</v>
      </c>
      <c r="H4845" s="235">
        <f t="shared" si="1129"/>
        <v>1.9774082830156974</v>
      </c>
      <c r="I4845" s="236">
        <f t="shared" si="1130"/>
        <v>20.124039714458839</v>
      </c>
      <c r="J4845" s="237">
        <f t="shared" si="1135"/>
        <v>10.124039714458839</v>
      </c>
      <c r="K4845" s="237">
        <f t="shared" si="1131"/>
        <v>964.82696007001459</v>
      </c>
      <c r="L4845" s="237">
        <f t="shared" si="1136"/>
        <v>485.45782834801577</v>
      </c>
      <c r="M4845" s="236">
        <f t="shared" si="1132"/>
        <v>15.909338749798232</v>
      </c>
      <c r="N4845" s="236">
        <f t="shared" si="1133"/>
        <v>2.2244339846356587</v>
      </c>
      <c r="O4845" s="236">
        <f t="shared" si="1137"/>
        <v>2.7570961339600677</v>
      </c>
      <c r="P4845" s="236" t="str">
        <f t="shared" si="1138"/>
        <v>CLAY</v>
      </c>
      <c r="Q4845" s="236">
        <f t="shared" si="1134"/>
        <v>643.60941999416548</v>
      </c>
      <c r="R4845" s="238">
        <v>35</v>
      </c>
      <c r="S4845" s="236">
        <f t="shared" si="1139"/>
        <v>7.9433769097117155</v>
      </c>
      <c r="T4845" s="236" t="e">
        <f t="shared" si="1125"/>
        <v>#N/A</v>
      </c>
    </row>
    <row r="4846" spans="1:20" x14ac:dyDescent="0.2">
      <c r="A4846" s="53">
        <f t="shared" si="1126"/>
        <v>4834</v>
      </c>
      <c r="B4846" s="239">
        <v>47.960999999999999</v>
      </c>
      <c r="C4846" s="3">
        <f t="shared" si="1127"/>
        <v>47.954000000000001</v>
      </c>
      <c r="D4846" s="239">
        <v>8.4105000000000008</v>
      </c>
      <c r="E4846" s="239">
        <v>0.1704</v>
      </c>
      <c r="F4846" s="239">
        <v>0.20910000000000001</v>
      </c>
      <c r="G4846">
        <f t="shared" si="1128"/>
        <v>8.4523200000000003</v>
      </c>
      <c r="H4846" s="235">
        <f t="shared" si="1129"/>
        <v>2.0160145380203303</v>
      </c>
      <c r="I4846" s="236">
        <f t="shared" si="1130"/>
        <v>20.103689286294284</v>
      </c>
      <c r="J4846" s="237">
        <f t="shared" si="1135"/>
        <v>10.103689286294284</v>
      </c>
      <c r="K4846" s="237">
        <f t="shared" si="1131"/>
        <v>964.05231603495611</v>
      </c>
      <c r="L4846" s="237">
        <f t="shared" si="1136"/>
        <v>484.58304185996013</v>
      </c>
      <c r="M4846" s="236">
        <f t="shared" si="1132"/>
        <v>15.453012254046401</v>
      </c>
      <c r="N4846" s="236">
        <f t="shared" si="1133"/>
        <v>2.275559678039889</v>
      </c>
      <c r="O4846" s="236">
        <f t="shared" si="1137"/>
        <v>2.773104451435938</v>
      </c>
      <c r="P4846" s="236" t="str">
        <f t="shared" si="1138"/>
        <v>CLAY</v>
      </c>
      <c r="Q4846" s="236">
        <f t="shared" si="1134"/>
        <v>624.02230699708696</v>
      </c>
      <c r="R4846" s="238">
        <v>35</v>
      </c>
      <c r="S4846" s="236">
        <f t="shared" si="1139"/>
        <v>7.6596062510903336</v>
      </c>
      <c r="T4846" s="236" t="e">
        <f t="shared" si="1125"/>
        <v>#N/A</v>
      </c>
    </row>
    <row r="4847" spans="1:20" x14ac:dyDescent="0.2">
      <c r="A4847" s="53">
        <f t="shared" si="1126"/>
        <v>4835</v>
      </c>
      <c r="B4847" s="239">
        <v>47.970999999999997</v>
      </c>
      <c r="C4847" s="3">
        <f t="shared" si="1127"/>
        <v>47.963999999999999</v>
      </c>
      <c r="D4847" s="239">
        <v>8.0669000000000004</v>
      </c>
      <c r="E4847" s="239">
        <v>0.17199999999999999</v>
      </c>
      <c r="F4847" s="239">
        <v>0.25629999999999997</v>
      </c>
      <c r="G4847">
        <f t="shared" si="1128"/>
        <v>8.1181599999999996</v>
      </c>
      <c r="H4847" s="235">
        <f t="shared" si="1129"/>
        <v>2.1187067020112931</v>
      </c>
      <c r="I4847" s="236">
        <f t="shared" si="1130"/>
        <v>20.098881706911612</v>
      </c>
      <c r="J4847" s="237">
        <f t="shared" si="1135"/>
        <v>10.098881706911612</v>
      </c>
      <c r="K4847" s="237">
        <f t="shared" si="1131"/>
        <v>964.02276219030853</v>
      </c>
      <c r="L4847" s="237">
        <f t="shared" si="1136"/>
        <v>484.45345436225693</v>
      </c>
      <c r="M4847" s="236">
        <f t="shared" si="1132"/>
        <v>14.767439830163919</v>
      </c>
      <c r="N4847" s="236">
        <f t="shared" si="1133"/>
        <v>2.4042032502672464</v>
      </c>
      <c r="O4847" s="236">
        <f t="shared" si="1137"/>
        <v>2.8029101369341989</v>
      </c>
      <c r="P4847" s="236" t="str">
        <f t="shared" si="1138"/>
        <v>CLAY</v>
      </c>
      <c r="Q4847" s="236">
        <f t="shared" si="1134"/>
        <v>596.1781031508076</v>
      </c>
      <c r="R4847" s="238">
        <v>35</v>
      </c>
      <c r="S4847" s="236">
        <f t="shared" si="1139"/>
        <v>7.2372157753762734</v>
      </c>
      <c r="T4847" s="236" t="e">
        <f t="shared" si="1125"/>
        <v>#N/A</v>
      </c>
    </row>
    <row r="4848" spans="1:20" x14ac:dyDescent="0.2">
      <c r="A4848" s="53">
        <f t="shared" si="1126"/>
        <v>4836</v>
      </c>
      <c r="B4848" s="239">
        <v>47.981000000000002</v>
      </c>
      <c r="C4848" s="3">
        <f t="shared" si="1127"/>
        <v>47.974000000000004</v>
      </c>
      <c r="D4848" s="239">
        <v>7.7478999999999996</v>
      </c>
      <c r="E4848" s="239">
        <v>0.16869999999999999</v>
      </c>
      <c r="F4848" s="239">
        <v>0.3251</v>
      </c>
      <c r="G4848">
        <f t="shared" si="1128"/>
        <v>7.8129199999999992</v>
      </c>
      <c r="H4848" s="235">
        <f t="shared" si="1129"/>
        <v>2.1592439190469119</v>
      </c>
      <c r="I4848" s="236">
        <f t="shared" si="1130"/>
        <v>20.061185817029447</v>
      </c>
      <c r="J4848" s="237">
        <f t="shared" si="1135"/>
        <v>10.061185817029447</v>
      </c>
      <c r="K4848" s="237">
        <f t="shared" si="1131"/>
        <v>962.41532838617081</v>
      </c>
      <c r="L4848" s="237">
        <f t="shared" si="1136"/>
        <v>482.74575668688988</v>
      </c>
      <c r="M4848" s="236">
        <f t="shared" si="1132"/>
        <v>14.190709243369037</v>
      </c>
      <c r="N4848" s="236">
        <f t="shared" si="1133"/>
        <v>2.4625922919085896</v>
      </c>
      <c r="O4848" s="236">
        <f t="shared" si="1137"/>
        <v>2.8230640842895336</v>
      </c>
      <c r="P4848" s="236" t="str">
        <f t="shared" si="1138"/>
        <v>CLAY</v>
      </c>
      <c r="Q4848" s="236">
        <f t="shared" si="1134"/>
        <v>570.87538930115238</v>
      </c>
      <c r="R4848" s="238">
        <v>35</v>
      </c>
      <c r="S4848" s="236">
        <f t="shared" si="1139"/>
        <v>6.8856530490971997</v>
      </c>
      <c r="T4848" s="236" t="e">
        <f t="shared" si="1125"/>
        <v>#N/A</v>
      </c>
    </row>
    <row r="4849" spans="1:20" x14ac:dyDescent="0.2">
      <c r="A4849" s="53">
        <f t="shared" si="1126"/>
        <v>4837</v>
      </c>
      <c r="B4849" s="239">
        <v>47.99</v>
      </c>
      <c r="C4849" s="3">
        <f t="shared" si="1127"/>
        <v>47.983000000000004</v>
      </c>
      <c r="D4849" s="239">
        <v>7.6504000000000003</v>
      </c>
      <c r="E4849" s="239">
        <v>0.16309999999999999</v>
      </c>
      <c r="F4849" s="239">
        <v>0.41370000000000001</v>
      </c>
      <c r="G4849">
        <f t="shared" si="1128"/>
        <v>7.7331400000000006</v>
      </c>
      <c r="H4849" s="235">
        <f t="shared" si="1129"/>
        <v>2.1091044517492246</v>
      </c>
      <c r="I4849" s="236">
        <f t="shared" si="1130"/>
        <v>20.01758903459735</v>
      </c>
      <c r="J4849" s="237">
        <f t="shared" si="1135"/>
        <v>10.01758903459735</v>
      </c>
      <c r="K4849" s="237">
        <f t="shared" si="1131"/>
        <v>960.50397464708476</v>
      </c>
      <c r="L4849" s="237">
        <f t="shared" si="1136"/>
        <v>480.74409777032685</v>
      </c>
      <c r="M4849" s="236">
        <f t="shared" si="1132"/>
        <v>14.087819396564926</v>
      </c>
      <c r="N4849" s="236">
        <f t="shared" si="1133"/>
        <v>2.4082203648541856</v>
      </c>
      <c r="O4849" s="236">
        <f t="shared" si="1137"/>
        <v>2.8201413111675442</v>
      </c>
      <c r="P4849" s="236" t="str">
        <f t="shared" si="1138"/>
        <v>CLAY</v>
      </c>
      <c r="Q4849" s="236">
        <f t="shared" si="1134"/>
        <v>564.38633544607626</v>
      </c>
      <c r="R4849" s="238">
        <v>35</v>
      </c>
      <c r="S4849" s="236">
        <f t="shared" si="1139"/>
        <v>6.82330411031419</v>
      </c>
      <c r="T4849" s="236" t="e">
        <f t="shared" si="1125"/>
        <v>#N/A</v>
      </c>
    </row>
    <row r="4850" spans="1:20" x14ac:dyDescent="0.2">
      <c r="A4850" s="53">
        <f t="shared" si="1126"/>
        <v>4838</v>
      </c>
      <c r="B4850" s="239">
        <v>48.000999999999998</v>
      </c>
      <c r="C4850" s="3">
        <f t="shared" si="1127"/>
        <v>47.994</v>
      </c>
      <c r="D4850" s="239">
        <v>7.7119999999999997</v>
      </c>
      <c r="E4850" s="239">
        <v>0.15820000000000001</v>
      </c>
      <c r="F4850" s="239">
        <v>0.4597</v>
      </c>
      <c r="G4850">
        <f t="shared" si="1128"/>
        <v>7.8039399999999999</v>
      </c>
      <c r="H4850" s="235">
        <f t="shared" si="1129"/>
        <v>2.0271811418334842</v>
      </c>
      <c r="I4850" s="236">
        <f t="shared" si="1130"/>
        <v>19.98538307764462</v>
      </c>
      <c r="J4850" s="237">
        <f t="shared" si="1135"/>
        <v>9.9853830776446202</v>
      </c>
      <c r="K4850" s="237">
        <f t="shared" si="1131"/>
        <v>959.17847542847585</v>
      </c>
      <c r="L4850" s="237">
        <f t="shared" si="1136"/>
        <v>479.30837311001937</v>
      </c>
      <c r="M4850" s="236">
        <f t="shared" si="1132"/>
        <v>14.280496458175566</v>
      </c>
      <c r="N4850" s="236">
        <f t="shared" si="1133"/>
        <v>2.3112565636083748</v>
      </c>
      <c r="O4850" s="236">
        <f t="shared" si="1137"/>
        <v>2.8051717497887929</v>
      </c>
      <c r="P4850" s="236" t="str">
        <f t="shared" si="1138"/>
        <v>CLAY</v>
      </c>
      <c r="Q4850" s="236">
        <f t="shared" si="1134"/>
        <v>570.39679371429372</v>
      </c>
      <c r="R4850" s="238">
        <v>35</v>
      </c>
      <c r="S4850" s="236">
        <f t="shared" si="1139"/>
        <v>6.9401545362179169</v>
      </c>
      <c r="T4850" s="236" t="e">
        <f t="shared" si="1125"/>
        <v>#N/A</v>
      </c>
    </row>
    <row r="4851" spans="1:20" x14ac:dyDescent="0.2">
      <c r="A4851" s="53">
        <f t="shared" si="1126"/>
        <v>4839</v>
      </c>
      <c r="B4851" s="239">
        <v>48.01</v>
      </c>
      <c r="C4851" s="3">
        <f t="shared" si="1127"/>
        <v>48.003</v>
      </c>
      <c r="D4851" s="239">
        <v>7.6083999999999996</v>
      </c>
      <c r="E4851" s="239">
        <v>0.17369999999999999</v>
      </c>
      <c r="F4851" s="239">
        <v>0.51519999999999999</v>
      </c>
      <c r="G4851">
        <f t="shared" si="1128"/>
        <v>7.7114399999999996</v>
      </c>
      <c r="H4851" s="235">
        <f t="shared" si="1129"/>
        <v>2.2524975879991289</v>
      </c>
      <c r="I4851" s="236">
        <f t="shared" si="1130"/>
        <v>20.090324499648698</v>
      </c>
      <c r="J4851" s="237">
        <f t="shared" si="1135"/>
        <v>10.090324499648698</v>
      </c>
      <c r="K4851" s="237">
        <f t="shared" si="1131"/>
        <v>964.39584695663643</v>
      </c>
      <c r="L4851" s="237">
        <f t="shared" si="1136"/>
        <v>484.43647922813398</v>
      </c>
      <c r="M4851" s="236">
        <f t="shared" si="1132"/>
        <v>13.927613716856367</v>
      </c>
      <c r="N4851" s="236">
        <f t="shared" si="1133"/>
        <v>2.5744606980473037</v>
      </c>
      <c r="O4851" s="236">
        <f t="shared" si="1137"/>
        <v>2.8407722972405667</v>
      </c>
      <c r="P4851" s="236" t="str">
        <f t="shared" si="1138"/>
        <v>CLAY</v>
      </c>
      <c r="Q4851" s="236">
        <f t="shared" si="1134"/>
        <v>562.25367942028026</v>
      </c>
      <c r="R4851" s="238">
        <v>35</v>
      </c>
      <c r="S4851" s="236">
        <f t="shared" si="1139"/>
        <v>6.7264497174480766</v>
      </c>
      <c r="T4851" s="236" t="e">
        <f t="shared" si="1125"/>
        <v>#N/A</v>
      </c>
    </row>
    <row r="4852" spans="1:20" x14ac:dyDescent="0.2">
      <c r="A4852" s="53">
        <f t="shared" si="1126"/>
        <v>4840</v>
      </c>
      <c r="B4852" s="239">
        <v>48.02</v>
      </c>
      <c r="C4852" s="3">
        <f t="shared" si="1127"/>
        <v>48.013000000000005</v>
      </c>
      <c r="D4852" s="239">
        <v>7.6550000000000002</v>
      </c>
      <c r="E4852" s="239">
        <v>0.19189999999999999</v>
      </c>
      <c r="F4852" s="239">
        <v>0.48720000000000002</v>
      </c>
      <c r="G4852">
        <f t="shared" si="1128"/>
        <v>7.75244</v>
      </c>
      <c r="H4852" s="235">
        <f t="shared" si="1129"/>
        <v>2.4753496963536641</v>
      </c>
      <c r="I4852" s="236">
        <f t="shared" si="1130"/>
        <v>20.209240058498938</v>
      </c>
      <c r="J4852" s="237">
        <f t="shared" si="1135"/>
        <v>10.209240058498938</v>
      </c>
      <c r="K4852" s="237">
        <f t="shared" si="1131"/>
        <v>970.30624292870959</v>
      </c>
      <c r="L4852" s="237">
        <f t="shared" si="1136"/>
        <v>490.24770760911906</v>
      </c>
      <c r="M4852" s="236">
        <f t="shared" si="1132"/>
        <v>13.834095808722832</v>
      </c>
      <c r="N4852" s="236">
        <f t="shared" si="1133"/>
        <v>2.8294930013717039</v>
      </c>
      <c r="O4852" s="236">
        <f t="shared" si="1137"/>
        <v>2.8668937889696124</v>
      </c>
      <c r="P4852" s="236" t="str">
        <f t="shared" si="1138"/>
        <v>CLAY</v>
      </c>
      <c r="Q4852" s="236">
        <f t="shared" si="1134"/>
        <v>565.1778130892742</v>
      </c>
      <c r="R4852" s="238">
        <v>35</v>
      </c>
      <c r="S4852" s="236">
        <f t="shared" si="1139"/>
        <v>6.6700406780735184</v>
      </c>
      <c r="T4852" s="236" t="e">
        <f t="shared" si="1125"/>
        <v>#N/A</v>
      </c>
    </row>
    <row r="4853" spans="1:20" x14ac:dyDescent="0.2">
      <c r="A4853" s="53">
        <f t="shared" si="1126"/>
        <v>4841</v>
      </c>
      <c r="B4853" s="239">
        <v>48.029000000000003</v>
      </c>
      <c r="C4853" s="3">
        <f t="shared" si="1127"/>
        <v>48.022000000000006</v>
      </c>
      <c r="D4853" s="239">
        <v>7.7515000000000001</v>
      </c>
      <c r="E4853" s="239">
        <v>0.19839999999999999</v>
      </c>
      <c r="F4853" s="239">
        <v>0.36580000000000001</v>
      </c>
      <c r="G4853">
        <f t="shared" si="1128"/>
        <v>7.8246599999999997</v>
      </c>
      <c r="H4853" s="235">
        <f t="shared" si="1129"/>
        <v>2.535573430666636</v>
      </c>
      <c r="I4853" s="236">
        <f t="shared" si="1130"/>
        <v>20.25192448544615</v>
      </c>
      <c r="J4853" s="237">
        <f t="shared" si="1135"/>
        <v>10.25192448544615</v>
      </c>
      <c r="K4853" s="237">
        <f t="shared" si="1131"/>
        <v>972.53791764009509</v>
      </c>
      <c r="L4853" s="237">
        <f t="shared" si="1136"/>
        <v>492.38968111149319</v>
      </c>
      <c r="M4853" s="236">
        <f t="shared" si="1132"/>
        <v>13.916055403298266</v>
      </c>
      <c r="N4853" s="236">
        <f t="shared" si="1133"/>
        <v>2.8954533736455268</v>
      </c>
      <c r="O4853" s="236">
        <f t="shared" si="1137"/>
        <v>2.8706615526025128</v>
      </c>
      <c r="P4853" s="236" t="str">
        <f t="shared" si="1138"/>
        <v>CLAY</v>
      </c>
      <c r="Q4853" s="236">
        <f t="shared" si="1134"/>
        <v>571.01017352999213</v>
      </c>
      <c r="R4853" s="238">
        <v>35</v>
      </c>
      <c r="S4853" s="236">
        <f t="shared" si="1139"/>
        <v>6.7194727192878441</v>
      </c>
      <c r="T4853" s="236" t="e">
        <f t="shared" si="1125"/>
        <v>#N/A</v>
      </c>
    </row>
    <row r="4854" spans="1:20" x14ac:dyDescent="0.2">
      <c r="A4854" s="53">
        <f t="shared" si="1126"/>
        <v>4842</v>
      </c>
      <c r="B4854" s="239">
        <v>48.039000000000001</v>
      </c>
      <c r="C4854" s="3">
        <f t="shared" si="1127"/>
        <v>48.032000000000004</v>
      </c>
      <c r="D4854" s="239">
        <v>7.7634999999999996</v>
      </c>
      <c r="E4854" s="239">
        <v>0.2097</v>
      </c>
      <c r="F4854" s="239">
        <v>0.27329999999999999</v>
      </c>
      <c r="G4854">
        <f t="shared" si="1128"/>
        <v>7.8181599999999998</v>
      </c>
      <c r="H4854" s="235">
        <f t="shared" si="1129"/>
        <v>2.6822167875817331</v>
      </c>
      <c r="I4854" s="236">
        <f t="shared" si="1130"/>
        <v>20.31655291532806</v>
      </c>
      <c r="J4854" s="237">
        <f t="shared" si="1135"/>
        <v>10.31655291532806</v>
      </c>
      <c r="K4854" s="237">
        <f t="shared" si="1131"/>
        <v>975.84466962903741</v>
      </c>
      <c r="L4854" s="237">
        <f t="shared" si="1136"/>
        <v>495.59688549944468</v>
      </c>
      <c r="M4854" s="236">
        <f t="shared" si="1132"/>
        <v>13.806211319257027</v>
      </c>
      <c r="N4854" s="236">
        <f t="shared" si="1133"/>
        <v>3.0647520594265116</v>
      </c>
      <c r="O4854" s="236">
        <f t="shared" si="1137"/>
        <v>2.8879643062496774</v>
      </c>
      <c r="P4854" s="236" t="str">
        <f t="shared" si="1138"/>
        <v>CLAY</v>
      </c>
      <c r="Q4854" s="236">
        <f t="shared" si="1134"/>
        <v>570.19294419758023</v>
      </c>
      <c r="R4854" s="238">
        <v>35</v>
      </c>
      <c r="S4854" s="236">
        <f t="shared" si="1139"/>
        <v>6.6532394540549431</v>
      </c>
      <c r="T4854" s="236" t="e">
        <f t="shared" si="1125"/>
        <v>#N/A</v>
      </c>
    </row>
    <row r="4855" spans="1:20" x14ac:dyDescent="0.2">
      <c r="A4855" s="53">
        <f t="shared" si="1126"/>
        <v>4843</v>
      </c>
      <c r="B4855" s="239">
        <v>48.048000000000002</v>
      </c>
      <c r="C4855" s="3">
        <f t="shared" si="1127"/>
        <v>48.041000000000004</v>
      </c>
      <c r="D4855" s="239">
        <v>7.5865</v>
      </c>
      <c r="E4855" s="239">
        <v>0.2205</v>
      </c>
      <c r="F4855" s="239">
        <v>0.24249999999999999</v>
      </c>
      <c r="G4855">
        <f t="shared" si="1128"/>
        <v>7.6349999999999998</v>
      </c>
      <c r="H4855" s="235">
        <f t="shared" si="1129"/>
        <v>2.8880157170923382</v>
      </c>
      <c r="I4855" s="236">
        <f t="shared" si="1130"/>
        <v>20.366174394906096</v>
      </c>
      <c r="J4855" s="237">
        <f t="shared" si="1135"/>
        <v>10.366174394906096</v>
      </c>
      <c r="K4855" s="237">
        <f t="shared" si="1131"/>
        <v>978.41138410568385</v>
      </c>
      <c r="L4855" s="237">
        <f t="shared" si="1136"/>
        <v>498.07394732644815</v>
      </c>
      <c r="M4855" s="236">
        <f t="shared" si="1132"/>
        <v>13.364659307368767</v>
      </c>
      <c r="N4855" s="236">
        <f t="shared" si="1133"/>
        <v>3.3125075428801414</v>
      </c>
      <c r="O4855" s="236">
        <f t="shared" si="1137"/>
        <v>2.9193628338918125</v>
      </c>
      <c r="P4855" s="236" t="str">
        <f t="shared" si="1138"/>
        <v>CLAY</v>
      </c>
      <c r="Q4855" s="236">
        <f t="shared" si="1134"/>
        <v>554.71571799119295</v>
      </c>
      <c r="R4855" s="238">
        <v>35</v>
      </c>
      <c r="S4855" s="236">
        <f t="shared" si="1139"/>
        <v>6.3883304652380364</v>
      </c>
      <c r="T4855" s="236" t="e">
        <f t="shared" si="1125"/>
        <v>#N/A</v>
      </c>
    </row>
    <row r="4856" spans="1:20" x14ac:dyDescent="0.2">
      <c r="A4856" s="53">
        <f t="shared" si="1126"/>
        <v>4844</v>
      </c>
      <c r="B4856" s="239">
        <v>48.058999999999997</v>
      </c>
      <c r="C4856" s="3">
        <f t="shared" si="1127"/>
        <v>48.052</v>
      </c>
      <c r="D4856" s="239">
        <v>7.6055999999999999</v>
      </c>
      <c r="E4856" s="239">
        <v>0.21560000000000001</v>
      </c>
      <c r="F4856" s="239">
        <v>0.1045</v>
      </c>
      <c r="G4856">
        <f t="shared" si="1128"/>
        <v>7.6265000000000001</v>
      </c>
      <c r="H4856" s="235">
        <f t="shared" si="1129"/>
        <v>2.8269848554382744</v>
      </c>
      <c r="I4856" s="236">
        <f t="shared" si="1130"/>
        <v>20.339387444109057</v>
      </c>
      <c r="J4856" s="237">
        <f t="shared" si="1135"/>
        <v>10.339387444109057</v>
      </c>
      <c r="K4856" s="237">
        <f t="shared" si="1131"/>
        <v>977.34824546432844</v>
      </c>
      <c r="L4856" s="237">
        <f t="shared" si="1136"/>
        <v>496.90062117643714</v>
      </c>
      <c r="M4856" s="236">
        <f t="shared" si="1132"/>
        <v>13.38125063879669</v>
      </c>
      <c r="N4856" s="236">
        <f t="shared" si="1133"/>
        <v>3.2425188649504055</v>
      </c>
      <c r="O4856" s="236">
        <f t="shared" si="1137"/>
        <v>2.9134107092038346</v>
      </c>
      <c r="P4856" s="236" t="str">
        <f t="shared" si="1138"/>
        <v>CLAY</v>
      </c>
      <c r="Q4856" s="236">
        <f t="shared" si="1134"/>
        <v>554.09597954463936</v>
      </c>
      <c r="R4856" s="238">
        <v>35</v>
      </c>
      <c r="S4856" s="236">
        <f t="shared" si="1139"/>
        <v>6.3982453598173388</v>
      </c>
      <c r="T4856" s="236" t="e">
        <f t="shared" si="1125"/>
        <v>#N/A</v>
      </c>
    </row>
    <row r="4857" spans="1:20" x14ac:dyDescent="0.2">
      <c r="A4857" s="53">
        <f t="shared" si="1126"/>
        <v>4845</v>
      </c>
      <c r="B4857" s="239">
        <v>48.067999999999998</v>
      </c>
      <c r="C4857" s="3">
        <f t="shared" si="1127"/>
        <v>48.061</v>
      </c>
      <c r="D4857" s="239">
        <v>7.5324</v>
      </c>
      <c r="E4857" s="239">
        <v>0.21029999999999999</v>
      </c>
      <c r="F4857" s="239">
        <v>0.12759999999999999</v>
      </c>
      <c r="G4857">
        <f t="shared" si="1128"/>
        <v>7.5579200000000002</v>
      </c>
      <c r="H4857" s="235">
        <f t="shared" si="1129"/>
        <v>2.7825115904905049</v>
      </c>
      <c r="I4857" s="236">
        <f t="shared" si="1130"/>
        <v>20.306671152204125</v>
      </c>
      <c r="J4857" s="237">
        <f t="shared" si="1135"/>
        <v>10.306671152204125</v>
      </c>
      <c r="K4857" s="237">
        <f t="shared" si="1131"/>
        <v>975.95892224608247</v>
      </c>
      <c r="L4857" s="237">
        <f t="shared" si="1136"/>
        <v>495.42106894414786</v>
      </c>
      <c r="M4857" s="236">
        <f t="shared" si="1132"/>
        <v>13.285589754552699</v>
      </c>
      <c r="N4857" s="236">
        <f t="shared" si="1133"/>
        <v>3.1950963780503621</v>
      </c>
      <c r="O4857" s="236">
        <f t="shared" si="1137"/>
        <v>2.9121240411432519</v>
      </c>
      <c r="P4857" s="236" t="str">
        <f t="shared" si="1138"/>
        <v>CLAY</v>
      </c>
      <c r="Q4857" s="236">
        <f t="shared" si="1134"/>
        <v>548.49675647949311</v>
      </c>
      <c r="R4857" s="238">
        <v>35</v>
      </c>
      <c r="S4857" s="236">
        <f t="shared" si="1139"/>
        <v>6.3411212257854412</v>
      </c>
      <c r="T4857" s="236" t="e">
        <f t="shared" si="1125"/>
        <v>#N/A</v>
      </c>
    </row>
    <row r="4858" spans="1:20" x14ac:dyDescent="0.2">
      <c r="A4858" s="53">
        <f t="shared" si="1126"/>
        <v>4846</v>
      </c>
      <c r="B4858" s="239">
        <v>48.078000000000003</v>
      </c>
      <c r="C4858" s="3">
        <f t="shared" si="1127"/>
        <v>48.071000000000005</v>
      </c>
      <c r="D4858" s="239">
        <v>7.4649999999999999</v>
      </c>
      <c r="E4858" s="239">
        <v>0.20169999999999999</v>
      </c>
      <c r="F4858" s="239">
        <v>0.1908</v>
      </c>
      <c r="G4858">
        <f t="shared" si="1128"/>
        <v>7.5031600000000003</v>
      </c>
      <c r="H4858" s="235">
        <f t="shared" si="1129"/>
        <v>2.6882007047697236</v>
      </c>
      <c r="I4858" s="236">
        <f t="shared" si="1130"/>
        <v>20.254868766393237</v>
      </c>
      <c r="J4858" s="237">
        <f t="shared" si="1135"/>
        <v>10.254868766393237</v>
      </c>
      <c r="K4858" s="237">
        <f t="shared" si="1131"/>
        <v>973.67179646928935</v>
      </c>
      <c r="L4858" s="237">
        <f t="shared" si="1136"/>
        <v>493.03358055065405</v>
      </c>
      <c r="M4858" s="236">
        <f t="shared" si="1132"/>
        <v>13.243495901918337</v>
      </c>
      <c r="N4858" s="236">
        <f t="shared" si="1133"/>
        <v>3.0890629359117932</v>
      </c>
      <c r="O4858" s="236">
        <f t="shared" si="1137"/>
        <v>2.9045824369818716</v>
      </c>
      <c r="P4858" s="236" t="str">
        <f t="shared" si="1138"/>
        <v>CLAY</v>
      </c>
      <c r="Q4858" s="236">
        <f t="shared" si="1134"/>
        <v>544.12401696089262</v>
      </c>
      <c r="R4858" s="238">
        <v>35</v>
      </c>
      <c r="S4858" s="236">
        <f t="shared" si="1139"/>
        <v>6.3160172946207975</v>
      </c>
      <c r="T4858" s="236" t="e">
        <f t="shared" si="1125"/>
        <v>#N/A</v>
      </c>
    </row>
    <row r="4859" spans="1:20" x14ac:dyDescent="0.2">
      <c r="A4859" s="53">
        <f t="shared" si="1126"/>
        <v>4847</v>
      </c>
      <c r="B4859" s="239">
        <v>48.088000000000001</v>
      </c>
      <c r="C4859" s="3">
        <f t="shared" si="1127"/>
        <v>48.081000000000003</v>
      </c>
      <c r="D4859" s="239">
        <v>7.4497999999999998</v>
      </c>
      <c r="E4859" s="239">
        <v>0.19570000000000001</v>
      </c>
      <c r="F4859" s="239">
        <v>0.19989999999999999</v>
      </c>
      <c r="G4859">
        <f t="shared" si="1128"/>
        <v>7.4897799999999997</v>
      </c>
      <c r="H4859" s="235">
        <f t="shared" si="1129"/>
        <v>2.6128938366680998</v>
      </c>
      <c r="I4859" s="236">
        <f t="shared" si="1130"/>
        <v>20.218760438738101</v>
      </c>
      <c r="J4859" s="237">
        <f t="shared" si="1135"/>
        <v>10.218760438738101</v>
      </c>
      <c r="K4859" s="237">
        <f t="shared" si="1131"/>
        <v>972.13822065496674</v>
      </c>
      <c r="L4859" s="237">
        <f t="shared" si="1136"/>
        <v>491.39975197803784</v>
      </c>
      <c r="M4859" s="236">
        <f t="shared" si="1132"/>
        <v>13.263420978764202</v>
      </c>
      <c r="N4859" s="236">
        <f t="shared" si="1133"/>
        <v>3.0026197607268039</v>
      </c>
      <c r="O4859" s="236">
        <f t="shared" si="1137"/>
        <v>2.8968143443869039</v>
      </c>
      <c r="P4859" s="236" t="str">
        <f t="shared" si="1138"/>
        <v>CLAY</v>
      </c>
      <c r="Q4859" s="236">
        <f t="shared" si="1134"/>
        <v>543.13681494541936</v>
      </c>
      <c r="R4859" s="238">
        <v>35</v>
      </c>
      <c r="S4859" s="236">
        <f t="shared" si="1139"/>
        <v>6.3278977291185026</v>
      </c>
      <c r="T4859" s="236" t="e">
        <f t="shared" si="1125"/>
        <v>#N/A</v>
      </c>
    </row>
    <row r="4860" spans="1:20" x14ac:dyDescent="0.2">
      <c r="A4860" s="53">
        <f t="shared" si="1126"/>
        <v>4848</v>
      </c>
      <c r="B4860" s="239">
        <v>48.097000000000001</v>
      </c>
      <c r="C4860" s="3">
        <f t="shared" si="1127"/>
        <v>48.09</v>
      </c>
      <c r="D4860" s="239">
        <v>7.4622999999999999</v>
      </c>
      <c r="E4860" s="239">
        <v>0.19620000000000001</v>
      </c>
      <c r="F4860" s="239">
        <v>0.26100000000000001</v>
      </c>
      <c r="G4860">
        <f t="shared" si="1128"/>
        <v>7.5145</v>
      </c>
      <c r="H4860" s="235">
        <f t="shared" si="1129"/>
        <v>2.6109521591589595</v>
      </c>
      <c r="I4860" s="236">
        <f t="shared" si="1130"/>
        <v>20.223040442508967</v>
      </c>
      <c r="J4860" s="237">
        <f t="shared" si="1135"/>
        <v>10.223040442508967</v>
      </c>
      <c r="K4860" s="237">
        <f t="shared" si="1131"/>
        <v>972.5260148802563</v>
      </c>
      <c r="L4860" s="237">
        <f t="shared" si="1136"/>
        <v>491.6975761633538</v>
      </c>
      <c r="M4860" s="236">
        <f t="shared" si="1132"/>
        <v>13.30487336579089</v>
      </c>
      <c r="N4860" s="236">
        <f t="shared" si="1133"/>
        <v>2.9990947754649131</v>
      </c>
      <c r="O4860" s="236">
        <f t="shared" si="1137"/>
        <v>2.8954172909686888</v>
      </c>
      <c r="P4860" s="236" t="str">
        <f t="shared" si="1138"/>
        <v>CLAY</v>
      </c>
      <c r="Q4860" s="236">
        <f t="shared" si="1134"/>
        <v>545.16449875997864</v>
      </c>
      <c r="R4860" s="238">
        <v>35</v>
      </c>
      <c r="S4860" s="236">
        <f t="shared" si="1139"/>
        <v>6.3526282322852161</v>
      </c>
      <c r="T4860" s="236" t="e">
        <f t="shared" si="1125"/>
        <v>#N/A</v>
      </c>
    </row>
    <row r="4861" spans="1:20" x14ac:dyDescent="0.2">
      <c r="A4861" s="53">
        <f t="shared" si="1126"/>
        <v>4849</v>
      </c>
      <c r="B4861" s="239">
        <v>48.107999999999997</v>
      </c>
      <c r="C4861" s="3">
        <f t="shared" si="1127"/>
        <v>48.100999999999999</v>
      </c>
      <c r="D4861" s="239">
        <v>7.2801999999999998</v>
      </c>
      <c r="E4861" s="239">
        <v>0.2104</v>
      </c>
      <c r="F4861" s="239">
        <v>0.40799999999999997</v>
      </c>
      <c r="G4861">
        <f t="shared" si="1128"/>
        <v>7.3617999999999997</v>
      </c>
      <c r="H4861" s="235">
        <f t="shared" si="1129"/>
        <v>2.8579966855931977</v>
      </c>
      <c r="I4861" s="236">
        <f t="shared" si="1130"/>
        <v>20.296952153391437</v>
      </c>
      <c r="J4861" s="237">
        <f t="shared" si="1135"/>
        <v>10.296952153391437</v>
      </c>
      <c r="K4861" s="237">
        <f t="shared" si="1131"/>
        <v>976.30369553028152</v>
      </c>
      <c r="L4861" s="237">
        <f t="shared" si="1136"/>
        <v>495.36577419535524</v>
      </c>
      <c r="M4861" s="236">
        <f t="shared" si="1132"/>
        <v>12.89046728115596</v>
      </c>
      <c r="N4861" s="236">
        <f t="shared" si="1133"/>
        <v>3.2949670623522915</v>
      </c>
      <c r="O4861" s="236">
        <f t="shared" si="1137"/>
        <v>2.9306071658874884</v>
      </c>
      <c r="P4861" s="236" t="str">
        <f t="shared" si="1138"/>
        <v>CLAY</v>
      </c>
      <c r="Q4861" s="236">
        <f t="shared" si="1134"/>
        <v>532.12469203914316</v>
      </c>
      <c r="R4861" s="238">
        <v>35</v>
      </c>
      <c r="S4861" s="236">
        <f t="shared" si="1139"/>
        <v>6.1062676272294354</v>
      </c>
      <c r="T4861" s="236" t="e">
        <f t="shared" si="1125"/>
        <v>#N/A</v>
      </c>
    </row>
    <row r="4862" spans="1:20" x14ac:dyDescent="0.2">
      <c r="A4862" s="53">
        <f t="shared" si="1126"/>
        <v>4850</v>
      </c>
      <c r="B4862" s="239">
        <v>48.116999999999997</v>
      </c>
      <c r="C4862" s="3">
        <f t="shared" si="1127"/>
        <v>48.11</v>
      </c>
      <c r="D4862" s="239">
        <v>7.024</v>
      </c>
      <c r="E4862" s="239">
        <v>0.22389999999999999</v>
      </c>
      <c r="F4862" s="239">
        <v>0.53620000000000001</v>
      </c>
      <c r="G4862">
        <f t="shared" si="1128"/>
        <v>7.13124</v>
      </c>
      <c r="H4862" s="235">
        <f t="shared" si="1129"/>
        <v>3.1397064185190797</v>
      </c>
      <c r="I4862" s="236">
        <f t="shared" si="1130"/>
        <v>20.357437654529832</v>
      </c>
      <c r="J4862" s="237">
        <f t="shared" si="1135"/>
        <v>10.357437654529832</v>
      </c>
      <c r="K4862" s="237">
        <f t="shared" si="1131"/>
        <v>979.39632555943024</v>
      </c>
      <c r="L4862" s="237">
        <f t="shared" si="1136"/>
        <v>498.3688276230119</v>
      </c>
      <c r="M4862" s="236">
        <f t="shared" si="1132"/>
        <v>12.343957594181823</v>
      </c>
      <c r="N4862" s="236">
        <f t="shared" si="1133"/>
        <v>3.6395593231708832</v>
      </c>
      <c r="O4862" s="236">
        <f t="shared" si="1137"/>
        <v>2.9714666257671403</v>
      </c>
      <c r="P4862" s="236" t="str">
        <f t="shared" si="1138"/>
        <v>CLAY</v>
      </c>
      <c r="Q4862" s="236">
        <f t="shared" si="1134"/>
        <v>512.65363953671419</v>
      </c>
      <c r="R4862" s="238">
        <v>35</v>
      </c>
      <c r="S4862" s="236">
        <f t="shared" si="1139"/>
        <v>5.7843962387946721</v>
      </c>
      <c r="T4862" s="236" t="e">
        <f t="shared" si="1125"/>
        <v>#N/A</v>
      </c>
    </row>
    <row r="4863" spans="1:20" x14ac:dyDescent="0.2">
      <c r="A4863" s="53">
        <f t="shared" si="1126"/>
        <v>4851</v>
      </c>
      <c r="B4863" s="239">
        <v>48.125999999999998</v>
      </c>
      <c r="C4863" s="3">
        <f t="shared" si="1127"/>
        <v>48.119</v>
      </c>
      <c r="D4863" s="239">
        <v>6.6215000000000002</v>
      </c>
      <c r="E4863" s="239">
        <v>0.23069999999999999</v>
      </c>
      <c r="F4863" s="239">
        <v>0.49580000000000002</v>
      </c>
      <c r="G4863">
        <f t="shared" si="1128"/>
        <v>6.7206600000000005</v>
      </c>
      <c r="H4863" s="235">
        <f t="shared" si="1129"/>
        <v>3.4326985742471718</v>
      </c>
      <c r="I4863" s="236">
        <f t="shared" si="1130"/>
        <v>20.369342291982949</v>
      </c>
      <c r="J4863" s="237">
        <f t="shared" si="1135"/>
        <v>10.369342291982949</v>
      </c>
      <c r="K4863" s="237">
        <f t="shared" si="1131"/>
        <v>980.15238174792751</v>
      </c>
      <c r="L4863" s="237">
        <f t="shared" si="1136"/>
        <v>499.03496714397141</v>
      </c>
      <c r="M4863" s="236">
        <f t="shared" si="1132"/>
        <v>11.503217201603308</v>
      </c>
      <c r="N4863" s="236">
        <f t="shared" si="1133"/>
        <v>4.0188083588023495</v>
      </c>
      <c r="O4863" s="236">
        <f t="shared" si="1137"/>
        <v>3.0218342933948916</v>
      </c>
      <c r="P4863" s="236" t="str">
        <f t="shared" si="1138"/>
        <v>CLAY</v>
      </c>
      <c r="Q4863" s="236">
        <f t="shared" si="1134"/>
        <v>478.37563485433947</v>
      </c>
      <c r="R4863" s="238">
        <v>35</v>
      </c>
      <c r="S4863" s="236">
        <f t="shared" si="1139"/>
        <v>5.2961973399323616</v>
      </c>
      <c r="T4863" s="236" t="e">
        <f t="shared" si="1125"/>
        <v>#N/A</v>
      </c>
    </row>
    <row r="4864" spans="1:20" x14ac:dyDescent="0.2">
      <c r="A4864" s="53">
        <f t="shared" si="1126"/>
        <v>4852</v>
      </c>
      <c r="B4864" s="239">
        <v>48.137</v>
      </c>
      <c r="C4864" s="3">
        <f t="shared" si="1127"/>
        <v>48.13</v>
      </c>
      <c r="D4864" s="239">
        <v>6.5090000000000003</v>
      </c>
      <c r="E4864" s="239">
        <v>0.2114</v>
      </c>
      <c r="F4864" s="239">
        <v>0.32640000000000002</v>
      </c>
      <c r="G4864">
        <f t="shared" si="1128"/>
        <v>6.5742799999999999</v>
      </c>
      <c r="H4864" s="235">
        <f t="shared" si="1129"/>
        <v>3.2155612477716193</v>
      </c>
      <c r="I4864" s="236">
        <f t="shared" si="1130"/>
        <v>20.258289885556742</v>
      </c>
      <c r="J4864" s="237">
        <f t="shared" si="1135"/>
        <v>10.258289885556742</v>
      </c>
      <c r="K4864" s="237">
        <f t="shared" si="1131"/>
        <v>975.03149219184604</v>
      </c>
      <c r="L4864" s="237">
        <f t="shared" si="1136"/>
        <v>493.80330022104488</v>
      </c>
      <c r="M4864" s="236">
        <f t="shared" si="1132"/>
        <v>11.339026096629407</v>
      </c>
      <c r="N4864" s="236">
        <f t="shared" si="1133"/>
        <v>3.775506654244809</v>
      </c>
      <c r="O4864" s="236">
        <f t="shared" si="1137"/>
        <v>3.0105471757670772</v>
      </c>
      <c r="P4864" s="236" t="str">
        <f t="shared" si="1138"/>
        <v>CLAY</v>
      </c>
      <c r="Q4864" s="236">
        <f t="shared" si="1134"/>
        <v>466.60404231734611</v>
      </c>
      <c r="R4864" s="238">
        <v>35</v>
      </c>
      <c r="S4864" s="236">
        <f t="shared" si="1139"/>
        <v>5.2018724872972362</v>
      </c>
      <c r="T4864" s="236" t="e">
        <f t="shared" si="1125"/>
        <v>#N/A</v>
      </c>
    </row>
    <row r="4865" spans="1:20" x14ac:dyDescent="0.2">
      <c r="A4865" s="53">
        <f t="shared" si="1126"/>
        <v>4853</v>
      </c>
      <c r="B4865" s="239">
        <v>48.146000000000001</v>
      </c>
      <c r="C4865" s="3">
        <f t="shared" si="1127"/>
        <v>48.139000000000003</v>
      </c>
      <c r="D4865" s="239">
        <v>6.3749000000000002</v>
      </c>
      <c r="E4865" s="239">
        <v>0.19850000000000001</v>
      </c>
      <c r="F4865" s="239">
        <v>0.31569999999999998</v>
      </c>
      <c r="G4865">
        <f t="shared" si="1128"/>
        <v>6.43804</v>
      </c>
      <c r="H4865" s="235">
        <f t="shared" si="1129"/>
        <v>3.0832365129759993</v>
      </c>
      <c r="I4865" s="236">
        <f t="shared" si="1130"/>
        <v>20.176274737944556</v>
      </c>
      <c r="J4865" s="237">
        <f t="shared" si="1135"/>
        <v>10.176274737944556</v>
      </c>
      <c r="K4865" s="237">
        <f t="shared" si="1131"/>
        <v>971.26568960991301</v>
      </c>
      <c r="L4865" s="237">
        <f t="shared" si="1136"/>
        <v>489.94692353307863</v>
      </c>
      <c r="M4865" s="236">
        <f t="shared" si="1132"/>
        <v>11.157890881257874</v>
      </c>
      <c r="N4865" s="236">
        <f t="shared" si="1133"/>
        <v>3.6310260627136786</v>
      </c>
      <c r="O4865" s="236">
        <f t="shared" si="1137"/>
        <v>3.0060959696527605</v>
      </c>
      <c r="P4865" s="236" t="str">
        <f t="shared" si="1138"/>
        <v>CLAY</v>
      </c>
      <c r="Q4865" s="236">
        <f t="shared" si="1134"/>
        <v>455.56452586584055</v>
      </c>
      <c r="R4865" s="238">
        <v>35</v>
      </c>
      <c r="S4865" s="236">
        <f t="shared" si="1139"/>
        <v>5.0982091261534004</v>
      </c>
      <c r="T4865" s="236" t="e">
        <f t="shared" si="1125"/>
        <v>#N/A</v>
      </c>
    </row>
    <row r="4866" spans="1:20" x14ac:dyDescent="0.2">
      <c r="A4866" s="53">
        <f t="shared" si="1126"/>
        <v>4854</v>
      </c>
      <c r="B4866" s="239">
        <v>48.156999999999996</v>
      </c>
      <c r="C4866" s="3">
        <f t="shared" si="1127"/>
        <v>48.15</v>
      </c>
      <c r="D4866" s="239">
        <v>6.3026</v>
      </c>
      <c r="E4866" s="239">
        <v>0.19670000000000001</v>
      </c>
      <c r="F4866" s="239">
        <v>0.34100000000000003</v>
      </c>
      <c r="G4866">
        <f t="shared" si="1128"/>
        <v>6.3708</v>
      </c>
      <c r="H4866" s="235">
        <f t="shared" si="1129"/>
        <v>3.0875243297545052</v>
      </c>
      <c r="I4866" s="236">
        <f t="shared" si="1130"/>
        <v>20.161489400414602</v>
      </c>
      <c r="J4866" s="237">
        <f t="shared" si="1135"/>
        <v>10.161489400414602</v>
      </c>
      <c r="K4866" s="237">
        <f t="shared" si="1131"/>
        <v>970.77571462996309</v>
      </c>
      <c r="L4866" s="237">
        <f t="shared" si="1136"/>
        <v>489.34684505576598</v>
      </c>
      <c r="M4866" s="236">
        <f t="shared" si="1132"/>
        <v>11.03516726414094</v>
      </c>
      <c r="N4866" s="236">
        <f t="shared" si="1133"/>
        <v>3.642576210868302</v>
      </c>
      <c r="O4866" s="236">
        <f t="shared" si="1137"/>
        <v>3.0107837745550028</v>
      </c>
      <c r="P4866" s="236" t="str">
        <f t="shared" si="1138"/>
        <v>CLAY</v>
      </c>
      <c r="Q4866" s="236">
        <f t="shared" si="1134"/>
        <v>450.00202378083645</v>
      </c>
      <c r="R4866" s="238">
        <v>35</v>
      </c>
      <c r="S4866" s="236">
        <f t="shared" si="1139"/>
        <v>5.0282129133940296</v>
      </c>
      <c r="T4866" s="236" t="e">
        <f t="shared" si="1125"/>
        <v>#N/A</v>
      </c>
    </row>
    <row r="4867" spans="1:20" x14ac:dyDescent="0.2">
      <c r="A4867" s="53">
        <f t="shared" si="1126"/>
        <v>4855</v>
      </c>
      <c r="B4867" s="239">
        <v>48.165999999999997</v>
      </c>
      <c r="C4867" s="3">
        <f t="shared" si="1127"/>
        <v>48.158999999999999</v>
      </c>
      <c r="D4867" s="239">
        <v>6.2535999999999996</v>
      </c>
      <c r="E4867" s="239">
        <v>0.19109999999999999</v>
      </c>
      <c r="F4867" s="239">
        <v>0.42080000000000001</v>
      </c>
      <c r="G4867">
        <f t="shared" si="1128"/>
        <v>6.3377599999999994</v>
      </c>
      <c r="H4867" s="235">
        <f t="shared" si="1129"/>
        <v>3.0152609123728262</v>
      </c>
      <c r="I4867" s="236">
        <f t="shared" si="1130"/>
        <v>20.12558911969791</v>
      </c>
      <c r="J4867" s="237">
        <f t="shared" si="1135"/>
        <v>10.12558911969791</v>
      </c>
      <c r="K4867" s="237">
        <f t="shared" si="1131"/>
        <v>969.22824641553166</v>
      </c>
      <c r="L4867" s="237">
        <f t="shared" si="1136"/>
        <v>487.7091255393695</v>
      </c>
      <c r="M4867" s="236">
        <f t="shared" si="1132"/>
        <v>11.007650815734229</v>
      </c>
      <c r="N4867" s="236">
        <f t="shared" si="1133"/>
        <v>3.5596324800054711</v>
      </c>
      <c r="O4867" s="236">
        <f t="shared" si="1137"/>
        <v>3.0057516769939507</v>
      </c>
      <c r="P4867" s="236" t="str">
        <f t="shared" si="1138"/>
        <v>CLAY</v>
      </c>
      <c r="Q4867" s="236">
        <f t="shared" si="1134"/>
        <v>447.37764613203899</v>
      </c>
      <c r="R4867" s="238">
        <v>35</v>
      </c>
      <c r="S4867" s="236">
        <f t="shared" si="1139"/>
        <v>5.0125453428504443</v>
      </c>
      <c r="T4867" s="236" t="e">
        <f t="shared" si="1125"/>
        <v>#N/A</v>
      </c>
    </row>
    <row r="4868" spans="1:20" x14ac:dyDescent="0.2">
      <c r="A4868" s="53">
        <f t="shared" si="1126"/>
        <v>4856</v>
      </c>
      <c r="B4868" s="239">
        <v>48.174999999999997</v>
      </c>
      <c r="C4868" s="3">
        <f t="shared" si="1127"/>
        <v>48.167999999999999</v>
      </c>
      <c r="D4868" s="239">
        <v>6.1677999999999997</v>
      </c>
      <c r="E4868" s="239">
        <v>0.20050000000000001</v>
      </c>
      <c r="F4868" s="239">
        <v>0.43390000000000001</v>
      </c>
      <c r="G4868">
        <f t="shared" si="1128"/>
        <v>6.2545799999999998</v>
      </c>
      <c r="H4868" s="235">
        <f t="shared" si="1129"/>
        <v>3.2056508990211974</v>
      </c>
      <c r="I4868" s="236">
        <f t="shared" si="1130"/>
        <v>20.176730208775396</v>
      </c>
      <c r="J4868" s="237">
        <f t="shared" si="1135"/>
        <v>10.176730208775396</v>
      </c>
      <c r="K4868" s="237">
        <f t="shared" si="1131"/>
        <v>971.87274069629325</v>
      </c>
      <c r="L4868" s="237">
        <f t="shared" si="1136"/>
        <v>490.26397780775466</v>
      </c>
      <c r="M4868" s="236">
        <f t="shared" si="1132"/>
        <v>10.77523028089001</v>
      </c>
      <c r="N4868" s="236">
        <f t="shared" si="1133"/>
        <v>3.7954024358795744</v>
      </c>
      <c r="O4868" s="236">
        <f t="shared" si="1137"/>
        <v>3.0297018037291807</v>
      </c>
      <c r="P4868" s="236" t="str">
        <f t="shared" si="1138"/>
        <v>CLAY</v>
      </c>
      <c r="Q4868" s="236">
        <f t="shared" si="1134"/>
        <v>440.22560494197552</v>
      </c>
      <c r="R4868" s="238">
        <v>35</v>
      </c>
      <c r="S4868" s="236">
        <f t="shared" si="1139"/>
        <v>4.8805999276472081</v>
      </c>
      <c r="T4868" s="236" t="e">
        <f t="shared" si="1125"/>
        <v>#N/A</v>
      </c>
    </row>
    <row r="4869" spans="1:20" x14ac:dyDescent="0.2">
      <c r="A4869" s="53">
        <f t="shared" si="1126"/>
        <v>4857</v>
      </c>
      <c r="B4869" s="239">
        <v>48.185000000000002</v>
      </c>
      <c r="C4869" s="3">
        <f t="shared" si="1127"/>
        <v>48.178000000000004</v>
      </c>
      <c r="D4869" s="239">
        <v>6.2333999999999996</v>
      </c>
      <c r="E4869" s="239">
        <v>0.21560000000000001</v>
      </c>
      <c r="F4869" s="239">
        <v>0.46329999999999999</v>
      </c>
      <c r="G4869">
        <f t="shared" si="1128"/>
        <v>6.32606</v>
      </c>
      <c r="H4869" s="235">
        <f t="shared" si="1129"/>
        <v>3.4081244882280601</v>
      </c>
      <c r="I4869" s="236">
        <f t="shared" si="1130"/>
        <v>20.266314673000807</v>
      </c>
      <c r="J4869" s="237">
        <f t="shared" si="1135"/>
        <v>10.266314673000807</v>
      </c>
      <c r="K4869" s="237">
        <f t="shared" si="1131"/>
        <v>976.3905083158329</v>
      </c>
      <c r="L4869" s="237">
        <f t="shared" si="1136"/>
        <v>494.6823725185439</v>
      </c>
      <c r="M4869" s="236">
        <f t="shared" si="1132"/>
        <v>10.814352378168939</v>
      </c>
      <c r="N4869" s="236">
        <f t="shared" si="1133"/>
        <v>4.0301555140021446</v>
      </c>
      <c r="O4869" s="236">
        <f t="shared" si="1137"/>
        <v>3.0439929655135298</v>
      </c>
      <c r="P4869" s="236" t="str">
        <f t="shared" si="1138"/>
        <v>CLAY</v>
      </c>
      <c r="Q4869" s="236">
        <f t="shared" si="1134"/>
        <v>445.80579097368064</v>
      </c>
      <c r="R4869" s="238">
        <v>35</v>
      </c>
      <c r="S4869" s="236">
        <f t="shared" si="1139"/>
        <v>4.9027602293405597</v>
      </c>
      <c r="T4869" s="236" t="e">
        <f t="shared" si="1125"/>
        <v>#N/A</v>
      </c>
    </row>
    <row r="4870" spans="1:20" x14ac:dyDescent="0.2">
      <c r="A4870" s="53">
        <f t="shared" si="1126"/>
        <v>4858</v>
      </c>
      <c r="B4870" s="239">
        <v>48.194000000000003</v>
      </c>
      <c r="C4870" s="3">
        <f t="shared" si="1127"/>
        <v>48.187000000000005</v>
      </c>
      <c r="D4870" s="239">
        <v>6.4653999999999998</v>
      </c>
      <c r="E4870" s="239">
        <v>0.21959999999999999</v>
      </c>
      <c r="F4870" s="239">
        <v>0.65339999999999998</v>
      </c>
      <c r="G4870">
        <f t="shared" si="1128"/>
        <v>6.5960799999999997</v>
      </c>
      <c r="H4870" s="235">
        <f t="shared" si="1129"/>
        <v>3.3292501000594292</v>
      </c>
      <c r="I4870" s="236">
        <f t="shared" si="1130"/>
        <v>20.304207683860813</v>
      </c>
      <c r="J4870" s="237">
        <f t="shared" si="1135"/>
        <v>10.304207683860813</v>
      </c>
      <c r="K4870" s="237">
        <f t="shared" si="1131"/>
        <v>978.39885566220107</v>
      </c>
      <c r="L4870" s="237">
        <f t="shared" si="1136"/>
        <v>496.60098511598807</v>
      </c>
      <c r="M4870" s="236">
        <f t="shared" si="1132"/>
        <v>11.312263391957854</v>
      </c>
      <c r="N4870" s="236">
        <f t="shared" si="1133"/>
        <v>3.9090862289565917</v>
      </c>
      <c r="O4870" s="236">
        <f t="shared" si="1137"/>
        <v>3.0204055507246164</v>
      </c>
      <c r="P4870" s="236" t="str">
        <f t="shared" si="1138"/>
        <v>CLAY</v>
      </c>
      <c r="Q4870" s="236">
        <f t="shared" si="1134"/>
        <v>468.14009536148325</v>
      </c>
      <c r="R4870" s="238">
        <v>35</v>
      </c>
      <c r="S4870" s="236">
        <f t="shared" si="1139"/>
        <v>5.1865300012116782</v>
      </c>
      <c r="T4870" s="236" t="e">
        <f t="shared" si="1125"/>
        <v>#N/A</v>
      </c>
    </row>
    <row r="4871" spans="1:20" x14ac:dyDescent="0.2">
      <c r="A4871" s="53">
        <f t="shared" si="1126"/>
        <v>4859</v>
      </c>
      <c r="B4871" s="239">
        <v>48.204999999999998</v>
      </c>
      <c r="C4871" s="3">
        <f t="shared" si="1127"/>
        <v>48.198</v>
      </c>
      <c r="D4871" s="239">
        <v>6.8090000000000002</v>
      </c>
      <c r="E4871" s="239">
        <v>0.23039999999999999</v>
      </c>
      <c r="F4871" s="239">
        <v>0.73950000000000005</v>
      </c>
      <c r="G4871">
        <f t="shared" si="1128"/>
        <v>6.9569000000000001</v>
      </c>
      <c r="H4871" s="235">
        <f t="shared" si="1129"/>
        <v>3.3118199197918612</v>
      </c>
      <c r="I4871" s="236">
        <f t="shared" si="1130"/>
        <v>20.381319920893564</v>
      </c>
      <c r="J4871" s="237">
        <f t="shared" si="1135"/>
        <v>10.381319920893564</v>
      </c>
      <c r="K4871" s="237">
        <f t="shared" si="1131"/>
        <v>982.33885754722803</v>
      </c>
      <c r="L4871" s="237">
        <f t="shared" si="1136"/>
        <v>500.43152678667423</v>
      </c>
      <c r="M4871" s="236">
        <f t="shared" si="1132"/>
        <v>11.93881844498504</v>
      </c>
      <c r="N4871" s="236">
        <f t="shared" si="1133"/>
        <v>3.8563501905248314</v>
      </c>
      <c r="O4871" s="236">
        <f t="shared" si="1137"/>
        <v>2.9981506654045926</v>
      </c>
      <c r="P4871" s="236" t="str">
        <f t="shared" si="1138"/>
        <v>CLAY</v>
      </c>
      <c r="Q4871" s="236">
        <f t="shared" si="1134"/>
        <v>497.88009520439761</v>
      </c>
      <c r="R4871" s="238">
        <v>35</v>
      </c>
      <c r="S4871" s="236">
        <f t="shared" si="1139"/>
        <v>5.5480669543850381</v>
      </c>
      <c r="T4871" s="236" t="e">
        <f t="shared" si="1125"/>
        <v>#N/A</v>
      </c>
    </row>
    <row r="4872" spans="1:20" x14ac:dyDescent="0.2">
      <c r="A4872" s="53">
        <f t="shared" si="1126"/>
        <v>4860</v>
      </c>
      <c r="B4872" s="239">
        <v>48.213999999999999</v>
      </c>
      <c r="C4872" s="3">
        <f t="shared" si="1127"/>
        <v>48.207000000000001</v>
      </c>
      <c r="D4872" s="239">
        <v>7.266</v>
      </c>
      <c r="E4872" s="239">
        <v>0.2356</v>
      </c>
      <c r="F4872" s="239">
        <v>0.80149999999999999</v>
      </c>
      <c r="G4872">
        <f t="shared" si="1128"/>
        <v>7.4263000000000003</v>
      </c>
      <c r="H4872" s="235">
        <f t="shared" si="1129"/>
        <v>3.172508517027322</v>
      </c>
      <c r="I4872" s="236">
        <f t="shared" si="1130"/>
        <v>20.433011567375303</v>
      </c>
      <c r="J4872" s="237">
        <f t="shared" si="1135"/>
        <v>10.433011567375303</v>
      </c>
      <c r="K4872" s="237">
        <f t="shared" si="1131"/>
        <v>985.01418862846128</v>
      </c>
      <c r="L4872" s="237">
        <f t="shared" si="1136"/>
        <v>503.01721970943282</v>
      </c>
      <c r="M4872" s="236">
        <f t="shared" si="1132"/>
        <v>12.805298822756681</v>
      </c>
      <c r="N4872" s="236">
        <f t="shared" si="1133"/>
        <v>3.6576548052574895</v>
      </c>
      <c r="O4872" s="236">
        <f t="shared" si="1137"/>
        <v>2.9600235258225776</v>
      </c>
      <c r="P4872" s="236" t="str">
        <f t="shared" si="1138"/>
        <v>CLAY</v>
      </c>
      <c r="Q4872" s="236">
        <f t="shared" si="1134"/>
        <v>536.7738176142949</v>
      </c>
      <c r="R4872" s="238">
        <v>35</v>
      </c>
      <c r="S4872" s="236">
        <f t="shared" si="1139"/>
        <v>6.0558785329016347</v>
      </c>
      <c r="T4872" s="236" t="e">
        <f t="shared" si="1125"/>
        <v>#N/A</v>
      </c>
    </row>
    <row r="4873" spans="1:20" x14ac:dyDescent="0.2">
      <c r="A4873" s="53">
        <f t="shared" si="1126"/>
        <v>4861</v>
      </c>
      <c r="B4873" s="239">
        <v>48.223999999999997</v>
      </c>
      <c r="C4873" s="3">
        <f t="shared" si="1127"/>
        <v>48.216999999999999</v>
      </c>
      <c r="D4873" s="239">
        <v>8.2048000000000005</v>
      </c>
      <c r="E4873" s="239">
        <v>0.23430000000000001</v>
      </c>
      <c r="F4873" s="239">
        <v>0.7268</v>
      </c>
      <c r="G4873">
        <f t="shared" si="1128"/>
        <v>8.3501600000000007</v>
      </c>
      <c r="H4873" s="235">
        <f t="shared" si="1129"/>
        <v>2.8059342575471606</v>
      </c>
      <c r="I4873" s="236">
        <f t="shared" si="1130"/>
        <v>20.47235355108716</v>
      </c>
      <c r="J4873" s="237">
        <f t="shared" si="1135"/>
        <v>10.47235355108716</v>
      </c>
      <c r="K4873" s="237">
        <f t="shared" si="1131"/>
        <v>987.11547117276962</v>
      </c>
      <c r="L4873" s="237">
        <f t="shared" si="1136"/>
        <v>505.01877764762719</v>
      </c>
      <c r="M4873" s="236">
        <f t="shared" si="1132"/>
        <v>14.57974407035759</v>
      </c>
      <c r="N4873" s="236">
        <f t="shared" si="1133"/>
        <v>3.182107606204017</v>
      </c>
      <c r="O4873" s="236">
        <f t="shared" si="1137"/>
        <v>2.8786344012186755</v>
      </c>
      <c r="P4873" s="236" t="str">
        <f t="shared" si="1138"/>
        <v>CLAY</v>
      </c>
      <c r="Q4873" s="236">
        <f t="shared" si="1134"/>
        <v>613.58704406893582</v>
      </c>
      <c r="R4873" s="238">
        <v>35</v>
      </c>
      <c r="S4873" s="236">
        <f t="shared" si="1139"/>
        <v>7.1224167931723166</v>
      </c>
      <c r="T4873" s="236" t="e">
        <f t="shared" si="1125"/>
        <v>#N/A</v>
      </c>
    </row>
    <row r="4874" spans="1:20" x14ac:dyDescent="0.2">
      <c r="A4874" s="53">
        <f t="shared" si="1126"/>
        <v>4862</v>
      </c>
      <c r="B4874" s="239">
        <v>48.232999999999997</v>
      </c>
      <c r="C4874" s="3">
        <f t="shared" si="1127"/>
        <v>48.225999999999999</v>
      </c>
      <c r="D4874" s="239">
        <v>9.2561</v>
      </c>
      <c r="E4874" s="239">
        <v>0.2278</v>
      </c>
      <c r="F4874" s="239">
        <v>0.55740000000000001</v>
      </c>
      <c r="G4874">
        <f t="shared" si="1128"/>
        <v>9.3675800000000002</v>
      </c>
      <c r="H4874" s="235">
        <f t="shared" si="1129"/>
        <v>2.4317913484592606</v>
      </c>
      <c r="I4874" s="236">
        <f t="shared" si="1130"/>
        <v>20.484302767315867</v>
      </c>
      <c r="J4874" s="237">
        <f t="shared" si="1135"/>
        <v>10.484302767315867</v>
      </c>
      <c r="K4874" s="237">
        <f t="shared" si="1131"/>
        <v>987.87598525657495</v>
      </c>
      <c r="L4874" s="237">
        <f t="shared" si="1136"/>
        <v>505.68937537594621</v>
      </c>
      <c r="M4874" s="236">
        <f t="shared" si="1132"/>
        <v>16.570852429940171</v>
      </c>
      <c r="N4874" s="236">
        <f t="shared" si="1133"/>
        <v>2.718473105961785</v>
      </c>
      <c r="O4874" s="236">
        <f t="shared" si="1137"/>
        <v>2.7932489946435326</v>
      </c>
      <c r="P4874" s="236" t="str">
        <f t="shared" si="1138"/>
        <v>CLAY</v>
      </c>
      <c r="Q4874" s="236">
        <f t="shared" si="1134"/>
        <v>698.30866789528545</v>
      </c>
      <c r="R4874" s="238">
        <v>35</v>
      </c>
      <c r="S4874" s="236">
        <f t="shared" si="1139"/>
        <v>8.3583599677069866</v>
      </c>
      <c r="T4874" s="236" t="e">
        <f t="shared" si="1125"/>
        <v>#N/A</v>
      </c>
    </row>
    <row r="4875" spans="1:20" x14ac:dyDescent="0.2">
      <c r="A4875" s="53">
        <f t="shared" si="1126"/>
        <v>4863</v>
      </c>
      <c r="B4875" s="239">
        <v>48.243000000000002</v>
      </c>
      <c r="C4875" s="3">
        <f t="shared" si="1127"/>
        <v>48.236000000000004</v>
      </c>
      <c r="D4875" s="239">
        <v>10.0077</v>
      </c>
      <c r="E4875" s="239">
        <v>0.2266</v>
      </c>
      <c r="F4875" s="239">
        <v>0.65629999999999999</v>
      </c>
      <c r="G4875">
        <f t="shared" si="1128"/>
        <v>10.138959999999999</v>
      </c>
      <c r="H4875" s="235">
        <f t="shared" si="1129"/>
        <v>2.2349432288913262</v>
      </c>
      <c r="I4875" s="236">
        <f t="shared" si="1130"/>
        <v>20.509038868026614</v>
      </c>
      <c r="J4875" s="237">
        <f t="shared" si="1135"/>
        <v>10.509038868026614</v>
      </c>
      <c r="K4875" s="237">
        <f t="shared" si="1131"/>
        <v>989.27399883813189</v>
      </c>
      <c r="L4875" s="237">
        <f t="shared" si="1136"/>
        <v>506.98756211020799</v>
      </c>
      <c r="M4875" s="236">
        <f t="shared" si="1132"/>
        <v>18.047160689857172</v>
      </c>
      <c r="N4875" s="236">
        <f t="shared" si="1133"/>
        <v>2.4765877208379101</v>
      </c>
      <c r="O4875" s="236">
        <f t="shared" si="1137"/>
        <v>2.739435970725725</v>
      </c>
      <c r="P4875" s="236" t="str">
        <f t="shared" si="1138"/>
        <v>CLAY</v>
      </c>
      <c r="Q4875" s="236">
        <f t="shared" si="1134"/>
        <v>762.47383343015554</v>
      </c>
      <c r="R4875" s="238">
        <v>35</v>
      </c>
      <c r="S4875" s="236">
        <f t="shared" si="1139"/>
        <v>9.2993183452275243</v>
      </c>
      <c r="T4875" s="236" t="e">
        <f t="shared" si="1125"/>
        <v>#N/A</v>
      </c>
    </row>
    <row r="4876" spans="1:20" x14ac:dyDescent="0.2">
      <c r="A4876" s="53">
        <f t="shared" si="1126"/>
        <v>4864</v>
      </c>
      <c r="B4876" s="239">
        <v>48.252000000000002</v>
      </c>
      <c r="C4876" s="3">
        <f t="shared" si="1127"/>
        <v>48.245000000000005</v>
      </c>
      <c r="D4876" s="239">
        <v>10.4702</v>
      </c>
      <c r="E4876" s="239">
        <v>0.21079999999999999</v>
      </c>
      <c r="F4876" s="239">
        <v>0.45889999999999997</v>
      </c>
      <c r="G4876">
        <f t="shared" si="1128"/>
        <v>10.56198</v>
      </c>
      <c r="H4876" s="235">
        <f t="shared" si="1129"/>
        <v>1.9958379016055701</v>
      </c>
      <c r="I4876" s="236">
        <f t="shared" si="1130"/>
        <v>20.440264498743879</v>
      </c>
      <c r="J4876" s="237">
        <f t="shared" si="1135"/>
        <v>10.440264498743879</v>
      </c>
      <c r="K4876" s="237">
        <f t="shared" si="1131"/>
        <v>986.14056074189853</v>
      </c>
      <c r="L4876" s="237">
        <f t="shared" si="1136"/>
        <v>503.7636425933897</v>
      </c>
      <c r="M4876" s="236">
        <f t="shared" si="1132"/>
        <v>19.008595757251168</v>
      </c>
      <c r="N4876" s="236">
        <f t="shared" si="1133"/>
        <v>2.2013735854402752</v>
      </c>
      <c r="O4876" s="236">
        <f t="shared" si="1137"/>
        <v>2.6912286615699328</v>
      </c>
      <c r="P4876" s="236" t="str">
        <f t="shared" si="1138"/>
        <v>CLAY</v>
      </c>
      <c r="Q4876" s="236">
        <f t="shared" si="1134"/>
        <v>797.98661993817507</v>
      </c>
      <c r="R4876" s="238">
        <v>35</v>
      </c>
      <c r="S4876" s="236">
        <f t="shared" si="1139"/>
        <v>9.9226472472848677</v>
      </c>
      <c r="T4876" s="236" t="e">
        <f t="shared" si="1125"/>
        <v>#N/A</v>
      </c>
    </row>
    <row r="4877" spans="1:20" x14ac:dyDescent="0.2">
      <c r="A4877" s="53">
        <f t="shared" si="1126"/>
        <v>4865</v>
      </c>
      <c r="B4877" s="239">
        <v>48.262</v>
      </c>
      <c r="C4877" s="3">
        <f t="shared" si="1127"/>
        <v>48.255000000000003</v>
      </c>
      <c r="D4877" s="239">
        <v>10.639699999999999</v>
      </c>
      <c r="E4877" s="239">
        <v>0.187</v>
      </c>
      <c r="F4877" s="239">
        <v>0.18529999999999999</v>
      </c>
      <c r="G4877">
        <f t="shared" si="1128"/>
        <v>10.67676</v>
      </c>
      <c r="H4877" s="235">
        <f t="shared" si="1129"/>
        <v>1.7514676737137482</v>
      </c>
      <c r="I4877" s="236">
        <f t="shared" si="1130"/>
        <v>20.304010924431573</v>
      </c>
      <c r="J4877" s="237">
        <f t="shared" si="1135"/>
        <v>10.304010924431573</v>
      </c>
      <c r="K4877" s="237">
        <f t="shared" si="1131"/>
        <v>979.77004715844555</v>
      </c>
      <c r="L4877" s="237">
        <f t="shared" si="1136"/>
        <v>497.29217523491656</v>
      </c>
      <c r="M4877" s="236">
        <f t="shared" si="1132"/>
        <v>19.499582812178335</v>
      </c>
      <c r="N4877" s="236">
        <f t="shared" si="1133"/>
        <v>1.9284334717208043</v>
      </c>
      <c r="O4877" s="236">
        <f t="shared" si="1137"/>
        <v>2.649137723346723</v>
      </c>
      <c r="P4877" s="236" t="str">
        <f t="shared" si="1138"/>
        <v>CLAY</v>
      </c>
      <c r="Q4877" s="236">
        <f t="shared" si="1134"/>
        <v>808.08249607012965</v>
      </c>
      <c r="R4877" s="238">
        <v>35</v>
      </c>
      <c r="S4877" s="236">
        <f t="shared" si="1139"/>
        <v>10.244049267712469</v>
      </c>
      <c r="T4877" s="236" t="e">
        <f t="shared" ref="T4877:T4940" si="1140">IF(P4877="SAND",17.6+(11*LOG(M4877)),#N/A)</f>
        <v>#N/A</v>
      </c>
    </row>
    <row r="4878" spans="1:20" x14ac:dyDescent="0.2">
      <c r="A4878" s="53">
        <f t="shared" ref="A4878:A4941" si="1141">$A4877+1</f>
        <v>4866</v>
      </c>
      <c r="B4878" s="239">
        <v>48.271999999999998</v>
      </c>
      <c r="C4878" s="3">
        <f t="shared" ref="C4878:C4941" si="1142">MAX($B4878 - $B$13, 0.001)</f>
        <v>48.265000000000001</v>
      </c>
      <c r="D4878" s="239">
        <v>10.343400000000001</v>
      </c>
      <c r="E4878" s="239">
        <v>0.16839999999999999</v>
      </c>
      <c r="F4878" s="239">
        <v>7.8799999999999995E-2</v>
      </c>
      <c r="G4878">
        <f t="shared" si="1128"/>
        <v>10.359160000000001</v>
      </c>
      <c r="H4878" s="235">
        <f t="shared" si="1129"/>
        <v>1.6256144320581973</v>
      </c>
      <c r="I4878" s="236">
        <f t="shared" si="1130"/>
        <v>20.169358776548219</v>
      </c>
      <c r="J4878" s="237">
        <f t="shared" si="1135"/>
        <v>10.169358776548219</v>
      </c>
      <c r="K4878" s="237">
        <f t="shared" si="1131"/>
        <v>973.47410135009977</v>
      </c>
      <c r="L4878" s="237">
        <f t="shared" si="1136"/>
        <v>490.89528686153557</v>
      </c>
      <c r="M4878" s="236">
        <f t="shared" si="1132"/>
        <v>19.119527422346749</v>
      </c>
      <c r="N4878" s="236">
        <f t="shared" si="1133"/>
        <v>1.7942215605598282</v>
      </c>
      <c r="O4878" s="236">
        <f t="shared" si="1137"/>
        <v>2.6385493973507632</v>
      </c>
      <c r="P4878" s="236" t="str">
        <f t="shared" si="1138"/>
        <v>CLAY</v>
      </c>
      <c r="Q4878" s="236">
        <f t="shared" si="1134"/>
        <v>782.14049155415853</v>
      </c>
      <c r="R4878" s="238">
        <v>35</v>
      </c>
      <c r="S4878" s="236">
        <f t="shared" si="1139"/>
        <v>9.995084053999804</v>
      </c>
      <c r="T4878" s="236" t="e">
        <f t="shared" si="1140"/>
        <v>#N/A</v>
      </c>
    </row>
    <row r="4879" spans="1:20" x14ac:dyDescent="0.2">
      <c r="A4879" s="53">
        <f t="shared" si="1141"/>
        <v>4867</v>
      </c>
      <c r="B4879" s="239">
        <v>48.281999999999996</v>
      </c>
      <c r="C4879" s="3">
        <f t="shared" si="1142"/>
        <v>48.274999999999999</v>
      </c>
      <c r="D4879" s="239">
        <v>9.5899000000000001</v>
      </c>
      <c r="E4879" s="239">
        <v>0.16969999999999999</v>
      </c>
      <c r="F4879" s="239">
        <v>7.3700000000000002E-2</v>
      </c>
      <c r="G4879">
        <f t="shared" ref="G4879:G4942" si="1143">$D4879+($F4879*(1-$P$8))</f>
        <v>9.6046399999999998</v>
      </c>
      <c r="H4879" s="235">
        <f t="shared" ref="H4879:H4942" si="1144">($E4879/$G4879)*100</f>
        <v>1.7668543537290309</v>
      </c>
      <c r="I4879" s="236">
        <f t="shared" ref="I4879:I4942" si="1145">((0.27*(LOG($H4879)))+(0.36*(LOG(($G4879*1000)/101)))+1.236)*10</f>
        <v>20.148817010834954</v>
      </c>
      <c r="J4879" s="237">
        <f t="shared" si="1135"/>
        <v>10.148817010834954</v>
      </c>
      <c r="K4879" s="237">
        <f t="shared" ref="K4879:K4942" si="1146">$I4879*$C4879</f>
        <v>972.68414119805732</v>
      </c>
      <c r="L4879" s="237">
        <f t="shared" si="1136"/>
        <v>490.0051829171332</v>
      </c>
      <c r="M4879" s="236">
        <f t="shared" ref="M4879:M4942" si="1147">(($G4879*1000)-$K4879)/$L4879</f>
        <v>17.616050114844864</v>
      </c>
      <c r="N4879" s="236">
        <f t="shared" ref="N4879:N4942" si="1148">(($E4879*1000)/(($G4879*1000)-$K4879))*100</f>
        <v>1.9659507390432047</v>
      </c>
      <c r="O4879" s="236">
        <f t="shared" si="1137"/>
        <v>2.6902574125923167</v>
      </c>
      <c r="P4879" s="236" t="str">
        <f t="shared" si="1138"/>
        <v>CLAY</v>
      </c>
      <c r="Q4879" s="236">
        <f t="shared" ref="Q4879:Q4942" si="1149">IF(P4879="CLAY",($G4879*1000 -$K4879)/$L$8,#N/A)</f>
        <v>719.32965490016193</v>
      </c>
      <c r="R4879" s="238">
        <v>35</v>
      </c>
      <c r="S4879" s="236">
        <f t="shared" si="1139"/>
        <v>9.0224748486959516</v>
      </c>
      <c r="T4879" s="236" t="e">
        <f t="shared" si="1140"/>
        <v>#N/A</v>
      </c>
    </row>
    <row r="4880" spans="1:20" x14ac:dyDescent="0.2">
      <c r="A4880" s="53">
        <f t="shared" si="1141"/>
        <v>4868</v>
      </c>
      <c r="B4880" s="239">
        <v>48.290999999999997</v>
      </c>
      <c r="C4880" s="3">
        <f t="shared" si="1142"/>
        <v>48.283999999999999</v>
      </c>
      <c r="D4880" s="239">
        <v>8.7390000000000008</v>
      </c>
      <c r="E4880" s="239">
        <v>0.17</v>
      </c>
      <c r="F4880" s="239">
        <v>6.0999999999999999E-2</v>
      </c>
      <c r="G4880">
        <f t="shared" si="1143"/>
        <v>8.7512000000000008</v>
      </c>
      <c r="H4880" s="235">
        <f t="shared" si="1144"/>
        <v>1.9425907304141146</v>
      </c>
      <c r="I4880" s="236">
        <f t="shared" si="1145"/>
        <v>20.114515990495999</v>
      </c>
      <c r="J4880" s="237">
        <f t="shared" ref="J4880:J4943" si="1150">$I4880-10</f>
        <v>10.114515990495999</v>
      </c>
      <c r="K4880" s="237">
        <f t="shared" si="1146"/>
        <v>971.20929008510882</v>
      </c>
      <c r="L4880" s="237">
        <f t="shared" ref="L4880:L4943" si="1151">$J4880*$B4880</f>
        <v>488.44009169704225</v>
      </c>
      <c r="M4880" s="236">
        <f t="shared" si="1147"/>
        <v>15.928239393461739</v>
      </c>
      <c r="N4880" s="236">
        <f t="shared" si="1148"/>
        <v>2.1850925835084922</v>
      </c>
      <c r="O4880" s="236">
        <f t="shared" ref="O4880:O4943" si="1152">((3.47-LOG($M4880))^2+(LOG($N4880)+1.22)^2)^0.5</f>
        <v>2.752273459360226</v>
      </c>
      <c r="P4880" s="236" t="str">
        <f t="shared" ref="P4880:P4943" si="1153">IF(O4880&lt;2.6,"SAND","CLAY")</f>
        <v>CLAY</v>
      </c>
      <c r="Q4880" s="236">
        <f t="shared" si="1149"/>
        <v>648.33255915957432</v>
      </c>
      <c r="R4880" s="238">
        <v>35</v>
      </c>
      <c r="S4880" s="236">
        <f t="shared" ref="S4880:S4943" si="1154">IF(P4880="SAND",#N/A,0.25*($M4880)^1.25)</f>
        <v>7.9551747936188093</v>
      </c>
      <c r="T4880" s="236" t="e">
        <f t="shared" si="1140"/>
        <v>#N/A</v>
      </c>
    </row>
    <row r="4881" spans="1:20" x14ac:dyDescent="0.2">
      <c r="A4881" s="53">
        <f t="shared" si="1141"/>
        <v>4869</v>
      </c>
      <c r="B4881" s="239">
        <v>48.302</v>
      </c>
      <c r="C4881" s="3">
        <f t="shared" si="1142"/>
        <v>48.295000000000002</v>
      </c>
      <c r="D4881" s="239">
        <v>8.0523000000000007</v>
      </c>
      <c r="E4881" s="239">
        <v>0.1716</v>
      </c>
      <c r="F4881" s="239">
        <v>7.3400000000000007E-2</v>
      </c>
      <c r="G4881">
        <f t="shared" si="1143"/>
        <v>8.0669800000000009</v>
      </c>
      <c r="H4881" s="235">
        <f t="shared" si="1144"/>
        <v>2.1271901008803789</v>
      </c>
      <c r="I4881" s="236">
        <f t="shared" si="1145"/>
        <v>20.09367960206739</v>
      </c>
      <c r="J4881" s="237">
        <f t="shared" si="1150"/>
        <v>10.09367960206739</v>
      </c>
      <c r="K4881" s="237">
        <f t="shared" si="1146"/>
        <v>970.42425638184466</v>
      </c>
      <c r="L4881" s="237">
        <f t="shared" si="1151"/>
        <v>487.54491213905902</v>
      </c>
      <c r="M4881" s="236">
        <f t="shared" si="1147"/>
        <v>14.555696443395673</v>
      </c>
      <c r="N4881" s="236">
        <f t="shared" si="1148"/>
        <v>2.4180744321541856</v>
      </c>
      <c r="O4881" s="236">
        <f t="shared" si="1152"/>
        <v>2.8094860299362212</v>
      </c>
      <c r="P4881" s="236" t="str">
        <f t="shared" si="1153"/>
        <v>CLAY</v>
      </c>
      <c r="Q4881" s="236">
        <f t="shared" si="1149"/>
        <v>591.37964530151305</v>
      </c>
      <c r="R4881" s="238">
        <v>35</v>
      </c>
      <c r="S4881" s="236">
        <f t="shared" si="1154"/>
        <v>7.1077353030576553</v>
      </c>
      <c r="T4881" s="236" t="e">
        <f t="shared" si="1140"/>
        <v>#N/A</v>
      </c>
    </row>
    <row r="4882" spans="1:20" x14ac:dyDescent="0.2">
      <c r="A4882" s="53">
        <f t="shared" si="1141"/>
        <v>4870</v>
      </c>
      <c r="B4882" s="239">
        <v>48.311999999999998</v>
      </c>
      <c r="C4882" s="3">
        <f t="shared" si="1142"/>
        <v>48.305</v>
      </c>
      <c r="D4882" s="239">
        <v>7.6059999999999999</v>
      </c>
      <c r="E4882" s="239">
        <v>0.16950000000000001</v>
      </c>
      <c r="F4882" s="239">
        <v>0.1575</v>
      </c>
      <c r="G4882">
        <f t="shared" si="1143"/>
        <v>7.6375000000000002</v>
      </c>
      <c r="H4882" s="235">
        <f t="shared" si="1144"/>
        <v>2.2193126022913257</v>
      </c>
      <c r="I4882" s="236">
        <f t="shared" si="1145"/>
        <v>20.057857352163609</v>
      </c>
      <c r="J4882" s="237">
        <f t="shared" si="1150"/>
        <v>10.057857352163609</v>
      </c>
      <c r="K4882" s="237">
        <f t="shared" si="1146"/>
        <v>968.89479939626312</v>
      </c>
      <c r="L4882" s="237">
        <f t="shared" si="1151"/>
        <v>485.91520439772825</v>
      </c>
      <c r="M4882" s="236">
        <f t="shared" si="1147"/>
        <v>13.723804359794004</v>
      </c>
      <c r="N4882" s="236">
        <f t="shared" si="1148"/>
        <v>2.541760906533415</v>
      </c>
      <c r="O4882" s="236">
        <f t="shared" si="1152"/>
        <v>2.8428397601739812</v>
      </c>
      <c r="P4882" s="236" t="str">
        <f t="shared" si="1153"/>
        <v>CLAY</v>
      </c>
      <c r="Q4882" s="236">
        <f t="shared" si="1149"/>
        <v>555.71710005031139</v>
      </c>
      <c r="R4882" s="238">
        <v>35</v>
      </c>
      <c r="S4882" s="236">
        <f t="shared" si="1154"/>
        <v>6.603636458306009</v>
      </c>
      <c r="T4882" s="236" t="e">
        <f t="shared" si="1140"/>
        <v>#N/A</v>
      </c>
    </row>
    <row r="4883" spans="1:20" x14ac:dyDescent="0.2">
      <c r="A4883" s="53">
        <f t="shared" si="1141"/>
        <v>4871</v>
      </c>
      <c r="B4883" s="239">
        <v>48.320999999999998</v>
      </c>
      <c r="C4883" s="3">
        <f t="shared" si="1142"/>
        <v>48.314</v>
      </c>
      <c r="D4883" s="239">
        <v>7.1410999999999998</v>
      </c>
      <c r="E4883" s="239">
        <v>0.16209999999999999</v>
      </c>
      <c r="F4883" s="239">
        <v>0.30270000000000002</v>
      </c>
      <c r="G4883">
        <f t="shared" si="1143"/>
        <v>7.2016399999999994</v>
      </c>
      <c r="H4883" s="235">
        <f t="shared" si="1144"/>
        <v>2.2508761893124345</v>
      </c>
      <c r="I4883" s="236">
        <f t="shared" si="1145"/>
        <v>19.982545461492379</v>
      </c>
      <c r="J4883" s="237">
        <f t="shared" si="1150"/>
        <v>9.9825454614923785</v>
      </c>
      <c r="K4883" s="237">
        <f t="shared" si="1146"/>
        <v>965.43670142654275</v>
      </c>
      <c r="L4883" s="237">
        <f t="shared" si="1151"/>
        <v>482.36657924477322</v>
      </c>
      <c r="M4883" s="236">
        <f t="shared" si="1147"/>
        <v>12.928348618880877</v>
      </c>
      <c r="N4883" s="236">
        <f t="shared" si="1148"/>
        <v>2.5993379663725955</v>
      </c>
      <c r="O4883" s="236">
        <f t="shared" si="1152"/>
        <v>2.8696855882893364</v>
      </c>
      <c r="P4883" s="236" t="str">
        <f t="shared" si="1153"/>
        <v>CLAY</v>
      </c>
      <c r="Q4883" s="236">
        <f t="shared" si="1149"/>
        <v>519.68360821445469</v>
      </c>
      <c r="R4883" s="238">
        <v>35</v>
      </c>
      <c r="S4883" s="236">
        <f t="shared" si="1154"/>
        <v>6.1287065436453494</v>
      </c>
      <c r="T4883" s="236" t="e">
        <f t="shared" si="1140"/>
        <v>#N/A</v>
      </c>
    </row>
    <row r="4884" spans="1:20" x14ac:dyDescent="0.2">
      <c r="A4884" s="53">
        <f t="shared" si="1141"/>
        <v>4872</v>
      </c>
      <c r="B4884" s="239">
        <v>48.332000000000001</v>
      </c>
      <c r="C4884" s="3">
        <f t="shared" si="1142"/>
        <v>48.325000000000003</v>
      </c>
      <c r="D4884" s="239">
        <v>6.6318999999999999</v>
      </c>
      <c r="E4884" s="239">
        <v>0.1653</v>
      </c>
      <c r="F4884" s="239">
        <v>0.41639999999999999</v>
      </c>
      <c r="G4884">
        <f t="shared" si="1143"/>
        <v>6.7151800000000001</v>
      </c>
      <c r="H4884" s="235">
        <f t="shared" si="1144"/>
        <v>2.4615870311741457</v>
      </c>
      <c r="I4884" s="236">
        <f t="shared" si="1145"/>
        <v>19.978131651584029</v>
      </c>
      <c r="J4884" s="237">
        <f t="shared" si="1150"/>
        <v>9.9781316515840288</v>
      </c>
      <c r="K4884" s="237">
        <f t="shared" si="1146"/>
        <v>965.44321206279824</v>
      </c>
      <c r="L4884" s="237">
        <f t="shared" si="1151"/>
        <v>482.2630589843593</v>
      </c>
      <c r="M4884" s="236">
        <f t="shared" si="1147"/>
        <v>11.922407658687533</v>
      </c>
      <c r="N4884" s="236">
        <f t="shared" si="1148"/>
        <v>2.8749142107999637</v>
      </c>
      <c r="O4884" s="236">
        <f t="shared" si="1152"/>
        <v>2.9235722971122708</v>
      </c>
      <c r="P4884" s="236" t="str">
        <f t="shared" si="1153"/>
        <v>CLAY</v>
      </c>
      <c r="Q4884" s="236">
        <f t="shared" si="1149"/>
        <v>479.14473232810019</v>
      </c>
      <c r="R4884" s="238">
        <v>35</v>
      </c>
      <c r="S4884" s="236">
        <f t="shared" si="1154"/>
        <v>5.5385358089721777</v>
      </c>
      <c r="T4884" s="236" t="e">
        <f t="shared" si="1140"/>
        <v>#N/A</v>
      </c>
    </row>
    <row r="4885" spans="1:20" x14ac:dyDescent="0.2">
      <c r="A4885" s="53">
        <f t="shared" si="1141"/>
        <v>4873</v>
      </c>
      <c r="B4885" s="239">
        <v>48.341000000000001</v>
      </c>
      <c r="C4885" s="3">
        <f t="shared" si="1142"/>
        <v>48.334000000000003</v>
      </c>
      <c r="D4885" s="239">
        <v>6.3643000000000001</v>
      </c>
      <c r="E4885" s="239">
        <v>0.1797</v>
      </c>
      <c r="F4885" s="239">
        <v>0.48959999999999998</v>
      </c>
      <c r="G4885">
        <f t="shared" si="1143"/>
        <v>6.4622200000000003</v>
      </c>
      <c r="H4885" s="235">
        <f t="shared" si="1144"/>
        <v>2.7807781226884876</v>
      </c>
      <c r="I4885" s="236">
        <f t="shared" si="1145"/>
        <v>20.061066427736925</v>
      </c>
      <c r="J4885" s="237">
        <f t="shared" si="1150"/>
        <v>10.061066427736925</v>
      </c>
      <c r="K4885" s="237">
        <f t="shared" si="1146"/>
        <v>969.63158471823658</v>
      </c>
      <c r="L4885" s="237">
        <f t="shared" si="1151"/>
        <v>486.36201218323072</v>
      </c>
      <c r="M4885" s="236">
        <f t="shared" si="1147"/>
        <v>11.293210155591881</v>
      </c>
      <c r="N4885" s="236">
        <f t="shared" si="1148"/>
        <v>3.2716815172247267</v>
      </c>
      <c r="O4885" s="236">
        <f t="shared" si="1152"/>
        <v>2.9752650582824898</v>
      </c>
      <c r="P4885" s="236" t="str">
        <f t="shared" si="1153"/>
        <v>CLAY</v>
      </c>
      <c r="Q4885" s="236">
        <f t="shared" si="1149"/>
        <v>457.71570127348031</v>
      </c>
      <c r="R4885" s="238">
        <v>35</v>
      </c>
      <c r="S4885" s="236">
        <f t="shared" si="1154"/>
        <v>5.1756127156409706</v>
      </c>
      <c r="T4885" s="236" t="e">
        <f t="shared" si="1140"/>
        <v>#N/A</v>
      </c>
    </row>
    <row r="4886" spans="1:20" x14ac:dyDescent="0.2">
      <c r="A4886" s="53">
        <f t="shared" si="1141"/>
        <v>4874</v>
      </c>
      <c r="B4886" s="239">
        <v>48.35</v>
      </c>
      <c r="C4886" s="3">
        <f t="shared" si="1142"/>
        <v>48.343000000000004</v>
      </c>
      <c r="D4886" s="239">
        <v>6.1369999999999996</v>
      </c>
      <c r="E4886" s="239">
        <v>0.1973</v>
      </c>
      <c r="F4886" s="239">
        <v>0.50800000000000001</v>
      </c>
      <c r="G4886">
        <f t="shared" si="1143"/>
        <v>6.2385999999999999</v>
      </c>
      <c r="H4886" s="235">
        <f t="shared" si="1144"/>
        <v>3.1625685249895814</v>
      </c>
      <c r="I4886" s="236">
        <f t="shared" si="1145"/>
        <v>20.156864611360561</v>
      </c>
      <c r="J4886" s="237">
        <f t="shared" si="1150"/>
        <v>10.156864611360561</v>
      </c>
      <c r="K4886" s="237">
        <f t="shared" si="1146"/>
        <v>974.44330590700372</v>
      </c>
      <c r="L4886" s="237">
        <f t="shared" si="1151"/>
        <v>491.08440395928312</v>
      </c>
      <c r="M4886" s="236">
        <f t="shared" si="1147"/>
        <v>10.719454032039387</v>
      </c>
      <c r="N4886" s="236">
        <f t="shared" si="1148"/>
        <v>3.7479887371398695</v>
      </c>
      <c r="O4886" s="236">
        <f t="shared" si="1152"/>
        <v>3.0282783355631531</v>
      </c>
      <c r="P4886" s="236" t="str">
        <f t="shared" si="1153"/>
        <v>CLAY</v>
      </c>
      <c r="Q4886" s="236">
        <f t="shared" si="1149"/>
        <v>438.67972450774977</v>
      </c>
      <c r="R4886" s="238">
        <v>35</v>
      </c>
      <c r="S4886" s="236">
        <f t="shared" si="1154"/>
        <v>4.849040835444355</v>
      </c>
      <c r="T4886" s="236" t="e">
        <f t="shared" si="1140"/>
        <v>#N/A</v>
      </c>
    </row>
    <row r="4887" spans="1:20" x14ac:dyDescent="0.2">
      <c r="A4887" s="53">
        <f t="shared" si="1141"/>
        <v>4875</v>
      </c>
      <c r="B4887" s="239">
        <v>48.36</v>
      </c>
      <c r="C4887" s="3">
        <f t="shared" si="1142"/>
        <v>48.353000000000002</v>
      </c>
      <c r="D4887" s="239">
        <v>5.9370000000000003</v>
      </c>
      <c r="E4887" s="239">
        <v>0.21029999999999999</v>
      </c>
      <c r="F4887" s="239">
        <v>0.54179999999999995</v>
      </c>
      <c r="G4887">
        <f t="shared" si="1143"/>
        <v>6.0453600000000005</v>
      </c>
      <c r="H4887" s="235">
        <f t="shared" si="1144"/>
        <v>3.4787010202866329</v>
      </c>
      <c r="I4887" s="236">
        <f t="shared" si="1145"/>
        <v>20.219389041941682</v>
      </c>
      <c r="J4887" s="237">
        <f t="shared" si="1150"/>
        <v>10.219389041941682</v>
      </c>
      <c r="K4887" s="237">
        <f t="shared" si="1146"/>
        <v>977.66811834500618</v>
      </c>
      <c r="L4887" s="237">
        <f t="shared" si="1151"/>
        <v>494.2096540682997</v>
      </c>
      <c r="M4887" s="236">
        <f t="shared" si="1147"/>
        <v>10.254133726320612</v>
      </c>
      <c r="N4887" s="236">
        <f t="shared" si="1148"/>
        <v>4.1498181995098076</v>
      </c>
      <c r="O4887" s="236">
        <f t="shared" si="1152"/>
        <v>3.0701023937055809</v>
      </c>
      <c r="P4887" s="236" t="str">
        <f t="shared" si="1153"/>
        <v>CLAY</v>
      </c>
      <c r="Q4887" s="236">
        <f t="shared" si="1149"/>
        <v>422.30765680458285</v>
      </c>
      <c r="R4887" s="238">
        <v>35</v>
      </c>
      <c r="S4887" s="236">
        <f t="shared" si="1154"/>
        <v>4.5873695738215297</v>
      </c>
      <c r="T4887" s="236" t="e">
        <f t="shared" si="1140"/>
        <v>#N/A</v>
      </c>
    </row>
    <row r="4888" spans="1:20" x14ac:dyDescent="0.2">
      <c r="A4888" s="53">
        <f t="shared" si="1141"/>
        <v>4876</v>
      </c>
      <c r="B4888" s="239">
        <v>48.37</v>
      </c>
      <c r="C4888" s="3">
        <f t="shared" si="1142"/>
        <v>48.363</v>
      </c>
      <c r="D4888" s="239">
        <v>5.9790999999999999</v>
      </c>
      <c r="E4888" s="239">
        <v>0.21199999999999999</v>
      </c>
      <c r="F4888" s="239">
        <v>0.58860000000000001</v>
      </c>
      <c r="G4888">
        <f t="shared" si="1143"/>
        <v>6.0968200000000001</v>
      </c>
      <c r="H4888" s="235">
        <f t="shared" si="1144"/>
        <v>3.4772225520845295</v>
      </c>
      <c r="I4888" s="236">
        <f t="shared" si="1145"/>
        <v>20.232142914842083</v>
      </c>
      <c r="J4888" s="237">
        <f t="shared" si="1150"/>
        <v>10.232142914842083</v>
      </c>
      <c r="K4888" s="237">
        <f t="shared" si="1146"/>
        <v>978.48712779050766</v>
      </c>
      <c r="L4888" s="237">
        <f t="shared" si="1151"/>
        <v>494.92875279091152</v>
      </c>
      <c r="M4888" s="236">
        <f t="shared" si="1147"/>
        <v>10.341554907341971</v>
      </c>
      <c r="N4888" s="236">
        <f t="shared" si="1148"/>
        <v>4.141973671760887</v>
      </c>
      <c r="O4888" s="236">
        <f t="shared" si="1152"/>
        <v>3.0666577042013103</v>
      </c>
      <c r="P4888" s="236" t="str">
        <f t="shared" si="1153"/>
        <v>CLAY</v>
      </c>
      <c r="Q4888" s="236">
        <f t="shared" si="1149"/>
        <v>426.52773935079102</v>
      </c>
      <c r="R4888" s="238">
        <v>35</v>
      </c>
      <c r="S4888" s="236">
        <f t="shared" si="1154"/>
        <v>4.6363083412418815</v>
      </c>
      <c r="T4888" s="236" t="e">
        <f t="shared" si="1140"/>
        <v>#N/A</v>
      </c>
    </row>
    <row r="4889" spans="1:20" x14ac:dyDescent="0.2">
      <c r="A4889" s="53">
        <f t="shared" si="1141"/>
        <v>4877</v>
      </c>
      <c r="B4889" s="239">
        <v>48.378999999999998</v>
      </c>
      <c r="C4889" s="3">
        <f t="shared" si="1142"/>
        <v>48.372</v>
      </c>
      <c r="D4889" s="239">
        <v>6.1928999999999998</v>
      </c>
      <c r="E4889" s="239">
        <v>0.21640000000000001</v>
      </c>
      <c r="F4889" s="239">
        <v>0.69279999999999997</v>
      </c>
      <c r="G4889">
        <f t="shared" si="1143"/>
        <v>6.3314599999999999</v>
      </c>
      <c r="H4889" s="235">
        <f t="shared" si="1144"/>
        <v>3.4178530702239294</v>
      </c>
      <c r="I4889" s="236">
        <f t="shared" si="1145"/>
        <v>20.270991127500931</v>
      </c>
      <c r="J4889" s="237">
        <f t="shared" si="1150"/>
        <v>10.270991127500931</v>
      </c>
      <c r="K4889" s="237">
        <f t="shared" si="1146"/>
        <v>980.54838281947502</v>
      </c>
      <c r="L4889" s="237">
        <f t="shared" si="1151"/>
        <v>496.90027975736751</v>
      </c>
      <c r="M4889" s="236">
        <f t="shared" si="1147"/>
        <v>10.768582420185663</v>
      </c>
      <c r="N4889" s="236">
        <f t="shared" si="1148"/>
        <v>4.0441707036459027</v>
      </c>
      <c r="O4889" s="236">
        <f t="shared" si="1152"/>
        <v>3.0463711110562604</v>
      </c>
      <c r="P4889" s="236" t="str">
        <f t="shared" si="1153"/>
        <v>CLAY</v>
      </c>
      <c r="Q4889" s="236">
        <f t="shared" si="1149"/>
        <v>445.90930143171045</v>
      </c>
      <c r="R4889" s="238">
        <v>35</v>
      </c>
      <c r="S4889" s="236">
        <f t="shared" si="1154"/>
        <v>4.8768363136628965</v>
      </c>
      <c r="T4889" s="236" t="e">
        <f t="shared" si="1140"/>
        <v>#N/A</v>
      </c>
    </row>
    <row r="4890" spans="1:20" x14ac:dyDescent="0.2">
      <c r="A4890" s="53">
        <f t="shared" si="1141"/>
        <v>4878</v>
      </c>
      <c r="B4890" s="239">
        <v>48.389000000000003</v>
      </c>
      <c r="C4890" s="3">
        <f t="shared" si="1142"/>
        <v>48.382000000000005</v>
      </c>
      <c r="D4890" s="239">
        <v>6.4837999999999996</v>
      </c>
      <c r="E4890" s="239">
        <v>0.20610000000000001</v>
      </c>
      <c r="F4890" s="239">
        <v>0.58430000000000004</v>
      </c>
      <c r="G4890">
        <f t="shared" si="1143"/>
        <v>6.6006599999999995</v>
      </c>
      <c r="H4890" s="235">
        <f t="shared" si="1144"/>
        <v>3.1224150312241505</v>
      </c>
      <c r="I4890" s="236">
        <f t="shared" si="1145"/>
        <v>20.230082258723222</v>
      </c>
      <c r="J4890" s="237">
        <f t="shared" si="1150"/>
        <v>10.230082258723222</v>
      </c>
      <c r="K4890" s="237">
        <f t="shared" si="1146"/>
        <v>978.77183984154703</v>
      </c>
      <c r="L4890" s="237">
        <f t="shared" si="1151"/>
        <v>495.02345041735799</v>
      </c>
      <c r="M4890" s="236">
        <f t="shared" si="1147"/>
        <v>11.356811794307111</v>
      </c>
      <c r="N4890" s="236">
        <f t="shared" si="1148"/>
        <v>3.6660281053010326</v>
      </c>
      <c r="O4890" s="236">
        <f t="shared" si="1152"/>
        <v>3.0023892373673227</v>
      </c>
      <c r="P4890" s="236" t="str">
        <f t="shared" si="1153"/>
        <v>CLAY</v>
      </c>
      <c r="Q4890" s="236">
        <f t="shared" si="1149"/>
        <v>468.49068001320438</v>
      </c>
      <c r="R4890" s="238">
        <v>35</v>
      </c>
      <c r="S4890" s="236">
        <f t="shared" si="1154"/>
        <v>5.2120736570732964</v>
      </c>
      <c r="T4890" s="236" t="e">
        <f t="shared" si="1140"/>
        <v>#N/A</v>
      </c>
    </row>
    <row r="4891" spans="1:20" x14ac:dyDescent="0.2">
      <c r="A4891" s="53">
        <f t="shared" si="1141"/>
        <v>4879</v>
      </c>
      <c r="B4891" s="239">
        <v>48.398000000000003</v>
      </c>
      <c r="C4891" s="3">
        <f t="shared" si="1142"/>
        <v>48.391000000000005</v>
      </c>
      <c r="D4891" s="239">
        <v>6.7314999999999996</v>
      </c>
      <c r="E4891" s="239">
        <v>0.1986</v>
      </c>
      <c r="F4891" s="239">
        <v>0.55169999999999997</v>
      </c>
      <c r="G4891">
        <f t="shared" si="1143"/>
        <v>6.8418399999999995</v>
      </c>
      <c r="H4891" s="235">
        <f t="shared" si="1144"/>
        <v>2.9027279211440198</v>
      </c>
      <c r="I4891" s="236">
        <f t="shared" si="1145"/>
        <v>20.200642636000925</v>
      </c>
      <c r="J4891" s="237">
        <f t="shared" si="1150"/>
        <v>10.200642636000925</v>
      </c>
      <c r="K4891" s="237">
        <f t="shared" si="1146"/>
        <v>977.5292977987209</v>
      </c>
      <c r="L4891" s="237">
        <f t="shared" si="1151"/>
        <v>493.69070229717278</v>
      </c>
      <c r="M4891" s="236">
        <f t="shared" si="1147"/>
        <v>11.878511535490308</v>
      </c>
      <c r="N4891" s="236">
        <f t="shared" si="1148"/>
        <v>3.3865872748770252</v>
      </c>
      <c r="O4891" s="236">
        <f t="shared" si="1152"/>
        <v>2.9662826857690523</v>
      </c>
      <c r="P4891" s="236" t="str">
        <f t="shared" si="1153"/>
        <v>CLAY</v>
      </c>
      <c r="Q4891" s="236">
        <f t="shared" si="1149"/>
        <v>488.6925585167732</v>
      </c>
      <c r="R4891" s="238">
        <v>35</v>
      </c>
      <c r="S4891" s="236">
        <f t="shared" si="1154"/>
        <v>5.513057706785359</v>
      </c>
      <c r="T4891" s="236" t="e">
        <f t="shared" si="1140"/>
        <v>#N/A</v>
      </c>
    </row>
    <row r="4892" spans="1:20" x14ac:dyDescent="0.2">
      <c r="A4892" s="53">
        <f t="shared" si="1141"/>
        <v>4880</v>
      </c>
      <c r="B4892" s="239">
        <v>48.408999999999999</v>
      </c>
      <c r="C4892" s="3">
        <f t="shared" si="1142"/>
        <v>48.402000000000001</v>
      </c>
      <c r="D4892" s="239">
        <v>6.7911999999999999</v>
      </c>
      <c r="E4892" s="239">
        <v>0.19750000000000001</v>
      </c>
      <c r="F4892" s="239">
        <v>0.44869999999999999</v>
      </c>
      <c r="G4892">
        <f t="shared" si="1143"/>
        <v>6.8809399999999998</v>
      </c>
      <c r="H4892" s="235">
        <f t="shared" si="1144"/>
        <v>2.8702473789918241</v>
      </c>
      <c r="I4892" s="236">
        <f t="shared" si="1145"/>
        <v>20.196357218116763</v>
      </c>
      <c r="J4892" s="237">
        <f t="shared" si="1150"/>
        <v>10.196357218116763</v>
      </c>
      <c r="K4892" s="237">
        <f t="shared" si="1146"/>
        <v>977.54408207128756</v>
      </c>
      <c r="L4892" s="237">
        <f t="shared" si="1151"/>
        <v>493.59545657181434</v>
      </c>
      <c r="M4892" s="236">
        <f t="shared" si="1147"/>
        <v>11.959988365634022</v>
      </c>
      <c r="N4892" s="236">
        <f t="shared" si="1148"/>
        <v>3.3455320081139939</v>
      </c>
      <c r="O4892" s="236">
        <f t="shared" si="1152"/>
        <v>2.9607618828367248</v>
      </c>
      <c r="P4892" s="236" t="str">
        <f t="shared" si="1153"/>
        <v>CLAY</v>
      </c>
      <c r="Q4892" s="236">
        <f t="shared" si="1149"/>
        <v>491.94965982739268</v>
      </c>
      <c r="R4892" s="238">
        <v>35</v>
      </c>
      <c r="S4892" s="236">
        <f t="shared" si="1154"/>
        <v>5.5603669737991321</v>
      </c>
      <c r="T4892" s="236" t="e">
        <f t="shared" si="1140"/>
        <v>#N/A</v>
      </c>
    </row>
    <row r="4893" spans="1:20" x14ac:dyDescent="0.2">
      <c r="A4893" s="53">
        <f t="shared" si="1141"/>
        <v>4881</v>
      </c>
      <c r="B4893" s="239">
        <v>48.417999999999999</v>
      </c>
      <c r="C4893" s="3">
        <f t="shared" si="1142"/>
        <v>48.411000000000001</v>
      </c>
      <c r="D4893" s="239">
        <v>6.8487</v>
      </c>
      <c r="E4893" s="239">
        <v>0.19259999999999999</v>
      </c>
      <c r="F4893" s="239">
        <v>0.32800000000000001</v>
      </c>
      <c r="G4893">
        <f t="shared" si="1143"/>
        <v>6.9142999999999999</v>
      </c>
      <c r="H4893" s="235">
        <f t="shared" si="1144"/>
        <v>2.7855314348524072</v>
      </c>
      <c r="I4893" s="236">
        <f t="shared" si="1145"/>
        <v>20.168788414950171</v>
      </c>
      <c r="J4893" s="237">
        <f t="shared" si="1150"/>
        <v>10.168788414950171</v>
      </c>
      <c r="K4893" s="237">
        <f t="shared" si="1146"/>
        <v>976.39121595615279</v>
      </c>
      <c r="L4893" s="237">
        <f t="shared" si="1151"/>
        <v>492.35239747505739</v>
      </c>
      <c r="M4893" s="236">
        <f t="shared" si="1147"/>
        <v>12.06028205507959</v>
      </c>
      <c r="N4893" s="236">
        <f t="shared" si="1148"/>
        <v>3.2435661611634781</v>
      </c>
      <c r="O4893" s="236">
        <f t="shared" si="1152"/>
        <v>2.9499242295054748</v>
      </c>
      <c r="P4893" s="236" t="str">
        <f t="shared" si="1153"/>
        <v>CLAY</v>
      </c>
      <c r="Q4893" s="236">
        <f t="shared" si="1149"/>
        <v>494.82573200365397</v>
      </c>
      <c r="R4893" s="238">
        <v>35</v>
      </c>
      <c r="S4893" s="236">
        <f t="shared" si="1154"/>
        <v>5.6187128769789645</v>
      </c>
      <c r="T4893" s="236" t="e">
        <f t="shared" si="1140"/>
        <v>#N/A</v>
      </c>
    </row>
    <row r="4894" spans="1:20" x14ac:dyDescent="0.2">
      <c r="A4894" s="53">
        <f t="shared" si="1141"/>
        <v>4882</v>
      </c>
      <c r="B4894" s="239">
        <v>48.427</v>
      </c>
      <c r="C4894" s="3">
        <f t="shared" si="1142"/>
        <v>48.42</v>
      </c>
      <c r="D4894" s="239">
        <v>7.1306000000000003</v>
      </c>
      <c r="E4894" s="239">
        <v>0.19550000000000001</v>
      </c>
      <c r="F4894" s="239">
        <v>0.2752</v>
      </c>
      <c r="G4894">
        <f t="shared" si="1143"/>
        <v>7.1856400000000002</v>
      </c>
      <c r="H4894" s="235">
        <f t="shared" si="1144"/>
        <v>2.7207040708969554</v>
      </c>
      <c r="I4894" s="236">
        <f t="shared" si="1145"/>
        <v>20.201358220823352</v>
      </c>
      <c r="J4894" s="237">
        <f t="shared" si="1150"/>
        <v>10.201358220823352</v>
      </c>
      <c r="K4894" s="237">
        <f t="shared" si="1146"/>
        <v>978.14976505226673</v>
      </c>
      <c r="L4894" s="237">
        <f t="shared" si="1151"/>
        <v>494.02117455981244</v>
      </c>
      <c r="M4894" s="236">
        <f t="shared" si="1147"/>
        <v>12.565231116821646</v>
      </c>
      <c r="N4894" s="236">
        <f t="shared" si="1148"/>
        <v>3.1494209833685884</v>
      </c>
      <c r="O4894" s="236">
        <f t="shared" si="1152"/>
        <v>2.9279940920898841</v>
      </c>
      <c r="P4894" s="236" t="str">
        <f t="shared" si="1153"/>
        <v>CLAY</v>
      </c>
      <c r="Q4894" s="236">
        <f t="shared" si="1149"/>
        <v>517.29085291231115</v>
      </c>
      <c r="R4894" s="238">
        <v>35</v>
      </c>
      <c r="S4894" s="236">
        <f t="shared" si="1154"/>
        <v>5.9142967311924322</v>
      </c>
      <c r="T4894" s="236" t="e">
        <f t="shared" si="1140"/>
        <v>#N/A</v>
      </c>
    </row>
    <row r="4895" spans="1:20" x14ac:dyDescent="0.2">
      <c r="A4895" s="53">
        <f t="shared" si="1141"/>
        <v>4883</v>
      </c>
      <c r="B4895" s="239">
        <v>48.438000000000002</v>
      </c>
      <c r="C4895" s="3">
        <f t="shared" si="1142"/>
        <v>48.431000000000004</v>
      </c>
      <c r="D4895" s="239">
        <v>7.4505999999999997</v>
      </c>
      <c r="E4895" s="239">
        <v>0.2054</v>
      </c>
      <c r="F4895" s="239">
        <v>0.2273</v>
      </c>
      <c r="G4895">
        <f t="shared" si="1143"/>
        <v>7.4960599999999999</v>
      </c>
      <c r="H4895" s="235">
        <f t="shared" si="1144"/>
        <v>2.7401061357566507</v>
      </c>
      <c r="I4895" s="236">
        <f t="shared" si="1145"/>
        <v>20.275813989055965</v>
      </c>
      <c r="J4895" s="237">
        <f t="shared" si="1150"/>
        <v>10.275813989055965</v>
      </c>
      <c r="K4895" s="237">
        <f t="shared" si="1146"/>
        <v>981.97794730396959</v>
      </c>
      <c r="L4895" s="237">
        <f t="shared" si="1151"/>
        <v>497.73987800189286</v>
      </c>
      <c r="M4895" s="236">
        <f t="shared" si="1147"/>
        <v>13.087321994062242</v>
      </c>
      <c r="N4895" s="236">
        <f t="shared" si="1148"/>
        <v>3.1531687556037102</v>
      </c>
      <c r="O4895" s="236">
        <f t="shared" si="1152"/>
        <v>2.9140012358894536</v>
      </c>
      <c r="P4895" s="236" t="str">
        <f t="shared" si="1153"/>
        <v>CLAY</v>
      </c>
      <c r="Q4895" s="236">
        <f t="shared" si="1149"/>
        <v>542.84017105800251</v>
      </c>
      <c r="R4895" s="238">
        <v>35</v>
      </c>
      <c r="S4895" s="236">
        <f t="shared" si="1154"/>
        <v>6.2230529075547958</v>
      </c>
      <c r="T4895" s="236" t="e">
        <f t="shared" si="1140"/>
        <v>#N/A</v>
      </c>
    </row>
    <row r="4896" spans="1:20" x14ac:dyDescent="0.2">
      <c r="A4896" s="53">
        <f t="shared" si="1141"/>
        <v>4884</v>
      </c>
      <c r="B4896" s="239">
        <v>48.447000000000003</v>
      </c>
      <c r="C4896" s="3">
        <f t="shared" si="1142"/>
        <v>48.440000000000005</v>
      </c>
      <c r="D4896" s="239">
        <v>7.7149999999999999</v>
      </c>
      <c r="E4896" s="239">
        <v>0.2185</v>
      </c>
      <c r="F4896" s="239">
        <v>0.18529999999999999</v>
      </c>
      <c r="G4896">
        <f t="shared" si="1143"/>
        <v>7.7520600000000002</v>
      </c>
      <c r="H4896" s="235">
        <f t="shared" si="1144"/>
        <v>2.818605635147303</v>
      </c>
      <c r="I4896" s="236">
        <f t="shared" si="1145"/>
        <v>20.36143735880777</v>
      </c>
      <c r="J4896" s="237">
        <f t="shared" si="1150"/>
        <v>10.36143735880777</v>
      </c>
      <c r="K4896" s="237">
        <f t="shared" si="1146"/>
        <v>986.30802566064847</v>
      </c>
      <c r="L4896" s="237">
        <f t="shared" si="1151"/>
        <v>501.98055572216003</v>
      </c>
      <c r="M4896" s="236">
        <f t="shared" si="1147"/>
        <v>13.478115630606441</v>
      </c>
      <c r="N4896" s="236">
        <f t="shared" si="1148"/>
        <v>3.2295005910460617</v>
      </c>
      <c r="O4896" s="236">
        <f t="shared" si="1152"/>
        <v>2.9098530387193957</v>
      </c>
      <c r="P4896" s="236" t="str">
        <f t="shared" si="1153"/>
        <v>CLAY</v>
      </c>
      <c r="Q4896" s="236">
        <f t="shared" si="1149"/>
        <v>563.81266452827936</v>
      </c>
      <c r="R4896" s="238">
        <v>35</v>
      </c>
      <c r="S4896" s="236">
        <f t="shared" si="1154"/>
        <v>6.4561926501421985</v>
      </c>
      <c r="T4896" s="236" t="e">
        <f t="shared" si="1140"/>
        <v>#N/A</v>
      </c>
    </row>
    <row r="4897" spans="1:20" x14ac:dyDescent="0.2">
      <c r="A4897" s="53">
        <f t="shared" si="1141"/>
        <v>4885</v>
      </c>
      <c r="B4897" s="239">
        <v>48.457000000000001</v>
      </c>
      <c r="C4897" s="3">
        <f t="shared" si="1142"/>
        <v>48.45</v>
      </c>
      <c r="D4897" s="239">
        <v>8.1682000000000006</v>
      </c>
      <c r="E4897" s="239">
        <v>0.23</v>
      </c>
      <c r="F4897" s="239">
        <v>0.1399</v>
      </c>
      <c r="G4897">
        <f t="shared" si="1143"/>
        <v>8.19618</v>
      </c>
      <c r="H4897" s="235">
        <f t="shared" si="1144"/>
        <v>2.8061853204785643</v>
      </c>
      <c r="I4897" s="236">
        <f t="shared" si="1145"/>
        <v>20.443358550443513</v>
      </c>
      <c r="J4897" s="237">
        <f t="shared" si="1150"/>
        <v>10.443358550443513</v>
      </c>
      <c r="K4897" s="237">
        <f t="shared" si="1146"/>
        <v>990.48072176898825</v>
      </c>
      <c r="L4897" s="237">
        <f t="shared" si="1151"/>
        <v>506.05382527884132</v>
      </c>
      <c r="M4897" s="236">
        <f t="shared" si="1147"/>
        <v>14.238997747444337</v>
      </c>
      <c r="N4897" s="236">
        <f t="shared" si="1148"/>
        <v>3.1919178294721267</v>
      </c>
      <c r="O4897" s="236">
        <f t="shared" si="1152"/>
        <v>2.8876672011938891</v>
      </c>
      <c r="P4897" s="236" t="str">
        <f t="shared" si="1153"/>
        <v>CLAY</v>
      </c>
      <c r="Q4897" s="236">
        <f t="shared" si="1149"/>
        <v>600.47493985258427</v>
      </c>
      <c r="R4897" s="238">
        <v>35</v>
      </c>
      <c r="S4897" s="236">
        <f t="shared" si="1154"/>
        <v>6.9149538391870298</v>
      </c>
      <c r="T4897" s="236" t="e">
        <f t="shared" si="1140"/>
        <v>#N/A</v>
      </c>
    </row>
    <row r="4898" spans="1:20" x14ac:dyDescent="0.2">
      <c r="A4898" s="53">
        <f t="shared" si="1141"/>
        <v>4886</v>
      </c>
      <c r="B4898" s="239">
        <v>48.466000000000001</v>
      </c>
      <c r="C4898" s="3">
        <f t="shared" si="1142"/>
        <v>48.459000000000003</v>
      </c>
      <c r="D4898" s="239">
        <v>8.5906000000000002</v>
      </c>
      <c r="E4898" s="239">
        <v>0.24490000000000001</v>
      </c>
      <c r="F4898" s="239">
        <v>0.1075</v>
      </c>
      <c r="G4898">
        <f t="shared" si="1143"/>
        <v>8.6120999999999999</v>
      </c>
      <c r="H4898" s="235">
        <f t="shared" si="1144"/>
        <v>2.8436734362118417</v>
      </c>
      <c r="I4898" s="236">
        <f t="shared" si="1145"/>
        <v>20.536310931838475</v>
      </c>
      <c r="J4898" s="237">
        <f t="shared" si="1150"/>
        <v>10.536310931838475</v>
      </c>
      <c r="K4898" s="237">
        <f t="shared" si="1146"/>
        <v>995.1690914459607</v>
      </c>
      <c r="L4898" s="237">
        <f t="shared" si="1151"/>
        <v>510.65284562248354</v>
      </c>
      <c r="M4898" s="236">
        <f t="shared" si="1147"/>
        <v>14.916064747018172</v>
      </c>
      <c r="N4898" s="236">
        <f t="shared" si="1148"/>
        <v>3.2152057428402041</v>
      </c>
      <c r="O4898" s="236">
        <f t="shared" si="1152"/>
        <v>2.8734045816108122</v>
      </c>
      <c r="P4898" s="236" t="str">
        <f t="shared" si="1153"/>
        <v>CLAY</v>
      </c>
      <c r="Q4898" s="236">
        <f t="shared" si="1149"/>
        <v>634.74424237950336</v>
      </c>
      <c r="R4898" s="238">
        <v>35</v>
      </c>
      <c r="S4898" s="236">
        <f t="shared" si="1154"/>
        <v>7.3283775143002332</v>
      </c>
      <c r="T4898" s="236" t="e">
        <f t="shared" si="1140"/>
        <v>#N/A</v>
      </c>
    </row>
    <row r="4899" spans="1:20" x14ac:dyDescent="0.2">
      <c r="A4899" s="53">
        <f t="shared" si="1141"/>
        <v>4887</v>
      </c>
      <c r="B4899" s="239">
        <v>48.475999999999999</v>
      </c>
      <c r="C4899" s="3">
        <f t="shared" si="1142"/>
        <v>48.469000000000001</v>
      </c>
      <c r="D4899" s="239">
        <v>9.0571000000000002</v>
      </c>
      <c r="E4899" s="239">
        <v>0.24970000000000001</v>
      </c>
      <c r="F4899" s="239">
        <v>0.1016</v>
      </c>
      <c r="G4899">
        <f t="shared" si="1143"/>
        <v>9.07742</v>
      </c>
      <c r="H4899" s="235">
        <f t="shared" si="1144"/>
        <v>2.750781609752551</v>
      </c>
      <c r="I4899" s="236">
        <f t="shared" si="1145"/>
        <v>20.579639305849167</v>
      </c>
      <c r="J4899" s="237">
        <f t="shared" si="1150"/>
        <v>10.579639305849167</v>
      </c>
      <c r="K4899" s="237">
        <f t="shared" si="1146"/>
        <v>997.47453751520334</v>
      </c>
      <c r="L4899" s="237">
        <f t="shared" si="1151"/>
        <v>512.85859499034416</v>
      </c>
      <c r="M4899" s="236">
        <f t="shared" si="1147"/>
        <v>15.754723702421176</v>
      </c>
      <c r="N4899" s="236">
        <f t="shared" si="1148"/>
        <v>3.0903673936830094</v>
      </c>
      <c r="O4899" s="236">
        <f t="shared" si="1152"/>
        <v>2.8440809233367075</v>
      </c>
      <c r="P4899" s="236" t="str">
        <f t="shared" si="1153"/>
        <v>CLAY</v>
      </c>
      <c r="Q4899" s="236">
        <f t="shared" si="1149"/>
        <v>673.32878854039973</v>
      </c>
      <c r="R4899" s="238">
        <v>35</v>
      </c>
      <c r="S4899" s="236">
        <f t="shared" si="1154"/>
        <v>7.8469971996730594</v>
      </c>
      <c r="T4899" s="236" t="e">
        <f t="shared" si="1140"/>
        <v>#N/A</v>
      </c>
    </row>
    <row r="4900" spans="1:20" x14ac:dyDescent="0.2">
      <c r="A4900" s="53">
        <f t="shared" si="1141"/>
        <v>4888</v>
      </c>
      <c r="B4900" s="239">
        <v>48.487000000000002</v>
      </c>
      <c r="C4900" s="3">
        <f t="shared" si="1142"/>
        <v>48.480000000000004</v>
      </c>
      <c r="D4900" s="239">
        <v>9.5478000000000005</v>
      </c>
      <c r="E4900" s="239">
        <v>0.2475</v>
      </c>
      <c r="F4900" s="239">
        <v>2.6599999999999999E-2</v>
      </c>
      <c r="G4900">
        <f t="shared" si="1143"/>
        <v>9.5531199999999998</v>
      </c>
      <c r="H4900" s="235">
        <f t="shared" si="1144"/>
        <v>2.590776625856265</v>
      </c>
      <c r="I4900" s="236">
        <f t="shared" si="1145"/>
        <v>20.589226813001446</v>
      </c>
      <c r="J4900" s="237">
        <f t="shared" si="1150"/>
        <v>10.589226813001446</v>
      </c>
      <c r="K4900" s="237">
        <f t="shared" si="1146"/>
        <v>998.16571589431021</v>
      </c>
      <c r="L4900" s="237">
        <f t="shared" si="1151"/>
        <v>513.43984048200116</v>
      </c>
      <c r="M4900" s="236">
        <f t="shared" si="1147"/>
        <v>16.662038294641427</v>
      </c>
      <c r="N4900" s="236">
        <f t="shared" si="1148"/>
        <v>2.8930604627523495</v>
      </c>
      <c r="O4900" s="236">
        <f t="shared" si="1152"/>
        <v>2.8074346806562547</v>
      </c>
      <c r="P4900" s="236" t="str">
        <f t="shared" si="1153"/>
        <v>CLAY</v>
      </c>
      <c r="Q4900" s="236">
        <f t="shared" si="1149"/>
        <v>712.91285700880735</v>
      </c>
      <c r="R4900" s="238">
        <v>35</v>
      </c>
      <c r="S4900" s="236">
        <f t="shared" si="1154"/>
        <v>8.4158922988216514</v>
      </c>
      <c r="T4900" s="236" t="e">
        <f t="shared" si="1140"/>
        <v>#N/A</v>
      </c>
    </row>
    <row r="4901" spans="1:20" x14ac:dyDescent="0.2">
      <c r="A4901" s="53">
        <f t="shared" si="1141"/>
        <v>4889</v>
      </c>
      <c r="B4901" s="239">
        <v>48.496000000000002</v>
      </c>
      <c r="C4901" s="3">
        <f t="shared" si="1142"/>
        <v>48.489000000000004</v>
      </c>
      <c r="D4901" s="239">
        <v>9.4894999999999996</v>
      </c>
      <c r="E4901" s="239">
        <v>0.25009999999999999</v>
      </c>
      <c r="F4901" s="239">
        <v>2.8999999999999998E-3</v>
      </c>
      <c r="G4901">
        <f t="shared" si="1143"/>
        <v>9.490079999999999</v>
      </c>
      <c r="H4901" s="235">
        <f t="shared" si="1144"/>
        <v>2.6353834741119146</v>
      </c>
      <c r="I4901" s="236">
        <f t="shared" si="1145"/>
        <v>20.598892908188922</v>
      </c>
      <c r="J4901" s="237">
        <f t="shared" si="1150"/>
        <v>10.598892908188922</v>
      </c>
      <c r="K4901" s="237">
        <f t="shared" si="1146"/>
        <v>998.81971822517278</v>
      </c>
      <c r="L4901" s="237">
        <f t="shared" si="1151"/>
        <v>514.00391047553001</v>
      </c>
      <c r="M4901" s="236">
        <f t="shared" si="1147"/>
        <v>16.519835955954395</v>
      </c>
      <c r="N4901" s="236">
        <f t="shared" si="1148"/>
        <v>2.9453813886355706</v>
      </c>
      <c r="O4901" s="236">
        <f t="shared" si="1152"/>
        <v>2.8150803410474965</v>
      </c>
      <c r="P4901" s="236" t="str">
        <f t="shared" si="1153"/>
        <v>CLAY</v>
      </c>
      <c r="Q4901" s="236">
        <f t="shared" si="1149"/>
        <v>707.60502348123543</v>
      </c>
      <c r="R4901" s="238">
        <v>35</v>
      </c>
      <c r="S4901" s="236">
        <f t="shared" si="1154"/>
        <v>8.3262063843487724</v>
      </c>
      <c r="T4901" s="236" t="e">
        <f t="shared" si="1140"/>
        <v>#N/A</v>
      </c>
    </row>
    <row r="4902" spans="1:20" x14ac:dyDescent="0.2">
      <c r="A4902" s="53">
        <f t="shared" si="1141"/>
        <v>4890</v>
      </c>
      <c r="B4902" s="239">
        <v>48.506</v>
      </c>
      <c r="C4902" s="3">
        <f t="shared" si="1142"/>
        <v>48.499000000000002</v>
      </c>
      <c r="D4902" s="239">
        <v>9.4200999999999997</v>
      </c>
      <c r="E4902" s="239">
        <v>0.22559999999999999</v>
      </c>
      <c r="F4902" s="239">
        <v>-3.4799999999999998E-2</v>
      </c>
      <c r="G4902">
        <f t="shared" si="1143"/>
        <v>9.4131400000000003</v>
      </c>
      <c r="H4902" s="235">
        <f t="shared" si="1144"/>
        <v>2.3966497895495018</v>
      </c>
      <c r="I4902" s="236">
        <f t="shared" si="1145"/>
        <v>20.474819677853375</v>
      </c>
      <c r="J4902" s="237">
        <f t="shared" si="1150"/>
        <v>10.474819677853375</v>
      </c>
      <c r="K4902" s="237">
        <f t="shared" si="1146"/>
        <v>993.00827955621094</v>
      </c>
      <c r="L4902" s="237">
        <f t="shared" si="1151"/>
        <v>508.09160329395581</v>
      </c>
      <c r="M4902" s="236">
        <f t="shared" si="1147"/>
        <v>16.572074141466047</v>
      </c>
      <c r="N4902" s="236">
        <f t="shared" si="1148"/>
        <v>2.6792930026528086</v>
      </c>
      <c r="O4902" s="236">
        <f t="shared" si="1152"/>
        <v>2.7894936988942036</v>
      </c>
      <c r="P4902" s="236" t="str">
        <f t="shared" si="1153"/>
        <v>CLAY</v>
      </c>
      <c r="Q4902" s="236">
        <f t="shared" si="1149"/>
        <v>701.67764337031576</v>
      </c>
      <c r="R4902" s="238">
        <v>35</v>
      </c>
      <c r="S4902" s="236">
        <f t="shared" si="1154"/>
        <v>8.3591302659504496</v>
      </c>
      <c r="T4902" s="236" t="e">
        <f t="shared" si="1140"/>
        <v>#N/A</v>
      </c>
    </row>
    <row r="4903" spans="1:20" x14ac:dyDescent="0.2">
      <c r="A4903" s="53">
        <f t="shared" si="1141"/>
        <v>4891</v>
      </c>
      <c r="B4903" s="239">
        <v>48.515000000000001</v>
      </c>
      <c r="C4903" s="3">
        <f t="shared" si="1142"/>
        <v>48.508000000000003</v>
      </c>
      <c r="D4903" s="239">
        <v>9.282</v>
      </c>
      <c r="E4903" s="239">
        <v>0.20530000000000001</v>
      </c>
      <c r="F4903" s="239">
        <v>-3.6400000000000002E-2</v>
      </c>
      <c r="G4903">
        <f t="shared" si="1143"/>
        <v>9.2747200000000003</v>
      </c>
      <c r="H4903" s="235">
        <f t="shared" si="1144"/>
        <v>2.2135439129159695</v>
      </c>
      <c r="I4903" s="236">
        <f t="shared" si="1145"/>
        <v>20.358463944264216</v>
      </c>
      <c r="J4903" s="237">
        <f t="shared" si="1150"/>
        <v>10.358463944264216</v>
      </c>
      <c r="K4903" s="237">
        <f t="shared" si="1146"/>
        <v>987.54836900836858</v>
      </c>
      <c r="L4903" s="237">
        <f t="shared" si="1151"/>
        <v>502.54087825597844</v>
      </c>
      <c r="M4903" s="236">
        <f t="shared" si="1147"/>
        <v>16.490542341055903</v>
      </c>
      <c r="N4903" s="236">
        <f t="shared" si="1148"/>
        <v>2.4773228930391307</v>
      </c>
      <c r="O4903" s="236">
        <f t="shared" si="1152"/>
        <v>2.7712615006539472</v>
      </c>
      <c r="P4903" s="236" t="str">
        <f t="shared" si="1153"/>
        <v>CLAY</v>
      </c>
      <c r="Q4903" s="236">
        <f t="shared" si="1149"/>
        <v>690.59763591596936</v>
      </c>
      <c r="R4903" s="238">
        <v>35</v>
      </c>
      <c r="S4903" s="236">
        <f t="shared" si="1154"/>
        <v>8.3077550361183778</v>
      </c>
      <c r="T4903" s="236" t="e">
        <f t="shared" si="1140"/>
        <v>#N/A</v>
      </c>
    </row>
    <row r="4904" spans="1:20" x14ac:dyDescent="0.2">
      <c r="A4904" s="53">
        <f t="shared" si="1141"/>
        <v>4892</v>
      </c>
      <c r="B4904" s="239">
        <v>48.524999999999999</v>
      </c>
      <c r="C4904" s="3">
        <f t="shared" si="1142"/>
        <v>48.518000000000001</v>
      </c>
      <c r="D4904" s="239">
        <v>9.0654000000000003</v>
      </c>
      <c r="E4904" s="239">
        <v>0.19769999999999999</v>
      </c>
      <c r="F4904" s="239">
        <v>-1.12E-2</v>
      </c>
      <c r="G4904">
        <f t="shared" si="1143"/>
        <v>9.0631599999999999</v>
      </c>
      <c r="H4904" s="235">
        <f t="shared" si="1144"/>
        <v>2.1813583783139654</v>
      </c>
      <c r="I4904" s="236">
        <f t="shared" si="1145"/>
        <v>20.305212743870989</v>
      </c>
      <c r="J4904" s="237">
        <f t="shared" si="1150"/>
        <v>10.305212743870989</v>
      </c>
      <c r="K4904" s="237">
        <f t="shared" si="1146"/>
        <v>985.16831190713265</v>
      </c>
      <c r="L4904" s="237">
        <f t="shared" si="1151"/>
        <v>500.06044839633972</v>
      </c>
      <c r="M4904" s="236">
        <f t="shared" si="1147"/>
        <v>16.154030405720835</v>
      </c>
      <c r="N4904" s="236">
        <f t="shared" si="1148"/>
        <v>2.447390485575939</v>
      </c>
      <c r="O4904" s="236">
        <f t="shared" si="1152"/>
        <v>2.7754818514664397</v>
      </c>
      <c r="P4904" s="236" t="str">
        <f t="shared" si="1153"/>
        <v>CLAY</v>
      </c>
      <c r="Q4904" s="236">
        <f t="shared" si="1149"/>
        <v>673.1659740077389</v>
      </c>
      <c r="R4904" s="238">
        <v>35</v>
      </c>
      <c r="S4904" s="236">
        <f t="shared" si="1154"/>
        <v>8.0963845724460342</v>
      </c>
      <c r="T4904" s="236" t="e">
        <f t="shared" si="1140"/>
        <v>#N/A</v>
      </c>
    </row>
    <row r="4905" spans="1:20" x14ac:dyDescent="0.2">
      <c r="A4905" s="53">
        <f t="shared" si="1141"/>
        <v>4893</v>
      </c>
      <c r="B4905" s="239">
        <v>48.533999999999999</v>
      </c>
      <c r="C4905" s="3">
        <f t="shared" si="1142"/>
        <v>48.527000000000001</v>
      </c>
      <c r="D4905" s="239">
        <v>8.8422000000000001</v>
      </c>
      <c r="E4905" s="239">
        <v>0.18290000000000001</v>
      </c>
      <c r="F4905" s="239">
        <v>2.6100000000000002E-2</v>
      </c>
      <c r="G4905">
        <f t="shared" si="1143"/>
        <v>8.8474199999999996</v>
      </c>
      <c r="H4905" s="235">
        <f t="shared" si="1144"/>
        <v>2.0672693282335417</v>
      </c>
      <c r="I4905" s="236">
        <f t="shared" si="1145"/>
        <v>20.204555039089811</v>
      </c>
      <c r="J4905" s="237">
        <f t="shared" si="1150"/>
        <v>10.204555039089811</v>
      </c>
      <c r="K4905" s="237">
        <f t="shared" si="1146"/>
        <v>980.46644238191129</v>
      </c>
      <c r="L4905" s="237">
        <f t="shared" si="1151"/>
        <v>495.26787426718488</v>
      </c>
      <c r="M4905" s="236">
        <f t="shared" si="1147"/>
        <v>15.884239552703271</v>
      </c>
      <c r="N4905" s="236">
        <f t="shared" si="1148"/>
        <v>2.3249152122283205</v>
      </c>
      <c r="O4905" s="236">
        <f t="shared" si="1152"/>
        <v>2.7686099216161026</v>
      </c>
      <c r="P4905" s="236" t="str">
        <f t="shared" si="1153"/>
        <v>CLAY</v>
      </c>
      <c r="Q4905" s="236">
        <f t="shared" si="1149"/>
        <v>655.57946313484069</v>
      </c>
      <c r="R4905" s="238">
        <v>35</v>
      </c>
      <c r="S4905" s="236">
        <f t="shared" si="1154"/>
        <v>7.9277152712032173</v>
      </c>
      <c r="T4905" s="236" t="e">
        <f t="shared" si="1140"/>
        <v>#N/A</v>
      </c>
    </row>
    <row r="4906" spans="1:20" x14ac:dyDescent="0.2">
      <c r="A4906" s="53">
        <f t="shared" si="1141"/>
        <v>4894</v>
      </c>
      <c r="B4906" s="239">
        <v>48.543999999999997</v>
      </c>
      <c r="C4906" s="3">
        <f t="shared" si="1142"/>
        <v>48.536999999999999</v>
      </c>
      <c r="D4906" s="239">
        <v>8.7085000000000008</v>
      </c>
      <c r="E4906" s="239">
        <v>0.17349999999999999</v>
      </c>
      <c r="F4906" s="239">
        <v>7.7499999999999999E-2</v>
      </c>
      <c r="G4906">
        <f t="shared" si="1143"/>
        <v>8.7240000000000002</v>
      </c>
      <c r="H4906" s="235">
        <f t="shared" si="1144"/>
        <v>1.9887666208161392</v>
      </c>
      <c r="I4906" s="236">
        <f t="shared" si="1145"/>
        <v>20.137195739241093</v>
      </c>
      <c r="J4906" s="237">
        <f t="shared" si="1150"/>
        <v>10.137195739241093</v>
      </c>
      <c r="K4906" s="237">
        <f t="shared" si="1146"/>
        <v>977.39906959554492</v>
      </c>
      <c r="L4906" s="237">
        <f t="shared" si="1151"/>
        <v>492.10002996571961</v>
      </c>
      <c r="M4906" s="236">
        <f t="shared" si="1147"/>
        <v>15.74192330560129</v>
      </c>
      <c r="N4906" s="236">
        <f t="shared" si="1148"/>
        <v>2.2396919830868516</v>
      </c>
      <c r="O4906" s="236">
        <f t="shared" si="1152"/>
        <v>2.7625635853745987</v>
      </c>
      <c r="P4906" s="236" t="str">
        <f t="shared" si="1153"/>
        <v>CLAY</v>
      </c>
      <c r="Q4906" s="236">
        <f t="shared" si="1149"/>
        <v>645.55007753370455</v>
      </c>
      <c r="R4906" s="238">
        <v>35</v>
      </c>
      <c r="S4906" s="236">
        <f t="shared" si="1154"/>
        <v>7.8390285995357329</v>
      </c>
      <c r="T4906" s="236" t="e">
        <f t="shared" si="1140"/>
        <v>#N/A</v>
      </c>
    </row>
    <row r="4907" spans="1:20" x14ac:dyDescent="0.2">
      <c r="A4907" s="53">
        <f t="shared" si="1141"/>
        <v>4895</v>
      </c>
      <c r="B4907" s="239">
        <v>48.554000000000002</v>
      </c>
      <c r="C4907" s="3">
        <f t="shared" si="1142"/>
        <v>48.547000000000004</v>
      </c>
      <c r="D4907" s="239">
        <v>8.6622000000000003</v>
      </c>
      <c r="E4907" s="239">
        <v>0.16200000000000001</v>
      </c>
      <c r="F4907" s="239">
        <v>5.9700000000000003E-2</v>
      </c>
      <c r="G4907">
        <f t="shared" si="1143"/>
        <v>8.6741399999999995</v>
      </c>
      <c r="H4907" s="235">
        <f t="shared" si="1144"/>
        <v>1.8676203058747038</v>
      </c>
      <c r="I4907" s="236">
        <f t="shared" si="1145"/>
        <v>20.054537378263689</v>
      </c>
      <c r="J4907" s="237">
        <f t="shared" si="1150"/>
        <v>10.054537378263689</v>
      </c>
      <c r="K4907" s="237">
        <f t="shared" si="1146"/>
        <v>973.58762610256736</v>
      </c>
      <c r="L4907" s="237">
        <f t="shared" si="1151"/>
        <v>488.18800786421514</v>
      </c>
      <c r="M4907" s="236">
        <f t="shared" si="1147"/>
        <v>15.77374341411366</v>
      </c>
      <c r="N4907" s="236">
        <f t="shared" si="1148"/>
        <v>2.1037451878014819</v>
      </c>
      <c r="O4907" s="236">
        <f t="shared" si="1152"/>
        <v>2.74647195808069</v>
      </c>
      <c r="P4907" s="236" t="str">
        <f t="shared" si="1153"/>
        <v>CLAY</v>
      </c>
      <c r="Q4907" s="236">
        <f t="shared" si="1149"/>
        <v>641.71269782478601</v>
      </c>
      <c r="R4907" s="238">
        <v>35</v>
      </c>
      <c r="S4907" s="236">
        <f t="shared" si="1154"/>
        <v>7.8588404841542046</v>
      </c>
      <c r="T4907" s="236" t="e">
        <f t="shared" si="1140"/>
        <v>#N/A</v>
      </c>
    </row>
    <row r="4908" spans="1:20" x14ac:dyDescent="0.2">
      <c r="A4908" s="53">
        <f t="shared" si="1141"/>
        <v>4896</v>
      </c>
      <c r="B4908" s="239">
        <v>48.564</v>
      </c>
      <c r="C4908" s="3">
        <f t="shared" si="1142"/>
        <v>48.557000000000002</v>
      </c>
      <c r="D4908" s="239">
        <v>8.8275000000000006</v>
      </c>
      <c r="E4908" s="239">
        <v>0.1578</v>
      </c>
      <c r="F4908" s="239">
        <v>6.9500000000000006E-2</v>
      </c>
      <c r="G4908">
        <f t="shared" si="1143"/>
        <v>8.8414000000000001</v>
      </c>
      <c r="H4908" s="235">
        <f t="shared" si="1144"/>
        <v>1.7847852150111971</v>
      </c>
      <c r="I4908" s="236">
        <f t="shared" si="1145"/>
        <v>20.031200886653409</v>
      </c>
      <c r="J4908" s="237">
        <f t="shared" si="1150"/>
        <v>10.031200886653409</v>
      </c>
      <c r="K4908" s="237">
        <f t="shared" si="1146"/>
        <v>972.65502145322955</v>
      </c>
      <c r="L4908" s="237">
        <f t="shared" si="1151"/>
        <v>487.15523985943611</v>
      </c>
      <c r="M4908" s="236">
        <f t="shared" si="1147"/>
        <v>16.152438349666976</v>
      </c>
      <c r="N4908" s="236">
        <f t="shared" si="1148"/>
        <v>2.0054023917438371</v>
      </c>
      <c r="O4908" s="236">
        <f t="shared" si="1152"/>
        <v>2.7262913310141736</v>
      </c>
      <c r="P4908" s="236" t="str">
        <f t="shared" si="1153"/>
        <v>CLAY</v>
      </c>
      <c r="Q4908" s="236">
        <f t="shared" si="1149"/>
        <v>655.72874821223081</v>
      </c>
      <c r="R4908" s="238">
        <v>35</v>
      </c>
      <c r="S4908" s="236">
        <f t="shared" si="1154"/>
        <v>8.0953871635215862</v>
      </c>
      <c r="T4908" s="236" t="e">
        <f t="shared" si="1140"/>
        <v>#N/A</v>
      </c>
    </row>
    <row r="4909" spans="1:20" x14ac:dyDescent="0.2">
      <c r="A4909" s="53">
        <f t="shared" si="1141"/>
        <v>4897</v>
      </c>
      <c r="B4909" s="239">
        <v>48.573</v>
      </c>
      <c r="C4909" s="3">
        <f t="shared" si="1142"/>
        <v>48.566000000000003</v>
      </c>
      <c r="D4909" s="239">
        <v>8.9497</v>
      </c>
      <c r="E4909" s="239">
        <v>0.15129999999999999</v>
      </c>
      <c r="F4909" s="239">
        <v>0.1168</v>
      </c>
      <c r="G4909">
        <f t="shared" si="1143"/>
        <v>8.9730600000000003</v>
      </c>
      <c r="H4909" s="235">
        <f t="shared" si="1144"/>
        <v>1.6861583450907491</v>
      </c>
      <c r="I4909" s="236">
        <f t="shared" si="1145"/>
        <v>19.98765467461995</v>
      </c>
      <c r="J4909" s="237">
        <f t="shared" si="1150"/>
        <v>9.9876546746199502</v>
      </c>
      <c r="K4909" s="237">
        <f t="shared" si="1146"/>
        <v>970.72043692759257</v>
      </c>
      <c r="L4909" s="237">
        <f t="shared" si="1151"/>
        <v>485.13035051031483</v>
      </c>
      <c r="M4909" s="236">
        <f t="shared" si="1147"/>
        <v>16.495235877645346</v>
      </c>
      <c r="N4909" s="236">
        <f t="shared" si="1148"/>
        <v>1.8906970743679623</v>
      </c>
      <c r="O4909" s="236">
        <f t="shared" si="1152"/>
        <v>2.7044908687407272</v>
      </c>
      <c r="P4909" s="236" t="str">
        <f t="shared" si="1153"/>
        <v>CLAY</v>
      </c>
      <c r="Q4909" s="236">
        <f t="shared" si="1149"/>
        <v>666.86163025603389</v>
      </c>
      <c r="R4909" s="238">
        <v>35</v>
      </c>
      <c r="S4909" s="236">
        <f t="shared" si="1154"/>
        <v>8.3107108318251779</v>
      </c>
      <c r="T4909" s="236" t="e">
        <f t="shared" si="1140"/>
        <v>#N/A</v>
      </c>
    </row>
    <row r="4910" spans="1:20" x14ac:dyDescent="0.2">
      <c r="A4910" s="53">
        <f t="shared" si="1141"/>
        <v>4898</v>
      </c>
      <c r="B4910" s="239">
        <v>48.582000000000001</v>
      </c>
      <c r="C4910" s="3">
        <f t="shared" si="1142"/>
        <v>48.575000000000003</v>
      </c>
      <c r="D4910" s="239">
        <v>9.0996000000000006</v>
      </c>
      <c r="E4910" s="239">
        <v>0.1459</v>
      </c>
      <c r="F4910" s="239">
        <v>0.1406</v>
      </c>
      <c r="G4910">
        <f t="shared" si="1143"/>
        <v>9.1277200000000001</v>
      </c>
      <c r="H4910" s="235">
        <f t="shared" si="1144"/>
        <v>1.5984276467726881</v>
      </c>
      <c r="I4910" s="236">
        <f t="shared" si="1145"/>
        <v>19.951718420855091</v>
      </c>
      <c r="J4910" s="237">
        <f t="shared" si="1150"/>
        <v>9.9517184208550908</v>
      </c>
      <c r="K4910" s="237">
        <f t="shared" si="1146"/>
        <v>969.15472229303612</v>
      </c>
      <c r="L4910" s="237">
        <f t="shared" si="1151"/>
        <v>483.47438432198203</v>
      </c>
      <c r="M4910" s="236">
        <f t="shared" si="1147"/>
        <v>16.874865643912916</v>
      </c>
      <c r="N4910" s="236">
        <f t="shared" si="1148"/>
        <v>1.7883046226113728</v>
      </c>
      <c r="O4910" s="236">
        <f t="shared" si="1152"/>
        <v>2.6829191068823177</v>
      </c>
      <c r="P4910" s="236" t="str">
        <f t="shared" si="1153"/>
        <v>CLAY</v>
      </c>
      <c r="Q4910" s="236">
        <f t="shared" si="1149"/>
        <v>679.88043980891359</v>
      </c>
      <c r="R4910" s="238">
        <v>35</v>
      </c>
      <c r="S4910" s="236">
        <f t="shared" si="1154"/>
        <v>8.5504783819265491</v>
      </c>
      <c r="T4910" s="236" t="e">
        <f t="shared" si="1140"/>
        <v>#N/A</v>
      </c>
    </row>
    <row r="4911" spans="1:20" x14ac:dyDescent="0.2">
      <c r="A4911" s="53">
        <f t="shared" si="1141"/>
        <v>4899</v>
      </c>
      <c r="B4911" s="239">
        <v>48.591999999999999</v>
      </c>
      <c r="C4911" s="3">
        <f t="shared" si="1142"/>
        <v>48.585000000000001</v>
      </c>
      <c r="D4911" s="239">
        <v>9.3524999999999991</v>
      </c>
      <c r="E4911" s="239">
        <v>0.152</v>
      </c>
      <c r="F4911" s="239">
        <v>0.15049999999999999</v>
      </c>
      <c r="G4911">
        <f t="shared" si="1143"/>
        <v>9.3825999999999983</v>
      </c>
      <c r="H4911" s="235">
        <f t="shared" si="1144"/>
        <v>1.6200200370899327</v>
      </c>
      <c r="I4911" s="236">
        <f t="shared" si="1145"/>
        <v>20.010511623482088</v>
      </c>
      <c r="J4911" s="237">
        <f t="shared" si="1150"/>
        <v>10.010511623482088</v>
      </c>
      <c r="K4911" s="237">
        <f t="shared" si="1146"/>
        <v>972.21070722687728</v>
      </c>
      <c r="L4911" s="237">
        <f t="shared" si="1151"/>
        <v>486.43078080824165</v>
      </c>
      <c r="M4911" s="236">
        <f t="shared" si="1147"/>
        <v>17.290002246154369</v>
      </c>
      <c r="N4911" s="236">
        <f t="shared" si="1148"/>
        <v>1.8072885179121323</v>
      </c>
      <c r="O4911" s="236">
        <f t="shared" si="1152"/>
        <v>2.6766301845278919</v>
      </c>
      <c r="P4911" s="236" t="str">
        <f t="shared" si="1153"/>
        <v>CLAY</v>
      </c>
      <c r="Q4911" s="236">
        <f t="shared" si="1149"/>
        <v>700.86577439776011</v>
      </c>
      <c r="R4911" s="238">
        <v>35</v>
      </c>
      <c r="S4911" s="236">
        <f t="shared" si="1154"/>
        <v>8.8142186733596404</v>
      </c>
      <c r="T4911" s="236" t="e">
        <f t="shared" si="1140"/>
        <v>#N/A</v>
      </c>
    </row>
    <row r="4912" spans="1:20" x14ac:dyDescent="0.2">
      <c r="A4912" s="53">
        <f t="shared" si="1141"/>
        <v>4900</v>
      </c>
      <c r="B4912" s="239">
        <v>48.601999999999997</v>
      </c>
      <c r="C4912" s="3">
        <f t="shared" si="1142"/>
        <v>48.594999999999999</v>
      </c>
      <c r="D4912" s="239">
        <v>9.6454000000000004</v>
      </c>
      <c r="E4912" s="239">
        <v>0.15620000000000001</v>
      </c>
      <c r="F4912" s="239">
        <v>2.1000000000000001E-2</v>
      </c>
      <c r="G4912">
        <f t="shared" si="1143"/>
        <v>9.6496000000000013</v>
      </c>
      <c r="H4912" s="235">
        <f t="shared" si="1144"/>
        <v>1.6187199469408058</v>
      </c>
      <c r="I4912" s="236">
        <f t="shared" si="1145"/>
        <v>20.053440214158137</v>
      </c>
      <c r="J4912" s="237">
        <f t="shared" si="1150"/>
        <v>10.053440214158137</v>
      </c>
      <c r="K4912" s="237">
        <f t="shared" si="1146"/>
        <v>974.49692720701466</v>
      </c>
      <c r="L4912" s="237">
        <f t="shared" si="1151"/>
        <v>488.61730128851372</v>
      </c>
      <c r="M4912" s="236">
        <f t="shared" si="1147"/>
        <v>17.75439193396593</v>
      </c>
      <c r="N4912" s="236">
        <f t="shared" si="1148"/>
        <v>1.8005549754201446</v>
      </c>
      <c r="O4912" s="236">
        <f t="shared" si="1152"/>
        <v>2.6661407916953603</v>
      </c>
      <c r="P4912" s="236" t="str">
        <f t="shared" si="1153"/>
        <v>CLAY</v>
      </c>
      <c r="Q4912" s="236">
        <f t="shared" si="1149"/>
        <v>722.9252560660824</v>
      </c>
      <c r="R4912" s="238">
        <v>35</v>
      </c>
      <c r="S4912" s="236">
        <f t="shared" si="1154"/>
        <v>9.1111303968038069</v>
      </c>
      <c r="T4912" s="236" t="e">
        <f t="shared" si="1140"/>
        <v>#N/A</v>
      </c>
    </row>
    <row r="4913" spans="1:20" x14ac:dyDescent="0.2">
      <c r="A4913" s="53">
        <f t="shared" si="1141"/>
        <v>4901</v>
      </c>
      <c r="B4913" s="239">
        <v>48.610999999999997</v>
      </c>
      <c r="C4913" s="3">
        <f t="shared" si="1142"/>
        <v>48.603999999999999</v>
      </c>
      <c r="D4913" s="239">
        <v>9.9026999999999994</v>
      </c>
      <c r="E4913" s="239">
        <v>0.15740000000000001</v>
      </c>
      <c r="F4913" s="239">
        <v>-4.4999999999999997E-3</v>
      </c>
      <c r="G4913">
        <f t="shared" si="1143"/>
        <v>9.9017999999999997</v>
      </c>
      <c r="H4913" s="235">
        <f t="shared" si="1144"/>
        <v>1.5896099699044621</v>
      </c>
      <c r="I4913" s="236">
        <f t="shared" si="1145"/>
        <v>20.072498555092473</v>
      </c>
      <c r="J4913" s="237">
        <f t="shared" si="1150"/>
        <v>10.072498555092473</v>
      </c>
      <c r="K4913" s="237">
        <f t="shared" si="1146"/>
        <v>975.60371977171451</v>
      </c>
      <c r="L4913" s="237">
        <f t="shared" si="1151"/>
        <v>489.63422726160019</v>
      </c>
      <c r="M4913" s="236">
        <f t="shared" si="1147"/>
        <v>18.230335591836038</v>
      </c>
      <c r="N4913" s="236">
        <f t="shared" si="1148"/>
        <v>1.7633490801523641</v>
      </c>
      <c r="O4913" s="236">
        <f t="shared" si="1152"/>
        <v>2.6515535477151593</v>
      </c>
      <c r="P4913" s="236" t="str">
        <f t="shared" si="1153"/>
        <v>CLAY</v>
      </c>
      <c r="Q4913" s="236">
        <f t="shared" si="1149"/>
        <v>743.8496900190238</v>
      </c>
      <c r="R4913" s="238">
        <v>35</v>
      </c>
      <c r="S4913" s="236">
        <f t="shared" si="1154"/>
        <v>9.4174503219441181</v>
      </c>
      <c r="T4913" s="236" t="e">
        <f t="shared" si="1140"/>
        <v>#N/A</v>
      </c>
    </row>
    <row r="4914" spans="1:20" x14ac:dyDescent="0.2">
      <c r="A4914" s="53">
        <f t="shared" si="1141"/>
        <v>4902</v>
      </c>
      <c r="B4914" s="239">
        <v>48.622</v>
      </c>
      <c r="C4914" s="3">
        <f t="shared" si="1142"/>
        <v>48.615000000000002</v>
      </c>
      <c r="D4914" s="239">
        <v>10.1523</v>
      </c>
      <c r="E4914" s="239">
        <v>0.15490000000000001</v>
      </c>
      <c r="F4914" s="239">
        <v>-4.82E-2</v>
      </c>
      <c r="G4914">
        <f t="shared" si="1143"/>
        <v>10.142660000000001</v>
      </c>
      <c r="H4914" s="235">
        <f t="shared" si="1144"/>
        <v>1.5272127824456305</v>
      </c>
      <c r="I4914" s="236">
        <f t="shared" si="1145"/>
        <v>20.063118562997822</v>
      </c>
      <c r="J4914" s="237">
        <f t="shared" si="1150"/>
        <v>10.063118562997822</v>
      </c>
      <c r="K4914" s="237">
        <f t="shared" si="1146"/>
        <v>975.36850894013912</v>
      </c>
      <c r="L4914" s="237">
        <f t="shared" si="1151"/>
        <v>489.28895077008008</v>
      </c>
      <c r="M4914" s="236">
        <f t="shared" si="1147"/>
        <v>18.735946267806955</v>
      </c>
      <c r="N4914" s="236">
        <f t="shared" si="1148"/>
        <v>1.6897030071647854</v>
      </c>
      <c r="O4914" s="236">
        <f t="shared" si="1152"/>
        <v>2.6314234294216043</v>
      </c>
      <c r="P4914" s="236" t="str">
        <f t="shared" si="1153"/>
        <v>CLAY</v>
      </c>
      <c r="Q4914" s="236">
        <f t="shared" si="1149"/>
        <v>763.94095758832191</v>
      </c>
      <c r="R4914" s="238">
        <v>35</v>
      </c>
      <c r="S4914" s="236">
        <f t="shared" si="1154"/>
        <v>9.7450607082431038</v>
      </c>
      <c r="T4914" s="236" t="e">
        <f t="shared" si="1140"/>
        <v>#N/A</v>
      </c>
    </row>
    <row r="4915" spans="1:20" x14ac:dyDescent="0.2">
      <c r="A4915" s="53">
        <f t="shared" si="1141"/>
        <v>4903</v>
      </c>
      <c r="B4915" s="239">
        <v>48.631</v>
      </c>
      <c r="C4915" s="3">
        <f t="shared" si="1142"/>
        <v>48.624000000000002</v>
      </c>
      <c r="D4915" s="239">
        <v>10.292</v>
      </c>
      <c r="E4915" s="239">
        <v>0.16200000000000001</v>
      </c>
      <c r="F4915" s="239">
        <v>-7.0900000000000005E-2</v>
      </c>
      <c r="G4915">
        <f t="shared" si="1143"/>
        <v>10.27782</v>
      </c>
      <c r="H4915" s="235">
        <f t="shared" si="1144"/>
        <v>1.576209740976199</v>
      </c>
      <c r="I4915" s="236">
        <f t="shared" si="1145"/>
        <v>20.120844500329845</v>
      </c>
      <c r="J4915" s="237">
        <f t="shared" si="1150"/>
        <v>10.120844500329845</v>
      </c>
      <c r="K4915" s="237">
        <f t="shared" si="1146"/>
        <v>978.35594298403839</v>
      </c>
      <c r="L4915" s="237">
        <f t="shared" si="1151"/>
        <v>492.1867888955407</v>
      </c>
      <c r="M4915" s="236">
        <f t="shared" si="1147"/>
        <v>18.894176493204561</v>
      </c>
      <c r="N4915" s="236">
        <f t="shared" si="1148"/>
        <v>1.7420358743983688</v>
      </c>
      <c r="O4915" s="236">
        <f t="shared" si="1152"/>
        <v>2.6356943710555201</v>
      </c>
      <c r="P4915" s="236" t="str">
        <f t="shared" si="1153"/>
        <v>CLAY</v>
      </c>
      <c r="Q4915" s="236">
        <f t="shared" si="1149"/>
        <v>774.95533808466337</v>
      </c>
      <c r="R4915" s="238">
        <v>35</v>
      </c>
      <c r="S4915" s="236">
        <f t="shared" si="1154"/>
        <v>9.8480437317652871</v>
      </c>
      <c r="T4915" s="236" t="e">
        <f t="shared" si="1140"/>
        <v>#N/A</v>
      </c>
    </row>
    <row r="4916" spans="1:20" x14ac:dyDescent="0.2">
      <c r="A4916" s="53">
        <f t="shared" si="1141"/>
        <v>4904</v>
      </c>
      <c r="B4916" s="239">
        <v>48.640999999999998</v>
      </c>
      <c r="C4916" s="3">
        <f t="shared" si="1142"/>
        <v>48.634</v>
      </c>
      <c r="D4916" s="239">
        <v>10.290100000000001</v>
      </c>
      <c r="E4916" s="239">
        <v>0.16900000000000001</v>
      </c>
      <c r="F4916" s="239">
        <v>-0.107</v>
      </c>
      <c r="G4916">
        <f t="shared" si="1143"/>
        <v>10.268700000000001</v>
      </c>
      <c r="H4916" s="235">
        <f t="shared" si="1144"/>
        <v>1.6457779465755158</v>
      </c>
      <c r="I4916" s="236">
        <f t="shared" si="1145"/>
        <v>20.170101076358719</v>
      </c>
      <c r="J4916" s="237">
        <f t="shared" si="1150"/>
        <v>10.170101076358719</v>
      </c>
      <c r="K4916" s="237">
        <f t="shared" si="1146"/>
        <v>980.95269574762995</v>
      </c>
      <c r="L4916" s="237">
        <f t="shared" si="1151"/>
        <v>494.68388645516444</v>
      </c>
      <c r="M4916" s="236">
        <f t="shared" si="1147"/>
        <v>18.775115904435598</v>
      </c>
      <c r="N4916" s="236">
        <f t="shared" si="1148"/>
        <v>1.8196016155890009</v>
      </c>
      <c r="O4916" s="236">
        <f t="shared" si="1152"/>
        <v>2.6485050815428877</v>
      </c>
      <c r="P4916" s="236" t="str">
        <f t="shared" si="1153"/>
        <v>CLAY</v>
      </c>
      <c r="Q4916" s="236">
        <f t="shared" si="1149"/>
        <v>773.97894202103089</v>
      </c>
      <c r="R4916" s="238">
        <v>35</v>
      </c>
      <c r="S4916" s="236">
        <f t="shared" si="1154"/>
        <v>9.7705338135572575</v>
      </c>
      <c r="T4916" s="236" t="e">
        <f t="shared" si="1140"/>
        <v>#N/A</v>
      </c>
    </row>
    <row r="4917" spans="1:20" x14ac:dyDescent="0.2">
      <c r="A4917" s="53">
        <f t="shared" si="1141"/>
        <v>4905</v>
      </c>
      <c r="B4917" s="239">
        <v>48.651000000000003</v>
      </c>
      <c r="C4917" s="3">
        <f t="shared" si="1142"/>
        <v>48.644000000000005</v>
      </c>
      <c r="D4917" s="239">
        <v>10.0823</v>
      </c>
      <c r="E4917" s="239">
        <v>0.1852</v>
      </c>
      <c r="F4917" s="239">
        <v>-0.1055</v>
      </c>
      <c r="G4917">
        <f t="shared" si="1143"/>
        <v>10.061199999999999</v>
      </c>
      <c r="H4917" s="235">
        <f t="shared" si="1144"/>
        <v>1.8407347036138832</v>
      </c>
      <c r="I4917" s="236">
        <f t="shared" si="1145"/>
        <v>20.269458510643528</v>
      </c>
      <c r="J4917" s="237">
        <f t="shared" si="1150"/>
        <v>10.269458510643528</v>
      </c>
      <c r="K4917" s="237">
        <f t="shared" si="1146"/>
        <v>985.98753979174387</v>
      </c>
      <c r="L4917" s="237">
        <f t="shared" si="1151"/>
        <v>499.61942600131829</v>
      </c>
      <c r="M4917" s="236">
        <f t="shared" si="1147"/>
        <v>18.164250603386886</v>
      </c>
      <c r="N4917" s="236">
        <f t="shared" si="1148"/>
        <v>2.0407235732721358</v>
      </c>
      <c r="O4917" s="236">
        <f t="shared" si="1152"/>
        <v>2.6884566148033935</v>
      </c>
      <c r="P4917" s="236" t="str">
        <f t="shared" si="1153"/>
        <v>CLAY</v>
      </c>
      <c r="Q4917" s="236">
        <f t="shared" si="1149"/>
        <v>756.26770501735461</v>
      </c>
      <c r="R4917" s="238">
        <v>35</v>
      </c>
      <c r="S4917" s="236">
        <f t="shared" si="1154"/>
        <v>9.374796839699254</v>
      </c>
      <c r="T4917" s="236" t="e">
        <f t="shared" si="1140"/>
        <v>#N/A</v>
      </c>
    </row>
    <row r="4918" spans="1:20" x14ac:dyDescent="0.2">
      <c r="A4918" s="53">
        <f t="shared" si="1141"/>
        <v>4906</v>
      </c>
      <c r="B4918" s="239">
        <v>48.66</v>
      </c>
      <c r="C4918" s="3">
        <f t="shared" si="1142"/>
        <v>48.652999999999999</v>
      </c>
      <c r="D4918" s="239">
        <v>9.8829999999999991</v>
      </c>
      <c r="E4918" s="239">
        <v>0.19339999999999999</v>
      </c>
      <c r="F4918" s="239">
        <v>-8.8300000000000003E-2</v>
      </c>
      <c r="G4918">
        <f t="shared" si="1143"/>
        <v>9.8653399999999998</v>
      </c>
      <c r="H4918" s="235">
        <f t="shared" si="1144"/>
        <v>1.9603987292886003</v>
      </c>
      <c r="I4918" s="236">
        <f t="shared" si="1145"/>
        <v>20.312576374369925</v>
      </c>
      <c r="J4918" s="237">
        <f t="shared" si="1150"/>
        <v>10.312576374369925</v>
      </c>
      <c r="K4918" s="237">
        <f t="shared" si="1146"/>
        <v>988.26777834221991</v>
      </c>
      <c r="L4918" s="237">
        <f t="shared" si="1151"/>
        <v>501.80996637684052</v>
      </c>
      <c r="M4918" s="236">
        <f t="shared" si="1147"/>
        <v>17.690107443963022</v>
      </c>
      <c r="N4918" s="236">
        <f t="shared" si="1148"/>
        <v>2.1786462379809595</v>
      </c>
      <c r="O4918" s="236">
        <f t="shared" si="1152"/>
        <v>2.7141163763812024</v>
      </c>
      <c r="P4918" s="236" t="str">
        <f t="shared" si="1153"/>
        <v>CLAY</v>
      </c>
      <c r="Q4918" s="236">
        <f t="shared" si="1149"/>
        <v>739.75601847148164</v>
      </c>
      <c r="R4918" s="238">
        <v>35</v>
      </c>
      <c r="S4918" s="236">
        <f t="shared" si="1154"/>
        <v>9.0699124938282356</v>
      </c>
      <c r="T4918" s="236" t="e">
        <f t="shared" si="1140"/>
        <v>#N/A</v>
      </c>
    </row>
    <row r="4919" spans="1:20" x14ac:dyDescent="0.2">
      <c r="A4919" s="53">
        <f t="shared" si="1141"/>
        <v>4907</v>
      </c>
      <c r="B4919" s="239">
        <v>48.67</v>
      </c>
      <c r="C4919" s="3">
        <f t="shared" si="1142"/>
        <v>48.663000000000004</v>
      </c>
      <c r="D4919" s="239">
        <v>9.6834000000000007</v>
      </c>
      <c r="E4919" s="239">
        <v>0.19</v>
      </c>
      <c r="F4919" s="239">
        <v>-8.2199999999999995E-2</v>
      </c>
      <c r="G4919">
        <f t="shared" si="1143"/>
        <v>9.6669600000000013</v>
      </c>
      <c r="H4919" s="235">
        <f t="shared" si="1144"/>
        <v>1.9654575999073129</v>
      </c>
      <c r="I4919" s="236">
        <f t="shared" si="1145"/>
        <v>20.283838706368591</v>
      </c>
      <c r="J4919" s="237">
        <f t="shared" si="1150"/>
        <v>10.283838706368591</v>
      </c>
      <c r="K4919" s="237">
        <f t="shared" si="1146"/>
        <v>987.0724429680148</v>
      </c>
      <c r="L4919" s="237">
        <f t="shared" si="1151"/>
        <v>500.51442983895936</v>
      </c>
      <c r="M4919" s="236">
        <f t="shared" si="1147"/>
        <v>17.341932698773025</v>
      </c>
      <c r="N4919" s="236">
        <f t="shared" si="1148"/>
        <v>2.188968448630098</v>
      </c>
      <c r="O4919" s="236">
        <f t="shared" si="1152"/>
        <v>2.7223653838499251</v>
      </c>
      <c r="P4919" s="236" t="str">
        <f t="shared" si="1153"/>
        <v>CLAY</v>
      </c>
      <c r="Q4919" s="236">
        <f t="shared" si="1149"/>
        <v>723.32396308599891</v>
      </c>
      <c r="R4919" s="238">
        <v>35</v>
      </c>
      <c r="S4919" s="236">
        <f t="shared" si="1154"/>
        <v>8.8473229261248676</v>
      </c>
      <c r="T4919" s="236" t="e">
        <f t="shared" si="1140"/>
        <v>#N/A</v>
      </c>
    </row>
    <row r="4920" spans="1:20" x14ac:dyDescent="0.2">
      <c r="A4920" s="53">
        <f t="shared" si="1141"/>
        <v>4908</v>
      </c>
      <c r="B4920" s="239">
        <v>48.68</v>
      </c>
      <c r="C4920" s="3">
        <f t="shared" si="1142"/>
        <v>48.673000000000002</v>
      </c>
      <c r="D4920" s="239">
        <v>9.35</v>
      </c>
      <c r="E4920" s="239">
        <v>0.1774</v>
      </c>
      <c r="F4920" s="239">
        <v>-8.6400000000000005E-2</v>
      </c>
      <c r="G4920">
        <f t="shared" si="1143"/>
        <v>9.3327200000000001</v>
      </c>
      <c r="H4920" s="235">
        <f t="shared" si="1144"/>
        <v>1.9008391980044403</v>
      </c>
      <c r="I4920" s="236">
        <f t="shared" si="1145"/>
        <v>20.189625228920711</v>
      </c>
      <c r="J4920" s="237">
        <f t="shared" si="1150"/>
        <v>10.189625228920711</v>
      </c>
      <c r="K4920" s="237">
        <f t="shared" si="1146"/>
        <v>982.68962876725777</v>
      </c>
      <c r="L4920" s="237">
        <f t="shared" si="1151"/>
        <v>496.03095614386024</v>
      </c>
      <c r="M4920" s="236">
        <f t="shared" si="1147"/>
        <v>16.833688034605331</v>
      </c>
      <c r="N4920" s="236">
        <f t="shared" si="1148"/>
        <v>2.1245431706592686</v>
      </c>
      <c r="O4920" s="236">
        <f t="shared" si="1152"/>
        <v>2.7255755653761442</v>
      </c>
      <c r="P4920" s="236" t="str">
        <f t="shared" si="1153"/>
        <v>CLAY</v>
      </c>
      <c r="Q4920" s="236">
        <f t="shared" si="1149"/>
        <v>695.83586426939519</v>
      </c>
      <c r="R4920" s="238">
        <v>35</v>
      </c>
      <c r="S4920" s="236">
        <f t="shared" si="1154"/>
        <v>8.5244055226319304</v>
      </c>
      <c r="T4920" s="236" t="e">
        <f t="shared" si="1140"/>
        <v>#N/A</v>
      </c>
    </row>
    <row r="4921" spans="1:20" x14ac:dyDescent="0.2">
      <c r="A4921" s="53">
        <f t="shared" si="1141"/>
        <v>4909</v>
      </c>
      <c r="B4921" s="239">
        <v>48.69</v>
      </c>
      <c r="C4921" s="3">
        <f t="shared" si="1142"/>
        <v>48.683</v>
      </c>
      <c r="D4921" s="239">
        <v>9.0692000000000004</v>
      </c>
      <c r="E4921" s="239">
        <v>0.16969999999999999</v>
      </c>
      <c r="F4921" s="239">
        <v>-0.1</v>
      </c>
      <c r="G4921">
        <f t="shared" si="1143"/>
        <v>9.0492000000000008</v>
      </c>
      <c r="H4921" s="235">
        <f t="shared" si="1144"/>
        <v>1.8753038942668963</v>
      </c>
      <c r="I4921" s="236">
        <f t="shared" si="1145"/>
        <v>20.125533196792471</v>
      </c>
      <c r="J4921" s="237">
        <f t="shared" si="1150"/>
        <v>10.125533196792471</v>
      </c>
      <c r="K4921" s="237">
        <f t="shared" si="1146"/>
        <v>979.77133261944789</v>
      </c>
      <c r="L4921" s="237">
        <f t="shared" si="1151"/>
        <v>493.01221135182539</v>
      </c>
      <c r="M4921" s="236">
        <f t="shared" si="1147"/>
        <v>16.367604050322424</v>
      </c>
      <c r="N4921" s="236">
        <f t="shared" si="1148"/>
        <v>2.1029989481905531</v>
      </c>
      <c r="O4921" s="236">
        <f t="shared" si="1152"/>
        <v>2.7331219389121961</v>
      </c>
      <c r="P4921" s="236" t="str">
        <f t="shared" si="1153"/>
        <v>CLAY</v>
      </c>
      <c r="Q4921" s="236">
        <f t="shared" si="1149"/>
        <v>672.45238894837939</v>
      </c>
      <c r="R4921" s="238">
        <v>35</v>
      </c>
      <c r="S4921" s="236">
        <f t="shared" si="1154"/>
        <v>8.2304086069656002</v>
      </c>
      <c r="T4921" s="236" t="e">
        <f t="shared" si="1140"/>
        <v>#N/A</v>
      </c>
    </row>
    <row r="4922" spans="1:20" x14ac:dyDescent="0.2">
      <c r="A4922" s="53">
        <f t="shared" si="1141"/>
        <v>4910</v>
      </c>
      <c r="B4922" s="239">
        <v>48.7</v>
      </c>
      <c r="C4922" s="3">
        <f t="shared" si="1142"/>
        <v>48.693000000000005</v>
      </c>
      <c r="D4922" s="239">
        <v>8.6555</v>
      </c>
      <c r="E4922" s="239">
        <v>0.16320000000000001</v>
      </c>
      <c r="F4922" s="239">
        <v>-8.4699999999999998E-2</v>
      </c>
      <c r="G4922">
        <f t="shared" si="1143"/>
        <v>8.63856</v>
      </c>
      <c r="H4922" s="235">
        <f t="shared" si="1144"/>
        <v>1.8892037561815858</v>
      </c>
      <c r="I4922" s="236">
        <f t="shared" si="1145"/>
        <v>20.061584689940094</v>
      </c>
      <c r="J4922" s="237">
        <f t="shared" si="1150"/>
        <v>10.061584689940094</v>
      </c>
      <c r="K4922" s="237">
        <f t="shared" si="1146"/>
        <v>976.85874330725312</v>
      </c>
      <c r="L4922" s="237">
        <f t="shared" si="1151"/>
        <v>489.99917440008261</v>
      </c>
      <c r="M4922" s="236">
        <f t="shared" si="1147"/>
        <v>15.636151358975544</v>
      </c>
      <c r="N4922" s="236">
        <f t="shared" si="1148"/>
        <v>2.1300752213151029</v>
      </c>
      <c r="O4922" s="236">
        <f t="shared" si="1152"/>
        <v>2.7526554014520808</v>
      </c>
      <c r="P4922" s="236" t="str">
        <f t="shared" si="1153"/>
        <v>CLAY</v>
      </c>
      <c r="Q4922" s="236">
        <f t="shared" si="1149"/>
        <v>638.47510472439546</v>
      </c>
      <c r="R4922" s="238">
        <v>35</v>
      </c>
      <c r="S4922" s="236">
        <f t="shared" si="1154"/>
        <v>7.7732447265464231</v>
      </c>
      <c r="T4922" s="236" t="e">
        <f t="shared" si="1140"/>
        <v>#N/A</v>
      </c>
    </row>
    <row r="4923" spans="1:20" x14ac:dyDescent="0.2">
      <c r="A4923" s="53">
        <f t="shared" si="1141"/>
        <v>4911</v>
      </c>
      <c r="B4923" s="239">
        <v>48.709000000000003</v>
      </c>
      <c r="C4923" s="3">
        <f t="shared" si="1142"/>
        <v>48.702000000000005</v>
      </c>
      <c r="D4923" s="239">
        <v>8.1994000000000007</v>
      </c>
      <c r="E4923" s="239">
        <v>0.15440000000000001</v>
      </c>
      <c r="F4923" s="239">
        <v>-6.7599999999999993E-2</v>
      </c>
      <c r="G4923">
        <f t="shared" si="1143"/>
        <v>8.1858800000000009</v>
      </c>
      <c r="H4923" s="235">
        <f t="shared" si="1144"/>
        <v>1.8861747301450789</v>
      </c>
      <c r="I4923" s="236">
        <f t="shared" si="1145"/>
        <v>19.975549590059433</v>
      </c>
      <c r="J4923" s="237">
        <f t="shared" si="1150"/>
        <v>9.9755495900594333</v>
      </c>
      <c r="K4923" s="237">
        <f t="shared" si="1146"/>
        <v>972.84921613507458</v>
      </c>
      <c r="L4923" s="237">
        <f t="shared" si="1151"/>
        <v>485.89904498220494</v>
      </c>
      <c r="M4923" s="236">
        <f t="shared" si="1147"/>
        <v>14.844710765235376</v>
      </c>
      <c r="N4923" s="236">
        <f t="shared" si="1148"/>
        <v>2.1405703736268893</v>
      </c>
      <c r="O4923" s="236">
        <f t="shared" si="1152"/>
        <v>2.7725284899844667</v>
      </c>
      <c r="P4923" s="236" t="str">
        <f t="shared" si="1153"/>
        <v>CLAY</v>
      </c>
      <c r="Q4923" s="236">
        <f t="shared" si="1149"/>
        <v>601.08589865541046</v>
      </c>
      <c r="R4923" s="238">
        <v>35</v>
      </c>
      <c r="S4923" s="236">
        <f t="shared" si="1154"/>
        <v>7.2845827978439432</v>
      </c>
      <c r="T4923" s="236" t="e">
        <f t="shared" si="1140"/>
        <v>#N/A</v>
      </c>
    </row>
    <row r="4924" spans="1:20" x14ac:dyDescent="0.2">
      <c r="A4924" s="53">
        <f t="shared" si="1141"/>
        <v>4912</v>
      </c>
      <c r="B4924" s="239">
        <v>48.719000000000001</v>
      </c>
      <c r="C4924" s="3">
        <f t="shared" si="1142"/>
        <v>48.712000000000003</v>
      </c>
      <c r="D4924" s="239">
        <v>7.6706000000000003</v>
      </c>
      <c r="E4924" s="239">
        <v>0.14960000000000001</v>
      </c>
      <c r="F4924" s="239">
        <v>-6.0400000000000002E-2</v>
      </c>
      <c r="G4924">
        <f t="shared" si="1143"/>
        <v>7.6585200000000002</v>
      </c>
      <c r="H4924" s="235">
        <f t="shared" si="1144"/>
        <v>1.9533800264280827</v>
      </c>
      <c r="I4924" s="236">
        <f t="shared" si="1145"/>
        <v>19.912488722667188</v>
      </c>
      <c r="J4924" s="237">
        <f t="shared" si="1150"/>
        <v>9.9124887226671881</v>
      </c>
      <c r="K4924" s="237">
        <f t="shared" si="1146"/>
        <v>969.97715065856414</v>
      </c>
      <c r="L4924" s="237">
        <f t="shared" si="1151"/>
        <v>482.92653807962273</v>
      </c>
      <c r="M4924" s="236">
        <f t="shared" si="1147"/>
        <v>13.85002132195655</v>
      </c>
      <c r="N4924" s="236">
        <f t="shared" si="1148"/>
        <v>2.2366605607487418</v>
      </c>
      <c r="O4924" s="236">
        <f t="shared" si="1152"/>
        <v>2.8081644280188218</v>
      </c>
      <c r="P4924" s="236" t="str">
        <f t="shared" si="1153"/>
        <v>CLAY</v>
      </c>
      <c r="Q4924" s="236">
        <f t="shared" si="1149"/>
        <v>557.37857077845308</v>
      </c>
      <c r="R4924" s="238">
        <v>35</v>
      </c>
      <c r="S4924" s="236">
        <f t="shared" si="1154"/>
        <v>6.6796400678242245</v>
      </c>
      <c r="T4924" s="236" t="e">
        <f t="shared" si="1140"/>
        <v>#N/A</v>
      </c>
    </row>
    <row r="4925" spans="1:20" x14ac:dyDescent="0.2">
      <c r="A4925" s="53">
        <f t="shared" si="1141"/>
        <v>4913</v>
      </c>
      <c r="B4925" s="239">
        <v>48.728000000000002</v>
      </c>
      <c r="C4925" s="3">
        <f t="shared" si="1142"/>
        <v>48.721000000000004</v>
      </c>
      <c r="D4925" s="239">
        <v>7.1127000000000002</v>
      </c>
      <c r="E4925" s="239">
        <v>0.15029999999999999</v>
      </c>
      <c r="F4925" s="239">
        <v>-2.64E-2</v>
      </c>
      <c r="G4925">
        <f t="shared" si="1143"/>
        <v>7.1074200000000003</v>
      </c>
      <c r="H4925" s="235">
        <f t="shared" si="1144"/>
        <v>2.1146914070084502</v>
      </c>
      <c r="I4925" s="236">
        <f t="shared" si="1145"/>
        <v>19.888773084002878</v>
      </c>
      <c r="J4925" s="237">
        <f t="shared" si="1150"/>
        <v>9.888773084002878</v>
      </c>
      <c r="K4925" s="237">
        <f t="shared" si="1146"/>
        <v>969.00091342570431</v>
      </c>
      <c r="L4925" s="237">
        <f t="shared" si="1151"/>
        <v>481.86013483729226</v>
      </c>
      <c r="M4925" s="236">
        <f t="shared" si="1147"/>
        <v>12.73900587075341</v>
      </c>
      <c r="N4925" s="236">
        <f t="shared" si="1148"/>
        <v>2.448513173835428</v>
      </c>
      <c r="O4925" s="236">
        <f t="shared" si="1152"/>
        <v>2.8602711414042488</v>
      </c>
      <c r="P4925" s="236" t="str">
        <f t="shared" si="1153"/>
        <v>CLAY</v>
      </c>
      <c r="Q4925" s="236">
        <f t="shared" si="1149"/>
        <v>511.53492388119133</v>
      </c>
      <c r="R4925" s="238">
        <v>35</v>
      </c>
      <c r="S4925" s="236">
        <f t="shared" si="1154"/>
        <v>6.0167148693234562</v>
      </c>
      <c r="T4925" s="236" t="e">
        <f t="shared" si="1140"/>
        <v>#N/A</v>
      </c>
    </row>
    <row r="4926" spans="1:20" x14ac:dyDescent="0.2">
      <c r="A4926" s="53">
        <f t="shared" si="1141"/>
        <v>4914</v>
      </c>
      <c r="B4926" s="239">
        <v>48.738</v>
      </c>
      <c r="C4926" s="3">
        <f t="shared" si="1142"/>
        <v>48.731000000000002</v>
      </c>
      <c r="D4926" s="239">
        <v>6.5923999999999996</v>
      </c>
      <c r="E4926" s="239">
        <v>0.14680000000000001</v>
      </c>
      <c r="F4926" s="239">
        <v>2.52E-2</v>
      </c>
      <c r="G4926">
        <f t="shared" si="1143"/>
        <v>6.5974399999999997</v>
      </c>
      <c r="H4926" s="235">
        <f t="shared" si="1144"/>
        <v>2.2251054954649079</v>
      </c>
      <c r="I4926" s="236">
        <f t="shared" si="1145"/>
        <v>19.832041308770386</v>
      </c>
      <c r="J4926" s="237">
        <f t="shared" si="1150"/>
        <v>9.8320413087703855</v>
      </c>
      <c r="K4926" s="237">
        <f t="shared" si="1146"/>
        <v>966.43520501768967</v>
      </c>
      <c r="L4926" s="237">
        <f t="shared" si="1151"/>
        <v>479.19402930685106</v>
      </c>
      <c r="M4926" s="236">
        <f t="shared" si="1147"/>
        <v>11.750991144709163</v>
      </c>
      <c r="N4926" s="236">
        <f t="shared" si="1148"/>
        <v>2.6069947610559829</v>
      </c>
      <c r="O4926" s="236">
        <f t="shared" si="1152"/>
        <v>2.9045820746519651</v>
      </c>
      <c r="P4926" s="236" t="str">
        <f t="shared" si="1153"/>
        <v>CLAY</v>
      </c>
      <c r="Q4926" s="236">
        <f t="shared" si="1149"/>
        <v>469.2503995818592</v>
      </c>
      <c r="R4926" s="238">
        <v>35</v>
      </c>
      <c r="S4926" s="236">
        <f t="shared" si="1154"/>
        <v>5.4391762572222975</v>
      </c>
      <c r="T4926" s="236" t="e">
        <f t="shared" si="1140"/>
        <v>#N/A</v>
      </c>
    </row>
    <row r="4927" spans="1:20" x14ac:dyDescent="0.2">
      <c r="A4927" s="53">
        <f t="shared" si="1141"/>
        <v>4915</v>
      </c>
      <c r="B4927" s="239">
        <v>48.747999999999998</v>
      </c>
      <c r="C4927" s="3">
        <f t="shared" si="1142"/>
        <v>48.741</v>
      </c>
      <c r="D4927" s="239">
        <v>6.1497999999999999</v>
      </c>
      <c r="E4927" s="239">
        <v>0.14560000000000001</v>
      </c>
      <c r="F4927" s="239">
        <v>0.18310000000000001</v>
      </c>
      <c r="G4927">
        <f t="shared" si="1143"/>
        <v>6.18642</v>
      </c>
      <c r="H4927" s="235">
        <f t="shared" si="1144"/>
        <v>2.3535421132092553</v>
      </c>
      <c r="I4927" s="236">
        <f t="shared" si="1145"/>
        <v>19.797274227898161</v>
      </c>
      <c r="J4927" s="237">
        <f t="shared" si="1150"/>
        <v>9.7972742278981606</v>
      </c>
      <c r="K4927" s="237">
        <f t="shared" si="1146"/>
        <v>964.93894314198428</v>
      </c>
      <c r="L4927" s="237">
        <f t="shared" si="1151"/>
        <v>477.59752406157952</v>
      </c>
      <c r="M4927" s="236">
        <f t="shared" si="1147"/>
        <v>10.932805958568535</v>
      </c>
      <c r="N4927" s="236">
        <f t="shared" si="1148"/>
        <v>2.78848086231713</v>
      </c>
      <c r="O4927" s="236">
        <f t="shared" si="1152"/>
        <v>2.9469501706549868</v>
      </c>
      <c r="P4927" s="236" t="str">
        <f t="shared" si="1153"/>
        <v>CLAY</v>
      </c>
      <c r="Q4927" s="236">
        <f t="shared" si="1149"/>
        <v>435.12342140483469</v>
      </c>
      <c r="R4927" s="238">
        <v>35</v>
      </c>
      <c r="S4927" s="236">
        <f t="shared" si="1154"/>
        <v>4.9699790581980077</v>
      </c>
      <c r="T4927" s="236" t="e">
        <f t="shared" si="1140"/>
        <v>#N/A</v>
      </c>
    </row>
    <row r="4928" spans="1:20" x14ac:dyDescent="0.2">
      <c r="A4928" s="53">
        <f t="shared" si="1141"/>
        <v>4916</v>
      </c>
      <c r="B4928" s="239">
        <v>48.759</v>
      </c>
      <c r="C4928" s="3">
        <f t="shared" si="1142"/>
        <v>48.752000000000002</v>
      </c>
      <c r="D4928" s="239">
        <v>5.5125999999999999</v>
      </c>
      <c r="E4928" s="239">
        <v>0.1399</v>
      </c>
      <c r="F4928" s="239">
        <v>0.35289999999999999</v>
      </c>
      <c r="G4928">
        <f t="shared" si="1143"/>
        <v>5.5831799999999996</v>
      </c>
      <c r="H4928" s="235">
        <f t="shared" si="1144"/>
        <v>2.5057404561558112</v>
      </c>
      <c r="I4928" s="236">
        <f t="shared" si="1145"/>
        <v>19.710344350146993</v>
      </c>
      <c r="J4928" s="237">
        <f t="shared" si="1150"/>
        <v>9.7103443501469933</v>
      </c>
      <c r="K4928" s="237">
        <f t="shared" si="1146"/>
        <v>960.91870775836628</v>
      </c>
      <c r="L4928" s="237">
        <f t="shared" si="1151"/>
        <v>473.46668016881722</v>
      </c>
      <c r="M4928" s="236">
        <f t="shared" si="1147"/>
        <v>9.7625904542924538</v>
      </c>
      <c r="N4928" s="236">
        <f t="shared" si="1148"/>
        <v>3.0266571090392311</v>
      </c>
      <c r="O4928" s="236">
        <f t="shared" si="1152"/>
        <v>3.0076291862216729</v>
      </c>
      <c r="P4928" s="236" t="str">
        <f t="shared" si="1153"/>
        <v>CLAY</v>
      </c>
      <c r="Q4928" s="236">
        <f t="shared" si="1149"/>
        <v>385.18844102013605</v>
      </c>
      <c r="R4928" s="238">
        <v>35</v>
      </c>
      <c r="S4928" s="236">
        <f t="shared" si="1154"/>
        <v>4.3141609871283499</v>
      </c>
      <c r="T4928" s="236" t="e">
        <f t="shared" si="1140"/>
        <v>#N/A</v>
      </c>
    </row>
    <row r="4929" spans="1:20" x14ac:dyDescent="0.2">
      <c r="A4929" s="53">
        <f t="shared" si="1141"/>
        <v>4917</v>
      </c>
      <c r="B4929" s="239">
        <v>48.768000000000001</v>
      </c>
      <c r="C4929" s="3">
        <f t="shared" si="1142"/>
        <v>48.761000000000003</v>
      </c>
      <c r="D4929" s="239">
        <v>5.2567000000000004</v>
      </c>
      <c r="E4929" s="239">
        <v>0.1497</v>
      </c>
      <c r="F4929" s="239">
        <v>0.40639999999999998</v>
      </c>
      <c r="G4929">
        <f t="shared" si="1143"/>
        <v>5.3379799999999999</v>
      </c>
      <c r="H4929" s="235">
        <f t="shared" si="1144"/>
        <v>2.8044316389345783</v>
      </c>
      <c r="I4929" s="236">
        <f t="shared" si="1145"/>
        <v>19.772181163349853</v>
      </c>
      <c r="J4929" s="237">
        <f t="shared" si="1150"/>
        <v>9.7721811633498525</v>
      </c>
      <c r="K4929" s="237">
        <f t="shared" si="1146"/>
        <v>964.11132570610221</v>
      </c>
      <c r="L4929" s="237">
        <f t="shared" si="1151"/>
        <v>476.5697309742456</v>
      </c>
      <c r="M4929" s="236">
        <f t="shared" si="1147"/>
        <v>9.177814682758914</v>
      </c>
      <c r="N4929" s="236">
        <f t="shared" si="1148"/>
        <v>3.4225993313383394</v>
      </c>
      <c r="O4929" s="236">
        <f t="shared" si="1152"/>
        <v>3.0600852089770911</v>
      </c>
      <c r="P4929" s="236" t="str">
        <f t="shared" si="1153"/>
        <v>CLAY</v>
      </c>
      <c r="Q4929" s="236">
        <f t="shared" si="1149"/>
        <v>364.48905619115811</v>
      </c>
      <c r="R4929" s="238">
        <v>35</v>
      </c>
      <c r="S4929" s="236">
        <f t="shared" si="1154"/>
        <v>3.9935958646704499</v>
      </c>
      <c r="T4929" s="236" t="e">
        <f t="shared" si="1140"/>
        <v>#N/A</v>
      </c>
    </row>
    <row r="4930" spans="1:20" x14ac:dyDescent="0.2">
      <c r="A4930" s="53">
        <f t="shared" si="1141"/>
        <v>4918</v>
      </c>
      <c r="B4930" s="239">
        <v>48.777000000000001</v>
      </c>
      <c r="C4930" s="3">
        <f t="shared" si="1142"/>
        <v>48.77</v>
      </c>
      <c r="D4930" s="239">
        <v>5.0816999999999997</v>
      </c>
      <c r="E4930" s="239">
        <v>0.1525</v>
      </c>
      <c r="F4930" s="239">
        <v>0.42380000000000001</v>
      </c>
      <c r="G4930">
        <f t="shared" si="1143"/>
        <v>5.1664599999999998</v>
      </c>
      <c r="H4930" s="235">
        <f t="shared" si="1144"/>
        <v>2.9517309724647047</v>
      </c>
      <c r="I4930" s="236">
        <f t="shared" si="1145"/>
        <v>19.781145396517577</v>
      </c>
      <c r="J4930" s="237">
        <f t="shared" si="1150"/>
        <v>9.7811453965175765</v>
      </c>
      <c r="K4930" s="237">
        <f t="shared" si="1146"/>
        <v>964.72646098816222</v>
      </c>
      <c r="L4930" s="237">
        <f t="shared" si="1151"/>
        <v>477.09492900593784</v>
      </c>
      <c r="M4930" s="236">
        <f t="shared" si="1147"/>
        <v>8.8069130136563327</v>
      </c>
      <c r="N4930" s="236">
        <f t="shared" si="1148"/>
        <v>3.6294543331718483</v>
      </c>
      <c r="O4930" s="236">
        <f t="shared" si="1152"/>
        <v>3.0893932242866642</v>
      </c>
      <c r="P4930" s="236" t="str">
        <f t="shared" si="1153"/>
        <v>CLAY</v>
      </c>
      <c r="Q4930" s="236">
        <f t="shared" si="1149"/>
        <v>350.1444615843198</v>
      </c>
      <c r="R4930" s="238">
        <v>35</v>
      </c>
      <c r="S4930" s="236">
        <f t="shared" si="1154"/>
        <v>3.7928847123702569</v>
      </c>
      <c r="T4930" s="236" t="e">
        <f t="shared" si="1140"/>
        <v>#N/A</v>
      </c>
    </row>
    <row r="4931" spans="1:20" x14ac:dyDescent="0.2">
      <c r="A4931" s="53">
        <f t="shared" si="1141"/>
        <v>4919</v>
      </c>
      <c r="B4931" s="239">
        <v>48.787999999999997</v>
      </c>
      <c r="C4931" s="3">
        <f t="shared" si="1142"/>
        <v>48.780999999999999</v>
      </c>
      <c r="D4931" s="239">
        <v>5.0392999999999999</v>
      </c>
      <c r="E4931" s="239">
        <v>0.16259999999999999</v>
      </c>
      <c r="F4931" s="239">
        <v>0.42830000000000001</v>
      </c>
      <c r="G4931">
        <f t="shared" si="1143"/>
        <v>5.1249599999999997</v>
      </c>
      <c r="H4931" s="235">
        <f t="shared" si="1144"/>
        <v>3.1727076894258688</v>
      </c>
      <c r="I4931" s="236">
        <f t="shared" si="1145"/>
        <v>19.853189947868405</v>
      </c>
      <c r="J4931" s="237">
        <f t="shared" si="1150"/>
        <v>9.8531899478684046</v>
      </c>
      <c r="K4931" s="237">
        <f t="shared" si="1146"/>
        <v>968.4584588469686</v>
      </c>
      <c r="L4931" s="237">
        <f t="shared" si="1151"/>
        <v>480.71743117660367</v>
      </c>
      <c r="M4931" s="236">
        <f t="shared" si="1147"/>
        <v>8.646454801898031</v>
      </c>
      <c r="N4931" s="236">
        <f t="shared" si="1148"/>
        <v>3.9119436956805282</v>
      </c>
      <c r="O4931" s="236">
        <f t="shared" si="1152"/>
        <v>3.1147513953809631</v>
      </c>
      <c r="P4931" s="236" t="str">
        <f t="shared" si="1153"/>
        <v>CLAY</v>
      </c>
      <c r="Q4931" s="236">
        <f t="shared" si="1149"/>
        <v>346.37512842941925</v>
      </c>
      <c r="R4931" s="238">
        <v>35</v>
      </c>
      <c r="S4931" s="236">
        <f t="shared" si="1154"/>
        <v>3.7067014095162301</v>
      </c>
      <c r="T4931" s="236" t="e">
        <f t="shared" si="1140"/>
        <v>#N/A</v>
      </c>
    </row>
    <row r="4932" spans="1:20" x14ac:dyDescent="0.2">
      <c r="A4932" s="53">
        <f t="shared" si="1141"/>
        <v>4920</v>
      </c>
      <c r="B4932" s="239">
        <v>48.796999999999997</v>
      </c>
      <c r="C4932" s="3">
        <f t="shared" si="1142"/>
        <v>48.79</v>
      </c>
      <c r="D4932" s="239">
        <v>5.1098999999999997</v>
      </c>
      <c r="E4932" s="239">
        <v>0.1696</v>
      </c>
      <c r="F4932" s="239">
        <v>0.42330000000000001</v>
      </c>
      <c r="G4932">
        <f t="shared" si="1143"/>
        <v>5.1945600000000001</v>
      </c>
      <c r="H4932" s="235">
        <f t="shared" si="1144"/>
        <v>3.2649541058337959</v>
      </c>
      <c r="I4932" s="236">
        <f t="shared" si="1145"/>
        <v>19.907886734043299</v>
      </c>
      <c r="J4932" s="237">
        <f t="shared" si="1150"/>
        <v>9.9078867340432986</v>
      </c>
      <c r="K4932" s="237">
        <f t="shared" si="1146"/>
        <v>971.30579375397247</v>
      </c>
      <c r="L4932" s="237">
        <f t="shared" si="1151"/>
        <v>483.47514896111079</v>
      </c>
      <c r="M4932" s="236">
        <f t="shared" si="1147"/>
        <v>8.7352043126124208</v>
      </c>
      <c r="N4932" s="236">
        <f t="shared" si="1148"/>
        <v>4.0158605595933157</v>
      </c>
      <c r="O4932" s="236">
        <f t="shared" si="1152"/>
        <v>3.1177922271022758</v>
      </c>
      <c r="P4932" s="236" t="str">
        <f t="shared" si="1153"/>
        <v>CLAY</v>
      </c>
      <c r="Q4932" s="236">
        <f t="shared" si="1149"/>
        <v>351.93785052050231</v>
      </c>
      <c r="R4932" s="238">
        <v>35</v>
      </c>
      <c r="S4932" s="236">
        <f t="shared" si="1154"/>
        <v>3.7543204832521253</v>
      </c>
      <c r="T4932" s="236" t="e">
        <f t="shared" si="1140"/>
        <v>#N/A</v>
      </c>
    </row>
    <row r="4933" spans="1:20" x14ac:dyDescent="0.2">
      <c r="A4933" s="53">
        <f t="shared" si="1141"/>
        <v>4921</v>
      </c>
      <c r="B4933" s="239">
        <v>48.807000000000002</v>
      </c>
      <c r="C4933" s="3">
        <f t="shared" si="1142"/>
        <v>48.800000000000004</v>
      </c>
      <c r="D4933" s="239">
        <v>5.0193000000000003</v>
      </c>
      <c r="E4933" s="239">
        <v>0.17030000000000001</v>
      </c>
      <c r="F4933" s="239">
        <v>0.47039999999999998</v>
      </c>
      <c r="G4933">
        <f t="shared" si="1143"/>
        <v>5.1133800000000003</v>
      </c>
      <c r="H4933" s="235">
        <f t="shared" si="1144"/>
        <v>3.3304780790788087</v>
      </c>
      <c r="I4933" s="236">
        <f t="shared" si="1145"/>
        <v>19.906559865485939</v>
      </c>
      <c r="J4933" s="237">
        <f t="shared" si="1150"/>
        <v>9.9065598654859386</v>
      </c>
      <c r="K4933" s="237">
        <f t="shared" si="1146"/>
        <v>971.44012143571388</v>
      </c>
      <c r="L4933" s="237">
        <f t="shared" si="1151"/>
        <v>483.5094673547722</v>
      </c>
      <c r="M4933" s="236">
        <f t="shared" si="1147"/>
        <v>8.5664090534243087</v>
      </c>
      <c r="N4933" s="236">
        <f t="shared" si="1148"/>
        <v>4.1115999988640786</v>
      </c>
      <c r="O4933" s="236">
        <f t="shared" si="1152"/>
        <v>3.1306526014178639</v>
      </c>
      <c r="P4933" s="236" t="str">
        <f t="shared" si="1153"/>
        <v>CLAY</v>
      </c>
      <c r="Q4933" s="236">
        <f t="shared" si="1149"/>
        <v>345.16165654702382</v>
      </c>
      <c r="R4933" s="238">
        <v>35</v>
      </c>
      <c r="S4933" s="236">
        <f t="shared" si="1154"/>
        <v>3.6638570374056898</v>
      </c>
      <c r="T4933" s="236" t="e">
        <f t="shared" si="1140"/>
        <v>#N/A</v>
      </c>
    </row>
    <row r="4934" spans="1:20" x14ac:dyDescent="0.2">
      <c r="A4934" s="53">
        <f t="shared" si="1141"/>
        <v>4922</v>
      </c>
      <c r="B4934" s="239">
        <v>48.817999999999998</v>
      </c>
      <c r="C4934" s="3">
        <f t="shared" si="1142"/>
        <v>48.811</v>
      </c>
      <c r="D4934" s="239">
        <v>4.9372999999999996</v>
      </c>
      <c r="E4934" s="239">
        <v>0.1721</v>
      </c>
      <c r="F4934" s="239">
        <v>0.4854</v>
      </c>
      <c r="G4934">
        <f t="shared" si="1143"/>
        <v>5.0343799999999996</v>
      </c>
      <c r="H4934" s="235">
        <f t="shared" si="1144"/>
        <v>3.4184944322836182</v>
      </c>
      <c r="I4934" s="236">
        <f t="shared" si="1145"/>
        <v>19.912802798352271</v>
      </c>
      <c r="J4934" s="237">
        <f t="shared" si="1150"/>
        <v>9.9128027983522706</v>
      </c>
      <c r="K4934" s="237">
        <f t="shared" si="1146"/>
        <v>971.9638173903727</v>
      </c>
      <c r="L4934" s="237">
        <f t="shared" si="1151"/>
        <v>483.92320700996112</v>
      </c>
      <c r="M4934" s="236">
        <f t="shared" si="1147"/>
        <v>8.3947538034190732</v>
      </c>
      <c r="N4934" s="236">
        <f t="shared" si="1148"/>
        <v>4.2363950974970246</v>
      </c>
      <c r="O4934" s="236">
        <f t="shared" si="1152"/>
        <v>3.1453889042799434</v>
      </c>
      <c r="P4934" s="236" t="str">
        <f t="shared" si="1153"/>
        <v>CLAY</v>
      </c>
      <c r="Q4934" s="236">
        <f t="shared" si="1149"/>
        <v>338.53468188413552</v>
      </c>
      <c r="R4934" s="238">
        <v>35</v>
      </c>
      <c r="S4934" s="236">
        <f t="shared" si="1154"/>
        <v>3.5723167799840834</v>
      </c>
      <c r="T4934" s="236" t="e">
        <f t="shared" si="1140"/>
        <v>#N/A</v>
      </c>
    </row>
    <row r="4935" spans="1:20" x14ac:dyDescent="0.2">
      <c r="A4935" s="53">
        <f t="shared" si="1141"/>
        <v>4923</v>
      </c>
      <c r="B4935" s="239">
        <v>48.826999999999998</v>
      </c>
      <c r="C4935" s="3">
        <f t="shared" si="1142"/>
        <v>48.82</v>
      </c>
      <c r="D4935" s="239">
        <v>4.8734999999999999</v>
      </c>
      <c r="E4935" s="239">
        <v>0.17230000000000001</v>
      </c>
      <c r="F4935" s="239">
        <v>0.50019999999999998</v>
      </c>
      <c r="G4935">
        <f t="shared" si="1143"/>
        <v>4.9735399999999998</v>
      </c>
      <c r="H4935" s="235">
        <f t="shared" si="1144"/>
        <v>3.464333251567294</v>
      </c>
      <c r="I4935" s="236">
        <f t="shared" si="1145"/>
        <v>19.909412357110742</v>
      </c>
      <c r="J4935" s="237">
        <f t="shared" si="1150"/>
        <v>9.9094123571107424</v>
      </c>
      <c r="K4935" s="237">
        <f t="shared" si="1146"/>
        <v>971.97751127414642</v>
      </c>
      <c r="L4935" s="237">
        <f t="shared" si="1151"/>
        <v>483.84687716064622</v>
      </c>
      <c r="M4935" s="236">
        <f t="shared" si="1147"/>
        <v>8.2703075655012643</v>
      </c>
      <c r="N4935" s="236">
        <f t="shared" si="1148"/>
        <v>4.3058180519595588</v>
      </c>
      <c r="O4935" s="236">
        <f t="shared" si="1152"/>
        <v>3.1547849553715275</v>
      </c>
      <c r="P4935" s="236" t="str">
        <f t="shared" si="1153"/>
        <v>CLAY</v>
      </c>
      <c r="Q4935" s="236">
        <f t="shared" si="1149"/>
        <v>333.46354072715445</v>
      </c>
      <c r="R4935" s="238">
        <v>35</v>
      </c>
      <c r="S4935" s="236">
        <f t="shared" si="1154"/>
        <v>3.5062435911289485</v>
      </c>
      <c r="T4935" s="236" t="e">
        <f t="shared" si="1140"/>
        <v>#N/A</v>
      </c>
    </row>
    <row r="4936" spans="1:20" x14ac:dyDescent="0.2">
      <c r="A4936" s="53">
        <f t="shared" si="1141"/>
        <v>4924</v>
      </c>
      <c r="B4936" s="239">
        <v>48.837000000000003</v>
      </c>
      <c r="C4936" s="3">
        <f t="shared" si="1142"/>
        <v>48.830000000000005</v>
      </c>
      <c r="D4936" s="239">
        <v>5.0227000000000004</v>
      </c>
      <c r="E4936" s="239">
        <v>0.1676</v>
      </c>
      <c r="F4936" s="239">
        <v>0.56100000000000005</v>
      </c>
      <c r="G4936">
        <f t="shared" si="1143"/>
        <v>5.1349</v>
      </c>
      <c r="H4936" s="235">
        <f t="shared" si="1144"/>
        <v>3.2639389277298489</v>
      </c>
      <c r="I4936" s="236">
        <f t="shared" si="1145"/>
        <v>19.889461684260286</v>
      </c>
      <c r="J4936" s="237">
        <f t="shared" si="1150"/>
        <v>9.8894616842602865</v>
      </c>
      <c r="K4936" s="237">
        <f t="shared" si="1146"/>
        <v>971.20241404242995</v>
      </c>
      <c r="L4936" s="237">
        <f t="shared" si="1151"/>
        <v>482.97164027421962</v>
      </c>
      <c r="M4936" s="236">
        <f t="shared" si="1147"/>
        <v>8.6209980850915446</v>
      </c>
      <c r="N4936" s="236">
        <f t="shared" si="1148"/>
        <v>4.0252683231665403</v>
      </c>
      <c r="O4936" s="236">
        <f t="shared" si="1152"/>
        <v>3.1230233318663148</v>
      </c>
      <c r="P4936" s="236" t="str">
        <f t="shared" si="1153"/>
        <v>CLAY</v>
      </c>
      <c r="Q4936" s="236">
        <f t="shared" si="1149"/>
        <v>346.97479882979746</v>
      </c>
      <c r="R4936" s="238">
        <v>35</v>
      </c>
      <c r="S4936" s="236">
        <f t="shared" si="1154"/>
        <v>3.6930649397330431</v>
      </c>
      <c r="T4936" s="236" t="e">
        <f t="shared" si="1140"/>
        <v>#N/A</v>
      </c>
    </row>
    <row r="4937" spans="1:20" x14ac:dyDescent="0.2">
      <c r="A4937" s="53">
        <f t="shared" si="1141"/>
        <v>4925</v>
      </c>
      <c r="B4937" s="239">
        <v>48.847000000000001</v>
      </c>
      <c r="C4937" s="3">
        <f t="shared" si="1142"/>
        <v>48.84</v>
      </c>
      <c r="D4937" s="239">
        <v>5.2108999999999996</v>
      </c>
      <c r="E4937" s="239">
        <v>0.16159999999999999</v>
      </c>
      <c r="F4937" s="239">
        <v>0.60019999999999996</v>
      </c>
      <c r="G4937">
        <f t="shared" si="1143"/>
        <v>5.33094</v>
      </c>
      <c r="H4937" s="235">
        <f t="shared" si="1144"/>
        <v>3.0313603229449213</v>
      </c>
      <c r="I4937" s="236">
        <f t="shared" si="1145"/>
        <v>19.861358131858069</v>
      </c>
      <c r="J4937" s="237">
        <f t="shared" si="1150"/>
        <v>9.8613581318580685</v>
      </c>
      <c r="K4937" s="237">
        <f t="shared" si="1146"/>
        <v>970.02873115994817</v>
      </c>
      <c r="L4937" s="237">
        <f t="shared" si="1151"/>
        <v>481.69776066687109</v>
      </c>
      <c r="M4937" s="236">
        <f t="shared" si="1147"/>
        <v>9.0532105916430385</v>
      </c>
      <c r="N4937" s="236">
        <f t="shared" si="1148"/>
        <v>3.7056475135065896</v>
      </c>
      <c r="O4937" s="236">
        <f t="shared" si="1152"/>
        <v>3.0848331959932631</v>
      </c>
      <c r="P4937" s="236" t="str">
        <f t="shared" si="1153"/>
        <v>CLAY</v>
      </c>
      <c r="Q4937" s="236">
        <f t="shared" si="1149"/>
        <v>363.40927240333758</v>
      </c>
      <c r="R4937" s="238">
        <v>35</v>
      </c>
      <c r="S4937" s="236">
        <f t="shared" si="1154"/>
        <v>3.9259366482540918</v>
      </c>
      <c r="T4937" s="236" t="e">
        <f t="shared" si="1140"/>
        <v>#N/A</v>
      </c>
    </row>
    <row r="4938" spans="1:20" x14ac:dyDescent="0.2">
      <c r="A4938" s="53">
        <f t="shared" si="1141"/>
        <v>4926</v>
      </c>
      <c r="B4938" s="239">
        <v>48.856999999999999</v>
      </c>
      <c r="C4938" s="3">
        <f t="shared" si="1142"/>
        <v>48.85</v>
      </c>
      <c r="D4938" s="239">
        <v>5.5041000000000002</v>
      </c>
      <c r="E4938" s="239">
        <v>0.1588</v>
      </c>
      <c r="F4938" s="239">
        <v>0.61240000000000006</v>
      </c>
      <c r="G4938">
        <f t="shared" si="1143"/>
        <v>5.6265800000000006</v>
      </c>
      <c r="H4938" s="235">
        <f t="shared" si="1144"/>
        <v>2.8223183532447771</v>
      </c>
      <c r="I4938" s="236">
        <f t="shared" si="1145"/>
        <v>19.861959447562022</v>
      </c>
      <c r="J4938" s="237">
        <f t="shared" si="1150"/>
        <v>9.8619594475620218</v>
      </c>
      <c r="K4938" s="237">
        <f t="shared" si="1146"/>
        <v>970.25671901340479</v>
      </c>
      <c r="L4938" s="237">
        <f t="shared" si="1151"/>
        <v>481.82575272953767</v>
      </c>
      <c r="M4938" s="236">
        <f t="shared" si="1147"/>
        <v>9.6639153358004943</v>
      </c>
      <c r="N4938" s="236">
        <f t="shared" si="1148"/>
        <v>3.4104161248519018</v>
      </c>
      <c r="O4938" s="236">
        <f t="shared" si="1152"/>
        <v>3.0408547682217821</v>
      </c>
      <c r="P4938" s="236" t="str">
        <f t="shared" si="1153"/>
        <v>CLAY</v>
      </c>
      <c r="Q4938" s="236">
        <f t="shared" si="1149"/>
        <v>388.0269400822163</v>
      </c>
      <c r="R4938" s="238">
        <v>35</v>
      </c>
      <c r="S4938" s="236">
        <f t="shared" si="1154"/>
        <v>4.2597234457882927</v>
      </c>
      <c r="T4938" s="236" t="e">
        <f t="shared" si="1140"/>
        <v>#N/A</v>
      </c>
    </row>
    <row r="4939" spans="1:20" x14ac:dyDescent="0.2">
      <c r="A4939" s="53">
        <f t="shared" si="1141"/>
        <v>4927</v>
      </c>
      <c r="B4939" s="239">
        <v>48.866</v>
      </c>
      <c r="C4939" s="3">
        <f t="shared" si="1142"/>
        <v>48.859000000000002</v>
      </c>
      <c r="D4939" s="239">
        <v>5.7927</v>
      </c>
      <c r="E4939" s="239">
        <v>0.1588</v>
      </c>
      <c r="F4939" s="239">
        <v>0.61070000000000002</v>
      </c>
      <c r="G4939">
        <f t="shared" si="1143"/>
        <v>5.9148399999999999</v>
      </c>
      <c r="H4939" s="235">
        <f t="shared" si="1144"/>
        <v>2.6847725382258858</v>
      </c>
      <c r="I4939" s="236">
        <f t="shared" si="1145"/>
        <v>19.881488100303347</v>
      </c>
      <c r="J4939" s="237">
        <f t="shared" si="1150"/>
        <v>9.881488100303347</v>
      </c>
      <c r="K4939" s="237">
        <f t="shared" si="1146"/>
        <v>971.3896270927213</v>
      </c>
      <c r="L4939" s="237">
        <f t="shared" si="1151"/>
        <v>482.86879750942336</v>
      </c>
      <c r="M4939" s="236">
        <f t="shared" si="1147"/>
        <v>10.237667868383658</v>
      </c>
      <c r="N4939" s="236">
        <f t="shared" si="1148"/>
        <v>3.2123312265924207</v>
      </c>
      <c r="O4939" s="236">
        <f t="shared" si="1152"/>
        <v>3.0054150060980276</v>
      </c>
      <c r="P4939" s="236" t="str">
        <f t="shared" si="1153"/>
        <v>CLAY</v>
      </c>
      <c r="Q4939" s="236">
        <f t="shared" si="1149"/>
        <v>411.95419774227321</v>
      </c>
      <c r="R4939" s="238">
        <v>35</v>
      </c>
      <c r="S4939" s="236">
        <f t="shared" si="1154"/>
        <v>4.5781635538293202</v>
      </c>
      <c r="T4939" s="236" t="e">
        <f t="shared" si="1140"/>
        <v>#N/A</v>
      </c>
    </row>
    <row r="4940" spans="1:20" x14ac:dyDescent="0.2">
      <c r="A4940" s="53">
        <f t="shared" si="1141"/>
        <v>4928</v>
      </c>
      <c r="B4940" s="239">
        <v>48.875999999999998</v>
      </c>
      <c r="C4940" s="3">
        <f t="shared" si="1142"/>
        <v>48.869</v>
      </c>
      <c r="D4940" s="239">
        <v>5.9741</v>
      </c>
      <c r="E4940" s="239">
        <v>0.15529999999999999</v>
      </c>
      <c r="F4940" s="239">
        <v>0.76180000000000003</v>
      </c>
      <c r="G4940">
        <f t="shared" si="1143"/>
        <v>6.1264599999999998</v>
      </c>
      <c r="H4940" s="235">
        <f t="shared" si="1144"/>
        <v>2.5349059652719514</v>
      </c>
      <c r="I4940" s="236">
        <f t="shared" si="1145"/>
        <v>19.869094626941092</v>
      </c>
      <c r="J4940" s="237">
        <f t="shared" si="1150"/>
        <v>9.8690946269410915</v>
      </c>
      <c r="K4940" s="237">
        <f t="shared" si="1146"/>
        <v>970.98278532398422</v>
      </c>
      <c r="L4940" s="237">
        <f t="shared" si="1151"/>
        <v>482.36186898637277</v>
      </c>
      <c r="M4940" s="236">
        <f t="shared" si="1147"/>
        <v>10.687986646850113</v>
      </c>
      <c r="N4940" s="236">
        <f t="shared" si="1148"/>
        <v>3.0123302564098222</v>
      </c>
      <c r="O4940" s="236">
        <f t="shared" si="1152"/>
        <v>2.9740980488873521</v>
      </c>
      <c r="P4940" s="236" t="str">
        <f t="shared" si="1153"/>
        <v>CLAY</v>
      </c>
      <c r="Q4940" s="236">
        <f t="shared" si="1149"/>
        <v>429.62310122300136</v>
      </c>
      <c r="R4940" s="238">
        <v>35</v>
      </c>
      <c r="S4940" s="236">
        <f t="shared" si="1154"/>
        <v>4.8312541781612417</v>
      </c>
      <c r="T4940" s="236" t="e">
        <f t="shared" si="1140"/>
        <v>#N/A</v>
      </c>
    </row>
    <row r="4941" spans="1:20" x14ac:dyDescent="0.2">
      <c r="A4941" s="53">
        <f t="shared" si="1141"/>
        <v>4929</v>
      </c>
      <c r="B4941" s="239">
        <v>48.884999999999998</v>
      </c>
      <c r="C4941" s="3">
        <f t="shared" si="1142"/>
        <v>48.878</v>
      </c>
      <c r="D4941" s="239">
        <v>6.0620000000000003</v>
      </c>
      <c r="E4941" s="239">
        <v>0.1469</v>
      </c>
      <c r="F4941" s="239">
        <v>0.79669999999999996</v>
      </c>
      <c r="G4941">
        <f t="shared" si="1143"/>
        <v>6.2213400000000005</v>
      </c>
      <c r="H4941" s="235">
        <f t="shared" si="1144"/>
        <v>2.361227645491164</v>
      </c>
      <c r="I4941" s="236">
        <f t="shared" si="1145"/>
        <v>19.809897445819185</v>
      </c>
      <c r="J4941" s="237">
        <f t="shared" si="1150"/>
        <v>9.8098974458191854</v>
      </c>
      <c r="K4941" s="237">
        <f t="shared" si="1146"/>
        <v>968.26816735675015</v>
      </c>
      <c r="L4941" s="237">
        <f t="shared" si="1151"/>
        <v>479.55683663887083</v>
      </c>
      <c r="M4941" s="236">
        <f t="shared" si="1147"/>
        <v>10.954013020565201</v>
      </c>
      <c r="N4941" s="236">
        <f t="shared" si="1148"/>
        <v>2.7964589992306008</v>
      </c>
      <c r="O4941" s="236">
        <f t="shared" si="1152"/>
        <v>2.9469574004002435</v>
      </c>
      <c r="P4941" s="236" t="str">
        <f t="shared" si="1153"/>
        <v>CLAY</v>
      </c>
      <c r="Q4941" s="236">
        <f t="shared" si="1149"/>
        <v>437.75598605360415</v>
      </c>
      <c r="R4941" s="238">
        <v>35</v>
      </c>
      <c r="S4941" s="236">
        <f t="shared" si="1154"/>
        <v>4.9820327109940985</v>
      </c>
      <c r="T4941" s="236" t="e">
        <f t="shared" ref="T4941:T5004" si="1155">IF(P4941="SAND",17.6+(11*LOG(M4941)),#N/A)</f>
        <v>#N/A</v>
      </c>
    </row>
    <row r="4942" spans="1:20" x14ac:dyDescent="0.2">
      <c r="A4942" s="53">
        <f t="shared" ref="A4942:A5005" si="1156">$A4941+1</f>
        <v>4930</v>
      </c>
      <c r="B4942" s="239">
        <v>48.896000000000001</v>
      </c>
      <c r="C4942" s="3">
        <f t="shared" ref="C4942:C5005" si="1157">MAX($B4942 - $B$13, 0.001)</f>
        <v>48.889000000000003</v>
      </c>
      <c r="D4942" s="239">
        <v>6.0627000000000004</v>
      </c>
      <c r="E4942" s="239">
        <v>0.1419</v>
      </c>
      <c r="F4942" s="239">
        <v>0.71150000000000002</v>
      </c>
      <c r="G4942">
        <f t="shared" si="1143"/>
        <v>6.2050000000000001</v>
      </c>
      <c r="H4942" s="235">
        <f t="shared" si="1144"/>
        <v>2.2868654311039482</v>
      </c>
      <c r="I4942" s="236">
        <f t="shared" si="1145"/>
        <v>19.76826312936894</v>
      </c>
      <c r="J4942" s="237">
        <f t="shared" si="1150"/>
        <v>9.7682631293689397</v>
      </c>
      <c r="K4942" s="237">
        <f t="shared" si="1146"/>
        <v>966.45061613171811</v>
      </c>
      <c r="L4942" s="237">
        <f t="shared" si="1151"/>
        <v>477.62899397362366</v>
      </c>
      <c r="M4942" s="236">
        <f t="shared" si="1147"/>
        <v>10.967821154001326</v>
      </c>
      <c r="N4942" s="236">
        <f t="shared" si="1148"/>
        <v>2.7087651485537272</v>
      </c>
      <c r="O4942" s="236">
        <f t="shared" si="1152"/>
        <v>2.9387017899507617</v>
      </c>
      <c r="P4942" s="236" t="str">
        <f t="shared" si="1153"/>
        <v>CLAY</v>
      </c>
      <c r="Q4942" s="236">
        <f t="shared" si="1149"/>
        <v>436.54578198902345</v>
      </c>
      <c r="R4942" s="238">
        <v>35</v>
      </c>
      <c r="S4942" s="236">
        <f t="shared" si="1154"/>
        <v>4.9898841039623667</v>
      </c>
      <c r="T4942" s="236" t="e">
        <f t="shared" si="1155"/>
        <v>#N/A</v>
      </c>
    </row>
    <row r="4943" spans="1:20" x14ac:dyDescent="0.2">
      <c r="A4943" s="53">
        <f t="shared" si="1156"/>
        <v>4931</v>
      </c>
      <c r="B4943" s="239">
        <v>48.905000000000001</v>
      </c>
      <c r="C4943" s="3">
        <f t="shared" si="1157"/>
        <v>48.898000000000003</v>
      </c>
      <c r="D4943" s="239">
        <v>6.05</v>
      </c>
      <c r="E4943" s="239">
        <v>0.1376</v>
      </c>
      <c r="F4943" s="239">
        <v>0.60519999999999996</v>
      </c>
      <c r="G4943">
        <f t="shared" ref="G4943:G5006" si="1158">$D4943+($F4943*(1-$P$8))</f>
        <v>6.1710399999999996</v>
      </c>
      <c r="H4943" s="235">
        <f t="shared" ref="H4943:H5006" si="1159">($E4943/$G4943)*100</f>
        <v>2.2297700225569761</v>
      </c>
      <c r="I4943" s="236">
        <f t="shared" ref="I4943:I5006" si="1160">((0.27*(LOG($H4943)))+(0.36*(LOG(($G4943*1000)/101)))+1.236)*10</f>
        <v>19.730035351236271</v>
      </c>
      <c r="J4943" s="237">
        <f t="shared" si="1150"/>
        <v>9.7300353512362712</v>
      </c>
      <c r="K4943" s="237">
        <f t="shared" ref="K4943:K5006" si="1161">$I4943*$C4943</f>
        <v>964.75926860475124</v>
      </c>
      <c r="L4943" s="237">
        <f t="shared" si="1151"/>
        <v>475.84737885220983</v>
      </c>
      <c r="M4943" s="236">
        <f t="shared" ref="M4943:M5006" si="1162">(($G4943*1000)-$K4943)/$L4943</f>
        <v>10.941072627011847</v>
      </c>
      <c r="N4943" s="236">
        <f t="shared" ref="N4943:N5006" si="1163">(($E4943*1000)/(($G4943*1000)-$K4943))*100</f>
        <v>2.6429615900317405</v>
      </c>
      <c r="O4943" s="236">
        <f t="shared" si="1152"/>
        <v>2.9335869052001686</v>
      </c>
      <c r="P4943" s="236" t="str">
        <f t="shared" si="1153"/>
        <v>CLAY</v>
      </c>
      <c r="Q4943" s="236">
        <f t="shared" ref="Q4943:Q5006" si="1164">IF(P4943="CLAY",($G4943*1000 -$K4943)/$L$8,#N/A)</f>
        <v>433.85672761627075</v>
      </c>
      <c r="R4943" s="238">
        <v>35</v>
      </c>
      <c r="S4943" s="236">
        <f t="shared" si="1154"/>
        <v>4.9746769660022681</v>
      </c>
      <c r="T4943" s="236" t="e">
        <f t="shared" si="1155"/>
        <v>#N/A</v>
      </c>
    </row>
    <row r="4944" spans="1:20" x14ac:dyDescent="0.2">
      <c r="A4944" s="53">
        <f t="shared" si="1156"/>
        <v>4932</v>
      </c>
      <c r="B4944" s="239">
        <v>48.914000000000001</v>
      </c>
      <c r="C4944" s="3">
        <f t="shared" si="1157"/>
        <v>48.907000000000004</v>
      </c>
      <c r="D4944" s="239">
        <v>5.8108000000000004</v>
      </c>
      <c r="E4944" s="239">
        <v>0.13170000000000001</v>
      </c>
      <c r="F4944" s="239">
        <v>0.65710000000000002</v>
      </c>
      <c r="G4944">
        <f t="shared" si="1158"/>
        <v>5.9422200000000007</v>
      </c>
      <c r="H4944" s="235">
        <f t="shared" si="1159"/>
        <v>2.2163433868150286</v>
      </c>
      <c r="I4944" s="236">
        <f t="shared" si="1160"/>
        <v>19.663878500842422</v>
      </c>
      <c r="J4944" s="237">
        <f t="shared" ref="J4944:J5007" si="1165">$I4944-10</f>
        <v>9.6638785008424222</v>
      </c>
      <c r="K4944" s="237">
        <f t="shared" si="1161"/>
        <v>961.70130584070046</v>
      </c>
      <c r="L4944" s="237">
        <f t="shared" ref="L4944:L5007" si="1166">$J4944*$B4944</f>
        <v>472.69895299020624</v>
      </c>
      <c r="M4944" s="236">
        <f t="shared" si="1162"/>
        <v>10.53634382444357</v>
      </c>
      <c r="N4944" s="236">
        <f t="shared" si="1163"/>
        <v>2.6443028946853628</v>
      </c>
      <c r="O4944" s="236">
        <f t="shared" ref="O4944:O5007" si="1167">((3.47-LOG($M4944))^2+(LOG($N4944)+1.22)^2)^0.5</f>
        <v>2.947289031850028</v>
      </c>
      <c r="P4944" s="236" t="str">
        <f t="shared" ref="P4944:P5007" si="1168">IF(O4944&lt;2.6,"SAND","CLAY")</f>
        <v>CLAY</v>
      </c>
      <c r="Q4944" s="236">
        <f t="shared" si="1164"/>
        <v>415.04322451327511</v>
      </c>
      <c r="R4944" s="238">
        <v>35</v>
      </c>
      <c r="S4944" s="236">
        <f t="shared" ref="S4944:S5007" si="1169">IF(P4944="SAND",#N/A,0.25*($M4944)^1.25)</f>
        <v>4.7457234461870552</v>
      </c>
      <c r="T4944" s="236" t="e">
        <f t="shared" si="1155"/>
        <v>#N/A</v>
      </c>
    </row>
    <row r="4945" spans="1:20" x14ac:dyDescent="0.2">
      <c r="A4945" s="53">
        <f t="shared" si="1156"/>
        <v>4933</v>
      </c>
      <c r="B4945" s="239">
        <v>48.924999999999997</v>
      </c>
      <c r="C4945" s="3">
        <f t="shared" si="1157"/>
        <v>48.917999999999999</v>
      </c>
      <c r="D4945" s="239">
        <v>5.5635000000000003</v>
      </c>
      <c r="E4945" s="239">
        <v>0.13469999999999999</v>
      </c>
      <c r="F4945" s="239">
        <v>0.60409999999999997</v>
      </c>
      <c r="G4945">
        <f t="shared" si="1158"/>
        <v>5.6843200000000005</v>
      </c>
      <c r="H4945" s="235">
        <f t="shared" si="1159"/>
        <v>2.3696765840065295</v>
      </c>
      <c r="I4945" s="236">
        <f t="shared" si="1160"/>
        <v>19.672946229613785</v>
      </c>
      <c r="J4945" s="237">
        <f t="shared" si="1165"/>
        <v>9.6729462296137854</v>
      </c>
      <c r="K4945" s="237">
        <f t="shared" si="1161"/>
        <v>962.36118366024709</v>
      </c>
      <c r="L4945" s="237">
        <f t="shared" si="1166"/>
        <v>473.24889428385444</v>
      </c>
      <c r="M4945" s="236">
        <f t="shared" si="1162"/>
        <v>9.9777492845181914</v>
      </c>
      <c r="N4945" s="236">
        <f t="shared" si="1163"/>
        <v>2.8526297081178962</v>
      </c>
      <c r="O4945" s="236">
        <f t="shared" si="1167"/>
        <v>2.9853185941824809</v>
      </c>
      <c r="P4945" s="236" t="str">
        <f t="shared" si="1168"/>
        <v>CLAY</v>
      </c>
      <c r="Q4945" s="236">
        <f t="shared" si="1164"/>
        <v>393.49656802831282</v>
      </c>
      <c r="R4945" s="238">
        <v>35</v>
      </c>
      <c r="S4945" s="236">
        <f t="shared" si="1169"/>
        <v>4.4333369695125402</v>
      </c>
      <c r="T4945" s="236" t="e">
        <f t="shared" si="1155"/>
        <v>#N/A</v>
      </c>
    </row>
    <row r="4946" spans="1:20" x14ac:dyDescent="0.2">
      <c r="A4946" s="53">
        <f t="shared" si="1156"/>
        <v>4934</v>
      </c>
      <c r="B4946" s="239">
        <v>48.933999999999997</v>
      </c>
      <c r="C4946" s="3">
        <f t="shared" si="1157"/>
        <v>48.927</v>
      </c>
      <c r="D4946" s="239">
        <v>5.3512000000000004</v>
      </c>
      <c r="E4946" s="239">
        <v>0.14069999999999999</v>
      </c>
      <c r="F4946" s="239">
        <v>0.45710000000000001</v>
      </c>
      <c r="G4946">
        <f t="shared" si="1158"/>
        <v>5.4426200000000007</v>
      </c>
      <c r="H4946" s="235">
        <f t="shared" si="1159"/>
        <v>2.5851520039980742</v>
      </c>
      <c r="I4946" s="236">
        <f t="shared" si="1160"/>
        <v>19.707064329365409</v>
      </c>
      <c r="J4946" s="237">
        <f t="shared" si="1165"/>
        <v>9.7070643293654086</v>
      </c>
      <c r="K4946" s="237">
        <f t="shared" si="1161"/>
        <v>964.2075364428614</v>
      </c>
      <c r="L4946" s="237">
        <f t="shared" si="1166"/>
        <v>475.00548589316691</v>
      </c>
      <c r="M4946" s="236">
        <f t="shared" si="1162"/>
        <v>9.4281278775891355</v>
      </c>
      <c r="N4946" s="236">
        <f t="shared" si="1163"/>
        <v>3.1417383089418243</v>
      </c>
      <c r="O4946" s="236">
        <f t="shared" si="1167"/>
        <v>3.0292845851606698</v>
      </c>
      <c r="P4946" s="236" t="str">
        <f t="shared" si="1168"/>
        <v>CLAY</v>
      </c>
      <c r="Q4946" s="236">
        <f t="shared" si="1164"/>
        <v>373.20103862976163</v>
      </c>
      <c r="R4946" s="238">
        <v>35</v>
      </c>
      <c r="S4946" s="236">
        <f t="shared" si="1169"/>
        <v>4.1302071975105843</v>
      </c>
      <c r="T4946" s="236" t="e">
        <f t="shared" si="1155"/>
        <v>#N/A</v>
      </c>
    </row>
    <row r="4947" spans="1:20" x14ac:dyDescent="0.2">
      <c r="A4947" s="53">
        <f t="shared" si="1156"/>
        <v>4935</v>
      </c>
      <c r="B4947" s="239">
        <v>48.945</v>
      </c>
      <c r="C4947" s="3">
        <f t="shared" si="1157"/>
        <v>48.938000000000002</v>
      </c>
      <c r="D4947" s="239">
        <v>5.2020999999999997</v>
      </c>
      <c r="E4947" s="239">
        <v>0.15890000000000001</v>
      </c>
      <c r="F4947" s="239">
        <v>0.47460000000000002</v>
      </c>
      <c r="G4947">
        <f t="shared" si="1158"/>
        <v>5.2970199999999998</v>
      </c>
      <c r="H4947" s="235">
        <f t="shared" si="1159"/>
        <v>2.9997998874839062</v>
      </c>
      <c r="I4947" s="236">
        <f t="shared" si="1160"/>
        <v>19.83910602827941</v>
      </c>
      <c r="J4947" s="237">
        <f t="shared" si="1165"/>
        <v>9.8391060282794101</v>
      </c>
      <c r="K4947" s="237">
        <f t="shared" si="1161"/>
        <v>970.88617081193786</v>
      </c>
      <c r="L4947" s="237">
        <f t="shared" si="1166"/>
        <v>481.57504455413573</v>
      </c>
      <c r="M4947" s="236">
        <f t="shared" si="1162"/>
        <v>8.9833015188596317</v>
      </c>
      <c r="N4947" s="236">
        <f t="shared" si="1163"/>
        <v>3.6730255298140579</v>
      </c>
      <c r="O4947" s="236">
        <f t="shared" si="1167"/>
        <v>3.0853532981491876</v>
      </c>
      <c r="P4947" s="236" t="str">
        <f t="shared" si="1168"/>
        <v>CLAY</v>
      </c>
      <c r="Q4947" s="236">
        <f t="shared" si="1164"/>
        <v>360.51115243233852</v>
      </c>
      <c r="R4947" s="238">
        <v>35</v>
      </c>
      <c r="S4947" s="236">
        <f t="shared" si="1169"/>
        <v>3.8880780961549601</v>
      </c>
      <c r="T4947" s="236" t="e">
        <f t="shared" si="1155"/>
        <v>#N/A</v>
      </c>
    </row>
    <row r="4948" spans="1:20" x14ac:dyDescent="0.2">
      <c r="A4948" s="53">
        <f t="shared" si="1156"/>
        <v>4936</v>
      </c>
      <c r="B4948" s="239">
        <v>48.954000000000001</v>
      </c>
      <c r="C4948" s="3">
        <f t="shared" si="1157"/>
        <v>48.947000000000003</v>
      </c>
      <c r="D4948" s="239">
        <v>5.0936000000000003</v>
      </c>
      <c r="E4948" s="239">
        <v>0.18390000000000001</v>
      </c>
      <c r="F4948" s="239">
        <v>0.58899999999999997</v>
      </c>
      <c r="G4948">
        <f t="shared" si="1158"/>
        <v>5.2114000000000003</v>
      </c>
      <c r="H4948" s="235">
        <f t="shared" si="1159"/>
        <v>3.5288022412403577</v>
      </c>
      <c r="I4948" s="236">
        <f t="shared" si="1160"/>
        <v>20.00407269109693</v>
      </c>
      <c r="J4948" s="237">
        <f t="shared" si="1165"/>
        <v>10.00407269109693</v>
      </c>
      <c r="K4948" s="237">
        <f t="shared" si="1161"/>
        <v>979.13934601112146</v>
      </c>
      <c r="L4948" s="237">
        <f t="shared" si="1166"/>
        <v>489.73937451995909</v>
      </c>
      <c r="M4948" s="236">
        <f t="shared" si="1162"/>
        <v>8.6418631504508436</v>
      </c>
      <c r="N4948" s="236">
        <f t="shared" si="1163"/>
        <v>4.3451955121590968</v>
      </c>
      <c r="O4948" s="236">
        <f t="shared" si="1167"/>
        <v>3.1416996650055462</v>
      </c>
      <c r="P4948" s="236" t="str">
        <f t="shared" si="1168"/>
        <v>CLAY</v>
      </c>
      <c r="Q4948" s="236">
        <f t="shared" si="1164"/>
        <v>352.68838783240659</v>
      </c>
      <c r="R4948" s="238">
        <v>35</v>
      </c>
      <c r="S4948" s="236">
        <f t="shared" si="1169"/>
        <v>3.7042410440626816</v>
      </c>
      <c r="T4948" s="236" t="e">
        <f t="shared" si="1155"/>
        <v>#N/A</v>
      </c>
    </row>
    <row r="4949" spans="1:20" x14ac:dyDescent="0.2">
      <c r="A4949" s="53">
        <f t="shared" si="1156"/>
        <v>4937</v>
      </c>
      <c r="B4949" s="239">
        <v>48.965000000000003</v>
      </c>
      <c r="C4949" s="3">
        <f t="shared" si="1157"/>
        <v>48.958000000000006</v>
      </c>
      <c r="D4949" s="239">
        <v>5.0652999999999997</v>
      </c>
      <c r="E4949" s="239">
        <v>0.18759999999999999</v>
      </c>
      <c r="F4949" s="239">
        <v>0.6905</v>
      </c>
      <c r="G4949">
        <f t="shared" si="1158"/>
        <v>5.2033999999999994</v>
      </c>
      <c r="H4949" s="235">
        <f t="shared" si="1159"/>
        <v>3.6053349732866975</v>
      </c>
      <c r="I4949" s="236">
        <f t="shared" si="1160"/>
        <v>20.026830197655102</v>
      </c>
      <c r="J4949" s="237">
        <f t="shared" si="1165"/>
        <v>10.026830197655102</v>
      </c>
      <c r="K4949" s="237">
        <f t="shared" si="1161"/>
        <v>980.47355281679859</v>
      </c>
      <c r="L4949" s="237">
        <f t="shared" si="1166"/>
        <v>490.96374062818211</v>
      </c>
      <c r="M4949" s="236">
        <f t="shared" si="1162"/>
        <v>8.6013000507532755</v>
      </c>
      <c r="N4949" s="236">
        <f t="shared" si="1163"/>
        <v>4.4424169434713683</v>
      </c>
      <c r="O4949" s="236">
        <f t="shared" si="1167"/>
        <v>3.1490374919750317</v>
      </c>
      <c r="P4949" s="236" t="str">
        <f t="shared" si="1168"/>
        <v>CLAY</v>
      </c>
      <c r="Q4949" s="236">
        <f t="shared" si="1164"/>
        <v>351.91053726526678</v>
      </c>
      <c r="R4949" s="238">
        <v>35</v>
      </c>
      <c r="S4949" s="236">
        <f t="shared" si="1169"/>
        <v>3.6825201440078446</v>
      </c>
      <c r="T4949" s="236" t="e">
        <f t="shared" si="1155"/>
        <v>#N/A</v>
      </c>
    </row>
    <row r="4950" spans="1:20" x14ac:dyDescent="0.2">
      <c r="A4950" s="53">
        <f t="shared" si="1156"/>
        <v>4938</v>
      </c>
      <c r="B4950" s="239">
        <v>48.973999999999997</v>
      </c>
      <c r="C4950" s="3">
        <f t="shared" si="1157"/>
        <v>48.966999999999999</v>
      </c>
      <c r="D4950" s="239">
        <v>5.0096999999999996</v>
      </c>
      <c r="E4950" s="239">
        <v>0.1769</v>
      </c>
      <c r="F4950" s="239">
        <v>0.76800000000000002</v>
      </c>
      <c r="G4950">
        <f t="shared" si="1158"/>
        <v>5.1632999999999996</v>
      </c>
      <c r="H4950" s="235">
        <f t="shared" si="1159"/>
        <v>3.426103460964887</v>
      </c>
      <c r="I4950" s="236">
        <f t="shared" si="1160"/>
        <v>19.954942826628326</v>
      </c>
      <c r="J4950" s="237">
        <f t="shared" si="1165"/>
        <v>9.9549428266283257</v>
      </c>
      <c r="K4950" s="237">
        <f t="shared" si="1161"/>
        <v>977.13368539150918</v>
      </c>
      <c r="L4950" s="237">
        <f t="shared" si="1166"/>
        <v>487.53336999129561</v>
      </c>
      <c r="M4950" s="236">
        <f t="shared" si="1162"/>
        <v>8.5864200735289771</v>
      </c>
      <c r="N4950" s="236">
        <f t="shared" si="1163"/>
        <v>4.2258235030622409</v>
      </c>
      <c r="O4950" s="236">
        <f t="shared" si="1167"/>
        <v>3.1368196682629654</v>
      </c>
      <c r="P4950" s="236" t="str">
        <f t="shared" si="1168"/>
        <v>CLAY</v>
      </c>
      <c r="Q4950" s="236">
        <f t="shared" si="1164"/>
        <v>348.84719288404085</v>
      </c>
      <c r="R4950" s="238">
        <v>35</v>
      </c>
      <c r="S4950" s="236">
        <f t="shared" si="1169"/>
        <v>3.6745585624678068</v>
      </c>
      <c r="T4950" s="236" t="e">
        <f t="shared" si="1155"/>
        <v>#N/A</v>
      </c>
    </row>
    <row r="4951" spans="1:20" x14ac:dyDescent="0.2">
      <c r="A4951" s="53">
        <f t="shared" si="1156"/>
        <v>4939</v>
      </c>
      <c r="B4951" s="239">
        <v>48.984000000000002</v>
      </c>
      <c r="C4951" s="3">
        <f t="shared" si="1157"/>
        <v>48.977000000000004</v>
      </c>
      <c r="D4951" s="239">
        <v>4.8848000000000003</v>
      </c>
      <c r="E4951" s="239">
        <v>0.17219999999999999</v>
      </c>
      <c r="F4951" s="239">
        <v>0.73280000000000001</v>
      </c>
      <c r="G4951">
        <f t="shared" si="1158"/>
        <v>5.0313600000000003</v>
      </c>
      <c r="H4951" s="235">
        <f t="shared" si="1159"/>
        <v>3.4225338675825223</v>
      </c>
      <c r="I4951" s="236">
        <f t="shared" si="1160"/>
        <v>19.913249405068051</v>
      </c>
      <c r="J4951" s="237">
        <f t="shared" si="1165"/>
        <v>9.9132494050680506</v>
      </c>
      <c r="K4951" s="237">
        <f t="shared" si="1161"/>
        <v>975.29121611201799</v>
      </c>
      <c r="L4951" s="237">
        <f t="shared" si="1166"/>
        <v>485.5906088578534</v>
      </c>
      <c r="M4951" s="236">
        <f t="shared" si="1162"/>
        <v>8.3528567272504901</v>
      </c>
      <c r="N4951" s="236">
        <f t="shared" si="1163"/>
        <v>4.2454901328112111</v>
      </c>
      <c r="O4951" s="236">
        <f t="shared" si="1167"/>
        <v>3.1476947103486741</v>
      </c>
      <c r="P4951" s="236" t="str">
        <f t="shared" si="1168"/>
        <v>CLAY</v>
      </c>
      <c r="Q4951" s="236">
        <f t="shared" si="1164"/>
        <v>338.0057319906652</v>
      </c>
      <c r="R4951" s="238">
        <v>35</v>
      </c>
      <c r="S4951" s="236">
        <f t="shared" si="1169"/>
        <v>3.5500445159046605</v>
      </c>
      <c r="T4951" s="236" t="e">
        <f t="shared" si="1155"/>
        <v>#N/A</v>
      </c>
    </row>
    <row r="4952" spans="1:20" x14ac:dyDescent="0.2">
      <c r="A4952" s="53">
        <f t="shared" si="1156"/>
        <v>4940</v>
      </c>
      <c r="B4952" s="239">
        <v>48.994999999999997</v>
      </c>
      <c r="C4952" s="3">
        <f t="shared" si="1157"/>
        <v>48.988</v>
      </c>
      <c r="D4952" s="239">
        <v>4.8742999999999999</v>
      </c>
      <c r="E4952" s="239">
        <v>0.15859999999999999</v>
      </c>
      <c r="F4952" s="239">
        <v>0.62729999999999997</v>
      </c>
      <c r="G4952">
        <f t="shared" si="1158"/>
        <v>4.9997600000000002</v>
      </c>
      <c r="H4952" s="235">
        <f t="shared" si="1159"/>
        <v>3.1721522633086385</v>
      </c>
      <c r="I4952" s="236">
        <f t="shared" si="1160"/>
        <v>19.814315890363275</v>
      </c>
      <c r="J4952" s="237">
        <f t="shared" si="1165"/>
        <v>9.8143158903632752</v>
      </c>
      <c r="K4952" s="237">
        <f t="shared" si="1161"/>
        <v>970.66370683711614</v>
      </c>
      <c r="L4952" s="237">
        <f t="shared" si="1166"/>
        <v>480.85240704834865</v>
      </c>
      <c r="M4952" s="236">
        <f t="shared" si="1162"/>
        <v>8.3790706547461813</v>
      </c>
      <c r="N4952" s="236">
        <f t="shared" si="1163"/>
        <v>3.9363665809907284</v>
      </c>
      <c r="O4952" s="236">
        <f t="shared" si="1167"/>
        <v>3.127424366891423</v>
      </c>
      <c r="P4952" s="236" t="str">
        <f t="shared" si="1168"/>
        <v>CLAY</v>
      </c>
      <c r="Q4952" s="236">
        <f t="shared" si="1164"/>
        <v>335.75802443024037</v>
      </c>
      <c r="R4952" s="238">
        <v>35</v>
      </c>
      <c r="S4952" s="236">
        <f t="shared" si="1169"/>
        <v>3.5639764392447808</v>
      </c>
      <c r="T4952" s="236" t="e">
        <f t="shared" si="1155"/>
        <v>#N/A</v>
      </c>
    </row>
    <row r="4953" spans="1:20" x14ac:dyDescent="0.2">
      <c r="A4953" s="53">
        <f t="shared" si="1156"/>
        <v>4941</v>
      </c>
      <c r="B4953" s="239">
        <v>49.003999999999998</v>
      </c>
      <c r="C4953" s="3">
        <f t="shared" si="1157"/>
        <v>48.997</v>
      </c>
      <c r="D4953" s="239">
        <v>4.7458999999999998</v>
      </c>
      <c r="E4953" s="239">
        <v>0.1535</v>
      </c>
      <c r="F4953" s="239">
        <v>0.62719999999999998</v>
      </c>
      <c r="G4953">
        <f t="shared" si="1158"/>
        <v>4.87134</v>
      </c>
      <c r="H4953" s="235">
        <f t="shared" si="1159"/>
        <v>3.1510836853925204</v>
      </c>
      <c r="I4953" s="236">
        <f t="shared" si="1160"/>
        <v>19.765819278256977</v>
      </c>
      <c r="J4953" s="237">
        <f t="shared" si="1165"/>
        <v>9.765819278256977</v>
      </c>
      <c r="K4953" s="237">
        <f t="shared" si="1161"/>
        <v>968.46584717675705</v>
      </c>
      <c r="L4953" s="237">
        <f t="shared" si="1166"/>
        <v>478.5642079117049</v>
      </c>
      <c r="M4953" s="236">
        <f t="shared" si="1162"/>
        <v>8.1553824717775871</v>
      </c>
      <c r="N4953" s="236">
        <f t="shared" si="1163"/>
        <v>3.9329989640829663</v>
      </c>
      <c r="O4953" s="236">
        <f t="shared" si="1167"/>
        <v>3.1367865221328834</v>
      </c>
      <c r="P4953" s="236" t="str">
        <f t="shared" si="1168"/>
        <v>CLAY</v>
      </c>
      <c r="Q4953" s="236">
        <f t="shared" si="1164"/>
        <v>325.23951273527024</v>
      </c>
      <c r="R4953" s="238">
        <v>35</v>
      </c>
      <c r="S4953" s="236">
        <f t="shared" si="1169"/>
        <v>3.4454458238338606</v>
      </c>
      <c r="T4953" s="236" t="e">
        <f t="shared" si="1155"/>
        <v>#N/A</v>
      </c>
    </row>
    <row r="4954" spans="1:20" x14ac:dyDescent="0.2">
      <c r="A4954" s="53">
        <f t="shared" si="1156"/>
        <v>4942</v>
      </c>
      <c r="B4954" s="239">
        <v>49.012999999999998</v>
      </c>
      <c r="C4954" s="3">
        <f t="shared" si="1157"/>
        <v>49.006</v>
      </c>
      <c r="D4954" s="239">
        <v>4.6346999999999996</v>
      </c>
      <c r="E4954" s="239">
        <v>0.15379999999999999</v>
      </c>
      <c r="F4954" s="239">
        <v>0.61780000000000002</v>
      </c>
      <c r="G4954">
        <f t="shared" si="1158"/>
        <v>4.7582599999999999</v>
      </c>
      <c r="H4954" s="235">
        <f t="shared" si="1159"/>
        <v>3.2322739825062099</v>
      </c>
      <c r="I4954" s="236">
        <f t="shared" si="1160"/>
        <v>19.758928512231684</v>
      </c>
      <c r="J4954" s="237">
        <f t="shared" si="1165"/>
        <v>9.7589285122316838</v>
      </c>
      <c r="K4954" s="237">
        <f t="shared" si="1161"/>
        <v>968.30605067042586</v>
      </c>
      <c r="L4954" s="237">
        <f t="shared" si="1166"/>
        <v>478.31436317001152</v>
      </c>
      <c r="M4954" s="236">
        <f t="shared" si="1162"/>
        <v>7.9235629141717352</v>
      </c>
      <c r="N4954" s="236">
        <f t="shared" si="1163"/>
        <v>4.0580968016037904</v>
      </c>
      <c r="O4954" s="236">
        <f t="shared" si="1167"/>
        <v>3.1548712411078386</v>
      </c>
      <c r="P4954" s="236" t="str">
        <f t="shared" si="1168"/>
        <v>CLAY</v>
      </c>
      <c r="Q4954" s="236">
        <f t="shared" si="1164"/>
        <v>315.8294957774645</v>
      </c>
      <c r="R4954" s="238">
        <v>35</v>
      </c>
      <c r="S4954" s="236">
        <f t="shared" si="1169"/>
        <v>3.3234614603911639</v>
      </c>
      <c r="T4954" s="236" t="e">
        <f t="shared" si="1155"/>
        <v>#N/A</v>
      </c>
    </row>
    <row r="4955" spans="1:20" x14ac:dyDescent="0.2">
      <c r="A4955" s="53">
        <f t="shared" si="1156"/>
        <v>4943</v>
      </c>
      <c r="B4955" s="239">
        <v>49.023000000000003</v>
      </c>
      <c r="C4955" s="3">
        <f t="shared" si="1157"/>
        <v>49.016000000000005</v>
      </c>
      <c r="D4955" s="239">
        <v>4.7899000000000003</v>
      </c>
      <c r="E4955" s="239">
        <v>0.15859999999999999</v>
      </c>
      <c r="F4955" s="239">
        <v>0.63629999999999998</v>
      </c>
      <c r="G4955">
        <f t="shared" si="1158"/>
        <v>4.91716</v>
      </c>
      <c r="H4955" s="235">
        <f t="shared" si="1159"/>
        <v>3.2254390745877699</v>
      </c>
      <c r="I4955" s="236">
        <f t="shared" si="1160"/>
        <v>19.807804554500361</v>
      </c>
      <c r="J4955" s="237">
        <f t="shared" si="1165"/>
        <v>9.8078045545003611</v>
      </c>
      <c r="K4955" s="237">
        <f t="shared" si="1161"/>
        <v>970.89934804338986</v>
      </c>
      <c r="L4955" s="237">
        <f t="shared" si="1166"/>
        <v>480.80800267527121</v>
      </c>
      <c r="M4955" s="236">
        <f t="shared" si="1162"/>
        <v>8.2075602527394729</v>
      </c>
      <c r="N4955" s="236">
        <f t="shared" si="1163"/>
        <v>4.018994536545982</v>
      </c>
      <c r="O4955" s="236">
        <f t="shared" si="1167"/>
        <v>3.1399754803899946</v>
      </c>
      <c r="P4955" s="236" t="str">
        <f t="shared" si="1168"/>
        <v>CLAY</v>
      </c>
      <c r="Q4955" s="236">
        <f t="shared" si="1164"/>
        <v>328.85505432971746</v>
      </c>
      <c r="R4955" s="238">
        <v>35</v>
      </c>
      <c r="S4955" s="236">
        <f t="shared" si="1169"/>
        <v>3.4730225903832834</v>
      </c>
      <c r="T4955" s="236" t="e">
        <f t="shared" si="1155"/>
        <v>#N/A</v>
      </c>
    </row>
    <row r="4956" spans="1:20" x14ac:dyDescent="0.2">
      <c r="A4956" s="53">
        <f t="shared" si="1156"/>
        <v>4944</v>
      </c>
      <c r="B4956" s="239">
        <v>49.033000000000001</v>
      </c>
      <c r="C4956" s="3">
        <f t="shared" si="1157"/>
        <v>49.026000000000003</v>
      </c>
      <c r="D4956" s="239">
        <v>5.0391000000000004</v>
      </c>
      <c r="E4956" s="239">
        <v>0.16689999999999999</v>
      </c>
      <c r="F4956" s="239">
        <v>0.64059999999999995</v>
      </c>
      <c r="G4956">
        <f t="shared" si="1158"/>
        <v>5.1672200000000004</v>
      </c>
      <c r="H4956" s="235">
        <f t="shared" si="1159"/>
        <v>3.2299766605640943</v>
      </c>
      <c r="I4956" s="236">
        <f t="shared" si="1160"/>
        <v>19.887006420664878</v>
      </c>
      <c r="J4956" s="237">
        <f t="shared" si="1165"/>
        <v>9.8870064206648784</v>
      </c>
      <c r="K4956" s="237">
        <f t="shared" si="1161"/>
        <v>974.9803767795164</v>
      </c>
      <c r="L4956" s="237">
        <f t="shared" si="1166"/>
        <v>484.78958582446097</v>
      </c>
      <c r="M4956" s="236">
        <f t="shared" si="1162"/>
        <v>8.6475447200271862</v>
      </c>
      <c r="N4956" s="236">
        <f t="shared" si="1163"/>
        <v>3.9811655582747254</v>
      </c>
      <c r="O4956" s="236">
        <f t="shared" si="1167"/>
        <v>3.1191455993461674</v>
      </c>
      <c r="P4956" s="236" t="str">
        <f t="shared" si="1168"/>
        <v>CLAY</v>
      </c>
      <c r="Q4956" s="236">
        <f t="shared" si="1164"/>
        <v>349.35330193504029</v>
      </c>
      <c r="R4956" s="238">
        <v>35</v>
      </c>
      <c r="S4956" s="236">
        <f t="shared" si="1169"/>
        <v>3.7072854732760776</v>
      </c>
      <c r="T4956" s="236" t="e">
        <f t="shared" si="1155"/>
        <v>#N/A</v>
      </c>
    </row>
    <row r="4957" spans="1:20" x14ac:dyDescent="0.2">
      <c r="A4957" s="53">
        <f t="shared" si="1156"/>
        <v>4945</v>
      </c>
      <c r="B4957" s="239">
        <v>49.042000000000002</v>
      </c>
      <c r="C4957" s="3">
        <f t="shared" si="1157"/>
        <v>49.035000000000004</v>
      </c>
      <c r="D4957" s="239">
        <v>5.2582000000000004</v>
      </c>
      <c r="E4957" s="239">
        <v>0.1714</v>
      </c>
      <c r="F4957" s="239">
        <v>0.72599999999999998</v>
      </c>
      <c r="G4957">
        <f t="shared" si="1158"/>
        <v>5.4034000000000004</v>
      </c>
      <c r="H4957" s="235">
        <f t="shared" si="1159"/>
        <v>3.1720768405078279</v>
      </c>
      <c r="I4957" s="236">
        <f t="shared" si="1160"/>
        <v>19.935672668471469</v>
      </c>
      <c r="J4957" s="237">
        <f t="shared" si="1165"/>
        <v>9.9356726684714687</v>
      </c>
      <c r="K4957" s="237">
        <f t="shared" si="1161"/>
        <v>977.54570929849854</v>
      </c>
      <c r="L4957" s="237">
        <f t="shared" si="1166"/>
        <v>487.2652590071778</v>
      </c>
      <c r="M4957" s="236">
        <f t="shared" si="1162"/>
        <v>9.083049137792738</v>
      </c>
      <c r="N4957" s="236">
        <f t="shared" si="1163"/>
        <v>3.872698664303134</v>
      </c>
      <c r="O4957" s="236">
        <f t="shared" si="1167"/>
        <v>3.0948172378316658</v>
      </c>
      <c r="P4957" s="236" t="str">
        <f t="shared" si="1168"/>
        <v>CLAY</v>
      </c>
      <c r="Q4957" s="236">
        <f t="shared" si="1164"/>
        <v>368.82119089179179</v>
      </c>
      <c r="R4957" s="238">
        <v>35</v>
      </c>
      <c r="S4957" s="236">
        <f t="shared" si="1169"/>
        <v>3.9421177122864792</v>
      </c>
      <c r="T4957" s="236" t="e">
        <f t="shared" si="1155"/>
        <v>#N/A</v>
      </c>
    </row>
    <row r="4958" spans="1:20" x14ac:dyDescent="0.2">
      <c r="A4958" s="53">
        <f t="shared" si="1156"/>
        <v>4946</v>
      </c>
      <c r="B4958" s="239">
        <v>49.052</v>
      </c>
      <c r="C4958" s="3">
        <f t="shared" si="1157"/>
        <v>49.045000000000002</v>
      </c>
      <c r="D4958" s="239">
        <v>5.6977000000000002</v>
      </c>
      <c r="E4958" s="239">
        <v>0.1764</v>
      </c>
      <c r="F4958" s="239">
        <v>0.88300000000000001</v>
      </c>
      <c r="G4958">
        <f t="shared" si="1158"/>
        <v>5.8742999999999999</v>
      </c>
      <c r="H4958" s="235">
        <f t="shared" si="1159"/>
        <v>3.0029109851386551</v>
      </c>
      <c r="I4958" s="236">
        <f t="shared" si="1160"/>
        <v>20.002049732452921</v>
      </c>
      <c r="J4958" s="237">
        <f t="shared" si="1165"/>
        <v>10.002049732452921</v>
      </c>
      <c r="K4958" s="237">
        <f t="shared" si="1161"/>
        <v>981.00052912815352</v>
      </c>
      <c r="L4958" s="237">
        <f t="shared" si="1166"/>
        <v>490.62054347628066</v>
      </c>
      <c r="M4958" s="236">
        <f t="shared" si="1162"/>
        <v>9.9736946117267848</v>
      </c>
      <c r="N4958" s="236">
        <f t="shared" si="1163"/>
        <v>3.6049295787034779</v>
      </c>
      <c r="O4958" s="236">
        <f t="shared" si="1167"/>
        <v>3.0436679396611965</v>
      </c>
      <c r="P4958" s="236" t="str">
        <f t="shared" si="1168"/>
        <v>CLAY</v>
      </c>
      <c r="Q4958" s="236">
        <f t="shared" si="1164"/>
        <v>407.77495590598727</v>
      </c>
      <c r="R4958" s="238">
        <v>35</v>
      </c>
      <c r="S4958" s="236">
        <f t="shared" si="1169"/>
        <v>4.431085106758097</v>
      </c>
      <c r="T4958" s="236" t="e">
        <f t="shared" si="1155"/>
        <v>#N/A</v>
      </c>
    </row>
    <row r="4959" spans="1:20" x14ac:dyDescent="0.2">
      <c r="A4959" s="53">
        <f t="shared" si="1156"/>
        <v>4947</v>
      </c>
      <c r="B4959" s="239">
        <v>49.061</v>
      </c>
      <c r="C4959" s="3">
        <f t="shared" si="1157"/>
        <v>49.054000000000002</v>
      </c>
      <c r="D4959" s="239">
        <v>6.2914000000000003</v>
      </c>
      <c r="E4959" s="239">
        <v>0.17979999999999999</v>
      </c>
      <c r="F4959" s="239">
        <v>0.79079999999999995</v>
      </c>
      <c r="G4959">
        <f t="shared" si="1158"/>
        <v>6.44956</v>
      </c>
      <c r="H4959" s="235">
        <f t="shared" si="1159"/>
        <v>2.7877870738468982</v>
      </c>
      <c r="I4959" s="236">
        <f t="shared" si="1160"/>
        <v>20.060952288955978</v>
      </c>
      <c r="J4959" s="237">
        <f t="shared" si="1165"/>
        <v>10.060952288955978</v>
      </c>
      <c r="K4959" s="237">
        <f t="shared" si="1161"/>
        <v>984.0699535824466</v>
      </c>
      <c r="L4959" s="237">
        <f t="shared" si="1166"/>
        <v>493.60038024846921</v>
      </c>
      <c r="M4959" s="236">
        <f t="shared" si="1162"/>
        <v>11.072702261019993</v>
      </c>
      <c r="N4959" s="236">
        <f t="shared" si="1163"/>
        <v>3.2897324571627919</v>
      </c>
      <c r="O4959" s="236">
        <f t="shared" si="1167"/>
        <v>2.9836173295778661</v>
      </c>
      <c r="P4959" s="236" t="str">
        <f t="shared" si="1168"/>
        <v>CLAY</v>
      </c>
      <c r="Q4959" s="236">
        <f t="shared" si="1164"/>
        <v>455.45750386812944</v>
      </c>
      <c r="R4959" s="238">
        <v>35</v>
      </c>
      <c r="S4959" s="236">
        <f t="shared" si="1169"/>
        <v>5.0496006876198098</v>
      </c>
      <c r="T4959" s="236" t="e">
        <f t="shared" si="1155"/>
        <v>#N/A</v>
      </c>
    </row>
    <row r="4960" spans="1:20" x14ac:dyDescent="0.2">
      <c r="A4960" s="53">
        <f t="shared" si="1156"/>
        <v>4948</v>
      </c>
      <c r="B4960" s="239">
        <v>49.070999999999998</v>
      </c>
      <c r="C4960" s="3">
        <f t="shared" si="1157"/>
        <v>49.064</v>
      </c>
      <c r="D4960" s="239">
        <v>6.7477</v>
      </c>
      <c r="E4960" s="239">
        <v>0.17829999999999999</v>
      </c>
      <c r="F4960" s="239">
        <v>0.73799999999999999</v>
      </c>
      <c r="G4960">
        <f t="shared" si="1158"/>
        <v>6.8952999999999998</v>
      </c>
      <c r="H4960" s="235">
        <f t="shared" si="1159"/>
        <v>2.5858193262077065</v>
      </c>
      <c r="I4960" s="236">
        <f t="shared" si="1160"/>
        <v>20.07724953050208</v>
      </c>
      <c r="J4960" s="237">
        <f t="shared" si="1165"/>
        <v>10.07724953050208</v>
      </c>
      <c r="K4960" s="237">
        <f t="shared" si="1161"/>
        <v>985.07017096455399</v>
      </c>
      <c r="L4960" s="237">
        <f t="shared" si="1166"/>
        <v>494.50071171126751</v>
      </c>
      <c r="M4960" s="236">
        <f t="shared" si="1162"/>
        <v>11.951913696104754</v>
      </c>
      <c r="N4960" s="236">
        <f t="shared" si="1163"/>
        <v>3.0168031558444262</v>
      </c>
      <c r="O4960" s="236">
        <f t="shared" si="1167"/>
        <v>2.9347598673156368</v>
      </c>
      <c r="P4960" s="236" t="str">
        <f t="shared" si="1168"/>
        <v>CLAY</v>
      </c>
      <c r="Q4960" s="236">
        <f t="shared" si="1164"/>
        <v>492.51915241962053</v>
      </c>
      <c r="R4960" s="238">
        <v>35</v>
      </c>
      <c r="S4960" s="236">
        <f t="shared" si="1169"/>
        <v>5.555674835448305</v>
      </c>
      <c r="T4960" s="236" t="e">
        <f t="shared" si="1155"/>
        <v>#N/A</v>
      </c>
    </row>
    <row r="4961" spans="1:20" x14ac:dyDescent="0.2">
      <c r="A4961" s="53">
        <f t="shared" si="1156"/>
        <v>4949</v>
      </c>
      <c r="B4961" s="239">
        <v>49.08</v>
      </c>
      <c r="C4961" s="3">
        <f t="shared" si="1157"/>
        <v>49.073</v>
      </c>
      <c r="D4961" s="239">
        <v>7.0579000000000001</v>
      </c>
      <c r="E4961" s="239">
        <v>0.1711</v>
      </c>
      <c r="F4961" s="239">
        <v>0.57550000000000001</v>
      </c>
      <c r="G4961">
        <f t="shared" si="1158"/>
        <v>7.173</v>
      </c>
      <c r="H4961" s="235">
        <f t="shared" si="1159"/>
        <v>2.3853338909800641</v>
      </c>
      <c r="I4961" s="236">
        <f t="shared" si="1160"/>
        <v>20.044348827895352</v>
      </c>
      <c r="J4961" s="237">
        <f t="shared" si="1165"/>
        <v>10.044348827895352</v>
      </c>
      <c r="K4961" s="237">
        <f t="shared" si="1161"/>
        <v>983.6363300313086</v>
      </c>
      <c r="L4961" s="237">
        <f t="shared" si="1166"/>
        <v>492.97664047310383</v>
      </c>
      <c r="M4961" s="236">
        <f t="shared" si="1162"/>
        <v>12.555085092934286</v>
      </c>
      <c r="N4961" s="236">
        <f t="shared" si="1163"/>
        <v>2.7644198842312573</v>
      </c>
      <c r="O4961" s="236">
        <f t="shared" si="1167"/>
        <v>2.8954143196169877</v>
      </c>
      <c r="P4961" s="236" t="str">
        <f t="shared" si="1168"/>
        <v>CLAY</v>
      </c>
      <c r="Q4961" s="236">
        <f t="shared" si="1164"/>
        <v>515.78030583072427</v>
      </c>
      <c r="R4961" s="238">
        <v>35</v>
      </c>
      <c r="S4961" s="236">
        <f t="shared" si="1169"/>
        <v>5.9083278260591081</v>
      </c>
      <c r="T4961" s="236" t="e">
        <f t="shared" si="1155"/>
        <v>#N/A</v>
      </c>
    </row>
    <row r="4962" spans="1:20" x14ac:dyDescent="0.2">
      <c r="A4962" s="53">
        <f t="shared" si="1156"/>
        <v>4950</v>
      </c>
      <c r="B4962" s="239">
        <v>49.091000000000001</v>
      </c>
      <c r="C4962" s="3">
        <f t="shared" si="1157"/>
        <v>49.084000000000003</v>
      </c>
      <c r="D4962" s="239">
        <v>7.2195</v>
      </c>
      <c r="E4962" s="239">
        <v>0.15609999999999999</v>
      </c>
      <c r="F4962" s="239">
        <v>0.48449999999999999</v>
      </c>
      <c r="G4962">
        <f t="shared" si="1158"/>
        <v>7.3163999999999998</v>
      </c>
      <c r="H4962" s="235">
        <f t="shared" si="1159"/>
        <v>2.1335629544584767</v>
      </c>
      <c r="I4962" s="236">
        <f t="shared" si="1160"/>
        <v>19.944498589613605</v>
      </c>
      <c r="J4962" s="237">
        <f t="shared" si="1165"/>
        <v>9.9444985896136053</v>
      </c>
      <c r="K4962" s="237">
        <f t="shared" si="1161"/>
        <v>978.9557687725943</v>
      </c>
      <c r="L4962" s="237">
        <f t="shared" si="1166"/>
        <v>488.18538026272154</v>
      </c>
      <c r="M4962" s="236">
        <f t="shared" si="1162"/>
        <v>12.981634615557004</v>
      </c>
      <c r="N4962" s="236">
        <f t="shared" si="1163"/>
        <v>2.4631380459464385</v>
      </c>
      <c r="O4962" s="236">
        <f t="shared" si="1167"/>
        <v>2.8549592649915629</v>
      </c>
      <c r="P4962" s="236" t="str">
        <f t="shared" si="1168"/>
        <v>CLAY</v>
      </c>
      <c r="Q4962" s="236">
        <f t="shared" si="1164"/>
        <v>528.12035260228379</v>
      </c>
      <c r="R4962" s="238">
        <v>35</v>
      </c>
      <c r="S4962" s="236">
        <f t="shared" si="1169"/>
        <v>6.1602981960057273</v>
      </c>
      <c r="T4962" s="236" t="e">
        <f t="shared" si="1155"/>
        <v>#N/A</v>
      </c>
    </row>
    <row r="4963" spans="1:20" x14ac:dyDescent="0.2">
      <c r="A4963" s="53">
        <f t="shared" si="1156"/>
        <v>4951</v>
      </c>
      <c r="B4963" s="239">
        <v>49.1</v>
      </c>
      <c r="C4963" s="3">
        <f t="shared" si="1157"/>
        <v>49.093000000000004</v>
      </c>
      <c r="D4963" s="239">
        <v>7.4467999999999996</v>
      </c>
      <c r="E4963" s="239">
        <v>0.15</v>
      </c>
      <c r="F4963" s="239">
        <v>0.35799999999999998</v>
      </c>
      <c r="G4963">
        <f t="shared" si="1158"/>
        <v>7.5183999999999997</v>
      </c>
      <c r="H4963" s="235">
        <f t="shared" si="1159"/>
        <v>1.9951053415620343</v>
      </c>
      <c r="I4963" s="236">
        <f t="shared" si="1160"/>
        <v>19.908402338743816</v>
      </c>
      <c r="J4963" s="237">
        <f t="shared" si="1165"/>
        <v>9.9084023387438158</v>
      </c>
      <c r="K4963" s="237">
        <f t="shared" si="1161"/>
        <v>977.36319601595017</v>
      </c>
      <c r="L4963" s="237">
        <f t="shared" si="1166"/>
        <v>486.50255483232138</v>
      </c>
      <c r="M4963" s="236">
        <f t="shared" si="1162"/>
        <v>13.445020460865805</v>
      </c>
      <c r="N4963" s="236">
        <f t="shared" si="1163"/>
        <v>2.2932144321315731</v>
      </c>
      <c r="O4963" s="236">
        <f t="shared" si="1167"/>
        <v>2.8249141128237563</v>
      </c>
      <c r="P4963" s="236" t="str">
        <f t="shared" si="1168"/>
        <v>CLAY</v>
      </c>
      <c r="Q4963" s="236">
        <f t="shared" si="1164"/>
        <v>545.08640033200413</v>
      </c>
      <c r="R4963" s="238">
        <v>35</v>
      </c>
      <c r="S4963" s="236">
        <f t="shared" si="1169"/>
        <v>6.4363824653487516</v>
      </c>
      <c r="T4963" s="236" t="e">
        <f t="shared" si="1155"/>
        <v>#N/A</v>
      </c>
    </row>
    <row r="4964" spans="1:20" x14ac:dyDescent="0.2">
      <c r="A4964" s="53">
        <f t="shared" si="1156"/>
        <v>4952</v>
      </c>
      <c r="B4964" s="239">
        <v>49.11</v>
      </c>
      <c r="C4964" s="3">
        <f t="shared" si="1157"/>
        <v>49.103000000000002</v>
      </c>
      <c r="D4964" s="239">
        <v>7.4353999999999996</v>
      </c>
      <c r="E4964" s="239">
        <v>0.15870000000000001</v>
      </c>
      <c r="F4964" s="239">
        <v>0.31269999999999998</v>
      </c>
      <c r="G4964">
        <f t="shared" si="1158"/>
        <v>7.4979399999999998</v>
      </c>
      <c r="H4964" s="235">
        <f t="shared" si="1159"/>
        <v>2.1165813543453269</v>
      </c>
      <c r="I4964" s="236">
        <f t="shared" si="1160"/>
        <v>19.973448521330702</v>
      </c>
      <c r="J4964" s="237">
        <f t="shared" si="1165"/>
        <v>9.9734485213307025</v>
      </c>
      <c r="K4964" s="237">
        <f t="shared" si="1161"/>
        <v>980.75624274290146</v>
      </c>
      <c r="L4964" s="237">
        <f t="shared" si="1166"/>
        <v>489.79605688255077</v>
      </c>
      <c r="M4964" s="236">
        <f t="shared" si="1162"/>
        <v>13.305913074796083</v>
      </c>
      <c r="N4964" s="236">
        <f t="shared" si="1163"/>
        <v>2.4351008949729605</v>
      </c>
      <c r="O4964" s="236">
        <f t="shared" si="1167"/>
        <v>2.8433084774662691</v>
      </c>
      <c r="P4964" s="236" t="str">
        <f t="shared" si="1168"/>
        <v>CLAY</v>
      </c>
      <c r="Q4964" s="236">
        <f t="shared" si="1164"/>
        <v>543.09864643809158</v>
      </c>
      <c r="R4964" s="238">
        <v>35</v>
      </c>
      <c r="S4964" s="236">
        <f t="shared" si="1169"/>
        <v>6.3532487708196879</v>
      </c>
      <c r="T4964" s="236" t="e">
        <f t="shared" si="1155"/>
        <v>#N/A</v>
      </c>
    </row>
    <row r="4965" spans="1:20" x14ac:dyDescent="0.2">
      <c r="A4965" s="53">
        <f t="shared" si="1156"/>
        <v>4953</v>
      </c>
      <c r="B4965" s="239">
        <v>49.12</v>
      </c>
      <c r="C4965" s="3">
        <f t="shared" si="1157"/>
        <v>49.113</v>
      </c>
      <c r="D4965" s="239">
        <v>7.5206999999999997</v>
      </c>
      <c r="E4965" s="239">
        <v>0.16250000000000001</v>
      </c>
      <c r="F4965" s="239">
        <v>0.20169999999999999</v>
      </c>
      <c r="G4965">
        <f t="shared" si="1158"/>
        <v>7.5610399999999993</v>
      </c>
      <c r="H4965" s="235">
        <f t="shared" si="1159"/>
        <v>2.1491752457333915</v>
      </c>
      <c r="I4965" s="236">
        <f t="shared" si="1160"/>
        <v>20.004470522778668</v>
      </c>
      <c r="J4965" s="237">
        <f t="shared" si="1165"/>
        <v>10.004470522778668</v>
      </c>
      <c r="K4965" s="237">
        <f t="shared" si="1161"/>
        <v>982.47956078522873</v>
      </c>
      <c r="L4965" s="237">
        <f t="shared" si="1166"/>
        <v>491.41959207888812</v>
      </c>
      <c r="M4965" s="236">
        <f t="shared" si="1162"/>
        <v>13.386850148536015</v>
      </c>
      <c r="N4965" s="236">
        <f t="shared" si="1163"/>
        <v>2.470145277245432</v>
      </c>
      <c r="O4965" s="236">
        <f t="shared" si="1167"/>
        <v>2.8446493565756938</v>
      </c>
      <c r="P4965" s="236" t="str">
        <f t="shared" si="1168"/>
        <v>CLAY</v>
      </c>
      <c r="Q4965" s="236">
        <f t="shared" si="1164"/>
        <v>548.21336993456418</v>
      </c>
      <c r="R4965" s="238">
        <v>35</v>
      </c>
      <c r="S4965" s="236">
        <f t="shared" si="1169"/>
        <v>6.4015922920284902</v>
      </c>
      <c r="T4965" s="236" t="e">
        <f t="shared" si="1155"/>
        <v>#N/A</v>
      </c>
    </row>
    <row r="4966" spans="1:20" x14ac:dyDescent="0.2">
      <c r="A4966" s="53">
        <f t="shared" si="1156"/>
        <v>4954</v>
      </c>
      <c r="B4966" s="239">
        <v>49.128999999999998</v>
      </c>
      <c r="C4966" s="3">
        <f t="shared" si="1157"/>
        <v>49.122</v>
      </c>
      <c r="D4966" s="239">
        <v>7.4504999999999999</v>
      </c>
      <c r="E4966" s="239">
        <v>0.16569999999999999</v>
      </c>
      <c r="F4966" s="239">
        <v>0.15210000000000001</v>
      </c>
      <c r="G4966">
        <f t="shared" si="1158"/>
        <v>7.4809200000000002</v>
      </c>
      <c r="H4966" s="235">
        <f t="shared" si="1159"/>
        <v>2.2149682124658461</v>
      </c>
      <c r="I4966" s="236">
        <f t="shared" si="1160"/>
        <v>20.023173336545472</v>
      </c>
      <c r="J4966" s="237">
        <f t="shared" si="1165"/>
        <v>10.023173336545472</v>
      </c>
      <c r="K4966" s="237">
        <f t="shared" si="1161"/>
        <v>983.57832063778665</v>
      </c>
      <c r="L4966" s="237">
        <f t="shared" si="1166"/>
        <v>492.42848285114246</v>
      </c>
      <c r="M4966" s="236">
        <f t="shared" si="1162"/>
        <v>13.194487942173549</v>
      </c>
      <c r="N4966" s="236">
        <f t="shared" si="1163"/>
        <v>2.5502737608262169</v>
      </c>
      <c r="O4966" s="236">
        <f t="shared" si="1167"/>
        <v>2.8576983465085251</v>
      </c>
      <c r="P4966" s="236" t="str">
        <f t="shared" si="1168"/>
        <v>CLAY</v>
      </c>
      <c r="Q4966" s="236">
        <f t="shared" si="1164"/>
        <v>541.4451399468511</v>
      </c>
      <c r="R4966" s="238">
        <v>35</v>
      </c>
      <c r="S4966" s="236">
        <f t="shared" si="1169"/>
        <v>6.2868150535339025</v>
      </c>
      <c r="T4966" s="236" t="e">
        <f t="shared" si="1155"/>
        <v>#N/A</v>
      </c>
    </row>
    <row r="4967" spans="1:20" x14ac:dyDescent="0.2">
      <c r="A4967" s="53">
        <f t="shared" si="1156"/>
        <v>4955</v>
      </c>
      <c r="B4967" s="239">
        <v>49.139000000000003</v>
      </c>
      <c r="C4967" s="3">
        <f t="shared" si="1157"/>
        <v>49.132000000000005</v>
      </c>
      <c r="D4967" s="239">
        <v>7.2285000000000004</v>
      </c>
      <c r="E4967" s="239">
        <v>0.16830000000000001</v>
      </c>
      <c r="F4967" s="239">
        <v>0.19719999999999999</v>
      </c>
      <c r="G4967">
        <f t="shared" si="1158"/>
        <v>7.2679400000000003</v>
      </c>
      <c r="H4967" s="235">
        <f t="shared" si="1159"/>
        <v>2.3156492761360168</v>
      </c>
      <c r="I4967" s="236">
        <f t="shared" si="1160"/>
        <v>20.03014036754238</v>
      </c>
      <c r="J4967" s="237">
        <f t="shared" si="1165"/>
        <v>10.03014036754238</v>
      </c>
      <c r="K4967" s="237">
        <f t="shared" si="1161"/>
        <v>984.12085653809231</v>
      </c>
      <c r="L4967" s="237">
        <f t="shared" si="1166"/>
        <v>492.87106752066501</v>
      </c>
      <c r="M4967" s="236">
        <f t="shared" si="1162"/>
        <v>12.749417763700324</v>
      </c>
      <c r="N4967" s="236">
        <f t="shared" si="1163"/>
        <v>2.6783075094564142</v>
      </c>
      <c r="O4967" s="236">
        <f t="shared" si="1167"/>
        <v>2.8820738890366475</v>
      </c>
      <c r="P4967" s="236" t="str">
        <f t="shared" si="1168"/>
        <v>CLAY</v>
      </c>
      <c r="Q4967" s="236">
        <f t="shared" si="1164"/>
        <v>523.65159528849233</v>
      </c>
      <c r="R4967" s="238">
        <v>35</v>
      </c>
      <c r="S4967" s="236">
        <f t="shared" si="1169"/>
        <v>6.0228625026863112</v>
      </c>
      <c r="T4967" s="236" t="e">
        <f t="shared" si="1155"/>
        <v>#N/A</v>
      </c>
    </row>
    <row r="4968" spans="1:20" x14ac:dyDescent="0.2">
      <c r="A4968" s="53">
        <f t="shared" si="1156"/>
        <v>4956</v>
      </c>
      <c r="B4968" s="239">
        <v>49.149000000000001</v>
      </c>
      <c r="C4968" s="3">
        <f t="shared" si="1157"/>
        <v>49.142000000000003</v>
      </c>
      <c r="D4968" s="239">
        <v>7.2168999999999999</v>
      </c>
      <c r="E4968" s="239">
        <v>0.1754</v>
      </c>
      <c r="F4968" s="239">
        <v>0.32040000000000002</v>
      </c>
      <c r="G4968">
        <f t="shared" si="1158"/>
        <v>7.2809799999999996</v>
      </c>
      <c r="H4968" s="235">
        <f t="shared" si="1159"/>
        <v>2.4090163686756454</v>
      </c>
      <c r="I4968" s="236">
        <f t="shared" si="1160"/>
        <v>20.079293799050948</v>
      </c>
      <c r="J4968" s="237">
        <f t="shared" si="1165"/>
        <v>10.079293799050948</v>
      </c>
      <c r="K4968" s="237">
        <f t="shared" si="1161"/>
        <v>986.73665587296171</v>
      </c>
      <c r="L4968" s="237">
        <f t="shared" si="1166"/>
        <v>495.38721092955507</v>
      </c>
      <c r="M4968" s="236">
        <f t="shared" si="1162"/>
        <v>12.705704154768926</v>
      </c>
      <c r="N4968" s="236">
        <f t="shared" si="1163"/>
        <v>2.7866733205296277</v>
      </c>
      <c r="O4968" s="236">
        <f t="shared" si="1167"/>
        <v>2.8931770692725824</v>
      </c>
      <c r="P4968" s="236" t="str">
        <f t="shared" si="1168"/>
        <v>CLAY</v>
      </c>
      <c r="Q4968" s="236">
        <f t="shared" si="1164"/>
        <v>524.52027867725315</v>
      </c>
      <c r="R4968" s="238">
        <v>35</v>
      </c>
      <c r="S4968" s="236">
        <f t="shared" si="1169"/>
        <v>5.9970605282396487</v>
      </c>
      <c r="T4968" s="236" t="e">
        <f t="shared" si="1155"/>
        <v>#N/A</v>
      </c>
    </row>
    <row r="4969" spans="1:20" x14ac:dyDescent="0.2">
      <c r="A4969" s="53">
        <f t="shared" si="1156"/>
        <v>4957</v>
      </c>
      <c r="B4969" s="239">
        <v>49.158000000000001</v>
      </c>
      <c r="C4969" s="3">
        <f t="shared" si="1157"/>
        <v>49.151000000000003</v>
      </c>
      <c r="D4969" s="239">
        <v>7.0994000000000002</v>
      </c>
      <c r="E4969" s="239">
        <v>0.17899999999999999</v>
      </c>
      <c r="F4969" s="239">
        <v>0.4965</v>
      </c>
      <c r="G4969">
        <f t="shared" si="1158"/>
        <v>7.1987000000000005</v>
      </c>
      <c r="H4969" s="235">
        <f t="shared" si="1159"/>
        <v>2.4865600733465762</v>
      </c>
      <c r="I4969" s="236">
        <f t="shared" si="1160"/>
        <v>20.098674905591103</v>
      </c>
      <c r="J4969" s="237">
        <f t="shared" si="1165"/>
        <v>10.098674905591103</v>
      </c>
      <c r="K4969" s="237">
        <f t="shared" si="1161"/>
        <v>987.86997028470842</v>
      </c>
      <c r="L4969" s="237">
        <f t="shared" si="1166"/>
        <v>496.43066100904747</v>
      </c>
      <c r="M4969" s="236">
        <f t="shared" si="1162"/>
        <v>12.510971858771027</v>
      </c>
      <c r="N4969" s="236">
        <f t="shared" si="1163"/>
        <v>2.8820624480719439</v>
      </c>
      <c r="O4969" s="236">
        <f t="shared" si="1167"/>
        <v>2.9070863836879246</v>
      </c>
      <c r="P4969" s="236" t="str">
        <f t="shared" si="1168"/>
        <v>CLAY</v>
      </c>
      <c r="Q4969" s="236">
        <f t="shared" si="1164"/>
        <v>517.56916914294106</v>
      </c>
      <c r="R4969" s="238">
        <v>35</v>
      </c>
      <c r="S4969" s="236">
        <f t="shared" si="1169"/>
        <v>5.8823900410905479</v>
      </c>
      <c r="T4969" s="236" t="e">
        <f t="shared" si="1155"/>
        <v>#N/A</v>
      </c>
    </row>
    <row r="4970" spans="1:20" x14ac:dyDescent="0.2">
      <c r="A4970" s="53">
        <f t="shared" si="1156"/>
        <v>4958</v>
      </c>
      <c r="B4970" s="239">
        <v>49.167999999999999</v>
      </c>
      <c r="C4970" s="3">
        <f t="shared" si="1157"/>
        <v>49.161000000000001</v>
      </c>
      <c r="D4970" s="239">
        <v>6.7861000000000002</v>
      </c>
      <c r="E4970" s="239">
        <v>0.18540000000000001</v>
      </c>
      <c r="F4970" s="239">
        <v>0.65380000000000005</v>
      </c>
      <c r="G4970">
        <f t="shared" si="1158"/>
        <v>6.9168599999999998</v>
      </c>
      <c r="H4970" s="235">
        <f t="shared" si="1159"/>
        <v>2.680407005490931</v>
      </c>
      <c r="I4970" s="236">
        <f t="shared" si="1160"/>
        <v>20.124257411792364</v>
      </c>
      <c r="J4970" s="237">
        <f t="shared" si="1165"/>
        <v>10.124257411792364</v>
      </c>
      <c r="K4970" s="237">
        <f t="shared" si="1161"/>
        <v>989.32861862112441</v>
      </c>
      <c r="L4970" s="237">
        <f t="shared" si="1166"/>
        <v>497.78948842300696</v>
      </c>
      <c r="M4970" s="236">
        <f t="shared" si="1162"/>
        <v>11.907707011164993</v>
      </c>
      <c r="N4970" s="236">
        <f t="shared" si="1163"/>
        <v>3.1277776205863264</v>
      </c>
      <c r="O4970" s="236">
        <f t="shared" si="1167"/>
        <v>2.945181314686629</v>
      </c>
      <c r="P4970" s="236" t="str">
        <f t="shared" si="1168"/>
        <v>CLAY</v>
      </c>
      <c r="Q4970" s="236">
        <f t="shared" si="1164"/>
        <v>493.96094844823961</v>
      </c>
      <c r="R4970" s="238">
        <v>35</v>
      </c>
      <c r="S4970" s="236">
        <f t="shared" si="1169"/>
        <v>5.5300006716031831</v>
      </c>
      <c r="T4970" s="236" t="e">
        <f t="shared" si="1155"/>
        <v>#N/A</v>
      </c>
    </row>
    <row r="4971" spans="1:20" x14ac:dyDescent="0.2">
      <c r="A4971" s="53">
        <f t="shared" si="1156"/>
        <v>4959</v>
      </c>
      <c r="B4971" s="239">
        <v>49.177999999999997</v>
      </c>
      <c r="C4971" s="3">
        <f t="shared" si="1157"/>
        <v>49.170999999999999</v>
      </c>
      <c r="D4971" s="239">
        <v>6.7225999999999999</v>
      </c>
      <c r="E4971" s="239">
        <v>0.18659999999999999</v>
      </c>
      <c r="F4971" s="239">
        <v>0.50839999999999996</v>
      </c>
      <c r="G4971">
        <f t="shared" si="1158"/>
        <v>6.8242799999999999</v>
      </c>
      <c r="H4971" s="235">
        <f t="shared" si="1159"/>
        <v>2.7343543934305155</v>
      </c>
      <c r="I4971" s="236">
        <f t="shared" si="1160"/>
        <v>20.126555634643712</v>
      </c>
      <c r="J4971" s="237">
        <f t="shared" si="1165"/>
        <v>10.126555634643712</v>
      </c>
      <c r="K4971" s="237">
        <f t="shared" si="1161"/>
        <v>989.64286711106593</v>
      </c>
      <c r="L4971" s="237">
        <f t="shared" si="1166"/>
        <v>498.00375300050842</v>
      </c>
      <c r="M4971" s="236">
        <f t="shared" si="1162"/>
        <v>11.716050527199494</v>
      </c>
      <c r="N4971" s="236">
        <f t="shared" si="1163"/>
        <v>3.1981423308771864</v>
      </c>
      <c r="O4971" s="236">
        <f t="shared" si="1167"/>
        <v>2.9565391813771753</v>
      </c>
      <c r="P4971" s="236" t="str">
        <f t="shared" si="1168"/>
        <v>CLAY</v>
      </c>
      <c r="Q4971" s="236">
        <f t="shared" si="1164"/>
        <v>486.21976107407778</v>
      </c>
      <c r="R4971" s="238">
        <v>35</v>
      </c>
      <c r="S4971" s="236">
        <f t="shared" si="1169"/>
        <v>5.4189675908156278</v>
      </c>
      <c r="T4971" s="236" t="e">
        <f t="shared" si="1155"/>
        <v>#N/A</v>
      </c>
    </row>
    <row r="4972" spans="1:20" x14ac:dyDescent="0.2">
      <c r="A4972" s="53">
        <f t="shared" si="1156"/>
        <v>4960</v>
      </c>
      <c r="B4972" s="239">
        <v>49.188000000000002</v>
      </c>
      <c r="C4972" s="3">
        <f t="shared" si="1157"/>
        <v>49.181000000000004</v>
      </c>
      <c r="D4972" s="239">
        <v>6.8933</v>
      </c>
      <c r="E4972" s="239">
        <v>0.18509999999999999</v>
      </c>
      <c r="F4972" s="239">
        <v>0.36899999999999999</v>
      </c>
      <c r="G4972">
        <f t="shared" si="1158"/>
        <v>6.9671000000000003</v>
      </c>
      <c r="H4972" s="235">
        <f t="shared" si="1159"/>
        <v>2.6567725452483817</v>
      </c>
      <c r="I4972" s="236">
        <f t="shared" si="1160"/>
        <v>20.125187224690624</v>
      </c>
      <c r="J4972" s="237">
        <f t="shared" si="1165"/>
        <v>10.125187224690624</v>
      </c>
      <c r="K4972" s="237">
        <f t="shared" si="1161"/>
        <v>989.77683289750962</v>
      </c>
      <c r="L4972" s="237">
        <f t="shared" si="1166"/>
        <v>498.03770920808245</v>
      </c>
      <c r="M4972" s="236">
        <f t="shared" si="1162"/>
        <v>12.001748174062735</v>
      </c>
      <c r="N4972" s="236">
        <f t="shared" si="1163"/>
        <v>3.0967039061688761</v>
      </c>
      <c r="O4972" s="236">
        <f t="shared" si="1167"/>
        <v>2.9398791700902196</v>
      </c>
      <c r="P4972" s="236" t="str">
        <f t="shared" si="1168"/>
        <v>CLAY</v>
      </c>
      <c r="Q4972" s="236">
        <f t="shared" si="1164"/>
        <v>498.11026392520756</v>
      </c>
      <c r="R4972" s="238">
        <v>35</v>
      </c>
      <c r="S4972" s="236">
        <f t="shared" si="1169"/>
        <v>5.5846459601760996</v>
      </c>
      <c r="T4972" s="236" t="e">
        <f t="shared" si="1155"/>
        <v>#N/A</v>
      </c>
    </row>
    <row r="4973" spans="1:20" x14ac:dyDescent="0.2">
      <c r="A4973" s="53">
        <f t="shared" si="1156"/>
        <v>4961</v>
      </c>
      <c r="B4973" s="239">
        <v>49.198</v>
      </c>
      <c r="C4973" s="3">
        <f t="shared" si="1157"/>
        <v>49.191000000000003</v>
      </c>
      <c r="D4973" s="239">
        <v>6.8959999999999999</v>
      </c>
      <c r="E4973" s="239">
        <v>0.19450000000000001</v>
      </c>
      <c r="F4973" s="239">
        <v>0.35560000000000003</v>
      </c>
      <c r="G4973">
        <f t="shared" si="1158"/>
        <v>6.9671199999999995</v>
      </c>
      <c r="H4973" s="235">
        <f t="shared" si="1159"/>
        <v>2.7916843688640358</v>
      </c>
      <c r="I4973" s="236">
        <f t="shared" si="1160"/>
        <v>20.183273951373618</v>
      </c>
      <c r="J4973" s="237">
        <f t="shared" si="1165"/>
        <v>10.183273951373618</v>
      </c>
      <c r="K4973" s="237">
        <f t="shared" si="1161"/>
        <v>992.83542894201969</v>
      </c>
      <c r="L4973" s="237">
        <f t="shared" si="1166"/>
        <v>500.99671185967924</v>
      </c>
      <c r="M4973" s="236">
        <f t="shared" si="1162"/>
        <v>11.924797966999986</v>
      </c>
      <c r="N4973" s="236">
        <f t="shared" si="1163"/>
        <v>3.2556199438882132</v>
      </c>
      <c r="O4973" s="236">
        <f t="shared" si="1167"/>
        <v>2.9548428404812754</v>
      </c>
      <c r="P4973" s="236" t="str">
        <f t="shared" si="1168"/>
        <v>CLAY</v>
      </c>
      <c r="Q4973" s="236">
        <f t="shared" si="1164"/>
        <v>497.85704758816502</v>
      </c>
      <c r="R4973" s="238">
        <v>35</v>
      </c>
      <c r="S4973" s="236">
        <f t="shared" si="1169"/>
        <v>5.5399238612352288</v>
      </c>
      <c r="T4973" s="236" t="e">
        <f t="shared" si="1155"/>
        <v>#N/A</v>
      </c>
    </row>
    <row r="4974" spans="1:20" x14ac:dyDescent="0.2">
      <c r="A4974" s="53">
        <f t="shared" si="1156"/>
        <v>4962</v>
      </c>
      <c r="B4974" s="239">
        <v>49.207000000000001</v>
      </c>
      <c r="C4974" s="3">
        <f t="shared" si="1157"/>
        <v>49.2</v>
      </c>
      <c r="D4974" s="239">
        <v>6.6483999999999996</v>
      </c>
      <c r="E4974" s="239">
        <v>0.1981</v>
      </c>
      <c r="F4974" s="239">
        <v>0.3322</v>
      </c>
      <c r="G4974">
        <f t="shared" si="1158"/>
        <v>6.7148399999999997</v>
      </c>
      <c r="H4974" s="235">
        <f t="shared" si="1159"/>
        <v>2.9501819849765591</v>
      </c>
      <c r="I4974" s="236">
        <f t="shared" si="1160"/>
        <v>20.190363240290047</v>
      </c>
      <c r="J4974" s="237">
        <f t="shared" si="1165"/>
        <v>10.190363240290047</v>
      </c>
      <c r="K4974" s="237">
        <f t="shared" si="1161"/>
        <v>993.3658714222704</v>
      </c>
      <c r="L4974" s="237">
        <f t="shared" si="1166"/>
        <v>501.43720396495235</v>
      </c>
      <c r="M4974" s="236">
        <f t="shared" si="1162"/>
        <v>11.410150829130798</v>
      </c>
      <c r="N4974" s="236">
        <f t="shared" si="1163"/>
        <v>3.4623944030529872</v>
      </c>
      <c r="O4974" s="236">
        <f t="shared" si="1167"/>
        <v>2.9860624002916065</v>
      </c>
      <c r="P4974" s="236" t="str">
        <f t="shared" si="1168"/>
        <v>CLAY</v>
      </c>
      <c r="Q4974" s="236">
        <f t="shared" si="1164"/>
        <v>476.78951071481083</v>
      </c>
      <c r="R4974" s="238">
        <v>35</v>
      </c>
      <c r="S4974" s="236">
        <f t="shared" si="1169"/>
        <v>5.2426907445284776</v>
      </c>
      <c r="T4974" s="236" t="e">
        <f t="shared" si="1155"/>
        <v>#N/A</v>
      </c>
    </row>
    <row r="4975" spans="1:20" x14ac:dyDescent="0.2">
      <c r="A4975" s="53">
        <f t="shared" si="1156"/>
        <v>4963</v>
      </c>
      <c r="B4975" s="239">
        <v>49.216999999999999</v>
      </c>
      <c r="C4975" s="3">
        <f t="shared" si="1157"/>
        <v>49.21</v>
      </c>
      <c r="D4975" s="239">
        <v>6.4671000000000003</v>
      </c>
      <c r="E4975" s="239">
        <v>0.19700000000000001</v>
      </c>
      <c r="F4975" s="239">
        <v>0.2366</v>
      </c>
      <c r="G4975">
        <f t="shared" si="1158"/>
        <v>6.5144200000000003</v>
      </c>
      <c r="H4975" s="235">
        <f t="shared" si="1159"/>
        <v>3.0240604689289299</v>
      </c>
      <c r="I4975" s="236">
        <f t="shared" si="1160"/>
        <v>20.171990044626419</v>
      </c>
      <c r="J4975" s="237">
        <f t="shared" si="1165"/>
        <v>10.171990044626419</v>
      </c>
      <c r="K4975" s="237">
        <f t="shared" si="1161"/>
        <v>992.66363009606607</v>
      </c>
      <c r="L4975" s="237">
        <f t="shared" si="1166"/>
        <v>500.63483402637843</v>
      </c>
      <c r="M4975" s="236">
        <f t="shared" si="1162"/>
        <v>11.029508924688594</v>
      </c>
      <c r="N4975" s="236">
        <f t="shared" si="1163"/>
        <v>3.5677053966694183</v>
      </c>
      <c r="O4975" s="236">
        <f t="shared" si="1167"/>
        <v>3.0056357450254461</v>
      </c>
      <c r="P4975" s="236" t="str">
        <f t="shared" si="1168"/>
        <v>CLAY</v>
      </c>
      <c r="Q4975" s="236">
        <f t="shared" si="1164"/>
        <v>460.14636415866113</v>
      </c>
      <c r="R4975" s="238">
        <v>35</v>
      </c>
      <c r="S4975" s="236">
        <f t="shared" si="1169"/>
        <v>5.024990317055372</v>
      </c>
      <c r="T4975" s="236" t="e">
        <f t="shared" si="1155"/>
        <v>#N/A</v>
      </c>
    </row>
    <row r="4976" spans="1:20" x14ac:dyDescent="0.2">
      <c r="A4976" s="53">
        <f t="shared" si="1156"/>
        <v>4964</v>
      </c>
      <c r="B4976" s="239">
        <v>49.226999999999997</v>
      </c>
      <c r="C4976" s="3">
        <f t="shared" si="1157"/>
        <v>49.22</v>
      </c>
      <c r="D4976" s="239">
        <v>6.3666999999999998</v>
      </c>
      <c r="E4976" s="239">
        <v>0.18959999999999999</v>
      </c>
      <c r="F4976" s="239">
        <v>0.1993</v>
      </c>
      <c r="G4976">
        <f t="shared" si="1158"/>
        <v>6.4065599999999998</v>
      </c>
      <c r="H4976" s="235">
        <f t="shared" si="1159"/>
        <v>2.9594665467895407</v>
      </c>
      <c r="I4976" s="236">
        <f t="shared" si="1160"/>
        <v>20.120568961546979</v>
      </c>
      <c r="J4976" s="237">
        <f t="shared" si="1165"/>
        <v>10.120568961546979</v>
      </c>
      <c r="K4976" s="237">
        <f t="shared" si="1161"/>
        <v>990.33440428734229</v>
      </c>
      <c r="L4976" s="237">
        <f t="shared" si="1166"/>
        <v>498.20524827007313</v>
      </c>
      <c r="M4976" s="236">
        <f t="shared" si="1162"/>
        <v>10.871474386348824</v>
      </c>
      <c r="N4976" s="236">
        <f t="shared" si="1163"/>
        <v>3.5005927402669932</v>
      </c>
      <c r="O4976" s="236">
        <f t="shared" si="1167"/>
        <v>3.0058522027996006</v>
      </c>
      <c r="P4976" s="236" t="str">
        <f t="shared" si="1168"/>
        <v>CLAY</v>
      </c>
      <c r="Q4976" s="236">
        <f t="shared" si="1164"/>
        <v>451.35213297605475</v>
      </c>
      <c r="R4976" s="238">
        <v>35</v>
      </c>
      <c r="S4976" s="236">
        <f t="shared" si="1169"/>
        <v>4.9351523880549806</v>
      </c>
      <c r="T4976" s="236" t="e">
        <f t="shared" si="1155"/>
        <v>#N/A</v>
      </c>
    </row>
    <row r="4977" spans="1:20" x14ac:dyDescent="0.2">
      <c r="A4977" s="53">
        <f t="shared" si="1156"/>
        <v>4965</v>
      </c>
      <c r="B4977" s="239">
        <v>49.237000000000002</v>
      </c>
      <c r="C4977" s="3">
        <f t="shared" si="1157"/>
        <v>49.230000000000004</v>
      </c>
      <c r="D4977" s="239">
        <v>6.0288000000000004</v>
      </c>
      <c r="E4977" s="239">
        <v>0.1973</v>
      </c>
      <c r="F4977" s="239">
        <v>0.29399999999999998</v>
      </c>
      <c r="G4977">
        <f t="shared" si="1158"/>
        <v>6.0876000000000001</v>
      </c>
      <c r="H4977" s="235">
        <f t="shared" si="1159"/>
        <v>3.2410145213220316</v>
      </c>
      <c r="I4977" s="236">
        <f t="shared" si="1160"/>
        <v>20.147287682091928</v>
      </c>
      <c r="J4977" s="237">
        <f t="shared" si="1165"/>
        <v>10.147287682091928</v>
      </c>
      <c r="K4977" s="237">
        <f t="shared" si="1161"/>
        <v>991.85097258938572</v>
      </c>
      <c r="L4977" s="237">
        <f t="shared" si="1166"/>
        <v>499.62200360316029</v>
      </c>
      <c r="M4977" s="236">
        <f t="shared" si="1162"/>
        <v>10.19920858301122</v>
      </c>
      <c r="N4977" s="236">
        <f t="shared" si="1163"/>
        <v>3.8718547349702828</v>
      </c>
      <c r="O4977" s="236">
        <f t="shared" si="1167"/>
        <v>3.0540508041534835</v>
      </c>
      <c r="P4977" s="236" t="str">
        <f t="shared" si="1168"/>
        <v>CLAY</v>
      </c>
      <c r="Q4977" s="236">
        <f t="shared" si="1164"/>
        <v>424.64575228421791</v>
      </c>
      <c r="R4977" s="238">
        <v>35</v>
      </c>
      <c r="S4977" s="236">
        <f t="shared" si="1169"/>
        <v>4.5566754885470582</v>
      </c>
      <c r="T4977" s="236" t="e">
        <f t="shared" si="1155"/>
        <v>#N/A</v>
      </c>
    </row>
    <row r="4978" spans="1:20" x14ac:dyDescent="0.2">
      <c r="A4978" s="53">
        <f t="shared" si="1156"/>
        <v>4966</v>
      </c>
      <c r="B4978" s="239">
        <v>49.247</v>
      </c>
      <c r="C4978" s="3">
        <f t="shared" si="1157"/>
        <v>49.24</v>
      </c>
      <c r="D4978" s="239">
        <v>5.8146000000000004</v>
      </c>
      <c r="E4978" s="239">
        <v>0.20349999999999999</v>
      </c>
      <c r="F4978" s="239">
        <v>0.40579999999999999</v>
      </c>
      <c r="G4978">
        <f t="shared" si="1158"/>
        <v>5.8957600000000001</v>
      </c>
      <c r="H4978" s="235">
        <f t="shared" si="1159"/>
        <v>3.4516330379798359</v>
      </c>
      <c r="I4978" s="236">
        <f t="shared" si="1160"/>
        <v>20.171052787658606</v>
      </c>
      <c r="J4978" s="237">
        <f t="shared" si="1165"/>
        <v>10.171052787658606</v>
      </c>
      <c r="K4978" s="237">
        <f t="shared" si="1161"/>
        <v>993.22263926430981</v>
      </c>
      <c r="L4978" s="237">
        <f t="shared" si="1166"/>
        <v>500.89383663382341</v>
      </c>
      <c r="M4978" s="236">
        <f t="shared" si="1162"/>
        <v>9.7875777304077154</v>
      </c>
      <c r="N4978" s="236">
        <f t="shared" si="1163"/>
        <v>4.150911763158132</v>
      </c>
      <c r="O4978" s="236">
        <f t="shared" si="1167"/>
        <v>3.0863931824440147</v>
      </c>
      <c r="P4978" s="236" t="str">
        <f t="shared" si="1168"/>
        <v>CLAY</v>
      </c>
      <c r="Q4978" s="236">
        <f t="shared" si="1164"/>
        <v>408.54478006130756</v>
      </c>
      <c r="R4978" s="238">
        <v>35</v>
      </c>
      <c r="S4978" s="236">
        <f t="shared" si="1169"/>
        <v>4.3279679781025289</v>
      </c>
      <c r="T4978" s="236" t="e">
        <f t="shared" si="1155"/>
        <v>#N/A</v>
      </c>
    </row>
    <row r="4979" spans="1:20" x14ac:dyDescent="0.2">
      <c r="A4979" s="53">
        <f t="shared" si="1156"/>
        <v>4967</v>
      </c>
      <c r="B4979" s="239">
        <v>49.256</v>
      </c>
      <c r="C4979" s="3">
        <f t="shared" si="1157"/>
        <v>49.249000000000002</v>
      </c>
      <c r="D4979" s="239">
        <v>5.6086</v>
      </c>
      <c r="E4979" s="239">
        <v>0.20050000000000001</v>
      </c>
      <c r="F4979" s="239">
        <v>0.47520000000000001</v>
      </c>
      <c r="G4979">
        <f t="shared" si="1158"/>
        <v>5.70364</v>
      </c>
      <c r="H4979" s="235">
        <f t="shared" si="1159"/>
        <v>3.5152990020408024</v>
      </c>
      <c r="I4979" s="236">
        <f t="shared" si="1160"/>
        <v>20.140688767644008</v>
      </c>
      <c r="J4979" s="237">
        <f t="shared" si="1165"/>
        <v>10.140688767644008</v>
      </c>
      <c r="K4979" s="237">
        <f t="shared" si="1161"/>
        <v>991.90878111769985</v>
      </c>
      <c r="L4979" s="237">
        <f t="shared" si="1166"/>
        <v>499.48976593907327</v>
      </c>
      <c r="M4979" s="236">
        <f t="shared" si="1162"/>
        <v>9.4330886039755786</v>
      </c>
      <c r="N4979" s="236">
        <f t="shared" si="1163"/>
        <v>4.2553361107801448</v>
      </c>
      <c r="O4979" s="236">
        <f t="shared" si="1167"/>
        <v>3.1056897046473209</v>
      </c>
      <c r="P4979" s="236" t="str">
        <f t="shared" si="1168"/>
        <v>CLAY</v>
      </c>
      <c r="Q4979" s="236">
        <f t="shared" si="1164"/>
        <v>392.64426824019171</v>
      </c>
      <c r="R4979" s="238">
        <v>35</v>
      </c>
      <c r="S4979" s="236">
        <f t="shared" si="1169"/>
        <v>4.1329238258104093</v>
      </c>
      <c r="T4979" s="236" t="e">
        <f t="shared" si="1155"/>
        <v>#N/A</v>
      </c>
    </row>
    <row r="4980" spans="1:20" x14ac:dyDescent="0.2">
      <c r="A4980" s="53">
        <f t="shared" si="1156"/>
        <v>4968</v>
      </c>
      <c r="B4980" s="239">
        <v>49.265000000000001</v>
      </c>
      <c r="C4980" s="3">
        <f t="shared" si="1157"/>
        <v>49.258000000000003</v>
      </c>
      <c r="D4980" s="239">
        <v>5.6783999999999999</v>
      </c>
      <c r="E4980" s="239">
        <v>0.20300000000000001</v>
      </c>
      <c r="F4980" s="239">
        <v>0.5333</v>
      </c>
      <c r="G4980">
        <f t="shared" si="1158"/>
        <v>5.7850599999999996</v>
      </c>
      <c r="H4980" s="235">
        <f t="shared" si="1159"/>
        <v>3.509038799943303</v>
      </c>
      <c r="I4980" s="236">
        <f t="shared" si="1160"/>
        <v>20.160759437601779</v>
      </c>
      <c r="J4980" s="237">
        <f t="shared" si="1165"/>
        <v>10.160759437601779</v>
      </c>
      <c r="K4980" s="237">
        <f t="shared" si="1161"/>
        <v>993.07868837738852</v>
      </c>
      <c r="L4980" s="237">
        <f t="shared" si="1166"/>
        <v>500.56981369345169</v>
      </c>
      <c r="M4980" s="236">
        <f t="shared" si="1162"/>
        <v>9.5730529099727413</v>
      </c>
      <c r="N4980" s="236">
        <f t="shared" si="1163"/>
        <v>4.236243566051435</v>
      </c>
      <c r="O4980" s="236">
        <f t="shared" si="1167"/>
        <v>3.0993883821694883</v>
      </c>
      <c r="P4980" s="236" t="str">
        <f t="shared" si="1168"/>
        <v>CLAY</v>
      </c>
      <c r="Q4980" s="236">
        <f t="shared" si="1164"/>
        <v>399.33177596855086</v>
      </c>
      <c r="R4980" s="238">
        <v>35</v>
      </c>
      <c r="S4980" s="236">
        <f t="shared" si="1169"/>
        <v>4.2097187598063153</v>
      </c>
      <c r="T4980" s="236" t="e">
        <f t="shared" si="1155"/>
        <v>#N/A</v>
      </c>
    </row>
    <row r="4981" spans="1:20" x14ac:dyDescent="0.2">
      <c r="A4981" s="53">
        <f t="shared" si="1156"/>
        <v>4969</v>
      </c>
      <c r="B4981" s="239">
        <v>49.276000000000003</v>
      </c>
      <c r="C4981" s="3">
        <f t="shared" si="1157"/>
        <v>49.269000000000005</v>
      </c>
      <c r="D4981" s="239">
        <v>5.5505000000000004</v>
      </c>
      <c r="E4981" s="239">
        <v>0.22189999999999999</v>
      </c>
      <c r="F4981" s="239">
        <v>0.78369999999999995</v>
      </c>
      <c r="G4981">
        <f t="shared" si="1158"/>
        <v>5.7072400000000005</v>
      </c>
      <c r="H4981" s="235">
        <f t="shared" si="1159"/>
        <v>3.8880439582004609</v>
      </c>
      <c r="I4981" s="236">
        <f t="shared" si="1160"/>
        <v>20.259851292646317</v>
      </c>
      <c r="J4981" s="237">
        <f t="shared" si="1165"/>
        <v>10.259851292646317</v>
      </c>
      <c r="K4981" s="237">
        <f t="shared" si="1161"/>
        <v>998.18261333739156</v>
      </c>
      <c r="L4981" s="237">
        <f t="shared" si="1166"/>
        <v>505.56443229643997</v>
      </c>
      <c r="M4981" s="236">
        <f t="shared" si="1162"/>
        <v>9.3144554597571698</v>
      </c>
      <c r="N4981" s="236">
        <f t="shared" si="1163"/>
        <v>4.7121957066924676</v>
      </c>
      <c r="O4981" s="236">
        <f t="shared" si="1167"/>
        <v>3.1366395863765595</v>
      </c>
      <c r="P4981" s="236" t="str">
        <f t="shared" si="1168"/>
        <v>CLAY</v>
      </c>
      <c r="Q4981" s="236">
        <f t="shared" si="1164"/>
        <v>392.42144888855074</v>
      </c>
      <c r="R4981" s="238">
        <v>35</v>
      </c>
      <c r="S4981" s="236">
        <f t="shared" si="1169"/>
        <v>4.068055286902573</v>
      </c>
      <c r="T4981" s="236" t="e">
        <f t="shared" si="1155"/>
        <v>#N/A</v>
      </c>
    </row>
    <row r="4982" spans="1:20" x14ac:dyDescent="0.2">
      <c r="A4982" s="53">
        <f t="shared" si="1156"/>
        <v>4970</v>
      </c>
      <c r="B4982" s="239">
        <v>49.284999999999997</v>
      </c>
      <c r="C4982" s="3">
        <f t="shared" si="1157"/>
        <v>49.277999999999999</v>
      </c>
      <c r="D4982" s="239">
        <v>5.7088999999999999</v>
      </c>
      <c r="E4982" s="239">
        <v>0.23019999999999999</v>
      </c>
      <c r="F4982" s="239">
        <v>0.82869999999999999</v>
      </c>
      <c r="G4982">
        <f t="shared" si="1158"/>
        <v>5.8746399999999994</v>
      </c>
      <c r="H4982" s="235">
        <f t="shared" si="1159"/>
        <v>3.9185379870085657</v>
      </c>
      <c r="I4982" s="236">
        <f t="shared" si="1160"/>
        <v>20.314210548712563</v>
      </c>
      <c r="J4982" s="237">
        <f t="shared" si="1165"/>
        <v>10.314210548712563</v>
      </c>
      <c r="K4982" s="237">
        <f t="shared" si="1161"/>
        <v>1001.0436674194576</v>
      </c>
      <c r="L4982" s="237">
        <f t="shared" si="1166"/>
        <v>508.3358668932986</v>
      </c>
      <c r="M4982" s="236">
        <f t="shared" si="1162"/>
        <v>9.5873548375911195</v>
      </c>
      <c r="N4982" s="236">
        <f t="shared" si="1163"/>
        <v>4.7234113022674249</v>
      </c>
      <c r="O4982" s="236">
        <f t="shared" si="1167"/>
        <v>3.1272748130579844</v>
      </c>
      <c r="P4982" s="236" t="str">
        <f t="shared" si="1168"/>
        <v>CLAY</v>
      </c>
      <c r="Q4982" s="236">
        <f t="shared" si="1164"/>
        <v>406.1330277150451</v>
      </c>
      <c r="R4982" s="238">
        <v>35</v>
      </c>
      <c r="S4982" s="236">
        <f t="shared" si="1169"/>
        <v>4.2175817598431076</v>
      </c>
      <c r="T4982" s="236" t="e">
        <f t="shared" si="1155"/>
        <v>#N/A</v>
      </c>
    </row>
    <row r="4983" spans="1:20" x14ac:dyDescent="0.2">
      <c r="A4983" s="53">
        <f t="shared" si="1156"/>
        <v>4971</v>
      </c>
      <c r="B4983" s="239">
        <v>49.295000000000002</v>
      </c>
      <c r="C4983" s="3">
        <f t="shared" si="1157"/>
        <v>49.288000000000004</v>
      </c>
      <c r="D4983" s="239">
        <v>5.8240999999999996</v>
      </c>
      <c r="E4983" s="239">
        <v>0.2223</v>
      </c>
      <c r="F4983" s="239">
        <v>0.67549999999999999</v>
      </c>
      <c r="G4983">
        <f t="shared" si="1158"/>
        <v>5.9591999999999992</v>
      </c>
      <c r="H4983" s="235">
        <f t="shared" si="1159"/>
        <v>3.7303664921465973</v>
      </c>
      <c r="I4983" s="236">
        <f t="shared" si="1160"/>
        <v>20.278848768809318</v>
      </c>
      <c r="J4983" s="237">
        <f t="shared" si="1165"/>
        <v>10.278848768809318</v>
      </c>
      <c r="K4983" s="237">
        <f t="shared" si="1161"/>
        <v>999.50389811707373</v>
      </c>
      <c r="L4983" s="237">
        <f t="shared" si="1166"/>
        <v>506.69585005845539</v>
      </c>
      <c r="M4983" s="236">
        <f t="shared" si="1162"/>
        <v>9.7883100903840941</v>
      </c>
      <c r="N4983" s="236">
        <f t="shared" si="1163"/>
        <v>4.4821294578029667</v>
      </c>
      <c r="O4983" s="236">
        <f t="shared" si="1167"/>
        <v>3.1063393341147436</v>
      </c>
      <c r="P4983" s="236" t="str">
        <f t="shared" si="1168"/>
        <v>CLAY</v>
      </c>
      <c r="Q4983" s="236">
        <f t="shared" si="1164"/>
        <v>413.30800849024376</v>
      </c>
      <c r="R4983" s="238">
        <v>35</v>
      </c>
      <c r="S4983" s="236">
        <f t="shared" si="1169"/>
        <v>4.3283727846158309</v>
      </c>
      <c r="T4983" s="236" t="e">
        <f t="shared" si="1155"/>
        <v>#N/A</v>
      </c>
    </row>
    <row r="4984" spans="1:20" x14ac:dyDescent="0.2">
      <c r="A4984" s="53">
        <f t="shared" si="1156"/>
        <v>4972</v>
      </c>
      <c r="B4984" s="239">
        <v>49.304000000000002</v>
      </c>
      <c r="C4984" s="3">
        <f t="shared" si="1157"/>
        <v>49.297000000000004</v>
      </c>
      <c r="D4984" s="239">
        <v>5.7965999999999998</v>
      </c>
      <c r="E4984" s="239">
        <v>0.2089</v>
      </c>
      <c r="F4984" s="239">
        <v>0.59750000000000003</v>
      </c>
      <c r="G4984">
        <f t="shared" si="1158"/>
        <v>5.9161000000000001</v>
      </c>
      <c r="H4984" s="235">
        <f t="shared" si="1159"/>
        <v>3.5310424096955764</v>
      </c>
      <c r="I4984" s="236">
        <f t="shared" si="1160"/>
        <v>20.203108797979876</v>
      </c>
      <c r="J4984" s="237">
        <f t="shared" si="1165"/>
        <v>10.203108797979876</v>
      </c>
      <c r="K4984" s="237">
        <f t="shared" si="1161"/>
        <v>995.95265441401409</v>
      </c>
      <c r="L4984" s="237">
        <f t="shared" si="1166"/>
        <v>503.05407617559985</v>
      </c>
      <c r="M4984" s="236">
        <f t="shared" si="1162"/>
        <v>9.7805535798273144</v>
      </c>
      <c r="N4984" s="236">
        <f t="shared" si="1163"/>
        <v>4.2458078046668772</v>
      </c>
      <c r="O4984" s="236">
        <f t="shared" si="1167"/>
        <v>3.0924997771620819</v>
      </c>
      <c r="P4984" s="236" t="str">
        <f t="shared" si="1168"/>
        <v>CLAY</v>
      </c>
      <c r="Q4984" s="236">
        <f t="shared" si="1164"/>
        <v>410.01227879883214</v>
      </c>
      <c r="R4984" s="238">
        <v>35</v>
      </c>
      <c r="S4984" s="236">
        <f t="shared" si="1169"/>
        <v>4.3240858159374671</v>
      </c>
      <c r="T4984" s="236" t="e">
        <f t="shared" si="1155"/>
        <v>#N/A</v>
      </c>
    </row>
    <row r="4985" spans="1:20" x14ac:dyDescent="0.2">
      <c r="A4985" s="53">
        <f t="shared" si="1156"/>
        <v>4973</v>
      </c>
      <c r="B4985" s="239">
        <v>49.314999999999998</v>
      </c>
      <c r="C4985" s="3">
        <f t="shared" si="1157"/>
        <v>49.308</v>
      </c>
      <c r="D4985" s="239">
        <v>5.7157999999999998</v>
      </c>
      <c r="E4985" s="239">
        <v>0.18859999999999999</v>
      </c>
      <c r="F4985" s="239">
        <v>0.40739999999999998</v>
      </c>
      <c r="G4985">
        <f t="shared" si="1158"/>
        <v>5.7972799999999998</v>
      </c>
      <c r="H4985" s="235">
        <f t="shared" si="1159"/>
        <v>3.2532497999061625</v>
      </c>
      <c r="I4985" s="236">
        <f t="shared" si="1160"/>
        <v>20.075307462055303</v>
      </c>
      <c r="J4985" s="237">
        <f t="shared" si="1165"/>
        <v>10.075307462055303</v>
      </c>
      <c r="K4985" s="237">
        <f t="shared" si="1161"/>
        <v>989.87326033902286</v>
      </c>
      <c r="L4985" s="237">
        <f t="shared" si="1166"/>
        <v>496.86378749125726</v>
      </c>
      <c r="M4985" s="236">
        <f t="shared" si="1162"/>
        <v>9.6755023422703506</v>
      </c>
      <c r="N4985" s="236">
        <f t="shared" si="1163"/>
        <v>3.923113025657992</v>
      </c>
      <c r="O4985" s="236">
        <f t="shared" si="1167"/>
        <v>3.0758957719747322</v>
      </c>
      <c r="P4985" s="236" t="str">
        <f t="shared" si="1168"/>
        <v>CLAY</v>
      </c>
      <c r="Q4985" s="236">
        <f t="shared" si="1164"/>
        <v>400.61722830508143</v>
      </c>
      <c r="R4985" s="238">
        <v>35</v>
      </c>
      <c r="S4985" s="236">
        <f t="shared" si="1169"/>
        <v>4.2661086474151082</v>
      </c>
      <c r="T4985" s="236" t="e">
        <f t="shared" si="1155"/>
        <v>#N/A</v>
      </c>
    </row>
    <row r="4986" spans="1:20" x14ac:dyDescent="0.2">
      <c r="A4986" s="53">
        <f t="shared" si="1156"/>
        <v>4974</v>
      </c>
      <c r="B4986" s="239">
        <v>49.323999999999998</v>
      </c>
      <c r="C4986" s="3">
        <f t="shared" si="1157"/>
        <v>49.317</v>
      </c>
      <c r="D4986" s="239">
        <v>5.5956000000000001</v>
      </c>
      <c r="E4986" s="239">
        <v>0.1789</v>
      </c>
      <c r="F4986" s="239">
        <v>0.37</v>
      </c>
      <c r="G4986">
        <f t="shared" si="1158"/>
        <v>5.6696</v>
      </c>
      <c r="H4986" s="235">
        <f t="shared" si="1159"/>
        <v>3.1554254268378727</v>
      </c>
      <c r="I4986" s="236">
        <f t="shared" si="1160"/>
        <v>20.004688151692509</v>
      </c>
      <c r="J4986" s="237">
        <f t="shared" si="1165"/>
        <v>10.004688151692509</v>
      </c>
      <c r="K4986" s="237">
        <f t="shared" si="1161"/>
        <v>986.57120557701944</v>
      </c>
      <c r="L4986" s="237">
        <f t="shared" si="1166"/>
        <v>493.4712383940813</v>
      </c>
      <c r="M4986" s="236">
        <f t="shared" si="1162"/>
        <v>9.4899731333139226</v>
      </c>
      <c r="N4986" s="236">
        <f t="shared" si="1163"/>
        <v>3.8201772368568823</v>
      </c>
      <c r="O4986" s="236">
        <f t="shared" si="1167"/>
        <v>3.0759117105687457</v>
      </c>
      <c r="P4986" s="236" t="str">
        <f t="shared" si="1168"/>
        <v>CLAY</v>
      </c>
      <c r="Q4986" s="236">
        <f t="shared" si="1164"/>
        <v>390.25239953524846</v>
      </c>
      <c r="R4986" s="238">
        <v>35</v>
      </c>
      <c r="S4986" s="236">
        <f t="shared" si="1169"/>
        <v>4.1641008328319877</v>
      </c>
      <c r="T4986" s="236" t="e">
        <f t="shared" si="1155"/>
        <v>#N/A</v>
      </c>
    </row>
    <row r="4987" spans="1:20" x14ac:dyDescent="0.2">
      <c r="A4987" s="53">
        <f t="shared" si="1156"/>
        <v>4975</v>
      </c>
      <c r="B4987" s="239">
        <v>49.386000000000003</v>
      </c>
      <c r="C4987" s="3">
        <f t="shared" si="1157"/>
        <v>49.379000000000005</v>
      </c>
      <c r="D4987" s="239">
        <v>4.9762000000000004</v>
      </c>
      <c r="E4987" s="239">
        <v>0.19980000000000001</v>
      </c>
      <c r="F4987" s="239">
        <v>0.68230000000000002</v>
      </c>
      <c r="G4987">
        <f t="shared" si="1158"/>
        <v>5.11266</v>
      </c>
      <c r="H4987" s="235">
        <f t="shared" si="1159"/>
        <v>3.907946157186279</v>
      </c>
      <c r="I4987" s="236">
        <f t="shared" si="1160"/>
        <v>20.093833082058769</v>
      </c>
      <c r="J4987" s="237">
        <f t="shared" si="1165"/>
        <v>10.093833082058769</v>
      </c>
      <c r="K4987" s="237">
        <f t="shared" si="1161"/>
        <v>992.21338375898006</v>
      </c>
      <c r="L4987" s="237">
        <f t="shared" si="1166"/>
        <v>498.49404059055439</v>
      </c>
      <c r="M4987" s="236">
        <f t="shared" si="1162"/>
        <v>8.2657891182803755</v>
      </c>
      <c r="N4987" s="236">
        <f t="shared" si="1163"/>
        <v>4.8489889230083643</v>
      </c>
      <c r="O4987" s="236">
        <f t="shared" si="1167"/>
        <v>3.1855711894255538</v>
      </c>
      <c r="P4987" s="236" t="str">
        <f t="shared" si="1168"/>
        <v>CLAY</v>
      </c>
      <c r="Q4987" s="236">
        <f t="shared" si="1164"/>
        <v>343.37055135341831</v>
      </c>
      <c r="R4987" s="238">
        <v>35</v>
      </c>
      <c r="S4987" s="236">
        <f t="shared" si="1169"/>
        <v>3.5038492281650191</v>
      </c>
      <c r="T4987" s="236" t="e">
        <f t="shared" si="1155"/>
        <v>#N/A</v>
      </c>
    </row>
    <row r="4988" spans="1:20" x14ac:dyDescent="0.2">
      <c r="A4988" s="53">
        <f t="shared" si="1156"/>
        <v>4976</v>
      </c>
      <c r="B4988" s="239">
        <v>49.395000000000003</v>
      </c>
      <c r="C4988" s="3">
        <f t="shared" si="1157"/>
        <v>49.388000000000005</v>
      </c>
      <c r="D4988" s="239">
        <v>4.8977000000000004</v>
      </c>
      <c r="E4988" s="239">
        <v>0.18959999999999999</v>
      </c>
      <c r="F4988" s="239">
        <v>0.64419999999999999</v>
      </c>
      <c r="G4988">
        <f t="shared" si="1158"/>
        <v>5.0265400000000007</v>
      </c>
      <c r="H4988" s="235">
        <f t="shared" si="1159"/>
        <v>3.7719783389767105</v>
      </c>
      <c r="I4988" s="236">
        <f t="shared" si="1160"/>
        <v>20.025748782112458</v>
      </c>
      <c r="J4988" s="237">
        <f t="shared" si="1165"/>
        <v>10.025748782112458</v>
      </c>
      <c r="K4988" s="237">
        <f t="shared" si="1161"/>
        <v>989.03168085097025</v>
      </c>
      <c r="L4988" s="237">
        <f t="shared" si="1166"/>
        <v>495.2218610924449</v>
      </c>
      <c r="M4988" s="236">
        <f t="shared" si="1162"/>
        <v>8.1529282860058032</v>
      </c>
      <c r="N4988" s="236">
        <f t="shared" si="1163"/>
        <v>4.6959655563003579</v>
      </c>
      <c r="O4988" s="236">
        <f t="shared" si="1167"/>
        <v>3.1820589384307367</v>
      </c>
      <c r="P4988" s="236" t="str">
        <f t="shared" si="1168"/>
        <v>CLAY</v>
      </c>
      <c r="Q4988" s="236">
        <f t="shared" si="1164"/>
        <v>336.45902659575256</v>
      </c>
      <c r="R4988" s="238">
        <v>35</v>
      </c>
      <c r="S4988" s="236">
        <f t="shared" si="1169"/>
        <v>3.4441498321910329</v>
      </c>
      <c r="T4988" s="236" t="e">
        <f t="shared" si="1155"/>
        <v>#N/A</v>
      </c>
    </row>
    <row r="4989" spans="1:20" x14ac:dyDescent="0.2">
      <c r="A4989" s="53">
        <f t="shared" si="1156"/>
        <v>4977</v>
      </c>
      <c r="B4989" s="239">
        <v>49.405999999999999</v>
      </c>
      <c r="C4989" s="3">
        <f t="shared" si="1157"/>
        <v>49.399000000000001</v>
      </c>
      <c r="D4989" s="239">
        <v>4.5961999999999996</v>
      </c>
      <c r="E4989" s="239">
        <v>0.17979999999999999</v>
      </c>
      <c r="F4989" s="239">
        <v>0.64329999999999998</v>
      </c>
      <c r="G4989">
        <f t="shared" si="1158"/>
        <v>4.7248599999999996</v>
      </c>
      <c r="H4989" s="235">
        <f t="shared" si="1159"/>
        <v>3.805403757994946</v>
      </c>
      <c r="I4989" s="236">
        <f t="shared" si="1160"/>
        <v>19.939325260557943</v>
      </c>
      <c r="J4989" s="237">
        <f t="shared" si="1165"/>
        <v>9.9393252605579434</v>
      </c>
      <c r="K4989" s="237">
        <f t="shared" si="1161"/>
        <v>984.98272854630181</v>
      </c>
      <c r="L4989" s="237">
        <f t="shared" si="1166"/>
        <v>491.06230382312572</v>
      </c>
      <c r="M4989" s="236">
        <f t="shared" si="1162"/>
        <v>7.6158915932605433</v>
      </c>
      <c r="N4989" s="236">
        <f t="shared" si="1163"/>
        <v>4.807644394440552</v>
      </c>
      <c r="O4989" s="236">
        <f t="shared" si="1167"/>
        <v>3.2119364986838397</v>
      </c>
      <c r="P4989" s="236" t="str">
        <f t="shared" si="1168"/>
        <v>CLAY</v>
      </c>
      <c r="Q4989" s="236">
        <f t="shared" si="1164"/>
        <v>311.65643928780815</v>
      </c>
      <c r="R4989" s="238">
        <v>35</v>
      </c>
      <c r="S4989" s="236">
        <f t="shared" si="1169"/>
        <v>3.1629399785122403</v>
      </c>
      <c r="T4989" s="236" t="e">
        <f t="shared" si="1155"/>
        <v>#N/A</v>
      </c>
    </row>
    <row r="4990" spans="1:20" x14ac:dyDescent="0.2">
      <c r="A4990" s="53">
        <f t="shared" si="1156"/>
        <v>4978</v>
      </c>
      <c r="B4990" s="239">
        <v>49.414000000000001</v>
      </c>
      <c r="C4990" s="3">
        <f t="shared" si="1157"/>
        <v>49.407000000000004</v>
      </c>
      <c r="D4990" s="239">
        <v>4.2290999999999999</v>
      </c>
      <c r="E4990" s="239">
        <v>0.1867</v>
      </c>
      <c r="F4990" s="239">
        <v>0.69</v>
      </c>
      <c r="G4990">
        <f t="shared" si="1158"/>
        <v>4.3670999999999998</v>
      </c>
      <c r="H4990" s="235">
        <f t="shared" si="1159"/>
        <v>4.2751482677291568</v>
      </c>
      <c r="I4990" s="236">
        <f t="shared" si="1160"/>
        <v>19.952706535896134</v>
      </c>
      <c r="J4990" s="237">
        <f t="shared" si="1165"/>
        <v>9.9527065358961337</v>
      </c>
      <c r="K4990" s="237">
        <f t="shared" si="1161"/>
        <v>985.8033718190203</v>
      </c>
      <c r="L4990" s="237">
        <f t="shared" si="1166"/>
        <v>491.80304076477159</v>
      </c>
      <c r="M4990" s="236">
        <f t="shared" si="1162"/>
        <v>6.8753064700920516</v>
      </c>
      <c r="N4990" s="236">
        <f t="shared" si="1163"/>
        <v>5.5215504739801009</v>
      </c>
      <c r="O4990" s="236">
        <f t="shared" si="1167"/>
        <v>3.2834181332941261</v>
      </c>
      <c r="P4990" s="236" t="str">
        <f t="shared" si="1168"/>
        <v>CLAY</v>
      </c>
      <c r="Q4990" s="236">
        <f t="shared" si="1164"/>
        <v>281.77471901508159</v>
      </c>
      <c r="R4990" s="238">
        <v>35</v>
      </c>
      <c r="S4990" s="236">
        <f t="shared" si="1169"/>
        <v>2.7832683814430754</v>
      </c>
      <c r="T4990" s="236" t="e">
        <f t="shared" si="1155"/>
        <v>#N/A</v>
      </c>
    </row>
    <row r="4991" spans="1:20" x14ac:dyDescent="0.2">
      <c r="A4991" s="53">
        <f t="shared" si="1156"/>
        <v>4979</v>
      </c>
      <c r="B4991" s="239">
        <v>49.423999999999999</v>
      </c>
      <c r="C4991" s="3">
        <f t="shared" si="1157"/>
        <v>49.417000000000002</v>
      </c>
      <c r="D4991" s="239">
        <v>3.8782000000000001</v>
      </c>
      <c r="E4991" s="239">
        <v>0.19189999999999999</v>
      </c>
      <c r="F4991" s="239">
        <v>0.78900000000000003</v>
      </c>
      <c r="G4991">
        <f t="shared" si="1158"/>
        <v>4.0360000000000005</v>
      </c>
      <c r="H4991" s="235">
        <f t="shared" si="1159"/>
        <v>4.7547076313181353</v>
      </c>
      <c r="I4991" s="236">
        <f t="shared" si="1160"/>
        <v>19.954101527976643</v>
      </c>
      <c r="J4991" s="237">
        <f t="shared" si="1165"/>
        <v>9.9541015279766434</v>
      </c>
      <c r="K4991" s="237">
        <f t="shared" si="1161"/>
        <v>986.07183520802187</v>
      </c>
      <c r="L4991" s="237">
        <f t="shared" si="1166"/>
        <v>491.97151391871762</v>
      </c>
      <c r="M4991" s="236">
        <f t="shared" si="1162"/>
        <v>6.1993999215488742</v>
      </c>
      <c r="N4991" s="236">
        <f t="shared" si="1163"/>
        <v>6.2919514700467891</v>
      </c>
      <c r="O4991" s="236">
        <f t="shared" si="1167"/>
        <v>3.3534021120567665</v>
      </c>
      <c r="P4991" s="236" t="str">
        <f t="shared" si="1168"/>
        <v>CLAY</v>
      </c>
      <c r="Q4991" s="236">
        <f t="shared" si="1164"/>
        <v>254.16068039933157</v>
      </c>
      <c r="R4991" s="238">
        <v>35</v>
      </c>
      <c r="S4991" s="236">
        <f t="shared" si="1169"/>
        <v>2.4455529787432178</v>
      </c>
      <c r="T4991" s="236" t="e">
        <f t="shared" si="1155"/>
        <v>#N/A</v>
      </c>
    </row>
    <row r="4992" spans="1:20" x14ac:dyDescent="0.2">
      <c r="A4992" s="53">
        <f t="shared" si="1156"/>
        <v>4980</v>
      </c>
      <c r="B4992" s="239">
        <v>49.433999999999997</v>
      </c>
      <c r="C4992" s="3">
        <f t="shared" si="1157"/>
        <v>49.427</v>
      </c>
      <c r="D4992" s="239">
        <v>3.6480000000000001</v>
      </c>
      <c r="E4992" s="239">
        <v>0.1903</v>
      </c>
      <c r="F4992" s="239">
        <v>0.82569999999999999</v>
      </c>
      <c r="G4992">
        <f t="shared" si="1158"/>
        <v>3.8131400000000002</v>
      </c>
      <c r="H4992" s="235">
        <f t="shared" si="1159"/>
        <v>4.990637637222866</v>
      </c>
      <c r="I4992" s="236">
        <f t="shared" si="1160"/>
        <v>19.922082258434813</v>
      </c>
      <c r="J4992" s="237">
        <f t="shared" si="1165"/>
        <v>9.9220822584348127</v>
      </c>
      <c r="K4992" s="237">
        <f t="shared" si="1161"/>
        <v>984.68875978765743</v>
      </c>
      <c r="L4992" s="237">
        <f t="shared" si="1166"/>
        <v>490.48821436346651</v>
      </c>
      <c r="M4992" s="236">
        <f t="shared" si="1162"/>
        <v>5.7666038803459925</v>
      </c>
      <c r="N4992" s="236">
        <f t="shared" si="1163"/>
        <v>6.7280636588139817</v>
      </c>
      <c r="O4992" s="236">
        <f t="shared" si="1167"/>
        <v>3.3960223240862981</v>
      </c>
      <c r="P4992" s="236" t="str">
        <f t="shared" si="1168"/>
        <v>CLAY</v>
      </c>
      <c r="Q4992" s="236">
        <f t="shared" si="1164"/>
        <v>235.70427001769522</v>
      </c>
      <c r="R4992" s="238">
        <v>35</v>
      </c>
      <c r="S4992" s="236">
        <f t="shared" si="1169"/>
        <v>2.2340359552949911</v>
      </c>
      <c r="T4992" s="236" t="e">
        <f t="shared" si="1155"/>
        <v>#N/A</v>
      </c>
    </row>
    <row r="4993" spans="1:20" x14ac:dyDescent="0.2">
      <c r="A4993" s="53">
        <f t="shared" si="1156"/>
        <v>4981</v>
      </c>
      <c r="B4993" s="239">
        <v>49.444000000000003</v>
      </c>
      <c r="C4993" s="3">
        <f t="shared" si="1157"/>
        <v>49.437000000000005</v>
      </c>
      <c r="D4993" s="239">
        <v>3.4394</v>
      </c>
      <c r="E4993" s="239">
        <v>0.1905</v>
      </c>
      <c r="F4993" s="239">
        <v>0.95</v>
      </c>
      <c r="G4993">
        <f t="shared" si="1158"/>
        <v>3.6294</v>
      </c>
      <c r="H4993" s="235">
        <f t="shared" si="1159"/>
        <v>5.248801454785915</v>
      </c>
      <c r="I4993" s="236">
        <f t="shared" si="1160"/>
        <v>19.904010851815805</v>
      </c>
      <c r="J4993" s="237">
        <f t="shared" si="1165"/>
        <v>9.904010851815805</v>
      </c>
      <c r="K4993" s="237">
        <f t="shared" si="1161"/>
        <v>983.994584481218</v>
      </c>
      <c r="L4993" s="237">
        <f t="shared" si="1166"/>
        <v>489.69391255718068</v>
      </c>
      <c r="M4993" s="236">
        <f t="shared" si="1162"/>
        <v>5.4021611208203106</v>
      </c>
      <c r="N4993" s="236">
        <f t="shared" si="1163"/>
        <v>7.201164663928898</v>
      </c>
      <c r="O4993" s="236">
        <f t="shared" si="1167"/>
        <v>3.4364427338220653</v>
      </c>
      <c r="P4993" s="236" t="str">
        <f t="shared" si="1168"/>
        <v>CLAY</v>
      </c>
      <c r="Q4993" s="236">
        <f t="shared" si="1164"/>
        <v>220.45045129323185</v>
      </c>
      <c r="R4993" s="238">
        <v>35</v>
      </c>
      <c r="S4993" s="236">
        <f t="shared" si="1169"/>
        <v>2.0589671842680586</v>
      </c>
      <c r="T4993" s="236" t="e">
        <f t="shared" si="1155"/>
        <v>#N/A</v>
      </c>
    </row>
    <row r="4994" spans="1:20" x14ac:dyDescent="0.2">
      <c r="A4994" s="53">
        <f t="shared" si="1156"/>
        <v>4982</v>
      </c>
      <c r="B4994" s="239">
        <v>49.454000000000001</v>
      </c>
      <c r="C4994" s="3">
        <f t="shared" si="1157"/>
        <v>49.447000000000003</v>
      </c>
      <c r="D4994" s="239">
        <v>3.2469999999999999</v>
      </c>
      <c r="E4994" s="239">
        <v>0.18809999999999999</v>
      </c>
      <c r="F4994" s="239">
        <v>0.91020000000000001</v>
      </c>
      <c r="G4994">
        <f t="shared" si="1158"/>
        <v>3.4290399999999996</v>
      </c>
      <c r="H4994" s="235">
        <f t="shared" si="1159"/>
        <v>5.4855003149569566</v>
      </c>
      <c r="I4994" s="236">
        <f t="shared" si="1160"/>
        <v>19.866948098467489</v>
      </c>
      <c r="J4994" s="237">
        <f t="shared" si="1165"/>
        <v>9.8669480984674891</v>
      </c>
      <c r="K4994" s="237">
        <f t="shared" si="1161"/>
        <v>982.36098262492203</v>
      </c>
      <c r="L4994" s="237">
        <f t="shared" si="1166"/>
        <v>487.96005126161123</v>
      </c>
      <c r="M4994" s="236">
        <f t="shared" si="1162"/>
        <v>5.0140969758676688</v>
      </c>
      <c r="N4994" s="236">
        <f t="shared" si="1163"/>
        <v>7.6879720905034494</v>
      </c>
      <c r="O4994" s="236">
        <f t="shared" si="1167"/>
        <v>3.4794073699380816</v>
      </c>
      <c r="P4994" s="236" t="str">
        <f t="shared" si="1168"/>
        <v>CLAY</v>
      </c>
      <c r="Q4994" s="236">
        <f t="shared" si="1164"/>
        <v>203.88991811458979</v>
      </c>
      <c r="R4994" s="238">
        <v>35</v>
      </c>
      <c r="S4994" s="236">
        <f t="shared" si="1169"/>
        <v>1.8757757638772194</v>
      </c>
      <c r="T4994" s="236" t="e">
        <f t="shared" si="1155"/>
        <v>#N/A</v>
      </c>
    </row>
    <row r="4995" spans="1:20" x14ac:dyDescent="0.2">
      <c r="A4995" s="53">
        <f t="shared" si="1156"/>
        <v>4983</v>
      </c>
      <c r="B4995" s="239">
        <v>49.463999999999999</v>
      </c>
      <c r="C4995" s="3">
        <f t="shared" si="1157"/>
        <v>49.457000000000001</v>
      </c>
      <c r="D4995" s="239">
        <v>3.1608000000000001</v>
      </c>
      <c r="E4995" s="239">
        <v>0.18870000000000001</v>
      </c>
      <c r="F4995" s="239">
        <v>0.96260000000000001</v>
      </c>
      <c r="G4995">
        <f t="shared" si="1158"/>
        <v>3.3533200000000001</v>
      </c>
      <c r="H4995" s="235">
        <f t="shared" si="1159"/>
        <v>5.6272589553039971</v>
      </c>
      <c r="I4995" s="236">
        <f t="shared" si="1160"/>
        <v>19.861954684089611</v>
      </c>
      <c r="J4995" s="237">
        <f t="shared" si="1165"/>
        <v>9.8619546840896106</v>
      </c>
      <c r="K4995" s="237">
        <f t="shared" si="1161"/>
        <v>982.31269281101993</v>
      </c>
      <c r="L4995" s="237">
        <f t="shared" si="1166"/>
        <v>487.81172649380846</v>
      </c>
      <c r="M4995" s="236">
        <f t="shared" si="1162"/>
        <v>4.8604967417056839</v>
      </c>
      <c r="N4995" s="236">
        <f t="shared" si="1163"/>
        <v>7.958642701262657</v>
      </c>
      <c r="O4995" s="236">
        <f t="shared" si="1167"/>
        <v>3.4992605884060946</v>
      </c>
      <c r="P4995" s="236" t="str">
        <f t="shared" si="1168"/>
        <v>CLAY</v>
      </c>
      <c r="Q4995" s="236">
        <f t="shared" si="1164"/>
        <v>197.58394226574833</v>
      </c>
      <c r="R4995" s="238">
        <v>35</v>
      </c>
      <c r="S4995" s="236">
        <f t="shared" si="1169"/>
        <v>1.80422555177681</v>
      </c>
      <c r="T4995" s="236" t="e">
        <f t="shared" si="1155"/>
        <v>#N/A</v>
      </c>
    </row>
    <row r="4996" spans="1:20" x14ac:dyDescent="0.2">
      <c r="A4996" s="53">
        <f t="shared" si="1156"/>
        <v>4984</v>
      </c>
      <c r="B4996" s="239">
        <v>49.472999999999999</v>
      </c>
      <c r="C4996" s="3">
        <f t="shared" si="1157"/>
        <v>49.466000000000001</v>
      </c>
      <c r="D4996" s="239">
        <v>3.1796000000000002</v>
      </c>
      <c r="E4996" s="239">
        <v>0.18920000000000001</v>
      </c>
      <c r="F4996" s="239">
        <v>1.0297000000000001</v>
      </c>
      <c r="G4996">
        <f t="shared" si="1158"/>
        <v>3.3855400000000002</v>
      </c>
      <c r="H4996" s="235">
        <f t="shared" si="1159"/>
        <v>5.5884733306946597</v>
      </c>
      <c r="I4996" s="236">
        <f t="shared" si="1160"/>
        <v>19.868795265359925</v>
      </c>
      <c r="J4996" s="237">
        <f t="shared" si="1165"/>
        <v>9.8687952653599247</v>
      </c>
      <c r="K4996" s="237">
        <f t="shared" si="1161"/>
        <v>982.82982659629408</v>
      </c>
      <c r="L4996" s="237">
        <f t="shared" si="1166"/>
        <v>488.23890816315156</v>
      </c>
      <c r="M4996" s="236">
        <f t="shared" si="1162"/>
        <v>4.9211771803340358</v>
      </c>
      <c r="N4996" s="236">
        <f t="shared" si="1163"/>
        <v>7.874441207862251</v>
      </c>
      <c r="O4996" s="236">
        <f t="shared" si="1167"/>
        <v>3.4921750587236846</v>
      </c>
      <c r="P4996" s="236" t="str">
        <f t="shared" si="1168"/>
        <v>CLAY</v>
      </c>
      <c r="Q4996" s="236">
        <f t="shared" si="1164"/>
        <v>200.22584778364219</v>
      </c>
      <c r="R4996" s="238">
        <v>35</v>
      </c>
      <c r="S4996" s="236">
        <f t="shared" si="1169"/>
        <v>1.8324252205491787</v>
      </c>
      <c r="T4996" s="236" t="e">
        <f t="shared" si="1155"/>
        <v>#N/A</v>
      </c>
    </row>
    <row r="4997" spans="1:20" x14ac:dyDescent="0.2">
      <c r="A4997" s="53">
        <f t="shared" si="1156"/>
        <v>4985</v>
      </c>
      <c r="B4997" s="239">
        <v>49.482999999999997</v>
      </c>
      <c r="C4997" s="3">
        <f t="shared" si="1157"/>
        <v>49.475999999999999</v>
      </c>
      <c r="D4997" s="239">
        <v>3.2480000000000002</v>
      </c>
      <c r="E4997" s="239">
        <v>0.18529999999999999</v>
      </c>
      <c r="F4997" s="239">
        <v>1.0432999999999999</v>
      </c>
      <c r="G4997">
        <f t="shared" si="1158"/>
        <v>3.4566600000000003</v>
      </c>
      <c r="H4997" s="235">
        <f t="shared" si="1159"/>
        <v>5.3606660765015937</v>
      </c>
      <c r="I4997" s="236">
        <f t="shared" si="1160"/>
        <v>19.852497684207165</v>
      </c>
      <c r="J4997" s="237">
        <f t="shared" si="1165"/>
        <v>9.8524976842071652</v>
      </c>
      <c r="K4997" s="237">
        <f t="shared" si="1161"/>
        <v>982.22217542383373</v>
      </c>
      <c r="L4997" s="237">
        <f t="shared" si="1166"/>
        <v>487.53114290762312</v>
      </c>
      <c r="M4997" s="236">
        <f t="shared" si="1162"/>
        <v>5.0754456624425739</v>
      </c>
      <c r="N4997" s="236">
        <f t="shared" si="1163"/>
        <v>7.4885696524518277</v>
      </c>
      <c r="O4997" s="236">
        <f t="shared" si="1167"/>
        <v>3.468300684313347</v>
      </c>
      <c r="P4997" s="236" t="str">
        <f t="shared" si="1168"/>
        <v>CLAY</v>
      </c>
      <c r="Q4997" s="236">
        <f t="shared" si="1164"/>
        <v>206.20315204801386</v>
      </c>
      <c r="R4997" s="238">
        <v>35</v>
      </c>
      <c r="S4997" s="236">
        <f t="shared" si="1169"/>
        <v>1.9045077177324188</v>
      </c>
      <c r="T4997" s="236" t="e">
        <f t="shared" si="1155"/>
        <v>#N/A</v>
      </c>
    </row>
    <row r="4998" spans="1:20" x14ac:dyDescent="0.2">
      <c r="A4998" s="53">
        <f t="shared" si="1156"/>
        <v>4986</v>
      </c>
      <c r="B4998" s="239">
        <v>49.491999999999997</v>
      </c>
      <c r="C4998" s="3">
        <f t="shared" si="1157"/>
        <v>49.484999999999999</v>
      </c>
      <c r="D4998" s="239">
        <v>3.3066</v>
      </c>
      <c r="E4998" s="239">
        <v>0.17580000000000001</v>
      </c>
      <c r="F4998" s="239">
        <v>1.079</v>
      </c>
      <c r="G4998">
        <f t="shared" si="1158"/>
        <v>3.5223999999999998</v>
      </c>
      <c r="H4998" s="235">
        <f t="shared" si="1159"/>
        <v>4.9909152850329326</v>
      </c>
      <c r="I4998" s="236">
        <f t="shared" si="1160"/>
        <v>19.798148810580741</v>
      </c>
      <c r="J4998" s="237">
        <f t="shared" si="1165"/>
        <v>9.7981488105807415</v>
      </c>
      <c r="K4998" s="237">
        <f t="shared" si="1161"/>
        <v>979.71139389158793</v>
      </c>
      <c r="L4998" s="237">
        <f t="shared" si="1166"/>
        <v>484.92998093326202</v>
      </c>
      <c r="M4998" s="236">
        <f t="shared" si="1162"/>
        <v>5.2434139073334514</v>
      </c>
      <c r="N4998" s="236">
        <f t="shared" si="1163"/>
        <v>6.9139413917090762</v>
      </c>
      <c r="O4998" s="236">
        <f t="shared" si="1167"/>
        <v>3.436144977084969</v>
      </c>
      <c r="P4998" s="236" t="str">
        <f t="shared" si="1168"/>
        <v>CLAY</v>
      </c>
      <c r="Q4998" s="236">
        <f t="shared" si="1164"/>
        <v>211.89071717570096</v>
      </c>
      <c r="R4998" s="238">
        <v>35</v>
      </c>
      <c r="S4998" s="236">
        <f t="shared" si="1169"/>
        <v>1.9836163792082111</v>
      </c>
      <c r="T4998" s="236" t="e">
        <f t="shared" si="1155"/>
        <v>#N/A</v>
      </c>
    </row>
    <row r="4999" spans="1:20" x14ac:dyDescent="0.2">
      <c r="A4999" s="53">
        <f t="shared" si="1156"/>
        <v>4987</v>
      </c>
      <c r="B4999" s="239">
        <v>49.503</v>
      </c>
      <c r="C4999" s="3">
        <f t="shared" si="1157"/>
        <v>49.496000000000002</v>
      </c>
      <c r="D4999" s="239">
        <v>3.4287000000000001</v>
      </c>
      <c r="E4999" s="239">
        <v>0.16320000000000001</v>
      </c>
      <c r="F4999" s="239">
        <v>1.1163000000000001</v>
      </c>
      <c r="G4999">
        <f t="shared" si="1158"/>
        <v>3.6519599999999999</v>
      </c>
      <c r="H4999" s="235">
        <f t="shared" si="1159"/>
        <v>4.4688331745145078</v>
      </c>
      <c r="I4999" s="236">
        <f t="shared" si="1160"/>
        <v>19.725060882156637</v>
      </c>
      <c r="J4999" s="237">
        <f t="shared" si="1165"/>
        <v>9.7250608821566367</v>
      </c>
      <c r="K4999" s="237">
        <f t="shared" si="1161"/>
        <v>976.31161342322491</v>
      </c>
      <c r="L4999" s="237">
        <f t="shared" si="1166"/>
        <v>481.41968884939996</v>
      </c>
      <c r="M4999" s="236">
        <f t="shared" si="1162"/>
        <v>5.5578291635134685</v>
      </c>
      <c r="N4999" s="236">
        <f t="shared" si="1163"/>
        <v>6.0994561474797564</v>
      </c>
      <c r="O4999" s="236">
        <f t="shared" si="1167"/>
        <v>3.3833909254445822</v>
      </c>
      <c r="P4999" s="236" t="str">
        <f t="shared" si="1168"/>
        <v>CLAY</v>
      </c>
      <c r="Q4999" s="236">
        <f t="shared" si="1164"/>
        <v>222.97069888139791</v>
      </c>
      <c r="R4999" s="238">
        <v>35</v>
      </c>
      <c r="S4999" s="236">
        <f t="shared" si="1169"/>
        <v>2.1333961170590854</v>
      </c>
      <c r="T4999" s="236" t="e">
        <f t="shared" si="1155"/>
        <v>#N/A</v>
      </c>
    </row>
    <row r="5000" spans="1:20" x14ac:dyDescent="0.2">
      <c r="A5000" s="53">
        <f t="shared" si="1156"/>
        <v>4988</v>
      </c>
      <c r="B5000" s="239">
        <v>49.512999999999998</v>
      </c>
      <c r="C5000" s="3">
        <f t="shared" si="1157"/>
        <v>49.506</v>
      </c>
      <c r="D5000" s="239">
        <v>3.5851000000000002</v>
      </c>
      <c r="E5000" s="239">
        <v>0.15140000000000001</v>
      </c>
      <c r="F5000" s="239">
        <v>1.0822000000000001</v>
      </c>
      <c r="G5000">
        <f t="shared" si="1158"/>
        <v>3.8015400000000001</v>
      </c>
      <c r="H5000" s="235">
        <f t="shared" si="1159"/>
        <v>3.9825965266707701</v>
      </c>
      <c r="I5000" s="236">
        <f t="shared" si="1160"/>
        <v>19.652746525389613</v>
      </c>
      <c r="J5000" s="237">
        <f t="shared" si="1165"/>
        <v>9.6527465253896132</v>
      </c>
      <c r="K5000" s="237">
        <f t="shared" si="1161"/>
        <v>972.92886948593821</v>
      </c>
      <c r="L5000" s="237">
        <f t="shared" si="1166"/>
        <v>477.93643871161589</v>
      </c>
      <c r="M5000" s="236">
        <f t="shared" si="1162"/>
        <v>5.9183834949668475</v>
      </c>
      <c r="N5000" s="236">
        <f t="shared" si="1163"/>
        <v>5.3524501253194572</v>
      </c>
      <c r="O5000" s="236">
        <f t="shared" si="1167"/>
        <v>3.3279070670791775</v>
      </c>
      <c r="P5000" s="236" t="str">
        <f t="shared" si="1168"/>
        <v>CLAY</v>
      </c>
      <c r="Q5000" s="236">
        <f t="shared" si="1164"/>
        <v>235.71759420950514</v>
      </c>
      <c r="R5000" s="238">
        <v>35</v>
      </c>
      <c r="S5000" s="236">
        <f t="shared" si="1169"/>
        <v>2.307777246956447</v>
      </c>
      <c r="T5000" s="236" t="e">
        <f t="shared" si="1155"/>
        <v>#N/A</v>
      </c>
    </row>
    <row r="5001" spans="1:20" x14ac:dyDescent="0.2">
      <c r="A5001" s="53">
        <f t="shared" si="1156"/>
        <v>4989</v>
      </c>
      <c r="B5001" s="239">
        <v>49.521999999999998</v>
      </c>
      <c r="C5001" s="3">
        <f t="shared" si="1157"/>
        <v>49.515000000000001</v>
      </c>
      <c r="D5001" s="239">
        <v>3.4159999999999999</v>
      </c>
      <c r="E5001" s="239">
        <v>0.14199999999999999</v>
      </c>
      <c r="F5001" s="239">
        <v>1.1003000000000001</v>
      </c>
      <c r="G5001">
        <f t="shared" si="1158"/>
        <v>3.6360600000000001</v>
      </c>
      <c r="H5001" s="235">
        <f t="shared" si="1159"/>
        <v>3.9053260947289092</v>
      </c>
      <c r="I5001" s="236">
        <f t="shared" si="1160"/>
        <v>19.560189521176508</v>
      </c>
      <c r="J5001" s="237">
        <f t="shared" si="1165"/>
        <v>9.5601895211765076</v>
      </c>
      <c r="K5001" s="237">
        <f t="shared" si="1161"/>
        <v>968.52278414105479</v>
      </c>
      <c r="L5001" s="237">
        <f t="shared" si="1166"/>
        <v>473.43970546770299</v>
      </c>
      <c r="M5001" s="236">
        <f t="shared" si="1162"/>
        <v>5.6343757928451117</v>
      </c>
      <c r="N5001" s="236">
        <f t="shared" si="1163"/>
        <v>5.3232621894002738</v>
      </c>
      <c r="O5001" s="236">
        <f t="shared" si="1167"/>
        <v>3.3438612057937815</v>
      </c>
      <c r="P5001" s="236" t="str">
        <f t="shared" si="1168"/>
        <v>CLAY</v>
      </c>
      <c r="Q5001" s="236">
        <f t="shared" si="1164"/>
        <v>222.29476798824544</v>
      </c>
      <c r="R5001" s="238">
        <v>35</v>
      </c>
      <c r="S5001" s="236">
        <f t="shared" si="1169"/>
        <v>2.1701875644265614</v>
      </c>
      <c r="T5001" s="236" t="e">
        <f t="shared" si="1155"/>
        <v>#N/A</v>
      </c>
    </row>
    <row r="5002" spans="1:20" x14ac:dyDescent="0.2">
      <c r="A5002" s="53">
        <f t="shared" si="1156"/>
        <v>4990</v>
      </c>
      <c r="B5002" s="239">
        <v>49.533000000000001</v>
      </c>
      <c r="C5002" s="3">
        <f t="shared" si="1157"/>
        <v>49.526000000000003</v>
      </c>
      <c r="D5002" s="239">
        <v>3.2789999999999999</v>
      </c>
      <c r="E5002" s="239">
        <v>0.1371</v>
      </c>
      <c r="F5002" s="239">
        <v>1.1022000000000001</v>
      </c>
      <c r="G5002">
        <f t="shared" si="1158"/>
        <v>3.4994399999999999</v>
      </c>
      <c r="H5002" s="235">
        <f t="shared" si="1159"/>
        <v>3.9177697002949041</v>
      </c>
      <c r="I5002" s="236">
        <f t="shared" si="1160"/>
        <v>19.504042878820417</v>
      </c>
      <c r="J5002" s="237">
        <f t="shared" si="1165"/>
        <v>9.5040428788204174</v>
      </c>
      <c r="K5002" s="237">
        <f t="shared" si="1161"/>
        <v>965.95722761646005</v>
      </c>
      <c r="L5002" s="237">
        <f t="shared" si="1166"/>
        <v>470.76375591661173</v>
      </c>
      <c r="M5002" s="236">
        <f t="shared" si="1162"/>
        <v>5.381643638751803</v>
      </c>
      <c r="N5002" s="236">
        <f t="shared" si="1163"/>
        <v>5.4115228844052554</v>
      </c>
      <c r="O5002" s="236">
        <f t="shared" si="1167"/>
        <v>3.3642300831969574</v>
      </c>
      <c r="P5002" s="236" t="str">
        <f t="shared" si="1168"/>
        <v>CLAY</v>
      </c>
      <c r="Q5002" s="236">
        <f t="shared" si="1164"/>
        <v>211.12356436529501</v>
      </c>
      <c r="R5002" s="238">
        <v>35</v>
      </c>
      <c r="S5002" s="236">
        <f t="shared" si="1169"/>
        <v>2.0491968473459696</v>
      </c>
      <c r="T5002" s="236" t="e">
        <f t="shared" si="1155"/>
        <v>#N/A</v>
      </c>
    </row>
    <row r="5003" spans="1:20" x14ac:dyDescent="0.2">
      <c r="A5003" s="53">
        <f t="shared" si="1156"/>
        <v>4991</v>
      </c>
      <c r="B5003" s="239">
        <v>49.542000000000002</v>
      </c>
      <c r="C5003" s="3">
        <f t="shared" si="1157"/>
        <v>49.535000000000004</v>
      </c>
      <c r="D5003" s="239">
        <v>3.2109999999999999</v>
      </c>
      <c r="E5003" s="239">
        <v>0.13039999999999999</v>
      </c>
      <c r="F5003" s="239">
        <v>1.1808000000000001</v>
      </c>
      <c r="G5003">
        <f t="shared" si="1158"/>
        <v>3.4471599999999998</v>
      </c>
      <c r="H5003" s="235">
        <f t="shared" si="1159"/>
        <v>3.7828241218858425</v>
      </c>
      <c r="I5003" s="236">
        <f t="shared" si="1160"/>
        <v>19.439407848647935</v>
      </c>
      <c r="J5003" s="237">
        <f t="shared" si="1165"/>
        <v>9.4394078486479351</v>
      </c>
      <c r="K5003" s="237">
        <f t="shared" si="1161"/>
        <v>962.93106778277559</v>
      </c>
      <c r="L5003" s="237">
        <f t="shared" si="1166"/>
        <v>467.647143637716</v>
      </c>
      <c r="M5003" s="236">
        <f t="shared" si="1162"/>
        <v>5.3121866903601669</v>
      </c>
      <c r="N5003" s="236">
        <f t="shared" si="1163"/>
        <v>5.2491136508749765</v>
      </c>
      <c r="O5003" s="236">
        <f t="shared" si="1167"/>
        <v>3.3611691553040122</v>
      </c>
      <c r="P5003" s="236" t="str">
        <f t="shared" si="1168"/>
        <v>CLAY</v>
      </c>
      <c r="Q5003" s="236">
        <f t="shared" si="1164"/>
        <v>207.01907768476869</v>
      </c>
      <c r="R5003" s="238">
        <v>35</v>
      </c>
      <c r="S5003" s="236">
        <f t="shared" si="1169"/>
        <v>2.0161909935869384</v>
      </c>
      <c r="T5003" s="236" t="e">
        <f t="shared" si="1155"/>
        <v>#N/A</v>
      </c>
    </row>
    <row r="5004" spans="1:20" x14ac:dyDescent="0.2">
      <c r="A5004" s="53">
        <f t="shared" si="1156"/>
        <v>4992</v>
      </c>
      <c r="B5004" s="239">
        <v>49.551000000000002</v>
      </c>
      <c r="C5004" s="3">
        <f t="shared" si="1157"/>
        <v>49.544000000000004</v>
      </c>
      <c r="D5004" s="239">
        <v>3.1802999999999999</v>
      </c>
      <c r="E5004" s="239">
        <v>0.12920000000000001</v>
      </c>
      <c r="F5004" s="239">
        <v>1.1295999999999999</v>
      </c>
      <c r="G5004">
        <f t="shared" si="1158"/>
        <v>3.4062199999999998</v>
      </c>
      <c r="H5004" s="235">
        <f t="shared" si="1159"/>
        <v>3.7930609297109412</v>
      </c>
      <c r="I5004" s="236">
        <f t="shared" si="1160"/>
        <v>19.423897266424419</v>
      </c>
      <c r="J5004" s="237">
        <f t="shared" si="1165"/>
        <v>9.4238972664244187</v>
      </c>
      <c r="K5004" s="237">
        <f t="shared" si="1161"/>
        <v>962.33756616773144</v>
      </c>
      <c r="L5004" s="237">
        <f t="shared" si="1166"/>
        <v>466.96353344859637</v>
      </c>
      <c r="M5004" s="236">
        <f t="shared" si="1162"/>
        <v>5.2335616354960885</v>
      </c>
      <c r="N5004" s="236">
        <f t="shared" si="1163"/>
        <v>5.2866700219044755</v>
      </c>
      <c r="O5004" s="236">
        <f t="shared" si="1167"/>
        <v>3.3682448153698541</v>
      </c>
      <c r="P5004" s="236" t="str">
        <f t="shared" si="1168"/>
        <v>CLAY</v>
      </c>
      <c r="Q5004" s="236">
        <f t="shared" si="1164"/>
        <v>203.65686948602237</v>
      </c>
      <c r="R5004" s="238">
        <v>35</v>
      </c>
      <c r="S5004" s="236">
        <f t="shared" si="1169"/>
        <v>1.9789585036732706</v>
      </c>
      <c r="T5004" s="236" t="e">
        <f t="shared" si="1155"/>
        <v>#N/A</v>
      </c>
    </row>
    <row r="5005" spans="1:20" x14ac:dyDescent="0.2">
      <c r="A5005" s="53">
        <f t="shared" si="1156"/>
        <v>4993</v>
      </c>
      <c r="B5005" s="239">
        <v>49.561999999999998</v>
      </c>
      <c r="C5005" s="3">
        <f t="shared" si="1157"/>
        <v>49.555</v>
      </c>
      <c r="D5005" s="239">
        <v>3.1497000000000002</v>
      </c>
      <c r="E5005" s="239">
        <v>0.1216</v>
      </c>
      <c r="F5005" s="239">
        <v>1.2244999999999999</v>
      </c>
      <c r="G5005">
        <f t="shared" si="1158"/>
        <v>3.3946000000000001</v>
      </c>
      <c r="H5005" s="235">
        <f t="shared" si="1159"/>
        <v>3.5821599010192653</v>
      </c>
      <c r="I5005" s="236">
        <f t="shared" si="1160"/>
        <v>19.35147345290844</v>
      </c>
      <c r="J5005" s="237">
        <f t="shared" si="1165"/>
        <v>9.35147345290844</v>
      </c>
      <c r="K5005" s="237">
        <f t="shared" si="1161"/>
        <v>958.96226695887776</v>
      </c>
      <c r="L5005" s="237">
        <f t="shared" si="1166"/>
        <v>463.47772727304806</v>
      </c>
      <c r="M5005" s="236">
        <f t="shared" si="1162"/>
        <v>5.2551343672362023</v>
      </c>
      <c r="N5005" s="236">
        <f t="shared" si="1163"/>
        <v>4.9925322781139121</v>
      </c>
      <c r="O5005" s="236">
        <f t="shared" si="1167"/>
        <v>3.3524982189412675</v>
      </c>
      <c r="P5005" s="236" t="str">
        <f t="shared" si="1168"/>
        <v>CLAY</v>
      </c>
      <c r="Q5005" s="236">
        <f t="shared" si="1164"/>
        <v>202.96981108676019</v>
      </c>
      <c r="R5005" s="238">
        <v>35</v>
      </c>
      <c r="S5005" s="236">
        <f t="shared" si="1169"/>
        <v>1.9891603313385127</v>
      </c>
      <c r="T5005" s="236" t="e">
        <f t="shared" ref="T5005:T5068" si="1170">IF(P5005="SAND",17.6+(11*LOG(M5005)),#N/A)</f>
        <v>#N/A</v>
      </c>
    </row>
    <row r="5006" spans="1:20" x14ac:dyDescent="0.2">
      <c r="A5006" s="53">
        <f t="shared" ref="A5006:A5069" si="1171">$A5005+1</f>
        <v>4994</v>
      </c>
      <c r="B5006" s="239">
        <v>49.572000000000003</v>
      </c>
      <c r="C5006" s="3">
        <f t="shared" ref="C5006:C5069" si="1172">MAX($B5006 - $B$13, 0.001)</f>
        <v>49.565000000000005</v>
      </c>
      <c r="D5006" s="239">
        <v>3.1890999999999998</v>
      </c>
      <c r="E5006" s="239">
        <v>0.1113</v>
      </c>
      <c r="F5006" s="239">
        <v>1.2175</v>
      </c>
      <c r="G5006">
        <f t="shared" si="1158"/>
        <v>3.4325999999999999</v>
      </c>
      <c r="H5006" s="235">
        <f t="shared" si="1159"/>
        <v>3.2424401328439085</v>
      </c>
      <c r="I5006" s="236">
        <f t="shared" si="1160"/>
        <v>19.25204087642058</v>
      </c>
      <c r="J5006" s="237">
        <f t="shared" si="1165"/>
        <v>9.2520408764205797</v>
      </c>
      <c r="K5006" s="237">
        <f t="shared" si="1161"/>
        <v>954.22740603978616</v>
      </c>
      <c r="L5006" s="237">
        <f t="shared" si="1166"/>
        <v>458.64217032592103</v>
      </c>
      <c r="M5006" s="236">
        <f t="shared" si="1162"/>
        <v>5.40371722076718</v>
      </c>
      <c r="N5006" s="236">
        <f t="shared" si="1163"/>
        <v>4.4908501760888484</v>
      </c>
      <c r="O5006" s="236">
        <f t="shared" si="1167"/>
        <v>3.3163935208767401</v>
      </c>
      <c r="P5006" s="236" t="str">
        <f t="shared" si="1168"/>
        <v>CLAY</v>
      </c>
      <c r="Q5006" s="236">
        <f t="shared" si="1164"/>
        <v>206.53104949668446</v>
      </c>
      <c r="R5006" s="238">
        <v>35</v>
      </c>
      <c r="S5006" s="236">
        <f t="shared" si="1169"/>
        <v>2.0597085713743413</v>
      </c>
      <c r="T5006" s="236" t="e">
        <f t="shared" si="1170"/>
        <v>#N/A</v>
      </c>
    </row>
    <row r="5007" spans="1:20" x14ac:dyDescent="0.2">
      <c r="A5007" s="53">
        <f t="shared" si="1171"/>
        <v>4995</v>
      </c>
      <c r="B5007" s="239">
        <v>49.581000000000003</v>
      </c>
      <c r="C5007" s="3">
        <f t="shared" si="1172"/>
        <v>49.574000000000005</v>
      </c>
      <c r="D5007" s="239">
        <v>3.2109999999999999</v>
      </c>
      <c r="E5007" s="239">
        <v>0.1043</v>
      </c>
      <c r="F5007" s="239">
        <v>1.2453000000000001</v>
      </c>
      <c r="G5007">
        <f t="shared" ref="G5007:G5070" si="1173">$D5007+($F5007*(1-$P$8))</f>
        <v>3.4600599999999999</v>
      </c>
      <c r="H5007" s="235">
        <f t="shared" ref="H5007:H5070" si="1174">($E5007/$G5007)*100</f>
        <v>3.0143985942440308</v>
      </c>
      <c r="I5007" s="236">
        <f t="shared" ref="I5007:I5070" si="1175">((0.27*(LOG($H5007)))+(0.36*(LOG(($G5007*1000)/101)))+1.236)*10</f>
        <v>19.178985953995216</v>
      </c>
      <c r="J5007" s="237">
        <f t="shared" si="1165"/>
        <v>9.1789859539952161</v>
      </c>
      <c r="K5007" s="237">
        <f t="shared" ref="K5007:K5070" si="1176">$I5007*$C5007</f>
        <v>950.77904968335895</v>
      </c>
      <c r="L5007" s="237">
        <f t="shared" si="1166"/>
        <v>455.10330258503683</v>
      </c>
      <c r="M5007" s="236">
        <f t="shared" ref="M5007:M5070" si="1177">(($G5007*1000)-$K5007)/$L5007</f>
        <v>5.5136513755528664</v>
      </c>
      <c r="N5007" s="236">
        <f t="shared" ref="N5007:N5070" si="1178">(($E5007*1000)/(($G5007*1000)-$K5007))*100</f>
        <v>4.1565692349769998</v>
      </c>
      <c r="O5007" s="236">
        <f t="shared" si="1167"/>
        <v>3.2902872138289396</v>
      </c>
      <c r="P5007" s="236" t="str">
        <f t="shared" si="1168"/>
        <v>CLAY</v>
      </c>
      <c r="Q5007" s="236">
        <f t="shared" ref="Q5007:Q5070" si="1179">IF(P5007="CLAY",($G5007*1000 -$K5007)/$L$8,#N/A)</f>
        <v>209.10674585972006</v>
      </c>
      <c r="R5007" s="238">
        <v>35</v>
      </c>
      <c r="S5007" s="236">
        <f t="shared" si="1169"/>
        <v>2.1122199332337734</v>
      </c>
      <c r="T5007" s="236" t="e">
        <f t="shared" si="1170"/>
        <v>#N/A</v>
      </c>
    </row>
    <row r="5008" spans="1:20" x14ac:dyDescent="0.2">
      <c r="A5008" s="53">
        <f t="shared" si="1171"/>
        <v>4996</v>
      </c>
      <c r="B5008" s="239">
        <v>49.591000000000001</v>
      </c>
      <c r="C5008" s="3">
        <f t="shared" si="1172"/>
        <v>49.584000000000003</v>
      </c>
      <c r="D5008" s="239">
        <v>3.343</v>
      </c>
      <c r="E5008" s="239">
        <v>9.4200000000000006E-2</v>
      </c>
      <c r="F5008" s="239">
        <v>1.3084</v>
      </c>
      <c r="G5008">
        <f t="shared" si="1173"/>
        <v>3.6046800000000001</v>
      </c>
      <c r="H5008" s="235">
        <f t="shared" si="1174"/>
        <v>2.6132694164253136</v>
      </c>
      <c r="I5008" s="236">
        <f t="shared" si="1175"/>
        <v>19.075560537162652</v>
      </c>
      <c r="J5008" s="237">
        <f t="shared" ref="J5008:J5071" si="1180">$I5008-10</f>
        <v>9.0755605371626515</v>
      </c>
      <c r="K5008" s="237">
        <f t="shared" si="1176"/>
        <v>945.84259367467303</v>
      </c>
      <c r="L5008" s="237">
        <f t="shared" ref="L5008:L5071" si="1181">$J5008*$B5008</f>
        <v>450.06612259843308</v>
      </c>
      <c r="M5008" s="236">
        <f t="shared" si="1177"/>
        <v>5.9076595033962329</v>
      </c>
      <c r="N5008" s="236">
        <f t="shared" si="1178"/>
        <v>3.5429018628931526</v>
      </c>
      <c r="O5008" s="236">
        <f t="shared" ref="O5008:O5071" si="1182">((3.47-LOG($M5008))^2+(LOG($N5008)+1.22)^2)^0.5</f>
        <v>3.2269165228300731</v>
      </c>
      <c r="P5008" s="236" t="str">
        <f t="shared" ref="P5008:P5071" si="1183">IF(O5008&lt;2.6,"SAND","CLAY")</f>
        <v>CLAY</v>
      </c>
      <c r="Q5008" s="236">
        <f t="shared" si="1179"/>
        <v>221.56978386044395</v>
      </c>
      <c r="R5008" s="238">
        <v>35</v>
      </c>
      <c r="S5008" s="236">
        <f t="shared" ref="S5008:S5071" si="1184">IF(P5008="SAND",#N/A,0.25*($M5008)^1.25)</f>
        <v>2.3025513741038477</v>
      </c>
      <c r="T5008" s="236" t="e">
        <f t="shared" si="1170"/>
        <v>#N/A</v>
      </c>
    </row>
    <row r="5009" spans="1:20" x14ac:dyDescent="0.2">
      <c r="A5009" s="53">
        <f t="shared" si="1171"/>
        <v>4997</v>
      </c>
      <c r="B5009" s="239">
        <v>49.600999999999999</v>
      </c>
      <c r="C5009" s="3">
        <f t="shared" si="1172"/>
        <v>49.594000000000001</v>
      </c>
      <c r="D5009" s="239">
        <v>3.5196999999999998</v>
      </c>
      <c r="E5009" s="239">
        <v>9.1800000000000007E-2</v>
      </c>
      <c r="F5009" s="239">
        <v>1.3190999999999999</v>
      </c>
      <c r="G5009">
        <f t="shared" si="1173"/>
        <v>3.7835199999999998</v>
      </c>
      <c r="H5009" s="235">
        <f t="shared" si="1174"/>
        <v>2.4263120057512584</v>
      </c>
      <c r="I5009" s="236">
        <f t="shared" si="1175"/>
        <v>19.064224724249463</v>
      </c>
      <c r="J5009" s="237">
        <f t="shared" si="1180"/>
        <v>9.0642247242494633</v>
      </c>
      <c r="K5009" s="237">
        <f t="shared" si="1176"/>
        <v>945.4711609744279</v>
      </c>
      <c r="L5009" s="237">
        <f t="shared" si="1181"/>
        <v>449.59461054749761</v>
      </c>
      <c r="M5009" s="236">
        <f t="shared" si="1177"/>
        <v>6.3124618766437495</v>
      </c>
      <c r="N5009" s="236">
        <f t="shared" si="1178"/>
        <v>3.234616640054687</v>
      </c>
      <c r="O5009" s="236">
        <f t="shared" si="1182"/>
        <v>3.1812144839777301</v>
      </c>
      <c r="P5009" s="236" t="str">
        <f t="shared" si="1183"/>
        <v>CLAY</v>
      </c>
      <c r="Q5009" s="236">
        <f t="shared" si="1179"/>
        <v>236.50406991879768</v>
      </c>
      <c r="R5009" s="238">
        <v>35</v>
      </c>
      <c r="S5009" s="236">
        <f t="shared" si="1184"/>
        <v>2.5014306618414297</v>
      </c>
      <c r="T5009" s="236" t="e">
        <f t="shared" si="1170"/>
        <v>#N/A</v>
      </c>
    </row>
    <row r="5010" spans="1:20" x14ac:dyDescent="0.2">
      <c r="A5010" s="53">
        <f t="shared" si="1171"/>
        <v>4998</v>
      </c>
      <c r="B5010" s="239">
        <v>49.610999999999997</v>
      </c>
      <c r="C5010" s="3">
        <f t="shared" si="1172"/>
        <v>49.603999999999999</v>
      </c>
      <c r="D5010" s="239">
        <v>3.5508000000000002</v>
      </c>
      <c r="E5010" s="239">
        <v>9.2299999999999993E-2</v>
      </c>
      <c r="F5010" s="239">
        <v>1.3952</v>
      </c>
      <c r="G5010">
        <f t="shared" si="1173"/>
        <v>3.8298399999999999</v>
      </c>
      <c r="H5010" s="235">
        <f t="shared" si="1174"/>
        <v>2.4100223508031666</v>
      </c>
      <c r="I5010" s="236">
        <f t="shared" si="1175"/>
        <v>19.075350214817757</v>
      </c>
      <c r="J5010" s="237">
        <f t="shared" si="1180"/>
        <v>9.0753502148177567</v>
      </c>
      <c r="K5010" s="237">
        <f t="shared" si="1176"/>
        <v>946.21367205581998</v>
      </c>
      <c r="L5010" s="237">
        <f t="shared" si="1181"/>
        <v>450.23719950732368</v>
      </c>
      <c r="M5010" s="236">
        <f t="shared" si="1177"/>
        <v>6.4046825342277689</v>
      </c>
      <c r="N5010" s="236">
        <f t="shared" si="1178"/>
        <v>3.20083081173015</v>
      </c>
      <c r="O5010" s="236">
        <f t="shared" si="1182"/>
        <v>3.1734486672673379</v>
      </c>
      <c r="P5010" s="236" t="str">
        <f t="shared" si="1183"/>
        <v>CLAY</v>
      </c>
      <c r="Q5010" s="236">
        <f t="shared" si="1179"/>
        <v>240.30219399534829</v>
      </c>
      <c r="R5010" s="238">
        <v>35</v>
      </c>
      <c r="S5010" s="236">
        <f t="shared" si="1184"/>
        <v>2.5471939713770406</v>
      </c>
      <c r="T5010" s="236" t="e">
        <f t="shared" si="1170"/>
        <v>#N/A</v>
      </c>
    </row>
    <row r="5011" spans="1:20" x14ac:dyDescent="0.2">
      <c r="A5011" s="53">
        <f t="shared" si="1171"/>
        <v>4999</v>
      </c>
      <c r="B5011" s="239">
        <v>49.621000000000002</v>
      </c>
      <c r="C5011" s="3">
        <f t="shared" si="1172"/>
        <v>49.614000000000004</v>
      </c>
      <c r="D5011" s="239">
        <v>3.6012</v>
      </c>
      <c r="E5011" s="239">
        <v>8.5300000000000001E-2</v>
      </c>
      <c r="F5011" s="239">
        <v>1.4055</v>
      </c>
      <c r="G5011">
        <f t="shared" si="1173"/>
        <v>3.8822999999999999</v>
      </c>
      <c r="H5011" s="235">
        <f t="shared" si="1174"/>
        <v>2.1971511732735749</v>
      </c>
      <c r="I5011" s="236">
        <f t="shared" si="1175"/>
        <v>18.988185621267959</v>
      </c>
      <c r="J5011" s="237">
        <f t="shared" si="1180"/>
        <v>8.9881856212679594</v>
      </c>
      <c r="K5011" s="237">
        <f t="shared" si="1176"/>
        <v>942.07984141358861</v>
      </c>
      <c r="L5011" s="237">
        <f t="shared" si="1181"/>
        <v>446.00275871293741</v>
      </c>
      <c r="M5011" s="236">
        <f t="shared" si="1177"/>
        <v>6.5923811033618236</v>
      </c>
      <c r="N5011" s="236">
        <f t="shared" si="1178"/>
        <v>2.9011432953718073</v>
      </c>
      <c r="O5011" s="236">
        <f t="shared" si="1182"/>
        <v>3.139843267237787</v>
      </c>
      <c r="P5011" s="236" t="str">
        <f t="shared" si="1183"/>
        <v>CLAY</v>
      </c>
      <c r="Q5011" s="236">
        <f t="shared" si="1179"/>
        <v>245.01834654886761</v>
      </c>
      <c r="R5011" s="238">
        <v>35</v>
      </c>
      <c r="S5011" s="236">
        <f t="shared" si="1184"/>
        <v>2.6408448735304293</v>
      </c>
      <c r="T5011" s="236" t="e">
        <f t="shared" si="1170"/>
        <v>#N/A</v>
      </c>
    </row>
    <row r="5012" spans="1:20" x14ac:dyDescent="0.2">
      <c r="A5012" s="53">
        <f t="shared" si="1171"/>
        <v>5000</v>
      </c>
      <c r="B5012" s="239">
        <v>49.631</v>
      </c>
      <c r="C5012" s="3">
        <f t="shared" si="1172"/>
        <v>49.624000000000002</v>
      </c>
      <c r="D5012" s="239">
        <v>3.7244999999999999</v>
      </c>
      <c r="E5012" s="239">
        <v>8.5000000000000006E-2</v>
      </c>
      <c r="F5012" s="239">
        <v>1.3824000000000001</v>
      </c>
      <c r="G5012">
        <f t="shared" si="1173"/>
        <v>4.0009800000000002</v>
      </c>
      <c r="H5012" s="235">
        <f t="shared" si="1174"/>
        <v>2.1244795025218819</v>
      </c>
      <c r="I5012" s="236">
        <f t="shared" si="1175"/>
        <v>18.995823896210581</v>
      </c>
      <c r="J5012" s="237">
        <f t="shared" si="1180"/>
        <v>8.995823896210581</v>
      </c>
      <c r="K5012" s="237">
        <f t="shared" si="1176"/>
        <v>942.64876502555387</v>
      </c>
      <c r="L5012" s="237">
        <f t="shared" si="1181"/>
        <v>446.47173579282736</v>
      </c>
      <c r="M5012" s="236">
        <f t="shared" si="1177"/>
        <v>6.8499996523712277</v>
      </c>
      <c r="N5012" s="236">
        <f t="shared" si="1178"/>
        <v>2.7792934600398254</v>
      </c>
      <c r="O5012" s="236">
        <f t="shared" si="1182"/>
        <v>3.1158087211828156</v>
      </c>
      <c r="P5012" s="236" t="str">
        <f t="shared" si="1183"/>
        <v>CLAY</v>
      </c>
      <c r="Q5012" s="236">
        <f t="shared" si="1179"/>
        <v>254.86093624787051</v>
      </c>
      <c r="R5012" s="238">
        <v>35</v>
      </c>
      <c r="S5012" s="236">
        <f t="shared" si="1184"/>
        <v>2.7704683651199762</v>
      </c>
      <c r="T5012" s="236" t="e">
        <f t="shared" si="1170"/>
        <v>#N/A</v>
      </c>
    </row>
    <row r="5013" spans="1:20" x14ac:dyDescent="0.2">
      <c r="A5013" s="53">
        <f t="shared" si="1171"/>
        <v>5001</v>
      </c>
      <c r="B5013" s="239">
        <v>49.64</v>
      </c>
      <c r="C5013" s="3">
        <f t="shared" si="1172"/>
        <v>49.633000000000003</v>
      </c>
      <c r="D5013" s="239">
        <v>3.8439000000000001</v>
      </c>
      <c r="E5013" s="239">
        <v>8.4099999999999994E-2</v>
      </c>
      <c r="F5013" s="239">
        <v>1.397</v>
      </c>
      <c r="G5013">
        <f t="shared" si="1173"/>
        <v>4.1233000000000004</v>
      </c>
      <c r="H5013" s="235">
        <f t="shared" si="1174"/>
        <v>2.0396284529381803</v>
      </c>
      <c r="I5013" s="236">
        <f t="shared" si="1175"/>
        <v>18.995112683660587</v>
      </c>
      <c r="J5013" s="237">
        <f t="shared" si="1180"/>
        <v>8.9951126836605866</v>
      </c>
      <c r="K5013" s="237">
        <f t="shared" si="1176"/>
        <v>942.7844278281259</v>
      </c>
      <c r="L5013" s="237">
        <f t="shared" si="1181"/>
        <v>446.51739361691153</v>
      </c>
      <c r="M5013" s="236">
        <f t="shared" si="1177"/>
        <v>7.1229376898598256</v>
      </c>
      <c r="N5013" s="236">
        <f t="shared" si="1178"/>
        <v>2.6442253808105316</v>
      </c>
      <c r="O5013" s="236">
        <f t="shared" si="1182"/>
        <v>3.0899219105070381</v>
      </c>
      <c r="P5013" s="236" t="str">
        <f t="shared" si="1183"/>
        <v>CLAY</v>
      </c>
      <c r="Q5013" s="236">
        <f t="shared" si="1179"/>
        <v>265.04296434765621</v>
      </c>
      <c r="R5013" s="238">
        <v>35</v>
      </c>
      <c r="S5013" s="236">
        <f t="shared" si="1184"/>
        <v>2.9091354342411759</v>
      </c>
      <c r="T5013" s="236" t="e">
        <f t="shared" si="1170"/>
        <v>#N/A</v>
      </c>
    </row>
    <row r="5014" spans="1:20" x14ac:dyDescent="0.2">
      <c r="A5014" s="53">
        <f t="shared" si="1171"/>
        <v>5002</v>
      </c>
      <c r="B5014" s="239">
        <v>49.651000000000003</v>
      </c>
      <c r="C5014" s="3">
        <f t="shared" si="1172"/>
        <v>49.644000000000005</v>
      </c>
      <c r="D5014" s="239">
        <v>3.8994</v>
      </c>
      <c r="E5014" s="239">
        <v>8.6099999999999996E-2</v>
      </c>
      <c r="F5014" s="239">
        <v>1.3087</v>
      </c>
      <c r="G5014">
        <f t="shared" si="1173"/>
        <v>4.1611399999999996</v>
      </c>
      <c r="H5014" s="235">
        <f t="shared" si="1174"/>
        <v>2.069144513282418</v>
      </c>
      <c r="I5014" s="236">
        <f t="shared" si="1175"/>
        <v>19.026242658250201</v>
      </c>
      <c r="J5014" s="237">
        <f t="shared" si="1180"/>
        <v>9.0262426582502009</v>
      </c>
      <c r="K5014" s="237">
        <f t="shared" si="1176"/>
        <v>944.5387905261731</v>
      </c>
      <c r="L5014" s="237">
        <f t="shared" si="1181"/>
        <v>448.16197422478075</v>
      </c>
      <c r="M5014" s="236">
        <f t="shared" si="1177"/>
        <v>7.1773184573229836</v>
      </c>
      <c r="N5014" s="236">
        <f t="shared" si="1178"/>
        <v>2.6767384078079202</v>
      </c>
      <c r="O5014" s="236">
        <f t="shared" si="1182"/>
        <v>3.0899512677456711</v>
      </c>
      <c r="P5014" s="236" t="str">
        <f t="shared" si="1183"/>
        <v>CLAY</v>
      </c>
      <c r="Q5014" s="236">
        <f t="shared" si="1179"/>
        <v>268.0501007894855</v>
      </c>
      <c r="R5014" s="238">
        <v>35</v>
      </c>
      <c r="S5014" s="236">
        <f t="shared" si="1184"/>
        <v>2.9369244786660258</v>
      </c>
      <c r="T5014" s="236" t="e">
        <f t="shared" si="1170"/>
        <v>#N/A</v>
      </c>
    </row>
    <row r="5015" spans="1:20" x14ac:dyDescent="0.2">
      <c r="A5015" s="53">
        <f t="shared" si="1171"/>
        <v>5003</v>
      </c>
      <c r="B5015" s="239">
        <v>49.66</v>
      </c>
      <c r="C5015" s="3">
        <f t="shared" si="1172"/>
        <v>49.652999999999999</v>
      </c>
      <c r="D5015" s="239">
        <v>3.6381999999999999</v>
      </c>
      <c r="E5015" s="239">
        <v>8.6800000000000002E-2</v>
      </c>
      <c r="F5015" s="239">
        <v>1.2272000000000001</v>
      </c>
      <c r="G5015">
        <f t="shared" si="1173"/>
        <v>3.8836399999999998</v>
      </c>
      <c r="H5015" s="235">
        <f t="shared" si="1174"/>
        <v>2.2350166338795567</v>
      </c>
      <c r="I5015" s="236">
        <f t="shared" si="1175"/>
        <v>19.008761381313384</v>
      </c>
      <c r="J5015" s="237">
        <f t="shared" si="1180"/>
        <v>9.0087613813133842</v>
      </c>
      <c r="K5015" s="237">
        <f t="shared" si="1176"/>
        <v>943.84202886635342</v>
      </c>
      <c r="L5015" s="237">
        <f t="shared" si="1181"/>
        <v>447.37509019602265</v>
      </c>
      <c r="M5015" s="236">
        <f t="shared" si="1177"/>
        <v>6.5712151515756938</v>
      </c>
      <c r="N5015" s="236">
        <f t="shared" si="1178"/>
        <v>2.9525838459752434</v>
      </c>
      <c r="O5015" s="236">
        <f t="shared" si="1182"/>
        <v>3.1451179647433758</v>
      </c>
      <c r="P5015" s="236" t="str">
        <f t="shared" si="1183"/>
        <v>CLAY</v>
      </c>
      <c r="Q5015" s="236">
        <f t="shared" si="1179"/>
        <v>244.9831642611372</v>
      </c>
      <c r="R5015" s="238">
        <v>35</v>
      </c>
      <c r="S5015" s="236">
        <f t="shared" si="1184"/>
        <v>2.6302505329917456</v>
      </c>
      <c r="T5015" s="236" t="e">
        <f t="shared" si="1170"/>
        <v>#N/A</v>
      </c>
    </row>
    <row r="5016" spans="1:20" x14ac:dyDescent="0.2">
      <c r="A5016" s="53">
        <f t="shared" si="1171"/>
        <v>5004</v>
      </c>
      <c r="B5016" s="239">
        <v>49.670999999999999</v>
      </c>
      <c r="C5016" s="3">
        <f t="shared" si="1172"/>
        <v>49.664000000000001</v>
      </c>
      <c r="D5016" s="239">
        <v>3.4315000000000002</v>
      </c>
      <c r="E5016" s="239">
        <v>8.1500000000000003E-2</v>
      </c>
      <c r="F5016" s="239">
        <v>1.169</v>
      </c>
      <c r="G5016">
        <f t="shared" si="1173"/>
        <v>3.6653000000000002</v>
      </c>
      <c r="H5016" s="235">
        <f t="shared" si="1174"/>
        <v>2.2235560527105558</v>
      </c>
      <c r="I5016" s="236">
        <f t="shared" si="1175"/>
        <v>18.91226717215978</v>
      </c>
      <c r="J5016" s="237">
        <f t="shared" si="1180"/>
        <v>8.9122671721597797</v>
      </c>
      <c r="K5016" s="237">
        <f t="shared" si="1176"/>
        <v>939.25883683814334</v>
      </c>
      <c r="L5016" s="237">
        <f t="shared" si="1181"/>
        <v>442.6812227083484</v>
      </c>
      <c r="M5016" s="236">
        <f t="shared" si="1177"/>
        <v>6.1580230272334227</v>
      </c>
      <c r="N5016" s="236">
        <f t="shared" si="1178"/>
        <v>2.9896833951498549</v>
      </c>
      <c r="O5016" s="236">
        <f t="shared" si="1182"/>
        <v>3.1718353858470456</v>
      </c>
      <c r="P5016" s="236" t="str">
        <f t="shared" si="1183"/>
        <v>CLAY</v>
      </c>
      <c r="Q5016" s="236">
        <f t="shared" si="1179"/>
        <v>227.17009693015473</v>
      </c>
      <c r="R5016" s="238">
        <v>35</v>
      </c>
      <c r="S5016" s="236">
        <f t="shared" si="1184"/>
        <v>2.4251669684807107</v>
      </c>
      <c r="T5016" s="236" t="e">
        <f t="shared" si="1170"/>
        <v>#N/A</v>
      </c>
    </row>
    <row r="5017" spans="1:20" x14ac:dyDescent="0.2">
      <c r="A5017" s="53">
        <f t="shared" si="1171"/>
        <v>5005</v>
      </c>
      <c r="B5017" s="239">
        <v>49.68</v>
      </c>
      <c r="C5017" s="3">
        <f t="shared" si="1172"/>
        <v>49.673000000000002</v>
      </c>
      <c r="D5017" s="239">
        <v>3.2947000000000002</v>
      </c>
      <c r="E5017" s="239">
        <v>8.5999999999999993E-2</v>
      </c>
      <c r="F5017" s="239">
        <v>1.1185</v>
      </c>
      <c r="G5017">
        <f t="shared" si="1173"/>
        <v>3.5184000000000002</v>
      </c>
      <c r="H5017" s="235">
        <f t="shared" si="1174"/>
        <v>2.4442928603910863</v>
      </c>
      <c r="I5017" s="236">
        <f t="shared" si="1175"/>
        <v>18.959299563555163</v>
      </c>
      <c r="J5017" s="237">
        <f t="shared" si="1180"/>
        <v>8.9592995635551631</v>
      </c>
      <c r="K5017" s="237">
        <f t="shared" si="1176"/>
        <v>941.76528722047567</v>
      </c>
      <c r="L5017" s="237">
        <f t="shared" si="1181"/>
        <v>445.09800231742048</v>
      </c>
      <c r="M5017" s="236">
        <f t="shared" si="1177"/>
        <v>5.7889154733658046</v>
      </c>
      <c r="N5017" s="236">
        <f t="shared" si="1178"/>
        <v>3.3376869283588975</v>
      </c>
      <c r="O5017" s="236">
        <f t="shared" si="1182"/>
        <v>3.2201913653327785</v>
      </c>
      <c r="P5017" s="236" t="str">
        <f t="shared" si="1183"/>
        <v>CLAY</v>
      </c>
      <c r="Q5017" s="236">
        <f t="shared" si="1179"/>
        <v>214.71955939829368</v>
      </c>
      <c r="R5017" s="238">
        <v>35</v>
      </c>
      <c r="S5017" s="236">
        <f t="shared" si="1184"/>
        <v>2.2448458239962332</v>
      </c>
      <c r="T5017" s="236" t="e">
        <f t="shared" si="1170"/>
        <v>#N/A</v>
      </c>
    </row>
    <row r="5018" spans="1:20" x14ac:dyDescent="0.2">
      <c r="A5018" s="53">
        <f t="shared" si="1171"/>
        <v>5006</v>
      </c>
      <c r="B5018" s="239">
        <v>49.69</v>
      </c>
      <c r="C5018" s="3">
        <f t="shared" si="1172"/>
        <v>49.683</v>
      </c>
      <c r="D5018" s="239">
        <v>3.2065999999999999</v>
      </c>
      <c r="E5018" s="239">
        <v>9.7900000000000001E-2</v>
      </c>
      <c r="F5018" s="239">
        <v>1.2403</v>
      </c>
      <c r="G5018">
        <f t="shared" si="1173"/>
        <v>3.4546599999999996</v>
      </c>
      <c r="H5018" s="235">
        <f t="shared" si="1174"/>
        <v>2.83385340380819</v>
      </c>
      <c r="I5018" s="236">
        <f t="shared" si="1175"/>
        <v>19.104121102610463</v>
      </c>
      <c r="J5018" s="237">
        <f t="shared" si="1180"/>
        <v>9.1041211026104634</v>
      </c>
      <c r="K5018" s="237">
        <f t="shared" si="1176"/>
        <v>949.15004874099566</v>
      </c>
      <c r="L5018" s="237">
        <f t="shared" si="1181"/>
        <v>452.38377758871388</v>
      </c>
      <c r="M5018" s="236">
        <f t="shared" si="1177"/>
        <v>5.5384610929547868</v>
      </c>
      <c r="N5018" s="236">
        <f t="shared" si="1178"/>
        <v>3.9073881926034995</v>
      </c>
      <c r="O5018" s="236">
        <f t="shared" si="1182"/>
        <v>3.2737348480763835</v>
      </c>
      <c r="P5018" s="236" t="str">
        <f t="shared" si="1183"/>
        <v>CLAY</v>
      </c>
      <c r="Q5018" s="236">
        <f t="shared" si="1179"/>
        <v>208.79249593825031</v>
      </c>
      <c r="R5018" s="238">
        <v>35</v>
      </c>
      <c r="S5018" s="236">
        <f t="shared" si="1184"/>
        <v>2.1241070244616171</v>
      </c>
      <c r="T5018" s="236" t="e">
        <f t="shared" si="1170"/>
        <v>#N/A</v>
      </c>
    </row>
    <row r="5019" spans="1:20" x14ac:dyDescent="0.2">
      <c r="A5019" s="53">
        <f t="shared" si="1171"/>
        <v>5007</v>
      </c>
      <c r="B5019" s="239">
        <v>49.7</v>
      </c>
      <c r="C5019" s="3">
        <f t="shared" si="1172"/>
        <v>49.693000000000005</v>
      </c>
      <c r="D5019" s="239">
        <v>3.2082000000000002</v>
      </c>
      <c r="E5019" s="239">
        <v>0.1041</v>
      </c>
      <c r="F5019" s="239">
        <v>1.3502000000000001</v>
      </c>
      <c r="G5019">
        <f t="shared" si="1173"/>
        <v>3.47824</v>
      </c>
      <c r="H5019" s="235">
        <f t="shared" si="1174"/>
        <v>2.9928929573577441</v>
      </c>
      <c r="I5019" s="236">
        <f t="shared" si="1175"/>
        <v>19.17878361474061</v>
      </c>
      <c r="J5019" s="237">
        <f t="shared" si="1180"/>
        <v>9.1787836147406097</v>
      </c>
      <c r="K5019" s="237">
        <f t="shared" si="1176"/>
        <v>953.05129416730517</v>
      </c>
      <c r="L5019" s="237">
        <f t="shared" si="1181"/>
        <v>456.18554565260831</v>
      </c>
      <c r="M5019" s="236">
        <f t="shared" si="1177"/>
        <v>5.5354421679893848</v>
      </c>
      <c r="N5019" s="236">
        <f t="shared" si="1178"/>
        <v>4.1224641849359314</v>
      </c>
      <c r="O5019" s="236">
        <f t="shared" si="1182"/>
        <v>3.2868676726535813</v>
      </c>
      <c r="P5019" s="236" t="str">
        <f t="shared" si="1183"/>
        <v>CLAY</v>
      </c>
      <c r="Q5019" s="236">
        <f t="shared" si="1179"/>
        <v>210.43239215272456</v>
      </c>
      <c r="R5019" s="238">
        <v>35</v>
      </c>
      <c r="S5019" s="236">
        <f t="shared" si="1184"/>
        <v>2.1226598528921707</v>
      </c>
      <c r="T5019" s="236" t="e">
        <f t="shared" si="1170"/>
        <v>#N/A</v>
      </c>
    </row>
    <row r="5020" spans="1:20" x14ac:dyDescent="0.2">
      <c r="A5020" s="53">
        <f t="shared" si="1171"/>
        <v>5008</v>
      </c>
      <c r="B5020" s="239">
        <v>49.709000000000003</v>
      </c>
      <c r="C5020" s="3">
        <f t="shared" si="1172"/>
        <v>49.702000000000005</v>
      </c>
      <c r="D5020" s="239">
        <v>3.3662999999999998</v>
      </c>
      <c r="E5020" s="239">
        <v>9.9500000000000005E-2</v>
      </c>
      <c r="F5020" s="239">
        <v>1.3733</v>
      </c>
      <c r="G5020">
        <f t="shared" si="1173"/>
        <v>3.6409599999999998</v>
      </c>
      <c r="H5020" s="235">
        <f t="shared" si="1174"/>
        <v>2.7327957461768326</v>
      </c>
      <c r="I5020" s="236">
        <f t="shared" si="1175"/>
        <v>19.143659689372438</v>
      </c>
      <c r="J5020" s="237">
        <f t="shared" si="1180"/>
        <v>9.1436596893724378</v>
      </c>
      <c r="K5020" s="237">
        <f t="shared" si="1176"/>
        <v>951.47817388118904</v>
      </c>
      <c r="L5020" s="237">
        <f t="shared" si="1181"/>
        <v>454.52217949901456</v>
      </c>
      <c r="M5020" s="236">
        <f t="shared" si="1177"/>
        <v>5.9171630063976703</v>
      </c>
      <c r="N5020" s="236">
        <f t="shared" si="1178"/>
        <v>3.6995974106874101</v>
      </c>
      <c r="O5020" s="236">
        <f t="shared" si="1182"/>
        <v>3.2366785110319509</v>
      </c>
      <c r="P5020" s="236" t="str">
        <f t="shared" si="1183"/>
        <v>CLAY</v>
      </c>
      <c r="Q5020" s="236">
        <f t="shared" si="1179"/>
        <v>224.12348550990089</v>
      </c>
      <c r="R5020" s="238">
        <v>35</v>
      </c>
      <c r="S5020" s="236">
        <f t="shared" si="1184"/>
        <v>2.3071823752436966</v>
      </c>
      <c r="T5020" s="236" t="e">
        <f t="shared" si="1170"/>
        <v>#N/A</v>
      </c>
    </row>
    <row r="5021" spans="1:20" x14ac:dyDescent="0.2">
      <c r="A5021" s="53">
        <f t="shared" si="1171"/>
        <v>5009</v>
      </c>
      <c r="B5021" s="239">
        <v>49.72</v>
      </c>
      <c r="C5021" s="3">
        <f t="shared" si="1172"/>
        <v>49.713000000000001</v>
      </c>
      <c r="D5021" s="239">
        <v>3.4323000000000001</v>
      </c>
      <c r="E5021" s="239">
        <v>9.8900000000000002E-2</v>
      </c>
      <c r="F5021" s="239">
        <v>1.4473</v>
      </c>
      <c r="G5021">
        <f t="shared" si="1173"/>
        <v>3.7217600000000002</v>
      </c>
      <c r="H5021" s="235">
        <f t="shared" si="1174"/>
        <v>2.6573449120846049</v>
      </c>
      <c r="I5021" s="236">
        <f t="shared" si="1175"/>
        <v>19.145146569248872</v>
      </c>
      <c r="J5021" s="237">
        <f t="shared" si="1180"/>
        <v>9.1451465692488725</v>
      </c>
      <c r="K5021" s="237">
        <f t="shared" si="1176"/>
        <v>951.7626713970692</v>
      </c>
      <c r="L5021" s="237">
        <f t="shared" si="1181"/>
        <v>454.6966874230539</v>
      </c>
      <c r="M5021" s="236">
        <f t="shared" si="1177"/>
        <v>6.0919672503039379</v>
      </c>
      <c r="N5021" s="236">
        <f t="shared" si="1178"/>
        <v>3.5704005552193427</v>
      </c>
      <c r="O5021" s="236">
        <f t="shared" si="1182"/>
        <v>3.2176159366889405</v>
      </c>
      <c r="P5021" s="236" t="str">
        <f t="shared" si="1183"/>
        <v>CLAY</v>
      </c>
      <c r="Q5021" s="236">
        <f t="shared" si="1179"/>
        <v>230.83311071691091</v>
      </c>
      <c r="R5021" s="238">
        <v>35</v>
      </c>
      <c r="S5021" s="236">
        <f t="shared" si="1184"/>
        <v>2.3926928875172844</v>
      </c>
      <c r="T5021" s="236" t="e">
        <f t="shared" si="1170"/>
        <v>#N/A</v>
      </c>
    </row>
    <row r="5022" spans="1:20" x14ac:dyDescent="0.2">
      <c r="A5022" s="53">
        <f t="shared" si="1171"/>
        <v>5010</v>
      </c>
      <c r="B5022" s="239">
        <v>49.728999999999999</v>
      </c>
      <c r="C5022" s="3">
        <f t="shared" si="1172"/>
        <v>49.722000000000001</v>
      </c>
      <c r="D5022" s="239">
        <v>3.5017999999999998</v>
      </c>
      <c r="E5022" s="239">
        <v>9.9099999999999994E-2</v>
      </c>
      <c r="F5022" s="239">
        <v>1.4149</v>
      </c>
      <c r="G5022">
        <f t="shared" si="1173"/>
        <v>3.7847799999999996</v>
      </c>
      <c r="H5022" s="235">
        <f t="shared" si="1174"/>
        <v>2.6183820459841791</v>
      </c>
      <c r="I5022" s="236">
        <f t="shared" si="1175"/>
        <v>19.154078497577558</v>
      </c>
      <c r="J5022" s="237">
        <f t="shared" si="1180"/>
        <v>9.154078497577558</v>
      </c>
      <c r="K5022" s="237">
        <f t="shared" si="1176"/>
        <v>952.37909105655137</v>
      </c>
      <c r="L5022" s="237">
        <f t="shared" si="1181"/>
        <v>455.22316960603439</v>
      </c>
      <c r="M5022" s="236">
        <f t="shared" si="1177"/>
        <v>6.2220051571511714</v>
      </c>
      <c r="N5022" s="236">
        <f t="shared" si="1178"/>
        <v>3.4987984817787185</v>
      </c>
      <c r="O5022" s="236">
        <f t="shared" si="1182"/>
        <v>3.2051144552969073</v>
      </c>
      <c r="P5022" s="236" t="str">
        <f t="shared" si="1183"/>
        <v>CLAY</v>
      </c>
      <c r="Q5022" s="236">
        <f t="shared" si="1179"/>
        <v>236.03340907862071</v>
      </c>
      <c r="R5022" s="238">
        <v>35</v>
      </c>
      <c r="S5022" s="236">
        <f t="shared" si="1184"/>
        <v>2.4567047588381534</v>
      </c>
      <c r="T5022" s="236" t="e">
        <f t="shared" si="1170"/>
        <v>#N/A</v>
      </c>
    </row>
    <row r="5023" spans="1:20" x14ac:dyDescent="0.2">
      <c r="A5023" s="53">
        <f t="shared" si="1171"/>
        <v>5011</v>
      </c>
      <c r="B5023" s="239">
        <v>49.74</v>
      </c>
      <c r="C5023" s="3">
        <f t="shared" si="1172"/>
        <v>49.733000000000004</v>
      </c>
      <c r="D5023" s="239">
        <v>3.657</v>
      </c>
      <c r="E5023" s="239">
        <v>9.8599999999999993E-2</v>
      </c>
      <c r="F5023" s="239">
        <v>1.3878999999999999</v>
      </c>
      <c r="G5023">
        <f t="shared" si="1173"/>
        <v>3.93458</v>
      </c>
      <c r="H5023" s="235">
        <f t="shared" si="1174"/>
        <v>2.5059853910709653</v>
      </c>
      <c r="I5023" s="236">
        <f t="shared" si="1175"/>
        <v>19.163319266764397</v>
      </c>
      <c r="J5023" s="237">
        <f t="shared" si="1180"/>
        <v>9.1633192667643968</v>
      </c>
      <c r="K5023" s="237">
        <f t="shared" si="1176"/>
        <v>953.04935709399388</v>
      </c>
      <c r="L5023" s="237">
        <f t="shared" si="1181"/>
        <v>455.78350032886112</v>
      </c>
      <c r="M5023" s="236">
        <f t="shared" si="1177"/>
        <v>6.5415501894095431</v>
      </c>
      <c r="N5023" s="236">
        <f t="shared" si="1178"/>
        <v>3.3070262160343789</v>
      </c>
      <c r="O5023" s="236">
        <f t="shared" si="1182"/>
        <v>3.1734924546420635</v>
      </c>
      <c r="P5023" s="236" t="str">
        <f t="shared" si="1183"/>
        <v>CLAY</v>
      </c>
      <c r="Q5023" s="236">
        <f t="shared" si="1179"/>
        <v>248.46088690883383</v>
      </c>
      <c r="R5023" s="238">
        <v>35</v>
      </c>
      <c r="S5023" s="236">
        <f t="shared" si="1184"/>
        <v>2.6154164800572048</v>
      </c>
      <c r="T5023" s="236" t="e">
        <f t="shared" si="1170"/>
        <v>#N/A</v>
      </c>
    </row>
    <row r="5024" spans="1:20" x14ac:dyDescent="0.2">
      <c r="A5024" s="53">
        <f t="shared" si="1171"/>
        <v>5012</v>
      </c>
      <c r="B5024" s="239">
        <v>49.749000000000002</v>
      </c>
      <c r="C5024" s="3">
        <f t="shared" si="1172"/>
        <v>49.742000000000004</v>
      </c>
      <c r="D5024" s="239">
        <v>3.8117999999999999</v>
      </c>
      <c r="E5024" s="239">
        <v>9.8000000000000004E-2</v>
      </c>
      <c r="F5024" s="239">
        <v>1.3603000000000001</v>
      </c>
      <c r="G5024">
        <f t="shared" si="1173"/>
        <v>4.0838599999999996</v>
      </c>
      <c r="H5024" s="235">
        <f t="shared" si="1174"/>
        <v>2.3996904889002075</v>
      </c>
      <c r="I5024" s="236">
        <f t="shared" si="1175"/>
        <v>19.170717219696648</v>
      </c>
      <c r="J5024" s="237">
        <f t="shared" si="1180"/>
        <v>9.1707172196966482</v>
      </c>
      <c r="K5024" s="237">
        <f t="shared" si="1176"/>
        <v>953.58981594215072</v>
      </c>
      <c r="L5024" s="237">
        <f t="shared" si="1181"/>
        <v>456.23401096268856</v>
      </c>
      <c r="M5024" s="236">
        <f t="shared" si="1177"/>
        <v>6.8611066006515822</v>
      </c>
      <c r="N5024" s="236">
        <f t="shared" si="1178"/>
        <v>3.1307201691120516</v>
      </c>
      <c r="O5024" s="236">
        <f t="shared" si="1182"/>
        <v>3.1431377443695161</v>
      </c>
      <c r="P5024" s="236" t="str">
        <f t="shared" si="1183"/>
        <v>CLAY</v>
      </c>
      <c r="Q5024" s="236">
        <f t="shared" si="1179"/>
        <v>260.85584867148742</v>
      </c>
      <c r="R5024" s="238">
        <v>35</v>
      </c>
      <c r="S5024" s="236">
        <f t="shared" si="1184"/>
        <v>2.7760847309382592</v>
      </c>
      <c r="T5024" s="236" t="e">
        <f t="shared" si="1170"/>
        <v>#N/A</v>
      </c>
    </row>
    <row r="5025" spans="1:20" x14ac:dyDescent="0.2">
      <c r="A5025" s="53">
        <f t="shared" si="1171"/>
        <v>5013</v>
      </c>
      <c r="B5025" s="239">
        <v>49.758000000000003</v>
      </c>
      <c r="C5025" s="3">
        <f t="shared" si="1172"/>
        <v>49.751000000000005</v>
      </c>
      <c r="D5025" s="239">
        <v>3.8961999999999999</v>
      </c>
      <c r="E5025" s="239">
        <v>9.4799999999999995E-2</v>
      </c>
      <c r="F5025" s="239">
        <v>1.3053999999999999</v>
      </c>
      <c r="G5025">
        <f t="shared" si="1173"/>
        <v>4.1572800000000001</v>
      </c>
      <c r="H5025" s="235">
        <f t="shared" si="1174"/>
        <v>2.2803371435169146</v>
      </c>
      <c r="I5025" s="236">
        <f t="shared" si="1175"/>
        <v>19.138753913573638</v>
      </c>
      <c r="J5025" s="237">
        <f t="shared" si="1180"/>
        <v>9.1387539135736375</v>
      </c>
      <c r="K5025" s="237">
        <f t="shared" si="1176"/>
        <v>952.17214595420216</v>
      </c>
      <c r="L5025" s="237">
        <f t="shared" si="1181"/>
        <v>454.72611723159707</v>
      </c>
      <c r="M5025" s="236">
        <f t="shared" si="1177"/>
        <v>7.0484358223334693</v>
      </c>
      <c r="N5025" s="236">
        <f t="shared" si="1178"/>
        <v>2.9577787805279079</v>
      </c>
      <c r="O5025" s="236">
        <f t="shared" si="1182"/>
        <v>3.1198978493057701</v>
      </c>
      <c r="P5025" s="236" t="str">
        <f t="shared" si="1183"/>
        <v>CLAY</v>
      </c>
      <c r="Q5025" s="236">
        <f t="shared" si="1179"/>
        <v>267.0923211704831</v>
      </c>
      <c r="R5025" s="238">
        <v>35</v>
      </c>
      <c r="S5025" s="236">
        <f t="shared" si="1184"/>
        <v>2.871150420037174</v>
      </c>
      <c r="T5025" s="236" t="e">
        <f t="shared" si="1170"/>
        <v>#N/A</v>
      </c>
    </row>
    <row r="5026" spans="1:20" x14ac:dyDescent="0.2">
      <c r="A5026" s="53">
        <f t="shared" si="1171"/>
        <v>5014</v>
      </c>
      <c r="B5026" s="239">
        <v>49.768999999999998</v>
      </c>
      <c r="C5026" s="3">
        <f t="shared" si="1172"/>
        <v>49.762</v>
      </c>
      <c r="D5026" s="239">
        <v>3.9598</v>
      </c>
      <c r="E5026" s="239">
        <v>9.1300000000000006E-2</v>
      </c>
      <c r="F5026" s="239">
        <v>1.2413000000000001</v>
      </c>
      <c r="G5026">
        <f t="shared" si="1173"/>
        <v>4.2080599999999997</v>
      </c>
      <c r="H5026" s="235">
        <f t="shared" si="1174"/>
        <v>2.1696458700683929</v>
      </c>
      <c r="I5026" s="236">
        <f t="shared" si="1175"/>
        <v>19.099387884887108</v>
      </c>
      <c r="J5026" s="237">
        <f t="shared" si="1180"/>
        <v>9.0993878848871077</v>
      </c>
      <c r="K5026" s="237">
        <f t="shared" si="1176"/>
        <v>950.42373992775231</v>
      </c>
      <c r="L5026" s="237">
        <f t="shared" si="1181"/>
        <v>452.86743564294648</v>
      </c>
      <c r="M5026" s="236">
        <f t="shared" si="1177"/>
        <v>7.1933550608409389</v>
      </c>
      <c r="N5026" s="236">
        <f t="shared" si="1178"/>
        <v>2.8026456212755679</v>
      </c>
      <c r="O5026" s="236">
        <f t="shared" si="1182"/>
        <v>3.0998242946953294</v>
      </c>
      <c r="P5026" s="236" t="str">
        <f t="shared" si="1183"/>
        <v>CLAY</v>
      </c>
      <c r="Q5026" s="236">
        <f t="shared" si="1179"/>
        <v>271.46968833935392</v>
      </c>
      <c r="R5026" s="238">
        <v>35</v>
      </c>
      <c r="S5026" s="236">
        <f t="shared" si="1184"/>
        <v>2.9451293954106839</v>
      </c>
      <c r="T5026" s="236" t="e">
        <f t="shared" si="1170"/>
        <v>#N/A</v>
      </c>
    </row>
    <row r="5027" spans="1:20" x14ac:dyDescent="0.2">
      <c r="A5027" s="53">
        <f t="shared" si="1171"/>
        <v>5015</v>
      </c>
      <c r="B5027" s="239">
        <v>49.777999999999999</v>
      </c>
      <c r="C5027" s="3">
        <f t="shared" si="1172"/>
        <v>49.771000000000001</v>
      </c>
      <c r="D5027" s="239">
        <v>3.9108999999999998</v>
      </c>
      <c r="E5027" s="239">
        <v>9.4399999999999998E-2</v>
      </c>
      <c r="F5027" s="239">
        <v>1.2541</v>
      </c>
      <c r="G5027">
        <f t="shared" si="1173"/>
        <v>4.1617199999999999</v>
      </c>
      <c r="H5027" s="235">
        <f t="shared" si="1174"/>
        <v>2.2682929173514799</v>
      </c>
      <c r="I5027" s="236">
        <f t="shared" si="1175"/>
        <v>19.134213010809443</v>
      </c>
      <c r="J5027" s="237">
        <f t="shared" si="1180"/>
        <v>9.134213010809443</v>
      </c>
      <c r="K5027" s="237">
        <f t="shared" si="1176"/>
        <v>952.32891576099678</v>
      </c>
      <c r="L5027" s="237">
        <f t="shared" si="1181"/>
        <v>454.68285525207244</v>
      </c>
      <c r="M5027" s="236">
        <f t="shared" si="1177"/>
        <v>7.0585267228951114</v>
      </c>
      <c r="N5027" s="236">
        <f t="shared" si="1178"/>
        <v>2.9413679268814854</v>
      </c>
      <c r="O5027" s="236">
        <f t="shared" si="1182"/>
        <v>3.1180665288007914</v>
      </c>
      <c r="P5027" s="236" t="str">
        <f t="shared" si="1183"/>
        <v>CLAY</v>
      </c>
      <c r="Q5027" s="236">
        <f t="shared" si="1179"/>
        <v>267.44925701991696</v>
      </c>
      <c r="R5027" s="238">
        <v>35</v>
      </c>
      <c r="S5027" s="236">
        <f t="shared" si="1184"/>
        <v>2.8762894461052571</v>
      </c>
      <c r="T5027" s="236" t="e">
        <f t="shared" si="1170"/>
        <v>#N/A</v>
      </c>
    </row>
    <row r="5028" spans="1:20" x14ac:dyDescent="0.2">
      <c r="A5028" s="53">
        <f t="shared" si="1171"/>
        <v>5016</v>
      </c>
      <c r="B5028" s="239">
        <v>49.787999999999997</v>
      </c>
      <c r="C5028" s="3">
        <f t="shared" si="1172"/>
        <v>49.780999999999999</v>
      </c>
      <c r="D5028" s="239">
        <v>3.7399</v>
      </c>
      <c r="E5028" s="239">
        <v>0.10489999999999999</v>
      </c>
      <c r="F5028" s="239">
        <v>1.3299000000000001</v>
      </c>
      <c r="G5028">
        <f t="shared" si="1173"/>
        <v>4.0058800000000003</v>
      </c>
      <c r="H5028" s="235">
        <f t="shared" si="1174"/>
        <v>2.6186505836420459</v>
      </c>
      <c r="I5028" s="236">
        <f t="shared" si="1175"/>
        <v>19.242965014403101</v>
      </c>
      <c r="J5028" s="237">
        <f t="shared" si="1180"/>
        <v>9.2429650144031008</v>
      </c>
      <c r="K5028" s="237">
        <f t="shared" si="1176"/>
        <v>957.93404138200071</v>
      </c>
      <c r="L5028" s="237">
        <f t="shared" si="1181"/>
        <v>460.18874213710154</v>
      </c>
      <c r="M5028" s="236">
        <f t="shared" si="1177"/>
        <v>6.6232518954362885</v>
      </c>
      <c r="N5028" s="236">
        <f t="shared" si="1178"/>
        <v>3.4416620709234556</v>
      </c>
      <c r="O5028" s="236">
        <f t="shared" si="1182"/>
        <v>3.1785307930626696</v>
      </c>
      <c r="P5028" s="236" t="str">
        <f t="shared" si="1183"/>
        <v>CLAY</v>
      </c>
      <c r="Q5028" s="236">
        <f t="shared" si="1179"/>
        <v>253.99549655149994</v>
      </c>
      <c r="R5028" s="238">
        <v>35</v>
      </c>
      <c r="S5028" s="236">
        <f t="shared" si="1184"/>
        <v>2.6563120917835108</v>
      </c>
      <c r="T5028" s="236" t="e">
        <f t="shared" si="1170"/>
        <v>#N/A</v>
      </c>
    </row>
    <row r="5029" spans="1:20" x14ac:dyDescent="0.2">
      <c r="A5029" s="53">
        <f t="shared" si="1171"/>
        <v>5017</v>
      </c>
      <c r="B5029" s="239">
        <v>49.798000000000002</v>
      </c>
      <c r="C5029" s="3">
        <f t="shared" si="1172"/>
        <v>49.791000000000004</v>
      </c>
      <c r="D5029" s="239">
        <v>3.6949000000000001</v>
      </c>
      <c r="E5029" s="239">
        <v>0.1087</v>
      </c>
      <c r="F5029" s="239">
        <v>1.3569</v>
      </c>
      <c r="G5029">
        <f t="shared" si="1173"/>
        <v>3.9662800000000002</v>
      </c>
      <c r="H5029" s="235">
        <f t="shared" si="1174"/>
        <v>2.7406032856984375</v>
      </c>
      <c r="I5029" s="236">
        <f t="shared" si="1175"/>
        <v>19.280807856434574</v>
      </c>
      <c r="J5029" s="237">
        <f t="shared" si="1180"/>
        <v>9.2808078564345742</v>
      </c>
      <c r="K5029" s="237">
        <f t="shared" si="1176"/>
        <v>960.01070397973399</v>
      </c>
      <c r="L5029" s="237">
        <f t="shared" si="1181"/>
        <v>462.16566963472894</v>
      </c>
      <c r="M5029" s="236">
        <f t="shared" si="1177"/>
        <v>6.5047438473659476</v>
      </c>
      <c r="N5029" s="236">
        <f t="shared" si="1178"/>
        <v>3.6157772074477261</v>
      </c>
      <c r="O5029" s="236">
        <f t="shared" si="1182"/>
        <v>3.1969402448446353</v>
      </c>
      <c r="P5029" s="236" t="str">
        <f t="shared" si="1183"/>
        <v>CLAY</v>
      </c>
      <c r="Q5029" s="236">
        <f t="shared" si="1179"/>
        <v>250.52244133502219</v>
      </c>
      <c r="R5029" s="238">
        <v>35</v>
      </c>
      <c r="S5029" s="236">
        <f t="shared" si="1184"/>
        <v>2.5970347297243364</v>
      </c>
      <c r="T5029" s="236" t="e">
        <f t="shared" si="1170"/>
        <v>#N/A</v>
      </c>
    </row>
    <row r="5030" spans="1:20" x14ac:dyDescent="0.2">
      <c r="A5030" s="53">
        <f t="shared" si="1171"/>
        <v>5018</v>
      </c>
      <c r="B5030" s="239">
        <v>49.808999999999997</v>
      </c>
      <c r="C5030" s="3">
        <f t="shared" si="1172"/>
        <v>49.802</v>
      </c>
      <c r="D5030" s="239">
        <v>3.5996000000000001</v>
      </c>
      <c r="E5030" s="239">
        <v>0.10979999999999999</v>
      </c>
      <c r="F5030" s="239">
        <v>1.3282</v>
      </c>
      <c r="G5030">
        <f t="shared" si="1173"/>
        <v>3.86524</v>
      </c>
      <c r="H5030" s="235">
        <f t="shared" si="1174"/>
        <v>2.8407032939739834</v>
      </c>
      <c r="I5030" s="236">
        <f t="shared" si="1175"/>
        <v>19.282528191415818</v>
      </c>
      <c r="J5030" s="237">
        <f t="shared" si="1180"/>
        <v>9.2825281914158175</v>
      </c>
      <c r="K5030" s="237">
        <f t="shared" si="1176"/>
        <v>960.30846898889058</v>
      </c>
      <c r="L5030" s="237">
        <f t="shared" si="1181"/>
        <v>462.35344668623043</v>
      </c>
      <c r="M5030" s="236">
        <f t="shared" si="1177"/>
        <v>6.2829239228803662</v>
      </c>
      <c r="N5030" s="236">
        <f t="shared" si="1178"/>
        <v>3.7797792763047426</v>
      </c>
      <c r="O5030" s="236">
        <f t="shared" si="1182"/>
        <v>3.2201871005540328</v>
      </c>
      <c r="P5030" s="236" t="str">
        <f t="shared" si="1183"/>
        <v>CLAY</v>
      </c>
      <c r="Q5030" s="236">
        <f t="shared" si="1179"/>
        <v>242.07762758425909</v>
      </c>
      <c r="R5030" s="238">
        <v>35</v>
      </c>
      <c r="S5030" s="236">
        <f t="shared" si="1184"/>
        <v>2.4868080240287576</v>
      </c>
      <c r="T5030" s="236" t="e">
        <f t="shared" si="1170"/>
        <v>#N/A</v>
      </c>
    </row>
    <row r="5031" spans="1:20" x14ac:dyDescent="0.2">
      <c r="A5031" s="53">
        <f t="shared" si="1171"/>
        <v>5019</v>
      </c>
      <c r="B5031" s="239">
        <v>49.817999999999998</v>
      </c>
      <c r="C5031" s="3">
        <f t="shared" si="1172"/>
        <v>49.811</v>
      </c>
      <c r="D5031" s="239">
        <v>3.3679000000000001</v>
      </c>
      <c r="E5031" s="239">
        <v>0.10879999999999999</v>
      </c>
      <c r="F5031" s="239">
        <v>1.3320000000000001</v>
      </c>
      <c r="G5031">
        <f t="shared" si="1173"/>
        <v>3.6343000000000001</v>
      </c>
      <c r="H5031" s="235">
        <f t="shared" si="1174"/>
        <v>2.9936989241394487</v>
      </c>
      <c r="I5031" s="236">
        <f t="shared" si="1175"/>
        <v>19.247719768542368</v>
      </c>
      <c r="J5031" s="237">
        <f t="shared" si="1180"/>
        <v>9.2477197685423675</v>
      </c>
      <c r="K5031" s="237">
        <f t="shared" si="1176"/>
        <v>958.74816939086384</v>
      </c>
      <c r="L5031" s="237">
        <f t="shared" si="1181"/>
        <v>460.70290342924363</v>
      </c>
      <c r="M5031" s="236">
        <f t="shared" si="1177"/>
        <v>5.8075428018657078</v>
      </c>
      <c r="N5031" s="236">
        <f t="shared" si="1178"/>
        <v>4.0664508440948337</v>
      </c>
      <c r="O5031" s="236">
        <f t="shared" si="1182"/>
        <v>3.2662679728870794</v>
      </c>
      <c r="P5031" s="236" t="str">
        <f t="shared" si="1183"/>
        <v>CLAY</v>
      </c>
      <c r="Q5031" s="236">
        <f t="shared" si="1179"/>
        <v>222.96265255076136</v>
      </c>
      <c r="R5031" s="238">
        <v>35</v>
      </c>
      <c r="S5031" s="236">
        <f t="shared" si="1184"/>
        <v>2.2538786657885455</v>
      </c>
      <c r="T5031" s="236" t="e">
        <f t="shared" si="1170"/>
        <v>#N/A</v>
      </c>
    </row>
    <row r="5032" spans="1:20" x14ac:dyDescent="0.2">
      <c r="A5032" s="53">
        <f t="shared" si="1171"/>
        <v>5020</v>
      </c>
      <c r="B5032" s="239">
        <v>49.826999999999998</v>
      </c>
      <c r="C5032" s="3">
        <f t="shared" si="1172"/>
        <v>49.82</v>
      </c>
      <c r="D5032" s="239">
        <v>3.2397</v>
      </c>
      <c r="E5032" s="239">
        <v>0.1086</v>
      </c>
      <c r="F5032" s="239">
        <v>1.2633000000000001</v>
      </c>
      <c r="G5032">
        <f t="shared" si="1173"/>
        <v>3.4923600000000001</v>
      </c>
      <c r="H5032" s="235">
        <f t="shared" si="1174"/>
        <v>3.1096450537745248</v>
      </c>
      <c r="I5032" s="236">
        <f t="shared" si="1175"/>
        <v>19.229990687382667</v>
      </c>
      <c r="J5032" s="237">
        <f t="shared" si="1180"/>
        <v>9.2299906873826671</v>
      </c>
      <c r="K5032" s="237">
        <f t="shared" si="1176"/>
        <v>958.03813604540449</v>
      </c>
      <c r="L5032" s="237">
        <f t="shared" si="1181"/>
        <v>459.90274598021614</v>
      </c>
      <c r="M5032" s="236">
        <f t="shared" si="1177"/>
        <v>5.5105604089252731</v>
      </c>
      <c r="N5032" s="236">
        <f t="shared" si="1178"/>
        <v>4.2851699914129631</v>
      </c>
      <c r="O5032" s="236">
        <f t="shared" si="1182"/>
        <v>3.2979020929881195</v>
      </c>
      <c r="P5032" s="236" t="str">
        <f t="shared" si="1183"/>
        <v>CLAY</v>
      </c>
      <c r="Q5032" s="236">
        <f t="shared" si="1179"/>
        <v>211.19348866288297</v>
      </c>
      <c r="R5032" s="238">
        <v>35</v>
      </c>
      <c r="S5032" s="236">
        <f t="shared" si="1184"/>
        <v>2.1107398923073561</v>
      </c>
      <c r="T5032" s="236" t="e">
        <f t="shared" si="1170"/>
        <v>#N/A</v>
      </c>
    </row>
    <row r="5033" spans="1:20" x14ac:dyDescent="0.2">
      <c r="A5033" s="53">
        <f t="shared" si="1171"/>
        <v>5021</v>
      </c>
      <c r="B5033" s="239">
        <v>49.838000000000001</v>
      </c>
      <c r="C5033" s="3">
        <f t="shared" si="1172"/>
        <v>49.831000000000003</v>
      </c>
      <c r="D5033" s="239">
        <v>3.1497000000000002</v>
      </c>
      <c r="E5033" s="239">
        <v>0.111</v>
      </c>
      <c r="F5033" s="239">
        <v>1.2848999999999999</v>
      </c>
      <c r="G5033">
        <f t="shared" si="1173"/>
        <v>3.4066800000000002</v>
      </c>
      <c r="H5033" s="235">
        <f t="shared" si="1174"/>
        <v>3.2583042727817113</v>
      </c>
      <c r="I5033" s="236">
        <f t="shared" si="1175"/>
        <v>19.245913303879036</v>
      </c>
      <c r="J5033" s="237">
        <f t="shared" si="1180"/>
        <v>9.2459133038790355</v>
      </c>
      <c r="K5033" s="237">
        <f t="shared" si="1176"/>
        <v>959.0431058455963</v>
      </c>
      <c r="L5033" s="237">
        <f t="shared" si="1181"/>
        <v>460.79782723872336</v>
      </c>
      <c r="M5033" s="236">
        <f t="shared" si="1177"/>
        <v>5.3117370557530181</v>
      </c>
      <c r="N5033" s="236">
        <f t="shared" si="1178"/>
        <v>4.5349863889164679</v>
      </c>
      <c r="O5033" s="236">
        <f t="shared" si="1182"/>
        <v>3.3249456739690766</v>
      </c>
      <c r="P5033" s="236" t="str">
        <f t="shared" si="1183"/>
        <v>CLAY</v>
      </c>
      <c r="Q5033" s="236">
        <f t="shared" si="1179"/>
        <v>203.96974117953368</v>
      </c>
      <c r="R5033" s="238">
        <v>35</v>
      </c>
      <c r="S5033" s="236">
        <f t="shared" si="1184"/>
        <v>2.0159776775585199</v>
      </c>
      <c r="T5033" s="236" t="e">
        <f t="shared" si="1170"/>
        <v>#N/A</v>
      </c>
    </row>
    <row r="5034" spans="1:20" x14ac:dyDescent="0.2">
      <c r="A5034" s="53">
        <f t="shared" si="1171"/>
        <v>5022</v>
      </c>
      <c r="B5034" s="239">
        <v>49.847000000000001</v>
      </c>
      <c r="C5034" s="3">
        <f t="shared" si="1172"/>
        <v>49.84</v>
      </c>
      <c r="D5034" s="239">
        <v>3.0632000000000001</v>
      </c>
      <c r="E5034" s="239">
        <v>0.10970000000000001</v>
      </c>
      <c r="F5034" s="239">
        <v>1.4036999999999999</v>
      </c>
      <c r="G5034">
        <f t="shared" si="1173"/>
        <v>3.3439399999999999</v>
      </c>
      <c r="H5034" s="235">
        <f t="shared" si="1174"/>
        <v>3.2805612540894877</v>
      </c>
      <c r="I5034" s="236">
        <f t="shared" si="1175"/>
        <v>19.224833577532973</v>
      </c>
      <c r="J5034" s="237">
        <f t="shared" si="1180"/>
        <v>9.2248335775329728</v>
      </c>
      <c r="K5034" s="237">
        <f t="shared" si="1176"/>
        <v>958.16570550424342</v>
      </c>
      <c r="L5034" s="237">
        <f t="shared" si="1181"/>
        <v>459.83027933928611</v>
      </c>
      <c r="M5034" s="236">
        <f t="shared" si="1177"/>
        <v>5.1883801517459691</v>
      </c>
      <c r="N5034" s="236">
        <f t="shared" si="1178"/>
        <v>4.5980879353545703</v>
      </c>
      <c r="O5034" s="236">
        <f t="shared" si="1182"/>
        <v>3.33675696290614</v>
      </c>
      <c r="P5034" s="236" t="str">
        <f t="shared" si="1183"/>
        <v>CLAY</v>
      </c>
      <c r="Q5034" s="236">
        <f t="shared" si="1179"/>
        <v>198.81452454131306</v>
      </c>
      <c r="R5034" s="238">
        <v>35</v>
      </c>
      <c r="S5034" s="236">
        <f t="shared" si="1184"/>
        <v>1.9576260939011709</v>
      </c>
      <c r="T5034" s="236" t="e">
        <f t="shared" si="1170"/>
        <v>#N/A</v>
      </c>
    </row>
    <row r="5035" spans="1:20" x14ac:dyDescent="0.2">
      <c r="A5035" s="53">
        <f t="shared" si="1171"/>
        <v>5023</v>
      </c>
      <c r="B5035" s="239">
        <v>49.857999999999997</v>
      </c>
      <c r="C5035" s="3">
        <f t="shared" si="1172"/>
        <v>49.850999999999999</v>
      </c>
      <c r="D5035" s="239">
        <v>3.1063000000000001</v>
      </c>
      <c r="E5035" s="239">
        <v>0.1137</v>
      </c>
      <c r="F5035" s="239">
        <v>1.4157</v>
      </c>
      <c r="G5035">
        <f t="shared" si="1173"/>
        <v>3.38944</v>
      </c>
      <c r="H5035" s="235">
        <f t="shared" si="1174"/>
        <v>3.354536442598187</v>
      </c>
      <c r="I5035" s="236">
        <f t="shared" si="1175"/>
        <v>19.272111464413349</v>
      </c>
      <c r="J5035" s="237">
        <f t="shared" si="1180"/>
        <v>9.2721114644133493</v>
      </c>
      <c r="K5035" s="237">
        <f t="shared" si="1176"/>
        <v>960.73402861246984</v>
      </c>
      <c r="L5035" s="237">
        <f t="shared" si="1181"/>
        <v>462.28893339272076</v>
      </c>
      <c r="M5035" s="236">
        <f t="shared" si="1177"/>
        <v>5.2536537129784833</v>
      </c>
      <c r="N5035" s="236">
        <f t="shared" si="1178"/>
        <v>4.681505350565045</v>
      </c>
      <c r="O5035" s="236">
        <f t="shared" si="1182"/>
        <v>3.3366929291373566</v>
      </c>
      <c r="P5035" s="236" t="str">
        <f t="shared" si="1183"/>
        <v>CLAY</v>
      </c>
      <c r="Q5035" s="236">
        <f t="shared" si="1179"/>
        <v>202.39216428229417</v>
      </c>
      <c r="R5035" s="238">
        <v>35</v>
      </c>
      <c r="S5035" s="236">
        <f t="shared" si="1184"/>
        <v>1.9884597890756937</v>
      </c>
      <c r="T5035" s="236" t="e">
        <f t="shared" si="1170"/>
        <v>#N/A</v>
      </c>
    </row>
    <row r="5036" spans="1:20" x14ac:dyDescent="0.2">
      <c r="A5036" s="53">
        <f t="shared" si="1171"/>
        <v>5024</v>
      </c>
      <c r="B5036" s="239">
        <v>49.866999999999997</v>
      </c>
      <c r="C5036" s="3">
        <f t="shared" si="1172"/>
        <v>49.86</v>
      </c>
      <c r="D5036" s="239">
        <v>3.3010999999999999</v>
      </c>
      <c r="E5036" s="239">
        <v>0.11609999999999999</v>
      </c>
      <c r="F5036" s="239">
        <v>1.4551000000000001</v>
      </c>
      <c r="G5036">
        <f t="shared" si="1173"/>
        <v>3.59212</v>
      </c>
      <c r="H5036" s="235">
        <f t="shared" si="1174"/>
        <v>3.2320746522944663</v>
      </c>
      <c r="I5036" s="236">
        <f t="shared" si="1175"/>
        <v>19.319305800506172</v>
      </c>
      <c r="J5036" s="237">
        <f t="shared" si="1180"/>
        <v>9.3193058005061715</v>
      </c>
      <c r="K5036" s="237">
        <f t="shared" si="1176"/>
        <v>963.26058721323773</v>
      </c>
      <c r="L5036" s="237">
        <f t="shared" si="1181"/>
        <v>464.72582235384124</v>
      </c>
      <c r="M5036" s="236">
        <f t="shared" si="1177"/>
        <v>5.6567965160006848</v>
      </c>
      <c r="N5036" s="236">
        <f t="shared" si="1178"/>
        <v>4.4163639727286306</v>
      </c>
      <c r="O5036" s="236">
        <f t="shared" si="1182"/>
        <v>3.2958898199129192</v>
      </c>
      <c r="P5036" s="236" t="str">
        <f t="shared" si="1183"/>
        <v>CLAY</v>
      </c>
      <c r="Q5036" s="236">
        <f t="shared" si="1179"/>
        <v>219.07161773223018</v>
      </c>
      <c r="R5036" s="238">
        <v>35</v>
      </c>
      <c r="S5036" s="236">
        <f t="shared" si="1184"/>
        <v>2.1809876412360487</v>
      </c>
      <c r="T5036" s="236" t="e">
        <f t="shared" si="1170"/>
        <v>#N/A</v>
      </c>
    </row>
    <row r="5037" spans="1:20" x14ac:dyDescent="0.2">
      <c r="A5037" s="53">
        <f t="shared" si="1171"/>
        <v>5025</v>
      </c>
      <c r="B5037" s="239">
        <v>49.878</v>
      </c>
      <c r="C5037" s="3">
        <f t="shared" si="1172"/>
        <v>49.871000000000002</v>
      </c>
      <c r="D5037" s="239">
        <v>3.5007999999999999</v>
      </c>
      <c r="E5037" s="239">
        <v>0.11899999999999999</v>
      </c>
      <c r="F5037" s="239">
        <v>1.4672000000000001</v>
      </c>
      <c r="G5037">
        <f t="shared" si="1173"/>
        <v>3.7942399999999998</v>
      </c>
      <c r="H5037" s="235">
        <f t="shared" si="1174"/>
        <v>3.1363329678670828</v>
      </c>
      <c r="I5037" s="236">
        <f t="shared" si="1175"/>
        <v>19.369632168510226</v>
      </c>
      <c r="J5037" s="237">
        <f t="shared" si="1180"/>
        <v>9.3696321685102255</v>
      </c>
      <c r="K5037" s="237">
        <f t="shared" si="1176"/>
        <v>965.9829258757735</v>
      </c>
      <c r="L5037" s="237">
        <f t="shared" si="1181"/>
        <v>467.33851330095303</v>
      </c>
      <c r="M5037" s="236">
        <f t="shared" si="1177"/>
        <v>6.0518382149748211</v>
      </c>
      <c r="N5037" s="236">
        <f t="shared" si="1178"/>
        <v>4.2075383135689144</v>
      </c>
      <c r="O5037" s="236">
        <f t="shared" si="1182"/>
        <v>3.2598143190327389</v>
      </c>
      <c r="P5037" s="236" t="str">
        <f t="shared" si="1183"/>
        <v>CLAY</v>
      </c>
      <c r="Q5037" s="236">
        <f t="shared" si="1179"/>
        <v>235.68808951035217</v>
      </c>
      <c r="R5037" s="238">
        <v>35</v>
      </c>
      <c r="S5037" s="236">
        <f t="shared" si="1184"/>
        <v>2.3730076891870708</v>
      </c>
      <c r="T5037" s="236" t="e">
        <f t="shared" si="1170"/>
        <v>#N/A</v>
      </c>
    </row>
    <row r="5038" spans="1:20" x14ac:dyDescent="0.2">
      <c r="A5038" s="53">
        <f t="shared" si="1171"/>
        <v>5026</v>
      </c>
      <c r="B5038" s="239">
        <v>49.887</v>
      </c>
      <c r="C5038" s="3">
        <f t="shared" si="1172"/>
        <v>49.88</v>
      </c>
      <c r="D5038" s="239">
        <v>3.6307</v>
      </c>
      <c r="E5038" s="239">
        <v>0.1188</v>
      </c>
      <c r="F5038" s="239">
        <v>1.5001</v>
      </c>
      <c r="G5038">
        <f t="shared" si="1173"/>
        <v>3.93072</v>
      </c>
      <c r="H5038" s="235">
        <f t="shared" si="1174"/>
        <v>3.0223470509219688</v>
      </c>
      <c r="I5038" s="236">
        <f t="shared" si="1175"/>
        <v>19.381472341764692</v>
      </c>
      <c r="J5038" s="237">
        <f t="shared" si="1180"/>
        <v>9.3814723417646917</v>
      </c>
      <c r="K5038" s="237">
        <f t="shared" si="1176"/>
        <v>966.74784040722284</v>
      </c>
      <c r="L5038" s="237">
        <f t="shared" si="1181"/>
        <v>468.01351071361518</v>
      </c>
      <c r="M5038" s="236">
        <f t="shared" si="1177"/>
        <v>6.3330910149866977</v>
      </c>
      <c r="N5038" s="236">
        <f t="shared" si="1178"/>
        <v>4.0081348138007495</v>
      </c>
      <c r="O5038" s="236">
        <f t="shared" si="1182"/>
        <v>3.2316239446364765</v>
      </c>
      <c r="P5038" s="236" t="str">
        <f t="shared" si="1183"/>
        <v>CLAY</v>
      </c>
      <c r="Q5038" s="236">
        <f t="shared" si="1179"/>
        <v>246.99767996606474</v>
      </c>
      <c r="R5038" s="238">
        <v>35</v>
      </c>
      <c r="S5038" s="236">
        <f t="shared" si="1184"/>
        <v>2.5116531832931859</v>
      </c>
      <c r="T5038" s="236" t="e">
        <f t="shared" si="1170"/>
        <v>#N/A</v>
      </c>
    </row>
    <row r="5039" spans="1:20" x14ac:dyDescent="0.2">
      <c r="A5039" s="53">
        <f t="shared" si="1171"/>
        <v>5027</v>
      </c>
      <c r="B5039" s="239">
        <v>49.896999999999998</v>
      </c>
      <c r="C5039" s="3">
        <f t="shared" si="1172"/>
        <v>49.89</v>
      </c>
      <c r="D5039" s="239">
        <v>3.8128000000000002</v>
      </c>
      <c r="E5039" s="239">
        <v>0.1173</v>
      </c>
      <c r="F5039" s="239">
        <v>1.581</v>
      </c>
      <c r="G5039">
        <f t="shared" si="1173"/>
        <v>4.1290000000000004</v>
      </c>
      <c r="H5039" s="235">
        <f t="shared" si="1174"/>
        <v>2.8408815693872604</v>
      </c>
      <c r="I5039" s="236">
        <f t="shared" si="1175"/>
        <v>19.385808081681649</v>
      </c>
      <c r="J5039" s="237">
        <f t="shared" si="1180"/>
        <v>9.3858080816816489</v>
      </c>
      <c r="K5039" s="237">
        <f t="shared" si="1176"/>
        <v>967.15796519509752</v>
      </c>
      <c r="L5039" s="237">
        <f t="shared" si="1181"/>
        <v>468.3236658516692</v>
      </c>
      <c r="M5039" s="236">
        <f t="shared" si="1177"/>
        <v>6.751403495817236</v>
      </c>
      <c r="N5039" s="236">
        <f t="shared" si="1178"/>
        <v>3.709862754330731</v>
      </c>
      <c r="O5039" s="236">
        <f t="shared" si="1182"/>
        <v>3.1897650695859663</v>
      </c>
      <c r="P5039" s="236" t="str">
        <f t="shared" si="1183"/>
        <v>CLAY</v>
      </c>
      <c r="Q5039" s="236">
        <f t="shared" si="1179"/>
        <v>263.48683623374188</v>
      </c>
      <c r="R5039" s="238">
        <v>35</v>
      </c>
      <c r="S5039" s="236">
        <f t="shared" si="1184"/>
        <v>2.7207121056785923</v>
      </c>
      <c r="T5039" s="236" t="e">
        <f t="shared" si="1170"/>
        <v>#N/A</v>
      </c>
    </row>
    <row r="5040" spans="1:20" x14ac:dyDescent="0.2">
      <c r="A5040" s="53">
        <f t="shared" si="1171"/>
        <v>5028</v>
      </c>
      <c r="B5040" s="239">
        <v>49.905999999999999</v>
      </c>
      <c r="C5040" s="3">
        <f t="shared" si="1172"/>
        <v>49.899000000000001</v>
      </c>
      <c r="D5040" s="239">
        <v>4.1069000000000004</v>
      </c>
      <c r="E5040" s="239">
        <v>0.1192</v>
      </c>
      <c r="F5040" s="239">
        <v>1.4922</v>
      </c>
      <c r="G5040">
        <f t="shared" si="1173"/>
        <v>4.4053400000000007</v>
      </c>
      <c r="H5040" s="235">
        <f t="shared" si="1174"/>
        <v>2.7058070432702124</v>
      </c>
      <c r="I5040" s="236">
        <f t="shared" si="1175"/>
        <v>19.429970433207181</v>
      </c>
      <c r="J5040" s="237">
        <f t="shared" si="1180"/>
        <v>9.4299704332071812</v>
      </c>
      <c r="K5040" s="237">
        <f t="shared" si="1176"/>
        <v>969.53609464660519</v>
      </c>
      <c r="L5040" s="237">
        <f t="shared" si="1181"/>
        <v>470.61210443963756</v>
      </c>
      <c r="M5040" s="236">
        <f t="shared" si="1177"/>
        <v>7.3007129925917251</v>
      </c>
      <c r="N5040" s="236">
        <f t="shared" si="1178"/>
        <v>3.4693481724691</v>
      </c>
      <c r="O5040" s="236">
        <f t="shared" si="1182"/>
        <v>3.1453167102219073</v>
      </c>
      <c r="P5040" s="236" t="str">
        <f t="shared" si="1183"/>
        <v>CLAY</v>
      </c>
      <c r="Q5040" s="236">
        <f t="shared" si="1179"/>
        <v>286.316992112783</v>
      </c>
      <c r="R5040" s="238">
        <v>35</v>
      </c>
      <c r="S5040" s="236">
        <f t="shared" si="1184"/>
        <v>3.0001751067573137</v>
      </c>
      <c r="T5040" s="236" t="e">
        <f t="shared" si="1170"/>
        <v>#N/A</v>
      </c>
    </row>
    <row r="5041" spans="1:20" x14ac:dyDescent="0.2">
      <c r="A5041" s="53">
        <f t="shared" si="1171"/>
        <v>5029</v>
      </c>
      <c r="B5041" s="239">
        <v>49.915999999999997</v>
      </c>
      <c r="C5041" s="3">
        <f t="shared" si="1172"/>
        <v>49.908999999999999</v>
      </c>
      <c r="D5041" s="239">
        <v>4.3691000000000004</v>
      </c>
      <c r="E5041" s="239">
        <v>0.11940000000000001</v>
      </c>
      <c r="F5041" s="239">
        <v>1.4679</v>
      </c>
      <c r="G5041">
        <f t="shared" si="1173"/>
        <v>4.6626799999999999</v>
      </c>
      <c r="H5041" s="235">
        <f t="shared" si="1174"/>
        <v>2.5607590484442428</v>
      </c>
      <c r="I5041" s="236">
        <f t="shared" si="1175"/>
        <v>19.454126786464006</v>
      </c>
      <c r="J5041" s="237">
        <f t="shared" si="1180"/>
        <v>9.4541267864640055</v>
      </c>
      <c r="K5041" s="237">
        <f t="shared" si="1176"/>
        <v>970.93601378563199</v>
      </c>
      <c r="L5041" s="237">
        <f t="shared" si="1181"/>
        <v>471.91219267313727</v>
      </c>
      <c r="M5041" s="236">
        <f t="shared" si="1177"/>
        <v>7.8229468183531292</v>
      </c>
      <c r="N5041" s="236">
        <f t="shared" si="1178"/>
        <v>3.2342437732914564</v>
      </c>
      <c r="O5041" s="236">
        <f t="shared" si="1182"/>
        <v>3.103406834236849</v>
      </c>
      <c r="P5041" s="236" t="str">
        <f t="shared" si="1183"/>
        <v>CLAY</v>
      </c>
      <c r="Q5041" s="236">
        <f t="shared" si="1179"/>
        <v>307.64533218453067</v>
      </c>
      <c r="R5041" s="238">
        <v>35</v>
      </c>
      <c r="S5041" s="236">
        <f t="shared" si="1184"/>
        <v>3.2707924077675128</v>
      </c>
      <c r="T5041" s="236" t="e">
        <f t="shared" si="1170"/>
        <v>#N/A</v>
      </c>
    </row>
    <row r="5042" spans="1:20" x14ac:dyDescent="0.2">
      <c r="A5042" s="53">
        <f t="shared" si="1171"/>
        <v>5030</v>
      </c>
      <c r="B5042" s="239">
        <v>49.926000000000002</v>
      </c>
      <c r="C5042" s="3">
        <f t="shared" si="1172"/>
        <v>49.919000000000004</v>
      </c>
      <c r="D5042" s="239">
        <v>4.5587999999999997</v>
      </c>
      <c r="E5042" s="239">
        <v>0.11070000000000001</v>
      </c>
      <c r="F5042" s="239">
        <v>1.2850999999999999</v>
      </c>
      <c r="G5042">
        <f t="shared" si="1173"/>
        <v>4.8158199999999995</v>
      </c>
      <c r="H5042" s="235">
        <f t="shared" si="1174"/>
        <v>2.2986739537607304</v>
      </c>
      <c r="I5042" s="236">
        <f t="shared" si="1175"/>
        <v>19.378044852163864</v>
      </c>
      <c r="J5042" s="237">
        <f t="shared" si="1180"/>
        <v>9.378044852163864</v>
      </c>
      <c r="K5042" s="237">
        <f t="shared" si="1176"/>
        <v>967.33262097516797</v>
      </c>
      <c r="L5042" s="237">
        <f t="shared" si="1181"/>
        <v>468.20826728913312</v>
      </c>
      <c r="M5042" s="236">
        <f t="shared" si="1177"/>
        <v>8.2196057778028759</v>
      </c>
      <c r="N5042" s="236">
        <f t="shared" si="1178"/>
        <v>2.8764548015238725</v>
      </c>
      <c r="O5042" s="236">
        <f t="shared" si="1182"/>
        <v>3.0573434803903603</v>
      </c>
      <c r="P5042" s="236" t="str">
        <f t="shared" si="1183"/>
        <v>CLAY</v>
      </c>
      <c r="Q5042" s="236">
        <f t="shared" si="1179"/>
        <v>320.70728158540265</v>
      </c>
      <c r="R5042" s="238">
        <v>35</v>
      </c>
      <c r="S5042" s="236">
        <f t="shared" si="1184"/>
        <v>3.479395076716421</v>
      </c>
      <c r="T5042" s="236" t="e">
        <f t="shared" si="1170"/>
        <v>#N/A</v>
      </c>
    </row>
    <row r="5043" spans="1:20" x14ac:dyDescent="0.2">
      <c r="A5043" s="53">
        <f t="shared" si="1171"/>
        <v>5031</v>
      </c>
      <c r="B5043" s="239">
        <v>49.936</v>
      </c>
      <c r="C5043" s="3">
        <f t="shared" si="1172"/>
        <v>49.929000000000002</v>
      </c>
      <c r="D5043" s="239">
        <v>4.6062000000000003</v>
      </c>
      <c r="E5043" s="239">
        <v>9.8199999999999996E-2</v>
      </c>
      <c r="F5043" s="239">
        <v>1.1578999999999999</v>
      </c>
      <c r="G5043">
        <f t="shared" si="1173"/>
        <v>4.8377800000000004</v>
      </c>
      <c r="H5043" s="235">
        <f t="shared" si="1174"/>
        <v>2.0298566697948233</v>
      </c>
      <c r="I5043" s="236">
        <f t="shared" si="1175"/>
        <v>19.239325574689349</v>
      </c>
      <c r="J5043" s="237">
        <f t="shared" si="1180"/>
        <v>9.2393255746893495</v>
      </c>
      <c r="K5043" s="237">
        <f t="shared" si="1176"/>
        <v>960.60028661866454</v>
      </c>
      <c r="L5043" s="237">
        <f t="shared" si="1181"/>
        <v>461.37496189768734</v>
      </c>
      <c r="M5043" s="236">
        <f t="shared" si="1177"/>
        <v>8.4035329906808514</v>
      </c>
      <c r="N5043" s="236">
        <f t="shared" si="1178"/>
        <v>2.5327688489930367</v>
      </c>
      <c r="O5043" s="236">
        <f t="shared" si="1182"/>
        <v>3.0192427362799972</v>
      </c>
      <c r="P5043" s="236" t="str">
        <f t="shared" si="1183"/>
        <v>CLAY</v>
      </c>
      <c r="Q5043" s="236">
        <f t="shared" si="1179"/>
        <v>323.0983094484447</v>
      </c>
      <c r="R5043" s="238">
        <v>35</v>
      </c>
      <c r="S5043" s="236">
        <f t="shared" si="1184"/>
        <v>3.5769872767928321</v>
      </c>
      <c r="T5043" s="236" t="e">
        <f t="shared" si="1170"/>
        <v>#N/A</v>
      </c>
    </row>
    <row r="5044" spans="1:20" x14ac:dyDescent="0.2">
      <c r="A5044" s="53">
        <f t="shared" si="1171"/>
        <v>5032</v>
      </c>
      <c r="B5044" s="239">
        <v>49.945999999999998</v>
      </c>
      <c r="C5044" s="3">
        <f t="shared" si="1172"/>
        <v>49.939</v>
      </c>
      <c r="D5044" s="239">
        <v>4.5903999999999998</v>
      </c>
      <c r="E5044" s="239">
        <v>9.3200000000000005E-2</v>
      </c>
      <c r="F5044" s="239">
        <v>0.99719999999999998</v>
      </c>
      <c r="G5044">
        <f t="shared" si="1173"/>
        <v>4.7898399999999999</v>
      </c>
      <c r="H5044" s="235">
        <f t="shared" si="1174"/>
        <v>1.9457852454361733</v>
      </c>
      <c r="I5044" s="236">
        <f t="shared" si="1175"/>
        <v>19.174154923558753</v>
      </c>
      <c r="J5044" s="237">
        <f t="shared" si="1180"/>
        <v>9.1741549235587527</v>
      </c>
      <c r="K5044" s="237">
        <f t="shared" si="1176"/>
        <v>957.53812272760058</v>
      </c>
      <c r="L5044" s="237">
        <f t="shared" si="1181"/>
        <v>458.21234181206546</v>
      </c>
      <c r="M5044" s="236">
        <f t="shared" si="1177"/>
        <v>8.3635937480798095</v>
      </c>
      <c r="N5044" s="236">
        <f t="shared" si="1178"/>
        <v>2.4319587283226789</v>
      </c>
      <c r="O5044" s="236">
        <f t="shared" si="1182"/>
        <v>3.0115439735146485</v>
      </c>
      <c r="P5044" s="236" t="str">
        <f t="shared" si="1183"/>
        <v>CLAY</v>
      </c>
      <c r="Q5044" s="236">
        <f t="shared" si="1179"/>
        <v>319.35848977269995</v>
      </c>
      <c r="R5044" s="238">
        <v>35</v>
      </c>
      <c r="S5044" s="236">
        <f t="shared" si="1184"/>
        <v>3.5557496036624916</v>
      </c>
      <c r="T5044" s="236" t="e">
        <f t="shared" si="1170"/>
        <v>#N/A</v>
      </c>
    </row>
    <row r="5045" spans="1:20" x14ac:dyDescent="0.2">
      <c r="A5045" s="53">
        <f t="shared" si="1171"/>
        <v>5033</v>
      </c>
      <c r="B5045" s="239">
        <v>49.956000000000003</v>
      </c>
      <c r="C5045" s="3">
        <f t="shared" si="1172"/>
        <v>49.949000000000005</v>
      </c>
      <c r="D5045" s="239">
        <v>4.3333000000000004</v>
      </c>
      <c r="E5045" s="239">
        <v>9.9400000000000002E-2</v>
      </c>
      <c r="F5045" s="239">
        <v>0.84519999999999995</v>
      </c>
      <c r="G5045">
        <f t="shared" si="1173"/>
        <v>4.5023400000000002</v>
      </c>
      <c r="H5045" s="235">
        <f t="shared" si="1174"/>
        <v>2.2077408636397964</v>
      </c>
      <c r="I5045" s="236">
        <f t="shared" si="1175"/>
        <v>19.225480751643932</v>
      </c>
      <c r="J5045" s="237">
        <f t="shared" si="1180"/>
        <v>9.2254807516439321</v>
      </c>
      <c r="K5045" s="237">
        <f t="shared" si="1176"/>
        <v>960.29353806386291</v>
      </c>
      <c r="L5045" s="237">
        <f t="shared" si="1181"/>
        <v>460.86811642912431</v>
      </c>
      <c r="M5045" s="236">
        <f t="shared" si="1177"/>
        <v>7.6855966721682716</v>
      </c>
      <c r="N5045" s="236">
        <f t="shared" si="1178"/>
        <v>2.806287299395458</v>
      </c>
      <c r="O5045" s="236">
        <f t="shared" si="1182"/>
        <v>3.0759367884125552</v>
      </c>
      <c r="P5045" s="236" t="str">
        <f t="shared" si="1183"/>
        <v>CLAY</v>
      </c>
      <c r="Q5045" s="236">
        <f t="shared" si="1179"/>
        <v>295.17053849467811</v>
      </c>
      <c r="R5045" s="238">
        <v>35</v>
      </c>
      <c r="S5045" s="236">
        <f t="shared" si="1184"/>
        <v>3.1991676217857092</v>
      </c>
      <c r="T5045" s="236" t="e">
        <f t="shared" si="1170"/>
        <v>#N/A</v>
      </c>
    </row>
    <row r="5046" spans="1:20" x14ac:dyDescent="0.2">
      <c r="A5046" s="53">
        <f t="shared" si="1171"/>
        <v>5034</v>
      </c>
      <c r="B5046" s="239">
        <v>49.965000000000003</v>
      </c>
      <c r="C5046" s="3">
        <f t="shared" si="1172"/>
        <v>49.958000000000006</v>
      </c>
      <c r="D5046" s="239">
        <v>4.0696000000000003</v>
      </c>
      <c r="E5046" s="239">
        <v>9.3100000000000002E-2</v>
      </c>
      <c r="F5046" s="239">
        <v>0.80740000000000001</v>
      </c>
      <c r="G5046">
        <f t="shared" si="1173"/>
        <v>4.2310800000000004</v>
      </c>
      <c r="H5046" s="235">
        <f t="shared" si="1174"/>
        <v>2.200383826351664</v>
      </c>
      <c r="I5046" s="236">
        <f t="shared" si="1175"/>
        <v>19.124413306259743</v>
      </c>
      <c r="J5046" s="237">
        <f t="shared" si="1180"/>
        <v>9.1244133062597435</v>
      </c>
      <c r="K5046" s="237">
        <f t="shared" si="1176"/>
        <v>955.41743995412435</v>
      </c>
      <c r="L5046" s="237">
        <f t="shared" si="1181"/>
        <v>455.90131084726812</v>
      </c>
      <c r="M5046" s="236">
        <f t="shared" si="1177"/>
        <v>7.1850255353691201</v>
      </c>
      <c r="N5046" s="236">
        <f t="shared" si="1178"/>
        <v>2.8421730960803275</v>
      </c>
      <c r="O5046" s="236">
        <f t="shared" si="1182"/>
        <v>3.1035242909586915</v>
      </c>
      <c r="P5046" s="236" t="str">
        <f t="shared" si="1183"/>
        <v>CLAY</v>
      </c>
      <c r="Q5046" s="236">
        <f t="shared" si="1179"/>
        <v>272.97188000382306</v>
      </c>
      <c r="R5046" s="238">
        <v>35</v>
      </c>
      <c r="S5046" s="236">
        <f t="shared" si="1184"/>
        <v>2.9408671321302258</v>
      </c>
      <c r="T5046" s="236" t="e">
        <f t="shared" si="1170"/>
        <v>#N/A</v>
      </c>
    </row>
    <row r="5047" spans="1:20" x14ac:dyDescent="0.2">
      <c r="A5047" s="53">
        <f t="shared" si="1171"/>
        <v>5035</v>
      </c>
      <c r="B5047" s="239">
        <v>49.975999999999999</v>
      </c>
      <c r="C5047" s="3">
        <f t="shared" si="1172"/>
        <v>49.969000000000001</v>
      </c>
      <c r="D5047" s="239">
        <v>3.7835000000000001</v>
      </c>
      <c r="E5047" s="239">
        <v>9.7500000000000003E-2</v>
      </c>
      <c r="F5047" s="239">
        <v>0.86219999999999997</v>
      </c>
      <c r="G5047">
        <f t="shared" si="1173"/>
        <v>3.95594</v>
      </c>
      <c r="H5047" s="235">
        <f t="shared" si="1174"/>
        <v>2.4646480988083743</v>
      </c>
      <c r="I5047" s="236">
        <f t="shared" si="1175"/>
        <v>19.152280243170662</v>
      </c>
      <c r="J5047" s="237">
        <f t="shared" si="1180"/>
        <v>9.1522802431706616</v>
      </c>
      <c r="K5047" s="237">
        <f t="shared" si="1176"/>
        <v>957.02029147099483</v>
      </c>
      <c r="L5047" s="237">
        <f t="shared" si="1181"/>
        <v>457.39435743269695</v>
      </c>
      <c r="M5047" s="236">
        <f t="shared" si="1177"/>
        <v>6.5565297424340869</v>
      </c>
      <c r="N5047" s="236">
        <f t="shared" si="1178"/>
        <v>3.2511707373394314</v>
      </c>
      <c r="O5047" s="236">
        <f t="shared" si="1182"/>
        <v>3.1686117565044172</v>
      </c>
      <c r="P5047" s="236" t="str">
        <f t="shared" si="1183"/>
        <v>CLAY</v>
      </c>
      <c r="Q5047" s="236">
        <f t="shared" si="1179"/>
        <v>249.90997571075044</v>
      </c>
      <c r="R5047" s="238">
        <v>35</v>
      </c>
      <c r="S5047" s="236">
        <f t="shared" si="1184"/>
        <v>2.6229049530654902</v>
      </c>
      <c r="T5047" s="236" t="e">
        <f t="shared" si="1170"/>
        <v>#N/A</v>
      </c>
    </row>
    <row r="5048" spans="1:20" x14ac:dyDescent="0.2">
      <c r="A5048" s="53">
        <f t="shared" si="1171"/>
        <v>5036</v>
      </c>
      <c r="B5048" s="239">
        <v>49.984999999999999</v>
      </c>
      <c r="C5048" s="3">
        <f t="shared" si="1172"/>
        <v>49.978000000000002</v>
      </c>
      <c r="D5048" s="239">
        <v>3.5121000000000002</v>
      </c>
      <c r="E5048" s="239">
        <v>0.1172</v>
      </c>
      <c r="F5048" s="239">
        <v>0.96789999999999998</v>
      </c>
      <c r="G5048">
        <f t="shared" si="1173"/>
        <v>3.7056800000000001</v>
      </c>
      <c r="H5048" s="235">
        <f t="shared" si="1174"/>
        <v>3.1627123766758061</v>
      </c>
      <c r="I5048" s="236">
        <f t="shared" si="1175"/>
        <v>19.34252872813747</v>
      </c>
      <c r="J5048" s="237">
        <f t="shared" si="1180"/>
        <v>9.34252872813747</v>
      </c>
      <c r="K5048" s="237">
        <f t="shared" si="1176"/>
        <v>966.70090077485452</v>
      </c>
      <c r="L5048" s="237">
        <f t="shared" si="1181"/>
        <v>466.98629847595146</v>
      </c>
      <c r="M5048" s="236">
        <f t="shared" si="1177"/>
        <v>5.8652236867848826</v>
      </c>
      <c r="N5048" s="236">
        <f t="shared" si="1178"/>
        <v>4.2789665694475643</v>
      </c>
      <c r="O5048" s="236">
        <f t="shared" si="1182"/>
        <v>3.2751674629142791</v>
      </c>
      <c r="P5048" s="236" t="str">
        <f t="shared" si="1183"/>
        <v>CLAY</v>
      </c>
      <c r="Q5048" s="236">
        <f t="shared" si="1179"/>
        <v>228.24825826876213</v>
      </c>
      <c r="R5048" s="238">
        <v>35</v>
      </c>
      <c r="S5048" s="236">
        <f t="shared" si="1184"/>
        <v>2.281895402918297</v>
      </c>
      <c r="T5048" s="236" t="e">
        <f t="shared" si="1170"/>
        <v>#N/A</v>
      </c>
    </row>
    <row r="5049" spans="1:20" x14ac:dyDescent="0.2">
      <c r="A5049" s="53">
        <f t="shared" si="1171"/>
        <v>5037</v>
      </c>
      <c r="B5049" s="239">
        <v>49.994999999999997</v>
      </c>
      <c r="C5049" s="3">
        <f t="shared" si="1172"/>
        <v>49.988</v>
      </c>
      <c r="D5049" s="239">
        <v>3.2082000000000002</v>
      </c>
      <c r="E5049" s="239">
        <v>0.13200000000000001</v>
      </c>
      <c r="F5049" s="239">
        <v>1.1521999999999999</v>
      </c>
      <c r="G5049">
        <f t="shared" si="1173"/>
        <v>3.4386399999999999</v>
      </c>
      <c r="H5049" s="235">
        <f t="shared" si="1174"/>
        <v>3.8387269385571043</v>
      </c>
      <c r="I5049" s="236">
        <f t="shared" si="1175"/>
        <v>19.45274070836178</v>
      </c>
      <c r="J5049" s="237">
        <f t="shared" si="1180"/>
        <v>9.4527407083617803</v>
      </c>
      <c r="K5049" s="237">
        <f t="shared" si="1176"/>
        <v>972.40360252958862</v>
      </c>
      <c r="L5049" s="237">
        <f t="shared" si="1181"/>
        <v>472.58977171454717</v>
      </c>
      <c r="M5049" s="236">
        <f t="shared" si="1177"/>
        <v>5.2185564417167773</v>
      </c>
      <c r="N5049" s="236">
        <f t="shared" si="1178"/>
        <v>5.3522849689263694</v>
      </c>
      <c r="O5049" s="236">
        <f t="shared" si="1182"/>
        <v>3.3723558542116949</v>
      </c>
      <c r="P5049" s="236" t="str">
        <f t="shared" si="1183"/>
        <v>CLAY</v>
      </c>
      <c r="Q5049" s="236">
        <f t="shared" si="1179"/>
        <v>205.51969978920093</v>
      </c>
      <c r="R5049" s="238">
        <v>35</v>
      </c>
      <c r="S5049" s="236">
        <f t="shared" si="1184"/>
        <v>1.9718686841511679</v>
      </c>
      <c r="T5049" s="236" t="e">
        <f t="shared" si="1170"/>
        <v>#N/A</v>
      </c>
    </row>
    <row r="5050" spans="1:20" x14ac:dyDescent="0.2">
      <c r="A5050" s="53">
        <f t="shared" si="1171"/>
        <v>5038</v>
      </c>
      <c r="B5050" s="239">
        <v>50.006</v>
      </c>
      <c r="C5050" s="3">
        <f t="shared" si="1172"/>
        <v>49.999000000000002</v>
      </c>
      <c r="D5050" s="239">
        <v>3.1299000000000001</v>
      </c>
      <c r="E5050" s="239">
        <v>0.1361</v>
      </c>
      <c r="F5050" s="239">
        <v>1.278</v>
      </c>
      <c r="G5050">
        <f t="shared" si="1173"/>
        <v>3.3855</v>
      </c>
      <c r="H5050" s="235">
        <f t="shared" si="1174"/>
        <v>4.0200856594299212</v>
      </c>
      <c r="I5050" s="236">
        <f t="shared" si="1175"/>
        <v>19.482520528751589</v>
      </c>
      <c r="J5050" s="237">
        <f t="shared" si="1180"/>
        <v>9.4825205287515892</v>
      </c>
      <c r="K5050" s="237">
        <f t="shared" si="1176"/>
        <v>974.10654391705077</v>
      </c>
      <c r="L5050" s="237">
        <f t="shared" si="1181"/>
        <v>474.18292156075199</v>
      </c>
      <c r="M5050" s="236">
        <f t="shared" si="1177"/>
        <v>5.0853654706625768</v>
      </c>
      <c r="N5050" s="236">
        <f t="shared" si="1178"/>
        <v>5.6440395347626051</v>
      </c>
      <c r="O5050" s="236">
        <f t="shared" si="1182"/>
        <v>3.3948611846251451</v>
      </c>
      <c r="P5050" s="236" t="str">
        <f t="shared" si="1183"/>
        <v>CLAY</v>
      </c>
      <c r="Q5050" s="236">
        <f t="shared" si="1179"/>
        <v>200.94945467357911</v>
      </c>
      <c r="R5050" s="238">
        <v>35</v>
      </c>
      <c r="S5050" s="236">
        <f t="shared" si="1184"/>
        <v>1.9091617338239433</v>
      </c>
      <c r="T5050" s="236" t="e">
        <f t="shared" si="1170"/>
        <v>#N/A</v>
      </c>
    </row>
    <row r="5051" spans="1:20" x14ac:dyDescent="0.2">
      <c r="A5051" s="53">
        <f t="shared" si="1171"/>
        <v>5039</v>
      </c>
      <c r="B5051" s="239">
        <v>50.015999999999998</v>
      </c>
      <c r="C5051" s="3">
        <f t="shared" si="1172"/>
        <v>50.009</v>
      </c>
      <c r="D5051" s="239">
        <v>3.1728999999999998</v>
      </c>
      <c r="E5051" s="239">
        <v>0.14369999999999999</v>
      </c>
      <c r="F5051" s="239">
        <v>1.3441000000000001</v>
      </c>
      <c r="G5051">
        <f t="shared" si="1173"/>
        <v>3.4417199999999997</v>
      </c>
      <c r="H5051" s="235">
        <f t="shared" si="1174"/>
        <v>4.1752379624141422</v>
      </c>
      <c r="I5051" s="236">
        <f t="shared" si="1175"/>
        <v>19.552674310334279</v>
      </c>
      <c r="J5051" s="237">
        <f t="shared" si="1180"/>
        <v>9.5526743103342788</v>
      </c>
      <c r="K5051" s="237">
        <f t="shared" si="1176"/>
        <v>977.80968958550693</v>
      </c>
      <c r="L5051" s="237">
        <f t="shared" si="1181"/>
        <v>477.78655830567925</v>
      </c>
      <c r="M5051" s="236">
        <f t="shared" si="1177"/>
        <v>5.1569268067146572</v>
      </c>
      <c r="N5051" s="236">
        <f t="shared" si="1178"/>
        <v>5.8321928112645454</v>
      </c>
      <c r="O5051" s="236">
        <f t="shared" si="1182"/>
        <v>3.398225390604948</v>
      </c>
      <c r="P5051" s="236" t="str">
        <f t="shared" si="1183"/>
        <v>CLAY</v>
      </c>
      <c r="Q5051" s="236">
        <f t="shared" si="1179"/>
        <v>205.32585920120775</v>
      </c>
      <c r="R5051" s="238">
        <v>35</v>
      </c>
      <c r="S5051" s="236">
        <f t="shared" si="1184"/>
        <v>1.9428027876374721</v>
      </c>
      <c r="T5051" s="236" t="e">
        <f t="shared" si="1170"/>
        <v>#N/A</v>
      </c>
    </row>
    <row r="5052" spans="1:20" x14ac:dyDescent="0.2">
      <c r="A5052" s="53">
        <f t="shared" si="1171"/>
        <v>5040</v>
      </c>
      <c r="B5052" s="239">
        <v>50.024999999999999</v>
      </c>
      <c r="C5052" s="3">
        <f t="shared" si="1172"/>
        <v>50.018000000000001</v>
      </c>
      <c r="D5052" s="239">
        <v>3.2589000000000001</v>
      </c>
      <c r="E5052" s="239">
        <v>0.14799999999999999</v>
      </c>
      <c r="F5052" s="239">
        <v>1.3976999999999999</v>
      </c>
      <c r="G5052">
        <f t="shared" si="1173"/>
        <v>3.53844</v>
      </c>
      <c r="H5052" s="235">
        <f t="shared" si="1174"/>
        <v>4.1826341551644228</v>
      </c>
      <c r="I5052" s="236">
        <f t="shared" si="1175"/>
        <v>19.598080338200429</v>
      </c>
      <c r="J5052" s="237">
        <f t="shared" si="1180"/>
        <v>9.5980803382004289</v>
      </c>
      <c r="K5052" s="237">
        <f t="shared" si="1176"/>
        <v>980.25678235610906</v>
      </c>
      <c r="L5052" s="237">
        <f t="shared" si="1181"/>
        <v>480.14396891847645</v>
      </c>
      <c r="M5052" s="236">
        <f t="shared" si="1177"/>
        <v>5.3279503299941364</v>
      </c>
      <c r="N5052" s="236">
        <f t="shared" si="1178"/>
        <v>5.785355754788716</v>
      </c>
      <c r="O5052" s="236">
        <f t="shared" si="1182"/>
        <v>3.3846853060088153</v>
      </c>
      <c r="P5052" s="236" t="str">
        <f t="shared" si="1183"/>
        <v>CLAY</v>
      </c>
      <c r="Q5052" s="236">
        <f t="shared" si="1179"/>
        <v>213.18193480365758</v>
      </c>
      <c r="R5052" s="238">
        <v>35</v>
      </c>
      <c r="S5052" s="236">
        <f t="shared" si="1184"/>
        <v>2.0236724439043416</v>
      </c>
      <c r="T5052" s="236" t="e">
        <f t="shared" si="1170"/>
        <v>#N/A</v>
      </c>
    </row>
    <row r="5053" spans="1:20" x14ac:dyDescent="0.2">
      <c r="A5053" s="53">
        <f t="shared" si="1171"/>
        <v>5041</v>
      </c>
      <c r="B5053" s="239">
        <v>50.034999999999997</v>
      </c>
      <c r="C5053" s="3">
        <f t="shared" si="1172"/>
        <v>50.027999999999999</v>
      </c>
      <c r="D5053" s="239">
        <v>3.4918999999999998</v>
      </c>
      <c r="E5053" s="239">
        <v>0.15190000000000001</v>
      </c>
      <c r="F5053" s="239">
        <v>1.4197</v>
      </c>
      <c r="G5053">
        <f t="shared" si="1173"/>
        <v>3.7758399999999996</v>
      </c>
      <c r="H5053" s="235">
        <f t="shared" si="1174"/>
        <v>4.0229458875376078</v>
      </c>
      <c r="I5053" s="236">
        <f t="shared" si="1175"/>
        <v>19.653961268446835</v>
      </c>
      <c r="J5053" s="237">
        <f t="shared" si="1180"/>
        <v>9.6539612684468352</v>
      </c>
      <c r="K5053" s="237">
        <f t="shared" si="1176"/>
        <v>983.24837433785819</v>
      </c>
      <c r="L5053" s="237">
        <f t="shared" si="1181"/>
        <v>483.03595206673737</v>
      </c>
      <c r="M5053" s="236">
        <f t="shared" si="1177"/>
        <v>5.7813328670746857</v>
      </c>
      <c r="N5053" s="236">
        <f t="shared" si="1178"/>
        <v>5.439391803804595</v>
      </c>
      <c r="O5053" s="236">
        <f t="shared" si="1182"/>
        <v>3.3402529290043281</v>
      </c>
      <c r="P5053" s="236" t="str">
        <f t="shared" si="1183"/>
        <v>CLAY</v>
      </c>
      <c r="Q5053" s="236">
        <f t="shared" si="1179"/>
        <v>232.71596880517845</v>
      </c>
      <c r="R5053" s="238">
        <v>35</v>
      </c>
      <c r="S5053" s="236">
        <f t="shared" si="1184"/>
        <v>2.2411709141109495</v>
      </c>
      <c r="T5053" s="236" t="e">
        <f t="shared" si="1170"/>
        <v>#N/A</v>
      </c>
    </row>
    <row r="5054" spans="1:20" x14ac:dyDescent="0.2">
      <c r="A5054" s="53">
        <f t="shared" si="1171"/>
        <v>5042</v>
      </c>
      <c r="B5054" s="239">
        <v>50.043999999999997</v>
      </c>
      <c r="C5054" s="3">
        <f t="shared" si="1172"/>
        <v>50.036999999999999</v>
      </c>
      <c r="D5054" s="239">
        <v>3.8081</v>
      </c>
      <c r="E5054" s="239">
        <v>0.1527</v>
      </c>
      <c r="F5054" s="239">
        <v>1.4</v>
      </c>
      <c r="G5054">
        <f t="shared" si="1173"/>
        <v>4.0880999999999998</v>
      </c>
      <c r="H5054" s="235">
        <f t="shared" si="1174"/>
        <v>3.7352315256476114</v>
      </c>
      <c r="I5054" s="236">
        <f t="shared" si="1175"/>
        <v>19.691177814009606</v>
      </c>
      <c r="J5054" s="237">
        <f t="shared" si="1180"/>
        <v>9.6911778140096061</v>
      </c>
      <c r="K5054" s="237">
        <f t="shared" si="1176"/>
        <v>985.28746427959868</v>
      </c>
      <c r="L5054" s="237">
        <f t="shared" si="1181"/>
        <v>484.98530252429669</v>
      </c>
      <c r="M5054" s="236">
        <f t="shared" si="1177"/>
        <v>6.3977454977926005</v>
      </c>
      <c r="N5054" s="236">
        <f t="shared" si="1178"/>
        <v>4.9213414681704766</v>
      </c>
      <c r="O5054" s="236">
        <f t="shared" si="1182"/>
        <v>3.2791486194316506</v>
      </c>
      <c r="P5054" s="236" t="str">
        <f t="shared" si="1183"/>
        <v>CLAY</v>
      </c>
      <c r="Q5054" s="236">
        <f t="shared" si="1179"/>
        <v>258.56771131003342</v>
      </c>
      <c r="R5054" s="238">
        <v>35</v>
      </c>
      <c r="S5054" s="236">
        <f t="shared" si="1184"/>
        <v>2.5437457941435744</v>
      </c>
      <c r="T5054" s="236" t="e">
        <f t="shared" si="1170"/>
        <v>#N/A</v>
      </c>
    </row>
    <row r="5055" spans="1:20" x14ac:dyDescent="0.2">
      <c r="A5055" s="53">
        <f t="shared" si="1171"/>
        <v>5043</v>
      </c>
      <c r="B5055" s="239">
        <v>50.055</v>
      </c>
      <c r="C5055" s="3">
        <f t="shared" si="1172"/>
        <v>50.048000000000002</v>
      </c>
      <c r="D5055" s="239">
        <v>3.8651</v>
      </c>
      <c r="E5055" s="239">
        <v>0.15090000000000001</v>
      </c>
      <c r="F5055" s="239">
        <v>1.4856</v>
      </c>
      <c r="G5055">
        <f t="shared" si="1173"/>
        <v>4.1622199999999996</v>
      </c>
      <c r="H5055" s="235">
        <f t="shared" si="1174"/>
        <v>3.6254691006241866</v>
      </c>
      <c r="I5055" s="236">
        <f t="shared" si="1175"/>
        <v>19.684296530332482</v>
      </c>
      <c r="J5055" s="237">
        <f t="shared" si="1180"/>
        <v>9.6842965303324817</v>
      </c>
      <c r="K5055" s="237">
        <f t="shared" si="1176"/>
        <v>985.15967275008006</v>
      </c>
      <c r="L5055" s="237">
        <f t="shared" si="1181"/>
        <v>484.74746282579235</v>
      </c>
      <c r="M5055" s="236">
        <f t="shared" si="1177"/>
        <v>6.5540525137141055</v>
      </c>
      <c r="N5055" s="236">
        <f t="shared" si="1178"/>
        <v>4.7496737378801956</v>
      </c>
      <c r="O5055" s="236">
        <f t="shared" si="1182"/>
        <v>3.2616473000020614</v>
      </c>
      <c r="P5055" s="236" t="str">
        <f t="shared" si="1183"/>
        <v>CLAY</v>
      </c>
      <c r="Q5055" s="236">
        <f t="shared" si="1179"/>
        <v>264.75502727082659</v>
      </c>
      <c r="R5055" s="238">
        <v>35</v>
      </c>
      <c r="S5055" s="236">
        <f t="shared" si="1184"/>
        <v>2.6216662588098449</v>
      </c>
      <c r="T5055" s="236" t="e">
        <f t="shared" si="1170"/>
        <v>#N/A</v>
      </c>
    </row>
    <row r="5056" spans="1:20" x14ac:dyDescent="0.2">
      <c r="A5056" s="53">
        <f t="shared" si="1171"/>
        <v>5044</v>
      </c>
      <c r="B5056" s="239">
        <v>50.064</v>
      </c>
      <c r="C5056" s="3">
        <f t="shared" si="1172"/>
        <v>50.057000000000002</v>
      </c>
      <c r="D5056" s="239">
        <v>3.7056</v>
      </c>
      <c r="E5056" s="239">
        <v>0.1479</v>
      </c>
      <c r="F5056" s="239">
        <v>1.5236000000000001</v>
      </c>
      <c r="G5056">
        <f t="shared" si="1173"/>
        <v>4.0103200000000001</v>
      </c>
      <c r="H5056" s="235">
        <f t="shared" si="1174"/>
        <v>3.6879849987033455</v>
      </c>
      <c r="I5056" s="236">
        <f t="shared" si="1175"/>
        <v>19.646218249512426</v>
      </c>
      <c r="J5056" s="237">
        <f t="shared" si="1180"/>
        <v>9.646218249512426</v>
      </c>
      <c r="K5056" s="237">
        <f t="shared" si="1176"/>
        <v>983.43074691584354</v>
      </c>
      <c r="L5056" s="237">
        <f t="shared" si="1181"/>
        <v>482.92827044359012</v>
      </c>
      <c r="M5056" s="236">
        <f t="shared" si="1177"/>
        <v>6.2677822739675824</v>
      </c>
      <c r="N5056" s="236">
        <f t="shared" si="1178"/>
        <v>4.8862045365320776</v>
      </c>
      <c r="O5056" s="236">
        <f t="shared" si="1182"/>
        <v>3.2845841176628503</v>
      </c>
      <c r="P5056" s="236" t="str">
        <f t="shared" si="1183"/>
        <v>CLAY</v>
      </c>
      <c r="Q5056" s="236">
        <f t="shared" si="1179"/>
        <v>252.24077109034639</v>
      </c>
      <c r="R5056" s="238">
        <v>35</v>
      </c>
      <c r="S5056" s="236">
        <f t="shared" si="1184"/>
        <v>2.4793188708092675</v>
      </c>
      <c r="T5056" s="236" t="e">
        <f t="shared" si="1170"/>
        <v>#N/A</v>
      </c>
    </row>
    <row r="5057" spans="1:20" x14ac:dyDescent="0.2">
      <c r="A5057" s="53">
        <f t="shared" si="1171"/>
        <v>5045</v>
      </c>
      <c r="B5057" s="239">
        <v>50.073</v>
      </c>
      <c r="C5057" s="3">
        <f t="shared" si="1172"/>
        <v>50.066000000000003</v>
      </c>
      <c r="D5057" s="239">
        <v>3.7098</v>
      </c>
      <c r="E5057" s="239">
        <v>0.15340000000000001</v>
      </c>
      <c r="F5057" s="239">
        <v>1.4872000000000001</v>
      </c>
      <c r="G5057">
        <f t="shared" si="1173"/>
        <v>4.0072399999999995</v>
      </c>
      <c r="H5057" s="235">
        <f t="shared" si="1174"/>
        <v>3.8280711911440299</v>
      </c>
      <c r="I5057" s="236">
        <f t="shared" si="1175"/>
        <v>19.68873234375873</v>
      </c>
      <c r="J5057" s="237">
        <f t="shared" si="1180"/>
        <v>9.6887323437587298</v>
      </c>
      <c r="K5057" s="237">
        <f t="shared" si="1176"/>
        <v>985.73607352262457</v>
      </c>
      <c r="L5057" s="237">
        <f t="shared" si="1181"/>
        <v>485.14389464903087</v>
      </c>
      <c r="M5057" s="236">
        <f t="shared" si="1177"/>
        <v>6.2280572007676831</v>
      </c>
      <c r="N5057" s="236">
        <f t="shared" si="1178"/>
        <v>5.0769419379455059</v>
      </c>
      <c r="O5057" s="236">
        <f t="shared" si="1182"/>
        <v>3.2965182948550358</v>
      </c>
      <c r="P5057" s="236" t="str">
        <f t="shared" si="1183"/>
        <v>CLAY</v>
      </c>
      <c r="Q5057" s="236">
        <f t="shared" si="1179"/>
        <v>251.79199387311459</v>
      </c>
      <c r="R5057" s="238">
        <v>35</v>
      </c>
      <c r="S5057" s="236">
        <f t="shared" si="1184"/>
        <v>2.4596921180739426</v>
      </c>
      <c r="T5057" s="236" t="e">
        <f t="shared" si="1170"/>
        <v>#N/A</v>
      </c>
    </row>
    <row r="5058" spans="1:20" x14ac:dyDescent="0.2">
      <c r="A5058" s="53">
        <f t="shared" si="1171"/>
        <v>5046</v>
      </c>
      <c r="B5058" s="239">
        <v>50.082999999999998</v>
      </c>
      <c r="C5058" s="3">
        <f t="shared" si="1172"/>
        <v>50.076000000000001</v>
      </c>
      <c r="D5058" s="239">
        <v>3.8948</v>
      </c>
      <c r="E5058" s="239">
        <v>0.15609999999999999</v>
      </c>
      <c r="F5058" s="239">
        <v>1.4806999999999999</v>
      </c>
      <c r="G5058">
        <f t="shared" si="1173"/>
        <v>4.1909400000000003</v>
      </c>
      <c r="H5058" s="235">
        <f t="shared" si="1174"/>
        <v>3.7247013796427524</v>
      </c>
      <c r="I5058" s="236">
        <f t="shared" si="1175"/>
        <v>19.726711191584272</v>
      </c>
      <c r="J5058" s="237">
        <f t="shared" si="1180"/>
        <v>9.7267111915842719</v>
      </c>
      <c r="K5058" s="237">
        <f t="shared" si="1176"/>
        <v>987.83478962977404</v>
      </c>
      <c r="L5058" s="237">
        <f t="shared" si="1181"/>
        <v>487.14287660811505</v>
      </c>
      <c r="M5058" s="236">
        <f t="shared" si="1177"/>
        <v>6.5752890254145768</v>
      </c>
      <c r="N5058" s="236">
        <f t="shared" si="1178"/>
        <v>4.8733959625995986</v>
      </c>
      <c r="O5058" s="236">
        <f t="shared" si="1182"/>
        <v>3.2670135365699409</v>
      </c>
      <c r="P5058" s="236" t="str">
        <f t="shared" si="1183"/>
        <v>CLAY</v>
      </c>
      <c r="Q5058" s="236">
        <f t="shared" si="1179"/>
        <v>266.92543419751888</v>
      </c>
      <c r="R5058" s="238">
        <v>35</v>
      </c>
      <c r="S5058" s="236">
        <f t="shared" si="1184"/>
        <v>2.6322889952167041</v>
      </c>
      <c r="T5058" s="236" t="e">
        <f t="shared" si="1170"/>
        <v>#N/A</v>
      </c>
    </row>
    <row r="5059" spans="1:20" x14ac:dyDescent="0.2">
      <c r="A5059" s="53">
        <f t="shared" si="1171"/>
        <v>5047</v>
      </c>
      <c r="B5059" s="239">
        <v>50.094000000000001</v>
      </c>
      <c r="C5059" s="3">
        <f t="shared" si="1172"/>
        <v>50.087000000000003</v>
      </c>
      <c r="D5059" s="239">
        <v>4.2526000000000002</v>
      </c>
      <c r="E5059" s="239">
        <v>0.14729999999999999</v>
      </c>
      <c r="F5059" s="239">
        <v>1.4456</v>
      </c>
      <c r="G5059">
        <f t="shared" si="1173"/>
        <v>4.5417199999999998</v>
      </c>
      <c r="H5059" s="235">
        <f t="shared" si="1174"/>
        <v>3.2432646662497908</v>
      </c>
      <c r="I5059" s="236">
        <f t="shared" si="1175"/>
        <v>19.690088791411462</v>
      </c>
      <c r="J5059" s="237">
        <f t="shared" si="1180"/>
        <v>9.690088791411462</v>
      </c>
      <c r="K5059" s="237">
        <f t="shared" si="1176"/>
        <v>986.21747729542597</v>
      </c>
      <c r="L5059" s="237">
        <f t="shared" si="1181"/>
        <v>485.41530791696579</v>
      </c>
      <c r="M5059" s="236">
        <f t="shared" si="1177"/>
        <v>7.3246608928797334</v>
      </c>
      <c r="N5059" s="236">
        <f t="shared" si="1178"/>
        <v>4.1428742929973481</v>
      </c>
      <c r="O5059" s="236">
        <f t="shared" si="1182"/>
        <v>3.1879162145953557</v>
      </c>
      <c r="P5059" s="236" t="str">
        <f t="shared" si="1183"/>
        <v>CLAY</v>
      </c>
      <c r="Q5059" s="236">
        <f t="shared" si="1179"/>
        <v>296.29187689204781</v>
      </c>
      <c r="R5059" s="238">
        <v>35</v>
      </c>
      <c r="S5059" s="236">
        <f t="shared" si="1184"/>
        <v>3.0124816667142116</v>
      </c>
      <c r="T5059" s="236" t="e">
        <f t="shared" si="1170"/>
        <v>#N/A</v>
      </c>
    </row>
    <row r="5060" spans="1:20" x14ac:dyDescent="0.2">
      <c r="A5060" s="53">
        <f t="shared" si="1171"/>
        <v>5048</v>
      </c>
      <c r="B5060" s="239">
        <v>50.103000000000002</v>
      </c>
      <c r="C5060" s="3">
        <f t="shared" si="1172"/>
        <v>50.096000000000004</v>
      </c>
      <c r="D5060" s="239">
        <v>4.4157000000000002</v>
      </c>
      <c r="E5060" s="239">
        <v>0.13550000000000001</v>
      </c>
      <c r="F5060" s="239">
        <v>1.391</v>
      </c>
      <c r="G5060">
        <f t="shared" si="1173"/>
        <v>4.6939000000000002</v>
      </c>
      <c r="H5060" s="235">
        <f t="shared" si="1174"/>
        <v>2.8867253243571445</v>
      </c>
      <c r="I5060" s="236">
        <f t="shared" si="1175"/>
        <v>19.605059601190845</v>
      </c>
      <c r="J5060" s="237">
        <f t="shared" si="1180"/>
        <v>9.6050596011908453</v>
      </c>
      <c r="K5060" s="237">
        <f t="shared" si="1176"/>
        <v>982.13506578125669</v>
      </c>
      <c r="L5060" s="237">
        <f t="shared" si="1181"/>
        <v>481.24230119846493</v>
      </c>
      <c r="M5060" s="236">
        <f t="shared" si="1177"/>
        <v>7.7128816917696668</v>
      </c>
      <c r="N5060" s="236">
        <f t="shared" si="1178"/>
        <v>3.6505544505479355</v>
      </c>
      <c r="O5060" s="236">
        <f t="shared" si="1182"/>
        <v>3.138084245543352</v>
      </c>
      <c r="P5060" s="236" t="str">
        <f t="shared" si="1183"/>
        <v>CLAY</v>
      </c>
      <c r="Q5060" s="236">
        <f t="shared" si="1179"/>
        <v>309.31374451822865</v>
      </c>
      <c r="R5060" s="238">
        <v>35</v>
      </c>
      <c r="S5060" s="236">
        <f t="shared" si="1184"/>
        <v>3.2133708217699222</v>
      </c>
      <c r="T5060" s="236" t="e">
        <f t="shared" si="1170"/>
        <v>#N/A</v>
      </c>
    </row>
    <row r="5061" spans="1:20" x14ac:dyDescent="0.2">
      <c r="A5061" s="53">
        <f t="shared" si="1171"/>
        <v>5049</v>
      </c>
      <c r="B5061" s="239">
        <v>50.113</v>
      </c>
      <c r="C5061" s="3">
        <f t="shared" si="1172"/>
        <v>50.106000000000002</v>
      </c>
      <c r="D5061" s="239">
        <v>4.4794999999999998</v>
      </c>
      <c r="E5061" s="239">
        <v>0.12379999999999999</v>
      </c>
      <c r="F5061" s="239">
        <v>1.3364</v>
      </c>
      <c r="G5061">
        <f t="shared" si="1173"/>
        <v>4.7467799999999993</v>
      </c>
      <c r="H5061" s="235">
        <f t="shared" si="1174"/>
        <v>2.6080837957520679</v>
      </c>
      <c r="I5061" s="236">
        <f t="shared" si="1175"/>
        <v>19.503547988492848</v>
      </c>
      <c r="J5061" s="237">
        <f t="shared" si="1180"/>
        <v>9.5035479884928478</v>
      </c>
      <c r="K5061" s="237">
        <f t="shared" si="1176"/>
        <v>977.24477551142263</v>
      </c>
      <c r="L5061" s="237">
        <f t="shared" si="1181"/>
        <v>476.25130034734207</v>
      </c>
      <c r="M5061" s="236">
        <f t="shared" si="1177"/>
        <v>7.9150129810445877</v>
      </c>
      <c r="N5061" s="236">
        <f t="shared" si="1178"/>
        <v>3.284224516479914</v>
      </c>
      <c r="O5061" s="236">
        <f t="shared" si="1182"/>
        <v>3.1029115384078074</v>
      </c>
      <c r="P5061" s="236" t="str">
        <f t="shared" si="1183"/>
        <v>CLAY</v>
      </c>
      <c r="Q5061" s="236">
        <f t="shared" si="1179"/>
        <v>314.12793537404809</v>
      </c>
      <c r="R5061" s="238">
        <v>35</v>
      </c>
      <c r="S5061" s="236">
        <f t="shared" si="1184"/>
        <v>3.3189793322431895</v>
      </c>
      <c r="T5061" s="236" t="e">
        <f t="shared" si="1170"/>
        <v>#N/A</v>
      </c>
    </row>
    <row r="5062" spans="1:20" x14ac:dyDescent="0.2">
      <c r="A5062" s="53">
        <f t="shared" si="1171"/>
        <v>5050</v>
      </c>
      <c r="B5062" s="239">
        <v>50.122999999999998</v>
      </c>
      <c r="C5062" s="3">
        <f t="shared" si="1172"/>
        <v>50.116</v>
      </c>
      <c r="D5062" s="239">
        <v>4.4448999999999996</v>
      </c>
      <c r="E5062" s="239">
        <v>0.11260000000000001</v>
      </c>
      <c r="F5062" s="239">
        <v>1.2404999999999999</v>
      </c>
      <c r="G5062">
        <f t="shared" si="1173"/>
        <v>4.6929999999999996</v>
      </c>
      <c r="H5062" s="235">
        <f t="shared" si="1174"/>
        <v>2.3993181333901559</v>
      </c>
      <c r="I5062" s="236">
        <f t="shared" si="1175"/>
        <v>19.387902207565116</v>
      </c>
      <c r="J5062" s="237">
        <f t="shared" si="1180"/>
        <v>9.3879022075651157</v>
      </c>
      <c r="K5062" s="237">
        <f t="shared" si="1176"/>
        <v>971.64410703433339</v>
      </c>
      <c r="L5062" s="237">
        <f t="shared" si="1181"/>
        <v>470.54982234978627</v>
      </c>
      <c r="M5062" s="236">
        <f t="shared" si="1177"/>
        <v>7.9085268258785408</v>
      </c>
      <c r="N5062" s="236">
        <f t="shared" si="1178"/>
        <v>3.0257788622916553</v>
      </c>
      <c r="O5062" s="236">
        <f t="shared" si="1182"/>
        <v>3.083429813049039</v>
      </c>
      <c r="P5062" s="236" t="str">
        <f t="shared" si="1183"/>
        <v>CLAY</v>
      </c>
      <c r="Q5062" s="236">
        <f t="shared" si="1179"/>
        <v>310.11299108047223</v>
      </c>
      <c r="R5062" s="238">
        <v>35</v>
      </c>
      <c r="S5062" s="236">
        <f t="shared" si="1184"/>
        <v>3.3155799048837231</v>
      </c>
      <c r="T5062" s="236" t="e">
        <f t="shared" si="1170"/>
        <v>#N/A</v>
      </c>
    </row>
    <row r="5063" spans="1:20" x14ac:dyDescent="0.2">
      <c r="A5063" s="53">
        <f t="shared" si="1171"/>
        <v>5051</v>
      </c>
      <c r="B5063" s="239">
        <v>50.133000000000003</v>
      </c>
      <c r="C5063" s="3">
        <f t="shared" si="1172"/>
        <v>50.126000000000005</v>
      </c>
      <c r="D5063" s="239">
        <v>4.5045000000000002</v>
      </c>
      <c r="E5063" s="239">
        <v>0.1062</v>
      </c>
      <c r="F5063" s="239">
        <v>1.1457999999999999</v>
      </c>
      <c r="G5063">
        <f t="shared" si="1173"/>
        <v>4.7336600000000004</v>
      </c>
      <c r="H5063" s="235">
        <f t="shared" si="1174"/>
        <v>2.2435071382397553</v>
      </c>
      <c r="I5063" s="236">
        <f t="shared" si="1175"/>
        <v>19.322656604553931</v>
      </c>
      <c r="J5063" s="237">
        <f t="shared" si="1180"/>
        <v>9.3226566045539307</v>
      </c>
      <c r="K5063" s="237">
        <f t="shared" si="1176"/>
        <v>968.5674849598704</v>
      </c>
      <c r="L5063" s="237">
        <f t="shared" si="1181"/>
        <v>467.37274355610225</v>
      </c>
      <c r="M5063" s="236">
        <f t="shared" si="1177"/>
        <v>8.0558666866035971</v>
      </c>
      <c r="N5063" s="236">
        <f t="shared" si="1178"/>
        <v>2.8206478214219408</v>
      </c>
      <c r="O5063" s="236">
        <f t="shared" si="1182"/>
        <v>3.0599976500891177</v>
      </c>
      <c r="P5063" s="236" t="str">
        <f t="shared" si="1183"/>
        <v>CLAY</v>
      </c>
      <c r="Q5063" s="236">
        <f t="shared" si="1179"/>
        <v>313.75770958667755</v>
      </c>
      <c r="R5063" s="238">
        <v>35</v>
      </c>
      <c r="S5063" s="236">
        <f t="shared" si="1184"/>
        <v>3.3929725567022819</v>
      </c>
      <c r="T5063" s="236" t="e">
        <f t="shared" si="1170"/>
        <v>#N/A</v>
      </c>
    </row>
    <row r="5064" spans="1:20" x14ac:dyDescent="0.2">
      <c r="A5064" s="53">
        <f t="shared" si="1171"/>
        <v>5052</v>
      </c>
      <c r="B5064" s="239">
        <v>50.142000000000003</v>
      </c>
      <c r="C5064" s="3">
        <f t="shared" si="1172"/>
        <v>50.135000000000005</v>
      </c>
      <c r="D5064" s="239">
        <v>4.4763999999999999</v>
      </c>
      <c r="E5064" s="239">
        <v>0.10150000000000001</v>
      </c>
      <c r="F5064" s="239">
        <v>1.0699000000000001</v>
      </c>
      <c r="G5064">
        <f t="shared" si="1173"/>
        <v>4.6903800000000002</v>
      </c>
      <c r="H5064" s="235">
        <f t="shared" si="1174"/>
        <v>2.1640037694174032</v>
      </c>
      <c r="I5064" s="236">
        <f t="shared" si="1175"/>
        <v>19.265988594851223</v>
      </c>
      <c r="J5064" s="237">
        <f t="shared" si="1180"/>
        <v>9.2659885948512226</v>
      </c>
      <c r="K5064" s="237">
        <f t="shared" si="1176"/>
        <v>965.90033820286612</v>
      </c>
      <c r="L5064" s="237">
        <f t="shared" si="1181"/>
        <v>464.61520012303004</v>
      </c>
      <c r="M5064" s="236">
        <f t="shared" si="1177"/>
        <v>8.0162673558912676</v>
      </c>
      <c r="N5064" s="236">
        <f t="shared" si="1178"/>
        <v>2.7252128945986582</v>
      </c>
      <c r="O5064" s="236">
        <f t="shared" si="1182"/>
        <v>3.0536616227084208</v>
      </c>
      <c r="P5064" s="236" t="str">
        <f t="shared" si="1183"/>
        <v>CLAY</v>
      </c>
      <c r="Q5064" s="236">
        <f t="shared" si="1179"/>
        <v>310.37330514976117</v>
      </c>
      <c r="R5064" s="238">
        <v>35</v>
      </c>
      <c r="S5064" s="236">
        <f t="shared" si="1184"/>
        <v>3.3721373087791138</v>
      </c>
      <c r="T5064" s="236" t="e">
        <f t="shared" si="1170"/>
        <v>#N/A</v>
      </c>
    </row>
    <row r="5065" spans="1:20" x14ac:dyDescent="0.2">
      <c r="A5065" s="53">
        <f t="shared" si="1171"/>
        <v>5053</v>
      </c>
      <c r="B5065" s="239">
        <v>50.152999999999999</v>
      </c>
      <c r="C5065" s="3">
        <f t="shared" si="1172"/>
        <v>50.146000000000001</v>
      </c>
      <c r="D5065" s="239">
        <v>4.2784000000000004</v>
      </c>
      <c r="E5065" s="239">
        <v>0.1069</v>
      </c>
      <c r="F5065" s="239">
        <v>1.1798999999999999</v>
      </c>
      <c r="G5065">
        <f t="shared" si="1173"/>
        <v>4.5143800000000001</v>
      </c>
      <c r="H5065" s="235">
        <f t="shared" si="1174"/>
        <v>2.367988516695537</v>
      </c>
      <c r="I5065" s="236">
        <f t="shared" si="1175"/>
        <v>19.311821160341445</v>
      </c>
      <c r="J5065" s="237">
        <f t="shared" si="1180"/>
        <v>9.3118211603414451</v>
      </c>
      <c r="K5065" s="237">
        <f t="shared" si="1176"/>
        <v>968.41058390648209</v>
      </c>
      <c r="L5065" s="237">
        <f t="shared" si="1181"/>
        <v>467.01576665460448</v>
      </c>
      <c r="M5065" s="236">
        <f t="shared" si="1177"/>
        <v>7.592825915695574</v>
      </c>
      <c r="N5065" s="236">
        <f t="shared" si="1178"/>
        <v>3.014690412016253</v>
      </c>
      <c r="O5065" s="236">
        <f t="shared" si="1182"/>
        <v>3.0973272591009611</v>
      </c>
      <c r="P5065" s="236" t="str">
        <f t="shared" si="1183"/>
        <v>CLAY</v>
      </c>
      <c r="Q5065" s="236">
        <f t="shared" si="1179"/>
        <v>295.49745134112646</v>
      </c>
      <c r="R5065" s="238">
        <v>35</v>
      </c>
      <c r="S5065" s="236">
        <f t="shared" si="1184"/>
        <v>3.1509703173487513</v>
      </c>
      <c r="T5065" s="236" t="e">
        <f t="shared" si="1170"/>
        <v>#N/A</v>
      </c>
    </row>
    <row r="5066" spans="1:20" x14ac:dyDescent="0.2">
      <c r="A5066" s="53">
        <f t="shared" si="1171"/>
        <v>5054</v>
      </c>
      <c r="B5066" s="239">
        <v>50.161999999999999</v>
      </c>
      <c r="C5066" s="3">
        <f t="shared" si="1172"/>
        <v>50.155000000000001</v>
      </c>
      <c r="D5066" s="239">
        <v>4.1375000000000002</v>
      </c>
      <c r="E5066" s="239">
        <v>0.1134</v>
      </c>
      <c r="F5066" s="239">
        <v>1.1907000000000001</v>
      </c>
      <c r="G5066">
        <f t="shared" si="1173"/>
        <v>4.3756399999999998</v>
      </c>
      <c r="H5066" s="235">
        <f t="shared" si="1174"/>
        <v>2.5916208828879892</v>
      </c>
      <c r="I5066" s="236">
        <f t="shared" si="1175"/>
        <v>19.368835727097476</v>
      </c>
      <c r="J5066" s="237">
        <f t="shared" si="1180"/>
        <v>9.3688357270974763</v>
      </c>
      <c r="K5066" s="237">
        <f t="shared" si="1176"/>
        <v>971.44395589257397</v>
      </c>
      <c r="L5066" s="237">
        <f t="shared" si="1181"/>
        <v>469.9595377426636</v>
      </c>
      <c r="M5066" s="236">
        <f t="shared" si="1177"/>
        <v>7.2435939069534658</v>
      </c>
      <c r="N5066" s="236">
        <f t="shared" si="1178"/>
        <v>3.3311830027031628</v>
      </c>
      <c r="O5066" s="236">
        <f t="shared" si="1182"/>
        <v>3.1383099163966794</v>
      </c>
      <c r="P5066" s="236" t="str">
        <f t="shared" si="1183"/>
        <v>CLAY</v>
      </c>
      <c r="Q5066" s="236">
        <f t="shared" si="1179"/>
        <v>283.68300367561875</v>
      </c>
      <c r="R5066" s="238">
        <v>35</v>
      </c>
      <c r="S5066" s="236">
        <f t="shared" si="1184"/>
        <v>2.9708630145879367</v>
      </c>
      <c r="T5066" s="236" t="e">
        <f t="shared" si="1170"/>
        <v>#N/A</v>
      </c>
    </row>
    <row r="5067" spans="1:20" x14ac:dyDescent="0.2">
      <c r="A5067" s="53">
        <f t="shared" si="1171"/>
        <v>5055</v>
      </c>
      <c r="B5067" s="239">
        <v>50.170999999999999</v>
      </c>
      <c r="C5067" s="3">
        <f t="shared" si="1172"/>
        <v>50.164000000000001</v>
      </c>
      <c r="D5067" s="239">
        <v>4.0938999999999997</v>
      </c>
      <c r="E5067" s="239">
        <v>0.1148</v>
      </c>
      <c r="F5067" s="239">
        <v>1.1369</v>
      </c>
      <c r="G5067">
        <f t="shared" si="1173"/>
        <v>4.3212799999999998</v>
      </c>
      <c r="H5067" s="235">
        <f t="shared" si="1174"/>
        <v>2.6566202606635074</v>
      </c>
      <c r="I5067" s="236">
        <f t="shared" si="1175"/>
        <v>19.3783373189911</v>
      </c>
      <c r="J5067" s="237">
        <f t="shared" si="1180"/>
        <v>9.3783373189911003</v>
      </c>
      <c r="K5067" s="237">
        <f t="shared" si="1176"/>
        <v>972.09491326986961</v>
      </c>
      <c r="L5067" s="237">
        <f t="shared" si="1181"/>
        <v>470.52056163110251</v>
      </c>
      <c r="M5067" s="236">
        <f t="shared" si="1177"/>
        <v>7.1180419302397198</v>
      </c>
      <c r="N5067" s="236">
        <f t="shared" si="1178"/>
        <v>3.4276994859093115</v>
      </c>
      <c r="O5067" s="236">
        <f t="shared" si="1182"/>
        <v>3.1515188318246543</v>
      </c>
      <c r="P5067" s="236" t="str">
        <f t="shared" si="1183"/>
        <v>CLAY</v>
      </c>
      <c r="Q5067" s="236">
        <f t="shared" si="1179"/>
        <v>279.09875722751082</v>
      </c>
      <c r="R5067" s="238">
        <v>35</v>
      </c>
      <c r="S5067" s="236">
        <f t="shared" si="1184"/>
        <v>2.9066362540302806</v>
      </c>
      <c r="T5067" s="236" t="e">
        <f t="shared" si="1170"/>
        <v>#N/A</v>
      </c>
    </row>
    <row r="5068" spans="1:20" x14ac:dyDescent="0.2">
      <c r="A5068" s="53">
        <f t="shared" si="1171"/>
        <v>5056</v>
      </c>
      <c r="B5068" s="239">
        <v>50.182000000000002</v>
      </c>
      <c r="C5068" s="3">
        <f t="shared" si="1172"/>
        <v>50.175000000000004</v>
      </c>
      <c r="D5068" s="239">
        <v>4.0228000000000002</v>
      </c>
      <c r="E5068" s="239">
        <v>0.1179</v>
      </c>
      <c r="F5068" s="239">
        <v>1.0642</v>
      </c>
      <c r="G5068">
        <f t="shared" si="1173"/>
        <v>4.2356400000000001</v>
      </c>
      <c r="H5068" s="235">
        <f t="shared" si="1174"/>
        <v>2.7835226789812166</v>
      </c>
      <c r="I5068" s="236">
        <f t="shared" si="1175"/>
        <v>19.401757465027988</v>
      </c>
      <c r="J5068" s="237">
        <f t="shared" si="1180"/>
        <v>9.4017574650279876</v>
      </c>
      <c r="K5068" s="237">
        <f t="shared" si="1176"/>
        <v>973.48318080777938</v>
      </c>
      <c r="L5068" s="237">
        <f t="shared" si="1181"/>
        <v>471.79899311003447</v>
      </c>
      <c r="M5068" s="236">
        <f t="shared" si="1177"/>
        <v>6.9142937285400485</v>
      </c>
      <c r="N5068" s="236">
        <f t="shared" si="1178"/>
        <v>3.6141732765990855</v>
      </c>
      <c r="O5068" s="236">
        <f t="shared" si="1182"/>
        <v>3.1748295076688997</v>
      </c>
      <c r="P5068" s="236" t="str">
        <f t="shared" si="1183"/>
        <v>CLAY</v>
      </c>
      <c r="Q5068" s="236">
        <f t="shared" si="1179"/>
        <v>271.84640159935174</v>
      </c>
      <c r="R5068" s="238">
        <v>35</v>
      </c>
      <c r="S5068" s="236">
        <f t="shared" si="1184"/>
        <v>2.8030109215987262</v>
      </c>
      <c r="T5068" s="236" t="e">
        <f t="shared" si="1170"/>
        <v>#N/A</v>
      </c>
    </row>
    <row r="5069" spans="1:20" x14ac:dyDescent="0.2">
      <c r="A5069" s="53">
        <f t="shared" si="1171"/>
        <v>5057</v>
      </c>
      <c r="B5069" s="239">
        <v>50.191000000000003</v>
      </c>
      <c r="C5069" s="3">
        <f t="shared" si="1172"/>
        <v>50.184000000000005</v>
      </c>
      <c r="D5069" s="239">
        <v>4.0025000000000004</v>
      </c>
      <c r="E5069" s="239">
        <v>0.13120000000000001</v>
      </c>
      <c r="F5069" s="239">
        <v>1.1397999999999999</v>
      </c>
      <c r="G5069">
        <f t="shared" si="1173"/>
        <v>4.2304600000000008</v>
      </c>
      <c r="H5069" s="235">
        <f t="shared" si="1174"/>
        <v>3.1013175872127379</v>
      </c>
      <c r="I5069" s="236">
        <f t="shared" si="1175"/>
        <v>19.526613242733433</v>
      </c>
      <c r="J5069" s="237">
        <f t="shared" si="1180"/>
        <v>9.5266132427334327</v>
      </c>
      <c r="K5069" s="237">
        <f t="shared" si="1176"/>
        <v>979.92355897333471</v>
      </c>
      <c r="L5069" s="237">
        <f t="shared" si="1181"/>
        <v>478.15024526603372</v>
      </c>
      <c r="M5069" s="236">
        <f t="shared" si="1177"/>
        <v>6.7981486430444669</v>
      </c>
      <c r="N5069" s="236">
        <f t="shared" si="1178"/>
        <v>4.0362568573007946</v>
      </c>
      <c r="O5069" s="236">
        <f t="shared" si="1182"/>
        <v>3.207987159095091</v>
      </c>
      <c r="P5069" s="236" t="str">
        <f t="shared" si="1183"/>
        <v>CLAY</v>
      </c>
      <c r="Q5069" s="236">
        <f t="shared" si="1179"/>
        <v>270.87803675222216</v>
      </c>
      <c r="R5069" s="238">
        <v>35</v>
      </c>
      <c r="S5069" s="236">
        <f t="shared" si="1184"/>
        <v>2.7442794218556319</v>
      </c>
      <c r="T5069" s="236" t="e">
        <f t="shared" ref="T5069:T5132" si="1185">IF(P5069="SAND",17.6+(11*LOG(M5069)),#N/A)</f>
        <v>#N/A</v>
      </c>
    </row>
    <row r="5070" spans="1:20" x14ac:dyDescent="0.2">
      <c r="A5070" s="53">
        <f t="shared" ref="A5070:A5133" si="1186">$A5069+1</f>
        <v>5058</v>
      </c>
      <c r="B5070" s="239">
        <v>50.201999999999998</v>
      </c>
      <c r="C5070" s="3">
        <f t="shared" ref="C5070:C5133" si="1187">MAX($B5070 - $B$13, 0.001)</f>
        <v>50.195</v>
      </c>
      <c r="D5070" s="239">
        <v>3.9668000000000001</v>
      </c>
      <c r="E5070" s="239">
        <v>0.14349999999999999</v>
      </c>
      <c r="F5070" s="239">
        <v>1.1903999999999999</v>
      </c>
      <c r="G5070">
        <f t="shared" si="1173"/>
        <v>4.2048800000000002</v>
      </c>
      <c r="H5070" s="235">
        <f t="shared" si="1174"/>
        <v>3.4127014326211444</v>
      </c>
      <c r="I5070" s="236">
        <f t="shared" si="1175"/>
        <v>19.629321432939424</v>
      </c>
      <c r="J5070" s="237">
        <f t="shared" si="1180"/>
        <v>9.6293214329394239</v>
      </c>
      <c r="K5070" s="237">
        <f t="shared" si="1176"/>
        <v>985.2937893263944</v>
      </c>
      <c r="L5070" s="237">
        <f t="shared" si="1181"/>
        <v>483.41119457642492</v>
      </c>
      <c r="M5070" s="236">
        <f t="shared" si="1177"/>
        <v>6.6601399528918135</v>
      </c>
      <c r="N5070" s="236">
        <f t="shared" si="1178"/>
        <v>4.4570945025254272</v>
      </c>
      <c r="O5070" s="236">
        <f t="shared" si="1182"/>
        <v>3.2399699289034043</v>
      </c>
      <c r="P5070" s="236" t="str">
        <f t="shared" si="1183"/>
        <v>CLAY</v>
      </c>
      <c r="Q5070" s="236">
        <f t="shared" si="1179"/>
        <v>268.29885088946713</v>
      </c>
      <c r="R5070" s="238">
        <v>35</v>
      </c>
      <c r="S5070" s="236">
        <f t="shared" si="1184"/>
        <v>2.6748177889006945</v>
      </c>
      <c r="T5070" s="236" t="e">
        <f t="shared" si="1185"/>
        <v>#N/A</v>
      </c>
    </row>
    <row r="5071" spans="1:20" x14ac:dyDescent="0.2">
      <c r="A5071" s="53">
        <f t="shared" si="1186"/>
        <v>5059</v>
      </c>
      <c r="B5071" s="239">
        <v>50.210999999999999</v>
      </c>
      <c r="C5071" s="3">
        <f t="shared" si="1187"/>
        <v>50.204000000000001</v>
      </c>
      <c r="D5071" s="239">
        <v>3.8997999999999999</v>
      </c>
      <c r="E5071" s="239">
        <v>0.14269999999999999</v>
      </c>
      <c r="F5071" s="239">
        <v>1.1373</v>
      </c>
      <c r="G5071">
        <f t="shared" ref="G5071:G5134" si="1188">$D5071+($F5071*(1-$P$8))</f>
        <v>4.1272599999999997</v>
      </c>
      <c r="H5071" s="235">
        <f t="shared" ref="H5071:H5134" si="1189">($E5071/$G5071)*100</f>
        <v>3.4574996486773304</v>
      </c>
      <c r="I5071" s="236">
        <f t="shared" ref="I5071:I5134" si="1190">((0.27*(LOG($H5071)))+(0.36*(LOG(($G5071*1000)/101)))+1.236)*10</f>
        <v>19.615483427408488</v>
      </c>
      <c r="J5071" s="237">
        <f t="shared" si="1180"/>
        <v>9.6154834274084884</v>
      </c>
      <c r="K5071" s="237">
        <f t="shared" ref="K5071:K5134" si="1191">$I5071*$C5071</f>
        <v>984.7757299896158</v>
      </c>
      <c r="L5071" s="237">
        <f t="shared" si="1181"/>
        <v>482.80303837360759</v>
      </c>
      <c r="M5071" s="236">
        <f t="shared" ref="M5071:M5134" si="1192">(($G5071*1000)-$K5071)/$L5071</f>
        <v>6.5088328370846629</v>
      </c>
      <c r="N5071" s="236">
        <f t="shared" ref="N5071:N5134" si="1193">(($E5071*1000)/(($G5071*1000)-$K5071))*100</f>
        <v>4.5409932950763334</v>
      </c>
      <c r="O5071" s="236">
        <f t="shared" si="1182"/>
        <v>3.2527943430373831</v>
      </c>
      <c r="P5071" s="236" t="str">
        <f t="shared" si="1183"/>
        <v>CLAY</v>
      </c>
      <c r="Q5071" s="236">
        <f t="shared" ref="Q5071:Q5134" si="1194">IF(P5071="CLAY",($G5071*1000 -$K5071)/$L$8,#N/A)</f>
        <v>261.87368916753195</v>
      </c>
      <c r="R5071" s="238">
        <v>35</v>
      </c>
      <c r="S5071" s="236">
        <f t="shared" si="1184"/>
        <v>2.5990755638556471</v>
      </c>
      <c r="T5071" s="236" t="e">
        <f t="shared" si="1185"/>
        <v>#N/A</v>
      </c>
    </row>
    <row r="5072" spans="1:20" x14ac:dyDescent="0.2">
      <c r="A5072" s="53">
        <f t="shared" si="1186"/>
        <v>5060</v>
      </c>
      <c r="B5072" s="239">
        <v>50.222000000000001</v>
      </c>
      <c r="C5072" s="3">
        <f t="shared" si="1187"/>
        <v>50.215000000000003</v>
      </c>
      <c r="D5072" s="239">
        <v>3.7585999999999999</v>
      </c>
      <c r="E5072" s="239">
        <v>0.1411</v>
      </c>
      <c r="F5072" s="239">
        <v>1.0430999999999999</v>
      </c>
      <c r="G5072">
        <f t="shared" si="1188"/>
        <v>3.9672199999999997</v>
      </c>
      <c r="H5072" s="235">
        <f t="shared" si="1189"/>
        <v>3.5566467198693297</v>
      </c>
      <c r="I5072" s="236">
        <f t="shared" si="1190"/>
        <v>19.586803647752138</v>
      </c>
      <c r="J5072" s="237">
        <f t="shared" ref="J5072:J5135" si="1195">$I5072-10</f>
        <v>9.5868036477521379</v>
      </c>
      <c r="K5072" s="237">
        <f t="shared" si="1191"/>
        <v>983.55134517187366</v>
      </c>
      <c r="L5072" s="237">
        <f t="shared" ref="L5072:L5135" si="1196">$J5072*$B5072</f>
        <v>481.46845279740791</v>
      </c>
      <c r="M5072" s="236">
        <f t="shared" si="1192"/>
        <v>6.1970179717747627</v>
      </c>
      <c r="N5072" s="236">
        <f t="shared" si="1193"/>
        <v>4.7290773984461776</v>
      </c>
      <c r="O5072" s="236">
        <f t="shared" ref="O5072:O5135" si="1197">((3.47-LOG($M5072))^2+(LOG($N5072)+1.22)^2)^0.5</f>
        <v>3.2803784664900957</v>
      </c>
      <c r="P5072" s="236" t="str">
        <f t="shared" ref="P5072:P5135" si="1198">IF(O5072&lt;2.6,"SAND","CLAY")</f>
        <v>CLAY</v>
      </c>
      <c r="Q5072" s="236">
        <f t="shared" si="1194"/>
        <v>248.63905456901048</v>
      </c>
      <c r="R5072" s="238">
        <v>35</v>
      </c>
      <c r="S5072" s="236">
        <f t="shared" ref="S5072:S5135" si="1199">IF(P5072="SAND",#N/A,0.25*($M5072)^1.25)</f>
        <v>2.4443784891472147</v>
      </c>
      <c r="T5072" s="236" t="e">
        <f t="shared" si="1185"/>
        <v>#N/A</v>
      </c>
    </row>
    <row r="5073" spans="1:20" x14ac:dyDescent="0.2">
      <c r="A5073" s="53">
        <f t="shared" si="1186"/>
        <v>5061</v>
      </c>
      <c r="B5073" s="239">
        <v>50.231000000000002</v>
      </c>
      <c r="C5073" s="3">
        <f t="shared" si="1187"/>
        <v>50.224000000000004</v>
      </c>
      <c r="D5073" s="239">
        <v>3.6677</v>
      </c>
      <c r="E5073" s="239">
        <v>0.1447</v>
      </c>
      <c r="F5073" s="239">
        <v>1.0782</v>
      </c>
      <c r="G5073">
        <f t="shared" si="1188"/>
        <v>3.88334</v>
      </c>
      <c r="H5073" s="235">
        <f t="shared" si="1189"/>
        <v>3.7261738606457326</v>
      </c>
      <c r="I5073" s="236">
        <f t="shared" si="1190"/>
        <v>19.607992962994384</v>
      </c>
      <c r="J5073" s="237">
        <f t="shared" si="1195"/>
        <v>9.6079929629943841</v>
      </c>
      <c r="K5073" s="237">
        <f t="shared" si="1191"/>
        <v>984.79183857343003</v>
      </c>
      <c r="L5073" s="237">
        <f t="shared" si="1196"/>
        <v>482.61909452417092</v>
      </c>
      <c r="M5073" s="236">
        <f t="shared" si="1192"/>
        <v>6.0058712850645462</v>
      </c>
      <c r="N5073" s="236">
        <f t="shared" si="1193"/>
        <v>4.992154414601254</v>
      </c>
      <c r="O5073" s="236">
        <f t="shared" si="1197"/>
        <v>3.3050857671703158</v>
      </c>
      <c r="P5073" s="236" t="str">
        <f t="shared" si="1198"/>
        <v>CLAY</v>
      </c>
      <c r="Q5073" s="236">
        <f t="shared" si="1194"/>
        <v>241.54568011888082</v>
      </c>
      <c r="R5073" s="238">
        <v>35</v>
      </c>
      <c r="S5073" s="236">
        <f t="shared" si="1199"/>
        <v>2.3504988018087056</v>
      </c>
      <c r="T5073" s="236" t="e">
        <f t="shared" si="1185"/>
        <v>#N/A</v>
      </c>
    </row>
    <row r="5074" spans="1:20" x14ac:dyDescent="0.2">
      <c r="A5074" s="53">
        <f t="shared" si="1186"/>
        <v>5062</v>
      </c>
      <c r="B5074" s="239">
        <v>50.24</v>
      </c>
      <c r="C5074" s="3">
        <f t="shared" si="1187"/>
        <v>50.233000000000004</v>
      </c>
      <c r="D5074" s="239">
        <v>3.5733000000000001</v>
      </c>
      <c r="E5074" s="239">
        <v>0.1545</v>
      </c>
      <c r="F5074" s="239">
        <v>1.1666000000000001</v>
      </c>
      <c r="G5074">
        <f t="shared" si="1188"/>
        <v>3.8066200000000001</v>
      </c>
      <c r="H5074" s="235">
        <f t="shared" si="1189"/>
        <v>4.05871875837357</v>
      </c>
      <c r="I5074" s="236">
        <f t="shared" si="1190"/>
        <v>19.677035533088137</v>
      </c>
      <c r="J5074" s="237">
        <f t="shared" si="1195"/>
        <v>9.6770355330881372</v>
      </c>
      <c r="K5074" s="237">
        <f t="shared" si="1191"/>
        <v>988.43652593361651</v>
      </c>
      <c r="L5074" s="237">
        <f t="shared" si="1196"/>
        <v>486.17426518234805</v>
      </c>
      <c r="M5074" s="236">
        <f t="shared" si="1192"/>
        <v>5.796652920346113</v>
      </c>
      <c r="N5074" s="236">
        <f t="shared" si="1193"/>
        <v>5.4822548432970013</v>
      </c>
      <c r="O5074" s="236">
        <f t="shared" si="1197"/>
        <v>3.3413186571515356</v>
      </c>
      <c r="P5074" s="236" t="str">
        <f t="shared" si="1198"/>
        <v>CLAY</v>
      </c>
      <c r="Q5074" s="236">
        <f t="shared" si="1194"/>
        <v>234.84862283886528</v>
      </c>
      <c r="R5074" s="238">
        <v>35</v>
      </c>
      <c r="S5074" s="236">
        <f t="shared" si="1199"/>
        <v>2.2485970181177435</v>
      </c>
      <c r="T5074" s="236" t="e">
        <f t="shared" si="1185"/>
        <v>#N/A</v>
      </c>
    </row>
    <row r="5075" spans="1:20" x14ac:dyDescent="0.2">
      <c r="A5075" s="53">
        <f t="shared" si="1186"/>
        <v>5063</v>
      </c>
      <c r="B5075" s="239">
        <v>50.250999999999998</v>
      </c>
      <c r="C5075" s="3">
        <f t="shared" si="1187"/>
        <v>50.244</v>
      </c>
      <c r="D5075" s="239">
        <v>3.6549</v>
      </c>
      <c r="E5075" s="239">
        <v>0.1648</v>
      </c>
      <c r="F5075" s="239">
        <v>1.2708999999999999</v>
      </c>
      <c r="G5075">
        <f t="shared" si="1188"/>
        <v>3.9090799999999999</v>
      </c>
      <c r="H5075" s="235">
        <f t="shared" si="1189"/>
        <v>4.2158257185834005</v>
      </c>
      <c r="I5075" s="236">
        <f t="shared" si="1190"/>
        <v>19.76309461684901</v>
      </c>
      <c r="J5075" s="237">
        <f t="shared" si="1195"/>
        <v>9.7630946168490098</v>
      </c>
      <c r="K5075" s="237">
        <f t="shared" si="1191"/>
        <v>992.97692592896169</v>
      </c>
      <c r="L5075" s="237">
        <f t="shared" si="1196"/>
        <v>490.60526759127958</v>
      </c>
      <c r="M5075" s="236">
        <f t="shared" si="1192"/>
        <v>5.9438886345191611</v>
      </c>
      <c r="N5075" s="236">
        <f t="shared" si="1193"/>
        <v>5.6513777398797584</v>
      </c>
      <c r="O5075" s="236">
        <f t="shared" si="1197"/>
        <v>3.3402735985521721</v>
      </c>
      <c r="P5075" s="236" t="str">
        <f t="shared" si="1198"/>
        <v>CLAY</v>
      </c>
      <c r="Q5075" s="236">
        <f t="shared" si="1194"/>
        <v>243.00858950591987</v>
      </c>
      <c r="R5075" s="238">
        <v>35</v>
      </c>
      <c r="S5075" s="236">
        <f t="shared" si="1199"/>
        <v>2.3202155786753749</v>
      </c>
      <c r="T5075" s="236" t="e">
        <f t="shared" si="1185"/>
        <v>#N/A</v>
      </c>
    </row>
    <row r="5076" spans="1:20" x14ac:dyDescent="0.2">
      <c r="A5076" s="53">
        <f t="shared" si="1186"/>
        <v>5064</v>
      </c>
      <c r="B5076" s="239">
        <v>50.26</v>
      </c>
      <c r="C5076" s="3">
        <f t="shared" si="1187"/>
        <v>50.253</v>
      </c>
      <c r="D5076" s="239">
        <v>3.8151000000000002</v>
      </c>
      <c r="E5076" s="239">
        <v>0.1774</v>
      </c>
      <c r="F5076" s="239">
        <v>1.3623000000000001</v>
      </c>
      <c r="G5076">
        <f t="shared" si="1188"/>
        <v>4.0875599999999999</v>
      </c>
      <c r="H5076" s="235">
        <f t="shared" si="1189"/>
        <v>4.3399974556948404</v>
      </c>
      <c r="I5076" s="236">
        <f t="shared" si="1190"/>
        <v>19.866935542748681</v>
      </c>
      <c r="J5076" s="237">
        <f t="shared" si="1195"/>
        <v>9.8669355427486813</v>
      </c>
      <c r="K5076" s="237">
        <f t="shared" si="1191"/>
        <v>998.37311182974952</v>
      </c>
      <c r="L5076" s="237">
        <f t="shared" si="1196"/>
        <v>495.91218037854873</v>
      </c>
      <c r="M5076" s="236">
        <f t="shared" si="1192"/>
        <v>6.2293023047188631</v>
      </c>
      <c r="N5076" s="236">
        <f t="shared" si="1193"/>
        <v>5.7426114515549891</v>
      </c>
      <c r="O5076" s="236">
        <f t="shared" si="1197"/>
        <v>3.3279871740673612</v>
      </c>
      <c r="P5076" s="236" t="str">
        <f t="shared" si="1198"/>
        <v>CLAY</v>
      </c>
      <c r="Q5076" s="236">
        <f t="shared" si="1194"/>
        <v>257.43224068085419</v>
      </c>
      <c r="R5076" s="238">
        <v>35</v>
      </c>
      <c r="S5076" s="236">
        <f t="shared" si="1199"/>
        <v>2.4603068059303368</v>
      </c>
      <c r="T5076" s="236" t="e">
        <f t="shared" si="1185"/>
        <v>#N/A</v>
      </c>
    </row>
    <row r="5077" spans="1:20" x14ac:dyDescent="0.2">
      <c r="A5077" s="53">
        <f t="shared" si="1186"/>
        <v>5065</v>
      </c>
      <c r="B5077" s="239">
        <v>50.27</v>
      </c>
      <c r="C5077" s="3">
        <f t="shared" si="1187"/>
        <v>50.263000000000005</v>
      </c>
      <c r="D5077" s="239">
        <v>4.0171000000000001</v>
      </c>
      <c r="E5077" s="239">
        <v>0.18629999999999999</v>
      </c>
      <c r="F5077" s="239">
        <v>1.4633</v>
      </c>
      <c r="G5077">
        <f t="shared" si="1188"/>
        <v>4.3097599999999998</v>
      </c>
      <c r="H5077" s="235">
        <f t="shared" si="1189"/>
        <v>4.3227465102465104</v>
      </c>
      <c r="I5077" s="236">
        <f t="shared" si="1190"/>
        <v>19.945025540034703</v>
      </c>
      <c r="J5077" s="237">
        <f t="shared" si="1195"/>
        <v>9.9450255400347025</v>
      </c>
      <c r="K5077" s="237">
        <f t="shared" si="1191"/>
        <v>1002.4968187187643</v>
      </c>
      <c r="L5077" s="237">
        <f t="shared" si="1196"/>
        <v>499.93643389754453</v>
      </c>
      <c r="M5077" s="236">
        <f t="shared" si="1192"/>
        <v>6.6153673888049065</v>
      </c>
      <c r="N5077" s="236">
        <f t="shared" si="1193"/>
        <v>5.6330563909893394</v>
      </c>
      <c r="O5077" s="236">
        <f t="shared" si="1197"/>
        <v>3.3020291609166055</v>
      </c>
      <c r="P5077" s="236" t="str">
        <f t="shared" si="1198"/>
        <v>CLAY</v>
      </c>
      <c r="Q5077" s="236">
        <f t="shared" si="1194"/>
        <v>275.60526510676965</v>
      </c>
      <c r="R5077" s="238">
        <v>35</v>
      </c>
      <c r="S5077" s="236">
        <f t="shared" si="1199"/>
        <v>2.6523599937040725</v>
      </c>
      <c r="T5077" s="236" t="e">
        <f t="shared" si="1185"/>
        <v>#N/A</v>
      </c>
    </row>
    <row r="5078" spans="1:20" x14ac:dyDescent="0.2">
      <c r="A5078" s="53">
        <f t="shared" si="1186"/>
        <v>5066</v>
      </c>
      <c r="B5078" s="239">
        <v>50.28</v>
      </c>
      <c r="C5078" s="3">
        <f t="shared" si="1187"/>
        <v>50.273000000000003</v>
      </c>
      <c r="D5078" s="239">
        <v>4.3102</v>
      </c>
      <c r="E5078" s="239">
        <v>0.18060000000000001</v>
      </c>
      <c r="F5078" s="239">
        <v>1.4249000000000001</v>
      </c>
      <c r="G5078">
        <f t="shared" si="1188"/>
        <v>4.59518</v>
      </c>
      <c r="H5078" s="235">
        <f t="shared" si="1189"/>
        <v>3.930205127981929</v>
      </c>
      <c r="I5078" s="236">
        <f t="shared" si="1190"/>
        <v>19.933653243733225</v>
      </c>
      <c r="J5078" s="237">
        <f t="shared" si="1195"/>
        <v>9.9336532437332252</v>
      </c>
      <c r="K5078" s="237">
        <f t="shared" si="1191"/>
        <v>1002.1245495222005</v>
      </c>
      <c r="L5078" s="237">
        <f t="shared" si="1196"/>
        <v>499.46408509490658</v>
      </c>
      <c r="M5078" s="236">
        <f t="shared" si="1192"/>
        <v>7.1938214532383418</v>
      </c>
      <c r="N5078" s="236">
        <f t="shared" si="1193"/>
        <v>5.0263627291358404</v>
      </c>
      <c r="O5078" s="236">
        <f t="shared" si="1197"/>
        <v>3.2433310210021205</v>
      </c>
      <c r="P5078" s="236" t="str">
        <f t="shared" si="1198"/>
        <v>CLAY</v>
      </c>
      <c r="Q5078" s="236">
        <f t="shared" si="1194"/>
        <v>299.42128753981666</v>
      </c>
      <c r="R5078" s="238">
        <v>35</v>
      </c>
      <c r="S5078" s="236">
        <f t="shared" si="1199"/>
        <v>2.9453680874187786</v>
      </c>
      <c r="T5078" s="236" t="e">
        <f t="shared" si="1185"/>
        <v>#N/A</v>
      </c>
    </row>
    <row r="5079" spans="1:20" x14ac:dyDescent="0.2">
      <c r="A5079" s="53">
        <f t="shared" si="1186"/>
        <v>5067</v>
      </c>
      <c r="B5079" s="239">
        <v>50.289000000000001</v>
      </c>
      <c r="C5079" s="3">
        <f t="shared" si="1187"/>
        <v>50.282000000000004</v>
      </c>
      <c r="D5079" s="239">
        <v>4.7458</v>
      </c>
      <c r="E5079" s="239">
        <v>0.16830000000000001</v>
      </c>
      <c r="F5079" s="239">
        <v>1.2945</v>
      </c>
      <c r="G5079">
        <f t="shared" si="1188"/>
        <v>5.0046999999999997</v>
      </c>
      <c r="H5079" s="235">
        <f t="shared" si="1189"/>
        <v>3.3628389314044798</v>
      </c>
      <c r="I5079" s="236">
        <f t="shared" si="1190"/>
        <v>19.884310411975285</v>
      </c>
      <c r="J5079" s="237">
        <f t="shared" si="1195"/>
        <v>9.8843104119752851</v>
      </c>
      <c r="K5079" s="237">
        <f t="shared" si="1191"/>
        <v>999.8228961349414</v>
      </c>
      <c r="L5079" s="237">
        <f t="shared" si="1196"/>
        <v>497.07208630782515</v>
      </c>
      <c r="M5079" s="236">
        <f t="shared" si="1192"/>
        <v>8.0569342237916999</v>
      </c>
      <c r="N5079" s="236">
        <f t="shared" si="1193"/>
        <v>4.2023761437667018</v>
      </c>
      <c r="O5079" s="236">
        <f t="shared" si="1197"/>
        <v>3.1577996659710439</v>
      </c>
      <c r="P5079" s="236" t="str">
        <f t="shared" si="1198"/>
        <v>CLAY</v>
      </c>
      <c r="Q5079" s="236">
        <f t="shared" si="1194"/>
        <v>333.73975865542155</v>
      </c>
      <c r="R5079" s="238">
        <v>35</v>
      </c>
      <c r="S5079" s="236">
        <f t="shared" si="1199"/>
        <v>3.3935345980878373</v>
      </c>
      <c r="T5079" s="236" t="e">
        <f t="shared" si="1185"/>
        <v>#N/A</v>
      </c>
    </row>
    <row r="5080" spans="1:20" x14ac:dyDescent="0.2">
      <c r="A5080" s="53">
        <f t="shared" si="1186"/>
        <v>5068</v>
      </c>
      <c r="B5080" s="239">
        <v>50.3</v>
      </c>
      <c r="C5080" s="3">
        <f t="shared" si="1187"/>
        <v>50.292999999999999</v>
      </c>
      <c r="D5080" s="239">
        <v>5.1910999999999996</v>
      </c>
      <c r="E5080" s="239">
        <v>0.1588</v>
      </c>
      <c r="F5080" s="239">
        <v>1.2806999999999999</v>
      </c>
      <c r="G5080">
        <f t="shared" si="1188"/>
        <v>5.4472399999999999</v>
      </c>
      <c r="H5080" s="235">
        <f t="shared" si="1189"/>
        <v>2.9152378085048576</v>
      </c>
      <c r="I5080" s="236">
        <f t="shared" si="1190"/>
        <v>19.849298258479912</v>
      </c>
      <c r="J5080" s="237">
        <f t="shared" si="1195"/>
        <v>9.8492982584799122</v>
      </c>
      <c r="K5080" s="237">
        <f t="shared" si="1191"/>
        <v>998.28075731373019</v>
      </c>
      <c r="L5080" s="237">
        <f t="shared" si="1196"/>
        <v>495.41970240153955</v>
      </c>
      <c r="M5080" s="236">
        <f t="shared" si="1192"/>
        <v>8.9801823002194023</v>
      </c>
      <c r="N5080" s="236">
        <f t="shared" si="1193"/>
        <v>3.5693741240955266</v>
      </c>
      <c r="O5080" s="236">
        <f t="shared" si="1197"/>
        <v>3.078300873983657</v>
      </c>
      <c r="P5080" s="236" t="str">
        <f t="shared" si="1198"/>
        <v>CLAY</v>
      </c>
      <c r="Q5080" s="236">
        <f t="shared" si="1194"/>
        <v>370.74660355718908</v>
      </c>
      <c r="R5080" s="238">
        <v>35</v>
      </c>
      <c r="S5080" s="236">
        <f t="shared" si="1199"/>
        <v>3.8863906264619583</v>
      </c>
      <c r="T5080" s="236" t="e">
        <f t="shared" si="1185"/>
        <v>#N/A</v>
      </c>
    </row>
    <row r="5081" spans="1:20" x14ac:dyDescent="0.2">
      <c r="A5081" s="53">
        <f t="shared" si="1186"/>
        <v>5069</v>
      </c>
      <c r="B5081" s="239">
        <v>50.308999999999997</v>
      </c>
      <c r="C5081" s="3">
        <f t="shared" si="1187"/>
        <v>50.302</v>
      </c>
      <c r="D5081" s="239">
        <v>5.4682000000000004</v>
      </c>
      <c r="E5081" s="239">
        <v>0.14729999999999999</v>
      </c>
      <c r="F5081" s="239">
        <v>1.2545999999999999</v>
      </c>
      <c r="G5081">
        <f t="shared" si="1188"/>
        <v>5.7191200000000002</v>
      </c>
      <c r="H5081" s="235">
        <f t="shared" si="1189"/>
        <v>2.5755710668774214</v>
      </c>
      <c r="I5081" s="236">
        <f t="shared" si="1190"/>
        <v>19.780186759063106</v>
      </c>
      <c r="J5081" s="237">
        <f t="shared" si="1195"/>
        <v>9.7801867590631062</v>
      </c>
      <c r="K5081" s="237">
        <f t="shared" si="1191"/>
        <v>994.9829543543924</v>
      </c>
      <c r="L5081" s="237">
        <f t="shared" si="1196"/>
        <v>492.03141566170581</v>
      </c>
      <c r="M5081" s="236">
        <f t="shared" si="1192"/>
        <v>9.6012914933335658</v>
      </c>
      <c r="N5081" s="236">
        <f t="shared" si="1193"/>
        <v>3.1180297814554558</v>
      </c>
      <c r="O5081" s="236">
        <f t="shared" si="1197"/>
        <v>3.0209086857390708</v>
      </c>
      <c r="P5081" s="236" t="str">
        <f t="shared" si="1198"/>
        <v>CLAY</v>
      </c>
      <c r="Q5081" s="236">
        <f t="shared" si="1194"/>
        <v>393.67808713713401</v>
      </c>
      <c r="R5081" s="238">
        <v>35</v>
      </c>
      <c r="S5081" s="236">
        <f t="shared" si="1199"/>
        <v>4.2252467600799326</v>
      </c>
      <c r="T5081" s="236" t="e">
        <f t="shared" si="1185"/>
        <v>#N/A</v>
      </c>
    </row>
    <row r="5082" spans="1:20" x14ac:dyDescent="0.2">
      <c r="A5082" s="53">
        <f t="shared" si="1186"/>
        <v>5070</v>
      </c>
      <c r="B5082" s="239">
        <v>50.32</v>
      </c>
      <c r="C5082" s="3">
        <f t="shared" si="1187"/>
        <v>50.313000000000002</v>
      </c>
      <c r="D5082" s="239">
        <v>5.5007000000000001</v>
      </c>
      <c r="E5082" s="239">
        <v>0.15490000000000001</v>
      </c>
      <c r="F5082" s="239">
        <v>1.036</v>
      </c>
      <c r="G5082">
        <f t="shared" si="1188"/>
        <v>5.7079000000000004</v>
      </c>
      <c r="H5082" s="235">
        <f t="shared" si="1189"/>
        <v>2.7137826521137369</v>
      </c>
      <c r="I5082" s="236">
        <f t="shared" si="1190"/>
        <v>19.838410602600177</v>
      </c>
      <c r="J5082" s="237">
        <f t="shared" si="1195"/>
        <v>9.8384106026001774</v>
      </c>
      <c r="K5082" s="237">
        <f t="shared" si="1191"/>
        <v>998.12995264862275</v>
      </c>
      <c r="L5082" s="237">
        <f t="shared" si="1196"/>
        <v>495.06882152284095</v>
      </c>
      <c r="M5082" s="236">
        <f t="shared" si="1192"/>
        <v>9.5133642891589041</v>
      </c>
      <c r="N5082" s="236">
        <f t="shared" si="1193"/>
        <v>3.2889079178528209</v>
      </c>
      <c r="O5082" s="236">
        <f t="shared" si="1197"/>
        <v>3.037391558548026</v>
      </c>
      <c r="P5082" s="236" t="str">
        <f t="shared" si="1198"/>
        <v>CLAY</v>
      </c>
      <c r="Q5082" s="236">
        <f t="shared" si="1194"/>
        <v>392.4808372792815</v>
      </c>
      <c r="R5082" s="238">
        <v>35</v>
      </c>
      <c r="S5082" s="236">
        <f t="shared" si="1199"/>
        <v>4.1769345260818209</v>
      </c>
      <c r="T5082" s="236" t="e">
        <f t="shared" si="1185"/>
        <v>#N/A</v>
      </c>
    </row>
    <row r="5083" spans="1:20" x14ac:dyDescent="0.2">
      <c r="A5083" s="53">
        <f t="shared" si="1186"/>
        <v>5071</v>
      </c>
      <c r="B5083" s="239">
        <v>50.329000000000001</v>
      </c>
      <c r="C5083" s="3">
        <f t="shared" si="1187"/>
        <v>50.322000000000003</v>
      </c>
      <c r="D5083" s="239">
        <v>5.4687999999999999</v>
      </c>
      <c r="E5083" s="239">
        <v>0.153</v>
      </c>
      <c r="F5083" s="239">
        <v>0.82640000000000002</v>
      </c>
      <c r="G5083">
        <f t="shared" si="1188"/>
        <v>5.63408</v>
      </c>
      <c r="H5083" s="235">
        <f t="shared" si="1189"/>
        <v>2.7156163916735294</v>
      </c>
      <c r="I5083" s="236">
        <f t="shared" si="1190"/>
        <v>19.818850626024602</v>
      </c>
      <c r="J5083" s="237">
        <f t="shared" si="1195"/>
        <v>9.8188506260246022</v>
      </c>
      <c r="K5083" s="237">
        <f t="shared" si="1191"/>
        <v>997.32420120281006</v>
      </c>
      <c r="L5083" s="237">
        <f t="shared" si="1196"/>
        <v>494.17293315719223</v>
      </c>
      <c r="M5083" s="236">
        <f t="shared" si="1192"/>
        <v>9.3828607106700375</v>
      </c>
      <c r="N5083" s="236">
        <f t="shared" si="1193"/>
        <v>3.299720896228552</v>
      </c>
      <c r="O5083" s="236">
        <f t="shared" si="1197"/>
        <v>3.0431286707446379</v>
      </c>
      <c r="P5083" s="236" t="str">
        <f t="shared" si="1198"/>
        <v>CLAY</v>
      </c>
      <c r="Q5083" s="236">
        <f t="shared" si="1194"/>
        <v>386.39631656643246</v>
      </c>
      <c r="R5083" s="238">
        <v>35</v>
      </c>
      <c r="S5083" s="236">
        <f t="shared" si="1199"/>
        <v>4.1054341940197503</v>
      </c>
      <c r="T5083" s="236" t="e">
        <f t="shared" si="1185"/>
        <v>#N/A</v>
      </c>
    </row>
    <row r="5084" spans="1:20" x14ac:dyDescent="0.2">
      <c r="A5084" s="53">
        <f t="shared" si="1186"/>
        <v>5072</v>
      </c>
      <c r="B5084" s="239">
        <v>50.338999999999999</v>
      </c>
      <c r="C5084" s="3">
        <f t="shared" si="1187"/>
        <v>50.332000000000001</v>
      </c>
      <c r="D5084" s="239">
        <v>5.3951000000000002</v>
      </c>
      <c r="E5084" s="239">
        <v>0.1492</v>
      </c>
      <c r="F5084" s="239">
        <v>0.8226</v>
      </c>
      <c r="G5084">
        <f t="shared" si="1188"/>
        <v>5.5596199999999998</v>
      </c>
      <c r="H5084" s="235">
        <f t="shared" si="1189"/>
        <v>2.6836366514258172</v>
      </c>
      <c r="I5084" s="236">
        <f t="shared" si="1190"/>
        <v>19.784159474565101</v>
      </c>
      <c r="J5084" s="237">
        <f t="shared" si="1195"/>
        <v>9.7841594745651008</v>
      </c>
      <c r="K5084" s="237">
        <f t="shared" si="1191"/>
        <v>995.7763146738107</v>
      </c>
      <c r="L5084" s="237">
        <f t="shared" si="1196"/>
        <v>492.52480379013258</v>
      </c>
      <c r="M5084" s="236">
        <f t="shared" si="1192"/>
        <v>9.2662210110150447</v>
      </c>
      <c r="N5084" s="236">
        <f t="shared" si="1193"/>
        <v>3.2691741936673337</v>
      </c>
      <c r="O5084" s="236">
        <f t="shared" si="1197"/>
        <v>3.0452868029463005</v>
      </c>
      <c r="P5084" s="236" t="str">
        <f t="shared" si="1198"/>
        <v>CLAY</v>
      </c>
      <c r="Q5084" s="236">
        <f t="shared" si="1194"/>
        <v>380.32030711051578</v>
      </c>
      <c r="R5084" s="238">
        <v>35</v>
      </c>
      <c r="S5084" s="236">
        <f t="shared" si="1199"/>
        <v>4.0417395745210394</v>
      </c>
      <c r="T5084" s="236" t="e">
        <f t="shared" si="1185"/>
        <v>#N/A</v>
      </c>
    </row>
    <row r="5085" spans="1:20" x14ac:dyDescent="0.2">
      <c r="A5085" s="53">
        <f t="shared" si="1186"/>
        <v>5073</v>
      </c>
      <c r="B5085" s="239">
        <v>50.348999999999997</v>
      </c>
      <c r="C5085" s="3">
        <f t="shared" si="1187"/>
        <v>50.341999999999999</v>
      </c>
      <c r="D5085" s="239">
        <v>5.4389000000000003</v>
      </c>
      <c r="E5085" s="239">
        <v>0.1464</v>
      </c>
      <c r="F5085" s="239">
        <v>0.82869999999999999</v>
      </c>
      <c r="G5085">
        <f t="shared" si="1188"/>
        <v>5.6046399999999998</v>
      </c>
      <c r="H5085" s="235">
        <f t="shared" si="1189"/>
        <v>2.6121213851380287</v>
      </c>
      <c r="I5085" s="236">
        <f t="shared" si="1190"/>
        <v>19.765096911341498</v>
      </c>
      <c r="J5085" s="237">
        <f t="shared" si="1195"/>
        <v>9.765096911341498</v>
      </c>
      <c r="K5085" s="237">
        <f t="shared" si="1191"/>
        <v>995.01450871075372</v>
      </c>
      <c r="L5085" s="237">
        <f t="shared" si="1196"/>
        <v>491.66286438913306</v>
      </c>
      <c r="M5085" s="236">
        <f t="shared" si="1192"/>
        <v>9.3755819793640072</v>
      </c>
      <c r="N5085" s="236">
        <f t="shared" si="1193"/>
        <v>3.1759629990907143</v>
      </c>
      <c r="O5085" s="236">
        <f t="shared" si="1197"/>
        <v>3.0339525087824293</v>
      </c>
      <c r="P5085" s="236" t="str">
        <f t="shared" si="1198"/>
        <v>CLAY</v>
      </c>
      <c r="Q5085" s="236">
        <f t="shared" si="1194"/>
        <v>384.1354576074371</v>
      </c>
      <c r="R5085" s="238">
        <v>35</v>
      </c>
      <c r="S5085" s="236">
        <f t="shared" si="1199"/>
        <v>4.1014536044230896</v>
      </c>
      <c r="T5085" s="236" t="e">
        <f t="shared" si="1185"/>
        <v>#N/A</v>
      </c>
    </row>
    <row r="5086" spans="1:20" x14ac:dyDescent="0.2">
      <c r="A5086" s="53">
        <f t="shared" si="1186"/>
        <v>5074</v>
      </c>
      <c r="B5086" s="239">
        <v>50.359000000000002</v>
      </c>
      <c r="C5086" s="3">
        <f t="shared" si="1187"/>
        <v>50.352000000000004</v>
      </c>
      <c r="D5086" s="239">
        <v>5.2483000000000004</v>
      </c>
      <c r="E5086" s="239">
        <v>0.1462</v>
      </c>
      <c r="F5086" s="239">
        <v>0.85550000000000004</v>
      </c>
      <c r="G5086">
        <f t="shared" si="1188"/>
        <v>5.4194000000000004</v>
      </c>
      <c r="H5086" s="235">
        <f t="shared" si="1189"/>
        <v>2.6977156142746428</v>
      </c>
      <c r="I5086" s="236">
        <f t="shared" si="1190"/>
        <v>19.750357046758932</v>
      </c>
      <c r="J5086" s="237">
        <f t="shared" si="1195"/>
        <v>9.750357046758932</v>
      </c>
      <c r="K5086" s="237">
        <f t="shared" si="1191"/>
        <v>994.46997801840587</v>
      </c>
      <c r="L5086" s="237">
        <f t="shared" si="1196"/>
        <v>491.01823051773306</v>
      </c>
      <c r="M5086" s="236">
        <f t="shared" si="1192"/>
        <v>9.0117428375641317</v>
      </c>
      <c r="N5086" s="236">
        <f t="shared" si="1193"/>
        <v>3.304007052625161</v>
      </c>
      <c r="O5086" s="236">
        <f t="shared" si="1197"/>
        <v>3.0578506018071843</v>
      </c>
      <c r="P5086" s="236" t="str">
        <f t="shared" si="1198"/>
        <v>CLAY</v>
      </c>
      <c r="Q5086" s="236">
        <f t="shared" si="1194"/>
        <v>368.74416849846625</v>
      </c>
      <c r="R5086" s="238">
        <v>35</v>
      </c>
      <c r="S5086" s="236">
        <f t="shared" si="1199"/>
        <v>3.9034713506000975</v>
      </c>
      <c r="T5086" s="236" t="e">
        <f t="shared" si="1185"/>
        <v>#N/A</v>
      </c>
    </row>
    <row r="5087" spans="1:20" x14ac:dyDescent="0.2">
      <c r="A5087" s="53">
        <f t="shared" si="1186"/>
        <v>5075</v>
      </c>
      <c r="B5087" s="239">
        <v>50.368000000000002</v>
      </c>
      <c r="C5087" s="3">
        <f t="shared" si="1187"/>
        <v>50.361000000000004</v>
      </c>
      <c r="D5087" s="239">
        <v>5.0720000000000001</v>
      </c>
      <c r="E5087" s="239">
        <v>0.14710000000000001</v>
      </c>
      <c r="F5087" s="239">
        <v>0.84609999999999996</v>
      </c>
      <c r="G5087">
        <f t="shared" si="1188"/>
        <v>5.2412200000000002</v>
      </c>
      <c r="H5087" s="235">
        <f t="shared" si="1189"/>
        <v>2.8065984637164627</v>
      </c>
      <c r="I5087" s="236">
        <f t="shared" si="1190"/>
        <v>19.744486421367661</v>
      </c>
      <c r="J5087" s="237">
        <f t="shared" si="1195"/>
        <v>9.744486421367661</v>
      </c>
      <c r="K5087" s="237">
        <f t="shared" si="1191"/>
        <v>994.35208066649682</v>
      </c>
      <c r="L5087" s="237">
        <f t="shared" si="1196"/>
        <v>490.81029207144638</v>
      </c>
      <c r="M5087" s="236">
        <f t="shared" si="1192"/>
        <v>8.6527686724126287</v>
      </c>
      <c r="N5087" s="236">
        <f t="shared" si="1193"/>
        <v>3.463729100929648</v>
      </c>
      <c r="O5087" s="236">
        <f t="shared" si="1197"/>
        <v>3.0840392543857891</v>
      </c>
      <c r="P5087" s="236" t="str">
        <f t="shared" si="1198"/>
        <v>CLAY</v>
      </c>
      <c r="Q5087" s="236">
        <f t="shared" si="1194"/>
        <v>353.90565994445865</v>
      </c>
      <c r="R5087" s="238">
        <v>35</v>
      </c>
      <c r="S5087" s="236">
        <f t="shared" si="1199"/>
        <v>3.7100851328349913</v>
      </c>
      <c r="T5087" s="236" t="e">
        <f t="shared" si="1185"/>
        <v>#N/A</v>
      </c>
    </row>
    <row r="5088" spans="1:20" x14ac:dyDescent="0.2">
      <c r="A5088" s="53">
        <f t="shared" si="1186"/>
        <v>5076</v>
      </c>
      <c r="B5088" s="239">
        <v>50.378</v>
      </c>
      <c r="C5088" s="3">
        <f t="shared" si="1187"/>
        <v>50.371000000000002</v>
      </c>
      <c r="D5088" s="239">
        <v>5.2281000000000004</v>
      </c>
      <c r="E5088" s="239">
        <v>0.1449</v>
      </c>
      <c r="F5088" s="239">
        <v>0.6542</v>
      </c>
      <c r="G5088">
        <f t="shared" si="1188"/>
        <v>5.3589400000000005</v>
      </c>
      <c r="H5088" s="235">
        <f t="shared" si="1189"/>
        <v>2.7038929340503901</v>
      </c>
      <c r="I5088" s="236">
        <f t="shared" si="1190"/>
        <v>19.735498700298105</v>
      </c>
      <c r="J5088" s="237">
        <f t="shared" si="1195"/>
        <v>9.7354987002981055</v>
      </c>
      <c r="K5088" s="237">
        <f t="shared" si="1191"/>
        <v>994.09680503271591</v>
      </c>
      <c r="L5088" s="237">
        <f t="shared" si="1196"/>
        <v>490.45495352361797</v>
      </c>
      <c r="M5088" s="236">
        <f t="shared" si="1192"/>
        <v>8.899580203255292</v>
      </c>
      <c r="N5088" s="236">
        <f t="shared" si="1193"/>
        <v>3.3197068835616226</v>
      </c>
      <c r="O5088" s="236">
        <f t="shared" si="1197"/>
        <v>3.0634957664928639</v>
      </c>
      <c r="P5088" s="236" t="str">
        <f t="shared" si="1198"/>
        <v>CLAY</v>
      </c>
      <c r="Q5088" s="236">
        <f t="shared" si="1194"/>
        <v>363.73693291394039</v>
      </c>
      <c r="R5088" s="238">
        <v>35</v>
      </c>
      <c r="S5088" s="236">
        <f t="shared" si="1199"/>
        <v>3.8428365284537698</v>
      </c>
      <c r="T5088" s="236" t="e">
        <f t="shared" si="1185"/>
        <v>#N/A</v>
      </c>
    </row>
    <row r="5089" spans="1:20" x14ac:dyDescent="0.2">
      <c r="A5089" s="53">
        <f t="shared" si="1186"/>
        <v>5077</v>
      </c>
      <c r="B5089" s="239">
        <v>50.387999999999998</v>
      </c>
      <c r="C5089" s="3">
        <f t="shared" si="1187"/>
        <v>50.381</v>
      </c>
      <c r="D5089" s="239">
        <v>5.1783000000000001</v>
      </c>
      <c r="E5089" s="239">
        <v>0.14949999999999999</v>
      </c>
      <c r="F5089" s="239">
        <v>0.76590000000000003</v>
      </c>
      <c r="G5089">
        <f t="shared" si="1188"/>
        <v>5.33148</v>
      </c>
      <c r="H5089" s="235">
        <f t="shared" si="1189"/>
        <v>2.804099424550031</v>
      </c>
      <c r="I5089" s="236">
        <f t="shared" si="1190"/>
        <v>19.770137280503949</v>
      </c>
      <c r="J5089" s="237">
        <f t="shared" si="1195"/>
        <v>9.770137280503949</v>
      </c>
      <c r="K5089" s="237">
        <f t="shared" si="1191"/>
        <v>996.03928632906945</v>
      </c>
      <c r="L5089" s="237">
        <f t="shared" si="1196"/>
        <v>492.29767729003299</v>
      </c>
      <c r="M5089" s="236">
        <f t="shared" si="1192"/>
        <v>8.8065431011910764</v>
      </c>
      <c r="N5089" s="236">
        <f t="shared" si="1193"/>
        <v>3.4483230165870369</v>
      </c>
      <c r="O5089" s="236">
        <f t="shared" si="1197"/>
        <v>3.0766529075993119</v>
      </c>
      <c r="P5089" s="236" t="str">
        <f t="shared" si="1198"/>
        <v>CLAY</v>
      </c>
      <c r="Q5089" s="236">
        <f t="shared" si="1194"/>
        <v>361.28672613924419</v>
      </c>
      <c r="R5089" s="238">
        <v>35</v>
      </c>
      <c r="S5089" s="236">
        <f t="shared" si="1199"/>
        <v>3.7926855750610526</v>
      </c>
      <c r="T5089" s="236" t="e">
        <f t="shared" si="1185"/>
        <v>#N/A</v>
      </c>
    </row>
    <row r="5090" spans="1:20" x14ac:dyDescent="0.2">
      <c r="A5090" s="53">
        <f t="shared" si="1186"/>
        <v>5078</v>
      </c>
      <c r="B5090" s="239">
        <v>50.398000000000003</v>
      </c>
      <c r="C5090" s="3">
        <f t="shared" si="1187"/>
        <v>50.391000000000005</v>
      </c>
      <c r="D5090" s="239">
        <v>5.1311999999999998</v>
      </c>
      <c r="E5090" s="239">
        <v>0.1522</v>
      </c>
      <c r="F5090" s="239">
        <v>0.84419999999999995</v>
      </c>
      <c r="G5090">
        <f t="shared" si="1188"/>
        <v>5.3000400000000001</v>
      </c>
      <c r="H5090" s="235">
        <f t="shared" si="1189"/>
        <v>2.8716764401778101</v>
      </c>
      <c r="I5090" s="236">
        <f t="shared" si="1190"/>
        <v>19.788813848510141</v>
      </c>
      <c r="J5090" s="237">
        <f t="shared" si="1195"/>
        <v>9.7888138485101415</v>
      </c>
      <c r="K5090" s="237">
        <f t="shared" si="1191"/>
        <v>997.17811864027465</v>
      </c>
      <c r="L5090" s="237">
        <f t="shared" si="1196"/>
        <v>493.33664033721413</v>
      </c>
      <c r="M5090" s="236">
        <f t="shared" si="1192"/>
        <v>8.72195886042147</v>
      </c>
      <c r="N5090" s="236">
        <f t="shared" si="1193"/>
        <v>3.5371806996487662</v>
      </c>
      <c r="O5090" s="236">
        <f t="shared" si="1197"/>
        <v>3.0864124516666993</v>
      </c>
      <c r="P5090" s="236" t="str">
        <f t="shared" si="1198"/>
        <v>CLAY</v>
      </c>
      <c r="Q5090" s="236">
        <f t="shared" si="1194"/>
        <v>358.57182344664375</v>
      </c>
      <c r="R5090" s="238">
        <v>35</v>
      </c>
      <c r="S5090" s="236">
        <f t="shared" si="1199"/>
        <v>3.7472058466519593</v>
      </c>
      <c r="T5090" s="236" t="e">
        <f t="shared" si="1185"/>
        <v>#N/A</v>
      </c>
    </row>
    <row r="5091" spans="1:20" x14ac:dyDescent="0.2">
      <c r="A5091" s="53">
        <f t="shared" si="1186"/>
        <v>5079</v>
      </c>
      <c r="B5091" s="239">
        <v>50.406999999999996</v>
      </c>
      <c r="C5091" s="3">
        <f t="shared" si="1187"/>
        <v>50.4</v>
      </c>
      <c r="D5091" s="239">
        <v>5.1367000000000003</v>
      </c>
      <c r="E5091" s="239">
        <v>0.1424</v>
      </c>
      <c r="F5091" s="239">
        <v>0.83589999999999998</v>
      </c>
      <c r="G5091">
        <f t="shared" si="1188"/>
        <v>5.3038800000000004</v>
      </c>
      <c r="H5091" s="235">
        <f t="shared" si="1189"/>
        <v>2.6848269568693106</v>
      </c>
      <c r="I5091" s="236">
        <f t="shared" si="1190"/>
        <v>19.711054346151446</v>
      </c>
      <c r="J5091" s="237">
        <f t="shared" si="1195"/>
        <v>9.711054346151446</v>
      </c>
      <c r="K5091" s="237">
        <f t="shared" si="1191"/>
        <v>993.43713904603283</v>
      </c>
      <c r="L5091" s="237">
        <f t="shared" si="1196"/>
        <v>489.50511642645591</v>
      </c>
      <c r="M5091" s="236">
        <f t="shared" si="1192"/>
        <v>8.8057156428140733</v>
      </c>
      <c r="N5091" s="236">
        <f t="shared" si="1193"/>
        <v>3.3036048636655559</v>
      </c>
      <c r="O5091" s="236">
        <f t="shared" si="1197"/>
        <v>3.0660875947386748</v>
      </c>
      <c r="P5091" s="236" t="str">
        <f t="shared" si="1198"/>
        <v>CLAY</v>
      </c>
      <c r="Q5091" s="236">
        <f t="shared" si="1194"/>
        <v>359.20357174616396</v>
      </c>
      <c r="R5091" s="238">
        <v>35</v>
      </c>
      <c r="S5091" s="236">
        <f t="shared" si="1199"/>
        <v>3.7922401317477012</v>
      </c>
      <c r="T5091" s="236" t="e">
        <f t="shared" si="1185"/>
        <v>#N/A</v>
      </c>
    </row>
    <row r="5092" spans="1:20" x14ac:dyDescent="0.2">
      <c r="A5092" s="53">
        <f t="shared" si="1186"/>
        <v>5080</v>
      </c>
      <c r="B5092" s="239">
        <v>50.417999999999999</v>
      </c>
      <c r="C5092" s="3">
        <f t="shared" si="1187"/>
        <v>50.411000000000001</v>
      </c>
      <c r="D5092" s="239">
        <v>4.6971999999999996</v>
      </c>
      <c r="E5092" s="239">
        <v>0.13689999999999999</v>
      </c>
      <c r="F5092" s="239">
        <v>0.83809999999999996</v>
      </c>
      <c r="G5092">
        <f t="shared" si="1188"/>
        <v>4.8648199999999999</v>
      </c>
      <c r="H5092" s="235">
        <f t="shared" si="1189"/>
        <v>2.8140815076405703</v>
      </c>
      <c r="I5092" s="236">
        <f t="shared" si="1190"/>
        <v>19.631092462616117</v>
      </c>
      <c r="J5092" s="237">
        <f t="shared" si="1195"/>
        <v>9.6310924626161167</v>
      </c>
      <c r="K5092" s="237">
        <f t="shared" si="1191"/>
        <v>989.62300213294111</v>
      </c>
      <c r="L5092" s="237">
        <f t="shared" si="1196"/>
        <v>485.58041978017934</v>
      </c>
      <c r="M5092" s="236">
        <f t="shared" si="1192"/>
        <v>7.9805462494170332</v>
      </c>
      <c r="N5092" s="236">
        <f t="shared" si="1193"/>
        <v>3.5327236286400643</v>
      </c>
      <c r="O5092" s="236">
        <f t="shared" si="1197"/>
        <v>3.1177986227088224</v>
      </c>
      <c r="P5092" s="236" t="str">
        <f t="shared" si="1198"/>
        <v>CLAY</v>
      </c>
      <c r="Q5092" s="236">
        <f t="shared" si="1194"/>
        <v>322.93308315558824</v>
      </c>
      <c r="R5092" s="238">
        <v>35</v>
      </c>
      <c r="S5092" s="236">
        <f t="shared" si="1199"/>
        <v>3.3533646524734779</v>
      </c>
      <c r="T5092" s="236" t="e">
        <f t="shared" si="1185"/>
        <v>#N/A</v>
      </c>
    </row>
    <row r="5093" spans="1:20" x14ac:dyDescent="0.2">
      <c r="A5093" s="53">
        <f t="shared" si="1186"/>
        <v>5081</v>
      </c>
      <c r="B5093" s="239">
        <v>50.427</v>
      </c>
      <c r="C5093" s="3">
        <f t="shared" si="1187"/>
        <v>50.42</v>
      </c>
      <c r="D5093" s="239">
        <v>4.6097000000000001</v>
      </c>
      <c r="E5093" s="239">
        <v>0.13120000000000001</v>
      </c>
      <c r="F5093" s="239">
        <v>0.75180000000000002</v>
      </c>
      <c r="G5093">
        <f t="shared" si="1188"/>
        <v>4.7600600000000002</v>
      </c>
      <c r="H5093" s="235">
        <f t="shared" si="1189"/>
        <v>2.7562677781372504</v>
      </c>
      <c r="I5093" s="236">
        <f t="shared" si="1190"/>
        <v>19.572715593277085</v>
      </c>
      <c r="J5093" s="237">
        <f t="shared" si="1195"/>
        <v>9.5727155932770849</v>
      </c>
      <c r="K5093" s="237">
        <f t="shared" si="1191"/>
        <v>986.8563202130307</v>
      </c>
      <c r="L5093" s="237">
        <f t="shared" si="1196"/>
        <v>482.72332922218357</v>
      </c>
      <c r="M5093" s="236">
        <f t="shared" si="1192"/>
        <v>7.8164933231355658</v>
      </c>
      <c r="N5093" s="236">
        <f t="shared" si="1193"/>
        <v>3.4771512787087975</v>
      </c>
      <c r="O5093" s="236">
        <f t="shared" si="1197"/>
        <v>3.1213419983730568</v>
      </c>
      <c r="P5093" s="236" t="str">
        <f t="shared" si="1198"/>
        <v>CLAY</v>
      </c>
      <c r="Q5093" s="236">
        <f t="shared" si="1194"/>
        <v>314.43363998224748</v>
      </c>
      <c r="R5093" s="238">
        <v>35</v>
      </c>
      <c r="S5093" s="236">
        <f t="shared" si="1199"/>
        <v>3.2674199787803522</v>
      </c>
      <c r="T5093" s="236" t="e">
        <f t="shared" si="1185"/>
        <v>#N/A</v>
      </c>
    </row>
    <row r="5094" spans="1:20" x14ac:dyDescent="0.2">
      <c r="A5094" s="53">
        <f t="shared" si="1186"/>
        <v>5082</v>
      </c>
      <c r="B5094" s="239">
        <v>50.438000000000002</v>
      </c>
      <c r="C5094" s="3">
        <f t="shared" si="1187"/>
        <v>50.431000000000004</v>
      </c>
      <c r="D5094" s="239">
        <v>4.2996999999999996</v>
      </c>
      <c r="E5094" s="239">
        <v>0.13220000000000001</v>
      </c>
      <c r="F5094" s="239">
        <v>0.7994</v>
      </c>
      <c r="G5094">
        <f t="shared" si="1188"/>
        <v>4.4595799999999999</v>
      </c>
      <c r="H5094" s="235">
        <f t="shared" si="1189"/>
        <v>2.9644047197269701</v>
      </c>
      <c r="I5094" s="236">
        <f t="shared" si="1190"/>
        <v>19.556132546476203</v>
      </c>
      <c r="J5094" s="237">
        <f t="shared" si="1195"/>
        <v>9.5561325464762028</v>
      </c>
      <c r="K5094" s="237">
        <f t="shared" si="1191"/>
        <v>986.23532045134152</v>
      </c>
      <c r="L5094" s="237">
        <f t="shared" si="1196"/>
        <v>481.99221337916674</v>
      </c>
      <c r="M5094" s="236">
        <f t="shared" si="1192"/>
        <v>7.2062257089126405</v>
      </c>
      <c r="N5094" s="236">
        <f t="shared" si="1193"/>
        <v>3.8061296011998058</v>
      </c>
      <c r="O5094" s="236">
        <f t="shared" si="1197"/>
        <v>3.1726662785196278</v>
      </c>
      <c r="P5094" s="236" t="str">
        <f t="shared" si="1198"/>
        <v>CLAY</v>
      </c>
      <c r="Q5094" s="236">
        <f t="shared" si="1194"/>
        <v>289.44538996238822</v>
      </c>
      <c r="R5094" s="238">
        <v>35</v>
      </c>
      <c r="S5094" s="236">
        <f t="shared" si="1199"/>
        <v>2.9517178019461183</v>
      </c>
      <c r="T5094" s="236" t="e">
        <f t="shared" si="1185"/>
        <v>#N/A</v>
      </c>
    </row>
    <row r="5095" spans="1:20" x14ac:dyDescent="0.2">
      <c r="A5095" s="53">
        <f t="shared" si="1186"/>
        <v>5083</v>
      </c>
      <c r="B5095" s="239">
        <v>50.447000000000003</v>
      </c>
      <c r="C5095" s="3">
        <f t="shared" si="1187"/>
        <v>50.440000000000005</v>
      </c>
      <c r="D5095" s="239">
        <v>4.1746999999999996</v>
      </c>
      <c r="E5095" s="239">
        <v>0.15079999999999999</v>
      </c>
      <c r="F5095" s="239">
        <v>0.87070000000000003</v>
      </c>
      <c r="G5095">
        <f t="shared" si="1188"/>
        <v>4.3488399999999992</v>
      </c>
      <c r="H5095" s="235">
        <f t="shared" si="1189"/>
        <v>3.4675913576953854</v>
      </c>
      <c r="I5095" s="236">
        <f t="shared" si="1190"/>
        <v>19.700662763207248</v>
      </c>
      <c r="J5095" s="237">
        <f t="shared" si="1195"/>
        <v>9.700662763207248</v>
      </c>
      <c r="K5095" s="237">
        <f t="shared" si="1191"/>
        <v>993.70142977617365</v>
      </c>
      <c r="L5095" s="237">
        <f t="shared" si="1196"/>
        <v>489.36933441551605</v>
      </c>
      <c r="M5095" s="236">
        <f t="shared" si="1192"/>
        <v>6.8560458007265099</v>
      </c>
      <c r="N5095" s="236">
        <f t="shared" si="1193"/>
        <v>4.4945982660245205</v>
      </c>
      <c r="O5095" s="236">
        <f t="shared" si="1197"/>
        <v>3.2318011745772504</v>
      </c>
      <c r="P5095" s="236" t="str">
        <f t="shared" si="1198"/>
        <v>CLAY</v>
      </c>
      <c r="Q5095" s="236">
        <f t="shared" si="1194"/>
        <v>279.59488085198547</v>
      </c>
      <c r="R5095" s="238">
        <v>35</v>
      </c>
      <c r="S5095" s="236">
        <f t="shared" si="1199"/>
        <v>2.7735253927316612</v>
      </c>
      <c r="T5095" s="236" t="e">
        <f t="shared" si="1185"/>
        <v>#N/A</v>
      </c>
    </row>
    <row r="5096" spans="1:20" x14ac:dyDescent="0.2">
      <c r="A5096" s="53">
        <f t="shared" si="1186"/>
        <v>5084</v>
      </c>
      <c r="B5096" s="239">
        <v>50.456000000000003</v>
      </c>
      <c r="C5096" s="3">
        <f t="shared" si="1187"/>
        <v>50.449000000000005</v>
      </c>
      <c r="D5096" s="239">
        <v>4.3876999999999997</v>
      </c>
      <c r="E5096" s="239">
        <v>0.1638</v>
      </c>
      <c r="F5096" s="239">
        <v>0.94810000000000005</v>
      </c>
      <c r="G5096">
        <f t="shared" si="1188"/>
        <v>4.5773199999999994</v>
      </c>
      <c r="H5096" s="235">
        <f t="shared" si="1189"/>
        <v>3.5785131911249382</v>
      </c>
      <c r="I5096" s="236">
        <f t="shared" si="1190"/>
        <v>19.817640724904969</v>
      </c>
      <c r="J5096" s="237">
        <f t="shared" si="1195"/>
        <v>9.8176407249049689</v>
      </c>
      <c r="K5096" s="237">
        <f t="shared" si="1191"/>
        <v>999.78015693073087</v>
      </c>
      <c r="L5096" s="237">
        <f t="shared" si="1196"/>
        <v>495.35888041580512</v>
      </c>
      <c r="M5096" s="236">
        <f t="shared" si="1192"/>
        <v>7.2221171044037318</v>
      </c>
      <c r="N5096" s="236">
        <f t="shared" si="1193"/>
        <v>4.578565360140658</v>
      </c>
      <c r="O5096" s="236">
        <f t="shared" si="1197"/>
        <v>3.2181075342253136</v>
      </c>
      <c r="P5096" s="236" t="str">
        <f t="shared" si="1198"/>
        <v>CLAY</v>
      </c>
      <c r="Q5096" s="236">
        <f t="shared" si="1194"/>
        <v>298.12832025577239</v>
      </c>
      <c r="R5096" s="238">
        <v>35</v>
      </c>
      <c r="S5096" s="236">
        <f t="shared" si="1199"/>
        <v>2.9598565696967341</v>
      </c>
      <c r="T5096" s="236" t="e">
        <f t="shared" si="1185"/>
        <v>#N/A</v>
      </c>
    </row>
    <row r="5097" spans="1:20" x14ac:dyDescent="0.2">
      <c r="A5097" s="53">
        <f t="shared" si="1186"/>
        <v>5085</v>
      </c>
      <c r="B5097" s="239">
        <v>50.466999999999999</v>
      </c>
      <c r="C5097" s="3">
        <f t="shared" si="1187"/>
        <v>50.46</v>
      </c>
      <c r="D5097" s="239">
        <v>4.9546000000000001</v>
      </c>
      <c r="E5097" s="239">
        <v>0.16900000000000001</v>
      </c>
      <c r="F5097" s="239">
        <v>1.0013000000000001</v>
      </c>
      <c r="G5097">
        <f t="shared" si="1188"/>
        <v>5.1548600000000002</v>
      </c>
      <c r="H5097" s="235">
        <f t="shared" si="1189"/>
        <v>3.278459550792844</v>
      </c>
      <c r="I5097" s="236">
        <f t="shared" si="1190"/>
        <v>19.900732344201586</v>
      </c>
      <c r="J5097" s="237">
        <f t="shared" si="1195"/>
        <v>9.900732344201586</v>
      </c>
      <c r="K5097" s="237">
        <f t="shared" si="1191"/>
        <v>1004.190954088412</v>
      </c>
      <c r="L5097" s="237">
        <f t="shared" si="1196"/>
        <v>499.66025921482145</v>
      </c>
      <c r="M5097" s="236">
        <f t="shared" si="1192"/>
        <v>8.306982533359875</v>
      </c>
      <c r="N5097" s="236">
        <f t="shared" si="1193"/>
        <v>4.0716327447611143</v>
      </c>
      <c r="O5097" s="236">
        <f t="shared" si="1197"/>
        <v>3.1390114076408238</v>
      </c>
      <c r="P5097" s="236" t="str">
        <f t="shared" si="1198"/>
        <v>CLAY</v>
      </c>
      <c r="Q5097" s="236">
        <f t="shared" si="1194"/>
        <v>345.88908715929909</v>
      </c>
      <c r="R5097" s="238">
        <v>35</v>
      </c>
      <c r="S5097" s="236">
        <f t="shared" si="1199"/>
        <v>3.5256900523828354</v>
      </c>
      <c r="T5097" s="236" t="e">
        <f t="shared" si="1185"/>
        <v>#N/A</v>
      </c>
    </row>
    <row r="5098" spans="1:20" x14ac:dyDescent="0.2">
      <c r="A5098" s="53">
        <f t="shared" si="1186"/>
        <v>5086</v>
      </c>
      <c r="B5098" s="239">
        <v>50.475999999999999</v>
      </c>
      <c r="C5098" s="3">
        <f t="shared" si="1187"/>
        <v>50.469000000000001</v>
      </c>
      <c r="D5098" s="239">
        <v>5.4038000000000004</v>
      </c>
      <c r="E5098" s="239">
        <v>0.1653</v>
      </c>
      <c r="F5098" s="239">
        <v>0.92820000000000003</v>
      </c>
      <c r="G5098">
        <f t="shared" si="1188"/>
        <v>5.5894400000000006</v>
      </c>
      <c r="H5098" s="235">
        <f t="shared" si="1189"/>
        <v>2.9573624549149824</v>
      </c>
      <c r="I5098" s="236">
        <f t="shared" si="1190"/>
        <v>19.906411227736164</v>
      </c>
      <c r="J5098" s="237">
        <f t="shared" si="1195"/>
        <v>9.9064112277361644</v>
      </c>
      <c r="K5098" s="237">
        <f t="shared" si="1191"/>
        <v>1004.6566682526166</v>
      </c>
      <c r="L5098" s="237">
        <f t="shared" si="1196"/>
        <v>500.03601313121061</v>
      </c>
      <c r="M5098" s="236">
        <f t="shared" si="1192"/>
        <v>9.1689062614462653</v>
      </c>
      <c r="N5098" s="236">
        <f t="shared" si="1193"/>
        <v>3.6054048368082805</v>
      </c>
      <c r="O5098" s="236">
        <f t="shared" si="1197"/>
        <v>3.073440581227656</v>
      </c>
      <c r="P5098" s="236" t="str">
        <f t="shared" si="1198"/>
        <v>CLAY</v>
      </c>
      <c r="Q5098" s="236">
        <f t="shared" si="1194"/>
        <v>382.06527764561537</v>
      </c>
      <c r="R5098" s="238">
        <v>35</v>
      </c>
      <c r="S5098" s="236">
        <f t="shared" si="1199"/>
        <v>3.9887509862665262</v>
      </c>
      <c r="T5098" s="236" t="e">
        <f t="shared" si="1185"/>
        <v>#N/A</v>
      </c>
    </row>
    <row r="5099" spans="1:20" x14ac:dyDescent="0.2">
      <c r="A5099" s="53">
        <f t="shared" si="1186"/>
        <v>5087</v>
      </c>
      <c r="B5099" s="239">
        <v>50.485999999999997</v>
      </c>
      <c r="C5099" s="3">
        <f t="shared" si="1187"/>
        <v>50.478999999999999</v>
      </c>
      <c r="D5099" s="239">
        <v>5.7172999999999998</v>
      </c>
      <c r="E5099" s="239">
        <v>0.15440000000000001</v>
      </c>
      <c r="F5099" s="239">
        <v>1.0072000000000001</v>
      </c>
      <c r="G5099">
        <f t="shared" si="1188"/>
        <v>5.9187399999999997</v>
      </c>
      <c r="H5099" s="235">
        <f t="shared" si="1189"/>
        <v>2.6086633303709914</v>
      </c>
      <c r="I5099" s="236">
        <f t="shared" si="1190"/>
        <v>19.84879708990935</v>
      </c>
      <c r="J5099" s="237">
        <f t="shared" si="1195"/>
        <v>9.8487970899093504</v>
      </c>
      <c r="K5099" s="237">
        <f t="shared" si="1191"/>
        <v>1001.947428301534</v>
      </c>
      <c r="L5099" s="237">
        <f t="shared" si="1196"/>
        <v>497.22636988116346</v>
      </c>
      <c r="M5099" s="236">
        <f t="shared" si="1192"/>
        <v>9.8884388872488262</v>
      </c>
      <c r="N5099" s="236">
        <f t="shared" si="1193"/>
        <v>3.1402585679278268</v>
      </c>
      <c r="O5099" s="236">
        <f t="shared" si="1197"/>
        <v>3.0121359448472385</v>
      </c>
      <c r="P5099" s="236" t="str">
        <f t="shared" si="1198"/>
        <v>CLAY</v>
      </c>
      <c r="Q5099" s="236">
        <f t="shared" si="1194"/>
        <v>409.73271430820546</v>
      </c>
      <c r="R5099" s="238">
        <v>35</v>
      </c>
      <c r="S5099" s="236">
        <f t="shared" si="1199"/>
        <v>4.3837893372253776</v>
      </c>
      <c r="T5099" s="236" t="e">
        <f t="shared" si="1185"/>
        <v>#N/A</v>
      </c>
    </row>
    <row r="5100" spans="1:20" x14ac:dyDescent="0.2">
      <c r="A5100" s="53">
        <f t="shared" si="1186"/>
        <v>5088</v>
      </c>
      <c r="B5100" s="239">
        <v>50.496000000000002</v>
      </c>
      <c r="C5100" s="3">
        <f t="shared" si="1187"/>
        <v>50.489000000000004</v>
      </c>
      <c r="D5100" s="239">
        <v>5.9927999999999999</v>
      </c>
      <c r="E5100" s="239">
        <v>0.14710000000000001</v>
      </c>
      <c r="F5100" s="239">
        <v>0.96120000000000005</v>
      </c>
      <c r="G5100">
        <f t="shared" si="1188"/>
        <v>6.1850399999999999</v>
      </c>
      <c r="H5100" s="235">
        <f t="shared" si="1189"/>
        <v>2.3783192994709816</v>
      </c>
      <c r="I5100" s="236">
        <f t="shared" si="1190"/>
        <v>19.809205532132871</v>
      </c>
      <c r="J5100" s="237">
        <f t="shared" si="1195"/>
        <v>9.8092055321328715</v>
      </c>
      <c r="K5100" s="237">
        <f t="shared" si="1191"/>
        <v>1000.1469781118566</v>
      </c>
      <c r="L5100" s="237">
        <f t="shared" si="1196"/>
        <v>495.32564255058151</v>
      </c>
      <c r="M5100" s="236">
        <f t="shared" si="1192"/>
        <v>10.467645073228113</v>
      </c>
      <c r="N5100" s="236">
        <f t="shared" si="1193"/>
        <v>2.8370884293854095</v>
      </c>
      <c r="O5100" s="236">
        <f t="shared" si="1197"/>
        <v>2.9667732684687418</v>
      </c>
      <c r="P5100" s="236" t="str">
        <f t="shared" si="1198"/>
        <v>CLAY</v>
      </c>
      <c r="Q5100" s="236">
        <f t="shared" si="1194"/>
        <v>432.07441849067862</v>
      </c>
      <c r="R5100" s="238">
        <v>35</v>
      </c>
      <c r="S5100" s="236">
        <f t="shared" si="1199"/>
        <v>4.7070763680468737</v>
      </c>
      <c r="T5100" s="236" t="e">
        <f t="shared" si="1185"/>
        <v>#N/A</v>
      </c>
    </row>
    <row r="5101" spans="1:20" x14ac:dyDescent="0.2">
      <c r="A5101" s="53">
        <f t="shared" si="1186"/>
        <v>5089</v>
      </c>
      <c r="B5101" s="239">
        <v>50.505000000000003</v>
      </c>
      <c r="C5101" s="3">
        <f t="shared" si="1187"/>
        <v>50.498000000000005</v>
      </c>
      <c r="D5101" s="239">
        <v>6.1982999999999997</v>
      </c>
      <c r="E5101" s="239">
        <v>0.1487</v>
      </c>
      <c r="F5101" s="239">
        <v>0.94069999999999998</v>
      </c>
      <c r="G5101">
        <f t="shared" si="1188"/>
        <v>6.3864399999999995</v>
      </c>
      <c r="H5101" s="235">
        <f t="shared" si="1189"/>
        <v>2.3283707354958318</v>
      </c>
      <c r="I5101" s="236">
        <f t="shared" si="1190"/>
        <v>19.834415622129484</v>
      </c>
      <c r="J5101" s="237">
        <f t="shared" si="1195"/>
        <v>9.8344156221294838</v>
      </c>
      <c r="K5101" s="237">
        <f t="shared" si="1191"/>
        <v>1001.5983200862947</v>
      </c>
      <c r="L5101" s="237">
        <f t="shared" si="1196"/>
        <v>496.68716099564961</v>
      </c>
      <c r="M5101" s="236">
        <f t="shared" si="1192"/>
        <v>10.841515752328597</v>
      </c>
      <c r="N5101" s="236">
        <f t="shared" si="1193"/>
        <v>2.761455374903111</v>
      </c>
      <c r="O5101" s="236">
        <f t="shared" si="1197"/>
        <v>2.9475695472310846</v>
      </c>
      <c r="P5101" s="236" t="str">
        <f t="shared" si="1198"/>
        <v>CLAY</v>
      </c>
      <c r="Q5101" s="236">
        <f t="shared" si="1194"/>
        <v>448.73680665947541</v>
      </c>
      <c r="R5101" s="238">
        <v>35</v>
      </c>
      <c r="S5101" s="236">
        <f t="shared" si="1199"/>
        <v>4.9181584350352194</v>
      </c>
      <c r="T5101" s="236" t="e">
        <f t="shared" si="1185"/>
        <v>#N/A</v>
      </c>
    </row>
    <row r="5102" spans="1:20" x14ac:dyDescent="0.2">
      <c r="A5102" s="53">
        <f t="shared" si="1186"/>
        <v>5090</v>
      </c>
      <c r="B5102" s="239">
        <v>50.515999999999998</v>
      </c>
      <c r="C5102" s="3">
        <f t="shared" si="1187"/>
        <v>50.509</v>
      </c>
      <c r="D5102" s="239">
        <v>6.0072999999999999</v>
      </c>
      <c r="E5102" s="239">
        <v>0.15010000000000001</v>
      </c>
      <c r="F5102" s="239">
        <v>0.88600000000000001</v>
      </c>
      <c r="G5102">
        <f t="shared" si="1188"/>
        <v>6.1844999999999999</v>
      </c>
      <c r="H5102" s="235">
        <f t="shared" si="1189"/>
        <v>2.4270353302611367</v>
      </c>
      <c r="I5102" s="236">
        <f t="shared" si="1190"/>
        <v>19.832845057910653</v>
      </c>
      <c r="J5102" s="237">
        <f t="shared" si="1195"/>
        <v>9.832845057910653</v>
      </c>
      <c r="K5102" s="237">
        <f t="shared" si="1191"/>
        <v>1001.7371710300092</v>
      </c>
      <c r="L5102" s="237">
        <f t="shared" si="1196"/>
        <v>496.71600094541452</v>
      </c>
      <c r="M5102" s="236">
        <f t="shared" si="1192"/>
        <v>10.434056521443807</v>
      </c>
      <c r="N5102" s="236">
        <f t="shared" si="1193"/>
        <v>2.8961386996331169</v>
      </c>
      <c r="O5102" s="236">
        <f t="shared" si="1197"/>
        <v>2.972977991101919</v>
      </c>
      <c r="P5102" s="236" t="str">
        <f t="shared" si="1198"/>
        <v>CLAY</v>
      </c>
      <c r="Q5102" s="236">
        <f t="shared" si="1194"/>
        <v>431.89690241416588</v>
      </c>
      <c r="R5102" s="238">
        <v>35</v>
      </c>
      <c r="S5102" s="236">
        <f t="shared" si="1199"/>
        <v>4.6882038791920966</v>
      </c>
      <c r="T5102" s="236" t="e">
        <f t="shared" si="1185"/>
        <v>#N/A</v>
      </c>
    </row>
    <row r="5103" spans="1:20" x14ac:dyDescent="0.2">
      <c r="A5103" s="53">
        <f t="shared" si="1186"/>
        <v>5091</v>
      </c>
      <c r="B5103" s="239">
        <v>50.524999999999999</v>
      </c>
      <c r="C5103" s="3">
        <f t="shared" si="1187"/>
        <v>50.518000000000001</v>
      </c>
      <c r="D5103" s="239">
        <v>5.8281000000000001</v>
      </c>
      <c r="E5103" s="239">
        <v>0.1474</v>
      </c>
      <c r="F5103" s="239">
        <v>0.60189999999999999</v>
      </c>
      <c r="G5103">
        <f t="shared" si="1188"/>
        <v>5.94848</v>
      </c>
      <c r="H5103" s="235">
        <f t="shared" si="1189"/>
        <v>2.4779439453440206</v>
      </c>
      <c r="I5103" s="236">
        <f t="shared" si="1190"/>
        <v>19.796351665058587</v>
      </c>
      <c r="J5103" s="237">
        <f t="shared" si="1195"/>
        <v>9.7963516650585873</v>
      </c>
      <c r="K5103" s="237">
        <f t="shared" si="1191"/>
        <v>1000.0720934154298</v>
      </c>
      <c r="L5103" s="237">
        <f t="shared" si="1196"/>
        <v>494.96066787708509</v>
      </c>
      <c r="M5103" s="236">
        <f t="shared" si="1192"/>
        <v>9.9975780455618377</v>
      </c>
      <c r="N5103" s="236">
        <f t="shared" si="1193"/>
        <v>2.9787358435803779</v>
      </c>
      <c r="O5103" s="236">
        <f t="shared" si="1197"/>
        <v>2.9951901561483618</v>
      </c>
      <c r="P5103" s="236" t="str">
        <f t="shared" si="1198"/>
        <v>CLAY</v>
      </c>
      <c r="Q5103" s="236">
        <f t="shared" si="1194"/>
        <v>412.36732554871418</v>
      </c>
      <c r="R5103" s="238">
        <v>35</v>
      </c>
      <c r="S5103" s="236">
        <f t="shared" si="1199"/>
        <v>4.4443526559372311</v>
      </c>
      <c r="T5103" s="236" t="e">
        <f t="shared" si="1185"/>
        <v>#N/A</v>
      </c>
    </row>
    <row r="5104" spans="1:20" x14ac:dyDescent="0.2">
      <c r="A5104" s="53">
        <f t="shared" si="1186"/>
        <v>5092</v>
      </c>
      <c r="B5104" s="239">
        <v>50.533999999999999</v>
      </c>
      <c r="C5104" s="3">
        <f t="shared" si="1187"/>
        <v>50.527000000000001</v>
      </c>
      <c r="D5104" s="239">
        <v>5.6051000000000002</v>
      </c>
      <c r="E5104" s="239">
        <v>0.14249999999999999</v>
      </c>
      <c r="F5104" s="239">
        <v>0.54579999999999995</v>
      </c>
      <c r="G5104">
        <f t="shared" si="1188"/>
        <v>5.7142600000000003</v>
      </c>
      <c r="H5104" s="235">
        <f t="shared" si="1189"/>
        <v>2.4937612219254985</v>
      </c>
      <c r="I5104" s="236">
        <f t="shared" si="1190"/>
        <v>19.741007185398441</v>
      </c>
      <c r="J5104" s="237">
        <f t="shared" si="1195"/>
        <v>9.7410071853984412</v>
      </c>
      <c r="K5104" s="237">
        <f t="shared" si="1191"/>
        <v>997.45387005662701</v>
      </c>
      <c r="L5104" s="237">
        <f t="shared" si="1196"/>
        <v>492.25205710692484</v>
      </c>
      <c r="M5104" s="236">
        <f t="shared" si="1192"/>
        <v>9.5820953144718075</v>
      </c>
      <c r="N5104" s="236">
        <f t="shared" si="1193"/>
        <v>3.0211120846238972</v>
      </c>
      <c r="O5104" s="236">
        <f t="shared" si="1197"/>
        <v>3.0138673141730683</v>
      </c>
      <c r="P5104" s="236" t="str">
        <f t="shared" si="1198"/>
        <v>CLAY</v>
      </c>
      <c r="Q5104" s="236">
        <f t="shared" si="1194"/>
        <v>393.0671774952811</v>
      </c>
      <c r="R5104" s="238">
        <v>35</v>
      </c>
      <c r="S5104" s="236">
        <f t="shared" si="1199"/>
        <v>4.2146898063524665</v>
      </c>
      <c r="T5104" s="236" t="e">
        <f t="shared" si="1185"/>
        <v>#N/A</v>
      </c>
    </row>
    <row r="5105" spans="1:20" x14ac:dyDescent="0.2">
      <c r="A5105" s="53">
        <f t="shared" si="1186"/>
        <v>5093</v>
      </c>
      <c r="B5105" s="239">
        <v>50.545000000000002</v>
      </c>
      <c r="C5105" s="3">
        <f t="shared" si="1187"/>
        <v>50.538000000000004</v>
      </c>
      <c r="D5105" s="239">
        <v>5.4907000000000004</v>
      </c>
      <c r="E5105" s="239">
        <v>0.13969999999999999</v>
      </c>
      <c r="F5105" s="239">
        <v>0.4249</v>
      </c>
      <c r="G5105">
        <f t="shared" si="1188"/>
        <v>5.5756800000000002</v>
      </c>
      <c r="H5105" s="235">
        <f t="shared" si="1189"/>
        <v>2.5055239898989896</v>
      </c>
      <c r="I5105" s="236">
        <f t="shared" si="1190"/>
        <v>19.708141407549221</v>
      </c>
      <c r="J5105" s="237">
        <f t="shared" si="1195"/>
        <v>9.7081414075492205</v>
      </c>
      <c r="K5105" s="237">
        <f t="shared" si="1191"/>
        <v>996.01005045472255</v>
      </c>
      <c r="L5105" s="237">
        <f t="shared" si="1196"/>
        <v>490.69800744457535</v>
      </c>
      <c r="M5105" s="236">
        <f t="shared" si="1192"/>
        <v>9.3329703403422819</v>
      </c>
      <c r="N5105" s="236">
        <f t="shared" si="1193"/>
        <v>3.0504381656121531</v>
      </c>
      <c r="O5105" s="236">
        <f t="shared" si="1197"/>
        <v>3.0256819346087473</v>
      </c>
      <c r="P5105" s="236" t="str">
        <f t="shared" si="1198"/>
        <v>CLAY</v>
      </c>
      <c r="Q5105" s="236">
        <f t="shared" si="1194"/>
        <v>381.63916246210647</v>
      </c>
      <c r="R5105" s="238">
        <v>35</v>
      </c>
      <c r="S5105" s="236">
        <f t="shared" si="1199"/>
        <v>4.0781656824475787</v>
      </c>
      <c r="T5105" s="236" t="e">
        <f t="shared" si="1185"/>
        <v>#N/A</v>
      </c>
    </row>
    <row r="5106" spans="1:20" x14ac:dyDescent="0.2">
      <c r="A5106" s="53">
        <f t="shared" si="1186"/>
        <v>5094</v>
      </c>
      <c r="B5106" s="239">
        <v>50.554000000000002</v>
      </c>
      <c r="C5106" s="3">
        <f t="shared" si="1187"/>
        <v>50.547000000000004</v>
      </c>
      <c r="D5106" s="239">
        <v>5.2023999999999999</v>
      </c>
      <c r="E5106" s="239">
        <v>0.1522</v>
      </c>
      <c r="F5106" s="239">
        <v>0.46089999999999998</v>
      </c>
      <c r="G5106">
        <f t="shared" si="1188"/>
        <v>5.2945799999999998</v>
      </c>
      <c r="H5106" s="235">
        <f t="shared" si="1189"/>
        <v>2.8746378371844417</v>
      </c>
      <c r="I5106" s="236">
        <f t="shared" si="1190"/>
        <v>19.788410979266505</v>
      </c>
      <c r="J5106" s="237">
        <f t="shared" si="1195"/>
        <v>9.7884109792665051</v>
      </c>
      <c r="K5106" s="237">
        <f t="shared" si="1191"/>
        <v>1000.2448097689842</v>
      </c>
      <c r="L5106" s="237">
        <f t="shared" si="1196"/>
        <v>494.84332864583894</v>
      </c>
      <c r="M5106" s="236">
        <f t="shared" si="1192"/>
        <v>8.6781713355268586</v>
      </c>
      <c r="N5106" s="236">
        <f t="shared" si="1193"/>
        <v>3.544204009650497</v>
      </c>
      <c r="O5106" s="236">
        <f t="shared" si="1197"/>
        <v>3.0886974843847708</v>
      </c>
      <c r="P5106" s="236" t="str">
        <f t="shared" si="1198"/>
        <v>CLAY</v>
      </c>
      <c r="Q5106" s="236">
        <f t="shared" si="1194"/>
        <v>357.86126585258467</v>
      </c>
      <c r="R5106" s="238">
        <v>35</v>
      </c>
      <c r="S5106" s="236">
        <f t="shared" si="1199"/>
        <v>3.7237051379931536</v>
      </c>
      <c r="T5106" s="236" t="e">
        <f t="shared" si="1185"/>
        <v>#N/A</v>
      </c>
    </row>
    <row r="5107" spans="1:20" x14ac:dyDescent="0.2">
      <c r="A5107" s="53">
        <f t="shared" si="1186"/>
        <v>5095</v>
      </c>
      <c r="B5107" s="239">
        <v>50.564999999999998</v>
      </c>
      <c r="C5107" s="3">
        <f t="shared" si="1187"/>
        <v>50.558</v>
      </c>
      <c r="D5107" s="239">
        <v>4.8785999999999996</v>
      </c>
      <c r="E5107" s="239">
        <v>0.16550000000000001</v>
      </c>
      <c r="F5107" s="239">
        <v>0.51429999999999998</v>
      </c>
      <c r="G5107">
        <f t="shared" si="1188"/>
        <v>4.9814599999999993</v>
      </c>
      <c r="H5107" s="235">
        <f t="shared" si="1189"/>
        <v>3.3223191594432162</v>
      </c>
      <c r="I5107" s="236">
        <f t="shared" si="1190"/>
        <v>19.862818631927396</v>
      </c>
      <c r="J5107" s="237">
        <f t="shared" si="1195"/>
        <v>9.8628186319273965</v>
      </c>
      <c r="K5107" s="237">
        <f t="shared" si="1191"/>
        <v>1004.2243843929853</v>
      </c>
      <c r="L5107" s="237">
        <f t="shared" si="1196"/>
        <v>498.7134241234088</v>
      </c>
      <c r="M5107" s="236">
        <f t="shared" si="1192"/>
        <v>7.9749920961077425</v>
      </c>
      <c r="N5107" s="236">
        <f t="shared" si="1193"/>
        <v>4.1611816848507486</v>
      </c>
      <c r="O5107" s="236">
        <f t="shared" si="1197"/>
        <v>3.1589123825196603</v>
      </c>
      <c r="P5107" s="236" t="str">
        <f t="shared" si="1198"/>
        <v>CLAY</v>
      </c>
      <c r="Q5107" s="236">
        <f t="shared" si="1194"/>
        <v>331.43630130058449</v>
      </c>
      <c r="R5107" s="238">
        <v>35</v>
      </c>
      <c r="S5107" s="236">
        <f t="shared" si="1199"/>
        <v>3.350447640244075</v>
      </c>
      <c r="T5107" s="236" t="e">
        <f t="shared" si="1185"/>
        <v>#N/A</v>
      </c>
    </row>
    <row r="5108" spans="1:20" x14ac:dyDescent="0.2">
      <c r="A5108" s="53">
        <f t="shared" si="1186"/>
        <v>5096</v>
      </c>
      <c r="B5108" s="239">
        <v>50.573999999999998</v>
      </c>
      <c r="C5108" s="3">
        <f t="shared" si="1187"/>
        <v>50.567</v>
      </c>
      <c r="D5108" s="239">
        <v>4.5041000000000002</v>
      </c>
      <c r="E5108" s="239">
        <v>0.1741</v>
      </c>
      <c r="F5108" s="239">
        <v>0.61960000000000004</v>
      </c>
      <c r="G5108">
        <f t="shared" si="1188"/>
        <v>4.6280200000000002</v>
      </c>
      <c r="H5108" s="235">
        <f t="shared" si="1189"/>
        <v>3.7618679262405954</v>
      </c>
      <c r="I5108" s="236">
        <f t="shared" si="1190"/>
        <v>19.89345544077889</v>
      </c>
      <c r="J5108" s="237">
        <f t="shared" si="1195"/>
        <v>9.8934554407788902</v>
      </c>
      <c r="K5108" s="237">
        <f t="shared" si="1191"/>
        <v>1005.9523612738661</v>
      </c>
      <c r="L5108" s="237">
        <f t="shared" si="1196"/>
        <v>500.35161546195155</v>
      </c>
      <c r="M5108" s="236">
        <f t="shared" si="1192"/>
        <v>7.23904455745995</v>
      </c>
      <c r="N5108" s="236">
        <f t="shared" si="1193"/>
        <v>4.8066468482965776</v>
      </c>
      <c r="O5108" s="236">
        <f t="shared" si="1197"/>
        <v>3.2296699194411866</v>
      </c>
      <c r="P5108" s="236" t="str">
        <f t="shared" si="1198"/>
        <v>CLAY</v>
      </c>
      <c r="Q5108" s="236">
        <f t="shared" si="1194"/>
        <v>301.83896989384453</v>
      </c>
      <c r="R5108" s="238">
        <v>35</v>
      </c>
      <c r="S5108" s="236">
        <f t="shared" si="1199"/>
        <v>2.9685308792721492</v>
      </c>
      <c r="T5108" s="236" t="e">
        <f t="shared" si="1185"/>
        <v>#N/A</v>
      </c>
    </row>
    <row r="5109" spans="1:20" x14ac:dyDescent="0.2">
      <c r="A5109" s="53">
        <f t="shared" si="1186"/>
        <v>5097</v>
      </c>
      <c r="B5109" s="239">
        <v>50.582999999999998</v>
      </c>
      <c r="C5109" s="3">
        <f t="shared" si="1187"/>
        <v>50.576000000000001</v>
      </c>
      <c r="D5109" s="239">
        <v>4.5692000000000004</v>
      </c>
      <c r="E5109" s="239">
        <v>0.1709</v>
      </c>
      <c r="F5109" s="239">
        <v>0.71970000000000001</v>
      </c>
      <c r="G5109">
        <f t="shared" si="1188"/>
        <v>4.7131400000000001</v>
      </c>
      <c r="H5109" s="235">
        <f t="shared" si="1189"/>
        <v>3.6260327509897854</v>
      </c>
      <c r="I5109" s="236">
        <f t="shared" si="1190"/>
        <v>19.878825930013313</v>
      </c>
      <c r="J5109" s="237">
        <f t="shared" si="1195"/>
        <v>9.8788259300133134</v>
      </c>
      <c r="K5109" s="237">
        <f t="shared" si="1191"/>
        <v>1005.3915002363533</v>
      </c>
      <c r="L5109" s="237">
        <f t="shared" si="1196"/>
        <v>499.70065201786343</v>
      </c>
      <c r="M5109" s="236">
        <f t="shared" si="1192"/>
        <v>7.4199392872337127</v>
      </c>
      <c r="N5109" s="236">
        <f t="shared" si="1193"/>
        <v>4.609266243675755</v>
      </c>
      <c r="O5109" s="236">
        <f t="shared" si="1197"/>
        <v>3.2102939226703335</v>
      </c>
      <c r="P5109" s="236" t="str">
        <f t="shared" si="1198"/>
        <v>CLAY</v>
      </c>
      <c r="Q5109" s="236">
        <f t="shared" si="1194"/>
        <v>308.97904164697059</v>
      </c>
      <c r="R5109" s="238">
        <v>35</v>
      </c>
      <c r="S5109" s="236">
        <f t="shared" si="1199"/>
        <v>3.0615435975540568</v>
      </c>
      <c r="T5109" s="236" t="e">
        <f t="shared" si="1185"/>
        <v>#N/A</v>
      </c>
    </row>
    <row r="5110" spans="1:20" x14ac:dyDescent="0.2">
      <c r="A5110" s="53">
        <f t="shared" si="1186"/>
        <v>5098</v>
      </c>
      <c r="B5110" s="239">
        <v>50.594000000000001</v>
      </c>
      <c r="C5110" s="3">
        <f t="shared" si="1187"/>
        <v>50.587000000000003</v>
      </c>
      <c r="D5110" s="239">
        <v>4.8682999999999996</v>
      </c>
      <c r="E5110" s="239">
        <v>0.16819999999999999</v>
      </c>
      <c r="F5110" s="239">
        <v>0.76959999999999995</v>
      </c>
      <c r="G5110">
        <f t="shared" si="1188"/>
        <v>5.0222199999999999</v>
      </c>
      <c r="H5110" s="235">
        <f t="shared" si="1189"/>
        <v>3.3491165261577547</v>
      </c>
      <c r="I5110" s="236">
        <f t="shared" si="1190"/>
        <v>19.884979391215282</v>
      </c>
      <c r="J5110" s="237">
        <f t="shared" si="1195"/>
        <v>9.8849793912152819</v>
      </c>
      <c r="K5110" s="237">
        <f t="shared" si="1191"/>
        <v>1005.9214524634075</v>
      </c>
      <c r="L5110" s="237">
        <f t="shared" si="1196"/>
        <v>500.12064731914597</v>
      </c>
      <c r="M5110" s="236">
        <f t="shared" si="1192"/>
        <v>8.0306593400324857</v>
      </c>
      <c r="N5110" s="236">
        <f t="shared" si="1193"/>
        <v>4.1879356827984289</v>
      </c>
      <c r="O5110" s="236">
        <f t="shared" si="1197"/>
        <v>3.1580793846461623</v>
      </c>
      <c r="P5110" s="236" t="str">
        <f t="shared" si="1198"/>
        <v>CLAY</v>
      </c>
      <c r="Q5110" s="236">
        <f t="shared" si="1194"/>
        <v>334.69154562804937</v>
      </c>
      <c r="R5110" s="238">
        <v>35</v>
      </c>
      <c r="S5110" s="236">
        <f t="shared" si="1199"/>
        <v>3.3797067034624337</v>
      </c>
      <c r="T5110" s="236" t="e">
        <f t="shared" si="1185"/>
        <v>#N/A</v>
      </c>
    </row>
    <row r="5111" spans="1:20" x14ac:dyDescent="0.2">
      <c r="A5111" s="53">
        <f t="shared" si="1186"/>
        <v>5099</v>
      </c>
      <c r="B5111" s="239">
        <v>50.603000000000002</v>
      </c>
      <c r="C5111" s="3">
        <f t="shared" si="1187"/>
        <v>50.596000000000004</v>
      </c>
      <c r="D5111" s="239">
        <v>5.0297999999999998</v>
      </c>
      <c r="E5111" s="239">
        <v>0.17280000000000001</v>
      </c>
      <c r="F5111" s="239">
        <v>0.71340000000000003</v>
      </c>
      <c r="G5111">
        <f t="shared" si="1188"/>
        <v>5.1724800000000002</v>
      </c>
      <c r="H5111" s="235">
        <f t="shared" si="1189"/>
        <v>3.3407572383073498</v>
      </c>
      <c r="I5111" s="236">
        <f t="shared" si="1190"/>
        <v>19.928140085449712</v>
      </c>
      <c r="J5111" s="237">
        <f t="shared" si="1195"/>
        <v>9.9281400854497122</v>
      </c>
      <c r="K5111" s="237">
        <f t="shared" si="1191"/>
        <v>1008.2841757634137</v>
      </c>
      <c r="L5111" s="237">
        <f t="shared" si="1196"/>
        <v>502.39367274401178</v>
      </c>
      <c r="M5111" s="236">
        <f t="shared" si="1192"/>
        <v>8.2887107265747737</v>
      </c>
      <c r="N5111" s="236">
        <f t="shared" si="1193"/>
        <v>4.1496607578890465</v>
      </c>
      <c r="O5111" s="236">
        <f t="shared" si="1197"/>
        <v>3.1445999698142986</v>
      </c>
      <c r="P5111" s="236" t="str">
        <f t="shared" si="1198"/>
        <v>CLAY</v>
      </c>
      <c r="Q5111" s="236">
        <f t="shared" si="1194"/>
        <v>347.01631868638225</v>
      </c>
      <c r="R5111" s="238">
        <v>35</v>
      </c>
      <c r="S5111" s="236">
        <f t="shared" si="1199"/>
        <v>3.5159989573974855</v>
      </c>
      <c r="T5111" s="236" t="e">
        <f t="shared" si="1185"/>
        <v>#N/A</v>
      </c>
    </row>
    <row r="5112" spans="1:20" x14ac:dyDescent="0.2">
      <c r="A5112" s="53">
        <f t="shared" si="1186"/>
        <v>5100</v>
      </c>
      <c r="B5112" s="239">
        <v>50.613999999999997</v>
      </c>
      <c r="C5112" s="3">
        <f t="shared" si="1187"/>
        <v>50.606999999999999</v>
      </c>
      <c r="D5112" s="239">
        <v>5.2028999999999996</v>
      </c>
      <c r="E5112" s="239">
        <v>0.16880000000000001</v>
      </c>
      <c r="F5112" s="239">
        <v>0.65329999999999999</v>
      </c>
      <c r="G5112">
        <f t="shared" si="1188"/>
        <v>5.3335599999999994</v>
      </c>
      <c r="H5112" s="235">
        <f t="shared" si="1189"/>
        <v>3.1648654932165385</v>
      </c>
      <c r="I5112" s="236">
        <f t="shared" si="1190"/>
        <v>19.912664115118083</v>
      </c>
      <c r="J5112" s="237">
        <f t="shared" si="1195"/>
        <v>9.9126641151180834</v>
      </c>
      <c r="K5112" s="237">
        <f t="shared" si="1191"/>
        <v>1007.7201928737809</v>
      </c>
      <c r="L5112" s="237">
        <f t="shared" si="1196"/>
        <v>501.71958152258662</v>
      </c>
      <c r="M5112" s="236">
        <f t="shared" si="1192"/>
        <v>8.6220270574220663</v>
      </c>
      <c r="N5112" s="236">
        <f t="shared" si="1193"/>
        <v>3.9021324766101033</v>
      </c>
      <c r="O5112" s="236">
        <f t="shared" si="1197"/>
        <v>3.1151164949765864</v>
      </c>
      <c r="P5112" s="236" t="str">
        <f t="shared" si="1198"/>
        <v>CLAY</v>
      </c>
      <c r="Q5112" s="236">
        <f t="shared" si="1194"/>
        <v>360.48665059385149</v>
      </c>
      <c r="R5112" s="238">
        <v>35</v>
      </c>
      <c r="S5112" s="236">
        <f t="shared" si="1199"/>
        <v>3.6936159371775763</v>
      </c>
      <c r="T5112" s="236" t="e">
        <f t="shared" si="1185"/>
        <v>#N/A</v>
      </c>
    </row>
    <row r="5113" spans="1:20" x14ac:dyDescent="0.2">
      <c r="A5113" s="53">
        <f t="shared" si="1186"/>
        <v>5101</v>
      </c>
      <c r="B5113" s="239">
        <v>50.622999999999998</v>
      </c>
      <c r="C5113" s="3">
        <f t="shared" si="1187"/>
        <v>50.616</v>
      </c>
      <c r="D5113" s="239">
        <v>5.2331000000000003</v>
      </c>
      <c r="E5113" s="239">
        <v>0.17050000000000001</v>
      </c>
      <c r="F5113" s="239">
        <v>0.55130000000000001</v>
      </c>
      <c r="G5113">
        <f t="shared" si="1188"/>
        <v>5.3433600000000006</v>
      </c>
      <c r="H5113" s="235">
        <f t="shared" si="1189"/>
        <v>3.1908761528326743</v>
      </c>
      <c r="I5113" s="236">
        <f t="shared" si="1190"/>
        <v>19.925131880903315</v>
      </c>
      <c r="J5113" s="237">
        <f t="shared" si="1195"/>
        <v>9.9251318809033151</v>
      </c>
      <c r="K5113" s="237">
        <f t="shared" si="1191"/>
        <v>1008.5304752838022</v>
      </c>
      <c r="L5113" s="237">
        <f t="shared" si="1196"/>
        <v>502.43995120696849</v>
      </c>
      <c r="M5113" s="236">
        <f t="shared" si="1192"/>
        <v>8.6275574111951272</v>
      </c>
      <c r="N5113" s="236">
        <f t="shared" si="1193"/>
        <v>3.9332573294485584</v>
      </c>
      <c r="O5113" s="236">
        <f t="shared" si="1197"/>
        <v>3.1168975727346862</v>
      </c>
      <c r="P5113" s="236" t="str">
        <f t="shared" si="1198"/>
        <v>CLAY</v>
      </c>
      <c r="Q5113" s="236">
        <f t="shared" si="1194"/>
        <v>361.23579372634987</v>
      </c>
      <c r="R5113" s="238">
        <v>35</v>
      </c>
      <c r="S5113" s="236">
        <f t="shared" si="1199"/>
        <v>3.6965776305568898</v>
      </c>
      <c r="T5113" s="236" t="e">
        <f t="shared" si="1185"/>
        <v>#N/A</v>
      </c>
    </row>
    <row r="5114" spans="1:20" x14ac:dyDescent="0.2">
      <c r="A5114" s="53">
        <f t="shared" si="1186"/>
        <v>5102</v>
      </c>
      <c r="B5114" s="239">
        <v>50.631999999999998</v>
      </c>
      <c r="C5114" s="3">
        <f t="shared" si="1187"/>
        <v>50.625</v>
      </c>
      <c r="D5114" s="239">
        <v>5.0372000000000003</v>
      </c>
      <c r="E5114" s="239">
        <v>0.18759999999999999</v>
      </c>
      <c r="F5114" s="239">
        <v>0.69510000000000005</v>
      </c>
      <c r="G5114">
        <f t="shared" si="1188"/>
        <v>5.1762200000000007</v>
      </c>
      <c r="H5114" s="235">
        <f t="shared" si="1189"/>
        <v>3.6242663565304403</v>
      </c>
      <c r="I5114" s="236">
        <f t="shared" si="1190"/>
        <v>20.024783160114463</v>
      </c>
      <c r="J5114" s="237">
        <f t="shared" si="1195"/>
        <v>10.024783160114463</v>
      </c>
      <c r="K5114" s="237">
        <f t="shared" si="1191"/>
        <v>1013.7546474807947</v>
      </c>
      <c r="L5114" s="237">
        <f t="shared" si="1196"/>
        <v>507.57482096291551</v>
      </c>
      <c r="M5114" s="236">
        <f t="shared" si="1192"/>
        <v>8.200693140417469</v>
      </c>
      <c r="N5114" s="236">
        <f t="shared" si="1193"/>
        <v>4.5069444214463132</v>
      </c>
      <c r="O5114" s="236">
        <f t="shared" si="1197"/>
        <v>3.1694375622512139</v>
      </c>
      <c r="P5114" s="236" t="str">
        <f t="shared" si="1198"/>
        <v>CLAY</v>
      </c>
      <c r="Q5114" s="236">
        <f t="shared" si="1194"/>
        <v>346.87211270993384</v>
      </c>
      <c r="R5114" s="238">
        <v>35</v>
      </c>
      <c r="S5114" s="236">
        <f t="shared" si="1199"/>
        <v>3.4693907039501326</v>
      </c>
      <c r="T5114" s="236" t="e">
        <f t="shared" si="1185"/>
        <v>#N/A</v>
      </c>
    </row>
    <row r="5115" spans="1:20" x14ac:dyDescent="0.2">
      <c r="A5115" s="53">
        <f t="shared" si="1186"/>
        <v>5103</v>
      </c>
      <c r="B5115" s="239">
        <v>50.643000000000001</v>
      </c>
      <c r="C5115" s="3">
        <f t="shared" si="1187"/>
        <v>50.636000000000003</v>
      </c>
      <c r="D5115" s="239">
        <v>4.6245000000000003</v>
      </c>
      <c r="E5115" s="239">
        <v>0.20080000000000001</v>
      </c>
      <c r="F5115" s="239">
        <v>0.68869999999999998</v>
      </c>
      <c r="G5115">
        <f t="shared" si="1188"/>
        <v>4.7622400000000003</v>
      </c>
      <c r="H5115" s="235">
        <f t="shared" si="1189"/>
        <v>4.2165031581776642</v>
      </c>
      <c r="I5115" s="236">
        <f t="shared" si="1190"/>
        <v>20.071935217928836</v>
      </c>
      <c r="J5115" s="237">
        <f t="shared" si="1195"/>
        <v>10.071935217928836</v>
      </c>
      <c r="K5115" s="237">
        <f t="shared" si="1191"/>
        <v>1016.3625116950445</v>
      </c>
      <c r="L5115" s="237">
        <f t="shared" si="1196"/>
        <v>510.07301524157003</v>
      </c>
      <c r="M5115" s="236">
        <f t="shared" si="1192"/>
        <v>7.3438064284402751</v>
      </c>
      <c r="N5115" s="236">
        <f t="shared" si="1193"/>
        <v>5.3605597253759578</v>
      </c>
      <c r="O5115" s="236">
        <f t="shared" si="1197"/>
        <v>3.2527905640677668</v>
      </c>
      <c r="P5115" s="236" t="str">
        <f t="shared" si="1198"/>
        <v>CLAY</v>
      </c>
      <c r="Q5115" s="236">
        <f t="shared" si="1194"/>
        <v>312.15645735874637</v>
      </c>
      <c r="R5115" s="238">
        <v>35</v>
      </c>
      <c r="S5115" s="236">
        <f t="shared" si="1199"/>
        <v>3.0223275844643838</v>
      </c>
      <c r="T5115" s="236" t="e">
        <f t="shared" si="1185"/>
        <v>#N/A</v>
      </c>
    </row>
    <row r="5116" spans="1:20" x14ac:dyDescent="0.2">
      <c r="A5116" s="53">
        <f t="shared" si="1186"/>
        <v>5104</v>
      </c>
      <c r="B5116" s="239">
        <v>50.652000000000001</v>
      </c>
      <c r="C5116" s="3">
        <f t="shared" si="1187"/>
        <v>50.645000000000003</v>
      </c>
      <c r="D5116" s="239">
        <v>4.1959999999999997</v>
      </c>
      <c r="E5116" s="239">
        <v>0.19109999999999999</v>
      </c>
      <c r="F5116" s="239">
        <v>0.6583</v>
      </c>
      <c r="G5116">
        <f t="shared" si="1188"/>
        <v>4.3276599999999998</v>
      </c>
      <c r="H5116" s="235">
        <f t="shared" si="1189"/>
        <v>4.4157812767176718</v>
      </c>
      <c r="I5116" s="236">
        <f t="shared" si="1190"/>
        <v>19.976474729450068</v>
      </c>
      <c r="J5116" s="237">
        <f t="shared" si="1195"/>
        <v>9.976474729450068</v>
      </c>
      <c r="K5116" s="237">
        <f t="shared" si="1191"/>
        <v>1011.7085626729987</v>
      </c>
      <c r="L5116" s="237">
        <f t="shared" si="1196"/>
        <v>505.32839799610485</v>
      </c>
      <c r="M5116" s="236">
        <f t="shared" si="1192"/>
        <v>6.561973264270339</v>
      </c>
      <c r="N5116" s="236">
        <f t="shared" si="1193"/>
        <v>5.763051830277897</v>
      </c>
      <c r="O5116" s="236">
        <f t="shared" si="1197"/>
        <v>3.3107719041161605</v>
      </c>
      <c r="P5116" s="236" t="str">
        <f t="shared" si="1198"/>
        <v>CLAY</v>
      </c>
      <c r="Q5116" s="236">
        <f t="shared" si="1194"/>
        <v>276.32928644391677</v>
      </c>
      <c r="R5116" s="238">
        <v>35</v>
      </c>
      <c r="S5116" s="236">
        <f t="shared" si="1199"/>
        <v>2.6256273005576047</v>
      </c>
      <c r="T5116" s="236" t="e">
        <f t="shared" si="1185"/>
        <v>#N/A</v>
      </c>
    </row>
    <row r="5117" spans="1:20" x14ac:dyDescent="0.2">
      <c r="A5117" s="53">
        <f t="shared" si="1186"/>
        <v>5105</v>
      </c>
      <c r="B5117" s="239">
        <v>50.662999999999997</v>
      </c>
      <c r="C5117" s="3">
        <f t="shared" si="1187"/>
        <v>50.655999999999999</v>
      </c>
      <c r="D5117" s="239">
        <v>3.9847000000000001</v>
      </c>
      <c r="E5117" s="239">
        <v>0.16880000000000001</v>
      </c>
      <c r="F5117" s="239">
        <v>0.67779999999999996</v>
      </c>
      <c r="G5117">
        <f t="shared" si="1188"/>
        <v>4.12026</v>
      </c>
      <c r="H5117" s="235">
        <f t="shared" si="1189"/>
        <v>4.0968288408983904</v>
      </c>
      <c r="I5117" s="236">
        <f t="shared" si="1190"/>
        <v>19.811780808456049</v>
      </c>
      <c r="J5117" s="237">
        <f t="shared" si="1195"/>
        <v>9.8117808084560494</v>
      </c>
      <c r="K5117" s="237">
        <f t="shared" si="1191"/>
        <v>1003.5855686331496</v>
      </c>
      <c r="L5117" s="237">
        <f t="shared" si="1196"/>
        <v>497.0942510988088</v>
      </c>
      <c r="M5117" s="236">
        <f t="shared" si="1192"/>
        <v>6.2697857086006419</v>
      </c>
      <c r="N5117" s="236">
        <f t="shared" si="1193"/>
        <v>5.4160292875368121</v>
      </c>
      <c r="O5117" s="236">
        <f t="shared" si="1197"/>
        <v>3.3106566733188951</v>
      </c>
      <c r="P5117" s="236" t="str">
        <f t="shared" si="1198"/>
        <v>CLAY</v>
      </c>
      <c r="Q5117" s="236">
        <f t="shared" si="1194"/>
        <v>259.72286928057088</v>
      </c>
      <c r="R5117" s="238">
        <v>35</v>
      </c>
      <c r="S5117" s="236">
        <f t="shared" si="1199"/>
        <v>2.480309522590447</v>
      </c>
      <c r="T5117" s="236" t="e">
        <f t="shared" si="1185"/>
        <v>#N/A</v>
      </c>
    </row>
    <row r="5118" spans="1:20" x14ac:dyDescent="0.2">
      <c r="A5118" s="53">
        <f t="shared" si="1186"/>
        <v>5106</v>
      </c>
      <c r="B5118" s="239">
        <v>50.671999999999997</v>
      </c>
      <c r="C5118" s="3">
        <f t="shared" si="1187"/>
        <v>50.664999999999999</v>
      </c>
      <c r="D5118" s="239">
        <v>3.9016999999999999</v>
      </c>
      <c r="E5118" s="239">
        <v>0.17780000000000001</v>
      </c>
      <c r="F5118" s="239">
        <v>0.77500000000000002</v>
      </c>
      <c r="G5118">
        <f t="shared" si="1188"/>
        <v>4.0567000000000002</v>
      </c>
      <c r="H5118" s="235">
        <f t="shared" si="1189"/>
        <v>4.3828727783666528</v>
      </c>
      <c r="I5118" s="236">
        <f t="shared" si="1190"/>
        <v>19.866614400150379</v>
      </c>
      <c r="J5118" s="237">
        <f t="shared" si="1195"/>
        <v>9.8666144001503788</v>
      </c>
      <c r="K5118" s="237">
        <f t="shared" si="1191"/>
        <v>1006.542018583619</v>
      </c>
      <c r="L5118" s="237">
        <f t="shared" si="1196"/>
        <v>499.96108488441996</v>
      </c>
      <c r="M5118" s="236">
        <f t="shared" si="1192"/>
        <v>6.100790788790114</v>
      </c>
      <c r="N5118" s="236">
        <f t="shared" si="1193"/>
        <v>5.8292062602421728</v>
      </c>
      <c r="O5118" s="236">
        <f t="shared" si="1197"/>
        <v>3.3391310843346611</v>
      </c>
      <c r="P5118" s="236" t="str">
        <f t="shared" si="1198"/>
        <v>CLAY</v>
      </c>
      <c r="Q5118" s="236">
        <f t="shared" si="1194"/>
        <v>254.17983178469845</v>
      </c>
      <c r="R5118" s="238">
        <v>35</v>
      </c>
      <c r="S5118" s="236">
        <f t="shared" si="1199"/>
        <v>2.3970256091632018</v>
      </c>
      <c r="T5118" s="236" t="e">
        <f t="shared" si="1185"/>
        <v>#N/A</v>
      </c>
    </row>
    <row r="5119" spans="1:20" x14ac:dyDescent="0.2">
      <c r="A5119" s="53">
        <f t="shared" si="1186"/>
        <v>5107</v>
      </c>
      <c r="B5119" s="239">
        <v>50.680999999999997</v>
      </c>
      <c r="C5119" s="3">
        <f t="shared" si="1187"/>
        <v>50.673999999999999</v>
      </c>
      <c r="D5119" s="239">
        <v>3.6665000000000001</v>
      </c>
      <c r="E5119" s="239">
        <v>0.20069999999999999</v>
      </c>
      <c r="F5119" s="239">
        <v>0.87739999999999996</v>
      </c>
      <c r="G5119">
        <f t="shared" si="1188"/>
        <v>3.84198</v>
      </c>
      <c r="H5119" s="235">
        <f t="shared" si="1189"/>
        <v>5.2238689425764839</v>
      </c>
      <c r="I5119" s="236">
        <f t="shared" si="1190"/>
        <v>19.987420549870862</v>
      </c>
      <c r="J5119" s="237">
        <f t="shared" si="1195"/>
        <v>9.9874205498708619</v>
      </c>
      <c r="K5119" s="237">
        <f t="shared" si="1191"/>
        <v>1012.8425489441561</v>
      </c>
      <c r="L5119" s="237">
        <f t="shared" si="1196"/>
        <v>506.17246088800511</v>
      </c>
      <c r="M5119" s="236">
        <f t="shared" si="1192"/>
        <v>5.5892757304349168</v>
      </c>
      <c r="N5119" s="236">
        <f t="shared" si="1193"/>
        <v>7.0940349655015194</v>
      </c>
      <c r="O5119" s="236">
        <f t="shared" si="1197"/>
        <v>3.4207297534799661</v>
      </c>
      <c r="P5119" s="236" t="str">
        <f t="shared" si="1198"/>
        <v>CLAY</v>
      </c>
      <c r="Q5119" s="236">
        <f t="shared" si="1194"/>
        <v>235.76145425465367</v>
      </c>
      <c r="R5119" s="238">
        <v>35</v>
      </c>
      <c r="S5119" s="236">
        <f t="shared" si="1199"/>
        <v>2.148495394891504</v>
      </c>
      <c r="T5119" s="236" t="e">
        <f t="shared" si="1185"/>
        <v>#N/A</v>
      </c>
    </row>
    <row r="5120" spans="1:20" x14ac:dyDescent="0.2">
      <c r="A5120" s="53">
        <f t="shared" si="1186"/>
        <v>5108</v>
      </c>
      <c r="B5120" s="239">
        <v>50.692</v>
      </c>
      <c r="C5120" s="3">
        <f t="shared" si="1187"/>
        <v>50.685000000000002</v>
      </c>
      <c r="D5120" s="239">
        <v>3.6680000000000001</v>
      </c>
      <c r="E5120" s="239">
        <v>0.20100000000000001</v>
      </c>
      <c r="F5120" s="239">
        <v>0.94140000000000001</v>
      </c>
      <c r="G5120">
        <f t="shared" si="1188"/>
        <v>3.8562799999999999</v>
      </c>
      <c r="H5120" s="235">
        <f t="shared" si="1189"/>
        <v>5.2122771168068711</v>
      </c>
      <c r="I5120" s="236">
        <f t="shared" si="1190"/>
        <v>19.990624113410817</v>
      </c>
      <c r="J5120" s="237">
        <f t="shared" si="1195"/>
        <v>9.9906241134108171</v>
      </c>
      <c r="K5120" s="237">
        <f t="shared" si="1191"/>
        <v>1013.2247831882273</v>
      </c>
      <c r="L5120" s="237">
        <f t="shared" si="1196"/>
        <v>506.44471755702114</v>
      </c>
      <c r="M5120" s="236">
        <f t="shared" si="1192"/>
        <v>5.6137523371278322</v>
      </c>
      <c r="N5120" s="236">
        <f t="shared" si="1193"/>
        <v>7.0698591716204229</v>
      </c>
      <c r="O5120" s="236">
        <f t="shared" si="1197"/>
        <v>3.4183217796888155</v>
      </c>
      <c r="P5120" s="236" t="str">
        <f t="shared" si="1198"/>
        <v>CLAY</v>
      </c>
      <c r="Q5120" s="236">
        <f t="shared" si="1194"/>
        <v>236.9212680676477</v>
      </c>
      <c r="R5120" s="238">
        <v>35</v>
      </c>
      <c r="S5120" s="236">
        <f t="shared" si="1199"/>
        <v>2.1602627137954893</v>
      </c>
      <c r="T5120" s="236" t="e">
        <f t="shared" si="1185"/>
        <v>#N/A</v>
      </c>
    </row>
    <row r="5121" spans="1:20" x14ac:dyDescent="0.2">
      <c r="A5121" s="53">
        <f t="shared" si="1186"/>
        <v>5109</v>
      </c>
      <c r="B5121" s="239">
        <v>50.701000000000001</v>
      </c>
      <c r="C5121" s="3">
        <f t="shared" si="1187"/>
        <v>50.694000000000003</v>
      </c>
      <c r="D5121" s="239">
        <v>3.6770999999999998</v>
      </c>
      <c r="E5121" s="239">
        <v>0.19170000000000001</v>
      </c>
      <c r="F5121" s="239">
        <v>0.95709999999999995</v>
      </c>
      <c r="G5121">
        <f t="shared" si="1188"/>
        <v>3.8685199999999997</v>
      </c>
      <c r="H5121" s="235">
        <f t="shared" si="1189"/>
        <v>4.9553834541375004</v>
      </c>
      <c r="I5121" s="236">
        <f t="shared" si="1190"/>
        <v>19.936313120979861</v>
      </c>
      <c r="J5121" s="237">
        <f t="shared" si="1195"/>
        <v>9.936313120979861</v>
      </c>
      <c r="K5121" s="237">
        <f t="shared" si="1191"/>
        <v>1010.6514573549531</v>
      </c>
      <c r="L5121" s="237">
        <f t="shared" si="1196"/>
        <v>503.78101154679996</v>
      </c>
      <c r="M5121" s="236">
        <f t="shared" si="1192"/>
        <v>5.6728389461728606</v>
      </c>
      <c r="N5121" s="236">
        <f t="shared" si="1193"/>
        <v>6.7077962873189287</v>
      </c>
      <c r="O5121" s="236">
        <f t="shared" si="1197"/>
        <v>3.4009159232322652</v>
      </c>
      <c r="P5121" s="236" t="str">
        <f t="shared" si="1198"/>
        <v>CLAY</v>
      </c>
      <c r="Q5121" s="236">
        <f t="shared" si="1194"/>
        <v>238.15571188708722</v>
      </c>
      <c r="R5121" s="238">
        <v>35</v>
      </c>
      <c r="S5121" s="236">
        <f t="shared" si="1199"/>
        <v>2.1887218632990728</v>
      </c>
      <c r="T5121" s="236" t="e">
        <f t="shared" si="1185"/>
        <v>#N/A</v>
      </c>
    </row>
    <row r="5122" spans="1:20" x14ac:dyDescent="0.2">
      <c r="A5122" s="53">
        <f t="shared" si="1186"/>
        <v>5110</v>
      </c>
      <c r="B5122" s="239">
        <v>50.710999999999999</v>
      </c>
      <c r="C5122" s="3">
        <f t="shared" si="1187"/>
        <v>50.704000000000001</v>
      </c>
      <c r="D5122" s="239">
        <v>3.5501999999999998</v>
      </c>
      <c r="E5122" s="239">
        <v>0.18279999999999999</v>
      </c>
      <c r="F5122" s="239">
        <v>0.99680000000000002</v>
      </c>
      <c r="G5122">
        <f t="shared" si="1188"/>
        <v>3.7495599999999998</v>
      </c>
      <c r="H5122" s="235">
        <f t="shared" si="1189"/>
        <v>4.8752386946735085</v>
      </c>
      <c r="I5122" s="236">
        <f t="shared" si="1190"/>
        <v>19.868361047923486</v>
      </c>
      <c r="J5122" s="237">
        <f t="shared" si="1195"/>
        <v>9.8683610479234858</v>
      </c>
      <c r="K5122" s="237">
        <f t="shared" si="1191"/>
        <v>1007.4053785739125</v>
      </c>
      <c r="L5122" s="237">
        <f t="shared" si="1196"/>
        <v>500.43445710124786</v>
      </c>
      <c r="M5122" s="236">
        <f t="shared" si="1192"/>
        <v>5.4795479857840705</v>
      </c>
      <c r="N5122" s="236">
        <f t="shared" si="1193"/>
        <v>6.6662907544189771</v>
      </c>
      <c r="O5122" s="236">
        <f t="shared" si="1197"/>
        <v>3.4113367115931119</v>
      </c>
      <c r="P5122" s="236" t="str">
        <f t="shared" si="1198"/>
        <v>CLAY</v>
      </c>
      <c r="Q5122" s="236">
        <f t="shared" si="1194"/>
        <v>228.51288511884061</v>
      </c>
      <c r="R5122" s="238">
        <v>35</v>
      </c>
      <c r="S5122" s="236">
        <f t="shared" si="1199"/>
        <v>2.0959017815116612</v>
      </c>
      <c r="T5122" s="236" t="e">
        <f t="shared" si="1185"/>
        <v>#N/A</v>
      </c>
    </row>
    <row r="5123" spans="1:20" x14ac:dyDescent="0.2">
      <c r="A5123" s="53">
        <f t="shared" si="1186"/>
        <v>5111</v>
      </c>
      <c r="B5123" s="239">
        <v>50.72</v>
      </c>
      <c r="C5123" s="3">
        <f t="shared" si="1187"/>
        <v>50.713000000000001</v>
      </c>
      <c r="D5123" s="239">
        <v>3.476</v>
      </c>
      <c r="E5123" s="239">
        <v>0.16950000000000001</v>
      </c>
      <c r="F5123" s="239">
        <v>1.0295000000000001</v>
      </c>
      <c r="G5123">
        <f t="shared" si="1188"/>
        <v>3.6818999999999997</v>
      </c>
      <c r="H5123" s="235">
        <f t="shared" si="1189"/>
        <v>4.6036014014503381</v>
      </c>
      <c r="I5123" s="236">
        <f t="shared" si="1190"/>
        <v>19.772666041281987</v>
      </c>
      <c r="J5123" s="237">
        <f t="shared" si="1195"/>
        <v>9.7726660412819868</v>
      </c>
      <c r="K5123" s="237">
        <f t="shared" si="1191"/>
        <v>1002.7312129515334</v>
      </c>
      <c r="L5123" s="237">
        <f t="shared" si="1196"/>
        <v>495.66962161382236</v>
      </c>
      <c r="M5123" s="236">
        <f t="shared" si="1192"/>
        <v>5.4051502658676434</v>
      </c>
      <c r="N5123" s="236">
        <f t="shared" si="1193"/>
        <v>6.3265890831287042</v>
      </c>
      <c r="O5123" s="236">
        <f t="shared" si="1197"/>
        <v>3.4025502136301822</v>
      </c>
      <c r="P5123" s="236" t="str">
        <f t="shared" si="1198"/>
        <v>CLAY</v>
      </c>
      <c r="Q5123" s="236">
        <f t="shared" si="1194"/>
        <v>223.26406558737219</v>
      </c>
      <c r="R5123" s="238">
        <v>35</v>
      </c>
      <c r="S5123" s="236">
        <f t="shared" si="1199"/>
        <v>2.0603913775324618</v>
      </c>
      <c r="T5123" s="236" t="e">
        <f t="shared" si="1185"/>
        <v>#N/A</v>
      </c>
    </row>
    <row r="5124" spans="1:20" x14ac:dyDescent="0.2">
      <c r="A5124" s="53">
        <f t="shared" si="1186"/>
        <v>5112</v>
      </c>
      <c r="B5124" s="239">
        <v>50.731000000000002</v>
      </c>
      <c r="C5124" s="3">
        <f t="shared" si="1187"/>
        <v>50.724000000000004</v>
      </c>
      <c r="D5124" s="239">
        <v>3.5245000000000002</v>
      </c>
      <c r="E5124" s="239">
        <v>0.1598</v>
      </c>
      <c r="F5124" s="239">
        <v>0.99280000000000002</v>
      </c>
      <c r="G5124">
        <f t="shared" si="1188"/>
        <v>3.7230600000000003</v>
      </c>
      <c r="H5124" s="235">
        <f t="shared" si="1189"/>
        <v>4.2921682701863517</v>
      </c>
      <c r="I5124" s="236">
        <f t="shared" si="1190"/>
        <v>19.70791037856355</v>
      </c>
      <c r="J5124" s="237">
        <f t="shared" si="1195"/>
        <v>9.7079103785635503</v>
      </c>
      <c r="K5124" s="237">
        <f t="shared" si="1191"/>
        <v>999.66404604225761</v>
      </c>
      <c r="L5124" s="237">
        <f t="shared" si="1196"/>
        <v>492.49200141490746</v>
      </c>
      <c r="M5124" s="236">
        <f t="shared" si="1192"/>
        <v>5.5298277863062708</v>
      </c>
      <c r="N5124" s="236">
        <f t="shared" si="1193"/>
        <v>5.8676741355869524</v>
      </c>
      <c r="O5124" s="236">
        <f t="shared" si="1197"/>
        <v>3.3752183578963399</v>
      </c>
      <c r="P5124" s="236" t="str">
        <f t="shared" si="1198"/>
        <v>CLAY</v>
      </c>
      <c r="Q5124" s="236">
        <f t="shared" si="1194"/>
        <v>226.9496628298119</v>
      </c>
      <c r="R5124" s="238">
        <v>35</v>
      </c>
      <c r="S5124" s="236">
        <f t="shared" si="1199"/>
        <v>2.1199690309734085</v>
      </c>
      <c r="T5124" s="236" t="e">
        <f t="shared" si="1185"/>
        <v>#N/A</v>
      </c>
    </row>
    <row r="5125" spans="1:20" x14ac:dyDescent="0.2">
      <c r="A5125" s="53">
        <f t="shared" si="1186"/>
        <v>5113</v>
      </c>
      <c r="B5125" s="239">
        <v>50.74</v>
      </c>
      <c r="C5125" s="3">
        <f t="shared" si="1187"/>
        <v>50.733000000000004</v>
      </c>
      <c r="D5125" s="239">
        <v>3.4373999999999998</v>
      </c>
      <c r="E5125" s="239">
        <v>0.16350000000000001</v>
      </c>
      <c r="F5125" s="239">
        <v>1.1146</v>
      </c>
      <c r="G5125">
        <f t="shared" si="1188"/>
        <v>3.6603199999999996</v>
      </c>
      <c r="H5125" s="235">
        <f t="shared" si="1189"/>
        <v>4.4668225728898028</v>
      </c>
      <c r="I5125" s="236">
        <f t="shared" si="1190"/>
        <v>19.72810814762564</v>
      </c>
      <c r="J5125" s="237">
        <f t="shared" si="1195"/>
        <v>9.7281081476256404</v>
      </c>
      <c r="K5125" s="237">
        <f t="shared" si="1191"/>
        <v>1000.8661106534917</v>
      </c>
      <c r="L5125" s="237">
        <f t="shared" si="1196"/>
        <v>493.60420741052502</v>
      </c>
      <c r="M5125" s="236">
        <f t="shared" si="1192"/>
        <v>5.3878266218558997</v>
      </c>
      <c r="N5125" s="236">
        <f t="shared" si="1193"/>
        <v>6.1478787301018372</v>
      </c>
      <c r="O5125" s="236">
        <f t="shared" si="1197"/>
        <v>3.3962969106152183</v>
      </c>
      <c r="P5125" s="236" t="str">
        <f t="shared" si="1198"/>
        <v>CLAY</v>
      </c>
      <c r="Q5125" s="236">
        <f t="shared" si="1194"/>
        <v>221.62115744554231</v>
      </c>
      <c r="R5125" s="238">
        <v>35</v>
      </c>
      <c r="S5125" s="236">
        <f t="shared" si="1199"/>
        <v>2.0521401787443172</v>
      </c>
      <c r="T5125" s="236" t="e">
        <f t="shared" si="1185"/>
        <v>#N/A</v>
      </c>
    </row>
    <row r="5126" spans="1:20" x14ac:dyDescent="0.2">
      <c r="A5126" s="53">
        <f t="shared" si="1186"/>
        <v>5114</v>
      </c>
      <c r="B5126" s="239">
        <v>50.75</v>
      </c>
      <c r="C5126" s="3">
        <f t="shared" si="1187"/>
        <v>50.743000000000002</v>
      </c>
      <c r="D5126" s="239">
        <v>3.5030000000000001</v>
      </c>
      <c r="E5126" s="239">
        <v>0.16189999999999999</v>
      </c>
      <c r="F5126" s="239">
        <v>1.1460999999999999</v>
      </c>
      <c r="G5126">
        <f t="shared" si="1188"/>
        <v>3.7322199999999999</v>
      </c>
      <c r="H5126" s="235">
        <f t="shared" si="1189"/>
        <v>4.3379007668358245</v>
      </c>
      <c r="I5126" s="236">
        <f t="shared" si="1190"/>
        <v>19.724180058251612</v>
      </c>
      <c r="J5126" s="237">
        <f t="shared" si="1195"/>
        <v>9.724180058251612</v>
      </c>
      <c r="K5126" s="237">
        <f t="shared" si="1191"/>
        <v>1000.8640686958616</v>
      </c>
      <c r="L5126" s="237">
        <f t="shared" si="1196"/>
        <v>493.50213795626934</v>
      </c>
      <c r="M5126" s="236">
        <f t="shared" si="1192"/>
        <v>5.5346384974449121</v>
      </c>
      <c r="N5126" s="236">
        <f t="shared" si="1193"/>
        <v>5.9274588911851449</v>
      </c>
      <c r="O5126" s="236">
        <f t="shared" si="1197"/>
        <v>3.3775090298107227</v>
      </c>
      <c r="P5126" s="236" t="str">
        <f t="shared" si="1198"/>
        <v>CLAY</v>
      </c>
      <c r="Q5126" s="236">
        <f t="shared" si="1194"/>
        <v>227.61299427534485</v>
      </c>
      <c r="R5126" s="238">
        <v>35</v>
      </c>
      <c r="S5126" s="236">
        <f t="shared" si="1199"/>
        <v>2.122274633385921</v>
      </c>
      <c r="T5126" s="236" t="e">
        <f t="shared" si="1185"/>
        <v>#N/A</v>
      </c>
    </row>
    <row r="5127" spans="1:20" x14ac:dyDescent="0.2">
      <c r="A5127" s="53">
        <f t="shared" si="1186"/>
        <v>5115</v>
      </c>
      <c r="B5127" s="239">
        <v>50.761000000000003</v>
      </c>
      <c r="C5127" s="3">
        <f t="shared" si="1187"/>
        <v>50.754000000000005</v>
      </c>
      <c r="D5127" s="239">
        <v>3.6314000000000002</v>
      </c>
      <c r="E5127" s="239">
        <v>0.16120000000000001</v>
      </c>
      <c r="F5127" s="239">
        <v>1.1680999999999999</v>
      </c>
      <c r="G5127">
        <f t="shared" si="1188"/>
        <v>3.8650200000000003</v>
      </c>
      <c r="H5127" s="235">
        <f t="shared" si="1189"/>
        <v>4.170741677921459</v>
      </c>
      <c r="I5127" s="236">
        <f t="shared" si="1190"/>
        <v>19.732765226560154</v>
      </c>
      <c r="J5127" s="237">
        <f t="shared" si="1195"/>
        <v>9.7327652265601543</v>
      </c>
      <c r="K5127" s="237">
        <f t="shared" si="1191"/>
        <v>1001.5167663088341</v>
      </c>
      <c r="L5127" s="237">
        <f t="shared" si="1196"/>
        <v>494.04489566542003</v>
      </c>
      <c r="M5127" s="236">
        <f t="shared" si="1192"/>
        <v>5.7960384953160302</v>
      </c>
      <c r="N5127" s="236">
        <f t="shared" si="1193"/>
        <v>5.6294680621752597</v>
      </c>
      <c r="O5127" s="236">
        <f t="shared" si="1197"/>
        <v>3.3481158856916271</v>
      </c>
      <c r="P5127" s="236" t="str">
        <f t="shared" si="1198"/>
        <v>CLAY</v>
      </c>
      <c r="Q5127" s="236">
        <f t="shared" si="1194"/>
        <v>238.62526947426386</v>
      </c>
      <c r="R5127" s="238">
        <v>35</v>
      </c>
      <c r="S5127" s="236">
        <f t="shared" si="1199"/>
        <v>2.2482990927452318</v>
      </c>
      <c r="T5127" s="236" t="e">
        <f t="shared" si="1185"/>
        <v>#N/A</v>
      </c>
    </row>
    <row r="5128" spans="1:20" x14ac:dyDescent="0.2">
      <c r="A5128" s="53">
        <f t="shared" si="1186"/>
        <v>5116</v>
      </c>
      <c r="B5128" s="239">
        <v>50.77</v>
      </c>
      <c r="C5128" s="3">
        <f t="shared" si="1187"/>
        <v>50.763000000000005</v>
      </c>
      <c r="D5128" s="239">
        <v>3.6598999999999999</v>
      </c>
      <c r="E5128" s="239">
        <v>0.16350000000000001</v>
      </c>
      <c r="F5128" s="239">
        <v>1.1644000000000001</v>
      </c>
      <c r="G5128">
        <f t="shared" si="1188"/>
        <v>3.8927800000000001</v>
      </c>
      <c r="H5128" s="235">
        <f t="shared" si="1189"/>
        <v>4.2000832310071461</v>
      </c>
      <c r="I5128" s="236">
        <f t="shared" si="1190"/>
        <v>19.752174872552008</v>
      </c>
      <c r="J5128" s="237">
        <f t="shared" si="1195"/>
        <v>9.7521748725520077</v>
      </c>
      <c r="K5128" s="237">
        <f t="shared" si="1191"/>
        <v>1002.6796530553577</v>
      </c>
      <c r="L5128" s="237">
        <f t="shared" si="1196"/>
        <v>495.11791827946547</v>
      </c>
      <c r="M5128" s="236">
        <f t="shared" si="1192"/>
        <v>5.8371960299634065</v>
      </c>
      <c r="N5128" s="236">
        <f t="shared" si="1193"/>
        <v>5.6572430148610238</v>
      </c>
      <c r="O5128" s="236">
        <f t="shared" si="1197"/>
        <v>3.3468912648287614</v>
      </c>
      <c r="P5128" s="236" t="str">
        <f t="shared" si="1198"/>
        <v>CLAY</v>
      </c>
      <c r="Q5128" s="236">
        <f t="shared" si="1194"/>
        <v>240.84169557872019</v>
      </c>
      <c r="R5128" s="238">
        <v>35</v>
      </c>
      <c r="S5128" s="236">
        <f t="shared" si="1199"/>
        <v>2.26827317464251</v>
      </c>
      <c r="T5128" s="236" t="e">
        <f t="shared" si="1185"/>
        <v>#N/A</v>
      </c>
    </row>
    <row r="5129" spans="1:20" x14ac:dyDescent="0.2">
      <c r="A5129" s="53">
        <f t="shared" si="1186"/>
        <v>5117</v>
      </c>
      <c r="B5129" s="239">
        <v>50.78</v>
      </c>
      <c r="C5129" s="3">
        <f t="shared" si="1187"/>
        <v>50.773000000000003</v>
      </c>
      <c r="D5129" s="239">
        <v>3.7038000000000002</v>
      </c>
      <c r="E5129" s="239">
        <v>0.158</v>
      </c>
      <c r="F5129" s="239">
        <v>1.1667000000000001</v>
      </c>
      <c r="G5129">
        <f t="shared" si="1188"/>
        <v>3.9371400000000003</v>
      </c>
      <c r="H5129" s="235">
        <f t="shared" si="1189"/>
        <v>4.0130653215278089</v>
      </c>
      <c r="I5129" s="236">
        <f t="shared" si="1190"/>
        <v>19.716479961411906</v>
      </c>
      <c r="J5129" s="237">
        <f t="shared" si="1195"/>
        <v>9.7164799614119062</v>
      </c>
      <c r="K5129" s="237">
        <f t="shared" si="1191"/>
        <v>1001.0648370807668</v>
      </c>
      <c r="L5129" s="237">
        <f t="shared" si="1196"/>
        <v>493.40285244049659</v>
      </c>
      <c r="M5129" s="236">
        <f t="shared" si="1192"/>
        <v>5.9506651580886807</v>
      </c>
      <c r="N5129" s="236">
        <f t="shared" si="1193"/>
        <v>5.3813336250869783</v>
      </c>
      <c r="O5129" s="236">
        <f t="shared" si="1197"/>
        <v>3.3273620997547457</v>
      </c>
      <c r="P5129" s="236" t="str">
        <f t="shared" si="1198"/>
        <v>CLAY</v>
      </c>
      <c r="Q5129" s="236">
        <f t="shared" si="1194"/>
        <v>244.67293024326946</v>
      </c>
      <c r="R5129" s="238">
        <v>35</v>
      </c>
      <c r="S5129" s="236">
        <f t="shared" si="1199"/>
        <v>2.3235225963057764</v>
      </c>
      <c r="T5129" s="236" t="e">
        <f t="shared" si="1185"/>
        <v>#N/A</v>
      </c>
    </row>
    <row r="5130" spans="1:20" x14ac:dyDescent="0.2">
      <c r="A5130" s="53">
        <f t="shared" si="1186"/>
        <v>5118</v>
      </c>
      <c r="B5130" s="239">
        <v>50.79</v>
      </c>
      <c r="C5130" s="3">
        <f t="shared" si="1187"/>
        <v>50.783000000000001</v>
      </c>
      <c r="D5130" s="239">
        <v>3.8620999999999999</v>
      </c>
      <c r="E5130" s="239">
        <v>0.13800000000000001</v>
      </c>
      <c r="F5130" s="239">
        <v>1.1022000000000001</v>
      </c>
      <c r="G5130">
        <f t="shared" si="1188"/>
        <v>4.0825399999999998</v>
      </c>
      <c r="H5130" s="235">
        <f t="shared" si="1189"/>
        <v>3.3802485707427241</v>
      </c>
      <c r="I5130" s="236">
        <f t="shared" si="1190"/>
        <v>19.571953991378425</v>
      </c>
      <c r="J5130" s="237">
        <f t="shared" si="1195"/>
        <v>9.5719539913784253</v>
      </c>
      <c r="K5130" s="237">
        <f t="shared" si="1191"/>
        <v>993.9225395441706</v>
      </c>
      <c r="L5130" s="237">
        <f t="shared" si="1196"/>
        <v>486.15954322211019</v>
      </c>
      <c r="M5130" s="236">
        <f t="shared" si="1192"/>
        <v>6.3530943771780333</v>
      </c>
      <c r="N5130" s="236">
        <f t="shared" si="1193"/>
        <v>4.4680185153014538</v>
      </c>
      <c r="O5130" s="236">
        <f t="shared" si="1197"/>
        <v>3.2573451386074752</v>
      </c>
      <c r="P5130" s="236" t="str">
        <f t="shared" si="1198"/>
        <v>CLAY</v>
      </c>
      <c r="Q5130" s="236">
        <f t="shared" si="1194"/>
        <v>257.38478837131908</v>
      </c>
      <c r="R5130" s="238">
        <v>35</v>
      </c>
      <c r="S5130" s="236">
        <f t="shared" si="1199"/>
        <v>2.5215735619895701</v>
      </c>
      <c r="T5130" s="236" t="e">
        <f t="shared" si="1185"/>
        <v>#N/A</v>
      </c>
    </row>
    <row r="5131" spans="1:20" x14ac:dyDescent="0.2">
      <c r="A5131" s="53">
        <f t="shared" si="1186"/>
        <v>5119</v>
      </c>
      <c r="B5131" s="239">
        <v>50.8</v>
      </c>
      <c r="C5131" s="3">
        <f t="shared" si="1187"/>
        <v>50.792999999999999</v>
      </c>
      <c r="D5131" s="239">
        <v>3.9367999999999999</v>
      </c>
      <c r="E5131" s="239">
        <v>0.12989999999999999</v>
      </c>
      <c r="F5131" s="239">
        <v>1.1439999999999999</v>
      </c>
      <c r="G5131">
        <f t="shared" si="1188"/>
        <v>4.1655999999999995</v>
      </c>
      <c r="H5131" s="235">
        <f t="shared" si="1189"/>
        <v>3.1183983099673518</v>
      </c>
      <c r="I5131" s="236">
        <f t="shared" si="1190"/>
        <v>19.508897570480531</v>
      </c>
      <c r="J5131" s="237">
        <f t="shared" si="1195"/>
        <v>9.5088975704805314</v>
      </c>
      <c r="K5131" s="237">
        <f t="shared" si="1191"/>
        <v>990.91543429741762</v>
      </c>
      <c r="L5131" s="237">
        <f t="shared" si="1196"/>
        <v>483.05199658041096</v>
      </c>
      <c r="M5131" s="236">
        <f t="shared" si="1192"/>
        <v>6.5721383788424319</v>
      </c>
      <c r="N5131" s="236">
        <f t="shared" si="1193"/>
        <v>4.0917450950359893</v>
      </c>
      <c r="O5131" s="236">
        <f t="shared" si="1197"/>
        <v>3.2234374144116469</v>
      </c>
      <c r="P5131" s="236" t="str">
        <f t="shared" si="1198"/>
        <v>CLAY</v>
      </c>
      <c r="Q5131" s="236">
        <f t="shared" si="1194"/>
        <v>264.55704714188181</v>
      </c>
      <c r="R5131" s="238">
        <v>35</v>
      </c>
      <c r="S5131" s="236">
        <f t="shared" si="1199"/>
        <v>2.6307124646130164</v>
      </c>
      <c r="T5131" s="236" t="e">
        <f t="shared" si="1185"/>
        <v>#N/A</v>
      </c>
    </row>
    <row r="5132" spans="1:20" x14ac:dyDescent="0.2">
      <c r="A5132" s="53">
        <f t="shared" si="1186"/>
        <v>5120</v>
      </c>
      <c r="B5132" s="239">
        <v>50.808999999999997</v>
      </c>
      <c r="C5132" s="3">
        <f t="shared" si="1187"/>
        <v>50.802</v>
      </c>
      <c r="D5132" s="239">
        <v>3.9746999999999999</v>
      </c>
      <c r="E5132" s="239">
        <v>0.122</v>
      </c>
      <c r="F5132" s="239">
        <v>1.2444999999999999</v>
      </c>
      <c r="G5132">
        <f t="shared" si="1188"/>
        <v>4.2236000000000002</v>
      </c>
      <c r="H5132" s="235">
        <f t="shared" si="1189"/>
        <v>2.8885311109006535</v>
      </c>
      <c r="I5132" s="236">
        <f t="shared" si="1190"/>
        <v>19.440729100290579</v>
      </c>
      <c r="J5132" s="237">
        <f t="shared" si="1195"/>
        <v>9.4407291002905787</v>
      </c>
      <c r="K5132" s="237">
        <f t="shared" si="1191"/>
        <v>987.62791975296193</v>
      </c>
      <c r="L5132" s="237">
        <f t="shared" si="1196"/>
        <v>479.674004856664</v>
      </c>
      <c r="M5132" s="236">
        <f t="shared" si="1192"/>
        <v>6.7461902197806412</v>
      </c>
      <c r="N5132" s="236">
        <f t="shared" si="1193"/>
        <v>3.7701190546330783</v>
      </c>
      <c r="O5132" s="236">
        <f t="shared" si="1197"/>
        <v>3.1939729317219809</v>
      </c>
      <c r="P5132" s="236" t="str">
        <f t="shared" si="1198"/>
        <v>CLAY</v>
      </c>
      <c r="Q5132" s="236">
        <f t="shared" si="1194"/>
        <v>269.66434002058651</v>
      </c>
      <c r="R5132" s="238">
        <v>35</v>
      </c>
      <c r="S5132" s="236">
        <f t="shared" si="1199"/>
        <v>2.7180862713029499</v>
      </c>
      <c r="T5132" s="236" t="e">
        <f t="shared" si="1185"/>
        <v>#N/A</v>
      </c>
    </row>
    <row r="5133" spans="1:20" x14ac:dyDescent="0.2">
      <c r="A5133" s="53">
        <f t="shared" si="1186"/>
        <v>5121</v>
      </c>
      <c r="B5133" s="239">
        <v>50.82</v>
      </c>
      <c r="C5133" s="3">
        <f t="shared" si="1187"/>
        <v>50.813000000000002</v>
      </c>
      <c r="D5133" s="239">
        <v>4.0502000000000002</v>
      </c>
      <c r="E5133" s="239">
        <v>0.1182</v>
      </c>
      <c r="F5133" s="239">
        <v>1.1904999999999999</v>
      </c>
      <c r="G5133">
        <f t="shared" si="1188"/>
        <v>4.2883000000000004</v>
      </c>
      <c r="H5133" s="235">
        <f t="shared" si="1189"/>
        <v>2.7563370100039641</v>
      </c>
      <c r="I5133" s="236">
        <f t="shared" si="1190"/>
        <v>19.409566885082157</v>
      </c>
      <c r="J5133" s="237">
        <f t="shared" si="1195"/>
        <v>9.4095668850821568</v>
      </c>
      <c r="K5133" s="237">
        <f t="shared" si="1191"/>
        <v>986.25832213167973</v>
      </c>
      <c r="L5133" s="237">
        <f t="shared" si="1196"/>
        <v>478.19418909987519</v>
      </c>
      <c r="M5133" s="236">
        <f t="shared" si="1192"/>
        <v>6.905231709494192</v>
      </c>
      <c r="N5133" s="236">
        <f t="shared" si="1193"/>
        <v>3.5796035159769901</v>
      </c>
      <c r="O5133" s="236">
        <f t="shared" si="1197"/>
        <v>3.1729660244552447</v>
      </c>
      <c r="P5133" s="236" t="str">
        <f t="shared" si="1198"/>
        <v>CLAY</v>
      </c>
      <c r="Q5133" s="236">
        <f t="shared" si="1194"/>
        <v>275.17013982236</v>
      </c>
      <c r="R5133" s="238">
        <v>35</v>
      </c>
      <c r="S5133" s="236">
        <f t="shared" si="1199"/>
        <v>2.7984195676921568</v>
      </c>
      <c r="T5133" s="236" t="e">
        <f t="shared" ref="T5133:T5196" si="1200">IF(P5133="SAND",17.6+(11*LOG(M5133)),#N/A)</f>
        <v>#N/A</v>
      </c>
    </row>
    <row r="5134" spans="1:20" x14ac:dyDescent="0.2">
      <c r="A5134" s="53">
        <f t="shared" ref="A5134:A5197" si="1201">$A5133+1</f>
        <v>5122</v>
      </c>
      <c r="B5134" s="239">
        <v>50.829000000000001</v>
      </c>
      <c r="C5134" s="3">
        <f t="shared" ref="C5134:C5197" si="1202">MAX($B5134 - $B$13, 0.001)</f>
        <v>50.822000000000003</v>
      </c>
      <c r="D5134" s="239">
        <v>3.9481000000000002</v>
      </c>
      <c r="E5134" s="239">
        <v>0.1137</v>
      </c>
      <c r="F5134" s="239">
        <v>1.1796</v>
      </c>
      <c r="G5134">
        <f t="shared" si="1188"/>
        <v>4.1840200000000003</v>
      </c>
      <c r="H5134" s="235">
        <f t="shared" si="1189"/>
        <v>2.7174822300084602</v>
      </c>
      <c r="I5134" s="236">
        <f t="shared" si="1190"/>
        <v>19.354430685687902</v>
      </c>
      <c r="J5134" s="237">
        <f t="shared" si="1195"/>
        <v>9.3544306856879018</v>
      </c>
      <c r="K5134" s="237">
        <f t="shared" si="1191"/>
        <v>983.63087630803057</v>
      </c>
      <c r="L5134" s="237">
        <f t="shared" si="1196"/>
        <v>475.47635732283038</v>
      </c>
      <c r="M5134" s="236">
        <f t="shared" si="1192"/>
        <v>6.7309111681425353</v>
      </c>
      <c r="N5134" s="236">
        <f t="shared" si="1193"/>
        <v>3.5526929884337202</v>
      </c>
      <c r="O5134" s="236">
        <f t="shared" si="1197"/>
        <v>3.1803534754739826</v>
      </c>
      <c r="P5134" s="236" t="str">
        <f t="shared" si="1198"/>
        <v>CLAY</v>
      </c>
      <c r="Q5134" s="236">
        <f t="shared" si="1194"/>
        <v>266.69909364099749</v>
      </c>
      <c r="R5134" s="238">
        <v>35</v>
      </c>
      <c r="S5134" s="236">
        <f t="shared" si="1199"/>
        <v>2.7103934077786089</v>
      </c>
      <c r="T5134" s="236" t="e">
        <f t="shared" si="1200"/>
        <v>#N/A</v>
      </c>
    </row>
    <row r="5135" spans="1:20" x14ac:dyDescent="0.2">
      <c r="A5135" s="53">
        <f t="shared" si="1201"/>
        <v>5123</v>
      </c>
      <c r="B5135" s="239">
        <v>50.838999999999999</v>
      </c>
      <c r="C5135" s="3">
        <f t="shared" si="1202"/>
        <v>50.832000000000001</v>
      </c>
      <c r="D5135" s="239">
        <v>3.8409</v>
      </c>
      <c r="E5135" s="239">
        <v>0.1091</v>
      </c>
      <c r="F5135" s="239">
        <v>1.0860000000000001</v>
      </c>
      <c r="G5135">
        <f t="shared" ref="G5135:G5198" si="1203">$D5135+($F5135*(1-$P$8))</f>
        <v>4.0580999999999996</v>
      </c>
      <c r="H5135" s="235">
        <f t="shared" ref="H5135:H5198" si="1204">($E5135/$G5135)*100</f>
        <v>2.6884502599738798</v>
      </c>
      <c r="I5135" s="236">
        <f t="shared" ref="I5135:I5198" si="1205">((0.27*(LOG($H5135)))+(0.36*(LOG(($G5135*1000)/101)))+1.236)*10</f>
        <v>19.294060351242315</v>
      </c>
      <c r="J5135" s="237">
        <f t="shared" si="1195"/>
        <v>9.2940603512423152</v>
      </c>
      <c r="K5135" s="237">
        <f t="shared" ref="K5135:K5198" si="1206">$I5135*$C5135</f>
        <v>980.75567577434936</v>
      </c>
      <c r="L5135" s="237">
        <f t="shared" si="1196"/>
        <v>472.50073419680803</v>
      </c>
      <c r="M5135" s="236">
        <f t="shared" ref="M5135:M5198" si="1207">(($G5135*1000)-$K5135)/$L5135</f>
        <v>6.5128879206013277</v>
      </c>
      <c r="N5135" s="236">
        <f t="shared" ref="N5135:N5198" si="1208">(($E5135*1000)/(($G5135*1000)-$K5135))*100</f>
        <v>3.5452646342216765</v>
      </c>
      <c r="O5135" s="236">
        <f t="shared" si="1197"/>
        <v>3.1917385604338615</v>
      </c>
      <c r="P5135" s="236" t="str">
        <f t="shared" si="1198"/>
        <v>CLAY</v>
      </c>
      <c r="Q5135" s="236">
        <f t="shared" ref="Q5135:Q5198" si="1209">IF(P5135="CLAY",($G5135*1000 -$K5135)/$L$8,#N/A)</f>
        <v>256.44536035213747</v>
      </c>
      <c r="R5135" s="238">
        <v>35</v>
      </c>
      <c r="S5135" s="236">
        <f t="shared" si="1199"/>
        <v>2.6010997918146002</v>
      </c>
      <c r="T5135" s="236" t="e">
        <f t="shared" si="1200"/>
        <v>#N/A</v>
      </c>
    </row>
    <row r="5136" spans="1:20" x14ac:dyDescent="0.2">
      <c r="A5136" s="53">
        <f t="shared" si="1201"/>
        <v>5124</v>
      </c>
      <c r="B5136" s="239">
        <v>50.848999999999997</v>
      </c>
      <c r="C5136" s="3">
        <f t="shared" si="1202"/>
        <v>50.841999999999999</v>
      </c>
      <c r="D5136" s="239">
        <v>3.7765</v>
      </c>
      <c r="E5136" s="239">
        <v>0.1065</v>
      </c>
      <c r="F5136" s="239">
        <v>1.0775999999999999</v>
      </c>
      <c r="G5136">
        <f t="shared" si="1203"/>
        <v>3.9920200000000001</v>
      </c>
      <c r="H5136" s="235">
        <f t="shared" si="1204"/>
        <v>2.6678223054994716</v>
      </c>
      <c r="I5136" s="236">
        <f t="shared" si="1205"/>
        <v>19.259360432964876</v>
      </c>
      <c r="J5136" s="237">
        <f t="shared" ref="J5136:J5199" si="1210">$I5136-10</f>
        <v>9.2593604329648755</v>
      </c>
      <c r="K5136" s="237">
        <f t="shared" si="1206"/>
        <v>979.18440313280018</v>
      </c>
      <c r="L5136" s="237">
        <f t="shared" ref="L5136:L5199" si="1211">$J5136*$B5136</f>
        <v>470.82921865583091</v>
      </c>
      <c r="M5136" s="236">
        <f t="shared" si="1207"/>
        <v>6.3989987823366956</v>
      </c>
      <c r="N5136" s="236">
        <f t="shared" si="1208"/>
        <v>3.5348759192416805</v>
      </c>
      <c r="O5136" s="236">
        <f t="shared" ref="O5136:O5199" si="1212">((3.47-LOG($M5136))^2+(LOG($N5136)+1.22)^2)^0.5</f>
        <v>3.197412445811429</v>
      </c>
      <c r="P5136" s="236" t="str">
        <f t="shared" ref="P5136:P5199" si="1213">IF(O5136&lt;2.6,"SAND","CLAY")</f>
        <v>CLAY</v>
      </c>
      <c r="Q5136" s="236">
        <f t="shared" si="1209"/>
        <v>251.06963307226667</v>
      </c>
      <c r="R5136" s="238">
        <v>35</v>
      </c>
      <c r="S5136" s="236">
        <f t="shared" ref="S5136:S5199" si="1214">IF(P5136="SAND",#N/A,0.25*($M5136)^1.25)</f>
        <v>2.5443686923485256</v>
      </c>
      <c r="T5136" s="236" t="e">
        <f t="shared" si="1200"/>
        <v>#N/A</v>
      </c>
    </row>
    <row r="5137" spans="1:20" x14ac:dyDescent="0.2">
      <c r="A5137" s="53">
        <f t="shared" si="1201"/>
        <v>5125</v>
      </c>
      <c r="B5137" s="239">
        <v>50.859000000000002</v>
      </c>
      <c r="C5137" s="3">
        <f t="shared" si="1202"/>
        <v>50.852000000000004</v>
      </c>
      <c r="D5137" s="239">
        <v>3.8125</v>
      </c>
      <c r="E5137" s="239">
        <v>0.1103</v>
      </c>
      <c r="F5137" s="239">
        <v>1.0044</v>
      </c>
      <c r="G5137">
        <f t="shared" si="1203"/>
        <v>4.0133799999999997</v>
      </c>
      <c r="H5137" s="235">
        <f t="shared" si="1204"/>
        <v>2.7483069133747615</v>
      </c>
      <c r="I5137" s="236">
        <f t="shared" si="1205"/>
        <v>19.30255619186876</v>
      </c>
      <c r="J5137" s="237">
        <f t="shared" si="1210"/>
        <v>9.30255619186876</v>
      </c>
      <c r="K5137" s="237">
        <f t="shared" si="1206"/>
        <v>981.5735874689102</v>
      </c>
      <c r="L5137" s="237">
        <f t="shared" si="1211"/>
        <v>473.11870536225331</v>
      </c>
      <c r="M5137" s="236">
        <f t="shared" si="1207"/>
        <v>6.40813051390501</v>
      </c>
      <c r="N5137" s="236">
        <f t="shared" si="1208"/>
        <v>3.6380950823280487</v>
      </c>
      <c r="O5137" s="236">
        <f t="shared" si="1212"/>
        <v>3.2038277537319986</v>
      </c>
      <c r="P5137" s="236" t="str">
        <f t="shared" si="1213"/>
        <v>CLAY</v>
      </c>
      <c r="Q5137" s="236">
        <f t="shared" si="1209"/>
        <v>252.65053437759079</v>
      </c>
      <c r="R5137" s="238">
        <v>35</v>
      </c>
      <c r="S5137" s="236">
        <f t="shared" si="1214"/>
        <v>2.5489081984177782</v>
      </c>
      <c r="T5137" s="236" t="e">
        <f t="shared" si="1200"/>
        <v>#N/A</v>
      </c>
    </row>
    <row r="5138" spans="1:20" x14ac:dyDescent="0.2">
      <c r="A5138" s="53">
        <f t="shared" si="1201"/>
        <v>5126</v>
      </c>
      <c r="B5138" s="239">
        <v>50.869</v>
      </c>
      <c r="C5138" s="3">
        <f t="shared" si="1202"/>
        <v>50.862000000000002</v>
      </c>
      <c r="D5138" s="239">
        <v>3.5594000000000001</v>
      </c>
      <c r="E5138" s="239">
        <v>0.11840000000000001</v>
      </c>
      <c r="F5138" s="239">
        <v>1.1712</v>
      </c>
      <c r="G5138">
        <f t="shared" si="1203"/>
        <v>3.7936399999999999</v>
      </c>
      <c r="H5138" s="235">
        <f t="shared" si="1204"/>
        <v>3.1210130639702243</v>
      </c>
      <c r="I5138" s="236">
        <f t="shared" si="1205"/>
        <v>19.363643155086024</v>
      </c>
      <c r="J5138" s="237">
        <f t="shared" si="1210"/>
        <v>9.3636431550860237</v>
      </c>
      <c r="K5138" s="237">
        <f t="shared" si="1206"/>
        <v>984.87361815398538</v>
      </c>
      <c r="L5138" s="237">
        <f t="shared" si="1211"/>
        <v>476.31916365607094</v>
      </c>
      <c r="M5138" s="236">
        <f t="shared" si="1207"/>
        <v>5.8968158246811608</v>
      </c>
      <c r="N5138" s="236">
        <f t="shared" si="1208"/>
        <v>4.2153737229717052</v>
      </c>
      <c r="O5138" s="236">
        <f t="shared" si="1212"/>
        <v>3.2695696527717004</v>
      </c>
      <c r="P5138" s="236" t="str">
        <f t="shared" si="1213"/>
        <v>CLAY</v>
      </c>
      <c r="Q5138" s="236">
        <f t="shared" si="1209"/>
        <v>234.06386515383454</v>
      </c>
      <c r="R5138" s="238">
        <v>35</v>
      </c>
      <c r="S5138" s="236">
        <f t="shared" si="1214"/>
        <v>2.2972695878130804</v>
      </c>
      <c r="T5138" s="236" t="e">
        <f t="shared" si="1200"/>
        <v>#N/A</v>
      </c>
    </row>
    <row r="5139" spans="1:20" x14ac:dyDescent="0.2">
      <c r="A5139" s="53">
        <f t="shared" si="1201"/>
        <v>5127</v>
      </c>
      <c r="B5139" s="239">
        <v>50.878999999999998</v>
      </c>
      <c r="C5139" s="3">
        <f t="shared" si="1202"/>
        <v>50.872</v>
      </c>
      <c r="D5139" s="239">
        <v>3.5341</v>
      </c>
      <c r="E5139" s="239">
        <v>0.1186</v>
      </c>
      <c r="F5139" s="239">
        <v>1.2101999999999999</v>
      </c>
      <c r="G5139">
        <f t="shared" si="1203"/>
        <v>3.7761399999999998</v>
      </c>
      <c r="H5139" s="235">
        <f t="shared" si="1204"/>
        <v>3.1407733823428159</v>
      </c>
      <c r="I5139" s="236">
        <f t="shared" si="1205"/>
        <v>19.363814993371516</v>
      </c>
      <c r="J5139" s="237">
        <f t="shared" si="1210"/>
        <v>9.3638149933715162</v>
      </c>
      <c r="K5139" s="237">
        <f t="shared" si="1206"/>
        <v>985.07599634279575</v>
      </c>
      <c r="L5139" s="237">
        <f t="shared" si="1211"/>
        <v>476.42154304774937</v>
      </c>
      <c r="M5139" s="236">
        <f t="shared" si="1207"/>
        <v>5.8583916793566777</v>
      </c>
      <c r="N5139" s="236">
        <f t="shared" si="1208"/>
        <v>4.2492755395288437</v>
      </c>
      <c r="O5139" s="236">
        <f t="shared" si="1212"/>
        <v>3.2738768298771337</v>
      </c>
      <c r="P5139" s="236" t="str">
        <f t="shared" si="1213"/>
        <v>CLAY</v>
      </c>
      <c r="Q5139" s="236">
        <f t="shared" si="1209"/>
        <v>232.58866697143367</v>
      </c>
      <c r="R5139" s="238">
        <v>35</v>
      </c>
      <c r="S5139" s="236">
        <f t="shared" si="1214"/>
        <v>2.2785733523546394</v>
      </c>
      <c r="T5139" s="236" t="e">
        <f t="shared" si="1200"/>
        <v>#N/A</v>
      </c>
    </row>
    <row r="5140" spans="1:20" x14ac:dyDescent="0.2">
      <c r="A5140" s="53">
        <f t="shared" si="1201"/>
        <v>5128</v>
      </c>
      <c r="B5140" s="239">
        <v>50.889000000000003</v>
      </c>
      <c r="C5140" s="3">
        <f t="shared" si="1202"/>
        <v>50.882000000000005</v>
      </c>
      <c r="D5140" s="239">
        <v>3.6789999999999998</v>
      </c>
      <c r="E5140" s="239">
        <v>0.1167</v>
      </c>
      <c r="F5140" s="239">
        <v>1.2488999999999999</v>
      </c>
      <c r="G5140">
        <f t="shared" si="1203"/>
        <v>3.9287799999999997</v>
      </c>
      <c r="H5140" s="235">
        <f t="shared" si="1204"/>
        <v>2.9703877539592445</v>
      </c>
      <c r="I5140" s="236">
        <f t="shared" si="1205"/>
        <v>19.360366304968526</v>
      </c>
      <c r="J5140" s="237">
        <f t="shared" si="1210"/>
        <v>9.360366304968526</v>
      </c>
      <c r="K5140" s="237">
        <f t="shared" si="1206"/>
        <v>985.09415832940863</v>
      </c>
      <c r="L5140" s="237">
        <f t="shared" si="1211"/>
        <v>476.33968089354335</v>
      </c>
      <c r="M5140" s="236">
        <f t="shared" si="1207"/>
        <v>6.1798039503000632</v>
      </c>
      <c r="N5140" s="236">
        <f t="shared" si="1208"/>
        <v>3.9644176137277887</v>
      </c>
      <c r="O5140" s="236">
        <f t="shared" si="1212"/>
        <v>3.2377388545790815</v>
      </c>
      <c r="P5140" s="236" t="str">
        <f t="shared" si="1213"/>
        <v>CLAY</v>
      </c>
      <c r="Q5140" s="236">
        <f t="shared" si="1209"/>
        <v>245.30715347254923</v>
      </c>
      <c r="R5140" s="238">
        <v>35</v>
      </c>
      <c r="S5140" s="236">
        <f t="shared" si="1214"/>
        <v>2.4358939721796844</v>
      </c>
      <c r="T5140" s="236" t="e">
        <f t="shared" si="1200"/>
        <v>#N/A</v>
      </c>
    </row>
    <row r="5141" spans="1:20" x14ac:dyDescent="0.2">
      <c r="A5141" s="53">
        <f t="shared" si="1201"/>
        <v>5129</v>
      </c>
      <c r="B5141" s="239">
        <v>50.898000000000003</v>
      </c>
      <c r="C5141" s="3">
        <f t="shared" si="1202"/>
        <v>50.891000000000005</v>
      </c>
      <c r="D5141" s="239">
        <v>3.7427999999999999</v>
      </c>
      <c r="E5141" s="239">
        <v>0.1212</v>
      </c>
      <c r="F5141" s="239">
        <v>1.2403</v>
      </c>
      <c r="G5141">
        <f t="shared" si="1203"/>
        <v>3.9908599999999996</v>
      </c>
      <c r="H5141" s="235">
        <f t="shared" si="1204"/>
        <v>3.0369394065439534</v>
      </c>
      <c r="I5141" s="236">
        <f t="shared" si="1205"/>
        <v>19.410859971563124</v>
      </c>
      <c r="J5141" s="237">
        <f t="shared" si="1210"/>
        <v>9.4108599715631236</v>
      </c>
      <c r="K5141" s="237">
        <f t="shared" si="1206"/>
        <v>987.83807481281906</v>
      </c>
      <c r="L5141" s="237">
        <f t="shared" si="1211"/>
        <v>478.99395083261987</v>
      </c>
      <c r="M5141" s="236">
        <f t="shared" si="1207"/>
        <v>6.2694360126409183</v>
      </c>
      <c r="N5141" s="236">
        <f t="shared" si="1208"/>
        <v>4.0359345692238167</v>
      </c>
      <c r="O5141" s="236">
        <f t="shared" si="1212"/>
        <v>3.2369398429276108</v>
      </c>
      <c r="P5141" s="236" t="str">
        <f t="shared" si="1213"/>
        <v>CLAY</v>
      </c>
      <c r="Q5141" s="236">
        <f t="shared" si="1209"/>
        <v>250.2518270989317</v>
      </c>
      <c r="R5141" s="238">
        <v>35</v>
      </c>
      <c r="S5141" s="236">
        <f t="shared" si="1214"/>
        <v>2.4801366003782546</v>
      </c>
      <c r="T5141" s="236" t="e">
        <f t="shared" si="1200"/>
        <v>#N/A</v>
      </c>
    </row>
    <row r="5142" spans="1:20" x14ac:dyDescent="0.2">
      <c r="A5142" s="53">
        <f t="shared" si="1201"/>
        <v>5130</v>
      </c>
      <c r="B5142" s="239">
        <v>50.906999999999996</v>
      </c>
      <c r="C5142" s="3">
        <f t="shared" si="1202"/>
        <v>50.9</v>
      </c>
      <c r="D5142" s="239">
        <v>3.5720000000000001</v>
      </c>
      <c r="E5142" s="239">
        <v>0.1305</v>
      </c>
      <c r="F5142" s="239">
        <v>1.3049999999999999</v>
      </c>
      <c r="G5142">
        <f t="shared" si="1203"/>
        <v>3.8330000000000002</v>
      </c>
      <c r="H5142" s="235">
        <f t="shared" si="1204"/>
        <v>3.4046438820767024</v>
      </c>
      <c r="I5142" s="236">
        <f t="shared" si="1205"/>
        <v>19.481776373232012</v>
      </c>
      <c r="J5142" s="237">
        <f t="shared" si="1210"/>
        <v>9.4817763732320124</v>
      </c>
      <c r="K5142" s="237">
        <f t="shared" si="1206"/>
        <v>991.62241739750937</v>
      </c>
      <c r="L5142" s="237">
        <f t="shared" si="1211"/>
        <v>482.68878983212204</v>
      </c>
      <c r="M5142" s="236">
        <f t="shared" si="1207"/>
        <v>5.8865621958834282</v>
      </c>
      <c r="N5142" s="236">
        <f t="shared" si="1208"/>
        <v>4.5928425985705044</v>
      </c>
      <c r="O5142" s="236">
        <f t="shared" si="1212"/>
        <v>3.2913489096500177</v>
      </c>
      <c r="P5142" s="236" t="str">
        <f t="shared" si="1213"/>
        <v>CLAY</v>
      </c>
      <c r="Q5142" s="236">
        <f t="shared" si="1209"/>
        <v>236.78146521687424</v>
      </c>
      <c r="R5142" s="238">
        <v>35</v>
      </c>
      <c r="S5142" s="236">
        <f t="shared" si="1214"/>
        <v>2.2922774386183327</v>
      </c>
      <c r="T5142" s="236" t="e">
        <f t="shared" si="1200"/>
        <v>#N/A</v>
      </c>
    </row>
    <row r="5143" spans="1:20" x14ac:dyDescent="0.2">
      <c r="A5143" s="53">
        <f t="shared" si="1201"/>
        <v>5131</v>
      </c>
      <c r="B5143" s="239">
        <v>50.917000000000002</v>
      </c>
      <c r="C5143" s="3">
        <f t="shared" si="1202"/>
        <v>50.910000000000004</v>
      </c>
      <c r="D5143" s="239">
        <v>3.5787</v>
      </c>
      <c r="E5143" s="239">
        <v>0.1295</v>
      </c>
      <c r="F5143" s="239">
        <v>1.3349</v>
      </c>
      <c r="G5143">
        <f t="shared" si="1203"/>
        <v>3.8456799999999998</v>
      </c>
      <c r="H5143" s="235">
        <f t="shared" si="1204"/>
        <v>3.3674148655114311</v>
      </c>
      <c r="I5143" s="236">
        <f t="shared" si="1205"/>
        <v>19.474047258396663</v>
      </c>
      <c r="J5143" s="237">
        <f t="shared" si="1210"/>
        <v>9.4740472583966628</v>
      </c>
      <c r="K5143" s="237">
        <f t="shared" si="1206"/>
        <v>991.42374592497413</v>
      </c>
      <c r="L5143" s="237">
        <f t="shared" si="1211"/>
        <v>482.39006425578287</v>
      </c>
      <c r="M5143" s="236">
        <f t="shared" si="1207"/>
        <v>5.9169051470379852</v>
      </c>
      <c r="N5143" s="236">
        <f t="shared" si="1208"/>
        <v>4.5370838660723845</v>
      </c>
      <c r="O5143" s="236">
        <f t="shared" si="1212"/>
        <v>3.286485157730318</v>
      </c>
      <c r="P5143" s="236" t="str">
        <f t="shared" si="1213"/>
        <v>CLAY</v>
      </c>
      <c r="Q5143" s="236">
        <f t="shared" si="1209"/>
        <v>237.85468783958549</v>
      </c>
      <c r="R5143" s="238">
        <v>35</v>
      </c>
      <c r="S5143" s="236">
        <f t="shared" si="1214"/>
        <v>2.3070566973367894</v>
      </c>
      <c r="T5143" s="236" t="e">
        <f t="shared" si="1200"/>
        <v>#N/A</v>
      </c>
    </row>
    <row r="5144" spans="1:20" x14ac:dyDescent="0.2">
      <c r="A5144" s="53">
        <f t="shared" si="1201"/>
        <v>5132</v>
      </c>
      <c r="B5144" s="239">
        <v>50.927999999999997</v>
      </c>
      <c r="C5144" s="3">
        <f t="shared" si="1202"/>
        <v>50.920999999999999</v>
      </c>
      <c r="D5144" s="239">
        <v>3.4786999999999999</v>
      </c>
      <c r="E5144" s="239">
        <v>0.13800000000000001</v>
      </c>
      <c r="F5144" s="239">
        <v>1.5081</v>
      </c>
      <c r="G5144">
        <f t="shared" si="1203"/>
        <v>3.7803199999999997</v>
      </c>
      <c r="H5144" s="235">
        <f t="shared" si="1204"/>
        <v>3.6504846150590429</v>
      </c>
      <c r="I5144" s="236">
        <f t="shared" si="1205"/>
        <v>19.541892295222194</v>
      </c>
      <c r="J5144" s="237">
        <f t="shared" si="1210"/>
        <v>9.5418922952221941</v>
      </c>
      <c r="K5144" s="237">
        <f t="shared" si="1206"/>
        <v>995.0926975650093</v>
      </c>
      <c r="L5144" s="237">
        <f t="shared" si="1211"/>
        <v>485.94949081107586</v>
      </c>
      <c r="M5144" s="236">
        <f t="shared" si="1207"/>
        <v>5.7315160425135883</v>
      </c>
      <c r="N5144" s="236">
        <f t="shared" si="1208"/>
        <v>4.9547123094532797</v>
      </c>
      <c r="O5144" s="236">
        <f t="shared" si="1212"/>
        <v>3.3197556948488103</v>
      </c>
      <c r="P5144" s="236" t="str">
        <f t="shared" si="1213"/>
        <v>CLAY</v>
      </c>
      <c r="Q5144" s="236">
        <f t="shared" si="1209"/>
        <v>232.10227520291588</v>
      </c>
      <c r="R5144" s="238">
        <v>35</v>
      </c>
      <c r="S5144" s="236">
        <f t="shared" si="1214"/>
        <v>2.2170572053616815</v>
      </c>
      <c r="T5144" s="236" t="e">
        <f t="shared" si="1200"/>
        <v>#N/A</v>
      </c>
    </row>
    <row r="5145" spans="1:20" x14ac:dyDescent="0.2">
      <c r="A5145" s="53">
        <f t="shared" si="1201"/>
        <v>5133</v>
      </c>
      <c r="B5145" s="239">
        <v>50.938000000000002</v>
      </c>
      <c r="C5145" s="3">
        <f t="shared" si="1202"/>
        <v>50.931000000000004</v>
      </c>
      <c r="D5145" s="239">
        <v>3.8628</v>
      </c>
      <c r="E5145" s="239">
        <v>0.1464</v>
      </c>
      <c r="F5145" s="239">
        <v>1.4797</v>
      </c>
      <c r="G5145">
        <f t="shared" si="1203"/>
        <v>4.1587399999999999</v>
      </c>
      <c r="H5145" s="235">
        <f t="shared" si="1204"/>
        <v>3.5202970130376028</v>
      </c>
      <c r="I5145" s="236">
        <f t="shared" si="1205"/>
        <v>19.648469554159135</v>
      </c>
      <c r="J5145" s="237">
        <f t="shared" si="1210"/>
        <v>9.648469554159135</v>
      </c>
      <c r="K5145" s="237">
        <f t="shared" si="1206"/>
        <v>1000.716202862879</v>
      </c>
      <c r="L5145" s="237">
        <f t="shared" si="1211"/>
        <v>491.47374214975804</v>
      </c>
      <c r="M5145" s="236">
        <f t="shared" si="1207"/>
        <v>6.4256205902752628</v>
      </c>
      <c r="N5145" s="236">
        <f t="shared" si="1208"/>
        <v>4.6358105386260124</v>
      </c>
      <c r="O5145" s="236">
        <f t="shared" si="1212"/>
        <v>3.2625398395098668</v>
      </c>
      <c r="P5145" s="236" t="str">
        <f t="shared" si="1213"/>
        <v>CLAY</v>
      </c>
      <c r="Q5145" s="236">
        <f t="shared" si="1209"/>
        <v>263.16864976142671</v>
      </c>
      <c r="R5145" s="238">
        <v>35</v>
      </c>
      <c r="S5145" s="236">
        <f t="shared" si="1214"/>
        <v>2.5576072640296816</v>
      </c>
      <c r="T5145" s="236" t="e">
        <f t="shared" si="1200"/>
        <v>#N/A</v>
      </c>
    </row>
    <row r="5146" spans="1:20" x14ac:dyDescent="0.2">
      <c r="A5146" s="53">
        <f t="shared" si="1201"/>
        <v>5134</v>
      </c>
      <c r="B5146" s="239">
        <v>50.948</v>
      </c>
      <c r="C5146" s="3">
        <f t="shared" si="1202"/>
        <v>50.941000000000003</v>
      </c>
      <c r="D5146" s="239">
        <v>3.532</v>
      </c>
      <c r="E5146" s="239">
        <v>0.14219999999999999</v>
      </c>
      <c r="F5146" s="239">
        <v>1.1920999999999999</v>
      </c>
      <c r="G5146">
        <f t="shared" si="1203"/>
        <v>3.7704200000000001</v>
      </c>
      <c r="H5146" s="235">
        <f t="shared" si="1204"/>
        <v>3.77146312612388</v>
      </c>
      <c r="I5146" s="236">
        <f t="shared" si="1205"/>
        <v>19.5760227220511</v>
      </c>
      <c r="J5146" s="237">
        <f t="shared" si="1210"/>
        <v>9.5760227220510998</v>
      </c>
      <c r="K5146" s="237">
        <f t="shared" si="1206"/>
        <v>997.22217348400511</v>
      </c>
      <c r="L5146" s="237">
        <f t="shared" si="1211"/>
        <v>487.87920564305944</v>
      </c>
      <c r="M5146" s="236">
        <f t="shared" si="1207"/>
        <v>5.6841894354991487</v>
      </c>
      <c r="N5146" s="236">
        <f t="shared" si="1208"/>
        <v>5.1276543865840152</v>
      </c>
      <c r="O5146" s="236">
        <f t="shared" si="1212"/>
        <v>3.3313077438130696</v>
      </c>
      <c r="P5146" s="236" t="str">
        <f t="shared" si="1213"/>
        <v>CLAY</v>
      </c>
      <c r="Q5146" s="236">
        <f t="shared" si="1209"/>
        <v>231.09981887633293</v>
      </c>
      <c r="R5146" s="238">
        <v>35</v>
      </c>
      <c r="S5146" s="236">
        <f t="shared" si="1214"/>
        <v>2.1941973568477953</v>
      </c>
      <c r="T5146" s="236" t="e">
        <f t="shared" si="1200"/>
        <v>#N/A</v>
      </c>
    </row>
    <row r="5147" spans="1:20" x14ac:dyDescent="0.2">
      <c r="A5147" s="53">
        <f t="shared" si="1201"/>
        <v>5135</v>
      </c>
      <c r="B5147" s="239">
        <v>50.957999999999998</v>
      </c>
      <c r="C5147" s="3">
        <f t="shared" si="1202"/>
        <v>50.951000000000001</v>
      </c>
      <c r="D5147" s="239">
        <v>3.5988000000000002</v>
      </c>
      <c r="E5147" s="239">
        <v>0.13719999999999999</v>
      </c>
      <c r="F5147" s="239">
        <v>1.216</v>
      </c>
      <c r="G5147">
        <f t="shared" si="1203"/>
        <v>3.8420000000000001</v>
      </c>
      <c r="H5147" s="235">
        <f t="shared" si="1204"/>
        <v>3.5710567412805831</v>
      </c>
      <c r="I5147" s="236">
        <f t="shared" si="1205"/>
        <v>19.541400779556572</v>
      </c>
      <c r="J5147" s="237">
        <f t="shared" si="1210"/>
        <v>9.5414007795565716</v>
      </c>
      <c r="K5147" s="237">
        <f t="shared" si="1206"/>
        <v>995.65391111918689</v>
      </c>
      <c r="L5147" s="237">
        <f t="shared" si="1211"/>
        <v>486.21070092464379</v>
      </c>
      <c r="M5147" s="236">
        <f t="shared" si="1207"/>
        <v>5.8541411850208513</v>
      </c>
      <c r="N5147" s="236">
        <f t="shared" si="1208"/>
        <v>4.8202149603651048</v>
      </c>
      <c r="O5147" s="236">
        <f t="shared" si="1212"/>
        <v>3.3053542842653791</v>
      </c>
      <c r="P5147" s="236" t="str">
        <f t="shared" si="1213"/>
        <v>CLAY</v>
      </c>
      <c r="Q5147" s="236">
        <f t="shared" si="1209"/>
        <v>237.19550740673444</v>
      </c>
      <c r="R5147" s="238">
        <v>35</v>
      </c>
      <c r="S5147" s="236">
        <f t="shared" si="1214"/>
        <v>2.2765070462042742</v>
      </c>
      <c r="T5147" s="236" t="e">
        <f t="shared" si="1200"/>
        <v>#N/A</v>
      </c>
    </row>
    <row r="5148" spans="1:20" x14ac:dyDescent="0.2">
      <c r="A5148" s="53">
        <f t="shared" si="1201"/>
        <v>5136</v>
      </c>
      <c r="B5148" s="239">
        <v>50.966999999999999</v>
      </c>
      <c r="C5148" s="3">
        <f t="shared" si="1202"/>
        <v>50.96</v>
      </c>
      <c r="D5148" s="239">
        <v>3.7355999999999998</v>
      </c>
      <c r="E5148" s="239">
        <v>0.1381</v>
      </c>
      <c r="F5148" s="239">
        <v>1.2690999999999999</v>
      </c>
      <c r="G5148">
        <f t="shared" si="1203"/>
        <v>3.98942</v>
      </c>
      <c r="H5148" s="235">
        <f t="shared" si="1204"/>
        <v>3.4616560803324794</v>
      </c>
      <c r="I5148" s="236">
        <f t="shared" si="1205"/>
        <v>19.563784771059304</v>
      </c>
      <c r="J5148" s="237">
        <f t="shared" si="1210"/>
        <v>9.5637847710593036</v>
      </c>
      <c r="K5148" s="237">
        <f t="shared" si="1206"/>
        <v>996.97047193318213</v>
      </c>
      <c r="L5148" s="237">
        <f t="shared" si="1211"/>
        <v>487.43741842657954</v>
      </c>
      <c r="M5148" s="236">
        <f t="shared" si="1207"/>
        <v>6.139146103568077</v>
      </c>
      <c r="N5148" s="236">
        <f t="shared" si="1208"/>
        <v>4.6149483459864848</v>
      </c>
      <c r="O5148" s="236">
        <f t="shared" si="1212"/>
        <v>3.277595088302856</v>
      </c>
      <c r="P5148" s="236" t="str">
        <f t="shared" si="1213"/>
        <v>CLAY</v>
      </c>
      <c r="Q5148" s="236">
        <f t="shared" si="1209"/>
        <v>249.37079400556817</v>
      </c>
      <c r="R5148" s="238">
        <v>35</v>
      </c>
      <c r="S5148" s="236">
        <f t="shared" si="1214"/>
        <v>2.4158778394186502</v>
      </c>
      <c r="T5148" s="236" t="e">
        <f t="shared" si="1200"/>
        <v>#N/A</v>
      </c>
    </row>
    <row r="5149" spans="1:20" x14ac:dyDescent="0.2">
      <c r="A5149" s="53">
        <f t="shared" si="1201"/>
        <v>5137</v>
      </c>
      <c r="B5149" s="239">
        <v>50.976999999999997</v>
      </c>
      <c r="C5149" s="3">
        <f t="shared" si="1202"/>
        <v>50.97</v>
      </c>
      <c r="D5149" s="239">
        <v>3.988</v>
      </c>
      <c r="E5149" s="239">
        <v>0.13339999999999999</v>
      </c>
      <c r="F5149" s="239">
        <v>1.2258</v>
      </c>
      <c r="G5149">
        <f t="shared" si="1203"/>
        <v>4.2331599999999998</v>
      </c>
      <c r="H5149" s="235">
        <f t="shared" si="1204"/>
        <v>3.1513101323833732</v>
      </c>
      <c r="I5149" s="236">
        <f t="shared" si="1205"/>
        <v>19.546362009612295</v>
      </c>
      <c r="J5149" s="237">
        <f t="shared" si="1210"/>
        <v>9.5463620096122952</v>
      </c>
      <c r="K5149" s="237">
        <f t="shared" si="1206"/>
        <v>996.27807162993861</v>
      </c>
      <c r="L5149" s="237">
        <f t="shared" si="1211"/>
        <v>486.64489616400596</v>
      </c>
      <c r="M5149" s="236">
        <f t="shared" si="1207"/>
        <v>6.651424794310774</v>
      </c>
      <c r="N5149" s="236">
        <f t="shared" si="1208"/>
        <v>4.1212501089643956</v>
      </c>
      <c r="O5149" s="236">
        <f t="shared" si="1212"/>
        <v>3.2209302990889421</v>
      </c>
      <c r="P5149" s="236" t="str">
        <f t="shared" si="1213"/>
        <v>CLAY</v>
      </c>
      <c r="Q5149" s="236">
        <f t="shared" si="1209"/>
        <v>269.74016069750513</v>
      </c>
      <c r="R5149" s="238">
        <v>35</v>
      </c>
      <c r="S5149" s="236">
        <f t="shared" si="1214"/>
        <v>2.670443322470252</v>
      </c>
      <c r="T5149" s="236" t="e">
        <f t="shared" si="1200"/>
        <v>#N/A</v>
      </c>
    </row>
    <row r="5150" spans="1:20" x14ac:dyDescent="0.2">
      <c r="A5150" s="53">
        <f t="shared" si="1201"/>
        <v>5138</v>
      </c>
      <c r="B5150" s="239">
        <v>50.987000000000002</v>
      </c>
      <c r="C5150" s="3">
        <f t="shared" si="1202"/>
        <v>50.980000000000004</v>
      </c>
      <c r="D5150" s="239">
        <v>4.298</v>
      </c>
      <c r="E5150" s="239">
        <v>0.1268</v>
      </c>
      <c r="F5150" s="239">
        <v>1.282</v>
      </c>
      <c r="G5150">
        <f t="shared" si="1203"/>
        <v>4.5544000000000002</v>
      </c>
      <c r="H5150" s="235">
        <f t="shared" si="1204"/>
        <v>2.7841208501668713</v>
      </c>
      <c r="I5150" s="236">
        <f t="shared" si="1205"/>
        <v>19.515453092679056</v>
      </c>
      <c r="J5150" s="237">
        <f t="shared" si="1210"/>
        <v>9.5154530926790564</v>
      </c>
      <c r="K5150" s="237">
        <f t="shared" si="1206"/>
        <v>994.89779866477841</v>
      </c>
      <c r="L5150" s="237">
        <f t="shared" si="1211"/>
        <v>485.16440683642708</v>
      </c>
      <c r="M5150" s="236">
        <f t="shared" si="1207"/>
        <v>7.3366927812066534</v>
      </c>
      <c r="N5150" s="236">
        <f t="shared" si="1208"/>
        <v>3.5622958725081117</v>
      </c>
      <c r="O5150" s="236">
        <f t="shared" si="1212"/>
        <v>3.1499913747689154</v>
      </c>
      <c r="P5150" s="236" t="str">
        <f t="shared" si="1213"/>
        <v>CLAY</v>
      </c>
      <c r="Q5150" s="236">
        <f t="shared" si="1209"/>
        <v>296.62518344460187</v>
      </c>
      <c r="R5150" s="238">
        <v>35</v>
      </c>
      <c r="S5150" s="236">
        <f t="shared" si="1214"/>
        <v>3.0186685200890975</v>
      </c>
      <c r="T5150" s="236" t="e">
        <f t="shared" si="1200"/>
        <v>#N/A</v>
      </c>
    </row>
    <row r="5151" spans="1:20" x14ac:dyDescent="0.2">
      <c r="A5151" s="53">
        <f t="shared" si="1201"/>
        <v>5139</v>
      </c>
      <c r="B5151" s="239">
        <v>50.996000000000002</v>
      </c>
      <c r="C5151" s="3">
        <f t="shared" si="1202"/>
        <v>50.989000000000004</v>
      </c>
      <c r="D5151" s="239">
        <v>4.4973999999999998</v>
      </c>
      <c r="E5151" s="239">
        <v>0.1231</v>
      </c>
      <c r="F5151" s="239">
        <v>1.2497</v>
      </c>
      <c r="G5151">
        <f t="shared" si="1203"/>
        <v>4.7473399999999994</v>
      </c>
      <c r="H5151" s="235">
        <f t="shared" si="1204"/>
        <v>2.5930310447534834</v>
      </c>
      <c r="I5151" s="236">
        <f t="shared" si="1205"/>
        <v>19.496945100230011</v>
      </c>
      <c r="J5151" s="237">
        <f t="shared" si="1210"/>
        <v>9.4969451002300111</v>
      </c>
      <c r="K5151" s="237">
        <f t="shared" si="1206"/>
        <v>994.12973371562816</v>
      </c>
      <c r="L5151" s="237">
        <f t="shared" si="1211"/>
        <v>484.30621233132968</v>
      </c>
      <c r="M5151" s="236">
        <f t="shared" si="1207"/>
        <v>7.7496636853311252</v>
      </c>
      <c r="N5151" s="236">
        <f t="shared" si="1208"/>
        <v>3.2798588745699928</v>
      </c>
      <c r="O5151" s="236">
        <f t="shared" si="1212"/>
        <v>3.1101919725555165</v>
      </c>
      <c r="P5151" s="236" t="str">
        <f t="shared" si="1213"/>
        <v>CLAY</v>
      </c>
      <c r="Q5151" s="236">
        <f t="shared" si="1209"/>
        <v>312.76752219036422</v>
      </c>
      <c r="R5151" s="238">
        <v>35</v>
      </c>
      <c r="S5151" s="236">
        <f t="shared" si="1214"/>
        <v>3.2325375487582257</v>
      </c>
      <c r="T5151" s="236" t="e">
        <f t="shared" si="1200"/>
        <v>#N/A</v>
      </c>
    </row>
    <row r="5152" spans="1:20" x14ac:dyDescent="0.2">
      <c r="A5152" s="53">
        <f t="shared" si="1201"/>
        <v>5140</v>
      </c>
      <c r="B5152" s="239">
        <v>51.006999999999998</v>
      </c>
      <c r="C5152" s="3">
        <f t="shared" si="1202"/>
        <v>51</v>
      </c>
      <c r="D5152" s="239">
        <v>4.6448999999999998</v>
      </c>
      <c r="E5152" s="239">
        <v>0.1192</v>
      </c>
      <c r="F5152" s="239">
        <v>1.1948000000000001</v>
      </c>
      <c r="G5152">
        <f t="shared" si="1203"/>
        <v>4.8838599999999994</v>
      </c>
      <c r="H5152" s="235">
        <f t="shared" si="1204"/>
        <v>2.4406924031401394</v>
      </c>
      <c r="I5152" s="236">
        <f t="shared" si="1205"/>
        <v>19.470275829401452</v>
      </c>
      <c r="J5152" s="237">
        <f t="shared" si="1210"/>
        <v>9.4702758294014515</v>
      </c>
      <c r="K5152" s="237">
        <f t="shared" si="1206"/>
        <v>992.98406729947408</v>
      </c>
      <c r="L5152" s="237">
        <f t="shared" si="1211"/>
        <v>483.05035923027981</v>
      </c>
      <c r="M5152" s="236">
        <f t="shared" si="1207"/>
        <v>8.0548039316241695</v>
      </c>
      <c r="N5152" s="236">
        <f t="shared" si="1208"/>
        <v>3.0635775095832294</v>
      </c>
      <c r="O5152" s="236">
        <f t="shared" si="1212"/>
        <v>3.0797777623181841</v>
      </c>
      <c r="P5152" s="236" t="str">
        <f t="shared" si="1213"/>
        <v>CLAY</v>
      </c>
      <c r="Q5152" s="236">
        <f t="shared" si="1209"/>
        <v>324.23966105837712</v>
      </c>
      <c r="R5152" s="238">
        <v>35</v>
      </c>
      <c r="S5152" s="236">
        <f t="shared" si="1214"/>
        <v>3.3924130515684232</v>
      </c>
      <c r="T5152" s="236" t="e">
        <f t="shared" si="1200"/>
        <v>#N/A</v>
      </c>
    </row>
    <row r="5153" spans="1:20" x14ac:dyDescent="0.2">
      <c r="A5153" s="53">
        <f t="shared" si="1201"/>
        <v>5141</v>
      </c>
      <c r="B5153" s="239">
        <v>51.015999999999998</v>
      </c>
      <c r="C5153" s="3">
        <f t="shared" si="1202"/>
        <v>51.009</v>
      </c>
      <c r="D5153" s="239">
        <v>4.7153</v>
      </c>
      <c r="E5153" s="239">
        <v>0.1154</v>
      </c>
      <c r="F5153" s="239">
        <v>1.1613</v>
      </c>
      <c r="G5153">
        <f t="shared" si="1203"/>
        <v>4.9475600000000002</v>
      </c>
      <c r="H5153" s="235">
        <f t="shared" si="1204"/>
        <v>2.3324628705867134</v>
      </c>
      <c r="I5153" s="236">
        <f t="shared" si="1205"/>
        <v>19.437350700909558</v>
      </c>
      <c r="J5153" s="237">
        <f t="shared" si="1210"/>
        <v>9.4373507009095583</v>
      </c>
      <c r="K5153" s="237">
        <f t="shared" si="1206"/>
        <v>991.47982190269568</v>
      </c>
      <c r="L5153" s="237">
        <f t="shared" si="1211"/>
        <v>481.45588335760203</v>
      </c>
      <c r="M5153" s="236">
        <f t="shared" si="1207"/>
        <v>8.2169110708715145</v>
      </c>
      <c r="N5153" s="236">
        <f t="shared" si="1208"/>
        <v>2.9170288468597767</v>
      </c>
      <c r="O5153" s="236">
        <f t="shared" si="1212"/>
        <v>3.0608069932196171</v>
      </c>
      <c r="P5153" s="236" t="str">
        <f t="shared" si="1213"/>
        <v>CLAY</v>
      </c>
      <c r="Q5153" s="236">
        <f t="shared" si="1209"/>
        <v>329.67334817477541</v>
      </c>
      <c r="R5153" s="238">
        <v>35</v>
      </c>
      <c r="S5153" s="236">
        <f t="shared" si="1214"/>
        <v>3.4779692836147031</v>
      </c>
      <c r="T5153" s="236" t="e">
        <f t="shared" si="1200"/>
        <v>#N/A</v>
      </c>
    </row>
    <row r="5154" spans="1:20" x14ac:dyDescent="0.2">
      <c r="A5154" s="53">
        <f t="shared" si="1201"/>
        <v>5142</v>
      </c>
      <c r="B5154" s="239">
        <v>51.026000000000003</v>
      </c>
      <c r="C5154" s="3">
        <f t="shared" si="1202"/>
        <v>51.019000000000005</v>
      </c>
      <c r="D5154" s="239">
        <v>4.8315000000000001</v>
      </c>
      <c r="E5154" s="239">
        <v>0.1128</v>
      </c>
      <c r="F5154" s="239">
        <v>1.0966</v>
      </c>
      <c r="G5154">
        <f t="shared" si="1203"/>
        <v>5.0508199999999999</v>
      </c>
      <c r="H5154" s="235">
        <f t="shared" si="1204"/>
        <v>2.2333007313663922</v>
      </c>
      <c r="I5154" s="236">
        <f t="shared" si="1205"/>
        <v>19.418703325778424</v>
      </c>
      <c r="J5154" s="237">
        <f t="shared" si="1210"/>
        <v>9.4187033257784236</v>
      </c>
      <c r="K5154" s="237">
        <f t="shared" si="1206"/>
        <v>990.72282497788945</v>
      </c>
      <c r="L5154" s="237">
        <f t="shared" si="1211"/>
        <v>480.59875590116985</v>
      </c>
      <c r="M5154" s="236">
        <f t="shared" si="1207"/>
        <v>8.4479976803290491</v>
      </c>
      <c r="N5154" s="236">
        <f t="shared" si="1208"/>
        <v>2.7782586262700897</v>
      </c>
      <c r="O5154" s="236">
        <f t="shared" si="1212"/>
        <v>3.0391184260677959</v>
      </c>
      <c r="P5154" s="236" t="str">
        <f t="shared" si="1213"/>
        <v>CLAY</v>
      </c>
      <c r="Q5154" s="236">
        <f t="shared" si="1209"/>
        <v>338.34143125184249</v>
      </c>
      <c r="R5154" s="238">
        <v>35</v>
      </c>
      <c r="S5154" s="236">
        <f t="shared" si="1214"/>
        <v>3.6006610527079097</v>
      </c>
      <c r="T5154" s="236" t="e">
        <f t="shared" si="1200"/>
        <v>#N/A</v>
      </c>
    </row>
    <row r="5155" spans="1:20" x14ac:dyDescent="0.2">
      <c r="A5155" s="53">
        <f t="shared" si="1201"/>
        <v>5143</v>
      </c>
      <c r="B5155" s="239">
        <v>51.036000000000001</v>
      </c>
      <c r="C5155" s="3">
        <f t="shared" si="1202"/>
        <v>51.029000000000003</v>
      </c>
      <c r="D5155" s="239">
        <v>4.8520000000000003</v>
      </c>
      <c r="E5155" s="239">
        <v>0.1082</v>
      </c>
      <c r="F5155" s="239">
        <v>0.95689999999999997</v>
      </c>
      <c r="G5155">
        <f t="shared" si="1203"/>
        <v>5.04338</v>
      </c>
      <c r="H5155" s="235">
        <f t="shared" si="1204"/>
        <v>2.1453866256359824</v>
      </c>
      <c r="I5155" s="236">
        <f t="shared" si="1205"/>
        <v>19.36930618114808</v>
      </c>
      <c r="J5155" s="237">
        <f t="shared" si="1210"/>
        <v>9.3693061811480796</v>
      </c>
      <c r="K5155" s="237">
        <f t="shared" si="1206"/>
        <v>988.39632511780542</v>
      </c>
      <c r="L5155" s="237">
        <f t="shared" si="1211"/>
        <v>478.17191026107338</v>
      </c>
      <c r="M5155" s="236">
        <f t="shared" si="1207"/>
        <v>8.4801795920388656</v>
      </c>
      <c r="N5155" s="236">
        <f t="shared" si="1208"/>
        <v>2.6683214699537214</v>
      </c>
      <c r="O5155" s="236">
        <f t="shared" si="1212"/>
        <v>3.0281685784773309</v>
      </c>
      <c r="P5155" s="236" t="str">
        <f t="shared" si="1213"/>
        <v>CLAY</v>
      </c>
      <c r="Q5155" s="236">
        <f t="shared" si="1209"/>
        <v>337.91530624018287</v>
      </c>
      <c r="R5155" s="238">
        <v>35</v>
      </c>
      <c r="S5155" s="236">
        <f t="shared" si="1214"/>
        <v>3.6178147152586497</v>
      </c>
      <c r="T5155" s="236" t="e">
        <f t="shared" si="1200"/>
        <v>#N/A</v>
      </c>
    </row>
    <row r="5156" spans="1:20" x14ac:dyDescent="0.2">
      <c r="A5156" s="53">
        <f t="shared" si="1201"/>
        <v>5144</v>
      </c>
      <c r="B5156" s="239">
        <v>51.045000000000002</v>
      </c>
      <c r="C5156" s="3">
        <f t="shared" si="1202"/>
        <v>51.038000000000004</v>
      </c>
      <c r="D5156" s="239">
        <v>4.7428999999999997</v>
      </c>
      <c r="E5156" s="239">
        <v>0.1114</v>
      </c>
      <c r="F5156" s="239">
        <v>0.89159999999999995</v>
      </c>
      <c r="G5156">
        <f t="shared" si="1203"/>
        <v>4.9212199999999999</v>
      </c>
      <c r="H5156" s="235">
        <f t="shared" si="1204"/>
        <v>2.2636663266425807</v>
      </c>
      <c r="I5156" s="236">
        <f t="shared" si="1205"/>
        <v>19.393898571937488</v>
      </c>
      <c r="J5156" s="237">
        <f t="shared" si="1210"/>
        <v>9.3938985719374877</v>
      </c>
      <c r="K5156" s="237">
        <f t="shared" si="1206"/>
        <v>989.82579531454553</v>
      </c>
      <c r="L5156" s="237">
        <f t="shared" si="1211"/>
        <v>479.51155260454908</v>
      </c>
      <c r="M5156" s="236">
        <f t="shared" si="1207"/>
        <v>8.198747628355175</v>
      </c>
      <c r="N5156" s="236">
        <f t="shared" si="1208"/>
        <v>2.8336003514283292</v>
      </c>
      <c r="O5156" s="236">
        <f t="shared" si="1212"/>
        <v>3.0546919870377836</v>
      </c>
      <c r="P5156" s="236" t="str">
        <f t="shared" si="1213"/>
        <v>CLAY</v>
      </c>
      <c r="Q5156" s="236">
        <f t="shared" si="1209"/>
        <v>327.61618372378786</v>
      </c>
      <c r="R5156" s="238">
        <v>35</v>
      </c>
      <c r="S5156" s="236">
        <f t="shared" si="1214"/>
        <v>3.4683618974251211</v>
      </c>
      <c r="T5156" s="236" t="e">
        <f t="shared" si="1200"/>
        <v>#N/A</v>
      </c>
    </row>
    <row r="5157" spans="1:20" x14ac:dyDescent="0.2">
      <c r="A5157" s="53">
        <f t="shared" si="1201"/>
        <v>5145</v>
      </c>
      <c r="B5157" s="239">
        <v>51.055</v>
      </c>
      <c r="C5157" s="3">
        <f t="shared" si="1202"/>
        <v>51.048000000000002</v>
      </c>
      <c r="D5157" s="239">
        <v>4.5617000000000001</v>
      </c>
      <c r="E5157" s="239">
        <v>0.1119</v>
      </c>
      <c r="F5157" s="239">
        <v>0.84609999999999996</v>
      </c>
      <c r="G5157">
        <f t="shared" si="1203"/>
        <v>4.7309200000000002</v>
      </c>
      <c r="H5157" s="235">
        <f t="shared" si="1204"/>
        <v>2.3652904720434926</v>
      </c>
      <c r="I5157" s="236">
        <f t="shared" si="1205"/>
        <v>19.383735331769106</v>
      </c>
      <c r="J5157" s="237">
        <f t="shared" si="1210"/>
        <v>9.3837353317691061</v>
      </c>
      <c r="K5157" s="237">
        <f t="shared" si="1206"/>
        <v>989.50092121614932</v>
      </c>
      <c r="L5157" s="237">
        <f t="shared" si="1211"/>
        <v>479.08660736347173</v>
      </c>
      <c r="M5157" s="236">
        <f t="shared" si="1207"/>
        <v>7.8094837577985645</v>
      </c>
      <c r="N5157" s="236">
        <f t="shared" si="1208"/>
        <v>2.9908437853044019</v>
      </c>
      <c r="O5157" s="236">
        <f t="shared" si="1212"/>
        <v>3.0852215559264633</v>
      </c>
      <c r="P5157" s="236" t="str">
        <f t="shared" si="1213"/>
        <v>CLAY</v>
      </c>
      <c r="Q5157" s="236">
        <f t="shared" si="1209"/>
        <v>311.78492323198753</v>
      </c>
      <c r="R5157" s="238">
        <v>35</v>
      </c>
      <c r="S5157" s="236">
        <f t="shared" si="1214"/>
        <v>3.2637577505675974</v>
      </c>
      <c r="T5157" s="236" t="e">
        <f t="shared" si="1200"/>
        <v>#N/A</v>
      </c>
    </row>
    <row r="5158" spans="1:20" x14ac:dyDescent="0.2">
      <c r="A5158" s="53">
        <f t="shared" si="1201"/>
        <v>5146</v>
      </c>
      <c r="B5158" s="239">
        <v>51.064</v>
      </c>
      <c r="C5158" s="3">
        <f t="shared" si="1202"/>
        <v>51.057000000000002</v>
      </c>
      <c r="D5158" s="239">
        <v>4.3348000000000004</v>
      </c>
      <c r="E5158" s="239">
        <v>0.11799999999999999</v>
      </c>
      <c r="F5158" s="239">
        <v>0.89980000000000004</v>
      </c>
      <c r="G5158">
        <f t="shared" si="1203"/>
        <v>4.5147600000000008</v>
      </c>
      <c r="H5158" s="235">
        <f t="shared" si="1204"/>
        <v>2.6136494520195974</v>
      </c>
      <c r="I5158" s="236">
        <f t="shared" si="1205"/>
        <v>19.427695675862498</v>
      </c>
      <c r="J5158" s="237">
        <f t="shared" si="1210"/>
        <v>9.4276956758624983</v>
      </c>
      <c r="K5158" s="237">
        <f t="shared" si="1206"/>
        <v>991.91985812251164</v>
      </c>
      <c r="L5158" s="237">
        <f t="shared" si="1211"/>
        <v>481.41585199224261</v>
      </c>
      <c r="M5158" s="236">
        <f t="shared" si="1207"/>
        <v>7.3176654389316935</v>
      </c>
      <c r="N5158" s="236">
        <f t="shared" si="1208"/>
        <v>3.3495700982080949</v>
      </c>
      <c r="O5158" s="236">
        <f t="shared" si="1212"/>
        <v>3.13596576301862</v>
      </c>
      <c r="P5158" s="236" t="str">
        <f t="shared" si="1213"/>
        <v>CLAY</v>
      </c>
      <c r="Q5158" s="236">
        <f t="shared" si="1209"/>
        <v>293.5700118231241</v>
      </c>
      <c r="R5158" s="238">
        <v>35</v>
      </c>
      <c r="S5158" s="236">
        <f t="shared" si="1214"/>
        <v>3.0088857390902208</v>
      </c>
      <c r="T5158" s="236" t="e">
        <f t="shared" si="1200"/>
        <v>#N/A</v>
      </c>
    </row>
    <row r="5159" spans="1:20" x14ac:dyDescent="0.2">
      <c r="A5159" s="53">
        <f t="shared" si="1201"/>
        <v>5147</v>
      </c>
      <c r="B5159" s="239">
        <v>51.073999999999998</v>
      </c>
      <c r="C5159" s="3">
        <f t="shared" si="1202"/>
        <v>51.067</v>
      </c>
      <c r="D5159" s="239">
        <v>4.2164000000000001</v>
      </c>
      <c r="E5159" s="239">
        <v>0.12939999999999999</v>
      </c>
      <c r="F5159" s="239">
        <v>1.0338000000000001</v>
      </c>
      <c r="G5159">
        <f t="shared" si="1203"/>
        <v>4.4231600000000002</v>
      </c>
      <c r="H5159" s="235">
        <f t="shared" si="1204"/>
        <v>2.9255102686766921</v>
      </c>
      <c r="I5159" s="236">
        <f t="shared" si="1205"/>
        <v>19.527824985021276</v>
      </c>
      <c r="J5159" s="237">
        <f t="shared" si="1210"/>
        <v>9.5278249850212759</v>
      </c>
      <c r="K5159" s="237">
        <f t="shared" si="1206"/>
        <v>997.22743851008147</v>
      </c>
      <c r="L5159" s="237">
        <f t="shared" si="1211"/>
        <v>486.62413328497661</v>
      </c>
      <c r="M5159" s="236">
        <f t="shared" si="1207"/>
        <v>7.0402027502479525</v>
      </c>
      <c r="N5159" s="236">
        <f t="shared" si="1208"/>
        <v>3.7770737653903104</v>
      </c>
      <c r="O5159" s="236">
        <f t="shared" si="1212"/>
        <v>3.1791236732541841</v>
      </c>
      <c r="P5159" s="236" t="str">
        <f t="shared" si="1213"/>
        <v>CLAY</v>
      </c>
      <c r="Q5159" s="236">
        <f t="shared" si="1209"/>
        <v>285.49438012415987</v>
      </c>
      <c r="R5159" s="238">
        <v>35</v>
      </c>
      <c r="S5159" s="236">
        <f t="shared" si="1214"/>
        <v>2.8669588985865322</v>
      </c>
      <c r="T5159" s="236" t="e">
        <f t="shared" si="1200"/>
        <v>#N/A</v>
      </c>
    </row>
    <row r="5160" spans="1:20" x14ac:dyDescent="0.2">
      <c r="A5160" s="53">
        <f t="shared" si="1201"/>
        <v>5148</v>
      </c>
      <c r="B5160" s="239">
        <v>51.084000000000003</v>
      </c>
      <c r="C5160" s="3">
        <f t="shared" si="1202"/>
        <v>51.077000000000005</v>
      </c>
      <c r="D5160" s="239">
        <v>4.1147999999999998</v>
      </c>
      <c r="E5160" s="239">
        <v>0.14019999999999999</v>
      </c>
      <c r="F5160" s="239">
        <v>1.1980999999999999</v>
      </c>
      <c r="G5160">
        <f t="shared" si="1203"/>
        <v>4.3544199999999993</v>
      </c>
      <c r="H5160" s="235">
        <f t="shared" si="1204"/>
        <v>3.2197169772323302</v>
      </c>
      <c r="I5160" s="236">
        <f t="shared" si="1205"/>
        <v>19.615699975623922</v>
      </c>
      <c r="J5160" s="237">
        <f t="shared" si="1210"/>
        <v>9.6156999756239223</v>
      </c>
      <c r="K5160" s="237">
        <f t="shared" si="1206"/>
        <v>1001.9111076549432</v>
      </c>
      <c r="L5160" s="237">
        <f t="shared" si="1211"/>
        <v>491.2084175547725</v>
      </c>
      <c r="M5160" s="236">
        <f t="shared" si="1207"/>
        <v>6.8250232946613387</v>
      </c>
      <c r="N5160" s="236">
        <f t="shared" si="1208"/>
        <v>4.1819426734445173</v>
      </c>
      <c r="O5160" s="236">
        <f t="shared" si="1212"/>
        <v>3.2153724840073603</v>
      </c>
      <c r="P5160" s="236" t="str">
        <f t="shared" si="1213"/>
        <v>CLAY</v>
      </c>
      <c r="Q5160" s="236">
        <f t="shared" si="1209"/>
        <v>279.37574102875465</v>
      </c>
      <c r="R5160" s="238">
        <v>35</v>
      </c>
      <c r="S5160" s="236">
        <f t="shared" si="1214"/>
        <v>2.7578470793781547</v>
      </c>
      <c r="T5160" s="236" t="e">
        <f t="shared" si="1200"/>
        <v>#N/A</v>
      </c>
    </row>
    <row r="5161" spans="1:20" x14ac:dyDescent="0.2">
      <c r="A5161" s="53">
        <f t="shared" si="1201"/>
        <v>5149</v>
      </c>
      <c r="B5161" s="239">
        <v>51.094000000000001</v>
      </c>
      <c r="C5161" s="3">
        <f t="shared" si="1202"/>
        <v>51.087000000000003</v>
      </c>
      <c r="D5161" s="239">
        <v>4.2465999999999999</v>
      </c>
      <c r="E5161" s="239">
        <v>0.14580000000000001</v>
      </c>
      <c r="F5161" s="239">
        <v>1.3416999999999999</v>
      </c>
      <c r="G5161">
        <f t="shared" si="1203"/>
        <v>4.5149400000000002</v>
      </c>
      <c r="H5161" s="235">
        <f t="shared" si="1204"/>
        <v>3.2292787944025831</v>
      </c>
      <c r="I5161" s="236">
        <f t="shared" si="1205"/>
        <v>19.675775154064109</v>
      </c>
      <c r="J5161" s="237">
        <f t="shared" si="1210"/>
        <v>9.6757751540641088</v>
      </c>
      <c r="K5161" s="237">
        <f t="shared" si="1206"/>
        <v>1005.1763252956732</v>
      </c>
      <c r="L5161" s="237">
        <f t="shared" si="1211"/>
        <v>494.37405572175157</v>
      </c>
      <c r="M5161" s="236">
        <f t="shared" si="1207"/>
        <v>7.099409109526019</v>
      </c>
      <c r="N5161" s="236">
        <f t="shared" si="1208"/>
        <v>4.1541258475838161</v>
      </c>
      <c r="O5161" s="236">
        <f t="shared" si="1212"/>
        <v>3.1996881985511529</v>
      </c>
      <c r="P5161" s="236" t="str">
        <f t="shared" si="1213"/>
        <v>CLAY</v>
      </c>
      <c r="Q5161" s="236">
        <f t="shared" si="1209"/>
        <v>292.48030622536061</v>
      </c>
      <c r="R5161" s="238">
        <v>35</v>
      </c>
      <c r="S5161" s="236">
        <f t="shared" si="1214"/>
        <v>2.8971285306022128</v>
      </c>
      <c r="T5161" s="236" t="e">
        <f t="shared" si="1200"/>
        <v>#N/A</v>
      </c>
    </row>
    <row r="5162" spans="1:20" x14ac:dyDescent="0.2">
      <c r="A5162" s="53">
        <f t="shared" si="1201"/>
        <v>5150</v>
      </c>
      <c r="B5162" s="239">
        <v>51.103000000000002</v>
      </c>
      <c r="C5162" s="3">
        <f t="shared" si="1202"/>
        <v>51.096000000000004</v>
      </c>
      <c r="D5162" s="239">
        <v>4.6657999999999999</v>
      </c>
      <c r="E5162" s="239">
        <v>0.1512</v>
      </c>
      <c r="F5162" s="239">
        <v>1.3768</v>
      </c>
      <c r="G5162">
        <f t="shared" si="1203"/>
        <v>4.94116</v>
      </c>
      <c r="H5162" s="235">
        <f t="shared" si="1204"/>
        <v>3.0600102000340001</v>
      </c>
      <c r="I5162" s="236">
        <f t="shared" si="1205"/>
        <v>19.753678915858121</v>
      </c>
      <c r="J5162" s="237">
        <f t="shared" si="1210"/>
        <v>9.7536789158581207</v>
      </c>
      <c r="K5162" s="237">
        <f t="shared" si="1206"/>
        <v>1009.3339778846866</v>
      </c>
      <c r="L5162" s="237">
        <f t="shared" si="1211"/>
        <v>498.44225363709756</v>
      </c>
      <c r="M5162" s="236">
        <f t="shared" si="1207"/>
        <v>7.8882277604377622</v>
      </c>
      <c r="N5162" s="236">
        <f t="shared" si="1208"/>
        <v>3.845541464692142</v>
      </c>
      <c r="O5162" s="236">
        <f t="shared" si="1212"/>
        <v>3.1429773089979034</v>
      </c>
      <c r="P5162" s="236" t="str">
        <f t="shared" si="1213"/>
        <v>CLAY</v>
      </c>
      <c r="Q5162" s="236">
        <f t="shared" si="1209"/>
        <v>327.65216850960945</v>
      </c>
      <c r="R5162" s="238">
        <v>35</v>
      </c>
      <c r="S5162" s="236">
        <f t="shared" si="1214"/>
        <v>3.304945565608949</v>
      </c>
      <c r="T5162" s="236" t="e">
        <f t="shared" si="1200"/>
        <v>#N/A</v>
      </c>
    </row>
    <row r="5163" spans="1:20" x14ac:dyDescent="0.2">
      <c r="A5163" s="53">
        <f t="shared" si="1201"/>
        <v>5151</v>
      </c>
      <c r="B5163" s="239">
        <v>51.113</v>
      </c>
      <c r="C5163" s="3">
        <f t="shared" si="1202"/>
        <v>51.106000000000002</v>
      </c>
      <c r="D5163" s="239">
        <v>5.1016000000000004</v>
      </c>
      <c r="E5163" s="239">
        <v>0.15010000000000001</v>
      </c>
      <c r="F5163" s="239">
        <v>1.4175</v>
      </c>
      <c r="G5163">
        <f t="shared" si="1203"/>
        <v>5.3851000000000004</v>
      </c>
      <c r="H5163" s="235">
        <f t="shared" si="1204"/>
        <v>2.787320569720154</v>
      </c>
      <c r="I5163" s="236">
        <f t="shared" si="1205"/>
        <v>19.77874531864612</v>
      </c>
      <c r="J5163" s="237">
        <f t="shared" si="1210"/>
        <v>9.77874531864612</v>
      </c>
      <c r="K5163" s="237">
        <f t="shared" si="1206"/>
        <v>1010.8125582547286</v>
      </c>
      <c r="L5163" s="237">
        <f t="shared" si="1211"/>
        <v>499.82100947195914</v>
      </c>
      <c r="M5163" s="236">
        <f t="shared" si="1207"/>
        <v>8.7517078291017238</v>
      </c>
      <c r="N5163" s="236">
        <f t="shared" si="1208"/>
        <v>3.4314160191565399</v>
      </c>
      <c r="O5163" s="236">
        <f t="shared" si="1212"/>
        <v>3.077661697887959</v>
      </c>
      <c r="P5163" s="236" t="str">
        <f t="shared" si="1213"/>
        <v>CLAY</v>
      </c>
      <c r="Q5163" s="236">
        <f t="shared" si="1209"/>
        <v>364.52395347877263</v>
      </c>
      <c r="R5163" s="238">
        <v>35</v>
      </c>
      <c r="S5163" s="236">
        <f t="shared" si="1214"/>
        <v>3.7631889243140297</v>
      </c>
      <c r="T5163" s="236" t="e">
        <f t="shared" si="1200"/>
        <v>#N/A</v>
      </c>
    </row>
    <row r="5164" spans="1:20" x14ac:dyDescent="0.2">
      <c r="A5164" s="53">
        <f t="shared" si="1201"/>
        <v>5152</v>
      </c>
      <c r="B5164" s="239">
        <v>51.122</v>
      </c>
      <c r="C5164" s="3">
        <f t="shared" si="1202"/>
        <v>51.115000000000002</v>
      </c>
      <c r="D5164" s="239">
        <v>5.3411</v>
      </c>
      <c r="E5164" s="239">
        <v>0.14549999999999999</v>
      </c>
      <c r="F5164" s="239">
        <v>1.2641</v>
      </c>
      <c r="G5164">
        <f t="shared" si="1203"/>
        <v>5.5939199999999998</v>
      </c>
      <c r="H5164" s="235">
        <f t="shared" si="1204"/>
        <v>2.6010382701218462</v>
      </c>
      <c r="I5164" s="236">
        <f t="shared" si="1205"/>
        <v>19.757117762368431</v>
      </c>
      <c r="J5164" s="237">
        <f t="shared" si="1210"/>
        <v>9.7571177623684306</v>
      </c>
      <c r="K5164" s="237">
        <f t="shared" si="1206"/>
        <v>1009.8850744234624</v>
      </c>
      <c r="L5164" s="237">
        <f t="shared" si="1211"/>
        <v>498.8033742477989</v>
      </c>
      <c r="M5164" s="236">
        <f t="shared" si="1207"/>
        <v>9.1900639856121948</v>
      </c>
      <c r="N5164" s="236">
        <f t="shared" si="1208"/>
        <v>3.1740595864177532</v>
      </c>
      <c r="O5164" s="236">
        <f t="shared" si="1212"/>
        <v>3.0409555133665753</v>
      </c>
      <c r="P5164" s="236" t="str">
        <f t="shared" si="1213"/>
        <v>CLAY</v>
      </c>
      <c r="Q5164" s="236">
        <f t="shared" si="1209"/>
        <v>382.00291046471148</v>
      </c>
      <c r="R5164" s="238">
        <v>35</v>
      </c>
      <c r="S5164" s="236">
        <f t="shared" si="1214"/>
        <v>4.0002596138112665</v>
      </c>
      <c r="T5164" s="236" t="e">
        <f t="shared" si="1200"/>
        <v>#N/A</v>
      </c>
    </row>
    <row r="5165" spans="1:20" x14ac:dyDescent="0.2">
      <c r="A5165" s="53">
        <f t="shared" si="1201"/>
        <v>5153</v>
      </c>
      <c r="B5165" s="239">
        <v>51.133000000000003</v>
      </c>
      <c r="C5165" s="3">
        <f t="shared" si="1202"/>
        <v>51.126000000000005</v>
      </c>
      <c r="D5165" s="239">
        <v>5.5609999999999999</v>
      </c>
      <c r="E5165" s="239">
        <v>0.14000000000000001</v>
      </c>
      <c r="F5165" s="239">
        <v>1.1534</v>
      </c>
      <c r="G5165">
        <f t="shared" si="1203"/>
        <v>5.7916799999999995</v>
      </c>
      <c r="H5165" s="235">
        <f t="shared" si="1204"/>
        <v>2.4172606221338202</v>
      </c>
      <c r="I5165" s="236">
        <f t="shared" si="1205"/>
        <v>19.725512853234104</v>
      </c>
      <c r="J5165" s="237">
        <f t="shared" si="1210"/>
        <v>9.725512853234104</v>
      </c>
      <c r="K5165" s="237">
        <f t="shared" si="1206"/>
        <v>1008.4865701344469</v>
      </c>
      <c r="L5165" s="237">
        <f t="shared" si="1211"/>
        <v>497.29464872441946</v>
      </c>
      <c r="M5165" s="236">
        <f t="shared" si="1207"/>
        <v>9.618429319789854</v>
      </c>
      <c r="N5165" s="236">
        <f t="shared" si="1208"/>
        <v>2.9269148750259757</v>
      </c>
      <c r="O5165" s="236">
        <f t="shared" si="1212"/>
        <v>3.0047678657279886</v>
      </c>
      <c r="P5165" s="236" t="str">
        <f t="shared" si="1213"/>
        <v>CLAY</v>
      </c>
      <c r="Q5165" s="236">
        <f t="shared" si="1209"/>
        <v>398.59945248879603</v>
      </c>
      <c r="R5165" s="238">
        <v>35</v>
      </c>
      <c r="S5165" s="236">
        <f t="shared" si="1214"/>
        <v>4.2346761809721993</v>
      </c>
      <c r="T5165" s="236" t="e">
        <f t="shared" si="1200"/>
        <v>#N/A</v>
      </c>
    </row>
    <row r="5166" spans="1:20" x14ac:dyDescent="0.2">
      <c r="A5166" s="53">
        <f t="shared" si="1201"/>
        <v>5154</v>
      </c>
      <c r="B5166" s="239">
        <v>51.143000000000001</v>
      </c>
      <c r="C5166" s="3">
        <f t="shared" si="1202"/>
        <v>51.136000000000003</v>
      </c>
      <c r="D5166" s="239">
        <v>5.7230999999999996</v>
      </c>
      <c r="E5166" s="239">
        <v>0.1371</v>
      </c>
      <c r="F5166" s="239">
        <v>0.97489999999999999</v>
      </c>
      <c r="G5166">
        <f t="shared" si="1203"/>
        <v>5.9180799999999998</v>
      </c>
      <c r="H5166" s="235">
        <f t="shared" si="1204"/>
        <v>2.3166297177462964</v>
      </c>
      <c r="I5166" s="236">
        <f t="shared" si="1205"/>
        <v>19.709406930765574</v>
      </c>
      <c r="J5166" s="237">
        <f t="shared" si="1210"/>
        <v>9.7094069307655744</v>
      </c>
      <c r="K5166" s="237">
        <f t="shared" si="1206"/>
        <v>1007.8602328116285</v>
      </c>
      <c r="L5166" s="237">
        <f t="shared" si="1211"/>
        <v>496.56819866014376</v>
      </c>
      <c r="M5166" s="236">
        <f t="shared" si="1207"/>
        <v>9.8883089582403461</v>
      </c>
      <c r="N5166" s="236">
        <f t="shared" si="1208"/>
        <v>2.7921357189783071</v>
      </c>
      <c r="O5166" s="236">
        <f t="shared" si="1212"/>
        <v>2.9833480324663184</v>
      </c>
      <c r="P5166" s="236" t="str">
        <f t="shared" si="1213"/>
        <v>CLAY</v>
      </c>
      <c r="Q5166" s="236">
        <f t="shared" si="1209"/>
        <v>409.18498059903095</v>
      </c>
      <c r="R5166" s="238">
        <v>35</v>
      </c>
      <c r="S5166" s="236">
        <f t="shared" si="1214"/>
        <v>4.3837173364180488</v>
      </c>
      <c r="T5166" s="236" t="e">
        <f t="shared" si="1200"/>
        <v>#N/A</v>
      </c>
    </row>
    <row r="5167" spans="1:20" x14ac:dyDescent="0.2">
      <c r="A5167" s="53">
        <f t="shared" si="1201"/>
        <v>5155</v>
      </c>
      <c r="B5167" s="239">
        <v>51.152000000000001</v>
      </c>
      <c r="C5167" s="3">
        <f t="shared" si="1202"/>
        <v>51.145000000000003</v>
      </c>
      <c r="D5167" s="239">
        <v>5.5244</v>
      </c>
      <c r="E5167" s="239">
        <v>0.13930000000000001</v>
      </c>
      <c r="F5167" s="239">
        <v>0.84519999999999995</v>
      </c>
      <c r="G5167">
        <f t="shared" si="1203"/>
        <v>5.6934399999999998</v>
      </c>
      <c r="H5167" s="235">
        <f t="shared" si="1204"/>
        <v>2.4466754721223021</v>
      </c>
      <c r="I5167" s="236">
        <f t="shared" si="1205"/>
        <v>19.712948342126872</v>
      </c>
      <c r="J5167" s="237">
        <f t="shared" si="1210"/>
        <v>9.7129483421268716</v>
      </c>
      <c r="K5167" s="237">
        <f t="shared" si="1206"/>
        <v>1008.2187429580789</v>
      </c>
      <c r="L5167" s="237">
        <f t="shared" si="1211"/>
        <v>496.83673359647372</v>
      </c>
      <c r="M5167" s="236">
        <f t="shared" si="1207"/>
        <v>9.4301023660766887</v>
      </c>
      <c r="N5167" s="236">
        <f t="shared" si="1208"/>
        <v>2.973178690134028</v>
      </c>
      <c r="O5167" s="236">
        <f t="shared" si="1212"/>
        <v>3.0156982202597202</v>
      </c>
      <c r="P5167" s="236" t="str">
        <f t="shared" si="1213"/>
        <v>CLAY</v>
      </c>
      <c r="Q5167" s="236">
        <f t="shared" si="1209"/>
        <v>390.43510475349336</v>
      </c>
      <c r="R5167" s="238">
        <v>35</v>
      </c>
      <c r="S5167" s="236">
        <f t="shared" si="1214"/>
        <v>4.1312884381531498</v>
      </c>
      <c r="T5167" s="236" t="e">
        <f t="shared" si="1200"/>
        <v>#N/A</v>
      </c>
    </row>
    <row r="5168" spans="1:20" x14ac:dyDescent="0.2">
      <c r="A5168" s="53">
        <f t="shared" si="1201"/>
        <v>5156</v>
      </c>
      <c r="B5168" s="239">
        <v>51.161999999999999</v>
      </c>
      <c r="C5168" s="3">
        <f t="shared" si="1202"/>
        <v>51.155000000000001</v>
      </c>
      <c r="D5168" s="239">
        <v>5.2355999999999998</v>
      </c>
      <c r="E5168" s="239">
        <v>0.14019999999999999</v>
      </c>
      <c r="F5168" s="239">
        <v>0.72950000000000004</v>
      </c>
      <c r="G5168">
        <f t="shared" si="1203"/>
        <v>5.3815</v>
      </c>
      <c r="H5168" s="235">
        <f t="shared" si="1204"/>
        <v>2.6052215924927991</v>
      </c>
      <c r="I5168" s="236">
        <f t="shared" si="1205"/>
        <v>19.698475701335674</v>
      </c>
      <c r="J5168" s="237">
        <f t="shared" si="1210"/>
        <v>9.6984757013356742</v>
      </c>
      <c r="K5168" s="237">
        <f t="shared" si="1206"/>
        <v>1007.6755245018264</v>
      </c>
      <c r="L5168" s="237">
        <f t="shared" si="1211"/>
        <v>496.19341383173577</v>
      </c>
      <c r="M5168" s="236">
        <f t="shared" si="1207"/>
        <v>8.8147572167924455</v>
      </c>
      <c r="N5168" s="236">
        <f t="shared" si="1208"/>
        <v>3.2054327004979175</v>
      </c>
      <c r="O5168" s="236">
        <f t="shared" si="1212"/>
        <v>3.0583079512768858</v>
      </c>
      <c r="P5168" s="236" t="str">
        <f t="shared" si="1213"/>
        <v>CLAY</v>
      </c>
      <c r="Q5168" s="236">
        <f t="shared" si="1209"/>
        <v>364.48537295818113</v>
      </c>
      <c r="R5168" s="238">
        <v>35</v>
      </c>
      <c r="S5168" s="236">
        <f t="shared" si="1214"/>
        <v>3.797108023911838</v>
      </c>
      <c r="T5168" s="236" t="e">
        <f t="shared" si="1200"/>
        <v>#N/A</v>
      </c>
    </row>
    <row r="5169" spans="1:20" x14ac:dyDescent="0.2">
      <c r="A5169" s="53">
        <f t="shared" si="1201"/>
        <v>5157</v>
      </c>
      <c r="B5169" s="239">
        <v>51.171999999999997</v>
      </c>
      <c r="C5169" s="3">
        <f t="shared" si="1202"/>
        <v>51.164999999999999</v>
      </c>
      <c r="D5169" s="239">
        <v>4.8220000000000001</v>
      </c>
      <c r="E5169" s="239">
        <v>0.1426</v>
      </c>
      <c r="F5169" s="239">
        <v>0.75639999999999996</v>
      </c>
      <c r="G5169">
        <f t="shared" si="1203"/>
        <v>4.9732799999999999</v>
      </c>
      <c r="H5169" s="235">
        <f t="shared" si="1204"/>
        <v>2.8673229739729114</v>
      </c>
      <c r="I5169" s="236">
        <f t="shared" si="1205"/>
        <v>19.687544393245954</v>
      </c>
      <c r="J5169" s="237">
        <f t="shared" si="1210"/>
        <v>9.687544393245954</v>
      </c>
      <c r="K5169" s="237">
        <f t="shared" si="1206"/>
        <v>1007.3132088804292</v>
      </c>
      <c r="L5169" s="237">
        <f t="shared" si="1211"/>
        <v>495.73102169118192</v>
      </c>
      <c r="M5169" s="236">
        <f t="shared" si="1207"/>
        <v>8.0002392781264948</v>
      </c>
      <c r="N5169" s="236">
        <f t="shared" si="1208"/>
        <v>3.5955923866862438</v>
      </c>
      <c r="O5169" s="236">
        <f t="shared" si="1212"/>
        <v>3.1212691374469128</v>
      </c>
      <c r="P5169" s="236" t="str">
        <f t="shared" si="1213"/>
        <v>CLAY</v>
      </c>
      <c r="Q5169" s="236">
        <f t="shared" si="1209"/>
        <v>330.49723259329755</v>
      </c>
      <c r="R5169" s="238">
        <v>35</v>
      </c>
      <c r="S5169" s="236">
        <f t="shared" si="1214"/>
        <v>3.3637114165592803</v>
      </c>
      <c r="T5169" s="236" t="e">
        <f t="shared" si="1200"/>
        <v>#N/A</v>
      </c>
    </row>
    <row r="5170" spans="1:20" x14ac:dyDescent="0.2">
      <c r="A5170" s="53">
        <f t="shared" si="1201"/>
        <v>5158</v>
      </c>
      <c r="B5170" s="239">
        <v>51.182000000000002</v>
      </c>
      <c r="C5170" s="3">
        <f t="shared" si="1202"/>
        <v>51.175000000000004</v>
      </c>
      <c r="D5170" s="239">
        <v>4.3932000000000002</v>
      </c>
      <c r="E5170" s="239">
        <v>0.15409999999999999</v>
      </c>
      <c r="F5170" s="239">
        <v>0.72270000000000001</v>
      </c>
      <c r="G5170">
        <f t="shared" si="1203"/>
        <v>4.5377400000000003</v>
      </c>
      <c r="H5170" s="235">
        <f t="shared" si="1204"/>
        <v>3.3959636294719391</v>
      </c>
      <c r="I5170" s="236">
        <f t="shared" si="1205"/>
        <v>19.742665826468265</v>
      </c>
      <c r="J5170" s="237">
        <f t="shared" si="1210"/>
        <v>9.7426658264682651</v>
      </c>
      <c r="K5170" s="237">
        <f t="shared" si="1206"/>
        <v>1010.3309236695136</v>
      </c>
      <c r="L5170" s="237">
        <f t="shared" si="1211"/>
        <v>498.64912233029878</v>
      </c>
      <c r="M5170" s="236">
        <f t="shared" si="1207"/>
        <v>7.0739301812988584</v>
      </c>
      <c r="N5170" s="236">
        <f t="shared" si="1208"/>
        <v>4.3686455601091776</v>
      </c>
      <c r="O5170" s="236">
        <f t="shared" si="1212"/>
        <v>3.213575569531121</v>
      </c>
      <c r="P5170" s="236" t="str">
        <f t="shared" si="1213"/>
        <v>CLAY</v>
      </c>
      <c r="Q5170" s="236">
        <f t="shared" si="1209"/>
        <v>293.95075636087392</v>
      </c>
      <c r="R5170" s="238">
        <v>35</v>
      </c>
      <c r="S5170" s="236">
        <f t="shared" si="1214"/>
        <v>2.8841375575993231</v>
      </c>
      <c r="T5170" s="236" t="e">
        <f t="shared" si="1200"/>
        <v>#N/A</v>
      </c>
    </row>
    <row r="5171" spans="1:20" x14ac:dyDescent="0.2">
      <c r="A5171" s="53">
        <f t="shared" si="1201"/>
        <v>5159</v>
      </c>
      <c r="B5171" s="239">
        <v>51.192</v>
      </c>
      <c r="C5171" s="3">
        <f t="shared" si="1202"/>
        <v>51.185000000000002</v>
      </c>
      <c r="D5171" s="239">
        <v>4.0842999999999998</v>
      </c>
      <c r="E5171" s="239">
        <v>0.1711</v>
      </c>
      <c r="F5171" s="239">
        <v>0.85340000000000005</v>
      </c>
      <c r="G5171">
        <f t="shared" si="1203"/>
        <v>4.2549799999999998</v>
      </c>
      <c r="H5171" s="235">
        <f t="shared" si="1204"/>
        <v>4.0211704872878364</v>
      </c>
      <c r="I5171" s="236">
        <f t="shared" si="1205"/>
        <v>19.840225850914237</v>
      </c>
      <c r="J5171" s="237">
        <f t="shared" si="1210"/>
        <v>9.8402258509142371</v>
      </c>
      <c r="K5171" s="237">
        <f t="shared" si="1206"/>
        <v>1015.5219601790453</v>
      </c>
      <c r="L5171" s="237">
        <f t="shared" si="1211"/>
        <v>503.74084176000162</v>
      </c>
      <c r="M5171" s="236">
        <f t="shared" si="1207"/>
        <v>6.4308028479539807</v>
      </c>
      <c r="N5171" s="236">
        <f t="shared" si="1208"/>
        <v>5.2817476842347606</v>
      </c>
      <c r="O5171" s="236">
        <f t="shared" si="1212"/>
        <v>3.2953326341126385</v>
      </c>
      <c r="P5171" s="236" t="str">
        <f t="shared" si="1213"/>
        <v>CLAY</v>
      </c>
      <c r="Q5171" s="236">
        <f t="shared" si="1209"/>
        <v>269.95483665174618</v>
      </c>
      <c r="R5171" s="238">
        <v>35</v>
      </c>
      <c r="S5171" s="236">
        <f t="shared" si="1214"/>
        <v>2.5601859090829602</v>
      </c>
      <c r="T5171" s="236" t="e">
        <f t="shared" si="1200"/>
        <v>#N/A</v>
      </c>
    </row>
    <row r="5172" spans="1:20" x14ac:dyDescent="0.2">
      <c r="A5172" s="53">
        <f t="shared" si="1201"/>
        <v>5160</v>
      </c>
      <c r="B5172" s="239">
        <v>51.201000000000001</v>
      </c>
      <c r="C5172" s="3">
        <f t="shared" si="1202"/>
        <v>51.194000000000003</v>
      </c>
      <c r="D5172" s="239">
        <v>3.7740999999999998</v>
      </c>
      <c r="E5172" s="239">
        <v>0.1772</v>
      </c>
      <c r="F5172" s="239">
        <v>0.97819999999999996</v>
      </c>
      <c r="G5172">
        <f t="shared" si="1203"/>
        <v>3.9697399999999998</v>
      </c>
      <c r="H5172" s="235">
        <f t="shared" si="1204"/>
        <v>4.4637684080065698</v>
      </c>
      <c r="I5172" s="236">
        <f t="shared" si="1205"/>
        <v>19.854180948805016</v>
      </c>
      <c r="J5172" s="237">
        <f t="shared" si="1210"/>
        <v>9.8541809488050163</v>
      </c>
      <c r="K5172" s="237">
        <f t="shared" si="1206"/>
        <v>1016.4149394931241</v>
      </c>
      <c r="L5172" s="237">
        <f t="shared" si="1211"/>
        <v>504.54391875976563</v>
      </c>
      <c r="M5172" s="236">
        <f t="shared" si="1207"/>
        <v>5.853454874189211</v>
      </c>
      <c r="N5172" s="236">
        <f t="shared" si="1208"/>
        <v>6.0000168071437203</v>
      </c>
      <c r="O5172" s="236">
        <f t="shared" si="1212"/>
        <v>3.3610405672173695</v>
      </c>
      <c r="P5172" s="236" t="str">
        <f t="shared" si="1213"/>
        <v>CLAY</v>
      </c>
      <c r="Q5172" s="236">
        <f t="shared" si="1209"/>
        <v>246.1104217089063</v>
      </c>
      <c r="R5172" s="238">
        <v>35</v>
      </c>
      <c r="S5172" s="236">
        <f t="shared" si="1214"/>
        <v>2.2761734429270861</v>
      </c>
      <c r="T5172" s="236" t="e">
        <f t="shared" si="1200"/>
        <v>#N/A</v>
      </c>
    </row>
    <row r="5173" spans="1:20" x14ac:dyDescent="0.2">
      <c r="A5173" s="53">
        <f t="shared" si="1201"/>
        <v>5161</v>
      </c>
      <c r="B5173" s="239">
        <v>51.210999999999999</v>
      </c>
      <c r="C5173" s="3">
        <f t="shared" si="1202"/>
        <v>51.204000000000001</v>
      </c>
      <c r="D5173" s="239">
        <v>3.6183999999999998</v>
      </c>
      <c r="E5173" s="239">
        <v>0.1772</v>
      </c>
      <c r="F5173" s="239">
        <v>1.0555000000000001</v>
      </c>
      <c r="G5173">
        <f t="shared" si="1203"/>
        <v>3.8294999999999999</v>
      </c>
      <c r="H5173" s="235">
        <f t="shared" si="1204"/>
        <v>4.6272359315837575</v>
      </c>
      <c r="I5173" s="236">
        <f t="shared" si="1205"/>
        <v>19.840122958244212</v>
      </c>
      <c r="J5173" s="237">
        <f t="shared" si="1210"/>
        <v>9.840122958244212</v>
      </c>
      <c r="K5173" s="237">
        <f t="shared" si="1206"/>
        <v>1015.8936559539367</v>
      </c>
      <c r="L5173" s="237">
        <f t="shared" si="1211"/>
        <v>503.92253681464433</v>
      </c>
      <c r="M5173" s="236">
        <f t="shared" si="1207"/>
        <v>5.5834104222272165</v>
      </c>
      <c r="N5173" s="236">
        <f t="shared" si="1208"/>
        <v>6.2979670334827391</v>
      </c>
      <c r="O5173" s="236">
        <f t="shared" si="1212"/>
        <v>3.3900510662406234</v>
      </c>
      <c r="P5173" s="236" t="str">
        <f t="shared" si="1213"/>
        <v>CLAY</v>
      </c>
      <c r="Q5173" s="236">
        <f t="shared" si="1209"/>
        <v>234.46719533717194</v>
      </c>
      <c r="R5173" s="238">
        <v>35</v>
      </c>
      <c r="S5173" s="236">
        <f t="shared" si="1214"/>
        <v>2.1456775131890407</v>
      </c>
      <c r="T5173" s="236" t="e">
        <f t="shared" si="1200"/>
        <v>#N/A</v>
      </c>
    </row>
    <row r="5174" spans="1:20" x14ac:dyDescent="0.2">
      <c r="A5174" s="53">
        <f t="shared" si="1201"/>
        <v>5162</v>
      </c>
      <c r="B5174" s="239">
        <v>51.220999999999997</v>
      </c>
      <c r="C5174" s="3">
        <f t="shared" si="1202"/>
        <v>51.213999999999999</v>
      </c>
      <c r="D5174" s="239">
        <v>3.3994</v>
      </c>
      <c r="E5174" s="239">
        <v>0.17430000000000001</v>
      </c>
      <c r="F5174" s="239">
        <v>1.107</v>
      </c>
      <c r="G5174">
        <f t="shared" si="1203"/>
        <v>3.6208</v>
      </c>
      <c r="H5174" s="235">
        <f t="shared" si="1204"/>
        <v>4.8138532920901467</v>
      </c>
      <c r="I5174" s="236">
        <f t="shared" si="1205"/>
        <v>19.798870082529056</v>
      </c>
      <c r="J5174" s="237">
        <f t="shared" si="1210"/>
        <v>9.7988700825290564</v>
      </c>
      <c r="K5174" s="237">
        <f t="shared" si="1206"/>
        <v>1013.979332406643</v>
      </c>
      <c r="L5174" s="237">
        <f t="shared" si="1211"/>
        <v>501.90792449722079</v>
      </c>
      <c r="M5174" s="236">
        <f t="shared" si="1207"/>
        <v>5.1938224928500638</v>
      </c>
      <c r="N5174" s="236">
        <f t="shared" si="1208"/>
        <v>6.6863057427312604</v>
      </c>
      <c r="O5174" s="236">
        <f t="shared" si="1212"/>
        <v>3.4307620177446552</v>
      </c>
      <c r="P5174" s="236" t="str">
        <f t="shared" si="1213"/>
        <v>CLAY</v>
      </c>
      <c r="Q5174" s="236">
        <f t="shared" si="1209"/>
        <v>217.23505563277976</v>
      </c>
      <c r="R5174" s="238">
        <v>35</v>
      </c>
      <c r="S5174" s="236">
        <f t="shared" si="1214"/>
        <v>1.9601932403960904</v>
      </c>
      <c r="T5174" s="236" t="e">
        <f t="shared" si="1200"/>
        <v>#N/A</v>
      </c>
    </row>
    <row r="5175" spans="1:20" x14ac:dyDescent="0.2">
      <c r="A5175" s="53">
        <f t="shared" si="1201"/>
        <v>5163</v>
      </c>
      <c r="B5175" s="239">
        <v>51.231000000000002</v>
      </c>
      <c r="C5175" s="3">
        <f t="shared" si="1202"/>
        <v>51.224000000000004</v>
      </c>
      <c r="D5175" s="239">
        <v>3.4007000000000001</v>
      </c>
      <c r="E5175" s="239">
        <v>0.1653</v>
      </c>
      <c r="F5175" s="239">
        <v>1.0939000000000001</v>
      </c>
      <c r="G5175">
        <f t="shared" si="1203"/>
        <v>3.6194800000000003</v>
      </c>
      <c r="H5175" s="235">
        <f t="shared" si="1204"/>
        <v>4.5669543691358978</v>
      </c>
      <c r="I5175" s="236">
        <f t="shared" si="1205"/>
        <v>19.736561322113811</v>
      </c>
      <c r="J5175" s="237">
        <f t="shared" si="1210"/>
        <v>9.7365613221138112</v>
      </c>
      <c r="K5175" s="237">
        <f t="shared" si="1206"/>
        <v>1010.985617163958</v>
      </c>
      <c r="L5175" s="237">
        <f t="shared" si="1211"/>
        <v>498.81377309321266</v>
      </c>
      <c r="M5175" s="236">
        <f t="shared" si="1207"/>
        <v>5.2293952644098232</v>
      </c>
      <c r="N5175" s="236">
        <f t="shared" si="1208"/>
        <v>6.3369889192661528</v>
      </c>
      <c r="O5175" s="236">
        <f t="shared" si="1212"/>
        <v>3.4145321745876798</v>
      </c>
      <c r="P5175" s="236" t="str">
        <f t="shared" si="1213"/>
        <v>CLAY</v>
      </c>
      <c r="Q5175" s="236">
        <f t="shared" si="1209"/>
        <v>217.37453190300354</v>
      </c>
      <c r="R5175" s="238">
        <v>35</v>
      </c>
      <c r="S5175" s="236">
        <f t="shared" si="1214"/>
        <v>1.9769894204211156</v>
      </c>
      <c r="T5175" s="236" t="e">
        <f t="shared" si="1200"/>
        <v>#N/A</v>
      </c>
    </row>
    <row r="5176" spans="1:20" x14ac:dyDescent="0.2">
      <c r="A5176" s="53">
        <f t="shared" si="1201"/>
        <v>5164</v>
      </c>
      <c r="B5176" s="239">
        <v>51.241</v>
      </c>
      <c r="C5176" s="3">
        <f t="shared" si="1202"/>
        <v>51.234000000000002</v>
      </c>
      <c r="D5176" s="239">
        <v>3.5145</v>
      </c>
      <c r="E5176" s="239">
        <v>0.16470000000000001</v>
      </c>
      <c r="F5176" s="239">
        <v>1.1720999999999999</v>
      </c>
      <c r="G5176">
        <f t="shared" si="1203"/>
        <v>3.74892</v>
      </c>
      <c r="H5176" s="235">
        <f t="shared" si="1204"/>
        <v>4.393265260394994</v>
      </c>
      <c r="I5176" s="236">
        <f t="shared" si="1205"/>
        <v>19.746031327752995</v>
      </c>
      <c r="J5176" s="237">
        <f t="shared" si="1210"/>
        <v>9.7460313277529949</v>
      </c>
      <c r="K5176" s="237">
        <f t="shared" si="1206"/>
        <v>1011.668169046097</v>
      </c>
      <c r="L5176" s="237">
        <f t="shared" si="1211"/>
        <v>499.39639126539123</v>
      </c>
      <c r="M5176" s="236">
        <f t="shared" si="1207"/>
        <v>5.4811205664064602</v>
      </c>
      <c r="N5176" s="236">
        <f t="shared" si="1208"/>
        <v>6.0169838279952419</v>
      </c>
      <c r="O5176" s="236">
        <f t="shared" si="1212"/>
        <v>3.3847585381617757</v>
      </c>
      <c r="P5176" s="236" t="str">
        <f t="shared" si="1213"/>
        <v>CLAY</v>
      </c>
      <c r="Q5176" s="236">
        <f t="shared" si="1209"/>
        <v>228.10431924615861</v>
      </c>
      <c r="R5176" s="238">
        <v>35</v>
      </c>
      <c r="S5176" s="236">
        <f t="shared" si="1214"/>
        <v>2.0966536895083299</v>
      </c>
      <c r="T5176" s="236" t="e">
        <f t="shared" si="1200"/>
        <v>#N/A</v>
      </c>
    </row>
    <row r="5177" spans="1:20" x14ac:dyDescent="0.2">
      <c r="A5177" s="53">
        <f t="shared" si="1201"/>
        <v>5165</v>
      </c>
      <c r="B5177" s="239">
        <v>51.250999999999998</v>
      </c>
      <c r="C5177" s="3">
        <f t="shared" si="1202"/>
        <v>51.244</v>
      </c>
      <c r="D5177" s="239">
        <v>3.6947999999999999</v>
      </c>
      <c r="E5177" s="239">
        <v>0.15859999999999999</v>
      </c>
      <c r="F5177" s="239">
        <v>1.2135</v>
      </c>
      <c r="G5177">
        <f t="shared" si="1203"/>
        <v>3.9375</v>
      </c>
      <c r="H5177" s="235">
        <f t="shared" si="1204"/>
        <v>4.0279365079365075</v>
      </c>
      <c r="I5177" s="236">
        <f t="shared" si="1205"/>
        <v>19.720960158550657</v>
      </c>
      <c r="J5177" s="237">
        <f t="shared" si="1210"/>
        <v>9.7209601585506569</v>
      </c>
      <c r="K5177" s="237">
        <f t="shared" si="1206"/>
        <v>1010.5808823647699</v>
      </c>
      <c r="L5177" s="237">
        <f t="shared" si="1211"/>
        <v>498.20892908587967</v>
      </c>
      <c r="M5177" s="236">
        <f t="shared" si="1207"/>
        <v>5.8748828990391244</v>
      </c>
      <c r="N5177" s="236">
        <f t="shared" si="1208"/>
        <v>5.4186669882473213</v>
      </c>
      <c r="O5177" s="236">
        <f t="shared" si="1212"/>
        <v>3.3336318025812086</v>
      </c>
      <c r="P5177" s="236" t="str">
        <f t="shared" si="1213"/>
        <v>CLAY</v>
      </c>
      <c r="Q5177" s="236">
        <f t="shared" si="1209"/>
        <v>243.90992646960251</v>
      </c>
      <c r="R5177" s="238">
        <v>35</v>
      </c>
      <c r="S5177" s="236">
        <f t="shared" si="1214"/>
        <v>2.2865938272076716</v>
      </c>
      <c r="T5177" s="236" t="e">
        <f t="shared" si="1200"/>
        <v>#N/A</v>
      </c>
    </row>
    <row r="5178" spans="1:20" x14ac:dyDescent="0.2">
      <c r="A5178" s="53">
        <f t="shared" si="1201"/>
        <v>5166</v>
      </c>
      <c r="B5178" s="239">
        <v>51.261000000000003</v>
      </c>
      <c r="C5178" s="3">
        <f t="shared" si="1202"/>
        <v>51.254000000000005</v>
      </c>
      <c r="D5178" s="239">
        <v>3.7507000000000001</v>
      </c>
      <c r="E5178" s="239">
        <v>0.1618</v>
      </c>
      <c r="F5178" s="239">
        <v>1.3096000000000001</v>
      </c>
      <c r="G5178">
        <f t="shared" si="1203"/>
        <v>4.0126200000000001</v>
      </c>
      <c r="H5178" s="235">
        <f t="shared" si="1204"/>
        <v>4.0322781623976356</v>
      </c>
      <c r="I5178" s="236">
        <f t="shared" si="1205"/>
        <v>19.751770281146786</v>
      </c>
      <c r="J5178" s="237">
        <f t="shared" si="1210"/>
        <v>9.7517702811467863</v>
      </c>
      <c r="K5178" s="237">
        <f t="shared" si="1206"/>
        <v>1012.3572339898975</v>
      </c>
      <c r="L5178" s="237">
        <f t="shared" si="1211"/>
        <v>499.88549638186544</v>
      </c>
      <c r="M5178" s="236">
        <f t="shared" si="1207"/>
        <v>6.0019000105539853</v>
      </c>
      <c r="N5178" s="236">
        <f t="shared" si="1208"/>
        <v>5.3928609798124327</v>
      </c>
      <c r="O5178" s="236">
        <f t="shared" si="1212"/>
        <v>3.3248921348137435</v>
      </c>
      <c r="P5178" s="236" t="str">
        <f t="shared" si="1213"/>
        <v>CLAY</v>
      </c>
      <c r="Q5178" s="236">
        <f t="shared" si="1209"/>
        <v>250.02189716750854</v>
      </c>
      <c r="R5178" s="238">
        <v>35</v>
      </c>
      <c r="S5178" s="236">
        <f t="shared" si="1214"/>
        <v>2.3485561810222468</v>
      </c>
      <c r="T5178" s="236" t="e">
        <f t="shared" si="1200"/>
        <v>#N/A</v>
      </c>
    </row>
    <row r="5179" spans="1:20" x14ac:dyDescent="0.2">
      <c r="A5179" s="53">
        <f t="shared" si="1201"/>
        <v>5167</v>
      </c>
      <c r="B5179" s="239">
        <v>51.27</v>
      </c>
      <c r="C5179" s="3">
        <f t="shared" si="1202"/>
        <v>51.263000000000005</v>
      </c>
      <c r="D5179" s="239">
        <v>3.9426999999999999</v>
      </c>
      <c r="E5179" s="239">
        <v>0.16139999999999999</v>
      </c>
      <c r="F5179" s="239">
        <v>1.3621000000000001</v>
      </c>
      <c r="G5179">
        <f t="shared" si="1203"/>
        <v>4.2151199999999998</v>
      </c>
      <c r="H5179" s="235">
        <f t="shared" si="1204"/>
        <v>3.829072481922223</v>
      </c>
      <c r="I5179" s="236">
        <f t="shared" si="1205"/>
        <v>19.768111535161253</v>
      </c>
      <c r="J5179" s="237">
        <f t="shared" si="1210"/>
        <v>9.7681115351612533</v>
      </c>
      <c r="K5179" s="237">
        <f t="shared" si="1206"/>
        <v>1013.3727016269714</v>
      </c>
      <c r="L5179" s="237">
        <f t="shared" si="1211"/>
        <v>500.8110784077175</v>
      </c>
      <c r="M5179" s="236">
        <f t="shared" si="1207"/>
        <v>6.3931239471632457</v>
      </c>
      <c r="N5179" s="236">
        <f t="shared" si="1208"/>
        <v>5.0409974604184278</v>
      </c>
      <c r="O5179" s="236">
        <f t="shared" si="1212"/>
        <v>3.2854975522732621</v>
      </c>
      <c r="P5179" s="236" t="str">
        <f t="shared" si="1213"/>
        <v>CLAY</v>
      </c>
      <c r="Q5179" s="236">
        <f t="shared" si="1209"/>
        <v>266.81227486441907</v>
      </c>
      <c r="R5179" s="238">
        <v>35</v>
      </c>
      <c r="S5179" s="236">
        <f t="shared" si="1214"/>
        <v>2.5414490889490788</v>
      </c>
      <c r="T5179" s="236" t="e">
        <f t="shared" si="1200"/>
        <v>#N/A</v>
      </c>
    </row>
    <row r="5180" spans="1:20" x14ac:dyDescent="0.2">
      <c r="A5180" s="53">
        <f t="shared" si="1201"/>
        <v>5168</v>
      </c>
      <c r="B5180" s="239">
        <v>51.280999999999999</v>
      </c>
      <c r="C5180" s="3">
        <f t="shared" si="1202"/>
        <v>51.274000000000001</v>
      </c>
      <c r="D5180" s="239">
        <v>4.1647999999999996</v>
      </c>
      <c r="E5180" s="239">
        <v>0.1658</v>
      </c>
      <c r="F5180" s="239">
        <v>1.3624000000000001</v>
      </c>
      <c r="G5180">
        <f t="shared" si="1203"/>
        <v>4.4372799999999994</v>
      </c>
      <c r="H5180" s="235">
        <f t="shared" si="1204"/>
        <v>3.7365232755201392</v>
      </c>
      <c r="I5180" s="236">
        <f t="shared" si="1205"/>
        <v>19.819726426039988</v>
      </c>
      <c r="J5180" s="237">
        <f t="shared" si="1210"/>
        <v>9.8197264260399884</v>
      </c>
      <c r="K5180" s="237">
        <f t="shared" si="1206"/>
        <v>1016.2366527687744</v>
      </c>
      <c r="L5180" s="237">
        <f t="shared" si="1211"/>
        <v>503.56539085375664</v>
      </c>
      <c r="M5180" s="236">
        <f t="shared" si="1207"/>
        <v>6.7936427112894071</v>
      </c>
      <c r="N5180" s="236">
        <f t="shared" si="1208"/>
        <v>4.8464746912425989</v>
      </c>
      <c r="O5180" s="236">
        <f t="shared" si="1212"/>
        <v>3.2540974475025894</v>
      </c>
      <c r="P5180" s="236" t="str">
        <f t="shared" si="1213"/>
        <v>CLAY</v>
      </c>
      <c r="Q5180" s="236">
        <f t="shared" si="1209"/>
        <v>285.0869456026021</v>
      </c>
      <c r="R5180" s="238">
        <v>35</v>
      </c>
      <c r="S5180" s="236">
        <f t="shared" si="1214"/>
        <v>2.7420059148025615</v>
      </c>
      <c r="T5180" s="236" t="e">
        <f t="shared" si="1200"/>
        <v>#N/A</v>
      </c>
    </row>
    <row r="5181" spans="1:20" x14ac:dyDescent="0.2">
      <c r="A5181" s="53">
        <f t="shared" si="1201"/>
        <v>5169</v>
      </c>
      <c r="B5181" s="239">
        <v>51.29</v>
      </c>
      <c r="C5181" s="3">
        <f t="shared" si="1202"/>
        <v>51.283000000000001</v>
      </c>
      <c r="D5181" s="239">
        <v>4.3448000000000002</v>
      </c>
      <c r="E5181" s="239">
        <v>0.16120000000000001</v>
      </c>
      <c r="F5181" s="239">
        <v>1.3678999999999999</v>
      </c>
      <c r="G5181">
        <f t="shared" si="1203"/>
        <v>4.6183800000000002</v>
      </c>
      <c r="H5181" s="235">
        <f t="shared" si="1204"/>
        <v>3.4904013961605584</v>
      </c>
      <c r="I5181" s="236">
        <f t="shared" si="1205"/>
        <v>19.802369352944211</v>
      </c>
      <c r="J5181" s="237">
        <f t="shared" si="1210"/>
        <v>9.8023693529442113</v>
      </c>
      <c r="K5181" s="237">
        <f t="shared" si="1206"/>
        <v>1015.5249075270381</v>
      </c>
      <c r="L5181" s="237">
        <f t="shared" si="1211"/>
        <v>502.76352411250861</v>
      </c>
      <c r="M5181" s="236">
        <f t="shared" si="1207"/>
        <v>7.1661027892443405</v>
      </c>
      <c r="N5181" s="236">
        <f t="shared" si="1208"/>
        <v>4.4742293504053761</v>
      </c>
      <c r="O5181" s="236">
        <f t="shared" si="1212"/>
        <v>3.2150165720156991</v>
      </c>
      <c r="P5181" s="236" t="str">
        <f t="shared" si="1213"/>
        <v>CLAY</v>
      </c>
      <c r="Q5181" s="236">
        <f t="shared" si="1209"/>
        <v>300.23792437274682</v>
      </c>
      <c r="R5181" s="238">
        <v>35</v>
      </c>
      <c r="S5181" s="236">
        <f t="shared" si="1214"/>
        <v>2.931188852321057</v>
      </c>
      <c r="T5181" s="236" t="e">
        <f t="shared" si="1200"/>
        <v>#N/A</v>
      </c>
    </row>
    <row r="5182" spans="1:20" x14ac:dyDescent="0.2">
      <c r="A5182" s="53">
        <f t="shared" si="1201"/>
        <v>5170</v>
      </c>
      <c r="B5182" s="239">
        <v>51.3</v>
      </c>
      <c r="C5182" s="3">
        <f t="shared" si="1202"/>
        <v>51.292999999999999</v>
      </c>
      <c r="D5182" s="239">
        <v>4.4260999999999999</v>
      </c>
      <c r="E5182" s="239">
        <v>0.14899999999999999</v>
      </c>
      <c r="F5182" s="239">
        <v>1.3136000000000001</v>
      </c>
      <c r="G5182">
        <f t="shared" si="1203"/>
        <v>4.6888199999999998</v>
      </c>
      <c r="H5182" s="235">
        <f t="shared" si="1204"/>
        <v>3.1777718061260618</v>
      </c>
      <c r="I5182" s="236">
        <f t="shared" si="1205"/>
        <v>19.71600318385671</v>
      </c>
      <c r="J5182" s="237">
        <f t="shared" si="1210"/>
        <v>9.71600318385671</v>
      </c>
      <c r="K5182" s="237">
        <f t="shared" si="1206"/>
        <v>1011.2929513095622</v>
      </c>
      <c r="L5182" s="237">
        <f t="shared" si="1211"/>
        <v>498.43096333184917</v>
      </c>
      <c r="M5182" s="236">
        <f t="shared" si="1207"/>
        <v>7.3782074534602806</v>
      </c>
      <c r="N5182" s="236">
        <f t="shared" si="1208"/>
        <v>4.0516357331228523</v>
      </c>
      <c r="O5182" s="236">
        <f t="shared" si="1212"/>
        <v>3.1797629735828985</v>
      </c>
      <c r="P5182" s="236" t="str">
        <f t="shared" si="1213"/>
        <v>CLAY</v>
      </c>
      <c r="Q5182" s="236">
        <f t="shared" si="1209"/>
        <v>306.46058739086976</v>
      </c>
      <c r="R5182" s="238">
        <v>35</v>
      </c>
      <c r="S5182" s="236">
        <f t="shared" si="1214"/>
        <v>3.0400350186979455</v>
      </c>
      <c r="T5182" s="236" t="e">
        <f t="shared" si="1200"/>
        <v>#N/A</v>
      </c>
    </row>
    <row r="5183" spans="1:20" x14ac:dyDescent="0.2">
      <c r="A5183" s="53">
        <f t="shared" si="1201"/>
        <v>5171</v>
      </c>
      <c r="B5183" s="239">
        <v>51.31</v>
      </c>
      <c r="C5183" s="3">
        <f t="shared" si="1202"/>
        <v>51.303000000000004</v>
      </c>
      <c r="D5183" s="239">
        <v>4.4424999999999999</v>
      </c>
      <c r="E5183" s="239">
        <v>0.14180000000000001</v>
      </c>
      <c r="F5183" s="239">
        <v>1.2384999999999999</v>
      </c>
      <c r="G5183">
        <f t="shared" si="1203"/>
        <v>4.6901999999999999</v>
      </c>
      <c r="H5183" s="235">
        <f t="shared" si="1204"/>
        <v>3.0233252313334189</v>
      </c>
      <c r="I5183" s="236">
        <f t="shared" si="1205"/>
        <v>19.658041103776199</v>
      </c>
      <c r="J5183" s="237">
        <f t="shared" si="1210"/>
        <v>9.6580411037761991</v>
      </c>
      <c r="K5183" s="237">
        <f t="shared" si="1206"/>
        <v>1008.5164827470304</v>
      </c>
      <c r="L5183" s="237">
        <f t="shared" si="1211"/>
        <v>495.55408903475677</v>
      </c>
      <c r="M5183" s="236">
        <f t="shared" si="1207"/>
        <v>7.4294281869899912</v>
      </c>
      <c r="N5183" s="236">
        <f t="shared" si="1208"/>
        <v>3.8514988954238487</v>
      </c>
      <c r="O5183" s="236">
        <f t="shared" si="1212"/>
        <v>3.1647008994630959</v>
      </c>
      <c r="P5183" s="236" t="str">
        <f t="shared" si="1213"/>
        <v>CLAY</v>
      </c>
      <c r="Q5183" s="236">
        <f t="shared" si="1209"/>
        <v>306.80695977108081</v>
      </c>
      <c r="R5183" s="238">
        <v>35</v>
      </c>
      <c r="S5183" s="236">
        <f t="shared" si="1214"/>
        <v>3.0664384022109763</v>
      </c>
      <c r="T5183" s="236" t="e">
        <f t="shared" si="1200"/>
        <v>#N/A</v>
      </c>
    </row>
    <row r="5184" spans="1:20" x14ac:dyDescent="0.2">
      <c r="A5184" s="53">
        <f t="shared" si="1201"/>
        <v>5172</v>
      </c>
      <c r="B5184" s="239">
        <v>51.320999999999998</v>
      </c>
      <c r="C5184" s="3">
        <f t="shared" si="1202"/>
        <v>51.314</v>
      </c>
      <c r="D5184" s="239">
        <v>4.4752999999999998</v>
      </c>
      <c r="E5184" s="239">
        <v>0.13350000000000001</v>
      </c>
      <c r="F5184" s="239">
        <v>1.1639999999999999</v>
      </c>
      <c r="G5184">
        <f t="shared" si="1203"/>
        <v>4.7081</v>
      </c>
      <c r="H5184" s="235">
        <f t="shared" si="1204"/>
        <v>2.8355387523629494</v>
      </c>
      <c r="I5184" s="236">
        <f t="shared" si="1205"/>
        <v>19.588803582586181</v>
      </c>
      <c r="J5184" s="237">
        <f t="shared" si="1210"/>
        <v>9.5888035825861806</v>
      </c>
      <c r="K5184" s="237">
        <f t="shared" si="1206"/>
        <v>1005.1798670368273</v>
      </c>
      <c r="L5184" s="237">
        <f t="shared" si="1211"/>
        <v>492.10698866190535</v>
      </c>
      <c r="M5184" s="236">
        <f t="shared" si="1207"/>
        <v>7.5246241534423897</v>
      </c>
      <c r="N5184" s="236">
        <f t="shared" si="1208"/>
        <v>3.6052627441675282</v>
      </c>
      <c r="O5184" s="236">
        <f t="shared" si="1212"/>
        <v>3.1438552525625085</v>
      </c>
      <c r="P5184" s="236" t="str">
        <f t="shared" si="1213"/>
        <v>CLAY</v>
      </c>
      <c r="Q5184" s="236">
        <f t="shared" si="1209"/>
        <v>308.57667774693113</v>
      </c>
      <c r="R5184" s="238">
        <v>35</v>
      </c>
      <c r="S5184" s="236">
        <f t="shared" si="1214"/>
        <v>3.1156310551094237</v>
      </c>
      <c r="T5184" s="236" t="e">
        <f t="shared" si="1200"/>
        <v>#N/A</v>
      </c>
    </row>
    <row r="5185" spans="1:20" x14ac:dyDescent="0.2">
      <c r="A5185" s="53">
        <f t="shared" si="1201"/>
        <v>5173</v>
      </c>
      <c r="B5185" s="239">
        <v>51.33</v>
      </c>
      <c r="C5185" s="3">
        <f t="shared" si="1202"/>
        <v>51.323</v>
      </c>
      <c r="D5185" s="239">
        <v>4.2824999999999998</v>
      </c>
      <c r="E5185" s="239">
        <v>0.1242</v>
      </c>
      <c r="F5185" s="239">
        <v>1.1404000000000001</v>
      </c>
      <c r="G5185">
        <f t="shared" si="1203"/>
        <v>4.51058</v>
      </c>
      <c r="H5185" s="235">
        <f t="shared" si="1204"/>
        <v>2.7535261540644442</v>
      </c>
      <c r="I5185" s="236">
        <f t="shared" si="1205"/>
        <v>19.487380514066896</v>
      </c>
      <c r="J5185" s="237">
        <f t="shared" si="1210"/>
        <v>9.4873805140668956</v>
      </c>
      <c r="K5185" s="237">
        <f t="shared" si="1206"/>
        <v>1000.1508301234553</v>
      </c>
      <c r="L5185" s="237">
        <f t="shared" si="1211"/>
        <v>486.98724178705373</v>
      </c>
      <c r="M5185" s="236">
        <f t="shared" si="1207"/>
        <v>7.2084622935800846</v>
      </c>
      <c r="N5185" s="236">
        <f t="shared" si="1208"/>
        <v>3.5380289414689394</v>
      </c>
      <c r="O5185" s="236">
        <f t="shared" si="1212"/>
        <v>3.1546605116200421</v>
      </c>
      <c r="P5185" s="236" t="str">
        <f t="shared" si="1213"/>
        <v>CLAY</v>
      </c>
      <c r="Q5185" s="236">
        <f t="shared" si="1209"/>
        <v>292.53576415637872</v>
      </c>
      <c r="R5185" s="238">
        <v>35</v>
      </c>
      <c r="S5185" s="236">
        <f t="shared" si="1214"/>
        <v>2.9528629962454174</v>
      </c>
      <c r="T5185" s="236" t="e">
        <f t="shared" si="1200"/>
        <v>#N/A</v>
      </c>
    </row>
    <row r="5186" spans="1:20" x14ac:dyDescent="0.2">
      <c r="A5186" s="53">
        <f t="shared" si="1201"/>
        <v>5174</v>
      </c>
      <c r="B5186" s="239">
        <v>51.34</v>
      </c>
      <c r="C5186" s="3">
        <f t="shared" si="1202"/>
        <v>51.333000000000006</v>
      </c>
      <c r="D5186" s="239">
        <v>4.0991</v>
      </c>
      <c r="E5186" s="239">
        <v>0.109</v>
      </c>
      <c r="F5186" s="239">
        <v>1.1363000000000001</v>
      </c>
      <c r="G5186">
        <f t="shared" si="1203"/>
        <v>4.3263600000000002</v>
      </c>
      <c r="H5186" s="235">
        <f t="shared" si="1204"/>
        <v>2.519438974102941</v>
      </c>
      <c r="I5186" s="236">
        <f t="shared" si="1205"/>
        <v>19.318004987971481</v>
      </c>
      <c r="J5186" s="237">
        <f t="shared" si="1210"/>
        <v>9.3180049879714808</v>
      </c>
      <c r="K5186" s="237">
        <f t="shared" si="1206"/>
        <v>991.65115004754011</v>
      </c>
      <c r="L5186" s="237">
        <f t="shared" si="1211"/>
        <v>478.38637608245585</v>
      </c>
      <c r="M5186" s="236">
        <f t="shared" si="1207"/>
        <v>6.9707437683753817</v>
      </c>
      <c r="N5186" s="236">
        <f t="shared" si="1208"/>
        <v>3.2686511747960814</v>
      </c>
      <c r="O5186" s="236">
        <f t="shared" si="1212"/>
        <v>3.1476494313479297</v>
      </c>
      <c r="P5186" s="236" t="str">
        <f t="shared" si="1213"/>
        <v>CLAY</v>
      </c>
      <c r="Q5186" s="236">
        <f t="shared" si="1209"/>
        <v>277.89240416270508</v>
      </c>
      <c r="R5186" s="238">
        <v>35</v>
      </c>
      <c r="S5186" s="236">
        <f t="shared" si="1214"/>
        <v>2.831645666298277</v>
      </c>
      <c r="T5186" s="236" t="e">
        <f t="shared" si="1200"/>
        <v>#N/A</v>
      </c>
    </row>
    <row r="5187" spans="1:20" x14ac:dyDescent="0.2">
      <c r="A5187" s="53">
        <f t="shared" si="1201"/>
        <v>5175</v>
      </c>
      <c r="B5187" s="239">
        <v>51.348999999999997</v>
      </c>
      <c r="C5187" s="3">
        <f t="shared" si="1202"/>
        <v>51.341999999999999</v>
      </c>
      <c r="D5187" s="239">
        <v>3.9283000000000001</v>
      </c>
      <c r="E5187" s="239">
        <v>0.1042</v>
      </c>
      <c r="F5187" s="239">
        <v>1.1738999999999999</v>
      </c>
      <c r="G5187">
        <f t="shared" si="1203"/>
        <v>4.1630799999999999</v>
      </c>
      <c r="H5187" s="235">
        <f t="shared" si="1204"/>
        <v>2.5029545432708478</v>
      </c>
      <c r="I5187" s="236">
        <f t="shared" si="1205"/>
        <v>19.250159176528399</v>
      </c>
      <c r="J5187" s="237">
        <f t="shared" si="1210"/>
        <v>9.250159176528399</v>
      </c>
      <c r="K5187" s="237">
        <f t="shared" si="1206"/>
        <v>988.34167244132107</v>
      </c>
      <c r="L5187" s="237">
        <f t="shared" si="1211"/>
        <v>474.98642355555671</v>
      </c>
      <c r="M5187" s="236">
        <f t="shared" si="1207"/>
        <v>6.6838506747074344</v>
      </c>
      <c r="N5187" s="236">
        <f t="shared" si="1208"/>
        <v>3.2821602679968929</v>
      </c>
      <c r="O5187" s="236">
        <f t="shared" si="1212"/>
        <v>3.1638796355460155</v>
      </c>
      <c r="P5187" s="236" t="str">
        <f t="shared" si="1213"/>
        <v>CLAY</v>
      </c>
      <c r="Q5187" s="236">
        <f t="shared" si="1209"/>
        <v>264.56152729655656</v>
      </c>
      <c r="R5187" s="238">
        <v>35</v>
      </c>
      <c r="S5187" s="236">
        <f t="shared" si="1214"/>
        <v>2.6867263334918339</v>
      </c>
      <c r="T5187" s="236" t="e">
        <f t="shared" si="1200"/>
        <v>#N/A</v>
      </c>
    </row>
    <row r="5188" spans="1:20" x14ac:dyDescent="0.2">
      <c r="A5188" s="53">
        <f t="shared" si="1201"/>
        <v>5176</v>
      </c>
      <c r="B5188" s="239">
        <v>51.359000000000002</v>
      </c>
      <c r="C5188" s="3">
        <f t="shared" si="1202"/>
        <v>51.352000000000004</v>
      </c>
      <c r="D5188" s="239">
        <v>3.8166000000000002</v>
      </c>
      <c r="E5188" s="239">
        <v>0.10630000000000001</v>
      </c>
      <c r="F5188" s="239">
        <v>1.2239</v>
      </c>
      <c r="G5188">
        <f t="shared" si="1203"/>
        <v>4.0613799999999998</v>
      </c>
      <c r="H5188" s="235">
        <f t="shared" si="1204"/>
        <v>2.6173369642830768</v>
      </c>
      <c r="I5188" s="236">
        <f t="shared" si="1205"/>
        <v>19.263889131843662</v>
      </c>
      <c r="J5188" s="237">
        <f t="shared" si="1210"/>
        <v>9.263889131843662</v>
      </c>
      <c r="K5188" s="237">
        <f t="shared" si="1206"/>
        <v>989.23923469843578</v>
      </c>
      <c r="L5188" s="237">
        <f t="shared" si="1211"/>
        <v>475.78408192235867</v>
      </c>
      <c r="M5188" s="236">
        <f t="shared" si="1207"/>
        <v>6.4570061967791821</v>
      </c>
      <c r="N5188" s="236">
        <f t="shared" si="1208"/>
        <v>3.4601279082199059</v>
      </c>
      <c r="O5188" s="236">
        <f t="shared" si="1212"/>
        <v>3.1890185330253065</v>
      </c>
      <c r="P5188" s="236" t="str">
        <f t="shared" si="1213"/>
        <v>CLAY</v>
      </c>
      <c r="Q5188" s="236">
        <f t="shared" si="1209"/>
        <v>256.011730441797</v>
      </c>
      <c r="R5188" s="238">
        <v>35</v>
      </c>
      <c r="S5188" s="236">
        <f t="shared" si="1214"/>
        <v>2.5732324096697252</v>
      </c>
      <c r="T5188" s="236" t="e">
        <f t="shared" si="1200"/>
        <v>#N/A</v>
      </c>
    </row>
    <row r="5189" spans="1:20" x14ac:dyDescent="0.2">
      <c r="A5189" s="53">
        <f t="shared" si="1201"/>
        <v>5177</v>
      </c>
      <c r="B5189" s="239">
        <v>51.369</v>
      </c>
      <c r="C5189" s="3">
        <f t="shared" si="1202"/>
        <v>51.362000000000002</v>
      </c>
      <c r="D5189" s="239">
        <v>3.5834000000000001</v>
      </c>
      <c r="E5189" s="239">
        <v>0.115</v>
      </c>
      <c r="F5189" s="239">
        <v>1.4077</v>
      </c>
      <c r="G5189">
        <f t="shared" si="1203"/>
        <v>3.8649399999999998</v>
      </c>
      <c r="H5189" s="235">
        <f t="shared" si="1204"/>
        <v>2.9754666307885764</v>
      </c>
      <c r="I5189" s="236">
        <f t="shared" si="1205"/>
        <v>19.336755703956563</v>
      </c>
      <c r="J5189" s="237">
        <f t="shared" si="1210"/>
        <v>9.3367557039565625</v>
      </c>
      <c r="K5189" s="237">
        <f t="shared" si="1206"/>
        <v>993.17444646661704</v>
      </c>
      <c r="L5189" s="237">
        <f t="shared" si="1211"/>
        <v>479.61980375654468</v>
      </c>
      <c r="M5189" s="236">
        <f t="shared" si="1207"/>
        <v>5.9875875246200057</v>
      </c>
      <c r="N5189" s="236">
        <f t="shared" si="1208"/>
        <v>4.0045051678576451</v>
      </c>
      <c r="O5189" s="236">
        <f t="shared" si="1212"/>
        <v>3.251549908428534</v>
      </c>
      <c r="P5189" s="236" t="str">
        <f t="shared" si="1213"/>
        <v>CLAY</v>
      </c>
      <c r="Q5189" s="236">
        <f t="shared" si="1209"/>
        <v>239.31379612778187</v>
      </c>
      <c r="R5189" s="238">
        <v>35</v>
      </c>
      <c r="S5189" s="236">
        <f t="shared" si="1214"/>
        <v>2.3415576364734694</v>
      </c>
      <c r="T5189" s="236" t="e">
        <f t="shared" si="1200"/>
        <v>#N/A</v>
      </c>
    </row>
    <row r="5190" spans="1:20" x14ac:dyDescent="0.2">
      <c r="A5190" s="53">
        <f t="shared" si="1201"/>
        <v>5178</v>
      </c>
      <c r="B5190" s="239">
        <v>51.378999999999998</v>
      </c>
      <c r="C5190" s="3">
        <f t="shared" si="1202"/>
        <v>51.372</v>
      </c>
      <c r="D5190" s="239">
        <v>3.4992999999999999</v>
      </c>
      <c r="E5190" s="239">
        <v>0.1191</v>
      </c>
      <c r="F5190" s="239">
        <v>1.4895</v>
      </c>
      <c r="G5190">
        <f t="shared" si="1203"/>
        <v>3.7971999999999997</v>
      </c>
      <c r="H5190" s="235">
        <f t="shared" si="1204"/>
        <v>3.1365216475297588</v>
      </c>
      <c r="I5190" s="236">
        <f t="shared" si="1205"/>
        <v>19.370921935367242</v>
      </c>
      <c r="J5190" s="237">
        <f t="shared" si="1210"/>
        <v>9.3709219353672424</v>
      </c>
      <c r="K5190" s="237">
        <f t="shared" si="1206"/>
        <v>995.12300166368595</v>
      </c>
      <c r="L5190" s="237">
        <f t="shared" si="1211"/>
        <v>481.46859811723351</v>
      </c>
      <c r="M5190" s="236">
        <f t="shared" si="1207"/>
        <v>5.8198541073991956</v>
      </c>
      <c r="N5190" s="236">
        <f t="shared" si="1208"/>
        <v>4.2504185313506238</v>
      </c>
      <c r="O5190" s="236">
        <f t="shared" si="1212"/>
        <v>3.276308943692233</v>
      </c>
      <c r="P5190" s="236" t="str">
        <f t="shared" si="1213"/>
        <v>CLAY</v>
      </c>
      <c r="Q5190" s="236">
        <f t="shared" si="1209"/>
        <v>233.50641652802616</v>
      </c>
      <c r="R5190" s="238">
        <v>35</v>
      </c>
      <c r="S5190" s="236">
        <f t="shared" si="1214"/>
        <v>2.2598526936184911</v>
      </c>
      <c r="T5190" s="236" t="e">
        <f t="shared" si="1200"/>
        <v>#N/A</v>
      </c>
    </row>
    <row r="5191" spans="1:20" x14ac:dyDescent="0.2">
      <c r="A5191" s="53">
        <f t="shared" si="1201"/>
        <v>5179</v>
      </c>
      <c r="B5191" s="239">
        <v>51.389000000000003</v>
      </c>
      <c r="C5191" s="3">
        <f t="shared" si="1202"/>
        <v>51.382000000000005</v>
      </c>
      <c r="D5191" s="239">
        <v>3.4403999999999999</v>
      </c>
      <c r="E5191" s="239">
        <v>0.1226</v>
      </c>
      <c r="F5191" s="239">
        <v>1.4462999999999999</v>
      </c>
      <c r="G5191">
        <f t="shared" si="1203"/>
        <v>3.72966</v>
      </c>
      <c r="H5191" s="235">
        <f t="shared" si="1204"/>
        <v>3.287162904929672</v>
      </c>
      <c r="I5191" s="236">
        <f t="shared" si="1205"/>
        <v>19.397869642430745</v>
      </c>
      <c r="J5191" s="237">
        <f t="shared" si="1210"/>
        <v>9.3978696424307451</v>
      </c>
      <c r="K5191" s="237">
        <f t="shared" si="1206"/>
        <v>996.70133796737662</v>
      </c>
      <c r="L5191" s="237">
        <f t="shared" si="1211"/>
        <v>482.9471230548736</v>
      </c>
      <c r="M5191" s="236">
        <f t="shared" si="1207"/>
        <v>5.6589190235679236</v>
      </c>
      <c r="N5191" s="236">
        <f t="shared" si="1208"/>
        <v>4.4859807688718174</v>
      </c>
      <c r="O5191" s="236">
        <f t="shared" si="1212"/>
        <v>3.2996041425670439</v>
      </c>
      <c r="P5191" s="236" t="str">
        <f t="shared" si="1213"/>
        <v>CLAY</v>
      </c>
      <c r="Q5191" s="236">
        <f t="shared" si="1209"/>
        <v>227.74655516938526</v>
      </c>
      <c r="R5191" s="238">
        <v>35</v>
      </c>
      <c r="S5191" s="236">
        <f t="shared" si="1214"/>
        <v>2.1820106097692955</v>
      </c>
      <c r="T5191" s="236" t="e">
        <f t="shared" si="1200"/>
        <v>#N/A</v>
      </c>
    </row>
    <row r="5192" spans="1:20" x14ac:dyDescent="0.2">
      <c r="A5192" s="53">
        <f t="shared" si="1201"/>
        <v>5180</v>
      </c>
      <c r="B5192" s="239">
        <v>51.398000000000003</v>
      </c>
      <c r="C5192" s="3">
        <f t="shared" si="1202"/>
        <v>51.391000000000005</v>
      </c>
      <c r="D5192" s="239">
        <v>3.3544</v>
      </c>
      <c r="E5192" s="239">
        <v>0.12939999999999999</v>
      </c>
      <c r="F5192" s="239">
        <v>1.5155000000000001</v>
      </c>
      <c r="G5192">
        <f t="shared" si="1203"/>
        <v>3.6574999999999998</v>
      </c>
      <c r="H5192" s="235">
        <f t="shared" si="1204"/>
        <v>3.5379357484620644</v>
      </c>
      <c r="I5192" s="236">
        <f t="shared" si="1205"/>
        <v>19.453531501798341</v>
      </c>
      <c r="J5192" s="237">
        <f t="shared" si="1210"/>
        <v>9.4535315017983415</v>
      </c>
      <c r="K5192" s="237">
        <f t="shared" si="1206"/>
        <v>999.73643740891862</v>
      </c>
      <c r="L5192" s="237">
        <f t="shared" si="1211"/>
        <v>485.8926121294312</v>
      </c>
      <c r="M5192" s="236">
        <f t="shared" si="1207"/>
        <v>5.4698579403037115</v>
      </c>
      <c r="N5192" s="236">
        <f t="shared" si="1208"/>
        <v>4.8687551376408598</v>
      </c>
      <c r="O5192" s="236">
        <f t="shared" si="1212"/>
        <v>3.3319961060325625</v>
      </c>
      <c r="P5192" s="236" t="str">
        <f t="shared" si="1213"/>
        <v>CLAY</v>
      </c>
      <c r="Q5192" s="236">
        <f t="shared" si="1209"/>
        <v>221.48029688259007</v>
      </c>
      <c r="R5192" s="238">
        <v>35</v>
      </c>
      <c r="S5192" s="236">
        <f t="shared" si="1214"/>
        <v>2.0912698090715063</v>
      </c>
      <c r="T5192" s="236" t="e">
        <f t="shared" si="1200"/>
        <v>#N/A</v>
      </c>
    </row>
    <row r="5193" spans="1:20" x14ac:dyDescent="0.2">
      <c r="A5193" s="53">
        <f t="shared" si="1201"/>
        <v>5181</v>
      </c>
      <c r="B5193" s="239">
        <v>51.408000000000001</v>
      </c>
      <c r="C5193" s="3">
        <f t="shared" si="1202"/>
        <v>51.401000000000003</v>
      </c>
      <c r="D5193" s="239">
        <v>3.3921999999999999</v>
      </c>
      <c r="E5193" s="239">
        <v>0.1323</v>
      </c>
      <c r="F5193" s="239">
        <v>1.4703999999999999</v>
      </c>
      <c r="G5193">
        <f t="shared" si="1203"/>
        <v>3.68628</v>
      </c>
      <c r="H5193" s="235">
        <f t="shared" si="1204"/>
        <v>3.5889840164067843</v>
      </c>
      <c r="I5193" s="236">
        <f t="shared" si="1205"/>
        <v>19.482584121676886</v>
      </c>
      <c r="J5193" s="237">
        <f t="shared" si="1210"/>
        <v>9.4825841216768865</v>
      </c>
      <c r="K5193" s="237">
        <f t="shared" si="1206"/>
        <v>1001.4243064383137</v>
      </c>
      <c r="L5193" s="237">
        <f t="shared" si="1211"/>
        <v>487.48068452716541</v>
      </c>
      <c r="M5193" s="236">
        <f t="shared" si="1207"/>
        <v>5.5076145143389166</v>
      </c>
      <c r="N5193" s="236">
        <f t="shared" si="1208"/>
        <v>4.9276391396847457</v>
      </c>
      <c r="O5193" s="236">
        <f t="shared" si="1212"/>
        <v>3.3325407079342995</v>
      </c>
      <c r="P5193" s="236" t="str">
        <f t="shared" si="1213"/>
        <v>CLAY</v>
      </c>
      <c r="Q5193" s="236">
        <f t="shared" si="1209"/>
        <v>223.73797446347388</v>
      </c>
      <c r="R5193" s="238">
        <v>35</v>
      </c>
      <c r="S5193" s="236">
        <f t="shared" si="1214"/>
        <v>2.1093295090629103</v>
      </c>
      <c r="T5193" s="236" t="e">
        <f t="shared" si="1200"/>
        <v>#N/A</v>
      </c>
    </row>
    <row r="5194" spans="1:20" x14ac:dyDescent="0.2">
      <c r="A5194" s="53">
        <f t="shared" si="1201"/>
        <v>5182</v>
      </c>
      <c r="B5194" s="239">
        <v>51.417999999999999</v>
      </c>
      <c r="C5194" s="3">
        <f t="shared" si="1202"/>
        <v>51.411000000000001</v>
      </c>
      <c r="D5194" s="239">
        <v>3.2324999999999999</v>
      </c>
      <c r="E5194" s="239">
        <v>0.14080000000000001</v>
      </c>
      <c r="F5194" s="239">
        <v>1.5088999999999999</v>
      </c>
      <c r="G5194">
        <f t="shared" si="1203"/>
        <v>3.5342799999999999</v>
      </c>
      <c r="H5194" s="235">
        <f t="shared" si="1204"/>
        <v>3.9838382923820417</v>
      </c>
      <c r="I5194" s="236">
        <f t="shared" si="1205"/>
        <v>19.539141080152987</v>
      </c>
      <c r="J5194" s="237">
        <f t="shared" si="1210"/>
        <v>9.5391410801529872</v>
      </c>
      <c r="K5194" s="237">
        <f t="shared" si="1206"/>
        <v>1004.5267820717453</v>
      </c>
      <c r="L5194" s="237">
        <f t="shared" si="1211"/>
        <v>490.4835560593063</v>
      </c>
      <c r="M5194" s="236">
        <f t="shared" si="1207"/>
        <v>5.1576718254390812</v>
      </c>
      <c r="N5194" s="236">
        <f t="shared" si="1208"/>
        <v>5.5657602884801705</v>
      </c>
      <c r="O5194" s="236">
        <f t="shared" si="1212"/>
        <v>3.386347312273688</v>
      </c>
      <c r="P5194" s="236" t="str">
        <f t="shared" si="1213"/>
        <v>CLAY</v>
      </c>
      <c r="Q5194" s="236">
        <f t="shared" si="1209"/>
        <v>210.81276816068785</v>
      </c>
      <c r="R5194" s="238">
        <v>35</v>
      </c>
      <c r="S5194" s="236">
        <f t="shared" si="1214"/>
        <v>1.9431536386982282</v>
      </c>
      <c r="T5194" s="236" t="e">
        <f t="shared" si="1200"/>
        <v>#N/A</v>
      </c>
    </row>
    <row r="5195" spans="1:20" x14ac:dyDescent="0.2">
      <c r="A5195" s="53">
        <f t="shared" si="1201"/>
        <v>5183</v>
      </c>
      <c r="B5195" s="239">
        <v>51.427999999999997</v>
      </c>
      <c r="C5195" s="3">
        <f t="shared" si="1202"/>
        <v>51.420999999999999</v>
      </c>
      <c r="D5195" s="239">
        <v>3.1617000000000002</v>
      </c>
      <c r="E5195" s="239">
        <v>0.1429</v>
      </c>
      <c r="F5195" s="239">
        <v>1.5521</v>
      </c>
      <c r="G5195">
        <f t="shared" si="1203"/>
        <v>3.4721200000000003</v>
      </c>
      <c r="H5195" s="235">
        <f t="shared" si="1204"/>
        <v>4.1156411644758819</v>
      </c>
      <c r="I5195" s="236">
        <f t="shared" si="1205"/>
        <v>19.549565325898818</v>
      </c>
      <c r="J5195" s="237">
        <f t="shared" si="1210"/>
        <v>9.5495653258988185</v>
      </c>
      <c r="K5195" s="237">
        <f t="shared" si="1206"/>
        <v>1005.2581986230431</v>
      </c>
      <c r="L5195" s="237">
        <f t="shared" si="1211"/>
        <v>491.11504558032442</v>
      </c>
      <c r="M5195" s="236">
        <f t="shared" si="1207"/>
        <v>5.02298152658304</v>
      </c>
      <c r="N5195" s="236">
        <f t="shared" si="1208"/>
        <v>5.7927849837488194</v>
      </c>
      <c r="O5195" s="236">
        <f t="shared" si="1212"/>
        <v>3.4057915734568449</v>
      </c>
      <c r="P5195" s="236" t="str">
        <f t="shared" si="1213"/>
        <v>CLAY</v>
      </c>
      <c r="Q5195" s="236">
        <f t="shared" si="1209"/>
        <v>205.5718167814131</v>
      </c>
      <c r="R5195" s="238">
        <v>35</v>
      </c>
      <c r="S5195" s="236">
        <f t="shared" si="1214"/>
        <v>1.8799313263255841</v>
      </c>
      <c r="T5195" s="236" t="e">
        <f t="shared" si="1200"/>
        <v>#N/A</v>
      </c>
    </row>
    <row r="5196" spans="1:20" x14ac:dyDescent="0.2">
      <c r="A5196" s="53">
        <f t="shared" si="1201"/>
        <v>5184</v>
      </c>
      <c r="B5196" s="239">
        <v>51.438000000000002</v>
      </c>
      <c r="C5196" s="3">
        <f t="shared" si="1202"/>
        <v>51.431000000000004</v>
      </c>
      <c r="D5196" s="239">
        <v>3.3180000000000001</v>
      </c>
      <c r="E5196" s="239">
        <v>0.14069999999999999</v>
      </c>
      <c r="F5196" s="239">
        <v>1.5790999999999999</v>
      </c>
      <c r="G5196">
        <f t="shared" si="1203"/>
        <v>3.6338200000000001</v>
      </c>
      <c r="H5196" s="235">
        <f t="shared" si="1204"/>
        <v>3.8719584349252303</v>
      </c>
      <c r="I5196" s="236">
        <f t="shared" si="1205"/>
        <v>19.549164187248184</v>
      </c>
      <c r="J5196" s="237">
        <f t="shared" si="1210"/>
        <v>9.5491641872481843</v>
      </c>
      <c r="K5196" s="237">
        <f t="shared" si="1206"/>
        <v>1005.4330633143614</v>
      </c>
      <c r="L5196" s="237">
        <f t="shared" si="1211"/>
        <v>491.18990746367211</v>
      </c>
      <c r="M5196" s="236">
        <f t="shared" si="1207"/>
        <v>5.3510605506079774</v>
      </c>
      <c r="N5196" s="236">
        <f t="shared" si="1208"/>
        <v>5.3530931095488103</v>
      </c>
      <c r="O5196" s="236">
        <f t="shared" si="1212"/>
        <v>3.3635119486196023</v>
      </c>
      <c r="P5196" s="236" t="str">
        <f t="shared" si="1213"/>
        <v>CLAY</v>
      </c>
      <c r="Q5196" s="236">
        <f t="shared" si="1209"/>
        <v>219.03224472380325</v>
      </c>
      <c r="R5196" s="238">
        <v>35</v>
      </c>
      <c r="S5196" s="236">
        <f t="shared" si="1214"/>
        <v>2.0346505976285183</v>
      </c>
      <c r="T5196" s="236" t="e">
        <f t="shared" si="1200"/>
        <v>#N/A</v>
      </c>
    </row>
    <row r="5197" spans="1:20" x14ac:dyDescent="0.2">
      <c r="A5197" s="53">
        <f t="shared" si="1201"/>
        <v>5185</v>
      </c>
      <c r="B5197" s="239">
        <v>51.448</v>
      </c>
      <c r="C5197" s="3">
        <f t="shared" si="1202"/>
        <v>51.441000000000003</v>
      </c>
      <c r="D5197" s="239">
        <v>3.5453000000000001</v>
      </c>
      <c r="E5197" s="239">
        <v>0.1444</v>
      </c>
      <c r="F5197" s="239">
        <v>1.6776</v>
      </c>
      <c r="G5197">
        <f t="shared" si="1203"/>
        <v>3.8808199999999999</v>
      </c>
      <c r="H5197" s="235">
        <f t="shared" si="1204"/>
        <v>3.7208631165578412</v>
      </c>
      <c r="I5197" s="236">
        <f t="shared" si="1205"/>
        <v>19.605305625917161</v>
      </c>
      <c r="J5197" s="237">
        <f t="shared" si="1210"/>
        <v>9.6053056259171612</v>
      </c>
      <c r="K5197" s="237">
        <f t="shared" si="1206"/>
        <v>1008.5165267028048</v>
      </c>
      <c r="L5197" s="237">
        <f t="shared" si="1211"/>
        <v>494.17376384218613</v>
      </c>
      <c r="M5197" s="236">
        <f t="shared" si="1207"/>
        <v>5.8123350194982466</v>
      </c>
      <c r="N5197" s="236">
        <f t="shared" si="1208"/>
        <v>5.0273239350380807</v>
      </c>
      <c r="O5197" s="236">
        <f t="shared" si="1212"/>
        <v>3.318444489979516</v>
      </c>
      <c r="P5197" s="236" t="str">
        <f t="shared" si="1213"/>
        <v>CLAY</v>
      </c>
      <c r="Q5197" s="236">
        <f t="shared" si="1209"/>
        <v>239.35862277476625</v>
      </c>
      <c r="R5197" s="238">
        <v>35</v>
      </c>
      <c r="S5197" s="236">
        <f t="shared" si="1214"/>
        <v>2.256203700513844</v>
      </c>
      <c r="T5197" s="236" t="e">
        <f t="shared" ref="T5197:T5260" si="1215">IF(P5197="SAND",17.6+(11*LOG(M5197)),#N/A)</f>
        <v>#N/A</v>
      </c>
    </row>
    <row r="5198" spans="1:20" x14ac:dyDescent="0.2">
      <c r="A5198" s="53">
        <f t="shared" ref="A5198:A5261" si="1216">$A5197+1</f>
        <v>5186</v>
      </c>
      <c r="B5198" s="239">
        <v>51.457999999999998</v>
      </c>
      <c r="C5198" s="3">
        <f t="shared" ref="C5198:C5261" si="1217">MAX($B5198 - $B$13, 0.001)</f>
        <v>51.451000000000001</v>
      </c>
      <c r="D5198" s="239">
        <v>3.8256999999999999</v>
      </c>
      <c r="E5198" s="239">
        <v>0.14910000000000001</v>
      </c>
      <c r="F5198" s="239">
        <v>1.7706</v>
      </c>
      <c r="G5198">
        <f t="shared" si="1203"/>
        <v>4.1798199999999994</v>
      </c>
      <c r="H5198" s="235">
        <f t="shared" si="1204"/>
        <v>3.5671392548004466</v>
      </c>
      <c r="I5198" s="236">
        <f t="shared" si="1205"/>
        <v>19.671874513432066</v>
      </c>
      <c r="J5198" s="237">
        <f t="shared" si="1210"/>
        <v>9.6718745134320656</v>
      </c>
      <c r="K5198" s="237">
        <f t="shared" si="1206"/>
        <v>1012.1376155905932</v>
      </c>
      <c r="L5198" s="237">
        <f t="shared" si="1211"/>
        <v>497.6953187121872</v>
      </c>
      <c r="M5198" s="236">
        <f t="shared" si="1207"/>
        <v>6.3647019879671589</v>
      </c>
      <c r="N5198" s="236">
        <f t="shared" si="1208"/>
        <v>4.7069112968470401</v>
      </c>
      <c r="O5198" s="236">
        <f t="shared" si="1212"/>
        <v>3.2697383655414134</v>
      </c>
      <c r="P5198" s="236" t="str">
        <f t="shared" si="1213"/>
        <v>CLAY</v>
      </c>
      <c r="Q5198" s="236">
        <f t="shared" si="1209"/>
        <v>263.97353203411723</v>
      </c>
      <c r="R5198" s="238">
        <v>35</v>
      </c>
      <c r="S5198" s="236">
        <f t="shared" si="1214"/>
        <v>2.5273337719747087</v>
      </c>
      <c r="T5198" s="236" t="e">
        <f t="shared" si="1215"/>
        <v>#N/A</v>
      </c>
    </row>
    <row r="5199" spans="1:20" x14ac:dyDescent="0.2">
      <c r="A5199" s="53">
        <f t="shared" si="1216"/>
        <v>5187</v>
      </c>
      <c r="B5199" s="239">
        <v>51.466999999999999</v>
      </c>
      <c r="C5199" s="3">
        <f t="shared" si="1217"/>
        <v>51.46</v>
      </c>
      <c r="D5199" s="239">
        <v>4.0778999999999996</v>
      </c>
      <c r="E5199" s="239">
        <v>0.14810000000000001</v>
      </c>
      <c r="F5199" s="239">
        <v>1.7151000000000001</v>
      </c>
      <c r="G5199">
        <f t="shared" ref="G5199:G5262" si="1218">$D5199+($F5199*(1-$P$8))</f>
        <v>4.4209199999999997</v>
      </c>
      <c r="H5199" s="235">
        <f t="shared" ref="H5199:H5262" si="1219">($E5199/$G5199)*100</f>
        <v>3.3499814518245072</v>
      </c>
      <c r="I5199" s="236">
        <f t="shared" ref="I5199:I5262" si="1220">((0.27*(LOG($H5199)))+(0.36*(LOG(($G5199*1000)/101)))+1.236)*10</f>
        <v>19.685903102860994</v>
      </c>
      <c r="J5199" s="237">
        <f t="shared" si="1210"/>
        <v>9.6859031028609941</v>
      </c>
      <c r="K5199" s="237">
        <f t="shared" ref="K5199:K5262" si="1221">$I5199*$C5199</f>
        <v>1013.0365736732268</v>
      </c>
      <c r="L5199" s="237">
        <f t="shared" si="1211"/>
        <v>498.50437499494677</v>
      </c>
      <c r="M5199" s="236">
        <f t="shared" ref="M5199:M5262" si="1222">(($G5199*1000)-$K5199)/$L5199</f>
        <v>6.8362156828840632</v>
      </c>
      <c r="N5199" s="236">
        <f t="shared" ref="N5199:N5262" si="1223">(($E5199*1000)/(($G5199*1000)-$K5199))*100</f>
        <v>4.3458059291550155</v>
      </c>
      <c r="O5199" s="236">
        <f t="shared" si="1212"/>
        <v>3.2243792181731497</v>
      </c>
      <c r="P5199" s="236" t="str">
        <f t="shared" si="1213"/>
        <v>CLAY</v>
      </c>
      <c r="Q5199" s="236">
        <f t="shared" ref="Q5199:Q5262" si="1224">IF(P5199="CLAY",($G5199*1000 -$K5199)/$L$8,#N/A)</f>
        <v>283.99028552723109</v>
      </c>
      <c r="R5199" s="238">
        <v>35</v>
      </c>
      <c r="S5199" s="236">
        <f t="shared" si="1214"/>
        <v>2.7635014959625845</v>
      </c>
      <c r="T5199" s="236" t="e">
        <f t="shared" si="1215"/>
        <v>#N/A</v>
      </c>
    </row>
    <row r="5200" spans="1:20" x14ac:dyDescent="0.2">
      <c r="A5200" s="53">
        <f t="shared" si="1216"/>
        <v>5188</v>
      </c>
      <c r="B5200" s="239">
        <v>51.476999999999997</v>
      </c>
      <c r="C5200" s="3">
        <f t="shared" si="1217"/>
        <v>51.47</v>
      </c>
      <c r="D5200" s="239">
        <v>4.2941000000000003</v>
      </c>
      <c r="E5200" s="239">
        <v>0.14149999999999999</v>
      </c>
      <c r="F5200" s="239">
        <v>1.5701000000000001</v>
      </c>
      <c r="G5200">
        <f t="shared" si="1218"/>
        <v>4.6081200000000004</v>
      </c>
      <c r="H5200" s="235">
        <f t="shared" si="1219"/>
        <v>3.0706665625027121</v>
      </c>
      <c r="I5200" s="236">
        <f t="shared" si="1220"/>
        <v>19.648656844023346</v>
      </c>
      <c r="J5200" s="237">
        <f t="shared" ref="J5200:J5263" si="1225">$I5200-10</f>
        <v>9.6486568440233462</v>
      </c>
      <c r="K5200" s="237">
        <f t="shared" si="1221"/>
        <v>1011.3163677618816</v>
      </c>
      <c r="L5200" s="237">
        <f t="shared" ref="L5200:L5263" si="1226">$J5200*$B5200</f>
        <v>496.68390835978977</v>
      </c>
      <c r="M5200" s="236">
        <f t="shared" si="1222"/>
        <v>7.2416351158142476</v>
      </c>
      <c r="N5200" s="236">
        <f t="shared" si="1223"/>
        <v>3.9340485182937632</v>
      </c>
      <c r="O5200" s="236">
        <f t="shared" ref="O5200:O5263" si="1227">((3.47-LOG($M5200))^2+(LOG($N5200)+1.22)^2)^0.5</f>
        <v>3.1790872832238053</v>
      </c>
      <c r="P5200" s="236" t="str">
        <f t="shared" ref="P5200:P5263" si="1228">IF(O5200&lt;2.6,"SAND","CLAY")</f>
        <v>CLAY</v>
      </c>
      <c r="Q5200" s="236">
        <f t="shared" si="1224"/>
        <v>299.73363601984329</v>
      </c>
      <c r="R5200" s="238">
        <v>35</v>
      </c>
      <c r="S5200" s="236">
        <f t="shared" ref="S5200:S5263" si="1229">IF(P5200="SAND",#N/A,0.25*($M5200)^1.25)</f>
        <v>2.9698588335996168</v>
      </c>
      <c r="T5200" s="236" t="e">
        <f t="shared" si="1215"/>
        <v>#N/A</v>
      </c>
    </row>
    <row r="5201" spans="1:20" x14ac:dyDescent="0.2">
      <c r="A5201" s="53">
        <f t="shared" si="1216"/>
        <v>5189</v>
      </c>
      <c r="B5201" s="239">
        <v>51.487000000000002</v>
      </c>
      <c r="C5201" s="3">
        <f t="shared" si="1217"/>
        <v>51.480000000000004</v>
      </c>
      <c r="D5201" s="239">
        <v>4.4081000000000001</v>
      </c>
      <c r="E5201" s="239">
        <v>0.126</v>
      </c>
      <c r="F5201" s="239">
        <v>1.3293999999999999</v>
      </c>
      <c r="G5201">
        <f t="shared" si="1218"/>
        <v>4.6739800000000002</v>
      </c>
      <c r="H5201" s="235">
        <f t="shared" si="1219"/>
        <v>2.6957753349393876</v>
      </c>
      <c r="I5201" s="236">
        <f t="shared" si="1220"/>
        <v>19.51816169093928</v>
      </c>
      <c r="J5201" s="237">
        <f t="shared" si="1225"/>
        <v>9.5181616909392801</v>
      </c>
      <c r="K5201" s="237">
        <f t="shared" si="1221"/>
        <v>1004.7949638495542</v>
      </c>
      <c r="L5201" s="237">
        <f t="shared" si="1226"/>
        <v>490.06159098139074</v>
      </c>
      <c r="M5201" s="236">
        <f t="shared" si="1222"/>
        <v>7.4871916176956157</v>
      </c>
      <c r="N5201" s="236">
        <f t="shared" si="1223"/>
        <v>3.4340050653916836</v>
      </c>
      <c r="O5201" s="236">
        <f t="shared" si="1227"/>
        <v>3.1337512719231806</v>
      </c>
      <c r="P5201" s="236" t="str">
        <f t="shared" si="1228"/>
        <v>CLAY</v>
      </c>
      <c r="Q5201" s="236">
        <f t="shared" si="1224"/>
        <v>305.76541967920383</v>
      </c>
      <c r="R5201" s="238">
        <v>35</v>
      </c>
      <c r="S5201" s="236">
        <f t="shared" si="1229"/>
        <v>3.0962690650475437</v>
      </c>
      <c r="T5201" s="236" t="e">
        <f t="shared" si="1215"/>
        <v>#N/A</v>
      </c>
    </row>
    <row r="5202" spans="1:20" x14ac:dyDescent="0.2">
      <c r="A5202" s="53">
        <f t="shared" si="1216"/>
        <v>5190</v>
      </c>
      <c r="B5202" s="239">
        <v>51.497</v>
      </c>
      <c r="C5202" s="3">
        <f t="shared" si="1217"/>
        <v>51.49</v>
      </c>
      <c r="D5202" s="239">
        <v>4.2815000000000003</v>
      </c>
      <c r="E5202" s="239">
        <v>0.1145</v>
      </c>
      <c r="F5202" s="239">
        <v>1.1281000000000001</v>
      </c>
      <c r="G5202">
        <f t="shared" si="1218"/>
        <v>4.5071200000000005</v>
      </c>
      <c r="H5202" s="235">
        <f t="shared" si="1219"/>
        <v>2.5404249276699975</v>
      </c>
      <c r="I5202" s="236">
        <f t="shared" si="1220"/>
        <v>19.391727077411861</v>
      </c>
      <c r="J5202" s="237">
        <f t="shared" si="1225"/>
        <v>9.3917270774118613</v>
      </c>
      <c r="K5202" s="237">
        <f t="shared" si="1221"/>
        <v>998.48002721593673</v>
      </c>
      <c r="L5202" s="237">
        <f t="shared" si="1226"/>
        <v>483.64576930547861</v>
      </c>
      <c r="M5202" s="236">
        <f t="shared" si="1222"/>
        <v>7.2545656252147417</v>
      </c>
      <c r="N5202" s="236">
        <f t="shared" si="1223"/>
        <v>3.2633727281270648</v>
      </c>
      <c r="O5202" s="236">
        <f t="shared" si="1227"/>
        <v>3.1328116686160907</v>
      </c>
      <c r="P5202" s="236" t="str">
        <f t="shared" si="1228"/>
        <v>CLAY</v>
      </c>
      <c r="Q5202" s="236">
        <f t="shared" si="1224"/>
        <v>292.386664398672</v>
      </c>
      <c r="R5202" s="238">
        <v>35</v>
      </c>
      <c r="S5202" s="236">
        <f t="shared" si="1229"/>
        <v>2.9764889582719629</v>
      </c>
      <c r="T5202" s="236" t="e">
        <f t="shared" si="1215"/>
        <v>#N/A</v>
      </c>
    </row>
    <row r="5203" spans="1:20" x14ac:dyDescent="0.2">
      <c r="A5203" s="53">
        <f t="shared" si="1216"/>
        <v>5191</v>
      </c>
      <c r="B5203" s="239">
        <v>51.508000000000003</v>
      </c>
      <c r="C5203" s="3">
        <f t="shared" si="1217"/>
        <v>51.501000000000005</v>
      </c>
      <c r="D5203" s="239">
        <v>4.1234999999999999</v>
      </c>
      <c r="E5203" s="239">
        <v>0.1074</v>
      </c>
      <c r="F5203" s="239">
        <v>1.024</v>
      </c>
      <c r="G5203">
        <f t="shared" si="1218"/>
        <v>4.3282999999999996</v>
      </c>
      <c r="H5203" s="235">
        <f t="shared" si="1219"/>
        <v>2.4813437146223691</v>
      </c>
      <c r="I5203" s="236">
        <f t="shared" si="1220"/>
        <v>19.300840233246209</v>
      </c>
      <c r="J5203" s="237">
        <f t="shared" si="1225"/>
        <v>9.300840233246209</v>
      </c>
      <c r="K5203" s="237">
        <f t="shared" si="1221"/>
        <v>994.01257285241309</v>
      </c>
      <c r="L5203" s="237">
        <f t="shared" si="1226"/>
        <v>479.06767873404578</v>
      </c>
      <c r="M5203" s="236">
        <f t="shared" si="1222"/>
        <v>6.9599507024948233</v>
      </c>
      <c r="N5203" s="236">
        <f t="shared" si="1223"/>
        <v>3.2210780368109559</v>
      </c>
      <c r="O5203" s="236">
        <f t="shared" si="1227"/>
        <v>3.1447077257192571</v>
      </c>
      <c r="P5203" s="236" t="str">
        <f t="shared" si="1228"/>
        <v>CLAY</v>
      </c>
      <c r="Q5203" s="236">
        <f t="shared" si="1224"/>
        <v>277.85728559563216</v>
      </c>
      <c r="R5203" s="238">
        <v>35</v>
      </c>
      <c r="S5203" s="236">
        <f t="shared" si="1229"/>
        <v>2.826166297473593</v>
      </c>
      <c r="T5203" s="236" t="e">
        <f t="shared" si="1215"/>
        <v>#N/A</v>
      </c>
    </row>
    <row r="5204" spans="1:20" x14ac:dyDescent="0.2">
      <c r="A5204" s="53">
        <f t="shared" si="1216"/>
        <v>5192</v>
      </c>
      <c r="B5204" s="239">
        <v>51.517000000000003</v>
      </c>
      <c r="C5204" s="3">
        <f t="shared" si="1217"/>
        <v>51.510000000000005</v>
      </c>
      <c r="D5204" s="239">
        <v>3.9441000000000002</v>
      </c>
      <c r="E5204" s="239">
        <v>0.1085</v>
      </c>
      <c r="F5204" s="239">
        <v>0.99039999999999995</v>
      </c>
      <c r="G5204">
        <f t="shared" si="1218"/>
        <v>4.1421799999999998</v>
      </c>
      <c r="H5204" s="235">
        <f t="shared" si="1219"/>
        <v>2.6193936526177035</v>
      </c>
      <c r="I5204" s="236">
        <f t="shared" si="1220"/>
        <v>19.295609418139527</v>
      </c>
      <c r="J5204" s="237">
        <f t="shared" si="1225"/>
        <v>9.2956094181395272</v>
      </c>
      <c r="K5204" s="237">
        <f t="shared" si="1221"/>
        <v>993.9168411283672</v>
      </c>
      <c r="L5204" s="237">
        <f t="shared" si="1226"/>
        <v>478.88191039429404</v>
      </c>
      <c r="M5204" s="236">
        <f t="shared" si="1222"/>
        <v>6.5741952045744769</v>
      </c>
      <c r="N5204" s="236">
        <f t="shared" si="1223"/>
        <v>3.4463446835520397</v>
      </c>
      <c r="O5204" s="236">
        <f t="shared" si="1227"/>
        <v>3.1815481354895487</v>
      </c>
      <c r="P5204" s="236" t="str">
        <f t="shared" si="1228"/>
        <v>CLAY</v>
      </c>
      <c r="Q5204" s="236">
        <f t="shared" si="1224"/>
        <v>262.3552632393027</v>
      </c>
      <c r="R5204" s="238">
        <v>35</v>
      </c>
      <c r="S5204" s="236">
        <f t="shared" si="1229"/>
        <v>2.6317416442419264</v>
      </c>
      <c r="T5204" s="236" t="e">
        <f t="shared" si="1215"/>
        <v>#N/A</v>
      </c>
    </row>
    <row r="5205" spans="1:20" x14ac:dyDescent="0.2">
      <c r="A5205" s="53">
        <f t="shared" si="1216"/>
        <v>5193</v>
      </c>
      <c r="B5205" s="239">
        <v>51.527000000000001</v>
      </c>
      <c r="C5205" s="3">
        <f t="shared" si="1217"/>
        <v>51.52</v>
      </c>
      <c r="D5205" s="239">
        <v>3.9304000000000001</v>
      </c>
      <c r="E5205" s="239">
        <v>0.11749999999999999</v>
      </c>
      <c r="F5205" s="239">
        <v>1.109</v>
      </c>
      <c r="G5205">
        <f t="shared" si="1218"/>
        <v>4.1521999999999997</v>
      </c>
      <c r="H5205" s="235">
        <f t="shared" si="1219"/>
        <v>2.8298251529309764</v>
      </c>
      <c r="I5205" s="236">
        <f t="shared" si="1220"/>
        <v>19.389995731921797</v>
      </c>
      <c r="J5205" s="237">
        <f t="shared" si="1225"/>
        <v>9.3899957319217968</v>
      </c>
      <c r="K5205" s="237">
        <f t="shared" si="1221"/>
        <v>998.97258010861106</v>
      </c>
      <c r="L5205" s="237">
        <f t="shared" si="1226"/>
        <v>483.83831007873442</v>
      </c>
      <c r="M5205" s="236">
        <f t="shared" si="1222"/>
        <v>6.5171098571716408</v>
      </c>
      <c r="N5205" s="236">
        <f t="shared" si="1223"/>
        <v>3.7263408043066946</v>
      </c>
      <c r="O5205" s="236">
        <f t="shared" si="1227"/>
        <v>3.2035506666924989</v>
      </c>
      <c r="P5205" s="236" t="str">
        <f t="shared" si="1228"/>
        <v>CLAY</v>
      </c>
      <c r="Q5205" s="236">
        <f t="shared" si="1224"/>
        <v>262.76895165761573</v>
      </c>
      <c r="R5205" s="238">
        <v>35</v>
      </c>
      <c r="S5205" s="236">
        <f t="shared" si="1229"/>
        <v>2.6032076447697476</v>
      </c>
      <c r="T5205" s="236" t="e">
        <f t="shared" si="1215"/>
        <v>#N/A</v>
      </c>
    </row>
    <row r="5206" spans="1:20" x14ac:dyDescent="0.2">
      <c r="A5206" s="53">
        <f t="shared" si="1216"/>
        <v>5194</v>
      </c>
      <c r="B5206" s="239">
        <v>51.536000000000001</v>
      </c>
      <c r="C5206" s="3">
        <f t="shared" si="1217"/>
        <v>51.529000000000003</v>
      </c>
      <c r="D5206" s="239">
        <v>4.0136000000000003</v>
      </c>
      <c r="E5206" s="239">
        <v>0.13150000000000001</v>
      </c>
      <c r="F5206" s="239">
        <v>1.3049999999999999</v>
      </c>
      <c r="G5206">
        <f t="shared" si="1218"/>
        <v>4.2746000000000004</v>
      </c>
      <c r="H5206" s="235">
        <f t="shared" si="1219"/>
        <v>3.0763112337996534</v>
      </c>
      <c r="I5206" s="236">
        <f t="shared" si="1220"/>
        <v>19.533348520291874</v>
      </c>
      <c r="J5206" s="237">
        <f t="shared" si="1225"/>
        <v>9.5333485202918737</v>
      </c>
      <c r="K5206" s="237">
        <f t="shared" si="1221"/>
        <v>1006.53391590212</v>
      </c>
      <c r="L5206" s="237">
        <f t="shared" si="1226"/>
        <v>491.31064934176203</v>
      </c>
      <c r="M5206" s="236">
        <f t="shared" si="1222"/>
        <v>6.6517306076640148</v>
      </c>
      <c r="N5206" s="236">
        <f t="shared" si="1223"/>
        <v>4.0237864417695635</v>
      </c>
      <c r="O5206" s="236">
        <f t="shared" si="1227"/>
        <v>3.2150035082022699</v>
      </c>
      <c r="P5206" s="236" t="str">
        <f t="shared" si="1228"/>
        <v>CLAY</v>
      </c>
      <c r="Q5206" s="236">
        <f t="shared" si="1224"/>
        <v>272.33884034149003</v>
      </c>
      <c r="R5206" s="238">
        <v>35</v>
      </c>
      <c r="S5206" s="236">
        <f t="shared" si="1229"/>
        <v>2.6705967974672888</v>
      </c>
      <c r="T5206" s="236" t="e">
        <f t="shared" si="1215"/>
        <v>#N/A</v>
      </c>
    </row>
    <row r="5207" spans="1:20" x14ac:dyDescent="0.2">
      <c r="A5207" s="53">
        <f t="shared" si="1216"/>
        <v>5195</v>
      </c>
      <c r="B5207" s="239">
        <v>51.545999999999999</v>
      </c>
      <c r="C5207" s="3">
        <f t="shared" si="1217"/>
        <v>51.539000000000001</v>
      </c>
      <c r="D5207" s="239">
        <v>4.1879</v>
      </c>
      <c r="E5207" s="239">
        <v>0.1328</v>
      </c>
      <c r="F5207" s="239">
        <v>1.5452999999999999</v>
      </c>
      <c r="G5207">
        <f t="shared" si="1218"/>
        <v>4.4969599999999996</v>
      </c>
      <c r="H5207" s="235">
        <f t="shared" si="1219"/>
        <v>2.9531060983419914</v>
      </c>
      <c r="I5207" s="236">
        <f t="shared" si="1220"/>
        <v>19.56470497909093</v>
      </c>
      <c r="J5207" s="237">
        <f t="shared" si="1225"/>
        <v>9.56470497909093</v>
      </c>
      <c r="K5207" s="237">
        <f t="shared" si="1221"/>
        <v>1008.3453299173675</v>
      </c>
      <c r="L5207" s="237">
        <f t="shared" si="1226"/>
        <v>493.02228285222105</v>
      </c>
      <c r="M5207" s="236">
        <f t="shared" si="1222"/>
        <v>7.0759776817801825</v>
      </c>
      <c r="N5207" s="236">
        <f t="shared" si="1223"/>
        <v>3.8066686223289445</v>
      </c>
      <c r="O5207" s="236">
        <f t="shared" si="1227"/>
        <v>3.1792265697417053</v>
      </c>
      <c r="P5207" s="236" t="str">
        <f t="shared" si="1228"/>
        <v>CLAY</v>
      </c>
      <c r="Q5207" s="236">
        <f t="shared" si="1224"/>
        <v>290.71788917355269</v>
      </c>
      <c r="R5207" s="238">
        <v>35</v>
      </c>
      <c r="S5207" s="236">
        <f t="shared" si="1229"/>
        <v>2.8851810875970871</v>
      </c>
      <c r="T5207" s="236" t="e">
        <f t="shared" si="1215"/>
        <v>#N/A</v>
      </c>
    </row>
    <row r="5208" spans="1:20" x14ac:dyDescent="0.2">
      <c r="A5208" s="53">
        <f t="shared" si="1216"/>
        <v>5196</v>
      </c>
      <c r="B5208" s="239">
        <v>51.555999999999997</v>
      </c>
      <c r="C5208" s="3">
        <f t="shared" si="1217"/>
        <v>51.548999999999999</v>
      </c>
      <c r="D5208" s="239">
        <v>4.6798999999999999</v>
      </c>
      <c r="E5208" s="239">
        <v>0.13020000000000001</v>
      </c>
      <c r="F5208" s="239">
        <v>1.5733999999999999</v>
      </c>
      <c r="G5208">
        <f t="shared" si="1218"/>
        <v>4.99458</v>
      </c>
      <c r="H5208" s="235">
        <f t="shared" si="1219"/>
        <v>2.6068257991662964</v>
      </c>
      <c r="I5208" s="236">
        <f t="shared" si="1220"/>
        <v>19.582541788204985</v>
      </c>
      <c r="J5208" s="237">
        <f t="shared" si="1225"/>
        <v>9.5825417882049848</v>
      </c>
      <c r="K5208" s="237">
        <f t="shared" si="1221"/>
        <v>1009.4604466401787</v>
      </c>
      <c r="L5208" s="237">
        <f t="shared" si="1226"/>
        <v>494.03752443269616</v>
      </c>
      <c r="M5208" s="236">
        <f t="shared" si="1222"/>
        <v>8.0664309010452975</v>
      </c>
      <c r="N5208" s="236">
        <f t="shared" si="1223"/>
        <v>3.2671541783540592</v>
      </c>
      <c r="O5208" s="236">
        <f t="shared" si="1227"/>
        <v>3.0948257555574235</v>
      </c>
      <c r="P5208" s="236" t="str">
        <f t="shared" si="1228"/>
        <v>CLAY</v>
      </c>
      <c r="Q5208" s="236">
        <f t="shared" si="1224"/>
        <v>332.09329611331844</v>
      </c>
      <c r="R5208" s="238">
        <v>35</v>
      </c>
      <c r="S5208" s="236">
        <f t="shared" si="1229"/>
        <v>3.3985352672021492</v>
      </c>
      <c r="T5208" s="236" t="e">
        <f t="shared" si="1215"/>
        <v>#N/A</v>
      </c>
    </row>
    <row r="5209" spans="1:20" x14ac:dyDescent="0.2">
      <c r="A5209" s="53">
        <f t="shared" si="1216"/>
        <v>5197</v>
      </c>
      <c r="B5209" s="239">
        <v>51.566000000000003</v>
      </c>
      <c r="C5209" s="3">
        <f t="shared" si="1217"/>
        <v>51.559000000000005</v>
      </c>
      <c r="D5209" s="239">
        <v>5.2012999999999998</v>
      </c>
      <c r="E5209" s="239">
        <v>0.1288</v>
      </c>
      <c r="F5209" s="239">
        <v>1.5414000000000001</v>
      </c>
      <c r="G5209">
        <f t="shared" si="1218"/>
        <v>5.5095799999999997</v>
      </c>
      <c r="H5209" s="235">
        <f t="shared" si="1219"/>
        <v>2.3377462528904198</v>
      </c>
      <c r="I5209" s="236">
        <f t="shared" si="1220"/>
        <v>19.608222528672833</v>
      </c>
      <c r="J5209" s="237">
        <f t="shared" si="1225"/>
        <v>9.6082225286728331</v>
      </c>
      <c r="K5209" s="237">
        <f t="shared" si="1221"/>
        <v>1010.9803453558427</v>
      </c>
      <c r="L5209" s="237">
        <f t="shared" si="1226"/>
        <v>495.45760291354333</v>
      </c>
      <c r="M5209" s="236">
        <f t="shared" si="1222"/>
        <v>9.0796863913079502</v>
      </c>
      <c r="N5209" s="236">
        <f t="shared" si="1223"/>
        <v>2.8631131882792134</v>
      </c>
      <c r="O5209" s="236">
        <f t="shared" si="1227"/>
        <v>3.020194608984383</v>
      </c>
      <c r="P5209" s="236" t="str">
        <f t="shared" si="1228"/>
        <v>CLAY</v>
      </c>
      <c r="Q5209" s="236">
        <f t="shared" si="1224"/>
        <v>374.88330455367981</v>
      </c>
      <c r="R5209" s="238">
        <v>35</v>
      </c>
      <c r="S5209" s="236">
        <f t="shared" si="1229"/>
        <v>3.9402934723275611</v>
      </c>
      <c r="T5209" s="236" t="e">
        <f t="shared" si="1215"/>
        <v>#N/A</v>
      </c>
    </row>
    <row r="5210" spans="1:20" x14ac:dyDescent="0.2">
      <c r="A5210" s="53">
        <f t="shared" si="1216"/>
        <v>5198</v>
      </c>
      <c r="B5210" s="239">
        <v>51.575000000000003</v>
      </c>
      <c r="C5210" s="3">
        <f t="shared" si="1217"/>
        <v>51.568000000000005</v>
      </c>
      <c r="D5210" s="239">
        <v>5.5891999999999999</v>
      </c>
      <c r="E5210" s="239">
        <v>0.12470000000000001</v>
      </c>
      <c r="F5210" s="239">
        <v>1.4883</v>
      </c>
      <c r="G5210">
        <f t="shared" si="1218"/>
        <v>5.8868599999999995</v>
      </c>
      <c r="H5210" s="235">
        <f t="shared" si="1219"/>
        <v>2.1182769761808506</v>
      </c>
      <c r="I5210" s="236">
        <f t="shared" si="1220"/>
        <v>19.596177815650417</v>
      </c>
      <c r="J5210" s="237">
        <f t="shared" si="1225"/>
        <v>9.5961778156504174</v>
      </c>
      <c r="K5210" s="237">
        <f t="shared" si="1221"/>
        <v>1010.5356975974609</v>
      </c>
      <c r="L5210" s="237">
        <f t="shared" si="1226"/>
        <v>494.92287084217031</v>
      </c>
      <c r="M5210" s="236">
        <f t="shared" si="1222"/>
        <v>9.8526954191971186</v>
      </c>
      <c r="N5210" s="236">
        <f t="shared" si="1223"/>
        <v>2.5572540353511966</v>
      </c>
      <c r="O5210" s="236">
        <f t="shared" si="1227"/>
        <v>2.9635160424338762</v>
      </c>
      <c r="P5210" s="236" t="str">
        <f t="shared" si="1228"/>
        <v>CLAY</v>
      </c>
      <c r="Q5210" s="236">
        <f t="shared" si="1224"/>
        <v>406.36035853354491</v>
      </c>
      <c r="R5210" s="238">
        <v>35</v>
      </c>
      <c r="S5210" s="236">
        <f t="shared" si="1229"/>
        <v>4.3639908415883752</v>
      </c>
      <c r="T5210" s="236" t="e">
        <f t="shared" si="1215"/>
        <v>#N/A</v>
      </c>
    </row>
    <row r="5211" spans="1:20" x14ac:dyDescent="0.2">
      <c r="A5211" s="53">
        <f t="shared" si="1216"/>
        <v>5199</v>
      </c>
      <c r="B5211" s="239">
        <v>51.585000000000001</v>
      </c>
      <c r="C5211" s="3">
        <f t="shared" si="1217"/>
        <v>51.578000000000003</v>
      </c>
      <c r="D5211" s="239">
        <v>5.7826000000000004</v>
      </c>
      <c r="E5211" s="239">
        <v>0.11890000000000001</v>
      </c>
      <c r="F5211" s="239">
        <v>1.2062999999999999</v>
      </c>
      <c r="G5211">
        <f t="shared" si="1218"/>
        <v>6.02386</v>
      </c>
      <c r="H5211" s="235">
        <f t="shared" si="1219"/>
        <v>1.9738174525968402</v>
      </c>
      <c r="I5211" s="236">
        <f t="shared" si="1220"/>
        <v>19.549321444772051</v>
      </c>
      <c r="J5211" s="237">
        <f t="shared" si="1225"/>
        <v>9.5493214447720511</v>
      </c>
      <c r="K5211" s="237">
        <f t="shared" si="1221"/>
        <v>1008.314901478453</v>
      </c>
      <c r="L5211" s="237">
        <f t="shared" si="1226"/>
        <v>492.60174672856624</v>
      </c>
      <c r="M5211" s="236">
        <f t="shared" si="1222"/>
        <v>10.181744445346467</v>
      </c>
      <c r="N5211" s="236">
        <f t="shared" si="1223"/>
        <v>2.3706296656578498</v>
      </c>
      <c r="O5211" s="236">
        <f t="shared" si="1227"/>
        <v>2.9335831035140445</v>
      </c>
      <c r="P5211" s="236" t="str">
        <f t="shared" si="1228"/>
        <v>CLAY</v>
      </c>
      <c r="Q5211" s="236">
        <f t="shared" si="1224"/>
        <v>417.96209154346224</v>
      </c>
      <c r="R5211" s="238">
        <v>35</v>
      </c>
      <c r="S5211" s="236">
        <f t="shared" si="1229"/>
        <v>4.5469245643349323</v>
      </c>
      <c r="T5211" s="236" t="e">
        <f t="shared" si="1215"/>
        <v>#N/A</v>
      </c>
    </row>
    <row r="5212" spans="1:20" x14ac:dyDescent="0.2">
      <c r="A5212" s="53">
        <f t="shared" si="1216"/>
        <v>5200</v>
      </c>
      <c r="B5212" s="239">
        <v>51.594999999999999</v>
      </c>
      <c r="C5212" s="3">
        <f t="shared" si="1217"/>
        <v>51.588000000000001</v>
      </c>
      <c r="D5212" s="239">
        <v>5.6974999999999998</v>
      </c>
      <c r="E5212" s="239">
        <v>0.107</v>
      </c>
      <c r="F5212" s="239">
        <v>0.92959999999999998</v>
      </c>
      <c r="G5212">
        <f t="shared" si="1218"/>
        <v>5.8834200000000001</v>
      </c>
      <c r="H5212" s="235">
        <f t="shared" si="1219"/>
        <v>1.8186700932450852</v>
      </c>
      <c r="I5212" s="236">
        <f t="shared" si="1220"/>
        <v>19.416446121379103</v>
      </c>
      <c r="J5212" s="237">
        <f t="shared" si="1225"/>
        <v>9.4164461213791029</v>
      </c>
      <c r="K5212" s="237">
        <f t="shared" si="1221"/>
        <v>1001.6556225097052</v>
      </c>
      <c r="L5212" s="237">
        <f t="shared" si="1226"/>
        <v>485.84153763255478</v>
      </c>
      <c r="M5212" s="236">
        <f t="shared" si="1222"/>
        <v>10.048058882076086</v>
      </c>
      <c r="N5212" s="236">
        <f t="shared" si="1223"/>
        <v>2.1918304884474673</v>
      </c>
      <c r="O5212" s="236">
        <f t="shared" si="1227"/>
        <v>2.9200576683856152</v>
      </c>
      <c r="P5212" s="236" t="str">
        <f t="shared" si="1228"/>
        <v>CLAY</v>
      </c>
      <c r="Q5212" s="236">
        <f t="shared" si="1224"/>
        <v>406.81369812419126</v>
      </c>
      <c r="R5212" s="238">
        <v>35</v>
      </c>
      <c r="S5212" s="236">
        <f t="shared" si="1229"/>
        <v>4.4724214623115497</v>
      </c>
      <c r="T5212" s="236" t="e">
        <f t="shared" si="1215"/>
        <v>#N/A</v>
      </c>
    </row>
    <row r="5213" spans="1:20" x14ac:dyDescent="0.2">
      <c r="A5213" s="53">
        <f t="shared" si="1216"/>
        <v>5201</v>
      </c>
      <c r="B5213" s="239">
        <v>51.604999999999997</v>
      </c>
      <c r="C5213" s="3">
        <f t="shared" si="1217"/>
        <v>51.597999999999999</v>
      </c>
      <c r="D5213" s="239">
        <v>5.5861000000000001</v>
      </c>
      <c r="E5213" s="239">
        <v>0.1013</v>
      </c>
      <c r="F5213" s="239">
        <v>0.71870000000000001</v>
      </c>
      <c r="G5213">
        <f t="shared" si="1218"/>
        <v>5.7298400000000003</v>
      </c>
      <c r="H5213" s="235">
        <f t="shared" si="1219"/>
        <v>1.7679376736523182</v>
      </c>
      <c r="I5213" s="236">
        <f t="shared" si="1220"/>
        <v>19.341916802266638</v>
      </c>
      <c r="J5213" s="237">
        <f t="shared" si="1225"/>
        <v>9.3419168022666383</v>
      </c>
      <c r="K5213" s="237">
        <f t="shared" si="1221"/>
        <v>998.00422316335403</v>
      </c>
      <c r="L5213" s="237">
        <f t="shared" si="1226"/>
        <v>482.08961658096985</v>
      </c>
      <c r="M5213" s="236">
        <f t="shared" si="1222"/>
        <v>9.8152617565076845</v>
      </c>
      <c r="N5213" s="236">
        <f t="shared" si="1223"/>
        <v>2.1408181682019753</v>
      </c>
      <c r="O5213" s="236">
        <f t="shared" si="1227"/>
        <v>2.9232290232359976</v>
      </c>
      <c r="P5213" s="236" t="str">
        <f t="shared" si="1228"/>
        <v>CLAY</v>
      </c>
      <c r="Q5213" s="236">
        <f t="shared" si="1224"/>
        <v>394.31964806972047</v>
      </c>
      <c r="R5213" s="238">
        <v>35</v>
      </c>
      <c r="S5213" s="236">
        <f t="shared" si="1229"/>
        <v>4.3432753802419954</v>
      </c>
      <c r="T5213" s="236" t="e">
        <f t="shared" si="1215"/>
        <v>#N/A</v>
      </c>
    </row>
    <row r="5214" spans="1:20" x14ac:dyDescent="0.2">
      <c r="A5214" s="53">
        <f t="shared" si="1216"/>
        <v>5202</v>
      </c>
      <c r="B5214" s="239">
        <v>51.613999999999997</v>
      </c>
      <c r="C5214" s="3">
        <f t="shared" si="1217"/>
        <v>51.606999999999999</v>
      </c>
      <c r="D5214" s="239">
        <v>5.3640999999999996</v>
      </c>
      <c r="E5214" s="239">
        <v>0.11020000000000001</v>
      </c>
      <c r="F5214" s="239">
        <v>0.54200000000000004</v>
      </c>
      <c r="G5214">
        <f t="shared" si="1218"/>
        <v>5.4724999999999993</v>
      </c>
      <c r="H5214" s="235">
        <f t="shared" si="1219"/>
        <v>2.0137048880767479</v>
      </c>
      <c r="I5214" s="236">
        <f t="shared" si="1220"/>
        <v>19.422700552791028</v>
      </c>
      <c r="J5214" s="237">
        <f t="shared" si="1225"/>
        <v>9.4227005527910279</v>
      </c>
      <c r="K5214" s="237">
        <f t="shared" si="1221"/>
        <v>1002.3473074278866</v>
      </c>
      <c r="L5214" s="237">
        <f t="shared" si="1226"/>
        <v>486.34326633175607</v>
      </c>
      <c r="M5214" s="236">
        <f t="shared" si="1222"/>
        <v>9.1913531080387685</v>
      </c>
      <c r="N5214" s="236">
        <f t="shared" si="1223"/>
        <v>2.4652401736324414</v>
      </c>
      <c r="O5214" s="236">
        <f t="shared" si="1227"/>
        <v>2.9801403952054382</v>
      </c>
      <c r="P5214" s="236" t="str">
        <f t="shared" si="1228"/>
        <v>CLAY</v>
      </c>
      <c r="Q5214" s="236">
        <f t="shared" si="1224"/>
        <v>372.51272438100938</v>
      </c>
      <c r="R5214" s="238">
        <v>35</v>
      </c>
      <c r="S5214" s="236">
        <f t="shared" si="1229"/>
        <v>4.0009610391231423</v>
      </c>
      <c r="T5214" s="236" t="e">
        <f t="shared" si="1215"/>
        <v>#N/A</v>
      </c>
    </row>
    <row r="5215" spans="1:20" x14ac:dyDescent="0.2">
      <c r="A5215" s="53">
        <f t="shared" si="1216"/>
        <v>5203</v>
      </c>
      <c r="B5215" s="239">
        <v>51.624000000000002</v>
      </c>
      <c r="C5215" s="3">
        <f t="shared" si="1217"/>
        <v>51.617000000000004</v>
      </c>
      <c r="D5215" s="239">
        <v>4.9328000000000003</v>
      </c>
      <c r="E5215" s="239">
        <v>0.13270000000000001</v>
      </c>
      <c r="F5215" s="239">
        <v>0.62219999999999998</v>
      </c>
      <c r="G5215">
        <f t="shared" si="1218"/>
        <v>5.0572400000000002</v>
      </c>
      <c r="H5215" s="235">
        <f t="shared" si="1219"/>
        <v>2.6239608956664111</v>
      </c>
      <c r="I5215" s="236">
        <f t="shared" si="1220"/>
        <v>19.609716753996619</v>
      </c>
      <c r="J5215" s="237">
        <f t="shared" si="1225"/>
        <v>9.6097167539966186</v>
      </c>
      <c r="K5215" s="237">
        <f t="shared" si="1221"/>
        <v>1012.1947496910435</v>
      </c>
      <c r="L5215" s="237">
        <f t="shared" si="1226"/>
        <v>496.09201770832146</v>
      </c>
      <c r="M5215" s="236">
        <f t="shared" si="1222"/>
        <v>8.1538204726512067</v>
      </c>
      <c r="N5215" s="236">
        <f t="shared" si="1223"/>
        <v>3.2805566264027459</v>
      </c>
      <c r="O5215" s="236">
        <f t="shared" si="1227"/>
        <v>3.0919486811000172</v>
      </c>
      <c r="P5215" s="236" t="str">
        <f t="shared" si="1228"/>
        <v>CLAY</v>
      </c>
      <c r="Q5215" s="236">
        <f t="shared" si="1224"/>
        <v>337.08710419241305</v>
      </c>
      <c r="R5215" s="238">
        <v>35</v>
      </c>
      <c r="S5215" s="236">
        <f t="shared" si="1229"/>
        <v>3.4446209614603358</v>
      </c>
      <c r="T5215" s="236" t="e">
        <f t="shared" si="1215"/>
        <v>#N/A</v>
      </c>
    </row>
    <row r="5216" spans="1:20" x14ac:dyDescent="0.2">
      <c r="A5216" s="53">
        <f t="shared" si="1216"/>
        <v>5204</v>
      </c>
      <c r="B5216" s="239">
        <v>51.634999999999998</v>
      </c>
      <c r="C5216" s="3">
        <f t="shared" si="1217"/>
        <v>51.628</v>
      </c>
      <c r="D5216" s="239">
        <v>4.5650000000000004</v>
      </c>
      <c r="E5216" s="239">
        <v>0.1585</v>
      </c>
      <c r="F5216" s="239">
        <v>0.69330000000000003</v>
      </c>
      <c r="G5216">
        <f t="shared" si="1218"/>
        <v>4.7036600000000002</v>
      </c>
      <c r="H5216" s="235">
        <f t="shared" si="1219"/>
        <v>3.3697163485456003</v>
      </c>
      <c r="I5216" s="236">
        <f t="shared" si="1220"/>
        <v>19.789714403518698</v>
      </c>
      <c r="J5216" s="237">
        <f t="shared" si="1225"/>
        <v>9.7897144035186976</v>
      </c>
      <c r="K5216" s="237">
        <f t="shared" si="1221"/>
        <v>1021.7033752248633</v>
      </c>
      <c r="L5216" s="237">
        <f t="shared" si="1226"/>
        <v>505.49190322568791</v>
      </c>
      <c r="M5216" s="236">
        <f t="shared" si="1222"/>
        <v>7.2839082115450751</v>
      </c>
      <c r="N5216" s="236">
        <f t="shared" si="1223"/>
        <v>4.3047764043032384</v>
      </c>
      <c r="O5216" s="236">
        <f t="shared" si="1227"/>
        <v>3.1995149489439068</v>
      </c>
      <c r="P5216" s="236" t="str">
        <f t="shared" si="1228"/>
        <v>CLAY</v>
      </c>
      <c r="Q5216" s="236">
        <f t="shared" si="1224"/>
        <v>306.82971873126138</v>
      </c>
      <c r="R5216" s="238">
        <v>35</v>
      </c>
      <c r="S5216" s="236">
        <f t="shared" si="1229"/>
        <v>2.9915453381387751</v>
      </c>
      <c r="T5216" s="236" t="e">
        <f t="shared" si="1215"/>
        <v>#N/A</v>
      </c>
    </row>
    <row r="5217" spans="1:20" x14ac:dyDescent="0.2">
      <c r="A5217" s="53">
        <f t="shared" si="1216"/>
        <v>5205</v>
      </c>
      <c r="B5217" s="239">
        <v>51.645000000000003</v>
      </c>
      <c r="C5217" s="3">
        <f t="shared" si="1217"/>
        <v>51.638000000000005</v>
      </c>
      <c r="D5217" s="239">
        <v>4.0978000000000003</v>
      </c>
      <c r="E5217" s="239">
        <v>0.1731</v>
      </c>
      <c r="F5217" s="239">
        <v>0.75839999999999996</v>
      </c>
      <c r="G5217">
        <f t="shared" si="1218"/>
        <v>4.2494800000000001</v>
      </c>
      <c r="H5217" s="235">
        <f t="shared" si="1219"/>
        <v>4.0734395737831459</v>
      </c>
      <c r="I5217" s="236">
        <f t="shared" si="1220"/>
        <v>19.853347348278941</v>
      </c>
      <c r="J5217" s="237">
        <f t="shared" si="1225"/>
        <v>9.8533473482789411</v>
      </c>
      <c r="K5217" s="237">
        <f t="shared" si="1221"/>
        <v>1025.1871503704281</v>
      </c>
      <c r="L5217" s="237">
        <f t="shared" si="1226"/>
        <v>508.87612380186596</v>
      </c>
      <c r="M5217" s="236">
        <f t="shared" si="1222"/>
        <v>6.3361055840870435</v>
      </c>
      <c r="N5217" s="236">
        <f t="shared" si="1223"/>
        <v>5.3686190452547393</v>
      </c>
      <c r="O5217" s="236">
        <f t="shared" si="1227"/>
        <v>3.3047141761221486</v>
      </c>
      <c r="P5217" s="236" t="str">
        <f t="shared" si="1228"/>
        <v>CLAY</v>
      </c>
      <c r="Q5217" s="236">
        <f t="shared" si="1224"/>
        <v>268.69107080246437</v>
      </c>
      <c r="R5217" s="238">
        <v>35</v>
      </c>
      <c r="S5217" s="236">
        <f t="shared" si="1229"/>
        <v>2.5131477146593921</v>
      </c>
      <c r="T5217" s="236" t="e">
        <f t="shared" si="1215"/>
        <v>#N/A</v>
      </c>
    </row>
    <row r="5218" spans="1:20" x14ac:dyDescent="0.2">
      <c r="A5218" s="53">
        <f t="shared" si="1216"/>
        <v>5206</v>
      </c>
      <c r="B5218" s="239">
        <v>51.655000000000001</v>
      </c>
      <c r="C5218" s="3">
        <f t="shared" si="1217"/>
        <v>51.648000000000003</v>
      </c>
      <c r="D5218" s="239">
        <v>3.6217000000000001</v>
      </c>
      <c r="E5218" s="239">
        <v>0.1736</v>
      </c>
      <c r="F5218" s="239">
        <v>0.82669999999999999</v>
      </c>
      <c r="G5218">
        <f t="shared" si="1218"/>
        <v>3.7870400000000002</v>
      </c>
      <c r="H5218" s="235">
        <f t="shared" si="1219"/>
        <v>4.5840550931598294</v>
      </c>
      <c r="I5218" s="236">
        <f t="shared" si="1220"/>
        <v>19.811697203731271</v>
      </c>
      <c r="J5218" s="237">
        <f t="shared" si="1225"/>
        <v>9.8116972037312706</v>
      </c>
      <c r="K5218" s="237">
        <f t="shared" si="1221"/>
        <v>1023.2345371783127</v>
      </c>
      <c r="L5218" s="237">
        <f t="shared" si="1226"/>
        <v>506.8232190587388</v>
      </c>
      <c r="M5218" s="236">
        <f t="shared" si="1222"/>
        <v>5.4531942477982112</v>
      </c>
      <c r="N5218" s="236">
        <f t="shared" si="1223"/>
        <v>6.2811946186242906</v>
      </c>
      <c r="O5218" s="236">
        <f t="shared" si="1227"/>
        <v>3.3976008378915932</v>
      </c>
      <c r="P5218" s="236" t="str">
        <f t="shared" si="1228"/>
        <v>CLAY</v>
      </c>
      <c r="Q5218" s="236">
        <f t="shared" si="1224"/>
        <v>230.31712190180727</v>
      </c>
      <c r="R5218" s="238">
        <v>35</v>
      </c>
      <c r="S5218" s="236">
        <f t="shared" si="1229"/>
        <v>2.0833091369600152</v>
      </c>
      <c r="T5218" s="236" t="e">
        <f t="shared" si="1215"/>
        <v>#N/A</v>
      </c>
    </row>
    <row r="5219" spans="1:20" x14ac:dyDescent="0.2">
      <c r="A5219" s="53">
        <f t="shared" si="1216"/>
        <v>5207</v>
      </c>
      <c r="B5219" s="239">
        <v>51.664000000000001</v>
      </c>
      <c r="C5219" s="3">
        <f t="shared" si="1217"/>
        <v>51.657000000000004</v>
      </c>
      <c r="D5219" s="239">
        <v>3.3140000000000001</v>
      </c>
      <c r="E5219" s="239">
        <v>0.1686</v>
      </c>
      <c r="F5219" s="239">
        <v>0.8982</v>
      </c>
      <c r="G5219">
        <f t="shared" si="1218"/>
        <v>3.4936400000000001</v>
      </c>
      <c r="H5219" s="235">
        <f t="shared" si="1219"/>
        <v>4.825912229079127</v>
      </c>
      <c r="I5219" s="236">
        <f t="shared" si="1220"/>
        <v>19.745908830370578</v>
      </c>
      <c r="J5219" s="237">
        <f t="shared" si="1225"/>
        <v>9.7459088303705776</v>
      </c>
      <c r="K5219" s="237">
        <f t="shared" si="1221"/>
        <v>1020.0144124504531</v>
      </c>
      <c r="L5219" s="237">
        <f t="shared" si="1226"/>
        <v>503.51263381226556</v>
      </c>
      <c r="M5219" s="236">
        <f t="shared" si="1222"/>
        <v>4.9127378767457834</v>
      </c>
      <c r="N5219" s="236">
        <f t="shared" si="1223"/>
        <v>6.8159062086279834</v>
      </c>
      <c r="O5219" s="236">
        <f t="shared" si="1227"/>
        <v>3.455141353960558</v>
      </c>
      <c r="P5219" s="236" t="str">
        <f t="shared" si="1228"/>
        <v>CLAY</v>
      </c>
      <c r="Q5219" s="236">
        <f t="shared" si="1224"/>
        <v>206.1354656291289</v>
      </c>
      <c r="R5219" s="238">
        <v>35</v>
      </c>
      <c r="S5219" s="236">
        <f t="shared" si="1229"/>
        <v>1.8284980411941802</v>
      </c>
      <c r="T5219" s="236" t="e">
        <f t="shared" si="1215"/>
        <v>#N/A</v>
      </c>
    </row>
    <row r="5220" spans="1:20" x14ac:dyDescent="0.2">
      <c r="A5220" s="53">
        <f t="shared" si="1216"/>
        <v>5208</v>
      </c>
      <c r="B5220" s="239">
        <v>51.673999999999999</v>
      </c>
      <c r="C5220" s="3">
        <f t="shared" si="1217"/>
        <v>51.667000000000002</v>
      </c>
      <c r="D5220" s="239">
        <v>3.2086000000000001</v>
      </c>
      <c r="E5220" s="239">
        <v>0.1636</v>
      </c>
      <c r="F5220" s="239">
        <v>0.97740000000000005</v>
      </c>
      <c r="G5220">
        <f t="shared" si="1218"/>
        <v>3.40408</v>
      </c>
      <c r="H5220" s="235">
        <f t="shared" si="1219"/>
        <v>4.8059975088717071</v>
      </c>
      <c r="I5220" s="236">
        <f t="shared" si="1220"/>
        <v>19.700457744768404</v>
      </c>
      <c r="J5220" s="237">
        <f t="shared" si="1225"/>
        <v>9.7004577447684035</v>
      </c>
      <c r="K5220" s="237">
        <f t="shared" si="1221"/>
        <v>1017.8635502989491</v>
      </c>
      <c r="L5220" s="237">
        <f t="shared" si="1226"/>
        <v>501.2614535031625</v>
      </c>
      <c r="M5220" s="236">
        <f t="shared" si="1222"/>
        <v>4.760422795378572</v>
      </c>
      <c r="N5220" s="236">
        <f t="shared" si="1223"/>
        <v>6.8560419160841874</v>
      </c>
      <c r="O5220" s="236">
        <f t="shared" si="1227"/>
        <v>3.4676622669074946</v>
      </c>
      <c r="P5220" s="236" t="str">
        <f t="shared" si="1228"/>
        <v>CLAY</v>
      </c>
      <c r="Q5220" s="236">
        <f t="shared" si="1224"/>
        <v>198.85137080842091</v>
      </c>
      <c r="R5220" s="238">
        <v>35</v>
      </c>
      <c r="S5220" s="236">
        <f t="shared" si="1229"/>
        <v>1.7579111321621923</v>
      </c>
      <c r="T5220" s="236" t="e">
        <f t="shared" si="1215"/>
        <v>#N/A</v>
      </c>
    </row>
    <row r="5221" spans="1:20" x14ac:dyDescent="0.2">
      <c r="A5221" s="53">
        <f t="shared" si="1216"/>
        <v>5209</v>
      </c>
      <c r="B5221" s="239">
        <v>51.683999999999997</v>
      </c>
      <c r="C5221" s="3">
        <f t="shared" si="1217"/>
        <v>51.677</v>
      </c>
      <c r="D5221" s="239">
        <v>3.1810999999999998</v>
      </c>
      <c r="E5221" s="239">
        <v>0.1628</v>
      </c>
      <c r="F5221" s="239">
        <v>1.0504</v>
      </c>
      <c r="G5221">
        <f t="shared" si="1218"/>
        <v>3.3911799999999999</v>
      </c>
      <c r="H5221" s="235">
        <f t="shared" si="1219"/>
        <v>4.800688845770499</v>
      </c>
      <c r="I5221" s="236">
        <f t="shared" si="1220"/>
        <v>19.69322569390102</v>
      </c>
      <c r="J5221" s="237">
        <f t="shared" si="1225"/>
        <v>9.6932256939010202</v>
      </c>
      <c r="K5221" s="237">
        <f t="shared" si="1221"/>
        <v>1017.686824183723</v>
      </c>
      <c r="L5221" s="237">
        <f t="shared" si="1226"/>
        <v>500.9846767635803</v>
      </c>
      <c r="M5221" s="236">
        <f t="shared" si="1222"/>
        <v>4.7376562316223332</v>
      </c>
      <c r="N5221" s="236">
        <f t="shared" si="1223"/>
        <v>6.8590886065644954</v>
      </c>
      <c r="O5221" s="236">
        <f t="shared" si="1227"/>
        <v>3.4694533667900287</v>
      </c>
      <c r="P5221" s="236" t="str">
        <f t="shared" si="1228"/>
        <v>CLAY</v>
      </c>
      <c r="Q5221" s="236">
        <f t="shared" si="1224"/>
        <v>197.79109798468971</v>
      </c>
      <c r="R5221" s="238">
        <v>35</v>
      </c>
      <c r="S5221" s="236">
        <f t="shared" si="1229"/>
        <v>1.7474084825872402</v>
      </c>
      <c r="T5221" s="236" t="e">
        <f t="shared" si="1215"/>
        <v>#N/A</v>
      </c>
    </row>
    <row r="5222" spans="1:20" x14ac:dyDescent="0.2">
      <c r="A5222" s="53">
        <f t="shared" si="1216"/>
        <v>5210</v>
      </c>
      <c r="B5222" s="239">
        <v>51.692999999999998</v>
      </c>
      <c r="C5222" s="3">
        <f t="shared" si="1217"/>
        <v>51.686</v>
      </c>
      <c r="D5222" s="239">
        <v>3.1568000000000001</v>
      </c>
      <c r="E5222" s="239">
        <v>0.16300000000000001</v>
      </c>
      <c r="F5222" s="239">
        <v>1.1253</v>
      </c>
      <c r="G5222">
        <f t="shared" si="1218"/>
        <v>3.3818600000000001</v>
      </c>
      <c r="H5222" s="235">
        <f t="shared" si="1219"/>
        <v>4.8198328730343656</v>
      </c>
      <c r="I5222" s="236">
        <f t="shared" si="1220"/>
        <v>19.693589648771894</v>
      </c>
      <c r="J5222" s="237">
        <f t="shared" si="1225"/>
        <v>9.6935896487718942</v>
      </c>
      <c r="K5222" s="237">
        <f t="shared" si="1221"/>
        <v>1017.8828745864241</v>
      </c>
      <c r="L5222" s="237">
        <f t="shared" si="1226"/>
        <v>501.09072971396552</v>
      </c>
      <c r="M5222" s="236">
        <f t="shared" si="1222"/>
        <v>4.7176628607018731</v>
      </c>
      <c r="N5222" s="236">
        <f t="shared" si="1223"/>
        <v>6.8951597816955728</v>
      </c>
      <c r="O5222" s="236">
        <f t="shared" si="1227"/>
        <v>3.4722828252046338</v>
      </c>
      <c r="P5222" s="236" t="str">
        <f t="shared" si="1228"/>
        <v>CLAY</v>
      </c>
      <c r="Q5222" s="236">
        <f t="shared" si="1224"/>
        <v>196.99809378446466</v>
      </c>
      <c r="R5222" s="238">
        <v>35</v>
      </c>
      <c r="S5222" s="236">
        <f t="shared" si="1229"/>
        <v>1.7381955576511892</v>
      </c>
      <c r="T5222" s="236" t="e">
        <f t="shared" si="1215"/>
        <v>#N/A</v>
      </c>
    </row>
    <row r="5223" spans="1:20" x14ac:dyDescent="0.2">
      <c r="A5223" s="53">
        <f t="shared" si="1216"/>
        <v>5211</v>
      </c>
      <c r="B5223" s="239">
        <v>51.704000000000001</v>
      </c>
      <c r="C5223" s="3">
        <f t="shared" si="1217"/>
        <v>51.697000000000003</v>
      </c>
      <c r="D5223" s="239">
        <v>3.2488000000000001</v>
      </c>
      <c r="E5223" s="239">
        <v>0.16650000000000001</v>
      </c>
      <c r="F5223" s="239">
        <v>1.1772</v>
      </c>
      <c r="G5223">
        <f t="shared" si="1218"/>
        <v>3.4842400000000002</v>
      </c>
      <c r="H5223" s="235">
        <f t="shared" si="1219"/>
        <v>4.7786604826303583</v>
      </c>
      <c r="I5223" s="236">
        <f t="shared" si="1220"/>
        <v>19.73015875259216</v>
      </c>
      <c r="J5223" s="237">
        <f t="shared" si="1225"/>
        <v>9.7301587525921605</v>
      </c>
      <c r="K5223" s="237">
        <f t="shared" si="1221"/>
        <v>1019.990017032757</v>
      </c>
      <c r="L5223" s="237">
        <f t="shared" si="1226"/>
        <v>503.08812814402506</v>
      </c>
      <c r="M5223" s="236">
        <f t="shared" si="1222"/>
        <v>4.8982471362587452</v>
      </c>
      <c r="N5223" s="236">
        <f t="shared" si="1223"/>
        <v>6.7566197078558838</v>
      </c>
      <c r="O5223" s="236">
        <f t="shared" si="1227"/>
        <v>3.453920188776149</v>
      </c>
      <c r="P5223" s="236" t="str">
        <f t="shared" si="1228"/>
        <v>CLAY</v>
      </c>
      <c r="Q5223" s="236">
        <f t="shared" si="1224"/>
        <v>205.35416524727029</v>
      </c>
      <c r="R5223" s="238">
        <v>35</v>
      </c>
      <c r="S5223" s="236">
        <f t="shared" si="1229"/>
        <v>1.8217587965056603</v>
      </c>
      <c r="T5223" s="236" t="e">
        <f t="shared" si="1215"/>
        <v>#N/A</v>
      </c>
    </row>
    <row r="5224" spans="1:20" x14ac:dyDescent="0.2">
      <c r="A5224" s="53">
        <f t="shared" si="1216"/>
        <v>5212</v>
      </c>
      <c r="B5224" s="239">
        <v>51.713000000000001</v>
      </c>
      <c r="C5224" s="3">
        <f t="shared" si="1217"/>
        <v>51.706000000000003</v>
      </c>
      <c r="D5224" s="239">
        <v>3.3189000000000002</v>
      </c>
      <c r="E5224" s="239">
        <v>0.1663</v>
      </c>
      <c r="F5224" s="239">
        <v>1.2406999999999999</v>
      </c>
      <c r="G5224">
        <f t="shared" si="1218"/>
        <v>3.56704</v>
      </c>
      <c r="H5224" s="235">
        <f t="shared" si="1219"/>
        <v>4.662128823898807</v>
      </c>
      <c r="I5224" s="236">
        <f t="shared" si="1220"/>
        <v>19.737929308778583</v>
      </c>
      <c r="J5224" s="237">
        <f t="shared" si="1225"/>
        <v>9.7379293087785825</v>
      </c>
      <c r="K5224" s="237">
        <f t="shared" si="1221"/>
        <v>1020.5693728397055</v>
      </c>
      <c r="L5224" s="237">
        <f t="shared" si="1226"/>
        <v>503.57753834486687</v>
      </c>
      <c r="M5224" s="236">
        <f t="shared" si="1222"/>
        <v>5.056759750504173</v>
      </c>
      <c r="N5224" s="236">
        <f t="shared" si="1223"/>
        <v>6.5306074307815614</v>
      </c>
      <c r="O5224" s="236">
        <f t="shared" si="1227"/>
        <v>3.4340207343929037</v>
      </c>
      <c r="P5224" s="236" t="str">
        <f t="shared" si="1228"/>
        <v>CLAY</v>
      </c>
      <c r="Q5224" s="236">
        <f t="shared" si="1224"/>
        <v>212.20588559669122</v>
      </c>
      <c r="R5224" s="238">
        <v>35</v>
      </c>
      <c r="S5224" s="236">
        <f t="shared" si="1229"/>
        <v>1.895747139528106</v>
      </c>
      <c r="T5224" s="236" t="e">
        <f t="shared" si="1215"/>
        <v>#N/A</v>
      </c>
    </row>
    <row r="5225" spans="1:20" x14ac:dyDescent="0.2">
      <c r="A5225" s="53">
        <f t="shared" si="1216"/>
        <v>5213</v>
      </c>
      <c r="B5225" s="239">
        <v>51.722999999999999</v>
      </c>
      <c r="C5225" s="3">
        <f t="shared" si="1217"/>
        <v>51.716000000000001</v>
      </c>
      <c r="D5225" s="239">
        <v>3.3376000000000001</v>
      </c>
      <c r="E5225" s="239">
        <v>0.16639999999999999</v>
      </c>
      <c r="F5225" s="239">
        <v>1.2575000000000001</v>
      </c>
      <c r="G5225">
        <f t="shared" si="1218"/>
        <v>3.5891000000000002</v>
      </c>
      <c r="H5225" s="235">
        <f t="shared" si="1219"/>
        <v>4.6362597865760211</v>
      </c>
      <c r="I5225" s="236">
        <f t="shared" si="1220"/>
        <v>19.741044026647387</v>
      </c>
      <c r="J5225" s="237">
        <f t="shared" si="1225"/>
        <v>9.741044026647387</v>
      </c>
      <c r="K5225" s="237">
        <f t="shared" si="1221"/>
        <v>1020.9278328820963</v>
      </c>
      <c r="L5225" s="237">
        <f t="shared" si="1226"/>
        <v>503.8360201902828</v>
      </c>
      <c r="M5225" s="236">
        <f t="shared" si="1222"/>
        <v>5.0972381175684642</v>
      </c>
      <c r="N5225" s="236">
        <f t="shared" si="1223"/>
        <v>6.4793163842570625</v>
      </c>
      <c r="O5225" s="236">
        <f t="shared" si="1227"/>
        <v>3.4292024102003422</v>
      </c>
      <c r="P5225" s="236" t="str">
        <f t="shared" si="1228"/>
        <v>CLAY</v>
      </c>
      <c r="Q5225" s="236">
        <f t="shared" si="1224"/>
        <v>214.01434725982531</v>
      </c>
      <c r="R5225" s="238">
        <v>35</v>
      </c>
      <c r="S5225" s="236">
        <f t="shared" si="1229"/>
        <v>1.9147349355834993</v>
      </c>
      <c r="T5225" s="236" t="e">
        <f t="shared" si="1215"/>
        <v>#N/A</v>
      </c>
    </row>
    <row r="5226" spans="1:20" x14ac:dyDescent="0.2">
      <c r="A5226" s="53">
        <f t="shared" si="1216"/>
        <v>5214</v>
      </c>
      <c r="B5226" s="239">
        <v>51.732999999999997</v>
      </c>
      <c r="C5226" s="3">
        <f t="shared" si="1217"/>
        <v>51.725999999999999</v>
      </c>
      <c r="D5226" s="239">
        <v>3.2593000000000001</v>
      </c>
      <c r="E5226" s="239">
        <v>0.16539999999999999</v>
      </c>
      <c r="F5226" s="239">
        <v>1.2910999999999999</v>
      </c>
      <c r="G5226">
        <f t="shared" si="1218"/>
        <v>3.5175200000000002</v>
      </c>
      <c r="H5226" s="235">
        <f t="shared" si="1219"/>
        <v>4.7021765334667602</v>
      </c>
      <c r="I5226" s="236">
        <f t="shared" si="1220"/>
        <v>19.726101836359366</v>
      </c>
      <c r="J5226" s="237">
        <f t="shared" si="1225"/>
        <v>9.7261018363593656</v>
      </c>
      <c r="K5226" s="237">
        <f t="shared" si="1221"/>
        <v>1020.3523435875245</v>
      </c>
      <c r="L5226" s="237">
        <f t="shared" si="1226"/>
        <v>503.16042630037902</v>
      </c>
      <c r="M5226" s="236">
        <f t="shared" si="1222"/>
        <v>4.962965141701555</v>
      </c>
      <c r="N5226" s="236">
        <f t="shared" si="1223"/>
        <v>6.6235040156502665</v>
      </c>
      <c r="O5226" s="236">
        <f t="shared" si="1227"/>
        <v>3.4442054489927125</v>
      </c>
      <c r="P5226" s="236" t="str">
        <f t="shared" si="1228"/>
        <v>CLAY</v>
      </c>
      <c r="Q5226" s="236">
        <f t="shared" si="1224"/>
        <v>208.09730470103963</v>
      </c>
      <c r="R5226" s="238">
        <v>35</v>
      </c>
      <c r="S5226" s="236">
        <f t="shared" si="1229"/>
        <v>1.851895770222364</v>
      </c>
      <c r="T5226" s="236" t="e">
        <f t="shared" si="1215"/>
        <v>#N/A</v>
      </c>
    </row>
    <row r="5227" spans="1:20" x14ac:dyDescent="0.2">
      <c r="A5227" s="53">
        <f t="shared" si="1216"/>
        <v>5215</v>
      </c>
      <c r="B5227" s="239">
        <v>51.743000000000002</v>
      </c>
      <c r="C5227" s="3">
        <f t="shared" si="1217"/>
        <v>51.736000000000004</v>
      </c>
      <c r="D5227" s="239">
        <v>3.1945999999999999</v>
      </c>
      <c r="E5227" s="239">
        <v>0.16300000000000001</v>
      </c>
      <c r="F5227" s="239">
        <v>1.2532000000000001</v>
      </c>
      <c r="G5227">
        <f t="shared" si="1218"/>
        <v>3.4452400000000001</v>
      </c>
      <c r="H5227" s="235">
        <f t="shared" si="1219"/>
        <v>4.7311653179459201</v>
      </c>
      <c r="I5227" s="236">
        <f t="shared" si="1220"/>
        <v>19.700847119018906</v>
      </c>
      <c r="J5227" s="237">
        <f t="shared" si="1225"/>
        <v>9.7008471190189063</v>
      </c>
      <c r="K5227" s="237">
        <f t="shared" si="1221"/>
        <v>1019.2430265495623</v>
      </c>
      <c r="L5227" s="237">
        <f t="shared" si="1226"/>
        <v>501.95093247939531</v>
      </c>
      <c r="M5227" s="236">
        <f t="shared" si="1222"/>
        <v>4.8331357040561391</v>
      </c>
      <c r="N5227" s="236">
        <f t="shared" si="1223"/>
        <v>6.7188871949897351</v>
      </c>
      <c r="O5227" s="236">
        <f t="shared" si="1227"/>
        <v>3.4571587411755695</v>
      </c>
      <c r="P5227" s="236" t="str">
        <f t="shared" si="1228"/>
        <v>CLAY</v>
      </c>
      <c r="Q5227" s="236">
        <f t="shared" si="1224"/>
        <v>202.16641445420316</v>
      </c>
      <c r="R5227" s="238">
        <v>35</v>
      </c>
      <c r="S5227" s="236">
        <f t="shared" si="1229"/>
        <v>1.7915389118031804</v>
      </c>
      <c r="T5227" s="236" t="e">
        <f t="shared" si="1215"/>
        <v>#N/A</v>
      </c>
    </row>
    <row r="5228" spans="1:20" x14ac:dyDescent="0.2">
      <c r="A5228" s="53">
        <f t="shared" si="1216"/>
        <v>5216</v>
      </c>
      <c r="B5228" s="239">
        <v>51.752000000000002</v>
      </c>
      <c r="C5228" s="3">
        <f t="shared" si="1217"/>
        <v>51.745000000000005</v>
      </c>
      <c r="D5228" s="239">
        <v>3.0939999999999999</v>
      </c>
      <c r="E5228" s="239">
        <v>0.16189999999999999</v>
      </c>
      <c r="F5228" s="239">
        <v>1.2756000000000001</v>
      </c>
      <c r="G5228">
        <f t="shared" si="1218"/>
        <v>3.3491199999999997</v>
      </c>
      <c r="H5228" s="235">
        <f t="shared" si="1219"/>
        <v>4.8341056755207346</v>
      </c>
      <c r="I5228" s="236">
        <f t="shared" si="1220"/>
        <v>19.681847183867795</v>
      </c>
      <c r="J5228" s="237">
        <f t="shared" si="1225"/>
        <v>9.6818471838677951</v>
      </c>
      <c r="K5228" s="237">
        <f t="shared" si="1221"/>
        <v>1018.4371825292392</v>
      </c>
      <c r="L5228" s="237">
        <f t="shared" si="1226"/>
        <v>501.05495545952613</v>
      </c>
      <c r="M5228" s="236">
        <f t="shared" si="1222"/>
        <v>4.6515512761135174</v>
      </c>
      <c r="N5228" s="236">
        <f t="shared" si="1223"/>
        <v>6.9464621606337946</v>
      </c>
      <c r="O5228" s="236">
        <f t="shared" si="1227"/>
        <v>3.4791274003612602</v>
      </c>
      <c r="P5228" s="236" t="str">
        <f t="shared" si="1228"/>
        <v>CLAY</v>
      </c>
      <c r="Q5228" s="236">
        <f t="shared" si="1224"/>
        <v>194.22356812256336</v>
      </c>
      <c r="R5228" s="238">
        <v>35</v>
      </c>
      <c r="S5228" s="236">
        <f t="shared" si="1229"/>
        <v>1.707801043555581</v>
      </c>
      <c r="T5228" s="236" t="e">
        <f t="shared" si="1215"/>
        <v>#N/A</v>
      </c>
    </row>
    <row r="5229" spans="1:20" x14ac:dyDescent="0.2">
      <c r="A5229" s="53">
        <f t="shared" si="1216"/>
        <v>5217</v>
      </c>
      <c r="B5229" s="239">
        <v>51.762999999999998</v>
      </c>
      <c r="C5229" s="3">
        <f t="shared" si="1217"/>
        <v>51.756</v>
      </c>
      <c r="D5229" s="239">
        <v>2.9401999999999999</v>
      </c>
      <c r="E5229" s="239">
        <v>0.1608</v>
      </c>
      <c r="F5229" s="239">
        <v>1.3655999999999999</v>
      </c>
      <c r="G5229">
        <f t="shared" si="1218"/>
        <v>3.21332</v>
      </c>
      <c r="H5229" s="235">
        <f t="shared" si="1219"/>
        <v>5.0041701417848206</v>
      </c>
      <c r="I5229" s="236">
        <f t="shared" si="1220"/>
        <v>19.657673953710926</v>
      </c>
      <c r="J5229" s="237">
        <f t="shared" si="1225"/>
        <v>9.6576739537109262</v>
      </c>
      <c r="K5229" s="237">
        <f t="shared" si="1221"/>
        <v>1017.4025731482627</v>
      </c>
      <c r="L5229" s="237">
        <f t="shared" si="1226"/>
        <v>499.91017686593864</v>
      </c>
      <c r="M5229" s="236">
        <f t="shared" si="1222"/>
        <v>4.3926239722073479</v>
      </c>
      <c r="N5229" s="236">
        <f t="shared" si="1223"/>
        <v>7.3226797161739006</v>
      </c>
      <c r="O5229" s="236">
        <f t="shared" si="1227"/>
        <v>3.5127394719074174</v>
      </c>
      <c r="P5229" s="236" t="str">
        <f t="shared" si="1228"/>
        <v>CLAY</v>
      </c>
      <c r="Q5229" s="236">
        <f t="shared" si="1224"/>
        <v>182.99311890431144</v>
      </c>
      <c r="R5229" s="238">
        <v>35</v>
      </c>
      <c r="S5229" s="236">
        <f t="shared" si="1229"/>
        <v>1.5898093354711631</v>
      </c>
      <c r="T5229" s="236" t="e">
        <f t="shared" si="1215"/>
        <v>#N/A</v>
      </c>
    </row>
    <row r="5230" spans="1:20" x14ac:dyDescent="0.2">
      <c r="A5230" s="53">
        <f t="shared" si="1216"/>
        <v>5218</v>
      </c>
      <c r="B5230" s="239">
        <v>51.773000000000003</v>
      </c>
      <c r="C5230" s="3">
        <f t="shared" si="1217"/>
        <v>51.766000000000005</v>
      </c>
      <c r="D5230" s="239">
        <v>2.9594</v>
      </c>
      <c r="E5230" s="239">
        <v>0.14560000000000001</v>
      </c>
      <c r="F5230" s="239">
        <v>1.3575999999999999</v>
      </c>
      <c r="G5230">
        <f t="shared" si="1218"/>
        <v>3.2309199999999998</v>
      </c>
      <c r="H5230" s="235">
        <f t="shared" si="1219"/>
        <v>4.5064563653696172</v>
      </c>
      <c r="I5230" s="236">
        <f t="shared" si="1220"/>
        <v>19.54337235104504</v>
      </c>
      <c r="J5230" s="237">
        <f t="shared" si="1225"/>
        <v>9.5433723510450399</v>
      </c>
      <c r="K5230" s="237">
        <f t="shared" si="1221"/>
        <v>1011.6822131241977</v>
      </c>
      <c r="L5230" s="237">
        <f t="shared" si="1226"/>
        <v>494.08901673065486</v>
      </c>
      <c r="M5230" s="236">
        <f t="shared" si="1222"/>
        <v>4.4915748209913886</v>
      </c>
      <c r="N5230" s="236">
        <f t="shared" si="1223"/>
        <v>6.5608111425036935</v>
      </c>
      <c r="O5230" s="236">
        <f t="shared" si="1227"/>
        <v>3.4767906806728779</v>
      </c>
      <c r="P5230" s="236" t="str">
        <f t="shared" si="1228"/>
        <v>CLAY</v>
      </c>
      <c r="Q5230" s="236">
        <f t="shared" si="1224"/>
        <v>184.93648223965019</v>
      </c>
      <c r="R5230" s="238">
        <v>35</v>
      </c>
      <c r="S5230" s="236">
        <f t="shared" si="1229"/>
        <v>1.6347009194887572</v>
      </c>
      <c r="T5230" s="236" t="e">
        <f t="shared" si="1215"/>
        <v>#N/A</v>
      </c>
    </row>
    <row r="5231" spans="1:20" x14ac:dyDescent="0.2">
      <c r="A5231" s="53">
        <f t="shared" si="1216"/>
        <v>5219</v>
      </c>
      <c r="B5231" s="239">
        <v>51.781999999999996</v>
      </c>
      <c r="C5231" s="3">
        <f t="shared" si="1217"/>
        <v>51.774999999999999</v>
      </c>
      <c r="D5231" s="239">
        <v>2.8978999999999999</v>
      </c>
      <c r="E5231" s="239">
        <v>0.1308</v>
      </c>
      <c r="F5231" s="239">
        <v>1.4527000000000001</v>
      </c>
      <c r="G5231">
        <f t="shared" si="1218"/>
        <v>3.1884399999999999</v>
      </c>
      <c r="H5231" s="235">
        <f t="shared" si="1219"/>
        <v>4.1023196296621549</v>
      </c>
      <c r="I5231" s="236">
        <f t="shared" si="1220"/>
        <v>19.412504387120538</v>
      </c>
      <c r="J5231" s="237">
        <f t="shared" si="1225"/>
        <v>9.4125043871205385</v>
      </c>
      <c r="K5231" s="237">
        <f t="shared" si="1221"/>
        <v>1005.0824146431659</v>
      </c>
      <c r="L5231" s="237">
        <f t="shared" si="1226"/>
        <v>487.39830217387566</v>
      </c>
      <c r="M5231" s="236">
        <f t="shared" si="1222"/>
        <v>4.4796167233630158</v>
      </c>
      <c r="N5231" s="236">
        <f t="shared" si="1223"/>
        <v>5.9907731503643227</v>
      </c>
      <c r="O5231" s="236">
        <f t="shared" si="1227"/>
        <v>3.4547562778405698</v>
      </c>
      <c r="P5231" s="236" t="str">
        <f t="shared" si="1228"/>
        <v>CLAY</v>
      </c>
      <c r="Q5231" s="236">
        <f t="shared" si="1224"/>
        <v>181.94646544640284</v>
      </c>
      <c r="R5231" s="238">
        <v>35</v>
      </c>
      <c r="S5231" s="236">
        <f t="shared" si="1229"/>
        <v>1.6292625698468399</v>
      </c>
      <c r="T5231" s="236" t="e">
        <f t="shared" si="1215"/>
        <v>#N/A</v>
      </c>
    </row>
    <row r="5232" spans="1:20" x14ac:dyDescent="0.2">
      <c r="A5232" s="53">
        <f t="shared" si="1216"/>
        <v>5220</v>
      </c>
      <c r="B5232" s="239">
        <v>51.792000000000002</v>
      </c>
      <c r="C5232" s="3">
        <f t="shared" si="1217"/>
        <v>51.785000000000004</v>
      </c>
      <c r="D5232" s="239">
        <v>2.9127999999999998</v>
      </c>
      <c r="E5232" s="239">
        <v>0.1157</v>
      </c>
      <c r="F5232" s="239">
        <v>1.4548000000000001</v>
      </c>
      <c r="G5232">
        <f t="shared" si="1218"/>
        <v>3.2037599999999999</v>
      </c>
      <c r="H5232" s="235">
        <f t="shared" si="1219"/>
        <v>3.6113816265887584</v>
      </c>
      <c r="I5232" s="236">
        <f t="shared" si="1220"/>
        <v>19.270537100846891</v>
      </c>
      <c r="J5232" s="237">
        <f t="shared" si="1225"/>
        <v>9.2705371008468909</v>
      </c>
      <c r="K5232" s="237">
        <f t="shared" si="1221"/>
        <v>997.92476376735635</v>
      </c>
      <c r="L5232" s="237">
        <f t="shared" si="1226"/>
        <v>480.13965752706218</v>
      </c>
      <c r="M5232" s="236">
        <f t="shared" si="1222"/>
        <v>4.5941533919395425</v>
      </c>
      <c r="N5232" s="236">
        <f t="shared" si="1223"/>
        <v>5.2451787014520903</v>
      </c>
      <c r="O5232" s="236">
        <f t="shared" si="1227"/>
        <v>3.4126792964855812</v>
      </c>
      <c r="P5232" s="236" t="str">
        <f t="shared" si="1228"/>
        <v>CLAY</v>
      </c>
      <c r="Q5232" s="236">
        <f t="shared" si="1224"/>
        <v>183.81960301938693</v>
      </c>
      <c r="R5232" s="238">
        <v>35</v>
      </c>
      <c r="S5232" s="236">
        <f t="shared" si="1229"/>
        <v>1.6815000056341221</v>
      </c>
      <c r="T5232" s="236" t="e">
        <f t="shared" si="1215"/>
        <v>#N/A</v>
      </c>
    </row>
    <row r="5233" spans="1:20" x14ac:dyDescent="0.2">
      <c r="A5233" s="53">
        <f t="shared" si="1216"/>
        <v>5221</v>
      </c>
      <c r="B5233" s="239">
        <v>51.802</v>
      </c>
      <c r="C5233" s="3">
        <f t="shared" si="1217"/>
        <v>51.795000000000002</v>
      </c>
      <c r="D5233" s="239">
        <v>2.9823</v>
      </c>
      <c r="E5233" s="239">
        <v>9.6600000000000005E-2</v>
      </c>
      <c r="F5233" s="239">
        <v>1.5037</v>
      </c>
      <c r="G5233">
        <f t="shared" si="1218"/>
        <v>3.2830399999999997</v>
      </c>
      <c r="H5233" s="235">
        <f t="shared" si="1219"/>
        <v>2.9423948535503683</v>
      </c>
      <c r="I5233" s="236">
        <f t="shared" si="1220"/>
        <v>19.06852985242271</v>
      </c>
      <c r="J5233" s="237">
        <f t="shared" si="1225"/>
        <v>9.06852985242271</v>
      </c>
      <c r="K5233" s="237">
        <f t="shared" si="1221"/>
        <v>987.65450370623432</v>
      </c>
      <c r="L5233" s="237">
        <f t="shared" si="1226"/>
        <v>469.76798341520123</v>
      </c>
      <c r="M5233" s="236">
        <f t="shared" si="1222"/>
        <v>4.8862110176312399</v>
      </c>
      <c r="N5233" s="236">
        <f t="shared" si="1223"/>
        <v>4.2084434251229164</v>
      </c>
      <c r="O5233" s="236">
        <f t="shared" si="1227"/>
        <v>3.3368996992091722</v>
      </c>
      <c r="P5233" s="236" t="str">
        <f t="shared" si="1228"/>
        <v>CLAY</v>
      </c>
      <c r="Q5233" s="236">
        <f t="shared" si="1224"/>
        <v>191.28212469114715</v>
      </c>
      <c r="R5233" s="238">
        <v>35</v>
      </c>
      <c r="S5233" s="236">
        <f t="shared" si="1229"/>
        <v>1.8161649163625522</v>
      </c>
      <c r="T5233" s="236" t="e">
        <f t="shared" si="1215"/>
        <v>#N/A</v>
      </c>
    </row>
    <row r="5234" spans="1:20" x14ac:dyDescent="0.2">
      <c r="A5234" s="53">
        <f t="shared" si="1216"/>
        <v>5222</v>
      </c>
      <c r="B5234" s="239">
        <v>51.811999999999998</v>
      </c>
      <c r="C5234" s="3">
        <f t="shared" si="1217"/>
        <v>51.805</v>
      </c>
      <c r="D5234" s="239">
        <v>3.1093999999999999</v>
      </c>
      <c r="E5234" s="239">
        <v>8.7900000000000006E-2</v>
      </c>
      <c r="F5234" s="239">
        <v>1.5431999999999999</v>
      </c>
      <c r="G5234">
        <f t="shared" si="1218"/>
        <v>3.41804</v>
      </c>
      <c r="H5234" s="235">
        <f t="shared" si="1219"/>
        <v>2.5716492492773639</v>
      </c>
      <c r="I5234" s="236">
        <f t="shared" si="1220"/>
        <v>18.973612443796984</v>
      </c>
      <c r="J5234" s="237">
        <f t="shared" si="1225"/>
        <v>8.9736124437969842</v>
      </c>
      <c r="K5234" s="237">
        <f t="shared" si="1221"/>
        <v>982.92799265090275</v>
      </c>
      <c r="L5234" s="237">
        <f t="shared" si="1226"/>
        <v>464.9408079380093</v>
      </c>
      <c r="M5234" s="236">
        <f t="shared" si="1222"/>
        <v>5.2374667178574947</v>
      </c>
      <c r="N5234" s="236">
        <f t="shared" si="1223"/>
        <v>3.6096902210132571</v>
      </c>
      <c r="O5234" s="236">
        <f t="shared" si="1227"/>
        <v>3.2751691735587141</v>
      </c>
      <c r="P5234" s="236" t="str">
        <f t="shared" si="1228"/>
        <v>CLAY</v>
      </c>
      <c r="Q5234" s="236">
        <f t="shared" si="1224"/>
        <v>202.92600061242479</v>
      </c>
      <c r="R5234" s="238">
        <v>35</v>
      </c>
      <c r="S5234" s="236">
        <f t="shared" si="1229"/>
        <v>1.9808044541803491</v>
      </c>
      <c r="T5234" s="236" t="e">
        <f t="shared" si="1215"/>
        <v>#N/A</v>
      </c>
    </row>
    <row r="5235" spans="1:20" x14ac:dyDescent="0.2">
      <c r="A5235" s="53">
        <f t="shared" si="1216"/>
        <v>5223</v>
      </c>
      <c r="B5235" s="239">
        <v>51.820999999999998</v>
      </c>
      <c r="C5235" s="3">
        <f t="shared" si="1217"/>
        <v>51.814</v>
      </c>
      <c r="D5235" s="239">
        <v>3.2048000000000001</v>
      </c>
      <c r="E5235" s="239">
        <v>8.6699999999999999E-2</v>
      </c>
      <c r="F5235" s="239">
        <v>1.5583</v>
      </c>
      <c r="G5235">
        <f t="shared" si="1218"/>
        <v>3.5164599999999999</v>
      </c>
      <c r="H5235" s="235">
        <f t="shared" si="1219"/>
        <v>2.4655477383505002</v>
      </c>
      <c r="I5235" s="236">
        <f t="shared" si="1220"/>
        <v>18.968589731048532</v>
      </c>
      <c r="J5235" s="237">
        <f t="shared" si="1225"/>
        <v>8.9685897310485316</v>
      </c>
      <c r="K5235" s="237">
        <f t="shared" si="1221"/>
        <v>982.83850832454857</v>
      </c>
      <c r="L5235" s="237">
        <f t="shared" si="1226"/>
        <v>464.76128845266595</v>
      </c>
      <c r="M5235" s="236">
        <f t="shared" si="1222"/>
        <v>5.4514469139860182</v>
      </c>
      <c r="N5235" s="236">
        <f t="shared" si="1223"/>
        <v>3.4219791821653045</v>
      </c>
      <c r="O5235" s="236">
        <f t="shared" si="1227"/>
        <v>3.2479912062477125</v>
      </c>
      <c r="P5235" s="236" t="str">
        <f t="shared" si="1228"/>
        <v>CLAY</v>
      </c>
      <c r="Q5235" s="236">
        <f t="shared" si="1224"/>
        <v>211.13512430628762</v>
      </c>
      <c r="R5235" s="238">
        <v>35</v>
      </c>
      <c r="S5235" s="236">
        <f t="shared" si="1229"/>
        <v>2.0824747428148549</v>
      </c>
      <c r="T5235" s="236" t="e">
        <f t="shared" si="1215"/>
        <v>#N/A</v>
      </c>
    </row>
    <row r="5236" spans="1:20" x14ac:dyDescent="0.2">
      <c r="A5236" s="53">
        <f t="shared" si="1216"/>
        <v>5224</v>
      </c>
      <c r="B5236" s="239">
        <v>51.831000000000003</v>
      </c>
      <c r="C5236" s="3">
        <f t="shared" si="1217"/>
        <v>51.824000000000005</v>
      </c>
      <c r="D5236" s="239">
        <v>3.3117000000000001</v>
      </c>
      <c r="E5236" s="239">
        <v>8.2500000000000004E-2</v>
      </c>
      <c r="F5236" s="239">
        <v>1.5671999999999999</v>
      </c>
      <c r="G5236">
        <f t="shared" si="1218"/>
        <v>3.62514</v>
      </c>
      <c r="H5236" s="235">
        <f t="shared" si="1219"/>
        <v>2.2757741769973023</v>
      </c>
      <c r="I5236" s="236">
        <f t="shared" si="1220"/>
        <v>18.922261020469268</v>
      </c>
      <c r="J5236" s="237">
        <f t="shared" si="1225"/>
        <v>8.9222610204692678</v>
      </c>
      <c r="K5236" s="237">
        <f t="shared" si="1221"/>
        <v>980.62725512479949</v>
      </c>
      <c r="L5236" s="237">
        <f t="shared" si="1226"/>
        <v>462.44971095194262</v>
      </c>
      <c r="M5236" s="236">
        <f t="shared" si="1222"/>
        <v>5.7184871830312725</v>
      </c>
      <c r="N5236" s="236">
        <f t="shared" si="1223"/>
        <v>3.1196673247227373</v>
      </c>
      <c r="O5236" s="236">
        <f t="shared" si="1227"/>
        <v>3.2088955666799945</v>
      </c>
      <c r="P5236" s="236" t="str">
        <f t="shared" si="1228"/>
        <v>CLAY</v>
      </c>
      <c r="Q5236" s="236">
        <f t="shared" si="1224"/>
        <v>220.37606207293337</v>
      </c>
      <c r="R5236" s="238">
        <v>35</v>
      </c>
      <c r="S5236" s="236">
        <f t="shared" si="1229"/>
        <v>2.2107592394211188</v>
      </c>
      <c r="T5236" s="236" t="e">
        <f t="shared" si="1215"/>
        <v>#N/A</v>
      </c>
    </row>
    <row r="5237" spans="1:20" x14ac:dyDescent="0.2">
      <c r="A5237" s="53">
        <f t="shared" si="1216"/>
        <v>5225</v>
      </c>
      <c r="B5237" s="239">
        <v>51.841000000000001</v>
      </c>
      <c r="C5237" s="3">
        <f t="shared" si="1217"/>
        <v>51.834000000000003</v>
      </c>
      <c r="D5237" s="239">
        <v>3.4333999999999998</v>
      </c>
      <c r="E5237" s="239">
        <v>8.0699999999999994E-2</v>
      </c>
      <c r="F5237" s="239">
        <v>1.5399</v>
      </c>
      <c r="G5237">
        <f t="shared" si="1218"/>
        <v>3.7413799999999995</v>
      </c>
      <c r="H5237" s="235">
        <f t="shared" si="1219"/>
        <v>2.1569581277496539</v>
      </c>
      <c r="I5237" s="236">
        <f t="shared" si="1220"/>
        <v>18.908730236437957</v>
      </c>
      <c r="J5237" s="237">
        <f t="shared" si="1225"/>
        <v>8.9087302364379575</v>
      </c>
      <c r="K5237" s="237">
        <f t="shared" si="1221"/>
        <v>980.11512307552516</v>
      </c>
      <c r="L5237" s="237">
        <f t="shared" si="1226"/>
        <v>461.83748418718017</v>
      </c>
      <c r="M5237" s="236">
        <f t="shared" si="1222"/>
        <v>5.9788669639585796</v>
      </c>
      <c r="N5237" s="236">
        <f t="shared" si="1223"/>
        <v>2.9225736608754644</v>
      </c>
      <c r="O5237" s="236">
        <f t="shared" si="1227"/>
        <v>3.1774371763855007</v>
      </c>
      <c r="P5237" s="236" t="str">
        <f t="shared" si="1228"/>
        <v>CLAY</v>
      </c>
      <c r="Q5237" s="236">
        <f t="shared" si="1224"/>
        <v>230.10540641037286</v>
      </c>
      <c r="R5237" s="238">
        <v>35</v>
      </c>
      <c r="S5237" s="236">
        <f t="shared" si="1229"/>
        <v>2.337295490729125</v>
      </c>
      <c r="T5237" s="236" t="e">
        <f t="shared" si="1215"/>
        <v>#N/A</v>
      </c>
    </row>
    <row r="5238" spans="1:20" x14ac:dyDescent="0.2">
      <c r="A5238" s="53">
        <f t="shared" si="1216"/>
        <v>5226</v>
      </c>
      <c r="B5238" s="239">
        <v>51.851999999999997</v>
      </c>
      <c r="C5238" s="3">
        <f t="shared" si="1217"/>
        <v>51.844999999999999</v>
      </c>
      <c r="D5238" s="239">
        <v>3.4487000000000001</v>
      </c>
      <c r="E5238" s="239">
        <v>7.8399999999999997E-2</v>
      </c>
      <c r="F5238" s="239">
        <v>1.5450999999999999</v>
      </c>
      <c r="G5238">
        <f t="shared" si="1218"/>
        <v>3.7577199999999999</v>
      </c>
      <c r="H5238" s="235">
        <f t="shared" si="1219"/>
        <v>2.0863715231576592</v>
      </c>
      <c r="I5238" s="236">
        <f t="shared" si="1220"/>
        <v>18.876528398272285</v>
      </c>
      <c r="J5238" s="237">
        <f t="shared" si="1225"/>
        <v>8.8765283982722849</v>
      </c>
      <c r="K5238" s="237">
        <f t="shared" si="1221"/>
        <v>978.6536148084266</v>
      </c>
      <c r="L5238" s="237">
        <f t="shared" si="1226"/>
        <v>460.26575050721448</v>
      </c>
      <c r="M5238" s="236">
        <f t="shared" si="1222"/>
        <v>6.037960422058414</v>
      </c>
      <c r="N5238" s="236">
        <f t="shared" si="1223"/>
        <v>2.8210912995011284</v>
      </c>
      <c r="O5238" s="236">
        <f t="shared" si="1227"/>
        <v>3.1656918059024219</v>
      </c>
      <c r="P5238" s="236" t="str">
        <f t="shared" si="1228"/>
        <v>CLAY</v>
      </c>
      <c r="Q5238" s="236">
        <f t="shared" si="1224"/>
        <v>231.58886543263111</v>
      </c>
      <c r="R5238" s="238">
        <v>35</v>
      </c>
      <c r="S5238" s="236">
        <f t="shared" si="1229"/>
        <v>2.3662075519981816</v>
      </c>
      <c r="T5238" s="236" t="e">
        <f t="shared" si="1215"/>
        <v>#N/A</v>
      </c>
    </row>
    <row r="5239" spans="1:20" x14ac:dyDescent="0.2">
      <c r="A5239" s="53">
        <f t="shared" si="1216"/>
        <v>5227</v>
      </c>
      <c r="B5239" s="239">
        <v>51.860999999999997</v>
      </c>
      <c r="C5239" s="3">
        <f t="shared" si="1217"/>
        <v>51.853999999999999</v>
      </c>
      <c r="D5239" s="239">
        <v>3.4457</v>
      </c>
      <c r="E5239" s="239">
        <v>7.7700000000000005E-2</v>
      </c>
      <c r="F5239" s="239">
        <v>1.4721</v>
      </c>
      <c r="G5239">
        <f t="shared" si="1218"/>
        <v>3.7401200000000001</v>
      </c>
      <c r="H5239" s="235">
        <f t="shared" si="1219"/>
        <v>2.0774734500497312</v>
      </c>
      <c r="I5239" s="236">
        <f t="shared" si="1220"/>
        <v>18.864176788048272</v>
      </c>
      <c r="J5239" s="237">
        <f t="shared" si="1225"/>
        <v>8.8641767880482725</v>
      </c>
      <c r="K5239" s="237">
        <f t="shared" si="1221"/>
        <v>978.18302316745508</v>
      </c>
      <c r="L5239" s="237">
        <f t="shared" si="1226"/>
        <v>459.70507240497142</v>
      </c>
      <c r="M5239" s="236">
        <f t="shared" si="1222"/>
        <v>6.0080628703601757</v>
      </c>
      <c r="N5239" s="236">
        <f t="shared" si="1223"/>
        <v>2.8132430483300963</v>
      </c>
      <c r="O5239" s="236">
        <f t="shared" si="1227"/>
        <v>3.166885381326682</v>
      </c>
      <c r="P5239" s="236" t="str">
        <f t="shared" si="1228"/>
        <v>CLAY</v>
      </c>
      <c r="Q5239" s="236">
        <f t="shared" si="1224"/>
        <v>230.16141473604543</v>
      </c>
      <c r="R5239" s="238">
        <v>35</v>
      </c>
      <c r="S5239" s="236">
        <f t="shared" si="1229"/>
        <v>2.3515709929435564</v>
      </c>
      <c r="T5239" s="236" t="e">
        <f t="shared" si="1215"/>
        <v>#N/A</v>
      </c>
    </row>
    <row r="5240" spans="1:20" x14ac:dyDescent="0.2">
      <c r="A5240" s="53">
        <f t="shared" si="1216"/>
        <v>5228</v>
      </c>
      <c r="B5240" s="239">
        <v>51.871000000000002</v>
      </c>
      <c r="C5240" s="3">
        <f t="shared" si="1217"/>
        <v>51.864000000000004</v>
      </c>
      <c r="D5240" s="239">
        <v>3.391</v>
      </c>
      <c r="E5240" s="239">
        <v>8.1199999999999994E-2</v>
      </c>
      <c r="F5240" s="239">
        <v>1.6314</v>
      </c>
      <c r="G5240">
        <f t="shared" si="1218"/>
        <v>3.7172799999999997</v>
      </c>
      <c r="H5240" s="235">
        <f t="shared" si="1219"/>
        <v>2.1843928894245255</v>
      </c>
      <c r="I5240" s="236">
        <f t="shared" si="1220"/>
        <v>18.913447080904568</v>
      </c>
      <c r="J5240" s="237">
        <f t="shared" si="1225"/>
        <v>8.9134470809045681</v>
      </c>
      <c r="K5240" s="237">
        <f t="shared" si="1221"/>
        <v>980.92701940403458</v>
      </c>
      <c r="L5240" s="237">
        <f t="shared" si="1226"/>
        <v>462.34941353360085</v>
      </c>
      <c r="M5240" s="236">
        <f t="shared" si="1222"/>
        <v>5.9183658516679465</v>
      </c>
      <c r="N5240" s="236">
        <f t="shared" si="1223"/>
        <v>2.96745341612744</v>
      </c>
      <c r="O5240" s="236">
        <f t="shared" si="1227"/>
        <v>3.1846943939457835</v>
      </c>
      <c r="P5240" s="236" t="str">
        <f t="shared" si="1228"/>
        <v>CLAY</v>
      </c>
      <c r="Q5240" s="236">
        <f t="shared" si="1224"/>
        <v>228.02941504966375</v>
      </c>
      <c r="R5240" s="238">
        <v>35</v>
      </c>
      <c r="S5240" s="236">
        <f t="shared" si="1229"/>
        <v>2.3077686473133547</v>
      </c>
      <c r="T5240" s="236" t="e">
        <f t="shared" si="1215"/>
        <v>#N/A</v>
      </c>
    </row>
    <row r="5241" spans="1:20" x14ac:dyDescent="0.2">
      <c r="A5241" s="53">
        <f t="shared" si="1216"/>
        <v>5229</v>
      </c>
      <c r="B5241" s="239">
        <v>51.881</v>
      </c>
      <c r="C5241" s="3">
        <f t="shared" si="1217"/>
        <v>51.874000000000002</v>
      </c>
      <c r="D5241" s="239">
        <v>3.4872000000000001</v>
      </c>
      <c r="E5241" s="239">
        <v>8.2199999999999995E-2</v>
      </c>
      <c r="F5241" s="239">
        <v>1.6339999999999999</v>
      </c>
      <c r="G5241">
        <f t="shared" si="1218"/>
        <v>3.8140000000000001</v>
      </c>
      <c r="H5241" s="235">
        <f t="shared" si="1219"/>
        <v>2.1552176192973254</v>
      </c>
      <c r="I5241" s="236">
        <f t="shared" si="1220"/>
        <v>18.93783958157961</v>
      </c>
      <c r="J5241" s="237">
        <f t="shared" si="1225"/>
        <v>8.9378395815796097</v>
      </c>
      <c r="K5241" s="237">
        <f t="shared" si="1221"/>
        <v>982.38149045486068</v>
      </c>
      <c r="L5241" s="237">
        <f t="shared" si="1226"/>
        <v>463.70405533193173</v>
      </c>
      <c r="M5241" s="236">
        <f t="shared" si="1222"/>
        <v>6.1065209091565764</v>
      </c>
      <c r="N5241" s="236">
        <f t="shared" si="1223"/>
        <v>2.9029334185700142</v>
      </c>
      <c r="O5241" s="236">
        <f t="shared" si="1227"/>
        <v>3.1681072085399955</v>
      </c>
      <c r="P5241" s="236" t="str">
        <f t="shared" si="1228"/>
        <v>CLAY</v>
      </c>
      <c r="Q5241" s="236">
        <f t="shared" si="1224"/>
        <v>235.9682091287616</v>
      </c>
      <c r="R5241" s="238">
        <v>35</v>
      </c>
      <c r="S5241" s="236">
        <f t="shared" si="1229"/>
        <v>2.3998401741002269</v>
      </c>
      <c r="T5241" s="236" t="e">
        <f t="shared" si="1215"/>
        <v>#N/A</v>
      </c>
    </row>
    <row r="5242" spans="1:20" x14ac:dyDescent="0.2">
      <c r="A5242" s="53">
        <f t="shared" si="1216"/>
        <v>5230</v>
      </c>
      <c r="B5242" s="239">
        <v>51.890999999999998</v>
      </c>
      <c r="C5242" s="3">
        <f t="shared" si="1217"/>
        <v>51.884</v>
      </c>
      <c r="D5242" s="239">
        <v>3.5880999999999998</v>
      </c>
      <c r="E5242" s="239">
        <v>8.7400000000000005E-2</v>
      </c>
      <c r="F5242" s="239">
        <v>1.7116</v>
      </c>
      <c r="G5242">
        <f t="shared" si="1218"/>
        <v>3.9304199999999998</v>
      </c>
      <c r="H5242" s="235">
        <f t="shared" si="1219"/>
        <v>2.2236809297734088</v>
      </c>
      <c r="I5242" s="236">
        <f t="shared" si="1220"/>
        <v>19.021518987436998</v>
      </c>
      <c r="J5242" s="237">
        <f t="shared" si="1225"/>
        <v>9.0215189874369983</v>
      </c>
      <c r="K5242" s="237">
        <f t="shared" si="1221"/>
        <v>986.91249114418122</v>
      </c>
      <c r="L5242" s="237">
        <f t="shared" si="1226"/>
        <v>468.13564177709327</v>
      </c>
      <c r="M5242" s="236">
        <f t="shared" si="1222"/>
        <v>6.2877235702070173</v>
      </c>
      <c r="N5242" s="236">
        <f t="shared" si="1223"/>
        <v>2.969246714576026</v>
      </c>
      <c r="O5242" s="236">
        <f t="shared" si="1227"/>
        <v>3.1625936733733515</v>
      </c>
      <c r="P5242" s="236" t="str">
        <f t="shared" si="1228"/>
        <v>CLAY</v>
      </c>
      <c r="Q5242" s="236">
        <f t="shared" si="1224"/>
        <v>245.29229240465153</v>
      </c>
      <c r="R5242" s="238">
        <v>35</v>
      </c>
      <c r="S5242" s="236">
        <f t="shared" si="1229"/>
        <v>2.4891829017851381</v>
      </c>
      <c r="T5242" s="236" t="e">
        <f t="shared" si="1215"/>
        <v>#N/A</v>
      </c>
    </row>
    <row r="5243" spans="1:20" x14ac:dyDescent="0.2">
      <c r="A5243" s="53">
        <f t="shared" si="1216"/>
        <v>5231</v>
      </c>
      <c r="B5243" s="239">
        <v>51.901000000000003</v>
      </c>
      <c r="C5243" s="3">
        <f t="shared" si="1217"/>
        <v>51.894000000000005</v>
      </c>
      <c r="D5243" s="239">
        <v>3.8399000000000001</v>
      </c>
      <c r="E5243" s="239">
        <v>0.09</v>
      </c>
      <c r="F5243" s="239">
        <v>1.7322</v>
      </c>
      <c r="G5243">
        <f t="shared" si="1218"/>
        <v>4.1863400000000004</v>
      </c>
      <c r="H5243" s="235">
        <f t="shared" si="1219"/>
        <v>2.1498492716788409</v>
      </c>
      <c r="I5243" s="236">
        <f t="shared" si="1220"/>
        <v>19.080548877461201</v>
      </c>
      <c r="J5243" s="237">
        <f t="shared" si="1225"/>
        <v>9.0805488774612009</v>
      </c>
      <c r="K5243" s="237">
        <f t="shared" si="1221"/>
        <v>990.16600344697167</v>
      </c>
      <c r="L5243" s="237">
        <f t="shared" si="1226"/>
        <v>471.28956728911379</v>
      </c>
      <c r="M5243" s="236">
        <f t="shared" si="1222"/>
        <v>6.7817626749890003</v>
      </c>
      <c r="N5243" s="236">
        <f t="shared" si="1223"/>
        <v>2.8158667236846968</v>
      </c>
      <c r="O5243" s="236">
        <f t="shared" si="1227"/>
        <v>3.1225178124337662</v>
      </c>
      <c r="P5243" s="236" t="str">
        <f t="shared" si="1228"/>
        <v>CLAY</v>
      </c>
      <c r="Q5243" s="236">
        <f t="shared" si="1224"/>
        <v>266.34783304608573</v>
      </c>
      <c r="R5243" s="238">
        <v>35</v>
      </c>
      <c r="S5243" s="236">
        <f t="shared" si="1229"/>
        <v>2.7360135467239819</v>
      </c>
      <c r="T5243" s="236" t="e">
        <f t="shared" si="1215"/>
        <v>#N/A</v>
      </c>
    </row>
    <row r="5244" spans="1:20" x14ac:dyDescent="0.2">
      <c r="A5244" s="53">
        <f t="shared" si="1216"/>
        <v>5232</v>
      </c>
      <c r="B5244" s="239">
        <v>51.91</v>
      </c>
      <c r="C5244" s="3">
        <f t="shared" si="1217"/>
        <v>51.902999999999999</v>
      </c>
      <c r="D5244" s="239">
        <v>4.0347999999999997</v>
      </c>
      <c r="E5244" s="239">
        <v>7.9600000000000004E-2</v>
      </c>
      <c r="F5244" s="239">
        <v>1.6936</v>
      </c>
      <c r="G5244">
        <f t="shared" si="1218"/>
        <v>4.3735199999999992</v>
      </c>
      <c r="H5244" s="235">
        <f t="shared" si="1219"/>
        <v>1.8200442664032639</v>
      </c>
      <c r="I5244" s="236">
        <f t="shared" si="1220"/>
        <v>18.953656342469774</v>
      </c>
      <c r="J5244" s="237">
        <f t="shared" si="1225"/>
        <v>8.9536563424697739</v>
      </c>
      <c r="K5244" s="237">
        <f t="shared" si="1221"/>
        <v>983.75162514320868</v>
      </c>
      <c r="L5244" s="237">
        <f t="shared" si="1226"/>
        <v>464.78430073760592</v>
      </c>
      <c r="M5244" s="236">
        <f t="shared" si="1222"/>
        <v>7.293207557736519</v>
      </c>
      <c r="N5244" s="236">
        <f t="shared" si="1223"/>
        <v>2.3482430419265126</v>
      </c>
      <c r="O5244" s="236">
        <f t="shared" si="1227"/>
        <v>3.0540689248488659</v>
      </c>
      <c r="P5244" s="236" t="str">
        <f t="shared" si="1228"/>
        <v>CLAY</v>
      </c>
      <c r="Q5244" s="236">
        <f t="shared" si="1224"/>
        <v>282.48069790473255</v>
      </c>
      <c r="R5244" s="238">
        <v>35</v>
      </c>
      <c r="S5244" s="236">
        <f t="shared" si="1229"/>
        <v>2.9963202222298735</v>
      </c>
      <c r="T5244" s="236" t="e">
        <f t="shared" si="1215"/>
        <v>#N/A</v>
      </c>
    </row>
    <row r="5245" spans="1:20" x14ac:dyDescent="0.2">
      <c r="A5245" s="53">
        <f t="shared" si="1216"/>
        <v>5233</v>
      </c>
      <c r="B5245" s="239">
        <v>51.92</v>
      </c>
      <c r="C5245" s="3">
        <f t="shared" si="1217"/>
        <v>51.913000000000004</v>
      </c>
      <c r="D5245" s="239">
        <v>4.0961999999999996</v>
      </c>
      <c r="E5245" s="239">
        <v>7.9100000000000004E-2</v>
      </c>
      <c r="F5245" s="239">
        <v>1.5176000000000001</v>
      </c>
      <c r="G5245">
        <f t="shared" si="1218"/>
        <v>4.3997199999999994</v>
      </c>
      <c r="H5245" s="235">
        <f t="shared" si="1219"/>
        <v>1.7978416808342352</v>
      </c>
      <c r="I5245" s="236">
        <f t="shared" si="1220"/>
        <v>18.948602094642908</v>
      </c>
      <c r="J5245" s="237">
        <f t="shared" si="1225"/>
        <v>8.9486020946429079</v>
      </c>
      <c r="K5245" s="237">
        <f t="shared" si="1221"/>
        <v>983.67878053919731</v>
      </c>
      <c r="L5245" s="237">
        <f t="shared" si="1226"/>
        <v>464.61142075385982</v>
      </c>
      <c r="M5245" s="236">
        <f t="shared" si="1222"/>
        <v>7.3524693256960214</v>
      </c>
      <c r="N5245" s="236">
        <f t="shared" si="1223"/>
        <v>2.3155458297568607</v>
      </c>
      <c r="O5245" s="236">
        <f t="shared" si="1227"/>
        <v>3.0478986710785088</v>
      </c>
      <c r="P5245" s="236" t="str">
        <f t="shared" si="1228"/>
        <v>CLAY</v>
      </c>
      <c r="Q5245" s="236">
        <f t="shared" si="1224"/>
        <v>284.67010162173352</v>
      </c>
      <c r="R5245" s="238">
        <v>35</v>
      </c>
      <c r="S5245" s="236">
        <f t="shared" si="1229"/>
        <v>3.0267847370784753</v>
      </c>
      <c r="T5245" s="236" t="e">
        <f t="shared" si="1215"/>
        <v>#N/A</v>
      </c>
    </row>
    <row r="5246" spans="1:20" x14ac:dyDescent="0.2">
      <c r="A5246" s="53">
        <f t="shared" si="1216"/>
        <v>5234</v>
      </c>
      <c r="B5246" s="239">
        <v>51.930999999999997</v>
      </c>
      <c r="C5246" s="3">
        <f t="shared" si="1217"/>
        <v>51.923999999999999</v>
      </c>
      <c r="D5246" s="239">
        <v>3.9718</v>
      </c>
      <c r="E5246" s="239">
        <v>7.5200000000000003E-2</v>
      </c>
      <c r="F5246" s="239">
        <v>1.3384</v>
      </c>
      <c r="G5246">
        <f t="shared" si="1218"/>
        <v>4.2394800000000004</v>
      </c>
      <c r="H5246" s="235">
        <f t="shared" si="1219"/>
        <v>1.7738024474699725</v>
      </c>
      <c r="I5246" s="236">
        <f t="shared" si="1220"/>
        <v>18.874812555695932</v>
      </c>
      <c r="J5246" s="237">
        <f t="shared" si="1225"/>
        <v>8.8748125556959323</v>
      </c>
      <c r="K5246" s="237">
        <f t="shared" si="1221"/>
        <v>980.05576714195558</v>
      </c>
      <c r="L5246" s="237">
        <f t="shared" si="1226"/>
        <v>460.87789082984546</v>
      </c>
      <c r="M5246" s="236">
        <f t="shared" si="1222"/>
        <v>7.0722078401053379</v>
      </c>
      <c r="N5246" s="236">
        <f t="shared" si="1223"/>
        <v>2.3071559461917741</v>
      </c>
      <c r="O5246" s="236">
        <f t="shared" si="1227"/>
        <v>3.0615134408905718</v>
      </c>
      <c r="P5246" s="236" t="str">
        <f t="shared" si="1228"/>
        <v>CLAY</v>
      </c>
      <c r="Q5246" s="236">
        <f t="shared" si="1224"/>
        <v>271.61868607150376</v>
      </c>
      <c r="R5246" s="238">
        <v>35</v>
      </c>
      <c r="S5246" s="236">
        <f t="shared" si="1229"/>
        <v>2.8832598069000115</v>
      </c>
      <c r="T5246" s="236" t="e">
        <f t="shared" si="1215"/>
        <v>#N/A</v>
      </c>
    </row>
    <row r="5247" spans="1:20" x14ac:dyDescent="0.2">
      <c r="A5247" s="53">
        <f t="shared" si="1216"/>
        <v>5235</v>
      </c>
      <c r="B5247" s="239">
        <v>51.94</v>
      </c>
      <c r="C5247" s="3">
        <f t="shared" si="1217"/>
        <v>51.933</v>
      </c>
      <c r="D5247" s="239">
        <v>3.8237000000000001</v>
      </c>
      <c r="E5247" s="239">
        <v>7.5200000000000003E-2</v>
      </c>
      <c r="F5247" s="239">
        <v>1.2665</v>
      </c>
      <c r="G5247">
        <f t="shared" si="1218"/>
        <v>4.077</v>
      </c>
      <c r="H5247" s="235">
        <f t="shared" si="1219"/>
        <v>1.8444935001226392</v>
      </c>
      <c r="I5247" s="236">
        <f t="shared" si="1220"/>
        <v>18.85953786428686</v>
      </c>
      <c r="J5247" s="237">
        <f t="shared" si="1225"/>
        <v>8.8595378642868603</v>
      </c>
      <c r="K5247" s="237">
        <f t="shared" si="1221"/>
        <v>979.43237990600949</v>
      </c>
      <c r="L5247" s="237">
        <f t="shared" si="1226"/>
        <v>460.16439667105948</v>
      </c>
      <c r="M5247" s="236">
        <f t="shared" si="1222"/>
        <v>6.7314369440629127</v>
      </c>
      <c r="N5247" s="236">
        <f t="shared" si="1223"/>
        <v>2.4277113278230287</v>
      </c>
      <c r="O5247" s="236">
        <f t="shared" si="1227"/>
        <v>3.0913188195879315</v>
      </c>
      <c r="P5247" s="236" t="str">
        <f t="shared" si="1228"/>
        <v>CLAY</v>
      </c>
      <c r="Q5247" s="236">
        <f t="shared" si="1224"/>
        <v>258.13063500783255</v>
      </c>
      <c r="R5247" s="238">
        <v>35</v>
      </c>
      <c r="S5247" s="236">
        <f t="shared" si="1229"/>
        <v>2.7106580587053672</v>
      </c>
      <c r="T5247" s="236" t="e">
        <f t="shared" si="1215"/>
        <v>#N/A</v>
      </c>
    </row>
    <row r="5248" spans="1:20" x14ac:dyDescent="0.2">
      <c r="A5248" s="53">
        <f t="shared" si="1216"/>
        <v>5236</v>
      </c>
      <c r="B5248" s="239">
        <v>51.95</v>
      </c>
      <c r="C5248" s="3">
        <f t="shared" si="1217"/>
        <v>51.943000000000005</v>
      </c>
      <c r="D5248" s="239">
        <v>3.7090999999999998</v>
      </c>
      <c r="E5248" s="239">
        <v>7.9500000000000001E-2</v>
      </c>
      <c r="F5248" s="239">
        <v>1.2504999999999999</v>
      </c>
      <c r="G5248">
        <f t="shared" si="1218"/>
        <v>3.9591999999999996</v>
      </c>
      <c r="H5248" s="235">
        <f t="shared" si="1219"/>
        <v>2.0079814103859368</v>
      </c>
      <c r="I5248" s="236">
        <f t="shared" si="1220"/>
        <v>18.913280998477745</v>
      </c>
      <c r="J5248" s="237">
        <f t="shared" si="1225"/>
        <v>8.9132809984777452</v>
      </c>
      <c r="K5248" s="237">
        <f t="shared" si="1221"/>
        <v>982.41255490392962</v>
      </c>
      <c r="L5248" s="237">
        <f t="shared" si="1226"/>
        <v>463.04494787091892</v>
      </c>
      <c r="M5248" s="236">
        <f t="shared" si="1222"/>
        <v>6.4287224356584423</v>
      </c>
      <c r="N5248" s="236">
        <f t="shared" si="1223"/>
        <v>2.6706643140062791</v>
      </c>
      <c r="O5248" s="236">
        <f t="shared" si="1227"/>
        <v>3.1300056509161314</v>
      </c>
      <c r="P5248" s="236" t="str">
        <f t="shared" si="1228"/>
        <v>CLAY</v>
      </c>
      <c r="Q5248" s="236">
        <f t="shared" si="1224"/>
        <v>248.06562042467252</v>
      </c>
      <c r="R5248" s="238">
        <v>35</v>
      </c>
      <c r="S5248" s="236">
        <f t="shared" si="1229"/>
        <v>2.5591506521003224</v>
      </c>
      <c r="T5248" s="236" t="e">
        <f t="shared" si="1215"/>
        <v>#N/A</v>
      </c>
    </row>
    <row r="5249" spans="1:20" x14ac:dyDescent="0.2">
      <c r="A5249" s="53">
        <f t="shared" si="1216"/>
        <v>5237</v>
      </c>
      <c r="B5249" s="239">
        <v>51.959000000000003</v>
      </c>
      <c r="C5249" s="3">
        <f t="shared" si="1217"/>
        <v>51.952000000000005</v>
      </c>
      <c r="D5249" s="239">
        <v>3.5958000000000001</v>
      </c>
      <c r="E5249" s="239">
        <v>0.1007</v>
      </c>
      <c r="F5249" s="239">
        <v>1.2775000000000001</v>
      </c>
      <c r="G5249">
        <f t="shared" si="1218"/>
        <v>3.8513000000000002</v>
      </c>
      <c r="H5249" s="235">
        <f t="shared" si="1219"/>
        <v>2.6147015293537246</v>
      </c>
      <c r="I5249" s="236">
        <f t="shared" si="1220"/>
        <v>19.179669239558507</v>
      </c>
      <c r="J5249" s="237">
        <f t="shared" si="1225"/>
        <v>9.1796692395585069</v>
      </c>
      <c r="K5249" s="237">
        <f t="shared" si="1221"/>
        <v>996.42217633354369</v>
      </c>
      <c r="L5249" s="237">
        <f t="shared" si="1226"/>
        <v>476.96643401822047</v>
      </c>
      <c r="M5249" s="236">
        <f t="shared" si="1222"/>
        <v>5.985490005272359</v>
      </c>
      <c r="N5249" s="236">
        <f t="shared" si="1223"/>
        <v>3.5272963054745796</v>
      </c>
      <c r="O5249" s="236">
        <f t="shared" si="1227"/>
        <v>3.2211120743902555</v>
      </c>
      <c r="P5249" s="236" t="str">
        <f t="shared" si="1228"/>
        <v>CLAY</v>
      </c>
      <c r="Q5249" s="236">
        <f t="shared" si="1224"/>
        <v>237.90648530553804</v>
      </c>
      <c r="R5249" s="238">
        <v>35</v>
      </c>
      <c r="S5249" s="236">
        <f t="shared" si="1229"/>
        <v>2.3405323388599646</v>
      </c>
      <c r="T5249" s="236" t="e">
        <f t="shared" si="1215"/>
        <v>#N/A</v>
      </c>
    </row>
    <row r="5250" spans="1:20" x14ac:dyDescent="0.2">
      <c r="A5250" s="53">
        <f t="shared" si="1216"/>
        <v>5238</v>
      </c>
      <c r="B5250" s="239">
        <v>51.97</v>
      </c>
      <c r="C5250" s="3">
        <f t="shared" si="1217"/>
        <v>51.963000000000001</v>
      </c>
      <c r="D5250" s="239">
        <v>3.5019</v>
      </c>
      <c r="E5250" s="239">
        <v>0.12720000000000001</v>
      </c>
      <c r="F5250" s="239">
        <v>1.5310999999999999</v>
      </c>
      <c r="G5250">
        <f t="shared" si="1218"/>
        <v>3.8081199999999997</v>
      </c>
      <c r="H5250" s="235">
        <f t="shared" si="1219"/>
        <v>3.3402308750774665</v>
      </c>
      <c r="I5250" s="236">
        <f t="shared" si="1220"/>
        <v>19.449197817648511</v>
      </c>
      <c r="J5250" s="237">
        <f t="shared" si="1225"/>
        <v>9.4491978176485105</v>
      </c>
      <c r="K5250" s="237">
        <f t="shared" si="1221"/>
        <v>1010.6386661984695</v>
      </c>
      <c r="L5250" s="237">
        <f t="shared" si="1226"/>
        <v>491.07481058319308</v>
      </c>
      <c r="M5250" s="236">
        <f t="shared" si="1222"/>
        <v>5.6966500286978334</v>
      </c>
      <c r="N5250" s="236">
        <f t="shared" si="1223"/>
        <v>4.5469472293903186</v>
      </c>
      <c r="O5250" s="236">
        <f t="shared" si="1227"/>
        <v>3.3005595524253106</v>
      </c>
      <c r="P5250" s="236" t="str">
        <f t="shared" si="1228"/>
        <v>CLAY</v>
      </c>
      <c r="Q5250" s="236">
        <f t="shared" si="1224"/>
        <v>233.12344448346084</v>
      </c>
      <c r="R5250" s="238">
        <v>35</v>
      </c>
      <c r="S5250" s="236">
        <f t="shared" si="1229"/>
        <v>2.2002115143664103</v>
      </c>
      <c r="T5250" s="236" t="e">
        <f t="shared" si="1215"/>
        <v>#N/A</v>
      </c>
    </row>
    <row r="5251" spans="1:20" x14ac:dyDescent="0.2">
      <c r="A5251" s="53">
        <f t="shared" si="1216"/>
        <v>5239</v>
      </c>
      <c r="B5251" s="239">
        <v>51.98</v>
      </c>
      <c r="C5251" s="3">
        <f t="shared" si="1217"/>
        <v>51.972999999999999</v>
      </c>
      <c r="D5251" s="239">
        <v>3.5257999999999998</v>
      </c>
      <c r="E5251" s="239">
        <v>0.13320000000000001</v>
      </c>
      <c r="F5251" s="239">
        <v>1.6431</v>
      </c>
      <c r="G5251">
        <f t="shared" si="1218"/>
        <v>3.8544199999999997</v>
      </c>
      <c r="H5251" s="235">
        <f t="shared" si="1219"/>
        <v>3.4557728529843663</v>
      </c>
      <c r="I5251" s="236">
        <f t="shared" si="1220"/>
        <v>19.507967593968448</v>
      </c>
      <c r="J5251" s="237">
        <f t="shared" si="1225"/>
        <v>9.5079675939684485</v>
      </c>
      <c r="K5251" s="237">
        <f t="shared" si="1221"/>
        <v>1013.8875997613221</v>
      </c>
      <c r="L5251" s="237">
        <f t="shared" si="1226"/>
        <v>494.22415553447991</v>
      </c>
      <c r="M5251" s="236">
        <f t="shared" si="1222"/>
        <v>5.7474576433172855</v>
      </c>
      <c r="N5251" s="236">
        <f t="shared" si="1223"/>
        <v>4.6892617732087061</v>
      </c>
      <c r="O5251" s="236">
        <f t="shared" si="1227"/>
        <v>3.3050291519647645</v>
      </c>
      <c r="P5251" s="236" t="str">
        <f t="shared" si="1228"/>
        <v>CLAY</v>
      </c>
      <c r="Q5251" s="236">
        <f t="shared" si="1224"/>
        <v>236.71103335322312</v>
      </c>
      <c r="R5251" s="238">
        <v>35</v>
      </c>
      <c r="S5251" s="236">
        <f t="shared" si="1229"/>
        <v>2.2247680187250487</v>
      </c>
      <c r="T5251" s="236" t="e">
        <f t="shared" si="1215"/>
        <v>#N/A</v>
      </c>
    </row>
    <row r="5252" spans="1:20" x14ac:dyDescent="0.2">
      <c r="A5252" s="53">
        <f t="shared" si="1216"/>
        <v>5240</v>
      </c>
      <c r="B5252" s="239">
        <v>51.99</v>
      </c>
      <c r="C5252" s="3">
        <f t="shared" si="1217"/>
        <v>51.983000000000004</v>
      </c>
      <c r="D5252" s="239">
        <v>3.6063999999999998</v>
      </c>
      <c r="E5252" s="239">
        <v>0.13800000000000001</v>
      </c>
      <c r="F5252" s="239">
        <v>1.7756000000000001</v>
      </c>
      <c r="G5252">
        <f t="shared" si="1218"/>
        <v>3.9615199999999997</v>
      </c>
      <c r="H5252" s="235">
        <f t="shared" si="1219"/>
        <v>3.4835113794705066</v>
      </c>
      <c r="I5252" s="236">
        <f t="shared" si="1220"/>
        <v>19.560192255215547</v>
      </c>
      <c r="J5252" s="237">
        <f t="shared" si="1225"/>
        <v>9.5601922552155472</v>
      </c>
      <c r="K5252" s="237">
        <f t="shared" si="1221"/>
        <v>1016.7974740028699</v>
      </c>
      <c r="L5252" s="237">
        <f t="shared" si="1226"/>
        <v>497.03439534865629</v>
      </c>
      <c r="M5252" s="236">
        <f t="shared" si="1222"/>
        <v>5.9245850056945972</v>
      </c>
      <c r="N5252" s="236">
        <f t="shared" si="1223"/>
        <v>4.6863498608674856</v>
      </c>
      <c r="O5252" s="236">
        <f t="shared" si="1227"/>
        <v>3.2940719645355641</v>
      </c>
      <c r="P5252" s="236" t="str">
        <f t="shared" si="1228"/>
        <v>CLAY</v>
      </c>
      <c r="Q5252" s="236">
        <f t="shared" si="1224"/>
        <v>245.39354383309413</v>
      </c>
      <c r="R5252" s="238">
        <v>35</v>
      </c>
      <c r="S5252" s="236">
        <f t="shared" si="1229"/>
        <v>2.3108003653933218</v>
      </c>
      <c r="T5252" s="236" t="e">
        <f t="shared" si="1215"/>
        <v>#N/A</v>
      </c>
    </row>
    <row r="5253" spans="1:20" x14ac:dyDescent="0.2">
      <c r="A5253" s="53">
        <f t="shared" si="1216"/>
        <v>5241</v>
      </c>
      <c r="B5253" s="239">
        <v>52</v>
      </c>
      <c r="C5253" s="3">
        <f t="shared" si="1217"/>
        <v>51.993000000000002</v>
      </c>
      <c r="D5253" s="239">
        <v>3.7082000000000002</v>
      </c>
      <c r="E5253" s="239">
        <v>0.13800000000000001</v>
      </c>
      <c r="F5253" s="239">
        <v>1.7018</v>
      </c>
      <c r="G5253">
        <f t="shared" si="1218"/>
        <v>4.0485600000000002</v>
      </c>
      <c r="H5253" s="235">
        <f t="shared" si="1219"/>
        <v>3.4086193609579709</v>
      </c>
      <c r="I5253" s="236">
        <f t="shared" si="1220"/>
        <v>19.568687109612426</v>
      </c>
      <c r="J5253" s="237">
        <f t="shared" si="1225"/>
        <v>9.5686871096124264</v>
      </c>
      <c r="K5253" s="237">
        <f t="shared" si="1221"/>
        <v>1017.4347488900789</v>
      </c>
      <c r="L5253" s="237">
        <f t="shared" si="1226"/>
        <v>497.57172969984617</v>
      </c>
      <c r="M5253" s="236">
        <f t="shared" si="1222"/>
        <v>6.0918357498694888</v>
      </c>
      <c r="N5253" s="236">
        <f t="shared" si="1223"/>
        <v>4.552764685308464</v>
      </c>
      <c r="O5253" s="236">
        <f t="shared" si="1227"/>
        <v>3.276964304094681</v>
      </c>
      <c r="P5253" s="236" t="str">
        <f t="shared" si="1228"/>
        <v>CLAY</v>
      </c>
      <c r="Q5253" s="236">
        <f t="shared" si="1224"/>
        <v>252.59377092582676</v>
      </c>
      <c r="R5253" s="238">
        <v>35</v>
      </c>
      <c r="S5253" s="236">
        <f t="shared" si="1229"/>
        <v>2.3926283272339828</v>
      </c>
      <c r="T5253" s="236" t="e">
        <f t="shared" si="1215"/>
        <v>#N/A</v>
      </c>
    </row>
    <row r="5254" spans="1:20" x14ac:dyDescent="0.2">
      <c r="A5254" s="53">
        <f t="shared" si="1216"/>
        <v>5242</v>
      </c>
      <c r="B5254" s="239">
        <v>52.009</v>
      </c>
      <c r="C5254" s="3">
        <f t="shared" si="1217"/>
        <v>52.002000000000002</v>
      </c>
      <c r="D5254" s="239">
        <v>3.8094000000000001</v>
      </c>
      <c r="E5254" s="239">
        <v>0.13600000000000001</v>
      </c>
      <c r="F5254" s="239">
        <v>1.6303000000000001</v>
      </c>
      <c r="G5254">
        <f t="shared" si="1218"/>
        <v>4.1354600000000001</v>
      </c>
      <c r="H5254" s="235">
        <f t="shared" si="1219"/>
        <v>3.2886305271964908</v>
      </c>
      <c r="I5254" s="236">
        <f t="shared" si="1220"/>
        <v>19.559869549026015</v>
      </c>
      <c r="J5254" s="237">
        <f t="shared" si="1225"/>
        <v>9.5598695490260148</v>
      </c>
      <c r="K5254" s="237">
        <f t="shared" si="1221"/>
        <v>1017.1523362884509</v>
      </c>
      <c r="L5254" s="237">
        <f t="shared" si="1226"/>
        <v>497.199255375294</v>
      </c>
      <c r="M5254" s="236">
        <f t="shared" si="1222"/>
        <v>6.271746447725068</v>
      </c>
      <c r="N5254" s="236">
        <f t="shared" si="1223"/>
        <v>4.3613400173004973</v>
      </c>
      <c r="O5254" s="236">
        <f t="shared" si="1227"/>
        <v>3.2559236192998195</v>
      </c>
      <c r="P5254" s="236" t="str">
        <f t="shared" si="1228"/>
        <v>CLAY</v>
      </c>
      <c r="Q5254" s="236">
        <f t="shared" si="1224"/>
        <v>259.85897197596245</v>
      </c>
      <c r="R5254" s="238">
        <v>35</v>
      </c>
      <c r="S5254" s="236">
        <f t="shared" si="1229"/>
        <v>2.4812791390657689</v>
      </c>
      <c r="T5254" s="236" t="e">
        <f t="shared" si="1215"/>
        <v>#N/A</v>
      </c>
    </row>
    <row r="5255" spans="1:20" x14ac:dyDescent="0.2">
      <c r="A5255" s="53">
        <f t="shared" si="1216"/>
        <v>5243</v>
      </c>
      <c r="B5255" s="239">
        <v>52.018999999999998</v>
      </c>
      <c r="C5255" s="3">
        <f t="shared" si="1217"/>
        <v>52.012</v>
      </c>
      <c r="D5255" s="239">
        <v>3.6625000000000001</v>
      </c>
      <c r="E5255" s="239">
        <v>0.13159999999999999</v>
      </c>
      <c r="F5255" s="239">
        <v>1.6236999999999999</v>
      </c>
      <c r="G5255">
        <f t="shared" si="1218"/>
        <v>3.9872399999999999</v>
      </c>
      <c r="H5255" s="235">
        <f t="shared" si="1219"/>
        <v>3.3005286865099666</v>
      </c>
      <c r="I5255" s="236">
        <f t="shared" si="1220"/>
        <v>19.507039095190169</v>
      </c>
      <c r="J5255" s="237">
        <f t="shared" si="1225"/>
        <v>9.5070390951901693</v>
      </c>
      <c r="K5255" s="237">
        <f t="shared" si="1221"/>
        <v>1014.6001174190311</v>
      </c>
      <c r="L5255" s="237">
        <f t="shared" si="1226"/>
        <v>494.54666669269739</v>
      </c>
      <c r="M5255" s="236">
        <f t="shared" si="1222"/>
        <v>6.0108379709858912</v>
      </c>
      <c r="N5255" s="236">
        <f t="shared" si="1223"/>
        <v>4.4270414580369364</v>
      </c>
      <c r="O5255" s="236">
        <f t="shared" si="1227"/>
        <v>3.2747840611609527</v>
      </c>
      <c r="P5255" s="236" t="str">
        <f t="shared" si="1228"/>
        <v>CLAY</v>
      </c>
      <c r="Q5255" s="236">
        <f t="shared" si="1224"/>
        <v>247.71999021508074</v>
      </c>
      <c r="R5255" s="238">
        <v>35</v>
      </c>
      <c r="S5255" s="236">
        <f t="shared" si="1229"/>
        <v>2.3529287980743634</v>
      </c>
      <c r="T5255" s="236" t="e">
        <f t="shared" si="1215"/>
        <v>#N/A</v>
      </c>
    </row>
    <row r="5256" spans="1:20" x14ac:dyDescent="0.2">
      <c r="A5256" s="53">
        <f t="shared" si="1216"/>
        <v>5244</v>
      </c>
      <c r="B5256" s="239">
        <v>52.027999999999999</v>
      </c>
      <c r="C5256" s="3">
        <f t="shared" si="1217"/>
        <v>52.021000000000001</v>
      </c>
      <c r="D5256" s="239">
        <v>4.1233000000000004</v>
      </c>
      <c r="E5256" s="239">
        <v>0.12720000000000001</v>
      </c>
      <c r="F5256" s="239">
        <v>1.6151</v>
      </c>
      <c r="G5256">
        <f t="shared" si="1218"/>
        <v>4.4463200000000001</v>
      </c>
      <c r="H5256" s="235">
        <f t="shared" si="1219"/>
        <v>2.8607927454614153</v>
      </c>
      <c r="I5256" s="236">
        <f t="shared" si="1220"/>
        <v>19.509758898876338</v>
      </c>
      <c r="J5256" s="237">
        <f t="shared" si="1225"/>
        <v>9.5097588988763384</v>
      </c>
      <c r="K5256" s="237">
        <f t="shared" si="1221"/>
        <v>1014.917167678446</v>
      </c>
      <c r="L5256" s="237">
        <f t="shared" si="1226"/>
        <v>494.77373599073815</v>
      </c>
      <c r="M5256" s="236">
        <f t="shared" si="1222"/>
        <v>6.9352970513895409</v>
      </c>
      <c r="N5256" s="236">
        <f t="shared" si="1223"/>
        <v>3.7069387132825047</v>
      </c>
      <c r="O5256" s="236">
        <f t="shared" si="1227"/>
        <v>3.1799174521153701</v>
      </c>
      <c r="P5256" s="236" t="str">
        <f t="shared" si="1228"/>
        <v>CLAY</v>
      </c>
      <c r="Q5256" s="236">
        <f t="shared" si="1224"/>
        <v>285.95023602679612</v>
      </c>
      <c r="R5256" s="238">
        <v>35</v>
      </c>
      <c r="S5256" s="236">
        <f t="shared" si="1229"/>
        <v>2.8136582275807718</v>
      </c>
      <c r="T5256" s="236" t="e">
        <f t="shared" si="1215"/>
        <v>#N/A</v>
      </c>
    </row>
    <row r="5257" spans="1:20" x14ac:dyDescent="0.2">
      <c r="A5257" s="53">
        <f t="shared" si="1216"/>
        <v>5245</v>
      </c>
      <c r="B5257" s="239">
        <v>52.037999999999997</v>
      </c>
      <c r="C5257" s="3">
        <f t="shared" si="1217"/>
        <v>52.030999999999999</v>
      </c>
      <c r="D5257" s="239">
        <v>5.1212999999999997</v>
      </c>
      <c r="E5257" s="239">
        <v>0.12470000000000001</v>
      </c>
      <c r="F5257" s="239">
        <v>1.7222999999999999</v>
      </c>
      <c r="G5257">
        <f t="shared" si="1218"/>
        <v>5.4657599999999995</v>
      </c>
      <c r="H5257" s="235">
        <f t="shared" si="1219"/>
        <v>2.2814759521091306</v>
      </c>
      <c r="I5257" s="236">
        <f t="shared" si="1220"/>
        <v>19.567167980997507</v>
      </c>
      <c r="J5257" s="237">
        <f t="shared" si="1225"/>
        <v>9.5671679809975068</v>
      </c>
      <c r="K5257" s="237">
        <f t="shared" si="1221"/>
        <v>1018.0993172192813</v>
      </c>
      <c r="L5257" s="237">
        <f t="shared" si="1226"/>
        <v>497.85628739514823</v>
      </c>
      <c r="M5257" s="236">
        <f t="shared" si="1222"/>
        <v>8.9336236086351004</v>
      </c>
      <c r="N5257" s="236">
        <f t="shared" si="1223"/>
        <v>2.8037210770772294</v>
      </c>
      <c r="O5257" s="236">
        <f t="shared" si="1227"/>
        <v>3.0210198742491654</v>
      </c>
      <c r="P5257" s="236" t="str">
        <f t="shared" si="1228"/>
        <v>CLAY</v>
      </c>
      <c r="Q5257" s="236">
        <f t="shared" si="1224"/>
        <v>370.63839023172653</v>
      </c>
      <c r="R5257" s="238">
        <v>35</v>
      </c>
      <c r="S5257" s="236">
        <f t="shared" si="1229"/>
        <v>3.8612202237393345</v>
      </c>
      <c r="T5257" s="236" t="e">
        <f t="shared" si="1215"/>
        <v>#N/A</v>
      </c>
    </row>
    <row r="5258" spans="1:20" x14ac:dyDescent="0.2">
      <c r="A5258" s="53">
        <f t="shared" si="1216"/>
        <v>5246</v>
      </c>
      <c r="B5258" s="239">
        <v>52.048000000000002</v>
      </c>
      <c r="C5258" s="3">
        <f t="shared" si="1217"/>
        <v>52.041000000000004</v>
      </c>
      <c r="D5258" s="239">
        <v>6.7141999999999999</v>
      </c>
      <c r="E5258" s="239">
        <v>0.13270000000000001</v>
      </c>
      <c r="F5258" s="239">
        <v>1.8454999999999999</v>
      </c>
      <c r="G5258">
        <f t="shared" si="1218"/>
        <v>7.0832999999999995</v>
      </c>
      <c r="H5258" s="235">
        <f t="shared" si="1219"/>
        <v>1.8734205808027335</v>
      </c>
      <c r="I5258" s="236">
        <f t="shared" si="1220"/>
        <v>19.741406618447272</v>
      </c>
      <c r="J5258" s="237">
        <f t="shared" si="1225"/>
        <v>9.7414066184472716</v>
      </c>
      <c r="K5258" s="237">
        <f t="shared" si="1221"/>
        <v>1027.3625418306146</v>
      </c>
      <c r="L5258" s="237">
        <f t="shared" si="1226"/>
        <v>507.02073167694363</v>
      </c>
      <c r="M5258" s="236">
        <f t="shared" si="1222"/>
        <v>11.944161411585084</v>
      </c>
      <c r="N5258" s="236">
        <f t="shared" si="1223"/>
        <v>2.1912379531097925</v>
      </c>
      <c r="O5258" s="236">
        <f t="shared" si="1227"/>
        <v>2.8568261869380458</v>
      </c>
      <c r="P5258" s="236" t="str">
        <f t="shared" si="1228"/>
        <v>CLAY</v>
      </c>
      <c r="Q5258" s="236">
        <f t="shared" si="1224"/>
        <v>504.66145484744874</v>
      </c>
      <c r="R5258" s="238">
        <v>35</v>
      </c>
      <c r="S5258" s="236">
        <f t="shared" si="1229"/>
        <v>5.5511707785462487</v>
      </c>
      <c r="T5258" s="236" t="e">
        <f t="shared" si="1215"/>
        <v>#N/A</v>
      </c>
    </row>
    <row r="5259" spans="1:20" x14ac:dyDescent="0.2">
      <c r="A5259" s="53">
        <f t="shared" si="1216"/>
        <v>5247</v>
      </c>
      <c r="B5259" s="239">
        <v>52.057000000000002</v>
      </c>
      <c r="C5259" s="3">
        <f t="shared" si="1217"/>
        <v>52.050000000000004</v>
      </c>
      <c r="D5259" s="239">
        <v>8.5043000000000006</v>
      </c>
      <c r="E5259" s="239">
        <v>0.13109999999999999</v>
      </c>
      <c r="F5259" s="239">
        <v>1.7224999999999999</v>
      </c>
      <c r="G5259">
        <f t="shared" si="1218"/>
        <v>8.8488000000000007</v>
      </c>
      <c r="H5259" s="235">
        <f t="shared" si="1219"/>
        <v>1.4815568212638999</v>
      </c>
      <c r="I5259" s="236">
        <f t="shared" si="1220"/>
        <v>19.814166263331664</v>
      </c>
      <c r="J5259" s="237">
        <f t="shared" si="1225"/>
        <v>9.8141662633316642</v>
      </c>
      <c r="K5259" s="237">
        <f t="shared" si="1221"/>
        <v>1031.3273540064133</v>
      </c>
      <c r="L5259" s="237">
        <f t="shared" si="1226"/>
        <v>510.89605317025644</v>
      </c>
      <c r="M5259" s="236">
        <f t="shared" si="1222"/>
        <v>15.301493518072668</v>
      </c>
      <c r="N5259" s="236">
        <f t="shared" si="1223"/>
        <v>1.6770125836920966</v>
      </c>
      <c r="O5259" s="236">
        <f t="shared" si="1227"/>
        <v>2.7035396585238756</v>
      </c>
      <c r="P5259" s="236" t="str">
        <f t="shared" si="1228"/>
        <v>CLAY</v>
      </c>
      <c r="Q5259" s="236">
        <f t="shared" si="1224"/>
        <v>651.45605383279906</v>
      </c>
      <c r="R5259" s="238">
        <v>35</v>
      </c>
      <c r="S5259" s="236">
        <f t="shared" si="1229"/>
        <v>7.5658423387814011</v>
      </c>
      <c r="T5259" s="236" t="e">
        <f t="shared" si="1215"/>
        <v>#N/A</v>
      </c>
    </row>
    <row r="5260" spans="1:20" x14ac:dyDescent="0.2">
      <c r="A5260" s="53">
        <f t="shared" si="1216"/>
        <v>5248</v>
      </c>
      <c r="B5260" s="239">
        <v>52.066000000000003</v>
      </c>
      <c r="C5260" s="3">
        <f t="shared" si="1217"/>
        <v>52.059000000000005</v>
      </c>
      <c r="D5260" s="239">
        <v>10.337400000000001</v>
      </c>
      <c r="E5260" s="239">
        <v>0.12280000000000001</v>
      </c>
      <c r="F5260" s="239">
        <v>1.1380999999999999</v>
      </c>
      <c r="G5260">
        <f t="shared" si="1218"/>
        <v>10.565020000000001</v>
      </c>
      <c r="H5260" s="235">
        <f t="shared" si="1219"/>
        <v>1.1623262426384426</v>
      </c>
      <c r="I5260" s="236">
        <f t="shared" si="1220"/>
        <v>19.806761935929529</v>
      </c>
      <c r="J5260" s="237">
        <f t="shared" si="1225"/>
        <v>9.8067619359295293</v>
      </c>
      <c r="K5260" s="237">
        <f t="shared" si="1221"/>
        <v>1031.1202196225554</v>
      </c>
      <c r="L5260" s="237">
        <f t="shared" si="1226"/>
        <v>510.59886695610692</v>
      </c>
      <c r="M5260" s="236">
        <f t="shared" si="1222"/>
        <v>18.671995567113189</v>
      </c>
      <c r="N5260" s="236">
        <f t="shared" si="1223"/>
        <v>1.2880353562426305</v>
      </c>
      <c r="O5260" s="236">
        <f t="shared" si="1227"/>
        <v>2.5697217929394078</v>
      </c>
      <c r="P5260" s="236" t="str">
        <f t="shared" si="1228"/>
        <v>SAND</v>
      </c>
      <c r="Q5260" s="236" t="e">
        <f t="shared" si="1224"/>
        <v>#N/A</v>
      </c>
      <c r="R5260" s="238">
        <v>35</v>
      </c>
      <c r="S5260" s="236" t="e">
        <f t="shared" si="1229"/>
        <v>#N/A</v>
      </c>
      <c r="T5260" s="236">
        <f t="shared" si="1215"/>
        <v>31.583098091558096</v>
      </c>
    </row>
    <row r="5261" spans="1:20" x14ac:dyDescent="0.2">
      <c r="A5261" s="53">
        <f t="shared" si="1216"/>
        <v>5249</v>
      </c>
      <c r="B5261" s="239">
        <v>52.075000000000003</v>
      </c>
      <c r="C5261" s="3">
        <f t="shared" si="1217"/>
        <v>52.068000000000005</v>
      </c>
      <c r="D5261" s="239">
        <v>12.2507</v>
      </c>
      <c r="E5261" s="239">
        <v>0.1163</v>
      </c>
      <c r="F5261" s="239">
        <v>0.74619999999999997</v>
      </c>
      <c r="G5261">
        <f t="shared" si="1218"/>
        <v>12.399940000000001</v>
      </c>
      <c r="H5261" s="235">
        <f t="shared" si="1219"/>
        <v>0.93790776406982612</v>
      </c>
      <c r="I5261" s="236">
        <f t="shared" si="1220"/>
        <v>19.805585909508313</v>
      </c>
      <c r="J5261" s="237">
        <f t="shared" si="1225"/>
        <v>9.8055859095083129</v>
      </c>
      <c r="K5261" s="237">
        <f t="shared" si="1221"/>
        <v>1031.2372471362789</v>
      </c>
      <c r="L5261" s="237">
        <f t="shared" si="1226"/>
        <v>510.62588623764543</v>
      </c>
      <c r="M5261" s="236">
        <f t="shared" si="1222"/>
        <v>22.264250715195281</v>
      </c>
      <c r="N5261" s="236">
        <f t="shared" si="1223"/>
        <v>1.0229839105495531</v>
      </c>
      <c r="O5261" s="236">
        <f t="shared" si="1227"/>
        <v>2.4529828206968998</v>
      </c>
      <c r="P5261" s="236" t="str">
        <f t="shared" si="1228"/>
        <v>SAND</v>
      </c>
      <c r="Q5261" s="236" t="e">
        <f t="shared" si="1224"/>
        <v>#N/A</v>
      </c>
      <c r="R5261" s="238">
        <v>35</v>
      </c>
      <c r="S5261" s="236" t="e">
        <f t="shared" si="1229"/>
        <v>#N/A</v>
      </c>
      <c r="T5261" s="236">
        <f t="shared" ref="T5261:T5324" si="1230">IF(P5261="SAND",17.6+(11*LOG(M5261)),#N/A)</f>
        <v>32.423688922837222</v>
      </c>
    </row>
    <row r="5262" spans="1:20" x14ac:dyDescent="0.2">
      <c r="A5262" s="53">
        <f t="shared" ref="A5262:A5325" si="1231">$A5261+1</f>
        <v>5250</v>
      </c>
      <c r="B5262" s="239">
        <v>52.084000000000003</v>
      </c>
      <c r="C5262" s="3">
        <f t="shared" ref="C5262:C5325" si="1232">MAX($B5262 - $B$13, 0.001)</f>
        <v>52.077000000000005</v>
      </c>
      <c r="D5262" s="239">
        <v>12.3568</v>
      </c>
      <c r="E5262" s="239">
        <v>0.1077</v>
      </c>
      <c r="F5262" s="239">
        <v>0.7349</v>
      </c>
      <c r="G5262">
        <f t="shared" si="1218"/>
        <v>12.503779999999999</v>
      </c>
      <c r="H5262" s="235">
        <f t="shared" si="1219"/>
        <v>0.86133953092584814</v>
      </c>
      <c r="I5262" s="236">
        <f t="shared" si="1220"/>
        <v>19.718762644712609</v>
      </c>
      <c r="J5262" s="237">
        <f t="shared" si="1225"/>
        <v>9.7187626447126085</v>
      </c>
      <c r="K5262" s="237">
        <f t="shared" si="1221"/>
        <v>1026.8940022486986</v>
      </c>
      <c r="L5262" s="237">
        <f t="shared" si="1226"/>
        <v>506.19203358721154</v>
      </c>
      <c r="M5262" s="236">
        <f t="shared" si="1222"/>
        <v>22.672988186752949</v>
      </c>
      <c r="N5262" s="236">
        <f t="shared" si="1223"/>
        <v>0.93840785750683575</v>
      </c>
      <c r="O5262" s="236">
        <f t="shared" si="1227"/>
        <v>2.4275236372147977</v>
      </c>
      <c r="P5262" s="236" t="str">
        <f t="shared" si="1228"/>
        <v>SAND</v>
      </c>
      <c r="Q5262" s="236" t="e">
        <f t="shared" si="1224"/>
        <v>#N/A</v>
      </c>
      <c r="R5262" s="238">
        <v>35</v>
      </c>
      <c r="S5262" s="236" t="e">
        <f t="shared" si="1229"/>
        <v>#N/A</v>
      </c>
      <c r="T5262" s="236">
        <f t="shared" si="1230"/>
        <v>32.510596379197068</v>
      </c>
    </row>
    <row r="5263" spans="1:20" x14ac:dyDescent="0.2">
      <c r="A5263" s="53">
        <f t="shared" si="1231"/>
        <v>5251</v>
      </c>
      <c r="B5263" s="239">
        <v>52.094999999999999</v>
      </c>
      <c r="C5263" s="3">
        <f t="shared" si="1232"/>
        <v>52.088000000000001</v>
      </c>
      <c r="D5263" s="239">
        <v>14.043200000000001</v>
      </c>
      <c r="E5263" s="239">
        <v>9.5600000000000004E-2</v>
      </c>
      <c r="F5263" s="239">
        <v>0.32829999999999998</v>
      </c>
      <c r="G5263">
        <f t="shared" ref="G5263:G5326" si="1233">$D5263+($F5263*(1-$P$8))</f>
        <v>14.10886</v>
      </c>
      <c r="H5263" s="235">
        <f t="shared" ref="H5263:H5326" si="1234">($E5263/$G5263)*100</f>
        <v>0.6775884089855595</v>
      </c>
      <c r="I5263" s="236">
        <f t="shared" ref="I5263:I5326" si="1235">((0.27*(LOG($H5263)))+(0.36*(LOG(($G5263*1000)/101)))+1.236)*10</f>
        <v>19.626222095174079</v>
      </c>
      <c r="J5263" s="237">
        <f t="shared" si="1225"/>
        <v>9.6262220951740787</v>
      </c>
      <c r="K5263" s="237">
        <f t="shared" ref="K5263:K5326" si="1236">$I5263*$C5263</f>
        <v>1022.2906564934274</v>
      </c>
      <c r="L5263" s="237">
        <f t="shared" si="1226"/>
        <v>501.47804004809359</v>
      </c>
      <c r="M5263" s="236">
        <f t="shared" ref="M5263:M5326" si="1237">(($G5263*1000)-$K5263)/$L5263</f>
        <v>26.095996830193247</v>
      </c>
      <c r="N5263" s="236">
        <f t="shared" ref="N5263:N5326" si="1238">(($E5263*1000)/(($G5263*1000)-$K5263))*100</f>
        <v>0.73051995133801662</v>
      </c>
      <c r="O5263" s="236">
        <f t="shared" si="1227"/>
        <v>2.3218133588723426</v>
      </c>
      <c r="P5263" s="236" t="str">
        <f t="shared" si="1228"/>
        <v>SAND</v>
      </c>
      <c r="Q5263" s="236" t="e">
        <f t="shared" ref="Q5263:Q5326" si="1239">IF(P5263="CLAY",($G5263*1000 -$K5263)/$L$8,#N/A)</f>
        <v>#N/A</v>
      </c>
      <c r="R5263" s="238">
        <v>35</v>
      </c>
      <c r="S5263" s="236" t="e">
        <f t="shared" si="1229"/>
        <v>#N/A</v>
      </c>
      <c r="T5263" s="236">
        <f t="shared" si="1230"/>
        <v>33.182312800380529</v>
      </c>
    </row>
    <row r="5264" spans="1:20" x14ac:dyDescent="0.2">
      <c r="A5264" s="53">
        <f t="shared" si="1231"/>
        <v>5252</v>
      </c>
      <c r="B5264" s="239">
        <v>52.103999999999999</v>
      </c>
      <c r="C5264" s="3">
        <f t="shared" si="1232"/>
        <v>52.097000000000001</v>
      </c>
      <c r="D5264" s="239">
        <v>14.1235</v>
      </c>
      <c r="E5264" s="239">
        <v>9.4500000000000001E-2</v>
      </c>
      <c r="F5264" s="239">
        <v>0.36</v>
      </c>
      <c r="G5264">
        <f t="shared" si="1233"/>
        <v>14.195499999999999</v>
      </c>
      <c r="H5264" s="235">
        <f t="shared" si="1234"/>
        <v>0.66570392025641933</v>
      </c>
      <c r="I5264" s="236">
        <f t="shared" si="1235"/>
        <v>19.615044561991798</v>
      </c>
      <c r="J5264" s="237">
        <f t="shared" ref="J5264:J5327" si="1240">$I5264-10</f>
        <v>9.6150445619917981</v>
      </c>
      <c r="K5264" s="237">
        <f t="shared" si="1236"/>
        <v>1021.8849765460867</v>
      </c>
      <c r="L5264" s="237">
        <f t="shared" ref="L5264:L5327" si="1241">$J5264*$B5264</f>
        <v>500.98228185802066</v>
      </c>
      <c r="M5264" s="236">
        <f t="shared" si="1237"/>
        <v>26.295570722773267</v>
      </c>
      <c r="N5264" s="236">
        <f t="shared" si="1238"/>
        <v>0.71734296039283829</v>
      </c>
      <c r="O5264" s="236">
        <f t="shared" ref="O5264:O5327" si="1242">((3.47-LOG($M5264))^2+(LOG($N5264)+1.22)^2)^0.5</f>
        <v>2.3152040049594262</v>
      </c>
      <c r="P5264" s="236" t="str">
        <f t="shared" ref="P5264:P5327" si="1243">IF(O5264&lt;2.6,"SAND","CLAY")</f>
        <v>SAND</v>
      </c>
      <c r="Q5264" s="236" t="e">
        <f t="shared" si="1239"/>
        <v>#N/A</v>
      </c>
      <c r="R5264" s="238">
        <v>35</v>
      </c>
      <c r="S5264" s="236" t="e">
        <f t="shared" ref="S5264:S5327" si="1244">IF(P5264="SAND",#N/A,0.25*($M5264)^1.25)</f>
        <v>#N/A</v>
      </c>
      <c r="T5264" s="236">
        <f t="shared" si="1230"/>
        <v>33.218708613644587</v>
      </c>
    </row>
    <row r="5265" spans="1:20" x14ac:dyDescent="0.2">
      <c r="A5265" s="53">
        <f t="shared" si="1231"/>
        <v>5253</v>
      </c>
      <c r="B5265" s="239">
        <v>52.113999999999997</v>
      </c>
      <c r="C5265" s="3">
        <f t="shared" si="1232"/>
        <v>52.106999999999999</v>
      </c>
      <c r="D5265" s="239">
        <v>14.855600000000001</v>
      </c>
      <c r="E5265" s="239">
        <v>9.5500000000000002E-2</v>
      </c>
      <c r="F5265" s="239">
        <v>0.48430000000000001</v>
      </c>
      <c r="G5265">
        <f t="shared" si="1233"/>
        <v>14.95246</v>
      </c>
      <c r="H5265" s="235">
        <f t="shared" si="1234"/>
        <v>0.63869089099720044</v>
      </c>
      <c r="I5265" s="236">
        <f t="shared" si="1235"/>
        <v>19.647693542015055</v>
      </c>
      <c r="J5265" s="237">
        <f t="shared" si="1240"/>
        <v>9.6476935420150554</v>
      </c>
      <c r="K5265" s="237">
        <f t="shared" si="1236"/>
        <v>1023.7823673937785</v>
      </c>
      <c r="L5265" s="237">
        <f t="shared" si="1241"/>
        <v>502.77990124857257</v>
      </c>
      <c r="M5265" s="236">
        <f t="shared" si="1237"/>
        <v>27.703330220672314</v>
      </c>
      <c r="N5265" s="236">
        <f t="shared" si="1238"/>
        <v>0.68563579773316075</v>
      </c>
      <c r="O5265" s="236">
        <f t="shared" si="1242"/>
        <v>2.2860358756862311</v>
      </c>
      <c r="P5265" s="236" t="str">
        <f t="shared" si="1243"/>
        <v>SAND</v>
      </c>
      <c r="Q5265" s="236" t="e">
        <f t="shared" si="1239"/>
        <v>#N/A</v>
      </c>
      <c r="R5265" s="238">
        <v>35</v>
      </c>
      <c r="S5265" s="236" t="e">
        <f t="shared" si="1244"/>
        <v>#N/A</v>
      </c>
      <c r="T5265" s="236">
        <f t="shared" si="1230"/>
        <v>33.46785176674183</v>
      </c>
    </row>
    <row r="5266" spans="1:20" x14ac:dyDescent="0.2">
      <c r="A5266" s="53">
        <f t="shared" si="1231"/>
        <v>5254</v>
      </c>
      <c r="B5266" s="239">
        <v>52.122999999999998</v>
      </c>
      <c r="C5266" s="3">
        <f t="shared" si="1232"/>
        <v>52.116</v>
      </c>
      <c r="D5266" s="239">
        <v>15.0307</v>
      </c>
      <c r="E5266" s="239">
        <v>0.11360000000000001</v>
      </c>
      <c r="F5266" s="239">
        <v>0.40960000000000002</v>
      </c>
      <c r="G5266">
        <f t="shared" si="1233"/>
        <v>15.11262</v>
      </c>
      <c r="H5266" s="235">
        <f t="shared" si="1234"/>
        <v>0.75168964746020217</v>
      </c>
      <c r="I5266" s="236">
        <f t="shared" si="1235"/>
        <v>19.85537033520756</v>
      </c>
      <c r="J5266" s="237">
        <f t="shared" si="1240"/>
        <v>9.8553703352075601</v>
      </c>
      <c r="K5266" s="237">
        <f t="shared" si="1236"/>
        <v>1034.7824803896772</v>
      </c>
      <c r="L5266" s="237">
        <f t="shared" si="1241"/>
        <v>513.6914679820236</v>
      </c>
      <c r="M5266" s="236">
        <f t="shared" si="1237"/>
        <v>27.405239131016618</v>
      </c>
      <c r="N5266" s="236">
        <f t="shared" si="1238"/>
        <v>0.80694211622883172</v>
      </c>
      <c r="O5266" s="236">
        <f t="shared" si="1242"/>
        <v>2.3236768384675366</v>
      </c>
      <c r="P5266" s="236" t="str">
        <f t="shared" si="1243"/>
        <v>SAND</v>
      </c>
      <c r="Q5266" s="236" t="e">
        <f t="shared" si="1239"/>
        <v>#N/A</v>
      </c>
      <c r="R5266" s="238">
        <v>35</v>
      </c>
      <c r="S5266" s="236" t="e">
        <f t="shared" si="1244"/>
        <v>#N/A</v>
      </c>
      <c r="T5266" s="236">
        <f t="shared" si="1230"/>
        <v>33.416169555624748</v>
      </c>
    </row>
    <row r="5267" spans="1:20" x14ac:dyDescent="0.2">
      <c r="A5267" s="53">
        <f t="shared" si="1231"/>
        <v>5255</v>
      </c>
      <c r="B5267" s="239">
        <v>52.133000000000003</v>
      </c>
      <c r="C5267" s="3">
        <f t="shared" si="1232"/>
        <v>52.126000000000005</v>
      </c>
      <c r="D5267" s="239">
        <v>15.483499999999999</v>
      </c>
      <c r="E5267" s="239">
        <v>0.1222</v>
      </c>
      <c r="F5267" s="239">
        <v>0.35909999999999997</v>
      </c>
      <c r="G5267">
        <f t="shared" si="1233"/>
        <v>15.55532</v>
      </c>
      <c r="H5267" s="235">
        <f t="shared" si="1234"/>
        <v>0.78558332454748603</v>
      </c>
      <c r="I5267" s="236">
        <f t="shared" si="1235"/>
        <v>19.952226365086972</v>
      </c>
      <c r="J5267" s="237">
        <f t="shared" si="1240"/>
        <v>9.9522263650869718</v>
      </c>
      <c r="K5267" s="237">
        <f t="shared" si="1236"/>
        <v>1040.0297515065236</v>
      </c>
      <c r="L5267" s="237">
        <f t="shared" si="1241"/>
        <v>518.8394170910791</v>
      </c>
      <c r="M5267" s="236">
        <f t="shared" si="1237"/>
        <v>27.976460096025061</v>
      </c>
      <c r="N5267" s="236">
        <f t="shared" si="1238"/>
        <v>0.84187086794687405</v>
      </c>
      <c r="O5267" s="236">
        <f t="shared" si="1242"/>
        <v>2.3248558540232516</v>
      </c>
      <c r="P5267" s="236" t="str">
        <f t="shared" si="1243"/>
        <v>SAND</v>
      </c>
      <c r="Q5267" s="236" t="e">
        <f t="shared" si="1239"/>
        <v>#N/A</v>
      </c>
      <c r="R5267" s="238">
        <v>35</v>
      </c>
      <c r="S5267" s="236" t="e">
        <f t="shared" si="1244"/>
        <v>#N/A</v>
      </c>
      <c r="T5267" s="236">
        <f t="shared" si="1230"/>
        <v>33.514720378610583</v>
      </c>
    </row>
    <row r="5268" spans="1:20" x14ac:dyDescent="0.2">
      <c r="A5268" s="53">
        <f t="shared" si="1231"/>
        <v>5256</v>
      </c>
      <c r="B5268" s="239">
        <v>52.142000000000003</v>
      </c>
      <c r="C5268" s="3">
        <f t="shared" si="1232"/>
        <v>52.135000000000005</v>
      </c>
      <c r="D5268" s="239">
        <v>16.284099999999999</v>
      </c>
      <c r="E5268" s="239">
        <v>0.13450000000000001</v>
      </c>
      <c r="F5268" s="239">
        <v>0.1951</v>
      </c>
      <c r="G5268">
        <f t="shared" si="1233"/>
        <v>16.323119999999999</v>
      </c>
      <c r="H5268" s="235">
        <f t="shared" si="1234"/>
        <v>0.82398463038928837</v>
      </c>
      <c r="I5268" s="236">
        <f t="shared" si="1235"/>
        <v>20.083516078128074</v>
      </c>
      <c r="J5268" s="237">
        <f t="shared" si="1240"/>
        <v>10.083516078128074</v>
      </c>
      <c r="K5268" s="237">
        <f t="shared" si="1236"/>
        <v>1047.0541107332072</v>
      </c>
      <c r="L5268" s="237">
        <f t="shared" si="1241"/>
        <v>525.77469534575403</v>
      </c>
      <c r="M5268" s="236">
        <f t="shared" si="1237"/>
        <v>29.054395398814542</v>
      </c>
      <c r="N5268" s="236">
        <f t="shared" si="1238"/>
        <v>0.88046229294220213</v>
      </c>
      <c r="O5268" s="236">
        <f t="shared" si="1242"/>
        <v>2.320290901331481</v>
      </c>
      <c r="P5268" s="236" t="str">
        <f t="shared" si="1243"/>
        <v>SAND</v>
      </c>
      <c r="Q5268" s="236" t="e">
        <f t="shared" si="1239"/>
        <v>#N/A</v>
      </c>
      <c r="R5268" s="238">
        <v>35</v>
      </c>
      <c r="S5268" s="236" t="e">
        <f t="shared" si="1244"/>
        <v>#N/A</v>
      </c>
      <c r="T5268" s="236">
        <f t="shared" si="1230"/>
        <v>33.695330267624371</v>
      </c>
    </row>
    <row r="5269" spans="1:20" x14ac:dyDescent="0.2">
      <c r="A5269" s="53">
        <f t="shared" si="1231"/>
        <v>5257</v>
      </c>
      <c r="B5269" s="239">
        <v>52.152000000000001</v>
      </c>
      <c r="C5269" s="3">
        <f t="shared" si="1232"/>
        <v>52.145000000000003</v>
      </c>
      <c r="D5269" s="239">
        <v>16.6907</v>
      </c>
      <c r="E5269" s="239">
        <v>0.14649999999999999</v>
      </c>
      <c r="F5269" s="239">
        <v>3.6799999999999999E-2</v>
      </c>
      <c r="G5269">
        <f t="shared" si="1233"/>
        <v>16.698059999999998</v>
      </c>
      <c r="H5269" s="235">
        <f t="shared" si="1234"/>
        <v>0.87734742838389612</v>
      </c>
      <c r="I5269" s="236">
        <f t="shared" si="1235"/>
        <v>20.192604056562939</v>
      </c>
      <c r="J5269" s="237">
        <f t="shared" si="1240"/>
        <v>10.192604056562939</v>
      </c>
      <c r="K5269" s="237">
        <f t="shared" si="1236"/>
        <v>1052.9433385294744</v>
      </c>
      <c r="L5269" s="237">
        <f t="shared" si="1241"/>
        <v>531.56468675787039</v>
      </c>
      <c r="M5269" s="236">
        <f t="shared" si="1237"/>
        <v>29.4321971553331</v>
      </c>
      <c r="N5269" s="236">
        <f t="shared" si="1238"/>
        <v>0.93639442370402948</v>
      </c>
      <c r="O5269" s="236">
        <f t="shared" si="1242"/>
        <v>2.3290093960471774</v>
      </c>
      <c r="P5269" s="236" t="str">
        <f t="shared" si="1243"/>
        <v>SAND</v>
      </c>
      <c r="Q5269" s="236" t="e">
        <f t="shared" si="1239"/>
        <v>#N/A</v>
      </c>
      <c r="R5269" s="238">
        <v>35</v>
      </c>
      <c r="S5269" s="236" t="e">
        <f t="shared" si="1244"/>
        <v>#N/A</v>
      </c>
      <c r="T5269" s="236">
        <f t="shared" si="1230"/>
        <v>33.757049524108787</v>
      </c>
    </row>
    <row r="5270" spans="1:20" x14ac:dyDescent="0.2">
      <c r="A5270" s="53">
        <f t="shared" si="1231"/>
        <v>5258</v>
      </c>
      <c r="B5270" s="239">
        <v>52.16</v>
      </c>
      <c r="C5270" s="3">
        <f t="shared" si="1232"/>
        <v>52.152999999999999</v>
      </c>
      <c r="D5270" s="239">
        <v>16.962399999999999</v>
      </c>
      <c r="E5270" s="239">
        <v>0.14990000000000001</v>
      </c>
      <c r="F5270" s="239">
        <v>0.34489999999999998</v>
      </c>
      <c r="G5270">
        <f t="shared" si="1233"/>
        <v>17.031379999999999</v>
      </c>
      <c r="H5270" s="235">
        <f t="shared" si="1234"/>
        <v>0.88014007085744084</v>
      </c>
      <c r="I5270" s="236">
        <f t="shared" si="1235"/>
        <v>20.227232318106076</v>
      </c>
      <c r="J5270" s="237">
        <f t="shared" si="1240"/>
        <v>10.227232318106076</v>
      </c>
      <c r="K5270" s="237">
        <f t="shared" si="1236"/>
        <v>1054.9108470861861</v>
      </c>
      <c r="L5270" s="237">
        <f t="shared" si="1241"/>
        <v>533.45243771241292</v>
      </c>
      <c r="M5270" s="236">
        <f t="shared" si="1237"/>
        <v>29.949191387005737</v>
      </c>
      <c r="N5270" s="236">
        <f t="shared" si="1238"/>
        <v>0.93825487074320824</v>
      </c>
      <c r="O5270" s="236">
        <f t="shared" si="1242"/>
        <v>2.3229570208934875</v>
      </c>
      <c r="P5270" s="236" t="str">
        <f t="shared" si="1243"/>
        <v>SAND</v>
      </c>
      <c r="Q5270" s="236" t="e">
        <f t="shared" si="1239"/>
        <v>#N/A</v>
      </c>
      <c r="R5270" s="238">
        <v>35</v>
      </c>
      <c r="S5270" s="236" t="e">
        <f t="shared" si="1244"/>
        <v>#N/A</v>
      </c>
      <c r="T5270" s="236">
        <f t="shared" si="1230"/>
        <v>33.840236112679008</v>
      </c>
    </row>
    <row r="5271" spans="1:20" x14ac:dyDescent="0.2">
      <c r="A5271" s="53">
        <f t="shared" si="1231"/>
        <v>5259</v>
      </c>
      <c r="B5271" s="239">
        <v>52.174999999999997</v>
      </c>
      <c r="C5271" s="3">
        <f t="shared" si="1232"/>
        <v>52.167999999999999</v>
      </c>
      <c r="D5271" s="239">
        <v>15.279400000000001</v>
      </c>
      <c r="E5271" s="239">
        <v>0.1628</v>
      </c>
      <c r="F5271" s="239">
        <v>0.53300000000000003</v>
      </c>
      <c r="G5271">
        <f t="shared" si="1233"/>
        <v>15.386000000000001</v>
      </c>
      <c r="H5271" s="235">
        <f t="shared" si="1234"/>
        <v>1.0581047705706486</v>
      </c>
      <c r="I5271" s="236">
        <f t="shared" si="1235"/>
        <v>20.284323091167636</v>
      </c>
      <c r="J5271" s="237">
        <f t="shared" si="1240"/>
        <v>10.284323091167636</v>
      </c>
      <c r="K5271" s="237">
        <f t="shared" si="1236"/>
        <v>1058.1925670200333</v>
      </c>
      <c r="L5271" s="237">
        <f t="shared" si="1241"/>
        <v>536.58455728167132</v>
      </c>
      <c r="M5271" s="236">
        <f t="shared" si="1237"/>
        <v>26.701863179895465</v>
      </c>
      <c r="N5271" s="236">
        <f t="shared" si="1238"/>
        <v>1.136252010375743</v>
      </c>
      <c r="O5271" s="236">
        <f t="shared" si="1242"/>
        <v>2.4088499311009737</v>
      </c>
      <c r="P5271" s="236" t="str">
        <f t="shared" si="1243"/>
        <v>SAND</v>
      </c>
      <c r="Q5271" s="236" t="e">
        <f t="shared" si="1239"/>
        <v>#N/A</v>
      </c>
      <c r="R5271" s="238">
        <v>35</v>
      </c>
      <c r="S5271" s="236" t="e">
        <f t="shared" si="1244"/>
        <v>#N/A</v>
      </c>
      <c r="T5271" s="236">
        <f t="shared" si="1230"/>
        <v>33.291957228780959</v>
      </c>
    </row>
    <row r="5272" spans="1:20" x14ac:dyDescent="0.2">
      <c r="A5272" s="53">
        <f t="shared" si="1231"/>
        <v>5260</v>
      </c>
      <c r="B5272" s="239">
        <v>52.185000000000002</v>
      </c>
      <c r="C5272" s="3">
        <f t="shared" si="1232"/>
        <v>52.178000000000004</v>
      </c>
      <c r="D5272" s="239">
        <v>16.264600000000002</v>
      </c>
      <c r="E5272" s="239">
        <v>0.13719999999999999</v>
      </c>
      <c r="F5272" s="239">
        <v>0.43709999999999999</v>
      </c>
      <c r="G5272">
        <f t="shared" si="1233"/>
        <v>16.352020000000003</v>
      </c>
      <c r="H5272" s="235">
        <f t="shared" si="1234"/>
        <v>0.83904006966723355</v>
      </c>
      <c r="I5272" s="236">
        <f t="shared" si="1235"/>
        <v>20.107513423756217</v>
      </c>
      <c r="J5272" s="237">
        <f t="shared" si="1240"/>
        <v>10.107513423756217</v>
      </c>
      <c r="K5272" s="237">
        <f t="shared" si="1236"/>
        <v>1049.1698354247519</v>
      </c>
      <c r="L5272" s="237">
        <f t="shared" si="1241"/>
        <v>527.46058801871823</v>
      </c>
      <c r="M5272" s="236">
        <f t="shared" si="1237"/>
        <v>29.012310136870724</v>
      </c>
      <c r="N5272" s="236">
        <f t="shared" si="1238"/>
        <v>0.89656500929222904</v>
      </c>
      <c r="O5272" s="236">
        <f t="shared" si="1242"/>
        <v>2.3247954362065548</v>
      </c>
      <c r="P5272" s="236" t="str">
        <f t="shared" si="1243"/>
        <v>SAND</v>
      </c>
      <c r="Q5272" s="236" t="e">
        <f t="shared" si="1239"/>
        <v>#N/A</v>
      </c>
      <c r="R5272" s="238">
        <v>35</v>
      </c>
      <c r="S5272" s="236" t="e">
        <f t="shared" si="1244"/>
        <v>#N/A</v>
      </c>
      <c r="T5272" s="236">
        <f t="shared" si="1230"/>
        <v>33.688405424869913</v>
      </c>
    </row>
    <row r="5273" spans="1:20" x14ac:dyDescent="0.2">
      <c r="A5273" s="53">
        <f t="shared" si="1231"/>
        <v>5261</v>
      </c>
      <c r="B5273" s="239">
        <v>52.195</v>
      </c>
      <c r="C5273" s="3">
        <f t="shared" si="1232"/>
        <v>52.188000000000002</v>
      </c>
      <c r="D5273" s="239">
        <v>15.7865</v>
      </c>
      <c r="E5273" s="239">
        <v>0.13139999999999999</v>
      </c>
      <c r="F5273" s="239">
        <v>0.42070000000000002</v>
      </c>
      <c r="G5273">
        <f t="shared" si="1233"/>
        <v>15.87064</v>
      </c>
      <c r="H5273" s="235">
        <f t="shared" si="1234"/>
        <v>0.8279439266469405</v>
      </c>
      <c r="I5273" s="236">
        <f t="shared" si="1235"/>
        <v>20.045185536921245</v>
      </c>
      <c r="J5273" s="237">
        <f t="shared" si="1240"/>
        <v>10.045185536921245</v>
      </c>
      <c r="K5273" s="237">
        <f t="shared" si="1236"/>
        <v>1046.118142800846</v>
      </c>
      <c r="L5273" s="237">
        <f t="shared" si="1241"/>
        <v>524.30845909960442</v>
      </c>
      <c r="M5273" s="236">
        <f t="shared" si="1237"/>
        <v>28.274428153719519</v>
      </c>
      <c r="N5273" s="236">
        <f t="shared" si="1238"/>
        <v>0.8863692284023913</v>
      </c>
      <c r="O5273" s="236">
        <f t="shared" si="1242"/>
        <v>2.3319723170977689</v>
      </c>
      <c r="P5273" s="236" t="str">
        <f t="shared" si="1243"/>
        <v>SAND</v>
      </c>
      <c r="Q5273" s="236" t="e">
        <f t="shared" si="1239"/>
        <v>#N/A</v>
      </c>
      <c r="R5273" s="238">
        <v>35</v>
      </c>
      <c r="S5273" s="236" t="e">
        <f t="shared" si="1244"/>
        <v>#N/A</v>
      </c>
      <c r="T5273" s="236">
        <f t="shared" si="1230"/>
        <v>33.565332131565327</v>
      </c>
    </row>
    <row r="5274" spans="1:20" x14ac:dyDescent="0.2">
      <c r="A5274" s="53">
        <f t="shared" si="1231"/>
        <v>5262</v>
      </c>
      <c r="B5274" s="239">
        <v>52.204999999999998</v>
      </c>
      <c r="C5274" s="3">
        <f t="shared" si="1232"/>
        <v>52.198</v>
      </c>
      <c r="D5274" s="239">
        <v>14.8858</v>
      </c>
      <c r="E5274" s="239">
        <v>0.129</v>
      </c>
      <c r="F5274" s="239">
        <v>0.42980000000000002</v>
      </c>
      <c r="G5274">
        <f t="shared" si="1233"/>
        <v>14.97176</v>
      </c>
      <c r="H5274" s="235">
        <f t="shared" si="1234"/>
        <v>0.86162214729597586</v>
      </c>
      <c r="I5274" s="236">
        <f t="shared" si="1235"/>
        <v>20.000780843202179</v>
      </c>
      <c r="J5274" s="237">
        <f t="shared" si="1240"/>
        <v>10.000780843202179</v>
      </c>
      <c r="K5274" s="237">
        <f t="shared" si="1236"/>
        <v>1044.0007584534674</v>
      </c>
      <c r="L5274" s="237">
        <f t="shared" si="1241"/>
        <v>522.09076391936969</v>
      </c>
      <c r="M5274" s="236">
        <f t="shared" si="1237"/>
        <v>26.676892609610498</v>
      </c>
      <c r="N5274" s="236">
        <f t="shared" si="1238"/>
        <v>0.92620785413343976</v>
      </c>
      <c r="O5274" s="236">
        <f t="shared" si="1242"/>
        <v>2.3634001190759517</v>
      </c>
      <c r="P5274" s="236" t="str">
        <f t="shared" si="1243"/>
        <v>SAND</v>
      </c>
      <c r="Q5274" s="236" t="e">
        <f t="shared" si="1239"/>
        <v>#N/A</v>
      </c>
      <c r="R5274" s="238">
        <v>35</v>
      </c>
      <c r="S5274" s="236" t="e">
        <f t="shared" si="1244"/>
        <v>#N/A</v>
      </c>
      <c r="T5274" s="236">
        <f t="shared" si="1230"/>
        <v>33.287487645454434</v>
      </c>
    </row>
    <row r="5275" spans="1:20" x14ac:dyDescent="0.2">
      <c r="A5275" s="53">
        <f t="shared" si="1231"/>
        <v>5263</v>
      </c>
      <c r="B5275" s="239">
        <v>52.215000000000003</v>
      </c>
      <c r="C5275" s="3">
        <f t="shared" si="1232"/>
        <v>52.208000000000006</v>
      </c>
      <c r="D5275" s="239">
        <v>13.963800000000001</v>
      </c>
      <c r="E5275" s="239">
        <v>0.13189999999999999</v>
      </c>
      <c r="F5275" s="239">
        <v>0.43330000000000002</v>
      </c>
      <c r="G5275">
        <f t="shared" si="1233"/>
        <v>14.050460000000001</v>
      </c>
      <c r="H5275" s="235">
        <f t="shared" si="1234"/>
        <v>0.9387593004072462</v>
      </c>
      <c r="I5275" s="236">
        <f t="shared" si="1235"/>
        <v>20.002025490969842</v>
      </c>
      <c r="J5275" s="237">
        <f t="shared" si="1240"/>
        <v>10.002025490969842</v>
      </c>
      <c r="K5275" s="237">
        <f t="shared" si="1236"/>
        <v>1044.2657468325535</v>
      </c>
      <c r="L5275" s="237">
        <f t="shared" si="1241"/>
        <v>522.25576101099034</v>
      </c>
      <c r="M5275" s="236">
        <f t="shared" si="1237"/>
        <v>24.903878950018409</v>
      </c>
      <c r="N5275" s="236">
        <f t="shared" si="1238"/>
        <v>1.0141321698918797</v>
      </c>
      <c r="O5275" s="236">
        <f t="shared" si="1242"/>
        <v>2.4090820736633565</v>
      </c>
      <c r="P5275" s="236" t="str">
        <f t="shared" si="1243"/>
        <v>SAND</v>
      </c>
      <c r="Q5275" s="236" t="e">
        <f t="shared" si="1239"/>
        <v>#N/A</v>
      </c>
      <c r="R5275" s="238">
        <v>35</v>
      </c>
      <c r="S5275" s="236" t="e">
        <f t="shared" si="1244"/>
        <v>#N/A</v>
      </c>
      <c r="T5275" s="236">
        <f t="shared" si="1230"/>
        <v>32.958936963806501</v>
      </c>
    </row>
    <row r="5276" spans="1:20" x14ac:dyDescent="0.2">
      <c r="A5276" s="53">
        <f t="shared" si="1231"/>
        <v>5264</v>
      </c>
      <c r="B5276" s="239">
        <v>52.223999999999997</v>
      </c>
      <c r="C5276" s="3">
        <f t="shared" si="1232"/>
        <v>52.216999999999999</v>
      </c>
      <c r="D5276" s="239">
        <v>12.8002</v>
      </c>
      <c r="E5276" s="239">
        <v>0.129</v>
      </c>
      <c r="F5276" s="239">
        <v>0.3962</v>
      </c>
      <c r="G5276">
        <f t="shared" si="1233"/>
        <v>12.879440000000001</v>
      </c>
      <c r="H5276" s="235">
        <f t="shared" si="1234"/>
        <v>1.0015963426981296</v>
      </c>
      <c r="I5276" s="236">
        <f t="shared" si="1235"/>
        <v>19.941942554410524</v>
      </c>
      <c r="J5276" s="237">
        <f t="shared" si="1240"/>
        <v>9.9419425544105238</v>
      </c>
      <c r="K5276" s="237">
        <f t="shared" si="1236"/>
        <v>1041.3084143636543</v>
      </c>
      <c r="L5276" s="237">
        <f t="shared" si="1241"/>
        <v>519.20800796153515</v>
      </c>
      <c r="M5276" s="236">
        <f t="shared" si="1237"/>
        <v>22.800364023879538</v>
      </c>
      <c r="N5276" s="236">
        <f t="shared" si="1238"/>
        <v>1.0896989872668805</v>
      </c>
      <c r="O5276" s="236">
        <f t="shared" si="1242"/>
        <v>2.4579686073680582</v>
      </c>
      <c r="P5276" s="236" t="str">
        <f t="shared" si="1243"/>
        <v>SAND</v>
      </c>
      <c r="Q5276" s="236" t="e">
        <f t="shared" si="1239"/>
        <v>#N/A</v>
      </c>
      <c r="R5276" s="238">
        <v>35</v>
      </c>
      <c r="S5276" s="236" t="e">
        <f t="shared" si="1244"/>
        <v>#N/A</v>
      </c>
      <c r="T5276" s="236">
        <f t="shared" si="1230"/>
        <v>32.537359589605927</v>
      </c>
    </row>
    <row r="5277" spans="1:20" x14ac:dyDescent="0.2">
      <c r="A5277" s="53">
        <f t="shared" si="1231"/>
        <v>5265</v>
      </c>
      <c r="B5277" s="239">
        <v>52.232999999999997</v>
      </c>
      <c r="C5277" s="3">
        <f t="shared" si="1232"/>
        <v>52.225999999999999</v>
      </c>
      <c r="D5277" s="239">
        <v>11.8627</v>
      </c>
      <c r="E5277" s="239">
        <v>0.13009999999999999</v>
      </c>
      <c r="F5277" s="239">
        <v>0.40139999999999998</v>
      </c>
      <c r="G5277">
        <f t="shared" si="1233"/>
        <v>11.94298</v>
      </c>
      <c r="H5277" s="235">
        <f t="shared" si="1234"/>
        <v>1.0893428608270297</v>
      </c>
      <c r="I5277" s="236">
        <f t="shared" si="1235"/>
        <v>19.922393189620767</v>
      </c>
      <c r="J5277" s="237">
        <f t="shared" si="1240"/>
        <v>9.9223931896207667</v>
      </c>
      <c r="K5277" s="237">
        <f t="shared" si="1236"/>
        <v>1040.4669067211341</v>
      </c>
      <c r="L5277" s="237">
        <f t="shared" si="1241"/>
        <v>518.27636347346152</v>
      </c>
      <c r="M5277" s="236">
        <f t="shared" si="1237"/>
        <v>21.036099389543416</v>
      </c>
      <c r="N5277" s="236">
        <f t="shared" si="1238"/>
        <v>1.1933028549188671</v>
      </c>
      <c r="O5277" s="236">
        <f t="shared" si="1242"/>
        <v>2.5082505252076426</v>
      </c>
      <c r="P5277" s="236" t="str">
        <f t="shared" si="1243"/>
        <v>SAND</v>
      </c>
      <c r="Q5277" s="236" t="e">
        <f t="shared" si="1239"/>
        <v>#N/A</v>
      </c>
      <c r="R5277" s="238">
        <v>35</v>
      </c>
      <c r="S5277" s="236" t="e">
        <f t="shared" si="1244"/>
        <v>#N/A</v>
      </c>
      <c r="T5277" s="236">
        <f t="shared" si="1230"/>
        <v>32.152617354696105</v>
      </c>
    </row>
    <row r="5278" spans="1:20" x14ac:dyDescent="0.2">
      <c r="A5278" s="53">
        <f t="shared" si="1231"/>
        <v>5266</v>
      </c>
      <c r="B5278" s="239">
        <v>52.243000000000002</v>
      </c>
      <c r="C5278" s="3">
        <f t="shared" si="1232"/>
        <v>52.236000000000004</v>
      </c>
      <c r="D5278" s="239">
        <v>10.747</v>
      </c>
      <c r="E5278" s="239">
        <v>0.13350000000000001</v>
      </c>
      <c r="F5278" s="239">
        <v>0.54200000000000004</v>
      </c>
      <c r="G5278">
        <f t="shared" si="1233"/>
        <v>10.855399999999999</v>
      </c>
      <c r="H5278" s="235">
        <f t="shared" si="1234"/>
        <v>1.2298026788510787</v>
      </c>
      <c r="I5278" s="236">
        <f t="shared" si="1235"/>
        <v>19.915323719653557</v>
      </c>
      <c r="J5278" s="237">
        <f t="shared" si="1240"/>
        <v>9.9153237196535571</v>
      </c>
      <c r="K5278" s="237">
        <f t="shared" si="1236"/>
        <v>1040.2968498198234</v>
      </c>
      <c r="L5278" s="237">
        <f t="shared" si="1241"/>
        <v>518.00625708586085</v>
      </c>
      <c r="M5278" s="236">
        <f t="shared" si="1237"/>
        <v>18.947846702464251</v>
      </c>
      <c r="N5278" s="236">
        <f t="shared" si="1238"/>
        <v>1.3601487213870933</v>
      </c>
      <c r="O5278" s="236">
        <f t="shared" si="1242"/>
        <v>2.5766237390559903</v>
      </c>
      <c r="P5278" s="236" t="str">
        <f t="shared" si="1243"/>
        <v>SAND</v>
      </c>
      <c r="Q5278" s="236" t="e">
        <f t="shared" si="1239"/>
        <v>#N/A</v>
      </c>
      <c r="R5278" s="238">
        <v>35</v>
      </c>
      <c r="S5278" s="236" t="e">
        <f t="shared" si="1244"/>
        <v>#N/A</v>
      </c>
      <c r="T5278" s="236">
        <f t="shared" si="1230"/>
        <v>31.653158486521434</v>
      </c>
    </row>
    <row r="5279" spans="1:20" x14ac:dyDescent="0.2">
      <c r="A5279" s="53">
        <f t="shared" si="1231"/>
        <v>5267</v>
      </c>
      <c r="B5279" s="239">
        <v>52.253</v>
      </c>
      <c r="C5279" s="3">
        <f t="shared" si="1232"/>
        <v>52.246000000000002</v>
      </c>
      <c r="D5279" s="239">
        <v>9.8257999999999992</v>
      </c>
      <c r="E5279" s="239">
        <v>0.1439</v>
      </c>
      <c r="F5279" s="239">
        <v>0.59809999999999997</v>
      </c>
      <c r="G5279">
        <f t="shared" si="1233"/>
        <v>9.9454199999999986</v>
      </c>
      <c r="H5279" s="235">
        <f t="shared" si="1234"/>
        <v>1.4468971647250697</v>
      </c>
      <c r="I5279" s="236">
        <f t="shared" si="1235"/>
        <v>19.969068013497751</v>
      </c>
      <c r="J5279" s="237">
        <f t="shared" si="1240"/>
        <v>9.9690680134977505</v>
      </c>
      <c r="K5279" s="237">
        <f t="shared" si="1236"/>
        <v>1043.3039274332036</v>
      </c>
      <c r="L5279" s="237">
        <f t="shared" si="1241"/>
        <v>520.91371090929795</v>
      </c>
      <c r="M5279" s="236">
        <f t="shared" si="1237"/>
        <v>17.089425534657966</v>
      </c>
      <c r="N5279" s="236">
        <f t="shared" si="1238"/>
        <v>1.6164695992164093</v>
      </c>
      <c r="O5279" s="236">
        <f t="shared" si="1242"/>
        <v>2.6544667299020102</v>
      </c>
      <c r="P5279" s="236" t="str">
        <f t="shared" si="1243"/>
        <v>CLAY</v>
      </c>
      <c r="Q5279" s="236">
        <f t="shared" si="1239"/>
        <v>741.84300604723285</v>
      </c>
      <c r="R5279" s="238">
        <v>35</v>
      </c>
      <c r="S5279" s="236">
        <f t="shared" si="1244"/>
        <v>8.6865903016678594</v>
      </c>
      <c r="T5279" s="236" t="e">
        <f t="shared" si="1230"/>
        <v>#N/A</v>
      </c>
    </row>
    <row r="5280" spans="1:20" x14ac:dyDescent="0.2">
      <c r="A5280" s="53">
        <f t="shared" si="1231"/>
        <v>5268</v>
      </c>
      <c r="B5280" s="239">
        <v>52.262</v>
      </c>
      <c r="C5280" s="3">
        <f t="shared" si="1232"/>
        <v>52.255000000000003</v>
      </c>
      <c r="D5280" s="239">
        <v>9.1090999999999998</v>
      </c>
      <c r="E5280" s="239">
        <v>0.1547</v>
      </c>
      <c r="F5280" s="239">
        <v>0.67190000000000005</v>
      </c>
      <c r="G5280">
        <f t="shared" si="1233"/>
        <v>9.2434799999999999</v>
      </c>
      <c r="H5280" s="235">
        <f t="shared" si="1234"/>
        <v>1.6736121028011097</v>
      </c>
      <c r="I5280" s="236">
        <f t="shared" si="1235"/>
        <v>20.025318856663475</v>
      </c>
      <c r="J5280" s="237">
        <f t="shared" si="1240"/>
        <v>10.025318856663475</v>
      </c>
      <c r="K5280" s="237">
        <f t="shared" si="1236"/>
        <v>1046.4230368549499</v>
      </c>
      <c r="L5280" s="237">
        <f t="shared" si="1241"/>
        <v>523.94321408694657</v>
      </c>
      <c r="M5280" s="236">
        <f t="shared" si="1237"/>
        <v>15.644933921760414</v>
      </c>
      <c r="N5280" s="236">
        <f t="shared" si="1238"/>
        <v>1.8872627175283734</v>
      </c>
      <c r="O5280" s="236">
        <f t="shared" si="1242"/>
        <v>2.7232314182218191</v>
      </c>
      <c r="P5280" s="236" t="str">
        <f t="shared" si="1243"/>
        <v>CLAY</v>
      </c>
      <c r="Q5280" s="236">
        <f t="shared" si="1239"/>
        <v>683.08808026208737</v>
      </c>
      <c r="R5280" s="238">
        <v>35</v>
      </c>
      <c r="S5280" s="236">
        <f t="shared" si="1244"/>
        <v>7.7787027354265188</v>
      </c>
      <c r="T5280" s="236" t="e">
        <f t="shared" si="1230"/>
        <v>#N/A</v>
      </c>
    </row>
    <row r="5281" spans="1:20" x14ac:dyDescent="0.2">
      <c r="A5281" s="53">
        <f t="shared" si="1231"/>
        <v>5269</v>
      </c>
      <c r="B5281" s="239">
        <v>52.271999999999998</v>
      </c>
      <c r="C5281" s="3">
        <f t="shared" si="1232"/>
        <v>52.265000000000001</v>
      </c>
      <c r="D5281" s="239">
        <v>8.6008999999999993</v>
      </c>
      <c r="E5281" s="239">
        <v>0.15770000000000001</v>
      </c>
      <c r="F5281" s="239">
        <v>0.71650000000000003</v>
      </c>
      <c r="G5281">
        <f t="shared" si="1233"/>
        <v>8.7441999999999993</v>
      </c>
      <c r="H5281" s="235">
        <f t="shared" si="1234"/>
        <v>1.803481164657716</v>
      </c>
      <c r="I5281" s="236">
        <f t="shared" si="1235"/>
        <v>20.02613670050409</v>
      </c>
      <c r="J5281" s="237">
        <f t="shared" si="1240"/>
        <v>10.02613670050409</v>
      </c>
      <c r="K5281" s="237">
        <f t="shared" si="1236"/>
        <v>1046.6660346518463</v>
      </c>
      <c r="L5281" s="237">
        <f t="shared" si="1241"/>
        <v>524.08621760874973</v>
      </c>
      <c r="M5281" s="236">
        <f t="shared" si="1237"/>
        <v>14.687533666635465</v>
      </c>
      <c r="N5281" s="236">
        <f t="shared" si="1238"/>
        <v>2.0487080759879102</v>
      </c>
      <c r="O5281" s="236">
        <f t="shared" si="1242"/>
        <v>2.7657685582074394</v>
      </c>
      <c r="P5281" s="236" t="str">
        <f t="shared" si="1243"/>
        <v>CLAY</v>
      </c>
      <c r="Q5281" s="236">
        <f t="shared" si="1239"/>
        <v>641.46116377901274</v>
      </c>
      <c r="R5281" s="238">
        <v>35</v>
      </c>
      <c r="S5281" s="236">
        <f t="shared" si="1244"/>
        <v>7.1882984884835635</v>
      </c>
      <c r="T5281" s="236" t="e">
        <f t="shared" si="1230"/>
        <v>#N/A</v>
      </c>
    </row>
    <row r="5282" spans="1:20" x14ac:dyDescent="0.2">
      <c r="A5282" s="53">
        <f t="shared" si="1231"/>
        <v>5270</v>
      </c>
      <c r="B5282" s="239">
        <v>52.281999999999996</v>
      </c>
      <c r="C5282" s="3">
        <f t="shared" si="1232"/>
        <v>52.274999999999999</v>
      </c>
      <c r="D5282" s="239">
        <v>8.1865000000000006</v>
      </c>
      <c r="E5282" s="239">
        <v>0.16189999999999999</v>
      </c>
      <c r="F5282" s="239">
        <v>0.71</v>
      </c>
      <c r="G5282">
        <f t="shared" si="1233"/>
        <v>8.3285</v>
      </c>
      <c r="H5282" s="235">
        <f t="shared" si="1234"/>
        <v>1.9439274779372036</v>
      </c>
      <c r="I5282" s="236">
        <f t="shared" si="1235"/>
        <v>20.037919657085247</v>
      </c>
      <c r="J5282" s="237">
        <f t="shared" si="1240"/>
        <v>10.037919657085247</v>
      </c>
      <c r="K5282" s="237">
        <f t="shared" si="1236"/>
        <v>1047.4822500741313</v>
      </c>
      <c r="L5282" s="237">
        <f t="shared" si="1241"/>
        <v>524.8025155117308</v>
      </c>
      <c r="M5282" s="236">
        <f t="shared" si="1237"/>
        <v>13.873824028503762</v>
      </c>
      <c r="N5282" s="236">
        <f t="shared" si="1238"/>
        <v>2.223590239175675</v>
      </c>
      <c r="O5282" s="236">
        <f t="shared" si="1242"/>
        <v>2.8061238807139559</v>
      </c>
      <c r="P5282" s="236" t="str">
        <f t="shared" si="1243"/>
        <v>CLAY</v>
      </c>
      <c r="Q5282" s="236">
        <f t="shared" si="1239"/>
        <v>606.75147916048911</v>
      </c>
      <c r="R5282" s="238">
        <v>35</v>
      </c>
      <c r="S5282" s="236">
        <f t="shared" si="1244"/>
        <v>6.6939927220441957</v>
      </c>
      <c r="T5282" s="236" t="e">
        <f t="shared" si="1230"/>
        <v>#N/A</v>
      </c>
    </row>
    <row r="5283" spans="1:20" x14ac:dyDescent="0.2">
      <c r="A5283" s="53">
        <f t="shared" si="1231"/>
        <v>5271</v>
      </c>
      <c r="B5283" s="239">
        <v>52.292000000000002</v>
      </c>
      <c r="C5283" s="3">
        <f t="shared" si="1232"/>
        <v>52.285000000000004</v>
      </c>
      <c r="D5283" s="239">
        <v>7.6654</v>
      </c>
      <c r="E5283" s="239">
        <v>0.18010000000000001</v>
      </c>
      <c r="F5283" s="239">
        <v>0.83509999999999995</v>
      </c>
      <c r="G5283">
        <f t="shared" si="1233"/>
        <v>7.8324199999999999</v>
      </c>
      <c r="H5283" s="235">
        <f t="shared" si="1234"/>
        <v>2.2994170384121384</v>
      </c>
      <c r="I5283" s="236">
        <f t="shared" si="1235"/>
        <v>20.13883644993539</v>
      </c>
      <c r="J5283" s="237">
        <f t="shared" si="1240"/>
        <v>10.13883644993539</v>
      </c>
      <c r="K5283" s="237">
        <f t="shared" si="1236"/>
        <v>1052.9590637848719</v>
      </c>
      <c r="L5283" s="237">
        <f t="shared" si="1241"/>
        <v>530.1800356400214</v>
      </c>
      <c r="M5283" s="236">
        <f t="shared" si="1237"/>
        <v>12.787092082845245</v>
      </c>
      <c r="N5283" s="236">
        <f t="shared" si="1238"/>
        <v>2.6565533999602509</v>
      </c>
      <c r="O5283" s="236">
        <f t="shared" si="1242"/>
        <v>2.878998272752729</v>
      </c>
      <c r="P5283" s="236" t="str">
        <f t="shared" si="1243"/>
        <v>CLAY</v>
      </c>
      <c r="Q5283" s="236">
        <f t="shared" si="1239"/>
        <v>564.95507801792735</v>
      </c>
      <c r="R5283" s="238">
        <v>35</v>
      </c>
      <c r="S5283" s="236">
        <f t="shared" si="1244"/>
        <v>6.0451175381571174</v>
      </c>
      <c r="T5283" s="236" t="e">
        <f t="shared" si="1230"/>
        <v>#N/A</v>
      </c>
    </row>
    <row r="5284" spans="1:20" x14ac:dyDescent="0.2">
      <c r="A5284" s="53">
        <f t="shared" si="1231"/>
        <v>5272</v>
      </c>
      <c r="B5284" s="239">
        <v>52.302</v>
      </c>
      <c r="C5284" s="3">
        <f t="shared" si="1232"/>
        <v>52.295000000000002</v>
      </c>
      <c r="D5284" s="239">
        <v>7.2247000000000003</v>
      </c>
      <c r="E5284" s="239">
        <v>0.20680000000000001</v>
      </c>
      <c r="F5284" s="239">
        <v>1.0570999999999999</v>
      </c>
      <c r="G5284">
        <f t="shared" si="1233"/>
        <v>7.4361200000000007</v>
      </c>
      <c r="H5284" s="235">
        <f t="shared" si="1234"/>
        <v>2.7810202094640752</v>
      </c>
      <c r="I5284" s="236">
        <f t="shared" si="1235"/>
        <v>20.280641247926567</v>
      </c>
      <c r="J5284" s="237">
        <f t="shared" si="1240"/>
        <v>10.280641247926567</v>
      </c>
      <c r="K5284" s="237">
        <f t="shared" si="1236"/>
        <v>1060.5761340603199</v>
      </c>
      <c r="L5284" s="237">
        <f t="shared" si="1241"/>
        <v>537.69809854905532</v>
      </c>
      <c r="M5284" s="236">
        <f t="shared" si="1237"/>
        <v>11.857106958614299</v>
      </c>
      <c r="N5284" s="236">
        <f t="shared" si="1238"/>
        <v>3.243644845811442</v>
      </c>
      <c r="O5284" s="236">
        <f t="shared" si="1242"/>
        <v>2.9559083482140296</v>
      </c>
      <c r="P5284" s="236" t="str">
        <f t="shared" si="1243"/>
        <v>CLAY</v>
      </c>
      <c r="Q5284" s="236">
        <f t="shared" si="1239"/>
        <v>531.29532216164</v>
      </c>
      <c r="R5284" s="238">
        <v>35</v>
      </c>
      <c r="S5284" s="236">
        <f t="shared" si="1244"/>
        <v>5.5006426332256888</v>
      </c>
      <c r="T5284" s="236" t="e">
        <f t="shared" si="1230"/>
        <v>#N/A</v>
      </c>
    </row>
    <row r="5285" spans="1:20" x14ac:dyDescent="0.2">
      <c r="A5285" s="53">
        <f t="shared" si="1231"/>
        <v>5273</v>
      </c>
      <c r="B5285" s="239">
        <v>52.311</v>
      </c>
      <c r="C5285" s="3">
        <f t="shared" si="1232"/>
        <v>52.304000000000002</v>
      </c>
      <c r="D5285" s="239">
        <v>7.1822999999999997</v>
      </c>
      <c r="E5285" s="239">
        <v>0.22259999999999999</v>
      </c>
      <c r="F5285" s="239">
        <v>1.2824</v>
      </c>
      <c r="G5285">
        <f t="shared" si="1233"/>
        <v>7.4387799999999995</v>
      </c>
      <c r="H5285" s="235">
        <f t="shared" si="1234"/>
        <v>2.9924261774108123</v>
      </c>
      <c r="I5285" s="236">
        <f t="shared" si="1235"/>
        <v>20.367112529654861</v>
      </c>
      <c r="J5285" s="237">
        <f t="shared" si="1240"/>
        <v>10.367112529654861</v>
      </c>
      <c r="K5285" s="237">
        <f t="shared" si="1236"/>
        <v>1065.2814537510678</v>
      </c>
      <c r="L5285" s="237">
        <f t="shared" si="1241"/>
        <v>542.31402353877547</v>
      </c>
      <c r="M5285" s="236">
        <f t="shared" si="1237"/>
        <v>11.752413305965758</v>
      </c>
      <c r="N5285" s="236">
        <f t="shared" si="1238"/>
        <v>3.4925872875739388</v>
      </c>
      <c r="O5285" s="236">
        <f t="shared" si="1242"/>
        <v>2.9779319062400496</v>
      </c>
      <c r="P5285" s="236" t="str">
        <f t="shared" si="1243"/>
        <v>CLAY</v>
      </c>
      <c r="Q5285" s="236">
        <f t="shared" si="1239"/>
        <v>531.12487885407768</v>
      </c>
      <c r="R5285" s="238">
        <v>35</v>
      </c>
      <c r="S5285" s="236">
        <f t="shared" si="1244"/>
        <v>5.4399991136375263</v>
      </c>
      <c r="T5285" s="236" t="e">
        <f t="shared" si="1230"/>
        <v>#N/A</v>
      </c>
    </row>
    <row r="5286" spans="1:20" x14ac:dyDescent="0.2">
      <c r="A5286" s="53">
        <f t="shared" si="1231"/>
        <v>5274</v>
      </c>
      <c r="B5286" s="239">
        <v>52.317</v>
      </c>
      <c r="C5286" s="3">
        <f t="shared" si="1232"/>
        <v>52.31</v>
      </c>
      <c r="D5286" s="239">
        <v>7.5747</v>
      </c>
      <c r="E5286" s="239">
        <v>0.23169999999999999</v>
      </c>
      <c r="F5286" s="239">
        <v>1.3809</v>
      </c>
      <c r="G5286">
        <f t="shared" si="1233"/>
        <v>7.8508800000000001</v>
      </c>
      <c r="H5286" s="235">
        <f t="shared" si="1234"/>
        <v>2.9512615146327543</v>
      </c>
      <c r="I5286" s="236">
        <f t="shared" si="1235"/>
        <v>20.435169850947517</v>
      </c>
      <c r="J5286" s="237">
        <f t="shared" si="1240"/>
        <v>10.435169850947517</v>
      </c>
      <c r="K5286" s="237">
        <f t="shared" si="1236"/>
        <v>1068.9637349030647</v>
      </c>
      <c r="L5286" s="237">
        <f t="shared" si="1241"/>
        <v>545.93678109202131</v>
      </c>
      <c r="M5286" s="236">
        <f t="shared" si="1237"/>
        <v>12.422530410080206</v>
      </c>
      <c r="N5286" s="236">
        <f t="shared" si="1238"/>
        <v>3.4164385247933788</v>
      </c>
      <c r="O5286" s="236">
        <f t="shared" si="1242"/>
        <v>2.9528627136418226</v>
      </c>
      <c r="P5286" s="236" t="str">
        <f t="shared" si="1243"/>
        <v>CLAY</v>
      </c>
      <c r="Q5286" s="236">
        <f t="shared" si="1239"/>
        <v>565.159688758078</v>
      </c>
      <c r="R5286" s="238">
        <v>35</v>
      </c>
      <c r="S5286" s="236">
        <f t="shared" si="1244"/>
        <v>5.8304569681298366</v>
      </c>
      <c r="T5286" s="236" t="e">
        <f t="shared" si="1230"/>
        <v>#N/A</v>
      </c>
    </row>
    <row r="5287" spans="1:20" x14ac:dyDescent="0.2">
      <c r="A5287" s="53">
        <f t="shared" si="1231"/>
        <v>5275</v>
      </c>
      <c r="B5287" s="239">
        <v>52.331000000000003</v>
      </c>
      <c r="C5287" s="3">
        <f t="shared" si="1232"/>
        <v>52.324000000000005</v>
      </c>
      <c r="D5287" s="239">
        <v>8.3864000000000001</v>
      </c>
      <c r="E5287" s="239">
        <v>0.2437</v>
      </c>
      <c r="F5287" s="239">
        <v>1.5802</v>
      </c>
      <c r="G5287">
        <f t="shared" si="1233"/>
        <v>8.7024399999999993</v>
      </c>
      <c r="H5287" s="235">
        <f t="shared" si="1234"/>
        <v>2.8003640358336286</v>
      </c>
      <c r="I5287" s="236">
        <f t="shared" si="1235"/>
        <v>20.534629917086104</v>
      </c>
      <c r="J5287" s="237">
        <f t="shared" si="1240"/>
        <v>10.534629917086104</v>
      </c>
      <c r="K5287" s="237">
        <f t="shared" si="1236"/>
        <v>1074.4539757816135</v>
      </c>
      <c r="L5287" s="237">
        <f t="shared" si="1241"/>
        <v>551.28771819103292</v>
      </c>
      <c r="M5287" s="236">
        <f t="shared" si="1237"/>
        <v>13.83666962371022</v>
      </c>
      <c r="N5287" s="236">
        <f t="shared" si="1238"/>
        <v>3.1948144533336524</v>
      </c>
      <c r="O5287" s="236">
        <f t="shared" si="1242"/>
        <v>2.8978969457454129</v>
      </c>
      <c r="P5287" s="236" t="str">
        <f t="shared" si="1243"/>
        <v>CLAY</v>
      </c>
      <c r="Q5287" s="236">
        <f t="shared" si="1239"/>
        <v>635.66550201819871</v>
      </c>
      <c r="R5287" s="238">
        <v>35</v>
      </c>
      <c r="S5287" s="236">
        <f t="shared" si="1244"/>
        <v>6.671591904309242</v>
      </c>
      <c r="T5287" s="236" t="e">
        <f t="shared" si="1230"/>
        <v>#N/A</v>
      </c>
    </row>
    <row r="5288" spans="1:20" x14ac:dyDescent="0.2">
      <c r="A5288" s="53">
        <f t="shared" si="1231"/>
        <v>5276</v>
      </c>
      <c r="B5288" s="239">
        <v>52.341000000000001</v>
      </c>
      <c r="C5288" s="3">
        <f t="shared" si="1232"/>
        <v>52.334000000000003</v>
      </c>
      <c r="D5288" s="239">
        <v>9.7901000000000007</v>
      </c>
      <c r="E5288" s="239">
        <v>0.22170000000000001</v>
      </c>
      <c r="F5288" s="239">
        <v>1.3162</v>
      </c>
      <c r="G5288">
        <f t="shared" si="1233"/>
        <v>10.05334</v>
      </c>
      <c r="H5288" s="235">
        <f t="shared" si="1234"/>
        <v>2.2052372644315223</v>
      </c>
      <c r="I5288" s="236">
        <f t="shared" si="1235"/>
        <v>20.480089759216106</v>
      </c>
      <c r="J5288" s="237">
        <f t="shared" si="1240"/>
        <v>10.480089759216106</v>
      </c>
      <c r="K5288" s="237">
        <f t="shared" si="1236"/>
        <v>1071.8050174588159</v>
      </c>
      <c r="L5288" s="237">
        <f t="shared" si="1241"/>
        <v>548.53837808713024</v>
      </c>
      <c r="M5288" s="236">
        <f t="shared" si="1237"/>
        <v>16.373576291711263</v>
      </c>
      <c r="N5288" s="236">
        <f t="shared" si="1238"/>
        <v>2.468397667335851</v>
      </c>
      <c r="O5288" s="236">
        <f t="shared" si="1242"/>
        <v>2.7728632992189515</v>
      </c>
      <c r="P5288" s="236" t="str">
        <f t="shared" si="1243"/>
        <v>CLAY</v>
      </c>
      <c r="Q5288" s="236">
        <f t="shared" si="1239"/>
        <v>748.46124854509878</v>
      </c>
      <c r="R5288" s="238">
        <v>35</v>
      </c>
      <c r="S5288" s="236">
        <f t="shared" si="1244"/>
        <v>8.2341626864034474</v>
      </c>
      <c r="T5288" s="236" t="e">
        <f t="shared" si="1230"/>
        <v>#N/A</v>
      </c>
    </row>
    <row r="5289" spans="1:20" x14ac:dyDescent="0.2">
      <c r="A5289" s="53">
        <f t="shared" si="1231"/>
        <v>5277</v>
      </c>
      <c r="B5289" s="239">
        <v>52.35</v>
      </c>
      <c r="C5289" s="3">
        <f t="shared" si="1232"/>
        <v>52.343000000000004</v>
      </c>
      <c r="D5289" s="239">
        <v>10.5198</v>
      </c>
      <c r="E5289" s="239">
        <v>0.22259999999999999</v>
      </c>
      <c r="F5289" s="239">
        <v>1.1759999999999999</v>
      </c>
      <c r="G5289">
        <f t="shared" si="1233"/>
        <v>10.755000000000001</v>
      </c>
      <c r="H5289" s="235">
        <f t="shared" si="1234"/>
        <v>2.0697350069735005</v>
      </c>
      <c r="I5289" s="236">
        <f t="shared" si="1235"/>
        <v>20.511210359630077</v>
      </c>
      <c r="J5289" s="237">
        <f t="shared" si="1240"/>
        <v>10.511210359630077</v>
      </c>
      <c r="K5289" s="237">
        <f t="shared" si="1236"/>
        <v>1073.6182838541172</v>
      </c>
      <c r="L5289" s="237">
        <f t="shared" si="1241"/>
        <v>550.26186232663451</v>
      </c>
      <c r="M5289" s="236">
        <f t="shared" si="1237"/>
        <v>17.594135408931958</v>
      </c>
      <c r="N5289" s="236">
        <f t="shared" si="1238"/>
        <v>2.2992585823649985</v>
      </c>
      <c r="O5289" s="236">
        <f t="shared" si="1242"/>
        <v>2.7295435272124036</v>
      </c>
      <c r="P5289" s="236" t="str">
        <f t="shared" si="1243"/>
        <v>CLAY</v>
      </c>
      <c r="Q5289" s="236">
        <f t="shared" si="1239"/>
        <v>806.78180967882361</v>
      </c>
      <c r="R5289" s="238">
        <v>35</v>
      </c>
      <c r="S5289" s="236">
        <f t="shared" si="1244"/>
        <v>9.0084468653112229</v>
      </c>
      <c r="T5289" s="236" t="e">
        <f t="shared" si="1230"/>
        <v>#N/A</v>
      </c>
    </row>
    <row r="5290" spans="1:20" x14ac:dyDescent="0.2">
      <c r="A5290" s="53">
        <f t="shared" si="1231"/>
        <v>5278</v>
      </c>
      <c r="B5290" s="239">
        <v>52.360999999999997</v>
      </c>
      <c r="C5290" s="3">
        <f t="shared" si="1232"/>
        <v>52.353999999999999</v>
      </c>
      <c r="D5290" s="239">
        <v>11.003399999999999</v>
      </c>
      <c r="E5290" s="239">
        <v>0.21879999999999999</v>
      </c>
      <c r="F5290" s="239">
        <v>1.0959000000000001</v>
      </c>
      <c r="G5290">
        <f t="shared" si="1233"/>
        <v>11.222579999999999</v>
      </c>
      <c r="H5290" s="235">
        <f t="shared" si="1234"/>
        <v>1.9496408134314926</v>
      </c>
      <c r="I5290" s="236">
        <f t="shared" si="1235"/>
        <v>20.507654251020266</v>
      </c>
      <c r="J5290" s="237">
        <f t="shared" si="1240"/>
        <v>10.507654251020266</v>
      </c>
      <c r="K5290" s="237">
        <f t="shared" si="1236"/>
        <v>1073.657730657915</v>
      </c>
      <c r="L5290" s="237">
        <f t="shared" si="1241"/>
        <v>550.19128423767211</v>
      </c>
      <c r="M5290" s="236">
        <f t="shared" si="1237"/>
        <v>18.446170559397562</v>
      </c>
      <c r="N5290" s="236">
        <f t="shared" si="1238"/>
        <v>2.155893938225856</v>
      </c>
      <c r="O5290" s="236">
        <f t="shared" si="1242"/>
        <v>2.6966251987578311</v>
      </c>
      <c r="P5290" s="236" t="str">
        <f t="shared" si="1243"/>
        <v>CLAY</v>
      </c>
      <c r="Q5290" s="236">
        <f t="shared" si="1239"/>
        <v>845.74352244517365</v>
      </c>
      <c r="R5290" s="238">
        <v>35</v>
      </c>
      <c r="S5290" s="236">
        <f t="shared" si="1244"/>
        <v>9.5570263542292047</v>
      </c>
      <c r="T5290" s="236" t="e">
        <f t="shared" si="1230"/>
        <v>#N/A</v>
      </c>
    </row>
    <row r="5291" spans="1:20" x14ac:dyDescent="0.2">
      <c r="A5291" s="53">
        <f t="shared" si="1231"/>
        <v>5279</v>
      </c>
      <c r="B5291" s="239">
        <v>52.37</v>
      </c>
      <c r="C5291" s="3">
        <f t="shared" si="1232"/>
        <v>52.363</v>
      </c>
      <c r="D5291" s="239">
        <v>11.6465</v>
      </c>
      <c r="E5291" s="239">
        <v>0.2084</v>
      </c>
      <c r="F5291" s="239">
        <v>0.63759999999999994</v>
      </c>
      <c r="G5291">
        <f t="shared" si="1233"/>
        <v>11.77402</v>
      </c>
      <c r="H5291" s="235">
        <f t="shared" si="1234"/>
        <v>1.7699986920355153</v>
      </c>
      <c r="I5291" s="236">
        <f t="shared" si="1235"/>
        <v>20.469299176150709</v>
      </c>
      <c r="J5291" s="237">
        <f t="shared" si="1240"/>
        <v>10.469299176150709</v>
      </c>
      <c r="K5291" s="237">
        <f t="shared" si="1236"/>
        <v>1071.8339127607796</v>
      </c>
      <c r="L5291" s="237">
        <f t="shared" si="1241"/>
        <v>548.27719785501267</v>
      </c>
      <c r="M5291" s="236">
        <f t="shared" si="1237"/>
        <v>19.519662917058472</v>
      </c>
      <c r="N5291" s="236">
        <f t="shared" si="1238"/>
        <v>1.9472657109605513</v>
      </c>
      <c r="O5291" s="236">
        <f t="shared" si="1242"/>
        <v>2.6511705754183561</v>
      </c>
      <c r="P5291" s="236" t="str">
        <f t="shared" si="1243"/>
        <v>CLAY</v>
      </c>
      <c r="Q5291" s="236">
        <f t="shared" si="1239"/>
        <v>891.8488406032684</v>
      </c>
      <c r="R5291" s="238">
        <v>35</v>
      </c>
      <c r="S5291" s="236">
        <f t="shared" si="1244"/>
        <v>10.257237245697162</v>
      </c>
      <c r="T5291" s="236" t="e">
        <f t="shared" si="1230"/>
        <v>#N/A</v>
      </c>
    </row>
    <row r="5292" spans="1:20" x14ac:dyDescent="0.2">
      <c r="A5292" s="53">
        <f t="shared" si="1231"/>
        <v>5280</v>
      </c>
      <c r="B5292" s="239">
        <v>52.378999999999998</v>
      </c>
      <c r="C5292" s="3">
        <f t="shared" si="1232"/>
        <v>52.372</v>
      </c>
      <c r="D5292" s="239">
        <v>12.1525</v>
      </c>
      <c r="E5292" s="239">
        <v>0.2056</v>
      </c>
      <c r="F5292" s="239">
        <v>0.2324</v>
      </c>
      <c r="G5292">
        <f t="shared" si="1233"/>
        <v>12.198980000000001</v>
      </c>
      <c r="H5292" s="235">
        <f t="shared" si="1234"/>
        <v>1.6853868110284629</v>
      </c>
      <c r="I5292" s="236">
        <f t="shared" si="1235"/>
        <v>20.467296619616473</v>
      </c>
      <c r="J5292" s="237">
        <f t="shared" si="1240"/>
        <v>10.467296619616473</v>
      </c>
      <c r="K5292" s="237">
        <f t="shared" si="1236"/>
        <v>1071.9132585625539</v>
      </c>
      <c r="L5292" s="237">
        <f t="shared" si="1241"/>
        <v>548.26652963889126</v>
      </c>
      <c r="M5292" s="236">
        <f t="shared" si="1237"/>
        <v>20.294995481059455</v>
      </c>
      <c r="N5292" s="236">
        <f t="shared" si="1238"/>
        <v>1.8477466234146054</v>
      </c>
      <c r="O5292" s="236">
        <f t="shared" si="1242"/>
        <v>2.6243079453129723</v>
      </c>
      <c r="P5292" s="236" t="str">
        <f t="shared" si="1243"/>
        <v>CLAY</v>
      </c>
      <c r="Q5292" s="236">
        <f t="shared" si="1239"/>
        <v>927.255561786454</v>
      </c>
      <c r="R5292" s="238">
        <v>35</v>
      </c>
      <c r="S5292" s="236">
        <f t="shared" si="1244"/>
        <v>10.769020591085056</v>
      </c>
      <c r="T5292" s="236" t="e">
        <f t="shared" si="1230"/>
        <v>#N/A</v>
      </c>
    </row>
    <row r="5293" spans="1:20" x14ac:dyDescent="0.2">
      <c r="A5293" s="53">
        <f t="shared" si="1231"/>
        <v>5281</v>
      </c>
      <c r="B5293" s="239">
        <v>52.39</v>
      </c>
      <c r="C5293" s="3">
        <f t="shared" si="1232"/>
        <v>52.383000000000003</v>
      </c>
      <c r="D5293" s="239">
        <v>11.7776</v>
      </c>
      <c r="E5293" s="239">
        <v>0.19239999999999999</v>
      </c>
      <c r="F5293" s="239">
        <v>0.12859999999999999</v>
      </c>
      <c r="G5293">
        <f t="shared" si="1233"/>
        <v>11.803319999999999</v>
      </c>
      <c r="H5293" s="235">
        <f t="shared" si="1234"/>
        <v>1.6300498503810792</v>
      </c>
      <c r="I5293" s="236">
        <f t="shared" si="1235"/>
        <v>20.376600500481004</v>
      </c>
      <c r="J5293" s="237">
        <f t="shared" si="1240"/>
        <v>10.376600500481004</v>
      </c>
      <c r="K5293" s="237">
        <f t="shared" si="1236"/>
        <v>1067.3874640166964</v>
      </c>
      <c r="L5293" s="237">
        <f t="shared" si="1241"/>
        <v>543.63010022019978</v>
      </c>
      <c r="M5293" s="236">
        <f t="shared" si="1237"/>
        <v>19.748598415787992</v>
      </c>
      <c r="N5293" s="236">
        <f t="shared" si="1238"/>
        <v>1.7921126027491199</v>
      </c>
      <c r="O5293" s="236">
        <f t="shared" si="1242"/>
        <v>2.6266133642202258</v>
      </c>
      <c r="P5293" s="236" t="str">
        <f t="shared" si="1243"/>
        <v>CLAY</v>
      </c>
      <c r="Q5293" s="236">
        <f t="shared" si="1239"/>
        <v>894.66104466527531</v>
      </c>
      <c r="R5293" s="238">
        <v>35</v>
      </c>
      <c r="S5293" s="236">
        <f t="shared" si="1244"/>
        <v>10.407834002513491</v>
      </c>
      <c r="T5293" s="236" t="e">
        <f t="shared" si="1230"/>
        <v>#N/A</v>
      </c>
    </row>
    <row r="5294" spans="1:20" x14ac:dyDescent="0.2">
      <c r="A5294" s="53">
        <f t="shared" si="1231"/>
        <v>5282</v>
      </c>
      <c r="B5294" s="239">
        <v>52.399000000000001</v>
      </c>
      <c r="C5294" s="3">
        <f t="shared" si="1232"/>
        <v>52.392000000000003</v>
      </c>
      <c r="D5294" s="239">
        <v>11.636799999999999</v>
      </c>
      <c r="E5294" s="239">
        <v>0.18779999999999999</v>
      </c>
      <c r="F5294" s="239">
        <v>0.24260000000000001</v>
      </c>
      <c r="G5294">
        <f t="shared" si="1233"/>
        <v>11.685319999999999</v>
      </c>
      <c r="H5294" s="235">
        <f t="shared" si="1234"/>
        <v>1.6071446909455624</v>
      </c>
      <c r="I5294" s="236">
        <f t="shared" si="1235"/>
        <v>20.344297690751439</v>
      </c>
      <c r="J5294" s="237">
        <f t="shared" si="1240"/>
        <v>10.344297690751439</v>
      </c>
      <c r="K5294" s="237">
        <f t="shared" si="1236"/>
        <v>1065.8784446138495</v>
      </c>
      <c r="L5294" s="237">
        <f t="shared" si="1241"/>
        <v>542.03085469768462</v>
      </c>
      <c r="M5294" s="236">
        <f t="shared" si="1237"/>
        <v>19.591950279858327</v>
      </c>
      <c r="N5294" s="236">
        <f t="shared" si="1238"/>
        <v>1.7684545747582023</v>
      </c>
      <c r="O5294" s="236">
        <f t="shared" si="1242"/>
        <v>2.6262478094930612</v>
      </c>
      <c r="P5294" s="236" t="str">
        <f t="shared" si="1243"/>
        <v>CLAY</v>
      </c>
      <c r="Q5294" s="236">
        <f t="shared" si="1239"/>
        <v>884.95346294884587</v>
      </c>
      <c r="R5294" s="238">
        <v>35</v>
      </c>
      <c r="S5294" s="236">
        <f t="shared" si="1244"/>
        <v>10.304741367055207</v>
      </c>
      <c r="T5294" s="236" t="e">
        <f t="shared" si="1230"/>
        <v>#N/A</v>
      </c>
    </row>
    <row r="5295" spans="1:20" x14ac:dyDescent="0.2">
      <c r="A5295" s="53">
        <f t="shared" si="1231"/>
        <v>5283</v>
      </c>
      <c r="B5295" s="239">
        <v>52.405999999999999</v>
      </c>
      <c r="C5295" s="3">
        <f t="shared" si="1232"/>
        <v>52.399000000000001</v>
      </c>
      <c r="D5295" s="239">
        <v>11.691700000000001</v>
      </c>
      <c r="E5295" s="239">
        <v>0.2059</v>
      </c>
      <c r="F5295" s="239">
        <v>0.41870000000000002</v>
      </c>
      <c r="G5295">
        <f t="shared" si="1233"/>
        <v>11.775440000000001</v>
      </c>
      <c r="H5295" s="235">
        <f t="shared" si="1234"/>
        <v>1.7485546187658381</v>
      </c>
      <c r="I5295" s="236">
        <f t="shared" si="1235"/>
        <v>20.455194619771518</v>
      </c>
      <c r="J5295" s="237">
        <f t="shared" si="1240"/>
        <v>10.455194619771518</v>
      </c>
      <c r="K5295" s="237">
        <f t="shared" si="1236"/>
        <v>1071.8317428814078</v>
      </c>
      <c r="L5295" s="237">
        <f t="shared" si="1241"/>
        <v>547.9149292437462</v>
      </c>
      <c r="M5295" s="236">
        <f t="shared" si="1237"/>
        <v>19.535164467761696</v>
      </c>
      <c r="N5295" s="236">
        <f t="shared" si="1238"/>
        <v>1.9236503714816278</v>
      </c>
      <c r="O5295" s="236">
        <f t="shared" si="1242"/>
        <v>2.6478734261974823</v>
      </c>
      <c r="P5295" s="236" t="str">
        <f t="shared" si="1243"/>
        <v>CLAY</v>
      </c>
      <c r="Q5295" s="236">
        <f t="shared" si="1239"/>
        <v>891.96735475988282</v>
      </c>
      <c r="R5295" s="238">
        <v>35</v>
      </c>
      <c r="S5295" s="236">
        <f t="shared" si="1244"/>
        <v>10.267420494303328</v>
      </c>
      <c r="T5295" s="236" t="e">
        <f t="shared" si="1230"/>
        <v>#N/A</v>
      </c>
    </row>
    <row r="5296" spans="1:20" x14ac:dyDescent="0.2">
      <c r="A5296" s="53">
        <f t="shared" si="1231"/>
        <v>5284</v>
      </c>
      <c r="B5296" s="239">
        <v>52.417000000000002</v>
      </c>
      <c r="C5296" s="3">
        <f t="shared" si="1232"/>
        <v>52.410000000000004</v>
      </c>
      <c r="D5296" s="239">
        <v>11.064399999999999</v>
      </c>
      <c r="E5296" s="239">
        <v>0.25850000000000001</v>
      </c>
      <c r="F5296" s="239">
        <v>0.60329999999999995</v>
      </c>
      <c r="G5296">
        <f t="shared" si="1233"/>
        <v>11.185059999999998</v>
      </c>
      <c r="H5296" s="235">
        <f t="shared" si="1234"/>
        <v>2.3111185813933948</v>
      </c>
      <c r="I5296" s="236">
        <f t="shared" si="1235"/>
        <v>20.701861018755082</v>
      </c>
      <c r="J5296" s="237">
        <f t="shared" si="1240"/>
        <v>10.701861018755082</v>
      </c>
      <c r="K5296" s="237">
        <f t="shared" si="1236"/>
        <v>1084.9845359929539</v>
      </c>
      <c r="L5296" s="237">
        <f t="shared" si="1241"/>
        <v>560.95944902008512</v>
      </c>
      <c r="M5296" s="236">
        <f t="shared" si="1237"/>
        <v>18.005001041787267</v>
      </c>
      <c r="N5296" s="236">
        <f t="shared" si="1238"/>
        <v>2.5593868176648678</v>
      </c>
      <c r="O5296" s="236">
        <f t="shared" si="1242"/>
        <v>2.748692434385001</v>
      </c>
      <c r="P5296" s="236" t="str">
        <f t="shared" si="1243"/>
        <v>CLAY</v>
      </c>
      <c r="Q5296" s="236">
        <f t="shared" si="1239"/>
        <v>841.67295533392041</v>
      </c>
      <c r="R5296" s="238">
        <v>35</v>
      </c>
      <c r="S5296" s="236">
        <f t="shared" si="1244"/>
        <v>9.2721713161074586</v>
      </c>
      <c r="T5296" s="236" t="e">
        <f t="shared" si="1230"/>
        <v>#N/A</v>
      </c>
    </row>
    <row r="5297" spans="1:20" x14ac:dyDescent="0.2">
      <c r="A5297" s="53">
        <f t="shared" si="1231"/>
        <v>5285</v>
      </c>
      <c r="B5297" s="239">
        <v>52.427</v>
      </c>
      <c r="C5297" s="3">
        <f t="shared" si="1232"/>
        <v>52.42</v>
      </c>
      <c r="D5297" s="239">
        <v>13.0182</v>
      </c>
      <c r="E5297" s="239">
        <v>0.23580000000000001</v>
      </c>
      <c r="F5297" s="239">
        <v>0.18310000000000001</v>
      </c>
      <c r="G5297">
        <f t="shared" si="1233"/>
        <v>13.054819999999999</v>
      </c>
      <c r="H5297" s="235">
        <f t="shared" si="1234"/>
        <v>1.8062294233087857</v>
      </c>
      <c r="I5297" s="236">
        <f t="shared" si="1235"/>
        <v>20.654505115760866</v>
      </c>
      <c r="J5297" s="237">
        <f t="shared" si="1240"/>
        <v>10.654505115760866</v>
      </c>
      <c r="K5297" s="237">
        <f t="shared" si="1236"/>
        <v>1082.7091581681846</v>
      </c>
      <c r="L5297" s="237">
        <f t="shared" si="1241"/>
        <v>558.58373970399498</v>
      </c>
      <c r="M5297" s="236">
        <f t="shared" si="1237"/>
        <v>21.432974128778046</v>
      </c>
      <c r="N5297" s="236">
        <f t="shared" si="1238"/>
        <v>1.9695774881743493</v>
      </c>
      <c r="O5297" s="236">
        <f t="shared" si="1242"/>
        <v>2.6207430492103114</v>
      </c>
      <c r="P5297" s="236" t="str">
        <f t="shared" si="1243"/>
        <v>CLAY</v>
      </c>
      <c r="Q5297" s="236">
        <f t="shared" si="1239"/>
        <v>997.67590348598458</v>
      </c>
      <c r="R5297" s="238">
        <v>35</v>
      </c>
      <c r="S5297" s="236">
        <f t="shared" si="1244"/>
        <v>11.529037673713113</v>
      </c>
      <c r="T5297" s="236" t="e">
        <f t="shared" si="1230"/>
        <v>#N/A</v>
      </c>
    </row>
    <row r="5298" spans="1:20" x14ac:dyDescent="0.2">
      <c r="A5298" s="53">
        <f t="shared" si="1231"/>
        <v>5286</v>
      </c>
      <c r="B5298" s="239">
        <v>52.436</v>
      </c>
      <c r="C5298" s="3">
        <f t="shared" si="1232"/>
        <v>52.429000000000002</v>
      </c>
      <c r="D5298" s="239">
        <v>12.538600000000001</v>
      </c>
      <c r="E5298" s="239">
        <v>0.23699999999999999</v>
      </c>
      <c r="F5298" s="239">
        <v>3.5900000000000001E-2</v>
      </c>
      <c r="G5298">
        <f t="shared" si="1233"/>
        <v>12.545780000000001</v>
      </c>
      <c r="H5298" s="235">
        <f t="shared" si="1234"/>
        <v>1.8890814281774428</v>
      </c>
      <c r="I5298" s="236">
        <f t="shared" si="1235"/>
        <v>20.644911489428992</v>
      </c>
      <c r="J5298" s="237">
        <f t="shared" si="1240"/>
        <v>10.644911489428992</v>
      </c>
      <c r="K5298" s="237">
        <f t="shared" si="1236"/>
        <v>1082.3920644792727</v>
      </c>
      <c r="L5298" s="237">
        <f t="shared" si="1241"/>
        <v>558.17657885969868</v>
      </c>
      <c r="M5298" s="236">
        <f t="shared" si="1237"/>
        <v>20.537206987328872</v>
      </c>
      <c r="N5298" s="236">
        <f t="shared" si="1238"/>
        <v>2.0674516236655145</v>
      </c>
      <c r="O5298" s="236">
        <f t="shared" si="1242"/>
        <v>2.6480538947171963</v>
      </c>
      <c r="P5298" s="236" t="str">
        <f t="shared" si="1243"/>
        <v>CLAY</v>
      </c>
      <c r="Q5298" s="236">
        <f t="shared" si="1239"/>
        <v>955.28232796006068</v>
      </c>
      <c r="R5298" s="238">
        <v>35</v>
      </c>
      <c r="S5298" s="236">
        <f t="shared" si="1244"/>
        <v>10.929913727288074</v>
      </c>
      <c r="T5298" s="236" t="e">
        <f t="shared" si="1230"/>
        <v>#N/A</v>
      </c>
    </row>
    <row r="5299" spans="1:20" x14ac:dyDescent="0.2">
      <c r="A5299" s="53">
        <f t="shared" si="1231"/>
        <v>5287</v>
      </c>
      <c r="B5299" s="239">
        <v>52.447000000000003</v>
      </c>
      <c r="C5299" s="3">
        <f t="shared" si="1232"/>
        <v>52.440000000000005</v>
      </c>
      <c r="D5299" s="239">
        <v>10.6694</v>
      </c>
      <c r="E5299" s="239">
        <v>0.23449999999999999</v>
      </c>
      <c r="F5299" s="239">
        <v>0.26700000000000002</v>
      </c>
      <c r="G5299">
        <f t="shared" si="1233"/>
        <v>10.722799999999999</v>
      </c>
      <c r="H5299" s="235">
        <f t="shared" si="1234"/>
        <v>2.1869287872570595</v>
      </c>
      <c r="I5299" s="236">
        <f t="shared" si="1235"/>
        <v>20.571106126524281</v>
      </c>
      <c r="J5299" s="237">
        <f t="shared" si="1240"/>
        <v>10.571106126524281</v>
      </c>
      <c r="K5299" s="237">
        <f t="shared" si="1236"/>
        <v>1078.7488052749334</v>
      </c>
      <c r="L5299" s="237">
        <f t="shared" si="1241"/>
        <v>554.42280301781898</v>
      </c>
      <c r="M5299" s="236">
        <f t="shared" si="1237"/>
        <v>17.394759274385596</v>
      </c>
      <c r="N5299" s="236">
        <f t="shared" si="1238"/>
        <v>2.431550758754399</v>
      </c>
      <c r="O5299" s="236">
        <f t="shared" si="1242"/>
        <v>2.7477072824844471</v>
      </c>
      <c r="P5299" s="236" t="str">
        <f t="shared" si="1243"/>
        <v>CLAY</v>
      </c>
      <c r="Q5299" s="236">
        <f t="shared" si="1239"/>
        <v>803.67093289375543</v>
      </c>
      <c r="R5299" s="238">
        <v>35</v>
      </c>
      <c r="S5299" s="236">
        <f t="shared" si="1244"/>
        <v>8.8810238700403534</v>
      </c>
      <c r="T5299" s="236" t="e">
        <f t="shared" si="1230"/>
        <v>#N/A</v>
      </c>
    </row>
    <row r="5300" spans="1:20" x14ac:dyDescent="0.2">
      <c r="A5300" s="53">
        <f t="shared" si="1231"/>
        <v>5288</v>
      </c>
      <c r="B5300" s="239">
        <v>52.456000000000003</v>
      </c>
      <c r="C5300" s="3">
        <f t="shared" si="1232"/>
        <v>52.449000000000005</v>
      </c>
      <c r="D5300" s="239">
        <v>9.1311</v>
      </c>
      <c r="E5300" s="239">
        <v>0.25080000000000002</v>
      </c>
      <c r="F5300" s="239">
        <v>0.4471</v>
      </c>
      <c r="G5300">
        <f t="shared" si="1233"/>
        <v>9.2205200000000005</v>
      </c>
      <c r="H5300" s="235">
        <f t="shared" si="1234"/>
        <v>2.7200201290165849</v>
      </c>
      <c r="I5300" s="236">
        <f t="shared" si="1235"/>
        <v>20.590907263986324</v>
      </c>
      <c r="J5300" s="237">
        <f t="shared" si="1240"/>
        <v>10.590907263986324</v>
      </c>
      <c r="K5300" s="237">
        <f t="shared" si="1236"/>
        <v>1079.9724950888187</v>
      </c>
      <c r="L5300" s="237">
        <f t="shared" si="1241"/>
        <v>555.5566314396666</v>
      </c>
      <c r="M5300" s="236">
        <f t="shared" si="1237"/>
        <v>14.652957132049362</v>
      </c>
      <c r="N5300" s="236">
        <f t="shared" si="1238"/>
        <v>3.0808738582840123</v>
      </c>
      <c r="O5300" s="236">
        <f t="shared" si="1242"/>
        <v>2.8685060353469614</v>
      </c>
      <c r="P5300" s="236" t="str">
        <f t="shared" si="1243"/>
        <v>CLAY</v>
      </c>
      <c r="Q5300" s="236">
        <f t="shared" si="1239"/>
        <v>678.37895874259846</v>
      </c>
      <c r="R5300" s="238">
        <v>35</v>
      </c>
      <c r="S5300" s="236">
        <f t="shared" si="1244"/>
        <v>7.1671518757626407</v>
      </c>
      <c r="T5300" s="236" t="e">
        <f t="shared" si="1230"/>
        <v>#N/A</v>
      </c>
    </row>
    <row r="5301" spans="1:20" x14ac:dyDescent="0.2">
      <c r="A5301" s="53">
        <f t="shared" si="1231"/>
        <v>5289</v>
      </c>
      <c r="B5301" s="239">
        <v>52.466000000000001</v>
      </c>
      <c r="C5301" s="3">
        <f t="shared" si="1232"/>
        <v>52.459000000000003</v>
      </c>
      <c r="D5301" s="239">
        <v>8.7811000000000003</v>
      </c>
      <c r="E5301" s="239">
        <v>0.26350000000000001</v>
      </c>
      <c r="F5301" s="239">
        <v>0.33100000000000002</v>
      </c>
      <c r="G5301">
        <f t="shared" si="1233"/>
        <v>8.8473000000000006</v>
      </c>
      <c r="H5301" s="235">
        <f t="shared" si="1234"/>
        <v>2.9783097668215164</v>
      </c>
      <c r="I5301" s="236">
        <f t="shared" si="1235"/>
        <v>20.632680405638304</v>
      </c>
      <c r="J5301" s="237">
        <f t="shared" si="1240"/>
        <v>10.632680405638304</v>
      </c>
      <c r="K5301" s="237">
        <f t="shared" si="1236"/>
        <v>1082.3697813993799</v>
      </c>
      <c r="L5301" s="237">
        <f t="shared" si="1241"/>
        <v>557.85421016221926</v>
      </c>
      <c r="M5301" s="236">
        <f t="shared" si="1237"/>
        <v>13.919282273306937</v>
      </c>
      <c r="N5301" s="236">
        <f t="shared" si="1238"/>
        <v>3.3934625628546522</v>
      </c>
      <c r="O5301" s="236">
        <f t="shared" si="1242"/>
        <v>2.9114961324155413</v>
      </c>
      <c r="P5301" s="236" t="str">
        <f t="shared" si="1243"/>
        <v>CLAY</v>
      </c>
      <c r="Q5301" s="236">
        <f t="shared" si="1239"/>
        <v>647.07751821671843</v>
      </c>
      <c r="R5301" s="238">
        <v>35</v>
      </c>
      <c r="S5301" s="236">
        <f t="shared" si="1244"/>
        <v>6.7214204240080324</v>
      </c>
      <c r="T5301" s="236" t="e">
        <f t="shared" si="1230"/>
        <v>#N/A</v>
      </c>
    </row>
    <row r="5302" spans="1:20" x14ac:dyDescent="0.2">
      <c r="A5302" s="53">
        <f t="shared" si="1231"/>
        <v>5290</v>
      </c>
      <c r="B5302" s="239">
        <v>52.475999999999999</v>
      </c>
      <c r="C5302" s="3">
        <f t="shared" si="1232"/>
        <v>52.469000000000001</v>
      </c>
      <c r="D5302" s="239">
        <v>7.7888000000000002</v>
      </c>
      <c r="E5302" s="239">
        <v>0.2621</v>
      </c>
      <c r="F5302" s="239">
        <v>0.45369999999999999</v>
      </c>
      <c r="G5302">
        <f t="shared" si="1233"/>
        <v>7.8795400000000004</v>
      </c>
      <c r="H5302" s="235">
        <f t="shared" si="1234"/>
        <v>3.3263363089723512</v>
      </c>
      <c r="I5302" s="236">
        <f t="shared" si="1235"/>
        <v>20.581154789018548</v>
      </c>
      <c r="J5302" s="237">
        <f t="shared" si="1240"/>
        <v>10.581154789018548</v>
      </c>
      <c r="K5302" s="237">
        <f t="shared" si="1236"/>
        <v>1079.8726106250142</v>
      </c>
      <c r="L5302" s="237">
        <f t="shared" si="1241"/>
        <v>555.25667870853727</v>
      </c>
      <c r="M5302" s="236">
        <f t="shared" si="1237"/>
        <v>12.245989377723877</v>
      </c>
      <c r="N5302" s="236">
        <f t="shared" si="1238"/>
        <v>3.854600306031907</v>
      </c>
      <c r="O5302" s="236">
        <f t="shared" si="1242"/>
        <v>2.9892331092789428</v>
      </c>
      <c r="P5302" s="236" t="str">
        <f t="shared" si="1243"/>
        <v>CLAY</v>
      </c>
      <c r="Q5302" s="236">
        <f t="shared" si="1239"/>
        <v>566.63894911458226</v>
      </c>
      <c r="R5302" s="238">
        <v>35</v>
      </c>
      <c r="S5302" s="236">
        <f t="shared" si="1244"/>
        <v>5.7270682234533616</v>
      </c>
      <c r="T5302" s="236" t="e">
        <f t="shared" si="1230"/>
        <v>#N/A</v>
      </c>
    </row>
    <row r="5303" spans="1:20" x14ac:dyDescent="0.2">
      <c r="A5303" s="53">
        <f t="shared" si="1231"/>
        <v>5291</v>
      </c>
      <c r="B5303" s="239">
        <v>52.484999999999999</v>
      </c>
      <c r="C5303" s="3">
        <f t="shared" si="1232"/>
        <v>52.478000000000002</v>
      </c>
      <c r="D5303" s="239">
        <v>7.2785000000000002</v>
      </c>
      <c r="E5303" s="239">
        <v>0.25390000000000001</v>
      </c>
      <c r="F5303" s="239">
        <v>0.68059999999999998</v>
      </c>
      <c r="G5303">
        <f t="shared" si="1233"/>
        <v>7.4146200000000002</v>
      </c>
      <c r="H5303" s="235">
        <f t="shared" si="1234"/>
        <v>3.4243157437603005</v>
      </c>
      <c r="I5303" s="236">
        <f t="shared" si="1235"/>
        <v>20.520112355211602</v>
      </c>
      <c r="J5303" s="237">
        <f t="shared" si="1240"/>
        <v>10.520112355211602</v>
      </c>
      <c r="K5303" s="237">
        <f t="shared" si="1236"/>
        <v>1076.8544561767944</v>
      </c>
      <c r="L5303" s="237">
        <f t="shared" si="1241"/>
        <v>552.14809696328086</v>
      </c>
      <c r="M5303" s="236">
        <f t="shared" si="1237"/>
        <v>11.478379765645885</v>
      </c>
      <c r="N5303" s="236">
        <f t="shared" si="1238"/>
        <v>4.0061437780299602</v>
      </c>
      <c r="O5303" s="236">
        <f t="shared" si="1242"/>
        <v>3.0217557120015828</v>
      </c>
      <c r="P5303" s="236" t="str">
        <f t="shared" si="1243"/>
        <v>CLAY</v>
      </c>
      <c r="Q5303" s="236">
        <f t="shared" si="1239"/>
        <v>528.14712865193371</v>
      </c>
      <c r="R5303" s="238">
        <v>35</v>
      </c>
      <c r="S5303" s="236">
        <f t="shared" si="1244"/>
        <v>5.2819069421364997</v>
      </c>
      <c r="T5303" s="236" t="e">
        <f t="shared" si="1230"/>
        <v>#N/A</v>
      </c>
    </row>
    <row r="5304" spans="1:20" x14ac:dyDescent="0.2">
      <c r="A5304" s="53">
        <f t="shared" si="1231"/>
        <v>5292</v>
      </c>
      <c r="B5304" s="239">
        <v>52.494999999999997</v>
      </c>
      <c r="C5304" s="3">
        <f t="shared" si="1232"/>
        <v>52.488</v>
      </c>
      <c r="D5304" s="239">
        <v>6.6064999999999996</v>
      </c>
      <c r="E5304" s="239">
        <v>0.25</v>
      </c>
      <c r="F5304" s="239">
        <v>0.78110000000000002</v>
      </c>
      <c r="G5304">
        <f t="shared" si="1233"/>
        <v>6.7627199999999998</v>
      </c>
      <c r="H5304" s="235">
        <f t="shared" si="1234"/>
        <v>3.6967374074336958</v>
      </c>
      <c r="I5304" s="236">
        <f t="shared" si="1235"/>
        <v>20.465990343650425</v>
      </c>
      <c r="J5304" s="237">
        <f t="shared" si="1240"/>
        <v>10.465990343650425</v>
      </c>
      <c r="K5304" s="237">
        <f t="shared" si="1236"/>
        <v>1074.2189011575235</v>
      </c>
      <c r="L5304" s="237">
        <f t="shared" si="1241"/>
        <v>549.41216308992909</v>
      </c>
      <c r="M5304" s="236">
        <f t="shared" si="1237"/>
        <v>10.353795348923445</v>
      </c>
      <c r="N5304" s="236">
        <f t="shared" si="1238"/>
        <v>4.3948308290011795</v>
      </c>
      <c r="O5304" s="236">
        <f t="shared" si="1242"/>
        <v>3.0817348343645512</v>
      </c>
      <c r="P5304" s="236" t="str">
        <f t="shared" si="1243"/>
        <v>CLAY</v>
      </c>
      <c r="Q5304" s="236">
        <f t="shared" si="1239"/>
        <v>474.04175823687302</v>
      </c>
      <c r="R5304" s="238">
        <v>35</v>
      </c>
      <c r="S5304" s="236">
        <f t="shared" si="1244"/>
        <v>4.6431688733115646</v>
      </c>
      <c r="T5304" s="236" t="e">
        <f t="shared" si="1230"/>
        <v>#N/A</v>
      </c>
    </row>
    <row r="5305" spans="1:20" x14ac:dyDescent="0.2">
      <c r="A5305" s="53">
        <f t="shared" si="1231"/>
        <v>5293</v>
      </c>
      <c r="B5305" s="239">
        <v>52.506</v>
      </c>
      <c r="C5305" s="3">
        <f t="shared" si="1232"/>
        <v>52.499000000000002</v>
      </c>
      <c r="D5305" s="239">
        <v>6.4417</v>
      </c>
      <c r="E5305" s="239">
        <v>0.26079999999999998</v>
      </c>
      <c r="F5305" s="239">
        <v>0.69899999999999995</v>
      </c>
      <c r="G5305">
        <f t="shared" si="1233"/>
        <v>6.5815000000000001</v>
      </c>
      <c r="H5305" s="235">
        <f t="shared" si="1234"/>
        <v>3.9626225024690416</v>
      </c>
      <c r="I5305" s="236">
        <f t="shared" si="1235"/>
        <v>20.504965936513369</v>
      </c>
      <c r="J5305" s="237">
        <f t="shared" si="1240"/>
        <v>10.504965936513369</v>
      </c>
      <c r="K5305" s="237">
        <f t="shared" si="1236"/>
        <v>1076.4902067010155</v>
      </c>
      <c r="L5305" s="237">
        <f t="shared" si="1241"/>
        <v>551.57374146257098</v>
      </c>
      <c r="M5305" s="236">
        <f t="shared" si="1237"/>
        <v>9.9805508846409552</v>
      </c>
      <c r="N5305" s="236">
        <f t="shared" si="1238"/>
        <v>4.7375029253800918</v>
      </c>
      <c r="O5305" s="236">
        <f t="shared" si="1242"/>
        <v>3.1141909532181447</v>
      </c>
      <c r="P5305" s="236" t="str">
        <f t="shared" si="1243"/>
        <v>CLAY</v>
      </c>
      <c r="Q5305" s="236">
        <f t="shared" si="1239"/>
        <v>458.75081610824873</v>
      </c>
      <c r="R5305" s="238">
        <v>35</v>
      </c>
      <c r="S5305" s="236">
        <f t="shared" si="1244"/>
        <v>4.4348930410456804</v>
      </c>
      <c r="T5305" s="236" t="e">
        <f t="shared" si="1230"/>
        <v>#N/A</v>
      </c>
    </row>
    <row r="5306" spans="1:20" x14ac:dyDescent="0.2">
      <c r="A5306" s="53">
        <f t="shared" si="1231"/>
        <v>5294</v>
      </c>
      <c r="B5306" s="239">
        <v>52.515999999999998</v>
      </c>
      <c r="C5306" s="3">
        <f t="shared" si="1232"/>
        <v>52.509</v>
      </c>
      <c r="D5306" s="239">
        <v>6.5198</v>
      </c>
      <c r="E5306" s="239">
        <v>0.26900000000000002</v>
      </c>
      <c r="F5306" s="239">
        <v>0.72629999999999995</v>
      </c>
      <c r="G5306">
        <f t="shared" si="1233"/>
        <v>6.6650600000000004</v>
      </c>
      <c r="H5306" s="235">
        <f t="shared" si="1234"/>
        <v>4.0359726694133284</v>
      </c>
      <c r="I5306" s="236">
        <f t="shared" si="1235"/>
        <v>20.546197867413014</v>
      </c>
      <c r="J5306" s="237">
        <f t="shared" si="1240"/>
        <v>10.546197867413014</v>
      </c>
      <c r="K5306" s="237">
        <f t="shared" si="1236"/>
        <v>1078.8603038199899</v>
      </c>
      <c r="L5306" s="237">
        <f t="shared" si="1241"/>
        <v>553.8441272050618</v>
      </c>
      <c r="M5306" s="236">
        <f t="shared" si="1237"/>
        <v>10.086230803548288</v>
      </c>
      <c r="N5306" s="236">
        <f t="shared" si="1238"/>
        <v>4.815438305650785</v>
      </c>
      <c r="O5306" s="236">
        <f t="shared" si="1242"/>
        <v>3.114886226619201</v>
      </c>
      <c r="P5306" s="236" t="str">
        <f t="shared" si="1243"/>
        <v>CLAY</v>
      </c>
      <c r="Q5306" s="236">
        <f t="shared" si="1239"/>
        <v>465.51664134833419</v>
      </c>
      <c r="R5306" s="238">
        <v>35</v>
      </c>
      <c r="S5306" s="236">
        <f t="shared" si="1244"/>
        <v>4.493669585418635</v>
      </c>
      <c r="T5306" s="236" t="e">
        <f t="shared" si="1230"/>
        <v>#N/A</v>
      </c>
    </row>
    <row r="5307" spans="1:20" x14ac:dyDescent="0.2">
      <c r="A5307" s="53">
        <f t="shared" si="1231"/>
        <v>5295</v>
      </c>
      <c r="B5307" s="239">
        <v>52.524999999999999</v>
      </c>
      <c r="C5307" s="3">
        <f t="shared" si="1232"/>
        <v>52.518000000000001</v>
      </c>
      <c r="D5307" s="239">
        <v>6.7117000000000004</v>
      </c>
      <c r="E5307" s="239">
        <v>0.27400000000000002</v>
      </c>
      <c r="F5307" s="239">
        <v>0.90590000000000004</v>
      </c>
      <c r="G5307">
        <f t="shared" si="1233"/>
        <v>6.8928800000000008</v>
      </c>
      <c r="H5307" s="235">
        <f t="shared" si="1234"/>
        <v>3.9751163519457759</v>
      </c>
      <c r="I5307" s="236">
        <f t="shared" si="1235"/>
        <v>20.580930220027138</v>
      </c>
      <c r="J5307" s="237">
        <f t="shared" si="1240"/>
        <v>10.580930220027138</v>
      </c>
      <c r="K5307" s="237">
        <f t="shared" si="1236"/>
        <v>1080.8692932953852</v>
      </c>
      <c r="L5307" s="237">
        <f t="shared" si="1241"/>
        <v>555.76335980692545</v>
      </c>
      <c r="M5307" s="236">
        <f t="shared" si="1237"/>
        <v>10.457707591093685</v>
      </c>
      <c r="N5307" s="236">
        <f t="shared" si="1238"/>
        <v>4.7143753483440642</v>
      </c>
      <c r="O5307" s="236">
        <f t="shared" si="1242"/>
        <v>3.0968236201418269</v>
      </c>
      <c r="P5307" s="236" t="str">
        <f t="shared" si="1243"/>
        <v>CLAY</v>
      </c>
      <c r="Q5307" s="236">
        <f t="shared" si="1239"/>
        <v>484.33422555871795</v>
      </c>
      <c r="R5307" s="238">
        <v>35</v>
      </c>
      <c r="S5307" s="236">
        <f t="shared" si="1244"/>
        <v>4.7014911892951856</v>
      </c>
      <c r="T5307" s="236" t="e">
        <f t="shared" si="1230"/>
        <v>#N/A</v>
      </c>
    </row>
    <row r="5308" spans="1:20" x14ac:dyDescent="0.2">
      <c r="A5308" s="53">
        <f t="shared" si="1231"/>
        <v>5296</v>
      </c>
      <c r="B5308" s="239">
        <v>52.533999999999999</v>
      </c>
      <c r="C5308" s="3">
        <f t="shared" si="1232"/>
        <v>52.527000000000001</v>
      </c>
      <c r="D5308" s="239">
        <v>6.6608000000000001</v>
      </c>
      <c r="E5308" s="239">
        <v>0.25119999999999998</v>
      </c>
      <c r="F5308" s="239">
        <v>1.1855</v>
      </c>
      <c r="G5308">
        <f t="shared" si="1233"/>
        <v>6.8978999999999999</v>
      </c>
      <c r="H5308" s="235">
        <f t="shared" si="1234"/>
        <v>3.6416880499862274</v>
      </c>
      <c r="I5308" s="236">
        <f t="shared" si="1235"/>
        <v>20.479341273692523</v>
      </c>
      <c r="J5308" s="237">
        <f t="shared" si="1240"/>
        <v>10.479341273692523</v>
      </c>
      <c r="K5308" s="237">
        <f t="shared" si="1236"/>
        <v>1075.7183590832472</v>
      </c>
      <c r="L5308" s="237">
        <f t="shared" si="1241"/>
        <v>550.52171447216301</v>
      </c>
      <c r="M5308" s="236">
        <f t="shared" si="1237"/>
        <v>10.575752941006197</v>
      </c>
      <c r="N5308" s="236">
        <f t="shared" si="1238"/>
        <v>4.3145338894038074</v>
      </c>
      <c r="O5308" s="236">
        <f t="shared" si="1242"/>
        <v>3.0695558228186433</v>
      </c>
      <c r="P5308" s="236" t="str">
        <f t="shared" si="1243"/>
        <v>CLAY</v>
      </c>
      <c r="Q5308" s="236">
        <f t="shared" si="1239"/>
        <v>485.18180340972935</v>
      </c>
      <c r="R5308" s="238">
        <v>35</v>
      </c>
      <c r="S5308" s="236">
        <f t="shared" si="1244"/>
        <v>4.7679218637679757</v>
      </c>
      <c r="T5308" s="236" t="e">
        <f t="shared" si="1230"/>
        <v>#N/A</v>
      </c>
    </row>
    <row r="5309" spans="1:20" x14ac:dyDescent="0.2">
      <c r="A5309" s="53">
        <f t="shared" si="1231"/>
        <v>5297</v>
      </c>
      <c r="B5309" s="239">
        <v>52.543999999999997</v>
      </c>
      <c r="C5309" s="3">
        <f t="shared" si="1232"/>
        <v>52.536999999999999</v>
      </c>
      <c r="D5309" s="239">
        <v>6.9181999999999997</v>
      </c>
      <c r="E5309" s="239">
        <v>0.24440000000000001</v>
      </c>
      <c r="F5309" s="239">
        <v>1.3105</v>
      </c>
      <c r="G5309">
        <f t="shared" si="1233"/>
        <v>7.1802999999999999</v>
      </c>
      <c r="H5309" s="235">
        <f t="shared" si="1234"/>
        <v>3.4037575031683911</v>
      </c>
      <c r="I5309" s="236">
        <f t="shared" si="1235"/>
        <v>20.46284462950787</v>
      </c>
      <c r="J5309" s="237">
        <f t="shared" si="1240"/>
        <v>10.46284462950787</v>
      </c>
      <c r="K5309" s="237">
        <f t="shared" si="1236"/>
        <v>1075.056468300455</v>
      </c>
      <c r="L5309" s="237">
        <f t="shared" si="1241"/>
        <v>549.75970821286148</v>
      </c>
      <c r="M5309" s="236">
        <f t="shared" si="1237"/>
        <v>11.105294623256849</v>
      </c>
      <c r="N5309" s="236">
        <f t="shared" si="1238"/>
        <v>4.0031163168353618</v>
      </c>
      <c r="O5309" s="236">
        <f t="shared" si="1242"/>
        <v>3.0330165846932391</v>
      </c>
      <c r="P5309" s="236" t="str">
        <f t="shared" si="1243"/>
        <v>CLAY</v>
      </c>
      <c r="Q5309" s="236">
        <f t="shared" si="1239"/>
        <v>508.77029430829543</v>
      </c>
      <c r="R5309" s="238">
        <v>35</v>
      </c>
      <c r="S5309" s="236">
        <f t="shared" si="1244"/>
        <v>5.0681868150951281</v>
      </c>
      <c r="T5309" s="236" t="e">
        <f t="shared" si="1230"/>
        <v>#N/A</v>
      </c>
    </row>
    <row r="5310" spans="1:20" x14ac:dyDescent="0.2">
      <c r="A5310" s="53">
        <f t="shared" si="1231"/>
        <v>5298</v>
      </c>
      <c r="B5310" s="239">
        <v>52.552999999999997</v>
      </c>
      <c r="C5310" s="3">
        <f t="shared" si="1232"/>
        <v>52.545999999999999</v>
      </c>
      <c r="D5310" s="239">
        <v>7.6902999999999997</v>
      </c>
      <c r="E5310" s="239">
        <v>0.24129999999999999</v>
      </c>
      <c r="F5310" s="239">
        <v>1.2991999999999999</v>
      </c>
      <c r="G5310">
        <f t="shared" si="1233"/>
        <v>7.9501399999999993</v>
      </c>
      <c r="H5310" s="235">
        <f t="shared" si="1234"/>
        <v>3.0351666763101028</v>
      </c>
      <c r="I5310" s="236">
        <f t="shared" si="1235"/>
        <v>20.487685122424253</v>
      </c>
      <c r="J5310" s="237">
        <f t="shared" si="1240"/>
        <v>10.487685122424253</v>
      </c>
      <c r="K5310" s="237">
        <f t="shared" si="1236"/>
        <v>1076.5459024429049</v>
      </c>
      <c r="L5310" s="237">
        <f t="shared" si="1241"/>
        <v>551.15931623876179</v>
      </c>
      <c r="M5310" s="236">
        <f t="shared" si="1237"/>
        <v>12.471156515078226</v>
      </c>
      <c r="N5310" s="236">
        <f t="shared" si="1238"/>
        <v>3.510536068543225</v>
      </c>
      <c r="O5310" s="236">
        <f t="shared" si="1242"/>
        <v>2.9585236583181267</v>
      </c>
      <c r="P5310" s="236" t="str">
        <f t="shared" si="1243"/>
        <v>CLAY</v>
      </c>
      <c r="Q5310" s="236">
        <f t="shared" si="1239"/>
        <v>572.7995081297579</v>
      </c>
      <c r="R5310" s="238">
        <v>35</v>
      </c>
      <c r="S5310" s="236">
        <f t="shared" si="1244"/>
        <v>5.8589989588325713</v>
      </c>
      <c r="T5310" s="236" t="e">
        <f t="shared" si="1230"/>
        <v>#N/A</v>
      </c>
    </row>
    <row r="5311" spans="1:20" x14ac:dyDescent="0.2">
      <c r="A5311" s="53">
        <f t="shared" si="1231"/>
        <v>5299</v>
      </c>
      <c r="B5311" s="239">
        <v>52.563000000000002</v>
      </c>
      <c r="C5311" s="3">
        <f t="shared" si="1232"/>
        <v>52.556000000000004</v>
      </c>
      <c r="D5311" s="239">
        <v>8.3634000000000004</v>
      </c>
      <c r="E5311" s="239">
        <v>0.23649999999999999</v>
      </c>
      <c r="F5311" s="239">
        <v>1.0601</v>
      </c>
      <c r="G5311">
        <f t="shared" si="1233"/>
        <v>8.5754200000000012</v>
      </c>
      <c r="H5311" s="235">
        <f t="shared" si="1234"/>
        <v>2.7578824127564592</v>
      </c>
      <c r="I5311" s="236">
        <f t="shared" si="1235"/>
        <v>20.493717005866145</v>
      </c>
      <c r="J5311" s="237">
        <f t="shared" si="1240"/>
        <v>10.493717005866145</v>
      </c>
      <c r="K5311" s="237">
        <f t="shared" si="1236"/>
        <v>1077.0677909603012</v>
      </c>
      <c r="L5311" s="237">
        <f t="shared" si="1241"/>
        <v>551.58124697934215</v>
      </c>
      <c r="M5311" s="236">
        <f t="shared" si="1237"/>
        <v>13.59428416049926</v>
      </c>
      <c r="N5311" s="236">
        <f t="shared" si="1238"/>
        <v>3.1540262901345906</v>
      </c>
      <c r="O5311" s="236">
        <f t="shared" si="1242"/>
        <v>2.9007587847101362</v>
      </c>
      <c r="P5311" s="236" t="str">
        <f t="shared" si="1243"/>
        <v>CLAY</v>
      </c>
      <c r="Q5311" s="236">
        <f t="shared" si="1239"/>
        <v>624.86268408664171</v>
      </c>
      <c r="R5311" s="238">
        <v>35</v>
      </c>
      <c r="S5311" s="236">
        <f t="shared" si="1244"/>
        <v>6.5258252250444535</v>
      </c>
      <c r="T5311" s="236" t="e">
        <f t="shared" si="1230"/>
        <v>#N/A</v>
      </c>
    </row>
    <row r="5312" spans="1:20" x14ac:dyDescent="0.2">
      <c r="A5312" s="53">
        <f t="shared" si="1231"/>
        <v>5300</v>
      </c>
      <c r="B5312" s="239">
        <v>52.573</v>
      </c>
      <c r="C5312" s="3">
        <f t="shared" si="1232"/>
        <v>52.566000000000003</v>
      </c>
      <c r="D5312" s="239">
        <v>9.2035999999999998</v>
      </c>
      <c r="E5312" s="239">
        <v>0.23250000000000001</v>
      </c>
      <c r="F5312" s="239">
        <v>0.83760000000000001</v>
      </c>
      <c r="G5312">
        <f t="shared" si="1233"/>
        <v>9.3711199999999995</v>
      </c>
      <c r="H5312" s="235">
        <f t="shared" si="1234"/>
        <v>2.4810268142975445</v>
      </c>
      <c r="I5312" s="236">
        <f t="shared" si="1235"/>
        <v>20.508397388159754</v>
      </c>
      <c r="J5312" s="237">
        <f t="shared" si="1240"/>
        <v>10.508397388159754</v>
      </c>
      <c r="K5312" s="237">
        <f t="shared" si="1236"/>
        <v>1078.0444171060058</v>
      </c>
      <c r="L5312" s="237">
        <f t="shared" si="1241"/>
        <v>552.45797588772268</v>
      </c>
      <c r="M5312" s="236">
        <f t="shared" si="1237"/>
        <v>15.01123333330138</v>
      </c>
      <c r="N5312" s="236">
        <f t="shared" si="1238"/>
        <v>2.8035437236285943</v>
      </c>
      <c r="O5312" s="236">
        <f t="shared" si="1242"/>
        <v>2.8358021074665039</v>
      </c>
      <c r="P5312" s="236" t="str">
        <f t="shared" si="1243"/>
        <v>CLAY</v>
      </c>
      <c r="Q5312" s="236">
        <f t="shared" si="1239"/>
        <v>691.08963190783277</v>
      </c>
      <c r="R5312" s="238">
        <v>35</v>
      </c>
      <c r="S5312" s="236">
        <f t="shared" si="1244"/>
        <v>7.3868703775554767</v>
      </c>
      <c r="T5312" s="236" t="e">
        <f t="shared" si="1230"/>
        <v>#N/A</v>
      </c>
    </row>
    <row r="5313" spans="1:20" x14ac:dyDescent="0.2">
      <c r="A5313" s="53">
        <f t="shared" si="1231"/>
        <v>5301</v>
      </c>
      <c r="B5313" s="239">
        <v>52.582000000000001</v>
      </c>
      <c r="C5313" s="3">
        <f t="shared" si="1232"/>
        <v>52.575000000000003</v>
      </c>
      <c r="D5313" s="239">
        <v>10.024699999999999</v>
      </c>
      <c r="E5313" s="239">
        <v>0.22389999999999999</v>
      </c>
      <c r="F5313" s="239">
        <v>0.59009999999999996</v>
      </c>
      <c r="G5313">
        <f t="shared" si="1233"/>
        <v>10.142719999999999</v>
      </c>
      <c r="H5313" s="235">
        <f t="shared" si="1234"/>
        <v>2.2074946365471986</v>
      </c>
      <c r="I5313" s="236">
        <f t="shared" si="1235"/>
        <v>20.495128099908811</v>
      </c>
      <c r="J5313" s="237">
        <f t="shared" si="1240"/>
        <v>10.495128099908811</v>
      </c>
      <c r="K5313" s="237">
        <f t="shared" si="1236"/>
        <v>1077.5313598527059</v>
      </c>
      <c r="L5313" s="237">
        <f t="shared" si="1241"/>
        <v>551.85482574940511</v>
      </c>
      <c r="M5313" s="236">
        <f t="shared" si="1237"/>
        <v>16.42676337538046</v>
      </c>
      <c r="N5313" s="236">
        <f t="shared" si="1238"/>
        <v>2.469887929396271</v>
      </c>
      <c r="O5313" s="236">
        <f t="shared" si="1242"/>
        <v>2.7718700698789323</v>
      </c>
      <c r="P5313" s="236" t="str">
        <f t="shared" si="1243"/>
        <v>CLAY</v>
      </c>
      <c r="Q5313" s="236">
        <f t="shared" si="1239"/>
        <v>755.43238667894104</v>
      </c>
      <c r="R5313" s="238">
        <v>35</v>
      </c>
      <c r="S5313" s="236">
        <f t="shared" si="1244"/>
        <v>8.2676105397439326</v>
      </c>
      <c r="T5313" s="236" t="e">
        <f t="shared" si="1230"/>
        <v>#N/A</v>
      </c>
    </row>
    <row r="5314" spans="1:20" x14ac:dyDescent="0.2">
      <c r="A5314" s="53">
        <f t="shared" si="1231"/>
        <v>5302</v>
      </c>
      <c r="B5314" s="239">
        <v>52.59</v>
      </c>
      <c r="C5314" s="3">
        <f t="shared" si="1232"/>
        <v>52.583000000000006</v>
      </c>
      <c r="D5314" s="239">
        <v>10.862399999999999</v>
      </c>
      <c r="E5314" s="239">
        <v>0.2137</v>
      </c>
      <c r="F5314" s="239">
        <v>0.56899999999999995</v>
      </c>
      <c r="G5314">
        <f t="shared" si="1233"/>
        <v>10.976199999999999</v>
      </c>
      <c r="H5314" s="235">
        <f t="shared" si="1234"/>
        <v>1.9469397423516339</v>
      </c>
      <c r="I5314" s="236">
        <f t="shared" si="1235"/>
        <v>20.471322074863263</v>
      </c>
      <c r="J5314" s="237">
        <f t="shared" si="1240"/>
        <v>10.471322074863263</v>
      </c>
      <c r="K5314" s="237">
        <f t="shared" si="1236"/>
        <v>1076.4435286625351</v>
      </c>
      <c r="L5314" s="237">
        <f t="shared" si="1241"/>
        <v>550.68682791705908</v>
      </c>
      <c r="M5314" s="236">
        <f t="shared" si="1237"/>
        <v>17.977107803327559</v>
      </c>
      <c r="N5314" s="236">
        <f t="shared" si="1238"/>
        <v>2.1586389586321713</v>
      </c>
      <c r="O5314" s="236">
        <f t="shared" si="1242"/>
        <v>2.7060934517788664</v>
      </c>
      <c r="P5314" s="236" t="str">
        <f t="shared" si="1243"/>
        <v>CLAY</v>
      </c>
      <c r="Q5314" s="236">
        <f t="shared" si="1239"/>
        <v>824.97970594478863</v>
      </c>
      <c r="R5314" s="238">
        <v>35</v>
      </c>
      <c r="S5314" s="236">
        <f t="shared" si="1244"/>
        <v>9.2542193050332973</v>
      </c>
      <c r="T5314" s="236" t="e">
        <f t="shared" si="1230"/>
        <v>#N/A</v>
      </c>
    </row>
    <row r="5315" spans="1:20" x14ac:dyDescent="0.2">
      <c r="A5315" s="53">
        <f t="shared" si="1231"/>
        <v>5303</v>
      </c>
      <c r="B5315" s="239">
        <v>52.600999999999999</v>
      </c>
      <c r="C5315" s="3">
        <f t="shared" si="1232"/>
        <v>52.594000000000001</v>
      </c>
      <c r="D5315" s="239">
        <v>11.722899999999999</v>
      </c>
      <c r="E5315" s="239">
        <v>0.20069999999999999</v>
      </c>
      <c r="F5315" s="239">
        <v>0.2762</v>
      </c>
      <c r="G5315">
        <f t="shared" si="1233"/>
        <v>11.778139999999999</v>
      </c>
      <c r="H5315" s="235">
        <f t="shared" si="1234"/>
        <v>1.704004197606753</v>
      </c>
      <c r="I5315" s="236">
        <f t="shared" si="1235"/>
        <v>20.42529000110024</v>
      </c>
      <c r="J5315" s="237">
        <f t="shared" si="1240"/>
        <v>10.42529000110024</v>
      </c>
      <c r="K5315" s="237">
        <f t="shared" si="1236"/>
        <v>1074.247702317866</v>
      </c>
      <c r="L5315" s="237">
        <f t="shared" si="1241"/>
        <v>548.38067934787375</v>
      </c>
      <c r="M5315" s="236">
        <f t="shared" si="1237"/>
        <v>19.519090844723131</v>
      </c>
      <c r="N5315" s="236">
        <f t="shared" si="1238"/>
        <v>1.8750188662068321</v>
      </c>
      <c r="O5315" s="236">
        <f t="shared" si="1242"/>
        <v>2.6418671930806745</v>
      </c>
      <c r="P5315" s="236" t="str">
        <f t="shared" si="1243"/>
        <v>CLAY</v>
      </c>
      <c r="Q5315" s="236">
        <f t="shared" si="1239"/>
        <v>891.99102480684451</v>
      </c>
      <c r="R5315" s="238">
        <v>35</v>
      </c>
      <c r="S5315" s="236">
        <f t="shared" si="1244"/>
        <v>10.256861479719962</v>
      </c>
      <c r="T5315" s="236" t="e">
        <f t="shared" si="1230"/>
        <v>#N/A</v>
      </c>
    </row>
    <row r="5316" spans="1:20" x14ac:dyDescent="0.2">
      <c r="A5316" s="53">
        <f t="shared" si="1231"/>
        <v>5304</v>
      </c>
      <c r="B5316" s="239">
        <v>52.61</v>
      </c>
      <c r="C5316" s="3">
        <f t="shared" si="1232"/>
        <v>52.603000000000002</v>
      </c>
      <c r="D5316" s="239">
        <v>12.341799999999999</v>
      </c>
      <c r="E5316" s="239">
        <v>0.19189999999999999</v>
      </c>
      <c r="F5316" s="239">
        <v>0.34549999999999997</v>
      </c>
      <c r="G5316">
        <f t="shared" si="1233"/>
        <v>12.4109</v>
      </c>
      <c r="H5316" s="235">
        <f t="shared" si="1234"/>
        <v>1.5462214666140248</v>
      </c>
      <c r="I5316" s="236">
        <f t="shared" si="1235"/>
        <v>20.393168434865633</v>
      </c>
      <c r="J5316" s="237">
        <f t="shared" si="1240"/>
        <v>10.393168434865633</v>
      </c>
      <c r="K5316" s="237">
        <f t="shared" si="1236"/>
        <v>1072.7418391792369</v>
      </c>
      <c r="L5316" s="237">
        <f t="shared" si="1241"/>
        <v>546.78459135828098</v>
      </c>
      <c r="M5316" s="236">
        <f t="shared" si="1237"/>
        <v>20.7360601231563</v>
      </c>
      <c r="N5316" s="236">
        <f t="shared" si="1238"/>
        <v>1.6925147566128891</v>
      </c>
      <c r="O5316" s="236">
        <f t="shared" si="1242"/>
        <v>2.5951559047081814</v>
      </c>
      <c r="P5316" s="236" t="str">
        <f t="shared" si="1243"/>
        <v>SAND</v>
      </c>
      <c r="Q5316" s="236" t="e">
        <f t="shared" si="1239"/>
        <v>#N/A</v>
      </c>
      <c r="R5316" s="238">
        <v>35</v>
      </c>
      <c r="S5316" s="236" t="e">
        <f t="shared" si="1244"/>
        <v>#N/A</v>
      </c>
      <c r="T5316" s="236">
        <f t="shared" si="1230"/>
        <v>32.08398867747902</v>
      </c>
    </row>
    <row r="5317" spans="1:20" x14ac:dyDescent="0.2">
      <c r="A5317" s="53">
        <f t="shared" si="1231"/>
        <v>5305</v>
      </c>
      <c r="B5317" s="239">
        <v>52.619</v>
      </c>
      <c r="C5317" s="3">
        <f t="shared" si="1232"/>
        <v>52.612000000000002</v>
      </c>
      <c r="D5317" s="239">
        <v>13.1645</v>
      </c>
      <c r="E5317" s="239">
        <v>0.19220000000000001</v>
      </c>
      <c r="F5317" s="239">
        <v>0.33550000000000002</v>
      </c>
      <c r="G5317">
        <f t="shared" si="1233"/>
        <v>13.2316</v>
      </c>
      <c r="H5317" s="235">
        <f t="shared" si="1234"/>
        <v>1.4525832098914719</v>
      </c>
      <c r="I5317" s="236">
        <f t="shared" si="1235"/>
        <v>20.420028316438618</v>
      </c>
      <c r="J5317" s="237">
        <f t="shared" si="1240"/>
        <v>10.420028316438618</v>
      </c>
      <c r="K5317" s="237">
        <f t="shared" si="1236"/>
        <v>1074.3385297844686</v>
      </c>
      <c r="L5317" s="237">
        <f t="shared" si="1241"/>
        <v>548.29146998268368</v>
      </c>
      <c r="M5317" s="236">
        <f t="shared" si="1237"/>
        <v>22.172990345079572</v>
      </c>
      <c r="N5317" s="236">
        <f t="shared" si="1238"/>
        <v>1.5809481474991469</v>
      </c>
      <c r="O5317" s="236">
        <f t="shared" si="1242"/>
        <v>2.5544959914460166</v>
      </c>
      <c r="P5317" s="236" t="str">
        <f t="shared" si="1243"/>
        <v>SAND</v>
      </c>
      <c r="Q5317" s="236" t="e">
        <f t="shared" si="1239"/>
        <v>#N/A</v>
      </c>
      <c r="R5317" s="238">
        <v>35</v>
      </c>
      <c r="S5317" s="236" t="e">
        <f t="shared" si="1244"/>
        <v>#N/A</v>
      </c>
      <c r="T5317" s="236">
        <f t="shared" si="1230"/>
        <v>32.404066946798196</v>
      </c>
    </row>
    <row r="5318" spans="1:20" x14ac:dyDescent="0.2">
      <c r="A5318" s="53">
        <f t="shared" si="1231"/>
        <v>5306</v>
      </c>
      <c r="B5318" s="239">
        <v>52.63</v>
      </c>
      <c r="C5318" s="3">
        <f t="shared" si="1232"/>
        <v>52.623000000000005</v>
      </c>
      <c r="D5318" s="239">
        <v>13.9755</v>
      </c>
      <c r="E5318" s="239">
        <v>0.18179999999999999</v>
      </c>
      <c r="F5318" s="239">
        <v>0.36109999999999998</v>
      </c>
      <c r="G5318">
        <f t="shared" si="1233"/>
        <v>14.04772</v>
      </c>
      <c r="H5318" s="235">
        <f t="shared" si="1234"/>
        <v>1.2941601911199825</v>
      </c>
      <c r="I5318" s="236">
        <f t="shared" si="1235"/>
        <v>20.378191785412653</v>
      </c>
      <c r="J5318" s="237">
        <f t="shared" si="1240"/>
        <v>10.378191785412653</v>
      </c>
      <c r="K5318" s="237">
        <f t="shared" si="1236"/>
        <v>1072.3615863237701</v>
      </c>
      <c r="L5318" s="237">
        <f t="shared" si="1241"/>
        <v>546.20423366626801</v>
      </c>
      <c r="M5318" s="236">
        <f t="shared" si="1237"/>
        <v>23.755506848751747</v>
      </c>
      <c r="N5318" s="236">
        <f t="shared" si="1238"/>
        <v>1.4011173657321094</v>
      </c>
      <c r="O5318" s="236">
        <f t="shared" si="1242"/>
        <v>2.5006150774298788</v>
      </c>
      <c r="P5318" s="236" t="str">
        <f t="shared" si="1243"/>
        <v>SAND</v>
      </c>
      <c r="Q5318" s="236" t="e">
        <f t="shared" si="1239"/>
        <v>#N/A</v>
      </c>
      <c r="R5318" s="238">
        <v>35</v>
      </c>
      <c r="S5318" s="236" t="e">
        <f t="shared" si="1244"/>
        <v>#N/A</v>
      </c>
      <c r="T5318" s="236">
        <f t="shared" si="1230"/>
        <v>32.733407310825484</v>
      </c>
    </row>
    <row r="5319" spans="1:20" x14ac:dyDescent="0.2">
      <c r="A5319" s="53">
        <f t="shared" si="1231"/>
        <v>5307</v>
      </c>
      <c r="B5319" s="239">
        <v>52.639000000000003</v>
      </c>
      <c r="C5319" s="3">
        <f t="shared" si="1232"/>
        <v>52.632000000000005</v>
      </c>
      <c r="D5319" s="239">
        <v>14.6587</v>
      </c>
      <c r="E5319" s="239">
        <v>0.18110000000000001</v>
      </c>
      <c r="F5319" s="239">
        <v>0.13980000000000001</v>
      </c>
      <c r="G5319">
        <f t="shared" si="1233"/>
        <v>14.68666</v>
      </c>
      <c r="H5319" s="235">
        <f t="shared" si="1234"/>
        <v>1.2330917989522465</v>
      </c>
      <c r="I5319" s="236">
        <f t="shared" si="1235"/>
        <v>20.391053607091997</v>
      </c>
      <c r="J5319" s="237">
        <f t="shared" si="1240"/>
        <v>10.391053607091997</v>
      </c>
      <c r="K5319" s="237">
        <f t="shared" si="1236"/>
        <v>1073.2219334484662</v>
      </c>
      <c r="L5319" s="237">
        <f t="shared" si="1241"/>
        <v>546.97467082371566</v>
      </c>
      <c r="M5319" s="236">
        <f t="shared" si="1237"/>
        <v>24.888607814417437</v>
      </c>
      <c r="N5319" s="236">
        <f t="shared" si="1238"/>
        <v>1.3303031836238786</v>
      </c>
      <c r="O5319" s="236">
        <f t="shared" si="1242"/>
        <v>2.4713714391693293</v>
      </c>
      <c r="P5319" s="236" t="str">
        <f t="shared" si="1243"/>
        <v>SAND</v>
      </c>
      <c r="Q5319" s="236" t="e">
        <f t="shared" si="1239"/>
        <v>#N/A</v>
      </c>
      <c r="R5319" s="238">
        <v>35</v>
      </c>
      <c r="S5319" s="236" t="e">
        <f t="shared" si="1244"/>
        <v>#N/A</v>
      </c>
      <c r="T5319" s="236">
        <f t="shared" si="1230"/>
        <v>32.956006647359551</v>
      </c>
    </row>
    <row r="5320" spans="1:20" x14ac:dyDescent="0.2">
      <c r="A5320" s="53">
        <f t="shared" si="1231"/>
        <v>5308</v>
      </c>
      <c r="B5320" s="239">
        <v>52.648000000000003</v>
      </c>
      <c r="C5320" s="3">
        <f t="shared" si="1232"/>
        <v>52.641000000000005</v>
      </c>
      <c r="D5320" s="239">
        <v>15.394399999999999</v>
      </c>
      <c r="E5320" s="239">
        <v>0.1757</v>
      </c>
      <c r="F5320" s="239">
        <v>5.4300000000000001E-2</v>
      </c>
      <c r="G5320">
        <f t="shared" si="1233"/>
        <v>15.405259999999998</v>
      </c>
      <c r="H5320" s="235">
        <f t="shared" si="1234"/>
        <v>1.1405195368335233</v>
      </c>
      <c r="I5320" s="236">
        <f t="shared" si="1235"/>
        <v>20.37422893962998</v>
      </c>
      <c r="J5320" s="237">
        <f t="shared" si="1240"/>
        <v>10.37422893962998</v>
      </c>
      <c r="K5320" s="237">
        <f t="shared" si="1236"/>
        <v>1072.5197856110619</v>
      </c>
      <c r="L5320" s="237">
        <f t="shared" si="1241"/>
        <v>546.18240521363919</v>
      </c>
      <c r="M5320" s="236">
        <f t="shared" si="1237"/>
        <v>26.241673253430211</v>
      </c>
      <c r="N5320" s="236">
        <f t="shared" si="1238"/>
        <v>1.2258646802487294</v>
      </c>
      <c r="O5320" s="236">
        <f t="shared" si="1242"/>
        <v>2.43282914125867</v>
      </c>
      <c r="P5320" s="236" t="str">
        <f t="shared" si="1243"/>
        <v>SAND</v>
      </c>
      <c r="Q5320" s="236" t="e">
        <f t="shared" si="1239"/>
        <v>#N/A</v>
      </c>
      <c r="R5320" s="238">
        <v>35</v>
      </c>
      <c r="S5320" s="236" t="e">
        <f t="shared" si="1244"/>
        <v>#N/A</v>
      </c>
      <c r="T5320" s="236">
        <f t="shared" si="1230"/>
        <v>33.208906759584181</v>
      </c>
    </row>
    <row r="5321" spans="1:20" x14ac:dyDescent="0.2">
      <c r="A5321" s="53">
        <f t="shared" si="1231"/>
        <v>5309</v>
      </c>
      <c r="B5321" s="239">
        <v>52.658999999999999</v>
      </c>
      <c r="C5321" s="3">
        <f t="shared" si="1232"/>
        <v>52.652000000000001</v>
      </c>
      <c r="D5321" s="239">
        <v>16.054300000000001</v>
      </c>
      <c r="E5321" s="239">
        <v>0.16039999999999999</v>
      </c>
      <c r="F5321" s="239">
        <v>3.9399999999999998E-2</v>
      </c>
      <c r="G5321">
        <f t="shared" si="1233"/>
        <v>16.062180000000001</v>
      </c>
      <c r="H5321" s="235">
        <f t="shared" si="1234"/>
        <v>0.99861911645866241</v>
      </c>
      <c r="I5321" s="236">
        <f t="shared" si="1235"/>
        <v>20.283718876689576</v>
      </c>
      <c r="J5321" s="237">
        <f t="shared" si="1240"/>
        <v>10.283718876689576</v>
      </c>
      <c r="K5321" s="237">
        <f t="shared" si="1236"/>
        <v>1067.9783662954596</v>
      </c>
      <c r="L5321" s="237">
        <f t="shared" si="1241"/>
        <v>541.53035232759635</v>
      </c>
      <c r="M5321" s="236">
        <f t="shared" si="1237"/>
        <v>27.688571045476447</v>
      </c>
      <c r="N5321" s="236">
        <f t="shared" si="1238"/>
        <v>1.0697468522728593</v>
      </c>
      <c r="O5321" s="236">
        <f t="shared" si="1242"/>
        <v>2.3816523984655702</v>
      </c>
      <c r="P5321" s="236" t="str">
        <f t="shared" si="1243"/>
        <v>SAND</v>
      </c>
      <c r="Q5321" s="236" t="e">
        <f t="shared" si="1239"/>
        <v>#N/A</v>
      </c>
      <c r="R5321" s="238">
        <v>35</v>
      </c>
      <c r="S5321" s="236" t="e">
        <f t="shared" si="1244"/>
        <v>#N/A</v>
      </c>
      <c r="T5321" s="236">
        <f t="shared" si="1230"/>
        <v>33.465305975322792</v>
      </c>
    </row>
    <row r="5322" spans="1:20" x14ac:dyDescent="0.2">
      <c r="A5322" s="53">
        <f t="shared" si="1231"/>
        <v>5310</v>
      </c>
      <c r="B5322" s="239">
        <v>52.668999999999997</v>
      </c>
      <c r="C5322" s="3">
        <f t="shared" si="1232"/>
        <v>52.661999999999999</v>
      </c>
      <c r="D5322" s="239">
        <v>16.54</v>
      </c>
      <c r="E5322" s="239">
        <v>0.15840000000000001</v>
      </c>
      <c r="F5322" s="239">
        <v>0.13170000000000001</v>
      </c>
      <c r="G5322">
        <f t="shared" si="1233"/>
        <v>16.56634</v>
      </c>
      <c r="H5322" s="235">
        <f t="shared" si="1234"/>
        <v>0.95615567469942064</v>
      </c>
      <c r="I5322" s="236">
        <f t="shared" si="1235"/>
        <v>20.281085946305339</v>
      </c>
      <c r="J5322" s="237">
        <f t="shared" si="1240"/>
        <v>10.281085946305339</v>
      </c>
      <c r="K5322" s="237">
        <f t="shared" si="1236"/>
        <v>1068.0425481043317</v>
      </c>
      <c r="L5322" s="237">
        <f t="shared" si="1241"/>
        <v>541.49451570595591</v>
      </c>
      <c r="M5322" s="236">
        <f t="shared" si="1237"/>
        <v>28.621337801898633</v>
      </c>
      <c r="N5322" s="236">
        <f t="shared" si="1238"/>
        <v>1.0220477474487069</v>
      </c>
      <c r="O5322" s="236">
        <f t="shared" si="1242"/>
        <v>2.3590287908263319</v>
      </c>
      <c r="P5322" s="236" t="str">
        <f t="shared" si="1243"/>
        <v>SAND</v>
      </c>
      <c r="Q5322" s="236" t="e">
        <f t="shared" si="1239"/>
        <v>#N/A</v>
      </c>
      <c r="R5322" s="238">
        <v>35</v>
      </c>
      <c r="S5322" s="236" t="e">
        <f t="shared" si="1244"/>
        <v>#N/A</v>
      </c>
      <c r="T5322" s="236">
        <f t="shared" si="1230"/>
        <v>33.623589223816559</v>
      </c>
    </row>
    <row r="5323" spans="1:20" x14ac:dyDescent="0.2">
      <c r="A5323" s="53">
        <f t="shared" si="1231"/>
        <v>5311</v>
      </c>
      <c r="B5323" s="239">
        <v>52.68</v>
      </c>
      <c r="C5323" s="3">
        <f t="shared" si="1232"/>
        <v>52.673000000000002</v>
      </c>
      <c r="D5323" s="239">
        <v>16.7789</v>
      </c>
      <c r="E5323" s="239">
        <v>0.15479999999999999</v>
      </c>
      <c r="F5323" s="239">
        <v>9.1499999999999998E-2</v>
      </c>
      <c r="G5323">
        <f t="shared" si="1233"/>
        <v>16.7972</v>
      </c>
      <c r="H5323" s="235">
        <f t="shared" si="1234"/>
        <v>0.92158216845664753</v>
      </c>
      <c r="I5323" s="236">
        <f t="shared" si="1235"/>
        <v>20.259537840470752</v>
      </c>
      <c r="J5323" s="237">
        <f t="shared" si="1240"/>
        <v>10.259537840470752</v>
      </c>
      <c r="K5323" s="237">
        <f t="shared" si="1236"/>
        <v>1067.130636671116</v>
      </c>
      <c r="L5323" s="237">
        <f t="shared" si="1241"/>
        <v>540.47245343599923</v>
      </c>
      <c r="M5323" s="236">
        <f t="shared" si="1237"/>
        <v>29.104294332350431</v>
      </c>
      <c r="N5323" s="236">
        <f t="shared" si="1238"/>
        <v>0.9841024627703252</v>
      </c>
      <c r="O5323" s="236">
        <f t="shared" si="1242"/>
        <v>2.3442856132633771</v>
      </c>
      <c r="P5323" s="236" t="str">
        <f t="shared" si="1243"/>
        <v>SAND</v>
      </c>
      <c r="Q5323" s="236" t="e">
        <f t="shared" si="1239"/>
        <v>#N/A</v>
      </c>
      <c r="R5323" s="238">
        <v>35</v>
      </c>
      <c r="S5323" s="236" t="e">
        <f t="shared" si="1244"/>
        <v>#N/A</v>
      </c>
      <c r="T5323" s="236">
        <f t="shared" si="1230"/>
        <v>33.70352781148091</v>
      </c>
    </row>
    <row r="5324" spans="1:20" x14ac:dyDescent="0.2">
      <c r="A5324" s="53">
        <f t="shared" si="1231"/>
        <v>5312</v>
      </c>
      <c r="B5324" s="239">
        <v>52.689</v>
      </c>
      <c r="C5324" s="3">
        <f t="shared" si="1232"/>
        <v>52.682000000000002</v>
      </c>
      <c r="D5324" s="239">
        <v>16.799099999999999</v>
      </c>
      <c r="E5324" s="239">
        <v>0.14699999999999999</v>
      </c>
      <c r="F5324" s="239">
        <v>0.14349999999999999</v>
      </c>
      <c r="G5324">
        <f t="shared" si="1233"/>
        <v>16.8278</v>
      </c>
      <c r="H5324" s="235">
        <f t="shared" si="1234"/>
        <v>0.87355447533248554</v>
      </c>
      <c r="I5324" s="236">
        <f t="shared" si="1235"/>
        <v>20.199624465772608</v>
      </c>
      <c r="J5324" s="237">
        <f t="shared" si="1240"/>
        <v>10.199624465772608</v>
      </c>
      <c r="K5324" s="237">
        <f t="shared" si="1236"/>
        <v>1064.1566161058327</v>
      </c>
      <c r="L5324" s="237">
        <f t="shared" si="1241"/>
        <v>537.40801347709294</v>
      </c>
      <c r="M5324" s="236">
        <f t="shared" si="1237"/>
        <v>29.332728557398212</v>
      </c>
      <c r="N5324" s="236">
        <f t="shared" si="1238"/>
        <v>0.93252553626143941</v>
      </c>
      <c r="O5324" s="236">
        <f t="shared" si="1242"/>
        <v>2.3293539483321064</v>
      </c>
      <c r="P5324" s="236" t="str">
        <f t="shared" si="1243"/>
        <v>SAND</v>
      </c>
      <c r="Q5324" s="236" t="e">
        <f t="shared" si="1239"/>
        <v>#N/A</v>
      </c>
      <c r="R5324" s="238">
        <v>35</v>
      </c>
      <c r="S5324" s="236" t="e">
        <f t="shared" si="1244"/>
        <v>#N/A</v>
      </c>
      <c r="T5324" s="236">
        <f t="shared" si="1230"/>
        <v>33.740877096650934</v>
      </c>
    </row>
    <row r="5325" spans="1:20" x14ac:dyDescent="0.2">
      <c r="A5325" s="53">
        <f t="shared" si="1231"/>
        <v>5313</v>
      </c>
      <c r="B5325" s="239">
        <v>52.7</v>
      </c>
      <c r="C5325" s="3">
        <f t="shared" si="1232"/>
        <v>52.693000000000005</v>
      </c>
      <c r="D5325" s="239">
        <v>16.637699999999999</v>
      </c>
      <c r="E5325" s="239">
        <v>0.1268</v>
      </c>
      <c r="F5325" s="239">
        <v>0.1701</v>
      </c>
      <c r="G5325">
        <f t="shared" si="1233"/>
        <v>16.671720000000001</v>
      </c>
      <c r="H5325" s="235">
        <f t="shared" si="1234"/>
        <v>0.76056939535932699</v>
      </c>
      <c r="I5325" s="236">
        <f t="shared" si="1235"/>
        <v>20.022647405926328</v>
      </c>
      <c r="J5325" s="237">
        <f t="shared" si="1240"/>
        <v>10.022647405926328</v>
      </c>
      <c r="K5325" s="237">
        <f t="shared" si="1236"/>
        <v>1055.053359760476</v>
      </c>
      <c r="L5325" s="237">
        <f t="shared" si="1241"/>
        <v>528.19351829231755</v>
      </c>
      <c r="M5325" s="236">
        <f t="shared" si="1237"/>
        <v>29.566183793260432</v>
      </c>
      <c r="N5325" s="236">
        <f t="shared" si="1238"/>
        <v>0.81195304299621751</v>
      </c>
      <c r="O5325" s="236">
        <f t="shared" si="1242"/>
        <v>2.2962272597581075</v>
      </c>
      <c r="P5325" s="236" t="str">
        <f t="shared" si="1243"/>
        <v>SAND</v>
      </c>
      <c r="Q5325" s="236" t="e">
        <f t="shared" si="1239"/>
        <v>#N/A</v>
      </c>
      <c r="R5325" s="238">
        <v>35</v>
      </c>
      <c r="S5325" s="236" t="e">
        <f t="shared" si="1244"/>
        <v>#N/A</v>
      </c>
      <c r="T5325" s="236">
        <f t="shared" ref="T5325:T5388" si="1245">IF(P5325="SAND",17.6+(11*LOG(M5325)),#N/A)</f>
        <v>33.778747995241133</v>
      </c>
    </row>
    <row r="5326" spans="1:20" x14ac:dyDescent="0.2">
      <c r="A5326" s="53">
        <f t="shared" ref="A5326:A5389" si="1246">$A5325+1</f>
        <v>5314</v>
      </c>
      <c r="B5326" s="239">
        <v>52.71</v>
      </c>
      <c r="C5326" s="3">
        <f t="shared" ref="C5326:C5389" si="1247">MAX($B5326 - $B$13, 0.001)</f>
        <v>52.703000000000003</v>
      </c>
      <c r="D5326" s="239">
        <v>16.4785</v>
      </c>
      <c r="E5326" s="239">
        <v>0.11559999999999999</v>
      </c>
      <c r="F5326" s="239">
        <v>0.20749999999999999</v>
      </c>
      <c r="G5326">
        <f t="shared" si="1233"/>
        <v>16.52</v>
      </c>
      <c r="H5326" s="235">
        <f t="shared" si="1234"/>
        <v>0.69975786924939465</v>
      </c>
      <c r="I5326" s="236">
        <f t="shared" si="1235"/>
        <v>19.910638245096592</v>
      </c>
      <c r="J5326" s="237">
        <f t="shared" si="1240"/>
        <v>9.9106382450965924</v>
      </c>
      <c r="K5326" s="237">
        <f t="shared" si="1236"/>
        <v>1049.3503674313258</v>
      </c>
      <c r="L5326" s="237">
        <f t="shared" si="1241"/>
        <v>522.38974189904138</v>
      </c>
      <c r="M5326" s="236">
        <f t="shared" si="1237"/>
        <v>29.615148215445966</v>
      </c>
      <c r="N5326" s="236">
        <f t="shared" si="1238"/>
        <v>0.74722136914431758</v>
      </c>
      <c r="O5326" s="236">
        <f t="shared" si="1242"/>
        <v>2.2780645261522685</v>
      </c>
      <c r="P5326" s="236" t="str">
        <f t="shared" si="1243"/>
        <v>SAND</v>
      </c>
      <c r="Q5326" s="236" t="e">
        <f t="shared" si="1239"/>
        <v>#N/A</v>
      </c>
      <c r="R5326" s="238">
        <v>35</v>
      </c>
      <c r="S5326" s="236" t="e">
        <f t="shared" si="1244"/>
        <v>#N/A</v>
      </c>
      <c r="T5326" s="236">
        <f t="shared" si="1245"/>
        <v>33.786653015538811</v>
      </c>
    </row>
    <row r="5327" spans="1:20" x14ac:dyDescent="0.2">
      <c r="A5327" s="53">
        <f t="shared" si="1246"/>
        <v>5315</v>
      </c>
      <c r="B5327" s="239">
        <v>52.72</v>
      </c>
      <c r="C5327" s="3">
        <f t="shared" si="1247"/>
        <v>52.713000000000001</v>
      </c>
      <c r="D5327" s="239">
        <v>16.356999999999999</v>
      </c>
      <c r="E5327" s="239">
        <v>0.1033</v>
      </c>
      <c r="F5327" s="239">
        <v>0.26840000000000003</v>
      </c>
      <c r="G5327">
        <f t="shared" ref="G5327:G5390" si="1248">$D5327+($F5327*(1-$P$8))</f>
        <v>16.410679999999999</v>
      </c>
      <c r="H5327" s="235">
        <f t="shared" ref="H5327:H5390" si="1249">($E5327/$G5327)*100</f>
        <v>0.62946812685397568</v>
      </c>
      <c r="I5327" s="236">
        <f t="shared" ref="I5327:I5390" si="1250">((0.27*(LOG($H5327)))+(0.36*(LOG(($G5327*1000)/101)))+1.236)*10</f>
        <v>19.776127841820582</v>
      </c>
      <c r="J5327" s="237">
        <f t="shared" si="1240"/>
        <v>9.7761278418205819</v>
      </c>
      <c r="K5327" s="237">
        <f t="shared" ref="K5327:K5390" si="1251">$I5327*$C5327</f>
        <v>1042.4590269258883</v>
      </c>
      <c r="L5327" s="237">
        <f t="shared" si="1241"/>
        <v>515.39745982078102</v>
      </c>
      <c r="M5327" s="236">
        <f t="shared" ref="M5327:M5390" si="1252">(($G5327*1000)-$K5327)/$L5327</f>
        <v>29.818193086202051</v>
      </c>
      <c r="N5327" s="236">
        <f t="shared" ref="N5327:N5390" si="1253">(($E5327*1000)/(($G5327*1000)-$K5327))*100</f>
        <v>0.6721662850956317</v>
      </c>
      <c r="O5327" s="236">
        <f t="shared" si="1242"/>
        <v>2.2537307472662835</v>
      </c>
      <c r="P5327" s="236" t="str">
        <f t="shared" si="1243"/>
        <v>SAND</v>
      </c>
      <c r="Q5327" s="236" t="e">
        <f t="shared" ref="Q5327:Q5390" si="1254">IF(P5327="CLAY",($G5327*1000 -$K5327)/$L$8,#N/A)</f>
        <v>#N/A</v>
      </c>
      <c r="R5327" s="238">
        <v>35</v>
      </c>
      <c r="S5327" s="236" t="e">
        <f t="shared" si="1244"/>
        <v>#N/A</v>
      </c>
      <c r="T5327" s="236">
        <f t="shared" si="1245"/>
        <v>33.819294549363022</v>
      </c>
    </row>
    <row r="5328" spans="1:20" x14ac:dyDescent="0.2">
      <c r="A5328" s="53">
        <f t="shared" si="1246"/>
        <v>5316</v>
      </c>
      <c r="B5328" s="239">
        <v>52.73</v>
      </c>
      <c r="C5328" s="3">
        <f t="shared" si="1247"/>
        <v>52.722999999999999</v>
      </c>
      <c r="D5328" s="239">
        <v>16.2151</v>
      </c>
      <c r="E5328" s="239">
        <v>9.5000000000000001E-2</v>
      </c>
      <c r="F5328" s="239">
        <v>0.2959</v>
      </c>
      <c r="G5328">
        <f t="shared" si="1248"/>
        <v>16.274280000000001</v>
      </c>
      <c r="H5328" s="235">
        <f t="shared" si="1249"/>
        <v>0.58374318249409496</v>
      </c>
      <c r="I5328" s="236">
        <f t="shared" si="1250"/>
        <v>19.674648394071088</v>
      </c>
      <c r="J5328" s="237">
        <f t="shared" ref="J5328:J5391" si="1255">$I5328-10</f>
        <v>9.6746483940710881</v>
      </c>
      <c r="K5328" s="237">
        <f t="shared" si="1251"/>
        <v>1037.3064872806099</v>
      </c>
      <c r="L5328" s="237">
        <f t="shared" ref="L5328:L5391" si="1256">$J5328*$B5328</f>
        <v>510.14420981936843</v>
      </c>
      <c r="M5328" s="236">
        <f t="shared" si="1252"/>
        <v>29.86797305435357</v>
      </c>
      <c r="N5328" s="236">
        <f t="shared" si="1253"/>
        <v>0.62348339662529906</v>
      </c>
      <c r="O5328" s="236">
        <f t="shared" ref="O5328:O5391" si="1257">((3.47-LOG($M5328))^2+(LOG($N5328)+1.22)^2)^0.5</f>
        <v>2.2380959897346333</v>
      </c>
      <c r="P5328" s="236" t="str">
        <f t="shared" ref="P5328:P5391" si="1258">IF(O5328&lt;2.6,"SAND","CLAY")</f>
        <v>SAND</v>
      </c>
      <c r="Q5328" s="236" t="e">
        <f t="shared" si="1254"/>
        <v>#N/A</v>
      </c>
      <c r="R5328" s="238">
        <v>35</v>
      </c>
      <c r="S5328" s="236" t="e">
        <f t="shared" ref="S5328:S5391" si="1259">IF(P5328="SAND",#N/A,0.25*($M5328)^1.25)</f>
        <v>#N/A</v>
      </c>
      <c r="T5328" s="236">
        <f t="shared" si="1245"/>
        <v>33.827263259393199</v>
      </c>
    </row>
    <row r="5329" spans="1:20" x14ac:dyDescent="0.2">
      <c r="A5329" s="53">
        <f t="shared" si="1246"/>
        <v>5317</v>
      </c>
      <c r="B5329" s="239">
        <v>52.741</v>
      </c>
      <c r="C5329" s="3">
        <f t="shared" si="1247"/>
        <v>52.734000000000002</v>
      </c>
      <c r="D5329" s="239">
        <v>16.0868</v>
      </c>
      <c r="E5329" s="239">
        <v>8.5900000000000004E-2</v>
      </c>
      <c r="F5329" s="239">
        <v>0.33189999999999997</v>
      </c>
      <c r="G5329">
        <f t="shared" si="1248"/>
        <v>16.153179999999999</v>
      </c>
      <c r="H5329" s="235">
        <f t="shared" si="1249"/>
        <v>0.53178383451431854</v>
      </c>
      <c r="I5329" s="236">
        <f t="shared" si="1250"/>
        <v>19.553656826049369</v>
      </c>
      <c r="J5329" s="237">
        <f t="shared" si="1255"/>
        <v>9.5536568260493695</v>
      </c>
      <c r="K5329" s="237">
        <f t="shared" si="1251"/>
        <v>1031.1425390648874</v>
      </c>
      <c r="L5329" s="237">
        <f t="shared" si="1256"/>
        <v>503.86941466266978</v>
      </c>
      <c r="M5329" s="236">
        <f t="shared" si="1252"/>
        <v>30.0118185801355</v>
      </c>
      <c r="N5329" s="236">
        <f t="shared" si="1253"/>
        <v>0.56804514750017132</v>
      </c>
      <c r="O5329" s="236">
        <f t="shared" si="1257"/>
        <v>2.2181762496442472</v>
      </c>
      <c r="P5329" s="236" t="str">
        <f t="shared" si="1258"/>
        <v>SAND</v>
      </c>
      <c r="Q5329" s="236" t="e">
        <f t="shared" si="1254"/>
        <v>#N/A</v>
      </c>
      <c r="R5329" s="238">
        <v>35</v>
      </c>
      <c r="S5329" s="236" t="e">
        <f t="shared" si="1259"/>
        <v>#N/A</v>
      </c>
      <c r="T5329" s="236">
        <f t="shared" si="1245"/>
        <v>33.850215437486426</v>
      </c>
    </row>
    <row r="5330" spans="1:20" x14ac:dyDescent="0.2">
      <c r="A5330" s="53">
        <f t="shared" si="1246"/>
        <v>5318</v>
      </c>
      <c r="B5330" s="239">
        <v>52.750999999999998</v>
      </c>
      <c r="C5330" s="3">
        <f t="shared" si="1247"/>
        <v>52.744</v>
      </c>
      <c r="D5330" s="239">
        <v>16.111699999999999</v>
      </c>
      <c r="E5330" s="239">
        <v>7.7899999999999997E-2</v>
      </c>
      <c r="F5330" s="239">
        <v>0.3528</v>
      </c>
      <c r="G5330">
        <f t="shared" si="1248"/>
        <v>16.182259999999999</v>
      </c>
      <c r="H5330" s="235">
        <f t="shared" si="1249"/>
        <v>0.48139135077547884</v>
      </c>
      <c r="I5330" s="236">
        <f t="shared" si="1250"/>
        <v>19.43972944732127</v>
      </c>
      <c r="J5330" s="237">
        <f t="shared" si="1255"/>
        <v>9.4397294473212696</v>
      </c>
      <c r="K5330" s="237">
        <f t="shared" si="1251"/>
        <v>1025.329089969513</v>
      </c>
      <c r="L5330" s="237">
        <f t="shared" si="1256"/>
        <v>497.95516807564428</v>
      </c>
      <c r="M5330" s="236">
        <f t="shared" si="1252"/>
        <v>30.43834441683714</v>
      </c>
      <c r="N5330" s="236">
        <f t="shared" si="1253"/>
        <v>0.51395629143131927</v>
      </c>
      <c r="O5330" s="236">
        <f t="shared" si="1257"/>
        <v>2.1938823080496945</v>
      </c>
      <c r="P5330" s="236" t="str">
        <f t="shared" si="1258"/>
        <v>SAND</v>
      </c>
      <c r="Q5330" s="236" t="e">
        <f t="shared" si="1254"/>
        <v>#N/A</v>
      </c>
      <c r="R5330" s="238">
        <v>35</v>
      </c>
      <c r="S5330" s="236" t="e">
        <f t="shared" si="1259"/>
        <v>#N/A</v>
      </c>
      <c r="T5330" s="236">
        <f t="shared" si="1245"/>
        <v>33.917631295573983</v>
      </c>
    </row>
    <row r="5331" spans="1:20" x14ac:dyDescent="0.2">
      <c r="A5331" s="53">
        <f t="shared" si="1246"/>
        <v>5319</v>
      </c>
      <c r="B5331" s="239">
        <v>52.762</v>
      </c>
      <c r="C5331" s="3">
        <f t="shared" si="1247"/>
        <v>52.755000000000003</v>
      </c>
      <c r="D5331" s="239">
        <v>16.238399999999999</v>
      </c>
      <c r="E5331" s="239">
        <v>7.2900000000000006E-2</v>
      </c>
      <c r="F5331" s="239">
        <v>0.40210000000000001</v>
      </c>
      <c r="G5331">
        <f t="shared" si="1248"/>
        <v>16.318819999999999</v>
      </c>
      <c r="H5331" s="235">
        <f t="shared" si="1249"/>
        <v>0.44672347632978371</v>
      </c>
      <c r="I5331" s="236">
        <f t="shared" si="1250"/>
        <v>19.365227257720591</v>
      </c>
      <c r="J5331" s="237">
        <f t="shared" si="1255"/>
        <v>9.3652272577205906</v>
      </c>
      <c r="K5331" s="237">
        <f t="shared" si="1251"/>
        <v>1021.6125639810498</v>
      </c>
      <c r="L5331" s="237">
        <f t="shared" si="1256"/>
        <v>494.1281205718538</v>
      </c>
      <c r="M5331" s="236">
        <f t="shared" si="1252"/>
        <v>30.957977899164106</v>
      </c>
      <c r="N5331" s="236">
        <f t="shared" si="1253"/>
        <v>0.47655756977151914</v>
      </c>
      <c r="O5331" s="236">
        <f t="shared" si="1257"/>
        <v>2.1734655228443058</v>
      </c>
      <c r="P5331" s="236" t="str">
        <f t="shared" si="1258"/>
        <v>SAND</v>
      </c>
      <c r="Q5331" s="236" t="e">
        <f t="shared" si="1254"/>
        <v>#N/A</v>
      </c>
      <c r="R5331" s="238">
        <v>35</v>
      </c>
      <c r="S5331" s="236" t="e">
        <f t="shared" si="1259"/>
        <v>#N/A</v>
      </c>
      <c r="T5331" s="236">
        <f t="shared" si="1245"/>
        <v>33.998498444501095</v>
      </c>
    </row>
    <row r="5332" spans="1:20" x14ac:dyDescent="0.2">
      <c r="A5332" s="53">
        <f t="shared" si="1246"/>
        <v>5320</v>
      </c>
      <c r="B5332" s="239">
        <v>52.771000000000001</v>
      </c>
      <c r="C5332" s="3">
        <f t="shared" si="1247"/>
        <v>52.764000000000003</v>
      </c>
      <c r="D5332" s="239">
        <v>16.4894</v>
      </c>
      <c r="E5332" s="239">
        <v>6.88E-2</v>
      </c>
      <c r="F5332" s="239">
        <v>0.41139999999999999</v>
      </c>
      <c r="G5332">
        <f t="shared" si="1248"/>
        <v>16.571680000000001</v>
      </c>
      <c r="H5332" s="235">
        <f t="shared" si="1249"/>
        <v>0.415166114721018</v>
      </c>
      <c r="I5332" s="236">
        <f t="shared" si="1250"/>
        <v>19.303361722230804</v>
      </c>
      <c r="J5332" s="237">
        <f t="shared" si="1255"/>
        <v>9.3033617222308038</v>
      </c>
      <c r="K5332" s="237">
        <f t="shared" si="1251"/>
        <v>1018.5225779117862</v>
      </c>
      <c r="L5332" s="237">
        <f t="shared" si="1256"/>
        <v>490.94770144384177</v>
      </c>
      <c r="M5332" s="236">
        <f t="shared" si="1252"/>
        <v>31.679866055686787</v>
      </c>
      <c r="N5332" s="236">
        <f t="shared" si="1253"/>
        <v>0.44235391009604214</v>
      </c>
      <c r="O5332" s="236">
        <f t="shared" si="1257"/>
        <v>2.1511326634251389</v>
      </c>
      <c r="P5332" s="236" t="str">
        <f t="shared" si="1258"/>
        <v>SAND</v>
      </c>
      <c r="Q5332" s="236" t="e">
        <f t="shared" si="1254"/>
        <v>#N/A</v>
      </c>
      <c r="R5332" s="238">
        <v>35</v>
      </c>
      <c r="S5332" s="236" t="e">
        <f t="shared" si="1259"/>
        <v>#N/A</v>
      </c>
      <c r="T5332" s="236">
        <f t="shared" si="1245"/>
        <v>34.108616703689556</v>
      </c>
    </row>
    <row r="5333" spans="1:20" x14ac:dyDescent="0.2">
      <c r="A5333" s="53">
        <f t="shared" si="1246"/>
        <v>5321</v>
      </c>
      <c r="B5333" s="239">
        <v>52.781999999999996</v>
      </c>
      <c r="C5333" s="3">
        <f t="shared" si="1247"/>
        <v>52.774999999999999</v>
      </c>
      <c r="D5333" s="239">
        <v>16.765699999999999</v>
      </c>
      <c r="E5333" s="239">
        <v>6.3899999999999998E-2</v>
      </c>
      <c r="F5333" s="239">
        <v>0.36919999999999997</v>
      </c>
      <c r="G5333">
        <f t="shared" si="1248"/>
        <v>16.83954</v>
      </c>
      <c r="H5333" s="235">
        <f t="shared" si="1249"/>
        <v>0.37946404711767662</v>
      </c>
      <c r="I5333" s="236">
        <f t="shared" si="1250"/>
        <v>19.222992572875771</v>
      </c>
      <c r="J5333" s="237">
        <f t="shared" si="1255"/>
        <v>9.2229925728757713</v>
      </c>
      <c r="K5333" s="237">
        <f t="shared" si="1251"/>
        <v>1014.4934330335188</v>
      </c>
      <c r="L5333" s="237">
        <f t="shared" si="1256"/>
        <v>486.80799398152891</v>
      </c>
      <c r="M5333" s="236">
        <f t="shared" si="1252"/>
        <v>32.507778760031897</v>
      </c>
      <c r="N5333" s="236">
        <f t="shared" si="1253"/>
        <v>0.40379028099282899</v>
      </c>
      <c r="O5333" s="236">
        <f t="shared" si="1257"/>
        <v>2.1251699364804018</v>
      </c>
      <c r="P5333" s="236" t="str">
        <f t="shared" si="1258"/>
        <v>SAND</v>
      </c>
      <c r="Q5333" s="236" t="e">
        <f t="shared" si="1254"/>
        <v>#N/A</v>
      </c>
      <c r="R5333" s="238">
        <v>35</v>
      </c>
      <c r="S5333" s="236" t="e">
        <f t="shared" si="1259"/>
        <v>#N/A</v>
      </c>
      <c r="T5333" s="236">
        <f t="shared" si="1245"/>
        <v>34.23186024928053</v>
      </c>
    </row>
    <row r="5334" spans="1:20" x14ac:dyDescent="0.2">
      <c r="A5334" s="53">
        <f t="shared" si="1246"/>
        <v>5322</v>
      </c>
      <c r="B5334" s="239">
        <v>52.783000000000001</v>
      </c>
      <c r="C5334" s="3">
        <f t="shared" si="1247"/>
        <v>52.776000000000003</v>
      </c>
      <c r="D5334" s="239">
        <v>17.003900000000002</v>
      </c>
      <c r="E5334" s="239">
        <v>6.08E-2</v>
      </c>
      <c r="F5334" s="239">
        <v>0.33610000000000001</v>
      </c>
      <c r="G5334">
        <f t="shared" si="1248"/>
        <v>17.071120000000001</v>
      </c>
      <c r="H5334" s="235">
        <f t="shared" si="1249"/>
        <v>0.35615706526578217</v>
      </c>
      <c r="I5334" s="236">
        <f t="shared" si="1250"/>
        <v>19.170018532089788</v>
      </c>
      <c r="J5334" s="237">
        <f t="shared" si="1255"/>
        <v>9.170018532089788</v>
      </c>
      <c r="K5334" s="237">
        <f t="shared" si="1251"/>
        <v>1011.7168980495708</v>
      </c>
      <c r="L5334" s="237">
        <f t="shared" si="1256"/>
        <v>484.0210881792953</v>
      </c>
      <c r="M5334" s="236">
        <f t="shared" si="1252"/>
        <v>33.179139285769232</v>
      </c>
      <c r="N5334" s="236">
        <f t="shared" si="1253"/>
        <v>0.37859439491008096</v>
      </c>
      <c r="O5334" s="236">
        <f t="shared" si="1257"/>
        <v>2.1062309510249952</v>
      </c>
      <c r="P5334" s="236" t="str">
        <f t="shared" si="1258"/>
        <v>SAND</v>
      </c>
      <c r="Q5334" s="236" t="e">
        <f t="shared" si="1254"/>
        <v>#N/A</v>
      </c>
      <c r="R5334" s="238">
        <v>35</v>
      </c>
      <c r="S5334" s="236" t="e">
        <f t="shared" si="1259"/>
        <v>#N/A</v>
      </c>
      <c r="T5334" s="236">
        <f t="shared" si="1245"/>
        <v>34.329516271772995</v>
      </c>
    </row>
    <row r="5335" spans="1:20" x14ac:dyDescent="0.2">
      <c r="A5335" s="53">
        <f t="shared" si="1246"/>
        <v>5323</v>
      </c>
      <c r="B5335" s="239">
        <v>52.783000000000001</v>
      </c>
      <c r="C5335" s="3">
        <f t="shared" si="1247"/>
        <v>52.776000000000003</v>
      </c>
      <c r="D5335" s="239">
        <v>16.4712</v>
      </c>
      <c r="E5335" s="239">
        <v>6.8500000000000005E-2</v>
      </c>
      <c r="F5335" s="239">
        <v>0.36370000000000002</v>
      </c>
      <c r="G5335">
        <f t="shared" si="1248"/>
        <v>16.543939999999999</v>
      </c>
      <c r="H5335" s="235">
        <f t="shared" si="1249"/>
        <v>0.41404889040941889</v>
      </c>
      <c r="I5335" s="236">
        <f t="shared" si="1250"/>
        <v>19.297582649134661</v>
      </c>
      <c r="J5335" s="237">
        <f t="shared" si="1255"/>
        <v>9.2975826491346609</v>
      </c>
      <c r="K5335" s="237">
        <f t="shared" si="1251"/>
        <v>1018.4492218907309</v>
      </c>
      <c r="L5335" s="237">
        <f t="shared" si="1256"/>
        <v>490.75430496927481</v>
      </c>
      <c r="M5335" s="236">
        <f t="shared" si="1252"/>
        <v>31.63597470445275</v>
      </c>
      <c r="N5335" s="236">
        <f t="shared" si="1253"/>
        <v>0.44120988494987912</v>
      </c>
      <c r="O5335" s="236">
        <f t="shared" si="1257"/>
        <v>2.1512316026058862</v>
      </c>
      <c r="P5335" s="236" t="str">
        <f t="shared" si="1258"/>
        <v>SAND</v>
      </c>
      <c r="Q5335" s="236" t="e">
        <f t="shared" si="1254"/>
        <v>#N/A</v>
      </c>
      <c r="R5335" s="238">
        <v>35</v>
      </c>
      <c r="S5335" s="236" t="e">
        <f t="shared" si="1259"/>
        <v>#N/A</v>
      </c>
      <c r="T5335" s="236">
        <f t="shared" si="1245"/>
        <v>34.10199341576805</v>
      </c>
    </row>
    <row r="5336" spans="1:20" x14ac:dyDescent="0.2">
      <c r="A5336" s="53">
        <f t="shared" si="1246"/>
        <v>5324</v>
      </c>
      <c r="B5336" s="239">
        <v>52.786000000000001</v>
      </c>
      <c r="C5336" s="3">
        <f t="shared" si="1247"/>
        <v>52.779000000000003</v>
      </c>
      <c r="D5336" s="239">
        <v>15.8246</v>
      </c>
      <c r="E5336" s="239">
        <v>7.2700000000000001E-2</v>
      </c>
      <c r="F5336" s="239">
        <v>0.46289999999999998</v>
      </c>
      <c r="G5336">
        <f t="shared" si="1248"/>
        <v>15.91718</v>
      </c>
      <c r="H5336" s="235">
        <f t="shared" si="1249"/>
        <v>0.45673919626466497</v>
      </c>
      <c r="I5336" s="236">
        <f t="shared" si="1250"/>
        <v>19.352265478487645</v>
      </c>
      <c r="J5336" s="237">
        <f t="shared" si="1255"/>
        <v>9.3522654784876451</v>
      </c>
      <c r="K5336" s="237">
        <f t="shared" si="1251"/>
        <v>1021.3932196890995</v>
      </c>
      <c r="L5336" s="237">
        <f t="shared" si="1256"/>
        <v>493.66868554744883</v>
      </c>
      <c r="M5336" s="236">
        <f t="shared" si="1252"/>
        <v>30.173651309870646</v>
      </c>
      <c r="N5336" s="236">
        <f t="shared" si="1253"/>
        <v>0.48805746935162986</v>
      </c>
      <c r="O5336" s="236">
        <f t="shared" si="1257"/>
        <v>2.1878986993509408</v>
      </c>
      <c r="P5336" s="236" t="str">
        <f t="shared" si="1258"/>
        <v>SAND</v>
      </c>
      <c r="Q5336" s="236" t="e">
        <f t="shared" si="1254"/>
        <v>#N/A</v>
      </c>
      <c r="R5336" s="238">
        <v>35</v>
      </c>
      <c r="S5336" s="236" t="e">
        <f t="shared" si="1259"/>
        <v>#N/A</v>
      </c>
      <c r="T5336" s="236">
        <f t="shared" si="1245"/>
        <v>33.875906540051247</v>
      </c>
    </row>
    <row r="5337" spans="1:20" x14ac:dyDescent="0.2">
      <c r="A5337" s="53">
        <f t="shared" si="1246"/>
        <v>5325</v>
      </c>
      <c r="B5337" s="239">
        <v>52.793999999999997</v>
      </c>
      <c r="C5337" s="3">
        <f t="shared" si="1247"/>
        <v>52.786999999999999</v>
      </c>
      <c r="D5337" s="239">
        <v>15.546200000000001</v>
      </c>
      <c r="E5337" s="239">
        <v>7.4700000000000003E-2</v>
      </c>
      <c r="F5337" s="239">
        <v>0.496</v>
      </c>
      <c r="G5337">
        <f t="shared" si="1248"/>
        <v>15.6454</v>
      </c>
      <c r="H5337" s="235">
        <f t="shared" si="1249"/>
        <v>0.47745663262045068</v>
      </c>
      <c r="I5337" s="236">
        <f t="shared" si="1250"/>
        <v>19.377356683243676</v>
      </c>
      <c r="J5337" s="237">
        <f t="shared" si="1255"/>
        <v>9.3773566832436757</v>
      </c>
      <c r="K5337" s="237">
        <f t="shared" si="1251"/>
        <v>1022.8725272383839</v>
      </c>
      <c r="L5337" s="237">
        <f t="shared" si="1256"/>
        <v>495.06816873516658</v>
      </c>
      <c r="M5337" s="236">
        <f t="shared" si="1252"/>
        <v>29.536391948042695</v>
      </c>
      <c r="N5337" s="236">
        <f t="shared" si="1253"/>
        <v>0.51085559688055848</v>
      </c>
      <c r="O5337" s="236">
        <f t="shared" si="1257"/>
        <v>2.2046105832968457</v>
      </c>
      <c r="P5337" s="236" t="str">
        <f t="shared" si="1258"/>
        <v>SAND</v>
      </c>
      <c r="Q5337" s="236" t="e">
        <f t="shared" si="1254"/>
        <v>#N/A</v>
      </c>
      <c r="R5337" s="238">
        <v>35</v>
      </c>
      <c r="S5337" s="236" t="e">
        <f t="shared" si="1259"/>
        <v>#N/A</v>
      </c>
      <c r="T5337" s="236">
        <f t="shared" si="1245"/>
        <v>33.773931867209804</v>
      </c>
    </row>
    <row r="5338" spans="1:20" x14ac:dyDescent="0.2">
      <c r="A5338" s="53">
        <f t="shared" si="1246"/>
        <v>5326</v>
      </c>
      <c r="B5338" s="239">
        <v>52.804000000000002</v>
      </c>
      <c r="C5338" s="3">
        <f t="shared" si="1247"/>
        <v>52.797000000000004</v>
      </c>
      <c r="D5338" s="239">
        <v>17.533300000000001</v>
      </c>
      <c r="E5338" s="239">
        <v>6.9000000000000006E-2</v>
      </c>
      <c r="F5338" s="239">
        <v>0.30449999999999999</v>
      </c>
      <c r="G5338">
        <f t="shared" si="1248"/>
        <v>17.594200000000001</v>
      </c>
      <c r="H5338" s="235">
        <f t="shared" si="1249"/>
        <v>0.39217469393322796</v>
      </c>
      <c r="I5338" s="236">
        <f t="shared" si="1250"/>
        <v>19.330168171381935</v>
      </c>
      <c r="J5338" s="237">
        <f t="shared" si="1255"/>
        <v>9.3301681713819349</v>
      </c>
      <c r="K5338" s="237">
        <f t="shared" si="1251"/>
        <v>1020.5748889444521</v>
      </c>
      <c r="L5338" s="237">
        <f t="shared" si="1256"/>
        <v>492.6702001216517</v>
      </c>
      <c r="M5338" s="236">
        <f t="shared" si="1252"/>
        <v>33.640405096478609</v>
      </c>
      <c r="N5338" s="236">
        <f t="shared" si="1253"/>
        <v>0.41632412666298985</v>
      </c>
      <c r="O5338" s="236">
        <f t="shared" si="1257"/>
        <v>2.1167035000941321</v>
      </c>
      <c r="P5338" s="236" t="str">
        <f t="shared" si="1258"/>
        <v>SAND</v>
      </c>
      <c r="Q5338" s="236" t="e">
        <f t="shared" si="1254"/>
        <v>#N/A</v>
      </c>
      <c r="R5338" s="238">
        <v>35</v>
      </c>
      <c r="S5338" s="236" t="e">
        <f t="shared" si="1259"/>
        <v>#N/A</v>
      </c>
      <c r="T5338" s="236">
        <f t="shared" si="1245"/>
        <v>34.39547338606495</v>
      </c>
    </row>
    <row r="5339" spans="1:20" x14ac:dyDescent="0.2">
      <c r="A5339" s="53">
        <f t="shared" si="1246"/>
        <v>5327</v>
      </c>
      <c r="B5339" s="239">
        <v>52.814</v>
      </c>
      <c r="C5339" s="3">
        <f t="shared" si="1247"/>
        <v>52.807000000000002</v>
      </c>
      <c r="D5339" s="239">
        <v>17.859100000000002</v>
      </c>
      <c r="E5339" s="239">
        <v>7.4999999999999997E-2</v>
      </c>
      <c r="F5339" s="239">
        <v>0.24859999999999999</v>
      </c>
      <c r="G5339">
        <f t="shared" si="1248"/>
        <v>17.908820000000002</v>
      </c>
      <c r="H5339" s="235">
        <f t="shared" si="1249"/>
        <v>0.41878806085493059</v>
      </c>
      <c r="I5339" s="236">
        <f t="shared" si="1250"/>
        <v>19.434868739820722</v>
      </c>
      <c r="J5339" s="237">
        <f t="shared" si="1255"/>
        <v>9.4348687398207218</v>
      </c>
      <c r="K5339" s="237">
        <f t="shared" si="1251"/>
        <v>1026.2971135437128</v>
      </c>
      <c r="L5339" s="237">
        <f t="shared" si="1256"/>
        <v>498.29315762489159</v>
      </c>
      <c r="M5339" s="236">
        <f t="shared" si="1252"/>
        <v>33.880703814851948</v>
      </c>
      <c r="N5339" s="236">
        <f t="shared" si="1253"/>
        <v>0.44424639909813152</v>
      </c>
      <c r="O5339" s="236">
        <f t="shared" si="1257"/>
        <v>2.1252190144012362</v>
      </c>
      <c r="P5339" s="236" t="str">
        <f t="shared" si="1258"/>
        <v>SAND</v>
      </c>
      <c r="Q5339" s="236" t="e">
        <f t="shared" si="1254"/>
        <v>#N/A</v>
      </c>
      <c r="R5339" s="238">
        <v>35</v>
      </c>
      <c r="S5339" s="236" t="e">
        <f t="shared" si="1259"/>
        <v>#N/A</v>
      </c>
      <c r="T5339" s="236">
        <f t="shared" si="1245"/>
        <v>34.429476658417975</v>
      </c>
    </row>
    <row r="5340" spans="1:20" x14ac:dyDescent="0.2">
      <c r="A5340" s="53">
        <f t="shared" si="1246"/>
        <v>5328</v>
      </c>
      <c r="B5340" s="239">
        <v>52.823999999999998</v>
      </c>
      <c r="C5340" s="3">
        <f t="shared" si="1247"/>
        <v>52.817</v>
      </c>
      <c r="D5340" s="239">
        <v>18.0684</v>
      </c>
      <c r="E5340" s="239">
        <v>8.1100000000000005E-2</v>
      </c>
      <c r="F5340" s="239">
        <v>0.13739999999999999</v>
      </c>
      <c r="G5340">
        <f t="shared" si="1248"/>
        <v>18.095880000000001</v>
      </c>
      <c r="H5340" s="235">
        <f t="shared" si="1249"/>
        <v>0.44816831234513049</v>
      </c>
      <c r="I5340" s="236">
        <f t="shared" si="1250"/>
        <v>19.53062109762406</v>
      </c>
      <c r="J5340" s="237">
        <f t="shared" si="1255"/>
        <v>9.53062109762406</v>
      </c>
      <c r="K5340" s="237">
        <f t="shared" si="1251"/>
        <v>1031.5488145132099</v>
      </c>
      <c r="L5340" s="237">
        <f t="shared" si="1256"/>
        <v>503.44552886089332</v>
      </c>
      <c r="M5340" s="236">
        <f t="shared" si="1252"/>
        <v>33.895089353751757</v>
      </c>
      <c r="N5340" s="236">
        <f t="shared" si="1253"/>
        <v>0.47526034931257982</v>
      </c>
      <c r="O5340" s="236">
        <f t="shared" si="1257"/>
        <v>2.1371840268294324</v>
      </c>
      <c r="P5340" s="236" t="str">
        <f t="shared" si="1258"/>
        <v>SAND</v>
      </c>
      <c r="Q5340" s="236" t="e">
        <f t="shared" si="1254"/>
        <v>#N/A</v>
      </c>
      <c r="R5340" s="238">
        <v>35</v>
      </c>
      <c r="S5340" s="236" t="e">
        <f t="shared" si="1259"/>
        <v>#N/A</v>
      </c>
      <c r="T5340" s="236">
        <f t="shared" si="1245"/>
        <v>34.431504614406876</v>
      </c>
    </row>
    <row r="5341" spans="1:20" x14ac:dyDescent="0.2">
      <c r="A5341" s="53">
        <f t="shared" si="1246"/>
        <v>5329</v>
      </c>
      <c r="B5341" s="239">
        <v>52.83</v>
      </c>
      <c r="C5341" s="3">
        <f t="shared" si="1247"/>
        <v>52.823</v>
      </c>
      <c r="D5341" s="239">
        <v>18.276199999999999</v>
      </c>
      <c r="E5341" s="239">
        <v>8.48E-2</v>
      </c>
      <c r="F5341" s="239">
        <v>3.1E-2</v>
      </c>
      <c r="G5341">
        <f t="shared" si="1248"/>
        <v>18.282399999999999</v>
      </c>
      <c r="H5341" s="235">
        <f t="shared" si="1249"/>
        <v>0.46383406992517395</v>
      </c>
      <c r="I5341" s="236">
        <f t="shared" si="1250"/>
        <v>19.586941741437464</v>
      </c>
      <c r="J5341" s="237">
        <f t="shared" si="1255"/>
        <v>9.5869417414374638</v>
      </c>
      <c r="K5341" s="237">
        <f t="shared" si="1251"/>
        <v>1034.6410236079512</v>
      </c>
      <c r="L5341" s="237">
        <f t="shared" si="1256"/>
        <v>506.4781322001412</v>
      </c>
      <c r="M5341" s="236">
        <f t="shared" si="1252"/>
        <v>34.05430141962453</v>
      </c>
      <c r="N5341" s="236">
        <f t="shared" si="1253"/>
        <v>0.49165807636847431</v>
      </c>
      <c r="O5341" s="236">
        <f t="shared" si="1257"/>
        <v>2.1415665297024238</v>
      </c>
      <c r="P5341" s="236" t="str">
        <f t="shared" si="1258"/>
        <v>SAND</v>
      </c>
      <c r="Q5341" s="236" t="e">
        <f t="shared" si="1254"/>
        <v>#N/A</v>
      </c>
      <c r="R5341" s="238">
        <v>35</v>
      </c>
      <c r="S5341" s="236" t="e">
        <f t="shared" si="1259"/>
        <v>#N/A</v>
      </c>
      <c r="T5341" s="236">
        <f t="shared" si="1245"/>
        <v>34.453891732864676</v>
      </c>
    </row>
    <row r="5342" spans="1:20" x14ac:dyDescent="0.2">
      <c r="A5342" s="53">
        <f t="shared" si="1246"/>
        <v>5330</v>
      </c>
      <c r="B5342" s="239">
        <v>52.83</v>
      </c>
      <c r="C5342" s="3">
        <f t="shared" si="1247"/>
        <v>52.823</v>
      </c>
      <c r="D5342" s="239">
        <v>18.391500000000001</v>
      </c>
      <c r="E5342" s="239">
        <v>8.6699999999999999E-2</v>
      </c>
      <c r="F5342" s="239">
        <v>1.55E-2</v>
      </c>
      <c r="G5342">
        <f t="shared" si="1248"/>
        <v>18.394600000000001</v>
      </c>
      <c r="H5342" s="235">
        <f t="shared" si="1249"/>
        <v>0.47133397845019731</v>
      </c>
      <c r="I5342" s="236">
        <f t="shared" si="1250"/>
        <v>19.615315931050713</v>
      </c>
      <c r="J5342" s="237">
        <f t="shared" si="1255"/>
        <v>9.6153159310507128</v>
      </c>
      <c r="K5342" s="237">
        <f t="shared" si="1251"/>
        <v>1036.1398334258918</v>
      </c>
      <c r="L5342" s="237">
        <f t="shared" si="1256"/>
        <v>507.97714063740915</v>
      </c>
      <c r="M5342" s="236">
        <f t="shared" si="1252"/>
        <v>34.171734863487622</v>
      </c>
      <c r="N5342" s="236">
        <f t="shared" si="1253"/>
        <v>0.49946826600986022</v>
      </c>
      <c r="O5342" s="236">
        <f t="shared" si="1257"/>
        <v>2.1431383859239337</v>
      </c>
      <c r="P5342" s="236" t="str">
        <f t="shared" si="1258"/>
        <v>SAND</v>
      </c>
      <c r="Q5342" s="236" t="e">
        <f t="shared" si="1254"/>
        <v>#N/A</v>
      </c>
      <c r="R5342" s="238">
        <v>35</v>
      </c>
      <c r="S5342" s="236" t="e">
        <f t="shared" si="1259"/>
        <v>#N/A</v>
      </c>
      <c r="T5342" s="236">
        <f t="shared" si="1245"/>
        <v>34.470337308420817</v>
      </c>
    </row>
    <row r="5343" spans="1:20" x14ac:dyDescent="0.2">
      <c r="A5343" s="53">
        <f t="shared" si="1246"/>
        <v>5331</v>
      </c>
      <c r="B5343" s="239">
        <v>52.832000000000001</v>
      </c>
      <c r="C5343" s="3">
        <f t="shared" si="1247"/>
        <v>52.825000000000003</v>
      </c>
      <c r="D5343" s="239">
        <v>17.252700000000001</v>
      </c>
      <c r="E5343" s="239">
        <v>8.8800000000000004E-2</v>
      </c>
      <c r="F5343" s="239">
        <v>4.4699999999999997E-2</v>
      </c>
      <c r="G5343">
        <f t="shared" si="1248"/>
        <v>17.26164</v>
      </c>
      <c r="H5343" s="235">
        <f t="shared" si="1249"/>
        <v>0.51443547658275812</v>
      </c>
      <c r="I5343" s="236">
        <f t="shared" si="1250"/>
        <v>19.618531911433585</v>
      </c>
      <c r="J5343" s="237">
        <f t="shared" si="1255"/>
        <v>9.6185319114335854</v>
      </c>
      <c r="K5343" s="237">
        <f t="shared" si="1251"/>
        <v>1036.3489482214793</v>
      </c>
      <c r="L5343" s="237">
        <f t="shared" si="1256"/>
        <v>508.16627794485919</v>
      </c>
      <c r="M5343" s="236">
        <f t="shared" si="1252"/>
        <v>31.92909832072548</v>
      </c>
      <c r="N5343" s="236">
        <f t="shared" si="1253"/>
        <v>0.54729372629815642</v>
      </c>
      <c r="O5343" s="236">
        <f t="shared" si="1257"/>
        <v>2.1869175977155777</v>
      </c>
      <c r="P5343" s="236" t="str">
        <f t="shared" si="1258"/>
        <v>SAND</v>
      </c>
      <c r="Q5343" s="236" t="e">
        <f t="shared" si="1254"/>
        <v>#N/A</v>
      </c>
      <c r="R5343" s="238">
        <v>35</v>
      </c>
      <c r="S5343" s="236" t="e">
        <f t="shared" si="1259"/>
        <v>#N/A</v>
      </c>
      <c r="T5343" s="236">
        <f t="shared" si="1245"/>
        <v>34.146053196370815</v>
      </c>
    </row>
    <row r="5344" spans="1:20" x14ac:dyDescent="0.2">
      <c r="A5344" s="53">
        <f t="shared" si="1246"/>
        <v>5332</v>
      </c>
      <c r="B5344" s="239">
        <v>52.841999999999999</v>
      </c>
      <c r="C5344" s="3">
        <f t="shared" si="1247"/>
        <v>52.835000000000001</v>
      </c>
      <c r="D5344" s="239">
        <v>16.847100000000001</v>
      </c>
      <c r="E5344" s="239">
        <v>8.7599999999999997E-2</v>
      </c>
      <c r="F5344" s="239">
        <v>0.14199999999999999</v>
      </c>
      <c r="G5344">
        <f t="shared" si="1248"/>
        <v>16.875500000000002</v>
      </c>
      <c r="H5344" s="235">
        <f t="shared" si="1249"/>
        <v>0.51909573049687407</v>
      </c>
      <c r="I5344" s="236">
        <f t="shared" si="1250"/>
        <v>19.593735125403672</v>
      </c>
      <c r="J5344" s="237">
        <f t="shared" si="1255"/>
        <v>9.593735125403672</v>
      </c>
      <c r="K5344" s="237">
        <f t="shared" si="1251"/>
        <v>1035.234995350703</v>
      </c>
      <c r="L5344" s="237">
        <f t="shared" si="1256"/>
        <v>506.95215149658083</v>
      </c>
      <c r="M5344" s="236">
        <f t="shared" si="1252"/>
        <v>31.246075113572402</v>
      </c>
      <c r="N5344" s="236">
        <f t="shared" si="1253"/>
        <v>0.55302105093752141</v>
      </c>
      <c r="O5344" s="236">
        <f t="shared" si="1257"/>
        <v>2.1973403094901358</v>
      </c>
      <c r="P5344" s="236" t="str">
        <f t="shared" si="1258"/>
        <v>SAND</v>
      </c>
      <c r="Q5344" s="236" t="e">
        <f t="shared" si="1254"/>
        <v>#N/A</v>
      </c>
      <c r="R5344" s="238">
        <v>35</v>
      </c>
      <c r="S5344" s="236" t="e">
        <f t="shared" si="1259"/>
        <v>#N/A</v>
      </c>
      <c r="T5344" s="236">
        <f t="shared" si="1245"/>
        <v>34.042750196904535</v>
      </c>
    </row>
    <row r="5345" spans="1:20" x14ac:dyDescent="0.2">
      <c r="A5345" s="53">
        <f t="shared" si="1246"/>
        <v>5333</v>
      </c>
      <c r="B5345" s="239">
        <v>52.850999999999999</v>
      </c>
      <c r="C5345" s="3">
        <f t="shared" si="1247"/>
        <v>52.844000000000001</v>
      </c>
      <c r="D5345" s="239">
        <v>18.6312</v>
      </c>
      <c r="E5345" s="239">
        <v>8.2699999999999996E-2</v>
      </c>
      <c r="F5345" s="239">
        <v>5.91E-2</v>
      </c>
      <c r="G5345">
        <f t="shared" si="1248"/>
        <v>18.64302</v>
      </c>
      <c r="H5345" s="235">
        <f t="shared" si="1249"/>
        <v>0.44359765746107654</v>
      </c>
      <c r="I5345" s="236">
        <f t="shared" si="1250"/>
        <v>19.565172569106654</v>
      </c>
      <c r="J5345" s="237">
        <f t="shared" si="1255"/>
        <v>9.5651725691066538</v>
      </c>
      <c r="K5345" s="237">
        <f t="shared" si="1251"/>
        <v>1033.9019792418721</v>
      </c>
      <c r="L5345" s="237">
        <f t="shared" si="1256"/>
        <v>505.52893544985574</v>
      </c>
      <c r="M5345" s="236">
        <f t="shared" si="1252"/>
        <v>34.833056598606518</v>
      </c>
      <c r="N5345" s="236">
        <f t="shared" si="1253"/>
        <v>0.46964305595834432</v>
      </c>
      <c r="O5345" s="236">
        <f t="shared" si="1257"/>
        <v>2.1242566802485885</v>
      </c>
      <c r="P5345" s="236" t="str">
        <f t="shared" si="1258"/>
        <v>SAND</v>
      </c>
      <c r="Q5345" s="236" t="e">
        <f t="shared" si="1254"/>
        <v>#N/A</v>
      </c>
      <c r="R5345" s="238">
        <v>35</v>
      </c>
      <c r="S5345" s="236" t="e">
        <f t="shared" si="1259"/>
        <v>#N/A</v>
      </c>
      <c r="T5345" s="236">
        <f t="shared" si="1245"/>
        <v>34.561907439893446</v>
      </c>
    </row>
    <row r="5346" spans="1:20" x14ac:dyDescent="0.2">
      <c r="A5346" s="53">
        <f t="shared" si="1246"/>
        <v>5334</v>
      </c>
      <c r="B5346" s="239">
        <v>52.860999999999997</v>
      </c>
      <c r="C5346" s="3">
        <f t="shared" si="1247"/>
        <v>52.853999999999999</v>
      </c>
      <c r="D5346" s="239">
        <v>18.805900000000001</v>
      </c>
      <c r="E5346" s="239">
        <v>8.5400000000000004E-2</v>
      </c>
      <c r="F5346" s="239">
        <v>2.12E-2</v>
      </c>
      <c r="G5346">
        <f t="shared" si="1248"/>
        <v>18.810140000000001</v>
      </c>
      <c r="H5346" s="235">
        <f t="shared" si="1249"/>
        <v>0.4540104433034523</v>
      </c>
      <c r="I5346" s="236">
        <f t="shared" si="1250"/>
        <v>19.606332130376956</v>
      </c>
      <c r="J5346" s="237">
        <f t="shared" si="1255"/>
        <v>9.6063321303769555</v>
      </c>
      <c r="K5346" s="237">
        <f t="shared" si="1251"/>
        <v>1036.2730784189437</v>
      </c>
      <c r="L5346" s="237">
        <f t="shared" si="1256"/>
        <v>507.80032274385621</v>
      </c>
      <c r="M5346" s="236">
        <f t="shared" si="1252"/>
        <v>35.001684964557455</v>
      </c>
      <c r="N5346" s="236">
        <f t="shared" si="1253"/>
        <v>0.48048069886416894</v>
      </c>
      <c r="O5346" s="236">
        <f t="shared" si="1257"/>
        <v>2.1265354168177173</v>
      </c>
      <c r="P5346" s="236" t="str">
        <f t="shared" si="1258"/>
        <v>SAND</v>
      </c>
      <c r="Q5346" s="236" t="e">
        <f t="shared" si="1254"/>
        <v>#N/A</v>
      </c>
      <c r="R5346" s="238">
        <v>35</v>
      </c>
      <c r="S5346" s="236" t="e">
        <f t="shared" si="1259"/>
        <v>#N/A</v>
      </c>
      <c r="T5346" s="236">
        <f t="shared" si="1245"/>
        <v>34.584978467428812</v>
      </c>
    </row>
    <row r="5347" spans="1:20" x14ac:dyDescent="0.2">
      <c r="A5347" s="53">
        <f t="shared" si="1246"/>
        <v>5335</v>
      </c>
      <c r="B5347" s="239">
        <v>52.871000000000002</v>
      </c>
      <c r="C5347" s="3">
        <f t="shared" si="1247"/>
        <v>52.864000000000004</v>
      </c>
      <c r="D5347" s="239">
        <v>18.947299999999998</v>
      </c>
      <c r="E5347" s="239">
        <v>8.9800000000000005E-2</v>
      </c>
      <c r="F5347" s="239">
        <v>2.7799999999999998E-2</v>
      </c>
      <c r="G5347">
        <f t="shared" si="1248"/>
        <v>18.952859999999998</v>
      </c>
      <c r="H5347" s="235">
        <f t="shared" si="1249"/>
        <v>0.47380711934768688</v>
      </c>
      <c r="I5347" s="236">
        <f t="shared" si="1250"/>
        <v>19.668196442519008</v>
      </c>
      <c r="J5347" s="237">
        <f t="shared" si="1255"/>
        <v>9.6681964425190081</v>
      </c>
      <c r="K5347" s="237">
        <f t="shared" si="1251"/>
        <v>1039.7395367373249</v>
      </c>
      <c r="L5347" s="237">
        <f t="shared" si="1256"/>
        <v>511.16721411242253</v>
      </c>
      <c r="M5347" s="236">
        <f t="shared" si="1252"/>
        <v>35.043562984309446</v>
      </c>
      <c r="N5347" s="236">
        <f t="shared" si="1253"/>
        <v>0.50130852513478807</v>
      </c>
      <c r="O5347" s="236">
        <f t="shared" si="1257"/>
        <v>2.133946284645464</v>
      </c>
      <c r="P5347" s="236" t="str">
        <f t="shared" si="1258"/>
        <v>SAND</v>
      </c>
      <c r="Q5347" s="236" t="e">
        <f t="shared" si="1254"/>
        <v>#N/A</v>
      </c>
      <c r="R5347" s="238">
        <v>35</v>
      </c>
      <c r="S5347" s="236" t="e">
        <f t="shared" si="1259"/>
        <v>#N/A</v>
      </c>
      <c r="T5347" s="236">
        <f t="shared" si="1245"/>
        <v>34.590690813419457</v>
      </c>
    </row>
    <row r="5348" spans="1:20" x14ac:dyDescent="0.2">
      <c r="A5348" s="53">
        <f t="shared" si="1246"/>
        <v>5336</v>
      </c>
      <c r="B5348" s="239">
        <v>52.881</v>
      </c>
      <c r="C5348" s="3">
        <f t="shared" si="1247"/>
        <v>52.874000000000002</v>
      </c>
      <c r="D5348" s="239">
        <v>19.115600000000001</v>
      </c>
      <c r="E5348" s="239">
        <v>8.8400000000000006E-2</v>
      </c>
      <c r="F5348" s="239">
        <v>2.8400000000000002E-2</v>
      </c>
      <c r="G5348">
        <f t="shared" si="1248"/>
        <v>19.121280000000002</v>
      </c>
      <c r="H5348" s="235">
        <f t="shared" si="1249"/>
        <v>0.46231214646718211</v>
      </c>
      <c r="I5348" s="236">
        <f t="shared" si="1250"/>
        <v>19.653229434884839</v>
      </c>
      <c r="J5348" s="237">
        <f t="shared" si="1255"/>
        <v>9.6532294348848389</v>
      </c>
      <c r="K5348" s="237">
        <f t="shared" si="1251"/>
        <v>1039.1448531401011</v>
      </c>
      <c r="L5348" s="237">
        <f t="shared" si="1256"/>
        <v>510.47242574614518</v>
      </c>
      <c r="M5348" s="236">
        <f t="shared" si="1252"/>
        <v>35.422354342508676</v>
      </c>
      <c r="N5348" s="236">
        <f t="shared" si="1253"/>
        <v>0.48888031906647555</v>
      </c>
      <c r="O5348" s="236">
        <f t="shared" si="1257"/>
        <v>2.1250469410636166</v>
      </c>
      <c r="P5348" s="236" t="str">
        <f t="shared" si="1258"/>
        <v>SAND</v>
      </c>
      <c r="Q5348" s="236" t="e">
        <f t="shared" si="1254"/>
        <v>#N/A</v>
      </c>
      <c r="R5348" s="238">
        <v>35</v>
      </c>
      <c r="S5348" s="236" t="e">
        <f t="shared" si="1259"/>
        <v>#N/A</v>
      </c>
      <c r="T5348" s="236">
        <f t="shared" si="1245"/>
        <v>34.642051654580904</v>
      </c>
    </row>
    <row r="5349" spans="1:20" x14ac:dyDescent="0.2">
      <c r="A5349" s="53">
        <f t="shared" si="1246"/>
        <v>5337</v>
      </c>
      <c r="B5349" s="239">
        <v>52.890999999999998</v>
      </c>
      <c r="C5349" s="3">
        <f t="shared" si="1247"/>
        <v>52.884</v>
      </c>
      <c r="D5349" s="239">
        <v>19.2636</v>
      </c>
      <c r="E5349" s="239">
        <v>8.5900000000000004E-2</v>
      </c>
      <c r="F5349" s="239">
        <v>8.1799999999999998E-2</v>
      </c>
      <c r="G5349">
        <f t="shared" si="1248"/>
        <v>19.279959999999999</v>
      </c>
      <c r="H5349" s="235">
        <f t="shared" si="1249"/>
        <v>0.44554034344469595</v>
      </c>
      <c r="I5349" s="236">
        <f t="shared" si="1250"/>
        <v>19.622820112412821</v>
      </c>
      <c r="J5349" s="237">
        <f t="shared" si="1255"/>
        <v>9.6228201124128212</v>
      </c>
      <c r="K5349" s="237">
        <f t="shared" si="1251"/>
        <v>1037.7332188248397</v>
      </c>
      <c r="L5349" s="237">
        <f t="shared" si="1256"/>
        <v>508.96057856562652</v>
      </c>
      <c r="M5349" s="236">
        <f t="shared" si="1252"/>
        <v>35.842121275062496</v>
      </c>
      <c r="N5349" s="236">
        <f t="shared" si="1253"/>
        <v>0.47088549567119431</v>
      </c>
      <c r="O5349" s="236">
        <f t="shared" si="1257"/>
        <v>2.1134912430516031</v>
      </c>
      <c r="P5349" s="236" t="str">
        <f t="shared" si="1258"/>
        <v>SAND</v>
      </c>
      <c r="Q5349" s="236" t="e">
        <f t="shared" si="1254"/>
        <v>#N/A</v>
      </c>
      <c r="R5349" s="238">
        <v>35</v>
      </c>
      <c r="S5349" s="236" t="e">
        <f t="shared" si="1259"/>
        <v>#N/A</v>
      </c>
      <c r="T5349" s="236">
        <f t="shared" si="1245"/>
        <v>34.698330754716608</v>
      </c>
    </row>
    <row r="5350" spans="1:20" x14ac:dyDescent="0.2">
      <c r="A5350" s="53">
        <f t="shared" si="1246"/>
        <v>5338</v>
      </c>
      <c r="B5350" s="239">
        <v>52.901000000000003</v>
      </c>
      <c r="C5350" s="3">
        <f t="shared" si="1247"/>
        <v>52.894000000000005</v>
      </c>
      <c r="D5350" s="239">
        <v>19.1797</v>
      </c>
      <c r="E5350" s="239">
        <v>8.0500000000000002E-2</v>
      </c>
      <c r="F5350" s="239">
        <v>0.12790000000000001</v>
      </c>
      <c r="G5350">
        <f t="shared" si="1248"/>
        <v>19.205280000000002</v>
      </c>
      <c r="H5350" s="235">
        <f t="shared" si="1249"/>
        <v>0.41915556555280631</v>
      </c>
      <c r="I5350" s="236">
        <f t="shared" si="1250"/>
        <v>19.545170510316321</v>
      </c>
      <c r="J5350" s="237">
        <f t="shared" si="1255"/>
        <v>9.5451705103163214</v>
      </c>
      <c r="K5350" s="237">
        <f t="shared" si="1251"/>
        <v>1033.8222489726716</v>
      </c>
      <c r="L5350" s="237">
        <f t="shared" si="1256"/>
        <v>504.94906516624377</v>
      </c>
      <c r="M5350" s="236">
        <f t="shared" si="1252"/>
        <v>35.986714313541235</v>
      </c>
      <c r="N5350" s="236">
        <f t="shared" si="1253"/>
        <v>0.44300243328276129</v>
      </c>
      <c r="O5350" s="236">
        <f t="shared" si="1257"/>
        <v>2.1008358440429205</v>
      </c>
      <c r="P5350" s="236" t="str">
        <f t="shared" si="1258"/>
        <v>SAND</v>
      </c>
      <c r="Q5350" s="236" t="e">
        <f t="shared" si="1254"/>
        <v>#N/A</v>
      </c>
      <c r="R5350" s="238">
        <v>35</v>
      </c>
      <c r="S5350" s="236" t="e">
        <f t="shared" si="1259"/>
        <v>#N/A</v>
      </c>
      <c r="T5350" s="236">
        <f t="shared" si="1245"/>
        <v>34.717564157943713</v>
      </c>
    </row>
    <row r="5351" spans="1:20" x14ac:dyDescent="0.2">
      <c r="A5351" s="53">
        <f t="shared" si="1246"/>
        <v>5339</v>
      </c>
      <c r="B5351" s="239">
        <v>52.911999999999999</v>
      </c>
      <c r="C5351" s="3">
        <f t="shared" si="1247"/>
        <v>52.905000000000001</v>
      </c>
      <c r="D5351" s="239">
        <v>19.3157</v>
      </c>
      <c r="E5351" s="239">
        <v>7.46E-2</v>
      </c>
      <c r="F5351" s="239">
        <v>0.20710000000000001</v>
      </c>
      <c r="G5351">
        <f t="shared" si="1248"/>
        <v>19.357119999999998</v>
      </c>
      <c r="H5351" s="235">
        <f t="shared" si="1249"/>
        <v>0.38538790894513236</v>
      </c>
      <c r="I5351" s="236">
        <f t="shared" si="1250"/>
        <v>19.458994556696926</v>
      </c>
      <c r="J5351" s="237">
        <f t="shared" si="1255"/>
        <v>9.4589945566969256</v>
      </c>
      <c r="K5351" s="237">
        <f t="shared" si="1251"/>
        <v>1029.4781070220508</v>
      </c>
      <c r="L5351" s="237">
        <f t="shared" si="1256"/>
        <v>500.49431998394772</v>
      </c>
      <c r="M5351" s="236">
        <f t="shared" si="1252"/>
        <v>36.619080699189084</v>
      </c>
      <c r="N5351" s="236">
        <f t="shared" si="1253"/>
        <v>0.40703545189074342</v>
      </c>
      <c r="O5351" s="236">
        <f t="shared" si="1257"/>
        <v>2.0789999958800296</v>
      </c>
      <c r="P5351" s="236" t="str">
        <f t="shared" si="1258"/>
        <v>SAND</v>
      </c>
      <c r="Q5351" s="236" t="e">
        <f t="shared" si="1254"/>
        <v>#N/A</v>
      </c>
      <c r="R5351" s="238">
        <v>35</v>
      </c>
      <c r="S5351" s="236" t="e">
        <f t="shared" si="1259"/>
        <v>#N/A</v>
      </c>
      <c r="T5351" s="236">
        <f t="shared" si="1245"/>
        <v>34.800781811302173</v>
      </c>
    </row>
    <row r="5352" spans="1:20" x14ac:dyDescent="0.2">
      <c r="A5352" s="53">
        <f t="shared" si="1246"/>
        <v>5340</v>
      </c>
      <c r="B5352" s="239">
        <v>52.923000000000002</v>
      </c>
      <c r="C5352" s="3">
        <f t="shared" si="1247"/>
        <v>52.916000000000004</v>
      </c>
      <c r="D5352" s="239">
        <v>19.4282</v>
      </c>
      <c r="E5352" s="239">
        <v>6.7199999999999996E-2</v>
      </c>
      <c r="F5352" s="239">
        <v>0.27079999999999999</v>
      </c>
      <c r="G5352">
        <f t="shared" si="1248"/>
        <v>19.48236</v>
      </c>
      <c r="H5352" s="235">
        <f t="shared" si="1249"/>
        <v>0.34492741125818432</v>
      </c>
      <c r="I5352" s="236">
        <f t="shared" si="1250"/>
        <v>19.339017499306664</v>
      </c>
      <c r="J5352" s="237">
        <f t="shared" si="1255"/>
        <v>9.3390174993066637</v>
      </c>
      <c r="K5352" s="237">
        <f t="shared" si="1251"/>
        <v>1023.3434499933115</v>
      </c>
      <c r="L5352" s="237">
        <f t="shared" si="1256"/>
        <v>494.2488231158066</v>
      </c>
      <c r="M5352" s="236">
        <f t="shared" si="1252"/>
        <v>37.347618621808209</v>
      </c>
      <c r="N5352" s="236">
        <f t="shared" si="1253"/>
        <v>0.36404973048239475</v>
      </c>
      <c r="O5352" s="236">
        <f t="shared" si="1257"/>
        <v>2.0522227226690699</v>
      </c>
      <c r="P5352" s="236" t="str">
        <f t="shared" si="1258"/>
        <v>SAND</v>
      </c>
      <c r="Q5352" s="236" t="e">
        <f t="shared" si="1254"/>
        <v>#N/A</v>
      </c>
      <c r="R5352" s="238">
        <v>35</v>
      </c>
      <c r="S5352" s="236" t="e">
        <f t="shared" si="1259"/>
        <v>#N/A</v>
      </c>
      <c r="T5352" s="236">
        <f t="shared" si="1245"/>
        <v>34.894892068571224</v>
      </c>
    </row>
    <row r="5353" spans="1:20" x14ac:dyDescent="0.2">
      <c r="A5353" s="53">
        <f t="shared" si="1246"/>
        <v>5341</v>
      </c>
      <c r="B5353" s="239">
        <v>52.933</v>
      </c>
      <c r="C5353" s="3">
        <f t="shared" si="1247"/>
        <v>52.926000000000002</v>
      </c>
      <c r="D5353" s="239">
        <v>19.641400000000001</v>
      </c>
      <c r="E5353" s="239">
        <v>5.9400000000000001E-2</v>
      </c>
      <c r="F5353" s="239">
        <v>0.2702</v>
      </c>
      <c r="G5353">
        <f t="shared" si="1248"/>
        <v>19.695440000000001</v>
      </c>
      <c r="H5353" s="235">
        <f t="shared" si="1249"/>
        <v>0.30159265291864512</v>
      </c>
      <c r="I5353" s="236">
        <f t="shared" si="1250"/>
        <v>19.198595574561558</v>
      </c>
      <c r="J5353" s="237">
        <f t="shared" si="1255"/>
        <v>9.1985955745615584</v>
      </c>
      <c r="K5353" s="237">
        <f t="shared" si="1251"/>
        <v>1016.1048693792451</v>
      </c>
      <c r="L5353" s="237">
        <f t="shared" si="1256"/>
        <v>486.90925954826696</v>
      </c>
      <c r="M5353" s="236">
        <f t="shared" si="1252"/>
        <v>38.363072306225241</v>
      </c>
      <c r="N5353" s="236">
        <f t="shared" si="1253"/>
        <v>0.31799847042000151</v>
      </c>
      <c r="O5353" s="236">
        <f t="shared" si="1257"/>
        <v>2.0197080636153144</v>
      </c>
      <c r="P5353" s="236" t="str">
        <f t="shared" si="1258"/>
        <v>SAND</v>
      </c>
      <c r="Q5353" s="236" t="e">
        <f t="shared" si="1254"/>
        <v>#N/A</v>
      </c>
      <c r="R5353" s="238">
        <v>35</v>
      </c>
      <c r="S5353" s="236" t="e">
        <f t="shared" si="1259"/>
        <v>#N/A</v>
      </c>
      <c r="T5353" s="236">
        <f t="shared" si="1245"/>
        <v>35.023047183962433</v>
      </c>
    </row>
    <row r="5354" spans="1:20" x14ac:dyDescent="0.2">
      <c r="A5354" s="53">
        <f t="shared" si="1246"/>
        <v>5342</v>
      </c>
      <c r="B5354" s="239">
        <v>52.994999999999997</v>
      </c>
      <c r="C5354" s="3">
        <f t="shared" si="1247"/>
        <v>52.988</v>
      </c>
      <c r="D5354" s="239">
        <v>19.9223</v>
      </c>
      <c r="E5354" s="239">
        <v>5.7700000000000001E-2</v>
      </c>
      <c r="F5354" s="239">
        <v>0.31929999999999997</v>
      </c>
      <c r="G5354">
        <f t="shared" si="1248"/>
        <v>19.986159999999998</v>
      </c>
      <c r="H5354" s="235">
        <f t="shared" si="1249"/>
        <v>0.28869978024793164</v>
      </c>
      <c r="I5354" s="236">
        <f t="shared" si="1250"/>
        <v>19.170274173768423</v>
      </c>
      <c r="J5354" s="237">
        <f t="shared" si="1255"/>
        <v>9.1702741737684228</v>
      </c>
      <c r="K5354" s="237">
        <f t="shared" si="1251"/>
        <v>1015.7944879196411</v>
      </c>
      <c r="L5354" s="237">
        <f t="shared" si="1256"/>
        <v>485.97867983885754</v>
      </c>
      <c r="M5354" s="236">
        <f t="shared" si="1252"/>
        <v>39.035386322648179</v>
      </c>
      <c r="N5354" s="236">
        <f t="shared" si="1253"/>
        <v>0.30415860971817626</v>
      </c>
      <c r="O5354" s="236">
        <f t="shared" si="1257"/>
        <v>2.0058085667415093</v>
      </c>
      <c r="P5354" s="236" t="str">
        <f t="shared" si="1258"/>
        <v>SAND</v>
      </c>
      <c r="Q5354" s="236" t="e">
        <f t="shared" si="1254"/>
        <v>#N/A</v>
      </c>
      <c r="R5354" s="238">
        <v>35</v>
      </c>
      <c r="S5354" s="236" t="e">
        <f t="shared" si="1259"/>
        <v>#N/A</v>
      </c>
      <c r="T5354" s="236">
        <f t="shared" si="1245"/>
        <v>35.10604329998548</v>
      </c>
    </row>
    <row r="5355" spans="1:20" x14ac:dyDescent="0.2">
      <c r="A5355" s="53">
        <f t="shared" si="1246"/>
        <v>5343</v>
      </c>
      <c r="B5355" s="239">
        <v>53.006</v>
      </c>
      <c r="C5355" s="3">
        <f t="shared" si="1247"/>
        <v>52.999000000000002</v>
      </c>
      <c r="D5355" s="239">
        <v>19.8507</v>
      </c>
      <c r="E5355" s="239">
        <v>6.1499999999999999E-2</v>
      </c>
      <c r="F5355" s="239">
        <v>0.31280000000000002</v>
      </c>
      <c r="G5355">
        <f t="shared" si="1248"/>
        <v>19.913260000000001</v>
      </c>
      <c r="H5355" s="235">
        <f t="shared" si="1249"/>
        <v>0.30883943663669333</v>
      </c>
      <c r="I5355" s="236">
        <f t="shared" si="1250"/>
        <v>19.243633994757833</v>
      </c>
      <c r="J5355" s="237">
        <f t="shared" si="1255"/>
        <v>9.2436339947578325</v>
      </c>
      <c r="K5355" s="237">
        <f t="shared" si="1251"/>
        <v>1019.8933580881704</v>
      </c>
      <c r="L5355" s="237">
        <f t="shared" si="1256"/>
        <v>489.96806352613368</v>
      </c>
      <c r="M5355" s="236">
        <f t="shared" si="1252"/>
        <v>38.560404337259641</v>
      </c>
      <c r="N5355" s="236">
        <f t="shared" si="1253"/>
        <v>0.32551107044930971</v>
      </c>
      <c r="O5355" s="236">
        <f t="shared" si="1257"/>
        <v>2.0212805711189592</v>
      </c>
      <c r="P5355" s="236" t="str">
        <f t="shared" si="1258"/>
        <v>SAND</v>
      </c>
      <c r="Q5355" s="236" t="e">
        <f t="shared" si="1254"/>
        <v>#N/A</v>
      </c>
      <c r="R5355" s="238">
        <v>35</v>
      </c>
      <c r="S5355" s="236" t="e">
        <f t="shared" si="1259"/>
        <v>#N/A</v>
      </c>
      <c r="T5355" s="236">
        <f t="shared" si="1245"/>
        <v>35.047557371048072</v>
      </c>
    </row>
    <row r="5356" spans="1:20" x14ac:dyDescent="0.2">
      <c r="A5356" s="53">
        <f t="shared" si="1246"/>
        <v>5344</v>
      </c>
      <c r="B5356" s="239">
        <v>53.017000000000003</v>
      </c>
      <c r="C5356" s="3">
        <f t="shared" si="1247"/>
        <v>53.010000000000005</v>
      </c>
      <c r="D5356" s="239">
        <v>19.734100000000002</v>
      </c>
      <c r="E5356" s="239">
        <v>6.3299999999999995E-2</v>
      </c>
      <c r="F5356" s="239">
        <v>0.3553</v>
      </c>
      <c r="G5356">
        <f t="shared" si="1248"/>
        <v>19.805160000000001</v>
      </c>
      <c r="H5356" s="235">
        <f t="shared" si="1249"/>
        <v>0.31961367643583793</v>
      </c>
      <c r="I5356" s="236">
        <f t="shared" si="1250"/>
        <v>19.275333591190794</v>
      </c>
      <c r="J5356" s="237">
        <f t="shared" si="1255"/>
        <v>9.2753335911907939</v>
      </c>
      <c r="K5356" s="237">
        <f t="shared" si="1251"/>
        <v>1021.7854336690241</v>
      </c>
      <c r="L5356" s="237">
        <f t="shared" si="1256"/>
        <v>491.75036100416236</v>
      </c>
      <c r="M5356" s="236">
        <f t="shared" si="1252"/>
        <v>38.196971585287734</v>
      </c>
      <c r="N5356" s="236">
        <f t="shared" si="1253"/>
        <v>0.33700014753187463</v>
      </c>
      <c r="O5356" s="236">
        <f t="shared" si="1257"/>
        <v>2.0306121018210872</v>
      </c>
      <c r="P5356" s="236" t="str">
        <f t="shared" si="1258"/>
        <v>SAND</v>
      </c>
      <c r="Q5356" s="236" t="e">
        <f t="shared" si="1254"/>
        <v>#N/A</v>
      </c>
      <c r="R5356" s="238">
        <v>35</v>
      </c>
      <c r="S5356" s="236" t="e">
        <f t="shared" si="1259"/>
        <v>#N/A</v>
      </c>
      <c r="T5356" s="236">
        <f t="shared" si="1245"/>
        <v>35.002318247649526</v>
      </c>
    </row>
    <row r="5357" spans="1:20" x14ac:dyDescent="0.2">
      <c r="A5357" s="53">
        <f t="shared" si="1246"/>
        <v>5345</v>
      </c>
      <c r="B5357" s="239">
        <v>53.027000000000001</v>
      </c>
      <c r="C5357" s="3">
        <f t="shared" si="1247"/>
        <v>53.02</v>
      </c>
      <c r="D5357" s="239">
        <v>19.7776</v>
      </c>
      <c r="E5357" s="239">
        <v>6.6799999999999998E-2</v>
      </c>
      <c r="F5357" s="239">
        <v>0.32240000000000002</v>
      </c>
      <c r="G5357">
        <f t="shared" si="1248"/>
        <v>19.842079999999999</v>
      </c>
      <c r="H5357" s="235">
        <f t="shared" si="1249"/>
        <v>0.33665825357019025</v>
      </c>
      <c r="I5357" s="236">
        <f t="shared" si="1250"/>
        <v>19.339167979740715</v>
      </c>
      <c r="J5357" s="237">
        <f t="shared" si="1255"/>
        <v>9.339167979740715</v>
      </c>
      <c r="K5357" s="237">
        <f t="shared" si="1251"/>
        <v>1025.3626862858528</v>
      </c>
      <c r="L5357" s="237">
        <f t="shared" si="1256"/>
        <v>495.22806046171092</v>
      </c>
      <c r="M5357" s="236">
        <f t="shared" si="1252"/>
        <v>37.996064472136226</v>
      </c>
      <c r="N5357" s="236">
        <f t="shared" si="1253"/>
        <v>0.35500347316858671</v>
      </c>
      <c r="O5357" s="236">
        <f t="shared" si="1257"/>
        <v>2.0411629923436889</v>
      </c>
      <c r="P5357" s="236" t="str">
        <f t="shared" si="1258"/>
        <v>SAND</v>
      </c>
      <c r="Q5357" s="236" t="e">
        <f t="shared" si="1254"/>
        <v>#N/A</v>
      </c>
      <c r="R5357" s="238">
        <v>35</v>
      </c>
      <c r="S5357" s="236" t="e">
        <f t="shared" si="1259"/>
        <v>#N/A</v>
      </c>
      <c r="T5357" s="236">
        <f t="shared" si="1245"/>
        <v>34.977124775100101</v>
      </c>
    </row>
    <row r="5358" spans="1:20" x14ac:dyDescent="0.2">
      <c r="A5358" s="53">
        <f t="shared" si="1246"/>
        <v>5346</v>
      </c>
      <c r="B5358" s="239">
        <v>53.036999999999999</v>
      </c>
      <c r="C5358" s="3">
        <f t="shared" si="1247"/>
        <v>53.03</v>
      </c>
      <c r="D5358" s="239">
        <v>19.878399999999999</v>
      </c>
      <c r="E5358" s="239">
        <v>6.8699999999999997E-2</v>
      </c>
      <c r="F5358" s="239">
        <v>0.3019</v>
      </c>
      <c r="G5358">
        <f t="shared" si="1248"/>
        <v>19.938779999999998</v>
      </c>
      <c r="H5358" s="235">
        <f t="shared" si="1249"/>
        <v>0.3445546818812385</v>
      </c>
      <c r="I5358" s="236">
        <f t="shared" si="1250"/>
        <v>19.373954967779138</v>
      </c>
      <c r="J5358" s="237">
        <f t="shared" si="1255"/>
        <v>9.3739549677791381</v>
      </c>
      <c r="K5358" s="237">
        <f t="shared" si="1251"/>
        <v>1027.4008319413276</v>
      </c>
      <c r="L5358" s="237">
        <f t="shared" si="1256"/>
        <v>497.16644962610212</v>
      </c>
      <c r="M5358" s="236">
        <f t="shared" si="1252"/>
        <v>38.0383253581997</v>
      </c>
      <c r="N5358" s="236">
        <f t="shared" si="1253"/>
        <v>0.36327334664218636</v>
      </c>
      <c r="O5358" s="236">
        <f t="shared" si="1257"/>
        <v>2.0445115720350171</v>
      </c>
      <c r="P5358" s="236" t="str">
        <f t="shared" si="1258"/>
        <v>SAND</v>
      </c>
      <c r="Q5358" s="236" t="e">
        <f t="shared" si="1254"/>
        <v>#N/A</v>
      </c>
      <c r="R5358" s="238">
        <v>35</v>
      </c>
      <c r="S5358" s="236" t="e">
        <f t="shared" si="1259"/>
        <v>#N/A</v>
      </c>
      <c r="T5358" s="236">
        <f t="shared" si="1245"/>
        <v>34.98243527701996</v>
      </c>
    </row>
    <row r="5359" spans="1:20" x14ac:dyDescent="0.2">
      <c r="A5359" s="53">
        <f t="shared" si="1246"/>
        <v>5347</v>
      </c>
      <c r="B5359" s="239">
        <v>53.046999999999997</v>
      </c>
      <c r="C5359" s="3">
        <f t="shared" si="1247"/>
        <v>53.04</v>
      </c>
      <c r="D5359" s="239">
        <v>20.004000000000001</v>
      </c>
      <c r="E5359" s="239">
        <v>7.4499999999999997E-2</v>
      </c>
      <c r="F5359" s="239">
        <v>0.19320000000000001</v>
      </c>
      <c r="G5359">
        <f t="shared" si="1248"/>
        <v>20.042640000000002</v>
      </c>
      <c r="H5359" s="235">
        <f t="shared" si="1249"/>
        <v>0.37170751956828035</v>
      </c>
      <c r="I5359" s="236">
        <f t="shared" si="1250"/>
        <v>19.471024424089272</v>
      </c>
      <c r="J5359" s="237">
        <f t="shared" si="1255"/>
        <v>9.471024424089272</v>
      </c>
      <c r="K5359" s="237">
        <f t="shared" si="1251"/>
        <v>1032.743135453695</v>
      </c>
      <c r="L5359" s="237">
        <f t="shared" si="1256"/>
        <v>502.40943262466357</v>
      </c>
      <c r="M5359" s="236">
        <f t="shared" si="1252"/>
        <v>37.837460107457979</v>
      </c>
      <c r="N5359" s="236">
        <f t="shared" si="1253"/>
        <v>0.39190112671754379</v>
      </c>
      <c r="O5359" s="236">
        <f t="shared" si="1257"/>
        <v>2.0594211051623836</v>
      </c>
      <c r="P5359" s="236" t="str">
        <f t="shared" si="1258"/>
        <v>SAND</v>
      </c>
      <c r="Q5359" s="236" t="e">
        <f t="shared" si="1254"/>
        <v>#N/A</v>
      </c>
      <c r="R5359" s="238">
        <v>35</v>
      </c>
      <c r="S5359" s="236" t="e">
        <f t="shared" si="1259"/>
        <v>#N/A</v>
      </c>
      <c r="T5359" s="236">
        <f t="shared" si="1245"/>
        <v>34.957141736906067</v>
      </c>
    </row>
    <row r="5360" spans="1:20" x14ac:dyDescent="0.2">
      <c r="A5360" s="53">
        <f t="shared" si="1246"/>
        <v>5348</v>
      </c>
      <c r="B5360" s="239">
        <v>53.057000000000002</v>
      </c>
      <c r="C5360" s="3">
        <f t="shared" si="1247"/>
        <v>53.050000000000004</v>
      </c>
      <c r="D5360" s="239">
        <v>20.052199999999999</v>
      </c>
      <c r="E5360" s="239">
        <v>7.6200000000000004E-2</v>
      </c>
      <c r="F5360" s="239">
        <v>0.25380000000000003</v>
      </c>
      <c r="G5360">
        <f t="shared" si="1248"/>
        <v>20.102959999999999</v>
      </c>
      <c r="H5360" s="235">
        <f t="shared" si="1249"/>
        <v>0.3790486575111327</v>
      </c>
      <c r="I5360" s="236">
        <f t="shared" si="1250"/>
        <v>19.498655484663871</v>
      </c>
      <c r="J5360" s="237">
        <f t="shared" si="1255"/>
        <v>9.4986554846638711</v>
      </c>
      <c r="K5360" s="237">
        <f t="shared" si="1251"/>
        <v>1034.4036734614185</v>
      </c>
      <c r="L5360" s="237">
        <f t="shared" si="1256"/>
        <v>503.97016404981105</v>
      </c>
      <c r="M5360" s="236">
        <f t="shared" si="1252"/>
        <v>37.836677023312625</v>
      </c>
      <c r="N5360" s="236">
        <f t="shared" si="1253"/>
        <v>0.39961074501455041</v>
      </c>
      <c r="O5360" s="236">
        <f t="shared" si="1257"/>
        <v>2.0627847391140111</v>
      </c>
      <c r="P5360" s="236" t="str">
        <f t="shared" si="1258"/>
        <v>SAND</v>
      </c>
      <c r="Q5360" s="236" t="e">
        <f t="shared" si="1254"/>
        <v>#N/A</v>
      </c>
      <c r="R5360" s="238">
        <v>35</v>
      </c>
      <c r="S5360" s="236" t="e">
        <f t="shared" si="1259"/>
        <v>#N/A</v>
      </c>
      <c r="T5360" s="236">
        <f t="shared" si="1245"/>
        <v>34.957042866129413</v>
      </c>
    </row>
    <row r="5361" spans="1:20" x14ac:dyDescent="0.2">
      <c r="A5361" s="53">
        <f t="shared" si="1246"/>
        <v>5349</v>
      </c>
      <c r="B5361" s="239">
        <v>53.067</v>
      </c>
      <c r="C5361" s="3">
        <f t="shared" si="1247"/>
        <v>53.06</v>
      </c>
      <c r="D5361" s="239">
        <v>19.988600000000002</v>
      </c>
      <c r="E5361" s="239">
        <v>7.5700000000000003E-2</v>
      </c>
      <c r="F5361" s="239">
        <v>0.28000000000000003</v>
      </c>
      <c r="G5361">
        <f t="shared" si="1248"/>
        <v>20.044600000000003</v>
      </c>
      <c r="H5361" s="235">
        <f t="shared" si="1249"/>
        <v>0.37765782305458823</v>
      </c>
      <c r="I5361" s="236">
        <f t="shared" si="1250"/>
        <v>19.489799583731511</v>
      </c>
      <c r="J5361" s="237">
        <f t="shared" si="1255"/>
        <v>9.4897995837315108</v>
      </c>
      <c r="K5361" s="237">
        <f t="shared" si="1251"/>
        <v>1034.1287659127941</v>
      </c>
      <c r="L5361" s="237">
        <f t="shared" si="1256"/>
        <v>503.59519450988006</v>
      </c>
      <c r="M5361" s="236">
        <f t="shared" si="1252"/>
        <v>37.749508814493339</v>
      </c>
      <c r="N5361" s="236">
        <f t="shared" si="1253"/>
        <v>0.39820159672982858</v>
      </c>
      <c r="O5361" s="236">
        <f t="shared" si="1257"/>
        <v>2.0630932438292553</v>
      </c>
      <c r="P5361" s="236" t="str">
        <f t="shared" si="1258"/>
        <v>SAND</v>
      </c>
      <c r="Q5361" s="236" t="e">
        <f t="shared" si="1254"/>
        <v>#N/A</v>
      </c>
      <c r="R5361" s="238">
        <v>35</v>
      </c>
      <c r="S5361" s="236" t="e">
        <f t="shared" si="1259"/>
        <v>#N/A</v>
      </c>
      <c r="T5361" s="236">
        <f t="shared" si="1245"/>
        <v>34.946024355988868</v>
      </c>
    </row>
    <row r="5362" spans="1:20" x14ac:dyDescent="0.2">
      <c r="A5362" s="53">
        <f t="shared" si="1246"/>
        <v>5350</v>
      </c>
      <c r="B5362" s="239">
        <v>53.078000000000003</v>
      </c>
      <c r="C5362" s="3">
        <f t="shared" si="1247"/>
        <v>53.071000000000005</v>
      </c>
      <c r="D5362" s="239">
        <v>20.006499999999999</v>
      </c>
      <c r="E5362" s="239">
        <v>7.6799999999999993E-2</v>
      </c>
      <c r="F5362" s="239">
        <v>0.22720000000000001</v>
      </c>
      <c r="G5362">
        <f t="shared" si="1248"/>
        <v>20.051939999999998</v>
      </c>
      <c r="H5362" s="235">
        <f t="shared" si="1249"/>
        <v>0.38300533514462937</v>
      </c>
      <c r="I5362" s="236">
        <f t="shared" si="1250"/>
        <v>19.506859105258474</v>
      </c>
      <c r="J5362" s="237">
        <f t="shared" si="1255"/>
        <v>9.5068591052584743</v>
      </c>
      <c r="K5362" s="237">
        <f t="shared" si="1251"/>
        <v>1035.2485195751726</v>
      </c>
      <c r="L5362" s="237">
        <f t="shared" si="1256"/>
        <v>504.60506758890932</v>
      </c>
      <c r="M5362" s="236">
        <f t="shared" si="1252"/>
        <v>37.686287161739934</v>
      </c>
      <c r="N5362" s="236">
        <f t="shared" si="1253"/>
        <v>0.40385573946475106</v>
      </c>
      <c r="O5362" s="236">
        <f t="shared" si="1257"/>
        <v>2.0662021498145546</v>
      </c>
      <c r="P5362" s="236" t="str">
        <f t="shared" si="1258"/>
        <v>SAND</v>
      </c>
      <c r="Q5362" s="236" t="e">
        <f t="shared" si="1254"/>
        <v>#N/A</v>
      </c>
      <c r="R5362" s="238">
        <v>35</v>
      </c>
      <c r="S5362" s="236" t="e">
        <f t="shared" si="1259"/>
        <v>#N/A</v>
      </c>
      <c r="T5362" s="236">
        <f t="shared" si="1245"/>
        <v>34.938016883382318</v>
      </c>
    </row>
    <row r="5363" spans="1:20" x14ac:dyDescent="0.2">
      <c r="A5363" s="53">
        <f t="shared" si="1246"/>
        <v>5351</v>
      </c>
      <c r="B5363" s="239">
        <v>53.087000000000003</v>
      </c>
      <c r="C5363" s="3">
        <f t="shared" si="1247"/>
        <v>53.080000000000005</v>
      </c>
      <c r="D5363" s="239">
        <v>20.089099999999998</v>
      </c>
      <c r="E5363" s="239">
        <v>7.7600000000000002E-2</v>
      </c>
      <c r="F5363" s="239">
        <v>0.192</v>
      </c>
      <c r="G5363">
        <f t="shared" si="1248"/>
        <v>20.127499999999998</v>
      </c>
      <c r="H5363" s="235">
        <f t="shared" si="1249"/>
        <v>0.38554216867469887</v>
      </c>
      <c r="I5363" s="236">
        <f t="shared" si="1250"/>
        <v>19.520480553562514</v>
      </c>
      <c r="J5363" s="237">
        <f t="shared" si="1255"/>
        <v>9.5204805535625141</v>
      </c>
      <c r="K5363" s="237">
        <f t="shared" si="1251"/>
        <v>1036.1471077830984</v>
      </c>
      <c r="L5363" s="237">
        <f t="shared" si="1256"/>
        <v>505.4137511469732</v>
      </c>
      <c r="M5363" s="236">
        <f t="shared" si="1252"/>
        <v>37.773710843623597</v>
      </c>
      <c r="N5363" s="236">
        <f t="shared" si="1253"/>
        <v>0.40646674145149625</v>
      </c>
      <c r="O5363" s="236">
        <f t="shared" si="1257"/>
        <v>2.0664010966838333</v>
      </c>
      <c r="P5363" s="236" t="str">
        <f t="shared" si="1258"/>
        <v>SAND</v>
      </c>
      <c r="Q5363" s="236" t="e">
        <f t="shared" si="1254"/>
        <v>#N/A</v>
      </c>
      <c r="R5363" s="238">
        <v>35</v>
      </c>
      <c r="S5363" s="236" t="e">
        <f t="shared" si="1259"/>
        <v>#N/A</v>
      </c>
      <c r="T5363" s="236">
        <f t="shared" si="1245"/>
        <v>34.949086166362015</v>
      </c>
    </row>
    <row r="5364" spans="1:20" x14ac:dyDescent="0.2">
      <c r="A5364" s="53">
        <f t="shared" si="1246"/>
        <v>5352</v>
      </c>
      <c r="B5364" s="239">
        <v>53.097999999999999</v>
      </c>
      <c r="C5364" s="3">
        <f t="shared" si="1247"/>
        <v>53.091000000000001</v>
      </c>
      <c r="D5364" s="239">
        <v>20.1389</v>
      </c>
      <c r="E5364" s="239">
        <v>8.1799999999999998E-2</v>
      </c>
      <c r="F5364" s="239">
        <v>0.13650000000000001</v>
      </c>
      <c r="G5364">
        <f t="shared" si="1248"/>
        <v>20.1662</v>
      </c>
      <c r="H5364" s="235">
        <f t="shared" si="1249"/>
        <v>0.40562922117206013</v>
      </c>
      <c r="I5364" s="236">
        <f t="shared" si="1250"/>
        <v>19.583038637319234</v>
      </c>
      <c r="J5364" s="237">
        <f t="shared" si="1255"/>
        <v>9.583038637319234</v>
      </c>
      <c r="K5364" s="237">
        <f t="shared" si="1251"/>
        <v>1039.6831042939154</v>
      </c>
      <c r="L5364" s="237">
        <f t="shared" si="1256"/>
        <v>508.84018556437667</v>
      </c>
      <c r="M5364" s="236">
        <f t="shared" si="1252"/>
        <v>37.588455940232073</v>
      </c>
      <c r="N5364" s="236">
        <f t="shared" si="1253"/>
        <v>0.42767849706270439</v>
      </c>
      <c r="O5364" s="236">
        <f t="shared" si="1257"/>
        <v>2.0773106063096161</v>
      </c>
      <c r="P5364" s="236" t="str">
        <f t="shared" si="1258"/>
        <v>SAND</v>
      </c>
      <c r="Q5364" s="236" t="e">
        <f t="shared" si="1254"/>
        <v>#N/A</v>
      </c>
      <c r="R5364" s="238">
        <v>35</v>
      </c>
      <c r="S5364" s="236" t="e">
        <f t="shared" si="1259"/>
        <v>#N/A</v>
      </c>
      <c r="T5364" s="236">
        <f t="shared" si="1245"/>
        <v>34.92559934729708</v>
      </c>
    </row>
    <row r="5365" spans="1:20" x14ac:dyDescent="0.2">
      <c r="A5365" s="53">
        <f t="shared" si="1246"/>
        <v>5353</v>
      </c>
      <c r="B5365" s="239">
        <v>53.107999999999997</v>
      </c>
      <c r="C5365" s="3">
        <f t="shared" si="1247"/>
        <v>53.100999999999999</v>
      </c>
      <c r="D5365" s="239">
        <v>20.492899999999999</v>
      </c>
      <c r="E5365" s="239">
        <v>8.7099999999999997E-2</v>
      </c>
      <c r="F5365" s="239">
        <v>8.5099999999999995E-2</v>
      </c>
      <c r="G5365">
        <f t="shared" si="1248"/>
        <v>20.509919999999997</v>
      </c>
      <c r="H5365" s="235">
        <f t="shared" si="1249"/>
        <v>0.424672548698386</v>
      </c>
      <c r="I5365" s="236">
        <f t="shared" si="1250"/>
        <v>19.66325964264847</v>
      </c>
      <c r="J5365" s="237">
        <f t="shared" si="1255"/>
        <v>9.6632596426484696</v>
      </c>
      <c r="K5365" s="237">
        <f t="shared" si="1251"/>
        <v>1044.1387502842763</v>
      </c>
      <c r="L5365" s="237">
        <f t="shared" si="1256"/>
        <v>513.1963931017749</v>
      </c>
      <c r="M5365" s="236">
        <f t="shared" si="1252"/>
        <v>37.930471670044163</v>
      </c>
      <c r="N5365" s="236">
        <f t="shared" si="1253"/>
        <v>0.44745185863666276</v>
      </c>
      <c r="O5365" s="236">
        <f t="shared" si="1257"/>
        <v>2.0818560497143377</v>
      </c>
      <c r="P5365" s="236" t="str">
        <f t="shared" si="1258"/>
        <v>SAND</v>
      </c>
      <c r="Q5365" s="236" t="e">
        <f t="shared" si="1254"/>
        <v>#N/A</v>
      </c>
      <c r="R5365" s="238">
        <v>35</v>
      </c>
      <c r="S5365" s="236" t="e">
        <f t="shared" si="1259"/>
        <v>#N/A</v>
      </c>
      <c r="T5365" s="236">
        <f t="shared" si="1245"/>
        <v>34.968870675653768</v>
      </c>
    </row>
    <row r="5366" spans="1:20" x14ac:dyDescent="0.2">
      <c r="A5366" s="53">
        <f t="shared" si="1246"/>
        <v>5354</v>
      </c>
      <c r="B5366" s="239">
        <v>53.118000000000002</v>
      </c>
      <c r="C5366" s="3">
        <f t="shared" si="1247"/>
        <v>53.111000000000004</v>
      </c>
      <c r="D5366" s="239">
        <v>20.8186</v>
      </c>
      <c r="E5366" s="239">
        <v>9.0899999999999995E-2</v>
      </c>
      <c r="F5366" s="239">
        <v>-2.2700000000000001E-2</v>
      </c>
      <c r="G5366">
        <f t="shared" si="1248"/>
        <v>20.814060000000001</v>
      </c>
      <c r="H5366" s="235">
        <f t="shared" si="1249"/>
        <v>0.43672402212735045</v>
      </c>
      <c r="I5366" s="236">
        <f t="shared" si="1250"/>
        <v>19.719086661020214</v>
      </c>
      <c r="J5366" s="237">
        <f t="shared" si="1255"/>
        <v>9.7190866610202136</v>
      </c>
      <c r="K5366" s="237">
        <f t="shared" si="1251"/>
        <v>1047.3004116534446</v>
      </c>
      <c r="L5366" s="237">
        <f t="shared" si="1256"/>
        <v>516.25844526007177</v>
      </c>
      <c r="M5366" s="236">
        <f t="shared" si="1252"/>
        <v>38.288496333244098</v>
      </c>
      <c r="N5366" s="236">
        <f t="shared" si="1253"/>
        <v>0.45986293096613495</v>
      </c>
      <c r="O5366" s="236">
        <f t="shared" si="1257"/>
        <v>2.0831572423853726</v>
      </c>
      <c r="P5366" s="236" t="str">
        <f t="shared" si="1258"/>
        <v>SAND</v>
      </c>
      <c r="Q5366" s="236" t="e">
        <f t="shared" si="1254"/>
        <v>#N/A</v>
      </c>
      <c r="R5366" s="238">
        <v>35</v>
      </c>
      <c r="S5366" s="236" t="e">
        <f t="shared" si="1259"/>
        <v>#N/A</v>
      </c>
      <c r="T5366" s="236">
        <f t="shared" si="1245"/>
        <v>35.013751421650817</v>
      </c>
    </row>
    <row r="5367" spans="1:20" x14ac:dyDescent="0.2">
      <c r="A5367" s="53">
        <f t="shared" si="1246"/>
        <v>5355</v>
      </c>
      <c r="B5367" s="239">
        <v>53.128999999999998</v>
      </c>
      <c r="C5367" s="3">
        <f t="shared" si="1247"/>
        <v>53.122</v>
      </c>
      <c r="D5367" s="239">
        <v>21.182200000000002</v>
      </c>
      <c r="E5367" s="239">
        <v>8.8200000000000001E-2</v>
      </c>
      <c r="F5367" s="239">
        <v>-4.7500000000000001E-2</v>
      </c>
      <c r="G5367">
        <f t="shared" si="1248"/>
        <v>21.172700000000003</v>
      </c>
      <c r="H5367" s="235">
        <f t="shared" si="1249"/>
        <v>0.41657417334586511</v>
      </c>
      <c r="I5367" s="236">
        <f t="shared" si="1250"/>
        <v>19.6904068538011</v>
      </c>
      <c r="J5367" s="237">
        <f t="shared" si="1255"/>
        <v>9.6904068538011003</v>
      </c>
      <c r="K5367" s="237">
        <f t="shared" si="1251"/>
        <v>1045.993792887622</v>
      </c>
      <c r="L5367" s="237">
        <f t="shared" si="1256"/>
        <v>514.84162573559865</v>
      </c>
      <c r="M5367" s="236">
        <f t="shared" si="1252"/>
        <v>39.093004918465205</v>
      </c>
      <c r="N5367" s="236">
        <f t="shared" si="1253"/>
        <v>0.43822371674920096</v>
      </c>
      <c r="O5367" s="236">
        <f t="shared" si="1257"/>
        <v>2.0661635338309465</v>
      </c>
      <c r="P5367" s="236" t="str">
        <f t="shared" si="1258"/>
        <v>SAND</v>
      </c>
      <c r="Q5367" s="236" t="e">
        <f t="shared" si="1254"/>
        <v>#N/A</v>
      </c>
      <c r="R5367" s="238">
        <v>35</v>
      </c>
      <c r="S5367" s="236" t="e">
        <f t="shared" si="1259"/>
        <v>#N/A</v>
      </c>
      <c r="T5367" s="236">
        <f t="shared" si="1245"/>
        <v>35.113089595600485</v>
      </c>
    </row>
    <row r="5368" spans="1:20" x14ac:dyDescent="0.2">
      <c r="A5368" s="53">
        <f t="shared" si="1246"/>
        <v>5356</v>
      </c>
      <c r="B5368" s="239">
        <v>53.139000000000003</v>
      </c>
      <c r="C5368" s="3">
        <f t="shared" si="1247"/>
        <v>53.132000000000005</v>
      </c>
      <c r="D5368" s="239">
        <v>21.375900000000001</v>
      </c>
      <c r="E5368" s="239">
        <v>8.8700000000000001E-2</v>
      </c>
      <c r="F5368" s="239">
        <v>-5.1700000000000003E-2</v>
      </c>
      <c r="G5368">
        <f t="shared" si="1248"/>
        <v>21.365560000000002</v>
      </c>
      <c r="H5368" s="235">
        <f t="shared" si="1249"/>
        <v>0.41515410782586554</v>
      </c>
      <c r="I5368" s="236">
        <f t="shared" si="1250"/>
        <v>19.700579680231492</v>
      </c>
      <c r="J5368" s="237">
        <f t="shared" si="1255"/>
        <v>9.7005796802314919</v>
      </c>
      <c r="K5368" s="237">
        <f t="shared" si="1251"/>
        <v>1046.7311995700597</v>
      </c>
      <c r="L5368" s="237">
        <f t="shared" si="1256"/>
        <v>515.47910362782125</v>
      </c>
      <c r="M5368" s="236">
        <f t="shared" si="1252"/>
        <v>39.417366596299992</v>
      </c>
      <c r="N5368" s="236">
        <f t="shared" si="1253"/>
        <v>0.4365409092778178</v>
      </c>
      <c r="O5368" s="236">
        <f t="shared" si="1257"/>
        <v>2.0622050967156245</v>
      </c>
      <c r="P5368" s="236" t="str">
        <f t="shared" si="1258"/>
        <v>SAND</v>
      </c>
      <c r="Q5368" s="236" t="e">
        <f t="shared" si="1254"/>
        <v>#N/A</v>
      </c>
      <c r="R5368" s="238">
        <v>35</v>
      </c>
      <c r="S5368" s="236" t="e">
        <f t="shared" si="1259"/>
        <v>#N/A</v>
      </c>
      <c r="T5368" s="236">
        <f t="shared" si="1245"/>
        <v>35.152563671232599</v>
      </c>
    </row>
    <row r="5369" spans="1:20" x14ac:dyDescent="0.2">
      <c r="A5369" s="53">
        <f t="shared" si="1246"/>
        <v>5357</v>
      </c>
      <c r="B5369" s="239">
        <v>53.149000000000001</v>
      </c>
      <c r="C5369" s="3">
        <f t="shared" si="1247"/>
        <v>53.142000000000003</v>
      </c>
      <c r="D5369" s="239">
        <v>21.47</v>
      </c>
      <c r="E5369" s="239">
        <v>8.5300000000000001E-2</v>
      </c>
      <c r="F5369" s="239">
        <v>-5.3499999999999999E-2</v>
      </c>
      <c r="G5369">
        <f t="shared" si="1248"/>
        <v>21.459299999999999</v>
      </c>
      <c r="H5369" s="235">
        <f t="shared" si="1249"/>
        <v>0.39749665646130117</v>
      </c>
      <c r="I5369" s="236">
        <f t="shared" si="1250"/>
        <v>19.65645943463538</v>
      </c>
      <c r="J5369" s="237">
        <f t="shared" si="1255"/>
        <v>9.65645943463538</v>
      </c>
      <c r="K5369" s="237">
        <f t="shared" si="1251"/>
        <v>1044.5835672753935</v>
      </c>
      <c r="L5369" s="237">
        <f t="shared" si="1256"/>
        <v>513.23116249143584</v>
      </c>
      <c r="M5369" s="236">
        <f t="shared" si="1252"/>
        <v>39.776845064557556</v>
      </c>
      <c r="N5369" s="236">
        <f t="shared" si="1253"/>
        <v>0.41783583074053809</v>
      </c>
      <c r="O5369" s="236">
        <f t="shared" si="1257"/>
        <v>2.0507494340641967</v>
      </c>
      <c r="P5369" s="236" t="str">
        <f t="shared" si="1258"/>
        <v>SAND</v>
      </c>
      <c r="Q5369" s="236" t="e">
        <f t="shared" si="1254"/>
        <v>#N/A</v>
      </c>
      <c r="R5369" s="238">
        <v>35</v>
      </c>
      <c r="S5369" s="236" t="e">
        <f t="shared" si="1259"/>
        <v>#N/A</v>
      </c>
      <c r="T5369" s="236">
        <f t="shared" si="1245"/>
        <v>35.195933670762798</v>
      </c>
    </row>
    <row r="5370" spans="1:20" x14ac:dyDescent="0.2">
      <c r="A5370" s="53">
        <f t="shared" si="1246"/>
        <v>5358</v>
      </c>
      <c r="B5370" s="239">
        <v>53.16</v>
      </c>
      <c r="C5370" s="3">
        <f t="shared" si="1247"/>
        <v>53.152999999999999</v>
      </c>
      <c r="D5370" s="239">
        <v>21.4236</v>
      </c>
      <c r="E5370" s="239">
        <v>8.3400000000000002E-2</v>
      </c>
      <c r="F5370" s="239">
        <v>-7.1800000000000003E-2</v>
      </c>
      <c r="G5370">
        <f t="shared" si="1248"/>
        <v>21.40924</v>
      </c>
      <c r="H5370" s="235">
        <f t="shared" si="1249"/>
        <v>0.38955142732763987</v>
      </c>
      <c r="I5370" s="236">
        <f t="shared" si="1250"/>
        <v>19.629132516718503</v>
      </c>
      <c r="J5370" s="237">
        <f t="shared" si="1255"/>
        <v>9.6291325167185029</v>
      </c>
      <c r="K5370" s="237">
        <f t="shared" si="1251"/>
        <v>1043.3472806611385</v>
      </c>
      <c r="L5370" s="237">
        <f t="shared" si="1256"/>
        <v>511.88468458875559</v>
      </c>
      <c r="M5370" s="236">
        <f t="shared" si="1252"/>
        <v>39.786095057133174</v>
      </c>
      <c r="N5370" s="236">
        <f t="shared" si="1253"/>
        <v>0.40950819661740528</v>
      </c>
      <c r="O5370" s="236">
        <f t="shared" si="1257"/>
        <v>2.0470871950710592</v>
      </c>
      <c r="P5370" s="236" t="str">
        <f t="shared" si="1258"/>
        <v>SAND</v>
      </c>
      <c r="Q5370" s="236" t="e">
        <f t="shared" si="1254"/>
        <v>#N/A</v>
      </c>
      <c r="R5370" s="238">
        <v>35</v>
      </c>
      <c r="S5370" s="236" t="e">
        <f t="shared" si="1259"/>
        <v>#N/A</v>
      </c>
      <c r="T5370" s="236">
        <f t="shared" si="1245"/>
        <v>35.197044475069347</v>
      </c>
    </row>
    <row r="5371" spans="1:20" x14ac:dyDescent="0.2">
      <c r="A5371" s="53">
        <f t="shared" si="1246"/>
        <v>5359</v>
      </c>
      <c r="B5371" s="239">
        <v>53.17</v>
      </c>
      <c r="C5371" s="3">
        <f t="shared" si="1247"/>
        <v>53.163000000000004</v>
      </c>
      <c r="D5371" s="239">
        <v>21.287800000000001</v>
      </c>
      <c r="E5371" s="239">
        <v>7.9699999999999993E-2</v>
      </c>
      <c r="F5371" s="239">
        <v>2.06E-2</v>
      </c>
      <c r="G5371">
        <f t="shared" si="1248"/>
        <v>21.291920000000001</v>
      </c>
      <c r="H5371" s="235">
        <f t="shared" si="1249"/>
        <v>0.37432039947548174</v>
      </c>
      <c r="I5371" s="236">
        <f t="shared" si="1250"/>
        <v>19.57377386531061</v>
      </c>
      <c r="J5371" s="237">
        <f t="shared" si="1255"/>
        <v>9.5737738653106099</v>
      </c>
      <c r="K5371" s="237">
        <f t="shared" si="1251"/>
        <v>1040.6005400015081</v>
      </c>
      <c r="L5371" s="237">
        <f t="shared" si="1256"/>
        <v>509.03755641856515</v>
      </c>
      <c r="M5371" s="236">
        <f t="shared" si="1252"/>
        <v>39.783546822125807</v>
      </c>
      <c r="N5371" s="236">
        <f t="shared" si="1253"/>
        <v>0.39355460347869065</v>
      </c>
      <c r="O5371" s="236">
        <f t="shared" si="1257"/>
        <v>2.0401573826087191</v>
      </c>
      <c r="P5371" s="236" t="str">
        <f t="shared" si="1258"/>
        <v>SAND</v>
      </c>
      <c r="Q5371" s="236" t="e">
        <f t="shared" si="1254"/>
        <v>#N/A</v>
      </c>
      <c r="R5371" s="238">
        <v>35</v>
      </c>
      <c r="S5371" s="236" t="e">
        <f t="shared" si="1259"/>
        <v>#N/A</v>
      </c>
      <c r="T5371" s="236">
        <f t="shared" si="1245"/>
        <v>35.196738490823549</v>
      </c>
    </row>
    <row r="5372" spans="1:20" x14ac:dyDescent="0.2">
      <c r="A5372" s="53">
        <f t="shared" si="1246"/>
        <v>5360</v>
      </c>
      <c r="B5372" s="239">
        <v>53.18</v>
      </c>
      <c r="C5372" s="3">
        <f t="shared" si="1247"/>
        <v>53.173000000000002</v>
      </c>
      <c r="D5372" s="239">
        <v>21.0733</v>
      </c>
      <c r="E5372" s="239">
        <v>7.7100000000000002E-2</v>
      </c>
      <c r="F5372" s="239">
        <v>5.6599999999999998E-2</v>
      </c>
      <c r="G5372">
        <f t="shared" si="1248"/>
        <v>21.084620000000001</v>
      </c>
      <c r="H5372" s="235">
        <f t="shared" si="1249"/>
        <v>0.3656693836550054</v>
      </c>
      <c r="I5372" s="236">
        <f t="shared" si="1250"/>
        <v>19.531059075589113</v>
      </c>
      <c r="J5372" s="237">
        <f t="shared" si="1255"/>
        <v>9.5310590755891127</v>
      </c>
      <c r="K5372" s="237">
        <f t="shared" si="1251"/>
        <v>1038.5250042262999</v>
      </c>
      <c r="L5372" s="237">
        <f t="shared" si="1256"/>
        <v>506.861721639829</v>
      </c>
      <c r="M5372" s="236">
        <f t="shared" si="1252"/>
        <v>39.549435555952797</v>
      </c>
      <c r="N5372" s="236">
        <f t="shared" si="1253"/>
        <v>0.38461356197431434</v>
      </c>
      <c r="O5372" s="236">
        <f t="shared" si="1257"/>
        <v>2.0385455823683425</v>
      </c>
      <c r="P5372" s="236" t="str">
        <f t="shared" si="1258"/>
        <v>SAND</v>
      </c>
      <c r="Q5372" s="236" t="e">
        <f t="shared" si="1254"/>
        <v>#N/A</v>
      </c>
      <c r="R5372" s="238">
        <v>35</v>
      </c>
      <c r="S5372" s="236" t="e">
        <f t="shared" si="1259"/>
        <v>#N/A</v>
      </c>
      <c r="T5372" s="236">
        <f t="shared" si="1245"/>
        <v>35.16854318656187</v>
      </c>
    </row>
    <row r="5373" spans="1:20" x14ac:dyDescent="0.2">
      <c r="A5373" s="53">
        <f t="shared" si="1246"/>
        <v>5361</v>
      </c>
      <c r="B5373" s="239">
        <v>53.191000000000003</v>
      </c>
      <c r="C5373" s="3">
        <f t="shared" si="1247"/>
        <v>53.184000000000005</v>
      </c>
      <c r="D5373" s="239">
        <v>20.866700000000002</v>
      </c>
      <c r="E5373" s="239">
        <v>7.2599999999999998E-2</v>
      </c>
      <c r="F5373" s="239">
        <v>9.2600000000000002E-2</v>
      </c>
      <c r="G5373">
        <f t="shared" si="1248"/>
        <v>20.88522</v>
      </c>
      <c r="H5373" s="235">
        <f t="shared" si="1249"/>
        <v>0.34761424586382139</v>
      </c>
      <c r="I5373" s="236">
        <f t="shared" si="1250"/>
        <v>19.456827079215874</v>
      </c>
      <c r="J5373" s="237">
        <f t="shared" si="1255"/>
        <v>9.4568270792158735</v>
      </c>
      <c r="K5373" s="237">
        <f t="shared" si="1251"/>
        <v>1034.7918913810172</v>
      </c>
      <c r="L5373" s="237">
        <f t="shared" si="1256"/>
        <v>503.01808917057156</v>
      </c>
      <c r="M5373" s="236">
        <f t="shared" si="1252"/>
        <v>39.462652608279818</v>
      </c>
      <c r="N5373" s="236">
        <f t="shared" si="1253"/>
        <v>0.36573518516951953</v>
      </c>
      <c r="O5373" s="236">
        <f t="shared" si="1257"/>
        <v>2.030893405851919</v>
      </c>
      <c r="P5373" s="236" t="str">
        <f t="shared" si="1258"/>
        <v>SAND</v>
      </c>
      <c r="Q5373" s="236" t="e">
        <f t="shared" si="1254"/>
        <v>#N/A</v>
      </c>
      <c r="R5373" s="238">
        <v>35</v>
      </c>
      <c r="S5373" s="236" t="e">
        <f t="shared" si="1259"/>
        <v>#N/A</v>
      </c>
      <c r="T5373" s="236">
        <f t="shared" si="1245"/>
        <v>35.158049018273928</v>
      </c>
    </row>
    <row r="5374" spans="1:20" x14ac:dyDescent="0.2">
      <c r="A5374" s="53">
        <f t="shared" si="1246"/>
        <v>5362</v>
      </c>
      <c r="B5374" s="239">
        <v>53.201000000000001</v>
      </c>
      <c r="C5374" s="3">
        <f t="shared" si="1247"/>
        <v>53.194000000000003</v>
      </c>
      <c r="D5374" s="239">
        <v>20.7759</v>
      </c>
      <c r="E5374" s="239">
        <v>6.8900000000000003E-2</v>
      </c>
      <c r="F5374" s="239">
        <v>0.15509999999999999</v>
      </c>
      <c r="G5374">
        <f t="shared" si="1248"/>
        <v>20.806920000000002</v>
      </c>
      <c r="H5374" s="235">
        <f t="shared" si="1249"/>
        <v>0.33113983232501493</v>
      </c>
      <c r="I5374" s="236">
        <f t="shared" si="1250"/>
        <v>19.394021971163134</v>
      </c>
      <c r="J5374" s="237">
        <f t="shared" si="1255"/>
        <v>9.3940219711631343</v>
      </c>
      <c r="K5374" s="237">
        <f t="shared" si="1251"/>
        <v>1031.6456047340519</v>
      </c>
      <c r="L5374" s="237">
        <f t="shared" si="1256"/>
        <v>499.77136288784993</v>
      </c>
      <c r="M5374" s="236">
        <f t="shared" si="1252"/>
        <v>39.568642510842658</v>
      </c>
      <c r="N5374" s="236">
        <f t="shared" si="1253"/>
        <v>0.34841488731248216</v>
      </c>
      <c r="O5374" s="236">
        <f t="shared" si="1257"/>
        <v>2.0217826532271364</v>
      </c>
      <c r="P5374" s="236" t="str">
        <f t="shared" si="1258"/>
        <v>SAND</v>
      </c>
      <c r="Q5374" s="236" t="e">
        <f t="shared" si="1254"/>
        <v>#N/A</v>
      </c>
      <c r="R5374" s="238">
        <v>35</v>
      </c>
      <c r="S5374" s="236" t="e">
        <f t="shared" si="1259"/>
        <v>#N/A</v>
      </c>
      <c r="T5374" s="236">
        <f t="shared" si="1245"/>
        <v>35.170862662054589</v>
      </c>
    </row>
    <row r="5375" spans="1:20" x14ac:dyDescent="0.2">
      <c r="A5375" s="53">
        <f t="shared" si="1246"/>
        <v>5363</v>
      </c>
      <c r="B5375" s="239">
        <v>53.212000000000003</v>
      </c>
      <c r="C5375" s="3">
        <f t="shared" si="1247"/>
        <v>53.205000000000005</v>
      </c>
      <c r="D5375" s="239">
        <v>20.771799999999999</v>
      </c>
      <c r="E5375" s="239">
        <v>7.0099999999999996E-2</v>
      </c>
      <c r="F5375" s="239">
        <v>0.1885</v>
      </c>
      <c r="G5375">
        <f t="shared" si="1248"/>
        <v>20.8095</v>
      </c>
      <c r="H5375" s="235">
        <f t="shared" si="1249"/>
        <v>0.33686537398784205</v>
      </c>
      <c r="I5375" s="236">
        <f t="shared" si="1250"/>
        <v>19.414317183691065</v>
      </c>
      <c r="J5375" s="237">
        <f t="shared" si="1255"/>
        <v>9.4143171836910646</v>
      </c>
      <c r="K5375" s="237">
        <f t="shared" si="1251"/>
        <v>1032.9387457582832</v>
      </c>
      <c r="L5375" s="237">
        <f t="shared" si="1256"/>
        <v>500.95464597856898</v>
      </c>
      <c r="M5375" s="236">
        <f t="shared" si="1252"/>
        <v>39.477747961814025</v>
      </c>
      <c r="N5375" s="236">
        <f t="shared" si="1253"/>
        <v>0.35446000494633412</v>
      </c>
      <c r="O5375" s="236">
        <f t="shared" si="1257"/>
        <v>2.0255342941790642</v>
      </c>
      <c r="P5375" s="236" t="str">
        <f t="shared" si="1258"/>
        <v>SAND</v>
      </c>
      <c r="Q5375" s="236" t="e">
        <f t="shared" si="1254"/>
        <v>#N/A</v>
      </c>
      <c r="R5375" s="238">
        <v>35</v>
      </c>
      <c r="S5375" s="236" t="e">
        <f t="shared" si="1259"/>
        <v>#N/A</v>
      </c>
      <c r="T5375" s="236">
        <f t="shared" si="1245"/>
        <v>35.159876070493667</v>
      </c>
    </row>
    <row r="5376" spans="1:20" x14ac:dyDescent="0.2">
      <c r="A5376" s="53">
        <f t="shared" si="1246"/>
        <v>5364</v>
      </c>
      <c r="B5376" s="239">
        <v>53.222000000000001</v>
      </c>
      <c r="C5376" s="3">
        <f t="shared" si="1247"/>
        <v>53.215000000000003</v>
      </c>
      <c r="D5376" s="239">
        <v>20.6831</v>
      </c>
      <c r="E5376" s="239">
        <v>7.3499999999999996E-2</v>
      </c>
      <c r="F5376" s="239">
        <v>0.21579999999999999</v>
      </c>
      <c r="G5376">
        <f t="shared" si="1248"/>
        <v>20.72626</v>
      </c>
      <c r="H5376" s="235">
        <f t="shared" si="1249"/>
        <v>0.35462258989320788</v>
      </c>
      <c r="I5376" s="236">
        <f t="shared" si="1250"/>
        <v>19.468287717572853</v>
      </c>
      <c r="J5376" s="237">
        <f t="shared" si="1255"/>
        <v>9.4682877175728528</v>
      </c>
      <c r="K5376" s="237">
        <f t="shared" si="1251"/>
        <v>1036.0049308906393</v>
      </c>
      <c r="L5376" s="237">
        <f t="shared" si="1256"/>
        <v>503.92120890466236</v>
      </c>
      <c r="M5376" s="236">
        <f t="shared" si="1252"/>
        <v>39.074074917205145</v>
      </c>
      <c r="N5376" s="236">
        <f t="shared" si="1253"/>
        <v>0.37328109636989376</v>
      </c>
      <c r="O5376" s="236">
        <f t="shared" si="1257"/>
        <v>2.0382892477685335</v>
      </c>
      <c r="P5376" s="236" t="str">
        <f t="shared" si="1258"/>
        <v>SAND</v>
      </c>
      <c r="Q5376" s="236" t="e">
        <f t="shared" si="1254"/>
        <v>#N/A</v>
      </c>
      <c r="R5376" s="238">
        <v>35</v>
      </c>
      <c r="S5376" s="236" t="e">
        <f t="shared" si="1259"/>
        <v>#N/A</v>
      </c>
      <c r="T5376" s="236">
        <f t="shared" si="1245"/>
        <v>35.110775753304097</v>
      </c>
    </row>
    <row r="5377" spans="1:20" x14ac:dyDescent="0.2">
      <c r="A5377" s="53">
        <f t="shared" si="1246"/>
        <v>5365</v>
      </c>
      <c r="B5377" s="239">
        <v>53.231999999999999</v>
      </c>
      <c r="C5377" s="3">
        <f t="shared" si="1247"/>
        <v>53.225000000000001</v>
      </c>
      <c r="D5377" s="239">
        <v>20.621700000000001</v>
      </c>
      <c r="E5377" s="239">
        <v>7.3700000000000002E-2</v>
      </c>
      <c r="F5377" s="239">
        <v>0.1973</v>
      </c>
      <c r="G5377">
        <f t="shared" si="1248"/>
        <v>20.661159999999999</v>
      </c>
      <c r="H5377" s="235">
        <f t="shared" si="1249"/>
        <v>0.35670794863405542</v>
      </c>
      <c r="I5377" s="236">
        <f t="shared" si="1250"/>
        <v>19.470244502406512</v>
      </c>
      <c r="J5377" s="237">
        <f t="shared" si="1255"/>
        <v>9.4702445024065121</v>
      </c>
      <c r="K5377" s="237">
        <f t="shared" si="1251"/>
        <v>1036.3037636405866</v>
      </c>
      <c r="L5377" s="237">
        <f t="shared" si="1256"/>
        <v>504.12005535210346</v>
      </c>
      <c r="M5377" s="236">
        <f t="shared" si="1252"/>
        <v>38.92893374903008</v>
      </c>
      <c r="N5377" s="236">
        <f t="shared" si="1253"/>
        <v>0.37554415233602756</v>
      </c>
      <c r="O5377" s="236">
        <f t="shared" si="1257"/>
        <v>2.0407992435995692</v>
      </c>
      <c r="P5377" s="236" t="str">
        <f t="shared" si="1258"/>
        <v>SAND</v>
      </c>
      <c r="Q5377" s="236" t="e">
        <f t="shared" si="1254"/>
        <v>#N/A</v>
      </c>
      <c r="R5377" s="238">
        <v>35</v>
      </c>
      <c r="S5377" s="236" t="e">
        <f t="shared" si="1259"/>
        <v>#N/A</v>
      </c>
      <c r="T5377" s="236">
        <f t="shared" si="1245"/>
        <v>35.092997595644313</v>
      </c>
    </row>
    <row r="5378" spans="1:20" x14ac:dyDescent="0.2">
      <c r="A5378" s="53">
        <f t="shared" si="1246"/>
        <v>5366</v>
      </c>
      <c r="B5378" s="239">
        <v>53.241999999999997</v>
      </c>
      <c r="C5378" s="3">
        <f t="shared" si="1247"/>
        <v>53.234999999999999</v>
      </c>
      <c r="D5378" s="239">
        <v>20.754799999999999</v>
      </c>
      <c r="E5378" s="239">
        <v>7.6100000000000001E-2</v>
      </c>
      <c r="F5378" s="239">
        <v>0.20469999999999999</v>
      </c>
      <c r="G5378">
        <f t="shared" si="1248"/>
        <v>20.795739999999999</v>
      </c>
      <c r="H5378" s="235">
        <f t="shared" si="1249"/>
        <v>0.36594033201030596</v>
      </c>
      <c r="I5378" s="236">
        <f t="shared" si="1250"/>
        <v>19.510358568765191</v>
      </c>
      <c r="J5378" s="237">
        <f t="shared" si="1255"/>
        <v>9.5103585687651915</v>
      </c>
      <c r="K5378" s="237">
        <f t="shared" si="1251"/>
        <v>1038.633938408215</v>
      </c>
      <c r="L5378" s="237">
        <f t="shared" si="1256"/>
        <v>506.35051091819628</v>
      </c>
      <c r="M5378" s="236">
        <f t="shared" si="1252"/>
        <v>39.018635580647512</v>
      </c>
      <c r="N5378" s="236">
        <f t="shared" si="1253"/>
        <v>0.38517786847305513</v>
      </c>
      <c r="O5378" s="236">
        <f t="shared" si="1257"/>
        <v>2.0441890258813968</v>
      </c>
      <c r="P5378" s="236" t="str">
        <f t="shared" si="1258"/>
        <v>SAND</v>
      </c>
      <c r="Q5378" s="236" t="e">
        <f t="shared" si="1254"/>
        <v>#N/A</v>
      </c>
      <c r="R5378" s="238">
        <v>35</v>
      </c>
      <c r="S5378" s="236" t="e">
        <f t="shared" si="1259"/>
        <v>#N/A</v>
      </c>
      <c r="T5378" s="236">
        <f t="shared" si="1245"/>
        <v>35.103992866137673</v>
      </c>
    </row>
    <row r="5379" spans="1:20" x14ac:dyDescent="0.2">
      <c r="A5379" s="53">
        <f t="shared" si="1246"/>
        <v>5367</v>
      </c>
      <c r="B5379" s="239">
        <v>53.252000000000002</v>
      </c>
      <c r="C5379" s="3">
        <f t="shared" si="1247"/>
        <v>53.245000000000005</v>
      </c>
      <c r="D5379" s="239">
        <v>20.914899999999999</v>
      </c>
      <c r="E5379" s="239">
        <v>7.9299999999999995E-2</v>
      </c>
      <c r="F5379" s="239">
        <v>0.2152</v>
      </c>
      <c r="G5379">
        <f t="shared" si="1248"/>
        <v>20.957940000000001</v>
      </c>
      <c r="H5379" s="235">
        <f t="shared" si="1249"/>
        <v>0.37837688246077616</v>
      </c>
      <c r="I5379" s="236">
        <f t="shared" si="1250"/>
        <v>19.561694393562345</v>
      </c>
      <c r="J5379" s="237">
        <f t="shared" si="1255"/>
        <v>9.5616943935623446</v>
      </c>
      <c r="K5379" s="237">
        <f t="shared" si="1251"/>
        <v>1041.5624179852271</v>
      </c>
      <c r="L5379" s="237">
        <f t="shared" si="1256"/>
        <v>509.17934984598202</v>
      </c>
      <c r="M5379" s="236">
        <f t="shared" si="1252"/>
        <v>39.114660851896559</v>
      </c>
      <c r="N5379" s="236">
        <f t="shared" si="1253"/>
        <v>0.39816477506236286</v>
      </c>
      <c r="O5379" s="236">
        <f t="shared" si="1257"/>
        <v>2.0489294154107167</v>
      </c>
      <c r="P5379" s="236" t="str">
        <f t="shared" si="1258"/>
        <v>SAND</v>
      </c>
      <c r="Q5379" s="236" t="e">
        <f t="shared" si="1254"/>
        <v>#N/A</v>
      </c>
      <c r="R5379" s="238">
        <v>35</v>
      </c>
      <c r="S5379" s="236" t="e">
        <f t="shared" si="1259"/>
        <v>#N/A</v>
      </c>
      <c r="T5379" s="236">
        <f t="shared" si="1245"/>
        <v>35.115735258986845</v>
      </c>
    </row>
    <row r="5380" spans="1:20" x14ac:dyDescent="0.2">
      <c r="A5380" s="53">
        <f t="shared" si="1246"/>
        <v>5368</v>
      </c>
      <c r="B5380" s="239">
        <v>53.262</v>
      </c>
      <c r="C5380" s="3">
        <f t="shared" si="1247"/>
        <v>53.255000000000003</v>
      </c>
      <c r="D5380" s="239">
        <v>21.244800000000001</v>
      </c>
      <c r="E5380" s="239">
        <v>8.2600000000000007E-2</v>
      </c>
      <c r="F5380" s="239">
        <v>0.1489</v>
      </c>
      <c r="G5380">
        <f t="shared" si="1248"/>
        <v>21.27458</v>
      </c>
      <c r="H5380" s="235">
        <f t="shared" si="1249"/>
        <v>0.3882567834476639</v>
      </c>
      <c r="I5380" s="236">
        <f t="shared" si="1250"/>
        <v>19.61536407769783</v>
      </c>
      <c r="J5380" s="237">
        <f t="shared" si="1255"/>
        <v>9.61536407769783</v>
      </c>
      <c r="K5380" s="237">
        <f t="shared" si="1251"/>
        <v>1044.616213957798</v>
      </c>
      <c r="L5380" s="237">
        <f t="shared" si="1256"/>
        <v>512.13352150634182</v>
      </c>
      <c r="M5380" s="236">
        <f t="shared" si="1252"/>
        <v>39.501346692830559</v>
      </c>
      <c r="N5380" s="236">
        <f t="shared" si="1253"/>
        <v>0.40830522918182588</v>
      </c>
      <c r="O5380" s="236">
        <f t="shared" si="1257"/>
        <v>2.0494191712724099</v>
      </c>
      <c r="P5380" s="236" t="str">
        <f t="shared" si="1258"/>
        <v>SAND</v>
      </c>
      <c r="Q5380" s="236" t="e">
        <f t="shared" si="1254"/>
        <v>#N/A</v>
      </c>
      <c r="R5380" s="238">
        <v>35</v>
      </c>
      <c r="S5380" s="236" t="e">
        <f t="shared" si="1259"/>
        <v>#N/A</v>
      </c>
      <c r="T5380" s="236">
        <f t="shared" si="1245"/>
        <v>35.162730921872054</v>
      </c>
    </row>
    <row r="5381" spans="1:20" x14ac:dyDescent="0.2">
      <c r="A5381" s="53">
        <f t="shared" si="1246"/>
        <v>5369</v>
      </c>
      <c r="B5381" s="239">
        <v>53.273000000000003</v>
      </c>
      <c r="C5381" s="3">
        <f t="shared" si="1247"/>
        <v>53.266000000000005</v>
      </c>
      <c r="D5381" s="239">
        <v>21.4663</v>
      </c>
      <c r="E5381" s="239">
        <v>8.9499999999999996E-2</v>
      </c>
      <c r="F5381" s="239">
        <v>7.2300000000000003E-2</v>
      </c>
      <c r="G5381">
        <f t="shared" si="1248"/>
        <v>21.48076</v>
      </c>
      <c r="H5381" s="235">
        <f t="shared" si="1249"/>
        <v>0.41665192479223262</v>
      </c>
      <c r="I5381" s="236">
        <f t="shared" si="1250"/>
        <v>19.713209928304654</v>
      </c>
      <c r="J5381" s="237">
        <f t="shared" si="1255"/>
        <v>9.7132099283046536</v>
      </c>
      <c r="K5381" s="237">
        <f t="shared" si="1251"/>
        <v>1050.0438400410758</v>
      </c>
      <c r="L5381" s="237">
        <f t="shared" si="1256"/>
        <v>517.45183251057381</v>
      </c>
      <c r="M5381" s="236">
        <f t="shared" si="1252"/>
        <v>39.483319753324935</v>
      </c>
      <c r="N5381" s="236">
        <f t="shared" si="1253"/>
        <v>0.43806589695277687</v>
      </c>
      <c r="O5381" s="236">
        <f t="shared" si="1257"/>
        <v>2.062177486344599</v>
      </c>
      <c r="P5381" s="236" t="str">
        <f t="shared" si="1258"/>
        <v>SAND</v>
      </c>
      <c r="Q5381" s="236" t="e">
        <f t="shared" si="1254"/>
        <v>#N/A</v>
      </c>
      <c r="R5381" s="238">
        <v>35</v>
      </c>
      <c r="S5381" s="236" t="e">
        <f t="shared" si="1259"/>
        <v>#N/A</v>
      </c>
      <c r="T5381" s="236">
        <f t="shared" si="1245"/>
        <v>35.160550270632967</v>
      </c>
    </row>
    <row r="5382" spans="1:20" x14ac:dyDescent="0.2">
      <c r="A5382" s="53">
        <f t="shared" si="1246"/>
        <v>5370</v>
      </c>
      <c r="B5382" s="239">
        <v>53.283000000000001</v>
      </c>
      <c r="C5382" s="3">
        <f t="shared" si="1247"/>
        <v>53.276000000000003</v>
      </c>
      <c r="D5382" s="239">
        <v>21.465199999999999</v>
      </c>
      <c r="E5382" s="239">
        <v>9.5100000000000004E-2</v>
      </c>
      <c r="F5382" s="239">
        <v>-1.3100000000000001E-2</v>
      </c>
      <c r="G5382">
        <f t="shared" si="1248"/>
        <v>21.462579999999999</v>
      </c>
      <c r="H5382" s="235">
        <f t="shared" si="1249"/>
        <v>0.44309677587689833</v>
      </c>
      <c r="I5382" s="236">
        <f t="shared" si="1250"/>
        <v>19.784044184385529</v>
      </c>
      <c r="J5382" s="237">
        <f t="shared" si="1255"/>
        <v>9.7840441843855288</v>
      </c>
      <c r="K5382" s="237">
        <f t="shared" si="1251"/>
        <v>1054.0147379673235</v>
      </c>
      <c r="L5382" s="237">
        <f t="shared" si="1256"/>
        <v>521.32322627661415</v>
      </c>
      <c r="M5382" s="236">
        <f t="shared" si="1252"/>
        <v>39.147623265885116</v>
      </c>
      <c r="N5382" s="236">
        <f t="shared" si="1253"/>
        <v>0.46598082118452722</v>
      </c>
      <c r="O5382" s="236">
        <f t="shared" si="1257"/>
        <v>2.0768805437287168</v>
      </c>
      <c r="P5382" s="236" t="str">
        <f t="shared" si="1258"/>
        <v>SAND</v>
      </c>
      <c r="Q5382" s="236" t="e">
        <f t="shared" si="1254"/>
        <v>#N/A</v>
      </c>
      <c r="R5382" s="238">
        <v>35</v>
      </c>
      <c r="S5382" s="236" t="e">
        <f t="shared" si="1259"/>
        <v>#N/A</v>
      </c>
      <c r="T5382" s="236">
        <f t="shared" si="1245"/>
        <v>35.119759402944467</v>
      </c>
    </row>
    <row r="5383" spans="1:20" x14ac:dyDescent="0.2">
      <c r="A5383" s="53">
        <f t="shared" si="1246"/>
        <v>5371</v>
      </c>
      <c r="B5383" s="239">
        <v>53.293999999999997</v>
      </c>
      <c r="C5383" s="3">
        <f t="shared" si="1247"/>
        <v>53.286999999999999</v>
      </c>
      <c r="D5383" s="239">
        <v>21.4726</v>
      </c>
      <c r="E5383" s="239">
        <v>9.5699999999999993E-2</v>
      </c>
      <c r="F5383" s="239">
        <v>-2.92E-2</v>
      </c>
      <c r="G5383">
        <f t="shared" si="1248"/>
        <v>21.466760000000001</v>
      </c>
      <c r="H5383" s="235">
        <f t="shared" si="1249"/>
        <v>0.44580551513130062</v>
      </c>
      <c r="I5383" s="236">
        <f t="shared" si="1250"/>
        <v>19.791495137165594</v>
      </c>
      <c r="J5383" s="237">
        <f t="shared" si="1255"/>
        <v>9.7914951371655938</v>
      </c>
      <c r="K5383" s="237">
        <f t="shared" si="1251"/>
        <v>1054.6294013741431</v>
      </c>
      <c r="L5383" s="237">
        <f t="shared" si="1256"/>
        <v>521.82794184010311</v>
      </c>
      <c r="M5383" s="236">
        <f t="shared" si="1252"/>
        <v>39.116591815009556</v>
      </c>
      <c r="N5383" s="236">
        <f t="shared" si="1253"/>
        <v>0.46883885803886877</v>
      </c>
      <c r="O5383" s="236">
        <f t="shared" si="1257"/>
        <v>2.0783289533712379</v>
      </c>
      <c r="P5383" s="236" t="str">
        <f t="shared" si="1258"/>
        <v>SAND</v>
      </c>
      <c r="Q5383" s="236" t="e">
        <f t="shared" si="1254"/>
        <v>#N/A</v>
      </c>
      <c r="R5383" s="238">
        <v>35</v>
      </c>
      <c r="S5383" s="236" t="e">
        <f t="shared" si="1259"/>
        <v>#N/A</v>
      </c>
      <c r="T5383" s="236">
        <f t="shared" si="1245"/>
        <v>35.115971089874364</v>
      </c>
    </row>
    <row r="5384" spans="1:20" x14ac:dyDescent="0.2">
      <c r="A5384" s="53">
        <f t="shared" si="1246"/>
        <v>5372</v>
      </c>
      <c r="B5384" s="239">
        <v>53.305</v>
      </c>
      <c r="C5384" s="3">
        <f t="shared" si="1247"/>
        <v>53.298000000000002</v>
      </c>
      <c r="D5384" s="239">
        <v>21.306899999999999</v>
      </c>
      <c r="E5384" s="239">
        <v>9.3700000000000006E-2</v>
      </c>
      <c r="F5384" s="239">
        <v>-5.5500000000000001E-2</v>
      </c>
      <c r="G5384">
        <f t="shared" si="1248"/>
        <v>21.2958</v>
      </c>
      <c r="H5384" s="235">
        <f t="shared" si="1249"/>
        <v>0.43999286244235952</v>
      </c>
      <c r="I5384" s="236">
        <f t="shared" si="1250"/>
        <v>19.763604513296226</v>
      </c>
      <c r="J5384" s="237">
        <f t="shared" si="1255"/>
        <v>9.7636045132962259</v>
      </c>
      <c r="K5384" s="237">
        <f t="shared" si="1251"/>
        <v>1053.3605933496624</v>
      </c>
      <c r="L5384" s="237">
        <f t="shared" si="1256"/>
        <v>520.44893858125533</v>
      </c>
      <c r="M5384" s="236">
        <f t="shared" si="1252"/>
        <v>38.894189047308387</v>
      </c>
      <c r="N5384" s="236">
        <f t="shared" si="1253"/>
        <v>0.46288887479251312</v>
      </c>
      <c r="O5384" s="236">
        <f t="shared" si="1257"/>
        <v>2.0781969409691889</v>
      </c>
      <c r="P5384" s="236" t="str">
        <f t="shared" si="1258"/>
        <v>SAND</v>
      </c>
      <c r="Q5384" s="236" t="e">
        <f t="shared" si="1254"/>
        <v>#N/A</v>
      </c>
      <c r="R5384" s="238">
        <v>35</v>
      </c>
      <c r="S5384" s="236" t="e">
        <f t="shared" si="1259"/>
        <v>#N/A</v>
      </c>
      <c r="T5384" s="236">
        <f t="shared" si="1245"/>
        <v>35.088731928587322</v>
      </c>
    </row>
    <row r="5385" spans="1:20" x14ac:dyDescent="0.2">
      <c r="A5385" s="53">
        <f t="shared" si="1246"/>
        <v>5373</v>
      </c>
      <c r="B5385" s="239">
        <v>53.316000000000003</v>
      </c>
      <c r="C5385" s="3">
        <f t="shared" si="1247"/>
        <v>53.309000000000005</v>
      </c>
      <c r="D5385" s="239">
        <v>21.145800000000001</v>
      </c>
      <c r="E5385" s="239">
        <v>8.5800000000000001E-2</v>
      </c>
      <c r="F5385" s="239">
        <v>-3.8199999999999998E-2</v>
      </c>
      <c r="G5385">
        <f t="shared" si="1248"/>
        <v>21.138160000000003</v>
      </c>
      <c r="H5385" s="235">
        <f t="shared" si="1249"/>
        <v>0.40590098665162905</v>
      </c>
      <c r="I5385" s="236">
        <f t="shared" si="1250"/>
        <v>19.657419194348417</v>
      </c>
      <c r="J5385" s="237">
        <f t="shared" si="1255"/>
        <v>9.6574191943484173</v>
      </c>
      <c r="K5385" s="237">
        <f t="shared" si="1251"/>
        <v>1047.9173598315199</v>
      </c>
      <c r="L5385" s="237">
        <f t="shared" si="1256"/>
        <v>514.89496176588023</v>
      </c>
      <c r="M5385" s="236">
        <f t="shared" si="1252"/>
        <v>39.01813793490448</v>
      </c>
      <c r="N5385" s="236">
        <f t="shared" si="1253"/>
        <v>0.42707299029057649</v>
      </c>
      <c r="O5385" s="236">
        <f t="shared" si="1257"/>
        <v>2.0622786540575699</v>
      </c>
      <c r="P5385" s="236" t="str">
        <f t="shared" si="1258"/>
        <v>SAND</v>
      </c>
      <c r="Q5385" s="236" t="e">
        <f t="shared" si="1254"/>
        <v>#N/A</v>
      </c>
      <c r="R5385" s="238">
        <v>35</v>
      </c>
      <c r="S5385" s="236" t="e">
        <f t="shared" si="1259"/>
        <v>#N/A</v>
      </c>
      <c r="T5385" s="236">
        <f t="shared" si="1245"/>
        <v>35.103931936586271</v>
      </c>
    </row>
    <row r="5386" spans="1:20" x14ac:dyDescent="0.2">
      <c r="A5386" s="53">
        <f t="shared" si="1246"/>
        <v>5374</v>
      </c>
      <c r="B5386" s="239">
        <v>53.326000000000001</v>
      </c>
      <c r="C5386" s="3">
        <f t="shared" si="1247"/>
        <v>53.319000000000003</v>
      </c>
      <c r="D5386" s="239">
        <v>20.893999999999998</v>
      </c>
      <c r="E5386" s="239">
        <v>8.2500000000000004E-2</v>
      </c>
      <c r="F5386" s="239">
        <v>-6.2100000000000002E-2</v>
      </c>
      <c r="G5386">
        <f t="shared" si="1248"/>
        <v>20.88158</v>
      </c>
      <c r="H5386" s="235">
        <f t="shared" si="1249"/>
        <v>0.39508504624650054</v>
      </c>
      <c r="I5386" s="236">
        <f t="shared" si="1250"/>
        <v>19.606655736197279</v>
      </c>
      <c r="J5386" s="237">
        <f t="shared" si="1255"/>
        <v>9.6066557361972791</v>
      </c>
      <c r="K5386" s="237">
        <f t="shared" si="1251"/>
        <v>1045.4072771983028</v>
      </c>
      <c r="L5386" s="237">
        <f t="shared" si="1256"/>
        <v>512.28452378845611</v>
      </c>
      <c r="M5386" s="236">
        <f t="shared" si="1252"/>
        <v>38.721007178020642</v>
      </c>
      <c r="N5386" s="236">
        <f t="shared" si="1253"/>
        <v>0.41590684429343666</v>
      </c>
      <c r="O5386" s="236">
        <f t="shared" si="1257"/>
        <v>2.0605919612970576</v>
      </c>
      <c r="P5386" s="236" t="str">
        <f t="shared" si="1258"/>
        <v>SAND</v>
      </c>
      <c r="Q5386" s="236" t="e">
        <f t="shared" si="1254"/>
        <v>#N/A</v>
      </c>
      <c r="R5386" s="238">
        <v>35</v>
      </c>
      <c r="S5386" s="236" t="e">
        <f t="shared" si="1259"/>
        <v>#N/A</v>
      </c>
      <c r="T5386" s="236">
        <f t="shared" si="1245"/>
        <v>35.067413098115779</v>
      </c>
    </row>
    <row r="5387" spans="1:20" x14ac:dyDescent="0.2">
      <c r="A5387" s="53">
        <f t="shared" si="1246"/>
        <v>5375</v>
      </c>
      <c r="B5387" s="239">
        <v>53.335999999999999</v>
      </c>
      <c r="C5387" s="3">
        <f t="shared" si="1247"/>
        <v>53.329000000000001</v>
      </c>
      <c r="D5387" s="239">
        <v>20.5059</v>
      </c>
      <c r="E5387" s="239">
        <v>8.1500000000000003E-2</v>
      </c>
      <c r="F5387" s="239">
        <v>-7.1900000000000006E-2</v>
      </c>
      <c r="G5387">
        <f t="shared" si="1248"/>
        <v>20.491520000000001</v>
      </c>
      <c r="H5387" s="235">
        <f t="shared" si="1249"/>
        <v>0.39772549815728653</v>
      </c>
      <c r="I5387" s="236">
        <f t="shared" si="1250"/>
        <v>19.584985354822408</v>
      </c>
      <c r="J5387" s="237">
        <f t="shared" si="1255"/>
        <v>9.5849853548224075</v>
      </c>
      <c r="K5387" s="237">
        <f t="shared" si="1251"/>
        <v>1044.4476839873241</v>
      </c>
      <c r="L5387" s="237">
        <f t="shared" si="1256"/>
        <v>511.2247788848079</v>
      </c>
      <c r="M5387" s="236">
        <f t="shared" si="1252"/>
        <v>38.040159865558088</v>
      </c>
      <c r="N5387" s="236">
        <f t="shared" si="1253"/>
        <v>0.41908621861241846</v>
      </c>
      <c r="O5387" s="236">
        <f t="shared" si="1257"/>
        <v>2.0689753554978063</v>
      </c>
      <c r="P5387" s="236" t="str">
        <f t="shared" si="1258"/>
        <v>SAND</v>
      </c>
      <c r="Q5387" s="236" t="e">
        <f t="shared" si="1254"/>
        <v>#N/A</v>
      </c>
      <c r="R5387" s="238">
        <v>35</v>
      </c>
      <c r="S5387" s="236" t="e">
        <f t="shared" si="1259"/>
        <v>#N/A</v>
      </c>
      <c r="T5387" s="236">
        <f t="shared" si="1245"/>
        <v>34.982665667533816</v>
      </c>
    </row>
    <row r="5388" spans="1:20" x14ac:dyDescent="0.2">
      <c r="A5388" s="53">
        <f t="shared" si="1246"/>
        <v>5376</v>
      </c>
      <c r="B5388" s="239">
        <v>53.345999999999997</v>
      </c>
      <c r="C5388" s="3">
        <f t="shared" si="1247"/>
        <v>53.338999999999999</v>
      </c>
      <c r="D5388" s="239">
        <v>20.310400000000001</v>
      </c>
      <c r="E5388" s="239">
        <v>7.6200000000000004E-2</v>
      </c>
      <c r="F5388" s="239">
        <v>-4.7199999999999999E-2</v>
      </c>
      <c r="G5388">
        <f t="shared" si="1248"/>
        <v>20.30096</v>
      </c>
      <c r="H5388" s="235">
        <f t="shared" si="1249"/>
        <v>0.37535170750545788</v>
      </c>
      <c r="I5388" s="236">
        <f t="shared" si="1250"/>
        <v>19.502486394942</v>
      </c>
      <c r="J5388" s="237">
        <f t="shared" si="1255"/>
        <v>9.5024863949420002</v>
      </c>
      <c r="K5388" s="237">
        <f t="shared" si="1251"/>
        <v>1040.2431218198112</v>
      </c>
      <c r="L5388" s="237">
        <f t="shared" si="1256"/>
        <v>506.91963922457592</v>
      </c>
      <c r="M5388" s="236">
        <f t="shared" si="1252"/>
        <v>37.995602039887217</v>
      </c>
      <c r="N5388" s="236">
        <f t="shared" si="1253"/>
        <v>0.39562390373083356</v>
      </c>
      <c r="O5388" s="236">
        <f t="shared" si="1257"/>
        <v>2.0593831131054885</v>
      </c>
      <c r="P5388" s="236" t="str">
        <f t="shared" si="1258"/>
        <v>SAND</v>
      </c>
      <c r="Q5388" s="236" t="e">
        <f t="shared" si="1254"/>
        <v>#N/A</v>
      </c>
      <c r="R5388" s="238">
        <v>35</v>
      </c>
      <c r="S5388" s="236" t="e">
        <f t="shared" si="1259"/>
        <v>#N/A</v>
      </c>
      <c r="T5388" s="236">
        <f t="shared" si="1245"/>
        <v>34.977066633211251</v>
      </c>
    </row>
    <row r="5389" spans="1:20" x14ac:dyDescent="0.2">
      <c r="A5389" s="53">
        <f t="shared" si="1246"/>
        <v>5377</v>
      </c>
      <c r="B5389" s="239">
        <v>53.356999999999999</v>
      </c>
      <c r="C5389" s="3">
        <f t="shared" si="1247"/>
        <v>53.35</v>
      </c>
      <c r="D5389" s="239">
        <v>19.815000000000001</v>
      </c>
      <c r="E5389" s="239">
        <v>7.0400000000000004E-2</v>
      </c>
      <c r="F5389" s="239">
        <v>-4.3499999999999997E-2</v>
      </c>
      <c r="G5389">
        <f t="shared" si="1248"/>
        <v>19.8063</v>
      </c>
      <c r="H5389" s="235">
        <f t="shared" si="1249"/>
        <v>0.35544246022730147</v>
      </c>
      <c r="I5389" s="236">
        <f t="shared" si="1250"/>
        <v>19.400012251667331</v>
      </c>
      <c r="J5389" s="237">
        <f t="shared" si="1255"/>
        <v>9.4000122516673308</v>
      </c>
      <c r="K5389" s="237">
        <f t="shared" si="1251"/>
        <v>1034.9906536264521</v>
      </c>
      <c r="L5389" s="237">
        <f t="shared" si="1256"/>
        <v>501.55645371221374</v>
      </c>
      <c r="M5389" s="236">
        <f t="shared" si="1252"/>
        <v>37.426114662546574</v>
      </c>
      <c r="N5389" s="236">
        <f t="shared" si="1253"/>
        <v>0.37504043378625945</v>
      </c>
      <c r="O5389" s="236">
        <f t="shared" si="1257"/>
        <v>2.0563331610517168</v>
      </c>
      <c r="P5389" s="236" t="str">
        <f t="shared" si="1258"/>
        <v>SAND</v>
      </c>
      <c r="Q5389" s="236" t="e">
        <f t="shared" si="1254"/>
        <v>#N/A</v>
      </c>
      <c r="R5389" s="238">
        <v>35</v>
      </c>
      <c r="S5389" s="236" t="e">
        <f t="shared" si="1259"/>
        <v>#N/A</v>
      </c>
      <c r="T5389" s="236">
        <f t="shared" ref="T5389:T5452" si="1260">IF(P5389="SAND",17.6+(11*LOG(M5389)),#N/A)</f>
        <v>34.904922181876117</v>
      </c>
    </row>
    <row r="5390" spans="1:20" x14ac:dyDescent="0.2">
      <c r="A5390" s="53">
        <f t="shared" ref="A5390:A5453" si="1261">$A5389+1</f>
        <v>5378</v>
      </c>
      <c r="B5390" s="239">
        <v>53.366999999999997</v>
      </c>
      <c r="C5390" s="3">
        <f t="shared" ref="C5390:C5453" si="1262">MAX($B5390 - $B$13, 0.001)</f>
        <v>53.36</v>
      </c>
      <c r="D5390" s="239">
        <v>19.352900000000002</v>
      </c>
      <c r="E5390" s="239">
        <v>6.8000000000000005E-2</v>
      </c>
      <c r="F5390" s="239">
        <v>-1.15E-2</v>
      </c>
      <c r="G5390">
        <f t="shared" si="1248"/>
        <v>19.3506</v>
      </c>
      <c r="H5390" s="235">
        <f t="shared" si="1249"/>
        <v>0.35141029218732239</v>
      </c>
      <c r="I5390" s="236">
        <f t="shared" si="1250"/>
        <v>19.350242110766867</v>
      </c>
      <c r="J5390" s="237">
        <f t="shared" si="1255"/>
        <v>9.3502421107668674</v>
      </c>
      <c r="K5390" s="237">
        <f t="shared" si="1251"/>
        <v>1032.52891903052</v>
      </c>
      <c r="L5390" s="237">
        <f t="shared" si="1256"/>
        <v>498.99437072529537</v>
      </c>
      <c r="M5390" s="236">
        <f t="shared" si="1252"/>
        <v>36.709975413838649</v>
      </c>
      <c r="N5390" s="236">
        <f t="shared" si="1253"/>
        <v>0.37121812498393864</v>
      </c>
      <c r="O5390" s="236">
        <f t="shared" si="1257"/>
        <v>2.0623680273848195</v>
      </c>
      <c r="P5390" s="236" t="str">
        <f t="shared" si="1258"/>
        <v>SAND</v>
      </c>
      <c r="Q5390" s="236" t="e">
        <f t="shared" si="1254"/>
        <v>#N/A</v>
      </c>
      <c r="R5390" s="238">
        <v>35</v>
      </c>
      <c r="S5390" s="236" t="e">
        <f t="shared" si="1259"/>
        <v>#N/A</v>
      </c>
      <c r="T5390" s="236">
        <f t="shared" si="1260"/>
        <v>34.812625030033757</v>
      </c>
    </row>
    <row r="5391" spans="1:20" x14ac:dyDescent="0.2">
      <c r="A5391" s="53">
        <f t="shared" si="1261"/>
        <v>5379</v>
      </c>
      <c r="B5391" s="239">
        <v>53.378</v>
      </c>
      <c r="C5391" s="3">
        <f t="shared" si="1262"/>
        <v>53.371000000000002</v>
      </c>
      <c r="D5391" s="239">
        <v>18.900099999999998</v>
      </c>
      <c r="E5391" s="239">
        <v>6.8099999999999994E-2</v>
      </c>
      <c r="F5391" s="239">
        <v>1.7600000000000001E-2</v>
      </c>
      <c r="G5391">
        <f t="shared" ref="G5391:G5454" si="1263">$D5391+($F5391*(1-$P$8))</f>
        <v>18.90362</v>
      </c>
      <c r="H5391" s="235">
        <f t="shared" ref="H5391:H5454" si="1264">($E5391/$G5391)*100</f>
        <v>0.36024846034780633</v>
      </c>
      <c r="I5391" s="236">
        <f t="shared" ref="I5391:I5454" si="1265">((0.27*(LOG($H5391)))+(0.36*(LOG(($G5391*1000)/101)))+1.236)*10</f>
        <v>19.34283073723072</v>
      </c>
      <c r="J5391" s="237">
        <f t="shared" si="1255"/>
        <v>9.3428307372307202</v>
      </c>
      <c r="K5391" s="237">
        <f t="shared" ref="K5391:K5454" si="1266">$I5391*$C5391</f>
        <v>1032.3462192767408</v>
      </c>
      <c r="L5391" s="237">
        <f t="shared" si="1256"/>
        <v>498.70161909190136</v>
      </c>
      <c r="M5391" s="236">
        <f t="shared" ref="M5391:M5454" si="1267">(($G5391*1000)-$K5391)/$L5391</f>
        <v>35.835604089807291</v>
      </c>
      <c r="N5391" s="236">
        <f t="shared" ref="N5391:N5454" si="1268">(($E5391*1000)/(($G5391*1000)-$K5391))*100</f>
        <v>0.38105845635611968</v>
      </c>
      <c r="O5391" s="236">
        <f t="shared" si="1257"/>
        <v>2.0764001549701727</v>
      </c>
      <c r="P5391" s="236" t="str">
        <f t="shared" si="1258"/>
        <v>SAND</v>
      </c>
      <c r="Q5391" s="236" t="e">
        <f t="shared" ref="Q5391:Q5454" si="1269">IF(P5391="CLAY",($G5391*1000 -$K5391)/$L$8,#N/A)</f>
        <v>#N/A</v>
      </c>
      <c r="R5391" s="238">
        <v>35</v>
      </c>
      <c r="S5391" s="236" t="e">
        <f t="shared" si="1259"/>
        <v>#N/A</v>
      </c>
      <c r="T5391" s="236">
        <f t="shared" si="1260"/>
        <v>34.697462028666493</v>
      </c>
    </row>
    <row r="5392" spans="1:20" x14ac:dyDescent="0.2">
      <c r="A5392" s="53">
        <f t="shared" si="1261"/>
        <v>5380</v>
      </c>
      <c r="B5392" s="239">
        <v>53.387</v>
      </c>
      <c r="C5392" s="3">
        <f t="shared" si="1262"/>
        <v>53.38</v>
      </c>
      <c r="D5392" s="239">
        <v>18.775600000000001</v>
      </c>
      <c r="E5392" s="239">
        <v>7.0999999999999994E-2</v>
      </c>
      <c r="F5392" s="239">
        <v>6.3399999999999998E-2</v>
      </c>
      <c r="G5392">
        <f t="shared" si="1263"/>
        <v>18.78828</v>
      </c>
      <c r="H5392" s="235">
        <f t="shared" si="1264"/>
        <v>0.37789515591634781</v>
      </c>
      <c r="I5392" s="236">
        <f t="shared" si="1265"/>
        <v>19.389338917352951</v>
      </c>
      <c r="J5392" s="237">
        <f t="shared" ref="J5392:J5455" si="1270">$I5392-10</f>
        <v>9.3893389173529513</v>
      </c>
      <c r="K5392" s="237">
        <f t="shared" si="1266"/>
        <v>1035.0029114083006</v>
      </c>
      <c r="L5392" s="237">
        <f t="shared" ref="L5392:L5455" si="1271">$J5392*$B5392</f>
        <v>501.26863678072203</v>
      </c>
      <c r="M5392" s="236">
        <f t="shared" si="1267"/>
        <v>35.416692340075123</v>
      </c>
      <c r="N5392" s="236">
        <f t="shared" si="1268"/>
        <v>0.39992616374823997</v>
      </c>
      <c r="O5392" s="236">
        <f t="shared" ref="O5392:O5455" si="1272">((3.47-LOG($M5392))^2+(LOG($N5392)+1.22)^2)^0.5</f>
        <v>2.0892804339621298</v>
      </c>
      <c r="P5392" s="236" t="str">
        <f t="shared" ref="P5392:P5455" si="1273">IF(O5392&lt;2.6,"SAND","CLAY")</f>
        <v>SAND</v>
      </c>
      <c r="Q5392" s="236" t="e">
        <f t="shared" si="1269"/>
        <v>#N/A</v>
      </c>
      <c r="R5392" s="238">
        <v>35</v>
      </c>
      <c r="S5392" s="236" t="e">
        <f t="shared" ref="S5392:S5455" si="1274">IF(P5392="SAND",#N/A,0.25*($M5392)^1.25)</f>
        <v>#N/A</v>
      </c>
      <c r="T5392" s="236">
        <f t="shared" si="1260"/>
        <v>34.641287987031099</v>
      </c>
    </row>
    <row r="5393" spans="1:20" x14ac:dyDescent="0.2">
      <c r="A5393" s="53">
        <f t="shared" si="1261"/>
        <v>5381</v>
      </c>
      <c r="B5393" s="239">
        <v>53.398000000000003</v>
      </c>
      <c r="C5393" s="3">
        <f t="shared" si="1262"/>
        <v>53.391000000000005</v>
      </c>
      <c r="D5393" s="239">
        <v>18.714400000000001</v>
      </c>
      <c r="E5393" s="239">
        <v>7.0199999999999999E-2</v>
      </c>
      <c r="F5393" s="239">
        <v>3.5400000000000001E-2</v>
      </c>
      <c r="G5393">
        <f t="shared" si="1263"/>
        <v>18.72148</v>
      </c>
      <c r="H5393" s="235">
        <f t="shared" si="1264"/>
        <v>0.37497035490783848</v>
      </c>
      <c r="I5393" s="236">
        <f t="shared" si="1265"/>
        <v>19.374659417596114</v>
      </c>
      <c r="J5393" s="237">
        <f t="shared" si="1270"/>
        <v>9.3746594175961135</v>
      </c>
      <c r="K5393" s="237">
        <f t="shared" si="1266"/>
        <v>1034.4324409648741</v>
      </c>
      <c r="L5393" s="237">
        <f t="shared" si="1271"/>
        <v>500.58806358079732</v>
      </c>
      <c r="M5393" s="236">
        <f t="shared" si="1267"/>
        <v>35.332539558607259</v>
      </c>
      <c r="N5393" s="236">
        <f t="shared" si="1268"/>
        <v>0.39690061196301546</v>
      </c>
      <c r="O5393" s="236">
        <f t="shared" si="1272"/>
        <v>2.0889355496078985</v>
      </c>
      <c r="P5393" s="236" t="str">
        <f t="shared" si="1273"/>
        <v>SAND</v>
      </c>
      <c r="Q5393" s="236" t="e">
        <f t="shared" si="1269"/>
        <v>#N/A</v>
      </c>
      <c r="R5393" s="238">
        <v>35</v>
      </c>
      <c r="S5393" s="236" t="e">
        <f t="shared" si="1274"/>
        <v>#N/A</v>
      </c>
      <c r="T5393" s="236">
        <f t="shared" si="1260"/>
        <v>34.62992339256941</v>
      </c>
    </row>
    <row r="5394" spans="1:20" x14ac:dyDescent="0.2">
      <c r="A5394" s="53">
        <f t="shared" si="1261"/>
        <v>5382</v>
      </c>
      <c r="B5394" s="239">
        <v>53.408000000000001</v>
      </c>
      <c r="C5394" s="3">
        <f t="shared" si="1262"/>
        <v>53.401000000000003</v>
      </c>
      <c r="D5394" s="239">
        <v>18.6708</v>
      </c>
      <c r="E5394" s="239">
        <v>7.5700000000000003E-2</v>
      </c>
      <c r="F5394" s="239">
        <v>2.8299999999999999E-2</v>
      </c>
      <c r="G5394">
        <f t="shared" si="1263"/>
        <v>18.676459999999999</v>
      </c>
      <c r="H5394" s="235">
        <f t="shared" si="1264"/>
        <v>0.40532306443512317</v>
      </c>
      <c r="I5394" s="236">
        <f t="shared" si="1265"/>
        <v>19.462167034864596</v>
      </c>
      <c r="J5394" s="237">
        <f t="shared" si="1270"/>
        <v>9.4621670348645956</v>
      </c>
      <c r="K5394" s="237">
        <f t="shared" si="1266"/>
        <v>1039.2991818288044</v>
      </c>
      <c r="L5394" s="237">
        <f t="shared" si="1271"/>
        <v>505.35541699804833</v>
      </c>
      <c r="M5394" s="236">
        <f t="shared" si="1267"/>
        <v>34.900508087834169</v>
      </c>
      <c r="N5394" s="236">
        <f t="shared" si="1268"/>
        <v>0.42920740350684949</v>
      </c>
      <c r="O5394" s="236">
        <f t="shared" si="1272"/>
        <v>2.1073724937460576</v>
      </c>
      <c r="P5394" s="236" t="str">
        <f t="shared" si="1273"/>
        <v>SAND</v>
      </c>
      <c r="Q5394" s="236" t="e">
        <f t="shared" si="1269"/>
        <v>#N/A</v>
      </c>
      <c r="R5394" s="238">
        <v>35</v>
      </c>
      <c r="S5394" s="236" t="e">
        <f t="shared" si="1274"/>
        <v>#N/A</v>
      </c>
      <c r="T5394" s="236">
        <f t="shared" si="1260"/>
        <v>34.571149244960765</v>
      </c>
    </row>
    <row r="5395" spans="1:20" x14ac:dyDescent="0.2">
      <c r="A5395" s="53">
        <f t="shared" si="1261"/>
        <v>5383</v>
      </c>
      <c r="B5395" s="239">
        <v>53.418999999999997</v>
      </c>
      <c r="C5395" s="3">
        <f t="shared" si="1262"/>
        <v>53.411999999999999</v>
      </c>
      <c r="D5395" s="239">
        <v>18.6098</v>
      </c>
      <c r="E5395" s="239">
        <v>8.3599999999999994E-2</v>
      </c>
      <c r="F5395" s="239">
        <v>-3.0599999999999999E-2</v>
      </c>
      <c r="G5395">
        <f t="shared" si="1263"/>
        <v>18.603680000000001</v>
      </c>
      <c r="H5395" s="235">
        <f t="shared" si="1264"/>
        <v>0.44937345729447076</v>
      </c>
      <c r="I5395" s="236">
        <f t="shared" si="1265"/>
        <v>19.577038978051654</v>
      </c>
      <c r="J5395" s="237">
        <f t="shared" si="1270"/>
        <v>9.5770389780516538</v>
      </c>
      <c r="K5395" s="237">
        <f t="shared" si="1266"/>
        <v>1045.648805895695</v>
      </c>
      <c r="L5395" s="237">
        <f t="shared" si="1271"/>
        <v>511.59584516854125</v>
      </c>
      <c r="M5395" s="236">
        <f t="shared" si="1267"/>
        <v>34.320120774866631</v>
      </c>
      <c r="N5395" s="236">
        <f t="shared" si="1268"/>
        <v>0.47613538827788104</v>
      </c>
      <c r="O5395" s="236">
        <f t="shared" si="1272"/>
        <v>2.1326090586670068</v>
      </c>
      <c r="P5395" s="236" t="str">
        <f t="shared" si="1273"/>
        <v>SAND</v>
      </c>
      <c r="Q5395" s="236" t="e">
        <f t="shared" si="1269"/>
        <v>#N/A</v>
      </c>
      <c r="R5395" s="238">
        <v>35</v>
      </c>
      <c r="S5395" s="236" t="e">
        <f t="shared" si="1274"/>
        <v>#N/A</v>
      </c>
      <c r="T5395" s="236">
        <f t="shared" si="1260"/>
        <v>34.49103688240676</v>
      </c>
    </row>
    <row r="5396" spans="1:20" x14ac:dyDescent="0.2">
      <c r="A5396" s="53">
        <f t="shared" si="1261"/>
        <v>5384</v>
      </c>
      <c r="B5396" s="239">
        <v>53.429000000000002</v>
      </c>
      <c r="C5396" s="3">
        <f t="shared" si="1262"/>
        <v>53.422000000000004</v>
      </c>
      <c r="D5396" s="239">
        <v>18.728999999999999</v>
      </c>
      <c r="E5396" s="239">
        <v>8.8099999999999998E-2</v>
      </c>
      <c r="F5396" s="239">
        <v>-6.0999999999999999E-2</v>
      </c>
      <c r="G5396">
        <f t="shared" si="1263"/>
        <v>18.716799999999999</v>
      </c>
      <c r="H5396" s="235">
        <f t="shared" si="1264"/>
        <v>0.47070011967857756</v>
      </c>
      <c r="I5396" s="236">
        <f t="shared" si="1265"/>
        <v>19.640886446809919</v>
      </c>
      <c r="J5396" s="237">
        <f t="shared" si="1270"/>
        <v>9.6408864468099189</v>
      </c>
      <c r="K5396" s="237">
        <f t="shared" si="1266"/>
        <v>1049.2554357614795</v>
      </c>
      <c r="L5396" s="237">
        <f t="shared" si="1271"/>
        <v>515.10292196660714</v>
      </c>
      <c r="M5396" s="236">
        <f t="shared" si="1267"/>
        <v>34.299057160820887</v>
      </c>
      <c r="N5396" s="236">
        <f t="shared" si="1268"/>
        <v>0.49865446598802537</v>
      </c>
      <c r="O5396" s="236">
        <f t="shared" si="1272"/>
        <v>2.1413755738966995</v>
      </c>
      <c r="P5396" s="236" t="str">
        <f t="shared" si="1273"/>
        <v>SAND</v>
      </c>
      <c r="Q5396" s="236" t="e">
        <f t="shared" si="1269"/>
        <v>#N/A</v>
      </c>
      <c r="R5396" s="238">
        <v>35</v>
      </c>
      <c r="S5396" s="236" t="e">
        <f t="shared" si="1274"/>
        <v>#N/A</v>
      </c>
      <c r="T5396" s="236">
        <f t="shared" si="1260"/>
        <v>34.488104001803208</v>
      </c>
    </row>
    <row r="5397" spans="1:20" x14ac:dyDescent="0.2">
      <c r="A5397" s="53">
        <f t="shared" si="1261"/>
        <v>5385</v>
      </c>
      <c r="B5397" s="239">
        <v>53.439</v>
      </c>
      <c r="C5397" s="3">
        <f t="shared" si="1262"/>
        <v>53.432000000000002</v>
      </c>
      <c r="D5397" s="239">
        <v>18.767199999999999</v>
      </c>
      <c r="E5397" s="239">
        <v>9.2600000000000002E-2</v>
      </c>
      <c r="F5397" s="239">
        <v>-7.0999999999999994E-2</v>
      </c>
      <c r="G5397">
        <f t="shared" si="1263"/>
        <v>18.753</v>
      </c>
      <c r="H5397" s="235">
        <f t="shared" si="1264"/>
        <v>0.49378766064096413</v>
      </c>
      <c r="I5397" s="236">
        <f t="shared" si="1265"/>
        <v>19.70005639668393</v>
      </c>
      <c r="J5397" s="237">
        <f t="shared" si="1270"/>
        <v>9.7000563966839302</v>
      </c>
      <c r="K5397" s="237">
        <f t="shared" si="1266"/>
        <v>1052.6134133876158</v>
      </c>
      <c r="L5397" s="237">
        <f t="shared" si="1271"/>
        <v>518.36131378239259</v>
      </c>
      <c r="M5397" s="236">
        <f t="shared" si="1267"/>
        <v>34.146812495430524</v>
      </c>
      <c r="N5397" s="236">
        <f t="shared" si="1268"/>
        <v>0.52315241560903325</v>
      </c>
      <c r="O5397" s="236">
        <f t="shared" si="1272"/>
        <v>2.1521234928138266</v>
      </c>
      <c r="P5397" s="236" t="str">
        <f t="shared" si="1273"/>
        <v>SAND</v>
      </c>
      <c r="Q5397" s="236" t="e">
        <f t="shared" si="1269"/>
        <v>#N/A</v>
      </c>
      <c r="R5397" s="238">
        <v>35</v>
      </c>
      <c r="S5397" s="236" t="e">
        <f t="shared" si="1274"/>
        <v>#N/A</v>
      </c>
      <c r="T5397" s="236">
        <f t="shared" si="1260"/>
        <v>34.466851867759715</v>
      </c>
    </row>
    <row r="5398" spans="1:20" x14ac:dyDescent="0.2">
      <c r="A5398" s="53">
        <f t="shared" si="1261"/>
        <v>5386</v>
      </c>
      <c r="B5398" s="239">
        <v>53.448999999999998</v>
      </c>
      <c r="C5398" s="3">
        <f t="shared" si="1262"/>
        <v>53.442</v>
      </c>
      <c r="D5398" s="239">
        <v>18.821000000000002</v>
      </c>
      <c r="E5398" s="239">
        <v>9.7699999999999995E-2</v>
      </c>
      <c r="F5398" s="239">
        <v>-0.1062</v>
      </c>
      <c r="G5398">
        <f t="shared" si="1263"/>
        <v>18.799760000000003</v>
      </c>
      <c r="H5398" s="235">
        <f t="shared" si="1264"/>
        <v>0.51968748537215359</v>
      </c>
      <c r="I5398" s="236">
        <f t="shared" si="1265"/>
        <v>19.763895450962249</v>
      </c>
      <c r="J5398" s="237">
        <f t="shared" si="1270"/>
        <v>9.7638954509622486</v>
      </c>
      <c r="K5398" s="237">
        <f t="shared" si="1266"/>
        <v>1056.2221006903244</v>
      </c>
      <c r="L5398" s="237">
        <f t="shared" si="1271"/>
        <v>521.87044795848124</v>
      </c>
      <c r="M5398" s="236">
        <f t="shared" si="1267"/>
        <v>33.999890142699385</v>
      </c>
      <c r="N5398" s="236">
        <f t="shared" si="1268"/>
        <v>0.55062299612638732</v>
      </c>
      <c r="O5398" s="236">
        <f t="shared" si="1272"/>
        <v>2.163587414988184</v>
      </c>
      <c r="P5398" s="236" t="str">
        <f t="shared" si="1273"/>
        <v>SAND</v>
      </c>
      <c r="Q5398" s="236" t="e">
        <f t="shared" si="1269"/>
        <v>#N/A</v>
      </c>
      <c r="R5398" s="238">
        <v>35</v>
      </c>
      <c r="S5398" s="236" t="e">
        <f t="shared" si="1274"/>
        <v>#N/A</v>
      </c>
      <c r="T5398" s="236">
        <f t="shared" si="1260"/>
        <v>34.44625265171593</v>
      </c>
    </row>
    <row r="5399" spans="1:20" x14ac:dyDescent="0.2">
      <c r="A5399" s="53">
        <f t="shared" si="1261"/>
        <v>5387</v>
      </c>
      <c r="B5399" s="239">
        <v>53.459000000000003</v>
      </c>
      <c r="C5399" s="3">
        <f t="shared" si="1262"/>
        <v>53.452000000000005</v>
      </c>
      <c r="D5399" s="239">
        <v>18.902200000000001</v>
      </c>
      <c r="E5399" s="239">
        <v>9.9699999999999997E-2</v>
      </c>
      <c r="F5399" s="239">
        <v>-0.10009999999999999</v>
      </c>
      <c r="G5399">
        <f t="shared" si="1263"/>
        <v>18.882180000000002</v>
      </c>
      <c r="H5399" s="235">
        <f t="shared" si="1264"/>
        <v>0.52801106651880225</v>
      </c>
      <c r="I5399" s="236">
        <f t="shared" si="1265"/>
        <v>19.789366901846147</v>
      </c>
      <c r="J5399" s="237">
        <f t="shared" si="1270"/>
        <v>9.7893669018461473</v>
      </c>
      <c r="K5399" s="237">
        <f t="shared" si="1266"/>
        <v>1057.7812396374804</v>
      </c>
      <c r="L5399" s="237">
        <f t="shared" si="1271"/>
        <v>523.32976520579325</v>
      </c>
      <c r="M5399" s="236">
        <f t="shared" si="1267"/>
        <v>34.059592909555384</v>
      </c>
      <c r="N5399" s="236">
        <f t="shared" si="1268"/>
        <v>0.55934565502265654</v>
      </c>
      <c r="O5399" s="236">
        <f t="shared" si="1272"/>
        <v>2.1659457612884334</v>
      </c>
      <c r="P5399" s="236" t="str">
        <f t="shared" si="1273"/>
        <v>SAND</v>
      </c>
      <c r="Q5399" s="236" t="e">
        <f t="shared" si="1269"/>
        <v>#N/A</v>
      </c>
      <c r="R5399" s="238">
        <v>35</v>
      </c>
      <c r="S5399" s="236" t="e">
        <f t="shared" si="1274"/>
        <v>#N/A</v>
      </c>
      <c r="T5399" s="236">
        <f t="shared" si="1260"/>
        <v>34.454633981240228</v>
      </c>
    </row>
    <row r="5400" spans="1:20" x14ac:dyDescent="0.2">
      <c r="A5400" s="53">
        <f t="shared" si="1261"/>
        <v>5388</v>
      </c>
      <c r="B5400" s="239">
        <v>53.47</v>
      </c>
      <c r="C5400" s="3">
        <f t="shared" si="1262"/>
        <v>53.463000000000001</v>
      </c>
      <c r="D5400" s="239">
        <v>19.023700000000002</v>
      </c>
      <c r="E5400" s="239">
        <v>9.4E-2</v>
      </c>
      <c r="F5400" s="239">
        <v>-0.1099</v>
      </c>
      <c r="G5400">
        <f t="shared" si="1263"/>
        <v>19.001720000000002</v>
      </c>
      <c r="H5400" s="235">
        <f t="shared" si="1264"/>
        <v>0.4946920594556703</v>
      </c>
      <c r="I5400" s="236">
        <f t="shared" si="1265"/>
        <v>19.722801881929215</v>
      </c>
      <c r="J5400" s="237">
        <f t="shared" si="1270"/>
        <v>9.7228018819292146</v>
      </c>
      <c r="K5400" s="237">
        <f t="shared" si="1266"/>
        <v>1054.4401570135817</v>
      </c>
      <c r="L5400" s="237">
        <f t="shared" si="1271"/>
        <v>519.87821662675515</v>
      </c>
      <c r="M5400" s="236">
        <f t="shared" si="1267"/>
        <v>34.522084728684852</v>
      </c>
      <c r="N5400" s="236">
        <f t="shared" si="1268"/>
        <v>0.52375625065396225</v>
      </c>
      <c r="O5400" s="236">
        <f t="shared" si="1272"/>
        <v>2.148071888185247</v>
      </c>
      <c r="P5400" s="236" t="str">
        <f t="shared" si="1273"/>
        <v>SAND</v>
      </c>
      <c r="Q5400" s="236" t="e">
        <f t="shared" si="1269"/>
        <v>#N/A</v>
      </c>
      <c r="R5400" s="238">
        <v>35</v>
      </c>
      <c r="S5400" s="236" t="e">
        <f t="shared" si="1274"/>
        <v>#N/A</v>
      </c>
      <c r="T5400" s="236">
        <f t="shared" si="1260"/>
        <v>34.519067155362734</v>
      </c>
    </row>
    <row r="5401" spans="1:20" x14ac:dyDescent="0.2">
      <c r="A5401" s="53">
        <f t="shared" si="1261"/>
        <v>5389</v>
      </c>
      <c r="B5401" s="239">
        <v>53.48</v>
      </c>
      <c r="C5401" s="3">
        <f t="shared" si="1262"/>
        <v>53.472999999999999</v>
      </c>
      <c r="D5401" s="239">
        <v>19.039400000000001</v>
      </c>
      <c r="E5401" s="239">
        <v>8.8400000000000006E-2</v>
      </c>
      <c r="F5401" s="239">
        <v>-0.11940000000000001</v>
      </c>
      <c r="G5401">
        <f t="shared" si="1263"/>
        <v>19.015520000000002</v>
      </c>
      <c r="H5401" s="235">
        <f t="shared" si="1264"/>
        <v>0.46488342154198253</v>
      </c>
      <c r="I5401" s="236">
        <f t="shared" si="1265"/>
        <v>19.651061555464672</v>
      </c>
      <c r="J5401" s="237">
        <f t="shared" si="1270"/>
        <v>9.6510615554646719</v>
      </c>
      <c r="K5401" s="237">
        <f t="shared" si="1266"/>
        <v>1050.8012145553623</v>
      </c>
      <c r="L5401" s="237">
        <f t="shared" si="1271"/>
        <v>516.13877198625062</v>
      </c>
      <c r="M5401" s="236">
        <f t="shared" si="1267"/>
        <v>34.805985832669045</v>
      </c>
      <c r="N5401" s="236">
        <f t="shared" si="1268"/>
        <v>0.49207561251458826</v>
      </c>
      <c r="O5401" s="236">
        <f t="shared" si="1272"/>
        <v>2.1331480518296675</v>
      </c>
      <c r="P5401" s="236" t="str">
        <f t="shared" si="1273"/>
        <v>SAND</v>
      </c>
      <c r="Q5401" s="236" t="e">
        <f t="shared" si="1269"/>
        <v>#N/A</v>
      </c>
      <c r="R5401" s="238">
        <v>35</v>
      </c>
      <c r="S5401" s="236" t="e">
        <f t="shared" si="1274"/>
        <v>#N/A</v>
      </c>
      <c r="T5401" s="236">
        <f t="shared" si="1260"/>
        <v>34.558193329849942</v>
      </c>
    </row>
    <row r="5402" spans="1:20" x14ac:dyDescent="0.2">
      <c r="A5402" s="53">
        <f t="shared" si="1261"/>
        <v>5390</v>
      </c>
      <c r="B5402" s="239">
        <v>53.49</v>
      </c>
      <c r="C5402" s="3">
        <f t="shared" si="1262"/>
        <v>53.483000000000004</v>
      </c>
      <c r="D5402" s="239">
        <v>19.367699999999999</v>
      </c>
      <c r="E5402" s="239">
        <v>7.9399999999999998E-2</v>
      </c>
      <c r="F5402" s="239">
        <v>-0.11650000000000001</v>
      </c>
      <c r="G5402">
        <f t="shared" si="1263"/>
        <v>19.3444</v>
      </c>
      <c r="H5402" s="235">
        <f t="shared" si="1264"/>
        <v>0.41045470523769156</v>
      </c>
      <c r="I5402" s="236">
        <f t="shared" si="1265"/>
        <v>19.531858148420618</v>
      </c>
      <c r="J5402" s="237">
        <f t="shared" si="1270"/>
        <v>9.5318581484206177</v>
      </c>
      <c r="K5402" s="237">
        <f t="shared" si="1266"/>
        <v>1044.6223693519801</v>
      </c>
      <c r="L5402" s="237">
        <f t="shared" si="1271"/>
        <v>509.85909235901886</v>
      </c>
      <c r="M5402" s="236">
        <f t="shared" si="1267"/>
        <v>35.891833459276974</v>
      </c>
      <c r="N5402" s="236">
        <f t="shared" si="1268"/>
        <v>0.43388505370154223</v>
      </c>
      <c r="O5402" s="236">
        <f t="shared" si="1272"/>
        <v>2.0981737399010205</v>
      </c>
      <c r="P5402" s="236" t="str">
        <f t="shared" si="1273"/>
        <v>SAND</v>
      </c>
      <c r="Q5402" s="236" t="e">
        <f t="shared" si="1269"/>
        <v>#N/A</v>
      </c>
      <c r="R5402" s="238">
        <v>35</v>
      </c>
      <c r="S5402" s="236" t="e">
        <f t="shared" si="1274"/>
        <v>#N/A</v>
      </c>
      <c r="T5402" s="236">
        <f t="shared" si="1260"/>
        <v>34.704952083181283</v>
      </c>
    </row>
    <row r="5403" spans="1:20" x14ac:dyDescent="0.2">
      <c r="A5403" s="53">
        <f t="shared" si="1261"/>
        <v>5391</v>
      </c>
      <c r="B5403" s="239">
        <v>53.500999999999998</v>
      </c>
      <c r="C5403" s="3">
        <f t="shared" si="1262"/>
        <v>53.494</v>
      </c>
      <c r="D5403" s="239">
        <v>19.3734</v>
      </c>
      <c r="E5403" s="239">
        <v>7.3700000000000002E-2</v>
      </c>
      <c r="F5403" s="239">
        <v>-7.3899999999999993E-2</v>
      </c>
      <c r="G5403">
        <f t="shared" si="1263"/>
        <v>19.358620000000002</v>
      </c>
      <c r="H5403" s="235">
        <f t="shared" si="1264"/>
        <v>0.38070895549372835</v>
      </c>
      <c r="I5403" s="236">
        <f t="shared" si="1265"/>
        <v>19.444792227036789</v>
      </c>
      <c r="J5403" s="237">
        <f t="shared" si="1270"/>
        <v>9.444792227036789</v>
      </c>
      <c r="K5403" s="237">
        <f t="shared" si="1266"/>
        <v>1040.1797153931059</v>
      </c>
      <c r="L5403" s="237">
        <f t="shared" si="1271"/>
        <v>505.30582893869524</v>
      </c>
      <c r="M5403" s="236">
        <f t="shared" si="1267"/>
        <v>36.252184786946771</v>
      </c>
      <c r="N5403" s="236">
        <f t="shared" si="1268"/>
        <v>0.40232682944044418</v>
      </c>
      <c r="O5403" s="236">
        <f t="shared" si="1272"/>
        <v>2.081003213611071</v>
      </c>
      <c r="P5403" s="236" t="str">
        <f t="shared" si="1273"/>
        <v>SAND</v>
      </c>
      <c r="Q5403" s="236" t="e">
        <f t="shared" si="1269"/>
        <v>#N/A</v>
      </c>
      <c r="R5403" s="238">
        <v>35</v>
      </c>
      <c r="S5403" s="236" t="e">
        <f t="shared" si="1274"/>
        <v>#N/A</v>
      </c>
      <c r="T5403" s="236">
        <f t="shared" si="1260"/>
        <v>34.752676035440658</v>
      </c>
    </row>
    <row r="5404" spans="1:20" x14ac:dyDescent="0.2">
      <c r="A5404" s="53">
        <f t="shared" si="1261"/>
        <v>5392</v>
      </c>
      <c r="B5404" s="239">
        <v>53.51</v>
      </c>
      <c r="C5404" s="3">
        <f t="shared" si="1262"/>
        <v>53.503</v>
      </c>
      <c r="D5404" s="239">
        <v>19.537299999999998</v>
      </c>
      <c r="E5404" s="239">
        <v>7.0699999999999999E-2</v>
      </c>
      <c r="F5404" s="239">
        <v>-5.0500000000000003E-2</v>
      </c>
      <c r="G5404">
        <f t="shared" si="1263"/>
        <v>19.527199999999997</v>
      </c>
      <c r="H5404" s="235">
        <f t="shared" si="1264"/>
        <v>0.36205907657011765</v>
      </c>
      <c r="I5404" s="236">
        <f t="shared" si="1265"/>
        <v>19.399451448578073</v>
      </c>
      <c r="J5404" s="237">
        <f t="shared" si="1270"/>
        <v>9.3994514485780734</v>
      </c>
      <c r="K5404" s="237">
        <f t="shared" si="1266"/>
        <v>1037.9288508532727</v>
      </c>
      <c r="L5404" s="237">
        <f t="shared" si="1271"/>
        <v>502.96464701341267</v>
      </c>
      <c r="M5404" s="236">
        <f t="shared" si="1267"/>
        <v>36.760578022601386</v>
      </c>
      <c r="N5404" s="236">
        <f t="shared" si="1268"/>
        <v>0.38238392108421643</v>
      </c>
      <c r="O5404" s="236">
        <f t="shared" si="1272"/>
        <v>2.066778678648471</v>
      </c>
      <c r="P5404" s="236" t="str">
        <f t="shared" si="1273"/>
        <v>SAND</v>
      </c>
      <c r="Q5404" s="236" t="e">
        <f t="shared" si="1269"/>
        <v>#N/A</v>
      </c>
      <c r="R5404" s="238">
        <v>35</v>
      </c>
      <c r="S5404" s="236" t="e">
        <f t="shared" si="1274"/>
        <v>#N/A</v>
      </c>
      <c r="T5404" s="236">
        <f t="shared" si="1260"/>
        <v>34.819205647661619</v>
      </c>
    </row>
    <row r="5405" spans="1:20" x14ac:dyDescent="0.2">
      <c r="A5405" s="53">
        <f t="shared" si="1261"/>
        <v>5393</v>
      </c>
      <c r="B5405" s="239">
        <v>53.521000000000001</v>
      </c>
      <c r="C5405" s="3">
        <f t="shared" si="1262"/>
        <v>53.514000000000003</v>
      </c>
      <c r="D5405" s="239">
        <v>19.678899999999999</v>
      </c>
      <c r="E5405" s="239">
        <v>6.6400000000000001E-2</v>
      </c>
      <c r="F5405" s="239">
        <v>1.46E-2</v>
      </c>
      <c r="G5405">
        <f t="shared" si="1263"/>
        <v>19.681819999999998</v>
      </c>
      <c r="H5405" s="235">
        <f t="shared" si="1264"/>
        <v>0.33736717437716635</v>
      </c>
      <c r="I5405" s="236">
        <f t="shared" si="1265"/>
        <v>19.328955598761798</v>
      </c>
      <c r="J5405" s="237">
        <f t="shared" si="1270"/>
        <v>9.328955598761798</v>
      </c>
      <c r="K5405" s="237">
        <f t="shared" si="1266"/>
        <v>1034.3697299121388</v>
      </c>
      <c r="L5405" s="237">
        <f t="shared" si="1271"/>
        <v>499.29503260133021</v>
      </c>
      <c r="M5405" s="236">
        <f t="shared" si="1267"/>
        <v>37.347558162024029</v>
      </c>
      <c r="N5405" s="236">
        <f t="shared" si="1268"/>
        <v>0.3560808530832304</v>
      </c>
      <c r="O5405" s="236">
        <f t="shared" si="1272"/>
        <v>2.048583897887108</v>
      </c>
      <c r="P5405" s="236" t="str">
        <f t="shared" si="1273"/>
        <v>SAND</v>
      </c>
      <c r="Q5405" s="236" t="e">
        <f t="shared" si="1269"/>
        <v>#N/A</v>
      </c>
      <c r="R5405" s="238">
        <v>35</v>
      </c>
      <c r="S5405" s="236" t="e">
        <f t="shared" si="1274"/>
        <v>#N/A</v>
      </c>
      <c r="T5405" s="236">
        <f t="shared" si="1260"/>
        <v>34.894884334983331</v>
      </c>
    </row>
    <row r="5406" spans="1:20" x14ac:dyDescent="0.2">
      <c r="A5406" s="53">
        <f t="shared" si="1261"/>
        <v>5394</v>
      </c>
      <c r="B5406" s="239">
        <v>53.530999999999999</v>
      </c>
      <c r="C5406" s="3">
        <f t="shared" si="1262"/>
        <v>53.524000000000001</v>
      </c>
      <c r="D5406" s="239">
        <v>20.2194</v>
      </c>
      <c r="E5406" s="239">
        <v>6.25E-2</v>
      </c>
      <c r="F5406" s="239">
        <v>9.4899999999999998E-2</v>
      </c>
      <c r="G5406">
        <f t="shared" si="1263"/>
        <v>20.238379999999999</v>
      </c>
      <c r="H5406" s="235">
        <f t="shared" si="1264"/>
        <v>0.30881918414418547</v>
      </c>
      <c r="I5406" s="236">
        <f t="shared" si="1265"/>
        <v>19.268877272658496</v>
      </c>
      <c r="J5406" s="237">
        <f t="shared" si="1270"/>
        <v>9.2688772726584965</v>
      </c>
      <c r="K5406" s="237">
        <f t="shared" si="1266"/>
        <v>1031.3473871417734</v>
      </c>
      <c r="L5406" s="237">
        <f t="shared" si="1271"/>
        <v>496.17226928268195</v>
      </c>
      <c r="M5406" s="236">
        <f t="shared" si="1267"/>
        <v>38.710411286438685</v>
      </c>
      <c r="N5406" s="236">
        <f t="shared" si="1268"/>
        <v>0.32540164459427801</v>
      </c>
      <c r="O5406" s="236">
        <f t="shared" si="1272"/>
        <v>2.0196561403946625</v>
      </c>
      <c r="P5406" s="236" t="str">
        <f t="shared" si="1273"/>
        <v>SAND</v>
      </c>
      <c r="Q5406" s="236" t="e">
        <f t="shared" si="1269"/>
        <v>#N/A</v>
      </c>
      <c r="R5406" s="238">
        <v>35</v>
      </c>
      <c r="S5406" s="236" t="e">
        <f t="shared" si="1274"/>
        <v>#N/A</v>
      </c>
      <c r="T5406" s="236">
        <f t="shared" si="1260"/>
        <v>35.066105641504137</v>
      </c>
    </row>
    <row r="5407" spans="1:20" x14ac:dyDescent="0.2">
      <c r="A5407" s="53">
        <f t="shared" si="1261"/>
        <v>5395</v>
      </c>
      <c r="B5407" s="239">
        <v>53.540999999999997</v>
      </c>
      <c r="C5407" s="3">
        <f t="shared" si="1262"/>
        <v>53.533999999999999</v>
      </c>
      <c r="D5407" s="239">
        <v>21.006599999999999</v>
      </c>
      <c r="E5407" s="239">
        <v>6.6799999999999998E-2</v>
      </c>
      <c r="F5407" s="239">
        <v>0.20649999999999999</v>
      </c>
      <c r="G5407">
        <f t="shared" si="1263"/>
        <v>21.047899999999998</v>
      </c>
      <c r="H5407" s="235">
        <f t="shared" si="1264"/>
        <v>0.31737132920623912</v>
      </c>
      <c r="I5407" s="236">
        <f t="shared" si="1265"/>
        <v>19.362227397614475</v>
      </c>
      <c r="J5407" s="237">
        <f t="shared" si="1270"/>
        <v>9.3622273976144754</v>
      </c>
      <c r="K5407" s="237">
        <f t="shared" si="1266"/>
        <v>1036.5374815038933</v>
      </c>
      <c r="L5407" s="237">
        <f t="shared" si="1271"/>
        <v>501.26301709567662</v>
      </c>
      <c r="M5407" s="236">
        <f t="shared" si="1267"/>
        <v>39.921881000601559</v>
      </c>
      <c r="N5407" s="236">
        <f t="shared" si="1268"/>
        <v>0.33381035368410361</v>
      </c>
      <c r="O5407" s="236">
        <f t="shared" si="1272"/>
        <v>2.0112593814050559</v>
      </c>
      <c r="P5407" s="236" t="str">
        <f t="shared" si="1273"/>
        <v>SAND</v>
      </c>
      <c r="Q5407" s="236" t="e">
        <f t="shared" si="1269"/>
        <v>#N/A</v>
      </c>
      <c r="R5407" s="238">
        <v>35</v>
      </c>
      <c r="S5407" s="236" t="e">
        <f t="shared" si="1274"/>
        <v>#N/A</v>
      </c>
      <c r="T5407" s="236">
        <f t="shared" si="1260"/>
        <v>35.213320953415433</v>
      </c>
    </row>
    <row r="5408" spans="1:20" x14ac:dyDescent="0.2">
      <c r="A5408" s="53">
        <f t="shared" si="1261"/>
        <v>5396</v>
      </c>
      <c r="B5408" s="239">
        <v>53.552</v>
      </c>
      <c r="C5408" s="3">
        <f t="shared" si="1262"/>
        <v>53.545000000000002</v>
      </c>
      <c r="D5408" s="239">
        <v>22.046600000000002</v>
      </c>
      <c r="E5408" s="239">
        <v>6.9800000000000001E-2</v>
      </c>
      <c r="F5408" s="239">
        <v>0.16900000000000001</v>
      </c>
      <c r="G5408">
        <f t="shared" si="1263"/>
        <v>22.080400000000001</v>
      </c>
      <c r="H5408" s="235">
        <f t="shared" si="1264"/>
        <v>0.31611746164018767</v>
      </c>
      <c r="I5408" s="236">
        <f t="shared" si="1265"/>
        <v>19.432458938440618</v>
      </c>
      <c r="J5408" s="237">
        <f t="shared" si="1270"/>
        <v>9.4324589384406181</v>
      </c>
      <c r="K5408" s="237">
        <f t="shared" si="1266"/>
        <v>1040.5110138588029</v>
      </c>
      <c r="L5408" s="237">
        <f t="shared" si="1271"/>
        <v>505.12704107137199</v>
      </c>
      <c r="M5408" s="236">
        <f t="shared" si="1267"/>
        <v>41.652668092200521</v>
      </c>
      <c r="N5408" s="236">
        <f t="shared" si="1268"/>
        <v>0.3317507998543941</v>
      </c>
      <c r="O5408" s="236">
        <f t="shared" si="1272"/>
        <v>1.9931442647769766</v>
      </c>
      <c r="P5408" s="236" t="str">
        <f t="shared" si="1273"/>
        <v>SAND</v>
      </c>
      <c r="Q5408" s="236" t="e">
        <f t="shared" si="1269"/>
        <v>#N/A</v>
      </c>
      <c r="R5408" s="238">
        <v>35</v>
      </c>
      <c r="S5408" s="236" t="e">
        <f t="shared" si="1274"/>
        <v>#N/A</v>
      </c>
      <c r="T5408" s="236">
        <f t="shared" si="1260"/>
        <v>35.41607108253892</v>
      </c>
    </row>
    <row r="5409" spans="1:20" x14ac:dyDescent="0.2">
      <c r="A5409" s="53">
        <f t="shared" si="1261"/>
        <v>5397</v>
      </c>
      <c r="B5409" s="239">
        <v>53.561</v>
      </c>
      <c r="C5409" s="3">
        <f t="shared" si="1262"/>
        <v>53.554000000000002</v>
      </c>
      <c r="D5409" s="239">
        <v>23.083200000000001</v>
      </c>
      <c r="E5409" s="239">
        <v>7.5999999999999998E-2</v>
      </c>
      <c r="F5409" s="239">
        <v>5.8700000000000002E-2</v>
      </c>
      <c r="G5409">
        <f t="shared" si="1263"/>
        <v>23.094940000000001</v>
      </c>
      <c r="H5409" s="235">
        <f t="shared" si="1264"/>
        <v>0.32907641240895191</v>
      </c>
      <c r="I5409" s="236">
        <f t="shared" si="1265"/>
        <v>19.549804908009964</v>
      </c>
      <c r="J5409" s="237">
        <f t="shared" si="1270"/>
        <v>9.5498049080099641</v>
      </c>
      <c r="K5409" s="237">
        <f t="shared" si="1266"/>
        <v>1046.9702520435656</v>
      </c>
      <c r="L5409" s="237">
        <f t="shared" si="1271"/>
        <v>511.49710067792171</v>
      </c>
      <c r="M5409" s="236">
        <f t="shared" si="1267"/>
        <v>43.104779516315482</v>
      </c>
      <c r="N5409" s="236">
        <f t="shared" si="1268"/>
        <v>0.34470294031061166</v>
      </c>
      <c r="O5409" s="236">
        <f t="shared" si="1272"/>
        <v>1.9856207629506886</v>
      </c>
      <c r="P5409" s="236" t="str">
        <f t="shared" si="1273"/>
        <v>SAND</v>
      </c>
      <c r="Q5409" s="236" t="e">
        <f t="shared" si="1269"/>
        <v>#N/A</v>
      </c>
      <c r="R5409" s="238">
        <v>35</v>
      </c>
      <c r="S5409" s="236" t="e">
        <f t="shared" si="1274"/>
        <v>#N/A</v>
      </c>
      <c r="T5409" s="236">
        <f t="shared" si="1260"/>
        <v>35.579779707899462</v>
      </c>
    </row>
    <row r="5410" spans="1:20" x14ac:dyDescent="0.2">
      <c r="A5410" s="53">
        <f t="shared" si="1261"/>
        <v>5398</v>
      </c>
      <c r="B5410" s="239">
        <v>53.572000000000003</v>
      </c>
      <c r="C5410" s="3">
        <f t="shared" si="1262"/>
        <v>53.565000000000005</v>
      </c>
      <c r="D5410" s="239">
        <v>24.1008</v>
      </c>
      <c r="E5410" s="239">
        <v>8.0299999999999996E-2</v>
      </c>
      <c r="F5410" s="239">
        <v>-4.99E-2</v>
      </c>
      <c r="G5410">
        <f t="shared" si="1263"/>
        <v>24.090820000000001</v>
      </c>
      <c r="H5410" s="235">
        <f t="shared" si="1264"/>
        <v>0.33332198737942503</v>
      </c>
      <c r="I5410" s="236">
        <f t="shared" si="1265"/>
        <v>19.630841451069834</v>
      </c>
      <c r="J5410" s="237">
        <f t="shared" si="1270"/>
        <v>9.6308414510698341</v>
      </c>
      <c r="K5410" s="237">
        <f t="shared" si="1266"/>
        <v>1051.5260223265557</v>
      </c>
      <c r="L5410" s="237">
        <f t="shared" si="1271"/>
        <v>515.94343821671316</v>
      </c>
      <c r="M5410" s="236">
        <f t="shared" si="1267"/>
        <v>44.65468939251474</v>
      </c>
      <c r="N5410" s="236">
        <f t="shared" si="1268"/>
        <v>0.34853498582819353</v>
      </c>
      <c r="O5410" s="236">
        <f t="shared" si="1272"/>
        <v>1.9732975991185542</v>
      </c>
      <c r="P5410" s="236" t="str">
        <f t="shared" si="1273"/>
        <v>SAND</v>
      </c>
      <c r="Q5410" s="236" t="e">
        <f t="shared" si="1269"/>
        <v>#N/A</v>
      </c>
      <c r="R5410" s="238">
        <v>35</v>
      </c>
      <c r="S5410" s="236" t="e">
        <f t="shared" si="1274"/>
        <v>#N/A</v>
      </c>
      <c r="T5410" s="236">
        <f t="shared" si="1260"/>
        <v>35.748537801492418</v>
      </c>
    </row>
    <row r="5411" spans="1:20" x14ac:dyDescent="0.2">
      <c r="A5411" s="53">
        <f t="shared" si="1261"/>
        <v>5399</v>
      </c>
      <c r="B5411" s="239">
        <v>53.582000000000001</v>
      </c>
      <c r="C5411" s="3">
        <f t="shared" si="1262"/>
        <v>53.575000000000003</v>
      </c>
      <c r="D5411" s="239">
        <v>25.0137</v>
      </c>
      <c r="E5411" s="239">
        <v>8.1299999999999997E-2</v>
      </c>
      <c r="F5411" s="239">
        <v>-0.1021</v>
      </c>
      <c r="G5411">
        <f t="shared" si="1263"/>
        <v>24.993279999999999</v>
      </c>
      <c r="H5411" s="235">
        <f t="shared" si="1264"/>
        <v>0.32528743726313636</v>
      </c>
      <c r="I5411" s="236">
        <f t="shared" si="1265"/>
        <v>19.659728456647038</v>
      </c>
      <c r="J5411" s="237">
        <f t="shared" si="1270"/>
        <v>9.6597284566470378</v>
      </c>
      <c r="K5411" s="237">
        <f t="shared" si="1266"/>
        <v>1053.269952064865</v>
      </c>
      <c r="L5411" s="237">
        <f t="shared" si="1271"/>
        <v>517.58757016406162</v>
      </c>
      <c r="M5411" s="236">
        <f t="shared" si="1267"/>
        <v>46.253062144337783</v>
      </c>
      <c r="N5411" s="236">
        <f t="shared" si="1268"/>
        <v>0.33959885495959619</v>
      </c>
      <c r="O5411" s="236">
        <f t="shared" si="1272"/>
        <v>1.9548575676616382</v>
      </c>
      <c r="P5411" s="236" t="str">
        <f t="shared" si="1273"/>
        <v>SAND</v>
      </c>
      <c r="Q5411" s="236" t="e">
        <f t="shared" si="1269"/>
        <v>#N/A</v>
      </c>
      <c r="R5411" s="238">
        <v>35</v>
      </c>
      <c r="S5411" s="236" t="e">
        <f t="shared" si="1274"/>
        <v>#N/A</v>
      </c>
      <c r="T5411" s="236">
        <f t="shared" si="1260"/>
        <v>35.916545391328881</v>
      </c>
    </row>
    <row r="5412" spans="1:20" x14ac:dyDescent="0.2">
      <c r="A5412" s="53">
        <f t="shared" si="1261"/>
        <v>5400</v>
      </c>
      <c r="B5412" s="239">
        <v>53.593000000000004</v>
      </c>
      <c r="C5412" s="3">
        <f t="shared" si="1262"/>
        <v>53.586000000000006</v>
      </c>
      <c r="D5412" s="239">
        <v>25.463999999999999</v>
      </c>
      <c r="E5412" s="239">
        <v>8.43E-2</v>
      </c>
      <c r="F5412" s="239">
        <v>-0.1517</v>
      </c>
      <c r="G5412">
        <f t="shared" si="1263"/>
        <v>25.43366</v>
      </c>
      <c r="H5412" s="235">
        <f t="shared" si="1264"/>
        <v>0.33145052658563495</v>
      </c>
      <c r="I5412" s="236">
        <f t="shared" si="1265"/>
        <v>19.709045481033584</v>
      </c>
      <c r="J5412" s="237">
        <f t="shared" si="1270"/>
        <v>9.7090454810335842</v>
      </c>
      <c r="K5412" s="237">
        <f t="shared" si="1266"/>
        <v>1056.1289111466658</v>
      </c>
      <c r="L5412" s="237">
        <f t="shared" si="1271"/>
        <v>520.33687446503291</v>
      </c>
      <c r="M5412" s="236">
        <f t="shared" si="1267"/>
        <v>46.849516698035835</v>
      </c>
      <c r="N5412" s="236">
        <f t="shared" si="1268"/>
        <v>0.3458102450684446</v>
      </c>
      <c r="O5412" s="236">
        <f t="shared" si="1272"/>
        <v>1.9527664924938313</v>
      </c>
      <c r="P5412" s="236" t="str">
        <f t="shared" si="1273"/>
        <v>SAND</v>
      </c>
      <c r="Q5412" s="236" t="e">
        <f t="shared" si="1269"/>
        <v>#N/A</v>
      </c>
      <c r="R5412" s="238">
        <v>35</v>
      </c>
      <c r="S5412" s="236" t="e">
        <f t="shared" si="1274"/>
        <v>#N/A</v>
      </c>
      <c r="T5412" s="236">
        <f t="shared" si="1260"/>
        <v>35.977756265475719</v>
      </c>
    </row>
    <row r="5413" spans="1:20" x14ac:dyDescent="0.2">
      <c r="A5413" s="53">
        <f t="shared" si="1261"/>
        <v>5401</v>
      </c>
      <c r="B5413" s="239">
        <v>53.603999999999999</v>
      </c>
      <c r="C5413" s="3">
        <f t="shared" si="1262"/>
        <v>53.597000000000001</v>
      </c>
      <c r="D5413" s="239">
        <v>25.504999999999999</v>
      </c>
      <c r="E5413" s="239">
        <v>7.0800000000000002E-2</v>
      </c>
      <c r="F5413" s="239">
        <v>-0.17280000000000001</v>
      </c>
      <c r="G5413">
        <f t="shared" si="1263"/>
        <v>25.47044</v>
      </c>
      <c r="H5413" s="235">
        <f t="shared" si="1264"/>
        <v>0.27796928517921166</v>
      </c>
      <c r="I5413" s="236">
        <f t="shared" si="1265"/>
        <v>19.504965652835491</v>
      </c>
      <c r="J5413" s="237">
        <f t="shared" si="1270"/>
        <v>9.5049656528354909</v>
      </c>
      <c r="K5413" s="237">
        <f t="shared" si="1266"/>
        <v>1045.4076440950239</v>
      </c>
      <c r="L5413" s="237">
        <f t="shared" si="1271"/>
        <v>509.50417885459365</v>
      </c>
      <c r="M5413" s="236">
        <f t="shared" si="1267"/>
        <v>47.938826352345949</v>
      </c>
      <c r="N5413" s="236">
        <f t="shared" si="1268"/>
        <v>0.28986655562355251</v>
      </c>
      <c r="O5413" s="236">
        <f t="shared" si="1272"/>
        <v>1.9149500910695096</v>
      </c>
      <c r="P5413" s="236" t="str">
        <f t="shared" si="1273"/>
        <v>SAND</v>
      </c>
      <c r="Q5413" s="236" t="e">
        <f t="shared" si="1269"/>
        <v>#N/A</v>
      </c>
      <c r="R5413" s="238">
        <v>35</v>
      </c>
      <c r="S5413" s="236" t="e">
        <f t="shared" si="1274"/>
        <v>#N/A</v>
      </c>
      <c r="T5413" s="236">
        <f t="shared" si="1260"/>
        <v>36.087561370805588</v>
      </c>
    </row>
    <row r="5414" spans="1:20" x14ac:dyDescent="0.2">
      <c r="A5414" s="53">
        <f t="shared" si="1261"/>
        <v>5402</v>
      </c>
      <c r="B5414" s="239">
        <v>53.613</v>
      </c>
      <c r="C5414" s="3">
        <f t="shared" si="1262"/>
        <v>53.606000000000002</v>
      </c>
      <c r="D5414" s="239">
        <v>25.692599999999999</v>
      </c>
      <c r="E5414" s="239">
        <v>6.7100000000000007E-2</v>
      </c>
      <c r="F5414" s="239">
        <v>-0.1792</v>
      </c>
      <c r="G5414">
        <f t="shared" si="1263"/>
        <v>25.656759999999998</v>
      </c>
      <c r="H5414" s="235">
        <f t="shared" si="1264"/>
        <v>0.26152951502839805</v>
      </c>
      <c r="I5414" s="236">
        <f t="shared" si="1265"/>
        <v>19.444875489373391</v>
      </c>
      <c r="J5414" s="237">
        <f t="shared" si="1270"/>
        <v>9.4448754893733913</v>
      </c>
      <c r="K5414" s="237">
        <f t="shared" si="1266"/>
        <v>1042.36199548335</v>
      </c>
      <c r="L5414" s="237">
        <f t="shared" si="1271"/>
        <v>506.36810961177559</v>
      </c>
      <c r="M5414" s="236">
        <f t="shared" si="1267"/>
        <v>48.609692311366366</v>
      </c>
      <c r="N5414" s="236">
        <f t="shared" si="1268"/>
        <v>0.27260467628616147</v>
      </c>
      <c r="O5414" s="236">
        <f t="shared" si="1272"/>
        <v>1.8999476898780008</v>
      </c>
      <c r="P5414" s="236" t="str">
        <f t="shared" si="1273"/>
        <v>SAND</v>
      </c>
      <c r="Q5414" s="236" t="e">
        <f t="shared" si="1269"/>
        <v>#N/A</v>
      </c>
      <c r="R5414" s="238">
        <v>35</v>
      </c>
      <c r="S5414" s="236" t="e">
        <f t="shared" si="1274"/>
        <v>#N/A</v>
      </c>
      <c r="T5414" s="236">
        <f t="shared" si="1260"/>
        <v>36.153951593044297</v>
      </c>
    </row>
    <row r="5415" spans="1:20" x14ac:dyDescent="0.2">
      <c r="A5415" s="53">
        <f t="shared" si="1261"/>
        <v>5403</v>
      </c>
      <c r="B5415" s="239">
        <v>53.624000000000002</v>
      </c>
      <c r="C5415" s="3">
        <f t="shared" si="1262"/>
        <v>53.617000000000004</v>
      </c>
      <c r="D5415" s="239">
        <v>25.5457</v>
      </c>
      <c r="E5415" s="239">
        <v>6.6500000000000004E-2</v>
      </c>
      <c r="F5415" s="239">
        <v>-0.17269999999999999</v>
      </c>
      <c r="G5415">
        <f t="shared" si="1263"/>
        <v>25.51116</v>
      </c>
      <c r="H5415" s="235">
        <f t="shared" si="1264"/>
        <v>0.2606702321650603</v>
      </c>
      <c r="I5415" s="236">
        <f t="shared" si="1265"/>
        <v>19.432118682602592</v>
      </c>
      <c r="J5415" s="237">
        <f t="shared" si="1270"/>
        <v>9.4321186826025922</v>
      </c>
      <c r="K5415" s="237">
        <f t="shared" si="1266"/>
        <v>1041.8919074051032</v>
      </c>
      <c r="L5415" s="237">
        <f t="shared" si="1271"/>
        <v>505.78793223588144</v>
      </c>
      <c r="M5415" s="236">
        <f t="shared" si="1267"/>
        <v>48.378513074494037</v>
      </c>
      <c r="N5415" s="236">
        <f t="shared" si="1268"/>
        <v>0.27176946914944633</v>
      </c>
      <c r="O5415" s="236">
        <f t="shared" si="1272"/>
        <v>1.9014321312655289</v>
      </c>
      <c r="P5415" s="236" t="str">
        <f t="shared" si="1273"/>
        <v>SAND</v>
      </c>
      <c r="Q5415" s="236" t="e">
        <f t="shared" si="1269"/>
        <v>#N/A</v>
      </c>
      <c r="R5415" s="238">
        <v>35</v>
      </c>
      <c r="S5415" s="236" t="e">
        <f t="shared" si="1274"/>
        <v>#N/A</v>
      </c>
      <c r="T5415" s="236">
        <f t="shared" si="1260"/>
        <v>36.131177676915186</v>
      </c>
    </row>
    <row r="5416" spans="1:20" x14ac:dyDescent="0.2">
      <c r="A5416" s="53">
        <f t="shared" si="1261"/>
        <v>5404</v>
      </c>
      <c r="B5416" s="239">
        <v>53.634</v>
      </c>
      <c r="C5416" s="3">
        <f t="shared" si="1262"/>
        <v>53.627000000000002</v>
      </c>
      <c r="D5416" s="239">
        <v>25.154900000000001</v>
      </c>
      <c r="E5416" s="239">
        <v>6.54E-2</v>
      </c>
      <c r="F5416" s="239">
        <v>-0.15809999999999999</v>
      </c>
      <c r="G5416">
        <f t="shared" si="1263"/>
        <v>25.123280000000001</v>
      </c>
      <c r="H5416" s="235">
        <f t="shared" si="1264"/>
        <v>0.26031632812276101</v>
      </c>
      <c r="I5416" s="236">
        <f t="shared" si="1265"/>
        <v>19.406571679602081</v>
      </c>
      <c r="J5416" s="237">
        <f t="shared" si="1270"/>
        <v>9.4065716796020808</v>
      </c>
      <c r="K5416" s="237">
        <f t="shared" si="1266"/>
        <v>1040.7162194620209</v>
      </c>
      <c r="L5416" s="237">
        <f t="shared" si="1271"/>
        <v>504.51206546377801</v>
      </c>
      <c r="M5416" s="236">
        <f t="shared" si="1267"/>
        <v>47.734366389037362</v>
      </c>
      <c r="N5416" s="236">
        <f t="shared" si="1268"/>
        <v>0.27156577097016638</v>
      </c>
      <c r="O5416" s="236">
        <f t="shared" si="1272"/>
        <v>1.9067874446568516</v>
      </c>
      <c r="P5416" s="236" t="str">
        <f t="shared" si="1273"/>
        <v>SAND</v>
      </c>
      <c r="Q5416" s="236" t="e">
        <f t="shared" si="1269"/>
        <v>#N/A</v>
      </c>
      <c r="R5416" s="238">
        <v>35</v>
      </c>
      <c r="S5416" s="236" t="e">
        <f t="shared" si="1274"/>
        <v>#N/A</v>
      </c>
      <c r="T5416" s="236">
        <f t="shared" si="1260"/>
        <v>36.067142784759383</v>
      </c>
    </row>
    <row r="5417" spans="1:20" x14ac:dyDescent="0.2">
      <c r="A5417" s="53">
        <f t="shared" si="1261"/>
        <v>5405</v>
      </c>
      <c r="B5417" s="239">
        <v>53.645000000000003</v>
      </c>
      <c r="C5417" s="3">
        <f t="shared" si="1262"/>
        <v>53.638000000000005</v>
      </c>
      <c r="D5417" s="239">
        <v>24.800599999999999</v>
      </c>
      <c r="E5417" s="239">
        <v>6.1499999999999999E-2</v>
      </c>
      <c r="F5417" s="239">
        <v>-0.1477</v>
      </c>
      <c r="G5417">
        <f t="shared" si="1263"/>
        <v>24.771059999999999</v>
      </c>
      <c r="H5417" s="235">
        <f t="shared" si="1264"/>
        <v>0.24827359022988926</v>
      </c>
      <c r="I5417" s="236">
        <f t="shared" si="1265"/>
        <v>19.328955999107276</v>
      </c>
      <c r="J5417" s="237">
        <f t="shared" si="1270"/>
        <v>9.3289559991072757</v>
      </c>
      <c r="K5417" s="237">
        <f t="shared" si="1266"/>
        <v>1036.7665418801162</v>
      </c>
      <c r="L5417" s="237">
        <f t="shared" si="1271"/>
        <v>500.45184457210985</v>
      </c>
      <c r="M5417" s="236">
        <f t="shared" si="1267"/>
        <v>47.425728799966528</v>
      </c>
      <c r="N5417" s="236">
        <f t="shared" si="1268"/>
        <v>0.25911873091364285</v>
      </c>
      <c r="O5417" s="236">
        <f t="shared" si="1272"/>
        <v>1.9025526167397189</v>
      </c>
      <c r="P5417" s="236" t="str">
        <f t="shared" si="1273"/>
        <v>SAND</v>
      </c>
      <c r="Q5417" s="236" t="e">
        <f t="shared" si="1269"/>
        <v>#N/A</v>
      </c>
      <c r="R5417" s="238">
        <v>35</v>
      </c>
      <c r="S5417" s="236" t="e">
        <f t="shared" si="1274"/>
        <v>#N/A</v>
      </c>
      <c r="T5417" s="236">
        <f t="shared" si="1260"/>
        <v>36.036154148453747</v>
      </c>
    </row>
    <row r="5418" spans="1:20" x14ac:dyDescent="0.2">
      <c r="A5418" s="53">
        <f t="shared" si="1261"/>
        <v>5406</v>
      </c>
      <c r="B5418" s="239">
        <v>53.654000000000003</v>
      </c>
      <c r="C5418" s="3">
        <f t="shared" si="1262"/>
        <v>53.647000000000006</v>
      </c>
      <c r="D5418" s="239">
        <v>24.4011</v>
      </c>
      <c r="E5418" s="239">
        <v>5.91E-2</v>
      </c>
      <c r="F5418" s="239">
        <v>-0.14180000000000001</v>
      </c>
      <c r="G5418">
        <f t="shared" si="1263"/>
        <v>24.37274</v>
      </c>
      <c r="H5418" s="235">
        <f t="shared" si="1264"/>
        <v>0.24248402108257011</v>
      </c>
      <c r="I5418" s="236">
        <f t="shared" si="1265"/>
        <v>19.275943172811079</v>
      </c>
      <c r="J5418" s="237">
        <f t="shared" si="1270"/>
        <v>9.2759431728110791</v>
      </c>
      <c r="K5418" s="237">
        <f t="shared" si="1266"/>
        <v>1034.0965233917962</v>
      </c>
      <c r="L5418" s="237">
        <f t="shared" si="1271"/>
        <v>497.69145499400565</v>
      </c>
      <c r="M5418" s="236">
        <f t="shared" si="1267"/>
        <v>46.893799848119357</v>
      </c>
      <c r="N5418" s="236">
        <f t="shared" si="1268"/>
        <v>0.25322808525368923</v>
      </c>
      <c r="O5418" s="236">
        <f t="shared" si="1272"/>
        <v>1.9038783485346435</v>
      </c>
      <c r="P5418" s="236" t="str">
        <f t="shared" si="1273"/>
        <v>SAND</v>
      </c>
      <c r="Q5418" s="236" t="e">
        <f t="shared" si="1269"/>
        <v>#N/A</v>
      </c>
      <c r="R5418" s="238">
        <v>35</v>
      </c>
      <c r="S5418" s="236" t="e">
        <f t="shared" si="1274"/>
        <v>#N/A</v>
      </c>
      <c r="T5418" s="236">
        <f t="shared" si="1260"/>
        <v>35.982269679945745</v>
      </c>
    </row>
    <row r="5419" spans="1:20" x14ac:dyDescent="0.2">
      <c r="A5419" s="53">
        <f t="shared" si="1261"/>
        <v>5407</v>
      </c>
      <c r="B5419" s="239">
        <v>53.664999999999999</v>
      </c>
      <c r="C5419" s="3">
        <f t="shared" si="1262"/>
        <v>53.658000000000001</v>
      </c>
      <c r="D5419" s="239">
        <v>23.817299999999999</v>
      </c>
      <c r="E5419" s="239">
        <v>5.7599999999999998E-2</v>
      </c>
      <c r="F5419" s="239">
        <v>-0.12039999999999999</v>
      </c>
      <c r="G5419">
        <f t="shared" si="1263"/>
        <v>23.793219999999998</v>
      </c>
      <c r="H5419" s="235">
        <f t="shared" si="1264"/>
        <v>0.24208577065231188</v>
      </c>
      <c r="I5419" s="236">
        <f t="shared" si="1265"/>
        <v>19.236391657847133</v>
      </c>
      <c r="J5419" s="237">
        <f t="shared" si="1270"/>
        <v>9.2363916578471326</v>
      </c>
      <c r="K5419" s="237">
        <f t="shared" si="1266"/>
        <v>1032.1863035767615</v>
      </c>
      <c r="L5419" s="237">
        <f t="shared" si="1271"/>
        <v>495.67095831836639</v>
      </c>
      <c r="M5419" s="236">
        <f t="shared" si="1267"/>
        <v>45.919643494231039</v>
      </c>
      <c r="N5419" s="236">
        <f t="shared" si="1268"/>
        <v>0.25306407770509781</v>
      </c>
      <c r="O5419" s="236">
        <f t="shared" si="1272"/>
        <v>1.9124031098286318</v>
      </c>
      <c r="P5419" s="236" t="str">
        <f t="shared" si="1273"/>
        <v>SAND</v>
      </c>
      <c r="Q5419" s="236" t="e">
        <f t="shared" si="1269"/>
        <v>#N/A</v>
      </c>
      <c r="R5419" s="238">
        <v>35</v>
      </c>
      <c r="S5419" s="236" t="e">
        <f t="shared" si="1274"/>
        <v>#N/A</v>
      </c>
      <c r="T5419" s="236">
        <f t="shared" si="1260"/>
        <v>35.881983584439311</v>
      </c>
    </row>
    <row r="5420" spans="1:20" x14ac:dyDescent="0.2">
      <c r="A5420" s="53">
        <f t="shared" si="1261"/>
        <v>5408</v>
      </c>
      <c r="B5420" s="239">
        <v>53.676000000000002</v>
      </c>
      <c r="C5420" s="3">
        <f t="shared" si="1262"/>
        <v>53.669000000000004</v>
      </c>
      <c r="D5420" s="239">
        <v>23.367899999999999</v>
      </c>
      <c r="E5420" s="239">
        <v>5.8099999999999999E-2</v>
      </c>
      <c r="F5420" s="239">
        <v>-3.2399999999999998E-2</v>
      </c>
      <c r="G5420">
        <f t="shared" si="1263"/>
        <v>23.361419999999999</v>
      </c>
      <c r="H5420" s="235">
        <f t="shared" si="1264"/>
        <v>0.24870063549219182</v>
      </c>
      <c r="I5420" s="236">
        <f t="shared" si="1265"/>
        <v>19.239367925485752</v>
      </c>
      <c r="J5420" s="237">
        <f t="shared" si="1270"/>
        <v>9.2393679254857517</v>
      </c>
      <c r="K5420" s="237">
        <f t="shared" si="1266"/>
        <v>1032.5576371928948</v>
      </c>
      <c r="L5420" s="237">
        <f t="shared" si="1271"/>
        <v>495.93231276837321</v>
      </c>
      <c r="M5420" s="236">
        <f t="shared" si="1267"/>
        <v>45.024011922441261</v>
      </c>
      <c r="N5420" s="236">
        <f t="shared" si="1268"/>
        <v>0.26020134414360679</v>
      </c>
      <c r="O5420" s="236">
        <f t="shared" si="1272"/>
        <v>1.9244462097575086</v>
      </c>
      <c r="P5420" s="236" t="str">
        <f t="shared" si="1273"/>
        <v>SAND</v>
      </c>
      <c r="Q5420" s="236" t="e">
        <f t="shared" si="1269"/>
        <v>#N/A</v>
      </c>
      <c r="R5420" s="238">
        <v>35</v>
      </c>
      <c r="S5420" s="236" t="e">
        <f t="shared" si="1274"/>
        <v>#N/A</v>
      </c>
      <c r="T5420" s="236">
        <f t="shared" si="1260"/>
        <v>35.787886098323099</v>
      </c>
    </row>
    <row r="5421" spans="1:20" x14ac:dyDescent="0.2">
      <c r="A5421" s="53">
        <f t="shared" si="1261"/>
        <v>5409</v>
      </c>
      <c r="B5421" s="239">
        <v>53.698999999999998</v>
      </c>
      <c r="C5421" s="3">
        <f t="shared" si="1262"/>
        <v>53.692</v>
      </c>
      <c r="D5421" s="239">
        <v>21.500499999999999</v>
      </c>
      <c r="E5421" s="239">
        <v>4.9500000000000002E-2</v>
      </c>
      <c r="F5421" s="239">
        <v>0.37319999999999998</v>
      </c>
      <c r="G5421">
        <f t="shared" si="1263"/>
        <v>21.575139999999998</v>
      </c>
      <c r="H5421" s="235">
        <f t="shared" si="1264"/>
        <v>0.22943072443562365</v>
      </c>
      <c r="I5421" s="236">
        <f t="shared" si="1265"/>
        <v>19.020435351763449</v>
      </c>
      <c r="J5421" s="237">
        <f t="shared" si="1270"/>
        <v>9.0204353517634495</v>
      </c>
      <c r="K5421" s="237">
        <f t="shared" si="1266"/>
        <v>1021.2452149068831</v>
      </c>
      <c r="L5421" s="237">
        <f t="shared" si="1271"/>
        <v>484.38835795434545</v>
      </c>
      <c r="M5421" s="236">
        <f t="shared" si="1267"/>
        <v>42.432677102099881</v>
      </c>
      <c r="N5421" s="236">
        <f t="shared" si="1268"/>
        <v>0.24083026850901415</v>
      </c>
      <c r="O5421" s="236">
        <f t="shared" si="1272"/>
        <v>1.9380722143279898</v>
      </c>
      <c r="P5421" s="236" t="str">
        <f t="shared" si="1273"/>
        <v>SAND</v>
      </c>
      <c r="Q5421" s="236" t="e">
        <f t="shared" si="1269"/>
        <v>#N/A</v>
      </c>
      <c r="R5421" s="238">
        <v>35</v>
      </c>
      <c r="S5421" s="236" t="e">
        <f t="shared" si="1274"/>
        <v>#N/A</v>
      </c>
      <c r="T5421" s="236">
        <f t="shared" si="1260"/>
        <v>35.504704757726863</v>
      </c>
    </row>
    <row r="5422" spans="1:20" x14ac:dyDescent="0.2">
      <c r="A5422" s="53">
        <f t="shared" si="1261"/>
        <v>5410</v>
      </c>
      <c r="B5422" s="239">
        <v>53.71</v>
      </c>
      <c r="C5422" s="3">
        <f t="shared" si="1262"/>
        <v>53.703000000000003</v>
      </c>
      <c r="D5422" s="239">
        <v>21.374500000000001</v>
      </c>
      <c r="E5422" s="239">
        <v>4.4499999999999998E-2</v>
      </c>
      <c r="F5422" s="239">
        <v>0.3614</v>
      </c>
      <c r="G5422">
        <f t="shared" si="1263"/>
        <v>21.44678</v>
      </c>
      <c r="H5422" s="235">
        <f t="shared" si="1264"/>
        <v>0.20749035519551187</v>
      </c>
      <c r="I5422" s="236">
        <f t="shared" si="1265"/>
        <v>18.893240971184738</v>
      </c>
      <c r="J5422" s="237">
        <f t="shared" si="1270"/>
        <v>8.8932409711847384</v>
      </c>
      <c r="K5422" s="237">
        <f t="shared" si="1266"/>
        <v>1014.6237198755341</v>
      </c>
      <c r="L5422" s="237">
        <f t="shared" si="1271"/>
        <v>477.65597256233229</v>
      </c>
      <c r="M5422" s="236">
        <f t="shared" si="1267"/>
        <v>42.775883593621657</v>
      </c>
      <c r="N5422" s="236">
        <f t="shared" si="1268"/>
        <v>0.21779394886132361</v>
      </c>
      <c r="O5422" s="236">
        <f t="shared" si="1272"/>
        <v>1.9216150192929147</v>
      </c>
      <c r="P5422" s="236" t="str">
        <f t="shared" si="1273"/>
        <v>SAND</v>
      </c>
      <c r="Q5422" s="236" t="e">
        <f t="shared" si="1269"/>
        <v>#N/A</v>
      </c>
      <c r="R5422" s="238">
        <v>35</v>
      </c>
      <c r="S5422" s="236" t="e">
        <f t="shared" si="1274"/>
        <v>#N/A</v>
      </c>
      <c r="T5422" s="236">
        <f t="shared" si="1260"/>
        <v>35.543188881690597</v>
      </c>
    </row>
    <row r="5423" spans="1:20" x14ac:dyDescent="0.2">
      <c r="A5423" s="53">
        <f t="shared" si="1261"/>
        <v>5411</v>
      </c>
      <c r="B5423" s="239">
        <v>53.72</v>
      </c>
      <c r="C5423" s="3">
        <f t="shared" si="1262"/>
        <v>53.713000000000001</v>
      </c>
      <c r="D5423" s="239">
        <v>20.945699999999999</v>
      </c>
      <c r="E5423" s="239">
        <v>4.1399999999999999E-2</v>
      </c>
      <c r="F5423" s="239">
        <v>0.3705</v>
      </c>
      <c r="G5423">
        <f t="shared" si="1263"/>
        <v>21.0198</v>
      </c>
      <c r="H5423" s="235">
        <f t="shared" si="1264"/>
        <v>0.19695715468272773</v>
      </c>
      <c r="I5423" s="236">
        <f t="shared" si="1265"/>
        <v>18.800709696931978</v>
      </c>
      <c r="J5423" s="237">
        <f t="shared" si="1270"/>
        <v>8.8007096969319782</v>
      </c>
      <c r="K5423" s="237">
        <f t="shared" si="1266"/>
        <v>1009.8425199513074</v>
      </c>
      <c r="L5423" s="237">
        <f t="shared" si="1271"/>
        <v>472.77412491918585</v>
      </c>
      <c r="M5423" s="236">
        <f t="shared" si="1267"/>
        <v>42.324561403332119</v>
      </c>
      <c r="N5423" s="236">
        <f t="shared" si="1268"/>
        <v>0.20689699136681652</v>
      </c>
      <c r="O5423" s="236">
        <f t="shared" si="1272"/>
        <v>1.9196832737552918</v>
      </c>
      <c r="P5423" s="236" t="str">
        <f t="shared" si="1273"/>
        <v>SAND</v>
      </c>
      <c r="Q5423" s="236" t="e">
        <f t="shared" si="1269"/>
        <v>#N/A</v>
      </c>
      <c r="R5423" s="238">
        <v>35</v>
      </c>
      <c r="S5423" s="236" t="e">
        <f t="shared" si="1274"/>
        <v>#N/A</v>
      </c>
      <c r="T5423" s="236">
        <f t="shared" si="1260"/>
        <v>35.492517129756791</v>
      </c>
    </row>
    <row r="5424" spans="1:20" x14ac:dyDescent="0.2">
      <c r="A5424" s="53">
        <f t="shared" si="1261"/>
        <v>5412</v>
      </c>
      <c r="B5424" s="239">
        <v>53.728999999999999</v>
      </c>
      <c r="C5424" s="3">
        <f t="shared" si="1262"/>
        <v>53.722000000000001</v>
      </c>
      <c r="D5424" s="239">
        <v>20.626999999999999</v>
      </c>
      <c r="E5424" s="239">
        <v>4.3700000000000003E-2</v>
      </c>
      <c r="F5424" s="239">
        <v>0.3372</v>
      </c>
      <c r="G5424">
        <f t="shared" si="1263"/>
        <v>20.69444</v>
      </c>
      <c r="H5424" s="235">
        <f t="shared" si="1264"/>
        <v>0.21116783058637975</v>
      </c>
      <c r="I5424" s="236">
        <f t="shared" si="1265"/>
        <v>18.858011245041354</v>
      </c>
      <c r="J5424" s="237">
        <f t="shared" si="1270"/>
        <v>8.8580112450413537</v>
      </c>
      <c r="K5424" s="237">
        <f t="shared" si="1266"/>
        <v>1013.0900801061116</v>
      </c>
      <c r="L5424" s="237">
        <f t="shared" si="1271"/>
        <v>475.93208618482691</v>
      </c>
      <c r="M5424" s="236">
        <f t="shared" si="1267"/>
        <v>41.353273904400488</v>
      </c>
      <c r="N5424" s="236">
        <f t="shared" si="1268"/>
        <v>0.22203761519339732</v>
      </c>
      <c r="O5424" s="236">
        <f t="shared" si="1272"/>
        <v>1.9381085107618499</v>
      </c>
      <c r="P5424" s="236" t="str">
        <f t="shared" si="1273"/>
        <v>SAND</v>
      </c>
      <c r="Q5424" s="236" t="e">
        <f t="shared" si="1269"/>
        <v>#N/A</v>
      </c>
      <c r="R5424" s="238">
        <v>35</v>
      </c>
      <c r="S5424" s="236" t="e">
        <f t="shared" si="1274"/>
        <v>#N/A</v>
      </c>
      <c r="T5424" s="236">
        <f t="shared" si="1260"/>
        <v>35.381608877819957</v>
      </c>
    </row>
    <row r="5425" spans="1:20" x14ac:dyDescent="0.2">
      <c r="A5425" s="53">
        <f t="shared" si="1261"/>
        <v>5413</v>
      </c>
      <c r="B5425" s="239">
        <v>53.746000000000002</v>
      </c>
      <c r="C5425" s="3">
        <f t="shared" si="1262"/>
        <v>53.739000000000004</v>
      </c>
      <c r="D5425" s="239">
        <v>19.658100000000001</v>
      </c>
      <c r="E5425" s="239">
        <v>4.9799999999999997E-2</v>
      </c>
      <c r="F5425" s="239">
        <v>0.40889999999999999</v>
      </c>
      <c r="G5425">
        <f t="shared" si="1263"/>
        <v>19.739879999999999</v>
      </c>
      <c r="H5425" s="235">
        <f t="shared" si="1264"/>
        <v>0.25228116888248558</v>
      </c>
      <c r="I5425" s="236">
        <f t="shared" si="1265"/>
        <v>18.992772337247526</v>
      </c>
      <c r="J5425" s="237">
        <f t="shared" si="1270"/>
        <v>8.9927723372475263</v>
      </c>
      <c r="K5425" s="237">
        <f t="shared" si="1266"/>
        <v>1020.6525926313449</v>
      </c>
      <c r="L5425" s="237">
        <f t="shared" si="1271"/>
        <v>483.32554203770559</v>
      </c>
      <c r="M5425" s="236">
        <f t="shared" si="1267"/>
        <v>38.730060340796797</v>
      </c>
      <c r="N5425" s="236">
        <f t="shared" si="1268"/>
        <v>0.26603662061606598</v>
      </c>
      <c r="O5425" s="236">
        <f t="shared" si="1272"/>
        <v>1.9893949118480705</v>
      </c>
      <c r="P5425" s="236" t="str">
        <f t="shared" si="1273"/>
        <v>SAND</v>
      </c>
      <c r="Q5425" s="236" t="e">
        <f t="shared" si="1269"/>
        <v>#N/A</v>
      </c>
      <c r="R5425" s="238">
        <v>35</v>
      </c>
      <c r="S5425" s="236" t="e">
        <f t="shared" si="1274"/>
        <v>#N/A</v>
      </c>
      <c r="T5425" s="236">
        <f t="shared" si="1260"/>
        <v>35.068529909712943</v>
      </c>
    </row>
    <row r="5426" spans="1:20" x14ac:dyDescent="0.2">
      <c r="A5426" s="53">
        <f t="shared" si="1261"/>
        <v>5414</v>
      </c>
      <c r="B5426" s="239">
        <v>53.755000000000003</v>
      </c>
      <c r="C5426" s="3">
        <f t="shared" si="1262"/>
        <v>53.748000000000005</v>
      </c>
      <c r="D5426" s="239">
        <v>19.4803</v>
      </c>
      <c r="E5426" s="239">
        <v>5.3400000000000003E-2</v>
      </c>
      <c r="F5426" s="239">
        <v>0.37959999999999999</v>
      </c>
      <c r="G5426">
        <f t="shared" si="1263"/>
        <v>19.55622</v>
      </c>
      <c r="H5426" s="235">
        <f t="shared" si="1264"/>
        <v>0.27305890402132932</v>
      </c>
      <c r="I5426" s="236">
        <f t="shared" si="1265"/>
        <v>19.070960871199169</v>
      </c>
      <c r="J5426" s="237">
        <f t="shared" si="1270"/>
        <v>9.0709608711991692</v>
      </c>
      <c r="K5426" s="237">
        <f t="shared" si="1266"/>
        <v>1025.0260049052131</v>
      </c>
      <c r="L5426" s="237">
        <f t="shared" si="1271"/>
        <v>487.60950163131139</v>
      </c>
      <c r="M5426" s="236">
        <f t="shared" si="1267"/>
        <v>38.004169182713127</v>
      </c>
      <c r="N5426" s="236">
        <f t="shared" si="1268"/>
        <v>0.28816275958330045</v>
      </c>
      <c r="O5426" s="236">
        <f t="shared" si="1272"/>
        <v>2.008642711906377</v>
      </c>
      <c r="P5426" s="236" t="str">
        <f t="shared" si="1273"/>
        <v>SAND</v>
      </c>
      <c r="Q5426" s="236" t="e">
        <f t="shared" si="1269"/>
        <v>#N/A</v>
      </c>
      <c r="R5426" s="238">
        <v>35</v>
      </c>
      <c r="S5426" s="236" t="e">
        <f t="shared" si="1274"/>
        <v>#N/A</v>
      </c>
      <c r="T5426" s="236">
        <f t="shared" si="1260"/>
        <v>34.978143670442272</v>
      </c>
    </row>
    <row r="5427" spans="1:20" x14ac:dyDescent="0.2">
      <c r="A5427" s="53">
        <f t="shared" si="1261"/>
        <v>5415</v>
      </c>
      <c r="B5427" s="239">
        <v>53.765999999999998</v>
      </c>
      <c r="C5427" s="3">
        <f t="shared" si="1262"/>
        <v>53.759</v>
      </c>
      <c r="D5427" s="239">
        <v>19.197700000000001</v>
      </c>
      <c r="E5427" s="239">
        <v>5.3800000000000001E-2</v>
      </c>
      <c r="F5427" s="239">
        <v>0.38090000000000002</v>
      </c>
      <c r="G5427">
        <f t="shared" si="1263"/>
        <v>19.273880000000002</v>
      </c>
      <c r="H5427" s="235">
        <f t="shared" si="1264"/>
        <v>0.27913424800818515</v>
      </c>
      <c r="I5427" s="236">
        <f t="shared" si="1265"/>
        <v>19.074027434330002</v>
      </c>
      <c r="J5427" s="237">
        <f t="shared" si="1270"/>
        <v>9.0740274343300023</v>
      </c>
      <c r="K5427" s="237">
        <f t="shared" si="1266"/>
        <v>1025.4006408421467</v>
      </c>
      <c r="L5427" s="237">
        <f t="shared" si="1271"/>
        <v>487.8741590341869</v>
      </c>
      <c r="M5427" s="236">
        <f t="shared" si="1267"/>
        <v>37.404070335029004</v>
      </c>
      <c r="N5427" s="236">
        <f t="shared" si="1268"/>
        <v>0.29481908569549331</v>
      </c>
      <c r="O5427" s="236">
        <f t="shared" si="1272"/>
        <v>2.0185152343901329</v>
      </c>
      <c r="P5427" s="236" t="str">
        <f t="shared" si="1273"/>
        <v>SAND</v>
      </c>
      <c r="Q5427" s="236" t="e">
        <f t="shared" si="1269"/>
        <v>#N/A</v>
      </c>
      <c r="R5427" s="238">
        <v>35</v>
      </c>
      <c r="S5427" s="236" t="e">
        <f t="shared" si="1274"/>
        <v>#N/A</v>
      </c>
      <c r="T5427" s="236">
        <f t="shared" si="1260"/>
        <v>34.902107514751364</v>
      </c>
    </row>
    <row r="5428" spans="1:20" x14ac:dyDescent="0.2">
      <c r="A5428" s="53">
        <f t="shared" si="1261"/>
        <v>5416</v>
      </c>
      <c r="B5428" s="239">
        <v>53.776000000000003</v>
      </c>
      <c r="C5428" s="3">
        <f t="shared" si="1262"/>
        <v>53.769000000000005</v>
      </c>
      <c r="D5428" s="239">
        <v>19.1007</v>
      </c>
      <c r="E5428" s="239">
        <v>5.4399999999999997E-2</v>
      </c>
      <c r="F5428" s="239">
        <v>0.39500000000000002</v>
      </c>
      <c r="G5428">
        <f t="shared" si="1263"/>
        <v>19.1797</v>
      </c>
      <c r="H5428" s="235">
        <f t="shared" si="1264"/>
        <v>0.28363321636939054</v>
      </c>
      <c r="I5428" s="236">
        <f t="shared" si="1265"/>
        <v>19.085117712436418</v>
      </c>
      <c r="J5428" s="237">
        <f t="shared" si="1270"/>
        <v>9.0851177124364177</v>
      </c>
      <c r="K5428" s="237">
        <f t="shared" si="1266"/>
        <v>1026.1876942799938</v>
      </c>
      <c r="L5428" s="237">
        <f t="shared" si="1271"/>
        <v>488.56129010398081</v>
      </c>
      <c r="M5428" s="236">
        <f t="shared" si="1267"/>
        <v>37.157082792736986</v>
      </c>
      <c r="N5428" s="236">
        <f t="shared" si="1268"/>
        <v>0.29966652779836467</v>
      </c>
      <c r="O5428" s="236">
        <f t="shared" si="1272"/>
        <v>2.0236468848833895</v>
      </c>
      <c r="P5428" s="236" t="str">
        <f t="shared" si="1273"/>
        <v>SAND</v>
      </c>
      <c r="Q5428" s="236" t="e">
        <f t="shared" si="1269"/>
        <v>#N/A</v>
      </c>
      <c r="R5428" s="238">
        <v>35</v>
      </c>
      <c r="S5428" s="236" t="e">
        <f t="shared" si="1274"/>
        <v>#N/A</v>
      </c>
      <c r="T5428" s="236">
        <f t="shared" si="1260"/>
        <v>34.870457711599059</v>
      </c>
    </row>
    <row r="5429" spans="1:20" x14ac:dyDescent="0.2">
      <c r="A5429" s="53">
        <f t="shared" si="1261"/>
        <v>5417</v>
      </c>
      <c r="B5429" s="239">
        <v>53.786000000000001</v>
      </c>
      <c r="C5429" s="3">
        <f t="shared" si="1262"/>
        <v>53.779000000000003</v>
      </c>
      <c r="D5429" s="239">
        <v>19.235399999999998</v>
      </c>
      <c r="E5429" s="239">
        <v>5.62E-2</v>
      </c>
      <c r="F5429" s="239">
        <v>0.35620000000000002</v>
      </c>
      <c r="G5429">
        <f t="shared" si="1263"/>
        <v>19.306639999999998</v>
      </c>
      <c r="H5429" s="235">
        <f t="shared" si="1264"/>
        <v>0.2910915622811634</v>
      </c>
      <c r="I5429" s="236">
        <f t="shared" si="1265"/>
        <v>19.125867135172232</v>
      </c>
      <c r="J5429" s="237">
        <f t="shared" si="1270"/>
        <v>9.125867135172232</v>
      </c>
      <c r="K5429" s="237">
        <f t="shared" si="1266"/>
        <v>1028.5700086624274</v>
      </c>
      <c r="L5429" s="237">
        <f t="shared" si="1271"/>
        <v>490.84388973237367</v>
      </c>
      <c r="M5429" s="236">
        <f t="shared" si="1267"/>
        <v>37.238051392069799</v>
      </c>
      <c r="N5429" s="236">
        <f t="shared" si="1268"/>
        <v>0.30747228797479476</v>
      </c>
      <c r="O5429" s="236">
        <f t="shared" si="1272"/>
        <v>2.0266326456184007</v>
      </c>
      <c r="P5429" s="236" t="str">
        <f t="shared" si="1273"/>
        <v>SAND</v>
      </c>
      <c r="Q5429" s="236" t="e">
        <f t="shared" si="1269"/>
        <v>#N/A</v>
      </c>
      <c r="R5429" s="238">
        <v>35</v>
      </c>
      <c r="S5429" s="236" t="e">
        <f t="shared" si="1274"/>
        <v>#N/A</v>
      </c>
      <c r="T5429" s="236">
        <f t="shared" si="1260"/>
        <v>34.880856416617618</v>
      </c>
    </row>
    <row r="5430" spans="1:20" x14ac:dyDescent="0.2">
      <c r="A5430" s="53">
        <f t="shared" si="1261"/>
        <v>5418</v>
      </c>
      <c r="B5430" s="239">
        <v>53.796999999999997</v>
      </c>
      <c r="C5430" s="3">
        <f t="shared" si="1262"/>
        <v>53.79</v>
      </c>
      <c r="D5430" s="239">
        <v>19.061599999999999</v>
      </c>
      <c r="E5430" s="239">
        <v>5.79E-2</v>
      </c>
      <c r="F5430" s="239">
        <v>0.3049</v>
      </c>
      <c r="G5430">
        <f t="shared" si="1263"/>
        <v>19.122579999999999</v>
      </c>
      <c r="H5430" s="235">
        <f t="shared" si="1264"/>
        <v>0.30278341102508138</v>
      </c>
      <c r="I5430" s="236">
        <f t="shared" si="1265"/>
        <v>19.157067014282781</v>
      </c>
      <c r="J5430" s="237">
        <f t="shared" si="1270"/>
        <v>9.1570670142827808</v>
      </c>
      <c r="K5430" s="237">
        <f t="shared" si="1266"/>
        <v>1030.4586346982708</v>
      </c>
      <c r="L5430" s="237">
        <f t="shared" si="1271"/>
        <v>492.62273416737071</v>
      </c>
      <c r="M5430" s="236">
        <f t="shared" si="1267"/>
        <v>36.726119422565766</v>
      </c>
      <c r="N5430" s="236">
        <f t="shared" si="1268"/>
        <v>0.32002880608044376</v>
      </c>
      <c r="O5430" s="236">
        <f t="shared" si="1272"/>
        <v>2.0383864401632334</v>
      </c>
      <c r="P5430" s="236" t="str">
        <f t="shared" si="1273"/>
        <v>SAND</v>
      </c>
      <c r="Q5430" s="236" t="e">
        <f t="shared" si="1269"/>
        <v>#N/A</v>
      </c>
      <c r="R5430" s="238">
        <v>35</v>
      </c>
      <c r="S5430" s="236" t="e">
        <f t="shared" si="1274"/>
        <v>#N/A</v>
      </c>
      <c r="T5430" s="236">
        <f t="shared" si="1260"/>
        <v>34.814725462917075</v>
      </c>
    </row>
    <row r="5431" spans="1:20" x14ac:dyDescent="0.2">
      <c r="A5431" s="53">
        <f t="shared" si="1261"/>
        <v>5419</v>
      </c>
      <c r="B5431" s="239">
        <v>53.807000000000002</v>
      </c>
      <c r="C5431" s="3">
        <f t="shared" si="1262"/>
        <v>53.800000000000004</v>
      </c>
      <c r="D5431" s="239">
        <v>18.889900000000001</v>
      </c>
      <c r="E5431" s="239">
        <v>6.0499999999999998E-2</v>
      </c>
      <c r="F5431" s="239">
        <v>0.34549999999999997</v>
      </c>
      <c r="G5431">
        <f t="shared" si="1263"/>
        <v>18.959</v>
      </c>
      <c r="H5431" s="235">
        <f t="shared" si="1264"/>
        <v>0.31910965768236721</v>
      </c>
      <c r="I5431" s="236">
        <f t="shared" si="1265"/>
        <v>19.205216449857932</v>
      </c>
      <c r="J5431" s="237">
        <f t="shared" si="1270"/>
        <v>9.2052164498579323</v>
      </c>
      <c r="K5431" s="237">
        <f t="shared" si="1266"/>
        <v>1033.2406450023568</v>
      </c>
      <c r="L5431" s="237">
        <f t="shared" si="1271"/>
        <v>495.30508151750576</v>
      </c>
      <c r="M5431" s="236">
        <f t="shared" si="1267"/>
        <v>36.191349582114249</v>
      </c>
      <c r="N5431" s="236">
        <f t="shared" si="1268"/>
        <v>0.33750313613985222</v>
      </c>
      <c r="O5431" s="236">
        <f t="shared" si="1272"/>
        <v>2.0526449713571884</v>
      </c>
      <c r="P5431" s="236" t="str">
        <f t="shared" si="1273"/>
        <v>SAND</v>
      </c>
      <c r="Q5431" s="236" t="e">
        <f t="shared" si="1269"/>
        <v>#N/A</v>
      </c>
      <c r="R5431" s="238">
        <v>35</v>
      </c>
      <c r="S5431" s="236" t="e">
        <f t="shared" si="1274"/>
        <v>#N/A</v>
      </c>
      <c r="T5431" s="236">
        <f t="shared" si="1260"/>
        <v>34.744652561648181</v>
      </c>
    </row>
    <row r="5432" spans="1:20" x14ac:dyDescent="0.2">
      <c r="A5432" s="53">
        <f t="shared" si="1261"/>
        <v>5420</v>
      </c>
      <c r="B5432" s="239">
        <v>53.817</v>
      </c>
      <c r="C5432" s="3">
        <f t="shared" si="1262"/>
        <v>53.81</v>
      </c>
      <c r="D5432" s="239">
        <v>18.711400000000001</v>
      </c>
      <c r="E5432" s="239">
        <v>6.1199999999999997E-2</v>
      </c>
      <c r="F5432" s="239">
        <v>0.26390000000000002</v>
      </c>
      <c r="G5432">
        <f t="shared" si="1263"/>
        <v>18.76418</v>
      </c>
      <c r="H5432" s="235">
        <f t="shared" si="1264"/>
        <v>0.32615334109990418</v>
      </c>
      <c r="I5432" s="236">
        <f t="shared" si="1265"/>
        <v>19.214668525509818</v>
      </c>
      <c r="J5432" s="237">
        <f t="shared" si="1270"/>
        <v>9.2146685255098184</v>
      </c>
      <c r="K5432" s="237">
        <f t="shared" si="1266"/>
        <v>1033.9413133576834</v>
      </c>
      <c r="L5432" s="237">
        <f t="shared" si="1271"/>
        <v>495.90581603736189</v>
      </c>
      <c r="M5432" s="236">
        <f t="shared" si="1267"/>
        <v>35.753238040883375</v>
      </c>
      <c r="N5432" s="236">
        <f t="shared" si="1268"/>
        <v>0.34517301815066431</v>
      </c>
      <c r="O5432" s="236">
        <f t="shared" si="1272"/>
        <v>2.0611404080773408</v>
      </c>
      <c r="P5432" s="236" t="str">
        <f t="shared" si="1273"/>
        <v>SAND</v>
      </c>
      <c r="Q5432" s="236" t="e">
        <f t="shared" si="1269"/>
        <v>#N/A</v>
      </c>
      <c r="R5432" s="238">
        <v>35</v>
      </c>
      <c r="S5432" s="236" t="e">
        <f t="shared" si="1274"/>
        <v>#N/A</v>
      </c>
      <c r="T5432" s="236">
        <f t="shared" si="1260"/>
        <v>34.686469184309885</v>
      </c>
    </row>
    <row r="5433" spans="1:20" x14ac:dyDescent="0.2">
      <c r="A5433" s="53">
        <f t="shared" si="1261"/>
        <v>5421</v>
      </c>
      <c r="B5433" s="239">
        <v>53.828000000000003</v>
      </c>
      <c r="C5433" s="3">
        <f t="shared" si="1262"/>
        <v>53.821000000000005</v>
      </c>
      <c r="D5433" s="239">
        <v>18.496600000000001</v>
      </c>
      <c r="E5433" s="239">
        <v>6.0100000000000001E-2</v>
      </c>
      <c r="F5433" s="239">
        <v>0.27179999999999999</v>
      </c>
      <c r="G5433">
        <f t="shared" si="1263"/>
        <v>18.55096</v>
      </c>
      <c r="H5433" s="235">
        <f t="shared" si="1264"/>
        <v>0.32397245209951403</v>
      </c>
      <c r="I5433" s="236">
        <f t="shared" si="1265"/>
        <v>19.188933878878093</v>
      </c>
      <c r="J5433" s="237">
        <f t="shared" si="1270"/>
        <v>9.1889338788780925</v>
      </c>
      <c r="K5433" s="237">
        <f t="shared" si="1266"/>
        <v>1032.7676102950979</v>
      </c>
      <c r="L5433" s="237">
        <f t="shared" si="1271"/>
        <v>494.62193283224997</v>
      </c>
      <c r="M5433" s="236">
        <f t="shared" si="1267"/>
        <v>35.417338429361891</v>
      </c>
      <c r="N5433" s="236">
        <f t="shared" si="1268"/>
        <v>0.34307192581878249</v>
      </c>
      <c r="O5433" s="236">
        <f t="shared" si="1272"/>
        <v>2.0639811645286446</v>
      </c>
      <c r="P5433" s="236" t="str">
        <f t="shared" si="1273"/>
        <v>SAND</v>
      </c>
      <c r="Q5433" s="236" t="e">
        <f t="shared" si="1269"/>
        <v>#N/A</v>
      </c>
      <c r="R5433" s="238">
        <v>35</v>
      </c>
      <c r="S5433" s="236" t="e">
        <f t="shared" si="1274"/>
        <v>#N/A</v>
      </c>
      <c r="T5433" s="236">
        <f t="shared" si="1260"/>
        <v>34.64137513506148</v>
      </c>
    </row>
    <row r="5434" spans="1:20" x14ac:dyDescent="0.2">
      <c r="A5434" s="53">
        <f t="shared" si="1261"/>
        <v>5422</v>
      </c>
      <c r="B5434" s="239">
        <v>53.838000000000001</v>
      </c>
      <c r="C5434" s="3">
        <f t="shared" si="1262"/>
        <v>53.831000000000003</v>
      </c>
      <c r="D5434" s="239">
        <v>18.274899999999999</v>
      </c>
      <c r="E5434" s="239">
        <v>5.8999999999999997E-2</v>
      </c>
      <c r="F5434" s="239">
        <v>0.24510000000000001</v>
      </c>
      <c r="G5434">
        <f t="shared" si="1263"/>
        <v>18.323919999999998</v>
      </c>
      <c r="H5434" s="235">
        <f t="shared" si="1264"/>
        <v>0.32198350571275142</v>
      </c>
      <c r="I5434" s="236">
        <f t="shared" si="1265"/>
        <v>19.162460034144573</v>
      </c>
      <c r="J5434" s="237">
        <f t="shared" si="1270"/>
        <v>9.1624600341445728</v>
      </c>
      <c r="K5434" s="237">
        <f t="shared" si="1266"/>
        <v>1031.5343860980365</v>
      </c>
      <c r="L5434" s="237">
        <f t="shared" si="1271"/>
        <v>493.28852331827551</v>
      </c>
      <c r="M5434" s="236">
        <f t="shared" si="1267"/>
        <v>35.055317114573761</v>
      </c>
      <c r="N5434" s="236">
        <f t="shared" si="1268"/>
        <v>0.34119063336505639</v>
      </c>
      <c r="O5434" s="236">
        <f t="shared" si="1272"/>
        <v>2.0672632095865802</v>
      </c>
      <c r="P5434" s="236" t="str">
        <f t="shared" si="1273"/>
        <v>SAND</v>
      </c>
      <c r="Q5434" s="236" t="e">
        <f t="shared" si="1269"/>
        <v>#N/A</v>
      </c>
      <c r="R5434" s="238">
        <v>35</v>
      </c>
      <c r="S5434" s="236" t="e">
        <f t="shared" si="1274"/>
        <v>#N/A</v>
      </c>
      <c r="T5434" s="236">
        <f t="shared" si="1260"/>
        <v>34.59229290159815</v>
      </c>
    </row>
    <row r="5435" spans="1:20" x14ac:dyDescent="0.2">
      <c r="A5435" s="53">
        <f t="shared" si="1261"/>
        <v>5423</v>
      </c>
      <c r="B5435" s="239">
        <v>53.848999999999997</v>
      </c>
      <c r="C5435" s="3">
        <f t="shared" si="1262"/>
        <v>53.841999999999999</v>
      </c>
      <c r="D5435" s="239">
        <v>18.163699999999999</v>
      </c>
      <c r="E5435" s="239">
        <v>6.4799999999999996E-2</v>
      </c>
      <c r="F5435" s="239">
        <v>0.25540000000000002</v>
      </c>
      <c r="G5435">
        <f t="shared" si="1263"/>
        <v>18.214779999999998</v>
      </c>
      <c r="H5435" s="235">
        <f t="shared" si="1264"/>
        <v>0.35575505166683324</v>
      </c>
      <c r="I5435" s="236">
        <f t="shared" si="1265"/>
        <v>19.270077107373368</v>
      </c>
      <c r="J5435" s="237">
        <f t="shared" si="1270"/>
        <v>9.2700771073733677</v>
      </c>
      <c r="K5435" s="237">
        <f t="shared" si="1266"/>
        <v>1037.5394916151968</v>
      </c>
      <c r="L5435" s="237">
        <f t="shared" si="1271"/>
        <v>499.18438215494842</v>
      </c>
      <c r="M5435" s="236">
        <f t="shared" si="1267"/>
        <v>34.410612836546903</v>
      </c>
      <c r="N5435" s="236">
        <f t="shared" si="1268"/>
        <v>0.37724336437141281</v>
      </c>
      <c r="O5435" s="236">
        <f t="shared" si="1272"/>
        <v>2.0910007739440735</v>
      </c>
      <c r="P5435" s="236" t="str">
        <f t="shared" si="1273"/>
        <v>SAND</v>
      </c>
      <c r="Q5435" s="236" t="e">
        <f t="shared" si="1269"/>
        <v>#N/A</v>
      </c>
      <c r="R5435" s="238">
        <v>35</v>
      </c>
      <c r="S5435" s="236" t="e">
        <f t="shared" si="1274"/>
        <v>#N/A</v>
      </c>
      <c r="T5435" s="236">
        <f t="shared" si="1260"/>
        <v>34.503616479933591</v>
      </c>
    </row>
    <row r="5436" spans="1:20" x14ac:dyDescent="0.2">
      <c r="A5436" s="53">
        <f t="shared" si="1261"/>
        <v>5424</v>
      </c>
      <c r="B5436" s="239">
        <v>53.859000000000002</v>
      </c>
      <c r="C5436" s="3">
        <f t="shared" si="1262"/>
        <v>53.852000000000004</v>
      </c>
      <c r="D5436" s="239">
        <v>18.0181</v>
      </c>
      <c r="E5436" s="239">
        <v>6.6699999999999995E-2</v>
      </c>
      <c r="F5436" s="239">
        <v>0.27060000000000001</v>
      </c>
      <c r="G5436">
        <f t="shared" si="1263"/>
        <v>18.072220000000002</v>
      </c>
      <c r="H5436" s="235">
        <f t="shared" si="1264"/>
        <v>0.36907474565935999</v>
      </c>
      <c r="I5436" s="236">
        <f t="shared" si="1265"/>
        <v>19.300893160255757</v>
      </c>
      <c r="J5436" s="237">
        <f t="shared" si="1270"/>
        <v>9.3008931602557574</v>
      </c>
      <c r="K5436" s="237">
        <f t="shared" si="1266"/>
        <v>1039.3916984660932</v>
      </c>
      <c r="L5436" s="237">
        <f t="shared" si="1271"/>
        <v>500.93680471821483</v>
      </c>
      <c r="M5436" s="236">
        <f t="shared" si="1267"/>
        <v>34.001950228263127</v>
      </c>
      <c r="N5436" s="236">
        <f t="shared" si="1268"/>
        <v>0.3915967378946294</v>
      </c>
      <c r="O5436" s="236">
        <f t="shared" si="1272"/>
        <v>2.10201683097611</v>
      </c>
      <c r="P5436" s="236" t="str">
        <f t="shared" si="1273"/>
        <v>SAND</v>
      </c>
      <c r="Q5436" s="236" t="e">
        <f t="shared" si="1269"/>
        <v>#N/A</v>
      </c>
      <c r="R5436" s="238">
        <v>35</v>
      </c>
      <c r="S5436" s="236" t="e">
        <f t="shared" si="1274"/>
        <v>#N/A</v>
      </c>
      <c r="T5436" s="236">
        <f t="shared" si="1260"/>
        <v>34.446542100403427</v>
      </c>
    </row>
    <row r="5437" spans="1:20" x14ac:dyDescent="0.2">
      <c r="A5437" s="53">
        <f t="shared" si="1261"/>
        <v>5425</v>
      </c>
      <c r="B5437" s="239">
        <v>53.869</v>
      </c>
      <c r="C5437" s="3">
        <f t="shared" si="1262"/>
        <v>53.862000000000002</v>
      </c>
      <c r="D5437" s="239">
        <v>17.837299999999999</v>
      </c>
      <c r="E5437" s="239">
        <v>6.7199999999999996E-2</v>
      </c>
      <c r="F5437" s="239">
        <v>0.27410000000000001</v>
      </c>
      <c r="G5437">
        <f t="shared" si="1263"/>
        <v>17.892119999999998</v>
      </c>
      <c r="H5437" s="235">
        <f t="shared" si="1264"/>
        <v>0.37558433545046649</v>
      </c>
      <c r="I5437" s="236">
        <f t="shared" si="1265"/>
        <v>19.305735713665445</v>
      </c>
      <c r="J5437" s="237">
        <f t="shared" si="1270"/>
        <v>9.3057357136654453</v>
      </c>
      <c r="K5437" s="237">
        <f t="shared" si="1266"/>
        <v>1039.8455370094482</v>
      </c>
      <c r="L5437" s="237">
        <f t="shared" si="1271"/>
        <v>501.29067715944387</v>
      </c>
      <c r="M5437" s="236">
        <f t="shared" si="1267"/>
        <v>33.617769551358329</v>
      </c>
      <c r="N5437" s="236">
        <f t="shared" si="1268"/>
        <v>0.39875923067582714</v>
      </c>
      <c r="O5437" s="236">
        <f t="shared" si="1272"/>
        <v>2.1096185890046231</v>
      </c>
      <c r="P5437" s="236" t="str">
        <f t="shared" si="1273"/>
        <v>SAND</v>
      </c>
      <c r="Q5437" s="236" t="e">
        <f t="shared" si="1269"/>
        <v>#N/A</v>
      </c>
      <c r="R5437" s="238">
        <v>35</v>
      </c>
      <c r="S5437" s="236" t="e">
        <f t="shared" si="1274"/>
        <v>#N/A</v>
      </c>
      <c r="T5437" s="236">
        <f t="shared" si="1260"/>
        <v>34.392257853666237</v>
      </c>
    </row>
    <row r="5438" spans="1:20" x14ac:dyDescent="0.2">
      <c r="A5438" s="53">
        <f t="shared" si="1261"/>
        <v>5426</v>
      </c>
      <c r="B5438" s="239">
        <v>53.878999999999998</v>
      </c>
      <c r="C5438" s="3">
        <f t="shared" si="1262"/>
        <v>53.872</v>
      </c>
      <c r="D5438" s="239">
        <v>17.746400000000001</v>
      </c>
      <c r="E5438" s="239">
        <v>6.6199999999999995E-2</v>
      </c>
      <c r="F5438" s="239">
        <v>0.2228</v>
      </c>
      <c r="G5438">
        <f t="shared" si="1263"/>
        <v>17.790960000000002</v>
      </c>
      <c r="H5438" s="235">
        <f t="shared" si="1264"/>
        <v>0.37209908852585799</v>
      </c>
      <c r="I5438" s="236">
        <f t="shared" si="1265"/>
        <v>19.285939070787059</v>
      </c>
      <c r="J5438" s="237">
        <f t="shared" si="1270"/>
        <v>9.2859390707870588</v>
      </c>
      <c r="K5438" s="237">
        <f t="shared" si="1266"/>
        <v>1038.9721096214405</v>
      </c>
      <c r="L5438" s="237">
        <f t="shared" si="1271"/>
        <v>500.31711119493593</v>
      </c>
      <c r="M5438" s="236">
        <f t="shared" si="1267"/>
        <v>33.482740277199056</v>
      </c>
      <c r="N5438" s="236">
        <f t="shared" si="1268"/>
        <v>0.39517698098398046</v>
      </c>
      <c r="O5438" s="236">
        <f t="shared" si="1272"/>
        <v>2.1097084980353986</v>
      </c>
      <c r="P5438" s="236" t="str">
        <f t="shared" si="1273"/>
        <v>SAND</v>
      </c>
      <c r="Q5438" s="236" t="e">
        <f t="shared" si="1269"/>
        <v>#N/A</v>
      </c>
      <c r="R5438" s="238">
        <v>35</v>
      </c>
      <c r="S5438" s="236" t="e">
        <f t="shared" si="1274"/>
        <v>#N/A</v>
      </c>
      <c r="T5438" s="236">
        <f t="shared" si="1260"/>
        <v>34.373030934893791</v>
      </c>
    </row>
    <row r="5439" spans="1:20" x14ac:dyDescent="0.2">
      <c r="A5439" s="53">
        <f t="shared" si="1261"/>
        <v>5427</v>
      </c>
      <c r="B5439" s="239">
        <v>53.89</v>
      </c>
      <c r="C5439" s="3">
        <f t="shared" si="1262"/>
        <v>53.883000000000003</v>
      </c>
      <c r="D5439" s="239">
        <v>17.645399999999999</v>
      </c>
      <c r="E5439" s="239">
        <v>6.4299999999999996E-2</v>
      </c>
      <c r="F5439" s="239">
        <v>0.31630000000000003</v>
      </c>
      <c r="G5439">
        <f t="shared" si="1263"/>
        <v>17.708659999999998</v>
      </c>
      <c r="H5439" s="235">
        <f t="shared" si="1264"/>
        <v>0.36309918424093074</v>
      </c>
      <c r="I5439" s="236">
        <f t="shared" si="1265"/>
        <v>19.249979811026488</v>
      </c>
      <c r="J5439" s="237">
        <f t="shared" si="1270"/>
        <v>9.2499798110264884</v>
      </c>
      <c r="K5439" s="237">
        <f t="shared" si="1266"/>
        <v>1037.2466621575404</v>
      </c>
      <c r="L5439" s="237">
        <f t="shared" si="1271"/>
        <v>498.48141201621746</v>
      </c>
      <c r="M5439" s="236">
        <f t="shared" si="1267"/>
        <v>33.444403213374137</v>
      </c>
      <c r="N5439" s="236">
        <f t="shared" si="1268"/>
        <v>0.38569015533941176</v>
      </c>
      <c r="O5439" s="236">
        <f t="shared" si="1272"/>
        <v>2.1061048976344692</v>
      </c>
      <c r="P5439" s="236" t="str">
        <f t="shared" si="1273"/>
        <v>SAND</v>
      </c>
      <c r="Q5439" s="236" t="e">
        <f t="shared" si="1269"/>
        <v>#N/A</v>
      </c>
      <c r="R5439" s="238">
        <v>35</v>
      </c>
      <c r="S5439" s="236" t="e">
        <f t="shared" si="1274"/>
        <v>#N/A</v>
      </c>
      <c r="T5439" s="236">
        <f t="shared" si="1260"/>
        <v>34.367557958207016</v>
      </c>
    </row>
    <row r="5440" spans="1:20" x14ac:dyDescent="0.2">
      <c r="A5440" s="53">
        <f t="shared" si="1261"/>
        <v>5428</v>
      </c>
      <c r="B5440" s="239">
        <v>53.9</v>
      </c>
      <c r="C5440" s="3">
        <f t="shared" si="1262"/>
        <v>53.893000000000001</v>
      </c>
      <c r="D5440" s="239">
        <v>17.607900000000001</v>
      </c>
      <c r="E5440" s="239">
        <v>6.4899999999999999E-2</v>
      </c>
      <c r="F5440" s="239">
        <v>0.29049999999999998</v>
      </c>
      <c r="G5440">
        <f t="shared" si="1263"/>
        <v>17.666</v>
      </c>
      <c r="H5440" s="235">
        <f t="shared" si="1264"/>
        <v>0.36737235367372351</v>
      </c>
      <c r="I5440" s="236">
        <f t="shared" si="1265"/>
        <v>19.259928139234283</v>
      </c>
      <c r="J5440" s="237">
        <f t="shared" si="1270"/>
        <v>9.2599281392342832</v>
      </c>
      <c r="K5440" s="237">
        <f t="shared" si="1266"/>
        <v>1037.9753072077533</v>
      </c>
      <c r="L5440" s="237">
        <f t="shared" si="1271"/>
        <v>499.11012670472786</v>
      </c>
      <c r="M5440" s="236">
        <f t="shared" si="1267"/>
        <v>33.315342252370961</v>
      </c>
      <c r="N5440" s="236">
        <f t="shared" si="1268"/>
        <v>0.3903049291725687</v>
      </c>
      <c r="O5440" s="236">
        <f t="shared" si="1272"/>
        <v>2.1096376023109822</v>
      </c>
      <c r="P5440" s="236" t="str">
        <f t="shared" si="1273"/>
        <v>SAND</v>
      </c>
      <c r="Q5440" s="236" t="e">
        <f t="shared" si="1269"/>
        <v>#N/A</v>
      </c>
      <c r="R5440" s="238">
        <v>35</v>
      </c>
      <c r="S5440" s="236" t="e">
        <f t="shared" si="1274"/>
        <v>#N/A</v>
      </c>
      <c r="T5440" s="236">
        <f t="shared" si="1260"/>
        <v>34.349087071030638</v>
      </c>
    </row>
    <row r="5441" spans="1:20" x14ac:dyDescent="0.2">
      <c r="A5441" s="53">
        <f t="shared" si="1261"/>
        <v>5429</v>
      </c>
      <c r="B5441" s="239">
        <v>53.91</v>
      </c>
      <c r="C5441" s="3">
        <f t="shared" si="1262"/>
        <v>53.902999999999999</v>
      </c>
      <c r="D5441" s="239">
        <v>17.368500000000001</v>
      </c>
      <c r="E5441" s="239">
        <v>6.4399999999999999E-2</v>
      </c>
      <c r="F5441" s="239">
        <v>0.28799999999999998</v>
      </c>
      <c r="G5441">
        <f t="shared" si="1263"/>
        <v>17.426100000000002</v>
      </c>
      <c r="H5441" s="235">
        <f t="shared" si="1264"/>
        <v>0.36956060162629617</v>
      </c>
      <c r="I5441" s="236">
        <f t="shared" si="1265"/>
        <v>19.245515077974954</v>
      </c>
      <c r="J5441" s="237">
        <f t="shared" si="1270"/>
        <v>9.2455150779749538</v>
      </c>
      <c r="K5441" s="237">
        <f t="shared" si="1266"/>
        <v>1037.390999248084</v>
      </c>
      <c r="L5441" s="237">
        <f t="shared" si="1271"/>
        <v>498.42571785362975</v>
      </c>
      <c r="M5441" s="236">
        <f t="shared" si="1267"/>
        <v>32.880945773277112</v>
      </c>
      <c r="N5441" s="236">
        <f t="shared" si="1268"/>
        <v>0.39295346568814737</v>
      </c>
      <c r="O5441" s="236">
        <f t="shared" si="1272"/>
        <v>2.1160288346487817</v>
      </c>
      <c r="P5441" s="236" t="str">
        <f t="shared" si="1273"/>
        <v>SAND</v>
      </c>
      <c r="Q5441" s="236" t="e">
        <f t="shared" si="1269"/>
        <v>#N/A</v>
      </c>
      <c r="R5441" s="238">
        <v>35</v>
      </c>
      <c r="S5441" s="236" t="e">
        <f t="shared" si="1274"/>
        <v>#N/A</v>
      </c>
      <c r="T5441" s="236">
        <f t="shared" si="1260"/>
        <v>34.28638730996569</v>
      </c>
    </row>
    <row r="5442" spans="1:20" x14ac:dyDescent="0.2">
      <c r="A5442" s="53">
        <f t="shared" si="1261"/>
        <v>5430</v>
      </c>
      <c r="B5442" s="239">
        <v>53.920999999999999</v>
      </c>
      <c r="C5442" s="3">
        <f t="shared" si="1262"/>
        <v>53.914000000000001</v>
      </c>
      <c r="D5442" s="239">
        <v>17.169</v>
      </c>
      <c r="E5442" s="239">
        <v>6.59E-2</v>
      </c>
      <c r="F5442" s="239">
        <v>0.26400000000000001</v>
      </c>
      <c r="G5442">
        <f t="shared" si="1263"/>
        <v>17.221800000000002</v>
      </c>
      <c r="H5442" s="235">
        <f t="shared" si="1264"/>
        <v>0.3826545424984612</v>
      </c>
      <c r="I5442" s="236">
        <f t="shared" si="1265"/>
        <v>19.267904361029117</v>
      </c>
      <c r="J5442" s="237">
        <f t="shared" si="1270"/>
        <v>9.2679043610291174</v>
      </c>
      <c r="K5442" s="237">
        <f t="shared" si="1266"/>
        <v>1038.8097957205239</v>
      </c>
      <c r="L5442" s="237">
        <f t="shared" si="1271"/>
        <v>499.73467105105101</v>
      </c>
      <c r="M5442" s="236">
        <f t="shared" si="1267"/>
        <v>32.383164790714083</v>
      </c>
      <c r="N5442" s="236">
        <f t="shared" si="1268"/>
        <v>0.40721769690358717</v>
      </c>
      <c r="O5442" s="236">
        <f t="shared" si="1272"/>
        <v>2.1281355087584406</v>
      </c>
      <c r="P5442" s="236" t="str">
        <f t="shared" si="1273"/>
        <v>SAND</v>
      </c>
      <c r="Q5442" s="236" t="e">
        <f t="shared" si="1269"/>
        <v>#N/A</v>
      </c>
      <c r="R5442" s="238">
        <v>35</v>
      </c>
      <c r="S5442" s="236" t="e">
        <f t="shared" si="1274"/>
        <v>#N/A</v>
      </c>
      <c r="T5442" s="236">
        <f t="shared" si="1260"/>
        <v>34.213512188645574</v>
      </c>
    </row>
    <row r="5443" spans="1:20" x14ac:dyDescent="0.2">
      <c r="A5443" s="53">
        <f t="shared" si="1261"/>
        <v>5431</v>
      </c>
      <c r="B5443" s="239">
        <v>53.930999999999997</v>
      </c>
      <c r="C5443" s="3">
        <f t="shared" si="1262"/>
        <v>53.923999999999999</v>
      </c>
      <c r="D5443" s="239">
        <v>17.0748</v>
      </c>
      <c r="E5443" s="239">
        <v>6.59E-2</v>
      </c>
      <c r="F5443" s="239">
        <v>0.29580000000000001</v>
      </c>
      <c r="G5443">
        <f t="shared" si="1263"/>
        <v>17.133959999999998</v>
      </c>
      <c r="H5443" s="235">
        <f t="shared" si="1264"/>
        <v>0.38461628251729318</v>
      </c>
      <c r="I5443" s="236">
        <f t="shared" si="1265"/>
        <v>19.265905647603727</v>
      </c>
      <c r="J5443" s="237">
        <f t="shared" si="1270"/>
        <v>9.2659056476037271</v>
      </c>
      <c r="K5443" s="237">
        <f t="shared" si="1266"/>
        <v>1038.8946961413833</v>
      </c>
      <c r="L5443" s="237">
        <f t="shared" si="1271"/>
        <v>499.71955748091659</v>
      </c>
      <c r="M5443" s="236">
        <f t="shared" si="1267"/>
        <v>32.208195702793276</v>
      </c>
      <c r="N5443" s="236">
        <f t="shared" si="1268"/>
        <v>0.40944226541411549</v>
      </c>
      <c r="O5443" s="236">
        <f t="shared" si="1272"/>
        <v>2.1312251181156672</v>
      </c>
      <c r="P5443" s="236" t="str">
        <f t="shared" si="1273"/>
        <v>SAND</v>
      </c>
      <c r="Q5443" s="236" t="e">
        <f t="shared" si="1269"/>
        <v>#N/A</v>
      </c>
      <c r="R5443" s="238">
        <v>35</v>
      </c>
      <c r="S5443" s="236" t="e">
        <f t="shared" si="1274"/>
        <v>#N/A</v>
      </c>
      <c r="T5443" s="236">
        <f t="shared" si="1260"/>
        <v>34.187630360444267</v>
      </c>
    </row>
    <row r="5444" spans="1:20" x14ac:dyDescent="0.2">
      <c r="A5444" s="53">
        <f t="shared" si="1261"/>
        <v>5432</v>
      </c>
      <c r="B5444" s="239">
        <v>53.94</v>
      </c>
      <c r="C5444" s="3">
        <f t="shared" si="1262"/>
        <v>53.933</v>
      </c>
      <c r="D5444" s="239">
        <v>16.935700000000001</v>
      </c>
      <c r="E5444" s="239">
        <v>6.6699999999999995E-2</v>
      </c>
      <c r="F5444" s="239">
        <v>0.30320000000000003</v>
      </c>
      <c r="G5444">
        <f t="shared" si="1263"/>
        <v>16.99634</v>
      </c>
      <c r="H5444" s="235">
        <f t="shared" si="1264"/>
        <v>0.3924374306468334</v>
      </c>
      <c r="I5444" s="236">
        <f t="shared" si="1265"/>
        <v>19.27690267519516</v>
      </c>
      <c r="J5444" s="237">
        <f t="shared" si="1270"/>
        <v>9.27690267519516</v>
      </c>
      <c r="K5444" s="237">
        <f t="shared" si="1266"/>
        <v>1039.6611919813006</v>
      </c>
      <c r="L5444" s="237">
        <f t="shared" si="1271"/>
        <v>500.39613030002693</v>
      </c>
      <c r="M5444" s="236">
        <f t="shared" si="1267"/>
        <v>31.888093935601407</v>
      </c>
      <c r="N5444" s="236">
        <f t="shared" si="1268"/>
        <v>0.41800678451007783</v>
      </c>
      <c r="O5444" s="236">
        <f t="shared" si="1272"/>
        <v>2.1387393560581613</v>
      </c>
      <c r="P5444" s="236" t="str">
        <f t="shared" si="1273"/>
        <v>SAND</v>
      </c>
      <c r="Q5444" s="236" t="e">
        <f t="shared" si="1269"/>
        <v>#N/A</v>
      </c>
      <c r="R5444" s="238">
        <v>35</v>
      </c>
      <c r="S5444" s="236" t="e">
        <f t="shared" si="1274"/>
        <v>#N/A</v>
      </c>
      <c r="T5444" s="236">
        <f t="shared" si="1260"/>
        <v>34.139914167681006</v>
      </c>
    </row>
    <row r="5445" spans="1:20" x14ac:dyDescent="0.2">
      <c r="A5445" s="53">
        <f t="shared" si="1261"/>
        <v>5433</v>
      </c>
      <c r="B5445" s="239">
        <v>53.948999999999998</v>
      </c>
      <c r="C5445" s="3">
        <f t="shared" si="1262"/>
        <v>53.942</v>
      </c>
      <c r="D5445" s="239">
        <v>16.882200000000001</v>
      </c>
      <c r="E5445" s="239">
        <v>6.8000000000000005E-2</v>
      </c>
      <c r="F5445" s="239">
        <v>0.33050000000000002</v>
      </c>
      <c r="G5445">
        <f t="shared" si="1263"/>
        <v>16.9483</v>
      </c>
      <c r="H5445" s="235">
        <f t="shared" si="1264"/>
        <v>0.40122018137512322</v>
      </c>
      <c r="I5445" s="236">
        <f t="shared" si="1265"/>
        <v>19.29843064720572</v>
      </c>
      <c r="J5445" s="237">
        <f t="shared" si="1270"/>
        <v>9.2984306472057199</v>
      </c>
      <c r="K5445" s="237">
        <f t="shared" si="1266"/>
        <v>1040.995945971571</v>
      </c>
      <c r="L5445" s="237">
        <f t="shared" si="1271"/>
        <v>501.64103498610137</v>
      </c>
      <c r="M5445" s="236">
        <f t="shared" si="1267"/>
        <v>31.710531923428395</v>
      </c>
      <c r="N5445" s="236">
        <f t="shared" si="1268"/>
        <v>0.42747658414676132</v>
      </c>
      <c r="O5445" s="236">
        <f t="shared" si="1272"/>
        <v>2.1448103286193185</v>
      </c>
      <c r="P5445" s="236" t="str">
        <f t="shared" si="1273"/>
        <v>SAND</v>
      </c>
      <c r="Q5445" s="236" t="e">
        <f t="shared" si="1269"/>
        <v>#N/A</v>
      </c>
      <c r="R5445" s="238">
        <v>35</v>
      </c>
      <c r="S5445" s="236" t="e">
        <f t="shared" si="1274"/>
        <v>#N/A</v>
      </c>
      <c r="T5445" s="236">
        <f t="shared" si="1260"/>
        <v>34.11323879803416</v>
      </c>
    </row>
    <row r="5446" spans="1:20" x14ac:dyDescent="0.2">
      <c r="A5446" s="53">
        <f t="shared" si="1261"/>
        <v>5434</v>
      </c>
      <c r="B5446" s="239">
        <v>53.96</v>
      </c>
      <c r="C5446" s="3">
        <f t="shared" si="1262"/>
        <v>53.953000000000003</v>
      </c>
      <c r="D5446" s="239">
        <v>16.871200000000002</v>
      </c>
      <c r="E5446" s="239">
        <v>7.0000000000000007E-2</v>
      </c>
      <c r="F5446" s="239">
        <v>0.3412</v>
      </c>
      <c r="G5446">
        <f t="shared" si="1263"/>
        <v>16.939440000000001</v>
      </c>
      <c r="H5446" s="235">
        <f t="shared" si="1264"/>
        <v>0.41323680121656914</v>
      </c>
      <c r="I5446" s="236">
        <f t="shared" si="1265"/>
        <v>19.332216906444483</v>
      </c>
      <c r="J5446" s="237">
        <f t="shared" si="1270"/>
        <v>9.3322169064444829</v>
      </c>
      <c r="K5446" s="237">
        <f t="shared" si="1266"/>
        <v>1043.0310987533992</v>
      </c>
      <c r="L5446" s="237">
        <f t="shared" si="1271"/>
        <v>503.56642427174432</v>
      </c>
      <c r="M5446" s="236">
        <f t="shared" si="1267"/>
        <v>31.567650532372017</v>
      </c>
      <c r="N5446" s="236">
        <f t="shared" si="1268"/>
        <v>0.4403510279262543</v>
      </c>
      <c r="O5446" s="236">
        <f t="shared" si="1272"/>
        <v>2.1517515671540299</v>
      </c>
      <c r="P5446" s="236" t="str">
        <f t="shared" si="1273"/>
        <v>SAND</v>
      </c>
      <c r="Q5446" s="236" t="e">
        <f t="shared" si="1269"/>
        <v>#N/A</v>
      </c>
      <c r="R5446" s="238">
        <v>35</v>
      </c>
      <c r="S5446" s="236" t="e">
        <f t="shared" si="1274"/>
        <v>#N/A</v>
      </c>
      <c r="T5446" s="236">
        <f t="shared" si="1260"/>
        <v>34.091664861164148</v>
      </c>
    </row>
    <row r="5447" spans="1:20" x14ac:dyDescent="0.2">
      <c r="A5447" s="53">
        <f t="shared" si="1261"/>
        <v>5435</v>
      </c>
      <c r="B5447" s="239">
        <v>53.97</v>
      </c>
      <c r="C5447" s="3">
        <f t="shared" si="1262"/>
        <v>53.963000000000001</v>
      </c>
      <c r="D5447" s="239">
        <v>17.070599999999999</v>
      </c>
      <c r="E5447" s="239">
        <v>7.2099999999999997E-2</v>
      </c>
      <c r="F5447" s="239">
        <v>0.3165</v>
      </c>
      <c r="G5447">
        <f t="shared" si="1263"/>
        <v>17.133900000000001</v>
      </c>
      <c r="H5447" s="235">
        <f t="shared" si="1264"/>
        <v>0.42080320300690438</v>
      </c>
      <c r="I5447" s="236">
        <f t="shared" si="1265"/>
        <v>19.371338874201967</v>
      </c>
      <c r="J5447" s="237">
        <f t="shared" si="1270"/>
        <v>9.3713388742019674</v>
      </c>
      <c r="K5447" s="237">
        <f t="shared" si="1266"/>
        <v>1045.3355596685608</v>
      </c>
      <c r="L5447" s="237">
        <f t="shared" si="1271"/>
        <v>505.77115904068017</v>
      </c>
      <c r="M5447" s="236">
        <f t="shared" si="1267"/>
        <v>31.809968110572722</v>
      </c>
      <c r="N5447" s="236">
        <f t="shared" si="1268"/>
        <v>0.44814439639659148</v>
      </c>
      <c r="O5447" s="236">
        <f t="shared" si="1272"/>
        <v>2.1517845404129128</v>
      </c>
      <c r="P5447" s="236" t="str">
        <f t="shared" si="1273"/>
        <v>SAND</v>
      </c>
      <c r="Q5447" s="236" t="e">
        <f t="shared" si="1269"/>
        <v>#N/A</v>
      </c>
      <c r="R5447" s="238">
        <v>35</v>
      </c>
      <c r="S5447" s="236" t="e">
        <f t="shared" si="1274"/>
        <v>#N/A</v>
      </c>
      <c r="T5447" s="236">
        <f t="shared" si="1260"/>
        <v>34.128195571010878</v>
      </c>
    </row>
    <row r="5448" spans="1:20" x14ac:dyDescent="0.2">
      <c r="A5448" s="53">
        <f t="shared" si="1261"/>
        <v>5436</v>
      </c>
      <c r="B5448" s="239">
        <v>53.978999999999999</v>
      </c>
      <c r="C5448" s="3">
        <f t="shared" si="1262"/>
        <v>53.972000000000001</v>
      </c>
      <c r="D5448" s="239">
        <v>17.384</v>
      </c>
      <c r="E5448" s="239">
        <v>7.3700000000000002E-2</v>
      </c>
      <c r="F5448" s="239">
        <v>0.32490000000000002</v>
      </c>
      <c r="G5448">
        <f t="shared" si="1263"/>
        <v>17.448979999999999</v>
      </c>
      <c r="H5448" s="235">
        <f t="shared" si="1264"/>
        <v>0.42237425912574839</v>
      </c>
      <c r="I5448" s="236">
        <f t="shared" si="1265"/>
        <v>19.40419831197466</v>
      </c>
      <c r="J5448" s="237">
        <f t="shared" si="1270"/>
        <v>9.4041983119746604</v>
      </c>
      <c r="K5448" s="237">
        <f t="shared" si="1266"/>
        <v>1047.2833912938963</v>
      </c>
      <c r="L5448" s="237">
        <f t="shared" si="1271"/>
        <v>507.62922068208019</v>
      </c>
      <c r="M5448" s="236">
        <f t="shared" si="1267"/>
        <v>32.310387070838495</v>
      </c>
      <c r="N5448" s="236">
        <f t="shared" si="1268"/>
        <v>0.44934375850410296</v>
      </c>
      <c r="O5448" s="236">
        <f t="shared" si="1272"/>
        <v>2.146059825327443</v>
      </c>
      <c r="P5448" s="236" t="str">
        <f t="shared" si="1273"/>
        <v>SAND</v>
      </c>
      <c r="Q5448" s="236" t="e">
        <f t="shared" si="1269"/>
        <v>#N/A</v>
      </c>
      <c r="R5448" s="238">
        <v>35</v>
      </c>
      <c r="S5448" s="236" t="e">
        <f t="shared" si="1274"/>
        <v>#N/A</v>
      </c>
      <c r="T5448" s="236">
        <f t="shared" si="1260"/>
        <v>34.202763768740226</v>
      </c>
    </row>
    <row r="5449" spans="1:20" x14ac:dyDescent="0.2">
      <c r="A5449" s="53">
        <f t="shared" si="1261"/>
        <v>5437</v>
      </c>
      <c r="B5449" s="239">
        <v>53.988</v>
      </c>
      <c r="C5449" s="3">
        <f t="shared" si="1262"/>
        <v>53.981000000000002</v>
      </c>
      <c r="D5449" s="239">
        <v>17.715800000000002</v>
      </c>
      <c r="E5449" s="239">
        <v>7.5800000000000006E-2</v>
      </c>
      <c r="F5449" s="239">
        <v>0.2878</v>
      </c>
      <c r="G5449">
        <f t="shared" si="1263"/>
        <v>17.77336</v>
      </c>
      <c r="H5449" s="235">
        <f t="shared" si="1264"/>
        <v>0.42648098052366018</v>
      </c>
      <c r="I5449" s="236">
        <f t="shared" si="1265"/>
        <v>19.444342493452694</v>
      </c>
      <c r="J5449" s="237">
        <f t="shared" si="1270"/>
        <v>9.4443424934526945</v>
      </c>
      <c r="K5449" s="237">
        <f t="shared" si="1266"/>
        <v>1049.62505213907</v>
      </c>
      <c r="L5449" s="237">
        <f t="shared" si="1271"/>
        <v>509.88116253652407</v>
      </c>
      <c r="M5449" s="236">
        <f t="shared" si="1267"/>
        <v>32.799279864870414</v>
      </c>
      <c r="N5449" s="236">
        <f t="shared" si="1268"/>
        <v>0.45324803482188231</v>
      </c>
      <c r="O5449" s="236">
        <f t="shared" si="1272"/>
        <v>2.1416374488946759</v>
      </c>
      <c r="P5449" s="236" t="str">
        <f t="shared" si="1273"/>
        <v>SAND</v>
      </c>
      <c r="Q5449" s="236" t="e">
        <f t="shared" si="1269"/>
        <v>#N/A</v>
      </c>
      <c r="R5449" s="238">
        <v>35</v>
      </c>
      <c r="S5449" s="236" t="e">
        <f t="shared" si="1274"/>
        <v>#N/A</v>
      </c>
      <c r="T5449" s="236">
        <f t="shared" si="1260"/>
        <v>34.274507393767202</v>
      </c>
    </row>
    <row r="5450" spans="1:20" x14ac:dyDescent="0.2">
      <c r="A5450" s="53">
        <f t="shared" si="1261"/>
        <v>5438</v>
      </c>
      <c r="B5450" s="239">
        <v>53.999000000000002</v>
      </c>
      <c r="C5450" s="3">
        <f t="shared" si="1262"/>
        <v>53.992000000000004</v>
      </c>
      <c r="D5450" s="239">
        <v>18.098099999999999</v>
      </c>
      <c r="E5450" s="239">
        <v>7.4800000000000005E-2</v>
      </c>
      <c r="F5450" s="239">
        <v>0.19520000000000001</v>
      </c>
      <c r="G5450">
        <f t="shared" si="1263"/>
        <v>18.137139999999999</v>
      </c>
      <c r="H5450" s="235">
        <f t="shared" si="1264"/>
        <v>0.41241342350558036</v>
      </c>
      <c r="I5450" s="236">
        <f t="shared" si="1265"/>
        <v>19.436689293402868</v>
      </c>
      <c r="J5450" s="237">
        <f t="shared" si="1270"/>
        <v>9.4366892934028677</v>
      </c>
      <c r="K5450" s="237">
        <f t="shared" si="1266"/>
        <v>1049.4257283294078</v>
      </c>
      <c r="L5450" s="237">
        <f t="shared" si="1271"/>
        <v>509.57178515446145</v>
      </c>
      <c r="M5450" s="236">
        <f t="shared" si="1267"/>
        <v>33.533478048614803</v>
      </c>
      <c r="N5450" s="236">
        <f t="shared" si="1268"/>
        <v>0.43774140186794647</v>
      </c>
      <c r="O5450" s="236">
        <f t="shared" si="1272"/>
        <v>2.1267015001618925</v>
      </c>
      <c r="P5450" s="236" t="str">
        <f t="shared" si="1273"/>
        <v>SAND</v>
      </c>
      <c r="Q5450" s="236" t="e">
        <f t="shared" si="1269"/>
        <v>#N/A</v>
      </c>
      <c r="R5450" s="238">
        <v>35</v>
      </c>
      <c r="S5450" s="236" t="e">
        <f t="shared" si="1274"/>
        <v>#N/A</v>
      </c>
      <c r="T5450" s="236">
        <f t="shared" si="1260"/>
        <v>34.380264602445202</v>
      </c>
    </row>
    <row r="5451" spans="1:20" x14ac:dyDescent="0.2">
      <c r="A5451" s="53">
        <f t="shared" si="1261"/>
        <v>5439</v>
      </c>
      <c r="B5451" s="239">
        <v>54.009</v>
      </c>
      <c r="C5451" s="3">
        <f t="shared" si="1262"/>
        <v>54.002000000000002</v>
      </c>
      <c r="D5451" s="239">
        <v>18.3916</v>
      </c>
      <c r="E5451" s="239">
        <v>7.51E-2</v>
      </c>
      <c r="F5451" s="239">
        <v>0.15709999999999999</v>
      </c>
      <c r="G5451">
        <f t="shared" si="1263"/>
        <v>18.423020000000001</v>
      </c>
      <c r="H5451" s="235">
        <f t="shared" si="1264"/>
        <v>0.40764217810109304</v>
      </c>
      <c r="I5451" s="236">
        <f t="shared" si="1265"/>
        <v>19.447495625508051</v>
      </c>
      <c r="J5451" s="237">
        <f t="shared" si="1270"/>
        <v>9.4474956255080507</v>
      </c>
      <c r="K5451" s="237">
        <f t="shared" si="1266"/>
        <v>1050.2036587686857</v>
      </c>
      <c r="L5451" s="237">
        <f t="shared" si="1271"/>
        <v>510.24979123806429</v>
      </c>
      <c r="M5451" s="236">
        <f t="shared" si="1267"/>
        <v>34.047669669943637</v>
      </c>
      <c r="N5451" s="236">
        <f t="shared" si="1268"/>
        <v>0.43228454457187454</v>
      </c>
      <c r="O5451" s="236">
        <f t="shared" si="1272"/>
        <v>2.1184539332368293</v>
      </c>
      <c r="P5451" s="236" t="str">
        <f t="shared" si="1273"/>
        <v>SAND</v>
      </c>
      <c r="Q5451" s="236" t="e">
        <f t="shared" si="1269"/>
        <v>#N/A</v>
      </c>
      <c r="R5451" s="238">
        <v>35</v>
      </c>
      <c r="S5451" s="236" t="e">
        <f t="shared" si="1274"/>
        <v>#N/A</v>
      </c>
      <c r="T5451" s="236">
        <f t="shared" si="1260"/>
        <v>34.452961320578432</v>
      </c>
    </row>
    <row r="5452" spans="1:20" x14ac:dyDescent="0.2">
      <c r="A5452" s="53">
        <f t="shared" si="1261"/>
        <v>5440</v>
      </c>
      <c r="B5452" s="239">
        <v>54.018999999999998</v>
      </c>
      <c r="C5452" s="3">
        <f t="shared" si="1262"/>
        <v>54.012</v>
      </c>
      <c r="D5452" s="239">
        <v>18.234400000000001</v>
      </c>
      <c r="E5452" s="239">
        <v>7.46E-2</v>
      </c>
      <c r="F5452" s="239">
        <v>0.29520000000000002</v>
      </c>
      <c r="G5452">
        <f t="shared" si="1263"/>
        <v>18.29344</v>
      </c>
      <c r="H5452" s="235">
        <f t="shared" si="1264"/>
        <v>0.40779645599734116</v>
      </c>
      <c r="I5452" s="236">
        <f t="shared" si="1265"/>
        <v>19.436903730829584</v>
      </c>
      <c r="J5452" s="237">
        <f t="shared" si="1270"/>
        <v>9.4369037308295844</v>
      </c>
      <c r="K5452" s="237">
        <f t="shared" si="1266"/>
        <v>1049.8260443095676</v>
      </c>
      <c r="L5452" s="237">
        <f t="shared" si="1271"/>
        <v>509.77210263568332</v>
      </c>
      <c r="M5452" s="236">
        <f t="shared" si="1267"/>
        <v>33.826123215718319</v>
      </c>
      <c r="N5452" s="236">
        <f t="shared" si="1268"/>
        <v>0.43262392785928633</v>
      </c>
      <c r="O5452" s="236">
        <f t="shared" si="1272"/>
        <v>2.1211853219873467</v>
      </c>
      <c r="P5452" s="236" t="str">
        <f t="shared" si="1273"/>
        <v>SAND</v>
      </c>
      <c r="Q5452" s="236" t="e">
        <f t="shared" si="1269"/>
        <v>#N/A</v>
      </c>
      <c r="R5452" s="238">
        <v>35</v>
      </c>
      <c r="S5452" s="236" t="e">
        <f t="shared" si="1274"/>
        <v>#N/A</v>
      </c>
      <c r="T5452" s="236">
        <f t="shared" si="1260"/>
        <v>34.42177449155632</v>
      </c>
    </row>
    <row r="5453" spans="1:20" x14ac:dyDescent="0.2">
      <c r="A5453" s="53">
        <f t="shared" si="1261"/>
        <v>5441</v>
      </c>
      <c r="B5453" s="239">
        <v>54.029000000000003</v>
      </c>
      <c r="C5453" s="3">
        <f t="shared" si="1262"/>
        <v>54.022000000000006</v>
      </c>
      <c r="D5453" s="239">
        <v>18.1937</v>
      </c>
      <c r="E5453" s="239">
        <v>8.8200000000000001E-2</v>
      </c>
      <c r="F5453" s="239">
        <v>0.11609999999999999</v>
      </c>
      <c r="G5453">
        <f t="shared" si="1263"/>
        <v>18.216919999999998</v>
      </c>
      <c r="H5453" s="235">
        <f t="shared" si="1264"/>
        <v>0.48416527052871733</v>
      </c>
      <c r="I5453" s="236">
        <f t="shared" si="1265"/>
        <v>19.631635690244561</v>
      </c>
      <c r="J5453" s="237">
        <f t="shared" si="1270"/>
        <v>9.6316356902445612</v>
      </c>
      <c r="K5453" s="237">
        <f t="shared" si="1266"/>
        <v>1060.5402232583917</v>
      </c>
      <c r="L5453" s="237">
        <f t="shared" si="1271"/>
        <v>520.38764470822343</v>
      </c>
      <c r="M5453" s="236">
        <f t="shared" si="1267"/>
        <v>32.968461014021635</v>
      </c>
      <c r="N5453" s="236">
        <f t="shared" si="1268"/>
        <v>0.51409447183939183</v>
      </c>
      <c r="O5453" s="236">
        <f t="shared" si="1272"/>
        <v>2.1625817277266886</v>
      </c>
      <c r="P5453" s="236" t="str">
        <f t="shared" si="1273"/>
        <v>SAND</v>
      </c>
      <c r="Q5453" s="236" t="e">
        <f t="shared" si="1269"/>
        <v>#N/A</v>
      </c>
      <c r="R5453" s="238">
        <v>35</v>
      </c>
      <c r="S5453" s="236" t="e">
        <f t="shared" si="1274"/>
        <v>#N/A</v>
      </c>
      <c r="T5453" s="236">
        <f t="shared" ref="T5453:T5516" si="1275">IF(P5453="SAND",17.6+(11*LOG(M5453)),#N/A)</f>
        <v>34.299085419609057</v>
      </c>
    </row>
    <row r="5454" spans="1:20" x14ac:dyDescent="0.2">
      <c r="A5454" s="53">
        <f t="shared" ref="A5454:A5517" si="1276">$A5453+1</f>
        <v>5442</v>
      </c>
      <c r="B5454" s="239">
        <v>54.039000000000001</v>
      </c>
      <c r="C5454" s="3">
        <f t="shared" ref="C5454:C5517" si="1277">MAX($B5454 - $B$13, 0.001)</f>
        <v>54.032000000000004</v>
      </c>
      <c r="D5454" s="239">
        <v>18.4499</v>
      </c>
      <c r="E5454" s="239">
        <v>9.3700000000000006E-2</v>
      </c>
      <c r="F5454" s="239">
        <v>0.14030000000000001</v>
      </c>
      <c r="G5454">
        <f t="shared" si="1263"/>
        <v>18.477959999999999</v>
      </c>
      <c r="H5454" s="235">
        <f t="shared" si="1264"/>
        <v>0.50709060956945473</v>
      </c>
      <c r="I5454" s="236">
        <f t="shared" si="1265"/>
        <v>19.708128570154692</v>
      </c>
      <c r="J5454" s="237">
        <f t="shared" si="1270"/>
        <v>9.7081285701546918</v>
      </c>
      <c r="K5454" s="237">
        <f t="shared" si="1266"/>
        <v>1064.8696029025984</v>
      </c>
      <c r="L5454" s="237">
        <f t="shared" si="1271"/>
        <v>524.61755980258943</v>
      </c>
      <c r="M5454" s="236">
        <f t="shared" si="1267"/>
        <v>33.191970172805206</v>
      </c>
      <c r="N5454" s="236">
        <f t="shared" si="1268"/>
        <v>0.53810092214084482</v>
      </c>
      <c r="O5454" s="236">
        <f t="shared" si="1272"/>
        <v>2.1685511497544625</v>
      </c>
      <c r="P5454" s="236" t="str">
        <f t="shared" si="1273"/>
        <v>SAND</v>
      </c>
      <c r="Q5454" s="236" t="e">
        <f t="shared" si="1269"/>
        <v>#N/A</v>
      </c>
      <c r="R5454" s="238">
        <v>35</v>
      </c>
      <c r="S5454" s="236" t="e">
        <f t="shared" si="1274"/>
        <v>#N/A</v>
      </c>
      <c r="T5454" s="236">
        <f t="shared" si="1275"/>
        <v>34.331363347076625</v>
      </c>
    </row>
    <row r="5455" spans="1:20" x14ac:dyDescent="0.2">
      <c r="A5455" s="53">
        <f t="shared" si="1276"/>
        <v>5443</v>
      </c>
      <c r="B5455" s="239">
        <v>54.05</v>
      </c>
      <c r="C5455" s="3">
        <f t="shared" si="1277"/>
        <v>54.042999999999999</v>
      </c>
      <c r="D5455" s="239">
        <v>18.784099999999999</v>
      </c>
      <c r="E5455" s="239">
        <v>9.1300000000000006E-2</v>
      </c>
      <c r="F5455" s="239">
        <v>0.18590000000000001</v>
      </c>
      <c r="G5455">
        <f t="shared" ref="G5455:G5518" si="1278">$D5455+($F5455*(1-$P$8))</f>
        <v>18.821279999999998</v>
      </c>
      <c r="H5455" s="235">
        <f t="shared" ref="H5455:H5518" si="1279">($E5455/$G5455)*100</f>
        <v>0.48508921816157041</v>
      </c>
      <c r="I5455" s="236">
        <f t="shared" ref="I5455:I5518" si="1280">((0.27*(LOG($H5455)))+(0.36*(LOG(($G5455*1000)/101)))+1.236)*10</f>
        <v>19.684898393809988</v>
      </c>
      <c r="J5455" s="237">
        <f t="shared" si="1270"/>
        <v>9.6848983938099877</v>
      </c>
      <c r="K5455" s="237">
        <f t="shared" ref="K5455:K5518" si="1281">$I5455*$C5455</f>
        <v>1063.8309638966732</v>
      </c>
      <c r="L5455" s="237">
        <f t="shared" si="1271"/>
        <v>523.46875818542981</v>
      </c>
      <c r="M5455" s="236">
        <f t="shared" ref="M5455:M5518" si="1282">(($G5455*1000)-$K5455)/$L5455</f>
        <v>33.922652992049343</v>
      </c>
      <c r="N5455" s="236">
        <f t="shared" ref="N5455:N5518" si="1283">(($E5455*1000)/(($G5455*1000)-$K5455))*100</f>
        <v>0.51415042675541189</v>
      </c>
      <c r="O5455" s="236">
        <f t="shared" si="1272"/>
        <v>2.1514248161359975</v>
      </c>
      <c r="P5455" s="236" t="str">
        <f t="shared" si="1273"/>
        <v>SAND</v>
      </c>
      <c r="Q5455" s="236" t="e">
        <f t="shared" ref="Q5455:Q5518" si="1284">IF(P5455="CLAY",($G5455*1000 -$K5455)/$L$8,#N/A)</f>
        <v>#N/A</v>
      </c>
      <c r="R5455" s="238">
        <v>35</v>
      </c>
      <c r="S5455" s="236" t="e">
        <f t="shared" si="1274"/>
        <v>#N/A</v>
      </c>
      <c r="T5455" s="236">
        <f t="shared" si="1275"/>
        <v>34.435387908036176</v>
      </c>
    </row>
    <row r="5456" spans="1:20" x14ac:dyDescent="0.2">
      <c r="A5456" s="53">
        <f t="shared" si="1276"/>
        <v>5444</v>
      </c>
      <c r="B5456" s="239">
        <v>54.06</v>
      </c>
      <c r="C5456" s="3">
        <f t="shared" si="1277"/>
        <v>54.053000000000004</v>
      </c>
      <c r="D5456" s="239">
        <v>19.0046</v>
      </c>
      <c r="E5456" s="239">
        <v>8.9399999999999993E-2</v>
      </c>
      <c r="F5456" s="239">
        <v>0.18609999999999999</v>
      </c>
      <c r="G5456">
        <f t="shared" si="1278"/>
        <v>19.041820000000001</v>
      </c>
      <c r="H5456" s="235">
        <f t="shared" si="1279"/>
        <v>0.46949293712470752</v>
      </c>
      <c r="I5456" s="236">
        <f t="shared" si="1280"/>
        <v>19.664791965088309</v>
      </c>
      <c r="J5456" s="237">
        <f t="shared" ref="J5456:J5519" si="1285">$I5456-10</f>
        <v>9.664791965088309</v>
      </c>
      <c r="K5456" s="237">
        <f t="shared" si="1281"/>
        <v>1062.9410000889184</v>
      </c>
      <c r="L5456" s="237">
        <f t="shared" ref="L5456:L5519" si="1286">$J5456*$B5456</f>
        <v>522.47865363267397</v>
      </c>
      <c r="M5456" s="236">
        <f t="shared" si="1282"/>
        <v>34.410743625424828</v>
      </c>
      <c r="N5456" s="236">
        <f t="shared" si="1283"/>
        <v>0.49725013445188732</v>
      </c>
      <c r="O5456" s="236">
        <f t="shared" ref="O5456:O5519" si="1287">((3.47-LOG($M5456))^2+(LOG($N5456)+1.22)^2)^0.5</f>
        <v>2.1395750582336359</v>
      </c>
      <c r="P5456" s="236" t="str">
        <f t="shared" ref="P5456:P5519" si="1288">IF(O5456&lt;2.6,"SAND","CLAY")</f>
        <v>SAND</v>
      </c>
      <c r="Q5456" s="236" t="e">
        <f t="shared" si="1284"/>
        <v>#N/A</v>
      </c>
      <c r="R5456" s="238">
        <v>35</v>
      </c>
      <c r="S5456" s="236" t="e">
        <f t="shared" ref="S5456:S5519" si="1289">IF(P5456="SAND",#N/A,0.25*($M5456)^1.25)</f>
        <v>#N/A</v>
      </c>
      <c r="T5456" s="236">
        <f t="shared" si="1275"/>
        <v>34.503634637371917</v>
      </c>
    </row>
    <row r="5457" spans="1:20" x14ac:dyDescent="0.2">
      <c r="A5457" s="53">
        <f t="shared" si="1276"/>
        <v>5445</v>
      </c>
      <c r="B5457" s="239">
        <v>54.070999999999998</v>
      </c>
      <c r="C5457" s="3">
        <f t="shared" si="1277"/>
        <v>54.064</v>
      </c>
      <c r="D5457" s="239">
        <v>19.1751</v>
      </c>
      <c r="E5457" s="239">
        <v>8.5800000000000001E-2</v>
      </c>
      <c r="F5457" s="239">
        <v>0.2253</v>
      </c>
      <c r="G5457">
        <f t="shared" si="1278"/>
        <v>19.22016</v>
      </c>
      <c r="H5457" s="235">
        <f t="shared" si="1279"/>
        <v>0.44640627341291639</v>
      </c>
      <c r="I5457" s="236">
        <f t="shared" si="1280"/>
        <v>19.620240030378937</v>
      </c>
      <c r="J5457" s="237">
        <f t="shared" si="1285"/>
        <v>9.6202400303789375</v>
      </c>
      <c r="K5457" s="237">
        <f t="shared" si="1281"/>
        <v>1060.7486570024068</v>
      </c>
      <c r="L5457" s="237">
        <f t="shared" si="1286"/>
        <v>520.17599868261948</v>
      </c>
      <c r="M5457" s="236">
        <f t="shared" si="1282"/>
        <v>34.910129242770743</v>
      </c>
      <c r="N5457" s="236">
        <f t="shared" si="1283"/>
        <v>0.47248227588106889</v>
      </c>
      <c r="O5457" s="236">
        <f t="shared" si="1287"/>
        <v>2.1244861848532302</v>
      </c>
      <c r="P5457" s="236" t="str">
        <f t="shared" si="1288"/>
        <v>SAND</v>
      </c>
      <c r="Q5457" s="236" t="e">
        <f t="shared" si="1284"/>
        <v>#N/A</v>
      </c>
      <c r="R5457" s="238">
        <v>35</v>
      </c>
      <c r="S5457" s="236" t="e">
        <f t="shared" si="1289"/>
        <v>#N/A</v>
      </c>
      <c r="T5457" s="236">
        <f t="shared" si="1275"/>
        <v>34.572466023077446</v>
      </c>
    </row>
    <row r="5458" spans="1:20" x14ac:dyDescent="0.2">
      <c r="A5458" s="53">
        <f t="shared" si="1276"/>
        <v>5446</v>
      </c>
      <c r="B5458" s="239">
        <v>54.081000000000003</v>
      </c>
      <c r="C5458" s="3">
        <f t="shared" si="1277"/>
        <v>54.074000000000005</v>
      </c>
      <c r="D5458" s="239">
        <v>19.370200000000001</v>
      </c>
      <c r="E5458" s="239">
        <v>8.3199999999999996E-2</v>
      </c>
      <c r="F5458" s="239">
        <v>0.28810000000000002</v>
      </c>
      <c r="G5458">
        <f t="shared" si="1278"/>
        <v>19.427820000000001</v>
      </c>
      <c r="H5458" s="235">
        <f t="shared" si="1279"/>
        <v>0.42825185738801369</v>
      </c>
      <c r="I5458" s="236">
        <f t="shared" si="1280"/>
        <v>19.588357699315473</v>
      </c>
      <c r="J5458" s="237">
        <f t="shared" si="1285"/>
        <v>9.5883576993154733</v>
      </c>
      <c r="K5458" s="237">
        <f t="shared" si="1281"/>
        <v>1059.2208542327851</v>
      </c>
      <c r="L5458" s="237">
        <f t="shared" si="1286"/>
        <v>518.54797273668009</v>
      </c>
      <c r="M5458" s="236">
        <f t="shared" si="1282"/>
        <v>35.423143299211837</v>
      </c>
      <c r="N5458" s="236">
        <f t="shared" si="1283"/>
        <v>0.45294689779961955</v>
      </c>
      <c r="O5458" s="236">
        <f t="shared" si="1287"/>
        <v>2.1110653502635093</v>
      </c>
      <c r="P5458" s="236" t="str">
        <f t="shared" si="1288"/>
        <v>SAND</v>
      </c>
      <c r="Q5458" s="236" t="e">
        <f t="shared" si="1284"/>
        <v>#N/A</v>
      </c>
      <c r="R5458" s="238">
        <v>35</v>
      </c>
      <c r="S5458" s="236" t="e">
        <f t="shared" si="1289"/>
        <v>#N/A</v>
      </c>
      <c r="T5458" s="236">
        <f t="shared" si="1275"/>
        <v>34.642158056119314</v>
      </c>
    </row>
    <row r="5459" spans="1:20" x14ac:dyDescent="0.2">
      <c r="A5459" s="53">
        <f t="shared" si="1276"/>
        <v>5447</v>
      </c>
      <c r="B5459" s="239">
        <v>54.09</v>
      </c>
      <c r="C5459" s="3">
        <f t="shared" si="1277"/>
        <v>54.083000000000006</v>
      </c>
      <c r="D5459" s="239">
        <v>19.616</v>
      </c>
      <c r="E5459" s="239">
        <v>7.9399999999999998E-2</v>
      </c>
      <c r="F5459" s="239">
        <v>0.31990000000000002</v>
      </c>
      <c r="G5459">
        <f t="shared" si="1278"/>
        <v>19.67998</v>
      </c>
      <c r="H5459" s="235">
        <f t="shared" si="1279"/>
        <v>0.40345569456879521</v>
      </c>
      <c r="I5459" s="236">
        <f t="shared" si="1280"/>
        <v>19.538580598400671</v>
      </c>
      <c r="J5459" s="237">
        <f t="shared" si="1285"/>
        <v>9.5385805984006709</v>
      </c>
      <c r="K5459" s="237">
        <f t="shared" si="1281"/>
        <v>1056.7050545033037</v>
      </c>
      <c r="L5459" s="237">
        <f t="shared" si="1286"/>
        <v>515.94182456749229</v>
      </c>
      <c r="M5459" s="236">
        <f t="shared" si="1282"/>
        <v>36.095687650653943</v>
      </c>
      <c r="N5459" s="236">
        <f t="shared" si="1283"/>
        <v>0.42634821336405038</v>
      </c>
      <c r="O5459" s="236">
        <f t="shared" si="1287"/>
        <v>2.0928274581360378</v>
      </c>
      <c r="P5459" s="236" t="str">
        <f t="shared" si="1288"/>
        <v>SAND</v>
      </c>
      <c r="Q5459" s="236" t="e">
        <f t="shared" si="1284"/>
        <v>#N/A</v>
      </c>
      <c r="R5459" s="238">
        <v>35</v>
      </c>
      <c r="S5459" s="236" t="e">
        <f t="shared" si="1289"/>
        <v>#N/A</v>
      </c>
      <c r="T5459" s="236">
        <f t="shared" si="1275"/>
        <v>34.73200851859842</v>
      </c>
    </row>
    <row r="5460" spans="1:20" x14ac:dyDescent="0.2">
      <c r="A5460" s="53">
        <f t="shared" si="1276"/>
        <v>5448</v>
      </c>
      <c r="B5460" s="239">
        <v>54.094999999999999</v>
      </c>
      <c r="C5460" s="3">
        <f t="shared" si="1277"/>
        <v>54.088000000000001</v>
      </c>
      <c r="D5460" s="239">
        <v>19.840299999999999</v>
      </c>
      <c r="E5460" s="239">
        <v>7.46E-2</v>
      </c>
      <c r="F5460" s="239">
        <v>0.31709999999999999</v>
      </c>
      <c r="G5460">
        <f t="shared" si="1278"/>
        <v>19.90372</v>
      </c>
      <c r="H5460" s="235">
        <f t="shared" si="1279"/>
        <v>0.37480430793841557</v>
      </c>
      <c r="I5460" s="236">
        <f t="shared" si="1280"/>
        <v>19.469878716726381</v>
      </c>
      <c r="J5460" s="237">
        <f t="shared" si="1285"/>
        <v>9.4698787167263809</v>
      </c>
      <c r="K5460" s="237">
        <f t="shared" si="1281"/>
        <v>1053.0868000302964</v>
      </c>
      <c r="L5460" s="237">
        <f t="shared" si="1286"/>
        <v>512.27308918131359</v>
      </c>
      <c r="M5460" s="236">
        <f t="shared" si="1282"/>
        <v>36.798015742142027</v>
      </c>
      <c r="N5460" s="236">
        <f t="shared" si="1283"/>
        <v>0.39574267457562057</v>
      </c>
      <c r="O5460" s="236">
        <f t="shared" si="1287"/>
        <v>2.0722086131014148</v>
      </c>
      <c r="P5460" s="236" t="str">
        <f t="shared" si="1288"/>
        <v>SAND</v>
      </c>
      <c r="Q5460" s="236" t="e">
        <f t="shared" si="1284"/>
        <v>#N/A</v>
      </c>
      <c r="R5460" s="238">
        <v>35</v>
      </c>
      <c r="S5460" s="236" t="e">
        <f t="shared" si="1289"/>
        <v>#N/A</v>
      </c>
      <c r="T5460" s="236">
        <f t="shared" si="1275"/>
        <v>34.824068409479537</v>
      </c>
    </row>
    <row r="5461" spans="1:20" x14ac:dyDescent="0.2">
      <c r="A5461" s="53">
        <f t="shared" si="1276"/>
        <v>5449</v>
      </c>
      <c r="B5461" s="239">
        <v>54.113999999999997</v>
      </c>
      <c r="C5461" s="3">
        <f t="shared" si="1277"/>
        <v>54.106999999999999</v>
      </c>
      <c r="D5461" s="239">
        <v>20.053000000000001</v>
      </c>
      <c r="E5461" s="239">
        <v>6.3E-2</v>
      </c>
      <c r="F5461" s="239">
        <v>0.35449999999999998</v>
      </c>
      <c r="G5461">
        <f t="shared" si="1278"/>
        <v>20.123900000000003</v>
      </c>
      <c r="H5461" s="235">
        <f t="shared" si="1279"/>
        <v>0.31306058964713596</v>
      </c>
      <c r="I5461" s="236">
        <f t="shared" si="1280"/>
        <v>19.276003473407656</v>
      </c>
      <c r="J5461" s="237">
        <f t="shared" si="1285"/>
        <v>9.2760034734076555</v>
      </c>
      <c r="K5461" s="237">
        <f t="shared" si="1281"/>
        <v>1042.9667199356679</v>
      </c>
      <c r="L5461" s="237">
        <f t="shared" si="1286"/>
        <v>501.96165195998185</v>
      </c>
      <c r="M5461" s="236">
        <f t="shared" si="1282"/>
        <v>38.012731063339345</v>
      </c>
      <c r="N5461" s="236">
        <f t="shared" si="1283"/>
        <v>0.33017252916984985</v>
      </c>
      <c r="O5461" s="236">
        <f t="shared" si="1287"/>
        <v>2.0293117750006093</v>
      </c>
      <c r="P5461" s="236" t="str">
        <f t="shared" si="1288"/>
        <v>SAND</v>
      </c>
      <c r="Q5461" s="236" t="e">
        <f t="shared" si="1284"/>
        <v>#N/A</v>
      </c>
      <c r="R5461" s="238">
        <v>35</v>
      </c>
      <c r="S5461" s="236" t="e">
        <f t="shared" si="1289"/>
        <v>#N/A</v>
      </c>
      <c r="T5461" s="236">
        <f t="shared" si="1275"/>
        <v>34.979219803582609</v>
      </c>
    </row>
    <row r="5462" spans="1:20" x14ac:dyDescent="0.2">
      <c r="A5462" s="53">
        <f t="shared" si="1276"/>
        <v>5450</v>
      </c>
      <c r="B5462" s="239">
        <v>54.124000000000002</v>
      </c>
      <c r="C5462" s="3">
        <f t="shared" si="1277"/>
        <v>54.117000000000004</v>
      </c>
      <c r="D5462" s="239">
        <v>20.3001</v>
      </c>
      <c r="E5462" s="239">
        <v>6.2199999999999998E-2</v>
      </c>
      <c r="F5462" s="239">
        <v>0.38690000000000002</v>
      </c>
      <c r="G5462">
        <f t="shared" si="1278"/>
        <v>20.377480000000002</v>
      </c>
      <c r="H5462" s="235">
        <f t="shared" si="1279"/>
        <v>0.30523892061236224</v>
      </c>
      <c r="I5462" s="236">
        <f t="shared" si="1280"/>
        <v>19.265912521052012</v>
      </c>
      <c r="J5462" s="237">
        <f t="shared" si="1285"/>
        <v>9.2659125210520124</v>
      </c>
      <c r="K5462" s="237">
        <f t="shared" si="1281"/>
        <v>1042.6133879017718</v>
      </c>
      <c r="L5462" s="237">
        <f t="shared" si="1286"/>
        <v>501.50824928941915</v>
      </c>
      <c r="M5462" s="236">
        <f t="shared" si="1282"/>
        <v>38.553436836769016</v>
      </c>
      <c r="N5462" s="236">
        <f t="shared" si="1283"/>
        <v>0.32169862481016626</v>
      </c>
      <c r="O5462" s="236">
        <f t="shared" si="1287"/>
        <v>2.0195050361935709</v>
      </c>
      <c r="P5462" s="236" t="str">
        <f t="shared" si="1288"/>
        <v>SAND</v>
      </c>
      <c r="Q5462" s="236" t="e">
        <f t="shared" si="1284"/>
        <v>#N/A</v>
      </c>
      <c r="R5462" s="238">
        <v>35</v>
      </c>
      <c r="S5462" s="236" t="e">
        <f t="shared" si="1289"/>
        <v>#N/A</v>
      </c>
      <c r="T5462" s="236">
        <f t="shared" si="1275"/>
        <v>35.046694091077654</v>
      </c>
    </row>
    <row r="5463" spans="1:20" x14ac:dyDescent="0.2">
      <c r="A5463" s="53">
        <f t="shared" si="1276"/>
        <v>5451</v>
      </c>
      <c r="B5463" s="239">
        <v>54.134</v>
      </c>
      <c r="C5463" s="3">
        <f t="shared" si="1277"/>
        <v>54.127000000000002</v>
      </c>
      <c r="D5463" s="239">
        <v>20.8474</v>
      </c>
      <c r="E5463" s="239">
        <v>6.2399999999999997E-2</v>
      </c>
      <c r="F5463" s="239">
        <v>0.41399999999999998</v>
      </c>
      <c r="G5463">
        <f t="shared" si="1278"/>
        <v>20.930199999999999</v>
      </c>
      <c r="H5463" s="235">
        <f t="shared" si="1279"/>
        <v>0.29813379709701771</v>
      </c>
      <c r="I5463" s="236">
        <f t="shared" si="1280"/>
        <v>19.28013748698605</v>
      </c>
      <c r="J5463" s="237">
        <f t="shared" si="1285"/>
        <v>9.2801374869860496</v>
      </c>
      <c r="K5463" s="237">
        <f t="shared" si="1281"/>
        <v>1043.576001758094</v>
      </c>
      <c r="L5463" s="237">
        <f t="shared" si="1286"/>
        <v>502.3709627205028</v>
      </c>
      <c r="M5463" s="236">
        <f t="shared" si="1282"/>
        <v>39.585536334642718</v>
      </c>
      <c r="N5463" s="236">
        <f t="shared" si="1283"/>
        <v>0.31377874899991332</v>
      </c>
      <c r="O5463" s="236">
        <f t="shared" si="1287"/>
        <v>2.0049111484637709</v>
      </c>
      <c r="P5463" s="236" t="str">
        <f t="shared" si="1288"/>
        <v>SAND</v>
      </c>
      <c r="Q5463" s="236" t="e">
        <f t="shared" si="1284"/>
        <v>#N/A</v>
      </c>
      <c r="R5463" s="238">
        <v>35</v>
      </c>
      <c r="S5463" s="236" t="e">
        <f t="shared" si="1289"/>
        <v>#N/A</v>
      </c>
      <c r="T5463" s="236">
        <f t="shared" si="1275"/>
        <v>35.172901868105448</v>
      </c>
    </row>
    <row r="5464" spans="1:20" x14ac:dyDescent="0.2">
      <c r="A5464" s="53">
        <f t="shared" si="1276"/>
        <v>5452</v>
      </c>
      <c r="B5464" s="239">
        <v>54.143999999999998</v>
      </c>
      <c r="C5464" s="3">
        <f t="shared" si="1277"/>
        <v>54.137</v>
      </c>
      <c r="D5464" s="239">
        <v>21.3752</v>
      </c>
      <c r="E5464" s="239">
        <v>6.2799999999999995E-2</v>
      </c>
      <c r="F5464" s="239">
        <v>0.3891</v>
      </c>
      <c r="G5464">
        <f t="shared" si="1278"/>
        <v>21.453019999999999</v>
      </c>
      <c r="H5464" s="235">
        <f t="shared" si="1279"/>
        <v>0.29273267819635651</v>
      </c>
      <c r="I5464" s="236">
        <f t="shared" si="1280"/>
        <v>19.297273686349182</v>
      </c>
      <c r="J5464" s="237">
        <f t="shared" si="1285"/>
        <v>9.2972736863491825</v>
      </c>
      <c r="K5464" s="237">
        <f t="shared" si="1281"/>
        <v>1044.6965055578858</v>
      </c>
      <c r="L5464" s="237">
        <f t="shared" si="1286"/>
        <v>503.3915864736901</v>
      </c>
      <c r="M5464" s="236">
        <f t="shared" si="1282"/>
        <v>40.541645992545327</v>
      </c>
      <c r="N5464" s="236">
        <f t="shared" si="1283"/>
        <v>0.30771758403919164</v>
      </c>
      <c r="O5464" s="236">
        <f t="shared" si="1287"/>
        <v>1.9922075648179729</v>
      </c>
      <c r="P5464" s="236" t="str">
        <f t="shared" si="1288"/>
        <v>SAND</v>
      </c>
      <c r="Q5464" s="236" t="e">
        <f t="shared" si="1284"/>
        <v>#N/A</v>
      </c>
      <c r="R5464" s="238">
        <v>35</v>
      </c>
      <c r="S5464" s="236" t="e">
        <f t="shared" si="1289"/>
        <v>#N/A</v>
      </c>
      <c r="T5464" s="236">
        <f t="shared" si="1275"/>
        <v>35.28691514798237</v>
      </c>
    </row>
    <row r="5465" spans="1:20" x14ac:dyDescent="0.2">
      <c r="A5465" s="53">
        <f t="shared" si="1276"/>
        <v>5453</v>
      </c>
      <c r="B5465" s="239">
        <v>54.155000000000001</v>
      </c>
      <c r="C5465" s="3">
        <f t="shared" si="1277"/>
        <v>54.148000000000003</v>
      </c>
      <c r="D5465" s="239">
        <v>21.925699999999999</v>
      </c>
      <c r="E5465" s="239">
        <v>6.4100000000000004E-2</v>
      </c>
      <c r="F5465" s="239">
        <v>0.37730000000000002</v>
      </c>
      <c r="G5465">
        <f t="shared" si="1278"/>
        <v>22.001159999999999</v>
      </c>
      <c r="H5465" s="235">
        <f t="shared" si="1279"/>
        <v>0.29134827436371541</v>
      </c>
      <c r="I5465" s="236">
        <f t="shared" si="1280"/>
        <v>19.331160755527197</v>
      </c>
      <c r="J5465" s="237">
        <f t="shared" si="1285"/>
        <v>9.3311607555271969</v>
      </c>
      <c r="K5465" s="237">
        <f t="shared" si="1281"/>
        <v>1046.7436925902866</v>
      </c>
      <c r="L5465" s="237">
        <f t="shared" si="1286"/>
        <v>505.32901071557535</v>
      </c>
      <c r="M5465" s="236">
        <f t="shared" si="1282"/>
        <v>41.466877743150029</v>
      </c>
      <c r="N5465" s="236">
        <f t="shared" si="1283"/>
        <v>0.30590210225676168</v>
      </c>
      <c r="O5465" s="236">
        <f t="shared" si="1287"/>
        <v>1.9821344428797427</v>
      </c>
      <c r="P5465" s="236" t="str">
        <f t="shared" si="1288"/>
        <v>SAND</v>
      </c>
      <c r="Q5465" s="236" t="e">
        <f t="shared" si="1284"/>
        <v>#N/A</v>
      </c>
      <c r="R5465" s="238">
        <v>35</v>
      </c>
      <c r="S5465" s="236" t="e">
        <f t="shared" si="1289"/>
        <v>#N/A</v>
      </c>
      <c r="T5465" s="236">
        <f t="shared" si="1275"/>
        <v>35.394714699357223</v>
      </c>
    </row>
    <row r="5466" spans="1:20" x14ac:dyDescent="0.2">
      <c r="A5466" s="53">
        <f t="shared" si="1276"/>
        <v>5454</v>
      </c>
      <c r="B5466" s="239">
        <v>54.164999999999999</v>
      </c>
      <c r="C5466" s="3">
        <f t="shared" si="1277"/>
        <v>54.158000000000001</v>
      </c>
      <c r="D5466" s="239">
        <v>22.613</v>
      </c>
      <c r="E5466" s="239">
        <v>6.2199999999999998E-2</v>
      </c>
      <c r="F5466" s="239">
        <v>0.38600000000000001</v>
      </c>
      <c r="G5466">
        <f t="shared" si="1278"/>
        <v>22.690200000000001</v>
      </c>
      <c r="H5466" s="235">
        <f t="shared" si="1279"/>
        <v>0.2741271562172215</v>
      </c>
      <c r="I5466" s="236">
        <f t="shared" si="1280"/>
        <v>19.307931584591486</v>
      </c>
      <c r="J5466" s="237">
        <f t="shared" si="1285"/>
        <v>9.3079315845914863</v>
      </c>
      <c r="K5466" s="237">
        <f t="shared" si="1281"/>
        <v>1045.6789587583057</v>
      </c>
      <c r="L5466" s="237">
        <f t="shared" si="1286"/>
        <v>504.16411427939784</v>
      </c>
      <c r="M5466" s="236">
        <f t="shared" si="1282"/>
        <v>42.931498748533954</v>
      </c>
      <c r="N5466" s="236">
        <f t="shared" si="1283"/>
        <v>0.28737064627802789</v>
      </c>
      <c r="O5466" s="236">
        <f t="shared" si="1287"/>
        <v>1.9584881768047271</v>
      </c>
      <c r="P5466" s="236" t="str">
        <f t="shared" si="1288"/>
        <v>SAND</v>
      </c>
      <c r="Q5466" s="236" t="e">
        <f t="shared" si="1284"/>
        <v>#N/A</v>
      </c>
      <c r="R5466" s="238">
        <v>35</v>
      </c>
      <c r="S5466" s="236" t="e">
        <f t="shared" si="1289"/>
        <v>#N/A</v>
      </c>
      <c r="T5466" s="236">
        <f t="shared" si="1275"/>
        <v>35.560536550712001</v>
      </c>
    </row>
    <row r="5467" spans="1:20" x14ac:dyDescent="0.2">
      <c r="A5467" s="53">
        <f t="shared" si="1276"/>
        <v>5455</v>
      </c>
      <c r="B5467" s="239">
        <v>54.174999999999997</v>
      </c>
      <c r="C5467" s="3">
        <f t="shared" si="1277"/>
        <v>54.167999999999999</v>
      </c>
      <c r="D5467" s="239">
        <v>23.302099999999999</v>
      </c>
      <c r="E5467" s="239">
        <v>6.0199999999999997E-2</v>
      </c>
      <c r="F5467" s="239">
        <v>0.38450000000000001</v>
      </c>
      <c r="G5467">
        <f t="shared" si="1278"/>
        <v>23.378999999999998</v>
      </c>
      <c r="H5467" s="235">
        <f t="shared" si="1279"/>
        <v>0.25749604345780402</v>
      </c>
      <c r="I5467" s="236">
        <f t="shared" si="1280"/>
        <v>19.281296918641573</v>
      </c>
      <c r="J5467" s="237">
        <f t="shared" si="1285"/>
        <v>9.2812969186415728</v>
      </c>
      <c r="K5467" s="237">
        <f t="shared" si="1281"/>
        <v>1044.4292914889768</v>
      </c>
      <c r="L5467" s="237">
        <f t="shared" si="1286"/>
        <v>502.81426056740719</v>
      </c>
      <c r="M5467" s="236">
        <f t="shared" si="1282"/>
        <v>44.419127419551081</v>
      </c>
      <c r="N5467" s="236">
        <f t="shared" si="1283"/>
        <v>0.2695373051296644</v>
      </c>
      <c r="O5467" s="236">
        <f t="shared" si="1287"/>
        <v>1.9350855151432227</v>
      </c>
      <c r="P5467" s="236" t="str">
        <f t="shared" si="1288"/>
        <v>SAND</v>
      </c>
      <c r="Q5467" s="236" t="e">
        <f t="shared" si="1284"/>
        <v>#N/A</v>
      </c>
      <c r="R5467" s="238">
        <v>35</v>
      </c>
      <c r="S5467" s="236" t="e">
        <f t="shared" si="1289"/>
        <v>#N/A</v>
      </c>
      <c r="T5467" s="236">
        <f t="shared" si="1275"/>
        <v>35.723270251975066</v>
      </c>
    </row>
    <row r="5468" spans="1:20" x14ac:dyDescent="0.2">
      <c r="A5468" s="53">
        <f t="shared" si="1276"/>
        <v>5456</v>
      </c>
      <c r="B5468" s="239">
        <v>54.186</v>
      </c>
      <c r="C5468" s="3">
        <f t="shared" si="1277"/>
        <v>54.179000000000002</v>
      </c>
      <c r="D5468" s="239">
        <v>23.953700000000001</v>
      </c>
      <c r="E5468" s="239">
        <v>5.9799999999999999E-2</v>
      </c>
      <c r="F5468" s="239">
        <v>0.37440000000000001</v>
      </c>
      <c r="G5468">
        <f t="shared" si="1278"/>
        <v>24.028580000000002</v>
      </c>
      <c r="H5468" s="235">
        <f t="shared" si="1279"/>
        <v>0.24887030361344697</v>
      </c>
      <c r="I5468" s="236">
        <f t="shared" si="1280"/>
        <v>19.284191546882713</v>
      </c>
      <c r="J5468" s="237">
        <f t="shared" si="1285"/>
        <v>9.2841915468827132</v>
      </c>
      <c r="K5468" s="237">
        <f t="shared" si="1281"/>
        <v>1044.7982138185585</v>
      </c>
      <c r="L5468" s="237">
        <f t="shared" si="1286"/>
        <v>503.07320315938671</v>
      </c>
      <c r="M5468" s="236">
        <f t="shared" si="1282"/>
        <v>45.686754217555851</v>
      </c>
      <c r="N5468" s="236">
        <f t="shared" si="1283"/>
        <v>0.26018346569907658</v>
      </c>
      <c r="O5468" s="236">
        <f t="shared" si="1287"/>
        <v>1.9184471402136218</v>
      </c>
      <c r="P5468" s="236" t="str">
        <f t="shared" si="1288"/>
        <v>SAND</v>
      </c>
      <c r="Q5468" s="236" t="e">
        <f t="shared" si="1284"/>
        <v>#N/A</v>
      </c>
      <c r="R5468" s="238">
        <v>35</v>
      </c>
      <c r="S5468" s="236" t="e">
        <f t="shared" si="1289"/>
        <v>#N/A</v>
      </c>
      <c r="T5468" s="236">
        <f t="shared" si="1275"/>
        <v>35.857693355153721</v>
      </c>
    </row>
    <row r="5469" spans="1:20" x14ac:dyDescent="0.2">
      <c r="A5469" s="53">
        <f t="shared" si="1276"/>
        <v>5457</v>
      </c>
      <c r="B5469" s="239">
        <v>54.195999999999998</v>
      </c>
      <c r="C5469" s="3">
        <f t="shared" si="1277"/>
        <v>54.189</v>
      </c>
      <c r="D5469" s="239">
        <v>24.415099999999999</v>
      </c>
      <c r="E5469" s="239">
        <v>6.3500000000000001E-2</v>
      </c>
      <c r="F5469" s="239">
        <v>0.34589999999999999</v>
      </c>
      <c r="G5469">
        <f t="shared" si="1278"/>
        <v>24.484279999999998</v>
      </c>
      <c r="H5469" s="235">
        <f t="shared" si="1279"/>
        <v>0.25935008094989931</v>
      </c>
      <c r="I5469" s="236">
        <f t="shared" si="1280"/>
        <v>19.361930716337802</v>
      </c>
      <c r="J5469" s="237">
        <f t="shared" si="1285"/>
        <v>9.3619307163378025</v>
      </c>
      <c r="K5469" s="237">
        <f t="shared" si="1281"/>
        <v>1049.2036635876291</v>
      </c>
      <c r="L5469" s="237">
        <f t="shared" si="1286"/>
        <v>507.3791971026435</v>
      </c>
      <c r="M5469" s="236">
        <f t="shared" si="1282"/>
        <v>46.188484806308331</v>
      </c>
      <c r="N5469" s="236">
        <f t="shared" si="1283"/>
        <v>0.27096135335107291</v>
      </c>
      <c r="O5469" s="236">
        <f t="shared" si="1287"/>
        <v>1.9198949229839761</v>
      </c>
      <c r="P5469" s="236" t="str">
        <f t="shared" si="1288"/>
        <v>SAND</v>
      </c>
      <c r="Q5469" s="236" t="e">
        <f t="shared" si="1284"/>
        <v>#N/A</v>
      </c>
      <c r="R5469" s="238">
        <v>35</v>
      </c>
      <c r="S5469" s="236" t="e">
        <f t="shared" si="1289"/>
        <v>#N/A</v>
      </c>
      <c r="T5469" s="236">
        <f t="shared" si="1275"/>
        <v>35.909870871969474</v>
      </c>
    </row>
    <row r="5470" spans="1:20" x14ac:dyDescent="0.2">
      <c r="A5470" s="53">
        <f t="shared" si="1276"/>
        <v>5458</v>
      </c>
      <c r="B5470" s="239">
        <v>54.206000000000003</v>
      </c>
      <c r="C5470" s="3">
        <f t="shared" si="1277"/>
        <v>54.199000000000005</v>
      </c>
      <c r="D5470" s="239">
        <v>24.8812</v>
      </c>
      <c r="E5470" s="239">
        <v>6.5500000000000003E-2</v>
      </c>
      <c r="F5470" s="239">
        <v>0.35899999999999999</v>
      </c>
      <c r="G5470">
        <f t="shared" si="1278"/>
        <v>24.952999999999999</v>
      </c>
      <c r="H5470" s="235">
        <f t="shared" si="1279"/>
        <v>0.26249348775698311</v>
      </c>
      <c r="I5470" s="236">
        <f t="shared" si="1280"/>
        <v>19.405705054298117</v>
      </c>
      <c r="J5470" s="237">
        <f t="shared" si="1285"/>
        <v>9.4057050542981173</v>
      </c>
      <c r="K5470" s="237">
        <f t="shared" si="1281"/>
        <v>1051.7698082379038</v>
      </c>
      <c r="L5470" s="237">
        <f t="shared" si="1286"/>
        <v>509.84564817328379</v>
      </c>
      <c r="M5470" s="236">
        <f t="shared" si="1282"/>
        <v>46.879345302636899</v>
      </c>
      <c r="N5470" s="236">
        <f t="shared" si="1283"/>
        <v>0.27404447166311768</v>
      </c>
      <c r="O5470" s="236">
        <f t="shared" si="1287"/>
        <v>1.9155145404953897</v>
      </c>
      <c r="P5470" s="236" t="str">
        <f t="shared" si="1288"/>
        <v>SAND</v>
      </c>
      <c r="Q5470" s="236" t="e">
        <f t="shared" si="1284"/>
        <v>#N/A</v>
      </c>
      <c r="R5470" s="238">
        <v>35</v>
      </c>
      <c r="S5470" s="236" t="e">
        <f t="shared" si="1289"/>
        <v>#N/A</v>
      </c>
      <c r="T5470" s="236">
        <f t="shared" si="1275"/>
        <v>35.980796916646796</v>
      </c>
    </row>
    <row r="5471" spans="1:20" x14ac:dyDescent="0.2">
      <c r="A5471" s="53">
        <f t="shared" si="1276"/>
        <v>5459</v>
      </c>
      <c r="B5471" s="239">
        <v>54.216000000000001</v>
      </c>
      <c r="C5471" s="3">
        <f t="shared" si="1277"/>
        <v>54.209000000000003</v>
      </c>
      <c r="D5471" s="239">
        <v>25.067299999999999</v>
      </c>
      <c r="E5471" s="239">
        <v>6.5600000000000006E-2</v>
      </c>
      <c r="F5471" s="239">
        <v>0.3795</v>
      </c>
      <c r="G5471">
        <f t="shared" si="1278"/>
        <v>25.1432</v>
      </c>
      <c r="H5471" s="235">
        <f t="shared" si="1279"/>
        <v>0.26090553310636677</v>
      </c>
      <c r="I5471" s="236">
        <f t="shared" si="1280"/>
        <v>19.410461915658065</v>
      </c>
      <c r="J5471" s="237">
        <f t="shared" si="1285"/>
        <v>9.4104619156580647</v>
      </c>
      <c r="K5471" s="237">
        <f t="shared" si="1281"/>
        <v>1052.221729985908</v>
      </c>
      <c r="L5471" s="237">
        <f t="shared" si="1286"/>
        <v>510.19760321931767</v>
      </c>
      <c r="M5471" s="236">
        <f t="shared" si="1282"/>
        <v>47.21891698040406</v>
      </c>
      <c r="N5471" s="236">
        <f t="shared" si="1283"/>
        <v>0.27230110485655107</v>
      </c>
      <c r="O5471" s="236">
        <f t="shared" si="1287"/>
        <v>1.9116194663411088</v>
      </c>
      <c r="P5471" s="236" t="str">
        <f t="shared" si="1288"/>
        <v>SAND</v>
      </c>
      <c r="Q5471" s="236" t="e">
        <f t="shared" si="1284"/>
        <v>#N/A</v>
      </c>
      <c r="R5471" s="238">
        <v>35</v>
      </c>
      <c r="S5471" s="236" t="e">
        <f t="shared" si="1289"/>
        <v>#N/A</v>
      </c>
      <c r="T5471" s="236">
        <f t="shared" si="1275"/>
        <v>36.015276240006493</v>
      </c>
    </row>
    <row r="5472" spans="1:20" x14ac:dyDescent="0.2">
      <c r="A5472" s="53">
        <f t="shared" si="1276"/>
        <v>5460</v>
      </c>
      <c r="B5472" s="239">
        <v>54.226999999999997</v>
      </c>
      <c r="C5472" s="3">
        <f t="shared" si="1277"/>
        <v>54.22</v>
      </c>
      <c r="D5472" s="239">
        <v>25.2911</v>
      </c>
      <c r="E5472" s="239">
        <v>6.9400000000000003E-2</v>
      </c>
      <c r="F5472" s="239">
        <v>0.3604</v>
      </c>
      <c r="G5472">
        <f t="shared" si="1278"/>
        <v>25.36318</v>
      </c>
      <c r="H5472" s="235">
        <f t="shared" si="1279"/>
        <v>0.27362499497302784</v>
      </c>
      <c r="I5472" s="236">
        <f t="shared" si="1280"/>
        <v>19.479896958082456</v>
      </c>
      <c r="J5472" s="237">
        <f t="shared" si="1285"/>
        <v>9.4798969580824561</v>
      </c>
      <c r="K5472" s="237">
        <f t="shared" si="1281"/>
        <v>1056.2000130672307</v>
      </c>
      <c r="L5472" s="237">
        <f t="shared" si="1286"/>
        <v>514.06637234593734</v>
      </c>
      <c r="M5472" s="236">
        <f t="shared" si="1282"/>
        <v>47.283738626994953</v>
      </c>
      <c r="N5472" s="236">
        <f t="shared" si="1283"/>
        <v>0.28551469593223378</v>
      </c>
      <c r="O5472" s="236">
        <f t="shared" si="1287"/>
        <v>1.9182110201524385</v>
      </c>
      <c r="P5472" s="236" t="str">
        <f t="shared" si="1288"/>
        <v>SAND</v>
      </c>
      <c r="Q5472" s="236" t="e">
        <f t="shared" si="1284"/>
        <v>#N/A</v>
      </c>
      <c r="R5472" s="238">
        <v>35</v>
      </c>
      <c r="S5472" s="236" t="e">
        <f t="shared" si="1289"/>
        <v>#N/A</v>
      </c>
      <c r="T5472" s="236">
        <f t="shared" si="1275"/>
        <v>36.02182988792719</v>
      </c>
    </row>
    <row r="5473" spans="1:20" x14ac:dyDescent="0.2">
      <c r="A5473" s="53">
        <f t="shared" si="1276"/>
        <v>5461</v>
      </c>
      <c r="B5473" s="239">
        <v>54.237000000000002</v>
      </c>
      <c r="C5473" s="3">
        <f t="shared" si="1277"/>
        <v>54.230000000000004</v>
      </c>
      <c r="D5473" s="239">
        <v>25.1739</v>
      </c>
      <c r="E5473" s="239">
        <v>6.7299999999999999E-2</v>
      </c>
      <c r="F5473" s="239">
        <v>0.3861</v>
      </c>
      <c r="G5473">
        <f t="shared" si="1278"/>
        <v>25.25112</v>
      </c>
      <c r="H5473" s="235">
        <f t="shared" si="1279"/>
        <v>0.2665228314625252</v>
      </c>
      <c r="I5473" s="236">
        <f t="shared" si="1280"/>
        <v>19.44213630899165</v>
      </c>
      <c r="J5473" s="237">
        <f t="shared" si="1285"/>
        <v>9.4421363089916497</v>
      </c>
      <c r="K5473" s="237">
        <f t="shared" si="1281"/>
        <v>1054.3470520366172</v>
      </c>
      <c r="L5473" s="237">
        <f t="shared" si="1286"/>
        <v>512.11314699078014</v>
      </c>
      <c r="M5473" s="236">
        <f t="shared" si="1282"/>
        <v>47.24888062363884</v>
      </c>
      <c r="N5473" s="236">
        <f t="shared" si="1283"/>
        <v>0.27813626281790843</v>
      </c>
      <c r="O5473" s="236">
        <f t="shared" si="1287"/>
        <v>1.9145359693307471</v>
      </c>
      <c r="P5473" s="236" t="str">
        <f t="shared" si="1288"/>
        <v>SAND</v>
      </c>
      <c r="Q5473" s="236" t="e">
        <f t="shared" si="1284"/>
        <v>#N/A</v>
      </c>
      <c r="R5473" s="238">
        <v>35</v>
      </c>
      <c r="S5473" s="236" t="e">
        <f t="shared" si="1289"/>
        <v>#N/A</v>
      </c>
      <c r="T5473" s="236">
        <f t="shared" si="1275"/>
        <v>36.018306764745958</v>
      </c>
    </row>
    <row r="5474" spans="1:20" x14ac:dyDescent="0.2">
      <c r="A5474" s="53">
        <f t="shared" si="1276"/>
        <v>5462</v>
      </c>
      <c r="B5474" s="239">
        <v>54.247</v>
      </c>
      <c r="C5474" s="3">
        <f t="shared" si="1277"/>
        <v>54.24</v>
      </c>
      <c r="D5474" s="239">
        <v>24.7562</v>
      </c>
      <c r="E5474" s="239">
        <v>6.2399999999999997E-2</v>
      </c>
      <c r="F5474" s="239">
        <v>0.39</v>
      </c>
      <c r="G5474">
        <f t="shared" si="1278"/>
        <v>24.834199999999999</v>
      </c>
      <c r="H5474" s="235">
        <f t="shared" si="1279"/>
        <v>0.25126639875655343</v>
      </c>
      <c r="I5474" s="236">
        <f t="shared" si="1280"/>
        <v>19.346986603440126</v>
      </c>
      <c r="J5474" s="237">
        <f t="shared" si="1285"/>
        <v>9.3469866034401257</v>
      </c>
      <c r="K5474" s="237">
        <f t="shared" si="1281"/>
        <v>1049.3805533705925</v>
      </c>
      <c r="L5474" s="237">
        <f t="shared" si="1286"/>
        <v>507.04598227681652</v>
      </c>
      <c r="M5474" s="236">
        <f t="shared" si="1282"/>
        <v>46.90860450136519</v>
      </c>
      <c r="N5474" s="236">
        <f t="shared" si="1283"/>
        <v>0.26235221225882721</v>
      </c>
      <c r="O5474" s="236">
        <f t="shared" si="1287"/>
        <v>1.9088389718525867</v>
      </c>
      <c r="P5474" s="236" t="str">
        <f t="shared" si="1288"/>
        <v>SAND</v>
      </c>
      <c r="Q5474" s="236" t="e">
        <f t="shared" si="1284"/>
        <v>#N/A</v>
      </c>
      <c r="R5474" s="238">
        <v>35</v>
      </c>
      <c r="S5474" s="236" t="e">
        <f t="shared" si="1289"/>
        <v>#N/A</v>
      </c>
      <c r="T5474" s="236">
        <f t="shared" si="1275"/>
        <v>35.983777644957954</v>
      </c>
    </row>
    <row r="5475" spans="1:20" x14ac:dyDescent="0.2">
      <c r="A5475" s="53">
        <f t="shared" si="1276"/>
        <v>5463</v>
      </c>
      <c r="B5475" s="239">
        <v>54.256999999999998</v>
      </c>
      <c r="C5475" s="3">
        <f t="shared" si="1277"/>
        <v>54.25</v>
      </c>
      <c r="D5475" s="239">
        <v>24.167400000000001</v>
      </c>
      <c r="E5475" s="239">
        <v>5.7000000000000002E-2</v>
      </c>
      <c r="F5475" s="239">
        <v>0.3921</v>
      </c>
      <c r="G5475">
        <f t="shared" si="1278"/>
        <v>24.245820000000002</v>
      </c>
      <c r="H5475" s="235">
        <f t="shared" si="1279"/>
        <v>0.2350920694783678</v>
      </c>
      <c r="I5475" s="236">
        <f t="shared" si="1280"/>
        <v>19.231478353686235</v>
      </c>
      <c r="J5475" s="237">
        <f t="shared" si="1285"/>
        <v>9.231478353686235</v>
      </c>
      <c r="K5475" s="237">
        <f t="shared" si="1281"/>
        <v>1043.3077006874782</v>
      </c>
      <c r="L5475" s="237">
        <f t="shared" si="1286"/>
        <v>500.87232103595403</v>
      </c>
      <c r="M5475" s="236">
        <f t="shared" si="1282"/>
        <v>46.324205440865207</v>
      </c>
      <c r="N5475" s="236">
        <f t="shared" si="1283"/>
        <v>0.24566305262421462</v>
      </c>
      <c r="O5475" s="236">
        <f t="shared" si="1287"/>
        <v>1.9046321361461522</v>
      </c>
      <c r="P5475" s="236" t="str">
        <f t="shared" si="1288"/>
        <v>SAND</v>
      </c>
      <c r="Q5475" s="236" t="e">
        <f t="shared" si="1284"/>
        <v>#N/A</v>
      </c>
      <c r="R5475" s="238">
        <v>35</v>
      </c>
      <c r="S5475" s="236" t="e">
        <f t="shared" si="1289"/>
        <v>#N/A</v>
      </c>
      <c r="T5475" s="236">
        <f t="shared" si="1275"/>
        <v>35.923887768738311</v>
      </c>
    </row>
    <row r="5476" spans="1:20" x14ac:dyDescent="0.2">
      <c r="A5476" s="53">
        <f t="shared" si="1276"/>
        <v>5464</v>
      </c>
      <c r="B5476" s="239">
        <v>54.268000000000001</v>
      </c>
      <c r="C5476" s="3">
        <f t="shared" si="1277"/>
        <v>54.261000000000003</v>
      </c>
      <c r="D5476" s="239">
        <v>23.496099999999998</v>
      </c>
      <c r="E5476" s="239">
        <v>5.57E-2</v>
      </c>
      <c r="F5476" s="239">
        <v>0.40949999999999998</v>
      </c>
      <c r="G5476">
        <f t="shared" si="1278"/>
        <v>23.577999999999999</v>
      </c>
      <c r="H5476" s="235">
        <f t="shared" si="1279"/>
        <v>0.23623717024344729</v>
      </c>
      <c r="I5476" s="236">
        <f t="shared" si="1280"/>
        <v>19.193508348378163</v>
      </c>
      <c r="J5476" s="237">
        <f t="shared" si="1285"/>
        <v>9.1935083483781632</v>
      </c>
      <c r="K5476" s="237">
        <f t="shared" si="1281"/>
        <v>1041.4589564913476</v>
      </c>
      <c r="L5476" s="237">
        <f t="shared" si="1286"/>
        <v>498.91331104978616</v>
      </c>
      <c r="M5476" s="236">
        <f t="shared" si="1282"/>
        <v>45.171256297188165</v>
      </c>
      <c r="N5476" s="236">
        <f t="shared" si="1283"/>
        <v>0.24715416572785751</v>
      </c>
      <c r="O5476" s="236">
        <f t="shared" si="1287"/>
        <v>1.915843165195577</v>
      </c>
      <c r="P5476" s="236" t="str">
        <f t="shared" si="1288"/>
        <v>SAND</v>
      </c>
      <c r="Q5476" s="236" t="e">
        <f t="shared" si="1284"/>
        <v>#N/A</v>
      </c>
      <c r="R5476" s="238">
        <v>35</v>
      </c>
      <c r="S5476" s="236" t="e">
        <f t="shared" si="1289"/>
        <v>#N/A</v>
      </c>
      <c r="T5476" s="236">
        <f t="shared" si="1275"/>
        <v>35.803483861989861</v>
      </c>
    </row>
    <row r="5477" spans="1:20" x14ac:dyDescent="0.2">
      <c r="A5477" s="53">
        <f t="shared" si="1276"/>
        <v>5465</v>
      </c>
      <c r="B5477" s="239">
        <v>54.277999999999999</v>
      </c>
      <c r="C5477" s="3">
        <f t="shared" si="1277"/>
        <v>54.271000000000001</v>
      </c>
      <c r="D5477" s="239">
        <v>22.3703</v>
      </c>
      <c r="E5477" s="239">
        <v>5.7599999999999998E-2</v>
      </c>
      <c r="F5477" s="239">
        <v>0.42159999999999997</v>
      </c>
      <c r="G5477">
        <f t="shared" si="1278"/>
        <v>22.454620000000002</v>
      </c>
      <c r="H5477" s="235">
        <f t="shared" si="1279"/>
        <v>0.2565173670273645</v>
      </c>
      <c r="I5477" s="236">
        <f t="shared" si="1280"/>
        <v>19.213758898522915</v>
      </c>
      <c r="J5477" s="237">
        <f t="shared" si="1285"/>
        <v>9.2137588985229151</v>
      </c>
      <c r="K5477" s="237">
        <f t="shared" si="1281"/>
        <v>1042.7499091817372</v>
      </c>
      <c r="L5477" s="237">
        <f t="shared" si="1286"/>
        <v>500.10440549402676</v>
      </c>
      <c r="M5477" s="236">
        <f t="shared" si="1282"/>
        <v>42.814799980949196</v>
      </c>
      <c r="N5477" s="236">
        <f t="shared" si="1283"/>
        <v>0.26900966499278245</v>
      </c>
      <c r="O5477" s="236">
        <f t="shared" si="1287"/>
        <v>1.9498551791304755</v>
      </c>
      <c r="P5477" s="236" t="str">
        <f t="shared" si="1288"/>
        <v>SAND</v>
      </c>
      <c r="Q5477" s="236" t="e">
        <f t="shared" si="1284"/>
        <v>#N/A</v>
      </c>
      <c r="R5477" s="238">
        <v>35</v>
      </c>
      <c r="S5477" s="236" t="e">
        <f t="shared" si="1289"/>
        <v>#N/A</v>
      </c>
      <c r="T5477" s="236">
        <f t="shared" si="1275"/>
        <v>35.547533114030813</v>
      </c>
    </row>
    <row r="5478" spans="1:20" x14ac:dyDescent="0.2">
      <c r="A5478" s="53">
        <f t="shared" si="1276"/>
        <v>5466</v>
      </c>
      <c r="B5478" s="239">
        <v>54.289000000000001</v>
      </c>
      <c r="C5478" s="3">
        <f t="shared" si="1277"/>
        <v>54.282000000000004</v>
      </c>
      <c r="D5478" s="239">
        <v>21.418800000000001</v>
      </c>
      <c r="E5478" s="239">
        <v>6.3899999999999998E-2</v>
      </c>
      <c r="F5478" s="239">
        <v>0.38750000000000001</v>
      </c>
      <c r="G5478">
        <f t="shared" si="1278"/>
        <v>21.496300000000002</v>
      </c>
      <c r="H5478" s="235">
        <f t="shared" si="1279"/>
        <v>0.29726045877662666</v>
      </c>
      <c r="I5478" s="236">
        <f t="shared" si="1280"/>
        <v>19.318422714400281</v>
      </c>
      <c r="J5478" s="237">
        <f t="shared" si="1285"/>
        <v>9.3184227144002811</v>
      </c>
      <c r="K5478" s="237">
        <f t="shared" si="1281"/>
        <v>1048.642621783076</v>
      </c>
      <c r="L5478" s="237">
        <f t="shared" si="1286"/>
        <v>505.88785074207686</v>
      </c>
      <c r="M5478" s="236">
        <f t="shared" si="1282"/>
        <v>40.419348573448964</v>
      </c>
      <c r="N5478" s="236">
        <f t="shared" si="1283"/>
        <v>0.31250523626277721</v>
      </c>
      <c r="O5478" s="236">
        <f t="shared" si="1287"/>
        <v>1.9958257332909832</v>
      </c>
      <c r="P5478" s="236" t="str">
        <f t="shared" si="1288"/>
        <v>SAND</v>
      </c>
      <c r="Q5478" s="236" t="e">
        <f t="shared" si="1284"/>
        <v>#N/A</v>
      </c>
      <c r="R5478" s="238">
        <v>35</v>
      </c>
      <c r="S5478" s="236" t="e">
        <f t="shared" si="1289"/>
        <v>#N/A</v>
      </c>
      <c r="T5478" s="236">
        <f t="shared" si="1275"/>
        <v>35.272482408255684</v>
      </c>
    </row>
    <row r="5479" spans="1:20" x14ac:dyDescent="0.2">
      <c r="A5479" s="53">
        <f t="shared" si="1276"/>
        <v>5467</v>
      </c>
      <c r="B5479" s="239">
        <v>54.301000000000002</v>
      </c>
      <c r="C5479" s="3">
        <f t="shared" si="1277"/>
        <v>54.294000000000004</v>
      </c>
      <c r="D5479" s="239">
        <v>20.0961</v>
      </c>
      <c r="E5479" s="239">
        <v>7.0499999999999993E-2</v>
      </c>
      <c r="F5479" s="239">
        <v>0.39250000000000002</v>
      </c>
      <c r="G5479">
        <f t="shared" si="1278"/>
        <v>20.174599999999998</v>
      </c>
      <c r="H5479" s="235">
        <f t="shared" si="1279"/>
        <v>0.34944930754513104</v>
      </c>
      <c r="I5479" s="236">
        <f t="shared" si="1280"/>
        <v>19.408878109744524</v>
      </c>
      <c r="J5479" s="237">
        <f t="shared" si="1285"/>
        <v>9.4088781097445242</v>
      </c>
      <c r="K5479" s="237">
        <f t="shared" si="1281"/>
        <v>1053.7856280904693</v>
      </c>
      <c r="L5479" s="237">
        <f t="shared" si="1286"/>
        <v>510.91149023723744</v>
      </c>
      <c r="M5479" s="236">
        <f t="shared" si="1282"/>
        <v>37.424905756241536</v>
      </c>
      <c r="N5479" s="236">
        <f t="shared" si="1283"/>
        <v>0.36870814510689387</v>
      </c>
      <c r="O5479" s="236">
        <f t="shared" si="1287"/>
        <v>2.0535016415955414</v>
      </c>
      <c r="P5479" s="236" t="str">
        <f t="shared" si="1288"/>
        <v>SAND</v>
      </c>
      <c r="Q5479" s="236" t="e">
        <f t="shared" si="1284"/>
        <v>#N/A</v>
      </c>
      <c r="R5479" s="238">
        <v>35</v>
      </c>
      <c r="S5479" s="236" t="e">
        <f t="shared" si="1289"/>
        <v>#N/A</v>
      </c>
      <c r="T5479" s="236">
        <f t="shared" si="1275"/>
        <v>34.904767869091074</v>
      </c>
    </row>
    <row r="5480" spans="1:20" x14ac:dyDescent="0.2">
      <c r="A5480" s="53">
        <f t="shared" si="1276"/>
        <v>5468</v>
      </c>
      <c r="B5480" s="239">
        <v>54.311</v>
      </c>
      <c r="C5480" s="3">
        <f t="shared" si="1277"/>
        <v>54.304000000000002</v>
      </c>
      <c r="D5480" s="239">
        <v>18.838899999999999</v>
      </c>
      <c r="E5480" s="239">
        <v>7.6899999999999996E-2</v>
      </c>
      <c r="F5480" s="239">
        <v>0.4153</v>
      </c>
      <c r="G5480">
        <f t="shared" si="1278"/>
        <v>18.921959999999999</v>
      </c>
      <c r="H5480" s="235">
        <f t="shared" si="1279"/>
        <v>0.40640610169348207</v>
      </c>
      <c r="I5480" s="236">
        <f t="shared" si="1280"/>
        <v>19.485713679912063</v>
      </c>
      <c r="J5480" s="237">
        <f t="shared" si="1285"/>
        <v>9.4857136799120632</v>
      </c>
      <c r="K5480" s="237">
        <f t="shared" si="1281"/>
        <v>1058.1521956739448</v>
      </c>
      <c r="L5480" s="237">
        <f t="shared" si="1286"/>
        <v>515.17859566970401</v>
      </c>
      <c r="M5480" s="236">
        <f t="shared" si="1282"/>
        <v>34.674980588244509</v>
      </c>
      <c r="N5480" s="236">
        <f t="shared" si="1283"/>
        <v>0.43047932916842752</v>
      </c>
      <c r="O5480" s="236">
        <f t="shared" si="1287"/>
        <v>2.1104672231651511</v>
      </c>
      <c r="P5480" s="236" t="str">
        <f t="shared" si="1288"/>
        <v>SAND</v>
      </c>
      <c r="Q5480" s="236" t="e">
        <f t="shared" si="1284"/>
        <v>#N/A</v>
      </c>
      <c r="R5480" s="238">
        <v>35</v>
      </c>
      <c r="S5480" s="236" t="e">
        <f t="shared" si="1289"/>
        <v>#N/A</v>
      </c>
      <c r="T5480" s="236">
        <f t="shared" si="1275"/>
        <v>34.54017849280411</v>
      </c>
    </row>
    <row r="5481" spans="1:20" x14ac:dyDescent="0.2">
      <c r="A5481" s="53">
        <f t="shared" si="1276"/>
        <v>5469</v>
      </c>
      <c r="B5481" s="239">
        <v>54.322000000000003</v>
      </c>
      <c r="C5481" s="3">
        <f t="shared" si="1277"/>
        <v>54.315000000000005</v>
      </c>
      <c r="D5481" s="239">
        <v>17.837199999999999</v>
      </c>
      <c r="E5481" s="239">
        <v>6.6699999999999995E-2</v>
      </c>
      <c r="F5481" s="239">
        <v>0.45979999999999999</v>
      </c>
      <c r="G5481">
        <f t="shared" si="1278"/>
        <v>17.92916</v>
      </c>
      <c r="H5481" s="235">
        <f t="shared" si="1279"/>
        <v>0.37201965959364519</v>
      </c>
      <c r="I5481" s="236">
        <f t="shared" si="1280"/>
        <v>19.297786754554242</v>
      </c>
      <c r="J5481" s="237">
        <f t="shared" si="1285"/>
        <v>9.2977867545542416</v>
      </c>
      <c r="K5481" s="237">
        <f t="shared" si="1281"/>
        <v>1048.1592875736137</v>
      </c>
      <c r="L5481" s="237">
        <f t="shared" si="1286"/>
        <v>505.07437208089556</v>
      </c>
      <c r="M5481" s="236">
        <f t="shared" si="1282"/>
        <v>33.42280195860468</v>
      </c>
      <c r="N5481" s="236">
        <f t="shared" si="1283"/>
        <v>0.39511875590942314</v>
      </c>
      <c r="O5481" s="236">
        <f t="shared" si="1287"/>
        <v>2.1104012071296476</v>
      </c>
      <c r="P5481" s="236" t="str">
        <f t="shared" si="1288"/>
        <v>SAND</v>
      </c>
      <c r="Q5481" s="236" t="e">
        <f t="shared" si="1284"/>
        <v>#N/A</v>
      </c>
      <c r="R5481" s="238">
        <v>35</v>
      </c>
      <c r="S5481" s="236" t="e">
        <f t="shared" si="1289"/>
        <v>#N/A</v>
      </c>
      <c r="T5481" s="236">
        <f t="shared" si="1275"/>
        <v>34.364471411773422</v>
      </c>
    </row>
    <row r="5482" spans="1:20" x14ac:dyDescent="0.2">
      <c r="A5482" s="53">
        <f t="shared" si="1276"/>
        <v>5470</v>
      </c>
      <c r="B5482" s="239">
        <v>54.331000000000003</v>
      </c>
      <c r="C5482" s="3">
        <f t="shared" si="1277"/>
        <v>54.324000000000005</v>
      </c>
      <c r="D5482" s="239">
        <v>17.431100000000001</v>
      </c>
      <c r="E5482" s="239">
        <v>6.83E-2</v>
      </c>
      <c r="F5482" s="239">
        <v>0.48980000000000001</v>
      </c>
      <c r="G5482">
        <f t="shared" si="1278"/>
        <v>17.529060000000001</v>
      </c>
      <c r="H5482" s="235">
        <f t="shared" si="1279"/>
        <v>0.38963869140729734</v>
      </c>
      <c r="I5482" s="236">
        <f t="shared" si="1280"/>
        <v>19.316761719138881</v>
      </c>
      <c r="J5482" s="237">
        <f t="shared" si="1285"/>
        <v>9.3167617191388814</v>
      </c>
      <c r="K5482" s="237">
        <f t="shared" si="1281"/>
        <v>1049.3637636305007</v>
      </c>
      <c r="L5482" s="237">
        <f t="shared" si="1286"/>
        <v>506.18898096253457</v>
      </c>
      <c r="M5482" s="236">
        <f t="shared" si="1282"/>
        <v>32.556410463603598</v>
      </c>
      <c r="N5482" s="236">
        <f t="shared" si="1283"/>
        <v>0.41444938681131038</v>
      </c>
      <c r="O5482" s="236">
        <f t="shared" si="1287"/>
        <v>2.12899749338195</v>
      </c>
      <c r="P5482" s="236" t="str">
        <f t="shared" si="1288"/>
        <v>SAND</v>
      </c>
      <c r="Q5482" s="236" t="e">
        <f t="shared" si="1284"/>
        <v>#N/A</v>
      </c>
      <c r="R5482" s="238">
        <v>35</v>
      </c>
      <c r="S5482" s="236" t="e">
        <f t="shared" si="1289"/>
        <v>#N/A</v>
      </c>
      <c r="T5482" s="236">
        <f t="shared" si="1275"/>
        <v>34.23900166859616</v>
      </c>
    </row>
    <row r="5483" spans="1:20" x14ac:dyDescent="0.2">
      <c r="A5483" s="53">
        <f t="shared" si="1276"/>
        <v>5471</v>
      </c>
      <c r="B5483" s="239">
        <v>54.341000000000001</v>
      </c>
      <c r="C5483" s="3">
        <f t="shared" si="1277"/>
        <v>54.334000000000003</v>
      </c>
      <c r="D5483" s="239">
        <v>17.418299999999999</v>
      </c>
      <c r="E5483" s="239">
        <v>7.51E-2</v>
      </c>
      <c r="F5483" s="239">
        <v>0.51229999999999998</v>
      </c>
      <c r="G5483">
        <f t="shared" si="1278"/>
        <v>17.520759999999999</v>
      </c>
      <c r="H5483" s="235">
        <f t="shared" si="1279"/>
        <v>0.42863437430796386</v>
      </c>
      <c r="I5483" s="236">
        <f t="shared" si="1280"/>
        <v>19.427868530907368</v>
      </c>
      <c r="J5483" s="237">
        <f t="shared" si="1285"/>
        <v>9.427868530907368</v>
      </c>
      <c r="K5483" s="237">
        <f t="shared" si="1281"/>
        <v>1055.5938087583211</v>
      </c>
      <c r="L5483" s="237">
        <f t="shared" si="1286"/>
        <v>512.31980383803727</v>
      </c>
      <c r="M5483" s="236">
        <f t="shared" si="1282"/>
        <v>32.138453497001471</v>
      </c>
      <c r="N5483" s="236">
        <f t="shared" si="1283"/>
        <v>0.4561144365487666</v>
      </c>
      <c r="O5483" s="236">
        <f t="shared" si="1287"/>
        <v>2.1508235000171787</v>
      </c>
      <c r="P5483" s="236" t="str">
        <f t="shared" si="1288"/>
        <v>SAND</v>
      </c>
      <c r="Q5483" s="236" t="e">
        <f t="shared" si="1284"/>
        <v>#N/A</v>
      </c>
      <c r="R5483" s="238">
        <v>35</v>
      </c>
      <c r="S5483" s="236" t="e">
        <f t="shared" si="1289"/>
        <v>#N/A</v>
      </c>
      <c r="T5483" s="236">
        <f t="shared" si="1275"/>
        <v>34.177274721384578</v>
      </c>
    </row>
    <row r="5484" spans="1:20" x14ac:dyDescent="0.2">
      <c r="A5484" s="53">
        <f t="shared" si="1276"/>
        <v>5472</v>
      </c>
      <c r="B5484" s="239">
        <v>54.351999999999997</v>
      </c>
      <c r="C5484" s="3">
        <f t="shared" si="1277"/>
        <v>54.344999999999999</v>
      </c>
      <c r="D5484" s="239">
        <v>17.629899999999999</v>
      </c>
      <c r="E5484" s="239">
        <v>8.2500000000000004E-2</v>
      </c>
      <c r="F5484" s="239">
        <v>0.5242</v>
      </c>
      <c r="G5484">
        <f t="shared" si="1278"/>
        <v>17.734739999999999</v>
      </c>
      <c r="H5484" s="235">
        <f t="shared" si="1279"/>
        <v>0.46518866360600725</v>
      </c>
      <c r="I5484" s="236">
        <f t="shared" si="1280"/>
        <v>19.542811058763057</v>
      </c>
      <c r="J5484" s="237">
        <f t="shared" si="1285"/>
        <v>9.542811058763057</v>
      </c>
      <c r="K5484" s="237">
        <f t="shared" si="1281"/>
        <v>1062.0540669884783</v>
      </c>
      <c r="L5484" s="237">
        <f t="shared" si="1286"/>
        <v>518.67086666588966</v>
      </c>
      <c r="M5484" s="236">
        <f t="shared" si="1282"/>
        <v>32.145021061596474</v>
      </c>
      <c r="N5484" s="236">
        <f t="shared" si="1283"/>
        <v>0.49482129233090139</v>
      </c>
      <c r="O5484" s="236">
        <f t="shared" si="1287"/>
        <v>2.1654418503941746</v>
      </c>
      <c r="P5484" s="236" t="str">
        <f t="shared" si="1288"/>
        <v>SAND</v>
      </c>
      <c r="Q5484" s="236" t="e">
        <f t="shared" si="1284"/>
        <v>#N/A</v>
      </c>
      <c r="R5484" s="238">
        <v>35</v>
      </c>
      <c r="S5484" s="236" t="e">
        <f t="shared" si="1289"/>
        <v>#N/A</v>
      </c>
      <c r="T5484" s="236">
        <f t="shared" si="1275"/>
        <v>34.178250861147376</v>
      </c>
    </row>
    <row r="5485" spans="1:20" x14ac:dyDescent="0.2">
      <c r="A5485" s="53">
        <f t="shared" si="1276"/>
        <v>5473</v>
      </c>
      <c r="B5485" s="239">
        <v>54.362000000000002</v>
      </c>
      <c r="C5485" s="3">
        <f t="shared" si="1277"/>
        <v>54.355000000000004</v>
      </c>
      <c r="D5485" s="239">
        <v>17.961300000000001</v>
      </c>
      <c r="E5485" s="239">
        <v>8.2900000000000001E-2</v>
      </c>
      <c r="F5485" s="239">
        <v>0.4768</v>
      </c>
      <c r="G5485">
        <f t="shared" si="1278"/>
        <v>18.056660000000001</v>
      </c>
      <c r="H5485" s="235">
        <f t="shared" si="1279"/>
        <v>0.45911037810979444</v>
      </c>
      <c r="I5485" s="236">
        <f t="shared" si="1280"/>
        <v>19.555513965338466</v>
      </c>
      <c r="J5485" s="237">
        <f t="shared" si="1285"/>
        <v>9.5555139653384664</v>
      </c>
      <c r="K5485" s="237">
        <f t="shared" si="1281"/>
        <v>1062.9399615859725</v>
      </c>
      <c r="L5485" s="237">
        <f t="shared" si="1286"/>
        <v>519.45685018372978</v>
      </c>
      <c r="M5485" s="236">
        <f t="shared" si="1282"/>
        <v>32.714401653194905</v>
      </c>
      <c r="N5485" s="236">
        <f t="shared" si="1283"/>
        <v>0.48782726685273092</v>
      </c>
      <c r="O5485" s="236">
        <f t="shared" si="1287"/>
        <v>2.155920431498568</v>
      </c>
      <c r="P5485" s="236" t="str">
        <f t="shared" si="1288"/>
        <v>SAND</v>
      </c>
      <c r="Q5485" s="236" t="e">
        <f t="shared" si="1284"/>
        <v>#N/A</v>
      </c>
      <c r="R5485" s="238">
        <v>35</v>
      </c>
      <c r="S5485" s="236" t="e">
        <f t="shared" si="1289"/>
        <v>#N/A</v>
      </c>
      <c r="T5485" s="236">
        <f t="shared" si="1275"/>
        <v>34.262128796012178</v>
      </c>
    </row>
    <row r="5486" spans="1:20" x14ac:dyDescent="0.2">
      <c r="A5486" s="53">
        <f t="shared" si="1276"/>
        <v>5474</v>
      </c>
      <c r="B5486" s="239">
        <v>54.372999999999998</v>
      </c>
      <c r="C5486" s="3">
        <f t="shared" si="1277"/>
        <v>54.366</v>
      </c>
      <c r="D5486" s="239">
        <v>18.632200000000001</v>
      </c>
      <c r="E5486" s="239">
        <v>8.43E-2</v>
      </c>
      <c r="F5486" s="239">
        <v>0.4531</v>
      </c>
      <c r="G5486">
        <f t="shared" si="1278"/>
        <v>18.722820000000002</v>
      </c>
      <c r="H5486" s="235">
        <f t="shared" si="1279"/>
        <v>0.45025268629405185</v>
      </c>
      <c r="I5486" s="236">
        <f t="shared" si="1280"/>
        <v>19.589311641706285</v>
      </c>
      <c r="J5486" s="237">
        <f t="shared" si="1285"/>
        <v>9.5893116417062849</v>
      </c>
      <c r="K5486" s="237">
        <f t="shared" si="1281"/>
        <v>1064.9925167130039</v>
      </c>
      <c r="L5486" s="237">
        <f t="shared" si="1286"/>
        <v>521.39964189449586</v>
      </c>
      <c r="M5486" s="236">
        <f t="shared" si="1282"/>
        <v>33.866205621330337</v>
      </c>
      <c r="N5486" s="236">
        <f t="shared" si="1283"/>
        <v>0.47740867374420382</v>
      </c>
      <c r="O5486" s="236">
        <f t="shared" si="1287"/>
        <v>2.1383427359844793</v>
      </c>
      <c r="P5486" s="236" t="str">
        <f t="shared" si="1288"/>
        <v>SAND</v>
      </c>
      <c r="Q5486" s="236" t="e">
        <f t="shared" si="1284"/>
        <v>#N/A</v>
      </c>
      <c r="R5486" s="238">
        <v>35</v>
      </c>
      <c r="S5486" s="236" t="e">
        <f t="shared" si="1289"/>
        <v>#N/A</v>
      </c>
      <c r="T5486" s="236">
        <f t="shared" si="1275"/>
        <v>34.427431949913398</v>
      </c>
    </row>
    <row r="5487" spans="1:20" x14ac:dyDescent="0.2">
      <c r="A5487" s="53">
        <f t="shared" si="1276"/>
        <v>5475</v>
      </c>
      <c r="B5487" s="239">
        <v>54.383000000000003</v>
      </c>
      <c r="C5487" s="3">
        <f t="shared" si="1277"/>
        <v>54.376000000000005</v>
      </c>
      <c r="D5487" s="239">
        <v>18.930499999999999</v>
      </c>
      <c r="E5487" s="239">
        <v>8.6199999999999999E-2</v>
      </c>
      <c r="F5487" s="239">
        <v>0.39369999999999999</v>
      </c>
      <c r="G5487">
        <f t="shared" si="1278"/>
        <v>19.009239999999998</v>
      </c>
      <c r="H5487" s="235">
        <f t="shared" si="1279"/>
        <v>0.453463683976845</v>
      </c>
      <c r="I5487" s="236">
        <f t="shared" si="1280"/>
        <v>19.621380950598798</v>
      </c>
      <c r="J5487" s="237">
        <f t="shared" si="1285"/>
        <v>9.6213809505987982</v>
      </c>
      <c r="K5487" s="237">
        <f t="shared" si="1281"/>
        <v>1066.9322105697604</v>
      </c>
      <c r="L5487" s="237">
        <f t="shared" si="1286"/>
        <v>523.23956023641449</v>
      </c>
      <c r="M5487" s="236">
        <f t="shared" si="1282"/>
        <v>34.290808939070651</v>
      </c>
      <c r="N5487" s="236">
        <f t="shared" si="1283"/>
        <v>0.48042872194389724</v>
      </c>
      <c r="O5487" s="236">
        <f t="shared" si="1287"/>
        <v>2.1345894223941388</v>
      </c>
      <c r="P5487" s="236" t="str">
        <f t="shared" si="1288"/>
        <v>SAND</v>
      </c>
      <c r="Q5487" s="236" t="e">
        <f t="shared" si="1284"/>
        <v>#N/A</v>
      </c>
      <c r="R5487" s="238">
        <v>35</v>
      </c>
      <c r="S5487" s="236" t="e">
        <f t="shared" si="1289"/>
        <v>#N/A</v>
      </c>
      <c r="T5487" s="236">
        <f t="shared" si="1275"/>
        <v>34.486955035300177</v>
      </c>
    </row>
    <row r="5488" spans="1:20" x14ac:dyDescent="0.2">
      <c r="A5488" s="53">
        <f t="shared" si="1276"/>
        <v>5476</v>
      </c>
      <c r="B5488" s="239">
        <v>54.393000000000001</v>
      </c>
      <c r="C5488" s="3">
        <f t="shared" si="1277"/>
        <v>54.386000000000003</v>
      </c>
      <c r="D5488" s="239">
        <v>19.2502</v>
      </c>
      <c r="E5488" s="239">
        <v>8.6999999999999994E-2</v>
      </c>
      <c r="F5488" s="239">
        <v>0.35599999999999998</v>
      </c>
      <c r="G5488">
        <f t="shared" si="1278"/>
        <v>19.321400000000001</v>
      </c>
      <c r="H5488" s="235">
        <f t="shared" si="1279"/>
        <v>0.45027793017069151</v>
      </c>
      <c r="I5488" s="236">
        <f t="shared" si="1280"/>
        <v>19.638579768851283</v>
      </c>
      <c r="J5488" s="237">
        <f t="shared" si="1285"/>
        <v>9.6385797688512831</v>
      </c>
      <c r="K5488" s="237">
        <f t="shared" si="1281"/>
        <v>1068.063799308746</v>
      </c>
      <c r="L5488" s="237">
        <f t="shared" si="1286"/>
        <v>524.27126936712784</v>
      </c>
      <c r="M5488" s="236">
        <f t="shared" si="1282"/>
        <v>34.816586883972683</v>
      </c>
      <c r="N5488" s="236">
        <f t="shared" si="1283"/>
        <v>0.47662519905103873</v>
      </c>
      <c r="O5488" s="236">
        <f t="shared" si="1287"/>
        <v>2.1271413687838598</v>
      </c>
      <c r="P5488" s="236" t="str">
        <f t="shared" si="1288"/>
        <v>SAND</v>
      </c>
      <c r="Q5488" s="236" t="e">
        <f t="shared" si="1284"/>
        <v>#N/A</v>
      </c>
      <c r="R5488" s="238">
        <v>35</v>
      </c>
      <c r="S5488" s="236" t="e">
        <f t="shared" si="1289"/>
        <v>#N/A</v>
      </c>
      <c r="T5488" s="236">
        <f t="shared" si="1275"/>
        <v>34.559648138465434</v>
      </c>
    </row>
    <row r="5489" spans="1:20" x14ac:dyDescent="0.2">
      <c r="A5489" s="53">
        <f t="shared" si="1276"/>
        <v>5477</v>
      </c>
      <c r="B5489" s="239">
        <v>54.402999999999999</v>
      </c>
      <c r="C5489" s="3">
        <f t="shared" si="1277"/>
        <v>54.396000000000001</v>
      </c>
      <c r="D5489" s="239">
        <v>18.862100000000002</v>
      </c>
      <c r="E5489" s="239">
        <v>8.8099999999999998E-2</v>
      </c>
      <c r="F5489" s="239">
        <v>0.37690000000000001</v>
      </c>
      <c r="G5489">
        <f t="shared" si="1278"/>
        <v>18.937480000000001</v>
      </c>
      <c r="H5489" s="235">
        <f t="shared" si="1279"/>
        <v>0.46521501276833033</v>
      </c>
      <c r="I5489" s="236">
        <f t="shared" si="1280"/>
        <v>19.645467975561782</v>
      </c>
      <c r="J5489" s="237">
        <f t="shared" si="1285"/>
        <v>9.6454679755617825</v>
      </c>
      <c r="K5489" s="237">
        <f t="shared" si="1281"/>
        <v>1068.6348759986588</v>
      </c>
      <c r="L5489" s="237">
        <f t="shared" si="1286"/>
        <v>524.74239427448765</v>
      </c>
      <c r="M5489" s="236">
        <f t="shared" si="1282"/>
        <v>34.05260432351178</v>
      </c>
      <c r="N5489" s="236">
        <f t="shared" si="1283"/>
        <v>0.49303689963524572</v>
      </c>
      <c r="O5489" s="236">
        <f t="shared" si="1287"/>
        <v>2.142104147248411</v>
      </c>
      <c r="P5489" s="236" t="str">
        <f t="shared" si="1288"/>
        <v>SAND</v>
      </c>
      <c r="Q5489" s="236" t="e">
        <f t="shared" si="1284"/>
        <v>#N/A</v>
      </c>
      <c r="R5489" s="238">
        <v>35</v>
      </c>
      <c r="S5489" s="236" t="e">
        <f t="shared" si="1289"/>
        <v>#N/A</v>
      </c>
      <c r="T5489" s="236">
        <f t="shared" si="1275"/>
        <v>34.453653653211504</v>
      </c>
    </row>
    <row r="5490" spans="1:20" x14ac:dyDescent="0.2">
      <c r="A5490" s="53">
        <f t="shared" si="1276"/>
        <v>5478</v>
      </c>
      <c r="B5490" s="239">
        <v>54.412999999999997</v>
      </c>
      <c r="C5490" s="3">
        <f t="shared" si="1277"/>
        <v>54.405999999999999</v>
      </c>
      <c r="D5490" s="239">
        <v>18.585100000000001</v>
      </c>
      <c r="E5490" s="239">
        <v>8.6999999999999994E-2</v>
      </c>
      <c r="F5490" s="239">
        <v>0.44259999999999999</v>
      </c>
      <c r="G5490">
        <f t="shared" si="1278"/>
        <v>18.67362</v>
      </c>
      <c r="H5490" s="235">
        <f t="shared" si="1279"/>
        <v>0.46589788161052859</v>
      </c>
      <c r="I5490" s="236">
        <f t="shared" si="1280"/>
        <v>19.62525070162495</v>
      </c>
      <c r="J5490" s="237">
        <f t="shared" si="1285"/>
        <v>9.6252507016249496</v>
      </c>
      <c r="K5490" s="237">
        <f t="shared" si="1281"/>
        <v>1067.7313896726071</v>
      </c>
      <c r="L5490" s="237">
        <f t="shared" si="1286"/>
        <v>523.73876642751839</v>
      </c>
      <c r="M5490" s="236">
        <f t="shared" si="1282"/>
        <v>33.615782788849401</v>
      </c>
      <c r="N5490" s="236">
        <f t="shared" si="1283"/>
        <v>0.49415284809292104</v>
      </c>
      <c r="O5490" s="236">
        <f t="shared" si="1287"/>
        <v>2.1475955629777301</v>
      </c>
      <c r="P5490" s="236" t="str">
        <f t="shared" si="1288"/>
        <v>SAND</v>
      </c>
      <c r="Q5490" s="236" t="e">
        <f t="shared" si="1284"/>
        <v>#N/A</v>
      </c>
      <c r="R5490" s="238">
        <v>35</v>
      </c>
      <c r="S5490" s="236" t="e">
        <f t="shared" si="1289"/>
        <v>#N/A</v>
      </c>
      <c r="T5490" s="236">
        <f t="shared" si="1275"/>
        <v>34.39197551725497</v>
      </c>
    </row>
    <row r="5491" spans="1:20" x14ac:dyDescent="0.2">
      <c r="A5491" s="53">
        <f t="shared" si="1276"/>
        <v>5479</v>
      </c>
      <c r="B5491" s="239">
        <v>54.423999999999999</v>
      </c>
      <c r="C5491" s="3">
        <f t="shared" si="1277"/>
        <v>54.417000000000002</v>
      </c>
      <c r="D5491" s="239">
        <v>18.574100000000001</v>
      </c>
      <c r="E5491" s="239">
        <v>8.8999999999999996E-2</v>
      </c>
      <c r="F5491" s="239">
        <v>0.47949999999999998</v>
      </c>
      <c r="G5491">
        <f t="shared" si="1278"/>
        <v>18.670000000000002</v>
      </c>
      <c r="H5491" s="235">
        <f t="shared" si="1279"/>
        <v>0.4767005891805034</v>
      </c>
      <c r="I5491" s="236">
        <f t="shared" si="1280"/>
        <v>19.651825958477922</v>
      </c>
      <c r="J5491" s="237">
        <f t="shared" si="1285"/>
        <v>9.6518259584779216</v>
      </c>
      <c r="K5491" s="237">
        <f t="shared" si="1281"/>
        <v>1069.3934131824931</v>
      </c>
      <c r="L5491" s="237">
        <f t="shared" si="1286"/>
        <v>525.2909759642024</v>
      </c>
      <c r="M5491" s="236">
        <f t="shared" si="1282"/>
        <v>33.506394345554021</v>
      </c>
      <c r="N5491" s="236">
        <f t="shared" si="1283"/>
        <v>0.50566439037765432</v>
      </c>
      <c r="O5491" s="236">
        <f t="shared" si="1287"/>
        <v>2.1531488479472332</v>
      </c>
      <c r="P5491" s="236" t="str">
        <f t="shared" si="1288"/>
        <v>SAND</v>
      </c>
      <c r="Q5491" s="236" t="e">
        <f t="shared" si="1284"/>
        <v>#N/A</v>
      </c>
      <c r="R5491" s="238">
        <v>35</v>
      </c>
      <c r="S5491" s="236" t="e">
        <f t="shared" si="1289"/>
        <v>#N/A</v>
      </c>
      <c r="T5491" s="236">
        <f t="shared" si="1275"/>
        <v>34.376404650655466</v>
      </c>
    </row>
    <row r="5492" spans="1:20" x14ac:dyDescent="0.2">
      <c r="A5492" s="53">
        <f t="shared" si="1276"/>
        <v>5480</v>
      </c>
      <c r="B5492" s="239">
        <v>54.433999999999997</v>
      </c>
      <c r="C5492" s="3">
        <f t="shared" si="1277"/>
        <v>54.427</v>
      </c>
      <c r="D5492" s="239">
        <v>18.633400000000002</v>
      </c>
      <c r="E5492" s="239">
        <v>8.6599999999999996E-2</v>
      </c>
      <c r="F5492" s="239">
        <v>0.48830000000000001</v>
      </c>
      <c r="G5492">
        <f t="shared" si="1278"/>
        <v>18.731060000000003</v>
      </c>
      <c r="H5492" s="235">
        <f t="shared" si="1279"/>
        <v>0.46233368533334462</v>
      </c>
      <c r="I5492" s="236">
        <f t="shared" si="1280"/>
        <v>19.621047482339556</v>
      </c>
      <c r="J5492" s="237">
        <f t="shared" si="1285"/>
        <v>9.6210474823395558</v>
      </c>
      <c r="K5492" s="237">
        <f t="shared" si="1281"/>
        <v>1067.9147513212949</v>
      </c>
      <c r="L5492" s="237">
        <f t="shared" si="1286"/>
        <v>523.71209865367132</v>
      </c>
      <c r="M5492" s="236">
        <f t="shared" si="1282"/>
        <v>33.726822989360173</v>
      </c>
      <c r="N5492" s="236">
        <f t="shared" si="1283"/>
        <v>0.49028640585106509</v>
      </c>
      <c r="O5492" s="236">
        <f t="shared" si="1287"/>
        <v>2.1448492604902372</v>
      </c>
      <c r="P5492" s="236" t="str">
        <f t="shared" si="1288"/>
        <v>SAND</v>
      </c>
      <c r="Q5492" s="236" t="e">
        <f t="shared" si="1284"/>
        <v>#N/A</v>
      </c>
      <c r="R5492" s="238">
        <v>35</v>
      </c>
      <c r="S5492" s="236" t="e">
        <f t="shared" si="1289"/>
        <v>#N/A</v>
      </c>
      <c r="T5492" s="236">
        <f t="shared" si="1275"/>
        <v>34.407729766277015</v>
      </c>
    </row>
    <row r="5493" spans="1:20" x14ac:dyDescent="0.2">
      <c r="A5493" s="53">
        <f t="shared" si="1276"/>
        <v>5481</v>
      </c>
      <c r="B5493" s="239">
        <v>54.444000000000003</v>
      </c>
      <c r="C5493" s="3">
        <f t="shared" si="1277"/>
        <v>54.437000000000005</v>
      </c>
      <c r="D5493" s="239">
        <v>18.709399999999999</v>
      </c>
      <c r="E5493" s="239">
        <v>8.5199999999999998E-2</v>
      </c>
      <c r="F5493" s="239">
        <v>0.496</v>
      </c>
      <c r="G5493">
        <f t="shared" si="1278"/>
        <v>18.808599999999998</v>
      </c>
      <c r="H5493" s="235">
        <f t="shared" si="1279"/>
        <v>0.45298427315164341</v>
      </c>
      <c r="I5493" s="236">
        <f t="shared" si="1280"/>
        <v>19.603550783668851</v>
      </c>
      <c r="J5493" s="237">
        <f t="shared" si="1285"/>
        <v>9.603550783668851</v>
      </c>
      <c r="K5493" s="237">
        <f t="shared" si="1281"/>
        <v>1067.1584940105813</v>
      </c>
      <c r="L5493" s="237">
        <f t="shared" si="1286"/>
        <v>522.85571886606692</v>
      </c>
      <c r="M5493" s="236">
        <f t="shared" si="1282"/>
        <v>33.931811139917947</v>
      </c>
      <c r="N5493" s="236">
        <f t="shared" si="1283"/>
        <v>0.48023155261220984</v>
      </c>
      <c r="O5493" s="236">
        <f t="shared" si="1287"/>
        <v>2.1386580833381599</v>
      </c>
      <c r="P5493" s="236" t="str">
        <f t="shared" si="1288"/>
        <v>SAND</v>
      </c>
      <c r="Q5493" s="236" t="e">
        <f t="shared" si="1284"/>
        <v>#N/A</v>
      </c>
      <c r="R5493" s="238">
        <v>35</v>
      </c>
      <c r="S5493" s="236" t="e">
        <f t="shared" si="1289"/>
        <v>#N/A</v>
      </c>
      <c r="T5493" s="236">
        <f t="shared" si="1275"/>
        <v>34.436677452202417</v>
      </c>
    </row>
    <row r="5494" spans="1:20" x14ac:dyDescent="0.2">
      <c r="A5494" s="53">
        <f t="shared" si="1276"/>
        <v>5482</v>
      </c>
      <c r="B5494" s="239">
        <v>54.454000000000001</v>
      </c>
      <c r="C5494" s="3">
        <f t="shared" si="1277"/>
        <v>54.447000000000003</v>
      </c>
      <c r="D5494" s="239">
        <v>19.123699999999999</v>
      </c>
      <c r="E5494" s="239">
        <v>8.0199999999999994E-2</v>
      </c>
      <c r="F5494" s="239">
        <v>0.47149999999999997</v>
      </c>
      <c r="G5494">
        <f t="shared" si="1278"/>
        <v>19.218</v>
      </c>
      <c r="H5494" s="235">
        <f t="shared" si="1279"/>
        <v>0.41731709855343951</v>
      </c>
      <c r="I5494" s="236">
        <f t="shared" si="1280"/>
        <v>19.541051218892449</v>
      </c>
      <c r="J5494" s="237">
        <f t="shared" si="1285"/>
        <v>9.5410512188924486</v>
      </c>
      <c r="K5494" s="237">
        <f t="shared" si="1281"/>
        <v>1063.9516157150372</v>
      </c>
      <c r="L5494" s="237">
        <f t="shared" si="1286"/>
        <v>519.54840307356938</v>
      </c>
      <c r="M5494" s="236">
        <f t="shared" si="1282"/>
        <v>34.941977064867054</v>
      </c>
      <c r="N5494" s="236">
        <f t="shared" si="1283"/>
        <v>0.4417747397292664</v>
      </c>
      <c r="O5494" s="236">
        <f t="shared" si="1287"/>
        <v>2.11200438373855</v>
      </c>
      <c r="P5494" s="236" t="str">
        <f t="shared" si="1288"/>
        <v>SAND</v>
      </c>
      <c r="Q5494" s="236" t="e">
        <f t="shared" si="1284"/>
        <v>#N/A</v>
      </c>
      <c r="R5494" s="238">
        <v>35</v>
      </c>
      <c r="S5494" s="236" t="e">
        <f t="shared" si="1289"/>
        <v>#N/A</v>
      </c>
      <c r="T5494" s="236">
        <f t="shared" si="1275"/>
        <v>34.576822217498844</v>
      </c>
    </row>
    <row r="5495" spans="1:20" x14ac:dyDescent="0.2">
      <c r="A5495" s="53">
        <f t="shared" si="1276"/>
        <v>5483</v>
      </c>
      <c r="B5495" s="239">
        <v>54.465000000000003</v>
      </c>
      <c r="C5495" s="3">
        <f t="shared" si="1277"/>
        <v>54.458000000000006</v>
      </c>
      <c r="D5495" s="239">
        <v>19.511299999999999</v>
      </c>
      <c r="E5495" s="239">
        <v>7.6100000000000001E-2</v>
      </c>
      <c r="F5495" s="239">
        <v>0.47989999999999999</v>
      </c>
      <c r="G5495">
        <f t="shared" si="1278"/>
        <v>19.607279999999999</v>
      </c>
      <c r="H5495" s="235">
        <f t="shared" si="1279"/>
        <v>0.38812114683933724</v>
      </c>
      <c r="I5495" s="236">
        <f t="shared" si="1280"/>
        <v>19.487357243369917</v>
      </c>
      <c r="J5495" s="237">
        <f t="shared" si="1285"/>
        <v>9.4873572433699174</v>
      </c>
      <c r="K5495" s="237">
        <f t="shared" si="1281"/>
        <v>1061.2425007594391</v>
      </c>
      <c r="L5495" s="237">
        <f t="shared" si="1286"/>
        <v>516.72891226014258</v>
      </c>
      <c r="M5495" s="236">
        <f t="shared" si="1282"/>
        <v>35.891232441632219</v>
      </c>
      <c r="N5495" s="236">
        <f t="shared" si="1283"/>
        <v>0.41033023902338284</v>
      </c>
      <c r="O5495" s="236">
        <f t="shared" si="1287"/>
        <v>2.0883919662706663</v>
      </c>
      <c r="P5495" s="236" t="str">
        <f t="shared" si="1288"/>
        <v>SAND</v>
      </c>
      <c r="Q5495" s="236" t="e">
        <f t="shared" si="1284"/>
        <v>#N/A</v>
      </c>
      <c r="R5495" s="238">
        <v>35</v>
      </c>
      <c r="S5495" s="236" t="e">
        <f t="shared" si="1289"/>
        <v>#N/A</v>
      </c>
      <c r="T5495" s="236">
        <f t="shared" si="1275"/>
        <v>34.704872086455673</v>
      </c>
    </row>
    <row r="5496" spans="1:20" x14ac:dyDescent="0.2">
      <c r="A5496" s="53">
        <f t="shared" si="1276"/>
        <v>5484</v>
      </c>
      <c r="B5496" s="239">
        <v>54.475999999999999</v>
      </c>
      <c r="C5496" s="3">
        <f t="shared" si="1277"/>
        <v>54.469000000000001</v>
      </c>
      <c r="D5496" s="239">
        <v>20.0197</v>
      </c>
      <c r="E5496" s="239">
        <v>7.3300000000000004E-2</v>
      </c>
      <c r="F5496" s="239">
        <v>0.45469999999999999</v>
      </c>
      <c r="G5496">
        <f t="shared" si="1278"/>
        <v>20.11064</v>
      </c>
      <c r="H5496" s="235">
        <f t="shared" si="1279"/>
        <v>0.36448367630269352</v>
      </c>
      <c r="I5496" s="236">
        <f t="shared" si="1280"/>
        <v>19.453307088517782</v>
      </c>
      <c r="J5496" s="237">
        <f t="shared" si="1285"/>
        <v>9.4533070885177821</v>
      </c>
      <c r="K5496" s="237">
        <f t="shared" si="1281"/>
        <v>1059.6021838044751</v>
      </c>
      <c r="L5496" s="237">
        <f t="shared" si="1286"/>
        <v>514.97835695409469</v>
      </c>
      <c r="M5496" s="236">
        <f t="shared" si="1282"/>
        <v>36.993861118504711</v>
      </c>
      <c r="N5496" s="236">
        <f t="shared" si="1283"/>
        <v>0.38475594194499346</v>
      </c>
      <c r="O5496" s="236">
        <f t="shared" si="1287"/>
        <v>2.0652927656551627</v>
      </c>
      <c r="P5496" s="236" t="str">
        <f t="shared" si="1288"/>
        <v>SAND</v>
      </c>
      <c r="Q5496" s="236" t="e">
        <f t="shared" si="1284"/>
        <v>#N/A</v>
      </c>
      <c r="R5496" s="238">
        <v>35</v>
      </c>
      <c r="S5496" s="236" t="e">
        <f t="shared" si="1289"/>
        <v>#N/A</v>
      </c>
      <c r="T5496" s="236">
        <f t="shared" si="1275"/>
        <v>34.84942627989615</v>
      </c>
    </row>
    <row r="5497" spans="1:20" x14ac:dyDescent="0.2">
      <c r="A5497" s="53">
        <f t="shared" si="1276"/>
        <v>5485</v>
      </c>
      <c r="B5497" s="239">
        <v>54.485999999999997</v>
      </c>
      <c r="C5497" s="3">
        <f t="shared" si="1277"/>
        <v>54.478999999999999</v>
      </c>
      <c r="D5497" s="239">
        <v>20.6767</v>
      </c>
      <c r="E5497" s="239">
        <v>7.2800000000000004E-2</v>
      </c>
      <c r="F5497" s="239">
        <v>0.45040000000000002</v>
      </c>
      <c r="G5497">
        <f t="shared" si="1278"/>
        <v>20.766780000000001</v>
      </c>
      <c r="H5497" s="235">
        <f t="shared" si="1279"/>
        <v>0.35055988458489956</v>
      </c>
      <c r="I5497" s="236">
        <f t="shared" si="1280"/>
        <v>19.457830024399229</v>
      </c>
      <c r="J5497" s="237">
        <f t="shared" si="1285"/>
        <v>9.4578300243992288</v>
      </c>
      <c r="K5497" s="237">
        <f t="shared" si="1281"/>
        <v>1060.0431218992455</v>
      </c>
      <c r="L5497" s="237">
        <f t="shared" si="1286"/>
        <v>515.31932670941637</v>
      </c>
      <c r="M5497" s="236">
        <f t="shared" si="1282"/>
        <v>38.241796603939903</v>
      </c>
      <c r="N5497" s="236">
        <f t="shared" si="1283"/>
        <v>0.36941681644361674</v>
      </c>
      <c r="O5497" s="236">
        <f t="shared" si="1287"/>
        <v>2.0451636141964165</v>
      </c>
      <c r="P5497" s="236" t="str">
        <f t="shared" si="1288"/>
        <v>SAND</v>
      </c>
      <c r="Q5497" s="236" t="e">
        <f t="shared" si="1284"/>
        <v>#N/A</v>
      </c>
      <c r="R5497" s="238">
        <v>35</v>
      </c>
      <c r="S5497" s="236" t="e">
        <f t="shared" si="1289"/>
        <v>#N/A</v>
      </c>
      <c r="T5497" s="236">
        <f t="shared" si="1275"/>
        <v>35.007921160160805</v>
      </c>
    </row>
    <row r="5498" spans="1:20" x14ac:dyDescent="0.2">
      <c r="A5498" s="53">
        <f t="shared" si="1276"/>
        <v>5486</v>
      </c>
      <c r="B5498" s="239">
        <v>54.496000000000002</v>
      </c>
      <c r="C5498" s="3">
        <f t="shared" si="1277"/>
        <v>54.489000000000004</v>
      </c>
      <c r="D5498" s="239">
        <v>21.423300000000001</v>
      </c>
      <c r="E5498" s="239">
        <v>7.46E-2</v>
      </c>
      <c r="F5498" s="239">
        <v>0.41699999999999998</v>
      </c>
      <c r="G5498">
        <f t="shared" si="1278"/>
        <v>21.506700000000002</v>
      </c>
      <c r="H5498" s="235">
        <f t="shared" si="1279"/>
        <v>0.34686865023457802</v>
      </c>
      <c r="I5498" s="236">
        <f t="shared" si="1280"/>
        <v>19.500154287960211</v>
      </c>
      <c r="J5498" s="237">
        <f t="shared" si="1285"/>
        <v>9.5001542879602106</v>
      </c>
      <c r="K5498" s="237">
        <f t="shared" si="1281"/>
        <v>1062.543906996664</v>
      </c>
      <c r="L5498" s="237">
        <f t="shared" si="1286"/>
        <v>517.72040807667963</v>
      </c>
      <c r="M5498" s="236">
        <f t="shared" si="1282"/>
        <v>39.488796991706288</v>
      </c>
      <c r="N5498" s="236">
        <f t="shared" si="1283"/>
        <v>0.3648964509008546</v>
      </c>
      <c r="O5498" s="236">
        <f t="shared" si="1287"/>
        <v>2.0302436748961115</v>
      </c>
      <c r="P5498" s="236" t="str">
        <f t="shared" si="1288"/>
        <v>SAND</v>
      </c>
      <c r="Q5498" s="236" t="e">
        <f t="shared" si="1284"/>
        <v>#N/A</v>
      </c>
      <c r="R5498" s="238">
        <v>35</v>
      </c>
      <c r="S5498" s="236" t="e">
        <f t="shared" si="1289"/>
        <v>#N/A</v>
      </c>
      <c r="T5498" s="236">
        <f t="shared" si="1275"/>
        <v>35.161212936889783</v>
      </c>
    </row>
    <row r="5499" spans="1:20" x14ac:dyDescent="0.2">
      <c r="A5499" s="53">
        <f t="shared" si="1276"/>
        <v>5487</v>
      </c>
      <c r="B5499" s="239">
        <v>54.506999999999998</v>
      </c>
      <c r="C5499" s="3">
        <f t="shared" si="1277"/>
        <v>54.5</v>
      </c>
      <c r="D5499" s="239">
        <v>22.182700000000001</v>
      </c>
      <c r="E5499" s="239">
        <v>7.5499999999999998E-2</v>
      </c>
      <c r="F5499" s="239">
        <v>0.40760000000000002</v>
      </c>
      <c r="G5499">
        <f t="shared" si="1278"/>
        <v>22.264220000000002</v>
      </c>
      <c r="H5499" s="235">
        <f t="shared" si="1279"/>
        <v>0.33910911767849933</v>
      </c>
      <c r="I5499" s="236">
        <f t="shared" si="1280"/>
        <v>19.527746560058304</v>
      </c>
      <c r="J5499" s="237">
        <f t="shared" si="1285"/>
        <v>9.5277465600583042</v>
      </c>
      <c r="K5499" s="237">
        <f t="shared" si="1281"/>
        <v>1064.2621875231775</v>
      </c>
      <c r="L5499" s="237">
        <f t="shared" si="1286"/>
        <v>519.32888174909795</v>
      </c>
      <c r="M5499" s="236">
        <f t="shared" si="1282"/>
        <v>40.821834790076444</v>
      </c>
      <c r="N5499" s="236">
        <f t="shared" si="1283"/>
        <v>0.3561327841679286</v>
      </c>
      <c r="O5499" s="236">
        <f t="shared" si="1287"/>
        <v>2.0128749659192349</v>
      </c>
      <c r="P5499" s="236" t="str">
        <f t="shared" si="1288"/>
        <v>SAND</v>
      </c>
      <c r="Q5499" s="236" t="e">
        <f t="shared" si="1284"/>
        <v>#N/A</v>
      </c>
      <c r="R5499" s="238">
        <v>35</v>
      </c>
      <c r="S5499" s="236" t="e">
        <f t="shared" si="1289"/>
        <v>#N/A</v>
      </c>
      <c r="T5499" s="236">
        <f t="shared" si="1275"/>
        <v>35.31981772819519</v>
      </c>
    </row>
    <row r="5500" spans="1:20" x14ac:dyDescent="0.2">
      <c r="A5500" s="53">
        <f t="shared" si="1276"/>
        <v>5488</v>
      </c>
      <c r="B5500" s="239">
        <v>54.517000000000003</v>
      </c>
      <c r="C5500" s="3">
        <f t="shared" si="1277"/>
        <v>54.510000000000005</v>
      </c>
      <c r="D5500" s="239">
        <v>22.9817</v>
      </c>
      <c r="E5500" s="239">
        <v>7.5499999999999998E-2</v>
      </c>
      <c r="F5500" s="239">
        <v>0.43049999999999999</v>
      </c>
      <c r="G5500">
        <f t="shared" si="1278"/>
        <v>23.067799999999998</v>
      </c>
      <c r="H5500" s="235">
        <f t="shared" si="1279"/>
        <v>0.32729605770814729</v>
      </c>
      <c r="I5500" s="236">
        <f t="shared" si="1280"/>
        <v>19.54160538342428</v>
      </c>
      <c r="J5500" s="237">
        <f t="shared" si="1285"/>
        <v>9.5416053834242796</v>
      </c>
      <c r="K5500" s="237">
        <f t="shared" si="1281"/>
        <v>1065.2129094504576</v>
      </c>
      <c r="L5500" s="237">
        <f t="shared" si="1286"/>
        <v>520.17970068814145</v>
      </c>
      <c r="M5500" s="236">
        <f t="shared" si="1282"/>
        <v>42.298050195812145</v>
      </c>
      <c r="N5500" s="236">
        <f t="shared" si="1283"/>
        <v>0.34314146645249932</v>
      </c>
      <c r="O5500" s="236">
        <f t="shared" si="1287"/>
        <v>1.9924593894512217</v>
      </c>
      <c r="P5500" s="236" t="str">
        <f t="shared" si="1288"/>
        <v>SAND</v>
      </c>
      <c r="Q5500" s="236" t="e">
        <f t="shared" si="1284"/>
        <v>#N/A</v>
      </c>
      <c r="R5500" s="238">
        <v>35</v>
      </c>
      <c r="S5500" s="236" t="e">
        <f t="shared" si="1289"/>
        <v>#N/A</v>
      </c>
      <c r="T5500" s="236">
        <f t="shared" si="1275"/>
        <v>35.489523830820964</v>
      </c>
    </row>
    <row r="5501" spans="1:20" x14ac:dyDescent="0.2">
      <c r="A5501" s="53">
        <f t="shared" si="1276"/>
        <v>5489</v>
      </c>
      <c r="B5501" s="239">
        <v>54.526000000000003</v>
      </c>
      <c r="C5501" s="3">
        <f t="shared" si="1277"/>
        <v>54.519000000000005</v>
      </c>
      <c r="D5501" s="239">
        <v>23.7972</v>
      </c>
      <c r="E5501" s="239">
        <v>7.8E-2</v>
      </c>
      <c r="F5501" s="239">
        <v>0.41160000000000002</v>
      </c>
      <c r="G5501">
        <f t="shared" si="1278"/>
        <v>23.879519999999999</v>
      </c>
      <c r="H5501" s="235">
        <f t="shared" si="1279"/>
        <v>0.32663973145188846</v>
      </c>
      <c r="I5501" s="236">
        <f t="shared" si="1280"/>
        <v>19.593321515195829</v>
      </c>
      <c r="J5501" s="237">
        <f t="shared" si="1285"/>
        <v>9.5933215151958287</v>
      </c>
      <c r="K5501" s="237">
        <f t="shared" si="1281"/>
        <v>1068.2082956869615</v>
      </c>
      <c r="L5501" s="237">
        <f t="shared" si="1286"/>
        <v>523.08544893756778</v>
      </c>
      <c r="M5501" s="236">
        <f t="shared" si="1282"/>
        <v>43.609149806489185</v>
      </c>
      <c r="N5501" s="236">
        <f t="shared" si="1283"/>
        <v>0.34193561953411117</v>
      </c>
      <c r="O5501" s="236">
        <f t="shared" si="1287"/>
        <v>1.9796156604726807</v>
      </c>
      <c r="P5501" s="236" t="str">
        <f t="shared" si="1288"/>
        <v>SAND</v>
      </c>
      <c r="Q5501" s="236" t="e">
        <f t="shared" si="1284"/>
        <v>#N/A</v>
      </c>
      <c r="R5501" s="238">
        <v>35</v>
      </c>
      <c r="S5501" s="236" t="e">
        <f t="shared" si="1289"/>
        <v>#N/A</v>
      </c>
      <c r="T5501" s="236">
        <f t="shared" si="1275"/>
        <v>35.63535381840552</v>
      </c>
    </row>
    <row r="5502" spans="1:20" x14ac:dyDescent="0.2">
      <c r="A5502" s="53">
        <f t="shared" si="1276"/>
        <v>5490</v>
      </c>
      <c r="B5502" s="239">
        <v>54.536000000000001</v>
      </c>
      <c r="C5502" s="3">
        <f t="shared" si="1277"/>
        <v>54.529000000000003</v>
      </c>
      <c r="D5502" s="239">
        <v>24.3977</v>
      </c>
      <c r="E5502" s="239">
        <v>7.9100000000000004E-2</v>
      </c>
      <c r="F5502" s="239">
        <v>0.4012</v>
      </c>
      <c r="G5502">
        <f t="shared" si="1278"/>
        <v>24.47794</v>
      </c>
      <c r="H5502" s="235">
        <f t="shared" si="1279"/>
        <v>0.32314810805157623</v>
      </c>
      <c r="I5502" s="236">
        <f t="shared" si="1280"/>
        <v>19.619416939148074</v>
      </c>
      <c r="J5502" s="237">
        <f t="shared" si="1285"/>
        <v>9.6194169391480742</v>
      </c>
      <c r="K5502" s="237">
        <f t="shared" si="1281"/>
        <v>1069.8271862748054</v>
      </c>
      <c r="L5502" s="237">
        <f t="shared" si="1286"/>
        <v>524.60452219337935</v>
      </c>
      <c r="M5502" s="236">
        <f t="shared" si="1282"/>
        <v>44.620493769011986</v>
      </c>
      <c r="N5502" s="236">
        <f t="shared" si="1283"/>
        <v>0.33791703171227128</v>
      </c>
      <c r="O5502" s="236">
        <f t="shared" si="1287"/>
        <v>1.9684541248455161</v>
      </c>
      <c r="P5502" s="236" t="str">
        <f t="shared" si="1288"/>
        <v>SAND</v>
      </c>
      <c r="Q5502" s="236" t="e">
        <f t="shared" si="1284"/>
        <v>#N/A</v>
      </c>
      <c r="R5502" s="238">
        <v>35</v>
      </c>
      <c r="S5502" s="236" t="e">
        <f t="shared" si="1289"/>
        <v>#N/A</v>
      </c>
      <c r="T5502" s="236">
        <f t="shared" si="1275"/>
        <v>35.744878090501714</v>
      </c>
    </row>
    <row r="5503" spans="1:20" x14ac:dyDescent="0.2">
      <c r="A5503" s="53">
        <f t="shared" si="1276"/>
        <v>5491</v>
      </c>
      <c r="B5503" s="239">
        <v>54.546999999999997</v>
      </c>
      <c r="C5503" s="3">
        <f t="shared" si="1277"/>
        <v>54.54</v>
      </c>
      <c r="D5503" s="239">
        <v>24.834</v>
      </c>
      <c r="E5503" s="239">
        <v>7.8799999999999995E-2</v>
      </c>
      <c r="F5503" s="239">
        <v>0.4047</v>
      </c>
      <c r="G5503">
        <f t="shared" si="1278"/>
        <v>24.914939999999998</v>
      </c>
      <c r="H5503" s="235">
        <f t="shared" si="1279"/>
        <v>0.31627609779513821</v>
      </c>
      <c r="I5503" s="236">
        <f t="shared" si="1280"/>
        <v>19.621877702683101</v>
      </c>
      <c r="J5503" s="237">
        <f t="shared" si="1285"/>
        <v>9.6218777026831006</v>
      </c>
      <c r="K5503" s="237">
        <f t="shared" si="1281"/>
        <v>1070.1772099043362</v>
      </c>
      <c r="L5503" s="237">
        <f t="shared" si="1286"/>
        <v>524.84456304825505</v>
      </c>
      <c r="M5503" s="236">
        <f t="shared" si="1282"/>
        <v>45.432046874234906</v>
      </c>
      <c r="N5503" s="236">
        <f t="shared" si="1283"/>
        <v>0.33047089079339032</v>
      </c>
      <c r="O5503" s="236">
        <f t="shared" si="1287"/>
        <v>1.9575426742716069</v>
      </c>
      <c r="P5503" s="236" t="str">
        <f t="shared" si="1288"/>
        <v>SAND</v>
      </c>
      <c r="Q5503" s="236" t="e">
        <f t="shared" si="1284"/>
        <v>#N/A</v>
      </c>
      <c r="R5503" s="238">
        <v>35</v>
      </c>
      <c r="S5503" s="236" t="e">
        <f t="shared" si="1289"/>
        <v>#N/A</v>
      </c>
      <c r="T5503" s="236">
        <f t="shared" si="1275"/>
        <v>35.830985341319234</v>
      </c>
    </row>
    <row r="5504" spans="1:20" x14ac:dyDescent="0.2">
      <c r="A5504" s="53">
        <f t="shared" si="1276"/>
        <v>5492</v>
      </c>
      <c r="B5504" s="239">
        <v>54.557000000000002</v>
      </c>
      <c r="C5504" s="3">
        <f t="shared" si="1277"/>
        <v>54.550000000000004</v>
      </c>
      <c r="D5504" s="239">
        <v>25.191099999999999</v>
      </c>
      <c r="E5504" s="239">
        <v>7.9000000000000001E-2</v>
      </c>
      <c r="F5504" s="239">
        <v>0.43490000000000001</v>
      </c>
      <c r="G5504">
        <f t="shared" si="1278"/>
        <v>25.278079999999999</v>
      </c>
      <c r="H5504" s="235">
        <f t="shared" si="1279"/>
        <v>0.31252373597994787</v>
      </c>
      <c r="I5504" s="236">
        <f t="shared" si="1280"/>
        <v>19.630505876436693</v>
      </c>
      <c r="J5504" s="237">
        <f t="shared" si="1285"/>
        <v>9.6305058764366933</v>
      </c>
      <c r="K5504" s="237">
        <f t="shared" si="1281"/>
        <v>1070.8440955596218</v>
      </c>
      <c r="L5504" s="237">
        <f t="shared" si="1286"/>
        <v>525.41150910075669</v>
      </c>
      <c r="M5504" s="236">
        <f t="shared" si="1282"/>
        <v>46.072907587942126</v>
      </c>
      <c r="N5504" s="236">
        <f t="shared" si="1283"/>
        <v>0.32634870132161142</v>
      </c>
      <c r="O5504" s="236">
        <f t="shared" si="1287"/>
        <v>1.949853286564786</v>
      </c>
      <c r="P5504" s="236" t="str">
        <f t="shared" si="1288"/>
        <v>SAND</v>
      </c>
      <c r="Q5504" s="236" t="e">
        <f t="shared" si="1284"/>
        <v>#N/A</v>
      </c>
      <c r="R5504" s="238">
        <v>35</v>
      </c>
      <c r="S5504" s="236" t="e">
        <f t="shared" si="1289"/>
        <v>#N/A</v>
      </c>
      <c r="T5504" s="236">
        <f t="shared" si="1275"/>
        <v>35.897901828269454</v>
      </c>
    </row>
    <row r="5505" spans="1:20" x14ac:dyDescent="0.2">
      <c r="A5505" s="53">
        <f t="shared" si="1276"/>
        <v>5493</v>
      </c>
      <c r="B5505" s="239">
        <v>54.567999999999998</v>
      </c>
      <c r="C5505" s="3">
        <f t="shared" si="1277"/>
        <v>54.561</v>
      </c>
      <c r="D5505" s="239">
        <v>25.505600000000001</v>
      </c>
      <c r="E5505" s="239">
        <v>7.7100000000000002E-2</v>
      </c>
      <c r="F5505" s="239">
        <v>0.43020000000000003</v>
      </c>
      <c r="G5505">
        <f t="shared" si="1278"/>
        <v>25.591640000000002</v>
      </c>
      <c r="H5505" s="235">
        <f t="shared" si="1279"/>
        <v>0.30127025856881384</v>
      </c>
      <c r="I5505" s="236">
        <f t="shared" si="1280"/>
        <v>19.606778181192102</v>
      </c>
      <c r="J5505" s="237">
        <f t="shared" si="1285"/>
        <v>9.6067781811921016</v>
      </c>
      <c r="K5505" s="237">
        <f t="shared" si="1281"/>
        <v>1069.7654243440222</v>
      </c>
      <c r="L5505" s="237">
        <f t="shared" si="1286"/>
        <v>524.22267179129062</v>
      </c>
      <c r="M5505" s="236">
        <f t="shared" si="1282"/>
        <v>46.777592605569154</v>
      </c>
      <c r="N5505" s="236">
        <f t="shared" si="1283"/>
        <v>0.31441315696370459</v>
      </c>
      <c r="O5505" s="236">
        <f t="shared" si="1287"/>
        <v>1.9376973319222583</v>
      </c>
      <c r="P5505" s="236" t="str">
        <f t="shared" si="1288"/>
        <v>SAND</v>
      </c>
      <c r="Q5505" s="236" t="e">
        <f t="shared" si="1284"/>
        <v>#N/A</v>
      </c>
      <c r="R5505" s="238">
        <v>35</v>
      </c>
      <c r="S5505" s="236" t="e">
        <f t="shared" si="1289"/>
        <v>#N/A</v>
      </c>
      <c r="T5505" s="236">
        <f t="shared" si="1275"/>
        <v>35.970416539377993</v>
      </c>
    </row>
    <row r="5506" spans="1:20" x14ac:dyDescent="0.2">
      <c r="A5506" s="53">
        <f t="shared" si="1276"/>
        <v>5494</v>
      </c>
      <c r="B5506" s="239">
        <v>54.576999999999998</v>
      </c>
      <c r="C5506" s="3">
        <f t="shared" si="1277"/>
        <v>54.57</v>
      </c>
      <c r="D5506" s="239">
        <v>25.6858</v>
      </c>
      <c r="E5506" s="239">
        <v>7.7399999999999997E-2</v>
      </c>
      <c r="F5506" s="239">
        <v>0.43859999999999999</v>
      </c>
      <c r="G5506">
        <f t="shared" si="1278"/>
        <v>25.773520000000001</v>
      </c>
      <c r="H5506" s="235">
        <f t="shared" si="1279"/>
        <v>0.30030822332378349</v>
      </c>
      <c r="I5506" s="236">
        <f t="shared" si="1280"/>
        <v>19.614100010679266</v>
      </c>
      <c r="J5506" s="237">
        <f t="shared" si="1285"/>
        <v>9.614100010679266</v>
      </c>
      <c r="K5506" s="237">
        <f t="shared" si="1281"/>
        <v>1070.3414375827676</v>
      </c>
      <c r="L5506" s="237">
        <f t="shared" si="1286"/>
        <v>524.70873628284232</v>
      </c>
      <c r="M5506" s="236">
        <f t="shared" si="1282"/>
        <v>47.079792757826461</v>
      </c>
      <c r="N5506" s="236">
        <f t="shared" si="1283"/>
        <v>0.31332000375755015</v>
      </c>
      <c r="O5506" s="236">
        <f t="shared" si="1287"/>
        <v>1.9345393958868291</v>
      </c>
      <c r="P5506" s="236" t="str">
        <f t="shared" si="1288"/>
        <v>SAND</v>
      </c>
      <c r="Q5506" s="236" t="e">
        <f t="shared" si="1284"/>
        <v>#N/A</v>
      </c>
      <c r="R5506" s="238">
        <v>35</v>
      </c>
      <c r="S5506" s="236" t="e">
        <f t="shared" si="1289"/>
        <v>#N/A</v>
      </c>
      <c r="T5506" s="236">
        <f t="shared" si="1275"/>
        <v>36.00117996683619</v>
      </c>
    </row>
    <row r="5507" spans="1:20" x14ac:dyDescent="0.2">
      <c r="A5507" s="53">
        <f t="shared" si="1276"/>
        <v>5495</v>
      </c>
      <c r="B5507" s="239">
        <v>54.587000000000003</v>
      </c>
      <c r="C5507" s="3">
        <f t="shared" si="1277"/>
        <v>54.580000000000005</v>
      </c>
      <c r="D5507" s="239">
        <v>25.9176</v>
      </c>
      <c r="E5507" s="239">
        <v>7.6899999999999996E-2</v>
      </c>
      <c r="F5507" s="239">
        <v>0.41270000000000001</v>
      </c>
      <c r="G5507">
        <f t="shared" si="1278"/>
        <v>26.000140000000002</v>
      </c>
      <c r="H5507" s="235">
        <f t="shared" si="1279"/>
        <v>0.29576763817425594</v>
      </c>
      <c r="I5507" s="236">
        <f t="shared" si="1280"/>
        <v>19.609922289672291</v>
      </c>
      <c r="J5507" s="237">
        <f t="shared" si="1285"/>
        <v>9.6099222896722907</v>
      </c>
      <c r="K5507" s="237">
        <f t="shared" si="1281"/>
        <v>1070.3095585703138</v>
      </c>
      <c r="L5507" s="237">
        <f t="shared" si="1286"/>
        <v>524.57682802634133</v>
      </c>
      <c r="M5507" s="236">
        <f t="shared" si="1282"/>
        <v>47.523697406203105</v>
      </c>
      <c r="N5507" s="236">
        <f t="shared" si="1283"/>
        <v>0.30846579635055826</v>
      </c>
      <c r="O5507" s="236">
        <f t="shared" si="1287"/>
        <v>1.9282493465215589</v>
      </c>
      <c r="P5507" s="236" t="str">
        <f t="shared" si="1288"/>
        <v>SAND</v>
      </c>
      <c r="Q5507" s="236" t="e">
        <f t="shared" si="1284"/>
        <v>#N/A</v>
      </c>
      <c r="R5507" s="238">
        <v>35</v>
      </c>
      <c r="S5507" s="236" t="e">
        <f t="shared" si="1289"/>
        <v>#N/A</v>
      </c>
      <c r="T5507" s="236">
        <f t="shared" si="1275"/>
        <v>36.046012441668516</v>
      </c>
    </row>
    <row r="5508" spans="1:20" x14ac:dyDescent="0.2">
      <c r="A5508" s="53">
        <f t="shared" si="1276"/>
        <v>5496</v>
      </c>
      <c r="B5508" s="239">
        <v>54.597000000000001</v>
      </c>
      <c r="C5508" s="3">
        <f t="shared" si="1277"/>
        <v>54.59</v>
      </c>
      <c r="D5508" s="239">
        <v>26.0167</v>
      </c>
      <c r="E5508" s="239">
        <v>7.3999999999999996E-2</v>
      </c>
      <c r="F5508" s="239">
        <v>0.46710000000000002</v>
      </c>
      <c r="G5508">
        <f t="shared" si="1278"/>
        <v>26.110119999999998</v>
      </c>
      <c r="H5508" s="235">
        <f t="shared" si="1279"/>
        <v>0.28341501302943078</v>
      </c>
      <c r="I5508" s="236">
        <f t="shared" si="1280"/>
        <v>19.566496678684985</v>
      </c>
      <c r="J5508" s="237">
        <f t="shared" si="1285"/>
        <v>9.5664966786849845</v>
      </c>
      <c r="K5508" s="237">
        <f t="shared" si="1281"/>
        <v>1068.1350536894133</v>
      </c>
      <c r="L5508" s="237">
        <f t="shared" si="1286"/>
        <v>522.30201916616409</v>
      </c>
      <c r="M5508" s="236">
        <f t="shared" si="1282"/>
        <v>47.945410944972394</v>
      </c>
      <c r="N5508" s="236">
        <f t="shared" si="1283"/>
        <v>0.29550373166765426</v>
      </c>
      <c r="O5508" s="236">
        <f t="shared" si="1287"/>
        <v>1.9178903385366508</v>
      </c>
      <c r="P5508" s="236" t="str">
        <f t="shared" si="1288"/>
        <v>SAND</v>
      </c>
      <c r="Q5508" s="236" t="e">
        <f t="shared" si="1284"/>
        <v>#N/A</v>
      </c>
      <c r="R5508" s="238">
        <v>35</v>
      </c>
      <c r="S5508" s="236" t="e">
        <f t="shared" si="1289"/>
        <v>#N/A</v>
      </c>
      <c r="T5508" s="236">
        <f t="shared" si="1275"/>
        <v>36.088217498978722</v>
      </c>
    </row>
    <row r="5509" spans="1:20" x14ac:dyDescent="0.2">
      <c r="A5509" s="53">
        <f t="shared" si="1276"/>
        <v>5497</v>
      </c>
      <c r="B5509" s="239">
        <v>54.607999999999997</v>
      </c>
      <c r="C5509" s="3">
        <f t="shared" si="1277"/>
        <v>54.600999999999999</v>
      </c>
      <c r="D5509" s="239">
        <v>26.191199999999998</v>
      </c>
      <c r="E5509" s="239">
        <v>7.5300000000000006E-2</v>
      </c>
      <c r="F5509" s="239">
        <v>0.39789999999999998</v>
      </c>
      <c r="G5509">
        <f t="shared" si="1278"/>
        <v>26.270779999999998</v>
      </c>
      <c r="H5509" s="235">
        <f t="shared" si="1279"/>
        <v>0.28663024089882377</v>
      </c>
      <c r="I5509" s="236">
        <f t="shared" si="1280"/>
        <v>19.589315160892603</v>
      </c>
      <c r="J5509" s="237">
        <f t="shared" si="1285"/>
        <v>9.5893151608926033</v>
      </c>
      <c r="K5509" s="237">
        <f t="shared" si="1281"/>
        <v>1069.5961970998969</v>
      </c>
      <c r="L5509" s="237">
        <f t="shared" si="1286"/>
        <v>523.65332230602326</v>
      </c>
      <c r="M5509" s="236">
        <f t="shared" si="1282"/>
        <v>48.125702118953647</v>
      </c>
      <c r="N5509" s="236">
        <f t="shared" si="1283"/>
        <v>0.29879548750140317</v>
      </c>
      <c r="O5509" s="236">
        <f t="shared" si="1287"/>
        <v>1.9181086404969929</v>
      </c>
      <c r="P5509" s="236" t="str">
        <f t="shared" si="1288"/>
        <v>SAND</v>
      </c>
      <c r="Q5509" s="236" t="e">
        <f t="shared" si="1284"/>
        <v>#N/A</v>
      </c>
      <c r="R5509" s="238">
        <v>35</v>
      </c>
      <c r="S5509" s="236" t="e">
        <f t="shared" si="1289"/>
        <v>#N/A</v>
      </c>
      <c r="T5509" s="236">
        <f t="shared" si="1275"/>
        <v>36.106147864633641</v>
      </c>
    </row>
    <row r="5510" spans="1:20" x14ac:dyDescent="0.2">
      <c r="A5510" s="53">
        <f t="shared" si="1276"/>
        <v>5498</v>
      </c>
      <c r="B5510" s="239">
        <v>54.618000000000002</v>
      </c>
      <c r="C5510" s="3">
        <f t="shared" si="1277"/>
        <v>54.611000000000004</v>
      </c>
      <c r="D5510" s="239">
        <v>26.198</v>
      </c>
      <c r="E5510" s="239">
        <v>8.1699999999999995E-2</v>
      </c>
      <c r="F5510" s="239">
        <v>0.44579999999999997</v>
      </c>
      <c r="G5510">
        <f t="shared" si="1278"/>
        <v>26.28716</v>
      </c>
      <c r="H5510" s="235">
        <f t="shared" si="1279"/>
        <v>0.31079812349451214</v>
      </c>
      <c r="I5510" s="236">
        <f t="shared" si="1280"/>
        <v>19.685211908701451</v>
      </c>
      <c r="J5510" s="237">
        <f t="shared" si="1285"/>
        <v>9.6852119087014508</v>
      </c>
      <c r="K5510" s="237">
        <f t="shared" si="1281"/>
        <v>1075.029107546095</v>
      </c>
      <c r="L5510" s="237">
        <f t="shared" si="1286"/>
        <v>528.9869040294559</v>
      </c>
      <c r="M5510" s="236">
        <f t="shared" si="1282"/>
        <v>47.661162687403696</v>
      </c>
      <c r="N5510" s="236">
        <f t="shared" si="1283"/>
        <v>0.32405035634831297</v>
      </c>
      <c r="O5510" s="236">
        <f t="shared" si="1287"/>
        <v>1.9350629482301249</v>
      </c>
      <c r="P5510" s="236" t="str">
        <f t="shared" si="1288"/>
        <v>SAND</v>
      </c>
      <c r="Q5510" s="236" t="e">
        <f t="shared" si="1284"/>
        <v>#N/A</v>
      </c>
      <c r="R5510" s="238">
        <v>35</v>
      </c>
      <c r="S5510" s="236" t="e">
        <f t="shared" si="1289"/>
        <v>#N/A</v>
      </c>
      <c r="T5510" s="236">
        <f t="shared" si="1275"/>
        <v>36.059810959621515</v>
      </c>
    </row>
    <row r="5511" spans="1:20" x14ac:dyDescent="0.2">
      <c r="A5511" s="53">
        <f t="shared" si="1276"/>
        <v>5499</v>
      </c>
      <c r="B5511" s="239">
        <v>54.628</v>
      </c>
      <c r="C5511" s="3">
        <f t="shared" si="1277"/>
        <v>54.621000000000002</v>
      </c>
      <c r="D5511" s="239">
        <v>26.094200000000001</v>
      </c>
      <c r="E5511" s="239">
        <v>8.0100000000000005E-2</v>
      </c>
      <c r="F5511" s="239">
        <v>0.43319999999999997</v>
      </c>
      <c r="G5511">
        <f t="shared" si="1278"/>
        <v>26.18084</v>
      </c>
      <c r="H5511" s="235">
        <f t="shared" si="1279"/>
        <v>0.30594893059199019</v>
      </c>
      <c r="I5511" s="236">
        <f t="shared" si="1280"/>
        <v>19.660436066726078</v>
      </c>
      <c r="J5511" s="237">
        <f t="shared" si="1285"/>
        <v>9.6604360667260778</v>
      </c>
      <c r="K5511" s="237">
        <f t="shared" si="1281"/>
        <v>1073.8726784006451</v>
      </c>
      <c r="L5511" s="237">
        <f t="shared" si="1286"/>
        <v>527.73030145311213</v>
      </c>
      <c r="M5511" s="236">
        <f t="shared" si="1282"/>
        <v>47.575375627412335</v>
      </c>
      <c r="N5511" s="236">
        <f t="shared" si="1283"/>
        <v>0.31903494744700017</v>
      </c>
      <c r="O5511" s="236">
        <f t="shared" si="1287"/>
        <v>1.9332408822613489</v>
      </c>
      <c r="P5511" s="236" t="str">
        <f t="shared" si="1288"/>
        <v>SAND</v>
      </c>
      <c r="Q5511" s="236" t="e">
        <f t="shared" si="1284"/>
        <v>#N/A</v>
      </c>
      <c r="R5511" s="238">
        <v>35</v>
      </c>
      <c r="S5511" s="236" t="e">
        <f t="shared" si="1289"/>
        <v>#N/A</v>
      </c>
      <c r="T5511" s="236">
        <f t="shared" si="1275"/>
        <v>36.051204484993207</v>
      </c>
    </row>
    <row r="5512" spans="1:20" x14ac:dyDescent="0.2">
      <c r="A5512" s="53">
        <f t="shared" si="1276"/>
        <v>5500</v>
      </c>
      <c r="B5512" s="239">
        <v>54.639000000000003</v>
      </c>
      <c r="C5512" s="3">
        <f t="shared" si="1277"/>
        <v>54.632000000000005</v>
      </c>
      <c r="D5512" s="239">
        <v>26.2879</v>
      </c>
      <c r="E5512" s="239">
        <v>7.7299999999999994E-2</v>
      </c>
      <c r="F5512" s="239">
        <v>0.43280000000000002</v>
      </c>
      <c r="G5512">
        <f t="shared" si="1278"/>
        <v>26.374459999999999</v>
      </c>
      <c r="H5512" s="235">
        <f t="shared" si="1279"/>
        <v>0.2930865693553536</v>
      </c>
      <c r="I5512" s="236">
        <f t="shared" si="1280"/>
        <v>19.621592906810449</v>
      </c>
      <c r="J5512" s="237">
        <f t="shared" si="1285"/>
        <v>9.6215929068104487</v>
      </c>
      <c r="K5512" s="237">
        <f t="shared" si="1281"/>
        <v>1071.9668636848685</v>
      </c>
      <c r="L5512" s="237">
        <f t="shared" si="1286"/>
        <v>525.71421483521613</v>
      </c>
      <c r="M5512" s="236">
        <f t="shared" si="1282"/>
        <v>48.129748867920824</v>
      </c>
      <c r="N5512" s="236">
        <f t="shared" si="1283"/>
        <v>0.30550349162650697</v>
      </c>
      <c r="O5512" s="236">
        <f t="shared" si="1287"/>
        <v>1.9215912584782979</v>
      </c>
      <c r="P5512" s="236" t="str">
        <f t="shared" si="1288"/>
        <v>SAND</v>
      </c>
      <c r="Q5512" s="236" t="e">
        <f t="shared" si="1284"/>
        <v>#N/A</v>
      </c>
      <c r="R5512" s="238">
        <v>35</v>
      </c>
      <c r="S5512" s="236" t="e">
        <f t="shared" si="1289"/>
        <v>#N/A</v>
      </c>
      <c r="T5512" s="236">
        <f t="shared" si="1275"/>
        <v>36.106549551769703</v>
      </c>
    </row>
    <row r="5513" spans="1:20" x14ac:dyDescent="0.2">
      <c r="A5513" s="53">
        <f t="shared" si="1276"/>
        <v>5501</v>
      </c>
      <c r="B5513" s="239">
        <v>54.649000000000001</v>
      </c>
      <c r="C5513" s="3">
        <f t="shared" si="1277"/>
        <v>54.642000000000003</v>
      </c>
      <c r="D5513" s="239">
        <v>25.9939</v>
      </c>
      <c r="E5513" s="239">
        <v>8.7999999999999995E-2</v>
      </c>
      <c r="F5513" s="239">
        <v>0.47210000000000002</v>
      </c>
      <c r="G5513">
        <f t="shared" si="1278"/>
        <v>26.08832</v>
      </c>
      <c r="H5513" s="235">
        <f t="shared" si="1279"/>
        <v>0.337315702965925</v>
      </c>
      <c r="I5513" s="236">
        <f t="shared" si="1280"/>
        <v>19.76934777079595</v>
      </c>
      <c r="J5513" s="237">
        <f t="shared" si="1285"/>
        <v>9.7693477707959495</v>
      </c>
      <c r="K5513" s="237">
        <f t="shared" si="1281"/>
        <v>1080.2367008918322</v>
      </c>
      <c r="L5513" s="237">
        <f t="shared" si="1286"/>
        <v>533.88508632622791</v>
      </c>
      <c r="M5513" s="236">
        <f t="shared" si="1282"/>
        <v>46.841696723903425</v>
      </c>
      <c r="N5513" s="236">
        <f t="shared" si="1283"/>
        <v>0.35188622393599533</v>
      </c>
      <c r="O5513" s="236">
        <f t="shared" si="1287"/>
        <v>1.955785112763941</v>
      </c>
      <c r="P5513" s="236" t="str">
        <f t="shared" si="1288"/>
        <v>SAND</v>
      </c>
      <c r="Q5513" s="236" t="e">
        <f t="shared" si="1284"/>
        <v>#N/A</v>
      </c>
      <c r="R5513" s="238">
        <v>35</v>
      </c>
      <c r="S5513" s="236" t="e">
        <f t="shared" si="1289"/>
        <v>#N/A</v>
      </c>
      <c r="T5513" s="236">
        <f t="shared" si="1275"/>
        <v>35.976958797143737</v>
      </c>
    </row>
    <row r="5514" spans="1:20" x14ac:dyDescent="0.2">
      <c r="A5514" s="53">
        <f t="shared" si="1276"/>
        <v>5502</v>
      </c>
      <c r="B5514" s="239">
        <v>54.658999999999999</v>
      </c>
      <c r="C5514" s="3">
        <f t="shared" si="1277"/>
        <v>54.652000000000001</v>
      </c>
      <c r="D5514" s="239">
        <v>26.195900000000002</v>
      </c>
      <c r="E5514" s="239">
        <v>8.7300000000000003E-2</v>
      </c>
      <c r="F5514" s="239">
        <v>0.51680000000000004</v>
      </c>
      <c r="G5514">
        <f t="shared" si="1278"/>
        <v>26.29926</v>
      </c>
      <c r="H5514" s="235">
        <f t="shared" si="1279"/>
        <v>0.33194850349401467</v>
      </c>
      <c r="I5514" s="236">
        <f t="shared" si="1280"/>
        <v>19.763130688150202</v>
      </c>
      <c r="J5514" s="237">
        <f t="shared" si="1285"/>
        <v>9.763130688150202</v>
      </c>
      <c r="K5514" s="237">
        <f t="shared" si="1281"/>
        <v>1080.0946183687849</v>
      </c>
      <c r="L5514" s="237">
        <f t="shared" si="1286"/>
        <v>533.64296028360184</v>
      </c>
      <c r="M5514" s="236">
        <f t="shared" si="1282"/>
        <v>47.258499143750761</v>
      </c>
      <c r="N5514" s="236">
        <f t="shared" si="1283"/>
        <v>0.34616530197936823</v>
      </c>
      <c r="O5514" s="236">
        <f t="shared" si="1287"/>
        <v>1.9494624450824813</v>
      </c>
      <c r="P5514" s="236" t="str">
        <f t="shared" si="1288"/>
        <v>SAND</v>
      </c>
      <c r="Q5514" s="236" t="e">
        <f t="shared" si="1284"/>
        <v>#N/A</v>
      </c>
      <c r="R5514" s="238">
        <v>35</v>
      </c>
      <c r="S5514" s="236" t="e">
        <f t="shared" si="1289"/>
        <v>#N/A</v>
      </c>
      <c r="T5514" s="236">
        <f t="shared" si="1275"/>
        <v>36.019279174997244</v>
      </c>
    </row>
    <row r="5515" spans="1:20" x14ac:dyDescent="0.2">
      <c r="A5515" s="53">
        <f t="shared" si="1276"/>
        <v>5503</v>
      </c>
      <c r="B5515" s="239">
        <v>54.668999999999997</v>
      </c>
      <c r="C5515" s="3">
        <f t="shared" si="1277"/>
        <v>54.661999999999999</v>
      </c>
      <c r="D5515" s="239">
        <v>26.183599999999998</v>
      </c>
      <c r="E5515" s="239">
        <v>8.4500000000000006E-2</v>
      </c>
      <c r="F5515" s="239">
        <v>0.49740000000000001</v>
      </c>
      <c r="G5515">
        <f t="shared" si="1278"/>
        <v>26.283079999999998</v>
      </c>
      <c r="H5515" s="235">
        <f t="shared" si="1279"/>
        <v>0.32149961115668335</v>
      </c>
      <c r="I5515" s="236">
        <f t="shared" si="1280"/>
        <v>19.724664799805414</v>
      </c>
      <c r="J5515" s="237">
        <f t="shared" si="1285"/>
        <v>9.7246647998054137</v>
      </c>
      <c r="K5515" s="237">
        <f t="shared" si="1281"/>
        <v>1078.1896272869635</v>
      </c>
      <c r="L5515" s="237">
        <f t="shared" si="1286"/>
        <v>531.63769994056213</v>
      </c>
      <c r="M5515" s="236">
        <f t="shared" si="1282"/>
        <v>47.409900342904535</v>
      </c>
      <c r="N5515" s="236">
        <f t="shared" si="1283"/>
        <v>0.33525240042892712</v>
      </c>
      <c r="O5515" s="236">
        <f t="shared" si="1287"/>
        <v>1.9428034271284711</v>
      </c>
      <c r="P5515" s="236" t="str">
        <f t="shared" si="1288"/>
        <v>SAND</v>
      </c>
      <c r="Q5515" s="236" t="e">
        <f t="shared" si="1284"/>
        <v>#N/A</v>
      </c>
      <c r="R5515" s="238">
        <v>35</v>
      </c>
      <c r="S5515" s="236" t="e">
        <f t="shared" si="1289"/>
        <v>#N/A</v>
      </c>
      <c r="T5515" s="236">
        <f t="shared" si="1275"/>
        <v>36.034559466612436</v>
      </c>
    </row>
    <row r="5516" spans="1:20" x14ac:dyDescent="0.2">
      <c r="A5516" s="53">
        <f t="shared" si="1276"/>
        <v>5504</v>
      </c>
      <c r="B5516" s="239">
        <v>54.679000000000002</v>
      </c>
      <c r="C5516" s="3">
        <f t="shared" si="1277"/>
        <v>54.672000000000004</v>
      </c>
      <c r="D5516" s="239">
        <v>26.178100000000001</v>
      </c>
      <c r="E5516" s="239">
        <v>8.6499999999999994E-2</v>
      </c>
      <c r="F5516" s="239">
        <v>0.48330000000000001</v>
      </c>
      <c r="G5516">
        <f t="shared" si="1278"/>
        <v>26.274760000000001</v>
      </c>
      <c r="H5516" s="235">
        <f t="shared" si="1279"/>
        <v>0.32921328301381247</v>
      </c>
      <c r="I5516" s="236">
        <f t="shared" si="1280"/>
        <v>19.751971426528478</v>
      </c>
      <c r="J5516" s="237">
        <f t="shared" si="1285"/>
        <v>9.7519714265284776</v>
      </c>
      <c r="K5516" s="237">
        <f t="shared" si="1281"/>
        <v>1079.879781831165</v>
      </c>
      <c r="L5516" s="237">
        <f t="shared" si="1286"/>
        <v>533.22804563115062</v>
      </c>
      <c r="M5516" s="236">
        <f t="shared" si="1282"/>
        <v>47.249728187772163</v>
      </c>
      <c r="N5516" s="236">
        <f t="shared" si="1283"/>
        <v>0.34332371994220506</v>
      </c>
      <c r="O5516" s="236">
        <f t="shared" si="1287"/>
        <v>1.9481452896182012</v>
      </c>
      <c r="P5516" s="236" t="str">
        <f t="shared" si="1288"/>
        <v>SAND</v>
      </c>
      <c r="Q5516" s="236" t="e">
        <f t="shared" si="1284"/>
        <v>#N/A</v>
      </c>
      <c r="R5516" s="238">
        <v>35</v>
      </c>
      <c r="S5516" s="236" t="e">
        <f t="shared" si="1289"/>
        <v>#N/A</v>
      </c>
      <c r="T5516" s="236">
        <f t="shared" si="1275"/>
        <v>36.018392459482392</v>
      </c>
    </row>
    <row r="5517" spans="1:20" x14ac:dyDescent="0.2">
      <c r="A5517" s="53">
        <f t="shared" si="1276"/>
        <v>5505</v>
      </c>
      <c r="B5517" s="239">
        <v>54.689</v>
      </c>
      <c r="C5517" s="3">
        <f t="shared" si="1277"/>
        <v>54.682000000000002</v>
      </c>
      <c r="D5517" s="239">
        <v>26.162500000000001</v>
      </c>
      <c r="E5517" s="239">
        <v>8.8400000000000006E-2</v>
      </c>
      <c r="F5517" s="239">
        <v>0.49780000000000002</v>
      </c>
      <c r="G5517">
        <f t="shared" si="1278"/>
        <v>26.262060000000002</v>
      </c>
      <c r="H5517" s="235">
        <f t="shared" si="1279"/>
        <v>0.33660725777033484</v>
      </c>
      <c r="I5517" s="236">
        <f t="shared" si="1280"/>
        <v>19.777260080211406</v>
      </c>
      <c r="J5517" s="237">
        <f t="shared" si="1285"/>
        <v>9.7772600802114056</v>
      </c>
      <c r="K5517" s="237">
        <f t="shared" si="1281"/>
        <v>1081.4601357061201</v>
      </c>
      <c r="L5517" s="237">
        <f t="shared" si="1286"/>
        <v>534.70857652668155</v>
      </c>
      <c r="M5517" s="236">
        <f t="shared" si="1282"/>
        <v>47.092193710188951</v>
      </c>
      <c r="N5517" s="236">
        <f t="shared" si="1283"/>
        <v>0.35106391617521121</v>
      </c>
      <c r="O5517" s="236">
        <f t="shared" si="1287"/>
        <v>1.9532558978187955</v>
      </c>
      <c r="P5517" s="236" t="str">
        <f t="shared" si="1288"/>
        <v>SAND</v>
      </c>
      <c r="Q5517" s="236" t="e">
        <f t="shared" si="1284"/>
        <v>#N/A</v>
      </c>
      <c r="R5517" s="238">
        <v>35</v>
      </c>
      <c r="S5517" s="236" t="e">
        <f t="shared" si="1289"/>
        <v>#N/A</v>
      </c>
      <c r="T5517" s="236">
        <f t="shared" ref="T5517:T5580" si="1290">IF(P5517="SAND",17.6+(11*LOG(M5517)),#N/A)</f>
        <v>36.002438139665699</v>
      </c>
    </row>
    <row r="5518" spans="1:20" x14ac:dyDescent="0.2">
      <c r="A5518" s="53">
        <f t="shared" ref="A5518:A5581" si="1291">$A5517+1</f>
        <v>5506</v>
      </c>
      <c r="B5518" s="239">
        <v>54.7</v>
      </c>
      <c r="C5518" s="3">
        <f t="shared" ref="C5518:C5581" si="1292">MAX($B5518 - $B$13, 0.001)</f>
        <v>54.693000000000005</v>
      </c>
      <c r="D5518" s="239">
        <v>26.131599999999999</v>
      </c>
      <c r="E5518" s="239">
        <v>8.7900000000000006E-2</v>
      </c>
      <c r="F5518" s="239">
        <v>0.48060000000000003</v>
      </c>
      <c r="G5518">
        <f t="shared" si="1278"/>
        <v>26.227719999999998</v>
      </c>
      <c r="H5518" s="235">
        <f t="shared" si="1279"/>
        <v>0.33514159827846268</v>
      </c>
      <c r="I5518" s="236">
        <f t="shared" si="1280"/>
        <v>19.770097501830261</v>
      </c>
      <c r="J5518" s="237">
        <f t="shared" si="1285"/>
        <v>9.7700975018302607</v>
      </c>
      <c r="K5518" s="237">
        <f t="shared" si="1281"/>
        <v>1081.2859426676025</v>
      </c>
      <c r="L5518" s="237">
        <f t="shared" si="1286"/>
        <v>534.42433335011526</v>
      </c>
      <c r="M5518" s="236">
        <f t="shared" si="1282"/>
        <v>47.053310427873633</v>
      </c>
      <c r="N5518" s="236">
        <f t="shared" si="1283"/>
        <v>0.34955254410861264</v>
      </c>
      <c r="O5518" s="236">
        <f t="shared" si="1287"/>
        <v>1.9528526150371288</v>
      </c>
      <c r="P5518" s="236" t="str">
        <f t="shared" si="1288"/>
        <v>SAND</v>
      </c>
      <c r="Q5518" s="236" t="e">
        <f t="shared" si="1284"/>
        <v>#N/A</v>
      </c>
      <c r="R5518" s="238">
        <v>35</v>
      </c>
      <c r="S5518" s="236" t="e">
        <f t="shared" si="1289"/>
        <v>#N/A</v>
      </c>
      <c r="T5518" s="236">
        <f t="shared" si="1290"/>
        <v>35.998492019100759</v>
      </c>
    </row>
    <row r="5519" spans="1:20" x14ac:dyDescent="0.2">
      <c r="A5519" s="53">
        <f t="shared" si="1291"/>
        <v>5507</v>
      </c>
      <c r="B5519" s="239">
        <v>54.71</v>
      </c>
      <c r="C5519" s="3">
        <f t="shared" si="1292"/>
        <v>54.703000000000003</v>
      </c>
      <c r="D5519" s="239">
        <v>25.9528</v>
      </c>
      <c r="E5519" s="239">
        <v>8.7400000000000005E-2</v>
      </c>
      <c r="F5519" s="239">
        <v>0.48949999999999999</v>
      </c>
      <c r="G5519">
        <f t="shared" ref="G5519:G5582" si="1293">$D5519+($F5519*(1-$P$8))</f>
        <v>26.050699999999999</v>
      </c>
      <c r="H5519" s="235">
        <f t="shared" ref="H5519:H5582" si="1294">($E5519/$G5519)*100</f>
        <v>0.33549962189115845</v>
      </c>
      <c r="I5519" s="236">
        <f t="shared" ref="I5519:I5582" si="1295">((0.27*(LOG($H5519)))+(0.36*(LOG(($G5519*1000)/101)))+1.236)*10</f>
        <v>19.760761380317366</v>
      </c>
      <c r="J5519" s="237">
        <f t="shared" si="1285"/>
        <v>9.7607613803173656</v>
      </c>
      <c r="K5519" s="237">
        <f t="shared" ref="K5519:K5582" si="1296">$I5519*$C5519</f>
        <v>1080.972929787501</v>
      </c>
      <c r="L5519" s="237">
        <f t="shared" si="1286"/>
        <v>534.01125511716305</v>
      </c>
      <c r="M5519" s="236">
        <f t="shared" ref="M5519:M5582" si="1297">(($G5519*1000)-$K5519)/$L5519</f>
        <v>46.758802985779944</v>
      </c>
      <c r="N5519" s="236">
        <f t="shared" ref="N5519:N5582" si="1298">(($E5519*1000)/(($G5519*1000)-$K5519))*100</f>
        <v>0.35002384989727564</v>
      </c>
      <c r="O5519" s="236">
        <f t="shared" si="1287"/>
        <v>1.9555912233118204</v>
      </c>
      <c r="P5519" s="236" t="str">
        <f t="shared" si="1288"/>
        <v>SAND</v>
      </c>
      <c r="Q5519" s="236" t="e">
        <f t="shared" ref="Q5519:Q5582" si="1299">IF(P5519="CLAY",($G5519*1000 -$K5519)/$L$8,#N/A)</f>
        <v>#N/A</v>
      </c>
      <c r="R5519" s="238">
        <v>35</v>
      </c>
      <c r="S5519" s="236" t="e">
        <f t="shared" si="1289"/>
        <v>#N/A</v>
      </c>
      <c r="T5519" s="236">
        <f t="shared" si="1290"/>
        <v>35.968497232764854</v>
      </c>
    </row>
    <row r="5520" spans="1:20" x14ac:dyDescent="0.2">
      <c r="A5520" s="53">
        <f t="shared" si="1291"/>
        <v>5508</v>
      </c>
      <c r="B5520" s="239">
        <v>54.719000000000001</v>
      </c>
      <c r="C5520" s="3">
        <f t="shared" si="1292"/>
        <v>54.712000000000003</v>
      </c>
      <c r="D5520" s="239">
        <v>25.858499999999999</v>
      </c>
      <c r="E5520" s="239">
        <v>8.7300000000000003E-2</v>
      </c>
      <c r="F5520" s="239">
        <v>0.4894</v>
      </c>
      <c r="G5520">
        <f t="shared" si="1293"/>
        <v>25.956379999999999</v>
      </c>
      <c r="H5520" s="235">
        <f t="shared" si="1294"/>
        <v>0.336333494886421</v>
      </c>
      <c r="I5520" s="236">
        <f t="shared" si="1295"/>
        <v>19.758001223610421</v>
      </c>
      <c r="J5520" s="237">
        <f t="shared" ref="J5520:J5583" si="1300">$I5520-10</f>
        <v>9.758001223610421</v>
      </c>
      <c r="K5520" s="237">
        <f t="shared" si="1296"/>
        <v>1080.9997629461734</v>
      </c>
      <c r="L5520" s="237">
        <f t="shared" ref="L5520:L5583" si="1301">$J5520*$B5520</f>
        <v>533.94806895473869</v>
      </c>
      <c r="M5520" s="236">
        <f t="shared" si="1297"/>
        <v>46.587639666438136</v>
      </c>
      <c r="N5520" s="236">
        <f t="shared" si="1298"/>
        <v>0.35094940928766105</v>
      </c>
      <c r="O5520" s="236">
        <f t="shared" ref="O5520:O5583" si="1302">((3.47-LOG($M5520))^2+(LOG($N5520)+1.22)^2)^0.5</f>
        <v>1.9575054563006824</v>
      </c>
      <c r="P5520" s="236" t="str">
        <f t="shared" ref="P5520:P5583" si="1303">IF(O5520&lt;2.6,"SAND","CLAY")</f>
        <v>SAND</v>
      </c>
      <c r="Q5520" s="236" t="e">
        <f t="shared" si="1299"/>
        <v>#N/A</v>
      </c>
      <c r="R5520" s="238">
        <v>35</v>
      </c>
      <c r="S5520" s="236" t="e">
        <f t="shared" ref="S5520:S5583" si="1304">IF(P5520="SAND",#N/A,0.25*($M5520)^1.25)</f>
        <v>#N/A</v>
      </c>
      <c r="T5520" s="236">
        <f t="shared" si="1290"/>
        <v>35.950977785226783</v>
      </c>
    </row>
    <row r="5521" spans="1:20" x14ac:dyDescent="0.2">
      <c r="A5521" s="53">
        <f t="shared" si="1291"/>
        <v>5509</v>
      </c>
      <c r="B5521" s="239">
        <v>54.728999999999999</v>
      </c>
      <c r="C5521" s="3">
        <f t="shared" si="1292"/>
        <v>54.722000000000001</v>
      </c>
      <c r="D5521" s="239">
        <v>25.8246</v>
      </c>
      <c r="E5521" s="239">
        <v>8.7800000000000003E-2</v>
      </c>
      <c r="F5521" s="239">
        <v>0.47189999999999999</v>
      </c>
      <c r="G5521">
        <f t="shared" si="1293"/>
        <v>25.918980000000001</v>
      </c>
      <c r="H5521" s="235">
        <f t="shared" si="1294"/>
        <v>0.33874789825834195</v>
      </c>
      <c r="I5521" s="236">
        <f t="shared" si="1295"/>
        <v>19.764134363242114</v>
      </c>
      <c r="J5521" s="237">
        <f t="shared" si="1300"/>
        <v>9.764134363242114</v>
      </c>
      <c r="K5521" s="237">
        <f t="shared" si="1296"/>
        <v>1081.5329606253349</v>
      </c>
      <c r="L5521" s="237">
        <f t="shared" si="1301"/>
        <v>534.3813095658777</v>
      </c>
      <c r="M5521" s="236">
        <f t="shared" si="1297"/>
        <v>46.478884262535651</v>
      </c>
      <c r="N5521" s="236">
        <f t="shared" si="1298"/>
        <v>0.35349848903879355</v>
      </c>
      <c r="O5521" s="236">
        <f t="shared" si="1302"/>
        <v>1.9596699919680691</v>
      </c>
      <c r="P5521" s="236" t="str">
        <f t="shared" si="1303"/>
        <v>SAND</v>
      </c>
      <c r="Q5521" s="236" t="e">
        <f t="shared" si="1299"/>
        <v>#N/A</v>
      </c>
      <c r="R5521" s="238">
        <v>35</v>
      </c>
      <c r="S5521" s="236" t="e">
        <f t="shared" si="1304"/>
        <v>#N/A</v>
      </c>
      <c r="T5521" s="236">
        <f t="shared" si="1290"/>
        <v>35.939812635734292</v>
      </c>
    </row>
    <row r="5522" spans="1:20" x14ac:dyDescent="0.2">
      <c r="A5522" s="53">
        <f t="shared" si="1291"/>
        <v>5510</v>
      </c>
      <c r="B5522" s="239">
        <v>54.738999999999997</v>
      </c>
      <c r="C5522" s="3">
        <f t="shared" si="1292"/>
        <v>54.731999999999999</v>
      </c>
      <c r="D5522" s="239">
        <v>25.815000000000001</v>
      </c>
      <c r="E5522" s="239">
        <v>9.0399999999999994E-2</v>
      </c>
      <c r="F5522" s="239">
        <v>0.47920000000000001</v>
      </c>
      <c r="G5522">
        <f t="shared" si="1293"/>
        <v>25.91084</v>
      </c>
      <c r="H5522" s="235">
        <f t="shared" si="1294"/>
        <v>0.34888872765221041</v>
      </c>
      <c r="I5522" s="236">
        <f t="shared" si="1295"/>
        <v>19.798231159959009</v>
      </c>
      <c r="J5522" s="237">
        <f t="shared" si="1300"/>
        <v>9.7982311599590091</v>
      </c>
      <c r="K5522" s="237">
        <f t="shared" si="1296"/>
        <v>1083.5967878468764</v>
      </c>
      <c r="L5522" s="237">
        <f t="shared" si="1301"/>
        <v>536.34537546499621</v>
      </c>
      <c r="M5522" s="236">
        <f t="shared" si="1297"/>
        <v>46.289656530791582</v>
      </c>
      <c r="N5522" s="236">
        <f t="shared" si="1298"/>
        <v>0.36411614139965609</v>
      </c>
      <c r="O5522" s="236">
        <f t="shared" si="1302"/>
        <v>1.9663707625138915</v>
      </c>
      <c r="P5522" s="236" t="str">
        <f t="shared" si="1303"/>
        <v>SAND</v>
      </c>
      <c r="Q5522" s="236" t="e">
        <f t="shared" si="1299"/>
        <v>#N/A</v>
      </c>
      <c r="R5522" s="238">
        <v>35</v>
      </c>
      <c r="S5522" s="236" t="e">
        <f t="shared" si="1304"/>
        <v>#N/A</v>
      </c>
      <c r="T5522" s="236">
        <f t="shared" si="1290"/>
        <v>35.920323541631255</v>
      </c>
    </row>
    <row r="5523" spans="1:20" x14ac:dyDescent="0.2">
      <c r="A5523" s="53">
        <f t="shared" si="1291"/>
        <v>5511</v>
      </c>
      <c r="B5523" s="239">
        <v>54.749000000000002</v>
      </c>
      <c r="C5523" s="3">
        <f t="shared" si="1292"/>
        <v>54.742000000000004</v>
      </c>
      <c r="D5523" s="239">
        <v>25.8719</v>
      </c>
      <c r="E5523" s="239">
        <v>9.1899999999999996E-2</v>
      </c>
      <c r="F5523" s="239">
        <v>0.45700000000000002</v>
      </c>
      <c r="G5523">
        <f t="shared" si="1293"/>
        <v>25.9633</v>
      </c>
      <c r="H5523" s="235">
        <f t="shared" si="1294"/>
        <v>0.3539611682644348</v>
      </c>
      <c r="I5523" s="236">
        <f t="shared" si="1295"/>
        <v>19.818318837515825</v>
      </c>
      <c r="J5523" s="237">
        <f t="shared" si="1300"/>
        <v>9.8183188375158252</v>
      </c>
      <c r="K5523" s="237">
        <f t="shared" si="1296"/>
        <v>1084.8944098032914</v>
      </c>
      <c r="L5523" s="237">
        <f t="shared" si="1301"/>
        <v>537.5431380351539</v>
      </c>
      <c r="M5523" s="236">
        <f t="shared" si="1297"/>
        <v>46.2816913283148</v>
      </c>
      <c r="N5523" s="236">
        <f t="shared" si="1298"/>
        <v>0.36939666276770172</v>
      </c>
      <c r="O5523" s="236">
        <f t="shared" si="1302"/>
        <v>1.96893195711789</v>
      </c>
      <c r="P5523" s="236" t="str">
        <f t="shared" si="1303"/>
        <v>SAND</v>
      </c>
      <c r="Q5523" s="236" t="e">
        <f t="shared" si="1299"/>
        <v>#N/A</v>
      </c>
      <c r="R5523" s="238">
        <v>35</v>
      </c>
      <c r="S5523" s="236" t="e">
        <f t="shared" si="1304"/>
        <v>#N/A</v>
      </c>
      <c r="T5523" s="236">
        <f t="shared" si="1290"/>
        <v>35.919501436751375</v>
      </c>
    </row>
    <row r="5524" spans="1:20" x14ac:dyDescent="0.2">
      <c r="A5524" s="53">
        <f t="shared" si="1291"/>
        <v>5512</v>
      </c>
      <c r="B5524" s="239">
        <v>54.758000000000003</v>
      </c>
      <c r="C5524" s="3">
        <f t="shared" si="1292"/>
        <v>54.751000000000005</v>
      </c>
      <c r="D5524" s="239">
        <v>26.097200000000001</v>
      </c>
      <c r="E5524" s="239">
        <v>8.7499999999999994E-2</v>
      </c>
      <c r="F5524" s="239">
        <v>0.43930000000000002</v>
      </c>
      <c r="G5524">
        <f t="shared" si="1293"/>
        <v>26.18506</v>
      </c>
      <c r="H5524" s="235">
        <f t="shared" si="1294"/>
        <v>0.33416001338167645</v>
      </c>
      <c r="I5524" s="236">
        <f t="shared" si="1295"/>
        <v>19.764113013578989</v>
      </c>
      <c r="J5524" s="237">
        <f t="shared" si="1300"/>
        <v>9.7641130135789886</v>
      </c>
      <c r="K5524" s="237">
        <f t="shared" si="1296"/>
        <v>1082.1049516064634</v>
      </c>
      <c r="L5524" s="237">
        <f t="shared" si="1301"/>
        <v>534.66330039755826</v>
      </c>
      <c r="M5524" s="236">
        <f t="shared" si="1297"/>
        <v>46.950959659523662</v>
      </c>
      <c r="N5524" s="236">
        <f t="shared" si="1298"/>
        <v>0.34856454083320981</v>
      </c>
      <c r="O5524" s="236">
        <f t="shared" si="1302"/>
        <v>1.9532430170680459</v>
      </c>
      <c r="P5524" s="236" t="str">
        <f t="shared" si="1303"/>
        <v>SAND</v>
      </c>
      <c r="Q5524" s="236" t="e">
        <f t="shared" si="1299"/>
        <v>#N/A</v>
      </c>
      <c r="R5524" s="238">
        <v>35</v>
      </c>
      <c r="S5524" s="236" t="e">
        <f t="shared" si="1304"/>
        <v>#N/A</v>
      </c>
      <c r="T5524" s="236">
        <f t="shared" si="1290"/>
        <v>35.988089208551841</v>
      </c>
    </row>
    <row r="5525" spans="1:20" x14ac:dyDescent="0.2">
      <c r="A5525" s="53">
        <f t="shared" si="1291"/>
        <v>5513</v>
      </c>
      <c r="B5525" s="239">
        <v>54.768000000000001</v>
      </c>
      <c r="C5525" s="3">
        <f t="shared" si="1292"/>
        <v>54.761000000000003</v>
      </c>
      <c r="D5525" s="239">
        <v>26.252700000000001</v>
      </c>
      <c r="E5525" s="239">
        <v>8.2299999999999998E-2</v>
      </c>
      <c r="F5525" s="239">
        <v>0.4395</v>
      </c>
      <c r="G5525">
        <f t="shared" si="1293"/>
        <v>26.340600000000002</v>
      </c>
      <c r="H5525" s="235">
        <f t="shared" si="1294"/>
        <v>0.31244542645194107</v>
      </c>
      <c r="I5525" s="236">
        <f t="shared" si="1295"/>
        <v>19.694585706448919</v>
      </c>
      <c r="J5525" s="237">
        <f t="shared" si="1300"/>
        <v>9.6945857064489189</v>
      </c>
      <c r="K5525" s="237">
        <f t="shared" si="1296"/>
        <v>1078.4952078708493</v>
      </c>
      <c r="L5525" s="237">
        <f t="shared" si="1301"/>
        <v>530.95306997079444</v>
      </c>
      <c r="M5525" s="236">
        <f t="shared" si="1297"/>
        <v>47.578790331730673</v>
      </c>
      <c r="N5525" s="236">
        <f t="shared" si="1298"/>
        <v>0.32578441375812034</v>
      </c>
      <c r="O5525" s="236">
        <f t="shared" si="1302"/>
        <v>1.9366345967448582</v>
      </c>
      <c r="P5525" s="236" t="str">
        <f t="shared" si="1303"/>
        <v>SAND</v>
      </c>
      <c r="Q5525" s="236" t="e">
        <f t="shared" si="1299"/>
        <v>#N/A</v>
      </c>
      <c r="R5525" s="238">
        <v>35</v>
      </c>
      <c r="S5525" s="236" t="e">
        <f t="shared" si="1304"/>
        <v>#N/A</v>
      </c>
      <c r="T5525" s="236">
        <f t="shared" si="1290"/>
        <v>36.051547357205123</v>
      </c>
    </row>
    <row r="5526" spans="1:20" x14ac:dyDescent="0.2">
      <c r="A5526" s="53">
        <f t="shared" si="1291"/>
        <v>5514</v>
      </c>
      <c r="B5526" s="239">
        <v>54.777999999999999</v>
      </c>
      <c r="C5526" s="3">
        <f t="shared" si="1292"/>
        <v>54.771000000000001</v>
      </c>
      <c r="D5526" s="239">
        <v>26.558900000000001</v>
      </c>
      <c r="E5526" s="239">
        <v>8.4900000000000003E-2</v>
      </c>
      <c r="F5526" s="239">
        <v>0.46110000000000001</v>
      </c>
      <c r="G5526">
        <f t="shared" si="1293"/>
        <v>26.651120000000002</v>
      </c>
      <c r="H5526" s="235">
        <f t="shared" si="1294"/>
        <v>0.31856072090028487</v>
      </c>
      <c r="I5526" s="236">
        <f t="shared" si="1295"/>
        <v>19.735637736320367</v>
      </c>
      <c r="J5526" s="237">
        <f t="shared" si="1300"/>
        <v>9.735637736320367</v>
      </c>
      <c r="K5526" s="237">
        <f t="shared" si="1296"/>
        <v>1080.9406144560028</v>
      </c>
      <c r="L5526" s="237">
        <f t="shared" si="1301"/>
        <v>533.29876392015706</v>
      </c>
      <c r="M5526" s="236">
        <f t="shared" si="1297"/>
        <v>47.94719417233123</v>
      </c>
      <c r="N5526" s="236">
        <f t="shared" si="1298"/>
        <v>0.33202739300295203</v>
      </c>
      <c r="O5526" s="236">
        <f t="shared" si="1302"/>
        <v>1.9366742388897122</v>
      </c>
      <c r="P5526" s="236" t="str">
        <f t="shared" si="1303"/>
        <v>SAND</v>
      </c>
      <c r="Q5526" s="236" t="e">
        <f t="shared" si="1299"/>
        <v>#N/A</v>
      </c>
      <c r="R5526" s="238">
        <v>35</v>
      </c>
      <c r="S5526" s="236" t="e">
        <f t="shared" si="1304"/>
        <v>#N/A</v>
      </c>
      <c r="T5526" s="236">
        <f t="shared" si="1290"/>
        <v>36.088395174907156</v>
      </c>
    </row>
    <row r="5527" spans="1:20" x14ac:dyDescent="0.2">
      <c r="A5527" s="53">
        <f t="shared" si="1291"/>
        <v>5515</v>
      </c>
      <c r="B5527" s="239">
        <v>54.786000000000001</v>
      </c>
      <c r="C5527" s="3">
        <f t="shared" si="1292"/>
        <v>54.779000000000003</v>
      </c>
      <c r="D5527" s="239">
        <v>26.9084</v>
      </c>
      <c r="E5527" s="239">
        <v>8.7300000000000003E-2</v>
      </c>
      <c r="F5527" s="239">
        <v>0.45889999999999997</v>
      </c>
      <c r="G5527">
        <f t="shared" si="1293"/>
        <v>27.00018</v>
      </c>
      <c r="H5527" s="235">
        <f t="shared" si="1294"/>
        <v>0.32333117779214809</v>
      </c>
      <c r="I5527" s="236">
        <f t="shared" si="1295"/>
        <v>19.773411505888816</v>
      </c>
      <c r="J5527" s="237">
        <f t="shared" si="1300"/>
        <v>9.7734115058888165</v>
      </c>
      <c r="K5527" s="237">
        <f t="shared" si="1296"/>
        <v>1083.1677088810836</v>
      </c>
      <c r="L5527" s="237">
        <f t="shared" si="1301"/>
        <v>535.44612276162468</v>
      </c>
      <c r="M5527" s="236">
        <f t="shared" si="1297"/>
        <v>48.402651899782107</v>
      </c>
      <c r="N5527" s="236">
        <f t="shared" si="1298"/>
        <v>0.33684438244417331</v>
      </c>
      <c r="O5527" s="236">
        <f t="shared" si="1302"/>
        <v>1.9352887898659143</v>
      </c>
      <c r="P5527" s="236" t="str">
        <f t="shared" si="1303"/>
        <v>SAND</v>
      </c>
      <c r="Q5527" s="236" t="e">
        <f t="shared" si="1299"/>
        <v>#N/A</v>
      </c>
      <c r="R5527" s="238">
        <v>35</v>
      </c>
      <c r="S5527" s="236" t="e">
        <f t="shared" si="1304"/>
        <v>#N/A</v>
      </c>
      <c r="T5527" s="236">
        <f t="shared" si="1290"/>
        <v>36.133560722154755</v>
      </c>
    </row>
    <row r="5528" spans="1:20" x14ac:dyDescent="0.2">
      <c r="A5528" s="53">
        <f t="shared" si="1291"/>
        <v>5516</v>
      </c>
      <c r="B5528" s="239">
        <v>54.795999999999999</v>
      </c>
      <c r="C5528" s="3">
        <f t="shared" si="1292"/>
        <v>54.789000000000001</v>
      </c>
      <c r="D5528" s="239">
        <v>27.214700000000001</v>
      </c>
      <c r="E5528" s="239">
        <v>7.7600000000000002E-2</v>
      </c>
      <c r="F5528" s="239">
        <v>0.48039999999999999</v>
      </c>
      <c r="G5528">
        <f t="shared" si="1293"/>
        <v>27.310780000000001</v>
      </c>
      <c r="H5528" s="235">
        <f t="shared" si="1294"/>
        <v>0.28413688660668057</v>
      </c>
      <c r="I5528" s="236">
        <f t="shared" si="1295"/>
        <v>19.639770395229142</v>
      </c>
      <c r="J5528" s="237">
        <f t="shared" si="1300"/>
        <v>9.6397703952291423</v>
      </c>
      <c r="K5528" s="237">
        <f t="shared" si="1296"/>
        <v>1076.0433801842096</v>
      </c>
      <c r="L5528" s="237">
        <f t="shared" si="1301"/>
        <v>528.22085857697607</v>
      </c>
      <c r="M5528" s="236">
        <f t="shared" si="1297"/>
        <v>49.666226151106606</v>
      </c>
      <c r="N5528" s="236">
        <f t="shared" si="1298"/>
        <v>0.29579103889835384</v>
      </c>
      <c r="O5528" s="236">
        <f t="shared" si="1302"/>
        <v>1.9037645048095801</v>
      </c>
      <c r="P5528" s="236" t="str">
        <f t="shared" si="1303"/>
        <v>SAND</v>
      </c>
      <c r="Q5528" s="236" t="e">
        <f t="shared" si="1299"/>
        <v>#N/A</v>
      </c>
      <c r="R5528" s="238">
        <v>35</v>
      </c>
      <c r="S5528" s="236" t="e">
        <f t="shared" si="1304"/>
        <v>#N/A</v>
      </c>
      <c r="T5528" s="236">
        <f t="shared" si="1290"/>
        <v>36.256672778989625</v>
      </c>
    </row>
    <row r="5529" spans="1:20" x14ac:dyDescent="0.2">
      <c r="A5529" s="53">
        <f t="shared" si="1291"/>
        <v>5517</v>
      </c>
      <c r="B5529" s="239">
        <v>54.805</v>
      </c>
      <c r="C5529" s="3">
        <f t="shared" si="1292"/>
        <v>54.798000000000002</v>
      </c>
      <c r="D5529" s="239">
        <v>27.458100000000002</v>
      </c>
      <c r="E5529" s="239">
        <v>7.4399999999999994E-2</v>
      </c>
      <c r="F5529" s="239">
        <v>0.4758</v>
      </c>
      <c r="G5529">
        <f t="shared" si="1293"/>
        <v>27.553260000000002</v>
      </c>
      <c r="H5529" s="235">
        <f t="shared" si="1294"/>
        <v>0.27002249461588207</v>
      </c>
      <c r="I5529" s="236">
        <f t="shared" si="1295"/>
        <v>19.593845671669172</v>
      </c>
      <c r="J5529" s="237">
        <f t="shared" si="1300"/>
        <v>9.5938456716691718</v>
      </c>
      <c r="K5529" s="237">
        <f t="shared" si="1296"/>
        <v>1073.7035551161273</v>
      </c>
      <c r="L5529" s="237">
        <f t="shared" si="1301"/>
        <v>525.79071203582896</v>
      </c>
      <c r="M5529" s="236">
        <f t="shared" si="1297"/>
        <v>50.36140015170043</v>
      </c>
      <c r="N5529" s="236">
        <f t="shared" si="1298"/>
        <v>0.28097147380418014</v>
      </c>
      <c r="O5529" s="236">
        <f t="shared" si="1302"/>
        <v>1.8901289322344332</v>
      </c>
      <c r="P5529" s="236" t="str">
        <f t="shared" si="1303"/>
        <v>SAND</v>
      </c>
      <c r="Q5529" s="236" t="e">
        <f t="shared" si="1299"/>
        <v>#N/A</v>
      </c>
      <c r="R5529" s="238">
        <v>35</v>
      </c>
      <c r="S5529" s="236" t="e">
        <f t="shared" si="1304"/>
        <v>#N/A</v>
      </c>
      <c r="T5529" s="236">
        <f t="shared" si="1290"/>
        <v>36.323075754831954</v>
      </c>
    </row>
    <row r="5530" spans="1:20" x14ac:dyDescent="0.2">
      <c r="A5530" s="53">
        <f t="shared" si="1291"/>
        <v>5518</v>
      </c>
      <c r="B5530" s="239">
        <v>54.814</v>
      </c>
      <c r="C5530" s="3">
        <f t="shared" si="1292"/>
        <v>54.807000000000002</v>
      </c>
      <c r="D5530" s="239">
        <v>27.668700000000001</v>
      </c>
      <c r="E5530" s="239">
        <v>7.3700000000000002E-2</v>
      </c>
      <c r="F5530" s="239">
        <v>0.4824</v>
      </c>
      <c r="G5530">
        <f t="shared" si="1293"/>
        <v>27.765180000000001</v>
      </c>
      <c r="H5530" s="235">
        <f t="shared" si="1294"/>
        <v>0.26544038252228153</v>
      </c>
      <c r="I5530" s="236">
        <f t="shared" si="1295"/>
        <v>19.585755715592484</v>
      </c>
      <c r="J5530" s="237">
        <f t="shared" si="1300"/>
        <v>9.5857557155924837</v>
      </c>
      <c r="K5530" s="237">
        <f t="shared" si="1296"/>
        <v>1073.4365135044773</v>
      </c>
      <c r="L5530" s="237">
        <f t="shared" si="1301"/>
        <v>525.4336137944864</v>
      </c>
      <c r="M5530" s="236">
        <f t="shared" si="1297"/>
        <v>50.799459314636657</v>
      </c>
      <c r="N5530" s="236">
        <f t="shared" si="1298"/>
        <v>0.27611534644519542</v>
      </c>
      <c r="O5530" s="236">
        <f t="shared" si="1302"/>
        <v>1.8839410446889788</v>
      </c>
      <c r="P5530" s="236" t="str">
        <f t="shared" si="1303"/>
        <v>SAND</v>
      </c>
      <c r="Q5530" s="236" t="e">
        <f t="shared" si="1299"/>
        <v>#N/A</v>
      </c>
      <c r="R5530" s="238">
        <v>35</v>
      </c>
      <c r="S5530" s="236" t="e">
        <f t="shared" si="1304"/>
        <v>#N/A</v>
      </c>
      <c r="T5530" s="236">
        <f t="shared" si="1290"/>
        <v>36.364449988723251</v>
      </c>
    </row>
    <row r="5531" spans="1:20" x14ac:dyDescent="0.2">
      <c r="A5531" s="53">
        <f t="shared" si="1291"/>
        <v>5519</v>
      </c>
      <c r="B5531" s="239">
        <v>54.814999999999998</v>
      </c>
      <c r="C5531" s="3">
        <f t="shared" si="1292"/>
        <v>54.808</v>
      </c>
      <c r="D5531" s="239">
        <v>27.863700000000001</v>
      </c>
      <c r="E5531" s="239">
        <v>7.3300000000000004E-2</v>
      </c>
      <c r="F5531" s="239">
        <v>0.48430000000000001</v>
      </c>
      <c r="G5531">
        <f t="shared" si="1293"/>
        <v>27.960560000000001</v>
      </c>
      <c r="H5531" s="235">
        <f t="shared" si="1294"/>
        <v>0.26215497829800261</v>
      </c>
      <c r="I5531" s="236">
        <f t="shared" si="1295"/>
        <v>19.582115064685638</v>
      </c>
      <c r="J5531" s="237">
        <f t="shared" si="1300"/>
        <v>9.5821150646856381</v>
      </c>
      <c r="K5531" s="237">
        <f t="shared" si="1296"/>
        <v>1073.2565624652905</v>
      </c>
      <c r="L5531" s="237">
        <f t="shared" si="1301"/>
        <v>525.24363727074319</v>
      </c>
      <c r="M5531" s="236">
        <f t="shared" si="1297"/>
        <v>51.190155443378224</v>
      </c>
      <c r="N5531" s="236">
        <f t="shared" si="1298"/>
        <v>0.27261938025987797</v>
      </c>
      <c r="O5531" s="236">
        <f t="shared" si="1302"/>
        <v>1.8788876988828811</v>
      </c>
      <c r="P5531" s="236" t="str">
        <f t="shared" si="1303"/>
        <v>SAND</v>
      </c>
      <c r="Q5531" s="236" t="e">
        <f t="shared" si="1299"/>
        <v>#N/A</v>
      </c>
      <c r="R5531" s="238">
        <v>35</v>
      </c>
      <c r="S5531" s="236" t="e">
        <f t="shared" si="1304"/>
        <v>#N/A</v>
      </c>
      <c r="T5531" s="236">
        <f t="shared" si="1290"/>
        <v>36.401050931579135</v>
      </c>
    </row>
    <row r="5532" spans="1:20" x14ac:dyDescent="0.2">
      <c r="A5532" s="53">
        <f t="shared" si="1291"/>
        <v>5520</v>
      </c>
      <c r="B5532" s="239">
        <v>54.829000000000001</v>
      </c>
      <c r="C5532" s="3">
        <f t="shared" si="1292"/>
        <v>54.822000000000003</v>
      </c>
      <c r="D5532" s="239">
        <v>25.4054</v>
      </c>
      <c r="E5532" s="239">
        <v>7.7399999999999997E-2</v>
      </c>
      <c r="F5532" s="239">
        <v>0.55349999999999999</v>
      </c>
      <c r="G5532">
        <f t="shared" si="1293"/>
        <v>25.516100000000002</v>
      </c>
      <c r="H5532" s="235">
        <f t="shared" si="1294"/>
        <v>0.30333789254627463</v>
      </c>
      <c r="I5532" s="236">
        <f t="shared" si="1295"/>
        <v>19.61017651419677</v>
      </c>
      <c r="J5532" s="237">
        <f t="shared" si="1300"/>
        <v>9.6101765141967697</v>
      </c>
      <c r="K5532" s="237">
        <f t="shared" si="1296"/>
        <v>1075.0690968612953</v>
      </c>
      <c r="L5532" s="237">
        <f t="shared" si="1301"/>
        <v>526.91636809689464</v>
      </c>
      <c r="M5532" s="236">
        <f t="shared" si="1297"/>
        <v>46.385028788181899</v>
      </c>
      <c r="N5532" s="236">
        <f t="shared" si="1298"/>
        <v>0.31668058645619696</v>
      </c>
      <c r="O5532" s="236">
        <f t="shared" si="1302"/>
        <v>1.9422533797029051</v>
      </c>
      <c r="P5532" s="236" t="str">
        <f t="shared" si="1303"/>
        <v>SAND</v>
      </c>
      <c r="Q5532" s="236" t="e">
        <f t="shared" si="1299"/>
        <v>#N/A</v>
      </c>
      <c r="R5532" s="238">
        <v>35</v>
      </c>
      <c r="S5532" s="236" t="e">
        <f t="shared" si="1304"/>
        <v>#N/A</v>
      </c>
      <c r="T5532" s="236">
        <f t="shared" si="1290"/>
        <v>35.930156135192227</v>
      </c>
    </row>
    <row r="5533" spans="1:20" x14ac:dyDescent="0.2">
      <c r="A5533" s="53">
        <f t="shared" si="1291"/>
        <v>5521</v>
      </c>
      <c r="B5533" s="239">
        <v>54.838000000000001</v>
      </c>
      <c r="C5533" s="3">
        <f t="shared" si="1292"/>
        <v>54.831000000000003</v>
      </c>
      <c r="D5533" s="239">
        <v>28.334700000000002</v>
      </c>
      <c r="E5533" s="239">
        <v>6.7199999999999996E-2</v>
      </c>
      <c r="F5533" s="239">
        <v>0.48320000000000002</v>
      </c>
      <c r="G5533">
        <f t="shared" si="1293"/>
        <v>28.431340000000002</v>
      </c>
      <c r="H5533" s="235">
        <f t="shared" si="1294"/>
        <v>0.23635889127983412</v>
      </c>
      <c r="I5533" s="236">
        <f t="shared" si="1295"/>
        <v>19.486757687677819</v>
      </c>
      <c r="J5533" s="237">
        <f t="shared" si="1300"/>
        <v>9.4867576876778195</v>
      </c>
      <c r="K5533" s="237">
        <f t="shared" si="1296"/>
        <v>1068.4784107730625</v>
      </c>
      <c r="L5533" s="237">
        <f t="shared" si="1301"/>
        <v>520.23481807687631</v>
      </c>
      <c r="M5533" s="236">
        <f t="shared" si="1297"/>
        <v>52.597136213177237</v>
      </c>
      <c r="N5533" s="236">
        <f t="shared" si="1298"/>
        <v>0.24558834894102372</v>
      </c>
      <c r="O5533" s="236">
        <f t="shared" si="1302"/>
        <v>1.8524273509327112</v>
      </c>
      <c r="P5533" s="236" t="str">
        <f t="shared" si="1303"/>
        <v>SAND</v>
      </c>
      <c r="Q5533" s="236" t="e">
        <f t="shared" si="1299"/>
        <v>#N/A</v>
      </c>
      <c r="R5533" s="238">
        <v>35</v>
      </c>
      <c r="S5533" s="236" t="e">
        <f t="shared" si="1304"/>
        <v>#N/A</v>
      </c>
      <c r="T5533" s="236">
        <f t="shared" si="1290"/>
        <v>36.53058308364929</v>
      </c>
    </row>
    <row r="5534" spans="1:20" x14ac:dyDescent="0.2">
      <c r="A5534" s="53">
        <f t="shared" si="1291"/>
        <v>5522</v>
      </c>
      <c r="B5534" s="239">
        <v>54.847000000000001</v>
      </c>
      <c r="C5534" s="3">
        <f t="shared" si="1292"/>
        <v>54.84</v>
      </c>
      <c r="D5534" s="239">
        <v>28.755600000000001</v>
      </c>
      <c r="E5534" s="239">
        <v>6.8900000000000003E-2</v>
      </c>
      <c r="F5534" s="239">
        <v>0.46600000000000003</v>
      </c>
      <c r="G5534">
        <f t="shared" si="1293"/>
        <v>28.848800000000001</v>
      </c>
      <c r="H5534" s="235">
        <f t="shared" si="1294"/>
        <v>0.23883142453065639</v>
      </c>
      <c r="I5534" s="236">
        <f t="shared" si="1295"/>
        <v>19.521749931119832</v>
      </c>
      <c r="J5534" s="237">
        <f t="shared" si="1300"/>
        <v>9.5217499311198317</v>
      </c>
      <c r="K5534" s="237">
        <f t="shared" si="1296"/>
        <v>1070.5727662226116</v>
      </c>
      <c r="L5534" s="237">
        <f t="shared" si="1301"/>
        <v>522.23941847212939</v>
      </c>
      <c r="M5534" s="236">
        <f t="shared" si="1297"/>
        <v>53.190598509483905</v>
      </c>
      <c r="N5534" s="236">
        <f t="shared" si="1298"/>
        <v>0.24803598667455612</v>
      </c>
      <c r="O5534" s="236">
        <f t="shared" si="1302"/>
        <v>1.8492539812377689</v>
      </c>
      <c r="P5534" s="236" t="str">
        <f t="shared" si="1303"/>
        <v>SAND</v>
      </c>
      <c r="Q5534" s="236" t="e">
        <f t="shared" si="1299"/>
        <v>#N/A</v>
      </c>
      <c r="R5534" s="238">
        <v>35</v>
      </c>
      <c r="S5534" s="236" t="e">
        <f t="shared" si="1304"/>
        <v>#N/A</v>
      </c>
      <c r="T5534" s="236">
        <f t="shared" si="1290"/>
        <v>36.584183648122021</v>
      </c>
    </row>
    <row r="5535" spans="1:20" x14ac:dyDescent="0.2">
      <c r="A5535" s="53">
        <f t="shared" si="1291"/>
        <v>5523</v>
      </c>
      <c r="B5535" s="239">
        <v>54.856999999999999</v>
      </c>
      <c r="C5535" s="3">
        <f t="shared" si="1292"/>
        <v>54.85</v>
      </c>
      <c r="D5535" s="239">
        <v>28.903199999999998</v>
      </c>
      <c r="E5535" s="239">
        <v>6.9400000000000003E-2</v>
      </c>
      <c r="F5535" s="239">
        <v>0.46899999999999997</v>
      </c>
      <c r="G5535">
        <f t="shared" si="1293"/>
        <v>28.997</v>
      </c>
      <c r="H5535" s="235">
        <f t="shared" si="1294"/>
        <v>0.23933510363141017</v>
      </c>
      <c r="I5535" s="236">
        <f t="shared" si="1295"/>
        <v>19.532231386314251</v>
      </c>
      <c r="J5535" s="237">
        <f t="shared" si="1300"/>
        <v>9.5322313863142512</v>
      </c>
      <c r="K5535" s="237">
        <f t="shared" si="1296"/>
        <v>1071.3428915393367</v>
      </c>
      <c r="L5535" s="237">
        <f t="shared" si="1301"/>
        <v>522.90961715904086</v>
      </c>
      <c r="M5535" s="236">
        <f t="shared" si="1297"/>
        <v>53.404367011225162</v>
      </c>
      <c r="N5535" s="236">
        <f t="shared" si="1298"/>
        <v>0.24851698110614495</v>
      </c>
      <c r="O5535" s="236">
        <f t="shared" si="1302"/>
        <v>1.8478911759236607</v>
      </c>
      <c r="P5535" s="236" t="str">
        <f t="shared" si="1303"/>
        <v>SAND</v>
      </c>
      <c r="Q5535" s="236" t="e">
        <f t="shared" si="1299"/>
        <v>#N/A</v>
      </c>
      <c r="R5535" s="238">
        <v>35</v>
      </c>
      <c r="S5535" s="236" t="e">
        <f t="shared" si="1304"/>
        <v>#N/A</v>
      </c>
      <c r="T5535" s="236">
        <f t="shared" si="1290"/>
        <v>36.603344490322534</v>
      </c>
    </row>
    <row r="5536" spans="1:20" x14ac:dyDescent="0.2">
      <c r="A5536" s="53">
        <f t="shared" si="1291"/>
        <v>5524</v>
      </c>
      <c r="B5536" s="239">
        <v>54.866999999999997</v>
      </c>
      <c r="C5536" s="3">
        <f t="shared" si="1292"/>
        <v>54.86</v>
      </c>
      <c r="D5536" s="239">
        <v>29.0245</v>
      </c>
      <c r="E5536" s="239">
        <v>7.1400000000000005E-2</v>
      </c>
      <c r="F5536" s="239">
        <v>0.51219999999999999</v>
      </c>
      <c r="G5536">
        <f t="shared" si="1293"/>
        <v>29.126940000000001</v>
      </c>
      <c r="H5536" s="235">
        <f t="shared" si="1294"/>
        <v>0.24513388636087419</v>
      </c>
      <c r="I5536" s="236">
        <f t="shared" si="1295"/>
        <v>19.567293601243581</v>
      </c>
      <c r="J5536" s="237">
        <f t="shared" si="1300"/>
        <v>9.5672936012435805</v>
      </c>
      <c r="K5536" s="237">
        <f t="shared" si="1296"/>
        <v>1073.4617269642229</v>
      </c>
      <c r="L5536" s="237">
        <f t="shared" si="1301"/>
        <v>524.92869801943152</v>
      </c>
      <c r="M5536" s="236">
        <f t="shared" si="1297"/>
        <v>53.442454906508679</v>
      </c>
      <c r="N5536" s="236">
        <f t="shared" si="1298"/>
        <v>0.25451389415988279</v>
      </c>
      <c r="O5536" s="236">
        <f t="shared" si="1302"/>
        <v>1.8510739243047181</v>
      </c>
      <c r="P5536" s="236" t="str">
        <f t="shared" si="1303"/>
        <v>SAND</v>
      </c>
      <c r="Q5536" s="236" t="e">
        <f t="shared" si="1299"/>
        <v>#N/A</v>
      </c>
      <c r="R5536" s="238">
        <v>35</v>
      </c>
      <c r="S5536" s="236" t="e">
        <f t="shared" si="1304"/>
        <v>#N/A</v>
      </c>
      <c r="T5536" s="236">
        <f t="shared" si="1290"/>
        <v>36.606750394114144</v>
      </c>
    </row>
    <row r="5537" spans="1:20" x14ac:dyDescent="0.2">
      <c r="A5537" s="53">
        <f t="shared" si="1291"/>
        <v>5525</v>
      </c>
      <c r="B5537" s="239">
        <v>54.878999999999998</v>
      </c>
      <c r="C5537" s="3">
        <f t="shared" si="1292"/>
        <v>54.872</v>
      </c>
      <c r="D5537" s="239">
        <v>28.718399999999999</v>
      </c>
      <c r="E5537" s="239">
        <v>7.17E-2</v>
      </c>
      <c r="F5537" s="239">
        <v>0.46700000000000003</v>
      </c>
      <c r="G5537">
        <f t="shared" si="1293"/>
        <v>28.811799999999998</v>
      </c>
      <c r="H5537" s="235">
        <f t="shared" si="1294"/>
        <v>0.24885637134785055</v>
      </c>
      <c r="I5537" s="236">
        <f t="shared" si="1295"/>
        <v>19.56795812696031</v>
      </c>
      <c r="J5537" s="237">
        <f t="shared" si="1300"/>
        <v>9.5679581269603098</v>
      </c>
      <c r="K5537" s="237">
        <f t="shared" si="1296"/>
        <v>1073.7329983425661</v>
      </c>
      <c r="L5537" s="237">
        <f t="shared" si="1301"/>
        <v>525.07997404945479</v>
      </c>
      <c r="M5537" s="236">
        <f t="shared" si="1297"/>
        <v>52.826366215682256</v>
      </c>
      <c r="N5537" s="236">
        <f t="shared" si="1298"/>
        <v>0.25848953351982212</v>
      </c>
      <c r="O5537" s="236">
        <f t="shared" si="1302"/>
        <v>1.8580943586760457</v>
      </c>
      <c r="P5537" s="236" t="str">
        <f t="shared" si="1303"/>
        <v>SAND</v>
      </c>
      <c r="Q5537" s="236" t="e">
        <f t="shared" si="1299"/>
        <v>#N/A</v>
      </c>
      <c r="R5537" s="238">
        <v>35</v>
      </c>
      <c r="S5537" s="236" t="e">
        <f t="shared" si="1304"/>
        <v>#N/A</v>
      </c>
      <c r="T5537" s="236">
        <f t="shared" si="1290"/>
        <v>36.551358115355015</v>
      </c>
    </row>
    <row r="5538" spans="1:20" x14ac:dyDescent="0.2">
      <c r="A5538" s="53">
        <f t="shared" si="1291"/>
        <v>5526</v>
      </c>
      <c r="B5538" s="239">
        <v>54.887</v>
      </c>
      <c r="C5538" s="3">
        <f t="shared" si="1292"/>
        <v>54.88</v>
      </c>
      <c r="D5538" s="239">
        <v>28.642600000000002</v>
      </c>
      <c r="E5538" s="239">
        <v>7.3800000000000004E-2</v>
      </c>
      <c r="F5538" s="239">
        <v>0.49509999999999998</v>
      </c>
      <c r="G5538">
        <f t="shared" si="1293"/>
        <v>28.741620000000001</v>
      </c>
      <c r="H5538" s="235">
        <f t="shared" si="1294"/>
        <v>0.25677049519129402</v>
      </c>
      <c r="I5538" s="236">
        <f t="shared" si="1295"/>
        <v>19.60085535016043</v>
      </c>
      <c r="J5538" s="237">
        <f t="shared" si="1300"/>
        <v>9.6008553501604297</v>
      </c>
      <c r="K5538" s="237">
        <f t="shared" si="1296"/>
        <v>1075.6949416168045</v>
      </c>
      <c r="L5538" s="237">
        <f t="shared" si="1301"/>
        <v>526.96214760425551</v>
      </c>
      <c r="M5538" s="236">
        <f t="shared" si="1297"/>
        <v>52.500782426520871</v>
      </c>
      <c r="N5538" s="236">
        <f t="shared" si="1298"/>
        <v>0.26675413832814349</v>
      </c>
      <c r="O5538" s="236">
        <f t="shared" si="1302"/>
        <v>1.8653094784842967</v>
      </c>
      <c r="P5538" s="236" t="str">
        <f t="shared" si="1303"/>
        <v>SAND</v>
      </c>
      <c r="Q5538" s="236" t="e">
        <f t="shared" si="1299"/>
        <v>#N/A</v>
      </c>
      <c r="R5538" s="238">
        <v>35</v>
      </c>
      <c r="S5538" s="236" t="e">
        <f t="shared" si="1304"/>
        <v>#N/A</v>
      </c>
      <c r="T5538" s="236">
        <f t="shared" si="1290"/>
        <v>36.521823533863099</v>
      </c>
    </row>
    <row r="5539" spans="1:20" x14ac:dyDescent="0.2">
      <c r="A5539" s="53">
        <f t="shared" si="1291"/>
        <v>5527</v>
      </c>
      <c r="B5539" s="239">
        <v>54.896999999999998</v>
      </c>
      <c r="C5539" s="3">
        <f t="shared" si="1292"/>
        <v>54.89</v>
      </c>
      <c r="D5539" s="239">
        <v>28.516300000000001</v>
      </c>
      <c r="E5539" s="239">
        <v>8.1500000000000003E-2</v>
      </c>
      <c r="F5539" s="239">
        <v>0.50460000000000005</v>
      </c>
      <c r="G5539">
        <f t="shared" si="1293"/>
        <v>28.61722</v>
      </c>
      <c r="H5539" s="235">
        <f t="shared" si="1294"/>
        <v>0.28479356135920963</v>
      </c>
      <c r="I5539" s="236">
        <f t="shared" si="1295"/>
        <v>19.715533295993225</v>
      </c>
      <c r="J5539" s="237">
        <f t="shared" si="1300"/>
        <v>9.7155332959932252</v>
      </c>
      <c r="K5539" s="237">
        <f t="shared" si="1296"/>
        <v>1082.1856226170682</v>
      </c>
      <c r="L5539" s="237">
        <f t="shared" si="1301"/>
        <v>533.35363135014006</v>
      </c>
      <c r="M5539" s="236">
        <f t="shared" si="1297"/>
        <v>51.626224626389622</v>
      </c>
      <c r="N5539" s="236">
        <f t="shared" si="1298"/>
        <v>0.29598655619236658</v>
      </c>
      <c r="O5539" s="236">
        <f t="shared" si="1302"/>
        <v>1.8882164882429884</v>
      </c>
      <c r="P5539" s="236" t="str">
        <f t="shared" si="1303"/>
        <v>SAND</v>
      </c>
      <c r="Q5539" s="236" t="e">
        <f t="shared" si="1299"/>
        <v>#N/A</v>
      </c>
      <c r="R5539" s="238">
        <v>35</v>
      </c>
      <c r="S5539" s="236" t="e">
        <f t="shared" si="1304"/>
        <v>#N/A</v>
      </c>
      <c r="T5539" s="236">
        <f t="shared" si="1290"/>
        <v>36.441574033612739</v>
      </c>
    </row>
    <row r="5540" spans="1:20" x14ac:dyDescent="0.2">
      <c r="A5540" s="53">
        <f t="shared" si="1291"/>
        <v>5528</v>
      </c>
      <c r="B5540" s="239">
        <v>54.906999999999996</v>
      </c>
      <c r="C5540" s="3">
        <f t="shared" si="1292"/>
        <v>54.9</v>
      </c>
      <c r="D5540" s="239">
        <v>28.402100000000001</v>
      </c>
      <c r="E5540" s="239">
        <v>7.5399999999999995E-2</v>
      </c>
      <c r="F5540" s="239">
        <v>0.50039999999999996</v>
      </c>
      <c r="G5540">
        <f t="shared" si="1293"/>
        <v>28.502179999999999</v>
      </c>
      <c r="H5540" s="235">
        <f t="shared" si="1294"/>
        <v>0.26454116842992359</v>
      </c>
      <c r="I5540" s="236">
        <f t="shared" si="1295"/>
        <v>19.622735958841574</v>
      </c>
      <c r="J5540" s="237">
        <f t="shared" si="1300"/>
        <v>9.6227359588415737</v>
      </c>
      <c r="K5540" s="237">
        <f t="shared" si="1296"/>
        <v>1077.2882041404023</v>
      </c>
      <c r="L5540" s="237">
        <f t="shared" si="1301"/>
        <v>528.35556329211431</v>
      </c>
      <c r="M5540" s="236">
        <f t="shared" si="1297"/>
        <v>51.906128564216665</v>
      </c>
      <c r="N5540" s="236">
        <f t="shared" si="1298"/>
        <v>0.27493271645791251</v>
      </c>
      <c r="O5540" s="236">
        <f t="shared" si="1302"/>
        <v>1.8745231673801102</v>
      </c>
      <c r="P5540" s="236" t="str">
        <f t="shared" si="1303"/>
        <v>SAND</v>
      </c>
      <c r="Q5540" s="236" t="e">
        <f t="shared" si="1299"/>
        <v>#N/A</v>
      </c>
      <c r="R5540" s="238">
        <v>35</v>
      </c>
      <c r="S5540" s="236" t="e">
        <f t="shared" si="1304"/>
        <v>#N/A</v>
      </c>
      <c r="T5540" s="236">
        <f t="shared" si="1290"/>
        <v>36.467405018979662</v>
      </c>
    </row>
    <row r="5541" spans="1:20" x14ac:dyDescent="0.2">
      <c r="A5541" s="53">
        <f t="shared" si="1291"/>
        <v>5529</v>
      </c>
      <c r="B5541" s="239">
        <v>54.915999999999997</v>
      </c>
      <c r="C5541" s="3">
        <f t="shared" si="1292"/>
        <v>54.908999999999999</v>
      </c>
      <c r="D5541" s="239">
        <v>28.316600000000001</v>
      </c>
      <c r="E5541" s="239">
        <v>7.7700000000000005E-2</v>
      </c>
      <c r="F5541" s="239">
        <v>0.49680000000000002</v>
      </c>
      <c r="G5541">
        <f t="shared" si="1293"/>
        <v>28.415960000000002</v>
      </c>
      <c r="H5541" s="235">
        <f t="shared" si="1294"/>
        <v>0.27343788490693255</v>
      </c>
      <c r="I5541" s="236">
        <f t="shared" si="1295"/>
        <v>19.656785904629068</v>
      </c>
      <c r="J5541" s="237">
        <f t="shared" si="1300"/>
        <v>9.6567859046290678</v>
      </c>
      <c r="K5541" s="237">
        <f t="shared" si="1296"/>
        <v>1079.3344572372775</v>
      </c>
      <c r="L5541" s="237">
        <f t="shared" si="1301"/>
        <v>530.31205473860985</v>
      </c>
      <c r="M5541" s="236">
        <f t="shared" si="1297"/>
        <v>51.548188087553307</v>
      </c>
      <c r="N5541" s="236">
        <f t="shared" si="1298"/>
        <v>0.28423405763251125</v>
      </c>
      <c r="O5541" s="236">
        <f t="shared" si="1302"/>
        <v>1.8824593549967694</v>
      </c>
      <c r="P5541" s="236" t="str">
        <f t="shared" si="1303"/>
        <v>SAND</v>
      </c>
      <c r="Q5541" s="236" t="e">
        <f t="shared" si="1299"/>
        <v>#N/A</v>
      </c>
      <c r="R5541" s="238">
        <v>35</v>
      </c>
      <c r="S5541" s="236" t="e">
        <f t="shared" si="1304"/>
        <v>#N/A</v>
      </c>
      <c r="T5541" s="236">
        <f t="shared" si="1290"/>
        <v>36.434347449394409</v>
      </c>
    </row>
    <row r="5542" spans="1:20" x14ac:dyDescent="0.2">
      <c r="A5542" s="53">
        <f t="shared" si="1291"/>
        <v>5530</v>
      </c>
      <c r="B5542" s="239">
        <v>54.926000000000002</v>
      </c>
      <c r="C5542" s="3">
        <f t="shared" si="1292"/>
        <v>54.919000000000004</v>
      </c>
      <c r="D5542" s="239">
        <v>28.114999999999998</v>
      </c>
      <c r="E5542" s="239">
        <v>8.0500000000000002E-2</v>
      </c>
      <c r="F5542" s="239">
        <v>0.49280000000000002</v>
      </c>
      <c r="G5542">
        <f t="shared" si="1293"/>
        <v>28.213559999999998</v>
      </c>
      <c r="H5542" s="235">
        <f t="shared" si="1294"/>
        <v>0.28532379465760438</v>
      </c>
      <c r="I5542" s="236">
        <f t="shared" si="1295"/>
        <v>19.695504031557444</v>
      </c>
      <c r="J5542" s="237">
        <f t="shared" si="1300"/>
        <v>9.6955040315574443</v>
      </c>
      <c r="K5542" s="237">
        <f t="shared" si="1296"/>
        <v>1081.6573859091034</v>
      </c>
      <c r="L5542" s="237">
        <f t="shared" si="1301"/>
        <v>532.53525443732417</v>
      </c>
      <c r="M5542" s="236">
        <f t="shared" si="1297"/>
        <v>50.948556716227955</v>
      </c>
      <c r="N5542" s="236">
        <f t="shared" si="1298"/>
        <v>0.29669869137077215</v>
      </c>
      <c r="O5542" s="236">
        <f t="shared" si="1302"/>
        <v>1.8939389961230917</v>
      </c>
      <c r="P5542" s="236" t="str">
        <f t="shared" si="1303"/>
        <v>SAND</v>
      </c>
      <c r="Q5542" s="236" t="e">
        <f t="shared" si="1299"/>
        <v>#N/A</v>
      </c>
      <c r="R5542" s="238">
        <v>35</v>
      </c>
      <c r="S5542" s="236" t="e">
        <f t="shared" si="1304"/>
        <v>#N/A</v>
      </c>
      <c r="T5542" s="236">
        <f t="shared" si="1290"/>
        <v>36.378450742824455</v>
      </c>
    </row>
    <row r="5543" spans="1:20" x14ac:dyDescent="0.2">
      <c r="A5543" s="53">
        <f t="shared" si="1291"/>
        <v>5531</v>
      </c>
      <c r="B5543" s="239">
        <v>54.936</v>
      </c>
      <c r="C5543" s="3">
        <f t="shared" si="1292"/>
        <v>54.929000000000002</v>
      </c>
      <c r="D5543" s="239">
        <v>28.2042</v>
      </c>
      <c r="E5543" s="239">
        <v>7.8299999999999995E-2</v>
      </c>
      <c r="F5543" s="239">
        <v>0.47870000000000001</v>
      </c>
      <c r="G5543">
        <f t="shared" si="1293"/>
        <v>28.299939999999999</v>
      </c>
      <c r="H5543" s="235">
        <f t="shared" si="1294"/>
        <v>0.27667903182833603</v>
      </c>
      <c r="I5543" s="236">
        <f t="shared" si="1295"/>
        <v>19.664206775220798</v>
      </c>
      <c r="J5543" s="237">
        <f t="shared" si="1300"/>
        <v>9.6642067752207979</v>
      </c>
      <c r="K5543" s="237">
        <f t="shared" si="1296"/>
        <v>1080.1352139561031</v>
      </c>
      <c r="L5543" s="237">
        <f t="shared" si="1301"/>
        <v>530.91286340352974</v>
      </c>
      <c r="M5543" s="236">
        <f t="shared" si="1297"/>
        <v>51.269815938430185</v>
      </c>
      <c r="N5543" s="236">
        <f t="shared" si="1298"/>
        <v>0.28765819819599103</v>
      </c>
      <c r="O5543" s="236">
        <f t="shared" si="1302"/>
        <v>1.8865206809110413</v>
      </c>
      <c r="P5543" s="236" t="str">
        <f t="shared" si="1303"/>
        <v>SAND</v>
      </c>
      <c r="Q5543" s="236" t="e">
        <f t="shared" si="1299"/>
        <v>#N/A</v>
      </c>
      <c r="R5543" s="238">
        <v>35</v>
      </c>
      <c r="S5543" s="236" t="e">
        <f t="shared" si="1304"/>
        <v>#N/A</v>
      </c>
      <c r="T5543" s="236">
        <f t="shared" si="1290"/>
        <v>36.408479341313019</v>
      </c>
    </row>
    <row r="5544" spans="1:20" x14ac:dyDescent="0.2">
      <c r="A5544" s="53">
        <f t="shared" si="1291"/>
        <v>5532</v>
      </c>
      <c r="B5544" s="239">
        <v>54.945999999999998</v>
      </c>
      <c r="C5544" s="3">
        <f t="shared" si="1292"/>
        <v>54.939</v>
      </c>
      <c r="D5544" s="239">
        <v>28.224299999999999</v>
      </c>
      <c r="E5544" s="239">
        <v>7.9000000000000001E-2</v>
      </c>
      <c r="F5544" s="239">
        <v>0.48730000000000001</v>
      </c>
      <c r="G5544">
        <f t="shared" si="1293"/>
        <v>28.321760000000001</v>
      </c>
      <c r="H5544" s="235">
        <f t="shared" si="1294"/>
        <v>0.27893746716305767</v>
      </c>
      <c r="I5544" s="236">
        <f t="shared" si="1295"/>
        <v>19.674944415275156</v>
      </c>
      <c r="J5544" s="237">
        <f t="shared" si="1300"/>
        <v>9.6749444152751565</v>
      </c>
      <c r="K5544" s="237">
        <f t="shared" si="1296"/>
        <v>1080.9217712308018</v>
      </c>
      <c r="L5544" s="237">
        <f t="shared" si="1301"/>
        <v>531.59949584170874</v>
      </c>
      <c r="M5544" s="236">
        <f t="shared" si="1297"/>
        <v>51.243160390205759</v>
      </c>
      <c r="N5544" s="236">
        <f t="shared" si="1298"/>
        <v>0.29000576023599622</v>
      </c>
      <c r="O5544" s="236">
        <f t="shared" si="1302"/>
        <v>1.8880043806942355</v>
      </c>
      <c r="P5544" s="236" t="str">
        <f t="shared" si="1303"/>
        <v>SAND</v>
      </c>
      <c r="Q5544" s="236" t="e">
        <f t="shared" si="1299"/>
        <v>#N/A</v>
      </c>
      <c r="R5544" s="238">
        <v>35</v>
      </c>
      <c r="S5544" s="236" t="e">
        <f t="shared" si="1304"/>
        <v>#N/A</v>
      </c>
      <c r="T5544" s="236">
        <f t="shared" si="1290"/>
        <v>36.405994974162709</v>
      </c>
    </row>
    <row r="5545" spans="1:20" x14ac:dyDescent="0.2">
      <c r="A5545" s="53">
        <f t="shared" si="1291"/>
        <v>5533</v>
      </c>
      <c r="B5545" s="239">
        <v>54.956000000000003</v>
      </c>
      <c r="C5545" s="3">
        <f t="shared" si="1292"/>
        <v>54.949000000000005</v>
      </c>
      <c r="D5545" s="239">
        <v>25.1465</v>
      </c>
      <c r="E5545" s="239">
        <v>8.2100000000000006E-2</v>
      </c>
      <c r="F5545" s="239">
        <v>0.54849999999999999</v>
      </c>
      <c r="G5545">
        <f t="shared" si="1293"/>
        <v>25.2562</v>
      </c>
      <c r="H5545" s="235">
        <f t="shared" si="1294"/>
        <v>0.32506869600335764</v>
      </c>
      <c r="I5545" s="236">
        <f t="shared" si="1295"/>
        <v>19.675300785813629</v>
      </c>
      <c r="J5545" s="237">
        <f t="shared" si="1300"/>
        <v>9.6753007858136293</v>
      </c>
      <c r="K5545" s="237">
        <f t="shared" si="1296"/>
        <v>1081.1381028796732</v>
      </c>
      <c r="L5545" s="237">
        <f t="shared" si="1301"/>
        <v>531.71582998517385</v>
      </c>
      <c r="M5545" s="236">
        <f t="shared" si="1297"/>
        <v>45.466131594755069</v>
      </c>
      <c r="N5545" s="236">
        <f t="shared" si="1298"/>
        <v>0.33960616253801423</v>
      </c>
      <c r="O5545" s="236">
        <f t="shared" si="1302"/>
        <v>1.9617438833861631</v>
      </c>
      <c r="P5545" s="236" t="str">
        <f t="shared" si="1303"/>
        <v>SAND</v>
      </c>
      <c r="Q5545" s="236" t="e">
        <f t="shared" si="1299"/>
        <v>#N/A</v>
      </c>
      <c r="R5545" s="238">
        <v>35</v>
      </c>
      <c r="S5545" s="236" t="e">
        <f t="shared" si="1304"/>
        <v>#N/A</v>
      </c>
      <c r="T5545" s="236">
        <f t="shared" si="1290"/>
        <v>35.834568050605711</v>
      </c>
    </row>
    <row r="5546" spans="1:20" x14ac:dyDescent="0.2">
      <c r="A5546" s="53">
        <f t="shared" si="1291"/>
        <v>5534</v>
      </c>
      <c r="B5546" s="239">
        <v>54.966000000000001</v>
      </c>
      <c r="C5546" s="3">
        <f t="shared" si="1292"/>
        <v>54.959000000000003</v>
      </c>
      <c r="D5546" s="239">
        <v>28.513000000000002</v>
      </c>
      <c r="E5546" s="239">
        <v>7.5600000000000001E-2</v>
      </c>
      <c r="F5546" s="239">
        <v>0.49080000000000001</v>
      </c>
      <c r="G5546">
        <f t="shared" si="1293"/>
        <v>28.611160000000002</v>
      </c>
      <c r="H5546" s="235">
        <f t="shared" si="1294"/>
        <v>0.26423255820456071</v>
      </c>
      <c r="I5546" s="236">
        <f t="shared" si="1295"/>
        <v>19.627333821665154</v>
      </c>
      <c r="J5546" s="237">
        <f t="shared" si="1300"/>
        <v>9.6273338216651538</v>
      </c>
      <c r="K5546" s="237">
        <f t="shared" si="1296"/>
        <v>1078.6986395048953</v>
      </c>
      <c r="L5546" s="237">
        <f t="shared" si="1301"/>
        <v>529.17603084164682</v>
      </c>
      <c r="M5546" s="236">
        <f t="shared" si="1297"/>
        <v>52.028927532309289</v>
      </c>
      <c r="N5546" s="236">
        <f t="shared" si="1298"/>
        <v>0.27458496721428072</v>
      </c>
      <c r="O5546" s="236">
        <f t="shared" si="1302"/>
        <v>1.8733691874845151</v>
      </c>
      <c r="P5546" s="236" t="str">
        <f t="shared" si="1303"/>
        <v>SAND</v>
      </c>
      <c r="Q5546" s="236" t="e">
        <f t="shared" si="1299"/>
        <v>#N/A</v>
      </c>
      <c r="R5546" s="238">
        <v>35</v>
      </c>
      <c r="S5546" s="236" t="e">
        <f t="shared" si="1304"/>
        <v>#N/A</v>
      </c>
      <c r="T5546" s="236">
        <f t="shared" si="1290"/>
        <v>36.478693613059264</v>
      </c>
    </row>
    <row r="5547" spans="1:20" x14ac:dyDescent="0.2">
      <c r="A5547" s="53">
        <f t="shared" si="1291"/>
        <v>5535</v>
      </c>
      <c r="B5547" s="239">
        <v>54.975999999999999</v>
      </c>
      <c r="C5547" s="3">
        <f t="shared" si="1292"/>
        <v>54.969000000000001</v>
      </c>
      <c r="D5547" s="239">
        <v>28.478100000000001</v>
      </c>
      <c r="E5547" s="239">
        <v>7.8200000000000006E-2</v>
      </c>
      <c r="F5547" s="239">
        <v>0.4899</v>
      </c>
      <c r="G5547">
        <f t="shared" si="1293"/>
        <v>28.576080000000001</v>
      </c>
      <c r="H5547" s="235">
        <f t="shared" si="1294"/>
        <v>0.27365544889292021</v>
      </c>
      <c r="I5547" s="236">
        <f t="shared" si="1295"/>
        <v>19.666503675377168</v>
      </c>
      <c r="J5547" s="237">
        <f t="shared" si="1300"/>
        <v>9.666503675377168</v>
      </c>
      <c r="K5547" s="237">
        <f t="shared" si="1296"/>
        <v>1081.0480405318076</v>
      </c>
      <c r="L5547" s="237">
        <f t="shared" si="1301"/>
        <v>531.42570605753519</v>
      </c>
      <c r="M5547" s="236">
        <f t="shared" si="1297"/>
        <v>51.738242328253918</v>
      </c>
      <c r="N5547" s="236">
        <f t="shared" si="1298"/>
        <v>0.28441501764856481</v>
      </c>
      <c r="O5547" s="236">
        <f t="shared" si="1302"/>
        <v>1.8810660416908715</v>
      </c>
      <c r="P5547" s="236" t="str">
        <f t="shared" si="1303"/>
        <v>SAND</v>
      </c>
      <c r="Q5547" s="236" t="e">
        <f t="shared" si="1299"/>
        <v>#N/A</v>
      </c>
      <c r="R5547" s="238">
        <v>35</v>
      </c>
      <c r="S5547" s="236" t="e">
        <f t="shared" si="1304"/>
        <v>#N/A</v>
      </c>
      <c r="T5547" s="236">
        <f t="shared" si="1290"/>
        <v>36.451928376705837</v>
      </c>
    </row>
    <row r="5548" spans="1:20" x14ac:dyDescent="0.2">
      <c r="A5548" s="53">
        <f t="shared" si="1291"/>
        <v>5536</v>
      </c>
      <c r="B5548" s="239">
        <v>54.984999999999999</v>
      </c>
      <c r="C5548" s="3">
        <f t="shared" si="1292"/>
        <v>54.978000000000002</v>
      </c>
      <c r="D5548" s="239">
        <v>28.817</v>
      </c>
      <c r="E5548" s="239">
        <v>8.1500000000000003E-2</v>
      </c>
      <c r="F5548" s="239">
        <v>0.49969999999999998</v>
      </c>
      <c r="G5548">
        <f t="shared" si="1293"/>
        <v>28.91694</v>
      </c>
      <c r="H5548" s="235">
        <f t="shared" si="1294"/>
        <v>0.28184171630884874</v>
      </c>
      <c r="I5548" s="236">
        <f t="shared" si="1295"/>
        <v>19.719605698463905</v>
      </c>
      <c r="J5548" s="237">
        <f t="shared" si="1300"/>
        <v>9.719605698463905</v>
      </c>
      <c r="K5548" s="237">
        <f t="shared" si="1296"/>
        <v>1084.1444820901486</v>
      </c>
      <c r="L5548" s="237">
        <f t="shared" si="1301"/>
        <v>534.43251933003785</v>
      </c>
      <c r="M5548" s="236">
        <f t="shared" si="1297"/>
        <v>52.079157819215254</v>
      </c>
      <c r="N5548" s="236">
        <f t="shared" si="1298"/>
        <v>0.29282002933394302</v>
      </c>
      <c r="O5548" s="236">
        <f t="shared" si="1302"/>
        <v>1.8829784720093556</v>
      </c>
      <c r="P5548" s="236" t="str">
        <f t="shared" si="1303"/>
        <v>SAND</v>
      </c>
      <c r="Q5548" s="236" t="e">
        <f t="shared" si="1299"/>
        <v>#N/A</v>
      </c>
      <c r="R5548" s="238">
        <v>35</v>
      </c>
      <c r="S5548" s="236" t="e">
        <f t="shared" si="1304"/>
        <v>#N/A</v>
      </c>
      <c r="T5548" s="236">
        <f t="shared" si="1290"/>
        <v>36.483303478249169</v>
      </c>
    </row>
    <row r="5549" spans="1:20" x14ac:dyDescent="0.2">
      <c r="A5549" s="53">
        <f t="shared" si="1291"/>
        <v>5537</v>
      </c>
      <c r="B5549" s="239">
        <v>54.994</v>
      </c>
      <c r="C5549" s="3">
        <f t="shared" si="1292"/>
        <v>54.987000000000002</v>
      </c>
      <c r="D5549" s="239">
        <v>28.838699999999999</v>
      </c>
      <c r="E5549" s="239">
        <v>8.4199999999999997E-2</v>
      </c>
      <c r="F5549" s="239">
        <v>0.47549999999999998</v>
      </c>
      <c r="G5549">
        <f t="shared" si="1293"/>
        <v>28.933799999999998</v>
      </c>
      <c r="H5549" s="235">
        <f t="shared" si="1294"/>
        <v>0.2910091311891283</v>
      </c>
      <c r="I5549" s="236">
        <f t="shared" si="1295"/>
        <v>19.758050629066584</v>
      </c>
      <c r="J5549" s="237">
        <f t="shared" si="1300"/>
        <v>9.7580506290665845</v>
      </c>
      <c r="K5549" s="237">
        <f t="shared" si="1296"/>
        <v>1086.4359299404844</v>
      </c>
      <c r="L5549" s="237">
        <f t="shared" si="1301"/>
        <v>536.63423629488773</v>
      </c>
      <c r="M5549" s="236">
        <f t="shared" si="1297"/>
        <v>51.892634100886944</v>
      </c>
      <c r="N5549" s="236">
        <f t="shared" si="1298"/>
        <v>0.30236254960493308</v>
      </c>
      <c r="O5549" s="236">
        <f t="shared" si="1302"/>
        <v>1.8895484709403074</v>
      </c>
      <c r="P5549" s="236" t="str">
        <f t="shared" si="1303"/>
        <v>SAND</v>
      </c>
      <c r="Q5549" s="236" t="e">
        <f t="shared" si="1299"/>
        <v>#N/A</v>
      </c>
      <c r="R5549" s="238">
        <v>35</v>
      </c>
      <c r="S5549" s="236" t="e">
        <f t="shared" si="1304"/>
        <v>#N/A</v>
      </c>
      <c r="T5549" s="236">
        <f t="shared" si="1290"/>
        <v>36.466162879299546</v>
      </c>
    </row>
    <row r="5550" spans="1:20" x14ac:dyDescent="0.2">
      <c r="A5550" s="53">
        <f t="shared" si="1291"/>
        <v>5538</v>
      </c>
      <c r="B5550" s="239">
        <v>55.000999999999998</v>
      </c>
      <c r="C5550" s="3">
        <f t="shared" si="1292"/>
        <v>54.994</v>
      </c>
      <c r="D5550" s="239">
        <v>28.664300000000001</v>
      </c>
      <c r="E5550" s="239">
        <v>8.6699999999999999E-2</v>
      </c>
      <c r="F5550" s="239">
        <v>0.51500000000000001</v>
      </c>
      <c r="G5550">
        <f t="shared" si="1293"/>
        <v>28.767300000000002</v>
      </c>
      <c r="H5550" s="235">
        <f t="shared" si="1294"/>
        <v>0.30138386292769914</v>
      </c>
      <c r="I5550" s="236">
        <f t="shared" si="1295"/>
        <v>19.790103809741058</v>
      </c>
      <c r="J5550" s="237">
        <f t="shared" si="1300"/>
        <v>9.7901038097410584</v>
      </c>
      <c r="K5550" s="237">
        <f t="shared" si="1296"/>
        <v>1088.3369689128997</v>
      </c>
      <c r="L5550" s="237">
        <f t="shared" si="1301"/>
        <v>538.46549963956795</v>
      </c>
      <c r="M5550" s="236">
        <f t="shared" si="1297"/>
        <v>51.40341033847951</v>
      </c>
      <c r="N5550" s="236">
        <f t="shared" si="1298"/>
        <v>0.31323427796996778</v>
      </c>
      <c r="O5550" s="236">
        <f t="shared" si="1302"/>
        <v>1.8990993150262592</v>
      </c>
      <c r="P5550" s="236" t="str">
        <f t="shared" si="1303"/>
        <v>SAND</v>
      </c>
      <c r="Q5550" s="236" t="e">
        <f t="shared" si="1299"/>
        <v>#N/A</v>
      </c>
      <c r="R5550" s="238">
        <v>35</v>
      </c>
      <c r="S5550" s="236" t="e">
        <f t="shared" si="1304"/>
        <v>#N/A</v>
      </c>
      <c r="T5550" s="236">
        <f t="shared" si="1290"/>
        <v>36.420911263472519</v>
      </c>
    </row>
    <row r="5551" spans="1:20" x14ac:dyDescent="0.2">
      <c r="A5551" s="53">
        <f t="shared" si="1291"/>
        <v>5539</v>
      </c>
      <c r="B5551" s="239">
        <v>55.009</v>
      </c>
      <c r="C5551" s="3">
        <f t="shared" si="1292"/>
        <v>55.002000000000002</v>
      </c>
      <c r="D5551" s="239">
        <v>28.5441</v>
      </c>
      <c r="E5551" s="239">
        <v>8.5999999999999993E-2</v>
      </c>
      <c r="F5551" s="239">
        <v>0.51029999999999998</v>
      </c>
      <c r="G5551">
        <f t="shared" si="1293"/>
        <v>28.646160000000002</v>
      </c>
      <c r="H5551" s="235">
        <f t="shared" si="1294"/>
        <v>0.3002147582782474</v>
      </c>
      <c r="I5551" s="236">
        <f t="shared" si="1295"/>
        <v>19.778948644709043</v>
      </c>
      <c r="J5551" s="237">
        <f t="shared" si="1300"/>
        <v>9.7789486447090432</v>
      </c>
      <c r="K5551" s="237">
        <f t="shared" si="1296"/>
        <v>1087.8817333562868</v>
      </c>
      <c r="L5551" s="237">
        <f t="shared" si="1301"/>
        <v>537.93018599679976</v>
      </c>
      <c r="M5551" s="236">
        <f t="shared" si="1297"/>
        <v>51.230213481285588</v>
      </c>
      <c r="N5551" s="236">
        <f t="shared" si="1298"/>
        <v>0.31206593956231876</v>
      </c>
      <c r="O5551" s="236">
        <f t="shared" si="1302"/>
        <v>1.8998463092642992</v>
      </c>
      <c r="P5551" s="236" t="str">
        <f t="shared" si="1303"/>
        <v>SAND</v>
      </c>
      <c r="Q5551" s="236" t="e">
        <f t="shared" si="1299"/>
        <v>#N/A</v>
      </c>
      <c r="R5551" s="238">
        <v>35</v>
      </c>
      <c r="S5551" s="236" t="e">
        <f t="shared" si="1304"/>
        <v>#N/A</v>
      </c>
      <c r="T5551" s="236">
        <f t="shared" si="1290"/>
        <v>36.404787821902346</v>
      </c>
    </row>
    <row r="5552" spans="1:20" x14ac:dyDescent="0.2">
      <c r="A5552" s="53">
        <f t="shared" si="1291"/>
        <v>5540</v>
      </c>
      <c r="B5552" s="239">
        <v>55.018000000000001</v>
      </c>
      <c r="C5552" s="3">
        <f t="shared" si="1292"/>
        <v>55.011000000000003</v>
      </c>
      <c r="D5552" s="239">
        <v>28.219899999999999</v>
      </c>
      <c r="E5552" s="239">
        <v>8.6900000000000005E-2</v>
      </c>
      <c r="F5552" s="239">
        <v>0.49459999999999998</v>
      </c>
      <c r="G5552">
        <f t="shared" si="1293"/>
        <v>28.318819999999999</v>
      </c>
      <c r="H5552" s="235">
        <f t="shared" si="1294"/>
        <v>0.30686306844706102</v>
      </c>
      <c r="I5552" s="236">
        <f t="shared" si="1295"/>
        <v>19.786664088527473</v>
      </c>
      <c r="J5552" s="237">
        <f t="shared" si="1300"/>
        <v>9.7866640885274734</v>
      </c>
      <c r="K5552" s="237">
        <f t="shared" si="1296"/>
        <v>1088.4841781739849</v>
      </c>
      <c r="L5552" s="237">
        <f t="shared" si="1301"/>
        <v>538.44268482260452</v>
      </c>
      <c r="M5552" s="236">
        <f t="shared" si="1297"/>
        <v>50.572394405910316</v>
      </c>
      <c r="N5552" s="236">
        <f t="shared" si="1298"/>
        <v>0.31912937309552675</v>
      </c>
      <c r="O5552" s="236">
        <f t="shared" si="1302"/>
        <v>1.9087140606228477</v>
      </c>
      <c r="P5552" s="236" t="str">
        <f t="shared" si="1303"/>
        <v>SAND</v>
      </c>
      <c r="Q5552" s="236" t="e">
        <f t="shared" si="1299"/>
        <v>#N/A</v>
      </c>
      <c r="R5552" s="238">
        <v>35</v>
      </c>
      <c r="S5552" s="236" t="e">
        <f t="shared" si="1304"/>
        <v>#N/A</v>
      </c>
      <c r="T5552" s="236">
        <f t="shared" si="1290"/>
        <v>36.343048678987557</v>
      </c>
    </row>
    <row r="5553" spans="1:20" x14ac:dyDescent="0.2">
      <c r="A5553" s="53">
        <f t="shared" si="1291"/>
        <v>5541</v>
      </c>
      <c r="B5553" s="239">
        <v>55.027999999999999</v>
      </c>
      <c r="C5553" s="3">
        <f t="shared" si="1292"/>
        <v>55.021000000000001</v>
      </c>
      <c r="D5553" s="239">
        <v>28.010999999999999</v>
      </c>
      <c r="E5553" s="239">
        <v>8.6400000000000005E-2</v>
      </c>
      <c r="F5553" s="239">
        <v>0.48420000000000002</v>
      </c>
      <c r="G5553">
        <f t="shared" si="1293"/>
        <v>28.107839999999999</v>
      </c>
      <c r="H5553" s="235">
        <f t="shared" si="1294"/>
        <v>0.30738754738891355</v>
      </c>
      <c r="I5553" s="236">
        <f t="shared" si="1295"/>
        <v>19.776974884515234</v>
      </c>
      <c r="J5553" s="237">
        <f t="shared" si="1300"/>
        <v>9.7769748845152336</v>
      </c>
      <c r="K5553" s="237">
        <f t="shared" si="1296"/>
        <v>1088.1489351209127</v>
      </c>
      <c r="L5553" s="237">
        <f t="shared" si="1301"/>
        <v>538.00737394510429</v>
      </c>
      <c r="M5553" s="236">
        <f t="shared" si="1297"/>
        <v>50.221785747561235</v>
      </c>
      <c r="N5553" s="236">
        <f t="shared" si="1298"/>
        <v>0.319766794492721</v>
      </c>
      <c r="O5553" s="236">
        <f t="shared" si="1302"/>
        <v>1.9118383786744659</v>
      </c>
      <c r="P5553" s="236" t="str">
        <f t="shared" si="1303"/>
        <v>SAND</v>
      </c>
      <c r="Q5553" s="236" t="e">
        <f t="shared" si="1299"/>
        <v>#N/A</v>
      </c>
      <c r="R5553" s="238">
        <v>35</v>
      </c>
      <c r="S5553" s="236" t="e">
        <f t="shared" si="1304"/>
        <v>#N/A</v>
      </c>
      <c r="T5553" s="236">
        <f t="shared" si="1290"/>
        <v>36.309813660560138</v>
      </c>
    </row>
    <row r="5554" spans="1:20" x14ac:dyDescent="0.2">
      <c r="A5554" s="53">
        <f t="shared" si="1291"/>
        <v>5542</v>
      </c>
      <c r="B5554" s="239">
        <v>55.037999999999997</v>
      </c>
      <c r="C5554" s="3">
        <f t="shared" si="1292"/>
        <v>55.030999999999999</v>
      </c>
      <c r="D5554" s="239">
        <v>27.618300000000001</v>
      </c>
      <c r="E5554" s="239">
        <v>8.3099999999999993E-2</v>
      </c>
      <c r="F5554" s="239">
        <v>0.50729999999999997</v>
      </c>
      <c r="G5554">
        <f t="shared" si="1293"/>
        <v>27.719760000000001</v>
      </c>
      <c r="H5554" s="235">
        <f t="shared" si="1294"/>
        <v>0.29978614533459158</v>
      </c>
      <c r="I5554" s="236">
        <f t="shared" si="1295"/>
        <v>19.725876337817883</v>
      </c>
      <c r="J5554" s="237">
        <f t="shared" si="1300"/>
        <v>9.7258763378178834</v>
      </c>
      <c r="K5554" s="237">
        <f t="shared" si="1296"/>
        <v>1085.5347007464559</v>
      </c>
      <c r="L5554" s="237">
        <f t="shared" si="1301"/>
        <v>535.2927818808206</v>
      </c>
      <c r="M5554" s="236">
        <f t="shared" si="1297"/>
        <v>49.756369225960313</v>
      </c>
      <c r="N5554" s="236">
        <f t="shared" si="1298"/>
        <v>0.3120045695578349</v>
      </c>
      <c r="O5554" s="236">
        <f t="shared" si="1302"/>
        <v>1.9115678031317771</v>
      </c>
      <c r="P5554" s="236" t="str">
        <f t="shared" si="1303"/>
        <v>SAND</v>
      </c>
      <c r="Q5554" s="236" t="e">
        <f t="shared" si="1299"/>
        <v>#N/A</v>
      </c>
      <c r="R5554" s="238">
        <v>35</v>
      </c>
      <c r="S5554" s="236" t="e">
        <f t="shared" si="1304"/>
        <v>#N/A</v>
      </c>
      <c r="T5554" s="236">
        <f t="shared" si="1290"/>
        <v>36.265335501105568</v>
      </c>
    </row>
    <row r="5555" spans="1:20" x14ac:dyDescent="0.2">
      <c r="A5555" s="53">
        <f t="shared" si="1291"/>
        <v>5543</v>
      </c>
      <c r="B5555" s="239">
        <v>55.046999999999997</v>
      </c>
      <c r="C5555" s="3">
        <f t="shared" si="1292"/>
        <v>55.04</v>
      </c>
      <c r="D5555" s="239">
        <v>27.1663</v>
      </c>
      <c r="E5555" s="239">
        <v>8.1000000000000003E-2</v>
      </c>
      <c r="F5555" s="239">
        <v>0.51039999999999996</v>
      </c>
      <c r="G5555">
        <f t="shared" si="1293"/>
        <v>27.268380000000001</v>
      </c>
      <c r="H5555" s="235">
        <f t="shared" si="1294"/>
        <v>0.297047349347486</v>
      </c>
      <c r="I5555" s="236">
        <f t="shared" si="1295"/>
        <v>19.689446009107613</v>
      </c>
      <c r="J5555" s="237">
        <f t="shared" si="1300"/>
        <v>9.6894460091076127</v>
      </c>
      <c r="K5555" s="237">
        <f t="shared" si="1296"/>
        <v>1083.7071083412829</v>
      </c>
      <c r="L5555" s="237">
        <f t="shared" si="1301"/>
        <v>533.37493446334668</v>
      </c>
      <c r="M5555" s="236">
        <f t="shared" si="1297"/>
        <v>49.092432358120341</v>
      </c>
      <c r="N5555" s="236">
        <f t="shared" si="1298"/>
        <v>0.309341271266379</v>
      </c>
      <c r="O5555" s="236">
        <f t="shared" si="1302"/>
        <v>1.9155968237807646</v>
      </c>
      <c r="P5555" s="236" t="str">
        <f t="shared" si="1303"/>
        <v>SAND</v>
      </c>
      <c r="Q5555" s="236" t="e">
        <f t="shared" si="1299"/>
        <v>#N/A</v>
      </c>
      <c r="R5555" s="238">
        <v>35</v>
      </c>
      <c r="S5555" s="236" t="e">
        <f t="shared" si="1304"/>
        <v>#N/A</v>
      </c>
      <c r="T5555" s="236">
        <f t="shared" si="1290"/>
        <v>36.201160054441765</v>
      </c>
    </row>
    <row r="5556" spans="1:20" x14ac:dyDescent="0.2">
      <c r="A5556" s="53">
        <f t="shared" si="1291"/>
        <v>5544</v>
      </c>
      <c r="B5556" s="239">
        <v>55.055999999999997</v>
      </c>
      <c r="C5556" s="3">
        <f t="shared" si="1292"/>
        <v>55.048999999999999</v>
      </c>
      <c r="D5556" s="239">
        <v>26.595199999999998</v>
      </c>
      <c r="E5556" s="239">
        <v>8.2000000000000003E-2</v>
      </c>
      <c r="F5556" s="239">
        <v>0.50580000000000003</v>
      </c>
      <c r="G5556">
        <f t="shared" si="1293"/>
        <v>26.696359999999999</v>
      </c>
      <c r="H5556" s="235">
        <f t="shared" si="1294"/>
        <v>0.30715797958972685</v>
      </c>
      <c r="I5556" s="236">
        <f t="shared" si="1295"/>
        <v>19.69554730094503</v>
      </c>
      <c r="J5556" s="237">
        <f t="shared" si="1300"/>
        <v>9.6955473009450301</v>
      </c>
      <c r="K5556" s="237">
        <f t="shared" si="1296"/>
        <v>1084.2201833697229</v>
      </c>
      <c r="L5556" s="237">
        <f t="shared" si="1301"/>
        <v>533.7980522008296</v>
      </c>
      <c r="M5556" s="236">
        <f t="shared" si="1297"/>
        <v>47.980954053751923</v>
      </c>
      <c r="N5556" s="236">
        <f t="shared" si="1298"/>
        <v>0.32016067609765425</v>
      </c>
      <c r="O5556" s="236">
        <f t="shared" si="1302"/>
        <v>1.9303971802353863</v>
      </c>
      <c r="P5556" s="236" t="str">
        <f t="shared" si="1303"/>
        <v>SAND</v>
      </c>
      <c r="Q5556" s="236" t="e">
        <f t="shared" si="1299"/>
        <v>#N/A</v>
      </c>
      <c r="R5556" s="238">
        <v>35</v>
      </c>
      <c r="S5556" s="236" t="e">
        <f t="shared" si="1304"/>
        <v>#N/A</v>
      </c>
      <c r="T5556" s="236">
        <f t="shared" si="1290"/>
        <v>36.091757671566555</v>
      </c>
    </row>
    <row r="5557" spans="1:20" x14ac:dyDescent="0.2">
      <c r="A5557" s="53">
        <f t="shared" si="1291"/>
        <v>5545</v>
      </c>
      <c r="B5557" s="239">
        <v>55.066000000000003</v>
      </c>
      <c r="C5557" s="3">
        <f t="shared" si="1292"/>
        <v>55.059000000000005</v>
      </c>
      <c r="D5557" s="239">
        <v>26.053699999999999</v>
      </c>
      <c r="E5557" s="239">
        <v>8.6099999999999996E-2</v>
      </c>
      <c r="F5557" s="239">
        <v>0.51570000000000005</v>
      </c>
      <c r="G5557">
        <f t="shared" si="1293"/>
        <v>26.156839999999999</v>
      </c>
      <c r="H5557" s="235">
        <f t="shared" si="1294"/>
        <v>0.32916820227519838</v>
      </c>
      <c r="I5557" s="236">
        <f t="shared" si="1295"/>
        <v>19.744778311558903</v>
      </c>
      <c r="J5557" s="237">
        <f t="shared" si="1300"/>
        <v>9.7447783115589033</v>
      </c>
      <c r="K5557" s="237">
        <f t="shared" si="1296"/>
        <v>1087.1277490561217</v>
      </c>
      <c r="L5557" s="237">
        <f t="shared" si="1301"/>
        <v>536.60596250430262</v>
      </c>
      <c r="M5557" s="236">
        <f t="shared" si="1297"/>
        <v>46.719034082188124</v>
      </c>
      <c r="N5557" s="236">
        <f t="shared" si="1298"/>
        <v>0.34344231452739676</v>
      </c>
      <c r="O5557" s="236">
        <f t="shared" si="1302"/>
        <v>1.9527256202783896</v>
      </c>
      <c r="P5557" s="236" t="str">
        <f t="shared" si="1303"/>
        <v>SAND</v>
      </c>
      <c r="Q5557" s="236" t="e">
        <f t="shared" si="1299"/>
        <v>#N/A</v>
      </c>
      <c r="R5557" s="238">
        <v>35</v>
      </c>
      <c r="S5557" s="236" t="e">
        <f t="shared" si="1304"/>
        <v>#N/A</v>
      </c>
      <c r="T5557" s="236">
        <f t="shared" si="1290"/>
        <v>35.964432406564008</v>
      </c>
    </row>
    <row r="5558" spans="1:20" x14ac:dyDescent="0.2">
      <c r="A5558" s="53">
        <f t="shared" si="1291"/>
        <v>5546</v>
      </c>
      <c r="B5558" s="239">
        <v>55.075000000000003</v>
      </c>
      <c r="C5558" s="3">
        <f t="shared" si="1292"/>
        <v>55.068000000000005</v>
      </c>
      <c r="D5558" s="239">
        <v>25.779499999999999</v>
      </c>
      <c r="E5558" s="239">
        <v>8.9599999999999999E-2</v>
      </c>
      <c r="F5558" s="239">
        <v>0.48330000000000001</v>
      </c>
      <c r="G5558">
        <f t="shared" si="1293"/>
        <v>25.876159999999999</v>
      </c>
      <c r="H5558" s="235">
        <f t="shared" si="1294"/>
        <v>0.34626466987373705</v>
      </c>
      <c r="I5558" s="236">
        <f t="shared" si="1295"/>
        <v>19.787284525534158</v>
      </c>
      <c r="J5558" s="237">
        <f t="shared" si="1300"/>
        <v>9.7872845255341581</v>
      </c>
      <c r="K5558" s="237">
        <f t="shared" si="1296"/>
        <v>1089.6461842521151</v>
      </c>
      <c r="L5558" s="237">
        <f t="shared" si="1301"/>
        <v>539.03469524379375</v>
      </c>
      <c r="M5558" s="236">
        <f t="shared" si="1297"/>
        <v>45.983151055865669</v>
      </c>
      <c r="N5558" s="236">
        <f t="shared" si="1298"/>
        <v>0.36148689834337838</v>
      </c>
      <c r="O5558" s="236">
        <f t="shared" si="1302"/>
        <v>1.9677721896067455</v>
      </c>
      <c r="P5558" s="236" t="str">
        <f t="shared" si="1303"/>
        <v>SAND</v>
      </c>
      <c r="Q5558" s="236" t="e">
        <f t="shared" si="1299"/>
        <v>#N/A</v>
      </c>
      <c r="R5558" s="238">
        <v>35</v>
      </c>
      <c r="S5558" s="236" t="e">
        <f t="shared" si="1304"/>
        <v>#N/A</v>
      </c>
      <c r="T5558" s="236">
        <f t="shared" si="1290"/>
        <v>35.88858601408522</v>
      </c>
    </row>
    <row r="5559" spans="1:20" x14ac:dyDescent="0.2">
      <c r="A5559" s="53">
        <f t="shared" si="1291"/>
        <v>5547</v>
      </c>
      <c r="B5559" s="239">
        <v>55.085999999999999</v>
      </c>
      <c r="C5559" s="3">
        <f t="shared" si="1292"/>
        <v>55.079000000000001</v>
      </c>
      <c r="D5559" s="239">
        <v>25.307500000000001</v>
      </c>
      <c r="E5559" s="239">
        <v>9.0300000000000005E-2</v>
      </c>
      <c r="F5559" s="239">
        <v>0.51219999999999999</v>
      </c>
      <c r="G5559">
        <f t="shared" si="1293"/>
        <v>25.409940000000002</v>
      </c>
      <c r="H5559" s="235">
        <f t="shared" si="1294"/>
        <v>0.35537273995924429</v>
      </c>
      <c r="I5559" s="236">
        <f t="shared" si="1295"/>
        <v>19.789303255833325</v>
      </c>
      <c r="J5559" s="237">
        <f t="shared" si="1300"/>
        <v>9.7893032558333246</v>
      </c>
      <c r="K5559" s="237">
        <f t="shared" si="1296"/>
        <v>1089.9750340280436</v>
      </c>
      <c r="L5559" s="237">
        <f t="shared" si="1301"/>
        <v>539.25355915083446</v>
      </c>
      <c r="M5559" s="236">
        <f t="shared" si="1297"/>
        <v>45.099312843236007</v>
      </c>
      <c r="N5559" s="236">
        <f t="shared" si="1298"/>
        <v>0.37129987697904204</v>
      </c>
      <c r="O5559" s="236">
        <f t="shared" si="1302"/>
        <v>1.9801273015127139</v>
      </c>
      <c r="P5559" s="236" t="str">
        <f t="shared" si="1303"/>
        <v>SAND</v>
      </c>
      <c r="Q5559" s="236" t="e">
        <f t="shared" si="1299"/>
        <v>#N/A</v>
      </c>
      <c r="R5559" s="238">
        <v>35</v>
      </c>
      <c r="S5559" s="236" t="e">
        <f t="shared" si="1304"/>
        <v>#N/A</v>
      </c>
      <c r="T5559" s="236">
        <f t="shared" si="1290"/>
        <v>35.795869172690665</v>
      </c>
    </row>
    <row r="5560" spans="1:20" x14ac:dyDescent="0.2">
      <c r="A5560" s="53">
        <f t="shared" si="1291"/>
        <v>5548</v>
      </c>
      <c r="B5560" s="239">
        <v>55.094999999999999</v>
      </c>
      <c r="C5560" s="3">
        <f t="shared" si="1292"/>
        <v>55.088000000000001</v>
      </c>
      <c r="D5560" s="239">
        <v>24.897300000000001</v>
      </c>
      <c r="E5560" s="239">
        <v>8.9899999999999994E-2</v>
      </c>
      <c r="F5560" s="239">
        <v>0.50590000000000002</v>
      </c>
      <c r="G5560">
        <f t="shared" si="1293"/>
        <v>24.998480000000001</v>
      </c>
      <c r="H5560" s="235">
        <f t="shared" si="1294"/>
        <v>0.35962186500939253</v>
      </c>
      <c r="I5560" s="236">
        <f t="shared" si="1295"/>
        <v>19.777716464550515</v>
      </c>
      <c r="J5560" s="237">
        <f t="shared" si="1300"/>
        <v>9.7777164645505152</v>
      </c>
      <c r="K5560" s="237">
        <f t="shared" si="1296"/>
        <v>1089.5148445991588</v>
      </c>
      <c r="L5560" s="237">
        <f t="shared" si="1301"/>
        <v>538.70328861441067</v>
      </c>
      <c r="M5560" s="236">
        <f t="shared" si="1297"/>
        <v>44.382437717981404</v>
      </c>
      <c r="N5560" s="236">
        <f t="shared" si="1298"/>
        <v>0.37600958224531233</v>
      </c>
      <c r="O5560" s="236">
        <f t="shared" si="1302"/>
        <v>1.9886931623511943</v>
      </c>
      <c r="P5560" s="236" t="str">
        <f t="shared" si="1303"/>
        <v>SAND</v>
      </c>
      <c r="Q5560" s="236" t="e">
        <f t="shared" si="1299"/>
        <v>#N/A</v>
      </c>
      <c r="R5560" s="238">
        <v>35</v>
      </c>
      <c r="S5560" s="236" t="e">
        <f t="shared" si="1304"/>
        <v>#N/A</v>
      </c>
      <c r="T5560" s="236">
        <f t="shared" si="1290"/>
        <v>35.719322675285845</v>
      </c>
    </row>
    <row r="5561" spans="1:20" x14ac:dyDescent="0.2">
      <c r="A5561" s="53">
        <f t="shared" si="1291"/>
        <v>5549</v>
      </c>
      <c r="B5561" s="239">
        <v>55.104999999999997</v>
      </c>
      <c r="C5561" s="3">
        <f t="shared" si="1292"/>
        <v>55.097999999999999</v>
      </c>
      <c r="D5561" s="239">
        <v>24.7407</v>
      </c>
      <c r="E5561" s="239">
        <v>8.2900000000000001E-2</v>
      </c>
      <c r="F5561" s="239">
        <v>0.50339999999999996</v>
      </c>
      <c r="G5561">
        <f t="shared" si="1293"/>
        <v>24.841380000000001</v>
      </c>
      <c r="H5561" s="235">
        <f t="shared" si="1294"/>
        <v>0.33371736996897922</v>
      </c>
      <c r="I5561" s="236">
        <f t="shared" si="1295"/>
        <v>19.680198433343246</v>
      </c>
      <c r="J5561" s="237">
        <f t="shared" si="1300"/>
        <v>9.6801984333432465</v>
      </c>
      <c r="K5561" s="237">
        <f t="shared" si="1296"/>
        <v>1084.3395732803463</v>
      </c>
      <c r="L5561" s="237">
        <f t="shared" si="1301"/>
        <v>533.42733466937955</v>
      </c>
      <c r="M5561" s="236">
        <f t="shared" si="1297"/>
        <v>44.53660111258521</v>
      </c>
      <c r="N5561" s="236">
        <f t="shared" si="1298"/>
        <v>0.34894918942328351</v>
      </c>
      <c r="O5561" s="236">
        <f t="shared" si="1302"/>
        <v>1.9745575897761214</v>
      </c>
      <c r="P5561" s="236" t="str">
        <f t="shared" si="1303"/>
        <v>SAND</v>
      </c>
      <c r="Q5561" s="236" t="e">
        <f t="shared" si="1299"/>
        <v>#N/A</v>
      </c>
      <c r="R5561" s="238">
        <v>35</v>
      </c>
      <c r="S5561" s="236" t="e">
        <f t="shared" si="1304"/>
        <v>#N/A</v>
      </c>
      <c r="T5561" s="236">
        <f t="shared" si="1290"/>
        <v>35.735887770344803</v>
      </c>
    </row>
    <row r="5562" spans="1:20" x14ac:dyDescent="0.2">
      <c r="A5562" s="53">
        <f t="shared" si="1291"/>
        <v>5550</v>
      </c>
      <c r="B5562" s="239">
        <v>55.115000000000002</v>
      </c>
      <c r="C5562" s="3">
        <f t="shared" si="1292"/>
        <v>55.108000000000004</v>
      </c>
      <c r="D5562" s="239">
        <v>24.494299999999999</v>
      </c>
      <c r="E5562" s="239">
        <v>8.14E-2</v>
      </c>
      <c r="F5562" s="239">
        <v>0.50390000000000001</v>
      </c>
      <c r="G5562">
        <f t="shared" si="1293"/>
        <v>24.595079999999999</v>
      </c>
      <c r="H5562" s="235">
        <f t="shared" si="1294"/>
        <v>0.33096050104329811</v>
      </c>
      <c r="I5562" s="236">
        <f t="shared" si="1295"/>
        <v>19.654892363151287</v>
      </c>
      <c r="J5562" s="237">
        <f t="shared" si="1300"/>
        <v>9.6548923631512871</v>
      </c>
      <c r="K5562" s="237">
        <f t="shared" si="1296"/>
        <v>1083.1418083485412</v>
      </c>
      <c r="L5562" s="237">
        <f t="shared" si="1301"/>
        <v>532.12939259508323</v>
      </c>
      <c r="M5562" s="236">
        <f t="shared" si="1297"/>
        <v>44.18462599291626</v>
      </c>
      <c r="N5562" s="236">
        <f t="shared" si="1298"/>
        <v>0.34620710269178595</v>
      </c>
      <c r="O5562" s="236">
        <f t="shared" si="1302"/>
        <v>1.9764175610231245</v>
      </c>
      <c r="P5562" s="236" t="str">
        <f t="shared" si="1303"/>
        <v>SAND</v>
      </c>
      <c r="Q5562" s="236" t="e">
        <f t="shared" si="1299"/>
        <v>#N/A</v>
      </c>
      <c r="R5562" s="238">
        <v>35</v>
      </c>
      <c r="S5562" s="236" t="e">
        <f t="shared" si="1304"/>
        <v>#N/A</v>
      </c>
      <c r="T5562" s="236">
        <f t="shared" si="1290"/>
        <v>35.697983015170522</v>
      </c>
    </row>
    <row r="5563" spans="1:20" x14ac:dyDescent="0.2">
      <c r="A5563" s="53">
        <f t="shared" si="1291"/>
        <v>5551</v>
      </c>
      <c r="B5563" s="239">
        <v>55.125</v>
      </c>
      <c r="C5563" s="3">
        <f t="shared" si="1292"/>
        <v>55.118000000000002</v>
      </c>
      <c r="D5563" s="239">
        <v>24.005500000000001</v>
      </c>
      <c r="E5563" s="239">
        <v>8.1900000000000001E-2</v>
      </c>
      <c r="F5563" s="239">
        <v>0.50700000000000001</v>
      </c>
      <c r="G5563">
        <f t="shared" si="1293"/>
        <v>24.106900000000003</v>
      </c>
      <c r="H5563" s="235">
        <f t="shared" si="1294"/>
        <v>0.33973675586657759</v>
      </c>
      <c r="I5563" s="236">
        <f t="shared" si="1295"/>
        <v>19.654236818852404</v>
      </c>
      <c r="J5563" s="237">
        <f t="shared" si="1300"/>
        <v>9.6542368188524037</v>
      </c>
      <c r="K5563" s="237">
        <f t="shared" si="1296"/>
        <v>1083.3022249815069</v>
      </c>
      <c r="L5563" s="237">
        <f t="shared" si="1301"/>
        <v>532.18980463923879</v>
      </c>
      <c r="M5563" s="236">
        <f t="shared" si="1297"/>
        <v>43.26200459744949</v>
      </c>
      <c r="N5563" s="236">
        <f t="shared" si="1298"/>
        <v>0.35572198924038151</v>
      </c>
      <c r="O5563" s="236">
        <f t="shared" si="1302"/>
        <v>1.9894161428995754</v>
      </c>
      <c r="P5563" s="236" t="str">
        <f t="shared" si="1303"/>
        <v>SAND</v>
      </c>
      <c r="Q5563" s="236" t="e">
        <f t="shared" si="1299"/>
        <v>#N/A</v>
      </c>
      <c r="R5563" s="238">
        <v>35</v>
      </c>
      <c r="S5563" s="236" t="e">
        <f t="shared" si="1304"/>
        <v>#N/A</v>
      </c>
      <c r="T5563" s="236">
        <f t="shared" si="1290"/>
        <v>35.597173030439095</v>
      </c>
    </row>
    <row r="5564" spans="1:20" x14ac:dyDescent="0.2">
      <c r="A5564" s="53">
        <f t="shared" si="1291"/>
        <v>5552</v>
      </c>
      <c r="B5564" s="239">
        <v>55.134</v>
      </c>
      <c r="C5564" s="3">
        <f t="shared" si="1292"/>
        <v>55.127000000000002</v>
      </c>
      <c r="D5564" s="239">
        <v>23.835000000000001</v>
      </c>
      <c r="E5564" s="239">
        <v>8.9700000000000002E-2</v>
      </c>
      <c r="F5564" s="239">
        <v>0.49769999999999998</v>
      </c>
      <c r="G5564">
        <f t="shared" si="1293"/>
        <v>23.934540000000002</v>
      </c>
      <c r="H5564" s="235">
        <f t="shared" si="1294"/>
        <v>0.37477219115136534</v>
      </c>
      <c r="I5564" s="236">
        <f t="shared" si="1295"/>
        <v>19.758105227240911</v>
      </c>
      <c r="J5564" s="237">
        <f t="shared" si="1300"/>
        <v>9.758105227240911</v>
      </c>
      <c r="K5564" s="237">
        <f t="shared" si="1296"/>
        <v>1089.2050668621098</v>
      </c>
      <c r="L5564" s="237">
        <f t="shared" si="1301"/>
        <v>538.00337359870036</v>
      </c>
      <c r="M5564" s="236">
        <f t="shared" si="1297"/>
        <v>42.463181560230048</v>
      </c>
      <c r="N5564" s="236">
        <f t="shared" si="1298"/>
        <v>0.39264033669249149</v>
      </c>
      <c r="O5564" s="236">
        <f t="shared" si="1302"/>
        <v>2.0138285816968775</v>
      </c>
      <c r="P5564" s="236" t="str">
        <f t="shared" si="1303"/>
        <v>SAND</v>
      </c>
      <c r="Q5564" s="236" t="e">
        <f t="shared" si="1299"/>
        <v>#N/A</v>
      </c>
      <c r="R5564" s="238">
        <v>35</v>
      </c>
      <c r="S5564" s="236" t="e">
        <f t="shared" si="1304"/>
        <v>#N/A</v>
      </c>
      <c r="T5564" s="236">
        <f t="shared" si="1290"/>
        <v>35.50813783690883</v>
      </c>
    </row>
    <row r="5565" spans="1:20" x14ac:dyDescent="0.2">
      <c r="A5565" s="53">
        <f t="shared" si="1291"/>
        <v>5553</v>
      </c>
      <c r="B5565" s="239">
        <v>55.145000000000003</v>
      </c>
      <c r="C5565" s="3">
        <f t="shared" si="1292"/>
        <v>55.138000000000005</v>
      </c>
      <c r="D5565" s="239">
        <v>23.6694</v>
      </c>
      <c r="E5565" s="239">
        <v>8.8400000000000006E-2</v>
      </c>
      <c r="F5565" s="239">
        <v>0.49840000000000001</v>
      </c>
      <c r="G5565">
        <f t="shared" si="1293"/>
        <v>23.769079999999999</v>
      </c>
      <c r="H5565" s="235">
        <f t="shared" si="1294"/>
        <v>0.37191174416510864</v>
      </c>
      <c r="I5565" s="236">
        <f t="shared" si="1295"/>
        <v>19.738275305042766</v>
      </c>
      <c r="J5565" s="237">
        <f t="shared" si="1300"/>
        <v>9.738275305042766</v>
      </c>
      <c r="K5565" s="237">
        <f t="shared" si="1296"/>
        <v>1088.3290237694482</v>
      </c>
      <c r="L5565" s="237">
        <f t="shared" si="1301"/>
        <v>537.01719169658338</v>
      </c>
      <c r="M5565" s="236">
        <f t="shared" si="1297"/>
        <v>42.234683222292915</v>
      </c>
      <c r="N5565" s="236">
        <f t="shared" si="1298"/>
        <v>0.38975781751073102</v>
      </c>
      <c r="O5565" s="236">
        <f t="shared" si="1302"/>
        <v>2.0146821615638375</v>
      </c>
      <c r="P5565" s="236" t="str">
        <f t="shared" si="1303"/>
        <v>SAND</v>
      </c>
      <c r="Q5565" s="236" t="e">
        <f t="shared" si="1299"/>
        <v>#N/A</v>
      </c>
      <c r="R5565" s="238">
        <v>35</v>
      </c>
      <c r="S5565" s="236" t="e">
        <f t="shared" si="1304"/>
        <v>#N/A</v>
      </c>
      <c r="T5565" s="236">
        <f t="shared" si="1290"/>
        <v>35.482361652556087</v>
      </c>
    </row>
    <row r="5566" spans="1:20" x14ac:dyDescent="0.2">
      <c r="A5566" s="53">
        <f t="shared" si="1291"/>
        <v>5554</v>
      </c>
      <c r="B5566" s="239">
        <v>55.155000000000001</v>
      </c>
      <c r="C5566" s="3">
        <f t="shared" si="1292"/>
        <v>55.148000000000003</v>
      </c>
      <c r="D5566" s="239">
        <v>23.3521</v>
      </c>
      <c r="E5566" s="239">
        <v>8.7099999999999997E-2</v>
      </c>
      <c r="F5566" s="239">
        <v>0.50280000000000002</v>
      </c>
      <c r="G5566">
        <f t="shared" si="1293"/>
        <v>23.452660000000002</v>
      </c>
      <c r="H5566" s="235">
        <f t="shared" si="1294"/>
        <v>0.37138644401104176</v>
      </c>
      <c r="I5566" s="236">
        <f t="shared" si="1295"/>
        <v>19.715664969663923</v>
      </c>
      <c r="J5566" s="237">
        <f t="shared" si="1300"/>
        <v>9.7156649696639228</v>
      </c>
      <c r="K5566" s="237">
        <f t="shared" si="1296"/>
        <v>1087.279491747026</v>
      </c>
      <c r="L5566" s="237">
        <f t="shared" si="1301"/>
        <v>535.86750140181368</v>
      </c>
      <c r="M5566" s="236">
        <f t="shared" si="1297"/>
        <v>41.7367734556505</v>
      </c>
      <c r="N5566" s="236">
        <f t="shared" si="1298"/>
        <v>0.38944117211803986</v>
      </c>
      <c r="O5566" s="236">
        <f t="shared" si="1302"/>
        <v>2.0192564119273015</v>
      </c>
      <c r="P5566" s="236" t="str">
        <f t="shared" si="1303"/>
        <v>SAND</v>
      </c>
      <c r="Q5566" s="236" t="e">
        <f t="shared" si="1299"/>
        <v>#N/A</v>
      </c>
      <c r="R5566" s="238">
        <v>35</v>
      </c>
      <c r="S5566" s="236" t="e">
        <f t="shared" si="1304"/>
        <v>#N/A</v>
      </c>
      <c r="T5566" s="236">
        <f t="shared" si="1290"/>
        <v>35.425707592305024</v>
      </c>
    </row>
    <row r="5567" spans="1:20" x14ac:dyDescent="0.2">
      <c r="A5567" s="53">
        <f t="shared" si="1291"/>
        <v>5555</v>
      </c>
      <c r="B5567" s="239">
        <v>55.17</v>
      </c>
      <c r="C5567" s="3">
        <f t="shared" si="1292"/>
        <v>55.163000000000004</v>
      </c>
      <c r="D5567" s="239">
        <v>22.2258</v>
      </c>
      <c r="E5567" s="239">
        <v>8.8599999999999998E-2</v>
      </c>
      <c r="F5567" s="239">
        <v>0.53269999999999995</v>
      </c>
      <c r="G5567">
        <f t="shared" si="1293"/>
        <v>22.332339999999999</v>
      </c>
      <c r="H5567" s="235">
        <f t="shared" si="1294"/>
        <v>0.3967340636941763</v>
      </c>
      <c r="I5567" s="236">
        <f t="shared" si="1295"/>
        <v>19.716554911530654</v>
      </c>
      <c r="J5567" s="237">
        <f t="shared" si="1300"/>
        <v>9.716554911530654</v>
      </c>
      <c r="K5567" s="237">
        <f t="shared" si="1296"/>
        <v>1087.6243185847654</v>
      </c>
      <c r="L5567" s="237">
        <f t="shared" si="1301"/>
        <v>536.06233446914621</v>
      </c>
      <c r="M5567" s="236">
        <f t="shared" si="1297"/>
        <v>39.631054665412236</v>
      </c>
      <c r="N5567" s="236">
        <f t="shared" si="1298"/>
        <v>0.41704488461338557</v>
      </c>
      <c r="O5567" s="236">
        <f t="shared" si="1302"/>
        <v>2.0518668908348716</v>
      </c>
      <c r="P5567" s="236" t="str">
        <f t="shared" si="1303"/>
        <v>SAND</v>
      </c>
      <c r="Q5567" s="236" t="e">
        <f t="shared" si="1299"/>
        <v>#N/A</v>
      </c>
      <c r="R5567" s="238">
        <v>35</v>
      </c>
      <c r="S5567" s="236" t="e">
        <f t="shared" si="1304"/>
        <v>#N/A</v>
      </c>
      <c r="T5567" s="236">
        <f t="shared" si="1290"/>
        <v>35.178391929716341</v>
      </c>
    </row>
    <row r="5568" spans="1:20" x14ac:dyDescent="0.2">
      <c r="A5568" s="53">
        <f t="shared" si="1291"/>
        <v>5556</v>
      </c>
      <c r="B5568" s="239">
        <v>55.180999999999997</v>
      </c>
      <c r="C5568" s="3">
        <f t="shared" si="1292"/>
        <v>55.173999999999999</v>
      </c>
      <c r="D5568" s="239">
        <v>22.613399999999999</v>
      </c>
      <c r="E5568" s="239">
        <v>8.3199999999999996E-2</v>
      </c>
      <c r="F5568" s="239">
        <v>0.51990000000000003</v>
      </c>
      <c r="G5568">
        <f t="shared" si="1293"/>
        <v>22.717379999999999</v>
      </c>
      <c r="H5568" s="235">
        <f t="shared" si="1294"/>
        <v>0.36623941669329824</v>
      </c>
      <c r="I5568" s="236">
        <f t="shared" si="1295"/>
        <v>19.649498453758909</v>
      </c>
      <c r="J5568" s="237">
        <f t="shared" si="1300"/>
        <v>9.649498453758909</v>
      </c>
      <c r="K5568" s="237">
        <f t="shared" si="1296"/>
        <v>1084.141427687694</v>
      </c>
      <c r="L5568" s="237">
        <f t="shared" si="1301"/>
        <v>532.46897417687035</v>
      </c>
      <c r="M5568" s="236">
        <f t="shared" si="1297"/>
        <v>40.628167313888198</v>
      </c>
      <c r="N5568" s="236">
        <f t="shared" si="1298"/>
        <v>0.38459336415068729</v>
      </c>
      <c r="O5568" s="236">
        <f t="shared" si="1302"/>
        <v>2.0278047114206608</v>
      </c>
      <c r="P5568" s="236" t="str">
        <f t="shared" si="1303"/>
        <v>SAND</v>
      </c>
      <c r="Q5568" s="236" t="e">
        <f t="shared" si="1299"/>
        <v>#N/A</v>
      </c>
      <c r="R5568" s="238">
        <v>35</v>
      </c>
      <c r="S5568" s="236" t="e">
        <f t="shared" si="1304"/>
        <v>#N/A</v>
      </c>
      <c r="T5568" s="236">
        <f t="shared" si="1290"/>
        <v>35.29709955512574</v>
      </c>
    </row>
    <row r="5569" spans="1:20" x14ac:dyDescent="0.2">
      <c r="A5569" s="53">
        <f t="shared" si="1291"/>
        <v>5557</v>
      </c>
      <c r="B5569" s="239">
        <v>55.192</v>
      </c>
      <c r="C5569" s="3">
        <f t="shared" si="1292"/>
        <v>55.185000000000002</v>
      </c>
      <c r="D5569" s="239">
        <v>22.329599999999999</v>
      </c>
      <c r="E5569" s="239">
        <v>8.1900000000000001E-2</v>
      </c>
      <c r="F5569" s="239">
        <v>0.52969999999999995</v>
      </c>
      <c r="G5569">
        <f t="shared" si="1293"/>
        <v>22.43554</v>
      </c>
      <c r="H5569" s="235">
        <f t="shared" si="1294"/>
        <v>0.36504581570133815</v>
      </c>
      <c r="I5569" s="236">
        <f t="shared" si="1295"/>
        <v>19.62615246344388</v>
      </c>
      <c r="J5569" s="237">
        <f t="shared" si="1300"/>
        <v>9.62615246344388</v>
      </c>
      <c r="K5569" s="237">
        <f t="shared" si="1296"/>
        <v>1083.0692236951506</v>
      </c>
      <c r="L5569" s="237">
        <f t="shared" si="1301"/>
        <v>531.28660676239463</v>
      </c>
      <c r="M5569" s="236">
        <f t="shared" si="1297"/>
        <v>40.190116792938916</v>
      </c>
      <c r="N5569" s="236">
        <f t="shared" si="1298"/>
        <v>0.38356216879072202</v>
      </c>
      <c r="O5569" s="236">
        <f t="shared" si="1302"/>
        <v>2.0316650420675662</v>
      </c>
      <c r="P5569" s="236" t="str">
        <f t="shared" si="1303"/>
        <v>SAND</v>
      </c>
      <c r="Q5569" s="236" t="e">
        <f t="shared" si="1299"/>
        <v>#N/A</v>
      </c>
      <c r="R5569" s="238">
        <v>35</v>
      </c>
      <c r="S5569" s="236" t="e">
        <f t="shared" si="1304"/>
        <v>#N/A</v>
      </c>
      <c r="T5569" s="236">
        <f t="shared" si="1290"/>
        <v>35.245311950844581</v>
      </c>
    </row>
    <row r="5570" spans="1:20" x14ac:dyDescent="0.2">
      <c r="A5570" s="53">
        <f t="shared" si="1291"/>
        <v>5558</v>
      </c>
      <c r="B5570" s="239">
        <v>55.201999999999998</v>
      </c>
      <c r="C5570" s="3">
        <f t="shared" si="1292"/>
        <v>55.195</v>
      </c>
      <c r="D5570" s="239">
        <v>21.973500000000001</v>
      </c>
      <c r="E5570" s="239">
        <v>8.0500000000000002E-2</v>
      </c>
      <c r="F5570" s="239">
        <v>0.52359999999999995</v>
      </c>
      <c r="G5570">
        <f t="shared" si="1293"/>
        <v>22.078220000000002</v>
      </c>
      <c r="H5570" s="235">
        <f t="shared" si="1294"/>
        <v>0.3646127269317907</v>
      </c>
      <c r="I5570" s="236">
        <f t="shared" si="1295"/>
        <v>19.599659582304106</v>
      </c>
      <c r="J5570" s="237">
        <f t="shared" si="1300"/>
        <v>9.5996595823041062</v>
      </c>
      <c r="K5570" s="237">
        <f t="shared" si="1296"/>
        <v>1081.8032106452752</v>
      </c>
      <c r="L5570" s="237">
        <f t="shared" si="1301"/>
        <v>529.9204082623512</v>
      </c>
      <c r="M5570" s="236">
        <f t="shared" si="1297"/>
        <v>39.621830867400547</v>
      </c>
      <c r="N5570" s="236">
        <f t="shared" si="1298"/>
        <v>0.38339875230907894</v>
      </c>
      <c r="O5570" s="236">
        <f t="shared" si="1302"/>
        <v>2.0372735523890455</v>
      </c>
      <c r="P5570" s="236" t="str">
        <f t="shared" si="1303"/>
        <v>SAND</v>
      </c>
      <c r="Q5570" s="236" t="e">
        <f t="shared" si="1299"/>
        <v>#N/A</v>
      </c>
      <c r="R5570" s="238">
        <v>35</v>
      </c>
      <c r="S5570" s="236" t="e">
        <f t="shared" si="1304"/>
        <v>#N/A</v>
      </c>
      <c r="T5570" s="236">
        <f t="shared" si="1290"/>
        <v>35.177279937635092</v>
      </c>
    </row>
    <row r="5571" spans="1:20" x14ac:dyDescent="0.2">
      <c r="A5571" s="53">
        <f t="shared" si="1291"/>
        <v>5559</v>
      </c>
      <c r="B5571" s="239">
        <v>55.212000000000003</v>
      </c>
      <c r="C5571" s="3">
        <f t="shared" si="1292"/>
        <v>55.205000000000005</v>
      </c>
      <c r="D5571" s="239">
        <v>21.7102</v>
      </c>
      <c r="E5571" s="239">
        <v>7.6799999999999993E-2</v>
      </c>
      <c r="F5571" s="239">
        <v>0.52010000000000001</v>
      </c>
      <c r="G5571">
        <f t="shared" si="1293"/>
        <v>21.814219999999999</v>
      </c>
      <c r="H5571" s="235">
        <f t="shared" si="1294"/>
        <v>0.35206392894176364</v>
      </c>
      <c r="I5571" s="236">
        <f t="shared" si="1295"/>
        <v>19.539784068345224</v>
      </c>
      <c r="J5571" s="237">
        <f t="shared" si="1300"/>
        <v>9.5397840683452237</v>
      </c>
      <c r="K5571" s="237">
        <f t="shared" si="1296"/>
        <v>1078.6937794929981</v>
      </c>
      <c r="L5571" s="237">
        <f t="shared" si="1301"/>
        <v>526.71055798147654</v>
      </c>
      <c r="M5571" s="236">
        <f t="shared" si="1297"/>
        <v>39.367971471793112</v>
      </c>
      <c r="N5571" s="236">
        <f t="shared" si="1298"/>
        <v>0.37037883284604761</v>
      </c>
      <c r="O5571" s="236">
        <f t="shared" si="1302"/>
        <v>2.0339742855564595</v>
      </c>
      <c r="P5571" s="236" t="str">
        <f t="shared" si="1303"/>
        <v>SAND</v>
      </c>
      <c r="Q5571" s="236" t="e">
        <f t="shared" si="1299"/>
        <v>#N/A</v>
      </c>
      <c r="R5571" s="238">
        <v>35</v>
      </c>
      <c r="S5571" s="236" t="e">
        <f t="shared" si="1304"/>
        <v>#N/A</v>
      </c>
      <c r="T5571" s="236">
        <f t="shared" si="1290"/>
        <v>35.146573410436019</v>
      </c>
    </row>
    <row r="5572" spans="1:20" x14ac:dyDescent="0.2">
      <c r="A5572" s="53">
        <f t="shared" si="1291"/>
        <v>5560</v>
      </c>
      <c r="B5572" s="239">
        <v>55.222000000000001</v>
      </c>
      <c r="C5572" s="3">
        <f t="shared" si="1292"/>
        <v>55.215000000000003</v>
      </c>
      <c r="D5572" s="239">
        <v>20.9131</v>
      </c>
      <c r="E5572" s="239">
        <v>7.6999999999999999E-2</v>
      </c>
      <c r="F5572" s="239">
        <v>0.5202</v>
      </c>
      <c r="G5572">
        <f t="shared" si="1293"/>
        <v>21.017140000000001</v>
      </c>
      <c r="H5572" s="235">
        <f t="shared" si="1294"/>
        <v>0.36636764088738999</v>
      </c>
      <c r="I5572" s="236">
        <f t="shared" si="1295"/>
        <v>19.528284267806832</v>
      </c>
      <c r="J5572" s="237">
        <f t="shared" si="1300"/>
        <v>9.528284267806832</v>
      </c>
      <c r="K5572" s="237">
        <f t="shared" si="1296"/>
        <v>1078.2542158469544</v>
      </c>
      <c r="L5572" s="237">
        <f t="shared" si="1301"/>
        <v>526.17091383682884</v>
      </c>
      <c r="M5572" s="236">
        <f t="shared" si="1297"/>
        <v>37.894313919329086</v>
      </c>
      <c r="N5572" s="236">
        <f t="shared" si="1298"/>
        <v>0.38618005456050991</v>
      </c>
      <c r="O5572" s="236">
        <f t="shared" si="1302"/>
        <v>2.0563078502854362</v>
      </c>
      <c r="P5572" s="236" t="str">
        <f t="shared" si="1303"/>
        <v>SAND</v>
      </c>
      <c r="Q5572" s="236" t="e">
        <f t="shared" si="1299"/>
        <v>#N/A</v>
      </c>
      <c r="R5572" s="238">
        <v>35</v>
      </c>
      <c r="S5572" s="236" t="e">
        <f t="shared" si="1304"/>
        <v>#N/A</v>
      </c>
      <c r="T5572" s="236">
        <f t="shared" si="1290"/>
        <v>34.964314533766924</v>
      </c>
    </row>
    <row r="5573" spans="1:20" x14ac:dyDescent="0.2">
      <c r="A5573" s="53">
        <f t="shared" si="1291"/>
        <v>5561</v>
      </c>
      <c r="B5573" s="239">
        <v>55.232999999999997</v>
      </c>
      <c r="C5573" s="3">
        <f t="shared" si="1292"/>
        <v>55.225999999999999</v>
      </c>
      <c r="D5573" s="239">
        <v>20.509499999999999</v>
      </c>
      <c r="E5573" s="239">
        <v>7.9299999999999995E-2</v>
      </c>
      <c r="F5573" s="239">
        <v>0.52600000000000002</v>
      </c>
      <c r="G5573">
        <f t="shared" si="1293"/>
        <v>20.614699999999999</v>
      </c>
      <c r="H5573" s="235">
        <f t="shared" si="1294"/>
        <v>0.38467695382421285</v>
      </c>
      <c r="I5573" s="236">
        <f t="shared" si="1295"/>
        <v>19.555239977254836</v>
      </c>
      <c r="J5573" s="237">
        <f t="shared" si="1300"/>
        <v>9.5552399772548355</v>
      </c>
      <c r="K5573" s="237">
        <f t="shared" si="1296"/>
        <v>1079.9576829838754</v>
      </c>
      <c r="L5573" s="237">
        <f t="shared" si="1301"/>
        <v>527.76456966371632</v>
      </c>
      <c r="M5573" s="236">
        <f t="shared" si="1297"/>
        <v>37.014122280818071</v>
      </c>
      <c r="N5573" s="236">
        <f t="shared" si="1298"/>
        <v>0.4059434146255626</v>
      </c>
      <c r="O5573" s="236">
        <f t="shared" si="1302"/>
        <v>2.0742616566607421</v>
      </c>
      <c r="P5573" s="236" t="str">
        <f t="shared" si="1303"/>
        <v>SAND</v>
      </c>
      <c r="Q5573" s="236" t="e">
        <f t="shared" si="1299"/>
        <v>#N/A</v>
      </c>
      <c r="R5573" s="238">
        <v>35</v>
      </c>
      <c r="S5573" s="236" t="e">
        <f t="shared" si="1304"/>
        <v>#N/A</v>
      </c>
      <c r="T5573" s="236">
        <f t="shared" si="1290"/>
        <v>34.85204200914206</v>
      </c>
    </row>
    <row r="5574" spans="1:20" x14ac:dyDescent="0.2">
      <c r="A5574" s="53">
        <f t="shared" si="1291"/>
        <v>5562</v>
      </c>
      <c r="B5574" s="239">
        <v>55.243000000000002</v>
      </c>
      <c r="C5574" s="3">
        <f t="shared" si="1292"/>
        <v>55.236000000000004</v>
      </c>
      <c r="D5574" s="239">
        <v>20.2193</v>
      </c>
      <c r="E5574" s="239">
        <v>8.3699999999999997E-2</v>
      </c>
      <c r="F5574" s="239">
        <v>0.53239999999999998</v>
      </c>
      <c r="G5574">
        <f t="shared" si="1293"/>
        <v>20.325780000000002</v>
      </c>
      <c r="H5574" s="235">
        <f t="shared" si="1294"/>
        <v>0.41179231498127006</v>
      </c>
      <c r="I5574" s="236">
        <f t="shared" si="1295"/>
        <v>19.613044289502501</v>
      </c>
      <c r="J5574" s="237">
        <f t="shared" si="1300"/>
        <v>9.6130442895025006</v>
      </c>
      <c r="K5574" s="237">
        <f t="shared" si="1296"/>
        <v>1083.3461143749603</v>
      </c>
      <c r="L5574" s="237">
        <f t="shared" si="1301"/>
        <v>531.05340568498661</v>
      </c>
      <c r="M5574" s="236">
        <f t="shared" si="1297"/>
        <v>36.234460940524279</v>
      </c>
      <c r="N5574" s="236">
        <f t="shared" si="1298"/>
        <v>0.43497615996762051</v>
      </c>
      <c r="O5574" s="236">
        <f t="shared" si="1302"/>
        <v>2.0948552252007033</v>
      </c>
      <c r="P5574" s="236" t="str">
        <f t="shared" si="1303"/>
        <v>SAND</v>
      </c>
      <c r="Q5574" s="236" t="e">
        <f t="shared" si="1299"/>
        <v>#N/A</v>
      </c>
      <c r="R5574" s="238">
        <v>35</v>
      </c>
      <c r="S5574" s="236" t="e">
        <f t="shared" si="1304"/>
        <v>#N/A</v>
      </c>
      <c r="T5574" s="236">
        <f t="shared" si="1290"/>
        <v>34.750339851815909</v>
      </c>
    </row>
    <row r="5575" spans="1:20" x14ac:dyDescent="0.2">
      <c r="A5575" s="53">
        <f t="shared" si="1291"/>
        <v>5563</v>
      </c>
      <c r="B5575" s="239">
        <v>55.250999999999998</v>
      </c>
      <c r="C5575" s="3">
        <f t="shared" si="1292"/>
        <v>55.244</v>
      </c>
      <c r="D5575" s="239">
        <v>20.031300000000002</v>
      </c>
      <c r="E5575" s="239">
        <v>8.2799999999999999E-2</v>
      </c>
      <c r="F5575" s="239">
        <v>0.54049999999999998</v>
      </c>
      <c r="G5575">
        <f t="shared" si="1293"/>
        <v>20.139400000000002</v>
      </c>
      <c r="H5575" s="235">
        <f t="shared" si="1294"/>
        <v>0.41113439327884638</v>
      </c>
      <c r="I5575" s="236">
        <f t="shared" si="1295"/>
        <v>19.596766838684118</v>
      </c>
      <c r="J5575" s="237">
        <f t="shared" si="1300"/>
        <v>9.5967668386841183</v>
      </c>
      <c r="K5575" s="237">
        <f t="shared" si="1296"/>
        <v>1082.6037872362654</v>
      </c>
      <c r="L5575" s="237">
        <f t="shared" si="1301"/>
        <v>530.23096460413615</v>
      </c>
      <c r="M5575" s="236">
        <f t="shared" si="1297"/>
        <v>35.940557011775624</v>
      </c>
      <c r="N5575" s="236">
        <f t="shared" si="1298"/>
        <v>0.43449066189070512</v>
      </c>
      <c r="O5575" s="236">
        <f t="shared" si="1302"/>
        <v>2.0978836935583351</v>
      </c>
      <c r="P5575" s="236" t="str">
        <f t="shared" si="1303"/>
        <v>SAND</v>
      </c>
      <c r="Q5575" s="236" t="e">
        <f t="shared" si="1299"/>
        <v>#N/A</v>
      </c>
      <c r="R5575" s="238">
        <v>35</v>
      </c>
      <c r="S5575" s="236" t="e">
        <f t="shared" si="1304"/>
        <v>#N/A</v>
      </c>
      <c r="T5575" s="236">
        <f t="shared" si="1290"/>
        <v>34.711432839398597</v>
      </c>
    </row>
    <row r="5576" spans="1:20" x14ac:dyDescent="0.2">
      <c r="A5576" s="53">
        <f t="shared" si="1291"/>
        <v>5564</v>
      </c>
      <c r="B5576" s="239">
        <v>55.265000000000001</v>
      </c>
      <c r="C5576" s="3">
        <f t="shared" si="1292"/>
        <v>55.258000000000003</v>
      </c>
      <c r="D5576" s="239">
        <v>18.999500000000001</v>
      </c>
      <c r="E5576" s="239">
        <v>9.7100000000000006E-2</v>
      </c>
      <c r="F5576" s="239">
        <v>0.55159999999999998</v>
      </c>
      <c r="G5576">
        <f t="shared" si="1293"/>
        <v>19.109820000000003</v>
      </c>
      <c r="H5576" s="235">
        <f t="shared" si="1294"/>
        <v>0.50811572270173133</v>
      </c>
      <c r="I5576" s="236">
        <f t="shared" si="1295"/>
        <v>19.763065911849001</v>
      </c>
      <c r="J5576" s="237">
        <f t="shared" si="1300"/>
        <v>9.7630659118490009</v>
      </c>
      <c r="K5576" s="237">
        <f t="shared" si="1296"/>
        <v>1092.0674961569521</v>
      </c>
      <c r="L5576" s="237">
        <f t="shared" si="1301"/>
        <v>539.55583761833509</v>
      </c>
      <c r="M5576" s="236">
        <f t="shared" si="1297"/>
        <v>33.393675404153896</v>
      </c>
      <c r="N5576" s="236">
        <f t="shared" si="1298"/>
        <v>0.53891294144088908</v>
      </c>
      <c r="O5576" s="236">
        <f t="shared" si="1302"/>
        <v>2.166474240262632</v>
      </c>
      <c r="P5576" s="236" t="str">
        <f t="shared" si="1303"/>
        <v>SAND</v>
      </c>
      <c r="Q5576" s="236" t="e">
        <f t="shared" si="1299"/>
        <v>#N/A</v>
      </c>
      <c r="R5576" s="238">
        <v>35</v>
      </c>
      <c r="S5576" s="236" t="e">
        <f t="shared" si="1304"/>
        <v>#N/A</v>
      </c>
      <c r="T5576" s="236">
        <f t="shared" si="1290"/>
        <v>34.360306435260782</v>
      </c>
    </row>
    <row r="5577" spans="1:20" x14ac:dyDescent="0.2">
      <c r="A5577" s="53">
        <f t="shared" si="1291"/>
        <v>5565</v>
      </c>
      <c r="B5577" s="239">
        <v>55.274999999999999</v>
      </c>
      <c r="C5577" s="3">
        <f t="shared" si="1292"/>
        <v>55.268000000000001</v>
      </c>
      <c r="D5577" s="239">
        <v>19.834900000000001</v>
      </c>
      <c r="E5577" s="239">
        <v>8.3299999999999999E-2</v>
      </c>
      <c r="F5577" s="239">
        <v>0.5393</v>
      </c>
      <c r="G5577">
        <f t="shared" si="1293"/>
        <v>19.94276</v>
      </c>
      <c r="H5577" s="235">
        <f t="shared" si="1294"/>
        <v>0.41769544436176342</v>
      </c>
      <c r="I5577" s="236">
        <f t="shared" si="1295"/>
        <v>19.599991294694675</v>
      </c>
      <c r="J5577" s="237">
        <f t="shared" si="1300"/>
        <v>9.599991294694675</v>
      </c>
      <c r="K5577" s="237">
        <f t="shared" si="1296"/>
        <v>1083.2523188751852</v>
      </c>
      <c r="L5577" s="237">
        <f t="shared" si="1301"/>
        <v>530.63951881424816</v>
      </c>
      <c r="M5577" s="236">
        <f t="shared" si="1297"/>
        <v>35.54109148008375</v>
      </c>
      <c r="N5577" s="236">
        <f t="shared" si="1298"/>
        <v>0.44168703344981397</v>
      </c>
      <c r="O5577" s="236">
        <f t="shared" si="1302"/>
        <v>2.1052357989552219</v>
      </c>
      <c r="P5577" s="236" t="str">
        <f t="shared" si="1303"/>
        <v>SAND</v>
      </c>
      <c r="Q5577" s="236" t="e">
        <f t="shared" si="1299"/>
        <v>#N/A</v>
      </c>
      <c r="R5577" s="238">
        <v>35</v>
      </c>
      <c r="S5577" s="236" t="e">
        <f t="shared" si="1304"/>
        <v>#N/A</v>
      </c>
      <c r="T5577" s="236">
        <f t="shared" si="1290"/>
        <v>34.658038371203347</v>
      </c>
    </row>
    <row r="5578" spans="1:20" x14ac:dyDescent="0.2">
      <c r="A5578" s="53">
        <f t="shared" si="1291"/>
        <v>5566</v>
      </c>
      <c r="B5578" s="239">
        <v>55.284999999999997</v>
      </c>
      <c r="C5578" s="3">
        <f t="shared" si="1292"/>
        <v>55.277999999999999</v>
      </c>
      <c r="D5578" s="239">
        <v>19.642900000000001</v>
      </c>
      <c r="E5578" s="239">
        <v>8.1100000000000005E-2</v>
      </c>
      <c r="F5578" s="239">
        <v>0.52390000000000003</v>
      </c>
      <c r="G5578">
        <f t="shared" si="1293"/>
        <v>19.747680000000003</v>
      </c>
      <c r="H5578" s="235">
        <f t="shared" si="1294"/>
        <v>0.41068115343169426</v>
      </c>
      <c r="I5578" s="236">
        <f t="shared" si="1295"/>
        <v>19.564763833749577</v>
      </c>
      <c r="J5578" s="237">
        <f t="shared" si="1300"/>
        <v>9.5647638337495771</v>
      </c>
      <c r="K5578" s="237">
        <f t="shared" si="1296"/>
        <v>1081.5010152020091</v>
      </c>
      <c r="L5578" s="237">
        <f t="shared" si="1301"/>
        <v>528.78796854884536</v>
      </c>
      <c r="M5578" s="236">
        <f t="shared" si="1297"/>
        <v>35.299931343036519</v>
      </c>
      <c r="N5578" s="236">
        <f t="shared" si="1298"/>
        <v>0.43447563674412959</v>
      </c>
      <c r="O5578" s="236">
        <f t="shared" si="1302"/>
        <v>2.1050078400979899</v>
      </c>
      <c r="P5578" s="236" t="str">
        <f t="shared" si="1303"/>
        <v>SAND</v>
      </c>
      <c r="Q5578" s="236" t="e">
        <f t="shared" si="1299"/>
        <v>#N/A</v>
      </c>
      <c r="R5578" s="238">
        <v>35</v>
      </c>
      <c r="S5578" s="236" t="e">
        <f t="shared" si="1304"/>
        <v>#N/A</v>
      </c>
      <c r="T5578" s="236">
        <f t="shared" si="1290"/>
        <v>34.625512467734509</v>
      </c>
    </row>
    <row r="5579" spans="1:20" x14ac:dyDescent="0.2">
      <c r="A5579" s="53">
        <f t="shared" si="1291"/>
        <v>5567</v>
      </c>
      <c r="B5579" s="239">
        <v>55.295000000000002</v>
      </c>
      <c r="C5579" s="3">
        <f t="shared" si="1292"/>
        <v>55.288000000000004</v>
      </c>
      <c r="D5579" s="239">
        <v>19.324000000000002</v>
      </c>
      <c r="E5579" s="239">
        <v>8.5300000000000001E-2</v>
      </c>
      <c r="F5579" s="239">
        <v>0.49120000000000003</v>
      </c>
      <c r="G5579">
        <f t="shared" si="1293"/>
        <v>19.422240000000002</v>
      </c>
      <c r="H5579" s="235">
        <f t="shared" si="1294"/>
        <v>0.43918724101854367</v>
      </c>
      <c r="I5579" s="236">
        <f t="shared" si="1295"/>
        <v>19.617474823278986</v>
      </c>
      <c r="J5579" s="237">
        <f t="shared" si="1300"/>
        <v>9.617474823278986</v>
      </c>
      <c r="K5579" s="237">
        <f t="shared" si="1296"/>
        <v>1084.6109480294485</v>
      </c>
      <c r="L5579" s="237">
        <f t="shared" si="1301"/>
        <v>531.79827035321159</v>
      </c>
      <c r="M5579" s="236">
        <f t="shared" si="1297"/>
        <v>34.482302922480372</v>
      </c>
      <c r="N5579" s="236">
        <f t="shared" si="1298"/>
        <v>0.46516373386249565</v>
      </c>
      <c r="O5579" s="236">
        <f t="shared" si="1302"/>
        <v>2.1265061356634321</v>
      </c>
      <c r="P5579" s="236" t="str">
        <f t="shared" si="1303"/>
        <v>SAND</v>
      </c>
      <c r="Q5579" s="236" t="e">
        <f t="shared" si="1299"/>
        <v>#N/A</v>
      </c>
      <c r="R5579" s="238">
        <v>35</v>
      </c>
      <c r="S5579" s="236" t="e">
        <f t="shared" si="1304"/>
        <v>#N/A</v>
      </c>
      <c r="T5579" s="236">
        <f t="shared" si="1290"/>
        <v>34.513558890291876</v>
      </c>
    </row>
    <row r="5580" spans="1:20" x14ac:dyDescent="0.2">
      <c r="A5580" s="53">
        <f t="shared" si="1291"/>
        <v>5568</v>
      </c>
      <c r="B5580" s="239">
        <v>55.305999999999997</v>
      </c>
      <c r="C5580" s="3">
        <f t="shared" si="1292"/>
        <v>55.298999999999999</v>
      </c>
      <c r="D5580" s="239">
        <v>19.190999999999999</v>
      </c>
      <c r="E5580" s="239">
        <v>9.3600000000000003E-2</v>
      </c>
      <c r="F5580" s="239">
        <v>0.4531</v>
      </c>
      <c r="G5580">
        <f t="shared" si="1293"/>
        <v>19.28162</v>
      </c>
      <c r="H5580" s="235">
        <f t="shared" si="1294"/>
        <v>0.48543638968095004</v>
      </c>
      <c r="I5580" s="236">
        <f t="shared" si="1295"/>
        <v>19.7235170135997</v>
      </c>
      <c r="J5580" s="237">
        <f t="shared" si="1300"/>
        <v>9.7235170135997002</v>
      </c>
      <c r="K5580" s="237">
        <f t="shared" si="1296"/>
        <v>1090.6907673350497</v>
      </c>
      <c r="L5580" s="237">
        <f t="shared" si="1301"/>
        <v>537.76883195414496</v>
      </c>
      <c r="M5580" s="236">
        <f t="shared" si="1297"/>
        <v>33.826670777037656</v>
      </c>
      <c r="N5580" s="236">
        <f t="shared" si="1298"/>
        <v>0.51454215891250399</v>
      </c>
      <c r="O5580" s="236">
        <f t="shared" si="1302"/>
        <v>2.1526773204524967</v>
      </c>
      <c r="P5580" s="236" t="str">
        <f t="shared" si="1303"/>
        <v>SAND</v>
      </c>
      <c r="Q5580" s="236" t="e">
        <f t="shared" si="1299"/>
        <v>#N/A</v>
      </c>
      <c r="R5580" s="238">
        <v>35</v>
      </c>
      <c r="S5580" s="236" t="e">
        <f t="shared" si="1304"/>
        <v>#N/A</v>
      </c>
      <c r="T5580" s="236">
        <f t="shared" si="1290"/>
        <v>34.421851822625747</v>
      </c>
    </row>
    <row r="5581" spans="1:20" x14ac:dyDescent="0.2">
      <c r="A5581" s="53">
        <f t="shared" si="1291"/>
        <v>5569</v>
      </c>
      <c r="B5581" s="239">
        <v>55.316000000000003</v>
      </c>
      <c r="C5581" s="3">
        <f t="shared" si="1292"/>
        <v>55.309000000000005</v>
      </c>
      <c r="D5581" s="239">
        <v>19.0533</v>
      </c>
      <c r="E5581" s="239">
        <v>9.8699999999999996E-2</v>
      </c>
      <c r="F5581" s="239">
        <v>0.44269999999999998</v>
      </c>
      <c r="G5581">
        <f t="shared" si="1293"/>
        <v>19.141839999999998</v>
      </c>
      <c r="H5581" s="235">
        <f t="shared" si="1294"/>
        <v>0.5156244122822049</v>
      </c>
      <c r="I5581" s="236">
        <f t="shared" si="1295"/>
        <v>19.782884680203182</v>
      </c>
      <c r="J5581" s="237">
        <f t="shared" si="1300"/>
        <v>9.7828846802031819</v>
      </c>
      <c r="K5581" s="237">
        <f t="shared" si="1296"/>
        <v>1094.1715687773578</v>
      </c>
      <c r="L5581" s="237">
        <f t="shared" si="1301"/>
        <v>541.1500489701192</v>
      </c>
      <c r="M5581" s="236">
        <f t="shared" si="1297"/>
        <v>33.350580796527261</v>
      </c>
      <c r="N5581" s="236">
        <f t="shared" si="1298"/>
        <v>0.54688504709698693</v>
      </c>
      <c r="O5581" s="236">
        <f t="shared" si="1302"/>
        <v>2.1697859816272591</v>
      </c>
      <c r="P5581" s="236" t="str">
        <f t="shared" si="1303"/>
        <v>SAND</v>
      </c>
      <c r="Q5581" s="236" t="e">
        <f t="shared" si="1299"/>
        <v>#N/A</v>
      </c>
      <c r="R5581" s="238">
        <v>35</v>
      </c>
      <c r="S5581" s="236" t="e">
        <f t="shared" si="1304"/>
        <v>#N/A</v>
      </c>
      <c r="T5581" s="236">
        <f t="shared" ref="T5581:T5644" si="1305">IF(P5581="SAND",17.6+(11*LOG(M5581)),#N/A)</f>
        <v>34.354137416575426</v>
      </c>
    </row>
    <row r="5582" spans="1:20" x14ac:dyDescent="0.2">
      <c r="A5582" s="53">
        <f t="shared" ref="A5582:A5645" si="1306">$A5581+1</f>
        <v>5570</v>
      </c>
      <c r="B5582" s="239">
        <v>55.328000000000003</v>
      </c>
      <c r="C5582" s="3">
        <f t="shared" ref="C5582:C5645" si="1307">MAX($B5582 - $B$13, 0.001)</f>
        <v>55.321000000000005</v>
      </c>
      <c r="D5582" s="239">
        <v>18.9573</v>
      </c>
      <c r="E5582" s="239">
        <v>9.9599999999999994E-2</v>
      </c>
      <c r="F5582" s="239">
        <v>0.39200000000000002</v>
      </c>
      <c r="G5582">
        <f t="shared" si="1293"/>
        <v>19.035699999999999</v>
      </c>
      <c r="H5582" s="235">
        <f t="shared" si="1294"/>
        <v>0.52322740955152691</v>
      </c>
      <c r="I5582" s="236">
        <f t="shared" si="1295"/>
        <v>19.791355234710174</v>
      </c>
      <c r="J5582" s="237">
        <f t="shared" si="1300"/>
        <v>9.7913552347101742</v>
      </c>
      <c r="K5582" s="237">
        <f t="shared" si="1296"/>
        <v>1094.8775629394017</v>
      </c>
      <c r="L5582" s="237">
        <f t="shared" si="1301"/>
        <v>541.73610242604457</v>
      </c>
      <c r="M5582" s="236">
        <f t="shared" si="1297"/>
        <v>33.117273072103956</v>
      </c>
      <c r="N5582" s="236">
        <f t="shared" si="1298"/>
        <v>0.5551584959352529</v>
      </c>
      <c r="O5582" s="236">
        <f t="shared" si="1302"/>
        <v>2.1754050921639161</v>
      </c>
      <c r="P5582" s="236" t="str">
        <f t="shared" si="1303"/>
        <v>SAND</v>
      </c>
      <c r="Q5582" s="236" t="e">
        <f t="shared" si="1299"/>
        <v>#N/A</v>
      </c>
      <c r="R5582" s="238">
        <v>35</v>
      </c>
      <c r="S5582" s="236" t="e">
        <f t="shared" si="1304"/>
        <v>#N/A</v>
      </c>
      <c r="T5582" s="236">
        <f t="shared" si="1305"/>
        <v>34.320600260103575</v>
      </c>
    </row>
    <row r="5583" spans="1:20" x14ac:dyDescent="0.2">
      <c r="A5583" s="53">
        <f t="shared" si="1306"/>
        <v>5571</v>
      </c>
      <c r="B5583" s="239">
        <v>55.337000000000003</v>
      </c>
      <c r="C5583" s="3">
        <f t="shared" si="1307"/>
        <v>55.330000000000005</v>
      </c>
      <c r="D5583" s="239">
        <v>18.6631</v>
      </c>
      <c r="E5583" s="239">
        <v>9.7900000000000001E-2</v>
      </c>
      <c r="F5583" s="239">
        <v>0.36520000000000002</v>
      </c>
      <c r="G5583">
        <f t="shared" ref="G5583:G5646" si="1308">$D5583+($F5583*(1-$P$8))</f>
        <v>18.736139999999999</v>
      </c>
      <c r="H5583" s="235">
        <f t="shared" ref="H5583:H5646" si="1309">($E5583/$G5583)*100</f>
        <v>0.52251957980672648</v>
      </c>
      <c r="I5583" s="236">
        <f t="shared" ref="I5583:I5646" si="1310">((0.27*(LOG($H5583)))+(0.36*(LOG(($G5583*1000)/101)))+1.236)*10</f>
        <v>19.764968432835168</v>
      </c>
      <c r="J5583" s="237">
        <f t="shared" si="1300"/>
        <v>9.7649684328351682</v>
      </c>
      <c r="K5583" s="237">
        <f t="shared" ref="K5583:K5646" si="1311">$I5583*$C5583</f>
        <v>1093.5957033887701</v>
      </c>
      <c r="L5583" s="237">
        <f t="shared" si="1301"/>
        <v>540.36405816779973</v>
      </c>
      <c r="M5583" s="236">
        <f t="shared" ref="M5583:M5646" si="1312">(($G5583*1000)-$K5583)/$L5583</f>
        <v>32.649366718488658</v>
      </c>
      <c r="N5583" s="236">
        <f t="shared" ref="N5583:N5646" si="1313">(($E5583*1000)/(($G5583*1000)-$K5583))*100</f>
        <v>0.55490862516244099</v>
      </c>
      <c r="O5583" s="236">
        <f t="shared" si="1302"/>
        <v>2.1808596929686961</v>
      </c>
      <c r="P5583" s="236" t="str">
        <f t="shared" si="1303"/>
        <v>SAND</v>
      </c>
      <c r="Q5583" s="236" t="e">
        <f t="shared" ref="Q5583:Q5646" si="1314">IF(P5583="CLAY",($G5583*1000 -$K5583)/$L$8,#N/A)</f>
        <v>#N/A</v>
      </c>
      <c r="R5583" s="238">
        <v>35</v>
      </c>
      <c r="S5583" s="236" t="e">
        <f t="shared" si="1304"/>
        <v>#N/A</v>
      </c>
      <c r="T5583" s="236">
        <f t="shared" si="1305"/>
        <v>34.252622381180984</v>
      </c>
    </row>
    <row r="5584" spans="1:20" x14ac:dyDescent="0.2">
      <c r="A5584" s="53">
        <f t="shared" si="1306"/>
        <v>5572</v>
      </c>
      <c r="B5584" s="239">
        <v>55.347999999999999</v>
      </c>
      <c r="C5584" s="3">
        <f t="shared" si="1307"/>
        <v>55.341000000000001</v>
      </c>
      <c r="D5584" s="239">
        <v>18.3811</v>
      </c>
      <c r="E5584" s="239">
        <v>0.1024</v>
      </c>
      <c r="F5584" s="239">
        <v>0.35859999999999997</v>
      </c>
      <c r="G5584">
        <f t="shared" si="1308"/>
        <v>18.452819999999999</v>
      </c>
      <c r="H5584" s="235">
        <f t="shared" si="1309"/>
        <v>0.55492873176024049</v>
      </c>
      <c r="I5584" s="236">
        <f t="shared" si="1310"/>
        <v>19.811709408163001</v>
      </c>
      <c r="J5584" s="237">
        <f t="shared" ref="J5584:J5647" si="1315">$I5584-10</f>
        <v>9.8117094081630007</v>
      </c>
      <c r="K5584" s="237">
        <f t="shared" si="1311"/>
        <v>1096.3998103571487</v>
      </c>
      <c r="L5584" s="237">
        <f t="shared" ref="L5584:L5647" si="1316">$J5584*$B5584</f>
        <v>543.05849232300579</v>
      </c>
      <c r="M5584" s="236">
        <f t="shared" si="1312"/>
        <v>31.960498611113557</v>
      </c>
      <c r="N5584" s="236">
        <f t="shared" si="1313"/>
        <v>0.58998341179309244</v>
      </c>
      <c r="O5584" s="236">
        <f t="shared" ref="O5584:O5647" si="1317">((3.47-LOG($M5584))^2+(LOG($N5584)+1.22)^2)^0.5</f>
        <v>2.2010241762898475</v>
      </c>
      <c r="P5584" s="236" t="str">
        <f t="shared" ref="P5584:P5647" si="1318">IF(O5584&lt;2.6,"SAND","CLAY")</f>
        <v>SAND</v>
      </c>
      <c r="Q5584" s="236" t="e">
        <f t="shared" si="1314"/>
        <v>#N/A</v>
      </c>
      <c r="R5584" s="238">
        <v>35</v>
      </c>
      <c r="S5584" s="236" t="e">
        <f t="shared" ref="S5584:S5647" si="1319">IF(P5584="SAND",#N/A,0.25*($M5584)^1.25)</f>
        <v>#N/A</v>
      </c>
      <c r="T5584" s="236">
        <f t="shared" si="1305"/>
        <v>34.15074900666184</v>
      </c>
    </row>
    <row r="5585" spans="1:20" x14ac:dyDescent="0.2">
      <c r="A5585" s="53">
        <f t="shared" si="1306"/>
        <v>5573</v>
      </c>
      <c r="B5585" s="239">
        <v>55.359000000000002</v>
      </c>
      <c r="C5585" s="3">
        <f t="shared" si="1307"/>
        <v>55.352000000000004</v>
      </c>
      <c r="D5585" s="239">
        <v>18.160599999999999</v>
      </c>
      <c r="E5585" s="239">
        <v>0.1045</v>
      </c>
      <c r="F5585" s="239">
        <v>0.35539999999999999</v>
      </c>
      <c r="G5585">
        <f t="shared" si="1308"/>
        <v>18.231679999999997</v>
      </c>
      <c r="H5585" s="235">
        <f t="shared" si="1309"/>
        <v>0.57317811633376636</v>
      </c>
      <c r="I5585" s="236">
        <f t="shared" si="1310"/>
        <v>19.830801059194272</v>
      </c>
      <c r="J5585" s="237">
        <f t="shared" si="1315"/>
        <v>9.8308010591942718</v>
      </c>
      <c r="K5585" s="237">
        <f t="shared" si="1311"/>
        <v>1097.6745002285213</v>
      </c>
      <c r="L5585" s="237">
        <f t="shared" si="1316"/>
        <v>544.22331583593575</v>
      </c>
      <c r="M5585" s="236">
        <f t="shared" si="1312"/>
        <v>31.48340947769459</v>
      </c>
      <c r="N5585" s="236">
        <f t="shared" si="1313"/>
        <v>0.60989825176251855</v>
      </c>
      <c r="O5585" s="236">
        <f t="shared" si="1317"/>
        <v>2.2133693705755482</v>
      </c>
      <c r="P5585" s="236" t="str">
        <f t="shared" si="1318"/>
        <v>SAND</v>
      </c>
      <c r="Q5585" s="236" t="e">
        <f t="shared" si="1314"/>
        <v>#N/A</v>
      </c>
      <c r="R5585" s="238">
        <v>35</v>
      </c>
      <c r="S5585" s="236" t="e">
        <f t="shared" si="1319"/>
        <v>#N/A</v>
      </c>
      <c r="T5585" s="236">
        <f t="shared" si="1305"/>
        <v>34.078899336950641</v>
      </c>
    </row>
    <row r="5586" spans="1:20" x14ac:dyDescent="0.2">
      <c r="A5586" s="53">
        <f t="shared" si="1306"/>
        <v>5574</v>
      </c>
      <c r="B5586" s="239">
        <v>55.368000000000002</v>
      </c>
      <c r="C5586" s="3">
        <f t="shared" si="1307"/>
        <v>55.361000000000004</v>
      </c>
      <c r="D5586" s="239">
        <v>18.013400000000001</v>
      </c>
      <c r="E5586" s="239">
        <v>0.10340000000000001</v>
      </c>
      <c r="F5586" s="239">
        <v>0.33079999999999998</v>
      </c>
      <c r="G5586">
        <f t="shared" si="1308"/>
        <v>18.079560000000001</v>
      </c>
      <c r="H5586" s="235">
        <f t="shared" si="1309"/>
        <v>0.57191657319094047</v>
      </c>
      <c r="I5586" s="236">
        <f t="shared" si="1310"/>
        <v>19.815117580236397</v>
      </c>
      <c r="J5586" s="237">
        <f t="shared" si="1315"/>
        <v>9.8151175802363966</v>
      </c>
      <c r="K5586" s="237">
        <f t="shared" si="1311"/>
        <v>1096.9847243594672</v>
      </c>
      <c r="L5586" s="237">
        <f t="shared" si="1316"/>
        <v>543.4434301825288</v>
      </c>
      <c r="M5586" s="236">
        <f t="shared" si="1312"/>
        <v>31.24994126791913</v>
      </c>
      <c r="N5586" s="236">
        <f t="shared" si="1313"/>
        <v>0.60885936509473271</v>
      </c>
      <c r="O5586" s="236">
        <f t="shared" si="1317"/>
        <v>2.215914042858548</v>
      </c>
      <c r="P5586" s="236" t="str">
        <f t="shared" si="1318"/>
        <v>SAND</v>
      </c>
      <c r="Q5586" s="236" t="e">
        <f t="shared" si="1314"/>
        <v>#N/A</v>
      </c>
      <c r="R5586" s="238">
        <v>35</v>
      </c>
      <c r="S5586" s="236" t="e">
        <f t="shared" si="1319"/>
        <v>#N/A</v>
      </c>
      <c r="T5586" s="236">
        <f t="shared" si="1305"/>
        <v>34.043341260002038</v>
      </c>
    </row>
    <row r="5587" spans="1:20" x14ac:dyDescent="0.2">
      <c r="A5587" s="53">
        <f t="shared" si="1306"/>
        <v>5575</v>
      </c>
      <c r="B5587" s="239">
        <v>55.378</v>
      </c>
      <c r="C5587" s="3">
        <f t="shared" si="1307"/>
        <v>55.371000000000002</v>
      </c>
      <c r="D5587" s="239">
        <v>18.014099999999999</v>
      </c>
      <c r="E5587" s="239">
        <v>9.5899999999999999E-2</v>
      </c>
      <c r="F5587" s="239">
        <v>0.3</v>
      </c>
      <c r="G5587">
        <f t="shared" si="1308"/>
        <v>18.074099999999998</v>
      </c>
      <c r="H5587" s="235">
        <f t="shared" si="1309"/>
        <v>0.53059350119784676</v>
      </c>
      <c r="I5587" s="236">
        <f t="shared" si="1310"/>
        <v>19.726704306469284</v>
      </c>
      <c r="J5587" s="237">
        <f t="shared" si="1315"/>
        <v>9.7267043064692835</v>
      </c>
      <c r="K5587" s="237">
        <f t="shared" si="1311"/>
        <v>1092.2873441535107</v>
      </c>
      <c r="L5587" s="237">
        <f t="shared" si="1316"/>
        <v>538.64543108365604</v>
      </c>
      <c r="M5587" s="236">
        <f t="shared" si="1312"/>
        <v>31.526885175062539</v>
      </c>
      <c r="N5587" s="236">
        <f t="shared" si="1313"/>
        <v>0.56472181117239939</v>
      </c>
      <c r="O5587" s="236">
        <f t="shared" si="1317"/>
        <v>2.1978536709476955</v>
      </c>
      <c r="P5587" s="236" t="str">
        <f t="shared" si="1318"/>
        <v>SAND</v>
      </c>
      <c r="Q5587" s="236" t="e">
        <f t="shared" si="1314"/>
        <v>#N/A</v>
      </c>
      <c r="R5587" s="238">
        <v>35</v>
      </c>
      <c r="S5587" s="236" t="e">
        <f t="shared" si="1319"/>
        <v>#N/A</v>
      </c>
      <c r="T5587" s="236">
        <f t="shared" si="1305"/>
        <v>34.085491715043943</v>
      </c>
    </row>
    <row r="5588" spans="1:20" x14ac:dyDescent="0.2">
      <c r="A5588" s="53">
        <f t="shared" si="1306"/>
        <v>5576</v>
      </c>
      <c r="B5588" s="239">
        <v>55.389000000000003</v>
      </c>
      <c r="C5588" s="3">
        <f t="shared" si="1307"/>
        <v>55.382000000000005</v>
      </c>
      <c r="D5588" s="239">
        <v>17.8902</v>
      </c>
      <c r="E5588" s="239">
        <v>9.0200000000000002E-2</v>
      </c>
      <c r="F5588" s="239">
        <v>0.2772</v>
      </c>
      <c r="G5588">
        <f t="shared" si="1308"/>
        <v>17.945640000000001</v>
      </c>
      <c r="H5588" s="235">
        <f t="shared" si="1309"/>
        <v>0.50262905084466203</v>
      </c>
      <c r="I5588" s="236">
        <f t="shared" si="1310"/>
        <v>19.652063761917404</v>
      </c>
      <c r="J5588" s="237">
        <f t="shared" si="1315"/>
        <v>9.6520637619174039</v>
      </c>
      <c r="K5588" s="237">
        <f t="shared" si="1311"/>
        <v>1088.3705952625098</v>
      </c>
      <c r="L5588" s="237">
        <f t="shared" si="1316"/>
        <v>534.61815970884311</v>
      </c>
      <c r="M5588" s="236">
        <f t="shared" si="1312"/>
        <v>31.531419385226421</v>
      </c>
      <c r="N5588" s="236">
        <f t="shared" si="1313"/>
        <v>0.53508072887920155</v>
      </c>
      <c r="O5588" s="236">
        <f t="shared" si="1317"/>
        <v>2.1875445809914926</v>
      </c>
      <c r="P5588" s="236" t="str">
        <f t="shared" si="1318"/>
        <v>SAND</v>
      </c>
      <c r="Q5588" s="236" t="e">
        <f t="shared" si="1314"/>
        <v>#N/A</v>
      </c>
      <c r="R5588" s="238">
        <v>35</v>
      </c>
      <c r="S5588" s="236" t="e">
        <f t="shared" si="1319"/>
        <v>#N/A</v>
      </c>
      <c r="T5588" s="236">
        <f t="shared" si="1305"/>
        <v>34.086178730249379</v>
      </c>
    </row>
    <row r="5589" spans="1:20" x14ac:dyDescent="0.2">
      <c r="A5589" s="53">
        <f t="shared" si="1306"/>
        <v>5577</v>
      </c>
      <c r="B5589" s="239">
        <v>55.399000000000001</v>
      </c>
      <c r="C5589" s="3">
        <f t="shared" si="1307"/>
        <v>55.392000000000003</v>
      </c>
      <c r="D5589" s="239">
        <v>17.778500000000001</v>
      </c>
      <c r="E5589" s="239">
        <v>9.1700000000000004E-2</v>
      </c>
      <c r="F5589" s="239">
        <v>0.2195</v>
      </c>
      <c r="G5589">
        <f t="shared" si="1308"/>
        <v>17.822400000000002</v>
      </c>
      <c r="H5589" s="235">
        <f t="shared" si="1309"/>
        <v>0.51452105215908073</v>
      </c>
      <c r="I5589" s="236">
        <f t="shared" si="1310"/>
        <v>19.668709828633116</v>
      </c>
      <c r="J5589" s="237">
        <f t="shared" si="1315"/>
        <v>9.6687098286331157</v>
      </c>
      <c r="K5589" s="237">
        <f t="shared" si="1311"/>
        <v>1089.4891748276457</v>
      </c>
      <c r="L5589" s="237">
        <f t="shared" si="1316"/>
        <v>535.63685579644596</v>
      </c>
      <c r="M5589" s="236">
        <f t="shared" si="1312"/>
        <v>31.239282069737257</v>
      </c>
      <c r="N5589" s="236">
        <f t="shared" si="1313"/>
        <v>0.54802180539951251</v>
      </c>
      <c r="O5589" s="236">
        <f t="shared" si="1317"/>
        <v>2.195700175296122</v>
      </c>
      <c r="P5589" s="236" t="str">
        <f t="shared" si="1318"/>
        <v>SAND</v>
      </c>
      <c r="Q5589" s="236" t="e">
        <f t="shared" si="1314"/>
        <v>#N/A</v>
      </c>
      <c r="R5589" s="238">
        <v>35</v>
      </c>
      <c r="S5589" s="236" t="e">
        <f t="shared" si="1319"/>
        <v>#N/A</v>
      </c>
      <c r="T5589" s="236">
        <f t="shared" si="1305"/>
        <v>34.041711489675414</v>
      </c>
    </row>
    <row r="5590" spans="1:20" x14ac:dyDescent="0.2">
      <c r="A5590" s="53">
        <f t="shared" si="1306"/>
        <v>5578</v>
      </c>
      <c r="B5590" s="239">
        <v>55.408999999999999</v>
      </c>
      <c r="C5590" s="3">
        <f t="shared" si="1307"/>
        <v>55.402000000000001</v>
      </c>
      <c r="D5590" s="239">
        <v>17.598099999999999</v>
      </c>
      <c r="E5590" s="239">
        <v>8.4699999999999998E-2</v>
      </c>
      <c r="F5590" s="239">
        <v>0.2893</v>
      </c>
      <c r="G5590">
        <f t="shared" si="1308"/>
        <v>17.65596</v>
      </c>
      <c r="H5590" s="235">
        <f t="shared" si="1309"/>
        <v>0.47972469353124947</v>
      </c>
      <c r="I5590" s="236">
        <f t="shared" si="1310"/>
        <v>19.571930464900547</v>
      </c>
      <c r="J5590" s="237">
        <f t="shared" si="1315"/>
        <v>9.5719304649005466</v>
      </c>
      <c r="K5590" s="237">
        <f t="shared" si="1311"/>
        <v>1084.32409161642</v>
      </c>
      <c r="L5590" s="237">
        <f t="shared" si="1316"/>
        <v>530.37109512967436</v>
      </c>
      <c r="M5590" s="236">
        <f t="shared" si="1312"/>
        <v>31.24536020261786</v>
      </c>
      <c r="N5590" s="236">
        <f t="shared" si="1313"/>
        <v>0.51111429473990755</v>
      </c>
      <c r="O5590" s="236">
        <f t="shared" si="1317"/>
        <v>2.1825713979844661</v>
      </c>
      <c r="P5590" s="236" t="str">
        <f t="shared" si="1318"/>
        <v>SAND</v>
      </c>
      <c r="Q5590" s="236" t="e">
        <f t="shared" si="1314"/>
        <v>#N/A</v>
      </c>
      <c r="R5590" s="238">
        <v>35</v>
      </c>
      <c r="S5590" s="236" t="e">
        <f t="shared" si="1319"/>
        <v>#N/A</v>
      </c>
      <c r="T5590" s="236">
        <f t="shared" si="1305"/>
        <v>34.042640892303297</v>
      </c>
    </row>
    <row r="5591" spans="1:20" x14ac:dyDescent="0.2">
      <c r="A5591" s="53">
        <f t="shared" si="1306"/>
        <v>5579</v>
      </c>
      <c r="B5591" s="239">
        <v>55.418999999999997</v>
      </c>
      <c r="C5591" s="3">
        <f t="shared" si="1307"/>
        <v>55.411999999999999</v>
      </c>
      <c r="D5591" s="239">
        <v>17.571000000000002</v>
      </c>
      <c r="E5591" s="239">
        <v>7.6999999999999999E-2</v>
      </c>
      <c r="F5591" s="239">
        <v>0.31859999999999999</v>
      </c>
      <c r="G5591">
        <f t="shared" si="1308"/>
        <v>17.634720000000002</v>
      </c>
      <c r="H5591" s="235">
        <f t="shared" si="1309"/>
        <v>0.43663863106417333</v>
      </c>
      <c r="I5591" s="236">
        <f t="shared" si="1310"/>
        <v>19.459699723936133</v>
      </c>
      <c r="J5591" s="237">
        <f t="shared" si="1315"/>
        <v>9.4596997239361329</v>
      </c>
      <c r="K5591" s="237">
        <f t="shared" si="1311"/>
        <v>1078.3008811027489</v>
      </c>
      <c r="L5591" s="237">
        <f t="shared" si="1316"/>
        <v>524.24709900081655</v>
      </c>
      <c r="M5591" s="236">
        <f t="shared" si="1312"/>
        <v>31.581327107871061</v>
      </c>
      <c r="N5591" s="236">
        <f t="shared" si="1313"/>
        <v>0.46507641203714967</v>
      </c>
      <c r="O5591" s="236">
        <f t="shared" si="1317"/>
        <v>2.1612135595525368</v>
      </c>
      <c r="P5591" s="236" t="str">
        <f t="shared" si="1318"/>
        <v>SAND</v>
      </c>
      <c r="Q5591" s="236" t="e">
        <f t="shared" si="1314"/>
        <v>#N/A</v>
      </c>
      <c r="R5591" s="238">
        <v>35</v>
      </c>
      <c r="S5591" s="236" t="e">
        <f t="shared" si="1319"/>
        <v>#N/A</v>
      </c>
      <c r="T5591" s="236">
        <f t="shared" si="1305"/>
        <v>34.093734135361103</v>
      </c>
    </row>
    <row r="5592" spans="1:20" x14ac:dyDescent="0.2">
      <c r="A5592" s="53">
        <f t="shared" si="1306"/>
        <v>5580</v>
      </c>
      <c r="B5592" s="239">
        <v>55.43</v>
      </c>
      <c r="C5592" s="3">
        <f t="shared" si="1307"/>
        <v>55.423000000000002</v>
      </c>
      <c r="D5592" s="239">
        <v>17.469899999999999</v>
      </c>
      <c r="E5592" s="239">
        <v>7.46E-2</v>
      </c>
      <c r="F5592" s="239">
        <v>0.33960000000000001</v>
      </c>
      <c r="G5592">
        <f t="shared" si="1308"/>
        <v>17.53782</v>
      </c>
      <c r="H5592" s="235">
        <f t="shared" si="1309"/>
        <v>0.42536643664948093</v>
      </c>
      <c r="I5592" s="236">
        <f t="shared" si="1310"/>
        <v>19.420415936089952</v>
      </c>
      <c r="J5592" s="237">
        <f t="shared" si="1315"/>
        <v>9.4204159360899524</v>
      </c>
      <c r="K5592" s="237">
        <f t="shared" si="1311"/>
        <v>1076.3377124259134</v>
      </c>
      <c r="L5592" s="237">
        <f t="shared" si="1316"/>
        <v>522.17365533746602</v>
      </c>
      <c r="M5592" s="236">
        <f t="shared" si="1312"/>
        <v>31.524919189834456</v>
      </c>
      <c r="N5592" s="236">
        <f t="shared" si="1313"/>
        <v>0.45317911653868276</v>
      </c>
      <c r="O5592" s="236">
        <f t="shared" si="1317"/>
        <v>2.1573256685334599</v>
      </c>
      <c r="P5592" s="236" t="str">
        <f t="shared" si="1318"/>
        <v>SAND</v>
      </c>
      <c r="Q5592" s="236" t="e">
        <f t="shared" si="1314"/>
        <v>#N/A</v>
      </c>
      <c r="R5592" s="238">
        <v>35</v>
      </c>
      <c r="S5592" s="236" t="e">
        <f t="shared" si="1319"/>
        <v>#N/A</v>
      </c>
      <c r="T5592" s="236">
        <f t="shared" si="1305"/>
        <v>34.08519380185988</v>
      </c>
    </row>
    <row r="5593" spans="1:20" x14ac:dyDescent="0.2">
      <c r="A5593" s="53">
        <f t="shared" si="1306"/>
        <v>5581</v>
      </c>
      <c r="B5593" s="239">
        <v>55.439</v>
      </c>
      <c r="C5593" s="3">
        <f t="shared" si="1307"/>
        <v>55.432000000000002</v>
      </c>
      <c r="D5593" s="239">
        <v>17.430199999999999</v>
      </c>
      <c r="E5593" s="239">
        <v>7.8299999999999995E-2</v>
      </c>
      <c r="F5593" s="239">
        <v>0.39439999999999997</v>
      </c>
      <c r="G5593">
        <f t="shared" si="1308"/>
        <v>17.509080000000001</v>
      </c>
      <c r="H5593" s="235">
        <f t="shared" si="1309"/>
        <v>0.44719654030937084</v>
      </c>
      <c r="I5593" s="236">
        <f t="shared" si="1310"/>
        <v>19.476536806276503</v>
      </c>
      <c r="J5593" s="237">
        <f t="shared" si="1315"/>
        <v>9.4765368062765027</v>
      </c>
      <c r="K5593" s="237">
        <f t="shared" si="1311"/>
        <v>1079.6233882455192</v>
      </c>
      <c r="L5593" s="237">
        <f t="shared" si="1316"/>
        <v>525.36972400316301</v>
      </c>
      <c r="M5593" s="236">
        <f t="shared" si="1312"/>
        <v>31.27218006886055</v>
      </c>
      <c r="N5593" s="236">
        <f t="shared" si="1313"/>
        <v>0.47658301701822647</v>
      </c>
      <c r="O5593" s="236">
        <f t="shared" si="1317"/>
        <v>2.1694822371538502</v>
      </c>
      <c r="P5593" s="236" t="str">
        <f t="shared" si="1318"/>
        <v>SAND</v>
      </c>
      <c r="Q5593" s="236" t="e">
        <f t="shared" si="1314"/>
        <v>#N/A</v>
      </c>
      <c r="R5593" s="238">
        <v>35</v>
      </c>
      <c r="S5593" s="236" t="e">
        <f t="shared" si="1319"/>
        <v>#N/A</v>
      </c>
      <c r="T5593" s="236">
        <f t="shared" si="1305"/>
        <v>34.046739739646426</v>
      </c>
    </row>
    <row r="5594" spans="1:20" x14ac:dyDescent="0.2">
      <c r="A5594" s="53">
        <f t="shared" si="1306"/>
        <v>5582</v>
      </c>
      <c r="B5594" s="239">
        <v>55.45</v>
      </c>
      <c r="C5594" s="3">
        <f t="shared" si="1307"/>
        <v>55.443000000000005</v>
      </c>
      <c r="D5594" s="239">
        <v>17.113</v>
      </c>
      <c r="E5594" s="239">
        <v>7.8600000000000003E-2</v>
      </c>
      <c r="F5594" s="239">
        <v>0.24340000000000001</v>
      </c>
      <c r="G5594">
        <f t="shared" si="1308"/>
        <v>17.16168</v>
      </c>
      <c r="H5594" s="235">
        <f t="shared" si="1309"/>
        <v>0.45799711916315888</v>
      </c>
      <c r="I5594" s="236">
        <f t="shared" si="1310"/>
        <v>19.47318774848404</v>
      </c>
      <c r="J5594" s="237">
        <f t="shared" si="1315"/>
        <v>9.4731877484840403</v>
      </c>
      <c r="K5594" s="237">
        <f t="shared" si="1311"/>
        <v>1079.6519483392008</v>
      </c>
      <c r="L5594" s="237">
        <f t="shared" si="1316"/>
        <v>525.28826065344003</v>
      </c>
      <c r="M5594" s="236">
        <f t="shared" si="1312"/>
        <v>30.615624327212881</v>
      </c>
      <c r="N5594" s="236">
        <f t="shared" si="1313"/>
        <v>0.48874432843613247</v>
      </c>
      <c r="O5594" s="236">
        <f t="shared" si="1317"/>
        <v>2.1824095159886592</v>
      </c>
      <c r="P5594" s="236" t="str">
        <f t="shared" si="1318"/>
        <v>SAND</v>
      </c>
      <c r="Q5594" s="236" t="e">
        <f t="shared" si="1314"/>
        <v>#N/A</v>
      </c>
      <c r="R5594" s="238">
        <v>35</v>
      </c>
      <c r="S5594" s="236" t="e">
        <f t="shared" si="1319"/>
        <v>#N/A</v>
      </c>
      <c r="T5594" s="236">
        <f t="shared" si="1305"/>
        <v>33.945374322037594</v>
      </c>
    </row>
    <row r="5595" spans="1:20" x14ac:dyDescent="0.2">
      <c r="A5595" s="53">
        <f t="shared" si="1306"/>
        <v>5583</v>
      </c>
      <c r="B5595" s="239">
        <v>55.46</v>
      </c>
      <c r="C5595" s="3">
        <f t="shared" si="1307"/>
        <v>55.453000000000003</v>
      </c>
      <c r="D5595" s="239">
        <v>16.7576</v>
      </c>
      <c r="E5595" s="239">
        <v>7.6499999999999999E-2</v>
      </c>
      <c r="F5595" s="239">
        <v>0.2172</v>
      </c>
      <c r="G5595">
        <f t="shared" si="1308"/>
        <v>16.80104</v>
      </c>
      <c r="H5595" s="235">
        <f t="shared" si="1309"/>
        <v>0.45532895582654404</v>
      </c>
      <c r="I5595" s="236">
        <f t="shared" si="1310"/>
        <v>19.433131478508475</v>
      </c>
      <c r="J5595" s="237">
        <f t="shared" si="1315"/>
        <v>9.433131478508475</v>
      </c>
      <c r="K5595" s="237">
        <f t="shared" si="1311"/>
        <v>1077.6254398777305</v>
      </c>
      <c r="L5595" s="237">
        <f t="shared" si="1316"/>
        <v>523.16147179808002</v>
      </c>
      <c r="M5595" s="236">
        <f t="shared" si="1312"/>
        <v>30.054611066984108</v>
      </c>
      <c r="N5595" s="236">
        <f t="shared" si="1313"/>
        <v>0.48653554040366859</v>
      </c>
      <c r="O5595" s="236">
        <f t="shared" si="1317"/>
        <v>2.1888981200971367</v>
      </c>
      <c r="P5595" s="236" t="str">
        <f t="shared" si="1318"/>
        <v>SAND</v>
      </c>
      <c r="Q5595" s="236" t="e">
        <f t="shared" si="1314"/>
        <v>#N/A</v>
      </c>
      <c r="R5595" s="238">
        <v>35</v>
      </c>
      <c r="S5595" s="236" t="e">
        <f t="shared" si="1319"/>
        <v>#N/A</v>
      </c>
      <c r="T5595" s="236">
        <f t="shared" si="1305"/>
        <v>33.857022234086273</v>
      </c>
    </row>
    <row r="5596" spans="1:20" x14ac:dyDescent="0.2">
      <c r="A5596" s="53">
        <f t="shared" si="1306"/>
        <v>5584</v>
      </c>
      <c r="B5596" s="239">
        <v>55.47</v>
      </c>
      <c r="C5596" s="3">
        <f t="shared" si="1307"/>
        <v>55.463000000000001</v>
      </c>
      <c r="D5596" s="239">
        <v>16.3599</v>
      </c>
      <c r="E5596" s="239">
        <v>7.7499999999999999E-2</v>
      </c>
      <c r="F5596" s="239">
        <v>0.1792</v>
      </c>
      <c r="G5596">
        <f t="shared" si="1308"/>
        <v>16.39574</v>
      </c>
      <c r="H5596" s="235">
        <f t="shared" si="1309"/>
        <v>0.47268375809814012</v>
      </c>
      <c r="I5596" s="236">
        <f t="shared" si="1310"/>
        <v>19.438815571627874</v>
      </c>
      <c r="J5596" s="237">
        <f t="shared" si="1315"/>
        <v>9.4388155716278739</v>
      </c>
      <c r="K5596" s="237">
        <f t="shared" si="1311"/>
        <v>1078.1350280491968</v>
      </c>
      <c r="L5596" s="237">
        <f t="shared" si="1316"/>
        <v>523.5710997581981</v>
      </c>
      <c r="M5596" s="236">
        <f t="shared" si="1312"/>
        <v>29.256016955528992</v>
      </c>
      <c r="N5596" s="236">
        <f t="shared" si="1313"/>
        <v>0.50595377111445272</v>
      </c>
      <c r="O5596" s="236">
        <f t="shared" si="1317"/>
        <v>2.2066115127378008</v>
      </c>
      <c r="P5596" s="236" t="str">
        <f t="shared" si="1318"/>
        <v>SAND</v>
      </c>
      <c r="Q5596" s="236" t="e">
        <f t="shared" si="1314"/>
        <v>#N/A</v>
      </c>
      <c r="R5596" s="238">
        <v>35</v>
      </c>
      <c r="S5596" s="236" t="e">
        <f t="shared" si="1319"/>
        <v>#N/A</v>
      </c>
      <c r="T5596" s="236">
        <f t="shared" si="1305"/>
        <v>33.728367189313076</v>
      </c>
    </row>
    <row r="5597" spans="1:20" x14ac:dyDescent="0.2">
      <c r="A5597" s="53">
        <f t="shared" si="1306"/>
        <v>5585</v>
      </c>
      <c r="B5597" s="239">
        <v>55.481000000000002</v>
      </c>
      <c r="C5597" s="3">
        <f t="shared" si="1307"/>
        <v>55.474000000000004</v>
      </c>
      <c r="D5597" s="239">
        <v>16.050599999999999</v>
      </c>
      <c r="E5597" s="239">
        <v>8.0600000000000005E-2</v>
      </c>
      <c r="F5597" s="239">
        <v>0.24410000000000001</v>
      </c>
      <c r="G5597">
        <f t="shared" si="1308"/>
        <v>16.099419999999999</v>
      </c>
      <c r="H5597" s="235">
        <f t="shared" si="1309"/>
        <v>0.50063915346018684</v>
      </c>
      <c r="I5597" s="236">
        <f t="shared" si="1310"/>
        <v>19.477676874579114</v>
      </c>
      <c r="J5597" s="237">
        <f t="shared" si="1315"/>
        <v>9.4776768745791138</v>
      </c>
      <c r="K5597" s="237">
        <f t="shared" si="1311"/>
        <v>1080.5046469404019</v>
      </c>
      <c r="L5597" s="237">
        <f t="shared" si="1316"/>
        <v>525.83099067852379</v>
      </c>
      <c r="M5597" s="236">
        <f t="shared" si="1312"/>
        <v>28.562248363641388</v>
      </c>
      <c r="N5597" s="236">
        <f t="shared" si="1313"/>
        <v>0.53665659673340183</v>
      </c>
      <c r="O5597" s="236">
        <f t="shared" si="1317"/>
        <v>2.2268712761287315</v>
      </c>
      <c r="P5597" s="236" t="str">
        <f t="shared" si="1318"/>
        <v>SAND</v>
      </c>
      <c r="Q5597" s="236" t="e">
        <f t="shared" si="1314"/>
        <v>#N/A</v>
      </c>
      <c r="R5597" s="238">
        <v>35</v>
      </c>
      <c r="S5597" s="236" t="e">
        <f t="shared" si="1319"/>
        <v>#N/A</v>
      </c>
      <c r="T5597" s="236">
        <f t="shared" si="1305"/>
        <v>33.613716303766843</v>
      </c>
    </row>
    <row r="5598" spans="1:20" x14ac:dyDescent="0.2">
      <c r="A5598" s="53">
        <f t="shared" si="1306"/>
        <v>5586</v>
      </c>
      <c r="B5598" s="239">
        <v>55.491</v>
      </c>
      <c r="C5598" s="3">
        <f t="shared" si="1307"/>
        <v>55.484000000000002</v>
      </c>
      <c r="D5598" s="239">
        <v>15.8089</v>
      </c>
      <c r="E5598" s="239">
        <v>8.1299999999999997E-2</v>
      </c>
      <c r="F5598" s="239">
        <v>0.25219999999999998</v>
      </c>
      <c r="G5598">
        <f t="shared" si="1308"/>
        <v>15.85934</v>
      </c>
      <c r="H5598" s="235">
        <f t="shared" si="1309"/>
        <v>0.5126316731969931</v>
      </c>
      <c r="I5598" s="236">
        <f t="shared" si="1310"/>
        <v>19.481944126325633</v>
      </c>
      <c r="J5598" s="237">
        <f t="shared" si="1315"/>
        <v>9.481944126325633</v>
      </c>
      <c r="K5598" s="237">
        <f t="shared" si="1311"/>
        <v>1080.9361879050514</v>
      </c>
      <c r="L5598" s="237">
        <f t="shared" si="1316"/>
        <v>526.16256151393566</v>
      </c>
      <c r="M5598" s="236">
        <f t="shared" si="1312"/>
        <v>28.087144341043231</v>
      </c>
      <c r="N5598" s="236">
        <f t="shared" si="1313"/>
        <v>0.55012707078326295</v>
      </c>
      <c r="O5598" s="236">
        <f t="shared" si="1317"/>
        <v>2.2380618367509353</v>
      </c>
      <c r="P5598" s="236" t="str">
        <f t="shared" si="1318"/>
        <v>SAND</v>
      </c>
      <c r="Q5598" s="236" t="e">
        <f t="shared" si="1314"/>
        <v>#N/A</v>
      </c>
      <c r="R5598" s="238">
        <v>35</v>
      </c>
      <c r="S5598" s="236" t="e">
        <f t="shared" si="1319"/>
        <v>#N/A</v>
      </c>
      <c r="T5598" s="236">
        <f t="shared" si="1305"/>
        <v>33.533583447355355</v>
      </c>
    </row>
    <row r="5599" spans="1:20" x14ac:dyDescent="0.2">
      <c r="A5599" s="53">
        <f t="shared" si="1306"/>
        <v>5587</v>
      </c>
      <c r="B5599" s="239">
        <v>55.502000000000002</v>
      </c>
      <c r="C5599" s="3">
        <f t="shared" si="1307"/>
        <v>55.495000000000005</v>
      </c>
      <c r="D5599" s="239">
        <v>15.656499999999999</v>
      </c>
      <c r="E5599" s="239">
        <v>8.5099999999999995E-2</v>
      </c>
      <c r="F5599" s="239">
        <v>0.28960000000000002</v>
      </c>
      <c r="G5599">
        <f t="shared" si="1308"/>
        <v>15.714419999999999</v>
      </c>
      <c r="H5599" s="235">
        <f t="shared" si="1309"/>
        <v>0.54154082683293436</v>
      </c>
      <c r="I5599" s="236">
        <f t="shared" si="1310"/>
        <v>19.531921387345552</v>
      </c>
      <c r="J5599" s="237">
        <f t="shared" si="1315"/>
        <v>9.5319213873455517</v>
      </c>
      <c r="K5599" s="237">
        <f t="shared" si="1311"/>
        <v>1083.9239773907416</v>
      </c>
      <c r="L5599" s="237">
        <f t="shared" si="1316"/>
        <v>529.04070084045281</v>
      </c>
      <c r="M5599" s="236">
        <f t="shared" si="1312"/>
        <v>27.654764556614893</v>
      </c>
      <c r="N5599" s="236">
        <f t="shared" si="1313"/>
        <v>0.58166175547630505</v>
      </c>
      <c r="O5599" s="236">
        <f t="shared" si="1317"/>
        <v>2.2546159508774095</v>
      </c>
      <c r="P5599" s="236" t="str">
        <f t="shared" si="1318"/>
        <v>SAND</v>
      </c>
      <c r="Q5599" s="236" t="e">
        <f t="shared" si="1314"/>
        <v>#N/A</v>
      </c>
      <c r="R5599" s="238">
        <v>35</v>
      </c>
      <c r="S5599" s="236" t="e">
        <f t="shared" si="1319"/>
        <v>#N/A</v>
      </c>
      <c r="T5599" s="236">
        <f t="shared" si="1305"/>
        <v>33.459469619217892</v>
      </c>
    </row>
    <row r="5600" spans="1:20" x14ac:dyDescent="0.2">
      <c r="A5600" s="53">
        <f t="shared" si="1306"/>
        <v>5588</v>
      </c>
      <c r="B5600" s="239">
        <v>55.512</v>
      </c>
      <c r="C5600" s="3">
        <f t="shared" si="1307"/>
        <v>55.505000000000003</v>
      </c>
      <c r="D5600" s="239">
        <v>15.533799999999999</v>
      </c>
      <c r="E5600" s="239">
        <v>9.1800000000000007E-2</v>
      </c>
      <c r="F5600" s="239">
        <v>0.22489999999999999</v>
      </c>
      <c r="G5600">
        <f t="shared" si="1308"/>
        <v>15.57878</v>
      </c>
      <c r="H5600" s="235">
        <f t="shared" si="1309"/>
        <v>0.58926308735343846</v>
      </c>
      <c r="I5600" s="236">
        <f t="shared" si="1310"/>
        <v>19.61739839354065</v>
      </c>
      <c r="J5600" s="237">
        <f t="shared" si="1315"/>
        <v>9.6173983935406504</v>
      </c>
      <c r="K5600" s="237">
        <f t="shared" si="1311"/>
        <v>1088.8636978334739</v>
      </c>
      <c r="L5600" s="237">
        <f t="shared" si="1316"/>
        <v>533.88101962222856</v>
      </c>
      <c r="M5600" s="236">
        <f t="shared" si="1312"/>
        <v>27.140721939168237</v>
      </c>
      <c r="N5600" s="236">
        <f t="shared" si="1313"/>
        <v>0.63354403217825428</v>
      </c>
      <c r="O5600" s="236">
        <f t="shared" si="1317"/>
        <v>2.2783471329315503</v>
      </c>
      <c r="P5600" s="236" t="str">
        <f t="shared" si="1318"/>
        <v>SAND</v>
      </c>
      <c r="Q5600" s="236" t="e">
        <f t="shared" si="1314"/>
        <v>#N/A</v>
      </c>
      <c r="R5600" s="238">
        <v>35</v>
      </c>
      <c r="S5600" s="236" t="e">
        <f t="shared" si="1319"/>
        <v>#N/A</v>
      </c>
      <c r="T5600" s="236">
        <f t="shared" si="1305"/>
        <v>33.369835352106122</v>
      </c>
    </row>
    <row r="5601" spans="1:20" x14ac:dyDescent="0.2">
      <c r="A5601" s="53">
        <f t="shared" si="1306"/>
        <v>5589</v>
      </c>
      <c r="B5601" s="239">
        <v>55.521999999999998</v>
      </c>
      <c r="C5601" s="3">
        <f t="shared" si="1307"/>
        <v>55.515000000000001</v>
      </c>
      <c r="D5601" s="239">
        <v>15.561299999999999</v>
      </c>
      <c r="E5601" s="239">
        <v>9.7500000000000003E-2</v>
      </c>
      <c r="F5601" s="239">
        <v>0.20319999999999999</v>
      </c>
      <c r="G5601">
        <f t="shared" si="1308"/>
        <v>15.601939999999999</v>
      </c>
      <c r="H5601" s="235">
        <f t="shared" si="1309"/>
        <v>0.62492228530554539</v>
      </c>
      <c r="I5601" s="236">
        <f t="shared" si="1310"/>
        <v>19.688616259840114</v>
      </c>
      <c r="J5601" s="237">
        <f t="shared" si="1315"/>
        <v>9.6886162598401135</v>
      </c>
      <c r="K5601" s="237">
        <f t="shared" si="1311"/>
        <v>1093.0135316650239</v>
      </c>
      <c r="L5601" s="237">
        <f t="shared" si="1316"/>
        <v>537.93135197884271</v>
      </c>
      <c r="M5601" s="236">
        <f t="shared" si="1312"/>
        <v>26.971706361717366</v>
      </c>
      <c r="N5601" s="236">
        <f t="shared" si="1313"/>
        <v>0.67200009740754418</v>
      </c>
      <c r="O5601" s="236">
        <f t="shared" si="1317"/>
        <v>2.2923518459795722</v>
      </c>
      <c r="P5601" s="236" t="str">
        <f t="shared" si="1318"/>
        <v>SAND</v>
      </c>
      <c r="Q5601" s="236" t="e">
        <f t="shared" si="1314"/>
        <v>#N/A</v>
      </c>
      <c r="R5601" s="238">
        <v>35</v>
      </c>
      <c r="S5601" s="236" t="e">
        <f t="shared" si="1319"/>
        <v>#N/A</v>
      </c>
      <c r="T5601" s="236">
        <f t="shared" si="1305"/>
        <v>33.339992652004952</v>
      </c>
    </row>
    <row r="5602" spans="1:20" x14ac:dyDescent="0.2">
      <c r="A5602" s="53">
        <f t="shared" si="1306"/>
        <v>5590</v>
      </c>
      <c r="B5602" s="239">
        <v>55.531999999999996</v>
      </c>
      <c r="C5602" s="3">
        <f t="shared" si="1307"/>
        <v>55.524999999999999</v>
      </c>
      <c r="D5602" s="239">
        <v>15.6892</v>
      </c>
      <c r="E5602" s="239">
        <v>0.10340000000000001</v>
      </c>
      <c r="F5602" s="239">
        <v>9.0399999999999994E-2</v>
      </c>
      <c r="G5602">
        <f t="shared" si="1308"/>
        <v>15.707279999999999</v>
      </c>
      <c r="H5602" s="235">
        <f t="shared" si="1309"/>
        <v>0.65829347920200065</v>
      </c>
      <c r="I5602" s="236">
        <f t="shared" si="1310"/>
        <v>19.760139396065274</v>
      </c>
      <c r="J5602" s="237">
        <f t="shared" si="1315"/>
        <v>9.7601393960652736</v>
      </c>
      <c r="K5602" s="237">
        <f t="shared" si="1311"/>
        <v>1097.1817399665242</v>
      </c>
      <c r="L5602" s="237">
        <f t="shared" si="1316"/>
        <v>542.00006094229673</v>
      </c>
      <c r="M5602" s="236">
        <f t="shared" si="1312"/>
        <v>26.955897817858215</v>
      </c>
      <c r="N5602" s="236">
        <f t="shared" si="1313"/>
        <v>0.70772966861458397</v>
      </c>
      <c r="O5602" s="236">
        <f t="shared" si="1317"/>
        <v>2.3029435892963077</v>
      </c>
      <c r="P5602" s="236" t="str">
        <f t="shared" si="1318"/>
        <v>SAND</v>
      </c>
      <c r="Q5602" s="236" t="e">
        <f t="shared" si="1314"/>
        <v>#N/A</v>
      </c>
      <c r="R5602" s="238">
        <v>35</v>
      </c>
      <c r="S5602" s="236" t="e">
        <f t="shared" si="1319"/>
        <v>#N/A</v>
      </c>
      <c r="T5602" s="236">
        <f t="shared" si="1305"/>
        <v>33.337191815575196</v>
      </c>
    </row>
    <row r="5603" spans="1:20" x14ac:dyDescent="0.2">
      <c r="A5603" s="53">
        <f t="shared" si="1306"/>
        <v>5591</v>
      </c>
      <c r="B5603" s="239">
        <v>55.542999999999999</v>
      </c>
      <c r="C5603" s="3">
        <f t="shared" si="1307"/>
        <v>55.536000000000001</v>
      </c>
      <c r="D5603" s="239">
        <v>15.6</v>
      </c>
      <c r="E5603" s="239">
        <v>0.1135</v>
      </c>
      <c r="F5603" s="239">
        <v>-1.7999999999999999E-2</v>
      </c>
      <c r="G5603">
        <f t="shared" si="1308"/>
        <v>15.596399999999999</v>
      </c>
      <c r="H5603" s="235">
        <f t="shared" si="1309"/>
        <v>0.72773204072734743</v>
      </c>
      <c r="I5603" s="236">
        <f t="shared" si="1310"/>
        <v>19.866653808997768</v>
      </c>
      <c r="J5603" s="237">
        <f t="shared" si="1315"/>
        <v>9.8666538089977678</v>
      </c>
      <c r="K5603" s="237">
        <f t="shared" si="1311"/>
        <v>1103.3144859365</v>
      </c>
      <c r="L5603" s="237">
        <f t="shared" si="1316"/>
        <v>548.02355251316305</v>
      </c>
      <c r="M5603" s="236">
        <f t="shared" si="1312"/>
        <v>26.446099711591113</v>
      </c>
      <c r="N5603" s="236">
        <f t="shared" si="1313"/>
        <v>0.78313206590731999</v>
      </c>
      <c r="O5603" s="236">
        <f t="shared" si="1317"/>
        <v>2.3309764718727224</v>
      </c>
      <c r="P5603" s="236" t="str">
        <f t="shared" si="1318"/>
        <v>SAND</v>
      </c>
      <c r="Q5603" s="236" t="e">
        <f t="shared" si="1314"/>
        <v>#N/A</v>
      </c>
      <c r="R5603" s="238">
        <v>35</v>
      </c>
      <c r="S5603" s="236" t="e">
        <f t="shared" si="1319"/>
        <v>#N/A</v>
      </c>
      <c r="T5603" s="236">
        <f t="shared" si="1305"/>
        <v>33.245977941596323</v>
      </c>
    </row>
    <row r="5604" spans="1:20" x14ac:dyDescent="0.2">
      <c r="A5604" s="53">
        <f t="shared" si="1306"/>
        <v>5592</v>
      </c>
      <c r="B5604" s="239">
        <v>55.552999999999997</v>
      </c>
      <c r="C5604" s="3">
        <f t="shared" si="1307"/>
        <v>55.545999999999999</v>
      </c>
      <c r="D5604" s="239">
        <v>15.416700000000001</v>
      </c>
      <c r="E5604" s="239">
        <v>0.11559999999999999</v>
      </c>
      <c r="F5604" s="239">
        <v>5.4300000000000001E-2</v>
      </c>
      <c r="G5604">
        <f t="shared" si="1308"/>
        <v>15.42756</v>
      </c>
      <c r="H5604" s="235">
        <f t="shared" si="1309"/>
        <v>0.74930838058643101</v>
      </c>
      <c r="I5604" s="236">
        <f t="shared" si="1310"/>
        <v>19.883896726121741</v>
      </c>
      <c r="J5604" s="237">
        <f t="shared" si="1315"/>
        <v>9.8838967261217405</v>
      </c>
      <c r="K5604" s="237">
        <f t="shared" si="1311"/>
        <v>1104.4709275491582</v>
      </c>
      <c r="L5604" s="237">
        <f t="shared" si="1316"/>
        <v>549.08011482624102</v>
      </c>
      <c r="M5604" s="236">
        <f t="shared" si="1312"/>
        <v>26.085608794963282</v>
      </c>
      <c r="N5604" s="236">
        <f t="shared" si="1313"/>
        <v>0.80708846684718372</v>
      </c>
      <c r="O5604" s="236">
        <f t="shared" si="1317"/>
        <v>2.3424816341988404</v>
      </c>
      <c r="P5604" s="236" t="str">
        <f t="shared" si="1318"/>
        <v>SAND</v>
      </c>
      <c r="Q5604" s="236" t="e">
        <f t="shared" si="1314"/>
        <v>#N/A</v>
      </c>
      <c r="R5604" s="238">
        <v>35</v>
      </c>
      <c r="S5604" s="236" t="e">
        <f t="shared" si="1319"/>
        <v>#N/A</v>
      </c>
      <c r="T5604" s="236">
        <f t="shared" si="1305"/>
        <v>33.180410745807038</v>
      </c>
    </row>
    <row r="5605" spans="1:20" x14ac:dyDescent="0.2">
      <c r="A5605" s="53">
        <f t="shared" si="1306"/>
        <v>5593</v>
      </c>
      <c r="B5605" s="239">
        <v>55.563000000000002</v>
      </c>
      <c r="C5605" s="3">
        <f t="shared" si="1307"/>
        <v>55.556000000000004</v>
      </c>
      <c r="D5605" s="239">
        <v>14.9922</v>
      </c>
      <c r="E5605" s="239">
        <v>0.1129</v>
      </c>
      <c r="F5605" s="239">
        <v>1.12E-2</v>
      </c>
      <c r="G5605">
        <f t="shared" si="1308"/>
        <v>14.994440000000001</v>
      </c>
      <c r="H5605" s="235">
        <f t="shared" si="1309"/>
        <v>0.7529457585611733</v>
      </c>
      <c r="I5605" s="236">
        <f t="shared" si="1310"/>
        <v>19.845053923232999</v>
      </c>
      <c r="J5605" s="237">
        <f t="shared" si="1315"/>
        <v>9.8450539232329994</v>
      </c>
      <c r="K5605" s="237">
        <f t="shared" si="1311"/>
        <v>1102.5118157591326</v>
      </c>
      <c r="L5605" s="237">
        <f t="shared" si="1316"/>
        <v>547.02073113659515</v>
      </c>
      <c r="M5605" s="236">
        <f t="shared" si="1312"/>
        <v>25.395615547104281</v>
      </c>
      <c r="N5605" s="236">
        <f t="shared" si="1313"/>
        <v>0.81270215698404513</v>
      </c>
      <c r="O5605" s="236">
        <f t="shared" si="1317"/>
        <v>2.3541381528721548</v>
      </c>
      <c r="P5605" s="236" t="str">
        <f t="shared" si="1318"/>
        <v>SAND</v>
      </c>
      <c r="Q5605" s="236" t="e">
        <f t="shared" si="1314"/>
        <v>#N/A</v>
      </c>
      <c r="R5605" s="238">
        <v>35</v>
      </c>
      <c r="S5605" s="236" t="e">
        <f t="shared" si="1319"/>
        <v>#N/A</v>
      </c>
      <c r="T5605" s="236">
        <f t="shared" si="1305"/>
        <v>33.05234618247804</v>
      </c>
    </row>
    <row r="5606" spans="1:20" x14ac:dyDescent="0.2">
      <c r="A5606" s="53">
        <f t="shared" si="1306"/>
        <v>5594</v>
      </c>
      <c r="B5606" s="239">
        <v>55.573999999999998</v>
      </c>
      <c r="C5606" s="3">
        <f t="shared" si="1307"/>
        <v>55.567</v>
      </c>
      <c r="D5606" s="239">
        <v>14.471299999999999</v>
      </c>
      <c r="E5606" s="239">
        <v>0.1028</v>
      </c>
      <c r="F5606" s="239">
        <v>-1.4200000000000001E-2</v>
      </c>
      <c r="G5606">
        <f t="shared" si="1308"/>
        <v>14.468459999999999</v>
      </c>
      <c r="H5606" s="235">
        <f t="shared" si="1309"/>
        <v>0.71051100117082266</v>
      </c>
      <c r="I5606" s="236">
        <f t="shared" si="1310"/>
        <v>19.721204541127516</v>
      </c>
      <c r="J5606" s="237">
        <f t="shared" si="1315"/>
        <v>9.7212045411275163</v>
      </c>
      <c r="K5606" s="237">
        <f t="shared" si="1311"/>
        <v>1095.8481727368328</v>
      </c>
      <c r="L5606" s="237">
        <f t="shared" si="1316"/>
        <v>540.24622116862054</v>
      </c>
      <c r="M5606" s="236">
        <f t="shared" si="1312"/>
        <v>24.752809558457486</v>
      </c>
      <c r="N5606" s="236">
        <f t="shared" si="1313"/>
        <v>0.76873539236679544</v>
      </c>
      <c r="O5606" s="236">
        <f t="shared" si="1317"/>
        <v>2.3524620539216721</v>
      </c>
      <c r="P5606" s="236" t="str">
        <f t="shared" si="1318"/>
        <v>SAND</v>
      </c>
      <c r="Q5606" s="236" t="e">
        <f t="shared" si="1314"/>
        <v>#N/A</v>
      </c>
      <c r="R5606" s="238">
        <v>35</v>
      </c>
      <c r="S5606" s="236" t="e">
        <f t="shared" si="1319"/>
        <v>#N/A</v>
      </c>
      <c r="T5606" s="236">
        <f t="shared" si="1305"/>
        <v>32.92986950551402</v>
      </c>
    </row>
    <row r="5607" spans="1:20" x14ac:dyDescent="0.2">
      <c r="A5607" s="53">
        <f t="shared" si="1306"/>
        <v>5595</v>
      </c>
      <c r="B5607" s="239">
        <v>55.584000000000003</v>
      </c>
      <c r="C5607" s="3">
        <f t="shared" si="1307"/>
        <v>55.577000000000005</v>
      </c>
      <c r="D5607" s="239">
        <v>13.849299999999999</v>
      </c>
      <c r="E5607" s="239">
        <v>9.8500000000000004E-2</v>
      </c>
      <c r="F5607" s="239">
        <v>2.2499999999999999E-2</v>
      </c>
      <c r="G5607">
        <f t="shared" si="1308"/>
        <v>13.8538</v>
      </c>
      <c r="H5607" s="235">
        <f t="shared" si="1309"/>
        <v>0.71099626095367341</v>
      </c>
      <c r="I5607" s="236">
        <f t="shared" si="1310"/>
        <v>19.654132899025271</v>
      </c>
      <c r="J5607" s="237">
        <f t="shared" si="1315"/>
        <v>9.6541328990252708</v>
      </c>
      <c r="K5607" s="237">
        <f t="shared" si="1311"/>
        <v>1092.3177441291275</v>
      </c>
      <c r="L5607" s="237">
        <f t="shared" si="1316"/>
        <v>536.61532305942069</v>
      </c>
      <c r="M5607" s="236">
        <f t="shared" si="1312"/>
        <v>23.781434684185793</v>
      </c>
      <c r="N5607" s="236">
        <f t="shared" si="1313"/>
        <v>0.77185391183446139</v>
      </c>
      <c r="O5607" s="236">
        <f t="shared" si="1317"/>
        <v>2.3686437295071134</v>
      </c>
      <c r="P5607" s="236" t="str">
        <f t="shared" si="1318"/>
        <v>SAND</v>
      </c>
      <c r="Q5607" s="236" t="e">
        <f t="shared" si="1314"/>
        <v>#N/A</v>
      </c>
      <c r="R5607" s="238">
        <v>35</v>
      </c>
      <c r="S5607" s="236" t="e">
        <f t="shared" si="1319"/>
        <v>#N/A</v>
      </c>
      <c r="T5607" s="236">
        <f t="shared" si="1305"/>
        <v>32.738618562652462</v>
      </c>
    </row>
    <row r="5608" spans="1:20" x14ac:dyDescent="0.2">
      <c r="A5608" s="53">
        <f t="shared" si="1306"/>
        <v>5596</v>
      </c>
      <c r="B5608" s="239">
        <v>55.594999999999999</v>
      </c>
      <c r="C5608" s="3">
        <f t="shared" si="1307"/>
        <v>55.588000000000001</v>
      </c>
      <c r="D5608" s="239">
        <v>13.2996</v>
      </c>
      <c r="E5608" s="239">
        <v>9.6100000000000005E-2</v>
      </c>
      <c r="F5608" s="239">
        <v>8.6400000000000005E-2</v>
      </c>
      <c r="G5608">
        <f t="shared" si="1308"/>
        <v>13.316879999999999</v>
      </c>
      <c r="H5608" s="235">
        <f t="shared" si="1309"/>
        <v>0.7216405043824079</v>
      </c>
      <c r="I5608" s="236">
        <f t="shared" si="1310"/>
        <v>19.60975843874234</v>
      </c>
      <c r="J5608" s="237">
        <f t="shared" si="1315"/>
        <v>9.6097584387423396</v>
      </c>
      <c r="K5608" s="237">
        <f t="shared" si="1311"/>
        <v>1090.0672520928092</v>
      </c>
      <c r="L5608" s="237">
        <f t="shared" si="1316"/>
        <v>534.25452040188031</v>
      </c>
      <c r="M5608" s="236">
        <f t="shared" si="1312"/>
        <v>22.885745054079955</v>
      </c>
      <c r="N5608" s="236">
        <f t="shared" si="1313"/>
        <v>0.78597752318116609</v>
      </c>
      <c r="O5608" s="236">
        <f t="shared" si="1317"/>
        <v>2.3870641811548814</v>
      </c>
      <c r="P5608" s="236" t="str">
        <f t="shared" si="1318"/>
        <v>SAND</v>
      </c>
      <c r="Q5608" s="236" t="e">
        <f t="shared" si="1314"/>
        <v>#N/A</v>
      </c>
      <c r="R5608" s="238">
        <v>35</v>
      </c>
      <c r="S5608" s="236" t="e">
        <f t="shared" si="1319"/>
        <v>#N/A</v>
      </c>
      <c r="T5608" s="236">
        <f t="shared" si="1305"/>
        <v>32.555215611759152</v>
      </c>
    </row>
    <row r="5609" spans="1:20" x14ac:dyDescent="0.2">
      <c r="A5609" s="53">
        <f t="shared" si="1306"/>
        <v>5597</v>
      </c>
      <c r="B5609" s="239">
        <v>55.603999999999999</v>
      </c>
      <c r="C5609" s="3">
        <f t="shared" si="1307"/>
        <v>55.597000000000001</v>
      </c>
      <c r="D5609" s="239">
        <v>12.8186</v>
      </c>
      <c r="E5609" s="239">
        <v>9.35E-2</v>
      </c>
      <c r="F5609" s="239">
        <v>0.16089999999999999</v>
      </c>
      <c r="G5609">
        <f t="shared" si="1308"/>
        <v>12.85078</v>
      </c>
      <c r="H5609" s="235">
        <f t="shared" si="1309"/>
        <v>0.72758229461557977</v>
      </c>
      <c r="I5609" s="236">
        <f t="shared" si="1310"/>
        <v>19.563670943578451</v>
      </c>
      <c r="J5609" s="237">
        <f t="shared" si="1315"/>
        <v>9.563670943578451</v>
      </c>
      <c r="K5609" s="237">
        <f t="shared" si="1311"/>
        <v>1087.6814134501312</v>
      </c>
      <c r="L5609" s="237">
        <f t="shared" si="1316"/>
        <v>531.77835914673619</v>
      </c>
      <c r="M5609" s="236">
        <f t="shared" si="1312"/>
        <v>22.120303288430772</v>
      </c>
      <c r="N5609" s="236">
        <f t="shared" si="1313"/>
        <v>0.79485859369494283</v>
      </c>
      <c r="O5609" s="236">
        <f t="shared" si="1317"/>
        <v>2.4024076188817038</v>
      </c>
      <c r="P5609" s="236" t="str">
        <f t="shared" si="1318"/>
        <v>SAND</v>
      </c>
      <c r="Q5609" s="236" t="e">
        <f t="shared" si="1314"/>
        <v>#N/A</v>
      </c>
      <c r="R5609" s="238">
        <v>35</v>
      </c>
      <c r="S5609" s="236" t="e">
        <f t="shared" si="1319"/>
        <v>#N/A</v>
      </c>
      <c r="T5609" s="236">
        <f t="shared" si="1305"/>
        <v>32.392701849478179</v>
      </c>
    </row>
    <row r="5610" spans="1:20" x14ac:dyDescent="0.2">
      <c r="A5610" s="53">
        <f t="shared" si="1306"/>
        <v>5598</v>
      </c>
      <c r="B5610" s="239">
        <v>55.615000000000002</v>
      </c>
      <c r="C5610" s="3">
        <f t="shared" si="1307"/>
        <v>55.608000000000004</v>
      </c>
      <c r="D5610" s="239">
        <v>12.6737</v>
      </c>
      <c r="E5610" s="239">
        <v>9.4700000000000006E-2</v>
      </c>
      <c r="F5610" s="239">
        <v>0.2903</v>
      </c>
      <c r="G5610">
        <f t="shared" si="1308"/>
        <v>12.73176</v>
      </c>
      <c r="H5610" s="235">
        <f t="shared" si="1309"/>
        <v>0.74380918270529772</v>
      </c>
      <c r="I5610" s="236">
        <f t="shared" si="1310"/>
        <v>19.574987596714806</v>
      </c>
      <c r="J5610" s="237">
        <f t="shared" si="1315"/>
        <v>9.5749875967148057</v>
      </c>
      <c r="K5610" s="237">
        <f t="shared" si="1311"/>
        <v>1088.525910278117</v>
      </c>
      <c r="L5610" s="237">
        <f t="shared" si="1316"/>
        <v>532.51293519129399</v>
      </c>
      <c r="M5610" s="236">
        <f t="shared" si="1312"/>
        <v>21.864697212546204</v>
      </c>
      <c r="N5610" s="236">
        <f t="shared" si="1313"/>
        <v>0.81334790033635795</v>
      </c>
      <c r="O5610" s="236">
        <f t="shared" si="1317"/>
        <v>2.411538413812496</v>
      </c>
      <c r="P5610" s="236" t="str">
        <f t="shared" si="1318"/>
        <v>SAND</v>
      </c>
      <c r="Q5610" s="236" t="e">
        <f t="shared" si="1314"/>
        <v>#N/A</v>
      </c>
      <c r="R5610" s="238">
        <v>35</v>
      </c>
      <c r="S5610" s="236" t="e">
        <f t="shared" si="1319"/>
        <v>#N/A</v>
      </c>
      <c r="T5610" s="236">
        <f t="shared" si="1305"/>
        <v>32.337178142617709</v>
      </c>
    </row>
    <row r="5611" spans="1:20" x14ac:dyDescent="0.2">
      <c r="A5611" s="53">
        <f t="shared" si="1306"/>
        <v>5599</v>
      </c>
      <c r="B5611" s="239">
        <v>55.625999999999998</v>
      </c>
      <c r="C5611" s="3">
        <f t="shared" si="1307"/>
        <v>55.619</v>
      </c>
      <c r="D5611" s="239">
        <v>12.8216</v>
      </c>
      <c r="E5611" s="239">
        <v>9.5500000000000002E-2</v>
      </c>
      <c r="F5611" s="239">
        <v>0.38700000000000001</v>
      </c>
      <c r="G5611">
        <f t="shared" si="1308"/>
        <v>12.899000000000001</v>
      </c>
      <c r="H5611" s="235">
        <f t="shared" si="1309"/>
        <v>0.74036747034653849</v>
      </c>
      <c r="I5611" s="236">
        <f t="shared" si="1310"/>
        <v>19.589952596138446</v>
      </c>
      <c r="J5611" s="237">
        <f t="shared" si="1315"/>
        <v>9.5899525961384455</v>
      </c>
      <c r="K5611" s="237">
        <f t="shared" si="1311"/>
        <v>1089.5735734446241</v>
      </c>
      <c r="L5611" s="237">
        <f t="shared" si="1316"/>
        <v>533.4507031127971</v>
      </c>
      <c r="M5611" s="236">
        <f t="shared" si="1312"/>
        <v>22.137802720373013</v>
      </c>
      <c r="N5611" s="236">
        <f t="shared" si="1313"/>
        <v>0.8086760232931639</v>
      </c>
      <c r="O5611" s="236">
        <f t="shared" si="1317"/>
        <v>2.4056036272686723</v>
      </c>
      <c r="P5611" s="236" t="str">
        <f t="shared" si="1318"/>
        <v>SAND</v>
      </c>
      <c r="Q5611" s="236" t="e">
        <f t="shared" si="1314"/>
        <v>#N/A</v>
      </c>
      <c r="R5611" s="238">
        <v>35</v>
      </c>
      <c r="S5611" s="236" t="e">
        <f t="shared" si="1319"/>
        <v>#N/A</v>
      </c>
      <c r="T5611" s="236">
        <f t="shared" si="1305"/>
        <v>32.396479642335308</v>
      </c>
    </row>
    <row r="5612" spans="1:20" x14ac:dyDescent="0.2">
      <c r="A5612" s="53">
        <f t="shared" si="1306"/>
        <v>5600</v>
      </c>
      <c r="B5612" s="239">
        <v>55.634999999999998</v>
      </c>
      <c r="C5612" s="3">
        <f t="shared" si="1307"/>
        <v>55.628</v>
      </c>
      <c r="D5612" s="239">
        <v>13.032500000000001</v>
      </c>
      <c r="E5612" s="239">
        <v>9.3100000000000002E-2</v>
      </c>
      <c r="F5612" s="239">
        <v>0.47339999999999999</v>
      </c>
      <c r="G5612">
        <f t="shared" si="1308"/>
        <v>13.127180000000001</v>
      </c>
      <c r="H5612" s="235">
        <f t="shared" si="1309"/>
        <v>0.70921553601001885</v>
      </c>
      <c r="I5612" s="236">
        <f t="shared" si="1310"/>
        <v>19.566961489332222</v>
      </c>
      <c r="J5612" s="237">
        <f t="shared" si="1315"/>
        <v>9.5669614893322219</v>
      </c>
      <c r="K5612" s="237">
        <f t="shared" si="1311"/>
        <v>1088.4709337285728</v>
      </c>
      <c r="L5612" s="237">
        <f t="shared" si="1316"/>
        <v>532.25790245899816</v>
      </c>
      <c r="M5612" s="236">
        <f t="shared" si="1312"/>
        <v>22.618187556546076</v>
      </c>
      <c r="N5612" s="236">
        <f t="shared" si="1313"/>
        <v>0.77333873164886191</v>
      </c>
      <c r="O5612" s="236">
        <f t="shared" si="1317"/>
        <v>2.3883053247882358</v>
      </c>
      <c r="P5612" s="236" t="str">
        <f t="shared" si="1318"/>
        <v>SAND</v>
      </c>
      <c r="Q5612" s="236" t="e">
        <f t="shared" si="1314"/>
        <v>#N/A</v>
      </c>
      <c r="R5612" s="238">
        <v>35</v>
      </c>
      <c r="S5612" s="236" t="e">
        <f t="shared" si="1319"/>
        <v>#N/A</v>
      </c>
      <c r="T5612" s="236">
        <f t="shared" si="1305"/>
        <v>32.499035811479359</v>
      </c>
    </row>
    <row r="5613" spans="1:20" x14ac:dyDescent="0.2">
      <c r="A5613" s="53">
        <f t="shared" si="1306"/>
        <v>5601</v>
      </c>
      <c r="B5613" s="239">
        <v>55.637</v>
      </c>
      <c r="C5613" s="3">
        <f t="shared" si="1307"/>
        <v>55.63</v>
      </c>
      <c r="D5613" s="239">
        <v>13.4091</v>
      </c>
      <c r="E5613" s="239">
        <v>9.8599999999999993E-2</v>
      </c>
      <c r="F5613" s="239">
        <v>0.34089999999999998</v>
      </c>
      <c r="G5613">
        <f t="shared" si="1308"/>
        <v>13.47728</v>
      </c>
      <c r="H5613" s="235">
        <f t="shared" si="1309"/>
        <v>0.73160162881530988</v>
      </c>
      <c r="I5613" s="236">
        <f t="shared" si="1310"/>
        <v>19.644552750836077</v>
      </c>
      <c r="J5613" s="237">
        <f t="shared" si="1315"/>
        <v>9.6445527508360769</v>
      </c>
      <c r="K5613" s="237">
        <f t="shared" si="1311"/>
        <v>1092.8264695290111</v>
      </c>
      <c r="L5613" s="237">
        <f t="shared" si="1316"/>
        <v>536.59398139826681</v>
      </c>
      <c r="M5613" s="236">
        <f t="shared" si="1312"/>
        <v>23.079747369136243</v>
      </c>
      <c r="N5613" s="236">
        <f t="shared" si="1313"/>
        <v>0.79615947330580494</v>
      </c>
      <c r="O5613" s="236">
        <f t="shared" si="1317"/>
        <v>2.3864443332973271</v>
      </c>
      <c r="P5613" s="236" t="str">
        <f t="shared" si="1318"/>
        <v>SAND</v>
      </c>
      <c r="Q5613" s="236" t="e">
        <f t="shared" si="1314"/>
        <v>#N/A</v>
      </c>
      <c r="R5613" s="238">
        <v>35</v>
      </c>
      <c r="S5613" s="236" t="e">
        <f t="shared" si="1319"/>
        <v>#N/A</v>
      </c>
      <c r="T5613" s="236">
        <f t="shared" si="1305"/>
        <v>32.595541557955983</v>
      </c>
    </row>
    <row r="5614" spans="1:20" x14ac:dyDescent="0.2">
      <c r="A5614" s="53">
        <f t="shared" si="1306"/>
        <v>5602</v>
      </c>
      <c r="B5614" s="239">
        <v>55.643999999999998</v>
      </c>
      <c r="C5614" s="3">
        <f t="shared" si="1307"/>
        <v>55.637</v>
      </c>
      <c r="D5614" s="239">
        <v>12.8345</v>
      </c>
      <c r="E5614" s="239">
        <v>0.1147</v>
      </c>
      <c r="F5614" s="239">
        <v>0.50739999999999996</v>
      </c>
      <c r="G5614">
        <f t="shared" si="1308"/>
        <v>12.935980000000001</v>
      </c>
      <c r="H5614" s="235">
        <f t="shared" si="1309"/>
        <v>0.88667422182161681</v>
      </c>
      <c r="I5614" s="236">
        <f t="shared" si="1310"/>
        <v>19.805883684618088</v>
      </c>
      <c r="J5614" s="237">
        <f t="shared" si="1315"/>
        <v>9.8058836846180881</v>
      </c>
      <c r="K5614" s="237">
        <f t="shared" si="1311"/>
        <v>1101.9399505610966</v>
      </c>
      <c r="L5614" s="237">
        <f t="shared" si="1316"/>
        <v>545.63859174688889</v>
      </c>
      <c r="M5614" s="236">
        <f t="shared" si="1312"/>
        <v>21.688422022261367</v>
      </c>
      <c r="N5614" s="236">
        <f t="shared" si="1313"/>
        <v>0.96923788934987032</v>
      </c>
      <c r="O5614" s="236">
        <f t="shared" si="1317"/>
        <v>2.4512154960514274</v>
      </c>
      <c r="P5614" s="236" t="str">
        <f t="shared" si="1318"/>
        <v>SAND</v>
      </c>
      <c r="Q5614" s="236" t="e">
        <f t="shared" si="1314"/>
        <v>#N/A</v>
      </c>
      <c r="R5614" s="238">
        <v>35</v>
      </c>
      <c r="S5614" s="236" t="e">
        <f t="shared" si="1319"/>
        <v>#N/A</v>
      </c>
      <c r="T5614" s="236">
        <f t="shared" si="1305"/>
        <v>32.298507508693888</v>
      </c>
    </row>
    <row r="5615" spans="1:20" x14ac:dyDescent="0.2">
      <c r="A5615" s="53">
        <f t="shared" si="1306"/>
        <v>5603</v>
      </c>
      <c r="B5615" s="239">
        <v>55.654000000000003</v>
      </c>
      <c r="C5615" s="3">
        <f t="shared" si="1307"/>
        <v>55.647000000000006</v>
      </c>
      <c r="D5615" s="239">
        <v>13.973699999999999</v>
      </c>
      <c r="E5615" s="239">
        <v>0.1096</v>
      </c>
      <c r="F5615" s="239">
        <v>0.35920000000000002</v>
      </c>
      <c r="G5615">
        <f t="shared" si="1308"/>
        <v>14.045539999999999</v>
      </c>
      <c r="H5615" s="235">
        <f t="shared" si="1309"/>
        <v>0.78031887702430813</v>
      </c>
      <c r="I5615" s="236">
        <f t="shared" si="1310"/>
        <v>19.784716147396686</v>
      </c>
      <c r="J5615" s="237">
        <f t="shared" si="1315"/>
        <v>9.7847161473966864</v>
      </c>
      <c r="K5615" s="237">
        <f t="shared" si="1311"/>
        <v>1100.9600994541836</v>
      </c>
      <c r="L5615" s="237">
        <f t="shared" si="1316"/>
        <v>544.55859246721525</v>
      </c>
      <c r="M5615" s="236">
        <f t="shared" si="1312"/>
        <v>23.770775228976181</v>
      </c>
      <c r="N5615" s="236">
        <f t="shared" si="1313"/>
        <v>0.84668641888778984</v>
      </c>
      <c r="O5615" s="236">
        <f t="shared" si="1317"/>
        <v>2.387869682986608</v>
      </c>
      <c r="P5615" s="236" t="str">
        <f t="shared" si="1318"/>
        <v>SAND</v>
      </c>
      <c r="Q5615" s="236" t="e">
        <f t="shared" si="1314"/>
        <v>#N/A</v>
      </c>
      <c r="R5615" s="238">
        <v>35</v>
      </c>
      <c r="S5615" s="236" t="e">
        <f t="shared" si="1319"/>
        <v>#N/A</v>
      </c>
      <c r="T5615" s="236">
        <f t="shared" si="1305"/>
        <v>32.736476800185486</v>
      </c>
    </row>
    <row r="5616" spans="1:20" x14ac:dyDescent="0.2">
      <c r="A5616" s="53">
        <f t="shared" si="1306"/>
        <v>5604</v>
      </c>
      <c r="B5616" s="239">
        <v>55.662999999999997</v>
      </c>
      <c r="C5616" s="3">
        <f t="shared" si="1307"/>
        <v>55.655999999999999</v>
      </c>
      <c r="D5616" s="239">
        <v>14.1747</v>
      </c>
      <c r="E5616" s="239">
        <v>0.1139</v>
      </c>
      <c r="F5616" s="239">
        <v>0.1883</v>
      </c>
      <c r="G5616">
        <f t="shared" si="1308"/>
        <v>14.21236</v>
      </c>
      <c r="H5616" s="235">
        <f t="shared" si="1309"/>
        <v>0.80141510628776635</v>
      </c>
      <c r="I5616" s="236">
        <f t="shared" si="1310"/>
        <v>19.834456689093653</v>
      </c>
      <c r="J5616" s="237">
        <f t="shared" si="1315"/>
        <v>9.8344566890936527</v>
      </c>
      <c r="K5616" s="237">
        <f t="shared" si="1311"/>
        <v>1103.9065214881964</v>
      </c>
      <c r="L5616" s="237">
        <f t="shared" si="1316"/>
        <v>547.41536268502</v>
      </c>
      <c r="M5616" s="236">
        <f t="shared" si="1312"/>
        <v>23.946082576521224</v>
      </c>
      <c r="N5616" s="236">
        <f t="shared" si="1313"/>
        <v>0.86890494127863371</v>
      </c>
      <c r="O5616" s="236">
        <f t="shared" si="1317"/>
        <v>2.3905056353755865</v>
      </c>
      <c r="P5616" s="236" t="str">
        <f t="shared" si="1318"/>
        <v>SAND</v>
      </c>
      <c r="Q5616" s="236" t="e">
        <f t="shared" si="1314"/>
        <v>#N/A</v>
      </c>
      <c r="R5616" s="238">
        <v>35</v>
      </c>
      <c r="S5616" s="236" t="e">
        <f t="shared" si="1319"/>
        <v>#N/A</v>
      </c>
      <c r="T5616" s="236">
        <f t="shared" si="1305"/>
        <v>32.771579233874334</v>
      </c>
    </row>
    <row r="5617" spans="1:20" x14ac:dyDescent="0.2">
      <c r="A5617" s="53">
        <f t="shared" si="1306"/>
        <v>5605</v>
      </c>
      <c r="B5617" s="239">
        <v>55.673999999999999</v>
      </c>
      <c r="C5617" s="3">
        <f t="shared" si="1307"/>
        <v>55.667000000000002</v>
      </c>
      <c r="D5617" s="239">
        <v>14.234500000000001</v>
      </c>
      <c r="E5617" s="239">
        <v>0.1176</v>
      </c>
      <c r="F5617" s="239">
        <v>3.8399999999999997E-2</v>
      </c>
      <c r="G5617">
        <f t="shared" si="1308"/>
        <v>14.242180000000001</v>
      </c>
      <c r="H5617" s="235">
        <f t="shared" si="1309"/>
        <v>0.82571628781548878</v>
      </c>
      <c r="I5617" s="236">
        <f t="shared" si="1310"/>
        <v>19.872761646355865</v>
      </c>
      <c r="J5617" s="237">
        <f t="shared" si="1315"/>
        <v>9.8727616463558654</v>
      </c>
      <c r="K5617" s="237">
        <f t="shared" si="1311"/>
        <v>1106.257022567692</v>
      </c>
      <c r="L5617" s="237">
        <f t="shared" si="1316"/>
        <v>549.65613189921646</v>
      </c>
      <c r="M5617" s="236">
        <f t="shared" si="1312"/>
        <v>23.898437978020915</v>
      </c>
      <c r="N5617" s="236">
        <f t="shared" si="1313"/>
        <v>0.89525494479556833</v>
      </c>
      <c r="O5617" s="236">
        <f t="shared" si="1317"/>
        <v>2.3975773638850151</v>
      </c>
      <c r="P5617" s="236" t="str">
        <f t="shared" si="1318"/>
        <v>SAND</v>
      </c>
      <c r="Q5617" s="236" t="e">
        <f t="shared" si="1314"/>
        <v>#N/A</v>
      </c>
      <c r="R5617" s="238">
        <v>35</v>
      </c>
      <c r="S5617" s="236" t="e">
        <f t="shared" si="1319"/>
        <v>#N/A</v>
      </c>
      <c r="T5617" s="236">
        <f t="shared" si="1305"/>
        <v>32.762064676260124</v>
      </c>
    </row>
    <row r="5618" spans="1:20" x14ac:dyDescent="0.2">
      <c r="A5618" s="53">
        <f t="shared" si="1306"/>
        <v>5606</v>
      </c>
      <c r="B5618" s="239">
        <v>55.683999999999997</v>
      </c>
      <c r="C5618" s="3">
        <f t="shared" si="1307"/>
        <v>55.677</v>
      </c>
      <c r="D5618" s="239">
        <v>14.0892</v>
      </c>
      <c r="E5618" s="239">
        <v>0.125</v>
      </c>
      <c r="F5618" s="239">
        <v>-1.8E-3</v>
      </c>
      <c r="G5618">
        <f t="shared" si="1308"/>
        <v>14.088839999999999</v>
      </c>
      <c r="H5618" s="235">
        <f t="shared" si="1309"/>
        <v>0.88722705346927078</v>
      </c>
      <c r="I5618" s="236">
        <f t="shared" si="1310"/>
        <v>19.940087802883639</v>
      </c>
      <c r="J5618" s="237">
        <f t="shared" si="1315"/>
        <v>9.9400878028836388</v>
      </c>
      <c r="K5618" s="237">
        <f t="shared" si="1311"/>
        <v>1110.2042686011523</v>
      </c>
      <c r="L5618" s="237">
        <f t="shared" si="1316"/>
        <v>553.50384921577256</v>
      </c>
      <c r="M5618" s="236">
        <f t="shared" si="1312"/>
        <v>23.448139971903579</v>
      </c>
      <c r="N5618" s="236">
        <f t="shared" si="1313"/>
        <v>0.96312126009971155</v>
      </c>
      <c r="O5618" s="236">
        <f t="shared" si="1317"/>
        <v>2.4204116627485806</v>
      </c>
      <c r="P5618" s="236" t="str">
        <f t="shared" si="1318"/>
        <v>SAND</v>
      </c>
      <c r="Q5618" s="236" t="e">
        <f t="shared" si="1314"/>
        <v>#N/A</v>
      </c>
      <c r="R5618" s="238">
        <v>35</v>
      </c>
      <c r="S5618" s="236" t="e">
        <f t="shared" si="1319"/>
        <v>#N/A</v>
      </c>
      <c r="T5618" s="236">
        <f t="shared" si="1305"/>
        <v>32.671192377189094</v>
      </c>
    </row>
    <row r="5619" spans="1:20" x14ac:dyDescent="0.2">
      <c r="A5619" s="53">
        <f t="shared" si="1306"/>
        <v>5607</v>
      </c>
      <c r="B5619" s="239">
        <v>55.694000000000003</v>
      </c>
      <c r="C5619" s="3">
        <f t="shared" si="1307"/>
        <v>55.687000000000005</v>
      </c>
      <c r="D5619" s="239">
        <v>13.874700000000001</v>
      </c>
      <c r="E5619" s="239">
        <v>0.12820000000000001</v>
      </c>
      <c r="F5619" s="239">
        <v>-2.18E-2</v>
      </c>
      <c r="G5619">
        <f t="shared" si="1308"/>
        <v>13.870340000000001</v>
      </c>
      <c r="H5619" s="235">
        <f t="shared" si="1309"/>
        <v>0.92427438692923181</v>
      </c>
      <c r="I5619" s="236">
        <f t="shared" si="1310"/>
        <v>19.9636191186313</v>
      </c>
      <c r="J5619" s="237">
        <f t="shared" si="1315"/>
        <v>9.9636191186312999</v>
      </c>
      <c r="K5619" s="237">
        <f t="shared" si="1311"/>
        <v>1111.7140578592214</v>
      </c>
      <c r="L5619" s="237">
        <f t="shared" si="1316"/>
        <v>554.91380319305165</v>
      </c>
      <c r="M5619" s="236">
        <f t="shared" si="1312"/>
        <v>22.992086101888006</v>
      </c>
      <c r="N5619" s="236">
        <f t="shared" si="1313"/>
        <v>1.004810397149156</v>
      </c>
      <c r="O5619" s="236">
        <f t="shared" si="1317"/>
        <v>2.436992272568983</v>
      </c>
      <c r="P5619" s="236" t="str">
        <f t="shared" si="1318"/>
        <v>SAND</v>
      </c>
      <c r="Q5619" s="236" t="e">
        <f t="shared" si="1314"/>
        <v>#N/A</v>
      </c>
      <c r="R5619" s="238">
        <v>35</v>
      </c>
      <c r="S5619" s="236" t="e">
        <f t="shared" si="1319"/>
        <v>#N/A</v>
      </c>
      <c r="T5619" s="236">
        <f t="shared" si="1305"/>
        <v>32.577362148764422</v>
      </c>
    </row>
    <row r="5620" spans="1:20" x14ac:dyDescent="0.2">
      <c r="A5620" s="53">
        <f t="shared" si="1306"/>
        <v>5608</v>
      </c>
      <c r="B5620" s="239">
        <v>55.704999999999998</v>
      </c>
      <c r="C5620" s="3">
        <f t="shared" si="1307"/>
        <v>55.698</v>
      </c>
      <c r="D5620" s="239">
        <v>13.557700000000001</v>
      </c>
      <c r="E5620" s="239">
        <v>0.128</v>
      </c>
      <c r="F5620" s="239">
        <v>-1.4E-3</v>
      </c>
      <c r="G5620">
        <f t="shared" si="1308"/>
        <v>13.55742</v>
      </c>
      <c r="H5620" s="235">
        <f t="shared" si="1309"/>
        <v>0.94413243817776538</v>
      </c>
      <c r="I5620" s="236">
        <f t="shared" si="1310"/>
        <v>19.952869317808045</v>
      </c>
      <c r="J5620" s="237">
        <f t="shared" si="1315"/>
        <v>9.9528693178080445</v>
      </c>
      <c r="K5620" s="237">
        <f t="shared" si="1311"/>
        <v>1111.3349152632725</v>
      </c>
      <c r="L5620" s="237">
        <f t="shared" si="1316"/>
        <v>554.42458534849709</v>
      </c>
      <c r="M5620" s="236">
        <f t="shared" si="1312"/>
        <v>22.448652916272529</v>
      </c>
      <c r="N5620" s="236">
        <f t="shared" si="1313"/>
        <v>1.028435842504186</v>
      </c>
      <c r="O5620" s="236">
        <f t="shared" si="1317"/>
        <v>2.4510437102156408</v>
      </c>
      <c r="P5620" s="236" t="str">
        <f t="shared" si="1318"/>
        <v>SAND</v>
      </c>
      <c r="Q5620" s="236" t="e">
        <f t="shared" si="1314"/>
        <v>#N/A</v>
      </c>
      <c r="R5620" s="238">
        <v>35</v>
      </c>
      <c r="S5620" s="236" t="e">
        <f t="shared" si="1319"/>
        <v>#N/A</v>
      </c>
      <c r="T5620" s="236">
        <f t="shared" si="1305"/>
        <v>32.463093137957507</v>
      </c>
    </row>
    <row r="5621" spans="1:20" x14ac:dyDescent="0.2">
      <c r="A5621" s="53">
        <f t="shared" si="1306"/>
        <v>5609</v>
      </c>
      <c r="B5621" s="239">
        <v>55.716000000000001</v>
      </c>
      <c r="C5621" s="3">
        <f t="shared" si="1307"/>
        <v>55.709000000000003</v>
      </c>
      <c r="D5621" s="239">
        <v>13.2896</v>
      </c>
      <c r="E5621" s="239">
        <v>0.13420000000000001</v>
      </c>
      <c r="F5621" s="239">
        <v>8.8000000000000005E-3</v>
      </c>
      <c r="G5621">
        <f t="shared" si="1308"/>
        <v>13.291360000000001</v>
      </c>
      <c r="H5621" s="235">
        <f t="shared" si="1309"/>
        <v>1.009678467816687</v>
      </c>
      <c r="I5621" s="236">
        <f t="shared" si="1310"/>
        <v>20.000587326161231</v>
      </c>
      <c r="J5621" s="237">
        <f t="shared" si="1315"/>
        <v>10.000587326161231</v>
      </c>
      <c r="K5621" s="237">
        <f t="shared" si="1311"/>
        <v>1114.212719353116</v>
      </c>
      <c r="L5621" s="237">
        <f t="shared" si="1316"/>
        <v>557.19272346439914</v>
      </c>
      <c r="M5621" s="236">
        <f t="shared" si="1312"/>
        <v>21.854462141813887</v>
      </c>
      <c r="N5621" s="236">
        <f t="shared" si="1313"/>
        <v>1.1020643579903464</v>
      </c>
      <c r="O5621" s="236">
        <f t="shared" si="1317"/>
        <v>2.4762927314279106</v>
      </c>
      <c r="P5621" s="236" t="str">
        <f t="shared" si="1318"/>
        <v>SAND</v>
      </c>
      <c r="Q5621" s="236" t="e">
        <f t="shared" si="1314"/>
        <v>#N/A</v>
      </c>
      <c r="R5621" s="238">
        <v>35</v>
      </c>
      <c r="S5621" s="236" t="e">
        <f t="shared" si="1319"/>
        <v>#N/A</v>
      </c>
      <c r="T5621" s="236">
        <f t="shared" si="1305"/>
        <v>32.334941348325884</v>
      </c>
    </row>
    <row r="5622" spans="1:20" x14ac:dyDescent="0.2">
      <c r="A5622" s="53">
        <f t="shared" si="1306"/>
        <v>5610</v>
      </c>
      <c r="B5622" s="239">
        <v>55.725999999999999</v>
      </c>
      <c r="C5622" s="3">
        <f t="shared" si="1307"/>
        <v>55.719000000000001</v>
      </c>
      <c r="D5622" s="239">
        <v>13.222899999999999</v>
      </c>
      <c r="E5622" s="239">
        <v>0.13789999999999999</v>
      </c>
      <c r="F5622" s="239">
        <v>4.0399999999999998E-2</v>
      </c>
      <c r="G5622">
        <f t="shared" si="1308"/>
        <v>13.230979999999999</v>
      </c>
      <c r="H5622" s="235">
        <f t="shared" si="1309"/>
        <v>1.0422508385622229</v>
      </c>
      <c r="I5622" s="236">
        <f t="shared" si="1310"/>
        <v>20.030699384719213</v>
      </c>
      <c r="J5622" s="237">
        <f t="shared" si="1315"/>
        <v>10.030699384719213</v>
      </c>
      <c r="K5622" s="237">
        <f t="shared" si="1311"/>
        <v>1116.0905390171699</v>
      </c>
      <c r="L5622" s="237">
        <f t="shared" si="1316"/>
        <v>558.97075391286285</v>
      </c>
      <c r="M5622" s="236">
        <f t="shared" si="1312"/>
        <v>21.673565881894785</v>
      </c>
      <c r="N5622" s="236">
        <f t="shared" si="1313"/>
        <v>1.1382687431372795</v>
      </c>
      <c r="O5622" s="236">
        <f t="shared" si="1317"/>
        <v>2.4865747526111588</v>
      </c>
      <c r="P5622" s="236" t="str">
        <f t="shared" si="1318"/>
        <v>SAND</v>
      </c>
      <c r="Q5622" s="236" t="e">
        <f t="shared" si="1314"/>
        <v>#N/A</v>
      </c>
      <c r="R5622" s="238">
        <v>35</v>
      </c>
      <c r="S5622" s="236" t="e">
        <f t="shared" si="1319"/>
        <v>#N/A</v>
      </c>
      <c r="T5622" s="236">
        <f t="shared" si="1305"/>
        <v>32.295234072957811</v>
      </c>
    </row>
    <row r="5623" spans="1:20" x14ac:dyDescent="0.2">
      <c r="A5623" s="53">
        <f t="shared" si="1306"/>
        <v>5611</v>
      </c>
      <c r="B5623" s="239">
        <v>55.737000000000002</v>
      </c>
      <c r="C5623" s="3">
        <f t="shared" si="1307"/>
        <v>55.730000000000004</v>
      </c>
      <c r="D5623" s="239">
        <v>13.1637</v>
      </c>
      <c r="E5623" s="239">
        <v>0.13950000000000001</v>
      </c>
      <c r="F5623" s="239">
        <v>8.0100000000000005E-2</v>
      </c>
      <c r="G5623">
        <f t="shared" si="1308"/>
        <v>13.17972</v>
      </c>
      <c r="H5623" s="235">
        <f t="shared" si="1309"/>
        <v>1.0584443372089849</v>
      </c>
      <c r="I5623" s="236">
        <f t="shared" si="1310"/>
        <v>20.04270898041467</v>
      </c>
      <c r="J5623" s="237">
        <f t="shared" si="1315"/>
        <v>10.04270898041467</v>
      </c>
      <c r="K5623" s="237">
        <f t="shared" si="1311"/>
        <v>1116.9801714785096</v>
      </c>
      <c r="L5623" s="237">
        <f t="shared" si="1316"/>
        <v>559.7504704413725</v>
      </c>
      <c r="M5623" s="236">
        <f t="shared" si="1312"/>
        <v>21.550209362057025</v>
      </c>
      <c r="N5623" s="236">
        <f t="shared" si="1313"/>
        <v>1.1564536911437167</v>
      </c>
      <c r="O5623" s="236">
        <f t="shared" si="1317"/>
        <v>2.4922394782558097</v>
      </c>
      <c r="P5623" s="236" t="str">
        <f t="shared" si="1318"/>
        <v>SAND</v>
      </c>
      <c r="Q5623" s="236" t="e">
        <f t="shared" si="1314"/>
        <v>#N/A</v>
      </c>
      <c r="R5623" s="238">
        <v>35</v>
      </c>
      <c r="S5623" s="236" t="e">
        <f t="shared" si="1319"/>
        <v>#N/A</v>
      </c>
      <c r="T5623" s="236">
        <f t="shared" si="1305"/>
        <v>32.267966430962559</v>
      </c>
    </row>
    <row r="5624" spans="1:20" x14ac:dyDescent="0.2">
      <c r="A5624" s="53">
        <f t="shared" si="1306"/>
        <v>5612</v>
      </c>
      <c r="B5624" s="239">
        <v>55.747</v>
      </c>
      <c r="C5624" s="3">
        <f t="shared" si="1307"/>
        <v>55.74</v>
      </c>
      <c r="D5624" s="239">
        <v>13.2562</v>
      </c>
      <c r="E5624" s="239">
        <v>0.13819999999999999</v>
      </c>
      <c r="F5624" s="239">
        <v>0.11459999999999999</v>
      </c>
      <c r="G5624">
        <f t="shared" si="1308"/>
        <v>13.279119999999999</v>
      </c>
      <c r="H5624" s="235">
        <f t="shared" si="1309"/>
        <v>1.0407316147455554</v>
      </c>
      <c r="I5624" s="236">
        <f t="shared" si="1310"/>
        <v>20.034667136561168</v>
      </c>
      <c r="J5624" s="237">
        <f t="shared" si="1315"/>
        <v>10.034667136561168</v>
      </c>
      <c r="K5624" s="237">
        <f t="shared" si="1311"/>
        <v>1116.7323461919195</v>
      </c>
      <c r="L5624" s="237">
        <f t="shared" si="1316"/>
        <v>559.40258886187542</v>
      </c>
      <c r="M5624" s="236">
        <f t="shared" si="1312"/>
        <v>21.741743595704293</v>
      </c>
      <c r="N5624" s="236">
        <f t="shared" si="1313"/>
        <v>1.1362900438116619</v>
      </c>
      <c r="O5624" s="236">
        <f t="shared" si="1317"/>
        <v>2.4850162994033558</v>
      </c>
      <c r="P5624" s="236" t="str">
        <f t="shared" si="1318"/>
        <v>SAND</v>
      </c>
      <c r="Q5624" s="236" t="e">
        <f t="shared" si="1314"/>
        <v>#N/A</v>
      </c>
      <c r="R5624" s="238">
        <v>35</v>
      </c>
      <c r="S5624" s="236" t="e">
        <f t="shared" si="1319"/>
        <v>#N/A</v>
      </c>
      <c r="T5624" s="236">
        <f t="shared" si="1305"/>
        <v>32.310238066963997</v>
      </c>
    </row>
    <row r="5625" spans="1:20" x14ac:dyDescent="0.2">
      <c r="A5625" s="53">
        <f t="shared" si="1306"/>
        <v>5613</v>
      </c>
      <c r="B5625" s="239">
        <v>55.756999999999998</v>
      </c>
      <c r="C5625" s="3">
        <f t="shared" si="1307"/>
        <v>55.75</v>
      </c>
      <c r="D5625" s="239">
        <v>13.4575</v>
      </c>
      <c r="E5625" s="239">
        <v>0.13900000000000001</v>
      </c>
      <c r="F5625" s="239">
        <v>0.1143</v>
      </c>
      <c r="G5625">
        <f t="shared" si="1308"/>
        <v>13.480359999999999</v>
      </c>
      <c r="H5625" s="235">
        <f t="shared" si="1309"/>
        <v>1.0311297324403801</v>
      </c>
      <c r="I5625" s="236">
        <f t="shared" si="1310"/>
        <v>20.047314356440587</v>
      </c>
      <c r="J5625" s="237">
        <f t="shared" si="1315"/>
        <v>10.047314356440587</v>
      </c>
      <c r="K5625" s="237">
        <f t="shared" si="1311"/>
        <v>1117.6377753715628</v>
      </c>
      <c r="L5625" s="237">
        <f t="shared" si="1316"/>
        <v>560.20810657205777</v>
      </c>
      <c r="M5625" s="236">
        <f t="shared" si="1312"/>
        <v>22.068088768433878</v>
      </c>
      <c r="N5625" s="236">
        <f t="shared" si="1313"/>
        <v>1.1243478375910663</v>
      </c>
      <c r="O5625" s="236">
        <f t="shared" si="1317"/>
        <v>2.4771081965993615</v>
      </c>
      <c r="P5625" s="236" t="str">
        <f t="shared" si="1318"/>
        <v>SAND</v>
      </c>
      <c r="Q5625" s="236" t="e">
        <f t="shared" si="1314"/>
        <v>#N/A</v>
      </c>
      <c r="R5625" s="238">
        <v>35</v>
      </c>
      <c r="S5625" s="236" t="e">
        <f t="shared" si="1319"/>
        <v>#N/A</v>
      </c>
      <c r="T5625" s="236">
        <f t="shared" si="1305"/>
        <v>32.381411944528359</v>
      </c>
    </row>
    <row r="5626" spans="1:20" x14ac:dyDescent="0.2">
      <c r="A5626" s="53">
        <f t="shared" si="1306"/>
        <v>5614</v>
      </c>
      <c r="B5626" s="239">
        <v>55.767000000000003</v>
      </c>
      <c r="C5626" s="3">
        <f t="shared" si="1307"/>
        <v>55.760000000000005</v>
      </c>
      <c r="D5626" s="239">
        <v>13.713200000000001</v>
      </c>
      <c r="E5626" s="239">
        <v>0.13819999999999999</v>
      </c>
      <c r="F5626" s="239">
        <v>9.4600000000000004E-2</v>
      </c>
      <c r="G5626">
        <f t="shared" si="1308"/>
        <v>13.73212</v>
      </c>
      <c r="H5626" s="235">
        <f t="shared" si="1309"/>
        <v>1.0063995945272832</v>
      </c>
      <c r="I5626" s="236">
        <f t="shared" si="1310"/>
        <v>20.047778601506145</v>
      </c>
      <c r="J5626" s="237">
        <f t="shared" si="1315"/>
        <v>10.047778601506145</v>
      </c>
      <c r="K5626" s="237">
        <f t="shared" si="1311"/>
        <v>1117.8641348199828</v>
      </c>
      <c r="L5626" s="237">
        <f t="shared" si="1316"/>
        <v>560.33446927019327</v>
      </c>
      <c r="M5626" s="236">
        <f t="shared" si="1312"/>
        <v>22.512011230737659</v>
      </c>
      <c r="N5626" s="236">
        <f t="shared" si="1313"/>
        <v>1.0955858314360245</v>
      </c>
      <c r="O5626" s="236">
        <f t="shared" si="1317"/>
        <v>2.4639152342640531</v>
      </c>
      <c r="P5626" s="236" t="str">
        <f t="shared" si="1318"/>
        <v>SAND</v>
      </c>
      <c r="Q5626" s="236" t="e">
        <f t="shared" si="1314"/>
        <v>#N/A</v>
      </c>
      <c r="R5626" s="238">
        <v>35</v>
      </c>
      <c r="S5626" s="236" t="e">
        <f t="shared" si="1319"/>
        <v>#N/A</v>
      </c>
      <c r="T5626" s="236">
        <f t="shared" si="1305"/>
        <v>32.476557264255547</v>
      </c>
    </row>
    <row r="5627" spans="1:20" x14ac:dyDescent="0.2">
      <c r="A5627" s="53">
        <f t="shared" si="1306"/>
        <v>5615</v>
      </c>
      <c r="B5627" s="239">
        <v>55.777000000000001</v>
      </c>
      <c r="C5627" s="3">
        <f t="shared" si="1307"/>
        <v>55.77</v>
      </c>
      <c r="D5627" s="239">
        <v>13.7486</v>
      </c>
      <c r="E5627" s="239">
        <v>0.14299999999999999</v>
      </c>
      <c r="F5627" s="239">
        <v>5.6300000000000003E-2</v>
      </c>
      <c r="G5627">
        <f t="shared" si="1308"/>
        <v>13.75986</v>
      </c>
      <c r="H5627" s="235">
        <f t="shared" si="1309"/>
        <v>1.0392547598594752</v>
      </c>
      <c r="I5627" s="236">
        <f t="shared" si="1310"/>
        <v>20.088602969202995</v>
      </c>
      <c r="J5627" s="237">
        <f t="shared" si="1315"/>
        <v>10.088602969202995</v>
      </c>
      <c r="K5627" s="237">
        <f t="shared" si="1311"/>
        <v>1120.3413875924512</v>
      </c>
      <c r="L5627" s="237">
        <f t="shared" si="1316"/>
        <v>562.71200781323546</v>
      </c>
      <c r="M5627" s="236">
        <f t="shared" si="1312"/>
        <v>22.461789400098631</v>
      </c>
      <c r="N5627" s="236">
        <f t="shared" si="1313"/>
        <v>1.1313722016250241</v>
      </c>
      <c r="O5627" s="236">
        <f t="shared" si="1317"/>
        <v>2.4719120164153803</v>
      </c>
      <c r="P5627" s="236" t="str">
        <f t="shared" si="1318"/>
        <v>SAND</v>
      </c>
      <c r="Q5627" s="236" t="e">
        <f t="shared" si="1314"/>
        <v>#N/A</v>
      </c>
      <c r="R5627" s="238">
        <v>35</v>
      </c>
      <c r="S5627" s="236" t="e">
        <f t="shared" si="1319"/>
        <v>#N/A</v>
      </c>
      <c r="T5627" s="236">
        <f t="shared" si="1305"/>
        <v>32.465887861205069</v>
      </c>
    </row>
    <row r="5628" spans="1:20" x14ac:dyDescent="0.2">
      <c r="A5628" s="53">
        <f t="shared" si="1306"/>
        <v>5616</v>
      </c>
      <c r="B5628" s="239">
        <v>55.787999999999997</v>
      </c>
      <c r="C5628" s="3">
        <f t="shared" si="1307"/>
        <v>55.780999999999999</v>
      </c>
      <c r="D5628" s="239">
        <v>13.705500000000001</v>
      </c>
      <c r="E5628" s="239">
        <v>0.15359999999999999</v>
      </c>
      <c r="F5628" s="239">
        <v>4.2900000000000001E-2</v>
      </c>
      <c r="G5628">
        <f t="shared" si="1308"/>
        <v>13.714080000000001</v>
      </c>
      <c r="H5628" s="235">
        <f t="shared" si="1309"/>
        <v>1.1200168002520037</v>
      </c>
      <c r="I5628" s="236">
        <f t="shared" si="1310"/>
        <v>20.171149347463619</v>
      </c>
      <c r="J5628" s="237">
        <f t="shared" si="1315"/>
        <v>10.171149347463619</v>
      </c>
      <c r="K5628" s="237">
        <f t="shared" si="1311"/>
        <v>1125.166881750868</v>
      </c>
      <c r="L5628" s="237">
        <f t="shared" si="1316"/>
        <v>567.42807979630027</v>
      </c>
      <c r="M5628" s="236">
        <f t="shared" si="1312"/>
        <v>22.185918474052954</v>
      </c>
      <c r="N5628" s="236">
        <f t="shared" si="1313"/>
        <v>1.2201212174332863</v>
      </c>
      <c r="O5628" s="236">
        <f t="shared" si="1317"/>
        <v>2.4935388308888538</v>
      </c>
      <c r="P5628" s="236" t="str">
        <f t="shared" si="1318"/>
        <v>SAND</v>
      </c>
      <c r="Q5628" s="236" t="e">
        <f t="shared" si="1314"/>
        <v>#N/A</v>
      </c>
      <c r="R5628" s="238">
        <v>35</v>
      </c>
      <c r="S5628" s="236" t="e">
        <f t="shared" si="1319"/>
        <v>#N/A</v>
      </c>
      <c r="T5628" s="236">
        <f t="shared" si="1305"/>
        <v>32.406851540432804</v>
      </c>
    </row>
    <row r="5629" spans="1:20" x14ac:dyDescent="0.2">
      <c r="A5629" s="53">
        <f t="shared" si="1306"/>
        <v>5617</v>
      </c>
      <c r="B5629" s="239">
        <v>55.798000000000002</v>
      </c>
      <c r="C5629" s="3">
        <f t="shared" si="1307"/>
        <v>55.791000000000004</v>
      </c>
      <c r="D5629" s="239">
        <v>13.636900000000001</v>
      </c>
      <c r="E5629" s="239">
        <v>0.15190000000000001</v>
      </c>
      <c r="F5629" s="239">
        <v>5.1299999999999998E-2</v>
      </c>
      <c r="G5629">
        <f t="shared" si="1308"/>
        <v>13.647160000000001</v>
      </c>
      <c r="H5629" s="235">
        <f t="shared" si="1309"/>
        <v>1.1130520928896561</v>
      </c>
      <c r="I5629" s="236">
        <f t="shared" si="1310"/>
        <v>20.156187098755119</v>
      </c>
      <c r="J5629" s="237">
        <f t="shared" si="1315"/>
        <v>10.156187098755119</v>
      </c>
      <c r="K5629" s="237">
        <f t="shared" si="1311"/>
        <v>1124.533834426647</v>
      </c>
      <c r="L5629" s="237">
        <f t="shared" si="1316"/>
        <v>566.69492773633817</v>
      </c>
      <c r="M5629" s="236">
        <f t="shared" si="1312"/>
        <v>22.097649992377665</v>
      </c>
      <c r="N5629" s="236">
        <f t="shared" si="1313"/>
        <v>1.2130043490206288</v>
      </c>
      <c r="O5629" s="236">
        <f t="shared" si="1317"/>
        <v>2.493684340831372</v>
      </c>
      <c r="P5629" s="236" t="str">
        <f t="shared" si="1318"/>
        <v>SAND</v>
      </c>
      <c r="Q5629" s="236" t="e">
        <f t="shared" si="1314"/>
        <v>#N/A</v>
      </c>
      <c r="R5629" s="238">
        <v>35</v>
      </c>
      <c r="S5629" s="236" t="e">
        <f t="shared" si="1319"/>
        <v>#N/A</v>
      </c>
      <c r="T5629" s="236">
        <f t="shared" si="1305"/>
        <v>32.387806994893602</v>
      </c>
    </row>
    <row r="5630" spans="1:20" x14ac:dyDescent="0.2">
      <c r="A5630" s="53">
        <f t="shared" si="1306"/>
        <v>5618</v>
      </c>
      <c r="B5630" s="239">
        <v>55.808</v>
      </c>
      <c r="C5630" s="3">
        <f t="shared" si="1307"/>
        <v>55.801000000000002</v>
      </c>
      <c r="D5630" s="239">
        <v>13.756399999999999</v>
      </c>
      <c r="E5630" s="239">
        <v>0.15329999999999999</v>
      </c>
      <c r="F5630" s="239">
        <v>1.2800000000000001E-2</v>
      </c>
      <c r="G5630">
        <f t="shared" si="1308"/>
        <v>13.75896</v>
      </c>
      <c r="H5630" s="235">
        <f t="shared" si="1309"/>
        <v>1.1141830487187985</v>
      </c>
      <c r="I5630" s="236">
        <f t="shared" si="1310"/>
        <v>20.170133919757728</v>
      </c>
      <c r="J5630" s="237">
        <f t="shared" si="1315"/>
        <v>10.170133919757728</v>
      </c>
      <c r="K5630" s="237">
        <f t="shared" si="1311"/>
        <v>1125.513642856401</v>
      </c>
      <c r="L5630" s="237">
        <f t="shared" si="1316"/>
        <v>567.57483379383928</v>
      </c>
      <c r="M5630" s="236">
        <f t="shared" si="1312"/>
        <v>22.258644331881101</v>
      </c>
      <c r="N5630" s="236">
        <f t="shared" si="1313"/>
        <v>1.2134456083182426</v>
      </c>
      <c r="O5630" s="236">
        <f t="shared" si="1317"/>
        <v>2.4910802287306226</v>
      </c>
      <c r="P5630" s="236" t="str">
        <f t="shared" si="1318"/>
        <v>SAND</v>
      </c>
      <c r="Q5630" s="236" t="e">
        <f t="shared" si="1314"/>
        <v>#N/A</v>
      </c>
      <c r="R5630" s="238">
        <v>35</v>
      </c>
      <c r="S5630" s="236" t="e">
        <f t="shared" si="1319"/>
        <v>#N/A</v>
      </c>
      <c r="T5630" s="236">
        <f t="shared" si="1305"/>
        <v>32.42248580993013</v>
      </c>
    </row>
    <row r="5631" spans="1:20" x14ac:dyDescent="0.2">
      <c r="A5631" s="53">
        <f t="shared" si="1306"/>
        <v>5619</v>
      </c>
      <c r="B5631" s="239">
        <v>55.819000000000003</v>
      </c>
      <c r="C5631" s="3">
        <f t="shared" si="1307"/>
        <v>55.812000000000005</v>
      </c>
      <c r="D5631" s="239">
        <v>13.9443</v>
      </c>
      <c r="E5631" s="239">
        <v>0.15920000000000001</v>
      </c>
      <c r="F5631" s="239">
        <v>-1.8E-3</v>
      </c>
      <c r="G5631">
        <f t="shared" si="1308"/>
        <v>13.94394</v>
      </c>
      <c r="H5631" s="235">
        <f t="shared" si="1309"/>
        <v>1.1417146086400258</v>
      </c>
      <c r="I5631" s="236">
        <f t="shared" si="1310"/>
        <v>20.219636280391754</v>
      </c>
      <c r="J5631" s="237">
        <f t="shared" si="1315"/>
        <v>10.219636280391754</v>
      </c>
      <c r="K5631" s="237">
        <f t="shared" si="1311"/>
        <v>1128.4983400812246</v>
      </c>
      <c r="L5631" s="237">
        <f t="shared" si="1316"/>
        <v>570.44987753518728</v>
      </c>
      <c r="M5631" s="236">
        <f t="shared" si="1312"/>
        <v>22.465499888074344</v>
      </c>
      <c r="N5631" s="236">
        <f t="shared" si="1313"/>
        <v>1.2422513731845044</v>
      </c>
      <c r="O5631" s="236">
        <f t="shared" si="1317"/>
        <v>2.4930143727483043</v>
      </c>
      <c r="P5631" s="236" t="str">
        <f t="shared" si="1318"/>
        <v>SAND</v>
      </c>
      <c r="Q5631" s="236" t="e">
        <f t="shared" si="1314"/>
        <v>#N/A</v>
      </c>
      <c r="R5631" s="238">
        <v>35</v>
      </c>
      <c r="S5631" s="236" t="e">
        <f t="shared" si="1319"/>
        <v>#N/A</v>
      </c>
      <c r="T5631" s="236">
        <f t="shared" si="1305"/>
        <v>32.466676953505292</v>
      </c>
    </row>
    <row r="5632" spans="1:20" x14ac:dyDescent="0.2">
      <c r="A5632" s="53">
        <f t="shared" si="1306"/>
        <v>5620</v>
      </c>
      <c r="B5632" s="239">
        <v>55.829000000000001</v>
      </c>
      <c r="C5632" s="3">
        <f t="shared" si="1307"/>
        <v>55.822000000000003</v>
      </c>
      <c r="D5632" s="239">
        <v>14.261200000000001</v>
      </c>
      <c r="E5632" s="239">
        <v>0.17349999999999999</v>
      </c>
      <c r="F5632" s="239">
        <v>-5.3199999999999997E-2</v>
      </c>
      <c r="G5632">
        <f t="shared" si="1308"/>
        <v>14.25056</v>
      </c>
      <c r="H5632" s="235">
        <f t="shared" si="1309"/>
        <v>1.2174960141917228</v>
      </c>
      <c r="I5632" s="236">
        <f t="shared" si="1310"/>
        <v>20.329000385943459</v>
      </c>
      <c r="J5632" s="237">
        <f t="shared" si="1315"/>
        <v>10.329000385943459</v>
      </c>
      <c r="K5632" s="237">
        <f t="shared" si="1311"/>
        <v>1134.8054595441358</v>
      </c>
      <c r="L5632" s="237">
        <f t="shared" si="1316"/>
        <v>576.65776254683738</v>
      </c>
      <c r="M5632" s="236">
        <f t="shared" si="1312"/>
        <v>22.744434207439589</v>
      </c>
      <c r="N5632" s="236">
        <f t="shared" si="1313"/>
        <v>1.3228365891175764</v>
      </c>
      <c r="O5632" s="236">
        <f t="shared" si="1317"/>
        <v>2.5029853305420016</v>
      </c>
      <c r="P5632" s="236" t="str">
        <f t="shared" si="1318"/>
        <v>SAND</v>
      </c>
      <c r="Q5632" s="236" t="e">
        <f t="shared" si="1314"/>
        <v>#N/A</v>
      </c>
      <c r="R5632" s="238">
        <v>35</v>
      </c>
      <c r="S5632" s="236" t="e">
        <f t="shared" si="1319"/>
        <v>#N/A</v>
      </c>
      <c r="T5632" s="236">
        <f t="shared" si="1305"/>
        <v>32.525626515275718</v>
      </c>
    </row>
    <row r="5633" spans="1:20" x14ac:dyDescent="0.2">
      <c r="A5633" s="53">
        <f t="shared" si="1306"/>
        <v>5621</v>
      </c>
      <c r="B5633" s="239">
        <v>55.84</v>
      </c>
      <c r="C5633" s="3">
        <f t="shared" si="1307"/>
        <v>55.833000000000006</v>
      </c>
      <c r="D5633" s="239">
        <v>14.558299999999999</v>
      </c>
      <c r="E5633" s="239">
        <v>0.186</v>
      </c>
      <c r="F5633" s="239">
        <v>-6.8099999999999994E-2</v>
      </c>
      <c r="G5633">
        <f t="shared" si="1308"/>
        <v>14.54468</v>
      </c>
      <c r="H5633" s="235">
        <f t="shared" si="1309"/>
        <v>1.2788180970636687</v>
      </c>
      <c r="I5633" s="236">
        <f t="shared" si="1310"/>
        <v>20.418561757401569</v>
      </c>
      <c r="J5633" s="237">
        <f t="shared" si="1315"/>
        <v>10.418561757401569</v>
      </c>
      <c r="K5633" s="237">
        <f t="shared" si="1311"/>
        <v>1140.029558601002</v>
      </c>
      <c r="L5633" s="237">
        <f t="shared" si="1316"/>
        <v>581.77248853330366</v>
      </c>
      <c r="M5633" s="236">
        <f t="shared" si="1312"/>
        <v>23.041052482892798</v>
      </c>
      <c r="N5633" s="236">
        <f t="shared" si="1313"/>
        <v>1.387578145458807</v>
      </c>
      <c r="O5633" s="236">
        <f t="shared" si="1317"/>
        <v>2.5094405477899233</v>
      </c>
      <c r="P5633" s="236" t="str">
        <f t="shared" si="1318"/>
        <v>SAND</v>
      </c>
      <c r="Q5633" s="236" t="e">
        <f t="shared" si="1314"/>
        <v>#N/A</v>
      </c>
      <c r="R5633" s="238">
        <v>35</v>
      </c>
      <c r="S5633" s="236" t="e">
        <f t="shared" si="1319"/>
        <v>#N/A</v>
      </c>
      <c r="T5633" s="236">
        <f t="shared" si="1305"/>
        <v>32.587525444823775</v>
      </c>
    </row>
    <row r="5634" spans="1:20" x14ac:dyDescent="0.2">
      <c r="A5634" s="53">
        <f t="shared" si="1306"/>
        <v>5622</v>
      </c>
      <c r="B5634" s="239">
        <v>55.850999999999999</v>
      </c>
      <c r="C5634" s="3">
        <f t="shared" si="1307"/>
        <v>55.844000000000001</v>
      </c>
      <c r="D5634" s="239">
        <v>14.815200000000001</v>
      </c>
      <c r="E5634" s="239">
        <v>0.19700000000000001</v>
      </c>
      <c r="F5634" s="239">
        <v>-7.6999999999999999E-2</v>
      </c>
      <c r="G5634">
        <f t="shared" si="1308"/>
        <v>14.799800000000001</v>
      </c>
      <c r="H5634" s="235">
        <f t="shared" si="1309"/>
        <v>1.3310990689063364</v>
      </c>
      <c r="I5634" s="236">
        <f t="shared" si="1310"/>
        <v>20.492732126878646</v>
      </c>
      <c r="J5634" s="237">
        <f t="shared" si="1315"/>
        <v>10.492732126878646</v>
      </c>
      <c r="K5634" s="237">
        <f t="shared" si="1311"/>
        <v>1144.396132893411</v>
      </c>
      <c r="L5634" s="237">
        <f t="shared" si="1316"/>
        <v>586.02958201829927</v>
      </c>
      <c r="M5634" s="236">
        <f t="shared" si="1312"/>
        <v>23.301560682443824</v>
      </c>
      <c r="N5634" s="236">
        <f t="shared" si="1313"/>
        <v>1.4426523149164234</v>
      </c>
      <c r="O5634" s="236">
        <f t="shared" si="1317"/>
        <v>2.5145728717588072</v>
      </c>
      <c r="P5634" s="236" t="str">
        <f t="shared" si="1318"/>
        <v>SAND</v>
      </c>
      <c r="Q5634" s="236" t="e">
        <f t="shared" si="1314"/>
        <v>#N/A</v>
      </c>
      <c r="R5634" s="238">
        <v>35</v>
      </c>
      <c r="S5634" s="236" t="e">
        <f t="shared" si="1319"/>
        <v>#N/A</v>
      </c>
      <c r="T5634" s="236">
        <f t="shared" si="1305"/>
        <v>32.641235109990809</v>
      </c>
    </row>
    <row r="5635" spans="1:20" x14ac:dyDescent="0.2">
      <c r="A5635" s="53">
        <f t="shared" si="1306"/>
        <v>5623</v>
      </c>
      <c r="B5635" s="239">
        <v>55.86</v>
      </c>
      <c r="C5635" s="3">
        <f t="shared" si="1307"/>
        <v>55.853000000000002</v>
      </c>
      <c r="D5635" s="239">
        <v>15.068899999999999</v>
      </c>
      <c r="E5635" s="239">
        <v>0.20319999999999999</v>
      </c>
      <c r="F5635" s="239">
        <v>-8.7099999999999997E-2</v>
      </c>
      <c r="G5635">
        <f t="shared" si="1308"/>
        <v>15.05148</v>
      </c>
      <c r="H5635" s="235">
        <f t="shared" si="1309"/>
        <v>1.3500333522019097</v>
      </c>
      <c r="I5635" s="236">
        <f t="shared" si="1310"/>
        <v>20.535658339407536</v>
      </c>
      <c r="J5635" s="237">
        <f t="shared" si="1315"/>
        <v>10.535658339407536</v>
      </c>
      <c r="K5635" s="237">
        <f t="shared" si="1311"/>
        <v>1146.9781252309292</v>
      </c>
      <c r="L5635" s="237">
        <f t="shared" si="1316"/>
        <v>588.52187483930493</v>
      </c>
      <c r="M5635" s="236">
        <f t="shared" si="1312"/>
        <v>23.626142832100633</v>
      </c>
      <c r="N5635" s="236">
        <f t="shared" si="1313"/>
        <v>1.4613971922915419</v>
      </c>
      <c r="O5635" s="236">
        <f t="shared" si="1317"/>
        <v>2.5126370218043883</v>
      </c>
      <c r="P5635" s="236" t="str">
        <f t="shared" si="1318"/>
        <v>SAND</v>
      </c>
      <c r="Q5635" s="236" t="e">
        <f t="shared" si="1314"/>
        <v>#N/A</v>
      </c>
      <c r="R5635" s="238">
        <v>35</v>
      </c>
      <c r="S5635" s="236" t="e">
        <f t="shared" si="1319"/>
        <v>#N/A</v>
      </c>
      <c r="T5635" s="236">
        <f t="shared" si="1305"/>
        <v>32.707321076841048</v>
      </c>
    </row>
    <row r="5636" spans="1:20" x14ac:dyDescent="0.2">
      <c r="A5636" s="53">
        <f t="shared" si="1306"/>
        <v>5624</v>
      </c>
      <c r="B5636" s="239">
        <v>55.871000000000002</v>
      </c>
      <c r="C5636" s="3">
        <f t="shared" si="1307"/>
        <v>55.864000000000004</v>
      </c>
      <c r="D5636" s="239">
        <v>15.2943</v>
      </c>
      <c r="E5636" s="239">
        <v>0.2041</v>
      </c>
      <c r="F5636" s="239">
        <v>-7.0199999999999999E-2</v>
      </c>
      <c r="G5636">
        <f t="shared" si="1308"/>
        <v>15.28026</v>
      </c>
      <c r="H5636" s="235">
        <f t="shared" si="1309"/>
        <v>1.3357102562390955</v>
      </c>
      <c r="I5636" s="236">
        <f t="shared" si="1310"/>
        <v>20.546736836719816</v>
      </c>
      <c r="J5636" s="237">
        <f t="shared" si="1315"/>
        <v>10.546736836719816</v>
      </c>
      <c r="K5636" s="237">
        <f t="shared" si="1311"/>
        <v>1147.822906646516</v>
      </c>
      <c r="L5636" s="237">
        <f t="shared" si="1316"/>
        <v>589.25673380437286</v>
      </c>
      <c r="M5636" s="236">
        <f t="shared" si="1312"/>
        <v>23.983496976116538</v>
      </c>
      <c r="N5636" s="236">
        <f t="shared" si="1313"/>
        <v>1.444195354642609</v>
      </c>
      <c r="O5636" s="236">
        <f t="shared" si="1317"/>
        <v>2.5043628877932198</v>
      </c>
      <c r="P5636" s="236" t="str">
        <f t="shared" si="1318"/>
        <v>SAND</v>
      </c>
      <c r="Q5636" s="236" t="e">
        <f t="shared" si="1314"/>
        <v>#N/A</v>
      </c>
      <c r="R5636" s="238">
        <v>35</v>
      </c>
      <c r="S5636" s="236" t="e">
        <f t="shared" si="1319"/>
        <v>#N/A</v>
      </c>
      <c r="T5636" s="236">
        <f t="shared" si="1305"/>
        <v>32.779037574971454</v>
      </c>
    </row>
    <row r="5637" spans="1:20" x14ac:dyDescent="0.2">
      <c r="A5637" s="53">
        <f t="shared" si="1306"/>
        <v>5625</v>
      </c>
      <c r="B5637" s="239">
        <v>55.881</v>
      </c>
      <c r="C5637" s="3">
        <f t="shared" si="1307"/>
        <v>55.874000000000002</v>
      </c>
      <c r="D5637" s="239">
        <v>15.5406</v>
      </c>
      <c r="E5637" s="239">
        <v>0.18970000000000001</v>
      </c>
      <c r="F5637" s="239">
        <v>-3.09E-2</v>
      </c>
      <c r="G5637">
        <f t="shared" si="1308"/>
        <v>15.534419999999999</v>
      </c>
      <c r="H5637" s="235">
        <f t="shared" si="1309"/>
        <v>1.2211592064589474</v>
      </c>
      <c r="I5637" s="236">
        <f t="shared" si="1310"/>
        <v>20.467390386375818</v>
      </c>
      <c r="J5637" s="237">
        <f t="shared" si="1315"/>
        <v>10.467390386375818</v>
      </c>
      <c r="K5637" s="237">
        <f t="shared" si="1311"/>
        <v>1143.5949704483626</v>
      </c>
      <c r="L5637" s="237">
        <f t="shared" si="1316"/>
        <v>584.92824218106716</v>
      </c>
      <c r="M5637" s="236">
        <f t="shared" si="1312"/>
        <v>24.602718746989297</v>
      </c>
      <c r="N5637" s="236">
        <f t="shared" si="1313"/>
        <v>1.3182010038371674</v>
      </c>
      <c r="O5637" s="236">
        <f t="shared" si="1317"/>
        <v>2.4734312306814461</v>
      </c>
      <c r="P5637" s="236" t="str">
        <f t="shared" si="1318"/>
        <v>SAND</v>
      </c>
      <c r="Q5637" s="236" t="e">
        <f t="shared" si="1314"/>
        <v>#N/A</v>
      </c>
      <c r="R5637" s="238">
        <v>35</v>
      </c>
      <c r="S5637" s="236" t="e">
        <f t="shared" si="1319"/>
        <v>#N/A</v>
      </c>
      <c r="T5637" s="236">
        <f t="shared" si="1305"/>
        <v>32.900814120710692</v>
      </c>
    </row>
    <row r="5638" spans="1:20" x14ac:dyDescent="0.2">
      <c r="A5638" s="53">
        <f t="shared" si="1306"/>
        <v>5626</v>
      </c>
      <c r="B5638" s="239">
        <v>55.890999999999998</v>
      </c>
      <c r="C5638" s="3">
        <f t="shared" si="1307"/>
        <v>55.884</v>
      </c>
      <c r="D5638" s="239">
        <v>15.394399999999999</v>
      </c>
      <c r="E5638" s="239">
        <v>0.17780000000000001</v>
      </c>
      <c r="F5638" s="239">
        <v>1E-4</v>
      </c>
      <c r="G5638">
        <f t="shared" si="1308"/>
        <v>15.394419999999998</v>
      </c>
      <c r="H5638" s="235">
        <f t="shared" si="1309"/>
        <v>1.154963941480095</v>
      </c>
      <c r="I5638" s="236">
        <f t="shared" si="1310"/>
        <v>20.387885795260768</v>
      </c>
      <c r="J5638" s="237">
        <f t="shared" si="1315"/>
        <v>10.387885795260768</v>
      </c>
      <c r="K5638" s="237">
        <f t="shared" si="1311"/>
        <v>1139.3566097823527</v>
      </c>
      <c r="L5638" s="237">
        <f t="shared" si="1316"/>
        <v>580.58932498291961</v>
      </c>
      <c r="M5638" s="236">
        <f t="shared" si="1312"/>
        <v>24.552748004171477</v>
      </c>
      <c r="N5638" s="236">
        <f t="shared" si="1313"/>
        <v>1.2472761090772349</v>
      </c>
      <c r="O5638" s="236">
        <f t="shared" si="1317"/>
        <v>2.4612478829779887</v>
      </c>
      <c r="P5638" s="236" t="str">
        <f t="shared" si="1318"/>
        <v>SAND</v>
      </c>
      <c r="Q5638" s="236" t="e">
        <f t="shared" si="1314"/>
        <v>#N/A</v>
      </c>
      <c r="R5638" s="238">
        <v>35</v>
      </c>
      <c r="S5638" s="236" t="e">
        <f t="shared" si="1319"/>
        <v>#N/A</v>
      </c>
      <c r="T5638" s="236">
        <f t="shared" si="1305"/>
        <v>32.89110117138889</v>
      </c>
    </row>
    <row r="5639" spans="1:20" x14ac:dyDescent="0.2">
      <c r="A5639" s="53">
        <f t="shared" si="1306"/>
        <v>5627</v>
      </c>
      <c r="B5639" s="239">
        <v>55.901000000000003</v>
      </c>
      <c r="C5639" s="3">
        <f t="shared" si="1307"/>
        <v>55.894000000000005</v>
      </c>
      <c r="D5639" s="239">
        <v>15.229200000000001</v>
      </c>
      <c r="E5639" s="239">
        <v>0.16400000000000001</v>
      </c>
      <c r="F5639" s="239">
        <v>-1.9900000000000001E-2</v>
      </c>
      <c r="G5639">
        <f t="shared" si="1308"/>
        <v>15.22522</v>
      </c>
      <c r="H5639" s="235">
        <f t="shared" si="1309"/>
        <v>1.0771601329898681</v>
      </c>
      <c r="I5639" s="236">
        <f t="shared" si="1310"/>
        <v>20.288828663212534</v>
      </c>
      <c r="J5639" s="237">
        <f t="shared" si="1315"/>
        <v>10.288828663212534</v>
      </c>
      <c r="K5639" s="237">
        <f t="shared" si="1311"/>
        <v>1134.0237893016015</v>
      </c>
      <c r="L5639" s="237">
        <f t="shared" si="1316"/>
        <v>575.15581110224389</v>
      </c>
      <c r="M5639" s="236">
        <f t="shared" si="1312"/>
        <v>24.499789341767503</v>
      </c>
      <c r="N5639" s="236">
        <f t="shared" si="1313"/>
        <v>1.1638472529073649</v>
      </c>
      <c r="O5639" s="236">
        <f t="shared" si="1317"/>
        <v>2.4461017581849926</v>
      </c>
      <c r="P5639" s="236" t="str">
        <f t="shared" si="1318"/>
        <v>SAND</v>
      </c>
      <c r="Q5639" s="236" t="e">
        <f t="shared" si="1314"/>
        <v>#N/A</v>
      </c>
      <c r="R5639" s="238">
        <v>35</v>
      </c>
      <c r="S5639" s="236" t="e">
        <f t="shared" si="1319"/>
        <v>#N/A</v>
      </c>
      <c r="T5639" s="236">
        <f t="shared" si="1305"/>
        <v>32.880785851719494</v>
      </c>
    </row>
    <row r="5640" spans="1:20" x14ac:dyDescent="0.2">
      <c r="A5640" s="53">
        <f t="shared" si="1306"/>
        <v>5628</v>
      </c>
      <c r="B5640" s="239">
        <v>55.911999999999999</v>
      </c>
      <c r="C5640" s="3">
        <f t="shared" si="1307"/>
        <v>55.905000000000001</v>
      </c>
      <c r="D5640" s="239">
        <v>15.03</v>
      </c>
      <c r="E5640" s="239">
        <v>0.15049999999999999</v>
      </c>
      <c r="F5640" s="239">
        <v>-2.7199999999999998E-2</v>
      </c>
      <c r="G5640">
        <f t="shared" si="1308"/>
        <v>15.024559999999999</v>
      </c>
      <c r="H5640" s="235">
        <f t="shared" si="1309"/>
        <v>1.0016932276219737</v>
      </c>
      <c r="I5640" s="236">
        <f t="shared" si="1310"/>
        <v>20.18291319033565</v>
      </c>
      <c r="J5640" s="237">
        <f t="shared" si="1315"/>
        <v>10.18291319033565</v>
      </c>
      <c r="K5640" s="237">
        <f t="shared" si="1311"/>
        <v>1128.3257619057147</v>
      </c>
      <c r="L5640" s="237">
        <f t="shared" si="1316"/>
        <v>569.34704229804686</v>
      </c>
      <c r="M5640" s="236">
        <f t="shared" si="1312"/>
        <v>24.407317867157303</v>
      </c>
      <c r="N5640" s="236">
        <f t="shared" si="1313"/>
        <v>1.0830272246521906</v>
      </c>
      <c r="O5640" s="236">
        <f t="shared" si="1317"/>
        <v>2.4312224642428473</v>
      </c>
      <c r="P5640" s="236" t="str">
        <f t="shared" si="1318"/>
        <v>SAND</v>
      </c>
      <c r="Q5640" s="236" t="e">
        <f t="shared" si="1314"/>
        <v>#N/A</v>
      </c>
      <c r="R5640" s="238">
        <v>35</v>
      </c>
      <c r="S5640" s="236" t="e">
        <f t="shared" si="1319"/>
        <v>#N/A</v>
      </c>
      <c r="T5640" s="236">
        <f t="shared" si="1305"/>
        <v>32.862720629122677</v>
      </c>
    </row>
    <row r="5641" spans="1:20" x14ac:dyDescent="0.2">
      <c r="A5641" s="53">
        <f t="shared" si="1306"/>
        <v>5629</v>
      </c>
      <c r="B5641" s="239">
        <v>55.923000000000002</v>
      </c>
      <c r="C5641" s="3">
        <f t="shared" si="1307"/>
        <v>55.916000000000004</v>
      </c>
      <c r="D5641" s="239">
        <v>14.7867</v>
      </c>
      <c r="E5641" s="239">
        <v>0.1353</v>
      </c>
      <c r="F5641" s="239">
        <v>-3.1E-2</v>
      </c>
      <c r="G5641">
        <f t="shared" si="1308"/>
        <v>14.7805</v>
      </c>
      <c r="H5641" s="235">
        <f t="shared" si="1309"/>
        <v>0.9153952843273232</v>
      </c>
      <c r="I5641" s="236">
        <f t="shared" si="1310"/>
        <v>20.051667318393736</v>
      </c>
      <c r="J5641" s="237">
        <f t="shared" si="1315"/>
        <v>10.051667318393736</v>
      </c>
      <c r="K5641" s="237">
        <f t="shared" si="1311"/>
        <v>1121.2090297753043</v>
      </c>
      <c r="L5641" s="237">
        <f t="shared" si="1316"/>
        <v>562.11939144653297</v>
      </c>
      <c r="M5641" s="236">
        <f t="shared" si="1312"/>
        <v>24.299625983502342</v>
      </c>
      <c r="N5641" s="236">
        <f t="shared" si="1313"/>
        <v>0.99053457675756884</v>
      </c>
      <c r="O5641" s="236">
        <f t="shared" si="1317"/>
        <v>2.4131025786242137</v>
      </c>
      <c r="P5641" s="236" t="str">
        <f t="shared" si="1318"/>
        <v>SAND</v>
      </c>
      <c r="Q5641" s="236" t="e">
        <f t="shared" si="1314"/>
        <v>#N/A</v>
      </c>
      <c r="R5641" s="238">
        <v>35</v>
      </c>
      <c r="S5641" s="236" t="e">
        <f t="shared" si="1319"/>
        <v>#N/A</v>
      </c>
      <c r="T5641" s="236">
        <f t="shared" si="1305"/>
        <v>32.841595479537709</v>
      </c>
    </row>
    <row r="5642" spans="1:20" x14ac:dyDescent="0.2">
      <c r="A5642" s="53">
        <f t="shared" si="1306"/>
        <v>5630</v>
      </c>
      <c r="B5642" s="239">
        <v>55.933</v>
      </c>
      <c r="C5642" s="3">
        <f t="shared" si="1307"/>
        <v>55.926000000000002</v>
      </c>
      <c r="D5642" s="239">
        <v>14.378299999999999</v>
      </c>
      <c r="E5642" s="239">
        <v>0.12790000000000001</v>
      </c>
      <c r="F5642" s="239">
        <v>-6.4000000000000003E-3</v>
      </c>
      <c r="G5642">
        <f t="shared" si="1308"/>
        <v>14.37702</v>
      </c>
      <c r="H5642" s="235">
        <f t="shared" si="1309"/>
        <v>0.8896141203114416</v>
      </c>
      <c r="I5642" s="236">
        <f t="shared" si="1310"/>
        <v>19.974895513675936</v>
      </c>
      <c r="J5642" s="237">
        <f t="shared" si="1315"/>
        <v>9.9748955136759356</v>
      </c>
      <c r="K5642" s="237">
        <f t="shared" si="1311"/>
        <v>1117.1160064978403</v>
      </c>
      <c r="L5642" s="237">
        <f t="shared" si="1316"/>
        <v>557.92583076643609</v>
      </c>
      <c r="M5642" s="236">
        <f t="shared" si="1312"/>
        <v>23.766427833761906</v>
      </c>
      <c r="N5642" s="236">
        <f t="shared" si="1313"/>
        <v>0.96456203651757744</v>
      </c>
      <c r="O5642" s="236">
        <f t="shared" si="1317"/>
        <v>2.4156569062276962</v>
      </c>
      <c r="P5642" s="236" t="str">
        <f t="shared" si="1318"/>
        <v>SAND</v>
      </c>
      <c r="Q5642" s="236" t="e">
        <f t="shared" si="1314"/>
        <v>#N/A</v>
      </c>
      <c r="R5642" s="238">
        <v>35</v>
      </c>
      <c r="S5642" s="236" t="e">
        <f t="shared" si="1319"/>
        <v>#N/A</v>
      </c>
      <c r="T5642" s="236">
        <f t="shared" si="1305"/>
        <v>32.735603019399321</v>
      </c>
    </row>
    <row r="5643" spans="1:20" x14ac:dyDescent="0.2">
      <c r="A5643" s="53">
        <f t="shared" si="1306"/>
        <v>5631</v>
      </c>
      <c r="B5643" s="239">
        <v>55.942999999999998</v>
      </c>
      <c r="C5643" s="3">
        <f t="shared" si="1307"/>
        <v>55.936</v>
      </c>
      <c r="D5643" s="239">
        <v>14.058299999999999</v>
      </c>
      <c r="E5643" s="239">
        <v>0.1124</v>
      </c>
      <c r="F5643" s="239">
        <v>-2.4500000000000001E-2</v>
      </c>
      <c r="G5643">
        <f t="shared" si="1308"/>
        <v>14.0534</v>
      </c>
      <c r="H5643" s="235">
        <f t="shared" si="1309"/>
        <v>0.7998064525310602</v>
      </c>
      <c r="I5643" s="236">
        <f t="shared" si="1310"/>
        <v>19.814515361642101</v>
      </c>
      <c r="J5643" s="237">
        <f t="shared" si="1315"/>
        <v>9.8145153616421013</v>
      </c>
      <c r="K5643" s="237">
        <f t="shared" si="1311"/>
        <v>1108.3447312688127</v>
      </c>
      <c r="L5643" s="237">
        <f t="shared" si="1316"/>
        <v>549.053432876344</v>
      </c>
      <c r="M5643" s="236">
        <f t="shared" si="1312"/>
        <v>23.577040946480391</v>
      </c>
      <c r="N5643" s="236">
        <f t="shared" si="1313"/>
        <v>0.86828520749156235</v>
      </c>
      <c r="O5643" s="236">
        <f t="shared" si="1317"/>
        <v>2.3962574378561339</v>
      </c>
      <c r="P5643" s="236" t="str">
        <f t="shared" si="1318"/>
        <v>SAND</v>
      </c>
      <c r="Q5643" s="236" t="e">
        <f t="shared" si="1314"/>
        <v>#N/A</v>
      </c>
      <c r="R5643" s="238">
        <v>35</v>
      </c>
      <c r="S5643" s="236" t="e">
        <f t="shared" si="1319"/>
        <v>#N/A</v>
      </c>
      <c r="T5643" s="236">
        <f t="shared" si="1305"/>
        <v>32.697382275109256</v>
      </c>
    </row>
    <row r="5644" spans="1:20" x14ac:dyDescent="0.2">
      <c r="A5644" s="53">
        <f t="shared" si="1306"/>
        <v>5632</v>
      </c>
      <c r="B5644" s="239">
        <v>55.954000000000001</v>
      </c>
      <c r="C5644" s="3">
        <f t="shared" si="1307"/>
        <v>55.947000000000003</v>
      </c>
      <c r="D5644" s="239">
        <v>13.8248</v>
      </c>
      <c r="E5644" s="239">
        <v>0.1105</v>
      </c>
      <c r="F5644" s="239">
        <v>2.9100000000000001E-2</v>
      </c>
      <c r="G5644">
        <f t="shared" si="1308"/>
        <v>13.83062</v>
      </c>
      <c r="H5644" s="235">
        <f t="shared" si="1309"/>
        <v>0.79895189080460616</v>
      </c>
      <c r="I5644" s="236">
        <f t="shared" si="1310"/>
        <v>19.788278689255709</v>
      </c>
      <c r="J5644" s="237">
        <f t="shared" si="1315"/>
        <v>9.7882786892557085</v>
      </c>
      <c r="K5644" s="237">
        <f t="shared" si="1311"/>
        <v>1107.0948278277892</v>
      </c>
      <c r="L5644" s="237">
        <f t="shared" si="1316"/>
        <v>547.69334577861389</v>
      </c>
      <c r="M5644" s="236">
        <f t="shared" si="1312"/>
        <v>23.23111147915106</v>
      </c>
      <c r="N5644" s="236">
        <f t="shared" si="1313"/>
        <v>0.8684700073661662</v>
      </c>
      <c r="O5644" s="236">
        <f t="shared" si="1317"/>
        <v>2.4019230286264039</v>
      </c>
      <c r="P5644" s="236" t="str">
        <f t="shared" si="1318"/>
        <v>SAND</v>
      </c>
      <c r="Q5644" s="236" t="e">
        <f t="shared" si="1314"/>
        <v>#N/A</v>
      </c>
      <c r="R5644" s="238">
        <v>35</v>
      </c>
      <c r="S5644" s="236" t="e">
        <f t="shared" si="1319"/>
        <v>#N/A</v>
      </c>
      <c r="T5644" s="236">
        <f t="shared" si="1305"/>
        <v>32.626769877533903</v>
      </c>
    </row>
    <row r="5645" spans="1:20" x14ac:dyDescent="0.2">
      <c r="A5645" s="53">
        <f t="shared" si="1306"/>
        <v>5633</v>
      </c>
      <c r="B5645" s="239">
        <v>55.965000000000003</v>
      </c>
      <c r="C5645" s="3">
        <f t="shared" si="1307"/>
        <v>55.958000000000006</v>
      </c>
      <c r="D5645" s="239">
        <v>13.6898</v>
      </c>
      <c r="E5645" s="239">
        <v>0.1027</v>
      </c>
      <c r="F5645" s="239">
        <v>5.3100000000000001E-2</v>
      </c>
      <c r="G5645">
        <f t="shared" si="1308"/>
        <v>13.700419999999999</v>
      </c>
      <c r="H5645" s="235">
        <f t="shared" si="1309"/>
        <v>0.74961205568880374</v>
      </c>
      <c r="I5645" s="236">
        <f t="shared" si="1310"/>
        <v>19.698743745075891</v>
      </c>
      <c r="J5645" s="237">
        <f t="shared" si="1315"/>
        <v>9.6987437450758911</v>
      </c>
      <c r="K5645" s="237">
        <f t="shared" si="1311"/>
        <v>1102.3023024869569</v>
      </c>
      <c r="L5645" s="237">
        <f t="shared" si="1316"/>
        <v>542.79019369317223</v>
      </c>
      <c r="M5645" s="236">
        <f t="shared" si="1312"/>
        <v>23.209921335893721</v>
      </c>
      <c r="N5645" s="236">
        <f t="shared" si="1313"/>
        <v>0.8152011472338736</v>
      </c>
      <c r="O5645" s="236">
        <f t="shared" si="1317"/>
        <v>2.3891314984177061</v>
      </c>
      <c r="P5645" s="236" t="str">
        <f t="shared" si="1318"/>
        <v>SAND</v>
      </c>
      <c r="Q5645" s="236" t="e">
        <f t="shared" si="1314"/>
        <v>#N/A</v>
      </c>
      <c r="R5645" s="238">
        <v>35</v>
      </c>
      <c r="S5645" s="236" t="e">
        <f t="shared" si="1319"/>
        <v>#N/A</v>
      </c>
      <c r="T5645" s="236">
        <f t="shared" ref="T5645:T5708" si="1320">IF(P5645="SAND",17.6+(11*LOG(M5645)),#N/A)</f>
        <v>32.622410353808853</v>
      </c>
    </row>
    <row r="5646" spans="1:20" x14ac:dyDescent="0.2">
      <c r="A5646" s="53">
        <f t="shared" ref="A5646:A5709" si="1321">$A5645+1</f>
        <v>5634</v>
      </c>
      <c r="B5646" s="239">
        <v>55.975000000000001</v>
      </c>
      <c r="C5646" s="3">
        <f t="shared" ref="C5646:C5709" si="1322">MAX($B5646 - $B$13, 0.001)</f>
        <v>55.968000000000004</v>
      </c>
      <c r="D5646" s="239">
        <v>13.4213</v>
      </c>
      <c r="E5646" s="239">
        <v>9.2499999999999999E-2</v>
      </c>
      <c r="F5646" s="239">
        <v>0.14910000000000001</v>
      </c>
      <c r="G5646">
        <f t="shared" si="1308"/>
        <v>13.451120000000001</v>
      </c>
      <c r="H5646" s="235">
        <f t="shared" si="1309"/>
        <v>0.68767507835778718</v>
      </c>
      <c r="I5646" s="236">
        <f t="shared" si="1310"/>
        <v>19.568908335196362</v>
      </c>
      <c r="J5646" s="237">
        <f t="shared" si="1315"/>
        <v>9.5689083351963617</v>
      </c>
      <c r="K5646" s="237">
        <f t="shared" si="1311"/>
        <v>1095.23266170427</v>
      </c>
      <c r="L5646" s="237">
        <f t="shared" si="1316"/>
        <v>535.61964406261632</v>
      </c>
      <c r="M5646" s="236">
        <f t="shared" si="1312"/>
        <v>23.068398396626531</v>
      </c>
      <c r="N5646" s="236">
        <f t="shared" si="1313"/>
        <v>0.74863097620926256</v>
      </c>
      <c r="O5646" s="236">
        <f t="shared" si="1317"/>
        <v>2.3741940732827023</v>
      </c>
      <c r="P5646" s="236" t="str">
        <f t="shared" si="1318"/>
        <v>SAND</v>
      </c>
      <c r="Q5646" s="236" t="e">
        <f t="shared" si="1314"/>
        <v>#N/A</v>
      </c>
      <c r="R5646" s="238">
        <v>35</v>
      </c>
      <c r="S5646" s="236" t="e">
        <f t="shared" si="1319"/>
        <v>#N/A</v>
      </c>
      <c r="T5646" s="236">
        <f t="shared" si="1320"/>
        <v>32.593191874878059</v>
      </c>
    </row>
    <row r="5647" spans="1:20" x14ac:dyDescent="0.2">
      <c r="A5647" s="53">
        <f t="shared" si="1321"/>
        <v>5635</v>
      </c>
      <c r="B5647" s="239">
        <v>55.985999999999997</v>
      </c>
      <c r="C5647" s="3">
        <f t="shared" si="1322"/>
        <v>55.978999999999999</v>
      </c>
      <c r="D5647" s="239">
        <v>13.176299999999999</v>
      </c>
      <c r="E5647" s="239">
        <v>8.6699999999999999E-2</v>
      </c>
      <c r="F5647" s="239">
        <v>0.19570000000000001</v>
      </c>
      <c r="G5647">
        <f t="shared" ref="G5647:G5710" si="1323">$D5647+($F5647*(1-$P$8))</f>
        <v>13.215439999999999</v>
      </c>
      <c r="H5647" s="235">
        <f t="shared" ref="H5647:H5710" si="1324">($E5647/$G5647)*100</f>
        <v>0.65605080118406955</v>
      </c>
      <c r="I5647" s="236">
        <f t="shared" ref="I5647:I5710" si="1325">((0.27*(LOG($H5647)))+(0.36*(LOG(($G5647*1000)/101)))+1.236)*10</f>
        <v>19.486068082118329</v>
      </c>
      <c r="J5647" s="237">
        <f t="shared" si="1315"/>
        <v>9.4860680821183294</v>
      </c>
      <c r="K5647" s="237">
        <f t="shared" ref="K5647:K5710" si="1326">$I5647*$C5647</f>
        <v>1090.8106051689019</v>
      </c>
      <c r="L5647" s="237">
        <f t="shared" si="1316"/>
        <v>531.08700764547677</v>
      </c>
      <c r="M5647" s="236">
        <f t="shared" ref="M5647:M5710" si="1327">(($G5647*1000)-$K5647)/$L5647</f>
        <v>22.829836204399868</v>
      </c>
      <c r="N5647" s="236">
        <f t="shared" ref="N5647:N5710" si="1328">(($E5647*1000)/(($G5647*1000)-$K5647))*100</f>
        <v>0.71507340287828891</v>
      </c>
      <c r="O5647" s="236">
        <f t="shared" si="1317"/>
        <v>2.3691031444730064</v>
      </c>
      <c r="P5647" s="236" t="str">
        <f t="shared" si="1318"/>
        <v>SAND</v>
      </c>
      <c r="Q5647" s="236" t="e">
        <f t="shared" ref="Q5647:Q5710" si="1329">IF(P5647="CLAY",($G5647*1000 -$K5647)/$L$8,#N/A)</f>
        <v>#N/A</v>
      </c>
      <c r="R5647" s="238">
        <v>35</v>
      </c>
      <c r="S5647" s="236" t="e">
        <f t="shared" si="1319"/>
        <v>#N/A</v>
      </c>
      <c r="T5647" s="236">
        <f t="shared" si="1320"/>
        <v>32.543530751596911</v>
      </c>
    </row>
    <row r="5648" spans="1:20" x14ac:dyDescent="0.2">
      <c r="A5648" s="53">
        <f t="shared" si="1321"/>
        <v>5636</v>
      </c>
      <c r="B5648" s="239">
        <v>55.996000000000002</v>
      </c>
      <c r="C5648" s="3">
        <f t="shared" si="1322"/>
        <v>55.989000000000004</v>
      </c>
      <c r="D5648" s="239">
        <v>12.9908</v>
      </c>
      <c r="E5648" s="239">
        <v>8.5199999999999998E-2</v>
      </c>
      <c r="F5648" s="239">
        <v>0.21990000000000001</v>
      </c>
      <c r="G5648">
        <f t="shared" si="1323"/>
        <v>13.03478</v>
      </c>
      <c r="H5648" s="235">
        <f t="shared" si="1324"/>
        <v>0.65363588798583483</v>
      </c>
      <c r="I5648" s="236">
        <f t="shared" si="1325"/>
        <v>19.460223295272613</v>
      </c>
      <c r="J5648" s="237">
        <f t="shared" ref="J5648:J5711" si="1330">$I5648-10</f>
        <v>9.4602232952726126</v>
      </c>
      <c r="K5648" s="237">
        <f t="shared" si="1326"/>
        <v>1089.5584420790185</v>
      </c>
      <c r="L5648" s="237">
        <f t="shared" ref="L5648:L5711" si="1331">$J5648*$B5648</f>
        <v>529.73466364208525</v>
      </c>
      <c r="M5648" s="236">
        <f t="shared" si="1327"/>
        <v>22.54944291505107</v>
      </c>
      <c r="N5648" s="236">
        <f t="shared" si="1328"/>
        <v>0.7132559206781991</v>
      </c>
      <c r="O5648" s="236">
        <f t="shared" ref="O5648:O5711" si="1332">((3.47-LOG($M5648))^2+(LOG($N5648)+1.22)^2)^0.5</f>
        <v>2.3733877951508728</v>
      </c>
      <c r="P5648" s="236" t="str">
        <f t="shared" ref="P5648:P5711" si="1333">IF(O5648&lt;2.6,"SAND","CLAY")</f>
        <v>SAND</v>
      </c>
      <c r="Q5648" s="236" t="e">
        <f t="shared" si="1329"/>
        <v>#N/A</v>
      </c>
      <c r="R5648" s="238">
        <v>35</v>
      </c>
      <c r="S5648" s="236" t="e">
        <f t="shared" ref="S5648:S5711" si="1334">IF(P5648="SAND",#N/A,0.25*($M5648)^1.25)</f>
        <v>#N/A</v>
      </c>
      <c r="T5648" s="236">
        <f t="shared" si="1320"/>
        <v>32.484493987910945</v>
      </c>
    </row>
    <row r="5649" spans="1:20" x14ac:dyDescent="0.2">
      <c r="A5649" s="53">
        <f t="shared" si="1321"/>
        <v>5637</v>
      </c>
      <c r="B5649" s="239">
        <v>56.006</v>
      </c>
      <c r="C5649" s="3">
        <f t="shared" si="1322"/>
        <v>55.999000000000002</v>
      </c>
      <c r="D5649" s="239">
        <v>12.8391</v>
      </c>
      <c r="E5649" s="239">
        <v>8.5699999999999998E-2</v>
      </c>
      <c r="F5649" s="239">
        <v>0.2676</v>
      </c>
      <c r="G5649">
        <f t="shared" si="1323"/>
        <v>12.892620000000001</v>
      </c>
      <c r="H5649" s="235">
        <f t="shared" si="1324"/>
        <v>0.66472136772820412</v>
      </c>
      <c r="I5649" s="236">
        <f t="shared" si="1325"/>
        <v>19.462798337698025</v>
      </c>
      <c r="J5649" s="237">
        <f t="shared" si="1330"/>
        <v>9.4627983376980254</v>
      </c>
      <c r="K5649" s="237">
        <f t="shared" si="1326"/>
        <v>1089.8972441127519</v>
      </c>
      <c r="L5649" s="237">
        <f t="shared" si="1331"/>
        <v>529.97348370111558</v>
      </c>
      <c r="M5649" s="236">
        <f t="shared" si="1327"/>
        <v>22.270402423649418</v>
      </c>
      <c r="N5649" s="236">
        <f t="shared" si="1328"/>
        <v>0.72610364381602099</v>
      </c>
      <c r="O5649" s="236">
        <f t="shared" si="1332"/>
        <v>2.3817212631460034</v>
      </c>
      <c r="P5649" s="236" t="str">
        <f t="shared" si="1333"/>
        <v>SAND</v>
      </c>
      <c r="Q5649" s="236" t="e">
        <f t="shared" si="1329"/>
        <v>#N/A</v>
      </c>
      <c r="R5649" s="238">
        <v>35</v>
      </c>
      <c r="S5649" s="236" t="e">
        <f t="shared" si="1334"/>
        <v>#N/A</v>
      </c>
      <c r="T5649" s="236">
        <f t="shared" si="1320"/>
        <v>32.425008712327454</v>
      </c>
    </row>
    <row r="5650" spans="1:20" x14ac:dyDescent="0.2">
      <c r="A5650" s="53">
        <f t="shared" si="1321"/>
        <v>5638</v>
      </c>
      <c r="B5650" s="239">
        <v>56.017000000000003</v>
      </c>
      <c r="C5650" s="3">
        <f t="shared" si="1322"/>
        <v>56.010000000000005</v>
      </c>
      <c r="D5650" s="239">
        <v>12.583</v>
      </c>
      <c r="E5650" s="239">
        <v>8.9300000000000004E-2</v>
      </c>
      <c r="F5650" s="239">
        <v>0.36109999999999998</v>
      </c>
      <c r="G5650">
        <f t="shared" si="1323"/>
        <v>12.65522</v>
      </c>
      <c r="H5650" s="235">
        <f t="shared" si="1324"/>
        <v>0.70563767362400664</v>
      </c>
      <c r="I5650" s="236">
        <f t="shared" si="1325"/>
        <v>19.503784722834347</v>
      </c>
      <c r="J5650" s="237">
        <f t="shared" si="1330"/>
        <v>9.5037847228343466</v>
      </c>
      <c r="K5650" s="237">
        <f t="shared" si="1326"/>
        <v>1092.406982325952</v>
      </c>
      <c r="L5650" s="237">
        <f t="shared" si="1331"/>
        <v>532.37350881901159</v>
      </c>
      <c r="M5650" s="236">
        <f t="shared" si="1327"/>
        <v>21.719362113498775</v>
      </c>
      <c r="N5650" s="236">
        <f t="shared" si="1328"/>
        <v>0.77230341668158731</v>
      </c>
      <c r="O5650" s="236">
        <f t="shared" si="1332"/>
        <v>2.4036504727691339</v>
      </c>
      <c r="P5650" s="236" t="str">
        <f t="shared" si="1333"/>
        <v>SAND</v>
      </c>
      <c r="Q5650" s="236" t="e">
        <f t="shared" si="1329"/>
        <v>#N/A</v>
      </c>
      <c r="R5650" s="238">
        <v>35</v>
      </c>
      <c r="S5650" s="236" t="e">
        <f t="shared" si="1334"/>
        <v>#N/A</v>
      </c>
      <c r="T5650" s="236">
        <f t="shared" si="1320"/>
        <v>32.30531772708251</v>
      </c>
    </row>
    <row r="5651" spans="1:20" x14ac:dyDescent="0.2">
      <c r="A5651" s="53">
        <f t="shared" si="1321"/>
        <v>5639</v>
      </c>
      <c r="B5651" s="239">
        <v>56.026000000000003</v>
      </c>
      <c r="C5651" s="3">
        <f t="shared" si="1322"/>
        <v>56.019000000000005</v>
      </c>
      <c r="D5651" s="239">
        <v>12.6921</v>
      </c>
      <c r="E5651" s="239">
        <v>9.69E-2</v>
      </c>
      <c r="F5651" s="239">
        <v>0.3871</v>
      </c>
      <c r="G5651">
        <f t="shared" si="1323"/>
        <v>12.76952</v>
      </c>
      <c r="H5651" s="235">
        <f t="shared" si="1324"/>
        <v>0.75883823354362567</v>
      </c>
      <c r="I5651" s="236">
        <f t="shared" si="1325"/>
        <v>19.603074367807661</v>
      </c>
      <c r="J5651" s="237">
        <f t="shared" si="1330"/>
        <v>9.6030743678076611</v>
      </c>
      <c r="K5651" s="237">
        <f t="shared" si="1326"/>
        <v>1098.1446230102174</v>
      </c>
      <c r="L5651" s="237">
        <f t="shared" si="1331"/>
        <v>538.02184453079201</v>
      </c>
      <c r="M5651" s="236">
        <f t="shared" si="1327"/>
        <v>21.693125466250113</v>
      </c>
      <c r="N5651" s="236">
        <f t="shared" si="1328"/>
        <v>0.83023634207703734</v>
      </c>
      <c r="O5651" s="236">
        <f t="shared" si="1332"/>
        <v>2.4187521297780368</v>
      </c>
      <c r="P5651" s="236" t="str">
        <f t="shared" si="1333"/>
        <v>SAND</v>
      </c>
      <c r="Q5651" s="236" t="e">
        <f t="shared" si="1329"/>
        <v>#N/A</v>
      </c>
      <c r="R5651" s="238">
        <v>35</v>
      </c>
      <c r="S5651" s="236" t="e">
        <f t="shared" si="1334"/>
        <v>#N/A</v>
      </c>
      <c r="T5651" s="236">
        <f t="shared" si="1320"/>
        <v>32.299543408926205</v>
      </c>
    </row>
    <row r="5652" spans="1:20" x14ac:dyDescent="0.2">
      <c r="A5652" s="53">
        <f t="shared" si="1321"/>
        <v>5640</v>
      </c>
      <c r="B5652" s="239">
        <v>56.036000000000001</v>
      </c>
      <c r="C5652" s="3">
        <f t="shared" si="1322"/>
        <v>56.029000000000003</v>
      </c>
      <c r="D5652" s="239">
        <v>12.680899999999999</v>
      </c>
      <c r="E5652" s="239">
        <v>0.1031</v>
      </c>
      <c r="F5652" s="239">
        <v>0.3619</v>
      </c>
      <c r="G5652">
        <f t="shared" si="1323"/>
        <v>12.75328</v>
      </c>
      <c r="H5652" s="235">
        <f t="shared" si="1324"/>
        <v>0.8084194811060369</v>
      </c>
      <c r="I5652" s="236">
        <f t="shared" si="1325"/>
        <v>19.675301155955363</v>
      </c>
      <c r="J5652" s="237">
        <f t="shared" si="1330"/>
        <v>9.6753011559553634</v>
      </c>
      <c r="K5652" s="237">
        <f t="shared" si="1326"/>
        <v>1102.3874484670232</v>
      </c>
      <c r="L5652" s="237">
        <f t="shared" si="1331"/>
        <v>542.16517557511474</v>
      </c>
      <c r="M5652" s="236">
        <f t="shared" si="1327"/>
        <v>21.489562731826169</v>
      </c>
      <c r="N5652" s="236">
        <f t="shared" si="1328"/>
        <v>0.88491074433979311</v>
      </c>
      <c r="O5652" s="236">
        <f t="shared" si="1332"/>
        <v>2.4355133534187772</v>
      </c>
      <c r="P5652" s="236" t="str">
        <f t="shared" si="1333"/>
        <v>SAND</v>
      </c>
      <c r="Q5652" s="236" t="e">
        <f t="shared" si="1329"/>
        <v>#N/A</v>
      </c>
      <c r="R5652" s="238">
        <v>35</v>
      </c>
      <c r="S5652" s="236" t="e">
        <f t="shared" si="1334"/>
        <v>#N/A</v>
      </c>
      <c r="T5652" s="236">
        <f t="shared" si="1320"/>
        <v>32.254503364451587</v>
      </c>
    </row>
    <row r="5653" spans="1:20" x14ac:dyDescent="0.2">
      <c r="A5653" s="53">
        <f t="shared" si="1321"/>
        <v>5641</v>
      </c>
      <c r="B5653" s="239">
        <v>56.045000000000002</v>
      </c>
      <c r="C5653" s="3">
        <f t="shared" si="1322"/>
        <v>56.038000000000004</v>
      </c>
      <c r="D5653" s="239">
        <v>12.9777</v>
      </c>
      <c r="E5653" s="239">
        <v>0.11940000000000001</v>
      </c>
      <c r="F5653" s="239">
        <v>0.2024</v>
      </c>
      <c r="G5653">
        <f t="shared" si="1323"/>
        <v>13.018180000000001</v>
      </c>
      <c r="H5653" s="235">
        <f t="shared" si="1324"/>
        <v>0.9171788990473323</v>
      </c>
      <c r="I5653" s="236">
        <f t="shared" si="1325"/>
        <v>19.855449981666688</v>
      </c>
      <c r="J5653" s="237">
        <f t="shared" si="1330"/>
        <v>9.8554499816666876</v>
      </c>
      <c r="K5653" s="237">
        <f t="shared" si="1326"/>
        <v>1112.6597060726378</v>
      </c>
      <c r="L5653" s="237">
        <f t="shared" si="1331"/>
        <v>552.34869422250949</v>
      </c>
      <c r="M5653" s="236">
        <f t="shared" si="1327"/>
        <v>21.554355823517731</v>
      </c>
      <c r="N5653" s="236">
        <f t="shared" si="1328"/>
        <v>1.0028961108142604</v>
      </c>
      <c r="O5653" s="236">
        <f t="shared" si="1332"/>
        <v>2.4608836989095306</v>
      </c>
      <c r="P5653" s="236" t="str">
        <f t="shared" si="1333"/>
        <v>SAND</v>
      </c>
      <c r="Q5653" s="236" t="e">
        <f t="shared" si="1329"/>
        <v>#N/A</v>
      </c>
      <c r="R5653" s="238">
        <v>35</v>
      </c>
      <c r="S5653" s="236" t="e">
        <f t="shared" si="1334"/>
        <v>#N/A</v>
      </c>
      <c r="T5653" s="236">
        <f t="shared" si="1320"/>
        <v>32.268885527982832</v>
      </c>
    </row>
    <row r="5654" spans="1:20" x14ac:dyDescent="0.2">
      <c r="A5654" s="53">
        <f t="shared" si="1321"/>
        <v>5642</v>
      </c>
      <c r="B5654" s="239">
        <v>56.055</v>
      </c>
      <c r="C5654" s="3">
        <f t="shared" si="1322"/>
        <v>56.048000000000002</v>
      </c>
      <c r="D5654" s="239">
        <v>13.5961</v>
      </c>
      <c r="E5654" s="239">
        <v>0.13489999999999999</v>
      </c>
      <c r="F5654" s="239">
        <v>0.20380000000000001</v>
      </c>
      <c r="G5654">
        <f t="shared" si="1323"/>
        <v>13.63686</v>
      </c>
      <c r="H5654" s="235">
        <f t="shared" si="1324"/>
        <v>0.98923065867069104</v>
      </c>
      <c r="I5654" s="236">
        <f t="shared" si="1325"/>
        <v>20.016718262232629</v>
      </c>
      <c r="J5654" s="237">
        <f t="shared" si="1330"/>
        <v>10.016718262232629</v>
      </c>
      <c r="K5654" s="237">
        <f t="shared" si="1326"/>
        <v>1121.8970251616145</v>
      </c>
      <c r="L5654" s="237">
        <f t="shared" si="1331"/>
        <v>561.48714218945008</v>
      </c>
      <c r="M5654" s="236">
        <f t="shared" si="1327"/>
        <v>22.288957367817591</v>
      </c>
      <c r="N5654" s="236">
        <f t="shared" si="1328"/>
        <v>1.0779097011411019</v>
      </c>
      <c r="O5654" s="236">
        <f t="shared" si="1332"/>
        <v>2.4640344385074813</v>
      </c>
      <c r="P5654" s="236" t="str">
        <f t="shared" si="1333"/>
        <v>SAND</v>
      </c>
      <c r="Q5654" s="236" t="e">
        <f t="shared" si="1329"/>
        <v>#N/A</v>
      </c>
      <c r="R5654" s="238">
        <v>35</v>
      </c>
      <c r="S5654" s="236" t="e">
        <f t="shared" si="1334"/>
        <v>#N/A</v>
      </c>
      <c r="T5654" s="236">
        <f t="shared" si="1320"/>
        <v>32.428987288951767</v>
      </c>
    </row>
    <row r="5655" spans="1:20" x14ac:dyDescent="0.2">
      <c r="A5655" s="53">
        <f t="shared" si="1321"/>
        <v>5643</v>
      </c>
      <c r="B5655" s="239">
        <v>56.064999999999998</v>
      </c>
      <c r="C5655" s="3">
        <f t="shared" si="1322"/>
        <v>56.058</v>
      </c>
      <c r="D5655" s="239">
        <v>14.341100000000001</v>
      </c>
      <c r="E5655" s="239">
        <v>0.15409999999999999</v>
      </c>
      <c r="F5655" s="239">
        <v>0.17169999999999999</v>
      </c>
      <c r="G5655">
        <f t="shared" si="1323"/>
        <v>14.375440000000001</v>
      </c>
      <c r="H5655" s="235">
        <f t="shared" si="1324"/>
        <v>1.0719671884825783</v>
      </c>
      <c r="I5655" s="236">
        <f t="shared" si="1325"/>
        <v>20.193369210633485</v>
      </c>
      <c r="J5655" s="237">
        <f t="shared" si="1330"/>
        <v>10.193369210633485</v>
      </c>
      <c r="K5655" s="237">
        <f t="shared" si="1326"/>
        <v>1131.9998912096919</v>
      </c>
      <c r="L5655" s="237">
        <f t="shared" si="1331"/>
        <v>571.49124479416628</v>
      </c>
      <c r="M5655" s="236">
        <f t="shared" si="1327"/>
        <v>23.173478560568661</v>
      </c>
      <c r="N5655" s="236">
        <f t="shared" si="1328"/>
        <v>1.1635949476429197</v>
      </c>
      <c r="O5655" s="236">
        <f t="shared" si="1332"/>
        <v>2.4666471693185126</v>
      </c>
      <c r="P5655" s="236" t="str">
        <f t="shared" si="1333"/>
        <v>SAND</v>
      </c>
      <c r="Q5655" s="236" t="e">
        <f t="shared" si="1329"/>
        <v>#N/A</v>
      </c>
      <c r="R5655" s="238">
        <v>35</v>
      </c>
      <c r="S5655" s="236" t="e">
        <f t="shared" si="1334"/>
        <v>#N/A</v>
      </c>
      <c r="T5655" s="236">
        <f t="shared" si="1320"/>
        <v>32.614903534786102</v>
      </c>
    </row>
    <row r="5656" spans="1:20" x14ac:dyDescent="0.2">
      <c r="A5656" s="53">
        <f t="shared" si="1321"/>
        <v>5644</v>
      </c>
      <c r="B5656" s="239">
        <v>56.073999999999998</v>
      </c>
      <c r="C5656" s="3">
        <f t="shared" si="1322"/>
        <v>56.067</v>
      </c>
      <c r="D5656" s="239">
        <v>14.690799999999999</v>
      </c>
      <c r="E5656" s="239">
        <v>0.17069999999999999</v>
      </c>
      <c r="F5656" s="239">
        <v>4.87E-2</v>
      </c>
      <c r="G5656">
        <f t="shared" si="1323"/>
        <v>14.70054</v>
      </c>
      <c r="H5656" s="235">
        <f t="shared" si="1324"/>
        <v>1.1611818341367051</v>
      </c>
      <c r="I5656" s="236">
        <f t="shared" si="1325"/>
        <v>20.322073520709267</v>
      </c>
      <c r="J5656" s="237">
        <f t="shared" si="1330"/>
        <v>10.322073520709267</v>
      </c>
      <c r="K5656" s="237">
        <f t="shared" si="1326"/>
        <v>1139.3976960856064</v>
      </c>
      <c r="L5656" s="237">
        <f t="shared" si="1331"/>
        <v>578.79995060025146</v>
      </c>
      <c r="M5656" s="236">
        <f t="shared" si="1327"/>
        <v>23.429757189596593</v>
      </c>
      <c r="N5656" s="236">
        <f t="shared" si="1328"/>
        <v>1.2587435200847925</v>
      </c>
      <c r="O5656" s="236">
        <f t="shared" si="1332"/>
        <v>2.4805664036847337</v>
      </c>
      <c r="P5656" s="236" t="str">
        <f t="shared" si="1333"/>
        <v>SAND</v>
      </c>
      <c r="Q5656" s="236" t="e">
        <f t="shared" si="1329"/>
        <v>#N/A</v>
      </c>
      <c r="R5656" s="238">
        <v>35</v>
      </c>
      <c r="S5656" s="236" t="e">
        <f t="shared" si="1334"/>
        <v>#N/A</v>
      </c>
      <c r="T5656" s="236">
        <f t="shared" si="1320"/>
        <v>32.667445666695812</v>
      </c>
    </row>
    <row r="5657" spans="1:20" x14ac:dyDescent="0.2">
      <c r="A5657" s="53">
        <f t="shared" si="1321"/>
        <v>5645</v>
      </c>
      <c r="B5657" s="239">
        <v>56.084000000000003</v>
      </c>
      <c r="C5657" s="3">
        <f t="shared" si="1322"/>
        <v>56.077000000000005</v>
      </c>
      <c r="D5657" s="239">
        <v>14.8315</v>
      </c>
      <c r="E5657" s="239">
        <v>0.1875</v>
      </c>
      <c r="F5657" s="239">
        <v>2.2000000000000001E-3</v>
      </c>
      <c r="G5657">
        <f t="shared" si="1323"/>
        <v>14.831939999999999</v>
      </c>
      <c r="H5657" s="235">
        <f t="shared" si="1324"/>
        <v>1.2641636899825648</v>
      </c>
      <c r="I5657" s="236">
        <f t="shared" si="1325"/>
        <v>20.435624652902533</v>
      </c>
      <c r="J5657" s="237">
        <f t="shared" si="1330"/>
        <v>10.435624652902533</v>
      </c>
      <c r="K5657" s="237">
        <f t="shared" si="1326"/>
        <v>1145.9685236608154</v>
      </c>
      <c r="L5657" s="237">
        <f t="shared" si="1331"/>
        <v>585.27157303338572</v>
      </c>
      <c r="M5657" s="236">
        <f t="shared" si="1327"/>
        <v>23.383967557840869</v>
      </c>
      <c r="N5657" s="236">
        <f t="shared" si="1328"/>
        <v>1.3700160074435122</v>
      </c>
      <c r="O5657" s="236">
        <f t="shared" si="1332"/>
        <v>2.501049619148076</v>
      </c>
      <c r="P5657" s="236" t="str">
        <f t="shared" si="1333"/>
        <v>SAND</v>
      </c>
      <c r="Q5657" s="236" t="e">
        <f t="shared" si="1329"/>
        <v>#N/A</v>
      </c>
      <c r="R5657" s="238">
        <v>35</v>
      </c>
      <c r="S5657" s="236" t="e">
        <f t="shared" si="1334"/>
        <v>#N/A</v>
      </c>
      <c r="T5657" s="236">
        <f t="shared" si="1320"/>
        <v>32.658100198060716</v>
      </c>
    </row>
    <row r="5658" spans="1:20" x14ac:dyDescent="0.2">
      <c r="A5658" s="53">
        <f t="shared" si="1321"/>
        <v>5646</v>
      </c>
      <c r="B5658" s="239">
        <v>56.094999999999999</v>
      </c>
      <c r="C5658" s="3">
        <f t="shared" si="1322"/>
        <v>56.088000000000001</v>
      </c>
      <c r="D5658" s="239">
        <v>15.064</v>
      </c>
      <c r="E5658" s="239">
        <v>0.1807</v>
      </c>
      <c r="F5658" s="239">
        <v>-5.0700000000000002E-2</v>
      </c>
      <c r="G5658">
        <f t="shared" si="1323"/>
        <v>15.05386</v>
      </c>
      <c r="H5658" s="235">
        <f t="shared" si="1324"/>
        <v>1.2003565862841823</v>
      </c>
      <c r="I5658" s="236">
        <f t="shared" si="1325"/>
        <v>20.398113151820834</v>
      </c>
      <c r="J5658" s="237">
        <f t="shared" si="1330"/>
        <v>10.398113151820834</v>
      </c>
      <c r="K5658" s="237">
        <f t="shared" si="1326"/>
        <v>1144.089370459327</v>
      </c>
      <c r="L5658" s="237">
        <f t="shared" si="1331"/>
        <v>583.28215725138966</v>
      </c>
      <c r="M5658" s="236">
        <f t="shared" si="1327"/>
        <v>23.84741322293814</v>
      </c>
      <c r="N5658" s="236">
        <f t="shared" si="1328"/>
        <v>1.2990868419946551</v>
      </c>
      <c r="O5658" s="236">
        <f t="shared" si="1332"/>
        <v>2.481409441105237</v>
      </c>
      <c r="P5658" s="236" t="str">
        <f t="shared" si="1333"/>
        <v>SAND</v>
      </c>
      <c r="Q5658" s="236" t="e">
        <f t="shared" si="1329"/>
        <v>#N/A</v>
      </c>
      <c r="R5658" s="238">
        <v>35</v>
      </c>
      <c r="S5658" s="236" t="e">
        <f t="shared" si="1334"/>
        <v>#N/A</v>
      </c>
      <c r="T5658" s="236">
        <f t="shared" si="1320"/>
        <v>32.751854048447811</v>
      </c>
    </row>
    <row r="5659" spans="1:20" x14ac:dyDescent="0.2">
      <c r="A5659" s="53">
        <f t="shared" si="1321"/>
        <v>5647</v>
      </c>
      <c r="B5659" s="239">
        <v>56.104999999999997</v>
      </c>
      <c r="C5659" s="3">
        <f t="shared" si="1322"/>
        <v>56.097999999999999</v>
      </c>
      <c r="D5659" s="239">
        <v>15.319100000000001</v>
      </c>
      <c r="E5659" s="239">
        <v>0.1842</v>
      </c>
      <c r="F5659" s="239">
        <v>-5.8299999999999998E-2</v>
      </c>
      <c r="G5659">
        <f t="shared" si="1323"/>
        <v>15.307440000000001</v>
      </c>
      <c r="H5659" s="235">
        <f t="shared" si="1324"/>
        <v>1.2033364168012417</v>
      </c>
      <c r="I5659" s="236">
        <f t="shared" si="1325"/>
        <v>20.427137353447673</v>
      </c>
      <c r="J5659" s="237">
        <f t="shared" si="1330"/>
        <v>10.427137353447673</v>
      </c>
      <c r="K5659" s="237">
        <f t="shared" si="1326"/>
        <v>1145.9215512537075</v>
      </c>
      <c r="L5659" s="237">
        <f t="shared" si="1331"/>
        <v>585.01454121518168</v>
      </c>
      <c r="M5659" s="236">
        <f t="shared" si="1327"/>
        <v>24.207122132947742</v>
      </c>
      <c r="N5659" s="236">
        <f t="shared" si="1328"/>
        <v>1.3007079761020051</v>
      </c>
      <c r="O5659" s="236">
        <f t="shared" si="1332"/>
        <v>2.4762206852124247</v>
      </c>
      <c r="P5659" s="236" t="str">
        <f t="shared" si="1333"/>
        <v>SAND</v>
      </c>
      <c r="Q5659" s="236" t="e">
        <f t="shared" si="1329"/>
        <v>#N/A</v>
      </c>
      <c r="R5659" s="238">
        <v>35</v>
      </c>
      <c r="S5659" s="236" t="e">
        <f t="shared" si="1334"/>
        <v>#N/A</v>
      </c>
      <c r="T5659" s="236">
        <f t="shared" si="1320"/>
        <v>32.823374774863424</v>
      </c>
    </row>
    <row r="5660" spans="1:20" x14ac:dyDescent="0.2">
      <c r="A5660" s="53">
        <f t="shared" si="1321"/>
        <v>5648</v>
      </c>
      <c r="B5660" s="239">
        <v>56.115000000000002</v>
      </c>
      <c r="C5660" s="3">
        <f t="shared" si="1322"/>
        <v>56.108000000000004</v>
      </c>
      <c r="D5660" s="239">
        <v>15.5345</v>
      </c>
      <c r="E5660" s="239">
        <v>0.19170000000000001</v>
      </c>
      <c r="F5660" s="239">
        <v>-5.6800000000000003E-2</v>
      </c>
      <c r="G5660">
        <f t="shared" si="1323"/>
        <v>15.52314</v>
      </c>
      <c r="H5660" s="235">
        <f t="shared" si="1324"/>
        <v>1.2349305617291348</v>
      </c>
      <c r="I5660" s="236">
        <f t="shared" si="1325"/>
        <v>20.479404376037046</v>
      </c>
      <c r="J5660" s="237">
        <f t="shared" si="1330"/>
        <v>10.479404376037046</v>
      </c>
      <c r="K5660" s="237">
        <f t="shared" si="1326"/>
        <v>1149.0584207306867</v>
      </c>
      <c r="L5660" s="237">
        <f t="shared" si="1331"/>
        <v>588.05177656131889</v>
      </c>
      <c r="M5660" s="236">
        <f t="shared" si="1327"/>
        <v>24.443564584266603</v>
      </c>
      <c r="N5660" s="236">
        <f t="shared" si="1328"/>
        <v>1.3336504245006855</v>
      </c>
      <c r="O5660" s="236">
        <f t="shared" si="1332"/>
        <v>2.4785432997592891</v>
      </c>
      <c r="P5660" s="236" t="str">
        <f t="shared" si="1333"/>
        <v>SAND</v>
      </c>
      <c r="Q5660" s="236" t="e">
        <f t="shared" si="1329"/>
        <v>#N/A</v>
      </c>
      <c r="R5660" s="238">
        <v>35</v>
      </c>
      <c r="S5660" s="236" t="e">
        <f t="shared" si="1334"/>
        <v>#N/A</v>
      </c>
      <c r="T5660" s="236">
        <f t="shared" si="1320"/>
        <v>32.86980992882792</v>
      </c>
    </row>
    <row r="5661" spans="1:20" x14ac:dyDescent="0.2">
      <c r="A5661" s="53">
        <f t="shared" si="1321"/>
        <v>5649</v>
      </c>
      <c r="B5661" s="239">
        <v>56.125</v>
      </c>
      <c r="C5661" s="3">
        <f t="shared" si="1322"/>
        <v>56.118000000000002</v>
      </c>
      <c r="D5661" s="239">
        <v>15.449</v>
      </c>
      <c r="E5661" s="239">
        <v>0.185</v>
      </c>
      <c r="F5661" s="239">
        <v>-9.9199999999999997E-2</v>
      </c>
      <c r="G5661">
        <f t="shared" si="1323"/>
        <v>15.42916</v>
      </c>
      <c r="H5661" s="235">
        <f t="shared" si="1324"/>
        <v>1.1990283333635792</v>
      </c>
      <c r="I5661" s="236">
        <f t="shared" si="1325"/>
        <v>20.435314775488855</v>
      </c>
      <c r="J5661" s="237">
        <f t="shared" si="1330"/>
        <v>10.435314775488855</v>
      </c>
      <c r="K5661" s="237">
        <f t="shared" si="1326"/>
        <v>1146.7889945708837</v>
      </c>
      <c r="L5661" s="237">
        <f t="shared" si="1331"/>
        <v>585.68204177431198</v>
      </c>
      <c r="M5661" s="236">
        <f t="shared" si="1327"/>
        <v>24.385878320873491</v>
      </c>
      <c r="N5661" s="236">
        <f t="shared" si="1328"/>
        <v>1.295303139301426</v>
      </c>
      <c r="O5661" s="236">
        <f t="shared" si="1332"/>
        <v>2.4725545555671014</v>
      </c>
      <c r="P5661" s="236" t="str">
        <f t="shared" si="1333"/>
        <v>SAND</v>
      </c>
      <c r="Q5661" s="236" t="e">
        <f t="shared" si="1329"/>
        <v>#N/A</v>
      </c>
      <c r="R5661" s="238">
        <v>35</v>
      </c>
      <c r="S5661" s="236" t="e">
        <f t="shared" si="1334"/>
        <v>#N/A</v>
      </c>
      <c r="T5661" s="236">
        <f t="shared" si="1320"/>
        <v>32.85852242700868</v>
      </c>
    </row>
    <row r="5662" spans="1:20" x14ac:dyDescent="0.2">
      <c r="A5662" s="53">
        <f t="shared" si="1321"/>
        <v>5650</v>
      </c>
      <c r="B5662" s="239">
        <v>56.134999999999998</v>
      </c>
      <c r="C5662" s="3">
        <f t="shared" si="1322"/>
        <v>56.128</v>
      </c>
      <c r="D5662" s="239">
        <v>15.159000000000001</v>
      </c>
      <c r="E5662" s="239">
        <v>0.1744</v>
      </c>
      <c r="F5662" s="239">
        <v>-8.6300000000000002E-2</v>
      </c>
      <c r="G5662">
        <f t="shared" si="1323"/>
        <v>15.14174</v>
      </c>
      <c r="H5662" s="235">
        <f t="shared" si="1324"/>
        <v>1.1517830843747152</v>
      </c>
      <c r="I5662" s="236">
        <f t="shared" si="1325"/>
        <v>20.358776758140177</v>
      </c>
      <c r="J5662" s="237">
        <f t="shared" si="1330"/>
        <v>10.358776758140177</v>
      </c>
      <c r="K5662" s="237">
        <f t="shared" si="1326"/>
        <v>1142.6974218808919</v>
      </c>
      <c r="L5662" s="237">
        <f t="shared" si="1331"/>
        <v>581.48993331819884</v>
      </c>
      <c r="M5662" s="236">
        <f t="shared" si="1327"/>
        <v>24.074436677235909</v>
      </c>
      <c r="N5662" s="236">
        <f t="shared" si="1328"/>
        <v>1.2457994825488425</v>
      </c>
      <c r="O5662" s="236">
        <f t="shared" si="1332"/>
        <v>2.468198048701308</v>
      </c>
      <c r="P5662" s="236" t="str">
        <f t="shared" si="1333"/>
        <v>SAND</v>
      </c>
      <c r="Q5662" s="236" t="e">
        <f t="shared" si="1329"/>
        <v>#N/A</v>
      </c>
      <c r="R5662" s="238">
        <v>35</v>
      </c>
      <c r="S5662" s="236" t="e">
        <f t="shared" si="1334"/>
        <v>#N/A</v>
      </c>
      <c r="T5662" s="236">
        <f t="shared" si="1320"/>
        <v>32.797117471451486</v>
      </c>
    </row>
    <row r="5663" spans="1:20" x14ac:dyDescent="0.2">
      <c r="A5663" s="53">
        <f t="shared" si="1321"/>
        <v>5651</v>
      </c>
      <c r="B5663" s="239">
        <v>56.146999999999998</v>
      </c>
      <c r="C5663" s="3">
        <f t="shared" si="1322"/>
        <v>56.14</v>
      </c>
      <c r="D5663" s="239">
        <v>14.405900000000001</v>
      </c>
      <c r="E5663" s="239">
        <v>0.16619999999999999</v>
      </c>
      <c r="F5663" s="239">
        <v>-5.6099999999999997E-2</v>
      </c>
      <c r="G5663">
        <f t="shared" si="1323"/>
        <v>14.394680000000001</v>
      </c>
      <c r="H5663" s="235">
        <f t="shared" si="1324"/>
        <v>1.1545932247191322</v>
      </c>
      <c r="I5663" s="236">
        <f t="shared" si="1325"/>
        <v>20.282528620181829</v>
      </c>
      <c r="J5663" s="237">
        <f t="shared" si="1330"/>
        <v>10.282528620181829</v>
      </c>
      <c r="K5663" s="237">
        <f t="shared" si="1326"/>
        <v>1138.6611567370078</v>
      </c>
      <c r="L5663" s="237">
        <f t="shared" si="1331"/>
        <v>577.33313443734914</v>
      </c>
      <c r="M5663" s="236">
        <f t="shared" si="1327"/>
        <v>22.960779578642917</v>
      </c>
      <c r="N5663" s="236">
        <f t="shared" si="1328"/>
        <v>1.2537700946650854</v>
      </c>
      <c r="O5663" s="236">
        <f t="shared" si="1332"/>
        <v>2.4870938556561391</v>
      </c>
      <c r="P5663" s="236" t="str">
        <f t="shared" si="1333"/>
        <v>SAND</v>
      </c>
      <c r="Q5663" s="236" t="e">
        <f t="shared" si="1329"/>
        <v>#N/A</v>
      </c>
      <c r="R5663" s="238">
        <v>35</v>
      </c>
      <c r="S5663" s="236" t="e">
        <f t="shared" si="1334"/>
        <v>#N/A</v>
      </c>
      <c r="T5663" s="236">
        <f t="shared" si="1320"/>
        <v>32.570852923533494</v>
      </c>
    </row>
    <row r="5664" spans="1:20" x14ac:dyDescent="0.2">
      <c r="A5664" s="53">
        <f t="shared" si="1321"/>
        <v>5652</v>
      </c>
      <c r="B5664" s="239">
        <v>56.156999999999996</v>
      </c>
      <c r="C5664" s="3">
        <f t="shared" si="1322"/>
        <v>56.15</v>
      </c>
      <c r="D5664" s="239">
        <v>13.764900000000001</v>
      </c>
      <c r="E5664" s="239">
        <v>0.158</v>
      </c>
      <c r="F5664" s="239">
        <v>-3.44E-2</v>
      </c>
      <c r="G5664">
        <f t="shared" si="1323"/>
        <v>13.75802</v>
      </c>
      <c r="H5664" s="235">
        <f t="shared" si="1324"/>
        <v>1.1484210664034504</v>
      </c>
      <c r="I5664" s="236">
        <f t="shared" si="1325"/>
        <v>20.205517531961608</v>
      </c>
      <c r="J5664" s="237">
        <f t="shared" si="1330"/>
        <v>10.205517531961608</v>
      </c>
      <c r="K5664" s="237">
        <f t="shared" si="1326"/>
        <v>1134.5398094196441</v>
      </c>
      <c r="L5664" s="237">
        <f t="shared" si="1331"/>
        <v>573.11124804236795</v>
      </c>
      <c r="M5664" s="236">
        <f t="shared" si="1327"/>
        <v>22.026230044689594</v>
      </c>
      <c r="N5664" s="236">
        <f t="shared" si="1328"/>
        <v>1.2516358216167649</v>
      </c>
      <c r="O5664" s="236">
        <f t="shared" si="1332"/>
        <v>2.5020255306106991</v>
      </c>
      <c r="P5664" s="236" t="str">
        <f t="shared" si="1333"/>
        <v>SAND</v>
      </c>
      <c r="Q5664" s="236" t="e">
        <f t="shared" si="1329"/>
        <v>#N/A</v>
      </c>
      <c r="R5664" s="238">
        <v>35</v>
      </c>
      <c r="S5664" s="236" t="e">
        <f t="shared" si="1334"/>
        <v>#N/A</v>
      </c>
      <c r="T5664" s="236">
        <f t="shared" si="1320"/>
        <v>32.372341878106674</v>
      </c>
    </row>
    <row r="5665" spans="1:20" x14ac:dyDescent="0.2">
      <c r="A5665" s="53">
        <f t="shared" si="1321"/>
        <v>5653</v>
      </c>
      <c r="B5665" s="239">
        <v>56.167000000000002</v>
      </c>
      <c r="C5665" s="3">
        <f t="shared" si="1322"/>
        <v>56.160000000000004</v>
      </c>
      <c r="D5665" s="239">
        <v>12.889799999999999</v>
      </c>
      <c r="E5665" s="239">
        <v>0.15049999999999999</v>
      </c>
      <c r="F5665" s="239">
        <v>5.1999999999999998E-3</v>
      </c>
      <c r="G5665">
        <f t="shared" si="1323"/>
        <v>12.890839999999999</v>
      </c>
      <c r="H5665" s="235">
        <f t="shared" si="1324"/>
        <v>1.1674956791023703</v>
      </c>
      <c r="I5665" s="236">
        <f t="shared" si="1325"/>
        <v>20.12304470040317</v>
      </c>
      <c r="J5665" s="237">
        <f t="shared" si="1330"/>
        <v>10.12304470040317</v>
      </c>
      <c r="K5665" s="237">
        <f t="shared" si="1326"/>
        <v>1130.1101903746421</v>
      </c>
      <c r="L5665" s="237">
        <f t="shared" si="1331"/>
        <v>568.58105168754491</v>
      </c>
      <c r="M5665" s="236">
        <f t="shared" si="1327"/>
        <v>20.684350585935963</v>
      </c>
      <c r="N5665" s="236">
        <f t="shared" si="1328"/>
        <v>1.2796824894049177</v>
      </c>
      <c r="O5665" s="236">
        <f t="shared" si="1332"/>
        <v>2.5303081209848379</v>
      </c>
      <c r="P5665" s="236" t="str">
        <f t="shared" si="1333"/>
        <v>SAND</v>
      </c>
      <c r="Q5665" s="236" t="e">
        <f t="shared" si="1329"/>
        <v>#N/A</v>
      </c>
      <c r="R5665" s="238">
        <v>35</v>
      </c>
      <c r="S5665" s="236" t="e">
        <f t="shared" si="1334"/>
        <v>#N/A</v>
      </c>
      <c r="T5665" s="236">
        <f t="shared" si="1320"/>
        <v>32.072060791803985</v>
      </c>
    </row>
    <row r="5666" spans="1:20" x14ac:dyDescent="0.2">
      <c r="A5666" s="53">
        <f t="shared" si="1321"/>
        <v>5654</v>
      </c>
      <c r="B5666" s="239">
        <v>56.177</v>
      </c>
      <c r="C5666" s="3">
        <f t="shared" si="1322"/>
        <v>56.17</v>
      </c>
      <c r="D5666" s="239">
        <v>12.224500000000001</v>
      </c>
      <c r="E5666" s="239">
        <v>0.14549999999999999</v>
      </c>
      <c r="F5666" s="239">
        <v>8.7599999999999997E-2</v>
      </c>
      <c r="G5666">
        <f t="shared" si="1323"/>
        <v>12.24202</v>
      </c>
      <c r="H5666" s="235">
        <f t="shared" si="1324"/>
        <v>1.1885293440134879</v>
      </c>
      <c r="I5666" s="236">
        <f t="shared" si="1325"/>
        <v>20.063240912562033</v>
      </c>
      <c r="J5666" s="237">
        <f t="shared" si="1330"/>
        <v>10.063240912562033</v>
      </c>
      <c r="K5666" s="237">
        <f t="shared" si="1326"/>
        <v>1126.9522420586095</v>
      </c>
      <c r="L5666" s="237">
        <f t="shared" si="1331"/>
        <v>565.32268474499733</v>
      </c>
      <c r="M5666" s="236">
        <f t="shared" si="1327"/>
        <v>19.661457178133787</v>
      </c>
      <c r="N5666" s="236">
        <f t="shared" si="1328"/>
        <v>1.3090338553810839</v>
      </c>
      <c r="O5666" s="236">
        <f t="shared" si="1332"/>
        <v>2.5542290942703407</v>
      </c>
      <c r="P5666" s="236" t="str">
        <f t="shared" si="1333"/>
        <v>SAND</v>
      </c>
      <c r="Q5666" s="236" t="e">
        <f t="shared" si="1329"/>
        <v>#N/A</v>
      </c>
      <c r="R5666" s="238">
        <v>35</v>
      </c>
      <c r="S5666" s="236" t="e">
        <f t="shared" si="1334"/>
        <v>#N/A</v>
      </c>
      <c r="T5666" s="236">
        <f t="shared" si="1320"/>
        <v>31.829772719193823</v>
      </c>
    </row>
    <row r="5667" spans="1:20" x14ac:dyDescent="0.2">
      <c r="A5667" s="53">
        <f t="shared" si="1321"/>
        <v>5655</v>
      </c>
      <c r="B5667" s="239">
        <v>56.186999999999998</v>
      </c>
      <c r="C5667" s="3">
        <f t="shared" si="1322"/>
        <v>56.18</v>
      </c>
      <c r="D5667" s="239">
        <v>11.562900000000001</v>
      </c>
      <c r="E5667" s="239">
        <v>0.14149999999999999</v>
      </c>
      <c r="F5667" s="239">
        <v>0.15260000000000001</v>
      </c>
      <c r="G5667">
        <f t="shared" si="1323"/>
        <v>11.59342</v>
      </c>
      <c r="H5667" s="235">
        <f t="shared" si="1324"/>
        <v>1.2205199156073012</v>
      </c>
      <c r="I5667" s="236">
        <f t="shared" si="1325"/>
        <v>20.009275854582</v>
      </c>
      <c r="J5667" s="237">
        <f t="shared" si="1330"/>
        <v>10.009275854582</v>
      </c>
      <c r="K5667" s="237">
        <f t="shared" si="1326"/>
        <v>1124.1211175104168</v>
      </c>
      <c r="L5667" s="237">
        <f t="shared" si="1331"/>
        <v>562.39118244139888</v>
      </c>
      <c r="M5667" s="236">
        <f t="shared" si="1327"/>
        <v>18.615688171072069</v>
      </c>
      <c r="N5667" s="236">
        <f t="shared" si="1328"/>
        <v>1.3515709274158338</v>
      </c>
      <c r="O5667" s="236">
        <f t="shared" si="1332"/>
        <v>2.5817237593928453</v>
      </c>
      <c r="P5667" s="236" t="str">
        <f t="shared" si="1333"/>
        <v>SAND</v>
      </c>
      <c r="Q5667" s="236" t="e">
        <f t="shared" si="1329"/>
        <v>#N/A</v>
      </c>
      <c r="R5667" s="238">
        <v>35</v>
      </c>
      <c r="S5667" s="236" t="e">
        <f t="shared" si="1334"/>
        <v>#N/A</v>
      </c>
      <c r="T5667" s="236">
        <f t="shared" si="1320"/>
        <v>31.56867005083258</v>
      </c>
    </row>
    <row r="5668" spans="1:20" x14ac:dyDescent="0.2">
      <c r="A5668" s="53">
        <f t="shared" si="1321"/>
        <v>5656</v>
      </c>
      <c r="B5668" s="239">
        <v>56.195999999999998</v>
      </c>
      <c r="C5668" s="3">
        <f t="shared" si="1322"/>
        <v>56.189</v>
      </c>
      <c r="D5668" s="239">
        <v>11.029</v>
      </c>
      <c r="E5668" s="239">
        <v>0.1331</v>
      </c>
      <c r="F5668" s="239">
        <v>0.25080000000000002</v>
      </c>
      <c r="G5668">
        <f t="shared" si="1323"/>
        <v>11.07916</v>
      </c>
      <c r="H5668" s="235">
        <f t="shared" si="1324"/>
        <v>1.2013546153318484</v>
      </c>
      <c r="I5668" s="236">
        <f t="shared" si="1325"/>
        <v>19.919779955026797</v>
      </c>
      <c r="J5668" s="237">
        <f t="shared" si="1330"/>
        <v>9.9197799550267973</v>
      </c>
      <c r="K5668" s="237">
        <f t="shared" si="1326"/>
        <v>1119.2725158930007</v>
      </c>
      <c r="L5668" s="237">
        <f t="shared" si="1331"/>
        <v>557.4519543526859</v>
      </c>
      <c r="M5668" s="236">
        <f t="shared" si="1327"/>
        <v>17.86680880089915</v>
      </c>
      <c r="N5668" s="236">
        <f t="shared" si="1328"/>
        <v>1.3363604780916229</v>
      </c>
      <c r="O5668" s="236">
        <f t="shared" si="1332"/>
        <v>2.5943835403725921</v>
      </c>
      <c r="P5668" s="236" t="str">
        <f t="shared" si="1333"/>
        <v>SAND</v>
      </c>
      <c r="Q5668" s="236" t="e">
        <f t="shared" si="1329"/>
        <v>#N/A</v>
      </c>
      <c r="R5668" s="238">
        <v>35</v>
      </c>
      <c r="S5668" s="236" t="e">
        <f t="shared" si="1334"/>
        <v>#N/A</v>
      </c>
      <c r="T5668" s="236">
        <f t="shared" si="1320"/>
        <v>31.372516888801606</v>
      </c>
    </row>
    <row r="5669" spans="1:20" x14ac:dyDescent="0.2">
      <c r="A5669" s="53">
        <f t="shared" si="1321"/>
        <v>5657</v>
      </c>
      <c r="B5669" s="239">
        <v>56.206000000000003</v>
      </c>
      <c r="C5669" s="3">
        <f t="shared" si="1322"/>
        <v>56.199000000000005</v>
      </c>
      <c r="D5669" s="239">
        <v>10.7637</v>
      </c>
      <c r="E5669" s="239">
        <v>0.1195</v>
      </c>
      <c r="F5669" s="239">
        <v>0.34060000000000001</v>
      </c>
      <c r="G5669">
        <f t="shared" si="1323"/>
        <v>10.83182</v>
      </c>
      <c r="H5669" s="235">
        <f t="shared" si="1324"/>
        <v>1.1032310359662547</v>
      </c>
      <c r="I5669" s="236">
        <f t="shared" si="1325"/>
        <v>19.784567689630428</v>
      </c>
      <c r="J5669" s="237">
        <f t="shared" si="1330"/>
        <v>9.7845676896304283</v>
      </c>
      <c r="K5669" s="237">
        <f t="shared" si="1326"/>
        <v>1111.8729195895405</v>
      </c>
      <c r="L5669" s="237">
        <f t="shared" si="1331"/>
        <v>549.95141156336786</v>
      </c>
      <c r="M5669" s="236">
        <f t="shared" si="1327"/>
        <v>17.674192439617883</v>
      </c>
      <c r="N5669" s="236">
        <f t="shared" si="1328"/>
        <v>1.2294305618272328</v>
      </c>
      <c r="O5669" s="236">
        <f t="shared" si="1332"/>
        <v>2.5798340888105025</v>
      </c>
      <c r="P5669" s="236" t="str">
        <f t="shared" si="1333"/>
        <v>SAND</v>
      </c>
      <c r="Q5669" s="236" t="e">
        <f t="shared" si="1329"/>
        <v>#N/A</v>
      </c>
      <c r="R5669" s="238">
        <v>35</v>
      </c>
      <c r="S5669" s="236" t="e">
        <f t="shared" si="1334"/>
        <v>#N/A</v>
      </c>
      <c r="T5669" s="236">
        <f t="shared" si="1320"/>
        <v>31.320735372910455</v>
      </c>
    </row>
    <row r="5670" spans="1:20" x14ac:dyDescent="0.2">
      <c r="A5670" s="53">
        <f t="shared" si="1321"/>
        <v>5658</v>
      </c>
      <c r="B5670" s="239">
        <v>56.215000000000003</v>
      </c>
      <c r="C5670" s="3">
        <f t="shared" si="1322"/>
        <v>56.208000000000006</v>
      </c>
      <c r="D5670" s="239">
        <v>10.5334</v>
      </c>
      <c r="E5670" s="239">
        <v>0.1081</v>
      </c>
      <c r="F5670" s="239">
        <v>0.4632</v>
      </c>
      <c r="G5670">
        <f t="shared" si="1323"/>
        <v>10.62604</v>
      </c>
      <c r="H5670" s="235">
        <f t="shared" si="1324"/>
        <v>1.0173121877952651</v>
      </c>
      <c r="I5670" s="236">
        <f t="shared" si="1325"/>
        <v>19.659506729823413</v>
      </c>
      <c r="J5670" s="237">
        <f t="shared" si="1330"/>
        <v>9.6595067298234127</v>
      </c>
      <c r="K5670" s="237">
        <f t="shared" si="1326"/>
        <v>1105.0215542699145</v>
      </c>
      <c r="L5670" s="237">
        <f t="shared" si="1331"/>
        <v>543.00917081702323</v>
      </c>
      <c r="M5670" s="236">
        <f t="shared" si="1327"/>
        <v>17.533807820233598</v>
      </c>
      <c r="N5670" s="236">
        <f t="shared" si="1328"/>
        <v>1.1353827388968027</v>
      </c>
      <c r="O5670" s="236">
        <f t="shared" si="1332"/>
        <v>2.5654658131429096</v>
      </c>
      <c r="P5670" s="236" t="str">
        <f t="shared" si="1333"/>
        <v>SAND</v>
      </c>
      <c r="Q5670" s="236" t="e">
        <f t="shared" si="1329"/>
        <v>#N/A</v>
      </c>
      <c r="R5670" s="238">
        <v>35</v>
      </c>
      <c r="S5670" s="236" t="e">
        <f t="shared" si="1334"/>
        <v>#N/A</v>
      </c>
      <c r="T5670" s="236">
        <f t="shared" si="1320"/>
        <v>31.282638663630191</v>
      </c>
    </row>
    <row r="5671" spans="1:20" x14ac:dyDescent="0.2">
      <c r="A5671" s="53">
        <f t="shared" si="1321"/>
        <v>5659</v>
      </c>
      <c r="B5671" s="239">
        <v>56.225000000000001</v>
      </c>
      <c r="C5671" s="3">
        <f t="shared" si="1322"/>
        <v>56.218000000000004</v>
      </c>
      <c r="D5671" s="239">
        <v>10.343299999999999</v>
      </c>
      <c r="E5671" s="239">
        <v>0.1085</v>
      </c>
      <c r="F5671" s="239">
        <v>0.54339999999999999</v>
      </c>
      <c r="G5671">
        <f t="shared" si="1323"/>
        <v>10.451979999999999</v>
      </c>
      <c r="H5671" s="235">
        <f t="shared" si="1324"/>
        <v>1.0380808229636873</v>
      </c>
      <c r="I5671" s="236">
        <f t="shared" si="1325"/>
        <v>19.657382060505903</v>
      </c>
      <c r="J5671" s="237">
        <f t="shared" si="1330"/>
        <v>9.6573820605059026</v>
      </c>
      <c r="K5671" s="237">
        <f t="shared" si="1326"/>
        <v>1105.0987046775208</v>
      </c>
      <c r="L5671" s="237">
        <f t="shared" si="1331"/>
        <v>542.98630635194434</v>
      </c>
      <c r="M5671" s="236">
        <f t="shared" si="1327"/>
        <v>17.21384349104407</v>
      </c>
      <c r="N5671" s="236">
        <f t="shared" si="1328"/>
        <v>1.1608149988413501</v>
      </c>
      <c r="O5671" s="236">
        <f t="shared" si="1332"/>
        <v>2.5771918390678334</v>
      </c>
      <c r="P5671" s="236" t="str">
        <f t="shared" si="1333"/>
        <v>SAND</v>
      </c>
      <c r="Q5671" s="236" t="e">
        <f t="shared" si="1329"/>
        <v>#N/A</v>
      </c>
      <c r="R5671" s="238">
        <v>35</v>
      </c>
      <c r="S5671" s="236" t="e">
        <f t="shared" si="1334"/>
        <v>#N/A</v>
      </c>
      <c r="T5671" s="236">
        <f t="shared" si="1320"/>
        <v>31.194656350272052</v>
      </c>
    </row>
    <row r="5672" spans="1:20" x14ac:dyDescent="0.2">
      <c r="A5672" s="53">
        <f t="shared" si="1321"/>
        <v>5660</v>
      </c>
      <c r="B5672" s="239">
        <v>56.271999999999998</v>
      </c>
      <c r="C5672" s="3">
        <f t="shared" si="1322"/>
        <v>56.265000000000001</v>
      </c>
      <c r="D5672" s="239">
        <v>11.9725</v>
      </c>
      <c r="E5672" s="239">
        <v>0.16550000000000001</v>
      </c>
      <c r="F5672" s="239">
        <v>0.21310000000000001</v>
      </c>
      <c r="G5672">
        <f t="shared" si="1323"/>
        <v>12.01512</v>
      </c>
      <c r="H5672" s="235">
        <f t="shared" si="1324"/>
        <v>1.3774311034762867</v>
      </c>
      <c r="I5672" s="236">
        <f t="shared" si="1325"/>
        <v>20.206952950661233</v>
      </c>
      <c r="J5672" s="237">
        <f t="shared" si="1330"/>
        <v>10.206952950661233</v>
      </c>
      <c r="K5672" s="237">
        <f t="shared" si="1326"/>
        <v>1136.9442077689544</v>
      </c>
      <c r="L5672" s="237">
        <f t="shared" si="1331"/>
        <v>574.36565643960887</v>
      </c>
      <c r="M5672" s="236">
        <f t="shared" si="1327"/>
        <v>18.939460725529678</v>
      </c>
      <c r="N5672" s="236">
        <f t="shared" si="1328"/>
        <v>1.521394792297772</v>
      </c>
      <c r="O5672" s="236">
        <f t="shared" si="1332"/>
        <v>2.6026753965099574</v>
      </c>
      <c r="P5672" s="236" t="str">
        <f t="shared" si="1333"/>
        <v>CLAY</v>
      </c>
      <c r="Q5672" s="236">
        <f t="shared" si="1329"/>
        <v>906.51464935258707</v>
      </c>
      <c r="R5672" s="238">
        <v>35</v>
      </c>
      <c r="S5672" s="236">
        <f t="shared" si="1334"/>
        <v>9.8775564381346985</v>
      </c>
      <c r="T5672" s="236" t="e">
        <f t="shared" si="1320"/>
        <v>#N/A</v>
      </c>
    </row>
    <row r="5673" spans="1:20" x14ac:dyDescent="0.2">
      <c r="A5673" s="53">
        <f t="shared" si="1321"/>
        <v>5661</v>
      </c>
      <c r="B5673" s="239">
        <v>56.281999999999996</v>
      </c>
      <c r="C5673" s="3">
        <f t="shared" si="1322"/>
        <v>56.274999999999999</v>
      </c>
      <c r="D5673" s="239">
        <v>12.116300000000001</v>
      </c>
      <c r="E5673" s="239">
        <v>0.1724</v>
      </c>
      <c r="F5673" s="239">
        <v>0.25030000000000002</v>
      </c>
      <c r="G5673">
        <f t="shared" si="1323"/>
        <v>12.166360000000001</v>
      </c>
      <c r="H5673" s="235">
        <f t="shared" si="1324"/>
        <v>1.4170220180892228</v>
      </c>
      <c r="I5673" s="236">
        <f t="shared" si="1325"/>
        <v>20.259738257100352</v>
      </c>
      <c r="J5673" s="237">
        <f t="shared" si="1330"/>
        <v>10.259738257100352</v>
      </c>
      <c r="K5673" s="237">
        <f t="shared" si="1326"/>
        <v>1140.1167704183222</v>
      </c>
      <c r="L5673" s="237">
        <f t="shared" si="1331"/>
        <v>577.43858858612202</v>
      </c>
      <c r="M5673" s="236">
        <f t="shared" si="1327"/>
        <v>19.095092443648092</v>
      </c>
      <c r="N5673" s="236">
        <f t="shared" si="1328"/>
        <v>1.5635425086350165</v>
      </c>
      <c r="O5673" s="236">
        <f t="shared" si="1332"/>
        <v>2.6061024043529337</v>
      </c>
      <c r="P5673" s="236" t="str">
        <f t="shared" si="1333"/>
        <v>CLAY</v>
      </c>
      <c r="Q5673" s="236">
        <f t="shared" si="1329"/>
        <v>918.85360246513983</v>
      </c>
      <c r="R5673" s="238">
        <v>35</v>
      </c>
      <c r="S5673" s="236">
        <f t="shared" si="1334"/>
        <v>9.9791193133423022</v>
      </c>
      <c r="T5673" s="236" t="e">
        <f t="shared" si="1320"/>
        <v>#N/A</v>
      </c>
    </row>
    <row r="5674" spans="1:20" x14ac:dyDescent="0.2">
      <c r="A5674" s="53">
        <f t="shared" si="1321"/>
        <v>5662</v>
      </c>
      <c r="B5674" s="239">
        <v>56.292000000000002</v>
      </c>
      <c r="C5674" s="3">
        <f t="shared" si="1322"/>
        <v>56.285000000000004</v>
      </c>
      <c r="D5674" s="239">
        <v>12.254799999999999</v>
      </c>
      <c r="E5674" s="239">
        <v>0.18290000000000001</v>
      </c>
      <c r="F5674" s="239">
        <v>0.2676</v>
      </c>
      <c r="G5674">
        <f t="shared" si="1323"/>
        <v>12.30832</v>
      </c>
      <c r="H5674" s="235">
        <f t="shared" si="1324"/>
        <v>1.4859867146775514</v>
      </c>
      <c r="I5674" s="236">
        <f t="shared" si="1325"/>
        <v>20.333598960091408</v>
      </c>
      <c r="J5674" s="237">
        <f t="shared" si="1330"/>
        <v>10.333598960091408</v>
      </c>
      <c r="K5674" s="237">
        <f t="shared" si="1326"/>
        <v>1144.476617468745</v>
      </c>
      <c r="L5674" s="237">
        <f t="shared" si="1331"/>
        <v>581.69895266146557</v>
      </c>
      <c r="M5674" s="236">
        <f t="shared" si="1327"/>
        <v>19.191788693194255</v>
      </c>
      <c r="N5674" s="236">
        <f t="shared" si="1328"/>
        <v>1.638324667705342</v>
      </c>
      <c r="O5674" s="236">
        <f t="shared" si="1332"/>
        <v>2.6153331136859252</v>
      </c>
      <c r="P5674" s="236" t="str">
        <f t="shared" si="1333"/>
        <v>CLAY</v>
      </c>
      <c r="Q5674" s="236">
        <f t="shared" si="1329"/>
        <v>930.32028187760454</v>
      </c>
      <c r="R5674" s="238">
        <v>35</v>
      </c>
      <c r="S5674" s="236">
        <f t="shared" si="1334"/>
        <v>10.042326223942805</v>
      </c>
      <c r="T5674" s="236" t="e">
        <f t="shared" si="1320"/>
        <v>#N/A</v>
      </c>
    </row>
    <row r="5675" spans="1:20" x14ac:dyDescent="0.2">
      <c r="A5675" s="53">
        <f t="shared" si="1321"/>
        <v>5663</v>
      </c>
      <c r="B5675" s="239">
        <v>56.302999999999997</v>
      </c>
      <c r="C5675" s="3">
        <f t="shared" si="1322"/>
        <v>56.295999999999999</v>
      </c>
      <c r="D5675" s="239">
        <v>12.4734</v>
      </c>
      <c r="E5675" s="239">
        <v>0.1968</v>
      </c>
      <c r="F5675" s="239">
        <v>0.21890000000000001</v>
      </c>
      <c r="G5675">
        <f t="shared" si="1323"/>
        <v>12.51718</v>
      </c>
      <c r="H5675" s="235">
        <f t="shared" si="1324"/>
        <v>1.5722391145609476</v>
      </c>
      <c r="I5675" s="236">
        <f t="shared" si="1325"/>
        <v>20.42606665622014</v>
      </c>
      <c r="J5675" s="237">
        <f t="shared" si="1330"/>
        <v>10.42606665622014</v>
      </c>
      <c r="K5675" s="237">
        <f t="shared" si="1326"/>
        <v>1149.9058484785689</v>
      </c>
      <c r="L5675" s="237">
        <f t="shared" si="1331"/>
        <v>587.01883094516256</v>
      </c>
      <c r="M5675" s="236">
        <f t="shared" si="1327"/>
        <v>19.364411416272482</v>
      </c>
      <c r="N5675" s="236">
        <f t="shared" si="1328"/>
        <v>1.7312857715643262</v>
      </c>
      <c r="O5675" s="236">
        <f t="shared" si="1332"/>
        <v>2.6253208682205482</v>
      </c>
      <c r="P5675" s="236" t="str">
        <f t="shared" si="1333"/>
        <v>CLAY</v>
      </c>
      <c r="Q5675" s="236">
        <f t="shared" si="1329"/>
        <v>947.2728459601193</v>
      </c>
      <c r="R5675" s="238">
        <v>35</v>
      </c>
      <c r="S5675" s="236">
        <f t="shared" si="1334"/>
        <v>10.155361440408528</v>
      </c>
      <c r="T5675" s="236" t="e">
        <f t="shared" si="1320"/>
        <v>#N/A</v>
      </c>
    </row>
    <row r="5676" spans="1:20" x14ac:dyDescent="0.2">
      <c r="A5676" s="53">
        <f t="shared" si="1321"/>
        <v>5664</v>
      </c>
      <c r="B5676" s="239">
        <v>56.313000000000002</v>
      </c>
      <c r="C5676" s="3">
        <f t="shared" si="1322"/>
        <v>56.306000000000004</v>
      </c>
      <c r="D5676" s="239">
        <v>12.6959</v>
      </c>
      <c r="E5676" s="239">
        <v>0.2024</v>
      </c>
      <c r="F5676" s="239">
        <v>0.1328</v>
      </c>
      <c r="G5676">
        <f t="shared" si="1323"/>
        <v>12.72246</v>
      </c>
      <c r="H5676" s="235">
        <f t="shared" si="1324"/>
        <v>1.5908872969535766</v>
      </c>
      <c r="I5676" s="236">
        <f t="shared" si="1325"/>
        <v>20.465325411130515</v>
      </c>
      <c r="J5676" s="237">
        <f t="shared" si="1330"/>
        <v>10.465325411130515</v>
      </c>
      <c r="K5676" s="237">
        <f t="shared" si="1326"/>
        <v>1152.3206125991148</v>
      </c>
      <c r="L5676" s="237">
        <f t="shared" si="1331"/>
        <v>589.33386987699271</v>
      </c>
      <c r="M5676" s="236">
        <f t="shared" si="1327"/>
        <v>19.632571584280118</v>
      </c>
      <c r="N5676" s="236">
        <f t="shared" si="1328"/>
        <v>1.7493306970908249</v>
      </c>
      <c r="O5676" s="236">
        <f t="shared" si="1332"/>
        <v>2.6228653344788135</v>
      </c>
      <c r="P5676" s="236" t="str">
        <f t="shared" si="1333"/>
        <v>CLAY</v>
      </c>
      <c r="Q5676" s="236">
        <f t="shared" si="1329"/>
        <v>964.17828228340704</v>
      </c>
      <c r="R5676" s="238">
        <v>35</v>
      </c>
      <c r="S5676" s="236">
        <f t="shared" si="1334"/>
        <v>10.331455174305333</v>
      </c>
      <c r="T5676" s="236" t="e">
        <f t="shared" si="1320"/>
        <v>#N/A</v>
      </c>
    </row>
    <row r="5677" spans="1:20" x14ac:dyDescent="0.2">
      <c r="A5677" s="53">
        <f t="shared" si="1321"/>
        <v>5665</v>
      </c>
      <c r="B5677" s="239">
        <v>56.323999999999998</v>
      </c>
      <c r="C5677" s="3">
        <f t="shared" si="1322"/>
        <v>56.317</v>
      </c>
      <c r="D5677" s="239">
        <v>12.856999999999999</v>
      </c>
      <c r="E5677" s="239">
        <v>0.224</v>
      </c>
      <c r="F5677" s="239">
        <v>0.2077</v>
      </c>
      <c r="G5677">
        <f t="shared" si="1323"/>
        <v>12.898539999999999</v>
      </c>
      <c r="H5677" s="235">
        <f t="shared" si="1324"/>
        <v>1.7366306574232433</v>
      </c>
      <c r="I5677" s="236">
        <f t="shared" si="1325"/>
        <v>20.589599203212579</v>
      </c>
      <c r="J5677" s="237">
        <f t="shared" si="1330"/>
        <v>10.589599203212579</v>
      </c>
      <c r="K5677" s="237">
        <f t="shared" si="1326"/>
        <v>1159.5444583273229</v>
      </c>
      <c r="L5677" s="237">
        <f t="shared" si="1331"/>
        <v>596.44858552174526</v>
      </c>
      <c r="M5677" s="236">
        <f t="shared" si="1327"/>
        <v>19.681487770490651</v>
      </c>
      <c r="N5677" s="236">
        <f t="shared" si="1328"/>
        <v>1.90817007472926</v>
      </c>
      <c r="O5677" s="236">
        <f t="shared" si="1332"/>
        <v>2.643213108672076</v>
      </c>
      <c r="P5677" s="236" t="str">
        <f t="shared" si="1333"/>
        <v>CLAY</v>
      </c>
      <c r="Q5677" s="236">
        <f t="shared" si="1329"/>
        <v>978.24962847272309</v>
      </c>
      <c r="R5677" s="238">
        <v>35</v>
      </c>
      <c r="S5677" s="236">
        <f t="shared" si="1334"/>
        <v>10.363642290186371</v>
      </c>
      <c r="T5677" s="236" t="e">
        <f t="shared" si="1320"/>
        <v>#N/A</v>
      </c>
    </row>
    <row r="5678" spans="1:20" x14ac:dyDescent="0.2">
      <c r="A5678" s="53">
        <f t="shared" si="1321"/>
        <v>5666</v>
      </c>
      <c r="B5678" s="239">
        <v>56.335000000000001</v>
      </c>
      <c r="C5678" s="3">
        <f t="shared" si="1322"/>
        <v>56.328000000000003</v>
      </c>
      <c r="D5678" s="239">
        <v>13.1557</v>
      </c>
      <c r="E5678" s="239">
        <v>0.24879999999999999</v>
      </c>
      <c r="F5678" s="239">
        <v>0.1197</v>
      </c>
      <c r="G5678">
        <f t="shared" si="1323"/>
        <v>13.179639999999999</v>
      </c>
      <c r="H5678" s="235">
        <f t="shared" si="1324"/>
        <v>1.8877602119633012</v>
      </c>
      <c r="I5678" s="236">
        <f t="shared" si="1325"/>
        <v>20.721152262588159</v>
      </c>
      <c r="J5678" s="237">
        <f t="shared" si="1330"/>
        <v>10.721152262588159</v>
      </c>
      <c r="K5678" s="237">
        <f t="shared" si="1326"/>
        <v>1167.1810646470658</v>
      </c>
      <c r="L5678" s="237">
        <f t="shared" si="1331"/>
        <v>603.97611271290396</v>
      </c>
      <c r="M5678" s="236">
        <f t="shared" si="1327"/>
        <v>19.888963623736849</v>
      </c>
      <c r="N5678" s="236">
        <f t="shared" si="1328"/>
        <v>2.0711829388051104</v>
      </c>
      <c r="O5678" s="236">
        <f t="shared" si="1332"/>
        <v>2.6598669772977384</v>
      </c>
      <c r="P5678" s="236" t="str">
        <f t="shared" si="1333"/>
        <v>CLAY</v>
      </c>
      <c r="Q5678" s="236">
        <f t="shared" si="1329"/>
        <v>1001.0382446127445</v>
      </c>
      <c r="R5678" s="238">
        <v>35</v>
      </c>
      <c r="S5678" s="236">
        <f t="shared" si="1334"/>
        <v>10.500384457829259</v>
      </c>
      <c r="T5678" s="236" t="e">
        <f t="shared" si="1320"/>
        <v>#N/A</v>
      </c>
    </row>
    <row r="5679" spans="1:20" x14ac:dyDescent="0.2">
      <c r="A5679" s="53">
        <f t="shared" si="1321"/>
        <v>5667</v>
      </c>
      <c r="B5679" s="239">
        <v>56.344999999999999</v>
      </c>
      <c r="C5679" s="3">
        <f t="shared" si="1322"/>
        <v>56.338000000000001</v>
      </c>
      <c r="D5679" s="239">
        <v>13.2789</v>
      </c>
      <c r="E5679" s="239">
        <v>0.25879999999999997</v>
      </c>
      <c r="F5679" s="239">
        <v>0.27139999999999997</v>
      </c>
      <c r="G5679">
        <f t="shared" si="1323"/>
        <v>13.33318</v>
      </c>
      <c r="H5679" s="235">
        <f t="shared" si="1324"/>
        <v>1.9410223217567</v>
      </c>
      <c r="I5679" s="236">
        <f t="shared" si="1325"/>
        <v>20.77188695674721</v>
      </c>
      <c r="J5679" s="237">
        <f t="shared" si="1330"/>
        <v>10.77188695674721</v>
      </c>
      <c r="K5679" s="237">
        <f t="shared" si="1326"/>
        <v>1170.2465673692243</v>
      </c>
      <c r="L5679" s="237">
        <f t="shared" si="1331"/>
        <v>606.94197057792155</v>
      </c>
      <c r="M5679" s="236">
        <f t="shared" si="1327"/>
        <v>20.039697404760794</v>
      </c>
      <c r="N5679" s="236">
        <f t="shared" si="1328"/>
        <v>2.1277761769680503</v>
      </c>
      <c r="O5679" s="236">
        <f t="shared" si="1332"/>
        <v>2.6639764763633389</v>
      </c>
      <c r="P5679" s="236" t="str">
        <f t="shared" si="1333"/>
        <v>CLAY</v>
      </c>
      <c r="Q5679" s="236">
        <f t="shared" si="1329"/>
        <v>1013.5777860525646</v>
      </c>
      <c r="R5679" s="238">
        <v>35</v>
      </c>
      <c r="S5679" s="236">
        <f t="shared" si="1334"/>
        <v>10.599953449533089</v>
      </c>
      <c r="T5679" s="236" t="e">
        <f t="shared" si="1320"/>
        <v>#N/A</v>
      </c>
    </row>
    <row r="5680" spans="1:20" x14ac:dyDescent="0.2">
      <c r="A5680" s="53">
        <f t="shared" si="1321"/>
        <v>5668</v>
      </c>
      <c r="B5680" s="239">
        <v>56.354999999999997</v>
      </c>
      <c r="C5680" s="3">
        <f t="shared" si="1322"/>
        <v>56.347999999999999</v>
      </c>
      <c r="D5680" s="239">
        <v>13.5298</v>
      </c>
      <c r="E5680" s="239">
        <v>0.25519999999999998</v>
      </c>
      <c r="F5680" s="239">
        <v>0.217</v>
      </c>
      <c r="G5680">
        <f t="shared" si="1323"/>
        <v>13.5732</v>
      </c>
      <c r="H5680" s="235">
        <f t="shared" si="1324"/>
        <v>1.8801756402322223</v>
      </c>
      <c r="I5680" s="236">
        <f t="shared" si="1325"/>
        <v>20.762434887105758</v>
      </c>
      <c r="J5680" s="237">
        <f t="shared" si="1330"/>
        <v>10.762434887105758</v>
      </c>
      <c r="K5680" s="237">
        <f t="shared" si="1326"/>
        <v>1169.9216810186354</v>
      </c>
      <c r="L5680" s="237">
        <f t="shared" si="1331"/>
        <v>606.51701806284495</v>
      </c>
      <c r="M5680" s="236">
        <f t="shared" si="1327"/>
        <v>20.450008737753482</v>
      </c>
      <c r="N5680" s="236">
        <f t="shared" si="1328"/>
        <v>2.0575205476882226</v>
      </c>
      <c r="O5680" s="236">
        <f t="shared" si="1332"/>
        <v>2.6483483433117603</v>
      </c>
      <c r="P5680" s="236" t="str">
        <f t="shared" si="1333"/>
        <v>CLAY</v>
      </c>
      <c r="Q5680" s="236">
        <f t="shared" si="1329"/>
        <v>1033.6065265817804</v>
      </c>
      <c r="R5680" s="238">
        <v>35</v>
      </c>
      <c r="S5680" s="236">
        <f t="shared" si="1334"/>
        <v>10.871935847068688</v>
      </c>
      <c r="T5680" s="236" t="e">
        <f t="shared" si="1320"/>
        <v>#N/A</v>
      </c>
    </row>
    <row r="5681" spans="1:20" x14ac:dyDescent="0.2">
      <c r="A5681" s="53">
        <f t="shared" si="1321"/>
        <v>5669</v>
      </c>
      <c r="B5681" s="239">
        <v>56.365000000000002</v>
      </c>
      <c r="C5681" s="3">
        <f t="shared" si="1322"/>
        <v>56.358000000000004</v>
      </c>
      <c r="D5681" s="239">
        <v>13.833</v>
      </c>
      <c r="E5681" s="239">
        <v>0.24790000000000001</v>
      </c>
      <c r="F5681" s="239">
        <v>0.21179999999999999</v>
      </c>
      <c r="G5681">
        <f t="shared" si="1323"/>
        <v>13.875360000000001</v>
      </c>
      <c r="H5681" s="235">
        <f t="shared" si="1324"/>
        <v>1.7866203111126486</v>
      </c>
      <c r="I5681" s="236">
        <f t="shared" si="1325"/>
        <v>20.737009510502325</v>
      </c>
      <c r="J5681" s="237">
        <f t="shared" si="1330"/>
        <v>10.737009510502325</v>
      </c>
      <c r="K5681" s="237">
        <f t="shared" si="1326"/>
        <v>1168.6963819928901</v>
      </c>
      <c r="L5681" s="237">
        <f t="shared" si="1331"/>
        <v>605.19154105946359</v>
      </c>
      <c r="M5681" s="236">
        <f t="shared" si="1327"/>
        <v>20.996102483128738</v>
      </c>
      <c r="N5681" s="236">
        <f t="shared" si="1328"/>
        <v>1.9509448542313752</v>
      </c>
      <c r="O5681" s="236">
        <f t="shared" si="1332"/>
        <v>2.6256709950379471</v>
      </c>
      <c r="P5681" s="236" t="str">
        <f t="shared" si="1333"/>
        <v>CLAY</v>
      </c>
      <c r="Q5681" s="236">
        <f t="shared" si="1329"/>
        <v>1058.8886348339258</v>
      </c>
      <c r="R5681" s="238">
        <v>35</v>
      </c>
      <c r="S5681" s="236">
        <f t="shared" si="1334"/>
        <v>11.236042249789831</v>
      </c>
      <c r="T5681" s="236" t="e">
        <f t="shared" si="1320"/>
        <v>#N/A</v>
      </c>
    </row>
    <row r="5682" spans="1:20" x14ac:dyDescent="0.2">
      <c r="A5682" s="53">
        <f t="shared" si="1321"/>
        <v>5670</v>
      </c>
      <c r="B5682" s="239">
        <v>56.375</v>
      </c>
      <c r="C5682" s="3">
        <f t="shared" si="1322"/>
        <v>56.368000000000002</v>
      </c>
      <c r="D5682" s="239">
        <v>14.3573</v>
      </c>
      <c r="E5682" s="239">
        <v>0.24660000000000001</v>
      </c>
      <c r="F5682" s="239">
        <v>0.28720000000000001</v>
      </c>
      <c r="G5682">
        <f t="shared" si="1323"/>
        <v>14.41474</v>
      </c>
      <c r="H5682" s="235">
        <f t="shared" si="1324"/>
        <v>1.7107488584601598</v>
      </c>
      <c r="I5682" s="236">
        <f t="shared" si="1325"/>
        <v>20.745750481530294</v>
      </c>
      <c r="J5682" s="237">
        <f t="shared" si="1330"/>
        <v>10.745750481530294</v>
      </c>
      <c r="K5682" s="237">
        <f t="shared" si="1326"/>
        <v>1169.3964631428996</v>
      </c>
      <c r="L5682" s="237">
        <f t="shared" si="1331"/>
        <v>605.79168339627029</v>
      </c>
      <c r="M5682" s="236">
        <f t="shared" si="1327"/>
        <v>21.864518612403668</v>
      </c>
      <c r="N5682" s="236">
        <f t="shared" si="1328"/>
        <v>1.8617863652520568</v>
      </c>
      <c r="O5682" s="236">
        <f t="shared" si="1332"/>
        <v>2.5995959210580599</v>
      </c>
      <c r="P5682" s="236" t="str">
        <f t="shared" si="1333"/>
        <v>SAND</v>
      </c>
      <c r="Q5682" s="236" t="e">
        <f t="shared" si="1329"/>
        <v>#N/A</v>
      </c>
      <c r="R5682" s="238">
        <v>35</v>
      </c>
      <c r="S5682" s="236" t="e">
        <f t="shared" si="1334"/>
        <v>#N/A</v>
      </c>
      <c r="T5682" s="236">
        <f t="shared" si="1320"/>
        <v>32.337139119936694</v>
      </c>
    </row>
    <row r="5683" spans="1:20" x14ac:dyDescent="0.2">
      <c r="A5683" s="53">
        <f t="shared" si="1321"/>
        <v>5671</v>
      </c>
      <c r="B5683" s="239">
        <v>56.387</v>
      </c>
      <c r="C5683" s="3">
        <f t="shared" si="1322"/>
        <v>56.38</v>
      </c>
      <c r="D5683" s="239">
        <v>14.851699999999999</v>
      </c>
      <c r="E5683" s="239">
        <v>0.24779999999999999</v>
      </c>
      <c r="F5683" s="239">
        <v>0.27479999999999999</v>
      </c>
      <c r="G5683">
        <f t="shared" si="1323"/>
        <v>14.906659999999999</v>
      </c>
      <c r="H5683" s="235">
        <f t="shared" si="1324"/>
        <v>1.6623442139285394</v>
      </c>
      <c r="I5683" s="236">
        <f t="shared" si="1325"/>
        <v>20.764558881227934</v>
      </c>
      <c r="J5683" s="237">
        <f t="shared" si="1330"/>
        <v>10.764558881227934</v>
      </c>
      <c r="K5683" s="237">
        <f t="shared" si="1326"/>
        <v>1170.705829723631</v>
      </c>
      <c r="L5683" s="237">
        <f t="shared" si="1331"/>
        <v>606.98118163579954</v>
      </c>
      <c r="M5683" s="236">
        <f t="shared" si="1327"/>
        <v>22.629950624265327</v>
      </c>
      <c r="N5683" s="236">
        <f t="shared" si="1328"/>
        <v>1.8040246562282629</v>
      </c>
      <c r="O5683" s="236">
        <f t="shared" si="1332"/>
        <v>2.5795067885357938</v>
      </c>
      <c r="P5683" s="236" t="str">
        <f t="shared" si="1333"/>
        <v>SAND</v>
      </c>
      <c r="Q5683" s="236" t="e">
        <f t="shared" si="1329"/>
        <v>#N/A</v>
      </c>
      <c r="R5683" s="238">
        <v>35</v>
      </c>
      <c r="S5683" s="236" t="e">
        <f t="shared" si="1334"/>
        <v>#N/A</v>
      </c>
      <c r="T5683" s="236">
        <f t="shared" si="1320"/>
        <v>32.50151967017203</v>
      </c>
    </row>
    <row r="5684" spans="1:20" x14ac:dyDescent="0.2">
      <c r="A5684" s="53">
        <f t="shared" si="1321"/>
        <v>5672</v>
      </c>
      <c r="B5684" s="239">
        <v>56.396999999999998</v>
      </c>
      <c r="C5684" s="3">
        <f t="shared" si="1322"/>
        <v>56.39</v>
      </c>
      <c r="D5684" s="239">
        <v>15.322900000000001</v>
      </c>
      <c r="E5684" s="239">
        <v>0.24160000000000001</v>
      </c>
      <c r="F5684" s="239">
        <v>0.24310000000000001</v>
      </c>
      <c r="G5684">
        <f t="shared" si="1323"/>
        <v>15.37152</v>
      </c>
      <c r="H5684" s="235">
        <f t="shared" si="1324"/>
        <v>1.5717378632692149</v>
      </c>
      <c r="I5684" s="236">
        <f t="shared" si="1325"/>
        <v>20.746849898270412</v>
      </c>
      <c r="J5684" s="237">
        <f t="shared" si="1330"/>
        <v>10.746849898270412</v>
      </c>
      <c r="K5684" s="237">
        <f t="shared" si="1326"/>
        <v>1169.9148657634685</v>
      </c>
      <c r="L5684" s="237">
        <f t="shared" si="1331"/>
        <v>606.09009371275636</v>
      </c>
      <c r="M5684" s="236">
        <f t="shared" si="1327"/>
        <v>23.431508420210353</v>
      </c>
      <c r="N5684" s="236">
        <f t="shared" si="1328"/>
        <v>1.7012161492757083</v>
      </c>
      <c r="O5684" s="236">
        <f t="shared" si="1332"/>
        <v>2.5525559969702121</v>
      </c>
      <c r="P5684" s="236" t="str">
        <f t="shared" si="1333"/>
        <v>SAND</v>
      </c>
      <c r="Q5684" s="236" t="e">
        <f t="shared" si="1329"/>
        <v>#N/A</v>
      </c>
      <c r="R5684" s="238">
        <v>35</v>
      </c>
      <c r="S5684" s="236" t="e">
        <f t="shared" si="1334"/>
        <v>#N/A</v>
      </c>
      <c r="T5684" s="236">
        <f t="shared" si="1320"/>
        <v>32.667802722682588</v>
      </c>
    </row>
    <row r="5685" spans="1:20" x14ac:dyDescent="0.2">
      <c r="A5685" s="53">
        <f t="shared" si="1321"/>
        <v>5673</v>
      </c>
      <c r="B5685" s="239">
        <v>56.406999999999996</v>
      </c>
      <c r="C5685" s="3">
        <f t="shared" si="1322"/>
        <v>56.4</v>
      </c>
      <c r="D5685" s="239">
        <v>15.681100000000001</v>
      </c>
      <c r="E5685" s="239">
        <v>0.2331</v>
      </c>
      <c r="F5685" s="239">
        <v>0.2379</v>
      </c>
      <c r="G5685">
        <f t="shared" si="1323"/>
        <v>15.728680000000001</v>
      </c>
      <c r="H5685" s="235">
        <f t="shared" si="1324"/>
        <v>1.4820061187588531</v>
      </c>
      <c r="I5685" s="236">
        <f t="shared" si="1325"/>
        <v>20.713830242009735</v>
      </c>
      <c r="J5685" s="237">
        <f t="shared" si="1330"/>
        <v>10.713830242009735</v>
      </c>
      <c r="K5685" s="237">
        <f t="shared" si="1326"/>
        <v>1168.260025649349</v>
      </c>
      <c r="L5685" s="237">
        <f t="shared" si="1331"/>
        <v>604.33502246104308</v>
      </c>
      <c r="M5685" s="236">
        <f t="shared" si="1327"/>
        <v>24.093291689526815</v>
      </c>
      <c r="N5685" s="236">
        <f t="shared" si="1328"/>
        <v>1.6009153610309617</v>
      </c>
      <c r="O5685" s="236">
        <f t="shared" si="1332"/>
        <v>2.5276477196827392</v>
      </c>
      <c r="P5685" s="236" t="str">
        <f t="shared" si="1333"/>
        <v>SAND</v>
      </c>
      <c r="Q5685" s="236" t="e">
        <f t="shared" si="1329"/>
        <v>#N/A</v>
      </c>
      <c r="R5685" s="238">
        <v>35</v>
      </c>
      <c r="S5685" s="236" t="e">
        <f t="shared" si="1334"/>
        <v>#N/A</v>
      </c>
      <c r="T5685" s="236">
        <f t="shared" si="1320"/>
        <v>32.800857523697701</v>
      </c>
    </row>
    <row r="5686" spans="1:20" x14ac:dyDescent="0.2">
      <c r="A5686" s="53">
        <f t="shared" si="1321"/>
        <v>5674</v>
      </c>
      <c r="B5686" s="239">
        <v>56.415999999999997</v>
      </c>
      <c r="C5686" s="3">
        <f t="shared" si="1322"/>
        <v>56.408999999999999</v>
      </c>
      <c r="D5686" s="239">
        <v>15.985200000000001</v>
      </c>
      <c r="E5686" s="239">
        <v>0.22750000000000001</v>
      </c>
      <c r="F5686" s="239">
        <v>0.2402</v>
      </c>
      <c r="G5686">
        <f t="shared" si="1323"/>
        <v>16.033239999999999</v>
      </c>
      <c r="H5686" s="235">
        <f t="shared" si="1324"/>
        <v>1.418927178786072</v>
      </c>
      <c r="I5686" s="236">
        <f t="shared" si="1325"/>
        <v>20.692812001240259</v>
      </c>
      <c r="J5686" s="237">
        <f t="shared" si="1330"/>
        <v>10.692812001240259</v>
      </c>
      <c r="K5686" s="237">
        <f t="shared" si="1326"/>
        <v>1167.2608321779617</v>
      </c>
      <c r="L5686" s="237">
        <f t="shared" si="1331"/>
        <v>603.24568186197041</v>
      </c>
      <c r="M5686" s="236">
        <f t="shared" si="1327"/>
        <v>24.643324626770468</v>
      </c>
      <c r="N5686" s="236">
        <f t="shared" si="1328"/>
        <v>1.5303398278159313</v>
      </c>
      <c r="O5686" s="236">
        <f t="shared" si="1332"/>
        <v>2.5085379803181223</v>
      </c>
      <c r="P5686" s="236" t="str">
        <f t="shared" si="1333"/>
        <v>SAND</v>
      </c>
      <c r="Q5686" s="236" t="e">
        <f t="shared" si="1329"/>
        <v>#N/A</v>
      </c>
      <c r="R5686" s="238">
        <v>35</v>
      </c>
      <c r="S5686" s="236" t="e">
        <f t="shared" si="1334"/>
        <v>#N/A</v>
      </c>
      <c r="T5686" s="236">
        <f t="shared" si="1320"/>
        <v>32.908692278443269</v>
      </c>
    </row>
    <row r="5687" spans="1:20" x14ac:dyDescent="0.2">
      <c r="A5687" s="53">
        <f t="shared" si="1321"/>
        <v>5675</v>
      </c>
      <c r="B5687" s="239">
        <v>56.427</v>
      </c>
      <c r="C5687" s="3">
        <f t="shared" si="1322"/>
        <v>56.42</v>
      </c>
      <c r="D5687" s="239">
        <v>16.175000000000001</v>
      </c>
      <c r="E5687" s="239">
        <v>0.21759999999999999</v>
      </c>
      <c r="F5687" s="239">
        <v>0.31009999999999999</v>
      </c>
      <c r="G5687">
        <f t="shared" si="1323"/>
        <v>16.237020000000001</v>
      </c>
      <c r="H5687" s="235">
        <f t="shared" si="1324"/>
        <v>1.3401473915780111</v>
      </c>
      <c r="I5687" s="236">
        <f t="shared" si="1325"/>
        <v>20.645577753215463</v>
      </c>
      <c r="J5687" s="237">
        <f t="shared" si="1330"/>
        <v>10.645577753215463</v>
      </c>
      <c r="K5687" s="237">
        <f t="shared" si="1326"/>
        <v>1164.8234968364166</v>
      </c>
      <c r="L5687" s="237">
        <f t="shared" si="1331"/>
        <v>600.6980158806889</v>
      </c>
      <c r="M5687" s="236">
        <f t="shared" si="1327"/>
        <v>25.091137484558026</v>
      </c>
      <c r="N5687" s="236">
        <f t="shared" si="1328"/>
        <v>1.4437179077006246</v>
      </c>
      <c r="O5687" s="236">
        <f t="shared" si="1332"/>
        <v>2.4879424262729239</v>
      </c>
      <c r="P5687" s="236" t="str">
        <f t="shared" si="1333"/>
        <v>SAND</v>
      </c>
      <c r="Q5687" s="236" t="e">
        <f t="shared" si="1329"/>
        <v>#N/A</v>
      </c>
      <c r="R5687" s="238">
        <v>35</v>
      </c>
      <c r="S5687" s="236" t="e">
        <f t="shared" si="1334"/>
        <v>#N/A</v>
      </c>
      <c r="T5687" s="236">
        <f t="shared" si="1320"/>
        <v>32.994723851294488</v>
      </c>
    </row>
    <row r="5688" spans="1:20" x14ac:dyDescent="0.2">
      <c r="A5688" s="53">
        <f t="shared" si="1321"/>
        <v>5676</v>
      </c>
      <c r="B5688" s="239">
        <v>56.436999999999998</v>
      </c>
      <c r="C5688" s="3">
        <f t="shared" si="1322"/>
        <v>56.43</v>
      </c>
      <c r="D5688" s="239">
        <v>16.538599999999999</v>
      </c>
      <c r="E5688" s="239">
        <v>0.2049</v>
      </c>
      <c r="F5688" s="239">
        <v>0.31</v>
      </c>
      <c r="G5688">
        <f t="shared" si="1323"/>
        <v>16.6006</v>
      </c>
      <c r="H5688" s="235">
        <f t="shared" si="1324"/>
        <v>1.2342927364071177</v>
      </c>
      <c r="I5688" s="236">
        <f t="shared" si="1325"/>
        <v>20.58371774869827</v>
      </c>
      <c r="J5688" s="237">
        <f t="shared" si="1330"/>
        <v>10.58371774869827</v>
      </c>
      <c r="K5688" s="237">
        <f t="shared" si="1326"/>
        <v>1161.5391925590434</v>
      </c>
      <c r="L5688" s="237">
        <f t="shared" si="1331"/>
        <v>597.31327858328427</v>
      </c>
      <c r="M5688" s="236">
        <f t="shared" si="1327"/>
        <v>25.847509775874276</v>
      </c>
      <c r="N5688" s="236">
        <f t="shared" si="1328"/>
        <v>1.3271532676472595</v>
      </c>
      <c r="O5688" s="236">
        <f t="shared" si="1332"/>
        <v>2.4570465606362579</v>
      </c>
      <c r="P5688" s="236" t="str">
        <f t="shared" si="1333"/>
        <v>SAND</v>
      </c>
      <c r="Q5688" s="236" t="e">
        <f t="shared" si="1329"/>
        <v>#N/A</v>
      </c>
      <c r="R5688" s="238">
        <v>35</v>
      </c>
      <c r="S5688" s="236" t="e">
        <f t="shared" si="1334"/>
        <v>#N/A</v>
      </c>
      <c r="T5688" s="236">
        <f t="shared" si="1320"/>
        <v>33.136605790796892</v>
      </c>
    </row>
    <row r="5689" spans="1:20" x14ac:dyDescent="0.2">
      <c r="A5689" s="53">
        <f t="shared" si="1321"/>
        <v>5677</v>
      </c>
      <c r="B5689" s="239">
        <v>56.447000000000003</v>
      </c>
      <c r="C5689" s="3">
        <f t="shared" si="1322"/>
        <v>56.440000000000005</v>
      </c>
      <c r="D5689" s="239">
        <v>16.9145</v>
      </c>
      <c r="E5689" s="239">
        <v>0.1968</v>
      </c>
      <c r="F5689" s="239">
        <v>0.31119999999999998</v>
      </c>
      <c r="G5689">
        <f t="shared" si="1323"/>
        <v>16.976739999999999</v>
      </c>
      <c r="H5689" s="235">
        <f t="shared" si="1324"/>
        <v>1.1592331625506429</v>
      </c>
      <c r="I5689" s="236">
        <f t="shared" si="1325"/>
        <v>20.545179676148948</v>
      </c>
      <c r="J5689" s="237">
        <f t="shared" si="1330"/>
        <v>10.545179676148948</v>
      </c>
      <c r="K5689" s="237">
        <f t="shared" si="1326"/>
        <v>1159.5699409218466</v>
      </c>
      <c r="L5689" s="237">
        <f t="shared" si="1331"/>
        <v>595.24375717957969</v>
      </c>
      <c r="M5689" s="236">
        <f t="shared" si="1327"/>
        <v>26.572592939107892</v>
      </c>
      <c r="N5689" s="236">
        <f t="shared" si="1328"/>
        <v>1.2442175134043532</v>
      </c>
      <c r="O5689" s="236">
        <f t="shared" si="1332"/>
        <v>2.431726307350107</v>
      </c>
      <c r="P5689" s="236" t="str">
        <f t="shared" si="1333"/>
        <v>SAND</v>
      </c>
      <c r="Q5689" s="236" t="e">
        <f t="shared" si="1329"/>
        <v>#N/A</v>
      </c>
      <c r="R5689" s="238">
        <v>35</v>
      </c>
      <c r="S5689" s="236" t="e">
        <f t="shared" si="1334"/>
        <v>#N/A</v>
      </c>
      <c r="T5689" s="236">
        <f t="shared" si="1320"/>
        <v>33.268773281660543</v>
      </c>
    </row>
    <row r="5690" spans="1:20" x14ac:dyDescent="0.2">
      <c r="A5690" s="53">
        <f t="shared" si="1321"/>
        <v>5678</v>
      </c>
      <c r="B5690" s="239">
        <v>56.457999999999998</v>
      </c>
      <c r="C5690" s="3">
        <f t="shared" si="1322"/>
        <v>56.451000000000001</v>
      </c>
      <c r="D5690" s="239">
        <v>17.428000000000001</v>
      </c>
      <c r="E5690" s="239">
        <v>0.19089999999999999</v>
      </c>
      <c r="F5690" s="239">
        <v>0.37280000000000002</v>
      </c>
      <c r="G5690">
        <f t="shared" si="1323"/>
        <v>17.502560000000003</v>
      </c>
      <c r="H5690" s="235">
        <f t="shared" si="1324"/>
        <v>1.0906975893812103</v>
      </c>
      <c r="I5690" s="236">
        <f t="shared" si="1325"/>
        <v>20.521410478651944</v>
      </c>
      <c r="J5690" s="237">
        <f t="shared" si="1330"/>
        <v>10.521410478651944</v>
      </c>
      <c r="K5690" s="237">
        <f t="shared" si="1326"/>
        <v>1158.4541429303808</v>
      </c>
      <c r="L5690" s="237">
        <f t="shared" si="1331"/>
        <v>594.01779280373148</v>
      </c>
      <c r="M5690" s="236">
        <f t="shared" si="1327"/>
        <v>27.514505550290565</v>
      </c>
      <c r="N5690" s="236">
        <f t="shared" si="1328"/>
        <v>1.1680051614290448</v>
      </c>
      <c r="O5690" s="236">
        <f t="shared" si="1332"/>
        <v>2.4042033303085075</v>
      </c>
      <c r="P5690" s="236" t="str">
        <f t="shared" si="1333"/>
        <v>SAND</v>
      </c>
      <c r="Q5690" s="236" t="e">
        <f t="shared" si="1329"/>
        <v>#N/A</v>
      </c>
      <c r="R5690" s="238">
        <v>35</v>
      </c>
      <c r="S5690" s="236" t="e">
        <f t="shared" si="1334"/>
        <v>#N/A</v>
      </c>
      <c r="T5690" s="236">
        <f t="shared" si="1320"/>
        <v>33.435178839961537</v>
      </c>
    </row>
    <row r="5691" spans="1:20" x14ac:dyDescent="0.2">
      <c r="A5691" s="53">
        <f t="shared" si="1321"/>
        <v>5679</v>
      </c>
      <c r="B5691" s="239">
        <v>56.468000000000004</v>
      </c>
      <c r="C5691" s="3">
        <f t="shared" si="1322"/>
        <v>56.461000000000006</v>
      </c>
      <c r="D5691" s="239">
        <v>17.798200000000001</v>
      </c>
      <c r="E5691" s="239">
        <v>0.17979999999999999</v>
      </c>
      <c r="F5691" s="239">
        <v>0.36059999999999998</v>
      </c>
      <c r="G5691">
        <f t="shared" si="1323"/>
        <v>17.870320000000003</v>
      </c>
      <c r="H5691" s="235">
        <f t="shared" si="1324"/>
        <v>1.0061375509783819</v>
      </c>
      <c r="I5691" s="236">
        <f t="shared" si="1325"/>
        <v>20.459294306809301</v>
      </c>
      <c r="J5691" s="237">
        <f t="shared" si="1330"/>
        <v>10.459294306809301</v>
      </c>
      <c r="K5691" s="237">
        <f t="shared" si="1326"/>
        <v>1155.15221585676</v>
      </c>
      <c r="L5691" s="237">
        <f t="shared" si="1331"/>
        <v>590.61543091690771</v>
      </c>
      <c r="M5691" s="236">
        <f t="shared" si="1327"/>
        <v>28.301271706012809</v>
      </c>
      <c r="N5691" s="236">
        <f t="shared" si="1328"/>
        <v>1.0756697289665635</v>
      </c>
      <c r="O5691" s="236">
        <f t="shared" si="1332"/>
        <v>2.3748278688643953</v>
      </c>
      <c r="P5691" s="236" t="str">
        <f t="shared" si="1333"/>
        <v>SAND</v>
      </c>
      <c r="Q5691" s="236" t="e">
        <f t="shared" si="1329"/>
        <v>#N/A</v>
      </c>
      <c r="R5691" s="238">
        <v>35</v>
      </c>
      <c r="S5691" s="236" t="e">
        <f t="shared" si="1334"/>
        <v>#N/A</v>
      </c>
      <c r="T5691" s="236">
        <f t="shared" si="1320"/>
        <v>33.569865458874872</v>
      </c>
    </row>
    <row r="5692" spans="1:20" x14ac:dyDescent="0.2">
      <c r="A5692" s="53">
        <f t="shared" si="1321"/>
        <v>5680</v>
      </c>
      <c r="B5692" s="239">
        <v>56.478000000000002</v>
      </c>
      <c r="C5692" s="3">
        <f t="shared" si="1322"/>
        <v>56.471000000000004</v>
      </c>
      <c r="D5692" s="239">
        <v>18.064800000000002</v>
      </c>
      <c r="E5692" s="239">
        <v>0.15409999999999999</v>
      </c>
      <c r="F5692" s="239">
        <v>0.33529999999999999</v>
      </c>
      <c r="G5692">
        <f t="shared" si="1323"/>
        <v>18.131860000000003</v>
      </c>
      <c r="H5692" s="235">
        <f t="shared" si="1324"/>
        <v>0.84988522964549673</v>
      </c>
      <c r="I5692" s="236">
        <f t="shared" si="1325"/>
        <v>20.284108300328665</v>
      </c>
      <c r="J5692" s="237">
        <f t="shared" si="1330"/>
        <v>10.284108300328665</v>
      </c>
      <c r="K5692" s="237">
        <f t="shared" si="1326"/>
        <v>1145.4638798278602</v>
      </c>
      <c r="L5692" s="237">
        <f t="shared" si="1331"/>
        <v>580.82586858596233</v>
      </c>
      <c r="M5692" s="236">
        <f t="shared" si="1327"/>
        <v>29.245247222762348</v>
      </c>
      <c r="N5692" s="236">
        <f t="shared" si="1328"/>
        <v>0.90719655252239773</v>
      </c>
      <c r="O5692" s="236">
        <f t="shared" si="1332"/>
        <v>2.3243870029468661</v>
      </c>
      <c r="P5692" s="236" t="str">
        <f t="shared" si="1333"/>
        <v>SAND</v>
      </c>
      <c r="Q5692" s="236" t="e">
        <f t="shared" si="1329"/>
        <v>#N/A</v>
      </c>
      <c r="R5692" s="238">
        <v>35</v>
      </c>
      <c r="S5692" s="236" t="e">
        <f t="shared" si="1334"/>
        <v>#N/A</v>
      </c>
      <c r="T5692" s="236">
        <f t="shared" si="1320"/>
        <v>33.726608266939785</v>
      </c>
    </row>
    <row r="5693" spans="1:20" x14ac:dyDescent="0.2">
      <c r="A5693" s="53">
        <f t="shared" si="1321"/>
        <v>5681</v>
      </c>
      <c r="B5693" s="239">
        <v>56.488999999999997</v>
      </c>
      <c r="C5693" s="3">
        <f t="shared" si="1322"/>
        <v>56.481999999999999</v>
      </c>
      <c r="D5693" s="239">
        <v>18.2895</v>
      </c>
      <c r="E5693" s="239">
        <v>0.13420000000000001</v>
      </c>
      <c r="F5693" s="239">
        <v>0.33739999999999998</v>
      </c>
      <c r="G5693">
        <f t="shared" si="1323"/>
        <v>18.35698</v>
      </c>
      <c r="H5693" s="235">
        <f t="shared" si="1324"/>
        <v>0.73105706930007008</v>
      </c>
      <c r="I5693" s="236">
        <f t="shared" si="1325"/>
        <v>20.126795958407477</v>
      </c>
      <c r="J5693" s="237">
        <f t="shared" si="1330"/>
        <v>10.126795958407477</v>
      </c>
      <c r="K5693" s="237">
        <f t="shared" si="1326"/>
        <v>1136.8016893227712</v>
      </c>
      <c r="L5693" s="237">
        <f t="shared" si="1331"/>
        <v>572.05257689448001</v>
      </c>
      <c r="M5693" s="236">
        <f t="shared" si="1327"/>
        <v>30.102439891383685</v>
      </c>
      <c r="N5693" s="236">
        <f t="shared" si="1328"/>
        <v>0.77931829496092053</v>
      </c>
      <c r="O5693" s="236">
        <f t="shared" si="1332"/>
        <v>2.280696637795947</v>
      </c>
      <c r="P5693" s="236" t="str">
        <f t="shared" si="1333"/>
        <v>SAND</v>
      </c>
      <c r="Q5693" s="236" t="e">
        <f t="shared" si="1329"/>
        <v>#N/A</v>
      </c>
      <c r="R5693" s="238">
        <v>35</v>
      </c>
      <c r="S5693" s="236" t="e">
        <f t="shared" si="1334"/>
        <v>#N/A</v>
      </c>
      <c r="T5693" s="236">
        <f t="shared" si="1320"/>
        <v>33.864618676536296</v>
      </c>
    </row>
    <row r="5694" spans="1:20" x14ac:dyDescent="0.2">
      <c r="A5694" s="53">
        <f t="shared" si="1321"/>
        <v>5682</v>
      </c>
      <c r="B5694" s="239">
        <v>56.499000000000002</v>
      </c>
      <c r="C5694" s="3">
        <f t="shared" si="1322"/>
        <v>56.492000000000004</v>
      </c>
      <c r="D5694" s="239">
        <v>18.4619</v>
      </c>
      <c r="E5694" s="239">
        <v>0.1183</v>
      </c>
      <c r="F5694" s="239">
        <v>0.31259999999999999</v>
      </c>
      <c r="G5694">
        <f t="shared" si="1323"/>
        <v>18.524419999999999</v>
      </c>
      <c r="H5694" s="235">
        <f t="shared" si="1324"/>
        <v>0.63861648569833773</v>
      </c>
      <c r="I5694" s="236">
        <f t="shared" si="1325"/>
        <v>19.982472022062858</v>
      </c>
      <c r="J5694" s="237">
        <f t="shared" si="1330"/>
        <v>9.9824720220628578</v>
      </c>
      <c r="K5694" s="237">
        <f t="shared" si="1326"/>
        <v>1128.849809470375</v>
      </c>
      <c r="L5694" s="237">
        <f t="shared" si="1331"/>
        <v>563.99968677452944</v>
      </c>
      <c r="M5694" s="236">
        <f t="shared" si="1327"/>
        <v>30.843226686903929</v>
      </c>
      <c r="N5694" s="236">
        <f t="shared" si="1328"/>
        <v>0.68005819127678879</v>
      </c>
      <c r="O5694" s="236">
        <f t="shared" si="1332"/>
        <v>2.243118614157412</v>
      </c>
      <c r="P5694" s="236" t="str">
        <f t="shared" si="1333"/>
        <v>SAND</v>
      </c>
      <c r="Q5694" s="236" t="e">
        <f t="shared" si="1329"/>
        <v>#N/A</v>
      </c>
      <c r="R5694" s="238">
        <v>35</v>
      </c>
      <c r="S5694" s="236" t="e">
        <f t="shared" si="1334"/>
        <v>#N/A</v>
      </c>
      <c r="T5694" s="236">
        <f t="shared" si="1320"/>
        <v>33.980757863724321</v>
      </c>
    </row>
    <row r="5695" spans="1:20" x14ac:dyDescent="0.2">
      <c r="A5695" s="53">
        <f t="shared" si="1321"/>
        <v>5683</v>
      </c>
      <c r="B5695" s="239">
        <v>56.51</v>
      </c>
      <c r="C5695" s="3">
        <f t="shared" si="1322"/>
        <v>56.503</v>
      </c>
      <c r="D5695" s="239">
        <v>18.547899999999998</v>
      </c>
      <c r="E5695" s="239">
        <v>0.1077</v>
      </c>
      <c r="F5695" s="239">
        <v>0.36030000000000001</v>
      </c>
      <c r="G5695">
        <f t="shared" si="1323"/>
        <v>18.619959999999999</v>
      </c>
      <c r="H5695" s="235">
        <f t="shared" si="1324"/>
        <v>0.57841155405274769</v>
      </c>
      <c r="I5695" s="236">
        <f t="shared" si="1325"/>
        <v>19.874406322599828</v>
      </c>
      <c r="J5695" s="237">
        <f t="shared" si="1330"/>
        <v>9.8744063225998282</v>
      </c>
      <c r="K5695" s="237">
        <f t="shared" si="1326"/>
        <v>1122.963580445858</v>
      </c>
      <c r="L5695" s="237">
        <f t="shared" si="1331"/>
        <v>558.00270129011631</v>
      </c>
      <c r="M5695" s="236">
        <f t="shared" si="1327"/>
        <v>31.356472610438342</v>
      </c>
      <c r="N5695" s="236">
        <f t="shared" si="1328"/>
        <v>0.61553421751654236</v>
      </c>
      <c r="O5695" s="236">
        <f t="shared" si="1332"/>
        <v>2.2167485917647931</v>
      </c>
      <c r="P5695" s="236" t="str">
        <f t="shared" si="1333"/>
        <v>SAND</v>
      </c>
      <c r="Q5695" s="236" t="e">
        <f t="shared" si="1329"/>
        <v>#N/A</v>
      </c>
      <c r="R5695" s="238">
        <v>35</v>
      </c>
      <c r="S5695" s="236" t="e">
        <f t="shared" si="1334"/>
        <v>#N/A</v>
      </c>
      <c r="T5695" s="236">
        <f t="shared" si="1320"/>
        <v>34.059599217483672</v>
      </c>
    </row>
    <row r="5696" spans="1:20" x14ac:dyDescent="0.2">
      <c r="A5696" s="53">
        <f t="shared" si="1321"/>
        <v>5684</v>
      </c>
      <c r="B5696" s="239">
        <v>56.52</v>
      </c>
      <c r="C5696" s="3">
        <f t="shared" si="1322"/>
        <v>56.513000000000005</v>
      </c>
      <c r="D5696" s="239">
        <v>18.568200000000001</v>
      </c>
      <c r="E5696" s="239">
        <v>0.1013</v>
      </c>
      <c r="F5696" s="239">
        <v>0.3821</v>
      </c>
      <c r="G5696">
        <f t="shared" si="1323"/>
        <v>18.64462</v>
      </c>
      <c r="H5696" s="235">
        <f t="shared" si="1324"/>
        <v>0.54332027147777751</v>
      </c>
      <c r="I5696" s="236">
        <f t="shared" si="1325"/>
        <v>19.803086739559916</v>
      </c>
      <c r="J5696" s="237">
        <f t="shared" si="1330"/>
        <v>9.8030867395599159</v>
      </c>
      <c r="K5696" s="237">
        <f t="shared" si="1326"/>
        <v>1119.1318409127496</v>
      </c>
      <c r="L5696" s="237">
        <f t="shared" si="1331"/>
        <v>554.07046251992642</v>
      </c>
      <c r="M5696" s="236">
        <f t="shared" si="1327"/>
        <v>31.630432128399136</v>
      </c>
      <c r="N5696" s="236">
        <f t="shared" si="1328"/>
        <v>0.5780152831148061</v>
      </c>
      <c r="O5696" s="236">
        <f t="shared" si="1332"/>
        <v>2.2010657984489437</v>
      </c>
      <c r="P5696" s="236" t="str">
        <f t="shared" si="1333"/>
        <v>SAND</v>
      </c>
      <c r="Q5696" s="236" t="e">
        <f t="shared" si="1329"/>
        <v>#N/A</v>
      </c>
      <c r="R5696" s="238">
        <v>35</v>
      </c>
      <c r="S5696" s="236" t="e">
        <f t="shared" si="1334"/>
        <v>#N/A</v>
      </c>
      <c r="T5696" s="236">
        <f t="shared" si="1320"/>
        <v>34.101156377170639</v>
      </c>
    </row>
    <row r="5697" spans="1:20" x14ac:dyDescent="0.2">
      <c r="A5697" s="53">
        <f t="shared" si="1321"/>
        <v>5685</v>
      </c>
      <c r="B5697" s="239">
        <v>56.530999999999999</v>
      </c>
      <c r="C5697" s="3">
        <f t="shared" si="1322"/>
        <v>56.524000000000001</v>
      </c>
      <c r="D5697" s="239">
        <v>18.601500000000001</v>
      </c>
      <c r="E5697" s="239">
        <v>9.4299999999999995E-2</v>
      </c>
      <c r="F5697" s="239">
        <v>0.3664</v>
      </c>
      <c r="G5697">
        <f t="shared" si="1323"/>
        <v>18.674780000000002</v>
      </c>
      <c r="H5697" s="235">
        <f t="shared" si="1324"/>
        <v>0.50495909456496935</v>
      </c>
      <c r="I5697" s="236">
        <f t="shared" si="1325"/>
        <v>19.719754569616843</v>
      </c>
      <c r="J5697" s="237">
        <f t="shared" si="1330"/>
        <v>9.7197545696168426</v>
      </c>
      <c r="K5697" s="237">
        <f t="shared" si="1326"/>
        <v>1114.6394072930225</v>
      </c>
      <c r="L5697" s="237">
        <f t="shared" si="1331"/>
        <v>549.46744557500972</v>
      </c>
      <c r="M5697" s="236">
        <f t="shared" si="1327"/>
        <v>31.958473125428835</v>
      </c>
      <c r="N5697" s="236">
        <f t="shared" si="1328"/>
        <v>0.53701164579037808</v>
      </c>
      <c r="O5697" s="236">
        <f t="shared" si="1332"/>
        <v>2.1829615532931128</v>
      </c>
      <c r="P5697" s="236" t="str">
        <f t="shared" si="1333"/>
        <v>SAND</v>
      </c>
      <c r="Q5697" s="236" t="e">
        <f t="shared" si="1329"/>
        <v>#N/A</v>
      </c>
      <c r="R5697" s="238">
        <v>35</v>
      </c>
      <c r="S5697" s="236" t="e">
        <f t="shared" si="1334"/>
        <v>#N/A</v>
      </c>
      <c r="T5697" s="236">
        <f t="shared" si="1320"/>
        <v>34.150446241158676</v>
      </c>
    </row>
    <row r="5698" spans="1:20" x14ac:dyDescent="0.2">
      <c r="A5698" s="53">
        <f t="shared" si="1321"/>
        <v>5686</v>
      </c>
      <c r="B5698" s="239">
        <v>56.54</v>
      </c>
      <c r="C5698" s="3">
        <f t="shared" si="1322"/>
        <v>56.533000000000001</v>
      </c>
      <c r="D5698" s="239">
        <v>18.6404</v>
      </c>
      <c r="E5698" s="239">
        <v>8.9800000000000005E-2</v>
      </c>
      <c r="F5698" s="239">
        <v>0.38879999999999998</v>
      </c>
      <c r="G5698">
        <f t="shared" si="1323"/>
        <v>18.718160000000001</v>
      </c>
      <c r="H5698" s="235">
        <f t="shared" si="1324"/>
        <v>0.47974800941972928</v>
      </c>
      <c r="I5698" s="236">
        <f t="shared" si="1325"/>
        <v>19.663326003099865</v>
      </c>
      <c r="J5698" s="237">
        <f t="shared" si="1330"/>
        <v>9.6633260030998649</v>
      </c>
      <c r="K5698" s="237">
        <f t="shared" si="1326"/>
        <v>1111.6268089332448</v>
      </c>
      <c r="L5698" s="237">
        <f t="shared" si="1331"/>
        <v>546.3644522152664</v>
      </c>
      <c r="M5698" s="236">
        <f t="shared" si="1327"/>
        <v>32.224887837559791</v>
      </c>
      <c r="N5698" s="236">
        <f t="shared" si="1328"/>
        <v>0.51003794458276974</v>
      </c>
      <c r="O5698" s="236">
        <f t="shared" si="1332"/>
        <v>2.170055137589185</v>
      </c>
      <c r="P5698" s="236" t="str">
        <f t="shared" si="1333"/>
        <v>SAND</v>
      </c>
      <c r="Q5698" s="236" t="e">
        <f t="shared" si="1329"/>
        <v>#N/A</v>
      </c>
      <c r="R5698" s="238">
        <v>35</v>
      </c>
      <c r="S5698" s="236" t="e">
        <f t="shared" si="1334"/>
        <v>#N/A</v>
      </c>
      <c r="T5698" s="236">
        <f t="shared" si="1320"/>
        <v>34.190105558576207</v>
      </c>
    </row>
    <row r="5699" spans="1:20" x14ac:dyDescent="0.2">
      <c r="A5699" s="53">
        <f t="shared" si="1321"/>
        <v>5687</v>
      </c>
      <c r="B5699" s="239">
        <v>56.551000000000002</v>
      </c>
      <c r="C5699" s="3">
        <f t="shared" si="1322"/>
        <v>56.544000000000004</v>
      </c>
      <c r="D5699" s="239">
        <v>18.633500000000002</v>
      </c>
      <c r="E5699" s="239">
        <v>8.5500000000000007E-2</v>
      </c>
      <c r="F5699" s="239">
        <v>0.439</v>
      </c>
      <c r="G5699">
        <f t="shared" si="1323"/>
        <v>18.721300000000003</v>
      </c>
      <c r="H5699" s="235">
        <f t="shared" si="1324"/>
        <v>0.45669905401868455</v>
      </c>
      <c r="I5699" s="236">
        <f t="shared" si="1325"/>
        <v>19.605853966573115</v>
      </c>
      <c r="J5699" s="237">
        <f t="shared" si="1330"/>
        <v>9.6058539665731146</v>
      </c>
      <c r="K5699" s="237">
        <f t="shared" si="1326"/>
        <v>1108.5934066859102</v>
      </c>
      <c r="L5699" s="237">
        <f t="shared" si="1331"/>
        <v>543.22064766367623</v>
      </c>
      <c r="M5699" s="236">
        <f t="shared" si="1327"/>
        <v>32.422748783692462</v>
      </c>
      <c r="N5699" s="236">
        <f t="shared" si="1328"/>
        <v>0.48544498000356406</v>
      </c>
      <c r="O5699" s="236">
        <f t="shared" si="1332"/>
        <v>2.158554865896257</v>
      </c>
      <c r="P5699" s="236" t="str">
        <f t="shared" si="1333"/>
        <v>SAND</v>
      </c>
      <c r="Q5699" s="236" t="e">
        <f t="shared" si="1329"/>
        <v>#N/A</v>
      </c>
      <c r="R5699" s="238">
        <v>35</v>
      </c>
      <c r="S5699" s="236" t="e">
        <f t="shared" si="1334"/>
        <v>#N/A</v>
      </c>
      <c r="T5699" s="236">
        <f t="shared" si="1320"/>
        <v>34.219348144657346</v>
      </c>
    </row>
    <row r="5700" spans="1:20" x14ac:dyDescent="0.2">
      <c r="A5700" s="53">
        <f t="shared" si="1321"/>
        <v>5688</v>
      </c>
      <c r="B5700" s="239">
        <v>56.561999999999998</v>
      </c>
      <c r="C5700" s="3">
        <f t="shared" si="1322"/>
        <v>56.555</v>
      </c>
      <c r="D5700" s="239">
        <v>18.814299999999999</v>
      </c>
      <c r="E5700" s="239">
        <v>7.9399999999999998E-2</v>
      </c>
      <c r="F5700" s="239">
        <v>0.4572</v>
      </c>
      <c r="G5700">
        <f t="shared" si="1323"/>
        <v>18.905739999999998</v>
      </c>
      <c r="H5700" s="235">
        <f t="shared" si="1324"/>
        <v>0.41997827114939695</v>
      </c>
      <c r="I5700" s="236">
        <f t="shared" si="1325"/>
        <v>19.522892723827702</v>
      </c>
      <c r="J5700" s="237">
        <f t="shared" si="1330"/>
        <v>9.5228927238277024</v>
      </c>
      <c r="K5700" s="237">
        <f t="shared" si="1326"/>
        <v>1104.1171979960757</v>
      </c>
      <c r="L5700" s="237">
        <f t="shared" si="1331"/>
        <v>538.63385824514251</v>
      </c>
      <c r="M5700" s="236">
        <f t="shared" si="1327"/>
        <v>33.049580024548078</v>
      </c>
      <c r="N5700" s="236">
        <f t="shared" si="1328"/>
        <v>0.44602675207263659</v>
      </c>
      <c r="O5700" s="236">
        <f t="shared" si="1332"/>
        <v>2.1357766498300088</v>
      </c>
      <c r="P5700" s="236" t="str">
        <f t="shared" si="1333"/>
        <v>SAND</v>
      </c>
      <c r="Q5700" s="236" t="e">
        <f t="shared" si="1329"/>
        <v>#N/A</v>
      </c>
      <c r="R5700" s="238">
        <v>35</v>
      </c>
      <c r="S5700" s="236" t="e">
        <f t="shared" si="1334"/>
        <v>#N/A</v>
      </c>
      <c r="T5700" s="236">
        <f t="shared" si="1320"/>
        <v>34.31082539595711</v>
      </c>
    </row>
    <row r="5701" spans="1:20" x14ac:dyDescent="0.2">
      <c r="A5701" s="53">
        <f t="shared" si="1321"/>
        <v>5689</v>
      </c>
      <c r="B5701" s="239">
        <v>56.570999999999998</v>
      </c>
      <c r="C5701" s="3">
        <f t="shared" si="1322"/>
        <v>56.564</v>
      </c>
      <c r="D5701" s="239">
        <v>18.956600000000002</v>
      </c>
      <c r="E5701" s="239">
        <v>7.3400000000000007E-2</v>
      </c>
      <c r="F5701" s="239">
        <v>0.46350000000000002</v>
      </c>
      <c r="G5701">
        <f t="shared" si="1323"/>
        <v>19.049300000000002</v>
      </c>
      <c r="H5701" s="235">
        <f t="shared" si="1324"/>
        <v>0.38531599586336507</v>
      </c>
      <c r="I5701" s="236">
        <f t="shared" si="1325"/>
        <v>19.43371353540779</v>
      </c>
      <c r="J5701" s="237">
        <f t="shared" si="1330"/>
        <v>9.4337135354077901</v>
      </c>
      <c r="K5701" s="237">
        <f t="shared" si="1326"/>
        <v>1099.2485724168062</v>
      </c>
      <c r="L5701" s="237">
        <f t="shared" si="1331"/>
        <v>533.67460841155412</v>
      </c>
      <c r="M5701" s="236">
        <f t="shared" si="1327"/>
        <v>33.634823813353783</v>
      </c>
      <c r="N5701" s="236">
        <f t="shared" si="1328"/>
        <v>0.40891247747184095</v>
      </c>
      <c r="O5701" s="236">
        <f t="shared" si="1332"/>
        <v>2.1136881132750953</v>
      </c>
      <c r="P5701" s="236" t="str">
        <f t="shared" si="1333"/>
        <v>SAND</v>
      </c>
      <c r="Q5701" s="236" t="e">
        <f t="shared" si="1329"/>
        <v>#N/A</v>
      </c>
      <c r="R5701" s="238">
        <v>35</v>
      </c>
      <c r="S5701" s="236" t="e">
        <f t="shared" si="1334"/>
        <v>#N/A</v>
      </c>
      <c r="T5701" s="236">
        <f t="shared" si="1320"/>
        <v>34.394680728036519</v>
      </c>
    </row>
    <row r="5702" spans="1:20" x14ac:dyDescent="0.2">
      <c r="A5702" s="53">
        <f t="shared" si="1321"/>
        <v>5690</v>
      </c>
      <c r="B5702" s="239">
        <v>56.582000000000001</v>
      </c>
      <c r="C5702" s="3">
        <f t="shared" si="1322"/>
        <v>56.575000000000003</v>
      </c>
      <c r="D5702" s="239">
        <v>19.0213</v>
      </c>
      <c r="E5702" s="239">
        <v>7.0999999999999994E-2</v>
      </c>
      <c r="F5702" s="239">
        <v>0.44169999999999998</v>
      </c>
      <c r="G5702">
        <f t="shared" si="1323"/>
        <v>19.109639999999999</v>
      </c>
      <c r="H5702" s="235">
        <f t="shared" si="1324"/>
        <v>0.37154022786405189</v>
      </c>
      <c r="I5702" s="236">
        <f t="shared" si="1325"/>
        <v>19.395967850969601</v>
      </c>
      <c r="J5702" s="237">
        <f t="shared" si="1330"/>
        <v>9.3959678509696012</v>
      </c>
      <c r="K5702" s="237">
        <f t="shared" si="1326"/>
        <v>1097.3268811686053</v>
      </c>
      <c r="L5702" s="237">
        <f t="shared" si="1331"/>
        <v>531.64265294356198</v>
      </c>
      <c r="M5702" s="236">
        <f t="shared" si="1327"/>
        <v>33.880489120092363</v>
      </c>
      <c r="N5702" s="236">
        <f t="shared" si="1328"/>
        <v>0.39417480437740887</v>
      </c>
      <c r="O5702" s="236">
        <f t="shared" si="1332"/>
        <v>2.1045530629723812</v>
      </c>
      <c r="P5702" s="236" t="str">
        <f t="shared" si="1333"/>
        <v>SAND</v>
      </c>
      <c r="Q5702" s="236" t="e">
        <f t="shared" si="1329"/>
        <v>#N/A</v>
      </c>
      <c r="R5702" s="238">
        <v>35</v>
      </c>
      <c r="S5702" s="236" t="e">
        <f t="shared" si="1334"/>
        <v>#N/A</v>
      </c>
      <c r="T5702" s="236">
        <f t="shared" si="1320"/>
        <v>34.429446385980356</v>
      </c>
    </row>
    <row r="5703" spans="1:20" x14ac:dyDescent="0.2">
      <c r="A5703" s="53">
        <f t="shared" si="1321"/>
        <v>5691</v>
      </c>
      <c r="B5703" s="239">
        <v>56.591999999999999</v>
      </c>
      <c r="C5703" s="3">
        <f t="shared" si="1322"/>
        <v>56.585000000000001</v>
      </c>
      <c r="D5703" s="239">
        <v>19.023599999999998</v>
      </c>
      <c r="E5703" s="239">
        <v>7.0099999999999996E-2</v>
      </c>
      <c r="F5703" s="239">
        <v>0.45760000000000001</v>
      </c>
      <c r="G5703">
        <f t="shared" si="1323"/>
        <v>19.115119999999997</v>
      </c>
      <c r="H5703" s="235">
        <f t="shared" si="1324"/>
        <v>0.36672539853267988</v>
      </c>
      <c r="I5703" s="236">
        <f t="shared" si="1325"/>
        <v>19.381121028773805</v>
      </c>
      <c r="J5703" s="237">
        <f t="shared" si="1330"/>
        <v>9.3811210287738049</v>
      </c>
      <c r="K5703" s="237">
        <f t="shared" si="1326"/>
        <v>1096.6807334131659</v>
      </c>
      <c r="L5703" s="237">
        <f t="shared" si="1331"/>
        <v>530.89640126036716</v>
      </c>
      <c r="M5703" s="236">
        <f t="shared" si="1327"/>
        <v>33.9396523009205</v>
      </c>
      <c r="N5703" s="236">
        <f t="shared" si="1328"/>
        <v>0.38904590438081144</v>
      </c>
      <c r="O5703" s="236">
        <f t="shared" si="1332"/>
        <v>2.1016558245984749</v>
      </c>
      <c r="P5703" s="236" t="str">
        <f t="shared" si="1333"/>
        <v>SAND</v>
      </c>
      <c r="Q5703" s="236" t="e">
        <f t="shared" si="1329"/>
        <v>#N/A</v>
      </c>
      <c r="R5703" s="238">
        <v>35</v>
      </c>
      <c r="S5703" s="236" t="e">
        <f t="shared" si="1334"/>
        <v>#N/A</v>
      </c>
      <c r="T5703" s="236">
        <f t="shared" si="1320"/>
        <v>34.437781277014025</v>
      </c>
    </row>
    <row r="5704" spans="1:20" x14ac:dyDescent="0.2">
      <c r="A5704" s="53">
        <f t="shared" si="1321"/>
        <v>5692</v>
      </c>
      <c r="B5704" s="239">
        <v>56.603000000000002</v>
      </c>
      <c r="C5704" s="3">
        <f t="shared" si="1322"/>
        <v>56.596000000000004</v>
      </c>
      <c r="D5704" s="239">
        <v>19.09</v>
      </c>
      <c r="E5704" s="239">
        <v>6.9400000000000003E-2</v>
      </c>
      <c r="F5704" s="239">
        <v>0.47599999999999998</v>
      </c>
      <c r="G5704">
        <f t="shared" si="1323"/>
        <v>19.185199999999998</v>
      </c>
      <c r="H5704" s="235">
        <f t="shared" si="1324"/>
        <v>0.36173717240372794</v>
      </c>
      <c r="I5704" s="236">
        <f t="shared" si="1325"/>
        <v>19.37078332246438</v>
      </c>
      <c r="J5704" s="237">
        <f t="shared" si="1330"/>
        <v>9.3707833224643799</v>
      </c>
      <c r="K5704" s="237">
        <f t="shared" si="1326"/>
        <v>1096.3088529181941</v>
      </c>
      <c r="L5704" s="237">
        <f t="shared" si="1331"/>
        <v>530.4144484014513</v>
      </c>
      <c r="M5704" s="236">
        <f t="shared" si="1327"/>
        <v>34.103315250173921</v>
      </c>
      <c r="N5704" s="236">
        <f t="shared" si="1328"/>
        <v>0.38366088576521723</v>
      </c>
      <c r="O5704" s="236">
        <f t="shared" si="1332"/>
        <v>2.0974004475611667</v>
      </c>
      <c r="P5704" s="236" t="str">
        <f t="shared" si="1333"/>
        <v>SAND</v>
      </c>
      <c r="Q5704" s="236" t="e">
        <f t="shared" si="1329"/>
        <v>#N/A</v>
      </c>
      <c r="R5704" s="238">
        <v>35</v>
      </c>
      <c r="S5704" s="236" t="e">
        <f t="shared" si="1334"/>
        <v>#N/A</v>
      </c>
      <c r="T5704" s="236">
        <f t="shared" si="1320"/>
        <v>34.46076259629546</v>
      </c>
    </row>
    <row r="5705" spans="1:20" x14ac:dyDescent="0.2">
      <c r="A5705" s="53">
        <f t="shared" si="1321"/>
        <v>5693</v>
      </c>
      <c r="B5705" s="239">
        <v>56.613</v>
      </c>
      <c r="C5705" s="3">
        <f t="shared" si="1322"/>
        <v>56.606000000000002</v>
      </c>
      <c r="D5705" s="239">
        <v>19.0626</v>
      </c>
      <c r="E5705" s="239">
        <v>6.4799999999999996E-2</v>
      </c>
      <c r="F5705" s="239">
        <v>0.49059999999999998</v>
      </c>
      <c r="G5705">
        <f t="shared" si="1323"/>
        <v>19.160720000000001</v>
      </c>
      <c r="H5705" s="235">
        <f t="shared" si="1324"/>
        <v>0.33819188422982016</v>
      </c>
      <c r="I5705" s="236">
        <f t="shared" si="1325"/>
        <v>19.289866212264236</v>
      </c>
      <c r="J5705" s="237">
        <f t="shared" si="1330"/>
        <v>9.2898662122642364</v>
      </c>
      <c r="K5705" s="237">
        <f t="shared" si="1326"/>
        <v>1091.9221668114294</v>
      </c>
      <c r="L5705" s="237">
        <f t="shared" si="1331"/>
        <v>525.92719587491524</v>
      </c>
      <c r="M5705" s="236">
        <f t="shared" si="1327"/>
        <v>34.356081934743671</v>
      </c>
      <c r="N5705" s="236">
        <f t="shared" si="1328"/>
        <v>0.35862928235865288</v>
      </c>
      <c r="O5705" s="236">
        <f t="shared" si="1332"/>
        <v>2.0833669848371366</v>
      </c>
      <c r="P5705" s="236" t="str">
        <f t="shared" si="1333"/>
        <v>SAND</v>
      </c>
      <c r="Q5705" s="236" t="e">
        <f t="shared" si="1329"/>
        <v>#N/A</v>
      </c>
      <c r="R5705" s="238">
        <v>35</v>
      </c>
      <c r="S5705" s="236" t="e">
        <f t="shared" si="1334"/>
        <v>#N/A</v>
      </c>
      <c r="T5705" s="236">
        <f t="shared" si="1320"/>
        <v>34.496039927863421</v>
      </c>
    </row>
    <row r="5706" spans="1:20" x14ac:dyDescent="0.2">
      <c r="A5706" s="53">
        <f t="shared" si="1321"/>
        <v>5694</v>
      </c>
      <c r="B5706" s="239">
        <v>56.622</v>
      </c>
      <c r="C5706" s="3">
        <f t="shared" si="1322"/>
        <v>56.615000000000002</v>
      </c>
      <c r="D5706" s="239">
        <v>18.998699999999999</v>
      </c>
      <c r="E5706" s="239">
        <v>6.13E-2</v>
      </c>
      <c r="F5706" s="239">
        <v>0.50219999999999998</v>
      </c>
      <c r="G5706">
        <f t="shared" si="1323"/>
        <v>19.099139999999998</v>
      </c>
      <c r="H5706" s="235">
        <f t="shared" si="1324"/>
        <v>0.32095685983766808</v>
      </c>
      <c r="I5706" s="236">
        <f t="shared" si="1325"/>
        <v>19.22349876655035</v>
      </c>
      <c r="J5706" s="237">
        <f t="shared" si="1330"/>
        <v>9.2234987665503496</v>
      </c>
      <c r="K5706" s="237">
        <f t="shared" si="1326"/>
        <v>1088.3383826682482</v>
      </c>
      <c r="L5706" s="237">
        <f t="shared" si="1331"/>
        <v>522.25294715961388</v>
      </c>
      <c r="M5706" s="236">
        <f t="shared" si="1327"/>
        <v>34.486740027581291</v>
      </c>
      <c r="N5706" s="236">
        <f t="shared" si="1328"/>
        <v>0.34035131418587805</v>
      </c>
      <c r="O5706" s="236">
        <f t="shared" si="1332"/>
        <v>2.073490560021237</v>
      </c>
      <c r="P5706" s="236" t="str">
        <f t="shared" si="1333"/>
        <v>SAND</v>
      </c>
      <c r="Q5706" s="236" t="e">
        <f t="shared" si="1329"/>
        <v>#N/A</v>
      </c>
      <c r="R5706" s="238">
        <v>35</v>
      </c>
      <c r="S5706" s="236" t="e">
        <f t="shared" si="1334"/>
        <v>#N/A</v>
      </c>
      <c r="T5706" s="236">
        <f t="shared" si="1320"/>
        <v>34.514173575141569</v>
      </c>
    </row>
    <row r="5707" spans="1:20" x14ac:dyDescent="0.2">
      <c r="A5707" s="53">
        <f t="shared" si="1321"/>
        <v>5695</v>
      </c>
      <c r="B5707" s="239">
        <v>56.633000000000003</v>
      </c>
      <c r="C5707" s="3">
        <f t="shared" si="1322"/>
        <v>56.626000000000005</v>
      </c>
      <c r="D5707" s="239">
        <v>18.9575</v>
      </c>
      <c r="E5707" s="239">
        <v>6.1100000000000002E-2</v>
      </c>
      <c r="F5707" s="239">
        <v>0.503</v>
      </c>
      <c r="G5707">
        <f t="shared" si="1323"/>
        <v>19.0581</v>
      </c>
      <c r="H5707" s="235">
        <f t="shared" si="1324"/>
        <v>0.32059859062550833</v>
      </c>
      <c r="I5707" s="236">
        <f t="shared" si="1325"/>
        <v>19.218825963306429</v>
      </c>
      <c r="J5707" s="237">
        <f t="shared" si="1330"/>
        <v>9.2188259633064291</v>
      </c>
      <c r="K5707" s="237">
        <f t="shared" si="1326"/>
        <v>1088.2852389981899</v>
      </c>
      <c r="L5707" s="237">
        <f t="shared" si="1331"/>
        <v>522.08977077993302</v>
      </c>
      <c r="M5707" s="236">
        <f t="shared" si="1327"/>
        <v>34.419013293743113</v>
      </c>
      <c r="N5707" s="236">
        <f t="shared" si="1328"/>
        <v>0.34001463461159076</v>
      </c>
      <c r="O5707" s="236">
        <f t="shared" si="1332"/>
        <v>2.074130425503403</v>
      </c>
      <c r="P5707" s="236" t="str">
        <f t="shared" si="1333"/>
        <v>SAND</v>
      </c>
      <c r="Q5707" s="236" t="e">
        <f t="shared" si="1329"/>
        <v>#N/A</v>
      </c>
      <c r="R5707" s="238">
        <v>35</v>
      </c>
      <c r="S5707" s="236" t="e">
        <f t="shared" si="1334"/>
        <v>#N/A</v>
      </c>
      <c r="T5707" s="236">
        <f t="shared" si="1320"/>
        <v>34.504782576474256</v>
      </c>
    </row>
    <row r="5708" spans="1:20" x14ac:dyDescent="0.2">
      <c r="A5708" s="53">
        <f t="shared" si="1321"/>
        <v>5696</v>
      </c>
      <c r="B5708" s="239">
        <v>56.643999999999998</v>
      </c>
      <c r="C5708" s="3">
        <f t="shared" si="1322"/>
        <v>56.637</v>
      </c>
      <c r="D5708" s="239">
        <v>18.847799999999999</v>
      </c>
      <c r="E5708" s="239">
        <v>6.4799999999999996E-2</v>
      </c>
      <c r="F5708" s="239">
        <v>0.51329999999999998</v>
      </c>
      <c r="G5708">
        <f t="shared" si="1323"/>
        <v>18.95046</v>
      </c>
      <c r="H5708" s="235">
        <f t="shared" si="1324"/>
        <v>0.34194420610370407</v>
      </c>
      <c r="I5708" s="236">
        <f t="shared" si="1325"/>
        <v>19.285553351008264</v>
      </c>
      <c r="J5708" s="237">
        <f t="shared" si="1330"/>
        <v>9.2855533510082644</v>
      </c>
      <c r="K5708" s="237">
        <f t="shared" si="1326"/>
        <v>1092.2758851410551</v>
      </c>
      <c r="L5708" s="237">
        <f t="shared" si="1331"/>
        <v>525.97088401451208</v>
      </c>
      <c r="M5708" s="236">
        <f t="shared" si="1327"/>
        <v>33.952799779628521</v>
      </c>
      <c r="N5708" s="236">
        <f t="shared" si="1328"/>
        <v>0.36285884154415793</v>
      </c>
      <c r="O5708" s="236">
        <f t="shared" si="1332"/>
        <v>2.0900225750017039</v>
      </c>
      <c r="P5708" s="236" t="str">
        <f t="shared" si="1333"/>
        <v>SAND</v>
      </c>
      <c r="Q5708" s="236" t="e">
        <f t="shared" si="1329"/>
        <v>#N/A</v>
      </c>
      <c r="R5708" s="238">
        <v>35</v>
      </c>
      <c r="S5708" s="236" t="e">
        <f t="shared" si="1334"/>
        <v>#N/A</v>
      </c>
      <c r="T5708" s="236">
        <f t="shared" si="1320"/>
        <v>34.439631516646045</v>
      </c>
    </row>
    <row r="5709" spans="1:20" x14ac:dyDescent="0.2">
      <c r="A5709" s="53">
        <f t="shared" si="1321"/>
        <v>5697</v>
      </c>
      <c r="B5709" s="239">
        <v>56.652999999999999</v>
      </c>
      <c r="C5709" s="3">
        <f t="shared" si="1322"/>
        <v>56.646000000000001</v>
      </c>
      <c r="D5709" s="239">
        <v>18.695900000000002</v>
      </c>
      <c r="E5709" s="239">
        <v>6.6100000000000006E-2</v>
      </c>
      <c r="F5709" s="239">
        <v>0.51859999999999995</v>
      </c>
      <c r="G5709">
        <f t="shared" si="1323"/>
        <v>18.799620000000001</v>
      </c>
      <c r="H5709" s="235">
        <f t="shared" si="1324"/>
        <v>0.35160285154699933</v>
      </c>
      <c r="I5709" s="236">
        <f t="shared" si="1325"/>
        <v>19.305721158787733</v>
      </c>
      <c r="J5709" s="237">
        <f t="shared" si="1330"/>
        <v>9.3057211587877333</v>
      </c>
      <c r="K5709" s="237">
        <f t="shared" si="1326"/>
        <v>1093.5918807606899</v>
      </c>
      <c r="L5709" s="237">
        <f t="shared" si="1331"/>
        <v>527.19702080880143</v>
      </c>
      <c r="M5709" s="236">
        <f t="shared" si="1327"/>
        <v>33.585220364249288</v>
      </c>
      <c r="N5709" s="236">
        <f t="shared" si="1328"/>
        <v>0.37331918573073974</v>
      </c>
      <c r="O5709" s="236">
        <f t="shared" si="1332"/>
        <v>2.0990357379344529</v>
      </c>
      <c r="P5709" s="236" t="str">
        <f t="shared" si="1333"/>
        <v>SAND</v>
      </c>
      <c r="Q5709" s="236" t="e">
        <f t="shared" si="1329"/>
        <v>#N/A</v>
      </c>
      <c r="R5709" s="238">
        <v>35</v>
      </c>
      <c r="S5709" s="236" t="e">
        <f t="shared" si="1334"/>
        <v>#N/A</v>
      </c>
      <c r="T5709" s="236">
        <f t="shared" ref="T5709:T5772" si="1335">IF(P5709="SAND",17.6+(11*LOG(M5709)),#N/A)</f>
        <v>34.387630224204358</v>
      </c>
    </row>
    <row r="5710" spans="1:20" x14ac:dyDescent="0.2">
      <c r="A5710" s="53">
        <f t="shared" ref="A5710:A5773" si="1336">$A5709+1</f>
        <v>5698</v>
      </c>
      <c r="B5710" s="239">
        <v>56.664000000000001</v>
      </c>
      <c r="C5710" s="3">
        <f t="shared" ref="C5710:C5773" si="1337">MAX($B5710 - $B$13, 0.001)</f>
        <v>56.657000000000004</v>
      </c>
      <c r="D5710" s="239">
        <v>18.6097</v>
      </c>
      <c r="E5710" s="239">
        <v>6.6699999999999995E-2</v>
      </c>
      <c r="F5710" s="239">
        <v>0.53010000000000002</v>
      </c>
      <c r="G5710">
        <f t="shared" si="1323"/>
        <v>18.715720000000001</v>
      </c>
      <c r="H5710" s="235">
        <f t="shared" si="1324"/>
        <v>0.35638489996644529</v>
      </c>
      <c r="I5710" s="236">
        <f t="shared" si="1325"/>
        <v>19.314568691260213</v>
      </c>
      <c r="J5710" s="237">
        <f t="shared" si="1330"/>
        <v>9.314568691260213</v>
      </c>
      <c r="K5710" s="237">
        <f t="shared" si="1326"/>
        <v>1094.30551834073</v>
      </c>
      <c r="L5710" s="237">
        <f t="shared" si="1331"/>
        <v>527.80072032156875</v>
      </c>
      <c r="M5710" s="236">
        <f t="shared" si="1327"/>
        <v>33.386491914833343</v>
      </c>
      <c r="N5710" s="236">
        <f t="shared" si="1328"/>
        <v>0.37851671935543379</v>
      </c>
      <c r="O5710" s="236">
        <f t="shared" si="1332"/>
        <v>2.1036935262067606</v>
      </c>
      <c r="P5710" s="236" t="str">
        <f t="shared" si="1333"/>
        <v>SAND</v>
      </c>
      <c r="Q5710" s="236" t="e">
        <f t="shared" si="1329"/>
        <v>#N/A</v>
      </c>
      <c r="R5710" s="238">
        <v>35</v>
      </c>
      <c r="S5710" s="236" t="e">
        <f t="shared" si="1334"/>
        <v>#N/A</v>
      </c>
      <c r="T5710" s="236">
        <f t="shared" si="1335"/>
        <v>34.35927866761628</v>
      </c>
    </row>
    <row r="5711" spans="1:20" x14ac:dyDescent="0.2">
      <c r="A5711" s="53">
        <f t="shared" si="1336"/>
        <v>5699</v>
      </c>
      <c r="B5711" s="239">
        <v>56.673999999999999</v>
      </c>
      <c r="C5711" s="3">
        <f t="shared" si="1337"/>
        <v>56.667000000000002</v>
      </c>
      <c r="D5711" s="239">
        <v>18.434899999999999</v>
      </c>
      <c r="E5711" s="239">
        <v>6.7500000000000004E-2</v>
      </c>
      <c r="F5711" s="239">
        <v>0.5282</v>
      </c>
      <c r="G5711">
        <f t="shared" ref="G5711:G5774" si="1338">$D5711+($F5711*(1-$P$8))</f>
        <v>18.54054</v>
      </c>
      <c r="H5711" s="235">
        <f t="shared" ref="H5711:H5774" si="1339">($E5711/$G5711)*100</f>
        <v>0.36406706600778621</v>
      </c>
      <c r="I5711" s="236">
        <f t="shared" ref="I5711:I5774" si="1340">((0.27*(LOG($H5711)))+(0.36*(LOG(($G5711*1000)/101)))+1.236)*10</f>
        <v>19.324873382106553</v>
      </c>
      <c r="J5711" s="237">
        <f t="shared" si="1330"/>
        <v>9.3248733821065528</v>
      </c>
      <c r="K5711" s="237">
        <f t="shared" ref="K5711:K5774" si="1341">$I5711*$C5711</f>
        <v>1095.0825999438321</v>
      </c>
      <c r="L5711" s="237">
        <f t="shared" si="1331"/>
        <v>528.47787405750682</v>
      </c>
      <c r="M5711" s="236">
        <f t="shared" ref="M5711:M5774" si="1342">(($G5711*1000)-$K5711)/$L5711</f>
        <v>33.010762146227194</v>
      </c>
      <c r="N5711" s="236">
        <f t="shared" ref="N5711:N5774" si="1343">(($E5711*1000)/(($G5711*1000)-$K5711))*100</f>
        <v>0.38692020766267021</v>
      </c>
      <c r="O5711" s="236">
        <f t="shared" si="1332"/>
        <v>2.1118706169380368</v>
      </c>
      <c r="P5711" s="236" t="str">
        <f t="shared" si="1333"/>
        <v>SAND</v>
      </c>
      <c r="Q5711" s="236" t="e">
        <f t="shared" ref="Q5711:Q5774" si="1344">IF(P5711="CLAY",($G5711*1000 -$K5711)/$L$8,#N/A)</f>
        <v>#N/A</v>
      </c>
      <c r="R5711" s="238">
        <v>35</v>
      </c>
      <c r="S5711" s="236" t="e">
        <f t="shared" si="1334"/>
        <v>#N/A</v>
      </c>
      <c r="T5711" s="236">
        <f t="shared" si="1335"/>
        <v>34.305211064903297</v>
      </c>
    </row>
    <row r="5712" spans="1:20" x14ac:dyDescent="0.2">
      <c r="A5712" s="53">
        <f t="shared" si="1336"/>
        <v>5700</v>
      </c>
      <c r="B5712" s="239">
        <v>56.685000000000002</v>
      </c>
      <c r="C5712" s="3">
        <f t="shared" si="1337"/>
        <v>56.678000000000004</v>
      </c>
      <c r="D5712" s="239">
        <v>18.303000000000001</v>
      </c>
      <c r="E5712" s="239">
        <v>6.8199999999999997E-2</v>
      </c>
      <c r="F5712" s="239">
        <v>0.52390000000000003</v>
      </c>
      <c r="G5712">
        <f t="shared" si="1338"/>
        <v>18.407780000000002</v>
      </c>
      <c r="H5712" s="235">
        <f t="shared" si="1339"/>
        <v>0.37049551874261855</v>
      </c>
      <c r="I5712" s="236">
        <f t="shared" si="1340"/>
        <v>19.334162139666343</v>
      </c>
      <c r="J5712" s="237">
        <f t="shared" ref="J5712:J5775" si="1345">$I5712-10</f>
        <v>9.3341621396663434</v>
      </c>
      <c r="K5712" s="237">
        <f t="shared" si="1341"/>
        <v>1095.8216417520091</v>
      </c>
      <c r="L5712" s="237">
        <f t="shared" ref="L5712:L5775" si="1346">$J5712*$B5712</f>
        <v>529.10698088698666</v>
      </c>
      <c r="M5712" s="236">
        <f t="shared" si="1342"/>
        <v>32.719202323179516</v>
      </c>
      <c r="N5712" s="236">
        <f t="shared" si="1343"/>
        <v>0.39394734315258589</v>
      </c>
      <c r="O5712" s="236">
        <f t="shared" ref="O5712:O5775" si="1347">((3.47-LOG($M5712))^2+(LOG($N5712)+1.22)^2)^0.5</f>
        <v>2.1184276886898754</v>
      </c>
      <c r="P5712" s="236" t="str">
        <f t="shared" ref="P5712:P5775" si="1348">IF(O5712&lt;2.6,"SAND","CLAY")</f>
        <v>SAND</v>
      </c>
      <c r="Q5712" s="236" t="e">
        <f t="shared" si="1344"/>
        <v>#N/A</v>
      </c>
      <c r="R5712" s="238">
        <v>35</v>
      </c>
      <c r="S5712" s="236" t="e">
        <f t="shared" ref="S5712:S5775" si="1349">IF(P5712="SAND",#N/A,0.25*($M5712)^1.25)</f>
        <v>#N/A</v>
      </c>
      <c r="T5712" s="236">
        <f t="shared" si="1335"/>
        <v>34.262829779848275</v>
      </c>
    </row>
    <row r="5713" spans="1:20" x14ac:dyDescent="0.2">
      <c r="A5713" s="53">
        <f t="shared" si="1336"/>
        <v>5701</v>
      </c>
      <c r="B5713" s="239">
        <v>56.695</v>
      </c>
      <c r="C5713" s="3">
        <f t="shared" si="1337"/>
        <v>56.688000000000002</v>
      </c>
      <c r="D5713" s="239">
        <v>18.140999999999998</v>
      </c>
      <c r="E5713" s="239">
        <v>6.9500000000000006E-2</v>
      </c>
      <c r="F5713" s="239">
        <v>0.52829999999999999</v>
      </c>
      <c r="G5713">
        <f t="shared" si="1338"/>
        <v>18.246659999999999</v>
      </c>
      <c r="H5713" s="235">
        <f t="shared" si="1339"/>
        <v>0.38089162619350614</v>
      </c>
      <c r="I5713" s="236">
        <f t="shared" si="1340"/>
        <v>19.352867068486933</v>
      </c>
      <c r="J5713" s="237">
        <f t="shared" si="1345"/>
        <v>9.3528670684869333</v>
      </c>
      <c r="K5713" s="237">
        <f t="shared" si="1341"/>
        <v>1097.0753283783872</v>
      </c>
      <c r="L5713" s="237">
        <f t="shared" si="1346"/>
        <v>530.2607984478667</v>
      </c>
      <c r="M5713" s="236">
        <f t="shared" si="1342"/>
        <v>32.341792419542202</v>
      </c>
      <c r="N5713" s="236">
        <f t="shared" si="1343"/>
        <v>0.40525762769640467</v>
      </c>
      <c r="O5713" s="236">
        <f t="shared" si="1347"/>
        <v>2.1278307679347415</v>
      </c>
      <c r="P5713" s="236" t="str">
        <f t="shared" si="1348"/>
        <v>SAND</v>
      </c>
      <c r="Q5713" s="236" t="e">
        <f t="shared" si="1344"/>
        <v>#N/A</v>
      </c>
      <c r="R5713" s="238">
        <v>35</v>
      </c>
      <c r="S5713" s="236" t="e">
        <f t="shared" si="1349"/>
        <v>#N/A</v>
      </c>
      <c r="T5713" s="236">
        <f t="shared" si="1335"/>
        <v>34.20740493873852</v>
      </c>
    </row>
    <row r="5714" spans="1:20" x14ac:dyDescent="0.2">
      <c r="A5714" s="53">
        <f t="shared" si="1336"/>
        <v>5702</v>
      </c>
      <c r="B5714" s="239">
        <v>56.704999999999998</v>
      </c>
      <c r="C5714" s="3">
        <f t="shared" si="1337"/>
        <v>56.698</v>
      </c>
      <c r="D5714" s="239">
        <v>17.985600000000002</v>
      </c>
      <c r="E5714" s="239">
        <v>7.0999999999999994E-2</v>
      </c>
      <c r="F5714" s="239">
        <v>0.52849999999999997</v>
      </c>
      <c r="G5714">
        <f t="shared" si="1338"/>
        <v>18.0913</v>
      </c>
      <c r="H5714" s="235">
        <f t="shared" si="1339"/>
        <v>0.39245383139962298</v>
      </c>
      <c r="I5714" s="236">
        <f t="shared" si="1340"/>
        <v>19.374563393786435</v>
      </c>
      <c r="J5714" s="237">
        <f t="shared" si="1345"/>
        <v>9.3745633937864348</v>
      </c>
      <c r="K5714" s="237">
        <f t="shared" si="1341"/>
        <v>1098.4989953009033</v>
      </c>
      <c r="L5714" s="237">
        <f t="shared" si="1346"/>
        <v>531.58461724465974</v>
      </c>
      <c r="M5714" s="236">
        <f t="shared" si="1342"/>
        <v>31.966314399346562</v>
      </c>
      <c r="N5714" s="236">
        <f t="shared" si="1343"/>
        <v>0.41782399488092659</v>
      </c>
      <c r="O5714" s="236">
        <f t="shared" si="1347"/>
        <v>2.1376864054938114</v>
      </c>
      <c r="P5714" s="236" t="str">
        <f t="shared" si="1348"/>
        <v>SAND</v>
      </c>
      <c r="Q5714" s="236" t="e">
        <f t="shared" si="1344"/>
        <v>#N/A</v>
      </c>
      <c r="R5714" s="238">
        <v>35</v>
      </c>
      <c r="S5714" s="236" t="e">
        <f t="shared" si="1349"/>
        <v>#N/A</v>
      </c>
      <c r="T5714" s="236">
        <f t="shared" si="1335"/>
        <v>34.151618232292861</v>
      </c>
    </row>
    <row r="5715" spans="1:20" x14ac:dyDescent="0.2">
      <c r="A5715" s="53">
        <f t="shared" si="1336"/>
        <v>5703</v>
      </c>
      <c r="B5715" s="239">
        <v>56.716000000000001</v>
      </c>
      <c r="C5715" s="3">
        <f t="shared" si="1337"/>
        <v>56.709000000000003</v>
      </c>
      <c r="D5715" s="239">
        <v>17.784300000000002</v>
      </c>
      <c r="E5715" s="239">
        <v>7.2900000000000006E-2</v>
      </c>
      <c r="F5715" s="239">
        <v>0.53069999999999995</v>
      </c>
      <c r="G5715">
        <f t="shared" si="1338"/>
        <v>17.890440000000002</v>
      </c>
      <c r="H5715" s="235">
        <f t="shared" si="1339"/>
        <v>0.40748019612709357</v>
      </c>
      <c r="I5715" s="236">
        <f t="shared" si="1340"/>
        <v>19.401166300459533</v>
      </c>
      <c r="J5715" s="237">
        <f t="shared" si="1345"/>
        <v>9.4011663004595327</v>
      </c>
      <c r="K5715" s="237">
        <f t="shared" si="1341"/>
        <v>1100.2207397327597</v>
      </c>
      <c r="L5715" s="237">
        <f t="shared" si="1346"/>
        <v>533.19654789686285</v>
      </c>
      <c r="M5715" s="236">
        <f t="shared" si="1342"/>
        <v>31.489737370758458</v>
      </c>
      <c r="N5715" s="236">
        <f t="shared" si="1343"/>
        <v>0.43418134611566517</v>
      </c>
      <c r="O5715" s="236">
        <f t="shared" si="1347"/>
        <v>2.1502830419462273</v>
      </c>
      <c r="P5715" s="236" t="str">
        <f t="shared" si="1348"/>
        <v>SAND</v>
      </c>
      <c r="Q5715" s="236" t="e">
        <f t="shared" si="1344"/>
        <v>#N/A</v>
      </c>
      <c r="R5715" s="238">
        <v>35</v>
      </c>
      <c r="S5715" s="236" t="e">
        <f t="shared" si="1349"/>
        <v>#N/A</v>
      </c>
      <c r="T5715" s="236">
        <f t="shared" si="1335"/>
        <v>34.079859424259325</v>
      </c>
    </row>
    <row r="5716" spans="1:20" x14ac:dyDescent="0.2">
      <c r="A5716" s="53">
        <f t="shared" si="1336"/>
        <v>5704</v>
      </c>
      <c r="B5716" s="239">
        <v>56.725999999999999</v>
      </c>
      <c r="C5716" s="3">
        <f t="shared" si="1337"/>
        <v>56.719000000000001</v>
      </c>
      <c r="D5716" s="239">
        <v>17.736599999999999</v>
      </c>
      <c r="E5716" s="239">
        <v>7.4999999999999997E-2</v>
      </c>
      <c r="F5716" s="239">
        <v>0.52629999999999999</v>
      </c>
      <c r="G5716">
        <f t="shared" si="1338"/>
        <v>17.84186</v>
      </c>
      <c r="H5716" s="235">
        <f t="shared" si="1339"/>
        <v>0.4203597606975954</v>
      </c>
      <c r="I5716" s="236">
        <f t="shared" si="1340"/>
        <v>19.433404580075404</v>
      </c>
      <c r="J5716" s="237">
        <f t="shared" si="1345"/>
        <v>9.4334045800754041</v>
      </c>
      <c r="K5716" s="237">
        <f t="shared" si="1341"/>
        <v>1102.2432743772968</v>
      </c>
      <c r="L5716" s="237">
        <f t="shared" si="1346"/>
        <v>535.11930820935731</v>
      </c>
      <c r="M5716" s="236">
        <f t="shared" si="1342"/>
        <v>31.282027145754913</v>
      </c>
      <c r="N5716" s="236">
        <f t="shared" si="1343"/>
        <v>0.44803893200971739</v>
      </c>
      <c r="O5716" s="236">
        <f t="shared" si="1347"/>
        <v>2.1583909328842572</v>
      </c>
      <c r="P5716" s="236" t="str">
        <f t="shared" si="1348"/>
        <v>SAND</v>
      </c>
      <c r="Q5716" s="236" t="e">
        <f t="shared" si="1344"/>
        <v>#N/A</v>
      </c>
      <c r="R5716" s="238">
        <v>35</v>
      </c>
      <c r="S5716" s="236" t="e">
        <f t="shared" si="1349"/>
        <v>#N/A</v>
      </c>
      <c r="T5716" s="236">
        <f t="shared" si="1335"/>
        <v>34.048243774154173</v>
      </c>
    </row>
    <row r="5717" spans="1:20" x14ac:dyDescent="0.2">
      <c r="A5717" s="53">
        <f t="shared" si="1336"/>
        <v>5705</v>
      </c>
      <c r="B5717" s="239">
        <v>56.735999999999997</v>
      </c>
      <c r="C5717" s="3">
        <f t="shared" si="1337"/>
        <v>56.728999999999999</v>
      </c>
      <c r="D5717" s="239">
        <v>17.764900000000001</v>
      </c>
      <c r="E5717" s="239">
        <v>7.7700000000000005E-2</v>
      </c>
      <c r="F5717" s="239">
        <v>0.53539999999999999</v>
      </c>
      <c r="G5717">
        <f t="shared" si="1338"/>
        <v>17.871980000000001</v>
      </c>
      <c r="H5717" s="235">
        <f t="shared" si="1339"/>
        <v>0.43475876763514731</v>
      </c>
      <c r="I5717" s="236">
        <f t="shared" si="1340"/>
        <v>19.475535207934172</v>
      </c>
      <c r="J5717" s="237">
        <f t="shared" si="1345"/>
        <v>9.4755352079341719</v>
      </c>
      <c r="K5717" s="237">
        <f t="shared" si="1341"/>
        <v>1104.8276368108977</v>
      </c>
      <c r="L5717" s="237">
        <f t="shared" si="1346"/>
        <v>537.60396555735315</v>
      </c>
      <c r="M5717" s="236">
        <f t="shared" si="1342"/>
        <v>31.188669424724203</v>
      </c>
      <c r="N5717" s="236">
        <f t="shared" si="1343"/>
        <v>0.46340605916234134</v>
      </c>
      <c r="O5717" s="236">
        <f t="shared" si="1347"/>
        <v>2.1655291750174839</v>
      </c>
      <c r="P5717" s="236" t="str">
        <f t="shared" si="1348"/>
        <v>SAND</v>
      </c>
      <c r="Q5717" s="236" t="e">
        <f t="shared" si="1344"/>
        <v>#N/A</v>
      </c>
      <c r="R5717" s="238">
        <v>35</v>
      </c>
      <c r="S5717" s="236" t="e">
        <f t="shared" si="1349"/>
        <v>#N/A</v>
      </c>
      <c r="T5717" s="236">
        <f t="shared" si="1335"/>
        <v>34.033965319440192</v>
      </c>
    </row>
    <row r="5718" spans="1:20" x14ac:dyDescent="0.2">
      <c r="A5718" s="53">
        <f t="shared" si="1336"/>
        <v>5706</v>
      </c>
      <c r="B5718" s="239">
        <v>56.746000000000002</v>
      </c>
      <c r="C5718" s="3">
        <f t="shared" si="1337"/>
        <v>56.739000000000004</v>
      </c>
      <c r="D5718" s="239">
        <v>17.754999999999999</v>
      </c>
      <c r="E5718" s="239">
        <v>8.0199999999999994E-2</v>
      </c>
      <c r="F5718" s="239">
        <v>0.53559999999999997</v>
      </c>
      <c r="G5718">
        <f t="shared" si="1338"/>
        <v>17.862119999999997</v>
      </c>
      <c r="H5718" s="235">
        <f t="shared" si="1339"/>
        <v>0.44899485615369283</v>
      </c>
      <c r="I5718" s="236">
        <f t="shared" si="1340"/>
        <v>19.51245355116702</v>
      </c>
      <c r="J5718" s="237">
        <f t="shared" si="1345"/>
        <v>9.5124535511670203</v>
      </c>
      <c r="K5718" s="237">
        <f t="shared" si="1341"/>
        <v>1107.1171020396657</v>
      </c>
      <c r="L5718" s="237">
        <f t="shared" si="1346"/>
        <v>539.79368921452374</v>
      </c>
      <c r="M5718" s="236">
        <f t="shared" si="1342"/>
        <v>31.039642057211221</v>
      </c>
      <c r="N5718" s="236">
        <f t="shared" si="1343"/>
        <v>0.47866300285607899</v>
      </c>
      <c r="O5718" s="236">
        <f t="shared" si="1347"/>
        <v>2.1732158831874844</v>
      </c>
      <c r="P5718" s="236" t="str">
        <f t="shared" si="1348"/>
        <v>SAND</v>
      </c>
      <c r="Q5718" s="236" t="e">
        <f t="shared" si="1344"/>
        <v>#N/A</v>
      </c>
      <c r="R5718" s="238">
        <v>35</v>
      </c>
      <c r="S5718" s="236" t="e">
        <f t="shared" si="1349"/>
        <v>#N/A</v>
      </c>
      <c r="T5718" s="236">
        <f t="shared" si="1335"/>
        <v>34.011083748621061</v>
      </c>
    </row>
    <row r="5719" spans="1:20" x14ac:dyDescent="0.2">
      <c r="A5719" s="53">
        <f t="shared" si="1336"/>
        <v>5707</v>
      </c>
      <c r="B5719" s="239">
        <v>56.756</v>
      </c>
      <c r="C5719" s="3">
        <f t="shared" si="1337"/>
        <v>56.749000000000002</v>
      </c>
      <c r="D5719" s="239">
        <v>17.7864</v>
      </c>
      <c r="E5719" s="239">
        <v>8.0799999999999997E-2</v>
      </c>
      <c r="F5719" s="239">
        <v>0.54549999999999998</v>
      </c>
      <c r="G5719">
        <f t="shared" si="1338"/>
        <v>17.895500000000002</v>
      </c>
      <c r="H5719" s="235">
        <f t="shared" si="1339"/>
        <v>0.45151015618451562</v>
      </c>
      <c r="I5719" s="236">
        <f t="shared" si="1340"/>
        <v>19.521923181843</v>
      </c>
      <c r="J5719" s="237">
        <f t="shared" si="1345"/>
        <v>9.5219231818430003</v>
      </c>
      <c r="K5719" s="237">
        <f t="shared" si="1341"/>
        <v>1107.8496186464085</v>
      </c>
      <c r="L5719" s="237">
        <f t="shared" si="1346"/>
        <v>540.42627210868136</v>
      </c>
      <c r="M5719" s="236">
        <f t="shared" si="1342"/>
        <v>31.063719970256273</v>
      </c>
      <c r="N5719" s="236">
        <f t="shared" si="1343"/>
        <v>0.48130618737298875</v>
      </c>
      <c r="O5719" s="236">
        <f t="shared" si="1347"/>
        <v>2.173901062698774</v>
      </c>
      <c r="P5719" s="236" t="str">
        <f t="shared" si="1348"/>
        <v>SAND</v>
      </c>
      <c r="Q5719" s="236" t="e">
        <f t="shared" si="1344"/>
        <v>#N/A</v>
      </c>
      <c r="R5719" s="238">
        <v>35</v>
      </c>
      <c r="S5719" s="236" t="e">
        <f t="shared" si="1349"/>
        <v>#N/A</v>
      </c>
      <c r="T5719" s="236">
        <f t="shared" si="1335"/>
        <v>34.014788087790201</v>
      </c>
    </row>
    <row r="5720" spans="1:20" x14ac:dyDescent="0.2">
      <c r="A5720" s="53">
        <f t="shared" si="1336"/>
        <v>5708</v>
      </c>
      <c r="B5720" s="239">
        <v>56.768000000000001</v>
      </c>
      <c r="C5720" s="3">
        <f t="shared" si="1337"/>
        <v>56.761000000000003</v>
      </c>
      <c r="D5720" s="239">
        <v>17.714200000000002</v>
      </c>
      <c r="E5720" s="239">
        <v>8.1100000000000005E-2</v>
      </c>
      <c r="F5720" s="239">
        <v>0.53769999999999996</v>
      </c>
      <c r="G5720">
        <f t="shared" si="1338"/>
        <v>17.821740000000002</v>
      </c>
      <c r="H5720" s="235">
        <f t="shared" si="1339"/>
        <v>0.45506218809162291</v>
      </c>
      <c r="I5720" s="236">
        <f t="shared" si="1340"/>
        <v>19.524654453892865</v>
      </c>
      <c r="J5720" s="237">
        <f t="shared" si="1345"/>
        <v>9.5246544538928646</v>
      </c>
      <c r="K5720" s="237">
        <f t="shared" si="1341"/>
        <v>1108.238911457413</v>
      </c>
      <c r="L5720" s="237">
        <f t="shared" si="1346"/>
        <v>540.69558403859014</v>
      </c>
      <c r="M5720" s="236">
        <f t="shared" si="1342"/>
        <v>30.911110765331724</v>
      </c>
      <c r="N5720" s="236">
        <f t="shared" si="1343"/>
        <v>0.48523645387258535</v>
      </c>
      <c r="O5720" s="236">
        <f t="shared" si="1347"/>
        <v>2.1773143438133848</v>
      </c>
      <c r="P5720" s="236" t="str">
        <f t="shared" si="1348"/>
        <v>SAND</v>
      </c>
      <c r="Q5720" s="236" t="e">
        <f t="shared" si="1344"/>
        <v>#N/A</v>
      </c>
      <c r="R5720" s="238">
        <v>35</v>
      </c>
      <c r="S5720" s="236" t="e">
        <f t="shared" si="1349"/>
        <v>#N/A</v>
      </c>
      <c r="T5720" s="236">
        <f t="shared" si="1335"/>
        <v>33.99126072494434</v>
      </c>
    </row>
    <row r="5721" spans="1:20" x14ac:dyDescent="0.2">
      <c r="A5721" s="53">
        <f t="shared" si="1336"/>
        <v>5709</v>
      </c>
      <c r="B5721" s="239">
        <v>56.777999999999999</v>
      </c>
      <c r="C5721" s="3">
        <f t="shared" si="1337"/>
        <v>56.771000000000001</v>
      </c>
      <c r="D5721" s="239">
        <v>17.668900000000001</v>
      </c>
      <c r="E5721" s="239">
        <v>8.0100000000000005E-2</v>
      </c>
      <c r="F5721" s="239">
        <v>0.54449999999999998</v>
      </c>
      <c r="G5721">
        <f t="shared" si="1338"/>
        <v>17.777799999999999</v>
      </c>
      <c r="H5721" s="235">
        <f t="shared" si="1339"/>
        <v>0.450561936797579</v>
      </c>
      <c r="I5721" s="236">
        <f t="shared" si="1340"/>
        <v>19.509141062285856</v>
      </c>
      <c r="J5721" s="237">
        <f t="shared" si="1345"/>
        <v>9.5091410622858561</v>
      </c>
      <c r="K5721" s="237">
        <f t="shared" si="1341"/>
        <v>1107.5534472470304</v>
      </c>
      <c r="L5721" s="237">
        <f t="shared" si="1346"/>
        <v>539.91001123446631</v>
      </c>
      <c r="M5721" s="236">
        <f t="shared" si="1342"/>
        <v>30.875972302565053</v>
      </c>
      <c r="N5721" s="236">
        <f t="shared" si="1343"/>
        <v>0.48049679257306538</v>
      </c>
      <c r="O5721" s="236">
        <f t="shared" si="1347"/>
        <v>2.175993599276782</v>
      </c>
      <c r="P5721" s="236" t="str">
        <f t="shared" si="1348"/>
        <v>SAND</v>
      </c>
      <c r="Q5721" s="236" t="e">
        <f t="shared" si="1344"/>
        <v>#N/A</v>
      </c>
      <c r="R5721" s="238">
        <v>35</v>
      </c>
      <c r="S5721" s="236" t="e">
        <f t="shared" si="1349"/>
        <v>#N/A</v>
      </c>
      <c r="T5721" s="236">
        <f t="shared" si="1335"/>
        <v>33.985827069394816</v>
      </c>
    </row>
    <row r="5722" spans="1:20" x14ac:dyDescent="0.2">
      <c r="A5722" s="53">
        <f t="shared" si="1336"/>
        <v>5710</v>
      </c>
      <c r="B5722" s="239">
        <v>56.786999999999999</v>
      </c>
      <c r="C5722" s="3">
        <f t="shared" si="1337"/>
        <v>56.78</v>
      </c>
      <c r="D5722" s="239">
        <v>17.575399999999998</v>
      </c>
      <c r="E5722" s="239">
        <v>7.85E-2</v>
      </c>
      <c r="F5722" s="239">
        <v>0.55000000000000004</v>
      </c>
      <c r="G5722">
        <f t="shared" si="1338"/>
        <v>17.685399999999998</v>
      </c>
      <c r="H5722" s="235">
        <f t="shared" si="1339"/>
        <v>0.44386895405249538</v>
      </c>
      <c r="I5722" s="236">
        <f t="shared" si="1340"/>
        <v>19.483444525830524</v>
      </c>
      <c r="J5722" s="237">
        <f t="shared" si="1345"/>
        <v>9.4834445258305244</v>
      </c>
      <c r="K5722" s="237">
        <f t="shared" si="1341"/>
        <v>1106.2699801766571</v>
      </c>
      <c r="L5722" s="237">
        <f t="shared" si="1346"/>
        <v>538.53636428833795</v>
      </c>
      <c r="M5722" s="236">
        <f t="shared" si="1342"/>
        <v>30.785534866772156</v>
      </c>
      <c r="N5722" s="236">
        <f t="shared" si="1343"/>
        <v>0.47348684705493649</v>
      </c>
      <c r="O5722" s="236">
        <f t="shared" si="1347"/>
        <v>2.174517431113733</v>
      </c>
      <c r="P5722" s="236" t="str">
        <f t="shared" si="1348"/>
        <v>SAND</v>
      </c>
      <c r="Q5722" s="236" t="e">
        <f t="shared" si="1344"/>
        <v>#N/A</v>
      </c>
      <c r="R5722" s="238">
        <v>35</v>
      </c>
      <c r="S5722" s="236" t="e">
        <f t="shared" si="1349"/>
        <v>#N/A</v>
      </c>
      <c r="T5722" s="236">
        <f t="shared" si="1335"/>
        <v>33.9718137375068</v>
      </c>
    </row>
    <row r="5723" spans="1:20" x14ac:dyDescent="0.2">
      <c r="A5723" s="53">
        <f t="shared" si="1336"/>
        <v>5711</v>
      </c>
      <c r="B5723" s="239">
        <v>56.798000000000002</v>
      </c>
      <c r="C5723" s="3">
        <f t="shared" si="1337"/>
        <v>56.791000000000004</v>
      </c>
      <c r="D5723" s="239">
        <v>17.598299999999998</v>
      </c>
      <c r="E5723" s="239">
        <v>7.6799999999999993E-2</v>
      </c>
      <c r="F5723" s="239">
        <v>0.54959999999999998</v>
      </c>
      <c r="G5723">
        <f t="shared" si="1338"/>
        <v>17.708219999999997</v>
      </c>
      <c r="H5723" s="235">
        <f t="shared" si="1339"/>
        <v>0.43369689330717603</v>
      </c>
      <c r="I5723" s="236">
        <f t="shared" si="1340"/>
        <v>19.458275766428184</v>
      </c>
      <c r="J5723" s="237">
        <f t="shared" si="1345"/>
        <v>9.4582757664281836</v>
      </c>
      <c r="K5723" s="237">
        <f t="shared" si="1341"/>
        <v>1105.0549390512231</v>
      </c>
      <c r="L5723" s="237">
        <f t="shared" si="1346"/>
        <v>537.21114698158794</v>
      </c>
      <c r="M5723" s="236">
        <f t="shared" si="1342"/>
        <v>30.906218447320899</v>
      </c>
      <c r="N5723" s="236">
        <f t="shared" si="1343"/>
        <v>0.46256240733663662</v>
      </c>
      <c r="O5723" s="236">
        <f t="shared" si="1347"/>
        <v>2.1688118587089931</v>
      </c>
      <c r="P5723" s="236" t="str">
        <f t="shared" si="1348"/>
        <v>SAND</v>
      </c>
      <c r="Q5723" s="236" t="e">
        <f t="shared" si="1344"/>
        <v>#N/A</v>
      </c>
      <c r="R5723" s="238">
        <v>35</v>
      </c>
      <c r="S5723" s="236" t="e">
        <f t="shared" si="1349"/>
        <v>#N/A</v>
      </c>
      <c r="T5723" s="236">
        <f t="shared" si="1335"/>
        <v>33.990504568888412</v>
      </c>
    </row>
    <row r="5724" spans="1:20" x14ac:dyDescent="0.2">
      <c r="A5724" s="53">
        <f t="shared" si="1336"/>
        <v>5712</v>
      </c>
      <c r="B5724" s="239">
        <v>56.808999999999997</v>
      </c>
      <c r="C5724" s="3">
        <f t="shared" si="1337"/>
        <v>56.802</v>
      </c>
      <c r="D5724" s="239">
        <v>17.512499999999999</v>
      </c>
      <c r="E5724" s="239">
        <v>7.6200000000000004E-2</v>
      </c>
      <c r="F5724" s="239">
        <v>0.54859999999999998</v>
      </c>
      <c r="G5724">
        <f t="shared" si="1338"/>
        <v>17.622219999999999</v>
      </c>
      <c r="H5724" s="235">
        <f t="shared" si="1339"/>
        <v>0.43240862955972631</v>
      </c>
      <c r="I5724" s="236">
        <f t="shared" si="1340"/>
        <v>19.447176033898028</v>
      </c>
      <c r="J5724" s="237">
        <f t="shared" si="1345"/>
        <v>9.4471760338980282</v>
      </c>
      <c r="K5724" s="237">
        <f t="shared" si="1341"/>
        <v>1104.6384930774757</v>
      </c>
      <c r="L5724" s="237">
        <f t="shared" si="1346"/>
        <v>536.68462330971306</v>
      </c>
      <c r="M5724" s="236">
        <f t="shared" si="1342"/>
        <v>30.777072398793994</v>
      </c>
      <c r="N5724" s="236">
        <f t="shared" si="1343"/>
        <v>0.46132661714467443</v>
      </c>
      <c r="O5724" s="236">
        <f t="shared" si="1347"/>
        <v>2.1699986315160706</v>
      </c>
      <c r="P5724" s="236" t="str">
        <f t="shared" si="1348"/>
        <v>SAND</v>
      </c>
      <c r="Q5724" s="236" t="e">
        <f t="shared" si="1344"/>
        <v>#N/A</v>
      </c>
      <c r="R5724" s="238">
        <v>35</v>
      </c>
      <c r="S5724" s="236" t="e">
        <f t="shared" si="1349"/>
        <v>#N/A</v>
      </c>
      <c r="T5724" s="236">
        <f t="shared" si="1335"/>
        <v>33.970500367698129</v>
      </c>
    </row>
    <row r="5725" spans="1:20" x14ac:dyDescent="0.2">
      <c r="A5725" s="53">
        <f t="shared" si="1336"/>
        <v>5713</v>
      </c>
      <c r="B5725" s="239">
        <v>56.82</v>
      </c>
      <c r="C5725" s="3">
        <f t="shared" si="1337"/>
        <v>56.813000000000002</v>
      </c>
      <c r="D5725" s="239">
        <v>17.435400000000001</v>
      </c>
      <c r="E5725" s="239">
        <v>7.4800000000000005E-2</v>
      </c>
      <c r="F5725" s="239">
        <v>0.54749999999999999</v>
      </c>
      <c r="G5725">
        <f t="shared" si="1338"/>
        <v>17.544900000000002</v>
      </c>
      <c r="H5725" s="235">
        <f t="shared" si="1339"/>
        <v>0.42633471835120179</v>
      </c>
      <c r="I5725" s="236">
        <f t="shared" si="1340"/>
        <v>19.423713176120579</v>
      </c>
      <c r="J5725" s="237">
        <f t="shared" si="1345"/>
        <v>9.4237131761205788</v>
      </c>
      <c r="K5725" s="237">
        <f t="shared" si="1341"/>
        <v>1103.5194166749384</v>
      </c>
      <c r="L5725" s="237">
        <f t="shared" si="1346"/>
        <v>535.45538266717131</v>
      </c>
      <c r="M5725" s="236">
        <f t="shared" si="1342"/>
        <v>30.705416577247682</v>
      </c>
      <c r="N5725" s="236">
        <f t="shared" si="1343"/>
        <v>0.45494962920487697</v>
      </c>
      <c r="O5725" s="236">
        <f t="shared" si="1347"/>
        <v>2.1684685757606657</v>
      </c>
      <c r="P5725" s="236" t="str">
        <f t="shared" si="1348"/>
        <v>SAND</v>
      </c>
      <c r="Q5725" s="236" t="e">
        <f t="shared" si="1344"/>
        <v>#N/A</v>
      </c>
      <c r="R5725" s="238">
        <v>35</v>
      </c>
      <c r="S5725" s="236" t="e">
        <f t="shared" si="1349"/>
        <v>#N/A</v>
      </c>
      <c r="T5725" s="236">
        <f t="shared" si="1335"/>
        <v>33.959364931656928</v>
      </c>
    </row>
    <row r="5726" spans="1:20" x14ac:dyDescent="0.2">
      <c r="A5726" s="53">
        <f t="shared" si="1336"/>
        <v>5714</v>
      </c>
      <c r="B5726" s="239">
        <v>56.83</v>
      </c>
      <c r="C5726" s="3">
        <f t="shared" si="1337"/>
        <v>56.823</v>
      </c>
      <c r="D5726" s="239">
        <v>17.377600000000001</v>
      </c>
      <c r="E5726" s="239">
        <v>7.3700000000000002E-2</v>
      </c>
      <c r="F5726" s="239">
        <v>0.54310000000000003</v>
      </c>
      <c r="G5726">
        <f t="shared" si="1338"/>
        <v>17.486219999999999</v>
      </c>
      <c r="H5726" s="235">
        <f t="shared" si="1339"/>
        <v>0.42147473839400401</v>
      </c>
      <c r="I5726" s="236">
        <f t="shared" si="1340"/>
        <v>19.405031615884113</v>
      </c>
      <c r="J5726" s="237">
        <f t="shared" si="1345"/>
        <v>9.4050316158841127</v>
      </c>
      <c r="K5726" s="237">
        <f t="shared" si="1341"/>
        <v>1102.6521115093828</v>
      </c>
      <c r="L5726" s="237">
        <f t="shared" si="1346"/>
        <v>534.48794673069415</v>
      </c>
      <c r="M5726" s="236">
        <f t="shared" si="1342"/>
        <v>30.652829476705872</v>
      </c>
      <c r="N5726" s="236">
        <f t="shared" si="1343"/>
        <v>0.44984096566520115</v>
      </c>
      <c r="O5726" s="236">
        <f t="shared" si="1347"/>
        <v>2.1671688963182829</v>
      </c>
      <c r="P5726" s="236" t="str">
        <f t="shared" si="1348"/>
        <v>SAND</v>
      </c>
      <c r="Q5726" s="236" t="e">
        <f t="shared" si="1344"/>
        <v>#N/A</v>
      </c>
      <c r="R5726" s="238">
        <v>35</v>
      </c>
      <c r="S5726" s="236" t="e">
        <f t="shared" si="1349"/>
        <v>#N/A</v>
      </c>
      <c r="T5726" s="236">
        <f t="shared" si="1335"/>
        <v>33.951176261311957</v>
      </c>
    </row>
    <row r="5727" spans="1:20" x14ac:dyDescent="0.2">
      <c r="A5727" s="53">
        <f t="shared" si="1336"/>
        <v>5715</v>
      </c>
      <c r="B5727" s="239">
        <v>56.84</v>
      </c>
      <c r="C5727" s="3">
        <f t="shared" si="1337"/>
        <v>56.833000000000006</v>
      </c>
      <c r="D5727" s="239">
        <v>17.371300000000002</v>
      </c>
      <c r="E5727" s="239">
        <v>7.1300000000000002E-2</v>
      </c>
      <c r="F5727" s="239">
        <v>0.54110000000000003</v>
      </c>
      <c r="G5727">
        <f t="shared" si="1338"/>
        <v>17.479520000000001</v>
      </c>
      <c r="H5727" s="235">
        <f t="shared" si="1339"/>
        <v>0.40790593792049212</v>
      </c>
      <c r="I5727" s="236">
        <f t="shared" si="1340"/>
        <v>19.366061337167764</v>
      </c>
      <c r="J5727" s="237">
        <f t="shared" si="1345"/>
        <v>9.3660613371677641</v>
      </c>
      <c r="K5727" s="237">
        <f t="shared" si="1341"/>
        <v>1100.6313639752557</v>
      </c>
      <c r="L5727" s="237">
        <f t="shared" si="1346"/>
        <v>532.3669264046157</v>
      </c>
      <c r="M5727" s="236">
        <f t="shared" si="1342"/>
        <v>30.766164883008287</v>
      </c>
      <c r="N5727" s="236">
        <f t="shared" si="1343"/>
        <v>0.43531647100388937</v>
      </c>
      <c r="O5727" s="236">
        <f t="shared" si="1347"/>
        <v>2.1599952298827256</v>
      </c>
      <c r="P5727" s="236" t="str">
        <f t="shared" si="1348"/>
        <v>SAND</v>
      </c>
      <c r="Q5727" s="236" t="e">
        <f t="shared" si="1344"/>
        <v>#N/A</v>
      </c>
      <c r="R5727" s="238">
        <v>35</v>
      </c>
      <c r="S5727" s="236" t="e">
        <f t="shared" si="1349"/>
        <v>#N/A</v>
      </c>
      <c r="T5727" s="236">
        <f t="shared" si="1335"/>
        <v>33.968806995170652</v>
      </c>
    </row>
    <row r="5728" spans="1:20" x14ac:dyDescent="0.2">
      <c r="A5728" s="53">
        <f t="shared" si="1336"/>
        <v>5716</v>
      </c>
      <c r="B5728" s="239">
        <v>56.850999999999999</v>
      </c>
      <c r="C5728" s="3">
        <f t="shared" si="1337"/>
        <v>56.844000000000001</v>
      </c>
      <c r="D5728" s="239">
        <v>17.340800000000002</v>
      </c>
      <c r="E5728" s="239">
        <v>7.0599999999999996E-2</v>
      </c>
      <c r="F5728" s="239">
        <v>0.53849999999999998</v>
      </c>
      <c r="G5728">
        <f t="shared" si="1338"/>
        <v>17.448500000000003</v>
      </c>
      <c r="H5728" s="235">
        <f t="shared" si="1339"/>
        <v>0.40461930824999282</v>
      </c>
      <c r="I5728" s="236">
        <f t="shared" si="1340"/>
        <v>19.35379803523038</v>
      </c>
      <c r="J5728" s="237">
        <f t="shared" si="1345"/>
        <v>9.3537980352303798</v>
      </c>
      <c r="K5728" s="237">
        <f t="shared" si="1341"/>
        <v>1100.1472955146357</v>
      </c>
      <c r="L5728" s="237">
        <f t="shared" si="1346"/>
        <v>531.77277210088232</v>
      </c>
      <c r="M5728" s="236">
        <f t="shared" si="1342"/>
        <v>30.743117290299946</v>
      </c>
      <c r="N5728" s="236">
        <f t="shared" si="1343"/>
        <v>0.43184779088250302</v>
      </c>
      <c r="O5728" s="236">
        <f t="shared" si="1347"/>
        <v>2.1589150030503363</v>
      </c>
      <c r="P5728" s="236" t="str">
        <f t="shared" si="1348"/>
        <v>SAND</v>
      </c>
      <c r="Q5728" s="236" t="e">
        <f t="shared" si="1344"/>
        <v>#N/A</v>
      </c>
      <c r="R5728" s="238">
        <v>35</v>
      </c>
      <c r="S5728" s="236" t="e">
        <f t="shared" si="1349"/>
        <v>#N/A</v>
      </c>
      <c r="T5728" s="236">
        <f t="shared" si="1335"/>
        <v>33.965226921824289</v>
      </c>
    </row>
    <row r="5729" spans="1:20" x14ac:dyDescent="0.2">
      <c r="A5729" s="53">
        <f t="shared" si="1336"/>
        <v>5717</v>
      </c>
      <c r="B5729" s="239">
        <v>56.860999999999997</v>
      </c>
      <c r="C5729" s="3">
        <f t="shared" si="1337"/>
        <v>56.853999999999999</v>
      </c>
      <c r="D5729" s="239">
        <v>17.3992</v>
      </c>
      <c r="E5729" s="239">
        <v>6.9500000000000006E-2</v>
      </c>
      <c r="F5729" s="239">
        <v>0.54</v>
      </c>
      <c r="G5729">
        <f t="shared" si="1338"/>
        <v>17.507200000000001</v>
      </c>
      <c r="H5729" s="235">
        <f t="shared" si="1339"/>
        <v>0.39697952842259188</v>
      </c>
      <c r="I5729" s="236">
        <f t="shared" si="1340"/>
        <v>19.33669705056343</v>
      </c>
      <c r="J5729" s="237">
        <f t="shared" si="1345"/>
        <v>9.3366970505634299</v>
      </c>
      <c r="K5729" s="237">
        <f t="shared" si="1341"/>
        <v>1099.3685741127333</v>
      </c>
      <c r="L5729" s="237">
        <f t="shared" si="1346"/>
        <v>530.89393099208712</v>
      </c>
      <c r="M5729" s="236">
        <f t="shared" si="1342"/>
        <v>30.906044443238933</v>
      </c>
      <c r="N5729" s="236">
        <f t="shared" si="1343"/>
        <v>0.42357821820589386</v>
      </c>
      <c r="O5729" s="236">
        <f t="shared" si="1347"/>
        <v>2.1534912572339859</v>
      </c>
      <c r="P5729" s="236" t="str">
        <f t="shared" si="1348"/>
        <v>SAND</v>
      </c>
      <c r="Q5729" s="236" t="e">
        <f t="shared" si="1344"/>
        <v>#N/A</v>
      </c>
      <c r="R5729" s="238">
        <v>35</v>
      </c>
      <c r="S5729" s="236" t="e">
        <f t="shared" si="1349"/>
        <v>#N/A</v>
      </c>
      <c r="T5729" s="236">
        <f t="shared" si="1335"/>
        <v>33.990477672635144</v>
      </c>
    </row>
    <row r="5730" spans="1:20" x14ac:dyDescent="0.2">
      <c r="A5730" s="53">
        <f t="shared" si="1336"/>
        <v>5718</v>
      </c>
      <c r="B5730" s="239">
        <v>56.872</v>
      </c>
      <c r="C5730" s="3">
        <f t="shared" si="1337"/>
        <v>56.865000000000002</v>
      </c>
      <c r="D5730" s="239">
        <v>17.387899999999998</v>
      </c>
      <c r="E5730" s="239">
        <v>6.9800000000000001E-2</v>
      </c>
      <c r="F5730" s="239">
        <v>0.53459999999999996</v>
      </c>
      <c r="G5730">
        <f t="shared" si="1338"/>
        <v>17.494819999999997</v>
      </c>
      <c r="H5730" s="235">
        <f t="shared" si="1339"/>
        <v>0.39897523952804326</v>
      </c>
      <c r="I5730" s="236">
        <f t="shared" si="1340"/>
        <v>19.341471226106311</v>
      </c>
      <c r="J5730" s="237">
        <f t="shared" si="1345"/>
        <v>9.3414712261063109</v>
      </c>
      <c r="K5730" s="237">
        <f t="shared" si="1341"/>
        <v>1099.8527612725354</v>
      </c>
      <c r="L5730" s="237">
        <f t="shared" si="1346"/>
        <v>531.2681515711181</v>
      </c>
      <c r="M5730" s="236">
        <f t="shared" si="1342"/>
        <v>30.860060386158409</v>
      </c>
      <c r="N5730" s="236">
        <f t="shared" si="1343"/>
        <v>0.42574040547712433</v>
      </c>
      <c r="O5730" s="236">
        <f t="shared" si="1347"/>
        <v>2.154956184677018</v>
      </c>
      <c r="P5730" s="236" t="str">
        <f t="shared" si="1348"/>
        <v>SAND</v>
      </c>
      <c r="Q5730" s="236" t="e">
        <f t="shared" si="1344"/>
        <v>#N/A</v>
      </c>
      <c r="R5730" s="238">
        <v>35</v>
      </c>
      <c r="S5730" s="236" t="e">
        <f t="shared" si="1349"/>
        <v>#N/A</v>
      </c>
      <c r="T5730" s="236">
        <f t="shared" si="1335"/>
        <v>33.983364486984392</v>
      </c>
    </row>
    <row r="5731" spans="1:20" x14ac:dyDescent="0.2">
      <c r="A5731" s="53">
        <f t="shared" si="1336"/>
        <v>5719</v>
      </c>
      <c r="B5731" s="239">
        <v>56.881</v>
      </c>
      <c r="C5731" s="3">
        <f t="shared" si="1337"/>
        <v>56.874000000000002</v>
      </c>
      <c r="D5731" s="239">
        <v>17.465699999999998</v>
      </c>
      <c r="E5731" s="239">
        <v>6.9599999999999995E-2</v>
      </c>
      <c r="F5731" s="239">
        <v>0.52090000000000003</v>
      </c>
      <c r="G5731">
        <f t="shared" si="1338"/>
        <v>17.569879999999998</v>
      </c>
      <c r="H5731" s="235">
        <f t="shared" si="1339"/>
        <v>0.39613247216258735</v>
      </c>
      <c r="I5731" s="236">
        <f t="shared" si="1340"/>
        <v>19.339779917128435</v>
      </c>
      <c r="J5731" s="237">
        <f t="shared" si="1345"/>
        <v>9.3397799171284355</v>
      </c>
      <c r="K5731" s="237">
        <f t="shared" si="1341"/>
        <v>1099.9306430067627</v>
      </c>
      <c r="L5731" s="237">
        <f t="shared" si="1346"/>
        <v>531.25602146618257</v>
      </c>
      <c r="M5731" s="236">
        <f t="shared" si="1342"/>
        <v>31.001906221295677</v>
      </c>
      <c r="N5731" s="236">
        <f t="shared" si="1343"/>
        <v>0.42258782034716724</v>
      </c>
      <c r="O5731" s="236">
        <f t="shared" si="1347"/>
        <v>2.1518548744545756</v>
      </c>
      <c r="P5731" s="236" t="str">
        <f t="shared" si="1348"/>
        <v>SAND</v>
      </c>
      <c r="Q5731" s="236" t="e">
        <f t="shared" si="1344"/>
        <v>#N/A</v>
      </c>
      <c r="R5731" s="238">
        <v>35</v>
      </c>
      <c r="S5731" s="236" t="e">
        <f t="shared" si="1349"/>
        <v>#N/A</v>
      </c>
      <c r="T5731" s="236">
        <f t="shared" si="1335"/>
        <v>34.005272380413075</v>
      </c>
    </row>
    <row r="5732" spans="1:20" x14ac:dyDescent="0.2">
      <c r="A5732" s="53">
        <f t="shared" si="1336"/>
        <v>5720</v>
      </c>
      <c r="B5732" s="239">
        <v>56.892000000000003</v>
      </c>
      <c r="C5732" s="3">
        <f t="shared" si="1337"/>
        <v>56.885000000000005</v>
      </c>
      <c r="D5732" s="239">
        <v>17.466000000000001</v>
      </c>
      <c r="E5732" s="239">
        <v>6.8400000000000002E-2</v>
      </c>
      <c r="F5732" s="239">
        <v>0.5222</v>
      </c>
      <c r="G5732">
        <f t="shared" si="1338"/>
        <v>17.570440000000001</v>
      </c>
      <c r="H5732" s="235">
        <f t="shared" si="1339"/>
        <v>0.3892901942125524</v>
      </c>
      <c r="I5732" s="236">
        <f t="shared" si="1340"/>
        <v>19.319398902560469</v>
      </c>
      <c r="J5732" s="237">
        <f t="shared" si="1345"/>
        <v>9.3193989025604687</v>
      </c>
      <c r="K5732" s="237">
        <f t="shared" si="1341"/>
        <v>1098.9840065721523</v>
      </c>
      <c r="L5732" s="237">
        <f t="shared" si="1346"/>
        <v>530.19924236447025</v>
      </c>
      <c r="M5732" s="236">
        <f t="shared" si="1342"/>
        <v>31.066540042516738</v>
      </c>
      <c r="N5732" s="236">
        <f t="shared" si="1343"/>
        <v>0.41526383597959865</v>
      </c>
      <c r="O5732" s="236">
        <f t="shared" si="1347"/>
        <v>2.148048588517117</v>
      </c>
      <c r="P5732" s="236" t="str">
        <f t="shared" si="1348"/>
        <v>SAND</v>
      </c>
      <c r="Q5732" s="236" t="e">
        <f t="shared" si="1344"/>
        <v>#N/A</v>
      </c>
      <c r="R5732" s="238">
        <v>35</v>
      </c>
      <c r="S5732" s="236" t="e">
        <f t="shared" si="1349"/>
        <v>#N/A</v>
      </c>
      <c r="T5732" s="236">
        <f t="shared" si="1335"/>
        <v>34.015221762461465</v>
      </c>
    </row>
    <row r="5733" spans="1:20" x14ac:dyDescent="0.2">
      <c r="A5733" s="53">
        <f t="shared" si="1336"/>
        <v>5721</v>
      </c>
      <c r="B5733" s="239">
        <v>56.902000000000001</v>
      </c>
      <c r="C5733" s="3">
        <f t="shared" si="1337"/>
        <v>56.895000000000003</v>
      </c>
      <c r="D5733" s="239">
        <v>17.5733</v>
      </c>
      <c r="E5733" s="239">
        <v>6.7500000000000004E-2</v>
      </c>
      <c r="F5733" s="239">
        <v>0.53349999999999997</v>
      </c>
      <c r="G5733">
        <f t="shared" si="1338"/>
        <v>17.68</v>
      </c>
      <c r="H5733" s="235">
        <f t="shared" si="1339"/>
        <v>0.38178733031674211</v>
      </c>
      <c r="I5733" s="236">
        <f t="shared" si="1340"/>
        <v>19.3062972756356</v>
      </c>
      <c r="J5733" s="237">
        <f t="shared" si="1345"/>
        <v>9.3062972756356004</v>
      </c>
      <c r="K5733" s="237">
        <f t="shared" si="1341"/>
        <v>1098.4317834972876</v>
      </c>
      <c r="L5733" s="237">
        <f t="shared" si="1346"/>
        <v>529.54692757821692</v>
      </c>
      <c r="M5733" s="236">
        <f t="shared" si="1342"/>
        <v>31.312745581086443</v>
      </c>
      <c r="N5733" s="236">
        <f t="shared" si="1343"/>
        <v>0.40707850499219367</v>
      </c>
      <c r="O5733" s="236">
        <f t="shared" si="1347"/>
        <v>2.1415281570533748</v>
      </c>
      <c r="P5733" s="236" t="str">
        <f t="shared" si="1348"/>
        <v>SAND</v>
      </c>
      <c r="Q5733" s="236" t="e">
        <f t="shared" si="1344"/>
        <v>#N/A</v>
      </c>
      <c r="R5733" s="238">
        <v>35</v>
      </c>
      <c r="S5733" s="236" t="e">
        <f t="shared" si="1349"/>
        <v>#N/A</v>
      </c>
      <c r="T5733" s="236">
        <f t="shared" si="1335"/>
        <v>34.052932642630466</v>
      </c>
    </row>
    <row r="5734" spans="1:20" x14ac:dyDescent="0.2">
      <c r="A5734" s="53">
        <f t="shared" si="1336"/>
        <v>5722</v>
      </c>
      <c r="B5734" s="239">
        <v>56.912999999999997</v>
      </c>
      <c r="C5734" s="3">
        <f t="shared" si="1337"/>
        <v>56.905999999999999</v>
      </c>
      <c r="D5734" s="239">
        <v>17.688300000000002</v>
      </c>
      <c r="E5734" s="239">
        <v>6.8199999999999997E-2</v>
      </c>
      <c r="F5734" s="239">
        <v>0.53339999999999999</v>
      </c>
      <c r="G5734">
        <f t="shared" si="1338"/>
        <v>17.794980000000002</v>
      </c>
      <c r="H5734" s="235">
        <f t="shared" si="1339"/>
        <v>0.38325415369952642</v>
      </c>
      <c r="I5734" s="236">
        <f t="shared" si="1340"/>
        <v>19.320928619763016</v>
      </c>
      <c r="J5734" s="237">
        <f t="shared" si="1345"/>
        <v>9.3209286197630163</v>
      </c>
      <c r="K5734" s="237">
        <f t="shared" si="1341"/>
        <v>1099.4767640362343</v>
      </c>
      <c r="L5734" s="237">
        <f t="shared" si="1346"/>
        <v>530.48201053657249</v>
      </c>
      <c r="M5734" s="236">
        <f t="shared" si="1342"/>
        <v>31.47232687320836</v>
      </c>
      <c r="N5734" s="236">
        <f t="shared" si="1343"/>
        <v>0.40849322740443328</v>
      </c>
      <c r="O5734" s="236">
        <f t="shared" si="1347"/>
        <v>2.1400777743937689</v>
      </c>
      <c r="P5734" s="236" t="str">
        <f t="shared" si="1348"/>
        <v>SAND</v>
      </c>
      <c r="Q5734" s="236" t="e">
        <f t="shared" si="1344"/>
        <v>#N/A</v>
      </c>
      <c r="R5734" s="238">
        <v>35</v>
      </c>
      <c r="S5734" s="236" t="e">
        <f t="shared" si="1349"/>
        <v>#N/A</v>
      </c>
      <c r="T5734" s="236">
        <f t="shared" si="1335"/>
        <v>34.077217385239045</v>
      </c>
    </row>
    <row r="5735" spans="1:20" x14ac:dyDescent="0.2">
      <c r="A5735" s="53">
        <f t="shared" si="1336"/>
        <v>5723</v>
      </c>
      <c r="B5735" s="239">
        <v>56.923000000000002</v>
      </c>
      <c r="C5735" s="3">
        <f t="shared" si="1337"/>
        <v>56.916000000000004</v>
      </c>
      <c r="D5735" s="239">
        <v>17.862300000000001</v>
      </c>
      <c r="E5735" s="239">
        <v>6.7599999999999993E-2</v>
      </c>
      <c r="F5735" s="239">
        <v>0.52839999999999998</v>
      </c>
      <c r="G5735">
        <f t="shared" si="1338"/>
        <v>17.967980000000001</v>
      </c>
      <c r="H5735" s="235">
        <f t="shared" si="1339"/>
        <v>0.37622481770349253</v>
      </c>
      <c r="I5735" s="236">
        <f t="shared" si="1340"/>
        <v>19.31434846338237</v>
      </c>
      <c r="J5735" s="237">
        <f t="shared" si="1345"/>
        <v>9.3143484633823697</v>
      </c>
      <c r="K5735" s="237">
        <f t="shared" si="1341"/>
        <v>1099.2954571418711</v>
      </c>
      <c r="L5735" s="237">
        <f t="shared" si="1346"/>
        <v>530.20065758111468</v>
      </c>
      <c r="M5735" s="236">
        <f t="shared" si="1342"/>
        <v>31.81566130041514</v>
      </c>
      <c r="N5735" s="236">
        <f t="shared" si="1343"/>
        <v>0.40074257022383231</v>
      </c>
      <c r="O5735" s="236">
        <f t="shared" si="1347"/>
        <v>2.1325124173939702</v>
      </c>
      <c r="P5735" s="236" t="str">
        <f t="shared" si="1348"/>
        <v>SAND</v>
      </c>
      <c r="Q5735" s="236" t="e">
        <f t="shared" si="1344"/>
        <v>#N/A</v>
      </c>
      <c r="R5735" s="238">
        <v>35</v>
      </c>
      <c r="S5735" s="236" t="e">
        <f t="shared" si="1349"/>
        <v>#N/A</v>
      </c>
      <c r="T5735" s="236">
        <f t="shared" si="1335"/>
        <v>34.1290505010316</v>
      </c>
    </row>
    <row r="5736" spans="1:20" x14ac:dyDescent="0.2">
      <c r="A5736" s="53">
        <f t="shared" si="1336"/>
        <v>5724</v>
      </c>
      <c r="B5736" s="239">
        <v>56.933</v>
      </c>
      <c r="C5736" s="3">
        <f t="shared" si="1337"/>
        <v>56.926000000000002</v>
      </c>
      <c r="D5736" s="239">
        <v>17.920300000000001</v>
      </c>
      <c r="E5736" s="239">
        <v>6.6400000000000001E-2</v>
      </c>
      <c r="F5736" s="239">
        <v>0.52090000000000003</v>
      </c>
      <c r="G5736">
        <f t="shared" si="1338"/>
        <v>18.024480000000001</v>
      </c>
      <c r="H5736" s="235">
        <f t="shared" si="1339"/>
        <v>0.36838788137022538</v>
      </c>
      <c r="I5736" s="236">
        <f t="shared" si="1340"/>
        <v>19.294573338570377</v>
      </c>
      <c r="J5736" s="237">
        <f t="shared" si="1345"/>
        <v>9.2945733385703768</v>
      </c>
      <c r="K5736" s="237">
        <f t="shared" si="1341"/>
        <v>1098.3628818714574</v>
      </c>
      <c r="L5736" s="237">
        <f t="shared" si="1346"/>
        <v>529.16794388482731</v>
      </c>
      <c r="M5736" s="236">
        <f t="shared" si="1342"/>
        <v>31.986285854481935</v>
      </c>
      <c r="N5736" s="236">
        <f t="shared" si="1343"/>
        <v>0.39229316172510098</v>
      </c>
      <c r="O5736" s="236">
        <f t="shared" si="1347"/>
        <v>2.126812084889476</v>
      </c>
      <c r="P5736" s="236" t="str">
        <f t="shared" si="1348"/>
        <v>SAND</v>
      </c>
      <c r="Q5736" s="236" t="e">
        <f t="shared" si="1344"/>
        <v>#N/A</v>
      </c>
      <c r="R5736" s="238">
        <v>35</v>
      </c>
      <c r="S5736" s="236" t="e">
        <f t="shared" si="1349"/>
        <v>#N/A</v>
      </c>
      <c r="T5736" s="236">
        <f t="shared" si="1335"/>
        <v>34.154601955334378</v>
      </c>
    </row>
    <row r="5737" spans="1:20" x14ac:dyDescent="0.2">
      <c r="A5737" s="53">
        <f t="shared" si="1336"/>
        <v>5725</v>
      </c>
      <c r="B5737" s="239">
        <v>56.942999999999998</v>
      </c>
      <c r="C5737" s="3">
        <f t="shared" si="1337"/>
        <v>56.936</v>
      </c>
      <c r="D5737" s="239">
        <v>17.966200000000001</v>
      </c>
      <c r="E5737" s="239">
        <v>6.2899999999999998E-2</v>
      </c>
      <c r="F5737" s="239">
        <v>0.51639999999999997</v>
      </c>
      <c r="G5737">
        <f t="shared" si="1338"/>
        <v>18.069480000000002</v>
      </c>
      <c r="H5737" s="235">
        <f t="shared" si="1339"/>
        <v>0.34810077545120277</v>
      </c>
      <c r="I5737" s="236">
        <f t="shared" si="1340"/>
        <v>19.232050886313068</v>
      </c>
      <c r="J5737" s="237">
        <f t="shared" si="1345"/>
        <v>9.2320508863130684</v>
      </c>
      <c r="K5737" s="237">
        <f t="shared" si="1341"/>
        <v>1094.9960492631208</v>
      </c>
      <c r="L5737" s="237">
        <f t="shared" si="1346"/>
        <v>525.70067361932502</v>
      </c>
      <c r="M5737" s="236">
        <f t="shared" si="1342"/>
        <v>32.289256610366444</v>
      </c>
      <c r="N5737" s="236">
        <f t="shared" si="1343"/>
        <v>0.37055618410873359</v>
      </c>
      <c r="O5737" s="236">
        <f t="shared" si="1347"/>
        <v>2.1136660289224585</v>
      </c>
      <c r="P5737" s="236" t="str">
        <f t="shared" si="1348"/>
        <v>SAND</v>
      </c>
      <c r="Q5737" s="236" t="e">
        <f t="shared" si="1344"/>
        <v>#N/A</v>
      </c>
      <c r="R5737" s="238">
        <v>35</v>
      </c>
      <c r="S5737" s="236" t="e">
        <f t="shared" si="1349"/>
        <v>#N/A</v>
      </c>
      <c r="T5737" s="236">
        <f t="shared" si="1335"/>
        <v>34.1996385109505</v>
      </c>
    </row>
    <row r="5738" spans="1:20" x14ac:dyDescent="0.2">
      <c r="A5738" s="53">
        <f t="shared" si="1336"/>
        <v>5726</v>
      </c>
      <c r="B5738" s="239">
        <v>56.953000000000003</v>
      </c>
      <c r="C5738" s="3">
        <f t="shared" si="1337"/>
        <v>56.946000000000005</v>
      </c>
      <c r="D5738" s="239">
        <v>18.020099999999999</v>
      </c>
      <c r="E5738" s="239">
        <v>6.2100000000000002E-2</v>
      </c>
      <c r="F5738" s="239">
        <v>0.51380000000000003</v>
      </c>
      <c r="G5738">
        <f t="shared" si="1338"/>
        <v>18.122859999999999</v>
      </c>
      <c r="H5738" s="235">
        <f t="shared" si="1339"/>
        <v>0.34266114730235736</v>
      </c>
      <c r="I5738" s="236">
        <f t="shared" si="1340"/>
        <v>19.218194436823197</v>
      </c>
      <c r="J5738" s="237">
        <f t="shared" si="1345"/>
        <v>9.2181944368231967</v>
      </c>
      <c r="K5738" s="237">
        <f t="shared" si="1341"/>
        <v>1094.3993003993339</v>
      </c>
      <c r="L5738" s="237">
        <f t="shared" si="1346"/>
        <v>525.00382776039157</v>
      </c>
      <c r="M5738" s="236">
        <f t="shared" si="1342"/>
        <v>32.434926755186147</v>
      </c>
      <c r="N5738" s="236">
        <f t="shared" si="1343"/>
        <v>0.36468357942333746</v>
      </c>
      <c r="O5738" s="236">
        <f t="shared" si="1347"/>
        <v>2.109270805557645</v>
      </c>
      <c r="P5738" s="236" t="str">
        <f t="shared" si="1348"/>
        <v>SAND</v>
      </c>
      <c r="Q5738" s="236" t="e">
        <f t="shared" si="1344"/>
        <v>#N/A</v>
      </c>
      <c r="R5738" s="238">
        <v>35</v>
      </c>
      <c r="S5738" s="236" t="e">
        <f t="shared" si="1349"/>
        <v>#N/A</v>
      </c>
      <c r="T5738" s="236">
        <f t="shared" si="1335"/>
        <v>34.221142136940472</v>
      </c>
    </row>
    <row r="5739" spans="1:20" x14ac:dyDescent="0.2">
      <c r="A5739" s="53">
        <f t="shared" si="1336"/>
        <v>5727</v>
      </c>
      <c r="B5739" s="239">
        <v>56.963999999999999</v>
      </c>
      <c r="C5739" s="3">
        <f t="shared" si="1337"/>
        <v>56.957000000000001</v>
      </c>
      <c r="D5739" s="239">
        <v>18.008600000000001</v>
      </c>
      <c r="E5739" s="239">
        <v>6.0600000000000001E-2</v>
      </c>
      <c r="F5739" s="239">
        <v>0.51659999999999995</v>
      </c>
      <c r="G5739">
        <f t="shared" si="1338"/>
        <v>18.111920000000001</v>
      </c>
      <c r="H5739" s="235">
        <f t="shared" si="1339"/>
        <v>0.33458628350831937</v>
      </c>
      <c r="I5739" s="236">
        <f t="shared" si="1340"/>
        <v>19.189287181749343</v>
      </c>
      <c r="J5739" s="237">
        <f t="shared" si="1345"/>
        <v>9.1892871817493429</v>
      </c>
      <c r="K5739" s="237">
        <f t="shared" si="1341"/>
        <v>1092.9642300108974</v>
      </c>
      <c r="L5739" s="237">
        <f t="shared" si="1346"/>
        <v>523.45855502116956</v>
      </c>
      <c r="M5739" s="236">
        <f t="shared" si="1342"/>
        <v>32.512518148262622</v>
      </c>
      <c r="N5739" s="236">
        <f t="shared" si="1343"/>
        <v>0.3560735500991245</v>
      </c>
      <c r="O5739" s="236">
        <f t="shared" si="1347"/>
        <v>2.1044807802019379</v>
      </c>
      <c r="P5739" s="236" t="str">
        <f t="shared" si="1348"/>
        <v>SAND</v>
      </c>
      <c r="Q5739" s="236" t="e">
        <f t="shared" si="1344"/>
        <v>#N/A</v>
      </c>
      <c r="R5739" s="238">
        <v>35</v>
      </c>
      <c r="S5739" s="236" t="e">
        <f t="shared" si="1349"/>
        <v>#N/A</v>
      </c>
      <c r="T5739" s="236">
        <f t="shared" si="1335"/>
        <v>34.23255668386588</v>
      </c>
    </row>
    <row r="5740" spans="1:20" x14ac:dyDescent="0.2">
      <c r="A5740" s="53">
        <f t="shared" si="1336"/>
        <v>5728</v>
      </c>
      <c r="B5740" s="239">
        <v>56.973999999999997</v>
      </c>
      <c r="C5740" s="3">
        <f t="shared" si="1337"/>
        <v>56.966999999999999</v>
      </c>
      <c r="D5740" s="239">
        <v>18.0731</v>
      </c>
      <c r="E5740" s="239">
        <v>6.08E-2</v>
      </c>
      <c r="F5740" s="239">
        <v>0.51429999999999998</v>
      </c>
      <c r="G5740">
        <f t="shared" si="1338"/>
        <v>18.17596</v>
      </c>
      <c r="H5740" s="235">
        <f t="shared" si="1339"/>
        <v>0.33450777840620244</v>
      </c>
      <c r="I5740" s="236">
        <f t="shared" si="1340"/>
        <v>19.194530340867427</v>
      </c>
      <c r="J5740" s="237">
        <f t="shared" si="1345"/>
        <v>9.194530340867427</v>
      </c>
      <c r="K5740" s="237">
        <f t="shared" si="1341"/>
        <v>1093.4548099281947</v>
      </c>
      <c r="L5740" s="237">
        <f t="shared" si="1346"/>
        <v>523.84917164058072</v>
      </c>
      <c r="M5740" s="236">
        <f t="shared" si="1342"/>
        <v>32.609587100373076</v>
      </c>
      <c r="N5740" s="236">
        <f t="shared" si="1343"/>
        <v>0.35591969282899094</v>
      </c>
      <c r="O5740" s="236">
        <f t="shared" si="1347"/>
        <v>2.1032074436934494</v>
      </c>
      <c r="P5740" s="236" t="str">
        <f t="shared" si="1348"/>
        <v>SAND</v>
      </c>
      <c r="Q5740" s="236" t="e">
        <f t="shared" si="1344"/>
        <v>#N/A</v>
      </c>
      <c r="R5740" s="238">
        <v>35</v>
      </c>
      <c r="S5740" s="236" t="e">
        <f t="shared" si="1349"/>
        <v>#N/A</v>
      </c>
      <c r="T5740" s="236">
        <f t="shared" si="1335"/>
        <v>34.246798298278804</v>
      </c>
    </row>
    <row r="5741" spans="1:20" x14ac:dyDescent="0.2">
      <c r="A5741" s="53">
        <f t="shared" si="1336"/>
        <v>5729</v>
      </c>
      <c r="B5741" s="239">
        <v>56.982999999999997</v>
      </c>
      <c r="C5741" s="3">
        <f t="shared" si="1337"/>
        <v>56.975999999999999</v>
      </c>
      <c r="D5741" s="239">
        <v>18.142900000000001</v>
      </c>
      <c r="E5741" s="239">
        <v>6.0900000000000003E-2</v>
      </c>
      <c r="F5741" s="239">
        <v>0.50529999999999997</v>
      </c>
      <c r="G5741">
        <f t="shared" si="1338"/>
        <v>18.243960000000001</v>
      </c>
      <c r="H5741" s="235">
        <f t="shared" si="1339"/>
        <v>0.33380910723329804</v>
      </c>
      <c r="I5741" s="236">
        <f t="shared" si="1340"/>
        <v>19.197916944730093</v>
      </c>
      <c r="J5741" s="237">
        <f t="shared" si="1345"/>
        <v>9.1979169447300926</v>
      </c>
      <c r="K5741" s="237">
        <f t="shared" si="1341"/>
        <v>1093.8205158429416</v>
      </c>
      <c r="L5741" s="237">
        <f t="shared" si="1346"/>
        <v>524.12490126155478</v>
      </c>
      <c r="M5741" s="236">
        <f t="shared" si="1342"/>
        <v>32.721474295300851</v>
      </c>
      <c r="N5741" s="236">
        <f t="shared" si="1343"/>
        <v>0.35509915272851367</v>
      </c>
      <c r="O5741" s="236">
        <f t="shared" si="1347"/>
        <v>2.1014559466067855</v>
      </c>
      <c r="P5741" s="236" t="str">
        <f t="shared" si="1348"/>
        <v>SAND</v>
      </c>
      <c r="Q5741" s="236" t="e">
        <f t="shared" si="1344"/>
        <v>#N/A</v>
      </c>
      <c r="R5741" s="238">
        <v>35</v>
      </c>
      <c r="S5741" s="236" t="e">
        <f t="shared" si="1349"/>
        <v>#N/A</v>
      </c>
      <c r="T5741" s="236">
        <f t="shared" si="1335"/>
        <v>34.26316149263225</v>
      </c>
    </row>
    <row r="5742" spans="1:20" x14ac:dyDescent="0.2">
      <c r="A5742" s="53">
        <f t="shared" si="1336"/>
        <v>5730</v>
      </c>
      <c r="B5742" s="239">
        <v>56.994</v>
      </c>
      <c r="C5742" s="3">
        <f t="shared" si="1337"/>
        <v>56.987000000000002</v>
      </c>
      <c r="D5742" s="239">
        <v>18.203199999999999</v>
      </c>
      <c r="E5742" s="239">
        <v>6.1499999999999999E-2</v>
      </c>
      <c r="F5742" s="239">
        <v>0.49880000000000002</v>
      </c>
      <c r="G5742">
        <f t="shared" si="1338"/>
        <v>18.302959999999999</v>
      </c>
      <c r="H5742" s="235">
        <f t="shared" si="1339"/>
        <v>0.33601122441397457</v>
      </c>
      <c r="I5742" s="236">
        <f t="shared" si="1340"/>
        <v>19.210675064506255</v>
      </c>
      <c r="J5742" s="237">
        <f t="shared" si="1345"/>
        <v>9.2106750645062547</v>
      </c>
      <c r="K5742" s="237">
        <f t="shared" si="1341"/>
        <v>1094.7587399010179</v>
      </c>
      <c r="L5742" s="237">
        <f t="shared" si="1346"/>
        <v>524.9532146264695</v>
      </c>
      <c r="M5742" s="236">
        <f t="shared" si="1342"/>
        <v>32.780447439194134</v>
      </c>
      <c r="N5742" s="236">
        <f t="shared" si="1343"/>
        <v>0.35738773082926079</v>
      </c>
      <c r="O5742" s="236">
        <f t="shared" si="1347"/>
        <v>2.1017531038705282</v>
      </c>
      <c r="P5742" s="236" t="str">
        <f t="shared" si="1348"/>
        <v>SAND</v>
      </c>
      <c r="Q5742" s="236" t="e">
        <f t="shared" si="1344"/>
        <v>#N/A</v>
      </c>
      <c r="R5742" s="238">
        <v>35</v>
      </c>
      <c r="S5742" s="236" t="e">
        <f t="shared" si="1349"/>
        <v>#N/A</v>
      </c>
      <c r="T5742" s="236">
        <f t="shared" si="1335"/>
        <v>34.271763649313115</v>
      </c>
    </row>
    <row r="5743" spans="1:20" x14ac:dyDescent="0.2">
      <c r="A5743" s="53">
        <f t="shared" si="1336"/>
        <v>5731</v>
      </c>
      <c r="B5743" s="239">
        <v>57.003999999999998</v>
      </c>
      <c r="C5743" s="3">
        <f t="shared" si="1337"/>
        <v>56.997</v>
      </c>
      <c r="D5743" s="239">
        <v>18.212900000000001</v>
      </c>
      <c r="E5743" s="239">
        <v>6.2199999999999998E-2</v>
      </c>
      <c r="F5743" s="239">
        <v>0.51300000000000001</v>
      </c>
      <c r="G5743">
        <f t="shared" si="1338"/>
        <v>18.3155</v>
      </c>
      <c r="H5743" s="235">
        <f t="shared" si="1339"/>
        <v>0.33960306843929999</v>
      </c>
      <c r="I5743" s="236">
        <f t="shared" si="1340"/>
        <v>19.224213994228641</v>
      </c>
      <c r="J5743" s="237">
        <f t="shared" si="1345"/>
        <v>9.2242139942286414</v>
      </c>
      <c r="K5743" s="237">
        <f t="shared" si="1341"/>
        <v>1095.7225250290498</v>
      </c>
      <c r="L5743" s="237">
        <f t="shared" si="1346"/>
        <v>525.81709452700943</v>
      </c>
      <c r="M5743" s="236">
        <f t="shared" si="1342"/>
        <v>32.748607175772278</v>
      </c>
      <c r="N5743" s="236">
        <f t="shared" si="1343"/>
        <v>0.36121256555381204</v>
      </c>
      <c r="O5743" s="236">
        <f t="shared" si="1347"/>
        <v>2.1038503053647197</v>
      </c>
      <c r="P5743" s="236" t="str">
        <f t="shared" si="1348"/>
        <v>SAND</v>
      </c>
      <c r="Q5743" s="236" t="e">
        <f t="shared" si="1344"/>
        <v>#N/A</v>
      </c>
      <c r="R5743" s="238">
        <v>35</v>
      </c>
      <c r="S5743" s="236" t="e">
        <f t="shared" si="1349"/>
        <v>#N/A</v>
      </c>
      <c r="T5743" s="236">
        <f t="shared" si="1335"/>
        <v>34.26712117215132</v>
      </c>
    </row>
    <row r="5744" spans="1:20" x14ac:dyDescent="0.2">
      <c r="A5744" s="53">
        <f t="shared" si="1336"/>
        <v>5732</v>
      </c>
      <c r="B5744" s="239">
        <v>57.014000000000003</v>
      </c>
      <c r="C5744" s="3">
        <f t="shared" si="1337"/>
        <v>57.007000000000005</v>
      </c>
      <c r="D5744" s="239">
        <v>18.202999999999999</v>
      </c>
      <c r="E5744" s="239">
        <v>6.2100000000000002E-2</v>
      </c>
      <c r="F5744" s="239">
        <v>0.51680000000000004</v>
      </c>
      <c r="G5744">
        <f t="shared" si="1338"/>
        <v>18.306359999999998</v>
      </c>
      <c r="H5744" s="235">
        <f t="shared" si="1339"/>
        <v>0.33922636722974969</v>
      </c>
      <c r="I5744" s="236">
        <f t="shared" si="1340"/>
        <v>19.222132173635117</v>
      </c>
      <c r="J5744" s="237">
        <f t="shared" si="1345"/>
        <v>9.2221321736351172</v>
      </c>
      <c r="K5744" s="237">
        <f t="shared" si="1341"/>
        <v>1095.7960888224172</v>
      </c>
      <c r="L5744" s="237">
        <f t="shared" si="1346"/>
        <v>525.79064374763254</v>
      </c>
      <c r="M5744" s="236">
        <f t="shared" si="1342"/>
        <v>32.732731393824977</v>
      </c>
      <c r="N5744" s="236">
        <f t="shared" si="1343"/>
        <v>0.36082489987250516</v>
      </c>
      <c r="O5744" s="236">
        <f t="shared" si="1347"/>
        <v>2.1038736331836336</v>
      </c>
      <c r="P5744" s="236" t="str">
        <f t="shared" si="1348"/>
        <v>SAND</v>
      </c>
      <c r="Q5744" s="236" t="e">
        <f t="shared" si="1344"/>
        <v>#N/A</v>
      </c>
      <c r="R5744" s="238">
        <v>35</v>
      </c>
      <c r="S5744" s="236" t="e">
        <f t="shared" si="1349"/>
        <v>#N/A</v>
      </c>
      <c r="T5744" s="236">
        <f t="shared" si="1335"/>
        <v>34.264804713367965</v>
      </c>
    </row>
    <row r="5745" spans="1:20" x14ac:dyDescent="0.2">
      <c r="A5745" s="53">
        <f t="shared" si="1336"/>
        <v>5733</v>
      </c>
      <c r="B5745" s="239">
        <v>57.024999999999999</v>
      </c>
      <c r="C5745" s="3">
        <f t="shared" si="1337"/>
        <v>57.018000000000001</v>
      </c>
      <c r="D5745" s="239">
        <v>18.189800000000002</v>
      </c>
      <c r="E5745" s="239">
        <v>6.1899999999999997E-2</v>
      </c>
      <c r="F5745" s="239">
        <v>0.52170000000000005</v>
      </c>
      <c r="G5745">
        <f t="shared" si="1338"/>
        <v>18.294140000000002</v>
      </c>
      <c r="H5745" s="235">
        <f t="shared" si="1339"/>
        <v>0.3383597151874862</v>
      </c>
      <c r="I5745" s="236">
        <f t="shared" si="1340"/>
        <v>19.218088605204507</v>
      </c>
      <c r="J5745" s="237">
        <f t="shared" si="1345"/>
        <v>9.2180886052045068</v>
      </c>
      <c r="K5745" s="237">
        <f t="shared" si="1341"/>
        <v>1095.7769760915505</v>
      </c>
      <c r="L5745" s="237">
        <f t="shared" si="1346"/>
        <v>525.66150271178697</v>
      </c>
      <c r="M5745" s="236">
        <f t="shared" si="1342"/>
        <v>32.717562414567915</v>
      </c>
      <c r="N5745" s="236">
        <f t="shared" si="1343"/>
        <v>0.35991797541399251</v>
      </c>
      <c r="O5745" s="236">
        <f t="shared" si="1347"/>
        <v>2.1036571739223069</v>
      </c>
      <c r="P5745" s="236" t="str">
        <f t="shared" si="1348"/>
        <v>SAND</v>
      </c>
      <c r="Q5745" s="236" t="e">
        <f t="shared" si="1344"/>
        <v>#N/A</v>
      </c>
      <c r="R5745" s="238">
        <v>35</v>
      </c>
      <c r="S5745" s="236" t="e">
        <f t="shared" si="1349"/>
        <v>#N/A</v>
      </c>
      <c r="T5745" s="236">
        <f t="shared" si="1335"/>
        <v>34.262590335373829</v>
      </c>
    </row>
    <row r="5746" spans="1:20" x14ac:dyDescent="0.2">
      <c r="A5746" s="53">
        <f t="shared" si="1336"/>
        <v>5734</v>
      </c>
      <c r="B5746" s="239">
        <v>57.036000000000001</v>
      </c>
      <c r="C5746" s="3">
        <f t="shared" si="1337"/>
        <v>57.029000000000003</v>
      </c>
      <c r="D5746" s="239">
        <v>18.137699999999999</v>
      </c>
      <c r="E5746" s="239">
        <v>6.0100000000000001E-2</v>
      </c>
      <c r="F5746" s="239">
        <v>0.53200000000000003</v>
      </c>
      <c r="G5746">
        <f t="shared" si="1338"/>
        <v>18.2441</v>
      </c>
      <c r="H5746" s="235">
        <f t="shared" si="1339"/>
        <v>0.32942156642421389</v>
      </c>
      <c r="I5746" s="236">
        <f t="shared" si="1340"/>
        <v>19.182414328426596</v>
      </c>
      <c r="J5746" s="237">
        <f t="shared" si="1345"/>
        <v>9.1824143284265958</v>
      </c>
      <c r="K5746" s="237">
        <f t="shared" si="1341"/>
        <v>1093.9539067358403</v>
      </c>
      <c r="L5746" s="237">
        <f t="shared" si="1346"/>
        <v>523.72818363613931</v>
      </c>
      <c r="M5746" s="236">
        <f t="shared" si="1342"/>
        <v>32.74627302696247</v>
      </c>
      <c r="N5746" s="236">
        <f t="shared" si="1343"/>
        <v>0.3504343325891825</v>
      </c>
      <c r="O5746" s="236">
        <f t="shared" si="1347"/>
        <v>2.0990510731189289</v>
      </c>
      <c r="P5746" s="236" t="str">
        <f t="shared" si="1348"/>
        <v>SAND</v>
      </c>
      <c r="Q5746" s="236" t="e">
        <f t="shared" si="1344"/>
        <v>#N/A</v>
      </c>
      <c r="R5746" s="238">
        <v>35</v>
      </c>
      <c r="S5746" s="236" t="e">
        <f t="shared" si="1349"/>
        <v>#N/A</v>
      </c>
      <c r="T5746" s="236">
        <f t="shared" si="1335"/>
        <v>34.266780663476489</v>
      </c>
    </row>
    <row r="5747" spans="1:20" x14ac:dyDescent="0.2">
      <c r="A5747" s="53">
        <f t="shared" si="1336"/>
        <v>5735</v>
      </c>
      <c r="B5747" s="239">
        <v>57.045999999999999</v>
      </c>
      <c r="C5747" s="3">
        <f t="shared" si="1337"/>
        <v>57.039000000000001</v>
      </c>
      <c r="D5747" s="239">
        <v>18.0943</v>
      </c>
      <c r="E5747" s="239">
        <v>6.0299999999999999E-2</v>
      </c>
      <c r="F5747" s="239">
        <v>0.53110000000000002</v>
      </c>
      <c r="G5747">
        <f t="shared" si="1338"/>
        <v>18.200520000000001</v>
      </c>
      <c r="H5747" s="235">
        <f t="shared" si="1339"/>
        <v>0.33130921534110008</v>
      </c>
      <c r="I5747" s="236">
        <f t="shared" si="1340"/>
        <v>19.18537521376032</v>
      </c>
      <c r="J5747" s="237">
        <f t="shared" si="1345"/>
        <v>9.1853752137603202</v>
      </c>
      <c r="K5747" s="237">
        <f t="shared" si="1341"/>
        <v>1094.314616817675</v>
      </c>
      <c r="L5747" s="237">
        <f t="shared" si="1346"/>
        <v>523.9889144441712</v>
      </c>
      <c r="M5747" s="236">
        <f t="shared" si="1342"/>
        <v>32.646120770184574</v>
      </c>
      <c r="N5747" s="236">
        <f t="shared" si="1343"/>
        <v>0.35250365963267877</v>
      </c>
      <c r="O5747" s="236">
        <f t="shared" si="1347"/>
        <v>2.1012222422681792</v>
      </c>
      <c r="P5747" s="236" t="str">
        <f t="shared" si="1348"/>
        <v>SAND</v>
      </c>
      <c r="Q5747" s="236" t="e">
        <f t="shared" si="1344"/>
        <v>#N/A</v>
      </c>
      <c r="R5747" s="238">
        <v>35</v>
      </c>
      <c r="S5747" s="236" t="e">
        <f t="shared" si="1349"/>
        <v>#N/A</v>
      </c>
      <c r="T5747" s="236">
        <f t="shared" si="1335"/>
        <v>34.25214741200881</v>
      </c>
    </row>
    <row r="5748" spans="1:20" x14ac:dyDescent="0.2">
      <c r="A5748" s="53">
        <f t="shared" si="1336"/>
        <v>5736</v>
      </c>
      <c r="B5748" s="239">
        <v>57.055999999999997</v>
      </c>
      <c r="C5748" s="3">
        <f t="shared" si="1337"/>
        <v>57.048999999999999</v>
      </c>
      <c r="D5748" s="239">
        <v>18.026399999999999</v>
      </c>
      <c r="E5748" s="239">
        <v>6.1899999999999997E-2</v>
      </c>
      <c r="F5748" s="239">
        <v>0.53139999999999998</v>
      </c>
      <c r="G5748">
        <f t="shared" si="1338"/>
        <v>18.132680000000001</v>
      </c>
      <c r="H5748" s="235">
        <f t="shared" si="1339"/>
        <v>0.341372593571386</v>
      </c>
      <c r="I5748" s="236">
        <f t="shared" si="1340"/>
        <v>19.214623604326526</v>
      </c>
      <c r="J5748" s="237">
        <f t="shared" si="1345"/>
        <v>9.2146236043265262</v>
      </c>
      <c r="K5748" s="237">
        <f t="shared" si="1341"/>
        <v>1096.175062003224</v>
      </c>
      <c r="L5748" s="237">
        <f t="shared" si="1346"/>
        <v>525.74956436845423</v>
      </c>
      <c r="M5748" s="236">
        <f t="shared" si="1342"/>
        <v>32.404220740461334</v>
      </c>
      <c r="N5748" s="236">
        <f t="shared" si="1343"/>
        <v>0.36333743467501656</v>
      </c>
      <c r="O5748" s="236">
        <f t="shared" si="1347"/>
        <v>2.1090581034803439</v>
      </c>
      <c r="P5748" s="236" t="str">
        <f t="shared" si="1348"/>
        <v>SAND</v>
      </c>
      <c r="Q5748" s="236" t="e">
        <f t="shared" si="1344"/>
        <v>#N/A</v>
      </c>
      <c r="R5748" s="238">
        <v>35</v>
      </c>
      <c r="S5748" s="236" t="e">
        <f t="shared" si="1349"/>
        <v>#N/A</v>
      </c>
      <c r="T5748" s="236">
        <f t="shared" si="1335"/>
        <v>34.216617401593062</v>
      </c>
    </row>
    <row r="5749" spans="1:20" x14ac:dyDescent="0.2">
      <c r="A5749" s="53">
        <f t="shared" si="1336"/>
        <v>5737</v>
      </c>
      <c r="B5749" s="239">
        <v>57.066000000000003</v>
      </c>
      <c r="C5749" s="3">
        <f t="shared" si="1337"/>
        <v>57.059000000000005</v>
      </c>
      <c r="D5749" s="239">
        <v>17.985099999999999</v>
      </c>
      <c r="E5749" s="239">
        <v>6.3600000000000004E-2</v>
      </c>
      <c r="F5749" s="239">
        <v>0.54</v>
      </c>
      <c r="G5749">
        <f t="shared" si="1338"/>
        <v>18.0931</v>
      </c>
      <c r="H5749" s="235">
        <f t="shared" si="1339"/>
        <v>0.35151521850871326</v>
      </c>
      <c r="I5749" s="236">
        <f t="shared" si="1340"/>
        <v>19.245538951809593</v>
      </c>
      <c r="J5749" s="237">
        <f t="shared" si="1345"/>
        <v>9.2455389518095927</v>
      </c>
      <c r="K5749" s="237">
        <f t="shared" si="1341"/>
        <v>1098.1312070513036</v>
      </c>
      <c r="L5749" s="237">
        <f t="shared" si="1346"/>
        <v>527.60592582396623</v>
      </c>
      <c r="M5749" s="236">
        <f t="shared" si="1342"/>
        <v>32.21148201928839</v>
      </c>
      <c r="N5749" s="236">
        <f t="shared" si="1343"/>
        <v>0.3742284012100569</v>
      </c>
      <c r="O5749" s="236">
        <f t="shared" si="1347"/>
        <v>2.1162390890044236</v>
      </c>
      <c r="P5749" s="236" t="str">
        <f t="shared" si="1348"/>
        <v>SAND</v>
      </c>
      <c r="Q5749" s="236" t="e">
        <f t="shared" si="1344"/>
        <v>#N/A</v>
      </c>
      <c r="R5749" s="238">
        <v>35</v>
      </c>
      <c r="S5749" s="236" t="e">
        <f t="shared" si="1349"/>
        <v>#N/A</v>
      </c>
      <c r="T5749" s="236">
        <f t="shared" si="1335"/>
        <v>34.188117774255836</v>
      </c>
    </row>
    <row r="5750" spans="1:20" x14ac:dyDescent="0.2">
      <c r="A5750" s="53">
        <f t="shared" si="1336"/>
        <v>5738</v>
      </c>
      <c r="B5750" s="239">
        <v>57.076000000000001</v>
      </c>
      <c r="C5750" s="3">
        <f t="shared" si="1337"/>
        <v>57.069000000000003</v>
      </c>
      <c r="D5750" s="239">
        <v>17.930900000000001</v>
      </c>
      <c r="E5750" s="239">
        <v>6.4699999999999994E-2</v>
      </c>
      <c r="F5750" s="239">
        <v>0.53969999999999996</v>
      </c>
      <c r="G5750">
        <f t="shared" si="1338"/>
        <v>18.03884</v>
      </c>
      <c r="H5750" s="235">
        <f t="shared" si="1339"/>
        <v>0.35867051318155707</v>
      </c>
      <c r="I5750" s="236">
        <f t="shared" si="1340"/>
        <v>19.264472358036887</v>
      </c>
      <c r="J5750" s="237">
        <f t="shared" si="1345"/>
        <v>9.2644723580368868</v>
      </c>
      <c r="K5750" s="237">
        <f t="shared" si="1341"/>
        <v>1099.4041730008071</v>
      </c>
      <c r="L5750" s="237">
        <f t="shared" si="1346"/>
        <v>528.77902430731331</v>
      </c>
      <c r="M5750" s="236">
        <f t="shared" si="1342"/>
        <v>32.034999590215236</v>
      </c>
      <c r="N5750" s="236">
        <f t="shared" si="1343"/>
        <v>0.38194896607404627</v>
      </c>
      <c r="O5750" s="236">
        <f t="shared" si="1347"/>
        <v>2.1217876409180021</v>
      </c>
      <c r="P5750" s="236" t="str">
        <f t="shared" si="1348"/>
        <v>SAND</v>
      </c>
      <c r="Q5750" s="236" t="e">
        <f t="shared" si="1344"/>
        <v>#N/A</v>
      </c>
      <c r="R5750" s="238">
        <v>35</v>
      </c>
      <c r="S5750" s="236" t="e">
        <f t="shared" si="1349"/>
        <v>#N/A</v>
      </c>
      <c r="T5750" s="236">
        <f t="shared" si="1335"/>
        <v>34.161871950497265</v>
      </c>
    </row>
    <row r="5751" spans="1:20" x14ac:dyDescent="0.2">
      <c r="A5751" s="53">
        <f t="shared" si="1336"/>
        <v>5739</v>
      </c>
      <c r="B5751" s="239">
        <v>57.087000000000003</v>
      </c>
      <c r="C5751" s="3">
        <f t="shared" si="1337"/>
        <v>57.080000000000005</v>
      </c>
      <c r="D5751" s="239">
        <v>17.906300000000002</v>
      </c>
      <c r="E5751" s="239">
        <v>6.5500000000000003E-2</v>
      </c>
      <c r="F5751" s="239">
        <v>0.53910000000000002</v>
      </c>
      <c r="G5751">
        <f t="shared" si="1338"/>
        <v>18.014120000000002</v>
      </c>
      <c r="H5751" s="235">
        <f t="shared" si="1339"/>
        <v>0.36360366201624056</v>
      </c>
      <c r="I5751" s="236">
        <f t="shared" si="1340"/>
        <v>19.278346310660353</v>
      </c>
      <c r="J5751" s="237">
        <f t="shared" si="1345"/>
        <v>9.2783463106603534</v>
      </c>
      <c r="K5751" s="237">
        <f t="shared" si="1341"/>
        <v>1100.4080074124931</v>
      </c>
      <c r="L5751" s="237">
        <f t="shared" si="1346"/>
        <v>529.6729558366676</v>
      </c>
      <c r="M5751" s="236">
        <f t="shared" si="1342"/>
        <v>31.932368466633775</v>
      </c>
      <c r="N5751" s="236">
        <f t="shared" si="1343"/>
        <v>0.38725975722363959</v>
      </c>
      <c r="O5751" s="236">
        <f t="shared" si="1347"/>
        <v>2.1253505759567508</v>
      </c>
      <c r="P5751" s="236" t="str">
        <f t="shared" si="1348"/>
        <v>SAND</v>
      </c>
      <c r="Q5751" s="236" t="e">
        <f t="shared" si="1344"/>
        <v>#N/A</v>
      </c>
      <c r="R5751" s="238">
        <v>35</v>
      </c>
      <c r="S5751" s="236" t="e">
        <f t="shared" si="1349"/>
        <v>#N/A</v>
      </c>
      <c r="T5751" s="236">
        <f t="shared" si="1335"/>
        <v>34.14654245132698</v>
      </c>
    </row>
    <row r="5752" spans="1:20" x14ac:dyDescent="0.2">
      <c r="A5752" s="53">
        <f t="shared" si="1336"/>
        <v>5740</v>
      </c>
      <c r="B5752" s="239">
        <v>57.097999999999999</v>
      </c>
      <c r="C5752" s="3">
        <f t="shared" si="1337"/>
        <v>57.091000000000001</v>
      </c>
      <c r="D5752" s="239">
        <v>17.822900000000001</v>
      </c>
      <c r="E5752" s="239">
        <v>6.6600000000000006E-2</v>
      </c>
      <c r="F5752" s="239">
        <v>0.54179999999999995</v>
      </c>
      <c r="G5752">
        <f t="shared" si="1338"/>
        <v>17.931260000000002</v>
      </c>
      <c r="H5752" s="235">
        <f t="shared" si="1339"/>
        <v>0.37141840562236006</v>
      </c>
      <c r="I5752" s="236">
        <f t="shared" si="1340"/>
        <v>19.296073200153106</v>
      </c>
      <c r="J5752" s="237">
        <f t="shared" si="1345"/>
        <v>9.2960732001531063</v>
      </c>
      <c r="K5752" s="237">
        <f t="shared" si="1341"/>
        <v>1101.6321150699409</v>
      </c>
      <c r="L5752" s="237">
        <f t="shared" si="1346"/>
        <v>530.78718758234209</v>
      </c>
      <c r="M5752" s="236">
        <f t="shared" si="1342"/>
        <v>31.706921867474897</v>
      </c>
      <c r="N5752" s="236">
        <f t="shared" si="1343"/>
        <v>0.39573067482755447</v>
      </c>
      <c r="O5752" s="236">
        <f t="shared" si="1347"/>
        <v>2.1317824800572875</v>
      </c>
      <c r="P5752" s="236" t="str">
        <f t="shared" si="1348"/>
        <v>SAND</v>
      </c>
      <c r="Q5752" s="236" t="e">
        <f t="shared" si="1344"/>
        <v>#N/A</v>
      </c>
      <c r="R5752" s="238">
        <v>35</v>
      </c>
      <c r="S5752" s="236" t="e">
        <f t="shared" si="1349"/>
        <v>#N/A</v>
      </c>
      <c r="T5752" s="236">
        <f t="shared" si="1335"/>
        <v>34.112694906718204</v>
      </c>
    </row>
    <row r="5753" spans="1:20" x14ac:dyDescent="0.2">
      <c r="A5753" s="53">
        <f t="shared" si="1336"/>
        <v>5741</v>
      </c>
      <c r="B5753" s="239">
        <v>57.106999999999999</v>
      </c>
      <c r="C5753" s="3">
        <f t="shared" si="1337"/>
        <v>57.1</v>
      </c>
      <c r="D5753" s="239">
        <v>17.816099999999999</v>
      </c>
      <c r="E5753" s="239">
        <v>6.9099999999999995E-2</v>
      </c>
      <c r="F5753" s="239">
        <v>0.54039999999999999</v>
      </c>
      <c r="G5753">
        <f t="shared" si="1338"/>
        <v>17.92418</v>
      </c>
      <c r="H5753" s="235">
        <f t="shared" si="1339"/>
        <v>0.38551275427941473</v>
      </c>
      <c r="I5753" s="236">
        <f t="shared" si="1340"/>
        <v>19.33912914921352</v>
      </c>
      <c r="J5753" s="237">
        <f t="shared" si="1345"/>
        <v>9.3391291492135196</v>
      </c>
      <c r="K5753" s="237">
        <f t="shared" si="1341"/>
        <v>1104.2642744200921</v>
      </c>
      <c r="L5753" s="237">
        <f t="shared" si="1346"/>
        <v>533.32964832413643</v>
      </c>
      <c r="M5753" s="236">
        <f t="shared" si="1342"/>
        <v>31.537559890834036</v>
      </c>
      <c r="N5753" s="236">
        <f t="shared" si="1343"/>
        <v>0.41082251021574373</v>
      </c>
      <c r="O5753" s="236">
        <f t="shared" si="1347"/>
        <v>2.140209822415851</v>
      </c>
      <c r="P5753" s="236" t="str">
        <f t="shared" si="1348"/>
        <v>SAND</v>
      </c>
      <c r="Q5753" s="236" t="e">
        <f t="shared" si="1344"/>
        <v>#N/A</v>
      </c>
      <c r="R5753" s="238">
        <v>35</v>
      </c>
      <c r="S5753" s="236" t="e">
        <f t="shared" si="1349"/>
        <v>#N/A</v>
      </c>
      <c r="T5753" s="236">
        <f t="shared" si="1335"/>
        <v>34.087108970920653</v>
      </c>
    </row>
    <row r="5754" spans="1:20" x14ac:dyDescent="0.2">
      <c r="A5754" s="53">
        <f t="shared" si="1336"/>
        <v>5742</v>
      </c>
      <c r="B5754" s="239">
        <v>57.116999999999997</v>
      </c>
      <c r="C5754" s="3">
        <f t="shared" si="1337"/>
        <v>57.11</v>
      </c>
      <c r="D5754" s="239">
        <v>17.869800000000001</v>
      </c>
      <c r="E5754" s="239">
        <v>7.1300000000000002E-2</v>
      </c>
      <c r="F5754" s="239">
        <v>0.54590000000000005</v>
      </c>
      <c r="G5754">
        <f t="shared" si="1338"/>
        <v>17.97898</v>
      </c>
      <c r="H5754" s="235">
        <f t="shared" si="1339"/>
        <v>0.39657422167442202</v>
      </c>
      <c r="I5754" s="236">
        <f t="shared" si="1340"/>
        <v>19.377073329355063</v>
      </c>
      <c r="J5754" s="237">
        <f t="shared" si="1345"/>
        <v>9.3770733293550634</v>
      </c>
      <c r="K5754" s="237">
        <f t="shared" si="1341"/>
        <v>1106.6246578394678</v>
      </c>
      <c r="L5754" s="237">
        <f t="shared" si="1346"/>
        <v>535.59029735277318</v>
      </c>
      <c r="M5754" s="236">
        <f t="shared" si="1342"/>
        <v>31.502354365929349</v>
      </c>
      <c r="N5754" s="236">
        <f t="shared" si="1343"/>
        <v>0.42258474619625874</v>
      </c>
      <c r="O5754" s="236">
        <f t="shared" si="1347"/>
        <v>2.1454606641142675</v>
      </c>
      <c r="P5754" s="236" t="str">
        <f t="shared" si="1348"/>
        <v>SAND</v>
      </c>
      <c r="Q5754" s="236" t="e">
        <f t="shared" si="1344"/>
        <v>#N/A</v>
      </c>
      <c r="R5754" s="238">
        <v>35</v>
      </c>
      <c r="S5754" s="236" t="e">
        <f t="shared" si="1349"/>
        <v>#N/A</v>
      </c>
      <c r="T5754" s="236">
        <f t="shared" si="1335"/>
        <v>34.081773137690149</v>
      </c>
    </row>
    <row r="5755" spans="1:20" x14ac:dyDescent="0.2">
      <c r="A5755" s="53">
        <f t="shared" si="1336"/>
        <v>5743</v>
      </c>
      <c r="B5755" s="239">
        <v>57.128</v>
      </c>
      <c r="C5755" s="3">
        <f t="shared" si="1337"/>
        <v>57.121000000000002</v>
      </c>
      <c r="D5755" s="239">
        <v>17.8797</v>
      </c>
      <c r="E5755" s="239">
        <v>7.3599999999999999E-2</v>
      </c>
      <c r="F5755" s="239">
        <v>0.54149999999999998</v>
      </c>
      <c r="G5755">
        <f t="shared" si="1338"/>
        <v>17.988</v>
      </c>
      <c r="H5755" s="235">
        <f t="shared" si="1339"/>
        <v>0.40916166333110965</v>
      </c>
      <c r="I5755" s="236">
        <f t="shared" si="1340"/>
        <v>19.414497744100046</v>
      </c>
      <c r="J5755" s="237">
        <f t="shared" si="1345"/>
        <v>9.4144977441000464</v>
      </c>
      <c r="K5755" s="237">
        <f t="shared" si="1341"/>
        <v>1108.9755256407389</v>
      </c>
      <c r="L5755" s="237">
        <f t="shared" si="1346"/>
        <v>537.83142712494748</v>
      </c>
      <c r="M5755" s="236">
        <f t="shared" si="1342"/>
        <v>31.383484904533063</v>
      </c>
      <c r="N5755" s="236">
        <f t="shared" si="1343"/>
        <v>0.43604415712415684</v>
      </c>
      <c r="O5755" s="236">
        <f t="shared" si="1347"/>
        <v>2.1523709984896273</v>
      </c>
      <c r="P5755" s="236" t="str">
        <f t="shared" si="1348"/>
        <v>SAND</v>
      </c>
      <c r="Q5755" s="236" t="e">
        <f t="shared" si="1344"/>
        <v>#N/A</v>
      </c>
      <c r="R5755" s="238">
        <v>35</v>
      </c>
      <c r="S5755" s="236" t="e">
        <f t="shared" si="1349"/>
        <v>#N/A</v>
      </c>
      <c r="T5755" s="236">
        <f t="shared" si="1335"/>
        <v>34.063712838405408</v>
      </c>
    </row>
    <row r="5756" spans="1:20" x14ac:dyDescent="0.2">
      <c r="A5756" s="53">
        <f t="shared" si="1336"/>
        <v>5744</v>
      </c>
      <c r="B5756" s="239">
        <v>57.137</v>
      </c>
      <c r="C5756" s="3">
        <f t="shared" si="1337"/>
        <v>57.13</v>
      </c>
      <c r="D5756" s="239">
        <v>18.0337</v>
      </c>
      <c r="E5756" s="239">
        <v>7.5999999999999998E-2</v>
      </c>
      <c r="F5756" s="239">
        <v>0.54200000000000004</v>
      </c>
      <c r="G5756">
        <f t="shared" si="1338"/>
        <v>18.142099999999999</v>
      </c>
      <c r="H5756" s="235">
        <f t="shared" si="1339"/>
        <v>0.4189151200798143</v>
      </c>
      <c r="I5756" s="236">
        <f t="shared" si="1340"/>
        <v>19.455458554357399</v>
      </c>
      <c r="J5756" s="237">
        <f t="shared" si="1345"/>
        <v>9.4554585543573992</v>
      </c>
      <c r="K5756" s="237">
        <f t="shared" si="1341"/>
        <v>1111.4903472104384</v>
      </c>
      <c r="L5756" s="237">
        <f t="shared" si="1346"/>
        <v>540.25653542031876</v>
      </c>
      <c r="M5756" s="236">
        <f t="shared" si="1342"/>
        <v>31.523190440518729</v>
      </c>
      <c r="N5756" s="236">
        <f t="shared" si="1343"/>
        <v>0.44625531058162343</v>
      </c>
      <c r="O5756" s="236">
        <f t="shared" si="1347"/>
        <v>2.1546401807856128</v>
      </c>
      <c r="P5756" s="236" t="str">
        <f t="shared" si="1348"/>
        <v>SAND</v>
      </c>
      <c r="Q5756" s="236" t="e">
        <f t="shared" si="1344"/>
        <v>#N/A</v>
      </c>
      <c r="R5756" s="238">
        <v>35</v>
      </c>
      <c r="S5756" s="236" t="e">
        <f t="shared" si="1349"/>
        <v>#N/A</v>
      </c>
      <c r="T5756" s="236">
        <f t="shared" si="1335"/>
        <v>34.084931822580153</v>
      </c>
    </row>
    <row r="5757" spans="1:20" x14ac:dyDescent="0.2">
      <c r="A5757" s="53">
        <f t="shared" si="1336"/>
        <v>5745</v>
      </c>
      <c r="B5757" s="239">
        <v>57.148000000000003</v>
      </c>
      <c r="C5757" s="3">
        <f t="shared" si="1337"/>
        <v>57.141000000000005</v>
      </c>
      <c r="D5757" s="239">
        <v>18.209900000000001</v>
      </c>
      <c r="E5757" s="239">
        <v>7.8299999999999995E-2</v>
      </c>
      <c r="F5757" s="239">
        <v>0.54290000000000005</v>
      </c>
      <c r="G5757">
        <f t="shared" si="1338"/>
        <v>18.318480000000001</v>
      </c>
      <c r="H5757" s="235">
        <f t="shared" si="1339"/>
        <v>0.42743721094763321</v>
      </c>
      <c r="I5757" s="236">
        <f t="shared" si="1340"/>
        <v>19.494200303142204</v>
      </c>
      <c r="J5757" s="237">
        <f t="shared" si="1345"/>
        <v>9.494200303142204</v>
      </c>
      <c r="K5757" s="237">
        <f t="shared" si="1341"/>
        <v>1113.9180995218487</v>
      </c>
      <c r="L5757" s="237">
        <f t="shared" si="1346"/>
        <v>542.5745589239707</v>
      </c>
      <c r="M5757" s="236">
        <f t="shared" si="1342"/>
        <v>31.709120189118511</v>
      </c>
      <c r="N5757" s="236">
        <f t="shared" si="1343"/>
        <v>0.45511185029258944</v>
      </c>
      <c r="O5757" s="236">
        <f t="shared" si="1347"/>
        <v>2.1557660262592346</v>
      </c>
      <c r="P5757" s="236" t="str">
        <f t="shared" si="1348"/>
        <v>SAND</v>
      </c>
      <c r="Q5757" s="236" t="e">
        <f t="shared" si="1344"/>
        <v>#N/A</v>
      </c>
      <c r="R5757" s="238">
        <v>35</v>
      </c>
      <c r="S5757" s="236" t="e">
        <f t="shared" si="1349"/>
        <v>#N/A</v>
      </c>
      <c r="T5757" s="236">
        <f t="shared" si="1335"/>
        <v>34.113026113403947</v>
      </c>
    </row>
    <row r="5758" spans="1:20" x14ac:dyDescent="0.2">
      <c r="A5758" s="53">
        <f t="shared" si="1336"/>
        <v>5746</v>
      </c>
      <c r="B5758" s="239">
        <v>57.16</v>
      </c>
      <c r="C5758" s="3">
        <f t="shared" si="1337"/>
        <v>57.152999999999999</v>
      </c>
      <c r="D5758" s="239">
        <v>18.457899999999999</v>
      </c>
      <c r="E5758" s="239">
        <v>8.1100000000000005E-2</v>
      </c>
      <c r="F5758" s="239">
        <v>0.54159999999999997</v>
      </c>
      <c r="G5758">
        <f t="shared" si="1338"/>
        <v>18.566219999999998</v>
      </c>
      <c r="H5758" s="235">
        <f t="shared" si="1339"/>
        <v>0.43681481744803202</v>
      </c>
      <c r="I5758" s="236">
        <f t="shared" si="1340"/>
        <v>19.540650503831905</v>
      </c>
      <c r="J5758" s="237">
        <f t="shared" si="1345"/>
        <v>9.5406505038319054</v>
      </c>
      <c r="K5758" s="237">
        <f t="shared" si="1341"/>
        <v>1116.8067982455048</v>
      </c>
      <c r="L5758" s="237">
        <f t="shared" si="1346"/>
        <v>545.34358279903165</v>
      </c>
      <c r="M5758" s="236">
        <f t="shared" si="1342"/>
        <v>31.997100089073385</v>
      </c>
      <c r="N5758" s="236">
        <f t="shared" si="1343"/>
        <v>0.46477207607099136</v>
      </c>
      <c r="O5758" s="236">
        <f t="shared" si="1347"/>
        <v>2.1559186307787339</v>
      </c>
      <c r="P5758" s="236" t="str">
        <f t="shared" si="1348"/>
        <v>SAND</v>
      </c>
      <c r="Q5758" s="236" t="e">
        <f t="shared" si="1344"/>
        <v>#N/A</v>
      </c>
      <c r="R5758" s="238">
        <v>35</v>
      </c>
      <c r="S5758" s="236" t="e">
        <f t="shared" si="1349"/>
        <v>#N/A</v>
      </c>
      <c r="T5758" s="236">
        <f t="shared" si="1335"/>
        <v>34.156216817887518</v>
      </c>
    </row>
    <row r="5759" spans="1:20" x14ac:dyDescent="0.2">
      <c r="A5759" s="53">
        <f t="shared" si="1336"/>
        <v>5747</v>
      </c>
      <c r="B5759" s="239">
        <v>57.17</v>
      </c>
      <c r="C5759" s="3">
        <f t="shared" si="1337"/>
        <v>57.163000000000004</v>
      </c>
      <c r="D5759" s="239">
        <v>18.7224</v>
      </c>
      <c r="E5759" s="239">
        <v>8.3699999999999997E-2</v>
      </c>
      <c r="F5759" s="239">
        <v>0.54520000000000002</v>
      </c>
      <c r="G5759">
        <f t="shared" si="1338"/>
        <v>18.831440000000001</v>
      </c>
      <c r="H5759" s="235">
        <f t="shared" si="1339"/>
        <v>0.44446946170871687</v>
      </c>
      <c r="I5759" s="236">
        <f t="shared" si="1340"/>
        <v>19.583196968736491</v>
      </c>
      <c r="J5759" s="237">
        <f t="shared" si="1345"/>
        <v>9.5831969687364911</v>
      </c>
      <c r="K5759" s="237">
        <f t="shared" si="1341"/>
        <v>1119.4342883238842</v>
      </c>
      <c r="L5759" s="237">
        <f t="shared" si="1346"/>
        <v>547.87137070266522</v>
      </c>
      <c r="M5759" s="236">
        <f t="shared" si="1342"/>
        <v>32.328766675579004</v>
      </c>
      <c r="N5759" s="236">
        <f t="shared" si="1343"/>
        <v>0.47256082322073356</v>
      </c>
      <c r="O5759" s="236">
        <f t="shared" si="1347"/>
        <v>2.1548237411168976</v>
      </c>
      <c r="P5759" s="236" t="str">
        <f t="shared" si="1348"/>
        <v>SAND</v>
      </c>
      <c r="Q5759" s="236" t="e">
        <f t="shared" si="1344"/>
        <v>#N/A</v>
      </c>
      <c r="R5759" s="238">
        <v>35</v>
      </c>
      <c r="S5759" s="236" t="e">
        <f t="shared" si="1349"/>
        <v>#N/A</v>
      </c>
      <c r="T5759" s="236">
        <f t="shared" si="1335"/>
        <v>34.205480505188007</v>
      </c>
    </row>
    <row r="5760" spans="1:20" x14ac:dyDescent="0.2">
      <c r="A5760" s="53">
        <f t="shared" si="1336"/>
        <v>5748</v>
      </c>
      <c r="B5760" s="239">
        <v>57.180999999999997</v>
      </c>
      <c r="C5760" s="3">
        <f t="shared" si="1337"/>
        <v>57.173999999999999</v>
      </c>
      <c r="D5760" s="239">
        <v>19.008800000000001</v>
      </c>
      <c r="E5760" s="239">
        <v>8.4500000000000006E-2</v>
      </c>
      <c r="F5760" s="239">
        <v>0.54800000000000004</v>
      </c>
      <c r="G5760">
        <f t="shared" si="1338"/>
        <v>19.118400000000001</v>
      </c>
      <c r="H5760" s="235">
        <f t="shared" si="1339"/>
        <v>0.44198259268558038</v>
      </c>
      <c r="I5760" s="236">
        <f t="shared" si="1340"/>
        <v>19.60026255795308</v>
      </c>
      <c r="J5760" s="237">
        <f t="shared" si="1345"/>
        <v>9.60026255795308</v>
      </c>
      <c r="K5760" s="237">
        <f t="shared" si="1341"/>
        <v>1120.6254114884093</v>
      </c>
      <c r="L5760" s="237">
        <f t="shared" si="1346"/>
        <v>548.95261332631503</v>
      </c>
      <c r="M5760" s="236">
        <f t="shared" si="1342"/>
        <v>32.785661551834416</v>
      </c>
      <c r="N5760" s="236">
        <f t="shared" si="1343"/>
        <v>0.46950249090206053</v>
      </c>
      <c r="O5760" s="236">
        <f t="shared" si="1347"/>
        <v>2.1481083222496418</v>
      </c>
      <c r="P5760" s="236" t="str">
        <f t="shared" si="1348"/>
        <v>SAND</v>
      </c>
      <c r="Q5760" s="236" t="e">
        <f t="shared" si="1344"/>
        <v>#N/A</v>
      </c>
      <c r="R5760" s="238">
        <v>35</v>
      </c>
      <c r="S5760" s="236" t="e">
        <f t="shared" si="1349"/>
        <v>#N/A</v>
      </c>
      <c r="T5760" s="236">
        <f t="shared" si="1335"/>
        <v>34.272523464536569</v>
      </c>
    </row>
    <row r="5761" spans="1:20" x14ac:dyDescent="0.2">
      <c r="A5761" s="53">
        <f t="shared" si="1336"/>
        <v>5749</v>
      </c>
      <c r="B5761" s="239">
        <v>57.191000000000003</v>
      </c>
      <c r="C5761" s="3">
        <f t="shared" si="1337"/>
        <v>57.184000000000005</v>
      </c>
      <c r="D5761" s="239">
        <v>19.244700000000002</v>
      </c>
      <c r="E5761" s="239">
        <v>8.5999999999999993E-2</v>
      </c>
      <c r="F5761" s="239">
        <v>0.54379999999999995</v>
      </c>
      <c r="G5761">
        <f t="shared" si="1338"/>
        <v>19.353460000000002</v>
      </c>
      <c r="H5761" s="235">
        <f t="shared" si="1339"/>
        <v>0.44436498693256904</v>
      </c>
      <c r="I5761" s="236">
        <f t="shared" si="1340"/>
        <v>19.625671630023611</v>
      </c>
      <c r="J5761" s="237">
        <f t="shared" si="1345"/>
        <v>9.6256716300236107</v>
      </c>
      <c r="K5761" s="237">
        <f t="shared" si="1341"/>
        <v>1122.2744064912702</v>
      </c>
      <c r="L5761" s="237">
        <f t="shared" si="1346"/>
        <v>550.50178619268036</v>
      </c>
      <c r="M5761" s="236">
        <f t="shared" si="1342"/>
        <v>33.117395893657758</v>
      </c>
      <c r="N5761" s="236">
        <f t="shared" si="1343"/>
        <v>0.47171918446500016</v>
      </c>
      <c r="O5761" s="236">
        <f t="shared" si="1347"/>
        <v>2.1449827901497591</v>
      </c>
      <c r="P5761" s="236" t="str">
        <f t="shared" si="1348"/>
        <v>SAND</v>
      </c>
      <c r="Q5761" s="236" t="e">
        <f t="shared" si="1344"/>
        <v>#N/A</v>
      </c>
      <c r="R5761" s="238">
        <v>35</v>
      </c>
      <c r="S5761" s="236" t="e">
        <f t="shared" si="1349"/>
        <v>#N/A</v>
      </c>
      <c r="T5761" s="236">
        <f t="shared" si="1335"/>
        <v>34.320617977349329</v>
      </c>
    </row>
    <row r="5762" spans="1:20" x14ac:dyDescent="0.2">
      <c r="A5762" s="53">
        <f t="shared" si="1336"/>
        <v>5750</v>
      </c>
      <c r="B5762" s="239">
        <v>57.201000000000001</v>
      </c>
      <c r="C5762" s="3">
        <f t="shared" si="1337"/>
        <v>57.194000000000003</v>
      </c>
      <c r="D5762" s="239">
        <v>19.491800000000001</v>
      </c>
      <c r="E5762" s="239">
        <v>8.7900000000000006E-2</v>
      </c>
      <c r="F5762" s="239">
        <v>0.53920000000000001</v>
      </c>
      <c r="G5762">
        <f t="shared" si="1338"/>
        <v>19.599640000000001</v>
      </c>
      <c r="H5762" s="235">
        <f t="shared" si="1339"/>
        <v>0.4484776250992365</v>
      </c>
      <c r="I5762" s="236">
        <f t="shared" si="1340"/>
        <v>19.656236302082885</v>
      </c>
      <c r="J5762" s="237">
        <f t="shared" si="1345"/>
        <v>9.6562363020828847</v>
      </c>
      <c r="K5762" s="237">
        <f t="shared" si="1341"/>
        <v>1124.2187790613286</v>
      </c>
      <c r="L5762" s="237">
        <f t="shared" si="1346"/>
        <v>552.34637271544307</v>
      </c>
      <c r="M5762" s="236">
        <f t="shared" si="1342"/>
        <v>33.44897718819059</v>
      </c>
      <c r="N5762" s="236">
        <f t="shared" si="1343"/>
        <v>0.47576723122491338</v>
      </c>
      <c r="O5762" s="236">
        <f t="shared" si="1347"/>
        <v>2.142601936957059</v>
      </c>
      <c r="P5762" s="236" t="str">
        <f t="shared" si="1348"/>
        <v>SAND</v>
      </c>
      <c r="Q5762" s="236" t="e">
        <f t="shared" si="1344"/>
        <v>#N/A</v>
      </c>
      <c r="R5762" s="238">
        <v>35</v>
      </c>
      <c r="S5762" s="236" t="e">
        <f t="shared" si="1349"/>
        <v>#N/A</v>
      </c>
      <c r="T5762" s="236">
        <f t="shared" si="1335"/>
        <v>34.368211265669061</v>
      </c>
    </row>
    <row r="5763" spans="1:20" x14ac:dyDescent="0.2">
      <c r="A5763" s="53">
        <f t="shared" si="1336"/>
        <v>5751</v>
      </c>
      <c r="B5763" s="239">
        <v>57.210999999999999</v>
      </c>
      <c r="C5763" s="3">
        <f t="shared" si="1337"/>
        <v>57.204000000000001</v>
      </c>
      <c r="D5763" s="239">
        <v>19.663799999999998</v>
      </c>
      <c r="E5763" s="239">
        <v>8.9700000000000002E-2</v>
      </c>
      <c r="F5763" s="239">
        <v>0.53010000000000002</v>
      </c>
      <c r="G5763">
        <f t="shared" si="1338"/>
        <v>19.769819999999999</v>
      </c>
      <c r="H5763" s="235">
        <f t="shared" si="1339"/>
        <v>0.45372188517649631</v>
      </c>
      <c r="I5763" s="236">
        <f t="shared" si="1340"/>
        <v>19.683385094257165</v>
      </c>
      <c r="J5763" s="237">
        <f t="shared" si="1345"/>
        <v>9.6833850942571651</v>
      </c>
      <c r="K5763" s="237">
        <f t="shared" si="1341"/>
        <v>1125.968360931887</v>
      </c>
      <c r="L5763" s="237">
        <f t="shared" si="1346"/>
        <v>553.99614462754664</v>
      </c>
      <c r="M5763" s="236">
        <f t="shared" si="1342"/>
        <v>33.653396002606542</v>
      </c>
      <c r="N5763" s="236">
        <f t="shared" si="1343"/>
        <v>0.48112375992112072</v>
      </c>
      <c r="O5763" s="236">
        <f t="shared" si="1347"/>
        <v>2.1422427623757696</v>
      </c>
      <c r="P5763" s="236" t="str">
        <f t="shared" si="1348"/>
        <v>SAND</v>
      </c>
      <c r="Q5763" s="236" t="e">
        <f t="shared" si="1344"/>
        <v>#N/A</v>
      </c>
      <c r="R5763" s="238">
        <v>35</v>
      </c>
      <c r="S5763" s="236" t="e">
        <f t="shared" si="1349"/>
        <v>#N/A</v>
      </c>
      <c r="T5763" s="236">
        <f t="shared" si="1335"/>
        <v>34.397317855156203</v>
      </c>
    </row>
    <row r="5764" spans="1:20" x14ac:dyDescent="0.2">
      <c r="A5764" s="53">
        <f t="shared" si="1336"/>
        <v>5752</v>
      </c>
      <c r="B5764" s="239">
        <v>57.220999999999997</v>
      </c>
      <c r="C5764" s="3">
        <f t="shared" si="1337"/>
        <v>57.213999999999999</v>
      </c>
      <c r="D5764" s="239">
        <v>19.732299999999999</v>
      </c>
      <c r="E5764" s="239">
        <v>9.1399999999999995E-2</v>
      </c>
      <c r="F5764" s="239">
        <v>0.52829999999999999</v>
      </c>
      <c r="G5764">
        <f t="shared" si="1338"/>
        <v>19.837959999999999</v>
      </c>
      <c r="H5764" s="235">
        <f t="shared" si="1339"/>
        <v>0.46073285761237548</v>
      </c>
      <c r="I5764" s="236">
        <f t="shared" si="1340"/>
        <v>19.706745092082375</v>
      </c>
      <c r="J5764" s="237">
        <f t="shared" si="1345"/>
        <v>9.7067450920823752</v>
      </c>
      <c r="K5764" s="237">
        <f t="shared" si="1341"/>
        <v>1127.5017136984011</v>
      </c>
      <c r="L5764" s="237">
        <f t="shared" si="1346"/>
        <v>555.4296609140456</v>
      </c>
      <c r="M5764" s="236">
        <f t="shared" si="1342"/>
        <v>33.686458615678966</v>
      </c>
      <c r="N5764" s="236">
        <f t="shared" si="1343"/>
        <v>0.48849685347855032</v>
      </c>
      <c r="O5764" s="236">
        <f t="shared" si="1347"/>
        <v>2.1446466861595637</v>
      </c>
      <c r="P5764" s="236" t="str">
        <f t="shared" si="1348"/>
        <v>SAND</v>
      </c>
      <c r="Q5764" s="236" t="e">
        <f t="shared" si="1344"/>
        <v>#N/A</v>
      </c>
      <c r="R5764" s="238">
        <v>35</v>
      </c>
      <c r="S5764" s="236" t="e">
        <f t="shared" si="1349"/>
        <v>#N/A</v>
      </c>
      <c r="T5764" s="236">
        <f t="shared" si="1335"/>
        <v>34.402008926384326</v>
      </c>
    </row>
    <row r="5765" spans="1:20" x14ac:dyDescent="0.2">
      <c r="A5765" s="53">
        <f t="shared" si="1336"/>
        <v>5753</v>
      </c>
      <c r="B5765" s="239">
        <v>57.231999999999999</v>
      </c>
      <c r="C5765" s="3">
        <f t="shared" si="1337"/>
        <v>57.225000000000001</v>
      </c>
      <c r="D5765" s="239">
        <v>19.784500000000001</v>
      </c>
      <c r="E5765" s="239">
        <v>9.4700000000000006E-2</v>
      </c>
      <c r="F5765" s="239">
        <v>0.51639999999999997</v>
      </c>
      <c r="G5765">
        <f t="shared" si="1338"/>
        <v>19.887780000000003</v>
      </c>
      <c r="H5765" s="235">
        <f t="shared" si="1339"/>
        <v>0.47617179996962955</v>
      </c>
      <c r="I5765" s="236">
        <f t="shared" si="1340"/>
        <v>19.749315674106974</v>
      </c>
      <c r="J5765" s="237">
        <f t="shared" si="1345"/>
        <v>9.749315674106974</v>
      </c>
      <c r="K5765" s="237">
        <f t="shared" si="1341"/>
        <v>1130.1545894507717</v>
      </c>
      <c r="L5765" s="237">
        <f t="shared" si="1346"/>
        <v>557.97283466049032</v>
      </c>
      <c r="M5765" s="236">
        <f t="shared" si="1342"/>
        <v>33.61745275997653</v>
      </c>
      <c r="N5765" s="236">
        <f t="shared" si="1343"/>
        <v>0.50486134533180849</v>
      </c>
      <c r="O5765" s="236">
        <f t="shared" si="1347"/>
        <v>2.1515545838992667</v>
      </c>
      <c r="P5765" s="236" t="str">
        <f t="shared" si="1348"/>
        <v>SAND</v>
      </c>
      <c r="Q5765" s="236" t="e">
        <f t="shared" si="1344"/>
        <v>#N/A</v>
      </c>
      <c r="R5765" s="238">
        <v>35</v>
      </c>
      <c r="S5765" s="236" t="e">
        <f t="shared" si="1349"/>
        <v>#N/A</v>
      </c>
      <c r="T5765" s="236">
        <f t="shared" si="1335"/>
        <v>34.392212835945244</v>
      </c>
    </row>
    <row r="5766" spans="1:20" x14ac:dyDescent="0.2">
      <c r="A5766" s="53">
        <f t="shared" si="1336"/>
        <v>5754</v>
      </c>
      <c r="B5766" s="239">
        <v>57.241999999999997</v>
      </c>
      <c r="C5766" s="3">
        <f t="shared" si="1337"/>
        <v>57.234999999999999</v>
      </c>
      <c r="D5766" s="239">
        <v>19.886600000000001</v>
      </c>
      <c r="E5766" s="239">
        <v>9.6199999999999994E-2</v>
      </c>
      <c r="F5766" s="239">
        <v>0.5101</v>
      </c>
      <c r="G5766">
        <f t="shared" si="1338"/>
        <v>19.988620000000001</v>
      </c>
      <c r="H5766" s="235">
        <f t="shared" si="1339"/>
        <v>0.48127384481770125</v>
      </c>
      <c r="I5766" s="236">
        <f t="shared" si="1340"/>
        <v>19.769720279480545</v>
      </c>
      <c r="J5766" s="237">
        <f t="shared" si="1345"/>
        <v>9.7697202794805449</v>
      </c>
      <c r="K5766" s="237">
        <f t="shared" si="1341"/>
        <v>1131.519940196069</v>
      </c>
      <c r="L5766" s="237">
        <f t="shared" si="1346"/>
        <v>559.23832823802536</v>
      </c>
      <c r="M5766" s="236">
        <f t="shared" si="1342"/>
        <v>33.719255472378663</v>
      </c>
      <c r="N5766" s="236">
        <f t="shared" si="1343"/>
        <v>0.51015267297149958</v>
      </c>
      <c r="O5766" s="236">
        <f t="shared" si="1347"/>
        <v>2.1523163225022923</v>
      </c>
      <c r="P5766" s="236" t="str">
        <f t="shared" si="1348"/>
        <v>SAND</v>
      </c>
      <c r="Q5766" s="236" t="e">
        <f t="shared" si="1344"/>
        <v>#N/A</v>
      </c>
      <c r="R5766" s="238">
        <v>35</v>
      </c>
      <c r="S5766" s="236" t="e">
        <f t="shared" si="1349"/>
        <v>#N/A</v>
      </c>
      <c r="T5766" s="236">
        <f t="shared" si="1335"/>
        <v>34.406657744285198</v>
      </c>
    </row>
    <row r="5767" spans="1:20" x14ac:dyDescent="0.2">
      <c r="A5767" s="53">
        <f t="shared" si="1336"/>
        <v>5755</v>
      </c>
      <c r="B5767" s="239">
        <v>57.252000000000002</v>
      </c>
      <c r="C5767" s="3">
        <f t="shared" si="1337"/>
        <v>57.245000000000005</v>
      </c>
      <c r="D5767" s="239">
        <v>19.886299999999999</v>
      </c>
      <c r="E5767" s="239">
        <v>9.6500000000000002E-2</v>
      </c>
      <c r="F5767" s="239">
        <v>0.50639999999999996</v>
      </c>
      <c r="G5767">
        <f t="shared" si="1338"/>
        <v>19.987579999999998</v>
      </c>
      <c r="H5767" s="235">
        <f t="shared" si="1339"/>
        <v>0.4827998186874049</v>
      </c>
      <c r="I5767" s="236">
        <f t="shared" si="1340"/>
        <v>19.773350993924367</v>
      </c>
      <c r="J5767" s="237">
        <f t="shared" si="1345"/>
        <v>9.7733509939243675</v>
      </c>
      <c r="K5767" s="237">
        <f t="shared" si="1341"/>
        <v>1131.9254776472005</v>
      </c>
      <c r="L5767" s="237">
        <f t="shared" si="1346"/>
        <v>559.54389110415786</v>
      </c>
      <c r="M5767" s="236">
        <f t="shared" si="1342"/>
        <v>33.698258210172931</v>
      </c>
      <c r="N5767" s="236">
        <f t="shared" si="1343"/>
        <v>0.51178281764550904</v>
      </c>
      <c r="O5767" s="236">
        <f t="shared" si="1347"/>
        <v>2.1531579235330982</v>
      </c>
      <c r="P5767" s="236" t="str">
        <f t="shared" si="1348"/>
        <v>SAND</v>
      </c>
      <c r="Q5767" s="236" t="e">
        <f t="shared" si="1344"/>
        <v>#N/A</v>
      </c>
      <c r="R5767" s="238">
        <v>35</v>
      </c>
      <c r="S5767" s="236" t="e">
        <f t="shared" si="1349"/>
        <v>#N/A</v>
      </c>
      <c r="T5767" s="236">
        <f t="shared" si="1335"/>
        <v>34.403681990835231</v>
      </c>
    </row>
    <row r="5768" spans="1:20" x14ac:dyDescent="0.2">
      <c r="A5768" s="53">
        <f t="shared" si="1336"/>
        <v>5756</v>
      </c>
      <c r="B5768" s="239">
        <v>57.262999999999998</v>
      </c>
      <c r="C5768" s="3">
        <f t="shared" si="1337"/>
        <v>57.256</v>
      </c>
      <c r="D5768" s="239">
        <v>19.924199999999999</v>
      </c>
      <c r="E5768" s="239">
        <v>9.7799999999999998E-2</v>
      </c>
      <c r="F5768" s="239">
        <v>0.5081</v>
      </c>
      <c r="G5768">
        <f t="shared" si="1338"/>
        <v>20.02582</v>
      </c>
      <c r="H5768" s="235">
        <f t="shared" si="1339"/>
        <v>0.48836951495619152</v>
      </c>
      <c r="I5768" s="236">
        <f t="shared" si="1340"/>
        <v>19.789789239721522</v>
      </c>
      <c r="J5768" s="237">
        <f t="shared" si="1345"/>
        <v>9.7897892397215216</v>
      </c>
      <c r="K5768" s="237">
        <f t="shared" si="1341"/>
        <v>1133.0841727094955</v>
      </c>
      <c r="L5768" s="237">
        <f t="shared" si="1346"/>
        <v>560.59270123417343</v>
      </c>
      <c r="M5768" s="236">
        <f t="shared" si="1342"/>
        <v>33.701358911197346</v>
      </c>
      <c r="N5768" s="236">
        <f t="shared" si="1343"/>
        <v>0.51765927864575434</v>
      </c>
      <c r="O5768" s="236">
        <f t="shared" si="1347"/>
        <v>2.1552660559108761</v>
      </c>
      <c r="P5768" s="236" t="str">
        <f t="shared" si="1348"/>
        <v>SAND</v>
      </c>
      <c r="Q5768" s="236" t="e">
        <f t="shared" si="1344"/>
        <v>#N/A</v>
      </c>
      <c r="R5768" s="238">
        <v>35</v>
      </c>
      <c r="S5768" s="236" t="e">
        <f t="shared" si="1349"/>
        <v>#N/A</v>
      </c>
      <c r="T5768" s="236">
        <f t="shared" si="1335"/>
        <v>34.404121542020754</v>
      </c>
    </row>
    <row r="5769" spans="1:20" x14ac:dyDescent="0.2">
      <c r="A5769" s="53">
        <f t="shared" si="1336"/>
        <v>5757</v>
      </c>
      <c r="B5769" s="239">
        <v>57.271999999999998</v>
      </c>
      <c r="C5769" s="3">
        <f t="shared" si="1337"/>
        <v>57.265000000000001</v>
      </c>
      <c r="D5769" s="239">
        <v>19.9803</v>
      </c>
      <c r="E5769" s="239">
        <v>9.69E-2</v>
      </c>
      <c r="F5769" s="239">
        <v>0.50900000000000001</v>
      </c>
      <c r="G5769">
        <f t="shared" si="1338"/>
        <v>20.082100000000001</v>
      </c>
      <c r="H5769" s="235">
        <f t="shared" si="1339"/>
        <v>0.48251925844408694</v>
      </c>
      <c r="I5769" s="236">
        <f t="shared" si="1340"/>
        <v>19.78004546522714</v>
      </c>
      <c r="J5769" s="237">
        <f t="shared" si="1345"/>
        <v>9.7800454652271398</v>
      </c>
      <c r="K5769" s="237">
        <f t="shared" si="1341"/>
        <v>1132.7043035662323</v>
      </c>
      <c r="L5769" s="237">
        <f t="shared" si="1346"/>
        <v>560.12276388448879</v>
      </c>
      <c r="M5769" s="236">
        <f t="shared" si="1342"/>
        <v>33.830790173601308</v>
      </c>
      <c r="N5769" s="236">
        <f t="shared" si="1343"/>
        <v>0.51136195344865976</v>
      </c>
      <c r="O5769" s="236">
        <f t="shared" si="1347"/>
        <v>2.1514659717895035</v>
      </c>
      <c r="P5769" s="236" t="str">
        <f t="shared" si="1348"/>
        <v>SAND</v>
      </c>
      <c r="Q5769" s="236" t="e">
        <f t="shared" si="1344"/>
        <v>#N/A</v>
      </c>
      <c r="R5769" s="238">
        <v>35</v>
      </c>
      <c r="S5769" s="236" t="e">
        <f t="shared" si="1349"/>
        <v>#N/A</v>
      </c>
      <c r="T5769" s="236">
        <f t="shared" si="1335"/>
        <v>34.422433557231443</v>
      </c>
    </row>
    <row r="5770" spans="1:20" x14ac:dyDescent="0.2">
      <c r="A5770" s="53">
        <f t="shared" si="1336"/>
        <v>5758</v>
      </c>
      <c r="B5770" s="239">
        <v>57.283000000000001</v>
      </c>
      <c r="C5770" s="3">
        <f t="shared" si="1337"/>
        <v>57.276000000000003</v>
      </c>
      <c r="D5770" s="239">
        <v>19.9876</v>
      </c>
      <c r="E5770" s="239">
        <v>9.6199999999999994E-2</v>
      </c>
      <c r="F5770" s="239">
        <v>0.52849999999999997</v>
      </c>
      <c r="G5770">
        <f t="shared" si="1338"/>
        <v>20.093299999999999</v>
      </c>
      <c r="H5770" s="235">
        <f t="shared" si="1339"/>
        <v>0.47876655402547114</v>
      </c>
      <c r="I5770" s="236">
        <f t="shared" si="1340"/>
        <v>19.771761890498897</v>
      </c>
      <c r="J5770" s="237">
        <f t="shared" si="1345"/>
        <v>9.7717618904988974</v>
      </c>
      <c r="K5770" s="237">
        <f t="shared" si="1341"/>
        <v>1132.4474340402148</v>
      </c>
      <c r="L5770" s="237">
        <f t="shared" si="1346"/>
        <v>559.75583637344835</v>
      </c>
      <c r="M5770" s="236">
        <f t="shared" si="1342"/>
        <v>33.87343433308984</v>
      </c>
      <c r="N5770" s="236">
        <f t="shared" si="1343"/>
        <v>0.50736115195952114</v>
      </c>
      <c r="O5770" s="236">
        <f t="shared" si="1347"/>
        <v>2.1495018364443954</v>
      </c>
      <c r="P5770" s="236" t="str">
        <f t="shared" si="1348"/>
        <v>SAND</v>
      </c>
      <c r="Q5770" s="236" t="e">
        <f t="shared" si="1344"/>
        <v>#N/A</v>
      </c>
      <c r="R5770" s="238">
        <v>35</v>
      </c>
      <c r="S5770" s="236" t="e">
        <f t="shared" si="1349"/>
        <v>#N/A</v>
      </c>
      <c r="T5770" s="236">
        <f t="shared" si="1335"/>
        <v>34.428451538622966</v>
      </c>
    </row>
    <row r="5771" spans="1:20" x14ac:dyDescent="0.2">
      <c r="A5771" s="53">
        <f t="shared" si="1336"/>
        <v>5759</v>
      </c>
      <c r="B5771" s="239">
        <v>57.293999999999997</v>
      </c>
      <c r="C5771" s="3">
        <f t="shared" si="1337"/>
        <v>57.286999999999999</v>
      </c>
      <c r="D5771" s="239">
        <v>20.014099999999999</v>
      </c>
      <c r="E5771" s="239">
        <v>9.6600000000000005E-2</v>
      </c>
      <c r="F5771" s="239">
        <v>0.53439999999999999</v>
      </c>
      <c r="G5771">
        <f t="shared" si="1338"/>
        <v>20.120979999999999</v>
      </c>
      <c r="H5771" s="235">
        <f t="shared" si="1339"/>
        <v>0.48009589990149587</v>
      </c>
      <c r="I5771" s="236">
        <f t="shared" si="1340"/>
        <v>19.777165512143888</v>
      </c>
      <c r="J5771" s="237">
        <f t="shared" si="1345"/>
        <v>9.7771655121438883</v>
      </c>
      <c r="K5771" s="237">
        <f t="shared" si="1341"/>
        <v>1132.9744806941869</v>
      </c>
      <c r="L5771" s="237">
        <f t="shared" si="1346"/>
        <v>560.17292085277188</v>
      </c>
      <c r="M5771" s="236">
        <f t="shared" si="1342"/>
        <v>33.896685849076164</v>
      </c>
      <c r="N5771" s="236">
        <f t="shared" si="1343"/>
        <v>0.50874221572025125</v>
      </c>
      <c r="O5771" s="236">
        <f t="shared" si="1347"/>
        <v>2.1497413962655623</v>
      </c>
      <c r="P5771" s="236" t="str">
        <f t="shared" si="1348"/>
        <v>SAND</v>
      </c>
      <c r="Q5771" s="236" t="e">
        <f t="shared" si="1344"/>
        <v>#N/A</v>
      </c>
      <c r="R5771" s="238">
        <v>35</v>
      </c>
      <c r="S5771" s="236" t="e">
        <f t="shared" si="1349"/>
        <v>#N/A</v>
      </c>
      <c r="T5771" s="236">
        <f t="shared" si="1335"/>
        <v>34.431729622239644</v>
      </c>
    </row>
    <row r="5772" spans="1:20" x14ac:dyDescent="0.2">
      <c r="A5772" s="53">
        <f t="shared" si="1336"/>
        <v>5760</v>
      </c>
      <c r="B5772" s="239">
        <v>57.304000000000002</v>
      </c>
      <c r="C5772" s="3">
        <f t="shared" si="1337"/>
        <v>57.297000000000004</v>
      </c>
      <c r="D5772" s="239">
        <v>19.955200000000001</v>
      </c>
      <c r="E5772" s="239">
        <v>9.6100000000000005E-2</v>
      </c>
      <c r="F5772" s="239">
        <v>0.53559999999999997</v>
      </c>
      <c r="G5772">
        <f t="shared" si="1338"/>
        <v>20.06232</v>
      </c>
      <c r="H5772" s="235">
        <f t="shared" si="1339"/>
        <v>0.47900741290139931</v>
      </c>
      <c r="I5772" s="236">
        <f t="shared" si="1340"/>
        <v>19.769939239019408</v>
      </c>
      <c r="J5772" s="237">
        <f t="shared" si="1345"/>
        <v>9.7699392390194078</v>
      </c>
      <c r="K5772" s="237">
        <f t="shared" si="1341"/>
        <v>1132.758208578095</v>
      </c>
      <c r="L5772" s="237">
        <f t="shared" si="1346"/>
        <v>559.85659815276813</v>
      </c>
      <c r="M5772" s="236">
        <f t="shared" si="1342"/>
        <v>33.811447170363778</v>
      </c>
      <c r="N5772" s="236">
        <f t="shared" si="1343"/>
        <v>0.50767155129575459</v>
      </c>
      <c r="O5772" s="236">
        <f t="shared" si="1347"/>
        <v>2.1503341739956867</v>
      </c>
      <c r="P5772" s="236" t="str">
        <f t="shared" si="1348"/>
        <v>SAND</v>
      </c>
      <c r="Q5772" s="236" t="e">
        <f t="shared" si="1344"/>
        <v>#N/A</v>
      </c>
      <c r="R5772" s="238">
        <v>35</v>
      </c>
      <c r="S5772" s="236" t="e">
        <f t="shared" si="1349"/>
        <v>#N/A</v>
      </c>
      <c r="T5772" s="236">
        <f t="shared" si="1335"/>
        <v>34.419701354353137</v>
      </c>
    </row>
    <row r="5773" spans="1:20" x14ac:dyDescent="0.2">
      <c r="A5773" s="53">
        <f t="shared" si="1336"/>
        <v>5761</v>
      </c>
      <c r="B5773" s="239">
        <v>57.314999999999998</v>
      </c>
      <c r="C5773" s="3">
        <f t="shared" si="1337"/>
        <v>57.308</v>
      </c>
      <c r="D5773" s="239">
        <v>19.974299999999999</v>
      </c>
      <c r="E5773" s="239">
        <v>9.64E-2</v>
      </c>
      <c r="F5773" s="239">
        <v>0.54569999999999996</v>
      </c>
      <c r="G5773">
        <f t="shared" si="1338"/>
        <v>20.08344</v>
      </c>
      <c r="H5773" s="235">
        <f t="shared" si="1339"/>
        <v>0.47999745063594684</v>
      </c>
      <c r="I5773" s="236">
        <f t="shared" si="1340"/>
        <v>19.774005338752797</v>
      </c>
      <c r="J5773" s="237">
        <f t="shared" si="1345"/>
        <v>9.7740053387527972</v>
      </c>
      <c r="K5773" s="237">
        <f t="shared" si="1341"/>
        <v>1133.2086979532453</v>
      </c>
      <c r="L5773" s="237">
        <f t="shared" si="1346"/>
        <v>560.19711599061657</v>
      </c>
      <c r="M5773" s="236">
        <f t="shared" si="1342"/>
        <v>33.827791613200972</v>
      </c>
      <c r="N5773" s="236">
        <f t="shared" si="1343"/>
        <v>0.50870091485156788</v>
      </c>
      <c r="O5773" s="236">
        <f t="shared" si="1347"/>
        <v>2.1505235588982368</v>
      </c>
      <c r="P5773" s="236" t="str">
        <f t="shared" si="1348"/>
        <v>SAND</v>
      </c>
      <c r="Q5773" s="236" t="e">
        <f t="shared" si="1344"/>
        <v>#N/A</v>
      </c>
      <c r="R5773" s="238">
        <v>35</v>
      </c>
      <c r="S5773" s="236" t="e">
        <f t="shared" si="1349"/>
        <v>#N/A</v>
      </c>
      <c r="T5773" s="236">
        <f t="shared" ref="T5773:T5836" si="1350">IF(P5773="SAND",17.6+(11*LOG(M5773)),#N/A)</f>
        <v>34.422010112334377</v>
      </c>
    </row>
    <row r="5774" spans="1:20" x14ac:dyDescent="0.2">
      <c r="A5774" s="53">
        <f t="shared" ref="A5774:A5837" si="1351">$A5773+1</f>
        <v>5762</v>
      </c>
      <c r="B5774" s="239">
        <v>57.323999999999998</v>
      </c>
      <c r="C5774" s="3">
        <f t="shared" ref="C5774:C5837" si="1352">MAX($B5774 - $B$13, 0.001)</f>
        <v>57.317</v>
      </c>
      <c r="D5774" s="239">
        <v>20.076899999999998</v>
      </c>
      <c r="E5774" s="239">
        <v>9.7000000000000003E-2</v>
      </c>
      <c r="F5774" s="239">
        <v>0.54530000000000001</v>
      </c>
      <c r="G5774">
        <f t="shared" si="1338"/>
        <v>20.185959999999998</v>
      </c>
      <c r="H5774" s="235">
        <f t="shared" si="1339"/>
        <v>0.48053201333996509</v>
      </c>
      <c r="I5774" s="236">
        <f t="shared" si="1340"/>
        <v>19.783271204399114</v>
      </c>
      <c r="J5774" s="237">
        <f t="shared" si="1345"/>
        <v>9.7832712043991137</v>
      </c>
      <c r="K5774" s="237">
        <f t="shared" si="1341"/>
        <v>1133.9177556225441</v>
      </c>
      <c r="L5774" s="237">
        <f t="shared" si="1346"/>
        <v>560.81623852097482</v>
      </c>
      <c r="M5774" s="236">
        <f t="shared" si="1342"/>
        <v>33.971987499190249</v>
      </c>
      <c r="N5774" s="236">
        <f t="shared" si="1343"/>
        <v>0.50913177052515812</v>
      </c>
      <c r="O5774" s="236">
        <f t="shared" si="1347"/>
        <v>2.1490151617829389</v>
      </c>
      <c r="P5774" s="236" t="str">
        <f t="shared" si="1348"/>
        <v>SAND</v>
      </c>
      <c r="Q5774" s="236" t="e">
        <f t="shared" si="1344"/>
        <v>#N/A</v>
      </c>
      <c r="R5774" s="238">
        <v>35</v>
      </c>
      <c r="S5774" s="236" t="e">
        <f t="shared" si="1349"/>
        <v>#N/A</v>
      </c>
      <c r="T5774" s="236">
        <f t="shared" si="1350"/>
        <v>34.44233051164025</v>
      </c>
    </row>
    <row r="5775" spans="1:20" x14ac:dyDescent="0.2">
      <c r="A5775" s="53">
        <f t="shared" si="1351"/>
        <v>5763</v>
      </c>
      <c r="B5775" s="239">
        <v>57.335000000000001</v>
      </c>
      <c r="C5775" s="3">
        <f t="shared" si="1352"/>
        <v>57.328000000000003</v>
      </c>
      <c r="D5775" s="239">
        <v>20.2212</v>
      </c>
      <c r="E5775" s="239">
        <v>9.69E-2</v>
      </c>
      <c r="F5775" s="239">
        <v>0.53869999999999996</v>
      </c>
      <c r="G5775">
        <f t="shared" ref="G5775:G5838" si="1353">$D5775+($F5775*(1-$P$8))</f>
        <v>20.328939999999999</v>
      </c>
      <c r="H5775" s="235">
        <f t="shared" ref="H5775:H5838" si="1354">($E5775/$G5775)*100</f>
        <v>0.47666036694485792</v>
      </c>
      <c r="I5775" s="236">
        <f t="shared" ref="I5775:I5838" si="1355">((0.27*(LOG($H5775)))+(0.36*(LOG(($G5775*1000)/101)))+1.236)*10</f>
        <v>19.78482051307882</v>
      </c>
      <c r="J5775" s="237">
        <f t="shared" si="1345"/>
        <v>9.7848205130788202</v>
      </c>
      <c r="K5775" s="237">
        <f t="shared" ref="K5775:K5838" si="1356">$I5775*$C5775</f>
        <v>1134.2241903737827</v>
      </c>
      <c r="L5775" s="237">
        <f t="shared" si="1346"/>
        <v>561.01268411737419</v>
      </c>
      <c r="M5775" s="236">
        <f t="shared" ref="M5775:M5838" si="1357">(($G5775*1000)-$K5775)/$L5775</f>
        <v>34.214406114230258</v>
      </c>
      <c r="N5775" s="236">
        <f t="shared" ref="N5775:N5838" si="1358">(($E5775*1000)/(($G5775*1000)-$K5775))*100</f>
        <v>0.50482643744797884</v>
      </c>
      <c r="O5775" s="236">
        <f t="shared" si="1347"/>
        <v>2.1446393850175403</v>
      </c>
      <c r="P5775" s="236" t="str">
        <f t="shared" si="1348"/>
        <v>SAND</v>
      </c>
      <c r="Q5775" s="236" t="e">
        <f t="shared" ref="Q5775:Q5838" si="1359">IF(P5775="CLAY",($G5775*1000 -$K5775)/$L$8,#N/A)</f>
        <v>#N/A</v>
      </c>
      <c r="R5775" s="238">
        <v>35</v>
      </c>
      <c r="S5775" s="236" t="e">
        <f t="shared" si="1349"/>
        <v>#N/A</v>
      </c>
      <c r="T5775" s="236">
        <f t="shared" si="1350"/>
        <v>34.476299066157381</v>
      </c>
    </row>
    <row r="5776" spans="1:20" x14ac:dyDescent="0.2">
      <c r="A5776" s="53">
        <f t="shared" si="1351"/>
        <v>5764</v>
      </c>
      <c r="B5776" s="239">
        <v>57.345999999999997</v>
      </c>
      <c r="C5776" s="3">
        <f t="shared" si="1352"/>
        <v>57.338999999999999</v>
      </c>
      <c r="D5776" s="239">
        <v>20.454799999999999</v>
      </c>
      <c r="E5776" s="239">
        <v>9.5899999999999999E-2</v>
      </c>
      <c r="F5776" s="239">
        <v>0.53869999999999996</v>
      </c>
      <c r="G5776">
        <f t="shared" si="1353"/>
        <v>20.562539999999998</v>
      </c>
      <c r="H5776" s="235">
        <f t="shared" si="1354"/>
        <v>0.46638207147560562</v>
      </c>
      <c r="I5776" s="236">
        <f t="shared" si="1355"/>
        <v>19.777122377852535</v>
      </c>
      <c r="J5776" s="237">
        <f t="shared" ref="J5776:J5839" si="1360">$I5776-10</f>
        <v>9.7771223778525354</v>
      </c>
      <c r="K5776" s="237">
        <f t="shared" si="1356"/>
        <v>1134.0004200236865</v>
      </c>
      <c r="L5776" s="237">
        <f t="shared" ref="L5776:L5839" si="1361">$J5776*$B5776</f>
        <v>560.6788598803314</v>
      </c>
      <c r="M5776" s="236">
        <f t="shared" si="1357"/>
        <v>34.651814024382951</v>
      </c>
      <c r="N5776" s="236">
        <f t="shared" si="1358"/>
        <v>0.49360375032427911</v>
      </c>
      <c r="O5776" s="236">
        <f t="shared" ref="O5776:O5839" si="1362">((3.47-LOG($M5776))^2+(LOG($N5776)+1.22)^2)^0.5</f>
        <v>2.1354666952017975</v>
      </c>
      <c r="P5776" s="236" t="str">
        <f t="shared" ref="P5776:P5839" si="1363">IF(O5776&lt;2.6,"SAND","CLAY")</f>
        <v>SAND</v>
      </c>
      <c r="Q5776" s="236" t="e">
        <f t="shared" si="1359"/>
        <v>#N/A</v>
      </c>
      <c r="R5776" s="238">
        <v>35</v>
      </c>
      <c r="S5776" s="236" t="e">
        <f t="shared" ref="S5776:S5839" si="1364">IF(P5776="SAND",#N/A,0.25*($M5776)^1.25)</f>
        <v>#N/A</v>
      </c>
      <c r="T5776" s="236">
        <f t="shared" si="1350"/>
        <v>34.536985723714324</v>
      </c>
    </row>
    <row r="5777" spans="1:20" x14ac:dyDescent="0.2">
      <c r="A5777" s="53">
        <f t="shared" si="1351"/>
        <v>5765</v>
      </c>
      <c r="B5777" s="239">
        <v>57.356000000000002</v>
      </c>
      <c r="C5777" s="3">
        <f t="shared" si="1352"/>
        <v>57.349000000000004</v>
      </c>
      <c r="D5777" s="239">
        <v>20.5852</v>
      </c>
      <c r="E5777" s="239">
        <v>9.6199999999999994E-2</v>
      </c>
      <c r="F5777" s="239">
        <v>0.53149999999999997</v>
      </c>
      <c r="G5777">
        <f t="shared" si="1353"/>
        <v>20.691500000000001</v>
      </c>
      <c r="H5777" s="235">
        <f t="shared" si="1354"/>
        <v>0.46492521083536709</v>
      </c>
      <c r="I5777" s="236">
        <f t="shared" si="1355"/>
        <v>19.78322852669924</v>
      </c>
      <c r="J5777" s="237">
        <f t="shared" si="1360"/>
        <v>9.78322852669924</v>
      </c>
      <c r="K5777" s="237">
        <f t="shared" si="1356"/>
        <v>1134.5483727776748</v>
      </c>
      <c r="L5777" s="237">
        <f t="shared" si="1361"/>
        <v>561.12685537736161</v>
      </c>
      <c r="M5777" s="236">
        <f t="shared" si="1357"/>
        <v>34.852995253756198</v>
      </c>
      <c r="N5777" s="236">
        <f t="shared" si="1358"/>
        <v>0.49189670166230948</v>
      </c>
      <c r="O5777" s="236">
        <f t="shared" si="1362"/>
        <v>2.1325506402175951</v>
      </c>
      <c r="P5777" s="236" t="str">
        <f t="shared" si="1363"/>
        <v>SAND</v>
      </c>
      <c r="Q5777" s="236" t="e">
        <f t="shared" si="1359"/>
        <v>#N/A</v>
      </c>
      <c r="R5777" s="238">
        <v>35</v>
      </c>
      <c r="S5777" s="236" t="e">
        <f t="shared" si="1364"/>
        <v>#N/A</v>
      </c>
      <c r="T5777" s="236">
        <f t="shared" si="1350"/>
        <v>34.564641178627568</v>
      </c>
    </row>
    <row r="5778" spans="1:20" x14ac:dyDescent="0.2">
      <c r="A5778" s="53">
        <f t="shared" si="1351"/>
        <v>5766</v>
      </c>
      <c r="B5778" s="239">
        <v>57.366</v>
      </c>
      <c r="C5778" s="3">
        <f t="shared" si="1352"/>
        <v>57.359000000000002</v>
      </c>
      <c r="D5778" s="239">
        <v>20.8002</v>
      </c>
      <c r="E5778" s="239">
        <v>9.5899999999999999E-2</v>
      </c>
      <c r="F5778" s="239">
        <v>0.53559999999999997</v>
      </c>
      <c r="G5778">
        <f t="shared" si="1353"/>
        <v>20.907319999999999</v>
      </c>
      <c r="H5778" s="235">
        <f t="shared" si="1354"/>
        <v>0.45869102304838694</v>
      </c>
      <c r="I5778" s="236">
        <f t="shared" si="1355"/>
        <v>19.783621823545779</v>
      </c>
      <c r="J5778" s="237">
        <f t="shared" si="1360"/>
        <v>9.7836218235457793</v>
      </c>
      <c r="K5778" s="237">
        <f t="shared" si="1356"/>
        <v>1134.7687641767625</v>
      </c>
      <c r="L5778" s="237">
        <f t="shared" si="1361"/>
        <v>561.24724952952715</v>
      </c>
      <c r="M5778" s="236">
        <f t="shared" si="1357"/>
        <v>35.22966259950109</v>
      </c>
      <c r="N5778" s="236">
        <f t="shared" si="1358"/>
        <v>0.48501581235633184</v>
      </c>
      <c r="O5778" s="236">
        <f t="shared" si="1362"/>
        <v>2.1257174613177736</v>
      </c>
      <c r="P5778" s="236" t="str">
        <f t="shared" si="1363"/>
        <v>SAND</v>
      </c>
      <c r="Q5778" s="236" t="e">
        <f t="shared" si="1359"/>
        <v>#N/A</v>
      </c>
      <c r="R5778" s="238">
        <v>35</v>
      </c>
      <c r="S5778" s="236" t="e">
        <f t="shared" si="1364"/>
        <v>#N/A</v>
      </c>
      <c r="T5778" s="236">
        <f t="shared" si="1350"/>
        <v>34.615993322775623</v>
      </c>
    </row>
    <row r="5779" spans="1:20" x14ac:dyDescent="0.2">
      <c r="A5779" s="53">
        <f t="shared" si="1351"/>
        <v>5767</v>
      </c>
      <c r="B5779" s="239">
        <v>57.375999999999998</v>
      </c>
      <c r="C5779" s="3">
        <f t="shared" si="1352"/>
        <v>57.369</v>
      </c>
      <c r="D5779" s="239">
        <v>21.0745</v>
      </c>
      <c r="E5779" s="239">
        <v>9.5100000000000004E-2</v>
      </c>
      <c r="F5779" s="239">
        <v>0.53520000000000001</v>
      </c>
      <c r="G5779">
        <f t="shared" si="1353"/>
        <v>21.181540000000002</v>
      </c>
      <c r="H5779" s="235">
        <f t="shared" si="1354"/>
        <v>0.44897585350262542</v>
      </c>
      <c r="I5779" s="236">
        <f t="shared" si="1355"/>
        <v>19.778892229111872</v>
      </c>
      <c r="J5779" s="237">
        <f t="shared" si="1360"/>
        <v>9.7788922291118716</v>
      </c>
      <c r="K5779" s="237">
        <f t="shared" si="1356"/>
        <v>1134.6952682919189</v>
      </c>
      <c r="L5779" s="237">
        <f t="shared" si="1361"/>
        <v>561.07372053752272</v>
      </c>
      <c r="M5779" s="236">
        <f t="shared" si="1357"/>
        <v>35.729430907052112</v>
      </c>
      <c r="N5779" s="236">
        <f t="shared" si="1358"/>
        <v>0.47438886903523725</v>
      </c>
      <c r="O5779" s="236">
        <f t="shared" si="1362"/>
        <v>2.1160921440798663</v>
      </c>
      <c r="P5779" s="236" t="str">
        <f t="shared" si="1363"/>
        <v>SAND</v>
      </c>
      <c r="Q5779" s="236" t="e">
        <f t="shared" si="1359"/>
        <v>#N/A</v>
      </c>
      <c r="R5779" s="238">
        <v>35</v>
      </c>
      <c r="S5779" s="236" t="e">
        <f t="shared" si="1364"/>
        <v>#N/A</v>
      </c>
      <c r="T5779" s="236">
        <f t="shared" si="1350"/>
        <v>34.683287087690935</v>
      </c>
    </row>
    <row r="5780" spans="1:20" x14ac:dyDescent="0.2">
      <c r="A5780" s="53">
        <f t="shared" si="1351"/>
        <v>5768</v>
      </c>
      <c r="B5780" s="239">
        <v>57.387</v>
      </c>
      <c r="C5780" s="3">
        <f t="shared" si="1352"/>
        <v>57.38</v>
      </c>
      <c r="D5780" s="239">
        <v>21.3506</v>
      </c>
      <c r="E5780" s="239">
        <v>9.6100000000000005E-2</v>
      </c>
      <c r="F5780" s="239">
        <v>0.52659999999999996</v>
      </c>
      <c r="G5780">
        <f t="shared" si="1353"/>
        <v>21.455919999999999</v>
      </c>
      <c r="H5780" s="235">
        <f t="shared" si="1354"/>
        <v>0.44789503316567181</v>
      </c>
      <c r="I5780" s="236">
        <f t="shared" si="1355"/>
        <v>19.796188628177582</v>
      </c>
      <c r="J5780" s="237">
        <f t="shared" si="1360"/>
        <v>9.7961886281775818</v>
      </c>
      <c r="K5780" s="237">
        <f t="shared" si="1356"/>
        <v>1135.9053034848298</v>
      </c>
      <c r="L5780" s="237">
        <f t="shared" si="1361"/>
        <v>562.17387680522688</v>
      </c>
      <c r="M5780" s="236">
        <f t="shared" si="1357"/>
        <v>36.145426770791282</v>
      </c>
      <c r="N5780" s="236">
        <f t="shared" si="1358"/>
        <v>0.47293272881579612</v>
      </c>
      <c r="O5780" s="236">
        <f t="shared" si="1362"/>
        <v>2.1109727328229506</v>
      </c>
      <c r="P5780" s="236" t="str">
        <f t="shared" si="1363"/>
        <v>SAND</v>
      </c>
      <c r="Q5780" s="236" t="e">
        <f t="shared" si="1359"/>
        <v>#N/A</v>
      </c>
      <c r="R5780" s="238">
        <v>35</v>
      </c>
      <c r="S5780" s="236" t="e">
        <f t="shared" si="1364"/>
        <v>#N/A</v>
      </c>
      <c r="T5780" s="236">
        <f t="shared" si="1350"/>
        <v>34.738586925339916</v>
      </c>
    </row>
    <row r="5781" spans="1:20" x14ac:dyDescent="0.2">
      <c r="A5781" s="53">
        <f t="shared" si="1351"/>
        <v>5769</v>
      </c>
      <c r="B5781" s="239">
        <v>57.396000000000001</v>
      </c>
      <c r="C5781" s="3">
        <f t="shared" si="1352"/>
        <v>57.389000000000003</v>
      </c>
      <c r="D5781" s="239">
        <v>21.571999999999999</v>
      </c>
      <c r="E5781" s="239">
        <v>9.5699999999999993E-2</v>
      </c>
      <c r="F5781" s="239">
        <v>0.52470000000000006</v>
      </c>
      <c r="G5781">
        <f t="shared" si="1353"/>
        <v>21.676939999999998</v>
      </c>
      <c r="H5781" s="235">
        <f t="shared" si="1354"/>
        <v>0.44148297684082716</v>
      </c>
      <c r="I5781" s="236">
        <f t="shared" si="1355"/>
        <v>19.795303464346283</v>
      </c>
      <c r="J5781" s="237">
        <f t="shared" si="1360"/>
        <v>9.7953034643462829</v>
      </c>
      <c r="K5781" s="237">
        <f t="shared" si="1356"/>
        <v>1136.0326705153689</v>
      </c>
      <c r="L5781" s="237">
        <f t="shared" si="1361"/>
        <v>562.2112376396193</v>
      </c>
      <c r="M5781" s="236">
        <f t="shared" si="1357"/>
        <v>36.535924496499433</v>
      </c>
      <c r="N5781" s="236">
        <f t="shared" si="1358"/>
        <v>0.46589957524724923</v>
      </c>
      <c r="O5781" s="236">
        <f t="shared" si="1362"/>
        <v>2.1039914089036067</v>
      </c>
      <c r="P5781" s="236" t="str">
        <f t="shared" si="1363"/>
        <v>SAND</v>
      </c>
      <c r="Q5781" s="236" t="e">
        <f t="shared" si="1359"/>
        <v>#N/A</v>
      </c>
      <c r="R5781" s="238">
        <v>35</v>
      </c>
      <c r="S5781" s="236" t="e">
        <f t="shared" si="1364"/>
        <v>#N/A</v>
      </c>
      <c r="T5781" s="236">
        <f t="shared" si="1350"/>
        <v>34.789921112170418</v>
      </c>
    </row>
    <row r="5782" spans="1:20" x14ac:dyDescent="0.2">
      <c r="A5782" s="53">
        <f t="shared" si="1351"/>
        <v>5770</v>
      </c>
      <c r="B5782" s="239">
        <v>57.406999999999996</v>
      </c>
      <c r="C5782" s="3">
        <f t="shared" si="1352"/>
        <v>57.4</v>
      </c>
      <c r="D5782" s="239">
        <v>21.8795</v>
      </c>
      <c r="E5782" s="239">
        <v>9.6000000000000002E-2</v>
      </c>
      <c r="F5782" s="239">
        <v>0.51870000000000005</v>
      </c>
      <c r="G5782">
        <f t="shared" si="1353"/>
        <v>21.983239999999999</v>
      </c>
      <c r="H5782" s="235">
        <f t="shared" si="1354"/>
        <v>0.43669631955981014</v>
      </c>
      <c r="I5782" s="236">
        <f t="shared" si="1355"/>
        <v>19.804457914759777</v>
      </c>
      <c r="J5782" s="237">
        <f t="shared" si="1360"/>
        <v>9.8044579147597766</v>
      </c>
      <c r="K5782" s="237">
        <f t="shared" si="1356"/>
        <v>1136.7758843072111</v>
      </c>
      <c r="L5782" s="237">
        <f t="shared" si="1361"/>
        <v>562.84451551261441</v>
      </c>
      <c r="M5782" s="236">
        <f t="shared" si="1357"/>
        <v>37.0376960974857</v>
      </c>
      <c r="N5782" s="236">
        <f t="shared" si="1358"/>
        <v>0.4605097510408645</v>
      </c>
      <c r="O5782" s="236">
        <f t="shared" si="1362"/>
        <v>2.0964888761733738</v>
      </c>
      <c r="P5782" s="236" t="str">
        <f t="shared" si="1363"/>
        <v>SAND</v>
      </c>
      <c r="Q5782" s="236" t="e">
        <f t="shared" si="1359"/>
        <v>#N/A</v>
      </c>
      <c r="R5782" s="238">
        <v>35</v>
      </c>
      <c r="S5782" s="236" t="e">
        <f t="shared" si="1364"/>
        <v>#N/A</v>
      </c>
      <c r="T5782" s="236">
        <f t="shared" si="1350"/>
        <v>34.855083602710678</v>
      </c>
    </row>
    <row r="5783" spans="1:20" x14ac:dyDescent="0.2">
      <c r="A5783" s="53">
        <f t="shared" si="1351"/>
        <v>5771</v>
      </c>
      <c r="B5783" s="239">
        <v>57.417000000000002</v>
      </c>
      <c r="C5783" s="3">
        <f t="shared" si="1352"/>
        <v>57.410000000000004</v>
      </c>
      <c r="D5783" s="239">
        <v>22.043199999999999</v>
      </c>
      <c r="E5783" s="239">
        <v>9.4299999999999995E-2</v>
      </c>
      <c r="F5783" s="239">
        <v>0.51290000000000002</v>
      </c>
      <c r="G5783">
        <f t="shared" si="1353"/>
        <v>22.145779999999998</v>
      </c>
      <c r="H5783" s="235">
        <f t="shared" si="1354"/>
        <v>0.42581476019358988</v>
      </c>
      <c r="I5783" s="236">
        <f t="shared" si="1355"/>
        <v>19.786386507893237</v>
      </c>
      <c r="J5783" s="237">
        <f t="shared" si="1360"/>
        <v>9.7863865078932371</v>
      </c>
      <c r="K5783" s="237">
        <f t="shared" si="1356"/>
        <v>1135.9364494181509</v>
      </c>
      <c r="L5783" s="237">
        <f t="shared" si="1361"/>
        <v>561.90495412370603</v>
      </c>
      <c r="M5783" s="236">
        <f t="shared" si="1357"/>
        <v>37.390386748497029</v>
      </c>
      <c r="N5783" s="236">
        <f t="shared" si="1358"/>
        <v>0.4488372308578587</v>
      </c>
      <c r="O5783" s="236">
        <f t="shared" si="1362"/>
        <v>2.0880753780028698</v>
      </c>
      <c r="P5783" s="236" t="str">
        <f t="shared" si="1363"/>
        <v>SAND</v>
      </c>
      <c r="Q5783" s="236" t="e">
        <f t="shared" si="1359"/>
        <v>#N/A</v>
      </c>
      <c r="R5783" s="238">
        <v>35</v>
      </c>
      <c r="S5783" s="236" t="e">
        <f t="shared" si="1364"/>
        <v>#N/A</v>
      </c>
      <c r="T5783" s="236">
        <f t="shared" si="1350"/>
        <v>34.900359530458502</v>
      </c>
    </row>
    <row r="5784" spans="1:20" x14ac:dyDescent="0.2">
      <c r="A5784" s="53">
        <f t="shared" si="1351"/>
        <v>5772</v>
      </c>
      <c r="B5784" s="239">
        <v>57.427</v>
      </c>
      <c r="C5784" s="3">
        <f t="shared" si="1352"/>
        <v>57.42</v>
      </c>
      <c r="D5784" s="239">
        <v>22.164300000000001</v>
      </c>
      <c r="E5784" s="239">
        <v>9.3399999999999997E-2</v>
      </c>
      <c r="F5784" s="239">
        <v>0.51060000000000005</v>
      </c>
      <c r="G5784">
        <f t="shared" si="1353"/>
        <v>22.26642</v>
      </c>
      <c r="H5784" s="235">
        <f t="shared" si="1354"/>
        <v>0.41946572462030268</v>
      </c>
      <c r="I5784" s="236">
        <f t="shared" si="1355"/>
        <v>19.77726497721806</v>
      </c>
      <c r="J5784" s="237">
        <f t="shared" si="1360"/>
        <v>9.77726497721806</v>
      </c>
      <c r="K5784" s="237">
        <f t="shared" si="1356"/>
        <v>1135.6105549918611</v>
      </c>
      <c r="L5784" s="237">
        <f t="shared" si="1361"/>
        <v>561.47899584670154</v>
      </c>
      <c r="M5784" s="236">
        <f t="shared" si="1357"/>
        <v>37.634193979319228</v>
      </c>
      <c r="N5784" s="236">
        <f t="shared" si="1358"/>
        <v>0.44200862367846699</v>
      </c>
      <c r="O5784" s="236">
        <f t="shared" si="1362"/>
        <v>2.0827356009299787</v>
      </c>
      <c r="P5784" s="236" t="str">
        <f t="shared" si="1363"/>
        <v>SAND</v>
      </c>
      <c r="Q5784" s="236" t="e">
        <f t="shared" si="1359"/>
        <v>#N/A</v>
      </c>
      <c r="R5784" s="238">
        <v>35</v>
      </c>
      <c r="S5784" s="236" t="e">
        <f t="shared" si="1364"/>
        <v>#N/A</v>
      </c>
      <c r="T5784" s="236">
        <f t="shared" si="1350"/>
        <v>34.931408809873467</v>
      </c>
    </row>
    <row r="5785" spans="1:20" x14ac:dyDescent="0.2">
      <c r="A5785" s="53">
        <f t="shared" si="1351"/>
        <v>5773</v>
      </c>
      <c r="B5785" s="239">
        <v>57.438000000000002</v>
      </c>
      <c r="C5785" s="3">
        <f t="shared" si="1352"/>
        <v>57.431000000000004</v>
      </c>
      <c r="D5785" s="239">
        <v>22.254799999999999</v>
      </c>
      <c r="E5785" s="239">
        <v>9.0499999999999997E-2</v>
      </c>
      <c r="F5785" s="239">
        <v>0.52029999999999998</v>
      </c>
      <c r="G5785">
        <f t="shared" si="1353"/>
        <v>22.35886</v>
      </c>
      <c r="H5785" s="235">
        <f t="shared" si="1354"/>
        <v>0.40476124453572321</v>
      </c>
      <c r="I5785" s="236">
        <f t="shared" si="1355"/>
        <v>19.741898909197744</v>
      </c>
      <c r="J5785" s="237">
        <f t="shared" si="1360"/>
        <v>9.7418989091977437</v>
      </c>
      <c r="K5785" s="237">
        <f t="shared" si="1356"/>
        <v>1133.7969962541358</v>
      </c>
      <c r="L5785" s="237">
        <f t="shared" si="1361"/>
        <v>559.55518954650006</v>
      </c>
      <c r="M5785" s="236">
        <f t="shared" si="1357"/>
        <v>37.932027796843485</v>
      </c>
      <c r="N5785" s="236">
        <f t="shared" si="1358"/>
        <v>0.42638271549077744</v>
      </c>
      <c r="O5785" s="236">
        <f t="shared" si="1362"/>
        <v>2.0731660391026634</v>
      </c>
      <c r="P5785" s="236" t="str">
        <f t="shared" si="1363"/>
        <v>SAND</v>
      </c>
      <c r="Q5785" s="236" t="e">
        <f t="shared" si="1359"/>
        <v>#N/A</v>
      </c>
      <c r="R5785" s="238">
        <v>35</v>
      </c>
      <c r="S5785" s="236" t="e">
        <f t="shared" si="1364"/>
        <v>#N/A</v>
      </c>
      <c r="T5785" s="236">
        <f t="shared" si="1350"/>
        <v>34.969066661553427</v>
      </c>
    </row>
    <row r="5786" spans="1:20" x14ac:dyDescent="0.2">
      <c r="A5786" s="53">
        <f t="shared" si="1351"/>
        <v>5774</v>
      </c>
      <c r="B5786" s="239">
        <v>57.448</v>
      </c>
      <c r="C5786" s="3">
        <f t="shared" si="1352"/>
        <v>57.441000000000003</v>
      </c>
      <c r="D5786" s="239">
        <v>22.2743</v>
      </c>
      <c r="E5786" s="239">
        <v>8.8900000000000007E-2</v>
      </c>
      <c r="F5786" s="239">
        <v>0.51329999999999998</v>
      </c>
      <c r="G5786">
        <f t="shared" si="1353"/>
        <v>22.37696</v>
      </c>
      <c r="H5786" s="235">
        <f t="shared" si="1354"/>
        <v>0.39728363459558408</v>
      </c>
      <c r="I5786" s="236">
        <f t="shared" si="1355"/>
        <v>19.721298785995192</v>
      </c>
      <c r="J5786" s="237">
        <f t="shared" si="1360"/>
        <v>9.7212987859951916</v>
      </c>
      <c r="K5786" s="237">
        <f t="shared" si="1356"/>
        <v>1132.8111235663498</v>
      </c>
      <c r="L5786" s="237">
        <f t="shared" si="1361"/>
        <v>558.4691726578518</v>
      </c>
      <c r="M5786" s="236">
        <f t="shared" si="1357"/>
        <v>38.039966960627488</v>
      </c>
      <c r="N5786" s="236">
        <f t="shared" si="1358"/>
        <v>0.4184681651267172</v>
      </c>
      <c r="O5786" s="236">
        <f t="shared" si="1362"/>
        <v>2.0687165101700398</v>
      </c>
      <c r="P5786" s="236" t="str">
        <f t="shared" si="1363"/>
        <v>SAND</v>
      </c>
      <c r="Q5786" s="236" t="e">
        <f t="shared" si="1359"/>
        <v>#N/A</v>
      </c>
      <c r="R5786" s="238">
        <v>35</v>
      </c>
      <c r="S5786" s="236" t="e">
        <f t="shared" si="1364"/>
        <v>#N/A</v>
      </c>
      <c r="T5786" s="236">
        <f t="shared" si="1350"/>
        <v>34.982641441679988</v>
      </c>
    </row>
    <row r="5787" spans="1:20" x14ac:dyDescent="0.2">
      <c r="A5787" s="53">
        <f t="shared" si="1351"/>
        <v>5775</v>
      </c>
      <c r="B5787" s="239">
        <v>57.457999999999998</v>
      </c>
      <c r="C5787" s="3">
        <f t="shared" si="1352"/>
        <v>57.451000000000001</v>
      </c>
      <c r="D5787" s="239">
        <v>22.223800000000001</v>
      </c>
      <c r="E5787" s="239">
        <v>8.5800000000000001E-2</v>
      </c>
      <c r="F5787" s="239">
        <v>0.52029999999999998</v>
      </c>
      <c r="G5787">
        <f t="shared" si="1353"/>
        <v>22.327860000000001</v>
      </c>
      <c r="H5787" s="235">
        <f t="shared" si="1354"/>
        <v>0.38427328010834894</v>
      </c>
      <c r="I5787" s="236">
        <f t="shared" si="1355"/>
        <v>19.678821121914844</v>
      </c>
      <c r="J5787" s="237">
        <f t="shared" si="1360"/>
        <v>9.6788211219148437</v>
      </c>
      <c r="K5787" s="237">
        <f t="shared" si="1356"/>
        <v>1130.5679522751298</v>
      </c>
      <c r="L5787" s="237">
        <f t="shared" si="1361"/>
        <v>556.12570402298309</v>
      </c>
      <c r="M5787" s="236">
        <f t="shared" si="1357"/>
        <v>38.116008475035073</v>
      </c>
      <c r="N5787" s="236">
        <f t="shared" si="1358"/>
        <v>0.40476868369235408</v>
      </c>
      <c r="O5787" s="236">
        <f t="shared" si="1362"/>
        <v>2.0620830393212035</v>
      </c>
      <c r="P5787" s="236" t="str">
        <f t="shared" si="1363"/>
        <v>SAND</v>
      </c>
      <c r="Q5787" s="236" t="e">
        <f t="shared" si="1359"/>
        <v>#N/A</v>
      </c>
      <c r="R5787" s="238">
        <v>35</v>
      </c>
      <c r="S5787" s="236" t="e">
        <f t="shared" si="1364"/>
        <v>#N/A</v>
      </c>
      <c r="T5787" s="236">
        <f t="shared" si="1350"/>
        <v>34.99218156324703</v>
      </c>
    </row>
    <row r="5788" spans="1:20" x14ac:dyDescent="0.2">
      <c r="A5788" s="53">
        <f t="shared" si="1351"/>
        <v>5776</v>
      </c>
      <c r="B5788" s="239">
        <v>57.469000000000001</v>
      </c>
      <c r="C5788" s="3">
        <f t="shared" si="1352"/>
        <v>57.462000000000003</v>
      </c>
      <c r="D5788" s="239">
        <v>22.35</v>
      </c>
      <c r="E5788" s="239">
        <v>8.3299999999999999E-2</v>
      </c>
      <c r="F5788" s="239">
        <v>0.5151</v>
      </c>
      <c r="G5788">
        <f t="shared" si="1353"/>
        <v>22.453020000000002</v>
      </c>
      <c r="H5788" s="235">
        <f t="shared" si="1354"/>
        <v>0.3709968636735726</v>
      </c>
      <c r="I5788" s="236">
        <f t="shared" si="1355"/>
        <v>19.64633184506701</v>
      </c>
      <c r="J5788" s="237">
        <f t="shared" si="1360"/>
        <v>9.6463318450670101</v>
      </c>
      <c r="K5788" s="237">
        <f t="shared" si="1356"/>
        <v>1128.9175204812407</v>
      </c>
      <c r="L5788" s="237">
        <f t="shared" si="1361"/>
        <v>554.36504480415601</v>
      </c>
      <c r="M5788" s="236">
        <f t="shared" si="1357"/>
        <v>38.465813599506546</v>
      </c>
      <c r="N5788" s="236">
        <f t="shared" si="1358"/>
        <v>0.39063777751024908</v>
      </c>
      <c r="O5788" s="236">
        <f t="shared" si="1362"/>
        <v>2.0522962662094626</v>
      </c>
      <c r="P5788" s="236" t="str">
        <f t="shared" si="1363"/>
        <v>SAND</v>
      </c>
      <c r="Q5788" s="236" t="e">
        <f t="shared" si="1359"/>
        <v>#N/A</v>
      </c>
      <c r="R5788" s="238">
        <v>35</v>
      </c>
      <c r="S5788" s="236" t="e">
        <f t="shared" si="1364"/>
        <v>#N/A</v>
      </c>
      <c r="T5788" s="236">
        <f t="shared" si="1350"/>
        <v>35.035824150096573</v>
      </c>
    </row>
    <row r="5789" spans="1:20" x14ac:dyDescent="0.2">
      <c r="A5789" s="53">
        <f t="shared" si="1351"/>
        <v>5777</v>
      </c>
      <c r="B5789" s="239">
        <v>57.478999999999999</v>
      </c>
      <c r="C5789" s="3">
        <f t="shared" si="1352"/>
        <v>57.472000000000001</v>
      </c>
      <c r="D5789" s="239">
        <v>22.4528</v>
      </c>
      <c r="E5789" s="239">
        <v>8.1600000000000006E-2</v>
      </c>
      <c r="F5789" s="239">
        <v>0.52510000000000001</v>
      </c>
      <c r="G5789">
        <f t="shared" si="1353"/>
        <v>22.55782</v>
      </c>
      <c r="H5789" s="235">
        <f t="shared" si="1354"/>
        <v>0.36173708275001754</v>
      </c>
      <c r="I5789" s="236">
        <f t="shared" si="1355"/>
        <v>19.623973897213634</v>
      </c>
      <c r="J5789" s="237">
        <f t="shared" si="1360"/>
        <v>9.6239738972136344</v>
      </c>
      <c r="K5789" s="237">
        <f t="shared" si="1356"/>
        <v>1127.8290278206621</v>
      </c>
      <c r="L5789" s="237">
        <f t="shared" si="1361"/>
        <v>553.17639563794251</v>
      </c>
      <c r="M5789" s="236">
        <f t="shared" si="1357"/>
        <v>38.739886844711656</v>
      </c>
      <c r="N5789" s="236">
        <f t="shared" si="1358"/>
        <v>0.3807747754347357</v>
      </c>
      <c r="O5789" s="236">
        <f t="shared" si="1362"/>
        <v>2.0450910794555717</v>
      </c>
      <c r="P5789" s="236" t="str">
        <f t="shared" si="1363"/>
        <v>SAND</v>
      </c>
      <c r="Q5789" s="236" t="e">
        <f t="shared" si="1359"/>
        <v>#N/A</v>
      </c>
      <c r="R5789" s="238">
        <v>35</v>
      </c>
      <c r="S5789" s="236" t="e">
        <f t="shared" si="1364"/>
        <v>#N/A</v>
      </c>
      <c r="T5789" s="236">
        <f t="shared" si="1350"/>
        <v>35.06974182640193</v>
      </c>
    </row>
    <row r="5790" spans="1:20" x14ac:dyDescent="0.2">
      <c r="A5790" s="53">
        <f t="shared" si="1351"/>
        <v>5778</v>
      </c>
      <c r="B5790" s="239">
        <v>57.488</v>
      </c>
      <c r="C5790" s="3">
        <f t="shared" si="1352"/>
        <v>57.481000000000002</v>
      </c>
      <c r="D5790" s="239">
        <v>22.6846</v>
      </c>
      <c r="E5790" s="239">
        <v>7.9500000000000001E-2</v>
      </c>
      <c r="F5790" s="239">
        <v>0.51819999999999999</v>
      </c>
      <c r="G5790">
        <f t="shared" si="1353"/>
        <v>22.788239999999998</v>
      </c>
      <c r="H5790" s="235">
        <f t="shared" si="1354"/>
        <v>0.34886415098313872</v>
      </c>
      <c r="I5790" s="236">
        <f t="shared" si="1355"/>
        <v>19.597374007974832</v>
      </c>
      <c r="J5790" s="237">
        <f t="shared" si="1360"/>
        <v>9.5973740079748318</v>
      </c>
      <c r="K5790" s="237">
        <f t="shared" si="1356"/>
        <v>1126.4766553524014</v>
      </c>
      <c r="L5790" s="237">
        <f t="shared" si="1361"/>
        <v>551.73383697045711</v>
      </c>
      <c r="M5790" s="236">
        <f t="shared" si="1357"/>
        <v>39.2612558685747</v>
      </c>
      <c r="N5790" s="236">
        <f t="shared" si="1358"/>
        <v>0.36700613304245916</v>
      </c>
      <c r="O5790" s="236">
        <f t="shared" si="1362"/>
        <v>2.0335246720538547</v>
      </c>
      <c r="P5790" s="236" t="str">
        <f t="shared" si="1363"/>
        <v>SAND</v>
      </c>
      <c r="Q5790" s="236" t="e">
        <f t="shared" si="1359"/>
        <v>#N/A</v>
      </c>
      <c r="R5790" s="238">
        <v>35</v>
      </c>
      <c r="S5790" s="236" t="e">
        <f t="shared" si="1364"/>
        <v>#N/A</v>
      </c>
      <c r="T5790" s="236">
        <f t="shared" si="1350"/>
        <v>35.133606062186971</v>
      </c>
    </row>
    <row r="5791" spans="1:20" x14ac:dyDescent="0.2">
      <c r="A5791" s="53">
        <f t="shared" si="1351"/>
        <v>5779</v>
      </c>
      <c r="B5791" s="239">
        <v>57.5</v>
      </c>
      <c r="C5791" s="3">
        <f t="shared" si="1352"/>
        <v>57.493000000000002</v>
      </c>
      <c r="D5791" s="239">
        <v>22.8489</v>
      </c>
      <c r="E5791" s="239">
        <v>7.5300000000000006E-2</v>
      </c>
      <c r="F5791" s="239">
        <v>0.51570000000000005</v>
      </c>
      <c r="G5791">
        <f t="shared" si="1353"/>
        <v>22.95204</v>
      </c>
      <c r="H5791" s="235">
        <f t="shared" si="1354"/>
        <v>0.3280754129044739</v>
      </c>
      <c r="I5791" s="236">
        <f t="shared" si="1355"/>
        <v>19.536528653024817</v>
      </c>
      <c r="J5791" s="237">
        <f t="shared" si="1360"/>
        <v>9.536528653024817</v>
      </c>
      <c r="K5791" s="237">
        <f t="shared" si="1356"/>
        <v>1123.2136418483558</v>
      </c>
      <c r="L5791" s="237">
        <f t="shared" si="1361"/>
        <v>548.35039754892694</v>
      </c>
      <c r="M5791" s="236">
        <f t="shared" si="1357"/>
        <v>39.808170935453646</v>
      </c>
      <c r="N5791" s="236">
        <f t="shared" si="1358"/>
        <v>0.34495670433458903</v>
      </c>
      <c r="O5791" s="236">
        <f t="shared" si="1362"/>
        <v>2.0177242275976242</v>
      </c>
      <c r="P5791" s="236" t="str">
        <f t="shared" si="1363"/>
        <v>SAND</v>
      </c>
      <c r="Q5791" s="236" t="e">
        <f t="shared" si="1359"/>
        <v>#N/A</v>
      </c>
      <c r="R5791" s="238">
        <v>35</v>
      </c>
      <c r="S5791" s="236" t="e">
        <f t="shared" si="1364"/>
        <v>#N/A</v>
      </c>
      <c r="T5791" s="236">
        <f t="shared" si="1350"/>
        <v>35.19969445883148</v>
      </c>
    </row>
    <row r="5792" spans="1:20" x14ac:dyDescent="0.2">
      <c r="A5792" s="53">
        <f t="shared" si="1351"/>
        <v>5780</v>
      </c>
      <c r="B5792" s="239">
        <v>57.51</v>
      </c>
      <c r="C5792" s="3">
        <f t="shared" si="1352"/>
        <v>57.503</v>
      </c>
      <c r="D5792" s="239">
        <v>22.984100000000002</v>
      </c>
      <c r="E5792" s="239">
        <v>7.5399999999999995E-2</v>
      </c>
      <c r="F5792" s="239">
        <v>0.51739999999999997</v>
      </c>
      <c r="G5792">
        <f t="shared" si="1353"/>
        <v>23.087580000000003</v>
      </c>
      <c r="H5792" s="235">
        <f t="shared" si="1354"/>
        <v>0.32658251752673945</v>
      </c>
      <c r="I5792" s="236">
        <f t="shared" si="1355"/>
        <v>19.540386260210024</v>
      </c>
      <c r="J5792" s="237">
        <f t="shared" si="1360"/>
        <v>9.540386260210024</v>
      </c>
      <c r="K5792" s="237">
        <f t="shared" si="1356"/>
        <v>1123.630831120857</v>
      </c>
      <c r="L5792" s="237">
        <f t="shared" si="1361"/>
        <v>548.66761382467848</v>
      </c>
      <c r="M5792" s="236">
        <f t="shared" si="1357"/>
        <v>40.031429986858157</v>
      </c>
      <c r="N5792" s="236">
        <f t="shared" si="1358"/>
        <v>0.3432898128667804</v>
      </c>
      <c r="O5792" s="236">
        <f t="shared" si="1362"/>
        <v>2.0146833636821433</v>
      </c>
      <c r="P5792" s="236" t="str">
        <f t="shared" si="1363"/>
        <v>SAND</v>
      </c>
      <c r="Q5792" s="236" t="e">
        <f t="shared" si="1359"/>
        <v>#N/A</v>
      </c>
      <c r="R5792" s="238">
        <v>35</v>
      </c>
      <c r="S5792" s="236" t="e">
        <f t="shared" si="1364"/>
        <v>#N/A</v>
      </c>
      <c r="T5792" s="236">
        <f t="shared" si="1350"/>
        <v>35.226412144850968</v>
      </c>
    </row>
    <row r="5793" spans="1:20" x14ac:dyDescent="0.2">
      <c r="A5793" s="53">
        <f t="shared" si="1351"/>
        <v>5781</v>
      </c>
      <c r="B5793" s="239">
        <v>57.521000000000001</v>
      </c>
      <c r="C5793" s="3">
        <f t="shared" si="1352"/>
        <v>57.514000000000003</v>
      </c>
      <c r="D5793" s="239">
        <v>23.071000000000002</v>
      </c>
      <c r="E5793" s="239">
        <v>7.6399999999999996E-2</v>
      </c>
      <c r="F5793" s="239">
        <v>0.49769999999999998</v>
      </c>
      <c r="G5793">
        <f t="shared" si="1353"/>
        <v>23.170540000000003</v>
      </c>
      <c r="H5793" s="235">
        <f t="shared" si="1354"/>
        <v>0.32972904386345758</v>
      </c>
      <c r="I5793" s="236">
        <f t="shared" si="1355"/>
        <v>19.557237662341812</v>
      </c>
      <c r="J5793" s="237">
        <f t="shared" si="1360"/>
        <v>9.5572376623418123</v>
      </c>
      <c r="K5793" s="237">
        <f t="shared" si="1356"/>
        <v>1124.8149669119271</v>
      </c>
      <c r="L5793" s="237">
        <f t="shared" si="1361"/>
        <v>549.74186757556345</v>
      </c>
      <c r="M5793" s="236">
        <f t="shared" si="1357"/>
        <v>40.101957542933242</v>
      </c>
      <c r="N5793" s="236">
        <f t="shared" si="1358"/>
        <v>0.34655244899105137</v>
      </c>
      <c r="O5793" s="236">
        <f t="shared" si="1362"/>
        <v>2.0155197020991493</v>
      </c>
      <c r="P5793" s="236" t="str">
        <f t="shared" si="1363"/>
        <v>SAND</v>
      </c>
      <c r="Q5793" s="236" t="e">
        <f t="shared" si="1359"/>
        <v>#N/A</v>
      </c>
      <c r="R5793" s="238">
        <v>35</v>
      </c>
      <c r="S5793" s="236" t="e">
        <f t="shared" si="1364"/>
        <v>#N/A</v>
      </c>
      <c r="T5793" s="236">
        <f t="shared" si="1350"/>
        <v>35.234821301385196</v>
      </c>
    </row>
    <row r="5794" spans="1:20" x14ac:dyDescent="0.2">
      <c r="A5794" s="53">
        <f t="shared" si="1351"/>
        <v>5782</v>
      </c>
      <c r="B5794" s="239">
        <v>57.53</v>
      </c>
      <c r="C5794" s="3">
        <f t="shared" si="1352"/>
        <v>57.523000000000003</v>
      </c>
      <c r="D5794" s="239">
        <v>23.122599999999998</v>
      </c>
      <c r="E5794" s="239">
        <v>7.6999999999999999E-2</v>
      </c>
      <c r="F5794" s="239">
        <v>0.49819999999999998</v>
      </c>
      <c r="G5794">
        <f t="shared" si="1353"/>
        <v>23.222239999999999</v>
      </c>
      <c r="H5794" s="235">
        <f t="shared" si="1354"/>
        <v>0.33157869352827291</v>
      </c>
      <c r="I5794" s="236">
        <f t="shared" si="1355"/>
        <v>19.567281710579451</v>
      </c>
      <c r="J5794" s="237">
        <f t="shared" si="1360"/>
        <v>9.5672817105794508</v>
      </c>
      <c r="K5794" s="237">
        <f t="shared" si="1356"/>
        <v>1125.5687458376617</v>
      </c>
      <c r="L5794" s="237">
        <f t="shared" si="1361"/>
        <v>550.40571680963581</v>
      </c>
      <c r="M5794" s="236">
        <f t="shared" si="1357"/>
        <v>40.146151428519275</v>
      </c>
      <c r="N5794" s="236">
        <f t="shared" si="1358"/>
        <v>0.34846877665112369</v>
      </c>
      <c r="O5794" s="236">
        <f t="shared" si="1362"/>
        <v>2.0159808503952532</v>
      </c>
      <c r="P5794" s="236" t="str">
        <f t="shared" si="1363"/>
        <v>SAND</v>
      </c>
      <c r="Q5794" s="236" t="e">
        <f t="shared" si="1359"/>
        <v>#N/A</v>
      </c>
      <c r="R5794" s="238">
        <v>35</v>
      </c>
      <c r="S5794" s="236" t="e">
        <f t="shared" si="1364"/>
        <v>#N/A</v>
      </c>
      <c r="T5794" s="236">
        <f t="shared" si="1350"/>
        <v>35.240083102345551</v>
      </c>
    </row>
    <row r="5795" spans="1:20" x14ac:dyDescent="0.2">
      <c r="A5795" s="53">
        <f t="shared" si="1351"/>
        <v>5783</v>
      </c>
      <c r="B5795" s="239">
        <v>57.540999999999997</v>
      </c>
      <c r="C5795" s="3">
        <f t="shared" si="1352"/>
        <v>57.533999999999999</v>
      </c>
      <c r="D5795" s="239">
        <v>23.178899999999999</v>
      </c>
      <c r="E5795" s="239">
        <v>7.7399999999999997E-2</v>
      </c>
      <c r="F5795" s="239">
        <v>0.46820000000000001</v>
      </c>
      <c r="G5795">
        <f t="shared" si="1353"/>
        <v>23.272539999999999</v>
      </c>
      <c r="H5795" s="235">
        <f t="shared" si="1354"/>
        <v>0.33258080123613493</v>
      </c>
      <c r="I5795" s="236">
        <f t="shared" si="1355"/>
        <v>19.574203055109834</v>
      </c>
      <c r="J5795" s="237">
        <f t="shared" si="1360"/>
        <v>9.5742030551098338</v>
      </c>
      <c r="K5795" s="237">
        <f t="shared" si="1356"/>
        <v>1126.1821985726892</v>
      </c>
      <c r="L5795" s="237">
        <f t="shared" si="1361"/>
        <v>550.90921799407488</v>
      </c>
      <c r="M5795" s="236">
        <f t="shared" si="1357"/>
        <v>40.19965010217981</v>
      </c>
      <c r="N5795" s="236">
        <f t="shared" si="1358"/>
        <v>0.34949313423903788</v>
      </c>
      <c r="O5795" s="236">
        <f t="shared" si="1362"/>
        <v>2.0159278500415767</v>
      </c>
      <c r="P5795" s="236" t="str">
        <f t="shared" si="1363"/>
        <v>SAND</v>
      </c>
      <c r="Q5795" s="236" t="e">
        <f t="shared" si="1359"/>
        <v>#N/A</v>
      </c>
      <c r="R5795" s="238">
        <v>35</v>
      </c>
      <c r="S5795" s="236" t="e">
        <f t="shared" si="1364"/>
        <v>#N/A</v>
      </c>
      <c r="T5795" s="236">
        <f t="shared" si="1350"/>
        <v>35.246445003011445</v>
      </c>
    </row>
    <row r="5796" spans="1:20" x14ac:dyDescent="0.2">
      <c r="A5796" s="53">
        <f t="shared" si="1351"/>
        <v>5784</v>
      </c>
      <c r="B5796" s="239">
        <v>57.551000000000002</v>
      </c>
      <c r="C5796" s="3">
        <f t="shared" si="1352"/>
        <v>57.544000000000004</v>
      </c>
      <c r="D5796" s="239">
        <v>23.195499999999999</v>
      </c>
      <c r="E5796" s="239">
        <v>7.6700000000000004E-2</v>
      </c>
      <c r="F5796" s="239">
        <v>0.45440000000000003</v>
      </c>
      <c r="G5796">
        <f t="shared" si="1353"/>
        <v>23.286379999999998</v>
      </c>
      <c r="H5796" s="235">
        <f t="shared" si="1354"/>
        <v>0.32937708652010322</v>
      </c>
      <c r="I5796" s="236">
        <f t="shared" si="1355"/>
        <v>19.563782319259396</v>
      </c>
      <c r="J5796" s="237">
        <f t="shared" si="1360"/>
        <v>9.5637823192593956</v>
      </c>
      <c r="K5796" s="237">
        <f t="shared" si="1356"/>
        <v>1125.7782897794627</v>
      </c>
      <c r="L5796" s="237">
        <f t="shared" si="1361"/>
        <v>550.40523625569745</v>
      </c>
      <c r="M5796" s="236">
        <f t="shared" si="1357"/>
        <v>40.262338092883908</v>
      </c>
      <c r="N5796" s="236">
        <f t="shared" si="1358"/>
        <v>0.34610973566040737</v>
      </c>
      <c r="O5796" s="236">
        <f t="shared" si="1362"/>
        <v>2.0137048915284774</v>
      </c>
      <c r="P5796" s="236" t="str">
        <f t="shared" si="1363"/>
        <v>SAND</v>
      </c>
      <c r="Q5796" s="236" t="e">
        <f t="shared" si="1359"/>
        <v>#N/A</v>
      </c>
      <c r="R5796" s="238">
        <v>35</v>
      </c>
      <c r="S5796" s="236" t="e">
        <f t="shared" si="1364"/>
        <v>#N/A</v>
      </c>
      <c r="T5796" s="236">
        <f t="shared" si="1350"/>
        <v>35.253888905410577</v>
      </c>
    </row>
    <row r="5797" spans="1:20" x14ac:dyDescent="0.2">
      <c r="A5797" s="53">
        <f t="shared" si="1351"/>
        <v>5785</v>
      </c>
      <c r="B5797" s="239">
        <v>57.561</v>
      </c>
      <c r="C5797" s="3">
        <f t="shared" si="1352"/>
        <v>57.554000000000002</v>
      </c>
      <c r="D5797" s="239">
        <v>23.086300000000001</v>
      </c>
      <c r="E5797" s="239">
        <v>7.4200000000000002E-2</v>
      </c>
      <c r="F5797" s="239">
        <v>0.46539999999999998</v>
      </c>
      <c r="G5797">
        <f t="shared" si="1353"/>
        <v>23.179380000000002</v>
      </c>
      <c r="H5797" s="235">
        <f t="shared" si="1354"/>
        <v>0.320112099633381</v>
      </c>
      <c r="I5797" s="236">
        <f t="shared" si="1355"/>
        <v>19.52312523241725</v>
      </c>
      <c r="J5797" s="237">
        <f t="shared" si="1360"/>
        <v>9.5231252324172502</v>
      </c>
      <c r="K5797" s="237">
        <f t="shared" si="1356"/>
        <v>1123.6339496265425</v>
      </c>
      <c r="L5797" s="237">
        <f t="shared" si="1361"/>
        <v>548.16061150316932</v>
      </c>
      <c r="M5797" s="236">
        <f t="shared" si="1357"/>
        <v>40.235919158605832</v>
      </c>
      <c r="N5797" s="236">
        <f t="shared" si="1358"/>
        <v>0.33642026812665271</v>
      </c>
      <c r="O5797" s="236">
        <f t="shared" si="1362"/>
        <v>2.0093526697948207</v>
      </c>
      <c r="P5797" s="236" t="str">
        <f t="shared" si="1363"/>
        <v>SAND</v>
      </c>
      <c r="Q5797" s="236" t="e">
        <f t="shared" si="1359"/>
        <v>#N/A</v>
      </c>
      <c r="R5797" s="238">
        <v>35</v>
      </c>
      <c r="S5797" s="236" t="e">
        <f t="shared" si="1364"/>
        <v>#N/A</v>
      </c>
      <c r="T5797" s="236">
        <f t="shared" si="1350"/>
        <v>35.250753195894305</v>
      </c>
    </row>
    <row r="5798" spans="1:20" x14ac:dyDescent="0.2">
      <c r="A5798" s="53">
        <f t="shared" si="1351"/>
        <v>5786</v>
      </c>
      <c r="B5798" s="239">
        <v>57.570999999999998</v>
      </c>
      <c r="C5798" s="3">
        <f t="shared" si="1352"/>
        <v>57.564</v>
      </c>
      <c r="D5798" s="239">
        <v>22.925000000000001</v>
      </c>
      <c r="E5798" s="239">
        <v>7.3400000000000007E-2</v>
      </c>
      <c r="F5798" s="239">
        <v>0.47299999999999998</v>
      </c>
      <c r="G5798">
        <f t="shared" si="1353"/>
        <v>23.019600000000001</v>
      </c>
      <c r="H5798" s="235">
        <f t="shared" si="1354"/>
        <v>0.31885871170654578</v>
      </c>
      <c r="I5798" s="236">
        <f t="shared" si="1355"/>
        <v>19.50771041171437</v>
      </c>
      <c r="J5798" s="237">
        <f t="shared" si="1360"/>
        <v>9.5077104117143705</v>
      </c>
      <c r="K5798" s="237">
        <f t="shared" si="1356"/>
        <v>1122.9418421399259</v>
      </c>
      <c r="L5798" s="237">
        <f t="shared" si="1361"/>
        <v>547.368396112808</v>
      </c>
      <c r="M5798" s="236">
        <f t="shared" si="1357"/>
        <v>40.003511918776105</v>
      </c>
      <c r="N5798" s="236">
        <f t="shared" si="1358"/>
        <v>0.33521096904758579</v>
      </c>
      <c r="O5798" s="236">
        <f t="shared" si="1362"/>
        <v>2.0111083226160629</v>
      </c>
      <c r="P5798" s="236" t="str">
        <f t="shared" si="1363"/>
        <v>SAND</v>
      </c>
      <c r="Q5798" s="236" t="e">
        <f t="shared" si="1359"/>
        <v>#N/A</v>
      </c>
      <c r="R5798" s="238">
        <v>35</v>
      </c>
      <c r="S5798" s="236" t="e">
        <f t="shared" si="1364"/>
        <v>#N/A</v>
      </c>
      <c r="T5798" s="236">
        <f t="shared" si="1350"/>
        <v>35.223079318106002</v>
      </c>
    </row>
    <row r="5799" spans="1:20" x14ac:dyDescent="0.2">
      <c r="A5799" s="53">
        <f t="shared" si="1351"/>
        <v>5787</v>
      </c>
      <c r="B5799" s="239">
        <v>57.582000000000001</v>
      </c>
      <c r="C5799" s="3">
        <f t="shared" si="1352"/>
        <v>57.575000000000003</v>
      </c>
      <c r="D5799" s="239">
        <v>22.9679</v>
      </c>
      <c r="E5799" s="239">
        <v>7.2599999999999998E-2</v>
      </c>
      <c r="F5799" s="239">
        <v>0.48249999999999998</v>
      </c>
      <c r="G5799">
        <f t="shared" si="1353"/>
        <v>23.064399999999999</v>
      </c>
      <c r="H5799" s="235">
        <f t="shared" si="1354"/>
        <v>0.3147708156292815</v>
      </c>
      <c r="I5799" s="236">
        <f t="shared" si="1355"/>
        <v>19.495619875446135</v>
      </c>
      <c r="J5799" s="237">
        <f t="shared" si="1360"/>
        <v>9.4956198754461347</v>
      </c>
      <c r="K5799" s="237">
        <f t="shared" si="1356"/>
        <v>1122.4603143288114</v>
      </c>
      <c r="L5799" s="237">
        <f t="shared" si="1361"/>
        <v>546.7767836679393</v>
      </c>
      <c r="M5799" s="236">
        <f t="shared" si="1357"/>
        <v>40.129611097380923</v>
      </c>
      <c r="N5799" s="236">
        <f t="shared" si="1358"/>
        <v>0.33087320920588525</v>
      </c>
      <c r="O5799" s="236">
        <f t="shared" si="1362"/>
        <v>2.0077480861604191</v>
      </c>
      <c r="P5799" s="236" t="str">
        <f t="shared" si="1363"/>
        <v>SAND</v>
      </c>
      <c r="Q5799" s="236" t="e">
        <f t="shared" si="1359"/>
        <v>#N/A</v>
      </c>
      <c r="R5799" s="238">
        <v>35</v>
      </c>
      <c r="S5799" s="236" t="e">
        <f t="shared" si="1364"/>
        <v>#N/A</v>
      </c>
      <c r="T5799" s="236">
        <f t="shared" si="1350"/>
        <v>35.238114460289808</v>
      </c>
    </row>
    <row r="5800" spans="1:20" x14ac:dyDescent="0.2">
      <c r="A5800" s="53">
        <f t="shared" si="1351"/>
        <v>5788</v>
      </c>
      <c r="B5800" s="239">
        <v>57.591000000000001</v>
      </c>
      <c r="C5800" s="3">
        <f t="shared" si="1352"/>
        <v>57.584000000000003</v>
      </c>
      <c r="D5800" s="239">
        <v>23.041399999999999</v>
      </c>
      <c r="E5800" s="239">
        <v>7.4399999999999994E-2</v>
      </c>
      <c r="F5800" s="239">
        <v>0.4587</v>
      </c>
      <c r="G5800">
        <f t="shared" si="1353"/>
        <v>23.133140000000001</v>
      </c>
      <c r="H5800" s="235">
        <f t="shared" si="1354"/>
        <v>0.32161652071443819</v>
      </c>
      <c r="I5800" s="236">
        <f t="shared" si="1355"/>
        <v>19.525501107909001</v>
      </c>
      <c r="J5800" s="237">
        <f t="shared" si="1360"/>
        <v>9.5255011079090011</v>
      </c>
      <c r="K5800" s="237">
        <f t="shared" si="1356"/>
        <v>1124.356455797832</v>
      </c>
      <c r="L5800" s="237">
        <f t="shared" si="1361"/>
        <v>548.58313430558724</v>
      </c>
      <c r="M5800" s="236">
        <f t="shared" si="1357"/>
        <v>40.119322246502414</v>
      </c>
      <c r="N5800" s="236">
        <f t="shared" si="1358"/>
        <v>0.33804685229683845</v>
      </c>
      <c r="O5800" s="236">
        <f t="shared" si="1362"/>
        <v>2.0113018719077269</v>
      </c>
      <c r="P5800" s="236" t="str">
        <f t="shared" si="1363"/>
        <v>SAND</v>
      </c>
      <c r="Q5800" s="236" t="e">
        <f t="shared" si="1359"/>
        <v>#N/A</v>
      </c>
      <c r="R5800" s="238">
        <v>35</v>
      </c>
      <c r="S5800" s="236" t="e">
        <f t="shared" si="1364"/>
        <v>#N/A</v>
      </c>
      <c r="T5800" s="236">
        <f t="shared" si="1350"/>
        <v>35.236889464492364</v>
      </c>
    </row>
    <row r="5801" spans="1:20" x14ac:dyDescent="0.2">
      <c r="A5801" s="53">
        <f t="shared" si="1351"/>
        <v>5789</v>
      </c>
      <c r="B5801" s="239">
        <v>57.601999999999997</v>
      </c>
      <c r="C5801" s="3">
        <f t="shared" si="1352"/>
        <v>57.594999999999999</v>
      </c>
      <c r="D5801" s="239">
        <v>23.344000000000001</v>
      </c>
      <c r="E5801" s="239">
        <v>7.5200000000000003E-2</v>
      </c>
      <c r="F5801" s="239">
        <v>0.43669999999999998</v>
      </c>
      <c r="G5801">
        <f t="shared" si="1353"/>
        <v>23.431340000000002</v>
      </c>
      <c r="H5801" s="235">
        <f t="shared" si="1354"/>
        <v>0.32093768431510955</v>
      </c>
      <c r="I5801" s="236">
        <f t="shared" si="1355"/>
        <v>19.543048637288184</v>
      </c>
      <c r="J5801" s="237">
        <f t="shared" si="1360"/>
        <v>9.5430486372881838</v>
      </c>
      <c r="K5801" s="237">
        <f t="shared" si="1356"/>
        <v>1125.5818862646129</v>
      </c>
      <c r="L5801" s="237">
        <f t="shared" si="1361"/>
        <v>549.69868760507393</v>
      </c>
      <c r="M5801" s="236">
        <f t="shared" si="1357"/>
        <v>40.578154208293768</v>
      </c>
      <c r="N5801" s="236">
        <f t="shared" si="1358"/>
        <v>0.33713267944788439</v>
      </c>
      <c r="O5801" s="236">
        <f t="shared" si="1362"/>
        <v>2.0062805682644105</v>
      </c>
      <c r="P5801" s="236" t="str">
        <f t="shared" si="1363"/>
        <v>SAND</v>
      </c>
      <c r="Q5801" s="236" t="e">
        <f t="shared" si="1359"/>
        <v>#N/A</v>
      </c>
      <c r="R5801" s="238">
        <v>35</v>
      </c>
      <c r="S5801" s="236" t="e">
        <f t="shared" si="1364"/>
        <v>#N/A</v>
      </c>
      <c r="T5801" s="236">
        <f t="shared" si="1350"/>
        <v>35.291215170773953</v>
      </c>
    </row>
    <row r="5802" spans="1:20" x14ac:dyDescent="0.2">
      <c r="A5802" s="53">
        <f t="shared" si="1351"/>
        <v>5790</v>
      </c>
      <c r="B5802" s="239">
        <v>57.612000000000002</v>
      </c>
      <c r="C5802" s="3">
        <f t="shared" si="1352"/>
        <v>57.605000000000004</v>
      </c>
      <c r="D5802" s="239">
        <v>23.485700000000001</v>
      </c>
      <c r="E5802" s="239">
        <v>7.7200000000000005E-2</v>
      </c>
      <c r="F5802" s="239">
        <v>0.374</v>
      </c>
      <c r="G5802">
        <f t="shared" si="1353"/>
        <v>23.560500000000001</v>
      </c>
      <c r="H5802" s="235">
        <f t="shared" si="1354"/>
        <v>0.32766706988391586</v>
      </c>
      <c r="I5802" s="236">
        <f t="shared" si="1355"/>
        <v>19.575975817802849</v>
      </c>
      <c r="J5802" s="237">
        <f t="shared" si="1360"/>
        <v>9.5759758178028491</v>
      </c>
      <c r="K5802" s="237">
        <f t="shared" si="1356"/>
        <v>1127.6740869845332</v>
      </c>
      <c r="L5802" s="237">
        <f t="shared" si="1361"/>
        <v>551.69111881525771</v>
      </c>
      <c r="M5802" s="236">
        <f t="shared" si="1357"/>
        <v>40.661930467884588</v>
      </c>
      <c r="N5802" s="236">
        <f t="shared" si="1358"/>
        <v>0.3441385418820942</v>
      </c>
      <c r="O5802" s="236">
        <f t="shared" si="1362"/>
        <v>2.0087973100598817</v>
      </c>
      <c r="P5802" s="236" t="str">
        <f t="shared" si="1363"/>
        <v>SAND</v>
      </c>
      <c r="Q5802" s="236" t="e">
        <f t="shared" si="1359"/>
        <v>#N/A</v>
      </c>
      <c r="R5802" s="238">
        <v>35</v>
      </c>
      <c r="S5802" s="236" t="e">
        <f t="shared" si="1364"/>
        <v>#N/A</v>
      </c>
      <c r="T5802" s="236">
        <f t="shared" si="1350"/>
        <v>35.301067927162961</v>
      </c>
    </row>
    <row r="5803" spans="1:20" x14ac:dyDescent="0.2">
      <c r="A5803" s="53">
        <f t="shared" si="1351"/>
        <v>5791</v>
      </c>
      <c r="B5803" s="239">
        <v>57.622</v>
      </c>
      <c r="C5803" s="3">
        <f t="shared" si="1352"/>
        <v>57.615000000000002</v>
      </c>
      <c r="D5803" s="239">
        <v>23.642700000000001</v>
      </c>
      <c r="E5803" s="239">
        <v>7.8E-2</v>
      </c>
      <c r="F5803" s="239">
        <v>0.3407</v>
      </c>
      <c r="G5803">
        <f t="shared" si="1353"/>
        <v>23.710840000000001</v>
      </c>
      <c r="H5803" s="235">
        <f t="shared" si="1354"/>
        <v>0.32896346143789085</v>
      </c>
      <c r="I5803" s="236">
        <f t="shared" si="1355"/>
        <v>19.590550727583224</v>
      </c>
      <c r="J5803" s="237">
        <f t="shared" si="1360"/>
        <v>9.5905507275832242</v>
      </c>
      <c r="K5803" s="237">
        <f t="shared" si="1356"/>
        <v>1128.7095801697076</v>
      </c>
      <c r="L5803" s="237">
        <f t="shared" si="1361"/>
        <v>552.62671402480055</v>
      </c>
      <c r="M5803" s="236">
        <f t="shared" si="1357"/>
        <v>40.863262391649172</v>
      </c>
      <c r="N5803" s="236">
        <f t="shared" si="1358"/>
        <v>0.34540585210465796</v>
      </c>
      <c r="O5803" s="236">
        <f t="shared" si="1362"/>
        <v>2.0074129626491701</v>
      </c>
      <c r="P5803" s="236" t="str">
        <f t="shared" si="1363"/>
        <v>SAND</v>
      </c>
      <c r="Q5803" s="236" t="e">
        <f t="shared" si="1359"/>
        <v>#N/A</v>
      </c>
      <c r="R5803" s="238">
        <v>35</v>
      </c>
      <c r="S5803" s="236" t="e">
        <f t="shared" si="1364"/>
        <v>#N/A</v>
      </c>
      <c r="T5803" s="236">
        <f t="shared" si="1350"/>
        <v>35.324663399931495</v>
      </c>
    </row>
    <row r="5804" spans="1:20" x14ac:dyDescent="0.2">
      <c r="A5804" s="53">
        <f t="shared" si="1351"/>
        <v>5792</v>
      </c>
      <c r="B5804" s="239">
        <v>57.631999999999998</v>
      </c>
      <c r="C5804" s="3">
        <f t="shared" si="1352"/>
        <v>57.625</v>
      </c>
      <c r="D5804" s="239">
        <v>23.513500000000001</v>
      </c>
      <c r="E5804" s="239">
        <v>7.6700000000000004E-2</v>
      </c>
      <c r="F5804" s="239">
        <v>0.317</v>
      </c>
      <c r="G5804">
        <f t="shared" si="1353"/>
        <v>23.576900000000002</v>
      </c>
      <c r="H5804" s="235">
        <f t="shared" si="1354"/>
        <v>0.32531842608655082</v>
      </c>
      <c r="I5804" s="236">
        <f t="shared" si="1355"/>
        <v>19.568628568361497</v>
      </c>
      <c r="J5804" s="237">
        <f t="shared" si="1360"/>
        <v>9.5686285683614969</v>
      </c>
      <c r="K5804" s="237">
        <f t="shared" si="1356"/>
        <v>1127.6422212518312</v>
      </c>
      <c r="L5804" s="237">
        <f t="shared" si="1361"/>
        <v>551.45920165180974</v>
      </c>
      <c r="M5804" s="236">
        <f t="shared" si="1357"/>
        <v>40.708827981299308</v>
      </c>
      <c r="N5804" s="236">
        <f t="shared" si="1358"/>
        <v>0.34165940253316024</v>
      </c>
      <c r="O5804" s="236">
        <f t="shared" si="1362"/>
        <v>2.0071525817241866</v>
      </c>
      <c r="P5804" s="236" t="str">
        <f t="shared" si="1363"/>
        <v>SAND</v>
      </c>
      <c r="Q5804" s="236" t="e">
        <f t="shared" si="1359"/>
        <v>#N/A</v>
      </c>
      <c r="R5804" s="238">
        <v>35</v>
      </c>
      <c r="S5804" s="236" t="e">
        <f t="shared" si="1364"/>
        <v>#N/A</v>
      </c>
      <c r="T5804" s="236">
        <f t="shared" si="1350"/>
        <v>35.306574590079165</v>
      </c>
    </row>
    <row r="5805" spans="1:20" x14ac:dyDescent="0.2">
      <c r="A5805" s="53">
        <f t="shared" si="1351"/>
        <v>5793</v>
      </c>
      <c r="B5805" s="239">
        <v>57.643000000000001</v>
      </c>
      <c r="C5805" s="3">
        <f t="shared" si="1352"/>
        <v>57.636000000000003</v>
      </c>
      <c r="D5805" s="239">
        <v>23.0078</v>
      </c>
      <c r="E5805" s="239">
        <v>7.6200000000000004E-2</v>
      </c>
      <c r="F5805" s="239">
        <v>0.32569999999999999</v>
      </c>
      <c r="G5805">
        <f t="shared" si="1353"/>
        <v>23.072939999999999</v>
      </c>
      <c r="H5805" s="235">
        <f t="shared" si="1354"/>
        <v>0.33025700235860711</v>
      </c>
      <c r="I5805" s="236">
        <f t="shared" si="1355"/>
        <v>19.552514120043377</v>
      </c>
      <c r="J5805" s="237">
        <f t="shared" si="1360"/>
        <v>9.5525141200433765</v>
      </c>
      <c r="K5805" s="237">
        <f t="shared" si="1356"/>
        <v>1126.9287038228201</v>
      </c>
      <c r="L5805" s="237">
        <f t="shared" si="1361"/>
        <v>550.63557142166042</v>
      </c>
      <c r="M5805" s="236">
        <f t="shared" si="1357"/>
        <v>39.855782000272505</v>
      </c>
      <c r="N5805" s="236">
        <f t="shared" si="1358"/>
        <v>0.34721571483595037</v>
      </c>
      <c r="O5805" s="236">
        <f t="shared" si="1362"/>
        <v>2.0183097026020054</v>
      </c>
      <c r="P5805" s="236" t="str">
        <f t="shared" si="1363"/>
        <v>SAND</v>
      </c>
      <c r="Q5805" s="236" t="e">
        <f t="shared" si="1359"/>
        <v>#N/A</v>
      </c>
      <c r="R5805" s="238">
        <v>35</v>
      </c>
      <c r="S5805" s="236" t="e">
        <f t="shared" si="1364"/>
        <v>#N/A</v>
      </c>
      <c r="T5805" s="236">
        <f t="shared" si="1350"/>
        <v>35.205404682055679</v>
      </c>
    </row>
    <row r="5806" spans="1:20" x14ac:dyDescent="0.2">
      <c r="A5806" s="53">
        <f t="shared" si="1351"/>
        <v>5794</v>
      </c>
      <c r="B5806" s="239">
        <v>57.654000000000003</v>
      </c>
      <c r="C5806" s="3">
        <f t="shared" si="1352"/>
        <v>57.647000000000006</v>
      </c>
      <c r="D5806" s="239">
        <v>22.4345</v>
      </c>
      <c r="E5806" s="239">
        <v>7.0400000000000004E-2</v>
      </c>
      <c r="F5806" s="239">
        <v>0.38</v>
      </c>
      <c r="G5806">
        <f t="shared" si="1353"/>
        <v>22.5105</v>
      </c>
      <c r="H5806" s="235">
        <f t="shared" si="1354"/>
        <v>0.31274294218253701</v>
      </c>
      <c r="I5806" s="236">
        <f t="shared" si="1355"/>
        <v>19.450035861501192</v>
      </c>
      <c r="J5806" s="237">
        <f t="shared" si="1360"/>
        <v>9.4500358615011919</v>
      </c>
      <c r="K5806" s="237">
        <f t="shared" si="1356"/>
        <v>1121.2362173079594</v>
      </c>
      <c r="L5806" s="237">
        <f t="shared" si="1361"/>
        <v>544.83236755898974</v>
      </c>
      <c r="M5806" s="236">
        <f t="shared" si="1357"/>
        <v>39.258430769306663</v>
      </c>
      <c r="N5806" s="236">
        <f t="shared" si="1358"/>
        <v>0.32913708819172599</v>
      </c>
      <c r="O5806" s="236">
        <f t="shared" si="1362"/>
        <v>2.0157758325312249</v>
      </c>
      <c r="P5806" s="236" t="str">
        <f t="shared" si="1363"/>
        <v>SAND</v>
      </c>
      <c r="Q5806" s="236" t="e">
        <f t="shared" si="1359"/>
        <v>#N/A</v>
      </c>
      <c r="R5806" s="238">
        <v>35</v>
      </c>
      <c r="S5806" s="236" t="e">
        <f t="shared" si="1364"/>
        <v>#N/A</v>
      </c>
      <c r="T5806" s="236">
        <f t="shared" si="1350"/>
        <v>35.133262296799316</v>
      </c>
    </row>
    <row r="5807" spans="1:20" x14ac:dyDescent="0.2">
      <c r="A5807" s="53">
        <f t="shared" si="1351"/>
        <v>5795</v>
      </c>
      <c r="B5807" s="239">
        <v>57.664000000000001</v>
      </c>
      <c r="C5807" s="3">
        <f t="shared" si="1352"/>
        <v>57.657000000000004</v>
      </c>
      <c r="D5807" s="239">
        <v>22.0931</v>
      </c>
      <c r="E5807" s="239">
        <v>6.5799999999999997E-2</v>
      </c>
      <c r="F5807" s="239">
        <v>0.3972</v>
      </c>
      <c r="G5807">
        <f t="shared" si="1353"/>
        <v>22.172540000000001</v>
      </c>
      <c r="H5807" s="235">
        <f t="shared" si="1354"/>
        <v>0.29676347409904319</v>
      </c>
      <c r="I5807" s="236">
        <f t="shared" si="1355"/>
        <v>19.364886869487094</v>
      </c>
      <c r="J5807" s="237">
        <f t="shared" si="1360"/>
        <v>9.3648868694870941</v>
      </c>
      <c r="K5807" s="237">
        <f t="shared" si="1356"/>
        <v>1116.5212822340175</v>
      </c>
      <c r="L5807" s="237">
        <f t="shared" si="1361"/>
        <v>540.01683644210379</v>
      </c>
      <c r="M5807" s="236">
        <f t="shared" si="1357"/>
        <v>38.99141155763472</v>
      </c>
      <c r="N5807" s="236">
        <f t="shared" si="1358"/>
        <v>0.31249972220285571</v>
      </c>
      <c r="O5807" s="236">
        <f t="shared" si="1362"/>
        <v>2.0104147978658609</v>
      </c>
      <c r="P5807" s="236" t="str">
        <f t="shared" si="1363"/>
        <v>SAND</v>
      </c>
      <c r="Q5807" s="236" t="e">
        <f t="shared" si="1359"/>
        <v>#N/A</v>
      </c>
      <c r="R5807" s="238">
        <v>35</v>
      </c>
      <c r="S5807" s="236" t="e">
        <f t="shared" si="1364"/>
        <v>#N/A</v>
      </c>
      <c r="T5807" s="236">
        <f t="shared" si="1350"/>
        <v>35.100658534658152</v>
      </c>
    </row>
    <row r="5808" spans="1:20" x14ac:dyDescent="0.2">
      <c r="A5808" s="53">
        <f t="shared" si="1351"/>
        <v>5796</v>
      </c>
      <c r="B5808" s="239">
        <v>57.673999999999999</v>
      </c>
      <c r="C5808" s="3">
        <f t="shared" si="1352"/>
        <v>57.667000000000002</v>
      </c>
      <c r="D5808" s="239">
        <v>22.137799999999999</v>
      </c>
      <c r="E5808" s="239">
        <v>6.9699999999999998E-2</v>
      </c>
      <c r="F5808" s="239">
        <v>0.41970000000000002</v>
      </c>
      <c r="G5808">
        <f t="shared" si="1353"/>
        <v>22.221739999999997</v>
      </c>
      <c r="H5808" s="235">
        <f t="shared" si="1354"/>
        <v>0.31365680635269788</v>
      </c>
      <c r="I5808" s="236">
        <f t="shared" si="1355"/>
        <v>19.433271810986042</v>
      </c>
      <c r="J5808" s="237">
        <f t="shared" si="1360"/>
        <v>9.4332718109860423</v>
      </c>
      <c r="K5808" s="237">
        <f t="shared" si="1356"/>
        <v>1120.6584855241322</v>
      </c>
      <c r="L5808" s="237">
        <f t="shared" si="1361"/>
        <v>544.05451842680895</v>
      </c>
      <c r="M5808" s="236">
        <f t="shared" si="1357"/>
        <v>38.784865854054239</v>
      </c>
      <c r="N5808" s="236">
        <f t="shared" si="1358"/>
        <v>0.33031482273637996</v>
      </c>
      <c r="O5808" s="236">
        <f t="shared" si="1362"/>
        <v>2.0212486851876883</v>
      </c>
      <c r="P5808" s="236" t="str">
        <f t="shared" si="1363"/>
        <v>SAND</v>
      </c>
      <c r="Q5808" s="236" t="e">
        <f t="shared" si="1359"/>
        <v>#N/A</v>
      </c>
      <c r="R5808" s="238">
        <v>35</v>
      </c>
      <c r="S5808" s="236" t="e">
        <f t="shared" si="1364"/>
        <v>#N/A</v>
      </c>
      <c r="T5808" s="236">
        <f t="shared" si="1350"/>
        <v>35.075285230483303</v>
      </c>
    </row>
    <row r="5809" spans="1:20" x14ac:dyDescent="0.2">
      <c r="A5809" s="53">
        <f t="shared" si="1351"/>
        <v>5797</v>
      </c>
      <c r="B5809" s="239">
        <v>57.685000000000002</v>
      </c>
      <c r="C5809" s="3">
        <f t="shared" si="1352"/>
        <v>57.678000000000004</v>
      </c>
      <c r="D5809" s="239">
        <v>22.297599999999999</v>
      </c>
      <c r="E5809" s="239">
        <v>7.1300000000000002E-2</v>
      </c>
      <c r="F5809" s="239">
        <v>0.39950000000000002</v>
      </c>
      <c r="G5809">
        <f t="shared" si="1353"/>
        <v>22.377499999999998</v>
      </c>
      <c r="H5809" s="235">
        <f t="shared" si="1354"/>
        <v>0.31862361747290807</v>
      </c>
      <c r="I5809" s="236">
        <f t="shared" si="1355"/>
        <v>19.462615194202883</v>
      </c>
      <c r="J5809" s="237">
        <f t="shared" si="1360"/>
        <v>9.4626151942028827</v>
      </c>
      <c r="K5809" s="237">
        <f t="shared" si="1356"/>
        <v>1122.5647191712339</v>
      </c>
      <c r="L5809" s="237">
        <f t="shared" si="1361"/>
        <v>545.85095747759328</v>
      </c>
      <c r="M5809" s="236">
        <f t="shared" si="1357"/>
        <v>38.939082160905173</v>
      </c>
      <c r="N5809" s="236">
        <f t="shared" si="1358"/>
        <v>0.33545150365294318</v>
      </c>
      <c r="O5809" s="236">
        <f t="shared" si="1362"/>
        <v>2.0221062264135141</v>
      </c>
      <c r="P5809" s="236" t="str">
        <f t="shared" si="1363"/>
        <v>SAND</v>
      </c>
      <c r="Q5809" s="236" t="e">
        <f t="shared" si="1359"/>
        <v>#N/A</v>
      </c>
      <c r="R5809" s="238">
        <v>35</v>
      </c>
      <c r="S5809" s="236" t="e">
        <f t="shared" si="1364"/>
        <v>#N/A</v>
      </c>
      <c r="T5809" s="236">
        <f t="shared" si="1350"/>
        <v>35.094242815308888</v>
      </c>
    </row>
    <row r="5810" spans="1:20" x14ac:dyDescent="0.2">
      <c r="A5810" s="53">
        <f t="shared" si="1351"/>
        <v>5798</v>
      </c>
      <c r="B5810" s="239">
        <v>57.694000000000003</v>
      </c>
      <c r="C5810" s="3">
        <f t="shared" si="1352"/>
        <v>57.687000000000005</v>
      </c>
      <c r="D5810" s="239">
        <v>22.592199999999998</v>
      </c>
      <c r="E5810" s="239">
        <v>7.1999999999999995E-2</v>
      </c>
      <c r="F5810" s="239">
        <v>0.43980000000000002</v>
      </c>
      <c r="G5810">
        <f t="shared" si="1353"/>
        <v>22.680159999999997</v>
      </c>
      <c r="H5810" s="235">
        <f t="shared" si="1354"/>
        <v>0.31745807789715769</v>
      </c>
      <c r="I5810" s="236">
        <f t="shared" si="1355"/>
        <v>19.479322297361247</v>
      </c>
      <c r="J5810" s="237">
        <f t="shared" si="1360"/>
        <v>9.4793222973612465</v>
      </c>
      <c r="K5810" s="237">
        <f t="shared" si="1356"/>
        <v>1123.7036653678783</v>
      </c>
      <c r="L5810" s="237">
        <f t="shared" si="1361"/>
        <v>546.90002062395979</v>
      </c>
      <c r="M5810" s="236">
        <f t="shared" si="1357"/>
        <v>39.415716806955494</v>
      </c>
      <c r="N5810" s="236">
        <f t="shared" si="1358"/>
        <v>0.33400666084585717</v>
      </c>
      <c r="O5810" s="236">
        <f t="shared" si="1362"/>
        <v>2.0165036026476391</v>
      </c>
      <c r="P5810" s="236" t="str">
        <f t="shared" si="1363"/>
        <v>SAND</v>
      </c>
      <c r="Q5810" s="236" t="e">
        <f t="shared" si="1359"/>
        <v>#N/A</v>
      </c>
      <c r="R5810" s="238">
        <v>35</v>
      </c>
      <c r="S5810" s="236" t="e">
        <f t="shared" si="1364"/>
        <v>#N/A</v>
      </c>
      <c r="T5810" s="236">
        <f t="shared" si="1350"/>
        <v>35.152363718670664</v>
      </c>
    </row>
    <row r="5811" spans="1:20" x14ac:dyDescent="0.2">
      <c r="A5811" s="53">
        <f t="shared" si="1351"/>
        <v>5799</v>
      </c>
      <c r="B5811" s="239">
        <v>57.703000000000003</v>
      </c>
      <c r="C5811" s="3">
        <f t="shared" si="1352"/>
        <v>57.696000000000005</v>
      </c>
      <c r="D5811" s="239">
        <v>23.129200000000001</v>
      </c>
      <c r="E5811" s="239">
        <v>7.6399999999999996E-2</v>
      </c>
      <c r="F5811" s="239">
        <v>0.39639999999999997</v>
      </c>
      <c r="G5811">
        <f t="shared" si="1353"/>
        <v>23.208480000000002</v>
      </c>
      <c r="H5811" s="235">
        <f t="shared" si="1354"/>
        <v>0.32919002019951321</v>
      </c>
      <c r="I5811" s="236">
        <f t="shared" si="1355"/>
        <v>19.55787715074355</v>
      </c>
      <c r="J5811" s="237">
        <f t="shared" si="1360"/>
        <v>9.5578771507435505</v>
      </c>
      <c r="K5811" s="237">
        <f t="shared" si="1356"/>
        <v>1128.4112800892999</v>
      </c>
      <c r="L5811" s="237">
        <f t="shared" si="1361"/>
        <v>551.51818522935514</v>
      </c>
      <c r="M5811" s="236">
        <f t="shared" si="1357"/>
        <v>40.035069216672262</v>
      </c>
      <c r="N5811" s="236">
        <f t="shared" si="1358"/>
        <v>0.34601341585094925</v>
      </c>
      <c r="O5811" s="236">
        <f t="shared" si="1362"/>
        <v>2.0159365718528544</v>
      </c>
      <c r="P5811" s="236" t="str">
        <f t="shared" si="1363"/>
        <v>SAND</v>
      </c>
      <c r="Q5811" s="236" t="e">
        <f t="shared" si="1359"/>
        <v>#N/A</v>
      </c>
      <c r="R5811" s="238">
        <v>35</v>
      </c>
      <c r="S5811" s="236" t="e">
        <f t="shared" si="1364"/>
        <v>#N/A</v>
      </c>
      <c r="T5811" s="236">
        <f t="shared" si="1350"/>
        <v>35.226846420656152</v>
      </c>
    </row>
    <row r="5812" spans="1:20" x14ac:dyDescent="0.2">
      <c r="A5812" s="53">
        <f t="shared" si="1351"/>
        <v>5800</v>
      </c>
      <c r="B5812" s="239">
        <v>57.713999999999999</v>
      </c>
      <c r="C5812" s="3">
        <f t="shared" si="1352"/>
        <v>57.707000000000001</v>
      </c>
      <c r="D5812" s="239">
        <v>24.029900000000001</v>
      </c>
      <c r="E5812" s="239">
        <v>8.2400000000000001E-2</v>
      </c>
      <c r="F5812" s="239">
        <v>0.26669999999999999</v>
      </c>
      <c r="G5812">
        <f t="shared" si="1353"/>
        <v>24.08324</v>
      </c>
      <c r="H5812" s="235">
        <f t="shared" si="1354"/>
        <v>0.34214665468599742</v>
      </c>
      <c r="I5812" s="236">
        <f t="shared" si="1355"/>
        <v>19.660989948228728</v>
      </c>
      <c r="J5812" s="237">
        <f t="shared" si="1360"/>
        <v>9.6609899482287283</v>
      </c>
      <c r="K5812" s="237">
        <f t="shared" si="1356"/>
        <v>1134.5767469424352</v>
      </c>
      <c r="L5812" s="237">
        <f t="shared" si="1361"/>
        <v>557.57437387207278</v>
      </c>
      <c r="M5812" s="236">
        <f t="shared" si="1357"/>
        <v>41.158030799892536</v>
      </c>
      <c r="N5812" s="236">
        <f t="shared" si="1358"/>
        <v>0.35906230829815955</v>
      </c>
      <c r="O5812" s="236">
        <f t="shared" si="1362"/>
        <v>2.0109542570976764</v>
      </c>
      <c r="P5812" s="236" t="str">
        <f t="shared" si="1363"/>
        <v>SAND</v>
      </c>
      <c r="Q5812" s="236" t="e">
        <f t="shared" si="1359"/>
        <v>#N/A</v>
      </c>
      <c r="R5812" s="238">
        <v>35</v>
      </c>
      <c r="S5812" s="236" t="e">
        <f t="shared" si="1364"/>
        <v>#N/A</v>
      </c>
      <c r="T5812" s="236">
        <f t="shared" si="1350"/>
        <v>35.359000466129729</v>
      </c>
    </row>
    <row r="5813" spans="1:20" x14ac:dyDescent="0.2">
      <c r="A5813" s="53">
        <f t="shared" si="1351"/>
        <v>5801</v>
      </c>
      <c r="B5813" s="239">
        <v>57.723999999999997</v>
      </c>
      <c r="C5813" s="3">
        <f t="shared" si="1352"/>
        <v>57.716999999999999</v>
      </c>
      <c r="D5813" s="239">
        <v>24.290700000000001</v>
      </c>
      <c r="E5813" s="239">
        <v>8.7499999999999994E-2</v>
      </c>
      <c r="F5813" s="239">
        <v>8.43E-2</v>
      </c>
      <c r="G5813">
        <f t="shared" si="1353"/>
        <v>24.307560000000002</v>
      </c>
      <c r="H5813" s="235">
        <f t="shared" si="1354"/>
        <v>0.35997031376246724</v>
      </c>
      <c r="I5813" s="236">
        <f t="shared" si="1355"/>
        <v>19.735032027324131</v>
      </c>
      <c r="J5813" s="237">
        <f t="shared" si="1360"/>
        <v>9.7350320273241309</v>
      </c>
      <c r="K5813" s="237">
        <f t="shared" si="1356"/>
        <v>1139.0468435210669</v>
      </c>
      <c r="L5813" s="237">
        <f t="shared" si="1361"/>
        <v>561.94498874525812</v>
      </c>
      <c r="M5813" s="236">
        <f t="shared" si="1357"/>
        <v>41.229148084781166</v>
      </c>
      <c r="N5813" s="236">
        <f t="shared" si="1358"/>
        <v>0.37766773987190955</v>
      </c>
      <c r="O5813" s="236">
        <f t="shared" si="1362"/>
        <v>2.0188241720526152</v>
      </c>
      <c r="P5813" s="236" t="str">
        <f t="shared" si="1363"/>
        <v>SAND</v>
      </c>
      <c r="Q5813" s="236" t="e">
        <f t="shared" si="1359"/>
        <v>#N/A</v>
      </c>
      <c r="R5813" s="238">
        <v>35</v>
      </c>
      <c r="S5813" s="236" t="e">
        <f t="shared" si="1364"/>
        <v>#N/A</v>
      </c>
      <c r="T5813" s="236">
        <f t="shared" si="1350"/>
        <v>35.36724797204824</v>
      </c>
    </row>
    <row r="5814" spans="1:20" x14ac:dyDescent="0.2">
      <c r="A5814" s="53">
        <f t="shared" si="1351"/>
        <v>5802</v>
      </c>
      <c r="B5814" s="239">
        <v>57.734000000000002</v>
      </c>
      <c r="C5814" s="3">
        <f t="shared" si="1352"/>
        <v>57.727000000000004</v>
      </c>
      <c r="D5814" s="239">
        <v>23.580200000000001</v>
      </c>
      <c r="E5814" s="239">
        <v>8.9800000000000005E-2</v>
      </c>
      <c r="F5814" s="239">
        <v>-9.1999999999999998E-3</v>
      </c>
      <c r="G5814">
        <f t="shared" si="1353"/>
        <v>23.57836</v>
      </c>
      <c r="H5814" s="235">
        <f t="shared" si="1354"/>
        <v>0.38085770172310546</v>
      </c>
      <c r="I5814" s="236">
        <f t="shared" si="1355"/>
        <v>19.753551398276535</v>
      </c>
      <c r="J5814" s="237">
        <f t="shared" si="1360"/>
        <v>9.7535513982765352</v>
      </c>
      <c r="K5814" s="237">
        <f t="shared" si="1356"/>
        <v>1140.3132615683096</v>
      </c>
      <c r="L5814" s="237">
        <f t="shared" si="1361"/>
        <v>563.11153642809745</v>
      </c>
      <c r="M5814" s="236">
        <f t="shared" si="1357"/>
        <v>39.84654067071623</v>
      </c>
      <c r="N5814" s="236">
        <f t="shared" si="1358"/>
        <v>0.40021308916426918</v>
      </c>
      <c r="O5814" s="236">
        <f t="shared" si="1362"/>
        <v>2.0424500443047258</v>
      </c>
      <c r="P5814" s="236" t="str">
        <f t="shared" si="1363"/>
        <v>SAND</v>
      </c>
      <c r="Q5814" s="236" t="e">
        <f t="shared" si="1359"/>
        <v>#N/A</v>
      </c>
      <c r="R5814" s="238">
        <v>35</v>
      </c>
      <c r="S5814" s="236" t="e">
        <f t="shared" si="1364"/>
        <v>#N/A</v>
      </c>
      <c r="T5814" s="236">
        <f t="shared" si="1350"/>
        <v>35.204296858808689</v>
      </c>
    </row>
    <row r="5815" spans="1:20" x14ac:dyDescent="0.2">
      <c r="A5815" s="53">
        <f t="shared" si="1351"/>
        <v>5803</v>
      </c>
      <c r="B5815" s="239">
        <v>57.744999999999997</v>
      </c>
      <c r="C5815" s="3">
        <f t="shared" si="1352"/>
        <v>57.738</v>
      </c>
      <c r="D5815" s="239">
        <v>22.634799999999998</v>
      </c>
      <c r="E5815" s="239">
        <v>0.10050000000000001</v>
      </c>
      <c r="F5815" s="239">
        <v>-1.7399999999999999E-2</v>
      </c>
      <c r="G5815">
        <f t="shared" si="1353"/>
        <v>22.631319999999999</v>
      </c>
      <c r="H5815" s="235">
        <f t="shared" si="1354"/>
        <v>0.44407484848431295</v>
      </c>
      <c r="I5815" s="236">
        <f t="shared" si="1355"/>
        <v>19.869530318040379</v>
      </c>
      <c r="J5815" s="237">
        <f t="shared" si="1360"/>
        <v>9.8695303180403791</v>
      </c>
      <c r="K5815" s="237">
        <f t="shared" si="1356"/>
        <v>1147.2269415030155</v>
      </c>
      <c r="L5815" s="237">
        <f t="shared" si="1361"/>
        <v>569.91602821524168</v>
      </c>
      <c r="M5815" s="236">
        <f t="shared" si="1357"/>
        <v>37.696944803915969</v>
      </c>
      <c r="N5815" s="236">
        <f t="shared" si="1358"/>
        <v>0.46778795700781106</v>
      </c>
      <c r="O5815" s="236">
        <f t="shared" si="1362"/>
        <v>2.092430087632589</v>
      </c>
      <c r="P5815" s="236" t="str">
        <f t="shared" si="1363"/>
        <v>SAND</v>
      </c>
      <c r="Q5815" s="236" t="e">
        <f t="shared" si="1359"/>
        <v>#N/A</v>
      </c>
      <c r="R5815" s="238">
        <v>35</v>
      </c>
      <c r="S5815" s="236" t="e">
        <f t="shared" si="1364"/>
        <v>#N/A</v>
      </c>
      <c r="T5815" s="236">
        <f t="shared" si="1350"/>
        <v>34.939367690612798</v>
      </c>
    </row>
    <row r="5816" spans="1:20" x14ac:dyDescent="0.2">
      <c r="A5816" s="53">
        <f t="shared" si="1351"/>
        <v>5804</v>
      </c>
      <c r="B5816" s="239">
        <v>57.755000000000003</v>
      </c>
      <c r="C5816" s="3">
        <f t="shared" si="1352"/>
        <v>57.748000000000005</v>
      </c>
      <c r="D5816" s="239">
        <v>21.860199999999999</v>
      </c>
      <c r="E5816" s="239">
        <v>0.1022</v>
      </c>
      <c r="F5816" s="239">
        <v>-5.11E-2</v>
      </c>
      <c r="G5816">
        <f t="shared" si="1353"/>
        <v>21.849979999999999</v>
      </c>
      <c r="H5816" s="235">
        <f t="shared" si="1354"/>
        <v>0.46773498190845031</v>
      </c>
      <c r="I5816" s="236">
        <f t="shared" si="1355"/>
        <v>19.875466412443394</v>
      </c>
      <c r="J5816" s="237">
        <f t="shared" si="1360"/>
        <v>9.8754664124433944</v>
      </c>
      <c r="K5816" s="237">
        <f t="shared" si="1356"/>
        <v>1147.7684343857811</v>
      </c>
      <c r="L5816" s="237">
        <f t="shared" si="1361"/>
        <v>570.35756265066823</v>
      </c>
      <c r="M5816" s="236">
        <f t="shared" si="1357"/>
        <v>36.296900262710956</v>
      </c>
      <c r="N5816" s="236">
        <f t="shared" si="1358"/>
        <v>0.49366706390804777</v>
      </c>
      <c r="O5816" s="236">
        <f t="shared" si="1362"/>
        <v>2.1173002465135506</v>
      </c>
      <c r="P5816" s="236" t="str">
        <f t="shared" si="1363"/>
        <v>SAND</v>
      </c>
      <c r="Q5816" s="236" t="e">
        <f t="shared" si="1359"/>
        <v>#N/A</v>
      </c>
      <c r="R5816" s="238">
        <v>35</v>
      </c>
      <c r="S5816" s="236" t="e">
        <f t="shared" si="1364"/>
        <v>#N/A</v>
      </c>
      <c r="T5816" s="236">
        <f t="shared" si="1350"/>
        <v>34.758564918948537</v>
      </c>
    </row>
    <row r="5817" spans="1:20" x14ac:dyDescent="0.2">
      <c r="A5817" s="53">
        <f t="shared" si="1351"/>
        <v>5805</v>
      </c>
      <c r="B5817" s="239">
        <v>57.765000000000001</v>
      </c>
      <c r="C5817" s="3">
        <f t="shared" si="1352"/>
        <v>57.758000000000003</v>
      </c>
      <c r="D5817" s="239">
        <v>21.1023</v>
      </c>
      <c r="E5817" s="239">
        <v>0.1096</v>
      </c>
      <c r="F5817" s="239">
        <v>-7.4700000000000003E-2</v>
      </c>
      <c r="G5817">
        <f t="shared" si="1353"/>
        <v>21.08736</v>
      </c>
      <c r="H5817" s="235">
        <f t="shared" si="1354"/>
        <v>0.51974263255334008</v>
      </c>
      <c r="I5817" s="236">
        <f t="shared" si="1355"/>
        <v>19.9435515416573</v>
      </c>
      <c r="J5817" s="237">
        <f t="shared" si="1360"/>
        <v>9.9435515416572997</v>
      </c>
      <c r="K5817" s="237">
        <f t="shared" si="1356"/>
        <v>1151.8996499430423</v>
      </c>
      <c r="L5817" s="237">
        <f t="shared" si="1361"/>
        <v>574.38925480383398</v>
      </c>
      <c r="M5817" s="236">
        <f t="shared" si="1357"/>
        <v>34.707230651216371</v>
      </c>
      <c r="N5817" s="236">
        <f t="shared" si="1358"/>
        <v>0.54977411143498811</v>
      </c>
      <c r="O5817" s="236">
        <f t="shared" si="1362"/>
        <v>2.1552802567023823</v>
      </c>
      <c r="P5817" s="236" t="str">
        <f t="shared" si="1363"/>
        <v>SAND</v>
      </c>
      <c r="Q5817" s="236" t="e">
        <f t="shared" si="1359"/>
        <v>#N/A</v>
      </c>
      <c r="R5817" s="238">
        <v>35</v>
      </c>
      <c r="S5817" s="236" t="e">
        <f t="shared" si="1364"/>
        <v>#N/A</v>
      </c>
      <c r="T5817" s="236">
        <f t="shared" si="1350"/>
        <v>34.54461958156822</v>
      </c>
    </row>
    <row r="5818" spans="1:20" x14ac:dyDescent="0.2">
      <c r="A5818" s="53">
        <f t="shared" si="1351"/>
        <v>5806</v>
      </c>
      <c r="B5818" s="239">
        <v>57.776000000000003</v>
      </c>
      <c r="C5818" s="3">
        <f t="shared" si="1352"/>
        <v>57.769000000000005</v>
      </c>
      <c r="D5818" s="239">
        <v>20.167000000000002</v>
      </c>
      <c r="E5818" s="239">
        <v>0.1147</v>
      </c>
      <c r="F5818" s="239">
        <v>-5.4100000000000002E-2</v>
      </c>
      <c r="G5818">
        <f t="shared" si="1353"/>
        <v>20.156180000000003</v>
      </c>
      <c r="H5818" s="235">
        <f t="shared" si="1354"/>
        <v>0.5690562398232204</v>
      </c>
      <c r="I5818" s="236">
        <f t="shared" si="1355"/>
        <v>19.979231687974625</v>
      </c>
      <c r="J5818" s="237">
        <f t="shared" si="1360"/>
        <v>9.9792316879746252</v>
      </c>
      <c r="K5818" s="237">
        <f t="shared" si="1356"/>
        <v>1154.1802353826063</v>
      </c>
      <c r="L5818" s="237">
        <f t="shared" si="1361"/>
        <v>576.56009000442202</v>
      </c>
      <c r="M5818" s="236">
        <f t="shared" si="1357"/>
        <v>32.957535726192319</v>
      </c>
      <c r="N5818" s="236">
        <f t="shared" si="1358"/>
        <v>0.60362067898546501</v>
      </c>
      <c r="O5818" s="236">
        <f t="shared" si="1362"/>
        <v>2.1936293062129022</v>
      </c>
      <c r="P5818" s="236" t="str">
        <f t="shared" si="1363"/>
        <v>SAND</v>
      </c>
      <c r="Q5818" s="236" t="e">
        <f t="shared" si="1359"/>
        <v>#N/A</v>
      </c>
      <c r="R5818" s="238">
        <v>35</v>
      </c>
      <c r="S5818" s="236" t="e">
        <f t="shared" si="1364"/>
        <v>#N/A</v>
      </c>
      <c r="T5818" s="236">
        <f t="shared" si="1350"/>
        <v>34.297502046813776</v>
      </c>
    </row>
    <row r="5819" spans="1:20" x14ac:dyDescent="0.2">
      <c r="A5819" s="53">
        <f t="shared" si="1351"/>
        <v>5807</v>
      </c>
      <c r="B5819" s="239">
        <v>57.786000000000001</v>
      </c>
      <c r="C5819" s="3">
        <f t="shared" si="1352"/>
        <v>57.779000000000003</v>
      </c>
      <c r="D5819" s="239">
        <v>19.196200000000001</v>
      </c>
      <c r="E5819" s="239">
        <v>0.1114</v>
      </c>
      <c r="F5819" s="239">
        <v>-4.4999999999999998E-2</v>
      </c>
      <c r="G5819">
        <f t="shared" si="1353"/>
        <v>19.187200000000001</v>
      </c>
      <c r="H5819" s="235">
        <f t="shared" si="1354"/>
        <v>0.58059539693128748</v>
      </c>
      <c r="I5819" s="236">
        <f t="shared" si="1355"/>
        <v>19.925743511890836</v>
      </c>
      <c r="J5819" s="237">
        <f t="shared" si="1360"/>
        <v>9.9257435118908361</v>
      </c>
      <c r="K5819" s="237">
        <f t="shared" si="1356"/>
        <v>1151.2895343735406</v>
      </c>
      <c r="L5819" s="237">
        <f t="shared" si="1361"/>
        <v>573.56901457812387</v>
      </c>
      <c r="M5819" s="236">
        <f t="shared" si="1357"/>
        <v>31.445057189660741</v>
      </c>
      <c r="N5819" s="236">
        <f t="shared" si="1358"/>
        <v>0.61765664789870445</v>
      </c>
      <c r="O5819" s="236">
        <f t="shared" si="1362"/>
        <v>2.2163391706369766</v>
      </c>
      <c r="P5819" s="236" t="str">
        <f t="shared" si="1363"/>
        <v>SAND</v>
      </c>
      <c r="Q5819" s="236" t="e">
        <f t="shared" si="1359"/>
        <v>#N/A</v>
      </c>
      <c r="R5819" s="238">
        <v>35</v>
      </c>
      <c r="S5819" s="236" t="e">
        <f t="shared" si="1364"/>
        <v>#N/A</v>
      </c>
      <c r="T5819" s="236">
        <f t="shared" si="1350"/>
        <v>34.073076278164564</v>
      </c>
    </row>
    <row r="5820" spans="1:20" x14ac:dyDescent="0.2">
      <c r="A5820" s="53">
        <f t="shared" si="1351"/>
        <v>5808</v>
      </c>
      <c r="B5820" s="239">
        <v>57.795999999999999</v>
      </c>
      <c r="C5820" s="3">
        <f t="shared" si="1352"/>
        <v>57.789000000000001</v>
      </c>
      <c r="D5820" s="239">
        <v>18.562999999999999</v>
      </c>
      <c r="E5820" s="239">
        <v>0.1053</v>
      </c>
      <c r="F5820" s="239">
        <v>-0.1142</v>
      </c>
      <c r="G5820">
        <f t="shared" si="1353"/>
        <v>18.54016</v>
      </c>
      <c r="H5820" s="235">
        <f t="shared" si="1354"/>
        <v>0.56795626359211582</v>
      </c>
      <c r="I5820" s="236">
        <f t="shared" si="1355"/>
        <v>19.846301786557401</v>
      </c>
      <c r="J5820" s="237">
        <f t="shared" si="1360"/>
        <v>9.846301786557401</v>
      </c>
      <c r="K5820" s="237">
        <f t="shared" si="1356"/>
        <v>1146.8979339433656</v>
      </c>
      <c r="L5820" s="237">
        <f t="shared" si="1361"/>
        <v>569.07685805587153</v>
      </c>
      <c r="M5820" s="236">
        <f t="shared" si="1357"/>
        <v>30.563994686898653</v>
      </c>
      <c r="N5820" s="236">
        <f t="shared" si="1358"/>
        <v>0.60540685007843043</v>
      </c>
      <c r="O5820" s="236">
        <f t="shared" si="1362"/>
        <v>2.2233959922496442</v>
      </c>
      <c r="P5820" s="236" t="str">
        <f t="shared" si="1363"/>
        <v>SAND</v>
      </c>
      <c r="Q5820" s="236" t="e">
        <f t="shared" si="1359"/>
        <v>#N/A</v>
      </c>
      <c r="R5820" s="238">
        <v>35</v>
      </c>
      <c r="S5820" s="236" t="e">
        <f t="shared" si="1364"/>
        <v>#N/A</v>
      </c>
      <c r="T5820" s="236">
        <f t="shared" si="1350"/>
        <v>33.937311270670861</v>
      </c>
    </row>
    <row r="5821" spans="1:20" x14ac:dyDescent="0.2">
      <c r="A5821" s="53">
        <f t="shared" si="1351"/>
        <v>5809</v>
      </c>
      <c r="B5821" s="239">
        <v>57.807000000000002</v>
      </c>
      <c r="C5821" s="3">
        <f t="shared" si="1352"/>
        <v>57.800000000000004</v>
      </c>
      <c r="D5821" s="239">
        <v>18.253599999999999</v>
      </c>
      <c r="E5821" s="239">
        <v>0.1124</v>
      </c>
      <c r="F5821" s="239">
        <v>-9.4200000000000006E-2</v>
      </c>
      <c r="G5821">
        <f t="shared" si="1353"/>
        <v>18.234759999999998</v>
      </c>
      <c r="H5821" s="235">
        <f t="shared" si="1354"/>
        <v>0.61640515147992092</v>
      </c>
      <c r="I5821" s="236">
        <f t="shared" si="1355"/>
        <v>19.916322141191507</v>
      </c>
      <c r="J5821" s="237">
        <f t="shared" si="1360"/>
        <v>9.9163221411915075</v>
      </c>
      <c r="K5821" s="237">
        <f t="shared" si="1356"/>
        <v>1151.1634197608691</v>
      </c>
      <c r="L5821" s="237">
        <f t="shared" si="1361"/>
        <v>573.23283401585752</v>
      </c>
      <c r="M5821" s="236">
        <f t="shared" si="1357"/>
        <v>29.802194791526091</v>
      </c>
      <c r="N5821" s="236">
        <f t="shared" si="1358"/>
        <v>0.65794108091978054</v>
      </c>
      <c r="O5821" s="236">
        <f t="shared" si="1362"/>
        <v>2.2496349274618077</v>
      </c>
      <c r="P5821" s="236" t="str">
        <f t="shared" si="1363"/>
        <v>SAND</v>
      </c>
      <c r="Q5821" s="236" t="e">
        <f t="shared" si="1359"/>
        <v>#N/A</v>
      </c>
      <c r="R5821" s="238">
        <v>35</v>
      </c>
      <c r="S5821" s="236" t="e">
        <f t="shared" si="1364"/>
        <v>#N/A</v>
      </c>
      <c r="T5821" s="236">
        <f t="shared" si="1350"/>
        <v>33.816730739007909</v>
      </c>
    </row>
    <row r="5822" spans="1:20" x14ac:dyDescent="0.2">
      <c r="A5822" s="53">
        <f t="shared" si="1351"/>
        <v>5810</v>
      </c>
      <c r="B5822" s="239">
        <v>57.817999999999998</v>
      </c>
      <c r="C5822" s="3">
        <f t="shared" si="1352"/>
        <v>57.811</v>
      </c>
      <c r="D5822" s="239">
        <v>17.470300000000002</v>
      </c>
      <c r="E5822" s="239">
        <v>0.126</v>
      </c>
      <c r="F5822" s="239">
        <v>-0.1027</v>
      </c>
      <c r="G5822">
        <f t="shared" si="1353"/>
        <v>17.449760000000001</v>
      </c>
      <c r="H5822" s="235">
        <f t="shared" si="1354"/>
        <v>0.72207296833881951</v>
      </c>
      <c r="I5822" s="236">
        <f t="shared" si="1355"/>
        <v>20.033054038534456</v>
      </c>
      <c r="J5822" s="237">
        <f t="shared" si="1360"/>
        <v>10.033054038534456</v>
      </c>
      <c r="K5822" s="237">
        <f t="shared" si="1356"/>
        <v>1158.1308870217154</v>
      </c>
      <c r="L5822" s="237">
        <f t="shared" si="1361"/>
        <v>580.09111839998513</v>
      </c>
      <c r="M5822" s="236">
        <f t="shared" si="1357"/>
        <v>28.084603601437774</v>
      </c>
      <c r="N5822" s="236">
        <f t="shared" si="1358"/>
        <v>0.77340331728780576</v>
      </c>
      <c r="O5822" s="236">
        <f t="shared" si="1362"/>
        <v>2.3054618515484848</v>
      </c>
      <c r="P5822" s="236" t="str">
        <f t="shared" si="1363"/>
        <v>SAND</v>
      </c>
      <c r="Q5822" s="236" t="e">
        <f t="shared" si="1359"/>
        <v>#N/A</v>
      </c>
      <c r="R5822" s="238">
        <v>35</v>
      </c>
      <c r="S5822" s="236" t="e">
        <f t="shared" si="1364"/>
        <v>#N/A</v>
      </c>
      <c r="T5822" s="236">
        <f t="shared" si="1350"/>
        <v>33.533151282733471</v>
      </c>
    </row>
    <row r="5823" spans="1:20" x14ac:dyDescent="0.2">
      <c r="A5823" s="53">
        <f t="shared" si="1351"/>
        <v>5811</v>
      </c>
      <c r="B5823" s="239">
        <v>57.828000000000003</v>
      </c>
      <c r="C5823" s="3">
        <f t="shared" si="1352"/>
        <v>57.821000000000005</v>
      </c>
      <c r="D5823" s="239">
        <v>16.960699999999999</v>
      </c>
      <c r="E5823" s="239">
        <v>0.1305</v>
      </c>
      <c r="F5823" s="239">
        <v>-0.17319999999999999</v>
      </c>
      <c r="G5823">
        <f t="shared" si="1353"/>
        <v>16.92606</v>
      </c>
      <c r="H5823" s="235">
        <f t="shared" si="1354"/>
        <v>0.77100045728302991</v>
      </c>
      <c r="I5823" s="236">
        <f t="shared" si="1355"/>
        <v>20.062291724340639</v>
      </c>
      <c r="J5823" s="237">
        <f t="shared" si="1360"/>
        <v>10.062291724340639</v>
      </c>
      <c r="K5823" s="237">
        <f t="shared" si="1356"/>
        <v>1160.0217697931002</v>
      </c>
      <c r="L5823" s="237">
        <f t="shared" si="1361"/>
        <v>581.88220583517045</v>
      </c>
      <c r="M5823" s="236">
        <f t="shared" si="1357"/>
        <v>27.094896651080855</v>
      </c>
      <c r="N5823" s="236">
        <f t="shared" si="1358"/>
        <v>0.82772855231296372</v>
      </c>
      <c r="O5823" s="236">
        <f t="shared" si="1362"/>
        <v>2.333370158847476</v>
      </c>
      <c r="P5823" s="236" t="str">
        <f t="shared" si="1363"/>
        <v>SAND</v>
      </c>
      <c r="Q5823" s="236" t="e">
        <f t="shared" si="1359"/>
        <v>#N/A</v>
      </c>
      <c r="R5823" s="238">
        <v>35</v>
      </c>
      <c r="S5823" s="236" t="e">
        <f t="shared" si="1364"/>
        <v>#N/A</v>
      </c>
      <c r="T5823" s="236">
        <f t="shared" si="1350"/>
        <v>33.361762486892673</v>
      </c>
    </row>
    <row r="5824" spans="1:20" x14ac:dyDescent="0.2">
      <c r="A5824" s="53">
        <f t="shared" si="1351"/>
        <v>5812</v>
      </c>
      <c r="B5824" s="239">
        <v>57.838000000000001</v>
      </c>
      <c r="C5824" s="3">
        <f t="shared" si="1352"/>
        <v>57.831000000000003</v>
      </c>
      <c r="D5824" s="239">
        <v>16.463699999999999</v>
      </c>
      <c r="E5824" s="239">
        <v>0.1474</v>
      </c>
      <c r="F5824" s="239">
        <v>-0.1794</v>
      </c>
      <c r="G5824">
        <f t="shared" si="1353"/>
        <v>16.427820000000001</v>
      </c>
      <c r="H5824" s="235">
        <f t="shared" si="1354"/>
        <v>0.89725843112476267</v>
      </c>
      <c r="I5824" s="236">
        <f t="shared" si="1355"/>
        <v>20.193408201964466</v>
      </c>
      <c r="J5824" s="237">
        <f t="shared" si="1360"/>
        <v>10.193408201964466</v>
      </c>
      <c r="K5824" s="237">
        <f t="shared" si="1356"/>
        <v>1167.8049897278072</v>
      </c>
      <c r="L5824" s="237">
        <f t="shared" si="1361"/>
        <v>589.56634358522081</v>
      </c>
      <c r="M5824" s="236">
        <f t="shared" si="1357"/>
        <v>25.883456842997997</v>
      </c>
      <c r="N5824" s="236">
        <f t="shared" si="1358"/>
        <v>0.96592303415677194</v>
      </c>
      <c r="O5824" s="236">
        <f t="shared" si="1362"/>
        <v>2.3839135540311411</v>
      </c>
      <c r="P5824" s="236" t="str">
        <f t="shared" si="1363"/>
        <v>SAND</v>
      </c>
      <c r="Q5824" s="236" t="e">
        <f t="shared" si="1359"/>
        <v>#N/A</v>
      </c>
      <c r="R5824" s="238">
        <v>35</v>
      </c>
      <c r="S5824" s="236" t="e">
        <f t="shared" si="1364"/>
        <v>#N/A</v>
      </c>
      <c r="T5824" s="236">
        <f t="shared" si="1350"/>
        <v>33.143245054691668</v>
      </c>
    </row>
    <row r="5825" spans="1:20" x14ac:dyDescent="0.2">
      <c r="A5825" s="53">
        <f t="shared" si="1351"/>
        <v>5813</v>
      </c>
      <c r="B5825" s="239">
        <v>57.848999999999997</v>
      </c>
      <c r="C5825" s="3">
        <f t="shared" si="1352"/>
        <v>57.841999999999999</v>
      </c>
      <c r="D5825" s="239">
        <v>16.1493</v>
      </c>
      <c r="E5825" s="239">
        <v>0.16839999999999999</v>
      </c>
      <c r="F5825" s="239">
        <v>-0.1479</v>
      </c>
      <c r="G5825">
        <f t="shared" si="1353"/>
        <v>16.119720000000001</v>
      </c>
      <c r="H5825" s="235">
        <f t="shared" si="1354"/>
        <v>1.0446831582682576</v>
      </c>
      <c r="I5825" s="236">
        <f t="shared" si="1355"/>
        <v>20.342188434168541</v>
      </c>
      <c r="J5825" s="237">
        <f t="shared" si="1360"/>
        <v>10.342188434168541</v>
      </c>
      <c r="K5825" s="237">
        <f t="shared" si="1356"/>
        <v>1176.6328634091767</v>
      </c>
      <c r="L5825" s="237">
        <f t="shared" si="1361"/>
        <v>598.28525872821592</v>
      </c>
      <c r="M5825" s="236">
        <f t="shared" si="1357"/>
        <v>24.976525693371705</v>
      </c>
      <c r="N5825" s="236">
        <f t="shared" si="1358"/>
        <v>1.1269425016444057</v>
      </c>
      <c r="O5825" s="236">
        <f t="shared" si="1362"/>
        <v>2.4316368115435423</v>
      </c>
      <c r="P5825" s="236" t="str">
        <f t="shared" si="1363"/>
        <v>SAND</v>
      </c>
      <c r="Q5825" s="236" t="e">
        <f t="shared" si="1359"/>
        <v>#N/A</v>
      </c>
      <c r="R5825" s="238">
        <v>35</v>
      </c>
      <c r="S5825" s="236" t="e">
        <f t="shared" si="1364"/>
        <v>#N/A</v>
      </c>
      <c r="T5825" s="236">
        <f t="shared" si="1350"/>
        <v>32.972852292894018</v>
      </c>
    </row>
    <row r="5826" spans="1:20" x14ac:dyDescent="0.2">
      <c r="A5826" s="53">
        <f t="shared" si="1351"/>
        <v>5814</v>
      </c>
      <c r="B5826" s="239">
        <v>57.857999999999997</v>
      </c>
      <c r="C5826" s="3">
        <f t="shared" si="1352"/>
        <v>57.850999999999999</v>
      </c>
      <c r="D5826" s="239">
        <v>16.563800000000001</v>
      </c>
      <c r="E5826" s="239">
        <v>0.18140000000000001</v>
      </c>
      <c r="F5826" s="239">
        <v>-0.11550000000000001</v>
      </c>
      <c r="G5826">
        <f t="shared" si="1353"/>
        <v>16.540700000000001</v>
      </c>
      <c r="H5826" s="235">
        <f t="shared" si="1354"/>
        <v>1.0966887737520177</v>
      </c>
      <c r="I5826" s="236">
        <f t="shared" si="1355"/>
        <v>20.439462214133339</v>
      </c>
      <c r="J5826" s="237">
        <f t="shared" si="1360"/>
        <v>10.439462214133339</v>
      </c>
      <c r="K5826" s="237">
        <f t="shared" si="1356"/>
        <v>1182.4433285498278</v>
      </c>
      <c r="L5826" s="237">
        <f t="shared" si="1361"/>
        <v>604.00640478532671</v>
      </c>
      <c r="M5826" s="236">
        <f t="shared" si="1357"/>
        <v>25.42730764073394</v>
      </c>
      <c r="N5826" s="236">
        <f t="shared" si="1358"/>
        <v>1.1811236384479025</v>
      </c>
      <c r="O5826" s="236">
        <f t="shared" si="1362"/>
        <v>2.4357774594614923</v>
      </c>
      <c r="P5826" s="236" t="str">
        <f t="shared" si="1363"/>
        <v>SAND</v>
      </c>
      <c r="Q5826" s="236" t="e">
        <f t="shared" si="1359"/>
        <v>#N/A</v>
      </c>
      <c r="R5826" s="238">
        <v>35</v>
      </c>
      <c r="S5826" s="236" t="e">
        <f t="shared" si="1364"/>
        <v>#N/A</v>
      </c>
      <c r="T5826" s="236">
        <f t="shared" si="1350"/>
        <v>33.05830415283252</v>
      </c>
    </row>
    <row r="5827" spans="1:20" x14ac:dyDescent="0.2">
      <c r="A5827" s="53">
        <f t="shared" si="1351"/>
        <v>5815</v>
      </c>
      <c r="B5827" s="239">
        <v>57.869</v>
      </c>
      <c r="C5827" s="3">
        <f t="shared" si="1352"/>
        <v>57.862000000000002</v>
      </c>
      <c r="D5827" s="239">
        <v>16.775400000000001</v>
      </c>
      <c r="E5827" s="239">
        <v>0.1956</v>
      </c>
      <c r="F5827" s="239">
        <v>-8.4699999999999998E-2</v>
      </c>
      <c r="G5827">
        <f t="shared" si="1353"/>
        <v>16.758459999999999</v>
      </c>
      <c r="H5827" s="235">
        <f t="shared" si="1354"/>
        <v>1.1671716852264469</v>
      </c>
      <c r="I5827" s="236">
        <f t="shared" si="1355"/>
        <v>20.532949647010263</v>
      </c>
      <c r="J5827" s="237">
        <f t="shared" si="1360"/>
        <v>10.532949647010263</v>
      </c>
      <c r="K5827" s="237">
        <f t="shared" si="1356"/>
        <v>1188.0775324753079</v>
      </c>
      <c r="L5827" s="237">
        <f t="shared" si="1361"/>
        <v>609.53126312283689</v>
      </c>
      <c r="M5827" s="236">
        <f t="shared" si="1357"/>
        <v>25.544846359073205</v>
      </c>
      <c r="N5827" s="236">
        <f t="shared" si="1358"/>
        <v>1.2562311838387077</v>
      </c>
      <c r="O5827" s="236">
        <f t="shared" si="1362"/>
        <v>2.4483999320258616</v>
      </c>
      <c r="P5827" s="236" t="str">
        <f t="shared" si="1363"/>
        <v>SAND</v>
      </c>
      <c r="Q5827" s="236" t="e">
        <f t="shared" si="1359"/>
        <v>#N/A</v>
      </c>
      <c r="R5827" s="238">
        <v>35</v>
      </c>
      <c r="S5827" s="236" t="e">
        <f t="shared" si="1364"/>
        <v>#N/A</v>
      </c>
      <c r="T5827" s="236">
        <f t="shared" si="1350"/>
        <v>33.080336244310871</v>
      </c>
    </row>
    <row r="5828" spans="1:20" x14ac:dyDescent="0.2">
      <c r="A5828" s="53">
        <f t="shared" si="1351"/>
        <v>5816</v>
      </c>
      <c r="B5828" s="239">
        <v>57.878999999999998</v>
      </c>
      <c r="C5828" s="3">
        <f t="shared" si="1352"/>
        <v>57.872</v>
      </c>
      <c r="D5828" s="239">
        <v>16.928000000000001</v>
      </c>
      <c r="E5828" s="239">
        <v>0.2167</v>
      </c>
      <c r="F5828" s="239">
        <v>-9.0800000000000006E-2</v>
      </c>
      <c r="G5828">
        <f t="shared" si="1353"/>
        <v>16.909839999999999</v>
      </c>
      <c r="H5828" s="235">
        <f t="shared" si="1354"/>
        <v>1.2815023678520909</v>
      </c>
      <c r="I5828" s="236">
        <f t="shared" si="1355"/>
        <v>20.656587663457454</v>
      </c>
      <c r="J5828" s="237">
        <f t="shared" si="1360"/>
        <v>10.656587663457454</v>
      </c>
      <c r="K5828" s="237">
        <f t="shared" si="1356"/>
        <v>1195.4380412596097</v>
      </c>
      <c r="L5828" s="237">
        <f t="shared" si="1361"/>
        <v>616.79263737325402</v>
      </c>
      <c r="M5828" s="236">
        <f t="shared" si="1357"/>
        <v>25.477609502058261</v>
      </c>
      <c r="N5828" s="236">
        <f t="shared" si="1358"/>
        <v>1.3789897990961781</v>
      </c>
      <c r="O5828" s="236">
        <f t="shared" si="1362"/>
        <v>2.4714059289122829</v>
      </c>
      <c r="P5828" s="236" t="str">
        <f t="shared" si="1363"/>
        <v>SAND</v>
      </c>
      <c r="Q5828" s="236" t="e">
        <f t="shared" si="1359"/>
        <v>#N/A</v>
      </c>
      <c r="R5828" s="238">
        <v>35</v>
      </c>
      <c r="S5828" s="236" t="e">
        <f t="shared" si="1364"/>
        <v>#N/A</v>
      </c>
      <c r="T5828" s="236">
        <f t="shared" si="1350"/>
        <v>33.067745445365013</v>
      </c>
    </row>
    <row r="5829" spans="1:20" x14ac:dyDescent="0.2">
      <c r="A5829" s="53">
        <f t="shared" si="1351"/>
        <v>5817</v>
      </c>
      <c r="B5829" s="239">
        <v>57.887999999999998</v>
      </c>
      <c r="C5829" s="3">
        <f t="shared" si="1352"/>
        <v>57.881</v>
      </c>
      <c r="D5829" s="239">
        <v>17.258600000000001</v>
      </c>
      <c r="E5829" s="239">
        <v>0.23169999999999999</v>
      </c>
      <c r="F5829" s="239">
        <v>-9.35E-2</v>
      </c>
      <c r="G5829">
        <f t="shared" si="1353"/>
        <v>17.239900000000002</v>
      </c>
      <c r="H5829" s="235">
        <f t="shared" si="1354"/>
        <v>1.3439753130818621</v>
      </c>
      <c r="I5829" s="236">
        <f t="shared" si="1355"/>
        <v>20.742624613750099</v>
      </c>
      <c r="J5829" s="237">
        <f t="shared" si="1360"/>
        <v>10.742624613750099</v>
      </c>
      <c r="K5829" s="237">
        <f t="shared" si="1356"/>
        <v>1200.6038552684695</v>
      </c>
      <c r="L5829" s="237">
        <f t="shared" si="1361"/>
        <v>621.86905364076574</v>
      </c>
      <c r="M5829" s="236">
        <f t="shared" si="1357"/>
        <v>25.79207962002388</v>
      </c>
      <c r="N5829" s="236">
        <f t="shared" si="1358"/>
        <v>1.4445771055614998</v>
      </c>
      <c r="O5829" s="236">
        <f t="shared" si="1362"/>
        <v>2.4781369773134503</v>
      </c>
      <c r="P5829" s="236" t="str">
        <f t="shared" si="1363"/>
        <v>SAND</v>
      </c>
      <c r="Q5829" s="236" t="e">
        <f t="shared" si="1359"/>
        <v>#N/A</v>
      </c>
      <c r="R5829" s="238">
        <v>35</v>
      </c>
      <c r="S5829" s="236" t="e">
        <f t="shared" si="1364"/>
        <v>#N/A</v>
      </c>
      <c r="T5829" s="236">
        <f t="shared" si="1350"/>
        <v>33.126349968712127</v>
      </c>
    </row>
    <row r="5830" spans="1:20" x14ac:dyDescent="0.2">
      <c r="A5830" s="53">
        <f t="shared" si="1351"/>
        <v>5818</v>
      </c>
      <c r="B5830" s="239">
        <v>57.899000000000001</v>
      </c>
      <c r="C5830" s="3">
        <f t="shared" si="1352"/>
        <v>57.892000000000003</v>
      </c>
      <c r="D5830" s="239">
        <v>17.356300000000001</v>
      </c>
      <c r="E5830" s="239">
        <v>0.23769999999999999</v>
      </c>
      <c r="F5830" s="239">
        <v>-0.10059999999999999</v>
      </c>
      <c r="G5830">
        <f t="shared" si="1353"/>
        <v>17.336180000000002</v>
      </c>
      <c r="H5830" s="235">
        <f t="shared" si="1354"/>
        <v>1.3711209735939518</v>
      </c>
      <c r="I5830" s="236">
        <f t="shared" si="1355"/>
        <v>20.774779911866766</v>
      </c>
      <c r="J5830" s="237">
        <f t="shared" si="1360"/>
        <v>10.774779911866766</v>
      </c>
      <c r="K5830" s="237">
        <f t="shared" si="1356"/>
        <v>1202.6935586577908</v>
      </c>
      <c r="L5830" s="237">
        <f t="shared" si="1361"/>
        <v>623.84898211717393</v>
      </c>
      <c r="M5830" s="236">
        <f t="shared" si="1357"/>
        <v>25.861205041305901</v>
      </c>
      <c r="N5830" s="236">
        <f t="shared" si="1358"/>
        <v>1.4733331252623207</v>
      </c>
      <c r="O5830" s="236">
        <f t="shared" si="1362"/>
        <v>2.4819495706952921</v>
      </c>
      <c r="P5830" s="236" t="str">
        <f t="shared" si="1363"/>
        <v>SAND</v>
      </c>
      <c r="Q5830" s="236" t="e">
        <f t="shared" si="1359"/>
        <v>#N/A</v>
      </c>
      <c r="R5830" s="238">
        <v>35</v>
      </c>
      <c r="S5830" s="236" t="e">
        <f t="shared" si="1364"/>
        <v>#N/A</v>
      </c>
      <c r="T5830" s="236">
        <f t="shared" si="1350"/>
        <v>33.139136333743778</v>
      </c>
    </row>
    <row r="5831" spans="1:20" x14ac:dyDescent="0.2">
      <c r="A5831" s="53">
        <f t="shared" si="1351"/>
        <v>5819</v>
      </c>
      <c r="B5831" s="239">
        <v>57.908999999999999</v>
      </c>
      <c r="C5831" s="3">
        <f t="shared" si="1352"/>
        <v>57.902000000000001</v>
      </c>
      <c r="D5831" s="239">
        <v>17.3703</v>
      </c>
      <c r="E5831" s="239">
        <v>0.2414</v>
      </c>
      <c r="F5831" s="239">
        <v>-8.7099999999999997E-2</v>
      </c>
      <c r="G5831">
        <f t="shared" si="1353"/>
        <v>17.352879999999999</v>
      </c>
      <c r="H5831" s="235">
        <f t="shared" si="1354"/>
        <v>1.391123548367764</v>
      </c>
      <c r="I5831" s="236">
        <f t="shared" si="1355"/>
        <v>20.793268079110689</v>
      </c>
      <c r="J5831" s="237">
        <f t="shared" si="1360"/>
        <v>10.793268079110689</v>
      </c>
      <c r="K5831" s="237">
        <f t="shared" si="1356"/>
        <v>1203.9718083166672</v>
      </c>
      <c r="L5831" s="237">
        <f t="shared" si="1361"/>
        <v>625.02736119322083</v>
      </c>
      <c r="M5831" s="236">
        <f t="shared" si="1357"/>
        <v>25.837122011513127</v>
      </c>
      <c r="N5831" s="236">
        <f t="shared" si="1358"/>
        <v>1.4948378994706324</v>
      </c>
      <c r="O5831" s="236">
        <f t="shared" si="1362"/>
        <v>2.4858101093648703</v>
      </c>
      <c r="P5831" s="236" t="str">
        <f t="shared" si="1363"/>
        <v>SAND</v>
      </c>
      <c r="Q5831" s="236" t="e">
        <f t="shared" si="1359"/>
        <v>#N/A</v>
      </c>
      <c r="R5831" s="238">
        <v>35</v>
      </c>
      <c r="S5831" s="236" t="e">
        <f t="shared" si="1364"/>
        <v>#N/A</v>
      </c>
      <c r="T5831" s="236">
        <f t="shared" si="1350"/>
        <v>33.134685497080682</v>
      </c>
    </row>
    <row r="5832" spans="1:20" x14ac:dyDescent="0.2">
      <c r="A5832" s="53">
        <f t="shared" si="1351"/>
        <v>5820</v>
      </c>
      <c r="B5832" s="239">
        <v>57.918999999999997</v>
      </c>
      <c r="C5832" s="3">
        <f t="shared" si="1352"/>
        <v>57.911999999999999</v>
      </c>
      <c r="D5832" s="239">
        <v>17.431100000000001</v>
      </c>
      <c r="E5832" s="239">
        <v>0.24429999999999999</v>
      </c>
      <c r="F5832" s="239">
        <v>-9.9599999999999994E-2</v>
      </c>
      <c r="G5832">
        <f t="shared" si="1353"/>
        <v>17.411180000000002</v>
      </c>
      <c r="H5832" s="235">
        <f t="shared" si="1354"/>
        <v>1.4031214426592566</v>
      </c>
      <c r="I5832" s="236">
        <f t="shared" si="1355"/>
        <v>20.808581800032581</v>
      </c>
      <c r="J5832" s="237">
        <f t="shared" si="1360"/>
        <v>10.808581800032581</v>
      </c>
      <c r="K5832" s="237">
        <f t="shared" si="1356"/>
        <v>1205.0665892034867</v>
      </c>
      <c r="L5832" s="237">
        <f t="shared" si="1361"/>
        <v>626.022249276087</v>
      </c>
      <c r="M5832" s="236">
        <f t="shared" si="1357"/>
        <v>25.887439990410513</v>
      </c>
      <c r="N5832" s="236">
        <f t="shared" si="1358"/>
        <v>1.5074558211918183</v>
      </c>
      <c r="O5832" s="236">
        <f t="shared" si="1362"/>
        <v>2.4871611068978763</v>
      </c>
      <c r="P5832" s="236" t="str">
        <f t="shared" si="1363"/>
        <v>SAND</v>
      </c>
      <c r="Q5832" s="236" t="e">
        <f t="shared" si="1359"/>
        <v>#N/A</v>
      </c>
      <c r="R5832" s="238">
        <v>35</v>
      </c>
      <c r="S5832" s="236" t="e">
        <f t="shared" si="1364"/>
        <v>#N/A</v>
      </c>
      <c r="T5832" s="236">
        <f t="shared" si="1350"/>
        <v>33.143980156826728</v>
      </c>
    </row>
    <row r="5833" spans="1:20" x14ac:dyDescent="0.2">
      <c r="A5833" s="53">
        <f t="shared" si="1351"/>
        <v>5821</v>
      </c>
      <c r="B5833" s="239">
        <v>57.929000000000002</v>
      </c>
      <c r="C5833" s="3">
        <f t="shared" si="1352"/>
        <v>57.922000000000004</v>
      </c>
      <c r="D5833" s="239">
        <v>17.694099999999999</v>
      </c>
      <c r="E5833" s="239">
        <v>0.2384</v>
      </c>
      <c r="F5833" s="239">
        <v>-9.7199999999999995E-2</v>
      </c>
      <c r="G5833">
        <f t="shared" si="1353"/>
        <v>17.674659999999999</v>
      </c>
      <c r="H5833" s="235">
        <f t="shared" si="1354"/>
        <v>1.3488236831712745</v>
      </c>
      <c r="I5833" s="236">
        <f t="shared" si="1355"/>
        <v>20.78578589365474</v>
      </c>
      <c r="J5833" s="237">
        <f t="shared" si="1360"/>
        <v>10.78578589365474</v>
      </c>
      <c r="K5833" s="237">
        <f t="shared" si="1356"/>
        <v>1203.9542905322699</v>
      </c>
      <c r="L5833" s="237">
        <f t="shared" si="1361"/>
        <v>624.80979103352547</v>
      </c>
      <c r="M5833" s="236">
        <f t="shared" si="1357"/>
        <v>26.361151739032142</v>
      </c>
      <c r="N5833" s="236">
        <f t="shared" si="1358"/>
        <v>1.4474182479197741</v>
      </c>
      <c r="O5833" s="236">
        <f t="shared" si="1362"/>
        <v>2.4707462194820935</v>
      </c>
      <c r="P5833" s="236" t="str">
        <f t="shared" si="1363"/>
        <v>SAND</v>
      </c>
      <c r="Q5833" s="236" t="e">
        <f t="shared" si="1359"/>
        <v>#N/A</v>
      </c>
      <c r="R5833" s="238">
        <v>35</v>
      </c>
      <c r="S5833" s="236" t="e">
        <f t="shared" si="1364"/>
        <v>#N/A</v>
      </c>
      <c r="T5833" s="236">
        <f t="shared" si="1350"/>
        <v>33.230608190967601</v>
      </c>
    </row>
    <row r="5834" spans="1:20" x14ac:dyDescent="0.2">
      <c r="A5834" s="53">
        <f t="shared" si="1351"/>
        <v>5822</v>
      </c>
      <c r="B5834" s="239">
        <v>57.94</v>
      </c>
      <c r="C5834" s="3">
        <f t="shared" si="1352"/>
        <v>57.933</v>
      </c>
      <c r="D5834" s="239">
        <v>18.067699999999999</v>
      </c>
      <c r="E5834" s="239">
        <v>0.2364</v>
      </c>
      <c r="F5834" s="239">
        <v>-9.7299999999999998E-2</v>
      </c>
      <c r="G5834">
        <f t="shared" si="1353"/>
        <v>18.04824</v>
      </c>
      <c r="H5834" s="235">
        <f t="shared" si="1354"/>
        <v>1.3098230076727704</v>
      </c>
      <c r="I5834" s="236">
        <f t="shared" si="1355"/>
        <v>20.784082601059062</v>
      </c>
      <c r="J5834" s="237">
        <f t="shared" si="1360"/>
        <v>10.784082601059062</v>
      </c>
      <c r="K5834" s="237">
        <f t="shared" si="1356"/>
        <v>1204.0842573271545</v>
      </c>
      <c r="L5834" s="237">
        <f t="shared" si="1361"/>
        <v>624.82974590536196</v>
      </c>
      <c r="M5834" s="236">
        <f t="shared" si="1357"/>
        <v>26.957992722107214</v>
      </c>
      <c r="N5834" s="236">
        <f t="shared" si="1358"/>
        <v>1.4034541333591815</v>
      </c>
      <c r="O5834" s="236">
        <f t="shared" si="1362"/>
        <v>2.4552039111130988</v>
      </c>
      <c r="P5834" s="236" t="str">
        <f t="shared" si="1363"/>
        <v>SAND</v>
      </c>
      <c r="Q5834" s="236" t="e">
        <f t="shared" si="1359"/>
        <v>#N/A</v>
      </c>
      <c r="R5834" s="238">
        <v>35</v>
      </c>
      <c r="S5834" s="236" t="e">
        <f t="shared" si="1364"/>
        <v>#N/A</v>
      </c>
      <c r="T5834" s="236">
        <f t="shared" si="1350"/>
        <v>33.337563069024533</v>
      </c>
    </row>
    <row r="5835" spans="1:20" x14ac:dyDescent="0.2">
      <c r="A5835" s="53">
        <f t="shared" si="1351"/>
        <v>5823</v>
      </c>
      <c r="B5835" s="239">
        <v>57.948999999999998</v>
      </c>
      <c r="C5835" s="3">
        <f t="shared" si="1352"/>
        <v>57.942</v>
      </c>
      <c r="D5835" s="239">
        <v>18.249199999999998</v>
      </c>
      <c r="E5835" s="239">
        <v>0.23680000000000001</v>
      </c>
      <c r="F5835" s="239">
        <v>-0.1024</v>
      </c>
      <c r="G5835">
        <f t="shared" si="1353"/>
        <v>18.228719999999999</v>
      </c>
      <c r="H5835" s="235">
        <f t="shared" si="1354"/>
        <v>1.2990489732685566</v>
      </c>
      <c r="I5835" s="236">
        <f t="shared" si="1355"/>
        <v>20.789954195774499</v>
      </c>
      <c r="J5835" s="237">
        <f t="shared" si="1360"/>
        <v>10.789954195774499</v>
      </c>
      <c r="K5835" s="237">
        <f t="shared" si="1356"/>
        <v>1204.611526011566</v>
      </c>
      <c r="L5835" s="237">
        <f t="shared" si="1361"/>
        <v>625.26705569093644</v>
      </c>
      <c r="M5835" s="236">
        <f t="shared" si="1357"/>
        <v>27.226939783635885</v>
      </c>
      <c r="N5835" s="236">
        <f t="shared" si="1358"/>
        <v>1.3909685805974084</v>
      </c>
      <c r="O5835" s="236">
        <f t="shared" si="1362"/>
        <v>2.4494619560232178</v>
      </c>
      <c r="P5835" s="236" t="str">
        <f t="shared" si="1363"/>
        <v>SAND</v>
      </c>
      <c r="Q5835" s="236" t="e">
        <f t="shared" si="1359"/>
        <v>#N/A</v>
      </c>
      <c r="R5835" s="238">
        <v>35</v>
      </c>
      <c r="S5835" s="236" t="e">
        <f t="shared" si="1364"/>
        <v>#N/A</v>
      </c>
      <c r="T5835" s="236">
        <f t="shared" si="1350"/>
        <v>33.384987139299355</v>
      </c>
    </row>
    <row r="5836" spans="1:20" x14ac:dyDescent="0.2">
      <c r="A5836" s="53">
        <f t="shared" si="1351"/>
        <v>5824</v>
      </c>
      <c r="B5836" s="239">
        <v>57.96</v>
      </c>
      <c r="C5836" s="3">
        <f t="shared" si="1352"/>
        <v>57.953000000000003</v>
      </c>
      <c r="D5836" s="239">
        <v>18.087599999999998</v>
      </c>
      <c r="E5836" s="239">
        <v>0.23380000000000001</v>
      </c>
      <c r="F5836" s="239">
        <v>-0.1076</v>
      </c>
      <c r="G5836">
        <f t="shared" si="1353"/>
        <v>18.066079999999999</v>
      </c>
      <c r="H5836" s="235">
        <f t="shared" si="1354"/>
        <v>1.2941379646276336</v>
      </c>
      <c r="I5836" s="236">
        <f t="shared" si="1355"/>
        <v>20.771500758946679</v>
      </c>
      <c r="J5836" s="237">
        <f t="shared" si="1360"/>
        <v>10.771500758946679</v>
      </c>
      <c r="K5836" s="237">
        <f t="shared" si="1356"/>
        <v>1203.770783483237</v>
      </c>
      <c r="L5836" s="237">
        <f t="shared" si="1361"/>
        <v>624.3161839885496</v>
      </c>
      <c r="M5836" s="236">
        <f t="shared" si="1357"/>
        <v>27.00924571390901</v>
      </c>
      <c r="N5836" s="236">
        <f t="shared" si="1358"/>
        <v>1.3865242120633816</v>
      </c>
      <c r="O5836" s="236">
        <f t="shared" si="1362"/>
        <v>2.4515868061452308</v>
      </c>
      <c r="P5836" s="236" t="str">
        <f t="shared" si="1363"/>
        <v>SAND</v>
      </c>
      <c r="Q5836" s="236" t="e">
        <f t="shared" si="1359"/>
        <v>#N/A</v>
      </c>
      <c r="R5836" s="238">
        <v>35</v>
      </c>
      <c r="S5836" s="236" t="e">
        <f t="shared" si="1364"/>
        <v>#N/A</v>
      </c>
      <c r="T5836" s="236">
        <f t="shared" si="1350"/>
        <v>33.346637014159938</v>
      </c>
    </row>
    <row r="5837" spans="1:20" x14ac:dyDescent="0.2">
      <c r="A5837" s="53">
        <f t="shared" si="1351"/>
        <v>5825</v>
      </c>
      <c r="B5837" s="239">
        <v>57.97</v>
      </c>
      <c r="C5837" s="3">
        <f t="shared" si="1352"/>
        <v>57.963000000000001</v>
      </c>
      <c r="D5837" s="239">
        <v>17.721800000000002</v>
      </c>
      <c r="E5837" s="239">
        <v>0.21190000000000001</v>
      </c>
      <c r="F5837" s="239">
        <v>-9.5399999999999999E-2</v>
      </c>
      <c r="G5837">
        <f t="shared" si="1353"/>
        <v>17.702720000000003</v>
      </c>
      <c r="H5837" s="235">
        <f t="shared" si="1354"/>
        <v>1.1969911968330289</v>
      </c>
      <c r="I5837" s="236">
        <f t="shared" si="1355"/>
        <v>20.648232637747679</v>
      </c>
      <c r="J5837" s="237">
        <f t="shared" si="1360"/>
        <v>10.648232637747679</v>
      </c>
      <c r="K5837" s="237">
        <f t="shared" si="1356"/>
        <v>1196.8335083817688</v>
      </c>
      <c r="L5837" s="237">
        <f t="shared" si="1361"/>
        <v>617.27804601023297</v>
      </c>
      <c r="M5837" s="236">
        <f t="shared" si="1357"/>
        <v>26.739791894922835</v>
      </c>
      <c r="N5837" s="236">
        <f t="shared" si="1358"/>
        <v>1.2837844250752835</v>
      </c>
      <c r="O5837" s="236">
        <f t="shared" si="1362"/>
        <v>2.4368205944234136</v>
      </c>
      <c r="P5837" s="236" t="str">
        <f t="shared" si="1363"/>
        <v>SAND</v>
      </c>
      <c r="Q5837" s="236" t="e">
        <f t="shared" si="1359"/>
        <v>#N/A</v>
      </c>
      <c r="R5837" s="238">
        <v>35</v>
      </c>
      <c r="S5837" s="236" t="e">
        <f t="shared" si="1364"/>
        <v>#N/A</v>
      </c>
      <c r="T5837" s="236">
        <f t="shared" ref="T5837:T5900" si="1365">IF(P5837="SAND",17.6+(11*LOG(M5837)),#N/A)</f>
        <v>33.298738252992578</v>
      </c>
    </row>
    <row r="5838" spans="1:20" x14ac:dyDescent="0.2">
      <c r="A5838" s="53">
        <f t="shared" ref="A5838:A5901" si="1366">$A5837+1</f>
        <v>5826</v>
      </c>
      <c r="B5838" s="239">
        <v>57.981000000000002</v>
      </c>
      <c r="C5838" s="3">
        <f t="shared" ref="C5838:C5901" si="1367">MAX($B5838 - $B$13, 0.001)</f>
        <v>57.974000000000004</v>
      </c>
      <c r="D5838" s="239">
        <v>17.705200000000001</v>
      </c>
      <c r="E5838" s="239">
        <v>0.20039999999999999</v>
      </c>
      <c r="F5838" s="239">
        <v>-8.2799999999999999E-2</v>
      </c>
      <c r="G5838">
        <f t="shared" si="1353"/>
        <v>17.688640000000003</v>
      </c>
      <c r="H5838" s="235">
        <f t="shared" si="1354"/>
        <v>1.1329305135951659</v>
      </c>
      <c r="I5838" s="236">
        <f t="shared" si="1355"/>
        <v>20.582491889728438</v>
      </c>
      <c r="J5838" s="237">
        <f t="shared" si="1360"/>
        <v>10.582491889728438</v>
      </c>
      <c r="K5838" s="237">
        <f t="shared" si="1356"/>
        <v>1193.2493848151166</v>
      </c>
      <c r="L5838" s="237">
        <f t="shared" si="1361"/>
        <v>613.58346225834453</v>
      </c>
      <c r="M5838" s="236">
        <f t="shared" si="1357"/>
        <v>26.883694932833166</v>
      </c>
      <c r="N5838" s="236">
        <f t="shared" si="1358"/>
        <v>1.2148848407113266</v>
      </c>
      <c r="O5838" s="236">
        <f t="shared" si="1362"/>
        <v>2.4218788515071146</v>
      </c>
      <c r="P5838" s="236" t="str">
        <f t="shared" si="1363"/>
        <v>SAND</v>
      </c>
      <c r="Q5838" s="236" t="e">
        <f t="shared" si="1359"/>
        <v>#N/A</v>
      </c>
      <c r="R5838" s="238">
        <v>35</v>
      </c>
      <c r="S5838" s="236" t="e">
        <f t="shared" si="1364"/>
        <v>#N/A</v>
      </c>
      <c r="T5838" s="236">
        <f t="shared" si="1365"/>
        <v>33.324378543812031</v>
      </c>
    </row>
    <row r="5839" spans="1:20" x14ac:dyDescent="0.2">
      <c r="A5839" s="53">
        <f t="shared" si="1366"/>
        <v>5827</v>
      </c>
      <c r="B5839" s="239">
        <v>57.991</v>
      </c>
      <c r="C5839" s="3">
        <f t="shared" si="1367"/>
        <v>57.984000000000002</v>
      </c>
      <c r="D5839" s="239">
        <v>17.609000000000002</v>
      </c>
      <c r="E5839" s="239">
        <v>0.18640000000000001</v>
      </c>
      <c r="F5839" s="239">
        <v>-2.7799999999999998E-2</v>
      </c>
      <c r="G5839">
        <f t="shared" ref="G5839:G5902" si="1368">$D5839+($F5839*(1-$P$8))</f>
        <v>17.603440000000003</v>
      </c>
      <c r="H5839" s="235">
        <f t="shared" ref="H5839:H5902" si="1369">($E5839/$G5839)*100</f>
        <v>1.0588839454106695</v>
      </c>
      <c r="I5839" s="236">
        <f t="shared" ref="I5839:I5902" si="1370">((0.27*(LOG($H5839)))+(0.36*(LOG(($G5839*1000)/101)))+1.236)*10</f>
        <v>20.495684795946186</v>
      </c>
      <c r="J5839" s="237">
        <f t="shared" si="1360"/>
        <v>10.495684795946186</v>
      </c>
      <c r="K5839" s="237">
        <f t="shared" ref="K5839:K5902" si="1371">$I5839*$C5839</f>
        <v>1188.4217872081438</v>
      </c>
      <c r="L5839" s="237">
        <f t="shared" si="1361"/>
        <v>608.65525700171531</v>
      </c>
      <c r="M5839" s="236">
        <f t="shared" ref="M5839:M5902" si="1372">(($G5839*1000)-$K5839)/$L5839</f>
        <v>26.969319699387068</v>
      </c>
      <c r="N5839" s="236">
        <f t="shared" ref="N5839:N5902" si="1373">(($E5839*1000)/(($G5839*1000)-$K5839))*100</f>
        <v>1.1355454961039435</v>
      </c>
      <c r="O5839" s="236">
        <f t="shared" si="1362"/>
        <v>2.4050359265523649</v>
      </c>
      <c r="P5839" s="236" t="str">
        <f t="shared" si="1363"/>
        <v>SAND</v>
      </c>
      <c r="Q5839" s="236" t="e">
        <f t="shared" ref="Q5839:Q5902" si="1374">IF(P5839="CLAY",($G5839*1000 -$K5839)/$L$8,#N/A)</f>
        <v>#N/A</v>
      </c>
      <c r="R5839" s="238">
        <v>35</v>
      </c>
      <c r="S5839" s="236" t="e">
        <f t="shared" si="1364"/>
        <v>#N/A</v>
      </c>
      <c r="T5839" s="236">
        <f t="shared" si="1365"/>
        <v>33.339569906724691</v>
      </c>
    </row>
    <row r="5840" spans="1:20" x14ac:dyDescent="0.2">
      <c r="A5840" s="53">
        <f t="shared" si="1366"/>
        <v>5828</v>
      </c>
      <c r="B5840" s="239">
        <v>58.000999999999998</v>
      </c>
      <c r="C5840" s="3">
        <f t="shared" si="1367"/>
        <v>57.994</v>
      </c>
      <c r="D5840" s="239">
        <v>17.484100000000002</v>
      </c>
      <c r="E5840" s="239">
        <v>0.16250000000000001</v>
      </c>
      <c r="F5840" s="239">
        <v>-8.3999999999999995E-3</v>
      </c>
      <c r="G5840">
        <f t="shared" si="1368"/>
        <v>17.482420000000001</v>
      </c>
      <c r="H5840" s="235">
        <f t="shared" si="1369"/>
        <v>0.9295051829208999</v>
      </c>
      <c r="I5840" s="236">
        <f t="shared" si="1370"/>
        <v>20.332088535349474</v>
      </c>
      <c r="J5840" s="237">
        <f t="shared" ref="J5840:J5903" si="1375">$I5840-10</f>
        <v>10.332088535349474</v>
      </c>
      <c r="K5840" s="237">
        <f t="shared" si="1371"/>
        <v>1179.1391425190575</v>
      </c>
      <c r="L5840" s="237">
        <f t="shared" ref="L5840:L5903" si="1376">$J5840*$B5840</f>
        <v>599.27146713880484</v>
      </c>
      <c r="M5840" s="236">
        <f t="shared" si="1372"/>
        <v>27.205167860436003</v>
      </c>
      <c r="N5840" s="236">
        <f t="shared" si="1373"/>
        <v>0.99673189354052649</v>
      </c>
      <c r="O5840" s="236">
        <f t="shared" ref="O5840:O5903" si="1377">((3.47-LOG($M5840))^2+(LOG($N5840)+1.22)^2)^0.5</f>
        <v>2.372251481320927</v>
      </c>
      <c r="P5840" s="236" t="str">
        <f t="shared" ref="P5840:P5903" si="1378">IF(O5840&lt;2.6,"SAND","CLAY")</f>
        <v>SAND</v>
      </c>
      <c r="Q5840" s="236" t="e">
        <f t="shared" si="1374"/>
        <v>#N/A</v>
      </c>
      <c r="R5840" s="238">
        <v>35</v>
      </c>
      <c r="S5840" s="236" t="e">
        <f t="shared" ref="S5840:S5903" si="1379">IF(P5840="SAND",#N/A,0.25*($M5840)^1.25)</f>
        <v>#N/A</v>
      </c>
      <c r="T5840" s="236">
        <f t="shared" si="1365"/>
        <v>33.381165509117622</v>
      </c>
    </row>
    <row r="5841" spans="1:20" x14ac:dyDescent="0.2">
      <c r="A5841" s="53">
        <f t="shared" si="1366"/>
        <v>5829</v>
      </c>
      <c r="B5841" s="239">
        <v>58.01</v>
      </c>
      <c r="C5841" s="3">
        <f t="shared" si="1367"/>
        <v>58.003</v>
      </c>
      <c r="D5841" s="239">
        <v>18.017399999999999</v>
      </c>
      <c r="E5841" s="239">
        <v>0.1537</v>
      </c>
      <c r="F5841" s="239">
        <v>-4.6699999999999998E-2</v>
      </c>
      <c r="G5841">
        <f t="shared" si="1368"/>
        <v>18.008059999999997</v>
      </c>
      <c r="H5841" s="235">
        <f t="shared" si="1369"/>
        <v>0.85350670755206304</v>
      </c>
      <c r="I5841" s="236">
        <f t="shared" si="1370"/>
        <v>20.27838273272749</v>
      </c>
      <c r="J5841" s="237">
        <f t="shared" si="1375"/>
        <v>10.27838273272749</v>
      </c>
      <c r="K5841" s="237">
        <f t="shared" si="1371"/>
        <v>1176.2070336463926</v>
      </c>
      <c r="L5841" s="237">
        <f t="shared" si="1376"/>
        <v>596.24898232552164</v>
      </c>
      <c r="M5841" s="236">
        <f t="shared" si="1372"/>
        <v>28.229570976717021</v>
      </c>
      <c r="N5841" s="236">
        <f t="shared" si="1373"/>
        <v>0.91314961167520847</v>
      </c>
      <c r="O5841" s="236">
        <f t="shared" si="1377"/>
        <v>2.3390670110774767</v>
      </c>
      <c r="P5841" s="236" t="str">
        <f t="shared" si="1378"/>
        <v>SAND</v>
      </c>
      <c r="Q5841" s="236" t="e">
        <f t="shared" si="1374"/>
        <v>#N/A</v>
      </c>
      <c r="R5841" s="238">
        <v>35</v>
      </c>
      <c r="S5841" s="236" t="e">
        <f t="shared" si="1379"/>
        <v>#N/A</v>
      </c>
      <c r="T5841" s="236">
        <f t="shared" si="1365"/>
        <v>33.557747057332641</v>
      </c>
    </row>
    <row r="5842" spans="1:20" x14ac:dyDescent="0.2">
      <c r="A5842" s="53">
        <f t="shared" si="1366"/>
        <v>5830</v>
      </c>
      <c r="B5842" s="239">
        <v>58.021000000000001</v>
      </c>
      <c r="C5842" s="3">
        <f t="shared" si="1367"/>
        <v>58.014000000000003</v>
      </c>
      <c r="D5842" s="239">
        <v>18.5641</v>
      </c>
      <c r="E5842" s="239">
        <v>0.13930000000000001</v>
      </c>
      <c r="F5842" s="239">
        <v>-5.5100000000000003E-2</v>
      </c>
      <c r="G5842">
        <f t="shared" si="1368"/>
        <v>18.553080000000001</v>
      </c>
      <c r="H5842" s="235">
        <f t="shared" si="1369"/>
        <v>0.75081873198412341</v>
      </c>
      <c r="I5842" s="236">
        <f t="shared" si="1370"/>
        <v>20.174685484241177</v>
      </c>
      <c r="J5842" s="237">
        <f t="shared" si="1375"/>
        <v>10.174685484241177</v>
      </c>
      <c r="K5842" s="237">
        <f t="shared" si="1371"/>
        <v>1170.4142036827677</v>
      </c>
      <c r="L5842" s="237">
        <f t="shared" si="1376"/>
        <v>590.34542648115735</v>
      </c>
      <c r="M5842" s="236">
        <f t="shared" si="1372"/>
        <v>29.444906349032337</v>
      </c>
      <c r="N5842" s="236">
        <f t="shared" si="1373"/>
        <v>0.80137305538896531</v>
      </c>
      <c r="O5842" s="236">
        <f t="shared" si="1377"/>
        <v>2.2949868810550171</v>
      </c>
      <c r="P5842" s="236" t="str">
        <f t="shared" si="1378"/>
        <v>SAND</v>
      </c>
      <c r="Q5842" s="236" t="e">
        <f t="shared" si="1374"/>
        <v>#N/A</v>
      </c>
      <c r="R5842" s="238">
        <v>35</v>
      </c>
      <c r="S5842" s="236" t="e">
        <f t="shared" si="1379"/>
        <v>#N/A</v>
      </c>
      <c r="T5842" s="236">
        <f t="shared" si="1365"/>
        <v>33.75911195099301</v>
      </c>
    </row>
    <row r="5843" spans="1:20" x14ac:dyDescent="0.2">
      <c r="A5843" s="53">
        <f t="shared" si="1366"/>
        <v>5831</v>
      </c>
      <c r="B5843" s="239">
        <v>58.030999999999999</v>
      </c>
      <c r="C5843" s="3">
        <f t="shared" si="1367"/>
        <v>58.024000000000001</v>
      </c>
      <c r="D5843" s="239">
        <v>18.931699999999999</v>
      </c>
      <c r="E5843" s="239">
        <v>0.13869999999999999</v>
      </c>
      <c r="F5843" s="239">
        <v>-6.4100000000000004E-2</v>
      </c>
      <c r="G5843">
        <f t="shared" si="1368"/>
        <v>18.918879999999998</v>
      </c>
      <c r="H5843" s="235">
        <f t="shared" si="1369"/>
        <v>0.73313007958187804</v>
      </c>
      <c r="I5843" s="236">
        <f t="shared" si="1370"/>
        <v>20.177255379566851</v>
      </c>
      <c r="J5843" s="237">
        <f t="shared" si="1375"/>
        <v>10.177255379566851</v>
      </c>
      <c r="K5843" s="237">
        <f t="shared" si="1371"/>
        <v>1170.765066143987</v>
      </c>
      <c r="L5843" s="237">
        <f t="shared" si="1376"/>
        <v>590.59630693164399</v>
      </c>
      <c r="M5843" s="236">
        <f t="shared" si="1372"/>
        <v>30.051178318509514</v>
      </c>
      <c r="N5843" s="236">
        <f t="shared" si="1373"/>
        <v>0.78149144580655261</v>
      </c>
      <c r="O5843" s="236">
        <f t="shared" si="1377"/>
        <v>2.2819325405794761</v>
      </c>
      <c r="P5843" s="236" t="str">
        <f t="shared" si="1378"/>
        <v>SAND</v>
      </c>
      <c r="Q5843" s="236" t="e">
        <f t="shared" si="1374"/>
        <v>#N/A</v>
      </c>
      <c r="R5843" s="238">
        <v>35</v>
      </c>
      <c r="S5843" s="236" t="e">
        <f t="shared" si="1379"/>
        <v>#N/A</v>
      </c>
      <c r="T5843" s="236">
        <f t="shared" si="1365"/>
        <v>33.856476560828888</v>
      </c>
    </row>
    <row r="5844" spans="1:20" x14ac:dyDescent="0.2">
      <c r="A5844" s="53">
        <f t="shared" si="1366"/>
        <v>5832</v>
      </c>
      <c r="B5844" s="239">
        <v>58.040999999999997</v>
      </c>
      <c r="C5844" s="3">
        <f t="shared" si="1367"/>
        <v>58.033999999999999</v>
      </c>
      <c r="D5844" s="239">
        <v>18.610600000000002</v>
      </c>
      <c r="E5844" s="239">
        <v>0.1487</v>
      </c>
      <c r="F5844" s="239">
        <v>-6.0400000000000002E-2</v>
      </c>
      <c r="G5844">
        <f t="shared" si="1368"/>
        <v>18.598520000000001</v>
      </c>
      <c r="H5844" s="235">
        <f t="shared" si="1369"/>
        <v>0.79952598378795725</v>
      </c>
      <c r="I5844" s="236">
        <f t="shared" si="1370"/>
        <v>20.252213216861765</v>
      </c>
      <c r="J5844" s="237">
        <f t="shared" si="1375"/>
        <v>10.252213216861765</v>
      </c>
      <c r="K5844" s="237">
        <f t="shared" si="1371"/>
        <v>1175.3169418273555</v>
      </c>
      <c r="L5844" s="237">
        <f t="shared" si="1376"/>
        <v>595.04870731987364</v>
      </c>
      <c r="M5844" s="236">
        <f t="shared" si="1372"/>
        <v>29.280297299774904</v>
      </c>
      <c r="N5844" s="236">
        <f t="shared" si="1373"/>
        <v>0.85345960500787366</v>
      </c>
      <c r="O5844" s="236">
        <f t="shared" si="1377"/>
        <v>2.3106129122923065</v>
      </c>
      <c r="P5844" s="236" t="str">
        <f t="shared" si="1378"/>
        <v>SAND</v>
      </c>
      <c r="Q5844" s="236" t="e">
        <f t="shared" si="1374"/>
        <v>#N/A</v>
      </c>
      <c r="R5844" s="238">
        <v>35</v>
      </c>
      <c r="S5844" s="236" t="e">
        <f t="shared" si="1379"/>
        <v>#N/A</v>
      </c>
      <c r="T5844" s="236">
        <f t="shared" si="1365"/>
        <v>33.73233030256678</v>
      </c>
    </row>
    <row r="5845" spans="1:20" x14ac:dyDescent="0.2">
      <c r="A5845" s="53">
        <f t="shared" si="1366"/>
        <v>5833</v>
      </c>
      <c r="B5845" s="239">
        <v>58.051000000000002</v>
      </c>
      <c r="C5845" s="3">
        <f t="shared" si="1367"/>
        <v>58.044000000000004</v>
      </c>
      <c r="D5845" s="239">
        <v>18.666899999999998</v>
      </c>
      <c r="E5845" s="239">
        <v>0.1439</v>
      </c>
      <c r="F5845" s="239">
        <v>-7.2499999999999995E-2</v>
      </c>
      <c r="G5845">
        <f t="shared" si="1368"/>
        <v>18.652399999999997</v>
      </c>
      <c r="H5845" s="235">
        <f t="shared" si="1369"/>
        <v>0.77148249018893023</v>
      </c>
      <c r="I5845" s="236">
        <f t="shared" si="1370"/>
        <v>20.214868446291007</v>
      </c>
      <c r="J5845" s="237">
        <f t="shared" si="1375"/>
        <v>10.214868446291007</v>
      </c>
      <c r="K5845" s="237">
        <f t="shared" si="1371"/>
        <v>1173.3518240965152</v>
      </c>
      <c r="L5845" s="237">
        <f t="shared" si="1376"/>
        <v>592.98332817563926</v>
      </c>
      <c r="M5845" s="236">
        <f t="shared" si="1372"/>
        <v>29.476458013885775</v>
      </c>
      <c r="N5845" s="236">
        <f t="shared" si="1373"/>
        <v>0.8232713735429813</v>
      </c>
      <c r="O5845" s="236">
        <f t="shared" si="1377"/>
        <v>2.3003384596277061</v>
      </c>
      <c r="P5845" s="236" t="str">
        <f t="shared" si="1378"/>
        <v>SAND</v>
      </c>
      <c r="Q5845" s="236" t="e">
        <f t="shared" si="1374"/>
        <v>#N/A</v>
      </c>
      <c r="R5845" s="238">
        <v>35</v>
      </c>
      <c r="S5845" s="236" t="e">
        <f t="shared" si="1379"/>
        <v>#N/A</v>
      </c>
      <c r="T5845" s="236">
        <f t="shared" si="1365"/>
        <v>33.764228257086216</v>
      </c>
    </row>
    <row r="5846" spans="1:20" x14ac:dyDescent="0.2">
      <c r="A5846" s="53">
        <f t="shared" si="1366"/>
        <v>5834</v>
      </c>
      <c r="B5846" s="239">
        <v>58.061</v>
      </c>
      <c r="C5846" s="3">
        <f t="shared" si="1367"/>
        <v>58.054000000000002</v>
      </c>
      <c r="D5846" s="239">
        <v>19.278300000000002</v>
      </c>
      <c r="E5846" s="239">
        <v>0.1474</v>
      </c>
      <c r="F5846" s="239">
        <v>-5.96E-2</v>
      </c>
      <c r="G5846">
        <f t="shared" si="1368"/>
        <v>19.266380000000002</v>
      </c>
      <c r="H5846" s="235">
        <f t="shared" si="1369"/>
        <v>0.76506328640875965</v>
      </c>
      <c r="I5846" s="236">
        <f t="shared" si="1370"/>
        <v>20.25570636954328</v>
      </c>
      <c r="J5846" s="237">
        <f t="shared" si="1375"/>
        <v>10.25570636954328</v>
      </c>
      <c r="K5846" s="237">
        <f t="shared" si="1371"/>
        <v>1175.9247775774656</v>
      </c>
      <c r="L5846" s="237">
        <f t="shared" si="1376"/>
        <v>595.4565675220523</v>
      </c>
      <c r="M5846" s="236">
        <f t="shared" si="1372"/>
        <v>30.380813999087458</v>
      </c>
      <c r="N5846" s="236">
        <f t="shared" si="1373"/>
        <v>0.81479431107572398</v>
      </c>
      <c r="O5846" s="236">
        <f t="shared" si="1377"/>
        <v>2.28670738685231</v>
      </c>
      <c r="P5846" s="236" t="str">
        <f t="shared" si="1378"/>
        <v>SAND</v>
      </c>
      <c r="Q5846" s="236" t="e">
        <f t="shared" si="1374"/>
        <v>#N/A</v>
      </c>
      <c r="R5846" s="238">
        <v>35</v>
      </c>
      <c r="S5846" s="236" t="e">
        <f t="shared" si="1379"/>
        <v>#N/A</v>
      </c>
      <c r="T5846" s="236">
        <f t="shared" si="1365"/>
        <v>33.90859346401551</v>
      </c>
    </row>
    <row r="5847" spans="1:20" x14ac:dyDescent="0.2">
      <c r="A5847" s="53">
        <f t="shared" si="1366"/>
        <v>5835</v>
      </c>
      <c r="B5847" s="239">
        <v>58.070999999999998</v>
      </c>
      <c r="C5847" s="3">
        <f t="shared" si="1367"/>
        <v>58.064</v>
      </c>
      <c r="D5847" s="239">
        <v>19.7881</v>
      </c>
      <c r="E5847" s="239">
        <v>0.1487</v>
      </c>
      <c r="F5847" s="239">
        <v>-7.7200000000000005E-2</v>
      </c>
      <c r="G5847">
        <f t="shared" si="1368"/>
        <v>19.772659999999998</v>
      </c>
      <c r="H5847" s="235">
        <f t="shared" si="1369"/>
        <v>0.7520485357053629</v>
      </c>
      <c r="I5847" s="236">
        <f t="shared" si="1370"/>
        <v>20.276141258069032</v>
      </c>
      <c r="J5847" s="237">
        <f t="shared" si="1375"/>
        <v>10.276141258069032</v>
      </c>
      <c r="K5847" s="237">
        <f t="shared" si="1371"/>
        <v>1177.3138660085203</v>
      </c>
      <c r="L5847" s="237">
        <f t="shared" si="1376"/>
        <v>596.74579899732669</v>
      </c>
      <c r="M5847" s="236">
        <f t="shared" si="1372"/>
        <v>31.16125185168632</v>
      </c>
      <c r="N5847" s="236">
        <f t="shared" si="1373"/>
        <v>0.79966244741302706</v>
      </c>
      <c r="O5847" s="236">
        <f t="shared" si="1377"/>
        <v>2.2731074630569723</v>
      </c>
      <c r="P5847" s="236" t="str">
        <f t="shared" si="1378"/>
        <v>SAND</v>
      </c>
      <c r="Q5847" s="236" t="e">
        <f t="shared" si="1374"/>
        <v>#N/A</v>
      </c>
      <c r="R5847" s="238">
        <v>35</v>
      </c>
      <c r="S5847" s="236" t="e">
        <f t="shared" si="1379"/>
        <v>#N/A</v>
      </c>
      <c r="T5847" s="236">
        <f t="shared" si="1365"/>
        <v>34.029763860538111</v>
      </c>
    </row>
    <row r="5848" spans="1:20" x14ac:dyDescent="0.2">
      <c r="A5848" s="53">
        <f t="shared" si="1366"/>
        <v>5836</v>
      </c>
      <c r="B5848" s="239">
        <v>58.081000000000003</v>
      </c>
      <c r="C5848" s="3">
        <f t="shared" si="1367"/>
        <v>58.074000000000005</v>
      </c>
      <c r="D5848" s="239">
        <v>20.2986</v>
      </c>
      <c r="E5848" s="239">
        <v>0.14879999999999999</v>
      </c>
      <c r="F5848" s="239">
        <v>-6.9599999999999995E-2</v>
      </c>
      <c r="G5848">
        <f t="shared" si="1368"/>
        <v>20.284680000000002</v>
      </c>
      <c r="H5848" s="235">
        <f t="shared" si="1369"/>
        <v>0.73355852791367659</v>
      </c>
      <c r="I5848" s="236">
        <f t="shared" si="1370"/>
        <v>20.286922313461389</v>
      </c>
      <c r="J5848" s="237">
        <f t="shared" si="1375"/>
        <v>10.286922313461389</v>
      </c>
      <c r="K5848" s="237">
        <f t="shared" si="1371"/>
        <v>1178.1427264319568</v>
      </c>
      <c r="L5848" s="237">
        <f t="shared" si="1376"/>
        <v>597.47473488815092</v>
      </c>
      <c r="M5848" s="236">
        <f t="shared" si="1372"/>
        <v>31.978820455303175</v>
      </c>
      <c r="N5848" s="236">
        <f t="shared" si="1373"/>
        <v>0.77879103821627427</v>
      </c>
      <c r="O5848" s="236">
        <f t="shared" si="1377"/>
        <v>2.2576585536279472</v>
      </c>
      <c r="P5848" s="236" t="str">
        <f t="shared" si="1378"/>
        <v>SAND</v>
      </c>
      <c r="Q5848" s="236" t="e">
        <f t="shared" si="1374"/>
        <v>#N/A</v>
      </c>
      <c r="R5848" s="238">
        <v>35</v>
      </c>
      <c r="S5848" s="236" t="e">
        <f t="shared" si="1379"/>
        <v>#N/A</v>
      </c>
      <c r="T5848" s="236">
        <f t="shared" si="1365"/>
        <v>34.153486847408402</v>
      </c>
    </row>
    <row r="5849" spans="1:20" x14ac:dyDescent="0.2">
      <c r="A5849" s="53">
        <f t="shared" si="1366"/>
        <v>5837</v>
      </c>
      <c r="B5849" s="239">
        <v>58.091000000000001</v>
      </c>
      <c r="C5849" s="3">
        <f t="shared" si="1367"/>
        <v>58.084000000000003</v>
      </c>
      <c r="D5849" s="239">
        <v>20.664300000000001</v>
      </c>
      <c r="E5849" s="239">
        <v>0.14199999999999999</v>
      </c>
      <c r="F5849" s="239">
        <v>-7.5999999999999998E-2</v>
      </c>
      <c r="G5849">
        <f t="shared" si="1368"/>
        <v>20.649100000000001</v>
      </c>
      <c r="H5849" s="235">
        <f t="shared" si="1369"/>
        <v>0.68768130330135446</v>
      </c>
      <c r="I5849" s="236">
        <f t="shared" si="1370"/>
        <v>20.239032598958758</v>
      </c>
      <c r="J5849" s="237">
        <f t="shared" si="1375"/>
        <v>10.239032598958758</v>
      </c>
      <c r="K5849" s="237">
        <f t="shared" si="1371"/>
        <v>1175.5639694779206</v>
      </c>
      <c r="L5849" s="237">
        <f t="shared" si="1376"/>
        <v>594.7956427061132</v>
      </c>
      <c r="M5849" s="236">
        <f t="shared" si="1372"/>
        <v>32.7398767447661</v>
      </c>
      <c r="N5849" s="236">
        <f t="shared" si="1373"/>
        <v>0.72919473780947941</v>
      </c>
      <c r="O5849" s="236">
        <f t="shared" si="1377"/>
        <v>2.2347872115277476</v>
      </c>
      <c r="P5849" s="236" t="str">
        <f t="shared" si="1378"/>
        <v>SAND</v>
      </c>
      <c r="Q5849" s="236" t="e">
        <f t="shared" si="1374"/>
        <v>#N/A</v>
      </c>
      <c r="R5849" s="238">
        <v>35</v>
      </c>
      <c r="S5849" s="236" t="e">
        <f t="shared" si="1379"/>
        <v>#N/A</v>
      </c>
      <c r="T5849" s="236">
        <f t="shared" si="1365"/>
        <v>34.265847441080851</v>
      </c>
    </row>
    <row r="5850" spans="1:20" x14ac:dyDescent="0.2">
      <c r="A5850" s="53">
        <f t="shared" si="1366"/>
        <v>5838</v>
      </c>
      <c r="B5850" s="239">
        <v>58.100999999999999</v>
      </c>
      <c r="C5850" s="3">
        <f t="shared" si="1367"/>
        <v>58.094000000000001</v>
      </c>
      <c r="D5850" s="239">
        <v>21.023900000000001</v>
      </c>
      <c r="E5850" s="239">
        <v>0.13569999999999999</v>
      </c>
      <c r="F5850" s="239">
        <v>-6.8199999999999997E-2</v>
      </c>
      <c r="G5850">
        <f t="shared" si="1368"/>
        <v>21.010260000000002</v>
      </c>
      <c r="H5850" s="235">
        <f t="shared" si="1369"/>
        <v>0.64587492015805603</v>
      </c>
      <c r="I5850" s="236">
        <f t="shared" si="1370"/>
        <v>20.192596927177252</v>
      </c>
      <c r="J5850" s="237">
        <f t="shared" si="1375"/>
        <v>10.192596927177252</v>
      </c>
      <c r="K5850" s="237">
        <f t="shared" si="1371"/>
        <v>1173.0687258874352</v>
      </c>
      <c r="L5850" s="237">
        <f t="shared" si="1376"/>
        <v>592.20007406592549</v>
      </c>
      <c r="M5850" s="236">
        <f t="shared" si="1372"/>
        <v>33.497448147742432</v>
      </c>
      <c r="N5850" s="236">
        <f t="shared" si="1373"/>
        <v>0.6840686169976482</v>
      </c>
      <c r="O5850" s="236">
        <f t="shared" si="1377"/>
        <v>2.212739185357754</v>
      </c>
      <c r="P5850" s="236" t="str">
        <f t="shared" si="1378"/>
        <v>SAND</v>
      </c>
      <c r="Q5850" s="236" t="e">
        <f t="shared" si="1374"/>
        <v>#N/A</v>
      </c>
      <c r="R5850" s="238">
        <v>35</v>
      </c>
      <c r="S5850" s="236" t="e">
        <f t="shared" si="1379"/>
        <v>#N/A</v>
      </c>
      <c r="T5850" s="236">
        <f t="shared" si="1365"/>
        <v>34.375128958801291</v>
      </c>
    </row>
    <row r="5851" spans="1:20" x14ac:dyDescent="0.2">
      <c r="A5851" s="53">
        <f t="shared" si="1366"/>
        <v>5839</v>
      </c>
      <c r="B5851" s="239">
        <v>58.110999999999997</v>
      </c>
      <c r="C5851" s="3">
        <f t="shared" si="1367"/>
        <v>58.103999999999999</v>
      </c>
      <c r="D5851" s="239">
        <v>21.17</v>
      </c>
      <c r="E5851" s="239">
        <v>0.1245</v>
      </c>
      <c r="F5851" s="239">
        <v>-6.2799999999999995E-2</v>
      </c>
      <c r="G5851">
        <f t="shared" si="1368"/>
        <v>21.157440000000001</v>
      </c>
      <c r="H5851" s="235">
        <f t="shared" si="1369"/>
        <v>0.58844548300739596</v>
      </c>
      <c r="I5851" s="236">
        <f t="shared" si="1370"/>
        <v>20.094317109395099</v>
      </c>
      <c r="J5851" s="237">
        <f t="shared" si="1375"/>
        <v>10.094317109395099</v>
      </c>
      <c r="K5851" s="237">
        <f t="shared" si="1371"/>
        <v>1167.5602013242928</v>
      </c>
      <c r="L5851" s="237">
        <f t="shared" si="1376"/>
        <v>586.59086154405861</v>
      </c>
      <c r="M5851" s="236">
        <f t="shared" si="1372"/>
        <v>34.078062085824492</v>
      </c>
      <c r="N5851" s="236">
        <f t="shared" si="1373"/>
        <v>0.62281515073566318</v>
      </c>
      <c r="O5851" s="236">
        <f t="shared" si="1377"/>
        <v>2.1869906437554576</v>
      </c>
      <c r="P5851" s="236" t="str">
        <f t="shared" si="1378"/>
        <v>SAND</v>
      </c>
      <c r="Q5851" s="236" t="e">
        <f t="shared" si="1374"/>
        <v>#N/A</v>
      </c>
      <c r="R5851" s="238">
        <v>35</v>
      </c>
      <c r="S5851" s="236" t="e">
        <f t="shared" si="1379"/>
        <v>#N/A</v>
      </c>
      <c r="T5851" s="236">
        <f t="shared" si="1365"/>
        <v>34.457223787916007</v>
      </c>
    </row>
    <row r="5852" spans="1:20" x14ac:dyDescent="0.2">
      <c r="A5852" s="53">
        <f t="shared" si="1366"/>
        <v>5840</v>
      </c>
      <c r="B5852" s="239">
        <v>58.121000000000002</v>
      </c>
      <c r="C5852" s="3">
        <f t="shared" si="1367"/>
        <v>58.114000000000004</v>
      </c>
      <c r="D5852" s="239">
        <v>21.142099999999999</v>
      </c>
      <c r="E5852" s="239">
        <v>0.1196</v>
      </c>
      <c r="F5852" s="239">
        <v>-4.82E-2</v>
      </c>
      <c r="G5852">
        <f t="shared" si="1368"/>
        <v>21.132459999999998</v>
      </c>
      <c r="H5852" s="235">
        <f t="shared" si="1369"/>
        <v>0.56595398737297986</v>
      </c>
      <c r="I5852" s="236">
        <f t="shared" si="1370"/>
        <v>20.046772289489354</v>
      </c>
      <c r="J5852" s="237">
        <f t="shared" si="1375"/>
        <v>10.046772289489354</v>
      </c>
      <c r="K5852" s="237">
        <f t="shared" si="1371"/>
        <v>1164.9981248313843</v>
      </c>
      <c r="L5852" s="237">
        <f t="shared" si="1376"/>
        <v>583.92845223741074</v>
      </c>
      <c r="M5852" s="236">
        <f t="shared" si="1372"/>
        <v>34.195048723281502</v>
      </c>
      <c r="N5852" s="236">
        <f t="shared" si="1373"/>
        <v>0.59897447531242642</v>
      </c>
      <c r="O5852" s="236">
        <f t="shared" si="1377"/>
        <v>2.1778571429809475</v>
      </c>
      <c r="P5852" s="236" t="str">
        <f t="shared" si="1378"/>
        <v>SAND</v>
      </c>
      <c r="Q5852" s="236" t="e">
        <f t="shared" si="1374"/>
        <v>#N/A</v>
      </c>
      <c r="R5852" s="238">
        <v>35</v>
      </c>
      <c r="S5852" s="236" t="e">
        <f t="shared" si="1379"/>
        <v>#N/A</v>
      </c>
      <c r="T5852" s="236">
        <f t="shared" si="1365"/>
        <v>34.47359549567895</v>
      </c>
    </row>
    <row r="5853" spans="1:20" x14ac:dyDescent="0.2">
      <c r="A5853" s="53">
        <f t="shared" si="1366"/>
        <v>5841</v>
      </c>
      <c r="B5853" s="239">
        <v>58.13</v>
      </c>
      <c r="C5853" s="3">
        <f t="shared" si="1367"/>
        <v>58.123000000000005</v>
      </c>
      <c r="D5853" s="239">
        <v>21.1373</v>
      </c>
      <c r="E5853" s="239">
        <v>0.1134</v>
      </c>
      <c r="F5853" s="239">
        <v>-2.8199999999999999E-2</v>
      </c>
      <c r="G5853">
        <f t="shared" si="1368"/>
        <v>21.13166</v>
      </c>
      <c r="H5853" s="235">
        <f t="shared" si="1369"/>
        <v>0.53663555063823665</v>
      </c>
      <c r="I5853" s="236">
        <f t="shared" si="1370"/>
        <v>19.984338554687241</v>
      </c>
      <c r="J5853" s="237">
        <f t="shared" si="1375"/>
        <v>9.9843385546872412</v>
      </c>
      <c r="K5853" s="237">
        <f t="shared" si="1371"/>
        <v>1161.5497098140866</v>
      </c>
      <c r="L5853" s="237">
        <f t="shared" si="1376"/>
        <v>580.38960018396938</v>
      </c>
      <c r="M5853" s="236">
        <f t="shared" si="1372"/>
        <v>34.408111868055308</v>
      </c>
      <c r="N5853" s="236">
        <f t="shared" si="1373"/>
        <v>0.56784864155572123</v>
      </c>
      <c r="O5853" s="236">
        <f t="shared" si="1377"/>
        <v>2.1649317410424178</v>
      </c>
      <c r="P5853" s="236" t="str">
        <f t="shared" si="1378"/>
        <v>SAND</v>
      </c>
      <c r="Q5853" s="236" t="e">
        <f t="shared" si="1374"/>
        <v>#N/A</v>
      </c>
      <c r="R5853" s="238">
        <v>35</v>
      </c>
      <c r="S5853" s="236" t="e">
        <f t="shared" si="1379"/>
        <v>#N/A</v>
      </c>
      <c r="T5853" s="236">
        <f t="shared" si="1365"/>
        <v>34.503269256847872</v>
      </c>
    </row>
    <row r="5854" spans="1:20" x14ac:dyDescent="0.2">
      <c r="A5854" s="53">
        <f t="shared" si="1366"/>
        <v>5842</v>
      </c>
      <c r="B5854" s="239">
        <v>58.140999999999998</v>
      </c>
      <c r="C5854" s="3">
        <f t="shared" si="1367"/>
        <v>58.134</v>
      </c>
      <c r="D5854" s="239">
        <v>20.9251</v>
      </c>
      <c r="E5854" s="239">
        <v>0.1075</v>
      </c>
      <c r="F5854" s="239">
        <v>-7.7999999999999996E-3</v>
      </c>
      <c r="G5854">
        <f t="shared" si="1368"/>
        <v>20.923539999999999</v>
      </c>
      <c r="H5854" s="235">
        <f t="shared" si="1369"/>
        <v>0.51377539364753766</v>
      </c>
      <c r="I5854" s="236">
        <f t="shared" si="1370"/>
        <v>19.917817555083648</v>
      </c>
      <c r="J5854" s="237">
        <f t="shared" si="1375"/>
        <v>9.9178175550836478</v>
      </c>
      <c r="K5854" s="237">
        <f t="shared" si="1371"/>
        <v>1157.9024057472327</v>
      </c>
      <c r="L5854" s="237">
        <f t="shared" si="1376"/>
        <v>576.6318304701183</v>
      </c>
      <c r="M5854" s="236">
        <f t="shared" si="1372"/>
        <v>34.277742833131796</v>
      </c>
      <c r="N5854" s="236">
        <f t="shared" si="1373"/>
        <v>0.54387317124167889</v>
      </c>
      <c r="O5854" s="236">
        <f t="shared" si="1377"/>
        <v>2.1580438957331132</v>
      </c>
      <c r="P5854" s="236" t="str">
        <f t="shared" si="1378"/>
        <v>SAND</v>
      </c>
      <c r="Q5854" s="236" t="e">
        <f t="shared" si="1374"/>
        <v>#N/A</v>
      </c>
      <c r="R5854" s="238">
        <v>35</v>
      </c>
      <c r="S5854" s="236" t="e">
        <f t="shared" si="1379"/>
        <v>#N/A</v>
      </c>
      <c r="T5854" s="236">
        <f t="shared" si="1365"/>
        <v>34.48513437804715</v>
      </c>
    </row>
    <row r="5855" spans="1:20" x14ac:dyDescent="0.2">
      <c r="A5855" s="53">
        <f t="shared" si="1366"/>
        <v>5843</v>
      </c>
      <c r="B5855" s="239">
        <v>58.152000000000001</v>
      </c>
      <c r="C5855" s="3">
        <f t="shared" si="1367"/>
        <v>58.145000000000003</v>
      </c>
      <c r="D5855" s="239">
        <v>20.673300000000001</v>
      </c>
      <c r="E5855" s="239">
        <v>9.8500000000000004E-2</v>
      </c>
      <c r="F5855" s="239">
        <v>2.1100000000000001E-2</v>
      </c>
      <c r="G5855">
        <f t="shared" si="1368"/>
        <v>20.677520000000001</v>
      </c>
      <c r="H5855" s="235">
        <f t="shared" si="1369"/>
        <v>0.47636273595672979</v>
      </c>
      <c r="I5855" s="236">
        <f t="shared" si="1370"/>
        <v>19.810669481331892</v>
      </c>
      <c r="J5855" s="237">
        <f t="shared" si="1375"/>
        <v>9.8106694813318924</v>
      </c>
      <c r="K5855" s="237">
        <f t="shared" si="1371"/>
        <v>1151.891376992043</v>
      </c>
      <c r="L5855" s="237">
        <f t="shared" si="1376"/>
        <v>570.5100516784122</v>
      </c>
      <c r="M5855" s="236">
        <f t="shared" si="1372"/>
        <v>34.224863463079274</v>
      </c>
      <c r="N5855" s="236">
        <f t="shared" si="1373"/>
        <v>0.5044651923981226</v>
      </c>
      <c r="O5855" s="236">
        <f t="shared" si="1377"/>
        <v>2.1443857849721315</v>
      </c>
      <c r="P5855" s="236" t="str">
        <f t="shared" si="1378"/>
        <v>SAND</v>
      </c>
      <c r="Q5855" s="236" t="e">
        <f t="shared" si="1374"/>
        <v>#N/A</v>
      </c>
      <c r="R5855" s="238">
        <v>35</v>
      </c>
      <c r="S5855" s="236" t="e">
        <f t="shared" si="1379"/>
        <v>#N/A</v>
      </c>
      <c r="T5855" s="236">
        <f t="shared" si="1365"/>
        <v>34.477758966550894</v>
      </c>
    </row>
    <row r="5856" spans="1:20" x14ac:dyDescent="0.2">
      <c r="A5856" s="53">
        <f t="shared" si="1366"/>
        <v>5844</v>
      </c>
      <c r="B5856" s="239">
        <v>58.161999999999999</v>
      </c>
      <c r="C5856" s="3">
        <f t="shared" si="1367"/>
        <v>58.155000000000001</v>
      </c>
      <c r="D5856" s="239">
        <v>20.285799999999998</v>
      </c>
      <c r="E5856" s="239">
        <v>8.6300000000000002E-2</v>
      </c>
      <c r="F5856" s="239">
        <v>4.9799999999999997E-2</v>
      </c>
      <c r="G5856">
        <f t="shared" si="1368"/>
        <v>20.295759999999998</v>
      </c>
      <c r="H5856" s="235">
        <f t="shared" si="1369"/>
        <v>0.42521196545485362</v>
      </c>
      <c r="I5856" s="236">
        <f t="shared" si="1370"/>
        <v>19.648336989603358</v>
      </c>
      <c r="J5856" s="237">
        <f t="shared" si="1375"/>
        <v>9.6483369896033579</v>
      </c>
      <c r="K5856" s="237">
        <f t="shared" si="1371"/>
        <v>1142.6490376303832</v>
      </c>
      <c r="L5856" s="237">
        <f t="shared" si="1376"/>
        <v>561.16657598931045</v>
      </c>
      <c r="M5856" s="236">
        <f t="shared" si="1372"/>
        <v>34.130883380934748</v>
      </c>
      <c r="N5856" s="236">
        <f t="shared" si="1373"/>
        <v>0.45057954381173282</v>
      </c>
      <c r="O5856" s="236">
        <f t="shared" si="1377"/>
        <v>2.1248233051954992</v>
      </c>
      <c r="P5856" s="236" t="str">
        <f t="shared" si="1378"/>
        <v>SAND</v>
      </c>
      <c r="Q5856" s="236" t="e">
        <f t="shared" si="1374"/>
        <v>#N/A</v>
      </c>
      <c r="R5856" s="238">
        <v>35</v>
      </c>
      <c r="S5856" s="236" t="e">
        <f t="shared" si="1379"/>
        <v>#N/A</v>
      </c>
      <c r="T5856" s="236">
        <f t="shared" si="1365"/>
        <v>34.46462281793012</v>
      </c>
    </row>
    <row r="5857" spans="1:20" x14ac:dyDescent="0.2">
      <c r="A5857" s="53">
        <f t="shared" si="1366"/>
        <v>5845</v>
      </c>
      <c r="B5857" s="239">
        <v>58.171999999999997</v>
      </c>
      <c r="C5857" s="3">
        <f t="shared" si="1367"/>
        <v>58.164999999999999</v>
      </c>
      <c r="D5857" s="239">
        <v>19.806999999999999</v>
      </c>
      <c r="E5857" s="239">
        <v>7.0699999999999999E-2</v>
      </c>
      <c r="F5857" s="239">
        <v>8.0699999999999994E-2</v>
      </c>
      <c r="G5857">
        <f t="shared" si="1368"/>
        <v>19.823139999999999</v>
      </c>
      <c r="H5857" s="235">
        <f t="shared" si="1369"/>
        <v>0.3566538903523862</v>
      </c>
      <c r="I5857" s="236">
        <f t="shared" si="1370"/>
        <v>19.40533067498221</v>
      </c>
      <c r="J5857" s="237">
        <f t="shared" si="1375"/>
        <v>9.4053306749822099</v>
      </c>
      <c r="K5857" s="237">
        <f t="shared" si="1371"/>
        <v>1128.7110587103402</v>
      </c>
      <c r="L5857" s="237">
        <f t="shared" si="1376"/>
        <v>547.12689602506509</v>
      </c>
      <c r="M5857" s="236">
        <f t="shared" si="1372"/>
        <v>34.168360351331046</v>
      </c>
      <c r="N5857" s="236">
        <f t="shared" si="1373"/>
        <v>0.37818753502466002</v>
      </c>
      <c r="O5857" s="236">
        <f t="shared" si="1377"/>
        <v>2.0942512432967093</v>
      </c>
      <c r="P5857" s="236" t="str">
        <f t="shared" si="1378"/>
        <v>SAND</v>
      </c>
      <c r="Q5857" s="236" t="e">
        <f t="shared" si="1374"/>
        <v>#N/A</v>
      </c>
      <c r="R5857" s="238">
        <v>35</v>
      </c>
      <c r="S5857" s="236" t="e">
        <f t="shared" si="1379"/>
        <v>#N/A</v>
      </c>
      <c r="T5857" s="236">
        <f t="shared" si="1365"/>
        <v>34.469865525287993</v>
      </c>
    </row>
    <row r="5858" spans="1:20" x14ac:dyDescent="0.2">
      <c r="A5858" s="53">
        <f t="shared" si="1366"/>
        <v>5846</v>
      </c>
      <c r="B5858" s="239">
        <v>58.182000000000002</v>
      </c>
      <c r="C5858" s="3">
        <f t="shared" si="1367"/>
        <v>58.175000000000004</v>
      </c>
      <c r="D5858" s="239">
        <v>19.388100000000001</v>
      </c>
      <c r="E5858" s="239">
        <v>5.4600000000000003E-2</v>
      </c>
      <c r="F5858" s="239">
        <v>0.13600000000000001</v>
      </c>
      <c r="G5858">
        <f t="shared" si="1368"/>
        <v>19.415300000000002</v>
      </c>
      <c r="H5858" s="235">
        <f t="shared" si="1369"/>
        <v>0.28122151087029301</v>
      </c>
      <c r="I5858" s="236">
        <f t="shared" si="1370"/>
        <v>19.094192884667301</v>
      </c>
      <c r="J5858" s="237">
        <f t="shared" si="1375"/>
        <v>9.0941928846673008</v>
      </c>
      <c r="K5858" s="237">
        <f t="shared" si="1371"/>
        <v>1110.8046710655203</v>
      </c>
      <c r="L5858" s="237">
        <f t="shared" si="1376"/>
        <v>529.11833041571288</v>
      </c>
      <c r="M5858" s="236">
        <f t="shared" si="1372"/>
        <v>34.594332263169136</v>
      </c>
      <c r="N5858" s="236">
        <f t="shared" si="1373"/>
        <v>0.29828738251904763</v>
      </c>
      <c r="O5858" s="236">
        <f t="shared" si="1377"/>
        <v>2.0521353501130544</v>
      </c>
      <c r="P5858" s="236" t="str">
        <f t="shared" si="1378"/>
        <v>SAND</v>
      </c>
      <c r="Q5858" s="236" t="e">
        <f t="shared" si="1374"/>
        <v>#N/A</v>
      </c>
      <c r="R5858" s="238">
        <v>35</v>
      </c>
      <c r="S5858" s="236" t="e">
        <f t="shared" si="1379"/>
        <v>#N/A</v>
      </c>
      <c r="T5858" s="236">
        <f t="shared" si="1365"/>
        <v>34.529054475361761</v>
      </c>
    </row>
    <row r="5859" spans="1:20" x14ac:dyDescent="0.2">
      <c r="A5859" s="53">
        <f t="shared" si="1366"/>
        <v>5847</v>
      </c>
      <c r="B5859" s="239">
        <v>58.192999999999998</v>
      </c>
      <c r="C5859" s="3">
        <f t="shared" si="1367"/>
        <v>58.186</v>
      </c>
      <c r="D5859" s="239">
        <v>19.061800000000002</v>
      </c>
      <c r="E5859" s="239">
        <v>4.36E-2</v>
      </c>
      <c r="F5859" s="239">
        <v>0.16270000000000001</v>
      </c>
      <c r="G5859">
        <f t="shared" si="1368"/>
        <v>19.094340000000003</v>
      </c>
      <c r="H5859" s="235">
        <f t="shared" si="1369"/>
        <v>0.22833991643597001</v>
      </c>
      <c r="I5859" s="236">
        <f t="shared" si="1370"/>
        <v>18.823870761744963</v>
      </c>
      <c r="J5859" s="237">
        <f t="shared" si="1375"/>
        <v>8.8238707617449634</v>
      </c>
      <c r="K5859" s="237">
        <f t="shared" si="1371"/>
        <v>1095.2857441428926</v>
      </c>
      <c r="L5859" s="237">
        <f t="shared" si="1376"/>
        <v>513.48751123822467</v>
      </c>
      <c r="M5859" s="236">
        <f t="shared" si="1372"/>
        <v>35.052564788682318</v>
      </c>
      <c r="N5859" s="236">
        <f t="shared" si="1373"/>
        <v>0.24223494957137559</v>
      </c>
      <c r="O5859" s="236">
        <f t="shared" si="1377"/>
        <v>2.0178716411441315</v>
      </c>
      <c r="P5859" s="236" t="str">
        <f t="shared" si="1378"/>
        <v>SAND</v>
      </c>
      <c r="Q5859" s="236" t="e">
        <f t="shared" si="1374"/>
        <v>#N/A</v>
      </c>
      <c r="R5859" s="238">
        <v>35</v>
      </c>
      <c r="S5859" s="236" t="e">
        <f t="shared" si="1379"/>
        <v>#N/A</v>
      </c>
      <c r="T5859" s="236">
        <f t="shared" si="1365"/>
        <v>34.591917807698081</v>
      </c>
    </row>
    <row r="5860" spans="1:20" x14ac:dyDescent="0.2">
      <c r="A5860" s="53">
        <f t="shared" si="1366"/>
        <v>5848</v>
      </c>
      <c r="B5860" s="239">
        <v>58.203000000000003</v>
      </c>
      <c r="C5860" s="3">
        <f t="shared" si="1367"/>
        <v>58.196000000000005</v>
      </c>
      <c r="D5860" s="239">
        <v>18.811900000000001</v>
      </c>
      <c r="E5860" s="239">
        <v>3.9800000000000002E-2</v>
      </c>
      <c r="F5860" s="239">
        <v>0.1893</v>
      </c>
      <c r="G5860">
        <f t="shared" si="1368"/>
        <v>18.84976</v>
      </c>
      <c r="H5860" s="235">
        <f t="shared" si="1369"/>
        <v>0.21114327185067611</v>
      </c>
      <c r="I5860" s="236">
        <f t="shared" si="1370"/>
        <v>18.711902591506458</v>
      </c>
      <c r="J5860" s="237">
        <f t="shared" si="1375"/>
        <v>8.7119025915064583</v>
      </c>
      <c r="K5860" s="237">
        <f t="shared" si="1371"/>
        <v>1088.9578832153099</v>
      </c>
      <c r="L5860" s="237">
        <f t="shared" si="1376"/>
        <v>507.05886653345044</v>
      </c>
      <c r="M5860" s="236">
        <f t="shared" si="1372"/>
        <v>35.027100971940143</v>
      </c>
      <c r="N5860" s="236">
        <f t="shared" si="1373"/>
        <v>0.22408897829218744</v>
      </c>
      <c r="O5860" s="236">
        <f t="shared" si="1377"/>
        <v>2.0083074340752174</v>
      </c>
      <c r="P5860" s="236" t="str">
        <f t="shared" si="1378"/>
        <v>SAND</v>
      </c>
      <c r="Q5860" s="236" t="e">
        <f t="shared" si="1374"/>
        <v>#N/A</v>
      </c>
      <c r="R5860" s="238">
        <v>35</v>
      </c>
      <c r="S5860" s="236" t="e">
        <f t="shared" si="1379"/>
        <v>#N/A</v>
      </c>
      <c r="T5860" s="236">
        <f t="shared" si="1365"/>
        <v>34.588446137274829</v>
      </c>
    </row>
    <row r="5861" spans="1:20" x14ac:dyDescent="0.2">
      <c r="A5861" s="53">
        <f t="shared" si="1366"/>
        <v>5849</v>
      </c>
      <c r="B5861" s="239">
        <v>58.213000000000001</v>
      </c>
      <c r="C5861" s="3">
        <f t="shared" si="1367"/>
        <v>58.206000000000003</v>
      </c>
      <c r="D5861" s="239">
        <v>18.665400000000002</v>
      </c>
      <c r="E5861" s="239">
        <v>3.5099999999999999E-2</v>
      </c>
      <c r="F5861" s="239">
        <v>0.21440000000000001</v>
      </c>
      <c r="G5861">
        <f t="shared" si="1368"/>
        <v>18.708280000000002</v>
      </c>
      <c r="H5861" s="235">
        <f t="shared" si="1369"/>
        <v>0.18761746135935528</v>
      </c>
      <c r="I5861" s="236">
        <f t="shared" si="1370"/>
        <v>18.56160274393114</v>
      </c>
      <c r="J5861" s="237">
        <f t="shared" si="1375"/>
        <v>8.5616027439311395</v>
      </c>
      <c r="K5861" s="237">
        <f t="shared" si="1371"/>
        <v>1080.3966493132559</v>
      </c>
      <c r="L5861" s="237">
        <f t="shared" si="1376"/>
        <v>498.39658053246342</v>
      </c>
      <c r="M5861" s="236">
        <f t="shared" si="1372"/>
        <v>35.369189996957736</v>
      </c>
      <c r="N5861" s="236">
        <f t="shared" si="1373"/>
        <v>0.19911636185539305</v>
      </c>
      <c r="O5861" s="236">
        <f t="shared" si="1377"/>
        <v>1.990264675001749</v>
      </c>
      <c r="P5861" s="236" t="str">
        <f t="shared" si="1378"/>
        <v>SAND</v>
      </c>
      <c r="Q5861" s="236" t="e">
        <f t="shared" si="1374"/>
        <v>#N/A</v>
      </c>
      <c r="R5861" s="238">
        <v>35</v>
      </c>
      <c r="S5861" s="236" t="e">
        <f t="shared" si="1379"/>
        <v>#N/A</v>
      </c>
      <c r="T5861" s="236">
        <f t="shared" si="1365"/>
        <v>34.634876253871894</v>
      </c>
    </row>
    <row r="5862" spans="1:20" x14ac:dyDescent="0.2">
      <c r="A5862" s="53">
        <f t="shared" si="1366"/>
        <v>5850</v>
      </c>
      <c r="B5862" s="239">
        <v>58.223999999999997</v>
      </c>
      <c r="C5862" s="3">
        <f t="shared" si="1367"/>
        <v>58.216999999999999</v>
      </c>
      <c r="D5862" s="239">
        <v>18.655200000000001</v>
      </c>
      <c r="E5862" s="239">
        <v>3.4799999999999998E-2</v>
      </c>
      <c r="F5862" s="239">
        <v>0.24440000000000001</v>
      </c>
      <c r="G5862">
        <f t="shared" si="1368"/>
        <v>18.704080000000001</v>
      </c>
      <c r="H5862" s="235">
        <f t="shared" si="1369"/>
        <v>0.18605566272171631</v>
      </c>
      <c r="I5862" s="236">
        <f t="shared" si="1370"/>
        <v>18.551449729262941</v>
      </c>
      <c r="J5862" s="237">
        <f t="shared" si="1375"/>
        <v>8.5514497292629414</v>
      </c>
      <c r="K5862" s="237">
        <f t="shared" si="1371"/>
        <v>1080.0097488885006</v>
      </c>
      <c r="L5862" s="237">
        <f t="shared" si="1376"/>
        <v>497.89960903660545</v>
      </c>
      <c r="M5862" s="236">
        <f t="shared" si="1372"/>
        <v>35.396834886479667</v>
      </c>
      <c r="N5862" s="236">
        <f t="shared" si="1373"/>
        <v>0.19745722471689112</v>
      </c>
      <c r="O5862" s="236">
        <f t="shared" si="1377"/>
        <v>1.9889922333647312</v>
      </c>
      <c r="P5862" s="236" t="str">
        <f t="shared" si="1378"/>
        <v>SAND</v>
      </c>
      <c r="Q5862" s="236" t="e">
        <f t="shared" si="1374"/>
        <v>#N/A</v>
      </c>
      <c r="R5862" s="238">
        <v>35</v>
      </c>
      <c r="S5862" s="236" t="e">
        <f t="shared" si="1379"/>
        <v>#N/A</v>
      </c>
      <c r="T5862" s="236">
        <f t="shared" si="1365"/>
        <v>34.638608730286393</v>
      </c>
    </row>
    <row r="5863" spans="1:20" x14ac:dyDescent="0.2">
      <c r="A5863" s="53">
        <f t="shared" si="1366"/>
        <v>5851</v>
      </c>
      <c r="B5863" s="239">
        <v>58.232999999999997</v>
      </c>
      <c r="C5863" s="3">
        <f t="shared" si="1367"/>
        <v>58.225999999999999</v>
      </c>
      <c r="D5863" s="239">
        <v>18.8184</v>
      </c>
      <c r="E5863" s="239">
        <v>3.8300000000000001E-2</v>
      </c>
      <c r="F5863" s="239">
        <v>0.29659999999999997</v>
      </c>
      <c r="G5863">
        <f t="shared" si="1368"/>
        <v>18.87772</v>
      </c>
      <c r="H5863" s="235">
        <f t="shared" si="1369"/>
        <v>0.20288467039451799</v>
      </c>
      <c r="I5863" s="236">
        <f t="shared" si="1370"/>
        <v>18.667434330291822</v>
      </c>
      <c r="J5863" s="237">
        <f t="shared" si="1375"/>
        <v>8.6674343302918224</v>
      </c>
      <c r="K5863" s="237">
        <f t="shared" si="1371"/>
        <v>1086.9300313155716</v>
      </c>
      <c r="L5863" s="237">
        <f t="shared" si="1376"/>
        <v>504.73070335588369</v>
      </c>
      <c r="M5863" s="236">
        <f t="shared" si="1372"/>
        <v>35.248083483719057</v>
      </c>
      <c r="N5863" s="236">
        <f t="shared" si="1373"/>
        <v>0.21527992892623732</v>
      </c>
      <c r="O5863" s="236">
        <f t="shared" si="1377"/>
        <v>2.0008050304220468</v>
      </c>
      <c r="P5863" s="236" t="str">
        <f t="shared" si="1378"/>
        <v>SAND</v>
      </c>
      <c r="Q5863" s="236" t="e">
        <f t="shared" si="1374"/>
        <v>#N/A</v>
      </c>
      <c r="R5863" s="238">
        <v>35</v>
      </c>
      <c r="S5863" s="236" t="e">
        <f t="shared" si="1379"/>
        <v>#N/A</v>
      </c>
      <c r="T5863" s="236">
        <f t="shared" si="1365"/>
        <v>34.618490592593076</v>
      </c>
    </row>
    <row r="5864" spans="1:20" x14ac:dyDescent="0.2">
      <c r="A5864" s="53">
        <f t="shared" si="1366"/>
        <v>5852</v>
      </c>
      <c r="B5864" s="239">
        <v>58.243000000000002</v>
      </c>
      <c r="C5864" s="3">
        <f t="shared" si="1367"/>
        <v>58.236000000000004</v>
      </c>
      <c r="D5864" s="239">
        <v>19.031700000000001</v>
      </c>
      <c r="E5864" s="239">
        <v>4.1700000000000001E-2</v>
      </c>
      <c r="F5864" s="239">
        <v>0.32300000000000001</v>
      </c>
      <c r="G5864">
        <f t="shared" si="1368"/>
        <v>19.096299999999999</v>
      </c>
      <c r="H5864" s="235">
        <f t="shared" si="1369"/>
        <v>0.21836690877290368</v>
      </c>
      <c r="I5864" s="236">
        <f t="shared" si="1370"/>
        <v>18.771664708689567</v>
      </c>
      <c r="J5864" s="237">
        <f t="shared" si="1375"/>
        <v>8.7716647086895669</v>
      </c>
      <c r="K5864" s="237">
        <f t="shared" si="1371"/>
        <v>1093.1866659752457</v>
      </c>
      <c r="L5864" s="237">
        <f t="shared" si="1376"/>
        <v>510.88806762820644</v>
      </c>
      <c r="M5864" s="236">
        <f t="shared" si="1372"/>
        <v>35.238860476041367</v>
      </c>
      <c r="N5864" s="236">
        <f t="shared" si="1373"/>
        <v>0.23162660383406916</v>
      </c>
      <c r="O5864" s="236">
        <f t="shared" si="1377"/>
        <v>2.0099309592068355</v>
      </c>
      <c r="P5864" s="236" t="str">
        <f t="shared" si="1378"/>
        <v>SAND</v>
      </c>
      <c r="Q5864" s="236" t="e">
        <f t="shared" si="1374"/>
        <v>#N/A</v>
      </c>
      <c r="R5864" s="238">
        <v>35</v>
      </c>
      <c r="S5864" s="236" t="e">
        <f t="shared" si="1379"/>
        <v>#N/A</v>
      </c>
      <c r="T5864" s="236">
        <f t="shared" si="1365"/>
        <v>34.617240417382547</v>
      </c>
    </row>
    <row r="5865" spans="1:20" x14ac:dyDescent="0.2">
      <c r="A5865" s="53">
        <f t="shared" si="1366"/>
        <v>5853</v>
      </c>
      <c r="B5865" s="239">
        <v>58.253</v>
      </c>
      <c r="C5865" s="3">
        <f t="shared" si="1367"/>
        <v>58.246000000000002</v>
      </c>
      <c r="D5865" s="239">
        <v>19.040800000000001</v>
      </c>
      <c r="E5865" s="239">
        <v>4.5900000000000003E-2</v>
      </c>
      <c r="F5865" s="239">
        <v>0.30080000000000001</v>
      </c>
      <c r="G5865">
        <f t="shared" si="1368"/>
        <v>19.100960000000001</v>
      </c>
      <c r="H5865" s="235">
        <f t="shared" si="1369"/>
        <v>0.24030205811645072</v>
      </c>
      <c r="I5865" s="236">
        <f t="shared" si="1370"/>
        <v>18.884286980934728</v>
      </c>
      <c r="J5865" s="237">
        <f t="shared" si="1375"/>
        <v>8.8842869809347285</v>
      </c>
      <c r="K5865" s="237">
        <f t="shared" si="1371"/>
        <v>1099.9341794915242</v>
      </c>
      <c r="L5865" s="237">
        <f t="shared" si="1376"/>
        <v>517.53636950039072</v>
      </c>
      <c r="M5865" s="236">
        <f t="shared" si="1372"/>
        <v>34.782146495107114</v>
      </c>
      <c r="N5865" s="236">
        <f t="shared" si="1373"/>
        <v>0.25498546837095459</v>
      </c>
      <c r="O5865" s="236">
        <f t="shared" si="1377"/>
        <v>2.0278530021128516</v>
      </c>
      <c r="P5865" s="236" t="str">
        <f t="shared" si="1378"/>
        <v>SAND</v>
      </c>
      <c r="Q5865" s="236" t="e">
        <f t="shared" si="1374"/>
        <v>#N/A</v>
      </c>
      <c r="R5865" s="238">
        <v>35</v>
      </c>
      <c r="S5865" s="236" t="e">
        <f t="shared" si="1379"/>
        <v>#N/A</v>
      </c>
      <c r="T5865" s="236">
        <f t="shared" si="1365"/>
        <v>34.554920179071075</v>
      </c>
    </row>
    <row r="5866" spans="1:20" x14ac:dyDescent="0.2">
      <c r="A5866" s="53">
        <f t="shared" si="1366"/>
        <v>5854</v>
      </c>
      <c r="B5866" s="239">
        <v>58.264000000000003</v>
      </c>
      <c r="C5866" s="3">
        <f t="shared" si="1367"/>
        <v>58.257000000000005</v>
      </c>
      <c r="D5866" s="239">
        <v>18.990600000000001</v>
      </c>
      <c r="E5866" s="239">
        <v>4.6800000000000001E-2</v>
      </c>
      <c r="F5866" s="239">
        <v>0.31929999999999997</v>
      </c>
      <c r="G5866">
        <f t="shared" si="1368"/>
        <v>19.054459999999999</v>
      </c>
      <c r="H5866" s="235">
        <f t="shared" si="1369"/>
        <v>0.24561178852615084</v>
      </c>
      <c r="I5866" s="236">
        <f t="shared" si="1370"/>
        <v>18.906103838591562</v>
      </c>
      <c r="J5866" s="237">
        <f t="shared" si="1375"/>
        <v>8.9061038385915623</v>
      </c>
      <c r="K5866" s="237">
        <f t="shared" si="1371"/>
        <v>1101.4128913248287</v>
      </c>
      <c r="L5866" s="237">
        <f t="shared" si="1376"/>
        <v>518.90523405169881</v>
      </c>
      <c r="M5866" s="236">
        <f t="shared" si="1372"/>
        <v>34.597930278125695</v>
      </c>
      <c r="N5866" s="236">
        <f t="shared" si="1373"/>
        <v>0.26067998215960553</v>
      </c>
      <c r="O5866" s="236">
        <f t="shared" si="1377"/>
        <v>2.0330274041987129</v>
      </c>
      <c r="P5866" s="236" t="str">
        <f t="shared" si="1378"/>
        <v>SAND</v>
      </c>
      <c r="Q5866" s="236" t="e">
        <f t="shared" si="1374"/>
        <v>#N/A</v>
      </c>
      <c r="R5866" s="238">
        <v>35</v>
      </c>
      <c r="S5866" s="236" t="e">
        <f t="shared" si="1379"/>
        <v>#N/A</v>
      </c>
      <c r="T5866" s="236">
        <f t="shared" si="1365"/>
        <v>34.529551310639</v>
      </c>
    </row>
    <row r="5867" spans="1:20" x14ac:dyDescent="0.2">
      <c r="A5867" s="53">
        <f t="shared" si="1366"/>
        <v>5855</v>
      </c>
      <c r="B5867" s="239">
        <v>58.274000000000001</v>
      </c>
      <c r="C5867" s="3">
        <f t="shared" si="1367"/>
        <v>58.267000000000003</v>
      </c>
      <c r="D5867" s="239">
        <v>19.0123</v>
      </c>
      <c r="E5867" s="239">
        <v>4.8300000000000003E-2</v>
      </c>
      <c r="F5867" s="239">
        <v>0.3468</v>
      </c>
      <c r="G5867">
        <f t="shared" si="1368"/>
        <v>19.081659999999999</v>
      </c>
      <c r="H5867" s="235">
        <f t="shared" si="1369"/>
        <v>0.25312263188842066</v>
      </c>
      <c r="I5867" s="236">
        <f t="shared" si="1370"/>
        <v>18.94365484534098</v>
      </c>
      <c r="J5867" s="237">
        <f t="shared" si="1375"/>
        <v>8.9436548453409799</v>
      </c>
      <c r="K5867" s="237">
        <f t="shared" si="1371"/>
        <v>1103.7899368734829</v>
      </c>
      <c r="L5867" s="237">
        <f t="shared" si="1376"/>
        <v>521.18254245740025</v>
      </c>
      <c r="M5867" s="236">
        <f t="shared" si="1372"/>
        <v>34.494382675137224</v>
      </c>
      <c r="N5867" s="236">
        <f t="shared" si="1373"/>
        <v>0.26866363941001914</v>
      </c>
      <c r="O5867" s="236">
        <f t="shared" si="1377"/>
        <v>2.0383985189032194</v>
      </c>
      <c r="P5867" s="236" t="str">
        <f t="shared" si="1378"/>
        <v>SAND</v>
      </c>
      <c r="Q5867" s="236" t="e">
        <f t="shared" si="1374"/>
        <v>#N/A</v>
      </c>
      <c r="R5867" s="238">
        <v>35</v>
      </c>
      <c r="S5867" s="236" t="e">
        <f t="shared" si="1379"/>
        <v>#N/A</v>
      </c>
      <c r="T5867" s="236">
        <f t="shared" si="1365"/>
        <v>34.515232147544751</v>
      </c>
    </row>
    <row r="5868" spans="1:20" x14ac:dyDescent="0.2">
      <c r="A5868" s="53">
        <f t="shared" si="1366"/>
        <v>5856</v>
      </c>
      <c r="B5868" s="239">
        <v>58.283999999999999</v>
      </c>
      <c r="C5868" s="3">
        <f t="shared" si="1367"/>
        <v>58.277000000000001</v>
      </c>
      <c r="D5868" s="239">
        <v>19.026800000000001</v>
      </c>
      <c r="E5868" s="239">
        <v>4.8399999999999999E-2</v>
      </c>
      <c r="F5868" s="239">
        <v>0.37340000000000001</v>
      </c>
      <c r="G5868">
        <f t="shared" si="1368"/>
        <v>19.101480000000002</v>
      </c>
      <c r="H5868" s="235">
        <f t="shared" si="1369"/>
        <v>0.25338350745596672</v>
      </c>
      <c r="I5868" s="236">
        <f t="shared" si="1370"/>
        <v>18.946485847096074</v>
      </c>
      <c r="J5868" s="237">
        <f t="shared" si="1375"/>
        <v>8.9464858470960742</v>
      </c>
      <c r="K5868" s="237">
        <f t="shared" si="1371"/>
        <v>1104.1443557112179</v>
      </c>
      <c r="L5868" s="237">
        <f t="shared" si="1376"/>
        <v>521.43698111214758</v>
      </c>
      <c r="M5868" s="236">
        <f t="shared" si="1372"/>
        <v>34.514881560381745</v>
      </c>
      <c r="N5868" s="236">
        <f t="shared" si="1373"/>
        <v>0.2689286956503425</v>
      </c>
      <c r="O5868" s="236">
        <f t="shared" si="1377"/>
        <v>2.038290396338903</v>
      </c>
      <c r="P5868" s="236" t="str">
        <f t="shared" si="1378"/>
        <v>SAND</v>
      </c>
      <c r="Q5868" s="236" t="e">
        <f t="shared" si="1374"/>
        <v>#N/A</v>
      </c>
      <c r="R5868" s="238">
        <v>35</v>
      </c>
      <c r="S5868" s="236" t="e">
        <f t="shared" si="1379"/>
        <v>#N/A</v>
      </c>
      <c r="T5868" s="236">
        <f t="shared" si="1365"/>
        <v>34.518070261649598</v>
      </c>
    </row>
    <row r="5869" spans="1:20" x14ac:dyDescent="0.2">
      <c r="A5869" s="53">
        <f t="shared" si="1366"/>
        <v>5857</v>
      </c>
      <c r="B5869" s="239">
        <v>58.293999999999997</v>
      </c>
      <c r="C5869" s="3">
        <f t="shared" si="1367"/>
        <v>58.286999999999999</v>
      </c>
      <c r="D5869" s="239">
        <v>19.274699999999999</v>
      </c>
      <c r="E5869" s="239">
        <v>4.9500000000000002E-2</v>
      </c>
      <c r="F5869" s="239">
        <v>0.39979999999999999</v>
      </c>
      <c r="G5869">
        <f t="shared" si="1368"/>
        <v>19.354659999999999</v>
      </c>
      <c r="H5869" s="235">
        <f t="shared" si="1369"/>
        <v>0.25575236144680408</v>
      </c>
      <c r="I5869" s="236">
        <f t="shared" si="1370"/>
        <v>18.97798408339375</v>
      </c>
      <c r="J5869" s="237">
        <f t="shared" si="1375"/>
        <v>8.9779840833937499</v>
      </c>
      <c r="K5869" s="237">
        <f t="shared" si="1371"/>
        <v>1106.1697582687714</v>
      </c>
      <c r="L5869" s="237">
        <f t="shared" si="1376"/>
        <v>523.36260415735524</v>
      </c>
      <c r="M5869" s="236">
        <f t="shared" si="1372"/>
        <v>34.867776369143492</v>
      </c>
      <c r="N5869" s="236">
        <f t="shared" si="1373"/>
        <v>0.27125531670999187</v>
      </c>
      <c r="O5869" s="236">
        <f t="shared" si="1377"/>
        <v>2.035301308008691</v>
      </c>
      <c r="P5869" s="236" t="str">
        <f t="shared" si="1378"/>
        <v>SAND</v>
      </c>
      <c r="Q5869" s="236" t="e">
        <f t="shared" si="1374"/>
        <v>#N/A</v>
      </c>
      <c r="R5869" s="238">
        <v>35</v>
      </c>
      <c r="S5869" s="236" t="e">
        <f t="shared" si="1379"/>
        <v>#N/A</v>
      </c>
      <c r="T5869" s="236">
        <f t="shared" si="1365"/>
        <v>34.566666770850773</v>
      </c>
    </row>
    <row r="5870" spans="1:20" x14ac:dyDescent="0.2">
      <c r="A5870" s="53">
        <f t="shared" si="1366"/>
        <v>5858</v>
      </c>
      <c r="B5870" s="239">
        <v>58.305</v>
      </c>
      <c r="C5870" s="3">
        <f t="shared" si="1367"/>
        <v>58.298000000000002</v>
      </c>
      <c r="D5870" s="239">
        <v>19.575399999999998</v>
      </c>
      <c r="E5870" s="239">
        <v>5.0799999999999998E-2</v>
      </c>
      <c r="F5870" s="239">
        <v>0.41689999999999999</v>
      </c>
      <c r="G5870">
        <f t="shared" si="1368"/>
        <v>19.658779999999997</v>
      </c>
      <c r="H5870" s="235">
        <f t="shared" si="1369"/>
        <v>0.2584087110186899</v>
      </c>
      <c r="I5870" s="236">
        <f t="shared" si="1370"/>
        <v>19.014475983839144</v>
      </c>
      <c r="J5870" s="237">
        <f t="shared" si="1375"/>
        <v>9.0144759838391444</v>
      </c>
      <c r="K5870" s="237">
        <f t="shared" si="1371"/>
        <v>1108.5059209058545</v>
      </c>
      <c r="L5870" s="237">
        <f t="shared" si="1376"/>
        <v>525.58902223774135</v>
      </c>
      <c r="M5870" s="236">
        <f t="shared" si="1372"/>
        <v>35.294257098663742</v>
      </c>
      <c r="N5870" s="236">
        <f t="shared" si="1373"/>
        <v>0.273850401257687</v>
      </c>
      <c r="O5870" s="236">
        <f t="shared" si="1377"/>
        <v>2.0316361844042192</v>
      </c>
      <c r="P5870" s="236" t="str">
        <f t="shared" si="1378"/>
        <v>SAND</v>
      </c>
      <c r="Q5870" s="236" t="e">
        <f t="shared" si="1374"/>
        <v>#N/A</v>
      </c>
      <c r="R5870" s="238">
        <v>35</v>
      </c>
      <c r="S5870" s="236" t="e">
        <f t="shared" si="1379"/>
        <v>#N/A</v>
      </c>
      <c r="T5870" s="236">
        <f t="shared" si="1365"/>
        <v>34.624744494509599</v>
      </c>
    </row>
    <row r="5871" spans="1:20" x14ac:dyDescent="0.2">
      <c r="A5871" s="53">
        <f t="shared" si="1366"/>
        <v>5859</v>
      </c>
      <c r="B5871" s="239">
        <v>58.314999999999998</v>
      </c>
      <c r="C5871" s="3">
        <f t="shared" si="1367"/>
        <v>58.308</v>
      </c>
      <c r="D5871" s="239">
        <v>19.909800000000001</v>
      </c>
      <c r="E5871" s="239">
        <v>5.1700000000000003E-2</v>
      </c>
      <c r="F5871" s="239">
        <v>0.42670000000000002</v>
      </c>
      <c r="G5871">
        <f t="shared" si="1368"/>
        <v>19.995139999999999</v>
      </c>
      <c r="H5871" s="235">
        <f t="shared" si="1369"/>
        <v>0.25856283076787662</v>
      </c>
      <c r="I5871" s="236">
        <f t="shared" si="1370"/>
        <v>19.041699525088557</v>
      </c>
      <c r="J5871" s="237">
        <f t="shared" si="1375"/>
        <v>9.041699525088557</v>
      </c>
      <c r="K5871" s="237">
        <f t="shared" si="1371"/>
        <v>1110.2834159088636</v>
      </c>
      <c r="L5871" s="237">
        <f t="shared" si="1376"/>
        <v>527.26670780553923</v>
      </c>
      <c r="M5871" s="236">
        <f t="shared" si="1372"/>
        <v>35.81651620427369</v>
      </c>
      <c r="N5871" s="236">
        <f t="shared" si="1373"/>
        <v>0.27376432418106261</v>
      </c>
      <c r="O5871" s="236">
        <f t="shared" si="1377"/>
        <v>2.0255569533073317</v>
      </c>
      <c r="P5871" s="236" t="str">
        <f t="shared" si="1378"/>
        <v>SAND</v>
      </c>
      <c r="Q5871" s="236" t="e">
        <f t="shared" si="1374"/>
        <v>#N/A</v>
      </c>
      <c r="R5871" s="238">
        <v>35</v>
      </c>
      <c r="S5871" s="236" t="e">
        <f t="shared" si="1379"/>
        <v>#N/A</v>
      </c>
      <c r="T5871" s="236">
        <f t="shared" si="1365"/>
        <v>34.694916747417992</v>
      </c>
    </row>
    <row r="5872" spans="1:20" x14ac:dyDescent="0.2">
      <c r="A5872" s="53">
        <f t="shared" si="1366"/>
        <v>5860</v>
      </c>
      <c r="B5872" s="239">
        <v>58.325000000000003</v>
      </c>
      <c r="C5872" s="3">
        <f t="shared" si="1367"/>
        <v>58.318000000000005</v>
      </c>
      <c r="D5872" s="239">
        <v>20.385300000000001</v>
      </c>
      <c r="E5872" s="239">
        <v>5.2299999999999999E-2</v>
      </c>
      <c r="F5872" s="239">
        <v>0.45529999999999998</v>
      </c>
      <c r="G5872">
        <f t="shared" si="1368"/>
        <v>20.47636</v>
      </c>
      <c r="H5872" s="235">
        <f t="shared" si="1369"/>
        <v>0.25541649004022199</v>
      </c>
      <c r="I5872" s="236">
        <f t="shared" si="1370"/>
        <v>19.064525095070714</v>
      </c>
      <c r="J5872" s="237">
        <f t="shared" si="1375"/>
        <v>9.0645250950707137</v>
      </c>
      <c r="K5872" s="237">
        <f t="shared" si="1371"/>
        <v>1111.8049744943339</v>
      </c>
      <c r="L5872" s="237">
        <f t="shared" si="1376"/>
        <v>528.68842616999939</v>
      </c>
      <c r="M5872" s="236">
        <f t="shared" si="1372"/>
        <v>36.627537254388479</v>
      </c>
      <c r="N5872" s="236">
        <f t="shared" si="1373"/>
        <v>0.27008108335623526</v>
      </c>
      <c r="O5872" s="236">
        <f t="shared" si="1377"/>
        <v>2.0144512063404254</v>
      </c>
      <c r="P5872" s="236" t="str">
        <f t="shared" si="1378"/>
        <v>SAND</v>
      </c>
      <c r="Q5872" s="236" t="e">
        <f t="shared" si="1374"/>
        <v>#N/A</v>
      </c>
      <c r="R5872" s="238">
        <v>35</v>
      </c>
      <c r="S5872" s="236" t="e">
        <f t="shared" si="1379"/>
        <v>#N/A</v>
      </c>
      <c r="T5872" s="236">
        <f t="shared" si="1365"/>
        <v>34.80188490627522</v>
      </c>
    </row>
    <row r="5873" spans="1:20" x14ac:dyDescent="0.2">
      <c r="A5873" s="53">
        <f t="shared" si="1366"/>
        <v>5861</v>
      </c>
      <c r="B5873" s="239">
        <v>58.335999999999999</v>
      </c>
      <c r="C5873" s="3">
        <f t="shared" si="1367"/>
        <v>58.329000000000001</v>
      </c>
      <c r="D5873" s="239">
        <v>20.588999999999999</v>
      </c>
      <c r="E5873" s="239">
        <v>5.6399999999999999E-2</v>
      </c>
      <c r="F5873" s="239">
        <v>0.38340000000000002</v>
      </c>
      <c r="G5873">
        <f t="shared" si="1368"/>
        <v>20.665679999999998</v>
      </c>
      <c r="H5873" s="235">
        <f t="shared" si="1369"/>
        <v>0.27291625535670733</v>
      </c>
      <c r="I5873" s="236">
        <f t="shared" si="1370"/>
        <v>19.156621365339561</v>
      </c>
      <c r="J5873" s="237">
        <f t="shared" si="1375"/>
        <v>9.1566213653395607</v>
      </c>
      <c r="K5873" s="237">
        <f t="shared" si="1371"/>
        <v>1117.3865676188911</v>
      </c>
      <c r="L5873" s="237">
        <f t="shared" si="1376"/>
        <v>534.1606639684486</v>
      </c>
      <c r="M5873" s="236">
        <f t="shared" si="1372"/>
        <v>36.596280390904582</v>
      </c>
      <c r="N5873" s="236">
        <f t="shared" si="1373"/>
        <v>0.28851623388553832</v>
      </c>
      <c r="O5873" s="236">
        <f t="shared" si="1377"/>
        <v>2.0242564690712515</v>
      </c>
      <c r="P5873" s="236" t="str">
        <f t="shared" si="1378"/>
        <v>SAND</v>
      </c>
      <c r="Q5873" s="236" t="e">
        <f t="shared" si="1374"/>
        <v>#N/A</v>
      </c>
      <c r="R5873" s="238">
        <v>35</v>
      </c>
      <c r="S5873" s="236" t="e">
        <f t="shared" si="1379"/>
        <v>#N/A</v>
      </c>
      <c r="T5873" s="236">
        <f t="shared" si="1365"/>
        <v>34.797806410219408</v>
      </c>
    </row>
    <row r="5874" spans="1:20" x14ac:dyDescent="0.2">
      <c r="A5874" s="53">
        <f t="shared" si="1366"/>
        <v>5862</v>
      </c>
      <c r="B5874" s="239">
        <v>58.345999999999997</v>
      </c>
      <c r="C5874" s="3">
        <f t="shared" si="1367"/>
        <v>58.338999999999999</v>
      </c>
      <c r="D5874" s="239">
        <v>20.76</v>
      </c>
      <c r="E5874" s="239">
        <v>6.0100000000000001E-2</v>
      </c>
      <c r="F5874" s="239">
        <v>0.2326</v>
      </c>
      <c r="G5874">
        <f t="shared" si="1368"/>
        <v>20.806520000000003</v>
      </c>
      <c r="H5874" s="235">
        <f t="shared" si="1369"/>
        <v>0.28885176377404775</v>
      </c>
      <c r="I5874" s="236">
        <f t="shared" si="1370"/>
        <v>19.233783632212344</v>
      </c>
      <c r="J5874" s="237">
        <f t="shared" si="1375"/>
        <v>9.2337836322123437</v>
      </c>
      <c r="K5874" s="237">
        <f t="shared" si="1371"/>
        <v>1122.0797033196359</v>
      </c>
      <c r="L5874" s="237">
        <f t="shared" si="1376"/>
        <v>538.75433980506136</v>
      </c>
      <c r="M5874" s="236">
        <f t="shared" si="1372"/>
        <v>36.536949853253766</v>
      </c>
      <c r="N5874" s="236">
        <f t="shared" si="1373"/>
        <v>0.30531729169935001</v>
      </c>
      <c r="O5874" s="236">
        <f t="shared" si="1377"/>
        <v>2.0333087956917995</v>
      </c>
      <c r="P5874" s="236" t="str">
        <f t="shared" si="1378"/>
        <v>SAND</v>
      </c>
      <c r="Q5874" s="236" t="e">
        <f t="shared" si="1374"/>
        <v>#N/A</v>
      </c>
      <c r="R5874" s="238">
        <v>35</v>
      </c>
      <c r="S5874" s="236" t="e">
        <f t="shared" si="1379"/>
        <v>#N/A</v>
      </c>
      <c r="T5874" s="236">
        <f t="shared" si="1365"/>
        <v>34.790055180376385</v>
      </c>
    </row>
    <row r="5875" spans="1:20" x14ac:dyDescent="0.2">
      <c r="A5875" s="53">
        <f t="shared" si="1366"/>
        <v>5863</v>
      </c>
      <c r="B5875" s="239">
        <v>58.357999999999997</v>
      </c>
      <c r="C5875" s="3">
        <f t="shared" si="1367"/>
        <v>58.350999999999999</v>
      </c>
      <c r="D5875" s="239">
        <v>20.929099999999998</v>
      </c>
      <c r="E5875" s="239">
        <v>6.0999999999999999E-2</v>
      </c>
      <c r="F5875" s="239">
        <v>0.1933</v>
      </c>
      <c r="G5875">
        <f t="shared" si="1368"/>
        <v>20.967759999999998</v>
      </c>
      <c r="H5875" s="235">
        <f t="shared" si="1369"/>
        <v>0.29092282628187277</v>
      </c>
      <c r="I5875" s="236">
        <f t="shared" si="1370"/>
        <v>19.254230442184394</v>
      </c>
      <c r="J5875" s="237">
        <f t="shared" si="1375"/>
        <v>9.2542304421843937</v>
      </c>
      <c r="K5875" s="237">
        <f t="shared" si="1371"/>
        <v>1123.5036005319016</v>
      </c>
      <c r="L5875" s="237">
        <f t="shared" si="1376"/>
        <v>540.05838014499682</v>
      </c>
      <c r="M5875" s="236">
        <f t="shared" si="1372"/>
        <v>36.744650447124329</v>
      </c>
      <c r="N5875" s="236">
        <f t="shared" si="1373"/>
        <v>0.30739373031702533</v>
      </c>
      <c r="O5875" s="236">
        <f t="shared" si="1377"/>
        <v>2.0320230461046846</v>
      </c>
      <c r="P5875" s="236" t="str">
        <f t="shared" si="1378"/>
        <v>SAND</v>
      </c>
      <c r="Q5875" s="236" t="e">
        <f t="shared" si="1374"/>
        <v>#N/A</v>
      </c>
      <c r="R5875" s="238">
        <v>35</v>
      </c>
      <c r="S5875" s="236" t="e">
        <f t="shared" si="1379"/>
        <v>#N/A</v>
      </c>
      <c r="T5875" s="236">
        <f t="shared" si="1365"/>
        <v>34.817135323078929</v>
      </c>
    </row>
    <row r="5876" spans="1:20" x14ac:dyDescent="0.2">
      <c r="A5876" s="53">
        <f t="shared" si="1366"/>
        <v>5864</v>
      </c>
      <c r="B5876" s="239">
        <v>58.368000000000002</v>
      </c>
      <c r="C5876" s="3">
        <f t="shared" si="1367"/>
        <v>58.361000000000004</v>
      </c>
      <c r="D5876" s="239">
        <v>20.428100000000001</v>
      </c>
      <c r="E5876" s="239">
        <v>5.3600000000000002E-2</v>
      </c>
      <c r="F5876" s="239">
        <v>0.14449999999999999</v>
      </c>
      <c r="G5876">
        <f t="shared" si="1368"/>
        <v>20.457000000000001</v>
      </c>
      <c r="H5876" s="235">
        <f t="shared" si="1369"/>
        <v>0.26201300288409834</v>
      </c>
      <c r="I5876" s="236">
        <f t="shared" si="1370"/>
        <v>19.092945737200829</v>
      </c>
      <c r="J5876" s="237">
        <f t="shared" si="1375"/>
        <v>9.0929457372008287</v>
      </c>
      <c r="K5876" s="237">
        <f t="shared" si="1371"/>
        <v>1114.2834061687777</v>
      </c>
      <c r="L5876" s="237">
        <f t="shared" si="1376"/>
        <v>530.73705678893793</v>
      </c>
      <c r="M5876" s="236">
        <f t="shared" si="1372"/>
        <v>36.445008590239404</v>
      </c>
      <c r="N5876" s="236">
        <f t="shared" si="1373"/>
        <v>0.27710688795954397</v>
      </c>
      <c r="O5876" s="236">
        <f t="shared" si="1377"/>
        <v>2.0201353365157151</v>
      </c>
      <c r="P5876" s="236" t="str">
        <f t="shared" si="1378"/>
        <v>SAND</v>
      </c>
      <c r="Q5876" s="236" t="e">
        <f t="shared" si="1374"/>
        <v>#N/A</v>
      </c>
      <c r="R5876" s="238">
        <v>35</v>
      </c>
      <c r="S5876" s="236" t="e">
        <f t="shared" si="1379"/>
        <v>#N/A</v>
      </c>
      <c r="T5876" s="236">
        <f t="shared" si="1365"/>
        <v>34.778018626225887</v>
      </c>
    </row>
    <row r="5877" spans="1:20" x14ac:dyDescent="0.2">
      <c r="A5877" s="53">
        <f t="shared" si="1366"/>
        <v>5865</v>
      </c>
      <c r="B5877" s="239">
        <v>58.378999999999998</v>
      </c>
      <c r="C5877" s="3">
        <f t="shared" si="1367"/>
        <v>58.372</v>
      </c>
      <c r="D5877" s="239">
        <v>19.7532</v>
      </c>
      <c r="E5877" s="239">
        <v>4.9099999999999998E-2</v>
      </c>
      <c r="F5877" s="239">
        <v>0.1898</v>
      </c>
      <c r="G5877">
        <f t="shared" si="1368"/>
        <v>19.791159999999998</v>
      </c>
      <c r="H5877" s="235">
        <f t="shared" si="1369"/>
        <v>0.2480905616446939</v>
      </c>
      <c r="I5877" s="236">
        <f t="shared" si="1370"/>
        <v>18.977187207963489</v>
      </c>
      <c r="J5877" s="237">
        <f t="shared" si="1375"/>
        <v>8.9771872079634889</v>
      </c>
      <c r="K5877" s="237">
        <f t="shared" si="1371"/>
        <v>1107.7363717032447</v>
      </c>
      <c r="L5877" s="237">
        <f t="shared" si="1376"/>
        <v>524.0792120137005</v>
      </c>
      <c r="M5877" s="236">
        <f t="shared" si="1372"/>
        <v>35.649999465745509</v>
      </c>
      <c r="N5877" s="236">
        <f t="shared" si="1373"/>
        <v>0.26279980038367373</v>
      </c>
      <c r="O5877" s="236">
        <f t="shared" si="1377"/>
        <v>2.0217853089923805</v>
      </c>
      <c r="P5877" s="236" t="str">
        <f t="shared" si="1378"/>
        <v>SAND</v>
      </c>
      <c r="Q5877" s="236" t="e">
        <f t="shared" si="1374"/>
        <v>#N/A</v>
      </c>
      <c r="R5877" s="238">
        <v>35</v>
      </c>
      <c r="S5877" s="236" t="e">
        <f t="shared" si="1379"/>
        <v>#N/A</v>
      </c>
      <c r="T5877" s="236">
        <f t="shared" si="1365"/>
        <v>34.67265480447454</v>
      </c>
    </row>
    <row r="5878" spans="1:20" x14ac:dyDescent="0.2">
      <c r="A5878" s="53">
        <f t="shared" si="1366"/>
        <v>5866</v>
      </c>
      <c r="B5878" s="239">
        <v>58.389000000000003</v>
      </c>
      <c r="C5878" s="3">
        <f t="shared" si="1367"/>
        <v>58.382000000000005</v>
      </c>
      <c r="D5878" s="239">
        <v>19.3462</v>
      </c>
      <c r="E5878" s="239">
        <v>4.48E-2</v>
      </c>
      <c r="F5878" s="239">
        <v>0.14699999999999999</v>
      </c>
      <c r="G5878">
        <f t="shared" si="1368"/>
        <v>19.375599999999999</v>
      </c>
      <c r="H5878" s="235">
        <f t="shared" si="1369"/>
        <v>0.23121864613224885</v>
      </c>
      <c r="I5878" s="236">
        <f t="shared" si="1370"/>
        <v>18.861423336258067</v>
      </c>
      <c r="J5878" s="237">
        <f t="shared" si="1375"/>
        <v>8.861423336258067</v>
      </c>
      <c r="K5878" s="237">
        <f t="shared" si="1371"/>
        <v>1101.1676172174186</v>
      </c>
      <c r="L5878" s="237">
        <f t="shared" si="1376"/>
        <v>517.40964718077225</v>
      </c>
      <c r="M5878" s="236">
        <f t="shared" si="1372"/>
        <v>35.319079345263674</v>
      </c>
      <c r="N5878" s="236">
        <f t="shared" si="1373"/>
        <v>0.24515125319136435</v>
      </c>
      <c r="O5878" s="236">
        <f t="shared" si="1377"/>
        <v>2.0162980703978759</v>
      </c>
      <c r="P5878" s="236" t="str">
        <f t="shared" si="1378"/>
        <v>SAND</v>
      </c>
      <c r="Q5878" s="236" t="e">
        <f t="shared" si="1374"/>
        <v>#N/A</v>
      </c>
      <c r="R5878" s="238">
        <v>35</v>
      </c>
      <c r="S5878" s="236" t="e">
        <f t="shared" si="1379"/>
        <v>#N/A</v>
      </c>
      <c r="T5878" s="236">
        <f t="shared" si="1365"/>
        <v>34.628103118329136</v>
      </c>
    </row>
    <row r="5879" spans="1:20" x14ac:dyDescent="0.2">
      <c r="A5879" s="53">
        <f t="shared" si="1366"/>
        <v>5867</v>
      </c>
      <c r="B5879" s="239">
        <v>58.399000000000001</v>
      </c>
      <c r="C5879" s="3">
        <f t="shared" si="1367"/>
        <v>58.392000000000003</v>
      </c>
      <c r="D5879" s="239">
        <v>18.833400000000001</v>
      </c>
      <c r="E5879" s="239">
        <v>4.3499999999999997E-2</v>
      </c>
      <c r="F5879" s="239">
        <v>0.17019999999999999</v>
      </c>
      <c r="G5879">
        <f t="shared" si="1368"/>
        <v>18.867440000000002</v>
      </c>
      <c r="H5879" s="235">
        <f t="shared" si="1369"/>
        <v>0.23055592067604291</v>
      </c>
      <c r="I5879" s="236">
        <f t="shared" si="1370"/>
        <v>18.816505727976349</v>
      </c>
      <c r="J5879" s="237">
        <f t="shared" si="1375"/>
        <v>8.8165057279763488</v>
      </c>
      <c r="K5879" s="237">
        <f t="shared" si="1371"/>
        <v>1098.7334024679951</v>
      </c>
      <c r="L5879" s="237">
        <f t="shared" si="1376"/>
        <v>514.87511800809079</v>
      </c>
      <c r="M5879" s="236">
        <f t="shared" si="1372"/>
        <v>34.510711386237134</v>
      </c>
      <c r="N5879" s="236">
        <f t="shared" si="1373"/>
        <v>0.24481241648754531</v>
      </c>
      <c r="O5879" s="236">
        <f t="shared" si="1377"/>
        <v>2.0257048762950514</v>
      </c>
      <c r="P5879" s="236" t="str">
        <f t="shared" si="1378"/>
        <v>SAND</v>
      </c>
      <c r="Q5879" s="236" t="e">
        <f t="shared" si="1374"/>
        <v>#N/A</v>
      </c>
      <c r="R5879" s="238">
        <v>35</v>
      </c>
      <c r="S5879" s="236" t="e">
        <f t="shared" si="1379"/>
        <v>#N/A</v>
      </c>
      <c r="T5879" s="236">
        <f t="shared" si="1365"/>
        <v>34.517493028800473</v>
      </c>
    </row>
    <row r="5880" spans="1:20" x14ac:dyDescent="0.2">
      <c r="A5880" s="53">
        <f t="shared" si="1366"/>
        <v>5868</v>
      </c>
      <c r="B5880" s="239">
        <v>58.408999999999999</v>
      </c>
      <c r="C5880" s="3">
        <f t="shared" si="1367"/>
        <v>58.402000000000001</v>
      </c>
      <c r="D5880" s="239">
        <v>18.540400000000002</v>
      </c>
      <c r="E5880" s="239">
        <v>4.0800000000000003E-2</v>
      </c>
      <c r="F5880" s="239">
        <v>0.28199999999999997</v>
      </c>
      <c r="G5880">
        <f t="shared" si="1368"/>
        <v>18.596800000000002</v>
      </c>
      <c r="H5880" s="235">
        <f t="shared" si="1369"/>
        <v>0.21939258367030887</v>
      </c>
      <c r="I5880" s="236">
        <f t="shared" si="1370"/>
        <v>18.735719893138857</v>
      </c>
      <c r="J5880" s="237">
        <f t="shared" si="1375"/>
        <v>8.7357198931388567</v>
      </c>
      <c r="K5880" s="237">
        <f t="shared" si="1371"/>
        <v>1094.2035131990956</v>
      </c>
      <c r="L5880" s="237">
        <f t="shared" si="1376"/>
        <v>510.24466323834747</v>
      </c>
      <c r="M5880" s="236">
        <f t="shared" si="1372"/>
        <v>34.302360706171712</v>
      </c>
      <c r="N5880" s="236">
        <f t="shared" si="1373"/>
        <v>0.23310827071153806</v>
      </c>
      <c r="O5880" s="236">
        <f t="shared" si="1377"/>
        <v>2.0219285889581604</v>
      </c>
      <c r="P5880" s="236" t="str">
        <f t="shared" si="1378"/>
        <v>SAND</v>
      </c>
      <c r="Q5880" s="236" t="e">
        <f t="shared" si="1374"/>
        <v>#N/A</v>
      </c>
      <c r="R5880" s="238">
        <v>35</v>
      </c>
      <c r="S5880" s="236" t="e">
        <f t="shared" si="1379"/>
        <v>#N/A</v>
      </c>
      <c r="T5880" s="236">
        <f t="shared" si="1365"/>
        <v>34.488564103858977</v>
      </c>
    </row>
    <row r="5881" spans="1:20" x14ac:dyDescent="0.2">
      <c r="A5881" s="53">
        <f t="shared" si="1366"/>
        <v>5869</v>
      </c>
      <c r="B5881" s="239">
        <v>58.42</v>
      </c>
      <c r="C5881" s="3">
        <f t="shared" si="1367"/>
        <v>58.413000000000004</v>
      </c>
      <c r="D5881" s="239">
        <v>18.510899999999999</v>
      </c>
      <c r="E5881" s="239">
        <v>4.9500000000000002E-2</v>
      </c>
      <c r="F5881" s="239">
        <v>0.26350000000000001</v>
      </c>
      <c r="G5881">
        <f t="shared" si="1368"/>
        <v>18.563600000000001</v>
      </c>
      <c r="H5881" s="235">
        <f t="shared" si="1369"/>
        <v>0.266650865133918</v>
      </c>
      <c r="I5881" s="236">
        <f t="shared" si="1370"/>
        <v>18.961673073184386</v>
      </c>
      <c r="J5881" s="237">
        <f t="shared" si="1375"/>
        <v>8.9616730731843859</v>
      </c>
      <c r="K5881" s="237">
        <f t="shared" si="1371"/>
        <v>1107.6082092239196</v>
      </c>
      <c r="L5881" s="237">
        <f t="shared" si="1376"/>
        <v>523.54094093543188</v>
      </c>
      <c r="M5881" s="236">
        <f t="shared" si="1372"/>
        <v>33.342171406092433</v>
      </c>
      <c r="N5881" s="236">
        <f t="shared" si="1373"/>
        <v>0.28357025251441903</v>
      </c>
      <c r="O5881" s="236">
        <f t="shared" si="1377"/>
        <v>2.0599284475314863</v>
      </c>
      <c r="P5881" s="236" t="str">
        <f t="shared" si="1378"/>
        <v>SAND</v>
      </c>
      <c r="Q5881" s="236" t="e">
        <f t="shared" si="1374"/>
        <v>#N/A</v>
      </c>
      <c r="R5881" s="238">
        <v>35</v>
      </c>
      <c r="S5881" s="236" t="e">
        <f t="shared" si="1379"/>
        <v>#N/A</v>
      </c>
      <c r="T5881" s="236">
        <f t="shared" si="1365"/>
        <v>34.352932677848408</v>
      </c>
    </row>
    <row r="5882" spans="1:20" x14ac:dyDescent="0.2">
      <c r="A5882" s="53">
        <f t="shared" si="1366"/>
        <v>5870</v>
      </c>
      <c r="B5882" s="239">
        <v>58.430999999999997</v>
      </c>
      <c r="C5882" s="3">
        <f t="shared" si="1367"/>
        <v>58.423999999999999</v>
      </c>
      <c r="D5882" s="239">
        <v>18.1782</v>
      </c>
      <c r="E5882" s="239">
        <v>5.7099999999999998E-2</v>
      </c>
      <c r="F5882" s="239">
        <v>0.20749999999999999</v>
      </c>
      <c r="G5882">
        <f t="shared" si="1368"/>
        <v>18.2197</v>
      </c>
      <c r="H5882" s="235">
        <f t="shared" si="1369"/>
        <v>0.31339703727284202</v>
      </c>
      <c r="I5882" s="236">
        <f t="shared" si="1370"/>
        <v>19.121847646208607</v>
      </c>
      <c r="J5882" s="237">
        <f t="shared" si="1375"/>
        <v>9.1218476462086073</v>
      </c>
      <c r="K5882" s="237">
        <f t="shared" si="1371"/>
        <v>1117.1748268820916</v>
      </c>
      <c r="L5882" s="237">
        <f t="shared" si="1376"/>
        <v>532.99867981561511</v>
      </c>
      <c r="M5882" s="236">
        <f t="shared" si="1372"/>
        <v>32.087368732384732</v>
      </c>
      <c r="N5882" s="236">
        <f t="shared" si="1373"/>
        <v>0.33386882593075157</v>
      </c>
      <c r="O5882" s="236">
        <f t="shared" si="1377"/>
        <v>2.0997354170152098</v>
      </c>
      <c r="P5882" s="236" t="str">
        <f t="shared" si="1378"/>
        <v>SAND</v>
      </c>
      <c r="Q5882" s="236" t="e">
        <f t="shared" si="1374"/>
        <v>#N/A</v>
      </c>
      <c r="R5882" s="238">
        <v>35</v>
      </c>
      <c r="S5882" s="236" t="e">
        <f t="shared" si="1379"/>
        <v>#N/A</v>
      </c>
      <c r="T5882" s="236">
        <f t="shared" si="1365"/>
        <v>34.169675155098005</v>
      </c>
    </row>
    <row r="5883" spans="1:20" x14ac:dyDescent="0.2">
      <c r="A5883" s="53">
        <f t="shared" si="1366"/>
        <v>5871</v>
      </c>
      <c r="B5883" s="239">
        <v>58.441000000000003</v>
      </c>
      <c r="C5883" s="3">
        <f t="shared" si="1367"/>
        <v>58.434000000000005</v>
      </c>
      <c r="D5883" s="239">
        <v>17.593399999999999</v>
      </c>
      <c r="E5883" s="239">
        <v>6.7500000000000004E-2</v>
      </c>
      <c r="F5883" s="239">
        <v>0.16</v>
      </c>
      <c r="G5883">
        <f t="shared" si="1368"/>
        <v>17.625399999999999</v>
      </c>
      <c r="H5883" s="235">
        <f t="shared" si="1369"/>
        <v>0.3829700318858012</v>
      </c>
      <c r="I5883" s="236">
        <f t="shared" si="1370"/>
        <v>19.305088324718486</v>
      </c>
      <c r="J5883" s="237">
        <f t="shared" si="1375"/>
        <v>9.3050883247184863</v>
      </c>
      <c r="K5883" s="237">
        <f t="shared" si="1371"/>
        <v>1128.0735311666001</v>
      </c>
      <c r="L5883" s="237">
        <f t="shared" si="1376"/>
        <v>543.79866678487303</v>
      </c>
      <c r="M5883" s="236">
        <f t="shared" si="1372"/>
        <v>30.337195503569976</v>
      </c>
      <c r="N5883" s="236">
        <f t="shared" si="1373"/>
        <v>0.40915720572979136</v>
      </c>
      <c r="O5883" s="236">
        <f t="shared" si="1377"/>
        <v>2.155059860229815</v>
      </c>
      <c r="P5883" s="236" t="str">
        <f t="shared" si="1378"/>
        <v>SAND</v>
      </c>
      <c r="Q5883" s="236" t="e">
        <f t="shared" si="1374"/>
        <v>#N/A</v>
      </c>
      <c r="R5883" s="238">
        <v>35</v>
      </c>
      <c r="S5883" s="236" t="e">
        <f t="shared" si="1379"/>
        <v>#N/A</v>
      </c>
      <c r="T5883" s="236">
        <f t="shared" si="1365"/>
        <v>33.901729733514927</v>
      </c>
    </row>
    <row r="5884" spans="1:20" x14ac:dyDescent="0.2">
      <c r="A5884" s="53">
        <f t="shared" si="1366"/>
        <v>5872</v>
      </c>
      <c r="B5884" s="239">
        <v>58.451000000000001</v>
      </c>
      <c r="C5884" s="3">
        <f t="shared" si="1367"/>
        <v>58.444000000000003</v>
      </c>
      <c r="D5884" s="239">
        <v>17.082999999999998</v>
      </c>
      <c r="E5884" s="239">
        <v>7.8700000000000006E-2</v>
      </c>
      <c r="F5884" s="239">
        <v>-6.1100000000000002E-2</v>
      </c>
      <c r="G5884">
        <f t="shared" si="1368"/>
        <v>17.070779999999999</v>
      </c>
      <c r="H5884" s="235">
        <f t="shared" si="1369"/>
        <v>0.46102169906706081</v>
      </c>
      <c r="I5884" s="236">
        <f t="shared" si="1370"/>
        <v>19.472602860612337</v>
      </c>
      <c r="J5884" s="237">
        <f t="shared" si="1375"/>
        <v>9.4726028606123371</v>
      </c>
      <c r="K5884" s="237">
        <f t="shared" si="1371"/>
        <v>1138.0568015856275</v>
      </c>
      <c r="L5884" s="237">
        <f t="shared" si="1376"/>
        <v>553.68310980565172</v>
      </c>
      <c r="M5884" s="236">
        <f t="shared" si="1372"/>
        <v>28.77588807794212</v>
      </c>
      <c r="N5884" s="236">
        <f t="shared" si="1373"/>
        <v>0.49395196928941965</v>
      </c>
      <c r="O5884" s="236">
        <f t="shared" si="1377"/>
        <v>2.2088062830000794</v>
      </c>
      <c r="P5884" s="236" t="str">
        <f t="shared" si="1378"/>
        <v>SAND</v>
      </c>
      <c r="Q5884" s="236" t="e">
        <f t="shared" si="1374"/>
        <v>#N/A</v>
      </c>
      <c r="R5884" s="238">
        <v>35</v>
      </c>
      <c r="S5884" s="236" t="e">
        <f t="shared" si="1379"/>
        <v>#N/A</v>
      </c>
      <c r="T5884" s="236">
        <f t="shared" si="1365"/>
        <v>33.649316092170864</v>
      </c>
    </row>
    <row r="5885" spans="1:20" x14ac:dyDescent="0.2">
      <c r="A5885" s="53">
        <f t="shared" si="1366"/>
        <v>5873</v>
      </c>
      <c r="B5885" s="239">
        <v>58.462000000000003</v>
      </c>
      <c r="C5885" s="3">
        <f t="shared" si="1367"/>
        <v>58.455000000000005</v>
      </c>
      <c r="D5885" s="239">
        <v>16.394500000000001</v>
      </c>
      <c r="E5885" s="239">
        <v>8.9700000000000002E-2</v>
      </c>
      <c r="F5885" s="239">
        <v>-5.3800000000000001E-2</v>
      </c>
      <c r="G5885">
        <f t="shared" si="1368"/>
        <v>16.38374</v>
      </c>
      <c r="H5885" s="235">
        <f t="shared" si="1369"/>
        <v>0.5474940398224093</v>
      </c>
      <c r="I5885" s="236">
        <f t="shared" si="1370"/>
        <v>19.609954393226296</v>
      </c>
      <c r="J5885" s="237">
        <f t="shared" si="1375"/>
        <v>9.6099543932262961</v>
      </c>
      <c r="K5885" s="237">
        <f t="shared" si="1371"/>
        <v>1146.2998840560433</v>
      </c>
      <c r="L5885" s="237">
        <f t="shared" si="1376"/>
        <v>561.81715373679572</v>
      </c>
      <c r="M5885" s="236">
        <f t="shared" si="1372"/>
        <v>27.121706794809803</v>
      </c>
      <c r="N5885" s="236">
        <f t="shared" si="1373"/>
        <v>0.58868155882785633</v>
      </c>
      <c r="O5885" s="236">
        <f t="shared" si="1377"/>
        <v>2.264495714921483</v>
      </c>
      <c r="P5885" s="236" t="str">
        <f t="shared" si="1378"/>
        <v>SAND</v>
      </c>
      <c r="Q5885" s="236" t="e">
        <f t="shared" si="1374"/>
        <v>#N/A</v>
      </c>
      <c r="R5885" s="238">
        <v>35</v>
      </c>
      <c r="S5885" s="236" t="e">
        <f t="shared" si="1379"/>
        <v>#N/A</v>
      </c>
      <c r="T5885" s="236">
        <f t="shared" si="1365"/>
        <v>33.366487182819199</v>
      </c>
    </row>
    <row r="5886" spans="1:20" x14ac:dyDescent="0.2">
      <c r="A5886" s="53">
        <f t="shared" si="1366"/>
        <v>5874</v>
      </c>
      <c r="B5886" s="239">
        <v>58.472000000000001</v>
      </c>
      <c r="C5886" s="3">
        <f t="shared" si="1367"/>
        <v>58.465000000000003</v>
      </c>
      <c r="D5886" s="239">
        <v>15.8675</v>
      </c>
      <c r="E5886" s="239">
        <v>8.5599999999999996E-2</v>
      </c>
      <c r="F5886" s="239">
        <v>-3.0599999999999999E-2</v>
      </c>
      <c r="G5886">
        <f t="shared" si="1368"/>
        <v>15.86138</v>
      </c>
      <c r="H5886" s="235">
        <f t="shared" si="1369"/>
        <v>0.53967561460604307</v>
      </c>
      <c r="I5886" s="236">
        <f t="shared" si="1370"/>
        <v>19.542429091908676</v>
      </c>
      <c r="J5886" s="237">
        <f t="shared" si="1375"/>
        <v>9.5424290919086765</v>
      </c>
      <c r="K5886" s="237">
        <f t="shared" si="1371"/>
        <v>1142.5481168584408</v>
      </c>
      <c r="L5886" s="237">
        <f t="shared" si="1376"/>
        <v>557.96491386208413</v>
      </c>
      <c r="M5886" s="236">
        <f t="shared" si="1372"/>
        <v>26.379493615936774</v>
      </c>
      <c r="N5886" s="236">
        <f t="shared" si="1373"/>
        <v>0.58156788989514352</v>
      </c>
      <c r="O5886" s="236">
        <f t="shared" si="1377"/>
        <v>2.2730479816925562</v>
      </c>
      <c r="P5886" s="236" t="str">
        <f t="shared" si="1378"/>
        <v>SAND</v>
      </c>
      <c r="Q5886" s="236" t="e">
        <f t="shared" si="1374"/>
        <v>#N/A</v>
      </c>
      <c r="R5886" s="238">
        <v>35</v>
      </c>
      <c r="S5886" s="236" t="e">
        <f t="shared" si="1379"/>
        <v>#N/A</v>
      </c>
      <c r="T5886" s="236">
        <f t="shared" si="1365"/>
        <v>33.233930999710061</v>
      </c>
    </row>
    <row r="5887" spans="1:20" x14ac:dyDescent="0.2">
      <c r="A5887" s="53">
        <f t="shared" si="1366"/>
        <v>5875</v>
      </c>
      <c r="B5887" s="239">
        <v>58.481000000000002</v>
      </c>
      <c r="C5887" s="3">
        <f t="shared" si="1367"/>
        <v>58.474000000000004</v>
      </c>
      <c r="D5887" s="239">
        <v>15.6038</v>
      </c>
      <c r="E5887" s="239">
        <v>9.5200000000000007E-2</v>
      </c>
      <c r="F5887" s="239">
        <v>-2.4E-2</v>
      </c>
      <c r="G5887">
        <f t="shared" si="1368"/>
        <v>15.599</v>
      </c>
      <c r="H5887" s="235">
        <f t="shared" si="1369"/>
        <v>0.61029553176485674</v>
      </c>
      <c r="I5887" s="236">
        <f t="shared" si="1370"/>
        <v>19.660549897285609</v>
      </c>
      <c r="J5887" s="237">
        <f t="shared" si="1375"/>
        <v>9.660549897285609</v>
      </c>
      <c r="K5887" s="237">
        <f t="shared" si="1371"/>
        <v>1149.6309946938788</v>
      </c>
      <c r="L5887" s="237">
        <f t="shared" si="1376"/>
        <v>564.95861854315967</v>
      </c>
      <c r="M5887" s="236">
        <f t="shared" si="1372"/>
        <v>25.575977657560543</v>
      </c>
      <c r="N5887" s="236">
        <f t="shared" si="1373"/>
        <v>0.6588522998135109</v>
      </c>
      <c r="O5887" s="236">
        <f t="shared" si="1377"/>
        <v>2.3090293417272116</v>
      </c>
      <c r="P5887" s="236" t="str">
        <f t="shared" si="1378"/>
        <v>SAND</v>
      </c>
      <c r="Q5887" s="236" t="e">
        <f t="shared" si="1374"/>
        <v>#N/A</v>
      </c>
      <c r="R5887" s="238">
        <v>35</v>
      </c>
      <c r="S5887" s="236" t="e">
        <f t="shared" si="1379"/>
        <v>#N/A</v>
      </c>
      <c r="T5887" s="236">
        <f t="shared" si="1365"/>
        <v>33.086154682642736</v>
      </c>
    </row>
    <row r="5888" spans="1:20" x14ac:dyDescent="0.2">
      <c r="A5888" s="53">
        <f t="shared" si="1366"/>
        <v>5876</v>
      </c>
      <c r="B5888" s="239">
        <v>58.491</v>
      </c>
      <c r="C5888" s="3">
        <f t="shared" si="1367"/>
        <v>58.484000000000002</v>
      </c>
      <c r="D5888" s="239">
        <v>15.8148</v>
      </c>
      <c r="E5888" s="239">
        <v>0.1109</v>
      </c>
      <c r="F5888" s="239">
        <v>-5.5E-2</v>
      </c>
      <c r="G5888">
        <f t="shared" si="1368"/>
        <v>15.803800000000001</v>
      </c>
      <c r="H5888" s="235">
        <f t="shared" si="1369"/>
        <v>0.70172996367962137</v>
      </c>
      <c r="I5888" s="236">
        <f t="shared" si="1370"/>
        <v>19.844643601455985</v>
      </c>
      <c r="J5888" s="237">
        <f t="shared" si="1375"/>
        <v>9.844643601455985</v>
      </c>
      <c r="K5888" s="237">
        <f t="shared" si="1371"/>
        <v>1160.5941363875518</v>
      </c>
      <c r="L5888" s="237">
        <f t="shared" si="1376"/>
        <v>575.82304889276202</v>
      </c>
      <c r="M5888" s="236">
        <f t="shared" si="1372"/>
        <v>25.430044684334121</v>
      </c>
      <c r="N5888" s="236">
        <f t="shared" si="1373"/>
        <v>0.75734781736272883</v>
      </c>
      <c r="O5888" s="236">
        <f t="shared" si="1377"/>
        <v>2.3390685816538759</v>
      </c>
      <c r="P5888" s="236" t="str">
        <f t="shared" si="1378"/>
        <v>SAND</v>
      </c>
      <c r="Q5888" s="236" t="e">
        <f t="shared" si="1374"/>
        <v>#N/A</v>
      </c>
      <c r="R5888" s="238">
        <v>35</v>
      </c>
      <c r="S5888" s="236" t="e">
        <f t="shared" si="1379"/>
        <v>#N/A</v>
      </c>
      <c r="T5888" s="236">
        <f t="shared" si="1365"/>
        <v>33.058818356253269</v>
      </c>
    </row>
    <row r="5889" spans="1:20" x14ac:dyDescent="0.2">
      <c r="A5889" s="53">
        <f t="shared" si="1366"/>
        <v>5877</v>
      </c>
      <c r="B5889" s="239">
        <v>58.500999999999998</v>
      </c>
      <c r="C5889" s="3">
        <f t="shared" si="1367"/>
        <v>58.494</v>
      </c>
      <c r="D5889" s="239">
        <v>16.069400000000002</v>
      </c>
      <c r="E5889" s="239">
        <v>0.1203</v>
      </c>
      <c r="F5889" s="239">
        <v>-1.1999999999999999E-3</v>
      </c>
      <c r="G5889">
        <f t="shared" si="1368"/>
        <v>16.06916</v>
      </c>
      <c r="H5889" s="235">
        <f t="shared" si="1369"/>
        <v>0.74863900788840243</v>
      </c>
      <c r="I5889" s="236">
        <f t="shared" si="1370"/>
        <v>19.946554105724559</v>
      </c>
      <c r="J5889" s="237">
        <f t="shared" si="1375"/>
        <v>9.9465541057245588</v>
      </c>
      <c r="K5889" s="237">
        <f t="shared" si="1371"/>
        <v>1166.7537358602524</v>
      </c>
      <c r="L5889" s="237">
        <f t="shared" si="1376"/>
        <v>581.88336173899233</v>
      </c>
      <c r="M5889" s="236">
        <f t="shared" si="1372"/>
        <v>25.610641657811005</v>
      </c>
      <c r="N5889" s="236">
        <f t="shared" si="1373"/>
        <v>0.80725218375963004</v>
      </c>
      <c r="O5889" s="236">
        <f t="shared" si="1377"/>
        <v>2.3495233564979401</v>
      </c>
      <c r="P5889" s="236" t="str">
        <f t="shared" si="1378"/>
        <v>SAND</v>
      </c>
      <c r="Q5889" s="236" t="e">
        <f t="shared" si="1374"/>
        <v>#N/A</v>
      </c>
      <c r="R5889" s="238">
        <v>35</v>
      </c>
      <c r="S5889" s="236" t="e">
        <f t="shared" si="1379"/>
        <v>#N/A</v>
      </c>
      <c r="T5889" s="236">
        <f t="shared" si="1365"/>
        <v>33.092625055246131</v>
      </c>
    </row>
    <row r="5890" spans="1:20" x14ac:dyDescent="0.2">
      <c r="A5890" s="53">
        <f t="shared" si="1366"/>
        <v>5878</v>
      </c>
      <c r="B5890" s="239">
        <v>58.51</v>
      </c>
      <c r="C5890" s="3">
        <f t="shared" si="1367"/>
        <v>58.503</v>
      </c>
      <c r="D5890" s="239">
        <v>16.861799999999999</v>
      </c>
      <c r="E5890" s="239">
        <v>0.152</v>
      </c>
      <c r="F5890" s="239">
        <v>-6.5199999999999994E-2</v>
      </c>
      <c r="G5890">
        <f t="shared" si="1368"/>
        <v>16.848759999999999</v>
      </c>
      <c r="H5890" s="235">
        <f t="shared" si="1369"/>
        <v>0.90214354053354673</v>
      </c>
      <c r="I5890" s="236">
        <f t="shared" si="1370"/>
        <v>20.239331891506559</v>
      </c>
      <c r="J5890" s="237">
        <f t="shared" si="1375"/>
        <v>10.239331891506559</v>
      </c>
      <c r="K5890" s="237">
        <f t="shared" si="1371"/>
        <v>1184.0616336488083</v>
      </c>
      <c r="L5890" s="237">
        <f t="shared" si="1376"/>
        <v>599.10330897204881</v>
      </c>
      <c r="M5890" s="236">
        <f t="shared" si="1372"/>
        <v>26.146906771770187</v>
      </c>
      <c r="N5890" s="236">
        <f t="shared" si="1373"/>
        <v>0.97033467510939175</v>
      </c>
      <c r="O5890" s="236">
        <f t="shared" si="1377"/>
        <v>2.3811222102745022</v>
      </c>
      <c r="P5890" s="236" t="str">
        <f t="shared" si="1378"/>
        <v>SAND</v>
      </c>
      <c r="Q5890" s="236" t="e">
        <f t="shared" si="1374"/>
        <v>#N/A</v>
      </c>
      <c r="R5890" s="238">
        <v>35</v>
      </c>
      <c r="S5890" s="236" t="e">
        <f t="shared" si="1379"/>
        <v>#N/A</v>
      </c>
      <c r="T5890" s="236">
        <f t="shared" si="1365"/>
        <v>33.191623502272151</v>
      </c>
    </row>
    <row r="5891" spans="1:20" x14ac:dyDescent="0.2">
      <c r="A5891" s="53">
        <f t="shared" si="1366"/>
        <v>5879</v>
      </c>
      <c r="B5891" s="239">
        <v>58.518999999999998</v>
      </c>
      <c r="C5891" s="3">
        <f t="shared" si="1367"/>
        <v>58.512</v>
      </c>
      <c r="D5891" s="239">
        <v>17.84</v>
      </c>
      <c r="E5891" s="239">
        <v>0.18609999999999999</v>
      </c>
      <c r="F5891" s="239">
        <v>-6.9400000000000003E-2</v>
      </c>
      <c r="G5891">
        <f t="shared" si="1368"/>
        <v>17.82612</v>
      </c>
      <c r="H5891" s="235">
        <f t="shared" si="1369"/>
        <v>1.0439736745853836</v>
      </c>
      <c r="I5891" s="236">
        <f t="shared" si="1370"/>
        <v>20.498709404997122</v>
      </c>
      <c r="J5891" s="237">
        <f t="shared" si="1375"/>
        <v>10.498709404997122</v>
      </c>
      <c r="K5891" s="237">
        <f t="shared" si="1371"/>
        <v>1199.4204847051917</v>
      </c>
      <c r="L5891" s="237">
        <f t="shared" si="1376"/>
        <v>614.37397567102653</v>
      </c>
      <c r="M5891" s="236">
        <f t="shared" si="1372"/>
        <v>27.062831717660128</v>
      </c>
      <c r="N5891" s="236">
        <f t="shared" si="1373"/>
        <v>1.1192840757650528</v>
      </c>
      <c r="O5891" s="236">
        <f t="shared" si="1377"/>
        <v>2.4004442034161606</v>
      </c>
      <c r="P5891" s="236" t="str">
        <f t="shared" si="1378"/>
        <v>SAND</v>
      </c>
      <c r="Q5891" s="236" t="e">
        <f t="shared" si="1374"/>
        <v>#N/A</v>
      </c>
      <c r="R5891" s="238">
        <v>35</v>
      </c>
      <c r="S5891" s="236" t="e">
        <f t="shared" si="1379"/>
        <v>#N/A</v>
      </c>
      <c r="T5891" s="236">
        <f t="shared" si="1365"/>
        <v>33.356105607158895</v>
      </c>
    </row>
    <row r="5892" spans="1:20" x14ac:dyDescent="0.2">
      <c r="A5892" s="53">
        <f t="shared" si="1366"/>
        <v>5880</v>
      </c>
      <c r="B5892" s="239">
        <v>58.530999999999999</v>
      </c>
      <c r="C5892" s="3">
        <f t="shared" si="1367"/>
        <v>58.524000000000001</v>
      </c>
      <c r="D5892" s="239">
        <v>18.645</v>
      </c>
      <c r="E5892" s="239">
        <v>0.20599999999999999</v>
      </c>
      <c r="F5892" s="239">
        <v>-3.95E-2</v>
      </c>
      <c r="G5892">
        <f t="shared" si="1368"/>
        <v>18.6371</v>
      </c>
      <c r="H5892" s="235">
        <f t="shared" si="1369"/>
        <v>1.1053221799528896</v>
      </c>
      <c r="I5892" s="236">
        <f t="shared" si="1370"/>
        <v>20.635225051317349</v>
      </c>
      <c r="J5892" s="237">
        <f t="shared" si="1375"/>
        <v>10.635225051317349</v>
      </c>
      <c r="K5892" s="237">
        <f t="shared" si="1371"/>
        <v>1207.6559109032964</v>
      </c>
      <c r="L5892" s="237">
        <f t="shared" si="1376"/>
        <v>622.49035747865571</v>
      </c>
      <c r="M5892" s="236">
        <f t="shared" si="1372"/>
        <v>27.999540683157221</v>
      </c>
      <c r="N5892" s="236">
        <f t="shared" si="1373"/>
        <v>1.1819080341688406</v>
      </c>
      <c r="O5892" s="236">
        <f t="shared" si="1377"/>
        <v>2.4005605668616137</v>
      </c>
      <c r="P5892" s="236" t="str">
        <f t="shared" si="1378"/>
        <v>SAND</v>
      </c>
      <c r="Q5892" s="236" t="e">
        <f t="shared" si="1374"/>
        <v>#N/A</v>
      </c>
      <c r="R5892" s="238">
        <v>35</v>
      </c>
      <c r="S5892" s="236" t="e">
        <f t="shared" si="1379"/>
        <v>#N/A</v>
      </c>
      <c r="T5892" s="236">
        <f t="shared" si="1365"/>
        <v>33.518659977461894</v>
      </c>
    </row>
    <row r="5893" spans="1:20" x14ac:dyDescent="0.2">
      <c r="A5893" s="53">
        <f t="shared" si="1366"/>
        <v>5881</v>
      </c>
      <c r="B5893" s="239">
        <v>58.540999999999997</v>
      </c>
      <c r="C5893" s="3">
        <f t="shared" si="1367"/>
        <v>58.533999999999999</v>
      </c>
      <c r="D5893" s="239">
        <v>19.677700000000002</v>
      </c>
      <c r="E5893" s="239">
        <v>0.2286</v>
      </c>
      <c r="F5893" s="239">
        <v>-5.2600000000000001E-2</v>
      </c>
      <c r="G5893">
        <f t="shared" si="1368"/>
        <v>19.667180000000002</v>
      </c>
      <c r="H5893" s="235">
        <f t="shared" si="1369"/>
        <v>1.1623425422455074</v>
      </c>
      <c r="I5893" s="236">
        <f t="shared" si="1370"/>
        <v>20.778316748079448</v>
      </c>
      <c r="J5893" s="237">
        <f t="shared" si="1375"/>
        <v>10.778316748079448</v>
      </c>
      <c r="K5893" s="237">
        <f t="shared" si="1371"/>
        <v>1216.2379925320824</v>
      </c>
      <c r="L5893" s="237">
        <f t="shared" si="1376"/>
        <v>630.97344074931891</v>
      </c>
      <c r="M5893" s="236">
        <f t="shared" si="1372"/>
        <v>29.242026392674017</v>
      </c>
      <c r="N5893" s="236">
        <f t="shared" si="1373"/>
        <v>1.2389611322146878</v>
      </c>
      <c r="O5893" s="236">
        <f t="shared" si="1377"/>
        <v>2.3958519482988794</v>
      </c>
      <c r="P5893" s="236" t="str">
        <f t="shared" si="1378"/>
        <v>SAND</v>
      </c>
      <c r="Q5893" s="236" t="e">
        <f t="shared" si="1374"/>
        <v>#N/A</v>
      </c>
      <c r="R5893" s="238">
        <v>35</v>
      </c>
      <c r="S5893" s="236" t="e">
        <f t="shared" si="1379"/>
        <v>#N/A</v>
      </c>
      <c r="T5893" s="236">
        <f t="shared" si="1365"/>
        <v>33.726082112269069</v>
      </c>
    </row>
    <row r="5894" spans="1:20" x14ac:dyDescent="0.2">
      <c r="A5894" s="53">
        <f t="shared" si="1366"/>
        <v>5882</v>
      </c>
      <c r="B5894" s="239">
        <v>58.55</v>
      </c>
      <c r="C5894" s="3">
        <f t="shared" si="1367"/>
        <v>58.542999999999999</v>
      </c>
      <c r="D5894" s="239">
        <v>20.061800000000002</v>
      </c>
      <c r="E5894" s="239">
        <v>0.2442</v>
      </c>
      <c r="F5894" s="239">
        <v>-7.3899999999999993E-2</v>
      </c>
      <c r="G5894">
        <f t="shared" si="1368"/>
        <v>20.047020000000003</v>
      </c>
      <c r="H5894" s="235">
        <f t="shared" si="1369"/>
        <v>1.2181361618834119</v>
      </c>
      <c r="I5894" s="236">
        <f t="shared" si="1370"/>
        <v>20.863201176613508</v>
      </c>
      <c r="J5894" s="237">
        <f t="shared" si="1375"/>
        <v>10.863201176613508</v>
      </c>
      <c r="K5894" s="237">
        <f t="shared" si="1371"/>
        <v>1221.3943864824846</v>
      </c>
      <c r="L5894" s="237">
        <f t="shared" si="1376"/>
        <v>636.04042889072082</v>
      </c>
      <c r="M5894" s="236">
        <f t="shared" si="1372"/>
        <v>29.598158793695145</v>
      </c>
      <c r="N5894" s="236">
        <f t="shared" si="1373"/>
        <v>1.2971680464348287</v>
      </c>
      <c r="O5894" s="236">
        <f t="shared" si="1377"/>
        <v>2.4024616120424844</v>
      </c>
      <c r="P5894" s="236" t="str">
        <f t="shared" si="1378"/>
        <v>SAND</v>
      </c>
      <c r="Q5894" s="236" t="e">
        <f t="shared" si="1374"/>
        <v>#N/A</v>
      </c>
      <c r="R5894" s="238">
        <v>35</v>
      </c>
      <c r="S5894" s="236" t="e">
        <f t="shared" si="1379"/>
        <v>#N/A</v>
      </c>
      <c r="T5894" s="236">
        <f t="shared" si="1365"/>
        <v>33.783911654192352</v>
      </c>
    </row>
    <row r="5895" spans="1:20" x14ac:dyDescent="0.2">
      <c r="A5895" s="53">
        <f t="shared" si="1366"/>
        <v>5883</v>
      </c>
      <c r="B5895" s="239">
        <v>58.561</v>
      </c>
      <c r="C5895" s="3">
        <f t="shared" si="1367"/>
        <v>58.554000000000002</v>
      </c>
      <c r="D5895" s="239">
        <v>20.633900000000001</v>
      </c>
      <c r="E5895" s="239">
        <v>0.25679999999999997</v>
      </c>
      <c r="F5895" s="239">
        <v>-7.6200000000000004E-2</v>
      </c>
      <c r="G5895">
        <f t="shared" si="1368"/>
        <v>20.618660000000002</v>
      </c>
      <c r="H5895" s="235">
        <f t="shared" si="1369"/>
        <v>1.2454737601764612</v>
      </c>
      <c r="I5895" s="236">
        <f t="shared" si="1370"/>
        <v>20.933184000240765</v>
      </c>
      <c r="J5895" s="237">
        <f t="shared" si="1375"/>
        <v>10.933184000240765</v>
      </c>
      <c r="K5895" s="237">
        <f t="shared" si="1371"/>
        <v>1225.7216559500978</v>
      </c>
      <c r="L5895" s="237">
        <f t="shared" si="1376"/>
        <v>640.25818823809936</v>
      </c>
      <c r="M5895" s="236">
        <f t="shared" si="1372"/>
        <v>30.289246901186139</v>
      </c>
      <c r="N5895" s="236">
        <f t="shared" si="1373"/>
        <v>1.3241933504047403</v>
      </c>
      <c r="O5895" s="236">
        <f t="shared" si="1377"/>
        <v>2.3991263191903673</v>
      </c>
      <c r="P5895" s="236" t="str">
        <f t="shared" si="1378"/>
        <v>SAND</v>
      </c>
      <c r="Q5895" s="236" t="e">
        <f t="shared" si="1374"/>
        <v>#N/A</v>
      </c>
      <c r="R5895" s="238">
        <v>35</v>
      </c>
      <c r="S5895" s="236" t="e">
        <f t="shared" si="1379"/>
        <v>#N/A</v>
      </c>
      <c r="T5895" s="236">
        <f t="shared" si="1365"/>
        <v>33.894173228913743</v>
      </c>
    </row>
    <row r="5896" spans="1:20" x14ac:dyDescent="0.2">
      <c r="A5896" s="53">
        <f t="shared" si="1366"/>
        <v>5884</v>
      </c>
      <c r="B5896" s="239">
        <v>58.570999999999998</v>
      </c>
      <c r="C5896" s="3">
        <f t="shared" si="1367"/>
        <v>58.564</v>
      </c>
      <c r="D5896" s="239">
        <v>21.0059</v>
      </c>
      <c r="E5896" s="239">
        <v>0.254</v>
      </c>
      <c r="F5896" s="239">
        <v>-9.3100000000000002E-2</v>
      </c>
      <c r="G5896">
        <f t="shared" si="1368"/>
        <v>20.987280000000002</v>
      </c>
      <c r="H5896" s="235">
        <f t="shared" si="1369"/>
        <v>1.2102568794050492</v>
      </c>
      <c r="I5896" s="236">
        <f t="shared" si="1370"/>
        <v>20.927254630250978</v>
      </c>
      <c r="J5896" s="237">
        <f t="shared" si="1375"/>
        <v>10.927254630250978</v>
      </c>
      <c r="K5896" s="237">
        <f t="shared" si="1371"/>
        <v>1225.5837401660183</v>
      </c>
      <c r="L5896" s="237">
        <f t="shared" si="1376"/>
        <v>640.02023094843003</v>
      </c>
      <c r="M5896" s="236">
        <f t="shared" si="1372"/>
        <v>30.876674367854935</v>
      </c>
      <c r="N5896" s="236">
        <f t="shared" si="1373"/>
        <v>1.2853147657990256</v>
      </c>
      <c r="O5896" s="236">
        <f t="shared" si="1377"/>
        <v>2.3849799850616251</v>
      </c>
      <c r="P5896" s="236" t="str">
        <f t="shared" si="1378"/>
        <v>SAND</v>
      </c>
      <c r="Q5896" s="236" t="e">
        <f t="shared" si="1374"/>
        <v>#N/A</v>
      </c>
      <c r="R5896" s="238">
        <v>35</v>
      </c>
      <c r="S5896" s="236" t="e">
        <f t="shared" si="1379"/>
        <v>#N/A</v>
      </c>
      <c r="T5896" s="236">
        <f t="shared" si="1365"/>
        <v>33.985935694176931</v>
      </c>
    </row>
    <row r="5897" spans="1:20" x14ac:dyDescent="0.2">
      <c r="A5897" s="53">
        <f t="shared" si="1366"/>
        <v>5885</v>
      </c>
      <c r="B5897" s="239">
        <v>58.58</v>
      </c>
      <c r="C5897" s="3">
        <f t="shared" si="1367"/>
        <v>58.573</v>
      </c>
      <c r="D5897" s="239">
        <v>21.303599999999999</v>
      </c>
      <c r="E5897" s="239">
        <v>0.24579999999999999</v>
      </c>
      <c r="F5897" s="239">
        <v>-9.7199999999999995E-2</v>
      </c>
      <c r="G5897">
        <f t="shared" si="1368"/>
        <v>21.28416</v>
      </c>
      <c r="H5897" s="235">
        <f t="shared" si="1369"/>
        <v>1.1548494279313819</v>
      </c>
      <c r="I5897" s="236">
        <f t="shared" si="1370"/>
        <v>20.894264989967564</v>
      </c>
      <c r="J5897" s="237">
        <f t="shared" si="1375"/>
        <v>10.894264989967564</v>
      </c>
      <c r="K5897" s="237">
        <f t="shared" si="1371"/>
        <v>1223.8397832573701</v>
      </c>
      <c r="L5897" s="237">
        <f t="shared" si="1376"/>
        <v>638.1860431122999</v>
      </c>
      <c r="M5897" s="236">
        <f t="shared" si="1372"/>
        <v>31.433342100232466</v>
      </c>
      <c r="N5897" s="236">
        <f t="shared" si="1373"/>
        <v>1.2253044684443861</v>
      </c>
      <c r="O5897" s="236">
        <f t="shared" si="1377"/>
        <v>2.3670002988924059</v>
      </c>
      <c r="P5897" s="236" t="str">
        <f t="shared" si="1378"/>
        <v>SAND</v>
      </c>
      <c r="Q5897" s="236" t="e">
        <f t="shared" si="1374"/>
        <v>#N/A</v>
      </c>
      <c r="R5897" s="238">
        <v>35</v>
      </c>
      <c r="S5897" s="236" t="e">
        <f t="shared" si="1379"/>
        <v>#N/A</v>
      </c>
      <c r="T5897" s="236">
        <f t="shared" si="1365"/>
        <v>34.071296150587834</v>
      </c>
    </row>
    <row r="5898" spans="1:20" x14ac:dyDescent="0.2">
      <c r="A5898" s="53">
        <f t="shared" si="1366"/>
        <v>5886</v>
      </c>
      <c r="B5898" s="239">
        <v>58.591000000000001</v>
      </c>
      <c r="C5898" s="3">
        <f t="shared" si="1367"/>
        <v>58.584000000000003</v>
      </c>
      <c r="D5898" s="239">
        <v>21.558</v>
      </c>
      <c r="E5898" s="239">
        <v>0.23430000000000001</v>
      </c>
      <c r="F5898" s="239">
        <v>-9.0800000000000006E-2</v>
      </c>
      <c r="G5898">
        <f t="shared" si="1368"/>
        <v>21.539839999999998</v>
      </c>
      <c r="H5898" s="235">
        <f t="shared" si="1369"/>
        <v>1.0877518124554315</v>
      </c>
      <c r="I5898" s="236">
        <f t="shared" si="1370"/>
        <v>20.842746459287831</v>
      </c>
      <c r="J5898" s="237">
        <f t="shared" si="1375"/>
        <v>10.842746459287831</v>
      </c>
      <c r="K5898" s="237">
        <f t="shared" si="1371"/>
        <v>1221.0514585709184</v>
      </c>
      <c r="L5898" s="237">
        <f t="shared" si="1376"/>
        <v>635.28735779613328</v>
      </c>
      <c r="M5898" s="236">
        <f t="shared" si="1372"/>
        <v>31.98361858154507</v>
      </c>
      <c r="N5898" s="236">
        <f t="shared" si="1373"/>
        <v>1.1531199289872673</v>
      </c>
      <c r="O5898" s="236">
        <f t="shared" si="1377"/>
        <v>2.3462122077352849</v>
      </c>
      <c r="P5898" s="236" t="str">
        <f t="shared" si="1378"/>
        <v>SAND</v>
      </c>
      <c r="Q5898" s="236" t="e">
        <f t="shared" si="1374"/>
        <v>#N/A</v>
      </c>
      <c r="R5898" s="238">
        <v>35</v>
      </c>
      <c r="S5898" s="236" t="e">
        <f t="shared" si="1379"/>
        <v>#N/A</v>
      </c>
      <c r="T5898" s="236">
        <f t="shared" si="1365"/>
        <v>34.154203574213753</v>
      </c>
    </row>
    <row r="5899" spans="1:20" x14ac:dyDescent="0.2">
      <c r="A5899" s="53">
        <f t="shared" si="1366"/>
        <v>5887</v>
      </c>
      <c r="B5899" s="239">
        <v>58.600999999999999</v>
      </c>
      <c r="C5899" s="3">
        <f t="shared" si="1367"/>
        <v>58.594000000000001</v>
      </c>
      <c r="D5899" s="239">
        <v>21.995799999999999</v>
      </c>
      <c r="E5899" s="239">
        <v>0.21870000000000001</v>
      </c>
      <c r="F5899" s="239">
        <v>-8.9200000000000002E-2</v>
      </c>
      <c r="G5899">
        <f t="shared" si="1368"/>
        <v>21.977959999999999</v>
      </c>
      <c r="H5899" s="235">
        <f t="shared" si="1369"/>
        <v>0.99508780614761327</v>
      </c>
      <c r="I5899" s="236">
        <f t="shared" si="1370"/>
        <v>20.769823409351758</v>
      </c>
      <c r="J5899" s="237">
        <f t="shared" si="1375"/>
        <v>10.769823409351758</v>
      </c>
      <c r="K5899" s="237">
        <f t="shared" si="1371"/>
        <v>1216.987032847557</v>
      </c>
      <c r="L5899" s="237">
        <f t="shared" si="1376"/>
        <v>631.1224216114224</v>
      </c>
      <c r="M5899" s="236">
        <f t="shared" si="1372"/>
        <v>32.895318334823521</v>
      </c>
      <c r="N5899" s="236">
        <f t="shared" si="1373"/>
        <v>1.0534188370941109</v>
      </c>
      <c r="O5899" s="236">
        <f t="shared" si="1377"/>
        <v>2.3146798251502658</v>
      </c>
      <c r="P5899" s="236" t="str">
        <f t="shared" si="1378"/>
        <v>SAND</v>
      </c>
      <c r="Q5899" s="236" t="e">
        <f t="shared" si="1374"/>
        <v>#N/A</v>
      </c>
      <c r="R5899" s="238">
        <v>35</v>
      </c>
      <c r="S5899" s="236" t="e">
        <f t="shared" si="1379"/>
        <v>#N/A</v>
      </c>
      <c r="T5899" s="236">
        <f t="shared" si="1365"/>
        <v>34.288475028625257</v>
      </c>
    </row>
    <row r="5900" spans="1:20" x14ac:dyDescent="0.2">
      <c r="A5900" s="53">
        <f t="shared" si="1366"/>
        <v>5888</v>
      </c>
      <c r="B5900" s="239">
        <v>58.610999999999997</v>
      </c>
      <c r="C5900" s="3">
        <f t="shared" si="1367"/>
        <v>58.603999999999999</v>
      </c>
      <c r="D5900" s="239">
        <v>22.334499999999998</v>
      </c>
      <c r="E5900" s="239">
        <v>0.2107</v>
      </c>
      <c r="F5900" s="239">
        <v>-8.1500000000000003E-2</v>
      </c>
      <c r="G5900">
        <f t="shared" si="1368"/>
        <v>22.318199999999997</v>
      </c>
      <c r="H5900" s="235">
        <f t="shared" si="1369"/>
        <v>0.94407255065372653</v>
      </c>
      <c r="I5900" s="236">
        <f t="shared" si="1370"/>
        <v>20.732130549118565</v>
      </c>
      <c r="J5900" s="237">
        <f t="shared" si="1375"/>
        <v>10.732130549118565</v>
      </c>
      <c r="K5900" s="237">
        <f t="shared" si="1371"/>
        <v>1214.9857787005444</v>
      </c>
      <c r="L5900" s="237">
        <f t="shared" si="1376"/>
        <v>629.0209036143882</v>
      </c>
      <c r="M5900" s="236">
        <f t="shared" si="1372"/>
        <v>33.549305118540957</v>
      </c>
      <c r="N5900" s="236">
        <f t="shared" si="1373"/>
        <v>0.99842610604474036</v>
      </c>
      <c r="O5900" s="236">
        <f t="shared" si="1377"/>
        <v>2.295015875839391</v>
      </c>
      <c r="P5900" s="236" t="str">
        <f t="shared" si="1378"/>
        <v>SAND</v>
      </c>
      <c r="Q5900" s="236" t="e">
        <f t="shared" si="1374"/>
        <v>#N/A</v>
      </c>
      <c r="R5900" s="238">
        <v>35</v>
      </c>
      <c r="S5900" s="236" t="e">
        <f t="shared" si="1379"/>
        <v>#N/A</v>
      </c>
      <c r="T5900" s="236">
        <f t="shared" si="1365"/>
        <v>34.382518823224459</v>
      </c>
    </row>
    <row r="5901" spans="1:20" x14ac:dyDescent="0.2">
      <c r="A5901" s="53">
        <f t="shared" si="1366"/>
        <v>5889</v>
      </c>
      <c r="B5901" s="239">
        <v>58.622</v>
      </c>
      <c r="C5901" s="3">
        <f t="shared" si="1367"/>
        <v>58.615000000000002</v>
      </c>
      <c r="D5901" s="239">
        <v>22.5444</v>
      </c>
      <c r="E5901" s="239">
        <v>0.20480000000000001</v>
      </c>
      <c r="F5901" s="239">
        <v>-7.0300000000000001E-2</v>
      </c>
      <c r="G5901">
        <f t="shared" si="1368"/>
        <v>22.530339999999999</v>
      </c>
      <c r="H5901" s="235">
        <f t="shared" si="1369"/>
        <v>0.90899649095397583</v>
      </c>
      <c r="I5901" s="236">
        <f t="shared" si="1370"/>
        <v>20.702524896649905</v>
      </c>
      <c r="J5901" s="237">
        <f t="shared" si="1375"/>
        <v>10.702524896649905</v>
      </c>
      <c r="K5901" s="237">
        <f t="shared" si="1371"/>
        <v>1213.4784968171343</v>
      </c>
      <c r="L5901" s="237">
        <f t="shared" si="1376"/>
        <v>627.40341449141067</v>
      </c>
      <c r="M5901" s="236">
        <f t="shared" si="1372"/>
        <v>33.976323703088006</v>
      </c>
      <c r="N5901" s="236">
        <f t="shared" si="1373"/>
        <v>0.96074180511714102</v>
      </c>
      <c r="O5901" s="236">
        <f t="shared" si="1377"/>
        <v>2.2815126243996229</v>
      </c>
      <c r="P5901" s="236" t="str">
        <f t="shared" si="1378"/>
        <v>SAND</v>
      </c>
      <c r="Q5901" s="236" t="e">
        <f t="shared" si="1374"/>
        <v>#N/A</v>
      </c>
      <c r="R5901" s="238">
        <v>35</v>
      </c>
      <c r="S5901" s="236" t="e">
        <f t="shared" si="1379"/>
        <v>#N/A</v>
      </c>
      <c r="T5901" s="236">
        <f t="shared" ref="T5901:T5964" si="1380">IF(P5901="SAND",17.6+(11*LOG(M5901)),#N/A)</f>
        <v>34.442940242282226</v>
      </c>
    </row>
    <row r="5902" spans="1:20" x14ac:dyDescent="0.2">
      <c r="A5902" s="53">
        <f t="shared" ref="A5902:A5965" si="1381">$A5901+1</f>
        <v>5890</v>
      </c>
      <c r="B5902" s="239">
        <v>58.631999999999998</v>
      </c>
      <c r="C5902" s="3">
        <f t="shared" ref="C5902:C5965" si="1382">MAX($B5902 - $B$13, 0.001)</f>
        <v>58.625</v>
      </c>
      <c r="D5902" s="239">
        <v>22.641999999999999</v>
      </c>
      <c r="E5902" s="239">
        <v>0.19670000000000001</v>
      </c>
      <c r="F5902" s="239">
        <v>-5.9200000000000003E-2</v>
      </c>
      <c r="G5902">
        <f t="shared" si="1368"/>
        <v>22.63016</v>
      </c>
      <c r="H5902" s="235">
        <f t="shared" si="1369"/>
        <v>0.86919403132810391</v>
      </c>
      <c r="I5902" s="236">
        <f t="shared" si="1370"/>
        <v>20.656933688231874</v>
      </c>
      <c r="J5902" s="237">
        <f t="shared" si="1375"/>
        <v>10.656933688231874</v>
      </c>
      <c r="K5902" s="237">
        <f t="shared" si="1371"/>
        <v>1211.0127374725937</v>
      </c>
      <c r="L5902" s="237">
        <f t="shared" si="1376"/>
        <v>624.83733600841117</v>
      </c>
      <c r="M5902" s="236">
        <f t="shared" si="1372"/>
        <v>34.279557299436213</v>
      </c>
      <c r="N5902" s="236">
        <f t="shared" si="1373"/>
        <v>0.91833721291101433</v>
      </c>
      <c r="O5902" s="236">
        <f t="shared" si="1377"/>
        <v>2.2679468522740489</v>
      </c>
      <c r="P5902" s="236" t="str">
        <f t="shared" si="1378"/>
        <v>SAND</v>
      </c>
      <c r="Q5902" s="236" t="e">
        <f t="shared" si="1374"/>
        <v>#N/A</v>
      </c>
      <c r="R5902" s="238">
        <v>35</v>
      </c>
      <c r="S5902" s="236" t="e">
        <f t="shared" si="1379"/>
        <v>#N/A</v>
      </c>
      <c r="T5902" s="236">
        <f t="shared" si="1380"/>
        <v>34.485387250891471</v>
      </c>
    </row>
    <row r="5903" spans="1:20" x14ac:dyDescent="0.2">
      <c r="A5903" s="53">
        <f t="shared" si="1381"/>
        <v>5891</v>
      </c>
      <c r="B5903" s="239">
        <v>58.643000000000001</v>
      </c>
      <c r="C5903" s="3">
        <f t="shared" si="1382"/>
        <v>58.636000000000003</v>
      </c>
      <c r="D5903" s="239">
        <v>22.849900000000002</v>
      </c>
      <c r="E5903" s="239">
        <v>0.18490000000000001</v>
      </c>
      <c r="F5903" s="239">
        <v>-3.6999999999999998E-2</v>
      </c>
      <c r="G5903">
        <f t="shared" ref="G5903:G5966" si="1383">$D5903+($F5903*(1-$P$8))</f>
        <v>22.842500000000001</v>
      </c>
      <c r="H5903" s="235">
        <f t="shared" ref="H5903:H5966" si="1384">($E5903/$G5903)*100</f>
        <v>0.8094560577870199</v>
      </c>
      <c r="I5903" s="236">
        <f t="shared" ref="I5903:I5966" si="1385">((0.27*(LOG($H5903)))+(0.36*(LOG(($G5903*1000)/101)))+1.236)*10</f>
        <v>20.588041984737679</v>
      </c>
      <c r="J5903" s="237">
        <f t="shared" si="1375"/>
        <v>10.588041984737679</v>
      </c>
      <c r="K5903" s="237">
        <f t="shared" ref="K5903:K5966" si="1386">$I5903*$C5903</f>
        <v>1207.2004298170787</v>
      </c>
      <c r="L5903" s="237">
        <f t="shared" si="1376"/>
        <v>620.91454611097174</v>
      </c>
      <c r="M5903" s="236">
        <f t="shared" ref="M5903:M5966" si="1387">(($G5903*1000)-$K5903)/$L5903</f>
        <v>34.844246612828094</v>
      </c>
      <c r="N5903" s="236">
        <f t="shared" ref="N5903:N5966" si="1388">(($E5903*1000)/(($G5903*1000)-$K5903))*100</f>
        <v>0.85462186183371958</v>
      </c>
      <c r="O5903" s="236">
        <f t="shared" si="1377"/>
        <v>2.2457208019039205</v>
      </c>
      <c r="P5903" s="236" t="str">
        <f t="shared" si="1378"/>
        <v>SAND</v>
      </c>
      <c r="Q5903" s="236" t="e">
        <f t="shared" ref="Q5903:Q5966" si="1389">IF(P5903="CLAY",($G5903*1000 -$K5903)/$L$8,#N/A)</f>
        <v>#N/A</v>
      </c>
      <c r="R5903" s="238">
        <v>35</v>
      </c>
      <c r="S5903" s="236" t="e">
        <f t="shared" si="1379"/>
        <v>#N/A</v>
      </c>
      <c r="T5903" s="236">
        <f t="shared" si="1380"/>
        <v>34.563441867137698</v>
      </c>
    </row>
    <row r="5904" spans="1:20" x14ac:dyDescent="0.2">
      <c r="A5904" s="53">
        <f t="shared" si="1381"/>
        <v>5892</v>
      </c>
      <c r="B5904" s="239">
        <v>58.652999999999999</v>
      </c>
      <c r="C5904" s="3">
        <f t="shared" si="1382"/>
        <v>58.646000000000001</v>
      </c>
      <c r="D5904" s="239">
        <v>23.023599999999998</v>
      </c>
      <c r="E5904" s="239">
        <v>0.16350000000000001</v>
      </c>
      <c r="F5904" s="239">
        <v>-1.01E-2</v>
      </c>
      <c r="G5904">
        <f t="shared" si="1383"/>
        <v>23.021579999999997</v>
      </c>
      <c r="H5904" s="235">
        <f t="shared" si="1384"/>
        <v>0.71020320933663128</v>
      </c>
      <c r="I5904" s="236">
        <f t="shared" si="1385"/>
        <v>20.446862612116515</v>
      </c>
      <c r="J5904" s="237">
        <f t="shared" ref="J5904:J5967" si="1390">$I5904-10</f>
        <v>10.446862612116515</v>
      </c>
      <c r="K5904" s="237">
        <f t="shared" si="1386"/>
        <v>1199.1267047501851</v>
      </c>
      <c r="L5904" s="237">
        <f t="shared" ref="L5904:L5967" si="1391">$J5904*$B5904</f>
        <v>612.73983278846993</v>
      </c>
      <c r="M5904" s="236">
        <f t="shared" si="1387"/>
        <v>35.614549809728722</v>
      </c>
      <c r="N5904" s="236">
        <f t="shared" si="1388"/>
        <v>0.74922831905242182</v>
      </c>
      <c r="O5904" s="236">
        <f t="shared" ref="O5904:O5967" si="1392">((3.47-LOG($M5904))^2+(LOG($N5904)+1.22)^2)^0.5</f>
        <v>2.2086949582766695</v>
      </c>
      <c r="P5904" s="236" t="str">
        <f t="shared" ref="P5904:P5967" si="1393">IF(O5904&lt;2.6,"SAND","CLAY")</f>
        <v>SAND</v>
      </c>
      <c r="Q5904" s="236" t="e">
        <f t="shared" si="1389"/>
        <v>#N/A</v>
      </c>
      <c r="R5904" s="238">
        <v>35</v>
      </c>
      <c r="S5904" s="236" t="e">
        <f t="shared" ref="S5904:S5967" si="1394">IF(P5904="SAND",#N/A,0.25*($M5904)^1.25)</f>
        <v>#N/A</v>
      </c>
      <c r="T5904" s="236">
        <f t="shared" si="1380"/>
        <v>34.667902048563832</v>
      </c>
    </row>
    <row r="5905" spans="1:20" x14ac:dyDescent="0.2">
      <c r="A5905" s="53">
        <f t="shared" si="1381"/>
        <v>5893</v>
      </c>
      <c r="B5905" s="239">
        <v>58.661999999999999</v>
      </c>
      <c r="C5905" s="3">
        <f t="shared" si="1382"/>
        <v>58.655000000000001</v>
      </c>
      <c r="D5905" s="239">
        <v>23.1373</v>
      </c>
      <c r="E5905" s="239">
        <v>0.14530000000000001</v>
      </c>
      <c r="F5905" s="239">
        <v>1.7600000000000001E-2</v>
      </c>
      <c r="G5905">
        <f t="shared" si="1383"/>
        <v>23.140820000000001</v>
      </c>
      <c r="H5905" s="235">
        <f t="shared" si="1384"/>
        <v>0.62789477641673885</v>
      </c>
      <c r="I5905" s="236">
        <f t="shared" si="1385"/>
        <v>20.310501082774358</v>
      </c>
      <c r="J5905" s="237">
        <f t="shared" si="1390"/>
        <v>10.310501082774358</v>
      </c>
      <c r="K5905" s="237">
        <f t="shared" si="1386"/>
        <v>1191.31244101013</v>
      </c>
      <c r="L5905" s="237">
        <f t="shared" si="1391"/>
        <v>604.83461451770938</v>
      </c>
      <c r="M5905" s="236">
        <f t="shared" si="1387"/>
        <v>36.290098205593345</v>
      </c>
      <c r="N5905" s="236">
        <f t="shared" si="1388"/>
        <v>0.66197384888705357</v>
      </c>
      <c r="O5905" s="236">
        <f t="shared" si="1392"/>
        <v>2.1753755943942426</v>
      </c>
      <c r="P5905" s="236" t="str">
        <f t="shared" si="1393"/>
        <v>SAND</v>
      </c>
      <c r="Q5905" s="236" t="e">
        <f t="shared" si="1389"/>
        <v>#N/A</v>
      </c>
      <c r="R5905" s="238">
        <v>35</v>
      </c>
      <c r="S5905" s="236" t="e">
        <f t="shared" si="1394"/>
        <v>#N/A</v>
      </c>
      <c r="T5905" s="236">
        <f t="shared" si="1380"/>
        <v>34.757669578037081</v>
      </c>
    </row>
    <row r="5906" spans="1:20" x14ac:dyDescent="0.2">
      <c r="A5906" s="53">
        <f t="shared" si="1381"/>
        <v>5894</v>
      </c>
      <c r="B5906" s="239">
        <v>58.673000000000002</v>
      </c>
      <c r="C5906" s="3">
        <f t="shared" si="1382"/>
        <v>58.666000000000004</v>
      </c>
      <c r="D5906" s="239">
        <v>23.493099999999998</v>
      </c>
      <c r="E5906" s="239">
        <v>9.8500000000000004E-2</v>
      </c>
      <c r="F5906" s="239">
        <v>5.7500000000000002E-2</v>
      </c>
      <c r="G5906">
        <f t="shared" si="1383"/>
        <v>23.5046</v>
      </c>
      <c r="H5906" s="235">
        <f t="shared" si="1384"/>
        <v>0.41906690605243224</v>
      </c>
      <c r="I5906" s="236">
        <f t="shared" si="1385"/>
        <v>19.86075845503467</v>
      </c>
      <c r="J5906" s="237">
        <f t="shared" si="1390"/>
        <v>9.8607584550346701</v>
      </c>
      <c r="K5906" s="237">
        <f t="shared" si="1386"/>
        <v>1165.151255523064</v>
      </c>
      <c r="L5906" s="237">
        <f t="shared" si="1391"/>
        <v>578.56028083224919</v>
      </c>
      <c r="M5906" s="236">
        <f t="shared" si="1387"/>
        <v>38.61213685865544</v>
      </c>
      <c r="N5906" s="236">
        <f t="shared" si="1388"/>
        <v>0.4409240403676144</v>
      </c>
      <c r="O5906" s="236">
        <f t="shared" si="1392"/>
        <v>2.0721616365632589</v>
      </c>
      <c r="P5906" s="236" t="str">
        <f t="shared" si="1393"/>
        <v>SAND</v>
      </c>
      <c r="Q5906" s="236" t="e">
        <f t="shared" si="1389"/>
        <v>#N/A</v>
      </c>
      <c r="R5906" s="238">
        <v>35</v>
      </c>
      <c r="S5906" s="236" t="e">
        <f t="shared" si="1394"/>
        <v>#N/A</v>
      </c>
      <c r="T5906" s="236">
        <f t="shared" si="1380"/>
        <v>35.05396220539815</v>
      </c>
    </row>
    <row r="5907" spans="1:20" x14ac:dyDescent="0.2">
      <c r="A5907" s="53">
        <f t="shared" si="1381"/>
        <v>5895</v>
      </c>
      <c r="B5907" s="239">
        <v>58.683</v>
      </c>
      <c r="C5907" s="3">
        <f t="shared" si="1382"/>
        <v>58.676000000000002</v>
      </c>
      <c r="D5907" s="239">
        <v>24.186299999999999</v>
      </c>
      <c r="E5907" s="239">
        <v>7.2800000000000004E-2</v>
      </c>
      <c r="F5907" s="239">
        <v>2.9100000000000001E-2</v>
      </c>
      <c r="G5907">
        <f t="shared" si="1383"/>
        <v>24.192119999999999</v>
      </c>
      <c r="H5907" s="235">
        <f t="shared" si="1384"/>
        <v>0.30092443324520551</v>
      </c>
      <c r="I5907" s="236">
        <f t="shared" si="1385"/>
        <v>19.517504313776531</v>
      </c>
      <c r="J5907" s="237">
        <f t="shared" si="1390"/>
        <v>9.5175043137765307</v>
      </c>
      <c r="K5907" s="237">
        <f t="shared" si="1386"/>
        <v>1145.2090831151518</v>
      </c>
      <c r="L5907" s="237">
        <f t="shared" si="1391"/>
        <v>558.51570564534813</v>
      </c>
      <c r="M5907" s="236">
        <f t="shared" si="1387"/>
        <v>41.264570868700702</v>
      </c>
      <c r="N5907" s="236">
        <f t="shared" si="1388"/>
        <v>0.31587747382953851</v>
      </c>
      <c r="O5907" s="236">
        <f t="shared" si="1392"/>
        <v>1.9891180267606352</v>
      </c>
      <c r="P5907" s="236" t="str">
        <f t="shared" si="1393"/>
        <v>SAND</v>
      </c>
      <c r="Q5907" s="236" t="e">
        <f t="shared" si="1389"/>
        <v>#N/A</v>
      </c>
      <c r="R5907" s="238">
        <v>35</v>
      </c>
      <c r="S5907" s="236" t="e">
        <f t="shared" si="1394"/>
        <v>#N/A</v>
      </c>
      <c r="T5907" s="236">
        <f t="shared" si="1380"/>
        <v>35.371350663211558</v>
      </c>
    </row>
    <row r="5908" spans="1:20" x14ac:dyDescent="0.2">
      <c r="A5908" s="53">
        <f t="shared" si="1381"/>
        <v>5896</v>
      </c>
      <c r="B5908" s="239">
        <v>58.692999999999998</v>
      </c>
      <c r="C5908" s="3">
        <f t="shared" si="1382"/>
        <v>58.686</v>
      </c>
      <c r="D5908" s="239">
        <v>24.8126</v>
      </c>
      <c r="E5908" s="239">
        <v>0.06</v>
      </c>
      <c r="F5908" s="239">
        <v>4.7899999999999998E-2</v>
      </c>
      <c r="G5908">
        <f t="shared" si="1383"/>
        <v>24.822179999999999</v>
      </c>
      <c r="H5908" s="235">
        <f t="shared" si="1384"/>
        <v>0.24171930104446909</v>
      </c>
      <c r="I5908" s="236">
        <f t="shared" si="1385"/>
        <v>19.300807358968523</v>
      </c>
      <c r="J5908" s="237">
        <f t="shared" si="1390"/>
        <v>9.3008073589685232</v>
      </c>
      <c r="K5908" s="237">
        <f t="shared" si="1386"/>
        <v>1132.6871806684267</v>
      </c>
      <c r="L5908" s="237">
        <f t="shared" si="1391"/>
        <v>545.89228631993956</v>
      </c>
      <c r="M5908" s="236">
        <f t="shared" si="1387"/>
        <v>43.395910535814942</v>
      </c>
      <c r="N5908" s="236">
        <f t="shared" si="1388"/>
        <v>0.25327684496072284</v>
      </c>
      <c r="O5908" s="236">
        <f t="shared" si="1392"/>
        <v>1.9357466811894584</v>
      </c>
      <c r="P5908" s="236" t="str">
        <f t="shared" si="1393"/>
        <v>SAND</v>
      </c>
      <c r="Q5908" s="236" t="e">
        <f t="shared" si="1389"/>
        <v>#N/A</v>
      </c>
      <c r="R5908" s="238">
        <v>35</v>
      </c>
      <c r="S5908" s="236" t="e">
        <f t="shared" si="1394"/>
        <v>#N/A</v>
      </c>
      <c r="T5908" s="236">
        <f t="shared" si="1380"/>
        <v>35.611936857137366</v>
      </c>
    </row>
    <row r="5909" spans="1:20" x14ac:dyDescent="0.2">
      <c r="A5909" s="53">
        <f t="shared" si="1381"/>
        <v>5897</v>
      </c>
      <c r="B5909" s="239">
        <v>58.704000000000001</v>
      </c>
      <c r="C5909" s="3">
        <f t="shared" si="1382"/>
        <v>58.697000000000003</v>
      </c>
      <c r="D5909" s="239">
        <v>25.407900000000001</v>
      </c>
      <c r="E5909" s="239">
        <v>5.7299999999999997E-2</v>
      </c>
      <c r="F5909" s="239">
        <v>5.5300000000000002E-2</v>
      </c>
      <c r="G5909">
        <f t="shared" si="1383"/>
        <v>25.418960000000002</v>
      </c>
      <c r="H5909" s="235">
        <f t="shared" si="1384"/>
        <v>0.22542228320906912</v>
      </c>
      <c r="I5909" s="236">
        <f t="shared" si="1385"/>
        <v>19.256102533632454</v>
      </c>
      <c r="J5909" s="237">
        <f t="shared" si="1390"/>
        <v>9.2561025336324541</v>
      </c>
      <c r="K5909" s="237">
        <f t="shared" si="1386"/>
        <v>1130.2754504166242</v>
      </c>
      <c r="L5909" s="237">
        <f t="shared" si="1391"/>
        <v>543.37024313435961</v>
      </c>
      <c r="M5909" s="236">
        <f t="shared" si="1387"/>
        <v>44.700063826604307</v>
      </c>
      <c r="N5909" s="236">
        <f t="shared" si="1388"/>
        <v>0.23591232321794414</v>
      </c>
      <c r="O5909" s="236">
        <f t="shared" si="1392"/>
        <v>1.9138003448298768</v>
      </c>
      <c r="P5909" s="236" t="str">
        <f t="shared" si="1393"/>
        <v>SAND</v>
      </c>
      <c r="Q5909" s="236" t="e">
        <f t="shared" si="1389"/>
        <v>#N/A</v>
      </c>
      <c r="R5909" s="238">
        <v>35</v>
      </c>
      <c r="S5909" s="236" t="e">
        <f t="shared" si="1394"/>
        <v>#N/A</v>
      </c>
      <c r="T5909" s="236">
        <f t="shared" si="1380"/>
        <v>35.753389575810246</v>
      </c>
    </row>
    <row r="5910" spans="1:20" x14ac:dyDescent="0.2">
      <c r="A5910" s="53">
        <f t="shared" si="1381"/>
        <v>5898</v>
      </c>
      <c r="B5910" s="239">
        <v>58.713999999999999</v>
      </c>
      <c r="C5910" s="3">
        <f t="shared" si="1382"/>
        <v>58.707000000000001</v>
      </c>
      <c r="D5910" s="239">
        <v>25.98</v>
      </c>
      <c r="E5910" s="239">
        <v>6.3100000000000003E-2</v>
      </c>
      <c r="F5910" s="239">
        <v>4.6300000000000001E-2</v>
      </c>
      <c r="G5910">
        <f t="shared" si="1383"/>
        <v>25.989260000000002</v>
      </c>
      <c r="H5910" s="235">
        <f t="shared" si="1384"/>
        <v>0.24279259971234274</v>
      </c>
      <c r="I5910" s="236">
        <f t="shared" si="1385"/>
        <v>19.377836846833588</v>
      </c>
      <c r="J5910" s="237">
        <f t="shared" si="1390"/>
        <v>9.3778368468335884</v>
      </c>
      <c r="K5910" s="237">
        <f t="shared" si="1386"/>
        <v>1137.6146677670595</v>
      </c>
      <c r="L5910" s="237">
        <f t="shared" si="1391"/>
        <v>550.61031262498727</v>
      </c>
      <c r="M5910" s="236">
        <f t="shared" si="1387"/>
        <v>45.134725526216286</v>
      </c>
      <c r="N5910" s="236">
        <f t="shared" si="1388"/>
        <v>0.25390672994257807</v>
      </c>
      <c r="O5910" s="236">
        <f t="shared" si="1392"/>
        <v>1.9199528342706857</v>
      </c>
      <c r="P5910" s="236" t="str">
        <f t="shared" si="1393"/>
        <v>SAND</v>
      </c>
      <c r="Q5910" s="236" t="e">
        <f t="shared" si="1389"/>
        <v>#N/A</v>
      </c>
      <c r="R5910" s="238">
        <v>35</v>
      </c>
      <c r="S5910" s="236" t="e">
        <f t="shared" si="1394"/>
        <v>#N/A</v>
      </c>
      <c r="T5910" s="236">
        <f t="shared" si="1380"/>
        <v>35.79961886344212</v>
      </c>
    </row>
    <row r="5911" spans="1:20" x14ac:dyDescent="0.2">
      <c r="A5911" s="53">
        <f t="shared" si="1381"/>
        <v>5899</v>
      </c>
      <c r="B5911" s="239">
        <v>58.723999999999997</v>
      </c>
      <c r="C5911" s="3">
        <f t="shared" si="1382"/>
        <v>58.716999999999999</v>
      </c>
      <c r="D5911" s="239">
        <v>26.5244</v>
      </c>
      <c r="E5911" s="239">
        <v>6.7199999999999996E-2</v>
      </c>
      <c r="F5911" s="239">
        <v>-1.8499999999999999E-2</v>
      </c>
      <c r="G5911">
        <f t="shared" si="1383"/>
        <v>26.520700000000001</v>
      </c>
      <c r="H5911" s="235">
        <f t="shared" si="1384"/>
        <v>0.25338697696516305</v>
      </c>
      <c r="I5911" s="236">
        <f t="shared" si="1385"/>
        <v>19.459566576201482</v>
      </c>
      <c r="J5911" s="237">
        <f t="shared" si="1390"/>
        <v>9.4595665762014818</v>
      </c>
      <c r="K5911" s="237">
        <f t="shared" si="1386"/>
        <v>1142.6073706548225</v>
      </c>
      <c r="L5911" s="237">
        <f t="shared" si="1391"/>
        <v>555.5035876208558</v>
      </c>
      <c r="M5911" s="236">
        <f t="shared" si="1387"/>
        <v>45.684840197047151</v>
      </c>
      <c r="N5911" s="236">
        <f t="shared" si="1388"/>
        <v>0.26479531374353704</v>
      </c>
      <c r="O5911" s="236">
        <f t="shared" si="1392"/>
        <v>1.9210045966984723</v>
      </c>
      <c r="P5911" s="236" t="str">
        <f t="shared" si="1393"/>
        <v>SAND</v>
      </c>
      <c r="Q5911" s="236" t="e">
        <f t="shared" si="1389"/>
        <v>#N/A</v>
      </c>
      <c r="R5911" s="238">
        <v>35</v>
      </c>
      <c r="S5911" s="236" t="e">
        <f t="shared" si="1394"/>
        <v>#N/A</v>
      </c>
      <c r="T5911" s="236">
        <f t="shared" si="1380"/>
        <v>35.857493211245611</v>
      </c>
    </row>
    <row r="5912" spans="1:20" x14ac:dyDescent="0.2">
      <c r="A5912" s="53">
        <f t="shared" si="1381"/>
        <v>5900</v>
      </c>
      <c r="B5912" s="239">
        <v>58.734999999999999</v>
      </c>
      <c r="C5912" s="3">
        <f t="shared" si="1382"/>
        <v>58.728000000000002</v>
      </c>
      <c r="D5912" s="239">
        <v>26.746700000000001</v>
      </c>
      <c r="E5912" s="239">
        <v>7.0800000000000002E-2</v>
      </c>
      <c r="F5912" s="239">
        <v>-7.5200000000000003E-2</v>
      </c>
      <c r="G5912">
        <f t="shared" si="1383"/>
        <v>26.731660000000002</v>
      </c>
      <c r="H5912" s="235">
        <f t="shared" si="1384"/>
        <v>0.26485448341030821</v>
      </c>
      <c r="I5912" s="236">
        <f t="shared" si="1385"/>
        <v>19.523856185970363</v>
      </c>
      <c r="J5912" s="237">
        <f t="shared" si="1390"/>
        <v>9.523856185970363</v>
      </c>
      <c r="K5912" s="237">
        <f t="shared" si="1386"/>
        <v>1146.5970260896675</v>
      </c>
      <c r="L5912" s="237">
        <f t="shared" si="1391"/>
        <v>559.38369308296922</v>
      </c>
      <c r="M5912" s="236">
        <f t="shared" si="1387"/>
        <v>45.737949265023516</v>
      </c>
      <c r="N5912" s="236">
        <f t="shared" si="1388"/>
        <v>0.27672396222825935</v>
      </c>
      <c r="O5912" s="236">
        <f t="shared" si="1392"/>
        <v>1.9270195605569063</v>
      </c>
      <c r="P5912" s="236" t="str">
        <f t="shared" si="1393"/>
        <v>SAND</v>
      </c>
      <c r="Q5912" s="236" t="e">
        <f t="shared" si="1389"/>
        <v>#N/A</v>
      </c>
      <c r="R5912" s="238">
        <v>35</v>
      </c>
      <c r="S5912" s="236" t="e">
        <f t="shared" si="1394"/>
        <v>#N/A</v>
      </c>
      <c r="T5912" s="236">
        <f t="shared" si="1380"/>
        <v>35.863043572524354</v>
      </c>
    </row>
    <row r="5913" spans="1:20" x14ac:dyDescent="0.2">
      <c r="A5913" s="53">
        <f t="shared" si="1381"/>
        <v>5901</v>
      </c>
      <c r="B5913" s="239">
        <v>58.744999999999997</v>
      </c>
      <c r="C5913" s="3">
        <f t="shared" si="1382"/>
        <v>58.738</v>
      </c>
      <c r="D5913" s="239">
        <v>27.025500000000001</v>
      </c>
      <c r="E5913" s="239">
        <v>7.7499999999999999E-2</v>
      </c>
      <c r="F5913" s="239">
        <v>-0.1212</v>
      </c>
      <c r="G5913">
        <f t="shared" si="1383"/>
        <v>27.001260000000002</v>
      </c>
      <c r="H5913" s="235">
        <f t="shared" si="1384"/>
        <v>0.28702364260038232</v>
      </c>
      <c r="I5913" s="236">
        <f t="shared" si="1385"/>
        <v>19.633803278835259</v>
      </c>
      <c r="J5913" s="237">
        <f t="shared" si="1390"/>
        <v>9.6338032788352592</v>
      </c>
      <c r="K5913" s="237">
        <f t="shared" si="1386"/>
        <v>1153.2503369922254</v>
      </c>
      <c r="L5913" s="237">
        <f t="shared" si="1391"/>
        <v>565.93777361517732</v>
      </c>
      <c r="M5913" s="236">
        <f t="shared" si="1387"/>
        <v>45.672882899991293</v>
      </c>
      <c r="N5913" s="236">
        <f t="shared" si="1388"/>
        <v>0.29982966197553568</v>
      </c>
      <c r="O5913" s="236">
        <f t="shared" si="1392"/>
        <v>1.9398378329303321</v>
      </c>
      <c r="P5913" s="236" t="str">
        <f t="shared" si="1393"/>
        <v>SAND</v>
      </c>
      <c r="Q5913" s="236" t="e">
        <f t="shared" si="1389"/>
        <v>#N/A</v>
      </c>
      <c r="R5913" s="238">
        <v>35</v>
      </c>
      <c r="S5913" s="236" t="e">
        <f t="shared" si="1394"/>
        <v>#N/A</v>
      </c>
      <c r="T5913" s="236">
        <f t="shared" si="1380"/>
        <v>35.856242679428092</v>
      </c>
    </row>
    <row r="5914" spans="1:20" x14ac:dyDescent="0.2">
      <c r="A5914" s="53">
        <f t="shared" si="1381"/>
        <v>5902</v>
      </c>
      <c r="B5914" s="239">
        <v>58.753999999999998</v>
      </c>
      <c r="C5914" s="3">
        <f t="shared" si="1382"/>
        <v>58.747</v>
      </c>
      <c r="D5914" s="239">
        <v>27.352900000000002</v>
      </c>
      <c r="E5914" s="239">
        <v>7.7299999999999994E-2</v>
      </c>
      <c r="F5914" s="239">
        <v>-0.1268</v>
      </c>
      <c r="G5914">
        <f t="shared" si="1383"/>
        <v>27.327540000000003</v>
      </c>
      <c r="H5914" s="235">
        <f t="shared" si="1384"/>
        <v>0.28286483159479403</v>
      </c>
      <c r="I5914" s="236">
        <f t="shared" si="1385"/>
        <v>19.635468172758333</v>
      </c>
      <c r="J5914" s="237">
        <f t="shared" si="1390"/>
        <v>9.6354681727583333</v>
      </c>
      <c r="K5914" s="237">
        <f t="shared" si="1386"/>
        <v>1153.5248487450338</v>
      </c>
      <c r="L5914" s="237">
        <f t="shared" si="1391"/>
        <v>566.12229702224306</v>
      </c>
      <c r="M5914" s="236">
        <f t="shared" si="1387"/>
        <v>46.233853160223759</v>
      </c>
      <c r="N5914" s="236">
        <f t="shared" si="1388"/>
        <v>0.29533107378939411</v>
      </c>
      <c r="O5914" s="236">
        <f t="shared" si="1392"/>
        <v>1.9325361041858169</v>
      </c>
      <c r="P5914" s="236" t="str">
        <f t="shared" si="1393"/>
        <v>SAND</v>
      </c>
      <c r="Q5914" s="236" t="e">
        <f t="shared" si="1389"/>
        <v>#N/A</v>
      </c>
      <c r="R5914" s="238">
        <v>35</v>
      </c>
      <c r="S5914" s="236" t="e">
        <f t="shared" si="1394"/>
        <v>#N/A</v>
      </c>
      <c r="T5914" s="236">
        <f t="shared" si="1380"/>
        <v>35.914560982726691</v>
      </c>
    </row>
    <row r="5915" spans="1:20" x14ac:dyDescent="0.2">
      <c r="A5915" s="53">
        <f t="shared" si="1381"/>
        <v>5903</v>
      </c>
      <c r="B5915" s="239">
        <v>58.765000000000001</v>
      </c>
      <c r="C5915" s="3">
        <f t="shared" si="1382"/>
        <v>58.758000000000003</v>
      </c>
      <c r="D5915" s="239">
        <v>27.580200000000001</v>
      </c>
      <c r="E5915" s="239">
        <v>7.0800000000000002E-2</v>
      </c>
      <c r="F5915" s="239">
        <v>-0.1235</v>
      </c>
      <c r="G5915">
        <f t="shared" si="1383"/>
        <v>27.555500000000002</v>
      </c>
      <c r="H5915" s="235">
        <f t="shared" si="1384"/>
        <v>0.25693600188710058</v>
      </c>
      <c r="I5915" s="236">
        <f t="shared" si="1385"/>
        <v>19.535720316357931</v>
      </c>
      <c r="J5915" s="237">
        <f t="shared" si="1390"/>
        <v>9.5357203163579314</v>
      </c>
      <c r="K5915" s="237">
        <f t="shared" si="1386"/>
        <v>1147.8798543485593</v>
      </c>
      <c r="L5915" s="237">
        <f t="shared" si="1391"/>
        <v>560.36660439077389</v>
      </c>
      <c r="M5915" s="236">
        <f t="shared" si="1387"/>
        <v>47.125613729893125</v>
      </c>
      <c r="N5915" s="236">
        <f t="shared" si="1388"/>
        <v>0.26810443201432776</v>
      </c>
      <c r="O5915" s="236">
        <f t="shared" si="1392"/>
        <v>1.910126542108685</v>
      </c>
      <c r="P5915" s="236" t="str">
        <f t="shared" si="1393"/>
        <v>SAND</v>
      </c>
      <c r="Q5915" s="236" t="e">
        <f t="shared" si="1389"/>
        <v>#N/A</v>
      </c>
      <c r="R5915" s="238">
        <v>35</v>
      </c>
      <c r="S5915" s="236" t="e">
        <f t="shared" si="1394"/>
        <v>#N/A</v>
      </c>
      <c r="T5915" s="236">
        <f t="shared" si="1380"/>
        <v>36.005827211065316</v>
      </c>
    </row>
    <row r="5916" spans="1:20" x14ac:dyDescent="0.2">
      <c r="A5916" s="53">
        <f t="shared" si="1381"/>
        <v>5904</v>
      </c>
      <c r="B5916" s="239">
        <v>58.774999999999999</v>
      </c>
      <c r="C5916" s="3">
        <f t="shared" si="1382"/>
        <v>58.768000000000001</v>
      </c>
      <c r="D5916" s="239">
        <v>27.658300000000001</v>
      </c>
      <c r="E5916" s="239">
        <v>7.0199999999999999E-2</v>
      </c>
      <c r="F5916" s="239">
        <v>-0.12559999999999999</v>
      </c>
      <c r="G5916">
        <f t="shared" si="1383"/>
        <v>27.633179999999999</v>
      </c>
      <c r="H5916" s="235">
        <f t="shared" si="1384"/>
        <v>0.25404242291332374</v>
      </c>
      <c r="I5916" s="236">
        <f t="shared" si="1385"/>
        <v>19.526841036521468</v>
      </c>
      <c r="J5916" s="237">
        <f t="shared" si="1390"/>
        <v>9.5268410365214677</v>
      </c>
      <c r="K5916" s="237">
        <f t="shared" si="1386"/>
        <v>1147.5533940342937</v>
      </c>
      <c r="L5916" s="237">
        <f t="shared" si="1391"/>
        <v>559.94008192154922</v>
      </c>
      <c r="M5916" s="236">
        <f t="shared" si="1387"/>
        <v>47.300822822104195</v>
      </c>
      <c r="N5916" s="236">
        <f t="shared" si="1388"/>
        <v>0.26504942112333463</v>
      </c>
      <c r="O5916" s="236">
        <f t="shared" si="1392"/>
        <v>1.9069257586423853</v>
      </c>
      <c r="P5916" s="236" t="str">
        <f t="shared" si="1393"/>
        <v>SAND</v>
      </c>
      <c r="Q5916" s="236" t="e">
        <f t="shared" si="1389"/>
        <v>#N/A</v>
      </c>
      <c r="R5916" s="238">
        <v>35</v>
      </c>
      <c r="S5916" s="236" t="e">
        <f t="shared" si="1394"/>
        <v>#N/A</v>
      </c>
      <c r="T5916" s="236">
        <f t="shared" si="1380"/>
        <v>36.023555651369719</v>
      </c>
    </row>
    <row r="5917" spans="1:20" x14ac:dyDescent="0.2">
      <c r="A5917" s="53">
        <f t="shared" si="1381"/>
        <v>5905</v>
      </c>
      <c r="B5917" s="239">
        <v>58.783999999999999</v>
      </c>
      <c r="C5917" s="3">
        <f t="shared" si="1382"/>
        <v>58.777000000000001</v>
      </c>
      <c r="D5917" s="239">
        <v>27.693999999999999</v>
      </c>
      <c r="E5917" s="239">
        <v>6.5799999999999997E-2</v>
      </c>
      <c r="F5917" s="239">
        <v>-0.1125</v>
      </c>
      <c r="G5917">
        <f t="shared" si="1383"/>
        <v>27.671499999999998</v>
      </c>
      <c r="H5917" s="235">
        <f t="shared" si="1384"/>
        <v>0.23778978371248399</v>
      </c>
      <c r="I5917" s="236">
        <f t="shared" si="1385"/>
        <v>19.451482398717562</v>
      </c>
      <c r="J5917" s="237">
        <f t="shared" si="1390"/>
        <v>9.4514823987175625</v>
      </c>
      <c r="K5917" s="237">
        <f t="shared" si="1386"/>
        <v>1143.2997809494223</v>
      </c>
      <c r="L5917" s="237">
        <f t="shared" si="1391"/>
        <v>555.59594132621316</v>
      </c>
      <c r="M5917" s="236">
        <f t="shared" si="1387"/>
        <v>47.74728943434593</v>
      </c>
      <c r="N5917" s="236">
        <f t="shared" si="1388"/>
        <v>0.24803793493969237</v>
      </c>
      <c r="O5917" s="236">
        <f t="shared" si="1392"/>
        <v>1.8935409115227928</v>
      </c>
      <c r="P5917" s="236" t="str">
        <f t="shared" si="1393"/>
        <v>SAND</v>
      </c>
      <c r="Q5917" s="236" t="e">
        <f t="shared" si="1389"/>
        <v>#N/A</v>
      </c>
      <c r="R5917" s="238">
        <v>35</v>
      </c>
      <c r="S5917" s="236" t="e">
        <f t="shared" si="1394"/>
        <v>#N/A</v>
      </c>
      <c r="T5917" s="236">
        <f t="shared" si="1380"/>
        <v>36.068435943739097</v>
      </c>
    </row>
    <row r="5918" spans="1:20" x14ac:dyDescent="0.2">
      <c r="A5918" s="53">
        <f t="shared" si="1381"/>
        <v>5906</v>
      </c>
      <c r="B5918" s="239">
        <v>58.795000000000002</v>
      </c>
      <c r="C5918" s="3">
        <f t="shared" si="1382"/>
        <v>58.788000000000004</v>
      </c>
      <c r="D5918" s="239">
        <v>27.625800000000002</v>
      </c>
      <c r="E5918" s="239">
        <v>6.6500000000000004E-2</v>
      </c>
      <c r="F5918" s="239">
        <v>-0.11310000000000001</v>
      </c>
      <c r="G5918">
        <f t="shared" si="1383"/>
        <v>27.603180000000002</v>
      </c>
      <c r="H5918" s="235">
        <f t="shared" si="1384"/>
        <v>0.24091427147162028</v>
      </c>
      <c r="I5918" s="236">
        <f t="shared" si="1385"/>
        <v>19.462924702414924</v>
      </c>
      <c r="J5918" s="237">
        <f t="shared" si="1390"/>
        <v>9.4629247024149237</v>
      </c>
      <c r="K5918" s="237">
        <f t="shared" si="1386"/>
        <v>1144.1864174055686</v>
      </c>
      <c r="L5918" s="237">
        <f t="shared" si="1391"/>
        <v>556.37265787848548</v>
      </c>
      <c r="M5918" s="236">
        <f t="shared" si="1387"/>
        <v>47.556243478041665</v>
      </c>
      <c r="N5918" s="236">
        <f t="shared" si="1388"/>
        <v>0.25133231085458146</v>
      </c>
      <c r="O5918" s="236">
        <f t="shared" si="1392"/>
        <v>1.8970537108169614</v>
      </c>
      <c r="P5918" s="236" t="str">
        <f t="shared" si="1393"/>
        <v>SAND</v>
      </c>
      <c r="Q5918" s="236" t="e">
        <f t="shared" si="1389"/>
        <v>#N/A</v>
      </c>
      <c r="R5918" s="238">
        <v>35</v>
      </c>
      <c r="S5918" s="236" t="e">
        <f t="shared" si="1394"/>
        <v>#N/A</v>
      </c>
      <c r="T5918" s="236">
        <f t="shared" si="1380"/>
        <v>36.049282960730785</v>
      </c>
    </row>
    <row r="5919" spans="1:20" x14ac:dyDescent="0.2">
      <c r="A5919" s="53">
        <f t="shared" si="1381"/>
        <v>5907</v>
      </c>
      <c r="B5919" s="239">
        <v>58.805</v>
      </c>
      <c r="C5919" s="3">
        <f t="shared" si="1382"/>
        <v>58.798000000000002</v>
      </c>
      <c r="D5919" s="239">
        <v>27.808</v>
      </c>
      <c r="E5919" s="239">
        <v>6.2300000000000001E-2</v>
      </c>
      <c r="F5919" s="239">
        <v>-0.1075</v>
      </c>
      <c r="G5919">
        <f t="shared" si="1383"/>
        <v>27.7865</v>
      </c>
      <c r="H5919" s="235">
        <f t="shared" si="1384"/>
        <v>0.22420959818616956</v>
      </c>
      <c r="I5919" s="236">
        <f t="shared" si="1385"/>
        <v>19.38901124202744</v>
      </c>
      <c r="J5919" s="237">
        <f t="shared" si="1390"/>
        <v>9.3890112420274399</v>
      </c>
      <c r="K5919" s="237">
        <f t="shared" si="1386"/>
        <v>1140.0350830087295</v>
      </c>
      <c r="L5919" s="237">
        <f t="shared" si="1391"/>
        <v>552.1208060874236</v>
      </c>
      <c r="M5919" s="236">
        <f t="shared" si="1387"/>
        <v>48.262019150881322</v>
      </c>
      <c r="N5919" s="236">
        <f t="shared" si="1388"/>
        <v>0.23380212044665652</v>
      </c>
      <c r="O5919" s="236">
        <f t="shared" si="1392"/>
        <v>1.8809433393107007</v>
      </c>
      <c r="P5919" s="236" t="str">
        <f t="shared" si="1393"/>
        <v>SAND</v>
      </c>
      <c r="Q5919" s="236" t="e">
        <f t="shared" si="1389"/>
        <v>#N/A</v>
      </c>
      <c r="R5919" s="238">
        <v>35</v>
      </c>
      <c r="S5919" s="236" t="e">
        <f t="shared" si="1394"/>
        <v>#N/A</v>
      </c>
      <c r="T5919" s="236">
        <f t="shared" si="1380"/>
        <v>36.119660364107759</v>
      </c>
    </row>
    <row r="5920" spans="1:20" x14ac:dyDescent="0.2">
      <c r="A5920" s="53">
        <f t="shared" si="1381"/>
        <v>5908</v>
      </c>
      <c r="B5920" s="239">
        <v>58.814</v>
      </c>
      <c r="C5920" s="3">
        <f t="shared" si="1382"/>
        <v>58.807000000000002</v>
      </c>
      <c r="D5920" s="239">
        <v>27.860800000000001</v>
      </c>
      <c r="E5920" s="239">
        <v>6.1899999999999997E-2</v>
      </c>
      <c r="F5920" s="239">
        <v>-9.5000000000000001E-2</v>
      </c>
      <c r="G5920">
        <f t="shared" si="1383"/>
        <v>27.841800000000003</v>
      </c>
      <c r="H5920" s="235">
        <f t="shared" si="1384"/>
        <v>0.22232757939501033</v>
      </c>
      <c r="I5920" s="236">
        <f t="shared" si="1385"/>
        <v>19.382235385210691</v>
      </c>
      <c r="J5920" s="237">
        <f t="shared" si="1390"/>
        <v>9.3822353852106914</v>
      </c>
      <c r="K5920" s="237">
        <f t="shared" si="1386"/>
        <v>1139.8111162980852</v>
      </c>
      <c r="L5920" s="237">
        <f t="shared" si="1391"/>
        <v>551.80679194578158</v>
      </c>
      <c r="M5920" s="236">
        <f t="shared" si="1387"/>
        <v>48.390105510563473</v>
      </c>
      <c r="N5920" s="236">
        <f t="shared" si="1388"/>
        <v>0.23181793786822327</v>
      </c>
      <c r="O5920" s="236">
        <f t="shared" si="1392"/>
        <v>1.8786940049188703</v>
      </c>
      <c r="P5920" s="236" t="str">
        <f t="shared" si="1393"/>
        <v>SAND</v>
      </c>
      <c r="Q5920" s="236" t="e">
        <f t="shared" si="1389"/>
        <v>#N/A</v>
      </c>
      <c r="R5920" s="238">
        <v>35</v>
      </c>
      <c r="S5920" s="236" t="e">
        <f t="shared" si="1394"/>
        <v>#N/A</v>
      </c>
      <c r="T5920" s="236">
        <f t="shared" si="1380"/>
        <v>36.132322259575545</v>
      </c>
    </row>
    <row r="5921" spans="1:20" x14ac:dyDescent="0.2">
      <c r="A5921" s="53">
        <f t="shared" si="1381"/>
        <v>5909</v>
      </c>
      <c r="B5921" s="239">
        <v>58.823999999999998</v>
      </c>
      <c r="C5921" s="3">
        <f t="shared" si="1382"/>
        <v>58.817</v>
      </c>
      <c r="D5921" s="239">
        <v>28.0029</v>
      </c>
      <c r="E5921" s="239">
        <v>6.5299999999999997E-2</v>
      </c>
      <c r="F5921" s="239">
        <v>-9.4E-2</v>
      </c>
      <c r="G5921">
        <f t="shared" si="1383"/>
        <v>27.984100000000002</v>
      </c>
      <c r="H5921" s="235">
        <f t="shared" si="1384"/>
        <v>0.23334679335765665</v>
      </c>
      <c r="I5921" s="236">
        <f t="shared" si="1385"/>
        <v>19.446928853488522</v>
      </c>
      <c r="J5921" s="237">
        <f t="shared" si="1390"/>
        <v>9.4469288534885223</v>
      </c>
      <c r="K5921" s="237">
        <f t="shared" si="1386"/>
        <v>1143.8100143756344</v>
      </c>
      <c r="L5921" s="237">
        <f t="shared" si="1391"/>
        <v>555.70614287760884</v>
      </c>
      <c r="M5921" s="236">
        <f t="shared" si="1387"/>
        <v>48.299430066829025</v>
      </c>
      <c r="N5921" s="236">
        <f t="shared" si="1388"/>
        <v>0.24329096308189896</v>
      </c>
      <c r="O5921" s="236">
        <f t="shared" si="1392"/>
        <v>1.8861049435938189</v>
      </c>
      <c r="P5921" s="236" t="str">
        <f t="shared" si="1393"/>
        <v>SAND</v>
      </c>
      <c r="Q5921" s="236" t="e">
        <f t="shared" si="1389"/>
        <v>#N/A</v>
      </c>
      <c r="R5921" s="238">
        <v>35</v>
      </c>
      <c r="S5921" s="236" t="e">
        <f t="shared" si="1394"/>
        <v>#N/A</v>
      </c>
      <c r="T5921" s="236">
        <f t="shared" si="1380"/>
        <v>36.123362067185738</v>
      </c>
    </row>
    <row r="5922" spans="1:20" x14ac:dyDescent="0.2">
      <c r="A5922" s="53">
        <f t="shared" si="1381"/>
        <v>5910</v>
      </c>
      <c r="B5922" s="239">
        <v>58.834000000000003</v>
      </c>
      <c r="C5922" s="3">
        <f t="shared" si="1382"/>
        <v>58.827000000000005</v>
      </c>
      <c r="D5922" s="239">
        <v>28.0471</v>
      </c>
      <c r="E5922" s="239">
        <v>6.83E-2</v>
      </c>
      <c r="F5922" s="239">
        <v>-7.7700000000000005E-2</v>
      </c>
      <c r="G5922">
        <f t="shared" si="1383"/>
        <v>28.031559999999999</v>
      </c>
      <c r="H5922" s="235">
        <f t="shared" si="1384"/>
        <v>0.24365393863202764</v>
      </c>
      <c r="I5922" s="236">
        <f t="shared" si="1385"/>
        <v>19.500261495160451</v>
      </c>
      <c r="J5922" s="237">
        <f t="shared" si="1390"/>
        <v>9.5002614951604514</v>
      </c>
      <c r="K5922" s="237">
        <f t="shared" si="1386"/>
        <v>1147.141882975804</v>
      </c>
      <c r="L5922" s="237">
        <f t="shared" si="1391"/>
        <v>558.93838480627005</v>
      </c>
      <c r="M5922" s="236">
        <f t="shared" si="1387"/>
        <v>48.099072899318635</v>
      </c>
      <c r="N5922" s="236">
        <f t="shared" si="1388"/>
        <v>0.25405050502748261</v>
      </c>
      <c r="O5922" s="236">
        <f t="shared" si="1392"/>
        <v>1.8939324814800313</v>
      </c>
      <c r="P5922" s="236" t="str">
        <f t="shared" si="1393"/>
        <v>SAND</v>
      </c>
      <c r="Q5922" s="236" t="e">
        <f t="shared" si="1389"/>
        <v>#N/A</v>
      </c>
      <c r="R5922" s="238">
        <v>35</v>
      </c>
      <c r="S5922" s="236" t="e">
        <f t="shared" si="1394"/>
        <v>#N/A</v>
      </c>
      <c r="T5922" s="236">
        <f t="shared" si="1380"/>
        <v>36.10350376060083</v>
      </c>
    </row>
    <row r="5923" spans="1:20" x14ac:dyDescent="0.2">
      <c r="A5923" s="53">
        <f t="shared" si="1381"/>
        <v>5911</v>
      </c>
      <c r="B5923" s="239">
        <v>58.844000000000001</v>
      </c>
      <c r="C5923" s="3">
        <f t="shared" si="1382"/>
        <v>58.837000000000003</v>
      </c>
      <c r="D5923" s="239">
        <v>28.2819</v>
      </c>
      <c r="E5923" s="239">
        <v>7.3099999999999998E-2</v>
      </c>
      <c r="F5923" s="239">
        <v>-0.05</v>
      </c>
      <c r="G5923">
        <f t="shared" si="1383"/>
        <v>28.271899999999999</v>
      </c>
      <c r="H5923" s="235">
        <f t="shared" si="1384"/>
        <v>0.25856062026252213</v>
      </c>
      <c r="I5923" s="236">
        <f t="shared" si="1385"/>
        <v>19.583239468596293</v>
      </c>
      <c r="J5923" s="237">
        <f t="shared" si="1390"/>
        <v>9.5832394685962932</v>
      </c>
      <c r="K5923" s="237">
        <f t="shared" si="1386"/>
        <v>1152.2190606138001</v>
      </c>
      <c r="L5923" s="237">
        <f t="shared" si="1391"/>
        <v>563.9161432900803</v>
      </c>
      <c r="M5923" s="236">
        <f t="shared" si="1387"/>
        <v>48.091691046758605</v>
      </c>
      <c r="N5923" s="236">
        <f t="shared" si="1388"/>
        <v>0.26954594400790349</v>
      </c>
      <c r="O5923" s="236">
        <f t="shared" si="1392"/>
        <v>1.902634109251939</v>
      </c>
      <c r="P5923" s="236" t="str">
        <f t="shared" si="1393"/>
        <v>SAND</v>
      </c>
      <c r="Q5923" s="236" t="e">
        <f t="shared" si="1389"/>
        <v>#N/A</v>
      </c>
      <c r="R5923" s="238">
        <v>35</v>
      </c>
      <c r="S5923" s="236" t="e">
        <f t="shared" si="1394"/>
        <v>#N/A</v>
      </c>
      <c r="T5923" s="236">
        <f t="shared" si="1380"/>
        <v>36.102770532694407</v>
      </c>
    </row>
    <row r="5924" spans="1:20" x14ac:dyDescent="0.2">
      <c r="A5924" s="53">
        <f t="shared" si="1381"/>
        <v>5912</v>
      </c>
      <c r="B5924" s="239">
        <v>58.854999999999997</v>
      </c>
      <c r="C5924" s="3">
        <f t="shared" si="1382"/>
        <v>58.847999999999999</v>
      </c>
      <c r="D5924" s="239">
        <v>28.594899999999999</v>
      </c>
      <c r="E5924" s="239">
        <v>7.0999999999999994E-2</v>
      </c>
      <c r="F5924" s="239">
        <v>-5.1400000000000001E-2</v>
      </c>
      <c r="G5924">
        <f t="shared" si="1383"/>
        <v>28.584619999999997</v>
      </c>
      <c r="H5924" s="235">
        <f t="shared" si="1384"/>
        <v>0.24838532049752626</v>
      </c>
      <c r="I5924" s="236">
        <f t="shared" si="1385"/>
        <v>19.553359776747882</v>
      </c>
      <c r="J5924" s="237">
        <f t="shared" si="1390"/>
        <v>9.5533597767478824</v>
      </c>
      <c r="K5924" s="237">
        <f t="shared" si="1386"/>
        <v>1150.6761161420593</v>
      </c>
      <c r="L5924" s="237">
        <f t="shared" si="1391"/>
        <v>562.2629896604966</v>
      </c>
      <c r="M5924" s="236">
        <f t="shared" si="1387"/>
        <v>48.792014392451826</v>
      </c>
      <c r="N5924" s="236">
        <f t="shared" si="1388"/>
        <v>0.25880347463193654</v>
      </c>
      <c r="O5924" s="236">
        <f t="shared" si="1392"/>
        <v>1.8907491460067796</v>
      </c>
      <c r="P5924" s="236" t="str">
        <f t="shared" si="1393"/>
        <v>SAND</v>
      </c>
      <c r="Q5924" s="236" t="e">
        <f t="shared" si="1389"/>
        <v>#N/A</v>
      </c>
      <c r="R5924" s="238">
        <v>35</v>
      </c>
      <c r="S5924" s="236" t="e">
        <f t="shared" si="1394"/>
        <v>#N/A</v>
      </c>
      <c r="T5924" s="236">
        <f t="shared" si="1380"/>
        <v>36.171836233015142</v>
      </c>
    </row>
    <row r="5925" spans="1:20" x14ac:dyDescent="0.2">
      <c r="A5925" s="53">
        <f t="shared" si="1381"/>
        <v>5913</v>
      </c>
      <c r="B5925" s="239">
        <v>58.863999999999997</v>
      </c>
      <c r="C5925" s="3">
        <f t="shared" si="1382"/>
        <v>58.856999999999999</v>
      </c>
      <c r="D5925" s="239">
        <v>29.116599999999998</v>
      </c>
      <c r="E5925" s="239">
        <v>6.5199999999999994E-2</v>
      </c>
      <c r="F5925" s="239">
        <v>-5.04E-2</v>
      </c>
      <c r="G5925">
        <f t="shared" si="1383"/>
        <v>29.10652</v>
      </c>
      <c r="H5925" s="235">
        <f t="shared" si="1384"/>
        <v>0.22400479342772681</v>
      </c>
      <c r="I5925" s="236">
        <f t="shared" si="1385"/>
        <v>19.460502818395028</v>
      </c>
      <c r="J5925" s="237">
        <f t="shared" si="1390"/>
        <v>9.4605028183950282</v>
      </c>
      <c r="K5925" s="237">
        <f t="shared" si="1386"/>
        <v>1145.3868143822763</v>
      </c>
      <c r="L5925" s="237">
        <f t="shared" si="1391"/>
        <v>556.88303790200496</v>
      </c>
      <c r="M5925" s="236">
        <f t="shared" si="1387"/>
        <v>50.210064380768699</v>
      </c>
      <c r="N5925" s="236">
        <f t="shared" si="1388"/>
        <v>0.23318082127492851</v>
      </c>
      <c r="O5925" s="236">
        <f t="shared" si="1392"/>
        <v>1.8642650374734362</v>
      </c>
      <c r="P5925" s="236" t="str">
        <f t="shared" si="1393"/>
        <v>SAND</v>
      </c>
      <c r="Q5925" s="236" t="e">
        <f t="shared" si="1389"/>
        <v>#N/A</v>
      </c>
      <c r="R5925" s="238">
        <v>35</v>
      </c>
      <c r="S5925" s="236" t="e">
        <f t="shared" si="1394"/>
        <v>#N/A</v>
      </c>
      <c r="T5925" s="236">
        <f t="shared" si="1380"/>
        <v>36.308698560633474</v>
      </c>
    </row>
    <row r="5926" spans="1:20" x14ac:dyDescent="0.2">
      <c r="A5926" s="53">
        <f t="shared" si="1381"/>
        <v>5914</v>
      </c>
      <c r="B5926" s="239">
        <v>58.875</v>
      </c>
      <c r="C5926" s="3">
        <f t="shared" si="1382"/>
        <v>58.868000000000002</v>
      </c>
      <c r="D5926" s="239">
        <v>29.6265</v>
      </c>
      <c r="E5926" s="239">
        <v>6.6799999999999998E-2</v>
      </c>
      <c r="F5926" s="239">
        <v>-3.2599999999999997E-2</v>
      </c>
      <c r="G5926">
        <f t="shared" si="1383"/>
        <v>29.619980000000002</v>
      </c>
      <c r="H5926" s="235">
        <f t="shared" si="1384"/>
        <v>0.22552344734871527</v>
      </c>
      <c r="I5926" s="236">
        <f t="shared" si="1385"/>
        <v>19.495765787913371</v>
      </c>
      <c r="J5926" s="237">
        <f t="shared" si="1390"/>
        <v>9.4957657879133706</v>
      </c>
      <c r="K5926" s="237">
        <f t="shared" si="1386"/>
        <v>1147.6767404028844</v>
      </c>
      <c r="L5926" s="237">
        <f t="shared" si="1391"/>
        <v>559.06321076339964</v>
      </c>
      <c r="M5926" s="236">
        <f t="shared" si="1387"/>
        <v>50.928593961169881</v>
      </c>
      <c r="N5926" s="236">
        <f t="shared" si="1388"/>
        <v>0.23461396639024562</v>
      </c>
      <c r="O5926" s="236">
        <f t="shared" si="1392"/>
        <v>1.8592530160268828</v>
      </c>
      <c r="P5926" s="236" t="str">
        <f t="shared" si="1393"/>
        <v>SAND</v>
      </c>
      <c r="Q5926" s="236" t="e">
        <f t="shared" si="1389"/>
        <v>#N/A</v>
      </c>
      <c r="R5926" s="238">
        <v>35</v>
      </c>
      <c r="S5926" s="236" t="e">
        <f t="shared" si="1394"/>
        <v>#N/A</v>
      </c>
      <c r="T5926" s="236">
        <f t="shared" si="1380"/>
        <v>36.376578549528801</v>
      </c>
    </row>
    <row r="5927" spans="1:20" x14ac:dyDescent="0.2">
      <c r="A5927" s="53">
        <f t="shared" si="1381"/>
        <v>5915</v>
      </c>
      <c r="B5927" s="239">
        <v>58.884</v>
      </c>
      <c r="C5927" s="3">
        <f t="shared" si="1382"/>
        <v>58.877000000000002</v>
      </c>
      <c r="D5927" s="239">
        <v>29.913399999999999</v>
      </c>
      <c r="E5927" s="239">
        <v>7.0699999999999999E-2</v>
      </c>
      <c r="F5927" s="239">
        <v>-3.5200000000000002E-2</v>
      </c>
      <c r="G5927">
        <f t="shared" si="1383"/>
        <v>29.906359999999999</v>
      </c>
      <c r="H5927" s="235">
        <f t="shared" si="1384"/>
        <v>0.23640456411278404</v>
      </c>
      <c r="I5927" s="236">
        <f t="shared" si="1385"/>
        <v>19.566062672807206</v>
      </c>
      <c r="J5927" s="237">
        <f t="shared" si="1390"/>
        <v>9.566062672807206</v>
      </c>
      <c r="K5927" s="237">
        <f t="shared" si="1386"/>
        <v>1151.9910719868699</v>
      </c>
      <c r="L5927" s="237">
        <f t="shared" si="1391"/>
        <v>563.28803442557955</v>
      </c>
      <c r="M5927" s="236">
        <f t="shared" si="1387"/>
        <v>51.04736328605982</v>
      </c>
      <c r="N5927" s="236">
        <f t="shared" si="1388"/>
        <v>0.24587567954281386</v>
      </c>
      <c r="O5927" s="236">
        <f t="shared" si="1392"/>
        <v>1.8648623410614826</v>
      </c>
      <c r="P5927" s="236" t="str">
        <f t="shared" si="1393"/>
        <v>SAND</v>
      </c>
      <c r="Q5927" s="236" t="e">
        <f t="shared" si="1389"/>
        <v>#N/A</v>
      </c>
      <c r="R5927" s="238">
        <v>35</v>
      </c>
      <c r="S5927" s="236" t="e">
        <f t="shared" si="1394"/>
        <v>#N/A</v>
      </c>
      <c r="T5927" s="236">
        <f t="shared" si="1380"/>
        <v>36.387706461606847</v>
      </c>
    </row>
    <row r="5928" spans="1:20" x14ac:dyDescent="0.2">
      <c r="A5928" s="53">
        <f t="shared" si="1381"/>
        <v>5916</v>
      </c>
      <c r="B5928" s="239">
        <v>58.893999999999998</v>
      </c>
      <c r="C5928" s="3">
        <f t="shared" si="1382"/>
        <v>58.887</v>
      </c>
      <c r="D5928" s="239">
        <v>30.280200000000001</v>
      </c>
      <c r="E5928" s="239">
        <v>7.5399999999999995E-2</v>
      </c>
      <c r="F5928" s="239">
        <v>-4.3400000000000001E-2</v>
      </c>
      <c r="G5928">
        <f t="shared" si="1383"/>
        <v>30.271520000000002</v>
      </c>
      <c r="H5928" s="235">
        <f t="shared" si="1384"/>
        <v>0.24907900230976171</v>
      </c>
      <c r="I5928" s="236">
        <f t="shared" si="1385"/>
        <v>19.646276493782743</v>
      </c>
      <c r="J5928" s="237">
        <f t="shared" si="1390"/>
        <v>9.646276493782743</v>
      </c>
      <c r="K5928" s="237">
        <f t="shared" si="1386"/>
        <v>1156.9102838893843</v>
      </c>
      <c r="L5928" s="237">
        <f t="shared" si="1391"/>
        <v>568.10780782484085</v>
      </c>
      <c r="M5928" s="236">
        <f t="shared" si="1387"/>
        <v>51.24838862465915</v>
      </c>
      <c r="N5928" s="236">
        <f t="shared" si="1388"/>
        <v>0.25897650950916673</v>
      </c>
      <c r="O5928" s="236">
        <f t="shared" si="1392"/>
        <v>1.8707603926920116</v>
      </c>
      <c r="P5928" s="236" t="str">
        <f t="shared" si="1393"/>
        <v>SAND</v>
      </c>
      <c r="Q5928" s="236" t="e">
        <f t="shared" si="1389"/>
        <v>#N/A</v>
      </c>
      <c r="R5928" s="238">
        <v>35</v>
      </c>
      <c r="S5928" s="236" t="e">
        <f t="shared" si="1394"/>
        <v>#N/A</v>
      </c>
      <c r="T5928" s="236">
        <f t="shared" si="1380"/>
        <v>36.406482361217883</v>
      </c>
    </row>
    <row r="5929" spans="1:20" x14ac:dyDescent="0.2">
      <c r="A5929" s="53">
        <f t="shared" si="1381"/>
        <v>5917</v>
      </c>
      <c r="B5929" s="239">
        <v>58.902999999999999</v>
      </c>
      <c r="C5929" s="3">
        <f t="shared" si="1382"/>
        <v>58.896000000000001</v>
      </c>
      <c r="D5929" s="239">
        <v>30.499600000000001</v>
      </c>
      <c r="E5929" s="239">
        <v>6.7100000000000007E-2</v>
      </c>
      <c r="F5929" s="239">
        <v>-5.7099999999999998E-2</v>
      </c>
      <c r="G5929">
        <f t="shared" si="1383"/>
        <v>30.48818</v>
      </c>
      <c r="H5929" s="235">
        <f t="shared" si="1384"/>
        <v>0.22008529207056637</v>
      </c>
      <c r="I5929" s="236">
        <f t="shared" si="1385"/>
        <v>19.512312208672039</v>
      </c>
      <c r="J5929" s="237">
        <f t="shared" si="1390"/>
        <v>9.5123122086720393</v>
      </c>
      <c r="K5929" s="237">
        <f t="shared" si="1386"/>
        <v>1149.1971398419485</v>
      </c>
      <c r="L5929" s="237">
        <f t="shared" si="1391"/>
        <v>560.30372602740908</v>
      </c>
      <c r="M5929" s="236">
        <f t="shared" si="1387"/>
        <v>52.3626410057513</v>
      </c>
      <c r="N5929" s="236">
        <f t="shared" si="1388"/>
        <v>0.2287059518042151</v>
      </c>
      <c r="O5929" s="236">
        <f t="shared" si="1392"/>
        <v>1.8443123219320563</v>
      </c>
      <c r="P5929" s="236" t="str">
        <f t="shared" si="1393"/>
        <v>SAND</v>
      </c>
      <c r="Q5929" s="236" t="e">
        <f t="shared" si="1389"/>
        <v>#N/A</v>
      </c>
      <c r="R5929" s="238">
        <v>35</v>
      </c>
      <c r="S5929" s="236" t="e">
        <f t="shared" si="1394"/>
        <v>#N/A</v>
      </c>
      <c r="T5929" s="236">
        <f t="shared" si="1380"/>
        <v>36.509236971560668</v>
      </c>
    </row>
    <row r="5930" spans="1:20" x14ac:dyDescent="0.2">
      <c r="A5930" s="53">
        <f t="shared" si="1381"/>
        <v>5918</v>
      </c>
      <c r="B5930" s="239">
        <v>58.912999999999997</v>
      </c>
      <c r="C5930" s="3">
        <f t="shared" si="1382"/>
        <v>58.905999999999999</v>
      </c>
      <c r="D5930" s="239">
        <v>30.6448</v>
      </c>
      <c r="E5930" s="239">
        <v>6.7599999999999993E-2</v>
      </c>
      <c r="F5930" s="239">
        <v>-6.2399999999999997E-2</v>
      </c>
      <c r="G5930">
        <f t="shared" si="1383"/>
        <v>30.63232</v>
      </c>
      <c r="H5930" s="235">
        <f t="shared" si="1384"/>
        <v>0.22068194638865091</v>
      </c>
      <c r="I5930" s="236">
        <f t="shared" si="1385"/>
        <v>19.5228610346167</v>
      </c>
      <c r="J5930" s="237">
        <f t="shared" si="1390"/>
        <v>9.5228610346166995</v>
      </c>
      <c r="K5930" s="237">
        <f t="shared" si="1386"/>
        <v>1150.0136521051313</v>
      </c>
      <c r="L5930" s="237">
        <f t="shared" si="1391"/>
        <v>561.02031213237353</v>
      </c>
      <c r="M5930" s="236">
        <f t="shared" si="1387"/>
        <v>52.551228022094278</v>
      </c>
      <c r="N5930" s="236">
        <f t="shared" si="1388"/>
        <v>0.22929006707382935</v>
      </c>
      <c r="O5930" s="236">
        <f t="shared" si="1392"/>
        <v>1.8431785931372693</v>
      </c>
      <c r="P5930" s="236" t="str">
        <f t="shared" si="1393"/>
        <v>SAND</v>
      </c>
      <c r="Q5930" s="236" t="e">
        <f t="shared" si="1389"/>
        <v>#N/A</v>
      </c>
      <c r="R5930" s="238">
        <v>35</v>
      </c>
      <c r="S5930" s="236" t="e">
        <f t="shared" si="1394"/>
        <v>#N/A</v>
      </c>
      <c r="T5930" s="236">
        <f t="shared" si="1380"/>
        <v>36.52641156029356</v>
      </c>
    </row>
    <row r="5931" spans="1:20" x14ac:dyDescent="0.2">
      <c r="A5931" s="53">
        <f t="shared" si="1381"/>
        <v>5919</v>
      </c>
      <c r="B5931" s="239">
        <v>58.921999999999997</v>
      </c>
      <c r="C5931" s="3">
        <f t="shared" si="1382"/>
        <v>58.914999999999999</v>
      </c>
      <c r="D5931" s="239">
        <v>30.8582</v>
      </c>
      <c r="E5931" s="239">
        <v>6.5699999999999995E-2</v>
      </c>
      <c r="F5931" s="239">
        <v>-3.5000000000000003E-2</v>
      </c>
      <c r="G5931">
        <f t="shared" si="1383"/>
        <v>30.851199999999999</v>
      </c>
      <c r="H5931" s="235">
        <f t="shared" si="1384"/>
        <v>0.21295768073851259</v>
      </c>
      <c r="I5931" s="236">
        <f t="shared" si="1385"/>
        <v>19.49221440725681</v>
      </c>
      <c r="J5931" s="237">
        <f t="shared" si="1390"/>
        <v>9.4922144072568102</v>
      </c>
      <c r="K5931" s="237">
        <f t="shared" si="1386"/>
        <v>1148.3838118035349</v>
      </c>
      <c r="L5931" s="237">
        <f t="shared" si="1391"/>
        <v>559.3002573043857</v>
      </c>
      <c r="M5931" s="236">
        <f t="shared" si="1387"/>
        <v>53.107102670312955</v>
      </c>
      <c r="N5931" s="236">
        <f t="shared" si="1388"/>
        <v>0.22119114761282593</v>
      </c>
      <c r="O5931" s="236">
        <f t="shared" si="1392"/>
        <v>1.8339724702824549</v>
      </c>
      <c r="P5931" s="236" t="str">
        <f t="shared" si="1393"/>
        <v>SAND</v>
      </c>
      <c r="Q5931" s="236" t="e">
        <f t="shared" si="1389"/>
        <v>#N/A</v>
      </c>
      <c r="R5931" s="238">
        <v>35</v>
      </c>
      <c r="S5931" s="236" t="e">
        <f t="shared" si="1394"/>
        <v>#N/A</v>
      </c>
      <c r="T5931" s="236">
        <f t="shared" si="1380"/>
        <v>36.576678693979829</v>
      </c>
    </row>
    <row r="5932" spans="1:20" x14ac:dyDescent="0.2">
      <c r="A5932" s="53">
        <f t="shared" si="1381"/>
        <v>5920</v>
      </c>
      <c r="B5932" s="239">
        <v>58.930999999999997</v>
      </c>
      <c r="C5932" s="3">
        <f t="shared" si="1382"/>
        <v>58.923999999999999</v>
      </c>
      <c r="D5932" s="239">
        <v>30.960100000000001</v>
      </c>
      <c r="E5932" s="239">
        <v>6.3500000000000001E-2</v>
      </c>
      <c r="F5932" s="239">
        <v>-3.2099999999999997E-2</v>
      </c>
      <c r="G5932">
        <f t="shared" si="1383"/>
        <v>30.953680000000002</v>
      </c>
      <c r="H5932" s="235">
        <f t="shared" si="1384"/>
        <v>0.2051452363660799</v>
      </c>
      <c r="I5932" s="236">
        <f t="shared" si="1385"/>
        <v>19.453573172349433</v>
      </c>
      <c r="J5932" s="237">
        <f t="shared" si="1390"/>
        <v>9.453573172349433</v>
      </c>
      <c r="K5932" s="237">
        <f t="shared" si="1386"/>
        <v>1146.282345607518</v>
      </c>
      <c r="L5932" s="237">
        <f t="shared" si="1391"/>
        <v>557.10852061972446</v>
      </c>
      <c r="M5932" s="236">
        <f t="shared" si="1387"/>
        <v>53.503754746444912</v>
      </c>
      <c r="N5932" s="236">
        <f t="shared" si="1388"/>
        <v>0.21303436393965947</v>
      </c>
      <c r="O5932" s="236">
        <f t="shared" si="1392"/>
        <v>1.8259305619878454</v>
      </c>
      <c r="P5932" s="236" t="str">
        <f t="shared" si="1393"/>
        <v>SAND</v>
      </c>
      <c r="Q5932" s="236" t="e">
        <f t="shared" si="1389"/>
        <v>#N/A</v>
      </c>
      <c r="R5932" s="238">
        <v>35</v>
      </c>
      <c r="S5932" s="236" t="e">
        <f t="shared" si="1394"/>
        <v>#N/A</v>
      </c>
      <c r="T5932" s="236">
        <f t="shared" si="1380"/>
        <v>36.612226867520818</v>
      </c>
    </row>
    <row r="5933" spans="1:20" x14ac:dyDescent="0.2">
      <c r="A5933" s="53">
        <f t="shared" si="1381"/>
        <v>5921</v>
      </c>
      <c r="B5933" s="239">
        <v>58.941000000000003</v>
      </c>
      <c r="C5933" s="3">
        <f t="shared" si="1382"/>
        <v>58.934000000000005</v>
      </c>
      <c r="D5933" s="239">
        <v>30.955200000000001</v>
      </c>
      <c r="E5933" s="239">
        <v>6.5199999999999994E-2</v>
      </c>
      <c r="F5933" s="239">
        <v>-1.1599999999999999E-2</v>
      </c>
      <c r="G5933">
        <f t="shared" si="1383"/>
        <v>30.95288</v>
      </c>
      <c r="H5933" s="235">
        <f t="shared" si="1384"/>
        <v>0.21064275763676915</v>
      </c>
      <c r="I5933" s="236">
        <f t="shared" si="1385"/>
        <v>19.484542520472917</v>
      </c>
      <c r="J5933" s="237">
        <f t="shared" si="1390"/>
        <v>9.4845425204729175</v>
      </c>
      <c r="K5933" s="237">
        <f t="shared" si="1386"/>
        <v>1148.302028901551</v>
      </c>
      <c r="L5933" s="237">
        <f t="shared" si="1391"/>
        <v>559.02842069919427</v>
      </c>
      <c r="M5933" s="236">
        <f t="shared" si="1387"/>
        <v>53.31496014785963</v>
      </c>
      <c r="N5933" s="236">
        <f t="shared" si="1388"/>
        <v>0.21875833995443433</v>
      </c>
      <c r="O5933" s="236">
        <f t="shared" si="1392"/>
        <v>1.8308837957210904</v>
      </c>
      <c r="P5933" s="236" t="str">
        <f t="shared" si="1393"/>
        <v>SAND</v>
      </c>
      <c r="Q5933" s="236" t="e">
        <f t="shared" si="1389"/>
        <v>#N/A</v>
      </c>
      <c r="R5933" s="238">
        <v>35</v>
      </c>
      <c r="S5933" s="236" t="e">
        <f t="shared" si="1394"/>
        <v>#N/A</v>
      </c>
      <c r="T5933" s="236">
        <f t="shared" si="1380"/>
        <v>36.595339978061446</v>
      </c>
    </row>
    <row r="5934" spans="1:20" x14ac:dyDescent="0.2">
      <c r="A5934" s="53">
        <f t="shared" si="1381"/>
        <v>5922</v>
      </c>
      <c r="B5934" s="239">
        <v>58.951000000000001</v>
      </c>
      <c r="C5934" s="3">
        <f t="shared" si="1382"/>
        <v>58.944000000000003</v>
      </c>
      <c r="D5934" s="239">
        <v>30.509699999999999</v>
      </c>
      <c r="E5934" s="239">
        <v>6.6900000000000001E-2</v>
      </c>
      <c r="F5934" s="239">
        <v>-2.1000000000000001E-2</v>
      </c>
      <c r="G5934">
        <f t="shared" si="1383"/>
        <v>30.505499999999998</v>
      </c>
      <c r="H5934" s="235">
        <f t="shared" si="1384"/>
        <v>0.2193047155430988</v>
      </c>
      <c r="I5934" s="236">
        <f t="shared" si="1385"/>
        <v>19.509033905271917</v>
      </c>
      <c r="J5934" s="237">
        <f t="shared" si="1390"/>
        <v>9.5090339052719166</v>
      </c>
      <c r="K5934" s="237">
        <f t="shared" si="1386"/>
        <v>1149.9404945123479</v>
      </c>
      <c r="L5934" s="237">
        <f t="shared" si="1391"/>
        <v>560.56705774968475</v>
      </c>
      <c r="M5934" s="236">
        <f t="shared" si="1387"/>
        <v>52.367614364160623</v>
      </c>
      <c r="N5934" s="236">
        <f t="shared" si="1388"/>
        <v>0.22789550302215805</v>
      </c>
      <c r="O5934" s="236">
        <f t="shared" si="1392"/>
        <v>1.8437894991427832</v>
      </c>
      <c r="P5934" s="236" t="str">
        <f t="shared" si="1393"/>
        <v>SAND</v>
      </c>
      <c r="Q5934" s="236" t="e">
        <f t="shared" si="1389"/>
        <v>#N/A</v>
      </c>
      <c r="R5934" s="238">
        <v>35</v>
      </c>
      <c r="S5934" s="236" t="e">
        <f t="shared" si="1394"/>
        <v>#N/A</v>
      </c>
      <c r="T5934" s="236">
        <f t="shared" si="1380"/>
        <v>36.509690688076205</v>
      </c>
    </row>
    <row r="5935" spans="1:20" x14ac:dyDescent="0.2">
      <c r="A5935" s="53">
        <f t="shared" si="1381"/>
        <v>5923</v>
      </c>
      <c r="B5935" s="239">
        <v>58.962000000000003</v>
      </c>
      <c r="C5935" s="3">
        <f t="shared" si="1382"/>
        <v>58.955000000000005</v>
      </c>
      <c r="D5935" s="239">
        <v>30.270499999999998</v>
      </c>
      <c r="E5935" s="239">
        <v>6.7500000000000004E-2</v>
      </c>
      <c r="F5935" s="239">
        <v>-1.21E-2</v>
      </c>
      <c r="G5935">
        <f t="shared" si="1383"/>
        <v>30.268079999999998</v>
      </c>
      <c r="H5935" s="235">
        <f t="shared" si="1384"/>
        <v>0.22300720759294945</v>
      </c>
      <c r="I5935" s="236">
        <f t="shared" si="1385"/>
        <v>19.516449626868791</v>
      </c>
      <c r="J5935" s="237">
        <f t="shared" si="1390"/>
        <v>9.5164496268687913</v>
      </c>
      <c r="K5935" s="237">
        <f t="shared" si="1386"/>
        <v>1150.5922877520497</v>
      </c>
      <c r="L5935" s="237">
        <f t="shared" si="1391"/>
        <v>561.10890289943768</v>
      </c>
      <c r="M5935" s="236">
        <f t="shared" si="1387"/>
        <v>51.892756578603787</v>
      </c>
      <c r="N5935" s="236">
        <f t="shared" si="1388"/>
        <v>0.23181945045213109</v>
      </c>
      <c r="O5935" s="236">
        <f t="shared" si="1392"/>
        <v>1.8498785695269402</v>
      </c>
      <c r="P5935" s="236" t="str">
        <f t="shared" si="1393"/>
        <v>SAND</v>
      </c>
      <c r="Q5935" s="236" t="e">
        <f t="shared" si="1389"/>
        <v>#N/A</v>
      </c>
      <c r="R5935" s="238">
        <v>35</v>
      </c>
      <c r="S5935" s="236" t="e">
        <f t="shared" si="1394"/>
        <v>#N/A</v>
      </c>
      <c r="T5935" s="236">
        <f t="shared" si="1380"/>
        <v>36.466174154592885</v>
      </c>
    </row>
    <row r="5936" spans="1:20" x14ac:dyDescent="0.2">
      <c r="A5936" s="53">
        <f t="shared" si="1381"/>
        <v>5924</v>
      </c>
      <c r="B5936" s="239">
        <v>58.970999999999997</v>
      </c>
      <c r="C5936" s="3">
        <f t="shared" si="1382"/>
        <v>58.963999999999999</v>
      </c>
      <c r="D5936" s="239">
        <v>30.007100000000001</v>
      </c>
      <c r="E5936" s="239">
        <v>6.6600000000000006E-2</v>
      </c>
      <c r="F5936" s="239">
        <v>-6.9999999999999999E-4</v>
      </c>
      <c r="G5936">
        <f t="shared" si="1383"/>
        <v>30.006960000000003</v>
      </c>
      <c r="H5936" s="235">
        <f t="shared" si="1384"/>
        <v>0.22194850794615648</v>
      </c>
      <c r="I5936" s="236">
        <f t="shared" si="1385"/>
        <v>19.497323272560482</v>
      </c>
      <c r="J5936" s="237">
        <f t="shared" si="1390"/>
        <v>9.4973232725604824</v>
      </c>
      <c r="K5936" s="237">
        <f t="shared" si="1386"/>
        <v>1149.6401694432564</v>
      </c>
      <c r="L5936" s="237">
        <f t="shared" si="1391"/>
        <v>560.06665070616418</v>
      </c>
      <c r="M5936" s="236">
        <f t="shared" si="1387"/>
        <v>51.524795833088405</v>
      </c>
      <c r="N5936" s="236">
        <f t="shared" si="1388"/>
        <v>0.23079066382830846</v>
      </c>
      <c r="O5936" s="236">
        <f t="shared" si="1392"/>
        <v>1.8522014665007509</v>
      </c>
      <c r="P5936" s="236" t="str">
        <f t="shared" si="1393"/>
        <v>SAND</v>
      </c>
      <c r="Q5936" s="236" t="e">
        <f t="shared" si="1389"/>
        <v>#N/A</v>
      </c>
      <c r="R5936" s="238">
        <v>35</v>
      </c>
      <c r="S5936" s="236" t="e">
        <f t="shared" si="1394"/>
        <v>#N/A</v>
      </c>
      <c r="T5936" s="236">
        <f t="shared" si="1380"/>
        <v>36.432179075199052</v>
      </c>
    </row>
    <row r="5937" spans="1:20" x14ac:dyDescent="0.2">
      <c r="A5937" s="53">
        <f t="shared" si="1381"/>
        <v>5925</v>
      </c>
      <c r="B5937" s="239">
        <v>58.981000000000002</v>
      </c>
      <c r="C5937" s="3">
        <f t="shared" si="1382"/>
        <v>58.974000000000004</v>
      </c>
      <c r="D5937" s="239">
        <v>29.685099999999998</v>
      </c>
      <c r="E5937" s="239">
        <v>6.3600000000000004E-2</v>
      </c>
      <c r="F5937" s="239">
        <v>2.58E-2</v>
      </c>
      <c r="G5937">
        <f t="shared" si="1383"/>
        <v>29.690259999999999</v>
      </c>
      <c r="H5937" s="235">
        <f t="shared" si="1384"/>
        <v>0.21421166402719277</v>
      </c>
      <c r="I5937" s="236">
        <f t="shared" si="1385"/>
        <v>19.439129867321235</v>
      </c>
      <c r="J5937" s="237">
        <f t="shared" si="1390"/>
        <v>9.4391298673212347</v>
      </c>
      <c r="K5937" s="237">
        <f t="shared" si="1386"/>
        <v>1146.4032447954025</v>
      </c>
      <c r="L5937" s="237">
        <f t="shared" si="1391"/>
        <v>556.72931870447371</v>
      </c>
      <c r="M5937" s="236">
        <f t="shared" si="1387"/>
        <v>51.270618945715007</v>
      </c>
      <c r="N5937" s="236">
        <f t="shared" si="1388"/>
        <v>0.22281501951695221</v>
      </c>
      <c r="O5937" s="236">
        <f t="shared" si="1392"/>
        <v>1.8494927946043132</v>
      </c>
      <c r="P5937" s="236" t="str">
        <f t="shared" si="1393"/>
        <v>SAND</v>
      </c>
      <c r="Q5937" s="236" t="e">
        <f t="shared" si="1389"/>
        <v>#N/A</v>
      </c>
      <c r="R5937" s="238">
        <v>35</v>
      </c>
      <c r="S5937" s="236" t="e">
        <f t="shared" si="1394"/>
        <v>#N/A</v>
      </c>
      <c r="T5937" s="236">
        <f t="shared" si="1380"/>
        <v>36.408554163659232</v>
      </c>
    </row>
    <row r="5938" spans="1:20" x14ac:dyDescent="0.2">
      <c r="A5938" s="53">
        <f t="shared" si="1381"/>
        <v>5926</v>
      </c>
      <c r="B5938" s="239">
        <v>58.984000000000002</v>
      </c>
      <c r="C5938" s="3">
        <f t="shared" si="1382"/>
        <v>58.977000000000004</v>
      </c>
      <c r="D5938" s="239">
        <v>29.310300000000002</v>
      </c>
      <c r="E5938" s="239">
        <v>6.0499999999999998E-2</v>
      </c>
      <c r="F5938" s="239">
        <v>4.2599999999999999E-2</v>
      </c>
      <c r="G5938">
        <f t="shared" si="1383"/>
        <v>29.318820000000002</v>
      </c>
      <c r="H5938" s="235">
        <f t="shared" si="1384"/>
        <v>0.20635209739000407</v>
      </c>
      <c r="I5938" s="236">
        <f t="shared" si="1385"/>
        <v>19.375614404415206</v>
      </c>
      <c r="J5938" s="237">
        <f t="shared" si="1390"/>
        <v>9.3756144044152059</v>
      </c>
      <c r="K5938" s="237">
        <f t="shared" si="1386"/>
        <v>1142.7156107291958</v>
      </c>
      <c r="L5938" s="237">
        <f t="shared" si="1391"/>
        <v>553.01124003002656</v>
      </c>
      <c r="M5938" s="236">
        <f t="shared" si="1387"/>
        <v>50.950328582364698</v>
      </c>
      <c r="N5938" s="236">
        <f t="shared" si="1388"/>
        <v>0.21472095348652182</v>
      </c>
      <c r="O5938" s="236">
        <f t="shared" si="1392"/>
        <v>1.8472184822219089</v>
      </c>
      <c r="P5938" s="236" t="str">
        <f t="shared" si="1393"/>
        <v>SAND</v>
      </c>
      <c r="Q5938" s="236" t="e">
        <f t="shared" si="1389"/>
        <v>#N/A</v>
      </c>
      <c r="R5938" s="238">
        <v>35</v>
      </c>
      <c r="S5938" s="236" t="e">
        <f t="shared" si="1394"/>
        <v>#N/A</v>
      </c>
      <c r="T5938" s="236">
        <f t="shared" si="1380"/>
        <v>36.378616880629011</v>
      </c>
    </row>
    <row r="5939" spans="1:20" x14ac:dyDescent="0.2">
      <c r="A5939" s="53">
        <f t="shared" si="1381"/>
        <v>5927</v>
      </c>
      <c r="B5939" s="239">
        <v>58.994999999999997</v>
      </c>
      <c r="C5939" s="3">
        <f t="shared" si="1382"/>
        <v>58.988</v>
      </c>
      <c r="D5939" s="239">
        <v>26.062799999999999</v>
      </c>
      <c r="E5939" s="239">
        <v>5.96E-2</v>
      </c>
      <c r="F5939" s="239">
        <v>0.15509999999999999</v>
      </c>
      <c r="G5939">
        <f t="shared" si="1383"/>
        <v>26.093820000000001</v>
      </c>
      <c r="H5939" s="235">
        <f t="shared" si="1384"/>
        <v>0.2284065728973374</v>
      </c>
      <c r="I5939" s="236">
        <f t="shared" si="1385"/>
        <v>19.312491851675158</v>
      </c>
      <c r="J5939" s="237">
        <f t="shared" si="1390"/>
        <v>9.3124918516751585</v>
      </c>
      <c r="K5939" s="237">
        <f t="shared" si="1386"/>
        <v>1139.2052693466142</v>
      </c>
      <c r="L5939" s="237">
        <f t="shared" si="1391"/>
        <v>549.39045678957598</v>
      </c>
      <c r="M5939" s="236">
        <f t="shared" si="1387"/>
        <v>45.422366592383938</v>
      </c>
      <c r="N5939" s="236">
        <f t="shared" si="1388"/>
        <v>0.23883358105621011</v>
      </c>
      <c r="O5939" s="236">
        <f t="shared" si="1392"/>
        <v>1.9088501843232146</v>
      </c>
      <c r="P5939" s="236" t="str">
        <f t="shared" si="1393"/>
        <v>SAND</v>
      </c>
      <c r="Q5939" s="236" t="e">
        <f t="shared" si="1389"/>
        <v>#N/A</v>
      </c>
      <c r="R5939" s="238">
        <v>35</v>
      </c>
      <c r="S5939" s="236" t="e">
        <f t="shared" si="1394"/>
        <v>#N/A</v>
      </c>
      <c r="T5939" s="236">
        <f t="shared" si="1380"/>
        <v>35.829967338531858</v>
      </c>
    </row>
    <row r="5940" spans="1:20" x14ac:dyDescent="0.2">
      <c r="A5940" s="53">
        <f t="shared" si="1381"/>
        <v>5928</v>
      </c>
      <c r="B5940" s="239">
        <v>59.003999999999998</v>
      </c>
      <c r="C5940" s="3">
        <f t="shared" si="1382"/>
        <v>58.997</v>
      </c>
      <c r="D5940" s="239">
        <v>28.206299999999999</v>
      </c>
      <c r="E5940" s="239">
        <v>5.7299999999999997E-2</v>
      </c>
      <c r="F5940" s="239">
        <v>0.1792</v>
      </c>
      <c r="G5940">
        <f t="shared" si="1383"/>
        <v>28.242139999999999</v>
      </c>
      <c r="H5940" s="235">
        <f t="shared" si="1384"/>
        <v>0.20288830803898003</v>
      </c>
      <c r="I5940" s="236">
        <f t="shared" si="1385"/>
        <v>19.297268375089804</v>
      </c>
      <c r="J5940" s="237">
        <f t="shared" si="1390"/>
        <v>9.2972683750898035</v>
      </c>
      <c r="K5940" s="237">
        <f t="shared" si="1386"/>
        <v>1138.4809423251731</v>
      </c>
      <c r="L5940" s="237">
        <f t="shared" si="1391"/>
        <v>548.57602320379874</v>
      </c>
      <c r="M5940" s="236">
        <f t="shared" si="1387"/>
        <v>49.407298006543904</v>
      </c>
      <c r="N5940" s="236">
        <f t="shared" si="1388"/>
        <v>0.21141056961375332</v>
      </c>
      <c r="O5940" s="236">
        <f t="shared" si="1392"/>
        <v>1.8579777065660958</v>
      </c>
      <c r="P5940" s="236" t="str">
        <f t="shared" si="1393"/>
        <v>SAND</v>
      </c>
      <c r="Q5940" s="236" t="e">
        <f t="shared" si="1389"/>
        <v>#N/A</v>
      </c>
      <c r="R5940" s="238">
        <v>35</v>
      </c>
      <c r="S5940" s="236" t="e">
        <f t="shared" si="1394"/>
        <v>#N/A</v>
      </c>
      <c r="T5940" s="236">
        <f t="shared" si="1380"/>
        <v>36.231702141573663</v>
      </c>
    </row>
    <row r="5941" spans="1:20" x14ac:dyDescent="0.2">
      <c r="A5941" s="53">
        <f t="shared" si="1381"/>
        <v>5929</v>
      </c>
      <c r="B5941" s="239">
        <v>59.015000000000001</v>
      </c>
      <c r="C5941" s="3">
        <f t="shared" si="1382"/>
        <v>59.008000000000003</v>
      </c>
      <c r="D5941" s="239">
        <v>28.072399999999998</v>
      </c>
      <c r="E5941" s="239">
        <v>5.7200000000000001E-2</v>
      </c>
      <c r="F5941" s="239">
        <v>0.20499999999999999</v>
      </c>
      <c r="G5941">
        <f t="shared" si="1383"/>
        <v>28.113399999999999</v>
      </c>
      <c r="H5941" s="235">
        <f t="shared" si="1384"/>
        <v>0.20346169442329995</v>
      </c>
      <c r="I5941" s="236">
        <f t="shared" si="1385"/>
        <v>19.293434366765194</v>
      </c>
      <c r="J5941" s="237">
        <f t="shared" si="1390"/>
        <v>9.2934343667651937</v>
      </c>
      <c r="K5941" s="237">
        <f t="shared" si="1386"/>
        <v>1138.4669751140807</v>
      </c>
      <c r="L5941" s="237">
        <f t="shared" si="1391"/>
        <v>548.4520291546479</v>
      </c>
      <c r="M5941" s="236">
        <f t="shared" si="1387"/>
        <v>49.183760093774318</v>
      </c>
      <c r="N5941" s="236">
        <f t="shared" si="1388"/>
        <v>0.21204871925809687</v>
      </c>
      <c r="O5941" s="236">
        <f t="shared" si="1392"/>
        <v>1.8602445787207953</v>
      </c>
      <c r="P5941" s="236" t="str">
        <f t="shared" si="1393"/>
        <v>SAND</v>
      </c>
      <c r="Q5941" s="236" t="e">
        <f t="shared" si="1389"/>
        <v>#N/A</v>
      </c>
      <c r="R5941" s="238">
        <v>35</v>
      </c>
      <c r="S5941" s="236" t="e">
        <f t="shared" si="1394"/>
        <v>#N/A</v>
      </c>
      <c r="T5941" s="236">
        <f t="shared" si="1380"/>
        <v>36.210039001880403</v>
      </c>
    </row>
    <row r="5942" spans="1:20" x14ac:dyDescent="0.2">
      <c r="A5942" s="53">
        <f t="shared" si="1381"/>
        <v>5930</v>
      </c>
      <c r="B5942" s="239">
        <v>59.024000000000001</v>
      </c>
      <c r="C5942" s="3">
        <f t="shared" si="1382"/>
        <v>59.017000000000003</v>
      </c>
      <c r="D5942" s="239">
        <v>27.623899999999999</v>
      </c>
      <c r="E5942" s="239">
        <v>5.6300000000000003E-2</v>
      </c>
      <c r="F5942" s="239">
        <v>0.21060000000000001</v>
      </c>
      <c r="G5942">
        <f t="shared" si="1383"/>
        <v>27.66602</v>
      </c>
      <c r="H5942" s="235">
        <f t="shared" si="1384"/>
        <v>0.20349873238000984</v>
      </c>
      <c r="I5942" s="236">
        <f t="shared" si="1385"/>
        <v>19.268567738383609</v>
      </c>
      <c r="J5942" s="237">
        <f t="shared" si="1390"/>
        <v>9.2685677383836094</v>
      </c>
      <c r="K5942" s="237">
        <f t="shared" si="1386"/>
        <v>1137.1730622161856</v>
      </c>
      <c r="L5942" s="237">
        <f t="shared" si="1391"/>
        <v>547.06794219035419</v>
      </c>
      <c r="M5942" s="236">
        <f t="shared" si="1387"/>
        <v>48.492782873672773</v>
      </c>
      <c r="N5942" s="236">
        <f t="shared" si="1388"/>
        <v>0.21222181322858216</v>
      </c>
      <c r="O5942" s="236">
        <f t="shared" si="1392"/>
        <v>1.8662227922542791</v>
      </c>
      <c r="P5942" s="236" t="str">
        <f t="shared" si="1393"/>
        <v>SAND</v>
      </c>
      <c r="Q5942" s="236" t="e">
        <f t="shared" si="1389"/>
        <v>#N/A</v>
      </c>
      <c r="R5942" s="238">
        <v>35</v>
      </c>
      <c r="S5942" s="236" t="e">
        <f t="shared" si="1394"/>
        <v>#N/A</v>
      </c>
      <c r="T5942" s="236">
        <f t="shared" si="1380"/>
        <v>36.142448186376257</v>
      </c>
    </row>
    <row r="5943" spans="1:20" x14ac:dyDescent="0.2">
      <c r="A5943" s="53">
        <f t="shared" si="1381"/>
        <v>5931</v>
      </c>
      <c r="B5943" s="239">
        <v>59.033999999999999</v>
      </c>
      <c r="C5943" s="3">
        <f t="shared" si="1382"/>
        <v>59.027000000000001</v>
      </c>
      <c r="D5943" s="239">
        <v>26.8033</v>
      </c>
      <c r="E5943" s="239">
        <v>5.0799999999999998E-2</v>
      </c>
      <c r="F5943" s="239">
        <v>0.26590000000000003</v>
      </c>
      <c r="G5943">
        <f t="shared" si="1383"/>
        <v>26.856480000000001</v>
      </c>
      <c r="H5943" s="235">
        <f t="shared" si="1384"/>
        <v>0.18915360464215711</v>
      </c>
      <c r="I5943" s="236">
        <f t="shared" si="1385"/>
        <v>19.136419258872817</v>
      </c>
      <c r="J5943" s="237">
        <f t="shared" si="1390"/>
        <v>9.1364192588728166</v>
      </c>
      <c r="K5943" s="237">
        <f t="shared" si="1386"/>
        <v>1129.5654195934858</v>
      </c>
      <c r="L5943" s="237">
        <f t="shared" si="1391"/>
        <v>539.35937452829785</v>
      </c>
      <c r="M5943" s="236">
        <f t="shared" si="1387"/>
        <v>47.699021831049556</v>
      </c>
      <c r="N5943" s="236">
        <f t="shared" si="1388"/>
        <v>0.19745857919040558</v>
      </c>
      <c r="O5943" s="236">
        <f t="shared" si="1392"/>
        <v>1.8641764462756061</v>
      </c>
      <c r="P5943" s="236" t="str">
        <f t="shared" si="1393"/>
        <v>SAND</v>
      </c>
      <c r="Q5943" s="236" t="e">
        <f t="shared" si="1389"/>
        <v>#N/A</v>
      </c>
      <c r="R5943" s="238">
        <v>35</v>
      </c>
      <c r="S5943" s="236" t="e">
        <f t="shared" si="1394"/>
        <v>#N/A</v>
      </c>
      <c r="T5943" s="236">
        <f t="shared" si="1380"/>
        <v>36.06360420308765</v>
      </c>
    </row>
    <row r="5944" spans="1:20" x14ac:dyDescent="0.2">
      <c r="A5944" s="53">
        <f t="shared" si="1381"/>
        <v>5932</v>
      </c>
      <c r="B5944" s="239">
        <v>59.045000000000002</v>
      </c>
      <c r="C5944" s="3">
        <f t="shared" si="1382"/>
        <v>59.038000000000004</v>
      </c>
      <c r="D5944" s="239">
        <v>25.812799999999999</v>
      </c>
      <c r="E5944" s="239">
        <v>5.0500000000000003E-2</v>
      </c>
      <c r="F5944" s="239">
        <v>0.30940000000000001</v>
      </c>
      <c r="G5944">
        <f t="shared" si="1383"/>
        <v>25.874679999999998</v>
      </c>
      <c r="H5944" s="235">
        <f t="shared" si="1384"/>
        <v>0.19517149584072155</v>
      </c>
      <c r="I5944" s="236">
        <f t="shared" si="1385"/>
        <v>19.114917264005051</v>
      </c>
      <c r="J5944" s="237">
        <f t="shared" si="1390"/>
        <v>9.1149172640050509</v>
      </c>
      <c r="K5944" s="237">
        <f t="shared" si="1386"/>
        <v>1128.5064854323302</v>
      </c>
      <c r="L5944" s="237">
        <f t="shared" si="1391"/>
        <v>538.19028985317823</v>
      </c>
      <c r="M5944" s="236">
        <f t="shared" si="1387"/>
        <v>45.980341862575372</v>
      </c>
      <c r="N5944" s="236">
        <f t="shared" si="1388"/>
        <v>0.20407195468128228</v>
      </c>
      <c r="O5944" s="236">
        <f t="shared" si="1392"/>
        <v>1.8834716981520923</v>
      </c>
      <c r="P5944" s="236" t="str">
        <f t="shared" si="1393"/>
        <v>SAND</v>
      </c>
      <c r="Q5944" s="236" t="e">
        <f t="shared" si="1389"/>
        <v>#N/A</v>
      </c>
      <c r="R5944" s="238">
        <v>35</v>
      </c>
      <c r="S5944" s="236" t="e">
        <f t="shared" si="1394"/>
        <v>#N/A</v>
      </c>
      <c r="T5944" s="236">
        <f t="shared" si="1380"/>
        <v>35.888294155040533</v>
      </c>
    </row>
    <row r="5945" spans="1:20" x14ac:dyDescent="0.2">
      <c r="A5945" s="53">
        <f t="shared" si="1381"/>
        <v>5933</v>
      </c>
      <c r="B5945" s="239">
        <v>59.055999999999997</v>
      </c>
      <c r="C5945" s="3">
        <f t="shared" si="1382"/>
        <v>59.048999999999999</v>
      </c>
      <c r="D5945" s="239">
        <v>24.759899999999998</v>
      </c>
      <c r="E5945" s="239">
        <v>5.4600000000000003E-2</v>
      </c>
      <c r="F5945" s="239">
        <v>0.30299999999999999</v>
      </c>
      <c r="G5945">
        <f t="shared" si="1383"/>
        <v>24.820499999999999</v>
      </c>
      <c r="H5945" s="235">
        <f t="shared" si="1384"/>
        <v>0.21997945246872547</v>
      </c>
      <c r="I5945" s="236">
        <f t="shared" si="1385"/>
        <v>19.190192663045835</v>
      </c>
      <c r="J5945" s="237">
        <f t="shared" si="1390"/>
        <v>9.1901926630458348</v>
      </c>
      <c r="K5945" s="237">
        <f t="shared" si="1386"/>
        <v>1133.1616865601934</v>
      </c>
      <c r="L5945" s="237">
        <f t="shared" si="1391"/>
        <v>542.73601790883481</v>
      </c>
      <c r="M5945" s="236">
        <f t="shared" si="1387"/>
        <v>43.644308709614052</v>
      </c>
      <c r="N5945" s="236">
        <f t="shared" si="1388"/>
        <v>0.23050289263197146</v>
      </c>
      <c r="O5945" s="236">
        <f t="shared" si="1392"/>
        <v>1.920592794752199</v>
      </c>
      <c r="P5945" s="236" t="str">
        <f t="shared" si="1393"/>
        <v>SAND</v>
      </c>
      <c r="Q5945" s="236" t="e">
        <f t="shared" si="1389"/>
        <v>#N/A</v>
      </c>
      <c r="R5945" s="238">
        <v>35</v>
      </c>
      <c r="S5945" s="236" t="e">
        <f t="shared" si="1394"/>
        <v>#N/A</v>
      </c>
      <c r="T5945" s="236">
        <f t="shared" si="1380"/>
        <v>35.639203809127565</v>
      </c>
    </row>
    <row r="5946" spans="1:20" x14ac:dyDescent="0.2">
      <c r="A5946" s="53">
        <f t="shared" si="1381"/>
        <v>5934</v>
      </c>
      <c r="B5946" s="239">
        <v>59.066000000000003</v>
      </c>
      <c r="C5946" s="3">
        <f t="shared" si="1382"/>
        <v>59.059000000000005</v>
      </c>
      <c r="D5946" s="239">
        <v>23.729500000000002</v>
      </c>
      <c r="E5946" s="239">
        <v>5.8299999999999998E-2</v>
      </c>
      <c r="F5946" s="239">
        <v>0.35170000000000001</v>
      </c>
      <c r="G5946">
        <f t="shared" si="1383"/>
        <v>23.799840000000003</v>
      </c>
      <c r="H5946" s="235">
        <f t="shared" si="1384"/>
        <v>0.24495962998070572</v>
      </c>
      <c r="I5946" s="236">
        <f t="shared" si="1385"/>
        <v>19.250664785909763</v>
      </c>
      <c r="J5946" s="237">
        <f t="shared" si="1390"/>
        <v>9.2506647859097626</v>
      </c>
      <c r="K5946" s="237">
        <f t="shared" si="1386"/>
        <v>1136.9250115910447</v>
      </c>
      <c r="L5946" s="237">
        <f t="shared" si="1391"/>
        <v>546.39976624454607</v>
      </c>
      <c r="M5946" s="236">
        <f t="shared" si="1387"/>
        <v>41.476802130010377</v>
      </c>
      <c r="N5946" s="236">
        <f t="shared" si="1388"/>
        <v>0.25724846088783271</v>
      </c>
      <c r="O5946" s="236">
        <f t="shared" si="1392"/>
        <v>1.9565198620750124</v>
      </c>
      <c r="P5946" s="236" t="str">
        <f t="shared" si="1393"/>
        <v>SAND</v>
      </c>
      <c r="Q5946" s="236" t="e">
        <f t="shared" si="1389"/>
        <v>#N/A</v>
      </c>
      <c r="R5946" s="238">
        <v>35</v>
      </c>
      <c r="S5946" s="236" t="e">
        <f t="shared" si="1394"/>
        <v>#N/A</v>
      </c>
      <c r="T5946" s="236">
        <f t="shared" si="1380"/>
        <v>35.395857912950973</v>
      </c>
    </row>
    <row r="5947" spans="1:20" x14ac:dyDescent="0.2">
      <c r="A5947" s="53">
        <f t="shared" si="1381"/>
        <v>5935</v>
      </c>
      <c r="B5947" s="239">
        <v>59.076999999999998</v>
      </c>
      <c r="C5947" s="3">
        <f t="shared" si="1382"/>
        <v>59.07</v>
      </c>
      <c r="D5947" s="239">
        <v>22.394300000000001</v>
      </c>
      <c r="E5947" s="239">
        <v>6.0699999999999997E-2</v>
      </c>
      <c r="F5947" s="239">
        <v>0.3231</v>
      </c>
      <c r="G5947">
        <f t="shared" si="1383"/>
        <v>22.458920000000003</v>
      </c>
      <c r="H5947" s="235">
        <f t="shared" si="1384"/>
        <v>0.27027123298894157</v>
      </c>
      <c r="I5947" s="236">
        <f t="shared" si="1385"/>
        <v>19.275302501631842</v>
      </c>
      <c r="J5947" s="237">
        <f t="shared" si="1390"/>
        <v>9.2753025016318418</v>
      </c>
      <c r="K5947" s="237">
        <f t="shared" si="1386"/>
        <v>1138.592118771393</v>
      </c>
      <c r="L5947" s="237">
        <f t="shared" si="1391"/>
        <v>547.9570458889043</v>
      </c>
      <c r="M5947" s="236">
        <f t="shared" si="1387"/>
        <v>38.908757613733108</v>
      </c>
      <c r="N5947" s="236">
        <f t="shared" si="1388"/>
        <v>0.28470481475776482</v>
      </c>
      <c r="O5947" s="236">
        <f t="shared" si="1392"/>
        <v>1.9972556864200897</v>
      </c>
      <c r="P5947" s="236" t="str">
        <f t="shared" si="1393"/>
        <v>SAND</v>
      </c>
      <c r="Q5947" s="236" t="e">
        <f t="shared" si="1389"/>
        <v>#N/A</v>
      </c>
      <c r="R5947" s="238">
        <v>35</v>
      </c>
      <c r="S5947" s="236" t="e">
        <f t="shared" si="1394"/>
        <v>#N/A</v>
      </c>
      <c r="T5947" s="236">
        <f t="shared" si="1380"/>
        <v>35.09052100038685</v>
      </c>
    </row>
    <row r="5948" spans="1:20" x14ac:dyDescent="0.2">
      <c r="A5948" s="53">
        <f t="shared" si="1381"/>
        <v>5936</v>
      </c>
      <c r="B5948" s="239">
        <v>59.088000000000001</v>
      </c>
      <c r="C5948" s="3">
        <f t="shared" si="1382"/>
        <v>59.081000000000003</v>
      </c>
      <c r="D5948" s="239">
        <v>20.783899999999999</v>
      </c>
      <c r="E5948" s="239">
        <v>5.9499999999999997E-2</v>
      </c>
      <c r="F5948" s="239">
        <v>0.307</v>
      </c>
      <c r="G5948">
        <f t="shared" si="1383"/>
        <v>20.845299999999998</v>
      </c>
      <c r="H5948" s="235">
        <f t="shared" si="1384"/>
        <v>0.28543604553544444</v>
      </c>
      <c r="I5948" s="236">
        <f t="shared" si="1385"/>
        <v>19.222746196631487</v>
      </c>
      <c r="J5948" s="237">
        <f t="shared" si="1390"/>
        <v>9.222746196631487</v>
      </c>
      <c r="K5948" s="237">
        <f t="shared" si="1386"/>
        <v>1135.699068043185</v>
      </c>
      <c r="L5948" s="237">
        <f t="shared" si="1391"/>
        <v>544.95362726656128</v>
      </c>
      <c r="M5948" s="236">
        <f t="shared" si="1387"/>
        <v>36.167482783477212</v>
      </c>
      <c r="N5948" s="236">
        <f t="shared" si="1388"/>
        <v>0.30188333191225453</v>
      </c>
      <c r="O5948" s="236">
        <f t="shared" si="1392"/>
        <v>2.0357558301583629</v>
      </c>
      <c r="P5948" s="236" t="str">
        <f t="shared" si="1393"/>
        <v>SAND</v>
      </c>
      <c r="Q5948" s="236" t="e">
        <f t="shared" si="1389"/>
        <v>#N/A</v>
      </c>
      <c r="R5948" s="238">
        <v>35</v>
      </c>
      <c r="S5948" s="236" t="e">
        <f t="shared" si="1394"/>
        <v>#N/A</v>
      </c>
      <c r="T5948" s="236">
        <f t="shared" si="1380"/>
        <v>34.741501117412724</v>
      </c>
    </row>
    <row r="5949" spans="1:20" x14ac:dyDescent="0.2">
      <c r="A5949" s="53">
        <f t="shared" si="1381"/>
        <v>5937</v>
      </c>
      <c r="B5949" s="239">
        <v>59.097999999999999</v>
      </c>
      <c r="C5949" s="3">
        <f t="shared" si="1382"/>
        <v>59.091000000000001</v>
      </c>
      <c r="D5949" s="239">
        <v>18.767499999999998</v>
      </c>
      <c r="E5949" s="239">
        <v>6.2899999999999998E-2</v>
      </c>
      <c r="F5949" s="239">
        <v>0.33539999999999998</v>
      </c>
      <c r="G5949">
        <f t="shared" si="1383"/>
        <v>18.834579999999999</v>
      </c>
      <c r="H5949" s="235">
        <f t="shared" si="1384"/>
        <v>0.33396019449332026</v>
      </c>
      <c r="I5949" s="236">
        <f t="shared" si="1385"/>
        <v>19.248260143208057</v>
      </c>
      <c r="J5949" s="237">
        <f t="shared" si="1390"/>
        <v>9.2482601432080571</v>
      </c>
      <c r="K5949" s="237">
        <f t="shared" si="1386"/>
        <v>1137.3989401223073</v>
      </c>
      <c r="L5949" s="237">
        <f t="shared" si="1391"/>
        <v>546.55367794330971</v>
      </c>
      <c r="M5949" s="236">
        <f t="shared" si="1387"/>
        <v>32.379584611839896</v>
      </c>
      <c r="N5949" s="236">
        <f t="shared" si="1388"/>
        <v>0.35542383720424409</v>
      </c>
      <c r="O5949" s="236">
        <f t="shared" si="1392"/>
        <v>2.1058458940889877</v>
      </c>
      <c r="P5949" s="236" t="str">
        <f t="shared" si="1393"/>
        <v>SAND</v>
      </c>
      <c r="Q5949" s="236" t="e">
        <f t="shared" si="1389"/>
        <v>#N/A</v>
      </c>
      <c r="R5949" s="238">
        <v>35</v>
      </c>
      <c r="S5949" s="236" t="e">
        <f t="shared" si="1394"/>
        <v>#N/A</v>
      </c>
      <c r="T5949" s="236">
        <f t="shared" si="1380"/>
        <v>34.212984003187188</v>
      </c>
    </row>
    <row r="5950" spans="1:20" x14ac:dyDescent="0.2">
      <c r="A5950" s="53">
        <f t="shared" si="1381"/>
        <v>5938</v>
      </c>
      <c r="B5950" s="239">
        <v>59.109000000000002</v>
      </c>
      <c r="C5950" s="3">
        <f t="shared" si="1382"/>
        <v>59.102000000000004</v>
      </c>
      <c r="D5950" s="239">
        <v>16.8096</v>
      </c>
      <c r="E5950" s="239">
        <v>6.8400000000000002E-2</v>
      </c>
      <c r="F5950" s="239">
        <v>0.39240000000000003</v>
      </c>
      <c r="G5950">
        <f t="shared" si="1383"/>
        <v>16.888079999999999</v>
      </c>
      <c r="H5950" s="235">
        <f t="shared" si="1384"/>
        <v>0.40501939829749745</v>
      </c>
      <c r="I5950" s="236">
        <f t="shared" si="1385"/>
        <v>19.303916778855456</v>
      </c>
      <c r="J5950" s="237">
        <f t="shared" si="1390"/>
        <v>9.3039167788554558</v>
      </c>
      <c r="K5950" s="237">
        <f t="shared" si="1386"/>
        <v>1140.9000894639153</v>
      </c>
      <c r="L5950" s="237">
        <f t="shared" si="1391"/>
        <v>549.94521688136717</v>
      </c>
      <c r="M5950" s="236">
        <f t="shared" si="1387"/>
        <v>28.634088318533419</v>
      </c>
      <c r="N5950" s="236">
        <f t="shared" si="1388"/>
        <v>0.43436348850142442</v>
      </c>
      <c r="O5950" s="236">
        <f t="shared" si="1392"/>
        <v>2.1882757850051391</v>
      </c>
      <c r="P5950" s="236" t="str">
        <f t="shared" si="1393"/>
        <v>SAND</v>
      </c>
      <c r="Q5950" s="236" t="e">
        <f t="shared" si="1389"/>
        <v>#N/A</v>
      </c>
      <c r="R5950" s="238">
        <v>35</v>
      </c>
      <c r="S5950" s="236" t="e">
        <f t="shared" si="1394"/>
        <v>#N/A</v>
      </c>
      <c r="T5950" s="236">
        <f t="shared" si="1380"/>
        <v>33.625716961720514</v>
      </c>
    </row>
    <row r="5951" spans="1:20" x14ac:dyDescent="0.2">
      <c r="A5951" s="53">
        <f t="shared" si="1381"/>
        <v>5939</v>
      </c>
      <c r="B5951" s="239">
        <v>59.119</v>
      </c>
      <c r="C5951" s="3">
        <f t="shared" si="1382"/>
        <v>59.112000000000002</v>
      </c>
      <c r="D5951" s="239">
        <v>15.0441</v>
      </c>
      <c r="E5951" s="239">
        <v>7.0599999999999996E-2</v>
      </c>
      <c r="F5951" s="239">
        <v>0.39169999999999999</v>
      </c>
      <c r="G5951">
        <f t="shared" si="1383"/>
        <v>15.122440000000001</v>
      </c>
      <c r="H5951" s="235">
        <f t="shared" si="1384"/>
        <v>0.46685587775517701</v>
      </c>
      <c r="I5951" s="236">
        <f t="shared" si="1385"/>
        <v>19.297875430285423</v>
      </c>
      <c r="J5951" s="237">
        <f t="shared" si="1390"/>
        <v>9.2978754302854227</v>
      </c>
      <c r="K5951" s="237">
        <f t="shared" si="1386"/>
        <v>1140.7360124350319</v>
      </c>
      <c r="L5951" s="237">
        <f t="shared" si="1391"/>
        <v>549.68109756304386</v>
      </c>
      <c r="M5951" s="236">
        <f t="shared" si="1387"/>
        <v>25.436028361810973</v>
      </c>
      <c r="N5951" s="236">
        <f t="shared" si="1388"/>
        <v>0.50494560650683307</v>
      </c>
      <c r="O5951" s="236">
        <f t="shared" si="1392"/>
        <v>2.2615813445244672</v>
      </c>
      <c r="P5951" s="236" t="str">
        <f t="shared" si="1393"/>
        <v>SAND</v>
      </c>
      <c r="Q5951" s="236" t="e">
        <f t="shared" si="1389"/>
        <v>#N/A</v>
      </c>
      <c r="R5951" s="238">
        <v>35</v>
      </c>
      <c r="S5951" s="236" t="e">
        <f t="shared" si="1394"/>
        <v>#N/A</v>
      </c>
      <c r="T5951" s="236">
        <f t="shared" si="1380"/>
        <v>33.059942306172204</v>
      </c>
    </row>
    <row r="5952" spans="1:20" x14ac:dyDescent="0.2">
      <c r="A5952" s="53">
        <f t="shared" si="1381"/>
        <v>5940</v>
      </c>
      <c r="B5952" s="239">
        <v>59.128999999999998</v>
      </c>
      <c r="C5952" s="3">
        <f t="shared" si="1382"/>
        <v>59.122</v>
      </c>
      <c r="D5952" s="239">
        <v>13.5344</v>
      </c>
      <c r="E5952" s="239">
        <v>8.0399999999999999E-2</v>
      </c>
      <c r="F5952" s="239">
        <v>0.5161</v>
      </c>
      <c r="G5952">
        <f t="shared" si="1383"/>
        <v>13.63762</v>
      </c>
      <c r="H5952" s="235">
        <f t="shared" si="1384"/>
        <v>0.58954568319105527</v>
      </c>
      <c r="I5952" s="236">
        <f t="shared" si="1385"/>
        <v>19.409899112550619</v>
      </c>
      <c r="J5952" s="237">
        <f t="shared" si="1390"/>
        <v>9.4098991125506188</v>
      </c>
      <c r="K5952" s="237">
        <f t="shared" si="1386"/>
        <v>1147.5520553322176</v>
      </c>
      <c r="L5952" s="237">
        <f t="shared" si="1391"/>
        <v>556.39792462600553</v>
      </c>
      <c r="M5952" s="236">
        <f t="shared" si="1387"/>
        <v>22.448085069805465</v>
      </c>
      <c r="N5952" s="236">
        <f t="shared" si="1388"/>
        <v>0.64371147023522879</v>
      </c>
      <c r="O5952" s="236">
        <f t="shared" si="1392"/>
        <v>2.355335824096386</v>
      </c>
      <c r="P5952" s="236" t="str">
        <f t="shared" si="1393"/>
        <v>SAND</v>
      </c>
      <c r="Q5952" s="236" t="e">
        <f t="shared" si="1389"/>
        <v>#N/A</v>
      </c>
      <c r="R5952" s="238">
        <v>35</v>
      </c>
      <c r="S5952" s="236" t="e">
        <f t="shared" si="1394"/>
        <v>#N/A</v>
      </c>
      <c r="T5952" s="236">
        <f t="shared" si="1380"/>
        <v>32.462972294502897</v>
      </c>
    </row>
    <row r="5953" spans="1:20" x14ac:dyDescent="0.2">
      <c r="A5953" s="53">
        <f t="shared" si="1381"/>
        <v>5941</v>
      </c>
      <c r="B5953" s="239">
        <v>59.139000000000003</v>
      </c>
      <c r="C5953" s="3">
        <f t="shared" si="1382"/>
        <v>59.132000000000005</v>
      </c>
      <c r="D5953" s="239">
        <v>12.932700000000001</v>
      </c>
      <c r="E5953" s="239">
        <v>9.5000000000000001E-2</v>
      </c>
      <c r="F5953" s="239">
        <v>0.496</v>
      </c>
      <c r="G5953">
        <f t="shared" si="1383"/>
        <v>13.0319</v>
      </c>
      <c r="H5953" s="235">
        <f t="shared" si="1384"/>
        <v>0.72898042495722037</v>
      </c>
      <c r="I5953" s="236">
        <f t="shared" si="1385"/>
        <v>19.587803753549991</v>
      </c>
      <c r="J5953" s="237">
        <f t="shared" si="1390"/>
        <v>9.5878037535499914</v>
      </c>
      <c r="K5953" s="237">
        <f t="shared" si="1386"/>
        <v>1158.2660115549181</v>
      </c>
      <c r="L5953" s="237">
        <f t="shared" si="1391"/>
        <v>567.013126181193</v>
      </c>
      <c r="M5953" s="236">
        <f t="shared" si="1387"/>
        <v>20.940668637450162</v>
      </c>
      <c r="N5953" s="236">
        <f t="shared" si="1388"/>
        <v>0.80009203662880279</v>
      </c>
      <c r="O5953" s="236">
        <f t="shared" si="1392"/>
        <v>2.4248061740646811</v>
      </c>
      <c r="P5953" s="236" t="str">
        <f t="shared" si="1393"/>
        <v>SAND</v>
      </c>
      <c r="Q5953" s="236" t="e">
        <f t="shared" si="1389"/>
        <v>#N/A</v>
      </c>
      <c r="R5953" s="238">
        <v>35</v>
      </c>
      <c r="S5953" s="236" t="e">
        <f t="shared" si="1394"/>
        <v>#N/A</v>
      </c>
      <c r="T5953" s="236">
        <f t="shared" si="1380"/>
        <v>32.130895990890842</v>
      </c>
    </row>
    <row r="5954" spans="1:20" x14ac:dyDescent="0.2">
      <c r="A5954" s="53">
        <f t="shared" si="1381"/>
        <v>5942</v>
      </c>
      <c r="B5954" s="239">
        <v>59.148000000000003</v>
      </c>
      <c r="C5954" s="3">
        <f t="shared" si="1382"/>
        <v>59.141000000000005</v>
      </c>
      <c r="D5954" s="239">
        <v>12.994400000000001</v>
      </c>
      <c r="E5954" s="239">
        <v>0.1197</v>
      </c>
      <c r="F5954" s="239">
        <v>0.59970000000000001</v>
      </c>
      <c r="G5954">
        <f t="shared" si="1383"/>
        <v>13.11434</v>
      </c>
      <c r="H5954" s="235">
        <f t="shared" si="1384"/>
        <v>0.91274131980717288</v>
      </c>
      <c r="I5954" s="236">
        <f t="shared" si="1385"/>
        <v>19.861269055504568</v>
      </c>
      <c r="J5954" s="237">
        <f t="shared" si="1390"/>
        <v>9.8612690555045681</v>
      </c>
      <c r="K5954" s="237">
        <f t="shared" si="1386"/>
        <v>1174.6153132115958</v>
      </c>
      <c r="L5954" s="237">
        <f t="shared" si="1391"/>
        <v>583.27434209498426</v>
      </c>
      <c r="M5954" s="236">
        <f t="shared" si="1387"/>
        <v>20.470169567040649</v>
      </c>
      <c r="N5954" s="236">
        <f t="shared" si="1388"/>
        <v>1.0025356793398341</v>
      </c>
      <c r="O5954" s="236">
        <f t="shared" si="1392"/>
        <v>2.4802905978142555</v>
      </c>
      <c r="P5954" s="236" t="str">
        <f t="shared" si="1393"/>
        <v>SAND</v>
      </c>
      <c r="Q5954" s="236" t="e">
        <f t="shared" si="1389"/>
        <v>#N/A</v>
      </c>
      <c r="R5954" s="238">
        <v>35</v>
      </c>
      <c r="S5954" s="236" t="e">
        <f t="shared" si="1394"/>
        <v>#N/A</v>
      </c>
      <c r="T5954" s="236">
        <f t="shared" si="1380"/>
        <v>32.022335842271225</v>
      </c>
    </row>
    <row r="5955" spans="1:20" x14ac:dyDescent="0.2">
      <c r="A5955" s="53">
        <f t="shared" si="1381"/>
        <v>5943</v>
      </c>
      <c r="B5955" s="239">
        <v>59.156999999999996</v>
      </c>
      <c r="C5955" s="3">
        <f t="shared" si="1382"/>
        <v>59.15</v>
      </c>
      <c r="D5955" s="239">
        <v>13.6874</v>
      </c>
      <c r="E5955" s="239">
        <v>0.1414</v>
      </c>
      <c r="F5955" s="239">
        <v>0.67110000000000003</v>
      </c>
      <c r="G5955">
        <f t="shared" si="1383"/>
        <v>13.821619999999999</v>
      </c>
      <c r="H5955" s="235">
        <f t="shared" si="1384"/>
        <v>1.023034926441329</v>
      </c>
      <c r="I5955" s="236">
        <f t="shared" si="1385"/>
        <v>20.077159513729615</v>
      </c>
      <c r="J5955" s="237">
        <f t="shared" si="1390"/>
        <v>10.077159513729615</v>
      </c>
      <c r="K5955" s="237">
        <f t="shared" si="1386"/>
        <v>1187.5639852371066</v>
      </c>
      <c r="L5955" s="237">
        <f t="shared" si="1391"/>
        <v>596.13452535370277</v>
      </c>
      <c r="M5955" s="236">
        <f t="shared" si="1387"/>
        <v>21.193296944622968</v>
      </c>
      <c r="N5955" s="236">
        <f t="shared" si="1388"/>
        <v>1.1191971907895146</v>
      </c>
      <c r="O5955" s="236">
        <f t="shared" si="1392"/>
        <v>2.4911862155328999</v>
      </c>
      <c r="P5955" s="236" t="str">
        <f t="shared" si="1393"/>
        <v>SAND</v>
      </c>
      <c r="Q5955" s="236" t="e">
        <f t="shared" si="1389"/>
        <v>#N/A</v>
      </c>
      <c r="R5955" s="238">
        <v>35</v>
      </c>
      <c r="S5955" s="236" t="e">
        <f t="shared" si="1394"/>
        <v>#N/A</v>
      </c>
      <c r="T5955" s="236">
        <f t="shared" si="1380"/>
        <v>32.188183754977857</v>
      </c>
    </row>
    <row r="5956" spans="1:20" x14ac:dyDescent="0.2">
      <c r="A5956" s="53">
        <f t="shared" si="1381"/>
        <v>5944</v>
      </c>
      <c r="B5956" s="239">
        <v>59.167000000000002</v>
      </c>
      <c r="C5956" s="3">
        <f t="shared" si="1382"/>
        <v>59.160000000000004</v>
      </c>
      <c r="D5956" s="239">
        <v>14.431900000000001</v>
      </c>
      <c r="E5956" s="239">
        <v>0.15690000000000001</v>
      </c>
      <c r="F5956" s="239">
        <v>0.62790000000000001</v>
      </c>
      <c r="G5956">
        <f t="shared" si="1383"/>
        <v>14.55748</v>
      </c>
      <c r="H5956" s="235">
        <f t="shared" si="1384"/>
        <v>1.0777964318000095</v>
      </c>
      <c r="I5956" s="236">
        <f t="shared" si="1385"/>
        <v>20.21940258397418</v>
      </c>
      <c r="J5956" s="237">
        <f t="shared" si="1390"/>
        <v>10.21940258397418</v>
      </c>
      <c r="K5956" s="237">
        <f t="shared" si="1386"/>
        <v>1196.1798568679126</v>
      </c>
      <c r="L5956" s="237">
        <f t="shared" si="1391"/>
        <v>604.65139268600035</v>
      </c>
      <c r="M5956" s="236">
        <f t="shared" si="1387"/>
        <v>22.097526450370225</v>
      </c>
      <c r="N5956" s="236">
        <f t="shared" si="1388"/>
        <v>1.1742869205782269</v>
      </c>
      <c r="O5956" s="236">
        <f t="shared" si="1392"/>
        <v>2.4863492139133823</v>
      </c>
      <c r="P5956" s="236" t="str">
        <f t="shared" si="1393"/>
        <v>SAND</v>
      </c>
      <c r="Q5956" s="236" t="e">
        <f t="shared" si="1389"/>
        <v>#N/A</v>
      </c>
      <c r="R5956" s="238">
        <v>35</v>
      </c>
      <c r="S5956" s="236" t="e">
        <f t="shared" si="1394"/>
        <v>#N/A</v>
      </c>
      <c r="T5956" s="236">
        <f t="shared" si="1380"/>
        <v>32.387780286561124</v>
      </c>
    </row>
    <row r="5957" spans="1:20" x14ac:dyDescent="0.2">
      <c r="A5957" s="53">
        <f t="shared" si="1381"/>
        <v>5945</v>
      </c>
      <c r="B5957" s="239">
        <v>59.177</v>
      </c>
      <c r="C5957" s="3">
        <f t="shared" si="1382"/>
        <v>59.17</v>
      </c>
      <c r="D5957" s="239">
        <v>15.170400000000001</v>
      </c>
      <c r="E5957" s="239">
        <v>0.16789999999999999</v>
      </c>
      <c r="F5957" s="239">
        <v>0.60270000000000001</v>
      </c>
      <c r="G5957">
        <f t="shared" si="1383"/>
        <v>15.290940000000001</v>
      </c>
      <c r="H5957" s="235">
        <f t="shared" si="1384"/>
        <v>1.0980358303675248</v>
      </c>
      <c r="I5957" s="236">
        <f t="shared" si="1385"/>
        <v>20.318070699723506</v>
      </c>
      <c r="J5957" s="237">
        <f t="shared" si="1390"/>
        <v>10.318070699723506</v>
      </c>
      <c r="K5957" s="237">
        <f t="shared" si="1386"/>
        <v>1202.2202433026398</v>
      </c>
      <c r="L5957" s="237">
        <f t="shared" si="1391"/>
        <v>610.59246979753789</v>
      </c>
      <c r="M5957" s="236">
        <f t="shared" si="1387"/>
        <v>23.073851142266694</v>
      </c>
      <c r="N5957" s="236">
        <f t="shared" si="1388"/>
        <v>1.1917335492473353</v>
      </c>
      <c r="O5957" s="236">
        <f t="shared" si="1392"/>
        <v>2.4736659837645578</v>
      </c>
      <c r="P5957" s="236" t="str">
        <f t="shared" si="1393"/>
        <v>SAND</v>
      </c>
      <c r="Q5957" s="236" t="e">
        <f t="shared" si="1389"/>
        <v>#N/A</v>
      </c>
      <c r="R5957" s="238">
        <v>35</v>
      </c>
      <c r="S5957" s="236" t="e">
        <f t="shared" si="1394"/>
        <v>#N/A</v>
      </c>
      <c r="T5957" s="236">
        <f t="shared" si="1380"/>
        <v>32.594320951641841</v>
      </c>
    </row>
    <row r="5958" spans="1:20" x14ac:dyDescent="0.2">
      <c r="A5958" s="53">
        <f t="shared" si="1381"/>
        <v>5946</v>
      </c>
      <c r="B5958" s="239">
        <v>59.186999999999998</v>
      </c>
      <c r="C5958" s="3">
        <f t="shared" si="1382"/>
        <v>59.18</v>
      </c>
      <c r="D5958" s="239">
        <v>15.8653</v>
      </c>
      <c r="E5958" s="239">
        <v>0.17499999999999999</v>
      </c>
      <c r="F5958" s="239">
        <v>0.5212</v>
      </c>
      <c r="G5958">
        <f t="shared" si="1383"/>
        <v>15.96954</v>
      </c>
      <c r="H5958" s="235">
        <f t="shared" si="1384"/>
        <v>1.0958361981622513</v>
      </c>
      <c r="I5958" s="236">
        <f t="shared" si="1385"/>
        <v>20.3836089517186</v>
      </c>
      <c r="J5958" s="237">
        <f t="shared" si="1390"/>
        <v>10.3836089517186</v>
      </c>
      <c r="K5958" s="237">
        <f t="shared" si="1386"/>
        <v>1206.3019777627067</v>
      </c>
      <c r="L5958" s="237">
        <f t="shared" si="1391"/>
        <v>614.57466302536875</v>
      </c>
      <c r="M5958" s="236">
        <f t="shared" si="1387"/>
        <v>24.021878724323344</v>
      </c>
      <c r="N5958" s="236">
        <f t="shared" si="1388"/>
        <v>1.185376810537121</v>
      </c>
      <c r="O5958" s="236">
        <f t="shared" si="1392"/>
        <v>2.4575653982992378</v>
      </c>
      <c r="P5958" s="236" t="str">
        <f t="shared" si="1393"/>
        <v>SAND</v>
      </c>
      <c r="Q5958" s="236" t="e">
        <f t="shared" si="1389"/>
        <v>#N/A</v>
      </c>
      <c r="R5958" s="238">
        <v>35</v>
      </c>
      <c r="S5958" s="236" t="e">
        <f t="shared" si="1394"/>
        <v>#N/A</v>
      </c>
      <c r="T5958" s="236">
        <f t="shared" si="1380"/>
        <v>32.786676670900505</v>
      </c>
    </row>
    <row r="5959" spans="1:20" x14ac:dyDescent="0.2">
      <c r="A5959" s="53">
        <f t="shared" si="1381"/>
        <v>5947</v>
      </c>
      <c r="B5959" s="239">
        <v>59.197000000000003</v>
      </c>
      <c r="C5959" s="3">
        <f t="shared" si="1382"/>
        <v>59.190000000000005</v>
      </c>
      <c r="D5959" s="239">
        <v>16.170100000000001</v>
      </c>
      <c r="E5959" s="239">
        <v>0.17130000000000001</v>
      </c>
      <c r="F5959" s="239">
        <v>0.30859999999999999</v>
      </c>
      <c r="G5959">
        <f t="shared" si="1383"/>
        <v>16.231820000000003</v>
      </c>
      <c r="H5959" s="235">
        <f t="shared" si="1384"/>
        <v>1.0553345219451669</v>
      </c>
      <c r="I5959" s="236">
        <f t="shared" si="1385"/>
        <v>20.364918430605016</v>
      </c>
      <c r="J5959" s="237">
        <f t="shared" si="1390"/>
        <v>10.364918430605016</v>
      </c>
      <c r="K5959" s="237">
        <f t="shared" si="1386"/>
        <v>1205.3995219075109</v>
      </c>
      <c r="L5959" s="237">
        <f t="shared" si="1391"/>
        <v>613.57207633652513</v>
      </c>
      <c r="M5959" s="236">
        <f t="shared" si="1387"/>
        <v>24.490065727585311</v>
      </c>
      <c r="N5959" s="236">
        <f t="shared" si="1388"/>
        <v>1.1399920576543421</v>
      </c>
      <c r="O5959" s="236">
        <f t="shared" si="1392"/>
        <v>2.4415325305034377</v>
      </c>
      <c r="P5959" s="236" t="str">
        <f t="shared" si="1393"/>
        <v>SAND</v>
      </c>
      <c r="Q5959" s="236" t="e">
        <f t="shared" si="1389"/>
        <v>#N/A</v>
      </c>
      <c r="R5959" s="238">
        <v>35</v>
      </c>
      <c r="S5959" s="236" t="e">
        <f t="shared" si="1394"/>
        <v>#N/A</v>
      </c>
      <c r="T5959" s="236">
        <f t="shared" si="1380"/>
        <v>32.87888945776762</v>
      </c>
    </row>
    <row r="5960" spans="1:20" x14ac:dyDescent="0.2">
      <c r="A5960" s="53">
        <f t="shared" si="1381"/>
        <v>5948</v>
      </c>
      <c r="B5960" s="239">
        <v>59.207000000000001</v>
      </c>
      <c r="C5960" s="3">
        <f t="shared" si="1382"/>
        <v>59.2</v>
      </c>
      <c r="D5960" s="239">
        <v>15.8948</v>
      </c>
      <c r="E5960" s="239">
        <v>0.16950000000000001</v>
      </c>
      <c r="F5960" s="239">
        <v>0.1326</v>
      </c>
      <c r="G5960">
        <f t="shared" si="1383"/>
        <v>15.92132</v>
      </c>
      <c r="H5960" s="235">
        <f t="shared" si="1384"/>
        <v>1.0646102207605903</v>
      </c>
      <c r="I5960" s="236">
        <f t="shared" si="1385"/>
        <v>20.344982415363368</v>
      </c>
      <c r="J5960" s="237">
        <f t="shared" si="1390"/>
        <v>10.344982415363368</v>
      </c>
      <c r="K5960" s="237">
        <f t="shared" si="1386"/>
        <v>1204.4229589895115</v>
      </c>
      <c r="L5960" s="237">
        <f t="shared" si="1391"/>
        <v>612.49537386641896</v>
      </c>
      <c r="M5960" s="236">
        <f t="shared" si="1387"/>
        <v>24.02776848437086</v>
      </c>
      <c r="N5960" s="236">
        <f t="shared" si="1388"/>
        <v>1.1517373501198445</v>
      </c>
      <c r="O5960" s="236">
        <f t="shared" si="1392"/>
        <v>2.4509151355017176</v>
      </c>
      <c r="P5960" s="236" t="str">
        <f t="shared" si="1393"/>
        <v>SAND</v>
      </c>
      <c r="Q5960" s="236" t="e">
        <f t="shared" si="1389"/>
        <v>#N/A</v>
      </c>
      <c r="R5960" s="238">
        <v>35</v>
      </c>
      <c r="S5960" s="236" t="e">
        <f t="shared" si="1394"/>
        <v>#N/A</v>
      </c>
      <c r="T5960" s="236">
        <f t="shared" si="1380"/>
        <v>32.787847825943153</v>
      </c>
    </row>
    <row r="5961" spans="1:20" x14ac:dyDescent="0.2">
      <c r="A5961" s="53">
        <f t="shared" si="1381"/>
        <v>5949</v>
      </c>
      <c r="B5961" s="239">
        <v>59.216999999999999</v>
      </c>
      <c r="C5961" s="3">
        <f t="shared" si="1382"/>
        <v>59.21</v>
      </c>
      <c r="D5961" s="239">
        <v>15.107699999999999</v>
      </c>
      <c r="E5961" s="239">
        <v>0.15770000000000001</v>
      </c>
      <c r="F5961" s="239">
        <v>0.17199999999999999</v>
      </c>
      <c r="G5961">
        <f t="shared" si="1383"/>
        <v>15.142099999999999</v>
      </c>
      <c r="H5961" s="235">
        <f t="shared" si="1384"/>
        <v>1.0414671676980076</v>
      </c>
      <c r="I5961" s="236">
        <f t="shared" si="1385"/>
        <v>20.240756125355702</v>
      </c>
      <c r="J5961" s="237">
        <f t="shared" si="1390"/>
        <v>10.240756125355702</v>
      </c>
      <c r="K5961" s="237">
        <f t="shared" si="1386"/>
        <v>1198.4551701823111</v>
      </c>
      <c r="L5961" s="237">
        <f t="shared" si="1391"/>
        <v>606.42685547518863</v>
      </c>
      <c r="M5961" s="236">
        <f t="shared" si="1387"/>
        <v>22.993118962206282</v>
      </c>
      <c r="N5961" s="236">
        <f t="shared" si="1388"/>
        <v>1.130981188381732</v>
      </c>
      <c r="O5961" s="236">
        <f t="shared" si="1392"/>
        <v>2.4631378527074763</v>
      </c>
      <c r="P5961" s="236" t="str">
        <f t="shared" si="1393"/>
        <v>SAND</v>
      </c>
      <c r="Q5961" s="236" t="e">
        <f t="shared" si="1389"/>
        <v>#N/A</v>
      </c>
      <c r="R5961" s="238">
        <v>35</v>
      </c>
      <c r="S5961" s="236" t="e">
        <f t="shared" si="1394"/>
        <v>#N/A</v>
      </c>
      <c r="T5961" s="236">
        <f t="shared" si="1380"/>
        <v>32.577576749129861</v>
      </c>
    </row>
    <row r="5962" spans="1:20" x14ac:dyDescent="0.2">
      <c r="A5962" s="53">
        <f t="shared" si="1381"/>
        <v>5950</v>
      </c>
      <c r="B5962" s="239">
        <v>59.228999999999999</v>
      </c>
      <c r="C5962" s="3">
        <f t="shared" si="1382"/>
        <v>59.222000000000001</v>
      </c>
      <c r="D5962" s="239">
        <v>14.3193</v>
      </c>
      <c r="E5962" s="239">
        <v>0.13819999999999999</v>
      </c>
      <c r="F5962" s="239">
        <v>0.2286</v>
      </c>
      <c r="G5962">
        <f t="shared" si="1383"/>
        <v>14.365019999999999</v>
      </c>
      <c r="H5962" s="235">
        <f t="shared" si="1384"/>
        <v>0.96205922442154612</v>
      </c>
      <c r="I5962" s="236">
        <f t="shared" si="1385"/>
        <v>20.065390382071151</v>
      </c>
      <c r="J5962" s="237">
        <f t="shared" si="1390"/>
        <v>10.065390382071151</v>
      </c>
      <c r="K5962" s="237">
        <f t="shared" si="1386"/>
        <v>1188.3125492070178</v>
      </c>
      <c r="L5962" s="237">
        <f t="shared" si="1391"/>
        <v>596.1630069396922</v>
      </c>
      <c r="M5962" s="236">
        <f t="shared" si="1387"/>
        <v>22.102524473018729</v>
      </c>
      <c r="N5962" s="236">
        <f t="shared" si="1388"/>
        <v>1.0488204319333434</v>
      </c>
      <c r="O5962" s="236">
        <f t="shared" si="1392"/>
        <v>2.4611657071029307</v>
      </c>
      <c r="P5962" s="236" t="str">
        <f t="shared" si="1393"/>
        <v>SAND</v>
      </c>
      <c r="Q5962" s="236" t="e">
        <f t="shared" si="1389"/>
        <v>#N/A</v>
      </c>
      <c r="R5962" s="238">
        <v>35</v>
      </c>
      <c r="S5962" s="236" t="e">
        <f t="shared" si="1394"/>
        <v>#N/A</v>
      </c>
      <c r="T5962" s="236">
        <f t="shared" si="1380"/>
        <v>32.388860681258699</v>
      </c>
    </row>
    <row r="5963" spans="1:20" x14ac:dyDescent="0.2">
      <c r="A5963" s="53">
        <f t="shared" si="1381"/>
        <v>5951</v>
      </c>
      <c r="B5963" s="239">
        <v>59.238</v>
      </c>
      <c r="C5963" s="3">
        <f t="shared" si="1382"/>
        <v>59.231000000000002</v>
      </c>
      <c r="D5963" s="239">
        <v>13.6411</v>
      </c>
      <c r="E5963" s="239">
        <v>0.13769999999999999</v>
      </c>
      <c r="F5963" s="239">
        <v>0.22</v>
      </c>
      <c r="G5963">
        <f t="shared" si="1383"/>
        <v>13.6851</v>
      </c>
      <c r="H5963" s="235">
        <f t="shared" si="1384"/>
        <v>1.0062038275204419</v>
      </c>
      <c r="I5963" s="236">
        <f t="shared" si="1385"/>
        <v>20.042187870793896</v>
      </c>
      <c r="J5963" s="237">
        <f t="shared" si="1390"/>
        <v>10.042187870793896</v>
      </c>
      <c r="K5963" s="237">
        <f t="shared" si="1386"/>
        <v>1187.1188297749932</v>
      </c>
      <c r="L5963" s="237">
        <f t="shared" si="1391"/>
        <v>594.87912509008879</v>
      </c>
      <c r="M5963" s="236">
        <f t="shared" si="1387"/>
        <v>21.009278428340057</v>
      </c>
      <c r="N5963" s="236">
        <f t="shared" si="1388"/>
        <v>1.1017779441695292</v>
      </c>
      <c r="O5963" s="236">
        <f t="shared" si="1392"/>
        <v>2.4909876310842214</v>
      </c>
      <c r="P5963" s="236" t="str">
        <f t="shared" si="1393"/>
        <v>SAND</v>
      </c>
      <c r="Q5963" s="236" t="e">
        <f t="shared" si="1389"/>
        <v>#N/A</v>
      </c>
      <c r="R5963" s="238">
        <v>35</v>
      </c>
      <c r="S5963" s="236" t="e">
        <f t="shared" si="1394"/>
        <v>#N/A</v>
      </c>
      <c r="T5963" s="236">
        <f t="shared" si="1380"/>
        <v>32.146522503181899</v>
      </c>
    </row>
    <row r="5964" spans="1:20" x14ac:dyDescent="0.2">
      <c r="A5964" s="53">
        <f t="shared" si="1381"/>
        <v>5952</v>
      </c>
      <c r="B5964" s="239">
        <v>59.247</v>
      </c>
      <c r="C5964" s="3">
        <f t="shared" si="1382"/>
        <v>59.24</v>
      </c>
      <c r="D5964" s="239">
        <v>13.3963</v>
      </c>
      <c r="E5964" s="239">
        <v>0.14610000000000001</v>
      </c>
      <c r="F5964" s="239">
        <v>0.19450000000000001</v>
      </c>
      <c r="G5964">
        <f t="shared" si="1383"/>
        <v>13.4352</v>
      </c>
      <c r="H5964" s="235">
        <f t="shared" si="1384"/>
        <v>1.0874419435512683</v>
      </c>
      <c r="I5964" s="236">
        <f t="shared" si="1385"/>
        <v>20.10441835966266</v>
      </c>
      <c r="J5964" s="237">
        <f t="shared" si="1390"/>
        <v>10.10441835966266</v>
      </c>
      <c r="K5964" s="237">
        <f t="shared" si="1386"/>
        <v>1190.985743626416</v>
      </c>
      <c r="L5964" s="237">
        <f t="shared" si="1391"/>
        <v>598.65647455493354</v>
      </c>
      <c r="M5964" s="236">
        <f t="shared" si="1387"/>
        <v>20.45282190504404</v>
      </c>
      <c r="N5964" s="236">
        <f t="shared" si="1388"/>
        <v>1.1932166241206479</v>
      </c>
      <c r="O5964" s="236">
        <f t="shared" si="1392"/>
        <v>2.5186955980957806</v>
      </c>
      <c r="P5964" s="236" t="str">
        <f t="shared" si="1393"/>
        <v>SAND</v>
      </c>
      <c r="Q5964" s="236" t="e">
        <f t="shared" si="1389"/>
        <v>#N/A</v>
      </c>
      <c r="R5964" s="238">
        <v>35</v>
      </c>
      <c r="S5964" s="236" t="e">
        <f t="shared" si="1394"/>
        <v>#N/A</v>
      </c>
      <c r="T5964" s="236">
        <f t="shared" si="1380"/>
        <v>32.018285603779248</v>
      </c>
    </row>
    <row r="5965" spans="1:20" x14ac:dyDescent="0.2">
      <c r="A5965" s="53">
        <f t="shared" si="1381"/>
        <v>5953</v>
      </c>
      <c r="B5965" s="239">
        <v>59.256999999999998</v>
      </c>
      <c r="C5965" s="3">
        <f t="shared" si="1382"/>
        <v>59.25</v>
      </c>
      <c r="D5965" s="239">
        <v>12.973000000000001</v>
      </c>
      <c r="E5965" s="239">
        <v>0.15540000000000001</v>
      </c>
      <c r="F5965" s="239">
        <v>0.30309999999999998</v>
      </c>
      <c r="G5965">
        <f t="shared" si="1383"/>
        <v>13.033620000000001</v>
      </c>
      <c r="H5965" s="235">
        <f t="shared" si="1384"/>
        <v>1.1923011412025208</v>
      </c>
      <c r="I5965" s="236">
        <f t="shared" si="1385"/>
        <v>20.164919342783175</v>
      </c>
      <c r="J5965" s="237">
        <f t="shared" si="1390"/>
        <v>10.164919342783175</v>
      </c>
      <c r="K5965" s="237">
        <f t="shared" si="1386"/>
        <v>1194.7714710599032</v>
      </c>
      <c r="L5965" s="237">
        <f t="shared" si="1391"/>
        <v>602.34262549530263</v>
      </c>
      <c r="M5965" s="236">
        <f t="shared" si="1387"/>
        <v>19.654674977061578</v>
      </c>
      <c r="N5965" s="236">
        <f t="shared" si="1388"/>
        <v>1.3126276564830124</v>
      </c>
      <c r="O5965" s="236">
        <f t="shared" si="1392"/>
        <v>2.5549801649973456</v>
      </c>
      <c r="P5965" s="236" t="str">
        <f t="shared" si="1393"/>
        <v>SAND</v>
      </c>
      <c r="Q5965" s="236" t="e">
        <f t="shared" si="1389"/>
        <v>#N/A</v>
      </c>
      <c r="R5965" s="238">
        <v>35</v>
      </c>
      <c r="S5965" s="236" t="e">
        <f t="shared" si="1394"/>
        <v>#N/A</v>
      </c>
      <c r="T5965" s="236">
        <f t="shared" ref="T5965:T6028" si="1395">IF(P5965="SAND",17.6+(11*LOG(M5965)),#N/A)</f>
        <v>31.828124530724903</v>
      </c>
    </row>
    <row r="5966" spans="1:20" x14ac:dyDescent="0.2">
      <c r="A5966" s="53">
        <f t="shared" ref="A5966:A6012" si="1396">$A5965+1</f>
        <v>5954</v>
      </c>
      <c r="B5966" s="239">
        <v>59.267000000000003</v>
      </c>
      <c r="C5966" s="3">
        <f t="shared" ref="C5966:C6029" si="1397">MAX($B5966 - $B$13, 0.001)</f>
        <v>59.260000000000005</v>
      </c>
      <c r="D5966" s="239">
        <v>13.0519</v>
      </c>
      <c r="E5966" s="239">
        <v>0.151</v>
      </c>
      <c r="F5966" s="239">
        <v>0.2697</v>
      </c>
      <c r="G5966">
        <f t="shared" si="1383"/>
        <v>13.105840000000001</v>
      </c>
      <c r="H5966" s="235">
        <f t="shared" si="1384"/>
        <v>1.1521581218754386</v>
      </c>
      <c r="I5966" s="236">
        <f t="shared" si="1385"/>
        <v>20.133399187564475</v>
      </c>
      <c r="J5966" s="237">
        <f t="shared" si="1390"/>
        <v>10.133399187564475</v>
      </c>
      <c r="K5966" s="237">
        <f t="shared" si="1386"/>
        <v>1193.105235855071</v>
      </c>
      <c r="L5966" s="237">
        <f t="shared" si="1391"/>
        <v>600.57616964938381</v>
      </c>
      <c r="M5966" s="236">
        <f t="shared" si="1387"/>
        <v>19.835510241939136</v>
      </c>
      <c r="N5966" s="236">
        <f t="shared" si="1388"/>
        <v>1.2675510954418405</v>
      </c>
      <c r="O5966" s="236">
        <f t="shared" si="1392"/>
        <v>2.5436666310138372</v>
      </c>
      <c r="P5966" s="236" t="str">
        <f t="shared" si="1393"/>
        <v>SAND</v>
      </c>
      <c r="Q5966" s="236" t="e">
        <f t="shared" si="1389"/>
        <v>#N/A</v>
      </c>
      <c r="R5966" s="238">
        <v>35</v>
      </c>
      <c r="S5966" s="236" t="e">
        <f t="shared" si="1394"/>
        <v>#N/A</v>
      </c>
      <c r="T5966" s="236">
        <f t="shared" si="1395"/>
        <v>31.871877142576245</v>
      </c>
    </row>
    <row r="5967" spans="1:20" x14ac:dyDescent="0.2">
      <c r="A5967" s="53">
        <f t="shared" si="1396"/>
        <v>5955</v>
      </c>
      <c r="B5967" s="239">
        <v>59.277000000000001</v>
      </c>
      <c r="C5967" s="3">
        <f t="shared" si="1397"/>
        <v>59.27</v>
      </c>
      <c r="D5967" s="239">
        <v>12.692299999999999</v>
      </c>
      <c r="E5967" s="239">
        <v>0.16270000000000001</v>
      </c>
      <c r="F5967" s="239">
        <v>0.16500000000000001</v>
      </c>
      <c r="G5967">
        <f t="shared" ref="G5967:G6030" si="1398">$D5967+($F5967*(1-$P$8))</f>
        <v>12.725299999999999</v>
      </c>
      <c r="H5967" s="235">
        <f t="shared" ref="H5967:H6030" si="1399">($E5967/$G5967)*100</f>
        <v>1.2785553189315775</v>
      </c>
      <c r="I5967" s="236">
        <f t="shared" ref="I5967:I6030" si="1400">((0.27*(LOG($H5967)))+(0.36*(LOG(($G5967*1000)/101)))+1.236)*10</f>
        <v>20.209390674004037</v>
      </c>
      <c r="J5967" s="237">
        <f t="shared" si="1390"/>
        <v>10.209390674004037</v>
      </c>
      <c r="K5967" s="237">
        <f t="shared" ref="K5967:K6030" si="1401">$I5967*$C5967</f>
        <v>1197.8105852482195</v>
      </c>
      <c r="L5967" s="237">
        <f t="shared" si="1391"/>
        <v>605.18205098293731</v>
      </c>
      <c r="M5967" s="236">
        <f t="shared" ref="M5967:M6030" si="1402">(($G5967*1000)-$K5967)/$L5967</f>
        <v>19.047969773771083</v>
      </c>
      <c r="N5967" s="236">
        <f t="shared" ref="N5967:N6030" si="1403">(($E5967*1000)/(($G5967*1000)-$K5967))*100</f>
        <v>1.4114087998362601</v>
      </c>
      <c r="O5967" s="236">
        <f t="shared" si="1392"/>
        <v>2.5831592277961994</v>
      </c>
      <c r="P5967" s="236" t="str">
        <f t="shared" si="1393"/>
        <v>SAND</v>
      </c>
      <c r="Q5967" s="236" t="e">
        <f t="shared" ref="Q5967:Q6030" si="1404">IF(P5967="CLAY",($G5967*1000 -$K5967)/$L$8,#N/A)</f>
        <v>#N/A</v>
      </c>
      <c r="R5967" s="238">
        <v>35</v>
      </c>
      <c r="S5967" s="236" t="e">
        <f t="shared" si="1394"/>
        <v>#N/A</v>
      </c>
      <c r="T5967" s="236">
        <f t="shared" si="1395"/>
        <v>31.678335625619404</v>
      </c>
    </row>
    <row r="5968" spans="1:20" x14ac:dyDescent="0.2">
      <c r="A5968" s="53">
        <f t="shared" si="1396"/>
        <v>5956</v>
      </c>
      <c r="B5968" s="239">
        <v>59.286999999999999</v>
      </c>
      <c r="C5968" s="3">
        <f t="shared" si="1397"/>
        <v>59.28</v>
      </c>
      <c r="D5968" s="239">
        <v>12.043900000000001</v>
      </c>
      <c r="E5968" s="239">
        <v>0.1666</v>
      </c>
      <c r="F5968" s="239">
        <v>0.64139999999999997</v>
      </c>
      <c r="G5968">
        <f t="shared" si="1398"/>
        <v>12.172180000000001</v>
      </c>
      <c r="H5968" s="235">
        <f t="shared" si="1399"/>
        <v>1.368694843487362</v>
      </c>
      <c r="I5968" s="236">
        <f t="shared" si="1400"/>
        <v>20.219797075875363</v>
      </c>
      <c r="J5968" s="237">
        <f t="shared" ref="J5968:J6031" si="1405">$I5968-10</f>
        <v>10.219797075875363</v>
      </c>
      <c r="K5968" s="237">
        <f t="shared" si="1401"/>
        <v>1198.6295706578915</v>
      </c>
      <c r="L5968" s="237">
        <f t="shared" ref="L5968:L6031" si="1406">$J5968*$B5968</f>
        <v>605.90110923742259</v>
      </c>
      <c r="M5968" s="236">
        <f t="shared" si="1402"/>
        <v>18.111124508673111</v>
      </c>
      <c r="N5968" s="236">
        <f t="shared" si="1403"/>
        <v>1.5181959664989488</v>
      </c>
      <c r="O5968" s="236">
        <f t="shared" ref="O5968:O6031" si="1407">((3.47-LOG($M5968))^2+(LOG($N5968)+1.22)^2)^0.5</f>
        <v>2.6185692998030827</v>
      </c>
      <c r="P5968" s="236" t="str">
        <f t="shared" ref="P5968:P6031" si="1408">IF(O5968&lt;2.6,"SAND","CLAY")</f>
        <v>CLAY</v>
      </c>
      <c r="Q5968" s="236">
        <f t="shared" si="1404"/>
        <v>914.46253577850905</v>
      </c>
      <c r="R5968" s="238">
        <v>35</v>
      </c>
      <c r="S5968" s="236">
        <f t="shared" ref="S5968:S6031" si="1409">IF(P5968="SAND",#N/A,0.25*($M5968)^1.25)</f>
        <v>9.3405355770778939</v>
      </c>
      <c r="T5968" s="236" t="e">
        <f t="shared" si="1395"/>
        <v>#N/A</v>
      </c>
    </row>
    <row r="5969" spans="1:20" x14ac:dyDescent="0.2">
      <c r="A5969" s="53">
        <f t="shared" si="1396"/>
        <v>5957</v>
      </c>
      <c r="B5969" s="239">
        <v>59.295999999999999</v>
      </c>
      <c r="C5969" s="3">
        <f t="shared" si="1397"/>
        <v>59.289000000000001</v>
      </c>
      <c r="D5969" s="239">
        <v>11.764099999999999</v>
      </c>
      <c r="E5969" s="239">
        <v>0.1993</v>
      </c>
      <c r="F5969" s="239">
        <v>0.41710000000000003</v>
      </c>
      <c r="G5969">
        <f t="shared" si="1398"/>
        <v>11.847519999999999</v>
      </c>
      <c r="H5969" s="235">
        <f t="shared" si="1399"/>
        <v>1.682208597242292</v>
      </c>
      <c r="I5969" s="236">
        <f t="shared" si="1400"/>
        <v>20.419377466334566</v>
      </c>
      <c r="J5969" s="237">
        <f t="shared" si="1405"/>
        <v>10.419377466334566</v>
      </c>
      <c r="K5969" s="237">
        <f t="shared" si="1401"/>
        <v>1210.6444706015102</v>
      </c>
      <c r="L5969" s="237">
        <f t="shared" si="1406"/>
        <v>617.82740624377448</v>
      </c>
      <c r="M5969" s="236">
        <f t="shared" si="1402"/>
        <v>17.216580912245135</v>
      </c>
      <c r="N5969" s="236">
        <f t="shared" si="1403"/>
        <v>1.8736705101904145</v>
      </c>
      <c r="O5969" s="236">
        <f t="shared" si="1407"/>
        <v>2.6868431795435566</v>
      </c>
      <c r="P5969" s="236" t="str">
        <f t="shared" si="1408"/>
        <v>CLAY</v>
      </c>
      <c r="Q5969" s="236">
        <f t="shared" si="1404"/>
        <v>886.40629411654072</v>
      </c>
      <c r="R5969" s="238">
        <v>35</v>
      </c>
      <c r="S5969" s="236">
        <f t="shared" si="1409"/>
        <v>8.7674569809172045</v>
      </c>
      <c r="T5969" s="236" t="e">
        <f t="shared" si="1395"/>
        <v>#N/A</v>
      </c>
    </row>
    <row r="5970" spans="1:20" x14ac:dyDescent="0.2">
      <c r="A5970" s="53">
        <f t="shared" si="1396"/>
        <v>5958</v>
      </c>
      <c r="B5970" s="239">
        <v>59.305</v>
      </c>
      <c r="C5970" s="3">
        <f t="shared" si="1397"/>
        <v>59.298000000000002</v>
      </c>
      <c r="D5970" s="239">
        <v>11.7079</v>
      </c>
      <c r="E5970" s="239">
        <v>0.21820000000000001</v>
      </c>
      <c r="F5970" s="239">
        <v>0.1479</v>
      </c>
      <c r="G5970">
        <f t="shared" si="1398"/>
        <v>11.73748</v>
      </c>
      <c r="H5970" s="235">
        <f t="shared" si="1399"/>
        <v>1.8590021026659898</v>
      </c>
      <c r="I5970" s="236">
        <f t="shared" si="1400"/>
        <v>20.521968247999233</v>
      </c>
      <c r="J5970" s="237">
        <f t="shared" si="1405"/>
        <v>10.521968247999233</v>
      </c>
      <c r="K5970" s="237">
        <f t="shared" si="1401"/>
        <v>1216.9116731698587</v>
      </c>
      <c r="L5970" s="237">
        <f t="shared" si="1406"/>
        <v>624.00532694759454</v>
      </c>
      <c r="M5970" s="236">
        <f t="shared" si="1402"/>
        <v>16.859741211333734</v>
      </c>
      <c r="N5970" s="236">
        <f t="shared" si="1403"/>
        <v>2.0740324402773394</v>
      </c>
      <c r="O5970" s="236">
        <f t="shared" si="1407"/>
        <v>2.7191027721587635</v>
      </c>
      <c r="P5970" s="236" t="str">
        <f t="shared" si="1408"/>
        <v>CLAY</v>
      </c>
      <c r="Q5970" s="236">
        <f t="shared" si="1404"/>
        <v>876.71402723584504</v>
      </c>
      <c r="R5970" s="238">
        <v>35</v>
      </c>
      <c r="S5970" s="236">
        <f t="shared" si="1409"/>
        <v>8.5409000358703757</v>
      </c>
      <c r="T5970" s="236" t="e">
        <f t="shared" si="1395"/>
        <v>#N/A</v>
      </c>
    </row>
    <row r="5971" spans="1:20" x14ac:dyDescent="0.2">
      <c r="A5971" s="53">
        <f t="shared" si="1396"/>
        <v>5959</v>
      </c>
      <c r="B5971" s="239">
        <v>59.314999999999998</v>
      </c>
      <c r="C5971" s="3">
        <f t="shared" si="1397"/>
        <v>59.308</v>
      </c>
      <c r="D5971" s="239">
        <v>12.0563</v>
      </c>
      <c r="E5971" s="239">
        <v>0.22539999999999999</v>
      </c>
      <c r="F5971" s="239">
        <v>8.0699999999999994E-2</v>
      </c>
      <c r="G5971">
        <f t="shared" si="1398"/>
        <v>12.07244</v>
      </c>
      <c r="H5971" s="235">
        <f t="shared" si="1399"/>
        <v>1.8670624993787501</v>
      </c>
      <c r="I5971" s="236">
        <f t="shared" si="1400"/>
        <v>20.571034166071346</v>
      </c>
      <c r="J5971" s="237">
        <f t="shared" si="1405"/>
        <v>10.571034166071346</v>
      </c>
      <c r="K5971" s="237">
        <f t="shared" si="1401"/>
        <v>1220.0268943213594</v>
      </c>
      <c r="L5971" s="237">
        <f t="shared" si="1406"/>
        <v>627.02089156052182</v>
      </c>
      <c r="M5971" s="236">
        <f t="shared" si="1402"/>
        <v>17.307897155817709</v>
      </c>
      <c r="N5971" s="236">
        <f t="shared" si="1403"/>
        <v>2.0769574269344488</v>
      </c>
      <c r="O5971" s="236">
        <f t="shared" si="1407"/>
        <v>2.7100585024003192</v>
      </c>
      <c r="P5971" s="236" t="str">
        <f t="shared" si="1408"/>
        <v>CLAY</v>
      </c>
      <c r="Q5971" s="236">
        <f t="shared" si="1404"/>
        <v>904.36775880655341</v>
      </c>
      <c r="R5971" s="238">
        <v>35</v>
      </c>
      <c r="S5971" s="236">
        <f t="shared" si="1409"/>
        <v>8.8256233890289639</v>
      </c>
      <c r="T5971" s="236" t="e">
        <f t="shared" si="1395"/>
        <v>#N/A</v>
      </c>
    </row>
    <row r="5972" spans="1:20" x14ac:dyDescent="0.2">
      <c r="A5972" s="53">
        <f t="shared" si="1396"/>
        <v>5960</v>
      </c>
      <c r="B5972" s="239">
        <v>59.326999999999998</v>
      </c>
      <c r="C5972" s="3">
        <f t="shared" si="1397"/>
        <v>59.32</v>
      </c>
      <c r="D5972" s="239">
        <v>12.1694</v>
      </c>
      <c r="E5972" s="239">
        <v>0.2303</v>
      </c>
      <c r="F5972" s="239">
        <v>0.55569999999999997</v>
      </c>
      <c r="G5972">
        <f t="shared" si="1398"/>
        <v>12.28054</v>
      </c>
      <c r="H5972" s="235">
        <f t="shared" si="1399"/>
        <v>1.8753247007053435</v>
      </c>
      <c r="I5972" s="236">
        <f t="shared" si="1400"/>
        <v>20.602932404508721</v>
      </c>
      <c r="J5972" s="237">
        <f t="shared" si="1405"/>
        <v>10.602932404508721</v>
      </c>
      <c r="K5972" s="237">
        <f t="shared" si="1401"/>
        <v>1222.1659502354573</v>
      </c>
      <c r="L5972" s="237">
        <f t="shared" si="1406"/>
        <v>629.04017076228888</v>
      </c>
      <c r="M5972" s="236">
        <f t="shared" si="1402"/>
        <v>17.579758120000015</v>
      </c>
      <c r="N5972" s="236">
        <f t="shared" si="1403"/>
        <v>2.0825846454787231</v>
      </c>
      <c r="O5972" s="236">
        <f t="shared" si="1407"/>
        <v>2.7051554054796285</v>
      </c>
      <c r="P5972" s="236" t="str">
        <f t="shared" si="1408"/>
        <v>CLAY</v>
      </c>
      <c r="Q5972" s="236">
        <f t="shared" si="1404"/>
        <v>921.53117081371192</v>
      </c>
      <c r="R5972" s="238">
        <v>35</v>
      </c>
      <c r="S5972" s="236">
        <f t="shared" si="1409"/>
        <v>8.9992460856111638</v>
      </c>
      <c r="T5972" s="236" t="e">
        <f t="shared" si="1395"/>
        <v>#N/A</v>
      </c>
    </row>
    <row r="5973" spans="1:20" x14ac:dyDescent="0.2">
      <c r="A5973" s="53">
        <f t="shared" si="1396"/>
        <v>5961</v>
      </c>
      <c r="B5973" s="239">
        <v>59.337000000000003</v>
      </c>
      <c r="C5973" s="3">
        <f t="shared" si="1397"/>
        <v>59.330000000000005</v>
      </c>
      <c r="D5973" s="239">
        <v>12.2006</v>
      </c>
      <c r="E5973" s="239">
        <v>0.24759999999999999</v>
      </c>
      <c r="F5973" s="239">
        <v>0.61150000000000004</v>
      </c>
      <c r="G5973">
        <f t="shared" si="1398"/>
        <v>12.322899999999999</v>
      </c>
      <c r="H5973" s="235">
        <f t="shared" si="1399"/>
        <v>2.0092672990935574</v>
      </c>
      <c r="I5973" s="236">
        <f t="shared" si="1400"/>
        <v>20.689211415108989</v>
      </c>
      <c r="J5973" s="237">
        <f t="shared" si="1405"/>
        <v>10.689211415108989</v>
      </c>
      <c r="K5973" s="237">
        <f t="shared" si="1401"/>
        <v>1227.4909132584164</v>
      </c>
      <c r="L5973" s="237">
        <f t="shared" si="1406"/>
        <v>634.26573773832217</v>
      </c>
      <c r="M5973" s="236">
        <f t="shared" si="1402"/>
        <v>17.493313017830385</v>
      </c>
      <c r="N5973" s="236">
        <f t="shared" si="1403"/>
        <v>2.2315535917992304</v>
      </c>
      <c r="O5973" s="236">
        <f t="shared" si="1407"/>
        <v>2.7240829202551344</v>
      </c>
      <c r="P5973" s="236" t="str">
        <f t="shared" si="1408"/>
        <v>CLAY</v>
      </c>
      <c r="Q5973" s="236">
        <f t="shared" si="1404"/>
        <v>924.61742389513199</v>
      </c>
      <c r="R5973" s="238">
        <v>35</v>
      </c>
      <c r="S5973" s="236">
        <f t="shared" si="1409"/>
        <v>8.9439650358777563</v>
      </c>
      <c r="T5973" s="236" t="e">
        <f t="shared" si="1395"/>
        <v>#N/A</v>
      </c>
    </row>
    <row r="5974" spans="1:20" x14ac:dyDescent="0.2">
      <c r="A5974" s="53">
        <f t="shared" si="1396"/>
        <v>5962</v>
      </c>
      <c r="B5974" s="239">
        <v>59.345999999999997</v>
      </c>
      <c r="C5974" s="3">
        <f t="shared" si="1397"/>
        <v>59.338999999999999</v>
      </c>
      <c r="D5974" s="239">
        <v>12.820499999999999</v>
      </c>
      <c r="E5974" s="239">
        <v>0.24779999999999999</v>
      </c>
      <c r="F5974" s="239">
        <v>0.41260000000000002</v>
      </c>
      <c r="G5974">
        <f t="shared" si="1398"/>
        <v>12.90302</v>
      </c>
      <c r="H5974" s="235">
        <f t="shared" si="1399"/>
        <v>1.9204806316660752</v>
      </c>
      <c r="I5974" s="236">
        <f t="shared" si="1400"/>
        <v>20.708138803287923</v>
      </c>
      <c r="J5974" s="237">
        <f t="shared" si="1405"/>
        <v>10.708138803287923</v>
      </c>
      <c r="K5974" s="237">
        <f t="shared" si="1401"/>
        <v>1228.800248448302</v>
      </c>
      <c r="L5974" s="237">
        <f t="shared" si="1406"/>
        <v>635.48520541992502</v>
      </c>
      <c r="M5974" s="236">
        <f t="shared" si="1402"/>
        <v>18.370561032711123</v>
      </c>
      <c r="N5974" s="236">
        <f t="shared" si="1403"/>
        <v>2.1226257966153432</v>
      </c>
      <c r="O5974" s="236">
        <f t="shared" si="1407"/>
        <v>2.6941999428615993</v>
      </c>
      <c r="P5974" s="236" t="str">
        <f t="shared" si="1408"/>
        <v>CLAY</v>
      </c>
      <c r="Q5974" s="236">
        <f t="shared" si="1404"/>
        <v>972.85164596264156</v>
      </c>
      <c r="R5974" s="238">
        <v>35</v>
      </c>
      <c r="S5974" s="236">
        <f t="shared" si="1409"/>
        <v>9.5080845142450698</v>
      </c>
      <c r="T5974" s="236" t="e">
        <f t="shared" si="1395"/>
        <v>#N/A</v>
      </c>
    </row>
    <row r="5975" spans="1:20" x14ac:dyDescent="0.2">
      <c r="A5975" s="53">
        <f t="shared" si="1396"/>
        <v>5963</v>
      </c>
      <c r="B5975" s="239">
        <v>59.356000000000002</v>
      </c>
      <c r="C5975" s="3">
        <f t="shared" si="1397"/>
        <v>59.349000000000004</v>
      </c>
      <c r="D5975" s="239">
        <v>13.4123</v>
      </c>
      <c r="E5975" s="239">
        <v>0.26650000000000001</v>
      </c>
      <c r="F5975" s="239">
        <v>0.13370000000000001</v>
      </c>
      <c r="G5975">
        <f t="shared" si="1398"/>
        <v>13.43904</v>
      </c>
      <c r="H5975" s="235">
        <f t="shared" si="1399"/>
        <v>1.9830285496583091</v>
      </c>
      <c r="I5975" s="236">
        <f t="shared" si="1400"/>
        <v>20.809356952379375</v>
      </c>
      <c r="J5975" s="237">
        <f t="shared" si="1405"/>
        <v>10.809356952379375</v>
      </c>
      <c r="K5975" s="237">
        <f t="shared" si="1401"/>
        <v>1235.0145257667637</v>
      </c>
      <c r="L5975" s="237">
        <f t="shared" si="1406"/>
        <v>641.60019126543023</v>
      </c>
      <c r="M5975" s="236">
        <f t="shared" si="1402"/>
        <v>19.021231041348656</v>
      </c>
      <c r="N5975" s="236">
        <f t="shared" si="1403"/>
        <v>2.1837057007351408</v>
      </c>
      <c r="O5975" s="236">
        <f t="shared" si="1407"/>
        <v>2.6889629388968701</v>
      </c>
      <c r="P5975" s="236" t="str">
        <f t="shared" si="1408"/>
        <v>CLAY</v>
      </c>
      <c r="Q5975" s="236">
        <f t="shared" si="1404"/>
        <v>1017.0021228527697</v>
      </c>
      <c r="R5975" s="238">
        <v>35</v>
      </c>
      <c r="S5975" s="236">
        <f t="shared" si="1409"/>
        <v>9.930892588247735</v>
      </c>
      <c r="T5975" s="236" t="e">
        <f t="shared" si="1395"/>
        <v>#N/A</v>
      </c>
    </row>
    <row r="5976" spans="1:20" x14ac:dyDescent="0.2">
      <c r="A5976" s="53">
        <f t="shared" si="1396"/>
        <v>5964</v>
      </c>
      <c r="B5976" s="239">
        <v>59.366999999999997</v>
      </c>
      <c r="C5976" s="3">
        <f t="shared" si="1397"/>
        <v>59.36</v>
      </c>
      <c r="D5976" s="239">
        <v>13.577500000000001</v>
      </c>
      <c r="E5976" s="239">
        <v>0.26850000000000002</v>
      </c>
      <c r="F5976" s="239">
        <v>-1.2200000000000001E-2</v>
      </c>
      <c r="G5976">
        <f t="shared" si="1398"/>
        <v>13.575060000000001</v>
      </c>
      <c r="H5976" s="235">
        <f t="shared" si="1399"/>
        <v>1.9778918104229375</v>
      </c>
      <c r="I5976" s="236">
        <f t="shared" si="1400"/>
        <v>20.822060219489774</v>
      </c>
      <c r="J5976" s="237">
        <f t="shared" si="1405"/>
        <v>10.822060219489774</v>
      </c>
      <c r="K5976" s="237">
        <f t="shared" si="1401"/>
        <v>1235.997494628913</v>
      </c>
      <c r="L5976" s="237">
        <f t="shared" si="1406"/>
        <v>642.47324905044945</v>
      </c>
      <c r="M5976" s="236">
        <f t="shared" si="1402"/>
        <v>19.205566182884258</v>
      </c>
      <c r="N5976" s="236">
        <f t="shared" si="1403"/>
        <v>2.1760162077396417</v>
      </c>
      <c r="O5976" s="236">
        <f t="shared" si="1407"/>
        <v>2.68466241466168</v>
      </c>
      <c r="P5976" s="236" t="str">
        <f t="shared" si="1408"/>
        <v>CLAY</v>
      </c>
      <c r="Q5976" s="236">
        <f t="shared" si="1404"/>
        <v>1028.255208780924</v>
      </c>
      <c r="R5976" s="238">
        <v>35</v>
      </c>
      <c r="S5976" s="236">
        <f t="shared" si="1409"/>
        <v>10.051338571725857</v>
      </c>
      <c r="T5976" s="236" t="e">
        <f t="shared" si="1395"/>
        <v>#N/A</v>
      </c>
    </row>
    <row r="5977" spans="1:20" x14ac:dyDescent="0.2">
      <c r="A5977" s="53">
        <f t="shared" si="1396"/>
        <v>5965</v>
      </c>
      <c r="B5977" s="239">
        <v>59.377000000000002</v>
      </c>
      <c r="C5977" s="3">
        <f t="shared" si="1397"/>
        <v>59.370000000000005</v>
      </c>
      <c r="D5977" s="239">
        <v>13.635</v>
      </c>
      <c r="E5977" s="239">
        <v>0.2631</v>
      </c>
      <c r="F5977" s="239">
        <v>-4.2500000000000003E-2</v>
      </c>
      <c r="G5977">
        <f t="shared" si="1398"/>
        <v>13.6265</v>
      </c>
      <c r="H5977" s="235">
        <f t="shared" si="1399"/>
        <v>1.9307966095475728</v>
      </c>
      <c r="I5977" s="236">
        <f t="shared" si="1400"/>
        <v>20.799715232712074</v>
      </c>
      <c r="J5977" s="237">
        <f t="shared" si="1405"/>
        <v>10.799715232712074</v>
      </c>
      <c r="K5977" s="237">
        <f t="shared" si="1401"/>
        <v>1234.879093366116</v>
      </c>
      <c r="L5977" s="237">
        <f t="shared" si="1406"/>
        <v>641.2546913727449</v>
      </c>
      <c r="M5977" s="236">
        <f t="shared" si="1402"/>
        <v>19.324023782355383</v>
      </c>
      <c r="N5977" s="236">
        <f t="shared" si="1403"/>
        <v>2.1232089165925725</v>
      </c>
      <c r="O5977" s="236">
        <f t="shared" si="1407"/>
        <v>2.6763064767972504</v>
      </c>
      <c r="P5977" s="236" t="str">
        <f t="shared" si="1408"/>
        <v>CLAY</v>
      </c>
      <c r="Q5977" s="236">
        <f t="shared" si="1404"/>
        <v>1032.6350755528235</v>
      </c>
      <c r="R5977" s="238">
        <v>35</v>
      </c>
      <c r="S5977" s="236">
        <f t="shared" si="1409"/>
        <v>10.128892521089446</v>
      </c>
      <c r="T5977" s="236" t="e">
        <f t="shared" si="1395"/>
        <v>#N/A</v>
      </c>
    </row>
    <row r="5978" spans="1:20" x14ac:dyDescent="0.2">
      <c r="A5978" s="53">
        <f t="shared" si="1396"/>
        <v>5966</v>
      </c>
      <c r="B5978" s="239">
        <v>59.387999999999998</v>
      </c>
      <c r="C5978" s="3">
        <f t="shared" si="1397"/>
        <v>59.381</v>
      </c>
      <c r="D5978" s="239">
        <v>14.432600000000001</v>
      </c>
      <c r="E5978" s="239">
        <v>0.25359999999999999</v>
      </c>
      <c r="F5978" s="239">
        <v>-4.2099999999999999E-2</v>
      </c>
      <c r="G5978">
        <f t="shared" si="1398"/>
        <v>14.424180000000002</v>
      </c>
      <c r="H5978" s="235">
        <f t="shared" si="1399"/>
        <v>1.7581588693430059</v>
      </c>
      <c r="I5978" s="236">
        <f t="shared" si="1400"/>
        <v>20.778828047244588</v>
      </c>
      <c r="J5978" s="237">
        <f t="shared" si="1405"/>
        <v>10.778828047244588</v>
      </c>
      <c r="K5978" s="237">
        <f t="shared" si="1401"/>
        <v>1233.8675882734308</v>
      </c>
      <c r="L5978" s="237">
        <f t="shared" si="1406"/>
        <v>640.13304006976159</v>
      </c>
      <c r="M5978" s="236">
        <f t="shared" si="1402"/>
        <v>20.605579756184891</v>
      </c>
      <c r="N5978" s="236">
        <f t="shared" si="1403"/>
        <v>1.9226231501123676</v>
      </c>
      <c r="O5978" s="236">
        <f t="shared" si="1407"/>
        <v>2.6287067246020639</v>
      </c>
      <c r="P5978" s="236" t="str">
        <f t="shared" si="1408"/>
        <v>CLAY</v>
      </c>
      <c r="Q5978" s="236">
        <f t="shared" si="1404"/>
        <v>1099.1927009772141</v>
      </c>
      <c r="R5978" s="238">
        <v>35</v>
      </c>
      <c r="S5978" s="236">
        <f t="shared" si="1409"/>
        <v>10.975417675358258</v>
      </c>
      <c r="T5978" s="236" t="e">
        <f t="shared" si="1395"/>
        <v>#N/A</v>
      </c>
    </row>
    <row r="5979" spans="1:20" x14ac:dyDescent="0.2">
      <c r="A5979" s="53">
        <f t="shared" si="1396"/>
        <v>5967</v>
      </c>
      <c r="B5979" s="239">
        <v>59.396999999999998</v>
      </c>
      <c r="C5979" s="3">
        <f t="shared" si="1397"/>
        <v>59.39</v>
      </c>
      <c r="D5979" s="239">
        <v>15.5158</v>
      </c>
      <c r="E5979" s="239">
        <v>0.24349999999999999</v>
      </c>
      <c r="F5979" s="239">
        <v>-1.61E-2</v>
      </c>
      <c r="G5979">
        <f t="shared" si="1398"/>
        <v>15.51258</v>
      </c>
      <c r="H5979" s="235">
        <f t="shared" si="1399"/>
        <v>1.5696937582271937</v>
      </c>
      <c r="I5979" s="236">
        <f t="shared" si="1400"/>
        <v>20.759605892162476</v>
      </c>
      <c r="J5979" s="237">
        <f t="shared" si="1405"/>
        <v>10.759605892162476</v>
      </c>
      <c r="K5979" s="237">
        <f t="shared" si="1401"/>
        <v>1232.9129939355294</v>
      </c>
      <c r="L5979" s="237">
        <f t="shared" si="1406"/>
        <v>639.0883111767746</v>
      </c>
      <c r="M5979" s="236">
        <f t="shared" si="1402"/>
        <v>22.343808760593419</v>
      </c>
      <c r="N5979" s="236">
        <f t="shared" si="1403"/>
        <v>1.7052218367318184</v>
      </c>
      <c r="O5979" s="236">
        <f t="shared" si="1407"/>
        <v>2.5701443340854508</v>
      </c>
      <c r="P5979" s="236" t="str">
        <f t="shared" si="1408"/>
        <v>SAND</v>
      </c>
      <c r="Q5979" s="236" t="e">
        <f t="shared" si="1404"/>
        <v>#N/A</v>
      </c>
      <c r="R5979" s="238">
        <v>35</v>
      </c>
      <c r="S5979" s="236" t="e">
        <f t="shared" si="1409"/>
        <v>#N/A</v>
      </c>
      <c r="T5979" s="236">
        <f t="shared" si="1395"/>
        <v>32.440729261674051</v>
      </c>
    </row>
    <row r="5980" spans="1:20" x14ac:dyDescent="0.2">
      <c r="A5980" s="53">
        <f t="shared" si="1396"/>
        <v>5968</v>
      </c>
      <c r="B5980" s="239">
        <v>59.405999999999999</v>
      </c>
      <c r="C5980" s="3">
        <f t="shared" si="1397"/>
        <v>59.399000000000001</v>
      </c>
      <c r="D5980" s="239">
        <v>16.842099999999999</v>
      </c>
      <c r="E5980" s="239">
        <v>0.23280000000000001</v>
      </c>
      <c r="F5980" s="239">
        <v>1.5699999999999999E-2</v>
      </c>
      <c r="G5980">
        <f t="shared" si="1398"/>
        <v>16.845239999999997</v>
      </c>
      <c r="H5980" s="235">
        <f t="shared" si="1399"/>
        <v>1.3819927765944566</v>
      </c>
      <c r="I5980" s="236">
        <f t="shared" si="1400"/>
        <v>20.739126572138016</v>
      </c>
      <c r="J5980" s="237">
        <f t="shared" si="1405"/>
        <v>10.739126572138016</v>
      </c>
      <c r="K5980" s="237">
        <f t="shared" si="1401"/>
        <v>1231.883379258426</v>
      </c>
      <c r="L5980" s="237">
        <f t="shared" si="1406"/>
        <v>637.96855314443098</v>
      </c>
      <c r="M5980" s="236">
        <f t="shared" si="1402"/>
        <v>24.473552095610632</v>
      </c>
      <c r="N5980" s="236">
        <f t="shared" si="1403"/>
        <v>1.4910310809831675</v>
      </c>
      <c r="O5980" s="236">
        <f t="shared" si="1407"/>
        <v>2.5047210064238956</v>
      </c>
      <c r="P5980" s="236" t="str">
        <f t="shared" si="1408"/>
        <v>SAND</v>
      </c>
      <c r="Q5980" s="236" t="e">
        <f t="shared" si="1404"/>
        <v>#N/A</v>
      </c>
      <c r="R5980" s="238">
        <v>35</v>
      </c>
      <c r="S5980" s="236" t="e">
        <f t="shared" si="1409"/>
        <v>#N/A</v>
      </c>
      <c r="T5980" s="236">
        <f t="shared" si="1395"/>
        <v>32.875667082536012</v>
      </c>
    </row>
    <row r="5981" spans="1:20" x14ac:dyDescent="0.2">
      <c r="A5981" s="53">
        <f t="shared" si="1396"/>
        <v>5969</v>
      </c>
      <c r="B5981" s="239">
        <v>59.417000000000002</v>
      </c>
      <c r="C5981" s="3">
        <f t="shared" si="1397"/>
        <v>59.410000000000004</v>
      </c>
      <c r="D5981" s="239">
        <v>18.218900000000001</v>
      </c>
      <c r="E5981" s="239">
        <v>0.23769999999999999</v>
      </c>
      <c r="F5981" s="239">
        <v>7.0000000000000007E-2</v>
      </c>
      <c r="G5981">
        <f t="shared" si="1398"/>
        <v>18.232900000000001</v>
      </c>
      <c r="H5981" s="235">
        <f t="shared" si="1399"/>
        <v>1.3036872905571795</v>
      </c>
      <c r="I5981" s="236">
        <f t="shared" si="1400"/>
        <v>20.794492020093614</v>
      </c>
      <c r="J5981" s="237">
        <f t="shared" si="1405"/>
        <v>10.794492020093614</v>
      </c>
      <c r="K5981" s="237">
        <f t="shared" si="1401"/>
        <v>1235.4007709137618</v>
      </c>
      <c r="L5981" s="237">
        <f t="shared" si="1406"/>
        <v>641.37633235790224</v>
      </c>
      <c r="M5981" s="236">
        <f t="shared" si="1402"/>
        <v>26.501600342186087</v>
      </c>
      <c r="N5981" s="236">
        <f t="shared" si="1403"/>
        <v>1.3984410106237635</v>
      </c>
      <c r="O5981" s="236">
        <f t="shared" si="1407"/>
        <v>2.4605038191652233</v>
      </c>
      <c r="P5981" s="236" t="str">
        <f t="shared" si="1408"/>
        <v>SAND</v>
      </c>
      <c r="Q5981" s="236" t="e">
        <f t="shared" si="1404"/>
        <v>#N/A</v>
      </c>
      <c r="R5981" s="238">
        <v>35</v>
      </c>
      <c r="S5981" s="236" t="e">
        <f t="shared" si="1409"/>
        <v>#N/A</v>
      </c>
      <c r="T5981" s="236">
        <f t="shared" si="1395"/>
        <v>33.25599310337082</v>
      </c>
    </row>
    <row r="5982" spans="1:20" x14ac:dyDescent="0.2">
      <c r="A5982" s="53">
        <f t="shared" si="1396"/>
        <v>5970</v>
      </c>
      <c r="B5982" s="239">
        <v>59.427</v>
      </c>
      <c r="C5982" s="3">
        <f t="shared" si="1397"/>
        <v>59.42</v>
      </c>
      <c r="D5982" s="239">
        <v>19.7483</v>
      </c>
      <c r="E5982" s="239">
        <v>0.2354</v>
      </c>
      <c r="F5982" s="239">
        <v>8.5000000000000006E-2</v>
      </c>
      <c r="G5982">
        <f t="shared" si="1398"/>
        <v>19.7653</v>
      </c>
      <c r="H5982" s="235">
        <f t="shared" si="1399"/>
        <v>1.1909761045873324</v>
      </c>
      <c r="I5982" s="236">
        <f t="shared" si="1400"/>
        <v>20.814633561803127</v>
      </c>
      <c r="J5982" s="237">
        <f t="shared" si="1405"/>
        <v>10.814633561803127</v>
      </c>
      <c r="K5982" s="237">
        <f t="shared" si="1401"/>
        <v>1236.8055262423418</v>
      </c>
      <c r="L5982" s="237">
        <f t="shared" si="1406"/>
        <v>642.68122867727448</v>
      </c>
      <c r="M5982" s="236">
        <f t="shared" si="1402"/>
        <v>28.829991677043104</v>
      </c>
      <c r="N5982" s="236">
        <f t="shared" si="1403"/>
        <v>1.2704755927871125</v>
      </c>
      <c r="O5982" s="236">
        <f t="shared" si="1407"/>
        <v>2.4069922930283685</v>
      </c>
      <c r="P5982" s="236" t="str">
        <f t="shared" si="1408"/>
        <v>SAND</v>
      </c>
      <c r="Q5982" s="236" t="e">
        <f t="shared" si="1404"/>
        <v>#N/A</v>
      </c>
      <c r="R5982" s="238">
        <v>35</v>
      </c>
      <c r="S5982" s="236" t="e">
        <f t="shared" si="1409"/>
        <v>#N/A</v>
      </c>
      <c r="T5982" s="236">
        <f t="shared" si="1395"/>
        <v>33.658289687124864</v>
      </c>
    </row>
    <row r="5983" spans="1:20" x14ac:dyDescent="0.2">
      <c r="A5983" s="53">
        <f t="shared" si="1396"/>
        <v>5971</v>
      </c>
      <c r="B5983" s="239">
        <v>59.436</v>
      </c>
      <c r="C5983" s="3">
        <f t="shared" si="1397"/>
        <v>59.429000000000002</v>
      </c>
      <c r="D5983" s="239">
        <v>20.479800000000001</v>
      </c>
      <c r="E5983" s="239">
        <v>0.23380000000000001</v>
      </c>
      <c r="F5983" s="239">
        <v>1.8499999999999999E-2</v>
      </c>
      <c r="G5983">
        <f t="shared" si="1398"/>
        <v>20.483499999999999</v>
      </c>
      <c r="H5983" s="235">
        <f t="shared" si="1399"/>
        <v>1.1414064979129546</v>
      </c>
      <c r="I5983" s="236">
        <f t="shared" si="1400"/>
        <v>20.820586972401944</v>
      </c>
      <c r="J5983" s="237">
        <f t="shared" si="1405"/>
        <v>10.820586972401944</v>
      </c>
      <c r="K5983" s="237">
        <f t="shared" si="1401"/>
        <v>1237.3466631828751</v>
      </c>
      <c r="L5983" s="237">
        <f t="shared" si="1406"/>
        <v>643.13240729168194</v>
      </c>
      <c r="M5983" s="236">
        <f t="shared" si="1402"/>
        <v>29.925646909732471</v>
      </c>
      <c r="N5983" s="236">
        <f t="shared" si="1403"/>
        <v>1.2147882016129941</v>
      </c>
      <c r="O5983" s="236">
        <f t="shared" si="1407"/>
        <v>2.3827681506073688</v>
      </c>
      <c r="P5983" s="236" t="str">
        <f t="shared" si="1408"/>
        <v>SAND</v>
      </c>
      <c r="Q5983" s="236" t="e">
        <f t="shared" si="1404"/>
        <v>#N/A</v>
      </c>
      <c r="R5983" s="238">
        <v>35</v>
      </c>
      <c r="S5983" s="236" t="e">
        <f t="shared" si="1409"/>
        <v>#N/A</v>
      </c>
      <c r="T5983" s="236">
        <f t="shared" si="1395"/>
        <v>33.836479021682294</v>
      </c>
    </row>
    <row r="5984" spans="1:20" x14ac:dyDescent="0.2">
      <c r="A5984" s="53">
        <f t="shared" si="1396"/>
        <v>5972</v>
      </c>
      <c r="B5984" s="239">
        <v>59.447000000000003</v>
      </c>
      <c r="C5984" s="3">
        <f t="shared" si="1397"/>
        <v>59.440000000000005</v>
      </c>
      <c r="D5984" s="239">
        <v>21.166899999999998</v>
      </c>
      <c r="E5984" s="239">
        <v>0.21379999999999999</v>
      </c>
      <c r="F5984" s="239">
        <v>2.6700000000000002E-2</v>
      </c>
      <c r="G5984">
        <f t="shared" si="1398"/>
        <v>21.172239999999999</v>
      </c>
      <c r="H5984" s="235">
        <f t="shared" si="1399"/>
        <v>1.0098128492781113</v>
      </c>
      <c r="I5984" s="236">
        <f t="shared" si="1400"/>
        <v>20.728653974240224</v>
      </c>
      <c r="J5984" s="237">
        <f t="shared" si="1405"/>
        <v>10.728653974240224</v>
      </c>
      <c r="K5984" s="237">
        <f t="shared" si="1401"/>
        <v>1232.1111922288389</v>
      </c>
      <c r="L5984" s="237">
        <f t="shared" si="1406"/>
        <v>637.78629280665859</v>
      </c>
      <c r="M5984" s="236">
        <f t="shared" si="1402"/>
        <v>31.264592909361724</v>
      </c>
      <c r="N5984" s="236">
        <f t="shared" si="1403"/>
        <v>1.0722097237239354</v>
      </c>
      <c r="O5984" s="236">
        <f t="shared" si="1407"/>
        <v>2.3374379052455674</v>
      </c>
      <c r="P5984" s="236" t="str">
        <f t="shared" si="1408"/>
        <v>SAND</v>
      </c>
      <c r="Q5984" s="236" t="e">
        <f t="shared" si="1404"/>
        <v>#N/A</v>
      </c>
      <c r="R5984" s="238">
        <v>35</v>
      </c>
      <c r="S5984" s="236" t="e">
        <f t="shared" si="1409"/>
        <v>#N/A</v>
      </c>
      <c r="T5984" s="236">
        <f t="shared" si="1395"/>
        <v>34.045580560015246</v>
      </c>
    </row>
    <row r="5985" spans="1:20" x14ac:dyDescent="0.2">
      <c r="A5985" s="53">
        <f t="shared" si="1396"/>
        <v>5973</v>
      </c>
      <c r="B5985" s="239">
        <v>59.457000000000001</v>
      </c>
      <c r="C5985" s="3">
        <f t="shared" si="1397"/>
        <v>59.45</v>
      </c>
      <c r="D5985" s="239">
        <v>21.251100000000001</v>
      </c>
      <c r="E5985" s="239">
        <v>0.1883</v>
      </c>
      <c r="F5985" s="239">
        <v>-2.07E-2</v>
      </c>
      <c r="G5985">
        <f t="shared" si="1398"/>
        <v>21.246960000000001</v>
      </c>
      <c r="H5985" s="235">
        <f t="shared" si="1399"/>
        <v>0.88624443214464554</v>
      </c>
      <c r="I5985" s="236">
        <f t="shared" si="1400"/>
        <v>20.581106038683224</v>
      </c>
      <c r="J5985" s="237">
        <f t="shared" si="1405"/>
        <v>10.581106038683224</v>
      </c>
      <c r="K5985" s="237">
        <f t="shared" si="1401"/>
        <v>1223.5467539997178</v>
      </c>
      <c r="L5985" s="237">
        <f t="shared" si="1406"/>
        <v>629.12082174198849</v>
      </c>
      <c r="M5985" s="236">
        <f t="shared" si="1402"/>
        <v>31.82761173053683</v>
      </c>
      <c r="N5985" s="236">
        <f t="shared" si="1403"/>
        <v>0.94039911021470468</v>
      </c>
      <c r="O5985" s="236">
        <f t="shared" si="1407"/>
        <v>2.3008376582451122</v>
      </c>
      <c r="P5985" s="236" t="str">
        <f t="shared" si="1408"/>
        <v>SAND</v>
      </c>
      <c r="Q5985" s="236" t="e">
        <f t="shared" si="1404"/>
        <v>#N/A</v>
      </c>
      <c r="R5985" s="238">
        <v>35</v>
      </c>
      <c r="S5985" s="236" t="e">
        <f t="shared" si="1409"/>
        <v>#N/A</v>
      </c>
      <c r="T5985" s="236">
        <f t="shared" si="1395"/>
        <v>34.13084456542812</v>
      </c>
    </row>
    <row r="5986" spans="1:20" x14ac:dyDescent="0.2">
      <c r="A5986" s="53">
        <f t="shared" si="1396"/>
        <v>5974</v>
      </c>
      <c r="B5986" s="239">
        <v>59.466999999999999</v>
      </c>
      <c r="C5986" s="3">
        <f t="shared" si="1397"/>
        <v>59.46</v>
      </c>
      <c r="D5986" s="239">
        <v>20.941299999999998</v>
      </c>
      <c r="E5986" s="239">
        <v>0.17069999999999999</v>
      </c>
      <c r="F5986" s="239">
        <v>1.77E-2</v>
      </c>
      <c r="G5986">
        <f t="shared" si="1398"/>
        <v>20.944839999999999</v>
      </c>
      <c r="H5986" s="235">
        <f t="shared" si="1399"/>
        <v>0.81499787059724493</v>
      </c>
      <c r="I5986" s="236">
        <f t="shared" si="1400"/>
        <v>20.460442903769014</v>
      </c>
      <c r="J5986" s="237">
        <f t="shared" si="1405"/>
        <v>10.460442903769014</v>
      </c>
      <c r="K5986" s="237">
        <f t="shared" si="1401"/>
        <v>1216.5779350581056</v>
      </c>
      <c r="L5986" s="237">
        <f t="shared" si="1406"/>
        <v>622.05115815843192</v>
      </c>
      <c r="M5986" s="236">
        <f t="shared" si="1402"/>
        <v>31.714854648525947</v>
      </c>
      <c r="N5986" s="236">
        <f t="shared" si="1403"/>
        <v>0.8652561459194239</v>
      </c>
      <c r="O5986" s="236">
        <f t="shared" si="1407"/>
        <v>2.2836178088000803</v>
      </c>
      <c r="P5986" s="236" t="str">
        <f t="shared" si="1408"/>
        <v>SAND</v>
      </c>
      <c r="Q5986" s="236" t="e">
        <f t="shared" si="1404"/>
        <v>#N/A</v>
      </c>
      <c r="R5986" s="238">
        <v>35</v>
      </c>
      <c r="S5986" s="236" t="e">
        <f t="shared" si="1409"/>
        <v>#N/A</v>
      </c>
      <c r="T5986" s="236">
        <f t="shared" si="1395"/>
        <v>34.113889978685037</v>
      </c>
    </row>
    <row r="5987" spans="1:20" x14ac:dyDescent="0.2">
      <c r="A5987" s="53">
        <f t="shared" si="1396"/>
        <v>5975</v>
      </c>
      <c r="B5987" s="239">
        <v>59.478999999999999</v>
      </c>
      <c r="C5987" s="3">
        <f t="shared" si="1397"/>
        <v>59.472000000000001</v>
      </c>
      <c r="D5987" s="239">
        <v>20.714300000000001</v>
      </c>
      <c r="E5987" s="239">
        <v>0.17380000000000001</v>
      </c>
      <c r="F5987" s="239">
        <v>-1.9099999999999999E-2</v>
      </c>
      <c r="G5987">
        <f t="shared" si="1398"/>
        <v>20.71048</v>
      </c>
      <c r="H5987" s="235">
        <f t="shared" si="1399"/>
        <v>0.83918866197210307</v>
      </c>
      <c r="I5987" s="236">
        <f t="shared" si="1400"/>
        <v>20.477148587146367</v>
      </c>
      <c r="J5987" s="237">
        <f t="shared" si="1405"/>
        <v>10.477148587146367</v>
      </c>
      <c r="K5987" s="237">
        <f t="shared" si="1401"/>
        <v>1217.8169807747688</v>
      </c>
      <c r="L5987" s="237">
        <f t="shared" si="1406"/>
        <v>623.17032081487878</v>
      </c>
      <c r="M5987" s="236">
        <f t="shared" si="1402"/>
        <v>31.279832123160102</v>
      </c>
      <c r="N5987" s="236">
        <f t="shared" si="1403"/>
        <v>0.89161752721310839</v>
      </c>
      <c r="O5987" s="236">
        <f t="shared" si="1407"/>
        <v>2.2954081522845819</v>
      </c>
      <c r="P5987" s="236" t="str">
        <f t="shared" si="1408"/>
        <v>SAND</v>
      </c>
      <c r="Q5987" s="236" t="e">
        <f t="shared" si="1404"/>
        <v>#N/A</v>
      </c>
      <c r="R5987" s="238">
        <v>35</v>
      </c>
      <c r="S5987" s="236" t="e">
        <f t="shared" si="1409"/>
        <v>#N/A</v>
      </c>
      <c r="T5987" s="236">
        <f t="shared" si="1395"/>
        <v>34.047908549199761</v>
      </c>
    </row>
    <row r="5988" spans="1:20" x14ac:dyDescent="0.2">
      <c r="A5988" s="53">
        <f t="shared" si="1396"/>
        <v>5976</v>
      </c>
      <c r="B5988" s="239">
        <v>59.488</v>
      </c>
      <c r="C5988" s="3">
        <f t="shared" si="1397"/>
        <v>59.481000000000002</v>
      </c>
      <c r="D5988" s="239">
        <v>20.0853</v>
      </c>
      <c r="E5988" s="239">
        <v>0.15049999999999999</v>
      </c>
      <c r="F5988" s="239">
        <v>-7.0000000000000001E-3</v>
      </c>
      <c r="G5988">
        <f t="shared" si="1398"/>
        <v>20.0839</v>
      </c>
      <c r="H5988" s="235">
        <f t="shared" si="1399"/>
        <v>0.74935644969353565</v>
      </c>
      <c r="I5988" s="236">
        <f t="shared" si="1400"/>
        <v>20.296354849469012</v>
      </c>
      <c r="J5988" s="237">
        <f t="shared" si="1405"/>
        <v>10.296354849469012</v>
      </c>
      <c r="K5988" s="237">
        <f t="shared" si="1401"/>
        <v>1207.2474828012664</v>
      </c>
      <c r="L5988" s="237">
        <f t="shared" si="1406"/>
        <v>612.50955728521251</v>
      </c>
      <c r="M5988" s="236">
        <f t="shared" si="1402"/>
        <v>30.818543633612069</v>
      </c>
      <c r="N5988" s="236">
        <f t="shared" si="1403"/>
        <v>0.79728119094674088</v>
      </c>
      <c r="O5988" s="236">
        <f t="shared" si="1407"/>
        <v>2.2766461839783312</v>
      </c>
      <c r="P5988" s="236" t="str">
        <f t="shared" si="1408"/>
        <v>SAND</v>
      </c>
      <c r="Q5988" s="236" t="e">
        <f t="shared" si="1404"/>
        <v>#N/A</v>
      </c>
      <c r="R5988" s="238">
        <v>35</v>
      </c>
      <c r="S5988" s="236" t="e">
        <f t="shared" si="1409"/>
        <v>#N/A</v>
      </c>
      <c r="T5988" s="236">
        <f t="shared" si="1395"/>
        <v>33.976933229499963</v>
      </c>
    </row>
    <row r="5989" spans="1:20" x14ac:dyDescent="0.2">
      <c r="A5989" s="53">
        <f t="shared" si="1396"/>
        <v>5977</v>
      </c>
      <c r="B5989" s="239">
        <v>59.5</v>
      </c>
      <c r="C5989" s="3">
        <f t="shared" si="1397"/>
        <v>59.493000000000002</v>
      </c>
      <c r="D5989" s="239">
        <v>19.386800000000001</v>
      </c>
      <c r="E5989" s="239">
        <v>0.12790000000000001</v>
      </c>
      <c r="F5989" s="239">
        <v>1.35E-2</v>
      </c>
      <c r="G5989">
        <f t="shared" si="1398"/>
        <v>19.389500000000002</v>
      </c>
      <c r="H5989" s="235">
        <f t="shared" si="1399"/>
        <v>0.65963536965883596</v>
      </c>
      <c r="I5989" s="236">
        <f t="shared" si="1400"/>
        <v>20.091803473479281</v>
      </c>
      <c r="J5989" s="237">
        <f t="shared" si="1405"/>
        <v>10.091803473479281</v>
      </c>
      <c r="K5989" s="237">
        <f t="shared" si="1401"/>
        <v>1195.3216640477028</v>
      </c>
      <c r="L5989" s="237">
        <f t="shared" si="1406"/>
        <v>600.46230667201723</v>
      </c>
      <c r="M5989" s="236">
        <f t="shared" si="1402"/>
        <v>30.300283854270752</v>
      </c>
      <c r="N5989" s="236">
        <f t="shared" si="1403"/>
        <v>0.70297211359781719</v>
      </c>
      <c r="O5989" s="236">
        <f t="shared" si="1407"/>
        <v>2.2567013852327213</v>
      </c>
      <c r="P5989" s="236" t="str">
        <f t="shared" si="1408"/>
        <v>SAND</v>
      </c>
      <c r="Q5989" s="236" t="e">
        <f t="shared" si="1404"/>
        <v>#N/A</v>
      </c>
      <c r="R5989" s="238">
        <v>35</v>
      </c>
      <c r="S5989" s="236" t="e">
        <f t="shared" si="1409"/>
        <v>#N/A</v>
      </c>
      <c r="T5989" s="236">
        <f t="shared" si="1395"/>
        <v>33.895913667103784</v>
      </c>
    </row>
    <row r="5990" spans="1:20" x14ac:dyDescent="0.2">
      <c r="A5990" s="53">
        <f t="shared" si="1396"/>
        <v>5978</v>
      </c>
      <c r="B5990" s="239">
        <v>59.51</v>
      </c>
      <c r="C5990" s="3">
        <f t="shared" si="1397"/>
        <v>59.503</v>
      </c>
      <c r="D5990" s="239">
        <v>18.687899999999999</v>
      </c>
      <c r="E5990" s="239">
        <v>0.1182</v>
      </c>
      <c r="F5990" s="239">
        <v>8.0600000000000005E-2</v>
      </c>
      <c r="G5990">
        <f t="shared" si="1398"/>
        <v>18.70402</v>
      </c>
      <c r="H5990" s="235">
        <f t="shared" si="1399"/>
        <v>0.63194970920689775</v>
      </c>
      <c r="I5990" s="236">
        <f t="shared" si="1400"/>
        <v>19.985251703438458</v>
      </c>
      <c r="J5990" s="237">
        <f t="shared" si="1405"/>
        <v>9.9852517034384576</v>
      </c>
      <c r="K5990" s="237">
        <f t="shared" si="1401"/>
        <v>1189.1824321096985</v>
      </c>
      <c r="L5990" s="237">
        <f t="shared" si="1406"/>
        <v>594.22232887162261</v>
      </c>
      <c r="M5990" s="236">
        <f t="shared" si="1402"/>
        <v>29.475226219030649</v>
      </c>
      <c r="N5990" s="236">
        <f t="shared" si="1403"/>
        <v>0.67485638700237982</v>
      </c>
      <c r="O5990" s="236">
        <f t="shared" si="1407"/>
        <v>2.2589856551427205</v>
      </c>
      <c r="P5990" s="236" t="str">
        <f t="shared" si="1408"/>
        <v>SAND</v>
      </c>
      <c r="Q5990" s="236" t="e">
        <f t="shared" si="1404"/>
        <v>#N/A</v>
      </c>
      <c r="R5990" s="238">
        <v>35</v>
      </c>
      <c r="S5990" s="236" t="e">
        <f t="shared" si="1409"/>
        <v>#N/A</v>
      </c>
      <c r="T5990" s="236">
        <f t="shared" si="1395"/>
        <v>33.76402861635092</v>
      </c>
    </row>
    <row r="5991" spans="1:20" x14ac:dyDescent="0.2">
      <c r="A5991" s="53">
        <f t="shared" si="1396"/>
        <v>5979</v>
      </c>
      <c r="B5991" s="239">
        <v>59.521000000000001</v>
      </c>
      <c r="C5991" s="3">
        <f t="shared" si="1397"/>
        <v>59.514000000000003</v>
      </c>
      <c r="D5991" s="239">
        <v>18.2256</v>
      </c>
      <c r="E5991" s="239">
        <v>0.1181</v>
      </c>
      <c r="F5991" s="239">
        <v>9.9000000000000005E-2</v>
      </c>
      <c r="G5991">
        <f t="shared" si="1398"/>
        <v>18.2454</v>
      </c>
      <c r="H5991" s="235">
        <f t="shared" si="1399"/>
        <v>0.64728643932169205</v>
      </c>
      <c r="I5991" s="236">
        <f t="shared" si="1400"/>
        <v>19.97455582802823</v>
      </c>
      <c r="J5991" s="237">
        <f t="shared" si="1405"/>
        <v>9.9745558280282296</v>
      </c>
      <c r="K5991" s="237">
        <f t="shared" si="1401"/>
        <v>1188.765715549272</v>
      </c>
      <c r="L5991" s="237">
        <f t="shared" si="1406"/>
        <v>593.69553744006828</v>
      </c>
      <c r="M5991" s="236">
        <f t="shared" si="1402"/>
        <v>28.729598268493884</v>
      </c>
      <c r="N5991" s="236">
        <f t="shared" si="1403"/>
        <v>0.69239920391365262</v>
      </c>
      <c r="O5991" s="236">
        <f t="shared" si="1407"/>
        <v>2.2740215523496259</v>
      </c>
      <c r="P5991" s="236" t="str">
        <f t="shared" si="1408"/>
        <v>SAND</v>
      </c>
      <c r="Q5991" s="236" t="e">
        <f t="shared" si="1404"/>
        <v>#N/A</v>
      </c>
      <c r="R5991" s="238">
        <v>35</v>
      </c>
      <c r="S5991" s="236" t="e">
        <f t="shared" si="1409"/>
        <v>#N/A</v>
      </c>
      <c r="T5991" s="236">
        <f t="shared" si="1395"/>
        <v>33.641625085321195</v>
      </c>
    </row>
    <row r="5992" spans="1:20" x14ac:dyDescent="0.2">
      <c r="A5992" s="53">
        <f t="shared" si="1396"/>
        <v>5980</v>
      </c>
      <c r="B5992" s="239">
        <v>59.530999999999999</v>
      </c>
      <c r="C5992" s="3">
        <f t="shared" si="1397"/>
        <v>59.524000000000001</v>
      </c>
      <c r="D5992" s="239">
        <v>18.4344</v>
      </c>
      <c r="E5992" s="239">
        <v>0.1207</v>
      </c>
      <c r="F5992" s="239">
        <v>0.1202</v>
      </c>
      <c r="G5992">
        <f t="shared" si="1398"/>
        <v>18.45844</v>
      </c>
      <c r="H5992" s="235">
        <f t="shared" si="1399"/>
        <v>0.6539014131205021</v>
      </c>
      <c r="I5992" s="236">
        <f t="shared" si="1400"/>
        <v>20.004628178422568</v>
      </c>
      <c r="J5992" s="237">
        <f t="shared" si="1405"/>
        <v>10.004628178422568</v>
      </c>
      <c r="K5992" s="237">
        <f t="shared" si="1401"/>
        <v>1190.755487692425</v>
      </c>
      <c r="L5992" s="237">
        <f t="shared" si="1406"/>
        <v>595.58552008967388</v>
      </c>
      <c r="M5992" s="236">
        <f t="shared" si="1402"/>
        <v>28.992787651566271</v>
      </c>
      <c r="N5992" s="236">
        <f t="shared" si="1403"/>
        <v>0.69899354435142058</v>
      </c>
      <c r="O5992" s="236">
        <f t="shared" si="1407"/>
        <v>2.2724442048628499</v>
      </c>
      <c r="P5992" s="236" t="str">
        <f t="shared" si="1408"/>
        <v>SAND</v>
      </c>
      <c r="Q5992" s="236" t="e">
        <f t="shared" si="1404"/>
        <v>#N/A</v>
      </c>
      <c r="R5992" s="238">
        <v>35</v>
      </c>
      <c r="S5992" s="236" t="e">
        <f t="shared" si="1409"/>
        <v>#N/A</v>
      </c>
      <c r="T5992" s="236">
        <f t="shared" si="1395"/>
        <v>33.685189721729124</v>
      </c>
    </row>
    <row r="5993" spans="1:20" x14ac:dyDescent="0.2">
      <c r="A5993" s="53">
        <f t="shared" si="1396"/>
        <v>5981</v>
      </c>
      <c r="B5993" s="239">
        <v>59.540999999999997</v>
      </c>
      <c r="C5993" s="3">
        <f t="shared" si="1397"/>
        <v>59.533999999999999</v>
      </c>
      <c r="D5993" s="239">
        <v>18.415800000000001</v>
      </c>
      <c r="E5993" s="239">
        <v>0.12239999999999999</v>
      </c>
      <c r="F5993" s="239">
        <v>0.1542</v>
      </c>
      <c r="G5993">
        <f t="shared" si="1398"/>
        <v>18.446640000000002</v>
      </c>
      <c r="H5993" s="235">
        <f t="shared" si="1399"/>
        <v>0.66353547312681327</v>
      </c>
      <c r="I5993" s="236">
        <f t="shared" si="1400"/>
        <v>20.020778427506588</v>
      </c>
      <c r="J5993" s="237">
        <f t="shared" si="1405"/>
        <v>10.020778427506588</v>
      </c>
      <c r="K5993" s="237">
        <f t="shared" si="1401"/>
        <v>1191.9170229031772</v>
      </c>
      <c r="L5993" s="237">
        <f t="shared" si="1406"/>
        <v>596.64716835216973</v>
      </c>
      <c r="M5993" s="236">
        <f t="shared" si="1402"/>
        <v>28.919475181205019</v>
      </c>
      <c r="N5993" s="236">
        <f t="shared" si="1403"/>
        <v>0.70937099461097386</v>
      </c>
      <c r="O5993" s="236">
        <f t="shared" si="1407"/>
        <v>2.2764195298131353</v>
      </c>
      <c r="P5993" s="236" t="str">
        <f t="shared" si="1408"/>
        <v>SAND</v>
      </c>
      <c r="Q5993" s="236" t="e">
        <f t="shared" si="1404"/>
        <v>#N/A</v>
      </c>
      <c r="R5993" s="238">
        <v>35</v>
      </c>
      <c r="S5993" s="236" t="e">
        <f t="shared" si="1409"/>
        <v>#N/A</v>
      </c>
      <c r="T5993" s="236">
        <f t="shared" si="1395"/>
        <v>33.673094480251201</v>
      </c>
    </row>
    <row r="5994" spans="1:20" x14ac:dyDescent="0.2">
      <c r="A5994" s="53">
        <f t="shared" si="1396"/>
        <v>5982</v>
      </c>
      <c r="B5994" s="239">
        <v>59.552</v>
      </c>
      <c r="C5994" s="3">
        <f t="shared" si="1397"/>
        <v>59.545000000000002</v>
      </c>
      <c r="D5994" s="239">
        <v>18.440999999999999</v>
      </c>
      <c r="E5994" s="239">
        <v>0.12280000000000001</v>
      </c>
      <c r="F5994" s="239">
        <v>0.29830000000000001</v>
      </c>
      <c r="G5994">
        <f t="shared" si="1398"/>
        <v>18.50066</v>
      </c>
      <c r="H5994" s="235">
        <f t="shared" si="1399"/>
        <v>0.66376010369359806</v>
      </c>
      <c r="I5994" s="236">
        <f t="shared" si="1400"/>
        <v>20.025747144444544</v>
      </c>
      <c r="J5994" s="237">
        <f t="shared" si="1405"/>
        <v>10.025747144444544</v>
      </c>
      <c r="K5994" s="237">
        <f t="shared" si="1401"/>
        <v>1192.4331137159504</v>
      </c>
      <c r="L5994" s="237">
        <f t="shared" si="1406"/>
        <v>597.05329394596151</v>
      </c>
      <c r="M5994" s="236">
        <f t="shared" si="1402"/>
        <v>28.989416961244661</v>
      </c>
      <c r="N5994" s="236">
        <f t="shared" si="1403"/>
        <v>0.70948919728636783</v>
      </c>
      <c r="O5994" s="236">
        <f t="shared" si="1407"/>
        <v>2.2755278907251051</v>
      </c>
      <c r="P5994" s="236" t="str">
        <f t="shared" si="1408"/>
        <v>SAND</v>
      </c>
      <c r="Q5994" s="236" t="e">
        <f t="shared" si="1404"/>
        <v>#N/A</v>
      </c>
      <c r="R5994" s="238">
        <v>35</v>
      </c>
      <c r="S5994" s="236" t="e">
        <f t="shared" si="1409"/>
        <v>#N/A</v>
      </c>
      <c r="T5994" s="236">
        <f t="shared" si="1395"/>
        <v>33.684634289440844</v>
      </c>
    </row>
    <row r="5995" spans="1:20" x14ac:dyDescent="0.2">
      <c r="A5995" s="53">
        <f t="shared" si="1396"/>
        <v>5983</v>
      </c>
      <c r="B5995" s="239">
        <v>59.561999999999998</v>
      </c>
      <c r="C5995" s="3">
        <f t="shared" si="1397"/>
        <v>59.555</v>
      </c>
      <c r="D5995" s="239">
        <v>18.239799999999999</v>
      </c>
      <c r="E5995" s="239">
        <v>0.1178</v>
      </c>
      <c r="F5995" s="239">
        <v>0.33579999999999999</v>
      </c>
      <c r="G5995">
        <f t="shared" si="1398"/>
        <v>18.30696</v>
      </c>
      <c r="H5995" s="235">
        <f t="shared" si="1399"/>
        <v>0.6434711169959404</v>
      </c>
      <c r="I5995" s="236">
        <f t="shared" si="1400"/>
        <v>19.972889947961068</v>
      </c>
      <c r="J5995" s="237">
        <f t="shared" si="1405"/>
        <v>9.9728899479610682</v>
      </c>
      <c r="K5995" s="237">
        <f t="shared" si="1401"/>
        <v>1189.4854608508215</v>
      </c>
      <c r="L5995" s="237">
        <f t="shared" si="1406"/>
        <v>594.00527108045708</v>
      </c>
      <c r="M5995" s="236">
        <f t="shared" si="1402"/>
        <v>28.81704148519356</v>
      </c>
      <c r="N5995" s="236">
        <f t="shared" si="1403"/>
        <v>0.68818563001557842</v>
      </c>
      <c r="O5995" s="236">
        <f t="shared" si="1407"/>
        <v>2.2716185208419164</v>
      </c>
      <c r="P5995" s="236" t="str">
        <f t="shared" si="1408"/>
        <v>SAND</v>
      </c>
      <c r="Q5995" s="236" t="e">
        <f t="shared" si="1404"/>
        <v>#N/A</v>
      </c>
      <c r="R5995" s="238">
        <v>35</v>
      </c>
      <c r="S5995" s="236" t="e">
        <f t="shared" si="1409"/>
        <v>#N/A</v>
      </c>
      <c r="T5995" s="236">
        <f t="shared" si="1395"/>
        <v>33.656143308964346</v>
      </c>
    </row>
    <row r="5996" spans="1:20" x14ac:dyDescent="0.2">
      <c r="A5996" s="53">
        <f t="shared" si="1396"/>
        <v>5984</v>
      </c>
      <c r="B5996" s="239">
        <v>59.572000000000003</v>
      </c>
      <c r="C5996" s="3">
        <f t="shared" si="1397"/>
        <v>59.565000000000005</v>
      </c>
      <c r="D5996" s="239">
        <v>18.148199999999999</v>
      </c>
      <c r="E5996" s="239">
        <v>0.1158</v>
      </c>
      <c r="F5996" s="239">
        <v>0.24160000000000001</v>
      </c>
      <c r="G5996">
        <f t="shared" si="1398"/>
        <v>18.19652</v>
      </c>
      <c r="H5996" s="235">
        <f t="shared" si="1399"/>
        <v>0.63638541875039845</v>
      </c>
      <c r="I5996" s="236">
        <f t="shared" si="1400"/>
        <v>19.950445669949175</v>
      </c>
      <c r="J5996" s="237">
        <f t="shared" si="1405"/>
        <v>9.9504456699491755</v>
      </c>
      <c r="K5996" s="237">
        <f t="shared" si="1401"/>
        <v>1188.3482963305228</v>
      </c>
      <c r="L5996" s="237">
        <f t="shared" si="1406"/>
        <v>592.76794945021231</v>
      </c>
      <c r="M5996" s="236">
        <f t="shared" si="1402"/>
        <v>28.692799128975221</v>
      </c>
      <c r="N5996" s="236">
        <f t="shared" si="1403"/>
        <v>0.68084919424359047</v>
      </c>
      <c r="O5996" s="236">
        <f t="shared" si="1407"/>
        <v>2.2711173651565058</v>
      </c>
      <c r="P5996" s="236" t="str">
        <f t="shared" si="1408"/>
        <v>SAND</v>
      </c>
      <c r="Q5996" s="236" t="e">
        <f t="shared" si="1404"/>
        <v>#N/A</v>
      </c>
      <c r="R5996" s="238">
        <v>35</v>
      </c>
      <c r="S5996" s="236" t="e">
        <f t="shared" si="1409"/>
        <v>#N/A</v>
      </c>
      <c r="T5996" s="236">
        <f t="shared" si="1395"/>
        <v>33.635502097512145</v>
      </c>
    </row>
    <row r="5997" spans="1:20" x14ac:dyDescent="0.2">
      <c r="A5997" s="53">
        <f t="shared" si="1396"/>
        <v>5985</v>
      </c>
      <c r="B5997" s="239">
        <v>59.582000000000001</v>
      </c>
      <c r="C5997" s="3">
        <f t="shared" si="1397"/>
        <v>59.575000000000003</v>
      </c>
      <c r="D5997" s="239">
        <v>17.9269</v>
      </c>
      <c r="E5997" s="239">
        <v>0.1308</v>
      </c>
      <c r="F5997" s="239">
        <v>0.19639999999999999</v>
      </c>
      <c r="G5997">
        <f t="shared" si="1398"/>
        <v>17.966180000000001</v>
      </c>
      <c r="H5997" s="235">
        <f t="shared" si="1399"/>
        <v>0.72803456271728317</v>
      </c>
      <c r="I5997" s="236">
        <f t="shared" si="1400"/>
        <v>20.088294134988971</v>
      </c>
      <c r="J5997" s="237">
        <f t="shared" si="1405"/>
        <v>10.088294134988971</v>
      </c>
      <c r="K5997" s="237">
        <f t="shared" si="1401"/>
        <v>1196.7601230919679</v>
      </c>
      <c r="L5997" s="237">
        <f t="shared" si="1406"/>
        <v>601.0807411509129</v>
      </c>
      <c r="M5997" s="236">
        <f t="shared" si="1402"/>
        <v>27.898780860619432</v>
      </c>
      <c r="N5997" s="236">
        <f t="shared" si="1403"/>
        <v>0.77999120398980126</v>
      </c>
      <c r="O5997" s="236">
        <f t="shared" si="1407"/>
        <v>2.3097616091516087</v>
      </c>
      <c r="P5997" s="236" t="str">
        <f t="shared" si="1408"/>
        <v>SAND</v>
      </c>
      <c r="Q5997" s="236" t="e">
        <f t="shared" si="1404"/>
        <v>#N/A</v>
      </c>
      <c r="R5997" s="238">
        <v>35</v>
      </c>
      <c r="S5997" s="236" t="e">
        <f t="shared" si="1409"/>
        <v>#N/A</v>
      </c>
      <c r="T5997" s="236">
        <f t="shared" si="1395"/>
        <v>33.50143748160766</v>
      </c>
    </row>
    <row r="5998" spans="1:20" x14ac:dyDescent="0.2">
      <c r="A5998" s="53">
        <f t="shared" si="1396"/>
        <v>5986</v>
      </c>
      <c r="B5998" s="239">
        <v>59.593000000000004</v>
      </c>
      <c r="C5998" s="3">
        <f t="shared" si="1397"/>
        <v>59.586000000000006</v>
      </c>
      <c r="D5998" s="239">
        <v>17.415600000000001</v>
      </c>
      <c r="E5998" s="239">
        <v>0.13930000000000001</v>
      </c>
      <c r="F5998" s="239">
        <v>0.16950000000000001</v>
      </c>
      <c r="G5998">
        <f t="shared" si="1398"/>
        <v>17.4495</v>
      </c>
      <c r="H5998" s="235">
        <f t="shared" si="1399"/>
        <v>0.79830367632310384</v>
      </c>
      <c r="I5998" s="236">
        <f t="shared" si="1400"/>
        <v>20.150715757161244</v>
      </c>
      <c r="J5998" s="237">
        <f t="shared" si="1405"/>
        <v>10.150715757161244</v>
      </c>
      <c r="K5998" s="237">
        <f t="shared" si="1401"/>
        <v>1200.70054910621</v>
      </c>
      <c r="L5998" s="237">
        <f t="shared" si="1406"/>
        <v>604.91160411651003</v>
      </c>
      <c r="M5998" s="236">
        <f t="shared" si="1402"/>
        <v>26.861444449599553</v>
      </c>
      <c r="N5998" s="236">
        <f t="shared" si="1403"/>
        <v>0.85729410607217271</v>
      </c>
      <c r="O5998" s="236">
        <f t="shared" si="1407"/>
        <v>2.344112066680323</v>
      </c>
      <c r="P5998" s="236" t="str">
        <f t="shared" si="1408"/>
        <v>SAND</v>
      </c>
      <c r="Q5998" s="236" t="e">
        <f t="shared" si="1404"/>
        <v>#N/A</v>
      </c>
      <c r="R5998" s="238">
        <v>35</v>
      </c>
      <c r="S5998" s="236" t="e">
        <f t="shared" si="1409"/>
        <v>#N/A</v>
      </c>
      <c r="T5998" s="236">
        <f t="shared" si="1395"/>
        <v>33.320422990239649</v>
      </c>
    </row>
    <row r="5999" spans="1:20" x14ac:dyDescent="0.2">
      <c r="A5999" s="53">
        <f t="shared" si="1396"/>
        <v>5987</v>
      </c>
      <c r="B5999" s="239">
        <v>59.601999999999997</v>
      </c>
      <c r="C5999" s="3">
        <f t="shared" si="1397"/>
        <v>59.594999999999999</v>
      </c>
      <c r="D5999" s="239">
        <v>17.710100000000001</v>
      </c>
      <c r="E5999" s="239">
        <v>0.14810000000000001</v>
      </c>
      <c r="F5999" s="239">
        <v>9.6100000000000005E-2</v>
      </c>
      <c r="G5999">
        <f t="shared" si="1398"/>
        <v>17.729320000000001</v>
      </c>
      <c r="H5999" s="235">
        <f t="shared" si="1399"/>
        <v>0.83533942644162318</v>
      </c>
      <c r="I5999" s="236">
        <f t="shared" si="1400"/>
        <v>20.22876458326758</v>
      </c>
      <c r="J5999" s="237">
        <f t="shared" si="1405"/>
        <v>10.22876458326758</v>
      </c>
      <c r="K5999" s="237">
        <f t="shared" si="1401"/>
        <v>1205.5332253398315</v>
      </c>
      <c r="L5999" s="237">
        <f t="shared" si="1406"/>
        <v>609.65482669191431</v>
      </c>
      <c r="M5999" s="236">
        <f t="shared" si="1402"/>
        <v>27.103511776197866</v>
      </c>
      <c r="N5999" s="236">
        <f t="shared" si="1403"/>
        <v>0.89628365470750793</v>
      </c>
      <c r="O5999" s="236">
        <f t="shared" si="1407"/>
        <v>2.3502964156269415</v>
      </c>
      <c r="P5999" s="236" t="str">
        <f t="shared" si="1408"/>
        <v>SAND</v>
      </c>
      <c r="Q5999" s="236" t="e">
        <f t="shared" si="1404"/>
        <v>#N/A</v>
      </c>
      <c r="R5999" s="238">
        <v>35</v>
      </c>
      <c r="S5999" s="236" t="e">
        <f t="shared" si="1409"/>
        <v>#N/A</v>
      </c>
      <c r="T5999" s="236">
        <f t="shared" si="1395"/>
        <v>33.363281222067094</v>
      </c>
    </row>
    <row r="6000" spans="1:20" x14ac:dyDescent="0.2">
      <c r="A6000" s="53">
        <f t="shared" si="1396"/>
        <v>5988</v>
      </c>
      <c r="B6000" s="239">
        <v>59.613</v>
      </c>
      <c r="C6000" s="3">
        <f t="shared" si="1397"/>
        <v>59.606000000000002</v>
      </c>
      <c r="D6000" s="239">
        <v>18.6541</v>
      </c>
      <c r="E6000" s="239">
        <v>0.15820000000000001</v>
      </c>
      <c r="F6000" s="239">
        <v>0.1651</v>
      </c>
      <c r="G6000">
        <f t="shared" si="1398"/>
        <v>18.68712</v>
      </c>
      <c r="H6000" s="235">
        <f t="shared" si="1399"/>
        <v>0.84657239852904032</v>
      </c>
      <c r="I6000" s="236">
        <f t="shared" si="1400"/>
        <v>20.326688685115037</v>
      </c>
      <c r="J6000" s="237">
        <f t="shared" si="1405"/>
        <v>10.326688685115037</v>
      </c>
      <c r="K6000" s="237">
        <f t="shared" si="1401"/>
        <v>1211.5926057649669</v>
      </c>
      <c r="L6000" s="237">
        <f t="shared" si="1406"/>
        <v>615.60489258576274</v>
      </c>
      <c r="M6000" s="236">
        <f t="shared" si="1402"/>
        <v>28.387570671882592</v>
      </c>
      <c r="N6000" s="236">
        <f t="shared" si="1403"/>
        <v>0.90526595524772713</v>
      </c>
      <c r="O6000" s="236">
        <f t="shared" si="1407"/>
        <v>2.3350747181954445</v>
      </c>
      <c r="P6000" s="236" t="str">
        <f t="shared" si="1408"/>
        <v>SAND</v>
      </c>
      <c r="Q6000" s="236" t="e">
        <f t="shared" si="1404"/>
        <v>#N/A</v>
      </c>
      <c r="R6000" s="238">
        <v>35</v>
      </c>
      <c r="S6000" s="236" t="e">
        <f t="shared" si="1409"/>
        <v>#N/A</v>
      </c>
      <c r="T6000" s="236">
        <f t="shared" si="1395"/>
        <v>33.584410512630313</v>
      </c>
    </row>
    <row r="6001" spans="1:20" x14ac:dyDescent="0.2">
      <c r="A6001" s="53">
        <f t="shared" si="1396"/>
        <v>5989</v>
      </c>
      <c r="B6001" s="239">
        <v>59.622</v>
      </c>
      <c r="C6001" s="3">
        <f t="shared" si="1397"/>
        <v>59.615000000000002</v>
      </c>
      <c r="D6001" s="239">
        <v>19.314599999999999</v>
      </c>
      <c r="E6001" s="239">
        <v>0.1754</v>
      </c>
      <c r="F6001" s="239">
        <v>0.37290000000000001</v>
      </c>
      <c r="G6001">
        <f t="shared" si="1398"/>
        <v>19.38918</v>
      </c>
      <c r="H6001" s="235">
        <f t="shared" si="1399"/>
        <v>0.90462825142682679</v>
      </c>
      <c r="I6001" s="236">
        <f t="shared" si="1400"/>
        <v>20.462126442965065</v>
      </c>
      <c r="J6001" s="237">
        <f t="shared" si="1405"/>
        <v>10.462126442965065</v>
      </c>
      <c r="K6001" s="237">
        <f t="shared" si="1401"/>
        <v>1219.8496678973625</v>
      </c>
      <c r="L6001" s="237">
        <f t="shared" si="1406"/>
        <v>623.77290278246312</v>
      </c>
      <c r="M6001" s="236">
        <f t="shared" si="1402"/>
        <v>29.128117382231142</v>
      </c>
      <c r="N6001" s="236">
        <f t="shared" si="1403"/>
        <v>0.96536304197239997</v>
      </c>
      <c r="O6001" s="236">
        <f t="shared" si="1407"/>
        <v>2.3396714065129207</v>
      </c>
      <c r="P6001" s="236" t="str">
        <f t="shared" si="1408"/>
        <v>SAND</v>
      </c>
      <c r="Q6001" s="236" t="e">
        <f t="shared" si="1404"/>
        <v>#N/A</v>
      </c>
      <c r="R6001" s="238">
        <v>35</v>
      </c>
      <c r="S6001" s="236" t="e">
        <f t="shared" si="1409"/>
        <v>#N/A</v>
      </c>
      <c r="T6001" s="236">
        <f t="shared" si="1395"/>
        <v>33.707436576828471</v>
      </c>
    </row>
    <row r="6002" spans="1:20" x14ac:dyDescent="0.2">
      <c r="A6002" s="53">
        <f t="shared" si="1396"/>
        <v>5990</v>
      </c>
      <c r="B6002" s="239">
        <v>59.631999999999998</v>
      </c>
      <c r="C6002" s="3">
        <f t="shared" si="1397"/>
        <v>59.625</v>
      </c>
      <c r="D6002" s="239">
        <v>20.559100000000001</v>
      </c>
      <c r="E6002" s="239">
        <v>0.19259999999999999</v>
      </c>
      <c r="F6002" s="239">
        <v>0.313</v>
      </c>
      <c r="G6002">
        <f t="shared" si="1398"/>
        <v>20.621700000000001</v>
      </c>
      <c r="H6002" s="235">
        <f t="shared" si="1399"/>
        <v>0.93396761663684358</v>
      </c>
      <c r="I6002" s="236">
        <f t="shared" si="1400"/>
        <v>20.595907036002245</v>
      </c>
      <c r="J6002" s="237">
        <f t="shared" si="1405"/>
        <v>10.595907036002245</v>
      </c>
      <c r="K6002" s="237">
        <f t="shared" si="1401"/>
        <v>1228.0309570216339</v>
      </c>
      <c r="L6002" s="237">
        <f t="shared" si="1406"/>
        <v>631.85512837088584</v>
      </c>
      <c r="M6002" s="236">
        <f t="shared" si="1402"/>
        <v>30.693220917556097</v>
      </c>
      <c r="N6002" s="236">
        <f t="shared" si="1403"/>
        <v>0.99310759389148373</v>
      </c>
      <c r="O6002" s="236">
        <f t="shared" si="1407"/>
        <v>2.3266285877844179</v>
      </c>
      <c r="P6002" s="236" t="str">
        <f t="shared" si="1408"/>
        <v>SAND</v>
      </c>
      <c r="Q6002" s="236" t="e">
        <f t="shared" si="1404"/>
        <v>#N/A</v>
      </c>
      <c r="R6002" s="238">
        <v>35</v>
      </c>
      <c r="S6002" s="236" t="e">
        <f t="shared" si="1409"/>
        <v>#N/A</v>
      </c>
      <c r="T6002" s="236">
        <f t="shared" si="1395"/>
        <v>33.95746711802709</v>
      </c>
    </row>
    <row r="6003" spans="1:20" x14ac:dyDescent="0.2">
      <c r="A6003" s="53">
        <f t="shared" si="1396"/>
        <v>5991</v>
      </c>
      <c r="B6003" s="239">
        <v>59.643000000000001</v>
      </c>
      <c r="C6003" s="3">
        <f t="shared" si="1397"/>
        <v>59.636000000000003</v>
      </c>
      <c r="D6003" s="239">
        <v>21.8734</v>
      </c>
      <c r="E6003" s="239">
        <v>0.20180000000000001</v>
      </c>
      <c r="F6003" s="239">
        <v>0.1658</v>
      </c>
      <c r="G6003">
        <f t="shared" si="1398"/>
        <v>21.906559999999999</v>
      </c>
      <c r="H6003" s="235">
        <f t="shared" si="1399"/>
        <v>0.92118525227146575</v>
      </c>
      <c r="I6003" s="236">
        <f t="shared" si="1400"/>
        <v>20.674246958372006</v>
      </c>
      <c r="J6003" s="237">
        <f t="shared" si="1405"/>
        <v>10.674246958372006</v>
      </c>
      <c r="K6003" s="237">
        <f t="shared" si="1401"/>
        <v>1232.929391609473</v>
      </c>
      <c r="L6003" s="237">
        <f t="shared" si="1406"/>
        <v>636.64411133818157</v>
      </c>
      <c r="M6003" s="236">
        <f t="shared" si="1402"/>
        <v>32.472821534367128</v>
      </c>
      <c r="N6003" s="236">
        <f t="shared" si="1403"/>
        <v>0.97612269379572925</v>
      </c>
      <c r="O6003" s="236">
        <f t="shared" si="1407"/>
        <v>2.3018567998216706</v>
      </c>
      <c r="P6003" s="236" t="str">
        <f t="shared" si="1408"/>
        <v>SAND</v>
      </c>
      <c r="Q6003" s="236" t="e">
        <f t="shared" si="1404"/>
        <v>#N/A</v>
      </c>
      <c r="R6003" s="238">
        <v>35</v>
      </c>
      <c r="S6003" s="236" t="e">
        <f t="shared" si="1409"/>
        <v>#N/A</v>
      </c>
      <c r="T6003" s="236">
        <f t="shared" si="1395"/>
        <v>34.226720282962859</v>
      </c>
    </row>
    <row r="6004" spans="1:20" x14ac:dyDescent="0.2">
      <c r="A6004" s="53">
        <f t="shared" si="1396"/>
        <v>5992</v>
      </c>
      <c r="B6004" s="239">
        <v>59.652999999999999</v>
      </c>
      <c r="C6004" s="3">
        <f t="shared" si="1397"/>
        <v>59.646000000000001</v>
      </c>
      <c r="D6004" s="239">
        <v>22.243400000000001</v>
      </c>
      <c r="E6004" s="239">
        <v>0.21129999999999999</v>
      </c>
      <c r="F6004" s="239">
        <v>0.1014</v>
      </c>
      <c r="G6004">
        <f t="shared" si="1398"/>
        <v>22.263680000000001</v>
      </c>
      <c r="H6004" s="235">
        <f t="shared" si="1399"/>
        <v>0.94907939747606862</v>
      </c>
      <c r="I6004" s="236">
        <f t="shared" si="1400"/>
        <v>20.734508952481903</v>
      </c>
      <c r="J6004" s="237">
        <f t="shared" si="1405"/>
        <v>10.734508952481903</v>
      </c>
      <c r="K6004" s="237">
        <f t="shared" si="1401"/>
        <v>1236.7305209797355</v>
      </c>
      <c r="L6004" s="237">
        <f t="shared" si="1406"/>
        <v>640.34566254240292</v>
      </c>
      <c r="M6004" s="236">
        <f t="shared" si="1402"/>
        <v>32.836873440409832</v>
      </c>
      <c r="N6004" s="236">
        <f t="shared" si="1403"/>
        <v>1.0049008783267659</v>
      </c>
      <c r="O6004" s="236">
        <f t="shared" si="1407"/>
        <v>2.304406083800477</v>
      </c>
      <c r="P6004" s="236" t="str">
        <f t="shared" si="1408"/>
        <v>SAND</v>
      </c>
      <c r="Q6004" s="236" t="e">
        <f t="shared" si="1404"/>
        <v>#N/A</v>
      </c>
      <c r="R6004" s="238">
        <v>35</v>
      </c>
      <c r="S6004" s="236" t="e">
        <f t="shared" si="1409"/>
        <v>#N/A</v>
      </c>
      <c r="T6004" s="236">
        <f t="shared" si="1395"/>
        <v>34.279979790217155</v>
      </c>
    </row>
    <row r="6005" spans="1:20" x14ac:dyDescent="0.2">
      <c r="A6005" s="53">
        <f t="shared" si="1396"/>
        <v>5993</v>
      </c>
      <c r="B6005" s="239">
        <v>59.664000000000001</v>
      </c>
      <c r="C6005" s="3">
        <f t="shared" si="1397"/>
        <v>59.657000000000004</v>
      </c>
      <c r="D6005" s="239">
        <v>22.0974</v>
      </c>
      <c r="E6005" s="239">
        <v>0.222</v>
      </c>
      <c r="F6005" s="239">
        <v>4.8999999999999998E-3</v>
      </c>
      <c r="G6005">
        <f t="shared" si="1398"/>
        <v>22.098379999999999</v>
      </c>
      <c r="H6005" s="235">
        <f t="shared" si="1399"/>
        <v>1.0045985271318532</v>
      </c>
      <c r="I6005" s="236">
        <f t="shared" si="1400"/>
        <v>20.789520479020624</v>
      </c>
      <c r="J6005" s="237">
        <f t="shared" si="1405"/>
        <v>10.789520479020624</v>
      </c>
      <c r="K6005" s="237">
        <f t="shared" si="1401"/>
        <v>1240.2404232169333</v>
      </c>
      <c r="L6005" s="237">
        <f t="shared" si="1406"/>
        <v>643.74594986028649</v>
      </c>
      <c r="M6005" s="236">
        <f t="shared" si="1402"/>
        <v>32.401197368791138</v>
      </c>
      <c r="N6005" s="236">
        <f t="shared" si="1403"/>
        <v>1.0643326993894768</v>
      </c>
      <c r="O6005" s="236">
        <f t="shared" si="1407"/>
        <v>2.3226284712559329</v>
      </c>
      <c r="P6005" s="236" t="str">
        <f t="shared" si="1408"/>
        <v>SAND</v>
      </c>
      <c r="Q6005" s="236" t="e">
        <f t="shared" si="1404"/>
        <v>#N/A</v>
      </c>
      <c r="R6005" s="238">
        <v>35</v>
      </c>
      <c r="S6005" s="236" t="e">
        <f t="shared" si="1409"/>
        <v>#N/A</v>
      </c>
      <c r="T6005" s="236">
        <f t="shared" si="1395"/>
        <v>34.216171655839204</v>
      </c>
    </row>
    <row r="6006" spans="1:20" x14ac:dyDescent="0.2">
      <c r="A6006" s="53">
        <f t="shared" si="1396"/>
        <v>5994</v>
      </c>
      <c r="B6006" s="239">
        <v>59.673999999999999</v>
      </c>
      <c r="C6006" s="3">
        <f t="shared" si="1397"/>
        <v>59.667000000000002</v>
      </c>
      <c r="D6006" s="239">
        <v>21.587800000000001</v>
      </c>
      <c r="E6006" s="239">
        <v>0.2122</v>
      </c>
      <c r="F6006" s="239">
        <v>-5.0000000000000001E-3</v>
      </c>
      <c r="G6006">
        <f t="shared" si="1398"/>
        <v>21.5868</v>
      </c>
      <c r="H6006" s="235">
        <f t="shared" si="1399"/>
        <v>0.98300813460077463</v>
      </c>
      <c r="I6006" s="236">
        <f t="shared" si="1400"/>
        <v>20.727425020264295</v>
      </c>
      <c r="J6006" s="237">
        <f t="shared" si="1405"/>
        <v>10.727425020264295</v>
      </c>
      <c r="K6006" s="237">
        <f t="shared" si="1401"/>
        <v>1236.7432686841098</v>
      </c>
      <c r="L6006" s="237">
        <f t="shared" si="1406"/>
        <v>640.14836065925158</v>
      </c>
      <c r="M6006" s="236">
        <f t="shared" si="1402"/>
        <v>31.789594384586955</v>
      </c>
      <c r="N6006" s="236">
        <f t="shared" si="1403"/>
        <v>1.0427489357975788</v>
      </c>
      <c r="O6006" s="236">
        <f t="shared" si="1407"/>
        <v>2.3248637552068887</v>
      </c>
      <c r="P6006" s="236" t="str">
        <f t="shared" si="1408"/>
        <v>SAND</v>
      </c>
      <c r="Q6006" s="236" t="e">
        <f t="shared" si="1404"/>
        <v>#N/A</v>
      </c>
      <c r="R6006" s="238">
        <v>35</v>
      </c>
      <c r="S6006" s="236" t="e">
        <f t="shared" si="1409"/>
        <v>#N/A</v>
      </c>
      <c r="T6006" s="236">
        <f t="shared" si="1395"/>
        <v>34.125134852855069</v>
      </c>
    </row>
    <row r="6007" spans="1:20" x14ac:dyDescent="0.2">
      <c r="A6007" s="53">
        <f t="shared" si="1396"/>
        <v>5995</v>
      </c>
      <c r="B6007" s="239">
        <v>59.683999999999997</v>
      </c>
      <c r="C6007" s="3">
        <f t="shared" si="1397"/>
        <v>59.677</v>
      </c>
      <c r="D6007" s="239">
        <v>21.5976</v>
      </c>
      <c r="E6007" s="239">
        <v>0.21129999999999999</v>
      </c>
      <c r="F6007" s="239">
        <v>8.5000000000000006E-3</v>
      </c>
      <c r="G6007">
        <f t="shared" si="1398"/>
        <v>21.599299999999999</v>
      </c>
      <c r="H6007" s="235">
        <f t="shared" si="1399"/>
        <v>0.97827244401438929</v>
      </c>
      <c r="I6007" s="236">
        <f t="shared" si="1400"/>
        <v>20.722667405331926</v>
      </c>
      <c r="J6007" s="237">
        <f t="shared" si="1405"/>
        <v>10.722667405331926</v>
      </c>
      <c r="K6007" s="237">
        <f t="shared" si="1401"/>
        <v>1236.6666227479934</v>
      </c>
      <c r="L6007" s="237">
        <f t="shared" si="1406"/>
        <v>639.97168141983059</v>
      </c>
      <c r="M6007" s="236">
        <f t="shared" si="1402"/>
        <v>31.818022528865345</v>
      </c>
      <c r="N6007" s="236">
        <f t="shared" si="1403"/>
        <v>1.0376850384982748</v>
      </c>
      <c r="O6007" s="236">
        <f t="shared" si="1407"/>
        <v>2.3234097472006838</v>
      </c>
      <c r="P6007" s="236" t="str">
        <f t="shared" si="1408"/>
        <v>SAND</v>
      </c>
      <c r="Q6007" s="236" t="e">
        <f t="shared" si="1404"/>
        <v>#N/A</v>
      </c>
      <c r="R6007" s="238">
        <v>35</v>
      </c>
      <c r="S6007" s="236" t="e">
        <f t="shared" si="1409"/>
        <v>#N/A</v>
      </c>
      <c r="T6007" s="236">
        <f t="shared" si="1395"/>
        <v>34.129405035066945</v>
      </c>
    </row>
    <row r="6008" spans="1:20" x14ac:dyDescent="0.2">
      <c r="A6008" s="53">
        <f t="shared" si="1396"/>
        <v>5996</v>
      </c>
      <c r="B6008" s="239">
        <v>59.694000000000003</v>
      </c>
      <c r="C6008" s="3">
        <f t="shared" si="1397"/>
        <v>59.687000000000005</v>
      </c>
      <c r="D6008" s="239">
        <v>22.427800000000001</v>
      </c>
      <c r="E6008" s="239">
        <v>0.2041</v>
      </c>
      <c r="F6008" s="239">
        <v>3.15E-2</v>
      </c>
      <c r="G6008">
        <f t="shared" si="1398"/>
        <v>22.434100000000001</v>
      </c>
      <c r="H6008" s="235">
        <f t="shared" si="1399"/>
        <v>0.90977574317668197</v>
      </c>
      <c r="I6008" s="236">
        <f t="shared" si="1400"/>
        <v>20.696836953384711</v>
      </c>
      <c r="J6008" s="237">
        <f t="shared" si="1405"/>
        <v>10.696836953384711</v>
      </c>
      <c r="K6008" s="237">
        <f t="shared" si="1401"/>
        <v>1235.3321072366734</v>
      </c>
      <c r="L6008" s="237">
        <f t="shared" si="1406"/>
        <v>638.53698509534695</v>
      </c>
      <c r="M6008" s="236">
        <f t="shared" si="1402"/>
        <v>33.198966367778851</v>
      </c>
      <c r="N6008" s="236">
        <f t="shared" si="1403"/>
        <v>0.96279180484670557</v>
      </c>
      <c r="O6008" s="236">
        <f t="shared" si="1407"/>
        <v>2.2905470248370268</v>
      </c>
      <c r="P6008" s="236" t="str">
        <f t="shared" si="1408"/>
        <v>SAND</v>
      </c>
      <c r="Q6008" s="236" t="e">
        <f t="shared" si="1404"/>
        <v>#N/A</v>
      </c>
      <c r="R6008" s="238">
        <v>35</v>
      </c>
      <c r="S6008" s="236" t="e">
        <f t="shared" si="1409"/>
        <v>#N/A</v>
      </c>
      <c r="T6008" s="236">
        <f t="shared" si="1395"/>
        <v>34.332370186246258</v>
      </c>
    </row>
    <row r="6009" spans="1:20" x14ac:dyDescent="0.2">
      <c r="A6009" s="53">
        <f t="shared" si="1396"/>
        <v>5997</v>
      </c>
      <c r="B6009" s="239">
        <v>59.704000000000001</v>
      </c>
      <c r="C6009" s="3">
        <f t="shared" si="1397"/>
        <v>59.697000000000003</v>
      </c>
      <c r="D6009" s="239">
        <v>23.895099999999999</v>
      </c>
      <c r="E6009" s="239">
        <v>0.1966</v>
      </c>
      <c r="F6009" s="239">
        <v>0.23980000000000001</v>
      </c>
      <c r="G6009">
        <f t="shared" si="1398"/>
        <v>23.943059999999999</v>
      </c>
      <c r="H6009" s="235">
        <f t="shared" si="1399"/>
        <v>0.82111476143817874</v>
      </c>
      <c r="I6009" s="236">
        <f t="shared" si="1400"/>
        <v>20.678380229284961</v>
      </c>
      <c r="J6009" s="237">
        <f t="shared" si="1405"/>
        <v>10.678380229284961</v>
      </c>
      <c r="K6009" s="237">
        <f t="shared" si="1401"/>
        <v>1234.4372645476244</v>
      </c>
      <c r="L6009" s="237">
        <f t="shared" si="1406"/>
        <v>637.54201320922937</v>
      </c>
      <c r="M6009" s="236">
        <f t="shared" si="1402"/>
        <v>35.619021593797029</v>
      </c>
      <c r="N6009" s="236">
        <f t="shared" si="1403"/>
        <v>0.86575043449495914</v>
      </c>
      <c r="O6009" s="236">
        <f t="shared" si="1407"/>
        <v>2.2404244927383572</v>
      </c>
      <c r="P6009" s="236" t="str">
        <f t="shared" si="1408"/>
        <v>SAND</v>
      </c>
      <c r="Q6009" s="236" t="e">
        <f t="shared" si="1404"/>
        <v>#N/A</v>
      </c>
      <c r="R6009" s="238">
        <v>35</v>
      </c>
      <c r="S6009" s="236" t="e">
        <f t="shared" si="1409"/>
        <v>#N/A</v>
      </c>
      <c r="T6009" s="236">
        <f t="shared" si="1395"/>
        <v>34.668501843918847</v>
      </c>
    </row>
    <row r="6010" spans="1:20" x14ac:dyDescent="0.2">
      <c r="A6010" s="53">
        <f t="shared" si="1396"/>
        <v>5998</v>
      </c>
      <c r="B6010" s="239">
        <v>59.713999999999999</v>
      </c>
      <c r="C6010" s="3">
        <f t="shared" si="1397"/>
        <v>59.707000000000001</v>
      </c>
      <c r="D6010" s="239">
        <v>25.292000000000002</v>
      </c>
      <c r="E6010" s="239">
        <v>0.18679999999999999</v>
      </c>
      <c r="F6010" s="239">
        <v>0.29949999999999999</v>
      </c>
      <c r="G6010">
        <f t="shared" si="1398"/>
        <v>25.351900000000001</v>
      </c>
      <c r="H6010" s="235">
        <f t="shared" si="1399"/>
        <v>0.73682840339382849</v>
      </c>
      <c r="I6010" s="236">
        <f t="shared" si="1400"/>
        <v>20.640770070305202</v>
      </c>
      <c r="J6010" s="237">
        <f t="shared" si="1405"/>
        <v>10.640770070305202</v>
      </c>
      <c r="K6010" s="237">
        <f t="shared" si="1401"/>
        <v>1232.3984585877126</v>
      </c>
      <c r="L6010" s="237">
        <f t="shared" si="1406"/>
        <v>635.4029439782048</v>
      </c>
      <c r="M6010" s="236">
        <f t="shared" si="1402"/>
        <v>37.959379587387659</v>
      </c>
      <c r="N6010" s="236">
        <f t="shared" si="1403"/>
        <v>0.77447703336352669</v>
      </c>
      <c r="O6010" s="236">
        <f t="shared" si="1407"/>
        <v>2.1919338936022981</v>
      </c>
      <c r="P6010" s="236" t="str">
        <f t="shared" si="1408"/>
        <v>SAND</v>
      </c>
      <c r="Q6010" s="236" t="e">
        <f t="shared" si="1404"/>
        <v>#N/A</v>
      </c>
      <c r="R6010" s="238">
        <v>35</v>
      </c>
      <c r="S6010" s="236" t="e">
        <f t="shared" si="1409"/>
        <v>#N/A</v>
      </c>
      <c r="T6010" s="236">
        <f t="shared" si="1395"/>
        <v>34.97251016217885</v>
      </c>
    </row>
    <row r="6011" spans="1:20" x14ac:dyDescent="0.2">
      <c r="A6011" s="53">
        <f t="shared" si="1396"/>
        <v>5999</v>
      </c>
      <c r="B6011" s="239">
        <v>59.722999999999999</v>
      </c>
      <c r="C6011" s="3">
        <f t="shared" si="1397"/>
        <v>59.716000000000001</v>
      </c>
      <c r="D6011" s="239">
        <v>26.5059</v>
      </c>
      <c r="E6011" s="239">
        <v>0.1769</v>
      </c>
      <c r="F6011" s="239">
        <v>0.27100000000000002</v>
      </c>
      <c r="G6011">
        <f t="shared" si="1398"/>
        <v>26.560100000000002</v>
      </c>
      <c r="H6011" s="235">
        <f t="shared" si="1399"/>
        <v>0.66603664895839998</v>
      </c>
      <c r="I6011" s="236">
        <f t="shared" si="1400"/>
        <v>20.595114938492749</v>
      </c>
      <c r="J6011" s="237">
        <f t="shared" si="1405"/>
        <v>10.595114938492749</v>
      </c>
      <c r="K6011" s="237">
        <f t="shared" si="1401"/>
        <v>1229.8578836670331</v>
      </c>
      <c r="L6011" s="237">
        <f t="shared" si="1406"/>
        <v>632.77204947160249</v>
      </c>
      <c r="M6011" s="236">
        <f t="shared" si="1402"/>
        <v>40.030595753217987</v>
      </c>
      <c r="N6011" s="236">
        <f t="shared" si="1403"/>
        <v>0.69837469056774104</v>
      </c>
      <c r="O6011" s="236">
        <f t="shared" si="1407"/>
        <v>2.1494752290849184</v>
      </c>
      <c r="P6011" s="236" t="str">
        <f t="shared" si="1408"/>
        <v>SAND</v>
      </c>
      <c r="Q6011" s="236" t="e">
        <f t="shared" si="1404"/>
        <v>#N/A</v>
      </c>
      <c r="R6011" s="238">
        <v>35</v>
      </c>
      <c r="S6011" s="236" t="e">
        <f t="shared" si="1409"/>
        <v>#N/A</v>
      </c>
      <c r="T6011" s="236">
        <f t="shared" si="1395"/>
        <v>35.226312588695713</v>
      </c>
    </row>
    <row r="6012" spans="1:20" x14ac:dyDescent="0.2">
      <c r="A6012" s="53">
        <f t="shared" si="1396"/>
        <v>6000</v>
      </c>
      <c r="B6012" s="239">
        <v>59.731999999999999</v>
      </c>
      <c r="C6012" s="3">
        <f t="shared" si="1397"/>
        <v>59.725000000000001</v>
      </c>
      <c r="D6012" s="239">
        <v>27.4984</v>
      </c>
      <c r="E6012" s="239">
        <v>0.1749</v>
      </c>
      <c r="F6012" s="239">
        <v>0.1658</v>
      </c>
      <c r="G6012">
        <f t="shared" si="1398"/>
        <v>27.531559999999999</v>
      </c>
      <c r="H6012" s="235">
        <f t="shared" si="1399"/>
        <v>0.63527093996853068</v>
      </c>
      <c r="I6012" s="236">
        <f t="shared" si="1400"/>
        <v>20.595823278146721</v>
      </c>
      <c r="J6012" s="237">
        <f t="shared" si="1405"/>
        <v>10.595823278146721</v>
      </c>
      <c r="K6012" s="237">
        <f t="shared" si="1401"/>
        <v>1230.0855452873129</v>
      </c>
      <c r="L6012" s="237">
        <f t="shared" si="1406"/>
        <v>632.90971605025993</v>
      </c>
      <c r="M6012" s="236">
        <f t="shared" si="1402"/>
        <v>41.556439706518994</v>
      </c>
      <c r="N6012" s="236">
        <f t="shared" si="1403"/>
        <v>0.6649817305913871</v>
      </c>
      <c r="O6012" s="236">
        <f t="shared" si="1407"/>
        <v>2.1248510822727811</v>
      </c>
      <c r="P6012" s="236" t="str">
        <f t="shared" si="1408"/>
        <v>SAND</v>
      </c>
      <c r="Q6012" s="236" t="e">
        <f t="shared" si="1404"/>
        <v>#N/A</v>
      </c>
      <c r="R6012" s="238">
        <v>35</v>
      </c>
      <c r="S6012" s="236" t="e">
        <f t="shared" si="1409"/>
        <v>#N/A</v>
      </c>
      <c r="T6012" s="236">
        <f t="shared" si="1395"/>
        <v>35.405021661555004</v>
      </c>
    </row>
    <row r="6013" spans="1:20" x14ac:dyDescent="0.2">
      <c r="B6013" s="239">
        <v>59.741999999999997</v>
      </c>
      <c r="C6013" s="3">
        <f t="shared" si="1397"/>
        <v>59.734999999999999</v>
      </c>
      <c r="D6013" s="239">
        <v>28.166599999999999</v>
      </c>
      <c r="E6013" s="239">
        <v>0.17030000000000001</v>
      </c>
      <c r="F6013" s="239">
        <v>0.1348</v>
      </c>
      <c r="G6013">
        <f t="shared" si="1398"/>
        <v>28.193559999999998</v>
      </c>
      <c r="H6013" s="235">
        <f t="shared" si="1399"/>
        <v>0.60403865279872437</v>
      </c>
      <c r="I6013" s="236">
        <f t="shared" si="1400"/>
        <v>20.573857529798634</v>
      </c>
      <c r="J6013" s="237">
        <f t="shared" si="1405"/>
        <v>10.573857529798634</v>
      </c>
      <c r="K6013" s="237">
        <f t="shared" si="1401"/>
        <v>1228.9793795425214</v>
      </c>
      <c r="L6013" s="237">
        <f t="shared" si="1406"/>
        <v>631.70339654522991</v>
      </c>
      <c r="M6013" s="236">
        <f t="shared" si="1402"/>
        <v>42.685508369792046</v>
      </c>
      <c r="N6013" s="236">
        <f t="shared" si="1403"/>
        <v>0.63156925151951704</v>
      </c>
      <c r="O6013" s="236">
        <f t="shared" si="1407"/>
        <v>2.103764950024166</v>
      </c>
      <c r="P6013" s="236" t="str">
        <f t="shared" si="1408"/>
        <v>SAND</v>
      </c>
      <c r="Q6013" s="236" t="e">
        <f t="shared" si="1404"/>
        <v>#N/A</v>
      </c>
      <c r="R6013" s="238">
        <v>35</v>
      </c>
      <c r="S6013" s="236" t="e">
        <f t="shared" si="1409"/>
        <v>#N/A</v>
      </c>
      <c r="T6013" s="236">
        <f t="shared" si="1395"/>
        <v>35.533085038958092</v>
      </c>
    </row>
    <row r="6014" spans="1:20" x14ac:dyDescent="0.2">
      <c r="B6014" s="239">
        <v>59.750999999999998</v>
      </c>
      <c r="C6014" s="3">
        <f t="shared" si="1397"/>
        <v>59.744</v>
      </c>
      <c r="D6014" s="239">
        <v>27.984200000000001</v>
      </c>
      <c r="E6014" s="239">
        <v>0.16200000000000001</v>
      </c>
      <c r="F6014" s="239">
        <v>0.16719999999999999</v>
      </c>
      <c r="G6014">
        <f t="shared" si="1398"/>
        <v>28.01764</v>
      </c>
      <c r="H6014" s="235">
        <f t="shared" si="1399"/>
        <v>0.57820715806184964</v>
      </c>
      <c r="I6014" s="236">
        <f t="shared" si="1400"/>
        <v>20.51282198929222</v>
      </c>
      <c r="J6014" s="237">
        <f t="shared" si="1405"/>
        <v>10.51282198929222</v>
      </c>
      <c r="K6014" s="237">
        <f t="shared" si="1401"/>
        <v>1225.5180369282743</v>
      </c>
      <c r="L6014" s="237">
        <f t="shared" si="1406"/>
        <v>628.15162668219943</v>
      </c>
      <c r="M6014" s="236">
        <f t="shared" si="1402"/>
        <v>42.652316455158456</v>
      </c>
      <c r="N6014" s="236">
        <f t="shared" si="1403"/>
        <v>0.60465535437353113</v>
      </c>
      <c r="O6014" s="236">
        <f t="shared" si="1407"/>
        <v>2.0949532766483108</v>
      </c>
      <c r="P6014" s="236" t="str">
        <f t="shared" si="1408"/>
        <v>SAND</v>
      </c>
      <c r="Q6014" s="236" t="e">
        <f t="shared" si="1404"/>
        <v>#N/A</v>
      </c>
      <c r="R6014" s="238">
        <v>35</v>
      </c>
      <c r="S6014" s="236" t="e">
        <f t="shared" si="1409"/>
        <v>#N/A</v>
      </c>
      <c r="T6014" s="236">
        <f t="shared" si="1395"/>
        <v>35.529368850330542</v>
      </c>
    </row>
    <row r="6015" spans="1:20" x14ac:dyDescent="0.2">
      <c r="B6015" s="239">
        <v>59.76</v>
      </c>
      <c r="C6015" s="3">
        <f t="shared" si="1397"/>
        <v>59.753</v>
      </c>
      <c r="D6015" s="239">
        <v>27.821200000000001</v>
      </c>
      <c r="E6015" s="239">
        <v>0.16020000000000001</v>
      </c>
      <c r="F6015" s="239">
        <v>0.1893</v>
      </c>
      <c r="G6015">
        <f t="shared" si="1398"/>
        <v>27.859059999999999</v>
      </c>
      <c r="H6015" s="235">
        <f t="shared" si="1399"/>
        <v>0.57503734871169387</v>
      </c>
      <c r="I6015" s="236">
        <f t="shared" si="1400"/>
        <v>20.497501648922597</v>
      </c>
      <c r="J6015" s="237">
        <f t="shared" si="1405"/>
        <v>10.497501648922597</v>
      </c>
      <c r="K6015" s="237">
        <f t="shared" si="1401"/>
        <v>1224.787216028072</v>
      </c>
      <c r="L6015" s="237">
        <f t="shared" si="1406"/>
        <v>627.33069853961433</v>
      </c>
      <c r="M6015" s="236">
        <f t="shared" si="1402"/>
        <v>42.456511128779141</v>
      </c>
      <c r="N6015" s="236">
        <f t="shared" si="1403"/>
        <v>0.60148066102411391</v>
      </c>
      <c r="O6015" s="236">
        <f t="shared" si="1407"/>
        <v>2.0956176018231303</v>
      </c>
      <c r="P6015" s="236" t="str">
        <f t="shared" si="1408"/>
        <v>SAND</v>
      </c>
      <c r="Q6015" s="236" t="e">
        <f t="shared" si="1404"/>
        <v>#N/A</v>
      </c>
      <c r="R6015" s="238">
        <v>35</v>
      </c>
      <c r="S6015" s="236" t="e">
        <f t="shared" si="1409"/>
        <v>#N/A</v>
      </c>
      <c r="T6015" s="236">
        <f t="shared" si="1395"/>
        <v>35.507387333784337</v>
      </c>
    </row>
    <row r="6016" spans="1:20" x14ac:dyDescent="0.2">
      <c r="B6016" s="239">
        <v>59.77</v>
      </c>
      <c r="C6016" s="3">
        <f t="shared" si="1397"/>
        <v>59.763000000000005</v>
      </c>
      <c r="D6016" s="239">
        <v>27.360900000000001</v>
      </c>
      <c r="E6016" s="239">
        <v>0.16289999999999999</v>
      </c>
      <c r="F6016" s="239">
        <v>0.21940000000000001</v>
      </c>
      <c r="G6016">
        <f t="shared" si="1398"/>
        <v>27.404780000000002</v>
      </c>
      <c r="H6016" s="235">
        <f t="shared" si="1399"/>
        <v>0.59442184903509532</v>
      </c>
      <c r="I6016" s="236">
        <f t="shared" si="1400"/>
        <v>20.510673670010462</v>
      </c>
      <c r="J6016" s="237">
        <f t="shared" si="1405"/>
        <v>10.510673670010462</v>
      </c>
      <c r="K6016" s="237">
        <f t="shared" si="1401"/>
        <v>1225.7793905408353</v>
      </c>
      <c r="L6016" s="237">
        <f t="shared" si="1406"/>
        <v>628.2229652565253</v>
      </c>
      <c r="M6016" s="236">
        <f t="shared" si="1402"/>
        <v>41.671511640408383</v>
      </c>
      <c r="N6016" s="236">
        <f t="shared" si="1403"/>
        <v>0.62225446429433173</v>
      </c>
      <c r="O6016" s="236">
        <f t="shared" si="1407"/>
        <v>2.1097928644102586</v>
      </c>
      <c r="P6016" s="236" t="str">
        <f t="shared" si="1408"/>
        <v>SAND</v>
      </c>
      <c r="Q6016" s="236" t="e">
        <f t="shared" si="1404"/>
        <v>#N/A</v>
      </c>
      <c r="R6016" s="238">
        <v>35</v>
      </c>
      <c r="S6016" s="236" t="e">
        <f t="shared" si="1409"/>
        <v>#N/A</v>
      </c>
      <c r="T6016" s="236">
        <f t="shared" si="1395"/>
        <v>35.418231803253875</v>
      </c>
    </row>
    <row r="6017" spans="2:20" x14ac:dyDescent="0.2">
      <c r="B6017" s="239">
        <v>59.779000000000003</v>
      </c>
      <c r="C6017" s="3">
        <f t="shared" si="1397"/>
        <v>59.772000000000006</v>
      </c>
      <c r="D6017" s="239">
        <v>27.351299999999998</v>
      </c>
      <c r="E6017" s="239">
        <v>0.15740000000000001</v>
      </c>
      <c r="F6017" s="239">
        <v>0.2145</v>
      </c>
      <c r="G6017">
        <f t="shared" si="1398"/>
        <v>27.394199999999998</v>
      </c>
      <c r="H6017" s="235">
        <f t="shared" si="1399"/>
        <v>0.57457417993589888</v>
      </c>
      <c r="I6017" s="236">
        <f t="shared" si="1400"/>
        <v>20.470248579971049</v>
      </c>
      <c r="J6017" s="237">
        <f t="shared" si="1405"/>
        <v>10.470248579971049</v>
      </c>
      <c r="K6017" s="237">
        <f t="shared" si="1401"/>
        <v>1223.5476981220297</v>
      </c>
      <c r="L6017" s="237">
        <f t="shared" si="1406"/>
        <v>625.90098986208932</v>
      </c>
      <c r="M6017" s="236">
        <f t="shared" si="1402"/>
        <v>41.812767076218229</v>
      </c>
      <c r="N6017" s="236">
        <f t="shared" si="1403"/>
        <v>0.60143705317083451</v>
      </c>
      <c r="O6017" s="236">
        <f t="shared" si="1407"/>
        <v>2.101437547531765</v>
      </c>
      <c r="P6017" s="236" t="str">
        <f t="shared" si="1408"/>
        <v>SAND</v>
      </c>
      <c r="Q6017" s="236" t="e">
        <f t="shared" si="1404"/>
        <v>#N/A</v>
      </c>
      <c r="R6017" s="238">
        <v>35</v>
      </c>
      <c r="S6017" s="236" t="e">
        <f t="shared" si="1409"/>
        <v>#N/A</v>
      </c>
      <c r="T6017" s="236">
        <f t="shared" si="1395"/>
        <v>35.434398000620874</v>
      </c>
    </row>
    <row r="6018" spans="2:20" x14ac:dyDescent="0.2">
      <c r="B6018" s="239">
        <v>59.787999999999997</v>
      </c>
      <c r="C6018" s="3">
        <f t="shared" si="1397"/>
        <v>59.780999999999999</v>
      </c>
      <c r="D6018" s="239">
        <v>28.4436</v>
      </c>
      <c r="E6018" s="239">
        <v>0.1426</v>
      </c>
      <c r="F6018" s="239">
        <v>0.22170000000000001</v>
      </c>
      <c r="G6018">
        <f t="shared" si="1398"/>
        <v>28.487939999999998</v>
      </c>
      <c r="H6018" s="235">
        <f t="shared" si="1399"/>
        <v>0.50056269424886457</v>
      </c>
      <c r="I6018" s="236">
        <f t="shared" si="1400"/>
        <v>20.369760714653609</v>
      </c>
      <c r="J6018" s="237">
        <f t="shared" si="1405"/>
        <v>10.369760714653609</v>
      </c>
      <c r="K6018" s="237">
        <f t="shared" si="1401"/>
        <v>1217.7246652827073</v>
      </c>
      <c r="L6018" s="237">
        <f t="shared" si="1406"/>
        <v>619.98725360770993</v>
      </c>
      <c r="M6018" s="236">
        <f t="shared" si="1402"/>
        <v>43.985122558619921</v>
      </c>
      <c r="N6018" s="236">
        <f t="shared" si="1403"/>
        <v>0.52291482941998679</v>
      </c>
      <c r="O6018" s="236">
        <f t="shared" si="1407"/>
        <v>2.0536465957529635</v>
      </c>
      <c r="P6018" s="236" t="str">
        <f t="shared" si="1408"/>
        <v>SAND</v>
      </c>
      <c r="Q6018" s="236" t="e">
        <f t="shared" si="1404"/>
        <v>#N/A</v>
      </c>
      <c r="R6018" s="238">
        <v>35</v>
      </c>
      <c r="S6018" s="236" t="e">
        <f t="shared" si="1409"/>
        <v>#N/A</v>
      </c>
      <c r="T6018" s="236">
        <f t="shared" si="1395"/>
        <v>35.676363870527254</v>
      </c>
    </row>
    <row r="6019" spans="2:20" x14ac:dyDescent="0.2">
      <c r="B6019" s="239">
        <v>59.795999999999999</v>
      </c>
      <c r="C6019" s="3">
        <f t="shared" si="1397"/>
        <v>59.789000000000001</v>
      </c>
      <c r="D6019" s="239">
        <v>30.1022</v>
      </c>
      <c r="E6019" s="239">
        <v>0.13850000000000001</v>
      </c>
      <c r="F6019" s="239">
        <v>0.25140000000000001</v>
      </c>
      <c r="G6019">
        <f t="shared" si="1398"/>
        <v>30.152480000000001</v>
      </c>
      <c r="H6019" s="235">
        <f t="shared" si="1399"/>
        <v>0.4593320350432204</v>
      </c>
      <c r="I6019" s="236">
        <f t="shared" si="1400"/>
        <v>20.357748176825762</v>
      </c>
      <c r="J6019" s="237">
        <f t="shared" si="1405"/>
        <v>10.357748176825762</v>
      </c>
      <c r="K6019" s="237">
        <f t="shared" si="1401"/>
        <v>1217.1694057442355</v>
      </c>
      <c r="L6019" s="237">
        <f t="shared" si="1406"/>
        <v>619.35190998147323</v>
      </c>
      <c r="M6019" s="236">
        <f t="shared" si="1402"/>
        <v>46.718691147850514</v>
      </c>
      <c r="N6019" s="236">
        <f t="shared" si="1403"/>
        <v>0.47865392544808211</v>
      </c>
      <c r="O6019" s="236">
        <f t="shared" si="1407"/>
        <v>2.0129264225566015</v>
      </c>
      <c r="P6019" s="236" t="str">
        <f t="shared" si="1408"/>
        <v>SAND</v>
      </c>
      <c r="Q6019" s="236" t="e">
        <f t="shared" si="1404"/>
        <v>#N/A</v>
      </c>
      <c r="R6019" s="238">
        <v>35</v>
      </c>
      <c r="S6019" s="236" t="e">
        <f t="shared" si="1409"/>
        <v>#N/A</v>
      </c>
      <c r="T6019" s="236">
        <f t="shared" si="1395"/>
        <v>35.964397339798602</v>
      </c>
    </row>
    <row r="6020" spans="2:20" x14ac:dyDescent="0.2">
      <c r="B6020" s="239">
        <v>59.805999999999997</v>
      </c>
      <c r="C6020" s="3">
        <f t="shared" si="1397"/>
        <v>59.798999999999999</v>
      </c>
      <c r="D6020" s="239">
        <v>31.721599999999999</v>
      </c>
      <c r="E6020" s="239">
        <v>0.1333</v>
      </c>
      <c r="F6020" s="239">
        <v>0.31979999999999997</v>
      </c>
      <c r="G6020">
        <f t="shared" si="1398"/>
        <v>31.78556</v>
      </c>
      <c r="H6020" s="235">
        <f t="shared" si="1399"/>
        <v>0.41937282212426025</v>
      </c>
      <c r="I6020" s="236">
        <f t="shared" si="1400"/>
        <v>20.3334913383352</v>
      </c>
      <c r="J6020" s="237">
        <f t="shared" si="1405"/>
        <v>10.3334913383352</v>
      </c>
      <c r="K6020" s="237">
        <f t="shared" si="1401"/>
        <v>1215.9224485411066</v>
      </c>
      <c r="L6020" s="237">
        <f t="shared" si="1406"/>
        <v>618.00478298047494</v>
      </c>
      <c r="M6020" s="236">
        <f t="shared" si="1402"/>
        <v>49.465050098851265</v>
      </c>
      <c r="N6020" s="236">
        <f t="shared" si="1403"/>
        <v>0.43605358348005158</v>
      </c>
      <c r="O6020" s="236">
        <f t="shared" si="1407"/>
        <v>1.9727961764321664</v>
      </c>
      <c r="P6020" s="236" t="str">
        <f t="shared" si="1408"/>
        <v>SAND</v>
      </c>
      <c r="Q6020" s="236" t="e">
        <f t="shared" si="1404"/>
        <v>#N/A</v>
      </c>
      <c r="R6020" s="238">
        <v>35</v>
      </c>
      <c r="S6020" s="236" t="e">
        <f t="shared" si="1409"/>
        <v>#N/A</v>
      </c>
      <c r="T6020" s="236">
        <f t="shared" si="1395"/>
        <v>36.237282986000764</v>
      </c>
    </row>
    <row r="6021" spans="2:20" x14ac:dyDescent="0.2">
      <c r="B6021" s="239">
        <v>59.814</v>
      </c>
      <c r="C6021" s="3">
        <f t="shared" si="1397"/>
        <v>59.807000000000002</v>
      </c>
      <c r="D6021" s="239">
        <v>33.258899999999997</v>
      </c>
      <c r="E6021" s="239">
        <v>0.1235</v>
      </c>
      <c r="F6021" s="239">
        <v>0.31669999999999998</v>
      </c>
      <c r="G6021">
        <f t="shared" si="1398"/>
        <v>33.322239999999994</v>
      </c>
      <c r="H6021" s="235">
        <f t="shared" si="1399"/>
        <v>0.37062334344869979</v>
      </c>
      <c r="I6021" s="236">
        <f t="shared" si="1400"/>
        <v>20.262404609109822</v>
      </c>
      <c r="J6021" s="237">
        <f t="shared" si="1405"/>
        <v>10.262404609109822</v>
      </c>
      <c r="K6021" s="237">
        <f t="shared" si="1401"/>
        <v>1211.8336324570312</v>
      </c>
      <c r="L6021" s="237">
        <f t="shared" si="1406"/>
        <v>613.83546928929491</v>
      </c>
      <c r="M6021" s="236">
        <f t="shared" si="1402"/>
        <v>52.311096334528735</v>
      </c>
      <c r="N6021" s="236">
        <f t="shared" si="1403"/>
        <v>0.38461051718371647</v>
      </c>
      <c r="O6021" s="236">
        <f t="shared" si="1407"/>
        <v>1.9275587310179343</v>
      </c>
      <c r="P6021" s="236" t="str">
        <f t="shared" si="1408"/>
        <v>SAND</v>
      </c>
      <c r="Q6021" s="236" t="e">
        <f t="shared" si="1404"/>
        <v>#N/A</v>
      </c>
      <c r="R6021" s="238">
        <v>35</v>
      </c>
      <c r="S6021" s="236" t="e">
        <f t="shared" si="1409"/>
        <v>#N/A</v>
      </c>
      <c r="T6021" s="236">
        <f t="shared" si="1395"/>
        <v>36.504532042601816</v>
      </c>
    </row>
    <row r="6022" spans="2:20" x14ac:dyDescent="0.2">
      <c r="B6022" s="239">
        <v>59.823</v>
      </c>
      <c r="C6022" s="3">
        <f t="shared" si="1397"/>
        <v>59.816000000000003</v>
      </c>
      <c r="D6022" s="239">
        <v>34.430199999999999</v>
      </c>
      <c r="E6022" s="239">
        <v>0.1164</v>
      </c>
      <c r="F6022" s="239">
        <v>0.29670000000000002</v>
      </c>
      <c r="G6022">
        <f t="shared" si="1398"/>
        <v>34.489539999999998</v>
      </c>
      <c r="H6022" s="235">
        <f t="shared" si="1399"/>
        <v>0.33749362850301862</v>
      </c>
      <c r="I6022" s="236">
        <f t="shared" si="1400"/>
        <v>20.206434763081013</v>
      </c>
      <c r="J6022" s="237">
        <f t="shared" si="1405"/>
        <v>10.206434763081013</v>
      </c>
      <c r="K6022" s="237">
        <f t="shared" si="1401"/>
        <v>1208.6681017884539</v>
      </c>
      <c r="L6022" s="237">
        <f t="shared" si="1406"/>
        <v>610.57954683179548</v>
      </c>
      <c r="M6022" s="236">
        <f t="shared" si="1402"/>
        <v>54.50702053631003</v>
      </c>
      <c r="N6022" s="236">
        <f t="shared" si="1403"/>
        <v>0.34975045231989588</v>
      </c>
      <c r="O6022" s="236">
        <f t="shared" si="1407"/>
        <v>1.8943373113305837</v>
      </c>
      <c r="P6022" s="236" t="str">
        <f t="shared" si="1408"/>
        <v>SAND</v>
      </c>
      <c r="Q6022" s="236" t="e">
        <f t="shared" si="1404"/>
        <v>#N/A</v>
      </c>
      <c r="R6022" s="238">
        <v>35</v>
      </c>
      <c r="S6022" s="236" t="e">
        <f t="shared" si="1409"/>
        <v>#N/A</v>
      </c>
      <c r="T6022" s="236">
        <f t="shared" si="1395"/>
        <v>36.700976875904971</v>
      </c>
    </row>
    <row r="6023" spans="2:20" x14ac:dyDescent="0.2">
      <c r="B6023" s="239">
        <v>59.831000000000003</v>
      </c>
      <c r="C6023" s="3">
        <f t="shared" si="1397"/>
        <v>59.824000000000005</v>
      </c>
      <c r="D6023" s="239">
        <v>35.438699999999997</v>
      </c>
      <c r="E6023" s="239">
        <v>0.1211</v>
      </c>
      <c r="F6023" s="239">
        <v>0.222</v>
      </c>
      <c r="G6023">
        <f t="shared" si="1398"/>
        <v>35.4831</v>
      </c>
      <c r="H6023" s="235">
        <f t="shared" si="1399"/>
        <v>0.34128923346607254</v>
      </c>
      <c r="I6023" s="236">
        <f t="shared" si="1400"/>
        <v>20.263951640536838</v>
      </c>
      <c r="J6023" s="237">
        <f t="shared" si="1405"/>
        <v>10.263951640536838</v>
      </c>
      <c r="K6023" s="237">
        <f t="shared" si="1401"/>
        <v>1212.2706429434759</v>
      </c>
      <c r="L6023" s="237">
        <f t="shared" si="1406"/>
        <v>614.1024906049596</v>
      </c>
      <c r="M6023" s="236">
        <f t="shared" si="1402"/>
        <v>55.806367636281564</v>
      </c>
      <c r="N6023" s="236">
        <f t="shared" si="1403"/>
        <v>0.3533617431264906</v>
      </c>
      <c r="O6023" s="236">
        <f t="shared" si="1407"/>
        <v>1.8867909586824512</v>
      </c>
      <c r="P6023" s="236" t="str">
        <f t="shared" si="1408"/>
        <v>SAND</v>
      </c>
      <c r="Q6023" s="236" t="e">
        <f t="shared" si="1404"/>
        <v>#N/A</v>
      </c>
      <c r="R6023" s="238">
        <v>35</v>
      </c>
      <c r="S6023" s="236" t="e">
        <f t="shared" si="1409"/>
        <v>#N/A</v>
      </c>
      <c r="T6023" s="236">
        <f t="shared" si="1395"/>
        <v>36.813521313523978</v>
      </c>
    </row>
    <row r="6024" spans="2:20" x14ac:dyDescent="0.2">
      <c r="B6024" s="239">
        <v>59.84</v>
      </c>
      <c r="C6024" s="3">
        <f t="shared" si="1397"/>
        <v>59.833000000000006</v>
      </c>
      <c r="D6024" s="239">
        <v>36.123899999999999</v>
      </c>
      <c r="E6024" s="239">
        <v>0.124</v>
      </c>
      <c r="F6024" s="239">
        <v>0.1696</v>
      </c>
      <c r="G6024">
        <f t="shared" si="1398"/>
        <v>36.157820000000001</v>
      </c>
      <c r="H6024" s="235">
        <f t="shared" si="1399"/>
        <v>0.34294102907752738</v>
      </c>
      <c r="I6024" s="236">
        <f t="shared" si="1400"/>
        <v>20.299063618914211</v>
      </c>
      <c r="J6024" s="237">
        <f t="shared" si="1405"/>
        <v>10.299063618914211</v>
      </c>
      <c r="K6024" s="237">
        <f t="shared" si="1401"/>
        <v>1214.553873510494</v>
      </c>
      <c r="L6024" s="237">
        <f t="shared" si="1406"/>
        <v>616.29596695582643</v>
      </c>
      <c r="M6024" s="236">
        <f t="shared" si="1402"/>
        <v>56.698839518763386</v>
      </c>
      <c r="N6024" s="236">
        <f t="shared" si="1403"/>
        <v>0.3548609324358466</v>
      </c>
      <c r="O6024" s="236">
        <f t="shared" si="1407"/>
        <v>1.8812515102012293</v>
      </c>
      <c r="P6024" s="236" t="str">
        <f t="shared" si="1408"/>
        <v>SAND</v>
      </c>
      <c r="Q6024" s="236" t="e">
        <f t="shared" si="1404"/>
        <v>#N/A</v>
      </c>
      <c r="R6024" s="238">
        <v>35</v>
      </c>
      <c r="S6024" s="236" t="e">
        <f t="shared" si="1409"/>
        <v>#N/A</v>
      </c>
      <c r="T6024" s="236">
        <f t="shared" si="1395"/>
        <v>36.889315870867726</v>
      </c>
    </row>
    <row r="6025" spans="2:20" x14ac:dyDescent="0.2">
      <c r="B6025" s="239">
        <v>59.847999999999999</v>
      </c>
      <c r="C6025" s="3">
        <f t="shared" si="1397"/>
        <v>59.841000000000001</v>
      </c>
      <c r="D6025" s="239">
        <v>36.558999999999997</v>
      </c>
      <c r="E6025" s="239">
        <v>0.13170000000000001</v>
      </c>
      <c r="F6025" s="239">
        <v>0.1673</v>
      </c>
      <c r="G6025">
        <f t="shared" si="1398"/>
        <v>36.592459999999996</v>
      </c>
      <c r="H6025" s="235">
        <f t="shared" si="1399"/>
        <v>0.35991021101068371</v>
      </c>
      <c r="I6025" s="236">
        <f t="shared" si="1400"/>
        <v>20.374377092870187</v>
      </c>
      <c r="J6025" s="237">
        <f t="shared" si="1405"/>
        <v>10.374377092870187</v>
      </c>
      <c r="K6025" s="237">
        <f t="shared" si="1401"/>
        <v>1219.2230996144449</v>
      </c>
      <c r="L6025" s="237">
        <f t="shared" si="1406"/>
        <v>620.88572025409496</v>
      </c>
      <c r="M6025" s="236">
        <f t="shared" si="1402"/>
        <v>56.972218471877888</v>
      </c>
      <c r="N6025" s="236">
        <f t="shared" si="1403"/>
        <v>0.37231537608752041</v>
      </c>
      <c r="O6025" s="236">
        <f t="shared" si="1407"/>
        <v>1.8879859815454409</v>
      </c>
      <c r="P6025" s="236" t="str">
        <f t="shared" si="1408"/>
        <v>SAND</v>
      </c>
      <c r="Q6025" s="236" t="e">
        <f t="shared" si="1404"/>
        <v>#N/A</v>
      </c>
      <c r="R6025" s="238">
        <v>35</v>
      </c>
      <c r="S6025" s="236" t="e">
        <f t="shared" si="1409"/>
        <v>#N/A</v>
      </c>
      <c r="T6025" s="236">
        <f t="shared" si="1395"/>
        <v>36.912294441137689</v>
      </c>
    </row>
    <row r="6026" spans="2:20" x14ac:dyDescent="0.2">
      <c r="B6026" s="239">
        <v>59.856999999999999</v>
      </c>
      <c r="C6026" s="3">
        <f t="shared" si="1397"/>
        <v>59.85</v>
      </c>
      <c r="D6026" s="239">
        <v>36.911499999999997</v>
      </c>
      <c r="E6026" s="239">
        <v>0.1389</v>
      </c>
      <c r="F6026" s="239">
        <v>0.1734</v>
      </c>
      <c r="G6026">
        <f t="shared" si="1398"/>
        <v>36.946179999999998</v>
      </c>
      <c r="H6026" s="235">
        <f t="shared" si="1399"/>
        <v>0.3759522635357701</v>
      </c>
      <c r="I6026" s="236">
        <f t="shared" si="1400"/>
        <v>20.44055170546266</v>
      </c>
      <c r="J6026" s="237">
        <f t="shared" si="1405"/>
        <v>10.44055170546266</v>
      </c>
      <c r="K6026" s="237">
        <f t="shared" si="1401"/>
        <v>1223.3670195719403</v>
      </c>
      <c r="L6026" s="237">
        <f t="shared" si="1406"/>
        <v>624.94010343387845</v>
      </c>
      <c r="M6026" s="236">
        <f t="shared" si="1402"/>
        <v>57.161978858679056</v>
      </c>
      <c r="N6026" s="236">
        <f t="shared" si="1403"/>
        <v>0.38882716228450714</v>
      </c>
      <c r="O6026" s="236">
        <f t="shared" si="1407"/>
        <v>1.8946522901058582</v>
      </c>
      <c r="P6026" s="236" t="str">
        <f t="shared" si="1408"/>
        <v>SAND</v>
      </c>
      <c r="Q6026" s="236" t="e">
        <f t="shared" si="1404"/>
        <v>#N/A</v>
      </c>
      <c r="R6026" s="238">
        <v>35</v>
      </c>
      <c r="S6026" s="236" t="e">
        <f t="shared" si="1409"/>
        <v>#N/A</v>
      </c>
      <c r="T6026" s="236">
        <f t="shared" si="1395"/>
        <v>36.928179804755047</v>
      </c>
    </row>
    <row r="6027" spans="2:20" x14ac:dyDescent="0.2">
      <c r="B6027" s="239">
        <v>59.865000000000002</v>
      </c>
      <c r="C6027" s="3">
        <f t="shared" si="1397"/>
        <v>59.858000000000004</v>
      </c>
      <c r="D6027" s="239">
        <v>36.734000000000002</v>
      </c>
      <c r="E6027" s="239">
        <v>0.1424</v>
      </c>
      <c r="F6027" s="239">
        <v>0.22700000000000001</v>
      </c>
      <c r="G6027">
        <f t="shared" si="1398"/>
        <v>36.779400000000003</v>
      </c>
      <c r="H6027" s="235">
        <f t="shared" si="1399"/>
        <v>0.38717325459360402</v>
      </c>
      <c r="I6027" s="236">
        <f t="shared" si="1400"/>
        <v>20.467964201589766</v>
      </c>
      <c r="J6027" s="237">
        <f t="shared" si="1405"/>
        <v>10.467964201589766</v>
      </c>
      <c r="K6027" s="237">
        <f t="shared" si="1401"/>
        <v>1225.1714011787603</v>
      </c>
      <c r="L6027" s="237">
        <f t="shared" si="1406"/>
        <v>626.66467692817139</v>
      </c>
      <c r="M6027" s="236">
        <f t="shared" si="1402"/>
        <v>56.735651310527722</v>
      </c>
      <c r="N6027" s="236">
        <f t="shared" si="1403"/>
        <v>0.40051494748144001</v>
      </c>
      <c r="O6027" s="236">
        <f t="shared" si="1407"/>
        <v>1.9031162991313311</v>
      </c>
      <c r="P6027" s="236" t="str">
        <f t="shared" si="1408"/>
        <v>SAND</v>
      </c>
      <c r="Q6027" s="236" t="e">
        <f t="shared" si="1404"/>
        <v>#N/A</v>
      </c>
      <c r="R6027" s="238">
        <v>35</v>
      </c>
      <c r="S6027" s="236" t="e">
        <f t="shared" si="1409"/>
        <v>#N/A</v>
      </c>
      <c r="T6027" s="236">
        <f t="shared" si="1395"/>
        <v>36.892416492966746</v>
      </c>
    </row>
    <row r="6028" spans="2:20" x14ac:dyDescent="0.2">
      <c r="B6028" s="239">
        <v>59.874000000000002</v>
      </c>
      <c r="C6028" s="3">
        <f t="shared" si="1397"/>
        <v>59.867000000000004</v>
      </c>
      <c r="D6028" s="239">
        <v>36.8964</v>
      </c>
      <c r="E6028" s="239">
        <v>0.14030000000000001</v>
      </c>
      <c r="F6028" s="239">
        <v>0.17169999999999999</v>
      </c>
      <c r="G6028">
        <f t="shared" si="1398"/>
        <v>36.93074</v>
      </c>
      <c r="H6028" s="235">
        <f t="shared" si="1399"/>
        <v>0.37990032152077108</v>
      </c>
      <c r="I6028" s="236">
        <f t="shared" si="1400"/>
        <v>20.452147975084671</v>
      </c>
      <c r="J6028" s="237">
        <f t="shared" si="1405"/>
        <v>10.452147975084671</v>
      </c>
      <c r="K6028" s="237">
        <f t="shared" si="1401"/>
        <v>1224.408742824394</v>
      </c>
      <c r="L6028" s="237">
        <f t="shared" si="1406"/>
        <v>625.81190786021966</v>
      </c>
      <c r="M6028" s="236">
        <f t="shared" si="1402"/>
        <v>57.05601125306633</v>
      </c>
      <c r="N6028" s="236">
        <f t="shared" si="1403"/>
        <v>0.39292751470176623</v>
      </c>
      <c r="O6028" s="236">
        <f t="shared" si="1407"/>
        <v>1.8973317103718879</v>
      </c>
      <c r="P6028" s="236" t="str">
        <f t="shared" si="1408"/>
        <v>SAND</v>
      </c>
      <c r="Q6028" s="236" t="e">
        <f t="shared" si="1404"/>
        <v>#N/A</v>
      </c>
      <c r="R6028" s="238">
        <v>35</v>
      </c>
      <c r="S6028" s="236" t="e">
        <f t="shared" si="1409"/>
        <v>#N/A</v>
      </c>
      <c r="T6028" s="236">
        <f t="shared" si="1395"/>
        <v>36.919315478655264</v>
      </c>
    </row>
    <row r="6029" spans="2:20" x14ac:dyDescent="0.2">
      <c r="B6029" s="239">
        <v>59.881999999999998</v>
      </c>
      <c r="C6029" s="3">
        <f t="shared" si="1397"/>
        <v>59.875</v>
      </c>
      <c r="D6029" s="239">
        <v>37.171599999999998</v>
      </c>
      <c r="E6029" s="239">
        <v>0.13389999999999999</v>
      </c>
      <c r="F6029" s="239">
        <v>0.1168</v>
      </c>
      <c r="G6029">
        <f t="shared" si="1398"/>
        <v>37.194959999999995</v>
      </c>
      <c r="H6029" s="235">
        <f t="shared" si="1399"/>
        <v>0.35999501007663409</v>
      </c>
      <c r="I6029" s="236">
        <f t="shared" si="1400"/>
        <v>20.400186298713162</v>
      </c>
      <c r="J6029" s="237">
        <f t="shared" si="1405"/>
        <v>10.400186298713162</v>
      </c>
      <c r="K6029" s="237">
        <f t="shared" si="1401"/>
        <v>1221.4611546354506</v>
      </c>
      <c r="L6029" s="237">
        <f t="shared" si="1406"/>
        <v>622.78395593954156</v>
      </c>
      <c r="M6029" s="236">
        <f t="shared" si="1402"/>
        <v>57.762404606416624</v>
      </c>
      <c r="N6029" s="236">
        <f t="shared" si="1403"/>
        <v>0.37221845051987207</v>
      </c>
      <c r="O6029" s="236">
        <f t="shared" si="1407"/>
        <v>1.8825082248787275</v>
      </c>
      <c r="P6029" s="236" t="str">
        <f t="shared" si="1408"/>
        <v>SAND</v>
      </c>
      <c r="Q6029" s="236" t="e">
        <f t="shared" si="1404"/>
        <v>#N/A</v>
      </c>
      <c r="R6029" s="238">
        <v>35</v>
      </c>
      <c r="S6029" s="236" t="e">
        <f t="shared" si="1409"/>
        <v>#N/A</v>
      </c>
      <c r="T6029" s="236">
        <f t="shared" ref="T6029:T6092" si="1410">IF(P6029="SAND",17.6+(11*LOG(M6029)),#N/A)</f>
        <v>36.978097907275192</v>
      </c>
    </row>
    <row r="6030" spans="2:20" x14ac:dyDescent="0.2">
      <c r="B6030" s="239">
        <v>59.89</v>
      </c>
      <c r="C6030" s="3">
        <f t="shared" ref="C6030:C6093" si="1411">MAX($B6030 - $B$13, 0.001)</f>
        <v>59.883000000000003</v>
      </c>
      <c r="D6030" s="239">
        <v>37.290300000000002</v>
      </c>
      <c r="E6030" s="239">
        <v>0.13</v>
      </c>
      <c r="F6030" s="239">
        <v>0.15190000000000001</v>
      </c>
      <c r="G6030">
        <f t="shared" si="1398"/>
        <v>37.320680000000003</v>
      </c>
      <c r="H6030" s="235">
        <f t="shared" si="1399"/>
        <v>0.34833234549852787</v>
      </c>
      <c r="I6030" s="236">
        <f t="shared" si="1400"/>
        <v>20.366844698984004</v>
      </c>
      <c r="J6030" s="237">
        <f t="shared" si="1405"/>
        <v>10.366844698984004</v>
      </c>
      <c r="K6030" s="237">
        <f t="shared" si="1401"/>
        <v>1219.6277611092592</v>
      </c>
      <c r="L6030" s="237">
        <f t="shared" si="1406"/>
        <v>620.87032902215196</v>
      </c>
      <c r="M6030" s="236">
        <f t="shared" si="1402"/>
        <v>58.145880953513398</v>
      </c>
      <c r="N6030" s="236">
        <f t="shared" si="1403"/>
        <v>0.36010030715934183</v>
      </c>
      <c r="O6030" s="236">
        <f t="shared" si="1407"/>
        <v>1.8738994194496574</v>
      </c>
      <c r="P6030" s="236" t="str">
        <f t="shared" si="1408"/>
        <v>SAND</v>
      </c>
      <c r="Q6030" s="236" t="e">
        <f t="shared" si="1404"/>
        <v>#N/A</v>
      </c>
      <c r="R6030" s="238">
        <v>35</v>
      </c>
      <c r="S6030" s="236" t="e">
        <f t="shared" si="1409"/>
        <v>#N/A</v>
      </c>
      <c r="T6030" s="236">
        <f t="shared" si="1410"/>
        <v>37.009708502697563</v>
      </c>
    </row>
    <row r="6031" spans="2:20" x14ac:dyDescent="0.2">
      <c r="B6031" s="239">
        <v>59.898000000000003</v>
      </c>
      <c r="C6031" s="3">
        <f t="shared" si="1411"/>
        <v>59.891000000000005</v>
      </c>
      <c r="D6031" s="239">
        <v>37.554600000000001</v>
      </c>
      <c r="E6031" s="239">
        <v>0.1323</v>
      </c>
      <c r="F6031" s="239">
        <v>0.1817</v>
      </c>
      <c r="G6031">
        <f t="shared" ref="G6031:G6094" si="1412">$D6031+($F6031*(1-$P$8))</f>
        <v>37.590940000000003</v>
      </c>
      <c r="H6031" s="235">
        <f t="shared" ref="H6031:H6094" si="1413">($E6031/$G6031)*100</f>
        <v>0.35194650625922097</v>
      </c>
      <c r="I6031" s="236">
        <f t="shared" ref="I6031:I6094" si="1414">((0.27*(LOG($H6031)))+(0.36*(LOG(($G6031*1000)/101)))+1.236)*10</f>
        <v>20.390229500934332</v>
      </c>
      <c r="J6031" s="237">
        <f t="shared" si="1405"/>
        <v>10.390229500934332</v>
      </c>
      <c r="K6031" s="237">
        <f t="shared" ref="K6031:K6094" si="1415">$I6031*$C6031</f>
        <v>1221.1912350404582</v>
      </c>
      <c r="L6031" s="237">
        <f t="shared" si="1406"/>
        <v>622.35396664696464</v>
      </c>
      <c r="M6031" s="236">
        <f t="shared" ref="M6031:M6094" si="1416">(($G6031*1000)-$K6031)/$L6031</f>
        <v>58.439008529033089</v>
      </c>
      <c r="N6031" s="236">
        <f t="shared" ref="N6031:N6094" si="1417">(($E6031*1000)/(($G6031*1000)-$K6031))*100</f>
        <v>0.3637638545566873</v>
      </c>
      <c r="O6031" s="236">
        <f t="shared" si="1407"/>
        <v>1.8737396770105204</v>
      </c>
      <c r="P6031" s="236" t="str">
        <f t="shared" si="1408"/>
        <v>SAND</v>
      </c>
      <c r="Q6031" s="236" t="e">
        <f t="shared" ref="Q6031:Q6094" si="1418">IF(P6031="CLAY",($G6031*1000 -$K6031)/$L$8,#N/A)</f>
        <v>#N/A</v>
      </c>
      <c r="R6031" s="238">
        <v>35</v>
      </c>
      <c r="S6031" s="236" t="e">
        <f t="shared" si="1409"/>
        <v>#N/A</v>
      </c>
      <c r="T6031" s="236">
        <f t="shared" si="1410"/>
        <v>37.033731230359734</v>
      </c>
    </row>
    <row r="6032" spans="2:20" x14ac:dyDescent="0.2">
      <c r="B6032" s="239">
        <v>59.906999999999996</v>
      </c>
      <c r="C6032" s="3">
        <f t="shared" si="1411"/>
        <v>59.9</v>
      </c>
      <c r="D6032" s="239">
        <v>37.904699999999998</v>
      </c>
      <c r="E6032" s="239">
        <v>0.13039999999999999</v>
      </c>
      <c r="F6032" s="239">
        <v>0.22220000000000001</v>
      </c>
      <c r="G6032">
        <f t="shared" si="1412"/>
        <v>37.94914</v>
      </c>
      <c r="H6032" s="235">
        <f t="shared" si="1413"/>
        <v>0.34361780003446718</v>
      </c>
      <c r="I6032" s="236">
        <f t="shared" si="1414"/>
        <v>20.376974295711868</v>
      </c>
      <c r="J6032" s="237">
        <f t="shared" ref="J6032:J6095" si="1419">$I6032-10</f>
        <v>10.376974295711868</v>
      </c>
      <c r="K6032" s="237">
        <f t="shared" si="1415"/>
        <v>1220.5807603131409</v>
      </c>
      <c r="L6032" s="237">
        <f t="shared" ref="L6032:L6095" si="1420">$J6032*$B6032</f>
        <v>621.65339913321088</v>
      </c>
      <c r="M6032" s="236">
        <f t="shared" si="1416"/>
        <v>59.082053264565978</v>
      </c>
      <c r="N6032" s="236">
        <f t="shared" si="1417"/>
        <v>0.3550370684268413</v>
      </c>
      <c r="O6032" s="236">
        <f t="shared" ref="O6032:O6095" si="1421">((3.47-LOG($M6032))^2+(LOG($N6032)+1.22)^2)^0.5</f>
        <v>1.8650401385709785</v>
      </c>
      <c r="P6032" s="236" t="str">
        <f t="shared" ref="P6032:P6095" si="1422">IF(O6032&lt;2.6,"SAND","CLAY")</f>
        <v>SAND</v>
      </c>
      <c r="Q6032" s="236" t="e">
        <f t="shared" si="1418"/>
        <v>#N/A</v>
      </c>
      <c r="R6032" s="238">
        <v>35</v>
      </c>
      <c r="S6032" s="236" t="e">
        <f t="shared" ref="S6032:S6095" si="1423">IF(P6032="SAND",#N/A,0.25*($M6032)^1.25)</f>
        <v>#N/A</v>
      </c>
      <c r="T6032" s="236">
        <f t="shared" si="1410"/>
        <v>37.086011378186868</v>
      </c>
    </row>
    <row r="6033" spans="2:20" x14ac:dyDescent="0.2">
      <c r="B6033" s="239">
        <v>59.915999999999997</v>
      </c>
      <c r="C6033" s="3">
        <f t="shared" si="1411"/>
        <v>59.908999999999999</v>
      </c>
      <c r="D6033" s="239">
        <v>37.7393</v>
      </c>
      <c r="E6033" s="239">
        <v>0.1308</v>
      </c>
      <c r="F6033" s="239">
        <v>0.27239999999999998</v>
      </c>
      <c r="G6033">
        <f t="shared" si="1412"/>
        <v>37.793779999999998</v>
      </c>
      <c r="H6033" s="235">
        <f t="shared" si="1413"/>
        <v>0.34608869501806916</v>
      </c>
      <c r="I6033" s="236">
        <f t="shared" si="1414"/>
        <v>20.378962260767292</v>
      </c>
      <c r="J6033" s="237">
        <f t="shared" si="1419"/>
        <v>10.378962260767292</v>
      </c>
      <c r="K6033" s="237">
        <f t="shared" si="1415"/>
        <v>1220.8832500803076</v>
      </c>
      <c r="L6033" s="237">
        <f t="shared" si="1420"/>
        <v>621.86590281613303</v>
      </c>
      <c r="M6033" s="236">
        <f t="shared" si="1416"/>
        <v>58.811548573894378</v>
      </c>
      <c r="N6033" s="236">
        <f t="shared" si="1417"/>
        <v>0.35764189228540461</v>
      </c>
      <c r="O6033" s="236">
        <f t="shared" si="1421"/>
        <v>1.8681674979935945</v>
      </c>
      <c r="P6033" s="236" t="str">
        <f t="shared" si="1422"/>
        <v>SAND</v>
      </c>
      <c r="Q6033" s="236" t="e">
        <f t="shared" si="1418"/>
        <v>#N/A</v>
      </c>
      <c r="R6033" s="238">
        <v>35</v>
      </c>
      <c r="S6033" s="236" t="e">
        <f t="shared" si="1423"/>
        <v>#N/A</v>
      </c>
      <c r="T6033" s="236">
        <f t="shared" si="1410"/>
        <v>37.064088765135907</v>
      </c>
    </row>
    <row r="6034" spans="2:20" x14ac:dyDescent="0.2">
      <c r="B6034" s="239">
        <v>59.923999999999999</v>
      </c>
      <c r="C6034" s="3">
        <f t="shared" si="1411"/>
        <v>59.917000000000002</v>
      </c>
      <c r="D6034" s="239">
        <v>37.884099999999997</v>
      </c>
      <c r="E6034" s="239">
        <v>0.13189999999999999</v>
      </c>
      <c r="F6034" s="239">
        <v>0.27050000000000002</v>
      </c>
      <c r="G6034">
        <f t="shared" si="1412"/>
        <v>37.938199999999995</v>
      </c>
      <c r="H6034" s="235">
        <f t="shared" si="1413"/>
        <v>0.34767068548323332</v>
      </c>
      <c r="I6034" s="236">
        <f t="shared" si="1414"/>
        <v>20.390273051875745</v>
      </c>
      <c r="J6034" s="237">
        <f t="shared" si="1419"/>
        <v>10.390273051875745</v>
      </c>
      <c r="K6034" s="237">
        <f t="shared" si="1415"/>
        <v>1221.723990449239</v>
      </c>
      <c r="L6034" s="237">
        <f t="shared" si="1420"/>
        <v>622.62672236060212</v>
      </c>
      <c r="M6034" s="236">
        <f t="shared" si="1416"/>
        <v>58.970286193861675</v>
      </c>
      <c r="N6034" s="236">
        <f t="shared" si="1417"/>
        <v>0.35923926894751529</v>
      </c>
      <c r="O6034" s="236">
        <f t="shared" si="1421"/>
        <v>1.8679045595791097</v>
      </c>
      <c r="P6034" s="236" t="str">
        <f t="shared" si="1422"/>
        <v>SAND</v>
      </c>
      <c r="Q6034" s="236" t="e">
        <f t="shared" si="1418"/>
        <v>#N/A</v>
      </c>
      <c r="R6034" s="238">
        <v>35</v>
      </c>
      <c r="S6034" s="236" t="e">
        <f t="shared" si="1423"/>
        <v>#N/A</v>
      </c>
      <c r="T6034" s="236">
        <f t="shared" si="1410"/>
        <v>37.076965590450669</v>
      </c>
    </row>
    <row r="6035" spans="2:20" x14ac:dyDescent="0.2">
      <c r="B6035" s="239">
        <v>59.933</v>
      </c>
      <c r="C6035" s="3">
        <f t="shared" si="1411"/>
        <v>59.926000000000002</v>
      </c>
      <c r="D6035" s="239">
        <v>37.8416</v>
      </c>
      <c r="E6035" s="239">
        <v>0.1244</v>
      </c>
      <c r="F6035" s="239">
        <v>0.24490000000000001</v>
      </c>
      <c r="G6035">
        <f t="shared" si="1412"/>
        <v>37.89058</v>
      </c>
      <c r="H6035" s="235">
        <f t="shared" si="1413"/>
        <v>0.32831379197679211</v>
      </c>
      <c r="I6035" s="236">
        <f t="shared" si="1414"/>
        <v>20.321136209196528</v>
      </c>
      <c r="J6035" s="237">
        <f t="shared" si="1419"/>
        <v>10.321136209196528</v>
      </c>
      <c r="K6035" s="237">
        <f t="shared" si="1415"/>
        <v>1217.7644084723111</v>
      </c>
      <c r="L6035" s="237">
        <f t="shared" si="1420"/>
        <v>618.57665642577547</v>
      </c>
      <c r="M6035" s="236">
        <f t="shared" si="1416"/>
        <v>59.285805907110152</v>
      </c>
      <c r="N6035" s="236">
        <f t="shared" si="1417"/>
        <v>0.33921584147124884</v>
      </c>
      <c r="O6035" s="236">
        <f t="shared" si="1421"/>
        <v>1.8555836406210564</v>
      </c>
      <c r="P6035" s="236" t="str">
        <f t="shared" si="1422"/>
        <v>SAND</v>
      </c>
      <c r="Q6035" s="236" t="e">
        <f t="shared" si="1418"/>
        <v>#N/A</v>
      </c>
      <c r="R6035" s="238">
        <v>35</v>
      </c>
      <c r="S6035" s="236" t="e">
        <f t="shared" si="1423"/>
        <v>#N/A</v>
      </c>
      <c r="T6035" s="236">
        <f t="shared" si="1410"/>
        <v>37.102458006517075</v>
      </c>
    </row>
    <row r="6036" spans="2:20" x14ac:dyDescent="0.2">
      <c r="B6036" s="239">
        <v>59.942</v>
      </c>
      <c r="C6036" s="3">
        <f t="shared" si="1411"/>
        <v>59.935000000000002</v>
      </c>
      <c r="D6036" s="239">
        <v>37.663699999999999</v>
      </c>
      <c r="E6036" s="239">
        <v>0.12</v>
      </c>
      <c r="F6036" s="239">
        <v>0.24049999999999999</v>
      </c>
      <c r="G6036">
        <f t="shared" si="1412"/>
        <v>37.711799999999997</v>
      </c>
      <c r="H6036" s="235">
        <f t="shared" si="1413"/>
        <v>0.3182027906384739</v>
      </c>
      <c r="I6036" s="236">
        <f t="shared" si="1414"/>
        <v>20.277061954473051</v>
      </c>
      <c r="J6036" s="237">
        <f t="shared" si="1419"/>
        <v>10.277061954473051</v>
      </c>
      <c r="K6036" s="237">
        <f t="shared" si="1415"/>
        <v>1215.3057082413425</v>
      </c>
      <c r="L6036" s="237">
        <f t="shared" si="1420"/>
        <v>616.02764767502367</v>
      </c>
      <c r="M6036" s="236">
        <f t="shared" si="1416"/>
        <v>59.244896604075535</v>
      </c>
      <c r="N6036" s="236">
        <f t="shared" si="1417"/>
        <v>0.3287987033513447</v>
      </c>
      <c r="O6036" s="236">
        <f t="shared" si="1421"/>
        <v>1.850421513663425</v>
      </c>
      <c r="P6036" s="236" t="str">
        <f t="shared" si="1422"/>
        <v>SAND</v>
      </c>
      <c r="Q6036" s="236" t="e">
        <f t="shared" si="1418"/>
        <v>#N/A</v>
      </c>
      <c r="R6036" s="238">
        <v>35</v>
      </c>
      <c r="S6036" s="236" t="e">
        <f t="shared" si="1423"/>
        <v>#N/A</v>
      </c>
      <c r="T6036" s="236">
        <f t="shared" si="1410"/>
        <v>37.099160404564998</v>
      </c>
    </row>
    <row r="6037" spans="2:20" x14ac:dyDescent="0.2">
      <c r="B6037" s="239">
        <v>59.951000000000001</v>
      </c>
      <c r="C6037" s="3">
        <f t="shared" si="1411"/>
        <v>59.944000000000003</v>
      </c>
      <c r="D6037" s="239">
        <v>37.273699999999998</v>
      </c>
      <c r="E6037" s="239">
        <v>0.114</v>
      </c>
      <c r="F6037" s="239">
        <v>0.30649999999999999</v>
      </c>
      <c r="G6037">
        <f t="shared" si="1412"/>
        <v>37.335000000000001</v>
      </c>
      <c r="H6037" s="235">
        <f t="shared" si="1413"/>
        <v>0.30534351145038169</v>
      </c>
      <c r="I6037" s="236">
        <f t="shared" si="1414"/>
        <v>20.212990693088813</v>
      </c>
      <c r="J6037" s="237">
        <f t="shared" si="1419"/>
        <v>10.212990693088813</v>
      </c>
      <c r="K6037" s="237">
        <f t="shared" si="1415"/>
        <v>1211.6475141065159</v>
      </c>
      <c r="L6037" s="237">
        <f t="shared" si="1420"/>
        <v>612.27900504136744</v>
      </c>
      <c r="M6037" s="236">
        <f t="shared" si="1416"/>
        <v>58.998189042024855</v>
      </c>
      <c r="N6037" s="236">
        <f t="shared" si="1417"/>
        <v>0.31558532681737694</v>
      </c>
      <c r="O6037" s="236">
        <f t="shared" si="1421"/>
        <v>1.8450686066181028</v>
      </c>
      <c r="P6037" s="236" t="str">
        <f t="shared" si="1422"/>
        <v>SAND</v>
      </c>
      <c r="Q6037" s="236" t="e">
        <f t="shared" si="1418"/>
        <v>#N/A</v>
      </c>
      <c r="R6037" s="238">
        <v>35</v>
      </c>
      <c r="S6037" s="236" t="e">
        <f t="shared" si="1423"/>
        <v>#N/A</v>
      </c>
      <c r="T6037" s="236">
        <f t="shared" si="1410"/>
        <v>37.079225492260406</v>
      </c>
    </row>
    <row r="6038" spans="2:20" x14ac:dyDescent="0.2">
      <c r="B6038" s="239">
        <v>59.959000000000003</v>
      </c>
      <c r="C6038" s="3">
        <f t="shared" si="1411"/>
        <v>59.952000000000005</v>
      </c>
      <c r="D6038" s="239">
        <v>36.945099999999996</v>
      </c>
      <c r="E6038" s="239">
        <v>0.1091</v>
      </c>
      <c r="F6038" s="239">
        <v>0.37419999999999998</v>
      </c>
      <c r="G6038">
        <f t="shared" si="1412"/>
        <v>37.019939999999998</v>
      </c>
      <c r="H6038" s="235">
        <f t="shared" si="1413"/>
        <v>0.2947060422032019</v>
      </c>
      <c r="I6038" s="236">
        <f t="shared" si="1414"/>
        <v>20.158162020452931</v>
      </c>
      <c r="J6038" s="237">
        <f t="shared" si="1419"/>
        <v>10.158162020452931</v>
      </c>
      <c r="K6038" s="237">
        <f t="shared" si="1415"/>
        <v>1208.5221294501941</v>
      </c>
      <c r="L6038" s="237">
        <f t="shared" si="1420"/>
        <v>609.07323658433734</v>
      </c>
      <c r="M6038" s="236">
        <f t="shared" si="1416"/>
        <v>58.79657111742268</v>
      </c>
      <c r="N6038" s="236">
        <f t="shared" si="1417"/>
        <v>0.30465143936599193</v>
      </c>
      <c r="O6038" s="236">
        <f t="shared" si="1421"/>
        <v>1.8405278083866985</v>
      </c>
      <c r="P6038" s="236" t="str">
        <f t="shared" si="1422"/>
        <v>SAND</v>
      </c>
      <c r="Q6038" s="236" t="e">
        <f t="shared" si="1418"/>
        <v>#N/A</v>
      </c>
      <c r="R6038" s="238">
        <v>35</v>
      </c>
      <c r="S6038" s="236" t="e">
        <f t="shared" si="1423"/>
        <v>#N/A</v>
      </c>
      <c r="T6038" s="236">
        <f t="shared" si="1410"/>
        <v>37.062871997207651</v>
      </c>
    </row>
    <row r="6039" spans="2:20" x14ac:dyDescent="0.2">
      <c r="B6039" s="239">
        <v>59.969000000000001</v>
      </c>
      <c r="C6039" s="3">
        <f t="shared" si="1411"/>
        <v>59.962000000000003</v>
      </c>
      <c r="D6039" s="239">
        <v>36.532899999999998</v>
      </c>
      <c r="E6039" s="239">
        <v>0.1046</v>
      </c>
      <c r="F6039" s="239">
        <v>0.3553</v>
      </c>
      <c r="G6039">
        <f t="shared" si="1412"/>
        <v>36.603960000000001</v>
      </c>
      <c r="H6039" s="235">
        <f t="shared" si="1413"/>
        <v>0.28576143127683451</v>
      </c>
      <c r="I6039" s="236">
        <f t="shared" si="1414"/>
        <v>20.104353867499295</v>
      </c>
      <c r="J6039" s="237">
        <f t="shared" si="1419"/>
        <v>10.104353867499295</v>
      </c>
      <c r="K6039" s="237">
        <f t="shared" si="1415"/>
        <v>1205.4972666029928</v>
      </c>
      <c r="L6039" s="237">
        <f t="shared" si="1420"/>
        <v>605.94799708006519</v>
      </c>
      <c r="M6039" s="236">
        <f t="shared" si="1416"/>
        <v>58.41831791502684</v>
      </c>
      <c r="N6039" s="236">
        <f t="shared" si="1417"/>
        <v>0.29549305795506808</v>
      </c>
      <c r="O6039" s="236">
        <f t="shared" si="1421"/>
        <v>1.8380970310886151</v>
      </c>
      <c r="P6039" s="236" t="str">
        <f t="shared" si="1422"/>
        <v>SAND</v>
      </c>
      <c r="Q6039" s="236" t="e">
        <f t="shared" si="1418"/>
        <v>#N/A</v>
      </c>
      <c r="R6039" s="238">
        <v>35</v>
      </c>
      <c r="S6039" s="236" t="e">
        <f t="shared" si="1423"/>
        <v>#N/A</v>
      </c>
      <c r="T6039" s="236">
        <f t="shared" si="1410"/>
        <v>37.032039526152012</v>
      </c>
    </row>
    <row r="6040" spans="2:20" x14ac:dyDescent="0.2">
      <c r="B6040" s="239">
        <v>59.976999999999997</v>
      </c>
      <c r="C6040" s="3">
        <f t="shared" si="1411"/>
        <v>59.97</v>
      </c>
      <c r="D6040" s="239">
        <v>36.2288</v>
      </c>
      <c r="E6040" s="239">
        <v>9.98E-2</v>
      </c>
      <c r="F6040" s="239">
        <v>0.31230000000000002</v>
      </c>
      <c r="G6040">
        <f t="shared" si="1412"/>
        <v>36.291260000000001</v>
      </c>
      <c r="H6040" s="235">
        <f t="shared" si="1413"/>
        <v>0.27499734095757489</v>
      </c>
      <c r="I6040" s="236">
        <f t="shared" si="1414"/>
        <v>20.045917357957901</v>
      </c>
      <c r="J6040" s="237">
        <f t="shared" si="1419"/>
        <v>10.045917357957901</v>
      </c>
      <c r="K6040" s="237">
        <f t="shared" si="1415"/>
        <v>1202.1536639567353</v>
      </c>
      <c r="L6040" s="237">
        <f t="shared" si="1420"/>
        <v>602.52398537824104</v>
      </c>
      <c r="M6040" s="236">
        <f t="shared" si="1416"/>
        <v>58.236862245435255</v>
      </c>
      <c r="N6040" s="236">
        <f t="shared" si="1417"/>
        <v>0.28441875676236927</v>
      </c>
      <c r="O6040" s="236">
        <f t="shared" si="1421"/>
        <v>1.8331856618488975</v>
      </c>
      <c r="P6040" s="236" t="str">
        <f t="shared" si="1422"/>
        <v>SAND</v>
      </c>
      <c r="Q6040" s="236" t="e">
        <f t="shared" si="1418"/>
        <v>#N/A</v>
      </c>
      <c r="R6040" s="238">
        <v>35</v>
      </c>
      <c r="S6040" s="236" t="e">
        <f t="shared" si="1423"/>
        <v>#N/A</v>
      </c>
      <c r="T6040" s="236">
        <f t="shared" si="1410"/>
        <v>37.017177642537561</v>
      </c>
    </row>
    <row r="6041" spans="2:20" x14ac:dyDescent="0.2">
      <c r="B6041" s="239">
        <v>59.984000000000002</v>
      </c>
      <c r="C6041" s="3">
        <f t="shared" si="1411"/>
        <v>59.977000000000004</v>
      </c>
      <c r="D6041" s="239">
        <v>35.7956</v>
      </c>
      <c r="E6041" s="239">
        <v>9.5500000000000002E-2</v>
      </c>
      <c r="F6041" s="239">
        <v>0.37859999999999999</v>
      </c>
      <c r="G6041">
        <f t="shared" si="1412"/>
        <v>35.871319999999997</v>
      </c>
      <c r="H6041" s="235">
        <f t="shared" si="1413"/>
        <v>0.26622939997747508</v>
      </c>
      <c r="I6041" s="236">
        <f t="shared" si="1414"/>
        <v>19.989724780061216</v>
      </c>
      <c r="J6041" s="237">
        <f t="shared" si="1419"/>
        <v>9.9897247800612163</v>
      </c>
      <c r="K6041" s="237">
        <f t="shared" si="1415"/>
        <v>1198.9237231337318</v>
      </c>
      <c r="L6041" s="237">
        <f t="shared" si="1420"/>
        <v>599.22365120719201</v>
      </c>
      <c r="M6041" s="236">
        <f t="shared" si="1416"/>
        <v>57.862195871300287</v>
      </c>
      <c r="N6041" s="236">
        <f t="shared" si="1417"/>
        <v>0.27543524605975517</v>
      </c>
      <c r="O6041" s="236">
        <f t="shared" si="1421"/>
        <v>1.8307214147458704</v>
      </c>
      <c r="P6041" s="236" t="str">
        <f t="shared" si="1422"/>
        <v>SAND</v>
      </c>
      <c r="Q6041" s="236" t="e">
        <f t="shared" si="1418"/>
        <v>#N/A</v>
      </c>
      <c r="R6041" s="238">
        <v>35</v>
      </c>
      <c r="S6041" s="236" t="e">
        <f t="shared" si="1423"/>
        <v>#N/A</v>
      </c>
      <c r="T6041" s="236">
        <f t="shared" si="1410"/>
        <v>36.986344022183097</v>
      </c>
    </row>
    <row r="6042" spans="2:20" x14ac:dyDescent="0.2">
      <c r="B6042" s="239">
        <v>59.993000000000002</v>
      </c>
      <c r="C6042" s="3">
        <f t="shared" si="1411"/>
        <v>59.986000000000004</v>
      </c>
      <c r="D6042" s="239">
        <v>35.450699999999998</v>
      </c>
      <c r="E6042" s="239">
        <v>9.8299999999999998E-2</v>
      </c>
      <c r="F6042" s="239">
        <v>0.38319999999999999</v>
      </c>
      <c r="G6042">
        <f t="shared" si="1412"/>
        <v>35.527339999999995</v>
      </c>
      <c r="H6042" s="235">
        <f t="shared" si="1413"/>
        <v>0.27668831947452305</v>
      </c>
      <c r="I6042" s="236">
        <f t="shared" si="1414"/>
        <v>20.019843975551357</v>
      </c>
      <c r="J6042" s="237">
        <f t="shared" si="1419"/>
        <v>10.019843975551357</v>
      </c>
      <c r="K6042" s="237">
        <f t="shared" si="1415"/>
        <v>1200.9103607174238</v>
      </c>
      <c r="L6042" s="237">
        <f t="shared" si="1420"/>
        <v>601.12049962525259</v>
      </c>
      <c r="M6042" s="236">
        <f t="shared" si="1416"/>
        <v>57.104074242489112</v>
      </c>
      <c r="N6042" s="236">
        <f t="shared" si="1417"/>
        <v>0.2863682621029342</v>
      </c>
      <c r="O6042" s="236">
        <f t="shared" si="1421"/>
        <v>1.8422097982963614</v>
      </c>
      <c r="P6042" s="236" t="str">
        <f t="shared" si="1422"/>
        <v>SAND</v>
      </c>
      <c r="Q6042" s="236" t="e">
        <f t="shared" si="1418"/>
        <v>#N/A</v>
      </c>
      <c r="R6042" s="238">
        <v>35</v>
      </c>
      <c r="S6042" s="236" t="e">
        <f t="shared" si="1423"/>
        <v>#N/A</v>
      </c>
      <c r="T6042" s="236">
        <f t="shared" si="1410"/>
        <v>36.923338047744288</v>
      </c>
    </row>
    <row r="6043" spans="2:20" x14ac:dyDescent="0.2">
      <c r="B6043" s="239">
        <v>60</v>
      </c>
      <c r="C6043" s="3">
        <f t="shared" si="1411"/>
        <v>59.993000000000002</v>
      </c>
      <c r="D6043" s="239">
        <v>35.165900000000001</v>
      </c>
      <c r="E6043" s="239">
        <v>9.7699999999999995E-2</v>
      </c>
      <c r="F6043" s="239">
        <v>0.37140000000000001</v>
      </c>
      <c r="G6043">
        <f t="shared" si="1412"/>
        <v>35.240180000000002</v>
      </c>
      <c r="H6043" s="235">
        <f t="shared" si="1413"/>
        <v>0.27724035461793889</v>
      </c>
      <c r="I6043" s="236">
        <f t="shared" si="1414"/>
        <v>20.009492682657015</v>
      </c>
      <c r="J6043" s="237">
        <f t="shared" si="1419"/>
        <v>10.009492682657015</v>
      </c>
      <c r="K6043" s="237">
        <f t="shared" si="1415"/>
        <v>1200.4294945106424</v>
      </c>
      <c r="L6043" s="237">
        <f t="shared" si="1420"/>
        <v>600.56956095942087</v>
      </c>
      <c r="M6043" s="236">
        <f t="shared" si="1416"/>
        <v>56.679113825066707</v>
      </c>
      <c r="N6043" s="236">
        <f t="shared" si="1417"/>
        <v>0.28701737982552067</v>
      </c>
      <c r="O6043" s="236">
        <f t="shared" si="1421"/>
        <v>1.8455882373208545</v>
      </c>
      <c r="P6043" s="236" t="str">
        <f t="shared" si="1422"/>
        <v>SAND</v>
      </c>
      <c r="Q6043" s="236" t="e">
        <f t="shared" si="1418"/>
        <v>#N/A</v>
      </c>
      <c r="R6043" s="238">
        <v>35</v>
      </c>
      <c r="S6043" s="236" t="e">
        <f t="shared" si="1423"/>
        <v>#N/A</v>
      </c>
      <c r="T6043" s="236">
        <f t="shared" si="1410"/>
        <v>36.887653566030892</v>
      </c>
    </row>
    <row r="6044" spans="2:20" x14ac:dyDescent="0.2">
      <c r="B6044" s="239">
        <v>60.006999999999998</v>
      </c>
      <c r="C6044" s="3">
        <f t="shared" si="1411"/>
        <v>60</v>
      </c>
      <c r="D6044" s="239">
        <v>34.713200000000001</v>
      </c>
      <c r="E6044" s="239">
        <v>0.10100000000000001</v>
      </c>
      <c r="F6044" s="239">
        <v>0.39400000000000002</v>
      </c>
      <c r="G6044">
        <f t="shared" si="1412"/>
        <v>34.792000000000002</v>
      </c>
      <c r="H6044" s="235">
        <f t="shared" si="1413"/>
        <v>0.29029661991262357</v>
      </c>
      <c r="I6044" s="236">
        <f t="shared" si="1414"/>
        <v>20.043442218787174</v>
      </c>
      <c r="J6044" s="237">
        <f t="shared" si="1419"/>
        <v>10.043442218787174</v>
      </c>
      <c r="K6044" s="237">
        <f t="shared" si="1415"/>
        <v>1202.6065331272305</v>
      </c>
      <c r="L6044" s="237">
        <f t="shared" si="1420"/>
        <v>602.67683722276195</v>
      </c>
      <c r="M6044" s="236">
        <f t="shared" si="1416"/>
        <v>55.733672496289131</v>
      </c>
      <c r="N6044" s="236">
        <f t="shared" si="1417"/>
        <v>0.30069015714621444</v>
      </c>
      <c r="O6044" s="236">
        <f t="shared" si="1421"/>
        <v>1.8598765421556134</v>
      </c>
      <c r="P6044" s="236" t="str">
        <f t="shared" si="1422"/>
        <v>SAND</v>
      </c>
      <c r="Q6044" s="236" t="e">
        <f t="shared" si="1418"/>
        <v>#N/A</v>
      </c>
      <c r="R6044" s="238">
        <v>35</v>
      </c>
      <c r="S6044" s="236" t="e">
        <f t="shared" si="1423"/>
        <v>#N/A</v>
      </c>
      <c r="T6044" s="236">
        <f t="shared" si="1410"/>
        <v>36.807294273825633</v>
      </c>
    </row>
    <row r="6045" spans="2:20" x14ac:dyDescent="0.2">
      <c r="B6045" s="239">
        <v>60.015000000000001</v>
      </c>
      <c r="C6045" s="3">
        <f t="shared" si="1411"/>
        <v>60.008000000000003</v>
      </c>
      <c r="D6045" s="239">
        <v>34.3611</v>
      </c>
      <c r="E6045" s="239">
        <v>0.10059999999999999</v>
      </c>
      <c r="F6045" s="239">
        <v>0.4304</v>
      </c>
      <c r="G6045">
        <f t="shared" si="1412"/>
        <v>34.447180000000003</v>
      </c>
      <c r="H6045" s="235">
        <f t="shared" si="1413"/>
        <v>0.29204132239562131</v>
      </c>
      <c r="I6045" s="236">
        <f t="shared" si="1414"/>
        <v>20.034895909297887</v>
      </c>
      <c r="J6045" s="237">
        <f t="shared" si="1419"/>
        <v>10.034895909297887</v>
      </c>
      <c r="K6045" s="237">
        <f t="shared" si="1415"/>
        <v>1202.2540337251476</v>
      </c>
      <c r="L6045" s="237">
        <f t="shared" si="1420"/>
        <v>602.24427799651266</v>
      </c>
      <c r="M6045" s="236">
        <f t="shared" si="1416"/>
        <v>55.201729897494118</v>
      </c>
      <c r="N6045" s="236">
        <f t="shared" si="1417"/>
        <v>0.30260256889142467</v>
      </c>
      <c r="O6045" s="236">
        <f t="shared" si="1421"/>
        <v>1.8647707445206649</v>
      </c>
      <c r="P6045" s="236" t="str">
        <f t="shared" si="1422"/>
        <v>SAND</v>
      </c>
      <c r="Q6045" s="236" t="e">
        <f t="shared" si="1418"/>
        <v>#N/A</v>
      </c>
      <c r="R6045" s="238">
        <v>35</v>
      </c>
      <c r="S6045" s="236" t="e">
        <f t="shared" si="1423"/>
        <v>#N/A</v>
      </c>
      <c r="T6045" s="236">
        <f t="shared" si="1410"/>
        <v>36.761479565253154</v>
      </c>
    </row>
    <row r="6046" spans="2:20" x14ac:dyDescent="0.2">
      <c r="B6046" s="239">
        <v>60.024000000000001</v>
      </c>
      <c r="C6046" s="3">
        <f t="shared" si="1411"/>
        <v>60.017000000000003</v>
      </c>
      <c r="D6046" s="239">
        <v>33.995199999999997</v>
      </c>
      <c r="E6046" s="239">
        <v>0.1014</v>
      </c>
      <c r="F6046" s="239">
        <v>0.41510000000000002</v>
      </c>
      <c r="G6046">
        <f t="shared" si="1412"/>
        <v>34.078219999999995</v>
      </c>
      <c r="H6046" s="235">
        <f t="shared" si="1413"/>
        <v>0.29755075235737083</v>
      </c>
      <c r="I6046" s="236">
        <f t="shared" si="1414"/>
        <v>20.039974744928223</v>
      </c>
      <c r="J6046" s="237">
        <f t="shared" si="1419"/>
        <v>10.039974744928223</v>
      </c>
      <c r="K6046" s="237">
        <f t="shared" si="1415"/>
        <v>1202.7391642663572</v>
      </c>
      <c r="L6046" s="237">
        <f t="shared" si="1420"/>
        <v>602.63944408957173</v>
      </c>
      <c r="M6046" s="236">
        <f t="shared" si="1416"/>
        <v>54.552487657690186</v>
      </c>
      <c r="N6046" s="236">
        <f t="shared" si="1417"/>
        <v>0.30843655338961434</v>
      </c>
      <c r="O6046" s="236">
        <f t="shared" si="1421"/>
        <v>1.8726579936360961</v>
      </c>
      <c r="P6046" s="236" t="str">
        <f t="shared" si="1422"/>
        <v>SAND</v>
      </c>
      <c r="Q6046" s="236" t="e">
        <f t="shared" si="1418"/>
        <v>#N/A</v>
      </c>
      <c r="R6046" s="238">
        <v>35</v>
      </c>
      <c r="S6046" s="236" t="e">
        <f t="shared" si="1423"/>
        <v>#N/A</v>
      </c>
      <c r="T6046" s="236">
        <f t="shared" si="1410"/>
        <v>36.704960156874023</v>
      </c>
    </row>
    <row r="6047" spans="2:20" x14ac:dyDescent="0.2">
      <c r="B6047" s="239">
        <v>60.031999999999996</v>
      </c>
      <c r="C6047" s="3">
        <f t="shared" si="1411"/>
        <v>60.024999999999999</v>
      </c>
      <c r="D6047" s="239">
        <v>33.0137</v>
      </c>
      <c r="E6047" s="239">
        <v>0.1089</v>
      </c>
      <c r="F6047" s="239">
        <v>0.46739999999999998</v>
      </c>
      <c r="G6047">
        <f t="shared" si="1412"/>
        <v>33.10718</v>
      </c>
      <c r="H6047" s="235">
        <f t="shared" si="1413"/>
        <v>0.32893166980697236</v>
      </c>
      <c r="I6047" s="236">
        <f t="shared" si="1414"/>
        <v>20.112348300755816</v>
      </c>
      <c r="J6047" s="237">
        <f t="shared" si="1419"/>
        <v>10.112348300755816</v>
      </c>
      <c r="K6047" s="237">
        <f t="shared" si="1415"/>
        <v>1207.2437067528679</v>
      </c>
      <c r="L6047" s="237">
        <f t="shared" si="1420"/>
        <v>607.06449319097305</v>
      </c>
      <c r="M6047" s="236">
        <f t="shared" si="1416"/>
        <v>52.547853895338775</v>
      </c>
      <c r="N6047" s="236">
        <f t="shared" si="1417"/>
        <v>0.34137999210692133</v>
      </c>
      <c r="O6047" s="236">
        <f t="shared" si="1421"/>
        <v>1.9047113813015977</v>
      </c>
      <c r="P6047" s="236" t="str">
        <f t="shared" si="1422"/>
        <v>SAND</v>
      </c>
      <c r="Q6047" s="236" t="e">
        <f t="shared" si="1418"/>
        <v>#N/A</v>
      </c>
      <c r="R6047" s="238">
        <v>35</v>
      </c>
      <c r="S6047" s="236" t="e">
        <f t="shared" si="1423"/>
        <v>#N/A</v>
      </c>
      <c r="T6047" s="236">
        <f t="shared" si="1410"/>
        <v>36.526104820964271</v>
      </c>
    </row>
    <row r="6048" spans="2:20" x14ac:dyDescent="0.2">
      <c r="B6048" s="239">
        <v>60.040999999999997</v>
      </c>
      <c r="C6048" s="3">
        <f t="shared" si="1411"/>
        <v>60.033999999999999</v>
      </c>
      <c r="D6048" s="239">
        <v>32.604399999999998</v>
      </c>
      <c r="E6048" s="239">
        <v>0.114</v>
      </c>
      <c r="F6048" s="239">
        <v>0.47199999999999998</v>
      </c>
      <c r="G6048">
        <f t="shared" si="1412"/>
        <v>32.698799999999999</v>
      </c>
      <c r="H6048" s="235">
        <f t="shared" si="1413"/>
        <v>0.34863664721641163</v>
      </c>
      <c r="I6048" s="236">
        <f t="shared" si="1414"/>
        <v>20.161164786451064</v>
      </c>
      <c r="J6048" s="237">
        <f t="shared" si="1419"/>
        <v>10.161164786451064</v>
      </c>
      <c r="K6048" s="237">
        <f t="shared" si="1415"/>
        <v>1210.3553667898032</v>
      </c>
      <c r="L6048" s="237">
        <f t="shared" si="1420"/>
        <v>610.08649494330825</v>
      </c>
      <c r="M6048" s="236">
        <f t="shared" si="1416"/>
        <v>51.613082561573883</v>
      </c>
      <c r="N6048" s="236">
        <f t="shared" si="1417"/>
        <v>0.36203757069590736</v>
      </c>
      <c r="O6048" s="236">
        <f t="shared" si="1421"/>
        <v>1.9220692919782216</v>
      </c>
      <c r="P6048" s="236" t="str">
        <f t="shared" si="1422"/>
        <v>SAND</v>
      </c>
      <c r="Q6048" s="236" t="e">
        <f t="shared" si="1418"/>
        <v>#N/A</v>
      </c>
      <c r="R6048" s="238">
        <v>35</v>
      </c>
      <c r="S6048" s="236" t="e">
        <f t="shared" si="1423"/>
        <v>#N/A</v>
      </c>
      <c r="T6048" s="236">
        <f t="shared" si="1410"/>
        <v>36.440357776150691</v>
      </c>
    </row>
    <row r="6049" spans="2:20" x14ac:dyDescent="0.2">
      <c r="B6049" s="239">
        <v>60.051000000000002</v>
      </c>
      <c r="C6049" s="3">
        <f t="shared" si="1411"/>
        <v>60.044000000000004</v>
      </c>
      <c r="D6049" s="239">
        <v>32.527000000000001</v>
      </c>
      <c r="E6049" s="239">
        <v>0.1113</v>
      </c>
      <c r="F6049" s="239">
        <v>0.4783</v>
      </c>
      <c r="G6049">
        <f t="shared" si="1412"/>
        <v>32.622660000000003</v>
      </c>
      <c r="H6049" s="235">
        <f t="shared" si="1413"/>
        <v>0.34117389569090928</v>
      </c>
      <c r="I6049" s="236">
        <f t="shared" si="1414"/>
        <v>20.132147430934889</v>
      </c>
      <c r="J6049" s="237">
        <f t="shared" si="1419"/>
        <v>10.132147430934889</v>
      </c>
      <c r="K6049" s="237">
        <f t="shared" si="1415"/>
        <v>1208.8146603430546</v>
      </c>
      <c r="L6049" s="237">
        <f t="shared" si="1420"/>
        <v>608.445585375071</v>
      </c>
      <c r="M6049" s="236">
        <f t="shared" si="1416"/>
        <v>51.629670910163902</v>
      </c>
      <c r="N6049" s="236">
        <f t="shared" si="1417"/>
        <v>0.35430237462681619</v>
      </c>
      <c r="O6049" s="236">
        <f t="shared" si="1421"/>
        <v>1.9181603476112838</v>
      </c>
      <c r="P6049" s="236" t="str">
        <f t="shared" si="1422"/>
        <v>SAND</v>
      </c>
      <c r="Q6049" s="236" t="e">
        <f t="shared" si="1418"/>
        <v>#N/A</v>
      </c>
      <c r="R6049" s="238">
        <v>35</v>
      </c>
      <c r="S6049" s="236" t="e">
        <f t="shared" si="1423"/>
        <v>#N/A</v>
      </c>
      <c r="T6049" s="236">
        <f t="shared" si="1410"/>
        <v>36.441892925279106</v>
      </c>
    </row>
    <row r="6050" spans="2:20" x14ac:dyDescent="0.2">
      <c r="B6050" s="239">
        <v>60.06</v>
      </c>
      <c r="C6050" s="3">
        <f t="shared" si="1411"/>
        <v>60.053000000000004</v>
      </c>
      <c r="D6050" s="239">
        <v>31.9404</v>
      </c>
      <c r="E6050" s="239">
        <v>0.111</v>
      </c>
      <c r="F6050" s="239">
        <v>0.47939999999999999</v>
      </c>
      <c r="G6050">
        <f t="shared" si="1412"/>
        <v>32.036279999999998</v>
      </c>
      <c r="H6050" s="235">
        <f t="shared" si="1413"/>
        <v>0.34648217583314922</v>
      </c>
      <c r="I6050" s="236">
        <f t="shared" si="1414"/>
        <v>20.121892969809238</v>
      </c>
      <c r="J6050" s="237">
        <f t="shared" si="1419"/>
        <v>10.121892969809238</v>
      </c>
      <c r="K6050" s="237">
        <f t="shared" si="1415"/>
        <v>1208.3800385159543</v>
      </c>
      <c r="L6050" s="237">
        <f t="shared" si="1420"/>
        <v>607.9208917667429</v>
      </c>
      <c r="M6050" s="236">
        <f t="shared" si="1416"/>
        <v>50.710380871912193</v>
      </c>
      <c r="N6050" s="236">
        <f t="shared" si="1417"/>
        <v>0.36006344946844215</v>
      </c>
      <c r="O6050" s="236">
        <f t="shared" si="1421"/>
        <v>1.9281201881685599</v>
      </c>
      <c r="P6050" s="236" t="str">
        <f t="shared" si="1422"/>
        <v>SAND</v>
      </c>
      <c r="Q6050" s="236" t="e">
        <f t="shared" si="1418"/>
        <v>#N/A</v>
      </c>
      <c r="R6050" s="238">
        <v>35</v>
      </c>
      <c r="S6050" s="236" t="e">
        <f t="shared" si="1423"/>
        <v>#N/A</v>
      </c>
      <c r="T6050" s="236">
        <f t="shared" si="1410"/>
        <v>36.356065596709598</v>
      </c>
    </row>
    <row r="6051" spans="2:20" x14ac:dyDescent="0.2">
      <c r="B6051" s="239">
        <v>60.07</v>
      </c>
      <c r="C6051" s="3">
        <f t="shared" si="1411"/>
        <v>60.063000000000002</v>
      </c>
      <c r="D6051" s="239">
        <v>31.552</v>
      </c>
      <c r="E6051" s="239">
        <v>0.1041</v>
      </c>
      <c r="F6051" s="239">
        <v>0.4899</v>
      </c>
      <c r="G6051">
        <f t="shared" si="1412"/>
        <v>31.649979999999999</v>
      </c>
      <c r="H6051" s="235">
        <f t="shared" si="1413"/>
        <v>0.32891016044875859</v>
      </c>
      <c r="I6051" s="236">
        <f t="shared" si="1414"/>
        <v>20.041896119986767</v>
      </c>
      <c r="J6051" s="237">
        <f t="shared" si="1419"/>
        <v>10.041896119986767</v>
      </c>
      <c r="K6051" s="237">
        <f t="shared" si="1415"/>
        <v>1203.7764066547652</v>
      </c>
      <c r="L6051" s="237">
        <f t="shared" si="1420"/>
        <v>603.21669992760508</v>
      </c>
      <c r="M6051" s="236">
        <f t="shared" si="1416"/>
        <v>50.473078077910024</v>
      </c>
      <c r="N6051" s="236">
        <f t="shared" si="1417"/>
        <v>0.34191454997283671</v>
      </c>
      <c r="O6051" s="236">
        <f t="shared" si="1421"/>
        <v>1.9210594534951819</v>
      </c>
      <c r="P6051" s="236" t="str">
        <f t="shared" si="1422"/>
        <v>SAND</v>
      </c>
      <c r="Q6051" s="236" t="e">
        <f t="shared" si="1418"/>
        <v>#N/A</v>
      </c>
      <c r="R6051" s="238">
        <v>35</v>
      </c>
      <c r="S6051" s="236" t="e">
        <f t="shared" si="1423"/>
        <v>#N/A</v>
      </c>
      <c r="T6051" s="236">
        <f t="shared" si="1410"/>
        <v>36.33365769873933</v>
      </c>
    </row>
    <row r="6052" spans="2:20" x14ac:dyDescent="0.2">
      <c r="B6052" s="239">
        <v>60.08</v>
      </c>
      <c r="C6052" s="3">
        <f t="shared" si="1411"/>
        <v>60.073</v>
      </c>
      <c r="D6052" s="239">
        <v>31.1935</v>
      </c>
      <c r="E6052" s="239">
        <v>0.1047</v>
      </c>
      <c r="F6052" s="239">
        <v>0.46600000000000003</v>
      </c>
      <c r="G6052">
        <f t="shared" si="1412"/>
        <v>31.2867</v>
      </c>
      <c r="H6052" s="235">
        <f t="shared" si="1413"/>
        <v>0.33464699057426961</v>
      </c>
      <c r="I6052" s="236">
        <f t="shared" si="1414"/>
        <v>20.044122876990357</v>
      </c>
      <c r="J6052" s="237">
        <f t="shared" si="1419"/>
        <v>10.044122876990357</v>
      </c>
      <c r="K6052" s="237">
        <f t="shared" si="1415"/>
        <v>1204.1105935894418</v>
      </c>
      <c r="L6052" s="237">
        <f t="shared" si="1420"/>
        <v>603.45090244958067</v>
      </c>
      <c r="M6052" s="236">
        <f t="shared" si="1416"/>
        <v>49.8509311764995</v>
      </c>
      <c r="N6052" s="236">
        <f t="shared" si="1417"/>
        <v>0.34804184767980301</v>
      </c>
      <c r="O6052" s="236">
        <f t="shared" si="1421"/>
        <v>1.9290475653728159</v>
      </c>
      <c r="P6052" s="236" t="str">
        <f t="shared" si="1422"/>
        <v>SAND</v>
      </c>
      <c r="Q6052" s="236" t="e">
        <f t="shared" si="1418"/>
        <v>#N/A</v>
      </c>
      <c r="R6052" s="238">
        <v>35</v>
      </c>
      <c r="S6052" s="236" t="e">
        <f t="shared" si="1423"/>
        <v>#N/A</v>
      </c>
      <c r="T6052" s="236">
        <f t="shared" si="1410"/>
        <v>36.274406025060678</v>
      </c>
    </row>
    <row r="6053" spans="2:20" x14ac:dyDescent="0.2">
      <c r="B6053" s="239">
        <v>60.087000000000003</v>
      </c>
      <c r="C6053" s="3">
        <f t="shared" si="1411"/>
        <v>60.080000000000005</v>
      </c>
      <c r="D6053" s="239">
        <v>30.965499999999999</v>
      </c>
      <c r="E6053" s="239">
        <v>0.1071</v>
      </c>
      <c r="F6053" s="239">
        <v>0.47760000000000002</v>
      </c>
      <c r="G6053">
        <f t="shared" si="1412"/>
        <v>31.061019999999999</v>
      </c>
      <c r="H6053" s="235">
        <f t="shared" si="1413"/>
        <v>0.3448051609380503</v>
      </c>
      <c r="I6053" s="236">
        <f t="shared" si="1414"/>
        <v>20.067868767547857</v>
      </c>
      <c r="J6053" s="237">
        <f t="shared" si="1419"/>
        <v>10.067868767547857</v>
      </c>
      <c r="K6053" s="237">
        <f t="shared" si="1415"/>
        <v>1205.6775555542754</v>
      </c>
      <c r="L6053" s="237">
        <f t="shared" si="1420"/>
        <v>604.94803063564814</v>
      </c>
      <c r="M6053" s="236">
        <f t="shared" si="1416"/>
        <v>49.351912780136296</v>
      </c>
      <c r="N6053" s="236">
        <f t="shared" si="1417"/>
        <v>0.35872976570035903</v>
      </c>
      <c r="O6053" s="236">
        <f t="shared" si="1421"/>
        <v>1.9382758468795003</v>
      </c>
      <c r="P6053" s="236" t="str">
        <f t="shared" si="1422"/>
        <v>SAND</v>
      </c>
      <c r="Q6053" s="236" t="e">
        <f t="shared" si="1418"/>
        <v>#N/A</v>
      </c>
      <c r="R6053" s="238">
        <v>35</v>
      </c>
      <c r="S6053" s="236" t="e">
        <f t="shared" si="1423"/>
        <v>#N/A</v>
      </c>
      <c r="T6053" s="236">
        <f t="shared" si="1410"/>
        <v>36.226343886765505</v>
      </c>
    </row>
    <row r="6054" spans="2:20" x14ac:dyDescent="0.2">
      <c r="B6054" s="239">
        <v>60.094999999999999</v>
      </c>
      <c r="C6054" s="3">
        <f t="shared" si="1411"/>
        <v>60.088000000000001</v>
      </c>
      <c r="D6054" s="239">
        <v>30.1784</v>
      </c>
      <c r="E6054" s="239">
        <v>0.1109</v>
      </c>
      <c r="F6054" s="239">
        <v>0.48099999999999998</v>
      </c>
      <c r="G6054">
        <f t="shared" si="1412"/>
        <v>30.2746</v>
      </c>
      <c r="H6054" s="235">
        <f t="shared" si="1413"/>
        <v>0.36631367549034505</v>
      </c>
      <c r="I6054" s="236">
        <f t="shared" si="1414"/>
        <v>20.098728801389356</v>
      </c>
      <c r="J6054" s="237">
        <f t="shared" si="1419"/>
        <v>10.098728801389356</v>
      </c>
      <c r="K6054" s="237">
        <f t="shared" si="1415"/>
        <v>1207.6924162178836</v>
      </c>
      <c r="L6054" s="237">
        <f t="shared" si="1420"/>
        <v>606.88310731949332</v>
      </c>
      <c r="M6054" s="236">
        <f t="shared" si="1416"/>
        <v>47.895397372594616</v>
      </c>
      <c r="N6054" s="236">
        <f t="shared" si="1417"/>
        <v>0.38153353493261416</v>
      </c>
      <c r="O6054" s="236">
        <f t="shared" si="1421"/>
        <v>1.960995422318238</v>
      </c>
      <c r="P6054" s="236" t="str">
        <f t="shared" si="1422"/>
        <v>SAND</v>
      </c>
      <c r="Q6054" s="236" t="e">
        <f t="shared" si="1418"/>
        <v>#N/A</v>
      </c>
      <c r="R6054" s="238">
        <v>35</v>
      </c>
      <c r="S6054" s="236" t="e">
        <f t="shared" si="1423"/>
        <v>#N/A</v>
      </c>
      <c r="T6054" s="236">
        <f t="shared" si="1410"/>
        <v>36.083231588917542</v>
      </c>
    </row>
    <row r="6055" spans="2:20" x14ac:dyDescent="0.2">
      <c r="B6055" s="239">
        <v>60.104999999999997</v>
      </c>
      <c r="C6055" s="3">
        <f t="shared" si="1411"/>
        <v>60.097999999999999</v>
      </c>
      <c r="D6055" s="239">
        <v>30.069400000000002</v>
      </c>
      <c r="E6055" s="239">
        <v>0.11070000000000001</v>
      </c>
      <c r="F6055" s="239">
        <v>0.47360000000000002</v>
      </c>
      <c r="G6055">
        <f t="shared" si="1412"/>
        <v>30.16412</v>
      </c>
      <c r="H6055" s="235">
        <f t="shared" si="1413"/>
        <v>0.36699230741689137</v>
      </c>
      <c r="I6055" s="236">
        <f t="shared" si="1414"/>
        <v>20.0951832246162</v>
      </c>
      <c r="J6055" s="237">
        <f t="shared" si="1419"/>
        <v>10.0951832246162</v>
      </c>
      <c r="K6055" s="237">
        <f t="shared" si="1415"/>
        <v>1207.6803214329843</v>
      </c>
      <c r="L6055" s="237">
        <f t="shared" si="1420"/>
        <v>606.77098771555666</v>
      </c>
      <c r="M6055" s="236">
        <f t="shared" si="1416"/>
        <v>47.722188873244669</v>
      </c>
      <c r="N6055" s="236">
        <f t="shared" si="1417"/>
        <v>0.38229838070160937</v>
      </c>
      <c r="O6055" s="236">
        <f t="shared" si="1421"/>
        <v>1.9627869143456707</v>
      </c>
      <c r="P6055" s="236" t="str">
        <f t="shared" si="1422"/>
        <v>SAND</v>
      </c>
      <c r="Q6055" s="236" t="e">
        <f t="shared" si="1418"/>
        <v>#N/A</v>
      </c>
      <c r="R6055" s="238">
        <v>35</v>
      </c>
      <c r="S6055" s="236" t="e">
        <f t="shared" si="1423"/>
        <v>#N/A</v>
      </c>
      <c r="T6055" s="236">
        <f t="shared" si="1410"/>
        <v>36.065923907602368</v>
      </c>
    </row>
    <row r="6056" spans="2:20" x14ac:dyDescent="0.2">
      <c r="B6056" s="239">
        <v>60.115000000000002</v>
      </c>
      <c r="C6056" s="3">
        <f t="shared" si="1411"/>
        <v>60.108000000000004</v>
      </c>
      <c r="D6056" s="239">
        <v>30.8506</v>
      </c>
      <c r="E6056" s="239">
        <v>0.1053</v>
      </c>
      <c r="F6056" s="239">
        <v>0.47470000000000001</v>
      </c>
      <c r="G6056">
        <f t="shared" si="1412"/>
        <v>30.945540000000001</v>
      </c>
      <c r="H6056" s="235">
        <f t="shared" si="1413"/>
        <v>0.34027520605554146</v>
      </c>
      <c r="I6056" s="236">
        <f t="shared" si="1414"/>
        <v>20.046537915567729</v>
      </c>
      <c r="J6056" s="237">
        <f t="shared" si="1419"/>
        <v>10.046537915567729</v>
      </c>
      <c r="K6056" s="237">
        <f t="shared" si="1415"/>
        <v>1204.957301028945</v>
      </c>
      <c r="L6056" s="237">
        <f t="shared" si="1420"/>
        <v>603.94762679435405</v>
      </c>
      <c r="M6056" s="236">
        <f t="shared" si="1416"/>
        <v>49.243645275714961</v>
      </c>
      <c r="N6056" s="236">
        <f t="shared" si="1417"/>
        <v>0.35406165731797551</v>
      </c>
      <c r="O6056" s="236">
        <f t="shared" si="1421"/>
        <v>1.9368844010830988</v>
      </c>
      <c r="P6056" s="236" t="str">
        <f t="shared" si="1422"/>
        <v>SAND</v>
      </c>
      <c r="Q6056" s="236" t="e">
        <f t="shared" si="1418"/>
        <v>#N/A</v>
      </c>
      <c r="R6056" s="238">
        <v>35</v>
      </c>
      <c r="S6056" s="236" t="e">
        <f t="shared" si="1423"/>
        <v>#N/A</v>
      </c>
      <c r="T6056" s="236">
        <f t="shared" si="1410"/>
        <v>36.215852136523893</v>
      </c>
    </row>
    <row r="6057" spans="2:20" x14ac:dyDescent="0.2">
      <c r="B6057" s="239">
        <v>60.116999999999997</v>
      </c>
      <c r="C6057" s="3">
        <f t="shared" si="1411"/>
        <v>60.11</v>
      </c>
      <c r="D6057" s="239">
        <v>30.994499999999999</v>
      </c>
      <c r="E6057" s="239">
        <v>0.10639999999999999</v>
      </c>
      <c r="F6057" s="239">
        <v>0.44590000000000002</v>
      </c>
      <c r="G6057">
        <f t="shared" si="1412"/>
        <v>31.083679999999998</v>
      </c>
      <c r="H6057" s="235">
        <f t="shared" si="1413"/>
        <v>0.34230181239801721</v>
      </c>
      <c r="I6057" s="236">
        <f t="shared" si="1414"/>
        <v>20.060464636277931</v>
      </c>
      <c r="J6057" s="237">
        <f t="shared" si="1419"/>
        <v>10.060464636277931</v>
      </c>
      <c r="K6057" s="237">
        <f t="shared" si="1415"/>
        <v>1205.8345292866663</v>
      </c>
      <c r="L6057" s="237">
        <f t="shared" si="1420"/>
        <v>604.80495253912034</v>
      </c>
      <c r="M6057" s="236">
        <f t="shared" si="1416"/>
        <v>49.400794992300852</v>
      </c>
      <c r="N6057" s="236">
        <f t="shared" si="1417"/>
        <v>0.35611670896515851</v>
      </c>
      <c r="O6057" s="236">
        <f t="shared" si="1421"/>
        <v>1.9366145407986464</v>
      </c>
      <c r="P6057" s="236" t="str">
        <f t="shared" si="1422"/>
        <v>SAND</v>
      </c>
      <c r="Q6057" s="236" t="e">
        <f t="shared" si="1418"/>
        <v>#N/A</v>
      </c>
      <c r="R6057" s="238">
        <v>35</v>
      </c>
      <c r="S6057" s="236" t="e">
        <f t="shared" si="1423"/>
        <v>#N/A</v>
      </c>
      <c r="T6057" s="236">
        <f t="shared" si="1410"/>
        <v>36.231073317469921</v>
      </c>
    </row>
    <row r="6058" spans="2:20" x14ac:dyDescent="0.2">
      <c r="B6058" s="239">
        <v>60.134</v>
      </c>
      <c r="C6058" s="3">
        <f t="shared" si="1411"/>
        <v>60.127000000000002</v>
      </c>
      <c r="D6058" s="239">
        <v>30.304099999999998</v>
      </c>
      <c r="E6058" s="239">
        <v>0.11070000000000001</v>
      </c>
      <c r="F6058" s="239">
        <v>0.4592</v>
      </c>
      <c r="G6058">
        <f t="shared" si="1412"/>
        <v>30.39594</v>
      </c>
      <c r="H6058" s="235">
        <f t="shared" si="1413"/>
        <v>0.36419337582585043</v>
      </c>
      <c r="I6058" s="236">
        <f t="shared" si="1414"/>
        <v>20.098175651462967</v>
      </c>
      <c r="J6058" s="237">
        <f t="shared" si="1419"/>
        <v>10.098175651462967</v>
      </c>
      <c r="K6058" s="237">
        <f t="shared" si="1415"/>
        <v>1208.4430073955139</v>
      </c>
      <c r="L6058" s="237">
        <f t="shared" si="1420"/>
        <v>607.243694625074</v>
      </c>
      <c r="M6058" s="236">
        <f t="shared" si="1416"/>
        <v>48.065541480221555</v>
      </c>
      <c r="N6058" s="236">
        <f t="shared" si="1417"/>
        <v>0.37927198768722487</v>
      </c>
      <c r="O6058" s="236">
        <f t="shared" si="1421"/>
        <v>1.9585353067695181</v>
      </c>
      <c r="P6058" s="236" t="str">
        <f t="shared" si="1422"/>
        <v>SAND</v>
      </c>
      <c r="Q6058" s="236" t="e">
        <f t="shared" si="1418"/>
        <v>#N/A</v>
      </c>
      <c r="R6058" s="238">
        <v>35</v>
      </c>
      <c r="S6058" s="236" t="e">
        <f t="shared" si="1423"/>
        <v>#N/A</v>
      </c>
      <c r="T6058" s="236">
        <f t="shared" si="1410"/>
        <v>36.100172231209228</v>
      </c>
    </row>
    <row r="6059" spans="2:20" x14ac:dyDescent="0.2">
      <c r="B6059" s="239">
        <v>60.145000000000003</v>
      </c>
      <c r="C6059" s="3">
        <f t="shared" si="1411"/>
        <v>60.138000000000005</v>
      </c>
      <c r="D6059" s="239">
        <v>30.401700000000002</v>
      </c>
      <c r="E6059" s="239">
        <v>0.1142</v>
      </c>
      <c r="F6059" s="239">
        <v>0.31580000000000003</v>
      </c>
      <c r="G6059">
        <f t="shared" si="1412"/>
        <v>30.464860000000002</v>
      </c>
      <c r="H6059" s="235">
        <f t="shared" si="1413"/>
        <v>0.37485811521864859</v>
      </c>
      <c r="I6059" s="236">
        <f t="shared" si="1414"/>
        <v>20.135560802953549</v>
      </c>
      <c r="J6059" s="237">
        <f t="shared" si="1419"/>
        <v>10.135560802953549</v>
      </c>
      <c r="K6059" s="237">
        <f t="shared" si="1415"/>
        <v>1210.9123555680205</v>
      </c>
      <c r="L6059" s="237">
        <f t="shared" si="1420"/>
        <v>609.60330449364119</v>
      </c>
      <c r="M6059" s="236">
        <f t="shared" si="1416"/>
        <v>47.988499125232565</v>
      </c>
      <c r="N6059" s="236">
        <f t="shared" si="1417"/>
        <v>0.39037466460269726</v>
      </c>
      <c r="O6059" s="236">
        <f t="shared" si="1421"/>
        <v>1.9643148068918481</v>
      </c>
      <c r="P6059" s="236" t="str">
        <f t="shared" si="1422"/>
        <v>SAND</v>
      </c>
      <c r="Q6059" s="236" t="e">
        <f t="shared" si="1418"/>
        <v>#N/A</v>
      </c>
      <c r="R6059" s="238">
        <v>35</v>
      </c>
      <c r="S6059" s="236" t="e">
        <f t="shared" si="1423"/>
        <v>#N/A</v>
      </c>
      <c r="T6059" s="236">
        <f t="shared" si="1410"/>
        <v>36.092508840003717</v>
      </c>
    </row>
    <row r="6060" spans="2:20" x14ac:dyDescent="0.2">
      <c r="B6060" s="239">
        <v>60.154000000000003</v>
      </c>
      <c r="C6060" s="3">
        <f t="shared" si="1411"/>
        <v>60.147000000000006</v>
      </c>
      <c r="D6060" s="239">
        <v>29.879100000000001</v>
      </c>
      <c r="E6060" s="239">
        <v>0.1176</v>
      </c>
      <c r="F6060" s="239">
        <v>0.25380000000000003</v>
      </c>
      <c r="G6060">
        <f t="shared" si="1412"/>
        <v>29.929860000000001</v>
      </c>
      <c r="H6060" s="235">
        <f t="shared" si="1413"/>
        <v>0.39291864378917907</v>
      </c>
      <c r="I6060" s="236">
        <f t="shared" si="1414"/>
        <v>20.16303703992984</v>
      </c>
      <c r="J6060" s="237">
        <f t="shared" si="1419"/>
        <v>10.16303703992984</v>
      </c>
      <c r="K6060" s="237">
        <f t="shared" si="1415"/>
        <v>1212.7461888406601</v>
      </c>
      <c r="L6060" s="237">
        <f t="shared" si="1420"/>
        <v>611.34733009993965</v>
      </c>
      <c r="M6060" s="236">
        <f t="shared" si="1416"/>
        <v>46.973483643847473</v>
      </c>
      <c r="N6060" s="236">
        <f t="shared" si="1417"/>
        <v>0.4095119055951269</v>
      </c>
      <c r="O6060" s="236">
        <f t="shared" si="1421"/>
        <v>1.9814139000950153</v>
      </c>
      <c r="P6060" s="236" t="str">
        <f t="shared" si="1422"/>
        <v>SAND</v>
      </c>
      <c r="Q6060" s="236" t="e">
        <f t="shared" si="1418"/>
        <v>#N/A</v>
      </c>
      <c r="R6060" s="238">
        <v>35</v>
      </c>
      <c r="S6060" s="236" t="e">
        <f t="shared" si="1423"/>
        <v>#N/A</v>
      </c>
      <c r="T6060" s="236">
        <f t="shared" si="1410"/>
        <v>35.990380464403955</v>
      </c>
    </row>
    <row r="6061" spans="2:20" x14ac:dyDescent="0.2">
      <c r="B6061" s="239">
        <v>60.164999999999999</v>
      </c>
      <c r="C6061" s="3">
        <f t="shared" si="1411"/>
        <v>60.158000000000001</v>
      </c>
      <c r="D6061" s="239">
        <v>29.194099999999999</v>
      </c>
      <c r="E6061" s="239">
        <v>0.1173</v>
      </c>
      <c r="F6061" s="239">
        <v>0.24940000000000001</v>
      </c>
      <c r="G6061">
        <f t="shared" si="1412"/>
        <v>29.243980000000001</v>
      </c>
      <c r="H6061" s="235">
        <f t="shared" si="1413"/>
        <v>0.40110819389152913</v>
      </c>
      <c r="I6061" s="236">
        <f t="shared" si="1414"/>
        <v>20.15098051749046</v>
      </c>
      <c r="J6061" s="237">
        <f t="shared" si="1419"/>
        <v>10.15098051749046</v>
      </c>
      <c r="K6061" s="237">
        <f t="shared" si="1415"/>
        <v>1212.2426859711911</v>
      </c>
      <c r="L6061" s="237">
        <f t="shared" si="1420"/>
        <v>610.73374283481348</v>
      </c>
      <c r="M6061" s="236">
        <f t="shared" si="1416"/>
        <v>45.898458441014306</v>
      </c>
      <c r="N6061" s="236">
        <f t="shared" si="1417"/>
        <v>0.41845426377228445</v>
      </c>
      <c r="O6061" s="236">
        <f t="shared" si="1421"/>
        <v>1.9944837589451287</v>
      </c>
      <c r="P6061" s="236" t="str">
        <f t="shared" si="1422"/>
        <v>SAND</v>
      </c>
      <c r="Q6061" s="236" t="e">
        <f t="shared" si="1418"/>
        <v>#N/A</v>
      </c>
      <c r="R6061" s="238">
        <v>35</v>
      </c>
      <c r="S6061" s="236" t="e">
        <f t="shared" si="1423"/>
        <v>#N/A</v>
      </c>
      <c r="T6061" s="236">
        <f t="shared" si="1410"/>
        <v>35.879779093854509</v>
      </c>
    </row>
    <row r="6062" spans="2:20" x14ac:dyDescent="0.2">
      <c r="B6062" s="239">
        <v>60.174999999999997</v>
      </c>
      <c r="C6062" s="3">
        <f t="shared" si="1411"/>
        <v>60.167999999999999</v>
      </c>
      <c r="D6062" s="239">
        <v>28.5915</v>
      </c>
      <c r="E6062" s="239">
        <v>0.1197</v>
      </c>
      <c r="F6062" s="239">
        <v>0.24840000000000001</v>
      </c>
      <c r="G6062">
        <f t="shared" si="1412"/>
        <v>28.641179999999999</v>
      </c>
      <c r="H6062" s="235">
        <f t="shared" si="1413"/>
        <v>0.41792970820336317</v>
      </c>
      <c r="I6062" s="236">
        <f t="shared" si="1414"/>
        <v>20.166589076496393</v>
      </c>
      <c r="J6062" s="237">
        <f t="shared" si="1419"/>
        <v>10.166589076496393</v>
      </c>
      <c r="K6062" s="237">
        <f t="shared" si="1415"/>
        <v>1213.3833315546349</v>
      </c>
      <c r="L6062" s="237">
        <f t="shared" si="1420"/>
        <v>611.77449767817041</v>
      </c>
      <c r="M6062" s="236">
        <f t="shared" si="1416"/>
        <v>44.833180808517469</v>
      </c>
      <c r="N6062" s="236">
        <f t="shared" si="1417"/>
        <v>0.43641857728116495</v>
      </c>
      <c r="O6062" s="236">
        <f t="shared" si="1421"/>
        <v>2.011470544741043</v>
      </c>
      <c r="P6062" s="236" t="str">
        <f t="shared" si="1422"/>
        <v>SAND</v>
      </c>
      <c r="Q6062" s="236" t="e">
        <f t="shared" si="1418"/>
        <v>#N/A</v>
      </c>
      <c r="R6062" s="238">
        <v>35</v>
      </c>
      <c r="S6062" s="236" t="e">
        <f t="shared" si="1423"/>
        <v>#N/A</v>
      </c>
      <c r="T6062" s="236">
        <f t="shared" si="1410"/>
        <v>35.767595073417169</v>
      </c>
    </row>
    <row r="6063" spans="2:20" x14ac:dyDescent="0.2">
      <c r="B6063" s="239">
        <v>60.186</v>
      </c>
      <c r="C6063" s="3">
        <f t="shared" si="1411"/>
        <v>60.179000000000002</v>
      </c>
      <c r="D6063" s="239">
        <v>27.7745</v>
      </c>
      <c r="E6063" s="239">
        <v>0.1177</v>
      </c>
      <c r="F6063" s="239">
        <v>0.2034</v>
      </c>
      <c r="G6063">
        <f t="shared" si="1412"/>
        <v>27.815179999999998</v>
      </c>
      <c r="H6063" s="235">
        <f t="shared" si="1413"/>
        <v>0.42315023666932955</v>
      </c>
      <c r="I6063" s="236">
        <f t="shared" si="1414"/>
        <v>20.135393191316737</v>
      </c>
      <c r="J6063" s="237">
        <f t="shared" si="1419"/>
        <v>10.135393191316737</v>
      </c>
      <c r="K6063" s="237">
        <f t="shared" si="1415"/>
        <v>1211.7278268602499</v>
      </c>
      <c r="L6063" s="237">
        <f t="shared" si="1420"/>
        <v>610.00877461258915</v>
      </c>
      <c r="M6063" s="236">
        <f t="shared" si="1416"/>
        <v>43.611589341539144</v>
      </c>
      <c r="N6063" s="236">
        <f t="shared" si="1417"/>
        <v>0.44242378483058736</v>
      </c>
      <c r="O6063" s="236">
        <f t="shared" si="1421"/>
        <v>2.0248539215679147</v>
      </c>
      <c r="P6063" s="236" t="str">
        <f t="shared" si="1422"/>
        <v>SAND</v>
      </c>
      <c r="Q6063" s="236" t="e">
        <f t="shared" si="1418"/>
        <v>#N/A</v>
      </c>
      <c r="R6063" s="238">
        <v>35</v>
      </c>
      <c r="S6063" s="236" t="e">
        <f t="shared" si="1423"/>
        <v>#N/A</v>
      </c>
      <c r="T6063" s="236">
        <f t="shared" si="1410"/>
        <v>35.635621053992686</v>
      </c>
    </row>
    <row r="6064" spans="2:20" x14ac:dyDescent="0.2">
      <c r="B6064" s="239">
        <v>60.195999999999998</v>
      </c>
      <c r="C6064" s="3">
        <f t="shared" si="1411"/>
        <v>60.189</v>
      </c>
      <c r="D6064" s="239">
        <v>26.9969</v>
      </c>
      <c r="E6064" s="239">
        <v>0.1149</v>
      </c>
      <c r="F6064" s="239">
        <v>0.21360000000000001</v>
      </c>
      <c r="G6064">
        <f t="shared" si="1412"/>
        <v>27.039619999999999</v>
      </c>
      <c r="H6064" s="235">
        <f t="shared" si="1413"/>
        <v>0.42493200718057428</v>
      </c>
      <c r="I6064" s="236">
        <f t="shared" si="1414"/>
        <v>20.096107657419129</v>
      </c>
      <c r="J6064" s="237">
        <f t="shared" si="1419"/>
        <v>10.096107657419129</v>
      </c>
      <c r="K6064" s="237">
        <f t="shared" si="1415"/>
        <v>1209.5646237924</v>
      </c>
      <c r="L6064" s="237">
        <f t="shared" si="1420"/>
        <v>607.7452965460019</v>
      </c>
      <c r="M6064" s="236">
        <f t="shared" si="1416"/>
        <v>42.501448424212448</v>
      </c>
      <c r="N6064" s="236">
        <f t="shared" si="1417"/>
        <v>0.44483063751321222</v>
      </c>
      <c r="O6064" s="236">
        <f t="shared" si="1421"/>
        <v>2.0359859628636943</v>
      </c>
      <c r="P6064" s="236" t="str">
        <f t="shared" si="1422"/>
        <v>SAND</v>
      </c>
      <c r="Q6064" s="236" t="e">
        <f t="shared" si="1418"/>
        <v>#N/A</v>
      </c>
      <c r="R6064" s="238">
        <v>35</v>
      </c>
      <c r="S6064" s="236" t="e">
        <f t="shared" si="1423"/>
        <v>#N/A</v>
      </c>
      <c r="T6064" s="236">
        <f t="shared" si="1410"/>
        <v>35.512441038816135</v>
      </c>
    </row>
    <row r="6065" spans="2:20" x14ac:dyDescent="0.2">
      <c r="B6065" s="239">
        <v>60.206000000000003</v>
      </c>
      <c r="C6065" s="3">
        <f t="shared" si="1411"/>
        <v>60.199000000000005</v>
      </c>
      <c r="D6065" s="239">
        <v>26.294</v>
      </c>
      <c r="E6065" s="239">
        <v>0.107</v>
      </c>
      <c r="F6065" s="239">
        <v>0.27410000000000001</v>
      </c>
      <c r="G6065">
        <f t="shared" si="1412"/>
        <v>26.34882</v>
      </c>
      <c r="H6065" s="235">
        <f t="shared" si="1413"/>
        <v>0.40609029170945798</v>
      </c>
      <c r="I6065" s="236">
        <f t="shared" si="1414"/>
        <v>20.00246430770094</v>
      </c>
      <c r="J6065" s="237">
        <f t="shared" si="1419"/>
        <v>10.00246430770094</v>
      </c>
      <c r="K6065" s="237">
        <f t="shared" si="1415"/>
        <v>1204.128348859289</v>
      </c>
      <c r="L6065" s="237">
        <f t="shared" si="1420"/>
        <v>602.20836610944286</v>
      </c>
      <c r="M6065" s="236">
        <f t="shared" si="1416"/>
        <v>41.754138710472546</v>
      </c>
      <c r="N6065" s="236">
        <f t="shared" si="1417"/>
        <v>0.42553713318312197</v>
      </c>
      <c r="O6065" s="236">
        <f t="shared" si="1421"/>
        <v>2.0348481630094684</v>
      </c>
      <c r="P6065" s="236" t="str">
        <f t="shared" si="1422"/>
        <v>SAND</v>
      </c>
      <c r="Q6065" s="236" t="e">
        <f t="shared" si="1418"/>
        <v>#N/A</v>
      </c>
      <c r="R6065" s="238">
        <v>35</v>
      </c>
      <c r="S6065" s="236" t="e">
        <f t="shared" si="1423"/>
        <v>#N/A</v>
      </c>
      <c r="T6065" s="236">
        <f t="shared" si="1410"/>
        <v>35.427694826049404</v>
      </c>
    </row>
    <row r="6066" spans="2:20" x14ac:dyDescent="0.2">
      <c r="B6066" s="239">
        <v>60.216000000000001</v>
      </c>
      <c r="C6066" s="3">
        <f t="shared" si="1411"/>
        <v>60.209000000000003</v>
      </c>
      <c r="D6066" s="239">
        <v>25.690300000000001</v>
      </c>
      <c r="E6066" s="239">
        <v>0.10050000000000001</v>
      </c>
      <c r="F6066" s="239">
        <v>0.31</v>
      </c>
      <c r="G6066">
        <f t="shared" si="1412"/>
        <v>25.752300000000002</v>
      </c>
      <c r="H6066" s="235">
        <f t="shared" si="1413"/>
        <v>0.39025640428233593</v>
      </c>
      <c r="I6066" s="236">
        <f t="shared" si="1414"/>
        <v>19.920025841822056</v>
      </c>
      <c r="J6066" s="237">
        <f t="shared" si="1419"/>
        <v>9.9200258418220564</v>
      </c>
      <c r="K6066" s="237">
        <f t="shared" si="1415"/>
        <v>1199.3648359102642</v>
      </c>
      <c r="L6066" s="237">
        <f t="shared" si="1420"/>
        <v>597.34427609115698</v>
      </c>
      <c r="M6066" s="236">
        <f t="shared" si="1416"/>
        <v>41.103491147110063</v>
      </c>
      <c r="N6066" s="236">
        <f t="shared" si="1417"/>
        <v>0.40931969774020244</v>
      </c>
      <c r="O6066" s="236">
        <f t="shared" si="1421"/>
        <v>2.0340881215449746</v>
      </c>
      <c r="P6066" s="236" t="str">
        <f t="shared" si="1422"/>
        <v>SAND</v>
      </c>
      <c r="Q6066" s="236" t="e">
        <f t="shared" si="1418"/>
        <v>#N/A</v>
      </c>
      <c r="R6066" s="238">
        <v>35</v>
      </c>
      <c r="S6066" s="236" t="e">
        <f t="shared" si="1423"/>
        <v>#N/A</v>
      </c>
      <c r="T6066" s="236">
        <f t="shared" si="1410"/>
        <v>35.352665815256714</v>
      </c>
    </row>
    <row r="6067" spans="2:20" x14ac:dyDescent="0.2">
      <c r="B6067" s="239">
        <v>60.226999999999997</v>
      </c>
      <c r="C6067" s="3">
        <f t="shared" si="1411"/>
        <v>60.22</v>
      </c>
      <c r="D6067" s="239">
        <v>25.196999999999999</v>
      </c>
      <c r="E6067" s="239">
        <v>9.1499999999999998E-2</v>
      </c>
      <c r="F6067" s="239">
        <v>0.36499999999999999</v>
      </c>
      <c r="G6067">
        <f t="shared" si="1412"/>
        <v>25.27</v>
      </c>
      <c r="H6067" s="235">
        <f t="shared" si="1413"/>
        <v>0.36208943411159478</v>
      </c>
      <c r="I6067" s="236">
        <f t="shared" si="1414"/>
        <v>19.802624726089817</v>
      </c>
      <c r="J6067" s="237">
        <f t="shared" si="1419"/>
        <v>9.8026247260898174</v>
      </c>
      <c r="K6067" s="237">
        <f t="shared" si="1415"/>
        <v>1192.5140610051287</v>
      </c>
      <c r="L6067" s="237">
        <f t="shared" si="1420"/>
        <v>590.38267937821138</v>
      </c>
      <c r="M6067" s="236">
        <f t="shared" si="1416"/>
        <v>40.782846075960734</v>
      </c>
      <c r="N6067" s="236">
        <f t="shared" si="1417"/>
        <v>0.38002306483257248</v>
      </c>
      <c r="O6067" s="236">
        <f t="shared" si="1421"/>
        <v>2.0242331341983046</v>
      </c>
      <c r="P6067" s="236" t="str">
        <f t="shared" si="1422"/>
        <v>SAND</v>
      </c>
      <c r="Q6067" s="236" t="e">
        <f t="shared" si="1418"/>
        <v>#N/A</v>
      </c>
      <c r="R6067" s="238">
        <v>35</v>
      </c>
      <c r="S6067" s="236" t="e">
        <f t="shared" si="1423"/>
        <v>#N/A</v>
      </c>
      <c r="T6067" s="236">
        <f t="shared" si="1410"/>
        <v>35.315252832418082</v>
      </c>
    </row>
    <row r="6068" spans="2:20" x14ac:dyDescent="0.2">
      <c r="B6068" s="239">
        <v>60.237000000000002</v>
      </c>
      <c r="C6068" s="3">
        <f t="shared" si="1411"/>
        <v>60.230000000000004</v>
      </c>
      <c r="D6068" s="239">
        <v>24.931899999999999</v>
      </c>
      <c r="E6068" s="239">
        <v>8.4500000000000006E-2</v>
      </c>
      <c r="F6068" s="239">
        <v>0.3871</v>
      </c>
      <c r="G6068">
        <f t="shared" si="1412"/>
        <v>25.009319999999999</v>
      </c>
      <c r="H6068" s="235">
        <f t="shared" si="1413"/>
        <v>0.33787404055768011</v>
      </c>
      <c r="I6068" s="236">
        <f t="shared" si="1414"/>
        <v>19.705247863681628</v>
      </c>
      <c r="J6068" s="237">
        <f t="shared" si="1419"/>
        <v>9.7052478636816275</v>
      </c>
      <c r="K6068" s="237">
        <f t="shared" si="1415"/>
        <v>1186.8470788295444</v>
      </c>
      <c r="L6068" s="237">
        <f t="shared" si="1420"/>
        <v>584.61501556459018</v>
      </c>
      <c r="M6068" s="236">
        <f t="shared" si="1416"/>
        <v>40.748992562505386</v>
      </c>
      <c r="N6068" s="236">
        <f t="shared" si="1417"/>
        <v>0.35470708804922974</v>
      </c>
      <c r="O6068" s="236">
        <f t="shared" si="1421"/>
        <v>2.0129244512646989</v>
      </c>
      <c r="P6068" s="236" t="str">
        <f t="shared" si="1422"/>
        <v>SAND</v>
      </c>
      <c r="Q6068" s="236" t="e">
        <f t="shared" si="1418"/>
        <v>#N/A</v>
      </c>
      <c r="R6068" s="238">
        <v>35</v>
      </c>
      <c r="S6068" s="236" t="e">
        <f t="shared" si="1423"/>
        <v>#N/A</v>
      </c>
      <c r="T6068" s="236">
        <f t="shared" si="1410"/>
        <v>35.311285637590913</v>
      </c>
    </row>
    <row r="6069" spans="2:20" x14ac:dyDescent="0.2">
      <c r="B6069" s="239">
        <v>60.247</v>
      </c>
      <c r="C6069" s="3">
        <f t="shared" si="1411"/>
        <v>60.24</v>
      </c>
      <c r="D6069" s="239">
        <v>24.566500000000001</v>
      </c>
      <c r="E6069" s="239">
        <v>7.9100000000000004E-2</v>
      </c>
      <c r="F6069" s="239">
        <v>0.42349999999999999</v>
      </c>
      <c r="G6069">
        <f t="shared" si="1412"/>
        <v>24.651200000000003</v>
      </c>
      <c r="H6069" s="235">
        <f t="shared" si="1413"/>
        <v>0.32087687414811444</v>
      </c>
      <c r="I6069" s="236">
        <f t="shared" si="1414"/>
        <v>19.62217381852739</v>
      </c>
      <c r="J6069" s="237">
        <f t="shared" si="1419"/>
        <v>9.62217381852739</v>
      </c>
      <c r="K6069" s="237">
        <f t="shared" si="1415"/>
        <v>1182.0397508280901</v>
      </c>
      <c r="L6069" s="237">
        <f t="shared" si="1420"/>
        <v>579.70710604481962</v>
      </c>
      <c r="M6069" s="236">
        <f t="shared" si="1416"/>
        <v>40.484513652584781</v>
      </c>
      <c r="N6069" s="236">
        <f t="shared" si="1417"/>
        <v>0.33703804976486523</v>
      </c>
      <c r="O6069" s="236">
        <f t="shared" si="1421"/>
        <v>2.0071662439353313</v>
      </c>
      <c r="P6069" s="236" t="str">
        <f t="shared" si="1422"/>
        <v>SAND</v>
      </c>
      <c r="Q6069" s="236" t="e">
        <f t="shared" si="1418"/>
        <v>#N/A</v>
      </c>
      <c r="R6069" s="238">
        <v>35</v>
      </c>
      <c r="S6069" s="236" t="e">
        <f t="shared" si="1423"/>
        <v>#N/A</v>
      </c>
      <c r="T6069" s="236">
        <f t="shared" si="1410"/>
        <v>35.28017819028274</v>
      </c>
    </row>
    <row r="6070" spans="2:20" x14ac:dyDescent="0.2">
      <c r="B6070" s="239">
        <v>60.258000000000003</v>
      </c>
      <c r="C6070" s="3">
        <f t="shared" si="1411"/>
        <v>60.251000000000005</v>
      </c>
      <c r="D6070" s="239">
        <v>24.302199999999999</v>
      </c>
      <c r="E6070" s="239">
        <v>7.3599999999999999E-2</v>
      </c>
      <c r="F6070" s="239">
        <v>0.44240000000000002</v>
      </c>
      <c r="G6070">
        <f t="shared" si="1412"/>
        <v>24.39068</v>
      </c>
      <c r="H6070" s="235">
        <f t="shared" si="1413"/>
        <v>0.30175460462766923</v>
      </c>
      <c r="I6070" s="236">
        <f t="shared" si="1414"/>
        <v>19.533514670650295</v>
      </c>
      <c r="J6070" s="237">
        <f t="shared" si="1419"/>
        <v>9.5335146706502947</v>
      </c>
      <c r="K6070" s="237">
        <f t="shared" si="1415"/>
        <v>1176.913792421351</v>
      </c>
      <c r="L6070" s="237">
        <f t="shared" si="1420"/>
        <v>574.47052702404551</v>
      </c>
      <c r="M6070" s="236">
        <f t="shared" si="1416"/>
        <v>40.408976815284028</v>
      </c>
      <c r="N6070" s="236">
        <f t="shared" si="1417"/>
        <v>0.31705324910169741</v>
      </c>
      <c r="O6070" s="236">
        <f t="shared" si="1421"/>
        <v>1.9981857897788919</v>
      </c>
      <c r="P6070" s="236" t="str">
        <f t="shared" si="1422"/>
        <v>SAND</v>
      </c>
      <c r="Q6070" s="236" t="e">
        <f t="shared" si="1418"/>
        <v>#N/A</v>
      </c>
      <c r="R6070" s="238">
        <v>35</v>
      </c>
      <c r="S6070" s="236" t="e">
        <f t="shared" si="1423"/>
        <v>#N/A</v>
      </c>
      <c r="T6070" s="236">
        <f t="shared" si="1410"/>
        <v>35.271256393222984</v>
      </c>
    </row>
    <row r="6071" spans="2:20" x14ac:dyDescent="0.2">
      <c r="B6071" s="239">
        <v>60.268000000000001</v>
      </c>
      <c r="C6071" s="3">
        <f t="shared" si="1411"/>
        <v>60.261000000000003</v>
      </c>
      <c r="D6071" s="239">
        <v>24.327400000000001</v>
      </c>
      <c r="E6071" s="239">
        <v>7.2400000000000006E-2</v>
      </c>
      <c r="F6071" s="239">
        <v>0.46</v>
      </c>
      <c r="G6071">
        <f t="shared" si="1412"/>
        <v>24.4194</v>
      </c>
      <c r="H6071" s="235">
        <f t="shared" si="1413"/>
        <v>0.29648558113630968</v>
      </c>
      <c r="I6071" s="236">
        <f t="shared" si="1414"/>
        <v>19.514698673081298</v>
      </c>
      <c r="J6071" s="237">
        <f t="shared" si="1419"/>
        <v>9.5146986730812984</v>
      </c>
      <c r="K6071" s="237">
        <f t="shared" si="1415"/>
        <v>1175.9752567385522</v>
      </c>
      <c r="L6071" s="237">
        <f t="shared" si="1420"/>
        <v>573.43185962926373</v>
      </c>
      <c r="M6071" s="236">
        <f t="shared" si="1416"/>
        <v>40.53389143443971</v>
      </c>
      <c r="N6071" s="236">
        <f t="shared" si="1417"/>
        <v>0.31148593978600186</v>
      </c>
      <c r="O6071" s="236">
        <f t="shared" si="1421"/>
        <v>1.99417027926975</v>
      </c>
      <c r="P6071" s="236" t="str">
        <f t="shared" si="1422"/>
        <v>SAND</v>
      </c>
      <c r="Q6071" s="236" t="e">
        <f t="shared" si="1418"/>
        <v>#N/A</v>
      </c>
      <c r="R6071" s="238">
        <v>35</v>
      </c>
      <c r="S6071" s="236" t="e">
        <f t="shared" si="1423"/>
        <v>#N/A</v>
      </c>
      <c r="T6071" s="236">
        <f t="shared" si="1410"/>
        <v>35.286001299464502</v>
      </c>
    </row>
    <row r="6072" spans="2:20" x14ac:dyDescent="0.2">
      <c r="B6072" s="239">
        <v>60.277000000000001</v>
      </c>
      <c r="C6072" s="3">
        <f t="shared" si="1411"/>
        <v>60.27</v>
      </c>
      <c r="D6072" s="239">
        <v>24.306100000000001</v>
      </c>
      <c r="E6072" s="239">
        <v>7.0300000000000001E-2</v>
      </c>
      <c r="F6072" s="239">
        <v>0.4325</v>
      </c>
      <c r="G6072">
        <f t="shared" si="1412"/>
        <v>24.392600000000002</v>
      </c>
      <c r="H6072" s="235">
        <f t="shared" si="1413"/>
        <v>0.28820215967137575</v>
      </c>
      <c r="I6072" s="236">
        <f t="shared" si="1414"/>
        <v>19.479754716626935</v>
      </c>
      <c r="J6072" s="237">
        <f t="shared" si="1419"/>
        <v>9.4797547166269354</v>
      </c>
      <c r="K6072" s="237">
        <f t="shared" si="1415"/>
        <v>1174.0448167711054</v>
      </c>
      <c r="L6072" s="237">
        <f t="shared" si="1420"/>
        <v>571.41117505412183</v>
      </c>
      <c r="M6072" s="236">
        <f t="shared" si="1416"/>
        <v>40.633708609268496</v>
      </c>
      <c r="N6072" s="236">
        <f t="shared" si="1417"/>
        <v>0.30277508417396581</v>
      </c>
      <c r="O6072" s="236">
        <f t="shared" si="1421"/>
        <v>1.988796883402165</v>
      </c>
      <c r="P6072" s="236" t="str">
        <f t="shared" si="1422"/>
        <v>SAND</v>
      </c>
      <c r="Q6072" s="236" t="e">
        <f t="shared" si="1418"/>
        <v>#N/A</v>
      </c>
      <c r="R6072" s="238">
        <v>35</v>
      </c>
      <c r="S6072" s="236" t="e">
        <f t="shared" si="1423"/>
        <v>#N/A</v>
      </c>
      <c r="T6072" s="236">
        <f t="shared" si="1410"/>
        <v>35.297751080673464</v>
      </c>
    </row>
    <row r="6073" spans="2:20" x14ac:dyDescent="0.2">
      <c r="B6073" s="239">
        <v>60.287999999999997</v>
      </c>
      <c r="C6073" s="3">
        <f t="shared" si="1411"/>
        <v>60.280999999999999</v>
      </c>
      <c r="D6073" s="239">
        <v>24.036999999999999</v>
      </c>
      <c r="E6073" s="239">
        <v>6.8000000000000005E-2</v>
      </c>
      <c r="F6073" s="239">
        <v>0.40899999999999997</v>
      </c>
      <c r="G6073">
        <f t="shared" si="1412"/>
        <v>24.1188</v>
      </c>
      <c r="H6073" s="235">
        <f t="shared" si="1413"/>
        <v>0.28193774151284479</v>
      </c>
      <c r="I6073" s="236">
        <f t="shared" si="1414"/>
        <v>19.4363372453053</v>
      </c>
      <c r="J6073" s="237">
        <f t="shared" si="1419"/>
        <v>9.4363372453052996</v>
      </c>
      <c r="K6073" s="237">
        <f t="shared" si="1415"/>
        <v>1171.6418454842487</v>
      </c>
      <c r="L6073" s="237">
        <f t="shared" si="1420"/>
        <v>568.89789984496588</v>
      </c>
      <c r="M6073" s="236">
        <f t="shared" si="1416"/>
        <v>40.336162535965123</v>
      </c>
      <c r="N6073" s="236">
        <f t="shared" si="1417"/>
        <v>0.29633299052596779</v>
      </c>
      <c r="O6073" s="236">
        <f t="shared" si="1421"/>
        <v>1.9885155968583492</v>
      </c>
      <c r="P6073" s="236" t="str">
        <f t="shared" si="1422"/>
        <v>SAND</v>
      </c>
      <c r="Q6073" s="236" t="e">
        <f t="shared" si="1418"/>
        <v>#N/A</v>
      </c>
      <c r="R6073" s="238">
        <v>35</v>
      </c>
      <c r="S6073" s="236" t="e">
        <f t="shared" si="1423"/>
        <v>#N/A</v>
      </c>
      <c r="T6073" s="236">
        <f t="shared" si="1410"/>
        <v>35.262640361746222</v>
      </c>
    </row>
    <row r="6074" spans="2:20" x14ac:dyDescent="0.2">
      <c r="B6074" s="239">
        <v>60.298000000000002</v>
      </c>
      <c r="C6074" s="3">
        <f t="shared" si="1411"/>
        <v>60.291000000000004</v>
      </c>
      <c r="D6074" s="239">
        <v>23.782699999999998</v>
      </c>
      <c r="E6074" s="239">
        <v>6.3500000000000001E-2</v>
      </c>
      <c r="F6074" s="239">
        <v>0.39479999999999998</v>
      </c>
      <c r="G6074">
        <f t="shared" si="1412"/>
        <v>23.861659999999997</v>
      </c>
      <c r="H6074" s="235">
        <f t="shared" si="1413"/>
        <v>0.26611727767473015</v>
      </c>
      <c r="I6074" s="236">
        <f t="shared" si="1414"/>
        <v>19.351862700585812</v>
      </c>
      <c r="J6074" s="237">
        <f t="shared" si="1419"/>
        <v>9.3518627005858121</v>
      </c>
      <c r="K6074" s="237">
        <f t="shared" si="1415"/>
        <v>1166.7431540810194</v>
      </c>
      <c r="L6074" s="237">
        <f t="shared" si="1420"/>
        <v>563.8986171199233</v>
      </c>
      <c r="M6074" s="236">
        <f t="shared" si="1416"/>
        <v>40.24644884187132</v>
      </c>
      <c r="N6074" s="236">
        <f t="shared" si="1417"/>
        <v>0.27979833735948956</v>
      </c>
      <c r="O6074" s="236">
        <f t="shared" si="1421"/>
        <v>1.9808896179927484</v>
      </c>
      <c r="P6074" s="236" t="str">
        <f t="shared" si="1422"/>
        <v>SAND</v>
      </c>
      <c r="Q6074" s="236" t="e">
        <f t="shared" si="1418"/>
        <v>#N/A</v>
      </c>
      <c r="R6074" s="238">
        <v>35</v>
      </c>
      <c r="S6074" s="236" t="e">
        <f t="shared" si="1423"/>
        <v>#N/A</v>
      </c>
      <c r="T6074" s="236">
        <f t="shared" si="1410"/>
        <v>35.252003229119197</v>
      </c>
    </row>
    <row r="6075" spans="2:20" x14ac:dyDescent="0.2">
      <c r="B6075" s="239">
        <v>60.308999999999997</v>
      </c>
      <c r="C6075" s="3">
        <f t="shared" si="1411"/>
        <v>60.302</v>
      </c>
      <c r="D6075" s="239">
        <v>23.435600000000001</v>
      </c>
      <c r="E6075" s="239">
        <v>6.2E-2</v>
      </c>
      <c r="F6075" s="239">
        <v>0.39350000000000002</v>
      </c>
      <c r="G6075">
        <f t="shared" si="1412"/>
        <v>23.514300000000002</v>
      </c>
      <c r="H6075" s="235">
        <f t="shared" si="1413"/>
        <v>0.26366934163466482</v>
      </c>
      <c r="I6075" s="236">
        <f t="shared" si="1414"/>
        <v>19.318099465267061</v>
      </c>
      <c r="J6075" s="237">
        <f t="shared" si="1419"/>
        <v>9.3180994652670606</v>
      </c>
      <c r="K6075" s="237">
        <f t="shared" si="1415"/>
        <v>1164.9200339545343</v>
      </c>
      <c r="L6075" s="237">
        <f t="shared" si="1420"/>
        <v>561.96526065079115</v>
      </c>
      <c r="M6075" s="236">
        <f t="shared" si="1416"/>
        <v>39.770038347501192</v>
      </c>
      <c r="N6075" s="236">
        <f t="shared" si="1417"/>
        <v>0.27741261768422282</v>
      </c>
      <c r="O6075" s="236">
        <f t="shared" si="1421"/>
        <v>1.9845143213379155</v>
      </c>
      <c r="P6075" s="236" t="str">
        <f t="shared" si="1422"/>
        <v>SAND</v>
      </c>
      <c r="Q6075" s="236" t="e">
        <f t="shared" si="1418"/>
        <v>#N/A</v>
      </c>
      <c r="R6075" s="238">
        <v>35</v>
      </c>
      <c r="S6075" s="236" t="e">
        <f t="shared" si="1423"/>
        <v>#N/A</v>
      </c>
      <c r="T6075" s="236">
        <f t="shared" si="1410"/>
        <v>35.195116107209913</v>
      </c>
    </row>
    <row r="6076" spans="2:20" x14ac:dyDescent="0.2">
      <c r="B6076" s="239">
        <v>60.319000000000003</v>
      </c>
      <c r="C6076" s="3">
        <f t="shared" si="1411"/>
        <v>60.312000000000005</v>
      </c>
      <c r="D6076" s="239">
        <v>23.077999999999999</v>
      </c>
      <c r="E6076" s="239">
        <v>6.0600000000000001E-2</v>
      </c>
      <c r="F6076" s="239">
        <v>0.39379999999999998</v>
      </c>
      <c r="G6076">
        <f t="shared" si="1412"/>
        <v>23.156759999999998</v>
      </c>
      <c r="H6076" s="235">
        <f t="shared" si="1413"/>
        <v>0.26169464121923791</v>
      </c>
      <c r="I6076" s="236">
        <f t="shared" si="1414"/>
        <v>19.28532915475558</v>
      </c>
      <c r="J6076" s="237">
        <f t="shared" si="1419"/>
        <v>9.2853291547555799</v>
      </c>
      <c r="K6076" s="237">
        <f t="shared" si="1415"/>
        <v>1163.1367719816187</v>
      </c>
      <c r="L6076" s="237">
        <f t="shared" si="1420"/>
        <v>560.08176928570185</v>
      </c>
      <c r="M6076" s="236">
        <f t="shared" si="1416"/>
        <v>39.268593327127682</v>
      </c>
      <c r="N6076" s="236">
        <f t="shared" si="1417"/>
        <v>0.27553441000480411</v>
      </c>
      <c r="O6076" s="236">
        <f t="shared" si="1421"/>
        <v>1.9887277375697585</v>
      </c>
      <c r="P6076" s="236" t="str">
        <f t="shared" si="1422"/>
        <v>SAND</v>
      </c>
      <c r="Q6076" s="236" t="e">
        <f t="shared" si="1418"/>
        <v>#N/A</v>
      </c>
      <c r="R6076" s="238">
        <v>35</v>
      </c>
      <c r="S6076" s="236" t="e">
        <f t="shared" si="1423"/>
        <v>#N/A</v>
      </c>
      <c r="T6076" s="236">
        <f t="shared" si="1410"/>
        <v>35.13449878758577</v>
      </c>
    </row>
    <row r="6077" spans="2:20" x14ac:dyDescent="0.2">
      <c r="B6077" s="239">
        <v>60.329000000000001</v>
      </c>
      <c r="C6077" s="3">
        <f t="shared" si="1411"/>
        <v>60.322000000000003</v>
      </c>
      <c r="D6077" s="239">
        <v>22.706900000000001</v>
      </c>
      <c r="E6077" s="239">
        <v>6.0699999999999997E-2</v>
      </c>
      <c r="F6077" s="239">
        <v>0.41149999999999998</v>
      </c>
      <c r="G6077">
        <f t="shared" si="1412"/>
        <v>22.789200000000001</v>
      </c>
      <c r="H6077" s="235">
        <f t="shared" si="1413"/>
        <v>0.26635423797237284</v>
      </c>
      <c r="I6077" s="236">
        <f t="shared" si="1414"/>
        <v>19.281008692126811</v>
      </c>
      <c r="J6077" s="237">
        <f t="shared" si="1419"/>
        <v>9.2810086921268109</v>
      </c>
      <c r="K6077" s="237">
        <f t="shared" si="1415"/>
        <v>1163.0690063264735</v>
      </c>
      <c r="L6077" s="237">
        <f t="shared" si="1420"/>
        <v>559.91397338731838</v>
      </c>
      <c r="M6077" s="236">
        <f t="shared" si="1416"/>
        <v>38.624024442257905</v>
      </c>
      <c r="N6077" s="236">
        <f t="shared" si="1417"/>
        <v>0.2806789620286545</v>
      </c>
      <c r="O6077" s="236">
        <f t="shared" si="1421"/>
        <v>1.99818167521293</v>
      </c>
      <c r="P6077" s="236" t="str">
        <f t="shared" si="1422"/>
        <v>SAND</v>
      </c>
      <c r="Q6077" s="236" t="e">
        <f t="shared" si="1418"/>
        <v>#N/A</v>
      </c>
      <c r="R6077" s="238">
        <v>35</v>
      </c>
      <c r="S6077" s="236" t="e">
        <f t="shared" si="1423"/>
        <v>#N/A</v>
      </c>
      <c r="T6077" s="236">
        <f t="shared" si="1410"/>
        <v>35.05543275574842</v>
      </c>
    </row>
    <row r="6078" spans="2:20" x14ac:dyDescent="0.2">
      <c r="B6078" s="239">
        <v>60.338999999999999</v>
      </c>
      <c r="C6078" s="3">
        <f t="shared" si="1411"/>
        <v>60.332000000000001</v>
      </c>
      <c r="D6078" s="239">
        <v>22.429600000000001</v>
      </c>
      <c r="E6078" s="239">
        <v>6.1699999999999998E-2</v>
      </c>
      <c r="F6078" s="239">
        <v>0.44740000000000002</v>
      </c>
      <c r="G6078">
        <f t="shared" si="1412"/>
        <v>22.519079999999999</v>
      </c>
      <c r="H6078" s="235">
        <f t="shared" si="1413"/>
        <v>0.27398987880499559</v>
      </c>
      <c r="I6078" s="236">
        <f t="shared" si="1414"/>
        <v>19.295508576664147</v>
      </c>
      <c r="J6078" s="237">
        <f t="shared" si="1419"/>
        <v>9.2955085766641474</v>
      </c>
      <c r="K6078" s="237">
        <f t="shared" si="1415"/>
        <v>1164.1366234473014</v>
      </c>
      <c r="L6078" s="237">
        <f t="shared" si="1420"/>
        <v>560.88169200733796</v>
      </c>
      <c r="M6078" s="236">
        <f t="shared" si="1416"/>
        <v>38.073882034062386</v>
      </c>
      <c r="N6078" s="236">
        <f t="shared" si="1417"/>
        <v>0.28892607632828177</v>
      </c>
      <c r="O6078" s="236">
        <f t="shared" si="1421"/>
        <v>2.0082829267127327</v>
      </c>
      <c r="P6078" s="236" t="str">
        <f t="shared" si="1422"/>
        <v>SAND</v>
      </c>
      <c r="Q6078" s="236" t="e">
        <f t="shared" si="1418"/>
        <v>#N/A</v>
      </c>
      <c r="R6078" s="238">
        <v>35</v>
      </c>
      <c r="S6078" s="236" t="e">
        <f t="shared" si="1423"/>
        <v>#N/A</v>
      </c>
      <c r="T6078" s="236">
        <f t="shared" si="1410"/>
        <v>34.986898759752066</v>
      </c>
    </row>
    <row r="6079" spans="2:20" x14ac:dyDescent="0.2">
      <c r="B6079" s="239">
        <v>60.348999999999997</v>
      </c>
      <c r="C6079" s="3">
        <f t="shared" si="1411"/>
        <v>60.341999999999999</v>
      </c>
      <c r="D6079" s="239">
        <v>22.131900000000002</v>
      </c>
      <c r="E6079" s="239">
        <v>6.1899999999999997E-2</v>
      </c>
      <c r="F6079" s="239">
        <v>0.48870000000000002</v>
      </c>
      <c r="G6079">
        <f t="shared" si="1412"/>
        <v>22.229640000000003</v>
      </c>
      <c r="H6079" s="235">
        <f t="shared" si="1413"/>
        <v>0.27845705103636398</v>
      </c>
      <c r="I6079" s="236">
        <f t="shared" si="1414"/>
        <v>19.294246993316527</v>
      </c>
      <c r="J6079" s="237">
        <f t="shared" si="1419"/>
        <v>9.294246993316527</v>
      </c>
      <c r="K6079" s="237">
        <f t="shared" si="1415"/>
        <v>1164.2534520707059</v>
      </c>
      <c r="L6079" s="237">
        <f t="shared" si="1420"/>
        <v>560.8985117996591</v>
      </c>
      <c r="M6079" s="236">
        <f t="shared" si="1416"/>
        <v>37.55650283389128</v>
      </c>
      <c r="N6079" s="236">
        <f t="shared" si="1417"/>
        <v>0.29384696957333878</v>
      </c>
      <c r="O6079" s="236">
        <f t="shared" si="1421"/>
        <v>2.0163653457394459</v>
      </c>
      <c r="P6079" s="236" t="str">
        <f t="shared" si="1422"/>
        <v>SAND</v>
      </c>
      <c r="Q6079" s="236" t="e">
        <f t="shared" si="1418"/>
        <v>#N/A</v>
      </c>
      <c r="R6079" s="238">
        <v>35</v>
      </c>
      <c r="S6079" s="236" t="e">
        <f t="shared" si="1423"/>
        <v>#N/A</v>
      </c>
      <c r="T6079" s="236">
        <f t="shared" si="1410"/>
        <v>34.921536595860694</v>
      </c>
    </row>
    <row r="6080" spans="2:20" x14ac:dyDescent="0.2">
      <c r="B6080" s="239">
        <v>60.36</v>
      </c>
      <c r="C6080" s="3">
        <f t="shared" si="1411"/>
        <v>60.353000000000002</v>
      </c>
      <c r="D6080" s="239">
        <v>22.107800000000001</v>
      </c>
      <c r="E6080" s="239">
        <v>6.3399999999999998E-2</v>
      </c>
      <c r="F6080" s="239">
        <v>0.48220000000000002</v>
      </c>
      <c r="G6080">
        <f t="shared" si="1412"/>
        <v>22.204240000000002</v>
      </c>
      <c r="H6080" s="235">
        <f t="shared" si="1413"/>
        <v>0.28553105172705751</v>
      </c>
      <c r="I6080" s="236">
        <f t="shared" si="1414"/>
        <v>19.32187637224088</v>
      </c>
      <c r="J6080" s="237">
        <f t="shared" si="1419"/>
        <v>9.3218763722408795</v>
      </c>
      <c r="K6080" s="237">
        <f t="shared" si="1415"/>
        <v>1166.1332046938539</v>
      </c>
      <c r="L6080" s="237">
        <f t="shared" si="1420"/>
        <v>562.66845782845951</v>
      </c>
      <c r="M6080" s="236">
        <f t="shared" si="1416"/>
        <v>37.389881203755024</v>
      </c>
      <c r="N6080" s="236">
        <f t="shared" si="1417"/>
        <v>0.30135791502943265</v>
      </c>
      <c r="O6080" s="236">
        <f t="shared" si="1421"/>
        <v>2.0219442489730728</v>
      </c>
      <c r="P6080" s="236" t="str">
        <f t="shared" si="1422"/>
        <v>SAND</v>
      </c>
      <c r="Q6080" s="236" t="e">
        <f t="shared" si="1418"/>
        <v>#N/A</v>
      </c>
      <c r="R6080" s="238">
        <v>35</v>
      </c>
      <c r="S6080" s="236" t="e">
        <f t="shared" si="1423"/>
        <v>#N/A</v>
      </c>
      <c r="T6080" s="236">
        <f t="shared" si="1410"/>
        <v>34.900294938333431</v>
      </c>
    </row>
    <row r="6081" spans="2:20" x14ac:dyDescent="0.2">
      <c r="B6081" s="239">
        <v>60.369</v>
      </c>
      <c r="C6081" s="3">
        <f t="shared" si="1411"/>
        <v>60.362000000000002</v>
      </c>
      <c r="D6081" s="239">
        <v>21.803699999999999</v>
      </c>
      <c r="E6081" s="239">
        <v>6.3700000000000007E-2</v>
      </c>
      <c r="F6081" s="239">
        <v>0.48820000000000002</v>
      </c>
      <c r="G6081">
        <f t="shared" si="1412"/>
        <v>21.901339999999998</v>
      </c>
      <c r="H6081" s="235">
        <f t="shared" si="1413"/>
        <v>0.29084978362054564</v>
      </c>
      <c r="I6081" s="236">
        <f t="shared" si="1414"/>
        <v>19.322043140255097</v>
      </c>
      <c r="J6081" s="237">
        <f t="shared" si="1419"/>
        <v>9.3220431402550972</v>
      </c>
      <c r="K6081" s="237">
        <f t="shared" si="1415"/>
        <v>1166.3171680320781</v>
      </c>
      <c r="L6081" s="237">
        <f t="shared" si="1420"/>
        <v>562.76242233405992</v>
      </c>
      <c r="M6081" s="236">
        <f t="shared" si="1416"/>
        <v>36.845073532040942</v>
      </c>
      <c r="N6081" s="236">
        <f t="shared" si="1417"/>
        <v>0.30720969306959944</v>
      </c>
      <c r="O6081" s="236">
        <f t="shared" si="1421"/>
        <v>2.0308213712343264</v>
      </c>
      <c r="P6081" s="236" t="str">
        <f t="shared" si="1422"/>
        <v>SAND</v>
      </c>
      <c r="Q6081" s="236" t="e">
        <f t="shared" si="1418"/>
        <v>#N/A</v>
      </c>
      <c r="R6081" s="238">
        <v>35</v>
      </c>
      <c r="S6081" s="236" t="e">
        <f t="shared" si="1423"/>
        <v>#N/A</v>
      </c>
      <c r="T6081" s="236">
        <f t="shared" si="1410"/>
        <v>34.830173703435392</v>
      </c>
    </row>
    <row r="6082" spans="2:20" x14ac:dyDescent="0.2">
      <c r="B6082" s="239">
        <v>60.38</v>
      </c>
      <c r="C6082" s="3">
        <f t="shared" si="1411"/>
        <v>60.373000000000005</v>
      </c>
      <c r="D6082" s="239">
        <v>21.586200000000002</v>
      </c>
      <c r="E6082" s="239">
        <v>6.3E-2</v>
      </c>
      <c r="F6082" s="239">
        <v>0.49270000000000003</v>
      </c>
      <c r="G6082">
        <f t="shared" si="1412"/>
        <v>21.684740000000001</v>
      </c>
      <c r="H6082" s="235">
        <f t="shared" si="1413"/>
        <v>0.29052688664932114</v>
      </c>
      <c r="I6082" s="236">
        <f t="shared" si="1414"/>
        <v>19.305201335300389</v>
      </c>
      <c r="J6082" s="237">
        <f t="shared" si="1419"/>
        <v>9.3052013353003886</v>
      </c>
      <c r="K6082" s="237">
        <f t="shared" si="1415"/>
        <v>1165.5129202160904</v>
      </c>
      <c r="L6082" s="237">
        <f t="shared" si="1420"/>
        <v>561.84805662543749</v>
      </c>
      <c r="M6082" s="236">
        <f t="shared" si="1416"/>
        <v>36.520954086815131</v>
      </c>
      <c r="N6082" s="236">
        <f t="shared" si="1417"/>
        <v>0.30702910862597393</v>
      </c>
      <c r="O6082" s="236">
        <f t="shared" si="1421"/>
        <v>2.0343299886423103</v>
      </c>
      <c r="P6082" s="236" t="str">
        <f t="shared" si="1422"/>
        <v>SAND</v>
      </c>
      <c r="Q6082" s="236" t="e">
        <f t="shared" si="1418"/>
        <v>#N/A</v>
      </c>
      <c r="R6082" s="238">
        <v>35</v>
      </c>
      <c r="S6082" s="236" t="e">
        <f t="shared" si="1423"/>
        <v>#N/A</v>
      </c>
      <c r="T6082" s="236">
        <f t="shared" si="1410"/>
        <v>34.787963261468803</v>
      </c>
    </row>
    <row r="6083" spans="2:20" x14ac:dyDescent="0.2">
      <c r="B6083" s="239">
        <v>60.39</v>
      </c>
      <c r="C6083" s="3">
        <f t="shared" si="1411"/>
        <v>60.383000000000003</v>
      </c>
      <c r="D6083" s="239">
        <v>21.508500000000002</v>
      </c>
      <c r="E6083" s="239">
        <v>6.0900000000000003E-2</v>
      </c>
      <c r="F6083" s="239">
        <v>0.51170000000000004</v>
      </c>
      <c r="G6083">
        <f t="shared" si="1412"/>
        <v>21.610840000000003</v>
      </c>
      <c r="H6083" s="235">
        <f t="shared" si="1413"/>
        <v>0.28180302107645977</v>
      </c>
      <c r="I6083" s="236">
        <f t="shared" si="1414"/>
        <v>19.264114227663832</v>
      </c>
      <c r="J6083" s="237">
        <f t="shared" si="1419"/>
        <v>9.264114227663832</v>
      </c>
      <c r="K6083" s="237">
        <f t="shared" si="1415"/>
        <v>1163.2250094090252</v>
      </c>
      <c r="L6083" s="237">
        <f t="shared" si="1420"/>
        <v>559.45985820861881</v>
      </c>
      <c r="M6083" s="236">
        <f t="shared" si="1416"/>
        <v>36.548850986492404</v>
      </c>
      <c r="N6083" s="236">
        <f t="shared" si="1417"/>
        <v>0.29783424633153205</v>
      </c>
      <c r="O6083" s="236">
        <f t="shared" si="1421"/>
        <v>2.0294657937938512</v>
      </c>
      <c r="P6083" s="236" t="str">
        <f t="shared" si="1422"/>
        <v>SAND</v>
      </c>
      <c r="Q6083" s="236" t="e">
        <f t="shared" si="1418"/>
        <v>#N/A</v>
      </c>
      <c r="R6083" s="238">
        <v>35</v>
      </c>
      <c r="S6083" s="236" t="e">
        <f t="shared" si="1423"/>
        <v>#N/A</v>
      </c>
      <c r="T6083" s="236">
        <f t="shared" si="1410"/>
        <v>34.791611010955862</v>
      </c>
    </row>
    <row r="6084" spans="2:20" x14ac:dyDescent="0.2">
      <c r="B6084" s="239">
        <v>60.4</v>
      </c>
      <c r="C6084" s="3">
        <f t="shared" si="1411"/>
        <v>60.393000000000001</v>
      </c>
      <c r="D6084" s="239">
        <v>21.455100000000002</v>
      </c>
      <c r="E6084" s="239">
        <v>6.0900000000000003E-2</v>
      </c>
      <c r="F6084" s="239">
        <v>0.51249999999999996</v>
      </c>
      <c r="G6084">
        <f t="shared" si="1412"/>
        <v>21.557600000000001</v>
      </c>
      <c r="H6084" s="235">
        <f t="shared" si="1413"/>
        <v>0.28249897947823505</v>
      </c>
      <c r="I6084" s="236">
        <f t="shared" si="1414"/>
        <v>19.263150112910285</v>
      </c>
      <c r="J6084" s="237">
        <f t="shared" si="1419"/>
        <v>9.2631501129102851</v>
      </c>
      <c r="K6084" s="237">
        <f t="shared" si="1415"/>
        <v>1163.3594247689909</v>
      </c>
      <c r="L6084" s="237">
        <f t="shared" si="1420"/>
        <v>559.49426681978116</v>
      </c>
      <c r="M6084" s="236">
        <f t="shared" si="1416"/>
        <v>36.451205641755408</v>
      </c>
      <c r="N6084" s="236">
        <f t="shared" si="1417"/>
        <v>0.29861371780601431</v>
      </c>
      <c r="O6084" s="236">
        <f t="shared" si="1421"/>
        <v>2.0309458519294825</v>
      </c>
      <c r="P6084" s="236" t="str">
        <f t="shared" si="1422"/>
        <v>SAND</v>
      </c>
      <c r="Q6084" s="236" t="e">
        <f t="shared" si="1418"/>
        <v>#N/A</v>
      </c>
      <c r="R6084" s="238">
        <v>35</v>
      </c>
      <c r="S6084" s="236" t="e">
        <f t="shared" si="1423"/>
        <v>#N/A</v>
      </c>
      <c r="T6084" s="236">
        <f t="shared" si="1410"/>
        <v>34.778830871372918</v>
      </c>
    </row>
    <row r="6085" spans="2:20" x14ac:dyDescent="0.2">
      <c r="B6085" s="239">
        <v>60.41</v>
      </c>
      <c r="C6085" s="3">
        <f t="shared" si="1411"/>
        <v>60.402999999999999</v>
      </c>
      <c r="D6085" s="239">
        <v>21.367699999999999</v>
      </c>
      <c r="E6085" s="239">
        <v>6.2100000000000002E-2</v>
      </c>
      <c r="F6085" s="239">
        <v>0.4929</v>
      </c>
      <c r="G6085">
        <f t="shared" si="1412"/>
        <v>21.466279999999998</v>
      </c>
      <c r="H6085" s="235">
        <f t="shared" si="1413"/>
        <v>0.28929092511604249</v>
      </c>
      <c r="I6085" s="236">
        <f t="shared" si="1414"/>
        <v>19.284371485745908</v>
      </c>
      <c r="J6085" s="237">
        <f t="shared" si="1419"/>
        <v>9.2843714857459076</v>
      </c>
      <c r="K6085" s="237">
        <f t="shared" si="1415"/>
        <v>1164.83389085351</v>
      </c>
      <c r="L6085" s="237">
        <f t="shared" si="1420"/>
        <v>560.86888145391026</v>
      </c>
      <c r="M6085" s="236">
        <f t="shared" si="1416"/>
        <v>36.196420911283468</v>
      </c>
      <c r="N6085" s="236">
        <f t="shared" si="1417"/>
        <v>0.30588953942557745</v>
      </c>
      <c r="O6085" s="236">
        <f t="shared" si="1421"/>
        <v>2.0374053390643549</v>
      </c>
      <c r="P6085" s="236" t="str">
        <f t="shared" si="1422"/>
        <v>SAND</v>
      </c>
      <c r="Q6085" s="236" t="e">
        <f t="shared" si="1418"/>
        <v>#N/A</v>
      </c>
      <c r="R6085" s="238">
        <v>35</v>
      </c>
      <c r="S6085" s="236" t="e">
        <f t="shared" si="1423"/>
        <v>#N/A</v>
      </c>
      <c r="T6085" s="236">
        <f t="shared" si="1410"/>
        <v>34.745321927561506</v>
      </c>
    </row>
    <row r="6086" spans="2:20" x14ac:dyDescent="0.2">
      <c r="B6086" s="239">
        <v>60.42</v>
      </c>
      <c r="C6086" s="3">
        <f t="shared" si="1411"/>
        <v>60.413000000000004</v>
      </c>
      <c r="D6086" s="239">
        <v>21.407800000000002</v>
      </c>
      <c r="E6086" s="239">
        <v>6.2399999999999997E-2</v>
      </c>
      <c r="F6086" s="239">
        <v>0.46939999999999998</v>
      </c>
      <c r="G6086">
        <f t="shared" si="1412"/>
        <v>21.50168</v>
      </c>
      <c r="H6086" s="235">
        <f t="shared" si="1413"/>
        <v>0.29020988127439346</v>
      </c>
      <c r="I6086" s="236">
        <f t="shared" si="1414"/>
        <v>19.290666601267805</v>
      </c>
      <c r="J6086" s="237">
        <f t="shared" si="1419"/>
        <v>9.2906666012678052</v>
      </c>
      <c r="K6086" s="237">
        <f t="shared" si="1415"/>
        <v>1165.407041382392</v>
      </c>
      <c r="L6086" s="237">
        <f t="shared" si="1420"/>
        <v>561.3420760486008</v>
      </c>
      <c r="M6086" s="236">
        <f t="shared" si="1416"/>
        <v>36.227950524871929</v>
      </c>
      <c r="N6086" s="236">
        <f t="shared" si="1417"/>
        <v>0.30684088538238102</v>
      </c>
      <c r="O6086" s="236">
        <f t="shared" si="1421"/>
        <v>2.0375181076971369</v>
      </c>
      <c r="P6086" s="236" t="str">
        <f t="shared" si="1422"/>
        <v>SAND</v>
      </c>
      <c r="Q6086" s="236" t="e">
        <f t="shared" si="1418"/>
        <v>#N/A</v>
      </c>
      <c r="R6086" s="238">
        <v>35</v>
      </c>
      <c r="S6086" s="236" t="e">
        <f t="shared" si="1423"/>
        <v>#N/A</v>
      </c>
      <c r="T6086" s="236">
        <f t="shared" si="1410"/>
        <v>34.749481425689183</v>
      </c>
    </row>
    <row r="6087" spans="2:20" x14ac:dyDescent="0.2">
      <c r="B6087" s="239">
        <v>60.43</v>
      </c>
      <c r="C6087" s="3">
        <f t="shared" si="1411"/>
        <v>60.423000000000002</v>
      </c>
      <c r="D6087" s="239">
        <v>21.191199999999998</v>
      </c>
      <c r="E6087" s="239">
        <v>6.08E-2</v>
      </c>
      <c r="F6087" s="239">
        <v>0.41699999999999998</v>
      </c>
      <c r="G6087">
        <f t="shared" si="1412"/>
        <v>21.2746</v>
      </c>
      <c r="H6087" s="235">
        <f t="shared" si="1413"/>
        <v>0.28578680680247809</v>
      </c>
      <c r="I6087" s="236">
        <f t="shared" si="1414"/>
        <v>19.256057981416955</v>
      </c>
      <c r="J6087" s="237">
        <f t="shared" si="1419"/>
        <v>9.256057981416955</v>
      </c>
      <c r="K6087" s="237">
        <f t="shared" si="1415"/>
        <v>1163.5087914111566</v>
      </c>
      <c r="L6087" s="237">
        <f t="shared" si="1420"/>
        <v>559.34358381702657</v>
      </c>
      <c r="M6087" s="236">
        <f t="shared" si="1416"/>
        <v>35.954808082982524</v>
      </c>
      <c r="N6087" s="236">
        <f t="shared" si="1417"/>
        <v>0.30232074117407487</v>
      </c>
      <c r="O6087" s="236">
        <f t="shared" si="1421"/>
        <v>2.0383772219618264</v>
      </c>
      <c r="P6087" s="236" t="str">
        <f t="shared" si="1422"/>
        <v>SAND</v>
      </c>
      <c r="Q6087" s="236" t="e">
        <f t="shared" si="1418"/>
        <v>#N/A</v>
      </c>
      <c r="R6087" s="238">
        <v>35</v>
      </c>
      <c r="S6087" s="236" t="e">
        <f t="shared" si="1423"/>
        <v>#N/A</v>
      </c>
      <c r="T6087" s="236">
        <f t="shared" si="1410"/>
        <v>34.71332672444256</v>
      </c>
    </row>
    <row r="6088" spans="2:20" x14ac:dyDescent="0.2">
      <c r="B6088" s="239">
        <v>60.430999999999997</v>
      </c>
      <c r="C6088" s="3">
        <f t="shared" si="1411"/>
        <v>60.423999999999999</v>
      </c>
      <c r="D6088" s="239">
        <v>21.015899999999998</v>
      </c>
      <c r="E6088" s="239">
        <v>5.9200000000000003E-2</v>
      </c>
      <c r="F6088" s="239">
        <v>0.4597</v>
      </c>
      <c r="G6088">
        <f t="shared" si="1412"/>
        <v>21.107839999999999</v>
      </c>
      <c r="H6088" s="235">
        <f t="shared" si="1413"/>
        <v>0.2804645098693187</v>
      </c>
      <c r="I6088" s="236">
        <f t="shared" si="1414"/>
        <v>19.221711076695577</v>
      </c>
      <c r="J6088" s="237">
        <f t="shared" si="1419"/>
        <v>9.221711076695577</v>
      </c>
      <c r="K6088" s="237">
        <f t="shared" si="1415"/>
        <v>1161.4526700982535</v>
      </c>
      <c r="L6088" s="237">
        <f t="shared" si="1420"/>
        <v>557.27722207579041</v>
      </c>
      <c r="M6088" s="236">
        <f t="shared" si="1416"/>
        <v>35.792576010201635</v>
      </c>
      <c r="N6088" s="236">
        <f t="shared" si="1417"/>
        <v>0.29679560023008744</v>
      </c>
      <c r="O6088" s="236">
        <f t="shared" si="1421"/>
        <v>2.0374854030726812</v>
      </c>
      <c r="P6088" s="236" t="str">
        <f t="shared" si="1422"/>
        <v>SAND</v>
      </c>
      <c r="Q6088" s="236" t="e">
        <f t="shared" si="1418"/>
        <v>#N/A</v>
      </c>
      <c r="R6088" s="238">
        <v>35</v>
      </c>
      <c r="S6088" s="236" t="e">
        <f t="shared" si="1423"/>
        <v>#N/A</v>
      </c>
      <c r="T6088" s="236">
        <f t="shared" si="1410"/>
        <v>34.691722515045619</v>
      </c>
    </row>
    <row r="6089" spans="2:20" x14ac:dyDescent="0.2">
      <c r="B6089" s="239">
        <v>60.451000000000001</v>
      </c>
      <c r="C6089" s="3">
        <f t="shared" si="1411"/>
        <v>60.444000000000003</v>
      </c>
      <c r="D6089" s="239">
        <v>20.509899999999998</v>
      </c>
      <c r="E6089" s="239">
        <v>5.8999999999999997E-2</v>
      </c>
      <c r="F6089" s="239">
        <v>0.51990000000000003</v>
      </c>
      <c r="G6089">
        <f t="shared" si="1412"/>
        <v>20.613879999999998</v>
      </c>
      <c r="H6089" s="235">
        <f t="shared" si="1413"/>
        <v>0.28621491926798837</v>
      </c>
      <c r="I6089" s="236">
        <f t="shared" si="1414"/>
        <v>19.208487255011292</v>
      </c>
      <c r="J6089" s="237">
        <f t="shared" si="1419"/>
        <v>9.2084872550112919</v>
      </c>
      <c r="K6089" s="237">
        <f t="shared" si="1415"/>
        <v>1161.0378036419027</v>
      </c>
      <c r="L6089" s="237">
        <f t="shared" si="1420"/>
        <v>556.66226305268765</v>
      </c>
      <c r="M6089" s="236">
        <f t="shared" si="1416"/>
        <v>34.945501945255629</v>
      </c>
      <c r="N6089" s="236">
        <f t="shared" si="1417"/>
        <v>0.30329758193918732</v>
      </c>
      <c r="O6089" s="236">
        <f t="shared" si="1421"/>
        <v>2.0504734011342953</v>
      </c>
      <c r="P6089" s="236" t="str">
        <f t="shared" si="1422"/>
        <v>SAND</v>
      </c>
      <c r="Q6089" s="236" t="e">
        <f t="shared" si="1418"/>
        <v>#N/A</v>
      </c>
      <c r="R6089" s="238">
        <v>35</v>
      </c>
      <c r="S6089" s="236" t="e">
        <f t="shared" si="1423"/>
        <v>#N/A</v>
      </c>
      <c r="T6089" s="236">
        <f t="shared" si="1410"/>
        <v>34.577304112034923</v>
      </c>
    </row>
    <row r="6090" spans="2:20" x14ac:dyDescent="0.2">
      <c r="B6090" s="239">
        <v>60.460999999999999</v>
      </c>
      <c r="C6090" s="3">
        <f t="shared" si="1411"/>
        <v>60.454000000000001</v>
      </c>
      <c r="D6090" s="239">
        <v>20.538900000000002</v>
      </c>
      <c r="E6090" s="239">
        <v>5.4899999999999997E-2</v>
      </c>
      <c r="F6090" s="239">
        <v>0.51890000000000003</v>
      </c>
      <c r="G6090">
        <f t="shared" si="1412"/>
        <v>20.642680000000002</v>
      </c>
      <c r="H6090" s="235">
        <f t="shared" si="1413"/>
        <v>0.26595383932706407</v>
      </c>
      <c r="I6090" s="236">
        <f t="shared" si="1414"/>
        <v>19.124577856617893</v>
      </c>
      <c r="J6090" s="237">
        <f t="shared" si="1419"/>
        <v>9.1245778566178934</v>
      </c>
      <c r="K6090" s="237">
        <f t="shared" si="1415"/>
        <v>1156.1572297439782</v>
      </c>
      <c r="L6090" s="237">
        <f t="shared" si="1420"/>
        <v>551.68110178897439</v>
      </c>
      <c r="M6090" s="236">
        <f t="shared" si="1416"/>
        <v>35.322077749384079</v>
      </c>
      <c r="N6090" s="236">
        <f t="shared" si="1417"/>
        <v>0.28173317860382274</v>
      </c>
      <c r="O6090" s="236">
        <f t="shared" si="1421"/>
        <v>2.0353351534980852</v>
      </c>
      <c r="P6090" s="236" t="str">
        <f t="shared" si="1422"/>
        <v>SAND</v>
      </c>
      <c r="Q6090" s="236" t="e">
        <f t="shared" si="1418"/>
        <v>#N/A</v>
      </c>
      <c r="R6090" s="238">
        <v>35</v>
      </c>
      <c r="S6090" s="236" t="e">
        <f t="shared" si="1423"/>
        <v>#N/A</v>
      </c>
      <c r="T6090" s="236">
        <f t="shared" si="1410"/>
        <v>34.628508663611854</v>
      </c>
    </row>
    <row r="6091" spans="2:20" x14ac:dyDescent="0.2">
      <c r="B6091" s="239">
        <v>60.472000000000001</v>
      </c>
      <c r="C6091" s="3">
        <f t="shared" si="1411"/>
        <v>60.465000000000003</v>
      </c>
      <c r="D6091" s="239">
        <v>20.447600000000001</v>
      </c>
      <c r="E6091" s="239">
        <v>5.2299999999999999E-2</v>
      </c>
      <c r="F6091" s="239">
        <v>0.51839999999999997</v>
      </c>
      <c r="G6091">
        <f t="shared" si="1412"/>
        <v>20.551280000000002</v>
      </c>
      <c r="H6091" s="235">
        <f t="shared" si="1413"/>
        <v>0.25448536538843319</v>
      </c>
      <c r="I6091" s="236">
        <f t="shared" si="1414"/>
        <v>19.065952603008071</v>
      </c>
      <c r="J6091" s="237">
        <f t="shared" si="1419"/>
        <v>9.0659526030080713</v>
      </c>
      <c r="K6091" s="237">
        <f t="shared" si="1415"/>
        <v>1152.8228241408831</v>
      </c>
      <c r="L6091" s="237">
        <f t="shared" si="1420"/>
        <v>548.23628580910406</v>
      </c>
      <c r="M6091" s="236">
        <f t="shared" si="1416"/>
        <v>35.383387925938315</v>
      </c>
      <c r="N6091" s="236">
        <f t="shared" si="1417"/>
        <v>0.26960907007123225</v>
      </c>
      <c r="O6091" s="236">
        <f t="shared" si="1421"/>
        <v>2.0284149180334587</v>
      </c>
      <c r="P6091" s="236" t="str">
        <f t="shared" si="1422"/>
        <v>SAND</v>
      </c>
      <c r="Q6091" s="236" t="e">
        <f t="shared" si="1418"/>
        <v>#N/A</v>
      </c>
      <c r="R6091" s="238">
        <v>35</v>
      </c>
      <c r="S6091" s="236" t="e">
        <f t="shared" si="1423"/>
        <v>#N/A</v>
      </c>
      <c r="T6091" s="236">
        <f t="shared" si="1410"/>
        <v>34.636793552356835</v>
      </c>
    </row>
    <row r="6092" spans="2:20" x14ac:dyDescent="0.2">
      <c r="B6092" s="239">
        <v>60.481999999999999</v>
      </c>
      <c r="C6092" s="3">
        <f t="shared" si="1411"/>
        <v>60.475000000000001</v>
      </c>
      <c r="D6092" s="239">
        <v>20.3688</v>
      </c>
      <c r="E6092" s="239">
        <v>5.1900000000000002E-2</v>
      </c>
      <c r="F6092" s="239">
        <v>0.48859999999999998</v>
      </c>
      <c r="G6092">
        <f t="shared" si="1412"/>
        <v>20.466519999999999</v>
      </c>
      <c r="H6092" s="235">
        <f t="shared" si="1413"/>
        <v>0.25358487910988292</v>
      </c>
      <c r="I6092" s="236">
        <f t="shared" si="1414"/>
        <v>19.05533452435543</v>
      </c>
      <c r="J6092" s="237">
        <f t="shared" si="1419"/>
        <v>9.0553345243554304</v>
      </c>
      <c r="K6092" s="237">
        <f t="shared" si="1415"/>
        <v>1152.3713553603948</v>
      </c>
      <c r="L6092" s="237">
        <f t="shared" si="1420"/>
        <v>547.68474270206514</v>
      </c>
      <c r="M6092" s="236">
        <f t="shared" si="1416"/>
        <v>35.265084342775459</v>
      </c>
      <c r="N6092" s="236">
        <f t="shared" si="1417"/>
        <v>0.26871492476788089</v>
      </c>
      <c r="O6092" s="236">
        <f t="shared" si="1421"/>
        <v>2.0293305193234157</v>
      </c>
      <c r="P6092" s="236" t="str">
        <f t="shared" si="1422"/>
        <v>SAND</v>
      </c>
      <c r="Q6092" s="236" t="e">
        <f t="shared" si="1418"/>
        <v>#N/A</v>
      </c>
      <c r="R6092" s="238">
        <v>35</v>
      </c>
      <c r="S6092" s="236" t="e">
        <f t="shared" si="1423"/>
        <v>#N/A</v>
      </c>
      <c r="T6092" s="236">
        <f t="shared" si="1410"/>
        <v>34.62079419562528</v>
      </c>
    </row>
    <row r="6093" spans="2:20" x14ac:dyDescent="0.2">
      <c r="B6093" s="239">
        <v>60.491999999999997</v>
      </c>
      <c r="C6093" s="3">
        <f t="shared" si="1411"/>
        <v>60.484999999999999</v>
      </c>
      <c r="D6093" s="239">
        <v>20.32</v>
      </c>
      <c r="E6093" s="239">
        <v>5.1400000000000001E-2</v>
      </c>
      <c r="F6093" s="239">
        <v>0.50190000000000001</v>
      </c>
      <c r="G6093">
        <f t="shared" si="1412"/>
        <v>20.420380000000002</v>
      </c>
      <c r="H6093" s="235">
        <f t="shared" si="1413"/>
        <v>0.25170932176580452</v>
      </c>
      <c r="I6093" s="236">
        <f t="shared" si="1414"/>
        <v>19.043100913266041</v>
      </c>
      <c r="J6093" s="237">
        <f t="shared" si="1419"/>
        <v>9.0431009132660414</v>
      </c>
      <c r="K6093" s="237">
        <f t="shared" si="1415"/>
        <v>1151.8219587388965</v>
      </c>
      <c r="L6093" s="237">
        <f t="shared" si="1420"/>
        <v>547.0352604452894</v>
      </c>
      <c r="M6093" s="236">
        <f t="shared" si="1416"/>
        <v>35.223612506397494</v>
      </c>
      <c r="N6093" s="236">
        <f t="shared" si="1417"/>
        <v>0.26675581997331399</v>
      </c>
      <c r="O6093" s="236">
        <f t="shared" si="1421"/>
        <v>2.0288003953965914</v>
      </c>
      <c r="P6093" s="236" t="str">
        <f t="shared" si="1422"/>
        <v>SAND</v>
      </c>
      <c r="Q6093" s="236" t="e">
        <f t="shared" si="1418"/>
        <v>#N/A</v>
      </c>
      <c r="R6093" s="238">
        <v>35</v>
      </c>
      <c r="S6093" s="236" t="e">
        <f t="shared" si="1423"/>
        <v>#N/A</v>
      </c>
      <c r="T6093" s="236">
        <f t="shared" ref="T6093:T6156" si="1424">IF(P6093="SAND",17.6+(11*LOG(M6093)),#N/A)</f>
        <v>34.615172843029953</v>
      </c>
    </row>
    <row r="6094" spans="2:20" x14ac:dyDescent="0.2">
      <c r="B6094" s="239">
        <v>60.503</v>
      </c>
      <c r="C6094" s="3">
        <f t="shared" ref="C6094:C6157" si="1425">MAX($B6094 - $B$13, 0.001)</f>
        <v>60.496000000000002</v>
      </c>
      <c r="D6094" s="239">
        <v>20.287099999999999</v>
      </c>
      <c r="E6094" s="239">
        <v>5.11E-2</v>
      </c>
      <c r="F6094" s="239">
        <v>0.53190000000000004</v>
      </c>
      <c r="G6094">
        <f t="shared" si="1412"/>
        <v>20.39348</v>
      </c>
      <c r="H6094" s="235">
        <f t="shared" si="1413"/>
        <v>0.25057028030527406</v>
      </c>
      <c r="I6094" s="236">
        <f t="shared" si="1414"/>
        <v>19.035721691931613</v>
      </c>
      <c r="J6094" s="237">
        <f t="shared" si="1419"/>
        <v>9.035721691931613</v>
      </c>
      <c r="K6094" s="237">
        <f t="shared" si="1415"/>
        <v>1151.5850194750949</v>
      </c>
      <c r="L6094" s="237">
        <f t="shared" si="1420"/>
        <v>546.68826952693837</v>
      </c>
      <c r="M6094" s="236">
        <f t="shared" si="1416"/>
        <v>35.197197476315608</v>
      </c>
      <c r="N6094" s="236">
        <f t="shared" si="1417"/>
        <v>0.26556635950731106</v>
      </c>
      <c r="O6094" s="236">
        <f t="shared" si="1421"/>
        <v>2.0284920702807074</v>
      </c>
      <c r="P6094" s="236" t="str">
        <f t="shared" si="1422"/>
        <v>SAND</v>
      </c>
      <c r="Q6094" s="236" t="e">
        <f t="shared" si="1418"/>
        <v>#N/A</v>
      </c>
      <c r="R6094" s="238">
        <v>35</v>
      </c>
      <c r="S6094" s="236" t="e">
        <f t="shared" si="1423"/>
        <v>#N/A</v>
      </c>
      <c r="T6094" s="236">
        <f t="shared" si="1424"/>
        <v>34.611588932938837</v>
      </c>
    </row>
    <row r="6095" spans="2:20" x14ac:dyDescent="0.2">
      <c r="B6095" s="239">
        <v>60.512999999999998</v>
      </c>
      <c r="C6095" s="3">
        <f t="shared" si="1425"/>
        <v>60.506</v>
      </c>
      <c r="D6095" s="239">
        <v>20.3399</v>
      </c>
      <c r="E6095" s="239">
        <v>4.7800000000000002E-2</v>
      </c>
      <c r="F6095" s="239">
        <v>0.54179999999999995</v>
      </c>
      <c r="G6095">
        <f t="shared" ref="G6095:G6158" si="1426">$D6095+($F6095*(1-$P$8))</f>
        <v>20.448260000000001</v>
      </c>
      <c r="H6095" s="235">
        <f t="shared" ref="H6095:H6158" si="1427">($E6095/$G6095)*100</f>
        <v>0.2337607209610989</v>
      </c>
      <c r="I6095" s="236">
        <f t="shared" ref="I6095:I6158" si="1428">((0.27*(LOG($H6095)))+(0.36*(LOG(($G6095*1000)/101)))+1.236)*10</f>
        <v>18.958489097953333</v>
      </c>
      <c r="J6095" s="237">
        <f t="shared" si="1419"/>
        <v>8.9584890979533327</v>
      </c>
      <c r="K6095" s="237">
        <f t="shared" ref="K6095:K6158" si="1429">$I6095*$C6095</f>
        <v>1147.1023413607643</v>
      </c>
      <c r="L6095" s="237">
        <f t="shared" si="1420"/>
        <v>542.10505078444999</v>
      </c>
      <c r="M6095" s="236">
        <f t="shared" ref="M6095:M6158" si="1430">(($G6095*1000)-$K6095)/$L6095</f>
        <v>35.604091182529302</v>
      </c>
      <c r="N6095" s="236">
        <f t="shared" ref="N6095:N6158" si="1431">(($E6095*1000)/(($G6095*1000)-$K6095))*100</f>
        <v>0.24765353895031592</v>
      </c>
      <c r="O6095" s="236">
        <f t="shared" si="1421"/>
        <v>2.0143107340657753</v>
      </c>
      <c r="P6095" s="236" t="str">
        <f t="shared" si="1422"/>
        <v>SAND</v>
      </c>
      <c r="Q6095" s="236" t="e">
        <f t="shared" ref="Q6095:Q6158" si="1432">IF(P6095="CLAY",($G6095*1000 -$K6095)/$L$8,#N/A)</f>
        <v>#N/A</v>
      </c>
      <c r="R6095" s="238">
        <v>35</v>
      </c>
      <c r="S6095" s="236" t="e">
        <f t="shared" si="1423"/>
        <v>#N/A</v>
      </c>
      <c r="T6095" s="236">
        <f t="shared" si="1424"/>
        <v>34.666498950595269</v>
      </c>
    </row>
    <row r="6096" spans="2:20" x14ac:dyDescent="0.2">
      <c r="B6096" s="239">
        <v>60.521999999999998</v>
      </c>
      <c r="C6096" s="3">
        <f t="shared" si="1425"/>
        <v>60.515000000000001</v>
      </c>
      <c r="D6096" s="239">
        <v>20.523499999999999</v>
      </c>
      <c r="E6096" s="239">
        <v>4.6800000000000001E-2</v>
      </c>
      <c r="F6096" s="239">
        <v>0.52259999999999995</v>
      </c>
      <c r="G6096">
        <f t="shared" si="1426"/>
        <v>20.628019999999999</v>
      </c>
      <c r="H6096" s="235">
        <f t="shared" si="1427"/>
        <v>0.22687587078158736</v>
      </c>
      <c r="I6096" s="236">
        <f t="shared" si="1428"/>
        <v>18.937118647109163</v>
      </c>
      <c r="J6096" s="237">
        <f t="shared" ref="J6096:J6159" si="1433">$I6096-10</f>
        <v>8.9371186471091626</v>
      </c>
      <c r="K6096" s="237">
        <f t="shared" si="1429"/>
        <v>1145.979734929811</v>
      </c>
      <c r="L6096" s="237">
        <f t="shared" ref="L6096:L6159" si="1434">$J6096*$B6096</f>
        <v>540.89229476034075</v>
      </c>
      <c r="M6096" s="236">
        <f t="shared" si="1430"/>
        <v>36.018335727452573</v>
      </c>
      <c r="N6096" s="236">
        <f t="shared" si="1431"/>
        <v>0.24022124666228531</v>
      </c>
      <c r="O6096" s="236">
        <f t="shared" ref="O6096:O6159" si="1435">((3.47-LOG($M6096))^2+(LOG($N6096)+1.22)^2)^0.5</f>
        <v>2.0055238335399332</v>
      </c>
      <c r="P6096" s="236" t="str">
        <f t="shared" ref="P6096:P6159" si="1436">IF(O6096&lt;2.6,"SAND","CLAY")</f>
        <v>SAND</v>
      </c>
      <c r="Q6096" s="236" t="e">
        <f t="shared" si="1432"/>
        <v>#N/A</v>
      </c>
      <c r="R6096" s="238">
        <v>35</v>
      </c>
      <c r="S6096" s="236" t="e">
        <f t="shared" ref="S6096:S6159" si="1437">IF(P6096="SAND",#N/A,0.25*($M6096)^1.25)</f>
        <v>#N/A</v>
      </c>
      <c r="T6096" s="236">
        <f t="shared" si="1424"/>
        <v>34.721760060062067</v>
      </c>
    </row>
    <row r="6097" spans="2:20" x14ac:dyDescent="0.2">
      <c r="B6097" s="239">
        <v>60.533000000000001</v>
      </c>
      <c r="C6097" s="3">
        <f t="shared" si="1425"/>
        <v>60.526000000000003</v>
      </c>
      <c r="D6097" s="239">
        <v>20.854399999999998</v>
      </c>
      <c r="E6097" s="239">
        <v>4.6100000000000002E-2</v>
      </c>
      <c r="F6097" s="239">
        <v>0.53510000000000002</v>
      </c>
      <c r="G6097">
        <f t="shared" si="1426"/>
        <v>20.961419999999997</v>
      </c>
      <c r="H6097" s="235">
        <f t="shared" si="1427"/>
        <v>0.21992784839958368</v>
      </c>
      <c r="I6097" s="236">
        <f t="shared" si="1428"/>
        <v>18.92571418287821</v>
      </c>
      <c r="J6097" s="237">
        <f t="shared" si="1433"/>
        <v>8.9257141828782096</v>
      </c>
      <c r="K6097" s="237">
        <f t="shared" si="1429"/>
        <v>1145.4977766328866</v>
      </c>
      <c r="L6097" s="237">
        <f t="shared" si="1434"/>
        <v>540.30025663216668</v>
      </c>
      <c r="M6097" s="236">
        <f t="shared" si="1430"/>
        <v>36.675759413635959</v>
      </c>
      <c r="N6097" s="236">
        <f t="shared" si="1431"/>
        <v>0.23264120377722552</v>
      </c>
      <c r="O6097" s="236">
        <f t="shared" si="1435"/>
        <v>1.9938887045199263</v>
      </c>
      <c r="P6097" s="236" t="str">
        <f t="shared" si="1436"/>
        <v>SAND</v>
      </c>
      <c r="Q6097" s="236" t="e">
        <f t="shared" si="1432"/>
        <v>#N/A</v>
      </c>
      <c r="R6097" s="238">
        <v>35</v>
      </c>
      <c r="S6097" s="236" t="e">
        <f t="shared" si="1437"/>
        <v>#N/A</v>
      </c>
      <c r="T6097" s="236">
        <f t="shared" si="1424"/>
        <v>34.808170266907979</v>
      </c>
    </row>
    <row r="6098" spans="2:20" x14ac:dyDescent="0.2">
      <c r="B6098" s="239">
        <v>60.542999999999999</v>
      </c>
      <c r="C6098" s="3">
        <f t="shared" si="1425"/>
        <v>60.536000000000001</v>
      </c>
      <c r="D6098" s="239">
        <v>21.35</v>
      </c>
      <c r="E6098" s="239">
        <v>4.5699999999999998E-2</v>
      </c>
      <c r="F6098" s="239">
        <v>0.55879999999999996</v>
      </c>
      <c r="G6098">
        <f t="shared" si="1426"/>
        <v>21.461760000000002</v>
      </c>
      <c r="H6098" s="235">
        <f t="shared" si="1427"/>
        <v>0.21293687004234504</v>
      </c>
      <c r="I6098" s="236">
        <f t="shared" si="1428"/>
        <v>18.924715595156172</v>
      </c>
      <c r="J6098" s="237">
        <f t="shared" si="1433"/>
        <v>8.9247155951561723</v>
      </c>
      <c r="K6098" s="237">
        <f t="shared" si="1429"/>
        <v>1145.6265832683741</v>
      </c>
      <c r="L6098" s="237">
        <f t="shared" si="1434"/>
        <v>540.32905627754019</v>
      </c>
      <c r="M6098" s="236">
        <f t="shared" si="1430"/>
        <v>37.599557493158834</v>
      </c>
      <c r="N6098" s="236">
        <f t="shared" si="1431"/>
        <v>0.22494437825636224</v>
      </c>
      <c r="O6098" s="236">
        <f t="shared" si="1435"/>
        <v>1.9792934200451078</v>
      </c>
      <c r="P6098" s="236" t="str">
        <f t="shared" si="1436"/>
        <v>SAND</v>
      </c>
      <c r="Q6098" s="236" t="e">
        <f t="shared" si="1432"/>
        <v>#N/A</v>
      </c>
      <c r="R6098" s="238">
        <v>35</v>
      </c>
      <c r="S6098" s="236" t="e">
        <f t="shared" si="1437"/>
        <v>#N/A</v>
      </c>
      <c r="T6098" s="236">
        <f t="shared" si="1424"/>
        <v>34.927010071504483</v>
      </c>
    </row>
    <row r="6099" spans="2:20" x14ac:dyDescent="0.2">
      <c r="B6099" s="239">
        <v>60.552999999999997</v>
      </c>
      <c r="C6099" s="3">
        <f t="shared" si="1425"/>
        <v>60.545999999999999</v>
      </c>
      <c r="D6099" s="239">
        <v>21.805199999999999</v>
      </c>
      <c r="E6099" s="239">
        <v>4.2900000000000001E-2</v>
      </c>
      <c r="F6099" s="239">
        <v>0.55779999999999996</v>
      </c>
      <c r="G6099">
        <f t="shared" si="1426"/>
        <v>21.91676</v>
      </c>
      <c r="H6099" s="235">
        <f t="shared" si="1427"/>
        <v>0.19574061129473516</v>
      </c>
      <c r="I6099" s="236">
        <f t="shared" si="1428"/>
        <v>18.858776459995916</v>
      </c>
      <c r="J6099" s="237">
        <f t="shared" si="1433"/>
        <v>8.8587764599959158</v>
      </c>
      <c r="K6099" s="237">
        <f t="shared" si="1429"/>
        <v>1141.8234795469127</v>
      </c>
      <c r="L6099" s="237">
        <f t="shared" si="1434"/>
        <v>536.42549098213271</v>
      </c>
      <c r="M6099" s="236">
        <f t="shared" si="1430"/>
        <v>38.728466244988823</v>
      </c>
      <c r="N6099" s="236">
        <f t="shared" si="1431"/>
        <v>0.20649882591826269</v>
      </c>
      <c r="O6099" s="236">
        <f t="shared" si="1435"/>
        <v>1.9565139364813382</v>
      </c>
      <c r="P6099" s="236" t="str">
        <f t="shared" si="1436"/>
        <v>SAND</v>
      </c>
      <c r="Q6099" s="236" t="e">
        <f t="shared" si="1432"/>
        <v>#N/A</v>
      </c>
      <c r="R6099" s="238">
        <v>35</v>
      </c>
      <c r="S6099" s="236" t="e">
        <f t="shared" si="1437"/>
        <v>#N/A</v>
      </c>
      <c r="T6099" s="236">
        <f t="shared" si="1424"/>
        <v>35.068333278625829</v>
      </c>
    </row>
    <row r="6100" spans="2:20" x14ac:dyDescent="0.2">
      <c r="B6100" s="239">
        <v>60.561999999999998</v>
      </c>
      <c r="C6100" s="3">
        <f t="shared" si="1425"/>
        <v>60.555</v>
      </c>
      <c r="D6100" s="239">
        <v>22.407299999999999</v>
      </c>
      <c r="E6100" s="239">
        <v>4.3700000000000003E-2</v>
      </c>
      <c r="F6100" s="239">
        <v>0.56259999999999999</v>
      </c>
      <c r="G6100">
        <f t="shared" si="1426"/>
        <v>22.519819999999999</v>
      </c>
      <c r="H6100" s="235">
        <f t="shared" si="1427"/>
        <v>0.19405128460174195</v>
      </c>
      <c r="I6100" s="236">
        <f t="shared" si="1428"/>
        <v>18.891051357608262</v>
      </c>
      <c r="J6100" s="237">
        <f t="shared" si="1433"/>
        <v>8.8910513576082622</v>
      </c>
      <c r="K6100" s="237">
        <f t="shared" si="1429"/>
        <v>1143.9476149599684</v>
      </c>
      <c r="L6100" s="237">
        <f t="shared" si="1434"/>
        <v>538.45985231947157</v>
      </c>
      <c r="M6100" s="236">
        <f t="shared" si="1430"/>
        <v>39.698173026199164</v>
      </c>
      <c r="N6100" s="236">
        <f t="shared" si="1431"/>
        <v>0.2044361007253373</v>
      </c>
      <c r="O6100" s="236">
        <f t="shared" si="1435"/>
        <v>1.9449912906988425</v>
      </c>
      <c r="P6100" s="236" t="str">
        <f t="shared" si="1436"/>
        <v>SAND</v>
      </c>
      <c r="Q6100" s="236" t="e">
        <f t="shared" si="1432"/>
        <v>#N/A</v>
      </c>
      <c r="R6100" s="238">
        <v>35</v>
      </c>
      <c r="S6100" s="236" t="e">
        <f t="shared" si="1437"/>
        <v>#N/A</v>
      </c>
      <c r="T6100" s="236">
        <f t="shared" si="1424"/>
        <v>35.186475723213519</v>
      </c>
    </row>
    <row r="6101" spans="2:20" x14ac:dyDescent="0.2">
      <c r="B6101" s="239">
        <v>60.572000000000003</v>
      </c>
      <c r="C6101" s="3">
        <f t="shared" si="1425"/>
        <v>60.565000000000005</v>
      </c>
      <c r="D6101" s="239">
        <v>22.800999999999998</v>
      </c>
      <c r="E6101" s="239">
        <v>4.3299999999999998E-2</v>
      </c>
      <c r="F6101" s="239">
        <v>0.57850000000000001</v>
      </c>
      <c r="G6101">
        <f t="shared" si="1426"/>
        <v>22.916699999999999</v>
      </c>
      <c r="H6101" s="235">
        <f t="shared" si="1427"/>
        <v>0.18894517971610225</v>
      </c>
      <c r="I6101" s="236">
        <f t="shared" si="1428"/>
        <v>18.887097246071491</v>
      </c>
      <c r="J6101" s="237">
        <f t="shared" si="1433"/>
        <v>8.887097246071491</v>
      </c>
      <c r="K6101" s="237">
        <f t="shared" si="1429"/>
        <v>1143.89704470832</v>
      </c>
      <c r="L6101" s="237">
        <f t="shared" si="1434"/>
        <v>538.30925438904239</v>
      </c>
      <c r="M6101" s="236">
        <f t="shared" si="1430"/>
        <v>40.4466443364472</v>
      </c>
      <c r="N6101" s="236">
        <f t="shared" si="1431"/>
        <v>0.19887196007290522</v>
      </c>
      <c r="O6101" s="236">
        <f t="shared" si="1435"/>
        <v>1.9339403724851831</v>
      </c>
      <c r="P6101" s="236" t="str">
        <f t="shared" si="1436"/>
        <v>SAND</v>
      </c>
      <c r="Q6101" s="236" t="e">
        <f t="shared" si="1432"/>
        <v>#N/A</v>
      </c>
      <c r="R6101" s="238">
        <v>35</v>
      </c>
      <c r="S6101" s="236" t="e">
        <f t="shared" si="1437"/>
        <v>#N/A</v>
      </c>
      <c r="T6101" s="236">
        <f t="shared" si="1424"/>
        <v>35.275707457302985</v>
      </c>
    </row>
    <row r="6102" spans="2:20" x14ac:dyDescent="0.2">
      <c r="B6102" s="239">
        <v>60.582000000000001</v>
      </c>
      <c r="C6102" s="3">
        <f t="shared" si="1425"/>
        <v>60.575000000000003</v>
      </c>
      <c r="D6102" s="239">
        <v>23.174800000000001</v>
      </c>
      <c r="E6102" s="239">
        <v>4.19E-2</v>
      </c>
      <c r="F6102" s="239">
        <v>0.56899999999999995</v>
      </c>
      <c r="G6102">
        <f t="shared" si="1426"/>
        <v>23.288600000000002</v>
      </c>
      <c r="H6102" s="235">
        <f t="shared" si="1427"/>
        <v>0.1799163539242376</v>
      </c>
      <c r="I6102" s="236">
        <f t="shared" si="1428"/>
        <v>18.854849959829899</v>
      </c>
      <c r="J6102" s="237">
        <f t="shared" si="1433"/>
        <v>8.8548499598298989</v>
      </c>
      <c r="K6102" s="237">
        <f t="shared" si="1429"/>
        <v>1142.1325363166961</v>
      </c>
      <c r="L6102" s="237">
        <f t="shared" si="1434"/>
        <v>536.44452026641488</v>
      </c>
      <c r="M6102" s="236">
        <f t="shared" si="1430"/>
        <v>41.283798467518487</v>
      </c>
      <c r="N6102" s="236">
        <f t="shared" si="1431"/>
        <v>0.18919495882902929</v>
      </c>
      <c r="O6102" s="236">
        <f t="shared" si="1435"/>
        <v>1.9196489835347643</v>
      </c>
      <c r="P6102" s="236" t="str">
        <f t="shared" si="1436"/>
        <v>SAND</v>
      </c>
      <c r="Q6102" s="236" t="e">
        <f t="shared" si="1432"/>
        <v>#N/A</v>
      </c>
      <c r="R6102" s="238">
        <v>35</v>
      </c>
      <c r="S6102" s="236" t="e">
        <f t="shared" si="1437"/>
        <v>#N/A</v>
      </c>
      <c r="T6102" s="236">
        <f t="shared" si="1424"/>
        <v>35.373576142482307</v>
      </c>
    </row>
    <row r="6103" spans="2:20" x14ac:dyDescent="0.2">
      <c r="B6103" s="239">
        <v>60.591999999999999</v>
      </c>
      <c r="C6103" s="3">
        <f t="shared" si="1425"/>
        <v>60.585000000000001</v>
      </c>
      <c r="D6103" s="239">
        <v>23.482800000000001</v>
      </c>
      <c r="E6103" s="239">
        <v>4.53E-2</v>
      </c>
      <c r="F6103" s="239">
        <v>0.54910000000000003</v>
      </c>
      <c r="G6103">
        <f t="shared" si="1426"/>
        <v>23.59262</v>
      </c>
      <c r="H6103" s="235">
        <f t="shared" si="1427"/>
        <v>0.19200919609606734</v>
      </c>
      <c r="I6103" s="236">
        <f t="shared" si="1428"/>
        <v>18.951406755241727</v>
      </c>
      <c r="J6103" s="237">
        <f t="shared" si="1433"/>
        <v>8.9514067552417274</v>
      </c>
      <c r="K6103" s="237">
        <f t="shared" si="1429"/>
        <v>1148.1709782663202</v>
      </c>
      <c r="L6103" s="237">
        <f t="shared" si="1434"/>
        <v>542.38363811360671</v>
      </c>
      <c r="M6103" s="236">
        <f t="shared" si="1430"/>
        <v>41.381132181263375</v>
      </c>
      <c r="N6103" s="236">
        <f t="shared" si="1431"/>
        <v>0.2018316420070484</v>
      </c>
      <c r="O6103" s="236">
        <f t="shared" si="1435"/>
        <v>1.9261243928681624</v>
      </c>
      <c r="P6103" s="236" t="str">
        <f t="shared" si="1436"/>
        <v>SAND</v>
      </c>
      <c r="Q6103" s="236" t="e">
        <f t="shared" si="1432"/>
        <v>#N/A</v>
      </c>
      <c r="R6103" s="238">
        <v>35</v>
      </c>
      <c r="S6103" s="236" t="e">
        <f t="shared" si="1437"/>
        <v>#N/A</v>
      </c>
      <c r="T6103" s="236">
        <f t="shared" si="1424"/>
        <v>35.384826055930304</v>
      </c>
    </row>
    <row r="6104" spans="2:20" x14ac:dyDescent="0.2">
      <c r="B6104" s="239">
        <v>60.600999999999999</v>
      </c>
      <c r="C6104" s="3">
        <f t="shared" si="1425"/>
        <v>60.594000000000001</v>
      </c>
      <c r="D6104" s="239">
        <v>23.632899999999999</v>
      </c>
      <c r="E6104" s="239">
        <v>4.5900000000000003E-2</v>
      </c>
      <c r="F6104" s="239">
        <v>0.54559999999999997</v>
      </c>
      <c r="G6104">
        <f t="shared" si="1426"/>
        <v>23.74202</v>
      </c>
      <c r="H6104" s="235">
        <f t="shared" si="1427"/>
        <v>0.19332811614176049</v>
      </c>
      <c r="I6104" s="236">
        <f t="shared" si="1428"/>
        <v>18.969303205178068</v>
      </c>
      <c r="J6104" s="237">
        <f t="shared" si="1433"/>
        <v>8.9693032051780683</v>
      </c>
      <c r="K6104" s="237">
        <f t="shared" si="1429"/>
        <v>1149.42595841456</v>
      </c>
      <c r="L6104" s="237">
        <f t="shared" si="1434"/>
        <v>543.54874353699608</v>
      </c>
      <c r="M6104" s="236">
        <f t="shared" si="1430"/>
        <v>41.564982552567891</v>
      </c>
      <c r="N6104" s="236">
        <f t="shared" si="1431"/>
        <v>0.20316392139615924</v>
      </c>
      <c r="O6104" s="236">
        <f t="shared" si="1435"/>
        <v>1.9250536379117227</v>
      </c>
      <c r="P6104" s="236" t="str">
        <f t="shared" si="1436"/>
        <v>SAND</v>
      </c>
      <c r="Q6104" s="236" t="e">
        <f t="shared" si="1432"/>
        <v>#N/A</v>
      </c>
      <c r="R6104" s="238">
        <v>35</v>
      </c>
      <c r="S6104" s="236" t="e">
        <f t="shared" si="1437"/>
        <v>#N/A</v>
      </c>
      <c r="T6104" s="236">
        <f t="shared" si="1424"/>
        <v>35.40600362791028</v>
      </c>
    </row>
    <row r="6105" spans="2:20" x14ac:dyDescent="0.2">
      <c r="B6105" s="239">
        <v>60.61</v>
      </c>
      <c r="C6105" s="3">
        <f t="shared" si="1425"/>
        <v>60.603000000000002</v>
      </c>
      <c r="D6105" s="239">
        <v>23.691500000000001</v>
      </c>
      <c r="E6105" s="239">
        <v>4.6199999999999998E-2</v>
      </c>
      <c r="F6105" s="239">
        <v>0.55379999999999996</v>
      </c>
      <c r="G6105">
        <f t="shared" si="1426"/>
        <v>23.80226</v>
      </c>
      <c r="H6105" s="235">
        <f t="shared" si="1427"/>
        <v>0.19409921578875283</v>
      </c>
      <c r="I6105" s="236">
        <f t="shared" si="1428"/>
        <v>18.977932763728081</v>
      </c>
      <c r="J6105" s="237">
        <f t="shared" si="1433"/>
        <v>8.9779327637280808</v>
      </c>
      <c r="K6105" s="237">
        <f t="shared" si="1429"/>
        <v>1150.119659280213</v>
      </c>
      <c r="L6105" s="237">
        <f t="shared" si="1434"/>
        <v>544.15250480955899</v>
      </c>
      <c r="M6105" s="236">
        <f t="shared" si="1430"/>
        <v>41.628293797246279</v>
      </c>
      <c r="N6105" s="236">
        <f t="shared" si="1431"/>
        <v>0.20395423701728643</v>
      </c>
      <c r="O6105" s="236">
        <f t="shared" si="1435"/>
        <v>1.924881146283014</v>
      </c>
      <c r="P6105" s="236" t="str">
        <f t="shared" si="1436"/>
        <v>SAND</v>
      </c>
      <c r="Q6105" s="236" t="e">
        <f t="shared" si="1432"/>
        <v>#N/A</v>
      </c>
      <c r="R6105" s="238">
        <v>35</v>
      </c>
      <c r="S6105" s="236" t="e">
        <f t="shared" si="1437"/>
        <v>#N/A</v>
      </c>
      <c r="T6105" s="236">
        <f t="shared" si="1424"/>
        <v>35.413274720910266</v>
      </c>
    </row>
    <row r="6106" spans="2:20" x14ac:dyDescent="0.2">
      <c r="B6106" s="239">
        <v>60.621000000000002</v>
      </c>
      <c r="C6106" s="3">
        <f t="shared" si="1425"/>
        <v>60.614000000000004</v>
      </c>
      <c r="D6106" s="239">
        <v>23.751300000000001</v>
      </c>
      <c r="E6106" s="239">
        <v>4.6199999999999998E-2</v>
      </c>
      <c r="F6106" s="239">
        <v>0.56499999999999995</v>
      </c>
      <c r="G6106">
        <f t="shared" si="1426"/>
        <v>23.8643</v>
      </c>
      <c r="H6106" s="235">
        <f t="shared" si="1427"/>
        <v>0.19359461622591065</v>
      </c>
      <c r="I6106" s="236">
        <f t="shared" si="1428"/>
        <v>18.978950218328727</v>
      </c>
      <c r="J6106" s="237">
        <f t="shared" si="1433"/>
        <v>8.9789502183287269</v>
      </c>
      <c r="K6106" s="237">
        <f t="shared" si="1429"/>
        <v>1150.3900885337775</v>
      </c>
      <c r="L6106" s="237">
        <f t="shared" si="1434"/>
        <v>544.31294118530582</v>
      </c>
      <c r="M6106" s="236">
        <f t="shared" si="1430"/>
        <v>41.729505570828415</v>
      </c>
      <c r="N6106" s="236">
        <f t="shared" si="1431"/>
        <v>0.203399591616227</v>
      </c>
      <c r="O6106" s="236">
        <f t="shared" si="1435"/>
        <v>1.9235420493180242</v>
      </c>
      <c r="P6106" s="236" t="str">
        <f t="shared" si="1436"/>
        <v>SAND</v>
      </c>
      <c r="Q6106" s="236" t="e">
        <f t="shared" si="1432"/>
        <v>#N/A</v>
      </c>
      <c r="R6106" s="238">
        <v>35</v>
      </c>
      <c r="S6106" s="236" t="e">
        <f t="shared" si="1437"/>
        <v>#N/A</v>
      </c>
      <c r="T6106" s="236">
        <f t="shared" si="1424"/>
        <v>35.424875629373417</v>
      </c>
    </row>
    <row r="6107" spans="2:20" x14ac:dyDescent="0.2">
      <c r="B6107" s="239">
        <v>60.631</v>
      </c>
      <c r="C6107" s="3">
        <f t="shared" si="1425"/>
        <v>60.624000000000002</v>
      </c>
      <c r="D6107" s="239">
        <v>23.805900000000001</v>
      </c>
      <c r="E6107" s="239">
        <v>4.6199999999999998E-2</v>
      </c>
      <c r="F6107" s="239">
        <v>0.55510000000000004</v>
      </c>
      <c r="G6107">
        <f t="shared" si="1426"/>
        <v>23.916920000000001</v>
      </c>
      <c r="H6107" s="235">
        <f t="shared" si="1427"/>
        <v>0.19316868559998526</v>
      </c>
      <c r="I6107" s="236">
        <f t="shared" si="1428"/>
        <v>18.979811114153009</v>
      </c>
      <c r="J6107" s="237">
        <f t="shared" si="1433"/>
        <v>8.9798111141530086</v>
      </c>
      <c r="K6107" s="237">
        <f t="shared" si="1429"/>
        <v>1150.6320689844119</v>
      </c>
      <c r="L6107" s="237">
        <f t="shared" si="1434"/>
        <v>544.45492766221105</v>
      </c>
      <c r="M6107" s="236">
        <f t="shared" si="1430"/>
        <v>41.814825753841241</v>
      </c>
      <c r="N6107" s="236">
        <f t="shared" si="1431"/>
        <v>0.20293163356270982</v>
      </c>
      <c r="O6107" s="236">
        <f t="shared" si="1435"/>
        <v>1.922414484923445</v>
      </c>
      <c r="P6107" s="236" t="str">
        <f t="shared" si="1436"/>
        <v>SAND</v>
      </c>
      <c r="Q6107" s="236" t="e">
        <f t="shared" si="1432"/>
        <v>#N/A</v>
      </c>
      <c r="R6107" s="238">
        <v>35</v>
      </c>
      <c r="S6107" s="236" t="e">
        <f t="shared" si="1437"/>
        <v>#N/A</v>
      </c>
      <c r="T6107" s="236">
        <f t="shared" si="1424"/>
        <v>35.434633205182372</v>
      </c>
    </row>
    <row r="6108" spans="2:20" x14ac:dyDescent="0.2">
      <c r="B6108" s="239">
        <v>60.64</v>
      </c>
      <c r="C6108" s="3">
        <f t="shared" si="1425"/>
        <v>60.633000000000003</v>
      </c>
      <c r="D6108" s="239">
        <v>23.823799999999999</v>
      </c>
      <c r="E6108" s="239">
        <v>4.5199999999999997E-2</v>
      </c>
      <c r="F6108" s="239">
        <v>0.56999999999999995</v>
      </c>
      <c r="G6108">
        <f t="shared" si="1426"/>
        <v>23.937799999999999</v>
      </c>
      <c r="H6108" s="235">
        <f t="shared" si="1427"/>
        <v>0.18882269882779537</v>
      </c>
      <c r="I6108" s="236">
        <f t="shared" si="1428"/>
        <v>18.954492639093562</v>
      </c>
      <c r="J6108" s="237">
        <f t="shared" si="1433"/>
        <v>8.9544926390935622</v>
      </c>
      <c r="K6108" s="237">
        <f t="shared" si="1429"/>
        <v>1149.2677521861599</v>
      </c>
      <c r="L6108" s="237">
        <f t="shared" si="1434"/>
        <v>543.00043363463362</v>
      </c>
      <c r="M6108" s="236">
        <f t="shared" si="1430"/>
        <v>41.967797512197684</v>
      </c>
      <c r="N6108" s="236">
        <f t="shared" si="1431"/>
        <v>0.19834537612371303</v>
      </c>
      <c r="O6108" s="236">
        <f t="shared" si="1435"/>
        <v>1.9181877529280678</v>
      </c>
      <c r="P6108" s="236" t="str">
        <f t="shared" si="1436"/>
        <v>SAND</v>
      </c>
      <c r="Q6108" s="236" t="e">
        <f t="shared" si="1432"/>
        <v>#N/A</v>
      </c>
      <c r="R6108" s="238">
        <v>35</v>
      </c>
      <c r="S6108" s="236" t="e">
        <f t="shared" si="1437"/>
        <v>#N/A</v>
      </c>
      <c r="T6108" s="236">
        <f t="shared" si="1424"/>
        <v>35.45207795636145</v>
      </c>
    </row>
    <row r="6109" spans="2:20" x14ac:dyDescent="0.2">
      <c r="B6109" s="239">
        <v>60.65</v>
      </c>
      <c r="C6109" s="3">
        <f t="shared" si="1425"/>
        <v>60.643000000000001</v>
      </c>
      <c r="D6109" s="239">
        <v>23.6859</v>
      </c>
      <c r="E6109" s="239">
        <v>4.7600000000000003E-2</v>
      </c>
      <c r="F6109" s="239">
        <v>0.55100000000000005</v>
      </c>
      <c r="G6109">
        <f t="shared" si="1426"/>
        <v>23.796099999999999</v>
      </c>
      <c r="H6109" s="235">
        <f t="shared" si="1427"/>
        <v>0.20003277848050735</v>
      </c>
      <c r="I6109" s="236">
        <f t="shared" si="1428"/>
        <v>19.012837033518121</v>
      </c>
      <c r="J6109" s="237">
        <f t="shared" si="1433"/>
        <v>9.0128370335181209</v>
      </c>
      <c r="K6109" s="237">
        <f t="shared" si="1429"/>
        <v>1152.9954762236393</v>
      </c>
      <c r="L6109" s="237">
        <f t="shared" si="1434"/>
        <v>546.62856608287404</v>
      </c>
      <c r="M6109" s="236">
        <f t="shared" si="1430"/>
        <v>41.423200192474852</v>
      </c>
      <c r="N6109" s="236">
        <f t="shared" si="1431"/>
        <v>0.21021852348037207</v>
      </c>
      <c r="O6109" s="236">
        <f t="shared" si="1435"/>
        <v>1.9305952177854941</v>
      </c>
      <c r="P6109" s="236" t="str">
        <f t="shared" si="1436"/>
        <v>SAND</v>
      </c>
      <c r="Q6109" s="236" t="e">
        <f t="shared" si="1432"/>
        <v>#N/A</v>
      </c>
      <c r="R6109" s="238">
        <v>35</v>
      </c>
      <c r="S6109" s="236" t="e">
        <f t="shared" si="1437"/>
        <v>#N/A</v>
      </c>
      <c r="T6109" s="236">
        <f t="shared" si="1424"/>
        <v>35.38968012498686</v>
      </c>
    </row>
    <row r="6110" spans="2:20" x14ac:dyDescent="0.2">
      <c r="B6110" s="239">
        <v>60.66</v>
      </c>
      <c r="C6110" s="3">
        <f t="shared" si="1425"/>
        <v>60.652999999999999</v>
      </c>
      <c r="D6110" s="239">
        <v>23.622499999999999</v>
      </c>
      <c r="E6110" s="239">
        <v>4.7300000000000002E-2</v>
      </c>
      <c r="F6110" s="239">
        <v>0.56389999999999996</v>
      </c>
      <c r="G6110">
        <f t="shared" si="1426"/>
        <v>23.735279999999999</v>
      </c>
      <c r="H6110" s="235">
        <f t="shared" si="1427"/>
        <v>0.19928140725535998</v>
      </c>
      <c r="I6110" s="236">
        <f t="shared" si="1428"/>
        <v>19.004423057801564</v>
      </c>
      <c r="J6110" s="237">
        <f t="shared" si="1433"/>
        <v>9.0044230578015636</v>
      </c>
      <c r="K6110" s="237">
        <f t="shared" si="1429"/>
        <v>1152.6752717248382</v>
      </c>
      <c r="L6110" s="237">
        <f t="shared" si="1434"/>
        <v>546.20830268624286</v>
      </c>
      <c r="M6110" s="236">
        <f t="shared" si="1430"/>
        <v>41.344308786985309</v>
      </c>
      <c r="N6110" s="236">
        <f t="shared" si="1431"/>
        <v>0.20945325204570739</v>
      </c>
      <c r="O6110" s="236">
        <f t="shared" si="1435"/>
        <v>1.9309453341410641</v>
      </c>
      <c r="P6110" s="236" t="str">
        <f t="shared" si="1436"/>
        <v>SAND</v>
      </c>
      <c r="Q6110" s="236" t="e">
        <f t="shared" si="1432"/>
        <v>#N/A</v>
      </c>
      <c r="R6110" s="238">
        <v>35</v>
      </c>
      <c r="S6110" s="236" t="e">
        <f t="shared" si="1437"/>
        <v>#N/A</v>
      </c>
      <c r="T6110" s="236">
        <f t="shared" si="1424"/>
        <v>35.380573091524226</v>
      </c>
    </row>
    <row r="6111" spans="2:20" x14ac:dyDescent="0.2">
      <c r="B6111" s="239">
        <v>60.665999999999997</v>
      </c>
      <c r="C6111" s="3">
        <f t="shared" si="1425"/>
        <v>60.658999999999999</v>
      </c>
      <c r="D6111" s="239">
        <v>23.4496</v>
      </c>
      <c r="E6111" s="239">
        <v>4.6399999999999997E-2</v>
      </c>
      <c r="F6111" s="239">
        <v>0.56669999999999998</v>
      </c>
      <c r="G6111">
        <f t="shared" si="1426"/>
        <v>23.562940000000001</v>
      </c>
      <c r="H6111" s="235">
        <f t="shared" si="1427"/>
        <v>0.19691939970139546</v>
      </c>
      <c r="I6111" s="236">
        <f t="shared" si="1428"/>
        <v>18.979048131519431</v>
      </c>
      <c r="J6111" s="237">
        <f t="shared" si="1433"/>
        <v>8.9790481315194306</v>
      </c>
      <c r="K6111" s="237">
        <f t="shared" si="1429"/>
        <v>1151.2500806098371</v>
      </c>
      <c r="L6111" s="237">
        <f t="shared" si="1434"/>
        <v>544.72293394675773</v>
      </c>
      <c r="M6111" s="236">
        <f t="shared" si="1430"/>
        <v>41.143283167843869</v>
      </c>
      <c r="N6111" s="236">
        <f t="shared" si="1431"/>
        <v>0.20703481159560216</v>
      </c>
      <c r="O6111" s="236">
        <f t="shared" si="1435"/>
        <v>1.9315716157750693</v>
      </c>
      <c r="P6111" s="236" t="str">
        <f t="shared" si="1436"/>
        <v>SAND</v>
      </c>
      <c r="Q6111" s="236" t="e">
        <f t="shared" si="1432"/>
        <v>#N/A</v>
      </c>
      <c r="R6111" s="238">
        <v>35</v>
      </c>
      <c r="S6111" s="236" t="e">
        <f t="shared" si="1437"/>
        <v>#N/A</v>
      </c>
      <c r="T6111" s="236">
        <f t="shared" si="1424"/>
        <v>35.357288392171832</v>
      </c>
    </row>
    <row r="6112" spans="2:20" x14ac:dyDescent="0.2">
      <c r="B6112" s="239">
        <v>60.673999999999999</v>
      </c>
      <c r="C6112" s="3">
        <f t="shared" si="1425"/>
        <v>60.667000000000002</v>
      </c>
      <c r="D6112" s="239">
        <v>23.398099999999999</v>
      </c>
      <c r="E6112" s="239">
        <v>4.9200000000000001E-2</v>
      </c>
      <c r="F6112" s="239">
        <v>0.57889999999999997</v>
      </c>
      <c r="G6112">
        <f t="shared" si="1426"/>
        <v>23.51388</v>
      </c>
      <c r="H6112" s="235">
        <f t="shared" si="1427"/>
        <v>0.20923811808174578</v>
      </c>
      <c r="I6112" s="236">
        <f t="shared" si="1428"/>
        <v>19.04694069960663</v>
      </c>
      <c r="J6112" s="237">
        <f t="shared" si="1433"/>
        <v>9.0469406996066297</v>
      </c>
      <c r="K6112" s="237">
        <f t="shared" si="1429"/>
        <v>1155.5207514230353</v>
      </c>
      <c r="L6112" s="237">
        <f t="shared" si="1434"/>
        <v>548.91408000793263</v>
      </c>
      <c r="M6112" s="236">
        <f t="shared" si="1430"/>
        <v>40.731983497770457</v>
      </c>
      <c r="N6112" s="236">
        <f t="shared" si="1431"/>
        <v>0.22005192533585136</v>
      </c>
      <c r="O6112" s="236">
        <f t="shared" si="1435"/>
        <v>1.9432638251460199</v>
      </c>
      <c r="P6112" s="236" t="str">
        <f t="shared" si="1436"/>
        <v>SAND</v>
      </c>
      <c r="Q6112" s="236" t="e">
        <f t="shared" si="1432"/>
        <v>#N/A</v>
      </c>
      <c r="R6112" s="238">
        <v>35</v>
      </c>
      <c r="S6112" s="236" t="e">
        <f t="shared" si="1437"/>
        <v>#N/A</v>
      </c>
      <c r="T6112" s="236">
        <f t="shared" si="1424"/>
        <v>35.309291150592038</v>
      </c>
    </row>
    <row r="6113" spans="2:20" x14ac:dyDescent="0.2">
      <c r="B6113" s="239">
        <v>60.683</v>
      </c>
      <c r="C6113" s="3">
        <f t="shared" si="1425"/>
        <v>60.676000000000002</v>
      </c>
      <c r="D6113" s="239">
        <v>23.439800000000002</v>
      </c>
      <c r="E6113" s="239">
        <v>4.8899999999999999E-2</v>
      </c>
      <c r="F6113" s="239">
        <v>0.57330000000000003</v>
      </c>
      <c r="G6113">
        <f t="shared" si="1426"/>
        <v>23.554460000000002</v>
      </c>
      <c r="H6113" s="235">
        <f t="shared" si="1427"/>
        <v>0.207603995166945</v>
      </c>
      <c r="I6113" s="236">
        <f t="shared" si="1428"/>
        <v>19.040442811022512</v>
      </c>
      <c r="J6113" s="237">
        <f t="shared" si="1433"/>
        <v>9.0404428110225119</v>
      </c>
      <c r="K6113" s="237">
        <f t="shared" si="1429"/>
        <v>1155.2979080016021</v>
      </c>
      <c r="L6113" s="237">
        <f t="shared" si="1434"/>
        <v>548.60119110127914</v>
      </c>
      <c r="M6113" s="236">
        <f t="shared" si="1430"/>
        <v>40.829590703282335</v>
      </c>
      <c r="N6113" s="236">
        <f t="shared" si="1431"/>
        <v>0.21831173772999496</v>
      </c>
      <c r="O6113" s="236">
        <f t="shared" si="1435"/>
        <v>1.9412730465784502</v>
      </c>
      <c r="P6113" s="236" t="str">
        <f t="shared" si="1436"/>
        <v>SAND</v>
      </c>
      <c r="Q6113" s="236" t="e">
        <f t="shared" si="1432"/>
        <v>#N/A</v>
      </c>
      <c r="R6113" s="238">
        <v>35</v>
      </c>
      <c r="S6113" s="236" t="e">
        <f t="shared" si="1437"/>
        <v>#N/A</v>
      </c>
      <c r="T6113" s="236">
        <f t="shared" si="1424"/>
        <v>35.320725289900807</v>
      </c>
    </row>
    <row r="6114" spans="2:20" x14ac:dyDescent="0.2">
      <c r="B6114" s="239">
        <v>60.69</v>
      </c>
      <c r="C6114" s="3">
        <f t="shared" si="1425"/>
        <v>60.683</v>
      </c>
      <c r="D6114" s="239">
        <v>23.386199999999999</v>
      </c>
      <c r="E6114" s="239">
        <v>5.0200000000000002E-2</v>
      </c>
      <c r="F6114" s="239">
        <v>0.56189999999999996</v>
      </c>
      <c r="G6114">
        <f t="shared" si="1426"/>
        <v>23.49858</v>
      </c>
      <c r="H6114" s="235">
        <f t="shared" si="1427"/>
        <v>0.21362992997874763</v>
      </c>
      <c r="I6114" s="236">
        <f t="shared" si="1428"/>
        <v>19.070280547777433</v>
      </c>
      <c r="J6114" s="237">
        <f t="shared" si="1433"/>
        <v>9.0702805477774326</v>
      </c>
      <c r="K6114" s="237">
        <f t="shared" si="1429"/>
        <v>1157.2418344807779</v>
      </c>
      <c r="L6114" s="237">
        <f t="shared" si="1434"/>
        <v>550.47532644461239</v>
      </c>
      <c r="M6114" s="236">
        <f t="shared" si="1430"/>
        <v>40.585539609588949</v>
      </c>
      <c r="N6114" s="236">
        <f t="shared" si="1431"/>
        <v>0.22469558281641688</v>
      </c>
      <c r="O6114" s="236">
        <f t="shared" si="1435"/>
        <v>1.9474038198567365</v>
      </c>
      <c r="P6114" s="236" t="str">
        <f t="shared" si="1436"/>
        <v>SAND</v>
      </c>
      <c r="Q6114" s="236" t="e">
        <f t="shared" si="1432"/>
        <v>#N/A</v>
      </c>
      <c r="R6114" s="238">
        <v>35</v>
      </c>
      <c r="S6114" s="236" t="e">
        <f t="shared" si="1437"/>
        <v>#N/A</v>
      </c>
      <c r="T6114" s="236">
        <f t="shared" si="1424"/>
        <v>35.292084570076966</v>
      </c>
    </row>
    <row r="6115" spans="2:20" x14ac:dyDescent="0.2">
      <c r="B6115" s="239">
        <v>60.7</v>
      </c>
      <c r="C6115" s="3">
        <f t="shared" si="1425"/>
        <v>60.693000000000005</v>
      </c>
      <c r="D6115" s="239">
        <v>23.2897</v>
      </c>
      <c r="E6115" s="239">
        <v>5.0799999999999998E-2</v>
      </c>
      <c r="F6115" s="239">
        <v>0.58389999999999997</v>
      </c>
      <c r="G6115">
        <f t="shared" si="1426"/>
        <v>23.406479999999998</v>
      </c>
      <c r="H6115" s="235">
        <f t="shared" si="1427"/>
        <v>0.21703391539436945</v>
      </c>
      <c r="I6115" s="236">
        <f t="shared" si="1428"/>
        <v>19.082677573781744</v>
      </c>
      <c r="J6115" s="237">
        <f t="shared" si="1433"/>
        <v>9.0826775737817442</v>
      </c>
      <c r="K6115" s="237">
        <f t="shared" si="1429"/>
        <v>1158.1849499855355</v>
      </c>
      <c r="L6115" s="237">
        <f t="shared" si="1434"/>
        <v>551.31852872855188</v>
      </c>
      <c r="M6115" s="236">
        <f t="shared" si="1430"/>
        <v>40.354702210577571</v>
      </c>
      <c r="N6115" s="236">
        <f t="shared" si="1431"/>
        <v>0.22833210313779514</v>
      </c>
      <c r="O6115" s="236">
        <f t="shared" si="1435"/>
        <v>1.9518274458703333</v>
      </c>
      <c r="P6115" s="236" t="str">
        <f t="shared" si="1436"/>
        <v>SAND</v>
      </c>
      <c r="Q6115" s="236" t="e">
        <f t="shared" si="1432"/>
        <v>#N/A</v>
      </c>
      <c r="R6115" s="238">
        <v>35</v>
      </c>
      <c r="S6115" s="236" t="e">
        <f t="shared" si="1437"/>
        <v>#N/A</v>
      </c>
      <c r="T6115" s="236">
        <f t="shared" si="1424"/>
        <v>35.264835615546559</v>
      </c>
    </row>
    <row r="6116" spans="2:20" x14ac:dyDescent="0.2">
      <c r="B6116" s="239">
        <v>60.709000000000003</v>
      </c>
      <c r="C6116" s="3">
        <f t="shared" si="1425"/>
        <v>60.702000000000005</v>
      </c>
      <c r="D6116" s="239">
        <v>23.259899999999998</v>
      </c>
      <c r="E6116" s="239">
        <v>5.2900000000000003E-2</v>
      </c>
      <c r="F6116" s="239">
        <v>0.57679999999999998</v>
      </c>
      <c r="G6116">
        <f t="shared" si="1426"/>
        <v>23.375259999999997</v>
      </c>
      <c r="H6116" s="235">
        <f t="shared" si="1427"/>
        <v>0.22630764320910232</v>
      </c>
      <c r="I6116" s="236">
        <f t="shared" si="1428"/>
        <v>19.129654174033089</v>
      </c>
      <c r="J6116" s="237">
        <f t="shared" si="1433"/>
        <v>9.1296541740330888</v>
      </c>
      <c r="K6116" s="237">
        <f t="shared" si="1429"/>
        <v>1161.2082676721566</v>
      </c>
      <c r="L6116" s="237">
        <f t="shared" si="1434"/>
        <v>554.25217525137487</v>
      </c>
      <c r="M6116" s="236">
        <f t="shared" si="1430"/>
        <v>40.07932259761165</v>
      </c>
      <c r="N6116" s="236">
        <f t="shared" si="1431"/>
        <v>0.2381375565224568</v>
      </c>
      <c r="O6116" s="236">
        <f t="shared" si="1435"/>
        <v>1.9601504709515396</v>
      </c>
      <c r="P6116" s="236" t="str">
        <f t="shared" si="1436"/>
        <v>SAND</v>
      </c>
      <c r="Q6116" s="236" t="e">
        <f t="shared" si="1432"/>
        <v>#N/A</v>
      </c>
      <c r="R6116" s="238">
        <v>35</v>
      </c>
      <c r="S6116" s="236" t="e">
        <f t="shared" si="1437"/>
        <v>#N/A</v>
      </c>
      <c r="T6116" s="236">
        <f t="shared" si="1424"/>
        <v>35.232124099418655</v>
      </c>
    </row>
    <row r="6117" spans="2:20" x14ac:dyDescent="0.2">
      <c r="B6117" s="239">
        <v>60.716999999999999</v>
      </c>
      <c r="C6117" s="3">
        <f t="shared" si="1425"/>
        <v>60.71</v>
      </c>
      <c r="D6117" s="239">
        <v>23.129799999999999</v>
      </c>
      <c r="E6117" s="239">
        <v>5.3999999999999999E-2</v>
      </c>
      <c r="F6117" s="239">
        <v>0.57250000000000001</v>
      </c>
      <c r="G6117">
        <f t="shared" si="1426"/>
        <v>23.244299999999999</v>
      </c>
      <c r="H6117" s="235">
        <f t="shared" si="1427"/>
        <v>0.2323150191659891</v>
      </c>
      <c r="I6117" s="236">
        <f t="shared" si="1428"/>
        <v>19.151591030683662</v>
      </c>
      <c r="J6117" s="237">
        <f t="shared" si="1433"/>
        <v>9.1515910306836616</v>
      </c>
      <c r="K6117" s="237">
        <f t="shared" si="1429"/>
        <v>1162.693091472805</v>
      </c>
      <c r="L6117" s="237">
        <f t="shared" si="1434"/>
        <v>555.65715261001992</v>
      </c>
      <c r="M6117" s="236">
        <f t="shared" si="1430"/>
        <v>39.739625063415424</v>
      </c>
      <c r="N6117" s="236">
        <f t="shared" si="1431"/>
        <v>0.24454742004825278</v>
      </c>
      <c r="O6117" s="236">
        <f t="shared" si="1435"/>
        <v>1.967208520726871</v>
      </c>
      <c r="P6117" s="236" t="str">
        <f t="shared" si="1436"/>
        <v>SAND</v>
      </c>
      <c r="Q6117" s="236" t="e">
        <f t="shared" si="1432"/>
        <v>#N/A</v>
      </c>
      <c r="R6117" s="238">
        <v>35</v>
      </c>
      <c r="S6117" s="236" t="e">
        <f t="shared" si="1437"/>
        <v>#N/A</v>
      </c>
      <c r="T6117" s="236">
        <f t="shared" si="1424"/>
        <v>35.19146141828638</v>
      </c>
    </row>
    <row r="6118" spans="2:20" x14ac:dyDescent="0.2">
      <c r="B6118" s="239">
        <v>60.726999999999997</v>
      </c>
      <c r="C6118" s="3">
        <f t="shared" si="1425"/>
        <v>60.72</v>
      </c>
      <c r="D6118" s="239">
        <v>23.112500000000001</v>
      </c>
      <c r="E6118" s="239">
        <v>5.45E-2</v>
      </c>
      <c r="F6118" s="239">
        <v>0.57989999999999997</v>
      </c>
      <c r="G6118">
        <f t="shared" si="1426"/>
        <v>23.228480000000001</v>
      </c>
      <c r="H6118" s="235">
        <f t="shared" si="1427"/>
        <v>0.23462576974472715</v>
      </c>
      <c r="I6118" s="236">
        <f t="shared" si="1428"/>
        <v>19.162132323185649</v>
      </c>
      <c r="J6118" s="237">
        <f t="shared" si="1433"/>
        <v>9.1621323231856486</v>
      </c>
      <c r="K6118" s="237">
        <f t="shared" si="1429"/>
        <v>1163.5246746638325</v>
      </c>
      <c r="L6118" s="237">
        <f t="shared" si="1434"/>
        <v>556.38880959009487</v>
      </c>
      <c r="M6118" s="236">
        <f t="shared" si="1430"/>
        <v>39.657439087590483</v>
      </c>
      <c r="N6118" s="236">
        <f t="shared" si="1431"/>
        <v>0.24699800745764561</v>
      </c>
      <c r="O6118" s="236">
        <f t="shared" si="1435"/>
        <v>1.9694064638666566</v>
      </c>
      <c r="P6118" s="236" t="str">
        <f t="shared" si="1436"/>
        <v>SAND</v>
      </c>
      <c r="Q6118" s="236" t="e">
        <f t="shared" si="1432"/>
        <v>#N/A</v>
      </c>
      <c r="R6118" s="238">
        <v>35</v>
      </c>
      <c r="S6118" s="236" t="e">
        <f t="shared" si="1437"/>
        <v>#N/A</v>
      </c>
      <c r="T6118" s="236">
        <f t="shared" si="1424"/>
        <v>35.181571324285429</v>
      </c>
    </row>
    <row r="6119" spans="2:20" x14ac:dyDescent="0.2">
      <c r="B6119" s="239">
        <v>60.735999999999997</v>
      </c>
      <c r="C6119" s="3">
        <f t="shared" si="1425"/>
        <v>60.728999999999999</v>
      </c>
      <c r="D6119" s="239">
        <v>22.969100000000001</v>
      </c>
      <c r="E6119" s="239">
        <v>5.5199999999999999E-2</v>
      </c>
      <c r="F6119" s="239">
        <v>0.57999999999999996</v>
      </c>
      <c r="G6119">
        <f t="shared" si="1426"/>
        <v>23.085100000000001</v>
      </c>
      <c r="H6119" s="235">
        <f t="shared" si="1427"/>
        <v>0.23911527348809405</v>
      </c>
      <c r="I6119" s="236">
        <f t="shared" si="1428"/>
        <v>19.174677148401976</v>
      </c>
      <c r="J6119" s="237">
        <f t="shared" si="1433"/>
        <v>9.174677148401976</v>
      </c>
      <c r="K6119" s="237">
        <f t="shared" si="1429"/>
        <v>1164.4589685453036</v>
      </c>
      <c r="L6119" s="237">
        <f t="shared" si="1434"/>
        <v>557.2331912853424</v>
      </c>
      <c r="M6119" s="236">
        <f t="shared" si="1430"/>
        <v>39.338362061476339</v>
      </c>
      <c r="N6119" s="236">
        <f t="shared" si="1431"/>
        <v>0.25181745333446942</v>
      </c>
      <c r="O6119" s="236">
        <f t="shared" si="1435"/>
        <v>1.9753636664081635</v>
      </c>
      <c r="P6119" s="236" t="str">
        <f t="shared" si="1436"/>
        <v>SAND</v>
      </c>
      <c r="Q6119" s="236" t="e">
        <f t="shared" si="1432"/>
        <v>#N/A</v>
      </c>
      <c r="R6119" s="238">
        <v>35</v>
      </c>
      <c r="S6119" s="236" t="e">
        <f t="shared" si="1437"/>
        <v>#N/A</v>
      </c>
      <c r="T6119" s="236">
        <f t="shared" si="1424"/>
        <v>35.142979004777274</v>
      </c>
    </row>
    <row r="6120" spans="2:20" x14ac:dyDescent="0.2">
      <c r="B6120" s="239">
        <v>60.744</v>
      </c>
      <c r="C6120" s="3">
        <f t="shared" si="1425"/>
        <v>60.737000000000002</v>
      </c>
      <c r="D6120" s="239">
        <v>23.0364</v>
      </c>
      <c r="E6120" s="239">
        <v>5.5100000000000003E-2</v>
      </c>
      <c r="F6120" s="239">
        <v>0.57650000000000001</v>
      </c>
      <c r="G6120">
        <f t="shared" si="1426"/>
        <v>23.151700000000002</v>
      </c>
      <c r="H6120" s="235">
        <f t="shared" si="1427"/>
        <v>0.23799548197324605</v>
      </c>
      <c r="I6120" s="236">
        <f t="shared" si="1428"/>
        <v>19.173676968878897</v>
      </c>
      <c r="J6120" s="237">
        <f t="shared" si="1433"/>
        <v>9.1736769688788975</v>
      </c>
      <c r="K6120" s="237">
        <f t="shared" si="1429"/>
        <v>1164.5516180587977</v>
      </c>
      <c r="L6120" s="237">
        <f t="shared" si="1434"/>
        <v>557.24583379757973</v>
      </c>
      <c r="M6120" s="236">
        <f t="shared" si="1430"/>
        <v>39.456819680643967</v>
      </c>
      <c r="N6120" s="236">
        <f t="shared" si="1431"/>
        <v>0.25060093761524582</v>
      </c>
      <c r="O6120" s="236">
        <f t="shared" si="1435"/>
        <v>1.9734634636607478</v>
      </c>
      <c r="P6120" s="236" t="str">
        <f t="shared" si="1436"/>
        <v>SAND</v>
      </c>
      <c r="Q6120" s="236" t="e">
        <f t="shared" si="1432"/>
        <v>#N/A</v>
      </c>
      <c r="R6120" s="238">
        <v>35</v>
      </c>
      <c r="S6120" s="236" t="e">
        <f t="shared" si="1437"/>
        <v>#N/A</v>
      </c>
      <c r="T6120" s="236">
        <f t="shared" si="1424"/>
        <v>35.157342848037757</v>
      </c>
    </row>
    <row r="6121" spans="2:20" x14ac:dyDescent="0.2">
      <c r="B6121" s="239">
        <v>60.753</v>
      </c>
      <c r="C6121" s="3">
        <f t="shared" si="1425"/>
        <v>60.746000000000002</v>
      </c>
      <c r="D6121" s="239">
        <v>23.096699999999998</v>
      </c>
      <c r="E6121" s="239">
        <v>5.7799999999999997E-2</v>
      </c>
      <c r="F6121" s="239">
        <v>0.56689999999999996</v>
      </c>
      <c r="G6121">
        <f t="shared" si="1426"/>
        <v>23.210079999999998</v>
      </c>
      <c r="H6121" s="235">
        <f t="shared" si="1427"/>
        <v>0.24902973190958411</v>
      </c>
      <c r="I6121" s="236">
        <f t="shared" si="1428"/>
        <v>19.230757191755675</v>
      </c>
      <c r="J6121" s="237">
        <f t="shared" si="1433"/>
        <v>9.230757191755675</v>
      </c>
      <c r="K6121" s="237">
        <f t="shared" si="1429"/>
        <v>1168.1915763703903</v>
      </c>
      <c r="L6121" s="237">
        <f t="shared" si="1434"/>
        <v>560.79619167073247</v>
      </c>
      <c r="M6121" s="236">
        <f t="shared" si="1430"/>
        <v>39.3046328612933</v>
      </c>
      <c r="N6121" s="236">
        <f t="shared" si="1431"/>
        <v>0.2622279855932696</v>
      </c>
      <c r="O6121" s="236">
        <f t="shared" si="1435"/>
        <v>1.9813182945110555</v>
      </c>
      <c r="P6121" s="236" t="str">
        <f t="shared" si="1436"/>
        <v>SAND</v>
      </c>
      <c r="Q6121" s="236" t="e">
        <f t="shared" si="1432"/>
        <v>#N/A</v>
      </c>
      <c r="R6121" s="238">
        <v>35</v>
      </c>
      <c r="S6121" s="236" t="e">
        <f t="shared" si="1437"/>
        <v>#N/A</v>
      </c>
      <c r="T6121" s="236">
        <f t="shared" si="1424"/>
        <v>35.138881183458494</v>
      </c>
    </row>
    <row r="6122" spans="2:20" x14ac:dyDescent="0.2">
      <c r="B6122" s="239">
        <v>60.761000000000003</v>
      </c>
      <c r="C6122" s="3">
        <f t="shared" si="1425"/>
        <v>60.754000000000005</v>
      </c>
      <c r="D6122" s="239">
        <v>23.1462</v>
      </c>
      <c r="E6122" s="239">
        <v>5.8700000000000002E-2</v>
      </c>
      <c r="F6122" s="239">
        <v>0.53490000000000004</v>
      </c>
      <c r="G6122">
        <f t="shared" si="1426"/>
        <v>23.25318</v>
      </c>
      <c r="H6122" s="235">
        <f t="shared" si="1427"/>
        <v>0.25243859119483869</v>
      </c>
      <c r="I6122" s="236">
        <f t="shared" si="1428"/>
        <v>19.249600045848535</v>
      </c>
      <c r="J6122" s="237">
        <f t="shared" si="1433"/>
        <v>9.2496000458485348</v>
      </c>
      <c r="K6122" s="237">
        <f t="shared" si="1429"/>
        <v>1169.490201185482</v>
      </c>
      <c r="L6122" s="237">
        <f t="shared" si="1434"/>
        <v>562.01494838580288</v>
      </c>
      <c r="M6122" s="236">
        <f t="shared" si="1430"/>
        <v>39.293776548546298</v>
      </c>
      <c r="N6122" s="236">
        <f t="shared" si="1431"/>
        <v>0.26580703014199691</v>
      </c>
      <c r="O6122" s="236">
        <f t="shared" si="1435"/>
        <v>1.9833373996721404</v>
      </c>
      <c r="P6122" s="236" t="str">
        <f t="shared" si="1436"/>
        <v>SAND</v>
      </c>
      <c r="Q6122" s="236" t="e">
        <f t="shared" si="1432"/>
        <v>#N/A</v>
      </c>
      <c r="R6122" s="238">
        <v>35</v>
      </c>
      <c r="S6122" s="236" t="e">
        <f t="shared" si="1437"/>
        <v>#N/A</v>
      </c>
      <c r="T6122" s="236">
        <f t="shared" si="1424"/>
        <v>35.13756148234399</v>
      </c>
    </row>
    <row r="6123" spans="2:20" x14ac:dyDescent="0.2">
      <c r="B6123" s="239">
        <v>60.77</v>
      </c>
      <c r="C6123" s="3">
        <f t="shared" si="1425"/>
        <v>60.763000000000005</v>
      </c>
      <c r="D6123" s="239">
        <v>23.180099999999999</v>
      </c>
      <c r="E6123" s="239">
        <v>6.0299999999999999E-2</v>
      </c>
      <c r="F6123" s="239">
        <v>0.51890000000000003</v>
      </c>
      <c r="G6123">
        <f t="shared" si="1426"/>
        <v>23.28388</v>
      </c>
      <c r="H6123" s="235">
        <f t="shared" si="1427"/>
        <v>0.25897745564742647</v>
      </c>
      <c r="I6123" s="236">
        <f t="shared" si="1428"/>
        <v>19.281649614285168</v>
      </c>
      <c r="J6123" s="237">
        <f t="shared" si="1433"/>
        <v>9.2816496142851683</v>
      </c>
      <c r="K6123" s="237">
        <f t="shared" si="1429"/>
        <v>1171.6108755128098</v>
      </c>
      <c r="L6123" s="237">
        <f t="shared" si="1434"/>
        <v>564.04584706010974</v>
      </c>
      <c r="M6123" s="236">
        <f t="shared" si="1430"/>
        <v>39.202964155732381</v>
      </c>
      <c r="N6123" s="236">
        <f t="shared" si="1431"/>
        <v>0.27269928590559533</v>
      </c>
      <c r="O6123" s="236">
        <f t="shared" si="1435"/>
        <v>1.9879269200036058</v>
      </c>
      <c r="P6123" s="236" t="str">
        <f t="shared" si="1436"/>
        <v>SAND</v>
      </c>
      <c r="Q6123" s="236" t="e">
        <f t="shared" si="1432"/>
        <v>#N/A</v>
      </c>
      <c r="R6123" s="238">
        <v>35</v>
      </c>
      <c r="S6123" s="236" t="e">
        <f t="shared" si="1437"/>
        <v>#N/A</v>
      </c>
      <c r="T6123" s="236">
        <f t="shared" si="1424"/>
        <v>35.126507960334848</v>
      </c>
    </row>
    <row r="6124" spans="2:20" x14ac:dyDescent="0.2">
      <c r="B6124" s="239">
        <v>60.78</v>
      </c>
      <c r="C6124" s="3">
        <f t="shared" si="1425"/>
        <v>60.773000000000003</v>
      </c>
      <c r="D6124" s="239">
        <v>23.216200000000001</v>
      </c>
      <c r="E6124" s="239">
        <v>6.08E-2</v>
      </c>
      <c r="F6124" s="239">
        <v>0.51349999999999996</v>
      </c>
      <c r="G6124">
        <f t="shared" si="1426"/>
        <v>23.318899999999999</v>
      </c>
      <c r="H6124" s="235">
        <f t="shared" si="1427"/>
        <v>0.26073271037656148</v>
      </c>
      <c r="I6124" s="236">
        <f t="shared" si="1428"/>
        <v>19.291919972432407</v>
      </c>
      <c r="J6124" s="237">
        <f t="shared" si="1433"/>
        <v>9.2919199724324066</v>
      </c>
      <c r="K6124" s="237">
        <f t="shared" si="1429"/>
        <v>1172.4278524846347</v>
      </c>
      <c r="L6124" s="237">
        <f t="shared" si="1434"/>
        <v>564.76289592444164</v>
      </c>
      <c r="M6124" s="236">
        <f t="shared" si="1430"/>
        <v>39.213752014045717</v>
      </c>
      <c r="N6124" s="236">
        <f t="shared" si="1431"/>
        <v>0.27453582491611972</v>
      </c>
      <c r="O6124" s="236">
        <f t="shared" si="1435"/>
        <v>1.9887775444447358</v>
      </c>
      <c r="P6124" s="236" t="str">
        <f t="shared" si="1436"/>
        <v>SAND</v>
      </c>
      <c r="Q6124" s="236" t="e">
        <f t="shared" si="1432"/>
        <v>#N/A</v>
      </c>
      <c r="R6124" s="238">
        <v>35</v>
      </c>
      <c r="S6124" s="236" t="e">
        <f t="shared" si="1437"/>
        <v>#N/A</v>
      </c>
      <c r="T6124" s="236">
        <f t="shared" si="1424"/>
        <v>35.127822378574983</v>
      </c>
    </row>
    <row r="6125" spans="2:20" x14ac:dyDescent="0.2">
      <c r="B6125" s="239">
        <v>60.789000000000001</v>
      </c>
      <c r="C6125" s="3">
        <f t="shared" si="1425"/>
        <v>60.782000000000004</v>
      </c>
      <c r="D6125" s="239">
        <v>23.203499999999998</v>
      </c>
      <c r="E6125" s="239">
        <v>6.2899999999999998E-2</v>
      </c>
      <c r="F6125" s="239">
        <v>0.47660000000000002</v>
      </c>
      <c r="G6125">
        <f t="shared" si="1426"/>
        <v>23.298819999999999</v>
      </c>
      <c r="H6125" s="235">
        <f t="shared" si="1427"/>
        <v>0.26997075388367309</v>
      </c>
      <c r="I6125" s="236">
        <f t="shared" si="1428"/>
        <v>19.331400330625332</v>
      </c>
      <c r="J6125" s="237">
        <f t="shared" si="1433"/>
        <v>9.3314003306253319</v>
      </c>
      <c r="K6125" s="237">
        <f t="shared" si="1429"/>
        <v>1175.001174896069</v>
      </c>
      <c r="L6125" s="237">
        <f t="shared" si="1434"/>
        <v>567.24649469838334</v>
      </c>
      <c r="M6125" s="236">
        <f t="shared" si="1430"/>
        <v>39.002125234581875</v>
      </c>
      <c r="N6125" s="236">
        <f t="shared" si="1431"/>
        <v>0.28430896355301583</v>
      </c>
      <c r="O6125" s="236">
        <f t="shared" si="1435"/>
        <v>1.9960718894788987</v>
      </c>
      <c r="P6125" s="236" t="str">
        <f t="shared" si="1436"/>
        <v>SAND</v>
      </c>
      <c r="Q6125" s="236" t="e">
        <f t="shared" si="1432"/>
        <v>#N/A</v>
      </c>
      <c r="R6125" s="238">
        <v>35</v>
      </c>
      <c r="S6125" s="236" t="e">
        <f t="shared" si="1437"/>
        <v>#N/A</v>
      </c>
      <c r="T6125" s="236">
        <f t="shared" si="1424"/>
        <v>35.101970997228676</v>
      </c>
    </row>
    <row r="6126" spans="2:20" x14ac:dyDescent="0.2">
      <c r="B6126" s="239">
        <v>60.796999999999997</v>
      </c>
      <c r="C6126" s="3">
        <f t="shared" si="1425"/>
        <v>60.79</v>
      </c>
      <c r="D6126" s="239">
        <v>23.277200000000001</v>
      </c>
      <c r="E6126" s="239">
        <v>6.3799999999999996E-2</v>
      </c>
      <c r="F6126" s="239">
        <v>0.47899999999999998</v>
      </c>
      <c r="G6126">
        <f t="shared" si="1426"/>
        <v>23.373000000000001</v>
      </c>
      <c r="H6126" s="235">
        <f t="shared" si="1427"/>
        <v>0.27296453172463953</v>
      </c>
      <c r="I6126" s="236">
        <f t="shared" si="1428"/>
        <v>19.34930190009139</v>
      </c>
      <c r="J6126" s="237">
        <f t="shared" si="1433"/>
        <v>9.3493019000913904</v>
      </c>
      <c r="K6126" s="237">
        <f t="shared" si="1429"/>
        <v>1176.2440625065556</v>
      </c>
      <c r="L6126" s="237">
        <f t="shared" si="1434"/>
        <v>568.40950761985619</v>
      </c>
      <c r="M6126" s="236">
        <f t="shared" si="1430"/>
        <v>39.050641553199178</v>
      </c>
      <c r="N6126" s="236">
        <f t="shared" si="1431"/>
        <v>0.28742938913984645</v>
      </c>
      <c r="O6126" s="236">
        <f t="shared" si="1435"/>
        <v>1.9971693145564078</v>
      </c>
      <c r="P6126" s="236" t="str">
        <f t="shared" si="1436"/>
        <v>SAND</v>
      </c>
      <c r="Q6126" s="236" t="e">
        <f t="shared" si="1432"/>
        <v>#N/A</v>
      </c>
      <c r="R6126" s="238">
        <v>35</v>
      </c>
      <c r="S6126" s="236" t="e">
        <f t="shared" si="1437"/>
        <v>#N/A</v>
      </c>
      <c r="T6126" s="236">
        <f t="shared" si="1424"/>
        <v>35.107909905057923</v>
      </c>
    </row>
    <row r="6127" spans="2:20" x14ac:dyDescent="0.2">
      <c r="B6127" s="239">
        <v>60.807000000000002</v>
      </c>
      <c r="C6127" s="3">
        <f t="shared" si="1425"/>
        <v>60.800000000000004</v>
      </c>
      <c r="D6127" s="239">
        <v>23.2346</v>
      </c>
      <c r="E6127" s="239">
        <v>6.59E-2</v>
      </c>
      <c r="F6127" s="239">
        <v>0.42699999999999999</v>
      </c>
      <c r="G6127">
        <f t="shared" si="1426"/>
        <v>23.32</v>
      </c>
      <c r="H6127" s="235">
        <f t="shared" si="1427"/>
        <v>0.282590051457976</v>
      </c>
      <c r="I6127" s="236">
        <f t="shared" si="1428"/>
        <v>19.386389365264591</v>
      </c>
      <c r="J6127" s="237">
        <f t="shared" si="1433"/>
        <v>9.3863893652645913</v>
      </c>
      <c r="K6127" s="237">
        <f t="shared" si="1429"/>
        <v>1178.6924734080872</v>
      </c>
      <c r="L6127" s="237">
        <f t="shared" si="1434"/>
        <v>570.75817813364404</v>
      </c>
      <c r="M6127" s="236">
        <f t="shared" si="1430"/>
        <v>38.792799428635583</v>
      </c>
      <c r="N6127" s="236">
        <f t="shared" si="1431"/>
        <v>0.29763373242909658</v>
      </c>
      <c r="O6127" s="236">
        <f t="shared" si="1435"/>
        <v>2.0050666499694492</v>
      </c>
      <c r="P6127" s="236" t="str">
        <f t="shared" si="1436"/>
        <v>SAND</v>
      </c>
      <c r="Q6127" s="236" t="e">
        <f t="shared" si="1432"/>
        <v>#N/A</v>
      </c>
      <c r="R6127" s="238">
        <v>35</v>
      </c>
      <c r="S6127" s="236" t="e">
        <f t="shared" si="1437"/>
        <v>#N/A</v>
      </c>
      <c r="T6127" s="236">
        <f t="shared" si="1424"/>
        <v>35.076262330896959</v>
      </c>
    </row>
    <row r="6128" spans="2:20" x14ac:dyDescent="0.2">
      <c r="B6128" s="239">
        <v>60.816000000000003</v>
      </c>
      <c r="C6128" s="3">
        <f t="shared" si="1425"/>
        <v>60.809000000000005</v>
      </c>
      <c r="D6128" s="239">
        <v>23.065899999999999</v>
      </c>
      <c r="E6128" s="239">
        <v>6.3600000000000004E-2</v>
      </c>
      <c r="F6128" s="239">
        <v>0.4541</v>
      </c>
      <c r="G6128">
        <f t="shared" si="1426"/>
        <v>23.15672</v>
      </c>
      <c r="H6128" s="235">
        <f t="shared" si="1427"/>
        <v>0.27465029589682827</v>
      </c>
      <c r="I6128" s="236">
        <f t="shared" si="1428"/>
        <v>19.341986606593146</v>
      </c>
      <c r="J6128" s="237">
        <f t="shared" si="1433"/>
        <v>9.3419866065931458</v>
      </c>
      <c r="K6128" s="237">
        <f t="shared" si="1429"/>
        <v>1176.1668635603228</v>
      </c>
      <c r="L6128" s="237">
        <f t="shared" si="1434"/>
        <v>568.14225746656882</v>
      </c>
      <c r="M6128" s="236">
        <f t="shared" si="1430"/>
        <v>38.688467276583594</v>
      </c>
      <c r="N6128" s="236">
        <f t="shared" si="1431"/>
        <v>0.28934667660643631</v>
      </c>
      <c r="O6128" s="236">
        <f t="shared" si="1435"/>
        <v>2.0019566645262317</v>
      </c>
      <c r="P6128" s="236" t="str">
        <f t="shared" si="1436"/>
        <v>SAND</v>
      </c>
      <c r="Q6128" s="236" t="e">
        <f t="shared" si="1432"/>
        <v>#N/A</v>
      </c>
      <c r="R6128" s="238">
        <v>35</v>
      </c>
      <c r="S6128" s="236" t="e">
        <f t="shared" si="1437"/>
        <v>#N/A</v>
      </c>
      <c r="T6128" s="236">
        <f t="shared" si="1424"/>
        <v>35.0633967704958</v>
      </c>
    </row>
    <row r="6129" spans="2:20" x14ac:dyDescent="0.2">
      <c r="B6129" s="239">
        <v>60.825000000000003</v>
      </c>
      <c r="C6129" s="3">
        <f t="shared" si="1425"/>
        <v>60.818000000000005</v>
      </c>
      <c r="D6129" s="239">
        <v>22.601900000000001</v>
      </c>
      <c r="E6129" s="239">
        <v>6.2300000000000001E-2</v>
      </c>
      <c r="F6129" s="239">
        <v>0.49990000000000001</v>
      </c>
      <c r="G6129">
        <f t="shared" si="1426"/>
        <v>22.701879999999999</v>
      </c>
      <c r="H6129" s="235">
        <f t="shared" si="1427"/>
        <v>0.27442661136434521</v>
      </c>
      <c r="I6129" s="236">
        <f t="shared" si="1428"/>
        <v>19.310016421696677</v>
      </c>
      <c r="J6129" s="237">
        <f t="shared" si="1433"/>
        <v>9.3100164216966768</v>
      </c>
      <c r="K6129" s="237">
        <f t="shared" si="1429"/>
        <v>1174.3965787347486</v>
      </c>
      <c r="L6129" s="237">
        <f t="shared" si="1434"/>
        <v>566.28174884970042</v>
      </c>
      <c r="M6129" s="236">
        <f t="shared" si="1430"/>
        <v>38.015499289875514</v>
      </c>
      <c r="N6129" s="236">
        <f t="shared" si="1431"/>
        <v>0.28939750541607157</v>
      </c>
      <c r="O6129" s="236">
        <f t="shared" si="1435"/>
        <v>2.0091499942905546</v>
      </c>
      <c r="P6129" s="236" t="str">
        <f t="shared" si="1436"/>
        <v>SAND</v>
      </c>
      <c r="Q6129" s="236" t="e">
        <f t="shared" si="1432"/>
        <v>#N/A</v>
      </c>
      <c r="R6129" s="238">
        <v>35</v>
      </c>
      <c r="S6129" s="236" t="e">
        <f t="shared" si="1437"/>
        <v>#N/A</v>
      </c>
      <c r="T6129" s="236">
        <f t="shared" si="1424"/>
        <v>34.979567687008199</v>
      </c>
    </row>
    <row r="6130" spans="2:20" x14ac:dyDescent="0.2">
      <c r="B6130" s="239">
        <v>60.835999999999999</v>
      </c>
      <c r="C6130" s="3">
        <f t="shared" si="1425"/>
        <v>60.829000000000001</v>
      </c>
      <c r="D6130" s="239">
        <v>22.291799999999999</v>
      </c>
      <c r="E6130" s="239">
        <v>6.2799999999999995E-2</v>
      </c>
      <c r="F6130" s="239">
        <v>0.53759999999999997</v>
      </c>
      <c r="G6130">
        <f t="shared" si="1426"/>
        <v>22.399319999999999</v>
      </c>
      <c r="H6130" s="235">
        <f t="shared" si="1427"/>
        <v>0.28036565395735225</v>
      </c>
      <c r="I6130" s="236">
        <f t="shared" si="1428"/>
        <v>19.314145443247888</v>
      </c>
      <c r="J6130" s="237">
        <f t="shared" si="1433"/>
        <v>9.3141454432478881</v>
      </c>
      <c r="K6130" s="237">
        <f t="shared" si="1429"/>
        <v>1174.8601531673257</v>
      </c>
      <c r="L6130" s="237">
        <f t="shared" si="1434"/>
        <v>566.63535218542847</v>
      </c>
      <c r="M6130" s="236">
        <f t="shared" si="1430"/>
        <v>37.456999047046892</v>
      </c>
      <c r="N6130" s="236">
        <f t="shared" si="1431"/>
        <v>0.29588503289694623</v>
      </c>
      <c r="O6130" s="236">
        <f t="shared" si="1435"/>
        <v>2.0184742147354915</v>
      </c>
      <c r="P6130" s="236" t="str">
        <f t="shared" si="1436"/>
        <v>SAND</v>
      </c>
      <c r="Q6130" s="236" t="e">
        <f t="shared" si="1432"/>
        <v>#N/A</v>
      </c>
      <c r="R6130" s="238">
        <v>35</v>
      </c>
      <c r="S6130" s="236" t="e">
        <f t="shared" si="1437"/>
        <v>#N/A</v>
      </c>
      <c r="T6130" s="236">
        <f t="shared" si="1424"/>
        <v>34.908862779334662</v>
      </c>
    </row>
    <row r="6131" spans="2:20" x14ac:dyDescent="0.2">
      <c r="B6131" s="239">
        <v>60.844000000000001</v>
      </c>
      <c r="C6131" s="3">
        <f t="shared" si="1425"/>
        <v>60.837000000000003</v>
      </c>
      <c r="D6131" s="239">
        <v>21.899799999999999</v>
      </c>
      <c r="E6131" s="239">
        <v>6.2E-2</v>
      </c>
      <c r="F6131" s="239">
        <v>0.53739999999999999</v>
      </c>
      <c r="G6131">
        <f t="shared" si="1426"/>
        <v>22.007279999999998</v>
      </c>
      <c r="H6131" s="235">
        <f t="shared" si="1427"/>
        <v>0.28172495646895029</v>
      </c>
      <c r="I6131" s="236">
        <f t="shared" si="1428"/>
        <v>19.29221034816543</v>
      </c>
      <c r="J6131" s="237">
        <f t="shared" si="1433"/>
        <v>9.2922103481654297</v>
      </c>
      <c r="K6131" s="237">
        <f t="shared" si="1429"/>
        <v>1173.6802009513403</v>
      </c>
      <c r="L6131" s="237">
        <f t="shared" si="1434"/>
        <v>565.37524642377741</v>
      </c>
      <c r="M6131" s="236">
        <f t="shared" si="1430"/>
        <v>36.84915448780157</v>
      </c>
      <c r="N6131" s="236">
        <f t="shared" si="1431"/>
        <v>0.29759619363923445</v>
      </c>
      <c r="O6131" s="236">
        <f t="shared" si="1435"/>
        <v>2.0260076727633738</v>
      </c>
      <c r="P6131" s="236" t="str">
        <f t="shared" si="1436"/>
        <v>SAND</v>
      </c>
      <c r="Q6131" s="236" t="e">
        <f t="shared" si="1432"/>
        <v>#N/A</v>
      </c>
      <c r="R6131" s="238">
        <v>35</v>
      </c>
      <c r="S6131" s="236" t="e">
        <f t="shared" si="1437"/>
        <v>#N/A</v>
      </c>
      <c r="T6131" s="236">
        <f t="shared" si="1424"/>
        <v>34.830702800565206</v>
      </c>
    </row>
    <row r="6132" spans="2:20" x14ac:dyDescent="0.2">
      <c r="B6132" s="239">
        <v>60.854999999999997</v>
      </c>
      <c r="C6132" s="3">
        <f t="shared" si="1425"/>
        <v>60.847999999999999</v>
      </c>
      <c r="D6132" s="239">
        <v>21.474599999999999</v>
      </c>
      <c r="E6132" s="239">
        <v>6.3100000000000003E-2</v>
      </c>
      <c r="F6132" s="239">
        <v>0.54549999999999998</v>
      </c>
      <c r="G6132">
        <f t="shared" si="1426"/>
        <v>21.5837</v>
      </c>
      <c r="H6132" s="235">
        <f t="shared" si="1427"/>
        <v>0.29235024578733027</v>
      </c>
      <c r="I6132" s="236">
        <f t="shared" si="1428"/>
        <v>19.305235630693687</v>
      </c>
      <c r="J6132" s="237">
        <f t="shared" si="1433"/>
        <v>9.3052356306936872</v>
      </c>
      <c r="K6132" s="237">
        <f t="shared" si="1429"/>
        <v>1174.6849776564495</v>
      </c>
      <c r="L6132" s="237">
        <f t="shared" si="1434"/>
        <v>566.27011430586435</v>
      </c>
      <c r="M6132" s="236">
        <f t="shared" si="1430"/>
        <v>36.041130384147124</v>
      </c>
      <c r="N6132" s="236">
        <f t="shared" si="1431"/>
        <v>0.30917709615539435</v>
      </c>
      <c r="O6132" s="236">
        <f t="shared" si="1435"/>
        <v>2.0407681830929878</v>
      </c>
      <c r="P6132" s="236" t="str">
        <f t="shared" si="1436"/>
        <v>SAND</v>
      </c>
      <c r="Q6132" s="236" t="e">
        <f t="shared" si="1432"/>
        <v>#N/A</v>
      </c>
      <c r="R6132" s="238">
        <v>35</v>
      </c>
      <c r="S6132" s="236" t="e">
        <f t="shared" si="1437"/>
        <v>#N/A</v>
      </c>
      <c r="T6132" s="236">
        <f t="shared" si="1424"/>
        <v>34.724782439752644</v>
      </c>
    </row>
    <row r="6133" spans="2:20" x14ac:dyDescent="0.2">
      <c r="B6133" s="239">
        <v>60.863999999999997</v>
      </c>
      <c r="C6133" s="3">
        <f t="shared" si="1425"/>
        <v>60.856999999999999</v>
      </c>
      <c r="D6133" s="239">
        <v>21.001999999999999</v>
      </c>
      <c r="E6133" s="239">
        <v>6.3700000000000007E-2</v>
      </c>
      <c r="F6133" s="239">
        <v>0.56310000000000004</v>
      </c>
      <c r="G6133">
        <f t="shared" si="1426"/>
        <v>21.114619999999999</v>
      </c>
      <c r="H6133" s="235">
        <f t="shared" si="1427"/>
        <v>0.30168669860030639</v>
      </c>
      <c r="I6133" s="236">
        <f t="shared" si="1428"/>
        <v>19.30774446453465</v>
      </c>
      <c r="J6133" s="237">
        <f t="shared" si="1433"/>
        <v>9.3077444645346503</v>
      </c>
      <c r="K6133" s="237">
        <f t="shared" si="1429"/>
        <v>1175.0114048781852</v>
      </c>
      <c r="L6133" s="237">
        <f t="shared" si="1434"/>
        <v>566.50655908943691</v>
      </c>
      <c r="M6133" s="236">
        <f t="shared" si="1430"/>
        <v>35.197489376241904</v>
      </c>
      <c r="N6133" s="236">
        <f t="shared" si="1431"/>
        <v>0.31946464593885809</v>
      </c>
      <c r="O6133" s="236">
        <f t="shared" si="1435"/>
        <v>2.0553821274856698</v>
      </c>
      <c r="P6133" s="236" t="str">
        <f t="shared" si="1436"/>
        <v>SAND</v>
      </c>
      <c r="Q6133" s="236" t="e">
        <f t="shared" si="1432"/>
        <v>#N/A</v>
      </c>
      <c r="R6133" s="238">
        <v>35</v>
      </c>
      <c r="S6133" s="236" t="e">
        <f t="shared" si="1437"/>
        <v>#N/A</v>
      </c>
      <c r="T6133" s="236">
        <f t="shared" si="1424"/>
        <v>34.611628551718667</v>
      </c>
    </row>
    <row r="6134" spans="2:20" x14ac:dyDescent="0.2">
      <c r="B6134" s="239">
        <v>60.875</v>
      </c>
      <c r="C6134" s="3">
        <f t="shared" si="1425"/>
        <v>60.868000000000002</v>
      </c>
      <c r="D6134" s="239">
        <v>20.504000000000001</v>
      </c>
      <c r="E6134" s="239">
        <v>6.9500000000000006E-2</v>
      </c>
      <c r="F6134" s="239">
        <v>0.56610000000000005</v>
      </c>
      <c r="G6134">
        <f t="shared" si="1426"/>
        <v>20.61722</v>
      </c>
      <c r="H6134" s="235">
        <f t="shared" si="1427"/>
        <v>0.33709685398904415</v>
      </c>
      <c r="I6134" s="236">
        <f t="shared" si="1428"/>
        <v>19.400609121432197</v>
      </c>
      <c r="J6134" s="237">
        <f t="shared" si="1433"/>
        <v>9.400609121432197</v>
      </c>
      <c r="K6134" s="237">
        <f t="shared" si="1429"/>
        <v>1180.8762760033351</v>
      </c>
      <c r="L6134" s="237">
        <f t="shared" si="1434"/>
        <v>572.26208026718496</v>
      </c>
      <c r="M6134" s="236">
        <f t="shared" si="1430"/>
        <v>33.964060164395271</v>
      </c>
      <c r="N6134" s="236">
        <f t="shared" si="1431"/>
        <v>0.35757754126458108</v>
      </c>
      <c r="O6134" s="236">
        <f t="shared" si="1435"/>
        <v>2.0875216176627958</v>
      </c>
      <c r="P6134" s="236" t="str">
        <f t="shared" si="1436"/>
        <v>SAND</v>
      </c>
      <c r="Q6134" s="236" t="e">
        <f t="shared" si="1432"/>
        <v>#N/A</v>
      </c>
      <c r="R6134" s="238">
        <v>35</v>
      </c>
      <c r="S6134" s="236" t="e">
        <f t="shared" si="1437"/>
        <v>#N/A</v>
      </c>
      <c r="T6134" s="236">
        <f t="shared" si="1424"/>
        <v>34.441215616770478</v>
      </c>
    </row>
    <row r="6135" spans="2:20" x14ac:dyDescent="0.2">
      <c r="B6135" s="239">
        <v>60.884</v>
      </c>
      <c r="C6135" s="3">
        <f t="shared" si="1425"/>
        <v>60.877000000000002</v>
      </c>
      <c r="D6135" s="239">
        <v>19.967700000000001</v>
      </c>
      <c r="E6135" s="239">
        <v>7.6999999999999999E-2</v>
      </c>
      <c r="F6135" s="239">
        <v>0.59950000000000003</v>
      </c>
      <c r="G6135">
        <f t="shared" si="1426"/>
        <v>20.087600000000002</v>
      </c>
      <c r="H6135" s="235">
        <f t="shared" si="1427"/>
        <v>0.38332105378442421</v>
      </c>
      <c r="I6135" s="236">
        <f t="shared" si="1428"/>
        <v>19.510603258949846</v>
      </c>
      <c r="J6135" s="237">
        <f t="shared" si="1433"/>
        <v>9.5106032589498462</v>
      </c>
      <c r="K6135" s="237">
        <f t="shared" si="1429"/>
        <v>1187.7469945950897</v>
      </c>
      <c r="L6135" s="237">
        <f t="shared" si="1434"/>
        <v>579.04356881790238</v>
      </c>
      <c r="M6135" s="236">
        <f t="shared" si="1430"/>
        <v>32.639777079276286</v>
      </c>
      <c r="N6135" s="236">
        <f t="shared" si="1431"/>
        <v>0.40741057603982328</v>
      </c>
      <c r="O6135" s="236">
        <f t="shared" si="1435"/>
        <v>2.1250596926037035</v>
      </c>
      <c r="P6135" s="236" t="str">
        <f t="shared" si="1436"/>
        <v>SAND</v>
      </c>
      <c r="Q6135" s="236" t="e">
        <f t="shared" si="1432"/>
        <v>#N/A</v>
      </c>
      <c r="R6135" s="238">
        <v>35</v>
      </c>
      <c r="S6135" s="236" t="e">
        <f t="shared" si="1437"/>
        <v>#N/A</v>
      </c>
      <c r="T6135" s="236">
        <f t="shared" si="1424"/>
        <v>34.251219023777544</v>
      </c>
    </row>
    <row r="6136" spans="2:20" x14ac:dyDescent="0.2">
      <c r="B6136" s="239">
        <v>60.893999999999998</v>
      </c>
      <c r="C6136" s="3">
        <f t="shared" si="1425"/>
        <v>60.887</v>
      </c>
      <c r="D6136" s="239">
        <v>19.6876</v>
      </c>
      <c r="E6136" s="239">
        <v>7.9299999999999995E-2</v>
      </c>
      <c r="F6136" s="239">
        <v>0.57679999999999998</v>
      </c>
      <c r="G6136">
        <f t="shared" si="1426"/>
        <v>19.802959999999999</v>
      </c>
      <c r="H6136" s="235">
        <f t="shared" si="1427"/>
        <v>0.40044518597219814</v>
      </c>
      <c r="I6136" s="236">
        <f t="shared" si="1428"/>
        <v>19.539537759356634</v>
      </c>
      <c r="J6136" s="237">
        <f t="shared" si="1433"/>
        <v>9.5395377593566337</v>
      </c>
      <c r="K6136" s="237">
        <f t="shared" si="1429"/>
        <v>1189.7038355539473</v>
      </c>
      <c r="L6136" s="237">
        <f t="shared" si="1434"/>
        <v>580.9006123182628</v>
      </c>
      <c r="M6136" s="236">
        <f t="shared" si="1430"/>
        <v>32.042066697372071</v>
      </c>
      <c r="N6136" s="236">
        <f t="shared" si="1431"/>
        <v>0.42604044826651127</v>
      </c>
      <c r="O6136" s="236">
        <f t="shared" si="1435"/>
        <v>2.1400842489968519</v>
      </c>
      <c r="P6136" s="236" t="str">
        <f t="shared" si="1436"/>
        <v>SAND</v>
      </c>
      <c r="Q6136" s="236" t="e">
        <f t="shared" si="1432"/>
        <v>#N/A</v>
      </c>
      <c r="R6136" s="238">
        <v>35</v>
      </c>
      <c r="S6136" s="236" t="e">
        <f t="shared" si="1437"/>
        <v>#N/A</v>
      </c>
      <c r="T6136" s="236">
        <f t="shared" si="1424"/>
        <v>34.162925721031613</v>
      </c>
    </row>
    <row r="6137" spans="2:20" x14ac:dyDescent="0.2">
      <c r="B6137" s="239">
        <v>60.905000000000001</v>
      </c>
      <c r="C6137" s="3">
        <f t="shared" si="1425"/>
        <v>60.898000000000003</v>
      </c>
      <c r="D6137" s="239">
        <v>19.401599999999998</v>
      </c>
      <c r="E6137" s="239">
        <v>7.8200000000000006E-2</v>
      </c>
      <c r="F6137" s="239">
        <v>0.58179999999999998</v>
      </c>
      <c r="G6137">
        <f t="shared" si="1426"/>
        <v>19.517959999999999</v>
      </c>
      <c r="H6137" s="235">
        <f t="shared" si="1427"/>
        <v>0.40065662599984841</v>
      </c>
      <c r="I6137" s="236">
        <f t="shared" si="1428"/>
        <v>19.517492268907191</v>
      </c>
      <c r="J6137" s="237">
        <f t="shared" si="1433"/>
        <v>9.5174922689071906</v>
      </c>
      <c r="K6137" s="237">
        <f t="shared" si="1429"/>
        <v>1188.5762441919101</v>
      </c>
      <c r="L6137" s="237">
        <f t="shared" si="1434"/>
        <v>579.66286663779249</v>
      </c>
      <c r="M6137" s="236">
        <f t="shared" si="1430"/>
        <v>31.620765811899709</v>
      </c>
      <c r="N6137" s="236">
        <f t="shared" si="1431"/>
        <v>0.42663736567368521</v>
      </c>
      <c r="O6137" s="236">
        <f t="shared" si="1435"/>
        <v>2.1456022286778649</v>
      </c>
      <c r="P6137" s="236" t="str">
        <f t="shared" si="1436"/>
        <v>SAND</v>
      </c>
      <c r="Q6137" s="236" t="e">
        <f t="shared" si="1432"/>
        <v>#N/A</v>
      </c>
      <c r="R6137" s="238">
        <v>35</v>
      </c>
      <c r="S6137" s="236" t="e">
        <f t="shared" si="1437"/>
        <v>#N/A</v>
      </c>
      <c r="T6137" s="236">
        <f t="shared" si="1424"/>
        <v>34.099696221191316</v>
      </c>
    </row>
    <row r="6138" spans="2:20" x14ac:dyDescent="0.2">
      <c r="B6138" s="239">
        <v>60.914999999999999</v>
      </c>
      <c r="C6138" s="3">
        <f t="shared" si="1425"/>
        <v>60.908000000000001</v>
      </c>
      <c r="D6138" s="239">
        <v>19.467500000000001</v>
      </c>
      <c r="E6138" s="239">
        <v>7.7399999999999997E-2</v>
      </c>
      <c r="F6138" s="239">
        <v>0.59650000000000003</v>
      </c>
      <c r="G6138">
        <f t="shared" si="1426"/>
        <v>19.5868</v>
      </c>
      <c r="H6138" s="235">
        <f t="shared" si="1427"/>
        <v>0.39516409010149695</v>
      </c>
      <c r="I6138" s="236">
        <f t="shared" si="1428"/>
        <v>19.506810788131787</v>
      </c>
      <c r="J6138" s="237">
        <f t="shared" si="1433"/>
        <v>9.5068107881317871</v>
      </c>
      <c r="K6138" s="237">
        <f t="shared" si="1429"/>
        <v>1188.120831483531</v>
      </c>
      <c r="L6138" s="237">
        <f t="shared" si="1434"/>
        <v>579.10737915904781</v>
      </c>
      <c r="M6138" s="236">
        <f t="shared" si="1430"/>
        <v>31.770755874729407</v>
      </c>
      <c r="N6138" s="236">
        <f t="shared" si="1431"/>
        <v>0.42068237231097361</v>
      </c>
      <c r="O6138" s="236">
        <f t="shared" si="1435"/>
        <v>2.1413020474830984</v>
      </c>
      <c r="P6138" s="236" t="str">
        <f t="shared" si="1436"/>
        <v>SAND</v>
      </c>
      <c r="Q6138" s="236" t="e">
        <f t="shared" si="1432"/>
        <v>#N/A</v>
      </c>
      <c r="R6138" s="238">
        <v>35</v>
      </c>
      <c r="S6138" s="236" t="e">
        <f t="shared" si="1437"/>
        <v>#N/A</v>
      </c>
      <c r="T6138" s="236">
        <f t="shared" si="1424"/>
        <v>34.122303022258464</v>
      </c>
    </row>
    <row r="6139" spans="2:20" x14ac:dyDescent="0.2">
      <c r="B6139" s="239">
        <v>60.923999999999999</v>
      </c>
      <c r="C6139" s="3">
        <f t="shared" si="1425"/>
        <v>60.917000000000002</v>
      </c>
      <c r="D6139" s="239">
        <v>19.356999999999999</v>
      </c>
      <c r="E6139" s="239">
        <v>7.8399999999999997E-2</v>
      </c>
      <c r="F6139" s="239">
        <v>0.54690000000000005</v>
      </c>
      <c r="G6139">
        <f t="shared" si="1426"/>
        <v>19.466380000000001</v>
      </c>
      <c r="H6139" s="235">
        <f t="shared" si="1427"/>
        <v>0.40274565687097447</v>
      </c>
      <c r="I6139" s="236">
        <f t="shared" si="1428"/>
        <v>19.519453100852356</v>
      </c>
      <c r="J6139" s="237">
        <f t="shared" si="1433"/>
        <v>9.5194531008523562</v>
      </c>
      <c r="K6139" s="237">
        <f t="shared" si="1429"/>
        <v>1189.066524544623</v>
      </c>
      <c r="L6139" s="237">
        <f t="shared" si="1434"/>
        <v>579.96316071632896</v>
      </c>
      <c r="M6139" s="236">
        <f t="shared" si="1430"/>
        <v>31.514611122679845</v>
      </c>
      <c r="N6139" s="236">
        <f t="shared" si="1431"/>
        <v>0.42894706656579162</v>
      </c>
      <c r="O6139" s="236">
        <f t="shared" si="1435"/>
        <v>2.1478727134043165</v>
      </c>
      <c r="P6139" s="236" t="str">
        <f t="shared" si="1436"/>
        <v>SAND</v>
      </c>
      <c r="Q6139" s="236" t="e">
        <f t="shared" si="1432"/>
        <v>#N/A</v>
      </c>
      <c r="R6139" s="238">
        <v>35</v>
      </c>
      <c r="S6139" s="236" t="e">
        <f t="shared" si="1437"/>
        <v>#N/A</v>
      </c>
      <c r="T6139" s="236">
        <f t="shared" si="1424"/>
        <v>34.083631477276484</v>
      </c>
    </row>
    <row r="6140" spans="2:20" x14ac:dyDescent="0.2">
      <c r="B6140" s="239">
        <v>60.933999999999997</v>
      </c>
      <c r="C6140" s="3">
        <f t="shared" si="1425"/>
        <v>60.927</v>
      </c>
      <c r="D6140" s="239">
        <v>19.5106</v>
      </c>
      <c r="E6140" s="239">
        <v>7.7899999999999997E-2</v>
      </c>
      <c r="F6140" s="239">
        <v>0.50409999999999999</v>
      </c>
      <c r="G6140">
        <f t="shared" si="1426"/>
        <v>19.611419999999999</v>
      </c>
      <c r="H6140" s="235">
        <f t="shared" si="1427"/>
        <v>0.39721753957643047</v>
      </c>
      <c r="I6140" s="236">
        <f t="shared" si="1428"/>
        <v>19.514852326707089</v>
      </c>
      <c r="J6140" s="237">
        <f t="shared" si="1433"/>
        <v>9.5148523267070892</v>
      </c>
      <c r="K6140" s="237">
        <f t="shared" si="1429"/>
        <v>1188.9814077092828</v>
      </c>
      <c r="L6140" s="237">
        <f t="shared" si="1434"/>
        <v>579.7780116755697</v>
      </c>
      <c r="M6140" s="236">
        <f t="shared" si="1430"/>
        <v>31.774986669552217</v>
      </c>
      <c r="N6140" s="236">
        <f t="shared" si="1431"/>
        <v>0.42285389966016218</v>
      </c>
      <c r="O6140" s="236">
        <f t="shared" si="1435"/>
        <v>2.1421311946303767</v>
      </c>
      <c r="P6140" s="236" t="str">
        <f t="shared" si="1436"/>
        <v>SAND</v>
      </c>
      <c r="Q6140" s="236" t="e">
        <f t="shared" si="1432"/>
        <v>#N/A</v>
      </c>
      <c r="R6140" s="238">
        <v>35</v>
      </c>
      <c r="S6140" s="236" t="e">
        <f t="shared" si="1437"/>
        <v>#N/A</v>
      </c>
      <c r="T6140" s="236">
        <f t="shared" si="1424"/>
        <v>34.122939147308614</v>
      </c>
    </row>
    <row r="6141" spans="2:20" x14ac:dyDescent="0.2">
      <c r="B6141" s="239">
        <v>60.944000000000003</v>
      </c>
      <c r="C6141" s="3">
        <f t="shared" si="1425"/>
        <v>60.937000000000005</v>
      </c>
      <c r="D6141" s="239">
        <v>19.728100000000001</v>
      </c>
      <c r="E6141" s="239">
        <v>8.2799999999999999E-2</v>
      </c>
      <c r="F6141" s="239">
        <v>0.51690000000000003</v>
      </c>
      <c r="G6141">
        <f t="shared" si="1426"/>
        <v>19.831480000000003</v>
      </c>
      <c r="H6141" s="235">
        <f t="shared" si="1427"/>
        <v>0.41751800672466194</v>
      </c>
      <c r="I6141" s="236">
        <f t="shared" si="1428"/>
        <v>19.590744577372149</v>
      </c>
      <c r="J6141" s="237">
        <f t="shared" si="1433"/>
        <v>9.5907445773721491</v>
      </c>
      <c r="K6141" s="237">
        <f t="shared" si="1429"/>
        <v>1193.8012023113267</v>
      </c>
      <c r="L6141" s="237">
        <f t="shared" si="1434"/>
        <v>584.49833752336826</v>
      </c>
      <c r="M6141" s="236">
        <f t="shared" si="1430"/>
        <v>31.886624137649566</v>
      </c>
      <c r="N6141" s="236">
        <f t="shared" si="1431"/>
        <v>0.4442613315681152</v>
      </c>
      <c r="O6141" s="236">
        <f t="shared" si="1435"/>
        <v>2.1493003407526916</v>
      </c>
      <c r="P6141" s="236" t="str">
        <f t="shared" si="1436"/>
        <v>SAND</v>
      </c>
      <c r="Q6141" s="236" t="e">
        <f t="shared" si="1432"/>
        <v>#N/A</v>
      </c>
      <c r="R6141" s="238">
        <v>35</v>
      </c>
      <c r="S6141" s="236" t="e">
        <f t="shared" si="1437"/>
        <v>#N/A</v>
      </c>
      <c r="T6141" s="236">
        <f t="shared" si="1424"/>
        <v>34.139693968305664</v>
      </c>
    </row>
    <row r="6142" spans="2:20" x14ac:dyDescent="0.2">
      <c r="B6142" s="239">
        <v>60.954000000000001</v>
      </c>
      <c r="C6142" s="3">
        <f t="shared" si="1425"/>
        <v>60.947000000000003</v>
      </c>
      <c r="D6142" s="239">
        <v>20.116900000000001</v>
      </c>
      <c r="E6142" s="239">
        <v>9.0300000000000005E-2</v>
      </c>
      <c r="F6142" s="239">
        <v>0.4385</v>
      </c>
      <c r="G6142">
        <f t="shared" si="1426"/>
        <v>20.204600000000003</v>
      </c>
      <c r="H6142" s="235">
        <f t="shared" si="1427"/>
        <v>0.4469279273036833</v>
      </c>
      <c r="I6142" s="236">
        <f t="shared" si="1428"/>
        <v>19.699705211466842</v>
      </c>
      <c r="J6142" s="237">
        <f t="shared" si="1433"/>
        <v>9.6997052114668421</v>
      </c>
      <c r="K6142" s="237">
        <f t="shared" si="1429"/>
        <v>1200.6379335232696</v>
      </c>
      <c r="L6142" s="237">
        <f t="shared" si="1434"/>
        <v>591.23583145974987</v>
      </c>
      <c r="M6142" s="236">
        <f t="shared" si="1430"/>
        <v>32.142777983459354</v>
      </c>
      <c r="N6142" s="236">
        <f t="shared" si="1431"/>
        <v>0.47516407201891092</v>
      </c>
      <c r="O6142" s="236">
        <f t="shared" si="1435"/>
        <v>2.1580940618344688</v>
      </c>
      <c r="P6142" s="236" t="str">
        <f t="shared" si="1436"/>
        <v>SAND</v>
      </c>
      <c r="Q6142" s="236" t="e">
        <f t="shared" si="1432"/>
        <v>#N/A</v>
      </c>
      <c r="R6142" s="238">
        <v>35</v>
      </c>
      <c r="S6142" s="236" t="e">
        <f t="shared" si="1437"/>
        <v>#N/A</v>
      </c>
      <c r="T6142" s="236">
        <f t="shared" si="1424"/>
        <v>34.177917493970554</v>
      </c>
    </row>
    <row r="6143" spans="2:20" x14ac:dyDescent="0.2">
      <c r="B6143" s="239">
        <v>60.963999999999999</v>
      </c>
      <c r="C6143" s="3">
        <f t="shared" si="1425"/>
        <v>60.957000000000001</v>
      </c>
      <c r="D6143" s="239">
        <v>20.275500000000001</v>
      </c>
      <c r="E6143" s="239">
        <v>9.5000000000000001E-2</v>
      </c>
      <c r="F6143" s="239">
        <v>0.35399999999999998</v>
      </c>
      <c r="G6143">
        <f t="shared" si="1426"/>
        <v>20.346299999999999</v>
      </c>
      <c r="H6143" s="235">
        <f t="shared" si="1427"/>
        <v>0.46691536053238186</v>
      </c>
      <c r="I6143" s="236">
        <f t="shared" si="1428"/>
        <v>19.761933688036361</v>
      </c>
      <c r="J6143" s="237">
        <f t="shared" si="1433"/>
        <v>9.7619336880363612</v>
      </c>
      <c r="K6143" s="237">
        <f t="shared" si="1429"/>
        <v>1204.6281918216325</v>
      </c>
      <c r="L6143" s="237">
        <f t="shared" si="1434"/>
        <v>595.12652535744871</v>
      </c>
      <c r="M6143" s="236">
        <f t="shared" si="1430"/>
        <v>32.164037381263377</v>
      </c>
      <c r="N6143" s="236">
        <f t="shared" si="1431"/>
        <v>0.49629938780692506</v>
      </c>
      <c r="O6143" s="236">
        <f t="shared" si="1435"/>
        <v>2.1657564318949145</v>
      </c>
      <c r="P6143" s="236" t="str">
        <f t="shared" si="1436"/>
        <v>SAND</v>
      </c>
      <c r="Q6143" s="236" t="e">
        <f t="shared" si="1432"/>
        <v>#N/A</v>
      </c>
      <c r="R6143" s="238">
        <v>35</v>
      </c>
      <c r="S6143" s="236" t="e">
        <f t="shared" si="1437"/>
        <v>#N/A</v>
      </c>
      <c r="T6143" s="236">
        <f t="shared" si="1424"/>
        <v>34.181076140027812</v>
      </c>
    </row>
    <row r="6144" spans="2:20" x14ac:dyDescent="0.2">
      <c r="B6144" s="239">
        <v>60.972999999999999</v>
      </c>
      <c r="C6144" s="3">
        <f t="shared" si="1425"/>
        <v>60.966000000000001</v>
      </c>
      <c r="D6144" s="239">
        <v>20.1249</v>
      </c>
      <c r="E6144" s="239">
        <v>9.4899999999999998E-2</v>
      </c>
      <c r="F6144" s="239">
        <v>0.35060000000000002</v>
      </c>
      <c r="G6144">
        <f t="shared" si="1426"/>
        <v>20.19502</v>
      </c>
      <c r="H6144" s="235">
        <f t="shared" si="1427"/>
        <v>0.4699178312276987</v>
      </c>
      <c r="I6144" s="236">
        <f t="shared" si="1428"/>
        <v>19.757781686782288</v>
      </c>
      <c r="J6144" s="237">
        <f t="shared" si="1433"/>
        <v>9.7577816867822875</v>
      </c>
      <c r="K6144" s="237">
        <f t="shared" si="1429"/>
        <v>1204.552918316369</v>
      </c>
      <c r="L6144" s="237">
        <f t="shared" si="1434"/>
        <v>594.96122278817643</v>
      </c>
      <c r="M6144" s="236">
        <f t="shared" si="1430"/>
        <v>31.918831605004936</v>
      </c>
      <c r="N6144" s="236">
        <f t="shared" si="1431"/>
        <v>0.49972441221064728</v>
      </c>
      <c r="O6144" s="236">
        <f t="shared" si="1435"/>
        <v>2.1700315913994475</v>
      </c>
      <c r="P6144" s="236" t="str">
        <f t="shared" si="1436"/>
        <v>SAND</v>
      </c>
      <c r="Q6144" s="236" t="e">
        <f t="shared" si="1432"/>
        <v>#N/A</v>
      </c>
      <c r="R6144" s="238">
        <v>35</v>
      </c>
      <c r="S6144" s="236" t="e">
        <f t="shared" si="1437"/>
        <v>#N/A</v>
      </c>
      <c r="T6144" s="236">
        <f t="shared" si="1424"/>
        <v>34.144516840898945</v>
      </c>
    </row>
    <row r="6145" spans="2:20" x14ac:dyDescent="0.2">
      <c r="B6145" s="239">
        <v>60.981999999999999</v>
      </c>
      <c r="C6145" s="3">
        <f t="shared" si="1425"/>
        <v>60.975000000000001</v>
      </c>
      <c r="D6145" s="239">
        <v>19.955300000000001</v>
      </c>
      <c r="E6145" s="239">
        <v>0.1008</v>
      </c>
      <c r="F6145" s="239">
        <v>0.32850000000000001</v>
      </c>
      <c r="G6145">
        <f t="shared" si="1426"/>
        <v>20.021000000000001</v>
      </c>
      <c r="H6145" s="235">
        <f t="shared" si="1427"/>
        <v>0.50347135507716889</v>
      </c>
      <c r="I6145" s="236">
        <f t="shared" si="1428"/>
        <v>19.825123680147492</v>
      </c>
      <c r="J6145" s="237">
        <f t="shared" si="1433"/>
        <v>9.8251236801474917</v>
      </c>
      <c r="K6145" s="237">
        <f t="shared" si="1429"/>
        <v>1208.8369163969933</v>
      </c>
      <c r="L6145" s="237">
        <f t="shared" si="1434"/>
        <v>599.15569226275431</v>
      </c>
      <c r="M6145" s="236">
        <f t="shared" si="1430"/>
        <v>31.397787464152309</v>
      </c>
      <c r="N6145" s="236">
        <f t="shared" si="1431"/>
        <v>0.53582354964729684</v>
      </c>
      <c r="O6145" s="236">
        <f t="shared" si="1435"/>
        <v>2.1894679145092155</v>
      </c>
      <c r="P6145" s="236" t="str">
        <f t="shared" si="1436"/>
        <v>SAND</v>
      </c>
      <c r="Q6145" s="236" t="e">
        <f t="shared" si="1432"/>
        <v>#N/A</v>
      </c>
      <c r="R6145" s="238">
        <v>35</v>
      </c>
      <c r="S6145" s="236" t="e">
        <f t="shared" si="1437"/>
        <v>#N/A</v>
      </c>
      <c r="T6145" s="236">
        <f t="shared" si="1424"/>
        <v>34.065889498690275</v>
      </c>
    </row>
    <row r="6146" spans="2:20" x14ac:dyDescent="0.2">
      <c r="B6146" s="239">
        <v>60.991999999999997</v>
      </c>
      <c r="C6146" s="3">
        <f t="shared" si="1425"/>
        <v>60.984999999999999</v>
      </c>
      <c r="D6146" s="239">
        <v>19.831900000000001</v>
      </c>
      <c r="E6146" s="239">
        <v>9.8299999999999998E-2</v>
      </c>
      <c r="F6146" s="239">
        <v>0.376</v>
      </c>
      <c r="G6146">
        <f t="shared" si="1426"/>
        <v>19.9071</v>
      </c>
      <c r="H6146" s="235">
        <f t="shared" si="1427"/>
        <v>0.49379367160460336</v>
      </c>
      <c r="I6146" s="236">
        <f t="shared" si="1428"/>
        <v>19.793444750785131</v>
      </c>
      <c r="J6146" s="237">
        <f t="shared" si="1433"/>
        <v>9.793444750785131</v>
      </c>
      <c r="K6146" s="237">
        <f t="shared" si="1429"/>
        <v>1207.1032281266312</v>
      </c>
      <c r="L6146" s="237">
        <f t="shared" si="1434"/>
        <v>597.32178223988672</v>
      </c>
      <c r="M6146" s="236">
        <f t="shared" si="1430"/>
        <v>31.306403563169201</v>
      </c>
      <c r="N6146" s="236">
        <f t="shared" si="1431"/>
        <v>0.52566853994249263</v>
      </c>
      <c r="O6146" s="236">
        <f t="shared" si="1435"/>
        <v>2.1870215782390536</v>
      </c>
      <c r="P6146" s="236" t="str">
        <f t="shared" si="1436"/>
        <v>SAND</v>
      </c>
      <c r="Q6146" s="236" t="e">
        <f t="shared" si="1432"/>
        <v>#N/A</v>
      </c>
      <c r="R6146" s="238">
        <v>35</v>
      </c>
      <c r="S6146" s="236" t="e">
        <f t="shared" si="1437"/>
        <v>#N/A</v>
      </c>
      <c r="T6146" s="236">
        <f t="shared" si="1424"/>
        <v>34.051964972588344</v>
      </c>
    </row>
    <row r="6147" spans="2:20" x14ac:dyDescent="0.2">
      <c r="B6147" s="239">
        <v>61.000999999999998</v>
      </c>
      <c r="C6147" s="3">
        <f t="shared" si="1425"/>
        <v>60.994</v>
      </c>
      <c r="D6147" s="239">
        <v>19.823499999999999</v>
      </c>
      <c r="E6147" s="239">
        <v>9.7900000000000001E-2</v>
      </c>
      <c r="F6147" s="239">
        <v>0.43259999999999998</v>
      </c>
      <c r="G6147">
        <f t="shared" si="1426"/>
        <v>19.910019999999999</v>
      </c>
      <c r="H6147" s="235">
        <f t="shared" si="1427"/>
        <v>0.49171221324740011</v>
      </c>
      <c r="I6147" s="236">
        <f t="shared" si="1428"/>
        <v>19.788720848907307</v>
      </c>
      <c r="J6147" s="237">
        <f t="shared" si="1433"/>
        <v>9.7887208489073068</v>
      </c>
      <c r="K6147" s="237">
        <f t="shared" si="1429"/>
        <v>1206.9932394582522</v>
      </c>
      <c r="L6147" s="237">
        <f t="shared" si="1434"/>
        <v>597.12176050419464</v>
      </c>
      <c r="M6147" s="236">
        <f t="shared" si="1430"/>
        <v>31.321964794499166</v>
      </c>
      <c r="N6147" s="236">
        <f t="shared" si="1431"/>
        <v>0.52344468760822249</v>
      </c>
      <c r="O6147" s="236">
        <f t="shared" si="1435"/>
        <v>2.1860353507944663</v>
      </c>
      <c r="P6147" s="236" t="str">
        <f t="shared" si="1436"/>
        <v>SAND</v>
      </c>
      <c r="Q6147" s="236" t="e">
        <f t="shared" si="1432"/>
        <v>#N/A</v>
      </c>
      <c r="R6147" s="238">
        <v>35</v>
      </c>
      <c r="S6147" s="236" t="e">
        <f t="shared" si="1437"/>
        <v>#N/A</v>
      </c>
      <c r="T6147" s="236">
        <f t="shared" si="1424"/>
        <v>34.054338967931344</v>
      </c>
    </row>
    <row r="6148" spans="2:20" x14ac:dyDescent="0.2">
      <c r="B6148" s="239">
        <v>61.011000000000003</v>
      </c>
      <c r="C6148" s="3">
        <f t="shared" si="1425"/>
        <v>61.004000000000005</v>
      </c>
      <c r="D6148" s="239">
        <v>19.644100000000002</v>
      </c>
      <c r="E6148" s="239">
        <v>9.6500000000000002E-2</v>
      </c>
      <c r="F6148" s="239">
        <v>0.35539999999999999</v>
      </c>
      <c r="G6148">
        <f t="shared" si="1426"/>
        <v>19.71518</v>
      </c>
      <c r="H6148" s="235">
        <f t="shared" si="1427"/>
        <v>0.48947055010403151</v>
      </c>
      <c r="I6148" s="236">
        <f t="shared" si="1428"/>
        <v>19.767987472301154</v>
      </c>
      <c r="J6148" s="237">
        <f t="shared" si="1433"/>
        <v>9.7679874723011544</v>
      </c>
      <c r="K6148" s="237">
        <f t="shared" si="1429"/>
        <v>1205.9263077602598</v>
      </c>
      <c r="L6148" s="237">
        <f t="shared" si="1434"/>
        <v>595.95468367256581</v>
      </c>
      <c r="M6148" s="236">
        <f t="shared" si="1430"/>
        <v>31.058156264796207</v>
      </c>
      <c r="N6148" s="236">
        <f t="shared" si="1431"/>
        <v>0.52136083714957648</v>
      </c>
      <c r="O6148" s="236">
        <f t="shared" si="1435"/>
        <v>2.1886108535459345</v>
      </c>
      <c r="P6148" s="236" t="str">
        <f t="shared" si="1436"/>
        <v>SAND</v>
      </c>
      <c r="Q6148" s="236" t="e">
        <f t="shared" si="1432"/>
        <v>#N/A</v>
      </c>
      <c r="R6148" s="238">
        <v>35</v>
      </c>
      <c r="S6148" s="236" t="e">
        <f t="shared" si="1437"/>
        <v>#N/A</v>
      </c>
      <c r="T6148" s="236">
        <f t="shared" si="1424"/>
        <v>34.013932377883656</v>
      </c>
    </row>
    <row r="6149" spans="2:20" x14ac:dyDescent="0.2">
      <c r="B6149" s="239">
        <v>61.021000000000001</v>
      </c>
      <c r="C6149" s="3">
        <f t="shared" si="1425"/>
        <v>61.014000000000003</v>
      </c>
      <c r="D6149" s="239">
        <v>19.712199999999999</v>
      </c>
      <c r="E6149" s="239">
        <v>9.2299999999999993E-2</v>
      </c>
      <c r="F6149" s="239">
        <v>0.35560000000000003</v>
      </c>
      <c r="G6149">
        <f t="shared" si="1426"/>
        <v>19.78332</v>
      </c>
      <c r="H6149" s="235">
        <f t="shared" si="1427"/>
        <v>0.46655465311181332</v>
      </c>
      <c r="I6149" s="236">
        <f t="shared" si="1428"/>
        <v>19.717156905435694</v>
      </c>
      <c r="J6149" s="237">
        <f t="shared" si="1433"/>
        <v>9.7171569054356937</v>
      </c>
      <c r="K6149" s="237">
        <f t="shared" si="1429"/>
        <v>1203.0226114282534</v>
      </c>
      <c r="L6149" s="237">
        <f t="shared" si="1434"/>
        <v>592.95063152659145</v>
      </c>
      <c r="M6149" s="236">
        <f t="shared" si="1430"/>
        <v>31.335319334656102</v>
      </c>
      <c r="N6149" s="236">
        <f t="shared" si="1431"/>
        <v>0.49676277009845549</v>
      </c>
      <c r="O6149" s="236">
        <f t="shared" si="1435"/>
        <v>2.1762054911832767</v>
      </c>
      <c r="P6149" s="236" t="str">
        <f t="shared" si="1436"/>
        <v>SAND</v>
      </c>
      <c r="Q6149" s="236" t="e">
        <f t="shared" si="1432"/>
        <v>#N/A</v>
      </c>
      <c r="R6149" s="238">
        <v>35</v>
      </c>
      <c r="S6149" s="236" t="e">
        <f t="shared" si="1437"/>
        <v>#N/A</v>
      </c>
      <c r="T6149" s="236">
        <f t="shared" si="1424"/>
        <v>34.056375373943396</v>
      </c>
    </row>
    <row r="6150" spans="2:20" x14ac:dyDescent="0.2">
      <c r="B6150" s="239">
        <v>61.030999999999999</v>
      </c>
      <c r="C6150" s="3">
        <f t="shared" si="1425"/>
        <v>61.024000000000001</v>
      </c>
      <c r="D6150" s="239">
        <v>19.823699999999999</v>
      </c>
      <c r="E6150" s="239">
        <v>8.7900000000000006E-2</v>
      </c>
      <c r="F6150" s="239">
        <v>0.38690000000000002</v>
      </c>
      <c r="G6150">
        <f t="shared" si="1426"/>
        <v>19.90108</v>
      </c>
      <c r="H6150" s="235">
        <f t="shared" si="1427"/>
        <v>0.4416845718925807</v>
      </c>
      <c r="I6150" s="236">
        <f t="shared" si="1428"/>
        <v>19.662201998050502</v>
      </c>
      <c r="J6150" s="237">
        <f t="shared" si="1433"/>
        <v>9.6622019980505023</v>
      </c>
      <c r="K6150" s="237">
        <f t="shared" si="1429"/>
        <v>1199.8662147290338</v>
      </c>
      <c r="L6150" s="237">
        <f t="shared" si="1434"/>
        <v>589.6938501430202</v>
      </c>
      <c r="M6150" s="236">
        <f t="shared" si="1430"/>
        <v>31.713428554045979</v>
      </c>
      <c r="N6150" s="236">
        <f t="shared" si="1431"/>
        <v>0.47002296754251233</v>
      </c>
      <c r="O6150" s="236">
        <f t="shared" si="1435"/>
        <v>2.161453169757229</v>
      </c>
      <c r="P6150" s="236" t="str">
        <f t="shared" si="1436"/>
        <v>SAND</v>
      </c>
      <c r="Q6150" s="236" t="e">
        <f t="shared" si="1432"/>
        <v>#N/A</v>
      </c>
      <c r="R6150" s="238">
        <v>35</v>
      </c>
      <c r="S6150" s="236" t="e">
        <f t="shared" si="1437"/>
        <v>#N/A</v>
      </c>
      <c r="T6150" s="236">
        <f t="shared" si="1424"/>
        <v>34.113675159861202</v>
      </c>
    </row>
    <row r="6151" spans="2:20" x14ac:dyDescent="0.2">
      <c r="B6151" s="239">
        <v>61.040999999999997</v>
      </c>
      <c r="C6151" s="3">
        <f t="shared" si="1425"/>
        <v>61.033999999999999</v>
      </c>
      <c r="D6151" s="239">
        <v>19.946200000000001</v>
      </c>
      <c r="E6151" s="239">
        <v>8.1500000000000003E-2</v>
      </c>
      <c r="F6151" s="239">
        <v>0.41299999999999998</v>
      </c>
      <c r="G6151">
        <f t="shared" si="1426"/>
        <v>20.0288</v>
      </c>
      <c r="H6151" s="235">
        <f t="shared" si="1427"/>
        <v>0.40691404377696122</v>
      </c>
      <c r="I6151" s="236">
        <f t="shared" si="1428"/>
        <v>19.576058034866303</v>
      </c>
      <c r="J6151" s="237">
        <f t="shared" si="1433"/>
        <v>9.5760580348663034</v>
      </c>
      <c r="K6151" s="237">
        <f t="shared" si="1429"/>
        <v>1194.8051261000298</v>
      </c>
      <c r="L6151" s="237">
        <f t="shared" si="1434"/>
        <v>584.53215850627396</v>
      </c>
      <c r="M6151" s="236">
        <f t="shared" si="1430"/>
        <v>32.220630806744261</v>
      </c>
      <c r="N6151" s="236">
        <f t="shared" si="1431"/>
        <v>0.43272816280173348</v>
      </c>
      <c r="O6151" s="236">
        <f t="shared" si="1435"/>
        <v>2.1405659186130772</v>
      </c>
      <c r="P6151" s="236" t="str">
        <f t="shared" si="1436"/>
        <v>SAND</v>
      </c>
      <c r="Q6151" s="236" t="e">
        <f t="shared" si="1432"/>
        <v>#N/A</v>
      </c>
      <c r="R6151" s="238">
        <v>35</v>
      </c>
      <c r="S6151" s="236" t="e">
        <f t="shared" si="1437"/>
        <v>#N/A</v>
      </c>
      <c r="T6151" s="236">
        <f t="shared" si="1424"/>
        <v>34.189474425322111</v>
      </c>
    </row>
    <row r="6152" spans="2:20" x14ac:dyDescent="0.2">
      <c r="B6152" s="239">
        <v>61.052</v>
      </c>
      <c r="C6152" s="3">
        <f t="shared" si="1425"/>
        <v>61.045000000000002</v>
      </c>
      <c r="D6152" s="239">
        <v>20.1736</v>
      </c>
      <c r="E6152" s="239">
        <v>7.5800000000000006E-2</v>
      </c>
      <c r="F6152" s="239">
        <v>0.45610000000000001</v>
      </c>
      <c r="G6152">
        <f t="shared" si="1426"/>
        <v>20.26482</v>
      </c>
      <c r="H6152" s="235">
        <f t="shared" si="1427"/>
        <v>0.37404724048868931</v>
      </c>
      <c r="I6152" s="236">
        <f t="shared" si="1428"/>
        <v>19.495618385059391</v>
      </c>
      <c r="J6152" s="237">
        <f t="shared" si="1433"/>
        <v>9.4956183850593909</v>
      </c>
      <c r="K6152" s="237">
        <f t="shared" si="1429"/>
        <v>1190.1100243159506</v>
      </c>
      <c r="L6152" s="237">
        <f t="shared" si="1434"/>
        <v>579.72649364464598</v>
      </c>
      <c r="M6152" s="236">
        <f t="shared" si="1430"/>
        <v>32.902946794383084</v>
      </c>
      <c r="N6152" s="236">
        <f t="shared" si="1431"/>
        <v>0.39738481002661585</v>
      </c>
      <c r="O6152" s="236">
        <f t="shared" si="1435"/>
        <v>2.1176399687651957</v>
      </c>
      <c r="P6152" s="236" t="str">
        <f t="shared" si="1436"/>
        <v>SAND</v>
      </c>
      <c r="Q6152" s="236" t="e">
        <f t="shared" si="1432"/>
        <v>#N/A</v>
      </c>
      <c r="R6152" s="238">
        <v>35</v>
      </c>
      <c r="S6152" s="236" t="e">
        <f t="shared" si="1437"/>
        <v>#N/A</v>
      </c>
      <c r="T6152" s="236">
        <f t="shared" si="1424"/>
        <v>34.289582747100965</v>
      </c>
    </row>
    <row r="6153" spans="2:20" x14ac:dyDescent="0.2">
      <c r="B6153" s="239">
        <v>61.061</v>
      </c>
      <c r="C6153" s="3">
        <f t="shared" si="1425"/>
        <v>61.054000000000002</v>
      </c>
      <c r="D6153" s="239">
        <v>20.400600000000001</v>
      </c>
      <c r="E6153" s="239">
        <v>7.1999999999999995E-2</v>
      </c>
      <c r="F6153" s="239">
        <v>0.50019999999999998</v>
      </c>
      <c r="G6153">
        <f t="shared" si="1426"/>
        <v>20.500640000000001</v>
      </c>
      <c r="H6153" s="235">
        <f t="shared" si="1427"/>
        <v>0.35120854763558595</v>
      </c>
      <c r="I6153" s="236">
        <f t="shared" si="1428"/>
        <v>19.4398314721223</v>
      </c>
      <c r="J6153" s="237">
        <f t="shared" si="1433"/>
        <v>9.4398314721223002</v>
      </c>
      <c r="K6153" s="237">
        <f t="shared" si="1429"/>
        <v>1186.8794706989549</v>
      </c>
      <c r="L6153" s="237">
        <f t="shared" si="1434"/>
        <v>576.40554951925981</v>
      </c>
      <c r="M6153" s="236">
        <f t="shared" si="1430"/>
        <v>33.507242505574979</v>
      </c>
      <c r="N6153" s="236">
        <f t="shared" si="1431"/>
        <v>0.37279120185200743</v>
      </c>
      <c r="O6153" s="236">
        <f t="shared" si="1435"/>
        <v>2.0997388888468542</v>
      </c>
      <c r="P6153" s="236" t="str">
        <f t="shared" si="1436"/>
        <v>SAND</v>
      </c>
      <c r="Q6153" s="236" t="e">
        <f t="shared" si="1432"/>
        <v>#N/A</v>
      </c>
      <c r="R6153" s="238">
        <v>35</v>
      </c>
      <c r="S6153" s="236" t="e">
        <f t="shared" si="1437"/>
        <v>#N/A</v>
      </c>
      <c r="T6153" s="236">
        <f t="shared" si="1424"/>
        <v>34.376525577188517</v>
      </c>
    </row>
    <row r="6154" spans="2:20" x14ac:dyDescent="0.2">
      <c r="B6154" s="239">
        <v>61.070999999999998</v>
      </c>
      <c r="C6154" s="3">
        <f t="shared" si="1425"/>
        <v>61.064</v>
      </c>
      <c r="D6154" s="239">
        <v>20.643699999999999</v>
      </c>
      <c r="E6154" s="239">
        <v>6.5600000000000006E-2</v>
      </c>
      <c r="F6154" s="239">
        <v>0.49130000000000001</v>
      </c>
      <c r="G6154">
        <f t="shared" si="1426"/>
        <v>20.741959999999999</v>
      </c>
      <c r="H6154" s="235">
        <f t="shared" si="1427"/>
        <v>0.31626712229702503</v>
      </c>
      <c r="I6154" s="236">
        <f t="shared" si="1428"/>
        <v>19.335248233864114</v>
      </c>
      <c r="J6154" s="237">
        <f t="shared" si="1433"/>
        <v>9.3352482338641138</v>
      </c>
      <c r="K6154" s="237">
        <f t="shared" si="1429"/>
        <v>1180.6875981526782</v>
      </c>
      <c r="L6154" s="237">
        <f t="shared" si="1434"/>
        <v>570.11294489031525</v>
      </c>
      <c r="M6154" s="236">
        <f t="shared" si="1430"/>
        <v>34.311223025484431</v>
      </c>
      <c r="N6154" s="236">
        <f t="shared" si="1431"/>
        <v>0.33535650775869208</v>
      </c>
      <c r="O6154" s="236">
        <f t="shared" si="1435"/>
        <v>2.0732383842826305</v>
      </c>
      <c r="P6154" s="236" t="str">
        <f t="shared" si="1436"/>
        <v>SAND</v>
      </c>
      <c r="Q6154" s="236" t="e">
        <f t="shared" si="1432"/>
        <v>#N/A</v>
      </c>
      <c r="R6154" s="238">
        <v>35</v>
      </c>
      <c r="S6154" s="236" t="e">
        <f t="shared" si="1437"/>
        <v>#N/A</v>
      </c>
      <c r="T6154" s="236">
        <f t="shared" si="1424"/>
        <v>34.48979818661784</v>
      </c>
    </row>
    <row r="6155" spans="2:20" x14ac:dyDescent="0.2">
      <c r="B6155" s="239">
        <v>61.082000000000001</v>
      </c>
      <c r="C6155" s="3">
        <f t="shared" si="1425"/>
        <v>61.075000000000003</v>
      </c>
      <c r="D6155" s="239">
        <v>20.582100000000001</v>
      </c>
      <c r="E6155" s="239">
        <v>6.1100000000000002E-2</v>
      </c>
      <c r="F6155" s="239">
        <v>0.47039999999999998</v>
      </c>
      <c r="G6155">
        <f t="shared" si="1426"/>
        <v>20.676180000000002</v>
      </c>
      <c r="H6155" s="235">
        <f t="shared" si="1427"/>
        <v>0.29550913176418464</v>
      </c>
      <c r="I6155" s="236">
        <f t="shared" si="1428"/>
        <v>19.250677595940282</v>
      </c>
      <c r="J6155" s="237">
        <f t="shared" si="1433"/>
        <v>9.2506775959402816</v>
      </c>
      <c r="K6155" s="237">
        <f t="shared" si="1429"/>
        <v>1175.7351341720528</v>
      </c>
      <c r="L6155" s="237">
        <f t="shared" si="1434"/>
        <v>565.0498889152243</v>
      </c>
      <c r="M6155" s="236">
        <f t="shared" si="1430"/>
        <v>34.511014422575428</v>
      </c>
      <c r="N6155" s="236">
        <f t="shared" si="1431"/>
        <v>0.31332618522498418</v>
      </c>
      <c r="O6155" s="236">
        <f t="shared" si="1435"/>
        <v>2.0604462170480335</v>
      </c>
      <c r="P6155" s="236" t="str">
        <f t="shared" si="1436"/>
        <v>SAND</v>
      </c>
      <c r="Q6155" s="236" t="e">
        <f t="shared" si="1432"/>
        <v>#N/A</v>
      </c>
      <c r="R6155" s="238">
        <v>35</v>
      </c>
      <c r="S6155" s="236" t="e">
        <f t="shared" si="1437"/>
        <v>#N/A</v>
      </c>
      <c r="T6155" s="236">
        <f t="shared" si="1424"/>
        <v>34.517534977247507</v>
      </c>
    </row>
    <row r="6156" spans="2:20" x14ac:dyDescent="0.2">
      <c r="B6156" s="239">
        <v>61.091999999999999</v>
      </c>
      <c r="C6156" s="3">
        <f t="shared" si="1425"/>
        <v>61.085000000000001</v>
      </c>
      <c r="D6156" s="239">
        <v>20.5974</v>
      </c>
      <c r="E6156" s="239">
        <v>5.5899999999999998E-2</v>
      </c>
      <c r="F6156" s="239">
        <v>0.53149999999999997</v>
      </c>
      <c r="G6156">
        <f t="shared" si="1426"/>
        <v>20.703700000000001</v>
      </c>
      <c r="H6156" s="235">
        <f t="shared" si="1427"/>
        <v>0.2700000483005453</v>
      </c>
      <c r="I6156" s="236">
        <f t="shared" si="1428"/>
        <v>19.146898105108328</v>
      </c>
      <c r="J6156" s="237">
        <f t="shared" si="1433"/>
        <v>9.1468981051083276</v>
      </c>
      <c r="K6156" s="237">
        <f t="shared" si="1429"/>
        <v>1169.5882707505423</v>
      </c>
      <c r="L6156" s="237">
        <f t="shared" si="1434"/>
        <v>558.80229903727798</v>
      </c>
      <c r="M6156" s="236">
        <f t="shared" si="1430"/>
        <v>34.957106946237403</v>
      </c>
      <c r="N6156" s="236">
        <f t="shared" si="1431"/>
        <v>0.28616607079347239</v>
      </c>
      <c r="O6156" s="236">
        <f t="shared" si="1435"/>
        <v>2.0418319329751631</v>
      </c>
      <c r="P6156" s="236" t="str">
        <f t="shared" si="1436"/>
        <v>SAND</v>
      </c>
      <c r="Q6156" s="236" t="e">
        <f t="shared" si="1432"/>
        <v>#N/A</v>
      </c>
      <c r="R6156" s="238">
        <v>35</v>
      </c>
      <c r="S6156" s="236" t="e">
        <f t="shared" si="1437"/>
        <v>#N/A</v>
      </c>
      <c r="T6156" s="236">
        <f t="shared" si="1424"/>
        <v>34.578890315129946</v>
      </c>
    </row>
    <row r="6157" spans="2:20" x14ac:dyDescent="0.2">
      <c r="B6157" s="239">
        <v>61.101999999999997</v>
      </c>
      <c r="C6157" s="3">
        <f t="shared" si="1425"/>
        <v>61.094999999999999</v>
      </c>
      <c r="D6157" s="239">
        <v>20.414300000000001</v>
      </c>
      <c r="E6157" s="239">
        <v>5.5300000000000002E-2</v>
      </c>
      <c r="F6157" s="239">
        <v>0.53559999999999997</v>
      </c>
      <c r="G6157">
        <f t="shared" si="1426"/>
        <v>20.521419999999999</v>
      </c>
      <c r="H6157" s="235">
        <f t="shared" si="1427"/>
        <v>0.26947452954035345</v>
      </c>
      <c r="I6157" s="236">
        <f t="shared" si="1428"/>
        <v>19.130787576930238</v>
      </c>
      <c r="J6157" s="237">
        <f t="shared" si="1433"/>
        <v>9.1307875769302385</v>
      </c>
      <c r="K6157" s="237">
        <f t="shared" si="1429"/>
        <v>1168.795467012553</v>
      </c>
      <c r="L6157" s="237">
        <f t="shared" si="1434"/>
        <v>557.90938252559135</v>
      </c>
      <c r="M6157" s="236">
        <f t="shared" si="1430"/>
        <v>34.68775600327843</v>
      </c>
      <c r="N6157" s="236">
        <f t="shared" si="1431"/>
        <v>0.28574935614411673</v>
      </c>
      <c r="O6157" s="236">
        <f t="shared" si="1435"/>
        <v>2.0447923976765328</v>
      </c>
      <c r="P6157" s="236" t="str">
        <f t="shared" si="1436"/>
        <v>SAND</v>
      </c>
      <c r="Q6157" s="236" t="e">
        <f t="shared" si="1432"/>
        <v>#N/A</v>
      </c>
      <c r="R6157" s="238">
        <v>35</v>
      </c>
      <c r="S6157" s="236" t="e">
        <f t="shared" si="1437"/>
        <v>#N/A</v>
      </c>
      <c r="T6157" s="236">
        <f t="shared" ref="T6157:T6220" si="1438">IF(P6157="SAND",17.6+(11*LOG(M6157)),#N/A)</f>
        <v>34.541938262342484</v>
      </c>
    </row>
    <row r="6158" spans="2:20" x14ac:dyDescent="0.2">
      <c r="B6158" s="239">
        <v>61.113</v>
      </c>
      <c r="C6158" s="3">
        <f t="shared" ref="C6158:C6221" si="1439">MAX($B6158 - $B$13, 0.001)</f>
        <v>61.106000000000002</v>
      </c>
      <c r="D6158" s="239">
        <v>20.305199999999999</v>
      </c>
      <c r="E6158" s="239">
        <v>5.57E-2</v>
      </c>
      <c r="F6158" s="239">
        <v>0.47920000000000001</v>
      </c>
      <c r="G6158">
        <f t="shared" si="1426"/>
        <v>20.401039999999998</v>
      </c>
      <c r="H6158" s="235">
        <f t="shared" si="1427"/>
        <v>0.27302529674957748</v>
      </c>
      <c r="I6158" s="236">
        <f t="shared" si="1428"/>
        <v>19.136939157979647</v>
      </c>
      <c r="J6158" s="237">
        <f t="shared" si="1433"/>
        <v>9.1369391579796471</v>
      </c>
      <c r="K6158" s="237">
        <f t="shared" si="1429"/>
        <v>1169.3818041875043</v>
      </c>
      <c r="L6158" s="237">
        <f t="shared" si="1434"/>
        <v>558.38576276161018</v>
      </c>
      <c r="M6158" s="236">
        <f t="shared" si="1430"/>
        <v>34.441526769411922</v>
      </c>
      <c r="N6158" s="236">
        <f t="shared" si="1431"/>
        <v>0.28962661166746478</v>
      </c>
      <c r="O6158" s="236">
        <f t="shared" si="1435"/>
        <v>2.0496522039849476</v>
      </c>
      <c r="P6158" s="236" t="str">
        <f t="shared" si="1436"/>
        <v>SAND</v>
      </c>
      <c r="Q6158" s="236" t="e">
        <f t="shared" si="1432"/>
        <v>#N/A</v>
      </c>
      <c r="R6158" s="238">
        <v>35</v>
      </c>
      <c r="S6158" s="236" t="e">
        <f t="shared" si="1437"/>
        <v>#N/A</v>
      </c>
      <c r="T6158" s="236">
        <f t="shared" si="1438"/>
        <v>34.5079063470546</v>
      </c>
    </row>
    <row r="6159" spans="2:20" x14ac:dyDescent="0.2">
      <c r="B6159" s="239">
        <v>61.122999999999998</v>
      </c>
      <c r="C6159" s="3">
        <f t="shared" si="1439"/>
        <v>61.116</v>
      </c>
      <c r="D6159" s="239">
        <v>19.989000000000001</v>
      </c>
      <c r="E6159" s="239">
        <v>6.0900000000000003E-2</v>
      </c>
      <c r="F6159" s="239">
        <v>0.46550000000000002</v>
      </c>
      <c r="G6159">
        <f t="shared" ref="G6159:G6222" si="1440">$D6159+($F6159*(1-$P$8))</f>
        <v>20.082100000000001</v>
      </c>
      <c r="H6159" s="235">
        <f t="shared" ref="H6159:H6222" si="1441">($E6159/$G6159)*100</f>
        <v>0.30325513765990608</v>
      </c>
      <c r="I6159" s="236">
        <f t="shared" ref="I6159:I6222" si="1442">((0.27*(LOG($H6159)))+(0.36*(LOG(($G6159*1000)/101)))+1.236)*10</f>
        <v>19.235437957298839</v>
      </c>
      <c r="J6159" s="237">
        <f t="shared" si="1433"/>
        <v>9.2354379572988385</v>
      </c>
      <c r="K6159" s="237">
        <f t="shared" ref="K6159:K6222" si="1443">$I6159*$C6159</f>
        <v>1175.5930261982758</v>
      </c>
      <c r="L6159" s="237">
        <f t="shared" si="1434"/>
        <v>564.49767426397693</v>
      </c>
      <c r="M6159" s="236">
        <f t="shared" ref="M6159:M6222" si="1444">(($G6159*1000)-$K6159)/$L6159</f>
        <v>33.492621556772697</v>
      </c>
      <c r="N6159" s="236">
        <f t="shared" ref="N6159:N6222" si="1445">(($E6159*1000)/(($G6159*1000)-$K6159))*100</f>
        <v>0.32211132434133716</v>
      </c>
      <c r="O6159" s="236">
        <f t="shared" si="1435"/>
        <v>2.0768282465445109</v>
      </c>
      <c r="P6159" s="236" t="str">
        <f t="shared" si="1436"/>
        <v>SAND</v>
      </c>
      <c r="Q6159" s="236" t="e">
        <f t="shared" ref="Q6159:Q6222" si="1446">IF(P6159="CLAY",($G6159*1000 -$K6159)/$L$8,#N/A)</f>
        <v>#N/A</v>
      </c>
      <c r="R6159" s="238">
        <v>35</v>
      </c>
      <c r="S6159" s="236" t="e">
        <f t="shared" si="1437"/>
        <v>#N/A</v>
      </c>
      <c r="T6159" s="236">
        <f t="shared" si="1438"/>
        <v>34.374440564828518</v>
      </c>
    </row>
    <row r="6160" spans="2:20" x14ac:dyDescent="0.2">
      <c r="B6160" s="239">
        <v>61.133000000000003</v>
      </c>
      <c r="C6160" s="3">
        <f t="shared" si="1439"/>
        <v>61.126000000000005</v>
      </c>
      <c r="D6160" s="239">
        <v>19.4986</v>
      </c>
      <c r="E6160" s="239">
        <v>5.7500000000000002E-2</v>
      </c>
      <c r="F6160" s="239">
        <v>0.505</v>
      </c>
      <c r="G6160">
        <f t="shared" si="1440"/>
        <v>19.599599999999999</v>
      </c>
      <c r="H6160" s="235">
        <f t="shared" si="1441"/>
        <v>0.29337333414967659</v>
      </c>
      <c r="I6160" s="236">
        <f t="shared" si="1442"/>
        <v>19.158568722346494</v>
      </c>
      <c r="J6160" s="237">
        <f t="shared" ref="J6160:J6223" si="1447">$I6160-10</f>
        <v>9.1585687223464944</v>
      </c>
      <c r="K6160" s="237">
        <f t="shared" si="1443"/>
        <v>1171.086671722152</v>
      </c>
      <c r="L6160" s="237">
        <f t="shared" ref="L6160:L6223" si="1448">$J6160*$B6160</f>
        <v>559.89078170320829</v>
      </c>
      <c r="M6160" s="236">
        <f t="shared" si="1444"/>
        <v>32.9144789135796</v>
      </c>
      <c r="N6160" s="236">
        <f t="shared" si="1445"/>
        <v>0.3120164875794319</v>
      </c>
      <c r="O6160" s="236">
        <f t="shared" ref="O6160:O6223" si="1449">((3.47-LOG($M6160))^2+(LOG($N6160)+1.22)^2)^0.5</f>
        <v>2.0791217266683462</v>
      </c>
      <c r="P6160" s="236" t="str">
        <f t="shared" ref="P6160:P6223" si="1450">IF(O6160&lt;2.6,"SAND","CLAY")</f>
        <v>SAND</v>
      </c>
      <c r="Q6160" s="236" t="e">
        <f t="shared" si="1446"/>
        <v>#N/A</v>
      </c>
      <c r="R6160" s="238">
        <v>35</v>
      </c>
      <c r="S6160" s="236" t="e">
        <f t="shared" ref="S6160:S6223" si="1451">IF(P6160="SAND",#N/A,0.25*($M6160)^1.25)</f>
        <v>#N/A</v>
      </c>
      <c r="T6160" s="236">
        <f t="shared" si="1438"/>
        <v>34.291256823320751</v>
      </c>
    </row>
    <row r="6161" spans="2:20" x14ac:dyDescent="0.2">
      <c r="B6161" s="239">
        <v>61.143000000000001</v>
      </c>
      <c r="C6161" s="3">
        <f t="shared" si="1439"/>
        <v>61.136000000000003</v>
      </c>
      <c r="D6161" s="239">
        <v>19.354199999999999</v>
      </c>
      <c r="E6161" s="239">
        <v>6.2399999999999997E-2</v>
      </c>
      <c r="F6161" s="239">
        <v>0.52339999999999998</v>
      </c>
      <c r="G6161">
        <f t="shared" si="1440"/>
        <v>19.458879999999997</v>
      </c>
      <c r="H6161" s="235">
        <f t="shared" si="1441"/>
        <v>0.32067621569175619</v>
      </c>
      <c r="I6161" s="236">
        <f t="shared" si="1442"/>
        <v>19.251647502387463</v>
      </c>
      <c r="J6161" s="237">
        <f t="shared" si="1447"/>
        <v>9.2516475023874634</v>
      </c>
      <c r="K6161" s="237">
        <f t="shared" si="1443"/>
        <v>1176.96872170596</v>
      </c>
      <c r="L6161" s="237">
        <f t="shared" si="1448"/>
        <v>565.67348323847671</v>
      </c>
      <c r="M6161" s="236">
        <f t="shared" si="1444"/>
        <v>32.318840850785904</v>
      </c>
      <c r="N6161" s="236">
        <f t="shared" si="1445"/>
        <v>0.34132098690407175</v>
      </c>
      <c r="O6161" s="236">
        <f t="shared" si="1449"/>
        <v>2.1002352601561496</v>
      </c>
      <c r="P6161" s="236" t="str">
        <f t="shared" si="1450"/>
        <v>SAND</v>
      </c>
      <c r="Q6161" s="236" t="e">
        <f t="shared" si="1446"/>
        <v>#N/A</v>
      </c>
      <c r="R6161" s="238">
        <v>35</v>
      </c>
      <c r="S6161" s="236" t="e">
        <f t="shared" si="1451"/>
        <v>#N/A</v>
      </c>
      <c r="T6161" s="236">
        <f t="shared" si="1438"/>
        <v>34.204013535489274</v>
      </c>
    </row>
    <row r="6162" spans="2:20" x14ac:dyDescent="0.2">
      <c r="B6162" s="239">
        <v>61.152000000000001</v>
      </c>
      <c r="C6162" s="3">
        <f t="shared" si="1439"/>
        <v>61.145000000000003</v>
      </c>
      <c r="D6162" s="239">
        <v>19.194299999999998</v>
      </c>
      <c r="E6162" s="239">
        <v>6.2899999999999998E-2</v>
      </c>
      <c r="F6162" s="239">
        <v>0.53680000000000005</v>
      </c>
      <c r="G6162">
        <f t="shared" si="1440"/>
        <v>19.301659999999998</v>
      </c>
      <c r="H6162" s="235">
        <f t="shared" si="1441"/>
        <v>0.32587870680552866</v>
      </c>
      <c r="I6162" s="236">
        <f t="shared" si="1442"/>
        <v>19.257834992189338</v>
      </c>
      <c r="J6162" s="237">
        <f t="shared" si="1447"/>
        <v>9.2578349921893377</v>
      </c>
      <c r="K6162" s="237">
        <f t="shared" si="1443"/>
        <v>1177.5203205974171</v>
      </c>
      <c r="L6162" s="237">
        <f t="shared" si="1448"/>
        <v>566.13512544236244</v>
      </c>
      <c r="M6162" s="236">
        <f t="shared" si="1444"/>
        <v>32.013805299999497</v>
      </c>
      <c r="N6162" s="236">
        <f t="shared" si="1445"/>
        <v>0.34705095586679646</v>
      </c>
      <c r="O6162" s="236">
        <f t="shared" si="1449"/>
        <v>2.1066792385754156</v>
      </c>
      <c r="P6162" s="236" t="str">
        <f t="shared" si="1450"/>
        <v>SAND</v>
      </c>
      <c r="Q6162" s="236" t="e">
        <f t="shared" si="1446"/>
        <v>#N/A</v>
      </c>
      <c r="R6162" s="238">
        <v>35</v>
      </c>
      <c r="S6162" s="236" t="e">
        <f t="shared" si="1451"/>
        <v>#N/A</v>
      </c>
      <c r="T6162" s="236">
        <f t="shared" si="1438"/>
        <v>34.15871029275695</v>
      </c>
    </row>
    <row r="6163" spans="2:20" x14ac:dyDescent="0.2">
      <c r="B6163" s="239">
        <v>61.161999999999999</v>
      </c>
      <c r="C6163" s="3">
        <f t="shared" si="1439"/>
        <v>61.155000000000001</v>
      </c>
      <c r="D6163" s="239">
        <v>19.132999999999999</v>
      </c>
      <c r="E6163" s="239">
        <v>6.1600000000000002E-2</v>
      </c>
      <c r="F6163" s="239">
        <v>0.50860000000000005</v>
      </c>
      <c r="G6163">
        <f t="shared" si="1440"/>
        <v>19.234719999999999</v>
      </c>
      <c r="H6163" s="235">
        <f t="shared" si="1441"/>
        <v>0.32025420697571894</v>
      </c>
      <c r="I6163" s="236">
        <f t="shared" si="1442"/>
        <v>19.231988259020426</v>
      </c>
      <c r="J6163" s="237">
        <f t="shared" si="1447"/>
        <v>9.2319882590204259</v>
      </c>
      <c r="K6163" s="237">
        <f t="shared" si="1443"/>
        <v>1176.1322419803942</v>
      </c>
      <c r="L6163" s="237">
        <f t="shared" si="1448"/>
        <v>564.64686589820724</v>
      </c>
      <c r="M6163" s="236">
        <f t="shared" si="1444"/>
        <v>31.982091549012782</v>
      </c>
      <c r="N6163" s="236">
        <f t="shared" si="1445"/>
        <v>0.34111194532719846</v>
      </c>
      <c r="O6163" s="236">
        <f t="shared" si="1449"/>
        <v>2.1043870425772164</v>
      </c>
      <c r="P6163" s="236" t="str">
        <f t="shared" si="1450"/>
        <v>SAND</v>
      </c>
      <c r="Q6163" s="236" t="e">
        <f t="shared" si="1446"/>
        <v>#N/A</v>
      </c>
      <c r="R6163" s="238">
        <v>35</v>
      </c>
      <c r="S6163" s="236" t="e">
        <f t="shared" si="1451"/>
        <v>#N/A</v>
      </c>
      <c r="T6163" s="236">
        <f t="shared" si="1438"/>
        <v>34.153975483262727</v>
      </c>
    </row>
    <row r="6164" spans="2:20" x14ac:dyDescent="0.2">
      <c r="B6164" s="239">
        <v>61.171999999999997</v>
      </c>
      <c r="C6164" s="3">
        <f t="shared" si="1439"/>
        <v>61.164999999999999</v>
      </c>
      <c r="D6164" s="239">
        <v>19.334599999999998</v>
      </c>
      <c r="E6164" s="239">
        <v>6.3399999999999998E-2</v>
      </c>
      <c r="F6164" s="239">
        <v>0.54610000000000003</v>
      </c>
      <c r="G6164">
        <f t="shared" si="1440"/>
        <v>19.443819999999999</v>
      </c>
      <c r="H6164" s="235">
        <f t="shared" si="1441"/>
        <v>0.32606761428567022</v>
      </c>
      <c r="I6164" s="236">
        <f t="shared" si="1442"/>
        <v>19.269987483432509</v>
      </c>
      <c r="J6164" s="237">
        <f t="shared" si="1447"/>
        <v>9.2699874834325087</v>
      </c>
      <c r="K6164" s="237">
        <f t="shared" si="1443"/>
        <v>1178.6487844241494</v>
      </c>
      <c r="L6164" s="237">
        <f t="shared" si="1448"/>
        <v>567.06367433653338</v>
      </c>
      <c r="M6164" s="236">
        <f t="shared" si="1444"/>
        <v>32.210088641185081</v>
      </c>
      <c r="N6164" s="236">
        <f t="shared" si="1445"/>
        <v>0.34710870898343871</v>
      </c>
      <c r="O6164" s="236">
        <f t="shared" si="1449"/>
        <v>2.1042299062548575</v>
      </c>
      <c r="P6164" s="236" t="str">
        <f t="shared" si="1450"/>
        <v>SAND</v>
      </c>
      <c r="Q6164" s="236" t="e">
        <f t="shared" si="1446"/>
        <v>#N/A</v>
      </c>
      <c r="R6164" s="238">
        <v>35</v>
      </c>
      <c r="S6164" s="236" t="e">
        <f t="shared" si="1451"/>
        <v>#N/A</v>
      </c>
      <c r="T6164" s="236">
        <f t="shared" si="1438"/>
        <v>34.187911119852075</v>
      </c>
    </row>
    <row r="6165" spans="2:20" x14ac:dyDescent="0.2">
      <c r="B6165" s="239">
        <v>61.182000000000002</v>
      </c>
      <c r="C6165" s="3">
        <f t="shared" si="1439"/>
        <v>61.175000000000004</v>
      </c>
      <c r="D6165" s="239">
        <v>19.560600000000001</v>
      </c>
      <c r="E6165" s="239">
        <v>6.6299999999999998E-2</v>
      </c>
      <c r="F6165" s="239">
        <v>0.5252</v>
      </c>
      <c r="G6165">
        <f t="shared" si="1440"/>
        <v>19.66564</v>
      </c>
      <c r="H6165" s="235">
        <f t="shared" si="1441"/>
        <v>0.33713624372255363</v>
      </c>
      <c r="I6165" s="236">
        <f t="shared" si="1442"/>
        <v>19.326866857293268</v>
      </c>
      <c r="J6165" s="237">
        <f t="shared" si="1447"/>
        <v>9.3268668572932683</v>
      </c>
      <c r="K6165" s="237">
        <f t="shared" si="1443"/>
        <v>1182.3210799949159</v>
      </c>
      <c r="L6165" s="237">
        <f t="shared" si="1448"/>
        <v>570.63636806291674</v>
      </c>
      <c r="M6165" s="236">
        <f t="shared" si="1444"/>
        <v>32.390713165984479</v>
      </c>
      <c r="N6165" s="236">
        <f t="shared" si="1445"/>
        <v>0.35870181262869083</v>
      </c>
      <c r="O6165" s="236">
        <f t="shared" si="1449"/>
        <v>2.1071696379716292</v>
      </c>
      <c r="P6165" s="236" t="str">
        <f t="shared" si="1450"/>
        <v>SAND</v>
      </c>
      <c r="Q6165" s="236" t="e">
        <f t="shared" si="1446"/>
        <v>#N/A</v>
      </c>
      <c r="R6165" s="238">
        <v>35</v>
      </c>
      <c r="S6165" s="236" t="e">
        <f t="shared" si="1451"/>
        <v>#N/A</v>
      </c>
      <c r="T6165" s="236">
        <f t="shared" si="1438"/>
        <v>34.214625612646131</v>
      </c>
    </row>
    <row r="6166" spans="2:20" x14ac:dyDescent="0.2">
      <c r="B6166" s="239">
        <v>61.192</v>
      </c>
      <c r="C6166" s="3">
        <f t="shared" si="1439"/>
        <v>61.185000000000002</v>
      </c>
      <c r="D6166" s="239">
        <v>19.811900000000001</v>
      </c>
      <c r="E6166" s="239">
        <v>7.1099999999999997E-2</v>
      </c>
      <c r="F6166" s="239">
        <v>0.50670000000000004</v>
      </c>
      <c r="G6166">
        <f t="shared" si="1440"/>
        <v>19.913240000000002</v>
      </c>
      <c r="H6166" s="235">
        <f t="shared" si="1441"/>
        <v>0.35704887803290669</v>
      </c>
      <c r="I6166" s="236">
        <f t="shared" si="1442"/>
        <v>19.41371871156678</v>
      </c>
      <c r="J6166" s="237">
        <f t="shared" si="1447"/>
        <v>9.41371871156678</v>
      </c>
      <c r="K6166" s="237">
        <f t="shared" si="1443"/>
        <v>1187.8283793672135</v>
      </c>
      <c r="L6166" s="237">
        <f t="shared" si="1448"/>
        <v>576.04427539819437</v>
      </c>
      <c r="M6166" s="236">
        <f t="shared" si="1444"/>
        <v>32.50689646674941</v>
      </c>
      <c r="N6166" s="236">
        <f t="shared" si="1445"/>
        <v>0.37969792835772814</v>
      </c>
      <c r="O6166" s="236">
        <f t="shared" si="1449"/>
        <v>2.1149376801393349</v>
      </c>
      <c r="P6166" s="236" t="str">
        <f t="shared" si="1450"/>
        <v>SAND</v>
      </c>
      <c r="Q6166" s="236" t="e">
        <f t="shared" si="1446"/>
        <v>#N/A</v>
      </c>
      <c r="R6166" s="238">
        <v>35</v>
      </c>
      <c r="S6166" s="236" t="e">
        <f t="shared" si="1451"/>
        <v>#N/A</v>
      </c>
      <c r="T6166" s="236">
        <f t="shared" si="1438"/>
        <v>34.231730588519184</v>
      </c>
    </row>
    <row r="6167" spans="2:20" x14ac:dyDescent="0.2">
      <c r="B6167" s="239">
        <v>61.201000000000001</v>
      </c>
      <c r="C6167" s="3">
        <f t="shared" si="1439"/>
        <v>61.194000000000003</v>
      </c>
      <c r="D6167" s="239">
        <v>19.865400000000001</v>
      </c>
      <c r="E6167" s="239">
        <v>7.4099999999999999E-2</v>
      </c>
      <c r="F6167" s="239">
        <v>0.53580000000000005</v>
      </c>
      <c r="G6167">
        <f t="shared" si="1440"/>
        <v>19.972560000000001</v>
      </c>
      <c r="H6167" s="235">
        <f t="shared" si="1441"/>
        <v>0.37100902438145134</v>
      </c>
      <c r="I6167" s="236">
        <f t="shared" si="1442"/>
        <v>19.463342576982122</v>
      </c>
      <c r="J6167" s="237">
        <f t="shared" si="1447"/>
        <v>9.4633425769821216</v>
      </c>
      <c r="K6167" s="237">
        <f t="shared" si="1443"/>
        <v>1191.0397856558441</v>
      </c>
      <c r="L6167" s="237">
        <f t="shared" si="1448"/>
        <v>579.16602905388288</v>
      </c>
      <c r="M6167" s="236">
        <f t="shared" si="1444"/>
        <v>32.428559812158483</v>
      </c>
      <c r="N6167" s="236">
        <f t="shared" si="1445"/>
        <v>0.39453675290569412</v>
      </c>
      <c r="O6167" s="236">
        <f t="shared" si="1449"/>
        <v>2.1222542682567878</v>
      </c>
      <c r="P6167" s="236" t="str">
        <f t="shared" si="1450"/>
        <v>SAND</v>
      </c>
      <c r="Q6167" s="236" t="e">
        <f t="shared" si="1446"/>
        <v>#N/A</v>
      </c>
      <c r="R6167" s="238">
        <v>35</v>
      </c>
      <c r="S6167" s="236" t="e">
        <f t="shared" si="1451"/>
        <v>#N/A</v>
      </c>
      <c r="T6167" s="236">
        <f t="shared" si="1438"/>
        <v>34.220204277686641</v>
      </c>
    </row>
    <row r="6168" spans="2:20" x14ac:dyDescent="0.2">
      <c r="B6168" s="239">
        <v>61.212000000000003</v>
      </c>
      <c r="C6168" s="3">
        <f t="shared" si="1439"/>
        <v>61.205000000000005</v>
      </c>
      <c r="D6168" s="239">
        <v>19.766100000000002</v>
      </c>
      <c r="E6168" s="239">
        <v>7.6499999999999999E-2</v>
      </c>
      <c r="F6168" s="239">
        <v>0.54359999999999997</v>
      </c>
      <c r="G6168">
        <f t="shared" si="1440"/>
        <v>19.874820000000003</v>
      </c>
      <c r="H6168" s="235">
        <f t="shared" si="1441"/>
        <v>0.38490914634698575</v>
      </c>
      <c r="I6168" s="236">
        <f t="shared" si="1442"/>
        <v>19.498801812967141</v>
      </c>
      <c r="J6168" s="237">
        <f t="shared" si="1447"/>
        <v>9.498801812967141</v>
      </c>
      <c r="K6168" s="237">
        <f t="shared" si="1443"/>
        <v>1193.424164962654</v>
      </c>
      <c r="L6168" s="237">
        <f t="shared" si="1448"/>
        <v>581.44065657534463</v>
      </c>
      <c r="M6168" s="236">
        <f t="shared" si="1444"/>
        <v>32.129497006744941</v>
      </c>
      <c r="N6168" s="236">
        <f t="shared" si="1445"/>
        <v>0.40949830877477927</v>
      </c>
      <c r="O6168" s="236">
        <f t="shared" si="1449"/>
        <v>2.1322264823259616</v>
      </c>
      <c r="P6168" s="236" t="str">
        <f t="shared" si="1450"/>
        <v>SAND</v>
      </c>
      <c r="Q6168" s="236" t="e">
        <f t="shared" si="1446"/>
        <v>#N/A</v>
      </c>
      <c r="R6168" s="238">
        <v>35</v>
      </c>
      <c r="S6168" s="236" t="e">
        <f t="shared" si="1451"/>
        <v>#N/A</v>
      </c>
      <c r="T6168" s="236">
        <f t="shared" si="1438"/>
        <v>34.175943193081793</v>
      </c>
    </row>
    <row r="6169" spans="2:20" x14ac:dyDescent="0.2">
      <c r="B6169" s="239">
        <v>61.220999999999997</v>
      </c>
      <c r="C6169" s="3">
        <f t="shared" si="1439"/>
        <v>61.213999999999999</v>
      </c>
      <c r="D6169" s="239">
        <v>19.542899999999999</v>
      </c>
      <c r="E6169" s="239">
        <v>7.0699999999999999E-2</v>
      </c>
      <c r="F6169" s="239">
        <v>0.53900000000000003</v>
      </c>
      <c r="G6169">
        <f t="shared" si="1440"/>
        <v>19.650700000000001</v>
      </c>
      <c r="H6169" s="235">
        <f t="shared" si="1441"/>
        <v>0.35978362093971206</v>
      </c>
      <c r="I6169" s="236">
        <f t="shared" si="1442"/>
        <v>19.401915694571635</v>
      </c>
      <c r="J6169" s="237">
        <f t="shared" si="1447"/>
        <v>9.4019156945716347</v>
      </c>
      <c r="K6169" s="237">
        <f t="shared" si="1443"/>
        <v>1187.668867327508</v>
      </c>
      <c r="L6169" s="237">
        <f t="shared" si="1448"/>
        <v>575.59468073737003</v>
      </c>
      <c r="M6169" s="236">
        <f t="shared" si="1444"/>
        <v>32.07644502381482</v>
      </c>
      <c r="N6169" s="236">
        <f t="shared" si="1445"/>
        <v>0.38292737249891806</v>
      </c>
      <c r="O6169" s="236">
        <f t="shared" si="1449"/>
        <v>2.1216881235025973</v>
      </c>
      <c r="P6169" s="236" t="str">
        <f t="shared" si="1450"/>
        <v>SAND</v>
      </c>
      <c r="Q6169" s="236" t="e">
        <f t="shared" si="1446"/>
        <v>#N/A</v>
      </c>
      <c r="R6169" s="238">
        <v>35</v>
      </c>
      <c r="S6169" s="236" t="e">
        <f t="shared" si="1451"/>
        <v>#N/A</v>
      </c>
      <c r="T6169" s="236">
        <f t="shared" si="1438"/>
        <v>34.168048532011213</v>
      </c>
    </row>
    <row r="6170" spans="2:20" x14ac:dyDescent="0.2">
      <c r="B6170" s="239">
        <v>61.231000000000002</v>
      </c>
      <c r="C6170" s="3">
        <f t="shared" si="1439"/>
        <v>61.224000000000004</v>
      </c>
      <c r="D6170" s="239">
        <v>19.188700000000001</v>
      </c>
      <c r="E6170" s="239">
        <v>7.1099999999999997E-2</v>
      </c>
      <c r="F6170" s="239">
        <v>0.51949999999999996</v>
      </c>
      <c r="G6170">
        <f t="shared" si="1440"/>
        <v>19.2926</v>
      </c>
      <c r="H6170" s="235">
        <f t="shared" si="1441"/>
        <v>0.36853508599152002</v>
      </c>
      <c r="I6170" s="236">
        <f t="shared" si="1442"/>
        <v>19.401342660372126</v>
      </c>
      <c r="J6170" s="237">
        <f t="shared" si="1447"/>
        <v>9.4013426603721264</v>
      </c>
      <c r="K6170" s="237">
        <f t="shared" si="1443"/>
        <v>1187.8278030386232</v>
      </c>
      <c r="L6170" s="237">
        <f t="shared" si="1448"/>
        <v>575.65361243724567</v>
      </c>
      <c r="M6170" s="236">
        <f t="shared" si="1444"/>
        <v>31.450809663658713</v>
      </c>
      <c r="N6170" s="236">
        <f t="shared" si="1445"/>
        <v>0.39271413761247498</v>
      </c>
      <c r="O6170" s="236">
        <f t="shared" si="1449"/>
        <v>2.1337658735928593</v>
      </c>
      <c r="P6170" s="236" t="str">
        <f t="shared" si="1450"/>
        <v>SAND</v>
      </c>
      <c r="Q6170" s="236" t="e">
        <f t="shared" si="1446"/>
        <v>#N/A</v>
      </c>
      <c r="R6170" s="238">
        <v>35</v>
      </c>
      <c r="S6170" s="236" t="e">
        <f t="shared" si="1451"/>
        <v>#N/A</v>
      </c>
      <c r="T6170" s="236">
        <f t="shared" si="1438"/>
        <v>34.073950133516661</v>
      </c>
    </row>
    <row r="6171" spans="2:20" x14ac:dyDescent="0.2">
      <c r="B6171" s="239">
        <v>61.241</v>
      </c>
      <c r="C6171" s="3">
        <f t="shared" si="1439"/>
        <v>61.234000000000002</v>
      </c>
      <c r="D6171" s="239">
        <v>18.988600000000002</v>
      </c>
      <c r="E6171" s="239">
        <v>7.0300000000000001E-2</v>
      </c>
      <c r="F6171" s="239">
        <v>0.55500000000000005</v>
      </c>
      <c r="G6171">
        <f t="shared" si="1440"/>
        <v>19.099600000000002</v>
      </c>
      <c r="H6171" s="235">
        <f t="shared" si="1441"/>
        <v>0.36807053550859697</v>
      </c>
      <c r="I6171" s="236">
        <f t="shared" si="1442"/>
        <v>19.384144276718093</v>
      </c>
      <c r="J6171" s="237">
        <f t="shared" si="1447"/>
        <v>9.3841442767180929</v>
      </c>
      <c r="K6171" s="237">
        <f t="shared" si="1443"/>
        <v>1186.9686906405557</v>
      </c>
      <c r="L6171" s="237">
        <f t="shared" si="1448"/>
        <v>574.69437965049269</v>
      </c>
      <c r="M6171" s="236">
        <f t="shared" si="1444"/>
        <v>31.168969009672985</v>
      </c>
      <c r="N6171" s="236">
        <f t="shared" si="1445"/>
        <v>0.39246048660236688</v>
      </c>
      <c r="O6171" s="236">
        <f t="shared" si="1449"/>
        <v>2.1372732240134931</v>
      </c>
      <c r="P6171" s="236" t="str">
        <f t="shared" si="1450"/>
        <v>SAND</v>
      </c>
      <c r="Q6171" s="236" t="e">
        <f t="shared" si="1446"/>
        <v>#N/A</v>
      </c>
      <c r="R6171" s="238">
        <v>35</v>
      </c>
      <c r="S6171" s="236" t="e">
        <f t="shared" si="1451"/>
        <v>#N/A</v>
      </c>
      <c r="T6171" s="236">
        <f t="shared" si="1438"/>
        <v>34.030946808716521</v>
      </c>
    </row>
    <row r="6172" spans="2:20" x14ac:dyDescent="0.2">
      <c r="B6172" s="239">
        <v>61.250999999999998</v>
      </c>
      <c r="C6172" s="3">
        <f t="shared" si="1439"/>
        <v>61.244</v>
      </c>
      <c r="D6172" s="239">
        <v>19.036899999999999</v>
      </c>
      <c r="E6172" s="239">
        <v>7.2099999999999997E-2</v>
      </c>
      <c r="F6172" s="239">
        <v>0.57150000000000001</v>
      </c>
      <c r="G6172">
        <f t="shared" si="1440"/>
        <v>19.151199999999999</v>
      </c>
      <c r="H6172" s="235">
        <f t="shared" si="1441"/>
        <v>0.37647771419023351</v>
      </c>
      <c r="I6172" s="236">
        <f t="shared" si="1442"/>
        <v>19.414844661679819</v>
      </c>
      <c r="J6172" s="237">
        <f t="shared" si="1447"/>
        <v>9.4148446616798189</v>
      </c>
      <c r="K6172" s="237">
        <f t="shared" si="1443"/>
        <v>1189.0427464599188</v>
      </c>
      <c r="L6172" s="237">
        <f t="shared" si="1448"/>
        <v>576.66865037255059</v>
      </c>
      <c r="M6172" s="236">
        <f t="shared" si="1444"/>
        <v>31.148142424485574</v>
      </c>
      <c r="N6172" s="236">
        <f t="shared" si="1445"/>
        <v>0.40139944764034469</v>
      </c>
      <c r="O6172" s="236">
        <f t="shared" si="1449"/>
        <v>2.1412844639026387</v>
      </c>
      <c r="P6172" s="236" t="str">
        <f t="shared" si="1450"/>
        <v>SAND</v>
      </c>
      <c r="Q6172" s="236" t="e">
        <f t="shared" si="1446"/>
        <v>#N/A</v>
      </c>
      <c r="R6172" s="238">
        <v>35</v>
      </c>
      <c r="S6172" s="236" t="e">
        <f t="shared" si="1451"/>
        <v>#N/A</v>
      </c>
      <c r="T6172" s="236">
        <f t="shared" si="1438"/>
        <v>34.027753670181184</v>
      </c>
    </row>
    <row r="6173" spans="2:20" x14ac:dyDescent="0.2">
      <c r="B6173" s="239">
        <v>61.26</v>
      </c>
      <c r="C6173" s="3">
        <f t="shared" si="1439"/>
        <v>61.253</v>
      </c>
      <c r="D6173" s="239">
        <v>19.075299999999999</v>
      </c>
      <c r="E6173" s="239">
        <v>7.0699999999999999E-2</v>
      </c>
      <c r="F6173" s="239">
        <v>0.57010000000000005</v>
      </c>
      <c r="G6173">
        <f t="shared" si="1440"/>
        <v>19.189319999999999</v>
      </c>
      <c r="H6173" s="235">
        <f t="shared" si="1441"/>
        <v>0.36843410813931921</v>
      </c>
      <c r="I6173" s="236">
        <f t="shared" si="1442"/>
        <v>19.392629098300304</v>
      </c>
      <c r="J6173" s="237">
        <f t="shared" si="1447"/>
        <v>9.3926290983003042</v>
      </c>
      <c r="K6173" s="237">
        <f t="shared" si="1443"/>
        <v>1187.8567101581884</v>
      </c>
      <c r="L6173" s="237">
        <f t="shared" si="1448"/>
        <v>575.39245856187665</v>
      </c>
      <c r="M6173" s="236">
        <f t="shared" si="1444"/>
        <v>31.285539151545848</v>
      </c>
      <c r="N6173" s="236">
        <f t="shared" si="1445"/>
        <v>0.3927458499437424</v>
      </c>
      <c r="O6173" s="236">
        <f t="shared" si="1449"/>
        <v>2.1358945269740439</v>
      </c>
      <c r="P6173" s="236" t="str">
        <f t="shared" si="1450"/>
        <v>SAND</v>
      </c>
      <c r="Q6173" s="236" t="e">
        <f t="shared" si="1446"/>
        <v>#N/A</v>
      </c>
      <c r="R6173" s="238">
        <v>35</v>
      </c>
      <c r="S6173" s="236" t="e">
        <f t="shared" si="1451"/>
        <v>#N/A</v>
      </c>
      <c r="T6173" s="236">
        <f t="shared" si="1438"/>
        <v>34.048780080521837</v>
      </c>
    </row>
    <row r="6174" spans="2:20" x14ac:dyDescent="0.2">
      <c r="B6174" s="239">
        <v>61.271000000000001</v>
      </c>
      <c r="C6174" s="3">
        <f t="shared" si="1439"/>
        <v>61.264000000000003</v>
      </c>
      <c r="D6174" s="239">
        <v>19.113399999999999</v>
      </c>
      <c r="E6174" s="239">
        <v>7.1499999999999994E-2</v>
      </c>
      <c r="F6174" s="239">
        <v>0.54500000000000004</v>
      </c>
      <c r="G6174">
        <f t="shared" si="1440"/>
        <v>19.2224</v>
      </c>
      <c r="H6174" s="235">
        <f t="shared" si="1441"/>
        <v>0.37196187780922252</v>
      </c>
      <c r="I6174" s="236">
        <f t="shared" si="1442"/>
        <v>19.406496216485937</v>
      </c>
      <c r="J6174" s="237">
        <f t="shared" si="1447"/>
        <v>9.4064962164859374</v>
      </c>
      <c r="K6174" s="237">
        <f t="shared" si="1443"/>
        <v>1188.9195842067945</v>
      </c>
      <c r="L6174" s="237">
        <f t="shared" si="1448"/>
        <v>576.34542968030985</v>
      </c>
      <c r="M6174" s="236">
        <f t="shared" si="1444"/>
        <v>31.289361357122427</v>
      </c>
      <c r="N6174" s="236">
        <f t="shared" si="1445"/>
        <v>0.39648475142592182</v>
      </c>
      <c r="O6174" s="236">
        <f t="shared" si="1449"/>
        <v>2.1374173163885288</v>
      </c>
      <c r="P6174" s="236" t="str">
        <f t="shared" si="1450"/>
        <v>SAND</v>
      </c>
      <c r="Q6174" s="236" t="e">
        <f t="shared" si="1446"/>
        <v>#N/A</v>
      </c>
      <c r="R6174" s="238">
        <v>35</v>
      </c>
      <c r="S6174" s="236" t="e">
        <f t="shared" si="1451"/>
        <v>#N/A</v>
      </c>
      <c r="T6174" s="236">
        <f t="shared" si="1438"/>
        <v>34.049363688024869</v>
      </c>
    </row>
    <row r="6175" spans="2:20" x14ac:dyDescent="0.2">
      <c r="B6175" s="239">
        <v>61.28</v>
      </c>
      <c r="C6175" s="3">
        <f t="shared" si="1439"/>
        <v>61.273000000000003</v>
      </c>
      <c r="D6175" s="239">
        <v>19.152899999999999</v>
      </c>
      <c r="E6175" s="239">
        <v>7.4800000000000005E-2</v>
      </c>
      <c r="F6175" s="239">
        <v>0.52539999999999998</v>
      </c>
      <c r="G6175">
        <f t="shared" si="1440"/>
        <v>19.25798</v>
      </c>
      <c r="H6175" s="235">
        <f t="shared" si="1441"/>
        <v>0.38841041479947536</v>
      </c>
      <c r="I6175" s="236">
        <f t="shared" si="1442"/>
        <v>19.460127026824271</v>
      </c>
      <c r="J6175" s="237">
        <f t="shared" si="1447"/>
        <v>9.4601270268242708</v>
      </c>
      <c r="K6175" s="237">
        <f t="shared" si="1443"/>
        <v>1192.3803633146035</v>
      </c>
      <c r="L6175" s="237">
        <f t="shared" si="1448"/>
        <v>579.71658420379129</v>
      </c>
      <c r="M6175" s="236">
        <f t="shared" si="1444"/>
        <v>31.162813224495721</v>
      </c>
      <c r="N6175" s="236">
        <f t="shared" si="1445"/>
        <v>0.41404659410311179</v>
      </c>
      <c r="O6175" s="236">
        <f t="shared" si="1449"/>
        <v>2.146313922879489</v>
      </c>
      <c r="P6175" s="236" t="str">
        <f t="shared" si="1450"/>
        <v>SAND</v>
      </c>
      <c r="Q6175" s="236" t="e">
        <f t="shared" si="1446"/>
        <v>#N/A</v>
      </c>
      <c r="R6175" s="238">
        <v>35</v>
      </c>
      <c r="S6175" s="236" t="e">
        <f t="shared" si="1451"/>
        <v>#N/A</v>
      </c>
      <c r="T6175" s="236">
        <f t="shared" si="1438"/>
        <v>34.030003223985958</v>
      </c>
    </row>
    <row r="6176" spans="2:20" x14ac:dyDescent="0.2">
      <c r="B6176" s="239">
        <v>61.290999999999997</v>
      </c>
      <c r="C6176" s="3">
        <f t="shared" si="1439"/>
        <v>61.283999999999999</v>
      </c>
      <c r="D6176" s="239">
        <v>19.1843</v>
      </c>
      <c r="E6176" s="239">
        <v>7.6999999999999999E-2</v>
      </c>
      <c r="F6176" s="239">
        <v>0.53380000000000005</v>
      </c>
      <c r="G6176">
        <f t="shared" si="1440"/>
        <v>19.291060000000002</v>
      </c>
      <c r="H6176" s="235">
        <f t="shared" si="1441"/>
        <v>0.3991486211747825</v>
      </c>
      <c r="I6176" s="236">
        <f t="shared" si="1442"/>
        <v>19.49478849496499</v>
      </c>
      <c r="J6176" s="237">
        <f t="shared" si="1447"/>
        <v>9.4947884949649897</v>
      </c>
      <c r="K6176" s="237">
        <f t="shared" si="1443"/>
        <v>1194.7186181254344</v>
      </c>
      <c r="L6176" s="237">
        <f t="shared" si="1448"/>
        <v>581.94508164489912</v>
      </c>
      <c r="M6176" s="236">
        <f t="shared" si="1444"/>
        <v>31.096304363848706</v>
      </c>
      <c r="N6176" s="236">
        <f t="shared" si="1445"/>
        <v>0.42550037256217871</v>
      </c>
      <c r="O6176" s="236">
        <f t="shared" si="1449"/>
        <v>2.1518159054634021</v>
      </c>
      <c r="P6176" s="236" t="str">
        <f t="shared" si="1450"/>
        <v>SAND</v>
      </c>
      <c r="Q6176" s="236" t="e">
        <f t="shared" si="1446"/>
        <v>#N/A</v>
      </c>
      <c r="R6176" s="238">
        <v>35</v>
      </c>
      <c r="S6176" s="236" t="e">
        <f t="shared" si="1451"/>
        <v>#N/A</v>
      </c>
      <c r="T6176" s="236">
        <f t="shared" si="1438"/>
        <v>34.019796562661071</v>
      </c>
    </row>
    <row r="6177" spans="2:20" x14ac:dyDescent="0.2">
      <c r="B6177" s="239">
        <v>61.3</v>
      </c>
      <c r="C6177" s="3">
        <f t="shared" si="1439"/>
        <v>61.292999999999999</v>
      </c>
      <c r="D6177" s="239">
        <v>19.305599999999998</v>
      </c>
      <c r="E6177" s="239">
        <v>7.7899999999999997E-2</v>
      </c>
      <c r="F6177" s="239">
        <v>0.52890000000000004</v>
      </c>
      <c r="G6177">
        <f t="shared" si="1440"/>
        <v>19.411379999999998</v>
      </c>
      <c r="H6177" s="235">
        <f t="shared" si="1441"/>
        <v>0.40131098355706812</v>
      </c>
      <c r="I6177" s="236">
        <f t="shared" si="1442"/>
        <v>19.510844960436998</v>
      </c>
      <c r="J6177" s="237">
        <f t="shared" si="1447"/>
        <v>9.510844960436998</v>
      </c>
      <c r="K6177" s="237">
        <f t="shared" si="1443"/>
        <v>1195.878220160065</v>
      </c>
      <c r="L6177" s="237">
        <f t="shared" si="1448"/>
        <v>583.01479607478791</v>
      </c>
      <c r="M6177" s="236">
        <f t="shared" si="1444"/>
        <v>31.243635500295749</v>
      </c>
      <c r="N6177" s="236">
        <f t="shared" si="1445"/>
        <v>0.42765772220568793</v>
      </c>
      <c r="O6177" s="236">
        <f t="shared" si="1449"/>
        <v>2.1507979515084816</v>
      </c>
      <c r="P6177" s="236" t="str">
        <f t="shared" si="1450"/>
        <v>SAND</v>
      </c>
      <c r="Q6177" s="236" t="e">
        <f t="shared" si="1446"/>
        <v>#N/A</v>
      </c>
      <c r="R6177" s="238">
        <v>35</v>
      </c>
      <c r="S6177" s="236" t="e">
        <f t="shared" si="1451"/>
        <v>#N/A</v>
      </c>
      <c r="T6177" s="236">
        <f t="shared" si="1438"/>
        <v>34.042377187770199</v>
      </c>
    </row>
    <row r="6178" spans="2:20" x14ac:dyDescent="0.2">
      <c r="B6178" s="239">
        <v>61.311</v>
      </c>
      <c r="C6178" s="3">
        <f t="shared" si="1439"/>
        <v>61.304000000000002</v>
      </c>
      <c r="D6178" s="239">
        <v>19.327100000000002</v>
      </c>
      <c r="E6178" s="239">
        <v>7.7399999999999997E-2</v>
      </c>
      <c r="F6178" s="239">
        <v>0.48380000000000001</v>
      </c>
      <c r="G6178">
        <f t="shared" si="1440"/>
        <v>19.423860000000001</v>
      </c>
      <c r="H6178" s="235">
        <f t="shared" si="1441"/>
        <v>0.39847898409481947</v>
      </c>
      <c r="I6178" s="236">
        <f t="shared" si="1442"/>
        <v>19.503545633481473</v>
      </c>
      <c r="J6178" s="237">
        <f t="shared" si="1447"/>
        <v>9.5035456334814725</v>
      </c>
      <c r="K6178" s="237">
        <f t="shared" si="1443"/>
        <v>1195.6453615149483</v>
      </c>
      <c r="L6178" s="237">
        <f t="shared" si="1448"/>
        <v>582.67188633438252</v>
      </c>
      <c r="M6178" s="236">
        <f t="shared" si="1444"/>
        <v>31.283840984948917</v>
      </c>
      <c r="N6178" s="236">
        <f t="shared" si="1445"/>
        <v>0.42461646154081439</v>
      </c>
      <c r="O6178" s="236">
        <f t="shared" si="1449"/>
        <v>2.1490601307324142</v>
      </c>
      <c r="P6178" s="236" t="str">
        <f t="shared" si="1450"/>
        <v>SAND</v>
      </c>
      <c r="Q6178" s="236" t="e">
        <f t="shared" si="1446"/>
        <v>#N/A</v>
      </c>
      <c r="R6178" s="238">
        <v>35</v>
      </c>
      <c r="S6178" s="236" t="e">
        <f t="shared" si="1451"/>
        <v>#N/A</v>
      </c>
      <c r="T6178" s="236">
        <f t="shared" si="1438"/>
        <v>34.048520766838664</v>
      </c>
    </row>
    <row r="6179" spans="2:20" x14ac:dyDescent="0.2">
      <c r="B6179" s="239">
        <v>61.320999999999998</v>
      </c>
      <c r="C6179" s="3">
        <f t="shared" si="1439"/>
        <v>61.314</v>
      </c>
      <c r="D6179" s="239">
        <v>19.323699999999999</v>
      </c>
      <c r="E6179" s="239">
        <v>7.6300000000000007E-2</v>
      </c>
      <c r="F6179" s="239">
        <v>0.47310000000000002</v>
      </c>
      <c r="G6179">
        <f t="shared" si="1440"/>
        <v>19.418319999999998</v>
      </c>
      <c r="H6179" s="235">
        <f t="shared" si="1441"/>
        <v>0.39292791549423434</v>
      </c>
      <c r="I6179" s="236">
        <f t="shared" si="1442"/>
        <v>19.4866497951658</v>
      </c>
      <c r="J6179" s="237">
        <f t="shared" si="1447"/>
        <v>9.4866497951657998</v>
      </c>
      <c r="K6179" s="237">
        <f t="shared" si="1443"/>
        <v>1194.8044455407958</v>
      </c>
      <c r="L6179" s="237">
        <f t="shared" si="1448"/>
        <v>581.73085208936197</v>
      </c>
      <c r="M6179" s="236">
        <f t="shared" si="1444"/>
        <v>31.326369383722863</v>
      </c>
      <c r="N6179" s="236">
        <f t="shared" si="1445"/>
        <v>0.41868979545678153</v>
      </c>
      <c r="O6179" s="236">
        <f t="shared" si="1449"/>
        <v>2.1461159908310372</v>
      </c>
      <c r="P6179" s="236" t="str">
        <f t="shared" si="1450"/>
        <v>SAND</v>
      </c>
      <c r="Q6179" s="236" t="e">
        <f t="shared" si="1446"/>
        <v>#N/A</v>
      </c>
      <c r="R6179" s="238">
        <v>35</v>
      </c>
      <c r="S6179" s="236" t="e">
        <f t="shared" si="1451"/>
        <v>#N/A</v>
      </c>
      <c r="T6179" s="236">
        <f t="shared" si="1438"/>
        <v>34.055010710510118</v>
      </c>
    </row>
    <row r="6180" spans="2:20" x14ac:dyDescent="0.2">
      <c r="B6180" s="239">
        <v>61.33</v>
      </c>
      <c r="C6180" s="3">
        <f t="shared" si="1439"/>
        <v>61.323</v>
      </c>
      <c r="D6180" s="239">
        <v>19.269400000000001</v>
      </c>
      <c r="E6180" s="239">
        <v>7.2099999999999997E-2</v>
      </c>
      <c r="F6180" s="239">
        <v>0.48349999999999999</v>
      </c>
      <c r="G6180">
        <f t="shared" si="1440"/>
        <v>19.366099999999999</v>
      </c>
      <c r="H6180" s="235">
        <f t="shared" si="1441"/>
        <v>0.37230005008752409</v>
      </c>
      <c r="I6180" s="236">
        <f t="shared" si="1442"/>
        <v>19.419206222190702</v>
      </c>
      <c r="J6180" s="237">
        <f t="shared" si="1447"/>
        <v>9.4192062221907022</v>
      </c>
      <c r="K6180" s="237">
        <f t="shared" si="1443"/>
        <v>1190.8439831634005</v>
      </c>
      <c r="L6180" s="237">
        <f t="shared" si="1448"/>
        <v>577.67991760695577</v>
      </c>
      <c r="M6180" s="236">
        <f t="shared" si="1444"/>
        <v>31.46250278550059</v>
      </c>
      <c r="N6180" s="236">
        <f t="shared" si="1445"/>
        <v>0.39669317413306515</v>
      </c>
      <c r="O6180" s="236">
        <f t="shared" si="1449"/>
        <v>2.1352909728909251</v>
      </c>
      <c r="P6180" s="236" t="str">
        <f t="shared" si="1450"/>
        <v>SAND</v>
      </c>
      <c r="Q6180" s="236" t="e">
        <f t="shared" si="1446"/>
        <v>#N/A</v>
      </c>
      <c r="R6180" s="238">
        <v>35</v>
      </c>
      <c r="S6180" s="236" t="e">
        <f t="shared" si="1451"/>
        <v>#N/A</v>
      </c>
      <c r="T6180" s="236">
        <f t="shared" si="1438"/>
        <v>34.07572593706864</v>
      </c>
    </row>
    <row r="6181" spans="2:20" x14ac:dyDescent="0.2">
      <c r="B6181" s="239">
        <v>61.34</v>
      </c>
      <c r="C6181" s="3">
        <f t="shared" si="1439"/>
        <v>61.333000000000006</v>
      </c>
      <c r="D6181" s="239">
        <v>19.201599999999999</v>
      </c>
      <c r="E6181" s="239">
        <v>7.4399999999999994E-2</v>
      </c>
      <c r="F6181" s="239">
        <v>0.39950000000000002</v>
      </c>
      <c r="G6181">
        <f t="shared" si="1440"/>
        <v>19.281499999999998</v>
      </c>
      <c r="H6181" s="235">
        <f t="shared" si="1441"/>
        <v>0.38586209579130254</v>
      </c>
      <c r="I6181" s="236">
        <f t="shared" si="1442"/>
        <v>19.454316715407597</v>
      </c>
      <c r="J6181" s="237">
        <f t="shared" si="1447"/>
        <v>9.4543167154075967</v>
      </c>
      <c r="K6181" s="237">
        <f t="shared" si="1443"/>
        <v>1193.1916071060941</v>
      </c>
      <c r="L6181" s="237">
        <f t="shared" si="1448"/>
        <v>579.92778732310205</v>
      </c>
      <c r="M6181" s="236">
        <f t="shared" si="1444"/>
        <v>31.190621984830237</v>
      </c>
      <c r="N6181" s="236">
        <f t="shared" si="1445"/>
        <v>0.41131541094925428</v>
      </c>
      <c r="O6181" s="236">
        <f t="shared" si="1449"/>
        <v>2.1448377358845714</v>
      </c>
      <c r="P6181" s="236" t="str">
        <f t="shared" si="1450"/>
        <v>SAND</v>
      </c>
      <c r="Q6181" s="236" t="e">
        <f t="shared" si="1446"/>
        <v>#N/A</v>
      </c>
      <c r="R6181" s="238">
        <v>35</v>
      </c>
      <c r="S6181" s="236" t="e">
        <f t="shared" si="1451"/>
        <v>#N/A</v>
      </c>
      <c r="T6181" s="236">
        <f t="shared" si="1438"/>
        <v>34.034264388142901</v>
      </c>
    </row>
    <row r="6182" spans="2:20" x14ac:dyDescent="0.2">
      <c r="B6182" s="239">
        <v>61.351999999999997</v>
      </c>
      <c r="C6182" s="3">
        <f t="shared" si="1439"/>
        <v>61.344999999999999</v>
      </c>
      <c r="D6182" s="239">
        <v>18.828099999999999</v>
      </c>
      <c r="E6182" s="239">
        <v>7.8899999999999998E-2</v>
      </c>
      <c r="F6182" s="239">
        <v>0.35049999999999998</v>
      </c>
      <c r="G6182">
        <f t="shared" si="1440"/>
        <v>18.898199999999999</v>
      </c>
      <c r="H6182" s="235">
        <f t="shared" si="1441"/>
        <v>0.41750007937263867</v>
      </c>
      <c r="I6182" s="236">
        <f t="shared" si="1442"/>
        <v>19.515329359789792</v>
      </c>
      <c r="J6182" s="237">
        <f t="shared" si="1447"/>
        <v>9.5153293597897921</v>
      </c>
      <c r="K6182" s="237">
        <f t="shared" si="1443"/>
        <v>1197.1678795763048</v>
      </c>
      <c r="L6182" s="237">
        <f t="shared" si="1448"/>
        <v>583.78448688182334</v>
      </c>
      <c r="M6182" s="236">
        <f t="shared" si="1444"/>
        <v>30.32117591025839</v>
      </c>
      <c r="N6182" s="236">
        <f t="shared" si="1445"/>
        <v>0.4457367201145524</v>
      </c>
      <c r="O6182" s="236">
        <f t="shared" si="1449"/>
        <v>2.1698965637635146</v>
      </c>
      <c r="P6182" s="236" t="str">
        <f t="shared" si="1450"/>
        <v>SAND</v>
      </c>
      <c r="Q6182" s="236" t="e">
        <f t="shared" si="1446"/>
        <v>#N/A</v>
      </c>
      <c r="R6182" s="238">
        <v>35</v>
      </c>
      <c r="S6182" s="236" t="e">
        <f t="shared" si="1451"/>
        <v>#N/A</v>
      </c>
      <c r="T6182" s="236">
        <f t="shared" si="1438"/>
        <v>33.899206440167333</v>
      </c>
    </row>
    <row r="6183" spans="2:20" x14ac:dyDescent="0.2">
      <c r="B6183" s="239">
        <v>61.362000000000002</v>
      </c>
      <c r="C6183" s="3">
        <f t="shared" si="1439"/>
        <v>61.355000000000004</v>
      </c>
      <c r="D6183" s="239">
        <v>18.299800000000001</v>
      </c>
      <c r="E6183" s="239">
        <v>7.4200000000000002E-2</v>
      </c>
      <c r="F6183" s="239">
        <v>0.41599999999999998</v>
      </c>
      <c r="G6183">
        <f t="shared" si="1440"/>
        <v>18.383000000000003</v>
      </c>
      <c r="H6183" s="235">
        <f t="shared" si="1441"/>
        <v>0.40363379209051836</v>
      </c>
      <c r="I6183" s="236">
        <f t="shared" si="1442"/>
        <v>19.432508347114542</v>
      </c>
      <c r="J6183" s="237">
        <f t="shared" si="1447"/>
        <v>9.4325083471145419</v>
      </c>
      <c r="K6183" s="237">
        <f t="shared" si="1443"/>
        <v>1192.2815496372127</v>
      </c>
      <c r="L6183" s="237">
        <f t="shared" si="1448"/>
        <v>578.79757719564259</v>
      </c>
      <c r="M6183" s="236">
        <f t="shared" si="1444"/>
        <v>29.700743623797273</v>
      </c>
      <c r="N6183" s="236">
        <f t="shared" si="1445"/>
        <v>0.43162826623127026</v>
      </c>
      <c r="O6183" s="236">
        <f t="shared" si="1449"/>
        <v>2.172590911617744</v>
      </c>
      <c r="P6183" s="236" t="str">
        <f t="shared" si="1450"/>
        <v>SAND</v>
      </c>
      <c r="Q6183" s="236" t="e">
        <f t="shared" si="1446"/>
        <v>#N/A</v>
      </c>
      <c r="R6183" s="238">
        <v>35</v>
      </c>
      <c r="S6183" s="236" t="e">
        <f t="shared" si="1451"/>
        <v>#N/A</v>
      </c>
      <c r="T6183" s="236">
        <f t="shared" si="1438"/>
        <v>33.800440552737051</v>
      </c>
    </row>
    <row r="6184" spans="2:20" x14ac:dyDescent="0.2">
      <c r="B6184" s="239">
        <v>61.372</v>
      </c>
      <c r="C6184" s="3">
        <f t="shared" si="1439"/>
        <v>61.365000000000002</v>
      </c>
      <c r="D6184" s="239">
        <v>17.563199999999998</v>
      </c>
      <c r="E6184" s="239">
        <v>7.0699999999999999E-2</v>
      </c>
      <c r="F6184" s="239">
        <v>0.47649999999999998</v>
      </c>
      <c r="G6184">
        <f t="shared" si="1440"/>
        <v>17.6585</v>
      </c>
      <c r="H6184" s="235">
        <f t="shared" si="1441"/>
        <v>0.4003737576804372</v>
      </c>
      <c r="I6184" s="236">
        <f t="shared" si="1442"/>
        <v>19.360133900359699</v>
      </c>
      <c r="J6184" s="237">
        <f t="shared" si="1447"/>
        <v>9.3601339003596991</v>
      </c>
      <c r="K6184" s="237">
        <f t="shared" si="1443"/>
        <v>1188.0346167955729</v>
      </c>
      <c r="L6184" s="237">
        <f t="shared" si="1448"/>
        <v>574.45013773287542</v>
      </c>
      <c r="M6184" s="236">
        <f t="shared" si="1444"/>
        <v>28.671705865032528</v>
      </c>
      <c r="N6184" s="236">
        <f t="shared" si="1445"/>
        <v>0.42925320174677961</v>
      </c>
      <c r="O6184" s="236">
        <f t="shared" si="1449"/>
        <v>2.1857409887241102</v>
      </c>
      <c r="P6184" s="236" t="str">
        <f t="shared" si="1450"/>
        <v>SAND</v>
      </c>
      <c r="Q6184" s="236" t="e">
        <f t="shared" si="1446"/>
        <v>#N/A</v>
      </c>
      <c r="R6184" s="238">
        <v>35</v>
      </c>
      <c r="S6184" s="236" t="e">
        <f t="shared" si="1451"/>
        <v>#N/A</v>
      </c>
      <c r="T6184" s="236">
        <f t="shared" si="1438"/>
        <v>33.631988859699177</v>
      </c>
    </row>
    <row r="6185" spans="2:20" x14ac:dyDescent="0.2">
      <c r="B6185" s="239">
        <v>61.381999999999998</v>
      </c>
      <c r="C6185" s="3">
        <f t="shared" si="1439"/>
        <v>61.375</v>
      </c>
      <c r="D6185" s="239">
        <v>17.2408</v>
      </c>
      <c r="E6185" s="239">
        <v>7.0999999999999994E-2</v>
      </c>
      <c r="F6185" s="239">
        <v>0.52700000000000002</v>
      </c>
      <c r="G6185">
        <f t="shared" si="1440"/>
        <v>17.3462</v>
      </c>
      <c r="H6185" s="235">
        <f t="shared" si="1441"/>
        <v>0.40931154950363768</v>
      </c>
      <c r="I6185" s="236">
        <f t="shared" si="1442"/>
        <v>19.358124510434688</v>
      </c>
      <c r="J6185" s="237">
        <f t="shared" si="1447"/>
        <v>9.3581245104346884</v>
      </c>
      <c r="K6185" s="237">
        <f t="shared" si="1443"/>
        <v>1188.1048918279289</v>
      </c>
      <c r="L6185" s="237">
        <f t="shared" si="1448"/>
        <v>574.42039869950202</v>
      </c>
      <c r="M6185" s="236">
        <f t="shared" si="1444"/>
        <v>28.129389458929882</v>
      </c>
      <c r="N6185" s="236">
        <f t="shared" si="1445"/>
        <v>0.43940823175431887</v>
      </c>
      <c r="O6185" s="236">
        <f t="shared" si="1449"/>
        <v>2.1973471686772794</v>
      </c>
      <c r="P6185" s="236" t="str">
        <f t="shared" si="1450"/>
        <v>SAND</v>
      </c>
      <c r="Q6185" s="236" t="e">
        <f t="shared" si="1446"/>
        <v>#N/A</v>
      </c>
      <c r="R6185" s="238">
        <v>35</v>
      </c>
      <c r="S6185" s="236" t="e">
        <f t="shared" si="1451"/>
        <v>#N/A</v>
      </c>
      <c r="T6185" s="236">
        <f t="shared" si="1438"/>
        <v>33.540763366207969</v>
      </c>
    </row>
    <row r="6186" spans="2:20" x14ac:dyDescent="0.2">
      <c r="B6186" s="239">
        <v>61.393000000000001</v>
      </c>
      <c r="C6186" s="3">
        <f t="shared" si="1439"/>
        <v>61.386000000000003</v>
      </c>
      <c r="D6186" s="239">
        <v>17.222899999999999</v>
      </c>
      <c r="E6186" s="239">
        <v>7.6700000000000004E-2</v>
      </c>
      <c r="F6186" s="239">
        <v>0.52780000000000005</v>
      </c>
      <c r="G6186">
        <f t="shared" si="1440"/>
        <v>17.32846</v>
      </c>
      <c r="H6186" s="235">
        <f t="shared" si="1441"/>
        <v>0.44262444556527242</v>
      </c>
      <c r="I6186" s="236">
        <f t="shared" si="1442"/>
        <v>19.448274508409455</v>
      </c>
      <c r="J6186" s="237">
        <f t="shared" si="1447"/>
        <v>9.4482745084094546</v>
      </c>
      <c r="K6186" s="237">
        <f t="shared" si="1443"/>
        <v>1193.8517789732227</v>
      </c>
      <c r="L6186" s="237">
        <f t="shared" si="1448"/>
        <v>580.05791689478167</v>
      </c>
      <c r="M6186" s="236">
        <f t="shared" si="1444"/>
        <v>27.815512470547795</v>
      </c>
      <c r="N6186" s="236">
        <f t="shared" si="1445"/>
        <v>0.47537565802213794</v>
      </c>
      <c r="O6186" s="236">
        <f t="shared" si="1449"/>
        <v>2.2154431075832517</v>
      </c>
      <c r="P6186" s="236" t="str">
        <f t="shared" si="1450"/>
        <v>SAND</v>
      </c>
      <c r="Q6186" s="236" t="e">
        <f t="shared" si="1446"/>
        <v>#N/A</v>
      </c>
      <c r="R6186" s="238">
        <v>35</v>
      </c>
      <c r="S6186" s="236" t="e">
        <f t="shared" si="1451"/>
        <v>#N/A</v>
      </c>
      <c r="T6186" s="236">
        <f t="shared" si="1438"/>
        <v>33.487157723291539</v>
      </c>
    </row>
    <row r="6187" spans="2:20" x14ac:dyDescent="0.2">
      <c r="B6187" s="239">
        <v>61.402000000000001</v>
      </c>
      <c r="C6187" s="3">
        <f t="shared" si="1439"/>
        <v>61.395000000000003</v>
      </c>
      <c r="D6187" s="239">
        <v>17.3263</v>
      </c>
      <c r="E6187" s="239">
        <v>7.6700000000000004E-2</v>
      </c>
      <c r="F6187" s="239">
        <v>0.55769999999999997</v>
      </c>
      <c r="G6187">
        <f t="shared" si="1440"/>
        <v>17.437840000000001</v>
      </c>
      <c r="H6187" s="235">
        <f t="shared" si="1441"/>
        <v>0.43984805457556669</v>
      </c>
      <c r="I6187" s="236">
        <f t="shared" si="1442"/>
        <v>19.450733956694023</v>
      </c>
      <c r="J6187" s="237">
        <f t="shared" si="1447"/>
        <v>9.4507339566940232</v>
      </c>
      <c r="K6187" s="237">
        <f t="shared" si="1443"/>
        <v>1194.1778112712295</v>
      </c>
      <c r="L6187" s="237">
        <f t="shared" si="1448"/>
        <v>580.29396640892639</v>
      </c>
      <c r="M6187" s="236">
        <f t="shared" si="1444"/>
        <v>27.992126627217164</v>
      </c>
      <c r="N6187" s="236">
        <f t="shared" si="1445"/>
        <v>0.47218416086749793</v>
      </c>
      <c r="O6187" s="236">
        <f t="shared" si="1449"/>
        <v>2.2117456897138736</v>
      </c>
      <c r="P6187" s="236" t="str">
        <f t="shared" si="1450"/>
        <v>SAND</v>
      </c>
      <c r="Q6187" s="236" t="e">
        <f t="shared" si="1446"/>
        <v>#N/A</v>
      </c>
      <c r="R6187" s="238">
        <v>35</v>
      </c>
      <c r="S6187" s="236" t="e">
        <f t="shared" si="1451"/>
        <v>#N/A</v>
      </c>
      <c r="T6187" s="236">
        <f t="shared" si="1438"/>
        <v>33.517394834938919</v>
      </c>
    </row>
    <row r="6188" spans="2:20" x14ac:dyDescent="0.2">
      <c r="B6188" s="239">
        <v>61.412999999999997</v>
      </c>
      <c r="C6188" s="3">
        <f t="shared" si="1439"/>
        <v>61.405999999999999</v>
      </c>
      <c r="D6188" s="239">
        <v>17.736799999999999</v>
      </c>
      <c r="E6188" s="239">
        <v>7.3899999999999993E-2</v>
      </c>
      <c r="F6188" s="239">
        <v>0.58409999999999995</v>
      </c>
      <c r="G6188">
        <f t="shared" si="1440"/>
        <v>17.853619999999999</v>
      </c>
      <c r="H6188" s="235">
        <f t="shared" si="1441"/>
        <v>0.41392165846478191</v>
      </c>
      <c r="I6188" s="236">
        <f t="shared" si="1442"/>
        <v>19.416336696281967</v>
      </c>
      <c r="J6188" s="237">
        <f t="shared" si="1447"/>
        <v>9.4163366962819666</v>
      </c>
      <c r="K6188" s="237">
        <f t="shared" si="1443"/>
        <v>1192.2795711718904</v>
      </c>
      <c r="L6188" s="237">
        <f t="shared" si="1448"/>
        <v>578.28548552876441</v>
      </c>
      <c r="M6188" s="236">
        <f t="shared" si="1444"/>
        <v>28.811617870010259</v>
      </c>
      <c r="N6188" s="236">
        <f t="shared" si="1445"/>
        <v>0.44354174452936151</v>
      </c>
      <c r="O6188" s="236">
        <f t="shared" si="1449"/>
        <v>2.1893865984637193</v>
      </c>
      <c r="P6188" s="236" t="str">
        <f t="shared" si="1450"/>
        <v>SAND</v>
      </c>
      <c r="Q6188" s="236" t="e">
        <f t="shared" si="1446"/>
        <v>#N/A</v>
      </c>
      <c r="R6188" s="238">
        <v>35</v>
      </c>
      <c r="S6188" s="236" t="e">
        <f t="shared" si="1451"/>
        <v>#N/A</v>
      </c>
      <c r="T6188" s="236">
        <f t="shared" si="1438"/>
        <v>33.655244106797468</v>
      </c>
    </row>
    <row r="6189" spans="2:20" x14ac:dyDescent="0.2">
      <c r="B6189" s="239">
        <v>61.423000000000002</v>
      </c>
      <c r="C6189" s="3">
        <f t="shared" si="1439"/>
        <v>61.416000000000004</v>
      </c>
      <c r="D6189" s="239">
        <v>18.0015</v>
      </c>
      <c r="E6189" s="239">
        <v>7.1900000000000006E-2</v>
      </c>
      <c r="F6189" s="239">
        <v>0.54800000000000004</v>
      </c>
      <c r="G6189">
        <f t="shared" si="1440"/>
        <v>18.1111</v>
      </c>
      <c r="H6189" s="235">
        <f t="shared" si="1441"/>
        <v>0.39699410858534273</v>
      </c>
      <c r="I6189" s="236">
        <f t="shared" si="1442"/>
        <v>19.389761404089864</v>
      </c>
      <c r="J6189" s="237">
        <f t="shared" si="1447"/>
        <v>9.3897614040898638</v>
      </c>
      <c r="K6189" s="237">
        <f t="shared" si="1443"/>
        <v>1190.8415863935832</v>
      </c>
      <c r="L6189" s="237">
        <f t="shared" si="1448"/>
        <v>576.74731472341171</v>
      </c>
      <c r="M6189" s="236">
        <f t="shared" si="1444"/>
        <v>29.337385682880544</v>
      </c>
      <c r="N6189" s="236">
        <f t="shared" si="1445"/>
        <v>0.42493440846140773</v>
      </c>
      <c r="O6189" s="236">
        <f t="shared" si="1449"/>
        <v>2.1748496619255215</v>
      </c>
      <c r="P6189" s="236" t="str">
        <f t="shared" si="1450"/>
        <v>SAND</v>
      </c>
      <c r="Q6189" s="236" t="e">
        <f t="shared" si="1446"/>
        <v>#N/A</v>
      </c>
      <c r="R6189" s="238">
        <v>35</v>
      </c>
      <c r="S6189" s="236" t="e">
        <f t="shared" si="1451"/>
        <v>#N/A</v>
      </c>
      <c r="T6189" s="236">
        <f t="shared" si="1438"/>
        <v>33.741635513545745</v>
      </c>
    </row>
    <row r="6190" spans="2:20" x14ac:dyDescent="0.2">
      <c r="B6190" s="239">
        <v>61.433</v>
      </c>
      <c r="C6190" s="3">
        <f t="shared" si="1439"/>
        <v>61.426000000000002</v>
      </c>
      <c r="D6190" s="239">
        <v>18.183499999999999</v>
      </c>
      <c r="E6190" s="239">
        <v>7.1199999999999999E-2</v>
      </c>
      <c r="F6190" s="239">
        <v>0.54849999999999999</v>
      </c>
      <c r="G6190">
        <f t="shared" si="1440"/>
        <v>18.293199999999999</v>
      </c>
      <c r="H6190" s="235">
        <f t="shared" si="1441"/>
        <v>0.38921566483720732</v>
      </c>
      <c r="I6190" s="236">
        <f t="shared" si="1442"/>
        <v>19.382199751502235</v>
      </c>
      <c r="J6190" s="237">
        <f t="shared" si="1447"/>
        <v>9.3821997515022346</v>
      </c>
      <c r="K6190" s="237">
        <f t="shared" si="1443"/>
        <v>1190.5710019357764</v>
      </c>
      <c r="L6190" s="237">
        <f t="shared" si="1448"/>
        <v>576.3766773340368</v>
      </c>
      <c r="M6190" s="236">
        <f t="shared" si="1444"/>
        <v>29.672659687013084</v>
      </c>
      <c r="N6190" s="236">
        <f t="shared" si="1445"/>
        <v>0.41631026439302893</v>
      </c>
      <c r="O6190" s="236">
        <f t="shared" si="1449"/>
        <v>2.1668411915600636</v>
      </c>
      <c r="P6190" s="236" t="str">
        <f t="shared" si="1450"/>
        <v>SAND</v>
      </c>
      <c r="Q6190" s="236" t="e">
        <f t="shared" si="1446"/>
        <v>#N/A</v>
      </c>
      <c r="R6190" s="238">
        <v>35</v>
      </c>
      <c r="S6190" s="236" t="e">
        <f t="shared" si="1451"/>
        <v>#N/A</v>
      </c>
      <c r="T6190" s="236">
        <f t="shared" si="1438"/>
        <v>33.795921233006169</v>
      </c>
    </row>
    <row r="6191" spans="2:20" x14ac:dyDescent="0.2">
      <c r="B6191" s="239">
        <v>61.442999999999998</v>
      </c>
      <c r="C6191" s="3">
        <f t="shared" si="1439"/>
        <v>61.436</v>
      </c>
      <c r="D6191" s="239">
        <v>18.328700000000001</v>
      </c>
      <c r="E6191" s="239">
        <v>7.1099999999999997E-2</v>
      </c>
      <c r="F6191" s="239">
        <v>0.49030000000000001</v>
      </c>
      <c r="G6191">
        <f t="shared" si="1440"/>
        <v>18.426760000000002</v>
      </c>
      <c r="H6191" s="235">
        <f t="shared" si="1441"/>
        <v>0.38585188063446851</v>
      </c>
      <c r="I6191" s="236">
        <f t="shared" si="1442"/>
        <v>19.38339505780915</v>
      </c>
      <c r="J6191" s="237">
        <f t="shared" si="1447"/>
        <v>9.3833950578091496</v>
      </c>
      <c r="K6191" s="237">
        <f t="shared" si="1443"/>
        <v>1190.838258771563</v>
      </c>
      <c r="L6191" s="237">
        <f t="shared" si="1448"/>
        <v>576.54394253696751</v>
      </c>
      <c r="M6191" s="236">
        <f t="shared" si="1444"/>
        <v>29.895243830652657</v>
      </c>
      <c r="N6191" s="236">
        <f t="shared" si="1445"/>
        <v>0.41251057568872762</v>
      </c>
      <c r="O6191" s="236">
        <f t="shared" si="1449"/>
        <v>2.1623077414302769</v>
      </c>
      <c r="P6191" s="236" t="str">
        <f t="shared" si="1450"/>
        <v>SAND</v>
      </c>
      <c r="Q6191" s="236" t="e">
        <f t="shared" si="1446"/>
        <v>#N/A</v>
      </c>
      <c r="R6191" s="238">
        <v>35</v>
      </c>
      <c r="S6191" s="236" t="e">
        <f t="shared" si="1451"/>
        <v>#N/A</v>
      </c>
      <c r="T6191" s="236">
        <f t="shared" si="1438"/>
        <v>33.831623099446517</v>
      </c>
    </row>
    <row r="6192" spans="2:20" x14ac:dyDescent="0.2">
      <c r="B6192" s="239">
        <v>61.454000000000001</v>
      </c>
      <c r="C6192" s="3">
        <f t="shared" si="1439"/>
        <v>61.447000000000003</v>
      </c>
      <c r="D6192" s="239">
        <v>18.4559</v>
      </c>
      <c r="E6192" s="239">
        <v>7.2499999999999995E-2</v>
      </c>
      <c r="F6192" s="239">
        <v>0.4677</v>
      </c>
      <c r="G6192">
        <f t="shared" si="1440"/>
        <v>18.549440000000001</v>
      </c>
      <c r="H6192" s="235">
        <f t="shared" si="1441"/>
        <v>0.39084737868097363</v>
      </c>
      <c r="I6192" s="236">
        <f t="shared" si="1442"/>
        <v>19.408853394802886</v>
      </c>
      <c r="J6192" s="237">
        <f t="shared" si="1447"/>
        <v>9.4088533948028861</v>
      </c>
      <c r="K6192" s="237">
        <f t="shared" si="1443"/>
        <v>1192.615814550453</v>
      </c>
      <c r="L6192" s="237">
        <f t="shared" si="1448"/>
        <v>578.21167652421661</v>
      </c>
      <c r="M6192" s="236">
        <f t="shared" si="1444"/>
        <v>30.018114282620534</v>
      </c>
      <c r="N6192" s="236">
        <f t="shared" si="1445"/>
        <v>0.41770314214957416</v>
      </c>
      <c r="O6192" s="236">
        <f t="shared" si="1449"/>
        <v>2.1627712426180792</v>
      </c>
      <c r="P6192" s="236" t="str">
        <f t="shared" si="1450"/>
        <v>SAND</v>
      </c>
      <c r="Q6192" s="236" t="e">
        <f t="shared" si="1446"/>
        <v>#N/A</v>
      </c>
      <c r="R6192" s="238">
        <v>35</v>
      </c>
      <c r="S6192" s="236" t="e">
        <f t="shared" si="1451"/>
        <v>#N/A</v>
      </c>
      <c r="T6192" s="236">
        <f t="shared" si="1438"/>
        <v>33.851217473504605</v>
      </c>
    </row>
    <row r="6193" spans="2:20" x14ac:dyDescent="0.2">
      <c r="B6193" s="239">
        <v>61.463999999999999</v>
      </c>
      <c r="C6193" s="3">
        <f t="shared" si="1439"/>
        <v>61.457000000000001</v>
      </c>
      <c r="D6193" s="239">
        <v>18.3931</v>
      </c>
      <c r="E6193" s="239">
        <v>7.4999999999999997E-2</v>
      </c>
      <c r="F6193" s="239">
        <v>0.50629999999999997</v>
      </c>
      <c r="G6193">
        <f t="shared" si="1440"/>
        <v>18.49436</v>
      </c>
      <c r="H6193" s="235">
        <f t="shared" si="1441"/>
        <v>0.40552903696045711</v>
      </c>
      <c r="I6193" s="236">
        <f t="shared" si="1442"/>
        <v>19.447443841919409</v>
      </c>
      <c r="J6193" s="237">
        <f t="shared" si="1447"/>
        <v>9.4474438419194087</v>
      </c>
      <c r="K6193" s="237">
        <f t="shared" si="1443"/>
        <v>1195.1815561928411</v>
      </c>
      <c r="L6193" s="237">
        <f t="shared" si="1448"/>
        <v>580.67768829973454</v>
      </c>
      <c r="M6193" s="236">
        <f t="shared" si="1444"/>
        <v>29.791360667671562</v>
      </c>
      <c r="N6193" s="236">
        <f t="shared" si="1445"/>
        <v>0.43354660016729785</v>
      </c>
      <c r="O6193" s="236">
        <f t="shared" si="1449"/>
        <v>2.1721339070676322</v>
      </c>
      <c r="P6193" s="236" t="str">
        <f t="shared" si="1450"/>
        <v>SAND</v>
      </c>
      <c r="Q6193" s="236" t="e">
        <f t="shared" si="1446"/>
        <v>#N/A</v>
      </c>
      <c r="R6193" s="238">
        <v>35</v>
      </c>
      <c r="S6193" s="236" t="e">
        <f t="shared" si="1451"/>
        <v>#N/A</v>
      </c>
      <c r="T6193" s="236">
        <f t="shared" si="1438"/>
        <v>33.814993732298362</v>
      </c>
    </row>
    <row r="6194" spans="2:20" x14ac:dyDescent="0.2">
      <c r="B6194" s="239">
        <v>61.473999999999997</v>
      </c>
      <c r="C6194" s="3">
        <f t="shared" si="1439"/>
        <v>61.466999999999999</v>
      </c>
      <c r="D6194" s="239">
        <v>18.385400000000001</v>
      </c>
      <c r="E6194" s="239">
        <v>7.6300000000000007E-2</v>
      </c>
      <c r="F6194" s="239">
        <v>0.48549999999999999</v>
      </c>
      <c r="G6194">
        <f t="shared" si="1440"/>
        <v>18.482500000000002</v>
      </c>
      <c r="H6194" s="235">
        <f t="shared" si="1441"/>
        <v>0.41282294061950497</v>
      </c>
      <c r="I6194" s="236">
        <f t="shared" si="1442"/>
        <v>19.467343950243261</v>
      </c>
      <c r="J6194" s="237">
        <f t="shared" si="1447"/>
        <v>9.4673439502432615</v>
      </c>
      <c r="K6194" s="237">
        <f t="shared" si="1443"/>
        <v>1196.5992305896025</v>
      </c>
      <c r="L6194" s="237">
        <f t="shared" si="1448"/>
        <v>581.99550199725422</v>
      </c>
      <c r="M6194" s="236">
        <f t="shared" si="1444"/>
        <v>29.701089974217616</v>
      </c>
      <c r="N6194" s="236">
        <f t="shared" si="1445"/>
        <v>0.44140019671420644</v>
      </c>
      <c r="O6194" s="236">
        <f t="shared" si="1449"/>
        <v>2.1764313516121714</v>
      </c>
      <c r="P6194" s="236" t="str">
        <f t="shared" si="1450"/>
        <v>SAND</v>
      </c>
      <c r="Q6194" s="236" t="e">
        <f t="shared" si="1446"/>
        <v>#N/A</v>
      </c>
      <c r="R6194" s="238">
        <v>35</v>
      </c>
      <c r="S6194" s="236" t="e">
        <f t="shared" si="1451"/>
        <v>#N/A</v>
      </c>
      <c r="T6194" s="236">
        <f t="shared" si="1438"/>
        <v>33.80049626141605</v>
      </c>
    </row>
    <row r="6195" spans="2:20" x14ac:dyDescent="0.2">
      <c r="B6195" s="239">
        <v>61.484999999999999</v>
      </c>
      <c r="C6195" s="3">
        <f t="shared" si="1439"/>
        <v>61.478000000000002</v>
      </c>
      <c r="D6195" s="239">
        <v>18.476299999999998</v>
      </c>
      <c r="E6195" s="239">
        <v>7.8200000000000006E-2</v>
      </c>
      <c r="F6195" s="239">
        <v>0.39479999999999998</v>
      </c>
      <c r="G6195">
        <f t="shared" si="1440"/>
        <v>18.555259999999997</v>
      </c>
      <c r="H6195" s="235">
        <f t="shared" si="1441"/>
        <v>0.4214438385665305</v>
      </c>
      <c r="I6195" s="236">
        <f t="shared" si="1442"/>
        <v>19.497721627377494</v>
      </c>
      <c r="J6195" s="237">
        <f t="shared" si="1447"/>
        <v>9.4977216273774943</v>
      </c>
      <c r="K6195" s="237">
        <f t="shared" si="1443"/>
        <v>1198.6809302079137</v>
      </c>
      <c r="L6195" s="237">
        <f t="shared" si="1448"/>
        <v>583.9674142593052</v>
      </c>
      <c r="M6195" s="236">
        <f t="shared" si="1444"/>
        <v>29.721828043790577</v>
      </c>
      <c r="N6195" s="236">
        <f t="shared" si="1445"/>
        <v>0.45054961398529075</v>
      </c>
      <c r="O6195" s="236">
        <f t="shared" si="1449"/>
        <v>2.1797095125882535</v>
      </c>
      <c r="P6195" s="236" t="str">
        <f t="shared" si="1450"/>
        <v>SAND</v>
      </c>
      <c r="Q6195" s="236" t="e">
        <f t="shared" si="1446"/>
        <v>#N/A</v>
      </c>
      <c r="R6195" s="238">
        <v>35</v>
      </c>
      <c r="S6195" s="236" t="e">
        <f t="shared" si="1451"/>
        <v>#N/A</v>
      </c>
      <c r="T6195" s="236">
        <f t="shared" si="1438"/>
        <v>33.803830689556435</v>
      </c>
    </row>
    <row r="6196" spans="2:20" x14ac:dyDescent="0.2">
      <c r="B6196" s="239">
        <v>61.494999999999997</v>
      </c>
      <c r="C6196" s="3">
        <f t="shared" si="1439"/>
        <v>61.488</v>
      </c>
      <c r="D6196" s="239">
        <v>18.513100000000001</v>
      </c>
      <c r="E6196" s="239">
        <v>8.0199999999999994E-2</v>
      </c>
      <c r="F6196" s="239">
        <v>0.36330000000000001</v>
      </c>
      <c r="G6196">
        <f t="shared" si="1440"/>
        <v>18.585760000000001</v>
      </c>
      <c r="H6196" s="235">
        <f t="shared" si="1441"/>
        <v>0.43151315846110139</v>
      </c>
      <c r="I6196" s="236">
        <f t="shared" si="1442"/>
        <v>19.527976141030923</v>
      </c>
      <c r="J6196" s="237">
        <f t="shared" si="1447"/>
        <v>9.5279761410309227</v>
      </c>
      <c r="K6196" s="237">
        <f t="shared" si="1443"/>
        <v>1200.7361969597093</v>
      </c>
      <c r="L6196" s="237">
        <f t="shared" si="1448"/>
        <v>585.92289279269653</v>
      </c>
      <c r="M6196" s="236">
        <f t="shared" si="1444"/>
        <v>29.671180315515052</v>
      </c>
      <c r="N6196" s="236">
        <f t="shared" si="1445"/>
        <v>0.46131659587359669</v>
      </c>
      <c r="O6196" s="236">
        <f t="shared" si="1449"/>
        <v>2.1845183750872463</v>
      </c>
      <c r="P6196" s="236" t="str">
        <f t="shared" si="1450"/>
        <v>SAND</v>
      </c>
      <c r="Q6196" s="236" t="e">
        <f t="shared" si="1446"/>
        <v>#N/A</v>
      </c>
      <c r="R6196" s="238">
        <v>35</v>
      </c>
      <c r="S6196" s="236" t="e">
        <f t="shared" si="1451"/>
        <v>#N/A</v>
      </c>
      <c r="T6196" s="236">
        <f t="shared" si="1438"/>
        <v>33.795683051194473</v>
      </c>
    </row>
    <row r="6197" spans="2:20" x14ac:dyDescent="0.2">
      <c r="B6197" s="239">
        <v>61.505000000000003</v>
      </c>
      <c r="C6197" s="3">
        <f t="shared" si="1439"/>
        <v>61.498000000000005</v>
      </c>
      <c r="D6197" s="239">
        <v>18.530999999999999</v>
      </c>
      <c r="E6197" s="239">
        <v>8.3599999999999994E-2</v>
      </c>
      <c r="F6197" s="239">
        <v>0.4153</v>
      </c>
      <c r="G6197">
        <f t="shared" si="1440"/>
        <v>18.614059999999998</v>
      </c>
      <c r="H6197" s="235">
        <f t="shared" si="1441"/>
        <v>0.44912286733791551</v>
      </c>
      <c r="I6197" s="236">
        <f t="shared" si="1442"/>
        <v>19.577257001991587</v>
      </c>
      <c r="J6197" s="237">
        <f t="shared" si="1447"/>
        <v>9.5772570019915868</v>
      </c>
      <c r="K6197" s="237">
        <f t="shared" si="1443"/>
        <v>1203.9621511084788</v>
      </c>
      <c r="L6197" s="237">
        <f t="shared" si="1448"/>
        <v>589.04919190749263</v>
      </c>
      <c r="M6197" s="236">
        <f t="shared" si="1444"/>
        <v>29.556271510216575</v>
      </c>
      <c r="N6197" s="236">
        <f t="shared" si="1445"/>
        <v>0.48018110366520828</v>
      </c>
      <c r="O6197" s="236">
        <f t="shared" si="1449"/>
        <v>2.1931559279725645</v>
      </c>
      <c r="P6197" s="236" t="str">
        <f t="shared" si="1450"/>
        <v>SAND</v>
      </c>
      <c r="Q6197" s="236" t="e">
        <f t="shared" si="1446"/>
        <v>#N/A</v>
      </c>
      <c r="R6197" s="238">
        <v>35</v>
      </c>
      <c r="S6197" s="236" t="e">
        <f t="shared" si="1451"/>
        <v>#N/A</v>
      </c>
      <c r="T6197" s="236">
        <f t="shared" si="1438"/>
        <v>33.777146121695125</v>
      </c>
    </row>
    <row r="6198" spans="2:20" x14ac:dyDescent="0.2">
      <c r="B6198" s="239">
        <v>61.515999999999998</v>
      </c>
      <c r="C6198" s="3">
        <f t="shared" si="1439"/>
        <v>61.509</v>
      </c>
      <c r="D6198" s="239">
        <v>18.455300000000001</v>
      </c>
      <c r="E6198" s="239">
        <v>0.09</v>
      </c>
      <c r="F6198" s="239">
        <v>0.19919999999999999</v>
      </c>
      <c r="G6198">
        <f t="shared" si="1440"/>
        <v>18.495140000000003</v>
      </c>
      <c r="H6198" s="235">
        <f t="shared" si="1441"/>
        <v>0.48661432138388777</v>
      </c>
      <c r="I6198" s="236">
        <f t="shared" si="1442"/>
        <v>19.66124969064094</v>
      </c>
      <c r="J6198" s="237">
        <f t="shared" si="1447"/>
        <v>9.6612496906409397</v>
      </c>
      <c r="K6198" s="237">
        <f t="shared" si="1443"/>
        <v>1209.3438072216336</v>
      </c>
      <c r="L6198" s="237">
        <f t="shared" si="1448"/>
        <v>594.32143596946798</v>
      </c>
      <c r="M6198" s="236">
        <f t="shared" si="1444"/>
        <v>29.08492803154822</v>
      </c>
      <c r="N6198" s="236">
        <f t="shared" si="1445"/>
        <v>0.52065868992253916</v>
      </c>
      <c r="O6198" s="236">
        <f t="shared" si="1449"/>
        <v>2.2141589530201622</v>
      </c>
      <c r="P6198" s="236" t="str">
        <f t="shared" si="1450"/>
        <v>SAND</v>
      </c>
      <c r="Q6198" s="236" t="e">
        <f t="shared" si="1446"/>
        <v>#N/A</v>
      </c>
      <c r="R6198" s="238">
        <v>35</v>
      </c>
      <c r="S6198" s="236" t="e">
        <f t="shared" si="1451"/>
        <v>#N/A</v>
      </c>
      <c r="T6198" s="236">
        <f t="shared" si="1438"/>
        <v>33.700347928576015</v>
      </c>
    </row>
    <row r="6199" spans="2:20" x14ac:dyDescent="0.2">
      <c r="B6199" s="239">
        <v>61.526000000000003</v>
      </c>
      <c r="C6199" s="3">
        <f t="shared" si="1439"/>
        <v>61.519000000000005</v>
      </c>
      <c r="D6199" s="239">
        <v>18.401700000000002</v>
      </c>
      <c r="E6199" s="239">
        <v>9.9500000000000005E-2</v>
      </c>
      <c r="F6199" s="239">
        <v>0.27410000000000001</v>
      </c>
      <c r="G6199">
        <f t="shared" si="1440"/>
        <v>18.456520000000001</v>
      </c>
      <c r="H6199" s="235">
        <f t="shared" si="1441"/>
        <v>0.53910488000988266</v>
      </c>
      <c r="I6199" s="236">
        <f t="shared" si="1442"/>
        <v>19.778100208271457</v>
      </c>
      <c r="J6199" s="237">
        <f t="shared" si="1447"/>
        <v>9.7781002082714572</v>
      </c>
      <c r="K6199" s="237">
        <f t="shared" si="1443"/>
        <v>1216.7289467126518</v>
      </c>
      <c r="L6199" s="237">
        <f t="shared" si="1448"/>
        <v>601.60739341410977</v>
      </c>
      <c r="M6199" s="236">
        <f t="shared" si="1444"/>
        <v>28.656215402293988</v>
      </c>
      <c r="N6199" s="236">
        <f t="shared" si="1445"/>
        <v>0.57715316672023675</v>
      </c>
      <c r="O6199" s="236">
        <f t="shared" si="1449"/>
        <v>2.2392454567414921</v>
      </c>
      <c r="P6199" s="236" t="str">
        <f t="shared" si="1450"/>
        <v>SAND</v>
      </c>
      <c r="Q6199" s="236" t="e">
        <f t="shared" si="1446"/>
        <v>#N/A</v>
      </c>
      <c r="R6199" s="238">
        <v>35</v>
      </c>
      <c r="S6199" s="236" t="e">
        <f t="shared" si="1451"/>
        <v>#N/A</v>
      </c>
      <c r="T6199" s="236">
        <f t="shared" si="1438"/>
        <v>33.629407163117506</v>
      </c>
    </row>
    <row r="6200" spans="2:20" x14ac:dyDescent="0.2">
      <c r="B6200" s="239">
        <v>61.536000000000001</v>
      </c>
      <c r="C6200" s="3">
        <f t="shared" si="1439"/>
        <v>61.529000000000003</v>
      </c>
      <c r="D6200" s="239">
        <v>18.514299999999999</v>
      </c>
      <c r="E6200" s="239">
        <v>0.10290000000000001</v>
      </c>
      <c r="F6200" s="239">
        <v>0.35389999999999999</v>
      </c>
      <c r="G6200">
        <f t="shared" si="1440"/>
        <v>18.585079999999998</v>
      </c>
      <c r="H6200" s="235">
        <f t="shared" si="1441"/>
        <v>0.55366993308611001</v>
      </c>
      <c r="I6200" s="236">
        <f t="shared" si="1442"/>
        <v>19.820212557622789</v>
      </c>
      <c r="J6200" s="237">
        <f t="shared" si="1447"/>
        <v>9.8202125576227886</v>
      </c>
      <c r="K6200" s="237">
        <f t="shared" si="1443"/>
        <v>1219.5178584579726</v>
      </c>
      <c r="L6200" s="237">
        <f t="shared" si="1448"/>
        <v>604.29659994587598</v>
      </c>
      <c r="M6200" s="236">
        <f t="shared" si="1444"/>
        <v>28.736819209469946</v>
      </c>
      <c r="N6200" s="236">
        <f t="shared" si="1445"/>
        <v>0.59255208188073494</v>
      </c>
      <c r="O6200" s="236">
        <f t="shared" si="1449"/>
        <v>2.2431863143428781</v>
      </c>
      <c r="P6200" s="236" t="str">
        <f t="shared" si="1450"/>
        <v>SAND</v>
      </c>
      <c r="Q6200" s="236" t="e">
        <f t="shared" si="1446"/>
        <v>#N/A</v>
      </c>
      <c r="R6200" s="238">
        <v>35</v>
      </c>
      <c r="S6200" s="236" t="e">
        <f t="shared" si="1451"/>
        <v>#N/A</v>
      </c>
      <c r="T6200" s="236">
        <f t="shared" si="1438"/>
        <v>33.64282565305156</v>
      </c>
    </row>
    <row r="6201" spans="2:20" x14ac:dyDescent="0.2">
      <c r="B6201" s="239">
        <v>61.545000000000002</v>
      </c>
      <c r="C6201" s="3">
        <f t="shared" si="1439"/>
        <v>61.538000000000004</v>
      </c>
      <c r="D6201" s="239">
        <v>18.6722</v>
      </c>
      <c r="E6201" s="239">
        <v>0.1009</v>
      </c>
      <c r="F6201" s="239">
        <v>0.43259999999999998</v>
      </c>
      <c r="G6201">
        <f t="shared" si="1440"/>
        <v>18.75872</v>
      </c>
      <c r="H6201" s="235">
        <f t="shared" si="1441"/>
        <v>0.5378831817949199</v>
      </c>
      <c r="I6201" s="236">
        <f t="shared" si="1442"/>
        <v>19.800832084121438</v>
      </c>
      <c r="J6201" s="237">
        <f t="shared" si="1447"/>
        <v>9.8008320841214385</v>
      </c>
      <c r="K6201" s="237">
        <f t="shared" si="1443"/>
        <v>1218.5036047926651</v>
      </c>
      <c r="L6201" s="237">
        <f t="shared" si="1448"/>
        <v>603.19221061725398</v>
      </c>
      <c r="M6201" s="236">
        <f t="shared" si="1444"/>
        <v>29.078983591744688</v>
      </c>
      <c r="N6201" s="236">
        <f t="shared" si="1445"/>
        <v>0.57524945945119466</v>
      </c>
      <c r="O6201" s="236">
        <f t="shared" si="1449"/>
        <v>2.2329000307173028</v>
      </c>
      <c r="P6201" s="236" t="str">
        <f t="shared" si="1450"/>
        <v>SAND</v>
      </c>
      <c r="Q6201" s="236" t="e">
        <f t="shared" si="1446"/>
        <v>#N/A</v>
      </c>
      <c r="R6201" s="238">
        <v>35</v>
      </c>
      <c r="S6201" s="236" t="e">
        <f t="shared" si="1451"/>
        <v>#N/A</v>
      </c>
      <c r="T6201" s="236">
        <f t="shared" si="1438"/>
        <v>33.699371446398047</v>
      </c>
    </row>
    <row r="6202" spans="2:20" x14ac:dyDescent="0.2">
      <c r="B6202" s="239">
        <v>61.555999999999997</v>
      </c>
      <c r="C6202" s="3">
        <f t="shared" si="1439"/>
        <v>61.548999999999999</v>
      </c>
      <c r="D6202" s="239">
        <v>19.099900000000002</v>
      </c>
      <c r="E6202" s="239">
        <v>9.8500000000000004E-2</v>
      </c>
      <c r="F6202" s="239">
        <v>0.43009999999999998</v>
      </c>
      <c r="G6202">
        <f t="shared" si="1440"/>
        <v>19.185920000000003</v>
      </c>
      <c r="H6202" s="235">
        <f t="shared" si="1441"/>
        <v>0.5133973247047835</v>
      </c>
      <c r="I6202" s="236">
        <f t="shared" si="1442"/>
        <v>19.7814052430505</v>
      </c>
      <c r="J6202" s="237">
        <f t="shared" si="1447"/>
        <v>9.7814052430505001</v>
      </c>
      <c r="K6202" s="237">
        <f t="shared" si="1443"/>
        <v>1217.5257113045152</v>
      </c>
      <c r="L6202" s="237">
        <f t="shared" si="1448"/>
        <v>602.1041811412166</v>
      </c>
      <c r="M6202" s="236">
        <f t="shared" si="1444"/>
        <v>29.842666520997312</v>
      </c>
      <c r="N6202" s="236">
        <f t="shared" si="1445"/>
        <v>0.54818476496795054</v>
      </c>
      <c r="O6202" s="236">
        <f t="shared" si="1449"/>
        <v>2.2136426578489674</v>
      </c>
      <c r="P6202" s="236" t="str">
        <f t="shared" si="1450"/>
        <v>SAND</v>
      </c>
      <c r="Q6202" s="236" t="e">
        <f t="shared" si="1446"/>
        <v>#N/A</v>
      </c>
      <c r="R6202" s="238">
        <v>35</v>
      </c>
      <c r="S6202" s="236" t="e">
        <f t="shared" si="1451"/>
        <v>#N/A</v>
      </c>
      <c r="T6202" s="236">
        <f t="shared" si="1438"/>
        <v>33.823213884815459</v>
      </c>
    </row>
    <row r="6203" spans="2:20" x14ac:dyDescent="0.2">
      <c r="B6203" s="239">
        <v>61.566000000000003</v>
      </c>
      <c r="C6203" s="3">
        <f t="shared" si="1439"/>
        <v>61.559000000000005</v>
      </c>
      <c r="D6203" s="239">
        <v>19.8233</v>
      </c>
      <c r="E6203" s="239">
        <v>9.2999999999999999E-2</v>
      </c>
      <c r="F6203" s="239">
        <v>0.47770000000000001</v>
      </c>
      <c r="G6203">
        <f t="shared" si="1440"/>
        <v>19.918839999999999</v>
      </c>
      <c r="H6203" s="235">
        <f t="shared" si="1441"/>
        <v>0.46689465852429157</v>
      </c>
      <c r="I6203" s="236">
        <f t="shared" si="1442"/>
        <v>19.728684654277448</v>
      </c>
      <c r="J6203" s="237">
        <f t="shared" si="1447"/>
        <v>9.7286846542774477</v>
      </c>
      <c r="K6203" s="237">
        <f t="shared" si="1443"/>
        <v>1214.4780986326655</v>
      </c>
      <c r="L6203" s="237">
        <f t="shared" si="1448"/>
        <v>598.95619942524536</v>
      </c>
      <c r="M6203" s="236">
        <f t="shared" si="1444"/>
        <v>31.2282633009157</v>
      </c>
      <c r="N6203" s="236">
        <f t="shared" si="1445"/>
        <v>0.49721022556348993</v>
      </c>
      <c r="O6203" s="236">
        <f t="shared" si="1449"/>
        <v>2.1777182858728432</v>
      </c>
      <c r="P6203" s="236" t="str">
        <f t="shared" si="1450"/>
        <v>SAND</v>
      </c>
      <c r="Q6203" s="236" t="e">
        <f t="shared" si="1446"/>
        <v>#N/A</v>
      </c>
      <c r="R6203" s="238">
        <v>35</v>
      </c>
      <c r="S6203" s="236" t="e">
        <f t="shared" si="1451"/>
        <v>#N/A</v>
      </c>
      <c r="T6203" s="236">
        <f t="shared" si="1438"/>
        <v>34.040026157053624</v>
      </c>
    </row>
    <row r="6204" spans="2:20" x14ac:dyDescent="0.2">
      <c r="B6204" s="239">
        <v>61.575000000000003</v>
      </c>
      <c r="C6204" s="3">
        <f t="shared" si="1439"/>
        <v>61.568000000000005</v>
      </c>
      <c r="D6204" s="239">
        <v>20.6191</v>
      </c>
      <c r="E6204" s="239">
        <v>8.4400000000000003E-2</v>
      </c>
      <c r="F6204" s="239">
        <v>0.47649999999999998</v>
      </c>
      <c r="G6204">
        <f t="shared" si="1440"/>
        <v>20.714400000000001</v>
      </c>
      <c r="H6204" s="235">
        <f t="shared" si="1441"/>
        <v>0.40744602788398404</v>
      </c>
      <c r="I6204" s="236">
        <f t="shared" si="1442"/>
        <v>19.630212782761191</v>
      </c>
      <c r="J6204" s="237">
        <f t="shared" si="1447"/>
        <v>9.6302127827611912</v>
      </c>
      <c r="K6204" s="237">
        <f t="shared" si="1443"/>
        <v>1208.5929406090411</v>
      </c>
      <c r="L6204" s="237">
        <f t="shared" si="1448"/>
        <v>592.98035209852037</v>
      </c>
      <c r="M6204" s="236">
        <f t="shared" si="1444"/>
        <v>32.894525072139629</v>
      </c>
      <c r="N6204" s="236">
        <f t="shared" si="1445"/>
        <v>0.43269165814580379</v>
      </c>
      <c r="O6204" s="236">
        <f t="shared" si="1449"/>
        <v>2.1323151305860599</v>
      </c>
      <c r="P6204" s="236" t="str">
        <f t="shared" si="1450"/>
        <v>SAND</v>
      </c>
      <c r="Q6204" s="236" t="e">
        <f t="shared" si="1446"/>
        <v>#N/A</v>
      </c>
      <c r="R6204" s="238">
        <v>35</v>
      </c>
      <c r="S6204" s="236" t="e">
        <f t="shared" si="1451"/>
        <v>#N/A</v>
      </c>
      <c r="T6204" s="236">
        <f t="shared" si="1438"/>
        <v>34.288359825260315</v>
      </c>
    </row>
    <row r="6205" spans="2:20" x14ac:dyDescent="0.2">
      <c r="B6205" s="239">
        <v>61.585999999999999</v>
      </c>
      <c r="C6205" s="3">
        <f t="shared" si="1439"/>
        <v>61.579000000000001</v>
      </c>
      <c r="D6205" s="239">
        <v>21.4572</v>
      </c>
      <c r="E6205" s="239">
        <v>7.8799999999999995E-2</v>
      </c>
      <c r="F6205" s="239">
        <v>0.38600000000000001</v>
      </c>
      <c r="G6205">
        <f t="shared" si="1440"/>
        <v>21.534400000000002</v>
      </c>
      <c r="H6205" s="235">
        <f t="shared" si="1441"/>
        <v>0.36592614607325946</v>
      </c>
      <c r="I6205" s="236">
        <f t="shared" si="1442"/>
        <v>19.564883339808048</v>
      </c>
      <c r="J6205" s="237">
        <f t="shared" si="1447"/>
        <v>9.5648833398080484</v>
      </c>
      <c r="K6205" s="237">
        <f t="shared" si="1443"/>
        <v>1204.7859511820398</v>
      </c>
      <c r="L6205" s="237">
        <f t="shared" si="1448"/>
        <v>589.06290536541849</v>
      </c>
      <c r="M6205" s="236">
        <f t="shared" si="1444"/>
        <v>34.51178789845325</v>
      </c>
      <c r="N6205" s="236">
        <f t="shared" si="1445"/>
        <v>0.3876118838792304</v>
      </c>
      <c r="O6205" s="236">
        <f t="shared" si="1449"/>
        <v>2.0943389376196802</v>
      </c>
      <c r="P6205" s="236" t="str">
        <f t="shared" si="1450"/>
        <v>SAND</v>
      </c>
      <c r="Q6205" s="236" t="e">
        <f t="shared" si="1446"/>
        <v>#N/A</v>
      </c>
      <c r="R6205" s="238">
        <v>35</v>
      </c>
      <c r="S6205" s="236" t="e">
        <f t="shared" si="1451"/>
        <v>#N/A</v>
      </c>
      <c r="T6205" s="236">
        <f t="shared" si="1438"/>
        <v>34.517642045614423</v>
      </c>
    </row>
    <row r="6206" spans="2:20" x14ac:dyDescent="0.2">
      <c r="B6206" s="239">
        <v>61.594999999999999</v>
      </c>
      <c r="C6206" s="3">
        <f t="shared" si="1439"/>
        <v>61.588000000000001</v>
      </c>
      <c r="D6206" s="239">
        <v>22.1053</v>
      </c>
      <c r="E6206" s="239">
        <v>7.1900000000000006E-2</v>
      </c>
      <c r="F6206" s="239">
        <v>0.27829999999999999</v>
      </c>
      <c r="G6206">
        <f t="shared" si="1440"/>
        <v>22.160959999999999</v>
      </c>
      <c r="H6206" s="235">
        <f t="shared" si="1441"/>
        <v>0.32444442840021376</v>
      </c>
      <c r="I6206" s="236">
        <f t="shared" si="1442"/>
        <v>19.468640771281503</v>
      </c>
      <c r="J6206" s="237">
        <f t="shared" si="1447"/>
        <v>9.4686407712815033</v>
      </c>
      <c r="K6206" s="237">
        <f t="shared" si="1443"/>
        <v>1199.0346478216852</v>
      </c>
      <c r="L6206" s="237">
        <f t="shared" si="1448"/>
        <v>583.22092830708414</v>
      </c>
      <c r="M6206" s="236">
        <f t="shared" si="1444"/>
        <v>35.941654928303947</v>
      </c>
      <c r="N6206" s="236">
        <f t="shared" si="1445"/>
        <v>0.34300284345077264</v>
      </c>
      <c r="O6206" s="236">
        <f t="shared" si="1449"/>
        <v>2.0580110288552684</v>
      </c>
      <c r="P6206" s="236" t="str">
        <f t="shared" si="1450"/>
        <v>SAND</v>
      </c>
      <c r="Q6206" s="236" t="e">
        <f t="shared" si="1446"/>
        <v>#N/A</v>
      </c>
      <c r="R6206" s="238">
        <v>35</v>
      </c>
      <c r="S6206" s="236" t="e">
        <f t="shared" si="1451"/>
        <v>#N/A</v>
      </c>
      <c r="T6206" s="236">
        <f t="shared" si="1438"/>
        <v>34.711578772859653</v>
      </c>
    </row>
    <row r="6207" spans="2:20" x14ac:dyDescent="0.2">
      <c r="B6207" s="239">
        <v>61.604999999999997</v>
      </c>
      <c r="C6207" s="3">
        <f t="shared" si="1439"/>
        <v>61.597999999999999</v>
      </c>
      <c r="D6207" s="239">
        <v>22.5061</v>
      </c>
      <c r="E6207" s="239">
        <v>7.17E-2</v>
      </c>
      <c r="F6207" s="239">
        <v>0.25829999999999997</v>
      </c>
      <c r="G6207">
        <f t="shared" si="1440"/>
        <v>22.557759999999998</v>
      </c>
      <c r="H6207" s="235">
        <f t="shared" si="1441"/>
        <v>0.31785070858099385</v>
      </c>
      <c r="I6207" s="236">
        <f t="shared" si="1442"/>
        <v>19.472311149244767</v>
      </c>
      <c r="J6207" s="237">
        <f t="shared" si="1447"/>
        <v>9.4723111492447671</v>
      </c>
      <c r="K6207" s="237">
        <f t="shared" si="1443"/>
        <v>1199.4554221711792</v>
      </c>
      <c r="L6207" s="237">
        <f t="shared" si="1448"/>
        <v>583.54172834922383</v>
      </c>
      <c r="M6207" s="236">
        <f t="shared" si="1444"/>
        <v>36.601160705763306</v>
      </c>
      <c r="N6207" s="236">
        <f t="shared" si="1445"/>
        <v>0.33570080311725137</v>
      </c>
      <c r="O6207" s="236">
        <f t="shared" si="1449"/>
        <v>2.0472437103991252</v>
      </c>
      <c r="P6207" s="236" t="str">
        <f t="shared" si="1450"/>
        <v>SAND</v>
      </c>
      <c r="Q6207" s="236" t="e">
        <f t="shared" si="1446"/>
        <v>#N/A</v>
      </c>
      <c r="R6207" s="238">
        <v>35</v>
      </c>
      <c r="S6207" s="236" t="e">
        <f t="shared" si="1451"/>
        <v>#N/A</v>
      </c>
      <c r="T6207" s="236">
        <f t="shared" si="1438"/>
        <v>34.798443438826681</v>
      </c>
    </row>
    <row r="6208" spans="2:20" x14ac:dyDescent="0.2">
      <c r="B6208" s="239">
        <v>61.616</v>
      </c>
      <c r="C6208" s="3">
        <f t="shared" si="1439"/>
        <v>61.609000000000002</v>
      </c>
      <c r="D6208" s="239">
        <v>22.7818</v>
      </c>
      <c r="E6208" s="239">
        <v>7.0900000000000005E-2</v>
      </c>
      <c r="F6208" s="239">
        <v>0.25459999999999999</v>
      </c>
      <c r="G6208">
        <f t="shared" si="1440"/>
        <v>22.832720000000002</v>
      </c>
      <c r="H6208" s="235">
        <f t="shared" si="1441"/>
        <v>0.31051928986121669</v>
      </c>
      <c r="I6208" s="236">
        <f t="shared" si="1442"/>
        <v>19.463889775182889</v>
      </c>
      <c r="J6208" s="237">
        <f t="shared" si="1447"/>
        <v>9.4638897751828885</v>
      </c>
      <c r="K6208" s="237">
        <f t="shared" si="1443"/>
        <v>1199.1507851592426</v>
      </c>
      <c r="L6208" s="237">
        <f t="shared" si="1448"/>
        <v>583.12703238766881</v>
      </c>
      <c r="M6208" s="236">
        <f t="shared" si="1444"/>
        <v>37.099239125066902</v>
      </c>
      <c r="N6208" s="236">
        <f t="shared" si="1445"/>
        <v>0.32773140343093354</v>
      </c>
      <c r="O6208" s="236">
        <f t="shared" si="1449"/>
        <v>2.0379892556881725</v>
      </c>
      <c r="P6208" s="236" t="str">
        <f t="shared" si="1450"/>
        <v>SAND</v>
      </c>
      <c r="Q6208" s="236" t="e">
        <f t="shared" si="1446"/>
        <v>#N/A</v>
      </c>
      <c r="R6208" s="238">
        <v>35</v>
      </c>
      <c r="S6208" s="236" t="e">
        <f t="shared" si="1451"/>
        <v>#N/A</v>
      </c>
      <c r="T6208" s="236">
        <f t="shared" si="1438"/>
        <v>34.863015029514628</v>
      </c>
    </row>
    <row r="6209" spans="2:20" x14ac:dyDescent="0.2">
      <c r="B6209" s="239">
        <v>61.625</v>
      </c>
      <c r="C6209" s="3">
        <f t="shared" si="1439"/>
        <v>61.618000000000002</v>
      </c>
      <c r="D6209" s="239">
        <v>22.909700000000001</v>
      </c>
      <c r="E6209" s="239">
        <v>6.9000000000000006E-2</v>
      </c>
      <c r="F6209" s="239">
        <v>0.29210000000000003</v>
      </c>
      <c r="G6209">
        <f t="shared" si="1440"/>
        <v>22.968120000000003</v>
      </c>
      <c r="H6209" s="235">
        <f t="shared" si="1441"/>
        <v>0.30041640325808117</v>
      </c>
      <c r="I6209" s="236">
        <f t="shared" si="1442"/>
        <v>19.434348503044411</v>
      </c>
      <c r="J6209" s="237">
        <f t="shared" si="1447"/>
        <v>9.4343485030444114</v>
      </c>
      <c r="K6209" s="237">
        <f t="shared" si="1443"/>
        <v>1197.5056860605905</v>
      </c>
      <c r="L6209" s="237">
        <f t="shared" si="1448"/>
        <v>581.39172650011187</v>
      </c>
      <c r="M6209" s="236">
        <f t="shared" si="1444"/>
        <v>37.445689922343988</v>
      </c>
      <c r="N6209" s="236">
        <f t="shared" si="1445"/>
        <v>0.31694098753942967</v>
      </c>
      <c r="O6209" s="236">
        <f t="shared" si="1449"/>
        <v>2.0290131729660636</v>
      </c>
      <c r="P6209" s="236" t="str">
        <f t="shared" si="1450"/>
        <v>SAND</v>
      </c>
      <c r="Q6209" s="236" t="e">
        <f t="shared" si="1446"/>
        <v>#N/A</v>
      </c>
      <c r="R6209" s="238">
        <v>35</v>
      </c>
      <c r="S6209" s="236" t="e">
        <f t="shared" si="1451"/>
        <v>#N/A</v>
      </c>
      <c r="T6209" s="236">
        <f t="shared" si="1438"/>
        <v>34.907420203743754</v>
      </c>
    </row>
    <row r="6210" spans="2:20" x14ac:dyDescent="0.2">
      <c r="B6210" s="239">
        <v>61.634999999999998</v>
      </c>
      <c r="C6210" s="3">
        <f t="shared" si="1439"/>
        <v>61.628</v>
      </c>
      <c r="D6210" s="239">
        <v>23.134499999999999</v>
      </c>
      <c r="E6210" s="239">
        <v>6.83E-2</v>
      </c>
      <c r="F6210" s="239">
        <v>0.23730000000000001</v>
      </c>
      <c r="G6210">
        <f t="shared" si="1440"/>
        <v>23.18196</v>
      </c>
      <c r="H6210" s="235">
        <f t="shared" si="1441"/>
        <v>0.29462564856465978</v>
      </c>
      <c r="I6210" s="236">
        <f t="shared" si="1442"/>
        <v>19.426014091237789</v>
      </c>
      <c r="J6210" s="237">
        <f t="shared" si="1447"/>
        <v>9.4260140912377892</v>
      </c>
      <c r="K6210" s="237">
        <f t="shared" si="1443"/>
        <v>1197.1863964148024</v>
      </c>
      <c r="L6210" s="237">
        <f t="shared" si="1448"/>
        <v>580.97237851344107</v>
      </c>
      <c r="M6210" s="236">
        <f t="shared" si="1444"/>
        <v>37.841340512329651</v>
      </c>
      <c r="N6210" s="236">
        <f t="shared" si="1445"/>
        <v>0.31066956263248435</v>
      </c>
      <c r="O6210" s="236">
        <f t="shared" si="1449"/>
        <v>2.0216726153606834</v>
      </c>
      <c r="P6210" s="236" t="str">
        <f t="shared" si="1450"/>
        <v>SAND</v>
      </c>
      <c r="Q6210" s="236" t="e">
        <f t="shared" si="1446"/>
        <v>#N/A</v>
      </c>
      <c r="R6210" s="238">
        <v>35</v>
      </c>
      <c r="S6210" s="236" t="e">
        <f t="shared" si="1451"/>
        <v>#N/A</v>
      </c>
      <c r="T6210" s="236">
        <f t="shared" si="1438"/>
        <v>34.957631639561001</v>
      </c>
    </row>
    <row r="6211" spans="2:20" x14ac:dyDescent="0.2">
      <c r="B6211" s="239">
        <v>61.645000000000003</v>
      </c>
      <c r="C6211" s="3">
        <f t="shared" si="1439"/>
        <v>61.638000000000005</v>
      </c>
      <c r="D6211" s="239">
        <v>23.066700000000001</v>
      </c>
      <c r="E6211" s="239">
        <v>7.0800000000000002E-2</v>
      </c>
      <c r="F6211" s="239">
        <v>0.2787</v>
      </c>
      <c r="G6211">
        <f t="shared" si="1440"/>
        <v>23.122440000000001</v>
      </c>
      <c r="H6211" s="235">
        <f t="shared" si="1441"/>
        <v>0.30619605889343859</v>
      </c>
      <c r="I6211" s="236">
        <f t="shared" si="1442"/>
        <v>19.46716314520398</v>
      </c>
      <c r="J6211" s="237">
        <f t="shared" si="1447"/>
        <v>9.4671631452039797</v>
      </c>
      <c r="K6211" s="237">
        <f t="shared" si="1443"/>
        <v>1199.917001944083</v>
      </c>
      <c r="L6211" s="237">
        <f t="shared" si="1448"/>
        <v>583.60327208609931</v>
      </c>
      <c r="M6211" s="236">
        <f t="shared" si="1444"/>
        <v>37.564085135598205</v>
      </c>
      <c r="N6211" s="236">
        <f t="shared" si="1445"/>
        <v>0.32295552845937719</v>
      </c>
      <c r="O6211" s="236">
        <f t="shared" si="1449"/>
        <v>2.0306489576843538</v>
      </c>
      <c r="P6211" s="236" t="str">
        <f t="shared" si="1450"/>
        <v>SAND</v>
      </c>
      <c r="Q6211" s="236" t="e">
        <f t="shared" si="1446"/>
        <v>#N/A</v>
      </c>
      <c r="R6211" s="238">
        <v>35</v>
      </c>
      <c r="S6211" s="236" t="e">
        <f t="shared" si="1451"/>
        <v>#N/A</v>
      </c>
      <c r="T6211" s="236">
        <f t="shared" si="1438"/>
        <v>34.922500977817968</v>
      </c>
    </row>
    <row r="6212" spans="2:20" x14ac:dyDescent="0.2">
      <c r="B6212" s="239">
        <v>61.654000000000003</v>
      </c>
      <c r="C6212" s="3">
        <f t="shared" si="1439"/>
        <v>61.647000000000006</v>
      </c>
      <c r="D6212" s="239">
        <v>22.98</v>
      </c>
      <c r="E6212" s="239">
        <v>7.0099999999999996E-2</v>
      </c>
      <c r="F6212" s="239">
        <v>0.2908</v>
      </c>
      <c r="G6212">
        <f t="shared" si="1440"/>
        <v>23.038160000000001</v>
      </c>
      <c r="H6212" s="235">
        <f t="shared" si="1441"/>
        <v>0.30427777218319513</v>
      </c>
      <c r="I6212" s="236">
        <f t="shared" si="1442"/>
        <v>19.454084714006139</v>
      </c>
      <c r="J6212" s="237">
        <f t="shared" si="1447"/>
        <v>9.4540847140061395</v>
      </c>
      <c r="K6212" s="237">
        <f t="shared" si="1443"/>
        <v>1199.2859603643367</v>
      </c>
      <c r="L6212" s="237">
        <f t="shared" si="1448"/>
        <v>582.88213895733452</v>
      </c>
      <c r="M6212" s="236">
        <f t="shared" si="1444"/>
        <v>37.467049648666986</v>
      </c>
      <c r="N6212" s="236">
        <f t="shared" si="1445"/>
        <v>0.32098724445580196</v>
      </c>
      <c r="O6212" s="236">
        <f t="shared" si="1449"/>
        <v>2.0307460996538689</v>
      </c>
      <c r="P6212" s="236" t="str">
        <f t="shared" si="1450"/>
        <v>SAND</v>
      </c>
      <c r="Q6212" s="236" t="e">
        <f t="shared" si="1446"/>
        <v>#N/A</v>
      </c>
      <c r="R6212" s="238">
        <v>35</v>
      </c>
      <c r="S6212" s="236" t="e">
        <f t="shared" si="1451"/>
        <v>#N/A</v>
      </c>
      <c r="T6212" s="236">
        <f t="shared" si="1438"/>
        <v>34.910144454048762</v>
      </c>
    </row>
    <row r="6213" spans="2:20" x14ac:dyDescent="0.2">
      <c r="B6213" s="239">
        <v>61.664999999999999</v>
      </c>
      <c r="C6213" s="3">
        <f t="shared" si="1439"/>
        <v>61.658000000000001</v>
      </c>
      <c r="D6213" s="239">
        <v>22.931100000000001</v>
      </c>
      <c r="E6213" s="239">
        <v>6.9199999999999998E-2</v>
      </c>
      <c r="F6213" s="239">
        <v>0.33660000000000001</v>
      </c>
      <c r="G6213">
        <f t="shared" si="1440"/>
        <v>22.998419999999999</v>
      </c>
      <c r="H6213" s="235">
        <f t="shared" si="1441"/>
        <v>0.30089023506832208</v>
      </c>
      <c r="I6213" s="236">
        <f t="shared" si="1442"/>
        <v>19.438257710180856</v>
      </c>
      <c r="J6213" s="237">
        <f t="shared" si="1447"/>
        <v>9.4382577101808565</v>
      </c>
      <c r="K6213" s="237">
        <f t="shared" si="1443"/>
        <v>1198.5240938943314</v>
      </c>
      <c r="L6213" s="237">
        <f t="shared" si="1448"/>
        <v>582.01016169830245</v>
      </c>
      <c r="M6213" s="236">
        <f t="shared" si="1444"/>
        <v>37.45621183398876</v>
      </c>
      <c r="N6213" s="236">
        <f t="shared" si="1445"/>
        <v>0.31743270838563326</v>
      </c>
      <c r="O6213" s="236">
        <f t="shared" si="1449"/>
        <v>2.0291384667919186</v>
      </c>
      <c r="P6213" s="236" t="str">
        <f t="shared" si="1450"/>
        <v>SAND</v>
      </c>
      <c r="Q6213" s="236" t="e">
        <f t="shared" si="1446"/>
        <v>#N/A</v>
      </c>
      <c r="R6213" s="238">
        <v>35</v>
      </c>
      <c r="S6213" s="236" t="e">
        <f t="shared" si="1451"/>
        <v>#N/A</v>
      </c>
      <c r="T6213" s="236">
        <f t="shared" si="1438"/>
        <v>34.908762377680119</v>
      </c>
    </row>
    <row r="6214" spans="2:20" x14ac:dyDescent="0.2">
      <c r="B6214" s="239">
        <v>61.674999999999997</v>
      </c>
      <c r="C6214" s="3">
        <f t="shared" si="1439"/>
        <v>61.667999999999999</v>
      </c>
      <c r="D6214" s="239">
        <v>22.5444</v>
      </c>
      <c r="E6214" s="239">
        <v>6.7199999999999996E-2</v>
      </c>
      <c r="F6214" s="239">
        <v>0.39250000000000002</v>
      </c>
      <c r="G6214">
        <f t="shared" si="1440"/>
        <v>22.622899999999998</v>
      </c>
      <c r="H6214" s="235">
        <f t="shared" si="1441"/>
        <v>0.29704414553395014</v>
      </c>
      <c r="I6214" s="236">
        <f t="shared" si="1442"/>
        <v>19.397433539848102</v>
      </c>
      <c r="J6214" s="237">
        <f t="shared" si="1447"/>
        <v>9.3974335398481017</v>
      </c>
      <c r="K6214" s="237">
        <f t="shared" si="1443"/>
        <v>1196.2009315353528</v>
      </c>
      <c r="L6214" s="237">
        <f t="shared" si="1448"/>
        <v>579.58671357013168</v>
      </c>
      <c r="M6214" s="236">
        <f t="shared" si="1444"/>
        <v>36.968927283513288</v>
      </c>
      <c r="N6214" s="236">
        <f t="shared" si="1445"/>
        <v>0.3136274037604958</v>
      </c>
      <c r="O6214" s="236">
        <f t="shared" si="1449"/>
        <v>2.0326026854189814</v>
      </c>
      <c r="P6214" s="236" t="str">
        <f t="shared" si="1450"/>
        <v>SAND</v>
      </c>
      <c r="Q6214" s="236" t="e">
        <f t="shared" si="1446"/>
        <v>#N/A</v>
      </c>
      <c r="R6214" s="238">
        <v>35</v>
      </c>
      <c r="S6214" s="236" t="e">
        <f t="shared" si="1451"/>
        <v>#N/A</v>
      </c>
      <c r="T6214" s="236">
        <f t="shared" si="1438"/>
        <v>34.846205338567955</v>
      </c>
    </row>
    <row r="6215" spans="2:20" x14ac:dyDescent="0.2">
      <c r="B6215" s="239">
        <v>61.685000000000002</v>
      </c>
      <c r="C6215" s="3">
        <f t="shared" si="1439"/>
        <v>61.678000000000004</v>
      </c>
      <c r="D6215" s="239">
        <v>21.769200000000001</v>
      </c>
      <c r="E6215" s="239">
        <v>6.6600000000000006E-2</v>
      </c>
      <c r="F6215" s="239">
        <v>0.4496</v>
      </c>
      <c r="G6215">
        <f t="shared" si="1440"/>
        <v>21.859120000000001</v>
      </c>
      <c r="H6215" s="235">
        <f t="shared" si="1441"/>
        <v>0.30467832190865873</v>
      </c>
      <c r="I6215" s="236">
        <f t="shared" si="1442"/>
        <v>19.37349287994644</v>
      </c>
      <c r="J6215" s="237">
        <f t="shared" si="1447"/>
        <v>9.3734928799464399</v>
      </c>
      <c r="K6215" s="237">
        <f t="shared" si="1443"/>
        <v>1194.9182938493366</v>
      </c>
      <c r="L6215" s="237">
        <f t="shared" si="1448"/>
        <v>578.20390829949622</v>
      </c>
      <c r="M6215" s="236">
        <f t="shared" si="1444"/>
        <v>35.738606068790332</v>
      </c>
      <c r="N6215" s="236">
        <f t="shared" si="1445"/>
        <v>0.32229650555616013</v>
      </c>
      <c r="O6215" s="236">
        <f t="shared" si="1449"/>
        <v>2.0505408160749941</v>
      </c>
      <c r="P6215" s="236" t="str">
        <f t="shared" si="1450"/>
        <v>SAND</v>
      </c>
      <c r="Q6215" s="236" t="e">
        <f t="shared" si="1446"/>
        <v>#N/A</v>
      </c>
      <c r="R6215" s="238">
        <v>35</v>
      </c>
      <c r="S6215" s="236" t="e">
        <f t="shared" si="1451"/>
        <v>#N/A</v>
      </c>
      <c r="T6215" s="236">
        <f t="shared" si="1438"/>
        <v>34.684513704381246</v>
      </c>
    </row>
    <row r="6216" spans="2:20" x14ac:dyDescent="0.2">
      <c r="B6216" s="239">
        <v>61.695999999999998</v>
      </c>
      <c r="C6216" s="3">
        <f t="shared" si="1439"/>
        <v>61.689</v>
      </c>
      <c r="D6216" s="239">
        <v>20.636700000000001</v>
      </c>
      <c r="E6216" s="239">
        <v>6.1400000000000003E-2</v>
      </c>
      <c r="F6216" s="239">
        <v>0.47810000000000002</v>
      </c>
      <c r="G6216">
        <f t="shared" si="1440"/>
        <v>20.732320000000001</v>
      </c>
      <c r="H6216" s="235">
        <f t="shared" si="1441"/>
        <v>0.29615595360287705</v>
      </c>
      <c r="I6216" s="236">
        <f t="shared" si="1442"/>
        <v>19.257480769599407</v>
      </c>
      <c r="J6216" s="237">
        <f t="shared" si="1447"/>
        <v>9.2574807695994075</v>
      </c>
      <c r="K6216" s="237">
        <f t="shared" si="1443"/>
        <v>1187.9747311958179</v>
      </c>
      <c r="L6216" s="237">
        <f t="shared" si="1448"/>
        <v>571.14953356120498</v>
      </c>
      <c r="M6216" s="236">
        <f t="shared" si="1444"/>
        <v>34.219314068142879</v>
      </c>
      <c r="N6216" s="236">
        <f t="shared" si="1445"/>
        <v>0.31415736447310905</v>
      </c>
      <c r="O6216" s="236">
        <f t="shared" si="1449"/>
        <v>2.0643027325690264</v>
      </c>
      <c r="P6216" s="236" t="str">
        <f t="shared" si="1450"/>
        <v>SAND</v>
      </c>
      <c r="Q6216" s="236" t="e">
        <f t="shared" si="1446"/>
        <v>#N/A</v>
      </c>
      <c r="R6216" s="238">
        <v>35</v>
      </c>
      <c r="S6216" s="236" t="e">
        <f t="shared" si="1451"/>
        <v>#N/A</v>
      </c>
      <c r="T6216" s="236">
        <f t="shared" si="1438"/>
        <v>34.476984297657182</v>
      </c>
    </row>
    <row r="6217" spans="2:20" x14ac:dyDescent="0.2">
      <c r="B6217" s="239">
        <v>61.706000000000003</v>
      </c>
      <c r="C6217" s="3">
        <f t="shared" si="1439"/>
        <v>61.699000000000005</v>
      </c>
      <c r="D6217" s="239">
        <v>19.327500000000001</v>
      </c>
      <c r="E6217" s="239">
        <v>5.5100000000000003E-2</v>
      </c>
      <c r="F6217" s="239">
        <v>0.50229999999999997</v>
      </c>
      <c r="G6217">
        <f t="shared" si="1440"/>
        <v>19.427959999999999</v>
      </c>
      <c r="H6217" s="235">
        <f t="shared" si="1441"/>
        <v>0.28361186660874327</v>
      </c>
      <c r="I6217" s="236">
        <f t="shared" si="1442"/>
        <v>19.105136851856578</v>
      </c>
      <c r="J6217" s="237">
        <f t="shared" si="1447"/>
        <v>9.1051368518565781</v>
      </c>
      <c r="K6217" s="237">
        <f t="shared" si="1443"/>
        <v>1178.7678386226992</v>
      </c>
      <c r="L6217" s="237">
        <f t="shared" si="1448"/>
        <v>561.84157458066204</v>
      </c>
      <c r="M6217" s="236">
        <f t="shared" si="1444"/>
        <v>32.481028437594404</v>
      </c>
      <c r="N6217" s="236">
        <f t="shared" si="1445"/>
        <v>0.30193117324181595</v>
      </c>
      <c r="O6217" s="236">
        <f t="shared" si="1449"/>
        <v>2.0796838932559369</v>
      </c>
      <c r="P6217" s="236" t="str">
        <f t="shared" si="1450"/>
        <v>SAND</v>
      </c>
      <c r="Q6217" s="236" t="e">
        <f t="shared" si="1446"/>
        <v>#N/A</v>
      </c>
      <c r="R6217" s="238">
        <v>35</v>
      </c>
      <c r="S6217" s="236" t="e">
        <f t="shared" si="1451"/>
        <v>#N/A</v>
      </c>
      <c r="T6217" s="236">
        <f t="shared" si="1438"/>
        <v>34.227927489028772</v>
      </c>
    </row>
    <row r="6218" spans="2:20" x14ac:dyDescent="0.2">
      <c r="B6218" s="239">
        <v>61.716000000000001</v>
      </c>
      <c r="C6218" s="3">
        <f t="shared" si="1439"/>
        <v>61.709000000000003</v>
      </c>
      <c r="D6218" s="239">
        <v>18.279699999999998</v>
      </c>
      <c r="E6218" s="239">
        <v>5.5500000000000001E-2</v>
      </c>
      <c r="F6218" s="239">
        <v>0.54039999999999999</v>
      </c>
      <c r="G6218">
        <f t="shared" si="1440"/>
        <v>18.387779999999999</v>
      </c>
      <c r="H6218" s="235">
        <f t="shared" si="1441"/>
        <v>0.30183088986272405</v>
      </c>
      <c r="I6218" s="236">
        <f t="shared" si="1442"/>
        <v>19.092110477920059</v>
      </c>
      <c r="J6218" s="237">
        <f t="shared" si="1447"/>
        <v>9.092110477920059</v>
      </c>
      <c r="K6218" s="237">
        <f t="shared" si="1443"/>
        <v>1178.155045481969</v>
      </c>
      <c r="L6218" s="237">
        <f t="shared" si="1448"/>
        <v>561.12869025531438</v>
      </c>
      <c r="M6218" s="236">
        <f t="shared" si="1444"/>
        <v>30.669657875963576</v>
      </c>
      <c r="N6218" s="236">
        <f t="shared" si="1445"/>
        <v>0.32249395409067083</v>
      </c>
      <c r="O6218" s="236">
        <f t="shared" si="1449"/>
        <v>2.1128623124105417</v>
      </c>
      <c r="P6218" s="236" t="str">
        <f t="shared" si="1450"/>
        <v>SAND</v>
      </c>
      <c r="Q6218" s="236" t="e">
        <f t="shared" si="1446"/>
        <v>#N/A</v>
      </c>
      <c r="R6218" s="238">
        <v>35</v>
      </c>
      <c r="S6218" s="236" t="e">
        <f t="shared" si="1451"/>
        <v>#N/A</v>
      </c>
      <c r="T6218" s="236">
        <f t="shared" si="1438"/>
        <v>33.953798245376674</v>
      </c>
    </row>
    <row r="6219" spans="2:20" x14ac:dyDescent="0.2">
      <c r="B6219" s="239">
        <v>61.726999999999997</v>
      </c>
      <c r="C6219" s="3">
        <f t="shared" si="1439"/>
        <v>61.72</v>
      </c>
      <c r="D6219" s="239">
        <v>17.587299999999999</v>
      </c>
      <c r="E6219" s="239">
        <v>6.3700000000000007E-2</v>
      </c>
      <c r="F6219" s="239">
        <v>0.51690000000000003</v>
      </c>
      <c r="G6219">
        <f t="shared" si="1440"/>
        <v>17.69068</v>
      </c>
      <c r="H6219" s="235">
        <f t="shared" si="1441"/>
        <v>0.36007660530855801</v>
      </c>
      <c r="I6219" s="236">
        <f t="shared" si="1442"/>
        <v>19.23858959579027</v>
      </c>
      <c r="J6219" s="237">
        <f t="shared" si="1447"/>
        <v>9.2385895957902697</v>
      </c>
      <c r="K6219" s="237">
        <f t="shared" si="1443"/>
        <v>1187.4057498521754</v>
      </c>
      <c r="L6219" s="237">
        <f t="shared" si="1448"/>
        <v>570.270419979346</v>
      </c>
      <c r="M6219" s="236">
        <f t="shared" si="1444"/>
        <v>28.939383267933724</v>
      </c>
      <c r="N6219" s="236">
        <f t="shared" si="1445"/>
        <v>0.38598401162381113</v>
      </c>
      <c r="O6219" s="236">
        <f t="shared" si="1449"/>
        <v>2.1644097132990692</v>
      </c>
      <c r="P6219" s="236" t="str">
        <f t="shared" si="1450"/>
        <v>SAND</v>
      </c>
      <c r="Q6219" s="236" t="e">
        <f t="shared" si="1446"/>
        <v>#N/A</v>
      </c>
      <c r="R6219" s="238">
        <v>35</v>
      </c>
      <c r="S6219" s="236" t="e">
        <f t="shared" si="1451"/>
        <v>#N/A</v>
      </c>
      <c r="T6219" s="236">
        <f t="shared" si="1438"/>
        <v>33.676381987147444</v>
      </c>
    </row>
    <row r="6220" spans="2:20" x14ac:dyDescent="0.2">
      <c r="B6220" s="239">
        <v>61.735999999999997</v>
      </c>
      <c r="C6220" s="3">
        <f t="shared" si="1439"/>
        <v>61.728999999999999</v>
      </c>
      <c r="D6220" s="239">
        <v>17.200399999999998</v>
      </c>
      <c r="E6220" s="239">
        <v>7.5499999999999998E-2</v>
      </c>
      <c r="F6220" s="239">
        <v>0.5716</v>
      </c>
      <c r="G6220">
        <f t="shared" si="1440"/>
        <v>17.314719999999998</v>
      </c>
      <c r="H6220" s="235">
        <f t="shared" si="1441"/>
        <v>0.43604516850402436</v>
      </c>
      <c r="I6220" s="236">
        <f t="shared" si="1442"/>
        <v>19.429473749368185</v>
      </c>
      <c r="J6220" s="237">
        <f t="shared" si="1447"/>
        <v>9.4294737493681851</v>
      </c>
      <c r="K6220" s="237">
        <f t="shared" si="1443"/>
        <v>1199.3619850747486</v>
      </c>
      <c r="L6220" s="237">
        <f t="shared" si="1448"/>
        <v>582.13799139099422</v>
      </c>
      <c r="M6220" s="236">
        <f t="shared" si="1444"/>
        <v>27.68305496849343</v>
      </c>
      <c r="N6220" s="236">
        <f t="shared" si="1445"/>
        <v>0.46849719336098911</v>
      </c>
      <c r="O6220" s="236">
        <f t="shared" si="1449"/>
        <v>2.2147855311325571</v>
      </c>
      <c r="P6220" s="236" t="str">
        <f t="shared" si="1450"/>
        <v>SAND</v>
      </c>
      <c r="Q6220" s="236" t="e">
        <f t="shared" si="1446"/>
        <v>#N/A</v>
      </c>
      <c r="R6220" s="238">
        <v>35</v>
      </c>
      <c r="S6220" s="236" t="e">
        <f t="shared" si="1451"/>
        <v>#N/A</v>
      </c>
      <c r="T6220" s="236">
        <f t="shared" si="1438"/>
        <v>33.464354165822719</v>
      </c>
    </row>
    <row r="6221" spans="2:20" x14ac:dyDescent="0.2">
      <c r="B6221" s="239">
        <v>61.746000000000002</v>
      </c>
      <c r="C6221" s="3">
        <f t="shared" si="1439"/>
        <v>61.739000000000004</v>
      </c>
      <c r="D6221" s="239">
        <v>17.310199999999998</v>
      </c>
      <c r="E6221" s="239">
        <v>7.8299999999999995E-2</v>
      </c>
      <c r="F6221" s="239">
        <v>0.54859999999999998</v>
      </c>
      <c r="G6221">
        <f t="shared" si="1440"/>
        <v>17.419919999999998</v>
      </c>
      <c r="H6221" s="235">
        <f t="shared" si="1441"/>
        <v>0.44948541669536946</v>
      </c>
      <c r="I6221" s="236">
        <f t="shared" si="1442"/>
        <v>19.474541352521918</v>
      </c>
      <c r="J6221" s="237">
        <f t="shared" si="1447"/>
        <v>9.4745413525219178</v>
      </c>
      <c r="K6221" s="237">
        <f t="shared" si="1443"/>
        <v>1202.3387085633508</v>
      </c>
      <c r="L6221" s="237">
        <f t="shared" si="1448"/>
        <v>585.01503035281837</v>
      </c>
      <c r="M6221" s="236">
        <f t="shared" si="1444"/>
        <v>27.721648932089728</v>
      </c>
      <c r="N6221" s="236">
        <f t="shared" si="1445"/>
        <v>0.4828093572827945</v>
      </c>
      <c r="O6221" s="236">
        <f t="shared" si="1449"/>
        <v>2.2195209040299142</v>
      </c>
      <c r="P6221" s="236" t="str">
        <f t="shared" si="1450"/>
        <v>SAND</v>
      </c>
      <c r="Q6221" s="236" t="e">
        <f t="shared" si="1446"/>
        <v>#N/A</v>
      </c>
      <c r="R6221" s="238">
        <v>35</v>
      </c>
      <c r="S6221" s="236" t="e">
        <f t="shared" si="1451"/>
        <v>#N/A</v>
      </c>
      <c r="T6221" s="236">
        <f t="shared" ref="T6221:T6284" si="1452">IF(P6221="SAND",17.6+(11*LOG(M6221)),#N/A)</f>
        <v>33.471009652325193</v>
      </c>
    </row>
    <row r="6222" spans="2:20" x14ac:dyDescent="0.2">
      <c r="B6222" s="239">
        <v>61.756999999999998</v>
      </c>
      <c r="C6222" s="3">
        <f t="shared" ref="C6222:C6285" si="1453">MAX($B6222 - $B$13, 0.001)</f>
        <v>61.75</v>
      </c>
      <c r="D6222" s="239">
        <v>17.492699999999999</v>
      </c>
      <c r="E6222" s="239">
        <v>8.4900000000000003E-2</v>
      </c>
      <c r="F6222" s="239">
        <v>0.53120000000000001</v>
      </c>
      <c r="G6222">
        <f t="shared" si="1440"/>
        <v>17.598939999999999</v>
      </c>
      <c r="H6222" s="235">
        <f t="shared" si="1441"/>
        <v>0.4824154182013235</v>
      </c>
      <c r="I6222" s="236">
        <f t="shared" si="1442"/>
        <v>19.573431677629983</v>
      </c>
      <c r="J6222" s="237">
        <f t="shared" si="1447"/>
        <v>9.5734316776299835</v>
      </c>
      <c r="K6222" s="237">
        <f t="shared" si="1443"/>
        <v>1208.6594060936516</v>
      </c>
      <c r="L6222" s="237">
        <f t="shared" si="1448"/>
        <v>591.22642011539483</v>
      </c>
      <c r="M6222" s="236">
        <f t="shared" si="1444"/>
        <v>27.722510422838194</v>
      </c>
      <c r="N6222" s="236">
        <f t="shared" si="1445"/>
        <v>0.51798991184790644</v>
      </c>
      <c r="O6222" s="236">
        <f t="shared" si="1449"/>
        <v>2.2321209965249582</v>
      </c>
      <c r="P6222" s="236" t="str">
        <f t="shared" si="1450"/>
        <v>SAND</v>
      </c>
      <c r="Q6222" s="236" t="e">
        <f t="shared" si="1446"/>
        <v>#N/A</v>
      </c>
      <c r="R6222" s="238">
        <v>35</v>
      </c>
      <c r="S6222" s="236" t="e">
        <f t="shared" si="1451"/>
        <v>#N/A</v>
      </c>
      <c r="T6222" s="236">
        <f t="shared" si="1452"/>
        <v>33.471158109710395</v>
      </c>
    </row>
    <row r="6223" spans="2:20" x14ac:dyDescent="0.2">
      <c r="B6223" s="239">
        <v>61.767000000000003</v>
      </c>
      <c r="C6223" s="3">
        <f t="shared" si="1453"/>
        <v>61.760000000000005</v>
      </c>
      <c r="D6223" s="239">
        <v>17.685500000000001</v>
      </c>
      <c r="E6223" s="239">
        <v>8.4400000000000003E-2</v>
      </c>
      <c r="F6223" s="239">
        <v>0.5131</v>
      </c>
      <c r="G6223">
        <f t="shared" ref="G6223:G6286" si="1454">$D6223+($F6223*(1-$P$8))</f>
        <v>17.788120000000003</v>
      </c>
      <c r="H6223" s="235">
        <f t="shared" ref="H6223:H6286" si="1455">($E6223/$G6223)*100</f>
        <v>0.47447397476518027</v>
      </c>
      <c r="I6223" s="236">
        <f t="shared" ref="I6223:I6286" si="1456">((0.27*(LOG($H6223)))+(0.36*(LOG(($G6223*1000)/101)))+1.236)*10</f>
        <v>19.570684705784871</v>
      </c>
      <c r="J6223" s="237">
        <f t="shared" si="1447"/>
        <v>9.5706847057848705</v>
      </c>
      <c r="K6223" s="237">
        <f t="shared" ref="K6223:K6286" si="1457">$I6223*$C6223</f>
        <v>1208.6854874292737</v>
      </c>
      <c r="L6223" s="237">
        <f t="shared" si="1448"/>
        <v>591.15248222221408</v>
      </c>
      <c r="M6223" s="236">
        <f t="shared" ref="M6223:M6286" si="1458">(($G6223*1000)-$K6223)/$L6223</f>
        <v>28.045952628409204</v>
      </c>
      <c r="N6223" s="236">
        <f t="shared" ref="N6223:N6286" si="1459">(($E6223*1000)/(($G6223*1000)-$K6223))*100</f>
        <v>0.50906440708823275</v>
      </c>
      <c r="O6223" s="236">
        <f t="shared" si="1449"/>
        <v>2.2243912970106479</v>
      </c>
      <c r="P6223" s="236" t="str">
        <f t="shared" si="1450"/>
        <v>SAND</v>
      </c>
      <c r="Q6223" s="236" t="e">
        <f t="shared" ref="Q6223:Q6286" si="1460">IF(P6223="CLAY",($G6223*1000 -$K6223)/$L$8,#N/A)</f>
        <v>#N/A</v>
      </c>
      <c r="R6223" s="238">
        <v>35</v>
      </c>
      <c r="S6223" s="236" t="e">
        <f t="shared" si="1451"/>
        <v>#N/A</v>
      </c>
      <c r="T6223" s="236">
        <f t="shared" si="1452"/>
        <v>33.526572157602445</v>
      </c>
    </row>
    <row r="6224" spans="2:20" x14ac:dyDescent="0.2">
      <c r="B6224" s="239">
        <v>61.776000000000003</v>
      </c>
      <c r="C6224" s="3">
        <f t="shared" si="1453"/>
        <v>61.769000000000005</v>
      </c>
      <c r="D6224" s="239">
        <v>17.8386</v>
      </c>
      <c r="E6224" s="239">
        <v>9.8100000000000007E-2</v>
      </c>
      <c r="F6224" s="239">
        <v>0.49990000000000001</v>
      </c>
      <c r="G6224">
        <f t="shared" si="1454"/>
        <v>17.938579999999998</v>
      </c>
      <c r="H6224" s="235">
        <f t="shared" si="1455"/>
        <v>0.54686602841473531</v>
      </c>
      <c r="I6224" s="236">
        <f t="shared" si="1456"/>
        <v>19.750358629886136</v>
      </c>
      <c r="J6224" s="237">
        <f t="shared" ref="J6224:J6287" si="1461">$I6224-10</f>
        <v>9.7503586298861364</v>
      </c>
      <c r="K6224" s="237">
        <f t="shared" si="1457"/>
        <v>1219.9599022094369</v>
      </c>
      <c r="L6224" s="237">
        <f t="shared" ref="L6224:L6287" si="1462">$J6224*$B6224</f>
        <v>602.33815471984599</v>
      </c>
      <c r="M6224" s="236">
        <f t="shared" si="1458"/>
        <v>27.756203001230386</v>
      </c>
      <c r="N6224" s="236">
        <f t="shared" si="1459"/>
        <v>0.58677091426321926</v>
      </c>
      <c r="O6224" s="236">
        <f t="shared" ref="O6224:O6287" si="1463">((3.47-LOG($M6224))^2+(LOG($N6224)+1.22)^2)^0.5</f>
        <v>2.254848020595515</v>
      </c>
      <c r="P6224" s="236" t="str">
        <f t="shared" ref="P6224:P6287" si="1464">IF(O6224&lt;2.6,"SAND","CLAY")</f>
        <v>SAND</v>
      </c>
      <c r="Q6224" s="236" t="e">
        <f t="shared" si="1460"/>
        <v>#N/A</v>
      </c>
      <c r="R6224" s="238">
        <v>35</v>
      </c>
      <c r="S6224" s="236" t="e">
        <f t="shared" ref="S6224:S6287" si="1465">IF(P6224="SAND",#N/A,0.25*($M6224)^1.25)</f>
        <v>#N/A</v>
      </c>
      <c r="T6224" s="236">
        <f t="shared" si="1452"/>
        <v>33.476960606542036</v>
      </c>
    </row>
    <row r="6225" spans="2:20" x14ac:dyDescent="0.2">
      <c r="B6225" s="239">
        <v>61.783000000000001</v>
      </c>
      <c r="C6225" s="3">
        <f t="shared" si="1453"/>
        <v>61.776000000000003</v>
      </c>
      <c r="D6225" s="239">
        <v>18.264399999999998</v>
      </c>
      <c r="E6225" s="239">
        <v>0.1072</v>
      </c>
      <c r="F6225" s="239">
        <v>0.47010000000000002</v>
      </c>
      <c r="G6225">
        <f t="shared" si="1454"/>
        <v>18.358419999999999</v>
      </c>
      <c r="H6225" s="235">
        <f t="shared" si="1455"/>
        <v>0.58392824654845032</v>
      </c>
      <c r="I6225" s="236">
        <f t="shared" si="1456"/>
        <v>19.863420746043609</v>
      </c>
      <c r="J6225" s="237">
        <f t="shared" si="1461"/>
        <v>9.8634207460436087</v>
      </c>
      <c r="K6225" s="237">
        <f t="shared" si="1457"/>
        <v>1227.0826800075899</v>
      </c>
      <c r="L6225" s="237">
        <f t="shared" si="1462"/>
        <v>609.3917239528123</v>
      </c>
      <c r="M6225" s="236">
        <f t="shared" si="1458"/>
        <v>28.112192283922386</v>
      </c>
      <c r="N6225" s="236">
        <f t="shared" si="1459"/>
        <v>0.6257538334435615</v>
      </c>
      <c r="O6225" s="236">
        <f t="shared" si="1463"/>
        <v>2.2622870479733792</v>
      </c>
      <c r="P6225" s="236" t="str">
        <f t="shared" si="1464"/>
        <v>SAND</v>
      </c>
      <c r="Q6225" s="236" t="e">
        <f t="shared" si="1460"/>
        <v>#N/A</v>
      </c>
      <c r="R6225" s="238">
        <v>35</v>
      </c>
      <c r="S6225" s="236" t="e">
        <f t="shared" si="1465"/>
        <v>#N/A</v>
      </c>
      <c r="T6225" s="236">
        <f t="shared" si="1452"/>
        <v>33.537841861501832</v>
      </c>
    </row>
    <row r="6226" spans="2:20" x14ac:dyDescent="0.2">
      <c r="B6226" s="239">
        <v>61.805</v>
      </c>
      <c r="C6226" s="3">
        <f t="shared" si="1453"/>
        <v>61.798000000000002</v>
      </c>
      <c r="D6226" s="239">
        <v>18.322399999999998</v>
      </c>
      <c r="E6226" s="239">
        <v>0.1159</v>
      </c>
      <c r="F6226" s="239">
        <v>0.47489999999999999</v>
      </c>
      <c r="G6226">
        <f t="shared" si="1454"/>
        <v>18.417379999999998</v>
      </c>
      <c r="H6226" s="235">
        <f t="shared" si="1455"/>
        <v>0.62929689239186049</v>
      </c>
      <c r="I6226" s="236">
        <f t="shared" si="1456"/>
        <v>19.956173395452478</v>
      </c>
      <c r="J6226" s="237">
        <f t="shared" si="1461"/>
        <v>9.9561733954524776</v>
      </c>
      <c r="K6226" s="237">
        <f t="shared" si="1457"/>
        <v>1233.2516034921723</v>
      </c>
      <c r="L6226" s="237">
        <f t="shared" si="1462"/>
        <v>615.34129670594041</v>
      </c>
      <c r="M6226" s="236">
        <f t="shared" si="1458"/>
        <v>27.926174447413668</v>
      </c>
      <c r="N6226" s="236">
        <f t="shared" si="1459"/>
        <v>0.67445957877941198</v>
      </c>
      <c r="O6226" s="236">
        <f t="shared" si="1463"/>
        <v>2.2796574744799973</v>
      </c>
      <c r="P6226" s="236" t="str">
        <f t="shared" si="1464"/>
        <v>SAND</v>
      </c>
      <c r="Q6226" s="236" t="e">
        <f t="shared" si="1460"/>
        <v>#N/A</v>
      </c>
      <c r="R6226" s="238">
        <v>35</v>
      </c>
      <c r="S6226" s="236" t="e">
        <f t="shared" si="1465"/>
        <v>#N/A</v>
      </c>
      <c r="T6226" s="236">
        <f t="shared" si="1452"/>
        <v>33.506125912765683</v>
      </c>
    </row>
    <row r="6227" spans="2:20" x14ac:dyDescent="0.2">
      <c r="B6227" s="239">
        <v>61.814</v>
      </c>
      <c r="C6227" s="3">
        <f t="shared" si="1453"/>
        <v>61.807000000000002</v>
      </c>
      <c r="D6227" s="239">
        <v>18.348099999999999</v>
      </c>
      <c r="E6227" s="239">
        <v>0.1198</v>
      </c>
      <c r="F6227" s="239">
        <v>0.4677</v>
      </c>
      <c r="G6227">
        <f t="shared" si="1454"/>
        <v>18.44164</v>
      </c>
      <c r="H6227" s="235">
        <f t="shared" si="1455"/>
        <v>0.64961684535648678</v>
      </c>
      <c r="I6227" s="236">
        <f t="shared" si="1456"/>
        <v>19.995496049026443</v>
      </c>
      <c r="J6227" s="237">
        <f t="shared" si="1461"/>
        <v>9.9954960490264426</v>
      </c>
      <c r="K6227" s="237">
        <f t="shared" si="1457"/>
        <v>1235.8616243021775</v>
      </c>
      <c r="L6227" s="237">
        <f t="shared" si="1462"/>
        <v>617.86159277452055</v>
      </c>
      <c r="M6227" s="236">
        <f t="shared" si="1458"/>
        <v>27.847302012146294</v>
      </c>
      <c r="N6227" s="236">
        <f t="shared" si="1459"/>
        <v>0.69627771196454935</v>
      </c>
      <c r="O6227" s="236">
        <f t="shared" si="1463"/>
        <v>2.2871401399411693</v>
      </c>
      <c r="P6227" s="236" t="str">
        <f t="shared" si="1464"/>
        <v>SAND</v>
      </c>
      <c r="Q6227" s="236" t="e">
        <f t="shared" si="1460"/>
        <v>#N/A</v>
      </c>
      <c r="R6227" s="238">
        <v>35</v>
      </c>
      <c r="S6227" s="236" t="e">
        <f t="shared" si="1465"/>
        <v>#N/A</v>
      </c>
      <c r="T6227" s="236">
        <f t="shared" si="1452"/>
        <v>33.4926143738546</v>
      </c>
    </row>
    <row r="6228" spans="2:20" x14ac:dyDescent="0.2">
      <c r="B6228" s="239">
        <v>61.823999999999998</v>
      </c>
      <c r="C6228" s="3">
        <f t="shared" si="1453"/>
        <v>61.817</v>
      </c>
      <c r="D6228" s="239">
        <v>18.3703</v>
      </c>
      <c r="E6228" s="239">
        <v>0.12139999999999999</v>
      </c>
      <c r="F6228" s="239">
        <v>0.45479999999999998</v>
      </c>
      <c r="G6228">
        <f t="shared" si="1454"/>
        <v>18.461259999999999</v>
      </c>
      <c r="H6228" s="235">
        <f t="shared" si="1455"/>
        <v>0.65759325203155139</v>
      </c>
      <c r="I6228" s="236">
        <f t="shared" si="1456"/>
        <v>20.011468713450668</v>
      </c>
      <c r="J6228" s="237">
        <f t="shared" si="1461"/>
        <v>10.011468713450668</v>
      </c>
      <c r="K6228" s="237">
        <f t="shared" si="1457"/>
        <v>1237.0489614593801</v>
      </c>
      <c r="L6228" s="237">
        <f t="shared" si="1462"/>
        <v>618.94904174037413</v>
      </c>
      <c r="M6228" s="236">
        <f t="shared" si="1458"/>
        <v>27.828156886888806</v>
      </c>
      <c r="N6228" s="236">
        <f t="shared" si="1459"/>
        <v>0.70482183322276593</v>
      </c>
      <c r="O6228" s="236">
        <f t="shared" si="1463"/>
        <v>2.2898704693397671</v>
      </c>
      <c r="P6228" s="236" t="str">
        <f t="shared" si="1464"/>
        <v>SAND</v>
      </c>
      <c r="Q6228" s="236" t="e">
        <f t="shared" si="1460"/>
        <v>#N/A</v>
      </c>
      <c r="R6228" s="238">
        <v>35</v>
      </c>
      <c r="S6228" s="236" t="e">
        <f t="shared" si="1465"/>
        <v>#N/A</v>
      </c>
      <c r="T6228" s="236">
        <f t="shared" si="1452"/>
        <v>33.489328874274889</v>
      </c>
    </row>
    <row r="6229" spans="2:20" x14ac:dyDescent="0.2">
      <c r="B6229" s="239">
        <v>61.834000000000003</v>
      </c>
      <c r="C6229" s="3">
        <f t="shared" si="1453"/>
        <v>61.827000000000005</v>
      </c>
      <c r="D6229" s="239">
        <v>18.4757</v>
      </c>
      <c r="E6229" s="239">
        <v>0.12570000000000001</v>
      </c>
      <c r="F6229" s="239">
        <v>0.44059999999999999</v>
      </c>
      <c r="G6229">
        <f t="shared" si="1454"/>
        <v>18.56382</v>
      </c>
      <c r="H6229" s="235">
        <f t="shared" si="1455"/>
        <v>0.67712356616256797</v>
      </c>
      <c r="I6229" s="236">
        <f t="shared" si="1456"/>
        <v>20.05444891798836</v>
      </c>
      <c r="J6229" s="237">
        <f t="shared" si="1461"/>
        <v>10.05444891798836</v>
      </c>
      <c r="K6229" s="237">
        <f t="shared" si="1457"/>
        <v>1239.9064132524663</v>
      </c>
      <c r="L6229" s="237">
        <f t="shared" si="1462"/>
        <v>621.70679439489231</v>
      </c>
      <c r="M6229" s="236">
        <f t="shared" si="1458"/>
        <v>27.865086473132262</v>
      </c>
      <c r="N6229" s="236">
        <f t="shared" si="1459"/>
        <v>0.72558662550798059</v>
      </c>
      <c r="O6229" s="236">
        <f t="shared" si="1463"/>
        <v>2.2952711603058376</v>
      </c>
      <c r="P6229" s="236" t="str">
        <f t="shared" si="1464"/>
        <v>SAND</v>
      </c>
      <c r="Q6229" s="236" t="e">
        <f t="shared" si="1460"/>
        <v>#N/A</v>
      </c>
      <c r="R6229" s="238">
        <v>35</v>
      </c>
      <c r="S6229" s="236" t="e">
        <f t="shared" si="1465"/>
        <v>#N/A</v>
      </c>
      <c r="T6229" s="236">
        <f t="shared" si="1452"/>
        <v>33.495664346442879</v>
      </c>
    </row>
    <row r="6230" spans="2:20" x14ac:dyDescent="0.2">
      <c r="B6230" s="239">
        <v>61.844999999999999</v>
      </c>
      <c r="C6230" s="3">
        <f t="shared" si="1453"/>
        <v>61.838000000000001</v>
      </c>
      <c r="D6230" s="239">
        <v>18.4848</v>
      </c>
      <c r="E6230" s="239">
        <v>0.1245</v>
      </c>
      <c r="F6230" s="239">
        <v>0.47270000000000001</v>
      </c>
      <c r="G6230">
        <f t="shared" si="1454"/>
        <v>18.579339999999998</v>
      </c>
      <c r="H6230" s="235">
        <f t="shared" si="1455"/>
        <v>0.67009915314537549</v>
      </c>
      <c r="I6230" s="236">
        <f t="shared" si="1456"/>
        <v>20.043527557359667</v>
      </c>
      <c r="J6230" s="237">
        <f t="shared" si="1461"/>
        <v>10.043527557359667</v>
      </c>
      <c r="K6230" s="237">
        <f t="shared" si="1457"/>
        <v>1239.4516570920071</v>
      </c>
      <c r="L6230" s="237">
        <f t="shared" si="1462"/>
        <v>621.14196178490863</v>
      </c>
      <c r="M6230" s="236">
        <f t="shared" si="1458"/>
        <v>27.916143828184186</v>
      </c>
      <c r="N6230" s="236">
        <f t="shared" si="1459"/>
        <v>0.71799770297206345</v>
      </c>
      <c r="O6230" s="236">
        <f t="shared" si="1463"/>
        <v>2.2924227534903254</v>
      </c>
      <c r="P6230" s="236" t="str">
        <f t="shared" si="1464"/>
        <v>SAND</v>
      </c>
      <c r="Q6230" s="236" t="e">
        <f t="shared" si="1460"/>
        <v>#N/A</v>
      </c>
      <c r="R6230" s="238">
        <v>35</v>
      </c>
      <c r="S6230" s="236" t="e">
        <f t="shared" si="1465"/>
        <v>#N/A</v>
      </c>
      <c r="T6230" s="236">
        <f t="shared" si="1452"/>
        <v>33.504409699313562</v>
      </c>
    </row>
    <row r="6231" spans="2:20" x14ac:dyDescent="0.2">
      <c r="B6231" s="239">
        <v>61.854999999999997</v>
      </c>
      <c r="C6231" s="3">
        <f t="shared" si="1453"/>
        <v>61.847999999999999</v>
      </c>
      <c r="D6231" s="239">
        <v>18.532499999999999</v>
      </c>
      <c r="E6231" s="239">
        <v>0.1212</v>
      </c>
      <c r="F6231" s="239">
        <v>0.50280000000000002</v>
      </c>
      <c r="G6231">
        <f t="shared" si="1454"/>
        <v>18.63306</v>
      </c>
      <c r="H6231" s="235">
        <f t="shared" si="1455"/>
        <v>0.65045676877549907</v>
      </c>
      <c r="I6231" s="236">
        <f t="shared" si="1456"/>
        <v>20.013155892112785</v>
      </c>
      <c r="J6231" s="237">
        <f t="shared" si="1461"/>
        <v>10.013155892112785</v>
      </c>
      <c r="K6231" s="237">
        <f t="shared" si="1457"/>
        <v>1237.7736656153916</v>
      </c>
      <c r="L6231" s="237">
        <f t="shared" si="1462"/>
        <v>619.36375770663631</v>
      </c>
      <c r="M6231" s="236">
        <f t="shared" si="1458"/>
        <v>28.085734946447975</v>
      </c>
      <c r="N6231" s="236">
        <f t="shared" si="1459"/>
        <v>0.69674047135647599</v>
      </c>
      <c r="O6231" s="236">
        <f t="shared" si="1463"/>
        <v>2.2839964363134855</v>
      </c>
      <c r="P6231" s="236" t="str">
        <f t="shared" si="1464"/>
        <v>SAND</v>
      </c>
      <c r="Q6231" s="236" t="e">
        <f t="shared" si="1460"/>
        <v>#N/A</v>
      </c>
      <c r="R6231" s="238">
        <v>35</v>
      </c>
      <c r="S6231" s="236" t="e">
        <f t="shared" si="1465"/>
        <v>#N/A</v>
      </c>
      <c r="T6231" s="236">
        <f t="shared" si="1452"/>
        <v>33.533343722586466</v>
      </c>
    </row>
    <row r="6232" spans="2:20" x14ac:dyDescent="0.2">
      <c r="B6232" s="239">
        <v>61.865000000000002</v>
      </c>
      <c r="C6232" s="3">
        <f t="shared" si="1453"/>
        <v>61.858000000000004</v>
      </c>
      <c r="D6232" s="239">
        <v>18.463799999999999</v>
      </c>
      <c r="E6232" s="239">
        <v>0.11559999999999999</v>
      </c>
      <c r="F6232" s="239">
        <v>0.4945</v>
      </c>
      <c r="G6232">
        <f t="shared" si="1454"/>
        <v>18.5627</v>
      </c>
      <c r="H6232" s="235">
        <f t="shared" si="1455"/>
        <v>0.62275423295102539</v>
      </c>
      <c r="I6232" s="236">
        <f t="shared" si="1456"/>
        <v>19.956206237723567</v>
      </c>
      <c r="J6232" s="237">
        <f t="shared" si="1461"/>
        <v>9.9562062377235669</v>
      </c>
      <c r="K6232" s="237">
        <f t="shared" si="1457"/>
        <v>1234.4510054531045</v>
      </c>
      <c r="L6232" s="237">
        <f t="shared" si="1462"/>
        <v>615.94069889676848</v>
      </c>
      <c r="M6232" s="236">
        <f t="shared" si="1458"/>
        <v>28.13298264846614</v>
      </c>
      <c r="N6232" s="236">
        <f t="shared" si="1459"/>
        <v>0.66711876102645262</v>
      </c>
      <c r="O6232" s="236">
        <f t="shared" si="1463"/>
        <v>2.2746272437130148</v>
      </c>
      <c r="P6232" s="236" t="str">
        <f t="shared" si="1464"/>
        <v>SAND</v>
      </c>
      <c r="Q6232" s="236" t="e">
        <f t="shared" si="1460"/>
        <v>#N/A</v>
      </c>
      <c r="R6232" s="238">
        <v>35</v>
      </c>
      <c r="S6232" s="236" t="e">
        <f t="shared" si="1465"/>
        <v>#N/A</v>
      </c>
      <c r="T6232" s="236">
        <f t="shared" si="1452"/>
        <v>33.541373561820023</v>
      </c>
    </row>
    <row r="6233" spans="2:20" x14ac:dyDescent="0.2">
      <c r="B6233" s="239">
        <v>61.875999999999998</v>
      </c>
      <c r="C6233" s="3">
        <f t="shared" si="1453"/>
        <v>61.869</v>
      </c>
      <c r="D6233" s="239">
        <v>18.3232</v>
      </c>
      <c r="E6233" s="239">
        <v>0.11360000000000001</v>
      </c>
      <c r="F6233" s="239">
        <v>0.48620000000000002</v>
      </c>
      <c r="G6233">
        <f t="shared" si="1454"/>
        <v>18.420439999999999</v>
      </c>
      <c r="H6233" s="235">
        <f t="shared" si="1455"/>
        <v>0.61670622417271259</v>
      </c>
      <c r="I6233" s="236">
        <f t="shared" si="1456"/>
        <v>19.932734548882266</v>
      </c>
      <c r="J6233" s="237">
        <f t="shared" si="1461"/>
        <v>9.9327345488822658</v>
      </c>
      <c r="K6233" s="237">
        <f t="shared" si="1457"/>
        <v>1233.2183538047968</v>
      </c>
      <c r="L6233" s="237">
        <f t="shared" si="1462"/>
        <v>614.59788294663906</v>
      </c>
      <c r="M6233" s="236">
        <f t="shared" si="1458"/>
        <v>27.964986738633851</v>
      </c>
      <c r="N6233" s="236">
        <f t="shared" si="1459"/>
        <v>0.66095615881667569</v>
      </c>
      <c r="O6233" s="236">
        <f t="shared" si="1463"/>
        <v>2.2750928672854696</v>
      </c>
      <c r="P6233" s="236" t="str">
        <f t="shared" si="1464"/>
        <v>SAND</v>
      </c>
      <c r="Q6233" s="236" t="e">
        <f t="shared" si="1460"/>
        <v>#N/A</v>
      </c>
      <c r="R6233" s="238">
        <v>35</v>
      </c>
      <c r="S6233" s="236" t="e">
        <f t="shared" si="1465"/>
        <v>#N/A</v>
      </c>
      <c r="T6233" s="236">
        <f t="shared" si="1452"/>
        <v>33.512760794877487</v>
      </c>
    </row>
    <row r="6234" spans="2:20" x14ac:dyDescent="0.2">
      <c r="B6234" s="239">
        <v>61.884999999999998</v>
      </c>
      <c r="C6234" s="3">
        <f t="shared" si="1453"/>
        <v>61.878</v>
      </c>
      <c r="D6234" s="239">
        <v>18.082699999999999</v>
      </c>
      <c r="E6234" s="239">
        <v>0.1104</v>
      </c>
      <c r="F6234" s="239">
        <v>0.50029999999999997</v>
      </c>
      <c r="G6234">
        <f t="shared" si="1454"/>
        <v>18.182759999999998</v>
      </c>
      <c r="H6234" s="235">
        <f t="shared" si="1455"/>
        <v>0.60716854866917891</v>
      </c>
      <c r="I6234" s="236">
        <f t="shared" si="1456"/>
        <v>19.894153378283622</v>
      </c>
      <c r="J6234" s="237">
        <f t="shared" si="1461"/>
        <v>9.8941533782836224</v>
      </c>
      <c r="K6234" s="237">
        <f t="shared" si="1457"/>
        <v>1231.010422741434</v>
      </c>
      <c r="L6234" s="237">
        <f t="shared" si="1462"/>
        <v>612.29968181508195</v>
      </c>
      <c r="M6234" s="236">
        <f t="shared" si="1458"/>
        <v>27.685380346772892</v>
      </c>
      <c r="N6234" s="236">
        <f t="shared" si="1459"/>
        <v>0.65126021061628891</v>
      </c>
      <c r="O6234" s="236">
        <f t="shared" si="1463"/>
        <v>2.2760528372266582</v>
      </c>
      <c r="P6234" s="236" t="str">
        <f t="shared" si="1464"/>
        <v>SAND</v>
      </c>
      <c r="Q6234" s="236" t="e">
        <f t="shared" si="1460"/>
        <v>#N/A</v>
      </c>
      <c r="R6234" s="238">
        <v>35</v>
      </c>
      <c r="S6234" s="236" t="e">
        <f t="shared" si="1465"/>
        <v>#N/A</v>
      </c>
      <c r="T6234" s="236">
        <f t="shared" si="1452"/>
        <v>33.464755437357638</v>
      </c>
    </row>
    <row r="6235" spans="2:20" x14ac:dyDescent="0.2">
      <c r="B6235" s="239">
        <v>61.895000000000003</v>
      </c>
      <c r="C6235" s="3">
        <f t="shared" si="1453"/>
        <v>61.888000000000005</v>
      </c>
      <c r="D6235" s="239">
        <v>17.796199999999999</v>
      </c>
      <c r="E6235" s="239">
        <v>0.1087</v>
      </c>
      <c r="F6235" s="239">
        <v>0.50119999999999998</v>
      </c>
      <c r="G6235">
        <f t="shared" si="1454"/>
        <v>17.896439999999998</v>
      </c>
      <c r="H6235" s="235">
        <f t="shared" si="1455"/>
        <v>0.60738336786534097</v>
      </c>
      <c r="I6235" s="236">
        <f t="shared" si="1456"/>
        <v>19.869752807280125</v>
      </c>
      <c r="J6235" s="237">
        <f t="shared" si="1461"/>
        <v>9.8697528072801255</v>
      </c>
      <c r="K6235" s="237">
        <f t="shared" si="1457"/>
        <v>1229.6992617369526</v>
      </c>
      <c r="L6235" s="237">
        <f t="shared" si="1462"/>
        <v>610.88835000660345</v>
      </c>
      <c r="M6235" s="236">
        <f t="shared" si="1458"/>
        <v>27.282793554800783</v>
      </c>
      <c r="N6235" s="236">
        <f t="shared" si="1459"/>
        <v>0.65219710144317267</v>
      </c>
      <c r="O6235" s="236">
        <f t="shared" si="1463"/>
        <v>2.2820052277173275</v>
      </c>
      <c r="P6235" s="236" t="str">
        <f t="shared" si="1464"/>
        <v>SAND</v>
      </c>
      <c r="Q6235" s="236" t="e">
        <f t="shared" si="1460"/>
        <v>#N/A</v>
      </c>
      <c r="R6235" s="238">
        <v>35</v>
      </c>
      <c r="S6235" s="236" t="e">
        <f t="shared" si="1465"/>
        <v>#N/A</v>
      </c>
      <c r="T6235" s="236">
        <f t="shared" si="1452"/>
        <v>33.394777204586973</v>
      </c>
    </row>
    <row r="6236" spans="2:20" x14ac:dyDescent="0.2">
      <c r="B6236" s="239">
        <v>61.905999999999999</v>
      </c>
      <c r="C6236" s="3">
        <f t="shared" si="1453"/>
        <v>61.899000000000001</v>
      </c>
      <c r="D6236" s="239">
        <v>17.501899999999999</v>
      </c>
      <c r="E6236" s="239">
        <v>0.1104</v>
      </c>
      <c r="F6236" s="239">
        <v>0.4763</v>
      </c>
      <c r="G6236">
        <f t="shared" si="1454"/>
        <v>17.597159999999999</v>
      </c>
      <c r="H6236" s="235">
        <f t="shared" si="1455"/>
        <v>0.62737396261669498</v>
      </c>
      <c r="I6236" s="236">
        <f t="shared" si="1456"/>
        <v>19.881357877084376</v>
      </c>
      <c r="J6236" s="237">
        <f t="shared" si="1461"/>
        <v>9.8813578770843762</v>
      </c>
      <c r="K6236" s="237">
        <f t="shared" si="1457"/>
        <v>1230.6361712336459</v>
      </c>
      <c r="L6236" s="237">
        <f t="shared" si="1462"/>
        <v>611.71534073878536</v>
      </c>
      <c r="M6236" s="236">
        <f t="shared" si="1458"/>
        <v>26.755130595548014</v>
      </c>
      <c r="N6236" s="236">
        <f t="shared" si="1459"/>
        <v>0.6745476385520377</v>
      </c>
      <c r="O6236" s="236">
        <f t="shared" si="1463"/>
        <v>2.2962171819351265</v>
      </c>
      <c r="P6236" s="236" t="str">
        <f t="shared" si="1464"/>
        <v>SAND</v>
      </c>
      <c r="Q6236" s="236" t="e">
        <f t="shared" si="1460"/>
        <v>#N/A</v>
      </c>
      <c r="R6236" s="238">
        <v>35</v>
      </c>
      <c r="S6236" s="236" t="e">
        <f t="shared" si="1465"/>
        <v>#N/A</v>
      </c>
      <c r="T6236" s="236">
        <f t="shared" si="1452"/>
        <v>33.301477826845527</v>
      </c>
    </row>
    <row r="6237" spans="2:20" x14ac:dyDescent="0.2">
      <c r="B6237" s="239">
        <v>61.915999999999997</v>
      </c>
      <c r="C6237" s="3">
        <f t="shared" si="1453"/>
        <v>61.908999999999999</v>
      </c>
      <c r="D6237" s="239">
        <v>17.300599999999999</v>
      </c>
      <c r="E6237" s="239">
        <v>0.10929999999999999</v>
      </c>
      <c r="F6237" s="239">
        <v>0.49769999999999998</v>
      </c>
      <c r="G6237">
        <f t="shared" si="1454"/>
        <v>17.40014</v>
      </c>
      <c r="H6237" s="235">
        <f t="shared" si="1455"/>
        <v>0.62815586541257717</v>
      </c>
      <c r="I6237" s="236">
        <f t="shared" si="1456"/>
        <v>19.865214959979447</v>
      </c>
      <c r="J6237" s="237">
        <f t="shared" si="1461"/>
        <v>9.865214959979447</v>
      </c>
      <c r="K6237" s="237">
        <f t="shared" si="1457"/>
        <v>1229.8355929573675</v>
      </c>
      <c r="L6237" s="237">
        <f t="shared" si="1462"/>
        <v>610.81464946208746</v>
      </c>
      <c r="M6237" s="236">
        <f t="shared" si="1458"/>
        <v>26.473340842893951</v>
      </c>
      <c r="N6237" s="236">
        <f t="shared" si="1459"/>
        <v>0.67593037984119031</v>
      </c>
      <c r="O6237" s="236">
        <f t="shared" si="1463"/>
        <v>2.3007142691101419</v>
      </c>
      <c r="P6237" s="236" t="str">
        <f t="shared" si="1464"/>
        <v>SAND</v>
      </c>
      <c r="Q6237" s="236" t="e">
        <f t="shared" si="1460"/>
        <v>#N/A</v>
      </c>
      <c r="R6237" s="238">
        <v>35</v>
      </c>
      <c r="S6237" s="236" t="e">
        <f t="shared" si="1465"/>
        <v>#N/A</v>
      </c>
      <c r="T6237" s="236">
        <f t="shared" si="1452"/>
        <v>33.250896263226068</v>
      </c>
    </row>
    <row r="6238" spans="2:20" x14ac:dyDescent="0.2">
      <c r="B6238" s="239">
        <v>61.927</v>
      </c>
      <c r="C6238" s="3">
        <f t="shared" si="1453"/>
        <v>61.92</v>
      </c>
      <c r="D6238" s="239">
        <v>17.087299999999999</v>
      </c>
      <c r="E6238" s="239">
        <v>0.1104</v>
      </c>
      <c r="F6238" s="239">
        <v>0.47370000000000001</v>
      </c>
      <c r="G6238">
        <f t="shared" si="1454"/>
        <v>17.182040000000001</v>
      </c>
      <c r="H6238" s="235">
        <f t="shared" si="1455"/>
        <v>0.64253138742547444</v>
      </c>
      <c r="I6238" s="236">
        <f t="shared" si="1456"/>
        <v>19.872026805713283</v>
      </c>
      <c r="J6238" s="237">
        <f t="shared" si="1461"/>
        <v>9.8720268057132827</v>
      </c>
      <c r="K6238" s="237">
        <f t="shared" si="1457"/>
        <v>1230.4758998097666</v>
      </c>
      <c r="L6238" s="237">
        <f t="shared" si="1462"/>
        <v>611.34500399740648</v>
      </c>
      <c r="M6238" s="236">
        <f t="shared" si="1458"/>
        <v>26.092572926723232</v>
      </c>
      <c r="N6238" s="236">
        <f t="shared" si="1459"/>
        <v>0.69209514068080247</v>
      </c>
      <c r="O6238" s="236">
        <f t="shared" si="1463"/>
        <v>2.3110050499696864</v>
      </c>
      <c r="P6238" s="236" t="str">
        <f t="shared" si="1464"/>
        <v>SAND</v>
      </c>
      <c r="Q6238" s="236" t="e">
        <f t="shared" si="1460"/>
        <v>#N/A</v>
      </c>
      <c r="R6238" s="238">
        <v>35</v>
      </c>
      <c r="S6238" s="236" t="e">
        <f t="shared" si="1465"/>
        <v>#N/A</v>
      </c>
      <c r="T6238" s="236">
        <f t="shared" si="1452"/>
        <v>33.181685965565194</v>
      </c>
    </row>
    <row r="6239" spans="2:20" x14ac:dyDescent="0.2">
      <c r="B6239" s="239">
        <v>61.936999999999998</v>
      </c>
      <c r="C6239" s="3">
        <f t="shared" si="1453"/>
        <v>61.93</v>
      </c>
      <c r="D6239" s="239">
        <v>16.9666</v>
      </c>
      <c r="E6239" s="239">
        <v>0.1116</v>
      </c>
      <c r="F6239" s="239">
        <v>0.4874</v>
      </c>
      <c r="G6239">
        <f t="shared" si="1454"/>
        <v>17.064080000000001</v>
      </c>
      <c r="H6239" s="235">
        <f t="shared" si="1455"/>
        <v>0.65400537268929826</v>
      </c>
      <c r="I6239" s="236">
        <f t="shared" si="1456"/>
        <v>19.882010970465807</v>
      </c>
      <c r="J6239" s="237">
        <f t="shared" si="1461"/>
        <v>9.8820109704658066</v>
      </c>
      <c r="K6239" s="237">
        <f t="shared" si="1457"/>
        <v>1231.2929394009475</v>
      </c>
      <c r="L6239" s="237">
        <f t="shared" si="1462"/>
        <v>612.06211347774058</v>
      </c>
      <c r="M6239" s="236">
        <f t="shared" si="1458"/>
        <v>25.867941687547141</v>
      </c>
      <c r="N6239" s="236">
        <f t="shared" si="1459"/>
        <v>0.70486642416687362</v>
      </c>
      <c r="O6239" s="236">
        <f t="shared" si="1463"/>
        <v>2.3179907025205475</v>
      </c>
      <c r="P6239" s="236" t="str">
        <f t="shared" si="1464"/>
        <v>SAND</v>
      </c>
      <c r="Q6239" s="236" t="e">
        <f t="shared" si="1460"/>
        <v>#N/A</v>
      </c>
      <c r="R6239" s="238">
        <v>35</v>
      </c>
      <c r="S6239" s="236" t="e">
        <f t="shared" si="1465"/>
        <v>#N/A</v>
      </c>
      <c r="T6239" s="236">
        <f t="shared" si="1452"/>
        <v>33.140380606011817</v>
      </c>
    </row>
    <row r="6240" spans="2:20" x14ac:dyDescent="0.2">
      <c r="B6240" s="239">
        <v>61.947000000000003</v>
      </c>
      <c r="C6240" s="3">
        <f t="shared" si="1453"/>
        <v>61.940000000000005</v>
      </c>
      <c r="D6240" s="239">
        <v>16.857800000000001</v>
      </c>
      <c r="E6240" s="239">
        <v>0.1134</v>
      </c>
      <c r="F6240" s="239">
        <v>0.496</v>
      </c>
      <c r="G6240">
        <f t="shared" si="1454"/>
        <v>16.957000000000001</v>
      </c>
      <c r="H6240" s="235">
        <f t="shared" si="1455"/>
        <v>0.66875036857934778</v>
      </c>
      <c r="I6240" s="236">
        <f t="shared" si="1456"/>
        <v>19.898312419837016</v>
      </c>
      <c r="J6240" s="237">
        <f t="shared" si="1461"/>
        <v>9.8983124198370156</v>
      </c>
      <c r="K6240" s="237">
        <f t="shared" si="1457"/>
        <v>1232.5014712847048</v>
      </c>
      <c r="L6240" s="237">
        <f t="shared" si="1462"/>
        <v>613.17075947164358</v>
      </c>
      <c r="M6240" s="236">
        <f t="shared" si="1458"/>
        <v>25.644566845073903</v>
      </c>
      <c r="N6240" s="236">
        <f t="shared" si="1459"/>
        <v>0.72116767217036892</v>
      </c>
      <c r="O6240" s="236">
        <f t="shared" si="1463"/>
        <v>2.3259196569303118</v>
      </c>
      <c r="P6240" s="236" t="str">
        <f t="shared" si="1464"/>
        <v>SAND</v>
      </c>
      <c r="Q6240" s="236" t="e">
        <f t="shared" si="1460"/>
        <v>#N/A</v>
      </c>
      <c r="R6240" s="238">
        <v>35</v>
      </c>
      <c r="S6240" s="236" t="e">
        <f t="shared" si="1465"/>
        <v>#N/A</v>
      </c>
      <c r="T6240" s="236">
        <f t="shared" si="1452"/>
        <v>33.098949047140216</v>
      </c>
    </row>
    <row r="6241" spans="2:20" x14ac:dyDescent="0.2">
      <c r="B6241" s="239">
        <v>61.957000000000001</v>
      </c>
      <c r="C6241" s="3">
        <f t="shared" si="1453"/>
        <v>61.95</v>
      </c>
      <c r="D6241" s="239">
        <v>16.7242</v>
      </c>
      <c r="E6241" s="239">
        <v>0.11840000000000001</v>
      </c>
      <c r="F6241" s="239">
        <v>0.49230000000000002</v>
      </c>
      <c r="G6241">
        <f t="shared" si="1454"/>
        <v>16.822659999999999</v>
      </c>
      <c r="H6241" s="235">
        <f t="shared" si="1455"/>
        <v>0.70381259562994214</v>
      </c>
      <c r="I6241" s="236">
        <f t="shared" si="1456"/>
        <v>19.945797851631916</v>
      </c>
      <c r="J6241" s="237">
        <f t="shared" si="1461"/>
        <v>9.9457978516319159</v>
      </c>
      <c r="K6241" s="237">
        <f t="shared" si="1457"/>
        <v>1235.6421769085973</v>
      </c>
      <c r="L6241" s="237">
        <f t="shared" si="1462"/>
        <v>616.21179749355861</v>
      </c>
      <c r="M6241" s="236">
        <f t="shared" si="1458"/>
        <v>25.294903288920459</v>
      </c>
      <c r="N6241" s="236">
        <f t="shared" si="1459"/>
        <v>0.75960649653326384</v>
      </c>
      <c r="O6241" s="236">
        <f t="shared" si="1463"/>
        <v>2.3417190062391433</v>
      </c>
      <c r="P6241" s="236" t="str">
        <f t="shared" si="1464"/>
        <v>SAND</v>
      </c>
      <c r="Q6241" s="236" t="e">
        <f t="shared" si="1460"/>
        <v>#N/A</v>
      </c>
      <c r="R6241" s="238">
        <v>35</v>
      </c>
      <c r="S6241" s="236" t="e">
        <f t="shared" si="1465"/>
        <v>#N/A</v>
      </c>
      <c r="T6241" s="236">
        <f t="shared" si="1452"/>
        <v>33.033363256203174</v>
      </c>
    </row>
    <row r="6242" spans="2:20" x14ac:dyDescent="0.2">
      <c r="B6242" s="239">
        <v>61.968000000000004</v>
      </c>
      <c r="C6242" s="3">
        <f t="shared" si="1453"/>
        <v>61.961000000000006</v>
      </c>
      <c r="D6242" s="239">
        <v>16.530200000000001</v>
      </c>
      <c r="E6242" s="239">
        <v>0.12509999999999999</v>
      </c>
      <c r="F6242" s="239">
        <v>0.4753</v>
      </c>
      <c r="G6242">
        <f t="shared" si="1454"/>
        <v>16.625260000000001</v>
      </c>
      <c r="H6242" s="235">
        <f t="shared" si="1455"/>
        <v>0.75246943506447406</v>
      </c>
      <c r="I6242" s="236">
        <f t="shared" si="1456"/>
        <v>20.005729391861017</v>
      </c>
      <c r="J6242" s="237">
        <f t="shared" si="1461"/>
        <v>10.005729391861017</v>
      </c>
      <c r="K6242" s="237">
        <f t="shared" si="1457"/>
        <v>1239.5749988491007</v>
      </c>
      <c r="L6242" s="237">
        <f t="shared" si="1462"/>
        <v>620.03503895484357</v>
      </c>
      <c r="M6242" s="236">
        <f t="shared" si="1458"/>
        <v>24.814218607847778</v>
      </c>
      <c r="N6242" s="236">
        <f t="shared" si="1459"/>
        <v>0.81309346961569862</v>
      </c>
      <c r="O6242" s="236">
        <f t="shared" si="1463"/>
        <v>2.3630668784509568</v>
      </c>
      <c r="P6242" s="236" t="str">
        <f t="shared" si="1464"/>
        <v>SAND</v>
      </c>
      <c r="Q6242" s="236" t="e">
        <f t="shared" si="1460"/>
        <v>#N/A</v>
      </c>
      <c r="R6242" s="238">
        <v>35</v>
      </c>
      <c r="S6242" s="236" t="e">
        <f t="shared" si="1465"/>
        <v>#N/A</v>
      </c>
      <c r="T6242" s="236">
        <f t="shared" si="1452"/>
        <v>32.941706643431246</v>
      </c>
    </row>
    <row r="6243" spans="2:20" x14ac:dyDescent="0.2">
      <c r="B6243" s="239">
        <v>61.978000000000002</v>
      </c>
      <c r="C6243" s="3">
        <f t="shared" si="1453"/>
        <v>61.971000000000004</v>
      </c>
      <c r="D6243" s="239">
        <v>16.09</v>
      </c>
      <c r="E6243" s="239">
        <v>0.1242</v>
      </c>
      <c r="F6243" s="239">
        <v>0.45679999999999998</v>
      </c>
      <c r="G6243">
        <f t="shared" si="1454"/>
        <v>16.181360000000002</v>
      </c>
      <c r="H6243" s="235">
        <f t="shared" si="1455"/>
        <v>0.76754982275902639</v>
      </c>
      <c r="I6243" s="236">
        <f t="shared" si="1456"/>
        <v>19.986684881241203</v>
      </c>
      <c r="J6243" s="237">
        <f t="shared" si="1461"/>
        <v>9.986684881241203</v>
      </c>
      <c r="K6243" s="237">
        <f t="shared" si="1457"/>
        <v>1238.5948487753988</v>
      </c>
      <c r="L6243" s="237">
        <f t="shared" si="1462"/>
        <v>618.95475556956728</v>
      </c>
      <c r="M6243" s="236">
        <f t="shared" si="1458"/>
        <v>24.14193447382781</v>
      </c>
      <c r="N6243" s="236">
        <f t="shared" si="1459"/>
        <v>0.83117146487322968</v>
      </c>
      <c r="O6243" s="236">
        <f t="shared" si="1463"/>
        <v>2.3781116806458602</v>
      </c>
      <c r="P6243" s="236" t="str">
        <f t="shared" si="1464"/>
        <v>SAND</v>
      </c>
      <c r="Q6243" s="236" t="e">
        <f t="shared" si="1460"/>
        <v>#N/A</v>
      </c>
      <c r="R6243" s="238">
        <v>35</v>
      </c>
      <c r="S6243" s="236" t="e">
        <f t="shared" si="1465"/>
        <v>#N/A</v>
      </c>
      <c r="T6243" s="236">
        <f t="shared" si="1452"/>
        <v>32.81049273506197</v>
      </c>
    </row>
    <row r="6244" spans="2:20" x14ac:dyDescent="0.2">
      <c r="B6244" s="239">
        <v>61.988</v>
      </c>
      <c r="C6244" s="3">
        <f t="shared" si="1453"/>
        <v>61.981000000000002</v>
      </c>
      <c r="D6244" s="239">
        <v>15.445499999999999</v>
      </c>
      <c r="E6244" s="239">
        <v>0.1258</v>
      </c>
      <c r="F6244" s="239">
        <v>0.49109999999999998</v>
      </c>
      <c r="G6244">
        <f t="shared" si="1454"/>
        <v>15.543719999999999</v>
      </c>
      <c r="H6244" s="235">
        <f t="shared" si="1455"/>
        <v>0.8093300702791868</v>
      </c>
      <c r="I6244" s="236">
        <f t="shared" si="1456"/>
        <v>19.985980253345687</v>
      </c>
      <c r="J6244" s="237">
        <f t="shared" si="1461"/>
        <v>9.9859802533456872</v>
      </c>
      <c r="K6244" s="237">
        <f t="shared" si="1457"/>
        <v>1238.7510420826191</v>
      </c>
      <c r="L6244" s="237">
        <f t="shared" si="1462"/>
        <v>619.01094394439247</v>
      </c>
      <c r="M6244" s="236">
        <f t="shared" si="1458"/>
        <v>23.109395880410215</v>
      </c>
      <c r="N6244" s="236">
        <f t="shared" si="1459"/>
        <v>0.87941470107401665</v>
      </c>
      <c r="O6244" s="236">
        <f t="shared" si="1463"/>
        <v>2.406548049460616</v>
      </c>
      <c r="P6244" s="236" t="str">
        <f t="shared" si="1464"/>
        <v>SAND</v>
      </c>
      <c r="Q6244" s="236" t="e">
        <f t="shared" si="1460"/>
        <v>#N/A</v>
      </c>
      <c r="R6244" s="238">
        <v>35</v>
      </c>
      <c r="S6244" s="236" t="e">
        <f t="shared" si="1465"/>
        <v>#N/A</v>
      </c>
      <c r="T6244" s="236">
        <f t="shared" si="1452"/>
        <v>32.601674516602131</v>
      </c>
    </row>
    <row r="6245" spans="2:20" x14ac:dyDescent="0.2">
      <c r="B6245" s="239">
        <v>62</v>
      </c>
      <c r="C6245" s="3">
        <f t="shared" si="1453"/>
        <v>61.993000000000002</v>
      </c>
      <c r="D6245" s="239">
        <v>14.2971</v>
      </c>
      <c r="E6245" s="239">
        <v>0.1258</v>
      </c>
      <c r="F6245" s="239">
        <v>0.4536</v>
      </c>
      <c r="G6245">
        <f t="shared" si="1454"/>
        <v>14.38782</v>
      </c>
      <c r="H6245" s="235">
        <f t="shared" si="1455"/>
        <v>0.87435066604947798</v>
      </c>
      <c r="I6245" s="236">
        <f t="shared" si="1456"/>
        <v>19.955776281690873</v>
      </c>
      <c r="J6245" s="237">
        <f t="shared" si="1461"/>
        <v>9.9557762816908735</v>
      </c>
      <c r="K6245" s="237">
        <f t="shared" si="1457"/>
        <v>1237.1184390308624</v>
      </c>
      <c r="L6245" s="237">
        <f t="shared" si="1462"/>
        <v>617.25812946483416</v>
      </c>
      <c r="M6245" s="236">
        <f t="shared" si="1458"/>
        <v>21.305027723767463</v>
      </c>
      <c r="N6245" s="236">
        <f t="shared" si="1459"/>
        <v>0.95660295701158926</v>
      </c>
      <c r="O6245" s="236">
        <f t="shared" si="1463"/>
        <v>2.4551691512645002</v>
      </c>
      <c r="P6245" s="236" t="str">
        <f t="shared" si="1464"/>
        <v>SAND</v>
      </c>
      <c r="Q6245" s="236" t="e">
        <f t="shared" si="1460"/>
        <v>#N/A</v>
      </c>
      <c r="R6245" s="238">
        <v>35</v>
      </c>
      <c r="S6245" s="236" t="e">
        <f t="shared" si="1465"/>
        <v>#N/A</v>
      </c>
      <c r="T6245" s="236">
        <f t="shared" si="1452"/>
        <v>32.213303140422447</v>
      </c>
    </row>
    <row r="6246" spans="2:20" x14ac:dyDescent="0.2">
      <c r="B6246" s="239">
        <v>62.01</v>
      </c>
      <c r="C6246" s="3">
        <f t="shared" si="1453"/>
        <v>62.003</v>
      </c>
      <c r="D6246" s="239">
        <v>12.732900000000001</v>
      </c>
      <c r="E6246" s="239">
        <v>0.12429999999999999</v>
      </c>
      <c r="F6246" s="239">
        <v>0.45550000000000002</v>
      </c>
      <c r="G6246">
        <f t="shared" si="1454"/>
        <v>12.824000000000002</v>
      </c>
      <c r="H6246" s="235">
        <f t="shared" si="1455"/>
        <v>0.96927635683094182</v>
      </c>
      <c r="I6246" s="236">
        <f t="shared" si="1456"/>
        <v>19.896736260126406</v>
      </c>
      <c r="J6246" s="237">
        <f t="shared" si="1461"/>
        <v>9.8967362601264064</v>
      </c>
      <c r="K6246" s="237">
        <f t="shared" si="1457"/>
        <v>1233.6573383366176</v>
      </c>
      <c r="L6246" s="237">
        <f t="shared" si="1462"/>
        <v>613.69661549043849</v>
      </c>
      <c r="M6246" s="236">
        <f t="shared" si="1458"/>
        <v>18.886111425595704</v>
      </c>
      <c r="N6246" s="236">
        <f t="shared" si="1459"/>
        <v>1.0724445655186619</v>
      </c>
      <c r="O6246" s="236">
        <f t="shared" si="1463"/>
        <v>2.5251629242219056</v>
      </c>
      <c r="P6246" s="236" t="str">
        <f t="shared" si="1464"/>
        <v>SAND</v>
      </c>
      <c r="Q6246" s="236" t="e">
        <f t="shared" si="1460"/>
        <v>#N/A</v>
      </c>
      <c r="R6246" s="238">
        <v>35</v>
      </c>
      <c r="S6246" s="236" t="e">
        <f t="shared" si="1465"/>
        <v>#N/A</v>
      </c>
      <c r="T6246" s="236">
        <f t="shared" si="1452"/>
        <v>31.637568024023899</v>
      </c>
    </row>
    <row r="6247" spans="2:20" x14ac:dyDescent="0.2">
      <c r="B6247" s="239">
        <v>62.021000000000001</v>
      </c>
      <c r="C6247" s="3">
        <f t="shared" si="1453"/>
        <v>62.014000000000003</v>
      </c>
      <c r="D6247" s="239">
        <v>10.888299999999999</v>
      </c>
      <c r="E6247" s="239">
        <v>0.1273</v>
      </c>
      <c r="F6247" s="239">
        <v>0.50900000000000001</v>
      </c>
      <c r="G6247">
        <f t="shared" si="1454"/>
        <v>10.9901</v>
      </c>
      <c r="H6247" s="235">
        <f t="shared" si="1455"/>
        <v>1.1583152109625936</v>
      </c>
      <c r="I6247" s="236">
        <f t="shared" si="1456"/>
        <v>19.864381223964035</v>
      </c>
      <c r="J6247" s="237">
        <f t="shared" si="1461"/>
        <v>9.8643812239640347</v>
      </c>
      <c r="K6247" s="237">
        <f t="shared" si="1457"/>
        <v>1231.8697372229058</v>
      </c>
      <c r="L6247" s="237">
        <f t="shared" si="1462"/>
        <v>611.79878789147335</v>
      </c>
      <c r="M6247" s="236">
        <f t="shared" si="1458"/>
        <v>15.950064720474899</v>
      </c>
      <c r="N6247" s="236">
        <f t="shared" si="1459"/>
        <v>1.3045398250704088</v>
      </c>
      <c r="O6247" s="236">
        <f t="shared" si="1463"/>
        <v>2.6313138204307962</v>
      </c>
      <c r="P6247" s="236" t="str">
        <f t="shared" si="1464"/>
        <v>CLAY</v>
      </c>
      <c r="Q6247" s="236">
        <f t="shared" si="1460"/>
        <v>813.18585523142463</v>
      </c>
      <c r="R6247" s="238">
        <v>35</v>
      </c>
      <c r="S6247" s="236">
        <f t="shared" si="1465"/>
        <v>7.9688026352594754</v>
      </c>
      <c r="T6247" s="236" t="e">
        <f t="shared" si="1452"/>
        <v>#N/A</v>
      </c>
    </row>
    <row r="6248" spans="2:20" x14ac:dyDescent="0.2">
      <c r="B6248" s="239">
        <v>62.030999999999999</v>
      </c>
      <c r="C6248" s="3">
        <f t="shared" si="1453"/>
        <v>62.024000000000001</v>
      </c>
      <c r="D6248" s="239">
        <v>9.2751999999999999</v>
      </c>
      <c r="E6248" s="239">
        <v>0.13159999999999999</v>
      </c>
      <c r="F6248" s="239">
        <v>0.56010000000000004</v>
      </c>
      <c r="G6248">
        <f t="shared" si="1454"/>
        <v>9.3872199999999992</v>
      </c>
      <c r="H6248" s="235">
        <f t="shared" si="1455"/>
        <v>1.4019059955982709</v>
      </c>
      <c r="I6248" s="236">
        <f t="shared" si="1456"/>
        <v>19.841717251978764</v>
      </c>
      <c r="J6248" s="237">
        <f t="shared" si="1461"/>
        <v>9.8417172519787641</v>
      </c>
      <c r="K6248" s="237">
        <f t="shared" si="1457"/>
        <v>1230.662670836731</v>
      </c>
      <c r="L6248" s="237">
        <f t="shared" si="1462"/>
        <v>610.49156285749473</v>
      </c>
      <c r="M6248" s="236">
        <f t="shared" si="1458"/>
        <v>13.360638910364809</v>
      </c>
      <c r="N6248" s="236">
        <f t="shared" si="1459"/>
        <v>1.6134257958253087</v>
      </c>
      <c r="O6248" s="236">
        <f t="shared" si="1463"/>
        <v>2.7447428271489964</v>
      </c>
      <c r="P6248" s="236" t="str">
        <f t="shared" si="1464"/>
        <v>CLAY</v>
      </c>
      <c r="Q6248" s="236">
        <f t="shared" si="1460"/>
        <v>679.71311076360564</v>
      </c>
      <c r="R6248" s="238">
        <v>35</v>
      </c>
      <c r="S6248" s="236">
        <f t="shared" si="1465"/>
        <v>6.3859283595968401</v>
      </c>
      <c r="T6248" s="236" t="e">
        <f t="shared" si="1452"/>
        <v>#N/A</v>
      </c>
    </row>
    <row r="6249" spans="2:20" x14ac:dyDescent="0.2">
      <c r="B6249" s="239">
        <v>62.040999999999997</v>
      </c>
      <c r="C6249" s="3">
        <f t="shared" si="1453"/>
        <v>62.033999999999999</v>
      </c>
      <c r="D6249" s="239">
        <v>8.1583000000000006</v>
      </c>
      <c r="E6249" s="239">
        <v>0.1434</v>
      </c>
      <c r="F6249" s="239">
        <v>0.54949999999999999</v>
      </c>
      <c r="G6249">
        <f t="shared" si="1454"/>
        <v>8.2682000000000002</v>
      </c>
      <c r="H6249" s="235">
        <f t="shared" si="1455"/>
        <v>1.7343557243414527</v>
      </c>
      <c r="I6249" s="236">
        <f t="shared" si="1456"/>
        <v>19.892795638910794</v>
      </c>
      <c r="J6249" s="237">
        <f t="shared" si="1461"/>
        <v>9.8927956389107941</v>
      </c>
      <c r="K6249" s="237">
        <f t="shared" si="1457"/>
        <v>1234.0296846641922</v>
      </c>
      <c r="L6249" s="237">
        <f t="shared" si="1462"/>
        <v>613.75893423366449</v>
      </c>
      <c r="M6249" s="236">
        <f t="shared" si="1458"/>
        <v>11.460803131311854</v>
      </c>
      <c r="N6249" s="236">
        <f t="shared" si="1459"/>
        <v>2.0386199590214806</v>
      </c>
      <c r="O6249" s="236">
        <f t="shared" si="1463"/>
        <v>2.8549524506700918</v>
      </c>
      <c r="P6249" s="236" t="str">
        <f t="shared" si="1464"/>
        <v>CLAY</v>
      </c>
      <c r="Q6249" s="236">
        <f t="shared" si="1460"/>
        <v>586.18085961131737</v>
      </c>
      <c r="R6249" s="238">
        <v>35</v>
      </c>
      <c r="S6249" s="236">
        <f t="shared" si="1465"/>
        <v>5.2717987679184075</v>
      </c>
      <c r="T6249" s="236" t="e">
        <f t="shared" si="1452"/>
        <v>#N/A</v>
      </c>
    </row>
    <row r="6250" spans="2:20" x14ac:dyDescent="0.2">
      <c r="B6250" s="239">
        <v>62.052</v>
      </c>
      <c r="C6250" s="3">
        <f t="shared" si="1453"/>
        <v>62.045000000000002</v>
      </c>
      <c r="D6250" s="239">
        <v>7.2259000000000002</v>
      </c>
      <c r="E6250" s="239">
        <v>0.1706</v>
      </c>
      <c r="F6250" s="239">
        <v>0.61150000000000004</v>
      </c>
      <c r="G6250">
        <f t="shared" si="1454"/>
        <v>7.3482000000000003</v>
      </c>
      <c r="H6250" s="235">
        <f t="shared" si="1455"/>
        <v>2.3216570044364606</v>
      </c>
      <c r="I6250" s="236">
        <f t="shared" si="1456"/>
        <v>20.050349298231271</v>
      </c>
      <c r="J6250" s="237">
        <f t="shared" si="1461"/>
        <v>10.050349298231271</v>
      </c>
      <c r="K6250" s="237">
        <f t="shared" si="1457"/>
        <v>1244.0239222087594</v>
      </c>
      <c r="L6250" s="237">
        <f t="shared" si="1462"/>
        <v>623.64427465384688</v>
      </c>
      <c r="M6250" s="236">
        <f t="shared" si="1458"/>
        <v>9.7879132798571078</v>
      </c>
      <c r="N6250" s="236">
        <f t="shared" si="1459"/>
        <v>2.7948079777824915</v>
      </c>
      <c r="O6250" s="236">
        <f t="shared" si="1463"/>
        <v>2.9872573405287315</v>
      </c>
      <c r="P6250" s="236" t="str">
        <f t="shared" si="1464"/>
        <v>CLAY</v>
      </c>
      <c r="Q6250" s="236">
        <f t="shared" si="1460"/>
        <v>508.68133981593678</v>
      </c>
      <c r="R6250" s="238">
        <v>35</v>
      </c>
      <c r="S6250" s="236">
        <f t="shared" si="1465"/>
        <v>4.3281534496174734</v>
      </c>
      <c r="T6250" s="236" t="e">
        <f t="shared" si="1452"/>
        <v>#N/A</v>
      </c>
    </row>
    <row r="6251" spans="2:20" x14ac:dyDescent="0.2">
      <c r="B6251" s="239">
        <v>62.061</v>
      </c>
      <c r="C6251" s="3">
        <f t="shared" si="1453"/>
        <v>62.054000000000002</v>
      </c>
      <c r="D6251" s="239">
        <v>6.7224000000000004</v>
      </c>
      <c r="E6251" s="239">
        <v>0.20730000000000001</v>
      </c>
      <c r="F6251" s="239">
        <v>0.75019999999999998</v>
      </c>
      <c r="G6251">
        <f t="shared" si="1454"/>
        <v>6.8724400000000001</v>
      </c>
      <c r="H6251" s="235">
        <f t="shared" si="1455"/>
        <v>3.0163959234274875</v>
      </c>
      <c r="I6251" s="236">
        <f t="shared" si="1456"/>
        <v>20.252661031258338</v>
      </c>
      <c r="J6251" s="237">
        <f t="shared" si="1461"/>
        <v>10.252661031258338</v>
      </c>
      <c r="K6251" s="237">
        <f t="shared" si="1457"/>
        <v>1256.7586276337049</v>
      </c>
      <c r="L6251" s="237">
        <f t="shared" si="1462"/>
        <v>636.29039626092367</v>
      </c>
      <c r="M6251" s="236">
        <f t="shared" si="1458"/>
        <v>8.825657915577704</v>
      </c>
      <c r="N6251" s="236">
        <f t="shared" si="1459"/>
        <v>3.6914487531305475</v>
      </c>
      <c r="O6251" s="236">
        <f t="shared" si="1463"/>
        <v>3.0928830096227049</v>
      </c>
      <c r="P6251" s="236" t="str">
        <f t="shared" si="1464"/>
        <v>CLAY</v>
      </c>
      <c r="Q6251" s="236">
        <f t="shared" si="1460"/>
        <v>467.97344769719126</v>
      </c>
      <c r="R6251" s="238">
        <v>35</v>
      </c>
      <c r="S6251" s="236">
        <f t="shared" si="1465"/>
        <v>3.8029785099161342</v>
      </c>
      <c r="T6251" s="236" t="e">
        <f t="shared" si="1452"/>
        <v>#N/A</v>
      </c>
    </row>
    <row r="6252" spans="2:20" x14ac:dyDescent="0.2">
      <c r="B6252" s="239">
        <v>62.069000000000003</v>
      </c>
      <c r="C6252" s="3">
        <f t="shared" si="1453"/>
        <v>62.062000000000005</v>
      </c>
      <c r="D6252" s="239">
        <v>6.3556999999999997</v>
      </c>
      <c r="E6252" s="239">
        <v>0.25169999999999998</v>
      </c>
      <c r="F6252" s="239">
        <v>0.92610000000000003</v>
      </c>
      <c r="G6252">
        <f t="shared" si="1454"/>
        <v>6.5409199999999998</v>
      </c>
      <c r="H6252" s="235">
        <f t="shared" si="1455"/>
        <v>3.8480825327323984</v>
      </c>
      <c r="I6252" s="236">
        <f t="shared" si="1456"/>
        <v>20.460902690059907</v>
      </c>
      <c r="J6252" s="237">
        <f t="shared" si="1461"/>
        <v>10.460902690059907</v>
      </c>
      <c r="K6252" s="237">
        <f t="shared" si="1457"/>
        <v>1269.844542750498</v>
      </c>
      <c r="L6252" s="237">
        <f t="shared" si="1462"/>
        <v>649.29776906932841</v>
      </c>
      <c r="M6252" s="236">
        <f t="shared" si="1458"/>
        <v>8.1181173081878963</v>
      </c>
      <c r="N6252" s="236">
        <f t="shared" si="1459"/>
        <v>4.7751166159806688</v>
      </c>
      <c r="O6252" s="236">
        <f t="shared" si="1463"/>
        <v>3.1878722071910066</v>
      </c>
      <c r="P6252" s="236" t="str">
        <f t="shared" si="1464"/>
        <v>CLAY</v>
      </c>
      <c r="Q6252" s="236">
        <f t="shared" si="1460"/>
        <v>439.25628810412519</v>
      </c>
      <c r="R6252" s="238">
        <v>35</v>
      </c>
      <c r="S6252" s="236">
        <f t="shared" si="1465"/>
        <v>3.4257775736362479</v>
      </c>
      <c r="T6252" s="236" t="e">
        <f t="shared" si="1452"/>
        <v>#N/A</v>
      </c>
    </row>
    <row r="6253" spans="2:20" x14ac:dyDescent="0.2">
      <c r="B6253" s="239">
        <v>62.079000000000001</v>
      </c>
      <c r="C6253" s="3">
        <f t="shared" si="1453"/>
        <v>62.072000000000003</v>
      </c>
      <c r="D6253" s="239">
        <v>5.5686999999999998</v>
      </c>
      <c r="E6253" s="239">
        <v>0.31490000000000001</v>
      </c>
      <c r="F6253" s="239">
        <v>0.87250000000000005</v>
      </c>
      <c r="G6253">
        <f t="shared" si="1454"/>
        <v>5.7431999999999999</v>
      </c>
      <c r="H6253" s="235">
        <f t="shared" si="1455"/>
        <v>5.4830059896921579</v>
      </c>
      <c r="I6253" s="236">
        <f t="shared" si="1456"/>
        <v>20.672747784393692</v>
      </c>
      <c r="J6253" s="237">
        <f t="shared" si="1461"/>
        <v>10.672747784393692</v>
      </c>
      <c r="K6253" s="237">
        <f t="shared" si="1457"/>
        <v>1283.1988004728853</v>
      </c>
      <c r="L6253" s="237">
        <f t="shared" si="1462"/>
        <v>662.55350970737607</v>
      </c>
      <c r="M6253" s="236">
        <f t="shared" si="1458"/>
        <v>6.7315335805811705</v>
      </c>
      <c r="N6253" s="236">
        <f t="shared" si="1459"/>
        <v>7.0605362176447013</v>
      </c>
      <c r="O6253" s="236">
        <f t="shared" si="1463"/>
        <v>3.3555403315240753</v>
      </c>
      <c r="P6253" s="236" t="str">
        <f t="shared" si="1464"/>
        <v>CLAY</v>
      </c>
      <c r="Q6253" s="236">
        <f t="shared" si="1460"/>
        <v>371.66676662725951</v>
      </c>
      <c r="R6253" s="238">
        <v>35</v>
      </c>
      <c r="S6253" s="236">
        <f t="shared" si="1465"/>
        <v>2.7107067015562967</v>
      </c>
      <c r="T6253" s="236" t="e">
        <f t="shared" si="1452"/>
        <v>#N/A</v>
      </c>
    </row>
    <row r="6254" spans="2:20" x14ac:dyDescent="0.2">
      <c r="B6254" s="239">
        <v>62.088999999999999</v>
      </c>
      <c r="C6254" s="3">
        <f t="shared" si="1453"/>
        <v>62.082000000000001</v>
      </c>
      <c r="D6254" s="239">
        <v>4.7103000000000002</v>
      </c>
      <c r="E6254" s="239">
        <v>0.38290000000000002</v>
      </c>
      <c r="F6254" s="239">
        <v>0.72230000000000005</v>
      </c>
      <c r="G6254">
        <f t="shared" si="1454"/>
        <v>4.8547599999999997</v>
      </c>
      <c r="H6254" s="235">
        <f t="shared" si="1455"/>
        <v>7.8871046148522277</v>
      </c>
      <c r="I6254" s="236">
        <f t="shared" si="1456"/>
        <v>20.836324532007851</v>
      </c>
      <c r="J6254" s="237">
        <f t="shared" si="1461"/>
        <v>10.836324532007851</v>
      </c>
      <c r="K6254" s="237">
        <f t="shared" si="1457"/>
        <v>1293.5606995961114</v>
      </c>
      <c r="L6254" s="237">
        <f t="shared" si="1462"/>
        <v>672.81655386783541</v>
      </c>
      <c r="M6254" s="236">
        <f t="shared" si="1458"/>
        <v>5.2929721778269911</v>
      </c>
      <c r="N6254" s="236">
        <f t="shared" si="1459"/>
        <v>10.751995822210064</v>
      </c>
      <c r="O6254" s="236">
        <f t="shared" si="1463"/>
        <v>3.5512489260073079</v>
      </c>
      <c r="P6254" s="236" t="str">
        <f t="shared" si="1464"/>
        <v>CLAY</v>
      </c>
      <c r="Q6254" s="236">
        <f t="shared" si="1460"/>
        <v>296.76660836699062</v>
      </c>
      <c r="R6254" s="238">
        <v>35</v>
      </c>
      <c r="S6254" s="236">
        <f t="shared" si="1465"/>
        <v>2.0070792572566583</v>
      </c>
      <c r="T6254" s="236" t="e">
        <f t="shared" si="1452"/>
        <v>#N/A</v>
      </c>
    </row>
    <row r="6255" spans="2:20" x14ac:dyDescent="0.2">
      <c r="B6255" s="239">
        <v>62.098999999999997</v>
      </c>
      <c r="C6255" s="3">
        <f t="shared" si="1453"/>
        <v>62.091999999999999</v>
      </c>
      <c r="D6255" s="239">
        <v>4.7232000000000003</v>
      </c>
      <c r="E6255" s="239">
        <v>0.4</v>
      </c>
      <c r="F6255" s="239">
        <v>0.85460000000000003</v>
      </c>
      <c r="G6255">
        <f t="shared" si="1454"/>
        <v>4.89412</v>
      </c>
      <c r="H6255" s="235">
        <f t="shared" si="1455"/>
        <v>8.1730729937149071</v>
      </c>
      <c r="I6255" s="236">
        <f t="shared" si="1456"/>
        <v>20.890712183305027</v>
      </c>
      <c r="J6255" s="237">
        <f t="shared" si="1461"/>
        <v>10.890712183305027</v>
      </c>
      <c r="K6255" s="237">
        <f t="shared" si="1457"/>
        <v>1297.1461008857757</v>
      </c>
      <c r="L6255" s="237">
        <f t="shared" si="1462"/>
        <v>676.30233587105886</v>
      </c>
      <c r="M6255" s="236">
        <f t="shared" si="1458"/>
        <v>5.3185886079802165</v>
      </c>
      <c r="N6255" s="236">
        <f t="shared" si="1459"/>
        <v>11.120458786161956</v>
      </c>
      <c r="O6255" s="236">
        <f t="shared" si="1463"/>
        <v>3.5589275796667414</v>
      </c>
      <c r="P6255" s="236" t="str">
        <f t="shared" si="1464"/>
        <v>CLAY</v>
      </c>
      <c r="Q6255" s="236">
        <f t="shared" si="1460"/>
        <v>299.74782492618533</v>
      </c>
      <c r="R6255" s="238">
        <v>35</v>
      </c>
      <c r="S6255" s="236">
        <f t="shared" si="1465"/>
        <v>2.0192286862611599</v>
      </c>
      <c r="T6255" s="236" t="e">
        <f t="shared" si="1452"/>
        <v>#N/A</v>
      </c>
    </row>
    <row r="6256" spans="2:20" x14ac:dyDescent="0.2">
      <c r="B6256" s="239">
        <v>62.106999999999999</v>
      </c>
      <c r="C6256" s="3">
        <f t="shared" si="1453"/>
        <v>62.1</v>
      </c>
      <c r="D6256" s="239">
        <v>4.8813000000000004</v>
      </c>
      <c r="E6256" s="239">
        <v>0.40500000000000003</v>
      </c>
      <c r="F6256" s="239">
        <v>1.119</v>
      </c>
      <c r="G6256">
        <f t="shared" si="1454"/>
        <v>5.1051000000000002</v>
      </c>
      <c r="H6256" s="235">
        <f t="shared" si="1455"/>
        <v>7.9332432273608742</v>
      </c>
      <c r="I6256" s="236">
        <f t="shared" si="1456"/>
        <v>20.921775445281622</v>
      </c>
      <c r="J6256" s="237">
        <f t="shared" si="1461"/>
        <v>10.921775445281622</v>
      </c>
      <c r="K6256" s="237">
        <f t="shared" si="1457"/>
        <v>1299.2422551519887</v>
      </c>
      <c r="L6256" s="237">
        <f t="shared" si="1462"/>
        <v>678.31870758010564</v>
      </c>
      <c r="M6256" s="236">
        <f t="shared" si="1458"/>
        <v>5.6107220725569649</v>
      </c>
      <c r="N6256" s="236">
        <f t="shared" si="1459"/>
        <v>10.641490753253938</v>
      </c>
      <c r="O6256" s="236">
        <f t="shared" si="1463"/>
        <v>3.5288467006938538</v>
      </c>
      <c r="P6256" s="236" t="str">
        <f t="shared" si="1464"/>
        <v>CLAY</v>
      </c>
      <c r="Q6256" s="236">
        <f t="shared" si="1460"/>
        <v>317.15481207066767</v>
      </c>
      <c r="R6256" s="238">
        <v>35</v>
      </c>
      <c r="S6256" s="236">
        <f t="shared" si="1465"/>
        <v>2.1588051936254491</v>
      </c>
      <c r="T6256" s="236" t="e">
        <f t="shared" si="1452"/>
        <v>#N/A</v>
      </c>
    </row>
    <row r="6257" spans="2:20" x14ac:dyDescent="0.2">
      <c r="B6257" s="239">
        <v>62.116999999999997</v>
      </c>
      <c r="C6257" s="3">
        <f t="shared" si="1453"/>
        <v>62.11</v>
      </c>
      <c r="D6257" s="239">
        <v>5.1528999999999998</v>
      </c>
      <c r="E6257" s="239">
        <v>0.40260000000000001</v>
      </c>
      <c r="F6257" s="239">
        <v>1.5202</v>
      </c>
      <c r="G6257">
        <f t="shared" si="1454"/>
        <v>5.4569399999999995</v>
      </c>
      <c r="H6257" s="235">
        <f t="shared" si="1455"/>
        <v>7.3777611628495094</v>
      </c>
      <c r="I6257" s="236">
        <f t="shared" si="1456"/>
        <v>20.940856495674346</v>
      </c>
      <c r="J6257" s="237">
        <f t="shared" si="1461"/>
        <v>10.940856495674346</v>
      </c>
      <c r="K6257" s="237">
        <f t="shared" si="1457"/>
        <v>1300.6365969463336</v>
      </c>
      <c r="L6257" s="237">
        <f t="shared" si="1462"/>
        <v>679.6131829418033</v>
      </c>
      <c r="M6257" s="236">
        <f t="shared" si="1458"/>
        <v>6.1156897885095596</v>
      </c>
      <c r="N6257" s="236">
        <f t="shared" si="1459"/>
        <v>9.686492081021008</v>
      </c>
      <c r="O6257" s="236">
        <f t="shared" si="1463"/>
        <v>3.4739942113759055</v>
      </c>
      <c r="P6257" s="236" t="str">
        <f t="shared" si="1464"/>
        <v>CLAY</v>
      </c>
      <c r="Q6257" s="236">
        <f t="shared" si="1460"/>
        <v>346.35861692113878</v>
      </c>
      <c r="R6257" s="238">
        <v>35</v>
      </c>
      <c r="S6257" s="236">
        <f t="shared" si="1465"/>
        <v>2.4043451888254266</v>
      </c>
      <c r="T6257" s="236" t="e">
        <f t="shared" si="1452"/>
        <v>#N/A</v>
      </c>
    </row>
    <row r="6258" spans="2:20" x14ac:dyDescent="0.2">
      <c r="B6258" s="239">
        <v>62.128</v>
      </c>
      <c r="C6258" s="3">
        <f t="shared" si="1453"/>
        <v>62.121000000000002</v>
      </c>
      <c r="D6258" s="239">
        <v>5.8502999999999998</v>
      </c>
      <c r="E6258" s="239">
        <v>0.40699999999999997</v>
      </c>
      <c r="F6258" s="239">
        <v>1.712</v>
      </c>
      <c r="G6258">
        <f t="shared" si="1454"/>
        <v>6.1926999999999994</v>
      </c>
      <c r="H6258" s="235">
        <f t="shared" si="1455"/>
        <v>6.5722544286014175</v>
      </c>
      <c r="I6258" s="236">
        <f t="shared" si="1456"/>
        <v>21.003039996639039</v>
      </c>
      <c r="J6258" s="237">
        <f t="shared" si="1461"/>
        <v>11.003039996639039</v>
      </c>
      <c r="K6258" s="237">
        <f t="shared" si="1457"/>
        <v>1304.7298476312137</v>
      </c>
      <c r="L6258" s="237">
        <f t="shared" si="1462"/>
        <v>683.5968689111902</v>
      </c>
      <c r="M6258" s="236">
        <f t="shared" si="1458"/>
        <v>7.1503694277508592</v>
      </c>
      <c r="N6258" s="236">
        <f t="shared" si="1459"/>
        <v>8.3265647561853751</v>
      </c>
      <c r="O6258" s="236">
        <f t="shared" si="1463"/>
        <v>3.3798419508744755</v>
      </c>
      <c r="P6258" s="236" t="str">
        <f t="shared" si="1464"/>
        <v>CLAY</v>
      </c>
      <c r="Q6258" s="236">
        <f t="shared" si="1460"/>
        <v>407.33084603073218</v>
      </c>
      <c r="R6258" s="238">
        <v>35</v>
      </c>
      <c r="S6258" s="236">
        <f t="shared" si="1465"/>
        <v>2.9231466863565552</v>
      </c>
      <c r="T6258" s="236" t="e">
        <f t="shared" si="1452"/>
        <v>#N/A</v>
      </c>
    </row>
    <row r="6259" spans="2:20" x14ac:dyDescent="0.2">
      <c r="B6259" s="239">
        <v>62.131999999999998</v>
      </c>
      <c r="C6259" s="3">
        <f t="shared" si="1453"/>
        <v>62.125</v>
      </c>
      <c r="D6259" s="239">
        <v>6.742</v>
      </c>
      <c r="E6259" s="239">
        <v>0.39989999999999998</v>
      </c>
      <c r="F6259" s="239">
        <v>1.7677</v>
      </c>
      <c r="G6259">
        <f t="shared" si="1454"/>
        <v>7.0955399999999997</v>
      </c>
      <c r="H6259" s="235">
        <f t="shared" si="1455"/>
        <v>5.6359346857321642</v>
      </c>
      <c r="I6259" s="236">
        <f t="shared" si="1456"/>
        <v>21.035598752938036</v>
      </c>
      <c r="J6259" s="237">
        <f t="shared" si="1461"/>
        <v>11.035598752938036</v>
      </c>
      <c r="K6259" s="237">
        <f t="shared" si="1457"/>
        <v>1306.8365725262754</v>
      </c>
      <c r="L6259" s="237">
        <f t="shared" si="1462"/>
        <v>685.66382171754606</v>
      </c>
      <c r="M6259" s="236">
        <f t="shared" si="1458"/>
        <v>8.4424804753054854</v>
      </c>
      <c r="N6259" s="236">
        <f t="shared" si="1459"/>
        <v>6.9082827443195214</v>
      </c>
      <c r="O6259" s="236">
        <f t="shared" si="1463"/>
        <v>3.2726976268318309</v>
      </c>
      <c r="P6259" s="236" t="str">
        <f t="shared" si="1464"/>
        <v>CLAY</v>
      </c>
      <c r="Q6259" s="236">
        <f t="shared" si="1460"/>
        <v>482.39195228947705</v>
      </c>
      <c r="R6259" s="238">
        <v>35</v>
      </c>
      <c r="S6259" s="236">
        <f t="shared" si="1465"/>
        <v>3.5977219001400749</v>
      </c>
      <c r="T6259" s="236" t="e">
        <f t="shared" si="1452"/>
        <v>#N/A</v>
      </c>
    </row>
    <row r="6260" spans="2:20" x14ac:dyDescent="0.2">
      <c r="B6260" s="239">
        <v>62.131999999999998</v>
      </c>
      <c r="C6260" s="3">
        <f t="shared" si="1453"/>
        <v>62.125</v>
      </c>
      <c r="D6260" s="239">
        <v>7.3574000000000002</v>
      </c>
      <c r="E6260" s="239">
        <v>0.3826</v>
      </c>
      <c r="F6260" s="239">
        <v>1.94</v>
      </c>
      <c r="G6260">
        <f t="shared" si="1454"/>
        <v>7.7454000000000001</v>
      </c>
      <c r="H6260" s="235">
        <f t="shared" si="1455"/>
        <v>4.9397061481653628</v>
      </c>
      <c r="I6260" s="236">
        <f t="shared" si="1456"/>
        <v>21.017993927816214</v>
      </c>
      <c r="J6260" s="237">
        <f t="shared" si="1461"/>
        <v>11.017993927816214</v>
      </c>
      <c r="K6260" s="237">
        <f t="shared" si="1457"/>
        <v>1305.7428727655822</v>
      </c>
      <c r="L6260" s="237">
        <f t="shared" si="1462"/>
        <v>684.56999872307699</v>
      </c>
      <c r="M6260" s="236">
        <f t="shared" si="1458"/>
        <v>9.4068643663120781</v>
      </c>
      <c r="N6260" s="236">
        <f t="shared" si="1459"/>
        <v>5.941310110780881</v>
      </c>
      <c r="O6260" s="236">
        <f t="shared" si="1463"/>
        <v>3.195051450089025</v>
      </c>
      <c r="P6260" s="236" t="str">
        <f t="shared" si="1464"/>
        <v>CLAY</v>
      </c>
      <c r="Q6260" s="236">
        <f t="shared" si="1460"/>
        <v>536.63809393620147</v>
      </c>
      <c r="R6260" s="238">
        <v>35</v>
      </c>
      <c r="S6260" s="236">
        <f t="shared" si="1465"/>
        <v>4.1185667721960346</v>
      </c>
      <c r="T6260" s="236" t="e">
        <f t="shared" si="1452"/>
        <v>#N/A</v>
      </c>
    </row>
    <row r="6261" spans="2:20" x14ac:dyDescent="0.2">
      <c r="B6261" s="239">
        <v>62.133000000000003</v>
      </c>
      <c r="C6261" s="3">
        <f t="shared" si="1453"/>
        <v>62.126000000000005</v>
      </c>
      <c r="D6261" s="239">
        <v>7.0681000000000003</v>
      </c>
      <c r="E6261" s="239">
        <v>0.3916</v>
      </c>
      <c r="F6261" s="239">
        <v>1.9850000000000001</v>
      </c>
      <c r="G6261">
        <f t="shared" si="1454"/>
        <v>7.4651000000000005</v>
      </c>
      <c r="H6261" s="235">
        <f t="shared" si="1455"/>
        <v>5.2457435265435155</v>
      </c>
      <c r="I6261" s="236">
        <f t="shared" si="1456"/>
        <v>21.03085036562463</v>
      </c>
      <c r="J6261" s="237">
        <f t="shared" si="1461"/>
        <v>11.03085036562463</v>
      </c>
      <c r="K6261" s="237">
        <f t="shared" si="1457"/>
        <v>1306.5626098147959</v>
      </c>
      <c r="L6261" s="237">
        <f t="shared" si="1462"/>
        <v>685.37982576735521</v>
      </c>
      <c r="M6261" s="236">
        <f t="shared" si="1458"/>
        <v>8.9855831155958974</v>
      </c>
      <c r="N6261" s="236">
        <f t="shared" si="1459"/>
        <v>6.3586526343753116</v>
      </c>
      <c r="O6261" s="236">
        <f t="shared" si="1463"/>
        <v>3.2290162166343572</v>
      </c>
      <c r="P6261" s="236" t="str">
        <f t="shared" si="1464"/>
        <v>CLAY</v>
      </c>
      <c r="Q6261" s="236">
        <f t="shared" si="1460"/>
        <v>513.21144918210041</v>
      </c>
      <c r="R6261" s="238">
        <v>35</v>
      </c>
      <c r="S6261" s="236">
        <f t="shared" si="1465"/>
        <v>3.8893125125737371</v>
      </c>
      <c r="T6261" s="236" t="e">
        <f t="shared" si="1452"/>
        <v>#N/A</v>
      </c>
    </row>
    <row r="6262" spans="2:20" x14ac:dyDescent="0.2">
      <c r="B6262" s="239">
        <v>62.140999999999998</v>
      </c>
      <c r="C6262" s="3">
        <f t="shared" si="1453"/>
        <v>62.134</v>
      </c>
      <c r="D6262" s="239">
        <v>7.0396000000000001</v>
      </c>
      <c r="E6262" s="239">
        <v>0.38869999999999999</v>
      </c>
      <c r="F6262" s="239">
        <v>1.9789000000000001</v>
      </c>
      <c r="G6262">
        <f t="shared" si="1454"/>
        <v>7.4353800000000003</v>
      </c>
      <c r="H6262" s="235">
        <f t="shared" si="1455"/>
        <v>5.2277086039987193</v>
      </c>
      <c r="I6262" s="236">
        <f t="shared" si="1456"/>
        <v>21.020575166110635</v>
      </c>
      <c r="J6262" s="237">
        <f t="shared" si="1461"/>
        <v>11.020575166110635</v>
      </c>
      <c r="K6262" s="237">
        <f t="shared" si="1457"/>
        <v>1306.0924173711182</v>
      </c>
      <c r="L6262" s="237">
        <f t="shared" si="1462"/>
        <v>684.82956139728094</v>
      </c>
      <c r="M6262" s="236">
        <f t="shared" si="1458"/>
        <v>8.9500920055540369</v>
      </c>
      <c r="N6262" s="236">
        <f t="shared" si="1459"/>
        <v>6.3416831851979216</v>
      </c>
      <c r="O6262" s="236">
        <f t="shared" si="1463"/>
        <v>3.2296290731559165</v>
      </c>
      <c r="P6262" s="236" t="str">
        <f t="shared" si="1464"/>
        <v>CLAY</v>
      </c>
      <c r="Q6262" s="236">
        <f t="shared" si="1460"/>
        <v>510.77396521907349</v>
      </c>
      <c r="R6262" s="238">
        <v>35</v>
      </c>
      <c r="S6262" s="236">
        <f t="shared" si="1465"/>
        <v>3.8701195735024791</v>
      </c>
      <c r="T6262" s="236" t="e">
        <f t="shared" si="1452"/>
        <v>#N/A</v>
      </c>
    </row>
    <row r="6263" spans="2:20" x14ac:dyDescent="0.2">
      <c r="B6263" s="239">
        <v>62.151000000000003</v>
      </c>
      <c r="C6263" s="3">
        <f t="shared" si="1453"/>
        <v>62.144000000000005</v>
      </c>
      <c r="D6263" s="239">
        <v>8.1202000000000005</v>
      </c>
      <c r="E6263" s="239">
        <v>0.36470000000000002</v>
      </c>
      <c r="F6263" s="239">
        <v>1.5078</v>
      </c>
      <c r="G6263">
        <f t="shared" si="1454"/>
        <v>8.4217600000000008</v>
      </c>
      <c r="H6263" s="235">
        <f t="shared" si="1455"/>
        <v>4.3304487423056459</v>
      </c>
      <c r="I6263" s="236">
        <f t="shared" si="1456"/>
        <v>20.994532190146419</v>
      </c>
      <c r="J6263" s="237">
        <f t="shared" si="1461"/>
        <v>10.994532190146419</v>
      </c>
      <c r="K6263" s="237">
        <f t="shared" si="1457"/>
        <v>1304.6842084244593</v>
      </c>
      <c r="L6263" s="237">
        <f t="shared" si="1462"/>
        <v>683.32117014979008</v>
      </c>
      <c r="M6263" s="236">
        <f t="shared" si="1458"/>
        <v>10.415418257882182</v>
      </c>
      <c r="N6263" s="236">
        <f t="shared" si="1459"/>
        <v>5.1242955770078247</v>
      </c>
      <c r="O6263" s="236">
        <f t="shared" si="1463"/>
        <v>3.1204771325521095</v>
      </c>
      <c r="P6263" s="236" t="str">
        <f t="shared" si="1464"/>
        <v>CLAY</v>
      </c>
      <c r="Q6263" s="236">
        <f t="shared" si="1460"/>
        <v>593.08964929796173</v>
      </c>
      <c r="R6263" s="238">
        <v>35</v>
      </c>
      <c r="S6263" s="236">
        <f t="shared" si="1465"/>
        <v>4.6777380958375598</v>
      </c>
      <c r="T6263" s="236" t="e">
        <f t="shared" si="1452"/>
        <v>#N/A</v>
      </c>
    </row>
    <row r="6264" spans="2:20" x14ac:dyDescent="0.2">
      <c r="B6264" s="239">
        <v>62.161000000000001</v>
      </c>
      <c r="C6264" s="3">
        <f t="shared" si="1453"/>
        <v>62.154000000000003</v>
      </c>
      <c r="D6264" s="239">
        <v>8.8758999999999997</v>
      </c>
      <c r="E6264" s="239">
        <v>0.33589999999999998</v>
      </c>
      <c r="F6264" s="239">
        <v>0.91139999999999999</v>
      </c>
      <c r="G6264">
        <f t="shared" si="1454"/>
        <v>9.0581800000000001</v>
      </c>
      <c r="H6264" s="235">
        <f t="shared" si="1455"/>
        <v>3.708250443245773</v>
      </c>
      <c r="I6264" s="236">
        <f t="shared" si="1456"/>
        <v>20.926546916635147</v>
      </c>
      <c r="J6264" s="237">
        <f t="shared" si="1461"/>
        <v>10.926546916635147</v>
      </c>
      <c r="K6264" s="237">
        <f t="shared" si="1457"/>
        <v>1300.6685970565409</v>
      </c>
      <c r="L6264" s="237">
        <f t="shared" si="1462"/>
        <v>679.20508288495739</v>
      </c>
      <c r="M6264" s="236">
        <f t="shared" si="1458"/>
        <v>11.421456638682743</v>
      </c>
      <c r="N6264" s="236">
        <f t="shared" si="1459"/>
        <v>4.3299968579169379</v>
      </c>
      <c r="O6264" s="236">
        <f t="shared" si="1463"/>
        <v>3.0439503483722721</v>
      </c>
      <c r="P6264" s="236" t="str">
        <f t="shared" si="1464"/>
        <v>CLAY</v>
      </c>
      <c r="Q6264" s="236">
        <f t="shared" si="1460"/>
        <v>646.45928357862158</v>
      </c>
      <c r="R6264" s="238">
        <v>35</v>
      </c>
      <c r="S6264" s="236">
        <f t="shared" si="1465"/>
        <v>5.2491849841228868</v>
      </c>
      <c r="T6264" s="236" t="e">
        <f t="shared" si="1452"/>
        <v>#N/A</v>
      </c>
    </row>
    <row r="6265" spans="2:20" x14ac:dyDescent="0.2">
      <c r="B6265" s="239">
        <v>62.170999999999999</v>
      </c>
      <c r="C6265" s="3">
        <f t="shared" si="1453"/>
        <v>62.164000000000001</v>
      </c>
      <c r="D6265" s="239">
        <v>9.8531999999999993</v>
      </c>
      <c r="E6265" s="239">
        <v>0.30819999999999997</v>
      </c>
      <c r="F6265" s="239">
        <v>0.88009999999999999</v>
      </c>
      <c r="G6265">
        <f t="shared" si="1454"/>
        <v>10.029219999999999</v>
      </c>
      <c r="H6265" s="235">
        <f t="shared" si="1455"/>
        <v>3.0730206337083046</v>
      </c>
      <c r="I6265" s="236">
        <f t="shared" si="1456"/>
        <v>20.865431609467599</v>
      </c>
      <c r="J6265" s="237">
        <f t="shared" si="1461"/>
        <v>10.865431609467599</v>
      </c>
      <c r="K6265" s="237">
        <f t="shared" si="1457"/>
        <v>1297.0786905709438</v>
      </c>
      <c r="L6265" s="237">
        <f t="shared" si="1462"/>
        <v>675.51474859221014</v>
      </c>
      <c r="M6265" s="236">
        <f t="shared" si="1458"/>
        <v>12.92664790461949</v>
      </c>
      <c r="N6265" s="236">
        <f t="shared" si="1459"/>
        <v>3.529489378134576</v>
      </c>
      <c r="O6265" s="236">
        <f t="shared" si="1463"/>
        <v>2.9474385413585606</v>
      </c>
      <c r="P6265" s="236" t="str">
        <f t="shared" si="1464"/>
        <v>CLAY</v>
      </c>
      <c r="Q6265" s="236">
        <f t="shared" si="1460"/>
        <v>727.67844245242122</v>
      </c>
      <c r="R6265" s="238">
        <v>35</v>
      </c>
      <c r="S6265" s="236">
        <f t="shared" si="1465"/>
        <v>6.1276987769605729</v>
      </c>
      <c r="T6265" s="236" t="e">
        <f t="shared" si="1452"/>
        <v>#N/A</v>
      </c>
    </row>
    <row r="6266" spans="2:20" x14ac:dyDescent="0.2">
      <c r="B6266" s="239">
        <v>62.180999999999997</v>
      </c>
      <c r="C6266" s="3">
        <f t="shared" si="1453"/>
        <v>62.173999999999999</v>
      </c>
      <c r="D6266" s="239">
        <v>11.4815</v>
      </c>
      <c r="E6266" s="239">
        <v>0.32050000000000001</v>
      </c>
      <c r="F6266" s="239">
        <v>0.84230000000000005</v>
      </c>
      <c r="G6266">
        <f t="shared" si="1454"/>
        <v>11.64996</v>
      </c>
      <c r="H6266" s="235">
        <f t="shared" si="1455"/>
        <v>2.7510824071498958</v>
      </c>
      <c r="I6266" s="236">
        <f t="shared" si="1456"/>
        <v>20.969870736588206</v>
      </c>
      <c r="J6266" s="237">
        <f t="shared" si="1461"/>
        <v>10.969870736588206</v>
      </c>
      <c r="K6266" s="237">
        <f t="shared" si="1457"/>
        <v>1303.780743176635</v>
      </c>
      <c r="L6266" s="237">
        <f t="shared" si="1462"/>
        <v>682.11753227179122</v>
      </c>
      <c r="M6266" s="236">
        <f t="shared" si="1458"/>
        <v>15.167736888927973</v>
      </c>
      <c r="N6266" s="236">
        <f t="shared" si="1459"/>
        <v>3.0977619084709791</v>
      </c>
      <c r="O6266" s="236">
        <f t="shared" si="1463"/>
        <v>2.8578959086274867</v>
      </c>
      <c r="P6266" s="236" t="str">
        <f t="shared" si="1464"/>
        <v>CLAY</v>
      </c>
      <c r="Q6266" s="236">
        <f t="shared" si="1460"/>
        <v>862.18160473528042</v>
      </c>
      <c r="R6266" s="238">
        <v>35</v>
      </c>
      <c r="S6266" s="236">
        <f t="shared" si="1465"/>
        <v>7.4832627058952648</v>
      </c>
      <c r="T6266" s="236" t="e">
        <f t="shared" si="1452"/>
        <v>#N/A</v>
      </c>
    </row>
    <row r="6267" spans="2:20" x14ac:dyDescent="0.2">
      <c r="B6267" s="239">
        <v>62.191000000000003</v>
      </c>
      <c r="C6267" s="3">
        <f t="shared" si="1453"/>
        <v>62.184000000000005</v>
      </c>
      <c r="D6267" s="239">
        <v>13.568899999999999</v>
      </c>
      <c r="E6267" s="239">
        <v>0.33129999999999998</v>
      </c>
      <c r="F6267" s="239">
        <v>0.65529999999999999</v>
      </c>
      <c r="G6267">
        <f t="shared" si="1454"/>
        <v>13.699959999999999</v>
      </c>
      <c r="H6267" s="235">
        <f t="shared" si="1455"/>
        <v>2.4182552357817104</v>
      </c>
      <c r="I6267" s="236">
        <f t="shared" si="1456"/>
        <v>21.072088300491103</v>
      </c>
      <c r="J6267" s="237">
        <f t="shared" si="1461"/>
        <v>11.072088300491103</v>
      </c>
      <c r="K6267" s="237">
        <f t="shared" si="1457"/>
        <v>1310.3467388777387</v>
      </c>
      <c r="L6267" s="237">
        <f t="shared" si="1462"/>
        <v>688.5842434958422</v>
      </c>
      <c r="M6267" s="236">
        <f t="shared" si="1458"/>
        <v>17.99287941620911</v>
      </c>
      <c r="N6267" s="236">
        <f t="shared" si="1459"/>
        <v>2.6740140553022447</v>
      </c>
      <c r="O6267" s="236">
        <f t="shared" si="1463"/>
        <v>2.7602404337340314</v>
      </c>
      <c r="P6267" s="236" t="str">
        <f t="shared" si="1464"/>
        <v>CLAY</v>
      </c>
      <c r="Q6267" s="236">
        <f t="shared" si="1460"/>
        <v>1032.4677717601883</v>
      </c>
      <c r="R6267" s="238">
        <v>35</v>
      </c>
      <c r="S6267" s="236">
        <f t="shared" si="1465"/>
        <v>9.2643690165765058</v>
      </c>
      <c r="T6267" s="236" t="e">
        <f t="shared" si="1452"/>
        <v>#N/A</v>
      </c>
    </row>
    <row r="6268" spans="2:20" x14ac:dyDescent="0.2">
      <c r="B6268" s="239">
        <v>62.201000000000001</v>
      </c>
      <c r="C6268" s="3">
        <f t="shared" si="1453"/>
        <v>62.194000000000003</v>
      </c>
      <c r="D6268" s="239">
        <v>15.790800000000001</v>
      </c>
      <c r="E6268" s="239">
        <v>0.32419999999999999</v>
      </c>
      <c r="F6268" s="239">
        <v>0.95740000000000003</v>
      </c>
      <c r="G6268">
        <f t="shared" si="1454"/>
        <v>15.982280000000001</v>
      </c>
      <c r="H6268" s="235">
        <f t="shared" si="1455"/>
        <v>2.0284965599401334</v>
      </c>
      <c r="I6268" s="236">
        <f t="shared" si="1456"/>
        <v>21.106913044245612</v>
      </c>
      <c r="J6268" s="237">
        <f t="shared" si="1461"/>
        <v>11.106913044245612</v>
      </c>
      <c r="K6268" s="237">
        <f t="shared" si="1457"/>
        <v>1312.7233498738117</v>
      </c>
      <c r="L6268" s="237">
        <f t="shared" si="1462"/>
        <v>690.86109826512131</v>
      </c>
      <c r="M6268" s="236">
        <f t="shared" si="1458"/>
        <v>21.233728005476255</v>
      </c>
      <c r="N6268" s="236">
        <f t="shared" si="1459"/>
        <v>2.210019073733978</v>
      </c>
      <c r="O6268" s="236">
        <f t="shared" si="1463"/>
        <v>2.6532379099551329</v>
      </c>
      <c r="P6268" s="236" t="str">
        <f t="shared" si="1464"/>
        <v>CLAY</v>
      </c>
      <c r="Q6268" s="236">
        <f t="shared" si="1460"/>
        <v>1222.4630541771824</v>
      </c>
      <c r="R6268" s="238">
        <v>35</v>
      </c>
      <c r="S6268" s="236">
        <f t="shared" si="1465"/>
        <v>11.395222803888553</v>
      </c>
      <c r="T6268" s="236" t="e">
        <f t="shared" si="1452"/>
        <v>#N/A</v>
      </c>
    </row>
    <row r="6269" spans="2:20" x14ac:dyDescent="0.2">
      <c r="B6269" s="239">
        <v>62.210999999999999</v>
      </c>
      <c r="C6269" s="3">
        <f t="shared" si="1453"/>
        <v>62.204000000000001</v>
      </c>
      <c r="D6269" s="239">
        <v>17.630600000000001</v>
      </c>
      <c r="E6269" s="239">
        <v>0.3322</v>
      </c>
      <c r="F6269" s="239">
        <v>0.59</v>
      </c>
      <c r="G6269">
        <f t="shared" si="1454"/>
        <v>17.7486</v>
      </c>
      <c r="H6269" s="235">
        <f t="shared" si="1455"/>
        <v>1.8716969225741749</v>
      </c>
      <c r="I6269" s="236">
        <f t="shared" si="1456"/>
        <v>21.176469741938764</v>
      </c>
      <c r="J6269" s="237">
        <f t="shared" si="1461"/>
        <v>11.176469741938764</v>
      </c>
      <c r="K6269" s="237">
        <f t="shared" si="1457"/>
        <v>1317.2611238275588</v>
      </c>
      <c r="L6269" s="237">
        <f t="shared" si="1462"/>
        <v>695.2993591157524</v>
      </c>
      <c r="M6269" s="236">
        <f t="shared" si="1458"/>
        <v>23.632035123790434</v>
      </c>
      <c r="N6269" s="236">
        <f t="shared" si="1459"/>
        <v>2.0217463866059804</v>
      </c>
      <c r="O6269" s="236">
        <f t="shared" si="1463"/>
        <v>2.5929036673123016</v>
      </c>
      <c r="P6269" s="236" t="str">
        <f t="shared" si="1464"/>
        <v>SAND</v>
      </c>
      <c r="Q6269" s="236" t="e">
        <f t="shared" si="1460"/>
        <v>#N/A</v>
      </c>
      <c r="R6269" s="238">
        <v>35</v>
      </c>
      <c r="S6269" s="236" t="e">
        <f t="shared" si="1465"/>
        <v>#N/A</v>
      </c>
      <c r="T6269" s="236">
        <f t="shared" si="1452"/>
        <v>32.708512357960913</v>
      </c>
    </row>
    <row r="6270" spans="2:20" x14ac:dyDescent="0.2">
      <c r="B6270" s="239">
        <v>62.22</v>
      </c>
      <c r="C6270" s="3">
        <f t="shared" si="1453"/>
        <v>62.213000000000001</v>
      </c>
      <c r="D6270" s="239">
        <v>19.820599999999999</v>
      </c>
      <c r="E6270" s="239">
        <v>0.29880000000000001</v>
      </c>
      <c r="F6270" s="239">
        <v>0.2266</v>
      </c>
      <c r="G6270">
        <f t="shared" si="1454"/>
        <v>19.865919999999999</v>
      </c>
      <c r="H6270" s="235">
        <f t="shared" si="1455"/>
        <v>1.5040833749456357</v>
      </c>
      <c r="I6270" s="236">
        <f t="shared" si="1456"/>
        <v>21.096268469882556</v>
      </c>
      <c r="J6270" s="237">
        <f t="shared" si="1461"/>
        <v>11.096268469882556</v>
      </c>
      <c r="K6270" s="237">
        <f t="shared" si="1457"/>
        <v>1312.4621503168034</v>
      </c>
      <c r="L6270" s="237">
        <f t="shared" si="1462"/>
        <v>690.40982419609259</v>
      </c>
      <c r="M6270" s="236">
        <f t="shared" si="1458"/>
        <v>26.873108115584373</v>
      </c>
      <c r="N6270" s="236">
        <f t="shared" si="1459"/>
        <v>1.6104814661548499</v>
      </c>
      <c r="O6270" s="236">
        <f t="shared" si="1463"/>
        <v>2.4900976074455001</v>
      </c>
      <c r="P6270" s="236" t="str">
        <f t="shared" si="1464"/>
        <v>SAND</v>
      </c>
      <c r="Q6270" s="236" t="e">
        <f t="shared" si="1460"/>
        <v>#N/A</v>
      </c>
      <c r="R6270" s="238">
        <v>35</v>
      </c>
      <c r="S6270" s="236" t="e">
        <f t="shared" si="1465"/>
        <v>#N/A</v>
      </c>
      <c r="T6270" s="236">
        <f t="shared" si="1452"/>
        <v>33.322496893222024</v>
      </c>
    </row>
    <row r="6271" spans="2:20" x14ac:dyDescent="0.2">
      <c r="B6271" s="239">
        <v>62.23</v>
      </c>
      <c r="C6271" s="3">
        <f t="shared" si="1453"/>
        <v>62.222999999999999</v>
      </c>
      <c r="D6271" s="239">
        <v>21.422999999999998</v>
      </c>
      <c r="E6271" s="239">
        <v>0.29070000000000001</v>
      </c>
      <c r="F6271" s="239">
        <v>0.2162</v>
      </c>
      <c r="G6271">
        <f t="shared" si="1454"/>
        <v>21.466239999999999</v>
      </c>
      <c r="H6271" s="235">
        <f t="shared" si="1455"/>
        <v>1.3542194627470856</v>
      </c>
      <c r="I6271" s="236">
        <f t="shared" si="1456"/>
        <v>21.094325022715559</v>
      </c>
      <c r="J6271" s="237">
        <f t="shared" si="1461"/>
        <v>11.094325022715559</v>
      </c>
      <c r="K6271" s="237">
        <f t="shared" si="1457"/>
        <v>1312.5521858884301</v>
      </c>
      <c r="L6271" s="237">
        <f t="shared" si="1462"/>
        <v>690.39984616358913</v>
      </c>
      <c r="M6271" s="236">
        <f t="shared" si="1458"/>
        <v>29.191327208575569</v>
      </c>
      <c r="N6271" s="236">
        <f t="shared" si="1459"/>
        <v>1.442415912567885</v>
      </c>
      <c r="O6271" s="236">
        <f t="shared" si="1463"/>
        <v>2.4332894982942235</v>
      </c>
      <c r="P6271" s="236" t="str">
        <f t="shared" si="1464"/>
        <v>SAND</v>
      </c>
      <c r="Q6271" s="236" t="e">
        <f t="shared" si="1460"/>
        <v>#N/A</v>
      </c>
      <c r="R6271" s="238">
        <v>35</v>
      </c>
      <c r="S6271" s="236" t="e">
        <f t="shared" si="1465"/>
        <v>#N/A</v>
      </c>
      <c r="T6271" s="236">
        <f t="shared" si="1452"/>
        <v>33.717792251063088</v>
      </c>
    </row>
    <row r="6272" spans="2:20" x14ac:dyDescent="0.2">
      <c r="B6272" s="239">
        <v>62.238999999999997</v>
      </c>
      <c r="C6272" s="3">
        <f t="shared" si="1453"/>
        <v>62.231999999999999</v>
      </c>
      <c r="D6272" s="239">
        <v>22.6602</v>
      </c>
      <c r="E6272" s="239">
        <v>0.26600000000000001</v>
      </c>
      <c r="F6272" s="239">
        <v>0.21260000000000001</v>
      </c>
      <c r="G6272">
        <f t="shared" si="1454"/>
        <v>22.702719999999999</v>
      </c>
      <c r="H6272" s="235">
        <f t="shared" si="1455"/>
        <v>1.1716657739689342</v>
      </c>
      <c r="I6272" s="236">
        <f t="shared" si="1456"/>
        <v>21.012093576883583</v>
      </c>
      <c r="J6272" s="237">
        <f t="shared" si="1461"/>
        <v>11.012093576883583</v>
      </c>
      <c r="K6272" s="237">
        <f t="shared" si="1457"/>
        <v>1307.6246074766191</v>
      </c>
      <c r="L6272" s="237">
        <f t="shared" si="1462"/>
        <v>685.38169213165725</v>
      </c>
      <c r="M6272" s="236">
        <f t="shared" si="1458"/>
        <v>31.216321705327264</v>
      </c>
      <c r="N6272" s="236">
        <f t="shared" si="1459"/>
        <v>1.2432755971396836</v>
      </c>
      <c r="O6272" s="236">
        <f t="shared" si="1463"/>
        <v>2.3730054849409794</v>
      </c>
      <c r="P6272" s="236" t="str">
        <f t="shared" si="1464"/>
        <v>SAND</v>
      </c>
      <c r="Q6272" s="236" t="e">
        <f t="shared" si="1460"/>
        <v>#N/A</v>
      </c>
      <c r="R6272" s="238">
        <v>35</v>
      </c>
      <c r="S6272" s="236" t="e">
        <f t="shared" si="1465"/>
        <v>#N/A</v>
      </c>
      <c r="T6272" s="236">
        <f t="shared" si="1452"/>
        <v>34.038199005493539</v>
      </c>
    </row>
    <row r="6273" spans="2:20" x14ac:dyDescent="0.2">
      <c r="B6273" s="239">
        <v>62.247999999999998</v>
      </c>
      <c r="C6273" s="3">
        <f t="shared" si="1453"/>
        <v>62.241</v>
      </c>
      <c r="D6273" s="239">
        <v>23.843699999999998</v>
      </c>
      <c r="E6273" s="239">
        <v>0.2258</v>
      </c>
      <c r="F6273" s="239">
        <v>0.1865</v>
      </c>
      <c r="G6273">
        <f t="shared" si="1454"/>
        <v>23.880999999999997</v>
      </c>
      <c r="H6273" s="235">
        <f t="shared" si="1455"/>
        <v>0.94552154432393964</v>
      </c>
      <c r="I6273" s="236">
        <f t="shared" si="1456"/>
        <v>20.83974494362403</v>
      </c>
      <c r="J6273" s="237">
        <f t="shared" si="1461"/>
        <v>10.83974494362403</v>
      </c>
      <c r="K6273" s="237">
        <f t="shared" si="1457"/>
        <v>1297.0865650361031</v>
      </c>
      <c r="L6273" s="237">
        <f t="shared" si="1462"/>
        <v>674.75244325070855</v>
      </c>
      <c r="M6273" s="236">
        <f t="shared" si="1458"/>
        <v>33.469924652903693</v>
      </c>
      <c r="N6273" s="236">
        <f t="shared" si="1459"/>
        <v>0.99982671581809057</v>
      </c>
      <c r="O6273" s="236">
        <f t="shared" si="1463"/>
        <v>2.2962109148609473</v>
      </c>
      <c r="P6273" s="236" t="str">
        <f t="shared" si="1464"/>
        <v>SAND</v>
      </c>
      <c r="Q6273" s="236" t="e">
        <f t="shared" si="1460"/>
        <v>#N/A</v>
      </c>
      <c r="R6273" s="238">
        <v>35</v>
      </c>
      <c r="S6273" s="236" t="e">
        <f t="shared" si="1465"/>
        <v>#N/A</v>
      </c>
      <c r="T6273" s="236">
        <f t="shared" si="1452"/>
        <v>34.371202081483361</v>
      </c>
    </row>
    <row r="6274" spans="2:20" x14ac:dyDescent="0.2">
      <c r="B6274" s="239">
        <v>62.258000000000003</v>
      </c>
      <c r="C6274" s="3">
        <f t="shared" si="1453"/>
        <v>62.251000000000005</v>
      </c>
      <c r="D6274" s="239">
        <v>24.767800000000001</v>
      </c>
      <c r="E6274" s="239">
        <v>0.20269999999999999</v>
      </c>
      <c r="F6274" s="239">
        <v>0.20780000000000001</v>
      </c>
      <c r="G6274">
        <f t="shared" si="1454"/>
        <v>24.809360000000002</v>
      </c>
      <c r="H6274" s="235">
        <f t="shared" si="1455"/>
        <v>0.81703034661111762</v>
      </c>
      <c r="I6274" s="236">
        <f t="shared" si="1456"/>
        <v>20.728102180794604</v>
      </c>
      <c r="J6274" s="237">
        <f t="shared" si="1461"/>
        <v>10.728102180794604</v>
      </c>
      <c r="K6274" s="237">
        <f t="shared" si="1457"/>
        <v>1290.3450888566449</v>
      </c>
      <c r="L6274" s="237">
        <f t="shared" si="1462"/>
        <v>667.91018557191046</v>
      </c>
      <c r="M6274" s="236">
        <f t="shared" si="1458"/>
        <v>35.212840617192811</v>
      </c>
      <c r="N6274" s="236">
        <f t="shared" si="1459"/>
        <v>0.86185582502420344</v>
      </c>
      <c r="O6274" s="236">
        <f t="shared" si="1463"/>
        <v>2.2436817895519985</v>
      </c>
      <c r="P6274" s="236" t="str">
        <f t="shared" si="1464"/>
        <v>SAND</v>
      </c>
      <c r="Q6274" s="236" t="e">
        <f t="shared" si="1460"/>
        <v>#N/A</v>
      </c>
      <c r="R6274" s="238">
        <v>35</v>
      </c>
      <c r="S6274" s="236" t="e">
        <f t="shared" si="1465"/>
        <v>#N/A</v>
      </c>
      <c r="T6274" s="236">
        <f t="shared" si="1452"/>
        <v>34.613711670850691</v>
      </c>
    </row>
    <row r="6275" spans="2:20" x14ac:dyDescent="0.2">
      <c r="B6275" s="239">
        <v>62.265999999999998</v>
      </c>
      <c r="C6275" s="3">
        <f t="shared" si="1453"/>
        <v>62.259</v>
      </c>
      <c r="D6275" s="239">
        <v>25.533000000000001</v>
      </c>
      <c r="E6275" s="239">
        <v>0.20150000000000001</v>
      </c>
      <c r="F6275" s="239">
        <v>0.2291</v>
      </c>
      <c r="G6275">
        <f t="shared" si="1454"/>
        <v>25.57882</v>
      </c>
      <c r="H6275" s="235">
        <f t="shared" si="1455"/>
        <v>0.78776112424263511</v>
      </c>
      <c r="I6275" s="236">
        <f t="shared" si="1456"/>
        <v>20.733078145861725</v>
      </c>
      <c r="J6275" s="237">
        <f t="shared" si="1461"/>
        <v>10.733078145861725</v>
      </c>
      <c r="K6275" s="237">
        <f t="shared" si="1457"/>
        <v>1290.8207122832052</v>
      </c>
      <c r="L6275" s="237">
        <f t="shared" si="1462"/>
        <v>668.30584383022619</v>
      </c>
      <c r="M6275" s="236">
        <f t="shared" si="1458"/>
        <v>36.342640891057094</v>
      </c>
      <c r="N6275" s="236">
        <f t="shared" si="1459"/>
        <v>0.82962782406661595</v>
      </c>
      <c r="O6275" s="236">
        <f t="shared" si="1463"/>
        <v>2.2234127823740613</v>
      </c>
      <c r="P6275" s="236" t="str">
        <f t="shared" si="1464"/>
        <v>SAND</v>
      </c>
      <c r="Q6275" s="236" t="e">
        <f t="shared" si="1460"/>
        <v>#N/A</v>
      </c>
      <c r="R6275" s="238">
        <v>35</v>
      </c>
      <c r="S6275" s="236" t="e">
        <f t="shared" si="1465"/>
        <v>#N/A</v>
      </c>
      <c r="T6275" s="236">
        <f t="shared" si="1452"/>
        <v>34.764581310373799</v>
      </c>
    </row>
    <row r="6276" spans="2:20" x14ac:dyDescent="0.2">
      <c r="B6276" s="239">
        <v>62.276000000000003</v>
      </c>
      <c r="C6276" s="3">
        <f t="shared" si="1453"/>
        <v>62.269000000000005</v>
      </c>
      <c r="D6276" s="239">
        <v>26.159700000000001</v>
      </c>
      <c r="E6276" s="239">
        <v>0.20649999999999999</v>
      </c>
      <c r="F6276" s="239">
        <v>0.26379999999999998</v>
      </c>
      <c r="G6276">
        <f t="shared" si="1454"/>
        <v>26.21246</v>
      </c>
      <c r="H6276" s="235">
        <f t="shared" si="1455"/>
        <v>0.78779328609371257</v>
      </c>
      <c r="I6276" s="236">
        <f t="shared" si="1456"/>
        <v>20.771384208231684</v>
      </c>
      <c r="J6276" s="237">
        <f t="shared" si="1461"/>
        <v>10.771384208231684</v>
      </c>
      <c r="K6276" s="237">
        <f t="shared" si="1457"/>
        <v>1293.4133232623788</v>
      </c>
      <c r="L6276" s="237">
        <f t="shared" si="1462"/>
        <v>670.79872295183634</v>
      </c>
      <c r="M6276" s="236">
        <f t="shared" si="1458"/>
        <v>37.148321581594331</v>
      </c>
      <c r="N6276" s="236">
        <f t="shared" si="1459"/>
        <v>0.82868338696428334</v>
      </c>
      <c r="O6276" s="236">
        <f t="shared" si="1463"/>
        <v>2.2149852675810848</v>
      </c>
      <c r="P6276" s="236" t="str">
        <f t="shared" si="1464"/>
        <v>SAND</v>
      </c>
      <c r="Q6276" s="236" t="e">
        <f t="shared" si="1460"/>
        <v>#N/A</v>
      </c>
      <c r="R6276" s="238">
        <v>35</v>
      </c>
      <c r="S6276" s="236" t="e">
        <f t="shared" si="1465"/>
        <v>#N/A</v>
      </c>
      <c r="T6276" s="236">
        <f t="shared" si="1452"/>
        <v>34.869331160906256</v>
      </c>
    </row>
    <row r="6277" spans="2:20" x14ac:dyDescent="0.2">
      <c r="B6277" s="239">
        <v>62.283999999999999</v>
      </c>
      <c r="C6277" s="3">
        <f t="shared" si="1453"/>
        <v>62.277000000000001</v>
      </c>
      <c r="D6277" s="239">
        <v>26.6204</v>
      </c>
      <c r="E6277" s="239">
        <v>0.2049</v>
      </c>
      <c r="F6277" s="239">
        <v>0.27900000000000003</v>
      </c>
      <c r="G6277">
        <f t="shared" si="1454"/>
        <v>26.676200000000001</v>
      </c>
      <c r="H6277" s="235">
        <f t="shared" si="1455"/>
        <v>0.76810040410553226</v>
      </c>
      <c r="I6277" s="236">
        <f t="shared" si="1456"/>
        <v>20.769117910388772</v>
      </c>
      <c r="J6277" s="237">
        <f t="shared" si="1461"/>
        <v>10.769117910388772</v>
      </c>
      <c r="K6277" s="237">
        <f t="shared" si="1457"/>
        <v>1293.4383561052816</v>
      </c>
      <c r="L6277" s="237">
        <f t="shared" si="1462"/>
        <v>670.74373993065421</v>
      </c>
      <c r="M6277" s="236">
        <f t="shared" si="1458"/>
        <v>37.842711206695647</v>
      </c>
      <c r="N6277" s="236">
        <f t="shared" si="1459"/>
        <v>0.80724076786689714</v>
      </c>
      <c r="O6277" s="236">
        <f t="shared" si="1463"/>
        <v>2.2022413920241846</v>
      </c>
      <c r="P6277" s="236" t="str">
        <f t="shared" si="1464"/>
        <v>SAND</v>
      </c>
      <c r="Q6277" s="236" t="e">
        <f t="shared" si="1460"/>
        <v>#N/A</v>
      </c>
      <c r="R6277" s="238">
        <v>35</v>
      </c>
      <c r="S6277" s="236" t="e">
        <f t="shared" si="1465"/>
        <v>#N/A</v>
      </c>
      <c r="T6277" s="236">
        <f t="shared" si="1452"/>
        <v>34.957804678261937</v>
      </c>
    </row>
    <row r="6278" spans="2:20" x14ac:dyDescent="0.2">
      <c r="B6278" s="239">
        <v>62.292999999999999</v>
      </c>
      <c r="C6278" s="3">
        <f t="shared" si="1453"/>
        <v>62.286000000000001</v>
      </c>
      <c r="D6278" s="239">
        <v>26.900300000000001</v>
      </c>
      <c r="E6278" s="239">
        <v>0.2064</v>
      </c>
      <c r="F6278" s="239">
        <v>0.31080000000000002</v>
      </c>
      <c r="G6278">
        <f t="shared" si="1454"/>
        <v>26.96246</v>
      </c>
      <c r="H6278" s="235">
        <f t="shared" si="1455"/>
        <v>0.76550878517761367</v>
      </c>
      <c r="I6278" s="236">
        <f t="shared" si="1456"/>
        <v>20.781842787795888</v>
      </c>
      <c r="J6278" s="237">
        <f t="shared" si="1461"/>
        <v>10.781842787795888</v>
      </c>
      <c r="K6278" s="237">
        <f t="shared" si="1457"/>
        <v>1294.4178598806548</v>
      </c>
      <c r="L6278" s="237">
        <f t="shared" si="1462"/>
        <v>671.63333278016921</v>
      </c>
      <c r="M6278" s="236">
        <f t="shared" si="1458"/>
        <v>38.217344028874599</v>
      </c>
      <c r="N6278" s="236">
        <f t="shared" si="1459"/>
        <v>0.80411275185416353</v>
      </c>
      <c r="O6278" s="236">
        <f t="shared" si="1463"/>
        <v>2.1977030394098773</v>
      </c>
      <c r="P6278" s="236" t="str">
        <f t="shared" si="1464"/>
        <v>SAND</v>
      </c>
      <c r="Q6278" s="236" t="e">
        <f t="shared" si="1460"/>
        <v>#N/A</v>
      </c>
      <c r="R6278" s="238">
        <v>35</v>
      </c>
      <c r="S6278" s="236" t="e">
        <f t="shared" si="1465"/>
        <v>#N/A</v>
      </c>
      <c r="T6278" s="236">
        <f t="shared" si="1452"/>
        <v>35.004865520099273</v>
      </c>
    </row>
    <row r="6279" spans="2:20" x14ac:dyDescent="0.2">
      <c r="B6279" s="239">
        <v>62.302999999999997</v>
      </c>
      <c r="C6279" s="3">
        <f t="shared" si="1453"/>
        <v>62.295999999999999</v>
      </c>
      <c r="D6279" s="239">
        <v>26.954499999999999</v>
      </c>
      <c r="E6279" s="239">
        <v>0.2046</v>
      </c>
      <c r="F6279" s="239">
        <v>0.34139999999999998</v>
      </c>
      <c r="G6279">
        <f t="shared" si="1454"/>
        <v>27.022780000000001</v>
      </c>
      <c r="H6279" s="235">
        <f t="shared" si="1455"/>
        <v>0.75713897681881737</v>
      </c>
      <c r="I6279" s="236">
        <f t="shared" si="1456"/>
        <v>20.772445276680056</v>
      </c>
      <c r="J6279" s="237">
        <f t="shared" si="1461"/>
        <v>10.772445276680056</v>
      </c>
      <c r="K6279" s="237">
        <f t="shared" si="1457"/>
        <v>1294.0402509560608</v>
      </c>
      <c r="L6279" s="237">
        <f t="shared" si="1462"/>
        <v>671.15565807299754</v>
      </c>
      <c r="M6279" s="236">
        <f t="shared" si="1458"/>
        <v>38.334981519660495</v>
      </c>
      <c r="N6279" s="236">
        <f t="shared" si="1459"/>
        <v>0.79521967261378512</v>
      </c>
      <c r="O6279" s="236">
        <f t="shared" si="1463"/>
        <v>2.1940861937150249</v>
      </c>
      <c r="P6279" s="236" t="str">
        <f t="shared" si="1464"/>
        <v>SAND</v>
      </c>
      <c r="Q6279" s="236" t="e">
        <f t="shared" si="1460"/>
        <v>#N/A</v>
      </c>
      <c r="R6279" s="238">
        <v>35</v>
      </c>
      <c r="S6279" s="236" t="e">
        <f t="shared" si="1465"/>
        <v>#N/A</v>
      </c>
      <c r="T6279" s="236">
        <f t="shared" si="1452"/>
        <v>35.019547840527295</v>
      </c>
    </row>
    <row r="6280" spans="2:20" x14ac:dyDescent="0.2">
      <c r="B6280" s="239">
        <v>62.311999999999998</v>
      </c>
      <c r="C6280" s="3">
        <f t="shared" si="1453"/>
        <v>62.305</v>
      </c>
      <c r="D6280" s="239">
        <v>26.946300000000001</v>
      </c>
      <c r="E6280" s="239">
        <v>0.188</v>
      </c>
      <c r="F6280" s="239">
        <v>0.36840000000000001</v>
      </c>
      <c r="G6280">
        <f t="shared" si="1454"/>
        <v>27.01998</v>
      </c>
      <c r="H6280" s="235">
        <f t="shared" si="1455"/>
        <v>0.69578141804694149</v>
      </c>
      <c r="I6280" s="236">
        <f t="shared" si="1456"/>
        <v>20.673185768296378</v>
      </c>
      <c r="J6280" s="237">
        <f t="shared" si="1461"/>
        <v>10.673185768296378</v>
      </c>
      <c r="K6280" s="237">
        <f t="shared" si="1457"/>
        <v>1288.0428392937058</v>
      </c>
      <c r="L6280" s="237">
        <f t="shared" si="1462"/>
        <v>665.06755159408385</v>
      </c>
      <c r="M6280" s="236">
        <f t="shared" si="1458"/>
        <v>38.690712092373253</v>
      </c>
      <c r="N6280" s="236">
        <f t="shared" si="1459"/>
        <v>0.73060958771142803</v>
      </c>
      <c r="O6280" s="236">
        <f t="shared" si="1463"/>
        <v>2.1720447566010348</v>
      </c>
      <c r="P6280" s="236" t="str">
        <f t="shared" si="1464"/>
        <v>SAND</v>
      </c>
      <c r="Q6280" s="236" t="e">
        <f t="shared" si="1460"/>
        <v>#N/A</v>
      </c>
      <c r="R6280" s="238">
        <v>35</v>
      </c>
      <c r="S6280" s="236" t="e">
        <f t="shared" si="1465"/>
        <v>#N/A</v>
      </c>
      <c r="T6280" s="236">
        <f t="shared" si="1452"/>
        <v>35.063673951574856</v>
      </c>
    </row>
    <row r="6281" spans="2:20" x14ac:dyDescent="0.2">
      <c r="B6281" s="239">
        <v>62.320999999999998</v>
      </c>
      <c r="C6281" s="3">
        <f t="shared" si="1453"/>
        <v>62.314</v>
      </c>
      <c r="D6281" s="239">
        <v>26.871600000000001</v>
      </c>
      <c r="E6281" s="239">
        <v>0.1784</v>
      </c>
      <c r="F6281" s="239">
        <v>0.40649999999999997</v>
      </c>
      <c r="G6281">
        <f t="shared" si="1454"/>
        <v>26.9529</v>
      </c>
      <c r="H6281" s="235">
        <f t="shared" si="1455"/>
        <v>0.66189538045998764</v>
      </c>
      <c r="I6281" s="236">
        <f t="shared" si="1456"/>
        <v>20.610754099486691</v>
      </c>
      <c r="J6281" s="237">
        <f t="shared" si="1461"/>
        <v>10.610754099486691</v>
      </c>
      <c r="K6281" s="237">
        <f t="shared" si="1457"/>
        <v>1284.3385309554137</v>
      </c>
      <c r="L6281" s="237">
        <f t="shared" si="1462"/>
        <v>661.27280623411002</v>
      </c>
      <c r="M6281" s="236">
        <f t="shared" si="1458"/>
        <v>38.816901628277698</v>
      </c>
      <c r="N6281" s="236">
        <f t="shared" si="1459"/>
        <v>0.69501362674781886</v>
      </c>
      <c r="O6281" s="236">
        <f t="shared" si="1463"/>
        <v>2.1600722927353626</v>
      </c>
      <c r="P6281" s="236" t="str">
        <f t="shared" si="1464"/>
        <v>SAND</v>
      </c>
      <c r="Q6281" s="236" t="e">
        <f t="shared" si="1460"/>
        <v>#N/A</v>
      </c>
      <c r="R6281" s="238">
        <v>35</v>
      </c>
      <c r="S6281" s="236" t="e">
        <f t="shared" si="1465"/>
        <v>#N/A</v>
      </c>
      <c r="T6281" s="236">
        <f t="shared" si="1452"/>
        <v>35.079229536735994</v>
      </c>
    </row>
    <row r="6282" spans="2:20" x14ac:dyDescent="0.2">
      <c r="B6282" s="239">
        <v>62.33</v>
      </c>
      <c r="C6282" s="3">
        <f t="shared" si="1453"/>
        <v>62.323</v>
      </c>
      <c r="D6282" s="239">
        <v>26.793600000000001</v>
      </c>
      <c r="E6282" s="239">
        <v>0.18060000000000001</v>
      </c>
      <c r="F6282" s="239">
        <v>0.44429999999999997</v>
      </c>
      <c r="G6282">
        <f t="shared" si="1454"/>
        <v>26.882460000000002</v>
      </c>
      <c r="H6282" s="235">
        <f t="shared" si="1455"/>
        <v>0.67181351706651848</v>
      </c>
      <c r="I6282" s="236">
        <f t="shared" si="1456"/>
        <v>20.624103075958882</v>
      </c>
      <c r="J6282" s="237">
        <f t="shared" si="1461"/>
        <v>10.624103075958882</v>
      </c>
      <c r="K6282" s="237">
        <f t="shared" si="1457"/>
        <v>1285.3559760029855</v>
      </c>
      <c r="L6282" s="237">
        <f t="shared" si="1462"/>
        <v>662.20034472451709</v>
      </c>
      <c r="M6282" s="236">
        <f t="shared" si="1458"/>
        <v>38.654622015706899</v>
      </c>
      <c r="N6282" s="236">
        <f t="shared" si="1459"/>
        <v>0.70554856451999182</v>
      </c>
      <c r="O6282" s="236">
        <f t="shared" si="1463"/>
        <v>2.1648741799098512</v>
      </c>
      <c r="P6282" s="236" t="str">
        <f t="shared" si="1464"/>
        <v>SAND</v>
      </c>
      <c r="Q6282" s="236" t="e">
        <f t="shared" si="1460"/>
        <v>#N/A</v>
      </c>
      <c r="R6282" s="238">
        <v>35</v>
      </c>
      <c r="S6282" s="236" t="e">
        <f t="shared" si="1465"/>
        <v>#N/A</v>
      </c>
      <c r="T6282" s="236">
        <f t="shared" si="1452"/>
        <v>35.059215739657475</v>
      </c>
    </row>
    <row r="6283" spans="2:20" x14ac:dyDescent="0.2">
      <c r="B6283" s="239">
        <v>62.34</v>
      </c>
      <c r="C6283" s="3">
        <f t="shared" si="1453"/>
        <v>62.333000000000006</v>
      </c>
      <c r="D6283" s="239">
        <v>26.806899999999999</v>
      </c>
      <c r="E6283" s="239">
        <v>0.17349999999999999</v>
      </c>
      <c r="F6283" s="239">
        <v>0.4491</v>
      </c>
      <c r="G6283">
        <f t="shared" si="1454"/>
        <v>26.896719999999998</v>
      </c>
      <c r="H6283" s="235">
        <f t="shared" si="1455"/>
        <v>0.64506006680368466</v>
      </c>
      <c r="I6283" s="236">
        <f t="shared" si="1456"/>
        <v>20.57728103774182</v>
      </c>
      <c r="J6283" s="237">
        <f t="shared" si="1461"/>
        <v>10.57728103774182</v>
      </c>
      <c r="K6283" s="237">
        <f t="shared" si="1457"/>
        <v>1282.6436589255609</v>
      </c>
      <c r="L6283" s="237">
        <f t="shared" si="1462"/>
        <v>659.38769989282503</v>
      </c>
      <c r="M6283" s="236">
        <f t="shared" si="1458"/>
        <v>38.845244376317112</v>
      </c>
      <c r="N6283" s="236">
        <f t="shared" si="1459"/>
        <v>0.67736192275564278</v>
      </c>
      <c r="O6283" s="236">
        <f t="shared" si="1463"/>
        <v>2.1543245816913363</v>
      </c>
      <c r="P6283" s="236" t="str">
        <f t="shared" si="1464"/>
        <v>SAND</v>
      </c>
      <c r="Q6283" s="236" t="e">
        <f t="shared" si="1460"/>
        <v>#N/A</v>
      </c>
      <c r="R6283" s="238">
        <v>35</v>
      </c>
      <c r="S6283" s="236" t="e">
        <f t="shared" si="1465"/>
        <v>#N/A</v>
      </c>
      <c r="T6283" s="236">
        <f t="shared" si="1452"/>
        <v>35.082716437441356</v>
      </c>
    </row>
    <row r="6284" spans="2:20" x14ac:dyDescent="0.2">
      <c r="B6284" s="239">
        <v>62.347999999999999</v>
      </c>
      <c r="C6284" s="3">
        <f t="shared" si="1453"/>
        <v>62.341000000000001</v>
      </c>
      <c r="D6284" s="239">
        <v>26.7044</v>
      </c>
      <c r="E6284" s="239">
        <v>0.15490000000000001</v>
      </c>
      <c r="F6284" s="239">
        <v>0.46710000000000002</v>
      </c>
      <c r="G6284">
        <f t="shared" si="1454"/>
        <v>26.797819999999998</v>
      </c>
      <c r="H6284" s="235">
        <f t="shared" si="1455"/>
        <v>0.57803209365537944</v>
      </c>
      <c r="I6284" s="236">
        <f t="shared" si="1456"/>
        <v>20.442871401419779</v>
      </c>
      <c r="J6284" s="237">
        <f t="shared" si="1461"/>
        <v>10.442871401419779</v>
      </c>
      <c r="K6284" s="237">
        <f t="shared" si="1457"/>
        <v>1274.4290460359105</v>
      </c>
      <c r="L6284" s="237">
        <f t="shared" si="1462"/>
        <v>651.09214613572044</v>
      </c>
      <c r="M6284" s="236">
        <f t="shared" si="1458"/>
        <v>39.200889006951293</v>
      </c>
      <c r="N6284" s="236">
        <f t="shared" si="1459"/>
        <v>0.60689428093386699</v>
      </c>
      <c r="O6284" s="236">
        <f t="shared" si="1463"/>
        <v>2.1279694544821663</v>
      </c>
      <c r="P6284" s="236" t="str">
        <f t="shared" si="1464"/>
        <v>SAND</v>
      </c>
      <c r="Q6284" s="236" t="e">
        <f t="shared" si="1460"/>
        <v>#N/A</v>
      </c>
      <c r="R6284" s="238">
        <v>35</v>
      </c>
      <c r="S6284" s="236" t="e">
        <f t="shared" si="1465"/>
        <v>#N/A</v>
      </c>
      <c r="T6284" s="236">
        <f t="shared" si="1452"/>
        <v>35.126255077806377</v>
      </c>
    </row>
    <row r="6285" spans="2:20" x14ac:dyDescent="0.2">
      <c r="B6285" s="239">
        <v>62.356000000000002</v>
      </c>
      <c r="C6285" s="3">
        <f t="shared" si="1453"/>
        <v>62.349000000000004</v>
      </c>
      <c r="D6285" s="239">
        <v>26.587900000000001</v>
      </c>
      <c r="E6285" s="239">
        <v>0.1429</v>
      </c>
      <c r="F6285" s="239">
        <v>0.47339999999999999</v>
      </c>
      <c r="G6285">
        <f t="shared" si="1454"/>
        <v>26.682580000000002</v>
      </c>
      <c r="H6285" s="235">
        <f t="shared" si="1455"/>
        <v>0.53555540731068729</v>
      </c>
      <c r="I6285" s="236">
        <f t="shared" si="1456"/>
        <v>20.346635110304121</v>
      </c>
      <c r="J6285" s="237">
        <f t="shared" si="1461"/>
        <v>10.346635110304121</v>
      </c>
      <c r="K6285" s="237">
        <f t="shared" si="1457"/>
        <v>1268.5923524923517</v>
      </c>
      <c r="L6285" s="237">
        <f t="shared" si="1462"/>
        <v>645.17477893812372</v>
      </c>
      <c r="M6285" s="236">
        <f t="shared" si="1458"/>
        <v>39.39085729503541</v>
      </c>
      <c r="N6285" s="236">
        <f t="shared" si="1459"/>
        <v>0.56228877570110181</v>
      </c>
      <c r="O6285" s="236">
        <f t="shared" si="1463"/>
        <v>2.1106784569645765</v>
      </c>
      <c r="P6285" s="236" t="str">
        <f t="shared" si="1464"/>
        <v>SAND</v>
      </c>
      <c r="Q6285" s="236" t="e">
        <f t="shared" si="1460"/>
        <v>#N/A</v>
      </c>
      <c r="R6285" s="238">
        <v>35</v>
      </c>
      <c r="S6285" s="236" t="e">
        <f t="shared" si="1465"/>
        <v>#N/A</v>
      </c>
      <c r="T6285" s="236">
        <f t="shared" ref="T6285:T6348" si="1466">IF(P6285="SAND",17.6+(11*LOG(M6285)),#N/A)</f>
        <v>35.149349760948503</v>
      </c>
    </row>
    <row r="6286" spans="2:20" x14ac:dyDescent="0.2">
      <c r="B6286" s="239">
        <v>62.365000000000002</v>
      </c>
      <c r="C6286" s="3">
        <f t="shared" ref="C6286:C6349" si="1467">MAX($B6286 - $B$13, 0.001)</f>
        <v>62.358000000000004</v>
      </c>
      <c r="D6286" s="239">
        <v>26.4146</v>
      </c>
      <c r="E6286" s="239">
        <v>0.1203</v>
      </c>
      <c r="F6286" s="239">
        <v>0.51539999999999997</v>
      </c>
      <c r="G6286">
        <f t="shared" si="1454"/>
        <v>26.517679999999999</v>
      </c>
      <c r="H6286" s="235">
        <f t="shared" si="1455"/>
        <v>0.45365959616376694</v>
      </c>
      <c r="I6286" s="236">
        <f t="shared" si="1456"/>
        <v>20.142342221142609</v>
      </c>
      <c r="J6286" s="237">
        <f t="shared" si="1461"/>
        <v>10.142342221142609</v>
      </c>
      <c r="K6286" s="237">
        <f t="shared" si="1457"/>
        <v>1256.0361762260109</v>
      </c>
      <c r="L6286" s="237">
        <f t="shared" si="1462"/>
        <v>632.52717262155886</v>
      </c>
      <c r="M6286" s="236">
        <f t="shared" si="1458"/>
        <v>39.937642076426712</v>
      </c>
      <c r="N6286" s="236">
        <f t="shared" si="1459"/>
        <v>0.47621604056812983</v>
      </c>
      <c r="O6286" s="236">
        <f t="shared" si="1463"/>
        <v>2.0731096730440117</v>
      </c>
      <c r="P6286" s="236" t="str">
        <f t="shared" si="1464"/>
        <v>SAND</v>
      </c>
      <c r="Q6286" s="236" t="e">
        <f t="shared" si="1460"/>
        <v>#N/A</v>
      </c>
      <c r="R6286" s="238">
        <v>35</v>
      </c>
      <c r="S6286" s="236" t="e">
        <f t="shared" si="1465"/>
        <v>#N/A</v>
      </c>
      <c r="T6286" s="236">
        <f t="shared" si="1466"/>
        <v>35.215206625378741</v>
      </c>
    </row>
    <row r="6287" spans="2:20" x14ac:dyDescent="0.2">
      <c r="B6287" s="239">
        <v>62.374000000000002</v>
      </c>
      <c r="C6287" s="3">
        <f t="shared" si="1467"/>
        <v>62.367000000000004</v>
      </c>
      <c r="D6287" s="239">
        <v>26.214300000000001</v>
      </c>
      <c r="E6287" s="239">
        <v>0.13170000000000001</v>
      </c>
      <c r="F6287" s="239">
        <v>0.4738</v>
      </c>
      <c r="G6287">
        <f t="shared" ref="G6287:G6350" si="1468">$D6287+($F6287*(1-$P$8))</f>
        <v>26.309060000000002</v>
      </c>
      <c r="H6287" s="235">
        <f t="shared" ref="H6287:H6350" si="1469">($E6287/$G6287)*100</f>
        <v>0.50058801036601086</v>
      </c>
      <c r="I6287" s="236">
        <f t="shared" ref="I6287:I6350" si="1470">((0.27*(LOG($H6287)))+(0.36*(LOG(($G6287*1000)/101)))+1.236)*10</f>
        <v>20.245419445035711</v>
      </c>
      <c r="J6287" s="237">
        <f t="shared" si="1461"/>
        <v>10.245419445035711</v>
      </c>
      <c r="K6287" s="237">
        <f t="shared" ref="K6287:K6350" si="1471">$I6287*$C6287</f>
        <v>1262.6460745285424</v>
      </c>
      <c r="L6287" s="237">
        <f t="shared" si="1462"/>
        <v>639.0477924646575</v>
      </c>
      <c r="M6287" s="236">
        <f t="shared" ref="M6287:M6350" si="1472">(($G6287*1000)-$K6287)/$L6287</f>
        <v>39.193334553075147</v>
      </c>
      <c r="N6287" s="236">
        <f t="shared" ref="N6287:N6350" si="1473">(($E6287*1000)/(($G6287*1000)-$K6287))*100</f>
        <v>0.52582377817394865</v>
      </c>
      <c r="O6287" s="236">
        <f t="shared" si="1463"/>
        <v>2.0994077053709446</v>
      </c>
      <c r="P6287" s="236" t="str">
        <f t="shared" si="1464"/>
        <v>SAND</v>
      </c>
      <c r="Q6287" s="236" t="e">
        <f t="shared" ref="Q6287:Q6350" si="1474">IF(P6287="CLAY",($G6287*1000 -$K6287)/$L$8,#N/A)</f>
        <v>#N/A</v>
      </c>
      <c r="R6287" s="238">
        <v>35</v>
      </c>
      <c r="S6287" s="236" t="e">
        <f t="shared" si="1465"/>
        <v>#N/A</v>
      </c>
      <c r="T6287" s="236">
        <f t="shared" si="1466"/>
        <v>35.125334361140609</v>
      </c>
    </row>
    <row r="6288" spans="2:20" x14ac:dyDescent="0.2">
      <c r="B6288" s="239">
        <v>62.383000000000003</v>
      </c>
      <c r="C6288" s="3">
        <f t="shared" si="1467"/>
        <v>62.376000000000005</v>
      </c>
      <c r="D6288" s="239">
        <v>25.913599999999999</v>
      </c>
      <c r="E6288" s="239">
        <v>0.14000000000000001</v>
      </c>
      <c r="F6288" s="239">
        <v>0.52480000000000004</v>
      </c>
      <c r="G6288">
        <f t="shared" si="1468"/>
        <v>26.018559999999997</v>
      </c>
      <c r="H6288" s="235">
        <f t="shared" si="1469"/>
        <v>0.53807743395483842</v>
      </c>
      <c r="I6288" s="236">
        <f t="shared" si="1470"/>
        <v>20.312743681848037</v>
      </c>
      <c r="J6288" s="237">
        <f t="shared" ref="J6288:J6351" si="1475">$I6288-10</f>
        <v>10.312743681848037</v>
      </c>
      <c r="K6288" s="237">
        <f t="shared" si="1471"/>
        <v>1267.0276998989532</v>
      </c>
      <c r="L6288" s="237">
        <f t="shared" ref="L6288:L6351" si="1476">$J6288*$B6288</f>
        <v>643.33988910472613</v>
      </c>
      <c r="M6288" s="236">
        <f t="shared" si="1472"/>
        <v>38.473492347171813</v>
      </c>
      <c r="N6288" s="236">
        <f t="shared" si="1473"/>
        <v>0.56562154739578874</v>
      </c>
      <c r="O6288" s="236">
        <f t="shared" ref="O6288:O6351" si="1477">((3.47-LOG($M6288))^2+(LOG($N6288)+1.22)^2)^0.5</f>
        <v>2.1209484836725863</v>
      </c>
      <c r="P6288" s="236" t="str">
        <f t="shared" ref="P6288:P6351" si="1478">IF(O6288&lt;2.6,"SAND","CLAY")</f>
        <v>SAND</v>
      </c>
      <c r="Q6288" s="236" t="e">
        <f t="shared" si="1474"/>
        <v>#N/A</v>
      </c>
      <c r="R6288" s="238">
        <v>35</v>
      </c>
      <c r="S6288" s="236" t="e">
        <f t="shared" ref="S6288:S6351" si="1479">IF(P6288="SAND",#N/A,0.25*($M6288)^1.25)</f>
        <v>#N/A</v>
      </c>
      <c r="T6288" s="236">
        <f t="shared" si="1466"/>
        <v>35.036777712513057</v>
      </c>
    </row>
    <row r="6289" spans="2:20" x14ac:dyDescent="0.2">
      <c r="B6289" s="239">
        <v>62.392000000000003</v>
      </c>
      <c r="C6289" s="3">
        <f t="shared" si="1467"/>
        <v>62.385000000000005</v>
      </c>
      <c r="D6289" s="239">
        <v>25.404399999999999</v>
      </c>
      <c r="E6289" s="239">
        <v>0.14779999999999999</v>
      </c>
      <c r="F6289" s="239">
        <v>0.50170000000000003</v>
      </c>
      <c r="G6289">
        <f t="shared" si="1468"/>
        <v>25.504739999999998</v>
      </c>
      <c r="H6289" s="235">
        <f t="shared" si="1469"/>
        <v>0.57950012429062203</v>
      </c>
      <c r="I6289" s="236">
        <f t="shared" si="1470"/>
        <v>20.368522836892176</v>
      </c>
      <c r="J6289" s="237">
        <f t="shared" si="1475"/>
        <v>10.368522836892176</v>
      </c>
      <c r="K6289" s="237">
        <f t="shared" si="1471"/>
        <v>1270.6902971795184</v>
      </c>
      <c r="L6289" s="237">
        <f t="shared" si="1476"/>
        <v>646.91287683937662</v>
      </c>
      <c r="M6289" s="236">
        <f t="shared" si="1472"/>
        <v>37.461071761657955</v>
      </c>
      <c r="N6289" s="236">
        <f t="shared" si="1473"/>
        <v>0.60988568486264294</v>
      </c>
      <c r="O6289" s="236">
        <f t="shared" si="1477"/>
        <v>2.1463765954853957</v>
      </c>
      <c r="P6289" s="236" t="str">
        <f t="shared" si="1478"/>
        <v>SAND</v>
      </c>
      <c r="Q6289" s="236" t="e">
        <f t="shared" si="1474"/>
        <v>#N/A</v>
      </c>
      <c r="R6289" s="238">
        <v>35</v>
      </c>
      <c r="S6289" s="236" t="e">
        <f t="shared" si="1479"/>
        <v>#N/A</v>
      </c>
      <c r="T6289" s="236">
        <f t="shared" si="1466"/>
        <v>34.90938218225336</v>
      </c>
    </row>
    <row r="6290" spans="2:20" x14ac:dyDescent="0.2">
      <c r="B6290" s="239">
        <v>62.401000000000003</v>
      </c>
      <c r="C6290" s="3">
        <f t="shared" si="1467"/>
        <v>62.394000000000005</v>
      </c>
      <c r="D6290" s="239">
        <v>24.699000000000002</v>
      </c>
      <c r="E6290" s="239">
        <v>0.15440000000000001</v>
      </c>
      <c r="F6290" s="239">
        <v>0.51019999999999999</v>
      </c>
      <c r="G6290">
        <f t="shared" si="1468"/>
        <v>24.80104</v>
      </c>
      <c r="H6290" s="235">
        <f t="shared" si="1469"/>
        <v>0.62255453803550176</v>
      </c>
      <c r="I6290" s="236">
        <f t="shared" si="1470"/>
        <v>20.408813657095962</v>
      </c>
      <c r="J6290" s="237">
        <f t="shared" si="1475"/>
        <v>10.408813657095962</v>
      </c>
      <c r="K6290" s="237">
        <f t="shared" si="1471"/>
        <v>1273.3875193208455</v>
      </c>
      <c r="L6290" s="237">
        <f t="shared" si="1476"/>
        <v>649.52038101644519</v>
      </c>
      <c r="M6290" s="236">
        <f t="shared" si="1472"/>
        <v>36.223116576973837</v>
      </c>
      <c r="N6290" s="236">
        <f t="shared" si="1473"/>
        <v>0.65624906746133238</v>
      </c>
      <c r="O6290" s="236">
        <f t="shared" si="1477"/>
        <v>2.1742784338210099</v>
      </c>
      <c r="P6290" s="236" t="str">
        <f t="shared" si="1478"/>
        <v>SAND</v>
      </c>
      <c r="Q6290" s="236" t="e">
        <f t="shared" si="1474"/>
        <v>#N/A</v>
      </c>
      <c r="R6290" s="238">
        <v>35</v>
      </c>
      <c r="S6290" s="236" t="e">
        <f t="shared" si="1479"/>
        <v>#N/A</v>
      </c>
      <c r="T6290" s="236">
        <f t="shared" si="1466"/>
        <v>34.748843949200975</v>
      </c>
    </row>
    <row r="6291" spans="2:20" x14ac:dyDescent="0.2">
      <c r="B6291" s="239">
        <v>62.411000000000001</v>
      </c>
      <c r="C6291" s="3">
        <f t="shared" si="1467"/>
        <v>62.404000000000003</v>
      </c>
      <c r="D6291" s="239">
        <v>23.700399999999998</v>
      </c>
      <c r="E6291" s="239">
        <v>0.16109999999999999</v>
      </c>
      <c r="F6291" s="239">
        <v>0.49180000000000001</v>
      </c>
      <c r="G6291">
        <f t="shared" si="1468"/>
        <v>23.798759999999998</v>
      </c>
      <c r="H6291" s="235">
        <f t="shared" si="1469"/>
        <v>0.67692602471725416</v>
      </c>
      <c r="I6291" s="236">
        <f t="shared" si="1470"/>
        <v>20.442499909938</v>
      </c>
      <c r="J6291" s="237">
        <f t="shared" si="1475"/>
        <v>10.442499909938</v>
      </c>
      <c r="K6291" s="237">
        <f t="shared" si="1471"/>
        <v>1275.693764379771</v>
      </c>
      <c r="L6291" s="237">
        <f t="shared" si="1476"/>
        <v>651.72686187914053</v>
      </c>
      <c r="M6291" s="236">
        <f t="shared" si="1472"/>
        <v>34.55905771733714</v>
      </c>
      <c r="N6291" s="236">
        <f t="shared" si="1473"/>
        <v>0.71526673284483955</v>
      </c>
      <c r="O6291" s="236">
        <f t="shared" si="1477"/>
        <v>2.2101888386951352</v>
      </c>
      <c r="P6291" s="236" t="str">
        <f t="shared" si="1478"/>
        <v>SAND</v>
      </c>
      <c r="Q6291" s="236" t="e">
        <f t="shared" si="1474"/>
        <v>#N/A</v>
      </c>
      <c r="R6291" s="238">
        <v>35</v>
      </c>
      <c r="S6291" s="236" t="e">
        <f t="shared" si="1479"/>
        <v>#N/A</v>
      </c>
      <c r="T6291" s="236">
        <f t="shared" si="1466"/>
        <v>34.524180818080914</v>
      </c>
    </row>
    <row r="6292" spans="2:20" x14ac:dyDescent="0.2">
      <c r="B6292" s="239">
        <v>62.420999999999999</v>
      </c>
      <c r="C6292" s="3">
        <f t="shared" si="1467"/>
        <v>62.414000000000001</v>
      </c>
      <c r="D6292" s="239">
        <v>22.3157</v>
      </c>
      <c r="E6292" s="239">
        <v>0.1671</v>
      </c>
      <c r="F6292" s="239">
        <v>0.47289999999999999</v>
      </c>
      <c r="G6292">
        <f t="shared" si="1468"/>
        <v>22.41028</v>
      </c>
      <c r="H6292" s="235">
        <f t="shared" si="1469"/>
        <v>0.74563994738129102</v>
      </c>
      <c r="I6292" s="236">
        <f t="shared" si="1470"/>
        <v>20.461882023578415</v>
      </c>
      <c r="J6292" s="237">
        <f t="shared" si="1475"/>
        <v>10.461882023578415</v>
      </c>
      <c r="K6292" s="237">
        <f t="shared" si="1471"/>
        <v>1277.1079046196232</v>
      </c>
      <c r="L6292" s="237">
        <f t="shared" si="1476"/>
        <v>653.04113779378827</v>
      </c>
      <c r="M6292" s="236">
        <f t="shared" si="1472"/>
        <v>32.361165127783458</v>
      </c>
      <c r="N6292" s="236">
        <f t="shared" si="1473"/>
        <v>0.7907000389994806</v>
      </c>
      <c r="O6292" s="236">
        <f t="shared" si="1477"/>
        <v>2.2564254099089243</v>
      </c>
      <c r="P6292" s="236" t="str">
        <f t="shared" si="1478"/>
        <v>SAND</v>
      </c>
      <c r="Q6292" s="236" t="e">
        <f t="shared" si="1474"/>
        <v>#N/A</v>
      </c>
      <c r="R6292" s="238">
        <v>35</v>
      </c>
      <c r="S6292" s="236" t="e">
        <f t="shared" si="1479"/>
        <v>#N/A</v>
      </c>
      <c r="T6292" s="236">
        <f t="shared" si="1466"/>
        <v>34.210265644630468</v>
      </c>
    </row>
    <row r="6293" spans="2:20" x14ac:dyDescent="0.2">
      <c r="B6293" s="239">
        <v>62.430999999999997</v>
      </c>
      <c r="C6293" s="3">
        <f t="shared" si="1467"/>
        <v>62.423999999999999</v>
      </c>
      <c r="D6293" s="239">
        <v>20.2865</v>
      </c>
      <c r="E6293" s="239">
        <v>0.17180000000000001</v>
      </c>
      <c r="F6293" s="239">
        <v>0.47020000000000001</v>
      </c>
      <c r="G6293">
        <f t="shared" si="1468"/>
        <v>20.38054</v>
      </c>
      <c r="H6293" s="235">
        <f t="shared" si="1469"/>
        <v>0.84296098140677345</v>
      </c>
      <c r="I6293" s="236">
        <f t="shared" si="1470"/>
        <v>20.457299703166623</v>
      </c>
      <c r="J6293" s="237">
        <f t="shared" si="1475"/>
        <v>10.457299703166623</v>
      </c>
      <c r="K6293" s="237">
        <f t="shared" si="1471"/>
        <v>1277.0264766704731</v>
      </c>
      <c r="L6293" s="237">
        <f t="shared" si="1476"/>
        <v>652.85967776839539</v>
      </c>
      <c r="M6293" s="236">
        <f t="shared" si="1472"/>
        <v>29.261285654260575</v>
      </c>
      <c r="N6293" s="236">
        <f t="shared" si="1473"/>
        <v>0.89931100784258855</v>
      </c>
      <c r="O6293" s="236">
        <f t="shared" si="1477"/>
        <v>2.3222628186364784</v>
      </c>
      <c r="P6293" s="236" t="str">
        <f t="shared" si="1478"/>
        <v>SAND</v>
      </c>
      <c r="Q6293" s="236" t="e">
        <f t="shared" si="1474"/>
        <v>#N/A</v>
      </c>
      <c r="R6293" s="238">
        <v>35</v>
      </c>
      <c r="S6293" s="236" t="e">
        <f t="shared" si="1479"/>
        <v>#N/A</v>
      </c>
      <c r="T6293" s="236">
        <f t="shared" si="1466"/>
        <v>33.729227442044859</v>
      </c>
    </row>
    <row r="6294" spans="2:20" x14ac:dyDescent="0.2">
      <c r="B6294" s="239">
        <v>62.442</v>
      </c>
      <c r="C6294" s="3">
        <f t="shared" si="1467"/>
        <v>62.435000000000002</v>
      </c>
      <c r="D6294" s="239">
        <v>17.872199999999999</v>
      </c>
      <c r="E6294" s="239">
        <v>0.1734</v>
      </c>
      <c r="F6294" s="239">
        <v>0.47170000000000001</v>
      </c>
      <c r="G6294">
        <f t="shared" si="1468"/>
        <v>17.966539999999998</v>
      </c>
      <c r="H6294" s="235">
        <f t="shared" si="1469"/>
        <v>0.96512739792970725</v>
      </c>
      <c r="I6294" s="236">
        <f t="shared" si="1470"/>
        <v>20.41889360963691</v>
      </c>
      <c r="J6294" s="237">
        <f t="shared" si="1475"/>
        <v>10.41889360963691</v>
      </c>
      <c r="K6294" s="237">
        <f t="shared" si="1471"/>
        <v>1274.8536225176806</v>
      </c>
      <c r="L6294" s="237">
        <f t="shared" si="1476"/>
        <v>650.57655477294793</v>
      </c>
      <c r="M6294" s="236">
        <f t="shared" si="1472"/>
        <v>25.656759769505893</v>
      </c>
      <c r="N6294" s="236">
        <f t="shared" si="1473"/>
        <v>1.0388405106503966</v>
      </c>
      <c r="O6294" s="236">
        <f t="shared" si="1477"/>
        <v>2.403319020497213</v>
      </c>
      <c r="P6294" s="236" t="str">
        <f t="shared" si="1478"/>
        <v>SAND</v>
      </c>
      <c r="Q6294" s="236" t="e">
        <f t="shared" si="1474"/>
        <v>#N/A</v>
      </c>
      <c r="R6294" s="238">
        <v>35</v>
      </c>
      <c r="S6294" s="236" t="e">
        <f t="shared" si="1479"/>
        <v>#N/A</v>
      </c>
      <c r="T6294" s="236">
        <f t="shared" si="1466"/>
        <v>33.101219885838965</v>
      </c>
    </row>
    <row r="6295" spans="2:20" x14ac:dyDescent="0.2">
      <c r="B6295" s="239">
        <v>62.453000000000003</v>
      </c>
      <c r="C6295" s="3">
        <f t="shared" si="1467"/>
        <v>62.446000000000005</v>
      </c>
      <c r="D6295" s="239">
        <v>15.1136</v>
      </c>
      <c r="E6295" s="239">
        <v>0.1729</v>
      </c>
      <c r="F6295" s="239">
        <v>0.48980000000000001</v>
      </c>
      <c r="G6295">
        <f t="shared" si="1468"/>
        <v>15.21156</v>
      </c>
      <c r="H6295" s="235">
        <f t="shared" si="1469"/>
        <v>1.1366355587461114</v>
      </c>
      <c r="I6295" s="236">
        <f t="shared" si="1470"/>
        <v>20.350445915535488</v>
      </c>
      <c r="J6295" s="237">
        <f t="shared" si="1475"/>
        <v>10.350445915535488</v>
      </c>
      <c r="K6295" s="237">
        <f t="shared" si="1471"/>
        <v>1270.8039456415293</v>
      </c>
      <c r="L6295" s="237">
        <f t="shared" si="1476"/>
        <v>646.41639876293789</v>
      </c>
      <c r="M6295" s="236">
        <f t="shared" si="1472"/>
        <v>21.56621657655533</v>
      </c>
      <c r="N6295" s="236">
        <f t="shared" si="1473"/>
        <v>1.2402483719377912</v>
      </c>
      <c r="O6295" s="236">
        <f t="shared" si="1477"/>
        <v>2.5077413540850628</v>
      </c>
      <c r="P6295" s="236" t="str">
        <f t="shared" si="1478"/>
        <v>SAND</v>
      </c>
      <c r="Q6295" s="236" t="e">
        <f t="shared" si="1474"/>
        <v>#N/A</v>
      </c>
      <c r="R6295" s="238">
        <v>35</v>
      </c>
      <c r="S6295" s="236" t="e">
        <f t="shared" si="1479"/>
        <v>#N/A</v>
      </c>
      <c r="T6295" s="236">
        <f t="shared" si="1466"/>
        <v>32.271513584793084</v>
      </c>
    </row>
    <row r="6296" spans="2:20" x14ac:dyDescent="0.2">
      <c r="B6296" s="239">
        <v>62.463000000000001</v>
      </c>
      <c r="C6296" s="3">
        <f t="shared" si="1467"/>
        <v>62.456000000000003</v>
      </c>
      <c r="D6296" s="239">
        <v>12.373699999999999</v>
      </c>
      <c r="E6296" s="239">
        <v>0.1757</v>
      </c>
      <c r="F6296" s="239">
        <v>0.50839999999999996</v>
      </c>
      <c r="G6296">
        <f t="shared" si="1468"/>
        <v>12.475379999999999</v>
      </c>
      <c r="H6296" s="235">
        <f t="shared" si="1469"/>
        <v>1.4083739332990257</v>
      </c>
      <c r="I6296" s="236">
        <f t="shared" si="1470"/>
        <v>20.29177521521358</v>
      </c>
      <c r="J6296" s="237">
        <f t="shared" si="1475"/>
        <v>10.29177521521358</v>
      </c>
      <c r="K6296" s="237">
        <f t="shared" si="1471"/>
        <v>1267.3431128413795</v>
      </c>
      <c r="L6296" s="237">
        <f t="shared" si="1476"/>
        <v>642.85515526788583</v>
      </c>
      <c r="M6296" s="236">
        <f t="shared" si="1472"/>
        <v>17.434777951633738</v>
      </c>
      <c r="N6296" s="236">
        <f t="shared" si="1473"/>
        <v>1.5676251048147842</v>
      </c>
      <c r="O6296" s="236">
        <f t="shared" si="1477"/>
        <v>2.6399801671698837</v>
      </c>
      <c r="P6296" s="236" t="str">
        <f t="shared" si="1478"/>
        <v>CLAY</v>
      </c>
      <c r="Q6296" s="236">
        <f t="shared" si="1474"/>
        <v>934.00307392988498</v>
      </c>
      <c r="R6296" s="238">
        <v>35</v>
      </c>
      <c r="S6296" s="236">
        <f t="shared" si="1479"/>
        <v>8.9065710025433322</v>
      </c>
      <c r="T6296" s="236" t="e">
        <f t="shared" si="1466"/>
        <v>#N/A</v>
      </c>
    </row>
    <row r="6297" spans="2:20" x14ac:dyDescent="0.2">
      <c r="B6297" s="239">
        <v>62.473999999999997</v>
      </c>
      <c r="C6297" s="3">
        <f t="shared" si="1467"/>
        <v>62.466999999999999</v>
      </c>
      <c r="D6297" s="239">
        <v>10.4657</v>
      </c>
      <c r="E6297" s="239">
        <v>0.18429999999999999</v>
      </c>
      <c r="F6297" s="239">
        <v>0.51290000000000002</v>
      </c>
      <c r="G6297">
        <f t="shared" si="1468"/>
        <v>10.56828</v>
      </c>
      <c r="H6297" s="235">
        <f t="shared" si="1469"/>
        <v>1.7438977771217266</v>
      </c>
      <c r="I6297" s="236">
        <f t="shared" si="1470"/>
        <v>20.282965339482754</v>
      </c>
      <c r="J6297" s="237">
        <f t="shared" si="1475"/>
        <v>10.282965339482754</v>
      </c>
      <c r="K6297" s="237">
        <f t="shared" si="1471"/>
        <v>1267.0159958614693</v>
      </c>
      <c r="L6297" s="237">
        <f t="shared" si="1476"/>
        <v>642.4179766188455</v>
      </c>
      <c r="M6297" s="236">
        <f t="shared" si="1472"/>
        <v>14.478523862443351</v>
      </c>
      <c r="N6297" s="236">
        <f t="shared" si="1473"/>
        <v>1.9814511223205475</v>
      </c>
      <c r="O6297" s="236">
        <f t="shared" si="1477"/>
        <v>2.7629681229085756</v>
      </c>
      <c r="P6297" s="236" t="str">
        <f t="shared" si="1478"/>
        <v>CLAY</v>
      </c>
      <c r="Q6297" s="236">
        <f t="shared" si="1474"/>
        <v>775.10533367821074</v>
      </c>
      <c r="R6297" s="238">
        <v>35</v>
      </c>
      <c r="S6297" s="236">
        <f t="shared" si="1479"/>
        <v>7.0606610981061948</v>
      </c>
      <c r="T6297" s="236" t="e">
        <f t="shared" si="1466"/>
        <v>#N/A</v>
      </c>
    </row>
    <row r="6298" spans="2:20" x14ac:dyDescent="0.2">
      <c r="B6298" s="239">
        <v>62.484000000000002</v>
      </c>
      <c r="C6298" s="3">
        <f t="shared" si="1467"/>
        <v>62.477000000000004</v>
      </c>
      <c r="D6298" s="239">
        <v>9.1486999999999998</v>
      </c>
      <c r="E6298" s="239">
        <v>0.19919999999999999</v>
      </c>
      <c r="F6298" s="239">
        <v>0.61839999999999995</v>
      </c>
      <c r="G6298">
        <f t="shared" si="1468"/>
        <v>9.2723800000000001</v>
      </c>
      <c r="H6298" s="235">
        <f t="shared" si="1469"/>
        <v>2.1483157506487007</v>
      </c>
      <c r="I6298" s="236">
        <f t="shared" si="1470"/>
        <v>20.322996355809714</v>
      </c>
      <c r="J6298" s="237">
        <f t="shared" si="1475"/>
        <v>10.322996355809714</v>
      </c>
      <c r="K6298" s="237">
        <f t="shared" si="1471"/>
        <v>1269.7198433219237</v>
      </c>
      <c r="L6298" s="237">
        <f t="shared" si="1476"/>
        <v>645.02210429641423</v>
      </c>
      <c r="M6298" s="236">
        <f t="shared" si="1472"/>
        <v>12.406799865265585</v>
      </c>
      <c r="N6298" s="236">
        <f t="shared" si="1473"/>
        <v>2.4891723014599236</v>
      </c>
      <c r="O6298" s="236">
        <f t="shared" si="1477"/>
        <v>2.8737826100420238</v>
      </c>
      <c r="P6298" s="236" t="str">
        <f t="shared" si="1478"/>
        <v>CLAY</v>
      </c>
      <c r="Q6298" s="236">
        <f t="shared" si="1474"/>
        <v>666.88834638983963</v>
      </c>
      <c r="R6298" s="238">
        <v>35</v>
      </c>
      <c r="S6298" s="236">
        <f t="shared" si="1479"/>
        <v>5.821229606678461</v>
      </c>
      <c r="T6298" s="236" t="e">
        <f t="shared" si="1466"/>
        <v>#N/A</v>
      </c>
    </row>
    <row r="6299" spans="2:20" x14ac:dyDescent="0.2">
      <c r="B6299" s="239">
        <v>62.494</v>
      </c>
      <c r="C6299" s="3">
        <f t="shared" si="1467"/>
        <v>62.487000000000002</v>
      </c>
      <c r="D6299" s="239">
        <v>8.2582000000000004</v>
      </c>
      <c r="E6299" s="239">
        <v>0.21870000000000001</v>
      </c>
      <c r="F6299" s="239">
        <v>0.68520000000000003</v>
      </c>
      <c r="G6299">
        <f t="shared" si="1468"/>
        <v>8.3952400000000011</v>
      </c>
      <c r="H6299" s="235">
        <f t="shared" si="1469"/>
        <v>2.605047622224022</v>
      </c>
      <c r="I6299" s="236">
        <f t="shared" si="1470"/>
        <v>20.393664573074759</v>
      </c>
      <c r="J6299" s="237">
        <f t="shared" si="1475"/>
        <v>10.393664573074759</v>
      </c>
      <c r="K6299" s="237">
        <f t="shared" si="1471"/>
        <v>1274.3389181777225</v>
      </c>
      <c r="L6299" s="237">
        <f t="shared" si="1476"/>
        <v>649.54167382973401</v>
      </c>
      <c r="M6299" s="236">
        <f t="shared" si="1472"/>
        <v>10.962962606905648</v>
      </c>
      <c r="N6299" s="236">
        <f t="shared" si="1473"/>
        <v>3.071240528228675</v>
      </c>
      <c r="O6299" s="236">
        <f t="shared" si="1477"/>
        <v>2.9698772308495616</v>
      </c>
      <c r="P6299" s="236" t="str">
        <f t="shared" si="1478"/>
        <v>CLAY</v>
      </c>
      <c r="Q6299" s="236">
        <f t="shared" si="1474"/>
        <v>593.40842348518993</v>
      </c>
      <c r="R6299" s="238">
        <v>35</v>
      </c>
      <c r="S6299" s="236">
        <f t="shared" si="1479"/>
        <v>4.9871212210709084</v>
      </c>
      <c r="T6299" s="236" t="e">
        <f t="shared" si="1466"/>
        <v>#N/A</v>
      </c>
    </row>
    <row r="6300" spans="2:20" x14ac:dyDescent="0.2">
      <c r="B6300" s="239">
        <v>62.505000000000003</v>
      </c>
      <c r="C6300" s="3">
        <f t="shared" si="1467"/>
        <v>62.498000000000005</v>
      </c>
      <c r="D6300" s="239">
        <v>7.6184000000000003</v>
      </c>
      <c r="E6300" s="239">
        <v>0.249</v>
      </c>
      <c r="F6300" s="239">
        <v>0.82489999999999997</v>
      </c>
      <c r="G6300">
        <f t="shared" si="1468"/>
        <v>7.7833800000000002</v>
      </c>
      <c r="H6300" s="235">
        <f t="shared" si="1469"/>
        <v>3.1991242879057684</v>
      </c>
      <c r="I6300" s="236">
        <f t="shared" si="1470"/>
        <v>20.516232702214431</v>
      </c>
      <c r="J6300" s="237">
        <f t="shared" si="1475"/>
        <v>10.516232702214431</v>
      </c>
      <c r="K6300" s="237">
        <f t="shared" si="1471"/>
        <v>1282.2235114229977</v>
      </c>
      <c r="L6300" s="237">
        <f t="shared" si="1476"/>
        <v>657.31712505191308</v>
      </c>
      <c r="M6300" s="236">
        <f t="shared" si="1472"/>
        <v>9.8904413726685707</v>
      </c>
      <c r="N6300" s="236">
        <f t="shared" si="1473"/>
        <v>3.830087776498087</v>
      </c>
      <c r="O6300" s="236">
        <f t="shared" si="1477"/>
        <v>3.0620449341733318</v>
      </c>
      <c r="P6300" s="236" t="str">
        <f t="shared" si="1478"/>
        <v>CLAY</v>
      </c>
      <c r="Q6300" s="236">
        <f t="shared" si="1474"/>
        <v>541.76304071475022</v>
      </c>
      <c r="R6300" s="238">
        <v>35</v>
      </c>
      <c r="S6300" s="236">
        <f t="shared" si="1479"/>
        <v>4.3848990544079252</v>
      </c>
      <c r="T6300" s="236" t="e">
        <f t="shared" si="1466"/>
        <v>#N/A</v>
      </c>
    </row>
    <row r="6301" spans="2:20" x14ac:dyDescent="0.2">
      <c r="B6301" s="239">
        <v>62.514000000000003</v>
      </c>
      <c r="C6301" s="3">
        <f t="shared" si="1467"/>
        <v>62.507000000000005</v>
      </c>
      <c r="D6301" s="239">
        <v>6.8139000000000003</v>
      </c>
      <c r="E6301" s="239">
        <v>0.29509999999999997</v>
      </c>
      <c r="F6301" s="239">
        <v>0.92049999999999998</v>
      </c>
      <c r="G6301">
        <f t="shared" si="1468"/>
        <v>6.9980000000000002</v>
      </c>
      <c r="H6301" s="235">
        <f t="shared" si="1469"/>
        <v>4.216919119748499</v>
      </c>
      <c r="I6301" s="236">
        <f t="shared" si="1470"/>
        <v>20.673836464364577</v>
      </c>
      <c r="J6301" s="237">
        <f t="shared" si="1475"/>
        <v>10.673836464364577</v>
      </c>
      <c r="K6301" s="237">
        <f t="shared" si="1471"/>
        <v>1292.2594958780367</v>
      </c>
      <c r="L6301" s="237">
        <f t="shared" si="1476"/>
        <v>667.2642127332872</v>
      </c>
      <c r="M6301" s="236">
        <f t="shared" si="1472"/>
        <v>8.5509463796204077</v>
      </c>
      <c r="N6301" s="236">
        <f t="shared" si="1473"/>
        <v>5.1719842461607328</v>
      </c>
      <c r="O6301" s="236">
        <f t="shared" si="1477"/>
        <v>3.1906742466307212</v>
      </c>
      <c r="P6301" s="236" t="str">
        <f t="shared" si="1478"/>
        <v>CLAY</v>
      </c>
      <c r="Q6301" s="236">
        <f t="shared" si="1474"/>
        <v>475.47837534349696</v>
      </c>
      <c r="R6301" s="238">
        <v>35</v>
      </c>
      <c r="S6301" s="236">
        <f t="shared" si="1479"/>
        <v>3.6555921627195889</v>
      </c>
      <c r="T6301" s="236" t="e">
        <f t="shared" si="1466"/>
        <v>#N/A</v>
      </c>
    </row>
    <row r="6302" spans="2:20" x14ac:dyDescent="0.2">
      <c r="B6302" s="239">
        <v>62.524999999999999</v>
      </c>
      <c r="C6302" s="3">
        <f t="shared" si="1467"/>
        <v>62.518000000000001</v>
      </c>
      <c r="D6302" s="239">
        <v>6.0446999999999997</v>
      </c>
      <c r="E6302" s="239">
        <v>0.35210000000000002</v>
      </c>
      <c r="F6302" s="239">
        <v>0.92889999999999995</v>
      </c>
      <c r="G6302">
        <f t="shared" si="1468"/>
        <v>6.23048</v>
      </c>
      <c r="H6302" s="235">
        <f t="shared" si="1469"/>
        <v>5.6512499839498727</v>
      </c>
      <c r="I6302" s="236">
        <f t="shared" si="1470"/>
        <v>20.835510677707131</v>
      </c>
      <c r="J6302" s="237">
        <f t="shared" si="1475"/>
        <v>10.835510677707131</v>
      </c>
      <c r="K6302" s="237">
        <f t="shared" si="1471"/>
        <v>1302.5944565488944</v>
      </c>
      <c r="L6302" s="237">
        <f t="shared" si="1476"/>
        <v>677.49030512363834</v>
      </c>
      <c r="M6302" s="236">
        <f t="shared" si="1472"/>
        <v>7.2737358840165136</v>
      </c>
      <c r="N6302" s="236">
        <f t="shared" si="1473"/>
        <v>7.1450523129118118</v>
      </c>
      <c r="O6302" s="236">
        <f t="shared" si="1477"/>
        <v>3.3323306031263158</v>
      </c>
      <c r="P6302" s="236" t="str">
        <f t="shared" si="1478"/>
        <v>CLAY</v>
      </c>
      <c r="Q6302" s="236">
        <f t="shared" si="1474"/>
        <v>410.65712862092545</v>
      </c>
      <c r="R6302" s="238">
        <v>35</v>
      </c>
      <c r="S6302" s="236">
        <f t="shared" si="1479"/>
        <v>2.9863239542391238</v>
      </c>
      <c r="T6302" s="236" t="e">
        <f t="shared" si="1466"/>
        <v>#N/A</v>
      </c>
    </row>
    <row r="6303" spans="2:20" x14ac:dyDescent="0.2">
      <c r="B6303" s="239">
        <v>62.533999999999999</v>
      </c>
      <c r="C6303" s="3">
        <f t="shared" si="1467"/>
        <v>62.527000000000001</v>
      </c>
      <c r="D6303" s="239">
        <v>5.4916999999999998</v>
      </c>
      <c r="E6303" s="239">
        <v>0.38550000000000001</v>
      </c>
      <c r="F6303" s="239">
        <v>1.0662</v>
      </c>
      <c r="G6303">
        <f t="shared" si="1468"/>
        <v>5.7049399999999997</v>
      </c>
      <c r="H6303" s="235">
        <f t="shared" si="1469"/>
        <v>6.7573015667123588</v>
      </c>
      <c r="I6303" s="236">
        <f t="shared" si="1470"/>
        <v>20.907334859921672</v>
      </c>
      <c r="J6303" s="237">
        <f t="shared" si="1475"/>
        <v>10.907334859921672</v>
      </c>
      <c r="K6303" s="237">
        <f t="shared" si="1471"/>
        <v>1307.2729267863224</v>
      </c>
      <c r="L6303" s="237">
        <f t="shared" si="1476"/>
        <v>682.07927813034189</v>
      </c>
      <c r="M6303" s="236">
        <f t="shared" si="1472"/>
        <v>6.4474427155567469</v>
      </c>
      <c r="N6303" s="236">
        <f t="shared" si="1473"/>
        <v>8.766011468855659</v>
      </c>
      <c r="O6303" s="236">
        <f t="shared" si="1477"/>
        <v>3.4287857263494961</v>
      </c>
      <c r="P6303" s="236" t="str">
        <f t="shared" si="1478"/>
        <v>CLAY</v>
      </c>
      <c r="Q6303" s="236">
        <f t="shared" si="1474"/>
        <v>366.47225610113975</v>
      </c>
      <c r="R6303" s="238">
        <v>35</v>
      </c>
      <c r="S6303" s="236">
        <f t="shared" si="1479"/>
        <v>2.5684692691893218</v>
      </c>
      <c r="T6303" s="236" t="e">
        <f t="shared" si="1466"/>
        <v>#N/A</v>
      </c>
    </row>
    <row r="6304" spans="2:20" x14ac:dyDescent="0.2">
      <c r="B6304" s="239">
        <v>62.542999999999999</v>
      </c>
      <c r="C6304" s="3">
        <f t="shared" si="1467"/>
        <v>62.536000000000001</v>
      </c>
      <c r="D6304" s="239">
        <v>5.0873999999999997</v>
      </c>
      <c r="E6304" s="239">
        <v>0.40310000000000001</v>
      </c>
      <c r="F6304" s="239">
        <v>1.3398000000000001</v>
      </c>
      <c r="G6304">
        <f t="shared" si="1468"/>
        <v>5.3553599999999992</v>
      </c>
      <c r="H6304" s="235">
        <f t="shared" si="1469"/>
        <v>7.5270383316901208</v>
      </c>
      <c r="I6304" s="236">
        <f t="shared" si="1470"/>
        <v>20.934967412804525</v>
      </c>
      <c r="J6304" s="237">
        <f t="shared" si="1475"/>
        <v>10.934967412804525</v>
      </c>
      <c r="K6304" s="237">
        <f t="shared" si="1471"/>
        <v>1309.1891221271437</v>
      </c>
      <c r="L6304" s="237">
        <f t="shared" si="1476"/>
        <v>683.90566689903335</v>
      </c>
      <c r="M6304" s="236">
        <f t="shared" si="1472"/>
        <v>5.9162704356859823</v>
      </c>
      <c r="N6304" s="236">
        <f t="shared" si="1473"/>
        <v>9.9625055927424615</v>
      </c>
      <c r="O6304" s="236">
        <f t="shared" si="1477"/>
        <v>3.4928647337298155</v>
      </c>
      <c r="P6304" s="236" t="str">
        <f t="shared" si="1478"/>
        <v>CLAY</v>
      </c>
      <c r="Q6304" s="236">
        <f t="shared" si="1474"/>
        <v>337.18090648940466</v>
      </c>
      <c r="R6304" s="238">
        <v>35</v>
      </c>
      <c r="S6304" s="236">
        <f t="shared" si="1479"/>
        <v>2.3067473516138537</v>
      </c>
      <c r="T6304" s="236" t="e">
        <f t="shared" si="1466"/>
        <v>#N/A</v>
      </c>
    </row>
    <row r="6305" spans="2:20" x14ac:dyDescent="0.2">
      <c r="B6305" s="239">
        <v>62.554000000000002</v>
      </c>
      <c r="C6305" s="3">
        <f t="shared" si="1467"/>
        <v>62.547000000000004</v>
      </c>
      <c r="D6305" s="239">
        <v>5.0010000000000003</v>
      </c>
      <c r="E6305" s="239">
        <v>0.42659999999999998</v>
      </c>
      <c r="F6305" s="239">
        <v>1.7427999999999999</v>
      </c>
      <c r="G6305">
        <f t="shared" si="1468"/>
        <v>5.3495600000000003</v>
      </c>
      <c r="H6305" s="235">
        <f t="shared" si="1469"/>
        <v>7.9744876214118534</v>
      </c>
      <c r="I6305" s="236">
        <f t="shared" si="1470"/>
        <v>21.000985608976524</v>
      </c>
      <c r="J6305" s="237">
        <f t="shared" si="1475"/>
        <v>11.000985608976524</v>
      </c>
      <c r="K6305" s="237">
        <f t="shared" si="1471"/>
        <v>1313.5486468846548</v>
      </c>
      <c r="L6305" s="237">
        <f t="shared" si="1476"/>
        <v>688.1556537839175</v>
      </c>
      <c r="M6305" s="236">
        <f t="shared" si="1472"/>
        <v>5.8649686752158292</v>
      </c>
      <c r="N6305" s="236">
        <f t="shared" si="1473"/>
        <v>10.569841426999774</v>
      </c>
      <c r="O6305" s="236">
        <f t="shared" si="1477"/>
        <v>3.512151982922997</v>
      </c>
      <c r="P6305" s="236" t="str">
        <f t="shared" si="1478"/>
        <v>CLAY</v>
      </c>
      <c r="Q6305" s="236">
        <f t="shared" si="1474"/>
        <v>336.33427942627878</v>
      </c>
      <c r="R6305" s="238">
        <v>35</v>
      </c>
      <c r="S6305" s="236">
        <f t="shared" si="1479"/>
        <v>2.2817713866412599</v>
      </c>
      <c r="T6305" s="236" t="e">
        <f t="shared" si="1466"/>
        <v>#N/A</v>
      </c>
    </row>
    <row r="6306" spans="2:20" x14ac:dyDescent="0.2">
      <c r="B6306" s="239">
        <v>62.563000000000002</v>
      </c>
      <c r="C6306" s="3">
        <f t="shared" si="1467"/>
        <v>62.556000000000004</v>
      </c>
      <c r="D6306" s="239">
        <v>4.9756999999999998</v>
      </c>
      <c r="E6306" s="239">
        <v>0.4415</v>
      </c>
      <c r="F6306" s="239">
        <v>2.1497999999999999</v>
      </c>
      <c r="G6306">
        <f t="shared" si="1468"/>
        <v>5.4056599999999992</v>
      </c>
      <c r="H6306" s="235">
        <f t="shared" si="1469"/>
        <v>8.1673653170935658</v>
      </c>
      <c r="I6306" s="236">
        <f t="shared" si="1470"/>
        <v>21.045319819496015</v>
      </c>
      <c r="J6306" s="237">
        <f t="shared" si="1475"/>
        <v>11.045319819496015</v>
      </c>
      <c r="K6306" s="237">
        <f t="shared" si="1471"/>
        <v>1316.5110266283928</v>
      </c>
      <c r="L6306" s="237">
        <f t="shared" si="1476"/>
        <v>691.02834386712925</v>
      </c>
      <c r="M6306" s="236">
        <f t="shared" si="1472"/>
        <v>5.9174837177993771</v>
      </c>
      <c r="N6306" s="236">
        <f t="shared" si="1473"/>
        <v>10.796867584796553</v>
      </c>
      <c r="O6306" s="236">
        <f t="shared" si="1477"/>
        <v>3.5150839596900543</v>
      </c>
      <c r="P6306" s="236" t="str">
        <f t="shared" si="1478"/>
        <v>CLAY</v>
      </c>
      <c r="Q6306" s="236">
        <f t="shared" si="1474"/>
        <v>340.76241444763383</v>
      </c>
      <c r="R6306" s="238">
        <v>35</v>
      </c>
      <c r="S6306" s="236">
        <f t="shared" si="1479"/>
        <v>2.307338688477294</v>
      </c>
      <c r="T6306" s="236" t="e">
        <f t="shared" si="1466"/>
        <v>#N/A</v>
      </c>
    </row>
    <row r="6307" spans="2:20" x14ac:dyDescent="0.2">
      <c r="B6307" s="239">
        <v>62.572000000000003</v>
      </c>
      <c r="C6307" s="3">
        <f t="shared" si="1467"/>
        <v>62.565000000000005</v>
      </c>
      <c r="D6307" s="239">
        <v>5.5449000000000002</v>
      </c>
      <c r="E6307" s="239">
        <v>0.43419999999999997</v>
      </c>
      <c r="F6307" s="239">
        <v>2.3746999999999998</v>
      </c>
      <c r="G6307">
        <f t="shared" si="1468"/>
        <v>6.0198400000000003</v>
      </c>
      <c r="H6307" s="235">
        <f t="shared" si="1469"/>
        <v>7.2128162874760786</v>
      </c>
      <c r="I6307" s="236">
        <f t="shared" si="1470"/>
        <v>21.067832019556722</v>
      </c>
      <c r="J6307" s="237">
        <f t="shared" si="1475"/>
        <v>11.067832019556722</v>
      </c>
      <c r="K6307" s="237">
        <f t="shared" si="1471"/>
        <v>1318.1089103035663</v>
      </c>
      <c r="L6307" s="237">
        <f t="shared" si="1476"/>
        <v>692.53638512770317</v>
      </c>
      <c r="M6307" s="236">
        <f t="shared" si="1472"/>
        <v>6.7891466653112209</v>
      </c>
      <c r="N6307" s="236">
        <f t="shared" si="1473"/>
        <v>9.2348965033649772</v>
      </c>
      <c r="O6307" s="236">
        <f t="shared" si="1477"/>
        <v>3.4258038847341239</v>
      </c>
      <c r="P6307" s="236" t="str">
        <f t="shared" si="1478"/>
        <v>CLAY</v>
      </c>
      <c r="Q6307" s="236">
        <f t="shared" si="1474"/>
        <v>391.81092414136947</v>
      </c>
      <c r="R6307" s="238">
        <v>35</v>
      </c>
      <c r="S6307" s="236">
        <f t="shared" si="1479"/>
        <v>2.7397377714131435</v>
      </c>
      <c r="T6307" s="236" t="e">
        <f t="shared" si="1466"/>
        <v>#N/A</v>
      </c>
    </row>
    <row r="6308" spans="2:20" x14ac:dyDescent="0.2">
      <c r="B6308" s="239">
        <v>62.582000000000001</v>
      </c>
      <c r="C6308" s="3">
        <f t="shared" si="1467"/>
        <v>62.575000000000003</v>
      </c>
      <c r="D6308" s="239">
        <v>6.7888999999999999</v>
      </c>
      <c r="E6308" s="239">
        <v>0.4259</v>
      </c>
      <c r="F6308" s="239">
        <v>2.4780000000000002</v>
      </c>
      <c r="G6308">
        <f t="shared" si="1468"/>
        <v>7.2844999999999995</v>
      </c>
      <c r="H6308" s="235">
        <f t="shared" si="1469"/>
        <v>5.8466607179627985</v>
      </c>
      <c r="I6308" s="236">
        <f t="shared" si="1470"/>
        <v>21.119733455455354</v>
      </c>
      <c r="J6308" s="237">
        <f t="shared" si="1475"/>
        <v>11.119733455455354</v>
      </c>
      <c r="K6308" s="237">
        <f t="shared" si="1471"/>
        <v>1321.5673209751187</v>
      </c>
      <c r="L6308" s="237">
        <f t="shared" si="1476"/>
        <v>695.89515910930697</v>
      </c>
      <c r="M6308" s="236">
        <f t="shared" si="1472"/>
        <v>8.5687227464794873</v>
      </c>
      <c r="N6308" s="236">
        <f t="shared" si="1473"/>
        <v>7.1424586344591683</v>
      </c>
      <c r="O6308" s="236">
        <f t="shared" si="1477"/>
        <v>3.2768337134136059</v>
      </c>
      <c r="P6308" s="236" t="str">
        <f t="shared" si="1478"/>
        <v>CLAY</v>
      </c>
      <c r="Q6308" s="236">
        <f t="shared" si="1474"/>
        <v>496.9110565854067</v>
      </c>
      <c r="R6308" s="238">
        <v>35</v>
      </c>
      <c r="S6308" s="236">
        <f t="shared" si="1479"/>
        <v>3.6650940386253477</v>
      </c>
      <c r="T6308" s="236" t="e">
        <f t="shared" si="1466"/>
        <v>#N/A</v>
      </c>
    </row>
    <row r="6309" spans="2:20" x14ac:dyDescent="0.2">
      <c r="B6309" s="239">
        <v>62.591999999999999</v>
      </c>
      <c r="C6309" s="3">
        <f t="shared" si="1467"/>
        <v>62.585000000000001</v>
      </c>
      <c r="D6309" s="239">
        <v>8.1854999999999993</v>
      </c>
      <c r="E6309" s="239">
        <v>0.4138</v>
      </c>
      <c r="F6309" s="239">
        <v>2.5068999999999999</v>
      </c>
      <c r="G6309">
        <f t="shared" si="1468"/>
        <v>8.6868799999999986</v>
      </c>
      <c r="H6309" s="235">
        <f t="shared" si="1469"/>
        <v>4.7635054242720063</v>
      </c>
      <c r="I6309" s="236">
        <f t="shared" si="1470"/>
        <v>21.154754807487336</v>
      </c>
      <c r="J6309" s="237">
        <f t="shared" si="1475"/>
        <v>11.154754807487336</v>
      </c>
      <c r="K6309" s="237">
        <f t="shared" si="1471"/>
        <v>1323.970329626595</v>
      </c>
      <c r="L6309" s="237">
        <f t="shared" si="1476"/>
        <v>698.19841291024738</v>
      </c>
      <c r="M6309" s="236">
        <f t="shared" si="1472"/>
        <v>10.545583510685947</v>
      </c>
      <c r="N6309" s="236">
        <f t="shared" si="1473"/>
        <v>5.6200607983150022</v>
      </c>
      <c r="O6309" s="236">
        <f t="shared" si="1477"/>
        <v>3.1412327318502116</v>
      </c>
      <c r="P6309" s="236" t="str">
        <f t="shared" si="1478"/>
        <v>CLAY</v>
      </c>
      <c r="Q6309" s="236">
        <f t="shared" si="1474"/>
        <v>613.57580586445033</v>
      </c>
      <c r="R6309" s="238">
        <v>35</v>
      </c>
      <c r="S6309" s="236">
        <f t="shared" si="1479"/>
        <v>4.7509261286713462</v>
      </c>
      <c r="T6309" s="236" t="e">
        <f t="shared" si="1466"/>
        <v>#N/A</v>
      </c>
    </row>
    <row r="6310" spans="2:20" x14ac:dyDescent="0.2">
      <c r="B6310" s="239">
        <v>62.600999999999999</v>
      </c>
      <c r="C6310" s="3">
        <f t="shared" si="1467"/>
        <v>62.594000000000001</v>
      </c>
      <c r="D6310" s="239">
        <v>9.8079000000000001</v>
      </c>
      <c r="E6310" s="239">
        <v>0.38869999999999999</v>
      </c>
      <c r="F6310" s="239">
        <v>2.3839999999999999</v>
      </c>
      <c r="G6310">
        <f t="shared" si="1468"/>
        <v>10.284700000000001</v>
      </c>
      <c r="H6310" s="235">
        <f t="shared" si="1469"/>
        <v>3.7794004686573257</v>
      </c>
      <c r="I6310" s="236">
        <f t="shared" si="1470"/>
        <v>21.147374779326409</v>
      </c>
      <c r="J6310" s="237">
        <f t="shared" si="1475"/>
        <v>11.147374779326409</v>
      </c>
      <c r="K6310" s="237">
        <f t="shared" si="1471"/>
        <v>1323.6987769371572</v>
      </c>
      <c r="L6310" s="237">
        <f t="shared" si="1476"/>
        <v>697.83680856061255</v>
      </c>
      <c r="M6310" s="236">
        <f t="shared" si="1472"/>
        <v>12.841112869276959</v>
      </c>
      <c r="N6310" s="236">
        <f t="shared" si="1473"/>
        <v>4.3376849341299772</v>
      </c>
      <c r="O6310" s="236">
        <f t="shared" si="1477"/>
        <v>3.0042644150131004</v>
      </c>
      <c r="P6310" s="236" t="str">
        <f t="shared" si="1478"/>
        <v>CLAY</v>
      </c>
      <c r="Q6310" s="236">
        <f t="shared" si="1474"/>
        <v>746.75010192190359</v>
      </c>
      <c r="R6310" s="238">
        <v>35</v>
      </c>
      <c r="S6310" s="236">
        <f t="shared" si="1479"/>
        <v>6.0770573910760763</v>
      </c>
      <c r="T6310" s="236" t="e">
        <f t="shared" si="1466"/>
        <v>#N/A</v>
      </c>
    </row>
    <row r="6311" spans="2:20" x14ac:dyDescent="0.2">
      <c r="B6311" s="239">
        <v>62.61</v>
      </c>
      <c r="C6311" s="3">
        <f t="shared" si="1467"/>
        <v>62.603000000000002</v>
      </c>
      <c r="D6311" s="239">
        <v>11.613899999999999</v>
      </c>
      <c r="E6311" s="239">
        <v>0.3569</v>
      </c>
      <c r="F6311" s="239">
        <v>2.1684999999999999</v>
      </c>
      <c r="G6311">
        <f t="shared" si="1468"/>
        <v>12.047599999999999</v>
      </c>
      <c r="H6311" s="235">
        <f t="shared" si="1469"/>
        <v>2.9624157508549422</v>
      </c>
      <c r="I6311" s="236">
        <f t="shared" si="1470"/>
        <v>21.109129219691557</v>
      </c>
      <c r="J6311" s="237">
        <f t="shared" si="1475"/>
        <v>11.109129219691557</v>
      </c>
      <c r="K6311" s="237">
        <f t="shared" si="1471"/>
        <v>1321.4948165403505</v>
      </c>
      <c r="L6311" s="237">
        <f t="shared" si="1476"/>
        <v>695.54258044488836</v>
      </c>
      <c r="M6311" s="236">
        <f t="shared" si="1472"/>
        <v>15.421205667378311</v>
      </c>
      <c r="N6311" s="236">
        <f t="shared" si="1473"/>
        <v>3.3273960481980267</v>
      </c>
      <c r="O6311" s="236">
        <f t="shared" si="1477"/>
        <v>2.870873044216975</v>
      </c>
      <c r="P6311" s="236" t="str">
        <f t="shared" si="1478"/>
        <v>CLAY</v>
      </c>
      <c r="Q6311" s="236">
        <f t="shared" si="1474"/>
        <v>893.84209862163732</v>
      </c>
      <c r="R6311" s="238">
        <v>35</v>
      </c>
      <c r="S6311" s="236">
        <f t="shared" si="1479"/>
        <v>7.6399043304743213</v>
      </c>
      <c r="T6311" s="236" t="e">
        <f t="shared" si="1466"/>
        <v>#N/A</v>
      </c>
    </row>
    <row r="6312" spans="2:20" x14ac:dyDescent="0.2">
      <c r="B6312" s="239">
        <v>62.621000000000002</v>
      </c>
      <c r="C6312" s="3">
        <f t="shared" si="1467"/>
        <v>62.614000000000004</v>
      </c>
      <c r="D6312" s="239">
        <v>13.229799999999999</v>
      </c>
      <c r="E6312" s="239">
        <v>0.32350000000000001</v>
      </c>
      <c r="F6312" s="239">
        <v>1.4517</v>
      </c>
      <c r="G6312">
        <f t="shared" si="1468"/>
        <v>13.52014</v>
      </c>
      <c r="H6312" s="235">
        <f t="shared" si="1469"/>
        <v>2.3927267025341457</v>
      </c>
      <c r="I6312" s="236">
        <f t="shared" si="1470"/>
        <v>21.038986693738316</v>
      </c>
      <c r="J6312" s="237">
        <f t="shared" si="1475"/>
        <v>11.038986693738316</v>
      </c>
      <c r="K6312" s="237">
        <f t="shared" si="1471"/>
        <v>1317.335112841731</v>
      </c>
      <c r="L6312" s="237">
        <f t="shared" si="1476"/>
        <v>691.27238574858711</v>
      </c>
      <c r="M6312" s="236">
        <f t="shared" si="1472"/>
        <v>17.652672287702778</v>
      </c>
      <c r="N6312" s="236">
        <f t="shared" si="1473"/>
        <v>2.6510298492147335</v>
      </c>
      <c r="O6312" s="236">
        <f t="shared" si="1477"/>
        <v>2.7646669494800142</v>
      </c>
      <c r="P6312" s="236" t="str">
        <f t="shared" si="1478"/>
        <v>CLAY</v>
      </c>
      <c r="Q6312" s="236">
        <f t="shared" si="1474"/>
        <v>1016.9004072631891</v>
      </c>
      <c r="R6312" s="238">
        <v>35</v>
      </c>
      <c r="S6312" s="236">
        <f t="shared" si="1479"/>
        <v>9.045927073486423</v>
      </c>
      <c r="T6312" s="236" t="e">
        <f t="shared" si="1466"/>
        <v>#N/A</v>
      </c>
    </row>
    <row r="6313" spans="2:20" x14ac:dyDescent="0.2">
      <c r="B6313" s="239">
        <v>62.631</v>
      </c>
      <c r="C6313" s="3">
        <f t="shared" si="1467"/>
        <v>62.624000000000002</v>
      </c>
      <c r="D6313" s="239">
        <v>14.6486</v>
      </c>
      <c r="E6313" s="239">
        <v>0.28439999999999999</v>
      </c>
      <c r="F6313" s="239">
        <v>0.64929999999999999</v>
      </c>
      <c r="G6313">
        <f t="shared" si="1468"/>
        <v>14.778460000000001</v>
      </c>
      <c r="H6313" s="235">
        <f t="shared" si="1469"/>
        <v>1.9244224364378966</v>
      </c>
      <c r="I6313" s="236">
        <f t="shared" si="1470"/>
        <v>20.922719215342752</v>
      </c>
      <c r="J6313" s="237">
        <f t="shared" si="1475"/>
        <v>10.922719215342752</v>
      </c>
      <c r="K6313" s="237">
        <f t="shared" si="1471"/>
        <v>1310.2643681416246</v>
      </c>
      <c r="L6313" s="237">
        <f t="shared" si="1476"/>
        <v>684.10082717613193</v>
      </c>
      <c r="M6313" s="236">
        <f t="shared" si="1472"/>
        <v>19.687442401514286</v>
      </c>
      <c r="N6313" s="236">
        <f t="shared" si="1473"/>
        <v>2.1116414386442779</v>
      </c>
      <c r="O6313" s="236">
        <f t="shared" si="1477"/>
        <v>2.6683335038683449</v>
      </c>
      <c r="P6313" s="236" t="str">
        <f t="shared" si="1478"/>
        <v>CLAY</v>
      </c>
      <c r="Q6313" s="236">
        <f t="shared" si="1474"/>
        <v>1122.3496359881981</v>
      </c>
      <c r="R6313" s="238">
        <v>35</v>
      </c>
      <c r="S6313" s="236">
        <f t="shared" si="1479"/>
        <v>10.367561836329113</v>
      </c>
      <c r="T6313" s="236" t="e">
        <f t="shared" si="1466"/>
        <v>#N/A</v>
      </c>
    </row>
    <row r="6314" spans="2:20" x14ac:dyDescent="0.2">
      <c r="B6314" s="239">
        <v>62.640999999999998</v>
      </c>
      <c r="C6314" s="3">
        <f t="shared" si="1467"/>
        <v>62.634</v>
      </c>
      <c r="D6314" s="239">
        <v>15.6922</v>
      </c>
      <c r="E6314" s="239">
        <v>0.25259999999999999</v>
      </c>
      <c r="F6314" s="239">
        <v>0.48899999999999999</v>
      </c>
      <c r="G6314">
        <f t="shared" si="1468"/>
        <v>15.79</v>
      </c>
      <c r="H6314" s="235">
        <f t="shared" si="1469"/>
        <v>1.5997466751108296</v>
      </c>
      <c r="I6314" s="236">
        <f t="shared" si="1470"/>
        <v>20.809557006182089</v>
      </c>
      <c r="J6314" s="237">
        <f t="shared" si="1475"/>
        <v>10.809557006182089</v>
      </c>
      <c r="K6314" s="237">
        <f t="shared" si="1471"/>
        <v>1303.385793525209</v>
      </c>
      <c r="L6314" s="237">
        <f t="shared" si="1476"/>
        <v>677.12146042425229</v>
      </c>
      <c r="M6314" s="236">
        <f t="shared" si="1472"/>
        <v>21.394410092095093</v>
      </c>
      <c r="N6314" s="236">
        <f t="shared" si="1473"/>
        <v>1.7436786567222897</v>
      </c>
      <c r="O6314" s="236">
        <f t="shared" si="1477"/>
        <v>2.5911771313881813</v>
      </c>
      <c r="P6314" s="236" t="str">
        <f t="shared" si="1478"/>
        <v>SAND</v>
      </c>
      <c r="Q6314" s="236" t="e">
        <f t="shared" si="1474"/>
        <v>#N/A</v>
      </c>
      <c r="R6314" s="238">
        <v>35</v>
      </c>
      <c r="S6314" s="236" t="e">
        <f t="shared" si="1479"/>
        <v>#N/A</v>
      </c>
      <c r="T6314" s="236">
        <f t="shared" si="1466"/>
        <v>32.233303478052932</v>
      </c>
    </row>
    <row r="6315" spans="2:20" x14ac:dyDescent="0.2">
      <c r="B6315" s="239">
        <v>62.652000000000001</v>
      </c>
      <c r="C6315" s="3">
        <f t="shared" si="1467"/>
        <v>62.645000000000003</v>
      </c>
      <c r="D6315" s="239">
        <v>16.3567</v>
      </c>
      <c r="E6315" s="239">
        <v>0.24299999999999999</v>
      </c>
      <c r="F6315" s="239">
        <v>0.45450000000000002</v>
      </c>
      <c r="G6315">
        <f t="shared" si="1468"/>
        <v>16.447600000000001</v>
      </c>
      <c r="H6315" s="235">
        <f t="shared" si="1469"/>
        <v>1.4774191979376929</v>
      </c>
      <c r="I6315" s="236">
        <f t="shared" si="1470"/>
        <v>20.780072275093396</v>
      </c>
      <c r="J6315" s="237">
        <f t="shared" si="1475"/>
        <v>10.780072275093396</v>
      </c>
      <c r="K6315" s="237">
        <f t="shared" si="1471"/>
        <v>1301.7676276732259</v>
      </c>
      <c r="L6315" s="237">
        <f t="shared" si="1476"/>
        <v>675.39308817915139</v>
      </c>
      <c r="M6315" s="236">
        <f t="shared" si="1472"/>
        <v>22.425210795626722</v>
      </c>
      <c r="N6315" s="236">
        <f t="shared" si="1473"/>
        <v>1.6044017524186369</v>
      </c>
      <c r="O6315" s="236">
        <f t="shared" si="1477"/>
        <v>2.5539763409057277</v>
      </c>
      <c r="P6315" s="236" t="str">
        <f t="shared" si="1478"/>
        <v>SAND</v>
      </c>
      <c r="Q6315" s="236" t="e">
        <f t="shared" si="1474"/>
        <v>#N/A</v>
      </c>
      <c r="R6315" s="238">
        <v>35</v>
      </c>
      <c r="S6315" s="236" t="e">
        <f t="shared" si="1479"/>
        <v>#N/A</v>
      </c>
      <c r="T6315" s="236">
        <f t="shared" si="1466"/>
        <v>32.458101874849312</v>
      </c>
    </row>
    <row r="6316" spans="2:20" x14ac:dyDescent="0.2">
      <c r="B6316" s="239">
        <v>62.661999999999999</v>
      </c>
      <c r="C6316" s="3">
        <f t="shared" si="1467"/>
        <v>62.655000000000001</v>
      </c>
      <c r="D6316" s="239">
        <v>16.956900000000001</v>
      </c>
      <c r="E6316" s="239">
        <v>0.22589999999999999</v>
      </c>
      <c r="F6316" s="239">
        <v>0.38550000000000001</v>
      </c>
      <c r="G6316">
        <f t="shared" si="1468"/>
        <v>17.034000000000002</v>
      </c>
      <c r="H6316" s="235">
        <f t="shared" si="1469"/>
        <v>1.3261711870376891</v>
      </c>
      <c r="I6316" s="236">
        <f t="shared" si="1470"/>
        <v>20.708201856486017</v>
      </c>
      <c r="J6316" s="237">
        <f t="shared" si="1475"/>
        <v>10.708201856486017</v>
      </c>
      <c r="K6316" s="237">
        <f t="shared" si="1471"/>
        <v>1297.4723873181315</v>
      </c>
      <c r="L6316" s="237">
        <f t="shared" si="1476"/>
        <v>670.99734473112676</v>
      </c>
      <c r="M6316" s="236">
        <f t="shared" si="1472"/>
        <v>23.452443942215012</v>
      </c>
      <c r="N6316" s="236">
        <f t="shared" si="1473"/>
        <v>1.4355136378240774</v>
      </c>
      <c r="O6316" s="236">
        <f t="shared" si="1477"/>
        <v>2.5110474218667931</v>
      </c>
      <c r="P6316" s="236" t="str">
        <f t="shared" si="1478"/>
        <v>SAND</v>
      </c>
      <c r="Q6316" s="236" t="e">
        <f t="shared" si="1474"/>
        <v>#N/A</v>
      </c>
      <c r="R6316" s="238">
        <v>35</v>
      </c>
      <c r="S6316" s="236" t="e">
        <f t="shared" si="1479"/>
        <v>#N/A</v>
      </c>
      <c r="T6316" s="236">
        <f t="shared" si="1466"/>
        <v>32.672069172080057</v>
      </c>
    </row>
    <row r="6317" spans="2:20" x14ac:dyDescent="0.2">
      <c r="B6317" s="239">
        <v>62.67</v>
      </c>
      <c r="C6317" s="3">
        <f t="shared" si="1467"/>
        <v>62.663000000000004</v>
      </c>
      <c r="D6317" s="239">
        <v>17.391999999999999</v>
      </c>
      <c r="E6317" s="239">
        <v>0.20319999999999999</v>
      </c>
      <c r="F6317" s="239">
        <v>0.37730000000000002</v>
      </c>
      <c r="G6317">
        <f t="shared" si="1468"/>
        <v>17.467459999999999</v>
      </c>
      <c r="H6317" s="235">
        <f t="shared" si="1469"/>
        <v>1.1633059414476976</v>
      </c>
      <c r="I6317" s="236">
        <f t="shared" si="1470"/>
        <v>20.59384383579922</v>
      </c>
      <c r="J6317" s="237">
        <f t="shared" si="1475"/>
        <v>10.59384383579922</v>
      </c>
      <c r="K6317" s="237">
        <f t="shared" si="1471"/>
        <v>1290.4720362826865</v>
      </c>
      <c r="L6317" s="237">
        <f t="shared" si="1476"/>
        <v>663.91619318953713</v>
      </c>
      <c r="M6317" s="236">
        <f t="shared" si="1472"/>
        <v>24.366009037979662</v>
      </c>
      <c r="N6317" s="236">
        <f t="shared" si="1473"/>
        <v>1.2561052802644641</v>
      </c>
      <c r="O6317" s="236">
        <f t="shared" si="1477"/>
        <v>2.4656879221748271</v>
      </c>
      <c r="P6317" s="236" t="str">
        <f t="shared" si="1478"/>
        <v>SAND</v>
      </c>
      <c r="Q6317" s="236" t="e">
        <f t="shared" si="1474"/>
        <v>#N/A</v>
      </c>
      <c r="R6317" s="238">
        <v>35</v>
      </c>
      <c r="S6317" s="236" t="e">
        <f t="shared" si="1479"/>
        <v>#N/A</v>
      </c>
      <c r="T6317" s="236">
        <f t="shared" si="1466"/>
        <v>32.854628410611788</v>
      </c>
    </row>
    <row r="6318" spans="2:20" x14ac:dyDescent="0.2">
      <c r="B6318" s="239">
        <v>62.67</v>
      </c>
      <c r="C6318" s="3">
        <f t="shared" si="1467"/>
        <v>62.663000000000004</v>
      </c>
      <c r="D6318" s="239">
        <v>17.724599999999999</v>
      </c>
      <c r="E6318" s="239">
        <v>0.17879999999999999</v>
      </c>
      <c r="F6318" s="239">
        <v>0.34460000000000002</v>
      </c>
      <c r="G6318">
        <f t="shared" si="1468"/>
        <v>17.793519999999997</v>
      </c>
      <c r="H6318" s="235">
        <f t="shared" si="1469"/>
        <v>1.0048601962961798</v>
      </c>
      <c r="I6318" s="236">
        <f t="shared" si="1470"/>
        <v>20.451071027156267</v>
      </c>
      <c r="J6318" s="237">
        <f t="shared" si="1475"/>
        <v>10.451071027156267</v>
      </c>
      <c r="K6318" s="237">
        <f t="shared" si="1471"/>
        <v>1281.5254637746932</v>
      </c>
      <c r="L6318" s="237">
        <f t="shared" si="1476"/>
        <v>654.96862127188331</v>
      </c>
      <c r="M6318" s="236">
        <f t="shared" si="1472"/>
        <v>25.21035970266891</v>
      </c>
      <c r="N6318" s="236">
        <f t="shared" si="1473"/>
        <v>1.0828491955210775</v>
      </c>
      <c r="O6318" s="236">
        <f t="shared" si="1477"/>
        <v>2.4191539989030963</v>
      </c>
      <c r="P6318" s="236" t="str">
        <f t="shared" si="1478"/>
        <v>SAND</v>
      </c>
      <c r="Q6318" s="236" t="e">
        <f t="shared" si="1474"/>
        <v>#N/A</v>
      </c>
      <c r="R6318" s="238">
        <v>35</v>
      </c>
      <c r="S6318" s="236" t="e">
        <f t="shared" si="1479"/>
        <v>#N/A</v>
      </c>
      <c r="T6318" s="236">
        <f t="shared" si="1466"/>
        <v>33.017369464815658</v>
      </c>
    </row>
    <row r="6319" spans="2:20" x14ac:dyDescent="0.2">
      <c r="B6319" s="239">
        <v>62.674999999999997</v>
      </c>
      <c r="C6319" s="3">
        <f t="shared" si="1467"/>
        <v>62.667999999999999</v>
      </c>
      <c r="D6319" s="239">
        <v>16.958400000000001</v>
      </c>
      <c r="E6319" s="239">
        <v>0.1719</v>
      </c>
      <c r="F6319" s="239">
        <v>0.39290000000000003</v>
      </c>
      <c r="G6319">
        <f t="shared" si="1468"/>
        <v>17.03698</v>
      </c>
      <c r="H6319" s="235">
        <f t="shared" si="1469"/>
        <v>1.0089816387646167</v>
      </c>
      <c r="I6319" s="236">
        <f t="shared" si="1470"/>
        <v>20.387941273657511</v>
      </c>
      <c r="J6319" s="237">
        <f t="shared" si="1475"/>
        <v>10.387941273657511</v>
      </c>
      <c r="K6319" s="237">
        <f t="shared" si="1471"/>
        <v>1277.6715037375689</v>
      </c>
      <c r="L6319" s="237">
        <f t="shared" si="1476"/>
        <v>651.06421932648448</v>
      </c>
      <c r="M6319" s="236">
        <f t="shared" si="1472"/>
        <v>24.205459351713696</v>
      </c>
      <c r="N6319" s="236">
        <f t="shared" si="1473"/>
        <v>1.090783901087848</v>
      </c>
      <c r="O6319" s="236">
        <f t="shared" si="1477"/>
        <v>2.4359113872723186</v>
      </c>
      <c r="P6319" s="236" t="str">
        <f t="shared" si="1478"/>
        <v>SAND</v>
      </c>
      <c r="Q6319" s="236" t="e">
        <f t="shared" si="1474"/>
        <v>#N/A</v>
      </c>
      <c r="R6319" s="238">
        <v>35</v>
      </c>
      <c r="S6319" s="236" t="e">
        <f t="shared" si="1479"/>
        <v>#N/A</v>
      </c>
      <c r="T6319" s="236">
        <f t="shared" si="1466"/>
        <v>32.823046616206327</v>
      </c>
    </row>
    <row r="6320" spans="2:20" x14ac:dyDescent="0.2">
      <c r="B6320" s="239">
        <v>62.683999999999997</v>
      </c>
      <c r="C6320" s="3">
        <f t="shared" si="1467"/>
        <v>62.677</v>
      </c>
      <c r="D6320" s="239">
        <v>16.657399999999999</v>
      </c>
      <c r="E6320" s="239">
        <v>0.17269999999999999</v>
      </c>
      <c r="F6320" s="239">
        <v>0.43380000000000002</v>
      </c>
      <c r="G6320">
        <f t="shared" si="1468"/>
        <v>16.744160000000001</v>
      </c>
      <c r="H6320" s="235">
        <f t="shared" si="1469"/>
        <v>1.0314043821845944</v>
      </c>
      <c r="I6320" s="236">
        <f t="shared" si="1470"/>
        <v>20.386609394568392</v>
      </c>
      <c r="J6320" s="237">
        <f t="shared" si="1475"/>
        <v>10.386609394568392</v>
      </c>
      <c r="K6320" s="237">
        <f t="shared" si="1471"/>
        <v>1277.771517023363</v>
      </c>
      <c r="L6320" s="237">
        <f t="shared" si="1476"/>
        <v>651.07422328912503</v>
      </c>
      <c r="M6320" s="236">
        <f t="shared" si="1472"/>
        <v>23.755184784989435</v>
      </c>
      <c r="N6320" s="236">
        <f t="shared" si="1473"/>
        <v>1.1166149110381223</v>
      </c>
      <c r="O6320" s="236">
        <f t="shared" si="1477"/>
        <v>2.4481476497030705</v>
      </c>
      <c r="P6320" s="236" t="str">
        <f t="shared" si="1478"/>
        <v>SAND</v>
      </c>
      <c r="Q6320" s="236" t="e">
        <f t="shared" si="1474"/>
        <v>#N/A</v>
      </c>
      <c r="R6320" s="238">
        <v>35</v>
      </c>
      <c r="S6320" s="236" t="e">
        <f t="shared" si="1479"/>
        <v>#N/A</v>
      </c>
      <c r="T6320" s="236">
        <f t="shared" si="1466"/>
        <v>32.733342543270652</v>
      </c>
    </row>
    <row r="6321" spans="2:20" x14ac:dyDescent="0.2">
      <c r="B6321" s="239">
        <v>62.694000000000003</v>
      </c>
      <c r="C6321" s="3">
        <f t="shared" si="1467"/>
        <v>62.687000000000005</v>
      </c>
      <c r="D6321" s="239">
        <v>17.995999999999999</v>
      </c>
      <c r="E6321" s="239">
        <v>0.153</v>
      </c>
      <c r="F6321" s="239">
        <v>0.35709999999999997</v>
      </c>
      <c r="G6321">
        <f t="shared" si="1468"/>
        <v>18.067419999999998</v>
      </c>
      <c r="H6321" s="235">
        <f t="shared" si="1469"/>
        <v>0.84682815808787315</v>
      </c>
      <c r="I6321" s="236">
        <f t="shared" si="1470"/>
        <v>20.27431644394936</v>
      </c>
      <c r="J6321" s="237">
        <f t="shared" si="1475"/>
        <v>10.27431644394936</v>
      </c>
      <c r="K6321" s="237">
        <f t="shared" si="1471"/>
        <v>1270.9360749218536</v>
      </c>
      <c r="L6321" s="237">
        <f t="shared" si="1476"/>
        <v>644.13799513696119</v>
      </c>
      <c r="M6321" s="236">
        <f t="shared" si="1472"/>
        <v>26.07590928013299</v>
      </c>
      <c r="N6321" s="236">
        <f t="shared" si="1473"/>
        <v>0.91090492916533539</v>
      </c>
      <c r="O6321" s="236">
        <f t="shared" si="1477"/>
        <v>2.3683515428637802</v>
      </c>
      <c r="P6321" s="236" t="str">
        <f t="shared" si="1478"/>
        <v>SAND</v>
      </c>
      <c r="Q6321" s="236" t="e">
        <f t="shared" si="1474"/>
        <v>#N/A</v>
      </c>
      <c r="R6321" s="238">
        <v>35</v>
      </c>
      <c r="S6321" s="236" t="e">
        <f t="shared" si="1479"/>
        <v>#N/A</v>
      </c>
      <c r="T6321" s="236">
        <f t="shared" si="1466"/>
        <v>33.178634075737179</v>
      </c>
    </row>
    <row r="6322" spans="2:20" x14ac:dyDescent="0.2">
      <c r="B6322" s="239">
        <v>62.704000000000001</v>
      </c>
      <c r="C6322" s="3">
        <f t="shared" si="1467"/>
        <v>62.697000000000003</v>
      </c>
      <c r="D6322" s="239">
        <v>18.1219</v>
      </c>
      <c r="E6322" s="239">
        <v>0.13830000000000001</v>
      </c>
      <c r="F6322" s="239">
        <v>0.3659</v>
      </c>
      <c r="G6322">
        <f t="shared" si="1468"/>
        <v>18.195080000000001</v>
      </c>
      <c r="H6322" s="235">
        <f t="shared" si="1469"/>
        <v>0.7600955862793678</v>
      </c>
      <c r="I6322" s="236">
        <f t="shared" si="1470"/>
        <v>20.158621513164068</v>
      </c>
      <c r="J6322" s="237">
        <f t="shared" si="1475"/>
        <v>10.158621513164068</v>
      </c>
      <c r="K6322" s="237">
        <f t="shared" si="1471"/>
        <v>1263.8850930108476</v>
      </c>
      <c r="L6322" s="237">
        <f t="shared" si="1476"/>
        <v>636.98620336143972</v>
      </c>
      <c r="M6322" s="236">
        <f t="shared" si="1472"/>
        <v>26.580159535075563</v>
      </c>
      <c r="N6322" s="236">
        <f t="shared" si="1473"/>
        <v>0.81683543754440002</v>
      </c>
      <c r="O6322" s="236">
        <f t="shared" si="1477"/>
        <v>2.3378544366135245</v>
      </c>
      <c r="P6322" s="236" t="str">
        <f t="shared" si="1478"/>
        <v>SAND</v>
      </c>
      <c r="Q6322" s="236" t="e">
        <f t="shared" si="1474"/>
        <v>#N/A</v>
      </c>
      <c r="R6322" s="238">
        <v>35</v>
      </c>
      <c r="S6322" s="236" t="e">
        <f t="shared" si="1479"/>
        <v>#N/A</v>
      </c>
      <c r="T6322" s="236">
        <f t="shared" si="1466"/>
        <v>33.270133415922366</v>
      </c>
    </row>
    <row r="6323" spans="2:20" x14ac:dyDescent="0.2">
      <c r="B6323" s="239">
        <v>62.713999999999999</v>
      </c>
      <c r="C6323" s="3">
        <f t="shared" si="1467"/>
        <v>62.707000000000001</v>
      </c>
      <c r="D6323" s="239">
        <v>18.209199999999999</v>
      </c>
      <c r="E6323" s="239">
        <v>0.1288</v>
      </c>
      <c r="F6323" s="239">
        <v>0.37490000000000001</v>
      </c>
      <c r="G6323">
        <f t="shared" si="1468"/>
        <v>18.284179999999999</v>
      </c>
      <c r="H6323" s="235">
        <f t="shared" si="1469"/>
        <v>0.7044341064242422</v>
      </c>
      <c r="I6323" s="236">
        <f t="shared" si="1470"/>
        <v>20.07708382382177</v>
      </c>
      <c r="J6323" s="237">
        <f t="shared" si="1475"/>
        <v>10.07708382382177</v>
      </c>
      <c r="K6323" s="237">
        <f t="shared" si="1471"/>
        <v>1258.9736953403917</v>
      </c>
      <c r="L6323" s="237">
        <f t="shared" si="1476"/>
        <v>631.97423492715848</v>
      </c>
      <c r="M6323" s="236">
        <f t="shared" si="1472"/>
        <v>26.939715836076669</v>
      </c>
      <c r="N6323" s="236">
        <f t="shared" si="1473"/>
        <v>0.75652534069292832</v>
      </c>
      <c r="O6323" s="236">
        <f t="shared" si="1477"/>
        <v>2.3167670818916779</v>
      </c>
      <c r="P6323" s="236" t="str">
        <f t="shared" si="1478"/>
        <v>SAND</v>
      </c>
      <c r="Q6323" s="236" t="e">
        <f t="shared" si="1474"/>
        <v>#N/A</v>
      </c>
      <c r="R6323" s="238">
        <v>35</v>
      </c>
      <c r="S6323" s="236" t="e">
        <f t="shared" si="1479"/>
        <v>#N/A</v>
      </c>
      <c r="T6323" s="236">
        <f t="shared" si="1466"/>
        <v>33.334323114528274</v>
      </c>
    </row>
    <row r="6324" spans="2:20" x14ac:dyDescent="0.2">
      <c r="B6324" s="239">
        <v>62.722999999999999</v>
      </c>
      <c r="C6324" s="3">
        <f t="shared" si="1467"/>
        <v>62.716000000000001</v>
      </c>
      <c r="D6324" s="239">
        <v>18.243099999999998</v>
      </c>
      <c r="E6324" s="239">
        <v>0.1225</v>
      </c>
      <c r="F6324" s="239">
        <v>0.376</v>
      </c>
      <c r="G6324">
        <f t="shared" si="1468"/>
        <v>18.318299999999997</v>
      </c>
      <c r="H6324" s="235">
        <f t="shared" si="1469"/>
        <v>0.66873017692689829</v>
      </c>
      <c r="I6324" s="236">
        <f t="shared" si="1470"/>
        <v>20.019007144362746</v>
      </c>
      <c r="J6324" s="237">
        <f t="shared" si="1475"/>
        <v>10.019007144362746</v>
      </c>
      <c r="K6324" s="237">
        <f t="shared" si="1471"/>
        <v>1255.512052065854</v>
      </c>
      <c r="L6324" s="237">
        <f t="shared" si="1476"/>
        <v>628.42218511586452</v>
      </c>
      <c r="M6324" s="236">
        <f t="shared" si="1472"/>
        <v>27.151791187620489</v>
      </c>
      <c r="N6324" s="236">
        <f t="shared" si="1473"/>
        <v>0.71793660200079756</v>
      </c>
      <c r="O6324" s="236">
        <f t="shared" si="1477"/>
        <v>2.3030583783037457</v>
      </c>
      <c r="P6324" s="236" t="str">
        <f t="shared" si="1478"/>
        <v>SAND</v>
      </c>
      <c r="Q6324" s="236" t="e">
        <f t="shared" si="1474"/>
        <v>#N/A</v>
      </c>
      <c r="R6324" s="238">
        <v>35</v>
      </c>
      <c r="S6324" s="236" t="e">
        <f t="shared" si="1479"/>
        <v>#N/A</v>
      </c>
      <c r="T6324" s="236">
        <f t="shared" si="1466"/>
        <v>33.37178333522295</v>
      </c>
    </row>
    <row r="6325" spans="2:20" x14ac:dyDescent="0.2">
      <c r="B6325" s="239">
        <v>62.734000000000002</v>
      </c>
      <c r="C6325" s="3">
        <f t="shared" si="1467"/>
        <v>62.727000000000004</v>
      </c>
      <c r="D6325" s="239">
        <v>18.216699999999999</v>
      </c>
      <c r="E6325" s="239">
        <v>0.1158</v>
      </c>
      <c r="F6325" s="239">
        <v>0.38350000000000001</v>
      </c>
      <c r="G6325">
        <f t="shared" si="1468"/>
        <v>18.293399999999998</v>
      </c>
      <c r="H6325" s="235">
        <f t="shared" si="1469"/>
        <v>0.6330151858047165</v>
      </c>
      <c r="I6325" s="236">
        <f t="shared" si="1470"/>
        <v>19.9525211523531</v>
      </c>
      <c r="J6325" s="237">
        <f t="shared" si="1475"/>
        <v>9.9525211523530999</v>
      </c>
      <c r="K6325" s="237">
        <f t="shared" si="1471"/>
        <v>1251.561794323653</v>
      </c>
      <c r="L6325" s="237">
        <f t="shared" si="1476"/>
        <v>624.36146197171934</v>
      </c>
      <c r="M6325" s="236">
        <f t="shared" si="1472"/>
        <v>27.294827185295205</v>
      </c>
      <c r="N6325" s="236">
        <f t="shared" si="1473"/>
        <v>0.67950416265206059</v>
      </c>
      <c r="O6325" s="236">
        <f t="shared" si="1477"/>
        <v>2.2899644992015116</v>
      </c>
      <c r="P6325" s="236" t="str">
        <f t="shared" si="1478"/>
        <v>SAND</v>
      </c>
      <c r="Q6325" s="236" t="e">
        <f t="shared" si="1474"/>
        <v>#N/A</v>
      </c>
      <c r="R6325" s="238">
        <v>35</v>
      </c>
      <c r="S6325" s="236" t="e">
        <f t="shared" si="1479"/>
        <v>#N/A</v>
      </c>
      <c r="T6325" s="236">
        <f t="shared" si="1466"/>
        <v>33.396883838503328</v>
      </c>
    </row>
    <row r="6326" spans="2:20" x14ac:dyDescent="0.2">
      <c r="B6326" s="239">
        <v>62.744</v>
      </c>
      <c r="C6326" s="3">
        <f t="shared" si="1467"/>
        <v>62.737000000000002</v>
      </c>
      <c r="D6326" s="239">
        <v>18.156099999999999</v>
      </c>
      <c r="E6326" s="239">
        <v>0.11119999999999999</v>
      </c>
      <c r="F6326" s="239">
        <v>0.38019999999999998</v>
      </c>
      <c r="G6326">
        <f t="shared" si="1468"/>
        <v>18.232139999999998</v>
      </c>
      <c r="H6326" s="235">
        <f t="shared" si="1469"/>
        <v>0.60991194670510429</v>
      </c>
      <c r="I6326" s="236">
        <f t="shared" si="1470"/>
        <v>19.903679862267314</v>
      </c>
      <c r="J6326" s="237">
        <f t="shared" si="1475"/>
        <v>9.9036798622673139</v>
      </c>
      <c r="K6326" s="237">
        <f t="shared" si="1471"/>
        <v>1248.6971635190646</v>
      </c>
      <c r="L6326" s="237">
        <f t="shared" si="1476"/>
        <v>621.39648927810038</v>
      </c>
      <c r="M6326" s="236">
        <f t="shared" si="1472"/>
        <v>27.331089134750719</v>
      </c>
      <c r="N6326" s="236">
        <f t="shared" si="1473"/>
        <v>0.65475534654928236</v>
      </c>
      <c r="O6326" s="236">
        <f t="shared" si="1477"/>
        <v>2.2820919811907392</v>
      </c>
      <c r="P6326" s="236" t="str">
        <f t="shared" si="1478"/>
        <v>SAND</v>
      </c>
      <c r="Q6326" s="236" t="e">
        <f t="shared" si="1474"/>
        <v>#N/A</v>
      </c>
      <c r="R6326" s="238">
        <v>35</v>
      </c>
      <c r="S6326" s="236" t="e">
        <f t="shared" si="1479"/>
        <v>#N/A</v>
      </c>
      <c r="T6326" s="236">
        <f t="shared" si="1466"/>
        <v>33.403226323799061</v>
      </c>
    </row>
    <row r="6327" spans="2:20" x14ac:dyDescent="0.2">
      <c r="B6327" s="239">
        <v>62.753999999999998</v>
      </c>
      <c r="C6327" s="3">
        <f t="shared" si="1467"/>
        <v>62.747</v>
      </c>
      <c r="D6327" s="239">
        <v>18.025400000000001</v>
      </c>
      <c r="E6327" s="239">
        <v>9.2999999999999999E-2</v>
      </c>
      <c r="F6327" s="239">
        <v>0.43440000000000001</v>
      </c>
      <c r="G6327">
        <f t="shared" si="1468"/>
        <v>18.112280000000002</v>
      </c>
      <c r="H6327" s="235">
        <f t="shared" si="1469"/>
        <v>0.51346379362509853</v>
      </c>
      <c r="I6327" s="236">
        <f t="shared" si="1470"/>
        <v>19.69152282651358</v>
      </c>
      <c r="J6327" s="237">
        <f t="shared" si="1475"/>
        <v>9.6915228265135802</v>
      </c>
      <c r="K6327" s="237">
        <f t="shared" si="1471"/>
        <v>1235.5839827952477</v>
      </c>
      <c r="L6327" s="237">
        <f t="shared" si="1476"/>
        <v>608.18182345503317</v>
      </c>
      <c r="M6327" s="236">
        <f t="shared" si="1472"/>
        <v>27.74942519874989</v>
      </c>
      <c r="N6327" s="236">
        <f t="shared" si="1473"/>
        <v>0.55105572740773556</v>
      </c>
      <c r="O6327" s="236">
        <f t="shared" si="1477"/>
        <v>2.2431219787291083</v>
      </c>
      <c r="P6327" s="236" t="str">
        <f t="shared" si="1478"/>
        <v>SAND</v>
      </c>
      <c r="Q6327" s="236" t="e">
        <f t="shared" si="1474"/>
        <v>#N/A</v>
      </c>
      <c r="R6327" s="238">
        <v>35</v>
      </c>
      <c r="S6327" s="236" t="e">
        <f t="shared" si="1479"/>
        <v>#N/A</v>
      </c>
      <c r="T6327" s="236">
        <f t="shared" si="1466"/>
        <v>33.47579390739476</v>
      </c>
    </row>
    <row r="6328" spans="2:20" x14ac:dyDescent="0.2">
      <c r="B6328" s="239">
        <v>62.765000000000001</v>
      </c>
      <c r="C6328" s="3">
        <f t="shared" si="1467"/>
        <v>62.758000000000003</v>
      </c>
      <c r="D6328" s="239">
        <v>17.856000000000002</v>
      </c>
      <c r="E6328" s="239">
        <v>8.1799999999999998E-2</v>
      </c>
      <c r="F6328" s="239">
        <v>0.44369999999999998</v>
      </c>
      <c r="G6328">
        <f t="shared" si="1468"/>
        <v>17.944740000000003</v>
      </c>
      <c r="H6328" s="235">
        <f t="shared" si="1469"/>
        <v>0.4558438851719222</v>
      </c>
      <c r="I6328" s="236">
        <f t="shared" si="1470"/>
        <v>19.537420427524086</v>
      </c>
      <c r="J6328" s="237">
        <f t="shared" si="1475"/>
        <v>9.5374204275240864</v>
      </c>
      <c r="K6328" s="237">
        <f t="shared" si="1471"/>
        <v>1226.1294311905567</v>
      </c>
      <c r="L6328" s="237">
        <f t="shared" si="1476"/>
        <v>598.61619313354925</v>
      </c>
      <c r="M6328" s="236">
        <f t="shared" si="1472"/>
        <v>27.928764307716584</v>
      </c>
      <c r="N6328" s="236">
        <f t="shared" si="1473"/>
        <v>0.48927510849859507</v>
      </c>
      <c r="O6328" s="236">
        <f t="shared" si="1477"/>
        <v>2.2189307149170698</v>
      </c>
      <c r="P6328" s="236" t="str">
        <f t="shared" si="1478"/>
        <v>SAND</v>
      </c>
      <c r="Q6328" s="236" t="e">
        <f t="shared" si="1474"/>
        <v>#N/A</v>
      </c>
      <c r="R6328" s="238">
        <v>35</v>
      </c>
      <c r="S6328" s="236" t="e">
        <f t="shared" si="1479"/>
        <v>#N/A</v>
      </c>
      <c r="T6328" s="236">
        <f t="shared" si="1466"/>
        <v>33.506568931152515</v>
      </c>
    </row>
    <row r="6329" spans="2:20" x14ac:dyDescent="0.2">
      <c r="B6329" s="239">
        <v>62.776000000000003</v>
      </c>
      <c r="C6329" s="3">
        <f t="shared" si="1467"/>
        <v>62.769000000000005</v>
      </c>
      <c r="D6329" s="239">
        <v>17.611999999999998</v>
      </c>
      <c r="E6329" s="239">
        <v>7.2800000000000004E-2</v>
      </c>
      <c r="F6329" s="239">
        <v>0.48070000000000002</v>
      </c>
      <c r="G6329">
        <f t="shared" si="1468"/>
        <v>17.708139999999997</v>
      </c>
      <c r="H6329" s="235">
        <f t="shared" si="1469"/>
        <v>0.41111037071087086</v>
      </c>
      <c r="I6329" s="236">
        <f t="shared" si="1470"/>
        <v>19.395553430682742</v>
      </c>
      <c r="J6329" s="237">
        <f t="shared" si="1475"/>
        <v>9.3955534306827424</v>
      </c>
      <c r="K6329" s="237">
        <f t="shared" si="1471"/>
        <v>1217.4394932905252</v>
      </c>
      <c r="L6329" s="237">
        <f t="shared" si="1476"/>
        <v>589.81526216453983</v>
      </c>
      <c r="M6329" s="236">
        <f t="shared" si="1472"/>
        <v>27.959094252988468</v>
      </c>
      <c r="N6329" s="236">
        <f t="shared" si="1473"/>
        <v>0.4414609310888904</v>
      </c>
      <c r="O6329" s="236">
        <f t="shared" si="1477"/>
        <v>2.2005675221583898</v>
      </c>
      <c r="P6329" s="236" t="str">
        <f t="shared" si="1478"/>
        <v>SAND</v>
      </c>
      <c r="Q6329" s="236" t="e">
        <f t="shared" si="1474"/>
        <v>#N/A</v>
      </c>
      <c r="R6329" s="238">
        <v>35</v>
      </c>
      <c r="S6329" s="236" t="e">
        <f t="shared" si="1479"/>
        <v>#N/A</v>
      </c>
      <c r="T6329" s="236">
        <f t="shared" si="1466"/>
        <v>33.51175407957308</v>
      </c>
    </row>
    <row r="6330" spans="2:20" x14ac:dyDescent="0.2">
      <c r="B6330" s="239">
        <v>62.784999999999997</v>
      </c>
      <c r="C6330" s="3">
        <f t="shared" si="1467"/>
        <v>62.777999999999999</v>
      </c>
      <c r="D6330" s="239">
        <v>17.320699999999999</v>
      </c>
      <c r="E6330" s="239">
        <v>8.1500000000000003E-2</v>
      </c>
      <c r="F6330" s="239">
        <v>0.48149999999999998</v>
      </c>
      <c r="G6330">
        <f t="shared" si="1468"/>
        <v>17.416999999999998</v>
      </c>
      <c r="H6330" s="235">
        <f t="shared" si="1469"/>
        <v>0.46793362806453476</v>
      </c>
      <c r="I6330" s="236">
        <f t="shared" si="1470"/>
        <v>19.521444614636426</v>
      </c>
      <c r="J6330" s="237">
        <f t="shared" si="1475"/>
        <v>9.521444614636426</v>
      </c>
      <c r="K6330" s="237">
        <f t="shared" si="1471"/>
        <v>1225.5172500176454</v>
      </c>
      <c r="L6330" s="237">
        <f t="shared" si="1476"/>
        <v>597.80390012994792</v>
      </c>
      <c r="M6330" s="236">
        <f t="shared" si="1472"/>
        <v>27.08493997189165</v>
      </c>
      <c r="N6330" s="236">
        <f t="shared" si="1473"/>
        <v>0.50335105968036709</v>
      </c>
      <c r="O6330" s="236">
        <f t="shared" si="1477"/>
        <v>2.236140384377947</v>
      </c>
      <c r="P6330" s="236" t="str">
        <f t="shared" si="1478"/>
        <v>SAND</v>
      </c>
      <c r="Q6330" s="236" t="e">
        <f t="shared" si="1474"/>
        <v>#N/A</v>
      </c>
      <c r="R6330" s="238">
        <v>35</v>
      </c>
      <c r="S6330" s="236" t="e">
        <f t="shared" si="1479"/>
        <v>#N/A</v>
      </c>
      <c r="T6330" s="236">
        <f t="shared" si="1466"/>
        <v>33.360006651414764</v>
      </c>
    </row>
    <row r="6331" spans="2:20" x14ac:dyDescent="0.2">
      <c r="B6331" s="239">
        <v>62.795000000000002</v>
      </c>
      <c r="C6331" s="3">
        <f t="shared" si="1467"/>
        <v>62.788000000000004</v>
      </c>
      <c r="D6331" s="239">
        <v>17.059200000000001</v>
      </c>
      <c r="E6331" s="239">
        <v>9.2999999999999999E-2</v>
      </c>
      <c r="F6331" s="239">
        <v>0.4788</v>
      </c>
      <c r="G6331">
        <f t="shared" si="1468"/>
        <v>17.154959999999999</v>
      </c>
      <c r="H6331" s="235">
        <f t="shared" si="1469"/>
        <v>0.5421172652107612</v>
      </c>
      <c r="I6331" s="236">
        <f t="shared" si="1470"/>
        <v>19.670297754257163</v>
      </c>
      <c r="J6331" s="237">
        <f t="shared" si="1475"/>
        <v>9.6702977542571631</v>
      </c>
      <c r="K6331" s="237">
        <f t="shared" si="1471"/>
        <v>1235.0586553942987</v>
      </c>
      <c r="L6331" s="237">
        <f t="shared" si="1476"/>
        <v>607.24634747857863</v>
      </c>
      <c r="M6331" s="236">
        <f t="shared" si="1472"/>
        <v>26.216545246766255</v>
      </c>
      <c r="N6331" s="236">
        <f t="shared" si="1473"/>
        <v>0.58417447436954206</v>
      </c>
      <c r="O6331" s="236">
        <f t="shared" si="1477"/>
        <v>2.2763147618518564</v>
      </c>
      <c r="P6331" s="236" t="str">
        <f t="shared" si="1478"/>
        <v>SAND</v>
      </c>
      <c r="Q6331" s="236" t="e">
        <f t="shared" si="1474"/>
        <v>#N/A</v>
      </c>
      <c r="R6331" s="238">
        <v>35</v>
      </c>
      <c r="S6331" s="236" t="e">
        <f t="shared" si="1479"/>
        <v>#N/A</v>
      </c>
      <c r="T6331" s="236">
        <f t="shared" si="1466"/>
        <v>33.204330069273198</v>
      </c>
    </row>
    <row r="6332" spans="2:20" x14ac:dyDescent="0.2">
      <c r="B6332" s="239">
        <v>62.805999999999997</v>
      </c>
      <c r="C6332" s="3">
        <f t="shared" si="1467"/>
        <v>62.798999999999999</v>
      </c>
      <c r="D6332" s="239">
        <v>16.871200000000002</v>
      </c>
      <c r="E6332" s="239">
        <v>0.10630000000000001</v>
      </c>
      <c r="F6332" s="239">
        <v>0.4758</v>
      </c>
      <c r="G6332">
        <f t="shared" si="1468"/>
        <v>16.966360000000002</v>
      </c>
      <c r="H6332" s="235">
        <f t="shared" si="1469"/>
        <v>0.62653391770538869</v>
      </c>
      <c r="I6332" s="236">
        <f t="shared" si="1470"/>
        <v>19.822712678635828</v>
      </c>
      <c r="J6332" s="237">
        <f t="shared" si="1475"/>
        <v>9.8227126786358276</v>
      </c>
      <c r="K6332" s="237">
        <f t="shared" si="1471"/>
        <v>1244.8465335056512</v>
      </c>
      <c r="L6332" s="237">
        <f t="shared" si="1476"/>
        <v>616.92529249440179</v>
      </c>
      <c r="M6332" s="236">
        <f t="shared" si="1472"/>
        <v>25.483658487931116</v>
      </c>
      <c r="N6332" s="236">
        <f t="shared" si="1473"/>
        <v>0.67614355466823417</v>
      </c>
      <c r="O6332" s="236">
        <f t="shared" si="1477"/>
        <v>2.3155122917795969</v>
      </c>
      <c r="P6332" s="236" t="str">
        <f t="shared" si="1478"/>
        <v>SAND</v>
      </c>
      <c r="Q6332" s="236" t="e">
        <f t="shared" si="1474"/>
        <v>#N/A</v>
      </c>
      <c r="R6332" s="238">
        <v>35</v>
      </c>
      <c r="S6332" s="236" t="e">
        <f t="shared" si="1479"/>
        <v>#N/A</v>
      </c>
      <c r="T6332" s="236">
        <f t="shared" si="1466"/>
        <v>33.068879540112576</v>
      </c>
    </row>
    <row r="6333" spans="2:20" x14ac:dyDescent="0.2">
      <c r="B6333" s="239">
        <v>62.816000000000003</v>
      </c>
      <c r="C6333" s="3">
        <f t="shared" si="1467"/>
        <v>62.809000000000005</v>
      </c>
      <c r="D6333" s="239">
        <v>16.629300000000001</v>
      </c>
      <c r="E6333" s="239">
        <v>0.1166</v>
      </c>
      <c r="F6333" s="239">
        <v>0.47760000000000002</v>
      </c>
      <c r="G6333">
        <f t="shared" si="1468"/>
        <v>16.724820000000001</v>
      </c>
      <c r="H6333" s="235">
        <f t="shared" si="1469"/>
        <v>0.69716744335663994</v>
      </c>
      <c r="I6333" s="236">
        <f t="shared" si="1470"/>
        <v>19.925554447678614</v>
      </c>
      <c r="J6333" s="237">
        <f t="shared" si="1475"/>
        <v>9.9255544476786142</v>
      </c>
      <c r="K6333" s="237">
        <f t="shared" si="1471"/>
        <v>1251.5041493042461</v>
      </c>
      <c r="L6333" s="237">
        <f t="shared" si="1476"/>
        <v>623.48362818537987</v>
      </c>
      <c r="M6333" s="236">
        <f t="shared" si="1472"/>
        <v>24.817517495575817</v>
      </c>
      <c r="N6333" s="236">
        <f t="shared" si="1473"/>
        <v>0.7535553537786609</v>
      </c>
      <c r="O6333" s="236">
        <f t="shared" si="1477"/>
        <v>2.3474006123164153</v>
      </c>
      <c r="P6333" s="236" t="str">
        <f t="shared" si="1478"/>
        <v>SAND</v>
      </c>
      <c r="Q6333" s="236" t="e">
        <f t="shared" si="1474"/>
        <v>#N/A</v>
      </c>
      <c r="R6333" s="238">
        <v>35</v>
      </c>
      <c r="S6333" s="236" t="e">
        <f t="shared" si="1479"/>
        <v>#N/A</v>
      </c>
      <c r="T6333" s="236">
        <f t="shared" si="1466"/>
        <v>32.942341703872984</v>
      </c>
    </row>
    <row r="6334" spans="2:20" x14ac:dyDescent="0.2">
      <c r="B6334" s="239">
        <v>62.826000000000001</v>
      </c>
      <c r="C6334" s="3">
        <f t="shared" si="1467"/>
        <v>62.819000000000003</v>
      </c>
      <c r="D6334" s="239">
        <v>16.288699999999999</v>
      </c>
      <c r="E6334" s="239">
        <v>0.1211</v>
      </c>
      <c r="F6334" s="239">
        <v>0.4531</v>
      </c>
      <c r="G6334">
        <f t="shared" si="1468"/>
        <v>16.37932</v>
      </c>
      <c r="H6334" s="235">
        <f t="shared" si="1469"/>
        <v>0.73934693259549233</v>
      </c>
      <c r="I6334" s="236">
        <f t="shared" si="1470"/>
        <v>19.96179852182663</v>
      </c>
      <c r="J6334" s="237">
        <f t="shared" si="1475"/>
        <v>9.9617985218266298</v>
      </c>
      <c r="K6334" s="237">
        <f t="shared" si="1471"/>
        <v>1253.9802213426271</v>
      </c>
      <c r="L6334" s="237">
        <f t="shared" si="1476"/>
        <v>625.85995393227984</v>
      </c>
      <c r="M6334" s="236">
        <f t="shared" si="1472"/>
        <v>24.167291234444416</v>
      </c>
      <c r="N6334" s="236">
        <f t="shared" si="1473"/>
        <v>0.80064317081245528</v>
      </c>
      <c r="O6334" s="236">
        <f t="shared" si="1477"/>
        <v>2.3699646993806658</v>
      </c>
      <c r="P6334" s="236" t="str">
        <f t="shared" si="1478"/>
        <v>SAND</v>
      </c>
      <c r="Q6334" s="236" t="e">
        <f t="shared" si="1474"/>
        <v>#N/A</v>
      </c>
      <c r="R6334" s="238">
        <v>35</v>
      </c>
      <c r="S6334" s="236" t="e">
        <f t="shared" si="1479"/>
        <v>#N/A</v>
      </c>
      <c r="T6334" s="236">
        <f t="shared" si="1466"/>
        <v>32.815507732620318</v>
      </c>
    </row>
    <row r="6335" spans="2:20" x14ac:dyDescent="0.2">
      <c r="B6335" s="239">
        <v>62.837000000000003</v>
      </c>
      <c r="C6335" s="3">
        <f t="shared" si="1467"/>
        <v>62.830000000000005</v>
      </c>
      <c r="D6335" s="239">
        <v>15.930300000000001</v>
      </c>
      <c r="E6335" s="239">
        <v>0.1255</v>
      </c>
      <c r="F6335" s="239">
        <v>0.45960000000000001</v>
      </c>
      <c r="G6335">
        <f t="shared" si="1468"/>
        <v>16.022220000000001</v>
      </c>
      <c r="H6335" s="235">
        <f t="shared" si="1469"/>
        <v>0.78328720988726908</v>
      </c>
      <c r="I6335" s="236">
        <f t="shared" si="1470"/>
        <v>19.995031535726696</v>
      </c>
      <c r="J6335" s="237">
        <f t="shared" si="1475"/>
        <v>9.9950315357266959</v>
      </c>
      <c r="K6335" s="237">
        <f t="shared" si="1471"/>
        <v>1256.2878313897083</v>
      </c>
      <c r="L6335" s="237">
        <f t="shared" si="1476"/>
        <v>628.05779661045847</v>
      </c>
      <c r="M6335" s="236">
        <f t="shared" si="1472"/>
        <v>23.510467107167521</v>
      </c>
      <c r="N6335" s="236">
        <f t="shared" si="1473"/>
        <v>0.84992940890511715</v>
      </c>
      <c r="O6335" s="236">
        <f t="shared" si="1477"/>
        <v>2.3928613122125908</v>
      </c>
      <c r="P6335" s="236" t="str">
        <f t="shared" si="1478"/>
        <v>SAND</v>
      </c>
      <c r="Q6335" s="236" t="e">
        <f t="shared" si="1474"/>
        <v>#N/A</v>
      </c>
      <c r="R6335" s="238">
        <v>35</v>
      </c>
      <c r="S6335" s="236" t="e">
        <f t="shared" si="1479"/>
        <v>#N/A</v>
      </c>
      <c r="T6335" s="236">
        <f t="shared" si="1466"/>
        <v>32.683873835752927</v>
      </c>
    </row>
    <row r="6336" spans="2:20" x14ac:dyDescent="0.2">
      <c r="B6336" s="239">
        <v>62.845999999999997</v>
      </c>
      <c r="C6336" s="3">
        <f t="shared" si="1467"/>
        <v>62.838999999999999</v>
      </c>
      <c r="D6336" s="239">
        <v>15.69</v>
      </c>
      <c r="E6336" s="239">
        <v>0.13150000000000001</v>
      </c>
      <c r="F6336" s="239">
        <v>0.34910000000000002</v>
      </c>
      <c r="G6336">
        <f t="shared" si="1468"/>
        <v>15.759819999999999</v>
      </c>
      <c r="H6336" s="235">
        <f t="shared" si="1469"/>
        <v>0.83440039289788848</v>
      </c>
      <c r="I6336" s="236">
        <f t="shared" si="1470"/>
        <v>20.043338714630224</v>
      </c>
      <c r="J6336" s="237">
        <f t="shared" si="1475"/>
        <v>10.043338714630224</v>
      </c>
      <c r="K6336" s="237">
        <f t="shared" si="1471"/>
        <v>1259.5033614886486</v>
      </c>
      <c r="L6336" s="237">
        <f t="shared" si="1476"/>
        <v>631.183664859651</v>
      </c>
      <c r="M6336" s="236">
        <f t="shared" si="1472"/>
        <v>22.97321278385051</v>
      </c>
      <c r="N6336" s="236">
        <f t="shared" si="1473"/>
        <v>0.90687674813079255</v>
      </c>
      <c r="O6336" s="236">
        <f t="shared" si="1477"/>
        <v>2.4152775598877008</v>
      </c>
      <c r="P6336" s="236" t="str">
        <f t="shared" si="1478"/>
        <v>SAND</v>
      </c>
      <c r="Q6336" s="236" t="e">
        <f t="shared" si="1474"/>
        <v>#N/A</v>
      </c>
      <c r="R6336" s="238">
        <v>35</v>
      </c>
      <c r="S6336" s="236" t="e">
        <f t="shared" si="1479"/>
        <v>#N/A</v>
      </c>
      <c r="T6336" s="236">
        <f t="shared" si="1466"/>
        <v>32.573439086631886</v>
      </c>
    </row>
    <row r="6337" spans="2:20" x14ac:dyDescent="0.2">
      <c r="B6337" s="239">
        <v>62.856000000000002</v>
      </c>
      <c r="C6337" s="3">
        <f t="shared" si="1467"/>
        <v>62.849000000000004</v>
      </c>
      <c r="D6337" s="239">
        <v>15.5281</v>
      </c>
      <c r="E6337" s="239">
        <v>0.14149999999999999</v>
      </c>
      <c r="F6337" s="239">
        <v>0.376</v>
      </c>
      <c r="G6337">
        <f t="shared" si="1468"/>
        <v>15.603300000000001</v>
      </c>
      <c r="H6337" s="235">
        <f t="shared" si="1469"/>
        <v>0.90685944639915905</v>
      </c>
      <c r="I6337" s="236">
        <f t="shared" si="1470"/>
        <v>20.125380254768153</v>
      </c>
      <c r="J6337" s="237">
        <f t="shared" si="1475"/>
        <v>10.125380254768153</v>
      </c>
      <c r="K6337" s="237">
        <f t="shared" si="1471"/>
        <v>1264.8600236319237</v>
      </c>
      <c r="L6337" s="237">
        <f t="shared" si="1476"/>
        <v>636.44090129370704</v>
      </c>
      <c r="M6337" s="236">
        <f t="shared" si="1472"/>
        <v>22.52909884833301</v>
      </c>
      <c r="N6337" s="236">
        <f t="shared" si="1473"/>
        <v>0.98685770720673549</v>
      </c>
      <c r="O6337" s="236">
        <f t="shared" si="1477"/>
        <v>2.4407350963827898</v>
      </c>
      <c r="P6337" s="236" t="str">
        <f t="shared" si="1478"/>
        <v>SAND</v>
      </c>
      <c r="Q6337" s="236" t="e">
        <f t="shared" si="1474"/>
        <v>#N/A</v>
      </c>
      <c r="R6337" s="238">
        <v>35</v>
      </c>
      <c r="S6337" s="236" t="e">
        <f t="shared" si="1479"/>
        <v>#N/A</v>
      </c>
      <c r="T6337" s="236">
        <f t="shared" si="1466"/>
        <v>32.480182025817101</v>
      </c>
    </row>
    <row r="6338" spans="2:20" x14ac:dyDescent="0.2">
      <c r="B6338" s="239">
        <v>62.866</v>
      </c>
      <c r="C6338" s="3">
        <f t="shared" si="1467"/>
        <v>62.859000000000002</v>
      </c>
      <c r="D6338" s="239">
        <v>15.742100000000001</v>
      </c>
      <c r="E6338" s="239">
        <v>0.15129999999999999</v>
      </c>
      <c r="F6338" s="239">
        <v>0.39100000000000001</v>
      </c>
      <c r="G6338">
        <f t="shared" si="1468"/>
        <v>15.820300000000001</v>
      </c>
      <c r="H6338" s="235">
        <f t="shared" si="1469"/>
        <v>0.95636618774612348</v>
      </c>
      <c r="I6338" s="236">
        <f t="shared" si="1470"/>
        <v>20.209301403325874</v>
      </c>
      <c r="J6338" s="237">
        <f t="shared" si="1475"/>
        <v>10.209301403325874</v>
      </c>
      <c r="K6338" s="237">
        <f t="shared" si="1471"/>
        <v>1270.3364769116611</v>
      </c>
      <c r="L6338" s="237">
        <f t="shared" si="1476"/>
        <v>641.81794202148444</v>
      </c>
      <c r="M6338" s="236">
        <f t="shared" si="1472"/>
        <v>22.669923307630576</v>
      </c>
      <c r="N6338" s="236">
        <f t="shared" si="1473"/>
        <v>1.0398651499016638</v>
      </c>
      <c r="O6338" s="236">
        <f t="shared" si="1477"/>
        <v>2.4497823666223995</v>
      </c>
      <c r="P6338" s="236" t="str">
        <f t="shared" si="1478"/>
        <v>SAND</v>
      </c>
      <c r="Q6338" s="236" t="e">
        <f t="shared" si="1474"/>
        <v>#N/A</v>
      </c>
      <c r="R6338" s="238">
        <v>35</v>
      </c>
      <c r="S6338" s="236" t="e">
        <f t="shared" si="1479"/>
        <v>#N/A</v>
      </c>
      <c r="T6338" s="236">
        <f t="shared" si="1466"/>
        <v>32.509950560014495</v>
      </c>
    </row>
    <row r="6339" spans="2:20" x14ac:dyDescent="0.2">
      <c r="B6339" s="239">
        <v>62.875999999999998</v>
      </c>
      <c r="C6339" s="3">
        <f t="shared" si="1467"/>
        <v>62.869</v>
      </c>
      <c r="D6339" s="239">
        <v>16.144500000000001</v>
      </c>
      <c r="E6339" s="239">
        <v>0.16170000000000001</v>
      </c>
      <c r="F6339" s="239">
        <v>0.35539999999999999</v>
      </c>
      <c r="G6339">
        <f t="shared" si="1468"/>
        <v>16.215579999999999</v>
      </c>
      <c r="H6339" s="235">
        <f t="shared" si="1469"/>
        <v>0.99718912305326124</v>
      </c>
      <c r="I6339" s="236">
        <f t="shared" si="1470"/>
        <v>20.296899346575771</v>
      </c>
      <c r="J6339" s="237">
        <f t="shared" si="1475"/>
        <v>10.296899346575771</v>
      </c>
      <c r="K6339" s="237">
        <f t="shared" si="1471"/>
        <v>1276.0457650198721</v>
      </c>
      <c r="L6339" s="237">
        <f t="shared" si="1476"/>
        <v>647.42784331529811</v>
      </c>
      <c r="M6339" s="236">
        <f t="shared" si="1472"/>
        <v>23.075211221190187</v>
      </c>
      <c r="N6339" s="236">
        <f t="shared" si="1473"/>
        <v>1.0823630606996304</v>
      </c>
      <c r="O6339" s="236">
        <f t="shared" si="1477"/>
        <v>2.4519964584619678</v>
      </c>
      <c r="P6339" s="236" t="str">
        <f t="shared" si="1478"/>
        <v>SAND</v>
      </c>
      <c r="Q6339" s="236" t="e">
        <f t="shared" si="1474"/>
        <v>#N/A</v>
      </c>
      <c r="R6339" s="238">
        <v>35</v>
      </c>
      <c r="S6339" s="236" t="e">
        <f t="shared" si="1479"/>
        <v>#N/A</v>
      </c>
      <c r="T6339" s="236">
        <f t="shared" si="1466"/>
        <v>32.59460253580216</v>
      </c>
    </row>
    <row r="6340" spans="2:20" x14ac:dyDescent="0.2">
      <c r="B6340" s="239">
        <v>62.884999999999998</v>
      </c>
      <c r="C6340" s="3">
        <f t="shared" si="1467"/>
        <v>62.878</v>
      </c>
      <c r="D6340" s="239">
        <v>16.718900000000001</v>
      </c>
      <c r="E6340" s="239">
        <v>0.17399999999999999</v>
      </c>
      <c r="F6340" s="239">
        <v>0.25469999999999998</v>
      </c>
      <c r="G6340">
        <f t="shared" si="1468"/>
        <v>16.769840000000002</v>
      </c>
      <c r="H6340" s="235">
        <f t="shared" si="1469"/>
        <v>1.0375769834417023</v>
      </c>
      <c r="I6340" s="236">
        <f t="shared" si="1470"/>
        <v>20.396002051889806</v>
      </c>
      <c r="J6340" s="237">
        <f t="shared" si="1475"/>
        <v>10.396002051889806</v>
      </c>
      <c r="K6340" s="237">
        <f t="shared" si="1471"/>
        <v>1282.4598170187271</v>
      </c>
      <c r="L6340" s="237">
        <f t="shared" si="1476"/>
        <v>653.75258903309043</v>
      </c>
      <c r="M6340" s="236">
        <f t="shared" si="1472"/>
        <v>23.689971470533425</v>
      </c>
      <c r="N6340" s="236">
        <f t="shared" si="1473"/>
        <v>1.1234953745837826</v>
      </c>
      <c r="O6340" s="236">
        <f t="shared" si="1477"/>
        <v>2.4505511985028225</v>
      </c>
      <c r="P6340" s="236" t="str">
        <f t="shared" si="1478"/>
        <v>SAND</v>
      </c>
      <c r="Q6340" s="236" t="e">
        <f t="shared" si="1474"/>
        <v>#N/A</v>
      </c>
      <c r="R6340" s="238">
        <v>35</v>
      </c>
      <c r="S6340" s="236" t="e">
        <f t="shared" si="1479"/>
        <v>#N/A</v>
      </c>
      <c r="T6340" s="236">
        <f t="shared" si="1466"/>
        <v>32.72020991479841</v>
      </c>
    </row>
    <row r="6341" spans="2:20" x14ac:dyDescent="0.2">
      <c r="B6341" s="239">
        <v>62.895000000000003</v>
      </c>
      <c r="C6341" s="3">
        <f t="shared" si="1467"/>
        <v>62.888000000000005</v>
      </c>
      <c r="D6341" s="239">
        <v>17.503699999999998</v>
      </c>
      <c r="E6341" s="239">
        <v>0.1822</v>
      </c>
      <c r="F6341" s="239">
        <v>0.19800000000000001</v>
      </c>
      <c r="G6341">
        <f t="shared" si="1468"/>
        <v>17.543299999999999</v>
      </c>
      <c r="H6341" s="235">
        <f t="shared" si="1469"/>
        <v>1.0385731304828625</v>
      </c>
      <c r="I6341" s="236">
        <f t="shared" si="1470"/>
        <v>20.467623821603635</v>
      </c>
      <c r="J6341" s="237">
        <f t="shared" si="1475"/>
        <v>10.467623821603635</v>
      </c>
      <c r="K6341" s="237">
        <f t="shared" si="1471"/>
        <v>1287.1679268930095</v>
      </c>
      <c r="L6341" s="237">
        <f t="shared" si="1476"/>
        <v>658.36120025976061</v>
      </c>
      <c r="M6341" s="236">
        <f t="shared" si="1472"/>
        <v>24.691813652889977</v>
      </c>
      <c r="N6341" s="236">
        <f t="shared" si="1473"/>
        <v>1.1208078230455505</v>
      </c>
      <c r="O6341" s="236">
        <f t="shared" si="1477"/>
        <v>2.4346448254909445</v>
      </c>
      <c r="P6341" s="236" t="str">
        <f t="shared" si="1478"/>
        <v>SAND</v>
      </c>
      <c r="Q6341" s="236" t="e">
        <f t="shared" si="1474"/>
        <v>#N/A</v>
      </c>
      <c r="R6341" s="238">
        <v>35</v>
      </c>
      <c r="S6341" s="236" t="e">
        <f t="shared" si="1479"/>
        <v>#N/A</v>
      </c>
      <c r="T6341" s="236">
        <f t="shared" si="1466"/>
        <v>32.918082897945254</v>
      </c>
    </row>
    <row r="6342" spans="2:20" x14ac:dyDescent="0.2">
      <c r="B6342" s="239">
        <v>62.904000000000003</v>
      </c>
      <c r="C6342" s="3">
        <f t="shared" si="1467"/>
        <v>62.897000000000006</v>
      </c>
      <c r="D6342" s="239">
        <v>18.264399999999998</v>
      </c>
      <c r="E6342" s="239">
        <v>0.182</v>
      </c>
      <c r="F6342" s="239">
        <v>0.16900000000000001</v>
      </c>
      <c r="G6342">
        <f t="shared" si="1468"/>
        <v>18.298199999999998</v>
      </c>
      <c r="H6342" s="235">
        <f t="shared" si="1469"/>
        <v>0.99463335191439606</v>
      </c>
      <c r="I6342" s="236">
        <f t="shared" si="1470"/>
        <v>20.482803335067654</v>
      </c>
      <c r="J6342" s="237">
        <f t="shared" si="1475"/>
        <v>10.482803335067654</v>
      </c>
      <c r="K6342" s="237">
        <f t="shared" si="1471"/>
        <v>1288.3068813657503</v>
      </c>
      <c r="L6342" s="237">
        <f t="shared" si="1476"/>
        <v>659.41026098909572</v>
      </c>
      <c r="M6342" s="236">
        <f t="shared" si="1472"/>
        <v>25.795614846999669</v>
      </c>
      <c r="N6342" s="236">
        <f t="shared" si="1473"/>
        <v>1.0699655708043221</v>
      </c>
      <c r="O6342" s="236">
        <f t="shared" si="1477"/>
        <v>2.4079365135760025</v>
      </c>
      <c r="P6342" s="236" t="str">
        <f t="shared" si="1478"/>
        <v>SAND</v>
      </c>
      <c r="Q6342" s="236" t="e">
        <f t="shared" si="1474"/>
        <v>#N/A</v>
      </c>
      <c r="R6342" s="238">
        <v>35</v>
      </c>
      <c r="S6342" s="236" t="e">
        <f t="shared" si="1479"/>
        <v>#N/A</v>
      </c>
      <c r="T6342" s="236">
        <f t="shared" si="1466"/>
        <v>33.127004722736217</v>
      </c>
    </row>
    <row r="6343" spans="2:20" x14ac:dyDescent="0.2">
      <c r="B6343" s="239">
        <v>62.912999999999997</v>
      </c>
      <c r="C6343" s="3">
        <f t="shared" si="1467"/>
        <v>62.905999999999999</v>
      </c>
      <c r="D6343" s="239">
        <v>18.622900000000001</v>
      </c>
      <c r="E6343" s="239">
        <v>0.18509999999999999</v>
      </c>
      <c r="F6343" s="239">
        <v>0.21809999999999999</v>
      </c>
      <c r="G6343">
        <f t="shared" si="1468"/>
        <v>18.666520000000002</v>
      </c>
      <c r="H6343" s="235">
        <f t="shared" si="1469"/>
        <v>0.99161493411733925</v>
      </c>
      <c r="I6343" s="236">
        <f t="shared" si="1470"/>
        <v>20.51039740897874</v>
      </c>
      <c r="J6343" s="237">
        <f t="shared" si="1475"/>
        <v>10.51039740897874</v>
      </c>
      <c r="K6343" s="237">
        <f t="shared" si="1471"/>
        <v>1290.2270594092165</v>
      </c>
      <c r="L6343" s="237">
        <f t="shared" si="1476"/>
        <v>661.24063219107938</v>
      </c>
      <c r="M6343" s="236">
        <f t="shared" si="1472"/>
        <v>26.278320016440762</v>
      </c>
      <c r="N6343" s="236">
        <f t="shared" si="1473"/>
        <v>1.0652444720680836</v>
      </c>
      <c r="O6343" s="236">
        <f t="shared" si="1477"/>
        <v>2.4000582790102425</v>
      </c>
      <c r="P6343" s="236" t="str">
        <f t="shared" si="1478"/>
        <v>SAND</v>
      </c>
      <c r="Q6343" s="236" t="e">
        <f t="shared" si="1474"/>
        <v>#N/A</v>
      </c>
      <c r="R6343" s="238">
        <v>35</v>
      </c>
      <c r="S6343" s="236" t="e">
        <f t="shared" si="1479"/>
        <v>#N/A</v>
      </c>
      <c r="T6343" s="236">
        <f t="shared" si="1466"/>
        <v>33.215573568698915</v>
      </c>
    </row>
    <row r="6344" spans="2:20" x14ac:dyDescent="0.2">
      <c r="B6344" s="239">
        <v>62.921999999999997</v>
      </c>
      <c r="C6344" s="3">
        <f t="shared" si="1467"/>
        <v>62.914999999999999</v>
      </c>
      <c r="D6344" s="239">
        <v>18.818200000000001</v>
      </c>
      <c r="E6344" s="239">
        <v>0.1943</v>
      </c>
      <c r="F6344" s="239">
        <v>0.1865</v>
      </c>
      <c r="G6344">
        <f t="shared" si="1468"/>
        <v>18.855499999999999</v>
      </c>
      <c r="H6344" s="235">
        <f t="shared" si="1469"/>
        <v>1.0304685635490971</v>
      </c>
      <c r="I6344" s="236">
        <f t="shared" si="1470"/>
        <v>20.571213863955382</v>
      </c>
      <c r="J6344" s="237">
        <f t="shared" si="1475"/>
        <v>10.571213863955382</v>
      </c>
      <c r="K6344" s="237">
        <f t="shared" si="1471"/>
        <v>1294.2379202507529</v>
      </c>
      <c r="L6344" s="237">
        <f t="shared" si="1476"/>
        <v>665.16191874780054</v>
      </c>
      <c r="M6344" s="236">
        <f t="shared" si="1472"/>
        <v>26.401484487881042</v>
      </c>
      <c r="N6344" s="236">
        <f t="shared" si="1473"/>
        <v>1.1064125067870656</v>
      </c>
      <c r="O6344" s="236">
        <f t="shared" si="1477"/>
        <v>2.4069301621440746</v>
      </c>
      <c r="P6344" s="236" t="str">
        <f t="shared" si="1478"/>
        <v>SAND</v>
      </c>
      <c r="Q6344" s="236" t="e">
        <f t="shared" si="1474"/>
        <v>#N/A</v>
      </c>
      <c r="R6344" s="238">
        <v>35</v>
      </c>
      <c r="S6344" s="236" t="e">
        <f t="shared" si="1479"/>
        <v>#N/A</v>
      </c>
      <c r="T6344" s="236">
        <f t="shared" si="1466"/>
        <v>33.237911815055554</v>
      </c>
    </row>
    <row r="6345" spans="2:20" x14ac:dyDescent="0.2">
      <c r="B6345" s="239">
        <v>62.933</v>
      </c>
      <c r="C6345" s="3">
        <f t="shared" si="1467"/>
        <v>62.926000000000002</v>
      </c>
      <c r="D6345" s="239">
        <v>19.119499999999999</v>
      </c>
      <c r="E6345" s="239">
        <v>0.182</v>
      </c>
      <c r="F6345" s="239">
        <v>0.13719999999999999</v>
      </c>
      <c r="G6345">
        <f t="shared" si="1468"/>
        <v>19.146939999999997</v>
      </c>
      <c r="H6345" s="235">
        <f t="shared" si="1469"/>
        <v>0.95054353332699648</v>
      </c>
      <c r="I6345" s="236">
        <f t="shared" si="1470"/>
        <v>20.500525240663251</v>
      </c>
      <c r="J6345" s="237">
        <f t="shared" si="1475"/>
        <v>10.500525240663251</v>
      </c>
      <c r="K6345" s="237">
        <f t="shared" si="1471"/>
        <v>1290.0160512939758</v>
      </c>
      <c r="L6345" s="237">
        <f t="shared" si="1476"/>
        <v>660.82955497066041</v>
      </c>
      <c r="M6345" s="236">
        <f t="shared" si="1472"/>
        <v>27.021981408653605</v>
      </c>
      <c r="N6345" s="236">
        <f t="shared" si="1473"/>
        <v>1.0192124943959813</v>
      </c>
      <c r="O6345" s="236">
        <f t="shared" si="1477"/>
        <v>2.3797544157155621</v>
      </c>
      <c r="P6345" s="236" t="str">
        <f t="shared" si="1478"/>
        <v>SAND</v>
      </c>
      <c r="Q6345" s="236" t="e">
        <f t="shared" si="1474"/>
        <v>#N/A</v>
      </c>
      <c r="R6345" s="238">
        <v>35</v>
      </c>
      <c r="S6345" s="236" t="e">
        <f t="shared" si="1479"/>
        <v>#N/A</v>
      </c>
      <c r="T6345" s="236">
        <f t="shared" si="1466"/>
        <v>33.348889099327181</v>
      </c>
    </row>
    <row r="6346" spans="2:20" x14ac:dyDescent="0.2">
      <c r="B6346" s="239">
        <v>62.942999999999998</v>
      </c>
      <c r="C6346" s="3">
        <f t="shared" si="1467"/>
        <v>62.936</v>
      </c>
      <c r="D6346" s="239">
        <v>19.290800000000001</v>
      </c>
      <c r="E6346" s="239">
        <v>0.17</v>
      </c>
      <c r="F6346" s="239">
        <v>0.1103</v>
      </c>
      <c r="G6346">
        <f t="shared" si="1468"/>
        <v>19.312860000000001</v>
      </c>
      <c r="H6346" s="235">
        <f t="shared" si="1469"/>
        <v>0.88024249127265464</v>
      </c>
      <c r="I6346" s="236">
        <f t="shared" si="1470"/>
        <v>20.42391707515575</v>
      </c>
      <c r="J6346" s="237">
        <f t="shared" si="1475"/>
        <v>10.42391707515575</v>
      </c>
      <c r="K6346" s="237">
        <f t="shared" si="1471"/>
        <v>1285.3996450420022</v>
      </c>
      <c r="L6346" s="237">
        <f t="shared" si="1476"/>
        <v>656.11261246152833</v>
      </c>
      <c r="M6346" s="236">
        <f t="shared" si="1472"/>
        <v>27.476167981780801</v>
      </c>
      <c r="N6346" s="236">
        <f t="shared" si="1473"/>
        <v>0.94300581808377559</v>
      </c>
      <c r="O6346" s="236">
        <f t="shared" si="1477"/>
        <v>2.3562690113370297</v>
      </c>
      <c r="P6346" s="236" t="str">
        <f t="shared" si="1478"/>
        <v>SAND</v>
      </c>
      <c r="Q6346" s="236" t="e">
        <f t="shared" si="1474"/>
        <v>#N/A</v>
      </c>
      <c r="R6346" s="238">
        <v>35</v>
      </c>
      <c r="S6346" s="236" t="e">
        <f t="shared" si="1479"/>
        <v>#N/A</v>
      </c>
      <c r="T6346" s="236">
        <f t="shared" si="1466"/>
        <v>33.428517791572929</v>
      </c>
    </row>
    <row r="6347" spans="2:20" x14ac:dyDescent="0.2">
      <c r="B6347" s="239">
        <v>62.951999999999998</v>
      </c>
      <c r="C6347" s="3">
        <f t="shared" si="1467"/>
        <v>62.945</v>
      </c>
      <c r="D6347" s="239">
        <v>19.453900000000001</v>
      </c>
      <c r="E6347" s="239">
        <v>0.16239999999999999</v>
      </c>
      <c r="F6347" s="239">
        <v>0.1353</v>
      </c>
      <c r="G6347">
        <f t="shared" si="1468"/>
        <v>19.48096</v>
      </c>
      <c r="H6347" s="235">
        <f t="shared" si="1469"/>
        <v>0.83363448207891178</v>
      </c>
      <c r="I6347" s="236">
        <f t="shared" si="1470"/>
        <v>20.373674640782649</v>
      </c>
      <c r="J6347" s="237">
        <f t="shared" si="1475"/>
        <v>10.373674640782649</v>
      </c>
      <c r="K6347" s="237">
        <f t="shared" si="1471"/>
        <v>1282.4209502640638</v>
      </c>
      <c r="L6347" s="237">
        <f t="shared" si="1476"/>
        <v>653.04356598654931</v>
      </c>
      <c r="M6347" s="236">
        <f t="shared" si="1472"/>
        <v>27.867266439174703</v>
      </c>
      <c r="N6347" s="236">
        <f t="shared" si="1473"/>
        <v>0.89237932537423337</v>
      </c>
      <c r="O6347" s="236">
        <f t="shared" si="1477"/>
        <v>2.3388948122395075</v>
      </c>
      <c r="P6347" s="236" t="str">
        <f t="shared" si="1478"/>
        <v>SAND</v>
      </c>
      <c r="Q6347" s="236" t="e">
        <f t="shared" si="1474"/>
        <v>#N/A</v>
      </c>
      <c r="R6347" s="238">
        <v>35</v>
      </c>
      <c r="S6347" s="236" t="e">
        <f t="shared" si="1479"/>
        <v>#N/A</v>
      </c>
      <c r="T6347" s="236">
        <f t="shared" si="1466"/>
        <v>33.496038069026405</v>
      </c>
    </row>
    <row r="6348" spans="2:20" x14ac:dyDescent="0.2">
      <c r="B6348" s="239">
        <v>62.963000000000001</v>
      </c>
      <c r="C6348" s="3">
        <f t="shared" si="1467"/>
        <v>62.956000000000003</v>
      </c>
      <c r="D6348" s="239">
        <v>19.781199999999998</v>
      </c>
      <c r="E6348" s="239">
        <v>0.15640000000000001</v>
      </c>
      <c r="F6348" s="239">
        <v>0.1419</v>
      </c>
      <c r="G6348">
        <f t="shared" si="1468"/>
        <v>19.809579999999997</v>
      </c>
      <c r="H6348" s="235">
        <f t="shared" si="1469"/>
        <v>0.78951699127391917</v>
      </c>
      <c r="I6348" s="236">
        <f t="shared" si="1470"/>
        <v>20.336070016942497</v>
      </c>
      <c r="J6348" s="237">
        <f t="shared" si="1475"/>
        <v>10.336070016942497</v>
      </c>
      <c r="K6348" s="237">
        <f t="shared" si="1471"/>
        <v>1280.2776239866319</v>
      </c>
      <c r="L6348" s="237">
        <f t="shared" si="1476"/>
        <v>650.78997647675044</v>
      </c>
      <c r="M6348" s="236">
        <f t="shared" si="1472"/>
        <v>28.472015620657501</v>
      </c>
      <c r="N6348" s="236">
        <f t="shared" si="1473"/>
        <v>0.84406847503586335</v>
      </c>
      <c r="O6348" s="236">
        <f t="shared" si="1477"/>
        <v>2.318782379752157</v>
      </c>
      <c r="P6348" s="236" t="str">
        <f t="shared" si="1478"/>
        <v>SAND</v>
      </c>
      <c r="Q6348" s="236" t="e">
        <f t="shared" si="1474"/>
        <v>#N/A</v>
      </c>
      <c r="R6348" s="238">
        <v>35</v>
      </c>
      <c r="S6348" s="236" t="e">
        <f t="shared" si="1479"/>
        <v>#N/A</v>
      </c>
      <c r="T6348" s="236">
        <f t="shared" si="1466"/>
        <v>33.598600345900522</v>
      </c>
    </row>
    <row r="6349" spans="2:20" x14ac:dyDescent="0.2">
      <c r="B6349" s="239">
        <v>62.973999999999997</v>
      </c>
      <c r="C6349" s="3">
        <f t="shared" si="1467"/>
        <v>62.966999999999999</v>
      </c>
      <c r="D6349" s="239">
        <v>20.032499999999999</v>
      </c>
      <c r="E6349" s="239">
        <v>0.14910000000000001</v>
      </c>
      <c r="F6349" s="239">
        <v>0.1484</v>
      </c>
      <c r="G6349">
        <f t="shared" si="1468"/>
        <v>20.062179999999998</v>
      </c>
      <c r="H6349" s="235">
        <f t="shared" si="1469"/>
        <v>0.74318942408053368</v>
      </c>
      <c r="I6349" s="236">
        <f t="shared" si="1470"/>
        <v>20.284973002071737</v>
      </c>
      <c r="J6349" s="237">
        <f t="shared" si="1475"/>
        <v>10.284973002071737</v>
      </c>
      <c r="K6349" s="237">
        <f t="shared" si="1471"/>
        <v>1277.2838950214511</v>
      </c>
      <c r="L6349" s="237">
        <f t="shared" si="1476"/>
        <v>647.68588983246559</v>
      </c>
      <c r="M6349" s="236">
        <f t="shared" si="1472"/>
        <v>29.003096099310675</v>
      </c>
      <c r="N6349" s="236">
        <f t="shared" si="1473"/>
        <v>0.79372278221163106</v>
      </c>
      <c r="O6349" s="236">
        <f t="shared" si="1477"/>
        <v>2.2986817887826776</v>
      </c>
      <c r="P6349" s="236" t="str">
        <f t="shared" si="1478"/>
        <v>SAND</v>
      </c>
      <c r="Q6349" s="236" t="e">
        <f t="shared" si="1474"/>
        <v>#N/A</v>
      </c>
      <c r="R6349" s="238">
        <v>35</v>
      </c>
      <c r="S6349" s="236" t="e">
        <f t="shared" si="1479"/>
        <v>#N/A</v>
      </c>
      <c r="T6349" s="236">
        <f t="shared" ref="T6349:T6412" si="1480">IF(P6349="SAND",17.6+(11*LOG(M6349)),#N/A)</f>
        <v>33.686887977502806</v>
      </c>
    </row>
    <row r="6350" spans="2:20" x14ac:dyDescent="0.2">
      <c r="B6350" s="239">
        <v>62.982999999999997</v>
      </c>
      <c r="C6350" s="3">
        <f t="shared" ref="C6350:C6413" si="1481">MAX($B6350 - $B$13, 0.001)</f>
        <v>62.975999999999999</v>
      </c>
      <c r="D6350" s="239">
        <v>20.369800000000001</v>
      </c>
      <c r="E6350" s="239">
        <v>0.1391</v>
      </c>
      <c r="F6350" s="239">
        <v>0.16819999999999999</v>
      </c>
      <c r="G6350">
        <f t="shared" si="1468"/>
        <v>20.40344</v>
      </c>
      <c r="H6350" s="235">
        <f t="shared" si="1469"/>
        <v>0.68174778370706113</v>
      </c>
      <c r="I6350" s="236">
        <f t="shared" si="1470"/>
        <v>20.210159361062093</v>
      </c>
      <c r="J6350" s="237">
        <f t="shared" si="1475"/>
        <v>10.210159361062093</v>
      </c>
      <c r="K6350" s="237">
        <f t="shared" si="1471"/>
        <v>1272.7549959222463</v>
      </c>
      <c r="L6350" s="237">
        <f t="shared" si="1476"/>
        <v>643.0664670377738</v>
      </c>
      <c r="M6350" s="236">
        <f t="shared" si="1472"/>
        <v>29.749156556399971</v>
      </c>
      <c r="N6350" s="236">
        <f t="shared" si="1473"/>
        <v>0.72710412601718377</v>
      </c>
      <c r="O6350" s="236">
        <f t="shared" si="1477"/>
        <v>2.2706749369505808</v>
      </c>
      <c r="P6350" s="236" t="str">
        <f t="shared" si="1478"/>
        <v>SAND</v>
      </c>
      <c r="Q6350" s="236" t="e">
        <f t="shared" si="1474"/>
        <v>#N/A</v>
      </c>
      <c r="R6350" s="238">
        <v>35</v>
      </c>
      <c r="S6350" s="236" t="e">
        <f t="shared" si="1479"/>
        <v>#N/A</v>
      </c>
      <c r="T6350" s="236">
        <f t="shared" si="1480"/>
        <v>33.808221229062084</v>
      </c>
    </row>
    <row r="6351" spans="2:20" x14ac:dyDescent="0.2">
      <c r="B6351" s="239">
        <v>62.993000000000002</v>
      </c>
      <c r="C6351" s="3">
        <f t="shared" si="1481"/>
        <v>62.986000000000004</v>
      </c>
      <c r="D6351" s="239">
        <v>20.659700000000001</v>
      </c>
      <c r="E6351" s="239">
        <v>0.12790000000000001</v>
      </c>
      <c r="F6351" s="239">
        <v>0.18940000000000001</v>
      </c>
      <c r="G6351">
        <f t="shared" ref="G6351:G6414" si="1482">$D6351+($F6351*(1-$P$8))</f>
        <v>20.697580000000002</v>
      </c>
      <c r="H6351" s="235">
        <f t="shared" ref="H6351:H6414" si="1483">($E6351/$G6351)*100</f>
        <v>0.61794663917230908</v>
      </c>
      <c r="I6351" s="236">
        <f t="shared" ref="I6351:I6414" si="1484">((0.27*(LOG($H6351)))+(0.36*(LOG(($G6351*1000)/101)))+1.236)*10</f>
        <v>20.117321137382348</v>
      </c>
      <c r="J6351" s="237">
        <f t="shared" si="1475"/>
        <v>10.117321137382348</v>
      </c>
      <c r="K6351" s="237">
        <f t="shared" ref="K6351:K6414" si="1485">$I6351*$C6351</f>
        <v>1267.1095891591647</v>
      </c>
      <c r="L6351" s="237">
        <f t="shared" si="1476"/>
        <v>637.32041040712625</v>
      </c>
      <c r="M6351" s="236">
        <f t="shared" ref="M6351:M6414" si="1486">(($G6351*1000)-$K6351)/$L6351</f>
        <v>30.487757952751693</v>
      </c>
      <c r="N6351" s="236">
        <f t="shared" ref="N6351:N6414" si="1487">(($E6351*1000)/(($G6351*1000)-$K6351))*100</f>
        <v>0.65824448557169679</v>
      </c>
      <c r="O6351" s="236">
        <f t="shared" si="1477"/>
        <v>2.2409697937329733</v>
      </c>
      <c r="P6351" s="236" t="str">
        <f t="shared" si="1478"/>
        <v>SAND</v>
      </c>
      <c r="Q6351" s="236" t="e">
        <f t="shared" ref="Q6351:Q6414" si="1488">IF(P6351="CLAY",($G6351*1000 -$K6351)/$L$8,#N/A)</f>
        <v>#N/A</v>
      </c>
      <c r="R6351" s="238">
        <v>35</v>
      </c>
      <c r="S6351" s="236" t="e">
        <f t="shared" si="1479"/>
        <v>#N/A</v>
      </c>
      <c r="T6351" s="236">
        <f t="shared" si="1480"/>
        <v>33.925380366279228</v>
      </c>
    </row>
    <row r="6352" spans="2:20" x14ac:dyDescent="0.2">
      <c r="B6352" s="239">
        <v>63.003999999999998</v>
      </c>
      <c r="C6352" s="3">
        <f t="shared" si="1481"/>
        <v>62.997</v>
      </c>
      <c r="D6352" s="239">
        <v>21.009599999999999</v>
      </c>
      <c r="E6352" s="239">
        <v>0.1202</v>
      </c>
      <c r="F6352" s="239">
        <v>0.22120000000000001</v>
      </c>
      <c r="G6352">
        <f t="shared" si="1482"/>
        <v>21.053839999999997</v>
      </c>
      <c r="H6352" s="235">
        <f t="shared" si="1483"/>
        <v>0.57091722935103539</v>
      </c>
      <c r="I6352" s="236">
        <f t="shared" si="1484"/>
        <v>20.051183303429312</v>
      </c>
      <c r="J6352" s="237">
        <f t="shared" ref="J6352:J6415" si="1489">$I6352-10</f>
        <v>10.051183303429312</v>
      </c>
      <c r="K6352" s="237">
        <f t="shared" si="1485"/>
        <v>1263.1643945661363</v>
      </c>
      <c r="L6352" s="237">
        <f t="shared" ref="L6352:L6415" si="1490">$J6352*$B6352</f>
        <v>633.26475284926039</v>
      </c>
      <c r="M6352" s="236">
        <f t="shared" si="1486"/>
        <v>31.251819268938135</v>
      </c>
      <c r="N6352" s="236">
        <f t="shared" si="1487"/>
        <v>0.60735672897895954</v>
      </c>
      <c r="O6352" s="236">
        <f t="shared" ref="O6352:O6415" si="1491">((3.47-LOG($M6352))^2+(LOG($N6352)+1.22)^2)^0.5</f>
        <v>2.2154045046815964</v>
      </c>
      <c r="P6352" s="236" t="str">
        <f t="shared" ref="P6352:P6415" si="1492">IF(O6352&lt;2.6,"SAND","CLAY")</f>
        <v>SAND</v>
      </c>
      <c r="Q6352" s="236" t="e">
        <f t="shared" si="1488"/>
        <v>#N/A</v>
      </c>
      <c r="R6352" s="238">
        <v>35</v>
      </c>
      <c r="S6352" s="236" t="e">
        <f t="shared" ref="S6352:S6415" si="1493">IF(P6352="SAND",#N/A,0.25*($M6352)^1.25)</f>
        <v>#N/A</v>
      </c>
      <c r="T6352" s="236">
        <f t="shared" si="1480"/>
        <v>34.043628345044155</v>
      </c>
    </row>
    <row r="6353" spans="2:20" x14ac:dyDescent="0.2">
      <c r="B6353" s="239">
        <v>63.014000000000003</v>
      </c>
      <c r="C6353" s="3">
        <f t="shared" si="1481"/>
        <v>63.007000000000005</v>
      </c>
      <c r="D6353" s="239">
        <v>21.3325</v>
      </c>
      <c r="E6353" s="239">
        <v>0.1142</v>
      </c>
      <c r="F6353" s="239">
        <v>0.2329</v>
      </c>
      <c r="G6353">
        <f t="shared" si="1482"/>
        <v>21.379079999999998</v>
      </c>
      <c r="H6353" s="235">
        <f t="shared" si="1483"/>
        <v>0.53416704554171646</v>
      </c>
      <c r="I6353" s="236">
        <f t="shared" si="1484"/>
        <v>19.997131646100183</v>
      </c>
      <c r="J6353" s="237">
        <f t="shared" si="1489"/>
        <v>9.9971316461001827</v>
      </c>
      <c r="K6353" s="237">
        <f t="shared" si="1485"/>
        <v>1259.9592736258344</v>
      </c>
      <c r="L6353" s="237">
        <f t="shared" si="1490"/>
        <v>629.95925354735698</v>
      </c>
      <c r="M6353" s="236">
        <f t="shared" si="1486"/>
        <v>31.937177862030907</v>
      </c>
      <c r="N6353" s="236">
        <f t="shared" si="1487"/>
        <v>0.5676192391961502</v>
      </c>
      <c r="O6353" s="236">
        <f t="shared" si="1491"/>
        <v>2.1938043105225207</v>
      </c>
      <c r="P6353" s="236" t="str">
        <f t="shared" si="1492"/>
        <v>SAND</v>
      </c>
      <c r="Q6353" s="236" t="e">
        <f t="shared" si="1488"/>
        <v>#N/A</v>
      </c>
      <c r="R6353" s="238">
        <v>35</v>
      </c>
      <c r="S6353" s="236" t="e">
        <f t="shared" si="1493"/>
        <v>#N/A</v>
      </c>
      <c r="T6353" s="236">
        <f t="shared" si="1480"/>
        <v>34.147261906343303</v>
      </c>
    </row>
    <row r="6354" spans="2:20" x14ac:dyDescent="0.2">
      <c r="B6354" s="239">
        <v>63.024000000000001</v>
      </c>
      <c r="C6354" s="3">
        <f t="shared" si="1481"/>
        <v>63.017000000000003</v>
      </c>
      <c r="D6354" s="239">
        <v>21.635200000000001</v>
      </c>
      <c r="E6354" s="239">
        <v>0.10730000000000001</v>
      </c>
      <c r="F6354" s="239">
        <v>0.2676</v>
      </c>
      <c r="G6354">
        <f t="shared" si="1482"/>
        <v>21.68872</v>
      </c>
      <c r="H6354" s="235">
        <f t="shared" si="1483"/>
        <v>0.49472721303977368</v>
      </c>
      <c r="I6354" s="236">
        <f t="shared" si="1484"/>
        <v>19.929672833559753</v>
      </c>
      <c r="J6354" s="237">
        <f t="shared" si="1489"/>
        <v>9.9296728335597528</v>
      </c>
      <c r="K6354" s="237">
        <f t="shared" si="1485"/>
        <v>1255.908192952435</v>
      </c>
      <c r="L6354" s="237">
        <f t="shared" si="1490"/>
        <v>625.80770066226989</v>
      </c>
      <c r="M6354" s="236">
        <f t="shared" si="1486"/>
        <v>32.65030421553498</v>
      </c>
      <c r="N6354" s="236">
        <f t="shared" si="1487"/>
        <v>0.52513575230498</v>
      </c>
      <c r="O6354" s="236">
        <f t="shared" si="1491"/>
        <v>2.1703658258164995</v>
      </c>
      <c r="P6354" s="236" t="str">
        <f t="shared" si="1492"/>
        <v>SAND</v>
      </c>
      <c r="Q6354" s="236" t="e">
        <f t="shared" si="1488"/>
        <v>#N/A</v>
      </c>
      <c r="R6354" s="238">
        <v>35</v>
      </c>
      <c r="S6354" s="236" t="e">
        <f t="shared" si="1493"/>
        <v>#N/A</v>
      </c>
      <c r="T6354" s="236">
        <f t="shared" si="1480"/>
        <v>34.252759553318931</v>
      </c>
    </row>
    <row r="6355" spans="2:20" x14ac:dyDescent="0.2">
      <c r="B6355" s="239">
        <v>63.033999999999999</v>
      </c>
      <c r="C6355" s="3">
        <f t="shared" si="1481"/>
        <v>63.027000000000001</v>
      </c>
      <c r="D6355" s="239">
        <v>21.841699999999999</v>
      </c>
      <c r="E6355" s="239">
        <v>9.9400000000000002E-2</v>
      </c>
      <c r="F6355" s="239">
        <v>0.31040000000000001</v>
      </c>
      <c r="G6355">
        <f t="shared" si="1482"/>
        <v>21.903780000000001</v>
      </c>
      <c r="H6355" s="235">
        <f t="shared" si="1483"/>
        <v>0.45380295090619061</v>
      </c>
      <c r="I6355" s="236">
        <f t="shared" si="1484"/>
        <v>19.843853454165419</v>
      </c>
      <c r="J6355" s="237">
        <f t="shared" si="1489"/>
        <v>9.8438534541654192</v>
      </c>
      <c r="K6355" s="237">
        <f t="shared" si="1485"/>
        <v>1250.6985516556838</v>
      </c>
      <c r="L6355" s="237">
        <f t="shared" si="1490"/>
        <v>620.49745862986299</v>
      </c>
      <c r="M6355" s="236">
        <f t="shared" si="1486"/>
        <v>33.284715611807563</v>
      </c>
      <c r="N6355" s="236">
        <f t="shared" si="1487"/>
        <v>0.48128411369804841</v>
      </c>
      <c r="O6355" s="236">
        <f t="shared" si="1491"/>
        <v>2.1466435747803772</v>
      </c>
      <c r="P6355" s="236" t="str">
        <f t="shared" si="1492"/>
        <v>SAND</v>
      </c>
      <c r="Q6355" s="236" t="e">
        <f t="shared" si="1488"/>
        <v>#N/A</v>
      </c>
      <c r="R6355" s="238">
        <v>35</v>
      </c>
      <c r="S6355" s="236" t="e">
        <f t="shared" si="1493"/>
        <v>#N/A</v>
      </c>
      <c r="T6355" s="236">
        <f t="shared" si="1480"/>
        <v>34.344693357092225</v>
      </c>
    </row>
    <row r="6356" spans="2:20" x14ac:dyDescent="0.2">
      <c r="B6356" s="239">
        <v>63.042999999999999</v>
      </c>
      <c r="C6356" s="3">
        <f t="shared" si="1481"/>
        <v>63.036000000000001</v>
      </c>
      <c r="D6356" s="239">
        <v>21.958500000000001</v>
      </c>
      <c r="E6356" s="239">
        <v>8.6499999999999994E-2</v>
      </c>
      <c r="F6356" s="239">
        <v>0.35649999999999998</v>
      </c>
      <c r="G6356">
        <f t="shared" si="1482"/>
        <v>22.029800000000002</v>
      </c>
      <c r="H6356" s="235">
        <f t="shared" si="1483"/>
        <v>0.3926499559687332</v>
      </c>
      <c r="I6356" s="236">
        <f t="shared" si="1484"/>
        <v>19.683096043477416</v>
      </c>
      <c r="J6356" s="237">
        <f t="shared" si="1489"/>
        <v>9.6830960434774163</v>
      </c>
      <c r="K6356" s="237">
        <f t="shared" si="1485"/>
        <v>1240.7436421966424</v>
      </c>
      <c r="L6356" s="237">
        <f t="shared" si="1490"/>
        <v>610.45142386894679</v>
      </c>
      <c r="M6356" s="236">
        <f t="shared" si="1486"/>
        <v>34.055218064765143</v>
      </c>
      <c r="N6356" s="236">
        <f t="shared" si="1487"/>
        <v>0.41608430181359068</v>
      </c>
      <c r="O6356" s="236">
        <f t="shared" si="1491"/>
        <v>2.1117190751182719</v>
      </c>
      <c r="P6356" s="236" t="str">
        <f t="shared" si="1492"/>
        <v>SAND</v>
      </c>
      <c r="Q6356" s="236" t="e">
        <f t="shared" si="1488"/>
        <v>#N/A</v>
      </c>
      <c r="R6356" s="238">
        <v>35</v>
      </c>
      <c r="S6356" s="236" t="e">
        <f t="shared" si="1493"/>
        <v>#N/A</v>
      </c>
      <c r="T6356" s="236">
        <f t="shared" si="1480"/>
        <v>34.454020320857197</v>
      </c>
    </row>
    <row r="6357" spans="2:20" x14ac:dyDescent="0.2">
      <c r="B6357" s="239">
        <v>63.054000000000002</v>
      </c>
      <c r="C6357" s="3">
        <f t="shared" si="1481"/>
        <v>63.047000000000004</v>
      </c>
      <c r="D6357" s="239">
        <v>21.9056</v>
      </c>
      <c r="E6357" s="239">
        <v>7.85E-2</v>
      </c>
      <c r="F6357" s="239">
        <v>0.40589999999999998</v>
      </c>
      <c r="G6357">
        <f t="shared" si="1482"/>
        <v>21.98678</v>
      </c>
      <c r="H6357" s="235">
        <f t="shared" si="1483"/>
        <v>0.35703272602900471</v>
      </c>
      <c r="I6357" s="236">
        <f t="shared" si="1484"/>
        <v>19.568536595385225</v>
      </c>
      <c r="J6357" s="237">
        <f t="shared" si="1489"/>
        <v>9.5685365953852255</v>
      </c>
      <c r="K6357" s="237">
        <f t="shared" si="1485"/>
        <v>1233.7375267292523</v>
      </c>
      <c r="L6357" s="237">
        <f t="shared" si="1490"/>
        <v>603.33450648541998</v>
      </c>
      <c r="M6357" s="236">
        <f t="shared" si="1486"/>
        <v>34.397241082998228</v>
      </c>
      <c r="N6357" s="236">
        <f t="shared" si="1487"/>
        <v>0.37825779088105027</v>
      </c>
      <c r="O6357" s="236">
        <f t="shared" si="1491"/>
        <v>2.0916014089638635</v>
      </c>
      <c r="P6357" s="236" t="str">
        <f t="shared" si="1492"/>
        <v>SAND</v>
      </c>
      <c r="Q6357" s="236" t="e">
        <f t="shared" si="1488"/>
        <v>#N/A</v>
      </c>
      <c r="R6357" s="238">
        <v>35</v>
      </c>
      <c r="S6357" s="236" t="e">
        <f t="shared" si="1493"/>
        <v>#N/A</v>
      </c>
      <c r="T6357" s="236">
        <f t="shared" si="1480"/>
        <v>34.501759713191412</v>
      </c>
    </row>
    <row r="6358" spans="2:20" x14ac:dyDescent="0.2">
      <c r="B6358" s="239">
        <v>63.064</v>
      </c>
      <c r="C6358" s="3">
        <f t="shared" si="1481"/>
        <v>63.057000000000002</v>
      </c>
      <c r="D6358" s="239">
        <v>21.8276</v>
      </c>
      <c r="E6358" s="239">
        <v>7.6999999999999999E-2</v>
      </c>
      <c r="F6358" s="239">
        <v>0.44059999999999999</v>
      </c>
      <c r="G6358">
        <f t="shared" si="1482"/>
        <v>21.91572</v>
      </c>
      <c r="H6358" s="235">
        <f t="shared" si="1483"/>
        <v>0.35134597448771931</v>
      </c>
      <c r="I6358" s="236">
        <f t="shared" si="1484"/>
        <v>19.544648181189906</v>
      </c>
      <c r="J6358" s="237">
        <f t="shared" si="1489"/>
        <v>9.5446481811899062</v>
      </c>
      <c r="K6358" s="237">
        <f t="shared" si="1485"/>
        <v>1232.426880361292</v>
      </c>
      <c r="L6358" s="237">
        <f t="shared" si="1490"/>
        <v>601.92369289856026</v>
      </c>
      <c r="M6358" s="236">
        <f t="shared" si="1486"/>
        <v>34.361985354054475</v>
      </c>
      <c r="N6358" s="236">
        <f t="shared" si="1487"/>
        <v>0.37228114282676189</v>
      </c>
      <c r="O6358" s="236">
        <f t="shared" si="1491"/>
        <v>2.0893851585552801</v>
      </c>
      <c r="P6358" s="236" t="str">
        <f t="shared" si="1492"/>
        <v>SAND</v>
      </c>
      <c r="Q6358" s="236" t="e">
        <f t="shared" si="1488"/>
        <v>#N/A</v>
      </c>
      <c r="R6358" s="238">
        <v>35</v>
      </c>
      <c r="S6358" s="236" t="e">
        <f t="shared" si="1493"/>
        <v>#N/A</v>
      </c>
      <c r="T6358" s="236">
        <f t="shared" si="1480"/>
        <v>34.496860732287161</v>
      </c>
    </row>
    <row r="6359" spans="2:20" x14ac:dyDescent="0.2">
      <c r="B6359" s="239">
        <v>63.073999999999998</v>
      </c>
      <c r="C6359" s="3">
        <f t="shared" si="1481"/>
        <v>63.067</v>
      </c>
      <c r="D6359" s="239">
        <v>21.7578</v>
      </c>
      <c r="E6359" s="239">
        <v>0.08</v>
      </c>
      <c r="F6359" s="239">
        <v>0.4778</v>
      </c>
      <c r="G6359">
        <f t="shared" si="1482"/>
        <v>21.853359999999999</v>
      </c>
      <c r="H6359" s="235">
        <f t="shared" si="1483"/>
        <v>0.36607642943693786</v>
      </c>
      <c r="I6359" s="236">
        <f t="shared" si="1484"/>
        <v>19.588352417376864</v>
      </c>
      <c r="J6359" s="237">
        <f t="shared" si="1489"/>
        <v>9.5883524173768642</v>
      </c>
      <c r="K6359" s="237">
        <f t="shared" si="1485"/>
        <v>1235.3786219067067</v>
      </c>
      <c r="L6359" s="237">
        <f t="shared" si="1490"/>
        <v>604.77574037362831</v>
      </c>
      <c r="M6359" s="236">
        <f t="shared" si="1486"/>
        <v>34.091945165253442</v>
      </c>
      <c r="N6359" s="236">
        <f t="shared" si="1487"/>
        <v>0.3880108267291405</v>
      </c>
      <c r="O6359" s="236">
        <f t="shared" si="1491"/>
        <v>2.0994157484045659</v>
      </c>
      <c r="P6359" s="236" t="str">
        <f t="shared" si="1492"/>
        <v>SAND</v>
      </c>
      <c r="Q6359" s="236" t="e">
        <f t="shared" si="1488"/>
        <v>#N/A</v>
      </c>
      <c r="R6359" s="238">
        <v>35</v>
      </c>
      <c r="S6359" s="236" t="e">
        <f t="shared" si="1493"/>
        <v>#N/A</v>
      </c>
      <c r="T6359" s="236">
        <f t="shared" si="1480"/>
        <v>34.45916959359382</v>
      </c>
    </row>
    <row r="6360" spans="2:20" x14ac:dyDescent="0.2">
      <c r="B6360" s="239">
        <v>63.084000000000003</v>
      </c>
      <c r="C6360" s="3">
        <f t="shared" si="1481"/>
        <v>63.077000000000005</v>
      </c>
      <c r="D6360" s="239">
        <v>21.699000000000002</v>
      </c>
      <c r="E6360" s="239">
        <v>8.48E-2</v>
      </c>
      <c r="F6360" s="239">
        <v>0.49280000000000002</v>
      </c>
      <c r="G6360">
        <f t="shared" si="1482"/>
        <v>21.797560000000001</v>
      </c>
      <c r="H6360" s="235">
        <f t="shared" si="1483"/>
        <v>0.38903436898441845</v>
      </c>
      <c r="I6360" s="236">
        <f t="shared" si="1484"/>
        <v>19.655678949074847</v>
      </c>
      <c r="J6360" s="237">
        <f t="shared" si="1489"/>
        <v>9.6556789490748471</v>
      </c>
      <c r="K6360" s="237">
        <f t="shared" si="1485"/>
        <v>1239.8212610707942</v>
      </c>
      <c r="L6360" s="237">
        <f t="shared" si="1490"/>
        <v>609.1188508234377</v>
      </c>
      <c r="M6360" s="236">
        <f t="shared" si="1486"/>
        <v>33.74996310020321</v>
      </c>
      <c r="N6360" s="236">
        <f t="shared" si="1487"/>
        <v>0.4124967297080116</v>
      </c>
      <c r="O6360" s="236">
        <f t="shared" si="1491"/>
        <v>2.1138188182971676</v>
      </c>
      <c r="P6360" s="236" t="str">
        <f t="shared" si="1492"/>
        <v>SAND</v>
      </c>
      <c r="Q6360" s="236" t="e">
        <f t="shared" si="1488"/>
        <v>#N/A</v>
      </c>
      <c r="R6360" s="238">
        <v>35</v>
      </c>
      <c r="S6360" s="236" t="e">
        <f t="shared" si="1493"/>
        <v>#N/A</v>
      </c>
      <c r="T6360" s="236">
        <f t="shared" si="1480"/>
        <v>34.411006325748417</v>
      </c>
    </row>
    <row r="6361" spans="2:20" x14ac:dyDescent="0.2">
      <c r="B6361" s="239">
        <v>63.094000000000001</v>
      </c>
      <c r="C6361" s="3">
        <f t="shared" si="1481"/>
        <v>63.087000000000003</v>
      </c>
      <c r="D6361" s="239">
        <v>21.7178</v>
      </c>
      <c r="E6361" s="239">
        <v>8.7099999999999997E-2</v>
      </c>
      <c r="F6361" s="239">
        <v>0.50829999999999997</v>
      </c>
      <c r="G6361">
        <f t="shared" si="1482"/>
        <v>21.819459999999999</v>
      </c>
      <c r="H6361" s="235">
        <f t="shared" si="1483"/>
        <v>0.39918494774847768</v>
      </c>
      <c r="I6361" s="236">
        <f t="shared" si="1484"/>
        <v>19.68745167130708</v>
      </c>
      <c r="J6361" s="237">
        <f t="shared" si="1489"/>
        <v>9.6874516713070804</v>
      </c>
      <c r="K6361" s="237">
        <f t="shared" si="1485"/>
        <v>1242.0222635877499</v>
      </c>
      <c r="L6361" s="237">
        <f t="shared" si="1490"/>
        <v>611.22007574944894</v>
      </c>
      <c r="M6361" s="236">
        <f t="shared" si="1486"/>
        <v>33.666167969337678</v>
      </c>
      <c r="N6361" s="236">
        <f t="shared" si="1487"/>
        <v>0.42327913278471274</v>
      </c>
      <c r="O6361" s="236">
        <f t="shared" si="1491"/>
        <v>2.1192624688893869</v>
      </c>
      <c r="P6361" s="236" t="str">
        <f t="shared" si="1492"/>
        <v>SAND</v>
      </c>
      <c r="Q6361" s="236" t="e">
        <f t="shared" si="1488"/>
        <v>#N/A</v>
      </c>
      <c r="R6361" s="238">
        <v>35</v>
      </c>
      <c r="S6361" s="236" t="e">
        <f t="shared" si="1493"/>
        <v>#N/A</v>
      </c>
      <c r="T6361" s="236">
        <f t="shared" si="1480"/>
        <v>34.399130544916808</v>
      </c>
    </row>
    <row r="6362" spans="2:20" x14ac:dyDescent="0.2">
      <c r="B6362" s="239">
        <v>63.103000000000002</v>
      </c>
      <c r="C6362" s="3">
        <f t="shared" si="1481"/>
        <v>63.096000000000004</v>
      </c>
      <c r="D6362" s="239">
        <v>21.6892</v>
      </c>
      <c r="E6362" s="239">
        <v>8.8499999999999995E-2</v>
      </c>
      <c r="F6362" s="239">
        <v>0.52600000000000002</v>
      </c>
      <c r="G6362">
        <f t="shared" si="1482"/>
        <v>21.7944</v>
      </c>
      <c r="H6362" s="235">
        <f t="shared" si="1483"/>
        <v>0.40606761369893185</v>
      </c>
      <c r="I6362" s="236">
        <f t="shared" si="1484"/>
        <v>19.705700310915674</v>
      </c>
      <c r="J6362" s="237">
        <f t="shared" si="1489"/>
        <v>9.7057003109156739</v>
      </c>
      <c r="K6362" s="237">
        <f t="shared" si="1485"/>
        <v>1243.3508668175355</v>
      </c>
      <c r="L6362" s="237">
        <f t="shared" si="1490"/>
        <v>612.45880671971179</v>
      </c>
      <c r="M6362" s="236">
        <f t="shared" si="1486"/>
        <v>33.554989997208956</v>
      </c>
      <c r="N6362" s="236">
        <f t="shared" si="1487"/>
        <v>0.43063494922555906</v>
      </c>
      <c r="O6362" s="236">
        <f t="shared" si="1491"/>
        <v>2.1235778891859156</v>
      </c>
      <c r="P6362" s="236" t="str">
        <f t="shared" si="1492"/>
        <v>SAND</v>
      </c>
      <c r="Q6362" s="236" t="e">
        <f t="shared" si="1488"/>
        <v>#N/A</v>
      </c>
      <c r="R6362" s="238">
        <v>35</v>
      </c>
      <c r="S6362" s="236" t="e">
        <f t="shared" si="1493"/>
        <v>#N/A</v>
      </c>
      <c r="T6362" s="236">
        <f t="shared" si="1480"/>
        <v>34.38332825057369</v>
      </c>
    </row>
    <row r="6363" spans="2:20" x14ac:dyDescent="0.2">
      <c r="B6363" s="239">
        <v>63.115000000000002</v>
      </c>
      <c r="C6363" s="3">
        <f t="shared" si="1481"/>
        <v>63.108000000000004</v>
      </c>
      <c r="D6363" s="239">
        <v>21.732600000000001</v>
      </c>
      <c r="E6363" s="239">
        <v>9.1700000000000004E-2</v>
      </c>
      <c r="F6363" s="239">
        <v>0.54390000000000005</v>
      </c>
      <c r="G6363">
        <f t="shared" si="1482"/>
        <v>21.841380000000001</v>
      </c>
      <c r="H6363" s="235">
        <f t="shared" si="1483"/>
        <v>0.41984526618739293</v>
      </c>
      <c r="I6363" s="236">
        <f t="shared" si="1484"/>
        <v>19.748192328056593</v>
      </c>
      <c r="J6363" s="237">
        <f t="shared" si="1489"/>
        <v>9.748192328056593</v>
      </c>
      <c r="K6363" s="237">
        <f t="shared" si="1485"/>
        <v>1246.2689214389954</v>
      </c>
      <c r="L6363" s="237">
        <f t="shared" si="1490"/>
        <v>615.25715878529184</v>
      </c>
      <c r="M6363" s="236">
        <f t="shared" si="1486"/>
        <v>33.473988533871164</v>
      </c>
      <c r="N6363" s="236">
        <f t="shared" si="1487"/>
        <v>0.4452513009044044</v>
      </c>
      <c r="O6363" s="236">
        <f t="shared" si="1491"/>
        <v>2.1304079521750436</v>
      </c>
      <c r="P6363" s="236" t="str">
        <f t="shared" si="1492"/>
        <v>SAND</v>
      </c>
      <c r="Q6363" s="236" t="e">
        <f t="shared" si="1488"/>
        <v>#N/A</v>
      </c>
      <c r="R6363" s="238">
        <v>35</v>
      </c>
      <c r="S6363" s="236" t="e">
        <f t="shared" si="1493"/>
        <v>#N/A</v>
      </c>
      <c r="T6363" s="236">
        <f t="shared" si="1480"/>
        <v>34.371782093346184</v>
      </c>
    </row>
    <row r="6364" spans="2:20" x14ac:dyDescent="0.2">
      <c r="B6364" s="239">
        <v>63.124000000000002</v>
      </c>
      <c r="C6364" s="3">
        <f t="shared" si="1481"/>
        <v>63.117000000000004</v>
      </c>
      <c r="D6364" s="239">
        <v>21.814399999999999</v>
      </c>
      <c r="E6364" s="239">
        <v>9.4799999999999995E-2</v>
      </c>
      <c r="F6364" s="239">
        <v>0.54520000000000002</v>
      </c>
      <c r="G6364">
        <f t="shared" si="1482"/>
        <v>21.923439999999999</v>
      </c>
      <c r="H6364" s="235">
        <f t="shared" si="1483"/>
        <v>0.43241389125064317</v>
      </c>
      <c r="I6364" s="236">
        <f t="shared" si="1484"/>
        <v>19.78864339534671</v>
      </c>
      <c r="J6364" s="237">
        <f t="shared" si="1489"/>
        <v>9.7886433953467105</v>
      </c>
      <c r="K6364" s="237">
        <f t="shared" si="1485"/>
        <v>1248.9998051840985</v>
      </c>
      <c r="L6364" s="237">
        <f t="shared" si="1490"/>
        <v>617.89832568786574</v>
      </c>
      <c r="M6364" s="236">
        <f t="shared" si="1486"/>
        <v>33.45929149718993</v>
      </c>
      <c r="N6364" s="236">
        <f t="shared" si="1487"/>
        <v>0.45853720394214609</v>
      </c>
      <c r="O6364" s="236">
        <f t="shared" si="1491"/>
        <v>2.1358198099190284</v>
      </c>
      <c r="P6364" s="236" t="str">
        <f t="shared" si="1492"/>
        <v>SAND</v>
      </c>
      <c r="Q6364" s="236" t="e">
        <f t="shared" si="1488"/>
        <v>#N/A</v>
      </c>
      <c r="R6364" s="238">
        <v>35</v>
      </c>
      <c r="S6364" s="236" t="e">
        <f t="shared" si="1493"/>
        <v>#N/A</v>
      </c>
      <c r="T6364" s="236">
        <f t="shared" si="1480"/>
        <v>34.369684145588749</v>
      </c>
    </row>
    <row r="6365" spans="2:20" x14ac:dyDescent="0.2">
      <c r="B6365" s="239">
        <v>63.136000000000003</v>
      </c>
      <c r="C6365" s="3">
        <f t="shared" si="1481"/>
        <v>63.129000000000005</v>
      </c>
      <c r="D6365" s="239">
        <v>21.798999999999999</v>
      </c>
      <c r="E6365" s="239">
        <v>9.5299999999999996E-2</v>
      </c>
      <c r="F6365" s="239">
        <v>0.5575</v>
      </c>
      <c r="G6365">
        <f t="shared" si="1482"/>
        <v>21.910499999999999</v>
      </c>
      <c r="H6365" s="235">
        <f t="shared" si="1483"/>
        <v>0.43495127906711395</v>
      </c>
      <c r="I6365" s="236">
        <f t="shared" si="1484"/>
        <v>19.794580945595083</v>
      </c>
      <c r="J6365" s="237">
        <f t="shared" si="1489"/>
        <v>9.794580945595083</v>
      </c>
      <c r="K6365" s="237">
        <f t="shared" si="1485"/>
        <v>1249.6121005144721</v>
      </c>
      <c r="L6365" s="237">
        <f t="shared" si="1490"/>
        <v>618.39066258109119</v>
      </c>
      <c r="M6365" s="236">
        <f t="shared" si="1486"/>
        <v>33.410737175832132</v>
      </c>
      <c r="N6365" s="236">
        <f t="shared" si="1487"/>
        <v>0.46125800819224727</v>
      </c>
      <c r="O6365" s="236">
        <f t="shared" si="1491"/>
        <v>2.1374555732386846</v>
      </c>
      <c r="P6365" s="236" t="str">
        <f t="shared" si="1492"/>
        <v>SAND</v>
      </c>
      <c r="Q6365" s="236" t="e">
        <f t="shared" si="1488"/>
        <v>#N/A</v>
      </c>
      <c r="R6365" s="238">
        <v>35</v>
      </c>
      <c r="S6365" s="236" t="e">
        <f t="shared" si="1493"/>
        <v>#N/A</v>
      </c>
      <c r="T6365" s="236">
        <f t="shared" si="1480"/>
        <v>34.362746638379988</v>
      </c>
    </row>
    <row r="6366" spans="2:20" x14ac:dyDescent="0.2">
      <c r="B6366" s="239">
        <v>63.145000000000003</v>
      </c>
      <c r="C6366" s="3">
        <f t="shared" si="1481"/>
        <v>63.138000000000005</v>
      </c>
      <c r="D6366" s="239">
        <v>21.7195</v>
      </c>
      <c r="E6366" s="239">
        <v>9.5799999999999996E-2</v>
      </c>
      <c r="F6366" s="239">
        <v>0.54569999999999996</v>
      </c>
      <c r="G6366">
        <f t="shared" si="1482"/>
        <v>21.82864</v>
      </c>
      <c r="H6366" s="235">
        <f t="shared" si="1483"/>
        <v>0.43887296689120342</v>
      </c>
      <c r="I6366" s="236">
        <f t="shared" si="1484"/>
        <v>19.799253939543775</v>
      </c>
      <c r="J6366" s="237">
        <f t="shared" si="1489"/>
        <v>9.7992539395437745</v>
      </c>
      <c r="K6366" s="237">
        <f t="shared" si="1485"/>
        <v>1250.0852952349148</v>
      </c>
      <c r="L6366" s="237">
        <f t="shared" si="1490"/>
        <v>618.77389001249162</v>
      </c>
      <c r="M6366" s="236">
        <f t="shared" si="1486"/>
        <v>33.2569861736565</v>
      </c>
      <c r="N6366" s="236">
        <f t="shared" si="1487"/>
        <v>0.46553317944052192</v>
      </c>
      <c r="O6366" s="236">
        <f t="shared" si="1491"/>
        <v>2.1409382552497704</v>
      </c>
      <c r="P6366" s="236" t="str">
        <f t="shared" si="1492"/>
        <v>SAND</v>
      </c>
      <c r="Q6366" s="236" t="e">
        <f t="shared" si="1488"/>
        <v>#N/A</v>
      </c>
      <c r="R6366" s="238">
        <v>35</v>
      </c>
      <c r="S6366" s="236" t="e">
        <f t="shared" si="1493"/>
        <v>#N/A</v>
      </c>
      <c r="T6366" s="236">
        <f t="shared" si="1480"/>
        <v>34.340711788666958</v>
      </c>
    </row>
    <row r="6367" spans="2:20" x14ac:dyDescent="0.2">
      <c r="B6367" s="239">
        <v>63.155000000000001</v>
      </c>
      <c r="C6367" s="3">
        <f t="shared" si="1481"/>
        <v>63.148000000000003</v>
      </c>
      <c r="D6367" s="239">
        <v>21.530899999999999</v>
      </c>
      <c r="E6367" s="239">
        <v>9.7100000000000006E-2</v>
      </c>
      <c r="F6367" s="239">
        <v>0.54749999999999999</v>
      </c>
      <c r="G6367">
        <f t="shared" si="1482"/>
        <v>21.6404</v>
      </c>
      <c r="H6367" s="235">
        <f t="shared" si="1483"/>
        <v>0.44869780595552766</v>
      </c>
      <c r="I6367" s="236">
        <f t="shared" si="1484"/>
        <v>19.811673730720397</v>
      </c>
      <c r="J6367" s="237">
        <f t="shared" si="1489"/>
        <v>9.8116737307203969</v>
      </c>
      <c r="K6367" s="237">
        <f t="shared" si="1485"/>
        <v>1251.0675727475316</v>
      </c>
      <c r="L6367" s="237">
        <f t="shared" si="1490"/>
        <v>619.65625446364663</v>
      </c>
      <c r="M6367" s="236">
        <f t="shared" si="1486"/>
        <v>32.904263098095868</v>
      </c>
      <c r="N6367" s="236">
        <f t="shared" si="1487"/>
        <v>0.47622942215712633</v>
      </c>
      <c r="O6367" s="236">
        <f t="shared" si="1491"/>
        <v>2.149255234241517</v>
      </c>
      <c r="P6367" s="236" t="str">
        <f t="shared" si="1492"/>
        <v>SAND</v>
      </c>
      <c r="Q6367" s="236" t="e">
        <f t="shared" si="1488"/>
        <v>#N/A</v>
      </c>
      <c r="R6367" s="238">
        <v>35</v>
      </c>
      <c r="S6367" s="236" t="e">
        <f t="shared" si="1493"/>
        <v>#N/A</v>
      </c>
      <c r="T6367" s="236">
        <f t="shared" si="1480"/>
        <v>34.289773859832835</v>
      </c>
    </row>
    <row r="6368" spans="2:20" x14ac:dyDescent="0.2">
      <c r="B6368" s="239">
        <v>63.165999999999997</v>
      </c>
      <c r="C6368" s="3">
        <f t="shared" si="1481"/>
        <v>63.158999999999999</v>
      </c>
      <c r="D6368" s="239">
        <v>21.239699999999999</v>
      </c>
      <c r="E6368" s="239">
        <v>9.7799999999999998E-2</v>
      </c>
      <c r="F6368" s="239">
        <v>0.55569999999999997</v>
      </c>
      <c r="G6368">
        <f t="shared" si="1482"/>
        <v>21.350839999999998</v>
      </c>
      <c r="H6368" s="235">
        <f t="shared" si="1483"/>
        <v>0.45806160319687661</v>
      </c>
      <c r="I6368" s="236">
        <f t="shared" si="1484"/>
        <v>19.814831431727843</v>
      </c>
      <c r="J6368" s="237">
        <f t="shared" si="1489"/>
        <v>9.8148314317278427</v>
      </c>
      <c r="K6368" s="237">
        <f t="shared" si="1485"/>
        <v>1251.4849383964988</v>
      </c>
      <c r="L6368" s="237">
        <f t="shared" si="1490"/>
        <v>619.96364221652084</v>
      </c>
      <c r="M6368" s="236">
        <f t="shared" si="1486"/>
        <v>32.420215788370129</v>
      </c>
      <c r="N6368" s="236">
        <f t="shared" si="1487"/>
        <v>0.48658277691123908</v>
      </c>
      <c r="O6368" s="236">
        <f t="shared" si="1491"/>
        <v>2.1590126610402223</v>
      </c>
      <c r="P6368" s="236" t="str">
        <f t="shared" si="1492"/>
        <v>SAND</v>
      </c>
      <c r="Q6368" s="236" t="e">
        <f t="shared" si="1488"/>
        <v>#N/A</v>
      </c>
      <c r="R6368" s="238">
        <v>35</v>
      </c>
      <c r="S6368" s="236" t="e">
        <f t="shared" si="1493"/>
        <v>#N/A</v>
      </c>
      <c r="T6368" s="236">
        <f t="shared" si="1480"/>
        <v>34.218974912961698</v>
      </c>
    </row>
    <row r="6369" spans="2:20" x14ac:dyDescent="0.2">
      <c r="B6369" s="239">
        <v>63.176000000000002</v>
      </c>
      <c r="C6369" s="3">
        <f t="shared" si="1481"/>
        <v>63.169000000000004</v>
      </c>
      <c r="D6369" s="239">
        <v>20.860700000000001</v>
      </c>
      <c r="E6369" s="239">
        <v>9.9699999999999997E-2</v>
      </c>
      <c r="F6369" s="239">
        <v>0.55220000000000002</v>
      </c>
      <c r="G6369">
        <f t="shared" si="1482"/>
        <v>20.971140000000002</v>
      </c>
      <c r="H6369" s="235">
        <f t="shared" si="1483"/>
        <v>0.47541526116367538</v>
      </c>
      <c r="I6369" s="236">
        <f t="shared" si="1484"/>
        <v>19.830379817408105</v>
      </c>
      <c r="J6369" s="237">
        <f t="shared" si="1489"/>
        <v>9.8303798174081045</v>
      </c>
      <c r="K6369" s="237">
        <f t="shared" si="1485"/>
        <v>1252.6652626858527</v>
      </c>
      <c r="L6369" s="237">
        <f t="shared" si="1490"/>
        <v>621.04407534457448</v>
      </c>
      <c r="M6369" s="236">
        <f t="shared" si="1486"/>
        <v>31.75052386801006</v>
      </c>
      <c r="N6369" s="236">
        <f t="shared" si="1487"/>
        <v>0.50561720076316674</v>
      </c>
      <c r="O6369" s="236">
        <f t="shared" si="1491"/>
        <v>2.1742702982771402</v>
      </c>
      <c r="P6369" s="236" t="str">
        <f t="shared" si="1492"/>
        <v>SAND</v>
      </c>
      <c r="Q6369" s="236" t="e">
        <f t="shared" si="1488"/>
        <v>#N/A</v>
      </c>
      <c r="R6369" s="238">
        <v>35</v>
      </c>
      <c r="S6369" s="236" t="e">
        <f t="shared" si="1493"/>
        <v>#N/A</v>
      </c>
      <c r="T6369" s="236">
        <f t="shared" si="1480"/>
        <v>34.119259848654394</v>
      </c>
    </row>
    <row r="6370" spans="2:20" x14ac:dyDescent="0.2">
      <c r="B6370" s="239">
        <v>63.186</v>
      </c>
      <c r="C6370" s="3">
        <f t="shared" si="1481"/>
        <v>63.179000000000002</v>
      </c>
      <c r="D6370" s="239">
        <v>20.267600000000002</v>
      </c>
      <c r="E6370" s="239">
        <v>9.98E-2</v>
      </c>
      <c r="F6370" s="239">
        <v>0.57450000000000001</v>
      </c>
      <c r="G6370">
        <f t="shared" si="1482"/>
        <v>20.3825</v>
      </c>
      <c r="H6370" s="235">
        <f t="shared" si="1483"/>
        <v>0.48963571691401936</v>
      </c>
      <c r="I6370" s="236">
        <f t="shared" si="1484"/>
        <v>19.820427221754851</v>
      </c>
      <c r="J6370" s="237">
        <f t="shared" si="1489"/>
        <v>9.8204272217548514</v>
      </c>
      <c r="K6370" s="237">
        <f t="shared" si="1485"/>
        <v>1252.2347714432499</v>
      </c>
      <c r="L6370" s="237">
        <f t="shared" si="1490"/>
        <v>620.51351443380202</v>
      </c>
      <c r="M6370" s="236">
        <f t="shared" si="1486"/>
        <v>30.829731800462849</v>
      </c>
      <c r="N6370" s="236">
        <f t="shared" si="1487"/>
        <v>0.5216864419162538</v>
      </c>
      <c r="O6370" s="236">
        <f t="shared" si="1491"/>
        <v>2.1916244042119968</v>
      </c>
      <c r="P6370" s="236" t="str">
        <f t="shared" si="1492"/>
        <v>SAND</v>
      </c>
      <c r="Q6370" s="236" t="e">
        <f t="shared" si="1488"/>
        <v>#N/A</v>
      </c>
      <c r="R6370" s="238">
        <v>35</v>
      </c>
      <c r="S6370" s="236" t="e">
        <f t="shared" si="1493"/>
        <v>#N/A</v>
      </c>
      <c r="T6370" s="236">
        <f t="shared" si="1480"/>
        <v>33.978667213154665</v>
      </c>
    </row>
    <row r="6371" spans="2:20" x14ac:dyDescent="0.2">
      <c r="B6371" s="239">
        <v>63.195999999999998</v>
      </c>
      <c r="C6371" s="3">
        <f t="shared" si="1481"/>
        <v>63.189</v>
      </c>
      <c r="D6371" s="239">
        <v>19.905200000000001</v>
      </c>
      <c r="E6371" s="239">
        <v>9.9099999999999994E-2</v>
      </c>
      <c r="F6371" s="239">
        <v>0.58709999999999996</v>
      </c>
      <c r="G6371">
        <f t="shared" si="1482"/>
        <v>20.02262</v>
      </c>
      <c r="H6371" s="235">
        <f t="shared" si="1483"/>
        <v>0.49494022260823006</v>
      </c>
      <c r="I6371" s="236">
        <f t="shared" si="1484"/>
        <v>19.805210736142122</v>
      </c>
      <c r="J6371" s="237">
        <f t="shared" si="1489"/>
        <v>9.8052107361421221</v>
      </c>
      <c r="K6371" s="237">
        <f t="shared" si="1485"/>
        <v>1251.4714612060845</v>
      </c>
      <c r="L6371" s="237">
        <f t="shared" si="1490"/>
        <v>619.65009768123753</v>
      </c>
      <c r="M6371" s="236">
        <f t="shared" si="1486"/>
        <v>30.293142225001684</v>
      </c>
      <c r="N6371" s="236">
        <f t="shared" si="1487"/>
        <v>0.5279378605693319</v>
      </c>
      <c r="O6371" s="236">
        <f t="shared" si="1491"/>
        <v>2.2007302761764551</v>
      </c>
      <c r="P6371" s="236" t="str">
        <f t="shared" si="1492"/>
        <v>SAND</v>
      </c>
      <c r="Q6371" s="236" t="e">
        <f t="shared" si="1488"/>
        <v>#N/A</v>
      </c>
      <c r="R6371" s="238">
        <v>35</v>
      </c>
      <c r="S6371" s="236" t="e">
        <f t="shared" si="1493"/>
        <v>#N/A</v>
      </c>
      <c r="T6371" s="236">
        <f t="shared" si="1480"/>
        <v>33.894787562363298</v>
      </c>
    </row>
    <row r="6372" spans="2:20" x14ac:dyDescent="0.2">
      <c r="B6372" s="239">
        <v>63.207999999999998</v>
      </c>
      <c r="C6372" s="3">
        <f t="shared" si="1481"/>
        <v>63.201000000000001</v>
      </c>
      <c r="D6372" s="239">
        <v>19.6556</v>
      </c>
      <c r="E6372" s="239">
        <v>9.7000000000000003E-2</v>
      </c>
      <c r="F6372" s="239">
        <v>0.58530000000000004</v>
      </c>
      <c r="G6372">
        <f t="shared" si="1482"/>
        <v>19.772659999999998</v>
      </c>
      <c r="H6372" s="235">
        <f t="shared" si="1483"/>
        <v>0.49057638173113788</v>
      </c>
      <c r="I6372" s="236">
        <f t="shared" si="1484"/>
        <v>19.775185325578619</v>
      </c>
      <c r="J6372" s="237">
        <f t="shared" si="1489"/>
        <v>9.7751853255786187</v>
      </c>
      <c r="K6372" s="237">
        <f t="shared" si="1485"/>
        <v>1249.8114877618943</v>
      </c>
      <c r="L6372" s="237">
        <f t="shared" si="1490"/>
        <v>617.86991405917331</v>
      </c>
      <c r="M6372" s="236">
        <f t="shared" si="1486"/>
        <v>29.978557121433454</v>
      </c>
      <c r="N6372" s="236">
        <f t="shared" si="1487"/>
        <v>0.52367755389195014</v>
      </c>
      <c r="O6372" s="236">
        <f t="shared" si="1491"/>
        <v>2.2033258044848405</v>
      </c>
      <c r="P6372" s="236" t="str">
        <f t="shared" si="1492"/>
        <v>SAND</v>
      </c>
      <c r="Q6372" s="236" t="e">
        <f t="shared" si="1488"/>
        <v>#N/A</v>
      </c>
      <c r="R6372" s="238">
        <v>35</v>
      </c>
      <c r="S6372" s="236" t="e">
        <f t="shared" si="1493"/>
        <v>#N/A</v>
      </c>
      <c r="T6372" s="236">
        <f t="shared" si="1480"/>
        <v>33.844917988949319</v>
      </c>
    </row>
    <row r="6373" spans="2:20" x14ac:dyDescent="0.2">
      <c r="B6373" s="239">
        <v>63.216999999999999</v>
      </c>
      <c r="C6373" s="3">
        <f t="shared" si="1481"/>
        <v>63.21</v>
      </c>
      <c r="D6373" s="239">
        <v>19.3825</v>
      </c>
      <c r="E6373" s="239">
        <v>9.6600000000000005E-2</v>
      </c>
      <c r="F6373" s="239">
        <v>0.59630000000000005</v>
      </c>
      <c r="G6373">
        <f t="shared" si="1482"/>
        <v>19.501760000000001</v>
      </c>
      <c r="H6373" s="235">
        <f t="shared" si="1483"/>
        <v>0.49533990778268222</v>
      </c>
      <c r="I6373" s="236">
        <f t="shared" si="1484"/>
        <v>19.764947722413485</v>
      </c>
      <c r="J6373" s="237">
        <f t="shared" si="1489"/>
        <v>9.7649477224134849</v>
      </c>
      <c r="K6373" s="237">
        <f t="shared" si="1485"/>
        <v>1249.3423455337563</v>
      </c>
      <c r="L6373" s="237">
        <f t="shared" si="1490"/>
        <v>617.31070016781325</v>
      </c>
      <c r="M6373" s="236">
        <f t="shared" si="1486"/>
        <v>29.567635308288683</v>
      </c>
      <c r="N6373" s="236">
        <f t="shared" si="1487"/>
        <v>0.52924495718167308</v>
      </c>
      <c r="O6373" s="236">
        <f t="shared" si="1491"/>
        <v>2.2107062936091482</v>
      </c>
      <c r="P6373" s="236" t="str">
        <f t="shared" si="1492"/>
        <v>SAND</v>
      </c>
      <c r="Q6373" s="236" t="e">
        <f t="shared" si="1488"/>
        <v>#N/A</v>
      </c>
      <c r="R6373" s="238">
        <v>35</v>
      </c>
      <c r="S6373" s="236" t="e">
        <f t="shared" si="1493"/>
        <v>#N/A</v>
      </c>
      <c r="T6373" s="236">
        <f t="shared" si="1480"/>
        <v>33.778982522107334</v>
      </c>
    </row>
    <row r="6374" spans="2:20" x14ac:dyDescent="0.2">
      <c r="B6374" s="239">
        <v>63.228000000000002</v>
      </c>
      <c r="C6374" s="3">
        <f t="shared" si="1481"/>
        <v>63.221000000000004</v>
      </c>
      <c r="D6374" s="239">
        <v>19.134499999999999</v>
      </c>
      <c r="E6374" s="239">
        <v>9.5600000000000004E-2</v>
      </c>
      <c r="F6374" s="239">
        <v>0.59589999999999999</v>
      </c>
      <c r="G6374">
        <f t="shared" si="1482"/>
        <v>19.253679999999999</v>
      </c>
      <c r="H6374" s="235">
        <f t="shared" si="1483"/>
        <v>0.4965284558588281</v>
      </c>
      <c r="I6374" s="236">
        <f t="shared" si="1484"/>
        <v>19.747741738058391</v>
      </c>
      <c r="J6374" s="237">
        <f t="shared" si="1489"/>
        <v>9.7477417380583908</v>
      </c>
      <c r="K6374" s="237">
        <f t="shared" si="1485"/>
        <v>1248.4719804217896</v>
      </c>
      <c r="L6374" s="237">
        <f t="shared" si="1490"/>
        <v>616.33021461395595</v>
      </c>
      <c r="M6374" s="236">
        <f t="shared" si="1486"/>
        <v>29.213573491372539</v>
      </c>
      <c r="N6374" s="236">
        <f t="shared" si="1487"/>
        <v>0.53095748683407618</v>
      </c>
      <c r="O6374" s="236">
        <f t="shared" si="1491"/>
        <v>2.2160367069451343</v>
      </c>
      <c r="P6374" s="236" t="str">
        <f t="shared" si="1492"/>
        <v>SAND</v>
      </c>
      <c r="Q6374" s="236" t="e">
        <f t="shared" si="1488"/>
        <v>#N/A</v>
      </c>
      <c r="R6374" s="238">
        <v>35</v>
      </c>
      <c r="S6374" s="236" t="e">
        <f t="shared" si="1493"/>
        <v>#N/A</v>
      </c>
      <c r="T6374" s="236">
        <f t="shared" si="1480"/>
        <v>33.721431528601215</v>
      </c>
    </row>
    <row r="6375" spans="2:20" x14ac:dyDescent="0.2">
      <c r="B6375" s="239">
        <v>63.238</v>
      </c>
      <c r="C6375" s="3">
        <f t="shared" si="1481"/>
        <v>63.231000000000002</v>
      </c>
      <c r="D6375" s="239">
        <v>18.9176</v>
      </c>
      <c r="E6375" s="239">
        <v>9.8199999999999996E-2</v>
      </c>
      <c r="F6375" s="239">
        <v>0.59309999999999996</v>
      </c>
      <c r="G6375">
        <f t="shared" si="1482"/>
        <v>19.03622</v>
      </c>
      <c r="H6375" s="235">
        <f t="shared" si="1483"/>
        <v>0.51585871564837971</v>
      </c>
      <c r="I6375" s="236">
        <f t="shared" si="1484"/>
        <v>19.774766715141855</v>
      </c>
      <c r="J6375" s="237">
        <f t="shared" si="1489"/>
        <v>9.7747667151418547</v>
      </c>
      <c r="K6375" s="237">
        <f t="shared" si="1485"/>
        <v>1250.3782741651346</v>
      </c>
      <c r="L6375" s="237">
        <f t="shared" si="1490"/>
        <v>618.1366975321406</v>
      </c>
      <c r="M6375" s="236">
        <f t="shared" si="1486"/>
        <v>28.773314700200395</v>
      </c>
      <c r="N6375" s="236">
        <f t="shared" si="1487"/>
        <v>0.55212455791372161</v>
      </c>
      <c r="O6375" s="236">
        <f t="shared" si="1491"/>
        <v>2.2292772266066607</v>
      </c>
      <c r="P6375" s="236" t="str">
        <f t="shared" si="1492"/>
        <v>SAND</v>
      </c>
      <c r="Q6375" s="236" t="e">
        <f t="shared" si="1488"/>
        <v>#N/A</v>
      </c>
      <c r="R6375" s="238">
        <v>35</v>
      </c>
      <c r="S6375" s="236" t="e">
        <f t="shared" si="1493"/>
        <v>#N/A</v>
      </c>
      <c r="T6375" s="236">
        <f t="shared" si="1480"/>
        <v>33.648888852845261</v>
      </c>
    </row>
    <row r="6376" spans="2:20" x14ac:dyDescent="0.2">
      <c r="B6376" s="239">
        <v>63.247999999999998</v>
      </c>
      <c r="C6376" s="3">
        <f t="shared" si="1481"/>
        <v>63.241</v>
      </c>
      <c r="D6376" s="239">
        <v>18.716000000000001</v>
      </c>
      <c r="E6376" s="239">
        <v>0.1004</v>
      </c>
      <c r="F6376" s="239">
        <v>0.59130000000000005</v>
      </c>
      <c r="G6376">
        <f t="shared" si="1482"/>
        <v>18.83426</v>
      </c>
      <c r="H6376" s="235">
        <f t="shared" si="1483"/>
        <v>0.53307111614685154</v>
      </c>
      <c r="I6376" s="236">
        <f t="shared" si="1484"/>
        <v>19.796577784226713</v>
      </c>
      <c r="J6376" s="237">
        <f t="shared" si="1489"/>
        <v>9.796577784226713</v>
      </c>
      <c r="K6376" s="237">
        <f t="shared" si="1485"/>
        <v>1251.9553756522816</v>
      </c>
      <c r="L6376" s="237">
        <f t="shared" si="1490"/>
        <v>619.6139516967711</v>
      </c>
      <c r="M6376" s="236">
        <f t="shared" si="1486"/>
        <v>28.376224544653592</v>
      </c>
      <c r="N6376" s="236">
        <f t="shared" si="1487"/>
        <v>0.57102866856809842</v>
      </c>
      <c r="O6376" s="236">
        <f t="shared" si="1491"/>
        <v>2.2410561740129378</v>
      </c>
      <c r="P6376" s="236" t="str">
        <f t="shared" si="1492"/>
        <v>SAND</v>
      </c>
      <c r="Q6376" s="236" t="e">
        <f t="shared" si="1488"/>
        <v>#N/A</v>
      </c>
      <c r="R6376" s="238">
        <v>35</v>
      </c>
      <c r="S6376" s="236" t="e">
        <f t="shared" si="1493"/>
        <v>#N/A</v>
      </c>
      <c r="T6376" s="236">
        <f t="shared" si="1480"/>
        <v>33.582500733151093</v>
      </c>
    </row>
    <row r="6377" spans="2:20" x14ac:dyDescent="0.2">
      <c r="B6377" s="239">
        <v>63.259</v>
      </c>
      <c r="C6377" s="3">
        <f t="shared" si="1481"/>
        <v>63.252000000000002</v>
      </c>
      <c r="D6377" s="239">
        <v>18.529199999999999</v>
      </c>
      <c r="E6377" s="239">
        <v>0.1014</v>
      </c>
      <c r="F6377" s="239">
        <v>0.59250000000000003</v>
      </c>
      <c r="G6377">
        <f t="shared" si="1482"/>
        <v>18.6477</v>
      </c>
      <c r="H6377" s="235">
        <f t="shared" si="1483"/>
        <v>0.54376679161505181</v>
      </c>
      <c r="I6377" s="236">
        <f t="shared" si="1484"/>
        <v>19.804308279238413</v>
      </c>
      <c r="J6377" s="237">
        <f t="shared" si="1489"/>
        <v>9.8043082792384126</v>
      </c>
      <c r="K6377" s="237">
        <f t="shared" si="1485"/>
        <v>1252.662107278388</v>
      </c>
      <c r="L6377" s="237">
        <f t="shared" si="1490"/>
        <v>620.2107374363427</v>
      </c>
      <c r="M6377" s="236">
        <f t="shared" si="1486"/>
        <v>28.046979587332615</v>
      </c>
      <c r="N6377" s="236">
        <f t="shared" si="1487"/>
        <v>0.58292485837255659</v>
      </c>
      <c r="O6377" s="236">
        <f t="shared" si="1491"/>
        <v>2.249528123998366</v>
      </c>
      <c r="P6377" s="236" t="str">
        <f t="shared" si="1492"/>
        <v>SAND</v>
      </c>
      <c r="Q6377" s="236" t="e">
        <f t="shared" si="1488"/>
        <v>#N/A</v>
      </c>
      <c r="R6377" s="238">
        <v>35</v>
      </c>
      <c r="S6377" s="236" t="e">
        <f t="shared" si="1493"/>
        <v>#N/A</v>
      </c>
      <c r="T6377" s="236">
        <f t="shared" si="1480"/>
        <v>33.52674708261835</v>
      </c>
    </row>
    <row r="6378" spans="2:20" x14ac:dyDescent="0.2">
      <c r="B6378" s="239">
        <v>63.268999999999998</v>
      </c>
      <c r="C6378" s="3">
        <f t="shared" si="1481"/>
        <v>63.262</v>
      </c>
      <c r="D6378" s="239">
        <v>18.6218</v>
      </c>
      <c r="E6378" s="239">
        <v>0.107</v>
      </c>
      <c r="F6378" s="239">
        <v>0.5585</v>
      </c>
      <c r="G6378">
        <f t="shared" si="1482"/>
        <v>18.733499999999999</v>
      </c>
      <c r="H6378" s="235">
        <f t="shared" si="1483"/>
        <v>0.57116929564683583</v>
      </c>
      <c r="I6378" s="236">
        <f t="shared" si="1484"/>
        <v>19.869136286328462</v>
      </c>
      <c r="J6378" s="237">
        <f t="shared" si="1489"/>
        <v>9.8691362863284624</v>
      </c>
      <c r="K6378" s="237">
        <f t="shared" si="1485"/>
        <v>1256.9612997457111</v>
      </c>
      <c r="L6378" s="237">
        <f t="shared" si="1490"/>
        <v>624.41038369971545</v>
      </c>
      <c r="M6378" s="236">
        <f t="shared" si="1486"/>
        <v>27.988866227213339</v>
      </c>
      <c r="N6378" s="236">
        <f t="shared" si="1487"/>
        <v>0.61224938092829062</v>
      </c>
      <c r="O6378" s="236">
        <f t="shared" si="1491"/>
        <v>2.2597551110343237</v>
      </c>
      <c r="P6378" s="236" t="str">
        <f t="shared" si="1492"/>
        <v>SAND</v>
      </c>
      <c r="Q6378" s="236" t="e">
        <f t="shared" si="1488"/>
        <v>#N/A</v>
      </c>
      <c r="R6378" s="238">
        <v>35</v>
      </c>
      <c r="S6378" s="236" t="e">
        <f t="shared" si="1493"/>
        <v>#N/A</v>
      </c>
      <c r="T6378" s="236">
        <f t="shared" si="1480"/>
        <v>33.516838370672801</v>
      </c>
    </row>
    <row r="6379" spans="2:20" x14ac:dyDescent="0.2">
      <c r="B6379" s="239">
        <v>63.279000000000003</v>
      </c>
      <c r="C6379" s="3">
        <f t="shared" si="1481"/>
        <v>63.272000000000006</v>
      </c>
      <c r="D6379" s="239">
        <v>18.4697</v>
      </c>
      <c r="E6379" s="239">
        <v>0.1072</v>
      </c>
      <c r="F6379" s="239">
        <v>0.6139</v>
      </c>
      <c r="G6379">
        <f t="shared" si="1482"/>
        <v>18.592479999999998</v>
      </c>
      <c r="H6379" s="235">
        <f t="shared" si="1483"/>
        <v>0.57657719680214803</v>
      </c>
      <c r="I6379" s="236">
        <f t="shared" si="1484"/>
        <v>19.868372565534539</v>
      </c>
      <c r="J6379" s="237">
        <f t="shared" si="1489"/>
        <v>9.8683725655345391</v>
      </c>
      <c r="K6379" s="237">
        <f t="shared" si="1485"/>
        <v>1257.1116689665014</v>
      </c>
      <c r="L6379" s="237">
        <f t="shared" si="1490"/>
        <v>624.46074757446013</v>
      </c>
      <c r="M6379" s="236">
        <f t="shared" si="1486"/>
        <v>27.760541232363757</v>
      </c>
      <c r="N6379" s="236">
        <f t="shared" si="1487"/>
        <v>0.61838893730392963</v>
      </c>
      <c r="O6379" s="236">
        <f t="shared" si="1491"/>
        <v>2.2648718745472642</v>
      </c>
      <c r="P6379" s="236" t="str">
        <f t="shared" si="1492"/>
        <v>SAND</v>
      </c>
      <c r="Q6379" s="236" t="e">
        <f t="shared" si="1488"/>
        <v>#N/A</v>
      </c>
      <c r="R6379" s="238">
        <v>35</v>
      </c>
      <c r="S6379" s="236" t="e">
        <f t="shared" si="1493"/>
        <v>#N/A</v>
      </c>
      <c r="T6379" s="236">
        <f t="shared" si="1480"/>
        <v>33.477707219788002</v>
      </c>
    </row>
    <row r="6380" spans="2:20" x14ac:dyDescent="0.2">
      <c r="B6380" s="239">
        <v>63.29</v>
      </c>
      <c r="C6380" s="3">
        <f t="shared" si="1481"/>
        <v>63.283000000000001</v>
      </c>
      <c r="D6380" s="239">
        <v>18.591200000000001</v>
      </c>
      <c r="E6380" s="239">
        <v>0.1115</v>
      </c>
      <c r="F6380" s="239">
        <v>0.58309999999999995</v>
      </c>
      <c r="G6380">
        <f t="shared" si="1482"/>
        <v>18.707820000000002</v>
      </c>
      <c r="H6380" s="235">
        <f t="shared" si="1483"/>
        <v>0.59600744501497227</v>
      </c>
      <c r="I6380" s="236">
        <f t="shared" si="1484"/>
        <v>19.916906060686145</v>
      </c>
      <c r="J6380" s="237">
        <f t="shared" si="1489"/>
        <v>9.916906060686145</v>
      </c>
      <c r="K6380" s="237">
        <f t="shared" si="1485"/>
        <v>1260.4015662384013</v>
      </c>
      <c r="L6380" s="237">
        <f t="shared" si="1490"/>
        <v>627.64098458082606</v>
      </c>
      <c r="M6380" s="236">
        <f t="shared" si="1486"/>
        <v>27.798405238647646</v>
      </c>
      <c r="N6380" s="236">
        <f t="shared" si="1487"/>
        <v>0.63906302484407707</v>
      </c>
      <c r="O6380" s="236">
        <f t="shared" si="1491"/>
        <v>2.2707565482393108</v>
      </c>
      <c r="P6380" s="236" t="str">
        <f t="shared" si="1492"/>
        <v>SAND</v>
      </c>
      <c r="Q6380" s="236" t="e">
        <f t="shared" si="1488"/>
        <v>#N/A</v>
      </c>
      <c r="R6380" s="238">
        <v>35</v>
      </c>
      <c r="S6380" s="236" t="e">
        <f t="shared" si="1493"/>
        <v>#N/A</v>
      </c>
      <c r="T6380" s="236">
        <f t="shared" si="1480"/>
        <v>33.484218698439214</v>
      </c>
    </row>
    <row r="6381" spans="2:20" x14ac:dyDescent="0.2">
      <c r="B6381" s="239">
        <v>63.3</v>
      </c>
      <c r="C6381" s="3">
        <f t="shared" si="1481"/>
        <v>63.292999999999999</v>
      </c>
      <c r="D6381" s="239">
        <v>18.6128</v>
      </c>
      <c r="E6381" s="239">
        <v>0.1109</v>
      </c>
      <c r="F6381" s="239">
        <v>0.57179999999999997</v>
      </c>
      <c r="G6381">
        <f t="shared" si="1482"/>
        <v>18.727160000000001</v>
      </c>
      <c r="H6381" s="235">
        <f t="shared" si="1483"/>
        <v>0.59218803064639802</v>
      </c>
      <c r="I6381" s="236">
        <f t="shared" si="1484"/>
        <v>19.910982957888159</v>
      </c>
      <c r="J6381" s="237">
        <f t="shared" si="1489"/>
        <v>9.9109829578881588</v>
      </c>
      <c r="K6381" s="237">
        <f t="shared" si="1485"/>
        <v>1260.2258443536152</v>
      </c>
      <c r="L6381" s="237">
        <f t="shared" si="1490"/>
        <v>627.36522123432042</v>
      </c>
      <c r="M6381" s="236">
        <f t="shared" si="1486"/>
        <v>27.841731681078475</v>
      </c>
      <c r="N6381" s="236">
        <f t="shared" si="1487"/>
        <v>0.63491394088842046</v>
      </c>
      <c r="O6381" s="236">
        <f t="shared" si="1491"/>
        <v>2.2688765934353814</v>
      </c>
      <c r="P6381" s="236" t="str">
        <f t="shared" si="1492"/>
        <v>SAND</v>
      </c>
      <c r="Q6381" s="236" t="e">
        <f t="shared" si="1488"/>
        <v>#N/A</v>
      </c>
      <c r="R6381" s="238">
        <v>35</v>
      </c>
      <c r="S6381" s="236" t="e">
        <f t="shared" si="1493"/>
        <v>#N/A</v>
      </c>
      <c r="T6381" s="236">
        <f t="shared" si="1480"/>
        <v>33.491658681043276</v>
      </c>
    </row>
    <row r="6382" spans="2:20" x14ac:dyDescent="0.2">
      <c r="B6382" s="239">
        <v>63.308999999999997</v>
      </c>
      <c r="C6382" s="3">
        <f t="shared" si="1481"/>
        <v>63.302</v>
      </c>
      <c r="D6382" s="239">
        <v>18.6935</v>
      </c>
      <c r="E6382" s="239">
        <v>0.1091</v>
      </c>
      <c r="F6382" s="239">
        <v>0.5575</v>
      </c>
      <c r="G6382">
        <f t="shared" si="1482"/>
        <v>18.805</v>
      </c>
      <c r="H6382" s="235">
        <f t="shared" si="1483"/>
        <v>0.58016484977399629</v>
      </c>
      <c r="I6382" s="236">
        <f t="shared" si="1484"/>
        <v>19.893415884953587</v>
      </c>
      <c r="J6382" s="237">
        <f t="shared" si="1489"/>
        <v>9.8934158849535869</v>
      </c>
      <c r="K6382" s="237">
        <f t="shared" si="1485"/>
        <v>1259.293012349332</v>
      </c>
      <c r="L6382" s="237">
        <f t="shared" si="1490"/>
        <v>626.34226626052657</v>
      </c>
      <c r="M6382" s="236">
        <f t="shared" si="1486"/>
        <v>28.012969797494947</v>
      </c>
      <c r="N6382" s="236">
        <f t="shared" si="1487"/>
        <v>0.6218045250430132</v>
      </c>
      <c r="O6382" s="236">
        <f t="shared" si="1491"/>
        <v>2.2624257293024481</v>
      </c>
      <c r="P6382" s="236" t="str">
        <f t="shared" si="1492"/>
        <v>SAND</v>
      </c>
      <c r="Q6382" s="236" t="e">
        <f t="shared" si="1488"/>
        <v>#N/A</v>
      </c>
      <c r="R6382" s="238">
        <v>35</v>
      </c>
      <c r="S6382" s="236" t="e">
        <f t="shared" si="1493"/>
        <v>#N/A</v>
      </c>
      <c r="T6382" s="236">
        <f t="shared" si="1480"/>
        <v>33.520950683358471</v>
      </c>
    </row>
    <row r="6383" spans="2:20" x14ac:dyDescent="0.2">
      <c r="B6383" s="239">
        <v>63.32</v>
      </c>
      <c r="C6383" s="3">
        <f t="shared" si="1481"/>
        <v>63.313000000000002</v>
      </c>
      <c r="D6383" s="239">
        <v>18.820599999999999</v>
      </c>
      <c r="E6383" s="239">
        <v>0.1103</v>
      </c>
      <c r="F6383" s="239">
        <v>0.57689999999999997</v>
      </c>
      <c r="G6383">
        <f t="shared" si="1482"/>
        <v>18.935979999999997</v>
      </c>
      <c r="H6383" s="235">
        <f t="shared" si="1483"/>
        <v>0.58248899713666791</v>
      </c>
      <c r="I6383" s="236">
        <f t="shared" si="1484"/>
        <v>19.908955945572252</v>
      </c>
      <c r="J6383" s="237">
        <f t="shared" si="1489"/>
        <v>9.9089559455722522</v>
      </c>
      <c r="K6383" s="237">
        <f t="shared" si="1485"/>
        <v>1260.495727782016</v>
      </c>
      <c r="L6383" s="237">
        <f t="shared" si="1490"/>
        <v>627.435090473635</v>
      </c>
      <c r="M6383" s="236">
        <f t="shared" si="1486"/>
        <v>28.171016477378082</v>
      </c>
      <c r="N6383" s="236">
        <f t="shared" si="1487"/>
        <v>0.62402816410166273</v>
      </c>
      <c r="O6383" s="236">
        <f t="shared" si="1491"/>
        <v>2.2609372873162585</v>
      </c>
      <c r="P6383" s="236" t="str">
        <f t="shared" si="1492"/>
        <v>SAND</v>
      </c>
      <c r="Q6383" s="236" t="e">
        <f t="shared" si="1488"/>
        <v>#N/A</v>
      </c>
      <c r="R6383" s="238">
        <v>35</v>
      </c>
      <c r="S6383" s="236" t="e">
        <f t="shared" si="1493"/>
        <v>#N/A</v>
      </c>
      <c r="T6383" s="236">
        <f t="shared" si="1480"/>
        <v>33.547827694126816</v>
      </c>
    </row>
    <row r="6384" spans="2:20" x14ac:dyDescent="0.2">
      <c r="B6384" s="239">
        <v>63.33</v>
      </c>
      <c r="C6384" s="3">
        <f t="shared" si="1481"/>
        <v>63.323</v>
      </c>
      <c r="D6384" s="239">
        <v>19.011600000000001</v>
      </c>
      <c r="E6384" s="239">
        <v>0.1115</v>
      </c>
      <c r="F6384" s="239">
        <v>0.56520000000000004</v>
      </c>
      <c r="G6384">
        <f t="shared" si="1482"/>
        <v>19.124640000000003</v>
      </c>
      <c r="H6384" s="235">
        <f t="shared" si="1483"/>
        <v>0.58301751039496685</v>
      </c>
      <c r="I6384" s="236">
        <f t="shared" si="1484"/>
        <v>19.925519138234154</v>
      </c>
      <c r="J6384" s="237">
        <f t="shared" si="1489"/>
        <v>9.9255191382341543</v>
      </c>
      <c r="K6384" s="237">
        <f t="shared" si="1485"/>
        <v>1261.7436483904014</v>
      </c>
      <c r="L6384" s="237">
        <f t="shared" si="1490"/>
        <v>628.58312702436899</v>
      </c>
      <c r="M6384" s="236">
        <f t="shared" si="1486"/>
        <v>28.417715308666072</v>
      </c>
      <c r="N6384" s="236">
        <f t="shared" si="1487"/>
        <v>0.62419888580920357</v>
      </c>
      <c r="O6384" s="236">
        <f t="shared" si="1491"/>
        <v>2.2576079047012931</v>
      </c>
      <c r="P6384" s="236" t="str">
        <f t="shared" si="1492"/>
        <v>SAND</v>
      </c>
      <c r="Q6384" s="236" t="e">
        <f t="shared" si="1488"/>
        <v>#N/A</v>
      </c>
      <c r="R6384" s="238">
        <v>35</v>
      </c>
      <c r="S6384" s="236" t="e">
        <f t="shared" si="1493"/>
        <v>#N/A</v>
      </c>
      <c r="T6384" s="236">
        <f t="shared" si="1480"/>
        <v>33.589480750534641</v>
      </c>
    </row>
    <row r="6385" spans="2:20" x14ac:dyDescent="0.2">
      <c r="B6385" s="239">
        <v>63.34</v>
      </c>
      <c r="C6385" s="3">
        <f t="shared" si="1481"/>
        <v>63.333000000000006</v>
      </c>
      <c r="D6385" s="239">
        <v>19.241399999999999</v>
      </c>
      <c r="E6385" s="239">
        <v>0.1118</v>
      </c>
      <c r="F6385" s="239">
        <v>0.5665</v>
      </c>
      <c r="G6385">
        <f t="shared" si="1482"/>
        <v>19.354699999999998</v>
      </c>
      <c r="H6385" s="235">
        <f t="shared" si="1483"/>
        <v>0.57763747306855706</v>
      </c>
      <c r="I6385" s="236">
        <f t="shared" si="1484"/>
        <v>19.933343723653568</v>
      </c>
      <c r="J6385" s="237">
        <f t="shared" si="1489"/>
        <v>9.933343723653568</v>
      </c>
      <c r="K6385" s="237">
        <f t="shared" si="1485"/>
        <v>1262.4384580501514</v>
      </c>
      <c r="L6385" s="237">
        <f t="shared" si="1490"/>
        <v>629.177991456217</v>
      </c>
      <c r="M6385" s="236">
        <f t="shared" si="1486"/>
        <v>28.755394797068078</v>
      </c>
      <c r="N6385" s="236">
        <f t="shared" si="1487"/>
        <v>0.61794375313873029</v>
      </c>
      <c r="O6385" s="236">
        <f t="shared" si="1491"/>
        <v>2.2510592366461704</v>
      </c>
      <c r="P6385" s="236" t="str">
        <f t="shared" si="1492"/>
        <v>SAND</v>
      </c>
      <c r="Q6385" s="236" t="e">
        <f t="shared" si="1488"/>
        <v>#N/A</v>
      </c>
      <c r="R6385" s="238">
        <v>35</v>
      </c>
      <c r="S6385" s="236" t="e">
        <f t="shared" si="1493"/>
        <v>#N/A</v>
      </c>
      <c r="T6385" s="236">
        <f t="shared" si="1480"/>
        <v>33.64591268080769</v>
      </c>
    </row>
    <row r="6386" spans="2:20" x14ac:dyDescent="0.2">
      <c r="B6386" s="239">
        <v>63.35</v>
      </c>
      <c r="C6386" s="3">
        <f t="shared" si="1481"/>
        <v>63.343000000000004</v>
      </c>
      <c r="D6386" s="239">
        <v>19.535</v>
      </c>
      <c r="E6386" s="239">
        <v>0.1105</v>
      </c>
      <c r="F6386" s="239">
        <v>0.54749999999999999</v>
      </c>
      <c r="G6386">
        <f t="shared" si="1482"/>
        <v>19.644500000000001</v>
      </c>
      <c r="H6386" s="235">
        <f t="shared" si="1483"/>
        <v>0.56249840922395589</v>
      </c>
      <c r="I6386" s="236">
        <f t="shared" si="1484"/>
        <v>19.925438086539469</v>
      </c>
      <c r="J6386" s="237">
        <f t="shared" si="1489"/>
        <v>9.9254380865394687</v>
      </c>
      <c r="K6386" s="237">
        <f t="shared" si="1485"/>
        <v>1262.1370247156697</v>
      </c>
      <c r="L6386" s="237">
        <f t="shared" si="1490"/>
        <v>628.77650278227532</v>
      </c>
      <c r="M6386" s="236">
        <f t="shared" si="1486"/>
        <v>29.235130279112131</v>
      </c>
      <c r="N6386" s="236">
        <f t="shared" si="1487"/>
        <v>0.6011196718755405</v>
      </c>
      <c r="O6386" s="236">
        <f t="shared" si="1491"/>
        <v>2.2392676471776007</v>
      </c>
      <c r="P6386" s="236" t="str">
        <f t="shared" si="1492"/>
        <v>SAND</v>
      </c>
      <c r="Q6386" s="236" t="e">
        <f t="shared" si="1488"/>
        <v>#N/A</v>
      </c>
      <c r="R6386" s="238">
        <v>35</v>
      </c>
      <c r="S6386" s="236" t="e">
        <f t="shared" si="1493"/>
        <v>#N/A</v>
      </c>
      <c r="T6386" s="236">
        <f t="shared" si="1480"/>
        <v>33.724955368536669</v>
      </c>
    </row>
    <row r="6387" spans="2:20" x14ac:dyDescent="0.2">
      <c r="B6387" s="239">
        <v>63.359000000000002</v>
      </c>
      <c r="C6387" s="3">
        <f t="shared" si="1481"/>
        <v>63.352000000000004</v>
      </c>
      <c r="D6387" s="239">
        <v>19.829799999999999</v>
      </c>
      <c r="E6387" s="239">
        <v>0.1113</v>
      </c>
      <c r="F6387" s="239">
        <v>0.54100000000000004</v>
      </c>
      <c r="G6387">
        <f t="shared" si="1482"/>
        <v>19.937999999999999</v>
      </c>
      <c r="H6387" s="235">
        <f t="shared" si="1483"/>
        <v>0.5582305145952452</v>
      </c>
      <c r="I6387" s="236">
        <f t="shared" si="1484"/>
        <v>19.93969343058232</v>
      </c>
      <c r="J6387" s="237">
        <f t="shared" si="1489"/>
        <v>9.9396934305823201</v>
      </c>
      <c r="K6387" s="237">
        <f t="shared" si="1485"/>
        <v>1263.2194582142513</v>
      </c>
      <c r="L6387" s="237">
        <f t="shared" si="1490"/>
        <v>629.76903606826522</v>
      </c>
      <c r="M6387" s="236">
        <f t="shared" si="1486"/>
        <v>29.65338000479505</v>
      </c>
      <c r="N6387" s="236">
        <f t="shared" si="1487"/>
        <v>0.59599093949704374</v>
      </c>
      <c r="O6387" s="236">
        <f t="shared" si="1491"/>
        <v>2.2320863482150872</v>
      </c>
      <c r="P6387" s="236" t="str">
        <f t="shared" si="1492"/>
        <v>SAND</v>
      </c>
      <c r="Q6387" s="236" t="e">
        <f t="shared" si="1488"/>
        <v>#N/A</v>
      </c>
      <c r="R6387" s="238">
        <v>35</v>
      </c>
      <c r="S6387" s="236" t="e">
        <f t="shared" si="1493"/>
        <v>#N/A</v>
      </c>
      <c r="T6387" s="236">
        <f t="shared" si="1480"/>
        <v>33.792816233605492</v>
      </c>
    </row>
    <row r="6388" spans="2:20" x14ac:dyDescent="0.2">
      <c r="B6388" s="239">
        <v>63.369</v>
      </c>
      <c r="C6388" s="3">
        <f t="shared" si="1481"/>
        <v>63.362000000000002</v>
      </c>
      <c r="D6388" s="239">
        <v>20.075199999999999</v>
      </c>
      <c r="E6388" s="239">
        <v>0.1115</v>
      </c>
      <c r="F6388" s="239">
        <v>0.5333</v>
      </c>
      <c r="G6388">
        <f t="shared" si="1482"/>
        <v>20.18186</v>
      </c>
      <c r="H6388" s="235">
        <f t="shared" si="1483"/>
        <v>0.55247633270669794</v>
      </c>
      <c r="I6388" s="236">
        <f t="shared" si="1484"/>
        <v>19.946550266582626</v>
      </c>
      <c r="J6388" s="237">
        <f t="shared" si="1489"/>
        <v>9.9465502665826264</v>
      </c>
      <c r="K6388" s="237">
        <f t="shared" si="1485"/>
        <v>1263.8533179912083</v>
      </c>
      <c r="L6388" s="237">
        <f t="shared" si="1490"/>
        <v>630.30294384307444</v>
      </c>
      <c r="M6388" s="236">
        <f t="shared" si="1486"/>
        <v>30.014149333750819</v>
      </c>
      <c r="N6388" s="236">
        <f t="shared" si="1487"/>
        <v>0.58938556198966552</v>
      </c>
      <c r="O6388" s="236">
        <f t="shared" si="1491"/>
        <v>2.2252282287961185</v>
      </c>
      <c r="P6388" s="236" t="str">
        <f t="shared" si="1492"/>
        <v>SAND</v>
      </c>
      <c r="Q6388" s="236" t="e">
        <f t="shared" si="1488"/>
        <v>#N/A</v>
      </c>
      <c r="R6388" s="238">
        <v>35</v>
      </c>
      <c r="S6388" s="236" t="e">
        <f t="shared" si="1493"/>
        <v>#N/A</v>
      </c>
      <c r="T6388" s="236">
        <f t="shared" si="1480"/>
        <v>33.850586429181007</v>
      </c>
    </row>
    <row r="6389" spans="2:20" x14ac:dyDescent="0.2">
      <c r="B6389" s="239">
        <v>63.378</v>
      </c>
      <c r="C6389" s="3">
        <f t="shared" si="1481"/>
        <v>63.371000000000002</v>
      </c>
      <c r="D6389" s="239">
        <v>20.290500000000002</v>
      </c>
      <c r="E6389" s="239">
        <v>0.1119</v>
      </c>
      <c r="F6389" s="239">
        <v>0.52390000000000003</v>
      </c>
      <c r="G6389">
        <f t="shared" si="1482"/>
        <v>20.395280000000003</v>
      </c>
      <c r="H6389" s="235">
        <f t="shared" si="1483"/>
        <v>0.5486563557842794</v>
      </c>
      <c r="I6389" s="236">
        <f t="shared" si="1484"/>
        <v>19.954860992789413</v>
      </c>
      <c r="J6389" s="237">
        <f t="shared" si="1489"/>
        <v>9.9548609927894134</v>
      </c>
      <c r="K6389" s="237">
        <f t="shared" si="1485"/>
        <v>1264.5594959740579</v>
      </c>
      <c r="L6389" s="237">
        <f t="shared" si="1490"/>
        <v>630.91918000100748</v>
      </c>
      <c r="M6389" s="236">
        <f t="shared" si="1486"/>
        <v>30.321982768055005</v>
      </c>
      <c r="N6389" s="236">
        <f t="shared" si="1487"/>
        <v>0.58492308209955457</v>
      </c>
      <c r="O6389" s="236">
        <f t="shared" si="1491"/>
        <v>2.2197909397373738</v>
      </c>
      <c r="P6389" s="236" t="str">
        <f t="shared" si="1492"/>
        <v>SAND</v>
      </c>
      <c r="Q6389" s="236" t="e">
        <f t="shared" si="1488"/>
        <v>#N/A</v>
      </c>
      <c r="R6389" s="238">
        <v>35</v>
      </c>
      <c r="S6389" s="236" t="e">
        <f t="shared" si="1493"/>
        <v>#N/A</v>
      </c>
      <c r="T6389" s="236">
        <f t="shared" si="1480"/>
        <v>33.899333562595004</v>
      </c>
    </row>
    <row r="6390" spans="2:20" x14ac:dyDescent="0.2">
      <c r="B6390" s="239">
        <v>63.387</v>
      </c>
      <c r="C6390" s="3">
        <f t="shared" si="1481"/>
        <v>63.38</v>
      </c>
      <c r="D6390" s="239">
        <v>20.538599999999999</v>
      </c>
      <c r="E6390" s="239">
        <v>0.1132</v>
      </c>
      <c r="F6390" s="239">
        <v>0.53339999999999999</v>
      </c>
      <c r="G6390">
        <f t="shared" si="1482"/>
        <v>20.64528</v>
      </c>
      <c r="H6390" s="235">
        <f t="shared" si="1483"/>
        <v>0.54830934722125346</v>
      </c>
      <c r="I6390" s="236">
        <f t="shared" si="1484"/>
        <v>19.973167106485704</v>
      </c>
      <c r="J6390" s="237">
        <f t="shared" si="1489"/>
        <v>9.9731671064857039</v>
      </c>
      <c r="K6390" s="237">
        <f t="shared" si="1485"/>
        <v>1265.899331209064</v>
      </c>
      <c r="L6390" s="237">
        <f t="shared" si="1490"/>
        <v>632.16914337880928</v>
      </c>
      <c r="M6390" s="236">
        <f t="shared" si="1486"/>
        <v>30.655372651079229</v>
      </c>
      <c r="N6390" s="236">
        <f t="shared" si="1487"/>
        <v>0.58412599419289102</v>
      </c>
      <c r="O6390" s="236">
        <f t="shared" si="1491"/>
        <v>2.215274522162078</v>
      </c>
      <c r="P6390" s="236" t="str">
        <f t="shared" si="1492"/>
        <v>SAND</v>
      </c>
      <c r="Q6390" s="236" t="e">
        <f t="shared" si="1488"/>
        <v>#N/A</v>
      </c>
      <c r="R6390" s="238">
        <v>35</v>
      </c>
      <c r="S6390" s="236" t="e">
        <f t="shared" si="1493"/>
        <v>#N/A</v>
      </c>
      <c r="T6390" s="236">
        <f t="shared" si="1480"/>
        <v>33.951572598250593</v>
      </c>
    </row>
    <row r="6391" spans="2:20" x14ac:dyDescent="0.2">
      <c r="B6391" s="239">
        <v>63.396000000000001</v>
      </c>
      <c r="C6391" s="3">
        <f t="shared" si="1481"/>
        <v>63.389000000000003</v>
      </c>
      <c r="D6391" s="239">
        <v>20.788</v>
      </c>
      <c r="E6391" s="239">
        <v>0.1138</v>
      </c>
      <c r="F6391" s="239">
        <v>0.53300000000000003</v>
      </c>
      <c r="G6391">
        <f t="shared" si="1482"/>
        <v>20.894600000000001</v>
      </c>
      <c r="H6391" s="235">
        <f t="shared" si="1483"/>
        <v>0.54463832760617581</v>
      </c>
      <c r="I6391" s="236">
        <f t="shared" si="1484"/>
        <v>19.984057817341423</v>
      </c>
      <c r="J6391" s="237">
        <f t="shared" si="1489"/>
        <v>9.9840578173414229</v>
      </c>
      <c r="K6391" s="237">
        <f t="shared" si="1485"/>
        <v>1266.7694409834555</v>
      </c>
      <c r="L6391" s="237">
        <f t="shared" si="1490"/>
        <v>632.94932938817681</v>
      </c>
      <c r="M6391" s="236">
        <f t="shared" si="1486"/>
        <v>31.010113523604257</v>
      </c>
      <c r="N6391" s="236">
        <f t="shared" si="1487"/>
        <v>0.57978898716202265</v>
      </c>
      <c r="O6391" s="236">
        <f t="shared" si="1491"/>
        <v>2.2093593613775928</v>
      </c>
      <c r="P6391" s="236" t="str">
        <f t="shared" si="1492"/>
        <v>SAND</v>
      </c>
      <c r="Q6391" s="236" t="e">
        <f t="shared" si="1488"/>
        <v>#N/A</v>
      </c>
      <c r="R6391" s="238">
        <v>35</v>
      </c>
      <c r="S6391" s="236" t="e">
        <f t="shared" si="1493"/>
        <v>#N/A</v>
      </c>
      <c r="T6391" s="236">
        <f t="shared" si="1480"/>
        <v>34.006536917434559</v>
      </c>
    </row>
    <row r="6392" spans="2:20" x14ac:dyDescent="0.2">
      <c r="B6392" s="239">
        <v>63.405000000000001</v>
      </c>
      <c r="C6392" s="3">
        <f t="shared" si="1481"/>
        <v>63.398000000000003</v>
      </c>
      <c r="D6392" s="239">
        <v>20.955300000000001</v>
      </c>
      <c r="E6392" s="239">
        <v>0.1159</v>
      </c>
      <c r="F6392" s="239">
        <v>0.53990000000000005</v>
      </c>
      <c r="G6392">
        <f t="shared" si="1482"/>
        <v>21.063280000000002</v>
      </c>
      <c r="H6392" s="235">
        <f t="shared" si="1483"/>
        <v>0.55024668522661235</v>
      </c>
      <c r="I6392" s="236">
        <f t="shared" si="1484"/>
        <v>20.00864173237451</v>
      </c>
      <c r="J6392" s="237">
        <f t="shared" si="1489"/>
        <v>10.00864173237451</v>
      </c>
      <c r="K6392" s="237">
        <f t="shared" si="1485"/>
        <v>1268.5078685490794</v>
      </c>
      <c r="L6392" s="237">
        <f t="shared" si="1490"/>
        <v>634.59792904120582</v>
      </c>
      <c r="M6392" s="236">
        <f t="shared" si="1486"/>
        <v>31.192620123041095</v>
      </c>
      <c r="N6392" s="236">
        <f t="shared" si="1487"/>
        <v>0.58550812926940599</v>
      </c>
      <c r="O6392" s="236">
        <f t="shared" si="1491"/>
        <v>2.2089799349960941</v>
      </c>
      <c r="P6392" s="236" t="str">
        <f t="shared" si="1492"/>
        <v>SAND</v>
      </c>
      <c r="Q6392" s="236" t="e">
        <f t="shared" si="1488"/>
        <v>#N/A</v>
      </c>
      <c r="R6392" s="238">
        <v>35</v>
      </c>
      <c r="S6392" s="236" t="e">
        <f t="shared" si="1493"/>
        <v>#N/A</v>
      </c>
      <c r="T6392" s="236">
        <f t="shared" si="1480"/>
        <v>34.03457041854692</v>
      </c>
    </row>
    <row r="6393" spans="2:20" x14ac:dyDescent="0.2">
      <c r="B6393" s="239">
        <v>63.414000000000001</v>
      </c>
      <c r="C6393" s="3">
        <f t="shared" si="1481"/>
        <v>63.407000000000004</v>
      </c>
      <c r="D6393" s="239">
        <v>21.176200000000001</v>
      </c>
      <c r="E6393" s="239">
        <v>0.1167</v>
      </c>
      <c r="F6393" s="239">
        <v>0.52969999999999995</v>
      </c>
      <c r="G6393">
        <f t="shared" si="1482"/>
        <v>21.282140000000002</v>
      </c>
      <c r="H6393" s="235">
        <f t="shared" si="1483"/>
        <v>0.54834711170963069</v>
      </c>
      <c r="I6393" s="236">
        <f t="shared" si="1484"/>
        <v>20.020748131905385</v>
      </c>
      <c r="J6393" s="237">
        <f t="shared" si="1489"/>
        <v>10.020748131905385</v>
      </c>
      <c r="K6393" s="237">
        <f t="shared" si="1485"/>
        <v>1269.4555767997249</v>
      </c>
      <c r="L6393" s="237">
        <f t="shared" si="1490"/>
        <v>635.45572203664813</v>
      </c>
      <c r="M6393" s="236">
        <f t="shared" si="1486"/>
        <v>31.493436488476693</v>
      </c>
      <c r="N6393" s="236">
        <f t="shared" si="1487"/>
        <v>0.58313016650935734</v>
      </c>
      <c r="O6393" s="236">
        <f t="shared" si="1491"/>
        <v>2.2044613401873958</v>
      </c>
      <c r="P6393" s="236" t="str">
        <f t="shared" si="1492"/>
        <v>SAND</v>
      </c>
      <c r="Q6393" s="236" t="e">
        <f t="shared" si="1488"/>
        <v>#N/A</v>
      </c>
      <c r="R6393" s="238">
        <v>35</v>
      </c>
      <c r="S6393" s="236" t="e">
        <f t="shared" si="1493"/>
        <v>#N/A</v>
      </c>
      <c r="T6393" s="236">
        <f t="shared" si="1480"/>
        <v>34.080420576372816</v>
      </c>
    </row>
    <row r="6394" spans="2:20" x14ac:dyDescent="0.2">
      <c r="B6394" s="239">
        <v>63.423999999999999</v>
      </c>
      <c r="C6394" s="3">
        <f t="shared" si="1481"/>
        <v>63.417000000000002</v>
      </c>
      <c r="D6394" s="239">
        <v>21.4</v>
      </c>
      <c r="E6394" s="239">
        <v>0.11890000000000001</v>
      </c>
      <c r="F6394" s="239">
        <v>0.53869999999999996</v>
      </c>
      <c r="G6394">
        <f t="shared" si="1482"/>
        <v>21.507739999999998</v>
      </c>
      <c r="H6394" s="235">
        <f t="shared" si="1483"/>
        <v>0.55282423908788192</v>
      </c>
      <c r="I6394" s="236">
        <f t="shared" si="1484"/>
        <v>20.046769361867156</v>
      </c>
      <c r="J6394" s="237">
        <f t="shared" si="1489"/>
        <v>10.046769361867156</v>
      </c>
      <c r="K6394" s="237">
        <f t="shared" si="1485"/>
        <v>1271.3059726215295</v>
      </c>
      <c r="L6394" s="237">
        <f t="shared" si="1490"/>
        <v>637.20630000706251</v>
      </c>
      <c r="M6394" s="236">
        <f t="shared" si="1486"/>
        <v>31.75805704864214</v>
      </c>
      <c r="N6394" s="236">
        <f t="shared" si="1487"/>
        <v>0.58755411076445918</v>
      </c>
      <c r="O6394" s="236">
        <f t="shared" si="1491"/>
        <v>2.2026835137665048</v>
      </c>
      <c r="P6394" s="236" t="str">
        <f t="shared" si="1492"/>
        <v>SAND</v>
      </c>
      <c r="Q6394" s="236" t="e">
        <f t="shared" si="1488"/>
        <v>#N/A</v>
      </c>
      <c r="R6394" s="238">
        <v>35</v>
      </c>
      <c r="S6394" s="236" t="e">
        <f t="shared" si="1493"/>
        <v>#N/A</v>
      </c>
      <c r="T6394" s="236">
        <f t="shared" si="1480"/>
        <v>34.120393169734029</v>
      </c>
    </row>
    <row r="6395" spans="2:20" x14ac:dyDescent="0.2">
      <c r="B6395" s="239">
        <v>63.432000000000002</v>
      </c>
      <c r="C6395" s="3">
        <f t="shared" si="1481"/>
        <v>63.425000000000004</v>
      </c>
      <c r="D6395" s="239">
        <v>21.613399999999999</v>
      </c>
      <c r="E6395" s="239">
        <v>0.1217</v>
      </c>
      <c r="F6395" s="239">
        <v>0.53820000000000001</v>
      </c>
      <c r="G6395">
        <f t="shared" si="1482"/>
        <v>21.721039999999999</v>
      </c>
      <c r="H6395" s="235">
        <f t="shared" si="1483"/>
        <v>0.56028624780397263</v>
      </c>
      <c r="I6395" s="236">
        <f t="shared" si="1484"/>
        <v>20.077920169433547</v>
      </c>
      <c r="J6395" s="237">
        <f t="shared" si="1489"/>
        <v>10.077920169433547</v>
      </c>
      <c r="K6395" s="237">
        <f t="shared" si="1485"/>
        <v>1273.4420867463227</v>
      </c>
      <c r="L6395" s="237">
        <f t="shared" si="1490"/>
        <v>639.26263218750876</v>
      </c>
      <c r="M6395" s="236">
        <f t="shared" si="1486"/>
        <v>31.986224258539135</v>
      </c>
      <c r="N6395" s="236">
        <f t="shared" si="1487"/>
        <v>0.59517993515080225</v>
      </c>
      <c r="O6395" s="236">
        <f t="shared" si="1491"/>
        <v>2.2024295001186598</v>
      </c>
      <c r="P6395" s="236" t="str">
        <f t="shared" si="1492"/>
        <v>SAND</v>
      </c>
      <c r="Q6395" s="236" t="e">
        <f t="shared" si="1488"/>
        <v>#N/A</v>
      </c>
      <c r="R6395" s="238">
        <v>35</v>
      </c>
      <c r="S6395" s="236" t="e">
        <f t="shared" si="1493"/>
        <v>#N/A</v>
      </c>
      <c r="T6395" s="236">
        <f t="shared" si="1480"/>
        <v>34.154592755802952</v>
      </c>
    </row>
    <row r="6396" spans="2:20" x14ac:dyDescent="0.2">
      <c r="B6396" s="239">
        <v>63.442</v>
      </c>
      <c r="C6396" s="3">
        <f t="shared" si="1481"/>
        <v>63.435000000000002</v>
      </c>
      <c r="D6396" s="239">
        <v>21.714200000000002</v>
      </c>
      <c r="E6396" s="239">
        <v>0.11890000000000001</v>
      </c>
      <c r="F6396" s="239">
        <v>0.53910000000000002</v>
      </c>
      <c r="G6396">
        <f t="shared" si="1482"/>
        <v>21.822020000000002</v>
      </c>
      <c r="H6396" s="235">
        <f t="shared" si="1483"/>
        <v>0.54486248294154249</v>
      </c>
      <c r="I6396" s="236">
        <f t="shared" si="1484"/>
        <v>20.052439516377568</v>
      </c>
      <c r="J6396" s="237">
        <f t="shared" si="1489"/>
        <v>10.052439516377568</v>
      </c>
      <c r="K6396" s="237">
        <f t="shared" si="1485"/>
        <v>1272.0265007214111</v>
      </c>
      <c r="L6396" s="237">
        <f t="shared" si="1490"/>
        <v>637.74686779802562</v>
      </c>
      <c r="M6396" s="236">
        <f t="shared" si="1486"/>
        <v>32.222805844946571</v>
      </c>
      <c r="N6396" s="236">
        <f t="shared" si="1487"/>
        <v>0.5785889908148828</v>
      </c>
      <c r="O6396" s="236">
        <f t="shared" si="1491"/>
        <v>2.1940497182598286</v>
      </c>
      <c r="P6396" s="236" t="str">
        <f t="shared" si="1492"/>
        <v>SAND</v>
      </c>
      <c r="Q6396" s="236" t="e">
        <f t="shared" si="1488"/>
        <v>#N/A</v>
      </c>
      <c r="R6396" s="238">
        <v>35</v>
      </c>
      <c r="S6396" s="236" t="e">
        <f t="shared" si="1493"/>
        <v>#N/A</v>
      </c>
      <c r="T6396" s="236">
        <f t="shared" si="1480"/>
        <v>34.189796899681795</v>
      </c>
    </row>
    <row r="6397" spans="2:20" x14ac:dyDescent="0.2">
      <c r="B6397" s="239">
        <v>63.45</v>
      </c>
      <c r="C6397" s="3">
        <f t="shared" si="1481"/>
        <v>63.443000000000005</v>
      </c>
      <c r="D6397" s="239">
        <v>21.825600000000001</v>
      </c>
      <c r="E6397" s="239">
        <v>0.1195</v>
      </c>
      <c r="F6397" s="239">
        <v>0.53500000000000003</v>
      </c>
      <c r="G6397">
        <f t="shared" si="1482"/>
        <v>21.932600000000001</v>
      </c>
      <c r="H6397" s="235">
        <f t="shared" si="1483"/>
        <v>0.54485104365191539</v>
      </c>
      <c r="I6397" s="236">
        <f t="shared" si="1484"/>
        <v>20.06031750500032</v>
      </c>
      <c r="J6397" s="237">
        <f t="shared" si="1489"/>
        <v>10.06031750500032</v>
      </c>
      <c r="K6397" s="237">
        <f t="shared" si="1485"/>
        <v>1272.6867234697354</v>
      </c>
      <c r="L6397" s="237">
        <f t="shared" si="1490"/>
        <v>638.32714569227039</v>
      </c>
      <c r="M6397" s="236">
        <f t="shared" si="1486"/>
        <v>32.365713123674915</v>
      </c>
      <c r="N6397" s="236">
        <f t="shared" si="1487"/>
        <v>0.57841481907744707</v>
      </c>
      <c r="O6397" s="236">
        <f t="shared" si="1491"/>
        <v>2.1922728755417928</v>
      </c>
      <c r="P6397" s="236" t="str">
        <f t="shared" si="1492"/>
        <v>SAND</v>
      </c>
      <c r="Q6397" s="236" t="e">
        <f t="shared" si="1488"/>
        <v>#N/A</v>
      </c>
      <c r="R6397" s="238">
        <v>35</v>
      </c>
      <c r="S6397" s="236" t="e">
        <f t="shared" si="1493"/>
        <v>#N/A</v>
      </c>
      <c r="T6397" s="236">
        <f t="shared" si="1480"/>
        <v>34.210936984430433</v>
      </c>
    </row>
    <row r="6398" spans="2:20" x14ac:dyDescent="0.2">
      <c r="B6398" s="239">
        <v>63.457000000000001</v>
      </c>
      <c r="C6398" s="3">
        <f t="shared" si="1481"/>
        <v>63.45</v>
      </c>
      <c r="D6398" s="239">
        <v>21.957000000000001</v>
      </c>
      <c r="E6398" s="239">
        <v>0.1187</v>
      </c>
      <c r="F6398" s="239">
        <v>0.54259999999999997</v>
      </c>
      <c r="G6398">
        <f t="shared" si="1482"/>
        <v>22.065519999999999</v>
      </c>
      <c r="H6398" s="235">
        <f t="shared" si="1483"/>
        <v>0.53794336140729981</v>
      </c>
      <c r="I6398" s="236">
        <f t="shared" si="1484"/>
        <v>20.054802745468766</v>
      </c>
      <c r="J6398" s="237">
        <f t="shared" si="1489"/>
        <v>10.054802745468766</v>
      </c>
      <c r="K6398" s="237">
        <f t="shared" si="1485"/>
        <v>1272.4772341999933</v>
      </c>
      <c r="L6398" s="237">
        <f t="shared" si="1490"/>
        <v>638.0476178192115</v>
      </c>
      <c r="M6398" s="236">
        <f t="shared" si="1486"/>
        <v>32.588543840769645</v>
      </c>
      <c r="N6398" s="236">
        <f t="shared" si="1487"/>
        <v>0.57086402089854527</v>
      </c>
      <c r="O6398" s="236">
        <f t="shared" si="1491"/>
        <v>2.1870552871778628</v>
      </c>
      <c r="P6398" s="236" t="str">
        <f t="shared" si="1492"/>
        <v>SAND</v>
      </c>
      <c r="Q6398" s="236" t="e">
        <f t="shared" si="1488"/>
        <v>#N/A</v>
      </c>
      <c r="R6398" s="238">
        <v>35</v>
      </c>
      <c r="S6398" s="236" t="e">
        <f t="shared" si="1493"/>
        <v>#N/A</v>
      </c>
      <c r="T6398" s="236">
        <f t="shared" si="1480"/>
        <v>34.243714507721108</v>
      </c>
    </row>
    <row r="6399" spans="2:20" x14ac:dyDescent="0.2">
      <c r="B6399" s="239">
        <v>63.466000000000001</v>
      </c>
      <c r="C6399" s="3">
        <f t="shared" si="1481"/>
        <v>63.459000000000003</v>
      </c>
      <c r="D6399" s="239">
        <v>21.997800000000002</v>
      </c>
      <c r="E6399" s="239">
        <v>0.1171</v>
      </c>
      <c r="F6399" s="239">
        <v>0.5292</v>
      </c>
      <c r="G6399">
        <f t="shared" si="1482"/>
        <v>22.103640000000002</v>
      </c>
      <c r="H6399" s="235">
        <f t="shared" si="1483"/>
        <v>0.52977699600608763</v>
      </c>
      <c r="I6399" s="236">
        <f t="shared" si="1484"/>
        <v>20.03956408986361</v>
      </c>
      <c r="J6399" s="237">
        <f t="shared" si="1489"/>
        <v>10.03956408986361</v>
      </c>
      <c r="K6399" s="237">
        <f t="shared" si="1485"/>
        <v>1271.6906975786549</v>
      </c>
      <c r="L6399" s="237">
        <f t="shared" si="1490"/>
        <v>637.17097452728387</v>
      </c>
      <c r="M6399" s="236">
        <f t="shared" si="1486"/>
        <v>32.694441735793973</v>
      </c>
      <c r="N6399" s="236">
        <f t="shared" si="1487"/>
        <v>0.56211734341341346</v>
      </c>
      <c r="O6399" s="236">
        <f t="shared" si="1491"/>
        <v>2.1828070475307957</v>
      </c>
      <c r="P6399" s="236" t="str">
        <f t="shared" si="1492"/>
        <v>SAND</v>
      </c>
      <c r="Q6399" s="236" t="e">
        <f t="shared" si="1488"/>
        <v>#N/A</v>
      </c>
      <c r="R6399" s="238">
        <v>35</v>
      </c>
      <c r="S6399" s="236" t="e">
        <f t="shared" si="1493"/>
        <v>#N/A</v>
      </c>
      <c r="T6399" s="236">
        <f t="shared" si="1480"/>
        <v>34.259213187055636</v>
      </c>
    </row>
    <row r="6400" spans="2:20" x14ac:dyDescent="0.2">
      <c r="B6400" s="239">
        <v>63.473999999999997</v>
      </c>
      <c r="C6400" s="3">
        <f t="shared" si="1481"/>
        <v>63.466999999999999</v>
      </c>
      <c r="D6400" s="239">
        <v>21.997900000000001</v>
      </c>
      <c r="E6400" s="239">
        <v>0.1164</v>
      </c>
      <c r="F6400" s="239">
        <v>0.55520000000000003</v>
      </c>
      <c r="G6400">
        <f t="shared" si="1482"/>
        <v>22.10894</v>
      </c>
      <c r="H6400" s="235">
        <f t="shared" si="1483"/>
        <v>0.52648385675658804</v>
      </c>
      <c r="I6400" s="236">
        <f t="shared" si="1484"/>
        <v>20.03262723020805</v>
      </c>
      <c r="J6400" s="237">
        <f t="shared" si="1489"/>
        <v>10.03262723020805</v>
      </c>
      <c r="K6400" s="237">
        <f t="shared" si="1485"/>
        <v>1271.4107524196143</v>
      </c>
      <c r="L6400" s="237">
        <f t="shared" si="1490"/>
        <v>636.81098081022571</v>
      </c>
      <c r="M6400" s="236">
        <f t="shared" si="1486"/>
        <v>32.721686458780013</v>
      </c>
      <c r="N6400" s="236">
        <f t="shared" si="1487"/>
        <v>0.55860749428109946</v>
      </c>
      <c r="O6400" s="236">
        <f t="shared" si="1491"/>
        <v>2.1812755451166548</v>
      </c>
      <c r="P6400" s="236" t="str">
        <f t="shared" si="1492"/>
        <v>SAND</v>
      </c>
      <c r="Q6400" s="236" t="e">
        <f t="shared" si="1488"/>
        <v>#N/A</v>
      </c>
      <c r="R6400" s="238">
        <v>35</v>
      </c>
      <c r="S6400" s="236" t="e">
        <f t="shared" si="1493"/>
        <v>#N/A</v>
      </c>
      <c r="T6400" s="236">
        <f t="shared" si="1480"/>
        <v>34.263192467777678</v>
      </c>
    </row>
    <row r="6401" spans="2:20" x14ac:dyDescent="0.2">
      <c r="B6401" s="239">
        <v>63.481999999999999</v>
      </c>
      <c r="C6401" s="3">
        <f t="shared" si="1481"/>
        <v>63.475000000000001</v>
      </c>
      <c r="D6401" s="239">
        <v>21.997499999999999</v>
      </c>
      <c r="E6401" s="239">
        <v>0.1167</v>
      </c>
      <c r="F6401" s="239">
        <v>0.5645</v>
      </c>
      <c r="G6401">
        <f t="shared" si="1482"/>
        <v>22.110399999999998</v>
      </c>
      <c r="H6401" s="235">
        <f t="shared" si="1483"/>
        <v>0.52780591938635213</v>
      </c>
      <c r="I6401" s="236">
        <f t="shared" si="1484"/>
        <v>20.035671305242438</v>
      </c>
      <c r="J6401" s="237">
        <f t="shared" si="1489"/>
        <v>10.035671305242438</v>
      </c>
      <c r="K6401" s="237">
        <f t="shared" si="1485"/>
        <v>1271.7642361002638</v>
      </c>
      <c r="L6401" s="237">
        <f t="shared" si="1490"/>
        <v>637.08448579940045</v>
      </c>
      <c r="M6401" s="236">
        <f t="shared" si="1486"/>
        <v>32.709375645448098</v>
      </c>
      <c r="N6401" s="236">
        <f t="shared" si="1487"/>
        <v>0.56001746622093085</v>
      </c>
      <c r="O6401" s="236">
        <f t="shared" si="1491"/>
        <v>2.1819076234455879</v>
      </c>
      <c r="P6401" s="236" t="str">
        <f t="shared" si="1492"/>
        <v>SAND</v>
      </c>
      <c r="Q6401" s="236" t="e">
        <f t="shared" si="1488"/>
        <v>#N/A</v>
      </c>
      <c r="R6401" s="238">
        <v>35</v>
      </c>
      <c r="S6401" s="236" t="e">
        <f t="shared" si="1493"/>
        <v>#N/A</v>
      </c>
      <c r="T6401" s="236">
        <f t="shared" si="1480"/>
        <v>34.261394798594928</v>
      </c>
    </row>
    <row r="6402" spans="2:20" x14ac:dyDescent="0.2">
      <c r="B6402" s="239">
        <v>63.491</v>
      </c>
      <c r="C6402" s="3">
        <f t="shared" si="1481"/>
        <v>63.484000000000002</v>
      </c>
      <c r="D6402" s="239">
        <v>21.965</v>
      </c>
      <c r="E6402" s="239">
        <v>0.1152</v>
      </c>
      <c r="F6402" s="239">
        <v>0.58189999999999997</v>
      </c>
      <c r="G6402">
        <f t="shared" si="1482"/>
        <v>22.081379999999999</v>
      </c>
      <c r="H6402" s="235">
        <f t="shared" si="1483"/>
        <v>0.52170652377704652</v>
      </c>
      <c r="I6402" s="236">
        <f t="shared" si="1484"/>
        <v>20.019988338370585</v>
      </c>
      <c r="J6402" s="237">
        <f t="shared" si="1489"/>
        <v>10.019988338370585</v>
      </c>
      <c r="K6402" s="237">
        <f t="shared" si="1485"/>
        <v>1270.9489396731183</v>
      </c>
      <c r="L6402" s="237">
        <f t="shared" si="1490"/>
        <v>636.17907959148681</v>
      </c>
      <c r="M6402" s="236">
        <f t="shared" si="1486"/>
        <v>32.711592895651329</v>
      </c>
      <c r="N6402" s="236">
        <f t="shared" si="1487"/>
        <v>0.5535685429391124</v>
      </c>
      <c r="O6402" s="236">
        <f t="shared" si="1491"/>
        <v>2.1796537849176967</v>
      </c>
      <c r="P6402" s="236" t="str">
        <f t="shared" si="1492"/>
        <v>SAND</v>
      </c>
      <c r="Q6402" s="236" t="e">
        <f t="shared" si="1488"/>
        <v>#N/A</v>
      </c>
      <c r="R6402" s="238">
        <v>35</v>
      </c>
      <c r="S6402" s="236" t="e">
        <f t="shared" si="1493"/>
        <v>#N/A</v>
      </c>
      <c r="T6402" s="236">
        <f t="shared" si="1480"/>
        <v>34.261718619383615</v>
      </c>
    </row>
    <row r="6403" spans="2:20" x14ac:dyDescent="0.2">
      <c r="B6403" s="239">
        <v>63.499000000000002</v>
      </c>
      <c r="C6403" s="3">
        <f t="shared" si="1481"/>
        <v>63.492000000000004</v>
      </c>
      <c r="D6403" s="239">
        <v>21.938800000000001</v>
      </c>
      <c r="E6403" s="239">
        <v>0.1163</v>
      </c>
      <c r="F6403" s="239">
        <v>0.57130000000000003</v>
      </c>
      <c r="G6403">
        <f t="shared" si="1482"/>
        <v>22.053060000000002</v>
      </c>
      <c r="H6403" s="235">
        <f t="shared" si="1483"/>
        <v>0.52736445645184837</v>
      </c>
      <c r="I6403" s="236">
        <f t="shared" si="1484"/>
        <v>20.030630257303823</v>
      </c>
      <c r="J6403" s="237">
        <f t="shared" si="1489"/>
        <v>10.030630257303823</v>
      </c>
      <c r="K6403" s="237">
        <f t="shared" si="1485"/>
        <v>1271.7847762967344</v>
      </c>
      <c r="L6403" s="237">
        <f t="shared" si="1490"/>
        <v>636.93499070853545</v>
      </c>
      <c r="M6403" s="236">
        <f t="shared" si="1486"/>
        <v>32.626995732462241</v>
      </c>
      <c r="N6403" s="236">
        <f t="shared" si="1487"/>
        <v>0.55963841847081364</v>
      </c>
      <c r="O6403" s="236">
        <f t="shared" si="1491"/>
        <v>2.1827587100555959</v>
      </c>
      <c r="P6403" s="236" t="str">
        <f t="shared" si="1492"/>
        <v>SAND</v>
      </c>
      <c r="Q6403" s="236" t="e">
        <f t="shared" si="1488"/>
        <v>#N/A</v>
      </c>
      <c r="R6403" s="238">
        <v>35</v>
      </c>
      <c r="S6403" s="236" t="e">
        <f t="shared" si="1493"/>
        <v>#N/A</v>
      </c>
      <c r="T6403" s="236">
        <f t="shared" si="1480"/>
        <v>34.249347947563137</v>
      </c>
    </row>
    <row r="6404" spans="2:20" x14ac:dyDescent="0.2">
      <c r="B6404" s="239">
        <v>63.506999999999998</v>
      </c>
      <c r="C6404" s="3">
        <f t="shared" si="1481"/>
        <v>63.5</v>
      </c>
      <c r="D6404" s="239">
        <v>21.948899999999998</v>
      </c>
      <c r="E6404" s="239">
        <v>0.1164</v>
      </c>
      <c r="F6404" s="239">
        <v>0.57930000000000004</v>
      </c>
      <c r="G6404">
        <f t="shared" si="1482"/>
        <v>22.06476</v>
      </c>
      <c r="H6404" s="235">
        <f t="shared" si="1483"/>
        <v>0.52753802896564483</v>
      </c>
      <c r="I6404" s="236">
        <f t="shared" si="1484"/>
        <v>20.031845388390536</v>
      </c>
      <c r="J6404" s="237">
        <f t="shared" si="1489"/>
        <v>10.031845388390536</v>
      </c>
      <c r="K6404" s="237">
        <f t="shared" si="1485"/>
        <v>1272.022182162799</v>
      </c>
      <c r="L6404" s="237">
        <f t="shared" si="1490"/>
        <v>637.09240508051778</v>
      </c>
      <c r="M6404" s="236">
        <f t="shared" si="1486"/>
        <v>32.63692621670689</v>
      </c>
      <c r="N6404" s="236">
        <f t="shared" si="1487"/>
        <v>0.5598108388600247</v>
      </c>
      <c r="O6404" s="236">
        <f t="shared" si="1491"/>
        <v>2.1826995816992882</v>
      </c>
      <c r="P6404" s="236" t="str">
        <f t="shared" si="1492"/>
        <v>SAND</v>
      </c>
      <c r="Q6404" s="236" t="e">
        <f t="shared" si="1488"/>
        <v>#N/A</v>
      </c>
      <c r="R6404" s="238">
        <v>35</v>
      </c>
      <c r="S6404" s="236" t="e">
        <f t="shared" si="1493"/>
        <v>#N/A</v>
      </c>
      <c r="T6404" s="236">
        <f t="shared" si="1480"/>
        <v>34.250801746187562</v>
      </c>
    </row>
    <row r="6405" spans="2:20" x14ac:dyDescent="0.2">
      <c r="B6405" s="239">
        <v>63.515000000000001</v>
      </c>
      <c r="C6405" s="3">
        <f t="shared" si="1481"/>
        <v>63.508000000000003</v>
      </c>
      <c r="D6405" s="239">
        <v>22.027100000000001</v>
      </c>
      <c r="E6405" s="239">
        <v>0.11550000000000001</v>
      </c>
      <c r="F6405" s="239">
        <v>0.59440000000000004</v>
      </c>
      <c r="G6405">
        <f t="shared" si="1482"/>
        <v>22.145980000000002</v>
      </c>
      <c r="H6405" s="235">
        <f t="shared" si="1483"/>
        <v>0.52153934935369761</v>
      </c>
      <c r="I6405" s="236">
        <f t="shared" si="1484"/>
        <v>20.024179824830455</v>
      </c>
      <c r="J6405" s="237">
        <f t="shared" si="1489"/>
        <v>10.024179824830455</v>
      </c>
      <c r="K6405" s="237">
        <f t="shared" si="1485"/>
        <v>1271.6956123153325</v>
      </c>
      <c r="L6405" s="237">
        <f t="shared" si="1490"/>
        <v>636.68578157410639</v>
      </c>
      <c r="M6405" s="236">
        <f t="shared" si="1486"/>
        <v>32.785849773614004</v>
      </c>
      <c r="N6405" s="236">
        <f t="shared" si="1487"/>
        <v>0.55331238118103943</v>
      </c>
      <c r="O6405" s="236">
        <f t="shared" si="1491"/>
        <v>2.1786815833454565</v>
      </c>
      <c r="P6405" s="236" t="str">
        <f t="shared" si="1492"/>
        <v>SAND</v>
      </c>
      <c r="Q6405" s="236" t="e">
        <f t="shared" si="1488"/>
        <v>#N/A</v>
      </c>
      <c r="R6405" s="238">
        <v>35</v>
      </c>
      <c r="S6405" s="236" t="e">
        <f t="shared" si="1493"/>
        <v>#N/A</v>
      </c>
      <c r="T6405" s="236">
        <f t="shared" si="1480"/>
        <v>34.27255089048618</v>
      </c>
    </row>
    <row r="6406" spans="2:20" x14ac:dyDescent="0.2">
      <c r="B6406" s="239">
        <v>63.523000000000003</v>
      </c>
      <c r="C6406" s="3">
        <f t="shared" si="1481"/>
        <v>63.516000000000005</v>
      </c>
      <c r="D6406" s="239">
        <v>22.0549</v>
      </c>
      <c r="E6406" s="239">
        <v>0.115</v>
      </c>
      <c r="F6406" s="239">
        <v>0.60040000000000004</v>
      </c>
      <c r="G6406">
        <f t="shared" si="1482"/>
        <v>22.174980000000001</v>
      </c>
      <c r="H6406" s="235">
        <f t="shared" si="1483"/>
        <v>0.51860249704847539</v>
      </c>
      <c r="I6406" s="236">
        <f t="shared" si="1484"/>
        <v>20.019604136462817</v>
      </c>
      <c r="J6406" s="237">
        <f t="shared" si="1489"/>
        <v>10.019604136462817</v>
      </c>
      <c r="K6406" s="237">
        <f t="shared" si="1485"/>
        <v>1271.5651763315725</v>
      </c>
      <c r="L6406" s="237">
        <f t="shared" si="1490"/>
        <v>636.47531356052752</v>
      </c>
      <c r="M6406" s="236">
        <f t="shared" si="1486"/>
        <v>32.842459681164925</v>
      </c>
      <c r="N6406" s="236">
        <f t="shared" si="1487"/>
        <v>0.55014934626752132</v>
      </c>
      <c r="O6406" s="236">
        <f t="shared" si="1491"/>
        <v>2.1769098639109465</v>
      </c>
      <c r="P6406" s="236" t="str">
        <f t="shared" si="1492"/>
        <v>SAND</v>
      </c>
      <c r="Q6406" s="236" t="e">
        <f t="shared" si="1488"/>
        <v>#N/A</v>
      </c>
      <c r="R6406" s="238">
        <v>35</v>
      </c>
      <c r="S6406" s="236" t="e">
        <f t="shared" si="1493"/>
        <v>#N/A</v>
      </c>
      <c r="T6406" s="236">
        <f t="shared" si="1480"/>
        <v>34.280792429678485</v>
      </c>
    </row>
    <row r="6407" spans="2:20" x14ac:dyDescent="0.2">
      <c r="B6407" s="239">
        <v>63.530999999999999</v>
      </c>
      <c r="C6407" s="3">
        <f t="shared" si="1481"/>
        <v>63.524000000000001</v>
      </c>
      <c r="D6407" s="239">
        <v>22.0794</v>
      </c>
      <c r="E6407" s="239">
        <v>0.1143</v>
      </c>
      <c r="F6407" s="239">
        <v>0.60019999999999996</v>
      </c>
      <c r="G6407">
        <f t="shared" si="1482"/>
        <v>22.199439999999999</v>
      </c>
      <c r="H6407" s="235">
        <f t="shared" si="1483"/>
        <v>0.51487785277466469</v>
      </c>
      <c r="I6407" s="236">
        <f t="shared" si="1484"/>
        <v>20.012875693672456</v>
      </c>
      <c r="J6407" s="237">
        <f t="shared" si="1489"/>
        <v>10.012875693672456</v>
      </c>
      <c r="K6407" s="237">
        <f t="shared" si="1485"/>
        <v>1271.2979155648491</v>
      </c>
      <c r="L6407" s="237">
        <f t="shared" si="1490"/>
        <v>636.12800569470483</v>
      </c>
      <c r="M6407" s="236">
        <f t="shared" si="1486"/>
        <v>32.899262250810466</v>
      </c>
      <c r="N6407" s="236">
        <f t="shared" si="1487"/>
        <v>0.54615454892676851</v>
      </c>
      <c r="O6407" s="236">
        <f t="shared" si="1491"/>
        <v>2.1748413664070005</v>
      </c>
      <c r="P6407" s="236" t="str">
        <f t="shared" si="1492"/>
        <v>SAND</v>
      </c>
      <c r="Q6407" s="236" t="e">
        <f t="shared" si="1488"/>
        <v>#N/A</v>
      </c>
      <c r="R6407" s="238">
        <v>35</v>
      </c>
      <c r="S6407" s="236" t="e">
        <f t="shared" si="1493"/>
        <v>#N/A</v>
      </c>
      <c r="T6407" s="236">
        <f t="shared" si="1480"/>
        <v>34.289047751494138</v>
      </c>
    </row>
    <row r="6408" spans="2:20" x14ac:dyDescent="0.2">
      <c r="B6408" s="239">
        <v>63.539000000000001</v>
      </c>
      <c r="C6408" s="3">
        <f t="shared" si="1481"/>
        <v>63.532000000000004</v>
      </c>
      <c r="D6408" s="239">
        <v>22.168900000000001</v>
      </c>
      <c r="E6408" s="239">
        <v>0.1135</v>
      </c>
      <c r="F6408" s="239">
        <v>0.5998</v>
      </c>
      <c r="G6408">
        <f t="shared" si="1482"/>
        <v>22.28886</v>
      </c>
      <c r="H6408" s="235">
        <f t="shared" si="1483"/>
        <v>0.50922299301085827</v>
      </c>
      <c r="I6408" s="236">
        <f t="shared" si="1484"/>
        <v>20.006210951226677</v>
      </c>
      <c r="J6408" s="237">
        <f t="shared" si="1489"/>
        <v>10.006210951226677</v>
      </c>
      <c r="K6408" s="237">
        <f t="shared" si="1485"/>
        <v>1271.0345941533333</v>
      </c>
      <c r="L6408" s="237">
        <f t="shared" si="1490"/>
        <v>635.78463762999183</v>
      </c>
      <c r="M6408" s="236">
        <f t="shared" si="1486"/>
        <v>33.058089425052181</v>
      </c>
      <c r="N6408" s="236">
        <f t="shared" si="1487"/>
        <v>0.54001780778151742</v>
      </c>
      <c r="O6408" s="236">
        <f t="shared" si="1491"/>
        <v>2.170805944751431</v>
      </c>
      <c r="P6408" s="236" t="str">
        <f t="shared" si="1492"/>
        <v>SAND</v>
      </c>
      <c r="Q6408" s="236" t="e">
        <f t="shared" si="1488"/>
        <v>#N/A</v>
      </c>
      <c r="R6408" s="238">
        <v>35</v>
      </c>
      <c r="S6408" s="236" t="e">
        <f t="shared" si="1493"/>
        <v>#N/A</v>
      </c>
      <c r="T6408" s="236">
        <f t="shared" si="1480"/>
        <v>34.312055251526921</v>
      </c>
    </row>
    <row r="6409" spans="2:20" x14ac:dyDescent="0.2">
      <c r="B6409" s="239">
        <v>63.546999999999997</v>
      </c>
      <c r="C6409" s="3">
        <f t="shared" si="1481"/>
        <v>63.54</v>
      </c>
      <c r="D6409" s="239">
        <v>22.2501</v>
      </c>
      <c r="E6409" s="239">
        <v>0.1128</v>
      </c>
      <c r="F6409" s="239">
        <v>0.59260000000000002</v>
      </c>
      <c r="G6409">
        <f t="shared" si="1482"/>
        <v>22.36862</v>
      </c>
      <c r="H6409" s="235">
        <f t="shared" si="1483"/>
        <v>0.50427786783449313</v>
      </c>
      <c r="I6409" s="236">
        <f t="shared" si="1484"/>
        <v>20.000352896002127</v>
      </c>
      <c r="J6409" s="237">
        <f t="shared" si="1489"/>
        <v>10.000352896002127</v>
      </c>
      <c r="K6409" s="237">
        <f t="shared" si="1485"/>
        <v>1270.8224230119752</v>
      </c>
      <c r="L6409" s="237">
        <f t="shared" si="1490"/>
        <v>635.49242548224709</v>
      </c>
      <c r="M6409" s="236">
        <f t="shared" si="1486"/>
        <v>33.199133036051279</v>
      </c>
      <c r="N6409" s="236">
        <f t="shared" si="1487"/>
        <v>0.53465296360144343</v>
      </c>
      <c r="O6409" s="236">
        <f t="shared" si="1491"/>
        <v>2.1672442062531445</v>
      </c>
      <c r="P6409" s="236" t="str">
        <f t="shared" si="1492"/>
        <v>SAND</v>
      </c>
      <c r="Q6409" s="236" t="e">
        <f t="shared" si="1488"/>
        <v>#N/A</v>
      </c>
      <c r="R6409" s="238">
        <v>35</v>
      </c>
      <c r="S6409" s="236" t="e">
        <f t="shared" si="1493"/>
        <v>#N/A</v>
      </c>
      <c r="T6409" s="236">
        <f t="shared" si="1480"/>
        <v>34.33239416928879</v>
      </c>
    </row>
    <row r="6410" spans="2:20" x14ac:dyDescent="0.2">
      <c r="B6410" s="239">
        <v>63.555999999999997</v>
      </c>
      <c r="C6410" s="3">
        <f t="shared" si="1481"/>
        <v>63.548999999999999</v>
      </c>
      <c r="D6410" s="239">
        <v>22.368300000000001</v>
      </c>
      <c r="E6410" s="239">
        <v>0.11310000000000001</v>
      </c>
      <c r="F6410" s="239">
        <v>0.5847</v>
      </c>
      <c r="G6410">
        <f t="shared" si="1482"/>
        <v>22.485240000000001</v>
      </c>
      <c r="H6410" s="235">
        <f t="shared" si="1483"/>
        <v>0.50299663245755877</v>
      </c>
      <c r="I6410" s="236">
        <f t="shared" si="1484"/>
        <v>20.00549986238088</v>
      </c>
      <c r="J6410" s="237">
        <f t="shared" si="1489"/>
        <v>10.00549986238088</v>
      </c>
      <c r="K6410" s="237">
        <f t="shared" si="1485"/>
        <v>1271.3295107544425</v>
      </c>
      <c r="L6410" s="237">
        <f t="shared" si="1490"/>
        <v>635.90954925347921</v>
      </c>
      <c r="M6410" s="236">
        <f t="shared" si="1486"/>
        <v>33.359949562244275</v>
      </c>
      <c r="N6410" s="236">
        <f t="shared" si="1487"/>
        <v>0.53314074299189829</v>
      </c>
      <c r="O6410" s="236">
        <f t="shared" si="1491"/>
        <v>2.1648189144846302</v>
      </c>
      <c r="P6410" s="236" t="str">
        <f t="shared" si="1492"/>
        <v>SAND</v>
      </c>
      <c r="Q6410" s="236" t="e">
        <f t="shared" si="1488"/>
        <v>#N/A</v>
      </c>
      <c r="R6410" s="238">
        <v>35</v>
      </c>
      <c r="S6410" s="236" t="e">
        <f t="shared" si="1493"/>
        <v>#N/A</v>
      </c>
      <c r="T6410" s="236">
        <f t="shared" si="1480"/>
        <v>34.355479238798637</v>
      </c>
    </row>
    <row r="6411" spans="2:20" x14ac:dyDescent="0.2">
      <c r="B6411" s="239">
        <v>63.563000000000002</v>
      </c>
      <c r="C6411" s="3">
        <f t="shared" si="1481"/>
        <v>63.556000000000004</v>
      </c>
      <c r="D6411" s="239">
        <v>22.4877</v>
      </c>
      <c r="E6411" s="239">
        <v>0.1138</v>
      </c>
      <c r="F6411" s="239">
        <v>0.59809999999999997</v>
      </c>
      <c r="G6411">
        <f t="shared" si="1482"/>
        <v>22.607320000000001</v>
      </c>
      <c r="H6411" s="235">
        <f t="shared" si="1483"/>
        <v>0.50337678238729755</v>
      </c>
      <c r="I6411" s="236">
        <f t="shared" si="1484"/>
        <v>20.014851335439872</v>
      </c>
      <c r="J6411" s="237">
        <f t="shared" si="1489"/>
        <v>10.014851335439872</v>
      </c>
      <c r="K6411" s="237">
        <f t="shared" si="1485"/>
        <v>1272.0638914752167</v>
      </c>
      <c r="L6411" s="237">
        <f t="shared" si="1490"/>
        <v>636.57399543456461</v>
      </c>
      <c r="M6411" s="236">
        <f t="shared" si="1486"/>
        <v>33.515751918141149</v>
      </c>
      <c r="N6411" s="236">
        <f t="shared" si="1487"/>
        <v>0.53338942556461599</v>
      </c>
      <c r="O6411" s="236">
        <f t="shared" si="1491"/>
        <v>2.1630879959800682</v>
      </c>
      <c r="P6411" s="236" t="str">
        <f t="shared" si="1492"/>
        <v>SAND</v>
      </c>
      <c r="Q6411" s="236" t="e">
        <f t="shared" si="1488"/>
        <v>#N/A</v>
      </c>
      <c r="R6411" s="238">
        <v>35</v>
      </c>
      <c r="S6411" s="236" t="e">
        <f t="shared" si="1493"/>
        <v>#N/A</v>
      </c>
      <c r="T6411" s="236">
        <f t="shared" si="1480"/>
        <v>34.377738638488061</v>
      </c>
    </row>
    <row r="6412" spans="2:20" x14ac:dyDescent="0.2">
      <c r="B6412" s="239">
        <v>63.57</v>
      </c>
      <c r="C6412" s="3">
        <f t="shared" si="1481"/>
        <v>63.563000000000002</v>
      </c>
      <c r="D6412" s="239">
        <v>22.597200000000001</v>
      </c>
      <c r="E6412" s="239">
        <v>0.115</v>
      </c>
      <c r="F6412" s="239">
        <v>0.57989999999999997</v>
      </c>
      <c r="G6412">
        <f t="shared" si="1482"/>
        <v>22.713180000000001</v>
      </c>
      <c r="H6412" s="235">
        <f t="shared" si="1483"/>
        <v>0.50631395515731392</v>
      </c>
      <c r="I6412" s="236">
        <f t="shared" si="1484"/>
        <v>20.02897737173484</v>
      </c>
      <c r="J6412" s="237">
        <f t="shared" si="1489"/>
        <v>10.02897737173484</v>
      </c>
      <c r="K6412" s="237">
        <f t="shared" si="1485"/>
        <v>1273.1018886795816</v>
      </c>
      <c r="L6412" s="237">
        <f t="shared" si="1490"/>
        <v>637.54209152118381</v>
      </c>
      <c r="M6412" s="236">
        <f t="shared" si="1486"/>
        <v>33.629274672930393</v>
      </c>
      <c r="N6412" s="236">
        <f t="shared" si="1487"/>
        <v>0.53637864285242365</v>
      </c>
      <c r="O6412" s="236">
        <f t="shared" si="1491"/>
        <v>2.1628321615456088</v>
      </c>
      <c r="P6412" s="236" t="str">
        <f t="shared" si="1492"/>
        <v>SAND</v>
      </c>
      <c r="Q6412" s="236" t="e">
        <f t="shared" si="1488"/>
        <v>#N/A</v>
      </c>
      <c r="R6412" s="238">
        <v>35</v>
      </c>
      <c r="S6412" s="236" t="e">
        <f t="shared" si="1493"/>
        <v>#N/A</v>
      </c>
      <c r="T6412" s="236">
        <f t="shared" si="1480"/>
        <v>34.393892504530257</v>
      </c>
    </row>
    <row r="6413" spans="2:20" x14ac:dyDescent="0.2">
      <c r="B6413" s="239">
        <v>63.578000000000003</v>
      </c>
      <c r="C6413" s="3">
        <f t="shared" si="1481"/>
        <v>63.571000000000005</v>
      </c>
      <c r="D6413" s="239">
        <v>22.6736</v>
      </c>
      <c r="E6413" s="239">
        <v>0.1159</v>
      </c>
      <c r="F6413" s="239">
        <v>0.57830000000000004</v>
      </c>
      <c r="G6413">
        <f t="shared" si="1482"/>
        <v>22.789259999999999</v>
      </c>
      <c r="H6413" s="235">
        <f t="shared" si="1483"/>
        <v>0.50857289793525551</v>
      </c>
      <c r="I6413" s="236">
        <f t="shared" si="1484"/>
        <v>20.039425532403623</v>
      </c>
      <c r="J6413" s="237">
        <f t="shared" si="1489"/>
        <v>10.039425532403623</v>
      </c>
      <c r="K6413" s="237">
        <f t="shared" si="1485"/>
        <v>1273.9263205204309</v>
      </c>
      <c r="L6413" s="237">
        <f t="shared" si="1490"/>
        <v>638.28659649915755</v>
      </c>
      <c r="M6413" s="236">
        <f t="shared" si="1486"/>
        <v>33.707951565152385</v>
      </c>
      <c r="N6413" s="236">
        <f t="shared" si="1487"/>
        <v>0.53868557990592825</v>
      </c>
      <c r="O6413" s="236">
        <f t="shared" si="1491"/>
        <v>2.162739588795981</v>
      </c>
      <c r="P6413" s="236" t="str">
        <f t="shared" si="1492"/>
        <v>SAND</v>
      </c>
      <c r="Q6413" s="236" t="e">
        <f t="shared" si="1488"/>
        <v>#N/A</v>
      </c>
      <c r="R6413" s="238">
        <v>35</v>
      </c>
      <c r="S6413" s="236" t="e">
        <f t="shared" si="1493"/>
        <v>#N/A</v>
      </c>
      <c r="T6413" s="236">
        <f t="shared" ref="T6413:T6476" si="1494">IF(P6413="SAND",17.6+(11*LOG(M6413)),#N/A)</f>
        <v>34.405055973346322</v>
      </c>
    </row>
    <row r="6414" spans="2:20" x14ac:dyDescent="0.2">
      <c r="B6414" s="239">
        <v>63.585000000000001</v>
      </c>
      <c r="C6414" s="3">
        <f t="shared" ref="C6414:C6477" si="1495">MAX($B6414 - $B$13, 0.001)</f>
        <v>63.578000000000003</v>
      </c>
      <c r="D6414" s="239">
        <v>22.849900000000002</v>
      </c>
      <c r="E6414" s="239">
        <v>0.1148</v>
      </c>
      <c r="F6414" s="239">
        <v>0.57410000000000005</v>
      </c>
      <c r="G6414">
        <f t="shared" si="1482"/>
        <v>22.964720000000003</v>
      </c>
      <c r="H6414" s="235">
        <f t="shared" si="1483"/>
        <v>0.49989723366973332</v>
      </c>
      <c r="I6414" s="236">
        <f t="shared" si="1484"/>
        <v>20.031241191290313</v>
      </c>
      <c r="J6414" s="237">
        <f t="shared" si="1489"/>
        <v>10.031241191290313</v>
      </c>
      <c r="K6414" s="237">
        <f t="shared" si="1485"/>
        <v>1273.5462524598556</v>
      </c>
      <c r="L6414" s="237">
        <f t="shared" si="1490"/>
        <v>637.83647114819451</v>
      </c>
      <c r="M6414" s="236">
        <f t="shared" si="1486"/>
        <v>34.007421539400241</v>
      </c>
      <c r="N6414" s="236">
        <f t="shared" si="1487"/>
        <v>0.529247524067335</v>
      </c>
      <c r="O6414" s="236">
        <f t="shared" si="1491"/>
        <v>2.1559194091991252</v>
      </c>
      <c r="P6414" s="236" t="str">
        <f t="shared" si="1492"/>
        <v>SAND</v>
      </c>
      <c r="Q6414" s="236" t="e">
        <f t="shared" si="1488"/>
        <v>#N/A</v>
      </c>
      <c r="R6414" s="238">
        <v>35</v>
      </c>
      <c r="S6414" s="236" t="e">
        <f t="shared" si="1493"/>
        <v>#N/A</v>
      </c>
      <c r="T6414" s="236">
        <f t="shared" si="1494"/>
        <v>34.447310752192699</v>
      </c>
    </row>
    <row r="6415" spans="2:20" x14ac:dyDescent="0.2">
      <c r="B6415" s="239">
        <v>63.591000000000001</v>
      </c>
      <c r="C6415" s="3">
        <f t="shared" si="1495"/>
        <v>63.584000000000003</v>
      </c>
      <c r="D6415" s="239">
        <v>22.921500000000002</v>
      </c>
      <c r="E6415" s="239">
        <v>0.1153</v>
      </c>
      <c r="F6415" s="239">
        <v>0.56699999999999995</v>
      </c>
      <c r="G6415">
        <f t="shared" ref="G6415:G6478" si="1496">$D6415+($F6415*(1-$P$8))</f>
        <v>23.0349</v>
      </c>
      <c r="H6415" s="235">
        <f t="shared" ref="H6415:H6478" si="1497">($E6415/$G6415)*100</f>
        <v>0.50054482546049694</v>
      </c>
      <c r="I6415" s="236">
        <f t="shared" ref="I6415:I6478" si="1498">((0.27*(LOG($H6415)))+(0.36*(LOG(($G6415*1000)/101)))+1.236)*10</f>
        <v>20.03752988217326</v>
      </c>
      <c r="J6415" s="237">
        <f t="shared" si="1489"/>
        <v>10.03752988217326</v>
      </c>
      <c r="K6415" s="237">
        <f t="shared" ref="K6415:K6478" si="1499">$I6415*$C6415</f>
        <v>1274.0663000281047</v>
      </c>
      <c r="L6415" s="237">
        <f t="shared" si="1490"/>
        <v>638.29656273727983</v>
      </c>
      <c r="M6415" s="236">
        <f t="shared" ref="M6415:M6478" si="1500">(($G6415*1000)-$K6415)/$L6415</f>
        <v>34.092042743662027</v>
      </c>
      <c r="N6415" s="236">
        <f t="shared" ref="N6415:N6478" si="1501">(($E6415*1000)/(($G6415*1000)-$K6415))*100</f>
        <v>0.52985102312577714</v>
      </c>
      <c r="O6415" s="236">
        <f t="shared" si="1491"/>
        <v>2.1551658078895968</v>
      </c>
      <c r="P6415" s="236" t="str">
        <f t="shared" si="1492"/>
        <v>SAND</v>
      </c>
      <c r="Q6415" s="236" t="e">
        <f t="shared" ref="Q6415:Q6478" si="1502">IF(P6415="CLAY",($G6415*1000 -$K6415)/$L$8,#N/A)</f>
        <v>#N/A</v>
      </c>
      <c r="R6415" s="238">
        <v>35</v>
      </c>
      <c r="S6415" s="236" t="e">
        <f t="shared" si="1493"/>
        <v>#N/A</v>
      </c>
      <c r="T6415" s="236">
        <f t="shared" si="1494"/>
        <v>34.459183267050676</v>
      </c>
    </row>
    <row r="6416" spans="2:20" x14ac:dyDescent="0.2">
      <c r="B6416" s="239">
        <v>63.640999999999998</v>
      </c>
      <c r="C6416" s="3">
        <f t="shared" si="1495"/>
        <v>63.634</v>
      </c>
      <c r="D6416" s="239">
        <v>23.159300000000002</v>
      </c>
      <c r="E6416" s="239">
        <v>0.1081</v>
      </c>
      <c r="F6416" s="239">
        <v>0.53480000000000005</v>
      </c>
      <c r="G6416">
        <f t="shared" si="1496"/>
        <v>23.266260000000003</v>
      </c>
      <c r="H6416" s="235">
        <f t="shared" si="1497"/>
        <v>0.46462130140383534</v>
      </c>
      <c r="I6416" s="236">
        <f t="shared" si="1498"/>
        <v>19.965826347371454</v>
      </c>
      <c r="J6416" s="237">
        <f t="shared" ref="J6416:J6479" si="1503">$I6416-10</f>
        <v>9.9658263473714541</v>
      </c>
      <c r="K6416" s="237">
        <f t="shared" si="1499"/>
        <v>1270.505393788635</v>
      </c>
      <c r="L6416" s="237">
        <f t="shared" ref="L6416:L6479" si="1504">$J6416*$B6416</f>
        <v>634.23515457306667</v>
      </c>
      <c r="M6416" s="236">
        <f t="shared" si="1500"/>
        <v>34.680755942987332</v>
      </c>
      <c r="N6416" s="236">
        <f t="shared" si="1501"/>
        <v>0.49145847430700884</v>
      </c>
      <c r="O6416" s="236">
        <f t="shared" ref="O6416:O6479" si="1505">((3.47-LOG($M6416))^2+(LOG($N6416)+1.22)^2)^0.5</f>
        <v>2.1343304388344042</v>
      </c>
      <c r="P6416" s="236" t="str">
        <f t="shared" ref="P6416:P6479" si="1506">IF(O6416&lt;2.6,"SAND","CLAY")</f>
        <v>SAND</v>
      </c>
      <c r="Q6416" s="236" t="e">
        <f t="shared" si="1502"/>
        <v>#N/A</v>
      </c>
      <c r="R6416" s="238">
        <v>35</v>
      </c>
      <c r="S6416" s="236" t="e">
        <f t="shared" ref="S6416:S6479" si="1507">IF(P6416="SAND",#N/A,0.25*($M6416)^1.25)</f>
        <v>#N/A</v>
      </c>
      <c r="T6416" s="236">
        <f t="shared" si="1494"/>
        <v>34.540974108368097</v>
      </c>
    </row>
    <row r="6417" spans="2:20" x14ac:dyDescent="0.2">
      <c r="B6417" s="239">
        <v>63.651000000000003</v>
      </c>
      <c r="C6417" s="3">
        <f t="shared" si="1495"/>
        <v>63.644000000000005</v>
      </c>
      <c r="D6417" s="239">
        <v>23.091699999999999</v>
      </c>
      <c r="E6417" s="239">
        <v>0.10680000000000001</v>
      </c>
      <c r="F6417" s="239">
        <v>0.52470000000000006</v>
      </c>
      <c r="G6417">
        <f t="shared" si="1496"/>
        <v>23.196639999999999</v>
      </c>
      <c r="H6417" s="235">
        <f t="shared" si="1497"/>
        <v>0.46041150787355412</v>
      </c>
      <c r="I6417" s="236">
        <f t="shared" si="1498"/>
        <v>19.950468010915184</v>
      </c>
      <c r="J6417" s="237">
        <f t="shared" si="1503"/>
        <v>9.9504680109151842</v>
      </c>
      <c r="K6417" s="237">
        <f t="shared" si="1499"/>
        <v>1269.7275860866862</v>
      </c>
      <c r="L6417" s="237">
        <f t="shared" si="1504"/>
        <v>633.35723936276247</v>
      </c>
      <c r="M6417" s="236">
        <f t="shared" si="1500"/>
        <v>34.620133869432934</v>
      </c>
      <c r="N6417" s="236">
        <f t="shared" si="1501"/>
        <v>0.4870726802932458</v>
      </c>
      <c r="O6417" s="236">
        <f t="shared" si="1505"/>
        <v>2.1333583749524219</v>
      </c>
      <c r="P6417" s="236" t="str">
        <f t="shared" si="1506"/>
        <v>SAND</v>
      </c>
      <c r="Q6417" s="236" t="e">
        <f t="shared" si="1502"/>
        <v>#N/A</v>
      </c>
      <c r="R6417" s="238">
        <v>35</v>
      </c>
      <c r="S6417" s="236" t="e">
        <f t="shared" si="1507"/>
        <v>#N/A</v>
      </c>
      <c r="T6417" s="236">
        <f t="shared" si="1494"/>
        <v>34.53261617163907</v>
      </c>
    </row>
    <row r="6418" spans="2:20" x14ac:dyDescent="0.2">
      <c r="B6418" s="239">
        <v>63.661999999999999</v>
      </c>
      <c r="C6418" s="3">
        <f t="shared" si="1495"/>
        <v>63.655000000000001</v>
      </c>
      <c r="D6418" s="239">
        <v>23.006900000000002</v>
      </c>
      <c r="E6418" s="239">
        <v>0.10680000000000001</v>
      </c>
      <c r="F6418" s="239">
        <v>0.54279999999999995</v>
      </c>
      <c r="G6418">
        <f t="shared" si="1496"/>
        <v>23.115460000000002</v>
      </c>
      <c r="H6418" s="235">
        <f t="shared" si="1497"/>
        <v>0.4620284433015826</v>
      </c>
      <c r="I6418" s="236">
        <f t="shared" si="1498"/>
        <v>19.949097722980262</v>
      </c>
      <c r="J6418" s="237">
        <f t="shared" si="1503"/>
        <v>9.9490977229802624</v>
      </c>
      <c r="K6418" s="237">
        <f t="shared" si="1499"/>
        <v>1269.8598155563086</v>
      </c>
      <c r="L6418" s="237">
        <f t="shared" si="1504"/>
        <v>633.37945924036944</v>
      </c>
      <c r="M6418" s="236">
        <f t="shared" si="1500"/>
        <v>34.490540963617235</v>
      </c>
      <c r="N6418" s="236">
        <f t="shared" si="1501"/>
        <v>0.48888562959260123</v>
      </c>
      <c r="O6418" s="236">
        <f t="shared" si="1505"/>
        <v>2.1355189368073373</v>
      </c>
      <c r="P6418" s="236" t="str">
        <f t="shared" si="1506"/>
        <v>SAND</v>
      </c>
      <c r="Q6418" s="236" t="e">
        <f t="shared" si="1502"/>
        <v>#N/A</v>
      </c>
      <c r="R6418" s="238">
        <v>35</v>
      </c>
      <c r="S6418" s="236" t="e">
        <f t="shared" si="1507"/>
        <v>#N/A</v>
      </c>
      <c r="T6418" s="236">
        <f t="shared" si="1494"/>
        <v>34.514700066785451</v>
      </c>
    </row>
    <row r="6419" spans="2:20" x14ac:dyDescent="0.2">
      <c r="B6419" s="239">
        <v>63.670999999999999</v>
      </c>
      <c r="C6419" s="3">
        <f t="shared" si="1495"/>
        <v>63.664000000000001</v>
      </c>
      <c r="D6419" s="239">
        <v>22.936699999999998</v>
      </c>
      <c r="E6419" s="239">
        <v>0.105</v>
      </c>
      <c r="F6419" s="239">
        <v>0.55059999999999998</v>
      </c>
      <c r="G6419">
        <f t="shared" si="1496"/>
        <v>23.046819999999997</v>
      </c>
      <c r="H6419" s="235">
        <f t="shared" si="1497"/>
        <v>0.45559430758777136</v>
      </c>
      <c r="I6419" s="236">
        <f t="shared" si="1498"/>
        <v>19.928004070791257</v>
      </c>
      <c r="J6419" s="237">
        <f t="shared" si="1503"/>
        <v>9.9280040707912569</v>
      </c>
      <c r="K6419" s="237">
        <f t="shared" si="1499"/>
        <v>1268.6964511628546</v>
      </c>
      <c r="L6419" s="237">
        <f t="shared" si="1504"/>
        <v>632.12594719135006</v>
      </c>
      <c r="M6419" s="236">
        <f t="shared" si="1500"/>
        <v>34.452190494000895</v>
      </c>
      <c r="N6419" s="236">
        <f t="shared" si="1501"/>
        <v>0.48213520216532407</v>
      </c>
      <c r="O6419" s="236">
        <f t="shared" si="1505"/>
        <v>2.1333927676169302</v>
      </c>
      <c r="P6419" s="236" t="str">
        <f t="shared" si="1506"/>
        <v>SAND</v>
      </c>
      <c r="Q6419" s="236" t="e">
        <f t="shared" si="1502"/>
        <v>#N/A</v>
      </c>
      <c r="R6419" s="238">
        <v>35</v>
      </c>
      <c r="S6419" s="236" t="e">
        <f t="shared" si="1507"/>
        <v>#N/A</v>
      </c>
      <c r="T6419" s="236">
        <f t="shared" si="1494"/>
        <v>34.509385238501629</v>
      </c>
    </row>
    <row r="6420" spans="2:20" x14ac:dyDescent="0.2">
      <c r="B6420" s="239">
        <v>63.682000000000002</v>
      </c>
      <c r="C6420" s="3">
        <f t="shared" si="1495"/>
        <v>63.675000000000004</v>
      </c>
      <c r="D6420" s="239">
        <v>23.008299999999998</v>
      </c>
      <c r="E6420" s="239">
        <v>0.1009</v>
      </c>
      <c r="F6420" s="239">
        <v>0.5645</v>
      </c>
      <c r="G6420">
        <f t="shared" si="1496"/>
        <v>23.121199999999998</v>
      </c>
      <c r="H6420" s="235">
        <f t="shared" si="1497"/>
        <v>0.43639603480788203</v>
      </c>
      <c r="I6420" s="236">
        <f t="shared" si="1498"/>
        <v>19.882558536581797</v>
      </c>
      <c r="J6420" s="237">
        <f t="shared" si="1503"/>
        <v>9.8825585365817972</v>
      </c>
      <c r="K6420" s="237">
        <f t="shared" si="1499"/>
        <v>1266.021914816846</v>
      </c>
      <c r="L6420" s="237">
        <f t="shared" si="1504"/>
        <v>629.34109272660203</v>
      </c>
      <c r="M6420" s="236">
        <f t="shared" si="1500"/>
        <v>34.72707938154209</v>
      </c>
      <c r="N6420" s="236">
        <f t="shared" si="1501"/>
        <v>0.4616754876429297</v>
      </c>
      <c r="O6420" s="236">
        <f t="shared" si="1505"/>
        <v>2.1223507177040224</v>
      </c>
      <c r="P6420" s="236" t="str">
        <f t="shared" si="1506"/>
        <v>SAND</v>
      </c>
      <c r="Q6420" s="236" t="e">
        <f t="shared" si="1502"/>
        <v>#N/A</v>
      </c>
      <c r="R6420" s="238">
        <v>35</v>
      </c>
      <c r="S6420" s="236" t="e">
        <f t="shared" si="1507"/>
        <v>#N/A</v>
      </c>
      <c r="T6420" s="236">
        <f t="shared" si="1494"/>
        <v>34.547350857708906</v>
      </c>
    </row>
    <row r="6421" spans="2:20" x14ac:dyDescent="0.2">
      <c r="B6421" s="239">
        <v>63.692</v>
      </c>
      <c r="C6421" s="3">
        <f t="shared" si="1495"/>
        <v>63.685000000000002</v>
      </c>
      <c r="D6421" s="239">
        <v>23.206199999999999</v>
      </c>
      <c r="E6421" s="239">
        <v>9.5200000000000007E-2</v>
      </c>
      <c r="F6421" s="239">
        <v>0.58409999999999995</v>
      </c>
      <c r="G6421">
        <f t="shared" si="1496"/>
        <v>23.32302</v>
      </c>
      <c r="H6421" s="235">
        <f t="shared" si="1497"/>
        <v>0.4081804157437588</v>
      </c>
      <c r="I6421" s="236">
        <f t="shared" si="1498"/>
        <v>19.817769121249068</v>
      </c>
      <c r="J6421" s="237">
        <f t="shared" si="1503"/>
        <v>9.8177691212490679</v>
      </c>
      <c r="K6421" s="237">
        <f t="shared" si="1499"/>
        <v>1262.0946264867468</v>
      </c>
      <c r="L6421" s="237">
        <f t="shared" si="1504"/>
        <v>625.31335087059563</v>
      </c>
      <c r="M6421" s="236">
        <f t="shared" si="1500"/>
        <v>35.279792671624271</v>
      </c>
      <c r="N6421" s="236">
        <f t="shared" si="1501"/>
        <v>0.43153221539065101</v>
      </c>
      <c r="O6421" s="236">
        <f t="shared" si="1505"/>
        <v>2.1040327465836075</v>
      </c>
      <c r="P6421" s="236" t="str">
        <f t="shared" si="1506"/>
        <v>SAND</v>
      </c>
      <c r="Q6421" s="236" t="e">
        <f t="shared" si="1502"/>
        <v>#N/A</v>
      </c>
      <c r="R6421" s="238">
        <v>35</v>
      </c>
      <c r="S6421" s="236" t="e">
        <f t="shared" si="1507"/>
        <v>#N/A</v>
      </c>
      <c r="T6421" s="236">
        <f t="shared" si="1494"/>
        <v>34.622786266789603</v>
      </c>
    </row>
    <row r="6422" spans="2:20" x14ac:dyDescent="0.2">
      <c r="B6422" s="239">
        <v>63.701999999999998</v>
      </c>
      <c r="C6422" s="3">
        <f t="shared" si="1495"/>
        <v>63.695</v>
      </c>
      <c r="D6422" s="239">
        <v>23.483899999999998</v>
      </c>
      <c r="E6422" s="239">
        <v>9.2999999999999999E-2</v>
      </c>
      <c r="F6422" s="239">
        <v>0.57230000000000003</v>
      </c>
      <c r="G6422">
        <f t="shared" si="1496"/>
        <v>23.59836</v>
      </c>
      <c r="H6422" s="235">
        <f t="shared" si="1497"/>
        <v>0.39409518288559037</v>
      </c>
      <c r="I6422" s="236">
        <f t="shared" si="1498"/>
        <v>19.794940655399976</v>
      </c>
      <c r="J6422" s="237">
        <f t="shared" si="1503"/>
        <v>9.7949406553999765</v>
      </c>
      <c r="K6422" s="237">
        <f t="shared" si="1499"/>
        <v>1260.8387450457014</v>
      </c>
      <c r="L6422" s="237">
        <f t="shared" si="1504"/>
        <v>623.95730963028927</v>
      </c>
      <c r="M6422" s="236">
        <f t="shared" si="1500"/>
        <v>35.799758910092507</v>
      </c>
      <c r="N6422" s="236">
        <f t="shared" si="1501"/>
        <v>0.41633983886808068</v>
      </c>
      <c r="O6422" s="236">
        <f t="shared" si="1505"/>
        <v>2.0919341188785707</v>
      </c>
      <c r="P6422" s="236" t="str">
        <f t="shared" si="1506"/>
        <v>SAND</v>
      </c>
      <c r="Q6422" s="236" t="e">
        <f t="shared" si="1502"/>
        <v>#N/A</v>
      </c>
      <c r="R6422" s="238">
        <v>35</v>
      </c>
      <c r="S6422" s="236" t="e">
        <f t="shared" si="1507"/>
        <v>#N/A</v>
      </c>
      <c r="T6422" s="236">
        <f t="shared" si="1494"/>
        <v>34.692681121349125</v>
      </c>
    </row>
    <row r="6423" spans="2:20" x14ac:dyDescent="0.2">
      <c r="B6423" s="239">
        <v>63.712000000000003</v>
      </c>
      <c r="C6423" s="3">
        <f t="shared" si="1495"/>
        <v>63.705000000000005</v>
      </c>
      <c r="D6423" s="239">
        <v>23.921199999999999</v>
      </c>
      <c r="E6423" s="239">
        <v>9.2700000000000005E-2</v>
      </c>
      <c r="F6423" s="239">
        <v>0.55379999999999996</v>
      </c>
      <c r="G6423">
        <f t="shared" si="1496"/>
        <v>24.031959999999998</v>
      </c>
      <c r="H6423" s="235">
        <f t="shared" si="1497"/>
        <v>0.38573632779015948</v>
      </c>
      <c r="I6423" s="236">
        <f t="shared" si="1498"/>
        <v>19.798268609789464</v>
      </c>
      <c r="J6423" s="237">
        <f t="shared" si="1503"/>
        <v>9.7982686097894636</v>
      </c>
      <c r="K6423" s="237">
        <f t="shared" si="1499"/>
        <v>1261.2487017866379</v>
      </c>
      <c r="L6423" s="237">
        <f t="shared" si="1504"/>
        <v>624.26728966690632</v>
      </c>
      <c r="M6423" s="236">
        <f t="shared" si="1500"/>
        <v>36.475900107409529</v>
      </c>
      <c r="N6423" s="236">
        <f t="shared" si="1501"/>
        <v>0.40710190729647278</v>
      </c>
      <c r="O6423" s="236">
        <f t="shared" si="1505"/>
        <v>2.0805884581621927</v>
      </c>
      <c r="P6423" s="236" t="str">
        <f t="shared" si="1506"/>
        <v>SAND</v>
      </c>
      <c r="Q6423" s="236" t="e">
        <f t="shared" si="1502"/>
        <v>#N/A</v>
      </c>
      <c r="R6423" s="238">
        <v>35</v>
      </c>
      <c r="S6423" s="236" t="e">
        <f t="shared" si="1507"/>
        <v>#N/A</v>
      </c>
      <c r="T6423" s="236">
        <f t="shared" si="1494"/>
        <v>34.782066194511984</v>
      </c>
    </row>
    <row r="6424" spans="2:20" x14ac:dyDescent="0.2">
      <c r="B6424" s="239">
        <v>63.722000000000001</v>
      </c>
      <c r="C6424" s="3">
        <f t="shared" si="1495"/>
        <v>63.715000000000003</v>
      </c>
      <c r="D6424" s="239">
        <v>24.4788</v>
      </c>
      <c r="E6424" s="239">
        <v>9.0399999999999994E-2</v>
      </c>
      <c r="F6424" s="239">
        <v>0.5665</v>
      </c>
      <c r="G6424">
        <f t="shared" si="1496"/>
        <v>24.592099999999999</v>
      </c>
      <c r="H6424" s="235">
        <f t="shared" si="1497"/>
        <v>0.36759772447249323</v>
      </c>
      <c r="I6424" s="236">
        <f t="shared" si="1498"/>
        <v>19.777813871201968</v>
      </c>
      <c r="J6424" s="237">
        <f t="shared" si="1503"/>
        <v>9.7778138712019675</v>
      </c>
      <c r="K6424" s="237">
        <f t="shared" si="1499"/>
        <v>1260.1434108036335</v>
      </c>
      <c r="L6424" s="237">
        <f t="shared" si="1504"/>
        <v>623.06185550073178</v>
      </c>
      <c r="M6424" s="236">
        <f t="shared" si="1500"/>
        <v>37.447255650797842</v>
      </c>
      <c r="N6424" s="236">
        <f t="shared" si="1501"/>
        <v>0.3874514323494791</v>
      </c>
      <c r="O6424" s="236">
        <f t="shared" si="1505"/>
        <v>2.0616088061925173</v>
      </c>
      <c r="P6424" s="236" t="str">
        <f t="shared" si="1506"/>
        <v>SAND</v>
      </c>
      <c r="Q6424" s="236" t="e">
        <f t="shared" si="1502"/>
        <v>#N/A</v>
      </c>
      <c r="R6424" s="238">
        <v>35</v>
      </c>
      <c r="S6424" s="236" t="e">
        <f t="shared" si="1507"/>
        <v>#N/A</v>
      </c>
      <c r="T6424" s="236">
        <f t="shared" si="1494"/>
        <v>34.907619951782721</v>
      </c>
    </row>
    <row r="6425" spans="2:20" x14ac:dyDescent="0.2">
      <c r="B6425" s="239">
        <v>63.731000000000002</v>
      </c>
      <c r="C6425" s="3">
        <f t="shared" si="1495"/>
        <v>63.724000000000004</v>
      </c>
      <c r="D6425" s="239">
        <v>25.107199999999999</v>
      </c>
      <c r="E6425" s="239">
        <v>8.6300000000000002E-2</v>
      </c>
      <c r="F6425" s="239">
        <v>0.5474</v>
      </c>
      <c r="G6425">
        <f t="shared" si="1496"/>
        <v>25.21668</v>
      </c>
      <c r="H6425" s="235">
        <f t="shared" si="1497"/>
        <v>0.34223379128418174</v>
      </c>
      <c r="I6425" s="236">
        <f t="shared" si="1498"/>
        <v>19.7331913193593</v>
      </c>
      <c r="J6425" s="237">
        <f t="shared" si="1503"/>
        <v>9.7331913193592996</v>
      </c>
      <c r="K6425" s="237">
        <f t="shared" si="1499"/>
        <v>1257.4778836348521</v>
      </c>
      <c r="L6425" s="237">
        <f t="shared" si="1504"/>
        <v>620.30601597408759</v>
      </c>
      <c r="M6425" s="236">
        <f t="shared" si="1500"/>
        <v>38.624810173316149</v>
      </c>
      <c r="N6425" s="236">
        <f t="shared" si="1501"/>
        <v>0.36019563414865741</v>
      </c>
      <c r="O6425" s="236">
        <f t="shared" si="1505"/>
        <v>2.0369595649663861</v>
      </c>
      <c r="P6425" s="236" t="str">
        <f t="shared" si="1506"/>
        <v>SAND</v>
      </c>
      <c r="Q6425" s="236" t="e">
        <f t="shared" si="1502"/>
        <v>#N/A</v>
      </c>
      <c r="R6425" s="238">
        <v>35</v>
      </c>
      <c r="S6425" s="236" t="e">
        <f t="shared" si="1507"/>
        <v>#N/A</v>
      </c>
      <c r="T6425" s="236">
        <f t="shared" si="1494"/>
        <v>35.055529938451826</v>
      </c>
    </row>
    <row r="6426" spans="2:20" x14ac:dyDescent="0.2">
      <c r="B6426" s="239">
        <v>63.741</v>
      </c>
      <c r="C6426" s="3">
        <f t="shared" si="1495"/>
        <v>63.734000000000002</v>
      </c>
      <c r="D6426" s="239">
        <v>25.752500000000001</v>
      </c>
      <c r="E6426" s="239">
        <v>8.8700000000000001E-2</v>
      </c>
      <c r="F6426" s="239">
        <v>0.53659999999999997</v>
      </c>
      <c r="G6426">
        <f t="shared" si="1496"/>
        <v>25.859820000000003</v>
      </c>
      <c r="H6426" s="235">
        <f t="shared" si="1497"/>
        <v>0.34300316088820409</v>
      </c>
      <c r="I6426" s="236">
        <f t="shared" si="1498"/>
        <v>19.775199775770332</v>
      </c>
      <c r="J6426" s="237">
        <f t="shared" si="1503"/>
        <v>9.7751997757703322</v>
      </c>
      <c r="K6426" s="237">
        <f t="shared" si="1499"/>
        <v>1260.3525825089464</v>
      </c>
      <c r="L6426" s="237">
        <f t="shared" si="1504"/>
        <v>623.08100890737671</v>
      </c>
      <c r="M6426" s="236">
        <f t="shared" si="1500"/>
        <v>39.480367826694362</v>
      </c>
      <c r="N6426" s="236">
        <f t="shared" si="1501"/>
        <v>0.36057691207140236</v>
      </c>
      <c r="O6426" s="236">
        <f t="shared" si="1505"/>
        <v>2.0283424771455127</v>
      </c>
      <c r="P6426" s="236" t="str">
        <f t="shared" si="1506"/>
        <v>SAND</v>
      </c>
      <c r="Q6426" s="236" t="e">
        <f t="shared" si="1502"/>
        <v>#N/A</v>
      </c>
      <c r="R6426" s="238">
        <v>35</v>
      </c>
      <c r="S6426" s="236" t="e">
        <f t="shared" si="1507"/>
        <v>#N/A</v>
      </c>
      <c r="T6426" s="236">
        <f t="shared" si="1494"/>
        <v>35.160193092280444</v>
      </c>
    </row>
    <row r="6427" spans="2:20" x14ac:dyDescent="0.2">
      <c r="B6427" s="239">
        <v>63.75</v>
      </c>
      <c r="C6427" s="3">
        <f t="shared" si="1495"/>
        <v>63.743000000000002</v>
      </c>
      <c r="D6427" s="239">
        <v>26.404</v>
      </c>
      <c r="E6427" s="239">
        <v>8.7400000000000005E-2</v>
      </c>
      <c r="F6427" s="239">
        <v>0.50929999999999997</v>
      </c>
      <c r="G6427">
        <f t="shared" si="1496"/>
        <v>26.505859999999998</v>
      </c>
      <c r="H6427" s="235">
        <f t="shared" si="1497"/>
        <v>0.32973840501685292</v>
      </c>
      <c r="I6427" s="236">
        <f t="shared" si="1498"/>
        <v>19.767531632279514</v>
      </c>
      <c r="J6427" s="237">
        <f t="shared" si="1503"/>
        <v>9.767531632279514</v>
      </c>
      <c r="K6427" s="237">
        <f t="shared" si="1499"/>
        <v>1260.0417688363932</v>
      </c>
      <c r="L6427" s="237">
        <f t="shared" si="1504"/>
        <v>622.68014155781907</v>
      </c>
      <c r="M6427" s="236">
        <f t="shared" si="1500"/>
        <v>40.543798567276774</v>
      </c>
      <c r="N6427" s="236">
        <f t="shared" si="1501"/>
        <v>0.34619594896755163</v>
      </c>
      <c r="O6427" s="236">
        <f t="shared" si="1505"/>
        <v>2.0109438778010587</v>
      </c>
      <c r="P6427" s="236" t="str">
        <f t="shared" si="1506"/>
        <v>SAND</v>
      </c>
      <c r="Q6427" s="236" t="e">
        <f t="shared" si="1502"/>
        <v>#N/A</v>
      </c>
      <c r="R6427" s="238">
        <v>35</v>
      </c>
      <c r="S6427" s="236" t="e">
        <f t="shared" si="1507"/>
        <v>#N/A</v>
      </c>
      <c r="T6427" s="236">
        <f t="shared" si="1494"/>
        <v>35.287168790659265</v>
      </c>
    </row>
    <row r="6428" spans="2:20" x14ac:dyDescent="0.2">
      <c r="B6428" s="239">
        <v>63.76</v>
      </c>
      <c r="C6428" s="3">
        <f t="shared" si="1495"/>
        <v>63.753</v>
      </c>
      <c r="D6428" s="239">
        <v>27.037500000000001</v>
      </c>
      <c r="E6428" s="239">
        <v>8.6099999999999996E-2</v>
      </c>
      <c r="F6428" s="239">
        <v>0.50209999999999999</v>
      </c>
      <c r="G6428">
        <f t="shared" si="1496"/>
        <v>27.137920000000001</v>
      </c>
      <c r="H6428" s="235">
        <f t="shared" si="1497"/>
        <v>0.31726823573803736</v>
      </c>
      <c r="I6428" s="236">
        <f t="shared" si="1498"/>
        <v>19.759170465392817</v>
      </c>
      <c r="J6428" s="237">
        <f t="shared" si="1503"/>
        <v>9.7591704653928169</v>
      </c>
      <c r="K6428" s="237">
        <f t="shared" si="1499"/>
        <v>1259.7063946801882</v>
      </c>
      <c r="L6428" s="237">
        <f t="shared" si="1504"/>
        <v>622.24470887344603</v>
      </c>
      <c r="M6428" s="236">
        <f t="shared" si="1500"/>
        <v>41.588483174363155</v>
      </c>
      <c r="N6428" s="236">
        <f t="shared" si="1501"/>
        <v>0.33271230121657364</v>
      </c>
      <c r="O6428" s="236">
        <f t="shared" si="1505"/>
        <v>1.9942333978839974</v>
      </c>
      <c r="P6428" s="236" t="str">
        <f t="shared" si="1506"/>
        <v>SAND</v>
      </c>
      <c r="Q6428" s="236" t="e">
        <f t="shared" si="1502"/>
        <v>#N/A</v>
      </c>
      <c r="R6428" s="238">
        <v>35</v>
      </c>
      <c r="S6428" s="236" t="e">
        <f t="shared" si="1507"/>
        <v>#N/A</v>
      </c>
      <c r="T6428" s="236">
        <f t="shared" si="1494"/>
        <v>35.408703890516151</v>
      </c>
    </row>
    <row r="6429" spans="2:20" x14ac:dyDescent="0.2">
      <c r="B6429" s="239">
        <v>63.768999999999998</v>
      </c>
      <c r="C6429" s="3">
        <f t="shared" si="1495"/>
        <v>63.762</v>
      </c>
      <c r="D6429" s="239">
        <v>27.792000000000002</v>
      </c>
      <c r="E6429" s="239">
        <v>8.77E-2</v>
      </c>
      <c r="F6429" s="239">
        <v>0.50519999999999998</v>
      </c>
      <c r="G6429">
        <f t="shared" si="1496"/>
        <v>27.893040000000003</v>
      </c>
      <c r="H6429" s="235">
        <f t="shared" si="1497"/>
        <v>0.31441535236030205</v>
      </c>
      <c r="I6429" s="236">
        <f t="shared" si="1498"/>
        <v>19.791488221137023</v>
      </c>
      <c r="J6429" s="237">
        <f t="shared" si="1503"/>
        <v>9.7914882211370227</v>
      </c>
      <c r="K6429" s="237">
        <f t="shared" si="1499"/>
        <v>1261.9448719561387</v>
      </c>
      <c r="L6429" s="237">
        <f t="shared" si="1504"/>
        <v>624.39341237368683</v>
      </c>
      <c r="M6429" s="236">
        <f t="shared" si="1500"/>
        <v>42.651146857561166</v>
      </c>
      <c r="N6429" s="236">
        <f t="shared" si="1501"/>
        <v>0.3293142830902494</v>
      </c>
      <c r="O6429" s="236">
        <f t="shared" si="1505"/>
        <v>1.9824036743948812</v>
      </c>
      <c r="P6429" s="236" t="str">
        <f t="shared" si="1506"/>
        <v>SAND</v>
      </c>
      <c r="Q6429" s="236" t="e">
        <f t="shared" si="1502"/>
        <v>#N/A</v>
      </c>
      <c r="R6429" s="238">
        <v>35</v>
      </c>
      <c r="S6429" s="236" t="e">
        <f t="shared" si="1507"/>
        <v>#N/A</v>
      </c>
      <c r="T6429" s="236">
        <f t="shared" si="1494"/>
        <v>35.529237848671499</v>
      </c>
    </row>
    <row r="6430" spans="2:20" x14ac:dyDescent="0.2">
      <c r="B6430" s="239">
        <v>63.777000000000001</v>
      </c>
      <c r="C6430" s="3">
        <f t="shared" si="1495"/>
        <v>63.77</v>
      </c>
      <c r="D6430" s="239">
        <v>28.494499999999999</v>
      </c>
      <c r="E6430" s="239">
        <v>8.5900000000000004E-2</v>
      </c>
      <c r="F6430" s="239">
        <v>0.501</v>
      </c>
      <c r="G6430">
        <f t="shared" si="1496"/>
        <v>28.5947</v>
      </c>
      <c r="H6430" s="235">
        <f t="shared" si="1497"/>
        <v>0.30040531986696833</v>
      </c>
      <c r="I6430" s="236">
        <f t="shared" si="1498"/>
        <v>19.776881586799973</v>
      </c>
      <c r="J6430" s="237">
        <f t="shared" si="1503"/>
        <v>9.7768815867999734</v>
      </c>
      <c r="K6430" s="237">
        <f t="shared" si="1499"/>
        <v>1261.1717387902343</v>
      </c>
      <c r="L6430" s="237">
        <f t="shared" si="1504"/>
        <v>623.5401769613419</v>
      </c>
      <c r="M6430" s="236">
        <f t="shared" si="1500"/>
        <v>43.83603378119512</v>
      </c>
      <c r="N6430" s="236">
        <f t="shared" si="1501"/>
        <v>0.31426605149216885</v>
      </c>
      <c r="O6430" s="236">
        <f t="shared" si="1505"/>
        <v>1.963852496185027</v>
      </c>
      <c r="P6430" s="236" t="str">
        <f t="shared" si="1506"/>
        <v>SAND</v>
      </c>
      <c r="Q6430" s="236" t="e">
        <f t="shared" si="1502"/>
        <v>#N/A</v>
      </c>
      <c r="R6430" s="238">
        <v>35</v>
      </c>
      <c r="S6430" s="236" t="e">
        <f t="shared" si="1507"/>
        <v>#N/A</v>
      </c>
      <c r="T6430" s="236">
        <f t="shared" si="1494"/>
        <v>35.660143782322038</v>
      </c>
    </row>
    <row r="6431" spans="2:20" x14ac:dyDescent="0.2">
      <c r="B6431" s="239">
        <v>63.786999999999999</v>
      </c>
      <c r="C6431" s="3">
        <f t="shared" si="1495"/>
        <v>63.78</v>
      </c>
      <c r="D6431" s="239">
        <v>29.0549</v>
      </c>
      <c r="E6431" s="239">
        <v>8.4599999999999995E-2</v>
      </c>
      <c r="F6431" s="239">
        <v>0.49030000000000001</v>
      </c>
      <c r="G6431">
        <f t="shared" si="1496"/>
        <v>29.15296</v>
      </c>
      <c r="H6431" s="235">
        <f t="shared" si="1497"/>
        <v>0.29019351722775316</v>
      </c>
      <c r="I6431" s="236">
        <f t="shared" si="1498"/>
        <v>19.766557425655463</v>
      </c>
      <c r="J6431" s="237">
        <f t="shared" si="1503"/>
        <v>9.7665574256554635</v>
      </c>
      <c r="K6431" s="237">
        <f t="shared" si="1499"/>
        <v>1260.7110326083055</v>
      </c>
      <c r="L6431" s="237">
        <f t="shared" si="1504"/>
        <v>622.97939851028502</v>
      </c>
      <c r="M6431" s="236">
        <f t="shared" si="1500"/>
        <v>44.772345657159335</v>
      </c>
      <c r="N6431" s="236">
        <f t="shared" si="1501"/>
        <v>0.3033100704747913</v>
      </c>
      <c r="O6431" s="236">
        <f t="shared" si="1505"/>
        <v>1.9497103105724858</v>
      </c>
      <c r="P6431" s="236" t="str">
        <f t="shared" si="1506"/>
        <v>SAND</v>
      </c>
      <c r="Q6431" s="236" t="e">
        <f t="shared" si="1502"/>
        <v>#N/A</v>
      </c>
      <c r="R6431" s="238">
        <v>35</v>
      </c>
      <c r="S6431" s="236" t="e">
        <f t="shared" si="1507"/>
        <v>#N/A</v>
      </c>
      <c r="T6431" s="236">
        <f t="shared" si="1494"/>
        <v>35.761108327966028</v>
      </c>
    </row>
    <row r="6432" spans="2:20" x14ac:dyDescent="0.2">
      <c r="B6432" s="239">
        <v>63.795999999999999</v>
      </c>
      <c r="C6432" s="3">
        <f t="shared" si="1495"/>
        <v>63.789000000000001</v>
      </c>
      <c r="D6432" s="239">
        <v>29.410900000000002</v>
      </c>
      <c r="E6432" s="239">
        <v>8.6699999999999999E-2</v>
      </c>
      <c r="F6432" s="239">
        <v>0.48920000000000002</v>
      </c>
      <c r="G6432">
        <f t="shared" si="1496"/>
        <v>29.508740000000003</v>
      </c>
      <c r="H6432" s="235">
        <f t="shared" si="1497"/>
        <v>0.29381125727496327</v>
      </c>
      <c r="I6432" s="236">
        <f t="shared" si="1498"/>
        <v>19.800050216844859</v>
      </c>
      <c r="J6432" s="237">
        <f t="shared" si="1503"/>
        <v>9.8000502168448591</v>
      </c>
      <c r="K6432" s="237">
        <f t="shared" si="1499"/>
        <v>1263.0254032823168</v>
      </c>
      <c r="L6432" s="237">
        <f t="shared" si="1504"/>
        <v>625.20400363383465</v>
      </c>
      <c r="M6432" s="236">
        <f t="shared" si="1500"/>
        <v>45.178396863338783</v>
      </c>
      <c r="N6432" s="236">
        <f t="shared" si="1501"/>
        <v>0.30694921774106948</v>
      </c>
      <c r="O6432" s="236">
        <f t="shared" si="1505"/>
        <v>1.9479269035301472</v>
      </c>
      <c r="P6432" s="236" t="str">
        <f t="shared" si="1506"/>
        <v>SAND</v>
      </c>
      <c r="Q6432" s="236" t="e">
        <f t="shared" si="1502"/>
        <v>#N/A</v>
      </c>
      <c r="R6432" s="238">
        <v>35</v>
      </c>
      <c r="S6432" s="236" t="e">
        <f t="shared" si="1507"/>
        <v>#N/A</v>
      </c>
      <c r="T6432" s="236">
        <f t="shared" si="1494"/>
        <v>35.804238977081582</v>
      </c>
    </row>
    <row r="6433" spans="2:20" x14ac:dyDescent="0.2">
      <c r="B6433" s="239">
        <v>63.805</v>
      </c>
      <c r="C6433" s="3">
        <f t="shared" si="1495"/>
        <v>63.798000000000002</v>
      </c>
      <c r="D6433" s="239">
        <v>29.6891</v>
      </c>
      <c r="E6433" s="239">
        <v>8.8900000000000007E-2</v>
      </c>
      <c r="F6433" s="239">
        <v>0.50219999999999998</v>
      </c>
      <c r="G6433">
        <f t="shared" si="1496"/>
        <v>29.789539999999999</v>
      </c>
      <c r="H6433" s="235">
        <f t="shared" si="1497"/>
        <v>0.29842689749489254</v>
      </c>
      <c r="I6433" s="236">
        <f t="shared" si="1498"/>
        <v>19.833135226336566</v>
      </c>
      <c r="J6433" s="237">
        <f t="shared" si="1503"/>
        <v>9.8331352263365659</v>
      </c>
      <c r="K6433" s="237">
        <f t="shared" si="1499"/>
        <v>1265.3143611698204</v>
      </c>
      <c r="L6433" s="237">
        <f t="shared" si="1504"/>
        <v>627.40319311640462</v>
      </c>
      <c r="M6433" s="236">
        <f t="shared" si="1500"/>
        <v>45.463947190236823</v>
      </c>
      <c r="N6433" s="236">
        <f t="shared" si="1501"/>
        <v>0.31166490240835837</v>
      </c>
      <c r="O6433" s="236">
        <f t="shared" si="1505"/>
        <v>1.9477938330258278</v>
      </c>
      <c r="P6433" s="236" t="str">
        <f t="shared" si="1506"/>
        <v>SAND</v>
      </c>
      <c r="Q6433" s="236" t="e">
        <f t="shared" si="1502"/>
        <v>#N/A</v>
      </c>
      <c r="R6433" s="238">
        <v>35</v>
      </c>
      <c r="S6433" s="236" t="e">
        <f t="shared" si="1507"/>
        <v>#N/A</v>
      </c>
      <c r="T6433" s="236">
        <f t="shared" si="1494"/>
        <v>35.834338524287134</v>
      </c>
    </row>
    <row r="6434" spans="2:20" x14ac:dyDescent="0.2">
      <c r="B6434" s="239">
        <v>63.814</v>
      </c>
      <c r="C6434" s="3">
        <f t="shared" si="1495"/>
        <v>63.807000000000002</v>
      </c>
      <c r="D6434" s="239">
        <v>29.914000000000001</v>
      </c>
      <c r="E6434" s="239">
        <v>8.7300000000000003E-2</v>
      </c>
      <c r="F6434" s="239">
        <v>0.48980000000000001</v>
      </c>
      <c r="G6434">
        <f t="shared" si="1496"/>
        <v>30.011960000000002</v>
      </c>
      <c r="H6434" s="235">
        <f t="shared" si="1497"/>
        <v>0.29088403423168629</v>
      </c>
      <c r="I6434" s="236">
        <f t="shared" si="1498"/>
        <v>19.81474643544249</v>
      </c>
      <c r="J6434" s="237">
        <f t="shared" si="1503"/>
        <v>9.8147464354424905</v>
      </c>
      <c r="K6434" s="237">
        <f t="shared" si="1499"/>
        <v>1264.319525806279</v>
      </c>
      <c r="L6434" s="237">
        <f t="shared" si="1504"/>
        <v>626.31822903132706</v>
      </c>
      <c r="M6434" s="236">
        <f t="shared" si="1500"/>
        <v>45.899415251980201</v>
      </c>
      <c r="N6434" s="236">
        <f t="shared" si="1501"/>
        <v>0.30367709683293048</v>
      </c>
      <c r="O6434" s="236">
        <f t="shared" si="1505"/>
        <v>1.9398309321145359</v>
      </c>
      <c r="P6434" s="236" t="str">
        <f t="shared" si="1506"/>
        <v>SAND</v>
      </c>
      <c r="Q6434" s="236" t="e">
        <f t="shared" si="1502"/>
        <v>#N/A</v>
      </c>
      <c r="R6434" s="238">
        <v>35</v>
      </c>
      <c r="S6434" s="236" t="e">
        <f t="shared" si="1507"/>
        <v>#N/A</v>
      </c>
      <c r="T6434" s="236">
        <f t="shared" si="1494"/>
        <v>35.879878680364875</v>
      </c>
    </row>
    <row r="6435" spans="2:20" x14ac:dyDescent="0.2">
      <c r="B6435" s="239">
        <v>63.823</v>
      </c>
      <c r="C6435" s="3">
        <f t="shared" si="1495"/>
        <v>63.816000000000003</v>
      </c>
      <c r="D6435" s="239">
        <v>30.187899999999999</v>
      </c>
      <c r="E6435" s="239">
        <v>8.9499999999999996E-2</v>
      </c>
      <c r="F6435" s="239">
        <v>0.48130000000000001</v>
      </c>
      <c r="G6435">
        <f t="shared" si="1496"/>
        <v>30.28416</v>
      </c>
      <c r="H6435" s="235">
        <f t="shared" si="1497"/>
        <v>0.29553403495424668</v>
      </c>
      <c r="I6435" s="236">
        <f t="shared" si="1498"/>
        <v>19.84745922855522</v>
      </c>
      <c r="J6435" s="237">
        <f t="shared" si="1503"/>
        <v>9.8474592285552198</v>
      </c>
      <c r="K6435" s="237">
        <f t="shared" si="1499"/>
        <v>1266.58545812948</v>
      </c>
      <c r="L6435" s="237">
        <f t="shared" si="1504"/>
        <v>628.49439034407976</v>
      </c>
      <c r="M6435" s="236">
        <f t="shared" si="1500"/>
        <v>46.169981765444817</v>
      </c>
      <c r="N6435" s="236">
        <f t="shared" si="1501"/>
        <v>0.30843377302557518</v>
      </c>
      <c r="O6435" s="236">
        <f t="shared" si="1505"/>
        <v>1.9399091525459193</v>
      </c>
      <c r="P6435" s="236" t="str">
        <f t="shared" si="1506"/>
        <v>SAND</v>
      </c>
      <c r="Q6435" s="236" t="e">
        <f t="shared" si="1502"/>
        <v>#N/A</v>
      </c>
      <c r="R6435" s="238">
        <v>35</v>
      </c>
      <c r="S6435" s="236" t="e">
        <f t="shared" si="1507"/>
        <v>#N/A</v>
      </c>
      <c r="T6435" s="236">
        <f t="shared" si="1494"/>
        <v>35.907956733321143</v>
      </c>
    </row>
    <row r="6436" spans="2:20" x14ac:dyDescent="0.2">
      <c r="B6436" s="239">
        <v>63.83</v>
      </c>
      <c r="C6436" s="3">
        <f t="shared" si="1495"/>
        <v>63.823</v>
      </c>
      <c r="D6436" s="239">
        <v>30.6145</v>
      </c>
      <c r="E6436" s="239">
        <v>9.1600000000000001E-2</v>
      </c>
      <c r="F6436" s="239">
        <v>0.46729999999999999</v>
      </c>
      <c r="G6436">
        <f t="shared" si="1496"/>
        <v>30.70796</v>
      </c>
      <c r="H6436" s="235">
        <f t="shared" si="1497"/>
        <v>0.29829399282791824</v>
      </c>
      <c r="I6436" s="236">
        <f t="shared" si="1498"/>
        <v>19.880086702888953</v>
      </c>
      <c r="J6436" s="237">
        <f t="shared" si="1503"/>
        <v>9.8800867028889527</v>
      </c>
      <c r="K6436" s="237">
        <f t="shared" si="1499"/>
        <v>1268.8067736384817</v>
      </c>
      <c r="L6436" s="237">
        <f t="shared" si="1504"/>
        <v>630.6459342454018</v>
      </c>
      <c r="M6436" s="236">
        <f t="shared" si="1500"/>
        <v>46.680953016191062</v>
      </c>
      <c r="N6436" s="236">
        <f t="shared" si="1501"/>
        <v>0.31115025386659584</v>
      </c>
      <c r="O6436" s="236">
        <f t="shared" si="1505"/>
        <v>1.9368593699409531</v>
      </c>
      <c r="P6436" s="236" t="str">
        <f t="shared" si="1506"/>
        <v>SAND</v>
      </c>
      <c r="Q6436" s="236" t="e">
        <f t="shared" si="1502"/>
        <v>#N/A</v>
      </c>
      <c r="R6436" s="238">
        <v>35</v>
      </c>
      <c r="S6436" s="236" t="e">
        <f t="shared" si="1507"/>
        <v>#N/A</v>
      </c>
      <c r="T6436" s="236">
        <f t="shared" si="1494"/>
        <v>35.960536851953449</v>
      </c>
    </row>
    <row r="6437" spans="2:20" x14ac:dyDescent="0.2">
      <c r="B6437" s="239">
        <v>63.837000000000003</v>
      </c>
      <c r="C6437" s="3">
        <f t="shared" si="1495"/>
        <v>63.830000000000005</v>
      </c>
      <c r="D6437" s="239">
        <v>30.981999999999999</v>
      </c>
      <c r="E6437" s="239">
        <v>9.2999999999999999E-2</v>
      </c>
      <c r="F6437" s="239">
        <v>0.4284</v>
      </c>
      <c r="G6437">
        <f t="shared" si="1496"/>
        <v>31.067679999999999</v>
      </c>
      <c r="H6437" s="235">
        <f t="shared" si="1497"/>
        <v>0.29934645908545471</v>
      </c>
      <c r="I6437" s="236">
        <f t="shared" si="1498"/>
        <v>19.90242495638681</v>
      </c>
      <c r="J6437" s="237">
        <f t="shared" si="1503"/>
        <v>9.9024249563868096</v>
      </c>
      <c r="K6437" s="237">
        <f t="shared" si="1499"/>
        <v>1270.3717849661703</v>
      </c>
      <c r="L6437" s="237">
        <f t="shared" si="1504"/>
        <v>632.14110194086481</v>
      </c>
      <c r="M6437" s="236">
        <f t="shared" si="1500"/>
        <v>47.137115627424102</v>
      </c>
      <c r="N6437" s="236">
        <f t="shared" si="1501"/>
        <v>0.31210872918070531</v>
      </c>
      <c r="O6437" s="236">
        <f t="shared" si="1505"/>
        <v>1.933426346145404</v>
      </c>
      <c r="P6437" s="236" t="str">
        <f t="shared" si="1506"/>
        <v>SAND</v>
      </c>
      <c r="Q6437" s="236" t="e">
        <f t="shared" si="1502"/>
        <v>#N/A</v>
      </c>
      <c r="R6437" s="238">
        <v>35</v>
      </c>
      <c r="S6437" s="236" t="e">
        <f t="shared" si="1507"/>
        <v>#N/A</v>
      </c>
      <c r="T6437" s="236">
        <f t="shared" si="1494"/>
        <v>36.00699304442422</v>
      </c>
    </row>
    <row r="6438" spans="2:20" x14ac:dyDescent="0.2">
      <c r="B6438" s="239">
        <v>63.844000000000001</v>
      </c>
      <c r="C6438" s="3">
        <f t="shared" si="1495"/>
        <v>63.837000000000003</v>
      </c>
      <c r="D6438" s="239">
        <v>30.627300000000002</v>
      </c>
      <c r="E6438" s="239">
        <v>9.5399999999999999E-2</v>
      </c>
      <c r="F6438" s="239">
        <v>0.44359999999999999</v>
      </c>
      <c r="G6438">
        <f t="shared" si="1496"/>
        <v>30.71602</v>
      </c>
      <c r="H6438" s="235">
        <f t="shared" si="1497"/>
        <v>0.3105871138252938</v>
      </c>
      <c r="I6438" s="236">
        <f t="shared" si="1498"/>
        <v>19.927852113611259</v>
      </c>
      <c r="J6438" s="237">
        <f t="shared" si="1503"/>
        <v>9.9278521136112587</v>
      </c>
      <c r="K6438" s="237">
        <f t="shared" si="1499"/>
        <v>1272.134295376602</v>
      </c>
      <c r="L6438" s="237">
        <f t="shared" si="1504"/>
        <v>633.83379034139716</v>
      </c>
      <c r="M6438" s="236">
        <f t="shared" si="1500"/>
        <v>46.453638403790777</v>
      </c>
      <c r="N6438" s="236">
        <f t="shared" si="1501"/>
        <v>0.3240061483631555</v>
      </c>
      <c r="O6438" s="236">
        <f t="shared" si="1505"/>
        <v>1.9453652328151734</v>
      </c>
      <c r="P6438" s="236" t="str">
        <f t="shared" si="1506"/>
        <v>SAND</v>
      </c>
      <c r="Q6438" s="236" t="e">
        <f t="shared" si="1502"/>
        <v>#N/A</v>
      </c>
      <c r="R6438" s="238">
        <v>35</v>
      </c>
      <c r="S6438" s="236" t="e">
        <f t="shared" si="1507"/>
        <v>#N/A</v>
      </c>
      <c r="T6438" s="236">
        <f t="shared" si="1494"/>
        <v>35.93721708558482</v>
      </c>
    </row>
    <row r="6439" spans="2:20" x14ac:dyDescent="0.2">
      <c r="B6439" s="239">
        <v>63.853000000000002</v>
      </c>
      <c r="C6439" s="3">
        <f t="shared" si="1495"/>
        <v>63.846000000000004</v>
      </c>
      <c r="D6439" s="239">
        <v>31.299199999999999</v>
      </c>
      <c r="E6439" s="239">
        <v>9.3799999999999994E-2</v>
      </c>
      <c r="F6439" s="239">
        <v>0.4365</v>
      </c>
      <c r="G6439">
        <f t="shared" si="1496"/>
        <v>31.386499999999998</v>
      </c>
      <c r="H6439" s="235">
        <f t="shared" si="1497"/>
        <v>0.29885460309368678</v>
      </c>
      <c r="I6439" s="236">
        <f t="shared" si="1498"/>
        <v>19.916459318068092</v>
      </c>
      <c r="J6439" s="237">
        <f t="shared" si="1503"/>
        <v>9.9164593180680924</v>
      </c>
      <c r="K6439" s="237">
        <f t="shared" si="1499"/>
        <v>1271.5862616213756</v>
      </c>
      <c r="L6439" s="237">
        <f t="shared" si="1504"/>
        <v>633.19567683660193</v>
      </c>
      <c r="M6439" s="236">
        <f t="shared" si="1500"/>
        <v>47.560201119550392</v>
      </c>
      <c r="N6439" s="236">
        <f t="shared" si="1501"/>
        <v>0.31147358021637206</v>
      </c>
      <c r="O6439" s="236">
        <f t="shared" si="1505"/>
        <v>1.9294934682139595</v>
      </c>
      <c r="P6439" s="236" t="str">
        <f t="shared" si="1506"/>
        <v>SAND</v>
      </c>
      <c r="Q6439" s="236" t="e">
        <f t="shared" si="1502"/>
        <v>#N/A</v>
      </c>
      <c r="R6439" s="238">
        <v>35</v>
      </c>
      <c r="S6439" s="236" t="e">
        <f t="shared" si="1507"/>
        <v>#N/A</v>
      </c>
      <c r="T6439" s="236">
        <f t="shared" si="1494"/>
        <v>36.049680507141304</v>
      </c>
    </row>
    <row r="6440" spans="2:20" x14ac:dyDescent="0.2">
      <c r="B6440" s="239">
        <v>63.860999999999997</v>
      </c>
      <c r="C6440" s="3">
        <f t="shared" si="1495"/>
        <v>63.853999999999999</v>
      </c>
      <c r="D6440" s="239">
        <v>31.543500000000002</v>
      </c>
      <c r="E6440" s="239">
        <v>9.35E-2</v>
      </c>
      <c r="F6440" s="239">
        <v>0.48110000000000003</v>
      </c>
      <c r="G6440">
        <f t="shared" si="1496"/>
        <v>31.639720000000001</v>
      </c>
      <c r="H6440" s="235">
        <f t="shared" si="1497"/>
        <v>0.29551462528745515</v>
      </c>
      <c r="I6440" s="236">
        <f t="shared" si="1498"/>
        <v>19.915843772083456</v>
      </c>
      <c r="J6440" s="237">
        <f t="shared" si="1503"/>
        <v>9.9158437720834556</v>
      </c>
      <c r="K6440" s="237">
        <f t="shared" si="1499"/>
        <v>1271.7062882226169</v>
      </c>
      <c r="L6440" s="237">
        <f t="shared" si="1504"/>
        <v>633.23569912902155</v>
      </c>
      <c r="M6440" s="236">
        <f t="shared" si="1500"/>
        <v>47.956888333280645</v>
      </c>
      <c r="N6440" s="236">
        <f t="shared" si="1501"/>
        <v>0.30788974506995376</v>
      </c>
      <c r="O6440" s="236">
        <f t="shared" si="1505"/>
        <v>1.9242863484717774</v>
      </c>
      <c r="P6440" s="236" t="str">
        <f t="shared" si="1506"/>
        <v>SAND</v>
      </c>
      <c r="Q6440" s="236" t="e">
        <f t="shared" si="1502"/>
        <v>#N/A</v>
      </c>
      <c r="R6440" s="238">
        <v>35</v>
      </c>
      <c r="S6440" s="236" t="e">
        <f t="shared" si="1507"/>
        <v>#N/A</v>
      </c>
      <c r="T6440" s="236">
        <f t="shared" si="1494"/>
        <v>36.089360959170449</v>
      </c>
    </row>
    <row r="6441" spans="2:20" x14ac:dyDescent="0.2">
      <c r="B6441" s="239">
        <v>63.869</v>
      </c>
      <c r="C6441" s="3">
        <f t="shared" si="1495"/>
        <v>63.862000000000002</v>
      </c>
      <c r="D6441" s="239">
        <v>32.069699999999997</v>
      </c>
      <c r="E6441" s="239">
        <v>9.64E-2</v>
      </c>
      <c r="F6441" s="239">
        <v>0.45390000000000003</v>
      </c>
      <c r="G6441">
        <f t="shared" si="1496"/>
        <v>32.16048</v>
      </c>
      <c r="H6441" s="235">
        <f t="shared" si="1497"/>
        <v>0.29974676994870719</v>
      </c>
      <c r="I6441" s="236">
        <f t="shared" si="1498"/>
        <v>19.958041315751839</v>
      </c>
      <c r="J6441" s="237">
        <f t="shared" si="1503"/>
        <v>9.9580413157518386</v>
      </c>
      <c r="K6441" s="237">
        <f t="shared" si="1499"/>
        <v>1274.560434506544</v>
      </c>
      <c r="L6441" s="237">
        <f t="shared" si="1504"/>
        <v>636.01014079575418</v>
      </c>
      <c r="M6441" s="236">
        <f t="shared" si="1500"/>
        <v>48.561992308566097</v>
      </c>
      <c r="N6441" s="236">
        <f t="shared" si="1501"/>
        <v>0.31211633442088144</v>
      </c>
      <c r="O6441" s="236">
        <f t="shared" si="1505"/>
        <v>1.921417770761076</v>
      </c>
      <c r="P6441" s="236" t="str">
        <f t="shared" si="1506"/>
        <v>SAND</v>
      </c>
      <c r="Q6441" s="236" t="e">
        <f t="shared" si="1502"/>
        <v>#N/A</v>
      </c>
      <c r="R6441" s="238">
        <v>35</v>
      </c>
      <c r="S6441" s="236" t="e">
        <f t="shared" si="1507"/>
        <v>#N/A</v>
      </c>
      <c r="T6441" s="236">
        <f t="shared" si="1494"/>
        <v>36.149261454199291</v>
      </c>
    </row>
    <row r="6442" spans="2:20" x14ac:dyDescent="0.2">
      <c r="B6442" s="239">
        <v>63.878999999999998</v>
      </c>
      <c r="C6442" s="3">
        <f t="shared" si="1495"/>
        <v>63.872</v>
      </c>
      <c r="D6442" s="239">
        <v>32.294499999999999</v>
      </c>
      <c r="E6442" s="239">
        <v>0.10249999999999999</v>
      </c>
      <c r="F6442" s="239">
        <v>0.52259999999999995</v>
      </c>
      <c r="G6442">
        <f t="shared" si="1496"/>
        <v>32.39902</v>
      </c>
      <c r="H6442" s="235">
        <f t="shared" si="1497"/>
        <v>0.31636759383462831</v>
      </c>
      <c r="I6442" s="236">
        <f t="shared" si="1498"/>
        <v>20.032876177486528</v>
      </c>
      <c r="J6442" s="237">
        <f t="shared" si="1503"/>
        <v>10.032876177486528</v>
      </c>
      <c r="K6442" s="237">
        <f t="shared" si="1499"/>
        <v>1279.5398672084195</v>
      </c>
      <c r="L6442" s="237">
        <f t="shared" si="1504"/>
        <v>640.89009734166189</v>
      </c>
      <c r="M6442" s="236">
        <f t="shared" si="1500"/>
        <v>48.556656222137917</v>
      </c>
      <c r="N6442" s="236">
        <f t="shared" si="1501"/>
        <v>0.329375682249886</v>
      </c>
      <c r="O6442" s="236">
        <f t="shared" si="1505"/>
        <v>1.9302738768497685</v>
      </c>
      <c r="P6442" s="236" t="str">
        <f t="shared" si="1506"/>
        <v>SAND</v>
      </c>
      <c r="Q6442" s="236" t="e">
        <f t="shared" si="1502"/>
        <v>#N/A</v>
      </c>
      <c r="R6442" s="238">
        <v>35</v>
      </c>
      <c r="S6442" s="236" t="e">
        <f t="shared" si="1507"/>
        <v>#N/A</v>
      </c>
      <c r="T6442" s="236">
        <f t="shared" si="1494"/>
        <v>36.148736492985158</v>
      </c>
    </row>
    <row r="6443" spans="2:20" x14ac:dyDescent="0.2">
      <c r="B6443" s="239">
        <v>63.924999999999997</v>
      </c>
      <c r="C6443" s="3">
        <f t="shared" si="1495"/>
        <v>63.917999999999999</v>
      </c>
      <c r="D6443" s="239">
        <v>32.737200000000001</v>
      </c>
      <c r="E6443" s="239">
        <v>0.104</v>
      </c>
      <c r="F6443" s="239">
        <v>0.55249999999999999</v>
      </c>
      <c r="G6443">
        <f t="shared" si="1496"/>
        <v>32.847700000000003</v>
      </c>
      <c r="H6443" s="235">
        <f t="shared" si="1497"/>
        <v>0.31661273087613434</v>
      </c>
      <c r="I6443" s="236">
        <f t="shared" si="1498"/>
        <v>20.055287539535733</v>
      </c>
      <c r="J6443" s="237">
        <f t="shared" si="1503"/>
        <v>10.055287539535733</v>
      </c>
      <c r="K6443" s="237">
        <f t="shared" si="1499"/>
        <v>1281.8938689520451</v>
      </c>
      <c r="L6443" s="237">
        <f t="shared" si="1504"/>
        <v>642.78425596482168</v>
      </c>
      <c r="M6443" s="236">
        <f t="shared" si="1500"/>
        <v>49.107932931038519</v>
      </c>
      <c r="N6443" s="236">
        <f t="shared" si="1501"/>
        <v>0.32947043889275535</v>
      </c>
      <c r="O6443" s="236">
        <f t="shared" si="1505"/>
        <v>1.925791930187261</v>
      </c>
      <c r="P6443" s="236" t="str">
        <f t="shared" si="1506"/>
        <v>SAND</v>
      </c>
      <c r="Q6443" s="236" t="e">
        <f t="shared" si="1502"/>
        <v>#N/A</v>
      </c>
      <c r="R6443" s="238">
        <v>35</v>
      </c>
      <c r="S6443" s="236" t="e">
        <f t="shared" si="1507"/>
        <v>#N/A</v>
      </c>
      <c r="T6443" s="236">
        <f t="shared" si="1494"/>
        <v>36.202668194386632</v>
      </c>
    </row>
    <row r="6444" spans="2:20" x14ac:dyDescent="0.2">
      <c r="B6444" s="239">
        <v>63.933</v>
      </c>
      <c r="C6444" s="3">
        <f t="shared" si="1495"/>
        <v>63.926000000000002</v>
      </c>
      <c r="D6444" s="239">
        <v>33.842100000000002</v>
      </c>
      <c r="E6444" s="239">
        <v>0.1032</v>
      </c>
      <c r="F6444" s="239">
        <v>0.54500000000000004</v>
      </c>
      <c r="G6444">
        <f t="shared" si="1496"/>
        <v>33.951100000000004</v>
      </c>
      <c r="H6444" s="235">
        <f t="shared" si="1497"/>
        <v>0.30396658723870507</v>
      </c>
      <c r="I6444" s="236">
        <f t="shared" si="1498"/>
        <v>20.059146701875761</v>
      </c>
      <c r="J6444" s="237">
        <f t="shared" si="1503"/>
        <v>10.059146701875761</v>
      </c>
      <c r="K6444" s="237">
        <f t="shared" si="1499"/>
        <v>1282.30101206411</v>
      </c>
      <c r="L6444" s="237">
        <f t="shared" si="1504"/>
        <v>643.11142609102308</v>
      </c>
      <c r="M6444" s="236">
        <f t="shared" si="1500"/>
        <v>50.798038508667553</v>
      </c>
      <c r="N6444" s="236">
        <f t="shared" si="1501"/>
        <v>0.31589774707698998</v>
      </c>
      <c r="O6444" s="236">
        <f t="shared" si="1505"/>
        <v>1.9052514835250192</v>
      </c>
      <c r="P6444" s="236" t="str">
        <f t="shared" si="1506"/>
        <v>SAND</v>
      </c>
      <c r="Q6444" s="236" t="e">
        <f t="shared" si="1502"/>
        <v>#N/A</v>
      </c>
      <c r="R6444" s="238">
        <v>35</v>
      </c>
      <c r="S6444" s="236" t="e">
        <f t="shared" si="1507"/>
        <v>#N/A</v>
      </c>
      <c r="T6444" s="236">
        <f t="shared" si="1494"/>
        <v>36.364316372635045</v>
      </c>
    </row>
    <row r="6445" spans="2:20" x14ac:dyDescent="0.2">
      <c r="B6445" s="239">
        <v>63.941000000000003</v>
      </c>
      <c r="C6445" s="3">
        <f t="shared" si="1495"/>
        <v>63.934000000000005</v>
      </c>
      <c r="D6445" s="239">
        <v>33.668900000000001</v>
      </c>
      <c r="E6445" s="239">
        <v>0.1071</v>
      </c>
      <c r="F6445" s="239">
        <v>0.51639999999999997</v>
      </c>
      <c r="G6445">
        <f t="shared" si="1496"/>
        <v>33.772179999999999</v>
      </c>
      <c r="H6445" s="235">
        <f t="shared" si="1497"/>
        <v>0.31712492353173527</v>
      </c>
      <c r="I6445" s="236">
        <f t="shared" si="1498"/>
        <v>20.100577811419548</v>
      </c>
      <c r="J6445" s="237">
        <f t="shared" si="1503"/>
        <v>10.100577811419548</v>
      </c>
      <c r="K6445" s="237">
        <f t="shared" si="1499"/>
        <v>1285.1103417952975</v>
      </c>
      <c r="L6445" s="237">
        <f t="shared" si="1504"/>
        <v>645.84104583997737</v>
      </c>
      <c r="M6445" s="236">
        <f t="shared" si="1500"/>
        <v>50.301958767504772</v>
      </c>
      <c r="N6445" s="236">
        <f t="shared" si="1501"/>
        <v>0.32966962279699358</v>
      </c>
      <c r="O6445" s="236">
        <f t="shared" si="1505"/>
        <v>1.9162600255623958</v>
      </c>
      <c r="P6445" s="236" t="str">
        <f t="shared" si="1506"/>
        <v>SAND</v>
      </c>
      <c r="Q6445" s="236" t="e">
        <f t="shared" si="1502"/>
        <v>#N/A</v>
      </c>
      <c r="R6445" s="238">
        <v>35</v>
      </c>
      <c r="S6445" s="236" t="e">
        <f t="shared" si="1507"/>
        <v>#N/A</v>
      </c>
      <c r="T6445" s="236">
        <f t="shared" si="1494"/>
        <v>36.317433865812248</v>
      </c>
    </row>
    <row r="6446" spans="2:20" x14ac:dyDescent="0.2">
      <c r="B6446" s="239">
        <v>63.948999999999998</v>
      </c>
      <c r="C6446" s="3">
        <f t="shared" si="1495"/>
        <v>63.942</v>
      </c>
      <c r="D6446" s="239">
        <v>33.463200000000001</v>
      </c>
      <c r="E6446" s="239">
        <v>0.1096</v>
      </c>
      <c r="F6446" s="239">
        <v>0.52239999999999998</v>
      </c>
      <c r="G6446">
        <f t="shared" si="1496"/>
        <v>33.567680000000003</v>
      </c>
      <c r="H6446" s="235">
        <f t="shared" si="1497"/>
        <v>0.32650454246465649</v>
      </c>
      <c r="I6446" s="236">
        <f t="shared" si="1498"/>
        <v>20.12526074435462</v>
      </c>
      <c r="J6446" s="237">
        <f t="shared" si="1503"/>
        <v>10.12526074435462</v>
      </c>
      <c r="K6446" s="237">
        <f t="shared" si="1499"/>
        <v>1286.8494225155232</v>
      </c>
      <c r="L6446" s="237">
        <f t="shared" si="1504"/>
        <v>647.50029934073359</v>
      </c>
      <c r="M6446" s="236">
        <f t="shared" si="1500"/>
        <v>49.854541550562836</v>
      </c>
      <c r="N6446" s="236">
        <f t="shared" si="1501"/>
        <v>0.33952038420115743</v>
      </c>
      <c r="O6446" s="236">
        <f t="shared" si="1505"/>
        <v>1.9247935123225073</v>
      </c>
      <c r="P6446" s="236" t="str">
        <f t="shared" si="1506"/>
        <v>SAND</v>
      </c>
      <c r="Q6446" s="236" t="e">
        <f t="shared" si="1502"/>
        <v>#N/A</v>
      </c>
      <c r="R6446" s="238">
        <v>35</v>
      </c>
      <c r="S6446" s="236" t="e">
        <f t="shared" si="1507"/>
        <v>#N/A</v>
      </c>
      <c r="T6446" s="236">
        <f t="shared" si="1494"/>
        <v>36.274751996458278</v>
      </c>
    </row>
    <row r="6447" spans="2:20" x14ac:dyDescent="0.2">
      <c r="B6447" s="239">
        <v>63.957000000000001</v>
      </c>
      <c r="C6447" s="3">
        <f t="shared" si="1495"/>
        <v>63.95</v>
      </c>
      <c r="D6447" s="239">
        <v>34.290300000000002</v>
      </c>
      <c r="E6447" s="239">
        <v>0.11</v>
      </c>
      <c r="F6447" s="239">
        <v>0.55740000000000001</v>
      </c>
      <c r="G6447">
        <f t="shared" si="1496"/>
        <v>34.401780000000002</v>
      </c>
      <c r="H6447" s="235">
        <f t="shared" si="1497"/>
        <v>0.31975089661058231</v>
      </c>
      <c r="I6447" s="236">
        <f t="shared" si="1498"/>
        <v>20.139126127093849</v>
      </c>
      <c r="J6447" s="237">
        <f t="shared" si="1503"/>
        <v>10.139126127093849</v>
      </c>
      <c r="K6447" s="237">
        <f t="shared" si="1499"/>
        <v>1287.8971158276518</v>
      </c>
      <c r="L6447" s="237">
        <f t="shared" si="1504"/>
        <v>648.46808971054134</v>
      </c>
      <c r="M6447" s="236">
        <f t="shared" si="1500"/>
        <v>51.064783926304671</v>
      </c>
      <c r="N6447" s="236">
        <f t="shared" si="1501"/>
        <v>0.33218695730961045</v>
      </c>
      <c r="O6447" s="236">
        <f t="shared" si="1505"/>
        <v>1.9115082994245951</v>
      </c>
      <c r="P6447" s="236" t="str">
        <f t="shared" si="1506"/>
        <v>SAND</v>
      </c>
      <c r="Q6447" s="236" t="e">
        <f t="shared" si="1502"/>
        <v>#N/A</v>
      </c>
      <c r="R6447" s="238">
        <v>35</v>
      </c>
      <c r="S6447" s="236" t="e">
        <f t="shared" si="1507"/>
        <v>#N/A</v>
      </c>
      <c r="T6447" s="236">
        <f t="shared" si="1494"/>
        <v>36.389336484484716</v>
      </c>
    </row>
    <row r="6448" spans="2:20" x14ac:dyDescent="0.2">
      <c r="B6448" s="239">
        <v>63.965000000000003</v>
      </c>
      <c r="C6448" s="3">
        <f t="shared" si="1495"/>
        <v>63.958000000000006</v>
      </c>
      <c r="D6448" s="239">
        <v>34.437899999999999</v>
      </c>
      <c r="E6448" s="239">
        <v>0.1116</v>
      </c>
      <c r="F6448" s="239">
        <v>0.50739999999999996</v>
      </c>
      <c r="G6448">
        <f t="shared" si="1496"/>
        <v>34.539380000000001</v>
      </c>
      <c r="H6448" s="235">
        <f t="shared" si="1497"/>
        <v>0.32310944782448325</v>
      </c>
      <c r="I6448" s="236">
        <f t="shared" si="1498"/>
        <v>20.157619463545451</v>
      </c>
      <c r="J6448" s="237">
        <f t="shared" si="1503"/>
        <v>10.157619463545451</v>
      </c>
      <c r="K6448" s="237">
        <f t="shared" si="1499"/>
        <v>1289.2410256494402</v>
      </c>
      <c r="L6448" s="237">
        <f t="shared" si="1504"/>
        <v>649.73212898568488</v>
      </c>
      <c r="M6448" s="236">
        <f t="shared" si="1500"/>
        <v>51.175149713249198</v>
      </c>
      <c r="N6448" s="236">
        <f t="shared" si="1501"/>
        <v>0.33563769488629558</v>
      </c>
      <c r="O6448" s="236">
        <f t="shared" si="1505"/>
        <v>1.9123901071123319</v>
      </c>
      <c r="P6448" s="236" t="str">
        <f t="shared" si="1506"/>
        <v>SAND</v>
      </c>
      <c r="Q6448" s="236" t="e">
        <f t="shared" si="1502"/>
        <v>#N/A</v>
      </c>
      <c r="R6448" s="238">
        <v>35</v>
      </c>
      <c r="S6448" s="236" t="e">
        <f t="shared" si="1507"/>
        <v>#N/A</v>
      </c>
      <c r="T6448" s="236">
        <f t="shared" si="1494"/>
        <v>36.399650340546543</v>
      </c>
    </row>
    <row r="6449" spans="2:20" x14ac:dyDescent="0.2">
      <c r="B6449" s="239">
        <v>63.972000000000001</v>
      </c>
      <c r="C6449" s="3">
        <f t="shared" si="1495"/>
        <v>63.965000000000003</v>
      </c>
      <c r="D6449" s="239">
        <v>34.431800000000003</v>
      </c>
      <c r="E6449" s="239">
        <v>0.11700000000000001</v>
      </c>
      <c r="F6449" s="239">
        <v>0.502</v>
      </c>
      <c r="G6449">
        <f t="shared" si="1496"/>
        <v>34.532200000000003</v>
      </c>
      <c r="H6449" s="235">
        <f t="shared" si="1497"/>
        <v>0.3388142081882996</v>
      </c>
      <c r="I6449" s="236">
        <f t="shared" si="1498"/>
        <v>20.212946703890289</v>
      </c>
      <c r="J6449" s="237">
        <f t="shared" si="1503"/>
        <v>10.212946703890289</v>
      </c>
      <c r="K6449" s="237">
        <f t="shared" si="1499"/>
        <v>1292.9211359143424</v>
      </c>
      <c r="L6449" s="237">
        <f t="shared" si="1504"/>
        <v>653.34262654126962</v>
      </c>
      <c r="M6449" s="236">
        <f t="shared" si="1500"/>
        <v>50.87572356950146</v>
      </c>
      <c r="N6449" s="236">
        <f t="shared" si="1501"/>
        <v>0.35199319599684825</v>
      </c>
      <c r="O6449" s="236">
        <f t="shared" si="1505"/>
        <v>1.9228805612167661</v>
      </c>
      <c r="P6449" s="236" t="str">
        <f t="shared" si="1506"/>
        <v>SAND</v>
      </c>
      <c r="Q6449" s="236" t="e">
        <f t="shared" si="1502"/>
        <v>#N/A</v>
      </c>
      <c r="R6449" s="238">
        <v>35</v>
      </c>
      <c r="S6449" s="236" t="e">
        <f t="shared" si="1507"/>
        <v>#N/A</v>
      </c>
      <c r="T6449" s="236">
        <f t="shared" si="1494"/>
        <v>36.371616588351365</v>
      </c>
    </row>
    <row r="6450" spans="2:20" x14ac:dyDescent="0.2">
      <c r="B6450" s="239">
        <v>63.970999999999997</v>
      </c>
      <c r="C6450" s="3">
        <f t="shared" si="1495"/>
        <v>63.963999999999999</v>
      </c>
      <c r="D6450" s="239">
        <v>33.570799999999998</v>
      </c>
      <c r="E6450" s="239">
        <v>0.12520000000000001</v>
      </c>
      <c r="F6450" s="239">
        <v>0.51639999999999997</v>
      </c>
      <c r="G6450">
        <f t="shared" si="1496"/>
        <v>33.674079999999996</v>
      </c>
      <c r="H6450" s="235">
        <f t="shared" si="1497"/>
        <v>0.37179931864508253</v>
      </c>
      <c r="I6450" s="236">
        <f t="shared" si="1498"/>
        <v>20.282540907731928</v>
      </c>
      <c r="J6450" s="237">
        <f t="shared" si="1503"/>
        <v>10.282540907731928</v>
      </c>
      <c r="K6450" s="237">
        <f t="shared" si="1499"/>
        <v>1297.352446622165</v>
      </c>
      <c r="L6450" s="237">
        <f t="shared" si="1504"/>
        <v>657.78442440851916</v>
      </c>
      <c r="M6450" s="236">
        <f t="shared" si="1500"/>
        <v>49.220878987049652</v>
      </c>
      <c r="N6450" s="236">
        <f t="shared" si="1501"/>
        <v>0.38669751225966015</v>
      </c>
      <c r="O6450" s="236">
        <f t="shared" si="1505"/>
        <v>1.9525883904056793</v>
      </c>
      <c r="P6450" s="236" t="str">
        <f t="shared" si="1506"/>
        <v>SAND</v>
      </c>
      <c r="Q6450" s="236" t="e">
        <f t="shared" si="1502"/>
        <v>#N/A</v>
      </c>
      <c r="R6450" s="238">
        <v>35</v>
      </c>
      <c r="S6450" s="236" t="e">
        <f t="shared" si="1507"/>
        <v>#N/A</v>
      </c>
      <c r="T6450" s="236">
        <f t="shared" si="1494"/>
        <v>36.213643015793345</v>
      </c>
    </row>
    <row r="6451" spans="2:20" x14ac:dyDescent="0.2">
      <c r="B6451" s="239">
        <v>63.99</v>
      </c>
      <c r="C6451" s="3">
        <f t="shared" si="1495"/>
        <v>63.983000000000004</v>
      </c>
      <c r="D6451" s="239">
        <v>34.267200000000003</v>
      </c>
      <c r="E6451" s="239">
        <v>0.12670000000000001</v>
      </c>
      <c r="F6451" s="239">
        <v>0.54769999999999996</v>
      </c>
      <c r="G6451">
        <f t="shared" si="1496"/>
        <v>34.376740000000005</v>
      </c>
      <c r="H6451" s="235">
        <f t="shared" si="1497"/>
        <v>0.36856316218466317</v>
      </c>
      <c r="I6451" s="236">
        <f t="shared" si="1498"/>
        <v>20.30457813509889</v>
      </c>
      <c r="J6451" s="237">
        <f t="shared" si="1503"/>
        <v>10.30457813509889</v>
      </c>
      <c r="K6451" s="237">
        <f t="shared" si="1499"/>
        <v>1299.1478228180324</v>
      </c>
      <c r="L6451" s="237">
        <f t="shared" si="1504"/>
        <v>659.38995486497799</v>
      </c>
      <c r="M6451" s="236">
        <f t="shared" si="1500"/>
        <v>50.163930968519537</v>
      </c>
      <c r="N6451" s="236">
        <f t="shared" si="1501"/>
        <v>0.38303876328520037</v>
      </c>
      <c r="O6451" s="236">
        <f t="shared" si="1505"/>
        <v>1.9433766755827608</v>
      </c>
      <c r="P6451" s="236" t="str">
        <f t="shared" si="1506"/>
        <v>SAND</v>
      </c>
      <c r="Q6451" s="236" t="e">
        <f t="shared" si="1502"/>
        <v>#N/A</v>
      </c>
      <c r="R6451" s="238">
        <v>35</v>
      </c>
      <c r="S6451" s="236" t="e">
        <f t="shared" si="1507"/>
        <v>#N/A</v>
      </c>
      <c r="T6451" s="236">
        <f t="shared" si="1494"/>
        <v>36.304307176892401</v>
      </c>
    </row>
    <row r="6452" spans="2:20" x14ac:dyDescent="0.2">
      <c r="B6452" s="239">
        <v>63.996000000000002</v>
      </c>
      <c r="C6452" s="3">
        <f t="shared" si="1495"/>
        <v>63.989000000000004</v>
      </c>
      <c r="D6452" s="239">
        <v>33.744599999999998</v>
      </c>
      <c r="E6452" s="239">
        <v>0.13950000000000001</v>
      </c>
      <c r="F6452" s="239">
        <v>0.5524</v>
      </c>
      <c r="G6452">
        <f t="shared" si="1496"/>
        <v>33.855080000000001</v>
      </c>
      <c r="H6452" s="235">
        <f t="shared" si="1497"/>
        <v>0.41205042197507735</v>
      </c>
      <c r="I6452" s="236">
        <f t="shared" si="1498"/>
        <v>20.411454874868866</v>
      </c>
      <c r="J6452" s="237">
        <f t="shared" si="1503"/>
        <v>10.411454874868866</v>
      </c>
      <c r="K6452" s="237">
        <f t="shared" si="1499"/>
        <v>1306.108585987984</v>
      </c>
      <c r="L6452" s="237">
        <f t="shared" si="1504"/>
        <v>666.29146617210802</v>
      </c>
      <c r="M6452" s="236">
        <f t="shared" si="1500"/>
        <v>48.850950472183264</v>
      </c>
      <c r="N6452" s="236">
        <f t="shared" si="1501"/>
        <v>0.42858497193538531</v>
      </c>
      <c r="O6452" s="236">
        <f t="shared" si="1505"/>
        <v>1.9744316323588134</v>
      </c>
      <c r="P6452" s="236" t="str">
        <f t="shared" si="1506"/>
        <v>SAND</v>
      </c>
      <c r="Q6452" s="236" t="e">
        <f t="shared" si="1502"/>
        <v>#N/A</v>
      </c>
      <c r="R6452" s="238">
        <v>35</v>
      </c>
      <c r="S6452" s="236" t="e">
        <f t="shared" si="1507"/>
        <v>#N/A</v>
      </c>
      <c r="T6452" s="236">
        <f t="shared" si="1494"/>
        <v>36.17760319822186</v>
      </c>
    </row>
    <row r="6453" spans="2:20" x14ac:dyDescent="0.2">
      <c r="B6453" s="239">
        <v>64.007000000000005</v>
      </c>
      <c r="C6453" s="3">
        <f t="shared" si="1495"/>
        <v>64</v>
      </c>
      <c r="D6453" s="239">
        <v>34.499400000000001</v>
      </c>
      <c r="E6453" s="239">
        <v>0.13750000000000001</v>
      </c>
      <c r="F6453" s="239">
        <v>0.49030000000000001</v>
      </c>
      <c r="G6453">
        <f t="shared" si="1496"/>
        <v>34.597459999999998</v>
      </c>
      <c r="H6453" s="235">
        <f t="shared" si="1497"/>
        <v>0.39742801928234039</v>
      </c>
      <c r="I6453" s="236">
        <f t="shared" si="1498"/>
        <v>20.40300013373141</v>
      </c>
      <c r="J6453" s="237">
        <f t="shared" si="1503"/>
        <v>10.40300013373141</v>
      </c>
      <c r="K6453" s="237">
        <f t="shared" si="1499"/>
        <v>1305.7920085588103</v>
      </c>
      <c r="L6453" s="237">
        <f t="shared" si="1504"/>
        <v>665.86482955974645</v>
      </c>
      <c r="M6453" s="236">
        <f t="shared" si="1500"/>
        <v>49.997636927982555</v>
      </c>
      <c r="N6453" s="236">
        <f t="shared" si="1501"/>
        <v>0.41301625390277613</v>
      </c>
      <c r="O6453" s="236">
        <f t="shared" si="1505"/>
        <v>1.958433306105952</v>
      </c>
      <c r="P6453" s="236" t="str">
        <f t="shared" si="1506"/>
        <v>SAND</v>
      </c>
      <c r="Q6453" s="236" t="e">
        <f t="shared" si="1502"/>
        <v>#N/A</v>
      </c>
      <c r="R6453" s="238">
        <v>35</v>
      </c>
      <c r="S6453" s="236" t="e">
        <f t="shared" si="1507"/>
        <v>#N/A</v>
      </c>
      <c r="T6453" s="236">
        <f t="shared" si="1494"/>
        <v>36.28844426315046</v>
      </c>
    </row>
    <row r="6454" spans="2:20" x14ac:dyDescent="0.2">
      <c r="B6454" s="239">
        <v>64.013999999999996</v>
      </c>
      <c r="C6454" s="3">
        <f t="shared" si="1495"/>
        <v>64.006999999999991</v>
      </c>
      <c r="D6454" s="239">
        <v>34.5259</v>
      </c>
      <c r="E6454" s="239">
        <v>0.14080000000000001</v>
      </c>
      <c r="F6454" s="239">
        <v>0.5111</v>
      </c>
      <c r="G6454">
        <f t="shared" si="1496"/>
        <v>34.628120000000003</v>
      </c>
      <c r="H6454" s="235">
        <f t="shared" si="1497"/>
        <v>0.40660596070476823</v>
      </c>
      <c r="I6454" s="236">
        <f t="shared" si="1498"/>
        <v>20.431156244822461</v>
      </c>
      <c r="J6454" s="237">
        <f t="shared" si="1503"/>
        <v>10.431156244822461</v>
      </c>
      <c r="K6454" s="237">
        <f t="shared" si="1499"/>
        <v>1307.7370177623511</v>
      </c>
      <c r="L6454" s="237">
        <f t="shared" si="1504"/>
        <v>667.74003585606499</v>
      </c>
      <c r="M6454" s="236">
        <f t="shared" si="1500"/>
        <v>49.90023241532883</v>
      </c>
      <c r="N6454" s="236">
        <f t="shared" si="1501"/>
        <v>0.42256417063110385</v>
      </c>
      <c r="O6454" s="236">
        <f t="shared" si="1505"/>
        <v>1.9634548423046434</v>
      </c>
      <c r="P6454" s="236" t="str">
        <f t="shared" si="1506"/>
        <v>SAND</v>
      </c>
      <c r="Q6454" s="236" t="e">
        <f t="shared" si="1502"/>
        <v>#N/A</v>
      </c>
      <c r="R6454" s="238">
        <v>35</v>
      </c>
      <c r="S6454" s="236" t="e">
        <f t="shared" si="1507"/>
        <v>#N/A</v>
      </c>
      <c r="T6454" s="236">
        <f t="shared" si="1494"/>
        <v>36.279128252379479</v>
      </c>
    </row>
    <row r="6455" spans="2:20" x14ac:dyDescent="0.2">
      <c r="B6455" s="239">
        <v>64.022000000000006</v>
      </c>
      <c r="C6455" s="3">
        <f t="shared" si="1495"/>
        <v>64.015000000000001</v>
      </c>
      <c r="D6455" s="239">
        <v>34.575699999999998</v>
      </c>
      <c r="E6455" s="239">
        <v>0.14499999999999999</v>
      </c>
      <c r="F6455" s="239">
        <v>0.50370000000000004</v>
      </c>
      <c r="G6455">
        <f t="shared" si="1496"/>
        <v>34.676439999999999</v>
      </c>
      <c r="H6455" s="235">
        <f t="shared" si="1497"/>
        <v>0.41815134425563871</v>
      </c>
      <c r="I6455" s="236">
        <f t="shared" si="1498"/>
        <v>20.466167714880914</v>
      </c>
      <c r="J6455" s="237">
        <f t="shared" si="1503"/>
        <v>10.466167714880914</v>
      </c>
      <c r="K6455" s="237">
        <f t="shared" si="1499"/>
        <v>1310.1417262681018</v>
      </c>
      <c r="L6455" s="237">
        <f t="shared" si="1504"/>
        <v>670.06498944210591</v>
      </c>
      <c r="M6455" s="236">
        <f t="shared" si="1500"/>
        <v>49.795615051478187</v>
      </c>
      <c r="N6455" s="236">
        <f t="shared" si="1501"/>
        <v>0.43457023254555427</v>
      </c>
      <c r="O6455" s="236">
        <f t="shared" si="1505"/>
        <v>1.9695477430948378</v>
      </c>
      <c r="P6455" s="236" t="str">
        <f t="shared" si="1506"/>
        <v>SAND</v>
      </c>
      <c r="Q6455" s="236" t="e">
        <f t="shared" si="1502"/>
        <v>#N/A</v>
      </c>
      <c r="R6455" s="238">
        <v>35</v>
      </c>
      <c r="S6455" s="236" t="e">
        <f t="shared" si="1507"/>
        <v>#N/A</v>
      </c>
      <c r="T6455" s="236">
        <f t="shared" si="1494"/>
        <v>36.269102110302455</v>
      </c>
    </row>
    <row r="6456" spans="2:20" x14ac:dyDescent="0.2">
      <c r="B6456" s="239">
        <v>64.028999999999996</v>
      </c>
      <c r="C6456" s="3">
        <f t="shared" si="1495"/>
        <v>64.021999999999991</v>
      </c>
      <c r="D6456" s="239">
        <v>34.824300000000001</v>
      </c>
      <c r="E6456" s="239">
        <v>0.14399999999999999</v>
      </c>
      <c r="F6456" s="239">
        <v>0.44819999999999999</v>
      </c>
      <c r="G6456">
        <f t="shared" si="1496"/>
        <v>34.913940000000004</v>
      </c>
      <c r="H6456" s="235">
        <f t="shared" si="1497"/>
        <v>0.4124427091299348</v>
      </c>
      <c r="I6456" s="236">
        <f t="shared" si="1498"/>
        <v>20.460720758153617</v>
      </c>
      <c r="J6456" s="237">
        <f t="shared" si="1503"/>
        <v>10.460720758153617</v>
      </c>
      <c r="K6456" s="237">
        <f t="shared" si="1499"/>
        <v>1309.9362643785107</v>
      </c>
      <c r="L6456" s="237">
        <f t="shared" si="1504"/>
        <v>669.78948942381783</v>
      </c>
      <c r="M6456" s="236">
        <f t="shared" si="1500"/>
        <v>50.170992925746148</v>
      </c>
      <c r="N6456" s="236">
        <f t="shared" si="1501"/>
        <v>0.42852036659951526</v>
      </c>
      <c r="O6456" s="236">
        <f t="shared" si="1505"/>
        <v>1.9639636051693665</v>
      </c>
      <c r="P6456" s="236" t="str">
        <f t="shared" si="1506"/>
        <v>SAND</v>
      </c>
      <c r="Q6456" s="236" t="e">
        <f t="shared" si="1502"/>
        <v>#N/A</v>
      </c>
      <c r="R6456" s="238">
        <v>35</v>
      </c>
      <c r="S6456" s="236" t="e">
        <f t="shared" si="1507"/>
        <v>#N/A</v>
      </c>
      <c r="T6456" s="236">
        <f t="shared" si="1494"/>
        <v>36.304979657786404</v>
      </c>
    </row>
    <row r="6457" spans="2:20" x14ac:dyDescent="0.2">
      <c r="B6457" s="239">
        <v>64.072000000000003</v>
      </c>
      <c r="C6457" s="3">
        <f t="shared" si="1495"/>
        <v>64.064999999999998</v>
      </c>
      <c r="D6457" s="239">
        <v>36.753500000000003</v>
      </c>
      <c r="E6457" s="239">
        <v>0.14960000000000001</v>
      </c>
      <c r="F6457" s="239">
        <v>0.50529999999999997</v>
      </c>
      <c r="G6457">
        <f t="shared" si="1496"/>
        <v>36.854559999999999</v>
      </c>
      <c r="H6457" s="235">
        <f t="shared" si="1497"/>
        <v>0.40591991872918853</v>
      </c>
      <c r="I6457" s="236">
        <f t="shared" si="1498"/>
        <v>20.526600464451597</v>
      </c>
      <c r="J6457" s="237">
        <f t="shared" si="1503"/>
        <v>10.526600464451597</v>
      </c>
      <c r="K6457" s="237">
        <f t="shared" si="1499"/>
        <v>1315.0366587550916</v>
      </c>
      <c r="L6457" s="237">
        <f t="shared" si="1504"/>
        <v>674.46034495834283</v>
      </c>
      <c r="M6457" s="236">
        <f t="shared" si="1500"/>
        <v>52.69327338057208</v>
      </c>
      <c r="N6457" s="236">
        <f t="shared" si="1501"/>
        <v>0.4209398042949658</v>
      </c>
      <c r="O6457" s="236">
        <f t="shared" si="1505"/>
        <v>1.9414086009641445</v>
      </c>
      <c r="P6457" s="236" t="str">
        <f t="shared" si="1506"/>
        <v>SAND</v>
      </c>
      <c r="Q6457" s="236" t="e">
        <f t="shared" si="1502"/>
        <v>#N/A</v>
      </c>
      <c r="R6457" s="238">
        <v>35</v>
      </c>
      <c r="S6457" s="236" t="e">
        <f t="shared" si="1507"/>
        <v>#N/A</v>
      </c>
      <c r="T6457" s="236">
        <f t="shared" si="1494"/>
        <v>36.539306962372166</v>
      </c>
    </row>
    <row r="6458" spans="2:20" x14ac:dyDescent="0.2">
      <c r="B6458" s="239">
        <v>64.081999999999994</v>
      </c>
      <c r="C6458" s="3">
        <f t="shared" si="1495"/>
        <v>64.074999999999989</v>
      </c>
      <c r="D6458" s="239">
        <v>36.869399999999999</v>
      </c>
      <c r="E6458" s="239">
        <v>0.14779999999999999</v>
      </c>
      <c r="F6458" s="239">
        <v>0.4975</v>
      </c>
      <c r="G6458">
        <f t="shared" si="1496"/>
        <v>36.968899999999998</v>
      </c>
      <c r="H6458" s="235">
        <f t="shared" si="1497"/>
        <v>0.3997955037883193</v>
      </c>
      <c r="I6458" s="236">
        <f t="shared" si="1498"/>
        <v>20.513616901942704</v>
      </c>
      <c r="J6458" s="237">
        <f t="shared" si="1503"/>
        <v>10.513616901942704</v>
      </c>
      <c r="K6458" s="237">
        <f t="shared" si="1499"/>
        <v>1314.4100029919784</v>
      </c>
      <c r="L6458" s="237">
        <f t="shared" si="1504"/>
        <v>673.73359831029234</v>
      </c>
      <c r="M6458" s="236">
        <f t="shared" si="1500"/>
        <v>52.920753969267118</v>
      </c>
      <c r="N6458" s="236">
        <f t="shared" si="1501"/>
        <v>0.41453404609742772</v>
      </c>
      <c r="O6458" s="236">
        <f t="shared" si="1505"/>
        <v>1.9368348316663495</v>
      </c>
      <c r="P6458" s="236" t="str">
        <f t="shared" si="1506"/>
        <v>SAND</v>
      </c>
      <c r="Q6458" s="236" t="e">
        <f t="shared" si="1502"/>
        <v>#N/A</v>
      </c>
      <c r="R6458" s="238">
        <v>35</v>
      </c>
      <c r="S6458" s="236" t="e">
        <f t="shared" si="1507"/>
        <v>#N/A</v>
      </c>
      <c r="T6458" s="236">
        <f t="shared" si="1494"/>
        <v>36.559886253140931</v>
      </c>
    </row>
    <row r="6459" spans="2:20" x14ac:dyDescent="0.2">
      <c r="B6459" s="239">
        <v>64.084000000000003</v>
      </c>
      <c r="C6459" s="3">
        <f t="shared" si="1495"/>
        <v>64.076999999999998</v>
      </c>
      <c r="D6459" s="239">
        <v>36.945099999999996</v>
      </c>
      <c r="E6459" s="239">
        <v>0.14280000000000001</v>
      </c>
      <c r="F6459" s="239">
        <v>0.52990000000000004</v>
      </c>
      <c r="G6459">
        <f t="shared" si="1496"/>
        <v>37.051079999999999</v>
      </c>
      <c r="H6459" s="235">
        <f t="shared" si="1497"/>
        <v>0.3854138664783861</v>
      </c>
      <c r="I6459" s="236">
        <f t="shared" si="1498"/>
        <v>20.474129999025269</v>
      </c>
      <c r="J6459" s="237">
        <f t="shared" si="1503"/>
        <v>10.474129999025269</v>
      </c>
      <c r="K6459" s="237">
        <f t="shared" si="1499"/>
        <v>1311.9208279475422</v>
      </c>
      <c r="L6459" s="237">
        <f t="shared" si="1504"/>
        <v>671.2241468575354</v>
      </c>
      <c r="M6459" s="236">
        <f t="shared" si="1500"/>
        <v>53.244745945705603</v>
      </c>
      <c r="N6459" s="236">
        <f t="shared" si="1501"/>
        <v>0.39956172251435529</v>
      </c>
      <c r="O6459" s="236">
        <f t="shared" si="1505"/>
        <v>1.9275815954443245</v>
      </c>
      <c r="P6459" s="236" t="str">
        <f t="shared" si="1506"/>
        <v>SAND</v>
      </c>
      <c r="Q6459" s="236" t="e">
        <f t="shared" si="1502"/>
        <v>#N/A</v>
      </c>
      <c r="R6459" s="238">
        <v>35</v>
      </c>
      <c r="S6459" s="236" t="e">
        <f t="shared" si="1507"/>
        <v>#N/A</v>
      </c>
      <c r="T6459" s="236">
        <f t="shared" si="1494"/>
        <v>36.589044350814419</v>
      </c>
    </row>
    <row r="6460" spans="2:20" x14ac:dyDescent="0.2">
      <c r="B6460" s="239">
        <v>64.097999999999999</v>
      </c>
      <c r="C6460" s="3">
        <f t="shared" si="1495"/>
        <v>64.090999999999994</v>
      </c>
      <c r="D6460" s="239">
        <v>36.295900000000003</v>
      </c>
      <c r="E6460" s="239">
        <v>0.155</v>
      </c>
      <c r="F6460" s="239">
        <v>0.57599999999999996</v>
      </c>
      <c r="G6460">
        <f t="shared" si="1496"/>
        <v>36.411100000000005</v>
      </c>
      <c r="H6460" s="235">
        <f t="shared" si="1497"/>
        <v>0.42569436243343367</v>
      </c>
      <c r="I6460" s="236">
        <f t="shared" si="1498"/>
        <v>20.56344905891574</v>
      </c>
      <c r="J6460" s="237">
        <f t="shared" si="1503"/>
        <v>10.56344905891574</v>
      </c>
      <c r="K6460" s="237">
        <f t="shared" si="1499"/>
        <v>1317.9320136349686</v>
      </c>
      <c r="L6460" s="237">
        <f t="shared" si="1504"/>
        <v>677.09595777838115</v>
      </c>
      <c r="M6460" s="236">
        <f t="shared" si="1500"/>
        <v>51.828943273430831</v>
      </c>
      <c r="N6460" s="236">
        <f t="shared" si="1501"/>
        <v>0.44168141234847508</v>
      </c>
      <c r="O6460" s="236">
        <f t="shared" si="1505"/>
        <v>1.9570232533226459</v>
      </c>
      <c r="P6460" s="236" t="str">
        <f t="shared" si="1506"/>
        <v>SAND</v>
      </c>
      <c r="Q6460" s="236" t="e">
        <f t="shared" si="1502"/>
        <v>#N/A</v>
      </c>
      <c r="R6460" s="238">
        <v>35</v>
      </c>
      <c r="S6460" s="236" t="e">
        <f t="shared" si="1507"/>
        <v>#N/A</v>
      </c>
      <c r="T6460" s="236">
        <f t="shared" si="1494"/>
        <v>36.460295896363533</v>
      </c>
    </row>
    <row r="6461" spans="2:20" x14ac:dyDescent="0.2">
      <c r="B6461" s="239">
        <v>64.105999999999995</v>
      </c>
      <c r="C6461" s="3">
        <f t="shared" si="1495"/>
        <v>64.09899999999999</v>
      </c>
      <c r="D6461" s="239">
        <v>36.850099999999998</v>
      </c>
      <c r="E6461" s="239">
        <v>0.14069999999999999</v>
      </c>
      <c r="F6461" s="239">
        <v>0.57769999999999999</v>
      </c>
      <c r="G6461">
        <f t="shared" si="1496"/>
        <v>36.96564</v>
      </c>
      <c r="H6461" s="235">
        <f t="shared" si="1497"/>
        <v>0.38062373598833937</v>
      </c>
      <c r="I6461" s="236">
        <f t="shared" si="1498"/>
        <v>20.455855524188102</v>
      </c>
      <c r="J6461" s="237">
        <f t="shared" si="1503"/>
        <v>10.455855524188102</v>
      </c>
      <c r="K6461" s="237">
        <f t="shared" si="1499"/>
        <v>1311.1998832449331</v>
      </c>
      <c r="L6461" s="237">
        <f t="shared" si="1504"/>
        <v>670.28307423360241</v>
      </c>
      <c r="M6461" s="236">
        <f t="shared" si="1500"/>
        <v>53.193108236430014</v>
      </c>
      <c r="N6461" s="236">
        <f t="shared" si="1501"/>
        <v>0.39462125765896106</v>
      </c>
      <c r="O6461" s="236">
        <f t="shared" si="1505"/>
        <v>1.9256663954404805</v>
      </c>
      <c r="P6461" s="236" t="str">
        <f t="shared" si="1506"/>
        <v>SAND</v>
      </c>
      <c r="Q6461" s="236" t="e">
        <f t="shared" si="1502"/>
        <v>#N/A</v>
      </c>
      <c r="R6461" s="238">
        <v>35</v>
      </c>
      <c r="S6461" s="236" t="e">
        <f t="shared" si="1507"/>
        <v>#N/A</v>
      </c>
      <c r="T6461" s="236">
        <f t="shared" si="1494"/>
        <v>36.584409050424135</v>
      </c>
    </row>
    <row r="6462" spans="2:20" x14ac:dyDescent="0.2">
      <c r="B6462" s="239">
        <v>64.113</v>
      </c>
      <c r="C6462" s="3">
        <f t="shared" si="1495"/>
        <v>64.105999999999995</v>
      </c>
      <c r="D6462" s="239">
        <v>37.129399999999997</v>
      </c>
      <c r="E6462" s="239">
        <v>0.13930000000000001</v>
      </c>
      <c r="F6462" s="239">
        <v>0.56189999999999996</v>
      </c>
      <c r="G6462">
        <f t="shared" si="1496"/>
        <v>37.241779999999999</v>
      </c>
      <c r="H6462" s="235">
        <f t="shared" si="1497"/>
        <v>0.37404227187851924</v>
      </c>
      <c r="I6462" s="236">
        <f t="shared" si="1498"/>
        <v>20.447038455951994</v>
      </c>
      <c r="J6462" s="237">
        <f t="shared" si="1503"/>
        <v>10.447038455951994</v>
      </c>
      <c r="K6462" s="237">
        <f t="shared" si="1499"/>
        <v>1310.7778472572584</v>
      </c>
      <c r="L6462" s="237">
        <f t="shared" si="1504"/>
        <v>669.79097652645021</v>
      </c>
      <c r="M6462" s="236">
        <f t="shared" si="1500"/>
        <v>53.645097369154861</v>
      </c>
      <c r="N6462" s="236">
        <f t="shared" si="1501"/>
        <v>0.38768748894850058</v>
      </c>
      <c r="O6462" s="236">
        <f t="shared" si="1505"/>
        <v>1.9190827203322212</v>
      </c>
      <c r="P6462" s="236" t="str">
        <f t="shared" si="1506"/>
        <v>SAND</v>
      </c>
      <c r="Q6462" s="236" t="e">
        <f t="shared" si="1502"/>
        <v>#N/A</v>
      </c>
      <c r="R6462" s="238">
        <v>35</v>
      </c>
      <c r="S6462" s="236" t="e">
        <f t="shared" si="1507"/>
        <v>#N/A</v>
      </c>
      <c r="T6462" s="236">
        <f t="shared" si="1494"/>
        <v>36.624830416890276</v>
      </c>
    </row>
    <row r="6463" spans="2:20" x14ac:dyDescent="0.2">
      <c r="B6463" s="239">
        <v>64.12</v>
      </c>
      <c r="C6463" s="3">
        <f t="shared" si="1495"/>
        <v>64.113</v>
      </c>
      <c r="D6463" s="239">
        <v>37.202100000000002</v>
      </c>
      <c r="E6463" s="239">
        <v>0.1409</v>
      </c>
      <c r="F6463" s="239">
        <v>0.57199999999999995</v>
      </c>
      <c r="G6463">
        <f t="shared" si="1496"/>
        <v>37.316500000000005</v>
      </c>
      <c r="H6463" s="235">
        <f t="shared" si="1497"/>
        <v>0.3775809628448541</v>
      </c>
      <c r="I6463" s="236">
        <f t="shared" si="1498"/>
        <v>20.461213548937174</v>
      </c>
      <c r="J6463" s="237">
        <f t="shared" si="1503"/>
        <v>10.461213548937174</v>
      </c>
      <c r="K6463" s="237">
        <f t="shared" si="1499"/>
        <v>1311.8297842630091</v>
      </c>
      <c r="L6463" s="237">
        <f t="shared" si="1504"/>
        <v>670.77301275785169</v>
      </c>
      <c r="M6463" s="236">
        <f t="shared" si="1500"/>
        <v>53.676384605435295</v>
      </c>
      <c r="N6463" s="236">
        <f t="shared" si="1501"/>
        <v>0.39133812129298468</v>
      </c>
      <c r="O6463" s="236">
        <f t="shared" si="1505"/>
        <v>1.9205716132652322</v>
      </c>
      <c r="P6463" s="236" t="str">
        <f t="shared" si="1506"/>
        <v>SAND</v>
      </c>
      <c r="Q6463" s="236" t="e">
        <f t="shared" si="1502"/>
        <v>#N/A</v>
      </c>
      <c r="R6463" s="238">
        <v>35</v>
      </c>
      <c r="S6463" s="236" t="e">
        <f t="shared" si="1507"/>
        <v>#N/A</v>
      </c>
      <c r="T6463" s="236">
        <f t="shared" si="1494"/>
        <v>36.627615816723761</v>
      </c>
    </row>
    <row r="6464" spans="2:20" x14ac:dyDescent="0.2">
      <c r="B6464" s="239">
        <v>64.131</v>
      </c>
      <c r="C6464" s="3">
        <f t="shared" si="1495"/>
        <v>64.123999999999995</v>
      </c>
      <c r="D6464" s="239">
        <v>35.643900000000002</v>
      </c>
      <c r="E6464" s="239">
        <v>0.16009999999999999</v>
      </c>
      <c r="F6464" s="239">
        <v>0.61639999999999995</v>
      </c>
      <c r="G6464">
        <f t="shared" si="1496"/>
        <v>35.767180000000003</v>
      </c>
      <c r="H6464" s="235">
        <f t="shared" si="1497"/>
        <v>0.44761706122763933</v>
      </c>
      <c r="I6464" s="236">
        <f t="shared" si="1498"/>
        <v>20.594435880851702</v>
      </c>
      <c r="J6464" s="237">
        <f t="shared" si="1503"/>
        <v>10.594435880851702</v>
      </c>
      <c r="K6464" s="237">
        <f t="shared" si="1499"/>
        <v>1320.5976064237343</v>
      </c>
      <c r="L6464" s="237">
        <f t="shared" si="1504"/>
        <v>679.43176747490043</v>
      </c>
      <c r="M6464" s="236">
        <f t="shared" si="1500"/>
        <v>50.699104814596105</v>
      </c>
      <c r="N6464" s="236">
        <f t="shared" si="1501"/>
        <v>0.46477760310368571</v>
      </c>
      <c r="O6464" s="236">
        <f t="shared" si="1505"/>
        <v>1.975456403688779</v>
      </c>
      <c r="P6464" s="236" t="str">
        <f t="shared" si="1506"/>
        <v>SAND</v>
      </c>
      <c r="Q6464" s="236" t="e">
        <f t="shared" si="1502"/>
        <v>#N/A</v>
      </c>
      <c r="R6464" s="238">
        <v>35</v>
      </c>
      <c r="S6464" s="236" t="e">
        <f t="shared" si="1507"/>
        <v>#N/A</v>
      </c>
      <c r="T6464" s="236">
        <f t="shared" si="1494"/>
        <v>36.355003202515853</v>
      </c>
    </row>
    <row r="6465" spans="2:20" x14ac:dyDescent="0.2">
      <c r="B6465" s="239">
        <v>64.14</v>
      </c>
      <c r="C6465" s="3">
        <f t="shared" si="1495"/>
        <v>64.132999999999996</v>
      </c>
      <c r="D6465" s="239">
        <v>37.042000000000002</v>
      </c>
      <c r="E6465" s="239">
        <v>0.14610000000000001</v>
      </c>
      <c r="F6465" s="239">
        <v>0.55410000000000004</v>
      </c>
      <c r="G6465">
        <f t="shared" si="1496"/>
        <v>37.152819999999998</v>
      </c>
      <c r="H6465" s="235">
        <f t="shared" si="1497"/>
        <v>0.39324067459751377</v>
      </c>
      <c r="I6465" s="236">
        <f t="shared" si="1498"/>
        <v>20.501991242536235</v>
      </c>
      <c r="J6465" s="237">
        <f t="shared" si="1503"/>
        <v>10.501991242536235</v>
      </c>
      <c r="K6465" s="237">
        <f t="shared" si="1499"/>
        <v>1314.8542043575762</v>
      </c>
      <c r="L6465" s="237">
        <f t="shared" si="1504"/>
        <v>673.59771829627414</v>
      </c>
      <c r="M6465" s="236">
        <f t="shared" si="1500"/>
        <v>53.203811150499632</v>
      </c>
      <c r="N6465" s="236">
        <f t="shared" si="1501"/>
        <v>0.40766822769210986</v>
      </c>
      <c r="O6465" s="236">
        <f t="shared" si="1505"/>
        <v>1.931617251273847</v>
      </c>
      <c r="P6465" s="236" t="str">
        <f t="shared" si="1506"/>
        <v>SAND</v>
      </c>
      <c r="Q6465" s="236" t="e">
        <f t="shared" si="1502"/>
        <v>#N/A</v>
      </c>
      <c r="R6465" s="238">
        <v>35</v>
      </c>
      <c r="S6465" s="236" t="e">
        <f t="shared" si="1507"/>
        <v>#N/A</v>
      </c>
      <c r="T6465" s="236">
        <f t="shared" si="1494"/>
        <v>36.585370175655868</v>
      </c>
    </row>
    <row r="6466" spans="2:20" x14ac:dyDescent="0.2">
      <c r="B6466" s="239">
        <v>64.185000000000002</v>
      </c>
      <c r="C6466" s="3">
        <f t="shared" si="1495"/>
        <v>64.177999999999997</v>
      </c>
      <c r="D6466" s="239">
        <v>37.7864</v>
      </c>
      <c r="E6466" s="239">
        <v>0.15390000000000001</v>
      </c>
      <c r="F6466" s="239">
        <v>0.52839999999999998</v>
      </c>
      <c r="G6466">
        <f t="shared" si="1496"/>
        <v>37.89208</v>
      </c>
      <c r="H6466" s="235">
        <f t="shared" si="1497"/>
        <v>0.40615347587147504</v>
      </c>
      <c r="I6466" s="236">
        <f t="shared" si="1498"/>
        <v>20.570680928915557</v>
      </c>
      <c r="J6466" s="237">
        <f t="shared" si="1503"/>
        <v>10.570680928915557</v>
      </c>
      <c r="K6466" s="237">
        <f t="shared" si="1499"/>
        <v>1320.1851606559426</v>
      </c>
      <c r="L6466" s="237">
        <f t="shared" si="1504"/>
        <v>678.47915542244505</v>
      </c>
      <c r="M6466" s="236">
        <f t="shared" si="1500"/>
        <v>53.902753750147426</v>
      </c>
      <c r="N6466" s="236">
        <f t="shared" si="1501"/>
        <v>0.42081494731422647</v>
      </c>
      <c r="O6466" s="236">
        <f t="shared" si="1505"/>
        <v>1.9324819176185932</v>
      </c>
      <c r="P6466" s="236" t="str">
        <f t="shared" si="1506"/>
        <v>SAND</v>
      </c>
      <c r="Q6466" s="236" t="e">
        <f t="shared" si="1502"/>
        <v>#N/A</v>
      </c>
      <c r="R6466" s="238">
        <v>35</v>
      </c>
      <c r="S6466" s="236" t="e">
        <f t="shared" si="1507"/>
        <v>#N/A</v>
      </c>
      <c r="T6466" s="236">
        <f t="shared" si="1494"/>
        <v>36.647720479899917</v>
      </c>
    </row>
    <row r="6467" spans="2:20" x14ac:dyDescent="0.2">
      <c r="B6467" s="239">
        <v>64.186000000000007</v>
      </c>
      <c r="C6467" s="3">
        <f t="shared" si="1495"/>
        <v>64.179000000000002</v>
      </c>
      <c r="D6467" s="239">
        <v>37.894799999999996</v>
      </c>
      <c r="E6467" s="239">
        <v>0.15620000000000001</v>
      </c>
      <c r="F6467" s="239">
        <v>0.53100000000000003</v>
      </c>
      <c r="G6467">
        <f t="shared" si="1496"/>
        <v>38.000999999999998</v>
      </c>
      <c r="H6467" s="235">
        <f t="shared" si="1497"/>
        <v>0.41104181468908718</v>
      </c>
      <c r="I6467" s="236">
        <f t="shared" si="1498"/>
        <v>20.589197356885677</v>
      </c>
      <c r="J6467" s="237">
        <f t="shared" si="1503"/>
        <v>10.589197356885677</v>
      </c>
      <c r="K6467" s="237">
        <f t="shared" si="1499"/>
        <v>1321.3940971675659</v>
      </c>
      <c r="L6467" s="237">
        <f t="shared" si="1504"/>
        <v>679.67822154906412</v>
      </c>
      <c r="M6467" s="236">
        <f t="shared" si="1500"/>
        <v>53.966133884995507</v>
      </c>
      <c r="N6467" s="236">
        <f t="shared" si="1501"/>
        <v>0.42584972263275633</v>
      </c>
      <c r="O6467" s="236">
        <f t="shared" si="1505"/>
        <v>1.9342850703067407</v>
      </c>
      <c r="P6467" s="236" t="str">
        <f t="shared" si="1506"/>
        <v>SAND</v>
      </c>
      <c r="Q6467" s="236" t="e">
        <f t="shared" si="1502"/>
        <v>#N/A</v>
      </c>
      <c r="R6467" s="238">
        <v>35</v>
      </c>
      <c r="S6467" s="236" t="e">
        <f t="shared" si="1507"/>
        <v>#N/A</v>
      </c>
      <c r="T6467" s="236">
        <f t="shared" si="1494"/>
        <v>36.65333437121884</v>
      </c>
    </row>
    <row r="6468" spans="2:20" x14ac:dyDescent="0.2">
      <c r="B6468" s="239">
        <v>64.206000000000003</v>
      </c>
      <c r="C6468" s="3">
        <f t="shared" si="1495"/>
        <v>64.198999999999998</v>
      </c>
      <c r="D6468" s="239">
        <v>38.077300000000001</v>
      </c>
      <c r="E6468" s="239">
        <v>0.16650000000000001</v>
      </c>
      <c r="F6468" s="239">
        <v>0.53280000000000005</v>
      </c>
      <c r="G6468">
        <f t="shared" si="1496"/>
        <v>38.183860000000003</v>
      </c>
      <c r="H6468" s="235">
        <f t="shared" si="1497"/>
        <v>0.43604811037962116</v>
      </c>
      <c r="I6468" s="236">
        <f t="shared" si="1498"/>
        <v>20.665953342686642</v>
      </c>
      <c r="J6468" s="237">
        <f t="shared" si="1503"/>
        <v>10.665953342686642</v>
      </c>
      <c r="K6468" s="237">
        <f t="shared" si="1499"/>
        <v>1326.7335386471398</v>
      </c>
      <c r="L6468" s="237">
        <f t="shared" si="1504"/>
        <v>684.81820032053861</v>
      </c>
      <c r="M6468" s="236">
        <f t="shared" si="1500"/>
        <v>53.820307994298886</v>
      </c>
      <c r="N6468" s="236">
        <f t="shared" si="1501"/>
        <v>0.45174438700365388</v>
      </c>
      <c r="O6468" s="236">
        <f t="shared" si="1505"/>
        <v>1.9467268795649439</v>
      </c>
      <c r="P6468" s="236" t="str">
        <f t="shared" si="1506"/>
        <v>SAND</v>
      </c>
      <c r="Q6468" s="236" t="e">
        <f t="shared" si="1502"/>
        <v>#N/A</v>
      </c>
      <c r="R6468" s="238">
        <v>35</v>
      </c>
      <c r="S6468" s="236" t="e">
        <f t="shared" si="1507"/>
        <v>#N/A</v>
      </c>
      <c r="T6468" s="236">
        <f t="shared" si="1494"/>
        <v>36.640407966208606</v>
      </c>
    </row>
    <row r="6469" spans="2:20" x14ac:dyDescent="0.2">
      <c r="B6469" s="239">
        <v>64.212999999999994</v>
      </c>
      <c r="C6469" s="3">
        <f t="shared" si="1495"/>
        <v>64.205999999999989</v>
      </c>
      <c r="D6469" s="239">
        <v>38.231299999999997</v>
      </c>
      <c r="E6469" s="239">
        <v>0.1711</v>
      </c>
      <c r="F6469" s="239">
        <v>0.50629999999999997</v>
      </c>
      <c r="G6469">
        <f t="shared" si="1496"/>
        <v>38.332560000000001</v>
      </c>
      <c r="H6469" s="235">
        <f t="shared" si="1497"/>
        <v>0.44635683085084848</v>
      </c>
      <c r="I6469" s="236">
        <f t="shared" si="1498"/>
        <v>20.699429121857271</v>
      </c>
      <c r="J6469" s="237">
        <f t="shared" si="1503"/>
        <v>10.699429121857271</v>
      </c>
      <c r="K6469" s="237">
        <f t="shared" si="1499"/>
        <v>1329.0275461979677</v>
      </c>
      <c r="L6469" s="237">
        <f t="shared" si="1504"/>
        <v>687.0424422018209</v>
      </c>
      <c r="M6469" s="236">
        <f t="shared" si="1500"/>
        <v>53.859165287101902</v>
      </c>
      <c r="N6469" s="236">
        <f t="shared" si="1501"/>
        <v>0.46238828742529925</v>
      </c>
      <c r="O6469" s="236">
        <f t="shared" si="1505"/>
        <v>1.9510138887773936</v>
      </c>
      <c r="P6469" s="236" t="str">
        <f t="shared" si="1506"/>
        <v>SAND</v>
      </c>
      <c r="Q6469" s="236" t="e">
        <f t="shared" si="1502"/>
        <v>#N/A</v>
      </c>
      <c r="R6469" s="238">
        <v>35</v>
      </c>
      <c r="S6469" s="236" t="e">
        <f t="shared" si="1507"/>
        <v>#N/A</v>
      </c>
      <c r="T6469" s="236">
        <f t="shared" si="1494"/>
        <v>36.64385580243416</v>
      </c>
    </row>
    <row r="6470" spans="2:20" x14ac:dyDescent="0.2">
      <c r="B6470" s="239">
        <v>64.221000000000004</v>
      </c>
      <c r="C6470" s="3">
        <f t="shared" si="1495"/>
        <v>64.213999999999999</v>
      </c>
      <c r="D6470" s="239">
        <v>38.464300000000001</v>
      </c>
      <c r="E6470" s="239">
        <v>0.1741</v>
      </c>
      <c r="F6470" s="239">
        <v>0.51080000000000003</v>
      </c>
      <c r="G6470">
        <f t="shared" si="1496"/>
        <v>38.566459999999999</v>
      </c>
      <c r="H6470" s="235">
        <f t="shared" si="1497"/>
        <v>0.45142852105171183</v>
      </c>
      <c r="I6470" s="236">
        <f t="shared" si="1498"/>
        <v>20.722188535679464</v>
      </c>
      <c r="J6470" s="237">
        <f t="shared" si="1503"/>
        <v>10.722188535679464</v>
      </c>
      <c r="K6470" s="237">
        <f t="shared" si="1499"/>
        <v>1330.6546146301212</v>
      </c>
      <c r="L6470" s="237">
        <f t="shared" si="1504"/>
        <v>688.58966994987088</v>
      </c>
      <c r="M6470" s="236">
        <f t="shared" si="1500"/>
        <v>54.075463240801497</v>
      </c>
      <c r="N6470" s="236">
        <f t="shared" si="1501"/>
        <v>0.46756072065089455</v>
      </c>
      <c r="O6470" s="236">
        <f t="shared" si="1505"/>
        <v>1.9516607894924722</v>
      </c>
      <c r="P6470" s="236" t="str">
        <f t="shared" si="1506"/>
        <v>SAND</v>
      </c>
      <c r="Q6470" s="236" t="e">
        <f t="shared" si="1502"/>
        <v>#N/A</v>
      </c>
      <c r="R6470" s="238">
        <v>35</v>
      </c>
      <c r="S6470" s="236" t="e">
        <f t="shared" si="1507"/>
        <v>#N/A</v>
      </c>
      <c r="T6470" s="236">
        <f t="shared" si="1494"/>
        <v>36.663002733913757</v>
      </c>
    </row>
    <row r="6471" spans="2:20" x14ac:dyDescent="0.2">
      <c r="B6471" s="239">
        <v>64.23</v>
      </c>
      <c r="C6471" s="3">
        <f t="shared" si="1495"/>
        <v>64.222999999999999</v>
      </c>
      <c r="D6471" s="239">
        <v>38.594999999999999</v>
      </c>
      <c r="E6471" s="239">
        <v>0.1784</v>
      </c>
      <c r="F6471" s="239">
        <v>0.49390000000000001</v>
      </c>
      <c r="G6471">
        <f t="shared" si="1496"/>
        <v>38.693779999999997</v>
      </c>
      <c r="H6471" s="235">
        <f t="shared" si="1497"/>
        <v>0.46105601468763197</v>
      </c>
      <c r="I6471" s="236">
        <f t="shared" si="1498"/>
        <v>20.752086191757023</v>
      </c>
      <c r="J6471" s="237">
        <f t="shared" si="1503"/>
        <v>10.752086191757023</v>
      </c>
      <c r="K6471" s="237">
        <f t="shared" si="1499"/>
        <v>1332.7612314932112</v>
      </c>
      <c r="L6471" s="237">
        <f t="shared" si="1504"/>
        <v>690.60649609655366</v>
      </c>
      <c r="M6471" s="236">
        <f t="shared" si="1500"/>
        <v>54.098852211322587</v>
      </c>
      <c r="N6471" s="236">
        <f t="shared" si="1501"/>
        <v>0.47750303894384444</v>
      </c>
      <c r="O6471" s="236">
        <f t="shared" si="1505"/>
        <v>1.955677336958773</v>
      </c>
      <c r="P6471" s="236" t="str">
        <f t="shared" si="1506"/>
        <v>SAND</v>
      </c>
      <c r="Q6471" s="236" t="e">
        <f t="shared" si="1502"/>
        <v>#N/A</v>
      </c>
      <c r="R6471" s="238">
        <v>35</v>
      </c>
      <c r="S6471" s="236" t="e">
        <f t="shared" si="1507"/>
        <v>#N/A</v>
      </c>
      <c r="T6471" s="236">
        <f t="shared" si="1494"/>
        <v>36.665068560916325</v>
      </c>
    </row>
    <row r="6472" spans="2:20" x14ac:dyDescent="0.2">
      <c r="B6472" s="239">
        <v>64.238</v>
      </c>
      <c r="C6472" s="3">
        <f t="shared" si="1495"/>
        <v>64.230999999999995</v>
      </c>
      <c r="D6472" s="239">
        <v>38.640300000000003</v>
      </c>
      <c r="E6472" s="239">
        <v>0.1782</v>
      </c>
      <c r="F6472" s="239">
        <v>0.43880000000000002</v>
      </c>
      <c r="G6472">
        <f t="shared" si="1496"/>
        <v>38.728060000000006</v>
      </c>
      <c r="H6472" s="235">
        <f t="shared" si="1497"/>
        <v>0.46013149122367597</v>
      </c>
      <c r="I6472" s="236">
        <f t="shared" si="1498"/>
        <v>20.751117011798055</v>
      </c>
      <c r="J6472" s="237">
        <f t="shared" si="1503"/>
        <v>10.751117011798055</v>
      </c>
      <c r="K6472" s="237">
        <f t="shared" si="1499"/>
        <v>1332.8649967848007</v>
      </c>
      <c r="L6472" s="237">
        <f t="shared" si="1504"/>
        <v>690.63025460388349</v>
      </c>
      <c r="M6472" s="236">
        <f t="shared" si="1500"/>
        <v>54.146476720258242</v>
      </c>
      <c r="N6472" s="236">
        <f t="shared" si="1501"/>
        <v>0.47653181106470638</v>
      </c>
      <c r="O6472" s="236">
        <f t="shared" si="1505"/>
        <v>1.9549315838595132</v>
      </c>
      <c r="P6472" s="236" t="str">
        <f t="shared" si="1506"/>
        <v>SAND</v>
      </c>
      <c r="Q6472" s="236" t="e">
        <f t="shared" si="1502"/>
        <v>#N/A</v>
      </c>
      <c r="R6472" s="238">
        <v>35</v>
      </c>
      <c r="S6472" s="236" t="e">
        <f t="shared" si="1507"/>
        <v>#N/A</v>
      </c>
      <c r="T6472" s="236">
        <f t="shared" si="1494"/>
        <v>36.669272228505513</v>
      </c>
    </row>
    <row r="6473" spans="2:20" x14ac:dyDescent="0.2">
      <c r="B6473" s="239">
        <v>64.245000000000005</v>
      </c>
      <c r="C6473" s="3">
        <f t="shared" si="1495"/>
        <v>64.238</v>
      </c>
      <c r="D6473" s="239">
        <v>38.620199999999997</v>
      </c>
      <c r="E6473" s="239">
        <v>0.17799999999999999</v>
      </c>
      <c r="F6473" s="239">
        <v>0.47689999999999999</v>
      </c>
      <c r="G6473">
        <f t="shared" si="1496"/>
        <v>38.715579999999996</v>
      </c>
      <c r="H6473" s="235">
        <f t="shared" si="1497"/>
        <v>0.45976322710392048</v>
      </c>
      <c r="I6473" s="236">
        <f t="shared" si="1498"/>
        <v>20.749674253468168</v>
      </c>
      <c r="J6473" s="237">
        <f t="shared" si="1503"/>
        <v>10.749674253468168</v>
      </c>
      <c r="K6473" s="237">
        <f t="shared" si="1499"/>
        <v>1332.9175746942881</v>
      </c>
      <c r="L6473" s="237">
        <f t="shared" si="1504"/>
        <v>690.61282241406252</v>
      </c>
      <c r="M6473" s="236">
        <f t="shared" si="1500"/>
        <v>54.129696426187451</v>
      </c>
      <c r="N6473" s="236">
        <f t="shared" si="1501"/>
        <v>0.47615656149601909</v>
      </c>
      <c r="O6473" s="236">
        <f t="shared" si="1505"/>
        <v>1.9548940126113297</v>
      </c>
      <c r="P6473" s="236" t="str">
        <f t="shared" si="1506"/>
        <v>SAND</v>
      </c>
      <c r="Q6473" s="236" t="e">
        <f t="shared" si="1502"/>
        <v>#N/A</v>
      </c>
      <c r="R6473" s="238">
        <v>35</v>
      </c>
      <c r="S6473" s="236" t="e">
        <f t="shared" si="1507"/>
        <v>#N/A</v>
      </c>
      <c r="T6473" s="236">
        <f t="shared" si="1494"/>
        <v>36.667791506041311</v>
      </c>
    </row>
    <row r="6474" spans="2:20" x14ac:dyDescent="0.2">
      <c r="B6474" s="239">
        <v>64.251999999999995</v>
      </c>
      <c r="C6474" s="3">
        <f t="shared" si="1495"/>
        <v>64.24499999999999</v>
      </c>
      <c r="D6474" s="239">
        <v>38.203099999999999</v>
      </c>
      <c r="E6474" s="239">
        <v>0.18060000000000001</v>
      </c>
      <c r="F6474" s="239">
        <v>0.4788</v>
      </c>
      <c r="G6474">
        <f t="shared" si="1496"/>
        <v>38.298859999999998</v>
      </c>
      <c r="H6474" s="235">
        <f t="shared" si="1497"/>
        <v>0.47155450579991159</v>
      </c>
      <c r="I6474" s="236">
        <f t="shared" si="1498"/>
        <v>20.76244823081748</v>
      </c>
      <c r="J6474" s="237">
        <f t="shared" si="1503"/>
        <v>10.76244823081748</v>
      </c>
      <c r="K6474" s="237">
        <f t="shared" si="1499"/>
        <v>1333.8834865888689</v>
      </c>
      <c r="L6474" s="237">
        <f t="shared" si="1504"/>
        <v>691.50882372648471</v>
      </c>
      <c r="M6474" s="236">
        <f t="shared" si="1500"/>
        <v>53.455538447376398</v>
      </c>
      <c r="N6474" s="236">
        <f t="shared" si="1501"/>
        <v>0.48857057959844014</v>
      </c>
      <c r="O6474" s="236">
        <f t="shared" si="1505"/>
        <v>1.9648761439653273</v>
      </c>
      <c r="P6474" s="236" t="str">
        <f t="shared" si="1506"/>
        <v>SAND</v>
      </c>
      <c r="Q6474" s="236" t="e">
        <f t="shared" si="1502"/>
        <v>#N/A</v>
      </c>
      <c r="R6474" s="238">
        <v>35</v>
      </c>
      <c r="S6474" s="236" t="e">
        <f t="shared" si="1507"/>
        <v>#N/A</v>
      </c>
      <c r="T6474" s="236">
        <f t="shared" si="1494"/>
        <v>36.6079197931642</v>
      </c>
    </row>
    <row r="6475" spans="2:20" x14ac:dyDescent="0.2">
      <c r="B6475" s="239">
        <v>64.259</v>
      </c>
      <c r="C6475" s="3">
        <f t="shared" si="1495"/>
        <v>64.251999999999995</v>
      </c>
      <c r="D6475" s="239">
        <v>37.795999999999999</v>
      </c>
      <c r="E6475" s="239">
        <v>0.18029999999999999</v>
      </c>
      <c r="F6475" s="239">
        <v>0.47210000000000002</v>
      </c>
      <c r="G6475">
        <f t="shared" si="1496"/>
        <v>37.890419999999999</v>
      </c>
      <c r="H6475" s="235">
        <f t="shared" si="1497"/>
        <v>0.4758458734424163</v>
      </c>
      <c r="I6475" s="236">
        <f t="shared" si="1498"/>
        <v>20.756307993885486</v>
      </c>
      <c r="J6475" s="237">
        <f t="shared" si="1503"/>
        <v>10.756307993885486</v>
      </c>
      <c r="K6475" s="237">
        <f t="shared" si="1499"/>
        <v>1333.63430122313</v>
      </c>
      <c r="L6475" s="237">
        <f t="shared" si="1504"/>
        <v>691.18959537908745</v>
      </c>
      <c r="M6475" s="236">
        <f t="shared" si="1500"/>
        <v>52.889664345608473</v>
      </c>
      <c r="N6475" s="236">
        <f t="shared" si="1501"/>
        <v>0.4932052874824619</v>
      </c>
      <c r="O6475" s="236">
        <f t="shared" si="1505"/>
        <v>1.9708711649707591</v>
      </c>
      <c r="P6475" s="236" t="str">
        <f t="shared" si="1506"/>
        <v>SAND</v>
      </c>
      <c r="Q6475" s="236" t="e">
        <f t="shared" si="1502"/>
        <v>#N/A</v>
      </c>
      <c r="R6475" s="238">
        <v>35</v>
      </c>
      <c r="S6475" s="236" t="e">
        <f t="shared" si="1507"/>
        <v>#N/A</v>
      </c>
      <c r="T6475" s="236">
        <f t="shared" si="1494"/>
        <v>36.557078919446703</v>
      </c>
    </row>
    <row r="6476" spans="2:20" x14ac:dyDescent="0.2">
      <c r="B6476" s="239">
        <v>64.266999999999996</v>
      </c>
      <c r="C6476" s="3">
        <f t="shared" si="1495"/>
        <v>64.259999999999991</v>
      </c>
      <c r="D6476" s="239">
        <v>38.025199999999998</v>
      </c>
      <c r="E6476" s="239">
        <v>0.16889999999999999</v>
      </c>
      <c r="F6476" s="239">
        <v>0.48180000000000001</v>
      </c>
      <c r="G6476">
        <f t="shared" si="1496"/>
        <v>38.121559999999995</v>
      </c>
      <c r="H6476" s="235">
        <f t="shared" si="1497"/>
        <v>0.44305637020100969</v>
      </c>
      <c r="I6476" s="236">
        <f t="shared" si="1498"/>
        <v>20.682096706192624</v>
      </c>
      <c r="J6476" s="237">
        <f t="shared" si="1503"/>
        <v>10.682096706192624</v>
      </c>
      <c r="K6476" s="237">
        <f t="shared" si="1499"/>
        <v>1329.0315343399379</v>
      </c>
      <c r="L6476" s="237">
        <f t="shared" si="1504"/>
        <v>686.50630901688135</v>
      </c>
      <c r="M6476" s="236">
        <f t="shared" si="1500"/>
        <v>53.593867940338654</v>
      </c>
      <c r="N6476" s="236">
        <f t="shared" si="1501"/>
        <v>0.45906059475537581</v>
      </c>
      <c r="O6476" s="236">
        <f t="shared" si="1505"/>
        <v>1.9515058166013888</v>
      </c>
      <c r="P6476" s="236" t="str">
        <f t="shared" si="1506"/>
        <v>SAND</v>
      </c>
      <c r="Q6476" s="236" t="e">
        <f t="shared" si="1502"/>
        <v>#N/A</v>
      </c>
      <c r="R6476" s="238">
        <v>35</v>
      </c>
      <c r="S6476" s="236" t="e">
        <f t="shared" si="1507"/>
        <v>#N/A</v>
      </c>
      <c r="T6476" s="236">
        <f t="shared" si="1494"/>
        <v>36.620266119601212</v>
      </c>
    </row>
    <row r="6477" spans="2:20" x14ac:dyDescent="0.2">
      <c r="B6477" s="239">
        <v>64.275999999999996</v>
      </c>
      <c r="C6477" s="3">
        <f t="shared" si="1495"/>
        <v>64.268999999999991</v>
      </c>
      <c r="D6477" s="239">
        <v>38.674300000000002</v>
      </c>
      <c r="E6477" s="239">
        <v>0.16789999999999999</v>
      </c>
      <c r="F6477" s="239">
        <v>0.47370000000000001</v>
      </c>
      <c r="G6477">
        <f t="shared" si="1496"/>
        <v>38.769040000000004</v>
      </c>
      <c r="H6477" s="235">
        <f t="shared" si="1497"/>
        <v>0.43307752784180364</v>
      </c>
      <c r="I6477" s="236">
        <f t="shared" si="1498"/>
        <v>20.681716476371168</v>
      </c>
      <c r="J6477" s="237">
        <f t="shared" si="1503"/>
        <v>10.681716476371168</v>
      </c>
      <c r="K6477" s="237">
        <f t="shared" si="1499"/>
        <v>1329.1932362198984</v>
      </c>
      <c r="L6477" s="237">
        <f t="shared" si="1504"/>
        <v>686.57800823523314</v>
      </c>
      <c r="M6477" s="236">
        <f t="shared" si="1500"/>
        <v>54.531089424222543</v>
      </c>
      <c r="N6477" s="236">
        <f t="shared" si="1501"/>
        <v>0.44845269014944023</v>
      </c>
      <c r="O6477" s="236">
        <f t="shared" si="1505"/>
        <v>1.9402093465261676</v>
      </c>
      <c r="P6477" s="236" t="str">
        <f t="shared" si="1506"/>
        <v>SAND</v>
      </c>
      <c r="Q6477" s="236" t="e">
        <f t="shared" si="1502"/>
        <v>#N/A</v>
      </c>
      <c r="R6477" s="238">
        <v>35</v>
      </c>
      <c r="S6477" s="236" t="e">
        <f t="shared" si="1507"/>
        <v>#N/A</v>
      </c>
      <c r="T6477" s="236">
        <f t="shared" ref="T6477:T6540" si="1508">IF(P6477="SAND",17.6+(11*LOG(M6477)),#N/A)</f>
        <v>36.703085915380704</v>
      </c>
    </row>
    <row r="6478" spans="2:20" x14ac:dyDescent="0.2">
      <c r="B6478" s="239">
        <v>64.284000000000006</v>
      </c>
      <c r="C6478" s="3">
        <f t="shared" ref="C6478:C6541" si="1509">MAX($B6478 - $B$13, 0.001)</f>
        <v>64.277000000000001</v>
      </c>
      <c r="D6478" s="239">
        <v>38.400799999999997</v>
      </c>
      <c r="E6478" s="239">
        <v>0.16619999999999999</v>
      </c>
      <c r="F6478" s="239">
        <v>0.43719999999999998</v>
      </c>
      <c r="G6478">
        <f t="shared" si="1496"/>
        <v>38.488239999999998</v>
      </c>
      <c r="H6478" s="235">
        <f t="shared" si="1497"/>
        <v>0.431820213135233</v>
      </c>
      <c r="I6478" s="236">
        <f t="shared" si="1498"/>
        <v>20.666942053710727</v>
      </c>
      <c r="J6478" s="237">
        <f t="shared" si="1503"/>
        <v>10.666942053710727</v>
      </c>
      <c r="K6478" s="237">
        <f t="shared" si="1499"/>
        <v>1328.4090343863645</v>
      </c>
      <c r="L6478" s="237">
        <f t="shared" si="1504"/>
        <v>685.71370298074044</v>
      </c>
      <c r="M6478" s="236">
        <f t="shared" si="1500"/>
        <v>54.191466211165007</v>
      </c>
      <c r="N6478" s="236">
        <f t="shared" si="1501"/>
        <v>0.44725714751984602</v>
      </c>
      <c r="O6478" s="236">
        <f t="shared" si="1505"/>
        <v>1.9421137735355365</v>
      </c>
      <c r="P6478" s="236" t="str">
        <f t="shared" si="1506"/>
        <v>SAND</v>
      </c>
      <c r="Q6478" s="236" t="e">
        <f t="shared" si="1502"/>
        <v>#N/A</v>
      </c>
      <c r="R6478" s="238">
        <v>35</v>
      </c>
      <c r="S6478" s="236" t="e">
        <f t="shared" si="1507"/>
        <v>#N/A</v>
      </c>
      <c r="T6478" s="236">
        <f t="shared" si="1508"/>
        <v>36.673239916475723</v>
      </c>
    </row>
    <row r="6479" spans="2:20" x14ac:dyDescent="0.2">
      <c r="B6479" s="239">
        <v>64.293999999999997</v>
      </c>
      <c r="C6479" s="3">
        <f t="shared" si="1509"/>
        <v>64.286999999999992</v>
      </c>
      <c r="D6479" s="239">
        <v>38.0458</v>
      </c>
      <c r="E6479" s="239">
        <v>0.15709999999999999</v>
      </c>
      <c r="F6479" s="239">
        <v>0.42920000000000003</v>
      </c>
      <c r="G6479">
        <f t="shared" ref="G6479:G6542" si="1510">$D6479+($F6479*(1-$P$8))</f>
        <v>38.131639999999997</v>
      </c>
      <c r="H6479" s="235">
        <f t="shared" ref="H6479:H6542" si="1511">($E6479/$G6479)*100</f>
        <v>0.41199381930596224</v>
      </c>
      <c r="I6479" s="236">
        <f t="shared" ref="I6479:I6542" si="1512">((0.27*(LOG($H6479)))+(0.36*(LOG(($G6479*1000)/101)))+1.236)*10</f>
        <v>20.597275689774492</v>
      </c>
      <c r="J6479" s="237">
        <f t="shared" si="1503"/>
        <v>10.597275689774492</v>
      </c>
      <c r="K6479" s="237">
        <f t="shared" ref="K6479:K6542" si="1513">$I6479*$C6479</f>
        <v>1324.1370622685326</v>
      </c>
      <c r="L6479" s="237">
        <f t="shared" si="1504"/>
        <v>681.3412431983611</v>
      </c>
      <c r="M6479" s="236">
        <f t="shared" ref="M6479:M6542" si="1514">(($G6479*1000)-$K6479)/$L6479</f>
        <v>54.02212665851431</v>
      </c>
      <c r="N6479" s="236">
        <f t="shared" ref="N6479:N6542" si="1515">(($E6479*1000)/(($G6479*1000)-$K6479))*100</f>
        <v>0.42681515305662415</v>
      </c>
      <c r="O6479" s="236">
        <f t="shared" si="1505"/>
        <v>1.9343125254418543</v>
      </c>
      <c r="P6479" s="236" t="str">
        <f t="shared" si="1506"/>
        <v>SAND</v>
      </c>
      <c r="Q6479" s="236" t="e">
        <f t="shared" ref="Q6479:Q6542" si="1516">IF(P6479="CLAY",($G6479*1000 -$K6479)/$L$8,#N/A)</f>
        <v>#N/A</v>
      </c>
      <c r="R6479" s="238">
        <v>35</v>
      </c>
      <c r="S6479" s="236" t="e">
        <f t="shared" si="1507"/>
        <v>#N/A</v>
      </c>
      <c r="T6479" s="236">
        <f t="shared" si="1508"/>
        <v>36.658288444945889</v>
      </c>
    </row>
    <row r="6480" spans="2:20" x14ac:dyDescent="0.2">
      <c r="B6480" s="239">
        <v>64.302999999999997</v>
      </c>
      <c r="C6480" s="3">
        <f t="shared" si="1509"/>
        <v>64.295999999999992</v>
      </c>
      <c r="D6480" s="239">
        <v>37.44</v>
      </c>
      <c r="E6480" s="239">
        <v>0.1552</v>
      </c>
      <c r="F6480" s="239">
        <v>0.441</v>
      </c>
      <c r="G6480">
        <f t="shared" si="1510"/>
        <v>37.528199999999998</v>
      </c>
      <c r="H6480" s="235">
        <f t="shared" si="1511"/>
        <v>0.41355567280072053</v>
      </c>
      <c r="I6480" s="236">
        <f t="shared" si="1512"/>
        <v>20.576772651070144</v>
      </c>
      <c r="J6480" s="237">
        <f t="shared" ref="J6480:J6543" si="1517">$I6480-10</f>
        <v>10.576772651070144</v>
      </c>
      <c r="K6480" s="237">
        <f t="shared" si="1513"/>
        <v>1323.0041743732058</v>
      </c>
      <c r="L6480" s="237">
        <f t="shared" ref="L6480:L6543" si="1518">$J6480*$B6480</f>
        <v>680.11821178176342</v>
      </c>
      <c r="M6480" s="236">
        <f t="shared" si="1514"/>
        <v>53.233680849064406</v>
      </c>
      <c r="N6480" s="236">
        <f t="shared" si="1515"/>
        <v>0.42866775461588924</v>
      </c>
      <c r="O6480" s="236">
        <f t="shared" ref="O6480:O6543" si="1519">((3.47-LOG($M6480))^2+(LOG($N6480)+1.22)^2)^0.5</f>
        <v>1.9408749109699406</v>
      </c>
      <c r="P6480" s="236" t="str">
        <f t="shared" ref="P6480:P6543" si="1520">IF(O6480&lt;2.6,"SAND","CLAY")</f>
        <v>SAND</v>
      </c>
      <c r="Q6480" s="236" t="e">
        <f t="shared" si="1516"/>
        <v>#N/A</v>
      </c>
      <c r="R6480" s="238">
        <v>35</v>
      </c>
      <c r="S6480" s="236" t="e">
        <f t="shared" ref="S6480:S6543" si="1521">IF(P6480="SAND",#N/A,0.25*($M6480)^1.25)</f>
        <v>#N/A</v>
      </c>
      <c r="T6480" s="236">
        <f t="shared" si="1508"/>
        <v>36.588051462088977</v>
      </c>
    </row>
    <row r="6481" spans="2:20" x14ac:dyDescent="0.2">
      <c r="B6481" s="239">
        <v>64.313000000000002</v>
      </c>
      <c r="C6481" s="3">
        <f t="shared" si="1509"/>
        <v>64.305999999999997</v>
      </c>
      <c r="D6481" s="239">
        <v>36.5289</v>
      </c>
      <c r="E6481" s="239">
        <v>0.15190000000000001</v>
      </c>
      <c r="F6481" s="239">
        <v>0.43190000000000001</v>
      </c>
      <c r="G6481">
        <f t="shared" si="1510"/>
        <v>36.615279999999998</v>
      </c>
      <c r="H6481" s="235">
        <f t="shared" si="1511"/>
        <v>0.41485412647397485</v>
      </c>
      <c r="I6481" s="236">
        <f t="shared" si="1512"/>
        <v>20.541945167425464</v>
      </c>
      <c r="J6481" s="237">
        <f t="shared" si="1517"/>
        <v>10.541945167425464</v>
      </c>
      <c r="K6481" s="237">
        <f t="shared" si="1513"/>
        <v>1320.9703259364619</v>
      </c>
      <c r="L6481" s="237">
        <f t="shared" si="1518"/>
        <v>677.98411955263384</v>
      </c>
      <c r="M6481" s="236">
        <f t="shared" si="1514"/>
        <v>52.057723265483567</v>
      </c>
      <c r="N6481" s="236">
        <f t="shared" si="1515"/>
        <v>0.4303809917314394</v>
      </c>
      <c r="O6481" s="236">
        <f t="shared" si="1519"/>
        <v>1.9503536456770831</v>
      </c>
      <c r="P6481" s="236" t="str">
        <f t="shared" si="1520"/>
        <v>SAND</v>
      </c>
      <c r="Q6481" s="236" t="e">
        <f t="shared" si="1516"/>
        <v>#N/A</v>
      </c>
      <c r="R6481" s="238">
        <v>35</v>
      </c>
      <c r="S6481" s="236" t="e">
        <f t="shared" si="1521"/>
        <v>#N/A</v>
      </c>
      <c r="T6481" s="236">
        <f t="shared" si="1508"/>
        <v>36.481336874431875</v>
      </c>
    </row>
    <row r="6482" spans="2:20" x14ac:dyDescent="0.2">
      <c r="B6482" s="239">
        <v>64.322000000000003</v>
      </c>
      <c r="C6482" s="3">
        <f t="shared" si="1509"/>
        <v>64.314999999999998</v>
      </c>
      <c r="D6482" s="239">
        <v>35.659199999999998</v>
      </c>
      <c r="E6482" s="239">
        <v>0.15160000000000001</v>
      </c>
      <c r="F6482" s="239">
        <v>0.4511</v>
      </c>
      <c r="G6482">
        <f t="shared" si="1510"/>
        <v>35.749420000000001</v>
      </c>
      <c r="H6482" s="235">
        <f t="shared" si="1511"/>
        <v>0.42406282395630479</v>
      </c>
      <c r="I6482" s="236">
        <f t="shared" si="1512"/>
        <v>20.53027299804689</v>
      </c>
      <c r="J6482" s="237">
        <f t="shared" si="1517"/>
        <v>10.53027299804689</v>
      </c>
      <c r="K6482" s="237">
        <f t="shared" si="1513"/>
        <v>1320.4045078693857</v>
      </c>
      <c r="L6482" s="237">
        <f t="shared" si="1518"/>
        <v>677.32821978037202</v>
      </c>
      <c r="M6482" s="236">
        <f t="shared" si="1514"/>
        <v>50.830623155335878</v>
      </c>
      <c r="N6482" s="236">
        <f t="shared" si="1515"/>
        <v>0.44032627083005327</v>
      </c>
      <c r="O6482" s="236">
        <f t="shared" si="1519"/>
        <v>1.9640163032748292</v>
      </c>
      <c r="P6482" s="236" t="str">
        <f t="shared" si="1520"/>
        <v>SAND</v>
      </c>
      <c r="Q6482" s="236" t="e">
        <f t="shared" si="1516"/>
        <v>#N/A</v>
      </c>
      <c r="R6482" s="238">
        <v>35</v>
      </c>
      <c r="S6482" s="236" t="e">
        <f t="shared" si="1521"/>
        <v>#N/A</v>
      </c>
      <c r="T6482" s="236">
        <f t="shared" si="1508"/>
        <v>36.367379773401254</v>
      </c>
    </row>
    <row r="6483" spans="2:20" x14ac:dyDescent="0.2">
      <c r="B6483" s="239">
        <v>64.331000000000003</v>
      </c>
      <c r="C6483" s="3">
        <f t="shared" si="1509"/>
        <v>64.323999999999998</v>
      </c>
      <c r="D6483" s="239">
        <v>34.6768</v>
      </c>
      <c r="E6483" s="239">
        <v>0.1512</v>
      </c>
      <c r="F6483" s="239">
        <v>0.44769999999999999</v>
      </c>
      <c r="G6483">
        <f t="shared" si="1510"/>
        <v>34.76634</v>
      </c>
      <c r="H6483" s="235">
        <f t="shared" si="1511"/>
        <v>0.43490341519987435</v>
      </c>
      <c r="I6483" s="236">
        <f t="shared" si="1512"/>
        <v>20.516275966290056</v>
      </c>
      <c r="J6483" s="237">
        <f t="shared" si="1517"/>
        <v>10.516275966290056</v>
      </c>
      <c r="K6483" s="237">
        <f t="shared" si="1513"/>
        <v>1319.6889352556416</v>
      </c>
      <c r="L6483" s="237">
        <f t="shared" si="1518"/>
        <v>676.52254918740562</v>
      </c>
      <c r="M6483" s="236">
        <f t="shared" si="1514"/>
        <v>49.439077980354497</v>
      </c>
      <c r="N6483" s="236">
        <f t="shared" si="1515"/>
        <v>0.45206319672278872</v>
      </c>
      <c r="O6483" s="236">
        <f t="shared" si="1519"/>
        <v>1.9798736403619757</v>
      </c>
      <c r="P6483" s="236" t="str">
        <f t="shared" si="1520"/>
        <v>SAND</v>
      </c>
      <c r="Q6483" s="236" t="e">
        <f t="shared" si="1516"/>
        <v>#N/A</v>
      </c>
      <c r="R6483" s="238">
        <v>35</v>
      </c>
      <c r="S6483" s="236" t="e">
        <f t="shared" si="1521"/>
        <v>#N/A</v>
      </c>
      <c r="T6483" s="236">
        <f t="shared" si="1508"/>
        <v>36.234773990057462</v>
      </c>
    </row>
    <row r="6484" spans="2:20" x14ac:dyDescent="0.2">
      <c r="B6484" s="239">
        <v>64.34</v>
      </c>
      <c r="C6484" s="3">
        <f t="shared" si="1509"/>
        <v>64.332999999999998</v>
      </c>
      <c r="D6484" s="239">
        <v>33.878</v>
      </c>
      <c r="E6484" s="239">
        <v>0.14680000000000001</v>
      </c>
      <c r="F6484" s="239">
        <v>0.4284</v>
      </c>
      <c r="G6484">
        <f t="shared" si="1510"/>
        <v>33.963679999999997</v>
      </c>
      <c r="H6484" s="235">
        <f t="shared" si="1511"/>
        <v>0.43222642540502099</v>
      </c>
      <c r="I6484" s="236">
        <f t="shared" si="1512"/>
        <v>20.472516670790206</v>
      </c>
      <c r="J6484" s="237">
        <f t="shared" si="1517"/>
        <v>10.472516670790206</v>
      </c>
      <c r="K6484" s="237">
        <f t="shared" si="1513"/>
        <v>1317.0584149819463</v>
      </c>
      <c r="L6484" s="237">
        <f t="shared" si="1518"/>
        <v>673.80172259864196</v>
      </c>
      <c r="M6484" s="236">
        <f t="shared" si="1514"/>
        <v>48.451377445445317</v>
      </c>
      <c r="N6484" s="236">
        <f t="shared" si="1515"/>
        <v>0.44966367995446249</v>
      </c>
      <c r="O6484" s="236">
        <f t="shared" si="1519"/>
        <v>1.9867222616850146</v>
      </c>
      <c r="P6484" s="236" t="str">
        <f t="shared" si="1520"/>
        <v>SAND</v>
      </c>
      <c r="Q6484" s="236" t="e">
        <f t="shared" si="1516"/>
        <v>#N/A</v>
      </c>
      <c r="R6484" s="238">
        <v>35</v>
      </c>
      <c r="S6484" s="236" t="e">
        <f t="shared" si="1521"/>
        <v>#N/A</v>
      </c>
      <c r="T6484" s="236">
        <f t="shared" si="1508"/>
        <v>36.138367411415146</v>
      </c>
    </row>
    <row r="6485" spans="2:20" x14ac:dyDescent="0.2">
      <c r="B6485" s="239">
        <v>64.350999999999999</v>
      </c>
      <c r="C6485" s="3">
        <f t="shared" si="1509"/>
        <v>64.343999999999994</v>
      </c>
      <c r="D6485" s="239">
        <v>33.052700000000002</v>
      </c>
      <c r="E6485" s="239">
        <v>0.14430000000000001</v>
      </c>
      <c r="F6485" s="239">
        <v>0.43090000000000001</v>
      </c>
      <c r="G6485">
        <f t="shared" si="1510"/>
        <v>33.13888</v>
      </c>
      <c r="H6485" s="235">
        <f t="shared" si="1511"/>
        <v>0.43544018385654559</v>
      </c>
      <c r="I6485" s="236">
        <f t="shared" si="1512"/>
        <v>20.442766192105395</v>
      </c>
      <c r="J6485" s="237">
        <f t="shared" si="1517"/>
        <v>10.442766192105395</v>
      </c>
      <c r="K6485" s="237">
        <f t="shared" si="1513"/>
        <v>1315.3693478648295</v>
      </c>
      <c r="L6485" s="237">
        <f t="shared" si="1518"/>
        <v>672.00244722817433</v>
      </c>
      <c r="M6485" s="236">
        <f t="shared" si="1514"/>
        <v>47.356242203281276</v>
      </c>
      <c r="N6485" s="236">
        <f t="shared" si="1515"/>
        <v>0.45343834493105606</v>
      </c>
      <c r="O6485" s="236">
        <f t="shared" si="1519"/>
        <v>1.9972368678951966</v>
      </c>
      <c r="P6485" s="236" t="str">
        <f t="shared" si="1520"/>
        <v>SAND</v>
      </c>
      <c r="Q6485" s="236" t="e">
        <f t="shared" si="1516"/>
        <v>#N/A</v>
      </c>
      <c r="R6485" s="238">
        <v>35</v>
      </c>
      <c r="S6485" s="236" t="e">
        <f t="shared" si="1521"/>
        <v>#N/A</v>
      </c>
      <c r="T6485" s="236">
        <f t="shared" si="1508"/>
        <v>36.029149564005237</v>
      </c>
    </row>
    <row r="6486" spans="2:20" x14ac:dyDescent="0.2">
      <c r="B6486" s="239">
        <v>64.36</v>
      </c>
      <c r="C6486" s="3">
        <f t="shared" si="1509"/>
        <v>64.352999999999994</v>
      </c>
      <c r="D6486" s="239">
        <v>32.2911</v>
      </c>
      <c r="E6486" s="239">
        <v>0.14449999999999999</v>
      </c>
      <c r="F6486" s="239">
        <v>0.4652</v>
      </c>
      <c r="G6486">
        <f t="shared" si="1510"/>
        <v>32.384140000000002</v>
      </c>
      <c r="H6486" s="235">
        <f t="shared" si="1511"/>
        <v>0.44620607494903364</v>
      </c>
      <c r="I6486" s="236">
        <f t="shared" si="1512"/>
        <v>20.435385373027515</v>
      </c>
      <c r="J6486" s="237">
        <f t="shared" si="1517"/>
        <v>10.435385373027515</v>
      </c>
      <c r="K6486" s="237">
        <f t="shared" si="1513"/>
        <v>1315.0783549104397</v>
      </c>
      <c r="L6486" s="237">
        <f t="shared" si="1518"/>
        <v>671.62140260805086</v>
      </c>
      <c r="M6486" s="236">
        <f t="shared" si="1514"/>
        <v>46.259784939017273</v>
      </c>
      <c r="N6486" s="236">
        <f t="shared" si="1515"/>
        <v>0.46509290061818803</v>
      </c>
      <c r="O6486" s="236">
        <f t="shared" si="1519"/>
        <v>2.0112226999620701</v>
      </c>
      <c r="P6486" s="236" t="str">
        <f t="shared" si="1520"/>
        <v>SAND</v>
      </c>
      <c r="Q6486" s="236" t="e">
        <f t="shared" si="1516"/>
        <v>#N/A</v>
      </c>
      <c r="R6486" s="238">
        <v>35</v>
      </c>
      <c r="S6486" s="236" t="e">
        <f t="shared" si="1521"/>
        <v>#N/A</v>
      </c>
      <c r="T6486" s="236">
        <f t="shared" si="1508"/>
        <v>35.917239703524942</v>
      </c>
    </row>
    <row r="6487" spans="2:20" x14ac:dyDescent="0.2">
      <c r="B6487" s="239">
        <v>64.37</v>
      </c>
      <c r="C6487" s="3">
        <f t="shared" si="1509"/>
        <v>64.363</v>
      </c>
      <c r="D6487" s="239">
        <v>31.5975</v>
      </c>
      <c r="E6487" s="239">
        <v>0.14399999999999999</v>
      </c>
      <c r="F6487" s="239">
        <v>0.48549999999999999</v>
      </c>
      <c r="G6487">
        <f t="shared" si="1510"/>
        <v>31.694600000000001</v>
      </c>
      <c r="H6487" s="235">
        <f t="shared" si="1511"/>
        <v>0.45433606986679115</v>
      </c>
      <c r="I6487" s="236">
        <f t="shared" si="1512"/>
        <v>20.422908530676782</v>
      </c>
      <c r="J6487" s="237">
        <f t="shared" si="1517"/>
        <v>10.422908530676782</v>
      </c>
      <c r="K6487" s="237">
        <f t="shared" si="1513"/>
        <v>1314.4796617599497</v>
      </c>
      <c r="L6487" s="237">
        <f t="shared" si="1518"/>
        <v>670.92262211966454</v>
      </c>
      <c r="M6487" s="236">
        <f t="shared" si="1514"/>
        <v>45.281108933634243</v>
      </c>
      <c r="N6487" s="236">
        <f t="shared" si="1515"/>
        <v>0.47399417249425568</v>
      </c>
      <c r="O6487" s="236">
        <f t="shared" si="1519"/>
        <v>2.0231920833077792</v>
      </c>
      <c r="P6487" s="236" t="str">
        <f t="shared" si="1520"/>
        <v>SAND</v>
      </c>
      <c r="Q6487" s="236" t="e">
        <f t="shared" si="1516"/>
        <v>#N/A</v>
      </c>
      <c r="R6487" s="238">
        <v>35</v>
      </c>
      <c r="S6487" s="236" t="e">
        <f t="shared" si="1521"/>
        <v>#N/A</v>
      </c>
      <c r="T6487" s="236">
        <f t="shared" si="1508"/>
        <v>35.815087595929128</v>
      </c>
    </row>
    <row r="6488" spans="2:20" x14ac:dyDescent="0.2">
      <c r="B6488" s="239">
        <v>64.379000000000005</v>
      </c>
      <c r="C6488" s="3">
        <f t="shared" si="1509"/>
        <v>64.372</v>
      </c>
      <c r="D6488" s="239">
        <v>30.956</v>
      </c>
      <c r="E6488" s="239">
        <v>0.14299999999999999</v>
      </c>
      <c r="F6488" s="239">
        <v>0.48320000000000002</v>
      </c>
      <c r="G6488">
        <f t="shared" si="1510"/>
        <v>31.05264</v>
      </c>
      <c r="H6488" s="235">
        <f t="shared" si="1511"/>
        <v>0.46050834969265086</v>
      </c>
      <c r="I6488" s="236">
        <f t="shared" si="1512"/>
        <v>20.406739031155823</v>
      </c>
      <c r="J6488" s="237">
        <f t="shared" si="1517"/>
        <v>10.406739031155823</v>
      </c>
      <c r="K6488" s="237">
        <f t="shared" si="1513"/>
        <v>1313.6226049135626</v>
      </c>
      <c r="L6488" s="237">
        <f t="shared" si="1518"/>
        <v>669.97545208678082</v>
      </c>
      <c r="M6488" s="236">
        <f t="shared" si="1514"/>
        <v>44.388219452605242</v>
      </c>
      <c r="N6488" s="236">
        <f t="shared" si="1515"/>
        <v>0.48084978094678699</v>
      </c>
      <c r="O6488" s="236">
        <f t="shared" si="1519"/>
        <v>2.0337094056231453</v>
      </c>
      <c r="P6488" s="236" t="str">
        <f t="shared" si="1520"/>
        <v>SAND</v>
      </c>
      <c r="Q6488" s="236" t="e">
        <f t="shared" si="1516"/>
        <v>#N/A</v>
      </c>
      <c r="R6488" s="238">
        <v>35</v>
      </c>
      <c r="S6488" s="236" t="e">
        <f t="shared" si="1521"/>
        <v>#N/A</v>
      </c>
      <c r="T6488" s="236">
        <f t="shared" si="1508"/>
        <v>35.719944969426543</v>
      </c>
    </row>
    <row r="6489" spans="2:20" x14ac:dyDescent="0.2">
      <c r="B6489" s="239">
        <v>64.388000000000005</v>
      </c>
      <c r="C6489" s="3">
        <f t="shared" si="1509"/>
        <v>64.381</v>
      </c>
      <c r="D6489" s="239">
        <v>30.113499999999998</v>
      </c>
      <c r="E6489" s="239">
        <v>0.1391</v>
      </c>
      <c r="F6489" s="239">
        <v>0.51690000000000003</v>
      </c>
      <c r="G6489">
        <f t="shared" si="1510"/>
        <v>30.21688</v>
      </c>
      <c r="H6489" s="235">
        <f t="shared" si="1511"/>
        <v>0.46033872458043323</v>
      </c>
      <c r="I6489" s="236">
        <f t="shared" si="1512"/>
        <v>20.363650963246517</v>
      </c>
      <c r="J6489" s="237">
        <f t="shared" si="1517"/>
        <v>10.363650963246517</v>
      </c>
      <c r="K6489" s="237">
        <f t="shared" si="1513"/>
        <v>1311.0322126647741</v>
      </c>
      <c r="L6489" s="237">
        <f t="shared" si="1518"/>
        <v>667.29475822151676</v>
      </c>
      <c r="M6489" s="236">
        <f t="shared" si="1514"/>
        <v>43.31796021352767</v>
      </c>
      <c r="N6489" s="236">
        <f t="shared" si="1515"/>
        <v>0.48121750665602375</v>
      </c>
      <c r="O6489" s="236">
        <f t="shared" si="1519"/>
        <v>2.0433615110729346</v>
      </c>
      <c r="P6489" s="236" t="str">
        <f t="shared" si="1520"/>
        <v>SAND</v>
      </c>
      <c r="Q6489" s="236" t="e">
        <f t="shared" si="1516"/>
        <v>#N/A</v>
      </c>
      <c r="R6489" s="238">
        <v>35</v>
      </c>
      <c r="S6489" s="236" t="e">
        <f t="shared" si="1521"/>
        <v>#N/A</v>
      </c>
      <c r="T6489" s="236">
        <f t="shared" si="1508"/>
        <v>35.603347978789742</v>
      </c>
    </row>
    <row r="6490" spans="2:20" x14ac:dyDescent="0.2">
      <c r="B6490" s="239">
        <v>64.397000000000006</v>
      </c>
      <c r="C6490" s="3">
        <f t="shared" si="1509"/>
        <v>64.39</v>
      </c>
      <c r="D6490" s="239">
        <v>29.461099999999998</v>
      </c>
      <c r="E6490" s="239">
        <v>0.13769999999999999</v>
      </c>
      <c r="F6490" s="239">
        <v>0.54069999999999996</v>
      </c>
      <c r="G6490">
        <f t="shared" si="1510"/>
        <v>29.569239999999997</v>
      </c>
      <c r="H6490" s="235">
        <f t="shared" si="1511"/>
        <v>0.46568663922373388</v>
      </c>
      <c r="I6490" s="236">
        <f t="shared" si="1512"/>
        <v>20.343320839115083</v>
      </c>
      <c r="J6490" s="237">
        <f t="shared" si="1517"/>
        <v>10.343320839115083</v>
      </c>
      <c r="K6490" s="237">
        <f t="shared" si="1513"/>
        <v>1309.9064288306201</v>
      </c>
      <c r="L6490" s="237">
        <f t="shared" si="1518"/>
        <v>666.07883207649411</v>
      </c>
      <c r="M6490" s="236">
        <f t="shared" si="1514"/>
        <v>42.426409923689043</v>
      </c>
      <c r="N6490" s="236">
        <f t="shared" si="1515"/>
        <v>0.48727263738619697</v>
      </c>
      <c r="O6490" s="236">
        <f t="shared" si="1519"/>
        <v>2.0538632162580104</v>
      </c>
      <c r="P6490" s="236" t="str">
        <f t="shared" si="1520"/>
        <v>SAND</v>
      </c>
      <c r="Q6490" s="236" t="e">
        <f t="shared" si="1516"/>
        <v>#N/A</v>
      </c>
      <c r="R6490" s="238">
        <v>35</v>
      </c>
      <c r="S6490" s="236" t="e">
        <f t="shared" si="1521"/>
        <v>#N/A</v>
      </c>
      <c r="T6490" s="236">
        <f t="shared" si="1508"/>
        <v>35.503999121781106</v>
      </c>
    </row>
    <row r="6491" spans="2:20" x14ac:dyDescent="0.2">
      <c r="B6491" s="239">
        <v>64.406999999999996</v>
      </c>
      <c r="C6491" s="3">
        <f t="shared" si="1509"/>
        <v>64.399999999999991</v>
      </c>
      <c r="D6491" s="239">
        <v>28.849699999999999</v>
      </c>
      <c r="E6491" s="239">
        <v>0.13850000000000001</v>
      </c>
      <c r="F6491" s="239">
        <v>0.54800000000000004</v>
      </c>
      <c r="G6491">
        <f t="shared" si="1510"/>
        <v>28.959299999999999</v>
      </c>
      <c r="H6491" s="235">
        <f t="shared" si="1511"/>
        <v>0.47825741644307707</v>
      </c>
      <c r="I6491" s="236">
        <f t="shared" si="1512"/>
        <v>20.341966696517623</v>
      </c>
      <c r="J6491" s="237">
        <f t="shared" si="1517"/>
        <v>10.341966696517623</v>
      </c>
      <c r="K6491" s="237">
        <f t="shared" si="1513"/>
        <v>1310.0226552557347</v>
      </c>
      <c r="L6491" s="237">
        <f t="shared" si="1518"/>
        <v>666.09504902261051</v>
      </c>
      <c r="M6491" s="236">
        <f t="shared" si="1514"/>
        <v>41.509507367327259</v>
      </c>
      <c r="N6491" s="236">
        <f t="shared" si="1515"/>
        <v>0.5009172510120844</v>
      </c>
      <c r="O6491" s="236">
        <f t="shared" si="1519"/>
        <v>2.0676863548469813</v>
      </c>
      <c r="P6491" s="236" t="str">
        <f t="shared" si="1520"/>
        <v>SAND</v>
      </c>
      <c r="Q6491" s="236" t="e">
        <f t="shared" si="1516"/>
        <v>#N/A</v>
      </c>
      <c r="R6491" s="238">
        <v>35</v>
      </c>
      <c r="S6491" s="236" t="e">
        <f t="shared" si="1521"/>
        <v>#N/A</v>
      </c>
      <c r="T6491" s="236">
        <f t="shared" si="1508"/>
        <v>35.399623371472792</v>
      </c>
    </row>
    <row r="6492" spans="2:20" x14ac:dyDescent="0.2">
      <c r="B6492" s="239">
        <v>64.415999999999997</v>
      </c>
      <c r="C6492" s="3">
        <f t="shared" si="1509"/>
        <v>64.408999999999992</v>
      </c>
      <c r="D6492" s="239">
        <v>28.315799999999999</v>
      </c>
      <c r="E6492" s="239">
        <v>0.13389999999999999</v>
      </c>
      <c r="F6492" s="239">
        <v>0.51249999999999996</v>
      </c>
      <c r="G6492">
        <f t="shared" si="1510"/>
        <v>28.418299999999999</v>
      </c>
      <c r="H6492" s="235">
        <f t="shared" si="1511"/>
        <v>0.47117526382647801</v>
      </c>
      <c r="I6492" s="236">
        <f t="shared" si="1512"/>
        <v>20.294988897462368</v>
      </c>
      <c r="J6492" s="237">
        <f t="shared" si="1517"/>
        <v>10.294988897462368</v>
      </c>
      <c r="K6492" s="237">
        <f t="shared" si="1513"/>
        <v>1307.1799398966534</v>
      </c>
      <c r="L6492" s="237">
        <f t="shared" si="1518"/>
        <v>663.16200481893588</v>
      </c>
      <c r="M6492" s="236">
        <f t="shared" si="1514"/>
        <v>40.881594336071068</v>
      </c>
      <c r="N6492" s="236">
        <f t="shared" si="1515"/>
        <v>0.4938932795958027</v>
      </c>
      <c r="O6492" s="236">
        <f t="shared" si="1519"/>
        <v>2.0709042226341046</v>
      </c>
      <c r="P6492" s="236" t="str">
        <f t="shared" si="1520"/>
        <v>SAND</v>
      </c>
      <c r="Q6492" s="236" t="e">
        <f t="shared" si="1516"/>
        <v>#N/A</v>
      </c>
      <c r="R6492" s="238">
        <v>35</v>
      </c>
      <c r="S6492" s="236" t="e">
        <f t="shared" si="1521"/>
        <v>#N/A</v>
      </c>
      <c r="T6492" s="236">
        <f t="shared" si="1508"/>
        <v>35.326806068970953</v>
      </c>
    </row>
    <row r="6493" spans="2:20" x14ac:dyDescent="0.2">
      <c r="B6493" s="239">
        <v>64.427000000000007</v>
      </c>
      <c r="C6493" s="3">
        <f t="shared" si="1509"/>
        <v>64.42</v>
      </c>
      <c r="D6493" s="239">
        <v>27.6313</v>
      </c>
      <c r="E6493" s="239">
        <v>0.13420000000000001</v>
      </c>
      <c r="F6493" s="239">
        <v>0.51160000000000005</v>
      </c>
      <c r="G6493">
        <f t="shared" si="1510"/>
        <v>27.733619999999998</v>
      </c>
      <c r="H6493" s="235">
        <f t="shared" si="1511"/>
        <v>0.48388922902960391</v>
      </c>
      <c r="I6493" s="236">
        <f t="shared" si="1512"/>
        <v>20.288080751716041</v>
      </c>
      <c r="J6493" s="237">
        <f t="shared" si="1517"/>
        <v>10.288080751716041</v>
      </c>
      <c r="K6493" s="237">
        <f t="shared" si="1513"/>
        <v>1306.9581620255474</v>
      </c>
      <c r="L6493" s="237">
        <f t="shared" si="1518"/>
        <v>662.83017859080951</v>
      </c>
      <c r="M6493" s="236">
        <f t="shared" si="1514"/>
        <v>39.869430649880897</v>
      </c>
      <c r="N6493" s="236">
        <f t="shared" si="1515"/>
        <v>0.50782047624024151</v>
      </c>
      <c r="O6493" s="236">
        <f t="shared" si="1519"/>
        <v>2.086012002156441</v>
      </c>
      <c r="P6493" s="236" t="str">
        <f t="shared" si="1520"/>
        <v>SAND</v>
      </c>
      <c r="Q6493" s="236" t="e">
        <f t="shared" si="1516"/>
        <v>#N/A</v>
      </c>
      <c r="R6493" s="238">
        <v>35</v>
      </c>
      <c r="S6493" s="236" t="e">
        <f t="shared" si="1521"/>
        <v>#N/A</v>
      </c>
      <c r="T6493" s="236">
        <f t="shared" si="1508"/>
        <v>35.2070403720409</v>
      </c>
    </row>
    <row r="6494" spans="2:20" x14ac:dyDescent="0.2">
      <c r="B6494" s="239">
        <v>64.436000000000007</v>
      </c>
      <c r="C6494" s="3">
        <f t="shared" si="1509"/>
        <v>64.429000000000002</v>
      </c>
      <c r="D6494" s="239">
        <v>27.061</v>
      </c>
      <c r="E6494" s="239">
        <v>0.1328</v>
      </c>
      <c r="F6494" s="239">
        <v>0.50060000000000004</v>
      </c>
      <c r="G6494">
        <f t="shared" si="1510"/>
        <v>27.16112</v>
      </c>
      <c r="H6494" s="235">
        <f t="shared" si="1511"/>
        <v>0.48893418239012232</v>
      </c>
      <c r="I6494" s="236">
        <f t="shared" si="1512"/>
        <v>20.267630763829896</v>
      </c>
      <c r="J6494" s="237">
        <f t="shared" si="1517"/>
        <v>10.267630763829896</v>
      </c>
      <c r="K6494" s="237">
        <f t="shared" si="1513"/>
        <v>1305.8231824827965</v>
      </c>
      <c r="L6494" s="237">
        <f t="shared" si="1518"/>
        <v>661.60505589814329</v>
      </c>
      <c r="M6494" s="236">
        <f t="shared" si="1514"/>
        <v>39.079654224253282</v>
      </c>
      <c r="N6494" s="236">
        <f t="shared" si="1515"/>
        <v>0.51362783006237533</v>
      </c>
      <c r="O6494" s="236">
        <f t="shared" si="1519"/>
        <v>2.0959904210060909</v>
      </c>
      <c r="P6494" s="236" t="str">
        <f t="shared" si="1520"/>
        <v>SAND</v>
      </c>
      <c r="Q6494" s="236" t="e">
        <f t="shared" si="1516"/>
        <v>#N/A</v>
      </c>
      <c r="R6494" s="238">
        <v>35</v>
      </c>
      <c r="S6494" s="236" t="e">
        <f t="shared" si="1521"/>
        <v>#N/A</v>
      </c>
      <c r="T6494" s="236">
        <f t="shared" si="1508"/>
        <v>35.111457836814139</v>
      </c>
    </row>
    <row r="6495" spans="2:20" x14ac:dyDescent="0.2">
      <c r="B6495" s="239">
        <v>64.445999999999998</v>
      </c>
      <c r="C6495" s="3">
        <f t="shared" si="1509"/>
        <v>64.438999999999993</v>
      </c>
      <c r="D6495" s="239">
        <v>26.45</v>
      </c>
      <c r="E6495" s="239">
        <v>0.1343</v>
      </c>
      <c r="F6495" s="239">
        <v>0.4587</v>
      </c>
      <c r="G6495">
        <f t="shared" si="1510"/>
        <v>26.541740000000001</v>
      </c>
      <c r="H6495" s="235">
        <f t="shared" si="1511"/>
        <v>0.50599546224173697</v>
      </c>
      <c r="I6495" s="236">
        <f t="shared" si="1512"/>
        <v>20.271784740088961</v>
      </c>
      <c r="J6495" s="237">
        <f t="shared" si="1517"/>
        <v>10.271784740088961</v>
      </c>
      <c r="K6495" s="237">
        <f t="shared" si="1513"/>
        <v>1306.2935368665924</v>
      </c>
      <c r="L6495" s="237">
        <f t="shared" si="1518"/>
        <v>661.97543935977319</v>
      </c>
      <c r="M6495" s="236">
        <f t="shared" si="1514"/>
        <v>38.121424093225826</v>
      </c>
      <c r="N6495" s="236">
        <f t="shared" si="1515"/>
        <v>0.53218792937228021</v>
      </c>
      <c r="O6495" s="236">
        <f t="shared" si="1519"/>
        <v>2.1125153561753942</v>
      </c>
      <c r="P6495" s="236" t="str">
        <f t="shared" si="1520"/>
        <v>SAND</v>
      </c>
      <c r="Q6495" s="236" t="e">
        <f t="shared" si="1516"/>
        <v>#N/A</v>
      </c>
      <c r="R6495" s="238">
        <v>35</v>
      </c>
      <c r="S6495" s="236" t="e">
        <f t="shared" si="1521"/>
        <v>#N/A</v>
      </c>
      <c r="T6495" s="236">
        <f t="shared" si="1508"/>
        <v>34.992860277186665</v>
      </c>
    </row>
    <row r="6496" spans="2:20" x14ac:dyDescent="0.2">
      <c r="B6496" s="239">
        <v>64.456000000000003</v>
      </c>
      <c r="C6496" s="3">
        <f t="shared" si="1509"/>
        <v>64.448999999999998</v>
      </c>
      <c r="D6496" s="239">
        <v>25.839200000000002</v>
      </c>
      <c r="E6496" s="239">
        <v>0.1356</v>
      </c>
      <c r="F6496" s="239">
        <v>0.46300000000000002</v>
      </c>
      <c r="G6496">
        <f t="shared" si="1510"/>
        <v>25.931800000000003</v>
      </c>
      <c r="H6496" s="235">
        <f t="shared" si="1511"/>
        <v>0.5229100949413461</v>
      </c>
      <c r="I6496" s="236">
        <f t="shared" si="1512"/>
        <v>20.27399361320418</v>
      </c>
      <c r="J6496" s="237">
        <f t="shared" si="1517"/>
        <v>10.27399361320418</v>
      </c>
      <c r="K6496" s="237">
        <f t="shared" si="1513"/>
        <v>1306.6386143773962</v>
      </c>
      <c r="L6496" s="237">
        <f t="shared" si="1518"/>
        <v>662.22053233268866</v>
      </c>
      <c r="M6496" s="236">
        <f t="shared" si="1514"/>
        <v>37.18574127999301</v>
      </c>
      <c r="N6496" s="236">
        <f t="shared" si="1515"/>
        <v>0.55065628962403479</v>
      </c>
      <c r="O6496" s="236">
        <f t="shared" si="1519"/>
        <v>2.1288168526925237</v>
      </c>
      <c r="P6496" s="236" t="str">
        <f t="shared" si="1520"/>
        <v>SAND</v>
      </c>
      <c r="Q6496" s="236" t="e">
        <f t="shared" si="1516"/>
        <v>#N/A</v>
      </c>
      <c r="R6496" s="238">
        <v>35</v>
      </c>
      <c r="S6496" s="236" t="e">
        <f t="shared" si="1521"/>
        <v>#N/A</v>
      </c>
      <c r="T6496" s="236">
        <f t="shared" si="1508"/>
        <v>34.87414087699166</v>
      </c>
    </row>
    <row r="6497" spans="2:20" x14ac:dyDescent="0.2">
      <c r="B6497" s="239">
        <v>64.465999999999994</v>
      </c>
      <c r="C6497" s="3">
        <f t="shared" si="1509"/>
        <v>64.458999999999989</v>
      </c>
      <c r="D6497" s="239">
        <v>25.304400000000001</v>
      </c>
      <c r="E6497" s="239">
        <v>0.13389999999999999</v>
      </c>
      <c r="F6497" s="239">
        <v>0.45779999999999998</v>
      </c>
      <c r="G6497">
        <f t="shared" si="1510"/>
        <v>25.395960000000002</v>
      </c>
      <c r="H6497" s="235">
        <f t="shared" si="1511"/>
        <v>0.52724921601703567</v>
      </c>
      <c r="I6497" s="236">
        <f t="shared" si="1512"/>
        <v>20.251038783244077</v>
      </c>
      <c r="J6497" s="237">
        <f t="shared" si="1517"/>
        <v>10.251038783244077</v>
      </c>
      <c r="K6497" s="237">
        <f t="shared" si="1513"/>
        <v>1305.3617089291297</v>
      </c>
      <c r="L6497" s="237">
        <f t="shared" si="1518"/>
        <v>660.84346620061262</v>
      </c>
      <c r="M6497" s="236">
        <f t="shared" si="1514"/>
        <v>36.45431864458758</v>
      </c>
      <c r="N6497" s="236">
        <f t="shared" si="1515"/>
        <v>0.55581849143875228</v>
      </c>
      <c r="O6497" s="236">
        <f t="shared" si="1519"/>
        <v>2.1383445962155201</v>
      </c>
      <c r="P6497" s="236" t="str">
        <f t="shared" si="1520"/>
        <v>SAND</v>
      </c>
      <c r="Q6497" s="236" t="e">
        <f t="shared" si="1516"/>
        <v>#N/A</v>
      </c>
      <c r="R6497" s="238">
        <v>35</v>
      </c>
      <c r="S6497" s="236" t="e">
        <f t="shared" si="1521"/>
        <v>#N/A</v>
      </c>
      <c r="T6497" s="236">
        <f t="shared" si="1508"/>
        <v>34.77923883934595</v>
      </c>
    </row>
    <row r="6498" spans="2:20" x14ac:dyDescent="0.2">
      <c r="B6498" s="239">
        <v>64.474999999999994</v>
      </c>
      <c r="C6498" s="3">
        <f t="shared" si="1509"/>
        <v>64.467999999999989</v>
      </c>
      <c r="D6498" s="239">
        <v>24.872399999999999</v>
      </c>
      <c r="E6498" s="239">
        <v>0.1358</v>
      </c>
      <c r="F6498" s="239">
        <v>0.47670000000000001</v>
      </c>
      <c r="G6498">
        <f t="shared" si="1510"/>
        <v>24.967739999999999</v>
      </c>
      <c r="H6498" s="235">
        <f t="shared" si="1511"/>
        <v>0.54390185094846399</v>
      </c>
      <c r="I6498" s="236">
        <f t="shared" si="1512"/>
        <v>20.260913743096729</v>
      </c>
      <c r="J6498" s="237">
        <f t="shared" si="1517"/>
        <v>10.260913743096729</v>
      </c>
      <c r="K6498" s="237">
        <f t="shared" si="1513"/>
        <v>1306.1805871899596</v>
      </c>
      <c r="L6498" s="237">
        <f t="shared" si="1518"/>
        <v>661.57241358616159</v>
      </c>
      <c r="M6498" s="236">
        <f t="shared" si="1514"/>
        <v>35.765637936063086</v>
      </c>
      <c r="N6498" s="236">
        <f t="shared" si="1515"/>
        <v>0.57392666996613828</v>
      </c>
      <c r="O6498" s="236">
        <f t="shared" si="1519"/>
        <v>2.1520368330301305</v>
      </c>
      <c r="P6498" s="236" t="str">
        <f t="shared" si="1520"/>
        <v>SAND</v>
      </c>
      <c r="Q6498" s="236" t="e">
        <f t="shared" si="1516"/>
        <v>#N/A</v>
      </c>
      <c r="R6498" s="238">
        <v>35</v>
      </c>
      <c r="S6498" s="236" t="e">
        <f t="shared" si="1521"/>
        <v>#N/A</v>
      </c>
      <c r="T6498" s="236">
        <f t="shared" si="1508"/>
        <v>34.688125733475808</v>
      </c>
    </row>
    <row r="6499" spans="2:20" x14ac:dyDescent="0.2">
      <c r="B6499" s="239">
        <v>64.486000000000004</v>
      </c>
      <c r="C6499" s="3">
        <f t="shared" si="1509"/>
        <v>64.478999999999999</v>
      </c>
      <c r="D6499" s="239">
        <v>24.492599999999999</v>
      </c>
      <c r="E6499" s="239">
        <v>0.13869999999999999</v>
      </c>
      <c r="F6499" s="239">
        <v>0.42809999999999998</v>
      </c>
      <c r="G6499">
        <f t="shared" si="1510"/>
        <v>24.578219999999998</v>
      </c>
      <c r="H6499" s="235">
        <f t="shared" si="1511"/>
        <v>0.56432076855036695</v>
      </c>
      <c r="I6499" s="236">
        <f t="shared" si="1512"/>
        <v>20.279544883834461</v>
      </c>
      <c r="J6499" s="237">
        <f t="shared" si="1517"/>
        <v>10.279544883834461</v>
      </c>
      <c r="K6499" s="237">
        <f t="shared" si="1513"/>
        <v>1307.6047745647622</v>
      </c>
      <c r="L6499" s="237">
        <f t="shared" si="1518"/>
        <v>662.88673137894909</v>
      </c>
      <c r="M6499" s="236">
        <f t="shared" si="1514"/>
        <v>35.104964579736382</v>
      </c>
      <c r="N6499" s="236">
        <f t="shared" si="1515"/>
        <v>0.59603065349298623</v>
      </c>
      <c r="O6499" s="236">
        <f t="shared" si="1519"/>
        <v>2.1667408330969895</v>
      </c>
      <c r="P6499" s="236" t="str">
        <f t="shared" si="1520"/>
        <v>SAND</v>
      </c>
      <c r="Q6499" s="236" t="e">
        <f t="shared" si="1516"/>
        <v>#N/A</v>
      </c>
      <c r="R6499" s="238">
        <v>35</v>
      </c>
      <c r="S6499" s="236" t="e">
        <f t="shared" si="1521"/>
        <v>#N/A</v>
      </c>
      <c r="T6499" s="236">
        <f t="shared" si="1508"/>
        <v>34.599053930933472</v>
      </c>
    </row>
    <row r="6500" spans="2:20" x14ac:dyDescent="0.2">
      <c r="B6500" s="239">
        <v>64.494</v>
      </c>
      <c r="C6500" s="3">
        <f t="shared" si="1509"/>
        <v>64.486999999999995</v>
      </c>
      <c r="D6500" s="239">
        <v>24.022400000000001</v>
      </c>
      <c r="E6500" s="239">
        <v>0.14099999999999999</v>
      </c>
      <c r="F6500" s="239">
        <v>0.41260000000000002</v>
      </c>
      <c r="G6500">
        <f t="shared" si="1510"/>
        <v>24.10492</v>
      </c>
      <c r="H6500" s="235">
        <f t="shared" si="1511"/>
        <v>0.58494282495025907</v>
      </c>
      <c r="I6500" s="236">
        <f t="shared" si="1512"/>
        <v>20.291229783578821</v>
      </c>
      <c r="J6500" s="237">
        <f t="shared" si="1517"/>
        <v>10.291229783578821</v>
      </c>
      <c r="K6500" s="237">
        <f t="shared" si="1513"/>
        <v>1308.5205350536473</v>
      </c>
      <c r="L6500" s="237">
        <f t="shared" si="1518"/>
        <v>663.7225736621325</v>
      </c>
      <c r="M6500" s="236">
        <f t="shared" si="1514"/>
        <v>34.346277148848095</v>
      </c>
      <c r="N6500" s="236">
        <f t="shared" si="1515"/>
        <v>0.61851872799831131</v>
      </c>
      <c r="O6500" s="236">
        <f t="shared" si="1519"/>
        <v>2.1825801351248009</v>
      </c>
      <c r="P6500" s="236" t="str">
        <f t="shared" si="1520"/>
        <v>SAND</v>
      </c>
      <c r="Q6500" s="236" t="e">
        <f t="shared" si="1516"/>
        <v>#N/A</v>
      </c>
      <c r="R6500" s="238">
        <v>35</v>
      </c>
      <c r="S6500" s="236" t="e">
        <f t="shared" si="1521"/>
        <v>#N/A</v>
      </c>
      <c r="T6500" s="236">
        <f t="shared" si="1508"/>
        <v>34.494676370353588</v>
      </c>
    </row>
    <row r="6501" spans="2:20" x14ac:dyDescent="0.2">
      <c r="B6501" s="239">
        <v>64.501999999999995</v>
      </c>
      <c r="C6501" s="3">
        <f t="shared" si="1509"/>
        <v>64.49499999999999</v>
      </c>
      <c r="D6501" s="239">
        <v>23.245999999999999</v>
      </c>
      <c r="E6501" s="239">
        <v>0.1431</v>
      </c>
      <c r="F6501" s="239">
        <v>0.42880000000000001</v>
      </c>
      <c r="G6501">
        <f t="shared" si="1510"/>
        <v>23.331759999999999</v>
      </c>
      <c r="H6501" s="235">
        <f t="shared" si="1511"/>
        <v>0.61332707005386644</v>
      </c>
      <c r="I6501" s="236">
        <f t="shared" si="1512"/>
        <v>20.295822815939573</v>
      </c>
      <c r="J6501" s="237">
        <f t="shared" si="1517"/>
        <v>10.295822815939573</v>
      </c>
      <c r="K6501" s="237">
        <f t="shared" si="1513"/>
        <v>1308.9790925140226</v>
      </c>
      <c r="L6501" s="237">
        <f t="shared" si="1518"/>
        <v>664.1011632737343</v>
      </c>
      <c r="M6501" s="236">
        <f t="shared" si="1514"/>
        <v>33.161786374417865</v>
      </c>
      <c r="N6501" s="236">
        <f t="shared" si="1515"/>
        <v>0.64978169923743601</v>
      </c>
      <c r="O6501" s="236">
        <f t="shared" si="1519"/>
        <v>2.2060419733062759</v>
      </c>
      <c r="P6501" s="236" t="str">
        <f t="shared" si="1520"/>
        <v>SAND</v>
      </c>
      <c r="Q6501" s="236" t="e">
        <f t="shared" si="1516"/>
        <v>#N/A</v>
      </c>
      <c r="R6501" s="238">
        <v>35</v>
      </c>
      <c r="S6501" s="236" t="e">
        <f t="shared" si="1521"/>
        <v>#N/A</v>
      </c>
      <c r="T6501" s="236">
        <f t="shared" si="1508"/>
        <v>34.327017090124286</v>
      </c>
    </row>
    <row r="6502" spans="2:20" x14ac:dyDescent="0.2">
      <c r="B6502" s="239">
        <v>64.513000000000005</v>
      </c>
      <c r="C6502" s="3">
        <f t="shared" si="1509"/>
        <v>64.506</v>
      </c>
      <c r="D6502" s="239">
        <v>23.097999999999999</v>
      </c>
      <c r="E6502" s="239">
        <v>0.14180000000000001</v>
      </c>
      <c r="F6502" s="239">
        <v>0.42149999999999999</v>
      </c>
      <c r="G6502">
        <f t="shared" si="1510"/>
        <v>23.182299999999998</v>
      </c>
      <c r="H6502" s="235">
        <f t="shared" si="1511"/>
        <v>0.61167356129460848</v>
      </c>
      <c r="I6502" s="236">
        <f t="shared" si="1512"/>
        <v>20.282609747194734</v>
      </c>
      <c r="J6502" s="237">
        <f t="shared" si="1517"/>
        <v>10.282609747194734</v>
      </c>
      <c r="K6502" s="237">
        <f t="shared" si="1513"/>
        <v>1308.3500243525434</v>
      </c>
      <c r="L6502" s="237">
        <f t="shared" si="1518"/>
        <v>663.36200262077386</v>
      </c>
      <c r="M6502" s="236">
        <f t="shared" si="1514"/>
        <v>32.974378829702431</v>
      </c>
      <c r="N6502" s="236">
        <f t="shared" si="1515"/>
        <v>0.64825968861530603</v>
      </c>
      <c r="O6502" s="236">
        <f t="shared" si="1519"/>
        <v>2.2077410462526044</v>
      </c>
      <c r="P6502" s="236" t="str">
        <f t="shared" si="1520"/>
        <v>SAND</v>
      </c>
      <c r="Q6502" s="236" t="e">
        <f t="shared" si="1516"/>
        <v>#N/A</v>
      </c>
      <c r="R6502" s="238">
        <v>35</v>
      </c>
      <c r="S6502" s="236" t="e">
        <f t="shared" si="1521"/>
        <v>#N/A</v>
      </c>
      <c r="T6502" s="236">
        <f t="shared" si="1508"/>
        <v>34.299942853768357</v>
      </c>
    </row>
    <row r="6503" spans="2:20" x14ac:dyDescent="0.2">
      <c r="B6503" s="239">
        <v>64.522000000000006</v>
      </c>
      <c r="C6503" s="3">
        <f t="shared" si="1509"/>
        <v>64.515000000000001</v>
      </c>
      <c r="D6503" s="239">
        <v>22.7075</v>
      </c>
      <c r="E6503" s="239">
        <v>0.14380000000000001</v>
      </c>
      <c r="F6503" s="239">
        <v>0.44319999999999998</v>
      </c>
      <c r="G6503">
        <f t="shared" si="1510"/>
        <v>22.796140000000001</v>
      </c>
      <c r="H6503" s="235">
        <f t="shared" si="1511"/>
        <v>0.63080854916665718</v>
      </c>
      <c r="I6503" s="236">
        <f t="shared" si="1512"/>
        <v>20.292467230642849</v>
      </c>
      <c r="J6503" s="237">
        <f t="shared" si="1517"/>
        <v>10.292467230642849</v>
      </c>
      <c r="K6503" s="237">
        <f t="shared" si="1513"/>
        <v>1309.1685233849234</v>
      </c>
      <c r="L6503" s="237">
        <f t="shared" si="1518"/>
        <v>664.09057065553793</v>
      </c>
      <c r="M6503" s="236">
        <f t="shared" si="1514"/>
        <v>32.355483462752417</v>
      </c>
      <c r="N6503" s="236">
        <f t="shared" si="1515"/>
        <v>0.66924275557633572</v>
      </c>
      <c r="O6503" s="236">
        <f t="shared" si="1519"/>
        <v>2.2214971279079854</v>
      </c>
      <c r="P6503" s="236" t="str">
        <f t="shared" si="1520"/>
        <v>SAND</v>
      </c>
      <c r="Q6503" s="236" t="e">
        <f t="shared" si="1516"/>
        <v>#N/A</v>
      </c>
      <c r="R6503" s="238">
        <v>35</v>
      </c>
      <c r="S6503" s="236" t="e">
        <f t="shared" si="1521"/>
        <v>#N/A</v>
      </c>
      <c r="T6503" s="236">
        <f t="shared" si="1508"/>
        <v>34.209426828834474</v>
      </c>
    </row>
    <row r="6504" spans="2:20" x14ac:dyDescent="0.2">
      <c r="B6504" s="239">
        <v>64.531999999999996</v>
      </c>
      <c r="C6504" s="3">
        <f t="shared" si="1509"/>
        <v>64.524999999999991</v>
      </c>
      <c r="D6504" s="239">
        <v>22.270199999999999</v>
      </c>
      <c r="E6504" s="239">
        <v>0.1447</v>
      </c>
      <c r="F6504" s="239">
        <v>0.47310000000000002</v>
      </c>
      <c r="G6504">
        <f t="shared" si="1510"/>
        <v>22.364819999999998</v>
      </c>
      <c r="H6504" s="235">
        <f t="shared" si="1511"/>
        <v>0.64699827675787247</v>
      </c>
      <c r="I6504" s="236">
        <f t="shared" si="1512"/>
        <v>20.292316954853998</v>
      </c>
      <c r="J6504" s="237">
        <f t="shared" si="1517"/>
        <v>10.292316954853998</v>
      </c>
      <c r="K6504" s="237">
        <f t="shared" si="1513"/>
        <v>1309.361751511954</v>
      </c>
      <c r="L6504" s="237">
        <f t="shared" si="1518"/>
        <v>664.18379773063816</v>
      </c>
      <c r="M6504" s="236">
        <f t="shared" si="1514"/>
        <v>31.70125245516325</v>
      </c>
      <c r="N6504" s="236">
        <f t="shared" si="1515"/>
        <v>0.68723272745864195</v>
      </c>
      <c r="O6504" s="236">
        <f t="shared" si="1519"/>
        <v>2.2347547014359517</v>
      </c>
      <c r="P6504" s="236" t="str">
        <f t="shared" si="1520"/>
        <v>SAND</v>
      </c>
      <c r="Q6504" s="236" t="e">
        <f t="shared" si="1516"/>
        <v>#N/A</v>
      </c>
      <c r="R6504" s="238">
        <v>35</v>
      </c>
      <c r="S6504" s="236" t="e">
        <f t="shared" si="1521"/>
        <v>#N/A</v>
      </c>
      <c r="T6504" s="236">
        <f t="shared" si="1508"/>
        <v>34.11184062760767</v>
      </c>
    </row>
    <row r="6505" spans="2:20" x14ac:dyDescent="0.2">
      <c r="B6505" s="239">
        <v>64.540999999999997</v>
      </c>
      <c r="C6505" s="3">
        <f t="shared" si="1509"/>
        <v>64.533999999999992</v>
      </c>
      <c r="D6505" s="239">
        <v>21.8139</v>
      </c>
      <c r="E6505" s="239">
        <v>0.14580000000000001</v>
      </c>
      <c r="F6505" s="239">
        <v>0.47289999999999999</v>
      </c>
      <c r="G6505">
        <f t="shared" si="1510"/>
        <v>21.908480000000001</v>
      </c>
      <c r="H6505" s="235">
        <f t="shared" si="1511"/>
        <v>0.66549573498480952</v>
      </c>
      <c r="I6505" s="236">
        <f t="shared" si="1512"/>
        <v>20.293139391847554</v>
      </c>
      <c r="J6505" s="237">
        <f t="shared" si="1517"/>
        <v>10.293139391847554</v>
      </c>
      <c r="K6505" s="237">
        <f t="shared" si="1513"/>
        <v>1309.5974575134899</v>
      </c>
      <c r="L6505" s="237">
        <f t="shared" si="1518"/>
        <v>664.32950948923292</v>
      </c>
      <c r="M6505" s="236">
        <f t="shared" si="1514"/>
        <v>31.007026254672741</v>
      </c>
      <c r="N6505" s="236">
        <f t="shared" si="1515"/>
        <v>0.70780538555563977</v>
      </c>
      <c r="O6505" s="236">
        <f t="shared" si="1519"/>
        <v>2.2492967217375237</v>
      </c>
      <c r="P6505" s="236" t="str">
        <f t="shared" si="1520"/>
        <v>SAND</v>
      </c>
      <c r="Q6505" s="236" t="e">
        <f t="shared" si="1516"/>
        <v>#N/A</v>
      </c>
      <c r="R6505" s="238">
        <v>35</v>
      </c>
      <c r="S6505" s="236" t="e">
        <f t="shared" si="1521"/>
        <v>#N/A</v>
      </c>
      <c r="T6505" s="236">
        <f t="shared" si="1508"/>
        <v>34.006061286906061</v>
      </c>
    </row>
    <row r="6506" spans="2:20" x14ac:dyDescent="0.2">
      <c r="B6506" s="239">
        <v>64.55</v>
      </c>
      <c r="C6506" s="3">
        <f t="shared" si="1509"/>
        <v>64.542999999999992</v>
      </c>
      <c r="D6506" s="239">
        <v>21.44</v>
      </c>
      <c r="E6506" s="239">
        <v>0.13919999999999999</v>
      </c>
      <c r="F6506" s="239">
        <v>0.49390000000000001</v>
      </c>
      <c r="G6506">
        <f t="shared" si="1510"/>
        <v>21.538780000000003</v>
      </c>
      <c r="H6506" s="235">
        <f t="shared" si="1511"/>
        <v>0.64627615863108301</v>
      </c>
      <c r="I6506" s="236">
        <f t="shared" si="1512"/>
        <v>20.232167979931582</v>
      </c>
      <c r="J6506" s="237">
        <f t="shared" si="1517"/>
        <v>10.232167979931582</v>
      </c>
      <c r="K6506" s="237">
        <f t="shared" si="1513"/>
        <v>1305.8448179287238</v>
      </c>
      <c r="L6506" s="237">
        <f t="shared" si="1518"/>
        <v>660.4864431045836</v>
      </c>
      <c r="M6506" s="236">
        <f t="shared" si="1514"/>
        <v>30.633384520305029</v>
      </c>
      <c r="N6506" s="236">
        <f t="shared" si="1515"/>
        <v>0.68798717905915741</v>
      </c>
      <c r="O6506" s="236">
        <f t="shared" si="1519"/>
        <v>2.2481010952055729</v>
      </c>
      <c r="P6506" s="236" t="str">
        <f t="shared" si="1520"/>
        <v>SAND</v>
      </c>
      <c r="Q6506" s="236" t="e">
        <f t="shared" si="1516"/>
        <v>#N/A</v>
      </c>
      <c r="R6506" s="238">
        <v>35</v>
      </c>
      <c r="S6506" s="236" t="e">
        <f t="shared" si="1521"/>
        <v>#N/A</v>
      </c>
      <c r="T6506" s="236">
        <f t="shared" si="1508"/>
        <v>33.948144805883999</v>
      </c>
    </row>
    <row r="6507" spans="2:20" x14ac:dyDescent="0.2">
      <c r="B6507" s="239">
        <v>64.558999999999997</v>
      </c>
      <c r="C6507" s="3">
        <f t="shared" si="1509"/>
        <v>64.551999999999992</v>
      </c>
      <c r="D6507" s="239">
        <v>21.053599999999999</v>
      </c>
      <c r="E6507" s="239">
        <v>0.1358</v>
      </c>
      <c r="F6507" s="239">
        <v>0.51249999999999996</v>
      </c>
      <c r="G6507">
        <f t="shared" si="1510"/>
        <v>21.156099999999999</v>
      </c>
      <c r="H6507" s="235">
        <f t="shared" si="1511"/>
        <v>0.64189524534295073</v>
      </c>
      <c r="I6507" s="236">
        <f t="shared" si="1512"/>
        <v>20.196164483277975</v>
      </c>
      <c r="J6507" s="237">
        <f t="shared" si="1517"/>
        <v>10.196164483277975</v>
      </c>
      <c r="K6507" s="237">
        <f t="shared" si="1513"/>
        <v>1303.7028097245598</v>
      </c>
      <c r="L6507" s="237">
        <f t="shared" si="1518"/>
        <v>658.25418287594277</v>
      </c>
      <c r="M6507" s="236">
        <f t="shared" si="1514"/>
        <v>30.159166028447252</v>
      </c>
      <c r="N6507" s="236">
        <f t="shared" si="1515"/>
        <v>0.68404837309280064</v>
      </c>
      <c r="O6507" s="236">
        <f t="shared" si="1519"/>
        <v>2.2529135795885873</v>
      </c>
      <c r="P6507" s="236" t="str">
        <f t="shared" si="1520"/>
        <v>SAND</v>
      </c>
      <c r="Q6507" s="236" t="e">
        <f t="shared" si="1516"/>
        <v>#N/A</v>
      </c>
      <c r="R6507" s="238">
        <v>35</v>
      </c>
      <c r="S6507" s="236" t="e">
        <f t="shared" si="1521"/>
        <v>#N/A</v>
      </c>
      <c r="T6507" s="236">
        <f t="shared" si="1508"/>
        <v>33.873612609149845</v>
      </c>
    </row>
    <row r="6508" spans="2:20" x14ac:dyDescent="0.2">
      <c r="B6508" s="239">
        <v>64.569000000000003</v>
      </c>
      <c r="C6508" s="3">
        <f t="shared" si="1509"/>
        <v>64.561999999999998</v>
      </c>
      <c r="D6508" s="239">
        <v>20.8901</v>
      </c>
      <c r="E6508" s="239">
        <v>0.13400000000000001</v>
      </c>
      <c r="F6508" s="239">
        <v>0.51639999999999997</v>
      </c>
      <c r="G6508">
        <f t="shared" si="1510"/>
        <v>20.993380000000002</v>
      </c>
      <c r="H6508" s="235">
        <f t="shared" si="1511"/>
        <v>0.6382964534534219</v>
      </c>
      <c r="I6508" s="236">
        <f t="shared" si="1512"/>
        <v>20.177500140254068</v>
      </c>
      <c r="J6508" s="237">
        <f t="shared" si="1517"/>
        <v>10.177500140254068</v>
      </c>
      <c r="K6508" s="237">
        <f t="shared" si="1513"/>
        <v>1302.6997640550831</v>
      </c>
      <c r="L6508" s="237">
        <f t="shared" si="1518"/>
        <v>657.151006556065</v>
      </c>
      <c r="M6508" s="236">
        <f t="shared" si="1514"/>
        <v>29.963707031566422</v>
      </c>
      <c r="N6508" s="236">
        <f t="shared" si="1515"/>
        <v>0.68052499149006462</v>
      </c>
      <c r="O6508" s="236">
        <f t="shared" si="1519"/>
        <v>2.2543606603434037</v>
      </c>
      <c r="P6508" s="236" t="str">
        <f t="shared" si="1520"/>
        <v>SAND</v>
      </c>
      <c r="Q6508" s="236" t="e">
        <f t="shared" si="1516"/>
        <v>#N/A</v>
      </c>
      <c r="R6508" s="238">
        <v>35</v>
      </c>
      <c r="S6508" s="236" t="e">
        <f t="shared" si="1521"/>
        <v>#N/A</v>
      </c>
      <c r="T6508" s="236">
        <f t="shared" si="1508"/>
        <v>33.842550963432721</v>
      </c>
    </row>
    <row r="6509" spans="2:20" x14ac:dyDescent="0.2">
      <c r="B6509" s="239">
        <v>64.578999999999994</v>
      </c>
      <c r="C6509" s="3">
        <f t="shared" si="1509"/>
        <v>64.571999999999989</v>
      </c>
      <c r="D6509" s="239">
        <v>20.737400000000001</v>
      </c>
      <c r="E6509" s="239">
        <v>0.13120000000000001</v>
      </c>
      <c r="F6509" s="239">
        <v>0.55100000000000005</v>
      </c>
      <c r="G6509">
        <f t="shared" si="1510"/>
        <v>20.8476</v>
      </c>
      <c r="H6509" s="235">
        <f t="shared" si="1511"/>
        <v>0.62932903547650576</v>
      </c>
      <c r="I6509" s="236">
        <f t="shared" si="1512"/>
        <v>20.150014868120113</v>
      </c>
      <c r="J6509" s="237">
        <f t="shared" si="1517"/>
        <v>10.150014868120113</v>
      </c>
      <c r="K6509" s="237">
        <f t="shared" si="1513"/>
        <v>1301.1267600642518</v>
      </c>
      <c r="L6509" s="237">
        <f t="shared" si="1518"/>
        <v>655.47781016832869</v>
      </c>
      <c r="M6509" s="236">
        <f t="shared" si="1514"/>
        <v>29.820190610138507</v>
      </c>
      <c r="N6509" s="236">
        <f t="shared" si="1515"/>
        <v>0.67122083042552649</v>
      </c>
      <c r="O6509" s="236">
        <f t="shared" si="1519"/>
        <v>2.2534209333809163</v>
      </c>
      <c r="P6509" s="236" t="str">
        <f t="shared" si="1520"/>
        <v>SAND</v>
      </c>
      <c r="Q6509" s="236" t="e">
        <f t="shared" si="1516"/>
        <v>#N/A</v>
      </c>
      <c r="R6509" s="238">
        <v>35</v>
      </c>
      <c r="S6509" s="236" t="e">
        <f t="shared" si="1521"/>
        <v>#N/A</v>
      </c>
      <c r="T6509" s="236">
        <f t="shared" si="1508"/>
        <v>33.819614566414657</v>
      </c>
    </row>
    <row r="6510" spans="2:20" x14ac:dyDescent="0.2">
      <c r="B6510" s="239">
        <v>64.587999999999994</v>
      </c>
      <c r="C6510" s="3">
        <f t="shared" si="1509"/>
        <v>64.580999999999989</v>
      </c>
      <c r="D6510" s="239">
        <v>20.613099999999999</v>
      </c>
      <c r="E6510" s="239">
        <v>0.13009999999999999</v>
      </c>
      <c r="F6510" s="239">
        <v>0.54430000000000001</v>
      </c>
      <c r="G6510">
        <f t="shared" si="1510"/>
        <v>20.721959999999999</v>
      </c>
      <c r="H6510" s="235">
        <f t="shared" si="1511"/>
        <v>0.62783636296952605</v>
      </c>
      <c r="I6510" s="236">
        <f t="shared" si="1512"/>
        <v>20.137779503035404</v>
      </c>
      <c r="J6510" s="237">
        <f t="shared" si="1517"/>
        <v>10.137779503035404</v>
      </c>
      <c r="K6510" s="237">
        <f t="shared" si="1513"/>
        <v>1300.5179380855291</v>
      </c>
      <c r="L6510" s="237">
        <f t="shared" si="1518"/>
        <v>654.77890254205056</v>
      </c>
      <c r="M6510" s="236">
        <f t="shared" si="1514"/>
        <v>29.661068776826092</v>
      </c>
      <c r="N6510" s="236">
        <f t="shared" si="1515"/>
        <v>0.66987816654009769</v>
      </c>
      <c r="O6510" s="236">
        <f t="shared" si="1519"/>
        <v>2.2550753557636969</v>
      </c>
      <c r="P6510" s="236" t="str">
        <f t="shared" si="1520"/>
        <v>SAND</v>
      </c>
      <c r="Q6510" s="236" t="e">
        <f t="shared" si="1516"/>
        <v>#N/A</v>
      </c>
      <c r="R6510" s="238">
        <v>35</v>
      </c>
      <c r="S6510" s="236" t="e">
        <f t="shared" si="1521"/>
        <v>#N/A</v>
      </c>
      <c r="T6510" s="236">
        <f t="shared" si="1508"/>
        <v>33.794054754906213</v>
      </c>
    </row>
    <row r="6511" spans="2:20" x14ac:dyDescent="0.2">
      <c r="B6511" s="239">
        <v>64.597999999999999</v>
      </c>
      <c r="C6511" s="3">
        <f t="shared" si="1509"/>
        <v>64.590999999999994</v>
      </c>
      <c r="D6511" s="239">
        <v>20.605899999999998</v>
      </c>
      <c r="E6511" s="239">
        <v>0.12670000000000001</v>
      </c>
      <c r="F6511" s="239">
        <v>0.5222</v>
      </c>
      <c r="G6511">
        <f t="shared" si="1510"/>
        <v>20.710339999999999</v>
      </c>
      <c r="H6511" s="235">
        <f t="shared" si="1511"/>
        <v>0.61177170437568873</v>
      </c>
      <c r="I6511" s="236">
        <f t="shared" si="1512"/>
        <v>20.106508420424642</v>
      </c>
      <c r="J6511" s="237">
        <f t="shared" si="1517"/>
        <v>10.106508420424642</v>
      </c>
      <c r="K6511" s="237">
        <f t="shared" si="1513"/>
        <v>1298.6994853836479</v>
      </c>
      <c r="L6511" s="237">
        <f t="shared" si="1518"/>
        <v>652.86023094259099</v>
      </c>
      <c r="M6511" s="236">
        <f t="shared" si="1514"/>
        <v>29.733225573550531</v>
      </c>
      <c r="N6511" s="236">
        <f t="shared" si="1515"/>
        <v>0.65270114550389957</v>
      </c>
      <c r="O6511" s="236">
        <f t="shared" si="1519"/>
        <v>2.2489277991120633</v>
      </c>
      <c r="P6511" s="236" t="str">
        <f t="shared" si="1520"/>
        <v>SAND</v>
      </c>
      <c r="Q6511" s="236" t="e">
        <f t="shared" si="1516"/>
        <v>#N/A</v>
      </c>
      <c r="R6511" s="238">
        <v>35</v>
      </c>
      <c r="S6511" s="236" t="e">
        <f t="shared" si="1521"/>
        <v>#N/A</v>
      </c>
      <c r="T6511" s="236">
        <f t="shared" si="1508"/>
        <v>33.80566228248108</v>
      </c>
    </row>
    <row r="6512" spans="2:20" x14ac:dyDescent="0.2">
      <c r="B6512" s="239">
        <v>64.606999999999999</v>
      </c>
      <c r="C6512" s="3">
        <f t="shared" si="1509"/>
        <v>64.599999999999994</v>
      </c>
      <c r="D6512" s="239">
        <v>20.579799999999999</v>
      </c>
      <c r="E6512" s="239">
        <v>0.12670000000000001</v>
      </c>
      <c r="F6512" s="239">
        <v>0.51449999999999996</v>
      </c>
      <c r="G6512">
        <f t="shared" si="1510"/>
        <v>20.682699999999997</v>
      </c>
      <c r="H6512" s="235">
        <f t="shared" si="1511"/>
        <v>0.61258926542472714</v>
      </c>
      <c r="I6512" s="236">
        <f t="shared" si="1512"/>
        <v>20.105986423918104</v>
      </c>
      <c r="J6512" s="237">
        <f t="shared" si="1517"/>
        <v>10.105986423918104</v>
      </c>
      <c r="K6512" s="237">
        <f t="shared" si="1513"/>
        <v>1298.8467229851094</v>
      </c>
      <c r="L6512" s="237">
        <f t="shared" si="1518"/>
        <v>652.91746489007699</v>
      </c>
      <c r="M6512" s="236">
        <f t="shared" si="1514"/>
        <v>29.688060619236598</v>
      </c>
      <c r="N6512" s="236">
        <f t="shared" si="1515"/>
        <v>0.65363680889103282</v>
      </c>
      <c r="O6512" s="236">
        <f t="shared" si="1519"/>
        <v>2.2498002186438915</v>
      </c>
      <c r="P6512" s="236" t="str">
        <f t="shared" si="1520"/>
        <v>SAND</v>
      </c>
      <c r="Q6512" s="236" t="e">
        <f t="shared" si="1516"/>
        <v>#N/A</v>
      </c>
      <c r="R6512" s="238">
        <v>35</v>
      </c>
      <c r="S6512" s="236" t="e">
        <f t="shared" si="1521"/>
        <v>#N/A</v>
      </c>
      <c r="T6512" s="236">
        <f t="shared" si="1508"/>
        <v>33.798400109271839</v>
      </c>
    </row>
    <row r="6513" spans="2:20" x14ac:dyDescent="0.2">
      <c r="B6513" s="239">
        <v>64.616</v>
      </c>
      <c r="C6513" s="3">
        <f t="shared" si="1509"/>
        <v>64.608999999999995</v>
      </c>
      <c r="D6513" s="239">
        <v>20.426100000000002</v>
      </c>
      <c r="E6513" s="239">
        <v>0.1268</v>
      </c>
      <c r="F6513" s="239">
        <v>0.50390000000000001</v>
      </c>
      <c r="G6513">
        <f t="shared" si="1510"/>
        <v>20.526880000000002</v>
      </c>
      <c r="H6513" s="235">
        <f t="shared" si="1511"/>
        <v>0.61772661018138164</v>
      </c>
      <c r="I6513" s="236">
        <f t="shared" si="1512"/>
        <v>20.103955688051901</v>
      </c>
      <c r="J6513" s="237">
        <f t="shared" si="1517"/>
        <v>10.103955688051901</v>
      </c>
      <c r="K6513" s="237">
        <f t="shared" si="1513"/>
        <v>1298.8964730493451</v>
      </c>
      <c r="L6513" s="237">
        <f t="shared" si="1518"/>
        <v>652.87720073916159</v>
      </c>
      <c r="M6513" s="236">
        <f t="shared" si="1514"/>
        <v>29.451148707875689</v>
      </c>
      <c r="N6513" s="236">
        <f t="shared" si="1515"/>
        <v>0.65945552648447203</v>
      </c>
      <c r="O6513" s="236">
        <f t="shared" si="1519"/>
        <v>2.2546614779681544</v>
      </c>
      <c r="P6513" s="236" t="str">
        <f t="shared" si="1520"/>
        <v>SAND</v>
      </c>
      <c r="Q6513" s="236" t="e">
        <f t="shared" si="1516"/>
        <v>#N/A</v>
      </c>
      <c r="R6513" s="238">
        <v>35</v>
      </c>
      <c r="S6513" s="236" t="e">
        <f t="shared" si="1521"/>
        <v>#N/A</v>
      </c>
      <c r="T6513" s="236">
        <f t="shared" si="1508"/>
        <v>33.760124624662915</v>
      </c>
    </row>
    <row r="6514" spans="2:20" x14ac:dyDescent="0.2">
      <c r="B6514" s="239">
        <v>64.626000000000005</v>
      </c>
      <c r="C6514" s="3">
        <f t="shared" si="1509"/>
        <v>64.619</v>
      </c>
      <c r="D6514" s="239">
        <v>20.364799999999999</v>
      </c>
      <c r="E6514" s="239">
        <v>0.12839999999999999</v>
      </c>
      <c r="F6514" s="239">
        <v>0.50280000000000002</v>
      </c>
      <c r="G6514">
        <f t="shared" si="1510"/>
        <v>20.46536</v>
      </c>
      <c r="H6514" s="235">
        <f t="shared" si="1511"/>
        <v>0.62740161912617209</v>
      </c>
      <c r="I6514" s="236">
        <f t="shared" si="1512"/>
        <v>20.117486068194168</v>
      </c>
      <c r="J6514" s="237">
        <f t="shared" si="1517"/>
        <v>10.117486068194168</v>
      </c>
      <c r="K6514" s="237">
        <f t="shared" si="1513"/>
        <v>1299.9718322406388</v>
      </c>
      <c r="L6514" s="237">
        <f t="shared" si="1518"/>
        <v>653.85265464311635</v>
      </c>
      <c r="M6514" s="236">
        <f t="shared" si="1514"/>
        <v>29.311478712616296</v>
      </c>
      <c r="N6514" s="236">
        <f t="shared" si="1515"/>
        <v>0.66995773253368607</v>
      </c>
      <c r="O6514" s="236">
        <f t="shared" si="1519"/>
        <v>2.2596621501899206</v>
      </c>
      <c r="P6514" s="236" t="str">
        <f t="shared" si="1520"/>
        <v>SAND</v>
      </c>
      <c r="Q6514" s="236" t="e">
        <f t="shared" si="1516"/>
        <v>#N/A</v>
      </c>
      <c r="R6514" s="238">
        <v>35</v>
      </c>
      <c r="S6514" s="236" t="e">
        <f t="shared" si="1521"/>
        <v>#N/A</v>
      </c>
      <c r="T6514" s="236">
        <f t="shared" si="1508"/>
        <v>33.73741501223374</v>
      </c>
    </row>
    <row r="6515" spans="2:20" x14ac:dyDescent="0.2">
      <c r="B6515" s="239">
        <v>64.635999999999996</v>
      </c>
      <c r="C6515" s="3">
        <f t="shared" si="1509"/>
        <v>64.628999999999991</v>
      </c>
      <c r="D6515" s="239">
        <v>20.330200000000001</v>
      </c>
      <c r="E6515" s="239">
        <v>0.12540000000000001</v>
      </c>
      <c r="F6515" s="239">
        <v>0.50390000000000001</v>
      </c>
      <c r="G6515">
        <f t="shared" si="1510"/>
        <v>20.430980000000002</v>
      </c>
      <c r="H6515" s="235">
        <f t="shared" si="1511"/>
        <v>0.61377378862883714</v>
      </c>
      <c r="I6515" s="236">
        <f t="shared" si="1512"/>
        <v>20.089106681714888</v>
      </c>
      <c r="J6515" s="237">
        <f t="shared" si="1517"/>
        <v>10.089106681714888</v>
      </c>
      <c r="K6515" s="237">
        <f t="shared" si="1513"/>
        <v>1298.3388757325513</v>
      </c>
      <c r="L6515" s="237">
        <f t="shared" si="1518"/>
        <v>652.11949947932351</v>
      </c>
      <c r="M6515" s="236">
        <f t="shared" si="1514"/>
        <v>29.339164278239899</v>
      </c>
      <c r="N6515" s="236">
        <f t="shared" si="1515"/>
        <v>0.65542440892253606</v>
      </c>
      <c r="O6515" s="236">
        <f t="shared" si="1519"/>
        <v>2.2549045837560384</v>
      </c>
      <c r="P6515" s="236" t="str">
        <f t="shared" si="1520"/>
        <v>SAND</v>
      </c>
      <c r="Q6515" s="236" t="e">
        <f t="shared" si="1516"/>
        <v>#N/A</v>
      </c>
      <c r="R6515" s="238">
        <v>35</v>
      </c>
      <c r="S6515" s="236" t="e">
        <f t="shared" si="1521"/>
        <v>#N/A</v>
      </c>
      <c r="T6515" s="236">
        <f t="shared" si="1508"/>
        <v>33.741925127562226</v>
      </c>
    </row>
    <row r="6516" spans="2:20" x14ac:dyDescent="0.2">
      <c r="B6516" s="239">
        <v>64.646000000000001</v>
      </c>
      <c r="C6516" s="3">
        <f t="shared" si="1509"/>
        <v>64.638999999999996</v>
      </c>
      <c r="D6516" s="239">
        <v>20.162600000000001</v>
      </c>
      <c r="E6516" s="239">
        <v>0.12379999999999999</v>
      </c>
      <c r="F6516" s="239">
        <v>0.51419999999999999</v>
      </c>
      <c r="G6516">
        <f t="shared" si="1510"/>
        <v>20.265440000000002</v>
      </c>
      <c r="H6516" s="235">
        <f t="shared" si="1511"/>
        <v>0.61089223821441818</v>
      </c>
      <c r="I6516" s="236">
        <f t="shared" si="1512"/>
        <v>20.070869228790876</v>
      </c>
      <c r="J6516" s="237">
        <f t="shared" si="1517"/>
        <v>10.070869228790876</v>
      </c>
      <c r="K6516" s="237">
        <f t="shared" si="1513"/>
        <v>1297.3609160798133</v>
      </c>
      <c r="L6516" s="237">
        <f t="shared" si="1518"/>
        <v>651.04141216441496</v>
      </c>
      <c r="M6516" s="236">
        <f t="shared" si="1514"/>
        <v>29.134980862215812</v>
      </c>
      <c r="N6516" s="236">
        <f t="shared" si="1515"/>
        <v>0.65267547363269374</v>
      </c>
      <c r="O6516" s="236">
        <f t="shared" si="1519"/>
        <v>2.2567611159999341</v>
      </c>
      <c r="P6516" s="236" t="str">
        <f t="shared" si="1520"/>
        <v>SAND</v>
      </c>
      <c r="Q6516" s="236" t="e">
        <f t="shared" si="1516"/>
        <v>#N/A</v>
      </c>
      <c r="R6516" s="238">
        <v>35</v>
      </c>
      <c r="S6516" s="236" t="e">
        <f t="shared" si="1521"/>
        <v>#N/A</v>
      </c>
      <c r="T6516" s="236">
        <f t="shared" si="1508"/>
        <v>33.708562108681861</v>
      </c>
    </row>
    <row r="6517" spans="2:20" x14ac:dyDescent="0.2">
      <c r="B6517" s="239">
        <v>64.655000000000001</v>
      </c>
      <c r="C6517" s="3">
        <f t="shared" si="1509"/>
        <v>64.647999999999996</v>
      </c>
      <c r="D6517" s="239">
        <v>20.0684</v>
      </c>
      <c r="E6517" s="239">
        <v>0.12330000000000001</v>
      </c>
      <c r="F6517" s="239">
        <v>0.5252</v>
      </c>
      <c r="G6517">
        <f t="shared" si="1510"/>
        <v>20.173439999999999</v>
      </c>
      <c r="H6517" s="235">
        <f t="shared" si="1511"/>
        <v>0.61119967640620543</v>
      </c>
      <c r="I6517" s="236">
        <f t="shared" si="1512"/>
        <v>20.064345326055928</v>
      </c>
      <c r="J6517" s="237">
        <f t="shared" si="1517"/>
        <v>10.064345326055928</v>
      </c>
      <c r="K6517" s="237">
        <f t="shared" si="1513"/>
        <v>1297.1197966388636</v>
      </c>
      <c r="L6517" s="237">
        <f t="shared" si="1518"/>
        <v>650.71024705614604</v>
      </c>
      <c r="M6517" s="236">
        <f t="shared" si="1514"/>
        <v>29.008795064713965</v>
      </c>
      <c r="N6517" s="236">
        <f t="shared" si="1515"/>
        <v>0.65319934537900615</v>
      </c>
      <c r="O6517" s="236">
        <f t="shared" si="1519"/>
        <v>2.2585961859972752</v>
      </c>
      <c r="P6517" s="236" t="str">
        <f t="shared" si="1520"/>
        <v>SAND</v>
      </c>
      <c r="Q6517" s="236" t="e">
        <f t="shared" si="1516"/>
        <v>#N/A</v>
      </c>
      <c r="R6517" s="238">
        <v>35</v>
      </c>
      <c r="S6517" s="236" t="e">
        <f t="shared" si="1521"/>
        <v>#N/A</v>
      </c>
      <c r="T6517" s="236">
        <f t="shared" si="1508"/>
        <v>33.687826589261206</v>
      </c>
    </row>
    <row r="6518" spans="2:20" x14ac:dyDescent="0.2">
      <c r="B6518" s="239">
        <v>64.664000000000001</v>
      </c>
      <c r="C6518" s="3">
        <f t="shared" si="1509"/>
        <v>64.656999999999996</v>
      </c>
      <c r="D6518" s="239">
        <v>19.823799999999999</v>
      </c>
      <c r="E6518" s="239">
        <v>0.122</v>
      </c>
      <c r="F6518" s="239">
        <v>0.53539999999999999</v>
      </c>
      <c r="G6518">
        <f t="shared" si="1510"/>
        <v>19.930879999999998</v>
      </c>
      <c r="H6518" s="235">
        <f t="shared" si="1511"/>
        <v>0.61211547106801101</v>
      </c>
      <c r="I6518" s="236">
        <f t="shared" si="1512"/>
        <v>20.047188424119852</v>
      </c>
      <c r="J6518" s="237">
        <f t="shared" si="1517"/>
        <v>10.047188424119852</v>
      </c>
      <c r="K6518" s="237">
        <f t="shared" si="1513"/>
        <v>1296.1910619383173</v>
      </c>
      <c r="L6518" s="237">
        <f t="shared" si="1518"/>
        <v>649.69139225728611</v>
      </c>
      <c r="M6518" s="236">
        <f t="shared" si="1514"/>
        <v>28.682370060833598</v>
      </c>
      <c r="N6518" s="236">
        <f t="shared" si="1515"/>
        <v>0.65469297827028838</v>
      </c>
      <c r="O6518" s="236">
        <f t="shared" si="1519"/>
        <v>2.2634193886465819</v>
      </c>
      <c r="P6518" s="236" t="str">
        <f t="shared" si="1520"/>
        <v>SAND</v>
      </c>
      <c r="Q6518" s="236" t="e">
        <f t="shared" si="1516"/>
        <v>#N/A</v>
      </c>
      <c r="R6518" s="238">
        <v>35</v>
      </c>
      <c r="S6518" s="236" t="e">
        <f t="shared" si="1521"/>
        <v>#N/A</v>
      </c>
      <c r="T6518" s="236">
        <f t="shared" si="1508"/>
        <v>33.633765382642267</v>
      </c>
    </row>
    <row r="6519" spans="2:20" x14ac:dyDescent="0.2">
      <c r="B6519" s="239">
        <v>64.673000000000002</v>
      </c>
      <c r="C6519" s="3">
        <f t="shared" si="1509"/>
        <v>64.665999999999997</v>
      </c>
      <c r="D6519" s="239">
        <v>19.663499999999999</v>
      </c>
      <c r="E6519" s="239">
        <v>0.123</v>
      </c>
      <c r="F6519" s="239">
        <v>0.53700000000000003</v>
      </c>
      <c r="G6519">
        <f t="shared" si="1510"/>
        <v>19.770899999999997</v>
      </c>
      <c r="H6519" s="235">
        <f t="shared" si="1511"/>
        <v>0.62212645858306914</v>
      </c>
      <c r="I6519" s="236">
        <f t="shared" si="1512"/>
        <v>20.053610650798532</v>
      </c>
      <c r="J6519" s="237">
        <f t="shared" si="1517"/>
        <v>10.053610650798532</v>
      </c>
      <c r="K6519" s="237">
        <f t="shared" si="1513"/>
        <v>1296.7867863445379</v>
      </c>
      <c r="L6519" s="237">
        <f t="shared" si="1518"/>
        <v>650.19716161909355</v>
      </c>
      <c r="M6519" s="236">
        <f t="shared" si="1514"/>
        <v>28.413094218455218</v>
      </c>
      <c r="N6519" s="236">
        <f t="shared" si="1515"/>
        <v>0.66579650442481009</v>
      </c>
      <c r="O6519" s="236">
        <f t="shared" si="1519"/>
        <v>2.270409439037623</v>
      </c>
      <c r="P6519" s="236" t="str">
        <f t="shared" si="1520"/>
        <v>SAND</v>
      </c>
      <c r="Q6519" s="236" t="e">
        <f t="shared" si="1516"/>
        <v>#N/A</v>
      </c>
      <c r="R6519" s="238">
        <v>35</v>
      </c>
      <c r="S6519" s="236" t="e">
        <f t="shared" si="1521"/>
        <v>#N/A</v>
      </c>
      <c r="T6519" s="236">
        <f t="shared" si="1508"/>
        <v>33.588703846105489</v>
      </c>
    </row>
    <row r="6520" spans="2:20" x14ac:dyDescent="0.2">
      <c r="B6520" s="239">
        <v>64.680999999999997</v>
      </c>
      <c r="C6520" s="3">
        <f t="shared" si="1509"/>
        <v>64.673999999999992</v>
      </c>
      <c r="D6520" s="239">
        <v>19.423500000000001</v>
      </c>
      <c r="E6520" s="239">
        <v>0.1178</v>
      </c>
      <c r="F6520" s="239">
        <v>0.5343</v>
      </c>
      <c r="G6520">
        <f t="shared" si="1510"/>
        <v>19.530360000000002</v>
      </c>
      <c r="H6520" s="235">
        <f t="shared" si="1511"/>
        <v>0.60316348495368233</v>
      </c>
      <c r="I6520" s="236">
        <f t="shared" si="1512"/>
        <v>19.998174562378491</v>
      </c>
      <c r="J6520" s="237">
        <f t="shared" si="1517"/>
        <v>9.998174562378491</v>
      </c>
      <c r="K6520" s="237">
        <f t="shared" si="1513"/>
        <v>1293.3619416472663</v>
      </c>
      <c r="L6520" s="237">
        <f t="shared" si="1518"/>
        <v>646.69192886920314</v>
      </c>
      <c r="M6520" s="236">
        <f t="shared" si="1514"/>
        <v>28.200441731570251</v>
      </c>
      <c r="N6520" s="236">
        <f t="shared" si="1515"/>
        <v>0.64593964216630695</v>
      </c>
      <c r="O6520" s="236">
        <f t="shared" si="1519"/>
        <v>2.2673027179302023</v>
      </c>
      <c r="P6520" s="236" t="str">
        <f t="shared" si="1520"/>
        <v>SAND</v>
      </c>
      <c r="Q6520" s="236" t="e">
        <f t="shared" si="1516"/>
        <v>#N/A</v>
      </c>
      <c r="R6520" s="238">
        <v>35</v>
      </c>
      <c r="S6520" s="236" t="e">
        <f t="shared" si="1521"/>
        <v>#N/A</v>
      </c>
      <c r="T6520" s="236">
        <f t="shared" si="1508"/>
        <v>33.552815022750217</v>
      </c>
    </row>
    <row r="6521" spans="2:20" x14ac:dyDescent="0.2">
      <c r="B6521" s="239">
        <v>64.69</v>
      </c>
      <c r="C6521" s="3">
        <f t="shared" si="1509"/>
        <v>64.682999999999993</v>
      </c>
      <c r="D6521" s="239">
        <v>19.1388</v>
      </c>
      <c r="E6521" s="239">
        <v>0.1138</v>
      </c>
      <c r="F6521" s="239">
        <v>0.52310000000000001</v>
      </c>
      <c r="G6521">
        <f t="shared" si="1510"/>
        <v>19.24342</v>
      </c>
      <c r="H6521" s="235">
        <f t="shared" si="1511"/>
        <v>0.59137097251943782</v>
      </c>
      <c r="I6521" s="236">
        <f t="shared" si="1512"/>
        <v>19.951881194787362</v>
      </c>
      <c r="J6521" s="237">
        <f t="shared" si="1517"/>
        <v>9.9518811947873616</v>
      </c>
      <c r="K6521" s="237">
        <f t="shared" si="1513"/>
        <v>1290.5475313224308</v>
      </c>
      <c r="L6521" s="237">
        <f t="shared" si="1518"/>
        <v>643.78719449079438</v>
      </c>
      <c r="M6521" s="236">
        <f t="shared" si="1514"/>
        <v>27.886346019786018</v>
      </c>
      <c r="N6521" s="236">
        <f t="shared" si="1515"/>
        <v>0.63388184926143265</v>
      </c>
      <c r="O6521" s="236">
        <f t="shared" si="1519"/>
        <v>2.2679374161793184</v>
      </c>
      <c r="P6521" s="236" t="str">
        <f t="shared" si="1520"/>
        <v>SAND</v>
      </c>
      <c r="Q6521" s="236" t="e">
        <f t="shared" si="1516"/>
        <v>#N/A</v>
      </c>
      <c r="R6521" s="238">
        <v>35</v>
      </c>
      <c r="S6521" s="236" t="e">
        <f t="shared" si="1521"/>
        <v>#N/A</v>
      </c>
      <c r="T6521" s="236">
        <f t="shared" si="1508"/>
        <v>33.499307730735474</v>
      </c>
    </row>
    <row r="6522" spans="2:20" x14ac:dyDescent="0.2">
      <c r="B6522" s="239">
        <v>64.698999999999998</v>
      </c>
      <c r="C6522" s="3">
        <f t="shared" si="1509"/>
        <v>64.691999999999993</v>
      </c>
      <c r="D6522" s="239">
        <v>18.949100000000001</v>
      </c>
      <c r="E6522" s="239">
        <v>0.11070000000000001</v>
      </c>
      <c r="F6522" s="239">
        <v>0.53480000000000005</v>
      </c>
      <c r="G6522">
        <f t="shared" si="1510"/>
        <v>19.056060000000002</v>
      </c>
      <c r="H6522" s="235">
        <f t="shared" si="1511"/>
        <v>0.58091756638045844</v>
      </c>
      <c r="I6522" s="236">
        <f t="shared" si="1512"/>
        <v>19.915671431161286</v>
      </c>
      <c r="J6522" s="237">
        <f t="shared" si="1517"/>
        <v>9.9156714311612859</v>
      </c>
      <c r="K6522" s="237">
        <f t="shared" si="1513"/>
        <v>1288.3846162246857</v>
      </c>
      <c r="L6522" s="237">
        <f t="shared" si="1518"/>
        <v>641.534025924704</v>
      </c>
      <c r="M6522" s="236">
        <f t="shared" si="1514"/>
        <v>27.695608753043263</v>
      </c>
      <c r="N6522" s="236">
        <f t="shared" si="1515"/>
        <v>0.62304154938066081</v>
      </c>
      <c r="O6522" s="236">
        <f t="shared" si="1519"/>
        <v>2.2672367011646672</v>
      </c>
      <c r="P6522" s="236" t="str">
        <f t="shared" si="1520"/>
        <v>SAND</v>
      </c>
      <c r="Q6522" s="236" t="e">
        <f t="shared" si="1516"/>
        <v>#N/A</v>
      </c>
      <c r="R6522" s="238">
        <v>35</v>
      </c>
      <c r="S6522" s="236" t="e">
        <f t="shared" si="1521"/>
        <v>#N/A</v>
      </c>
      <c r="T6522" s="236">
        <f t="shared" si="1508"/>
        <v>33.46652006979815</v>
      </c>
    </row>
    <row r="6523" spans="2:20" x14ac:dyDescent="0.2">
      <c r="B6523" s="239">
        <v>64.709000000000003</v>
      </c>
      <c r="C6523" s="3">
        <f t="shared" si="1509"/>
        <v>64.701999999999998</v>
      </c>
      <c r="D6523" s="239">
        <v>18.734200000000001</v>
      </c>
      <c r="E6523" s="239">
        <v>0.10639999999999999</v>
      </c>
      <c r="F6523" s="239">
        <v>0.55259999999999998</v>
      </c>
      <c r="G6523">
        <f t="shared" si="1510"/>
        <v>18.844720000000002</v>
      </c>
      <c r="H6523" s="235">
        <f t="shared" si="1511"/>
        <v>0.56461438535568576</v>
      </c>
      <c r="I6523" s="236">
        <f t="shared" si="1512"/>
        <v>19.864856169942577</v>
      </c>
      <c r="J6523" s="237">
        <f t="shared" si="1517"/>
        <v>9.864856169942577</v>
      </c>
      <c r="K6523" s="237">
        <f t="shared" si="1513"/>
        <v>1285.2959239076247</v>
      </c>
      <c r="L6523" s="237">
        <f t="shared" si="1518"/>
        <v>638.34497790081423</v>
      </c>
      <c r="M6523" s="236">
        <f t="shared" si="1514"/>
        <v>27.507734350532871</v>
      </c>
      <c r="N6523" s="236">
        <f t="shared" si="1515"/>
        <v>0.60594242464288128</v>
      </c>
      <c r="O6523" s="236">
        <f t="shared" si="1519"/>
        <v>2.2645048805081323</v>
      </c>
      <c r="P6523" s="236" t="str">
        <f t="shared" si="1520"/>
        <v>SAND</v>
      </c>
      <c r="Q6523" s="236" t="e">
        <f t="shared" si="1516"/>
        <v>#N/A</v>
      </c>
      <c r="R6523" s="238">
        <v>35</v>
      </c>
      <c r="S6523" s="236" t="e">
        <f t="shared" si="1521"/>
        <v>#N/A</v>
      </c>
      <c r="T6523" s="236">
        <f t="shared" si="1508"/>
        <v>33.434003037528974</v>
      </c>
    </row>
    <row r="6524" spans="2:20" x14ac:dyDescent="0.2">
      <c r="B6524" s="239">
        <v>64.718000000000004</v>
      </c>
      <c r="C6524" s="3">
        <f t="shared" si="1509"/>
        <v>64.710999999999999</v>
      </c>
      <c r="D6524" s="239">
        <v>18.530100000000001</v>
      </c>
      <c r="E6524" s="239">
        <v>0.1024</v>
      </c>
      <c r="F6524" s="239">
        <v>0.55679999999999996</v>
      </c>
      <c r="G6524">
        <f t="shared" si="1510"/>
        <v>18.641460000000002</v>
      </c>
      <c r="H6524" s="235">
        <f t="shared" si="1511"/>
        <v>0.54931319757143482</v>
      </c>
      <c r="I6524" s="236">
        <f t="shared" si="1512"/>
        <v>19.815684868292319</v>
      </c>
      <c r="J6524" s="237">
        <f t="shared" si="1517"/>
        <v>9.815684868292319</v>
      </c>
      <c r="K6524" s="237">
        <f t="shared" si="1513"/>
        <v>1282.2927835120643</v>
      </c>
      <c r="L6524" s="237">
        <f t="shared" si="1518"/>
        <v>635.25149330614238</v>
      </c>
      <c r="M6524" s="236">
        <f t="shared" si="1514"/>
        <v>27.326448500172443</v>
      </c>
      <c r="N6524" s="236">
        <f t="shared" si="1515"/>
        <v>0.58989004900384445</v>
      </c>
      <c r="O6524" s="236">
        <f t="shared" si="1519"/>
        <v>2.2619485467761717</v>
      </c>
      <c r="P6524" s="236" t="str">
        <f t="shared" si="1520"/>
        <v>SAND</v>
      </c>
      <c r="Q6524" s="236" t="e">
        <f t="shared" si="1516"/>
        <v>#N/A</v>
      </c>
      <c r="R6524" s="238">
        <v>35</v>
      </c>
      <c r="S6524" s="236" t="e">
        <f t="shared" si="1521"/>
        <v>#N/A</v>
      </c>
      <c r="T6524" s="236">
        <f t="shared" si="1508"/>
        <v>33.402415111918643</v>
      </c>
    </row>
    <row r="6525" spans="2:20" x14ac:dyDescent="0.2">
      <c r="B6525" s="239">
        <v>64.727000000000004</v>
      </c>
      <c r="C6525" s="3">
        <f t="shared" si="1509"/>
        <v>64.72</v>
      </c>
      <c r="D6525" s="239">
        <v>18.445399999999999</v>
      </c>
      <c r="E6525" s="239">
        <v>9.7500000000000003E-2</v>
      </c>
      <c r="F6525" s="239">
        <v>0.54830000000000001</v>
      </c>
      <c r="G6525">
        <f t="shared" si="1510"/>
        <v>18.555060000000001</v>
      </c>
      <c r="H6525" s="235">
        <f t="shared" si="1511"/>
        <v>0.52546313512324938</v>
      </c>
      <c r="I6525" s="236">
        <f t="shared" si="1512"/>
        <v>19.756371643495612</v>
      </c>
      <c r="J6525" s="237">
        <f t="shared" si="1517"/>
        <v>9.756371643495612</v>
      </c>
      <c r="K6525" s="237">
        <f t="shared" si="1513"/>
        <v>1278.632372767036</v>
      </c>
      <c r="L6525" s="237">
        <f t="shared" si="1518"/>
        <v>631.50066736854046</v>
      </c>
      <c r="M6525" s="236">
        <f t="shared" si="1514"/>
        <v>27.357734551926505</v>
      </c>
      <c r="N6525" s="236">
        <f t="shared" si="1515"/>
        <v>0.56435278232121322</v>
      </c>
      <c r="O6525" s="236">
        <f t="shared" si="1519"/>
        <v>2.2531475534798284</v>
      </c>
      <c r="P6525" s="236" t="str">
        <f t="shared" si="1520"/>
        <v>SAND</v>
      </c>
      <c r="Q6525" s="236" t="e">
        <f t="shared" si="1516"/>
        <v>#N/A</v>
      </c>
      <c r="R6525" s="238">
        <v>35</v>
      </c>
      <c r="S6525" s="236" t="e">
        <f t="shared" si="1521"/>
        <v>#N/A</v>
      </c>
      <c r="T6525" s="236">
        <f t="shared" si="1508"/>
        <v>33.40788144474017</v>
      </c>
    </row>
    <row r="6526" spans="2:20" x14ac:dyDescent="0.2">
      <c r="B6526" s="239">
        <v>64.736999999999995</v>
      </c>
      <c r="C6526" s="3">
        <f t="shared" si="1509"/>
        <v>64.72999999999999</v>
      </c>
      <c r="D6526" s="239">
        <v>18.253599999999999</v>
      </c>
      <c r="E6526" s="239">
        <v>9.11E-2</v>
      </c>
      <c r="F6526" s="239">
        <v>0.58240000000000003</v>
      </c>
      <c r="G6526">
        <f t="shared" si="1510"/>
        <v>18.370079999999998</v>
      </c>
      <c r="H6526" s="235">
        <f t="shared" si="1511"/>
        <v>0.49591509672249667</v>
      </c>
      <c r="I6526" s="236">
        <f t="shared" si="1512"/>
        <v>19.672842615069602</v>
      </c>
      <c r="J6526" s="237">
        <f t="shared" si="1517"/>
        <v>9.6728426150696016</v>
      </c>
      <c r="K6526" s="237">
        <f t="shared" si="1513"/>
        <v>1273.4231024734552</v>
      </c>
      <c r="L6526" s="237">
        <f t="shared" si="1518"/>
        <v>626.19081237176079</v>
      </c>
      <c r="M6526" s="236">
        <f t="shared" si="1514"/>
        <v>27.302631338155908</v>
      </c>
      <c r="N6526" s="236">
        <f t="shared" si="1515"/>
        <v>0.53285271235208487</v>
      </c>
      <c r="O6526" s="236">
        <f t="shared" si="1519"/>
        <v>2.2432987474816475</v>
      </c>
      <c r="P6526" s="236" t="str">
        <f t="shared" si="1520"/>
        <v>SAND</v>
      </c>
      <c r="Q6526" s="236" t="e">
        <f t="shared" si="1516"/>
        <v>#N/A</v>
      </c>
      <c r="R6526" s="238">
        <v>35</v>
      </c>
      <c r="S6526" s="236" t="e">
        <f t="shared" si="1521"/>
        <v>#N/A</v>
      </c>
      <c r="T6526" s="236">
        <f t="shared" si="1508"/>
        <v>33.398249554308379</v>
      </c>
    </row>
    <row r="6527" spans="2:20" x14ac:dyDescent="0.2">
      <c r="B6527" s="239">
        <v>64.745999999999995</v>
      </c>
      <c r="C6527" s="3">
        <f t="shared" si="1509"/>
        <v>64.73899999999999</v>
      </c>
      <c r="D6527" s="239">
        <v>18.075199999999999</v>
      </c>
      <c r="E6527" s="239">
        <v>8.72E-2</v>
      </c>
      <c r="F6527" s="239">
        <v>0.57679999999999998</v>
      </c>
      <c r="G6527">
        <f t="shared" si="1510"/>
        <v>18.190559999999998</v>
      </c>
      <c r="H6527" s="235">
        <f t="shared" si="1511"/>
        <v>0.47936951913519982</v>
      </c>
      <c r="I6527" s="236">
        <f t="shared" si="1512"/>
        <v>19.617699025900414</v>
      </c>
      <c r="J6527" s="237">
        <f t="shared" si="1517"/>
        <v>9.6176990259004143</v>
      </c>
      <c r="K6527" s="237">
        <f t="shared" si="1513"/>
        <v>1270.0302172377667</v>
      </c>
      <c r="L6527" s="237">
        <f t="shared" si="1518"/>
        <v>622.70754113094813</v>
      </c>
      <c r="M6527" s="236">
        <f t="shared" si="1514"/>
        <v>27.17251464793814</v>
      </c>
      <c r="N6527" s="236">
        <f t="shared" si="1515"/>
        <v>0.51535029410742739</v>
      </c>
      <c r="O6527" s="236">
        <f t="shared" si="1519"/>
        <v>2.2391030494266411</v>
      </c>
      <c r="P6527" s="236" t="str">
        <f t="shared" si="1520"/>
        <v>SAND</v>
      </c>
      <c r="Q6527" s="236" t="e">
        <f t="shared" si="1516"/>
        <v>#N/A</v>
      </c>
      <c r="R6527" s="238">
        <v>35</v>
      </c>
      <c r="S6527" s="236" t="e">
        <f t="shared" si="1521"/>
        <v>#N/A</v>
      </c>
      <c r="T6527" s="236">
        <f t="shared" si="1508"/>
        <v>33.375428146964602</v>
      </c>
    </row>
    <row r="6528" spans="2:20" x14ac:dyDescent="0.2">
      <c r="B6528" s="239">
        <v>64.756</v>
      </c>
      <c r="C6528" s="3">
        <f t="shared" si="1509"/>
        <v>64.748999999999995</v>
      </c>
      <c r="D6528" s="239">
        <v>18.034199999999998</v>
      </c>
      <c r="E6528" s="239">
        <v>8.9399999999999993E-2</v>
      </c>
      <c r="F6528" s="239">
        <v>0.59199999999999997</v>
      </c>
      <c r="G6528">
        <f t="shared" si="1510"/>
        <v>18.1526</v>
      </c>
      <c r="H6528" s="235">
        <f t="shared" si="1511"/>
        <v>0.49249143373401055</v>
      </c>
      <c r="I6528" s="236">
        <f t="shared" si="1512"/>
        <v>19.646099309241613</v>
      </c>
      <c r="J6528" s="237">
        <f t="shared" si="1517"/>
        <v>9.6460993092416132</v>
      </c>
      <c r="K6528" s="237">
        <f t="shared" si="1513"/>
        <v>1272.065284174085</v>
      </c>
      <c r="L6528" s="237">
        <f t="shared" si="1518"/>
        <v>624.64280686924985</v>
      </c>
      <c r="M6528" s="236">
        <f t="shared" si="1514"/>
        <v>27.024300176339572</v>
      </c>
      <c r="N6528" s="236">
        <f t="shared" si="1515"/>
        <v>0.5296040765591703</v>
      </c>
      <c r="O6528" s="236">
        <f t="shared" si="1519"/>
        <v>2.2462165946291224</v>
      </c>
      <c r="P6528" s="236" t="str">
        <f t="shared" si="1520"/>
        <v>SAND</v>
      </c>
      <c r="Q6528" s="236" t="e">
        <f t="shared" si="1516"/>
        <v>#N/A</v>
      </c>
      <c r="R6528" s="238">
        <v>35</v>
      </c>
      <c r="S6528" s="236" t="e">
        <f t="shared" si="1521"/>
        <v>#N/A</v>
      </c>
      <c r="T6528" s="236">
        <f t="shared" si="1508"/>
        <v>33.349299018670422</v>
      </c>
    </row>
    <row r="6529" spans="2:20" x14ac:dyDescent="0.2">
      <c r="B6529" s="239">
        <v>64.765000000000001</v>
      </c>
      <c r="C6529" s="3">
        <f t="shared" si="1509"/>
        <v>64.757999999999996</v>
      </c>
      <c r="D6529" s="239">
        <v>18.0259</v>
      </c>
      <c r="E6529" s="239">
        <v>8.9200000000000002E-2</v>
      </c>
      <c r="F6529" s="239">
        <v>0.58940000000000003</v>
      </c>
      <c r="G6529">
        <f t="shared" si="1510"/>
        <v>18.14378</v>
      </c>
      <c r="H6529" s="235">
        <f t="shared" si="1511"/>
        <v>0.49162853606029178</v>
      </c>
      <c r="I6529" s="236">
        <f t="shared" si="1512"/>
        <v>19.643283155336114</v>
      </c>
      <c r="J6529" s="237">
        <f t="shared" si="1517"/>
        <v>9.643283155336114</v>
      </c>
      <c r="K6529" s="237">
        <f t="shared" si="1513"/>
        <v>1272.059730573256</v>
      </c>
      <c r="L6529" s="237">
        <f t="shared" si="1518"/>
        <v>624.54723355534338</v>
      </c>
      <c r="M6529" s="236">
        <f t="shared" si="1514"/>
        <v>27.014322316955198</v>
      </c>
      <c r="N6529" s="236">
        <f t="shared" si="1515"/>
        <v>0.52869534686180986</v>
      </c>
      <c r="O6529" s="236">
        <f t="shared" si="1519"/>
        <v>2.2460488192901646</v>
      </c>
      <c r="P6529" s="236" t="str">
        <f t="shared" si="1520"/>
        <v>SAND</v>
      </c>
      <c r="Q6529" s="236" t="e">
        <f t="shared" si="1516"/>
        <v>#N/A</v>
      </c>
      <c r="R6529" s="238">
        <v>35</v>
      </c>
      <c r="S6529" s="236" t="e">
        <f t="shared" si="1521"/>
        <v>#N/A</v>
      </c>
      <c r="T6529" s="236">
        <f t="shared" si="1508"/>
        <v>33.347534849995029</v>
      </c>
    </row>
    <row r="6530" spans="2:20" x14ac:dyDescent="0.2">
      <c r="B6530" s="239">
        <v>64.774000000000001</v>
      </c>
      <c r="C6530" s="3">
        <f t="shared" si="1509"/>
        <v>64.766999999999996</v>
      </c>
      <c r="D6530" s="239">
        <v>18.011299999999999</v>
      </c>
      <c r="E6530" s="239">
        <v>9.1700000000000004E-2</v>
      </c>
      <c r="F6530" s="239">
        <v>0.58640000000000003</v>
      </c>
      <c r="G6530">
        <f t="shared" si="1510"/>
        <v>18.128579999999999</v>
      </c>
      <c r="H6530" s="235">
        <f t="shared" si="1511"/>
        <v>0.5058311241145198</v>
      </c>
      <c r="I6530" s="236">
        <f t="shared" si="1512"/>
        <v>19.675367669370061</v>
      </c>
      <c r="J6530" s="237">
        <f t="shared" si="1517"/>
        <v>9.6753676693700612</v>
      </c>
      <c r="K6530" s="237">
        <f t="shared" si="1513"/>
        <v>1274.3145378420907</v>
      </c>
      <c r="L6530" s="237">
        <f t="shared" si="1518"/>
        <v>626.7122654157763</v>
      </c>
      <c r="M6530" s="236">
        <f t="shared" si="1514"/>
        <v>26.893147608937209</v>
      </c>
      <c r="N6530" s="236">
        <f t="shared" si="1515"/>
        <v>0.54407592075661626</v>
      </c>
      <c r="O6530" s="236">
        <f t="shared" si="1519"/>
        <v>2.2530750866446385</v>
      </c>
      <c r="P6530" s="236" t="str">
        <f t="shared" si="1520"/>
        <v>SAND</v>
      </c>
      <c r="Q6530" s="236" t="e">
        <f t="shared" si="1516"/>
        <v>#N/A</v>
      </c>
      <c r="R6530" s="238">
        <v>35</v>
      </c>
      <c r="S6530" s="236" t="e">
        <f t="shared" si="1521"/>
        <v>#N/A</v>
      </c>
      <c r="T6530" s="236">
        <f t="shared" si="1508"/>
        <v>33.326057991474407</v>
      </c>
    </row>
    <row r="6531" spans="2:20" x14ac:dyDescent="0.2">
      <c r="B6531" s="239">
        <v>64.784999999999997</v>
      </c>
      <c r="C6531" s="3">
        <f t="shared" si="1509"/>
        <v>64.777999999999992</v>
      </c>
      <c r="D6531" s="239">
        <v>17.8901</v>
      </c>
      <c r="E6531" s="239">
        <v>9.2999999999999999E-2</v>
      </c>
      <c r="F6531" s="239">
        <v>0.58709999999999996</v>
      </c>
      <c r="G6531">
        <f t="shared" si="1510"/>
        <v>18.00752</v>
      </c>
      <c r="H6531" s="235">
        <f t="shared" si="1511"/>
        <v>0.51645090495526313</v>
      </c>
      <c r="I6531" s="236">
        <f t="shared" si="1512"/>
        <v>19.689255530695323</v>
      </c>
      <c r="J6531" s="237">
        <f t="shared" si="1517"/>
        <v>9.6892555306953234</v>
      </c>
      <c r="K6531" s="237">
        <f t="shared" si="1513"/>
        <v>1275.4305947673815</v>
      </c>
      <c r="L6531" s="237">
        <f t="shared" si="1518"/>
        <v>627.71841955609648</v>
      </c>
      <c r="M6531" s="236">
        <f t="shared" si="1514"/>
        <v>26.655406124715995</v>
      </c>
      <c r="N6531" s="236">
        <f t="shared" si="1515"/>
        <v>0.55581821102937778</v>
      </c>
      <c r="O6531" s="236">
        <f t="shared" si="1519"/>
        <v>2.2605107782228209</v>
      </c>
      <c r="P6531" s="236" t="str">
        <f t="shared" si="1520"/>
        <v>SAND</v>
      </c>
      <c r="Q6531" s="236" t="e">
        <f t="shared" si="1516"/>
        <v>#N/A</v>
      </c>
      <c r="R6531" s="238">
        <v>35</v>
      </c>
      <c r="S6531" s="236" t="e">
        <f t="shared" si="1521"/>
        <v>#N/A</v>
      </c>
      <c r="T6531" s="236">
        <f t="shared" si="1508"/>
        <v>33.283638342571692</v>
      </c>
    </row>
    <row r="6532" spans="2:20" x14ac:dyDescent="0.2">
      <c r="B6532" s="239">
        <v>64.793999999999997</v>
      </c>
      <c r="C6532" s="3">
        <f t="shared" si="1509"/>
        <v>64.786999999999992</v>
      </c>
      <c r="D6532" s="239">
        <v>17.8156</v>
      </c>
      <c r="E6532" s="239">
        <v>9.2799999999999994E-2</v>
      </c>
      <c r="F6532" s="239">
        <v>0.58260000000000001</v>
      </c>
      <c r="G6532">
        <f t="shared" si="1510"/>
        <v>17.932120000000001</v>
      </c>
      <c r="H6532" s="235">
        <f t="shared" si="1511"/>
        <v>0.51750713245282753</v>
      </c>
      <c r="I6532" s="236">
        <f t="shared" si="1512"/>
        <v>19.685091062987269</v>
      </c>
      <c r="J6532" s="237">
        <f t="shared" si="1517"/>
        <v>9.6850910629872686</v>
      </c>
      <c r="K6532" s="237">
        <f t="shared" si="1513"/>
        <v>1275.3379946977559</v>
      </c>
      <c r="L6532" s="237">
        <f t="shared" si="1518"/>
        <v>627.53579033519702</v>
      </c>
      <c r="M6532" s="236">
        <f t="shared" si="1514"/>
        <v>26.54315859244468</v>
      </c>
      <c r="N6532" s="236">
        <f t="shared" si="1515"/>
        <v>0.55713042273387237</v>
      </c>
      <c r="O6532" s="236">
        <f t="shared" si="1519"/>
        <v>2.26260527667245</v>
      </c>
      <c r="P6532" s="236" t="str">
        <f t="shared" si="1520"/>
        <v>SAND</v>
      </c>
      <c r="Q6532" s="236" t="e">
        <f t="shared" si="1516"/>
        <v>#N/A</v>
      </c>
      <c r="R6532" s="238">
        <v>35</v>
      </c>
      <c r="S6532" s="236" t="e">
        <f t="shared" si="1521"/>
        <v>#N/A</v>
      </c>
      <c r="T6532" s="236">
        <f t="shared" si="1508"/>
        <v>33.263478621300251</v>
      </c>
    </row>
    <row r="6533" spans="2:20" x14ac:dyDescent="0.2">
      <c r="B6533" s="239">
        <v>64.804000000000002</v>
      </c>
      <c r="C6533" s="3">
        <f t="shared" si="1509"/>
        <v>64.796999999999997</v>
      </c>
      <c r="D6533" s="239">
        <v>17.635300000000001</v>
      </c>
      <c r="E6533" s="239">
        <v>9.3899999999999997E-2</v>
      </c>
      <c r="F6533" s="239">
        <v>0.60289999999999999</v>
      </c>
      <c r="G6533">
        <f t="shared" si="1510"/>
        <v>17.755880000000001</v>
      </c>
      <c r="H6533" s="235">
        <f t="shared" si="1511"/>
        <v>0.5288388973117637</v>
      </c>
      <c r="I6533" s="236">
        <f t="shared" si="1512"/>
        <v>19.695048134635151</v>
      </c>
      <c r="J6533" s="237">
        <f t="shared" si="1517"/>
        <v>9.6950481346351509</v>
      </c>
      <c r="K6533" s="237">
        <f t="shared" si="1513"/>
        <v>1276.1800339799538</v>
      </c>
      <c r="L6533" s="237">
        <f t="shared" si="1518"/>
        <v>628.27789931689631</v>
      </c>
      <c r="M6533" s="236">
        <f t="shared" si="1514"/>
        <v>26.229953311962465</v>
      </c>
      <c r="N6533" s="236">
        <f t="shared" si="1515"/>
        <v>0.56979192699876224</v>
      </c>
      <c r="O6533" s="236">
        <f t="shared" si="1519"/>
        <v>2.2714431328695248</v>
      </c>
      <c r="P6533" s="236" t="str">
        <f t="shared" si="1520"/>
        <v>SAND</v>
      </c>
      <c r="Q6533" s="236" t="e">
        <f t="shared" si="1516"/>
        <v>#N/A</v>
      </c>
      <c r="R6533" s="238">
        <v>35</v>
      </c>
      <c r="S6533" s="236" t="e">
        <f t="shared" si="1521"/>
        <v>#N/A</v>
      </c>
      <c r="T6533" s="236">
        <f t="shared" si="1508"/>
        <v>33.20677269324851</v>
      </c>
    </row>
    <row r="6534" spans="2:20" x14ac:dyDescent="0.2">
      <c r="B6534" s="239">
        <v>64.814999999999998</v>
      </c>
      <c r="C6534" s="3">
        <f t="shared" si="1509"/>
        <v>64.807999999999993</v>
      </c>
      <c r="D6534" s="239">
        <v>17.479399999999998</v>
      </c>
      <c r="E6534" s="239">
        <v>9.4299999999999995E-2</v>
      </c>
      <c r="F6534" s="239">
        <v>0.58130000000000004</v>
      </c>
      <c r="G6534">
        <f t="shared" si="1510"/>
        <v>17.595659999999999</v>
      </c>
      <c r="H6534" s="235">
        <f t="shared" si="1511"/>
        <v>0.53592760942186879</v>
      </c>
      <c r="I6534" s="236">
        <f t="shared" si="1512"/>
        <v>19.696489630156378</v>
      </c>
      <c r="J6534" s="237">
        <f t="shared" si="1517"/>
        <v>9.6964896301563783</v>
      </c>
      <c r="K6534" s="237">
        <f t="shared" si="1513"/>
        <v>1276.4900999511744</v>
      </c>
      <c r="L6534" s="237">
        <f t="shared" si="1518"/>
        <v>628.4779753785856</v>
      </c>
      <c r="M6534" s="236">
        <f t="shared" si="1514"/>
        <v>25.966176285204593</v>
      </c>
      <c r="N6534" s="236">
        <f t="shared" si="1515"/>
        <v>0.57784801909389916</v>
      </c>
      <c r="O6534" s="236">
        <f t="shared" si="1519"/>
        <v>2.2780290751519212</v>
      </c>
      <c r="P6534" s="236" t="str">
        <f t="shared" si="1520"/>
        <v>SAND</v>
      </c>
      <c r="Q6534" s="236" t="e">
        <f t="shared" si="1516"/>
        <v>#N/A</v>
      </c>
      <c r="R6534" s="238">
        <v>35</v>
      </c>
      <c r="S6534" s="236" t="e">
        <f t="shared" si="1521"/>
        <v>#N/A</v>
      </c>
      <c r="T6534" s="236">
        <f t="shared" si="1508"/>
        <v>33.158488013288832</v>
      </c>
    </row>
    <row r="6535" spans="2:20" x14ac:dyDescent="0.2">
      <c r="B6535" s="239">
        <v>64.823999999999998</v>
      </c>
      <c r="C6535" s="3">
        <f t="shared" si="1509"/>
        <v>64.816999999999993</v>
      </c>
      <c r="D6535" s="239">
        <v>17.297999999999998</v>
      </c>
      <c r="E6535" s="239">
        <v>9.8299999999999998E-2</v>
      </c>
      <c r="F6535" s="239">
        <v>0.58509999999999995</v>
      </c>
      <c r="G6535">
        <f t="shared" si="1510"/>
        <v>17.415019999999998</v>
      </c>
      <c r="H6535" s="235">
        <f t="shared" si="1511"/>
        <v>0.56445528055666894</v>
      </c>
      <c r="I6535" s="236">
        <f t="shared" si="1512"/>
        <v>19.741169132327009</v>
      </c>
      <c r="J6535" s="237">
        <f t="shared" si="1517"/>
        <v>9.7411691323270091</v>
      </c>
      <c r="K6535" s="237">
        <f t="shared" si="1513"/>
        <v>1279.5633596500395</v>
      </c>
      <c r="L6535" s="237">
        <f t="shared" si="1518"/>
        <v>631.46154783396605</v>
      </c>
      <c r="M6535" s="236">
        <f t="shared" si="1514"/>
        <v>25.55255612269292</v>
      </c>
      <c r="N6535" s="236">
        <f t="shared" si="1515"/>
        <v>0.60921734160396213</v>
      </c>
      <c r="O6535" s="236">
        <f t="shared" si="1519"/>
        <v>2.2942851492294642</v>
      </c>
      <c r="P6535" s="236" t="str">
        <f t="shared" si="1520"/>
        <v>SAND</v>
      </c>
      <c r="Q6535" s="236" t="e">
        <f t="shared" si="1516"/>
        <v>#N/A</v>
      </c>
      <c r="R6535" s="238">
        <v>35</v>
      </c>
      <c r="S6535" s="236" t="e">
        <f t="shared" si="1521"/>
        <v>#N/A</v>
      </c>
      <c r="T6535" s="236">
        <f t="shared" si="1508"/>
        <v>33.081777859119285</v>
      </c>
    </row>
    <row r="6536" spans="2:20" x14ac:dyDescent="0.2">
      <c r="B6536" s="239">
        <v>64.834000000000003</v>
      </c>
      <c r="C6536" s="3">
        <f t="shared" si="1509"/>
        <v>64.826999999999998</v>
      </c>
      <c r="D6536" s="239">
        <v>17.2241</v>
      </c>
      <c r="E6536" s="239">
        <v>0.1019</v>
      </c>
      <c r="F6536" s="239">
        <v>0.58450000000000002</v>
      </c>
      <c r="G6536">
        <f t="shared" si="1510"/>
        <v>17.341000000000001</v>
      </c>
      <c r="H6536" s="235">
        <f t="shared" si="1511"/>
        <v>0.5876247044576437</v>
      </c>
      <c r="I6536" s="236">
        <f t="shared" si="1512"/>
        <v>19.781680075612144</v>
      </c>
      <c r="J6536" s="237">
        <f t="shared" si="1517"/>
        <v>9.7816800756121438</v>
      </c>
      <c r="K6536" s="237">
        <f t="shared" si="1513"/>
        <v>1282.3869742617085</v>
      </c>
      <c r="L6536" s="237">
        <f t="shared" si="1518"/>
        <v>634.18544602223778</v>
      </c>
      <c r="M6536" s="236">
        <f t="shared" si="1514"/>
        <v>25.321636007987472</v>
      </c>
      <c r="N6536" s="236">
        <f t="shared" si="1515"/>
        <v>0.63455044241166758</v>
      </c>
      <c r="O6536" s="236">
        <f t="shared" si="1519"/>
        <v>2.3056221133781607</v>
      </c>
      <c r="P6536" s="236" t="str">
        <f t="shared" si="1520"/>
        <v>SAND</v>
      </c>
      <c r="Q6536" s="236" t="e">
        <f t="shared" si="1516"/>
        <v>#N/A</v>
      </c>
      <c r="R6536" s="238">
        <v>35</v>
      </c>
      <c r="S6536" s="236" t="e">
        <f t="shared" si="1521"/>
        <v>#N/A</v>
      </c>
      <c r="T6536" s="236">
        <f t="shared" si="1508"/>
        <v>33.038409377877855</v>
      </c>
    </row>
    <row r="6537" spans="2:20" x14ac:dyDescent="0.2">
      <c r="B6537" s="239">
        <v>64.844999999999999</v>
      </c>
      <c r="C6537" s="3">
        <f t="shared" si="1509"/>
        <v>64.837999999999994</v>
      </c>
      <c r="D6537" s="239">
        <v>17.323499999999999</v>
      </c>
      <c r="E6537" s="239">
        <v>0.105</v>
      </c>
      <c r="F6537" s="239">
        <v>0.59299999999999997</v>
      </c>
      <c r="G6537">
        <f t="shared" si="1510"/>
        <v>17.4421</v>
      </c>
      <c r="H6537" s="235">
        <f t="shared" si="1511"/>
        <v>0.60199173264687167</v>
      </c>
      <c r="I6537" s="236">
        <f t="shared" si="1512"/>
        <v>19.81909305674516</v>
      </c>
      <c r="J6537" s="237">
        <f t="shared" si="1517"/>
        <v>9.8190930567451602</v>
      </c>
      <c r="K6537" s="237">
        <f t="shared" si="1513"/>
        <v>1285.0303556132426</v>
      </c>
      <c r="L6537" s="237">
        <f t="shared" si="1518"/>
        <v>636.71908926463993</v>
      </c>
      <c r="M6537" s="236">
        <f t="shared" si="1514"/>
        <v>25.375506902183332</v>
      </c>
      <c r="N6537" s="236">
        <f t="shared" si="1515"/>
        <v>0.64987031875844392</v>
      </c>
      <c r="O6537" s="236">
        <f t="shared" si="1519"/>
        <v>2.3094097771201128</v>
      </c>
      <c r="P6537" s="236" t="str">
        <f t="shared" si="1520"/>
        <v>SAND</v>
      </c>
      <c r="Q6537" s="236" t="e">
        <f t="shared" si="1516"/>
        <v>#N/A</v>
      </c>
      <c r="R6537" s="238">
        <v>35</v>
      </c>
      <c r="S6537" s="236" t="e">
        <f t="shared" si="1521"/>
        <v>#N/A</v>
      </c>
      <c r="T6537" s="236">
        <f t="shared" si="1508"/>
        <v>33.048561991418488</v>
      </c>
    </row>
    <row r="6538" spans="2:20" x14ac:dyDescent="0.2">
      <c r="B6538" s="239">
        <v>64.855000000000004</v>
      </c>
      <c r="C6538" s="3">
        <f t="shared" si="1509"/>
        <v>64.847999999999999</v>
      </c>
      <c r="D6538" s="239">
        <v>17.424900000000001</v>
      </c>
      <c r="E6538" s="239">
        <v>0.1076</v>
      </c>
      <c r="F6538" s="239">
        <v>0.59630000000000005</v>
      </c>
      <c r="G6538">
        <f t="shared" si="1510"/>
        <v>17.544160000000002</v>
      </c>
      <c r="H6538" s="235">
        <f t="shared" si="1511"/>
        <v>0.61330950014135754</v>
      </c>
      <c r="I6538" s="236">
        <f t="shared" si="1512"/>
        <v>19.850055508421342</v>
      </c>
      <c r="J6538" s="237">
        <f t="shared" si="1517"/>
        <v>9.8500555084213417</v>
      </c>
      <c r="K6538" s="237">
        <f t="shared" si="1513"/>
        <v>1287.2363996101071</v>
      </c>
      <c r="L6538" s="237">
        <f t="shared" si="1518"/>
        <v>638.82534999866618</v>
      </c>
      <c r="M6538" s="236">
        <f t="shared" si="1514"/>
        <v>25.448150422371054</v>
      </c>
      <c r="N6538" s="236">
        <f t="shared" si="1515"/>
        <v>0.66187184392881937</v>
      </c>
      <c r="O6538" s="236">
        <f t="shared" si="1519"/>
        <v>2.3118662490351509</v>
      </c>
      <c r="P6538" s="236" t="str">
        <f t="shared" si="1520"/>
        <v>SAND</v>
      </c>
      <c r="Q6538" s="236" t="e">
        <f t="shared" si="1516"/>
        <v>#N/A</v>
      </c>
      <c r="R6538" s="238">
        <v>35</v>
      </c>
      <c r="S6538" s="236" t="e">
        <f t="shared" si="1521"/>
        <v>#N/A</v>
      </c>
      <c r="T6538" s="236">
        <f t="shared" si="1508"/>
        <v>33.062218455128331</v>
      </c>
    </row>
    <row r="6539" spans="2:20" x14ac:dyDescent="0.2">
      <c r="B6539" s="239">
        <v>64.864000000000004</v>
      </c>
      <c r="C6539" s="3">
        <f t="shared" si="1509"/>
        <v>64.856999999999999</v>
      </c>
      <c r="D6539" s="239">
        <v>17.5398</v>
      </c>
      <c r="E6539" s="239">
        <v>0.1123</v>
      </c>
      <c r="F6539" s="239">
        <v>0.57809999999999995</v>
      </c>
      <c r="G6539">
        <f t="shared" si="1510"/>
        <v>17.655419999999999</v>
      </c>
      <c r="H6539" s="235">
        <f t="shared" si="1511"/>
        <v>0.63606529892803454</v>
      </c>
      <c r="I6539" s="236">
        <f t="shared" si="1512"/>
        <v>19.902658644290547</v>
      </c>
      <c r="J6539" s="237">
        <f t="shared" si="1517"/>
        <v>9.9026586442905469</v>
      </c>
      <c r="K6539" s="237">
        <f t="shared" si="1513"/>
        <v>1290.826731692752</v>
      </c>
      <c r="L6539" s="237">
        <f t="shared" si="1518"/>
        <v>642.32605030326204</v>
      </c>
      <c r="M6539" s="236">
        <f t="shared" si="1514"/>
        <v>25.477081710419519</v>
      </c>
      <c r="N6539" s="236">
        <f t="shared" si="1515"/>
        <v>0.68623764831043865</v>
      </c>
      <c r="O6539" s="236">
        <f t="shared" si="1519"/>
        <v>2.3185375991083461</v>
      </c>
      <c r="P6539" s="236" t="str">
        <f t="shared" si="1520"/>
        <v>SAND</v>
      </c>
      <c r="Q6539" s="236" t="e">
        <f t="shared" si="1516"/>
        <v>#N/A</v>
      </c>
      <c r="R6539" s="238">
        <v>35</v>
      </c>
      <c r="S6539" s="236" t="e">
        <f t="shared" si="1521"/>
        <v>#N/A</v>
      </c>
      <c r="T6539" s="236">
        <f t="shared" si="1508"/>
        <v>33.067646479523027</v>
      </c>
    </row>
    <row r="6540" spans="2:20" x14ac:dyDescent="0.2">
      <c r="B6540" s="239">
        <v>64.875</v>
      </c>
      <c r="C6540" s="3">
        <f t="shared" si="1509"/>
        <v>64.867999999999995</v>
      </c>
      <c r="D6540" s="239">
        <v>17.625699999999998</v>
      </c>
      <c r="E6540" s="239">
        <v>0.11849999999999999</v>
      </c>
      <c r="F6540" s="239">
        <v>0.54969999999999997</v>
      </c>
      <c r="G6540">
        <f t="shared" si="1510"/>
        <v>17.73564</v>
      </c>
      <c r="H6540" s="235">
        <f t="shared" si="1511"/>
        <v>0.6681461734676617</v>
      </c>
      <c r="I6540" s="236">
        <f t="shared" si="1512"/>
        <v>19.967444778671251</v>
      </c>
      <c r="J6540" s="237">
        <f t="shared" si="1517"/>
        <v>9.9674447786712506</v>
      </c>
      <c r="K6540" s="237">
        <f t="shared" si="1513"/>
        <v>1295.2482079028466</v>
      </c>
      <c r="L6540" s="237">
        <f t="shared" si="1518"/>
        <v>646.63798001629743</v>
      </c>
      <c r="M6540" s="236">
        <f t="shared" si="1514"/>
        <v>25.424414123777268</v>
      </c>
      <c r="N6540" s="236">
        <f t="shared" si="1515"/>
        <v>0.7207857422045294</v>
      </c>
      <c r="O6540" s="236">
        <f t="shared" si="1519"/>
        <v>2.3291317697389102</v>
      </c>
      <c r="P6540" s="236" t="str">
        <f t="shared" si="1520"/>
        <v>SAND</v>
      </c>
      <c r="Q6540" s="236" t="e">
        <f t="shared" si="1516"/>
        <v>#N/A</v>
      </c>
      <c r="R6540" s="238">
        <v>35</v>
      </c>
      <c r="S6540" s="236" t="e">
        <f t="shared" si="1521"/>
        <v>#N/A</v>
      </c>
      <c r="T6540" s="236">
        <f t="shared" si="1508"/>
        <v>33.057760492855692</v>
      </c>
    </row>
    <row r="6541" spans="2:20" x14ac:dyDescent="0.2">
      <c r="B6541" s="239">
        <v>64.885000000000005</v>
      </c>
      <c r="C6541" s="3">
        <f t="shared" si="1509"/>
        <v>64.878</v>
      </c>
      <c r="D6541" s="239">
        <v>17.722300000000001</v>
      </c>
      <c r="E6541" s="239">
        <v>0.1249</v>
      </c>
      <c r="F6541" s="239">
        <v>0.49049999999999999</v>
      </c>
      <c r="G6541">
        <f t="shared" si="1510"/>
        <v>17.820399999999999</v>
      </c>
      <c r="H6541" s="235">
        <f t="shared" si="1511"/>
        <v>0.70088213508114294</v>
      </c>
      <c r="I6541" s="236">
        <f t="shared" si="1512"/>
        <v>20.030987341250853</v>
      </c>
      <c r="J6541" s="237">
        <f t="shared" si="1517"/>
        <v>10.030987341250853</v>
      </c>
      <c r="K6541" s="237">
        <f t="shared" si="1513"/>
        <v>1299.5703967256729</v>
      </c>
      <c r="L6541" s="237">
        <f t="shared" si="1518"/>
        <v>650.86061363706165</v>
      </c>
      <c r="M6541" s="236">
        <f t="shared" si="1514"/>
        <v>25.383053233094863</v>
      </c>
      <c r="N6541" s="236">
        <f t="shared" si="1515"/>
        <v>0.7560153031010356</v>
      </c>
      <c r="O6541" s="236">
        <f t="shared" si="1519"/>
        <v>2.3394184134863809</v>
      </c>
      <c r="P6541" s="236" t="str">
        <f t="shared" si="1520"/>
        <v>SAND</v>
      </c>
      <c r="Q6541" s="236" t="e">
        <f t="shared" si="1516"/>
        <v>#N/A</v>
      </c>
      <c r="R6541" s="238">
        <v>35</v>
      </c>
      <c r="S6541" s="236" t="e">
        <f t="shared" si="1521"/>
        <v>#N/A</v>
      </c>
      <c r="T6541" s="236">
        <f t="shared" ref="T6541:T6604" si="1522">IF(P6541="SAND",17.6+(11*LOG(M6541)),#N/A)</f>
        <v>33.049982466261667</v>
      </c>
    </row>
    <row r="6542" spans="2:20" x14ac:dyDescent="0.2">
      <c r="B6542" s="239">
        <v>64.894999999999996</v>
      </c>
      <c r="C6542" s="3">
        <f t="shared" ref="C6542:C6605" si="1523">MAX($B6542 - $B$13, 0.001)</f>
        <v>64.887999999999991</v>
      </c>
      <c r="D6542" s="239">
        <v>17.779499999999999</v>
      </c>
      <c r="E6542" s="239">
        <v>0.1285</v>
      </c>
      <c r="F6542" s="239">
        <v>0.4718</v>
      </c>
      <c r="G6542">
        <f t="shared" si="1510"/>
        <v>17.873859999999997</v>
      </c>
      <c r="H6542" s="235">
        <f t="shared" si="1511"/>
        <v>0.71892696932839373</v>
      </c>
      <c r="I6542" s="236">
        <f t="shared" si="1512"/>
        <v>20.065478015819245</v>
      </c>
      <c r="J6542" s="237">
        <f t="shared" si="1517"/>
        <v>10.065478015819245</v>
      </c>
      <c r="K6542" s="237">
        <f t="shared" si="1513"/>
        <v>1302.008737490479</v>
      </c>
      <c r="L6542" s="237">
        <f t="shared" si="1518"/>
        <v>653.19919583658987</v>
      </c>
      <c r="M6542" s="236">
        <f t="shared" si="1514"/>
        <v>25.370287300009597</v>
      </c>
      <c r="N6542" s="236">
        <f t="shared" si="1515"/>
        <v>0.77541125589695226</v>
      </c>
      <c r="O6542" s="236">
        <f t="shared" si="1519"/>
        <v>2.3447970267769578</v>
      </c>
      <c r="P6542" s="236" t="str">
        <f t="shared" si="1520"/>
        <v>SAND</v>
      </c>
      <c r="Q6542" s="236" t="e">
        <f t="shared" si="1516"/>
        <v>#N/A</v>
      </c>
      <c r="R6542" s="238">
        <v>35</v>
      </c>
      <c r="S6542" s="236" t="e">
        <f t="shared" si="1521"/>
        <v>#N/A</v>
      </c>
      <c r="T6542" s="236">
        <f t="shared" si="1522"/>
        <v>33.047579238497995</v>
      </c>
    </row>
    <row r="6543" spans="2:20" x14ac:dyDescent="0.2">
      <c r="B6543" s="239">
        <v>64.905000000000001</v>
      </c>
      <c r="C6543" s="3">
        <f t="shared" si="1523"/>
        <v>64.897999999999996</v>
      </c>
      <c r="D6543" s="239">
        <v>17.682400000000001</v>
      </c>
      <c r="E6543" s="239">
        <v>0.13</v>
      </c>
      <c r="F6543" s="239">
        <v>0.46379999999999999</v>
      </c>
      <c r="G6543">
        <f t="shared" ref="G6543:G6606" si="1524">$D6543+($F6543*(1-$P$8))</f>
        <v>17.77516</v>
      </c>
      <c r="H6543" s="235">
        <f t="shared" ref="H6543:H6606" si="1525">($E6543/$G6543)*100</f>
        <v>0.73135769242020898</v>
      </c>
      <c r="I6543" s="236">
        <f t="shared" ref="I6543:I6606" si="1526">((0.27*(LOG($H6543)))+(0.36*(LOG(($G6543*1000)/101)))+1.236)*10</f>
        <v>20.076922272391776</v>
      </c>
      <c r="J6543" s="237">
        <f t="shared" si="1517"/>
        <v>10.076922272391776</v>
      </c>
      <c r="K6543" s="237">
        <f t="shared" ref="K6543:K6606" si="1527">$I6543*$C6543</f>
        <v>1302.9521016336814</v>
      </c>
      <c r="L6543" s="237">
        <f t="shared" si="1518"/>
        <v>654.0426400895883</v>
      </c>
      <c r="M6543" s="236">
        <f t="shared" ref="M6543:M6606" si="1528">(($G6543*1000)-$K6543)/$L6543</f>
        <v>25.185220180919732</v>
      </c>
      <c r="N6543" s="236">
        <f t="shared" ref="N6543:N6606" si="1529">(($E6543*1000)/(($G6543*1000)-$K6543))*100</f>
        <v>0.78920810617557313</v>
      </c>
      <c r="O6543" s="236">
        <f t="shared" si="1519"/>
        <v>2.3512283663140776</v>
      </c>
      <c r="P6543" s="236" t="str">
        <f t="shared" si="1520"/>
        <v>SAND</v>
      </c>
      <c r="Q6543" s="236" t="e">
        <f t="shared" ref="Q6543:Q6606" si="1530">IF(P6543="CLAY",($G6543*1000 -$K6543)/$L$8,#N/A)</f>
        <v>#N/A</v>
      </c>
      <c r="R6543" s="238">
        <v>35</v>
      </c>
      <c r="S6543" s="236" t="e">
        <f t="shared" si="1521"/>
        <v>#N/A</v>
      </c>
      <c r="T6543" s="236">
        <f t="shared" si="1522"/>
        <v>33.012603272163595</v>
      </c>
    </row>
    <row r="6544" spans="2:20" x14ac:dyDescent="0.2">
      <c r="B6544" s="239">
        <v>64.915999999999997</v>
      </c>
      <c r="C6544" s="3">
        <f t="shared" si="1523"/>
        <v>64.908999999999992</v>
      </c>
      <c r="D6544" s="239">
        <v>17.6038</v>
      </c>
      <c r="E6544" s="239">
        <v>0.13170000000000001</v>
      </c>
      <c r="F6544" s="239">
        <v>0.46560000000000001</v>
      </c>
      <c r="G6544">
        <f t="shared" si="1524"/>
        <v>17.696919999999999</v>
      </c>
      <c r="H6544" s="235">
        <f t="shared" si="1525"/>
        <v>0.74419729534856927</v>
      </c>
      <c r="I6544" s="236">
        <f t="shared" si="1526"/>
        <v>20.09043256565414</v>
      </c>
      <c r="J6544" s="237">
        <f t="shared" ref="J6544:J6607" si="1531">$I6544-10</f>
        <v>10.09043256565414</v>
      </c>
      <c r="K6544" s="237">
        <f t="shared" si="1527"/>
        <v>1304.0498874040445</v>
      </c>
      <c r="L6544" s="237">
        <f t="shared" ref="L6544:L6607" si="1532">$J6544*$B6544</f>
        <v>655.0305204320041</v>
      </c>
      <c r="M6544" s="236">
        <f t="shared" si="1528"/>
        <v>25.02611649573911</v>
      </c>
      <c r="N6544" s="236">
        <f t="shared" si="1529"/>
        <v>0.80339805717611568</v>
      </c>
      <c r="O6544" s="236">
        <f t="shared" ref="O6544:O6607" si="1533">((3.47-LOG($M6544))^2+(LOG($N6544)+1.22)^2)^0.5</f>
        <v>2.3573338546471714</v>
      </c>
      <c r="P6544" s="236" t="str">
        <f t="shared" ref="P6544:P6607" si="1534">IF(O6544&lt;2.6,"SAND","CLAY")</f>
        <v>SAND</v>
      </c>
      <c r="Q6544" s="236" t="e">
        <f t="shared" si="1530"/>
        <v>#N/A</v>
      </c>
      <c r="R6544" s="238">
        <v>35</v>
      </c>
      <c r="S6544" s="236" t="e">
        <f t="shared" ref="S6544:S6607" si="1535">IF(P6544="SAND",#N/A,0.25*($M6544)^1.25)</f>
        <v>#N/A</v>
      </c>
      <c r="T6544" s="236">
        <f t="shared" si="1522"/>
        <v>32.982328080465884</v>
      </c>
    </row>
    <row r="6545" spans="2:20" x14ac:dyDescent="0.2">
      <c r="B6545" s="239">
        <v>64.965000000000003</v>
      </c>
      <c r="C6545" s="3">
        <f t="shared" si="1523"/>
        <v>64.957999999999998</v>
      </c>
      <c r="D6545" s="239">
        <v>16.3887</v>
      </c>
      <c r="E6545" s="239">
        <v>0.13150000000000001</v>
      </c>
      <c r="F6545" s="239">
        <v>0.53549999999999998</v>
      </c>
      <c r="G6545">
        <f t="shared" si="1524"/>
        <v>16.495799999999999</v>
      </c>
      <c r="H6545" s="235">
        <f t="shared" si="1525"/>
        <v>0.79717261363498604</v>
      </c>
      <c r="I6545" s="236">
        <f t="shared" si="1526"/>
        <v>20.061178631222045</v>
      </c>
      <c r="J6545" s="237">
        <f t="shared" si="1531"/>
        <v>10.061178631222045</v>
      </c>
      <c r="K6545" s="237">
        <f t="shared" si="1527"/>
        <v>1303.1340415269217</v>
      </c>
      <c r="L6545" s="237">
        <f t="shared" si="1532"/>
        <v>653.62446977734021</v>
      </c>
      <c r="M6545" s="236">
        <f t="shared" si="1528"/>
        <v>23.243722750539799</v>
      </c>
      <c r="N6545" s="236">
        <f t="shared" si="1529"/>
        <v>0.86554920880532715</v>
      </c>
      <c r="O6545" s="236">
        <f t="shared" si="1533"/>
        <v>2.4010110351200544</v>
      </c>
      <c r="P6545" s="236" t="str">
        <f t="shared" si="1534"/>
        <v>SAND</v>
      </c>
      <c r="Q6545" s="236" t="e">
        <f t="shared" si="1530"/>
        <v>#N/A</v>
      </c>
      <c r="R6545" s="238">
        <v>35</v>
      </c>
      <c r="S6545" s="236" t="e">
        <f t="shared" si="1535"/>
        <v>#N/A</v>
      </c>
      <c r="T6545" s="236">
        <f t="shared" si="1522"/>
        <v>32.629362552205706</v>
      </c>
    </row>
    <row r="6546" spans="2:20" x14ac:dyDescent="0.2">
      <c r="B6546" s="239">
        <v>64.975999999999999</v>
      </c>
      <c r="C6546" s="3">
        <f t="shared" si="1523"/>
        <v>64.968999999999994</v>
      </c>
      <c r="D6546" s="239">
        <v>16.182200000000002</v>
      </c>
      <c r="E6546" s="239">
        <v>0.13139999999999999</v>
      </c>
      <c r="F6546" s="239">
        <v>0.55930000000000002</v>
      </c>
      <c r="G6546">
        <f t="shared" si="1524"/>
        <v>16.294060000000002</v>
      </c>
      <c r="H6546" s="235">
        <f t="shared" si="1525"/>
        <v>0.80642884584934615</v>
      </c>
      <c r="I6546" s="236">
        <f t="shared" si="1526"/>
        <v>20.055476920557954</v>
      </c>
      <c r="J6546" s="237">
        <f t="shared" si="1531"/>
        <v>10.055476920557954</v>
      </c>
      <c r="K6546" s="237">
        <f t="shared" si="1527"/>
        <v>1302.9842800517297</v>
      </c>
      <c r="L6546" s="237">
        <f t="shared" si="1532"/>
        <v>653.36466839017362</v>
      </c>
      <c r="M6546" s="236">
        <f t="shared" si="1528"/>
        <v>22.944423604791503</v>
      </c>
      <c r="N6546" s="236">
        <f t="shared" si="1529"/>
        <v>0.87652148821547937</v>
      </c>
      <c r="O6546" s="236">
        <f t="shared" si="1533"/>
        <v>2.408580425251817</v>
      </c>
      <c r="P6546" s="236" t="str">
        <f t="shared" si="1534"/>
        <v>SAND</v>
      </c>
      <c r="Q6546" s="236" t="e">
        <f t="shared" si="1530"/>
        <v>#N/A</v>
      </c>
      <c r="R6546" s="238">
        <v>35</v>
      </c>
      <c r="S6546" s="236" t="e">
        <f t="shared" si="1535"/>
        <v>#N/A</v>
      </c>
      <c r="T6546" s="236">
        <f t="shared" si="1522"/>
        <v>32.567448673079262</v>
      </c>
    </row>
    <row r="6547" spans="2:20" x14ac:dyDescent="0.2">
      <c r="B6547" s="239">
        <v>64.986000000000004</v>
      </c>
      <c r="C6547" s="3">
        <f t="shared" si="1523"/>
        <v>64.978999999999999</v>
      </c>
      <c r="D6547" s="239">
        <v>15.9436</v>
      </c>
      <c r="E6547" s="239">
        <v>0.13320000000000001</v>
      </c>
      <c r="F6547" s="239">
        <v>0.5413</v>
      </c>
      <c r="G6547">
        <f t="shared" si="1524"/>
        <v>16.051860000000001</v>
      </c>
      <c r="H6547" s="235">
        <f t="shared" si="1525"/>
        <v>0.82981037711517547</v>
      </c>
      <c r="I6547" s="236">
        <f t="shared" si="1526"/>
        <v>20.065577288385974</v>
      </c>
      <c r="J6547" s="237">
        <f t="shared" si="1531"/>
        <v>10.065577288385974</v>
      </c>
      <c r="K6547" s="237">
        <f t="shared" si="1527"/>
        <v>1303.8411466220323</v>
      </c>
      <c r="L6547" s="237">
        <f t="shared" si="1532"/>
        <v>654.1216056630509</v>
      </c>
      <c r="M6547" s="236">
        <f t="shared" si="1528"/>
        <v>22.546295254119649</v>
      </c>
      <c r="N6547" s="236">
        <f t="shared" si="1529"/>
        <v>0.90317215704868137</v>
      </c>
      <c r="O6547" s="236">
        <f t="shared" si="1533"/>
        <v>2.4215298915452208</v>
      </c>
      <c r="P6547" s="236" t="str">
        <f t="shared" si="1534"/>
        <v>SAND</v>
      </c>
      <c r="Q6547" s="236" t="e">
        <f t="shared" si="1530"/>
        <v>#N/A</v>
      </c>
      <c r="R6547" s="238">
        <v>35</v>
      </c>
      <c r="S6547" s="236" t="e">
        <f t="shared" si="1535"/>
        <v>#N/A</v>
      </c>
      <c r="T6547" s="236">
        <f t="shared" si="1522"/>
        <v>32.483827089878332</v>
      </c>
    </row>
    <row r="6548" spans="2:20" x14ac:dyDescent="0.2">
      <c r="B6548" s="239">
        <v>64.997</v>
      </c>
      <c r="C6548" s="3">
        <f t="shared" si="1523"/>
        <v>64.989999999999995</v>
      </c>
      <c r="D6548" s="239">
        <v>15.724500000000001</v>
      </c>
      <c r="E6548" s="239">
        <v>0.13189999999999999</v>
      </c>
      <c r="F6548" s="239">
        <v>0.55389999999999995</v>
      </c>
      <c r="G6548">
        <f t="shared" si="1524"/>
        <v>15.835280000000001</v>
      </c>
      <c r="H6548" s="235">
        <f t="shared" si="1525"/>
        <v>0.8329502225410601</v>
      </c>
      <c r="I6548" s="236">
        <f t="shared" si="1526"/>
        <v>20.048767174645732</v>
      </c>
      <c r="J6548" s="237">
        <f t="shared" si="1531"/>
        <v>10.048767174645732</v>
      </c>
      <c r="K6548" s="237">
        <f t="shared" si="1527"/>
        <v>1302.9693786802261</v>
      </c>
      <c r="L6548" s="237">
        <f t="shared" si="1532"/>
        <v>653.13972005044866</v>
      </c>
      <c r="M6548" s="236">
        <f t="shared" si="1528"/>
        <v>22.249926279475542</v>
      </c>
      <c r="N6548" s="236">
        <f t="shared" si="1529"/>
        <v>0.90763267753508325</v>
      </c>
      <c r="O6548" s="236">
        <f t="shared" si="1533"/>
        <v>2.4275926823752112</v>
      </c>
      <c r="P6548" s="236" t="str">
        <f t="shared" si="1534"/>
        <v>SAND</v>
      </c>
      <c r="Q6548" s="236" t="e">
        <f t="shared" si="1530"/>
        <v>#N/A</v>
      </c>
      <c r="R6548" s="238">
        <v>35</v>
      </c>
      <c r="S6548" s="236" t="e">
        <f t="shared" si="1535"/>
        <v>#N/A</v>
      </c>
      <c r="T6548" s="236">
        <f t="shared" si="1522"/>
        <v>32.420614340119258</v>
      </c>
    </row>
    <row r="6549" spans="2:20" x14ac:dyDescent="0.2">
      <c r="B6549" s="239">
        <v>65.007000000000005</v>
      </c>
      <c r="C6549" s="3">
        <f t="shared" si="1523"/>
        <v>65</v>
      </c>
      <c r="D6549" s="239">
        <v>15.4781</v>
      </c>
      <c r="E6549" s="239">
        <v>0.13059999999999999</v>
      </c>
      <c r="F6549" s="239">
        <v>0.54359999999999997</v>
      </c>
      <c r="G6549">
        <f t="shared" si="1524"/>
        <v>15.586819999999999</v>
      </c>
      <c r="H6549" s="235">
        <f t="shared" si="1525"/>
        <v>0.83788739460646888</v>
      </c>
      <c r="I6549" s="236">
        <f t="shared" si="1526"/>
        <v>20.03097140021438</v>
      </c>
      <c r="J6549" s="237">
        <f t="shared" si="1531"/>
        <v>10.03097140021438</v>
      </c>
      <c r="K6549" s="237">
        <f t="shared" si="1527"/>
        <v>1302.0131410139347</v>
      </c>
      <c r="L6549" s="237">
        <f t="shared" si="1532"/>
        <v>652.08335781373626</v>
      </c>
      <c r="M6549" s="236">
        <f t="shared" si="1528"/>
        <v>21.906412252076574</v>
      </c>
      <c r="N6549" s="236">
        <f t="shared" si="1529"/>
        <v>0.91425807355487043</v>
      </c>
      <c r="O6549" s="236">
        <f t="shared" si="1533"/>
        <v>2.4350339411662709</v>
      </c>
      <c r="P6549" s="236" t="str">
        <f t="shared" si="1534"/>
        <v>SAND</v>
      </c>
      <c r="Q6549" s="236" t="e">
        <f t="shared" si="1530"/>
        <v>#N/A</v>
      </c>
      <c r="R6549" s="238">
        <v>35</v>
      </c>
      <c r="S6549" s="236" t="e">
        <f t="shared" si="1535"/>
        <v>#N/A</v>
      </c>
      <c r="T6549" s="236">
        <f t="shared" si="1522"/>
        <v>32.346283819355428</v>
      </c>
    </row>
    <row r="6550" spans="2:20" x14ac:dyDescent="0.2">
      <c r="B6550" s="239">
        <v>65.018000000000001</v>
      </c>
      <c r="C6550" s="3">
        <f t="shared" si="1523"/>
        <v>65.010999999999996</v>
      </c>
      <c r="D6550" s="239">
        <v>15.3543</v>
      </c>
      <c r="E6550" s="239">
        <v>0.13</v>
      </c>
      <c r="F6550" s="239">
        <v>0.57620000000000005</v>
      </c>
      <c r="G6550">
        <f t="shared" si="1524"/>
        <v>15.46954</v>
      </c>
      <c r="H6550" s="235">
        <f t="shared" si="1525"/>
        <v>0.84036112256731621</v>
      </c>
      <c r="I6550" s="236">
        <f t="shared" si="1526"/>
        <v>20.022619765407171</v>
      </c>
      <c r="J6550" s="237">
        <f t="shared" si="1531"/>
        <v>10.022619765407171</v>
      </c>
      <c r="K6550" s="237">
        <f t="shared" si="1527"/>
        <v>1301.6905335688855</v>
      </c>
      <c r="L6550" s="237">
        <f t="shared" si="1532"/>
        <v>651.65069190724341</v>
      </c>
      <c r="M6550" s="236">
        <f t="shared" si="1528"/>
        <v>21.741478436806112</v>
      </c>
      <c r="N6550" s="236">
        <f t="shared" si="1529"/>
        <v>0.91757044926273523</v>
      </c>
      <c r="O6550" s="236">
        <f t="shared" si="1533"/>
        <v>2.4386660066219599</v>
      </c>
      <c r="P6550" s="236" t="str">
        <f t="shared" si="1534"/>
        <v>SAND</v>
      </c>
      <c r="Q6550" s="236" t="e">
        <f t="shared" si="1530"/>
        <v>#N/A</v>
      </c>
      <c r="R6550" s="238">
        <v>35</v>
      </c>
      <c r="S6550" s="236" t="e">
        <f t="shared" si="1535"/>
        <v>#N/A</v>
      </c>
      <c r="T6550" s="236">
        <f t="shared" si="1522"/>
        <v>32.310179804146742</v>
      </c>
    </row>
    <row r="6551" spans="2:20" x14ac:dyDescent="0.2">
      <c r="B6551" s="239">
        <v>65.028000000000006</v>
      </c>
      <c r="C6551" s="3">
        <f t="shared" si="1523"/>
        <v>65.021000000000001</v>
      </c>
      <c r="D6551" s="239">
        <v>15.1876</v>
      </c>
      <c r="E6551" s="239">
        <v>0.13200000000000001</v>
      </c>
      <c r="F6551" s="239">
        <v>0.58440000000000003</v>
      </c>
      <c r="G6551">
        <f t="shared" si="1524"/>
        <v>15.30448</v>
      </c>
      <c r="H6551" s="235">
        <f t="shared" si="1525"/>
        <v>0.86249255120069424</v>
      </c>
      <c r="I6551" s="236">
        <f t="shared" si="1526"/>
        <v>20.036329388990751</v>
      </c>
      <c r="J6551" s="237">
        <f t="shared" si="1531"/>
        <v>10.036329388990751</v>
      </c>
      <c r="K6551" s="237">
        <f t="shared" si="1527"/>
        <v>1302.7821732015677</v>
      </c>
      <c r="L6551" s="237">
        <f t="shared" si="1532"/>
        <v>652.64242750729056</v>
      </c>
      <c r="M6551" s="236">
        <f t="shared" si="1528"/>
        <v>21.453857788983573</v>
      </c>
      <c r="N6551" s="236">
        <f t="shared" si="1529"/>
        <v>0.9427428132848269</v>
      </c>
      <c r="O6551" s="236">
        <f t="shared" si="1533"/>
        <v>2.4494355173650093</v>
      </c>
      <c r="P6551" s="236" t="str">
        <f t="shared" si="1534"/>
        <v>SAND</v>
      </c>
      <c r="Q6551" s="236" t="e">
        <f t="shared" si="1530"/>
        <v>#N/A</v>
      </c>
      <c r="R6551" s="238">
        <v>35</v>
      </c>
      <c r="S6551" s="236" t="e">
        <f t="shared" si="1535"/>
        <v>#N/A</v>
      </c>
      <c r="T6551" s="236">
        <f t="shared" si="1522"/>
        <v>32.246559372407098</v>
      </c>
    </row>
    <row r="6552" spans="2:20" x14ac:dyDescent="0.2">
      <c r="B6552" s="239">
        <v>65.037999999999997</v>
      </c>
      <c r="C6552" s="3">
        <f t="shared" si="1523"/>
        <v>65.030999999999992</v>
      </c>
      <c r="D6552" s="239">
        <v>15.112299999999999</v>
      </c>
      <c r="E6552" s="239">
        <v>0.13769999999999999</v>
      </c>
      <c r="F6552" s="239">
        <v>0.59430000000000005</v>
      </c>
      <c r="G6552">
        <f t="shared" si="1524"/>
        <v>15.231159999999999</v>
      </c>
      <c r="H6552" s="235">
        <f t="shared" si="1525"/>
        <v>0.90406771381825146</v>
      </c>
      <c r="I6552" s="236">
        <f t="shared" si="1526"/>
        <v>20.08402437536116</v>
      </c>
      <c r="J6552" s="237">
        <f t="shared" si="1531"/>
        <v>10.08402437536116</v>
      </c>
      <c r="K6552" s="237">
        <f t="shared" si="1527"/>
        <v>1306.0841891541115</v>
      </c>
      <c r="L6552" s="237">
        <f t="shared" si="1532"/>
        <v>655.84477732473908</v>
      </c>
      <c r="M6552" s="236">
        <f t="shared" si="1528"/>
        <v>21.232273690808</v>
      </c>
      <c r="N6552" s="236">
        <f t="shared" si="1529"/>
        <v>0.98886355715743357</v>
      </c>
      <c r="O6552" s="236">
        <f t="shared" si="1533"/>
        <v>2.4635381847132796</v>
      </c>
      <c r="P6552" s="236" t="str">
        <f t="shared" si="1534"/>
        <v>SAND</v>
      </c>
      <c r="Q6552" s="236" t="e">
        <f t="shared" si="1530"/>
        <v>#N/A</v>
      </c>
      <c r="R6552" s="238">
        <v>35</v>
      </c>
      <c r="S6552" s="236" t="e">
        <f t="shared" si="1535"/>
        <v>#N/A</v>
      </c>
      <c r="T6552" s="236">
        <f t="shared" si="1522"/>
        <v>32.196961541265473</v>
      </c>
    </row>
    <row r="6553" spans="2:20" x14ac:dyDescent="0.2">
      <c r="B6553" s="239">
        <v>65.048000000000002</v>
      </c>
      <c r="C6553" s="3">
        <f t="shared" si="1523"/>
        <v>65.040999999999997</v>
      </c>
      <c r="D6553" s="239">
        <v>14.9976</v>
      </c>
      <c r="E6553" s="239">
        <v>0.14119999999999999</v>
      </c>
      <c r="F6553" s="239">
        <v>0.59530000000000005</v>
      </c>
      <c r="G6553">
        <f t="shared" si="1524"/>
        <v>15.11666</v>
      </c>
      <c r="H6553" s="235">
        <f t="shared" si="1525"/>
        <v>0.9340687691593248</v>
      </c>
      <c r="I6553" s="236">
        <f t="shared" si="1526"/>
        <v>20.110506996146789</v>
      </c>
      <c r="J6553" s="237">
        <f t="shared" si="1531"/>
        <v>10.110506996146789</v>
      </c>
      <c r="K6553" s="237">
        <f t="shared" si="1527"/>
        <v>1308.0074855363832</v>
      </c>
      <c r="L6553" s="237">
        <f t="shared" si="1532"/>
        <v>657.66825908535634</v>
      </c>
      <c r="M6553" s="236">
        <f t="shared" si="1528"/>
        <v>20.996379745721381</v>
      </c>
      <c r="N6553" s="236">
        <f t="shared" si="1529"/>
        <v>1.0225472749937234</v>
      </c>
      <c r="O6553" s="236">
        <f t="shared" si="1533"/>
        <v>2.4749555250158624</v>
      </c>
      <c r="P6553" s="236" t="str">
        <f t="shared" si="1534"/>
        <v>SAND</v>
      </c>
      <c r="Q6553" s="236" t="e">
        <f t="shared" si="1530"/>
        <v>#N/A</v>
      </c>
      <c r="R6553" s="238">
        <v>35</v>
      </c>
      <c r="S6553" s="236" t="e">
        <f t="shared" si="1535"/>
        <v>#N/A</v>
      </c>
      <c r="T6553" s="236">
        <f t="shared" si="1522"/>
        <v>32.143588608171015</v>
      </c>
    </row>
    <row r="6554" spans="2:20" x14ac:dyDescent="0.2">
      <c r="B6554" s="239">
        <v>65.058999999999997</v>
      </c>
      <c r="C6554" s="3">
        <f t="shared" si="1523"/>
        <v>65.051999999999992</v>
      </c>
      <c r="D6554" s="239">
        <v>14.968</v>
      </c>
      <c r="E6554" s="239">
        <v>0.14169999999999999</v>
      </c>
      <c r="F6554" s="239">
        <v>0.59470000000000001</v>
      </c>
      <c r="G6554">
        <f t="shared" si="1524"/>
        <v>15.08694</v>
      </c>
      <c r="H6554" s="235">
        <f t="shared" si="1525"/>
        <v>0.93922293056113415</v>
      </c>
      <c r="I6554" s="236">
        <f t="shared" si="1526"/>
        <v>20.113882696909712</v>
      </c>
      <c r="J6554" s="237">
        <f t="shared" si="1531"/>
        <v>10.113882696909712</v>
      </c>
      <c r="K6554" s="237">
        <f t="shared" si="1527"/>
        <v>1308.4482971993705</v>
      </c>
      <c r="L6554" s="237">
        <f t="shared" si="1532"/>
        <v>657.99909437824897</v>
      </c>
      <c r="M6554" s="236">
        <f t="shared" si="1528"/>
        <v>20.939985815360561</v>
      </c>
      <c r="N6554" s="236">
        <f t="shared" si="1529"/>
        <v>1.0284144524411036</v>
      </c>
      <c r="O6554" s="236">
        <f t="shared" si="1533"/>
        <v>2.4772042523588889</v>
      </c>
      <c r="P6554" s="236" t="str">
        <f t="shared" si="1534"/>
        <v>SAND</v>
      </c>
      <c r="Q6554" s="236" t="e">
        <f t="shared" si="1530"/>
        <v>#N/A</v>
      </c>
      <c r="R6554" s="238">
        <v>35</v>
      </c>
      <c r="S6554" s="236" t="e">
        <f t="shared" si="1535"/>
        <v>#N/A</v>
      </c>
      <c r="T6554" s="236">
        <f t="shared" si="1522"/>
        <v>32.130740214694654</v>
      </c>
    </row>
    <row r="6555" spans="2:20" x14ac:dyDescent="0.2">
      <c r="B6555" s="239">
        <v>65.069000000000003</v>
      </c>
      <c r="C6555" s="3">
        <f t="shared" si="1523"/>
        <v>65.061999999999998</v>
      </c>
      <c r="D6555" s="239">
        <v>14.9709</v>
      </c>
      <c r="E6555" s="239">
        <v>0.14369999999999999</v>
      </c>
      <c r="F6555" s="239">
        <v>0.60770000000000002</v>
      </c>
      <c r="G6555">
        <f t="shared" si="1524"/>
        <v>15.09244</v>
      </c>
      <c r="H6555" s="235">
        <f t="shared" si="1525"/>
        <v>0.95213232585320862</v>
      </c>
      <c r="I6555" s="236">
        <f t="shared" si="1526"/>
        <v>20.130459840536879</v>
      </c>
      <c r="J6555" s="237">
        <f t="shared" si="1531"/>
        <v>10.130459840536879</v>
      </c>
      <c r="K6555" s="237">
        <f t="shared" si="1527"/>
        <v>1309.7279781450104</v>
      </c>
      <c r="L6555" s="237">
        <f t="shared" si="1532"/>
        <v>659.17889136389419</v>
      </c>
      <c r="M6555" s="236">
        <f t="shared" si="1528"/>
        <v>20.908909861081032</v>
      </c>
      <c r="N6555" s="236">
        <f t="shared" si="1529"/>
        <v>1.0426104802315943</v>
      </c>
      <c r="O6555" s="236">
        <f t="shared" si="1533"/>
        <v>2.4807300198415767</v>
      </c>
      <c r="P6555" s="236" t="str">
        <f t="shared" si="1534"/>
        <v>SAND</v>
      </c>
      <c r="Q6555" s="236" t="e">
        <f t="shared" si="1530"/>
        <v>#N/A</v>
      </c>
      <c r="R6555" s="238">
        <v>35</v>
      </c>
      <c r="S6555" s="236" t="e">
        <f t="shared" si="1535"/>
        <v>#N/A</v>
      </c>
      <c r="T6555" s="236">
        <f t="shared" si="1522"/>
        <v>32.123645294028961</v>
      </c>
    </row>
    <row r="6556" spans="2:20" x14ac:dyDescent="0.2">
      <c r="B6556" s="239">
        <v>65.078999999999994</v>
      </c>
      <c r="C6556" s="3">
        <f t="shared" si="1523"/>
        <v>65.071999999999989</v>
      </c>
      <c r="D6556" s="239">
        <v>15.045299999999999</v>
      </c>
      <c r="E6556" s="239">
        <v>0.14560000000000001</v>
      </c>
      <c r="F6556" s="239">
        <v>0.61609999999999998</v>
      </c>
      <c r="G6556">
        <f t="shared" si="1524"/>
        <v>15.168519999999999</v>
      </c>
      <c r="H6556" s="235">
        <f t="shared" si="1525"/>
        <v>0.95988270444314938</v>
      </c>
      <c r="I6556" s="236">
        <f t="shared" si="1526"/>
        <v>20.147827654494197</v>
      </c>
      <c r="J6556" s="237">
        <f t="shared" si="1531"/>
        <v>10.147827654494197</v>
      </c>
      <c r="K6556" s="237">
        <f t="shared" si="1527"/>
        <v>1311.0594411332461</v>
      </c>
      <c r="L6556" s="237">
        <f t="shared" si="1532"/>
        <v>660.41047592682776</v>
      </c>
      <c r="M6556" s="236">
        <f t="shared" si="1528"/>
        <v>20.983102273505022</v>
      </c>
      <c r="N6556" s="236">
        <f t="shared" si="1529"/>
        <v>1.0506975602166677</v>
      </c>
      <c r="O6556" s="236">
        <f t="shared" si="1533"/>
        <v>2.4810745122890845</v>
      </c>
      <c r="P6556" s="236" t="str">
        <f t="shared" si="1534"/>
        <v>SAND</v>
      </c>
      <c r="Q6556" s="236" t="e">
        <f t="shared" si="1530"/>
        <v>#N/A</v>
      </c>
      <c r="R6556" s="238">
        <v>35</v>
      </c>
      <c r="S6556" s="236" t="e">
        <f t="shared" si="1535"/>
        <v>#N/A</v>
      </c>
      <c r="T6556" s="236">
        <f t="shared" si="1522"/>
        <v>32.140566671684269</v>
      </c>
    </row>
    <row r="6557" spans="2:20" x14ac:dyDescent="0.2">
      <c r="B6557" s="239">
        <v>65.09</v>
      </c>
      <c r="C6557" s="3">
        <f t="shared" si="1523"/>
        <v>65.082999999999998</v>
      </c>
      <c r="D6557" s="239">
        <v>15.128500000000001</v>
      </c>
      <c r="E6557" s="239">
        <v>0.14649999999999999</v>
      </c>
      <c r="F6557" s="239">
        <v>0.60919999999999996</v>
      </c>
      <c r="G6557">
        <f t="shared" si="1524"/>
        <v>15.250340000000001</v>
      </c>
      <c r="H6557" s="235">
        <f t="shared" si="1525"/>
        <v>0.96063432028400653</v>
      </c>
      <c r="I6557" s="236">
        <f t="shared" si="1526"/>
        <v>20.157156214631179</v>
      </c>
      <c r="J6557" s="237">
        <f t="shared" si="1531"/>
        <v>10.157156214631179</v>
      </c>
      <c r="K6557" s="237">
        <f t="shared" si="1527"/>
        <v>1311.8881979168409</v>
      </c>
      <c r="L6557" s="237">
        <f t="shared" si="1532"/>
        <v>661.12929801034352</v>
      </c>
      <c r="M6557" s="236">
        <f t="shared" si="1528"/>
        <v>21.082792494646167</v>
      </c>
      <c r="N6557" s="236">
        <f t="shared" si="1529"/>
        <v>1.0510492993067204</v>
      </c>
      <c r="O6557" s="236">
        <f t="shared" si="1533"/>
        <v>2.4793653105326521</v>
      </c>
      <c r="P6557" s="236" t="str">
        <f t="shared" si="1534"/>
        <v>SAND</v>
      </c>
      <c r="Q6557" s="236" t="e">
        <f t="shared" si="1530"/>
        <v>#N/A</v>
      </c>
      <c r="R6557" s="238">
        <v>35</v>
      </c>
      <c r="S6557" s="236" t="e">
        <f t="shared" si="1535"/>
        <v>#N/A</v>
      </c>
      <c r="T6557" s="236">
        <f t="shared" si="1522"/>
        <v>32.163209477051787</v>
      </c>
    </row>
    <row r="6558" spans="2:20" x14ac:dyDescent="0.2">
      <c r="B6558" s="239">
        <v>65.099999999999994</v>
      </c>
      <c r="C6558" s="3">
        <f t="shared" si="1523"/>
        <v>65.092999999999989</v>
      </c>
      <c r="D6558" s="239">
        <v>15.316599999999999</v>
      </c>
      <c r="E6558" s="239">
        <v>0.14560000000000001</v>
      </c>
      <c r="F6558" s="239">
        <v>0.58960000000000001</v>
      </c>
      <c r="G6558">
        <f t="shared" si="1524"/>
        <v>15.434519999999999</v>
      </c>
      <c r="H6558" s="235">
        <f t="shared" si="1525"/>
        <v>0.94333999372834398</v>
      </c>
      <c r="I6558" s="236">
        <f t="shared" si="1526"/>
        <v>20.154622581886898</v>
      </c>
      <c r="J6558" s="237">
        <f t="shared" si="1531"/>
        <v>10.154622581886898</v>
      </c>
      <c r="K6558" s="237">
        <f t="shared" si="1527"/>
        <v>1311.9248477227636</v>
      </c>
      <c r="L6558" s="237">
        <f t="shared" si="1532"/>
        <v>661.06593008083701</v>
      </c>
      <c r="M6558" s="236">
        <f t="shared" si="1528"/>
        <v>21.363368628829935</v>
      </c>
      <c r="N6558" s="236">
        <f t="shared" si="1529"/>
        <v>1.0309719880097414</v>
      </c>
      <c r="O6558" s="236">
        <f t="shared" si="1533"/>
        <v>2.4702047439585706</v>
      </c>
      <c r="P6558" s="236" t="str">
        <f t="shared" si="1534"/>
        <v>SAND</v>
      </c>
      <c r="Q6558" s="236" t="e">
        <f t="shared" si="1530"/>
        <v>#N/A</v>
      </c>
      <c r="R6558" s="238">
        <v>35</v>
      </c>
      <c r="S6558" s="236" t="e">
        <f t="shared" si="1535"/>
        <v>#N/A</v>
      </c>
      <c r="T6558" s="236">
        <f t="shared" si="1522"/>
        <v>32.226367078232471</v>
      </c>
    </row>
    <row r="6559" spans="2:20" x14ac:dyDescent="0.2">
      <c r="B6559" s="239">
        <v>65.108999999999995</v>
      </c>
      <c r="C6559" s="3">
        <f t="shared" si="1523"/>
        <v>65.10199999999999</v>
      </c>
      <c r="D6559" s="239">
        <v>15.5627</v>
      </c>
      <c r="E6559" s="239">
        <v>0.14860000000000001</v>
      </c>
      <c r="F6559" s="239">
        <v>0.59530000000000005</v>
      </c>
      <c r="G6559">
        <f t="shared" si="1524"/>
        <v>15.681759999999999</v>
      </c>
      <c r="H6559" s="235">
        <f t="shared" si="1525"/>
        <v>0.94759771862342002</v>
      </c>
      <c r="I6559" s="236">
        <f t="shared" si="1526"/>
        <v>20.184749162486138</v>
      </c>
      <c r="J6559" s="237">
        <f t="shared" si="1531"/>
        <v>10.184749162486138</v>
      </c>
      <c r="K6559" s="237">
        <f t="shared" si="1527"/>
        <v>1314.0675399761724</v>
      </c>
      <c r="L6559" s="237">
        <f t="shared" si="1532"/>
        <v>663.11883322030997</v>
      </c>
      <c r="M6559" s="236">
        <f t="shared" si="1528"/>
        <v>21.666844221947176</v>
      </c>
      <c r="N6559" s="236">
        <f t="shared" si="1529"/>
        <v>1.0342648996243451</v>
      </c>
      <c r="O6559" s="236">
        <f t="shared" si="1533"/>
        <v>2.4655919792667182</v>
      </c>
      <c r="P6559" s="236" t="str">
        <f t="shared" si="1534"/>
        <v>SAND</v>
      </c>
      <c r="Q6559" s="236" t="e">
        <f t="shared" si="1530"/>
        <v>#N/A</v>
      </c>
      <c r="R6559" s="238">
        <v>35</v>
      </c>
      <c r="S6559" s="236" t="e">
        <f t="shared" si="1535"/>
        <v>#N/A</v>
      </c>
      <c r="T6559" s="236">
        <f t="shared" si="1522"/>
        <v>32.293752269797679</v>
      </c>
    </row>
    <row r="6560" spans="2:20" x14ac:dyDescent="0.2">
      <c r="B6560" s="239">
        <v>65.120999999999995</v>
      </c>
      <c r="C6560" s="3">
        <f t="shared" si="1523"/>
        <v>65.11399999999999</v>
      </c>
      <c r="D6560" s="239">
        <v>15.9506</v>
      </c>
      <c r="E6560" s="239">
        <v>0.15229999999999999</v>
      </c>
      <c r="F6560" s="239">
        <v>0.59</v>
      </c>
      <c r="G6560">
        <f t="shared" si="1524"/>
        <v>16.0686</v>
      </c>
      <c r="H6560" s="235">
        <f t="shared" si="1525"/>
        <v>0.94781125922606813</v>
      </c>
      <c r="I6560" s="236">
        <f t="shared" si="1526"/>
        <v>20.223113029279251</v>
      </c>
      <c r="J6560" s="237">
        <f t="shared" si="1531"/>
        <v>10.223113029279251</v>
      </c>
      <c r="K6560" s="237">
        <f t="shared" si="1527"/>
        <v>1316.8077817884889</v>
      </c>
      <c r="L6560" s="237">
        <f t="shared" si="1532"/>
        <v>665.73934357969404</v>
      </c>
      <c r="M6560" s="236">
        <f t="shared" si="1528"/>
        <v>22.158510474821608</v>
      </c>
      <c r="N6560" s="236">
        <f t="shared" si="1529"/>
        <v>1.0324169277003594</v>
      </c>
      <c r="O6560" s="236">
        <f t="shared" si="1533"/>
        <v>2.4567715294143402</v>
      </c>
      <c r="P6560" s="236" t="str">
        <f t="shared" si="1534"/>
        <v>SAND</v>
      </c>
      <c r="Q6560" s="236" t="e">
        <f t="shared" si="1530"/>
        <v>#N/A</v>
      </c>
      <c r="R6560" s="238">
        <v>35</v>
      </c>
      <c r="S6560" s="236" t="e">
        <f t="shared" si="1535"/>
        <v>#N/A</v>
      </c>
      <c r="T6560" s="236">
        <f t="shared" si="1522"/>
        <v>32.400946194897209</v>
      </c>
    </row>
    <row r="6561" spans="2:20" x14ac:dyDescent="0.2">
      <c r="B6561" s="239">
        <v>65.13</v>
      </c>
      <c r="C6561" s="3">
        <f t="shared" si="1523"/>
        <v>65.12299999999999</v>
      </c>
      <c r="D6561" s="239">
        <v>16.458100000000002</v>
      </c>
      <c r="E6561" s="239">
        <v>0.15390000000000001</v>
      </c>
      <c r="F6561" s="239">
        <v>0.56810000000000005</v>
      </c>
      <c r="G6561">
        <f t="shared" si="1524"/>
        <v>16.571720000000003</v>
      </c>
      <c r="H6561" s="235">
        <f t="shared" si="1525"/>
        <v>0.92869056440731557</v>
      </c>
      <c r="I6561" s="236">
        <f t="shared" si="1526"/>
        <v>20.247418155991785</v>
      </c>
      <c r="J6561" s="237">
        <f t="shared" si="1531"/>
        <v>10.247418155991785</v>
      </c>
      <c r="K6561" s="237">
        <f t="shared" si="1527"/>
        <v>1318.5726125726528</v>
      </c>
      <c r="L6561" s="237">
        <f t="shared" si="1532"/>
        <v>667.41434449974486</v>
      </c>
      <c r="M6561" s="236">
        <f t="shared" si="1528"/>
        <v>22.854089836592028</v>
      </c>
      <c r="N6561" s="236">
        <f t="shared" si="1529"/>
        <v>1.0089720900937111</v>
      </c>
      <c r="O6561" s="236">
        <f t="shared" si="1533"/>
        <v>2.4401543945600515</v>
      </c>
      <c r="P6561" s="236" t="str">
        <f t="shared" si="1534"/>
        <v>SAND</v>
      </c>
      <c r="Q6561" s="236" t="e">
        <f t="shared" si="1530"/>
        <v>#N/A</v>
      </c>
      <c r="R6561" s="238">
        <v>35</v>
      </c>
      <c r="S6561" s="236" t="e">
        <f t="shared" si="1535"/>
        <v>#N/A</v>
      </c>
      <c r="T6561" s="236">
        <f t="shared" si="1522"/>
        <v>32.548603232262458</v>
      </c>
    </row>
    <row r="6562" spans="2:20" x14ac:dyDescent="0.2">
      <c r="B6562" s="239">
        <v>65.141000000000005</v>
      </c>
      <c r="C6562" s="3">
        <f t="shared" si="1523"/>
        <v>65.134</v>
      </c>
      <c r="D6562" s="239">
        <v>17.025200000000002</v>
      </c>
      <c r="E6562" s="239">
        <v>0.15290000000000001</v>
      </c>
      <c r="F6562" s="239">
        <v>0.55859999999999999</v>
      </c>
      <c r="G6562">
        <f t="shared" si="1524"/>
        <v>17.13692</v>
      </c>
      <c r="H6562" s="235">
        <f t="shared" si="1525"/>
        <v>0.89222567415848364</v>
      </c>
      <c r="I6562" s="236">
        <f t="shared" si="1526"/>
        <v>20.252882757388857</v>
      </c>
      <c r="J6562" s="237">
        <f t="shared" si="1531"/>
        <v>10.252882757388857</v>
      </c>
      <c r="K6562" s="237">
        <f t="shared" si="1527"/>
        <v>1319.1512655197657</v>
      </c>
      <c r="L6562" s="237">
        <f t="shared" si="1532"/>
        <v>667.88303569906759</v>
      </c>
      <c r="M6562" s="236">
        <f t="shared" si="1528"/>
        <v>23.683441394680592</v>
      </c>
      <c r="N6562" s="236">
        <f t="shared" si="1529"/>
        <v>0.96663443856466436</v>
      </c>
      <c r="O6562" s="236">
        <f t="shared" si="1533"/>
        <v>2.4174384547688632</v>
      </c>
      <c r="P6562" s="236" t="str">
        <f t="shared" si="1534"/>
        <v>SAND</v>
      </c>
      <c r="Q6562" s="236" t="e">
        <f t="shared" si="1530"/>
        <v>#N/A</v>
      </c>
      <c r="R6562" s="238">
        <v>35</v>
      </c>
      <c r="S6562" s="236" t="e">
        <f t="shared" si="1535"/>
        <v>#N/A</v>
      </c>
      <c r="T6562" s="236">
        <f t="shared" si="1522"/>
        <v>32.718892900324974</v>
      </c>
    </row>
    <row r="6563" spans="2:20" x14ac:dyDescent="0.2">
      <c r="B6563" s="239">
        <v>65.150000000000006</v>
      </c>
      <c r="C6563" s="3">
        <f t="shared" si="1523"/>
        <v>65.143000000000001</v>
      </c>
      <c r="D6563" s="239">
        <v>17.7026</v>
      </c>
      <c r="E6563" s="239">
        <v>0.15290000000000001</v>
      </c>
      <c r="F6563" s="239">
        <v>0.50019999999999998</v>
      </c>
      <c r="G6563">
        <f t="shared" si="1524"/>
        <v>17.80264</v>
      </c>
      <c r="H6563" s="235">
        <f t="shared" si="1525"/>
        <v>0.85886138235677401</v>
      </c>
      <c r="I6563" s="236">
        <f t="shared" si="1526"/>
        <v>20.267779233768973</v>
      </c>
      <c r="J6563" s="237">
        <f t="shared" si="1531"/>
        <v>10.267779233768973</v>
      </c>
      <c r="K6563" s="237">
        <f t="shared" si="1527"/>
        <v>1320.3039426254122</v>
      </c>
      <c r="L6563" s="237">
        <f t="shared" si="1532"/>
        <v>668.94581708004864</v>
      </c>
      <c r="M6563" s="236">
        <f t="shared" si="1528"/>
        <v>24.639269185238433</v>
      </c>
      <c r="N6563" s="236">
        <f t="shared" si="1529"/>
        <v>0.92765976538616268</v>
      </c>
      <c r="O6563" s="236">
        <f t="shared" si="1533"/>
        <v>2.3936421794566747</v>
      </c>
      <c r="P6563" s="236" t="str">
        <f t="shared" si="1534"/>
        <v>SAND</v>
      </c>
      <c r="Q6563" s="236" t="e">
        <f t="shared" si="1530"/>
        <v>#N/A</v>
      </c>
      <c r="R6563" s="238">
        <v>35</v>
      </c>
      <c r="S6563" s="236" t="e">
        <f t="shared" si="1535"/>
        <v>#N/A</v>
      </c>
      <c r="T6563" s="236">
        <f t="shared" si="1522"/>
        <v>32.907906044878246</v>
      </c>
    </row>
    <row r="6564" spans="2:20" x14ac:dyDescent="0.2">
      <c r="B6564" s="239">
        <v>65.16</v>
      </c>
      <c r="C6564" s="3">
        <f t="shared" si="1523"/>
        <v>65.152999999999992</v>
      </c>
      <c r="D6564" s="239">
        <v>18.299600000000002</v>
      </c>
      <c r="E6564" s="239">
        <v>0.15140000000000001</v>
      </c>
      <c r="F6564" s="239">
        <v>0.48659999999999998</v>
      </c>
      <c r="G6564">
        <f t="shared" si="1524"/>
        <v>18.396920000000001</v>
      </c>
      <c r="H6564" s="235">
        <f t="shared" si="1525"/>
        <v>0.82296384394779121</v>
      </c>
      <c r="I6564" s="236">
        <f t="shared" si="1526"/>
        <v>20.269053525149594</v>
      </c>
      <c r="J6564" s="237">
        <f t="shared" si="1531"/>
        <v>10.269053525149594</v>
      </c>
      <c r="K6564" s="237">
        <f t="shared" si="1527"/>
        <v>1320.5896443240713</v>
      </c>
      <c r="L6564" s="237">
        <f t="shared" si="1532"/>
        <v>669.1315276987475</v>
      </c>
      <c r="M6564" s="236">
        <f t="shared" si="1528"/>
        <v>25.520140135085576</v>
      </c>
      <c r="N6564" s="236">
        <f t="shared" si="1529"/>
        <v>0.88660734974406707</v>
      </c>
      <c r="O6564" s="236">
        <f t="shared" si="1533"/>
        <v>2.3706640381703425</v>
      </c>
      <c r="P6564" s="236" t="str">
        <f t="shared" si="1534"/>
        <v>SAND</v>
      </c>
      <c r="Q6564" s="236" t="e">
        <f t="shared" si="1530"/>
        <v>#N/A</v>
      </c>
      <c r="R6564" s="238">
        <v>35</v>
      </c>
      <c r="S6564" s="236" t="e">
        <f t="shared" si="1535"/>
        <v>#N/A</v>
      </c>
      <c r="T6564" s="236">
        <f t="shared" si="1522"/>
        <v>33.075713603181448</v>
      </c>
    </row>
    <row r="6565" spans="2:20" x14ac:dyDescent="0.2">
      <c r="B6565" s="239">
        <v>65.171000000000006</v>
      </c>
      <c r="C6565" s="3">
        <f t="shared" si="1523"/>
        <v>65.164000000000001</v>
      </c>
      <c r="D6565" s="239">
        <v>19.028199999999998</v>
      </c>
      <c r="E6565" s="239">
        <v>0.15140000000000001</v>
      </c>
      <c r="F6565" s="239">
        <v>0.48080000000000001</v>
      </c>
      <c r="G6565">
        <f t="shared" si="1524"/>
        <v>19.124359999999999</v>
      </c>
      <c r="H6565" s="235">
        <f t="shared" si="1525"/>
        <v>0.7916604790957712</v>
      </c>
      <c r="I6565" s="236">
        <f t="shared" si="1526"/>
        <v>20.284211136621735</v>
      </c>
      <c r="J6565" s="237">
        <f t="shared" si="1531"/>
        <v>10.284211136621735</v>
      </c>
      <c r="K6565" s="237">
        <f t="shared" si="1527"/>
        <v>1321.8003345068189</v>
      </c>
      <c r="L6565" s="237">
        <f t="shared" si="1532"/>
        <v>670.23232398477512</v>
      </c>
      <c r="M6565" s="236">
        <f t="shared" si="1528"/>
        <v>26.561774221288651</v>
      </c>
      <c r="N6565" s="236">
        <f t="shared" si="1529"/>
        <v>0.85043950333422902</v>
      </c>
      <c r="O6565" s="236">
        <f t="shared" si="1533"/>
        <v>2.3466452856033357</v>
      </c>
      <c r="P6565" s="236" t="str">
        <f t="shared" si="1534"/>
        <v>SAND</v>
      </c>
      <c r="Q6565" s="236" t="e">
        <f t="shared" si="1530"/>
        <v>#N/A</v>
      </c>
      <c r="R6565" s="238">
        <v>35</v>
      </c>
      <c r="S6565" s="236" t="e">
        <f t="shared" si="1535"/>
        <v>#N/A</v>
      </c>
      <c r="T6565" s="236">
        <f t="shared" si="1522"/>
        <v>33.266827888972983</v>
      </c>
    </row>
    <row r="6566" spans="2:20" x14ac:dyDescent="0.2">
      <c r="B6566" s="239">
        <v>65.180999999999997</v>
      </c>
      <c r="C6566" s="3">
        <f t="shared" si="1523"/>
        <v>65.173999999999992</v>
      </c>
      <c r="D6566" s="239">
        <v>19.994700000000002</v>
      </c>
      <c r="E6566" s="239">
        <v>0.1502</v>
      </c>
      <c r="F6566" s="239">
        <v>0.45519999999999999</v>
      </c>
      <c r="G6566">
        <f t="shared" si="1524"/>
        <v>20.085740000000001</v>
      </c>
      <c r="H6566" s="235">
        <f t="shared" si="1525"/>
        <v>0.74779420623785831</v>
      </c>
      <c r="I6566" s="236">
        <f t="shared" si="1526"/>
        <v>20.294050925584965</v>
      </c>
      <c r="J6566" s="237">
        <f t="shared" si="1531"/>
        <v>10.294050925584965</v>
      </c>
      <c r="K6566" s="237">
        <f t="shared" si="1527"/>
        <v>1322.6444750240744</v>
      </c>
      <c r="L6566" s="237">
        <f t="shared" si="1532"/>
        <v>670.97653338055363</v>
      </c>
      <c r="M6566" s="236">
        <f t="shared" si="1528"/>
        <v>27.963862507146995</v>
      </c>
      <c r="N6566" s="236">
        <f t="shared" si="1529"/>
        <v>0.8005075697667573</v>
      </c>
      <c r="O6566" s="236">
        <f t="shared" si="1533"/>
        <v>2.3143268954864422</v>
      </c>
      <c r="P6566" s="236" t="str">
        <f t="shared" si="1534"/>
        <v>SAND</v>
      </c>
      <c r="Q6566" s="236" t="e">
        <f t="shared" si="1530"/>
        <v>#N/A</v>
      </c>
      <c r="R6566" s="238">
        <v>35</v>
      </c>
      <c r="S6566" s="236" t="e">
        <f t="shared" si="1535"/>
        <v>#N/A</v>
      </c>
      <c r="T6566" s="236">
        <f t="shared" si="1522"/>
        <v>33.512568739331364</v>
      </c>
    </row>
    <row r="6567" spans="2:20" x14ac:dyDescent="0.2">
      <c r="B6567" s="239">
        <v>65.191999999999993</v>
      </c>
      <c r="C6567" s="3">
        <f t="shared" si="1523"/>
        <v>65.184999999999988</v>
      </c>
      <c r="D6567" s="239">
        <v>20.953199999999999</v>
      </c>
      <c r="E6567" s="239">
        <v>0.1444</v>
      </c>
      <c r="F6567" s="239">
        <v>0.4526</v>
      </c>
      <c r="G6567">
        <f t="shared" si="1524"/>
        <v>21.04372</v>
      </c>
      <c r="H6567" s="235">
        <f t="shared" si="1525"/>
        <v>0.68619046442359055</v>
      </c>
      <c r="I6567" s="236">
        <f t="shared" si="1526"/>
        <v>20.266084739254062</v>
      </c>
      <c r="J6567" s="237">
        <f t="shared" si="1531"/>
        <v>10.266084739254062</v>
      </c>
      <c r="K6567" s="237">
        <f t="shared" si="1527"/>
        <v>1321.0447337282758</v>
      </c>
      <c r="L6567" s="237">
        <f t="shared" si="1532"/>
        <v>669.26659632145072</v>
      </c>
      <c r="M6567" s="236">
        <f t="shared" si="1528"/>
        <v>29.469086571293435</v>
      </c>
      <c r="N6567" s="236">
        <f t="shared" si="1529"/>
        <v>0.73215219563515455</v>
      </c>
      <c r="O6567" s="236">
        <f t="shared" si="1533"/>
        <v>2.2757183113467199</v>
      </c>
      <c r="P6567" s="236" t="str">
        <f t="shared" si="1534"/>
        <v>SAND</v>
      </c>
      <c r="Q6567" s="236" t="e">
        <f t="shared" si="1530"/>
        <v>#N/A</v>
      </c>
      <c r="R6567" s="238">
        <v>35</v>
      </c>
      <c r="S6567" s="236" t="e">
        <f t="shared" si="1535"/>
        <v>#N/A</v>
      </c>
      <c r="T6567" s="236">
        <f t="shared" si="1522"/>
        <v>33.763033420540445</v>
      </c>
    </row>
    <row r="6568" spans="2:20" x14ac:dyDescent="0.2">
      <c r="B6568" s="239">
        <v>65.200999999999993</v>
      </c>
      <c r="C6568" s="3">
        <f t="shared" si="1523"/>
        <v>65.193999999999988</v>
      </c>
      <c r="D6568" s="239">
        <v>21.985399999999998</v>
      </c>
      <c r="E6568" s="239">
        <v>0.14119999999999999</v>
      </c>
      <c r="F6568" s="239">
        <v>0.42130000000000001</v>
      </c>
      <c r="G6568">
        <f t="shared" si="1524"/>
        <v>22.069659999999999</v>
      </c>
      <c r="H6568" s="235">
        <f t="shared" si="1525"/>
        <v>0.63979236653396565</v>
      </c>
      <c r="I6568" s="236">
        <f t="shared" si="1526"/>
        <v>20.258412813832045</v>
      </c>
      <c r="J6568" s="237">
        <f t="shared" si="1531"/>
        <v>10.258412813832045</v>
      </c>
      <c r="K6568" s="237">
        <f t="shared" si="1527"/>
        <v>1320.7269649849661</v>
      </c>
      <c r="L6568" s="237">
        <f t="shared" si="1532"/>
        <v>668.85877387466314</v>
      </c>
      <c r="M6568" s="236">
        <f t="shared" si="1528"/>
        <v>31.021396213161072</v>
      </c>
      <c r="N6568" s="236">
        <f t="shared" si="1529"/>
        <v>0.680516919890371</v>
      </c>
      <c r="O6568" s="236">
        <f t="shared" si="1533"/>
        <v>2.2410474467509469</v>
      </c>
      <c r="P6568" s="236" t="str">
        <f t="shared" si="1534"/>
        <v>SAND</v>
      </c>
      <c r="Q6568" s="236" t="e">
        <f t="shared" si="1530"/>
        <v>#N/A</v>
      </c>
      <c r="R6568" s="238">
        <v>35</v>
      </c>
      <c r="S6568" s="236" t="e">
        <f t="shared" si="1535"/>
        <v>#N/A</v>
      </c>
      <c r="T6568" s="236">
        <f t="shared" si="1522"/>
        <v>34.00827474741142</v>
      </c>
    </row>
    <row r="6569" spans="2:20" x14ac:dyDescent="0.2">
      <c r="B6569" s="239">
        <v>65.210999999999999</v>
      </c>
      <c r="C6569" s="3">
        <f t="shared" si="1523"/>
        <v>65.203999999999994</v>
      </c>
      <c r="D6569" s="239">
        <v>22.975200000000001</v>
      </c>
      <c r="E6569" s="239">
        <v>0.1386</v>
      </c>
      <c r="F6569" s="239">
        <v>0.44969999999999999</v>
      </c>
      <c r="G6569">
        <f t="shared" si="1524"/>
        <v>23.06514</v>
      </c>
      <c r="H6569" s="235">
        <f t="shared" si="1525"/>
        <v>0.60090682302383602</v>
      </c>
      <c r="I6569" s="236">
        <f t="shared" si="1526"/>
        <v>20.253864261643422</v>
      </c>
      <c r="J6569" s="237">
        <f t="shared" si="1531"/>
        <v>10.253864261643422</v>
      </c>
      <c r="K6569" s="237">
        <f t="shared" si="1527"/>
        <v>1320.6329653161974</v>
      </c>
      <c r="L6569" s="237">
        <f t="shared" si="1532"/>
        <v>668.66474236602915</v>
      </c>
      <c r="M6569" s="236">
        <f t="shared" si="1528"/>
        <v>32.519296527796875</v>
      </c>
      <c r="N6569" s="236">
        <f t="shared" si="1529"/>
        <v>0.63740235535772138</v>
      </c>
      <c r="O6569" s="236">
        <f t="shared" si="1533"/>
        <v>2.2096684507205007</v>
      </c>
      <c r="P6569" s="236" t="str">
        <f t="shared" si="1534"/>
        <v>SAND</v>
      </c>
      <c r="Q6569" s="236" t="e">
        <f t="shared" si="1530"/>
        <v>#N/A</v>
      </c>
      <c r="R6569" s="238">
        <v>35</v>
      </c>
      <c r="S6569" s="236" t="e">
        <f t="shared" si="1535"/>
        <v>#N/A</v>
      </c>
      <c r="T6569" s="236">
        <f t="shared" si="1522"/>
        <v>34.233552563848207</v>
      </c>
    </row>
    <row r="6570" spans="2:20" x14ac:dyDescent="0.2">
      <c r="B6570" s="239">
        <v>65.221000000000004</v>
      </c>
      <c r="C6570" s="3">
        <f t="shared" si="1523"/>
        <v>65.213999999999999</v>
      </c>
      <c r="D6570" s="239">
        <v>23.487100000000002</v>
      </c>
      <c r="E6570" s="239">
        <v>0.1363</v>
      </c>
      <c r="F6570" s="239">
        <v>0.4209</v>
      </c>
      <c r="G6570">
        <f t="shared" si="1524"/>
        <v>23.571280000000002</v>
      </c>
      <c r="H6570" s="235">
        <f t="shared" si="1525"/>
        <v>0.57824606894491937</v>
      </c>
      <c r="I6570" s="236">
        <f t="shared" si="1526"/>
        <v>20.242726715273875</v>
      </c>
      <c r="J6570" s="237">
        <f t="shared" si="1531"/>
        <v>10.242726715273875</v>
      </c>
      <c r="K6570" s="237">
        <f t="shared" si="1527"/>
        <v>1320.1091800098704</v>
      </c>
      <c r="L6570" s="237">
        <f t="shared" si="1532"/>
        <v>668.04087909687746</v>
      </c>
      <c r="M6570" s="236">
        <f t="shared" si="1528"/>
        <v>33.308097627306019</v>
      </c>
      <c r="N6570" s="236">
        <f t="shared" si="1529"/>
        <v>0.61255203648677237</v>
      </c>
      <c r="O6570" s="236">
        <f t="shared" si="1533"/>
        <v>2.1924641769529232</v>
      </c>
      <c r="P6570" s="236" t="str">
        <f t="shared" si="1534"/>
        <v>SAND</v>
      </c>
      <c r="Q6570" s="236" t="e">
        <f t="shared" si="1530"/>
        <v>#N/A</v>
      </c>
      <c r="R6570" s="238">
        <v>35</v>
      </c>
      <c r="S6570" s="236" t="e">
        <f t="shared" si="1535"/>
        <v>#N/A</v>
      </c>
      <c r="T6570" s="236">
        <f t="shared" si="1522"/>
        <v>34.348048118140198</v>
      </c>
    </row>
    <row r="6571" spans="2:20" x14ac:dyDescent="0.2">
      <c r="B6571" s="239">
        <v>65.231999999999999</v>
      </c>
      <c r="C6571" s="3">
        <f t="shared" si="1523"/>
        <v>65.224999999999994</v>
      </c>
      <c r="D6571" s="239">
        <v>23.951799999999999</v>
      </c>
      <c r="E6571" s="239">
        <v>0.12509999999999999</v>
      </c>
      <c r="F6571" s="239">
        <v>0.39729999999999999</v>
      </c>
      <c r="G6571">
        <f t="shared" si="1524"/>
        <v>24.03126</v>
      </c>
      <c r="H6571" s="235">
        <f t="shared" si="1525"/>
        <v>0.52057195502857523</v>
      </c>
      <c r="I6571" s="236">
        <f t="shared" si="1526"/>
        <v>20.149736678536705</v>
      </c>
      <c r="J6571" s="237">
        <f t="shared" si="1531"/>
        <v>10.149736678536705</v>
      </c>
      <c r="K6571" s="237">
        <f t="shared" si="1527"/>
        <v>1314.2665748575564</v>
      </c>
      <c r="L6571" s="237">
        <f t="shared" si="1532"/>
        <v>662.08762301430636</v>
      </c>
      <c r="M6571" s="236">
        <f t="shared" si="1528"/>
        <v>34.311158577044679</v>
      </c>
      <c r="N6571" s="236">
        <f t="shared" si="1529"/>
        <v>0.55068907077088525</v>
      </c>
      <c r="O6571" s="236">
        <f t="shared" si="1533"/>
        <v>2.1600651557394994</v>
      </c>
      <c r="P6571" s="236" t="str">
        <f t="shared" si="1534"/>
        <v>SAND</v>
      </c>
      <c r="Q6571" s="236" t="e">
        <f t="shared" si="1530"/>
        <v>#N/A</v>
      </c>
      <c r="R6571" s="238">
        <v>35</v>
      </c>
      <c r="S6571" s="236" t="e">
        <f t="shared" si="1535"/>
        <v>#N/A</v>
      </c>
      <c r="T6571" s="236">
        <f t="shared" si="1522"/>
        <v>34.489789213288375</v>
      </c>
    </row>
    <row r="6572" spans="2:20" x14ac:dyDescent="0.2">
      <c r="B6572" s="239">
        <v>65.241</v>
      </c>
      <c r="C6572" s="3">
        <f t="shared" si="1523"/>
        <v>65.233999999999995</v>
      </c>
      <c r="D6572" s="239">
        <v>24.825800000000001</v>
      </c>
      <c r="E6572" s="239">
        <v>0.1181</v>
      </c>
      <c r="F6572" s="239">
        <v>0.3251</v>
      </c>
      <c r="G6572">
        <f t="shared" si="1524"/>
        <v>24.890820000000001</v>
      </c>
      <c r="H6572" s="235">
        <f t="shared" si="1525"/>
        <v>0.47447211461896388</v>
      </c>
      <c r="I6572" s="236">
        <f t="shared" si="1526"/>
        <v>20.095953061706645</v>
      </c>
      <c r="J6572" s="237">
        <f t="shared" si="1531"/>
        <v>10.095953061706645</v>
      </c>
      <c r="K6572" s="237">
        <f t="shared" si="1527"/>
        <v>1310.9394020273712</v>
      </c>
      <c r="L6572" s="237">
        <f t="shared" si="1532"/>
        <v>658.67007369880321</v>
      </c>
      <c r="M6572" s="236">
        <f t="shared" si="1528"/>
        <v>35.799228687525343</v>
      </c>
      <c r="N6572" s="236">
        <f t="shared" si="1529"/>
        <v>0.50085071257805303</v>
      </c>
      <c r="O6572" s="236">
        <f t="shared" si="1533"/>
        <v>2.1254184208252731</v>
      </c>
      <c r="P6572" s="236" t="str">
        <f t="shared" si="1534"/>
        <v>SAND</v>
      </c>
      <c r="Q6572" s="236" t="e">
        <f t="shared" si="1530"/>
        <v>#N/A</v>
      </c>
      <c r="R6572" s="238">
        <v>35</v>
      </c>
      <c r="S6572" s="236" t="e">
        <f t="shared" si="1535"/>
        <v>#N/A</v>
      </c>
      <c r="T6572" s="236">
        <f t="shared" si="1522"/>
        <v>34.692610366156316</v>
      </c>
    </row>
    <row r="6573" spans="2:20" x14ac:dyDescent="0.2">
      <c r="B6573" s="239">
        <v>65.25</v>
      </c>
      <c r="C6573" s="3">
        <f t="shared" si="1523"/>
        <v>65.242999999999995</v>
      </c>
      <c r="D6573" s="239">
        <v>25.6023</v>
      </c>
      <c r="E6573" s="239">
        <v>0.1137</v>
      </c>
      <c r="F6573" s="239">
        <v>0.40600000000000003</v>
      </c>
      <c r="G6573">
        <f t="shared" si="1524"/>
        <v>25.683499999999999</v>
      </c>
      <c r="H6573" s="235">
        <f t="shared" si="1525"/>
        <v>0.44269667296123977</v>
      </c>
      <c r="I6573" s="236">
        <f t="shared" si="1526"/>
        <v>20.06368509497004</v>
      </c>
      <c r="J6573" s="237">
        <f t="shared" si="1531"/>
        <v>10.06368509497004</v>
      </c>
      <c r="K6573" s="237">
        <f t="shared" si="1527"/>
        <v>1309.0150066511303</v>
      </c>
      <c r="L6573" s="237">
        <f t="shared" si="1532"/>
        <v>656.65545244679515</v>
      </c>
      <c r="M6573" s="236">
        <f t="shared" si="1528"/>
        <v>37.119138967819332</v>
      </c>
      <c r="N6573" s="236">
        <f t="shared" si="1529"/>
        <v>0.46647139429212808</v>
      </c>
      <c r="O6573" s="236">
        <f t="shared" si="1533"/>
        <v>2.0979842887585889</v>
      </c>
      <c r="P6573" s="236" t="str">
        <f t="shared" si="1534"/>
        <v>SAND</v>
      </c>
      <c r="Q6573" s="236" t="e">
        <f t="shared" si="1530"/>
        <v>#N/A</v>
      </c>
      <c r="R6573" s="238">
        <v>35</v>
      </c>
      <c r="S6573" s="236" t="e">
        <f t="shared" si="1535"/>
        <v>#N/A</v>
      </c>
      <c r="T6573" s="236">
        <f t="shared" si="1522"/>
        <v>34.865576829316794</v>
      </c>
    </row>
    <row r="6574" spans="2:20" x14ac:dyDescent="0.2">
      <c r="B6574" s="239">
        <v>65.260999999999996</v>
      </c>
      <c r="C6574" s="3">
        <f t="shared" si="1523"/>
        <v>65.253999999999991</v>
      </c>
      <c r="D6574" s="239">
        <v>26.710899999999999</v>
      </c>
      <c r="E6574" s="239">
        <v>0.1162</v>
      </c>
      <c r="F6574" s="239">
        <v>0.36099999999999999</v>
      </c>
      <c r="G6574">
        <f t="shared" si="1524"/>
        <v>26.783099999999997</v>
      </c>
      <c r="H6574" s="235">
        <f t="shared" si="1525"/>
        <v>0.43385567764747174</v>
      </c>
      <c r="I6574" s="236">
        <f t="shared" si="1526"/>
        <v>20.105574358684606</v>
      </c>
      <c r="J6574" s="237">
        <f t="shared" si="1531"/>
        <v>10.105574358684606</v>
      </c>
      <c r="K6574" s="237">
        <f t="shared" si="1527"/>
        <v>1311.9691492016052</v>
      </c>
      <c r="L6574" s="237">
        <f t="shared" si="1532"/>
        <v>659.49988822211606</v>
      </c>
      <c r="M6574" s="236">
        <f t="shared" si="1528"/>
        <v>38.621888048326475</v>
      </c>
      <c r="N6574" s="236">
        <f t="shared" si="1529"/>
        <v>0.45620275236565605</v>
      </c>
      <c r="O6574" s="236">
        <f t="shared" si="1533"/>
        <v>2.0782768534130489</v>
      </c>
      <c r="P6574" s="236" t="str">
        <f t="shared" si="1534"/>
        <v>SAND</v>
      </c>
      <c r="Q6574" s="236" t="e">
        <f t="shared" si="1530"/>
        <v>#N/A</v>
      </c>
      <c r="R6574" s="238">
        <v>35</v>
      </c>
      <c r="S6574" s="236" t="e">
        <f t="shared" si="1535"/>
        <v>#N/A</v>
      </c>
      <c r="T6574" s="236">
        <f t="shared" si="1522"/>
        <v>35.055168507072338</v>
      </c>
    </row>
    <row r="6575" spans="2:20" x14ac:dyDescent="0.2">
      <c r="B6575" s="239">
        <v>65.271000000000001</v>
      </c>
      <c r="C6575" s="3">
        <f t="shared" si="1523"/>
        <v>65.263999999999996</v>
      </c>
      <c r="D6575" s="239">
        <v>26.6707</v>
      </c>
      <c r="E6575" s="239">
        <v>0.1019</v>
      </c>
      <c r="F6575" s="239">
        <v>0.45550000000000002</v>
      </c>
      <c r="G6575">
        <f t="shared" si="1524"/>
        <v>26.761800000000001</v>
      </c>
      <c r="H6575" s="235">
        <f t="shared" si="1525"/>
        <v>0.38076661510062848</v>
      </c>
      <c r="I6575" s="236">
        <f t="shared" si="1526"/>
        <v>19.951277139871827</v>
      </c>
      <c r="J6575" s="237">
        <f t="shared" si="1531"/>
        <v>9.9512771398718272</v>
      </c>
      <c r="K6575" s="237">
        <f t="shared" si="1527"/>
        <v>1302.1001512565949</v>
      </c>
      <c r="L6575" s="237">
        <f t="shared" si="1532"/>
        <v>649.52981019657409</v>
      </c>
      <c r="M6575" s="236">
        <f t="shared" si="1528"/>
        <v>39.197122978910336</v>
      </c>
      <c r="N6575" s="236">
        <f t="shared" si="1529"/>
        <v>0.40024038227233621</v>
      </c>
      <c r="O6575" s="236">
        <f t="shared" si="1533"/>
        <v>2.0489964616780334</v>
      </c>
      <c r="P6575" s="236" t="str">
        <f t="shared" si="1534"/>
        <v>SAND</v>
      </c>
      <c r="Q6575" s="236" t="e">
        <f t="shared" si="1530"/>
        <v>#N/A</v>
      </c>
      <c r="R6575" s="238">
        <v>35</v>
      </c>
      <c r="S6575" s="236" t="e">
        <f t="shared" si="1535"/>
        <v>#N/A</v>
      </c>
      <c r="T6575" s="236">
        <f t="shared" si="1522"/>
        <v>35.125796106546176</v>
      </c>
    </row>
    <row r="6576" spans="2:20" x14ac:dyDescent="0.2">
      <c r="B6576" s="239">
        <v>65.281000000000006</v>
      </c>
      <c r="C6576" s="3">
        <f t="shared" si="1523"/>
        <v>65.274000000000001</v>
      </c>
      <c r="D6576" s="239">
        <v>26.232500000000002</v>
      </c>
      <c r="E6576" s="239">
        <v>0.1067</v>
      </c>
      <c r="F6576" s="239">
        <v>0.45400000000000001</v>
      </c>
      <c r="G6576">
        <f t="shared" si="1524"/>
        <v>26.323300000000003</v>
      </c>
      <c r="H6576" s="235">
        <f t="shared" si="1525"/>
        <v>0.40534431473257526</v>
      </c>
      <c r="I6576" s="236">
        <f t="shared" si="1526"/>
        <v>19.998793286838481</v>
      </c>
      <c r="J6576" s="237">
        <f t="shared" si="1531"/>
        <v>9.998793286838481</v>
      </c>
      <c r="K6576" s="237">
        <f t="shared" si="1527"/>
        <v>1305.401233005095</v>
      </c>
      <c r="L6576" s="237">
        <f t="shared" si="1532"/>
        <v>652.73122455810289</v>
      </c>
      <c r="M6576" s="236">
        <f t="shared" si="1528"/>
        <v>38.328025113142019</v>
      </c>
      <c r="N6576" s="236">
        <f t="shared" si="1529"/>
        <v>0.42649465086478389</v>
      </c>
      <c r="O6576" s="236">
        <f t="shared" si="1533"/>
        <v>2.0690996402096111</v>
      </c>
      <c r="P6576" s="236" t="str">
        <f t="shared" si="1534"/>
        <v>SAND</v>
      </c>
      <c r="Q6576" s="236" t="e">
        <f t="shared" si="1530"/>
        <v>#N/A</v>
      </c>
      <c r="R6576" s="238">
        <v>35</v>
      </c>
      <c r="S6576" s="236" t="e">
        <f t="shared" si="1535"/>
        <v>#N/A</v>
      </c>
      <c r="T6576" s="236">
        <f t="shared" si="1522"/>
        <v>35.018680866476465</v>
      </c>
    </row>
    <row r="6577" spans="2:20" x14ac:dyDescent="0.2">
      <c r="B6577" s="239">
        <v>65.290999999999997</v>
      </c>
      <c r="C6577" s="3">
        <f t="shared" si="1523"/>
        <v>65.283999999999992</v>
      </c>
      <c r="D6577" s="239">
        <v>26.089600000000001</v>
      </c>
      <c r="E6577" s="239">
        <v>0.1036</v>
      </c>
      <c r="F6577" s="239">
        <v>0.47010000000000002</v>
      </c>
      <c r="G6577">
        <f t="shared" si="1524"/>
        <v>26.183620000000001</v>
      </c>
      <c r="H6577" s="235">
        <f t="shared" si="1525"/>
        <v>0.39566721484653378</v>
      </c>
      <c r="I6577" s="236">
        <f t="shared" si="1526"/>
        <v>19.962141114517195</v>
      </c>
      <c r="J6577" s="237">
        <f t="shared" si="1531"/>
        <v>9.9621411145171948</v>
      </c>
      <c r="K6577" s="237">
        <f t="shared" si="1527"/>
        <v>1303.2084205201404</v>
      </c>
      <c r="L6577" s="237">
        <f t="shared" si="1532"/>
        <v>650.43815550794216</v>
      </c>
      <c r="M6577" s="236">
        <f t="shared" si="1528"/>
        <v>38.251771315675931</v>
      </c>
      <c r="N6577" s="236">
        <f t="shared" si="1529"/>
        <v>0.41639182562978239</v>
      </c>
      <c r="O6577" s="236">
        <f t="shared" si="1533"/>
        <v>2.0656350366286129</v>
      </c>
      <c r="P6577" s="236" t="str">
        <f t="shared" si="1534"/>
        <v>SAND</v>
      </c>
      <c r="Q6577" s="236" t="e">
        <f t="shared" si="1530"/>
        <v>#N/A</v>
      </c>
      <c r="R6577" s="238">
        <v>35</v>
      </c>
      <c r="S6577" s="236" t="e">
        <f t="shared" si="1535"/>
        <v>#N/A</v>
      </c>
      <c r="T6577" s="236">
        <f t="shared" si="1522"/>
        <v>35.00916705799213</v>
      </c>
    </row>
    <row r="6578" spans="2:20" x14ac:dyDescent="0.2">
      <c r="B6578" s="239">
        <v>65.302000000000007</v>
      </c>
      <c r="C6578" s="3">
        <f t="shared" si="1523"/>
        <v>65.295000000000002</v>
      </c>
      <c r="D6578" s="239">
        <v>25.9846</v>
      </c>
      <c r="E6578" s="239">
        <v>9.3799999999999994E-2</v>
      </c>
      <c r="F6578" s="239">
        <v>0.3876</v>
      </c>
      <c r="G6578">
        <f t="shared" si="1524"/>
        <v>26.06212</v>
      </c>
      <c r="H6578" s="235">
        <f t="shared" si="1525"/>
        <v>0.35990932433739081</v>
      </c>
      <c r="I6578" s="236">
        <f t="shared" si="1526"/>
        <v>19.843799484107048</v>
      </c>
      <c r="J6578" s="237">
        <f t="shared" si="1531"/>
        <v>9.8437994841070484</v>
      </c>
      <c r="K6578" s="237">
        <f t="shared" si="1527"/>
        <v>1295.7008873147697</v>
      </c>
      <c r="L6578" s="237">
        <f t="shared" si="1532"/>
        <v>642.81979391115851</v>
      </c>
      <c r="M6578" s="236">
        <f t="shared" si="1528"/>
        <v>38.527779242759436</v>
      </c>
      <c r="N6578" s="236">
        <f t="shared" si="1529"/>
        <v>0.37873864434425292</v>
      </c>
      <c r="O6578" s="236">
        <f t="shared" si="1533"/>
        <v>2.0463757855820779</v>
      </c>
      <c r="P6578" s="236" t="str">
        <f t="shared" si="1534"/>
        <v>SAND</v>
      </c>
      <c r="Q6578" s="236" t="e">
        <f t="shared" si="1530"/>
        <v>#N/A</v>
      </c>
      <c r="R6578" s="238">
        <v>35</v>
      </c>
      <c r="S6578" s="236" t="e">
        <f t="shared" si="1535"/>
        <v>#N/A</v>
      </c>
      <c r="T6578" s="236">
        <f t="shared" si="1522"/>
        <v>35.0435137450159</v>
      </c>
    </row>
    <row r="6579" spans="2:20" x14ac:dyDescent="0.2">
      <c r="B6579" s="239">
        <v>65.311999999999998</v>
      </c>
      <c r="C6579" s="3">
        <f t="shared" si="1523"/>
        <v>65.304999999999993</v>
      </c>
      <c r="D6579" s="239">
        <v>25.014900000000001</v>
      </c>
      <c r="E6579" s="239">
        <v>9.4200000000000006E-2</v>
      </c>
      <c r="F6579" s="239">
        <v>0.39760000000000001</v>
      </c>
      <c r="G6579">
        <f t="shared" si="1524"/>
        <v>25.09442</v>
      </c>
      <c r="H6579" s="235">
        <f t="shared" si="1525"/>
        <v>0.37538225629442723</v>
      </c>
      <c r="I6579" s="236">
        <f t="shared" si="1526"/>
        <v>19.833999938094561</v>
      </c>
      <c r="J6579" s="237">
        <f t="shared" si="1531"/>
        <v>9.8339999380945606</v>
      </c>
      <c r="K6579" s="237">
        <f t="shared" si="1527"/>
        <v>1295.2593659572651</v>
      </c>
      <c r="L6579" s="237">
        <f t="shared" si="1532"/>
        <v>642.27820395683193</v>
      </c>
      <c r="M6579" s="236">
        <f t="shared" si="1528"/>
        <v>37.054286580838564</v>
      </c>
      <c r="N6579" s="236">
        <f t="shared" si="1529"/>
        <v>0.39581227862824153</v>
      </c>
      <c r="O6579" s="236">
        <f t="shared" si="1533"/>
        <v>2.069469475596069</v>
      </c>
      <c r="P6579" s="236" t="str">
        <f t="shared" si="1534"/>
        <v>SAND</v>
      </c>
      <c r="Q6579" s="236" t="e">
        <f t="shared" si="1530"/>
        <v>#N/A</v>
      </c>
      <c r="R6579" s="238">
        <v>35</v>
      </c>
      <c r="S6579" s="236" t="e">
        <f t="shared" si="1535"/>
        <v>#N/A</v>
      </c>
      <c r="T6579" s="236">
        <f t="shared" si="1522"/>
        <v>34.85722301665411</v>
      </c>
    </row>
    <row r="6580" spans="2:20" x14ac:dyDescent="0.2">
      <c r="B6580" s="239">
        <v>65.322000000000003</v>
      </c>
      <c r="C6580" s="3">
        <f t="shared" si="1523"/>
        <v>65.314999999999998</v>
      </c>
      <c r="D6580" s="239">
        <v>24.4665</v>
      </c>
      <c r="E6580" s="239">
        <v>9.7900000000000001E-2</v>
      </c>
      <c r="F6580" s="239">
        <v>0.42249999999999999</v>
      </c>
      <c r="G6580">
        <f t="shared" si="1524"/>
        <v>24.550999999999998</v>
      </c>
      <c r="H6580" s="235">
        <f t="shared" si="1525"/>
        <v>0.39876176123172175</v>
      </c>
      <c r="I6580" s="236">
        <f t="shared" si="1526"/>
        <v>19.870618589922433</v>
      </c>
      <c r="J6580" s="237">
        <f t="shared" si="1531"/>
        <v>9.870618589922433</v>
      </c>
      <c r="K6580" s="237">
        <f t="shared" si="1527"/>
        <v>1297.8494532007837</v>
      </c>
      <c r="L6580" s="237">
        <f t="shared" si="1532"/>
        <v>644.76854753091322</v>
      </c>
      <c r="M6580" s="236">
        <f t="shared" si="1528"/>
        <v>36.064337560889399</v>
      </c>
      <c r="N6580" s="236">
        <f t="shared" si="1529"/>
        <v>0.42101821773770731</v>
      </c>
      <c r="O6580" s="236">
        <f t="shared" si="1533"/>
        <v>2.0909602396475404</v>
      </c>
      <c r="P6580" s="236" t="str">
        <f t="shared" si="1534"/>
        <v>SAND</v>
      </c>
      <c r="Q6580" s="236" t="e">
        <f t="shared" si="1530"/>
        <v>#N/A</v>
      </c>
      <c r="R6580" s="238">
        <v>35</v>
      </c>
      <c r="S6580" s="236" t="e">
        <f t="shared" si="1535"/>
        <v>#N/A</v>
      </c>
      <c r="T6580" s="236">
        <f t="shared" si="1522"/>
        <v>34.727857553021707</v>
      </c>
    </row>
    <row r="6581" spans="2:20" x14ac:dyDescent="0.2">
      <c r="B6581" s="239">
        <v>65.332999999999998</v>
      </c>
      <c r="C6581" s="3">
        <f t="shared" si="1523"/>
        <v>65.325999999999993</v>
      </c>
      <c r="D6581" s="239">
        <v>24.134399999999999</v>
      </c>
      <c r="E6581" s="239">
        <v>9.5799999999999996E-2</v>
      </c>
      <c r="F6581" s="239">
        <v>0.41089999999999999</v>
      </c>
      <c r="G6581">
        <f t="shared" si="1524"/>
        <v>24.21658</v>
      </c>
      <c r="H6581" s="235">
        <f t="shared" si="1525"/>
        <v>0.39559673579010746</v>
      </c>
      <c r="I6581" s="236">
        <f t="shared" si="1526"/>
        <v>19.839831457586243</v>
      </c>
      <c r="J6581" s="237">
        <f t="shared" si="1531"/>
        <v>9.8398314575862429</v>
      </c>
      <c r="K6581" s="237">
        <f t="shared" si="1527"/>
        <v>1296.0568297982788</v>
      </c>
      <c r="L6581" s="237">
        <f t="shared" si="1532"/>
        <v>642.86570861848202</v>
      </c>
      <c r="M6581" s="236">
        <f t="shared" si="1528"/>
        <v>35.653672085664532</v>
      </c>
      <c r="N6581" s="236">
        <f t="shared" si="1529"/>
        <v>0.41796602672903505</v>
      </c>
      <c r="O6581" s="236">
        <f t="shared" si="1533"/>
        <v>2.0942402440541921</v>
      </c>
      <c r="P6581" s="236" t="str">
        <f t="shared" si="1534"/>
        <v>SAND</v>
      </c>
      <c r="Q6581" s="236" t="e">
        <f t="shared" si="1530"/>
        <v>#N/A</v>
      </c>
      <c r="R6581" s="238">
        <v>35</v>
      </c>
      <c r="S6581" s="236" t="e">
        <f t="shared" si="1535"/>
        <v>#N/A</v>
      </c>
      <c r="T6581" s="236">
        <f t="shared" si="1522"/>
        <v>34.673146924553308</v>
      </c>
    </row>
    <row r="6582" spans="2:20" x14ac:dyDescent="0.2">
      <c r="B6582" s="239">
        <v>65.343000000000004</v>
      </c>
      <c r="C6582" s="3">
        <f t="shared" si="1523"/>
        <v>65.335999999999999</v>
      </c>
      <c r="D6582" s="239">
        <v>24.055700000000002</v>
      </c>
      <c r="E6582" s="239">
        <v>9.5899999999999999E-2</v>
      </c>
      <c r="F6582" s="239">
        <v>0.40610000000000002</v>
      </c>
      <c r="G6582">
        <f t="shared" si="1524"/>
        <v>24.13692</v>
      </c>
      <c r="H6582" s="235">
        <f t="shared" si="1525"/>
        <v>0.39731664189134319</v>
      </c>
      <c r="I6582" s="236">
        <f t="shared" si="1526"/>
        <v>19.839766959643043</v>
      </c>
      <c r="J6582" s="237">
        <f t="shared" si="1531"/>
        <v>9.8397669596430433</v>
      </c>
      <c r="K6582" s="237">
        <f t="shared" si="1527"/>
        <v>1296.2510140752379</v>
      </c>
      <c r="L6582" s="237">
        <f t="shared" si="1532"/>
        <v>642.95989244395537</v>
      </c>
      <c r="M6582" s="236">
        <f t="shared" si="1528"/>
        <v>35.524251596946542</v>
      </c>
      <c r="N6582" s="236">
        <f t="shared" si="1529"/>
        <v>0.41986511016422956</v>
      </c>
      <c r="O6582" s="236">
        <f t="shared" si="1533"/>
        <v>2.0964776721664706</v>
      </c>
      <c r="P6582" s="236" t="str">
        <f t="shared" si="1534"/>
        <v>SAND</v>
      </c>
      <c r="Q6582" s="236" t="e">
        <f t="shared" si="1530"/>
        <v>#N/A</v>
      </c>
      <c r="R6582" s="238">
        <v>35</v>
      </c>
      <c r="S6582" s="236" t="e">
        <f t="shared" si="1535"/>
        <v>#N/A</v>
      </c>
      <c r="T6582" s="236">
        <f t="shared" si="1522"/>
        <v>34.655774309719405</v>
      </c>
    </row>
    <row r="6583" spans="2:20" x14ac:dyDescent="0.2">
      <c r="B6583" s="239">
        <v>65.400999999999996</v>
      </c>
      <c r="C6583" s="3">
        <f t="shared" si="1523"/>
        <v>65.393999999999991</v>
      </c>
      <c r="D6583" s="239">
        <v>24.241399999999999</v>
      </c>
      <c r="E6583" s="239">
        <v>0.12640000000000001</v>
      </c>
      <c r="F6583" s="239">
        <v>0.5948</v>
      </c>
      <c r="G6583">
        <f t="shared" si="1524"/>
        <v>24.36036</v>
      </c>
      <c r="H6583" s="235">
        <f t="shared" si="1525"/>
        <v>0.51887574732064723</v>
      </c>
      <c r="I6583" s="236">
        <f t="shared" si="1526"/>
        <v>20.16717548589029</v>
      </c>
      <c r="J6583" s="237">
        <f t="shared" si="1531"/>
        <v>10.16717548589029</v>
      </c>
      <c r="K6583" s="237">
        <f t="shared" si="1527"/>
        <v>1318.8122737243095</v>
      </c>
      <c r="L6583" s="237">
        <f t="shared" si="1532"/>
        <v>664.94344395271082</v>
      </c>
      <c r="M6583" s="236">
        <f t="shared" si="1528"/>
        <v>34.651890977835329</v>
      </c>
      <c r="N6583" s="236">
        <f t="shared" si="1529"/>
        <v>0.54857426029527667</v>
      </c>
      <c r="O6583" s="236">
        <f t="shared" si="1533"/>
        <v>2.1554782976198577</v>
      </c>
      <c r="P6583" s="236" t="str">
        <f t="shared" si="1534"/>
        <v>SAND</v>
      </c>
      <c r="Q6583" s="236" t="e">
        <f t="shared" si="1530"/>
        <v>#N/A</v>
      </c>
      <c r="R6583" s="238">
        <v>35</v>
      </c>
      <c r="S6583" s="236" t="e">
        <f t="shared" si="1535"/>
        <v>#N/A</v>
      </c>
      <c r="T6583" s="236">
        <f t="shared" si="1522"/>
        <v>34.536996332816884</v>
      </c>
    </row>
    <row r="6584" spans="2:20" x14ac:dyDescent="0.2">
      <c r="B6584" s="239">
        <v>65.411000000000001</v>
      </c>
      <c r="C6584" s="3">
        <f t="shared" si="1523"/>
        <v>65.403999999999996</v>
      </c>
      <c r="D6584" s="239">
        <v>24.634499999999999</v>
      </c>
      <c r="E6584" s="239">
        <v>0.13109999999999999</v>
      </c>
      <c r="F6584" s="239">
        <v>0.57410000000000005</v>
      </c>
      <c r="G6584">
        <f t="shared" si="1524"/>
        <v>24.749320000000001</v>
      </c>
      <c r="H6584" s="235">
        <f t="shared" si="1525"/>
        <v>0.5297115233873092</v>
      </c>
      <c r="I6584" s="236">
        <f t="shared" si="1526"/>
        <v>20.216177265822715</v>
      </c>
      <c r="J6584" s="237">
        <f t="shared" si="1531"/>
        <v>10.216177265822715</v>
      </c>
      <c r="K6584" s="237">
        <f t="shared" si="1527"/>
        <v>1322.2188578938687</v>
      </c>
      <c r="L6584" s="237">
        <f t="shared" si="1532"/>
        <v>668.25037113472968</v>
      </c>
      <c r="M6584" s="236">
        <f t="shared" si="1528"/>
        <v>35.05737094066329</v>
      </c>
      <c r="N6584" s="236">
        <f t="shared" si="1529"/>
        <v>0.55960828958206277</v>
      </c>
      <c r="O6584" s="236">
        <f t="shared" si="1533"/>
        <v>2.1548258123250652</v>
      </c>
      <c r="P6584" s="236" t="str">
        <f t="shared" si="1534"/>
        <v>SAND</v>
      </c>
      <c r="Q6584" s="236" t="e">
        <f t="shared" si="1530"/>
        <v>#N/A</v>
      </c>
      <c r="R6584" s="238">
        <v>35</v>
      </c>
      <c r="S6584" s="236" t="e">
        <f t="shared" si="1535"/>
        <v>#N/A</v>
      </c>
      <c r="T6584" s="236">
        <f t="shared" si="1522"/>
        <v>34.592572783000136</v>
      </c>
    </row>
    <row r="6585" spans="2:20" x14ac:dyDescent="0.2">
      <c r="B6585" s="239">
        <v>65.421000000000006</v>
      </c>
      <c r="C6585" s="3">
        <f t="shared" si="1523"/>
        <v>65.414000000000001</v>
      </c>
      <c r="D6585" s="239">
        <v>24.866599999999998</v>
      </c>
      <c r="E6585" s="239">
        <v>0.1278</v>
      </c>
      <c r="F6585" s="239">
        <v>0.59330000000000005</v>
      </c>
      <c r="G6585">
        <f t="shared" si="1524"/>
        <v>24.985259999999997</v>
      </c>
      <c r="H6585" s="235">
        <f t="shared" si="1525"/>
        <v>0.51150158133235357</v>
      </c>
      <c r="I6585" s="236">
        <f t="shared" si="1526"/>
        <v>20.189991845519309</v>
      </c>
      <c r="J6585" s="237">
        <f t="shared" si="1531"/>
        <v>10.189991845519309</v>
      </c>
      <c r="K6585" s="237">
        <f t="shared" si="1527"/>
        <v>1320.7081265828001</v>
      </c>
      <c r="L6585" s="237">
        <f t="shared" si="1532"/>
        <v>666.63945652571874</v>
      </c>
      <c r="M6585" s="236">
        <f t="shared" si="1528"/>
        <v>35.498276679793598</v>
      </c>
      <c r="N6585" s="236">
        <f t="shared" si="1529"/>
        <v>0.54004825734122586</v>
      </c>
      <c r="O6585" s="236">
        <f t="shared" si="1533"/>
        <v>2.1430660102927761</v>
      </c>
      <c r="P6585" s="236" t="str">
        <f t="shared" si="1534"/>
        <v>SAND</v>
      </c>
      <c r="Q6585" s="236" t="e">
        <f t="shared" si="1530"/>
        <v>#N/A</v>
      </c>
      <c r="R6585" s="238">
        <v>35</v>
      </c>
      <c r="S6585" s="236" t="e">
        <f t="shared" si="1535"/>
        <v>#N/A</v>
      </c>
      <c r="T6585" s="236">
        <f t="shared" si="1522"/>
        <v>34.65227997056801</v>
      </c>
    </row>
    <row r="6586" spans="2:20" x14ac:dyDescent="0.2">
      <c r="B6586" s="239">
        <v>65.430999999999997</v>
      </c>
      <c r="C6586" s="3">
        <f t="shared" si="1523"/>
        <v>65.423999999999992</v>
      </c>
      <c r="D6586" s="239">
        <v>24.989000000000001</v>
      </c>
      <c r="E6586" s="239">
        <v>0.1285</v>
      </c>
      <c r="F6586" s="239">
        <v>0.61309999999999998</v>
      </c>
      <c r="G6586">
        <f t="shared" si="1524"/>
        <v>25.111620000000002</v>
      </c>
      <c r="H6586" s="235">
        <f t="shared" si="1525"/>
        <v>0.51171529355732526</v>
      </c>
      <c r="I6586" s="236">
        <f t="shared" si="1526"/>
        <v>20.198368756811391</v>
      </c>
      <c r="J6586" s="237">
        <f t="shared" si="1531"/>
        <v>10.198368756811391</v>
      </c>
      <c r="K6586" s="237">
        <f t="shared" si="1527"/>
        <v>1321.4580775456284</v>
      </c>
      <c r="L6586" s="237">
        <f t="shared" si="1532"/>
        <v>667.28946612692607</v>
      </c>
      <c r="M6586" s="236">
        <f t="shared" si="1528"/>
        <v>35.651936873118892</v>
      </c>
      <c r="N6586" s="236">
        <f t="shared" si="1529"/>
        <v>0.54013924082927367</v>
      </c>
      <c r="O6586" s="236">
        <f t="shared" si="1533"/>
        <v>2.141418289278155</v>
      </c>
      <c r="P6586" s="236" t="str">
        <f t="shared" si="1534"/>
        <v>SAND</v>
      </c>
      <c r="Q6586" s="236" t="e">
        <f t="shared" si="1530"/>
        <v>#N/A</v>
      </c>
      <c r="R6586" s="238">
        <v>35</v>
      </c>
      <c r="S6586" s="236" t="e">
        <f t="shared" si="1535"/>
        <v>#N/A</v>
      </c>
      <c r="T6586" s="236">
        <f t="shared" si="1522"/>
        <v>34.672914417582504</v>
      </c>
    </row>
    <row r="6587" spans="2:20" x14ac:dyDescent="0.2">
      <c r="B6587" s="239">
        <v>65.441000000000003</v>
      </c>
      <c r="C6587" s="3">
        <f t="shared" si="1523"/>
        <v>65.433999999999997</v>
      </c>
      <c r="D6587" s="239">
        <v>25.110900000000001</v>
      </c>
      <c r="E6587" s="239">
        <v>0.13</v>
      </c>
      <c r="F6587" s="239">
        <v>0.60409999999999997</v>
      </c>
      <c r="G6587">
        <f t="shared" si="1524"/>
        <v>25.231719999999999</v>
      </c>
      <c r="H6587" s="235">
        <f t="shared" si="1525"/>
        <v>0.51522448727236991</v>
      </c>
      <c r="I6587" s="236">
        <f t="shared" si="1526"/>
        <v>20.213842276536262</v>
      </c>
      <c r="J6587" s="237">
        <f t="shared" si="1531"/>
        <v>10.213842276536262</v>
      </c>
      <c r="K6587" s="237">
        <f t="shared" si="1527"/>
        <v>1322.6725555228736</v>
      </c>
      <c r="L6587" s="237">
        <f t="shared" si="1532"/>
        <v>668.40405241880956</v>
      </c>
      <c r="M6587" s="236">
        <f t="shared" si="1528"/>
        <v>35.770350819920161</v>
      </c>
      <c r="N6587" s="236">
        <f t="shared" si="1529"/>
        <v>0.54372722418947461</v>
      </c>
      <c r="O6587" s="236">
        <f t="shared" si="1533"/>
        <v>2.1414098934649353</v>
      </c>
      <c r="P6587" s="236" t="str">
        <f t="shared" si="1534"/>
        <v>SAND</v>
      </c>
      <c r="Q6587" s="236" t="e">
        <f t="shared" si="1530"/>
        <v>#N/A</v>
      </c>
      <c r="R6587" s="238">
        <v>35</v>
      </c>
      <c r="S6587" s="236" t="e">
        <f t="shared" si="1535"/>
        <v>#N/A</v>
      </c>
      <c r="T6587" s="236">
        <f t="shared" si="1522"/>
        <v>34.688755194937286</v>
      </c>
    </row>
    <row r="6588" spans="2:20" x14ac:dyDescent="0.2">
      <c r="B6588" s="239">
        <v>65.451999999999998</v>
      </c>
      <c r="C6588" s="3">
        <f t="shared" si="1523"/>
        <v>65.444999999999993</v>
      </c>
      <c r="D6588" s="239">
        <v>24.965699999999998</v>
      </c>
      <c r="E6588" s="239">
        <v>0.1313</v>
      </c>
      <c r="F6588" s="239">
        <v>0.59899999999999998</v>
      </c>
      <c r="G6588">
        <f t="shared" si="1524"/>
        <v>25.0855</v>
      </c>
      <c r="H6588" s="235">
        <f t="shared" si="1525"/>
        <v>0.52340993801199898</v>
      </c>
      <c r="I6588" s="236">
        <f t="shared" si="1526"/>
        <v>20.223238300385745</v>
      </c>
      <c r="J6588" s="237">
        <f t="shared" si="1531"/>
        <v>10.223238300385745</v>
      </c>
      <c r="K6588" s="237">
        <f t="shared" si="1527"/>
        <v>1323.509830568745</v>
      </c>
      <c r="L6588" s="237">
        <f t="shared" si="1532"/>
        <v>669.13139323684777</v>
      </c>
      <c r="M6588" s="236">
        <f t="shared" si="1528"/>
        <v>35.511695325615051</v>
      </c>
      <c r="N6588" s="236">
        <f t="shared" si="1529"/>
        <v>0.55256314418020269</v>
      </c>
      <c r="O6588" s="236">
        <f t="shared" si="1533"/>
        <v>2.1473595152611065</v>
      </c>
      <c r="P6588" s="236" t="str">
        <f t="shared" si="1534"/>
        <v>SAND</v>
      </c>
      <c r="Q6588" s="236" t="e">
        <f t="shared" si="1530"/>
        <v>#N/A</v>
      </c>
      <c r="R6588" s="238">
        <v>35</v>
      </c>
      <c r="S6588" s="236" t="e">
        <f t="shared" si="1535"/>
        <v>#N/A</v>
      </c>
      <c r="T6588" s="236">
        <f t="shared" si="1522"/>
        <v>34.654085465800193</v>
      </c>
    </row>
    <row r="6589" spans="2:20" x14ac:dyDescent="0.2">
      <c r="B6589" s="239">
        <v>65.462000000000003</v>
      </c>
      <c r="C6589" s="3">
        <f t="shared" si="1523"/>
        <v>65.454999999999998</v>
      </c>
      <c r="D6589" s="239">
        <v>24.839099999999998</v>
      </c>
      <c r="E6589" s="239">
        <v>0.12379999999999999</v>
      </c>
      <c r="F6589" s="239">
        <v>0.58069999999999999</v>
      </c>
      <c r="G6589">
        <f t="shared" si="1524"/>
        <v>24.95524</v>
      </c>
      <c r="H6589" s="235">
        <f t="shared" si="1525"/>
        <v>0.49608819630666745</v>
      </c>
      <c r="I6589" s="236">
        <f t="shared" si="1526"/>
        <v>20.152234370864054</v>
      </c>
      <c r="J6589" s="237">
        <f t="shared" si="1531"/>
        <v>10.152234370864054</v>
      </c>
      <c r="K6589" s="237">
        <f t="shared" si="1527"/>
        <v>1319.0645007449066</v>
      </c>
      <c r="L6589" s="237">
        <f t="shared" si="1532"/>
        <v>664.58556638550272</v>
      </c>
      <c r="M6589" s="236">
        <f t="shared" si="1528"/>
        <v>35.565285637793373</v>
      </c>
      <c r="N6589" s="236">
        <f t="shared" si="1529"/>
        <v>0.52377339982054882</v>
      </c>
      <c r="O6589" s="236">
        <f t="shared" si="1533"/>
        <v>2.1364574547225357</v>
      </c>
      <c r="P6589" s="236" t="str">
        <f t="shared" si="1534"/>
        <v>SAND</v>
      </c>
      <c r="Q6589" s="236" t="e">
        <f t="shared" si="1530"/>
        <v>#N/A</v>
      </c>
      <c r="R6589" s="238">
        <v>35</v>
      </c>
      <c r="S6589" s="236" t="e">
        <f t="shared" si="1535"/>
        <v>#N/A</v>
      </c>
      <c r="T6589" s="236">
        <f t="shared" si="1522"/>
        <v>34.661289311279575</v>
      </c>
    </row>
    <row r="6590" spans="2:20" x14ac:dyDescent="0.2">
      <c r="B6590" s="239">
        <v>65.471999999999994</v>
      </c>
      <c r="C6590" s="3">
        <f t="shared" si="1523"/>
        <v>65.464999999999989</v>
      </c>
      <c r="D6590" s="239">
        <v>24.771899999999999</v>
      </c>
      <c r="E6590" s="239">
        <v>0.1227</v>
      </c>
      <c r="F6590" s="239">
        <v>0.57640000000000002</v>
      </c>
      <c r="G6590">
        <f t="shared" si="1524"/>
        <v>24.887179999999997</v>
      </c>
      <c r="H6590" s="235">
        <f t="shared" si="1525"/>
        <v>0.49302492287193656</v>
      </c>
      <c r="I6590" s="236">
        <f t="shared" si="1526"/>
        <v>20.140701493756978</v>
      </c>
      <c r="J6590" s="237">
        <f t="shared" si="1531"/>
        <v>10.140701493756978</v>
      </c>
      <c r="K6590" s="237">
        <f t="shared" si="1527"/>
        <v>1318.5110232888003</v>
      </c>
      <c r="L6590" s="237">
        <f t="shared" si="1532"/>
        <v>663.93200819925687</v>
      </c>
      <c r="M6590" s="236">
        <f t="shared" si="1528"/>
        <v>35.498618360990143</v>
      </c>
      <c r="N6590" s="236">
        <f t="shared" si="1529"/>
        <v>0.52060640387135559</v>
      </c>
      <c r="O6590" s="236">
        <f t="shared" si="1533"/>
        <v>2.1360332700029856</v>
      </c>
      <c r="P6590" s="236" t="str">
        <f t="shared" si="1534"/>
        <v>SAND</v>
      </c>
      <c r="Q6590" s="236" t="e">
        <f t="shared" si="1530"/>
        <v>#N/A</v>
      </c>
      <c r="R6590" s="238">
        <v>35</v>
      </c>
      <c r="S6590" s="236" t="e">
        <f t="shared" si="1535"/>
        <v>#N/A</v>
      </c>
      <c r="T6590" s="236">
        <f t="shared" si="1522"/>
        <v>34.652325952658906</v>
      </c>
    </row>
    <row r="6591" spans="2:20" x14ac:dyDescent="0.2">
      <c r="B6591" s="239">
        <v>65.483000000000004</v>
      </c>
      <c r="C6591" s="3">
        <f t="shared" si="1523"/>
        <v>65.475999999999999</v>
      </c>
      <c r="D6591" s="239">
        <v>24.8018</v>
      </c>
      <c r="E6591" s="239">
        <v>0.12809999999999999</v>
      </c>
      <c r="F6591" s="239">
        <v>0.57189999999999996</v>
      </c>
      <c r="G6591">
        <f t="shared" si="1524"/>
        <v>24.916180000000001</v>
      </c>
      <c r="H6591" s="235">
        <f t="shared" si="1525"/>
        <v>0.51412375412282296</v>
      </c>
      <c r="I6591" s="236">
        <f t="shared" si="1526"/>
        <v>20.191659018380761</v>
      </c>
      <c r="J6591" s="237">
        <f t="shared" si="1531"/>
        <v>10.191659018380761</v>
      </c>
      <c r="K6591" s="237">
        <f t="shared" si="1527"/>
        <v>1322.0690658874987</v>
      </c>
      <c r="L6591" s="237">
        <f t="shared" si="1532"/>
        <v>667.38040750062748</v>
      </c>
      <c r="M6591" s="236">
        <f t="shared" si="1528"/>
        <v>35.353316742506138</v>
      </c>
      <c r="N6591" s="236">
        <f t="shared" si="1529"/>
        <v>0.54293209164661627</v>
      </c>
      <c r="O6591" s="236">
        <f t="shared" si="1533"/>
        <v>2.1456862836116106</v>
      </c>
      <c r="P6591" s="236" t="str">
        <f t="shared" si="1534"/>
        <v>SAND</v>
      </c>
      <c r="Q6591" s="236" t="e">
        <f t="shared" si="1530"/>
        <v>#N/A</v>
      </c>
      <c r="R6591" s="238">
        <v>35</v>
      </c>
      <c r="S6591" s="236" t="e">
        <f t="shared" si="1535"/>
        <v>#N/A</v>
      </c>
      <c r="T6591" s="236">
        <f t="shared" si="1522"/>
        <v>34.632731806799271</v>
      </c>
    </row>
    <row r="6592" spans="2:20" x14ac:dyDescent="0.2">
      <c r="B6592" s="239">
        <v>65.492999999999995</v>
      </c>
      <c r="C6592" s="3">
        <f t="shared" si="1523"/>
        <v>65.48599999999999</v>
      </c>
      <c r="D6592" s="239">
        <v>24.874700000000001</v>
      </c>
      <c r="E6592" s="239">
        <v>0.13420000000000001</v>
      </c>
      <c r="F6592" s="239">
        <v>0.56940000000000002</v>
      </c>
      <c r="G6592">
        <f t="shared" si="1524"/>
        <v>24.988579999999999</v>
      </c>
      <c r="H6592" s="235">
        <f t="shared" si="1525"/>
        <v>0.53704532230322821</v>
      </c>
      <c r="I6592" s="236">
        <f t="shared" si="1526"/>
        <v>20.247342266996355</v>
      </c>
      <c r="J6592" s="237">
        <f t="shared" si="1531"/>
        <v>10.247342266996355</v>
      </c>
      <c r="K6592" s="237">
        <f t="shared" si="1527"/>
        <v>1325.9174556965231</v>
      </c>
      <c r="L6592" s="237">
        <f t="shared" si="1532"/>
        <v>671.12918709239227</v>
      </c>
      <c r="M6592" s="236">
        <f t="shared" si="1528"/>
        <v>35.257984601772222</v>
      </c>
      <c r="N6592" s="236">
        <f t="shared" si="1529"/>
        <v>0.56713820665251879</v>
      </c>
      <c r="O6592" s="236">
        <f t="shared" si="1533"/>
        <v>2.1552282636887146</v>
      </c>
      <c r="P6592" s="236" t="str">
        <f t="shared" si="1534"/>
        <v>SAND</v>
      </c>
      <c r="Q6592" s="236" t="e">
        <f t="shared" si="1530"/>
        <v>#N/A</v>
      </c>
      <c r="R6592" s="238">
        <v>35</v>
      </c>
      <c r="S6592" s="236" t="e">
        <f t="shared" si="1535"/>
        <v>#N/A</v>
      </c>
      <c r="T6592" s="236">
        <f t="shared" si="1522"/>
        <v>34.619832321379889</v>
      </c>
    </row>
    <row r="6593" spans="2:20" x14ac:dyDescent="0.2">
      <c r="B6593" s="239">
        <v>65.504000000000005</v>
      </c>
      <c r="C6593" s="3">
        <f t="shared" si="1523"/>
        <v>65.497</v>
      </c>
      <c r="D6593" s="239">
        <v>24.5046</v>
      </c>
      <c r="E6593" s="239">
        <v>0.1288</v>
      </c>
      <c r="F6593" s="239">
        <v>0.59360000000000002</v>
      </c>
      <c r="G6593">
        <f t="shared" si="1524"/>
        <v>24.62332</v>
      </c>
      <c r="H6593" s="235">
        <f t="shared" si="1525"/>
        <v>0.52308137164281665</v>
      </c>
      <c r="I6593" s="236">
        <f t="shared" si="1526"/>
        <v>20.193427832767647</v>
      </c>
      <c r="J6593" s="237">
        <f t="shared" si="1531"/>
        <v>10.193427832767647</v>
      </c>
      <c r="K6593" s="237">
        <f t="shared" si="1527"/>
        <v>1322.6089427627826</v>
      </c>
      <c r="L6593" s="237">
        <f t="shared" si="1532"/>
        <v>667.71029675761201</v>
      </c>
      <c r="M6593" s="236">
        <f t="shared" si="1528"/>
        <v>34.896438126512365</v>
      </c>
      <c r="N6593" s="236">
        <f t="shared" si="1529"/>
        <v>0.55277283033813096</v>
      </c>
      <c r="O6593" s="236">
        <f t="shared" si="1533"/>
        <v>2.1542211615801463</v>
      </c>
      <c r="P6593" s="236" t="str">
        <f t="shared" si="1534"/>
        <v>SAND</v>
      </c>
      <c r="Q6593" s="236" t="e">
        <f t="shared" si="1530"/>
        <v>#N/A</v>
      </c>
      <c r="R6593" s="238">
        <v>35</v>
      </c>
      <c r="S6593" s="236" t="e">
        <f t="shared" si="1535"/>
        <v>#N/A</v>
      </c>
      <c r="T6593" s="236">
        <f t="shared" si="1522"/>
        <v>34.570592109433882</v>
      </c>
    </row>
    <row r="6594" spans="2:20" x14ac:dyDescent="0.2">
      <c r="B6594" s="239">
        <v>65.513999999999996</v>
      </c>
      <c r="C6594" s="3">
        <f t="shared" si="1523"/>
        <v>65.506999999999991</v>
      </c>
      <c r="D6594" s="239">
        <v>24.616599999999998</v>
      </c>
      <c r="E6594" s="239">
        <v>0.12470000000000001</v>
      </c>
      <c r="F6594" s="239">
        <v>0.59330000000000005</v>
      </c>
      <c r="G6594">
        <f t="shared" si="1524"/>
        <v>24.735259999999997</v>
      </c>
      <c r="H6594" s="235">
        <f t="shared" si="1525"/>
        <v>0.50413862639810547</v>
      </c>
      <c r="I6594" s="236">
        <f t="shared" si="1526"/>
        <v>20.157267310530088</v>
      </c>
      <c r="J6594" s="237">
        <f t="shared" si="1531"/>
        <v>10.157267310530088</v>
      </c>
      <c r="K6594" s="237">
        <f t="shared" si="1527"/>
        <v>1320.4421097108943</v>
      </c>
      <c r="L6594" s="237">
        <f t="shared" si="1532"/>
        <v>665.4432105820681</v>
      </c>
      <c r="M6594" s="236">
        <f t="shared" si="1528"/>
        <v>35.186801094278188</v>
      </c>
      <c r="N6594" s="236">
        <f t="shared" si="1529"/>
        <v>0.53256873738794774</v>
      </c>
      <c r="O6594" s="236">
        <f t="shared" si="1533"/>
        <v>2.1438147388986173</v>
      </c>
      <c r="P6594" s="236" t="str">
        <f t="shared" si="1534"/>
        <v>SAND</v>
      </c>
      <c r="Q6594" s="236" t="e">
        <f t="shared" si="1530"/>
        <v>#N/A</v>
      </c>
      <c r="R6594" s="238">
        <v>35</v>
      </c>
      <c r="S6594" s="236" t="e">
        <f t="shared" si="1535"/>
        <v>#N/A</v>
      </c>
      <c r="T6594" s="236">
        <f t="shared" si="1522"/>
        <v>34.610177646105846</v>
      </c>
    </row>
    <row r="6595" spans="2:20" x14ac:dyDescent="0.2">
      <c r="B6595" s="239">
        <v>65.524000000000001</v>
      </c>
      <c r="C6595" s="3">
        <f t="shared" si="1523"/>
        <v>65.516999999999996</v>
      </c>
      <c r="D6595" s="239">
        <v>24.357700000000001</v>
      </c>
      <c r="E6595" s="239">
        <v>0.1169</v>
      </c>
      <c r="F6595" s="239">
        <v>0.61750000000000005</v>
      </c>
      <c r="G6595">
        <f t="shared" si="1524"/>
        <v>24.481200000000001</v>
      </c>
      <c r="H6595" s="235">
        <f t="shared" si="1525"/>
        <v>0.47750927242128649</v>
      </c>
      <c r="I6595" s="236">
        <f t="shared" si="1526"/>
        <v>20.077491666226702</v>
      </c>
      <c r="J6595" s="237">
        <f t="shared" si="1531"/>
        <v>10.077491666226702</v>
      </c>
      <c r="K6595" s="237">
        <f t="shared" si="1527"/>
        <v>1315.4170214961748</v>
      </c>
      <c r="L6595" s="237">
        <f t="shared" si="1532"/>
        <v>660.31756393783849</v>
      </c>
      <c r="M6595" s="236">
        <f t="shared" si="1528"/>
        <v>35.082790832267833</v>
      </c>
      <c r="N6595" s="236">
        <f t="shared" si="1529"/>
        <v>0.50462356531818831</v>
      </c>
      <c r="O6595" s="236">
        <f t="shared" si="1533"/>
        <v>2.134743930676505</v>
      </c>
      <c r="P6595" s="236" t="str">
        <f t="shared" si="1534"/>
        <v>SAND</v>
      </c>
      <c r="Q6595" s="236" t="e">
        <f t="shared" si="1530"/>
        <v>#N/A</v>
      </c>
      <c r="R6595" s="238">
        <v>35</v>
      </c>
      <c r="S6595" s="236" t="e">
        <f t="shared" si="1535"/>
        <v>#N/A</v>
      </c>
      <c r="T6595" s="236">
        <f t="shared" si="1522"/>
        <v>34.596035475627183</v>
      </c>
    </row>
    <row r="6596" spans="2:20" x14ac:dyDescent="0.2">
      <c r="B6596" s="239">
        <v>65.534000000000006</v>
      </c>
      <c r="C6596" s="3">
        <f t="shared" si="1523"/>
        <v>65.527000000000001</v>
      </c>
      <c r="D6596" s="239">
        <v>24.257400000000001</v>
      </c>
      <c r="E6596" s="239">
        <v>0.1103</v>
      </c>
      <c r="F6596" s="239">
        <v>0.62409999999999999</v>
      </c>
      <c r="G6596">
        <f t="shared" si="1524"/>
        <v>24.38222</v>
      </c>
      <c r="H6596" s="235">
        <f t="shared" si="1525"/>
        <v>0.45237882358538312</v>
      </c>
      <c r="I6596" s="236">
        <f t="shared" si="1526"/>
        <v>20.007762858988567</v>
      </c>
      <c r="J6596" s="237">
        <f t="shared" si="1531"/>
        <v>10.007762858988567</v>
      </c>
      <c r="K6596" s="237">
        <f t="shared" si="1527"/>
        <v>1311.0486768609439</v>
      </c>
      <c r="L6596" s="237">
        <f t="shared" si="1532"/>
        <v>655.84873120095676</v>
      </c>
      <c r="M6596" s="236">
        <f t="shared" si="1528"/>
        <v>35.177580172934547</v>
      </c>
      <c r="N6596" s="236">
        <f t="shared" si="1529"/>
        <v>0.47808582605156003</v>
      </c>
      <c r="O6596" s="236">
        <f t="shared" si="1533"/>
        <v>2.1236439103188363</v>
      </c>
      <c r="P6596" s="236" t="str">
        <f t="shared" si="1534"/>
        <v>SAND</v>
      </c>
      <c r="Q6596" s="236" t="e">
        <f t="shared" si="1530"/>
        <v>#N/A</v>
      </c>
      <c r="R6596" s="238">
        <v>35</v>
      </c>
      <c r="S6596" s="236" t="e">
        <f t="shared" si="1535"/>
        <v>#N/A</v>
      </c>
      <c r="T6596" s="236">
        <f t="shared" si="1522"/>
        <v>34.608925576598736</v>
      </c>
    </row>
    <row r="6597" spans="2:20" x14ac:dyDescent="0.2">
      <c r="B6597" s="239">
        <v>65.545000000000002</v>
      </c>
      <c r="C6597" s="3">
        <f t="shared" si="1523"/>
        <v>65.537999999999997</v>
      </c>
      <c r="D6597" s="239">
        <v>24.173999999999999</v>
      </c>
      <c r="E6597" s="239">
        <v>0.1042</v>
      </c>
      <c r="F6597" s="239">
        <v>0.58130000000000004</v>
      </c>
      <c r="G6597">
        <f t="shared" si="1524"/>
        <v>24.29026</v>
      </c>
      <c r="H6597" s="235">
        <f t="shared" si="1525"/>
        <v>0.42897852884242488</v>
      </c>
      <c r="I6597" s="236">
        <f t="shared" si="1526"/>
        <v>19.939574842702925</v>
      </c>
      <c r="J6597" s="237">
        <f t="shared" si="1531"/>
        <v>9.9395748427029247</v>
      </c>
      <c r="K6597" s="237">
        <f t="shared" si="1527"/>
        <v>1306.7998560410642</v>
      </c>
      <c r="L6597" s="237">
        <f t="shared" si="1532"/>
        <v>651.48943306496324</v>
      </c>
      <c r="M6597" s="236">
        <f t="shared" si="1528"/>
        <v>35.278331431765743</v>
      </c>
      <c r="N6597" s="236">
        <f t="shared" si="1529"/>
        <v>0.45336950723404607</v>
      </c>
      <c r="O6597" s="236">
        <f t="shared" si="1533"/>
        <v>2.1128521003564025</v>
      </c>
      <c r="P6597" s="236" t="str">
        <f t="shared" si="1534"/>
        <v>SAND</v>
      </c>
      <c r="Q6597" s="236" t="e">
        <f t="shared" si="1530"/>
        <v>#N/A</v>
      </c>
      <c r="R6597" s="238">
        <v>35</v>
      </c>
      <c r="S6597" s="236" t="e">
        <f t="shared" si="1535"/>
        <v>#N/A</v>
      </c>
      <c r="T6597" s="236">
        <f t="shared" si="1522"/>
        <v>34.622588396095907</v>
      </c>
    </row>
    <row r="6598" spans="2:20" x14ac:dyDescent="0.2">
      <c r="B6598" s="239">
        <v>65.555000000000007</v>
      </c>
      <c r="C6598" s="3">
        <f t="shared" si="1523"/>
        <v>65.548000000000002</v>
      </c>
      <c r="D6598" s="239">
        <v>24.3216</v>
      </c>
      <c r="E6598" s="239">
        <v>9.8799999999999999E-2</v>
      </c>
      <c r="F6598" s="239">
        <v>0.57340000000000002</v>
      </c>
      <c r="G6598">
        <f t="shared" si="1524"/>
        <v>24.43628</v>
      </c>
      <c r="H6598" s="235">
        <f t="shared" si="1525"/>
        <v>0.40431686001306255</v>
      </c>
      <c r="I6598" s="236">
        <f t="shared" si="1526"/>
        <v>19.879518388285888</v>
      </c>
      <c r="J6598" s="237">
        <f t="shared" si="1531"/>
        <v>9.8795183882858879</v>
      </c>
      <c r="K6598" s="237">
        <f t="shared" si="1527"/>
        <v>1303.0626713153633</v>
      </c>
      <c r="L6598" s="237">
        <f t="shared" si="1532"/>
        <v>647.65182794408145</v>
      </c>
      <c r="M6598" s="236">
        <f t="shared" si="1528"/>
        <v>35.718601153522833</v>
      </c>
      <c r="N6598" s="236">
        <f t="shared" si="1529"/>
        <v>0.42709147887306775</v>
      </c>
      <c r="O6598" s="236">
        <f t="shared" si="1533"/>
        <v>2.097302918536506</v>
      </c>
      <c r="P6598" s="236" t="str">
        <f t="shared" si="1534"/>
        <v>SAND</v>
      </c>
      <c r="Q6598" s="236" t="e">
        <f t="shared" si="1530"/>
        <v>#N/A</v>
      </c>
      <c r="R6598" s="238">
        <v>35</v>
      </c>
      <c r="S6598" s="236" t="e">
        <f t="shared" si="1535"/>
        <v>#N/A</v>
      </c>
      <c r="T6598" s="236">
        <f t="shared" si="1522"/>
        <v>34.681838865169375</v>
      </c>
    </row>
    <row r="6599" spans="2:20" x14ac:dyDescent="0.2">
      <c r="B6599" s="239">
        <v>65.564999999999998</v>
      </c>
      <c r="C6599" s="3">
        <f t="shared" si="1523"/>
        <v>65.557999999999993</v>
      </c>
      <c r="D6599" s="239">
        <v>24.018699999999999</v>
      </c>
      <c r="E6599" s="239">
        <v>8.8900000000000007E-2</v>
      </c>
      <c r="F6599" s="239">
        <v>0.623</v>
      </c>
      <c r="G6599">
        <f t="shared" si="1524"/>
        <v>24.1433</v>
      </c>
      <c r="H6599" s="235">
        <f t="shared" si="1525"/>
        <v>0.3682180977745379</v>
      </c>
      <c r="I6599" s="236">
        <f t="shared" si="1526"/>
        <v>19.750994776789415</v>
      </c>
      <c r="J6599" s="237">
        <f t="shared" si="1531"/>
        <v>9.7509947767894154</v>
      </c>
      <c r="K6599" s="237">
        <f t="shared" si="1527"/>
        <v>1294.8357155767603</v>
      </c>
      <c r="L6599" s="237">
        <f t="shared" si="1532"/>
        <v>639.32397254019804</v>
      </c>
      <c r="M6599" s="236">
        <f t="shared" si="1528"/>
        <v>35.738475742807566</v>
      </c>
      <c r="N6599" s="236">
        <f t="shared" si="1529"/>
        <v>0.38908523082055396</v>
      </c>
      <c r="O6599" s="236">
        <f t="shared" si="1533"/>
        <v>2.0809949509758812</v>
      </c>
      <c r="P6599" s="236" t="str">
        <f t="shared" si="1534"/>
        <v>SAND</v>
      </c>
      <c r="Q6599" s="236" t="e">
        <f t="shared" si="1530"/>
        <v>#N/A</v>
      </c>
      <c r="R6599" s="238">
        <v>35</v>
      </c>
      <c r="S6599" s="236" t="e">
        <f t="shared" si="1535"/>
        <v>#N/A</v>
      </c>
      <c r="T6599" s="236">
        <f t="shared" si="1522"/>
        <v>34.684496283457193</v>
      </c>
    </row>
    <row r="6600" spans="2:20" x14ac:dyDescent="0.2">
      <c r="B6600" s="239">
        <v>65.573999999999998</v>
      </c>
      <c r="C6600" s="3">
        <f t="shared" si="1523"/>
        <v>65.566999999999993</v>
      </c>
      <c r="D6600" s="239">
        <v>23.938099999999999</v>
      </c>
      <c r="E6600" s="239">
        <v>9.4399999999999998E-2</v>
      </c>
      <c r="F6600" s="239">
        <v>0.61960000000000004</v>
      </c>
      <c r="G6600">
        <f t="shared" si="1524"/>
        <v>24.062019999999997</v>
      </c>
      <c r="H6600" s="235">
        <f t="shared" si="1525"/>
        <v>0.39231951432174034</v>
      </c>
      <c r="I6600" s="236">
        <f t="shared" si="1526"/>
        <v>19.820066314080826</v>
      </c>
      <c r="J6600" s="237">
        <f t="shared" si="1531"/>
        <v>9.820066314080826</v>
      </c>
      <c r="K6600" s="237">
        <f t="shared" si="1527"/>
        <v>1299.5422880153374</v>
      </c>
      <c r="L6600" s="237">
        <f t="shared" si="1532"/>
        <v>643.94102847953604</v>
      </c>
      <c r="M6600" s="236">
        <f t="shared" si="1528"/>
        <v>35.348699190252063</v>
      </c>
      <c r="N6600" s="236">
        <f t="shared" si="1529"/>
        <v>0.41471759443084488</v>
      </c>
      <c r="O6600" s="236">
        <f t="shared" si="1533"/>
        <v>2.0963009884998223</v>
      </c>
      <c r="P6600" s="236" t="str">
        <f t="shared" si="1534"/>
        <v>SAND</v>
      </c>
      <c r="Q6600" s="236" t="e">
        <f t="shared" si="1530"/>
        <v>#N/A</v>
      </c>
      <c r="R6600" s="238">
        <v>35</v>
      </c>
      <c r="S6600" s="236" t="e">
        <f t="shared" si="1535"/>
        <v>#N/A</v>
      </c>
      <c r="T6600" s="236">
        <f t="shared" si="1522"/>
        <v>34.632107803315279</v>
      </c>
    </row>
    <row r="6601" spans="2:20" x14ac:dyDescent="0.2">
      <c r="B6601" s="239">
        <v>65.585999999999999</v>
      </c>
      <c r="C6601" s="3">
        <f t="shared" si="1523"/>
        <v>65.578999999999994</v>
      </c>
      <c r="D6601" s="239">
        <v>23.781600000000001</v>
      </c>
      <c r="E6601" s="239">
        <v>8.8499999999999995E-2</v>
      </c>
      <c r="F6601" s="239">
        <v>0.60860000000000003</v>
      </c>
      <c r="G6601">
        <f t="shared" si="1524"/>
        <v>23.903320000000001</v>
      </c>
      <c r="H6601" s="235">
        <f t="shared" si="1525"/>
        <v>0.37024145599858094</v>
      </c>
      <c r="I6601" s="236">
        <f t="shared" si="1526"/>
        <v>19.741802288245005</v>
      </c>
      <c r="J6601" s="237">
        <f t="shared" si="1531"/>
        <v>9.7418022882450046</v>
      </c>
      <c r="K6601" s="237">
        <f t="shared" si="1527"/>
        <v>1294.6476522608191</v>
      </c>
      <c r="L6601" s="237">
        <f t="shared" si="1532"/>
        <v>638.92584487683689</v>
      </c>
      <c r="M6601" s="236">
        <f t="shared" si="1528"/>
        <v>35.385440312087169</v>
      </c>
      <c r="N6601" s="236">
        <f t="shared" si="1529"/>
        <v>0.39144271118091467</v>
      </c>
      <c r="O6601" s="236">
        <f t="shared" si="1533"/>
        <v>2.0859876612294639</v>
      </c>
      <c r="P6601" s="236" t="str">
        <f t="shared" si="1534"/>
        <v>SAND</v>
      </c>
      <c r="Q6601" s="236" t="e">
        <f t="shared" si="1530"/>
        <v>#N/A</v>
      </c>
      <c r="R6601" s="238">
        <v>35</v>
      </c>
      <c r="S6601" s="236" t="e">
        <f t="shared" si="1535"/>
        <v>#N/A</v>
      </c>
      <c r="T6601" s="236">
        <f t="shared" si="1522"/>
        <v>34.637070644404787</v>
      </c>
    </row>
    <row r="6602" spans="2:20" x14ac:dyDescent="0.2">
      <c r="B6602" s="239">
        <v>65.594999999999999</v>
      </c>
      <c r="C6602" s="3">
        <f t="shared" si="1523"/>
        <v>65.587999999999994</v>
      </c>
      <c r="D6602" s="239">
        <v>23.653400000000001</v>
      </c>
      <c r="E6602" s="239">
        <v>8.6099999999999996E-2</v>
      </c>
      <c r="F6602" s="239">
        <v>0.61509999999999998</v>
      </c>
      <c r="G6602">
        <f t="shared" si="1524"/>
        <v>23.776420000000002</v>
      </c>
      <c r="H6602" s="235">
        <f t="shared" si="1525"/>
        <v>0.36212348200443967</v>
      </c>
      <c r="I6602" s="236">
        <f t="shared" si="1526"/>
        <v>19.707483380699649</v>
      </c>
      <c r="J6602" s="237">
        <f t="shared" si="1531"/>
        <v>9.7074833806996494</v>
      </c>
      <c r="K6602" s="237">
        <f t="shared" si="1527"/>
        <v>1292.5744199733285</v>
      </c>
      <c r="L6602" s="237">
        <f t="shared" si="1532"/>
        <v>636.76237235699352</v>
      </c>
      <c r="M6602" s="236">
        <f t="shared" si="1528"/>
        <v>35.30963284906754</v>
      </c>
      <c r="N6602" s="236">
        <f t="shared" si="1529"/>
        <v>0.38294160886999762</v>
      </c>
      <c r="O6602" s="236">
        <f t="shared" si="1533"/>
        <v>2.0831506063692902</v>
      </c>
      <c r="P6602" s="236" t="str">
        <f t="shared" si="1534"/>
        <v>SAND</v>
      </c>
      <c r="Q6602" s="236" t="e">
        <f t="shared" si="1530"/>
        <v>#N/A</v>
      </c>
      <c r="R6602" s="238">
        <v>35</v>
      </c>
      <c r="S6602" s="236" t="e">
        <f t="shared" si="1535"/>
        <v>#N/A</v>
      </c>
      <c r="T6602" s="236">
        <f t="shared" si="1522"/>
        <v>34.626825219532705</v>
      </c>
    </row>
    <row r="6603" spans="2:20" x14ac:dyDescent="0.2">
      <c r="B6603" s="239">
        <v>65.605000000000004</v>
      </c>
      <c r="C6603" s="3">
        <f t="shared" si="1523"/>
        <v>65.597999999999999</v>
      </c>
      <c r="D6603" s="239">
        <v>23.6144</v>
      </c>
      <c r="E6603" s="239">
        <v>8.8599999999999998E-2</v>
      </c>
      <c r="F6603" s="239">
        <v>0.62150000000000005</v>
      </c>
      <c r="G6603">
        <f t="shared" si="1524"/>
        <v>23.738700000000001</v>
      </c>
      <c r="H6603" s="235">
        <f t="shared" si="1525"/>
        <v>0.37323021058440436</v>
      </c>
      <c r="I6603" s="236">
        <f t="shared" si="1526"/>
        <v>19.740425342318453</v>
      </c>
      <c r="J6603" s="237">
        <f t="shared" si="1531"/>
        <v>9.7404253423184528</v>
      </c>
      <c r="K6603" s="237">
        <f t="shared" si="1527"/>
        <v>1294.9324216054058</v>
      </c>
      <c r="L6603" s="237">
        <f t="shared" si="1532"/>
        <v>639.02060458280209</v>
      </c>
      <c r="M6603" s="236">
        <f t="shared" si="1528"/>
        <v>35.122134431091588</v>
      </c>
      <c r="N6603" s="236">
        <f t="shared" si="1529"/>
        <v>0.39476438031416095</v>
      </c>
      <c r="O6603" s="236">
        <f t="shared" si="1533"/>
        <v>2.0904058297256571</v>
      </c>
      <c r="P6603" s="236" t="str">
        <f t="shared" si="1534"/>
        <v>SAND</v>
      </c>
      <c r="Q6603" s="236" t="e">
        <f t="shared" si="1530"/>
        <v>#N/A</v>
      </c>
      <c r="R6603" s="238">
        <v>35</v>
      </c>
      <c r="S6603" s="236" t="e">
        <f t="shared" si="1535"/>
        <v>#N/A</v>
      </c>
      <c r="T6603" s="236">
        <f t="shared" si="1522"/>
        <v>34.601389909251665</v>
      </c>
    </row>
    <row r="6604" spans="2:20" x14ac:dyDescent="0.2">
      <c r="B6604" s="239">
        <v>65.616</v>
      </c>
      <c r="C6604" s="3">
        <f t="shared" si="1523"/>
        <v>65.608999999999995</v>
      </c>
      <c r="D6604" s="239">
        <v>23.729700000000001</v>
      </c>
      <c r="E6604" s="239">
        <v>9.01E-2</v>
      </c>
      <c r="F6604" s="239">
        <v>0.61409999999999998</v>
      </c>
      <c r="G6604">
        <f t="shared" si="1524"/>
        <v>23.852520000000002</v>
      </c>
      <c r="H6604" s="235">
        <f t="shared" si="1525"/>
        <v>0.37773786585232921</v>
      </c>
      <c r="I6604" s="236">
        <f t="shared" si="1526"/>
        <v>19.761980831829757</v>
      </c>
      <c r="J6604" s="237">
        <f t="shared" si="1531"/>
        <v>9.7619808318297565</v>
      </c>
      <c r="K6604" s="237">
        <f t="shared" si="1527"/>
        <v>1296.5638003955185</v>
      </c>
      <c r="L6604" s="237">
        <f t="shared" si="1532"/>
        <v>640.54213426134129</v>
      </c>
      <c r="M6604" s="236">
        <f t="shared" si="1528"/>
        <v>35.213852443314288</v>
      </c>
      <c r="N6604" s="236">
        <f t="shared" si="1529"/>
        <v>0.39945103281225514</v>
      </c>
      <c r="O6604" s="236">
        <f t="shared" si="1533"/>
        <v>2.0913711216031099</v>
      </c>
      <c r="P6604" s="236" t="str">
        <f t="shared" si="1534"/>
        <v>SAND</v>
      </c>
      <c r="Q6604" s="236" t="e">
        <f t="shared" si="1530"/>
        <v>#N/A</v>
      </c>
      <c r="R6604" s="238">
        <v>35</v>
      </c>
      <c r="S6604" s="236" t="e">
        <f t="shared" si="1535"/>
        <v>#N/A</v>
      </c>
      <c r="T6604" s="236">
        <f t="shared" si="1522"/>
        <v>34.613848940834657</v>
      </c>
    </row>
    <row r="6605" spans="2:20" x14ac:dyDescent="0.2">
      <c r="B6605" s="239">
        <v>65.626000000000005</v>
      </c>
      <c r="C6605" s="3">
        <f t="shared" si="1523"/>
        <v>65.619</v>
      </c>
      <c r="D6605" s="239">
        <v>23.764500000000002</v>
      </c>
      <c r="E6605" s="239">
        <v>9.3299999999999994E-2</v>
      </c>
      <c r="F6605" s="239">
        <v>0.61739999999999995</v>
      </c>
      <c r="G6605">
        <f t="shared" si="1524"/>
        <v>23.887980000000002</v>
      </c>
      <c r="H6605" s="235">
        <f t="shared" si="1525"/>
        <v>0.39057299947504975</v>
      </c>
      <c r="I6605" s="236">
        <f t="shared" si="1526"/>
        <v>19.803484976592735</v>
      </c>
      <c r="J6605" s="237">
        <f t="shared" si="1531"/>
        <v>9.8034849765927348</v>
      </c>
      <c r="K6605" s="237">
        <f t="shared" si="1527"/>
        <v>1299.4848806790387</v>
      </c>
      <c r="L6605" s="237">
        <f t="shared" si="1532"/>
        <v>643.36350507387488</v>
      </c>
      <c r="M6605" s="236">
        <f t="shared" si="1528"/>
        <v>35.110003817713</v>
      </c>
      <c r="N6605" s="236">
        <f t="shared" si="1529"/>
        <v>0.41304212390933592</v>
      </c>
      <c r="O6605" s="236">
        <f t="shared" si="1533"/>
        <v>2.0982976089368903</v>
      </c>
      <c r="P6605" s="236" t="str">
        <f t="shared" si="1534"/>
        <v>SAND</v>
      </c>
      <c r="Q6605" s="236" t="e">
        <f t="shared" si="1530"/>
        <v>#N/A</v>
      </c>
      <c r="R6605" s="238">
        <v>35</v>
      </c>
      <c r="S6605" s="236" t="e">
        <f t="shared" si="1535"/>
        <v>#N/A</v>
      </c>
      <c r="T6605" s="236">
        <f t="shared" ref="T6605:T6668" si="1536">IF(P6605="SAND",17.6+(11*LOG(M6605)),#N/A)</f>
        <v>34.599739643575646</v>
      </c>
    </row>
    <row r="6606" spans="2:20" x14ac:dyDescent="0.2">
      <c r="B6606" s="239">
        <v>65.635999999999996</v>
      </c>
      <c r="C6606" s="3">
        <f t="shared" ref="C6606:C6669" si="1537">MAX($B6606 - $B$13, 0.001)</f>
        <v>65.628999999999991</v>
      </c>
      <c r="D6606" s="239">
        <v>23.777899999999999</v>
      </c>
      <c r="E6606" s="239">
        <v>9.6500000000000002E-2</v>
      </c>
      <c r="F6606" s="239">
        <v>0.61299999999999999</v>
      </c>
      <c r="G6606">
        <f t="shared" si="1524"/>
        <v>23.900499999999997</v>
      </c>
      <c r="H6606" s="235">
        <f t="shared" si="1525"/>
        <v>0.40375724357231024</v>
      </c>
      <c r="I6606" s="236">
        <f t="shared" si="1526"/>
        <v>19.843233088271273</v>
      </c>
      <c r="J6606" s="237">
        <f t="shared" si="1531"/>
        <v>9.8432330882712726</v>
      </c>
      <c r="K6606" s="237">
        <f t="shared" si="1527"/>
        <v>1302.2915443501552</v>
      </c>
      <c r="L6606" s="237">
        <f t="shared" si="1532"/>
        <v>646.07044698177322</v>
      </c>
      <c r="M6606" s="236">
        <f t="shared" si="1528"/>
        <v>34.977932454922176</v>
      </c>
      <c r="N6606" s="236">
        <f t="shared" si="1529"/>
        <v>0.42702500151455042</v>
      </c>
      <c r="O6606" s="236">
        <f t="shared" si="1533"/>
        <v>2.1055972681623114</v>
      </c>
      <c r="P6606" s="236" t="str">
        <f t="shared" si="1534"/>
        <v>SAND</v>
      </c>
      <c r="Q6606" s="236" t="e">
        <f t="shared" si="1530"/>
        <v>#N/A</v>
      </c>
      <c r="R6606" s="238">
        <v>35</v>
      </c>
      <c r="S6606" s="236" t="e">
        <f t="shared" si="1535"/>
        <v>#N/A</v>
      </c>
      <c r="T6606" s="236">
        <f t="shared" si="1536"/>
        <v>34.58173548236924</v>
      </c>
    </row>
    <row r="6607" spans="2:20" x14ac:dyDescent="0.2">
      <c r="B6607" s="239">
        <v>65.646000000000001</v>
      </c>
      <c r="C6607" s="3">
        <f t="shared" si="1537"/>
        <v>65.638999999999996</v>
      </c>
      <c r="D6607" s="239">
        <v>23.720400000000001</v>
      </c>
      <c r="E6607" s="239">
        <v>9.8500000000000004E-2</v>
      </c>
      <c r="F6607" s="239">
        <v>0.62780000000000002</v>
      </c>
      <c r="G6607">
        <f t="shared" ref="G6607:G6670" si="1538">$D6607+($F6607*(1-$P$8))</f>
        <v>23.845960000000002</v>
      </c>
      <c r="H6607" s="235">
        <f t="shared" ref="H6607:H6670" si="1539">($E6607/$G6607)*100</f>
        <v>0.41306787397110456</v>
      </c>
      <c r="I6607" s="236">
        <f t="shared" ref="I6607:I6670" si="1540">((0.27*(LOG($H6607)))+(0.36*(LOG(($G6607*1000)/101)))+1.236)*10</f>
        <v>19.866394206733347</v>
      </c>
      <c r="J6607" s="237">
        <f t="shared" si="1531"/>
        <v>9.8663942067333466</v>
      </c>
      <c r="K6607" s="237">
        <f t="shared" ref="K6607:K6670" si="1541">$I6607*$C6607</f>
        <v>1304.0102493357701</v>
      </c>
      <c r="L6607" s="237">
        <f t="shared" si="1532"/>
        <v>647.68931409521724</v>
      </c>
      <c r="M6607" s="236">
        <f t="shared" ref="M6607:M6670" si="1542">(($G6607*1000)-$K6607)/$L6607</f>
        <v>34.803646223736102</v>
      </c>
      <c r="N6607" s="236">
        <f t="shared" ref="N6607:N6670" si="1543">(($E6607*1000)/(($G6607*1000)-$K6607))*100</f>
        <v>0.43696308921590754</v>
      </c>
      <c r="O6607" s="236">
        <f t="shared" si="1533"/>
        <v>2.1116335609289543</v>
      </c>
      <c r="P6607" s="236" t="str">
        <f t="shared" si="1534"/>
        <v>SAND</v>
      </c>
      <c r="Q6607" s="236" t="e">
        <f t="shared" ref="Q6607:Q6670" si="1544">IF(P6607="CLAY",($G6607*1000 -$K6607)/$L$8,#N/A)</f>
        <v>#N/A</v>
      </c>
      <c r="R6607" s="238">
        <v>35</v>
      </c>
      <c r="S6607" s="236" t="e">
        <f t="shared" si="1535"/>
        <v>#N/A</v>
      </c>
      <c r="T6607" s="236">
        <f t="shared" si="1536"/>
        <v>34.557872199816146</v>
      </c>
    </row>
    <row r="6608" spans="2:20" x14ac:dyDescent="0.2">
      <c r="B6608" s="239">
        <v>65.656999999999996</v>
      </c>
      <c r="C6608" s="3">
        <f t="shared" si="1537"/>
        <v>65.649999999999991</v>
      </c>
      <c r="D6608" s="239">
        <v>23.681699999999999</v>
      </c>
      <c r="E6608" s="239">
        <v>0.10150000000000001</v>
      </c>
      <c r="F6608" s="239">
        <v>0.62250000000000005</v>
      </c>
      <c r="G6608">
        <f t="shared" si="1538"/>
        <v>23.8062</v>
      </c>
      <c r="H6608" s="235">
        <f t="shared" si="1539"/>
        <v>0.42635951978896258</v>
      </c>
      <c r="I6608" s="236">
        <f t="shared" si="1540"/>
        <v>19.900922438529619</v>
      </c>
      <c r="J6608" s="237">
        <f t="shared" ref="J6608:J6671" si="1545">$I6608-10</f>
        <v>9.9009224385296193</v>
      </c>
      <c r="K6608" s="237">
        <f t="shared" si="1541"/>
        <v>1306.4955580894693</v>
      </c>
      <c r="L6608" s="237">
        <f t="shared" ref="L6608:L6671" si="1546">$J6608*$B6608</f>
        <v>650.06486454653918</v>
      </c>
      <c r="M6608" s="236">
        <f t="shared" si="1542"/>
        <v>34.611475975717404</v>
      </c>
      <c r="N6608" s="236">
        <f t="shared" si="1543"/>
        <v>0.45111703694620298</v>
      </c>
      <c r="O6608" s="236">
        <f t="shared" ref="O6608:O6671" si="1547">((3.47-LOG($M6608))^2+(LOG($N6608)+1.22)^2)^0.5</f>
        <v>2.1195029138489279</v>
      </c>
      <c r="P6608" s="236" t="str">
        <f t="shared" ref="P6608:P6671" si="1548">IF(O6608&lt;2.6,"SAND","CLAY")</f>
        <v>SAND</v>
      </c>
      <c r="Q6608" s="236" t="e">
        <f t="shared" si="1544"/>
        <v>#N/A</v>
      </c>
      <c r="R6608" s="238">
        <v>35</v>
      </c>
      <c r="S6608" s="236" t="e">
        <f t="shared" ref="S6608:S6671" si="1549">IF(P6608="SAND",#N/A,0.25*($M6608)^1.25)</f>
        <v>#N/A</v>
      </c>
      <c r="T6608" s="236">
        <f t="shared" si="1536"/>
        <v>34.531421317715285</v>
      </c>
    </row>
    <row r="6609" spans="2:20" x14ac:dyDescent="0.2">
      <c r="B6609" s="239">
        <v>65.667000000000002</v>
      </c>
      <c r="C6609" s="3">
        <f t="shared" si="1537"/>
        <v>65.66</v>
      </c>
      <c r="D6609" s="239">
        <v>23.527200000000001</v>
      </c>
      <c r="E6609" s="239">
        <v>0.1027</v>
      </c>
      <c r="F6609" s="239">
        <v>0.62829999999999997</v>
      </c>
      <c r="G6609">
        <f t="shared" si="1538"/>
        <v>23.65286</v>
      </c>
      <c r="H6609" s="235">
        <f t="shared" si="1539"/>
        <v>0.43419696391895107</v>
      </c>
      <c r="I6609" s="236">
        <f t="shared" si="1540"/>
        <v>19.912178547203212</v>
      </c>
      <c r="J6609" s="237">
        <f t="shared" si="1545"/>
        <v>9.9121785472032116</v>
      </c>
      <c r="K6609" s="237">
        <f t="shared" si="1541"/>
        <v>1307.4336434093627</v>
      </c>
      <c r="L6609" s="237">
        <f t="shared" si="1546"/>
        <v>650.9030286591933</v>
      </c>
      <c r="M6609" s="236">
        <f t="shared" si="1542"/>
        <v>34.329885363447112</v>
      </c>
      <c r="N6609" s="236">
        <f t="shared" si="1543"/>
        <v>0.45960188166071536</v>
      </c>
      <c r="O6609" s="236">
        <f t="shared" si="1547"/>
        <v>2.1260811561938522</v>
      </c>
      <c r="P6609" s="236" t="str">
        <f t="shared" si="1548"/>
        <v>SAND</v>
      </c>
      <c r="Q6609" s="236" t="e">
        <f t="shared" si="1544"/>
        <v>#N/A</v>
      </c>
      <c r="R6609" s="238">
        <v>35</v>
      </c>
      <c r="S6609" s="236" t="e">
        <f t="shared" si="1549"/>
        <v>#N/A</v>
      </c>
      <c r="T6609" s="236">
        <f t="shared" si="1536"/>
        <v>34.49239588524631</v>
      </c>
    </row>
    <row r="6610" spans="2:20" x14ac:dyDescent="0.2">
      <c r="B6610" s="239">
        <v>65.677999999999997</v>
      </c>
      <c r="C6610" s="3">
        <f t="shared" si="1537"/>
        <v>65.670999999999992</v>
      </c>
      <c r="D6610" s="239">
        <v>23.374500000000001</v>
      </c>
      <c r="E6610" s="239">
        <v>0.1009</v>
      </c>
      <c r="F6610" s="239">
        <v>0.62480000000000002</v>
      </c>
      <c r="G6610">
        <f t="shared" si="1538"/>
        <v>23.499460000000003</v>
      </c>
      <c r="H6610" s="235">
        <f t="shared" si="1539"/>
        <v>0.4293715685381706</v>
      </c>
      <c r="I6610" s="236">
        <f t="shared" si="1540"/>
        <v>19.888901297584013</v>
      </c>
      <c r="J6610" s="237">
        <f t="shared" si="1545"/>
        <v>9.8889012975840132</v>
      </c>
      <c r="K6610" s="237">
        <f t="shared" si="1541"/>
        <v>1306.1240371136396</v>
      </c>
      <c r="L6610" s="237">
        <f t="shared" si="1546"/>
        <v>649.48325942272277</v>
      </c>
      <c r="M6610" s="236">
        <f t="shared" si="1542"/>
        <v>34.170759047142127</v>
      </c>
      <c r="N6610" s="236">
        <f t="shared" si="1543"/>
        <v>0.45464097947570303</v>
      </c>
      <c r="O6610" s="236">
        <f t="shared" si="1547"/>
        <v>2.1259669661700848</v>
      </c>
      <c r="P6610" s="236" t="str">
        <f t="shared" si="1548"/>
        <v>SAND</v>
      </c>
      <c r="Q6610" s="236" t="e">
        <f t="shared" si="1544"/>
        <v>#N/A</v>
      </c>
      <c r="R6610" s="238">
        <v>35</v>
      </c>
      <c r="S6610" s="236" t="e">
        <f t="shared" si="1549"/>
        <v>#N/A</v>
      </c>
      <c r="T6610" s="236">
        <f t="shared" si="1536"/>
        <v>34.470200886469271</v>
      </c>
    </row>
    <row r="6611" spans="2:20" x14ac:dyDescent="0.2">
      <c r="B6611" s="239">
        <v>65.688000000000002</v>
      </c>
      <c r="C6611" s="3">
        <f t="shared" si="1537"/>
        <v>65.680999999999997</v>
      </c>
      <c r="D6611" s="239">
        <v>23.258199999999999</v>
      </c>
      <c r="E6611" s="239">
        <v>9.4E-2</v>
      </c>
      <c r="F6611" s="239">
        <v>0.63290000000000002</v>
      </c>
      <c r="G6611">
        <f t="shared" si="1538"/>
        <v>23.384779999999999</v>
      </c>
      <c r="H6611" s="235">
        <f t="shared" si="1539"/>
        <v>0.40197085454727394</v>
      </c>
      <c r="I6611" s="236">
        <f t="shared" si="1540"/>
        <v>19.803928218747831</v>
      </c>
      <c r="J6611" s="237">
        <f t="shared" si="1545"/>
        <v>9.8039282187478314</v>
      </c>
      <c r="K6611" s="237">
        <f t="shared" si="1541"/>
        <v>1300.7418093355764</v>
      </c>
      <c r="L6611" s="237">
        <f t="shared" si="1546"/>
        <v>644.00043683310753</v>
      </c>
      <c r="M6611" s="236">
        <f t="shared" si="1542"/>
        <v>34.291961507453905</v>
      </c>
      <c r="N6611" s="236">
        <f t="shared" si="1543"/>
        <v>0.42564679153532975</v>
      </c>
      <c r="O6611" s="236">
        <f t="shared" si="1547"/>
        <v>2.1129045297858204</v>
      </c>
      <c r="P6611" s="236" t="str">
        <f t="shared" si="1548"/>
        <v>SAND</v>
      </c>
      <c r="Q6611" s="236" t="e">
        <f t="shared" si="1544"/>
        <v>#N/A</v>
      </c>
      <c r="R6611" s="238">
        <v>35</v>
      </c>
      <c r="S6611" s="236" t="e">
        <f t="shared" si="1549"/>
        <v>#N/A</v>
      </c>
      <c r="T6611" s="236">
        <f t="shared" si="1536"/>
        <v>34.487115603178736</v>
      </c>
    </row>
    <row r="6612" spans="2:20" x14ac:dyDescent="0.2">
      <c r="B6612" s="239">
        <v>65.697000000000003</v>
      </c>
      <c r="C6612" s="3">
        <f t="shared" si="1537"/>
        <v>65.69</v>
      </c>
      <c r="D6612" s="239">
        <v>23.266300000000001</v>
      </c>
      <c r="E6612" s="239">
        <v>9.5799999999999996E-2</v>
      </c>
      <c r="F6612" s="239">
        <v>0.61939999999999995</v>
      </c>
      <c r="G6612">
        <f t="shared" si="1538"/>
        <v>23.390180000000001</v>
      </c>
      <c r="H6612" s="235">
        <f t="shared" si="1539"/>
        <v>0.40957359028446982</v>
      </c>
      <c r="I6612" s="236">
        <f t="shared" si="1540"/>
        <v>19.82626013645077</v>
      </c>
      <c r="J6612" s="237">
        <f t="shared" si="1545"/>
        <v>9.8262601364507702</v>
      </c>
      <c r="K6612" s="237">
        <f t="shared" si="1541"/>
        <v>1302.387028363451</v>
      </c>
      <c r="L6612" s="237">
        <f t="shared" si="1546"/>
        <v>645.55581218440625</v>
      </c>
      <c r="M6612" s="236">
        <f t="shared" si="1542"/>
        <v>34.21515623396953</v>
      </c>
      <c r="N6612" s="236">
        <f t="shared" si="1543"/>
        <v>0.4337237320316204</v>
      </c>
      <c r="O6612" s="236">
        <f t="shared" si="1547"/>
        <v>2.1170886509387583</v>
      </c>
      <c r="P6612" s="236" t="str">
        <f t="shared" si="1548"/>
        <v>SAND</v>
      </c>
      <c r="Q6612" s="236" t="e">
        <f t="shared" si="1544"/>
        <v>#N/A</v>
      </c>
      <c r="R6612" s="238">
        <v>35</v>
      </c>
      <c r="S6612" s="236" t="e">
        <f t="shared" si="1549"/>
        <v>#N/A</v>
      </c>
      <c r="T6612" s="236">
        <f t="shared" si="1536"/>
        <v>34.476403801636494</v>
      </c>
    </row>
    <row r="6613" spans="2:20" x14ac:dyDescent="0.2">
      <c r="B6613" s="239">
        <v>65.706999999999994</v>
      </c>
      <c r="C6613" s="3">
        <f t="shared" si="1537"/>
        <v>65.699999999999989</v>
      </c>
      <c r="D6613" s="239">
        <v>22.9724</v>
      </c>
      <c r="E6613" s="239">
        <v>9.8100000000000007E-2</v>
      </c>
      <c r="F6613" s="239">
        <v>0.64170000000000005</v>
      </c>
      <c r="G6613">
        <f t="shared" si="1538"/>
        <v>23.100740000000002</v>
      </c>
      <c r="H6613" s="235">
        <f t="shared" si="1539"/>
        <v>0.42466172079335984</v>
      </c>
      <c r="I6613" s="236">
        <f t="shared" si="1540"/>
        <v>19.849212677228255</v>
      </c>
      <c r="J6613" s="237">
        <f t="shared" si="1545"/>
        <v>9.8492126772282553</v>
      </c>
      <c r="K6613" s="237">
        <f t="shared" si="1541"/>
        <v>1304.0932728938963</v>
      </c>
      <c r="L6613" s="237">
        <f t="shared" si="1546"/>
        <v>647.16221738263687</v>
      </c>
      <c r="M6613" s="236">
        <f t="shared" si="1542"/>
        <v>33.680344960896818</v>
      </c>
      <c r="N6613" s="236">
        <f t="shared" si="1543"/>
        <v>0.45006922958476803</v>
      </c>
      <c r="O6613" s="236">
        <f t="shared" si="1547"/>
        <v>2.1298832636231952</v>
      </c>
      <c r="P6613" s="236" t="str">
        <f t="shared" si="1548"/>
        <v>SAND</v>
      </c>
      <c r="Q6613" s="236" t="e">
        <f t="shared" si="1544"/>
        <v>#N/A</v>
      </c>
      <c r="R6613" s="238">
        <v>35</v>
      </c>
      <c r="S6613" s="236" t="e">
        <f t="shared" si="1549"/>
        <v>#N/A</v>
      </c>
      <c r="T6613" s="236">
        <f t="shared" si="1536"/>
        <v>34.401141840804272</v>
      </c>
    </row>
    <row r="6614" spans="2:20" x14ac:dyDescent="0.2">
      <c r="B6614" s="239">
        <v>65.718000000000004</v>
      </c>
      <c r="C6614" s="3">
        <f t="shared" si="1537"/>
        <v>65.710999999999999</v>
      </c>
      <c r="D6614" s="239">
        <v>22.907900000000001</v>
      </c>
      <c r="E6614" s="239">
        <v>9.7600000000000006E-2</v>
      </c>
      <c r="F6614" s="239">
        <v>0.5867</v>
      </c>
      <c r="G6614">
        <f t="shared" si="1538"/>
        <v>23.02524</v>
      </c>
      <c r="H6614" s="235">
        <f t="shared" si="1539"/>
        <v>0.42388266094077631</v>
      </c>
      <c r="I6614" s="236">
        <f t="shared" si="1540"/>
        <v>19.841941311206536</v>
      </c>
      <c r="J6614" s="237">
        <f t="shared" si="1545"/>
        <v>9.8419413112065364</v>
      </c>
      <c r="K6614" s="237">
        <f t="shared" si="1541"/>
        <v>1303.8338055006927</v>
      </c>
      <c r="L6614" s="237">
        <f t="shared" si="1546"/>
        <v>646.79269908987123</v>
      </c>
      <c r="M6614" s="236">
        <f t="shared" si="1542"/>
        <v>33.583258167670103</v>
      </c>
      <c r="N6614" s="236">
        <f t="shared" si="1543"/>
        <v>0.44932634253078912</v>
      </c>
      <c r="O6614" s="236">
        <f t="shared" si="1547"/>
        <v>2.1307329009197393</v>
      </c>
      <c r="P6614" s="236" t="str">
        <f t="shared" si="1548"/>
        <v>SAND</v>
      </c>
      <c r="Q6614" s="236" t="e">
        <f t="shared" si="1544"/>
        <v>#N/A</v>
      </c>
      <c r="R6614" s="238">
        <v>35</v>
      </c>
      <c r="S6614" s="236" t="e">
        <f t="shared" si="1549"/>
        <v>#N/A</v>
      </c>
      <c r="T6614" s="236">
        <f t="shared" si="1536"/>
        <v>34.387351108678089</v>
      </c>
    </row>
    <row r="6615" spans="2:20" x14ac:dyDescent="0.2">
      <c r="B6615" s="239">
        <v>65.727000000000004</v>
      </c>
      <c r="C6615" s="3">
        <f t="shared" si="1537"/>
        <v>65.72</v>
      </c>
      <c r="D6615" s="239">
        <v>22.808399999999999</v>
      </c>
      <c r="E6615" s="239">
        <v>0.108</v>
      </c>
      <c r="F6615" s="239">
        <v>0.62209999999999999</v>
      </c>
      <c r="G6615">
        <f t="shared" si="1538"/>
        <v>22.93282</v>
      </c>
      <c r="H6615" s="235">
        <f t="shared" si="1539"/>
        <v>0.47094077396499867</v>
      </c>
      <c r="I6615" s="236">
        <f t="shared" si="1540"/>
        <v>19.959098910249761</v>
      </c>
      <c r="J6615" s="237">
        <f t="shared" si="1545"/>
        <v>9.9590989102497609</v>
      </c>
      <c r="K6615" s="237">
        <f t="shared" si="1541"/>
        <v>1311.7119803816142</v>
      </c>
      <c r="L6615" s="237">
        <f t="shared" si="1546"/>
        <v>654.58169407398611</v>
      </c>
      <c r="M6615" s="236">
        <f t="shared" si="1542"/>
        <v>33.030419602865635</v>
      </c>
      <c r="N6615" s="236">
        <f t="shared" si="1543"/>
        <v>0.49951186545113146</v>
      </c>
      <c r="O6615" s="236">
        <f t="shared" si="1547"/>
        <v>2.1564931319701746</v>
      </c>
      <c r="P6615" s="236" t="str">
        <f t="shared" si="1548"/>
        <v>SAND</v>
      </c>
      <c r="Q6615" s="236" t="e">
        <f t="shared" si="1544"/>
        <v>#N/A</v>
      </c>
      <c r="R6615" s="238">
        <v>35</v>
      </c>
      <c r="S6615" s="236" t="e">
        <f t="shared" si="1549"/>
        <v>#N/A</v>
      </c>
      <c r="T6615" s="236">
        <f t="shared" si="1536"/>
        <v>34.308054998785032</v>
      </c>
    </row>
    <row r="6616" spans="2:20" x14ac:dyDescent="0.2">
      <c r="B6616" s="239">
        <v>65.738</v>
      </c>
      <c r="C6616" s="3">
        <f t="shared" si="1537"/>
        <v>65.730999999999995</v>
      </c>
      <c r="D6616" s="239">
        <v>22.8354</v>
      </c>
      <c r="E6616" s="239">
        <v>0.1065</v>
      </c>
      <c r="F6616" s="239">
        <v>0.6169</v>
      </c>
      <c r="G6616">
        <f t="shared" si="1538"/>
        <v>22.958780000000001</v>
      </c>
      <c r="H6616" s="235">
        <f t="shared" si="1539"/>
        <v>0.46387482261688118</v>
      </c>
      <c r="I6616" s="236">
        <f t="shared" si="1540"/>
        <v>19.943140921215011</v>
      </c>
      <c r="J6616" s="237">
        <f t="shared" si="1545"/>
        <v>9.9431409212150115</v>
      </c>
      <c r="K6616" s="237">
        <f t="shared" si="1541"/>
        <v>1310.8825958923837</v>
      </c>
      <c r="L6616" s="237">
        <f t="shared" si="1546"/>
        <v>653.64219787883246</v>
      </c>
      <c r="M6616" s="236">
        <f t="shared" si="1542"/>
        <v>33.118879831134393</v>
      </c>
      <c r="N6616" s="236">
        <f t="shared" si="1543"/>
        <v>0.49196463754393061</v>
      </c>
      <c r="O6616" s="236">
        <f t="shared" si="1547"/>
        <v>2.1526329055463465</v>
      </c>
      <c r="P6616" s="236" t="str">
        <f t="shared" si="1548"/>
        <v>SAND</v>
      </c>
      <c r="Q6616" s="236" t="e">
        <f t="shared" si="1544"/>
        <v>#N/A</v>
      </c>
      <c r="R6616" s="238">
        <v>35</v>
      </c>
      <c r="S6616" s="236" t="e">
        <f t="shared" si="1549"/>
        <v>#N/A</v>
      </c>
      <c r="T6616" s="236">
        <f t="shared" si="1536"/>
        <v>34.320832032996549</v>
      </c>
    </row>
    <row r="6617" spans="2:20" x14ac:dyDescent="0.2">
      <c r="B6617" s="239">
        <v>65.748000000000005</v>
      </c>
      <c r="C6617" s="3">
        <f t="shared" si="1537"/>
        <v>65.741</v>
      </c>
      <c r="D6617" s="239">
        <v>22.841100000000001</v>
      </c>
      <c r="E6617" s="239">
        <v>0.1048</v>
      </c>
      <c r="F6617" s="239">
        <v>0.62719999999999998</v>
      </c>
      <c r="G6617">
        <f t="shared" si="1538"/>
        <v>22.966540000000002</v>
      </c>
      <c r="H6617" s="235">
        <f t="shared" si="1539"/>
        <v>0.45631601451502923</v>
      </c>
      <c r="I6617" s="236">
        <f t="shared" si="1540"/>
        <v>19.924404532280256</v>
      </c>
      <c r="J6617" s="237">
        <f t="shared" si="1545"/>
        <v>9.9244045322802563</v>
      </c>
      <c r="K6617" s="237">
        <f t="shared" si="1541"/>
        <v>1309.8502783566364</v>
      </c>
      <c r="L6617" s="237">
        <f t="shared" si="1546"/>
        <v>652.50974918836232</v>
      </c>
      <c r="M6617" s="236">
        <f t="shared" si="1542"/>
        <v>33.189833176564001</v>
      </c>
      <c r="N6617" s="236">
        <f t="shared" si="1543"/>
        <v>0.48391513821830534</v>
      </c>
      <c r="O6617" s="236">
        <f t="shared" si="1547"/>
        <v>2.1487644262076264</v>
      </c>
      <c r="P6617" s="236" t="str">
        <f t="shared" si="1548"/>
        <v>SAND</v>
      </c>
      <c r="Q6617" s="236" t="e">
        <f t="shared" si="1544"/>
        <v>#N/A</v>
      </c>
      <c r="R6617" s="238">
        <v>35</v>
      </c>
      <c r="S6617" s="236" t="e">
        <f t="shared" si="1549"/>
        <v>#N/A</v>
      </c>
      <c r="T6617" s="236">
        <f t="shared" si="1536"/>
        <v>34.331055764518823</v>
      </c>
    </row>
    <row r="6618" spans="2:20" x14ac:dyDescent="0.2">
      <c r="B6618" s="239">
        <v>65.757999999999996</v>
      </c>
      <c r="C6618" s="3">
        <f t="shared" si="1537"/>
        <v>65.750999999999991</v>
      </c>
      <c r="D6618" s="239">
        <v>22.888400000000001</v>
      </c>
      <c r="E6618" s="239">
        <v>0.1048</v>
      </c>
      <c r="F6618" s="239">
        <v>0.64029999999999998</v>
      </c>
      <c r="G6618">
        <f t="shared" si="1538"/>
        <v>23.016460000000002</v>
      </c>
      <c r="H6618" s="235">
        <f t="shared" si="1539"/>
        <v>0.45532631864326656</v>
      </c>
      <c r="I6618" s="236">
        <f t="shared" si="1540"/>
        <v>19.925253193313608</v>
      </c>
      <c r="J6618" s="237">
        <f t="shared" si="1545"/>
        <v>9.9252531933136083</v>
      </c>
      <c r="K6618" s="237">
        <f t="shared" si="1541"/>
        <v>1310.1053227135628</v>
      </c>
      <c r="L6618" s="237">
        <f t="shared" si="1546"/>
        <v>652.66479948591621</v>
      </c>
      <c r="M6618" s="236">
        <f t="shared" si="1542"/>
        <v>33.258044089989014</v>
      </c>
      <c r="N6618" s="236">
        <f t="shared" si="1543"/>
        <v>0.48280792218724267</v>
      </c>
      <c r="O6618" s="236">
        <f t="shared" si="1547"/>
        <v>2.1475368664665826</v>
      </c>
      <c r="P6618" s="236" t="str">
        <f t="shared" si="1548"/>
        <v>SAND</v>
      </c>
      <c r="Q6618" s="236" t="e">
        <f t="shared" si="1544"/>
        <v>#N/A</v>
      </c>
      <c r="R6618" s="238">
        <v>35</v>
      </c>
      <c r="S6618" s="236" t="e">
        <f t="shared" si="1549"/>
        <v>#N/A</v>
      </c>
      <c r="T6618" s="236">
        <f t="shared" si="1536"/>
        <v>34.340863751898766</v>
      </c>
    </row>
    <row r="6619" spans="2:20" x14ac:dyDescent="0.2">
      <c r="B6619" s="239">
        <v>65.769000000000005</v>
      </c>
      <c r="C6619" s="3">
        <f t="shared" si="1537"/>
        <v>65.762</v>
      </c>
      <c r="D6619" s="239">
        <v>22.9939</v>
      </c>
      <c r="E6619" s="239">
        <v>0.10630000000000001</v>
      </c>
      <c r="F6619" s="239">
        <v>0.62649999999999995</v>
      </c>
      <c r="G6619">
        <f t="shared" si="1538"/>
        <v>23.119199999999999</v>
      </c>
      <c r="H6619" s="235">
        <f t="shared" si="1539"/>
        <v>0.45979099622824326</v>
      </c>
      <c r="I6619" s="236">
        <f t="shared" si="1540"/>
        <v>19.943658390393381</v>
      </c>
      <c r="J6619" s="237">
        <f t="shared" si="1545"/>
        <v>9.9436583903933808</v>
      </c>
      <c r="K6619" s="237">
        <f t="shared" si="1541"/>
        <v>1311.5348630690496</v>
      </c>
      <c r="L6619" s="237">
        <f t="shared" si="1546"/>
        <v>653.98446867778227</v>
      </c>
      <c r="M6619" s="236">
        <f t="shared" si="1542"/>
        <v>33.345845629975614</v>
      </c>
      <c r="N6619" s="236">
        <f t="shared" si="1543"/>
        <v>0.48744328809406823</v>
      </c>
      <c r="O6619" s="236">
        <f t="shared" si="1547"/>
        <v>2.1482487393436305</v>
      </c>
      <c r="P6619" s="236" t="str">
        <f t="shared" si="1548"/>
        <v>SAND</v>
      </c>
      <c r="Q6619" s="236" t="e">
        <f t="shared" si="1544"/>
        <v>#N/A</v>
      </c>
      <c r="R6619" s="238">
        <v>35</v>
      </c>
      <c r="S6619" s="236" t="e">
        <f t="shared" si="1549"/>
        <v>#N/A</v>
      </c>
      <c r="T6619" s="236">
        <f t="shared" si="1536"/>
        <v>34.353459088665019</v>
      </c>
    </row>
    <row r="6620" spans="2:20" x14ac:dyDescent="0.2">
      <c r="B6620" s="239">
        <v>65.778000000000006</v>
      </c>
      <c r="C6620" s="3">
        <f t="shared" si="1537"/>
        <v>65.771000000000001</v>
      </c>
      <c r="D6620" s="239">
        <v>23.1069</v>
      </c>
      <c r="E6620" s="239">
        <v>0.1086</v>
      </c>
      <c r="F6620" s="239">
        <v>0.62539999999999996</v>
      </c>
      <c r="G6620">
        <f t="shared" si="1538"/>
        <v>23.23198</v>
      </c>
      <c r="H6620" s="235">
        <f t="shared" si="1539"/>
        <v>0.46745908011284448</v>
      </c>
      <c r="I6620" s="236">
        <f t="shared" si="1540"/>
        <v>19.970661185194484</v>
      </c>
      <c r="J6620" s="237">
        <f t="shared" si="1545"/>
        <v>9.9706611851944835</v>
      </c>
      <c r="K6620" s="237">
        <f t="shared" si="1541"/>
        <v>1313.4903568114264</v>
      </c>
      <c r="L6620" s="237">
        <f t="shared" si="1546"/>
        <v>655.85015143972282</v>
      </c>
      <c r="M6620" s="236">
        <f t="shared" si="1542"/>
        <v>33.419965818522847</v>
      </c>
      <c r="N6620" s="236">
        <f t="shared" si="1543"/>
        <v>0.49547209578716911</v>
      </c>
      <c r="O6620" s="236">
        <f t="shared" si="1547"/>
        <v>2.1503843331854617</v>
      </c>
      <c r="P6620" s="236" t="str">
        <f t="shared" si="1548"/>
        <v>SAND</v>
      </c>
      <c r="Q6620" s="236" t="e">
        <f t="shared" si="1544"/>
        <v>#N/A</v>
      </c>
      <c r="R6620" s="238">
        <v>35</v>
      </c>
      <c r="S6620" s="236" t="e">
        <f t="shared" si="1549"/>
        <v>#N/A</v>
      </c>
      <c r="T6620" s="236">
        <f t="shared" si="1536"/>
        <v>34.364066015039555</v>
      </c>
    </row>
    <row r="6621" spans="2:20" x14ac:dyDescent="0.2">
      <c r="B6621" s="239">
        <v>65.787999999999997</v>
      </c>
      <c r="C6621" s="3">
        <f t="shared" si="1537"/>
        <v>65.780999999999992</v>
      </c>
      <c r="D6621" s="239">
        <v>23.192900000000002</v>
      </c>
      <c r="E6621" s="239">
        <v>0.10680000000000001</v>
      </c>
      <c r="F6621" s="239">
        <v>0.63539999999999996</v>
      </c>
      <c r="G6621">
        <f t="shared" si="1538"/>
        <v>23.319980000000001</v>
      </c>
      <c r="H6621" s="235">
        <f t="shared" si="1539"/>
        <v>0.45797637905349836</v>
      </c>
      <c r="I6621" s="236">
        <f t="shared" si="1540"/>
        <v>19.952540792911748</v>
      </c>
      <c r="J6621" s="237">
        <f t="shared" si="1545"/>
        <v>9.9525407929117478</v>
      </c>
      <c r="K6621" s="237">
        <f t="shared" si="1541"/>
        <v>1312.4980858985275</v>
      </c>
      <c r="L6621" s="237">
        <f t="shared" si="1546"/>
        <v>654.75775368407801</v>
      </c>
      <c r="M6621" s="236">
        <f t="shared" si="1542"/>
        <v>33.611640015369908</v>
      </c>
      <c r="N6621" s="236">
        <f t="shared" si="1543"/>
        <v>0.48528950480048816</v>
      </c>
      <c r="O6621" s="236">
        <f t="shared" si="1547"/>
        <v>2.1443110552155233</v>
      </c>
      <c r="P6621" s="236" t="str">
        <f t="shared" si="1548"/>
        <v>SAND</v>
      </c>
      <c r="Q6621" s="236" t="e">
        <f t="shared" si="1544"/>
        <v>#N/A</v>
      </c>
      <c r="R6621" s="238">
        <v>35</v>
      </c>
      <c r="S6621" s="236" t="e">
        <f t="shared" si="1549"/>
        <v>#N/A</v>
      </c>
      <c r="T6621" s="236">
        <f t="shared" si="1536"/>
        <v>34.391386739060579</v>
      </c>
    </row>
    <row r="6622" spans="2:20" x14ac:dyDescent="0.2">
      <c r="B6622" s="239">
        <v>65.799000000000007</v>
      </c>
      <c r="C6622" s="3">
        <f t="shared" si="1537"/>
        <v>65.792000000000002</v>
      </c>
      <c r="D6622" s="239">
        <v>23.2789</v>
      </c>
      <c r="E6622" s="239">
        <v>0.1032</v>
      </c>
      <c r="F6622" s="239">
        <v>0.62339999999999995</v>
      </c>
      <c r="G6622">
        <f t="shared" si="1538"/>
        <v>23.403580000000002</v>
      </c>
      <c r="H6622" s="235">
        <f t="shared" si="1539"/>
        <v>0.44095817819325078</v>
      </c>
      <c r="I6622" s="236">
        <f t="shared" si="1540"/>
        <v>19.913732303173365</v>
      </c>
      <c r="J6622" s="237">
        <f t="shared" si="1545"/>
        <v>9.9137323031733651</v>
      </c>
      <c r="K6622" s="237">
        <f t="shared" si="1541"/>
        <v>1310.1642756903821</v>
      </c>
      <c r="L6622" s="237">
        <f t="shared" si="1546"/>
        <v>652.31367181650432</v>
      </c>
      <c r="M6622" s="236">
        <f t="shared" si="1542"/>
        <v>33.869312692444211</v>
      </c>
      <c r="N6622" s="236">
        <f t="shared" si="1543"/>
        <v>0.46710749160641535</v>
      </c>
      <c r="O6622" s="236">
        <f t="shared" si="1547"/>
        <v>2.1343414842238211</v>
      </c>
      <c r="P6622" s="236" t="str">
        <f t="shared" si="1548"/>
        <v>SAND</v>
      </c>
      <c r="Q6622" s="236" t="e">
        <f t="shared" si="1544"/>
        <v>#N/A</v>
      </c>
      <c r="R6622" s="238">
        <v>35</v>
      </c>
      <c r="S6622" s="236" t="e">
        <f t="shared" si="1549"/>
        <v>#N/A</v>
      </c>
      <c r="T6622" s="236">
        <f t="shared" si="1536"/>
        <v>34.427870219896889</v>
      </c>
    </row>
    <row r="6623" spans="2:20" x14ac:dyDescent="0.2">
      <c r="B6623" s="239">
        <v>65.808000000000007</v>
      </c>
      <c r="C6623" s="3">
        <f t="shared" si="1537"/>
        <v>65.801000000000002</v>
      </c>
      <c r="D6623" s="239">
        <v>23.193100000000001</v>
      </c>
      <c r="E6623" s="239">
        <v>0.1019</v>
      </c>
      <c r="F6623" s="239">
        <v>0.63180000000000003</v>
      </c>
      <c r="G6623">
        <f t="shared" si="1538"/>
        <v>23.319459999999999</v>
      </c>
      <c r="H6623" s="235">
        <f t="shared" si="1539"/>
        <v>0.43697409802799897</v>
      </c>
      <c r="I6623" s="236">
        <f t="shared" si="1540"/>
        <v>19.897459991667738</v>
      </c>
      <c r="J6623" s="237">
        <f t="shared" si="1545"/>
        <v>9.8974599916677377</v>
      </c>
      <c r="K6623" s="237">
        <f t="shared" si="1541"/>
        <v>1309.2727649117289</v>
      </c>
      <c r="L6623" s="237">
        <f t="shared" si="1546"/>
        <v>651.33204713167061</v>
      </c>
      <c r="M6623" s="236">
        <f t="shared" si="1542"/>
        <v>33.79257528017623</v>
      </c>
      <c r="N6623" s="236">
        <f t="shared" si="1543"/>
        <v>0.4629674382667347</v>
      </c>
      <c r="O6623" s="236">
        <f t="shared" si="1547"/>
        <v>2.1336293910937258</v>
      </c>
      <c r="P6623" s="236" t="str">
        <f t="shared" si="1548"/>
        <v>SAND</v>
      </c>
      <c r="Q6623" s="236" t="e">
        <f t="shared" si="1544"/>
        <v>#N/A</v>
      </c>
      <c r="R6623" s="238">
        <v>35</v>
      </c>
      <c r="S6623" s="236" t="e">
        <f t="shared" si="1549"/>
        <v>#N/A</v>
      </c>
      <c r="T6623" s="236">
        <f t="shared" si="1536"/>
        <v>34.417034189454931</v>
      </c>
    </row>
    <row r="6624" spans="2:20" x14ac:dyDescent="0.2">
      <c r="B6624" s="239">
        <v>65.819000000000003</v>
      </c>
      <c r="C6624" s="3">
        <f t="shared" si="1537"/>
        <v>65.811999999999998</v>
      </c>
      <c r="D6624" s="239">
        <v>23.121200000000002</v>
      </c>
      <c r="E6624" s="239">
        <v>9.9199999999999997E-2</v>
      </c>
      <c r="F6624" s="239">
        <v>0.63349999999999995</v>
      </c>
      <c r="G6624">
        <f t="shared" si="1538"/>
        <v>23.247900000000001</v>
      </c>
      <c r="H6624" s="235">
        <f t="shared" si="1539"/>
        <v>0.42670520778220822</v>
      </c>
      <c r="I6624" s="236">
        <f t="shared" si="1540"/>
        <v>19.864769925169146</v>
      </c>
      <c r="J6624" s="237">
        <f t="shared" si="1545"/>
        <v>9.8647699251691456</v>
      </c>
      <c r="K6624" s="237">
        <f t="shared" si="1541"/>
        <v>1307.3402383152318</v>
      </c>
      <c r="L6624" s="237">
        <f t="shared" si="1546"/>
        <v>649.28929170470803</v>
      </c>
      <c r="M6624" s="236">
        <f t="shared" si="1542"/>
        <v>33.791655032658653</v>
      </c>
      <c r="N6624" s="236">
        <f t="shared" si="1543"/>
        <v>0.45213067067338419</v>
      </c>
      <c r="O6624" s="236">
        <f t="shared" si="1547"/>
        <v>2.1293913956945043</v>
      </c>
      <c r="P6624" s="236" t="str">
        <f t="shared" si="1548"/>
        <v>SAND</v>
      </c>
      <c r="Q6624" s="236" t="e">
        <f t="shared" si="1544"/>
        <v>#N/A</v>
      </c>
      <c r="R6624" s="238">
        <v>35</v>
      </c>
      <c r="S6624" s="236" t="e">
        <f t="shared" si="1549"/>
        <v>#N/A</v>
      </c>
      <c r="T6624" s="236">
        <f t="shared" si="1536"/>
        <v>34.41690409275671</v>
      </c>
    </row>
    <row r="6625" spans="2:20" x14ac:dyDescent="0.2">
      <c r="B6625" s="239">
        <v>65.828999999999994</v>
      </c>
      <c r="C6625" s="3">
        <f t="shared" si="1537"/>
        <v>65.821999999999989</v>
      </c>
      <c r="D6625" s="239">
        <v>23.008700000000001</v>
      </c>
      <c r="E6625" s="239">
        <v>9.6600000000000005E-2</v>
      </c>
      <c r="F6625" s="239">
        <v>0.63270000000000004</v>
      </c>
      <c r="G6625">
        <f t="shared" si="1538"/>
        <v>23.13524</v>
      </c>
      <c r="H6625" s="235">
        <f t="shared" si="1539"/>
        <v>0.41754483636219036</v>
      </c>
      <c r="I6625" s="236">
        <f t="shared" si="1540"/>
        <v>19.831727903927401</v>
      </c>
      <c r="J6625" s="237">
        <f t="shared" si="1545"/>
        <v>9.8317279039274013</v>
      </c>
      <c r="K6625" s="237">
        <f t="shared" si="1541"/>
        <v>1305.3639940923092</v>
      </c>
      <c r="L6625" s="237">
        <f t="shared" si="1546"/>
        <v>647.2128161876368</v>
      </c>
      <c r="M6625" s="236">
        <f t="shared" si="1542"/>
        <v>33.729053967897443</v>
      </c>
      <c r="N6625" s="236">
        <f t="shared" si="1543"/>
        <v>0.44251282038366929</v>
      </c>
      <c r="O6625" s="236">
        <f t="shared" si="1547"/>
        <v>2.126305582977579</v>
      </c>
      <c r="P6625" s="236" t="str">
        <f t="shared" si="1548"/>
        <v>SAND</v>
      </c>
      <c r="Q6625" s="236" t="e">
        <f t="shared" si="1544"/>
        <v>#N/A</v>
      </c>
      <c r="R6625" s="238">
        <v>35</v>
      </c>
      <c r="S6625" s="236" t="e">
        <f t="shared" si="1549"/>
        <v>#N/A</v>
      </c>
      <c r="T6625" s="236">
        <f t="shared" si="1536"/>
        <v>34.408045763009468</v>
      </c>
    </row>
    <row r="6626" spans="2:20" x14ac:dyDescent="0.2">
      <c r="B6626" s="239">
        <v>65.838999999999999</v>
      </c>
      <c r="C6626" s="3">
        <f t="shared" si="1537"/>
        <v>65.831999999999994</v>
      </c>
      <c r="D6626" s="239">
        <v>22.8734</v>
      </c>
      <c r="E6626" s="239">
        <v>0.10299999999999999</v>
      </c>
      <c r="F6626" s="239">
        <v>0.62439999999999996</v>
      </c>
      <c r="G6626">
        <f t="shared" si="1538"/>
        <v>22.998280000000001</v>
      </c>
      <c r="H6626" s="235">
        <f t="shared" si="1539"/>
        <v>0.44785957906417345</v>
      </c>
      <c r="I6626" s="236">
        <f t="shared" si="1540"/>
        <v>19.904629382502421</v>
      </c>
      <c r="J6626" s="237">
        <f t="shared" si="1545"/>
        <v>9.9046293825024208</v>
      </c>
      <c r="K6626" s="237">
        <f t="shared" si="1541"/>
        <v>1310.3615615088993</v>
      </c>
      <c r="L6626" s="237">
        <f t="shared" si="1546"/>
        <v>652.11089391457688</v>
      </c>
      <c r="M6626" s="236">
        <f t="shared" si="1542"/>
        <v>33.258021972766038</v>
      </c>
      <c r="N6626" s="236">
        <f t="shared" si="1543"/>
        <v>0.47491879081027216</v>
      </c>
      <c r="O6626" s="236">
        <f t="shared" si="1547"/>
        <v>2.1445358097304159</v>
      </c>
      <c r="P6626" s="236" t="str">
        <f t="shared" si="1548"/>
        <v>SAND</v>
      </c>
      <c r="Q6626" s="236" t="e">
        <f t="shared" si="1544"/>
        <v>#N/A</v>
      </c>
      <c r="R6626" s="238">
        <v>35</v>
      </c>
      <c r="S6626" s="236" t="e">
        <f t="shared" si="1549"/>
        <v>#N/A</v>
      </c>
      <c r="T6626" s="236">
        <f t="shared" si="1536"/>
        <v>34.340860574943989</v>
      </c>
    </row>
    <row r="6627" spans="2:20" x14ac:dyDescent="0.2">
      <c r="B6627" s="239">
        <v>65.849999999999994</v>
      </c>
      <c r="C6627" s="3">
        <f t="shared" si="1537"/>
        <v>65.842999999999989</v>
      </c>
      <c r="D6627" s="239">
        <v>22.543099999999999</v>
      </c>
      <c r="E6627" s="239">
        <v>0.1009</v>
      </c>
      <c r="F6627" s="239">
        <v>0.62580000000000002</v>
      </c>
      <c r="G6627">
        <f t="shared" si="1538"/>
        <v>22.66826</v>
      </c>
      <c r="H6627" s="235">
        <f t="shared" si="1539"/>
        <v>0.44511576980324036</v>
      </c>
      <c r="I6627" s="236">
        <f t="shared" si="1540"/>
        <v>19.874825569957085</v>
      </c>
      <c r="J6627" s="237">
        <f t="shared" si="1545"/>
        <v>9.8748255699570855</v>
      </c>
      <c r="K6627" s="237">
        <f t="shared" si="1541"/>
        <v>1308.6181400026842</v>
      </c>
      <c r="L6627" s="237">
        <f t="shared" si="1546"/>
        <v>650.25726378167406</v>
      </c>
      <c r="M6627" s="236">
        <f t="shared" si="1542"/>
        <v>32.847986558084621</v>
      </c>
      <c r="N6627" s="236">
        <f t="shared" si="1543"/>
        <v>0.47238619758399214</v>
      </c>
      <c r="O6627" s="236">
        <f t="shared" si="1547"/>
        <v>2.1484635273565775</v>
      </c>
      <c r="P6627" s="236" t="str">
        <f t="shared" si="1548"/>
        <v>SAND</v>
      </c>
      <c r="Q6627" s="236" t="e">
        <f t="shared" si="1544"/>
        <v>#N/A</v>
      </c>
      <c r="R6627" s="238">
        <v>35</v>
      </c>
      <c r="S6627" s="236" t="e">
        <f t="shared" si="1549"/>
        <v>#N/A</v>
      </c>
      <c r="T6627" s="236">
        <f t="shared" si="1536"/>
        <v>34.281596297370243</v>
      </c>
    </row>
    <row r="6628" spans="2:20" x14ac:dyDescent="0.2">
      <c r="B6628" s="239">
        <v>65.858999999999995</v>
      </c>
      <c r="C6628" s="3">
        <f t="shared" si="1537"/>
        <v>65.85199999999999</v>
      </c>
      <c r="D6628" s="239">
        <v>22.314399999999999</v>
      </c>
      <c r="E6628" s="239">
        <v>9.4799999999999995E-2</v>
      </c>
      <c r="F6628" s="239">
        <v>0.62570000000000003</v>
      </c>
      <c r="G6628">
        <f t="shared" si="1538"/>
        <v>22.439539999999997</v>
      </c>
      <c r="H6628" s="235">
        <f t="shared" si="1539"/>
        <v>0.42246855327693883</v>
      </c>
      <c r="I6628" s="236">
        <f t="shared" si="1540"/>
        <v>19.797738120054024</v>
      </c>
      <c r="J6628" s="237">
        <f t="shared" si="1545"/>
        <v>9.7977381200540243</v>
      </c>
      <c r="K6628" s="237">
        <f t="shared" si="1541"/>
        <v>1303.7206506817975</v>
      </c>
      <c r="L6628" s="237">
        <f t="shared" si="1546"/>
        <v>645.26923484863789</v>
      </c>
      <c r="M6628" s="236">
        <f t="shared" si="1542"/>
        <v>32.755039614241134</v>
      </c>
      <c r="N6628" s="236">
        <f t="shared" si="1543"/>
        <v>0.44852767916498143</v>
      </c>
      <c r="O6628" s="236">
        <f t="shared" si="1547"/>
        <v>2.1403163522362969</v>
      </c>
      <c r="P6628" s="236" t="str">
        <f t="shared" si="1548"/>
        <v>SAND</v>
      </c>
      <c r="Q6628" s="236" t="e">
        <f t="shared" si="1544"/>
        <v>#N/A</v>
      </c>
      <c r="R6628" s="238">
        <v>35</v>
      </c>
      <c r="S6628" s="236" t="e">
        <f t="shared" si="1549"/>
        <v>#N/A</v>
      </c>
      <c r="T6628" s="236">
        <f t="shared" si="1536"/>
        <v>34.26805941908745</v>
      </c>
    </row>
    <row r="6629" spans="2:20" x14ac:dyDescent="0.2">
      <c r="B6629" s="239">
        <v>65.87</v>
      </c>
      <c r="C6629" s="3">
        <f t="shared" si="1537"/>
        <v>65.863</v>
      </c>
      <c r="D6629" s="239">
        <v>22.262599999999999</v>
      </c>
      <c r="E6629" s="239">
        <v>8.1799999999999998E-2</v>
      </c>
      <c r="F6629" s="239">
        <v>0.61639999999999995</v>
      </c>
      <c r="G6629">
        <f t="shared" si="1538"/>
        <v>22.38588</v>
      </c>
      <c r="H6629" s="235">
        <f t="shared" si="1539"/>
        <v>0.36540890954476657</v>
      </c>
      <c r="I6629" s="236">
        <f t="shared" si="1540"/>
        <v>19.623853728542127</v>
      </c>
      <c r="J6629" s="237">
        <f t="shared" si="1545"/>
        <v>9.6238537285421266</v>
      </c>
      <c r="K6629" s="237">
        <f t="shared" si="1541"/>
        <v>1292.48587812297</v>
      </c>
      <c r="L6629" s="237">
        <f t="shared" si="1546"/>
        <v>633.92324509906996</v>
      </c>
      <c r="M6629" s="236">
        <f t="shared" si="1542"/>
        <v>33.274366076575312</v>
      </c>
      <c r="N6629" s="236">
        <f t="shared" si="1543"/>
        <v>0.38779913525230664</v>
      </c>
      <c r="O6629" s="236">
        <f t="shared" si="1547"/>
        <v>2.1090569657460816</v>
      </c>
      <c r="P6629" s="236" t="str">
        <f t="shared" si="1548"/>
        <v>SAND</v>
      </c>
      <c r="Q6629" s="236" t="e">
        <f t="shared" si="1544"/>
        <v>#N/A</v>
      </c>
      <c r="R6629" s="238">
        <v>35</v>
      </c>
      <c r="S6629" s="236" t="e">
        <f t="shared" si="1549"/>
        <v>#N/A</v>
      </c>
      <c r="T6629" s="236">
        <f t="shared" si="1536"/>
        <v>34.343207693360029</v>
      </c>
    </row>
    <row r="6630" spans="2:20" x14ac:dyDescent="0.2">
      <c r="B6630" s="239">
        <v>65.88</v>
      </c>
      <c r="C6630" s="3">
        <f t="shared" si="1537"/>
        <v>65.87299999999999</v>
      </c>
      <c r="D6630" s="239">
        <v>22.274000000000001</v>
      </c>
      <c r="E6630" s="239">
        <v>8.14E-2</v>
      </c>
      <c r="F6630" s="239">
        <v>0.62460000000000004</v>
      </c>
      <c r="G6630">
        <f t="shared" si="1538"/>
        <v>22.39892</v>
      </c>
      <c r="H6630" s="235">
        <f t="shared" si="1539"/>
        <v>0.36341037871468801</v>
      </c>
      <c r="I6630" s="236">
        <f t="shared" si="1540"/>
        <v>19.618333318351343</v>
      </c>
      <c r="J6630" s="237">
        <f t="shared" si="1545"/>
        <v>9.6183333183513433</v>
      </c>
      <c r="K6630" s="237">
        <f t="shared" si="1541"/>
        <v>1292.3184706797579</v>
      </c>
      <c r="L6630" s="237">
        <f t="shared" si="1546"/>
        <v>633.65579901298645</v>
      </c>
      <c r="M6630" s="236">
        <f t="shared" si="1542"/>
        <v>33.309253323644995</v>
      </c>
      <c r="N6630" s="236">
        <f t="shared" si="1543"/>
        <v>0.3856613291671952</v>
      </c>
      <c r="O6630" s="236">
        <f t="shared" si="1547"/>
        <v>2.1077171879025784</v>
      </c>
      <c r="P6630" s="236" t="str">
        <f t="shared" si="1548"/>
        <v>SAND</v>
      </c>
      <c r="Q6630" s="236" t="e">
        <f t="shared" si="1544"/>
        <v>#N/A</v>
      </c>
      <c r="R6630" s="238">
        <v>35</v>
      </c>
      <c r="S6630" s="236" t="e">
        <f t="shared" si="1549"/>
        <v>#N/A</v>
      </c>
      <c r="T6630" s="236">
        <f t="shared" si="1536"/>
        <v>34.3482138718933</v>
      </c>
    </row>
    <row r="6631" spans="2:20" x14ac:dyDescent="0.2">
      <c r="B6631" s="239">
        <v>65.888999999999996</v>
      </c>
      <c r="C6631" s="3">
        <f t="shared" si="1537"/>
        <v>65.881999999999991</v>
      </c>
      <c r="D6631" s="239">
        <v>22.097200000000001</v>
      </c>
      <c r="E6631" s="239">
        <v>8.0299999999999996E-2</v>
      </c>
      <c r="F6631" s="239">
        <v>0.61960000000000004</v>
      </c>
      <c r="G6631">
        <f t="shared" si="1538"/>
        <v>22.221119999999999</v>
      </c>
      <c r="H6631" s="235">
        <f t="shared" si="1539"/>
        <v>0.36136792384902294</v>
      </c>
      <c r="I6631" s="236">
        <f t="shared" si="1540"/>
        <v>19.59926437685063</v>
      </c>
      <c r="J6631" s="237">
        <f t="shared" si="1545"/>
        <v>9.5992643768506305</v>
      </c>
      <c r="K6631" s="237">
        <f t="shared" si="1541"/>
        <v>1291.2387356756731</v>
      </c>
      <c r="L6631" s="237">
        <f t="shared" si="1546"/>
        <v>632.48593052631111</v>
      </c>
      <c r="M6631" s="236">
        <f t="shared" si="1542"/>
        <v>33.091457460418013</v>
      </c>
      <c r="N6631" s="236">
        <f t="shared" si="1543"/>
        <v>0.38366199495299574</v>
      </c>
      <c r="O6631" s="236">
        <f t="shared" si="1547"/>
        <v>2.1094884997748657</v>
      </c>
      <c r="P6631" s="236" t="str">
        <f t="shared" si="1548"/>
        <v>SAND</v>
      </c>
      <c r="Q6631" s="236" t="e">
        <f t="shared" si="1544"/>
        <v>#N/A</v>
      </c>
      <c r="R6631" s="238">
        <v>35</v>
      </c>
      <c r="S6631" s="236" t="e">
        <f t="shared" si="1549"/>
        <v>#N/A</v>
      </c>
      <c r="T6631" s="236">
        <f t="shared" si="1536"/>
        <v>34.316874849270839</v>
      </c>
    </row>
    <row r="6632" spans="2:20" x14ac:dyDescent="0.2">
      <c r="B6632" s="239">
        <v>65.899000000000001</v>
      </c>
      <c r="C6632" s="3">
        <f t="shared" si="1537"/>
        <v>65.891999999999996</v>
      </c>
      <c r="D6632" s="239">
        <v>22.001000000000001</v>
      </c>
      <c r="E6632" s="239">
        <v>8.1199999999999994E-2</v>
      </c>
      <c r="F6632" s="239">
        <v>0.62339999999999995</v>
      </c>
      <c r="G6632">
        <f t="shared" si="1538"/>
        <v>22.125680000000003</v>
      </c>
      <c r="H6632" s="235">
        <f t="shared" si="1539"/>
        <v>0.36699437034251592</v>
      </c>
      <c r="I6632" s="236">
        <f t="shared" si="1540"/>
        <v>19.61065129760896</v>
      </c>
      <c r="J6632" s="237">
        <f t="shared" si="1545"/>
        <v>9.6106512976089604</v>
      </c>
      <c r="K6632" s="237">
        <f t="shared" si="1541"/>
        <v>1292.1850353020495</v>
      </c>
      <c r="L6632" s="237">
        <f t="shared" si="1546"/>
        <v>633.3323098611329</v>
      </c>
      <c r="M6632" s="236">
        <f t="shared" si="1542"/>
        <v>32.895045208203562</v>
      </c>
      <c r="N6632" s="236">
        <f t="shared" si="1543"/>
        <v>0.38975697614630755</v>
      </c>
      <c r="O6632" s="236">
        <f t="shared" si="1547"/>
        <v>2.1144942838173906</v>
      </c>
      <c r="P6632" s="236" t="str">
        <f t="shared" si="1548"/>
        <v>SAND</v>
      </c>
      <c r="Q6632" s="236" t="e">
        <f t="shared" si="1544"/>
        <v>#N/A</v>
      </c>
      <c r="R6632" s="238">
        <v>35</v>
      </c>
      <c r="S6632" s="236" t="e">
        <f t="shared" si="1549"/>
        <v>#N/A</v>
      </c>
      <c r="T6632" s="236">
        <f t="shared" si="1536"/>
        <v>34.288435363508583</v>
      </c>
    </row>
    <row r="6633" spans="2:20" x14ac:dyDescent="0.2">
      <c r="B6633" s="239">
        <v>65.91</v>
      </c>
      <c r="C6633" s="3">
        <f t="shared" si="1537"/>
        <v>65.902999999999992</v>
      </c>
      <c r="D6633" s="239">
        <v>21.9923</v>
      </c>
      <c r="E6633" s="239">
        <v>7.9699999999999993E-2</v>
      </c>
      <c r="F6633" s="239">
        <v>0.62590000000000001</v>
      </c>
      <c r="G6633">
        <f t="shared" si="1538"/>
        <v>22.11748</v>
      </c>
      <c r="H6633" s="235">
        <f t="shared" si="1539"/>
        <v>0.36034846646182112</v>
      </c>
      <c r="I6633" s="236">
        <f t="shared" si="1540"/>
        <v>19.588642601056844</v>
      </c>
      <c r="J6633" s="237">
        <f t="shared" si="1545"/>
        <v>9.5886426010568435</v>
      </c>
      <c r="K6633" s="237">
        <f t="shared" si="1541"/>
        <v>1290.950313337449</v>
      </c>
      <c r="L6633" s="237">
        <f t="shared" si="1546"/>
        <v>631.98743383565647</v>
      </c>
      <c r="M6633" s="236">
        <f t="shared" si="1542"/>
        <v>32.954024987905584</v>
      </c>
      <c r="N6633" s="236">
        <f t="shared" si="1543"/>
        <v>0.38268497536121154</v>
      </c>
      <c r="O6633" s="236">
        <f t="shared" si="1547"/>
        <v>2.1107381852724694</v>
      </c>
      <c r="P6633" s="236" t="str">
        <f t="shared" si="1548"/>
        <v>SAND</v>
      </c>
      <c r="Q6633" s="236" t="e">
        <f t="shared" si="1544"/>
        <v>#N/A</v>
      </c>
      <c r="R6633" s="238">
        <v>35</v>
      </c>
      <c r="S6633" s="236" t="e">
        <f t="shared" si="1549"/>
        <v>#N/A</v>
      </c>
      <c r="T6633" s="236">
        <f t="shared" si="1536"/>
        <v>34.296993133453114</v>
      </c>
    </row>
    <row r="6634" spans="2:20" x14ac:dyDescent="0.2">
      <c r="B6634" s="239">
        <v>65.92</v>
      </c>
      <c r="C6634" s="3">
        <f t="shared" si="1537"/>
        <v>65.912999999999997</v>
      </c>
      <c r="D6634" s="239">
        <v>22.130199999999999</v>
      </c>
      <c r="E6634" s="239">
        <v>7.7399999999999997E-2</v>
      </c>
      <c r="F6634" s="239">
        <v>0.60219999999999996</v>
      </c>
      <c r="G6634">
        <f t="shared" si="1538"/>
        <v>22.250639999999997</v>
      </c>
      <c r="H6634" s="235">
        <f t="shared" si="1539"/>
        <v>0.34785516281778861</v>
      </c>
      <c r="I6634" s="236">
        <f t="shared" si="1540"/>
        <v>19.556651904709256</v>
      </c>
      <c r="J6634" s="237">
        <f t="shared" si="1545"/>
        <v>9.5566519047092555</v>
      </c>
      <c r="K6634" s="237">
        <f t="shared" si="1541"/>
        <v>1289.037596995101</v>
      </c>
      <c r="L6634" s="237">
        <f t="shared" si="1546"/>
        <v>629.97449355843412</v>
      </c>
      <c r="M6634" s="236">
        <f t="shared" si="1542"/>
        <v>33.273731900798893</v>
      </c>
      <c r="N6634" s="236">
        <f t="shared" si="1543"/>
        <v>0.36924658006538913</v>
      </c>
      <c r="O6634" s="236">
        <f t="shared" si="1547"/>
        <v>2.1009939928054364</v>
      </c>
      <c r="P6634" s="236" t="str">
        <f t="shared" si="1548"/>
        <v>SAND</v>
      </c>
      <c r="Q6634" s="236" t="e">
        <f t="shared" si="1544"/>
        <v>#N/A</v>
      </c>
      <c r="R6634" s="238">
        <v>35</v>
      </c>
      <c r="S6634" s="236" t="e">
        <f t="shared" si="1549"/>
        <v>#N/A</v>
      </c>
      <c r="T6634" s="236">
        <f t="shared" si="1536"/>
        <v>34.343116643141158</v>
      </c>
    </row>
    <row r="6635" spans="2:20" x14ac:dyDescent="0.2">
      <c r="B6635" s="239">
        <v>65.930000000000007</v>
      </c>
      <c r="C6635" s="3">
        <f t="shared" si="1537"/>
        <v>65.923000000000002</v>
      </c>
      <c r="D6635" s="239">
        <v>22.406199999999998</v>
      </c>
      <c r="E6635" s="239">
        <v>7.5800000000000006E-2</v>
      </c>
      <c r="F6635" s="239">
        <v>0.60560000000000003</v>
      </c>
      <c r="G6635">
        <f t="shared" si="1538"/>
        <v>22.52732</v>
      </c>
      <c r="H6635" s="235">
        <f t="shared" si="1539"/>
        <v>0.33648032699850672</v>
      </c>
      <c r="I6635" s="236">
        <f t="shared" si="1540"/>
        <v>19.536988484998989</v>
      </c>
      <c r="J6635" s="237">
        <f t="shared" si="1545"/>
        <v>9.5369884849989894</v>
      </c>
      <c r="K6635" s="237">
        <f t="shared" si="1541"/>
        <v>1287.9368918965883</v>
      </c>
      <c r="L6635" s="237">
        <f t="shared" si="1546"/>
        <v>628.77365081598339</v>
      </c>
      <c r="M6635" s="236">
        <f t="shared" si="1542"/>
        <v>33.779060367018019</v>
      </c>
      <c r="N6635" s="236">
        <f t="shared" si="1543"/>
        <v>0.35688418827513035</v>
      </c>
      <c r="O6635" s="236">
        <f t="shared" si="1547"/>
        <v>2.0894132473993281</v>
      </c>
      <c r="P6635" s="236" t="str">
        <f t="shared" si="1548"/>
        <v>SAND</v>
      </c>
      <c r="Q6635" s="236" t="e">
        <f t="shared" si="1544"/>
        <v>#N/A</v>
      </c>
      <c r="R6635" s="238">
        <v>35</v>
      </c>
      <c r="S6635" s="236" t="e">
        <f t="shared" si="1549"/>
        <v>#N/A</v>
      </c>
      <c r="T6635" s="236">
        <f t="shared" si="1536"/>
        <v>34.415123210845913</v>
      </c>
    </row>
    <row r="6636" spans="2:20" x14ac:dyDescent="0.2">
      <c r="B6636" s="239">
        <v>65.938999999999993</v>
      </c>
      <c r="C6636" s="3">
        <f t="shared" si="1537"/>
        <v>65.931999999999988</v>
      </c>
      <c r="D6636" s="239">
        <v>22.78</v>
      </c>
      <c r="E6636" s="239">
        <v>7.5200000000000003E-2</v>
      </c>
      <c r="F6636" s="239">
        <v>0.58879999999999999</v>
      </c>
      <c r="G6636">
        <f t="shared" si="1538"/>
        <v>22.897760000000002</v>
      </c>
      <c r="H6636" s="235">
        <f t="shared" si="1539"/>
        <v>0.32841640405000311</v>
      </c>
      <c r="I6636" s="236">
        <f t="shared" si="1540"/>
        <v>19.534044923129517</v>
      </c>
      <c r="J6636" s="237">
        <f t="shared" si="1545"/>
        <v>9.5340449231295175</v>
      </c>
      <c r="K6636" s="237">
        <f t="shared" si="1541"/>
        <v>1287.9186498717752</v>
      </c>
      <c r="L6636" s="237">
        <f t="shared" si="1546"/>
        <v>628.66538818623724</v>
      </c>
      <c r="M6636" s="236">
        <f t="shared" si="1542"/>
        <v>34.374154766933785</v>
      </c>
      <c r="N6636" s="236">
        <f t="shared" si="1543"/>
        <v>0.3479895978021782</v>
      </c>
      <c r="O6636" s="236">
        <f t="shared" si="1547"/>
        <v>2.0783266685093369</v>
      </c>
      <c r="P6636" s="236" t="str">
        <f t="shared" si="1548"/>
        <v>SAND</v>
      </c>
      <c r="Q6636" s="236" t="e">
        <f t="shared" si="1544"/>
        <v>#N/A</v>
      </c>
      <c r="R6636" s="238">
        <v>35</v>
      </c>
      <c r="S6636" s="236" t="e">
        <f t="shared" si="1549"/>
        <v>#N/A</v>
      </c>
      <c r="T6636" s="236">
        <f t="shared" si="1536"/>
        <v>34.498552308159219</v>
      </c>
    </row>
    <row r="6637" spans="2:20" x14ac:dyDescent="0.2">
      <c r="B6637" s="239">
        <v>65.95</v>
      </c>
      <c r="C6637" s="3">
        <f t="shared" si="1537"/>
        <v>65.942999999999998</v>
      </c>
      <c r="D6637" s="239">
        <v>23.139099999999999</v>
      </c>
      <c r="E6637" s="239">
        <v>7.4999999999999997E-2</v>
      </c>
      <c r="F6637" s="239">
        <v>0.59770000000000001</v>
      </c>
      <c r="G6637">
        <f t="shared" si="1538"/>
        <v>23.25864</v>
      </c>
      <c r="H6637" s="235">
        <f t="shared" si="1539"/>
        <v>0.32246081456181447</v>
      </c>
      <c r="I6637" s="236">
        <f t="shared" si="1540"/>
        <v>19.537034350551604</v>
      </c>
      <c r="J6637" s="237">
        <f t="shared" si="1545"/>
        <v>9.537034350551604</v>
      </c>
      <c r="K6637" s="237">
        <f t="shared" si="1541"/>
        <v>1288.3306561784243</v>
      </c>
      <c r="L6637" s="237">
        <f t="shared" si="1546"/>
        <v>628.96741541887832</v>
      </c>
      <c r="M6637" s="236">
        <f t="shared" si="1542"/>
        <v>34.930759217772575</v>
      </c>
      <c r="N6637" s="236">
        <f t="shared" si="1543"/>
        <v>0.34136979514624483</v>
      </c>
      <c r="O6637" s="236">
        <f t="shared" si="1547"/>
        <v>2.0687859611454091</v>
      </c>
      <c r="P6637" s="236" t="str">
        <f t="shared" si="1548"/>
        <v>SAND</v>
      </c>
      <c r="Q6637" s="236" t="e">
        <f t="shared" si="1544"/>
        <v>#N/A</v>
      </c>
      <c r="R6637" s="238">
        <v>35</v>
      </c>
      <c r="S6637" s="236" t="e">
        <f t="shared" si="1549"/>
        <v>#N/A</v>
      </c>
      <c r="T6637" s="236">
        <f t="shared" si="1536"/>
        <v>34.575288276127054</v>
      </c>
    </row>
    <row r="6638" spans="2:20" x14ac:dyDescent="0.2">
      <c r="B6638" s="239">
        <v>65.959000000000003</v>
      </c>
      <c r="C6638" s="3">
        <f t="shared" si="1537"/>
        <v>65.951999999999998</v>
      </c>
      <c r="D6638" s="239">
        <v>23.7712</v>
      </c>
      <c r="E6638" s="239">
        <v>7.5300000000000006E-2</v>
      </c>
      <c r="F6638" s="239">
        <v>0.56679999999999997</v>
      </c>
      <c r="G6638">
        <f t="shared" si="1538"/>
        <v>23.88456</v>
      </c>
      <c r="H6638" s="235">
        <f t="shared" si="1539"/>
        <v>0.31526643153568668</v>
      </c>
      <c r="I6638" s="236">
        <f t="shared" si="1540"/>
        <v>19.552095010754812</v>
      </c>
      <c r="J6638" s="237">
        <f t="shared" si="1545"/>
        <v>9.5520950107548117</v>
      </c>
      <c r="K6638" s="237">
        <f t="shared" si="1541"/>
        <v>1289.4997701493014</v>
      </c>
      <c r="L6638" s="237">
        <f t="shared" si="1546"/>
        <v>630.0466348143766</v>
      </c>
      <c r="M6638" s="236">
        <f t="shared" si="1542"/>
        <v>35.862520298211933</v>
      </c>
      <c r="N6638" s="236">
        <f t="shared" si="1543"/>
        <v>0.33325868235801365</v>
      </c>
      <c r="O6638" s="236">
        <f t="shared" si="1547"/>
        <v>2.0543429982346657</v>
      </c>
      <c r="P6638" s="236" t="str">
        <f t="shared" si="1548"/>
        <v>SAND</v>
      </c>
      <c r="Q6638" s="236" t="e">
        <f t="shared" si="1544"/>
        <v>#N/A</v>
      </c>
      <c r="R6638" s="238">
        <v>35</v>
      </c>
      <c r="S6638" s="236" t="e">
        <f t="shared" si="1549"/>
        <v>#N/A</v>
      </c>
      <c r="T6638" s="236">
        <f t="shared" si="1536"/>
        <v>34.701048877716204</v>
      </c>
    </row>
    <row r="6639" spans="2:20" x14ac:dyDescent="0.2">
      <c r="B6639" s="239">
        <v>65.968999999999994</v>
      </c>
      <c r="C6639" s="3">
        <f t="shared" si="1537"/>
        <v>65.961999999999989</v>
      </c>
      <c r="D6639" s="239">
        <v>24.390699999999999</v>
      </c>
      <c r="E6639" s="239">
        <v>7.5899999999999995E-2</v>
      </c>
      <c r="F6639" s="239">
        <v>0.54890000000000005</v>
      </c>
      <c r="G6639">
        <f t="shared" si="1538"/>
        <v>24.50048</v>
      </c>
      <c r="H6639" s="235">
        <f t="shared" si="1539"/>
        <v>0.30978984901520296</v>
      </c>
      <c r="I6639" s="236">
        <f t="shared" si="1540"/>
        <v>19.571352982917276</v>
      </c>
      <c r="J6639" s="237">
        <f t="shared" si="1545"/>
        <v>9.5713529829172757</v>
      </c>
      <c r="K6639" s="237">
        <f t="shared" si="1541"/>
        <v>1290.965585459189</v>
      </c>
      <c r="L6639" s="237">
        <f t="shared" si="1546"/>
        <v>631.41258493006967</v>
      </c>
      <c r="M6639" s="236">
        <f t="shared" si="1542"/>
        <v>36.758080165778317</v>
      </c>
      <c r="N6639" s="236">
        <f t="shared" si="1543"/>
        <v>0.32702105974456958</v>
      </c>
      <c r="O6639" s="236">
        <f t="shared" si="1547"/>
        <v>2.0413922623539666</v>
      </c>
      <c r="P6639" s="236" t="str">
        <f t="shared" si="1548"/>
        <v>SAND</v>
      </c>
      <c r="Q6639" s="236" t="e">
        <f t="shared" si="1544"/>
        <v>#N/A</v>
      </c>
      <c r="R6639" s="238">
        <v>35</v>
      </c>
      <c r="S6639" s="236" t="e">
        <f t="shared" si="1549"/>
        <v>#N/A</v>
      </c>
      <c r="T6639" s="236">
        <f t="shared" si="1536"/>
        <v>34.818881026399978</v>
      </c>
    </row>
    <row r="6640" spans="2:20" x14ac:dyDescent="0.2">
      <c r="B6640" s="239">
        <v>65.978999999999999</v>
      </c>
      <c r="C6640" s="3">
        <f t="shared" si="1537"/>
        <v>65.971999999999994</v>
      </c>
      <c r="D6640" s="239">
        <v>25.203499999999998</v>
      </c>
      <c r="E6640" s="239">
        <v>7.6899999999999996E-2</v>
      </c>
      <c r="F6640" s="239">
        <v>0.53320000000000001</v>
      </c>
      <c r="G6640">
        <f t="shared" si="1538"/>
        <v>25.310139999999997</v>
      </c>
      <c r="H6640" s="235">
        <f t="shared" si="1539"/>
        <v>0.30383079666884499</v>
      </c>
      <c r="I6640" s="236">
        <f t="shared" si="1540"/>
        <v>19.599409264517757</v>
      </c>
      <c r="J6640" s="237">
        <f t="shared" si="1545"/>
        <v>9.5994092645177567</v>
      </c>
      <c r="K6640" s="237">
        <f t="shared" si="1541"/>
        <v>1293.0122279987654</v>
      </c>
      <c r="L6640" s="237">
        <f t="shared" si="1546"/>
        <v>633.35942386361705</v>
      </c>
      <c r="M6640" s="236">
        <f t="shared" si="1542"/>
        <v>37.920218547459243</v>
      </c>
      <c r="N6640" s="236">
        <f t="shared" si="1543"/>
        <v>0.32018816209009282</v>
      </c>
      <c r="O6640" s="236">
        <f t="shared" si="1547"/>
        <v>2.0254832358986339</v>
      </c>
      <c r="P6640" s="236" t="str">
        <f t="shared" si="1548"/>
        <v>SAND</v>
      </c>
      <c r="Q6640" s="236" t="e">
        <f t="shared" si="1544"/>
        <v>#N/A</v>
      </c>
      <c r="R6640" s="238">
        <v>35</v>
      </c>
      <c r="S6640" s="236" t="e">
        <f t="shared" si="1549"/>
        <v>#N/A</v>
      </c>
      <c r="T6640" s="236">
        <f t="shared" si="1536"/>
        <v>34.967579148303713</v>
      </c>
    </row>
    <row r="6641" spans="2:20" x14ac:dyDescent="0.2">
      <c r="B6641" s="239">
        <v>65.986999999999995</v>
      </c>
      <c r="C6641" s="3">
        <f t="shared" si="1537"/>
        <v>65.97999999999999</v>
      </c>
      <c r="D6641" s="239">
        <v>26.258400000000002</v>
      </c>
      <c r="E6641" s="239">
        <v>7.8700000000000006E-2</v>
      </c>
      <c r="F6641" s="239">
        <v>0.48580000000000001</v>
      </c>
      <c r="G6641">
        <f t="shared" si="1538"/>
        <v>26.355560000000001</v>
      </c>
      <c r="H6641" s="235">
        <f t="shared" si="1539"/>
        <v>0.29860871861573046</v>
      </c>
      <c r="I6641" s="236">
        <f t="shared" si="1540"/>
        <v>19.642359855392723</v>
      </c>
      <c r="J6641" s="237">
        <f t="shared" si="1545"/>
        <v>9.6423598553927228</v>
      </c>
      <c r="K6641" s="237">
        <f t="shared" si="1541"/>
        <v>1296.0029032588116</v>
      </c>
      <c r="L6641" s="237">
        <f t="shared" si="1546"/>
        <v>636.27039977779953</v>
      </c>
      <c r="M6641" s="236">
        <f t="shared" si="1542"/>
        <v>39.385074498974923</v>
      </c>
      <c r="N6641" s="236">
        <f t="shared" si="1543"/>
        <v>0.31405183936883846</v>
      </c>
      <c r="O6641" s="236">
        <f t="shared" si="1547"/>
        <v>2.007105444703881</v>
      </c>
      <c r="P6641" s="236" t="str">
        <f t="shared" si="1548"/>
        <v>SAND</v>
      </c>
      <c r="Q6641" s="236" t="e">
        <f t="shared" si="1544"/>
        <v>#N/A</v>
      </c>
      <c r="R6641" s="238">
        <v>35</v>
      </c>
      <c r="S6641" s="236" t="e">
        <f t="shared" si="1549"/>
        <v>#N/A</v>
      </c>
      <c r="T6641" s="236">
        <f t="shared" si="1536"/>
        <v>35.148648384270885</v>
      </c>
    </row>
    <row r="6642" spans="2:20" x14ac:dyDescent="0.2">
      <c r="B6642" s="239">
        <v>65.995000000000005</v>
      </c>
      <c r="C6642" s="3">
        <f t="shared" si="1537"/>
        <v>65.988</v>
      </c>
      <c r="D6642" s="239">
        <v>27.239000000000001</v>
      </c>
      <c r="E6642" s="239">
        <v>8.0699999999999994E-2</v>
      </c>
      <c r="F6642" s="239">
        <v>0.47420000000000001</v>
      </c>
      <c r="G6642">
        <f t="shared" si="1538"/>
        <v>27.333840000000002</v>
      </c>
      <c r="H6642" s="235">
        <f t="shared" si="1539"/>
        <v>0.29523842972666847</v>
      </c>
      <c r="I6642" s="236">
        <f t="shared" si="1540"/>
        <v>19.686032181265638</v>
      </c>
      <c r="J6642" s="237">
        <f t="shared" si="1545"/>
        <v>9.686032181265638</v>
      </c>
      <c r="K6642" s="237">
        <f t="shared" si="1541"/>
        <v>1299.0418915773569</v>
      </c>
      <c r="L6642" s="237">
        <f t="shared" si="1546"/>
        <v>639.22969380262577</v>
      </c>
      <c r="M6642" s="236">
        <f t="shared" si="1542"/>
        <v>40.728392877914999</v>
      </c>
      <c r="N6642" s="236">
        <f t="shared" si="1543"/>
        <v>0.30996975534022797</v>
      </c>
      <c r="O6642" s="236">
        <f t="shared" si="1547"/>
        <v>1.9914711469948474</v>
      </c>
      <c r="P6642" s="236" t="str">
        <f t="shared" si="1548"/>
        <v>SAND</v>
      </c>
      <c r="Q6642" s="236" t="e">
        <f t="shared" si="1544"/>
        <v>#N/A</v>
      </c>
      <c r="R6642" s="238">
        <v>35</v>
      </c>
      <c r="S6642" s="236" t="e">
        <f t="shared" si="1549"/>
        <v>#N/A</v>
      </c>
      <c r="T6642" s="236">
        <f t="shared" si="1536"/>
        <v>35.308870007183117</v>
      </c>
    </row>
    <row r="6643" spans="2:20" x14ac:dyDescent="0.2">
      <c r="B6643" s="239">
        <v>66.003</v>
      </c>
      <c r="C6643" s="3">
        <f t="shared" si="1537"/>
        <v>65.995999999999995</v>
      </c>
      <c r="D6643" s="239">
        <v>27.9666</v>
      </c>
      <c r="E6643" s="239">
        <v>8.2699999999999996E-2</v>
      </c>
      <c r="F6643" s="239">
        <v>0.46210000000000001</v>
      </c>
      <c r="G6643">
        <f t="shared" si="1538"/>
        <v>28.05902</v>
      </c>
      <c r="H6643" s="235">
        <f t="shared" si="1539"/>
        <v>0.29473588172359544</v>
      </c>
      <c r="I6643" s="236">
        <f t="shared" si="1540"/>
        <v>19.724973178935095</v>
      </c>
      <c r="J6643" s="237">
        <f t="shared" si="1545"/>
        <v>9.7249731789350946</v>
      </c>
      <c r="K6643" s="237">
        <f t="shared" si="1541"/>
        <v>1301.7693299170005</v>
      </c>
      <c r="L6643" s="237">
        <f t="shared" si="1546"/>
        <v>641.87740472925304</v>
      </c>
      <c r="M6643" s="236">
        <f t="shared" si="1542"/>
        <v>41.685920820611116</v>
      </c>
      <c r="N6643" s="236">
        <f t="shared" si="1543"/>
        <v>0.30907510274389288</v>
      </c>
      <c r="O6643" s="236">
        <f t="shared" si="1547"/>
        <v>1.981597875078694</v>
      </c>
      <c r="P6643" s="236" t="str">
        <f t="shared" si="1548"/>
        <v>SAND</v>
      </c>
      <c r="Q6643" s="236" t="e">
        <f t="shared" si="1544"/>
        <v>#N/A</v>
      </c>
      <c r="R6643" s="238">
        <v>35</v>
      </c>
      <c r="S6643" s="236" t="e">
        <f t="shared" si="1549"/>
        <v>#N/A</v>
      </c>
      <c r="T6643" s="236">
        <f t="shared" si="1536"/>
        <v>35.41988339209513</v>
      </c>
    </row>
    <row r="6644" spans="2:20" x14ac:dyDescent="0.2">
      <c r="B6644" s="239">
        <v>66.012</v>
      </c>
      <c r="C6644" s="3">
        <f t="shared" si="1537"/>
        <v>66.004999999999995</v>
      </c>
      <c r="D6644" s="239">
        <v>28.143599999999999</v>
      </c>
      <c r="E6644" s="239">
        <v>8.2400000000000001E-2</v>
      </c>
      <c r="F6644" s="239">
        <v>0.45540000000000003</v>
      </c>
      <c r="G6644">
        <f t="shared" si="1538"/>
        <v>28.234680000000001</v>
      </c>
      <c r="H6644" s="235">
        <f t="shared" si="1539"/>
        <v>0.29183968084639178</v>
      </c>
      <c r="I6644" s="236">
        <f t="shared" si="1540"/>
        <v>19.723151108955346</v>
      </c>
      <c r="J6644" s="237">
        <f t="shared" si="1545"/>
        <v>9.7231511089553457</v>
      </c>
      <c r="K6644" s="237">
        <f t="shared" si="1541"/>
        <v>1301.8265889465974</v>
      </c>
      <c r="L6644" s="237">
        <f t="shared" si="1546"/>
        <v>641.84465100436023</v>
      </c>
      <c r="M6644" s="236">
        <f t="shared" si="1542"/>
        <v>41.96163879983856</v>
      </c>
      <c r="N6644" s="236">
        <f t="shared" si="1543"/>
        <v>0.30594604568033834</v>
      </c>
      <c r="O6644" s="236">
        <f t="shared" si="1547"/>
        <v>1.9773438625393081</v>
      </c>
      <c r="P6644" s="236" t="str">
        <f t="shared" si="1548"/>
        <v>SAND</v>
      </c>
      <c r="Q6644" s="236" t="e">
        <f t="shared" si="1544"/>
        <v>#N/A</v>
      </c>
      <c r="R6644" s="238">
        <v>35</v>
      </c>
      <c r="S6644" s="236" t="e">
        <f t="shared" si="1549"/>
        <v>#N/A</v>
      </c>
      <c r="T6644" s="236">
        <f t="shared" si="1536"/>
        <v>35.451376852098846</v>
      </c>
    </row>
    <row r="6645" spans="2:20" x14ac:dyDescent="0.2">
      <c r="B6645" s="239">
        <v>66.022999999999996</v>
      </c>
      <c r="C6645" s="3">
        <f t="shared" si="1537"/>
        <v>66.015999999999991</v>
      </c>
      <c r="D6645" s="239">
        <v>27.941299999999998</v>
      </c>
      <c r="E6645" s="239">
        <v>7.9899999999999999E-2</v>
      </c>
      <c r="F6645" s="239">
        <v>0.44330000000000003</v>
      </c>
      <c r="G6645">
        <f t="shared" si="1538"/>
        <v>28.029959999999999</v>
      </c>
      <c r="H6645" s="235">
        <f t="shared" si="1539"/>
        <v>0.28505213707047744</v>
      </c>
      <c r="I6645" s="236">
        <f t="shared" si="1540"/>
        <v>19.684179588733127</v>
      </c>
      <c r="J6645" s="237">
        <f t="shared" si="1545"/>
        <v>9.6841795887331266</v>
      </c>
      <c r="K6645" s="237">
        <f t="shared" si="1541"/>
        <v>1299.470799729806</v>
      </c>
      <c r="L6645" s="237">
        <f t="shared" si="1546"/>
        <v>639.37858898692718</v>
      </c>
      <c r="M6645" s="236">
        <f t="shared" si="1542"/>
        <v>41.806982061478955</v>
      </c>
      <c r="N6645" s="236">
        <f t="shared" si="1543"/>
        <v>0.29890960618555523</v>
      </c>
      <c r="O6645" s="236">
        <f t="shared" si="1547"/>
        <v>1.9752611591147764</v>
      </c>
      <c r="P6645" s="236" t="str">
        <f t="shared" si="1548"/>
        <v>SAND</v>
      </c>
      <c r="Q6645" s="236" t="e">
        <f t="shared" si="1544"/>
        <v>#N/A</v>
      </c>
      <c r="R6645" s="238">
        <v>35</v>
      </c>
      <c r="S6645" s="236" t="e">
        <f t="shared" si="1549"/>
        <v>#N/A</v>
      </c>
      <c r="T6645" s="236">
        <f t="shared" si="1536"/>
        <v>35.433736998881493</v>
      </c>
    </row>
    <row r="6646" spans="2:20" x14ac:dyDescent="0.2">
      <c r="B6646" s="239">
        <v>66.031999999999996</v>
      </c>
      <c r="C6646" s="3">
        <f t="shared" si="1537"/>
        <v>66.024999999999991</v>
      </c>
      <c r="D6646" s="239">
        <v>27.644600000000001</v>
      </c>
      <c r="E6646" s="239">
        <v>8.1000000000000003E-2</v>
      </c>
      <c r="F6646" s="239">
        <v>0.44240000000000002</v>
      </c>
      <c r="G6646">
        <f t="shared" si="1538"/>
        <v>27.733080000000001</v>
      </c>
      <c r="H6646" s="235">
        <f t="shared" si="1539"/>
        <v>0.29206997563920056</v>
      </c>
      <c r="I6646" s="236">
        <f t="shared" si="1540"/>
        <v>19.696050899350737</v>
      </c>
      <c r="J6646" s="237">
        <f t="shared" si="1545"/>
        <v>9.6960508993507375</v>
      </c>
      <c r="K6646" s="237">
        <f t="shared" si="1541"/>
        <v>1300.4317606296322</v>
      </c>
      <c r="L6646" s="237">
        <f t="shared" si="1546"/>
        <v>640.24963298592786</v>
      </c>
      <c r="M6646" s="236">
        <f t="shared" si="1542"/>
        <v>41.284909631414557</v>
      </c>
      <c r="N6646" s="236">
        <f t="shared" si="1543"/>
        <v>0.30643921587604583</v>
      </c>
      <c r="O6646" s="236">
        <f t="shared" si="1547"/>
        <v>1.9841905380089937</v>
      </c>
      <c r="P6646" s="236" t="str">
        <f t="shared" si="1548"/>
        <v>SAND</v>
      </c>
      <c r="Q6646" s="236" t="e">
        <f t="shared" si="1544"/>
        <v>#N/A</v>
      </c>
      <c r="R6646" s="238">
        <v>35</v>
      </c>
      <c r="S6646" s="236" t="e">
        <f t="shared" si="1549"/>
        <v>#N/A</v>
      </c>
      <c r="T6646" s="236">
        <f t="shared" si="1536"/>
        <v>35.373704721358166</v>
      </c>
    </row>
    <row r="6647" spans="2:20" x14ac:dyDescent="0.2">
      <c r="B6647" s="239">
        <v>66.040000000000006</v>
      </c>
      <c r="C6647" s="3">
        <f t="shared" si="1537"/>
        <v>66.033000000000001</v>
      </c>
      <c r="D6647" s="239">
        <v>27.577000000000002</v>
      </c>
      <c r="E6647" s="239">
        <v>8.1100000000000005E-2</v>
      </c>
      <c r="F6647" s="239">
        <v>0.434</v>
      </c>
      <c r="G6647">
        <f t="shared" si="1538"/>
        <v>27.663800000000002</v>
      </c>
      <c r="H6647" s="235">
        <f t="shared" si="1539"/>
        <v>0.29316290603604711</v>
      </c>
      <c r="I6647" s="236">
        <f t="shared" si="1540"/>
        <v>19.696520013276526</v>
      </c>
      <c r="J6647" s="237">
        <f t="shared" si="1545"/>
        <v>9.6965200132765261</v>
      </c>
      <c r="K6647" s="237">
        <f t="shared" si="1541"/>
        <v>1300.6203060366888</v>
      </c>
      <c r="L6647" s="237">
        <f t="shared" si="1546"/>
        <v>640.3581816767819</v>
      </c>
      <c r="M6647" s="236">
        <f t="shared" si="1542"/>
        <v>41.169427436581138</v>
      </c>
      <c r="N6647" s="236">
        <f t="shared" si="1543"/>
        <v>0.30762601833863928</v>
      </c>
      <c r="O6647" s="236">
        <f t="shared" si="1547"/>
        <v>1.9859252835714192</v>
      </c>
      <c r="P6647" s="236" t="str">
        <f t="shared" si="1548"/>
        <v>SAND</v>
      </c>
      <c r="Q6647" s="236" t="e">
        <f t="shared" si="1544"/>
        <v>#N/A</v>
      </c>
      <c r="R6647" s="238">
        <v>35</v>
      </c>
      <c r="S6647" s="236" t="e">
        <f t="shared" si="1549"/>
        <v>#N/A</v>
      </c>
      <c r="T6647" s="236">
        <f t="shared" si="1536"/>
        <v>35.360323098024395</v>
      </c>
    </row>
    <row r="6648" spans="2:20" x14ac:dyDescent="0.2">
      <c r="B6648" s="239">
        <v>66.049000000000007</v>
      </c>
      <c r="C6648" s="3">
        <f t="shared" si="1537"/>
        <v>66.042000000000002</v>
      </c>
      <c r="D6648" s="239">
        <v>28.434699999999999</v>
      </c>
      <c r="E6648" s="239">
        <v>7.8100000000000003E-2</v>
      </c>
      <c r="F6648" s="239">
        <v>0.41670000000000001</v>
      </c>
      <c r="G6648">
        <f t="shared" si="1538"/>
        <v>28.518039999999999</v>
      </c>
      <c r="H6648" s="235">
        <f t="shared" si="1539"/>
        <v>0.2738617380437085</v>
      </c>
      <c r="I6648" s="236">
        <f t="shared" si="1540"/>
        <v>19.664208552297623</v>
      </c>
      <c r="J6648" s="237">
        <f t="shared" si="1545"/>
        <v>9.6642085522976231</v>
      </c>
      <c r="K6648" s="237">
        <f t="shared" si="1541"/>
        <v>1298.6636612108396</v>
      </c>
      <c r="L6648" s="237">
        <f t="shared" si="1546"/>
        <v>638.31131067070578</v>
      </c>
      <c r="M6648" s="236">
        <f t="shared" si="1542"/>
        <v>42.64279182236077</v>
      </c>
      <c r="N6648" s="236">
        <f t="shared" si="1543"/>
        <v>0.28692795539441901</v>
      </c>
      <c r="O6648" s="236">
        <f t="shared" si="1547"/>
        <v>1.9610059049814521</v>
      </c>
      <c r="P6648" s="236" t="str">
        <f t="shared" si="1548"/>
        <v>SAND</v>
      </c>
      <c r="Q6648" s="236" t="e">
        <f t="shared" si="1544"/>
        <v>#N/A</v>
      </c>
      <c r="R6648" s="238">
        <v>35</v>
      </c>
      <c r="S6648" s="236" t="e">
        <f t="shared" si="1549"/>
        <v>#N/A</v>
      </c>
      <c r="T6648" s="236">
        <f t="shared" si="1536"/>
        <v>35.528301932162876</v>
      </c>
    </row>
    <row r="6649" spans="2:20" x14ac:dyDescent="0.2">
      <c r="B6649" s="239">
        <v>66.058000000000007</v>
      </c>
      <c r="C6649" s="3">
        <f t="shared" si="1537"/>
        <v>66.051000000000002</v>
      </c>
      <c r="D6649" s="239">
        <v>29.413399999999999</v>
      </c>
      <c r="E6649" s="239">
        <v>8.0600000000000005E-2</v>
      </c>
      <c r="F6649" s="239">
        <v>0.39489999999999997</v>
      </c>
      <c r="G6649">
        <f t="shared" si="1538"/>
        <v>29.492380000000001</v>
      </c>
      <c r="H6649" s="235">
        <f t="shared" si="1539"/>
        <v>0.27329093142025157</v>
      </c>
      <c r="I6649" s="236">
        <f t="shared" si="1540"/>
        <v>19.71428650616912</v>
      </c>
      <c r="J6649" s="237">
        <f t="shared" si="1545"/>
        <v>9.7142865061691204</v>
      </c>
      <c r="K6649" s="237">
        <f t="shared" si="1541"/>
        <v>1302.1483380189766</v>
      </c>
      <c r="L6649" s="237">
        <f t="shared" si="1546"/>
        <v>641.70633802451982</v>
      </c>
      <c r="M6649" s="236">
        <f t="shared" si="1542"/>
        <v>43.930112563270121</v>
      </c>
      <c r="N6649" s="236">
        <f t="shared" si="1543"/>
        <v>0.28591464222942808</v>
      </c>
      <c r="O6649" s="236">
        <f t="shared" si="1547"/>
        <v>1.9483565428731713</v>
      </c>
      <c r="P6649" s="236" t="str">
        <f t="shared" si="1548"/>
        <v>SAND</v>
      </c>
      <c r="Q6649" s="236" t="e">
        <f t="shared" si="1544"/>
        <v>#N/A</v>
      </c>
      <c r="R6649" s="238">
        <v>35</v>
      </c>
      <c r="S6649" s="236" t="e">
        <f t="shared" si="1549"/>
        <v>#N/A</v>
      </c>
      <c r="T6649" s="236">
        <f t="shared" si="1536"/>
        <v>35.670385476778733</v>
      </c>
    </row>
    <row r="6650" spans="2:20" x14ac:dyDescent="0.2">
      <c r="B6650" s="239">
        <v>66.066000000000003</v>
      </c>
      <c r="C6650" s="3">
        <f t="shared" si="1537"/>
        <v>66.058999999999997</v>
      </c>
      <c r="D6650" s="239">
        <v>29.734200000000001</v>
      </c>
      <c r="E6650" s="239">
        <v>8.5999999999999993E-2</v>
      </c>
      <c r="F6650" s="239">
        <v>0.41420000000000001</v>
      </c>
      <c r="G6650">
        <f t="shared" si="1538"/>
        <v>29.817040000000002</v>
      </c>
      <c r="H6650" s="235">
        <f t="shared" si="1539"/>
        <v>0.28842567873940533</v>
      </c>
      <c r="I6650" s="236">
        <f t="shared" si="1540"/>
        <v>19.794606947880848</v>
      </c>
      <c r="J6650" s="237">
        <f t="shared" si="1545"/>
        <v>9.7946069478808475</v>
      </c>
      <c r="K6650" s="237">
        <f t="shared" si="1541"/>
        <v>1307.6119403700609</v>
      </c>
      <c r="L6650" s="237">
        <f t="shared" si="1546"/>
        <v>647.09050261869606</v>
      </c>
      <c r="M6650" s="236">
        <f t="shared" si="1542"/>
        <v>44.057868171848874</v>
      </c>
      <c r="N6650" s="236">
        <f t="shared" si="1543"/>
        <v>0.3016545958765765</v>
      </c>
      <c r="O6650" s="236">
        <f t="shared" si="1547"/>
        <v>1.9553783316704263</v>
      </c>
      <c r="P6650" s="236" t="str">
        <f t="shared" si="1548"/>
        <v>SAND</v>
      </c>
      <c r="Q6650" s="236" t="e">
        <f t="shared" si="1544"/>
        <v>#N/A</v>
      </c>
      <c r="R6650" s="238">
        <v>35</v>
      </c>
      <c r="S6650" s="236" t="e">
        <f t="shared" si="1549"/>
        <v>#N/A</v>
      </c>
      <c r="T6650" s="236">
        <f t="shared" si="1536"/>
        <v>35.684258270267385</v>
      </c>
    </row>
    <row r="6651" spans="2:20" x14ac:dyDescent="0.2">
      <c r="B6651" s="239">
        <v>66.073999999999998</v>
      </c>
      <c r="C6651" s="3">
        <f t="shared" si="1537"/>
        <v>66.066999999999993</v>
      </c>
      <c r="D6651" s="239">
        <v>29.720800000000001</v>
      </c>
      <c r="E6651" s="239">
        <v>8.1900000000000001E-2</v>
      </c>
      <c r="F6651" s="239">
        <v>0.42080000000000001</v>
      </c>
      <c r="G6651">
        <f t="shared" si="1538"/>
        <v>29.804960000000001</v>
      </c>
      <c r="H6651" s="235">
        <f t="shared" si="1539"/>
        <v>0.27478647849217042</v>
      </c>
      <c r="I6651" s="236">
        <f t="shared" si="1540"/>
        <v>19.737169278121172</v>
      </c>
      <c r="J6651" s="237">
        <f t="shared" si="1545"/>
        <v>9.7371692781211721</v>
      </c>
      <c r="K6651" s="237">
        <f t="shared" si="1541"/>
        <v>1303.9755626976314</v>
      </c>
      <c r="L6651" s="237">
        <f t="shared" si="1546"/>
        <v>643.37372288257825</v>
      </c>
      <c r="M6651" s="236">
        <f t="shared" si="1542"/>
        <v>44.299267165600526</v>
      </c>
      <c r="N6651" s="236">
        <f t="shared" si="1543"/>
        <v>0.28735849521326878</v>
      </c>
      <c r="O6651" s="236">
        <f t="shared" si="1547"/>
        <v>1.9457103463068093</v>
      </c>
      <c r="P6651" s="236" t="str">
        <f t="shared" si="1548"/>
        <v>SAND</v>
      </c>
      <c r="Q6651" s="236" t="e">
        <f t="shared" si="1544"/>
        <v>#N/A</v>
      </c>
      <c r="R6651" s="238">
        <v>35</v>
      </c>
      <c r="S6651" s="236" t="e">
        <f t="shared" si="1549"/>
        <v>#N/A</v>
      </c>
      <c r="T6651" s="236">
        <f t="shared" si="1536"/>
        <v>35.710361960141086</v>
      </c>
    </row>
    <row r="6652" spans="2:20" x14ac:dyDescent="0.2">
      <c r="B6652" s="239">
        <v>66.081999999999994</v>
      </c>
      <c r="C6652" s="3">
        <f t="shared" si="1537"/>
        <v>66.074999999999989</v>
      </c>
      <c r="D6652" s="239">
        <v>29.8</v>
      </c>
      <c r="E6652" s="239">
        <v>0.1356</v>
      </c>
      <c r="F6652" s="239">
        <v>0.49030000000000001</v>
      </c>
      <c r="G6652">
        <f t="shared" si="1538"/>
        <v>29.898060000000001</v>
      </c>
      <c r="H6652" s="235">
        <f t="shared" si="1539"/>
        <v>0.45354113276914954</v>
      </c>
      <c r="I6652" s="236">
        <f t="shared" si="1540"/>
        <v>20.329622924311771</v>
      </c>
      <c r="J6652" s="237">
        <f t="shared" si="1545"/>
        <v>10.329622924311771</v>
      </c>
      <c r="K6652" s="237">
        <f t="shared" si="1541"/>
        <v>1343.2798347239</v>
      </c>
      <c r="L6652" s="237">
        <f t="shared" si="1546"/>
        <v>682.60214208437037</v>
      </c>
      <c r="M6652" s="236">
        <f t="shared" si="1542"/>
        <v>41.832245175912</v>
      </c>
      <c r="N6652" s="236">
        <f t="shared" si="1543"/>
        <v>0.47487670791069753</v>
      </c>
      <c r="O6652" s="236">
        <f t="shared" si="1547"/>
        <v>2.0544508251375304</v>
      </c>
      <c r="P6652" s="236" t="str">
        <f t="shared" si="1548"/>
        <v>SAND</v>
      </c>
      <c r="Q6652" s="236" t="e">
        <f t="shared" si="1544"/>
        <v>#N/A</v>
      </c>
      <c r="R6652" s="238">
        <v>35</v>
      </c>
      <c r="S6652" s="236" t="e">
        <f t="shared" si="1549"/>
        <v>#N/A</v>
      </c>
      <c r="T6652" s="236">
        <f t="shared" si="1536"/>
        <v>35.436622916190636</v>
      </c>
    </row>
    <row r="6653" spans="2:20" x14ac:dyDescent="0.2">
      <c r="B6653" s="239">
        <v>66.090999999999994</v>
      </c>
      <c r="C6653" s="3">
        <f t="shared" si="1537"/>
        <v>66.083999999999989</v>
      </c>
      <c r="D6653" s="239">
        <v>29.253399999999999</v>
      </c>
      <c r="E6653" s="239">
        <v>0.13150000000000001</v>
      </c>
      <c r="F6653" s="239">
        <v>0.49469999999999997</v>
      </c>
      <c r="G6653">
        <f t="shared" si="1538"/>
        <v>29.352339999999998</v>
      </c>
      <c r="H6653" s="235">
        <f t="shared" si="1539"/>
        <v>0.44800516756074649</v>
      </c>
      <c r="I6653" s="236">
        <f t="shared" si="1540"/>
        <v>20.286421043458837</v>
      </c>
      <c r="J6653" s="237">
        <f t="shared" si="1545"/>
        <v>10.286421043458837</v>
      </c>
      <c r="K6653" s="237">
        <f t="shared" si="1541"/>
        <v>1340.6078482359335</v>
      </c>
      <c r="L6653" s="237">
        <f t="shared" si="1546"/>
        <v>679.83985318323801</v>
      </c>
      <c r="M6653" s="236">
        <f t="shared" si="1542"/>
        <v>41.203427572837555</v>
      </c>
      <c r="N6653" s="236">
        <f t="shared" si="1543"/>
        <v>0.46944615665875083</v>
      </c>
      <c r="O6653" s="236">
        <f t="shared" si="1547"/>
        <v>2.0582024952714364</v>
      </c>
      <c r="P6653" s="236" t="str">
        <f t="shared" si="1548"/>
        <v>SAND</v>
      </c>
      <c r="Q6653" s="236" t="e">
        <f t="shared" si="1544"/>
        <v>#N/A</v>
      </c>
      <c r="R6653" s="238">
        <v>35</v>
      </c>
      <c r="S6653" s="236" t="e">
        <f t="shared" si="1549"/>
        <v>#N/A</v>
      </c>
      <c r="T6653" s="236">
        <f t="shared" si="1536"/>
        <v>35.364266795165086</v>
      </c>
    </row>
    <row r="6654" spans="2:20" x14ac:dyDescent="0.2">
      <c r="B6654" s="239">
        <v>66.100999999999999</v>
      </c>
      <c r="C6654" s="3">
        <f t="shared" si="1537"/>
        <v>66.093999999999994</v>
      </c>
      <c r="D6654" s="239">
        <v>28.9053</v>
      </c>
      <c r="E6654" s="239">
        <v>0.15140000000000001</v>
      </c>
      <c r="F6654" s="239">
        <v>0.56110000000000004</v>
      </c>
      <c r="G6654">
        <f t="shared" si="1538"/>
        <v>29.017520000000001</v>
      </c>
      <c r="H6654" s="235">
        <f t="shared" si="1539"/>
        <v>0.52175375428361903</v>
      </c>
      <c r="I6654" s="236">
        <f t="shared" si="1540"/>
        <v>20.447177180526516</v>
      </c>
      <c r="J6654" s="237">
        <f t="shared" si="1545"/>
        <v>10.447177180526516</v>
      </c>
      <c r="K6654" s="237">
        <f t="shared" si="1541"/>
        <v>1351.4357285697195</v>
      </c>
      <c r="L6654" s="237">
        <f t="shared" si="1546"/>
        <v>690.56885880998323</v>
      </c>
      <c r="M6654" s="236">
        <f t="shared" si="1542"/>
        <v>40.062745254840507</v>
      </c>
      <c r="N6654" s="236">
        <f t="shared" si="1543"/>
        <v>0.54724043530925359</v>
      </c>
      <c r="O6654" s="236">
        <f t="shared" si="1547"/>
        <v>2.098752652613145</v>
      </c>
      <c r="P6654" s="236" t="str">
        <f t="shared" si="1548"/>
        <v>SAND</v>
      </c>
      <c r="Q6654" s="236" t="e">
        <f t="shared" si="1544"/>
        <v>#N/A</v>
      </c>
      <c r="R6654" s="238">
        <v>35</v>
      </c>
      <c r="S6654" s="236" t="e">
        <f t="shared" si="1549"/>
        <v>#N/A</v>
      </c>
      <c r="T6654" s="236">
        <f t="shared" si="1536"/>
        <v>35.230147760733047</v>
      </c>
    </row>
    <row r="6655" spans="2:20" x14ac:dyDescent="0.2">
      <c r="B6655" s="239">
        <v>66.111000000000004</v>
      </c>
      <c r="C6655" s="3">
        <f t="shared" si="1537"/>
        <v>66.103999999999999</v>
      </c>
      <c r="D6655" s="239">
        <v>29.5701</v>
      </c>
      <c r="E6655" s="239">
        <v>0.15010000000000001</v>
      </c>
      <c r="F6655" s="239">
        <v>-4.1099999999999998E-2</v>
      </c>
      <c r="G6655">
        <f t="shared" si="1538"/>
        <v>29.561879999999999</v>
      </c>
      <c r="H6655" s="235">
        <f t="shared" si="1539"/>
        <v>0.50774849231510311</v>
      </c>
      <c r="I6655" s="236">
        <f t="shared" si="1540"/>
        <v>20.444329768203936</v>
      </c>
      <c r="J6655" s="237">
        <f t="shared" si="1545"/>
        <v>10.444329768203936</v>
      </c>
      <c r="K6655" s="237">
        <f t="shared" si="1541"/>
        <v>1351.4519749973529</v>
      </c>
      <c r="L6655" s="237">
        <f t="shared" si="1546"/>
        <v>690.48508530573042</v>
      </c>
      <c r="M6655" s="236">
        <f t="shared" si="1542"/>
        <v>40.855955654004802</v>
      </c>
      <c r="N6655" s="236">
        <f t="shared" si="1543"/>
        <v>0.53207274936405702</v>
      </c>
      <c r="O6655" s="236">
        <f t="shared" si="1547"/>
        <v>2.0856156767465377</v>
      </c>
      <c r="P6655" s="236" t="str">
        <f t="shared" si="1548"/>
        <v>SAND</v>
      </c>
      <c r="Q6655" s="236" t="e">
        <f t="shared" si="1544"/>
        <v>#N/A</v>
      </c>
      <c r="R6655" s="238">
        <v>35</v>
      </c>
      <c r="S6655" s="236" t="e">
        <f t="shared" si="1549"/>
        <v>#N/A</v>
      </c>
      <c r="T6655" s="236">
        <f t="shared" si="1536"/>
        <v>35.32380910799958</v>
      </c>
    </row>
    <row r="6656" spans="2:20" x14ac:dyDescent="0.2">
      <c r="B6656" s="239">
        <v>66.162999999999997</v>
      </c>
      <c r="C6656" s="3">
        <f t="shared" si="1537"/>
        <v>66.155999999999992</v>
      </c>
      <c r="D6656" s="239">
        <v>28.617899999999999</v>
      </c>
      <c r="E6656" s="239">
        <v>0.15379999999999999</v>
      </c>
      <c r="F6656" s="239">
        <v>0.58850000000000002</v>
      </c>
      <c r="G6656">
        <f t="shared" si="1538"/>
        <v>28.735599999999998</v>
      </c>
      <c r="H6656" s="235">
        <f t="shared" si="1539"/>
        <v>0.53522459945155132</v>
      </c>
      <c r="I6656" s="236">
        <f t="shared" si="1540"/>
        <v>20.461803402818095</v>
      </c>
      <c r="J6656" s="237">
        <f t="shared" si="1545"/>
        <v>10.461803402818095</v>
      </c>
      <c r="K6656" s="237">
        <f t="shared" si="1541"/>
        <v>1353.6710659168336</v>
      </c>
      <c r="L6656" s="237">
        <f t="shared" si="1546"/>
        <v>692.18429854065357</v>
      </c>
      <c r="M6656" s="236">
        <f t="shared" si="1542"/>
        <v>39.558725893975129</v>
      </c>
      <c r="N6656" s="236">
        <f t="shared" si="1543"/>
        <v>0.56168431511981687</v>
      </c>
      <c r="O6656" s="236">
        <f t="shared" si="1547"/>
        <v>2.1088235424188446</v>
      </c>
      <c r="P6656" s="236" t="str">
        <f t="shared" si="1548"/>
        <v>SAND</v>
      </c>
      <c r="Q6656" s="236" t="e">
        <f t="shared" si="1544"/>
        <v>#N/A</v>
      </c>
      <c r="R6656" s="238">
        <v>35</v>
      </c>
      <c r="S6656" s="236" t="e">
        <f t="shared" si="1549"/>
        <v>#N/A</v>
      </c>
      <c r="T6656" s="236">
        <f t="shared" si="1536"/>
        <v>35.169665249502273</v>
      </c>
    </row>
    <row r="6657" spans="2:20" x14ac:dyDescent="0.2">
      <c r="B6657" s="239">
        <v>66.173000000000002</v>
      </c>
      <c r="C6657" s="3">
        <f t="shared" si="1537"/>
        <v>66.165999999999997</v>
      </c>
      <c r="D6657" s="239">
        <v>28.851299999999998</v>
      </c>
      <c r="E6657" s="239">
        <v>0.1535</v>
      </c>
      <c r="F6657" s="239">
        <v>0.58940000000000003</v>
      </c>
      <c r="G6657">
        <f t="shared" si="1538"/>
        <v>28.969179999999998</v>
      </c>
      <c r="H6657" s="235">
        <f t="shared" si="1539"/>
        <v>0.52987347242828409</v>
      </c>
      <c r="I6657" s="236">
        <f t="shared" si="1540"/>
        <v>20.462678261914174</v>
      </c>
      <c r="J6657" s="237">
        <f t="shared" si="1545"/>
        <v>10.462678261914174</v>
      </c>
      <c r="K6657" s="237">
        <f t="shared" si="1541"/>
        <v>1353.9335698778132</v>
      </c>
      <c r="L6657" s="237">
        <f t="shared" si="1546"/>
        <v>692.34680862564664</v>
      </c>
      <c r="M6657" s="236">
        <f t="shared" si="1542"/>
        <v>39.88643565056686</v>
      </c>
      <c r="N6657" s="236">
        <f t="shared" si="1543"/>
        <v>0.5558523636152134</v>
      </c>
      <c r="O6657" s="236">
        <f t="shared" si="1547"/>
        <v>2.1035591457825795</v>
      </c>
      <c r="P6657" s="236" t="str">
        <f t="shared" si="1548"/>
        <v>SAND</v>
      </c>
      <c r="Q6657" s="236" t="e">
        <f t="shared" si="1544"/>
        <v>#N/A</v>
      </c>
      <c r="R6657" s="238">
        <v>35</v>
      </c>
      <c r="S6657" s="236" t="e">
        <f t="shared" si="1549"/>
        <v>#N/A</v>
      </c>
      <c r="T6657" s="236">
        <f t="shared" si="1536"/>
        <v>35.209077512694968</v>
      </c>
    </row>
    <row r="6658" spans="2:20" x14ac:dyDescent="0.2">
      <c r="B6658" s="239">
        <v>66.183000000000007</v>
      </c>
      <c r="C6658" s="3">
        <f t="shared" si="1537"/>
        <v>66.176000000000002</v>
      </c>
      <c r="D6658" s="239">
        <v>28.898099999999999</v>
      </c>
      <c r="E6658" s="239">
        <v>0.15620000000000001</v>
      </c>
      <c r="F6658" s="239">
        <v>0.59909999999999997</v>
      </c>
      <c r="G6658">
        <f t="shared" si="1538"/>
        <v>29.01792</v>
      </c>
      <c r="H6658" s="235">
        <f t="shared" si="1539"/>
        <v>0.53828806475446889</v>
      </c>
      <c r="I6658" s="236">
        <f t="shared" si="1540"/>
        <v>20.483781485294649</v>
      </c>
      <c r="J6658" s="237">
        <f t="shared" si="1545"/>
        <v>10.483781485294649</v>
      </c>
      <c r="K6658" s="237">
        <f t="shared" si="1541"/>
        <v>1355.5347235708587</v>
      </c>
      <c r="L6658" s="237">
        <f t="shared" si="1546"/>
        <v>693.84811004125584</v>
      </c>
      <c r="M6658" s="236">
        <f t="shared" si="1542"/>
        <v>39.868070368865531</v>
      </c>
      <c r="N6658" s="236">
        <f t="shared" si="1543"/>
        <v>0.56466569472986317</v>
      </c>
      <c r="O6658" s="236">
        <f t="shared" si="1547"/>
        <v>2.1068793546202427</v>
      </c>
      <c r="P6658" s="236" t="str">
        <f t="shared" si="1548"/>
        <v>SAND</v>
      </c>
      <c r="Q6658" s="236" t="e">
        <f t="shared" si="1544"/>
        <v>#N/A</v>
      </c>
      <c r="R6658" s="238">
        <v>35</v>
      </c>
      <c r="S6658" s="236" t="e">
        <f t="shared" si="1549"/>
        <v>#N/A</v>
      </c>
      <c r="T6658" s="236">
        <f t="shared" si="1536"/>
        <v>35.206877377519014</v>
      </c>
    </row>
    <row r="6659" spans="2:20" x14ac:dyDescent="0.2">
      <c r="B6659" s="239">
        <v>66.192999999999998</v>
      </c>
      <c r="C6659" s="3">
        <f t="shared" si="1537"/>
        <v>66.185999999999993</v>
      </c>
      <c r="D6659" s="239">
        <v>28.866199999999999</v>
      </c>
      <c r="E6659" s="239">
        <v>0.1623</v>
      </c>
      <c r="F6659" s="239">
        <v>0.60170000000000001</v>
      </c>
      <c r="G6659">
        <f t="shared" si="1538"/>
        <v>28.986539999999998</v>
      </c>
      <c r="H6659" s="235">
        <f t="shared" si="1539"/>
        <v>0.55991505022676047</v>
      </c>
      <c r="I6659" s="236">
        <f t="shared" si="1540"/>
        <v>20.528279798620424</v>
      </c>
      <c r="J6659" s="237">
        <f t="shared" si="1545"/>
        <v>10.528279798620424</v>
      </c>
      <c r="K6659" s="237">
        <f t="shared" si="1541"/>
        <v>1358.6847267514913</v>
      </c>
      <c r="L6659" s="237">
        <f t="shared" si="1546"/>
        <v>696.89842471008171</v>
      </c>
      <c r="M6659" s="236">
        <f t="shared" si="1542"/>
        <v>39.644020267002368</v>
      </c>
      <c r="N6659" s="236">
        <f t="shared" si="1543"/>
        <v>0.58745059431794489</v>
      </c>
      <c r="O6659" s="236">
        <f t="shared" si="1547"/>
        <v>2.1170222219732584</v>
      </c>
      <c r="P6659" s="236" t="str">
        <f t="shared" si="1548"/>
        <v>SAND</v>
      </c>
      <c r="Q6659" s="236" t="e">
        <f t="shared" si="1544"/>
        <v>#N/A</v>
      </c>
      <c r="R6659" s="238">
        <v>35</v>
      </c>
      <c r="S6659" s="236" t="e">
        <f t="shared" si="1549"/>
        <v>#N/A</v>
      </c>
      <c r="T6659" s="236">
        <f t="shared" si="1536"/>
        <v>35.179954584361113</v>
      </c>
    </row>
    <row r="6660" spans="2:20" x14ac:dyDescent="0.2">
      <c r="B6660" s="239">
        <v>66.248999999999995</v>
      </c>
      <c r="C6660" s="3">
        <f t="shared" si="1537"/>
        <v>66.24199999999999</v>
      </c>
      <c r="D6660" s="239">
        <v>27.9024</v>
      </c>
      <c r="E6660" s="239">
        <v>0.11990000000000001</v>
      </c>
      <c r="F6660" s="239">
        <v>0.60250000000000004</v>
      </c>
      <c r="G6660">
        <f t="shared" si="1538"/>
        <v>28.0229</v>
      </c>
      <c r="H6660" s="235">
        <f t="shared" si="1539"/>
        <v>0.4278643537963594</v>
      </c>
      <c r="I6660" s="236">
        <f t="shared" si="1540"/>
        <v>20.160016618065406</v>
      </c>
      <c r="J6660" s="237">
        <f t="shared" si="1545"/>
        <v>10.160016618065406</v>
      </c>
      <c r="K6660" s="237">
        <f t="shared" si="1541"/>
        <v>1335.4398208138884</v>
      </c>
      <c r="L6660" s="237">
        <f t="shared" si="1546"/>
        <v>673.09094093021497</v>
      </c>
      <c r="M6660" s="236">
        <f t="shared" si="1542"/>
        <v>39.649115084365739</v>
      </c>
      <c r="N6660" s="236">
        <f t="shared" si="1543"/>
        <v>0.44927467505323537</v>
      </c>
      <c r="O6660" s="236">
        <f t="shared" si="1547"/>
        <v>2.0651360531335863</v>
      </c>
      <c r="P6660" s="236" t="str">
        <f t="shared" si="1548"/>
        <v>SAND</v>
      </c>
      <c r="Q6660" s="236" t="e">
        <f t="shared" si="1544"/>
        <v>#N/A</v>
      </c>
      <c r="R6660" s="238">
        <v>35</v>
      </c>
      <c r="S6660" s="236" t="e">
        <f t="shared" si="1549"/>
        <v>#N/A</v>
      </c>
      <c r="T6660" s="236">
        <f t="shared" si="1536"/>
        <v>35.180568487737865</v>
      </c>
    </row>
    <row r="6661" spans="2:20" x14ac:dyDescent="0.2">
      <c r="B6661" s="239">
        <v>66.259</v>
      </c>
      <c r="C6661" s="3">
        <f t="shared" si="1537"/>
        <v>66.251999999999995</v>
      </c>
      <c r="D6661" s="239">
        <v>27.718699999999998</v>
      </c>
      <c r="E6661" s="239">
        <v>0.1119</v>
      </c>
      <c r="F6661" s="239">
        <v>0.60589999999999999</v>
      </c>
      <c r="G6661">
        <f t="shared" si="1538"/>
        <v>27.839879999999997</v>
      </c>
      <c r="H6661" s="235">
        <f t="shared" si="1539"/>
        <v>0.40194138767839521</v>
      </c>
      <c r="I6661" s="236">
        <f t="shared" si="1540"/>
        <v>20.076484911086997</v>
      </c>
      <c r="J6661" s="237">
        <f t="shared" si="1545"/>
        <v>10.076484911086997</v>
      </c>
      <c r="K6661" s="237">
        <f t="shared" si="1541"/>
        <v>1330.1072783293357</v>
      </c>
      <c r="L6661" s="237">
        <f t="shared" si="1546"/>
        <v>667.65781372371328</v>
      </c>
      <c r="M6661" s="236">
        <f t="shared" si="1542"/>
        <v>39.705627908131994</v>
      </c>
      <c r="N6661" s="236">
        <f t="shared" si="1543"/>
        <v>0.42210848495327269</v>
      </c>
      <c r="O6661" s="236">
        <f t="shared" si="1547"/>
        <v>2.0532745702129369</v>
      </c>
      <c r="P6661" s="236" t="str">
        <f t="shared" si="1548"/>
        <v>SAND</v>
      </c>
      <c r="Q6661" s="236" t="e">
        <f t="shared" si="1544"/>
        <v>#N/A</v>
      </c>
      <c r="R6661" s="238">
        <v>35</v>
      </c>
      <c r="S6661" s="236" t="e">
        <f t="shared" si="1549"/>
        <v>#N/A</v>
      </c>
      <c r="T6661" s="236">
        <f t="shared" si="1536"/>
        <v>35.187372752187919</v>
      </c>
    </row>
    <row r="6662" spans="2:20" x14ac:dyDescent="0.2">
      <c r="B6662" s="239">
        <v>66.269000000000005</v>
      </c>
      <c r="C6662" s="3">
        <f t="shared" si="1537"/>
        <v>66.262</v>
      </c>
      <c r="D6662" s="239">
        <v>27.722899999999999</v>
      </c>
      <c r="E6662" s="239">
        <v>0.10050000000000001</v>
      </c>
      <c r="F6662" s="239">
        <v>0.59640000000000004</v>
      </c>
      <c r="G6662">
        <f t="shared" si="1538"/>
        <v>27.842179999999999</v>
      </c>
      <c r="H6662" s="235">
        <f t="shared" si="1539"/>
        <v>0.36096311423889943</v>
      </c>
      <c r="I6662" s="236">
        <f t="shared" si="1540"/>
        <v>19.950524334300695</v>
      </c>
      <c r="J6662" s="237">
        <f t="shared" si="1545"/>
        <v>9.9505243343006953</v>
      </c>
      <c r="K6662" s="237">
        <f t="shared" si="1541"/>
        <v>1321.9616434394327</v>
      </c>
      <c r="L6662" s="237">
        <f t="shared" si="1546"/>
        <v>659.41129710977282</v>
      </c>
      <c r="M6662" s="236">
        <f t="shared" si="1542"/>
        <v>40.218022458516842</v>
      </c>
      <c r="N6662" s="236">
        <f t="shared" si="1543"/>
        <v>0.37895615582342418</v>
      </c>
      <c r="O6662" s="236">
        <f t="shared" si="1547"/>
        <v>2.0293177217130136</v>
      </c>
      <c r="P6662" s="236" t="str">
        <f t="shared" si="1548"/>
        <v>SAND</v>
      </c>
      <c r="Q6662" s="236" t="e">
        <f t="shared" si="1544"/>
        <v>#N/A</v>
      </c>
      <c r="R6662" s="238">
        <v>35</v>
      </c>
      <c r="S6662" s="236" t="e">
        <f t="shared" si="1549"/>
        <v>#N/A</v>
      </c>
      <c r="T6662" s="236">
        <f t="shared" si="1536"/>
        <v>35.248627835254069</v>
      </c>
    </row>
    <row r="6663" spans="2:20" x14ac:dyDescent="0.2">
      <c r="B6663" s="239">
        <v>66.28</v>
      </c>
      <c r="C6663" s="3">
        <f t="shared" si="1537"/>
        <v>66.272999999999996</v>
      </c>
      <c r="D6663" s="239">
        <v>27.6783</v>
      </c>
      <c r="E6663" s="239">
        <v>0.1052</v>
      </c>
      <c r="F6663" s="239">
        <v>0.51270000000000004</v>
      </c>
      <c r="G6663">
        <f t="shared" si="1538"/>
        <v>27.780840000000001</v>
      </c>
      <c r="H6663" s="235">
        <f t="shared" si="1539"/>
        <v>0.37867825450922288</v>
      </c>
      <c r="I6663" s="236">
        <f t="shared" si="1540"/>
        <v>20.003256387786198</v>
      </c>
      <c r="J6663" s="237">
        <f t="shared" si="1545"/>
        <v>10.003256387786198</v>
      </c>
      <c r="K6663" s="237">
        <f t="shared" si="1541"/>
        <v>1325.6758105877545</v>
      </c>
      <c r="L6663" s="237">
        <f t="shared" si="1546"/>
        <v>663.01583338246928</v>
      </c>
      <c r="M6663" s="236">
        <f t="shared" si="1542"/>
        <v>39.901255531783413</v>
      </c>
      <c r="N6663" s="236">
        <f t="shared" si="1543"/>
        <v>0.39765392967057306</v>
      </c>
      <c r="O6663" s="236">
        <f t="shared" si="1547"/>
        <v>2.0407841961531714</v>
      </c>
      <c r="P6663" s="236" t="str">
        <f t="shared" si="1548"/>
        <v>SAND</v>
      </c>
      <c r="Q6663" s="236" t="e">
        <f t="shared" si="1544"/>
        <v>#N/A</v>
      </c>
      <c r="R6663" s="238">
        <v>35</v>
      </c>
      <c r="S6663" s="236" t="e">
        <f t="shared" si="1549"/>
        <v>#N/A</v>
      </c>
      <c r="T6663" s="236">
        <f t="shared" si="1536"/>
        <v>35.210852175396639</v>
      </c>
    </row>
    <row r="6664" spans="2:20" x14ac:dyDescent="0.2">
      <c r="B6664" s="239">
        <v>66.289000000000001</v>
      </c>
      <c r="C6664" s="3">
        <f t="shared" si="1537"/>
        <v>66.281999999999996</v>
      </c>
      <c r="D6664" s="239">
        <v>27.8324</v>
      </c>
      <c r="E6664" s="239">
        <v>0.1065</v>
      </c>
      <c r="F6664" s="239">
        <v>0.46</v>
      </c>
      <c r="G6664">
        <f t="shared" si="1538"/>
        <v>27.924399999999999</v>
      </c>
      <c r="H6664" s="235">
        <f t="shared" si="1539"/>
        <v>0.38138688745326671</v>
      </c>
      <c r="I6664" s="236">
        <f t="shared" si="1540"/>
        <v>20.019672460718585</v>
      </c>
      <c r="J6664" s="237">
        <f t="shared" si="1545"/>
        <v>10.019672460718585</v>
      </c>
      <c r="K6664" s="237">
        <f t="shared" si="1541"/>
        <v>1326.9439300413492</v>
      </c>
      <c r="L6664" s="237">
        <f t="shared" si="1546"/>
        <v>664.1940677485743</v>
      </c>
      <c r="M6664" s="236">
        <f t="shared" si="1542"/>
        <v>40.044705849476081</v>
      </c>
      <c r="N6664" s="236">
        <f t="shared" si="1543"/>
        <v>0.40041423405259369</v>
      </c>
      <c r="O6664" s="236">
        <f t="shared" si="1547"/>
        <v>2.0405660156126437</v>
      </c>
      <c r="P6664" s="236" t="str">
        <f t="shared" si="1548"/>
        <v>SAND</v>
      </c>
      <c r="Q6664" s="236" t="e">
        <f t="shared" si="1544"/>
        <v>#N/A</v>
      </c>
      <c r="R6664" s="238">
        <v>35</v>
      </c>
      <c r="S6664" s="236" t="e">
        <f t="shared" si="1549"/>
        <v>#N/A</v>
      </c>
      <c r="T6664" s="236">
        <f t="shared" si="1536"/>
        <v>35.227996186652447</v>
      </c>
    </row>
    <row r="6665" spans="2:20" x14ac:dyDescent="0.2">
      <c r="B6665" s="239">
        <v>66.301000000000002</v>
      </c>
      <c r="C6665" s="3">
        <f t="shared" si="1537"/>
        <v>66.293999999999997</v>
      </c>
      <c r="D6665" s="239">
        <v>27.524699999999999</v>
      </c>
      <c r="E6665" s="239">
        <v>0.1123</v>
      </c>
      <c r="F6665" s="239">
        <v>0.45500000000000002</v>
      </c>
      <c r="G6665">
        <f t="shared" si="1538"/>
        <v>27.6157</v>
      </c>
      <c r="H6665" s="235">
        <f t="shared" si="1539"/>
        <v>0.40665273739213559</v>
      </c>
      <c r="I6665" s="236">
        <f t="shared" si="1540"/>
        <v>20.077508846825477</v>
      </c>
      <c r="J6665" s="237">
        <f t="shared" si="1545"/>
        <v>10.077508846825477</v>
      </c>
      <c r="K6665" s="237">
        <f t="shared" si="1541"/>
        <v>1331.0183714914481</v>
      </c>
      <c r="L6665" s="237">
        <f t="shared" si="1546"/>
        <v>668.14891405337596</v>
      </c>
      <c r="M6665" s="236">
        <f t="shared" si="1542"/>
        <v>39.339556011624026</v>
      </c>
      <c r="N6665" s="236">
        <f t="shared" si="1543"/>
        <v>0.42724504556371962</v>
      </c>
      <c r="O6665" s="236">
        <f t="shared" si="1547"/>
        <v>2.059105629719947</v>
      </c>
      <c r="P6665" s="236" t="str">
        <f t="shared" si="1548"/>
        <v>SAND</v>
      </c>
      <c r="Q6665" s="236" t="e">
        <f t="shared" si="1544"/>
        <v>#N/A</v>
      </c>
      <c r="R6665" s="238">
        <v>35</v>
      </c>
      <c r="S6665" s="236" t="e">
        <f t="shared" si="1549"/>
        <v>#N/A</v>
      </c>
      <c r="T6665" s="236">
        <f t="shared" si="1536"/>
        <v>35.143123995537294</v>
      </c>
    </row>
    <row r="6666" spans="2:20" x14ac:dyDescent="0.2">
      <c r="B6666" s="239">
        <v>66.311000000000007</v>
      </c>
      <c r="C6666" s="3">
        <f t="shared" si="1537"/>
        <v>66.304000000000002</v>
      </c>
      <c r="D6666" s="239">
        <v>27.554099999999998</v>
      </c>
      <c r="E6666" s="239">
        <v>0.122</v>
      </c>
      <c r="F6666" s="239">
        <v>0.53439999999999999</v>
      </c>
      <c r="G6666">
        <f t="shared" si="1538"/>
        <v>27.660979999999999</v>
      </c>
      <c r="H6666" s="235">
        <f t="shared" si="1539"/>
        <v>0.44105451072232443</v>
      </c>
      <c r="I6666" s="236">
        <f t="shared" si="1540"/>
        <v>20.175295403590706</v>
      </c>
      <c r="J6666" s="237">
        <f t="shared" si="1545"/>
        <v>10.175295403590706</v>
      </c>
      <c r="K6666" s="237">
        <f t="shared" si="1541"/>
        <v>1337.7027864396782</v>
      </c>
      <c r="L6666" s="237">
        <f t="shared" si="1546"/>
        <v>674.73401350750339</v>
      </c>
      <c r="M6666" s="236">
        <f t="shared" si="1542"/>
        <v>39.012820884370008</v>
      </c>
      <c r="N6666" s="236">
        <f t="shared" si="1543"/>
        <v>0.46346812750637384</v>
      </c>
      <c r="O6666" s="236">
        <f t="shared" si="1547"/>
        <v>2.0772320581086205</v>
      </c>
      <c r="P6666" s="236" t="str">
        <f t="shared" si="1548"/>
        <v>SAND</v>
      </c>
      <c r="Q6666" s="236" t="e">
        <f t="shared" si="1544"/>
        <v>#N/A</v>
      </c>
      <c r="R6666" s="238">
        <v>35</v>
      </c>
      <c r="S6666" s="236" t="e">
        <f t="shared" si="1549"/>
        <v>#N/A</v>
      </c>
      <c r="T6666" s="236">
        <f t="shared" si="1536"/>
        <v>35.103280891841926</v>
      </c>
    </row>
    <row r="6667" spans="2:20" x14ac:dyDescent="0.2">
      <c r="B6667" s="239">
        <v>66.319999999999993</v>
      </c>
      <c r="C6667" s="3">
        <f t="shared" si="1537"/>
        <v>66.312999999999988</v>
      </c>
      <c r="D6667" s="239">
        <v>27.198</v>
      </c>
      <c r="E6667" s="239">
        <v>0.1227</v>
      </c>
      <c r="F6667" s="239">
        <v>0.48620000000000002</v>
      </c>
      <c r="G6667">
        <f t="shared" si="1538"/>
        <v>27.29524</v>
      </c>
      <c r="H6667" s="235">
        <f t="shared" si="1539"/>
        <v>0.44952892885352908</v>
      </c>
      <c r="I6667" s="236">
        <f t="shared" si="1540"/>
        <v>20.176801599313642</v>
      </c>
      <c r="J6667" s="237">
        <f t="shared" si="1545"/>
        <v>10.176801599313642</v>
      </c>
      <c r="K6667" s="237">
        <f t="shared" si="1541"/>
        <v>1337.9842444552853</v>
      </c>
      <c r="L6667" s="237">
        <f t="shared" si="1546"/>
        <v>674.92548206648064</v>
      </c>
      <c r="M6667" s="236">
        <f t="shared" si="1542"/>
        <v>38.459439516298936</v>
      </c>
      <c r="N6667" s="236">
        <f t="shared" si="1543"/>
        <v>0.47270020049708122</v>
      </c>
      <c r="O6667" s="236">
        <f t="shared" si="1547"/>
        <v>2.0865036795718535</v>
      </c>
      <c r="P6667" s="236" t="str">
        <f t="shared" si="1548"/>
        <v>SAND</v>
      </c>
      <c r="Q6667" s="236" t="e">
        <f t="shared" si="1544"/>
        <v>#N/A</v>
      </c>
      <c r="R6667" s="238">
        <v>35</v>
      </c>
      <c r="S6667" s="236" t="e">
        <f t="shared" si="1549"/>
        <v>#N/A</v>
      </c>
      <c r="T6667" s="236">
        <f t="shared" si="1536"/>
        <v>35.035032458951136</v>
      </c>
    </row>
    <row r="6668" spans="2:20" x14ac:dyDescent="0.2">
      <c r="B6668" s="239">
        <v>66.331000000000003</v>
      </c>
      <c r="C6668" s="3">
        <f t="shared" si="1537"/>
        <v>66.323999999999998</v>
      </c>
      <c r="D6668" s="239">
        <v>26.838699999999999</v>
      </c>
      <c r="E6668" s="239">
        <v>0.1166</v>
      </c>
      <c r="F6668" s="239">
        <v>0.47770000000000001</v>
      </c>
      <c r="G6668">
        <f t="shared" si="1538"/>
        <v>26.934239999999999</v>
      </c>
      <c r="H6668" s="235">
        <f t="shared" si="1539"/>
        <v>0.43290621899856835</v>
      </c>
      <c r="I6668" s="236">
        <f t="shared" si="1540"/>
        <v>20.111803393585358</v>
      </c>
      <c r="J6668" s="237">
        <f t="shared" si="1545"/>
        <v>10.111803393585358</v>
      </c>
      <c r="K6668" s="237">
        <f t="shared" si="1541"/>
        <v>1333.8952482761551</v>
      </c>
      <c r="L6668" s="237">
        <f t="shared" si="1546"/>
        <v>670.72603089991037</v>
      </c>
      <c r="M6668" s="236">
        <f t="shared" si="1542"/>
        <v>38.168109738302483</v>
      </c>
      <c r="N6668" s="236">
        <f t="shared" si="1543"/>
        <v>0.45546261634679169</v>
      </c>
      <c r="O6668" s="236">
        <f t="shared" si="1547"/>
        <v>2.0826314213654955</v>
      </c>
      <c r="P6668" s="236" t="str">
        <f t="shared" si="1548"/>
        <v>SAND</v>
      </c>
      <c r="Q6668" s="236" t="e">
        <f t="shared" si="1544"/>
        <v>#N/A</v>
      </c>
      <c r="R6668" s="238">
        <v>35</v>
      </c>
      <c r="S6668" s="236" t="e">
        <f t="shared" si="1549"/>
        <v>#N/A</v>
      </c>
      <c r="T6668" s="236">
        <f t="shared" si="1536"/>
        <v>34.998707174266485</v>
      </c>
    </row>
    <row r="6669" spans="2:20" x14ac:dyDescent="0.2">
      <c r="B6669" s="239">
        <v>66.340999999999994</v>
      </c>
      <c r="C6669" s="3">
        <f t="shared" si="1537"/>
        <v>66.333999999999989</v>
      </c>
      <c r="D6669" s="239">
        <v>26.467400000000001</v>
      </c>
      <c r="E6669" s="239">
        <v>0.11409999999999999</v>
      </c>
      <c r="F6669" s="239">
        <v>0.48770000000000002</v>
      </c>
      <c r="G6669">
        <f t="shared" si="1538"/>
        <v>26.56494</v>
      </c>
      <c r="H6669" s="235">
        <f t="shared" si="1539"/>
        <v>0.42951348657290395</v>
      </c>
      <c r="I6669" s="236">
        <f t="shared" si="1540"/>
        <v>20.080992249719802</v>
      </c>
      <c r="J6669" s="237">
        <f t="shared" si="1545"/>
        <v>10.080992249719802</v>
      </c>
      <c r="K6669" s="237">
        <f t="shared" si="1541"/>
        <v>1332.052539892913</v>
      </c>
      <c r="L6669" s="237">
        <f t="shared" si="1546"/>
        <v>668.7831068386613</v>
      </c>
      <c r="M6669" s="236">
        <f t="shared" si="1542"/>
        <v>37.729552678719685</v>
      </c>
      <c r="N6669" s="236">
        <f t="shared" si="1543"/>
        <v>0.45218764669874117</v>
      </c>
      <c r="O6669" s="236">
        <f t="shared" si="1547"/>
        <v>2.0858660470769022</v>
      </c>
      <c r="P6669" s="236" t="str">
        <f t="shared" si="1548"/>
        <v>SAND</v>
      </c>
      <c r="Q6669" s="236" t="e">
        <f t="shared" si="1544"/>
        <v>#N/A</v>
      </c>
      <c r="R6669" s="238">
        <v>35</v>
      </c>
      <c r="S6669" s="236" t="e">
        <f t="shared" si="1549"/>
        <v>#N/A</v>
      </c>
      <c r="T6669" s="236">
        <f t="shared" ref="T6669:T6732" si="1550">IF(P6669="SAND",17.6+(11*LOG(M6669)),#N/A)</f>
        <v>34.943498218635057</v>
      </c>
    </row>
    <row r="6670" spans="2:20" x14ac:dyDescent="0.2">
      <c r="B6670" s="239">
        <v>66.352000000000004</v>
      </c>
      <c r="C6670" s="3">
        <f t="shared" ref="C6670:C6733" si="1551">MAX($B6670 - $B$13, 0.001)</f>
        <v>66.344999999999999</v>
      </c>
      <c r="D6670" s="239">
        <v>26.0943</v>
      </c>
      <c r="E6670" s="239">
        <v>0.1134</v>
      </c>
      <c r="F6670" s="239">
        <v>0.52639999999999998</v>
      </c>
      <c r="G6670">
        <f t="shared" si="1538"/>
        <v>26.199580000000001</v>
      </c>
      <c r="H6670" s="235">
        <f t="shared" si="1539"/>
        <v>0.43283136599899691</v>
      </c>
      <c r="I6670" s="236">
        <f t="shared" si="1540"/>
        <v>20.068363198048282</v>
      </c>
      <c r="J6670" s="237">
        <f t="shared" si="1545"/>
        <v>10.068363198048282</v>
      </c>
      <c r="K6670" s="237">
        <f t="shared" si="1541"/>
        <v>1331.4355563745132</v>
      </c>
      <c r="L6670" s="237">
        <f t="shared" si="1546"/>
        <v>668.05603491689965</v>
      </c>
      <c r="M6670" s="236">
        <f t="shared" si="1542"/>
        <v>37.22463856900697</v>
      </c>
      <c r="N6670" s="236">
        <f t="shared" si="1543"/>
        <v>0.45600507209965196</v>
      </c>
      <c r="O6670" s="236">
        <f t="shared" si="1547"/>
        <v>2.0927093719662651</v>
      </c>
      <c r="P6670" s="236" t="str">
        <f t="shared" si="1548"/>
        <v>SAND</v>
      </c>
      <c r="Q6670" s="236" t="e">
        <f t="shared" si="1544"/>
        <v>#N/A</v>
      </c>
      <c r="R6670" s="238">
        <v>35</v>
      </c>
      <c r="S6670" s="236" t="e">
        <f t="shared" si="1549"/>
        <v>#N/A</v>
      </c>
      <c r="T6670" s="236">
        <f t="shared" si="1550"/>
        <v>34.879135386496387</v>
      </c>
    </row>
    <row r="6671" spans="2:20" x14ac:dyDescent="0.2">
      <c r="B6671" s="239">
        <v>66.361999999999995</v>
      </c>
      <c r="C6671" s="3">
        <f t="shared" si="1551"/>
        <v>66.35499999999999</v>
      </c>
      <c r="D6671" s="239">
        <v>25.8522</v>
      </c>
      <c r="E6671" s="239">
        <v>0.1118</v>
      </c>
      <c r="F6671" s="239">
        <v>0.58150000000000002</v>
      </c>
      <c r="G6671">
        <f t="shared" ref="G6671:G6734" si="1552">$D6671+($F6671*(1-$P$8))</f>
        <v>25.968499999999999</v>
      </c>
      <c r="H6671" s="235">
        <f t="shared" ref="H6671:H6734" si="1553">($E6671/$G6671)*100</f>
        <v>0.43052159346901053</v>
      </c>
      <c r="I6671" s="236">
        <f t="shared" ref="I6671:I6734" si="1554">((0.27*(LOG($H6671)))+(0.36*(LOG(($G6671*1000)/101)))+1.236)*10</f>
        <v>20.048238102027973</v>
      </c>
      <c r="J6671" s="237">
        <f t="shared" si="1545"/>
        <v>10.048238102027973</v>
      </c>
      <c r="K6671" s="237">
        <f t="shared" ref="K6671:K6734" si="1555">$I6671*$C6671</f>
        <v>1330.3008392600659</v>
      </c>
      <c r="L6671" s="237">
        <f t="shared" si="1546"/>
        <v>666.82117692678025</v>
      </c>
      <c r="M6671" s="236">
        <f t="shared" ref="M6671:M6734" si="1556">(($G6671*1000)-$K6671)/$L6671</f>
        <v>36.948735303056083</v>
      </c>
      <c r="N6671" s="236">
        <f t="shared" ref="N6671:N6734" si="1557">(($E6671*1000)/(($G6671*1000)-$K6671))*100</f>
        <v>0.45376693024768305</v>
      </c>
      <c r="O6671" s="236">
        <f t="shared" si="1547"/>
        <v>2.0947465716479017</v>
      </c>
      <c r="P6671" s="236" t="str">
        <f t="shared" si="1548"/>
        <v>SAND</v>
      </c>
      <c r="Q6671" s="236" t="e">
        <f t="shared" ref="Q6671:Q6734" si="1558">IF(P6671="CLAY",($G6671*1000 -$K6671)/$L$8,#N/A)</f>
        <v>#N/A</v>
      </c>
      <c r="R6671" s="238">
        <v>35</v>
      </c>
      <c r="S6671" s="236" t="e">
        <f t="shared" si="1549"/>
        <v>#N/A</v>
      </c>
      <c r="T6671" s="236">
        <f t="shared" si="1550"/>
        <v>34.843595355469787</v>
      </c>
    </row>
    <row r="6672" spans="2:20" x14ac:dyDescent="0.2">
      <c r="B6672" s="239">
        <v>66.373000000000005</v>
      </c>
      <c r="C6672" s="3">
        <f t="shared" si="1551"/>
        <v>66.366</v>
      </c>
      <c r="D6672" s="239">
        <v>25.476900000000001</v>
      </c>
      <c r="E6672" s="239">
        <v>0.1045</v>
      </c>
      <c r="F6672" s="239">
        <v>0.57150000000000001</v>
      </c>
      <c r="G6672">
        <f t="shared" si="1552"/>
        <v>25.591200000000001</v>
      </c>
      <c r="H6672" s="235">
        <f t="shared" si="1553"/>
        <v>0.40834349307574469</v>
      </c>
      <c r="I6672" s="236">
        <f t="shared" si="1554"/>
        <v>19.963338624416515</v>
      </c>
      <c r="J6672" s="237">
        <f t="shared" ref="J6672:J6735" si="1559">$I6672-10</f>
        <v>9.9633386244165152</v>
      </c>
      <c r="K6672" s="237">
        <f t="shared" si="1555"/>
        <v>1324.8869311480264</v>
      </c>
      <c r="L6672" s="237">
        <f t="shared" ref="L6672:L6735" si="1560">$J6672*$B6672</f>
        <v>661.29667451839737</v>
      </c>
      <c r="M6672" s="236">
        <f t="shared" si="1556"/>
        <v>36.695047780974257</v>
      </c>
      <c r="N6672" s="236">
        <f t="shared" si="1557"/>
        <v>0.43063814310602994</v>
      </c>
      <c r="O6672" s="236">
        <f t="shared" ref="O6672:O6735" si="1561">((3.47-LOG($M6672))^2+(LOG($N6672)+1.22)^2)^0.5</f>
        <v>2.0880682205203875</v>
      </c>
      <c r="P6672" s="236" t="str">
        <f t="shared" ref="P6672:P6735" si="1562">IF(O6672&lt;2.6,"SAND","CLAY")</f>
        <v>SAND</v>
      </c>
      <c r="Q6672" s="236" t="e">
        <f t="shared" si="1558"/>
        <v>#N/A</v>
      </c>
      <c r="R6672" s="238">
        <v>35</v>
      </c>
      <c r="S6672" s="236" t="e">
        <f t="shared" ref="S6672:S6735" si="1563">IF(P6672="SAND",#N/A,0.25*($M6672)^1.25)</f>
        <v>#N/A</v>
      </c>
      <c r="T6672" s="236">
        <f t="shared" si="1550"/>
        <v>34.810682032885367</v>
      </c>
    </row>
    <row r="6673" spans="2:20" x14ac:dyDescent="0.2">
      <c r="B6673" s="239">
        <v>66.382999999999996</v>
      </c>
      <c r="C6673" s="3">
        <f t="shared" si="1551"/>
        <v>66.375999999999991</v>
      </c>
      <c r="D6673" s="239">
        <v>25.2423</v>
      </c>
      <c r="E6673" s="239">
        <v>0.10349999999999999</v>
      </c>
      <c r="F6673" s="239">
        <v>0.57540000000000002</v>
      </c>
      <c r="G6673">
        <f t="shared" si="1552"/>
        <v>25.357379999999999</v>
      </c>
      <c r="H6673" s="235">
        <f t="shared" si="1553"/>
        <v>0.40816519687759539</v>
      </c>
      <c r="I6673" s="236">
        <f t="shared" si="1554"/>
        <v>19.948475939859328</v>
      </c>
      <c r="J6673" s="237">
        <f t="shared" si="1559"/>
        <v>9.9484759398593283</v>
      </c>
      <c r="K6673" s="237">
        <f t="shared" si="1555"/>
        <v>1324.1000389841026</v>
      </c>
      <c r="L6673" s="237">
        <f t="shared" si="1560"/>
        <v>660.40967831568173</v>
      </c>
      <c r="M6673" s="236">
        <f t="shared" si="1556"/>
        <v>36.391471461034179</v>
      </c>
      <c r="N6673" s="236">
        <f t="shared" si="1557"/>
        <v>0.43065282877695493</v>
      </c>
      <c r="O6673" s="236">
        <f t="shared" si="1561"/>
        <v>2.0913669971661015</v>
      </c>
      <c r="P6673" s="236" t="str">
        <f t="shared" si="1562"/>
        <v>SAND</v>
      </c>
      <c r="Q6673" s="236" t="e">
        <f t="shared" si="1558"/>
        <v>#N/A</v>
      </c>
      <c r="R6673" s="238">
        <v>35</v>
      </c>
      <c r="S6673" s="236" t="e">
        <f t="shared" si="1563"/>
        <v>#N/A</v>
      </c>
      <c r="T6673" s="236">
        <f t="shared" si="1550"/>
        <v>34.770995779334378</v>
      </c>
    </row>
    <row r="6674" spans="2:20" x14ac:dyDescent="0.2">
      <c r="B6674" s="239">
        <v>66.393000000000001</v>
      </c>
      <c r="C6674" s="3">
        <f t="shared" si="1551"/>
        <v>66.385999999999996</v>
      </c>
      <c r="D6674" s="239">
        <v>25.079799999999999</v>
      </c>
      <c r="E6674" s="239">
        <v>0.10440000000000001</v>
      </c>
      <c r="F6674" s="239">
        <v>0.59199999999999997</v>
      </c>
      <c r="G6674">
        <f t="shared" si="1552"/>
        <v>25.1982</v>
      </c>
      <c r="H6674" s="235">
        <f t="shared" si="1553"/>
        <v>0.41431530823630264</v>
      </c>
      <c r="I6674" s="236">
        <f t="shared" si="1554"/>
        <v>19.956166967556602</v>
      </c>
      <c r="J6674" s="237">
        <f t="shared" si="1559"/>
        <v>9.9561669675566016</v>
      </c>
      <c r="K6674" s="237">
        <f t="shared" si="1555"/>
        <v>1324.8101003082124</v>
      </c>
      <c r="L6674" s="237">
        <f t="shared" si="1560"/>
        <v>661.01979347698546</v>
      </c>
      <c r="M6674" s="236">
        <f t="shared" si="1556"/>
        <v>36.115998545394511</v>
      </c>
      <c r="N6674" s="236">
        <f t="shared" si="1557"/>
        <v>0.4373069783497644</v>
      </c>
      <c r="O6674" s="236">
        <f t="shared" si="1561"/>
        <v>2.097104183572156</v>
      </c>
      <c r="P6674" s="236" t="str">
        <f t="shared" si="1562"/>
        <v>SAND</v>
      </c>
      <c r="Q6674" s="236" t="e">
        <f t="shared" si="1558"/>
        <v>#N/A</v>
      </c>
      <c r="R6674" s="238">
        <v>35</v>
      </c>
      <c r="S6674" s="236" t="e">
        <f t="shared" si="1563"/>
        <v>#N/A</v>
      </c>
      <c r="T6674" s="236">
        <f t="shared" si="1550"/>
        <v>34.734695895455602</v>
      </c>
    </row>
    <row r="6675" spans="2:20" x14ac:dyDescent="0.2">
      <c r="B6675" s="239">
        <v>66.403000000000006</v>
      </c>
      <c r="C6675" s="3">
        <f t="shared" si="1551"/>
        <v>66.396000000000001</v>
      </c>
      <c r="D6675" s="239">
        <v>24.927</v>
      </c>
      <c r="E6675" s="239">
        <v>0.1031</v>
      </c>
      <c r="F6675" s="239">
        <v>0.59440000000000004</v>
      </c>
      <c r="G6675">
        <f t="shared" si="1552"/>
        <v>25.04588</v>
      </c>
      <c r="H6675" s="235">
        <f t="shared" si="1553"/>
        <v>0.41164454992198318</v>
      </c>
      <c r="I6675" s="236">
        <f t="shared" si="1554"/>
        <v>19.939104116558163</v>
      </c>
      <c r="J6675" s="237">
        <f t="shared" si="1559"/>
        <v>9.9391041165581626</v>
      </c>
      <c r="K6675" s="237">
        <f t="shared" si="1555"/>
        <v>1323.8767569229958</v>
      </c>
      <c r="L6675" s="237">
        <f t="shared" si="1560"/>
        <v>659.98633065181173</v>
      </c>
      <c r="M6675" s="236">
        <f t="shared" si="1556"/>
        <v>35.943173580047969</v>
      </c>
      <c r="N6675" s="236">
        <f t="shared" si="1557"/>
        <v>0.43461759508058645</v>
      </c>
      <c r="O6675" s="236">
        <f t="shared" si="1561"/>
        <v>2.0979067272571879</v>
      </c>
      <c r="P6675" s="236" t="str">
        <f t="shared" si="1562"/>
        <v>SAND</v>
      </c>
      <c r="Q6675" s="236" t="e">
        <f t="shared" si="1558"/>
        <v>#N/A</v>
      </c>
      <c r="R6675" s="238">
        <v>35</v>
      </c>
      <c r="S6675" s="236" t="e">
        <f t="shared" si="1563"/>
        <v>#N/A</v>
      </c>
      <c r="T6675" s="236">
        <f t="shared" si="1550"/>
        <v>34.711780622483495</v>
      </c>
    </row>
    <row r="6676" spans="2:20" x14ac:dyDescent="0.2">
      <c r="B6676" s="239">
        <v>66.412999999999997</v>
      </c>
      <c r="C6676" s="3">
        <f t="shared" si="1551"/>
        <v>66.405999999999992</v>
      </c>
      <c r="D6676" s="239">
        <v>24.9039</v>
      </c>
      <c r="E6676" s="239">
        <v>0.10249999999999999</v>
      </c>
      <c r="F6676" s="239">
        <v>0.59260000000000002</v>
      </c>
      <c r="G6676">
        <f t="shared" si="1552"/>
        <v>25.02242</v>
      </c>
      <c r="H6676" s="235">
        <f t="shared" si="1553"/>
        <v>0.40963264144715011</v>
      </c>
      <c r="I6676" s="236">
        <f t="shared" si="1554"/>
        <v>19.931893869424599</v>
      </c>
      <c r="J6676" s="237">
        <f t="shared" si="1559"/>
        <v>9.9318938694245986</v>
      </c>
      <c r="K6676" s="237">
        <f t="shared" si="1555"/>
        <v>1323.5973442930097</v>
      </c>
      <c r="L6676" s="237">
        <f t="shared" si="1560"/>
        <v>659.60686755009579</v>
      </c>
      <c r="M6676" s="236">
        <f t="shared" si="1556"/>
        <v>35.928708176931039</v>
      </c>
      <c r="N6676" s="236">
        <f t="shared" si="1557"/>
        <v>0.43251093731154877</v>
      </c>
      <c r="O6676" s="236">
        <f t="shared" si="1561"/>
        <v>2.0972040634026134</v>
      </c>
      <c r="P6676" s="236" t="str">
        <f t="shared" si="1562"/>
        <v>SAND</v>
      </c>
      <c r="Q6676" s="236" t="e">
        <f t="shared" si="1558"/>
        <v>#N/A</v>
      </c>
      <c r="R6676" s="238">
        <v>35</v>
      </c>
      <c r="S6676" s="236" t="e">
        <f t="shared" si="1563"/>
        <v>#N/A</v>
      </c>
      <c r="T6676" s="236">
        <f t="shared" si="1550"/>
        <v>34.709857625853445</v>
      </c>
    </row>
    <row r="6677" spans="2:20" x14ac:dyDescent="0.2">
      <c r="B6677" s="239">
        <v>66.424000000000007</v>
      </c>
      <c r="C6677" s="3">
        <f t="shared" si="1551"/>
        <v>66.417000000000002</v>
      </c>
      <c r="D6677" s="239">
        <v>25.106999999999999</v>
      </c>
      <c r="E6677" s="239">
        <v>0.10340000000000001</v>
      </c>
      <c r="F6677" s="239">
        <v>0.60780000000000001</v>
      </c>
      <c r="G6677">
        <f t="shared" si="1552"/>
        <v>25.228559999999998</v>
      </c>
      <c r="H6677" s="235">
        <f t="shared" si="1553"/>
        <v>0.40985296029579182</v>
      </c>
      <c r="I6677" s="236">
        <f t="shared" si="1554"/>
        <v>19.945351725271102</v>
      </c>
      <c r="J6677" s="237">
        <f t="shared" si="1559"/>
        <v>9.9453517252711023</v>
      </c>
      <c r="K6677" s="237">
        <f t="shared" si="1555"/>
        <v>1324.7104255373308</v>
      </c>
      <c r="L6677" s="237">
        <f t="shared" si="1560"/>
        <v>660.61004299940782</v>
      </c>
      <c r="M6677" s="236">
        <f t="shared" si="1556"/>
        <v>36.184508285600032</v>
      </c>
      <c r="N6677" s="236">
        <f t="shared" si="1557"/>
        <v>0.43256630978160898</v>
      </c>
      <c r="O6677" s="236">
        <f t="shared" si="1561"/>
        <v>2.0944144225780752</v>
      </c>
      <c r="P6677" s="236" t="str">
        <f t="shared" si="1562"/>
        <v>SAND</v>
      </c>
      <c r="Q6677" s="236" t="e">
        <f t="shared" si="1558"/>
        <v>#N/A</v>
      </c>
      <c r="R6677" s="238">
        <v>35</v>
      </c>
      <c r="S6677" s="236" t="e">
        <f t="shared" si="1563"/>
        <v>#N/A</v>
      </c>
      <c r="T6677" s="236">
        <f t="shared" si="1550"/>
        <v>34.743749428707517</v>
      </c>
    </row>
    <row r="6678" spans="2:20" x14ac:dyDescent="0.2">
      <c r="B6678" s="239">
        <v>66.433999999999997</v>
      </c>
      <c r="C6678" s="3">
        <f t="shared" si="1551"/>
        <v>66.426999999999992</v>
      </c>
      <c r="D6678" s="239">
        <v>25.507200000000001</v>
      </c>
      <c r="E6678" s="239">
        <v>9.9599999999999994E-2</v>
      </c>
      <c r="F6678" s="239">
        <v>0.6139</v>
      </c>
      <c r="G6678">
        <f t="shared" si="1552"/>
        <v>25.62998</v>
      </c>
      <c r="H6678" s="235">
        <f t="shared" si="1553"/>
        <v>0.3886074042976233</v>
      </c>
      <c r="I6678" s="236">
        <f t="shared" si="1554"/>
        <v>19.907616708686295</v>
      </c>
      <c r="J6678" s="237">
        <f t="shared" si="1559"/>
        <v>9.9076167086862945</v>
      </c>
      <c r="K6678" s="237">
        <f t="shared" si="1555"/>
        <v>1322.4032551079044</v>
      </c>
      <c r="L6678" s="237">
        <f t="shared" si="1560"/>
        <v>658.20260842486528</v>
      </c>
      <c r="M6678" s="236">
        <f t="shared" si="1556"/>
        <v>36.930234602172412</v>
      </c>
      <c r="N6678" s="236">
        <f t="shared" si="1557"/>
        <v>0.40974878345670374</v>
      </c>
      <c r="O6678" s="236">
        <f t="shared" si="1561"/>
        <v>2.076786141193939</v>
      </c>
      <c r="P6678" s="236" t="str">
        <f t="shared" si="1562"/>
        <v>SAND</v>
      </c>
      <c r="Q6678" s="236" t="e">
        <f t="shared" si="1558"/>
        <v>#N/A</v>
      </c>
      <c r="R6678" s="238">
        <v>35</v>
      </c>
      <c r="S6678" s="236" t="e">
        <f t="shared" si="1563"/>
        <v>#N/A</v>
      </c>
      <c r="T6678" s="236">
        <f t="shared" si="1550"/>
        <v>34.841202732039406</v>
      </c>
    </row>
    <row r="6679" spans="2:20" x14ac:dyDescent="0.2">
      <c r="B6679" s="239">
        <v>66.442999999999998</v>
      </c>
      <c r="C6679" s="3">
        <f t="shared" si="1551"/>
        <v>66.435999999999993</v>
      </c>
      <c r="D6679" s="239">
        <v>25.8353</v>
      </c>
      <c r="E6679" s="239">
        <v>0.1074</v>
      </c>
      <c r="F6679" s="239">
        <v>0.60340000000000005</v>
      </c>
      <c r="G6679">
        <f t="shared" si="1552"/>
        <v>25.95598</v>
      </c>
      <c r="H6679" s="235">
        <f t="shared" si="1553"/>
        <v>0.41377748017990457</v>
      </c>
      <c r="I6679" s="236">
        <f t="shared" si="1554"/>
        <v>20.000968301826873</v>
      </c>
      <c r="J6679" s="237">
        <f t="shared" si="1559"/>
        <v>10.000968301826873</v>
      </c>
      <c r="K6679" s="237">
        <f t="shared" si="1555"/>
        <v>1328.7843301001701</v>
      </c>
      <c r="L6679" s="237">
        <f t="shared" si="1560"/>
        <v>664.49433687828287</v>
      </c>
      <c r="M6679" s="236">
        <f t="shared" si="1556"/>
        <v>37.061558395810458</v>
      </c>
      <c r="N6679" s="236">
        <f t="shared" si="1557"/>
        <v>0.4361032471564264</v>
      </c>
      <c r="O6679" s="236">
        <f t="shared" si="1561"/>
        <v>2.0863808343074877</v>
      </c>
      <c r="P6679" s="236" t="str">
        <f t="shared" si="1562"/>
        <v>SAND</v>
      </c>
      <c r="Q6679" s="236" t="e">
        <f t="shared" si="1558"/>
        <v>#N/A</v>
      </c>
      <c r="R6679" s="238">
        <v>35</v>
      </c>
      <c r="S6679" s="236" t="e">
        <f t="shared" si="1563"/>
        <v>#N/A</v>
      </c>
      <c r="T6679" s="236">
        <f t="shared" si="1550"/>
        <v>34.858160446441097</v>
      </c>
    </row>
    <row r="6680" spans="2:20" x14ac:dyDescent="0.2">
      <c r="B6680" s="239">
        <v>66.454999999999998</v>
      </c>
      <c r="C6680" s="3">
        <f t="shared" si="1551"/>
        <v>66.447999999999993</v>
      </c>
      <c r="D6680" s="239">
        <v>26.075800000000001</v>
      </c>
      <c r="E6680" s="239">
        <v>0.10539999999999999</v>
      </c>
      <c r="F6680" s="239">
        <v>0.59730000000000005</v>
      </c>
      <c r="G6680">
        <f t="shared" si="1552"/>
        <v>26.195260000000001</v>
      </c>
      <c r="H6680" s="235">
        <f t="shared" si="1553"/>
        <v>0.40236287022919415</v>
      </c>
      <c r="I6680" s="236">
        <f t="shared" si="1554"/>
        <v>19.982513145789113</v>
      </c>
      <c r="J6680" s="237">
        <f t="shared" si="1559"/>
        <v>9.9825131457891132</v>
      </c>
      <c r="K6680" s="237">
        <f t="shared" si="1555"/>
        <v>1327.7980335113948</v>
      </c>
      <c r="L6680" s="237">
        <f t="shared" si="1560"/>
        <v>663.38791110341549</v>
      </c>
      <c r="M6680" s="236">
        <f t="shared" si="1556"/>
        <v>37.48555189244626</v>
      </c>
      <c r="N6680" s="236">
        <f t="shared" si="1557"/>
        <v>0.42384703409635061</v>
      </c>
      <c r="O6680" s="236">
        <f t="shared" si="1561"/>
        <v>2.0767993200814145</v>
      </c>
      <c r="P6680" s="236" t="str">
        <f t="shared" si="1562"/>
        <v>SAND</v>
      </c>
      <c r="Q6680" s="236" t="e">
        <f t="shared" si="1558"/>
        <v>#N/A</v>
      </c>
      <c r="R6680" s="238">
        <v>35</v>
      </c>
      <c r="S6680" s="236" t="e">
        <f t="shared" si="1563"/>
        <v>#N/A</v>
      </c>
      <c r="T6680" s="236">
        <f t="shared" si="1550"/>
        <v>34.912503001880744</v>
      </c>
    </row>
    <row r="6681" spans="2:20" x14ac:dyDescent="0.2">
      <c r="B6681" s="239">
        <v>66.465000000000003</v>
      </c>
      <c r="C6681" s="3">
        <f t="shared" si="1551"/>
        <v>66.457999999999998</v>
      </c>
      <c r="D6681" s="239">
        <v>26.2241</v>
      </c>
      <c r="E6681" s="239">
        <v>0.10489999999999999</v>
      </c>
      <c r="F6681" s="239">
        <v>0.60289999999999999</v>
      </c>
      <c r="G6681">
        <f t="shared" si="1552"/>
        <v>26.34468</v>
      </c>
      <c r="H6681" s="235">
        <f t="shared" si="1553"/>
        <v>0.39818285893015204</v>
      </c>
      <c r="I6681" s="236">
        <f t="shared" si="1554"/>
        <v>19.979160507445265</v>
      </c>
      <c r="J6681" s="237">
        <f t="shared" si="1559"/>
        <v>9.9791605074452647</v>
      </c>
      <c r="K6681" s="237">
        <f t="shared" si="1555"/>
        <v>1327.7750490037974</v>
      </c>
      <c r="L6681" s="237">
        <f t="shared" si="1560"/>
        <v>663.2649031273495</v>
      </c>
      <c r="M6681" s="236">
        <f t="shared" si="1556"/>
        <v>37.71781807395417</v>
      </c>
      <c r="N6681" s="236">
        <f t="shared" si="1557"/>
        <v>0.41931645903232628</v>
      </c>
      <c r="O6681" s="236">
        <f t="shared" si="1561"/>
        <v>2.0724485020426924</v>
      </c>
      <c r="P6681" s="236" t="str">
        <f t="shared" si="1562"/>
        <v>SAND</v>
      </c>
      <c r="Q6681" s="236" t="e">
        <f t="shared" si="1558"/>
        <v>#N/A</v>
      </c>
      <c r="R6681" s="238">
        <v>35</v>
      </c>
      <c r="S6681" s="236" t="e">
        <f t="shared" si="1563"/>
        <v>#N/A</v>
      </c>
      <c r="T6681" s="236">
        <f t="shared" si="1550"/>
        <v>34.942012175716414</v>
      </c>
    </row>
    <row r="6682" spans="2:20" x14ac:dyDescent="0.2">
      <c r="B6682" s="239">
        <v>66.474000000000004</v>
      </c>
      <c r="C6682" s="3">
        <f t="shared" si="1551"/>
        <v>66.466999999999999</v>
      </c>
      <c r="D6682" s="239">
        <v>26.118200000000002</v>
      </c>
      <c r="E6682" s="239">
        <v>0.1047</v>
      </c>
      <c r="F6682" s="239">
        <v>0.61050000000000004</v>
      </c>
      <c r="G6682">
        <f t="shared" si="1552"/>
        <v>26.240300000000001</v>
      </c>
      <c r="H6682" s="235">
        <f t="shared" si="1553"/>
        <v>0.39900458455124371</v>
      </c>
      <c r="I6682" s="236">
        <f t="shared" si="1554"/>
        <v>19.97537101125441</v>
      </c>
      <c r="J6682" s="237">
        <f t="shared" si="1559"/>
        <v>9.9753710112544098</v>
      </c>
      <c r="K6682" s="237">
        <f t="shared" si="1555"/>
        <v>1327.7029850050469</v>
      </c>
      <c r="L6682" s="237">
        <f t="shared" si="1560"/>
        <v>663.10281260212571</v>
      </c>
      <c r="M6682" s="236">
        <f t="shared" si="1556"/>
        <v>37.569735102214068</v>
      </c>
      <c r="N6682" s="236">
        <f t="shared" si="1557"/>
        <v>0.42026931169392251</v>
      </c>
      <c r="O6682" s="236">
        <f t="shared" si="1561"/>
        <v>2.0744101443908511</v>
      </c>
      <c r="P6682" s="236" t="str">
        <f t="shared" si="1562"/>
        <v>SAND</v>
      </c>
      <c r="Q6682" s="236" t="e">
        <f t="shared" si="1558"/>
        <v>#N/A</v>
      </c>
      <c r="R6682" s="238">
        <v>35</v>
      </c>
      <c r="S6682" s="236" t="e">
        <f t="shared" si="1563"/>
        <v>#N/A</v>
      </c>
      <c r="T6682" s="236">
        <f t="shared" si="1550"/>
        <v>34.92321946231754</v>
      </c>
    </row>
    <row r="6683" spans="2:20" x14ac:dyDescent="0.2">
      <c r="B6683" s="239">
        <v>66.483999999999995</v>
      </c>
      <c r="C6683" s="3">
        <f t="shared" si="1551"/>
        <v>66.47699999999999</v>
      </c>
      <c r="D6683" s="239">
        <v>26.529399999999999</v>
      </c>
      <c r="E6683" s="239">
        <v>0.1071</v>
      </c>
      <c r="F6683" s="239">
        <v>0.63390000000000002</v>
      </c>
      <c r="G6683">
        <f t="shared" si="1552"/>
        <v>26.656179999999999</v>
      </c>
      <c r="H6683" s="235">
        <f t="shared" si="1553"/>
        <v>0.40178300116520821</v>
      </c>
      <c r="I6683" s="236">
        <f t="shared" si="1554"/>
        <v>20.008092746768344</v>
      </c>
      <c r="J6683" s="237">
        <f t="shared" si="1559"/>
        <v>10.008092746768344</v>
      </c>
      <c r="K6683" s="237">
        <f t="shared" si="1555"/>
        <v>1330.0779815269191</v>
      </c>
      <c r="L6683" s="237">
        <f t="shared" si="1560"/>
        <v>665.37803817614656</v>
      </c>
      <c r="M6683" s="236">
        <f t="shared" si="1556"/>
        <v>38.062726097624015</v>
      </c>
      <c r="N6683" s="236">
        <f t="shared" si="1557"/>
        <v>0.42288386867383027</v>
      </c>
      <c r="O6683" s="236">
        <f t="shared" si="1561"/>
        <v>2.0703383415875383</v>
      </c>
      <c r="P6683" s="236" t="str">
        <f t="shared" si="1562"/>
        <v>SAND</v>
      </c>
      <c r="Q6683" s="236" t="e">
        <f t="shared" si="1558"/>
        <v>#N/A</v>
      </c>
      <c r="R6683" s="238">
        <v>35</v>
      </c>
      <c r="S6683" s="236" t="e">
        <f t="shared" si="1563"/>
        <v>#N/A</v>
      </c>
      <c r="T6683" s="236">
        <f t="shared" si="1550"/>
        <v>34.985498787263623</v>
      </c>
    </row>
    <row r="6684" spans="2:20" x14ac:dyDescent="0.2">
      <c r="B6684" s="239">
        <v>66.495000000000005</v>
      </c>
      <c r="C6684" s="3">
        <f t="shared" si="1551"/>
        <v>66.488</v>
      </c>
      <c r="D6684" s="239">
        <v>26.892299999999999</v>
      </c>
      <c r="E6684" s="239">
        <v>0.1101</v>
      </c>
      <c r="F6684" s="239">
        <v>0.58260000000000001</v>
      </c>
      <c r="G6684">
        <f t="shared" si="1552"/>
        <v>27.00882</v>
      </c>
      <c r="H6684" s="235">
        <f t="shared" si="1553"/>
        <v>0.40764461387058004</v>
      </c>
      <c r="I6684" s="236">
        <f t="shared" si="1554"/>
        <v>20.045623865076703</v>
      </c>
      <c r="J6684" s="237">
        <f t="shared" si="1559"/>
        <v>10.045623865076703</v>
      </c>
      <c r="K6684" s="237">
        <f t="shared" si="1555"/>
        <v>1332.7934395412199</v>
      </c>
      <c r="L6684" s="237">
        <f t="shared" si="1560"/>
        <v>667.98375890827538</v>
      </c>
      <c r="M6684" s="236">
        <f t="shared" si="1556"/>
        <v>38.438100055639978</v>
      </c>
      <c r="N6684" s="236">
        <f t="shared" si="1557"/>
        <v>0.42880466625453095</v>
      </c>
      <c r="O6684" s="236">
        <f t="shared" si="1561"/>
        <v>2.0689294103243454</v>
      </c>
      <c r="P6684" s="236" t="str">
        <f t="shared" si="1562"/>
        <v>SAND</v>
      </c>
      <c r="Q6684" s="236" t="e">
        <f t="shared" si="1558"/>
        <v>#N/A</v>
      </c>
      <c r="R6684" s="238">
        <v>35</v>
      </c>
      <c r="S6684" s="236" t="e">
        <f t="shared" si="1563"/>
        <v>#N/A</v>
      </c>
      <c r="T6684" s="236">
        <f t="shared" si="1550"/>
        <v>35.032381042187865</v>
      </c>
    </row>
    <row r="6685" spans="2:20" x14ac:dyDescent="0.2">
      <c r="B6685" s="239">
        <v>66.504999999999995</v>
      </c>
      <c r="C6685" s="3">
        <f t="shared" si="1551"/>
        <v>66.49799999999999</v>
      </c>
      <c r="D6685" s="239">
        <v>26.854900000000001</v>
      </c>
      <c r="E6685" s="239">
        <v>0.1123</v>
      </c>
      <c r="F6685" s="239">
        <v>0.61360000000000003</v>
      </c>
      <c r="G6685">
        <f t="shared" si="1552"/>
        <v>26.977620000000002</v>
      </c>
      <c r="H6685" s="235">
        <f t="shared" si="1553"/>
        <v>0.41627096830632204</v>
      </c>
      <c r="I6685" s="236">
        <f t="shared" si="1554"/>
        <v>20.06837166600053</v>
      </c>
      <c r="J6685" s="237">
        <f t="shared" si="1559"/>
        <v>10.06837166600053</v>
      </c>
      <c r="K6685" s="237">
        <f t="shared" si="1555"/>
        <v>1334.5065790457031</v>
      </c>
      <c r="L6685" s="237">
        <f t="shared" si="1560"/>
        <v>669.5970576473652</v>
      </c>
      <c r="M6685" s="236">
        <f t="shared" si="1556"/>
        <v>38.296335278191918</v>
      </c>
      <c r="N6685" s="236">
        <f t="shared" si="1557"/>
        <v>0.43793434188936647</v>
      </c>
      <c r="O6685" s="236">
        <f t="shared" si="1561"/>
        <v>2.0741748140979013</v>
      </c>
      <c r="P6685" s="236" t="str">
        <f t="shared" si="1562"/>
        <v>SAND</v>
      </c>
      <c r="Q6685" s="236" t="e">
        <f t="shared" si="1558"/>
        <v>#N/A</v>
      </c>
      <c r="R6685" s="238">
        <v>35</v>
      </c>
      <c r="S6685" s="236" t="e">
        <f t="shared" si="1563"/>
        <v>#N/A</v>
      </c>
      <c r="T6685" s="236">
        <f t="shared" si="1550"/>
        <v>35.014729383349639</v>
      </c>
    </row>
    <row r="6686" spans="2:20" x14ac:dyDescent="0.2">
      <c r="B6686" s="239">
        <v>66.513999999999996</v>
      </c>
      <c r="C6686" s="3">
        <f t="shared" si="1551"/>
        <v>66.506999999999991</v>
      </c>
      <c r="D6686" s="239">
        <v>25.985800000000001</v>
      </c>
      <c r="E6686" s="239">
        <v>0.14960000000000001</v>
      </c>
      <c r="F6686" s="239">
        <v>0.6159</v>
      </c>
      <c r="G6686">
        <f t="shared" si="1552"/>
        <v>26.108980000000003</v>
      </c>
      <c r="H6686" s="235">
        <f t="shared" si="1553"/>
        <v>0.57298293537319345</v>
      </c>
      <c r="I6686" s="236">
        <f t="shared" si="1554"/>
        <v>20.391869271916761</v>
      </c>
      <c r="J6686" s="237">
        <f t="shared" si="1559"/>
        <v>10.391869271916761</v>
      </c>
      <c r="K6686" s="237">
        <f t="shared" si="1555"/>
        <v>1356.2020496673679</v>
      </c>
      <c r="L6686" s="237">
        <f t="shared" si="1560"/>
        <v>691.20479275227137</v>
      </c>
      <c r="M6686" s="236">
        <f t="shared" si="1556"/>
        <v>35.811062379603698</v>
      </c>
      <c r="N6686" s="236">
        <f t="shared" si="1557"/>
        <v>0.60437660896153944</v>
      </c>
      <c r="O6686" s="236">
        <f t="shared" si="1561"/>
        <v>2.1618526951535419</v>
      </c>
      <c r="P6686" s="236" t="str">
        <f t="shared" si="1562"/>
        <v>SAND</v>
      </c>
      <c r="Q6686" s="236" t="e">
        <f t="shared" si="1558"/>
        <v>#N/A</v>
      </c>
      <c r="R6686" s="238">
        <v>35</v>
      </c>
      <c r="S6686" s="236" t="e">
        <f t="shared" si="1563"/>
        <v>#N/A</v>
      </c>
      <c r="T6686" s="236">
        <f t="shared" si="1550"/>
        <v>34.694189255965142</v>
      </c>
    </row>
    <row r="6687" spans="2:20" x14ac:dyDescent="0.2">
      <c r="B6687" s="239">
        <v>66.525000000000006</v>
      </c>
      <c r="C6687" s="3">
        <f t="shared" si="1551"/>
        <v>66.518000000000001</v>
      </c>
      <c r="D6687" s="239">
        <v>26.053599999999999</v>
      </c>
      <c r="E6687" s="239">
        <v>0.16569999999999999</v>
      </c>
      <c r="F6687" s="239">
        <v>0.52180000000000004</v>
      </c>
      <c r="G6687">
        <f t="shared" si="1552"/>
        <v>26.157959999999999</v>
      </c>
      <c r="H6687" s="235">
        <f t="shared" si="1553"/>
        <v>0.63345918412597924</v>
      </c>
      <c r="I6687" s="236">
        <f t="shared" si="1554"/>
        <v>20.512457311312392</v>
      </c>
      <c r="J6687" s="237">
        <f t="shared" si="1559"/>
        <v>10.512457311312392</v>
      </c>
      <c r="K6687" s="237">
        <f t="shared" si="1555"/>
        <v>1364.4476354338776</v>
      </c>
      <c r="L6687" s="237">
        <f t="shared" si="1560"/>
        <v>699.34122263505697</v>
      </c>
      <c r="M6687" s="236">
        <f t="shared" si="1556"/>
        <v>35.45266825705815</v>
      </c>
      <c r="N6687" s="236">
        <f t="shared" si="1557"/>
        <v>0.66831999259940145</v>
      </c>
      <c r="O6687" s="236">
        <f t="shared" si="1561"/>
        <v>2.1862618213317195</v>
      </c>
      <c r="P6687" s="236" t="str">
        <f t="shared" si="1562"/>
        <v>SAND</v>
      </c>
      <c r="Q6687" s="236" t="e">
        <f t="shared" si="1558"/>
        <v>#N/A</v>
      </c>
      <c r="R6687" s="238">
        <v>35</v>
      </c>
      <c r="S6687" s="236" t="e">
        <f t="shared" si="1563"/>
        <v>#N/A</v>
      </c>
      <c r="T6687" s="236">
        <f t="shared" si="1550"/>
        <v>34.646138195296373</v>
      </c>
    </row>
    <row r="6688" spans="2:20" x14ac:dyDescent="0.2">
      <c r="B6688" s="239">
        <v>66.534999999999997</v>
      </c>
      <c r="C6688" s="3">
        <f t="shared" si="1551"/>
        <v>66.527999999999992</v>
      </c>
      <c r="D6688" s="239">
        <v>26.236799999999999</v>
      </c>
      <c r="E6688" s="239">
        <v>0.1651</v>
      </c>
      <c r="F6688" s="239">
        <v>0.5675</v>
      </c>
      <c r="G6688">
        <f t="shared" si="1552"/>
        <v>26.350299999999997</v>
      </c>
      <c r="H6688" s="235">
        <f t="shared" si="1553"/>
        <v>0.62655833140419659</v>
      </c>
      <c r="I6688" s="236">
        <f t="shared" si="1554"/>
        <v>20.511067159836692</v>
      </c>
      <c r="J6688" s="237">
        <f t="shared" si="1559"/>
        <v>10.511067159836692</v>
      </c>
      <c r="K6688" s="237">
        <f t="shared" si="1555"/>
        <v>1364.5602760096153</v>
      </c>
      <c r="L6688" s="237">
        <f t="shared" si="1560"/>
        <v>699.35385347973431</v>
      </c>
      <c r="M6688" s="236">
        <f t="shared" si="1556"/>
        <v>35.726892187224372</v>
      </c>
      <c r="N6688" s="236">
        <f t="shared" si="1557"/>
        <v>0.66077691444723208</v>
      </c>
      <c r="O6688" s="236">
        <f t="shared" si="1561"/>
        <v>2.1809679886061728</v>
      </c>
      <c r="P6688" s="236" t="str">
        <f t="shared" si="1562"/>
        <v>SAND</v>
      </c>
      <c r="Q6688" s="236" t="e">
        <f t="shared" si="1558"/>
        <v>#N/A</v>
      </c>
      <c r="R6688" s="238">
        <v>35</v>
      </c>
      <c r="S6688" s="236" t="e">
        <f t="shared" si="1563"/>
        <v>#N/A</v>
      </c>
      <c r="T6688" s="236">
        <f t="shared" si="1550"/>
        <v>34.68294763355685</v>
      </c>
    </row>
    <row r="6689" spans="2:20" x14ac:dyDescent="0.2">
      <c r="B6689" s="239">
        <v>66.545000000000002</v>
      </c>
      <c r="C6689" s="3">
        <f t="shared" si="1551"/>
        <v>66.537999999999997</v>
      </c>
      <c r="D6689" s="239">
        <v>26.263100000000001</v>
      </c>
      <c r="E6689" s="239">
        <v>0.15890000000000001</v>
      </c>
      <c r="F6689" s="239">
        <v>0.60329999999999995</v>
      </c>
      <c r="G6689">
        <f t="shared" si="1552"/>
        <v>26.383760000000002</v>
      </c>
      <c r="H6689" s="235">
        <f t="shared" si="1553"/>
        <v>0.60226442326643359</v>
      </c>
      <c r="I6689" s="236">
        <f t="shared" si="1554"/>
        <v>20.46668059582332</v>
      </c>
      <c r="J6689" s="237">
        <f t="shared" si="1559"/>
        <v>10.46668059582332</v>
      </c>
      <c r="K6689" s="237">
        <f t="shared" si="1555"/>
        <v>1361.8119934848919</v>
      </c>
      <c r="L6689" s="237">
        <f t="shared" si="1560"/>
        <v>696.50526024906287</v>
      </c>
      <c r="M6689" s="236">
        <f t="shared" si="1556"/>
        <v>35.924995020952935</v>
      </c>
      <c r="N6689" s="236">
        <f t="shared" si="1557"/>
        <v>0.63504248333753344</v>
      </c>
      <c r="O6689" s="236">
        <f t="shared" si="1561"/>
        <v>2.1706753002865837</v>
      </c>
      <c r="P6689" s="236" t="str">
        <f t="shared" si="1562"/>
        <v>SAND</v>
      </c>
      <c r="Q6689" s="236" t="e">
        <f t="shared" si="1558"/>
        <v>#N/A</v>
      </c>
      <c r="R6689" s="238">
        <v>35</v>
      </c>
      <c r="S6689" s="236" t="e">
        <f t="shared" si="1563"/>
        <v>#N/A</v>
      </c>
      <c r="T6689" s="236">
        <f t="shared" si="1550"/>
        <v>34.709363882764485</v>
      </c>
    </row>
    <row r="6690" spans="2:20" x14ac:dyDescent="0.2">
      <c r="B6690" s="239">
        <v>66.555999999999997</v>
      </c>
      <c r="C6690" s="3">
        <f t="shared" si="1551"/>
        <v>66.548999999999992</v>
      </c>
      <c r="D6690" s="239">
        <v>26.474699999999999</v>
      </c>
      <c r="E6690" s="239">
        <v>0.15379999999999999</v>
      </c>
      <c r="F6690" s="239">
        <v>0.61529999999999996</v>
      </c>
      <c r="G6690">
        <f t="shared" si="1552"/>
        <v>26.597759999999997</v>
      </c>
      <c r="H6690" s="235">
        <f t="shared" si="1553"/>
        <v>0.57824418296879143</v>
      </c>
      <c r="I6690" s="236">
        <f t="shared" si="1554"/>
        <v>20.431585716770879</v>
      </c>
      <c r="J6690" s="237">
        <f t="shared" si="1559"/>
        <v>10.431585716770879</v>
      </c>
      <c r="K6690" s="237">
        <f t="shared" si="1555"/>
        <v>1359.7015978653851</v>
      </c>
      <c r="L6690" s="237">
        <f t="shared" si="1560"/>
        <v>694.28461896540261</v>
      </c>
      <c r="M6690" s="236">
        <f t="shared" si="1556"/>
        <v>36.351170273285675</v>
      </c>
      <c r="N6690" s="236">
        <f t="shared" si="1557"/>
        <v>0.60939711585337997</v>
      </c>
      <c r="O6690" s="236">
        <f t="shared" si="1561"/>
        <v>2.1577638414275402</v>
      </c>
      <c r="P6690" s="236" t="str">
        <f t="shared" si="1562"/>
        <v>SAND</v>
      </c>
      <c r="Q6690" s="236" t="e">
        <f t="shared" si="1558"/>
        <v>#N/A</v>
      </c>
      <c r="R6690" s="238">
        <v>35</v>
      </c>
      <c r="S6690" s="236" t="e">
        <f t="shared" si="1563"/>
        <v>#N/A</v>
      </c>
      <c r="T6690" s="236">
        <f t="shared" si="1550"/>
        <v>34.765702365922522</v>
      </c>
    </row>
    <row r="6691" spans="2:20" x14ac:dyDescent="0.2">
      <c r="B6691" s="239">
        <v>66.564999999999998</v>
      </c>
      <c r="C6691" s="3">
        <f t="shared" si="1551"/>
        <v>66.557999999999993</v>
      </c>
      <c r="D6691" s="239">
        <v>26.6279</v>
      </c>
      <c r="E6691" s="239">
        <v>0.15340000000000001</v>
      </c>
      <c r="F6691" s="239">
        <v>0.61609999999999998</v>
      </c>
      <c r="G6691">
        <f t="shared" si="1552"/>
        <v>26.75112</v>
      </c>
      <c r="H6691" s="235">
        <f t="shared" si="1553"/>
        <v>0.57343393472871418</v>
      </c>
      <c r="I6691" s="236">
        <f t="shared" si="1554"/>
        <v>20.430779297906618</v>
      </c>
      <c r="J6691" s="237">
        <f t="shared" si="1559"/>
        <v>10.430779297906618</v>
      </c>
      <c r="K6691" s="237">
        <f t="shared" si="1555"/>
        <v>1359.8318085100684</v>
      </c>
      <c r="L6691" s="237">
        <f t="shared" si="1560"/>
        <v>694.324823965154</v>
      </c>
      <c r="M6691" s="236">
        <f t="shared" si="1556"/>
        <v>36.569754263552355</v>
      </c>
      <c r="N6691" s="236">
        <f t="shared" si="1557"/>
        <v>0.6041442200298176</v>
      </c>
      <c r="O6691" s="236">
        <f t="shared" si="1561"/>
        <v>2.1537098452001984</v>
      </c>
      <c r="P6691" s="236" t="str">
        <f t="shared" si="1562"/>
        <v>SAND</v>
      </c>
      <c r="Q6691" s="236" t="e">
        <f t="shared" si="1558"/>
        <v>#N/A</v>
      </c>
      <c r="R6691" s="238">
        <v>35</v>
      </c>
      <c r="S6691" s="236" t="e">
        <f t="shared" si="1563"/>
        <v>#N/A</v>
      </c>
      <c r="T6691" s="236">
        <f t="shared" si="1550"/>
        <v>34.794342462385167</v>
      </c>
    </row>
    <row r="6692" spans="2:20" x14ac:dyDescent="0.2">
      <c r="B6692" s="239">
        <v>66.573999999999998</v>
      </c>
      <c r="C6692" s="3">
        <f t="shared" si="1551"/>
        <v>66.566999999999993</v>
      </c>
      <c r="D6692" s="239">
        <v>26.973400000000002</v>
      </c>
      <c r="E6692" s="239">
        <v>0.1492</v>
      </c>
      <c r="F6692" s="239">
        <v>0.59389999999999998</v>
      </c>
      <c r="G6692">
        <f t="shared" si="1552"/>
        <v>27.092180000000003</v>
      </c>
      <c r="H6692" s="235">
        <f t="shared" si="1553"/>
        <v>0.55071241959857042</v>
      </c>
      <c r="I6692" s="236">
        <f t="shared" si="1554"/>
        <v>20.403178434001838</v>
      </c>
      <c r="J6692" s="237">
        <f t="shared" si="1559"/>
        <v>10.403178434001838</v>
      </c>
      <c r="K6692" s="237">
        <f t="shared" si="1555"/>
        <v>1358.1783788162002</v>
      </c>
      <c r="L6692" s="237">
        <f t="shared" si="1560"/>
        <v>692.58120106523836</v>
      </c>
      <c r="M6692" s="236">
        <f t="shared" si="1556"/>
        <v>37.156656261537435</v>
      </c>
      <c r="N6692" s="236">
        <f t="shared" si="1557"/>
        <v>0.57977768944096519</v>
      </c>
      <c r="O6692" s="236">
        <f t="shared" si="1561"/>
        <v>2.1393139093768538</v>
      </c>
      <c r="P6692" s="236" t="str">
        <f t="shared" si="1562"/>
        <v>SAND</v>
      </c>
      <c r="Q6692" s="236" t="e">
        <f t="shared" si="1558"/>
        <v>#N/A</v>
      </c>
      <c r="R6692" s="238">
        <v>35</v>
      </c>
      <c r="S6692" s="236" t="e">
        <f t="shared" si="1563"/>
        <v>#N/A</v>
      </c>
      <c r="T6692" s="236">
        <f t="shared" si="1550"/>
        <v>34.870402872705597</v>
      </c>
    </row>
    <row r="6693" spans="2:20" x14ac:dyDescent="0.2">
      <c r="B6693" s="239">
        <v>66.584000000000003</v>
      </c>
      <c r="C6693" s="3">
        <f t="shared" si="1551"/>
        <v>66.576999999999998</v>
      </c>
      <c r="D6693" s="239">
        <v>27.212900000000001</v>
      </c>
      <c r="E6693" s="239">
        <v>0.1447</v>
      </c>
      <c r="F6693" s="239">
        <v>0.60129999999999995</v>
      </c>
      <c r="G6693">
        <f t="shared" si="1552"/>
        <v>27.333159999999999</v>
      </c>
      <c r="H6693" s="235">
        <f t="shared" si="1553"/>
        <v>0.52939360103259192</v>
      </c>
      <c r="I6693" s="236">
        <f t="shared" si="1554"/>
        <v>20.370728947637367</v>
      </c>
      <c r="J6693" s="237">
        <f t="shared" si="1559"/>
        <v>10.370728947637367</v>
      </c>
      <c r="K6693" s="237">
        <f t="shared" si="1555"/>
        <v>1356.222021146853</v>
      </c>
      <c r="L6693" s="237">
        <f t="shared" si="1560"/>
        <v>690.52461624948648</v>
      </c>
      <c r="M6693" s="236">
        <f t="shared" si="1556"/>
        <v>37.61913386946901</v>
      </c>
      <c r="N6693" s="236">
        <f t="shared" si="1557"/>
        <v>0.55703254986324735</v>
      </c>
      <c r="O6693" s="236">
        <f t="shared" si="1561"/>
        <v>2.1265937851275907</v>
      </c>
      <c r="P6693" s="236" t="str">
        <f t="shared" si="1562"/>
        <v>SAND</v>
      </c>
      <c r="Q6693" s="236" t="e">
        <f t="shared" si="1558"/>
        <v>#N/A</v>
      </c>
      <c r="R6693" s="238">
        <v>35</v>
      </c>
      <c r="S6693" s="236" t="e">
        <f t="shared" si="1563"/>
        <v>#N/A</v>
      </c>
      <c r="T6693" s="236">
        <f t="shared" si="1550"/>
        <v>34.929496715042049</v>
      </c>
    </row>
    <row r="6694" spans="2:20" x14ac:dyDescent="0.2">
      <c r="B6694" s="239">
        <v>66.593999999999994</v>
      </c>
      <c r="C6694" s="3">
        <f t="shared" si="1551"/>
        <v>66.586999999999989</v>
      </c>
      <c r="D6694" s="239">
        <v>27.509</v>
      </c>
      <c r="E6694" s="239">
        <v>0.14549999999999999</v>
      </c>
      <c r="F6694" s="239">
        <v>0.48349999999999999</v>
      </c>
      <c r="G6694">
        <f t="shared" si="1552"/>
        <v>27.605699999999999</v>
      </c>
      <c r="H6694" s="235">
        <f t="shared" si="1553"/>
        <v>0.52706506265010489</v>
      </c>
      <c r="I6694" s="236">
        <f t="shared" si="1554"/>
        <v>20.38107202400262</v>
      </c>
      <c r="J6694" s="237">
        <f t="shared" si="1559"/>
        <v>10.38107202400262</v>
      </c>
      <c r="K6694" s="237">
        <f t="shared" si="1555"/>
        <v>1357.1144428622622</v>
      </c>
      <c r="L6694" s="237">
        <f t="shared" si="1560"/>
        <v>691.31711036643037</v>
      </c>
      <c r="M6694" s="236">
        <f t="shared" si="1556"/>
        <v>37.968951098613424</v>
      </c>
      <c r="N6694" s="236">
        <f t="shared" si="1557"/>
        <v>0.55431558277026638</v>
      </c>
      <c r="O6694" s="236">
        <f t="shared" si="1561"/>
        <v>2.122048053877176</v>
      </c>
      <c r="P6694" s="236" t="str">
        <f t="shared" si="1562"/>
        <v>SAND</v>
      </c>
      <c r="Q6694" s="236" t="e">
        <f t="shared" si="1558"/>
        <v>#N/A</v>
      </c>
      <c r="R6694" s="238">
        <v>35</v>
      </c>
      <c r="S6694" s="236" t="e">
        <f t="shared" si="1563"/>
        <v>#N/A</v>
      </c>
      <c r="T6694" s="236">
        <f t="shared" si="1550"/>
        <v>34.9737145979784</v>
      </c>
    </row>
    <row r="6695" spans="2:20" x14ac:dyDescent="0.2">
      <c r="B6695" s="239">
        <v>66.603999999999999</v>
      </c>
      <c r="C6695" s="3">
        <f t="shared" si="1551"/>
        <v>66.596999999999994</v>
      </c>
      <c r="D6695" s="239">
        <v>27.7652</v>
      </c>
      <c r="E6695" s="239">
        <v>0.15210000000000001</v>
      </c>
      <c r="F6695" s="239">
        <v>0.61750000000000005</v>
      </c>
      <c r="G6695">
        <f t="shared" si="1552"/>
        <v>27.8887</v>
      </c>
      <c r="H6695" s="235">
        <f t="shared" si="1553"/>
        <v>0.54538217987930593</v>
      </c>
      <c r="I6695" s="236">
        <f t="shared" si="1554"/>
        <v>20.437077375861101</v>
      </c>
      <c r="J6695" s="237">
        <f t="shared" si="1559"/>
        <v>10.437077375861101</v>
      </c>
      <c r="K6695" s="237">
        <f t="shared" si="1555"/>
        <v>1361.0480420002216</v>
      </c>
      <c r="L6695" s="237">
        <f t="shared" si="1560"/>
        <v>695.15110154185277</v>
      </c>
      <c r="M6695" s="236">
        <f t="shared" si="1556"/>
        <v>38.16098672527621</v>
      </c>
      <c r="N6695" s="236">
        <f t="shared" si="1557"/>
        <v>0.57336397597802535</v>
      </c>
      <c r="O6695" s="236">
        <f t="shared" si="1561"/>
        <v>2.126806668468034</v>
      </c>
      <c r="P6695" s="236" t="str">
        <f t="shared" si="1562"/>
        <v>SAND</v>
      </c>
      <c r="Q6695" s="236" t="e">
        <f t="shared" si="1558"/>
        <v>#N/A</v>
      </c>
      <c r="R6695" s="238">
        <v>35</v>
      </c>
      <c r="S6695" s="236" t="e">
        <f t="shared" si="1563"/>
        <v>#N/A</v>
      </c>
      <c r="T6695" s="236">
        <f t="shared" si="1550"/>
        <v>34.997815552605928</v>
      </c>
    </row>
    <row r="6696" spans="2:20" x14ac:dyDescent="0.2">
      <c r="B6696" s="239">
        <v>66.613</v>
      </c>
      <c r="C6696" s="3">
        <f t="shared" si="1551"/>
        <v>66.605999999999995</v>
      </c>
      <c r="D6696" s="239">
        <v>28.0183</v>
      </c>
      <c r="E6696" s="239">
        <v>0.14510000000000001</v>
      </c>
      <c r="F6696" s="239">
        <v>0.61080000000000001</v>
      </c>
      <c r="G6696">
        <f t="shared" si="1552"/>
        <v>28.140460000000001</v>
      </c>
      <c r="H6696" s="235">
        <f t="shared" si="1553"/>
        <v>0.51562767630664175</v>
      </c>
      <c r="I6696" s="236">
        <f t="shared" si="1554"/>
        <v>20.385343141108091</v>
      </c>
      <c r="J6696" s="237">
        <f t="shared" si="1559"/>
        <v>10.385343141108091</v>
      </c>
      <c r="K6696" s="237">
        <f t="shared" si="1555"/>
        <v>1357.7861652566455</v>
      </c>
      <c r="L6696" s="237">
        <f t="shared" si="1560"/>
        <v>691.79886265863331</v>
      </c>
      <c r="M6696" s="236">
        <f t="shared" si="1556"/>
        <v>38.714538690936251</v>
      </c>
      <c r="N6696" s="236">
        <f t="shared" si="1557"/>
        <v>0.54176816286270701</v>
      </c>
      <c r="O6696" s="236">
        <f t="shared" si="1561"/>
        <v>2.1100137678612647</v>
      </c>
      <c r="P6696" s="236" t="str">
        <f t="shared" si="1562"/>
        <v>SAND</v>
      </c>
      <c r="Q6696" s="236" t="e">
        <f t="shared" si="1558"/>
        <v>#N/A</v>
      </c>
      <c r="R6696" s="238">
        <v>35</v>
      </c>
      <c r="S6696" s="236" t="e">
        <f t="shared" si="1563"/>
        <v>#N/A</v>
      </c>
      <c r="T6696" s="236">
        <f t="shared" si="1550"/>
        <v>35.066614976001645</v>
      </c>
    </row>
    <row r="6697" spans="2:20" x14ac:dyDescent="0.2">
      <c r="B6697" s="239">
        <v>66.623000000000005</v>
      </c>
      <c r="C6697" s="3">
        <f t="shared" si="1551"/>
        <v>66.616</v>
      </c>
      <c r="D6697" s="239">
        <v>28.239000000000001</v>
      </c>
      <c r="E6697" s="239">
        <v>0.1447</v>
      </c>
      <c r="F6697" s="239">
        <v>0.60399999999999998</v>
      </c>
      <c r="G6697">
        <f t="shared" si="1552"/>
        <v>28.3598</v>
      </c>
      <c r="H6697" s="235">
        <f t="shared" si="1553"/>
        <v>0.51022926818947945</v>
      </c>
      <c r="I6697" s="236">
        <f t="shared" si="1554"/>
        <v>20.385140935801104</v>
      </c>
      <c r="J6697" s="237">
        <f t="shared" si="1559"/>
        <v>10.385140935801104</v>
      </c>
      <c r="K6697" s="237">
        <f t="shared" si="1555"/>
        <v>1357.9765485793264</v>
      </c>
      <c r="L6697" s="237">
        <f t="shared" si="1560"/>
        <v>691.88924456587699</v>
      </c>
      <c r="M6697" s="236">
        <f t="shared" si="1556"/>
        <v>39.026222279785337</v>
      </c>
      <c r="N6697" s="236">
        <f t="shared" si="1557"/>
        <v>0.53588973448527133</v>
      </c>
      <c r="O6697" s="236">
        <f t="shared" si="1561"/>
        <v>2.1047673350695546</v>
      </c>
      <c r="P6697" s="236" t="str">
        <f t="shared" si="1562"/>
        <v>SAND</v>
      </c>
      <c r="Q6697" s="236" t="e">
        <f t="shared" si="1558"/>
        <v>#N/A</v>
      </c>
      <c r="R6697" s="238">
        <v>35</v>
      </c>
      <c r="S6697" s="236" t="e">
        <f t="shared" si="1563"/>
        <v>#N/A</v>
      </c>
      <c r="T6697" s="236">
        <f t="shared" si="1550"/>
        <v>35.104921651925572</v>
      </c>
    </row>
    <row r="6698" spans="2:20" x14ac:dyDescent="0.2">
      <c r="B6698" s="239">
        <v>66.632000000000005</v>
      </c>
      <c r="C6698" s="3">
        <f t="shared" si="1551"/>
        <v>66.625</v>
      </c>
      <c r="D6698" s="239">
        <v>28.3658</v>
      </c>
      <c r="E6698" s="239">
        <v>0.14199999999999999</v>
      </c>
      <c r="F6698" s="239">
        <v>0.60070000000000001</v>
      </c>
      <c r="G6698">
        <f t="shared" si="1552"/>
        <v>28.485939999999999</v>
      </c>
      <c r="H6698" s="235">
        <f t="shared" si="1553"/>
        <v>0.49849153652644074</v>
      </c>
      <c r="I6698" s="236">
        <f t="shared" si="1554"/>
        <v>20.364789083894852</v>
      </c>
      <c r="J6698" s="237">
        <f t="shared" si="1559"/>
        <v>10.364789083894852</v>
      </c>
      <c r="K6698" s="237">
        <f t="shared" si="1555"/>
        <v>1356.8040727144946</v>
      </c>
      <c r="L6698" s="237">
        <f t="shared" si="1560"/>
        <v>690.62662623808183</v>
      </c>
      <c r="M6698" s="236">
        <f t="shared" si="1556"/>
        <v>39.281914274085914</v>
      </c>
      <c r="N6698" s="236">
        <f t="shared" si="1557"/>
        <v>0.52342249447458999</v>
      </c>
      <c r="O6698" s="236">
        <f t="shared" si="1561"/>
        <v>2.0976408261011024</v>
      </c>
      <c r="P6698" s="236" t="str">
        <f t="shared" si="1562"/>
        <v>SAND</v>
      </c>
      <c r="Q6698" s="236" t="e">
        <f t="shared" si="1558"/>
        <v>#N/A</v>
      </c>
      <c r="R6698" s="238">
        <v>35</v>
      </c>
      <c r="S6698" s="236" t="e">
        <f t="shared" si="1563"/>
        <v>#N/A</v>
      </c>
      <c r="T6698" s="236">
        <f t="shared" si="1550"/>
        <v>35.136119078883382</v>
      </c>
    </row>
    <row r="6699" spans="2:20" x14ac:dyDescent="0.2">
      <c r="B6699" s="239">
        <v>66.641000000000005</v>
      </c>
      <c r="C6699" s="3">
        <f t="shared" si="1551"/>
        <v>66.634</v>
      </c>
      <c r="D6699" s="239">
        <v>28.321400000000001</v>
      </c>
      <c r="E6699" s="239">
        <v>0.13689999999999999</v>
      </c>
      <c r="F6699" s="239">
        <v>0.62219999999999998</v>
      </c>
      <c r="G6699">
        <f t="shared" si="1552"/>
        <v>28.44584</v>
      </c>
      <c r="H6699" s="235">
        <f t="shared" si="1553"/>
        <v>0.48126545041383906</v>
      </c>
      <c r="I6699" s="236">
        <f t="shared" si="1554"/>
        <v>20.321349250974833</v>
      </c>
      <c r="J6699" s="237">
        <f t="shared" si="1559"/>
        <v>10.321349250974833</v>
      </c>
      <c r="K6699" s="237">
        <f t="shared" si="1555"/>
        <v>1354.0927859894571</v>
      </c>
      <c r="L6699" s="237">
        <f t="shared" si="1560"/>
        <v>687.82503543421399</v>
      </c>
      <c r="M6699" s="236">
        <f t="shared" si="1556"/>
        <v>39.387556163767599</v>
      </c>
      <c r="N6699" s="236">
        <f t="shared" si="1557"/>
        <v>0.50531993716965573</v>
      </c>
      <c r="O6699" s="236">
        <f t="shared" si="1561"/>
        <v>2.0897975267910112</v>
      </c>
      <c r="P6699" s="236" t="str">
        <f t="shared" si="1562"/>
        <v>SAND</v>
      </c>
      <c r="Q6699" s="236" t="e">
        <f t="shared" si="1558"/>
        <v>#N/A</v>
      </c>
      <c r="R6699" s="238">
        <v>35</v>
      </c>
      <c r="S6699" s="236" t="e">
        <f t="shared" si="1563"/>
        <v>#N/A</v>
      </c>
      <c r="T6699" s="236">
        <f t="shared" si="1550"/>
        <v>35.148949390000496</v>
      </c>
    </row>
    <row r="6700" spans="2:20" x14ac:dyDescent="0.2">
      <c r="B6700" s="239">
        <v>66.652000000000001</v>
      </c>
      <c r="C6700" s="3">
        <f t="shared" si="1551"/>
        <v>66.644999999999996</v>
      </c>
      <c r="D6700" s="239">
        <v>28.396899999999999</v>
      </c>
      <c r="E6700" s="239">
        <v>0.13170000000000001</v>
      </c>
      <c r="F6700" s="239">
        <v>0.6099</v>
      </c>
      <c r="G6700">
        <f t="shared" si="1552"/>
        <v>28.518879999999999</v>
      </c>
      <c r="H6700" s="235">
        <f t="shared" si="1553"/>
        <v>0.46179934134860839</v>
      </c>
      <c r="I6700" s="236">
        <f t="shared" si="1554"/>
        <v>20.276943866001254</v>
      </c>
      <c r="J6700" s="237">
        <f t="shared" si="1559"/>
        <v>10.276943866001254</v>
      </c>
      <c r="K6700" s="237">
        <f t="shared" si="1555"/>
        <v>1351.3569239496535</v>
      </c>
      <c r="L6700" s="237">
        <f t="shared" si="1560"/>
        <v>684.97886255671563</v>
      </c>
      <c r="M6700" s="236">
        <f t="shared" si="1556"/>
        <v>39.661841497774539</v>
      </c>
      <c r="N6700" s="236">
        <f t="shared" si="1557"/>
        <v>0.48476999405257065</v>
      </c>
      <c r="O6700" s="236">
        <f t="shared" si="1561"/>
        <v>2.0791784568441711</v>
      </c>
      <c r="P6700" s="236" t="str">
        <f t="shared" si="1562"/>
        <v>SAND</v>
      </c>
      <c r="Q6700" s="236" t="e">
        <f t="shared" si="1558"/>
        <v>#N/A</v>
      </c>
      <c r="R6700" s="238">
        <v>35</v>
      </c>
      <c r="S6700" s="236" t="e">
        <f t="shared" si="1563"/>
        <v>#N/A</v>
      </c>
      <c r="T6700" s="236">
        <f t="shared" si="1550"/>
        <v>35.18210162074844</v>
      </c>
    </row>
    <row r="6701" spans="2:20" x14ac:dyDescent="0.2">
      <c r="B6701" s="239">
        <v>66.66</v>
      </c>
      <c r="C6701" s="3">
        <f t="shared" si="1551"/>
        <v>66.652999999999992</v>
      </c>
      <c r="D6701" s="239">
        <v>28.206</v>
      </c>
      <c r="E6701" s="239">
        <v>0.1134</v>
      </c>
      <c r="F6701" s="239">
        <v>0.58750000000000002</v>
      </c>
      <c r="G6701">
        <f t="shared" si="1552"/>
        <v>28.323499999999999</v>
      </c>
      <c r="H6701" s="235">
        <f t="shared" si="1553"/>
        <v>0.40037424753296735</v>
      </c>
      <c r="I6701" s="236">
        <f t="shared" si="1554"/>
        <v>20.09883052887723</v>
      </c>
      <c r="J6701" s="237">
        <f t="shared" si="1559"/>
        <v>10.09883052887723</v>
      </c>
      <c r="K6701" s="237">
        <f t="shared" si="1555"/>
        <v>1339.6473512412538</v>
      </c>
      <c r="L6701" s="237">
        <f t="shared" si="1560"/>
        <v>673.1880430549561</v>
      </c>
      <c r="M6701" s="236">
        <f t="shared" si="1556"/>
        <v>40.083677847730144</v>
      </c>
      <c r="N6701" s="236">
        <f t="shared" si="1557"/>
        <v>0.42025133132802073</v>
      </c>
      <c r="O6701" s="236">
        <f t="shared" si="1561"/>
        <v>2.0487356390976639</v>
      </c>
      <c r="P6701" s="236" t="str">
        <f t="shared" si="1562"/>
        <v>SAND</v>
      </c>
      <c r="Q6701" s="236" t="e">
        <f t="shared" si="1558"/>
        <v>#N/A</v>
      </c>
      <c r="R6701" s="238">
        <v>35</v>
      </c>
      <c r="S6701" s="236" t="e">
        <f t="shared" si="1563"/>
        <v>#N/A</v>
      </c>
      <c r="T6701" s="236">
        <f t="shared" si="1550"/>
        <v>35.232643193562751</v>
      </c>
    </row>
    <row r="6702" spans="2:20" x14ac:dyDescent="0.2">
      <c r="B6702" s="239">
        <v>66.671000000000006</v>
      </c>
      <c r="C6702" s="3">
        <f t="shared" si="1551"/>
        <v>66.664000000000001</v>
      </c>
      <c r="D6702" s="239">
        <v>27.958400000000001</v>
      </c>
      <c r="E6702" s="239">
        <v>8.2299999999999998E-2</v>
      </c>
      <c r="F6702" s="239">
        <v>0.58340000000000003</v>
      </c>
      <c r="G6702">
        <f t="shared" si="1552"/>
        <v>28.07508</v>
      </c>
      <c r="H6702" s="235">
        <f t="shared" si="1553"/>
        <v>0.29314253067132845</v>
      </c>
      <c r="I6702" s="236">
        <f t="shared" si="1554"/>
        <v>19.719511511668092</v>
      </c>
      <c r="J6702" s="237">
        <f t="shared" si="1559"/>
        <v>9.7195115116680917</v>
      </c>
      <c r="K6702" s="237">
        <f t="shared" si="1555"/>
        <v>1314.5815154138418</v>
      </c>
      <c r="L6702" s="237">
        <f t="shared" si="1560"/>
        <v>648.00955199442342</v>
      </c>
      <c r="M6702" s="236">
        <f t="shared" si="1556"/>
        <v>41.296456822624812</v>
      </c>
      <c r="N6702" s="236">
        <f t="shared" si="1557"/>
        <v>0.30754285106984897</v>
      </c>
      <c r="O6702" s="236">
        <f t="shared" si="1561"/>
        <v>1.9846334086655379</v>
      </c>
      <c r="P6702" s="236" t="str">
        <f t="shared" si="1562"/>
        <v>SAND</v>
      </c>
      <c r="Q6702" s="236" t="e">
        <f t="shared" si="1558"/>
        <v>#N/A</v>
      </c>
      <c r="R6702" s="238">
        <v>35</v>
      </c>
      <c r="S6702" s="236" t="e">
        <f t="shared" si="1563"/>
        <v>#N/A</v>
      </c>
      <c r="T6702" s="236">
        <f t="shared" si="1550"/>
        <v>35.375040705452236</v>
      </c>
    </row>
    <row r="6703" spans="2:20" x14ac:dyDescent="0.2">
      <c r="B6703" s="239">
        <v>66.680000000000007</v>
      </c>
      <c r="C6703" s="3">
        <f t="shared" si="1551"/>
        <v>66.673000000000002</v>
      </c>
      <c r="D6703" s="239">
        <v>27.9496</v>
      </c>
      <c r="E6703" s="239">
        <v>7.8799999999999995E-2</v>
      </c>
      <c r="F6703" s="239">
        <v>0.5776</v>
      </c>
      <c r="G6703">
        <f t="shared" si="1552"/>
        <v>28.06512</v>
      </c>
      <c r="H6703" s="235">
        <f t="shared" si="1553"/>
        <v>0.2807755676797391</v>
      </c>
      <c r="I6703" s="236">
        <f t="shared" si="1554"/>
        <v>19.66841405475699</v>
      </c>
      <c r="J6703" s="237">
        <f t="shared" si="1559"/>
        <v>9.6684140547569903</v>
      </c>
      <c r="K6703" s="237">
        <f t="shared" si="1555"/>
        <v>1311.3521702728128</v>
      </c>
      <c r="L6703" s="237">
        <f t="shared" si="1560"/>
        <v>644.68984917119622</v>
      </c>
      <c r="M6703" s="236">
        <f t="shared" si="1556"/>
        <v>41.498664612327055</v>
      </c>
      <c r="N6703" s="236">
        <f t="shared" si="1557"/>
        <v>0.29453795256622567</v>
      </c>
      <c r="O6703" s="236">
        <f t="shared" si="1561"/>
        <v>1.9760296797723935</v>
      </c>
      <c r="P6703" s="236" t="str">
        <f t="shared" si="1562"/>
        <v>SAND</v>
      </c>
      <c r="Q6703" s="236" t="e">
        <f t="shared" si="1558"/>
        <v>#N/A</v>
      </c>
      <c r="R6703" s="238">
        <v>35</v>
      </c>
      <c r="S6703" s="236" t="e">
        <f t="shared" si="1563"/>
        <v>#N/A</v>
      </c>
      <c r="T6703" s="236">
        <f t="shared" si="1550"/>
        <v>35.398375339276043</v>
      </c>
    </row>
    <row r="6704" spans="2:20" x14ac:dyDescent="0.2">
      <c r="B6704" s="239">
        <v>66.69</v>
      </c>
      <c r="C6704" s="3">
        <f t="shared" si="1551"/>
        <v>66.682999999999993</v>
      </c>
      <c r="D6704" s="239">
        <v>27.7499</v>
      </c>
      <c r="E6704" s="239">
        <v>7.9899999999999999E-2</v>
      </c>
      <c r="F6704" s="239">
        <v>0.58799999999999997</v>
      </c>
      <c r="G6704">
        <f t="shared" si="1552"/>
        <v>27.8675</v>
      </c>
      <c r="H6704" s="235">
        <f t="shared" si="1553"/>
        <v>0.28671391405759394</v>
      </c>
      <c r="I6704" s="236">
        <f t="shared" si="1554"/>
        <v>19.681907567350574</v>
      </c>
      <c r="J6704" s="237">
        <f t="shared" si="1559"/>
        <v>9.6819075673505743</v>
      </c>
      <c r="K6704" s="237">
        <f t="shared" si="1555"/>
        <v>1312.4486423136382</v>
      </c>
      <c r="L6704" s="237">
        <f t="shared" si="1560"/>
        <v>645.68641566660983</v>
      </c>
      <c r="M6704" s="236">
        <f t="shared" si="1556"/>
        <v>41.126854636194871</v>
      </c>
      <c r="N6704" s="236">
        <f t="shared" si="1557"/>
        <v>0.30088437383824884</v>
      </c>
      <c r="O6704" s="236">
        <f t="shared" si="1561"/>
        <v>1.9829352542068024</v>
      </c>
      <c r="P6704" s="236" t="str">
        <f t="shared" si="1562"/>
        <v>SAND</v>
      </c>
      <c r="Q6704" s="236" t="e">
        <f t="shared" si="1558"/>
        <v>#N/A</v>
      </c>
      <c r="R6704" s="238">
        <v>35</v>
      </c>
      <c r="S6704" s="236" t="e">
        <f t="shared" si="1563"/>
        <v>#N/A</v>
      </c>
      <c r="T6704" s="236">
        <f t="shared" si="1550"/>
        <v>35.355380457405019</v>
      </c>
    </row>
    <row r="6705" spans="2:20" x14ac:dyDescent="0.2">
      <c r="B6705" s="239">
        <v>66.7</v>
      </c>
      <c r="C6705" s="3">
        <f t="shared" si="1551"/>
        <v>66.692999999999998</v>
      </c>
      <c r="D6705" s="239">
        <v>27.521599999999999</v>
      </c>
      <c r="E6705" s="239">
        <v>7.9600000000000004E-2</v>
      </c>
      <c r="F6705" s="239">
        <v>0.58630000000000004</v>
      </c>
      <c r="G6705">
        <f t="shared" si="1552"/>
        <v>27.638860000000001</v>
      </c>
      <c r="H6705" s="235">
        <f t="shared" si="1553"/>
        <v>0.28800030102544028</v>
      </c>
      <c r="I6705" s="236">
        <f t="shared" si="1554"/>
        <v>19.674276450712227</v>
      </c>
      <c r="J6705" s="237">
        <f t="shared" si="1559"/>
        <v>9.6742764507122274</v>
      </c>
      <c r="K6705" s="237">
        <f t="shared" si="1555"/>
        <v>1312.1365193273505</v>
      </c>
      <c r="L6705" s="237">
        <f t="shared" si="1560"/>
        <v>645.2742392625056</v>
      </c>
      <c r="M6705" s="236">
        <f t="shared" si="1556"/>
        <v>40.799278630372548</v>
      </c>
      <c r="N6705" s="236">
        <f t="shared" si="1557"/>
        <v>0.30235437409610472</v>
      </c>
      <c r="O6705" s="236">
        <f t="shared" si="1561"/>
        <v>1.9869313547199623</v>
      </c>
      <c r="P6705" s="236" t="str">
        <f t="shared" si="1562"/>
        <v>SAND</v>
      </c>
      <c r="Q6705" s="236" t="e">
        <f t="shared" si="1558"/>
        <v>#N/A</v>
      </c>
      <c r="R6705" s="238">
        <v>35</v>
      </c>
      <c r="S6705" s="236" t="e">
        <f t="shared" si="1563"/>
        <v>#N/A</v>
      </c>
      <c r="T6705" s="236">
        <f t="shared" si="1550"/>
        <v>35.317177328650445</v>
      </c>
    </row>
    <row r="6706" spans="2:20" x14ac:dyDescent="0.2">
      <c r="B6706" s="239">
        <v>66.709999999999994</v>
      </c>
      <c r="C6706" s="3">
        <f t="shared" si="1551"/>
        <v>66.702999999999989</v>
      </c>
      <c r="D6706" s="239">
        <v>27.374300000000002</v>
      </c>
      <c r="E6706" s="239">
        <v>8.0799999999999997E-2</v>
      </c>
      <c r="F6706" s="239">
        <v>0.59930000000000005</v>
      </c>
      <c r="G6706">
        <f t="shared" si="1552"/>
        <v>27.494160000000001</v>
      </c>
      <c r="H6706" s="235">
        <f t="shared" si="1553"/>
        <v>0.29388059136922168</v>
      </c>
      <c r="I6706" s="236">
        <f t="shared" si="1554"/>
        <v>19.689770138586294</v>
      </c>
      <c r="J6706" s="237">
        <f t="shared" si="1559"/>
        <v>9.6897701385862938</v>
      </c>
      <c r="K6706" s="237">
        <f t="shared" si="1555"/>
        <v>1313.3667375541213</v>
      </c>
      <c r="L6706" s="237">
        <f t="shared" si="1560"/>
        <v>646.40456594509158</v>
      </c>
      <c r="M6706" s="236">
        <f t="shared" si="1556"/>
        <v>40.50217873100511</v>
      </c>
      <c r="N6706" s="236">
        <f t="shared" si="1557"/>
        <v>0.30862319254436316</v>
      </c>
      <c r="O6706" s="236">
        <f t="shared" si="1561"/>
        <v>1.9930568592810058</v>
      </c>
      <c r="P6706" s="236" t="str">
        <f t="shared" si="1562"/>
        <v>SAND</v>
      </c>
      <c r="Q6706" s="236" t="e">
        <f t="shared" si="1558"/>
        <v>#N/A</v>
      </c>
      <c r="R6706" s="238">
        <v>35</v>
      </c>
      <c r="S6706" s="236" t="e">
        <f t="shared" si="1563"/>
        <v>#N/A</v>
      </c>
      <c r="T6706" s="236">
        <f t="shared" si="1550"/>
        <v>35.282262243989301</v>
      </c>
    </row>
    <row r="6707" spans="2:20" x14ac:dyDescent="0.2">
      <c r="B6707" s="239">
        <v>66.718999999999994</v>
      </c>
      <c r="C6707" s="3">
        <f t="shared" si="1551"/>
        <v>66.711999999999989</v>
      </c>
      <c r="D6707" s="239">
        <v>27.150500000000001</v>
      </c>
      <c r="E6707" s="239">
        <v>8.4900000000000003E-2</v>
      </c>
      <c r="F6707" s="239">
        <v>0.59060000000000001</v>
      </c>
      <c r="G6707">
        <f t="shared" si="1552"/>
        <v>27.268620000000002</v>
      </c>
      <c r="H6707" s="235">
        <f t="shared" si="1553"/>
        <v>0.3113468888414595</v>
      </c>
      <c r="I6707" s="236">
        <f t="shared" si="1554"/>
        <v>19.744590661939448</v>
      </c>
      <c r="J6707" s="237">
        <f t="shared" si="1559"/>
        <v>9.7445906619394478</v>
      </c>
      <c r="K6707" s="237">
        <f t="shared" si="1555"/>
        <v>1317.2011322393041</v>
      </c>
      <c r="L6707" s="237">
        <f t="shared" si="1560"/>
        <v>650.14934437393799</v>
      </c>
      <c r="M6707" s="236">
        <f t="shared" si="1556"/>
        <v>39.916088653062694</v>
      </c>
      <c r="N6707" s="236">
        <f t="shared" si="1557"/>
        <v>0.32714974249624096</v>
      </c>
      <c r="O6707" s="236">
        <f t="shared" si="1561"/>
        <v>2.0080987075171448</v>
      </c>
      <c r="P6707" s="236" t="str">
        <f t="shared" si="1562"/>
        <v>SAND</v>
      </c>
      <c r="Q6707" s="236" t="e">
        <f t="shared" si="1558"/>
        <v>#N/A</v>
      </c>
      <c r="R6707" s="238">
        <v>35</v>
      </c>
      <c r="S6707" s="236" t="e">
        <f t="shared" si="1563"/>
        <v>#N/A</v>
      </c>
      <c r="T6707" s="236">
        <f t="shared" si="1550"/>
        <v>35.212627763684388</v>
      </c>
    </row>
    <row r="6708" spans="2:20" x14ac:dyDescent="0.2">
      <c r="B6708" s="239">
        <v>66.73</v>
      </c>
      <c r="C6708" s="3">
        <f t="shared" si="1551"/>
        <v>66.722999999999999</v>
      </c>
      <c r="D6708" s="239">
        <v>26.799600000000002</v>
      </c>
      <c r="E6708" s="239">
        <v>8.4699999999999998E-2</v>
      </c>
      <c r="F6708" s="239">
        <v>0.59489999999999998</v>
      </c>
      <c r="G6708">
        <f t="shared" si="1552"/>
        <v>26.918580000000002</v>
      </c>
      <c r="H6708" s="235">
        <f t="shared" si="1553"/>
        <v>0.31465255596691943</v>
      </c>
      <c r="I6708" s="236">
        <f t="shared" si="1554"/>
        <v>19.736775194033399</v>
      </c>
      <c r="J6708" s="237">
        <f t="shared" si="1559"/>
        <v>9.7367751940333989</v>
      </c>
      <c r="K6708" s="237">
        <f t="shared" si="1555"/>
        <v>1316.8968512714905</v>
      </c>
      <c r="L6708" s="237">
        <f t="shared" si="1560"/>
        <v>649.7350086978488</v>
      </c>
      <c r="M6708" s="236">
        <f t="shared" si="1556"/>
        <v>39.403268726488243</v>
      </c>
      <c r="N6708" s="236">
        <f t="shared" si="1557"/>
        <v>0.33083762308888104</v>
      </c>
      <c r="O6708" s="236">
        <f t="shared" si="1561"/>
        <v>2.015107821486477</v>
      </c>
      <c r="P6708" s="236" t="str">
        <f t="shared" si="1562"/>
        <v>SAND</v>
      </c>
      <c r="Q6708" s="236" t="e">
        <f t="shared" si="1558"/>
        <v>#N/A</v>
      </c>
      <c r="R6708" s="238">
        <v>35</v>
      </c>
      <c r="S6708" s="236" t="e">
        <f t="shared" si="1563"/>
        <v>#N/A</v>
      </c>
      <c r="T6708" s="236">
        <f t="shared" si="1550"/>
        <v>35.150854755840925</v>
      </c>
    </row>
    <row r="6709" spans="2:20" x14ac:dyDescent="0.2">
      <c r="B6709" s="239">
        <v>66.739000000000004</v>
      </c>
      <c r="C6709" s="3">
        <f t="shared" si="1551"/>
        <v>66.731999999999999</v>
      </c>
      <c r="D6709" s="239">
        <v>26.6753</v>
      </c>
      <c r="E6709" s="239">
        <v>8.5199999999999998E-2</v>
      </c>
      <c r="F6709" s="239">
        <v>0.56930000000000003</v>
      </c>
      <c r="G6709">
        <f t="shared" si="1552"/>
        <v>26.789159999999999</v>
      </c>
      <c r="H6709" s="235">
        <f t="shared" si="1553"/>
        <v>0.31803908745179021</v>
      </c>
      <c r="I6709" s="236">
        <f t="shared" si="1554"/>
        <v>19.741793146741259</v>
      </c>
      <c r="J6709" s="237">
        <f t="shared" si="1559"/>
        <v>9.7417931467412586</v>
      </c>
      <c r="K6709" s="237">
        <f t="shared" si="1555"/>
        <v>1317.4093402683377</v>
      </c>
      <c r="L6709" s="237">
        <f t="shared" si="1560"/>
        <v>650.15753282036485</v>
      </c>
      <c r="M6709" s="236">
        <f t="shared" si="1556"/>
        <v>39.177813643465655</v>
      </c>
      <c r="N6709" s="236">
        <f t="shared" si="1557"/>
        <v>0.33448819886060227</v>
      </c>
      <c r="O6709" s="236">
        <f t="shared" si="1561"/>
        <v>2.0191782686976087</v>
      </c>
      <c r="P6709" s="236" t="str">
        <f t="shared" si="1562"/>
        <v>SAND</v>
      </c>
      <c r="Q6709" s="236" t="e">
        <f t="shared" si="1558"/>
        <v>#N/A</v>
      </c>
      <c r="R6709" s="238">
        <v>35</v>
      </c>
      <c r="S6709" s="236" t="e">
        <f t="shared" si="1563"/>
        <v>#N/A</v>
      </c>
      <c r="T6709" s="236">
        <f t="shared" si="1550"/>
        <v>35.123442157133184</v>
      </c>
    </row>
    <row r="6710" spans="2:20" x14ac:dyDescent="0.2">
      <c r="B6710" s="239">
        <v>66.748000000000005</v>
      </c>
      <c r="C6710" s="3">
        <f t="shared" si="1551"/>
        <v>66.741</v>
      </c>
      <c r="D6710" s="239">
        <v>26.633199999999999</v>
      </c>
      <c r="E6710" s="239">
        <v>7.5800000000000006E-2</v>
      </c>
      <c r="F6710" s="239">
        <v>0.56530000000000002</v>
      </c>
      <c r="G6710">
        <f t="shared" si="1552"/>
        <v>26.746259999999999</v>
      </c>
      <c r="H6710" s="235">
        <f t="shared" si="1553"/>
        <v>0.28340410958391943</v>
      </c>
      <c r="I6710" s="236">
        <f t="shared" si="1554"/>
        <v>19.604086665444104</v>
      </c>
      <c r="J6710" s="237">
        <f t="shared" si="1559"/>
        <v>9.6040866654441039</v>
      </c>
      <c r="K6710" s="237">
        <f t="shared" si="1555"/>
        <v>1308.3963481384048</v>
      </c>
      <c r="L6710" s="237">
        <f t="shared" si="1560"/>
        <v>641.05357674506308</v>
      </c>
      <c r="M6710" s="236">
        <f t="shared" si="1556"/>
        <v>39.681337995213823</v>
      </c>
      <c r="N6710" s="236">
        <f t="shared" si="1557"/>
        <v>0.29798099807981637</v>
      </c>
      <c r="O6710" s="236">
        <f t="shared" si="1561"/>
        <v>1.9960177804581563</v>
      </c>
      <c r="P6710" s="236" t="str">
        <f t="shared" si="1562"/>
        <v>SAND</v>
      </c>
      <c r="Q6710" s="236" t="e">
        <f t="shared" si="1558"/>
        <v>#N/A</v>
      </c>
      <c r="R6710" s="238">
        <v>35</v>
      </c>
      <c r="S6710" s="236" t="e">
        <f t="shared" si="1563"/>
        <v>#N/A</v>
      </c>
      <c r="T6710" s="236">
        <f t="shared" si="1550"/>
        <v>35.184449382364932</v>
      </c>
    </row>
    <row r="6711" spans="2:20" x14ac:dyDescent="0.2">
      <c r="B6711" s="239">
        <v>66.759</v>
      </c>
      <c r="C6711" s="3">
        <f t="shared" si="1551"/>
        <v>66.751999999999995</v>
      </c>
      <c r="D6711" s="239">
        <v>26.240100000000002</v>
      </c>
      <c r="E6711" s="239">
        <v>7.0800000000000002E-2</v>
      </c>
      <c r="F6711" s="239">
        <v>0.61050000000000004</v>
      </c>
      <c r="G6711">
        <f t="shared" si="1552"/>
        <v>26.362200000000001</v>
      </c>
      <c r="H6711" s="235">
        <f t="shared" si="1553"/>
        <v>0.26856635637389897</v>
      </c>
      <c r="I6711" s="236">
        <f t="shared" si="1554"/>
        <v>19.5184163356261</v>
      </c>
      <c r="J6711" s="237">
        <f t="shared" si="1559"/>
        <v>9.5184163356260996</v>
      </c>
      <c r="K6711" s="237">
        <f t="shared" si="1555"/>
        <v>1302.8933272357133</v>
      </c>
      <c r="L6711" s="237">
        <f t="shared" si="1560"/>
        <v>635.43995615006281</v>
      </c>
      <c r="M6711" s="236">
        <f t="shared" si="1556"/>
        <v>39.436151960904368</v>
      </c>
      <c r="N6711" s="236">
        <f t="shared" si="1557"/>
        <v>0.28252976398963581</v>
      </c>
      <c r="O6711" s="236">
        <f t="shared" si="1561"/>
        <v>1.9906276590121426</v>
      </c>
      <c r="P6711" s="236" t="str">
        <f t="shared" si="1562"/>
        <v>SAND</v>
      </c>
      <c r="Q6711" s="236" t="e">
        <f t="shared" si="1558"/>
        <v>#N/A</v>
      </c>
      <c r="R6711" s="238">
        <v>35</v>
      </c>
      <c r="S6711" s="236" t="e">
        <f t="shared" si="1563"/>
        <v>#N/A</v>
      </c>
      <c r="T6711" s="236">
        <f t="shared" si="1550"/>
        <v>35.154839845724503</v>
      </c>
    </row>
    <row r="6712" spans="2:20" x14ac:dyDescent="0.2">
      <c r="B6712" s="239">
        <v>66.769000000000005</v>
      </c>
      <c r="C6712" s="3">
        <f t="shared" si="1551"/>
        <v>66.762</v>
      </c>
      <c r="D6712" s="239">
        <v>26.4739</v>
      </c>
      <c r="E6712" s="239">
        <v>7.0300000000000001E-2</v>
      </c>
      <c r="F6712" s="239">
        <v>0.54479999999999995</v>
      </c>
      <c r="G6712">
        <f t="shared" si="1552"/>
        <v>26.58286</v>
      </c>
      <c r="H6712" s="235">
        <f t="shared" si="1553"/>
        <v>0.26445611946946262</v>
      </c>
      <c r="I6712" s="236">
        <f t="shared" si="1554"/>
        <v>19.513363965579543</v>
      </c>
      <c r="J6712" s="237">
        <f t="shared" si="1559"/>
        <v>9.5133639655795434</v>
      </c>
      <c r="K6712" s="237">
        <f t="shared" si="1555"/>
        <v>1302.7512050700216</v>
      </c>
      <c r="L6712" s="237">
        <f t="shared" si="1560"/>
        <v>635.19779861778056</v>
      </c>
      <c r="M6712" s="236">
        <f t="shared" si="1556"/>
        <v>39.79879787042816</v>
      </c>
      <c r="N6712" s="236">
        <f t="shared" si="1557"/>
        <v>0.27808424627547063</v>
      </c>
      <c r="O6712" s="236">
        <f t="shared" si="1561"/>
        <v>1.984569640990774</v>
      </c>
      <c r="P6712" s="236" t="str">
        <f t="shared" si="1562"/>
        <v>SAND</v>
      </c>
      <c r="Q6712" s="236" t="e">
        <f t="shared" si="1558"/>
        <v>#N/A</v>
      </c>
      <c r="R6712" s="238">
        <v>35</v>
      </c>
      <c r="S6712" s="236" t="e">
        <f t="shared" si="1563"/>
        <v>#N/A</v>
      </c>
      <c r="T6712" s="236">
        <f t="shared" si="1550"/>
        <v>35.198569497650603</v>
      </c>
    </row>
    <row r="6713" spans="2:20" x14ac:dyDescent="0.2">
      <c r="B6713" s="239">
        <v>66.778999999999996</v>
      </c>
      <c r="C6713" s="3">
        <f t="shared" si="1551"/>
        <v>66.771999999999991</v>
      </c>
      <c r="D6713" s="239">
        <v>26.170400000000001</v>
      </c>
      <c r="E6713" s="239">
        <v>7.9200000000000007E-2</v>
      </c>
      <c r="F6713" s="239">
        <v>0.58069999999999999</v>
      </c>
      <c r="G6713">
        <f t="shared" si="1552"/>
        <v>26.286540000000002</v>
      </c>
      <c r="H6713" s="235">
        <f t="shared" si="1553"/>
        <v>0.30129488323682008</v>
      </c>
      <c r="I6713" s="236">
        <f t="shared" si="1554"/>
        <v>19.648761127437325</v>
      </c>
      <c r="J6713" s="237">
        <f t="shared" si="1559"/>
        <v>9.6487611274373251</v>
      </c>
      <c r="K6713" s="237">
        <f t="shared" si="1555"/>
        <v>1311.987078001245</v>
      </c>
      <c r="L6713" s="237">
        <f t="shared" si="1560"/>
        <v>644.33461932913713</v>
      </c>
      <c r="M6713" s="236">
        <f t="shared" si="1556"/>
        <v>38.760222053568299</v>
      </c>
      <c r="N6713" s="236">
        <f t="shared" si="1557"/>
        <v>0.3171227939389335</v>
      </c>
      <c r="O6713" s="236">
        <f t="shared" si="1561"/>
        <v>2.0151028082371609</v>
      </c>
      <c r="P6713" s="236" t="str">
        <f t="shared" si="1562"/>
        <v>SAND</v>
      </c>
      <c r="Q6713" s="236" t="e">
        <f t="shared" si="1558"/>
        <v>#N/A</v>
      </c>
      <c r="R6713" s="238">
        <v>35</v>
      </c>
      <c r="S6713" s="236" t="e">
        <f t="shared" si="1563"/>
        <v>#N/A</v>
      </c>
      <c r="T6713" s="236">
        <f t="shared" si="1550"/>
        <v>35.072248820586921</v>
      </c>
    </row>
    <row r="6714" spans="2:20" x14ac:dyDescent="0.2">
      <c r="B6714" s="239">
        <v>66.789000000000001</v>
      </c>
      <c r="C6714" s="3">
        <f t="shared" si="1551"/>
        <v>66.781999999999996</v>
      </c>
      <c r="D6714" s="239">
        <v>26.055800000000001</v>
      </c>
      <c r="E6714" s="239">
        <v>7.3400000000000007E-2</v>
      </c>
      <c r="F6714" s="239">
        <v>0.60199999999999998</v>
      </c>
      <c r="G6714">
        <f t="shared" si="1552"/>
        <v>26.176200000000001</v>
      </c>
      <c r="H6714" s="235">
        <f t="shared" si="1553"/>
        <v>0.28040739297529821</v>
      </c>
      <c r="I6714" s="236">
        <f t="shared" si="1554"/>
        <v>19.557938356374788</v>
      </c>
      <c r="J6714" s="237">
        <f t="shared" si="1559"/>
        <v>9.5579383563747875</v>
      </c>
      <c r="K6714" s="237">
        <f t="shared" si="1555"/>
        <v>1306.1182393154211</v>
      </c>
      <c r="L6714" s="237">
        <f t="shared" si="1560"/>
        <v>638.36514488391572</v>
      </c>
      <c r="M6714" s="236">
        <f t="shared" si="1556"/>
        <v>38.95902205814685</v>
      </c>
      <c r="N6714" s="236">
        <f t="shared" si="1557"/>
        <v>0.2951337301835214</v>
      </c>
      <c r="O6714" s="236">
        <f t="shared" si="1561"/>
        <v>2.0020589708966123</v>
      </c>
      <c r="P6714" s="236" t="str">
        <f t="shared" si="1562"/>
        <v>SAND</v>
      </c>
      <c r="Q6714" s="236" t="e">
        <f t="shared" si="1558"/>
        <v>#N/A</v>
      </c>
      <c r="R6714" s="238">
        <v>35</v>
      </c>
      <c r="S6714" s="236" t="e">
        <f t="shared" si="1563"/>
        <v>#N/A</v>
      </c>
      <c r="T6714" s="236">
        <f t="shared" si="1550"/>
        <v>35.096688514438412</v>
      </c>
    </row>
    <row r="6715" spans="2:20" x14ac:dyDescent="0.2">
      <c r="B6715" s="239">
        <v>66.799000000000007</v>
      </c>
      <c r="C6715" s="3">
        <f t="shared" si="1551"/>
        <v>66.792000000000002</v>
      </c>
      <c r="D6715" s="239">
        <v>26.077999999999999</v>
      </c>
      <c r="E6715" s="239">
        <v>7.7200000000000005E-2</v>
      </c>
      <c r="F6715" s="239">
        <v>0.55720000000000003</v>
      </c>
      <c r="G6715">
        <f t="shared" si="1552"/>
        <v>26.189439999999998</v>
      </c>
      <c r="H6715" s="235">
        <f t="shared" si="1553"/>
        <v>0.29477529874636499</v>
      </c>
      <c r="I6715" s="236">
        <f t="shared" si="1554"/>
        <v>19.617323356225288</v>
      </c>
      <c r="J6715" s="237">
        <f t="shared" si="1559"/>
        <v>9.6173233562252882</v>
      </c>
      <c r="K6715" s="237">
        <f t="shared" si="1555"/>
        <v>1310.2802616089996</v>
      </c>
      <c r="L6715" s="237">
        <f t="shared" si="1560"/>
        <v>642.42758287249308</v>
      </c>
      <c r="M6715" s="236">
        <f t="shared" si="1556"/>
        <v>38.726792562592898</v>
      </c>
      <c r="N6715" s="236">
        <f t="shared" si="1557"/>
        <v>0.31029986869240117</v>
      </c>
      <c r="O6715" s="236">
        <f t="shared" si="1561"/>
        <v>2.0120918563611458</v>
      </c>
      <c r="P6715" s="236" t="str">
        <f t="shared" si="1562"/>
        <v>SAND</v>
      </c>
      <c r="Q6715" s="236" t="e">
        <f t="shared" si="1558"/>
        <v>#N/A</v>
      </c>
      <c r="R6715" s="238">
        <v>35</v>
      </c>
      <c r="S6715" s="236" t="e">
        <f t="shared" si="1563"/>
        <v>#N/A</v>
      </c>
      <c r="T6715" s="236">
        <f t="shared" si="1550"/>
        <v>35.06812682185469</v>
      </c>
    </row>
    <row r="6716" spans="2:20" x14ac:dyDescent="0.2">
      <c r="B6716" s="239">
        <v>66.808999999999997</v>
      </c>
      <c r="C6716" s="3">
        <f t="shared" si="1551"/>
        <v>66.801999999999992</v>
      </c>
      <c r="D6716" s="239">
        <v>25.924099999999999</v>
      </c>
      <c r="E6716" s="239">
        <v>7.7100000000000002E-2</v>
      </c>
      <c r="F6716" s="239">
        <v>0.50970000000000004</v>
      </c>
      <c r="G6716">
        <f t="shared" si="1552"/>
        <v>26.026039999999998</v>
      </c>
      <c r="H6716" s="235">
        <f t="shared" si="1553"/>
        <v>0.29624176401788366</v>
      </c>
      <c r="I6716" s="236">
        <f t="shared" si="1554"/>
        <v>19.613357158754823</v>
      </c>
      <c r="J6716" s="237">
        <f t="shared" si="1559"/>
        <v>9.6133571587548232</v>
      </c>
      <c r="K6716" s="237">
        <f t="shared" si="1555"/>
        <v>1310.2114849191396</v>
      </c>
      <c r="L6716" s="237">
        <f t="shared" si="1560"/>
        <v>642.25877841925092</v>
      </c>
      <c r="M6716" s="236">
        <f t="shared" si="1556"/>
        <v>38.482663601597309</v>
      </c>
      <c r="N6716" s="236">
        <f t="shared" si="1557"/>
        <v>0.31194584455445584</v>
      </c>
      <c r="O6716" s="236">
        <f t="shared" si="1561"/>
        <v>2.0154738058503132</v>
      </c>
      <c r="P6716" s="236" t="str">
        <f t="shared" si="1562"/>
        <v>SAND</v>
      </c>
      <c r="Q6716" s="236" t="e">
        <f t="shared" si="1558"/>
        <v>#N/A</v>
      </c>
      <c r="R6716" s="238">
        <v>35</v>
      </c>
      <c r="S6716" s="236" t="e">
        <f t="shared" si="1563"/>
        <v>#N/A</v>
      </c>
      <c r="T6716" s="236">
        <f t="shared" si="1550"/>
        <v>35.037916368069524</v>
      </c>
    </row>
    <row r="6717" spans="2:20" x14ac:dyDescent="0.2">
      <c r="B6717" s="239">
        <v>66.819999999999993</v>
      </c>
      <c r="C6717" s="3">
        <f t="shared" si="1551"/>
        <v>66.812999999999988</v>
      </c>
      <c r="D6717" s="239">
        <v>24.952000000000002</v>
      </c>
      <c r="E6717" s="239">
        <v>7.4999999999999997E-2</v>
      </c>
      <c r="F6717" s="239">
        <v>0.58899999999999997</v>
      </c>
      <c r="G6717">
        <f t="shared" si="1552"/>
        <v>25.069800000000001</v>
      </c>
      <c r="H6717" s="235">
        <f t="shared" si="1553"/>
        <v>0.29916473206806599</v>
      </c>
      <c r="I6717" s="236">
        <f t="shared" si="1554"/>
        <v>19.566344247900695</v>
      </c>
      <c r="J6717" s="237">
        <f t="shared" si="1559"/>
        <v>9.5663442479006946</v>
      </c>
      <c r="K6717" s="237">
        <f t="shared" si="1555"/>
        <v>1307.286158234989</v>
      </c>
      <c r="L6717" s="237">
        <f t="shared" si="1560"/>
        <v>639.2231226447243</v>
      </c>
      <c r="M6717" s="236">
        <f t="shared" si="1556"/>
        <v>37.174052376969549</v>
      </c>
      <c r="N6717" s="236">
        <f t="shared" si="1557"/>
        <v>0.31562317227641107</v>
      </c>
      <c r="O6717" s="236">
        <f t="shared" si="1561"/>
        <v>2.0313277164347676</v>
      </c>
      <c r="P6717" s="236" t="str">
        <f t="shared" si="1562"/>
        <v>SAND</v>
      </c>
      <c r="Q6717" s="236" t="e">
        <f t="shared" si="1558"/>
        <v>#N/A</v>
      </c>
      <c r="R6717" s="238">
        <v>35</v>
      </c>
      <c r="S6717" s="236" t="e">
        <f t="shared" si="1563"/>
        <v>#N/A</v>
      </c>
      <c r="T6717" s="236">
        <f t="shared" si="1550"/>
        <v>34.872638971603763</v>
      </c>
    </row>
    <row r="6718" spans="2:20" x14ac:dyDescent="0.2">
      <c r="B6718" s="239">
        <v>66.83</v>
      </c>
      <c r="C6718" s="3">
        <f t="shared" si="1551"/>
        <v>66.822999999999993</v>
      </c>
      <c r="D6718" s="239">
        <v>24.662600000000001</v>
      </c>
      <c r="E6718" s="239">
        <v>8.7599999999999997E-2</v>
      </c>
      <c r="F6718" s="239">
        <v>0.49590000000000001</v>
      </c>
      <c r="G6718">
        <f t="shared" si="1552"/>
        <v>24.761780000000002</v>
      </c>
      <c r="H6718" s="235">
        <f t="shared" si="1553"/>
        <v>0.35377101323087434</v>
      </c>
      <c r="I6718" s="236">
        <f t="shared" si="1554"/>
        <v>19.743607815683696</v>
      </c>
      <c r="J6718" s="237">
        <f t="shared" si="1559"/>
        <v>9.7436078156836956</v>
      </c>
      <c r="K6718" s="237">
        <f t="shared" si="1555"/>
        <v>1319.3271050674314</v>
      </c>
      <c r="L6718" s="237">
        <f t="shared" si="1560"/>
        <v>651.16531032214141</v>
      </c>
      <c r="M6718" s="236">
        <f t="shared" si="1556"/>
        <v>36.000770500712385</v>
      </c>
      <c r="N6718" s="236">
        <f t="shared" si="1557"/>
        <v>0.37368103240994893</v>
      </c>
      <c r="O6718" s="236">
        <f t="shared" si="1561"/>
        <v>2.0712943933176873</v>
      </c>
      <c r="P6718" s="236" t="str">
        <f t="shared" si="1562"/>
        <v>SAND</v>
      </c>
      <c r="Q6718" s="236" t="e">
        <f t="shared" si="1558"/>
        <v>#N/A</v>
      </c>
      <c r="R6718" s="238">
        <v>35</v>
      </c>
      <c r="S6718" s="236" t="e">
        <f t="shared" si="1563"/>
        <v>#N/A</v>
      </c>
      <c r="T6718" s="236">
        <f t="shared" si="1550"/>
        <v>34.71942975363168</v>
      </c>
    </row>
    <row r="6719" spans="2:20" x14ac:dyDescent="0.2">
      <c r="B6719" s="239">
        <v>66.840999999999994</v>
      </c>
      <c r="C6719" s="3">
        <f t="shared" si="1551"/>
        <v>66.833999999999989</v>
      </c>
      <c r="D6719" s="239">
        <v>24.313800000000001</v>
      </c>
      <c r="E6719" s="239">
        <v>9.06E-2</v>
      </c>
      <c r="F6719" s="239">
        <v>0.51880000000000004</v>
      </c>
      <c r="G6719">
        <f t="shared" si="1552"/>
        <v>24.417560000000002</v>
      </c>
      <c r="H6719" s="235">
        <f t="shared" si="1553"/>
        <v>0.37104444506330686</v>
      </c>
      <c r="I6719" s="236">
        <f t="shared" si="1554"/>
        <v>19.777621225315109</v>
      </c>
      <c r="J6719" s="237">
        <f t="shared" si="1559"/>
        <v>9.7776212253151087</v>
      </c>
      <c r="K6719" s="237">
        <f t="shared" si="1555"/>
        <v>1321.8175369727098</v>
      </c>
      <c r="L6719" s="237">
        <f t="shared" si="1560"/>
        <v>653.54598032128717</v>
      </c>
      <c r="M6719" s="236">
        <f t="shared" si="1556"/>
        <v>35.339124037873027</v>
      </c>
      <c r="N6719" s="236">
        <f t="shared" si="1557"/>
        <v>0.39228009294369542</v>
      </c>
      <c r="O6719" s="236">
        <f t="shared" si="1561"/>
        <v>2.0868731958853792</v>
      </c>
      <c r="P6719" s="236" t="str">
        <f t="shared" si="1562"/>
        <v>SAND</v>
      </c>
      <c r="Q6719" s="236" t="e">
        <f t="shared" si="1558"/>
        <v>#N/A</v>
      </c>
      <c r="R6719" s="238">
        <v>35</v>
      </c>
      <c r="S6719" s="236" t="e">
        <f t="shared" si="1563"/>
        <v>#N/A</v>
      </c>
      <c r="T6719" s="236">
        <f t="shared" si="1550"/>
        <v>34.630813583393135</v>
      </c>
    </row>
    <row r="6720" spans="2:20" x14ac:dyDescent="0.2">
      <c r="B6720" s="239">
        <v>66.850999999999999</v>
      </c>
      <c r="C6720" s="3">
        <f t="shared" si="1551"/>
        <v>66.843999999999994</v>
      </c>
      <c r="D6720" s="239">
        <v>24.0122</v>
      </c>
      <c r="E6720" s="239">
        <v>9.0399999999999994E-2</v>
      </c>
      <c r="F6720" s="239">
        <v>0.55689999999999995</v>
      </c>
      <c r="G6720">
        <f t="shared" si="1552"/>
        <v>24.12358</v>
      </c>
      <c r="H6720" s="235">
        <f t="shared" si="1553"/>
        <v>0.3747370829702722</v>
      </c>
      <c r="I6720" s="236">
        <f t="shared" si="1554"/>
        <v>19.77029539944672</v>
      </c>
      <c r="J6720" s="237">
        <f t="shared" si="1559"/>
        <v>9.7702953994467201</v>
      </c>
      <c r="K6720" s="237">
        <f t="shared" si="1555"/>
        <v>1321.5256256806165</v>
      </c>
      <c r="L6720" s="237">
        <f t="shared" si="1560"/>
        <v>653.15401774841268</v>
      </c>
      <c r="M6720" s="236">
        <f t="shared" si="1556"/>
        <v>34.91068531266766</v>
      </c>
      <c r="N6720" s="236">
        <f t="shared" si="1557"/>
        <v>0.39645550578904065</v>
      </c>
      <c r="O6720" s="236">
        <f t="shared" si="1561"/>
        <v>2.0935452206593803</v>
      </c>
      <c r="P6720" s="236" t="str">
        <f t="shared" si="1562"/>
        <v>SAND</v>
      </c>
      <c r="Q6720" s="236" t="e">
        <f t="shared" si="1558"/>
        <v>#N/A</v>
      </c>
      <c r="R6720" s="238">
        <v>35</v>
      </c>
      <c r="S6720" s="236" t="e">
        <f t="shared" si="1563"/>
        <v>#N/A</v>
      </c>
      <c r="T6720" s="236">
        <f t="shared" si="1550"/>
        <v>34.572542117261754</v>
      </c>
    </row>
    <row r="6721" spans="2:20" x14ac:dyDescent="0.2">
      <c r="B6721" s="239">
        <v>66.861000000000004</v>
      </c>
      <c r="C6721" s="3">
        <f t="shared" si="1551"/>
        <v>66.853999999999999</v>
      </c>
      <c r="D6721" s="239">
        <v>23.791799999999999</v>
      </c>
      <c r="E6721" s="239">
        <v>9.01E-2</v>
      </c>
      <c r="F6721" s="239">
        <v>0.55279999999999996</v>
      </c>
      <c r="G6721">
        <f t="shared" si="1552"/>
        <v>23.902359999999998</v>
      </c>
      <c r="H6721" s="235">
        <f t="shared" si="1553"/>
        <v>0.37695022583544058</v>
      </c>
      <c r="I6721" s="236">
        <f t="shared" si="1554"/>
        <v>19.762796694851641</v>
      </c>
      <c r="J6721" s="237">
        <f t="shared" si="1559"/>
        <v>9.7627966948516409</v>
      </c>
      <c r="K6721" s="237">
        <f t="shared" si="1555"/>
        <v>1321.2220102376116</v>
      </c>
      <c r="L6721" s="237">
        <f t="shared" si="1560"/>
        <v>652.75034981447561</v>
      </c>
      <c r="M6721" s="236">
        <f t="shared" si="1556"/>
        <v>34.593835141077115</v>
      </c>
      <c r="N6721" s="236">
        <f t="shared" si="1557"/>
        <v>0.39900557731345798</v>
      </c>
      <c r="O6721" s="236">
        <f t="shared" si="1561"/>
        <v>2.0982784466287692</v>
      </c>
      <c r="P6721" s="236" t="str">
        <f t="shared" si="1562"/>
        <v>SAND</v>
      </c>
      <c r="Q6721" s="236" t="e">
        <f t="shared" si="1558"/>
        <v>#N/A</v>
      </c>
      <c r="R6721" s="238">
        <v>35</v>
      </c>
      <c r="S6721" s="236" t="e">
        <f t="shared" si="1563"/>
        <v>#N/A</v>
      </c>
      <c r="T6721" s="236">
        <f t="shared" si="1550"/>
        <v>34.528985825727446</v>
      </c>
    </row>
    <row r="6722" spans="2:20" x14ac:dyDescent="0.2">
      <c r="B6722" s="239">
        <v>66.870999999999995</v>
      </c>
      <c r="C6722" s="3">
        <f t="shared" si="1551"/>
        <v>66.86399999999999</v>
      </c>
      <c r="D6722" s="239">
        <v>23.6526</v>
      </c>
      <c r="E6722" s="239">
        <v>9.3100000000000002E-2</v>
      </c>
      <c r="F6722" s="239">
        <v>0.55910000000000004</v>
      </c>
      <c r="G6722">
        <f t="shared" si="1552"/>
        <v>23.764420000000001</v>
      </c>
      <c r="H6722" s="235">
        <f t="shared" si="1553"/>
        <v>0.39176213852473568</v>
      </c>
      <c r="I6722" s="236">
        <f t="shared" si="1554"/>
        <v>19.798941690372672</v>
      </c>
      <c r="J6722" s="237">
        <f t="shared" si="1559"/>
        <v>9.798941690372672</v>
      </c>
      <c r="K6722" s="237">
        <f t="shared" si="1555"/>
        <v>1323.8364371850782</v>
      </c>
      <c r="L6722" s="237">
        <f t="shared" si="1560"/>
        <v>655.26502977691086</v>
      </c>
      <c r="M6722" s="236">
        <f t="shared" si="1556"/>
        <v>34.246575878549422</v>
      </c>
      <c r="N6722" s="236">
        <f t="shared" si="1557"/>
        <v>0.41487334649474522</v>
      </c>
      <c r="O6722" s="236">
        <f t="shared" si="1561"/>
        <v>2.1089829772523667</v>
      </c>
      <c r="P6722" s="236" t="str">
        <f t="shared" si="1562"/>
        <v>SAND</v>
      </c>
      <c r="Q6722" s="236" t="e">
        <f t="shared" si="1558"/>
        <v>#N/A</v>
      </c>
      <c r="R6722" s="238">
        <v>35</v>
      </c>
      <c r="S6722" s="236" t="e">
        <f t="shared" si="1563"/>
        <v>#N/A</v>
      </c>
      <c r="T6722" s="236">
        <f t="shared" si="1550"/>
        <v>34.4807887088486</v>
      </c>
    </row>
    <row r="6723" spans="2:20" x14ac:dyDescent="0.2">
      <c r="B6723" s="239">
        <v>66.882000000000005</v>
      </c>
      <c r="C6723" s="3">
        <f t="shared" si="1551"/>
        <v>66.875</v>
      </c>
      <c r="D6723" s="239">
        <v>23.78</v>
      </c>
      <c r="E6723" s="239">
        <v>9.1499999999999998E-2</v>
      </c>
      <c r="F6723" s="239">
        <v>0.5484</v>
      </c>
      <c r="G6723">
        <f t="shared" si="1552"/>
        <v>23.889680000000002</v>
      </c>
      <c r="H6723" s="235">
        <f t="shared" si="1553"/>
        <v>0.38301057192896676</v>
      </c>
      <c r="I6723" s="236">
        <f t="shared" si="1554"/>
        <v>19.78066930757176</v>
      </c>
      <c r="J6723" s="237">
        <f t="shared" si="1559"/>
        <v>9.7806693075717597</v>
      </c>
      <c r="K6723" s="237">
        <f t="shared" si="1555"/>
        <v>1322.8322599438613</v>
      </c>
      <c r="L6723" s="237">
        <f t="shared" si="1560"/>
        <v>654.15072462901446</v>
      </c>
      <c r="M6723" s="236">
        <f t="shared" si="1556"/>
        <v>34.497932801120676</v>
      </c>
      <c r="N6723" s="236">
        <f t="shared" si="1557"/>
        <v>0.40546203463582364</v>
      </c>
      <c r="O6723" s="236">
        <f t="shared" si="1561"/>
        <v>2.1021239590134195</v>
      </c>
      <c r="P6723" s="236" t="str">
        <f t="shared" si="1562"/>
        <v>SAND</v>
      </c>
      <c r="Q6723" s="236" t="e">
        <f t="shared" si="1558"/>
        <v>#N/A</v>
      </c>
      <c r="R6723" s="238">
        <v>35</v>
      </c>
      <c r="S6723" s="236" t="e">
        <f t="shared" si="1563"/>
        <v>#N/A</v>
      </c>
      <c r="T6723" s="236">
        <f t="shared" si="1550"/>
        <v>34.515723790745</v>
      </c>
    </row>
    <row r="6724" spans="2:20" x14ac:dyDescent="0.2">
      <c r="B6724" s="239">
        <v>66.891999999999996</v>
      </c>
      <c r="C6724" s="3">
        <f t="shared" si="1551"/>
        <v>66.884999999999991</v>
      </c>
      <c r="D6724" s="239">
        <v>23.9071</v>
      </c>
      <c r="E6724" s="239">
        <v>9.4E-2</v>
      </c>
      <c r="F6724" s="239">
        <v>0.5907</v>
      </c>
      <c r="G6724">
        <f t="shared" si="1552"/>
        <v>24.02524</v>
      </c>
      <c r="H6724" s="235">
        <f t="shared" si="1553"/>
        <v>0.39125519661822317</v>
      </c>
      <c r="I6724" s="236">
        <f t="shared" si="1554"/>
        <v>19.814489220371758</v>
      </c>
      <c r="J6724" s="237">
        <f t="shared" si="1559"/>
        <v>9.8144892203717582</v>
      </c>
      <c r="K6724" s="237">
        <f t="shared" si="1555"/>
        <v>1325.2921115045649</v>
      </c>
      <c r="L6724" s="237">
        <f t="shared" si="1560"/>
        <v>656.5108129291076</v>
      </c>
      <c r="M6724" s="236">
        <f t="shared" si="1556"/>
        <v>34.576655009255205</v>
      </c>
      <c r="N6724" s="236">
        <f t="shared" si="1557"/>
        <v>0.41409786692788025</v>
      </c>
      <c r="O6724" s="236">
        <f t="shared" si="1561"/>
        <v>2.1048374313547367</v>
      </c>
      <c r="P6724" s="236" t="str">
        <f t="shared" si="1562"/>
        <v>SAND</v>
      </c>
      <c r="Q6724" s="236" t="e">
        <f t="shared" si="1558"/>
        <v>#N/A</v>
      </c>
      <c r="R6724" s="238">
        <v>35</v>
      </c>
      <c r="S6724" s="236" t="e">
        <f t="shared" si="1563"/>
        <v>#N/A</v>
      </c>
      <c r="T6724" s="236">
        <f t="shared" si="1550"/>
        <v>34.526612744303733</v>
      </c>
    </row>
    <row r="6725" spans="2:20" x14ac:dyDescent="0.2">
      <c r="B6725" s="239">
        <v>66.900999999999996</v>
      </c>
      <c r="C6725" s="3">
        <f t="shared" si="1551"/>
        <v>66.893999999999991</v>
      </c>
      <c r="D6725" s="239">
        <v>23.7348</v>
      </c>
      <c r="E6725" s="239">
        <v>9.4700000000000006E-2</v>
      </c>
      <c r="F6725" s="239">
        <v>0.61599999999999999</v>
      </c>
      <c r="G6725">
        <f t="shared" si="1552"/>
        <v>23.858000000000001</v>
      </c>
      <c r="H6725" s="235">
        <f t="shared" si="1553"/>
        <v>0.39693184675999671</v>
      </c>
      <c r="I6725" s="236">
        <f t="shared" si="1554"/>
        <v>19.82045862851416</v>
      </c>
      <c r="J6725" s="237">
        <f t="shared" si="1559"/>
        <v>9.8204586285141602</v>
      </c>
      <c r="K6725" s="237">
        <f t="shared" si="1555"/>
        <v>1325.869759495826</v>
      </c>
      <c r="L6725" s="237">
        <f t="shared" si="1560"/>
        <v>656.99850270622585</v>
      </c>
      <c r="M6725" s="236">
        <f t="shared" si="1556"/>
        <v>34.295557977214024</v>
      </c>
      <c r="N6725" s="236">
        <f t="shared" si="1557"/>
        <v>0.42028871211549063</v>
      </c>
      <c r="O6725" s="236">
        <f t="shared" si="1561"/>
        <v>2.1106580144621581</v>
      </c>
      <c r="P6725" s="236" t="str">
        <f t="shared" si="1562"/>
        <v>SAND</v>
      </c>
      <c r="Q6725" s="236" t="e">
        <f t="shared" si="1558"/>
        <v>#N/A</v>
      </c>
      <c r="R6725" s="238">
        <v>35</v>
      </c>
      <c r="S6725" s="236" t="e">
        <f t="shared" si="1563"/>
        <v>#N/A</v>
      </c>
      <c r="T6725" s="236">
        <f t="shared" si="1550"/>
        <v>34.487616603851379</v>
      </c>
    </row>
    <row r="6726" spans="2:20" x14ac:dyDescent="0.2">
      <c r="B6726" s="239">
        <v>66.912000000000006</v>
      </c>
      <c r="C6726" s="3">
        <f t="shared" si="1551"/>
        <v>66.905000000000001</v>
      </c>
      <c r="D6726" s="239">
        <v>23.744499999999999</v>
      </c>
      <c r="E6726" s="239">
        <v>9.8599999999999993E-2</v>
      </c>
      <c r="F6726" s="239">
        <v>0.56920000000000004</v>
      </c>
      <c r="G6726">
        <f t="shared" si="1552"/>
        <v>23.858339999999998</v>
      </c>
      <c r="H6726" s="235">
        <f t="shared" si="1553"/>
        <v>0.41327267529928735</v>
      </c>
      <c r="I6726" s="236">
        <f t="shared" si="1554"/>
        <v>19.867786925718629</v>
      </c>
      <c r="J6726" s="237">
        <f t="shared" si="1559"/>
        <v>9.8677869257186295</v>
      </c>
      <c r="K6726" s="237">
        <f t="shared" si="1555"/>
        <v>1329.2542842652049</v>
      </c>
      <c r="L6726" s="237">
        <f t="shared" si="1560"/>
        <v>660.273358773685</v>
      </c>
      <c r="M6726" s="236">
        <f t="shared" si="1556"/>
        <v>34.120846186460859</v>
      </c>
      <c r="N6726" s="236">
        <f t="shared" si="1557"/>
        <v>0.43765646437722799</v>
      </c>
      <c r="O6726" s="236">
        <f t="shared" si="1561"/>
        <v>2.1197742720898387</v>
      </c>
      <c r="P6726" s="236" t="str">
        <f t="shared" si="1562"/>
        <v>SAND</v>
      </c>
      <c r="Q6726" s="236" t="e">
        <f t="shared" si="1558"/>
        <v>#N/A</v>
      </c>
      <c r="R6726" s="238">
        <v>35</v>
      </c>
      <c r="S6726" s="236" t="e">
        <f t="shared" si="1563"/>
        <v>#N/A</v>
      </c>
      <c r="T6726" s="236">
        <f t="shared" si="1550"/>
        <v>34.463217722980545</v>
      </c>
    </row>
    <row r="6727" spans="2:20" x14ac:dyDescent="0.2">
      <c r="B6727" s="239">
        <v>66.921999999999997</v>
      </c>
      <c r="C6727" s="3">
        <f t="shared" si="1551"/>
        <v>66.914999999999992</v>
      </c>
      <c r="D6727" s="239">
        <v>23.698699999999999</v>
      </c>
      <c r="E6727" s="239">
        <v>9.8799999999999999E-2</v>
      </c>
      <c r="F6727" s="239">
        <v>0.58879999999999999</v>
      </c>
      <c r="G6727">
        <f t="shared" si="1552"/>
        <v>23.816459999999999</v>
      </c>
      <c r="H6727" s="235">
        <f t="shared" si="1553"/>
        <v>0.41483914905909614</v>
      </c>
      <c r="I6727" s="236">
        <f t="shared" si="1554"/>
        <v>19.869476293629976</v>
      </c>
      <c r="J6727" s="237">
        <f t="shared" si="1559"/>
        <v>9.869476293629976</v>
      </c>
      <c r="K6727" s="237">
        <f t="shared" si="1555"/>
        <v>1329.5660061882497</v>
      </c>
      <c r="L6727" s="237">
        <f t="shared" si="1560"/>
        <v>660.48509252230519</v>
      </c>
      <c r="M6727" s="236">
        <f t="shared" si="1556"/>
        <v>34.046028060886698</v>
      </c>
      <c r="N6727" s="236">
        <f t="shared" si="1557"/>
        <v>0.4393670376495265</v>
      </c>
      <c r="O6727" s="236">
        <f t="shared" si="1561"/>
        <v>2.1213339388183887</v>
      </c>
      <c r="P6727" s="236" t="str">
        <f t="shared" si="1562"/>
        <v>SAND</v>
      </c>
      <c r="Q6727" s="236" t="e">
        <f t="shared" si="1558"/>
        <v>#N/A</v>
      </c>
      <c r="R6727" s="238">
        <v>35</v>
      </c>
      <c r="S6727" s="236" t="e">
        <f t="shared" si="1563"/>
        <v>#N/A</v>
      </c>
      <c r="T6727" s="236">
        <f t="shared" si="1550"/>
        <v>34.452730980339425</v>
      </c>
    </row>
    <row r="6728" spans="2:20" x14ac:dyDescent="0.2">
      <c r="B6728" s="239">
        <v>66.933000000000007</v>
      </c>
      <c r="C6728" s="3">
        <f t="shared" si="1551"/>
        <v>66.926000000000002</v>
      </c>
      <c r="D6728" s="239">
        <v>23.7181</v>
      </c>
      <c r="E6728" s="239">
        <v>0.10050000000000001</v>
      </c>
      <c r="F6728" s="239">
        <v>0.56399999999999995</v>
      </c>
      <c r="G6728">
        <f t="shared" si="1552"/>
        <v>23.8309</v>
      </c>
      <c r="H6728" s="235">
        <f t="shared" si="1553"/>
        <v>0.42172137854634112</v>
      </c>
      <c r="I6728" s="236">
        <f t="shared" si="1554"/>
        <v>19.889717820961064</v>
      </c>
      <c r="J6728" s="237">
        <f t="shared" si="1559"/>
        <v>9.8897178209610637</v>
      </c>
      <c r="K6728" s="237">
        <f t="shared" si="1555"/>
        <v>1331.1392548856402</v>
      </c>
      <c r="L6728" s="237">
        <f t="shared" si="1560"/>
        <v>661.94848291038693</v>
      </c>
      <c r="M6728" s="236">
        <f t="shared" si="1556"/>
        <v>33.990199125753307</v>
      </c>
      <c r="N6728" s="236">
        <f t="shared" si="1557"/>
        <v>0.44667141636971741</v>
      </c>
      <c r="O6728" s="236">
        <f t="shared" si="1561"/>
        <v>2.1249067847489629</v>
      </c>
      <c r="P6728" s="236" t="str">
        <f t="shared" si="1562"/>
        <v>SAND</v>
      </c>
      <c r="Q6728" s="236" t="e">
        <f t="shared" si="1558"/>
        <v>#N/A</v>
      </c>
      <c r="R6728" s="238">
        <v>35</v>
      </c>
      <c r="S6728" s="236" t="e">
        <f t="shared" si="1563"/>
        <v>#N/A</v>
      </c>
      <c r="T6728" s="236">
        <f t="shared" si="1550"/>
        <v>34.444890797132928</v>
      </c>
    </row>
    <row r="6729" spans="2:20" x14ac:dyDescent="0.2">
      <c r="B6729" s="239">
        <v>66.942999999999998</v>
      </c>
      <c r="C6729" s="3">
        <f t="shared" si="1551"/>
        <v>66.935999999999993</v>
      </c>
      <c r="D6729" s="239">
        <v>23.752099999999999</v>
      </c>
      <c r="E6729" s="239">
        <v>9.5000000000000001E-2</v>
      </c>
      <c r="F6729" s="239">
        <v>0.54620000000000002</v>
      </c>
      <c r="G6729">
        <f t="shared" si="1552"/>
        <v>23.861339999999998</v>
      </c>
      <c r="H6729" s="235">
        <f t="shared" si="1553"/>
        <v>0.3981335499179845</v>
      </c>
      <c r="I6729" s="236">
        <f t="shared" si="1554"/>
        <v>19.824222134794127</v>
      </c>
      <c r="J6729" s="237">
        <f t="shared" si="1559"/>
        <v>9.8242221347941268</v>
      </c>
      <c r="K6729" s="237">
        <f t="shared" si="1555"/>
        <v>1326.9541328145795</v>
      </c>
      <c r="L6729" s="237">
        <f t="shared" si="1560"/>
        <v>657.66290236952318</v>
      </c>
      <c r="M6729" s="236">
        <f t="shared" si="1556"/>
        <v>34.264340874322194</v>
      </c>
      <c r="N6729" s="236">
        <f t="shared" si="1557"/>
        <v>0.4215779411958106</v>
      </c>
      <c r="O6729" s="236">
        <f t="shared" si="1561"/>
        <v>2.1115524233442025</v>
      </c>
      <c r="P6729" s="236" t="str">
        <f t="shared" si="1562"/>
        <v>SAND</v>
      </c>
      <c r="Q6729" s="236" t="e">
        <f t="shared" si="1558"/>
        <v>#N/A</v>
      </c>
      <c r="R6729" s="238">
        <v>35</v>
      </c>
      <c r="S6729" s="236" t="e">
        <f t="shared" si="1563"/>
        <v>#N/A</v>
      </c>
      <c r="T6729" s="236">
        <f t="shared" si="1550"/>
        <v>34.483266201251595</v>
      </c>
    </row>
    <row r="6730" spans="2:20" x14ac:dyDescent="0.2">
      <c r="B6730" s="239">
        <v>66.951999999999998</v>
      </c>
      <c r="C6730" s="3">
        <f t="shared" si="1551"/>
        <v>66.944999999999993</v>
      </c>
      <c r="D6730" s="239">
        <v>23.569900000000001</v>
      </c>
      <c r="E6730" s="239">
        <v>9.4E-2</v>
      </c>
      <c r="F6730" s="239">
        <v>0.58389999999999997</v>
      </c>
      <c r="G6730">
        <f t="shared" si="1552"/>
        <v>23.686679999999999</v>
      </c>
      <c r="H6730" s="235">
        <f t="shared" si="1553"/>
        <v>0.39684751092175014</v>
      </c>
      <c r="I6730" s="236">
        <f t="shared" si="1554"/>
        <v>19.808942032711613</v>
      </c>
      <c r="J6730" s="237">
        <f t="shared" si="1559"/>
        <v>9.808942032711613</v>
      </c>
      <c r="K6730" s="237">
        <f t="shared" si="1555"/>
        <v>1326.1096243798788</v>
      </c>
      <c r="L6730" s="237">
        <f t="shared" si="1560"/>
        <v>656.72828697410785</v>
      </c>
      <c r="M6730" s="236">
        <f t="shared" si="1556"/>
        <v>34.048434975516301</v>
      </c>
      <c r="N6730" s="236">
        <f t="shared" si="1557"/>
        <v>0.42038283648832508</v>
      </c>
      <c r="O6730" s="236">
        <f t="shared" si="1561"/>
        <v>2.1135761837335627</v>
      </c>
      <c r="P6730" s="236" t="str">
        <f t="shared" si="1562"/>
        <v>SAND</v>
      </c>
      <c r="Q6730" s="236" t="e">
        <f t="shared" si="1558"/>
        <v>#N/A</v>
      </c>
      <c r="R6730" s="238">
        <v>35</v>
      </c>
      <c r="S6730" s="236" t="e">
        <f t="shared" si="1563"/>
        <v>#N/A</v>
      </c>
      <c r="T6730" s="236">
        <f t="shared" si="1550"/>
        <v>34.453068699638607</v>
      </c>
    </row>
    <row r="6731" spans="2:20" x14ac:dyDescent="0.2">
      <c r="B6731" s="239">
        <v>66.962999999999994</v>
      </c>
      <c r="C6731" s="3">
        <f t="shared" si="1551"/>
        <v>66.955999999999989</v>
      </c>
      <c r="D6731" s="239">
        <v>23.321400000000001</v>
      </c>
      <c r="E6731" s="239">
        <v>9.0800000000000006E-2</v>
      </c>
      <c r="F6731" s="239">
        <v>0.59919999999999995</v>
      </c>
      <c r="G6731">
        <f t="shared" si="1552"/>
        <v>23.441240000000001</v>
      </c>
      <c r="H6731" s="235">
        <f t="shared" si="1553"/>
        <v>0.38735152235973869</v>
      </c>
      <c r="I6731" s="236">
        <f t="shared" si="1554"/>
        <v>19.764257368614448</v>
      </c>
      <c r="J6731" s="237">
        <f t="shared" si="1559"/>
        <v>9.764257368614448</v>
      </c>
      <c r="K6731" s="237">
        <f t="shared" si="1555"/>
        <v>1323.3356163729488</v>
      </c>
      <c r="L6731" s="237">
        <f t="shared" si="1560"/>
        <v>653.84396617452921</v>
      </c>
      <c r="M6731" s="236">
        <f t="shared" si="1556"/>
        <v>33.827496356712068</v>
      </c>
      <c r="N6731" s="236">
        <f t="shared" si="1557"/>
        <v>0.41052713867058493</v>
      </c>
      <c r="O6731" s="236">
        <f t="shared" si="1561"/>
        <v>2.1120824245571552</v>
      </c>
      <c r="P6731" s="236" t="str">
        <f t="shared" si="1562"/>
        <v>SAND</v>
      </c>
      <c r="Q6731" s="236" t="e">
        <f t="shared" si="1558"/>
        <v>#N/A</v>
      </c>
      <c r="R6731" s="238">
        <v>35</v>
      </c>
      <c r="S6731" s="236" t="e">
        <f t="shared" si="1563"/>
        <v>#N/A</v>
      </c>
      <c r="T6731" s="236">
        <f t="shared" si="1550"/>
        <v>34.421968415345276</v>
      </c>
    </row>
    <row r="6732" spans="2:20" x14ac:dyDescent="0.2">
      <c r="B6732" s="239">
        <v>66.974999999999994</v>
      </c>
      <c r="C6732" s="3">
        <f t="shared" si="1551"/>
        <v>66.967999999999989</v>
      </c>
      <c r="D6732" s="239">
        <v>23.174700000000001</v>
      </c>
      <c r="E6732" s="239">
        <v>8.9300000000000004E-2</v>
      </c>
      <c r="F6732" s="239">
        <v>0.56779999999999997</v>
      </c>
      <c r="G6732">
        <f t="shared" si="1552"/>
        <v>23.288260000000001</v>
      </c>
      <c r="H6732" s="235">
        <f t="shared" si="1553"/>
        <v>0.38345501123742182</v>
      </c>
      <c r="I6732" s="236">
        <f t="shared" si="1554"/>
        <v>19.742165330376416</v>
      </c>
      <c r="J6732" s="237">
        <f t="shared" si="1559"/>
        <v>9.742165330376416</v>
      </c>
      <c r="K6732" s="237">
        <f t="shared" si="1555"/>
        <v>1322.0933278446475</v>
      </c>
      <c r="L6732" s="237">
        <f t="shared" si="1560"/>
        <v>652.48152300196045</v>
      </c>
      <c r="M6732" s="236">
        <f t="shared" si="1556"/>
        <v>33.66557656850209</v>
      </c>
      <c r="N6732" s="236">
        <f t="shared" si="1557"/>
        <v>0.40653429127075708</v>
      </c>
      <c r="O6732" s="236">
        <f t="shared" si="1561"/>
        <v>2.1123276637755399</v>
      </c>
      <c r="P6732" s="236" t="str">
        <f t="shared" si="1562"/>
        <v>SAND</v>
      </c>
      <c r="Q6732" s="236" t="e">
        <f t="shared" si="1558"/>
        <v>#N/A</v>
      </c>
      <c r="R6732" s="238">
        <v>35</v>
      </c>
      <c r="S6732" s="236" t="e">
        <f t="shared" si="1563"/>
        <v>#N/A</v>
      </c>
      <c r="T6732" s="236">
        <f t="shared" si="1550"/>
        <v>34.399046624224312</v>
      </c>
    </row>
    <row r="6733" spans="2:20" x14ac:dyDescent="0.2">
      <c r="B6733" s="239">
        <v>66.983999999999995</v>
      </c>
      <c r="C6733" s="3">
        <f t="shared" si="1551"/>
        <v>66.97699999999999</v>
      </c>
      <c r="D6733" s="239">
        <v>23.106999999999999</v>
      </c>
      <c r="E6733" s="239">
        <v>8.5500000000000007E-2</v>
      </c>
      <c r="F6733" s="239">
        <v>0.5847</v>
      </c>
      <c r="G6733">
        <f t="shared" si="1552"/>
        <v>23.223939999999999</v>
      </c>
      <c r="H6733" s="235">
        <f t="shared" si="1553"/>
        <v>0.36815458531153633</v>
      </c>
      <c r="I6733" s="236">
        <f t="shared" si="1554"/>
        <v>19.690093874875291</v>
      </c>
      <c r="J6733" s="237">
        <f t="shared" si="1559"/>
        <v>9.6900938748752914</v>
      </c>
      <c r="K6733" s="237">
        <f t="shared" si="1555"/>
        <v>1318.7834174575221</v>
      </c>
      <c r="L6733" s="237">
        <f t="shared" si="1560"/>
        <v>649.08124811464643</v>
      </c>
      <c r="M6733" s="236">
        <f t="shared" si="1556"/>
        <v>33.747942412709165</v>
      </c>
      <c r="N6733" s="236">
        <f t="shared" si="1557"/>
        <v>0.39031905422735047</v>
      </c>
      <c r="O6733" s="236">
        <f t="shared" si="1561"/>
        <v>2.1044727524124185</v>
      </c>
      <c r="P6733" s="236" t="str">
        <f t="shared" si="1562"/>
        <v>SAND</v>
      </c>
      <c r="Q6733" s="236" t="e">
        <f t="shared" si="1558"/>
        <v>#N/A</v>
      </c>
      <c r="R6733" s="238">
        <v>35</v>
      </c>
      <c r="S6733" s="236" t="e">
        <f t="shared" si="1563"/>
        <v>#N/A</v>
      </c>
      <c r="T6733" s="236">
        <f t="shared" ref="T6733:T6796" si="1564">IF(P6733="SAND",17.6+(11*LOG(M6733)),#N/A)</f>
        <v>34.410720292940709</v>
      </c>
    </row>
    <row r="6734" spans="2:20" x14ac:dyDescent="0.2">
      <c r="B6734" s="239">
        <v>66.992999999999995</v>
      </c>
      <c r="C6734" s="3">
        <f t="shared" ref="C6734:C6797" si="1565">MAX($B6734 - $B$13, 0.001)</f>
        <v>66.98599999999999</v>
      </c>
      <c r="D6734" s="239">
        <v>22.960100000000001</v>
      </c>
      <c r="E6734" s="239">
        <v>8.3099999999999993E-2</v>
      </c>
      <c r="F6734" s="239">
        <v>0.57640000000000002</v>
      </c>
      <c r="G6734">
        <f t="shared" si="1552"/>
        <v>23.075379999999999</v>
      </c>
      <c r="H6734" s="235">
        <f t="shared" si="1553"/>
        <v>0.36012408029683585</v>
      </c>
      <c r="I6734" s="236">
        <f t="shared" si="1554"/>
        <v>19.654199794055359</v>
      </c>
      <c r="J6734" s="237">
        <f t="shared" si="1559"/>
        <v>9.6541997940553586</v>
      </c>
      <c r="K6734" s="237">
        <f t="shared" si="1555"/>
        <v>1316.5562274045922</v>
      </c>
      <c r="L6734" s="237">
        <f t="shared" si="1560"/>
        <v>646.7638068031506</v>
      </c>
      <c r="M6734" s="236">
        <f t="shared" si="1556"/>
        <v>33.642611945380445</v>
      </c>
      <c r="N6734" s="236">
        <f t="shared" si="1557"/>
        <v>0.38191402655074574</v>
      </c>
      <c r="O6734" s="236">
        <f t="shared" si="1561"/>
        <v>2.1021004856821497</v>
      </c>
      <c r="P6734" s="236" t="str">
        <f t="shared" si="1562"/>
        <v>SAND</v>
      </c>
      <c r="Q6734" s="236" t="e">
        <f t="shared" si="1558"/>
        <v>#N/A</v>
      </c>
      <c r="R6734" s="238">
        <v>35</v>
      </c>
      <c r="S6734" s="236" t="e">
        <f t="shared" si="1563"/>
        <v>#N/A</v>
      </c>
      <c r="T6734" s="236">
        <f t="shared" si="1564"/>
        <v>34.395786768126939</v>
      </c>
    </row>
    <row r="6735" spans="2:20" x14ac:dyDescent="0.2">
      <c r="B6735" s="239">
        <v>67.004000000000005</v>
      </c>
      <c r="C6735" s="3">
        <f t="shared" si="1565"/>
        <v>66.997</v>
      </c>
      <c r="D6735" s="239">
        <v>22.834800000000001</v>
      </c>
      <c r="E6735" s="239">
        <v>8.3699999999999997E-2</v>
      </c>
      <c r="F6735" s="239">
        <v>0.5736</v>
      </c>
      <c r="G6735">
        <f t="shared" ref="G6735:G6798" si="1566">$D6735+($F6735*(1-$P$8))</f>
        <v>22.94952</v>
      </c>
      <c r="H6735" s="235">
        <f t="shared" ref="H6735:H6798" si="1567">($E6735/$G6735)*100</f>
        <v>0.36471351034792882</v>
      </c>
      <c r="I6735" s="236">
        <f t="shared" ref="I6735:I6798" si="1568">((0.27*(LOG($H6735)))+(0.36*(LOG(($G6735*1000)/101)))+1.236)*10</f>
        <v>19.660498036809795</v>
      </c>
      <c r="J6735" s="237">
        <f t="shared" si="1559"/>
        <v>9.6604980368097948</v>
      </c>
      <c r="K6735" s="237">
        <f t="shared" ref="K6735:K6798" si="1569">$I6735*$C6735</f>
        <v>1317.1943869721458</v>
      </c>
      <c r="L6735" s="237">
        <f t="shared" si="1560"/>
        <v>647.29201045840352</v>
      </c>
      <c r="M6735" s="236">
        <f t="shared" ref="M6735:M6798" si="1570">(($G6735*1000)-$K6735)/$L6735</f>
        <v>33.419732151039732</v>
      </c>
      <c r="N6735" s="236">
        <f t="shared" ref="N6735:N6798" si="1571">(($E6735*1000)/(($G6735*1000)-$K6735))*100</f>
        <v>0.38692095106775071</v>
      </c>
      <c r="O6735" s="236">
        <f t="shared" si="1561"/>
        <v>2.1069309799105005</v>
      </c>
      <c r="P6735" s="236" t="str">
        <f t="shared" si="1562"/>
        <v>SAND</v>
      </c>
      <c r="Q6735" s="236" t="e">
        <f t="shared" ref="Q6735:Q6798" si="1572">IF(P6735="CLAY",($G6735*1000 -$K6735)/$L$8,#N/A)</f>
        <v>#N/A</v>
      </c>
      <c r="R6735" s="238">
        <v>35</v>
      </c>
      <c r="S6735" s="236" t="e">
        <f t="shared" si="1563"/>
        <v>#N/A</v>
      </c>
      <c r="T6735" s="236">
        <f t="shared" si="1564"/>
        <v>34.364032613168575</v>
      </c>
    </row>
    <row r="6736" spans="2:20" x14ac:dyDescent="0.2">
      <c r="B6736" s="239">
        <v>67.013999999999996</v>
      </c>
      <c r="C6736" s="3">
        <f t="shared" si="1565"/>
        <v>67.006999999999991</v>
      </c>
      <c r="D6736" s="239">
        <v>22.5884</v>
      </c>
      <c r="E6736" s="239">
        <v>8.2900000000000001E-2</v>
      </c>
      <c r="F6736" s="239">
        <v>0.57110000000000005</v>
      </c>
      <c r="G6736">
        <f t="shared" si="1566"/>
        <v>22.70262</v>
      </c>
      <c r="H6736" s="235">
        <f t="shared" si="1567"/>
        <v>0.36515609211624034</v>
      </c>
      <c r="I6736" s="236">
        <f t="shared" si="1568"/>
        <v>19.645008668795548</v>
      </c>
      <c r="J6736" s="237">
        <f t="shared" ref="J6736:J6799" si="1573">$I6736-10</f>
        <v>9.6450086687955476</v>
      </c>
      <c r="K6736" s="237">
        <f t="shared" si="1569"/>
        <v>1316.353095869983</v>
      </c>
      <c r="L6736" s="237">
        <f t="shared" ref="L6736:L6799" si="1574">$J6736*$B6736</f>
        <v>646.35061093066474</v>
      </c>
      <c r="M6736" s="236">
        <f t="shared" si="1570"/>
        <v>33.087718248361277</v>
      </c>
      <c r="N6736" s="236">
        <f t="shared" si="1571"/>
        <v>0.38763193394912104</v>
      </c>
      <c r="O6736" s="236">
        <f t="shared" ref="O6736:O6799" si="1575">((3.47-LOG($M6736))^2+(LOG($N6736)+1.22)^2)^0.5</f>
        <v>2.1112417395073559</v>
      </c>
      <c r="P6736" s="236" t="str">
        <f t="shared" ref="P6736:P6799" si="1576">IF(O6736&lt;2.6,"SAND","CLAY")</f>
        <v>SAND</v>
      </c>
      <c r="Q6736" s="236" t="e">
        <f t="shared" si="1572"/>
        <v>#N/A</v>
      </c>
      <c r="R6736" s="238">
        <v>35</v>
      </c>
      <c r="S6736" s="236" t="e">
        <f t="shared" ref="S6736:S6799" si="1577">IF(P6736="SAND",#N/A,0.25*($M6736)^1.25)</f>
        <v>#N/A</v>
      </c>
      <c r="T6736" s="236">
        <f t="shared" si="1564"/>
        <v>34.316335008433612</v>
      </c>
    </row>
    <row r="6737" spans="2:20" x14ac:dyDescent="0.2">
      <c r="B6737" s="239">
        <v>67.024000000000001</v>
      </c>
      <c r="C6737" s="3">
        <f t="shared" si="1565"/>
        <v>67.016999999999996</v>
      </c>
      <c r="D6737" s="239">
        <v>22.482900000000001</v>
      </c>
      <c r="E6737" s="239">
        <v>9.4899999999999998E-2</v>
      </c>
      <c r="F6737" s="239">
        <v>0.57489999999999997</v>
      </c>
      <c r="G6737">
        <f t="shared" si="1566"/>
        <v>22.59788</v>
      </c>
      <c r="H6737" s="235">
        <f t="shared" si="1567"/>
        <v>0.41995089804884356</v>
      </c>
      <c r="I6737" s="236">
        <f t="shared" si="1568"/>
        <v>19.801722756233481</v>
      </c>
      <c r="J6737" s="237">
        <f t="shared" si="1573"/>
        <v>9.801722756233481</v>
      </c>
      <c r="K6737" s="237">
        <f t="shared" si="1569"/>
        <v>1327.0520539544991</v>
      </c>
      <c r="L6737" s="237">
        <f t="shared" si="1574"/>
        <v>656.95066601379278</v>
      </c>
      <c r="M6737" s="236">
        <f t="shared" si="1570"/>
        <v>32.378120681589991</v>
      </c>
      <c r="N6737" s="236">
        <f t="shared" si="1571"/>
        <v>0.44615094551429074</v>
      </c>
      <c r="O6737" s="236">
        <f t="shared" si="1575"/>
        <v>2.1439711462166642</v>
      </c>
      <c r="P6737" s="236" t="str">
        <f t="shared" si="1576"/>
        <v>SAND</v>
      </c>
      <c r="Q6737" s="236" t="e">
        <f t="shared" si="1572"/>
        <v>#N/A</v>
      </c>
      <c r="R6737" s="238">
        <v>35</v>
      </c>
      <c r="S6737" s="236" t="e">
        <f t="shared" si="1577"/>
        <v>#N/A</v>
      </c>
      <c r="T6737" s="236">
        <f t="shared" si="1564"/>
        <v>34.21276801205245</v>
      </c>
    </row>
    <row r="6738" spans="2:20" x14ac:dyDescent="0.2">
      <c r="B6738" s="239">
        <v>67.034999999999997</v>
      </c>
      <c r="C6738" s="3">
        <f t="shared" si="1565"/>
        <v>67.027999999999992</v>
      </c>
      <c r="D6738" s="239">
        <v>22.4315</v>
      </c>
      <c r="E6738" s="239">
        <v>9.9500000000000005E-2</v>
      </c>
      <c r="F6738" s="239">
        <v>0.59060000000000001</v>
      </c>
      <c r="G6738">
        <f t="shared" si="1566"/>
        <v>22.549620000000001</v>
      </c>
      <c r="H6738" s="235">
        <f t="shared" si="1567"/>
        <v>0.44124912082775675</v>
      </c>
      <c r="I6738" s="236">
        <f t="shared" si="1568"/>
        <v>19.856390677293881</v>
      </c>
      <c r="J6738" s="237">
        <f t="shared" si="1573"/>
        <v>9.8563906772938807</v>
      </c>
      <c r="K6738" s="237">
        <f t="shared" si="1569"/>
        <v>1330.934154317654</v>
      </c>
      <c r="L6738" s="237">
        <f t="shared" si="1574"/>
        <v>660.72314905239523</v>
      </c>
      <c r="M6738" s="236">
        <f t="shared" si="1570"/>
        <v>32.11433695960865</v>
      </c>
      <c r="N6738" s="236">
        <f t="shared" si="1571"/>
        <v>0.46892630732947393</v>
      </c>
      <c r="O6738" s="236">
        <f t="shared" si="1575"/>
        <v>2.1560654856518506</v>
      </c>
      <c r="P6738" s="236" t="str">
        <f t="shared" si="1576"/>
        <v>SAND</v>
      </c>
      <c r="Q6738" s="236" t="e">
        <f t="shared" si="1572"/>
        <v>#N/A</v>
      </c>
      <c r="R6738" s="238">
        <v>35</v>
      </c>
      <c r="S6738" s="236" t="e">
        <f t="shared" si="1577"/>
        <v>#N/A</v>
      </c>
      <c r="T6738" s="236">
        <f t="shared" si="1564"/>
        <v>34.17368855882799</v>
      </c>
    </row>
    <row r="6739" spans="2:20" x14ac:dyDescent="0.2">
      <c r="B6739" s="239">
        <v>67.045000000000002</v>
      </c>
      <c r="C6739" s="3">
        <f t="shared" si="1565"/>
        <v>67.037999999999997</v>
      </c>
      <c r="D6739" s="239">
        <v>22.276700000000002</v>
      </c>
      <c r="E6739" s="239">
        <v>9.9900000000000003E-2</v>
      </c>
      <c r="F6739" s="239">
        <v>0.60209999999999997</v>
      </c>
      <c r="G6739">
        <f t="shared" si="1566"/>
        <v>22.397120000000001</v>
      </c>
      <c r="H6739" s="235">
        <f t="shared" si="1567"/>
        <v>0.44603949079167315</v>
      </c>
      <c r="I6739" s="236">
        <f t="shared" si="1568"/>
        <v>19.858442831786725</v>
      </c>
      <c r="J6739" s="237">
        <f t="shared" si="1573"/>
        <v>9.858442831786725</v>
      </c>
      <c r="K6739" s="237">
        <f t="shared" si="1569"/>
        <v>1331.2702905573185</v>
      </c>
      <c r="L6739" s="237">
        <f t="shared" si="1574"/>
        <v>660.95929965714095</v>
      </c>
      <c r="M6739" s="236">
        <f t="shared" si="1570"/>
        <v>31.871629191646388</v>
      </c>
      <c r="N6739" s="236">
        <f t="shared" si="1571"/>
        <v>0.47422725110974384</v>
      </c>
      <c r="O6739" s="236">
        <f t="shared" si="1575"/>
        <v>2.1610855163883675</v>
      </c>
      <c r="P6739" s="236" t="str">
        <f t="shared" si="1576"/>
        <v>SAND</v>
      </c>
      <c r="Q6739" s="236" t="e">
        <f t="shared" si="1572"/>
        <v>#N/A</v>
      </c>
      <c r="R6739" s="238">
        <v>35</v>
      </c>
      <c r="S6739" s="236" t="e">
        <f t="shared" si="1577"/>
        <v>#N/A</v>
      </c>
      <c r="T6739" s="236">
        <f t="shared" si="1564"/>
        <v>34.137446904029531</v>
      </c>
    </row>
    <row r="6740" spans="2:20" x14ac:dyDescent="0.2">
      <c r="B6740" s="239">
        <v>67.055999999999997</v>
      </c>
      <c r="C6740" s="3">
        <f t="shared" si="1565"/>
        <v>67.048999999999992</v>
      </c>
      <c r="D6740" s="239">
        <v>22.2315</v>
      </c>
      <c r="E6740" s="239">
        <v>9.9900000000000003E-2</v>
      </c>
      <c r="F6740" s="239">
        <v>0.60899999999999999</v>
      </c>
      <c r="G6740">
        <f t="shared" si="1566"/>
        <v>22.353300000000001</v>
      </c>
      <c r="H6740" s="235">
        <f t="shared" si="1567"/>
        <v>0.44691387848774011</v>
      </c>
      <c r="I6740" s="236">
        <f t="shared" si="1568"/>
        <v>19.857677354669345</v>
      </c>
      <c r="J6740" s="237">
        <f t="shared" si="1573"/>
        <v>9.8576773546693452</v>
      </c>
      <c r="K6740" s="237">
        <f t="shared" si="1569"/>
        <v>1331.4374089532248</v>
      </c>
      <c r="L6740" s="237">
        <f t="shared" si="1574"/>
        <v>661.01641269470758</v>
      </c>
      <c r="M6740" s="236">
        <f t="shared" si="1570"/>
        <v>31.802330755069747</v>
      </c>
      <c r="N6740" s="236">
        <f t="shared" si="1571"/>
        <v>0.47521954616213452</v>
      </c>
      <c r="O6740" s="236">
        <f t="shared" si="1575"/>
        <v>2.1623221683944505</v>
      </c>
      <c r="P6740" s="236" t="str">
        <f t="shared" si="1576"/>
        <v>SAND</v>
      </c>
      <c r="Q6740" s="236" t="e">
        <f t="shared" si="1572"/>
        <v>#N/A</v>
      </c>
      <c r="R6740" s="238">
        <v>35</v>
      </c>
      <c r="S6740" s="236" t="e">
        <f t="shared" si="1577"/>
        <v>#N/A</v>
      </c>
      <c r="T6740" s="236">
        <f t="shared" si="1564"/>
        <v>34.127048450856755</v>
      </c>
    </row>
    <row r="6741" spans="2:20" x14ac:dyDescent="0.2">
      <c r="B6741" s="239">
        <v>67.066000000000003</v>
      </c>
      <c r="C6741" s="3">
        <f t="shared" si="1565"/>
        <v>67.058999999999997</v>
      </c>
      <c r="D6741" s="239">
        <v>22.250800000000002</v>
      </c>
      <c r="E6741" s="239">
        <v>0.1011</v>
      </c>
      <c r="F6741" s="239">
        <v>0.59719999999999995</v>
      </c>
      <c r="G6741">
        <f t="shared" si="1566"/>
        <v>22.370240000000003</v>
      </c>
      <c r="H6741" s="235">
        <f t="shared" si="1567"/>
        <v>0.45193971991359949</v>
      </c>
      <c r="I6741" s="236">
        <f t="shared" si="1568"/>
        <v>19.871974753598543</v>
      </c>
      <c r="J6741" s="237">
        <f t="shared" si="1573"/>
        <v>9.8719747535985434</v>
      </c>
      <c r="K6741" s="237">
        <f t="shared" si="1569"/>
        <v>1332.5947550015646</v>
      </c>
      <c r="L6741" s="237">
        <f t="shared" si="1574"/>
        <v>662.07385882483993</v>
      </c>
      <c r="M6741" s="236">
        <f t="shared" si="1570"/>
        <v>31.775375155786378</v>
      </c>
      <c r="N6741" s="236">
        <f t="shared" si="1571"/>
        <v>0.48056709209903548</v>
      </c>
      <c r="O6741" s="236">
        <f t="shared" si="1575"/>
        <v>2.1646772028534937</v>
      </c>
      <c r="P6741" s="236" t="str">
        <f t="shared" si="1576"/>
        <v>SAND</v>
      </c>
      <c r="Q6741" s="236" t="e">
        <f t="shared" si="1572"/>
        <v>#N/A</v>
      </c>
      <c r="R6741" s="238">
        <v>35</v>
      </c>
      <c r="S6741" s="236" t="e">
        <f t="shared" si="1577"/>
        <v>#N/A</v>
      </c>
      <c r="T6741" s="236">
        <f t="shared" si="1564"/>
        <v>34.122997554268153</v>
      </c>
    </row>
    <row r="6742" spans="2:20" x14ac:dyDescent="0.2">
      <c r="B6742" s="239">
        <v>67.075999999999993</v>
      </c>
      <c r="C6742" s="3">
        <f t="shared" si="1565"/>
        <v>67.068999999999988</v>
      </c>
      <c r="D6742" s="239">
        <v>22.229399999999998</v>
      </c>
      <c r="E6742" s="239">
        <v>0.1042</v>
      </c>
      <c r="F6742" s="239">
        <v>0.60389999999999999</v>
      </c>
      <c r="G6742">
        <f t="shared" si="1566"/>
        <v>22.350179999999998</v>
      </c>
      <c r="H6742" s="235">
        <f t="shared" si="1567"/>
        <v>0.46621548461802098</v>
      </c>
      <c r="I6742" s="236">
        <f t="shared" si="1568"/>
        <v>19.90703881819875</v>
      </c>
      <c r="J6742" s="237">
        <f t="shared" si="1573"/>
        <v>9.9070388181987497</v>
      </c>
      <c r="K6742" s="237">
        <f t="shared" si="1569"/>
        <v>1335.1451864977716</v>
      </c>
      <c r="L6742" s="237">
        <f t="shared" si="1574"/>
        <v>664.52453576949927</v>
      </c>
      <c r="M6742" s="236">
        <f t="shared" si="1570"/>
        <v>31.624166877702194</v>
      </c>
      <c r="N6742" s="236">
        <f t="shared" si="1571"/>
        <v>0.49583548599715471</v>
      </c>
      <c r="O6742" s="236">
        <f t="shared" si="1575"/>
        <v>2.1722494573829199</v>
      </c>
      <c r="P6742" s="236" t="str">
        <f t="shared" si="1576"/>
        <v>SAND</v>
      </c>
      <c r="Q6742" s="236" t="e">
        <f t="shared" si="1572"/>
        <v>#N/A</v>
      </c>
      <c r="R6742" s="238">
        <v>35</v>
      </c>
      <c r="S6742" s="236" t="e">
        <f t="shared" si="1577"/>
        <v>#N/A</v>
      </c>
      <c r="T6742" s="236">
        <f t="shared" si="1564"/>
        <v>34.100210023785181</v>
      </c>
    </row>
    <row r="6743" spans="2:20" x14ac:dyDescent="0.2">
      <c r="B6743" s="239">
        <v>67.085999999999999</v>
      </c>
      <c r="C6743" s="3">
        <f t="shared" si="1565"/>
        <v>67.078999999999994</v>
      </c>
      <c r="D6743" s="239">
        <v>22.343499999999999</v>
      </c>
      <c r="E6743" s="239">
        <v>0.106</v>
      </c>
      <c r="F6743" s="239">
        <v>0.59589999999999999</v>
      </c>
      <c r="G6743">
        <f t="shared" si="1566"/>
        <v>22.462679999999999</v>
      </c>
      <c r="H6743" s="235">
        <f t="shared" si="1567"/>
        <v>0.47189382566995575</v>
      </c>
      <c r="I6743" s="236">
        <f t="shared" si="1568"/>
        <v>19.929084303830649</v>
      </c>
      <c r="J6743" s="237">
        <f t="shared" si="1573"/>
        <v>9.9290843038306491</v>
      </c>
      <c r="K6743" s="237">
        <f t="shared" si="1569"/>
        <v>1336.823046016656</v>
      </c>
      <c r="L6743" s="237">
        <f t="shared" si="1574"/>
        <v>666.10254960678287</v>
      </c>
      <c r="M6743" s="236">
        <f t="shared" si="1570"/>
        <v>31.71562241647997</v>
      </c>
      <c r="N6743" s="236">
        <f t="shared" si="1571"/>
        <v>0.5017547938097412</v>
      </c>
      <c r="O6743" s="236">
        <f t="shared" si="1575"/>
        <v>2.1732900675900093</v>
      </c>
      <c r="P6743" s="236" t="str">
        <f t="shared" si="1576"/>
        <v>SAND</v>
      </c>
      <c r="Q6743" s="236" t="e">
        <f t="shared" si="1572"/>
        <v>#N/A</v>
      </c>
      <c r="R6743" s="238">
        <v>35</v>
      </c>
      <c r="S6743" s="236" t="e">
        <f t="shared" si="1577"/>
        <v>#N/A</v>
      </c>
      <c r="T6743" s="236">
        <f t="shared" si="1564"/>
        <v>34.114005626916423</v>
      </c>
    </row>
    <row r="6744" spans="2:20" x14ac:dyDescent="0.2">
      <c r="B6744" s="239">
        <v>67.096000000000004</v>
      </c>
      <c r="C6744" s="3">
        <f t="shared" si="1565"/>
        <v>67.088999999999999</v>
      </c>
      <c r="D6744" s="239">
        <v>22.5075</v>
      </c>
      <c r="E6744" s="239">
        <v>0.1103</v>
      </c>
      <c r="F6744" s="239">
        <v>0.59050000000000002</v>
      </c>
      <c r="G6744">
        <f t="shared" si="1566"/>
        <v>22.625599999999999</v>
      </c>
      <c r="H6744" s="235">
        <f t="shared" si="1567"/>
        <v>0.48750088395445867</v>
      </c>
      <c r="I6744" s="236">
        <f t="shared" si="1568"/>
        <v>19.978537032404631</v>
      </c>
      <c r="J6744" s="237">
        <f t="shared" si="1573"/>
        <v>9.9785370324046312</v>
      </c>
      <c r="K6744" s="237">
        <f t="shared" si="1569"/>
        <v>1340.3400709669943</v>
      </c>
      <c r="L6744" s="237">
        <f t="shared" si="1574"/>
        <v>669.51992072622113</v>
      </c>
      <c r="M6744" s="236">
        <f t="shared" si="1570"/>
        <v>31.791824664373106</v>
      </c>
      <c r="N6744" s="236">
        <f t="shared" si="1571"/>
        <v>0.51819898073948945</v>
      </c>
      <c r="O6744" s="236">
        <f t="shared" si="1575"/>
        <v>2.1783173048217606</v>
      </c>
      <c r="P6744" s="236" t="str">
        <f t="shared" si="1576"/>
        <v>SAND</v>
      </c>
      <c r="Q6744" s="236" t="e">
        <f t="shared" si="1572"/>
        <v>#N/A</v>
      </c>
      <c r="R6744" s="238">
        <v>35</v>
      </c>
      <c r="S6744" s="236" t="e">
        <f t="shared" si="1577"/>
        <v>#N/A</v>
      </c>
      <c r="T6744" s="236">
        <f t="shared" si="1564"/>
        <v>34.125470000462983</v>
      </c>
    </row>
    <row r="6745" spans="2:20" x14ac:dyDescent="0.2">
      <c r="B6745" s="239">
        <v>67.106999999999999</v>
      </c>
      <c r="C6745" s="3">
        <f t="shared" si="1565"/>
        <v>67.099999999999994</v>
      </c>
      <c r="D6745" s="239">
        <v>22.7394</v>
      </c>
      <c r="E6745" s="239">
        <v>0.1135</v>
      </c>
      <c r="F6745" s="239">
        <v>0.59470000000000001</v>
      </c>
      <c r="G6745">
        <f t="shared" si="1566"/>
        <v>22.858339999999998</v>
      </c>
      <c r="H6745" s="235">
        <f t="shared" si="1567"/>
        <v>0.49653649390113197</v>
      </c>
      <c r="I6745" s="236">
        <f t="shared" si="1568"/>
        <v>20.016072099908726</v>
      </c>
      <c r="J6745" s="237">
        <f t="shared" si="1573"/>
        <v>10.016072099908726</v>
      </c>
      <c r="K6745" s="237">
        <f t="shared" si="1569"/>
        <v>1343.0784379038755</v>
      </c>
      <c r="L6745" s="237">
        <f t="shared" si="1574"/>
        <v>672.14855040857492</v>
      </c>
      <c r="M6745" s="236">
        <f t="shared" si="1570"/>
        <v>32.009682307605615</v>
      </c>
      <c r="N6745" s="236">
        <f t="shared" si="1571"/>
        <v>0.52753251301371706</v>
      </c>
      <c r="O6745" s="236">
        <f t="shared" si="1575"/>
        <v>2.1789797918341351</v>
      </c>
      <c r="P6745" s="236" t="str">
        <f t="shared" si="1576"/>
        <v>SAND</v>
      </c>
      <c r="Q6745" s="236" t="e">
        <f t="shared" si="1572"/>
        <v>#N/A</v>
      </c>
      <c r="R6745" s="238">
        <v>35</v>
      </c>
      <c r="S6745" s="236" t="e">
        <f t="shared" si="1577"/>
        <v>#N/A</v>
      </c>
      <c r="T6745" s="236">
        <f t="shared" si="1564"/>
        <v>34.158095002273257</v>
      </c>
    </row>
    <row r="6746" spans="2:20" x14ac:dyDescent="0.2">
      <c r="B6746" s="239">
        <v>67.117000000000004</v>
      </c>
      <c r="C6746" s="3">
        <f t="shared" si="1565"/>
        <v>67.11</v>
      </c>
      <c r="D6746" s="239">
        <v>22.919799999999999</v>
      </c>
      <c r="E6746" s="239">
        <v>0.1026</v>
      </c>
      <c r="F6746" s="239">
        <v>0.60409999999999997</v>
      </c>
      <c r="G6746">
        <f t="shared" si="1566"/>
        <v>23.040619999999997</v>
      </c>
      <c r="H6746" s="235">
        <f t="shared" si="1567"/>
        <v>0.44530051708677987</v>
      </c>
      <c r="I6746" s="236">
        <f t="shared" si="1568"/>
        <v>19.900785673681163</v>
      </c>
      <c r="J6746" s="237">
        <f t="shared" si="1573"/>
        <v>9.9007856736811632</v>
      </c>
      <c r="K6746" s="237">
        <f t="shared" si="1569"/>
        <v>1335.5417265607427</v>
      </c>
      <c r="L6746" s="237">
        <f t="shared" si="1574"/>
        <v>664.51103206045866</v>
      </c>
      <c r="M6746" s="236">
        <f t="shared" si="1570"/>
        <v>32.663232401331264</v>
      </c>
      <c r="N6746" s="236">
        <f t="shared" si="1571"/>
        <v>0.47270043769228315</v>
      </c>
      <c r="O6746" s="236">
        <f t="shared" si="1575"/>
        <v>2.1508111691196152</v>
      </c>
      <c r="P6746" s="236" t="str">
        <f t="shared" si="1576"/>
        <v>SAND</v>
      </c>
      <c r="Q6746" s="236" t="e">
        <f t="shared" si="1572"/>
        <v>#N/A</v>
      </c>
      <c r="R6746" s="238">
        <v>35</v>
      </c>
      <c r="S6746" s="236" t="e">
        <f t="shared" si="1577"/>
        <v>#N/A</v>
      </c>
      <c r="T6746" s="236">
        <f t="shared" si="1564"/>
        <v>34.254650770401383</v>
      </c>
    </row>
    <row r="6747" spans="2:20" x14ac:dyDescent="0.2">
      <c r="B6747" s="239">
        <v>67.126000000000005</v>
      </c>
      <c r="C6747" s="3">
        <f t="shared" si="1565"/>
        <v>67.119</v>
      </c>
      <c r="D6747" s="239">
        <v>23.079799999999999</v>
      </c>
      <c r="E6747" s="239">
        <v>0.1052</v>
      </c>
      <c r="F6747" s="239">
        <v>0.67320000000000002</v>
      </c>
      <c r="G6747">
        <f t="shared" si="1566"/>
        <v>23.21444</v>
      </c>
      <c r="H6747" s="235">
        <f t="shared" si="1567"/>
        <v>0.45316621895682174</v>
      </c>
      <c r="I6747" s="236">
        <f t="shared" si="1568"/>
        <v>19.933067942401415</v>
      </c>
      <c r="J6747" s="237">
        <f t="shared" si="1573"/>
        <v>9.933067942401415</v>
      </c>
      <c r="K6747" s="237">
        <f t="shared" si="1569"/>
        <v>1337.8875872260405</v>
      </c>
      <c r="L6747" s="237">
        <f t="shared" si="1574"/>
        <v>666.7671187016374</v>
      </c>
      <c r="M6747" s="236">
        <f t="shared" si="1570"/>
        <v>32.809884889604461</v>
      </c>
      <c r="N6747" s="236">
        <f t="shared" si="1571"/>
        <v>0.48088015887993657</v>
      </c>
      <c r="O6747" s="236">
        <f t="shared" si="1575"/>
        <v>2.1521542928447488</v>
      </c>
      <c r="P6747" s="236" t="str">
        <f t="shared" si="1576"/>
        <v>SAND</v>
      </c>
      <c r="Q6747" s="236" t="e">
        <f t="shared" si="1572"/>
        <v>#N/A</v>
      </c>
      <c r="R6747" s="238">
        <v>35</v>
      </c>
      <c r="S6747" s="236" t="e">
        <f t="shared" si="1577"/>
        <v>#N/A</v>
      </c>
      <c r="T6747" s="236">
        <f t="shared" si="1564"/>
        <v>34.276051773781113</v>
      </c>
    </row>
    <row r="6748" spans="2:20" x14ac:dyDescent="0.2">
      <c r="B6748" s="239">
        <v>67.135999999999996</v>
      </c>
      <c r="C6748" s="3">
        <f t="shared" si="1565"/>
        <v>67.128999999999991</v>
      </c>
      <c r="D6748" s="239">
        <v>22.700800000000001</v>
      </c>
      <c r="E6748" s="239">
        <v>0.1124</v>
      </c>
      <c r="F6748" s="239">
        <v>0.6028</v>
      </c>
      <c r="G6748">
        <f t="shared" si="1566"/>
        <v>22.821360000000002</v>
      </c>
      <c r="H6748" s="235">
        <f t="shared" si="1567"/>
        <v>0.49252104169076683</v>
      </c>
      <c r="I6748" s="236">
        <f t="shared" si="1568"/>
        <v>20.004019464414352</v>
      </c>
      <c r="J6748" s="237">
        <f t="shared" si="1573"/>
        <v>10.004019464414352</v>
      </c>
      <c r="K6748" s="237">
        <f t="shared" si="1569"/>
        <v>1342.8498226266709</v>
      </c>
      <c r="L6748" s="237">
        <f t="shared" si="1574"/>
        <v>671.62985076292193</v>
      </c>
      <c r="M6748" s="236">
        <f t="shared" si="1570"/>
        <v>31.979683679895</v>
      </c>
      <c r="N6748" s="236">
        <f t="shared" si="1571"/>
        <v>0.52331376371908922</v>
      </c>
      <c r="O6748" s="236">
        <f t="shared" si="1575"/>
        <v>2.1778415783696055</v>
      </c>
      <c r="P6748" s="236" t="str">
        <f t="shared" si="1576"/>
        <v>SAND</v>
      </c>
      <c r="Q6748" s="236" t="e">
        <f t="shared" si="1572"/>
        <v>#N/A</v>
      </c>
      <c r="R6748" s="238">
        <v>35</v>
      </c>
      <c r="S6748" s="236" t="e">
        <f t="shared" si="1577"/>
        <v>#N/A</v>
      </c>
      <c r="T6748" s="236">
        <f t="shared" si="1564"/>
        <v>34.15361580071967</v>
      </c>
    </row>
    <row r="6749" spans="2:20" x14ac:dyDescent="0.2">
      <c r="B6749" s="239">
        <v>67.147000000000006</v>
      </c>
      <c r="C6749" s="3">
        <f t="shared" si="1565"/>
        <v>67.14</v>
      </c>
      <c r="D6749" s="239">
        <v>22.8262</v>
      </c>
      <c r="E6749" s="239">
        <v>0.1181</v>
      </c>
      <c r="F6749" s="239">
        <v>0.53759999999999997</v>
      </c>
      <c r="G6749">
        <f t="shared" si="1566"/>
        <v>22.933720000000001</v>
      </c>
      <c r="H6749" s="235">
        <f t="shared" si="1567"/>
        <v>0.51496224772954402</v>
      </c>
      <c r="I6749" s="236">
        <f t="shared" si="1568"/>
        <v>20.063944833213952</v>
      </c>
      <c r="J6749" s="237">
        <f t="shared" si="1573"/>
        <v>10.063944833213952</v>
      </c>
      <c r="K6749" s="237">
        <f t="shared" si="1569"/>
        <v>1347.0932561019847</v>
      </c>
      <c r="L6749" s="237">
        <f t="shared" si="1574"/>
        <v>675.76370371581731</v>
      </c>
      <c r="M6749" s="236">
        <f t="shared" si="1570"/>
        <v>31.944045862776854</v>
      </c>
      <c r="N6749" s="236">
        <f t="shared" si="1571"/>
        <v>0.54709798525322539</v>
      </c>
      <c r="O6749" s="236">
        <f t="shared" si="1575"/>
        <v>2.1866668125772191</v>
      </c>
      <c r="P6749" s="236" t="str">
        <f t="shared" si="1576"/>
        <v>SAND</v>
      </c>
      <c r="Q6749" s="236" t="e">
        <f t="shared" si="1572"/>
        <v>#N/A</v>
      </c>
      <c r="R6749" s="238">
        <v>35</v>
      </c>
      <c r="S6749" s="236" t="e">
        <f t="shared" si="1577"/>
        <v>#N/A</v>
      </c>
      <c r="T6749" s="236">
        <f t="shared" si="1564"/>
        <v>34.148289127842695</v>
      </c>
    </row>
    <row r="6750" spans="2:20" x14ac:dyDescent="0.2">
      <c r="B6750" s="239">
        <v>67.156999999999996</v>
      </c>
      <c r="C6750" s="3">
        <f t="shared" si="1565"/>
        <v>67.149999999999991</v>
      </c>
      <c r="D6750" s="239">
        <v>22.585799999999999</v>
      </c>
      <c r="E6750" s="239">
        <v>0.1211</v>
      </c>
      <c r="F6750" s="239">
        <v>0.57550000000000001</v>
      </c>
      <c r="G6750">
        <f t="shared" si="1566"/>
        <v>22.700899999999997</v>
      </c>
      <c r="H6750" s="235">
        <f t="shared" si="1567"/>
        <v>0.53345902585360061</v>
      </c>
      <c r="I6750" s="236">
        <f t="shared" si="1568"/>
        <v>20.0893710088869</v>
      </c>
      <c r="J6750" s="237">
        <f t="shared" si="1573"/>
        <v>10.0893710088869</v>
      </c>
      <c r="K6750" s="237">
        <f t="shared" si="1569"/>
        <v>1349.0012632467551</v>
      </c>
      <c r="L6750" s="237">
        <f t="shared" si="1574"/>
        <v>677.57188884381753</v>
      </c>
      <c r="M6750" s="236">
        <f t="shared" si="1570"/>
        <v>31.512373946308927</v>
      </c>
      <c r="N6750" s="236">
        <f t="shared" si="1571"/>
        <v>0.56716267481893456</v>
      </c>
      <c r="O6750" s="236">
        <f t="shared" si="1575"/>
        <v>2.1988618102632063</v>
      </c>
      <c r="P6750" s="236" t="str">
        <f t="shared" si="1576"/>
        <v>SAND</v>
      </c>
      <c r="Q6750" s="236" t="e">
        <f t="shared" si="1572"/>
        <v>#N/A</v>
      </c>
      <c r="R6750" s="238">
        <v>35</v>
      </c>
      <c r="S6750" s="236" t="e">
        <f t="shared" si="1577"/>
        <v>#N/A</v>
      </c>
      <c r="T6750" s="236">
        <f t="shared" si="1564"/>
        <v>34.083292335974548</v>
      </c>
    </row>
    <row r="6751" spans="2:20" x14ac:dyDescent="0.2">
      <c r="B6751" s="239">
        <v>67.168000000000006</v>
      </c>
      <c r="C6751" s="3">
        <f t="shared" si="1565"/>
        <v>67.161000000000001</v>
      </c>
      <c r="D6751" s="239">
        <v>22.4147</v>
      </c>
      <c r="E6751" s="239">
        <v>0.11700000000000001</v>
      </c>
      <c r="F6751" s="239">
        <v>0.56759999999999999</v>
      </c>
      <c r="G6751">
        <f t="shared" si="1566"/>
        <v>22.528220000000001</v>
      </c>
      <c r="H6751" s="235">
        <f t="shared" si="1567"/>
        <v>0.51934862141793714</v>
      </c>
      <c r="I6751" s="236">
        <f t="shared" si="1568"/>
        <v>20.045999071835645</v>
      </c>
      <c r="J6751" s="237">
        <f t="shared" si="1573"/>
        <v>10.045999071835645</v>
      </c>
      <c r="K6751" s="237">
        <f t="shared" si="1569"/>
        <v>1346.3093436635538</v>
      </c>
      <c r="L6751" s="237">
        <f t="shared" si="1574"/>
        <v>674.76966565705663</v>
      </c>
      <c r="M6751" s="236">
        <f t="shared" si="1570"/>
        <v>31.391320230304917</v>
      </c>
      <c r="N6751" s="236">
        <f t="shared" si="1571"/>
        <v>0.55235810356418491</v>
      </c>
      <c r="O6751" s="236">
        <f t="shared" si="1575"/>
        <v>2.1953016105965797</v>
      </c>
      <c r="P6751" s="236" t="str">
        <f t="shared" si="1576"/>
        <v>SAND</v>
      </c>
      <c r="Q6751" s="236" t="e">
        <f t="shared" si="1572"/>
        <v>#N/A</v>
      </c>
      <c r="R6751" s="238">
        <v>35</v>
      </c>
      <c r="S6751" s="236" t="e">
        <f t="shared" si="1577"/>
        <v>#N/A</v>
      </c>
      <c r="T6751" s="236">
        <f t="shared" si="1564"/>
        <v>34.064905394123485</v>
      </c>
    </row>
    <row r="6752" spans="2:20" x14ac:dyDescent="0.2">
      <c r="B6752" s="239">
        <v>67.177999999999997</v>
      </c>
      <c r="C6752" s="3">
        <f t="shared" si="1565"/>
        <v>67.170999999999992</v>
      </c>
      <c r="D6752" s="239">
        <v>22.263400000000001</v>
      </c>
      <c r="E6752" s="239">
        <v>0.12139999999999999</v>
      </c>
      <c r="F6752" s="239">
        <v>0.58679999999999999</v>
      </c>
      <c r="G6752">
        <f t="shared" si="1566"/>
        <v>22.380760000000002</v>
      </c>
      <c r="H6752" s="235">
        <f t="shared" si="1567"/>
        <v>0.54243019450635266</v>
      </c>
      <c r="I6752" s="236">
        <f t="shared" si="1568"/>
        <v>20.086720855669576</v>
      </c>
      <c r="J6752" s="237">
        <f t="shared" si="1573"/>
        <v>10.086720855669576</v>
      </c>
      <c r="K6752" s="237">
        <f t="shared" si="1569"/>
        <v>1349.2451265961809</v>
      </c>
      <c r="L6752" s="237">
        <f t="shared" si="1574"/>
        <v>677.60573364217078</v>
      </c>
      <c r="M6752" s="236">
        <f t="shared" si="1570"/>
        <v>31.037982456786768</v>
      </c>
      <c r="N6752" s="236">
        <f t="shared" si="1571"/>
        <v>0.57722898578989579</v>
      </c>
      <c r="O6752" s="236">
        <f t="shared" si="1575"/>
        <v>2.2081552359426477</v>
      </c>
      <c r="P6752" s="236" t="str">
        <f t="shared" si="1576"/>
        <v>SAND</v>
      </c>
      <c r="Q6752" s="236" t="e">
        <f t="shared" si="1572"/>
        <v>#N/A</v>
      </c>
      <c r="R6752" s="238">
        <v>35</v>
      </c>
      <c r="S6752" s="236" t="e">
        <f t="shared" si="1577"/>
        <v>#N/A</v>
      </c>
      <c r="T6752" s="236">
        <f t="shared" si="1564"/>
        <v>34.010828316541129</v>
      </c>
    </row>
    <row r="6753" spans="2:20" x14ac:dyDescent="0.2">
      <c r="B6753" s="239">
        <v>67.188000000000002</v>
      </c>
      <c r="C6753" s="3">
        <f t="shared" si="1565"/>
        <v>67.180999999999997</v>
      </c>
      <c r="D6753" s="239">
        <v>22.138300000000001</v>
      </c>
      <c r="E6753" s="239">
        <v>0.1198</v>
      </c>
      <c r="F6753" s="239">
        <v>0.58379999999999999</v>
      </c>
      <c r="G6753">
        <f t="shared" si="1566"/>
        <v>22.25506</v>
      </c>
      <c r="H6753" s="235">
        <f t="shared" si="1567"/>
        <v>0.53830454737035083</v>
      </c>
      <c r="I6753" s="236">
        <f t="shared" si="1568"/>
        <v>20.068962355662908</v>
      </c>
      <c r="J6753" s="237">
        <f t="shared" si="1573"/>
        <v>10.068962355662908</v>
      </c>
      <c r="K6753" s="237">
        <f t="shared" si="1569"/>
        <v>1348.2529600157898</v>
      </c>
      <c r="L6753" s="237">
        <f t="shared" si="1574"/>
        <v>676.5134427522795</v>
      </c>
      <c r="M6753" s="236">
        <f t="shared" si="1570"/>
        <v>30.90375699694663</v>
      </c>
      <c r="N6753" s="236">
        <f t="shared" si="1571"/>
        <v>0.57301911177007003</v>
      </c>
      <c r="O6753" s="236">
        <f t="shared" si="1575"/>
        <v>2.208431600183661</v>
      </c>
      <c r="P6753" s="236" t="str">
        <f t="shared" si="1576"/>
        <v>SAND</v>
      </c>
      <c r="Q6753" s="236" t="e">
        <f t="shared" si="1572"/>
        <v>#N/A</v>
      </c>
      <c r="R6753" s="238">
        <v>35</v>
      </c>
      <c r="S6753" s="236" t="e">
        <f t="shared" si="1577"/>
        <v>#N/A</v>
      </c>
      <c r="T6753" s="236">
        <f t="shared" si="1564"/>
        <v>33.990124082166425</v>
      </c>
    </row>
    <row r="6754" spans="2:20" x14ac:dyDescent="0.2">
      <c r="B6754" s="239">
        <v>67.198999999999998</v>
      </c>
      <c r="C6754" s="3">
        <f t="shared" si="1565"/>
        <v>67.191999999999993</v>
      </c>
      <c r="D6754" s="239">
        <v>22.031300000000002</v>
      </c>
      <c r="E6754" s="239">
        <v>0.12139999999999999</v>
      </c>
      <c r="F6754" s="239">
        <v>0.58040000000000003</v>
      </c>
      <c r="G6754">
        <f t="shared" si="1566"/>
        <v>22.147380000000002</v>
      </c>
      <c r="H6754" s="235">
        <f t="shared" si="1567"/>
        <v>0.54814610125441476</v>
      </c>
      <c r="I6754" s="236">
        <f t="shared" si="1568"/>
        <v>20.082623630101537</v>
      </c>
      <c r="J6754" s="237">
        <f t="shared" si="1573"/>
        <v>10.082623630101537</v>
      </c>
      <c r="K6754" s="237">
        <f t="shared" si="1569"/>
        <v>1349.3916469537824</v>
      </c>
      <c r="L6754" s="237">
        <f t="shared" si="1574"/>
        <v>677.54222531919322</v>
      </c>
      <c r="M6754" s="236">
        <f t="shared" si="1570"/>
        <v>30.696224642306522</v>
      </c>
      <c r="N6754" s="236">
        <f t="shared" si="1571"/>
        <v>0.58371029899254123</v>
      </c>
      <c r="O6754" s="236">
        <f t="shared" si="1575"/>
        <v>2.214618988280098</v>
      </c>
      <c r="P6754" s="236" t="str">
        <f t="shared" si="1576"/>
        <v>SAND</v>
      </c>
      <c r="Q6754" s="236" t="e">
        <f t="shared" si="1572"/>
        <v>#N/A</v>
      </c>
      <c r="R6754" s="238">
        <v>35</v>
      </c>
      <c r="S6754" s="236" t="e">
        <f t="shared" si="1577"/>
        <v>#N/A</v>
      </c>
      <c r="T6754" s="236">
        <f t="shared" si="1564"/>
        <v>33.957934609199469</v>
      </c>
    </row>
    <row r="6755" spans="2:20" x14ac:dyDescent="0.2">
      <c r="B6755" s="239">
        <v>67.209000000000003</v>
      </c>
      <c r="C6755" s="3">
        <f t="shared" si="1565"/>
        <v>67.201999999999998</v>
      </c>
      <c r="D6755" s="239">
        <v>22.028199999999998</v>
      </c>
      <c r="E6755" s="239">
        <v>0.1195</v>
      </c>
      <c r="F6755" s="239">
        <v>0.59019999999999995</v>
      </c>
      <c r="G6755">
        <f t="shared" si="1566"/>
        <v>22.146239999999999</v>
      </c>
      <c r="H6755" s="235">
        <f t="shared" si="1567"/>
        <v>0.53959498316644272</v>
      </c>
      <c r="I6755" s="236">
        <f t="shared" si="1568"/>
        <v>20.064106400519531</v>
      </c>
      <c r="J6755" s="237">
        <f t="shared" si="1573"/>
        <v>10.064106400519531</v>
      </c>
      <c r="K6755" s="237">
        <f t="shared" si="1569"/>
        <v>1348.3480783277134</v>
      </c>
      <c r="L6755" s="237">
        <f t="shared" si="1574"/>
        <v>676.39852707251725</v>
      </c>
      <c r="M6755" s="236">
        <f t="shared" si="1570"/>
        <v>30.747985232443487</v>
      </c>
      <c r="N6755" s="236">
        <f t="shared" si="1571"/>
        <v>0.57457746414902722</v>
      </c>
      <c r="O6755" s="236">
        <f t="shared" si="1575"/>
        <v>2.2109216258338575</v>
      </c>
      <c r="P6755" s="236" t="str">
        <f t="shared" si="1576"/>
        <v>SAND</v>
      </c>
      <c r="Q6755" s="236" t="e">
        <f t="shared" si="1572"/>
        <v>#N/A</v>
      </c>
      <c r="R6755" s="238">
        <v>35</v>
      </c>
      <c r="S6755" s="236" t="e">
        <f t="shared" si="1577"/>
        <v>#N/A</v>
      </c>
      <c r="T6755" s="236">
        <f t="shared" si="1564"/>
        <v>33.965983301970923</v>
      </c>
    </row>
    <row r="6756" spans="2:20" x14ac:dyDescent="0.2">
      <c r="B6756" s="239">
        <v>67.218999999999994</v>
      </c>
      <c r="C6756" s="3">
        <f t="shared" si="1565"/>
        <v>67.211999999999989</v>
      </c>
      <c r="D6756" s="239">
        <v>22.122199999999999</v>
      </c>
      <c r="E6756" s="239">
        <v>0.1177</v>
      </c>
      <c r="F6756" s="239">
        <v>0.56520000000000004</v>
      </c>
      <c r="G6756">
        <f t="shared" si="1566"/>
        <v>22.235240000000001</v>
      </c>
      <c r="H6756" s="235">
        <f t="shared" si="1567"/>
        <v>0.52933991267915248</v>
      </c>
      <c r="I6756" s="236">
        <f t="shared" si="1568"/>
        <v>20.047877143359937</v>
      </c>
      <c r="J6756" s="237">
        <f t="shared" si="1573"/>
        <v>10.047877143359937</v>
      </c>
      <c r="K6756" s="237">
        <f t="shared" si="1569"/>
        <v>1347.4579185595078</v>
      </c>
      <c r="L6756" s="237">
        <f t="shared" si="1574"/>
        <v>675.40825369951153</v>
      </c>
      <c r="M6756" s="236">
        <f t="shared" si="1570"/>
        <v>30.926157575109304</v>
      </c>
      <c r="N6756" s="236">
        <f t="shared" si="1571"/>
        <v>0.56348730344415288</v>
      </c>
      <c r="O6756" s="236">
        <f t="shared" si="1575"/>
        <v>2.2049320376769139</v>
      </c>
      <c r="P6756" s="236" t="str">
        <f t="shared" si="1576"/>
        <v>SAND</v>
      </c>
      <c r="Q6756" s="236" t="e">
        <f t="shared" si="1572"/>
        <v>#N/A</v>
      </c>
      <c r="R6756" s="238">
        <v>35</v>
      </c>
      <c r="S6756" s="236" t="e">
        <f t="shared" si="1577"/>
        <v>#N/A</v>
      </c>
      <c r="T6756" s="236">
        <f t="shared" si="1564"/>
        <v>33.993585608121464</v>
      </c>
    </row>
    <row r="6757" spans="2:20" x14ac:dyDescent="0.2">
      <c r="B6757" s="239">
        <v>67.228999999999999</v>
      </c>
      <c r="C6757" s="3">
        <f t="shared" si="1565"/>
        <v>67.221999999999994</v>
      </c>
      <c r="D6757" s="239">
        <v>22.222000000000001</v>
      </c>
      <c r="E6757" s="239">
        <v>0.1158</v>
      </c>
      <c r="F6757" s="239">
        <v>0.56789999999999996</v>
      </c>
      <c r="G6757">
        <f t="shared" si="1566"/>
        <v>22.33558</v>
      </c>
      <c r="H6757" s="235">
        <f t="shared" si="1567"/>
        <v>0.51845530763024739</v>
      </c>
      <c r="I6757" s="236">
        <f t="shared" si="1568"/>
        <v>20.030553675800391</v>
      </c>
      <c r="J6757" s="237">
        <f t="shared" si="1573"/>
        <v>10.030553675800391</v>
      </c>
      <c r="K6757" s="237">
        <f t="shared" si="1569"/>
        <v>1346.4938791946538</v>
      </c>
      <c r="L6757" s="237">
        <f t="shared" si="1574"/>
        <v>674.34409307038447</v>
      </c>
      <c r="M6757" s="236">
        <f t="shared" si="1570"/>
        <v>31.125187180388956</v>
      </c>
      <c r="N6757" s="236">
        <f t="shared" si="1571"/>
        <v>0.55171530257915191</v>
      </c>
      <c r="O6757" s="236">
        <f t="shared" si="1575"/>
        <v>2.1984044383283701</v>
      </c>
      <c r="P6757" s="236" t="str">
        <f t="shared" si="1576"/>
        <v>SAND</v>
      </c>
      <c r="Q6757" s="236" t="e">
        <f t="shared" si="1572"/>
        <v>#N/A</v>
      </c>
      <c r="R6757" s="238">
        <v>35</v>
      </c>
      <c r="S6757" s="236" t="e">
        <f t="shared" si="1577"/>
        <v>#N/A</v>
      </c>
      <c r="T6757" s="236">
        <f t="shared" si="1564"/>
        <v>34.024231690549648</v>
      </c>
    </row>
    <row r="6758" spans="2:20" x14ac:dyDescent="0.2">
      <c r="B6758" s="239">
        <v>67.239000000000004</v>
      </c>
      <c r="C6758" s="3">
        <f t="shared" si="1565"/>
        <v>67.231999999999999</v>
      </c>
      <c r="D6758" s="239">
        <v>22.247</v>
      </c>
      <c r="E6758" s="239">
        <v>0.1173</v>
      </c>
      <c r="F6758" s="239">
        <v>0.5857</v>
      </c>
      <c r="G6758">
        <f t="shared" si="1566"/>
        <v>22.364139999999999</v>
      </c>
      <c r="H6758" s="235">
        <f t="shared" si="1567"/>
        <v>0.52450038320275227</v>
      </c>
      <c r="I6758" s="236">
        <f t="shared" si="1568"/>
        <v>20.046144669153605</v>
      </c>
      <c r="J6758" s="237">
        <f t="shared" si="1573"/>
        <v>10.046144669153605</v>
      </c>
      <c r="K6758" s="237">
        <f t="shared" si="1569"/>
        <v>1347.7423983965352</v>
      </c>
      <c r="L6758" s="237">
        <f t="shared" si="1574"/>
        <v>675.49272140921937</v>
      </c>
      <c r="M6758" s="236">
        <f t="shared" si="1570"/>
        <v>31.112692906237175</v>
      </c>
      <c r="N6758" s="236">
        <f t="shared" si="1571"/>
        <v>0.55813561497832764</v>
      </c>
      <c r="O6758" s="236">
        <f t="shared" si="1575"/>
        <v>2.2007638313410678</v>
      </c>
      <c r="P6758" s="236" t="str">
        <f t="shared" si="1576"/>
        <v>SAND</v>
      </c>
      <c r="Q6758" s="236" t="e">
        <f t="shared" si="1572"/>
        <v>#N/A</v>
      </c>
      <c r="R6758" s="238">
        <v>35</v>
      </c>
      <c r="S6758" s="236" t="e">
        <f t="shared" si="1577"/>
        <v>#N/A</v>
      </c>
      <c r="T6758" s="236">
        <f t="shared" si="1564"/>
        <v>34.022313625916553</v>
      </c>
    </row>
    <row r="6759" spans="2:20" x14ac:dyDescent="0.2">
      <c r="B6759" s="239">
        <v>67.25</v>
      </c>
      <c r="C6759" s="3">
        <f t="shared" si="1565"/>
        <v>67.242999999999995</v>
      </c>
      <c r="D6759" s="239">
        <v>22.1722</v>
      </c>
      <c r="E6759" s="239">
        <v>0.1202</v>
      </c>
      <c r="F6759" s="239">
        <v>0.58409999999999995</v>
      </c>
      <c r="G6759">
        <f t="shared" si="1566"/>
        <v>22.289020000000001</v>
      </c>
      <c r="H6759" s="235">
        <f t="shared" si="1567"/>
        <v>0.53927898131008001</v>
      </c>
      <c r="I6759" s="236">
        <f t="shared" si="1568"/>
        <v>20.073466993602516</v>
      </c>
      <c r="J6759" s="237">
        <f t="shared" si="1573"/>
        <v>10.073466993602516</v>
      </c>
      <c r="K6759" s="237">
        <f t="shared" si="1569"/>
        <v>1349.8001410508139</v>
      </c>
      <c r="L6759" s="237">
        <f t="shared" si="1574"/>
        <v>677.44065531976912</v>
      </c>
      <c r="M6759" s="236">
        <f t="shared" si="1570"/>
        <v>30.909305035826858</v>
      </c>
      <c r="N6759" s="236">
        <f t="shared" si="1571"/>
        <v>0.57404239895130516</v>
      </c>
      <c r="O6759" s="236">
        <f t="shared" si="1575"/>
        <v>2.2087050308612581</v>
      </c>
      <c r="P6759" s="236" t="str">
        <f t="shared" si="1576"/>
        <v>SAND</v>
      </c>
      <c r="Q6759" s="236" t="e">
        <f t="shared" si="1572"/>
        <v>#N/A</v>
      </c>
      <c r="R6759" s="238">
        <v>35</v>
      </c>
      <c r="S6759" s="236" t="e">
        <f t="shared" si="1577"/>
        <v>#N/A</v>
      </c>
      <c r="T6759" s="236">
        <f t="shared" si="1564"/>
        <v>33.990981645554527</v>
      </c>
    </row>
    <row r="6760" spans="2:20" x14ac:dyDescent="0.2">
      <c r="B6760" s="239">
        <v>67.260000000000005</v>
      </c>
      <c r="C6760" s="3">
        <f t="shared" si="1565"/>
        <v>67.253</v>
      </c>
      <c r="D6760" s="239">
        <v>22.1126</v>
      </c>
      <c r="E6760" s="239">
        <v>0.11990000000000001</v>
      </c>
      <c r="F6760" s="239">
        <v>0.59840000000000004</v>
      </c>
      <c r="G6760">
        <f t="shared" si="1566"/>
        <v>22.232279999999999</v>
      </c>
      <c r="H6760" s="235">
        <f t="shared" si="1567"/>
        <v>0.53930591014506846</v>
      </c>
      <c r="I6760" s="236">
        <f t="shared" si="1568"/>
        <v>20.069540451844183</v>
      </c>
      <c r="J6760" s="237">
        <f t="shared" si="1573"/>
        <v>10.069540451844183</v>
      </c>
      <c r="K6760" s="237">
        <f t="shared" si="1569"/>
        <v>1349.7368040078768</v>
      </c>
      <c r="L6760" s="237">
        <f t="shared" si="1574"/>
        <v>677.27729079103983</v>
      </c>
      <c r="M6760" s="236">
        <f t="shared" si="1570"/>
        <v>30.833077500061947</v>
      </c>
      <c r="N6760" s="236">
        <f t="shared" si="1571"/>
        <v>0.57416378299656434</v>
      </c>
      <c r="O6760" s="236">
        <f t="shared" si="1575"/>
        <v>2.2097070463361508</v>
      </c>
      <c r="P6760" s="236" t="str">
        <f t="shared" si="1576"/>
        <v>SAND</v>
      </c>
      <c r="Q6760" s="236" t="e">
        <f t="shared" si="1572"/>
        <v>#N/A</v>
      </c>
      <c r="R6760" s="238">
        <v>35</v>
      </c>
      <c r="S6760" s="236" t="e">
        <f t="shared" si="1577"/>
        <v>#N/A</v>
      </c>
      <c r="T6760" s="236">
        <f t="shared" si="1564"/>
        <v>33.979185619883481</v>
      </c>
    </row>
    <row r="6761" spans="2:20" x14ac:dyDescent="0.2">
      <c r="B6761" s="239">
        <v>67.27</v>
      </c>
      <c r="C6761" s="3">
        <f t="shared" si="1565"/>
        <v>67.262999999999991</v>
      </c>
      <c r="D6761" s="239">
        <v>21.988099999999999</v>
      </c>
      <c r="E6761" s="239">
        <v>0.1192</v>
      </c>
      <c r="F6761" s="239">
        <v>0.60670000000000002</v>
      </c>
      <c r="G6761">
        <f t="shared" si="1566"/>
        <v>22.109439999999999</v>
      </c>
      <c r="H6761" s="235">
        <f t="shared" si="1567"/>
        <v>0.53913622416488172</v>
      </c>
      <c r="I6761" s="236">
        <f t="shared" si="1568"/>
        <v>20.060508912376541</v>
      </c>
      <c r="J6761" s="237">
        <f t="shared" si="1573"/>
        <v>10.060508912376541</v>
      </c>
      <c r="K6761" s="237">
        <f t="shared" si="1569"/>
        <v>1349.3300109731831</v>
      </c>
      <c r="L6761" s="237">
        <f t="shared" si="1574"/>
        <v>676.77043453556985</v>
      </c>
      <c r="M6761" s="236">
        <f t="shared" si="1570"/>
        <v>30.675261402743356</v>
      </c>
      <c r="N6761" s="236">
        <f t="shared" si="1571"/>
        <v>0.57417807546783528</v>
      </c>
      <c r="O6761" s="236">
        <f t="shared" si="1575"/>
        <v>2.2117099747015807</v>
      </c>
      <c r="P6761" s="236" t="str">
        <f t="shared" si="1576"/>
        <v>SAND</v>
      </c>
      <c r="Q6761" s="236" t="e">
        <f t="shared" si="1572"/>
        <v>#N/A</v>
      </c>
      <c r="R6761" s="238">
        <v>35</v>
      </c>
      <c r="S6761" s="236" t="e">
        <f t="shared" si="1577"/>
        <v>#N/A</v>
      </c>
      <c r="T6761" s="236">
        <f t="shared" si="1564"/>
        <v>33.954670995353212</v>
      </c>
    </row>
    <row r="6762" spans="2:20" x14ac:dyDescent="0.2">
      <c r="B6762" s="239">
        <v>67.28</v>
      </c>
      <c r="C6762" s="3">
        <f t="shared" si="1565"/>
        <v>67.272999999999996</v>
      </c>
      <c r="D6762" s="239">
        <v>22.043800000000001</v>
      </c>
      <c r="E6762" s="239">
        <v>0.1119</v>
      </c>
      <c r="F6762" s="239">
        <v>0.59570000000000001</v>
      </c>
      <c r="G6762">
        <f t="shared" si="1566"/>
        <v>22.162940000000003</v>
      </c>
      <c r="H6762" s="235">
        <f t="shared" si="1567"/>
        <v>0.50489691349613364</v>
      </c>
      <c r="I6762" s="236">
        <f t="shared" si="1568"/>
        <v>19.987348921662701</v>
      </c>
      <c r="J6762" s="237">
        <f t="shared" si="1573"/>
        <v>9.9873489216627007</v>
      </c>
      <c r="K6762" s="237">
        <f t="shared" si="1569"/>
        <v>1344.6089240070148</v>
      </c>
      <c r="L6762" s="237">
        <f t="shared" si="1574"/>
        <v>671.94883544946651</v>
      </c>
      <c r="M6762" s="236">
        <f t="shared" si="1570"/>
        <v>30.982018239629223</v>
      </c>
      <c r="N6762" s="236">
        <f t="shared" si="1571"/>
        <v>0.53750706332574083</v>
      </c>
      <c r="O6762" s="236">
        <f t="shared" si="1575"/>
        <v>2.1952760372776314</v>
      </c>
      <c r="P6762" s="236" t="str">
        <f t="shared" si="1576"/>
        <v>SAND</v>
      </c>
      <c r="Q6762" s="236" t="e">
        <f t="shared" si="1572"/>
        <v>#N/A</v>
      </c>
      <c r="R6762" s="238">
        <v>35</v>
      </c>
      <c r="S6762" s="236" t="e">
        <f t="shared" si="1577"/>
        <v>#N/A</v>
      </c>
      <c r="T6762" s="236">
        <f t="shared" si="1564"/>
        <v>34.002206758101487</v>
      </c>
    </row>
    <row r="6763" spans="2:20" x14ac:dyDescent="0.2">
      <c r="B6763" s="239">
        <v>67.290999999999997</v>
      </c>
      <c r="C6763" s="3">
        <f t="shared" si="1565"/>
        <v>67.283999999999992</v>
      </c>
      <c r="D6763" s="239">
        <v>21.945900000000002</v>
      </c>
      <c r="E6763" s="239">
        <v>0.1018</v>
      </c>
      <c r="F6763" s="239">
        <v>0.55289999999999995</v>
      </c>
      <c r="G6763">
        <f t="shared" si="1566"/>
        <v>22.056480000000001</v>
      </c>
      <c r="H6763" s="235">
        <f t="shared" si="1567"/>
        <v>0.46154236759446654</v>
      </c>
      <c r="I6763" s="236">
        <f t="shared" si="1568"/>
        <v>19.874544638991814</v>
      </c>
      <c r="J6763" s="237">
        <f t="shared" si="1573"/>
        <v>9.8745446389918143</v>
      </c>
      <c r="K6763" s="237">
        <f t="shared" si="1569"/>
        <v>1337.2388614899251</v>
      </c>
      <c r="L6763" s="237">
        <f t="shared" si="1574"/>
        <v>664.46798330239812</v>
      </c>
      <c r="M6763" s="236">
        <f t="shared" si="1570"/>
        <v>31.181699734478837</v>
      </c>
      <c r="N6763" s="236">
        <f t="shared" si="1571"/>
        <v>0.49133073609915262</v>
      </c>
      <c r="O6763" s="236">
        <f t="shared" si="1575"/>
        <v>2.1761375197685537</v>
      </c>
      <c r="P6763" s="236" t="str">
        <f t="shared" si="1576"/>
        <v>SAND</v>
      </c>
      <c r="Q6763" s="236" t="e">
        <f t="shared" si="1572"/>
        <v>#N/A</v>
      </c>
      <c r="R6763" s="238">
        <v>35</v>
      </c>
      <c r="S6763" s="236" t="e">
        <f t="shared" si="1577"/>
        <v>#N/A</v>
      </c>
      <c r="T6763" s="236">
        <f t="shared" si="1564"/>
        <v>34.032897636861335</v>
      </c>
    </row>
    <row r="6764" spans="2:20" x14ac:dyDescent="0.2">
      <c r="B6764" s="239">
        <v>67.301000000000002</v>
      </c>
      <c r="C6764" s="3">
        <f t="shared" si="1565"/>
        <v>67.293999999999997</v>
      </c>
      <c r="D6764" s="239">
        <v>21.9801</v>
      </c>
      <c r="E6764" s="239">
        <v>0.1012</v>
      </c>
      <c r="F6764" s="239">
        <v>0.52859999999999996</v>
      </c>
      <c r="G6764">
        <f t="shared" si="1566"/>
        <v>22.085820000000002</v>
      </c>
      <c r="H6764" s="235">
        <f t="shared" si="1567"/>
        <v>0.45821255448065767</v>
      </c>
      <c r="I6764" s="236">
        <f t="shared" si="1568"/>
        <v>19.868132613642896</v>
      </c>
      <c r="J6764" s="237">
        <f t="shared" si="1573"/>
        <v>9.8681326136428957</v>
      </c>
      <c r="K6764" s="237">
        <f t="shared" si="1569"/>
        <v>1337.0061161024851</v>
      </c>
      <c r="L6764" s="237">
        <f t="shared" si="1574"/>
        <v>664.13519303078056</v>
      </c>
      <c r="M6764" s="236">
        <f t="shared" si="1570"/>
        <v>31.241852715574847</v>
      </c>
      <c r="N6764" s="236">
        <f t="shared" si="1571"/>
        <v>0.48773872360259612</v>
      </c>
      <c r="O6764" s="236">
        <f t="shared" si="1575"/>
        <v>2.1740443518642905</v>
      </c>
      <c r="P6764" s="236" t="str">
        <f t="shared" si="1576"/>
        <v>SAND</v>
      </c>
      <c r="Q6764" s="236" t="e">
        <f t="shared" si="1572"/>
        <v>#N/A</v>
      </c>
      <c r="R6764" s="238">
        <v>35</v>
      </c>
      <c r="S6764" s="236" t="e">
        <f t="shared" si="1577"/>
        <v>#N/A</v>
      </c>
      <c r="T6764" s="236">
        <f t="shared" si="1564"/>
        <v>34.042104587219924</v>
      </c>
    </row>
    <row r="6765" spans="2:20" x14ac:dyDescent="0.2">
      <c r="B6765" s="239">
        <v>67.311999999999998</v>
      </c>
      <c r="C6765" s="3">
        <f t="shared" si="1565"/>
        <v>67.304999999999993</v>
      </c>
      <c r="D6765" s="239">
        <v>21.941800000000001</v>
      </c>
      <c r="E6765" s="239">
        <v>9.6199999999999994E-2</v>
      </c>
      <c r="F6765" s="239">
        <v>0.49719999999999998</v>
      </c>
      <c r="G6765">
        <f t="shared" si="1566"/>
        <v>22.041240000000002</v>
      </c>
      <c r="H6765" s="235">
        <f t="shared" si="1567"/>
        <v>0.43645457333616433</v>
      </c>
      <c r="I6765" s="236">
        <f t="shared" si="1568"/>
        <v>19.807928170019501</v>
      </c>
      <c r="J6765" s="237">
        <f t="shared" si="1573"/>
        <v>9.8079281700195011</v>
      </c>
      <c r="K6765" s="237">
        <f t="shared" si="1569"/>
        <v>1333.1726054831624</v>
      </c>
      <c r="L6765" s="237">
        <f t="shared" si="1574"/>
        <v>660.19126098035258</v>
      </c>
      <c r="M6765" s="236">
        <f t="shared" si="1570"/>
        <v>31.366769932347097</v>
      </c>
      <c r="N6765" s="236">
        <f t="shared" si="1571"/>
        <v>0.46455324954887967</v>
      </c>
      <c r="O6765" s="236">
        <f t="shared" si="1575"/>
        <v>2.1637128826665464</v>
      </c>
      <c r="P6765" s="236" t="str">
        <f t="shared" si="1576"/>
        <v>SAND</v>
      </c>
      <c r="Q6765" s="236" t="e">
        <f t="shared" si="1572"/>
        <v>#N/A</v>
      </c>
      <c r="R6765" s="238">
        <v>35</v>
      </c>
      <c r="S6765" s="236" t="e">
        <f t="shared" si="1577"/>
        <v>#N/A</v>
      </c>
      <c r="T6765" s="236">
        <f t="shared" si="1564"/>
        <v>34.06116778343673</v>
      </c>
    </row>
    <row r="6766" spans="2:20" x14ac:dyDescent="0.2">
      <c r="B6766" s="239">
        <v>67.322000000000003</v>
      </c>
      <c r="C6766" s="3">
        <f t="shared" si="1565"/>
        <v>67.314999999999998</v>
      </c>
      <c r="D6766" s="239">
        <v>21.922599999999999</v>
      </c>
      <c r="E6766" s="239">
        <v>9.2200000000000004E-2</v>
      </c>
      <c r="F6766" s="239">
        <v>0.47299999999999998</v>
      </c>
      <c r="G6766">
        <f t="shared" si="1566"/>
        <v>22.017199999999999</v>
      </c>
      <c r="H6766" s="235">
        <f t="shared" si="1567"/>
        <v>0.41876351216321783</v>
      </c>
      <c r="I6766" s="236">
        <f t="shared" si="1568"/>
        <v>19.757702419963383</v>
      </c>
      <c r="J6766" s="237">
        <f t="shared" si="1573"/>
        <v>9.7577024199633833</v>
      </c>
      <c r="K6766" s="237">
        <f t="shared" si="1569"/>
        <v>1329.989738399835</v>
      </c>
      <c r="L6766" s="237">
        <f t="shared" si="1574"/>
        <v>656.90804231677487</v>
      </c>
      <c r="M6766" s="236">
        <f t="shared" si="1570"/>
        <v>31.491790218674712</v>
      </c>
      <c r="N6766" s="236">
        <f t="shared" si="1571"/>
        <v>0.44568600035521805</v>
      </c>
      <c r="O6766" s="236">
        <f t="shared" si="1575"/>
        <v>2.1548125397182871</v>
      </c>
      <c r="P6766" s="236" t="str">
        <f t="shared" si="1576"/>
        <v>SAND</v>
      </c>
      <c r="Q6766" s="236" t="e">
        <f t="shared" si="1572"/>
        <v>#N/A</v>
      </c>
      <c r="R6766" s="238">
        <v>35</v>
      </c>
      <c r="S6766" s="236" t="e">
        <f t="shared" si="1577"/>
        <v>#N/A</v>
      </c>
      <c r="T6766" s="236">
        <f t="shared" si="1564"/>
        <v>34.080170847183581</v>
      </c>
    </row>
    <row r="6767" spans="2:20" x14ac:dyDescent="0.2">
      <c r="B6767" s="239">
        <v>67.331999999999994</v>
      </c>
      <c r="C6767" s="3">
        <f t="shared" si="1565"/>
        <v>67.324999999999989</v>
      </c>
      <c r="D6767" s="239">
        <v>21.909600000000001</v>
      </c>
      <c r="E6767" s="239">
        <v>9.3600000000000003E-2</v>
      </c>
      <c r="F6767" s="239">
        <v>0.44529999999999997</v>
      </c>
      <c r="G6767">
        <f t="shared" si="1566"/>
        <v>21.998660000000001</v>
      </c>
      <c r="H6767" s="235">
        <f t="shared" si="1567"/>
        <v>0.4254804610826296</v>
      </c>
      <c r="I6767" s="236">
        <f t="shared" si="1568"/>
        <v>19.775044450756418</v>
      </c>
      <c r="J6767" s="237">
        <f t="shared" si="1573"/>
        <v>9.7750444507564183</v>
      </c>
      <c r="K6767" s="237">
        <f t="shared" si="1569"/>
        <v>1331.3548676471755</v>
      </c>
      <c r="L6767" s="237">
        <f t="shared" si="1574"/>
        <v>658.1732929583311</v>
      </c>
      <c r="M6767" s="236">
        <f t="shared" si="1570"/>
        <v>31.40100844787889</v>
      </c>
      <c r="N6767" s="236">
        <f t="shared" si="1571"/>
        <v>0.45288923447245938</v>
      </c>
      <c r="O6767" s="236">
        <f t="shared" si="1575"/>
        <v>2.1587759387578851</v>
      </c>
      <c r="P6767" s="236" t="str">
        <f t="shared" si="1576"/>
        <v>SAND</v>
      </c>
      <c r="Q6767" s="236" t="e">
        <f t="shared" si="1572"/>
        <v>#N/A</v>
      </c>
      <c r="R6767" s="238">
        <v>35</v>
      </c>
      <c r="S6767" s="236" t="e">
        <f t="shared" si="1577"/>
        <v>#N/A</v>
      </c>
      <c r="T6767" s="236">
        <f t="shared" si="1564"/>
        <v>34.066379552992636</v>
      </c>
    </row>
    <row r="6768" spans="2:20" x14ac:dyDescent="0.2">
      <c r="B6768" s="239">
        <v>67.341999999999999</v>
      </c>
      <c r="C6768" s="3">
        <f t="shared" si="1565"/>
        <v>67.334999999999994</v>
      </c>
      <c r="D6768" s="239">
        <v>21.720600000000001</v>
      </c>
      <c r="E6768" s="239">
        <v>9.0200000000000002E-2</v>
      </c>
      <c r="F6768" s="239">
        <v>0.44159999999999999</v>
      </c>
      <c r="G6768">
        <f t="shared" si="1566"/>
        <v>21.808920000000001</v>
      </c>
      <c r="H6768" s="235">
        <f t="shared" si="1567"/>
        <v>0.41359223657109107</v>
      </c>
      <c r="I6768" s="236">
        <f t="shared" si="1568"/>
        <v>19.728271449210002</v>
      </c>
      <c r="J6768" s="237">
        <f t="shared" si="1573"/>
        <v>9.728271449210002</v>
      </c>
      <c r="K6768" s="237">
        <f t="shared" si="1569"/>
        <v>1328.4031580325554</v>
      </c>
      <c r="L6768" s="237">
        <f t="shared" si="1574"/>
        <v>655.12125593269991</v>
      </c>
      <c r="M6768" s="236">
        <f t="shared" si="1570"/>
        <v>31.262177278630983</v>
      </c>
      <c r="N6768" s="236">
        <f t="shared" si="1571"/>
        <v>0.44041857291007225</v>
      </c>
      <c r="O6768" s="236">
        <f t="shared" si="1575"/>
        <v>2.1556467461137268</v>
      </c>
      <c r="P6768" s="236" t="str">
        <f t="shared" si="1576"/>
        <v>SAND</v>
      </c>
      <c r="Q6768" s="236" t="e">
        <f t="shared" si="1572"/>
        <v>#N/A</v>
      </c>
      <c r="R6768" s="238">
        <v>35</v>
      </c>
      <c r="S6768" s="236" t="e">
        <f t="shared" si="1577"/>
        <v>#N/A</v>
      </c>
      <c r="T6768" s="236">
        <f t="shared" si="1564"/>
        <v>34.045211436645062</v>
      </c>
    </row>
    <row r="6769" spans="2:20" x14ac:dyDescent="0.2">
      <c r="B6769" s="239">
        <v>67.353999999999999</v>
      </c>
      <c r="C6769" s="3">
        <f t="shared" si="1565"/>
        <v>67.346999999999994</v>
      </c>
      <c r="D6769" s="239">
        <v>21.478300000000001</v>
      </c>
      <c r="E6769" s="239">
        <v>8.6199999999999999E-2</v>
      </c>
      <c r="F6769" s="239">
        <v>0.47020000000000001</v>
      </c>
      <c r="G6769">
        <f t="shared" si="1566"/>
        <v>21.572340000000001</v>
      </c>
      <c r="H6769" s="235">
        <f t="shared" si="1567"/>
        <v>0.39958576584644967</v>
      </c>
      <c r="I6769" s="236">
        <f t="shared" si="1568"/>
        <v>19.670820203006159</v>
      </c>
      <c r="J6769" s="237">
        <f t="shared" si="1573"/>
        <v>9.6708202030061585</v>
      </c>
      <c r="K6769" s="237">
        <f t="shared" si="1569"/>
        <v>1324.7707282118556</v>
      </c>
      <c r="L6769" s="237">
        <f t="shared" si="1574"/>
        <v>651.36842395327676</v>
      </c>
      <c r="M6769" s="236">
        <f t="shared" si="1570"/>
        <v>31.084665033195591</v>
      </c>
      <c r="N6769" s="236">
        <f t="shared" si="1571"/>
        <v>0.42573011526922577</v>
      </c>
      <c r="O6769" s="236">
        <f t="shared" si="1575"/>
        <v>2.1520577933481748</v>
      </c>
      <c r="P6769" s="236" t="str">
        <f t="shared" si="1576"/>
        <v>SAND</v>
      </c>
      <c r="Q6769" s="236" t="e">
        <f t="shared" si="1572"/>
        <v>#N/A</v>
      </c>
      <c r="R6769" s="238">
        <v>35</v>
      </c>
      <c r="S6769" s="236" t="e">
        <f t="shared" si="1577"/>
        <v>#N/A</v>
      </c>
      <c r="T6769" s="236">
        <f t="shared" si="1564"/>
        <v>34.018008109730175</v>
      </c>
    </row>
    <row r="6770" spans="2:20" x14ac:dyDescent="0.2">
      <c r="B6770" s="239">
        <v>67.364000000000004</v>
      </c>
      <c r="C6770" s="3">
        <f t="shared" si="1565"/>
        <v>67.356999999999999</v>
      </c>
      <c r="D6770" s="239">
        <v>21.3752</v>
      </c>
      <c r="E6770" s="239">
        <v>8.4900000000000003E-2</v>
      </c>
      <c r="F6770" s="239">
        <v>0.4879</v>
      </c>
      <c r="G6770">
        <f t="shared" si="1566"/>
        <v>21.47278</v>
      </c>
      <c r="H6770" s="235">
        <f t="shared" si="1567"/>
        <v>0.39538429583873164</v>
      </c>
      <c r="I6770" s="236">
        <f t="shared" si="1568"/>
        <v>19.651193265134452</v>
      </c>
      <c r="J6770" s="237">
        <f t="shared" si="1573"/>
        <v>9.6511932651344523</v>
      </c>
      <c r="K6770" s="237">
        <f t="shared" si="1569"/>
        <v>1323.6454247596612</v>
      </c>
      <c r="L6770" s="237">
        <f t="shared" si="1574"/>
        <v>650.1429831125173</v>
      </c>
      <c r="M6770" s="236">
        <f t="shared" si="1570"/>
        <v>30.991851175225584</v>
      </c>
      <c r="N6770" s="236">
        <f t="shared" si="1571"/>
        <v>0.42135804732937193</v>
      </c>
      <c r="O6770" s="236">
        <f t="shared" si="1575"/>
        <v>2.151487204667109</v>
      </c>
      <c r="P6770" s="236" t="str">
        <f t="shared" si="1576"/>
        <v>SAND</v>
      </c>
      <c r="Q6770" s="236" t="e">
        <f t="shared" si="1572"/>
        <v>#N/A</v>
      </c>
      <c r="R6770" s="238">
        <v>35</v>
      </c>
      <c r="S6770" s="236" t="e">
        <f t="shared" si="1577"/>
        <v>#N/A</v>
      </c>
      <c r="T6770" s="236">
        <f t="shared" si="1564"/>
        <v>34.003722696583694</v>
      </c>
    </row>
    <row r="6771" spans="2:20" x14ac:dyDescent="0.2">
      <c r="B6771" s="239">
        <v>67.373999999999995</v>
      </c>
      <c r="C6771" s="3">
        <f t="shared" si="1565"/>
        <v>67.36699999999999</v>
      </c>
      <c r="D6771" s="239">
        <v>21.2685</v>
      </c>
      <c r="E6771" s="239">
        <v>8.3599999999999994E-2</v>
      </c>
      <c r="F6771" s="239">
        <v>0.50749999999999995</v>
      </c>
      <c r="G6771">
        <f t="shared" si="1566"/>
        <v>21.37</v>
      </c>
      <c r="H6771" s="235">
        <f t="shared" si="1567"/>
        <v>0.39120262049602239</v>
      </c>
      <c r="I6771" s="236">
        <f t="shared" si="1568"/>
        <v>19.631224073415492</v>
      </c>
      <c r="J6771" s="237">
        <f t="shared" si="1573"/>
        <v>9.6312240734154919</v>
      </c>
      <c r="K6771" s="237">
        <f t="shared" si="1569"/>
        <v>1322.4966721537812</v>
      </c>
      <c r="L6771" s="237">
        <f t="shared" si="1574"/>
        <v>648.89409072229535</v>
      </c>
      <c r="M6771" s="236">
        <f t="shared" si="1570"/>
        <v>30.894877322015663</v>
      </c>
      <c r="N6771" s="236">
        <f t="shared" si="1571"/>
        <v>0.4170095329720116</v>
      </c>
      <c r="O6771" s="236">
        <f t="shared" si="1575"/>
        <v>2.1509753240748557</v>
      </c>
      <c r="P6771" s="236" t="str">
        <f t="shared" si="1576"/>
        <v>SAND</v>
      </c>
      <c r="Q6771" s="236" t="e">
        <f t="shared" si="1572"/>
        <v>#N/A</v>
      </c>
      <c r="R6771" s="238">
        <v>35</v>
      </c>
      <c r="S6771" s="236" t="e">
        <f t="shared" si="1577"/>
        <v>#N/A</v>
      </c>
      <c r="T6771" s="236">
        <f t="shared" si="1564"/>
        <v>33.988751225538792</v>
      </c>
    </row>
    <row r="6772" spans="2:20" x14ac:dyDescent="0.2">
      <c r="B6772" s="239">
        <v>67.384</v>
      </c>
      <c r="C6772" s="3">
        <f t="shared" si="1565"/>
        <v>67.376999999999995</v>
      </c>
      <c r="D6772" s="239">
        <v>21.337</v>
      </c>
      <c r="E6772" s="239">
        <v>8.1900000000000001E-2</v>
      </c>
      <c r="F6772" s="239">
        <v>0.49130000000000001</v>
      </c>
      <c r="G6772">
        <f t="shared" si="1566"/>
        <v>21.43526</v>
      </c>
      <c r="H6772" s="235">
        <f t="shared" si="1567"/>
        <v>0.38208073986506347</v>
      </c>
      <c r="I6772" s="236">
        <f t="shared" si="1568"/>
        <v>19.608325469242271</v>
      </c>
      <c r="J6772" s="237">
        <f t="shared" si="1573"/>
        <v>9.6083254692422706</v>
      </c>
      <c r="K6772" s="237">
        <f t="shared" si="1569"/>
        <v>1321.1501451411364</v>
      </c>
      <c r="L6772" s="237">
        <f t="shared" si="1574"/>
        <v>647.44740341942122</v>
      </c>
      <c r="M6772" s="236">
        <f t="shared" si="1570"/>
        <v>31.066785886588526</v>
      </c>
      <c r="N6772" s="236">
        <f t="shared" si="1571"/>
        <v>0.40717685540638449</v>
      </c>
      <c r="O6772" s="236">
        <f t="shared" si="1575"/>
        <v>2.1447265083405731</v>
      </c>
      <c r="P6772" s="236" t="str">
        <f t="shared" si="1576"/>
        <v>SAND</v>
      </c>
      <c r="Q6772" s="236" t="e">
        <f t="shared" si="1572"/>
        <v>#N/A</v>
      </c>
      <c r="R6772" s="238">
        <v>35</v>
      </c>
      <c r="S6772" s="236" t="e">
        <f t="shared" si="1577"/>
        <v>#N/A</v>
      </c>
      <c r="T6772" s="236">
        <f t="shared" si="1564"/>
        <v>34.015259566842424</v>
      </c>
    </row>
    <row r="6773" spans="2:20" x14ac:dyDescent="0.2">
      <c r="B6773" s="239">
        <v>67.394999999999996</v>
      </c>
      <c r="C6773" s="3">
        <f t="shared" si="1565"/>
        <v>67.387999999999991</v>
      </c>
      <c r="D6773" s="239">
        <v>21.347999999999999</v>
      </c>
      <c r="E6773" s="239">
        <v>7.8899999999999998E-2</v>
      </c>
      <c r="F6773" s="239">
        <v>0.4773</v>
      </c>
      <c r="G6773">
        <f t="shared" si="1566"/>
        <v>21.443459999999998</v>
      </c>
      <c r="H6773" s="235">
        <f t="shared" si="1567"/>
        <v>0.36794435226404698</v>
      </c>
      <c r="I6773" s="236">
        <f t="shared" si="1568"/>
        <v>19.564716338909836</v>
      </c>
      <c r="J6773" s="237">
        <f t="shared" si="1573"/>
        <v>9.564716338909836</v>
      </c>
      <c r="K6773" s="237">
        <f t="shared" si="1569"/>
        <v>1318.4271046464557</v>
      </c>
      <c r="L6773" s="237">
        <f t="shared" si="1574"/>
        <v>644.61405766082839</v>
      </c>
      <c r="M6773" s="236">
        <f t="shared" si="1570"/>
        <v>31.220282363036173</v>
      </c>
      <c r="N6773" s="236">
        <f t="shared" si="1571"/>
        <v>0.39204904861654355</v>
      </c>
      <c r="O6773" s="236">
        <f t="shared" si="1575"/>
        <v>2.1364392023546661</v>
      </c>
      <c r="P6773" s="236" t="str">
        <f t="shared" si="1576"/>
        <v>SAND</v>
      </c>
      <c r="Q6773" s="236" t="e">
        <f t="shared" si="1572"/>
        <v>#N/A</v>
      </c>
      <c r="R6773" s="238">
        <v>35</v>
      </c>
      <c r="S6773" s="236" t="e">
        <f t="shared" si="1577"/>
        <v>#N/A</v>
      </c>
      <c r="T6773" s="236">
        <f t="shared" si="1564"/>
        <v>34.038805092578912</v>
      </c>
    </row>
    <row r="6774" spans="2:20" x14ac:dyDescent="0.2">
      <c r="B6774" s="239">
        <v>67.403999999999996</v>
      </c>
      <c r="C6774" s="3">
        <f t="shared" si="1565"/>
        <v>67.396999999999991</v>
      </c>
      <c r="D6774" s="239">
        <v>21.2773</v>
      </c>
      <c r="E6774" s="239">
        <v>7.3800000000000004E-2</v>
      </c>
      <c r="F6774" s="239">
        <v>0.49609999999999999</v>
      </c>
      <c r="G6774">
        <f t="shared" si="1566"/>
        <v>21.376519999999999</v>
      </c>
      <c r="H6774" s="235">
        <f t="shared" si="1567"/>
        <v>0.34523860759375247</v>
      </c>
      <c r="I6774" s="236">
        <f t="shared" si="1568"/>
        <v>19.485138536223516</v>
      </c>
      <c r="J6774" s="237">
        <f t="shared" si="1573"/>
        <v>9.4851385362235163</v>
      </c>
      <c r="K6774" s="237">
        <f t="shared" si="1569"/>
        <v>1313.2398819258563</v>
      </c>
      <c r="L6774" s="237">
        <f t="shared" si="1574"/>
        <v>639.3362778956099</v>
      </c>
      <c r="M6774" s="236">
        <f t="shared" si="1570"/>
        <v>31.381419781328368</v>
      </c>
      <c r="N6774" s="236">
        <f t="shared" si="1571"/>
        <v>0.36783616420485887</v>
      </c>
      <c r="O6774" s="236">
        <f t="shared" si="1575"/>
        <v>2.1239759766119697</v>
      </c>
      <c r="P6774" s="236" t="str">
        <f t="shared" si="1576"/>
        <v>SAND</v>
      </c>
      <c r="Q6774" s="236" t="e">
        <f t="shared" si="1572"/>
        <v>#N/A</v>
      </c>
      <c r="R6774" s="238">
        <v>35</v>
      </c>
      <c r="S6774" s="236" t="e">
        <f t="shared" si="1577"/>
        <v>#N/A</v>
      </c>
      <c r="T6774" s="236">
        <f t="shared" si="1564"/>
        <v>34.063398472031793</v>
      </c>
    </row>
    <row r="6775" spans="2:20" x14ac:dyDescent="0.2">
      <c r="B6775" s="239">
        <v>67.414000000000001</v>
      </c>
      <c r="C6775" s="3">
        <f t="shared" si="1565"/>
        <v>67.406999999999996</v>
      </c>
      <c r="D6775" s="239">
        <v>21.341799999999999</v>
      </c>
      <c r="E6775" s="239">
        <v>6.7799999999999999E-2</v>
      </c>
      <c r="F6775" s="239">
        <v>0.50619999999999998</v>
      </c>
      <c r="G6775">
        <f t="shared" si="1566"/>
        <v>21.44304</v>
      </c>
      <c r="H6775" s="235">
        <f t="shared" si="1567"/>
        <v>0.31618651086786204</v>
      </c>
      <c r="I6775" s="236">
        <f t="shared" si="1568"/>
        <v>19.386920947974971</v>
      </c>
      <c r="J6775" s="237">
        <f t="shared" si="1573"/>
        <v>9.3869209479749713</v>
      </c>
      <c r="K6775" s="237">
        <f t="shared" si="1569"/>
        <v>1306.8141803401488</v>
      </c>
      <c r="L6775" s="237">
        <f t="shared" si="1574"/>
        <v>632.80988878678477</v>
      </c>
      <c r="M6775" s="236">
        <f t="shared" si="1570"/>
        <v>31.820340004902221</v>
      </c>
      <c r="N6775" s="236">
        <f t="shared" si="1571"/>
        <v>0.33670659341634901</v>
      </c>
      <c r="O6775" s="236">
        <f t="shared" si="1575"/>
        <v>2.1044323050462612</v>
      </c>
      <c r="P6775" s="236" t="str">
        <f t="shared" si="1576"/>
        <v>SAND</v>
      </c>
      <c r="Q6775" s="236" t="e">
        <f t="shared" si="1572"/>
        <v>#N/A</v>
      </c>
      <c r="R6775" s="238">
        <v>35</v>
      </c>
      <c r="S6775" s="236" t="e">
        <f t="shared" si="1577"/>
        <v>#N/A</v>
      </c>
      <c r="T6775" s="236">
        <f t="shared" si="1564"/>
        <v>34.129752974176824</v>
      </c>
    </row>
    <row r="6776" spans="2:20" x14ac:dyDescent="0.2">
      <c r="B6776" s="239">
        <v>67.424999999999997</v>
      </c>
      <c r="C6776" s="3">
        <f t="shared" si="1565"/>
        <v>67.417999999999992</v>
      </c>
      <c r="D6776" s="239">
        <v>21.493400000000001</v>
      </c>
      <c r="E6776" s="239">
        <v>6.3799999999999996E-2</v>
      </c>
      <c r="F6776" s="239">
        <v>0.52690000000000003</v>
      </c>
      <c r="G6776">
        <f t="shared" si="1566"/>
        <v>21.598780000000001</v>
      </c>
      <c r="H6776" s="235">
        <f t="shared" si="1567"/>
        <v>0.2953870542688059</v>
      </c>
      <c r="I6776" s="236">
        <f t="shared" si="1568"/>
        <v>19.318445185705816</v>
      </c>
      <c r="J6776" s="237">
        <f t="shared" si="1573"/>
        <v>9.3184451857058157</v>
      </c>
      <c r="K6776" s="237">
        <f t="shared" si="1569"/>
        <v>1302.4109375299145</v>
      </c>
      <c r="L6776" s="237">
        <f t="shared" si="1574"/>
        <v>628.2961666462146</v>
      </c>
      <c r="M6776" s="236">
        <f t="shared" si="1570"/>
        <v>32.303824438099284</v>
      </c>
      <c r="N6776" s="236">
        <f t="shared" si="1571"/>
        <v>0.31434193871637983</v>
      </c>
      <c r="O6776" s="236">
        <f t="shared" si="1575"/>
        <v>2.0878676217274257</v>
      </c>
      <c r="P6776" s="236" t="str">
        <f t="shared" si="1576"/>
        <v>SAND</v>
      </c>
      <c r="Q6776" s="236" t="e">
        <f t="shared" si="1572"/>
        <v>#N/A</v>
      </c>
      <c r="R6776" s="238">
        <v>35</v>
      </c>
      <c r="S6776" s="236" t="e">
        <f t="shared" si="1577"/>
        <v>#N/A</v>
      </c>
      <c r="T6776" s="236">
        <f t="shared" si="1564"/>
        <v>34.201793354758067</v>
      </c>
    </row>
    <row r="6777" spans="2:20" x14ac:dyDescent="0.2">
      <c r="B6777" s="239">
        <v>67.435000000000002</v>
      </c>
      <c r="C6777" s="3">
        <f t="shared" si="1565"/>
        <v>67.427999999999997</v>
      </c>
      <c r="D6777" s="239">
        <v>21.577999999999999</v>
      </c>
      <c r="E6777" s="239">
        <v>6.08E-2</v>
      </c>
      <c r="F6777" s="239">
        <v>0.53600000000000003</v>
      </c>
      <c r="G6777">
        <f t="shared" si="1566"/>
        <v>21.685199999999998</v>
      </c>
      <c r="H6777" s="235">
        <f t="shared" si="1567"/>
        <v>0.28037555567852729</v>
      </c>
      <c r="I6777" s="236">
        <f t="shared" si="1568"/>
        <v>19.263529807173146</v>
      </c>
      <c r="J6777" s="237">
        <f t="shared" si="1573"/>
        <v>9.2635298071731462</v>
      </c>
      <c r="K6777" s="237">
        <f t="shared" si="1569"/>
        <v>1298.9012878380709</v>
      </c>
      <c r="L6777" s="237">
        <f t="shared" si="1574"/>
        <v>624.68613254672118</v>
      </c>
      <c r="M6777" s="236">
        <f t="shared" si="1570"/>
        <v>32.634466574519656</v>
      </c>
      <c r="N6777" s="236">
        <f t="shared" si="1571"/>
        <v>0.29823952282092447</v>
      </c>
      <c r="O6777" s="236">
        <f t="shared" si="1575"/>
        <v>2.0759629996950086</v>
      </c>
      <c r="P6777" s="236" t="str">
        <f t="shared" si="1576"/>
        <v>SAND</v>
      </c>
      <c r="Q6777" s="236" t="e">
        <f t="shared" si="1572"/>
        <v>#N/A</v>
      </c>
      <c r="R6777" s="238">
        <v>35</v>
      </c>
      <c r="S6777" s="236" t="e">
        <f t="shared" si="1577"/>
        <v>#N/A</v>
      </c>
      <c r="T6777" s="236">
        <f t="shared" si="1564"/>
        <v>34.250441701799772</v>
      </c>
    </row>
    <row r="6778" spans="2:20" x14ac:dyDescent="0.2">
      <c r="B6778" s="239">
        <v>67.445999999999998</v>
      </c>
      <c r="C6778" s="3">
        <f t="shared" si="1565"/>
        <v>67.438999999999993</v>
      </c>
      <c r="D6778" s="239">
        <v>21.520099999999999</v>
      </c>
      <c r="E6778" s="239">
        <v>5.7599999999999998E-2</v>
      </c>
      <c r="F6778" s="239">
        <v>0.53120000000000001</v>
      </c>
      <c r="G6778">
        <f t="shared" si="1566"/>
        <v>21.626339999999999</v>
      </c>
      <c r="H6778" s="235">
        <f t="shared" si="1567"/>
        <v>0.26634187754377298</v>
      </c>
      <c r="I6778" s="236">
        <f t="shared" si="1568"/>
        <v>19.199068483474029</v>
      </c>
      <c r="J6778" s="237">
        <f t="shared" si="1573"/>
        <v>9.1990684834740293</v>
      </c>
      <c r="K6778" s="237">
        <f t="shared" si="1569"/>
        <v>1294.765979457005</v>
      </c>
      <c r="L6778" s="237">
        <f t="shared" si="1574"/>
        <v>620.44037293638939</v>
      </c>
      <c r="M6778" s="236">
        <f t="shared" si="1570"/>
        <v>32.769585777145238</v>
      </c>
      <c r="N6778" s="236">
        <f t="shared" si="1571"/>
        <v>0.28330320093171851</v>
      </c>
      <c r="O6778" s="236">
        <f t="shared" si="1575"/>
        <v>2.0669073164665241</v>
      </c>
      <c r="P6778" s="236" t="str">
        <f t="shared" si="1576"/>
        <v>SAND</v>
      </c>
      <c r="Q6778" s="236" t="e">
        <f t="shared" si="1572"/>
        <v>#N/A</v>
      </c>
      <c r="R6778" s="238">
        <v>35</v>
      </c>
      <c r="S6778" s="236" t="e">
        <f t="shared" si="1577"/>
        <v>#N/A</v>
      </c>
      <c r="T6778" s="236">
        <f t="shared" si="1564"/>
        <v>34.270180469053926</v>
      </c>
    </row>
    <row r="6779" spans="2:20" x14ac:dyDescent="0.2">
      <c r="B6779" s="239">
        <v>67.456000000000003</v>
      </c>
      <c r="C6779" s="3">
        <f t="shared" si="1565"/>
        <v>67.448999999999998</v>
      </c>
      <c r="D6779" s="239">
        <v>21.572399999999998</v>
      </c>
      <c r="E6779" s="239">
        <v>5.5599999999999997E-2</v>
      </c>
      <c r="F6779" s="239">
        <v>0.52880000000000005</v>
      </c>
      <c r="G6779">
        <f t="shared" si="1566"/>
        <v>21.678159999999998</v>
      </c>
      <c r="H6779" s="235">
        <f t="shared" si="1567"/>
        <v>0.25647933219424529</v>
      </c>
      <c r="I6779" s="236">
        <f t="shared" si="1568"/>
        <v>19.158565167278823</v>
      </c>
      <c r="J6779" s="237">
        <f t="shared" si="1573"/>
        <v>9.1585651672788231</v>
      </c>
      <c r="K6779" s="237">
        <f t="shared" si="1569"/>
        <v>1292.2260619677893</v>
      </c>
      <c r="L6779" s="237">
        <f t="shared" si="1574"/>
        <v>617.80017192396031</v>
      </c>
      <c r="M6779" s="236">
        <f t="shared" si="1570"/>
        <v>32.997617780756038</v>
      </c>
      <c r="N6779" s="236">
        <f t="shared" si="1571"/>
        <v>0.27273707532364783</v>
      </c>
      <c r="O6779" s="236">
        <f t="shared" si="1575"/>
        <v>2.0587424897017739</v>
      </c>
      <c r="P6779" s="236" t="str">
        <f t="shared" si="1576"/>
        <v>SAND</v>
      </c>
      <c r="Q6779" s="236" t="e">
        <f t="shared" si="1572"/>
        <v>#N/A</v>
      </c>
      <c r="R6779" s="238">
        <v>35</v>
      </c>
      <c r="S6779" s="236" t="e">
        <f t="shared" si="1577"/>
        <v>#N/A</v>
      </c>
      <c r="T6779" s="236">
        <f t="shared" si="1564"/>
        <v>34.303308464651209</v>
      </c>
    </row>
    <row r="6780" spans="2:20" x14ac:dyDescent="0.2">
      <c r="B6780" s="239">
        <v>67.465999999999994</v>
      </c>
      <c r="C6780" s="3">
        <f t="shared" si="1565"/>
        <v>67.458999999999989</v>
      </c>
      <c r="D6780" s="239">
        <v>21.653700000000001</v>
      </c>
      <c r="E6780" s="239">
        <v>5.5100000000000003E-2</v>
      </c>
      <c r="F6780" s="239">
        <v>0.54720000000000002</v>
      </c>
      <c r="G6780">
        <f t="shared" si="1566"/>
        <v>21.76314</v>
      </c>
      <c r="H6780" s="235">
        <f t="shared" si="1567"/>
        <v>0.25318037746391375</v>
      </c>
      <c r="I6780" s="236">
        <f t="shared" si="1568"/>
        <v>19.149501771535917</v>
      </c>
      <c r="J6780" s="237">
        <f t="shared" si="1573"/>
        <v>9.1495017715359168</v>
      </c>
      <c r="K6780" s="237">
        <f t="shared" si="1569"/>
        <v>1291.8062400060412</v>
      </c>
      <c r="L6780" s="237">
        <f t="shared" si="1574"/>
        <v>617.28028651844215</v>
      </c>
      <c r="M6780" s="236">
        <f t="shared" si="1570"/>
        <v>33.163757545952905</v>
      </c>
      <c r="N6780" s="236">
        <f t="shared" si="1571"/>
        <v>0.26915686415937884</v>
      </c>
      <c r="O6780" s="236">
        <f t="shared" si="1575"/>
        <v>2.0548525459956246</v>
      </c>
      <c r="P6780" s="236" t="str">
        <f t="shared" si="1576"/>
        <v>SAND</v>
      </c>
      <c r="Q6780" s="236" t="e">
        <f t="shared" si="1572"/>
        <v>#N/A</v>
      </c>
      <c r="R6780" s="238">
        <v>35</v>
      </c>
      <c r="S6780" s="236" t="e">
        <f t="shared" si="1577"/>
        <v>#N/A</v>
      </c>
      <c r="T6780" s="236">
        <f t="shared" si="1564"/>
        <v>34.327301045824377</v>
      </c>
    </row>
    <row r="6781" spans="2:20" x14ac:dyDescent="0.2">
      <c r="B6781" s="239">
        <v>67.477000000000004</v>
      </c>
      <c r="C6781" s="3">
        <f t="shared" si="1565"/>
        <v>67.47</v>
      </c>
      <c r="D6781" s="239">
        <v>21.660900000000002</v>
      </c>
      <c r="E6781" s="239">
        <v>5.6000000000000001E-2</v>
      </c>
      <c r="F6781" s="239">
        <v>0.53469999999999995</v>
      </c>
      <c r="G6781">
        <f t="shared" si="1566"/>
        <v>21.767840000000003</v>
      </c>
      <c r="H6781" s="235">
        <f t="shared" si="1567"/>
        <v>0.25726025182103501</v>
      </c>
      <c r="I6781" s="236">
        <f t="shared" si="1568"/>
        <v>19.168584530231833</v>
      </c>
      <c r="J6781" s="237">
        <f t="shared" si="1573"/>
        <v>9.1685845302318327</v>
      </c>
      <c r="K6781" s="237">
        <f t="shared" si="1569"/>
        <v>1293.3043982547417</v>
      </c>
      <c r="L6781" s="237">
        <f t="shared" si="1574"/>
        <v>618.66857834645339</v>
      </c>
      <c r="M6781" s="236">
        <f t="shared" si="1570"/>
        <v>33.094513473544403</v>
      </c>
      <c r="N6781" s="236">
        <f t="shared" si="1571"/>
        <v>0.27351047705925274</v>
      </c>
      <c r="O6781" s="236">
        <f t="shared" si="1575"/>
        <v>2.05792770755968</v>
      </c>
      <c r="P6781" s="236" t="str">
        <f t="shared" si="1576"/>
        <v>SAND</v>
      </c>
      <c r="Q6781" s="236" t="e">
        <f t="shared" si="1572"/>
        <v>#N/A</v>
      </c>
      <c r="R6781" s="238">
        <v>35</v>
      </c>
      <c r="S6781" s="236" t="e">
        <f t="shared" si="1577"/>
        <v>#N/A</v>
      </c>
      <c r="T6781" s="236">
        <f t="shared" si="1564"/>
        <v>34.31731600940843</v>
      </c>
    </row>
    <row r="6782" spans="2:20" x14ac:dyDescent="0.2">
      <c r="B6782" s="239">
        <v>67.486000000000004</v>
      </c>
      <c r="C6782" s="3">
        <f t="shared" si="1565"/>
        <v>67.478999999999999</v>
      </c>
      <c r="D6782" s="239">
        <v>21.645700000000001</v>
      </c>
      <c r="E6782" s="239">
        <v>5.6599999999999998E-2</v>
      </c>
      <c r="F6782" s="239">
        <v>0.52959999999999996</v>
      </c>
      <c r="G6782">
        <f t="shared" si="1566"/>
        <v>21.751620000000003</v>
      </c>
      <c r="H6782" s="235">
        <f t="shared" si="1567"/>
        <v>0.26021050386132155</v>
      </c>
      <c r="I6782" s="236">
        <f t="shared" si="1568"/>
        <v>19.180789865374226</v>
      </c>
      <c r="J6782" s="237">
        <f t="shared" si="1573"/>
        <v>9.1807898653742264</v>
      </c>
      <c r="K6782" s="237">
        <f t="shared" si="1569"/>
        <v>1294.3005193255874</v>
      </c>
      <c r="L6782" s="237">
        <f t="shared" si="1574"/>
        <v>619.57478485464503</v>
      </c>
      <c r="M6782" s="236">
        <f t="shared" si="1570"/>
        <v>33.018321566255786</v>
      </c>
      <c r="N6782" s="236">
        <f t="shared" si="1571"/>
        <v>0.2766735889003874</v>
      </c>
      <c r="O6782" s="236">
        <f t="shared" si="1575"/>
        <v>2.0604752652439058</v>
      </c>
      <c r="P6782" s="236" t="str">
        <f t="shared" si="1576"/>
        <v>SAND</v>
      </c>
      <c r="Q6782" s="236" t="e">
        <f t="shared" si="1572"/>
        <v>#N/A</v>
      </c>
      <c r="R6782" s="238">
        <v>35</v>
      </c>
      <c r="S6782" s="236" t="e">
        <f t="shared" si="1577"/>
        <v>#N/A</v>
      </c>
      <c r="T6782" s="236">
        <f t="shared" si="1564"/>
        <v>34.306304921021848</v>
      </c>
    </row>
    <row r="6783" spans="2:20" x14ac:dyDescent="0.2">
      <c r="B6783" s="239">
        <v>67.495999999999995</v>
      </c>
      <c r="C6783" s="3">
        <f t="shared" si="1565"/>
        <v>67.48899999999999</v>
      </c>
      <c r="D6783" s="239">
        <v>21.655799999999999</v>
      </c>
      <c r="E6783" s="239">
        <v>5.8599999999999999E-2</v>
      </c>
      <c r="F6783" s="239">
        <v>0.51419999999999999</v>
      </c>
      <c r="G6783">
        <f t="shared" si="1566"/>
        <v>21.75864</v>
      </c>
      <c r="H6783" s="235">
        <f t="shared" si="1567"/>
        <v>0.26931830298217169</v>
      </c>
      <c r="I6783" s="236">
        <f t="shared" si="1568"/>
        <v>19.221635189726811</v>
      </c>
      <c r="J6783" s="237">
        <f t="shared" si="1573"/>
        <v>9.2216351897268112</v>
      </c>
      <c r="K6783" s="237">
        <f t="shared" si="1569"/>
        <v>1297.2489373194726</v>
      </c>
      <c r="L6783" s="237">
        <f t="shared" si="1574"/>
        <v>622.42348876580081</v>
      </c>
      <c r="M6783" s="236">
        <f t="shared" si="1570"/>
        <v>32.873745017645902</v>
      </c>
      <c r="N6783" s="236">
        <f t="shared" si="1571"/>
        <v>0.28639304053418135</v>
      </c>
      <c r="O6783" s="236">
        <f t="shared" si="1575"/>
        <v>2.0671420583474722</v>
      </c>
      <c r="P6783" s="236" t="str">
        <f t="shared" si="1576"/>
        <v>SAND</v>
      </c>
      <c r="Q6783" s="236" t="e">
        <f t="shared" si="1572"/>
        <v>#N/A</v>
      </c>
      <c r="R6783" s="238">
        <v>35</v>
      </c>
      <c r="S6783" s="236" t="e">
        <f t="shared" si="1577"/>
        <v>#N/A</v>
      </c>
      <c r="T6783" s="236">
        <f t="shared" si="1564"/>
        <v>34.285341004902989</v>
      </c>
    </row>
    <row r="6784" spans="2:20" x14ac:dyDescent="0.2">
      <c r="B6784" s="239">
        <v>67.507999999999996</v>
      </c>
      <c r="C6784" s="3">
        <f t="shared" si="1565"/>
        <v>67.500999999999991</v>
      </c>
      <c r="D6784" s="239">
        <v>21.773099999999999</v>
      </c>
      <c r="E6784" s="239">
        <v>6.0499999999999998E-2</v>
      </c>
      <c r="F6784" s="239">
        <v>0.52700000000000002</v>
      </c>
      <c r="G6784">
        <f t="shared" si="1566"/>
        <v>21.878499999999999</v>
      </c>
      <c r="H6784" s="235">
        <f t="shared" si="1567"/>
        <v>0.2765271842219531</v>
      </c>
      <c r="I6784" s="236">
        <f t="shared" si="1568"/>
        <v>19.261198354871922</v>
      </c>
      <c r="J6784" s="237">
        <f t="shared" si="1573"/>
        <v>9.2611983548719223</v>
      </c>
      <c r="K6784" s="237">
        <f t="shared" si="1569"/>
        <v>1300.1501501522093</v>
      </c>
      <c r="L6784" s="237">
        <f t="shared" si="1574"/>
        <v>625.20497854069367</v>
      </c>
      <c r="M6784" s="236">
        <f t="shared" si="1570"/>
        <v>32.914564912583103</v>
      </c>
      <c r="N6784" s="236">
        <f t="shared" si="1571"/>
        <v>0.29399830618803235</v>
      </c>
      <c r="O6784" s="236">
        <f t="shared" si="1575"/>
        <v>2.0703892778450763</v>
      </c>
      <c r="P6784" s="236" t="str">
        <f t="shared" si="1576"/>
        <v>SAND</v>
      </c>
      <c r="Q6784" s="236" t="e">
        <f t="shared" si="1572"/>
        <v>#N/A</v>
      </c>
      <c r="R6784" s="238">
        <v>35</v>
      </c>
      <c r="S6784" s="236" t="e">
        <f t="shared" si="1577"/>
        <v>#N/A</v>
      </c>
      <c r="T6784" s="236">
        <f t="shared" si="1564"/>
        <v>34.291269305282981</v>
      </c>
    </row>
    <row r="6785" spans="2:20" x14ac:dyDescent="0.2">
      <c r="B6785" s="239">
        <v>67.518000000000001</v>
      </c>
      <c r="C6785" s="3">
        <f t="shared" si="1565"/>
        <v>67.510999999999996</v>
      </c>
      <c r="D6785" s="239">
        <v>21.933199999999999</v>
      </c>
      <c r="E6785" s="239">
        <v>6.2399999999999997E-2</v>
      </c>
      <c r="F6785" s="239">
        <v>0.53069999999999995</v>
      </c>
      <c r="G6785">
        <f t="shared" si="1566"/>
        <v>22.039339999999999</v>
      </c>
      <c r="H6785" s="235">
        <f t="shared" si="1567"/>
        <v>0.28313007558302561</v>
      </c>
      <c r="I6785" s="236">
        <f t="shared" si="1568"/>
        <v>19.300320172841758</v>
      </c>
      <c r="J6785" s="237">
        <f t="shared" si="1573"/>
        <v>9.3003201728417579</v>
      </c>
      <c r="K6785" s="237">
        <f t="shared" si="1569"/>
        <v>1302.9839151887199</v>
      </c>
      <c r="L6785" s="237">
        <f t="shared" si="1574"/>
        <v>627.93901742992978</v>
      </c>
      <c r="M6785" s="236">
        <f t="shared" si="1570"/>
        <v>33.022882014375227</v>
      </c>
      <c r="N6785" s="236">
        <f t="shared" si="1571"/>
        <v>0.30092075842440807</v>
      </c>
      <c r="O6785" s="236">
        <f t="shared" si="1575"/>
        <v>2.0724281441677346</v>
      </c>
      <c r="P6785" s="236" t="str">
        <f t="shared" si="1576"/>
        <v>SAND</v>
      </c>
      <c r="Q6785" s="236" t="e">
        <f t="shared" si="1572"/>
        <v>#N/A</v>
      </c>
      <c r="R6785" s="238">
        <v>35</v>
      </c>
      <c r="S6785" s="236" t="e">
        <f t="shared" si="1577"/>
        <v>#N/A</v>
      </c>
      <c r="T6785" s="236">
        <f t="shared" si="1564"/>
        <v>34.3069647016085</v>
      </c>
    </row>
    <row r="6786" spans="2:20" x14ac:dyDescent="0.2">
      <c r="B6786" s="239">
        <v>67.527000000000001</v>
      </c>
      <c r="C6786" s="3">
        <f t="shared" si="1565"/>
        <v>67.52</v>
      </c>
      <c r="D6786" s="239">
        <v>22.194099999999999</v>
      </c>
      <c r="E6786" s="239">
        <v>6.4000000000000001E-2</v>
      </c>
      <c r="F6786" s="239">
        <v>0.49980000000000002</v>
      </c>
      <c r="G6786">
        <f t="shared" si="1566"/>
        <v>22.294059999999998</v>
      </c>
      <c r="H6786" s="235">
        <f t="shared" si="1567"/>
        <v>0.28707198240248749</v>
      </c>
      <c r="I6786" s="236">
        <f t="shared" si="1568"/>
        <v>19.33449923318846</v>
      </c>
      <c r="J6786" s="237">
        <f t="shared" si="1573"/>
        <v>9.3344992331884598</v>
      </c>
      <c r="K6786" s="237">
        <f t="shared" si="1569"/>
        <v>1305.4653882248847</v>
      </c>
      <c r="L6786" s="237">
        <f t="shared" si="1574"/>
        <v>630.33072971951708</v>
      </c>
      <c r="M6786" s="236">
        <f t="shared" si="1570"/>
        <v>33.297749296015702</v>
      </c>
      <c r="N6786" s="236">
        <f t="shared" si="1571"/>
        <v>0.3049275150804735</v>
      </c>
      <c r="O6786" s="236">
        <f t="shared" si="1575"/>
        <v>2.0709854357644972</v>
      </c>
      <c r="P6786" s="236" t="str">
        <f t="shared" si="1576"/>
        <v>SAND</v>
      </c>
      <c r="Q6786" s="236" t="e">
        <f t="shared" si="1572"/>
        <v>#N/A</v>
      </c>
      <c r="R6786" s="238">
        <v>35</v>
      </c>
      <c r="S6786" s="236" t="e">
        <f t="shared" si="1577"/>
        <v>#N/A</v>
      </c>
      <c r="T6786" s="236">
        <f t="shared" si="1564"/>
        <v>34.346563670223965</v>
      </c>
    </row>
    <row r="6787" spans="2:20" x14ac:dyDescent="0.2">
      <c r="B6787" s="239">
        <v>67.537999999999997</v>
      </c>
      <c r="C6787" s="3">
        <f t="shared" si="1565"/>
        <v>67.530999999999992</v>
      </c>
      <c r="D6787" s="239">
        <v>22.433499999999999</v>
      </c>
      <c r="E6787" s="239">
        <v>6.4699999999999994E-2</v>
      </c>
      <c r="F6787" s="239">
        <v>0.50570000000000004</v>
      </c>
      <c r="G6787">
        <f t="shared" si="1566"/>
        <v>22.53464</v>
      </c>
      <c r="H6787" s="235">
        <f t="shared" si="1567"/>
        <v>0.28711352832794312</v>
      </c>
      <c r="I6787" s="236">
        <f t="shared" si="1568"/>
        <v>19.351450174176946</v>
      </c>
      <c r="J6787" s="237">
        <f t="shared" si="1573"/>
        <v>9.3514501741769465</v>
      </c>
      <c r="K6787" s="237">
        <f t="shared" si="1569"/>
        <v>1306.8227817123432</v>
      </c>
      <c r="L6787" s="237">
        <f t="shared" si="1574"/>
        <v>631.57824186356254</v>
      </c>
      <c r="M6787" s="236">
        <f t="shared" si="1570"/>
        <v>33.610748140486798</v>
      </c>
      <c r="N6787" s="236">
        <f t="shared" si="1571"/>
        <v>0.30478875587953186</v>
      </c>
      <c r="O6787" s="236">
        <f t="shared" si="1575"/>
        <v>2.0670973793830196</v>
      </c>
      <c r="P6787" s="236" t="str">
        <f t="shared" si="1576"/>
        <v>SAND</v>
      </c>
      <c r="Q6787" s="236" t="e">
        <f t="shared" si="1572"/>
        <v>#N/A</v>
      </c>
      <c r="R6787" s="238">
        <v>35</v>
      </c>
      <c r="S6787" s="236" t="e">
        <f t="shared" si="1577"/>
        <v>#N/A</v>
      </c>
      <c r="T6787" s="236">
        <f t="shared" si="1564"/>
        <v>34.391259974753027</v>
      </c>
    </row>
    <row r="6788" spans="2:20" x14ac:dyDescent="0.2">
      <c r="B6788" s="239">
        <v>67.549000000000007</v>
      </c>
      <c r="C6788" s="3">
        <f t="shared" si="1565"/>
        <v>67.542000000000002</v>
      </c>
      <c r="D6788" s="239">
        <v>22.6144</v>
      </c>
      <c r="E6788" s="239">
        <v>6.3799999999999996E-2</v>
      </c>
      <c r="F6788" s="239">
        <v>0.50429999999999997</v>
      </c>
      <c r="G6788">
        <f t="shared" si="1566"/>
        <v>22.715260000000001</v>
      </c>
      <c r="H6788" s="235">
        <f t="shared" si="1567"/>
        <v>0.280868455831014</v>
      </c>
      <c r="I6788" s="236">
        <f t="shared" si="1568"/>
        <v>19.338144827851497</v>
      </c>
      <c r="J6788" s="237">
        <f t="shared" si="1573"/>
        <v>9.3381448278514974</v>
      </c>
      <c r="K6788" s="237">
        <f t="shared" si="1569"/>
        <v>1306.136977962746</v>
      </c>
      <c r="L6788" s="237">
        <f t="shared" si="1574"/>
        <v>630.78234497654091</v>
      </c>
      <c r="M6788" s="236">
        <f t="shared" si="1570"/>
        <v>33.940586943398792</v>
      </c>
      <c r="N6788" s="236">
        <f t="shared" si="1571"/>
        <v>0.29800379928840681</v>
      </c>
      <c r="O6788" s="236">
        <f t="shared" si="1575"/>
        <v>2.0597944932884964</v>
      </c>
      <c r="P6788" s="236" t="str">
        <f t="shared" si="1576"/>
        <v>SAND</v>
      </c>
      <c r="Q6788" s="236" t="e">
        <f t="shared" si="1572"/>
        <v>#N/A</v>
      </c>
      <c r="R6788" s="238">
        <v>35</v>
      </c>
      <c r="S6788" s="236" t="e">
        <f t="shared" si="1577"/>
        <v>#N/A</v>
      </c>
      <c r="T6788" s="236">
        <f t="shared" si="1564"/>
        <v>34.437912832554474</v>
      </c>
    </row>
    <row r="6789" spans="2:20" x14ac:dyDescent="0.2">
      <c r="B6789" s="239">
        <v>67.558000000000007</v>
      </c>
      <c r="C6789" s="3">
        <f t="shared" si="1565"/>
        <v>67.551000000000002</v>
      </c>
      <c r="D6789" s="239">
        <v>22.861599999999999</v>
      </c>
      <c r="E6789" s="239">
        <v>6.25E-2</v>
      </c>
      <c r="F6789" s="239">
        <v>0.50560000000000005</v>
      </c>
      <c r="G6789">
        <f t="shared" si="1566"/>
        <v>22.962720000000001</v>
      </c>
      <c r="H6789" s="235">
        <f t="shared" si="1567"/>
        <v>0.27218029919800441</v>
      </c>
      <c r="I6789" s="236">
        <f t="shared" si="1568"/>
        <v>19.318240098390721</v>
      </c>
      <c r="J6789" s="237">
        <f t="shared" si="1573"/>
        <v>9.3182400983907208</v>
      </c>
      <c r="K6789" s="237">
        <f t="shared" si="1569"/>
        <v>1304.9664368863916</v>
      </c>
      <c r="L6789" s="237">
        <f t="shared" si="1574"/>
        <v>629.52166456708039</v>
      </c>
      <c r="M6789" s="236">
        <f t="shared" si="1570"/>
        <v>34.403507904700248</v>
      </c>
      <c r="N6789" s="236">
        <f t="shared" si="1571"/>
        <v>0.28858025287741218</v>
      </c>
      <c r="O6789" s="236">
        <f t="shared" si="1575"/>
        <v>2.0495823172665393</v>
      </c>
      <c r="P6789" s="236" t="str">
        <f t="shared" si="1576"/>
        <v>SAND</v>
      </c>
      <c r="Q6789" s="236" t="e">
        <f t="shared" si="1572"/>
        <v>#N/A</v>
      </c>
      <c r="R6789" s="238">
        <v>35</v>
      </c>
      <c r="S6789" s="236" t="e">
        <f t="shared" si="1577"/>
        <v>#N/A</v>
      </c>
      <c r="T6789" s="236">
        <f t="shared" si="1564"/>
        <v>34.502629997525524</v>
      </c>
    </row>
    <row r="6790" spans="2:20" x14ac:dyDescent="0.2">
      <c r="B6790" s="239">
        <v>67.569000000000003</v>
      </c>
      <c r="C6790" s="3">
        <f t="shared" si="1565"/>
        <v>67.561999999999998</v>
      </c>
      <c r="D6790" s="239">
        <v>22.959800000000001</v>
      </c>
      <c r="E6790" s="239">
        <v>6.2600000000000003E-2</v>
      </c>
      <c r="F6790" s="239">
        <v>0.48899999999999999</v>
      </c>
      <c r="G6790">
        <f t="shared" si="1566"/>
        <v>23.057600000000001</v>
      </c>
      <c r="H6790" s="235">
        <f t="shared" si="1567"/>
        <v>0.27149399764069115</v>
      </c>
      <c r="I6790" s="236">
        <f t="shared" si="1568"/>
        <v>19.321726444801051</v>
      </c>
      <c r="J6790" s="237">
        <f t="shared" si="1573"/>
        <v>9.3217264448010511</v>
      </c>
      <c r="K6790" s="237">
        <f t="shared" si="1569"/>
        <v>1305.4144820636486</v>
      </c>
      <c r="L6790" s="237">
        <f t="shared" si="1574"/>
        <v>629.8597341487623</v>
      </c>
      <c r="M6790" s="236">
        <f t="shared" si="1570"/>
        <v>34.534967610421738</v>
      </c>
      <c r="N6790" s="236">
        <f t="shared" si="1571"/>
        <v>0.2877871740675505</v>
      </c>
      <c r="O6790" s="236">
        <f t="shared" si="1575"/>
        <v>2.0476232806754355</v>
      </c>
      <c r="P6790" s="236" t="str">
        <f t="shared" si="1576"/>
        <v>SAND</v>
      </c>
      <c r="Q6790" s="236" t="e">
        <f t="shared" si="1572"/>
        <v>#N/A</v>
      </c>
      <c r="R6790" s="238">
        <v>35</v>
      </c>
      <c r="S6790" s="236" t="e">
        <f t="shared" si="1577"/>
        <v>#N/A</v>
      </c>
      <c r="T6790" s="236">
        <f t="shared" si="1564"/>
        <v>34.520849583299409</v>
      </c>
    </row>
    <row r="6791" spans="2:20" x14ac:dyDescent="0.2">
      <c r="B6791" s="239">
        <v>67.578000000000003</v>
      </c>
      <c r="C6791" s="3">
        <f t="shared" si="1565"/>
        <v>67.570999999999998</v>
      </c>
      <c r="D6791" s="239">
        <v>23.1068</v>
      </c>
      <c r="E6791" s="239">
        <v>6.3299999999999995E-2</v>
      </c>
      <c r="F6791" s="239">
        <v>0.54210000000000003</v>
      </c>
      <c r="G6791">
        <f t="shared" si="1566"/>
        <v>23.215219999999999</v>
      </c>
      <c r="H6791" s="235">
        <f t="shared" si="1567"/>
        <v>0.27266594932117805</v>
      </c>
      <c r="I6791" s="236">
        <f t="shared" si="1568"/>
        <v>19.337428594697652</v>
      </c>
      <c r="J6791" s="237">
        <f t="shared" si="1573"/>
        <v>9.3374285946976521</v>
      </c>
      <c r="K6791" s="237">
        <f t="shared" si="1569"/>
        <v>1306.6493875723149</v>
      </c>
      <c r="L6791" s="237">
        <f t="shared" si="1574"/>
        <v>631.00474957247798</v>
      </c>
      <c r="M6791" s="236">
        <f t="shared" si="1570"/>
        <v>34.720135826665818</v>
      </c>
      <c r="N6791" s="236">
        <f t="shared" si="1571"/>
        <v>0.28892802328278294</v>
      </c>
      <c r="O6791" s="236">
        <f t="shared" si="1575"/>
        <v>2.0460035787020376</v>
      </c>
      <c r="P6791" s="236" t="str">
        <f t="shared" si="1576"/>
        <v>SAND</v>
      </c>
      <c r="Q6791" s="236" t="e">
        <f t="shared" si="1572"/>
        <v>#N/A</v>
      </c>
      <c r="R6791" s="238">
        <v>35</v>
      </c>
      <c r="S6791" s="236" t="e">
        <f t="shared" si="1577"/>
        <v>#N/A</v>
      </c>
      <c r="T6791" s="236">
        <f t="shared" si="1564"/>
        <v>34.546395570351322</v>
      </c>
    </row>
    <row r="6792" spans="2:20" x14ac:dyDescent="0.2">
      <c r="B6792" s="239">
        <v>67.588999999999999</v>
      </c>
      <c r="C6792" s="3">
        <f t="shared" si="1565"/>
        <v>67.581999999999994</v>
      </c>
      <c r="D6792" s="239">
        <v>23.281099999999999</v>
      </c>
      <c r="E6792" s="239">
        <v>6.3899999999999998E-2</v>
      </c>
      <c r="F6792" s="239">
        <v>0.49280000000000002</v>
      </c>
      <c r="G6792">
        <f t="shared" si="1566"/>
        <v>23.379659999999998</v>
      </c>
      <c r="H6792" s="235">
        <f t="shared" si="1567"/>
        <v>0.27331449644691153</v>
      </c>
      <c r="I6792" s="236">
        <f t="shared" si="1568"/>
        <v>19.351249743418343</v>
      </c>
      <c r="J6792" s="237">
        <f t="shared" si="1573"/>
        <v>9.351249743418343</v>
      </c>
      <c r="K6792" s="237">
        <f t="shared" si="1569"/>
        <v>1307.7961601596983</v>
      </c>
      <c r="L6792" s="237">
        <f t="shared" si="1574"/>
        <v>632.04161890790238</v>
      </c>
      <c r="M6792" s="236">
        <f t="shared" si="1570"/>
        <v>34.921535512136089</v>
      </c>
      <c r="N6792" s="236">
        <f t="shared" si="1571"/>
        <v>0.28950885373195717</v>
      </c>
      <c r="O6792" s="236">
        <f t="shared" si="1575"/>
        <v>2.0439256802726646</v>
      </c>
      <c r="P6792" s="236" t="str">
        <f t="shared" si="1576"/>
        <v>SAND</v>
      </c>
      <c r="Q6792" s="236" t="e">
        <f t="shared" si="1572"/>
        <v>#N/A</v>
      </c>
      <c r="R6792" s="238">
        <v>35</v>
      </c>
      <c r="S6792" s="236" t="e">
        <f t="shared" si="1577"/>
        <v>#N/A</v>
      </c>
      <c r="T6792" s="236">
        <f t="shared" si="1564"/>
        <v>34.57402664687082</v>
      </c>
    </row>
    <row r="6793" spans="2:20" x14ac:dyDescent="0.2">
      <c r="B6793" s="239">
        <v>67.597999999999999</v>
      </c>
      <c r="C6793" s="3">
        <f t="shared" si="1565"/>
        <v>67.590999999999994</v>
      </c>
      <c r="D6793" s="239">
        <v>23.339400000000001</v>
      </c>
      <c r="E6793" s="239">
        <v>6.4299999999999996E-2</v>
      </c>
      <c r="F6793" s="239">
        <v>0.4773</v>
      </c>
      <c r="G6793">
        <f t="shared" si="1566"/>
        <v>23.43486</v>
      </c>
      <c r="H6793" s="235">
        <f t="shared" si="1567"/>
        <v>0.27437757255643941</v>
      </c>
      <c r="I6793" s="236">
        <f t="shared" si="1568"/>
        <v>19.359488808325313</v>
      </c>
      <c r="J6793" s="237">
        <f t="shared" si="1573"/>
        <v>9.3594888083253132</v>
      </c>
      <c r="K6793" s="237">
        <f t="shared" si="1569"/>
        <v>1308.5272080435161</v>
      </c>
      <c r="L6793" s="237">
        <f t="shared" si="1574"/>
        <v>632.68272446517449</v>
      </c>
      <c r="M6793" s="236">
        <f t="shared" si="1570"/>
        <v>34.972241119212683</v>
      </c>
      <c r="N6793" s="236">
        <f t="shared" si="1571"/>
        <v>0.29060396318080678</v>
      </c>
      <c r="O6793" s="236">
        <f t="shared" si="1575"/>
        <v>2.0438792229078149</v>
      </c>
      <c r="P6793" s="236" t="str">
        <f t="shared" si="1576"/>
        <v>SAND</v>
      </c>
      <c r="Q6793" s="236" t="e">
        <f t="shared" si="1572"/>
        <v>#N/A</v>
      </c>
      <c r="R6793" s="238">
        <v>35</v>
      </c>
      <c r="S6793" s="236" t="e">
        <f t="shared" si="1577"/>
        <v>#N/A</v>
      </c>
      <c r="T6793" s="236">
        <f t="shared" si="1564"/>
        <v>34.580958104092765</v>
      </c>
    </row>
    <row r="6794" spans="2:20" x14ac:dyDescent="0.2">
      <c r="B6794" s="239">
        <v>67.61</v>
      </c>
      <c r="C6794" s="3">
        <f t="shared" si="1565"/>
        <v>67.602999999999994</v>
      </c>
      <c r="D6794" s="239">
        <v>23.524699999999999</v>
      </c>
      <c r="E6794" s="239">
        <v>6.4600000000000005E-2</v>
      </c>
      <c r="F6794" s="239">
        <v>0.4945</v>
      </c>
      <c r="G6794">
        <f t="shared" si="1566"/>
        <v>23.6236</v>
      </c>
      <c r="H6794" s="235">
        <f t="shared" si="1567"/>
        <v>0.27345535820112093</v>
      </c>
      <c r="I6794" s="236">
        <f t="shared" si="1568"/>
        <v>19.368082325373695</v>
      </c>
      <c r="J6794" s="237">
        <f t="shared" si="1573"/>
        <v>9.3680823253736953</v>
      </c>
      <c r="K6794" s="237">
        <f t="shared" si="1569"/>
        <v>1309.3404694422379</v>
      </c>
      <c r="L6794" s="237">
        <f t="shared" si="1574"/>
        <v>633.37604601851558</v>
      </c>
      <c r="M6794" s="236">
        <f t="shared" si="1570"/>
        <v>35.230665369851138</v>
      </c>
      <c r="N6794" s="236">
        <f t="shared" si="1571"/>
        <v>0.28950097990719786</v>
      </c>
      <c r="O6794" s="236">
        <f t="shared" si="1575"/>
        <v>2.0403137526638346</v>
      </c>
      <c r="P6794" s="236" t="str">
        <f t="shared" si="1576"/>
        <v>SAND</v>
      </c>
      <c r="Q6794" s="236" t="e">
        <f t="shared" si="1572"/>
        <v>#N/A</v>
      </c>
      <c r="R6794" s="238">
        <v>35</v>
      </c>
      <c r="S6794" s="236" t="e">
        <f t="shared" si="1577"/>
        <v>#N/A</v>
      </c>
      <c r="T6794" s="236">
        <f t="shared" si="1564"/>
        <v>34.616129299262369</v>
      </c>
    </row>
    <row r="6795" spans="2:20" x14ac:dyDescent="0.2">
      <c r="B6795" s="239">
        <v>67.62</v>
      </c>
      <c r="C6795" s="3">
        <f t="shared" si="1565"/>
        <v>67.613</v>
      </c>
      <c r="D6795" s="239">
        <v>23.411799999999999</v>
      </c>
      <c r="E6795" s="239">
        <v>6.2700000000000006E-2</v>
      </c>
      <c r="F6795" s="239">
        <v>0.47110000000000002</v>
      </c>
      <c r="G6795">
        <f t="shared" si="1566"/>
        <v>23.506019999999999</v>
      </c>
      <c r="H6795" s="235">
        <f t="shared" si="1567"/>
        <v>0.26674017974969821</v>
      </c>
      <c r="I6795" s="236">
        <f t="shared" si="1568"/>
        <v>19.331126605826118</v>
      </c>
      <c r="J6795" s="237">
        <f t="shared" si="1573"/>
        <v>9.3311266058261175</v>
      </c>
      <c r="K6795" s="237">
        <f t="shared" si="1569"/>
        <v>1307.0354631997213</v>
      </c>
      <c r="L6795" s="237">
        <f t="shared" si="1574"/>
        <v>630.97078108596213</v>
      </c>
      <c r="M6795" s="236">
        <f t="shared" si="1570"/>
        <v>35.182270244897339</v>
      </c>
      <c r="N6795" s="236">
        <f t="shared" si="1571"/>
        <v>0.28244535193066744</v>
      </c>
      <c r="O6795" s="236">
        <f t="shared" si="1575"/>
        <v>2.0373224838010069</v>
      </c>
      <c r="P6795" s="236" t="str">
        <f t="shared" si="1576"/>
        <v>SAND</v>
      </c>
      <c r="Q6795" s="236" t="e">
        <f t="shared" si="1572"/>
        <v>#N/A</v>
      </c>
      <c r="R6795" s="238">
        <v>35</v>
      </c>
      <c r="S6795" s="236" t="e">
        <f t="shared" si="1577"/>
        <v>#N/A</v>
      </c>
      <c r="T6795" s="236">
        <f t="shared" si="1564"/>
        <v>34.609562462436465</v>
      </c>
    </row>
    <row r="6796" spans="2:20" x14ac:dyDescent="0.2">
      <c r="B6796" s="239">
        <v>67.63</v>
      </c>
      <c r="C6796" s="3">
        <f t="shared" si="1565"/>
        <v>67.62299999999999</v>
      </c>
      <c r="D6796" s="239">
        <v>23.682300000000001</v>
      </c>
      <c r="E6796" s="239">
        <v>6.4699999999999994E-2</v>
      </c>
      <c r="F6796" s="239">
        <v>0.43759999999999999</v>
      </c>
      <c r="G6796">
        <f t="shared" si="1566"/>
        <v>23.769820000000003</v>
      </c>
      <c r="H6796" s="235">
        <f t="shared" si="1567"/>
        <v>0.27219389965931584</v>
      </c>
      <c r="I6796" s="236">
        <f t="shared" si="1568"/>
        <v>19.372307915879119</v>
      </c>
      <c r="J6796" s="237">
        <f t="shared" si="1573"/>
        <v>9.3723079158791194</v>
      </c>
      <c r="K6796" s="237">
        <f t="shared" si="1569"/>
        <v>1310.0135781954934</v>
      </c>
      <c r="L6796" s="237">
        <f t="shared" si="1574"/>
        <v>633.84918435090481</v>
      </c>
      <c r="M6796" s="236">
        <f t="shared" si="1570"/>
        <v>35.433991202188807</v>
      </c>
      <c r="N6796" s="236">
        <f t="shared" si="1571"/>
        <v>0.28807015868662028</v>
      </c>
      <c r="O6796" s="236">
        <f t="shared" si="1575"/>
        <v>2.0372395925429259</v>
      </c>
      <c r="P6796" s="236" t="str">
        <f t="shared" si="1576"/>
        <v>SAND</v>
      </c>
      <c r="Q6796" s="236" t="e">
        <f t="shared" si="1572"/>
        <v>#N/A</v>
      </c>
      <c r="R6796" s="238">
        <v>35</v>
      </c>
      <c r="S6796" s="236" t="e">
        <f t="shared" si="1577"/>
        <v>#N/A</v>
      </c>
      <c r="T6796" s="236">
        <f t="shared" si="1564"/>
        <v>34.64362080307356</v>
      </c>
    </row>
    <row r="6797" spans="2:20" x14ac:dyDescent="0.2">
      <c r="B6797" s="239">
        <v>67.641000000000005</v>
      </c>
      <c r="C6797" s="3">
        <f t="shared" si="1565"/>
        <v>67.634</v>
      </c>
      <c r="D6797" s="239">
        <v>23.6968</v>
      </c>
      <c r="E6797" s="239">
        <v>6.5699999999999995E-2</v>
      </c>
      <c r="F6797" s="239">
        <v>0.39550000000000002</v>
      </c>
      <c r="G6797">
        <f t="shared" si="1566"/>
        <v>23.7759</v>
      </c>
      <c r="H6797" s="235">
        <f t="shared" si="1567"/>
        <v>0.27633023355582753</v>
      </c>
      <c r="I6797" s="236">
        <f t="shared" si="1568"/>
        <v>19.39039282111505</v>
      </c>
      <c r="J6797" s="237">
        <f t="shared" si="1573"/>
        <v>9.39039282111505</v>
      </c>
      <c r="K6797" s="237">
        <f t="shared" si="1569"/>
        <v>1311.4498280632954</v>
      </c>
      <c r="L6797" s="237">
        <f t="shared" si="1574"/>
        <v>635.17556081304315</v>
      </c>
      <c r="M6797" s="236">
        <f t="shared" si="1570"/>
        <v>35.367308753475271</v>
      </c>
      <c r="N6797" s="236">
        <f t="shared" si="1571"/>
        <v>0.29246208786393751</v>
      </c>
      <c r="O6797" s="236">
        <f t="shared" si="1575"/>
        <v>2.0402111862799592</v>
      </c>
      <c r="P6797" s="236" t="str">
        <f t="shared" si="1576"/>
        <v>SAND</v>
      </c>
      <c r="Q6797" s="236" t="e">
        <f t="shared" si="1572"/>
        <v>#N/A</v>
      </c>
      <c r="R6797" s="238">
        <v>35</v>
      </c>
      <c r="S6797" s="236" t="e">
        <f t="shared" si="1577"/>
        <v>#N/A</v>
      </c>
      <c r="T6797" s="236">
        <f t="shared" ref="T6797:T6860" si="1578">IF(P6797="SAND",17.6+(11*LOG(M6797)),#N/A)</f>
        <v>34.634622151662718</v>
      </c>
    </row>
    <row r="6798" spans="2:20" x14ac:dyDescent="0.2">
      <c r="B6798" s="239">
        <v>67.650999999999996</v>
      </c>
      <c r="C6798" s="3">
        <f t="shared" ref="C6798:C6861" si="1579">MAX($B6798 - $B$13, 0.001)</f>
        <v>67.643999999999991</v>
      </c>
      <c r="D6798" s="239">
        <v>23.925899999999999</v>
      </c>
      <c r="E6798" s="239">
        <v>6.9000000000000006E-2</v>
      </c>
      <c r="F6798" s="239">
        <v>0.43380000000000002</v>
      </c>
      <c r="G6798">
        <f t="shared" si="1566"/>
        <v>24.01266</v>
      </c>
      <c r="H6798" s="235">
        <f t="shared" si="1567"/>
        <v>0.28734842370649483</v>
      </c>
      <c r="I6798" s="236">
        <f t="shared" si="1568"/>
        <v>19.451731843857601</v>
      </c>
      <c r="J6798" s="237">
        <f t="shared" si="1573"/>
        <v>9.4517318438576012</v>
      </c>
      <c r="K6798" s="237">
        <f t="shared" si="1569"/>
        <v>1315.7929488459033</v>
      </c>
      <c r="L6798" s="237">
        <f t="shared" si="1574"/>
        <v>639.41911096881051</v>
      </c>
      <c r="M6798" s="236">
        <f t="shared" si="1570"/>
        <v>35.49607239102555</v>
      </c>
      <c r="N6798" s="236">
        <f t="shared" si="1571"/>
        <v>0.30400671530783574</v>
      </c>
      <c r="O6798" s="236">
        <f t="shared" si="1575"/>
        <v>2.044444285271771</v>
      </c>
      <c r="P6798" s="236" t="str">
        <f t="shared" si="1576"/>
        <v>SAND</v>
      </c>
      <c r="Q6798" s="236" t="e">
        <f t="shared" si="1572"/>
        <v>#N/A</v>
      </c>
      <c r="R6798" s="238">
        <v>35</v>
      </c>
      <c r="S6798" s="236" t="e">
        <f t="shared" si="1577"/>
        <v>#N/A</v>
      </c>
      <c r="T6798" s="236">
        <f t="shared" si="1578"/>
        <v>34.651983315550403</v>
      </c>
    </row>
    <row r="6799" spans="2:20" x14ac:dyDescent="0.2">
      <c r="B6799" s="239">
        <v>67.661000000000001</v>
      </c>
      <c r="C6799" s="3">
        <f t="shared" si="1579"/>
        <v>67.653999999999996</v>
      </c>
      <c r="D6799" s="239">
        <v>24.255700000000001</v>
      </c>
      <c r="E6799" s="239">
        <v>6.8000000000000005E-2</v>
      </c>
      <c r="F6799" s="239">
        <v>0.45240000000000002</v>
      </c>
      <c r="G6799">
        <f t="shared" ref="G6799:G6862" si="1580">$D6799+($F6799*(1-$P$8))</f>
        <v>24.34618</v>
      </c>
      <c r="H6799" s="235">
        <f t="shared" ref="H6799:H6862" si="1581">($E6799/$G6799)*100</f>
        <v>0.27930459727152268</v>
      </c>
      <c r="I6799" s="236">
        <f t="shared" ref="I6799:I6862" si="1582">((0.27*(LOG($H6799)))+(0.36*(LOG(($G6799*1000)/101)))+1.236)*10</f>
        <v>19.440004864417592</v>
      </c>
      <c r="J6799" s="237">
        <f t="shared" si="1573"/>
        <v>9.4400048644175918</v>
      </c>
      <c r="K6799" s="237">
        <f t="shared" ref="K6799:K6862" si="1583">$I6799*$C6799</f>
        <v>1315.1940890973076</v>
      </c>
      <c r="L6799" s="237">
        <f t="shared" si="1574"/>
        <v>638.72016913135872</v>
      </c>
      <c r="M6799" s="236">
        <f t="shared" ref="M6799:M6862" si="1584">(($G6799*1000)-$K6799)/$L6799</f>
        <v>36.058022000814816</v>
      </c>
      <c r="N6799" s="236">
        <f t="shared" ref="N6799:N6862" si="1585">(($E6799*1000)/(($G6799*1000)-$K6799))*100</f>
        <v>0.2952544031899621</v>
      </c>
      <c r="O6799" s="236">
        <f t="shared" si="1575"/>
        <v>2.0336992845968589</v>
      </c>
      <c r="P6799" s="236" t="str">
        <f t="shared" si="1576"/>
        <v>SAND</v>
      </c>
      <c r="Q6799" s="236" t="e">
        <f t="shared" ref="Q6799:Q6862" si="1586">IF(P6799="CLAY",($G6799*1000 -$K6799)/$L$8,#N/A)</f>
        <v>#N/A</v>
      </c>
      <c r="R6799" s="238">
        <v>35</v>
      </c>
      <c r="S6799" s="236" t="e">
        <f t="shared" si="1577"/>
        <v>#N/A</v>
      </c>
      <c r="T6799" s="236">
        <f t="shared" si="1578"/>
        <v>34.727020893154886</v>
      </c>
    </row>
    <row r="6800" spans="2:20" x14ac:dyDescent="0.2">
      <c r="B6800" s="239">
        <v>67.671000000000006</v>
      </c>
      <c r="C6800" s="3">
        <f t="shared" si="1579"/>
        <v>67.664000000000001</v>
      </c>
      <c r="D6800" s="239">
        <v>24.635400000000001</v>
      </c>
      <c r="E6800" s="239">
        <v>6.8099999999999994E-2</v>
      </c>
      <c r="F6800" s="239">
        <v>0.4572</v>
      </c>
      <c r="G6800">
        <f t="shared" si="1580"/>
        <v>24.726839999999999</v>
      </c>
      <c r="H6800" s="235">
        <f t="shared" si="1581"/>
        <v>0.27540923142625584</v>
      </c>
      <c r="I6800" s="236">
        <f t="shared" si="1582"/>
        <v>19.447792013337441</v>
      </c>
      <c r="J6800" s="237">
        <f t="shared" ref="J6800:J6863" si="1587">$I6800-10</f>
        <v>9.4477920133374411</v>
      </c>
      <c r="K6800" s="237">
        <f t="shared" si="1583"/>
        <v>1315.9153987904647</v>
      </c>
      <c r="L6800" s="237">
        <f t="shared" ref="L6800:L6863" si="1588">$J6800*$B6800</f>
        <v>639.34153333455799</v>
      </c>
      <c r="M6800" s="236">
        <f t="shared" si="1584"/>
        <v>36.617243492859309</v>
      </c>
      <c r="N6800" s="236">
        <f t="shared" si="1585"/>
        <v>0.29088983523735568</v>
      </c>
      <c r="O6800" s="236">
        <f t="shared" ref="O6800:O6863" si="1589">((3.47-LOG($M6800))^2+(LOG($N6800)+1.22)^2)^0.5</f>
        <v>2.0252207615249134</v>
      </c>
      <c r="P6800" s="236" t="str">
        <f t="shared" ref="P6800:P6863" si="1590">IF(O6800&lt;2.6,"SAND","CLAY")</f>
        <v>SAND</v>
      </c>
      <c r="Q6800" s="236" t="e">
        <f t="shared" si="1586"/>
        <v>#N/A</v>
      </c>
      <c r="R6800" s="238">
        <v>35</v>
      </c>
      <c r="S6800" s="236" t="e">
        <f t="shared" ref="S6800:S6863" si="1591">IF(P6800="SAND",#N/A,0.25*($M6800)^1.25)</f>
        <v>#N/A</v>
      </c>
      <c r="T6800" s="236">
        <f t="shared" si="1578"/>
        <v>34.800542127664826</v>
      </c>
    </row>
    <row r="6801" spans="2:20" x14ac:dyDescent="0.2">
      <c r="B6801" s="239">
        <v>67.680999999999997</v>
      </c>
      <c r="C6801" s="3">
        <f t="shared" si="1579"/>
        <v>67.673999999999992</v>
      </c>
      <c r="D6801" s="239">
        <v>24.998000000000001</v>
      </c>
      <c r="E6801" s="239">
        <v>6.8400000000000002E-2</v>
      </c>
      <c r="F6801" s="239">
        <v>0.45829999999999999</v>
      </c>
      <c r="G6801">
        <f t="shared" si="1580"/>
        <v>25.089660000000002</v>
      </c>
      <c r="H6801" s="235">
        <f t="shared" si="1581"/>
        <v>0.27262226749983859</v>
      </c>
      <c r="I6801" s="236">
        <f t="shared" si="1582"/>
        <v>19.458639827477707</v>
      </c>
      <c r="J6801" s="237">
        <f t="shared" si="1587"/>
        <v>9.4586398274777075</v>
      </c>
      <c r="K6801" s="237">
        <f t="shared" si="1583"/>
        <v>1316.8439916847262</v>
      </c>
      <c r="L6801" s="237">
        <f t="shared" si="1588"/>
        <v>640.17020216351875</v>
      </c>
      <c r="M6801" s="236">
        <f t="shared" si="1584"/>
        <v>37.135149258701333</v>
      </c>
      <c r="N6801" s="236">
        <f t="shared" si="1585"/>
        <v>0.28772359141666259</v>
      </c>
      <c r="O6801" s="236">
        <f t="shared" si="1589"/>
        <v>2.017876130486687</v>
      </c>
      <c r="P6801" s="236" t="str">
        <f t="shared" si="1590"/>
        <v>SAND</v>
      </c>
      <c r="Q6801" s="236" t="e">
        <f t="shared" si="1586"/>
        <v>#N/A</v>
      </c>
      <c r="R6801" s="238">
        <v>35</v>
      </c>
      <c r="S6801" s="236" t="e">
        <f t="shared" si="1591"/>
        <v>#N/A</v>
      </c>
      <c r="T6801" s="236">
        <f t="shared" si="1578"/>
        <v>34.867636912143865</v>
      </c>
    </row>
    <row r="6802" spans="2:20" x14ac:dyDescent="0.2">
      <c r="B6802" s="239">
        <v>67.691999999999993</v>
      </c>
      <c r="C6802" s="3">
        <f t="shared" si="1579"/>
        <v>67.684999999999988</v>
      </c>
      <c r="D6802" s="239">
        <v>25.640599999999999</v>
      </c>
      <c r="E6802" s="239">
        <v>7.1599999999999997E-2</v>
      </c>
      <c r="F6802" s="239">
        <v>0.47399999999999998</v>
      </c>
      <c r="G6802">
        <f t="shared" si="1580"/>
        <v>25.735399999999998</v>
      </c>
      <c r="H6802" s="235">
        <f t="shared" si="1581"/>
        <v>0.27821599819703596</v>
      </c>
      <c r="I6802" s="236">
        <f t="shared" si="1582"/>
        <v>19.522186045122865</v>
      </c>
      <c r="J6802" s="237">
        <f t="shared" si="1587"/>
        <v>9.522186045122865</v>
      </c>
      <c r="K6802" s="237">
        <f t="shared" si="1583"/>
        <v>1321.3591624641408</v>
      </c>
      <c r="L6802" s="237">
        <f t="shared" si="1588"/>
        <v>644.57581776645691</v>
      </c>
      <c r="M6802" s="236">
        <f t="shared" si="1584"/>
        <v>37.876135226626772</v>
      </c>
      <c r="N6802" s="236">
        <f t="shared" si="1585"/>
        <v>0.29327386022029234</v>
      </c>
      <c r="O6802" s="236">
        <f t="shared" si="1589"/>
        <v>2.012616492929566</v>
      </c>
      <c r="P6802" s="236" t="str">
        <f t="shared" si="1590"/>
        <v>SAND</v>
      </c>
      <c r="Q6802" s="236" t="e">
        <f t="shared" si="1586"/>
        <v>#N/A</v>
      </c>
      <c r="R6802" s="238">
        <v>35</v>
      </c>
      <c r="S6802" s="236" t="e">
        <f t="shared" si="1591"/>
        <v>#N/A</v>
      </c>
      <c r="T6802" s="236">
        <f t="shared" si="1578"/>
        <v>34.962022242567329</v>
      </c>
    </row>
    <row r="6803" spans="2:20" x14ac:dyDescent="0.2">
      <c r="B6803" s="239">
        <v>67.701999999999998</v>
      </c>
      <c r="C6803" s="3">
        <f t="shared" si="1579"/>
        <v>67.694999999999993</v>
      </c>
      <c r="D6803" s="239">
        <v>25.861999999999998</v>
      </c>
      <c r="E6803" s="239">
        <v>7.7100000000000002E-2</v>
      </c>
      <c r="F6803" s="239">
        <v>0.45910000000000001</v>
      </c>
      <c r="G6803">
        <f t="shared" si="1580"/>
        <v>25.953819999999997</v>
      </c>
      <c r="H6803" s="235">
        <f t="shared" si="1581"/>
        <v>0.29706609662855032</v>
      </c>
      <c r="I6803" s="236">
        <f t="shared" si="1582"/>
        <v>19.612271034594478</v>
      </c>
      <c r="J6803" s="237">
        <f t="shared" si="1587"/>
        <v>9.6122710345944782</v>
      </c>
      <c r="K6803" s="237">
        <f t="shared" si="1583"/>
        <v>1327.6526876868732</v>
      </c>
      <c r="L6803" s="237">
        <f t="shared" si="1588"/>
        <v>650.76997358411529</v>
      </c>
      <c r="M6803" s="236">
        <f t="shared" si="1584"/>
        <v>37.841585063743061</v>
      </c>
      <c r="N6803" s="236">
        <f t="shared" si="1585"/>
        <v>0.31308160552230913</v>
      </c>
      <c r="O6803" s="236">
        <f t="shared" si="1589"/>
        <v>2.0228558596035304</v>
      </c>
      <c r="P6803" s="236" t="str">
        <f t="shared" si="1590"/>
        <v>SAND</v>
      </c>
      <c r="Q6803" s="236" t="e">
        <f t="shared" si="1586"/>
        <v>#N/A</v>
      </c>
      <c r="R6803" s="238">
        <v>35</v>
      </c>
      <c r="S6803" s="236" t="e">
        <f t="shared" si="1591"/>
        <v>#N/A</v>
      </c>
      <c r="T6803" s="236">
        <f t="shared" si="1578"/>
        <v>34.957662512591185</v>
      </c>
    </row>
    <row r="6804" spans="2:20" x14ac:dyDescent="0.2">
      <c r="B6804" s="239">
        <v>67.710999999999999</v>
      </c>
      <c r="C6804" s="3">
        <f t="shared" si="1579"/>
        <v>67.703999999999994</v>
      </c>
      <c r="D6804" s="239">
        <v>26.184000000000001</v>
      </c>
      <c r="E6804" s="239">
        <v>7.6100000000000001E-2</v>
      </c>
      <c r="F6804" s="239">
        <v>0.4708</v>
      </c>
      <c r="G6804">
        <f t="shared" si="1580"/>
        <v>26.27816</v>
      </c>
      <c r="H6804" s="235">
        <f t="shared" si="1581"/>
        <v>0.28959409639031047</v>
      </c>
      <c r="I6804" s="236">
        <f t="shared" si="1582"/>
        <v>19.601817085002324</v>
      </c>
      <c r="J6804" s="237">
        <f t="shared" si="1587"/>
        <v>9.6018170850023239</v>
      </c>
      <c r="K6804" s="237">
        <f t="shared" si="1583"/>
        <v>1327.1214239229971</v>
      </c>
      <c r="L6804" s="237">
        <f t="shared" si="1588"/>
        <v>650.14863664259235</v>
      </c>
      <c r="M6804" s="236">
        <f t="shared" si="1584"/>
        <v>38.377437357902814</v>
      </c>
      <c r="N6804" s="236">
        <f t="shared" si="1585"/>
        <v>0.30499732413128683</v>
      </c>
      <c r="O6804" s="236">
        <f t="shared" si="1589"/>
        <v>2.0131424037991188</v>
      </c>
      <c r="P6804" s="236" t="str">
        <f t="shared" si="1590"/>
        <v>SAND</v>
      </c>
      <c r="Q6804" s="236" t="e">
        <f t="shared" si="1586"/>
        <v>#N/A</v>
      </c>
      <c r="R6804" s="238">
        <v>35</v>
      </c>
      <c r="S6804" s="236" t="e">
        <f t="shared" si="1591"/>
        <v>#N/A</v>
      </c>
      <c r="T6804" s="236">
        <f t="shared" si="1578"/>
        <v>35.024835686294146</v>
      </c>
    </row>
    <row r="6805" spans="2:20" x14ac:dyDescent="0.2">
      <c r="B6805" s="239">
        <v>67.721999999999994</v>
      </c>
      <c r="C6805" s="3">
        <f t="shared" si="1579"/>
        <v>67.714999999999989</v>
      </c>
      <c r="D6805" s="239">
        <v>26.430599999999998</v>
      </c>
      <c r="E6805" s="239">
        <v>7.3700000000000002E-2</v>
      </c>
      <c r="F6805" s="239">
        <v>0.50109999999999999</v>
      </c>
      <c r="G6805">
        <f t="shared" si="1580"/>
        <v>26.530819999999999</v>
      </c>
      <c r="H6805" s="235">
        <f t="shared" si="1581"/>
        <v>0.27779013238188649</v>
      </c>
      <c r="I6805" s="236">
        <f t="shared" si="1582"/>
        <v>19.567980877414314</v>
      </c>
      <c r="J6805" s="237">
        <f t="shared" si="1587"/>
        <v>9.567980877414314</v>
      </c>
      <c r="K6805" s="237">
        <f t="shared" si="1583"/>
        <v>1325.0458251141101</v>
      </c>
      <c r="L6805" s="237">
        <f t="shared" si="1588"/>
        <v>647.96280098025215</v>
      </c>
      <c r="M6805" s="236">
        <f t="shared" si="1584"/>
        <v>38.900032743784131</v>
      </c>
      <c r="N6805" s="236">
        <f t="shared" si="1585"/>
        <v>0.29239332023148878</v>
      </c>
      <c r="O6805" s="236">
        <f t="shared" si="1589"/>
        <v>2.0012844538380778</v>
      </c>
      <c r="P6805" s="236" t="str">
        <f t="shared" si="1590"/>
        <v>SAND</v>
      </c>
      <c r="Q6805" s="236" t="e">
        <f t="shared" si="1586"/>
        <v>#N/A</v>
      </c>
      <c r="R6805" s="238">
        <v>35</v>
      </c>
      <c r="S6805" s="236" t="e">
        <f t="shared" si="1591"/>
        <v>#N/A</v>
      </c>
      <c r="T6805" s="236">
        <f t="shared" si="1578"/>
        <v>35.089449635786551</v>
      </c>
    </row>
    <row r="6806" spans="2:20" x14ac:dyDescent="0.2">
      <c r="B6806" s="239">
        <v>67.731999999999999</v>
      </c>
      <c r="C6806" s="3">
        <f t="shared" si="1579"/>
        <v>67.724999999999994</v>
      </c>
      <c r="D6806" s="239">
        <v>26.7911</v>
      </c>
      <c r="E6806" s="239">
        <v>7.51E-2</v>
      </c>
      <c r="F6806" s="239">
        <v>0.52659999999999996</v>
      </c>
      <c r="G6806">
        <f t="shared" si="1580"/>
        <v>26.896419999999999</v>
      </c>
      <c r="H6806" s="235">
        <f t="shared" si="1581"/>
        <v>0.27921931617665102</v>
      </c>
      <c r="I6806" s="236">
        <f t="shared" si="1582"/>
        <v>19.595395914364978</v>
      </c>
      <c r="J6806" s="237">
        <f t="shared" si="1587"/>
        <v>9.5953959143649783</v>
      </c>
      <c r="K6806" s="237">
        <f t="shared" si="1583"/>
        <v>1327.0981883003681</v>
      </c>
      <c r="L6806" s="237">
        <f t="shared" si="1588"/>
        <v>649.91535607176866</v>
      </c>
      <c r="M6806" s="236">
        <f t="shared" si="1584"/>
        <v>39.342541413771528</v>
      </c>
      <c r="N6806" s="236">
        <f t="shared" si="1585"/>
        <v>0.29371134890889777</v>
      </c>
      <c r="O6806" s="236">
        <f t="shared" si="1589"/>
        <v>1.9973422107357564</v>
      </c>
      <c r="P6806" s="236" t="str">
        <f t="shared" si="1590"/>
        <v>SAND</v>
      </c>
      <c r="Q6806" s="236" t="e">
        <f t="shared" si="1586"/>
        <v>#N/A</v>
      </c>
      <c r="R6806" s="238">
        <v>35</v>
      </c>
      <c r="S6806" s="236" t="e">
        <f t="shared" si="1591"/>
        <v>#N/A</v>
      </c>
      <c r="T6806" s="236">
        <f t="shared" si="1578"/>
        <v>35.143486517151274</v>
      </c>
    </row>
    <row r="6807" spans="2:20" x14ac:dyDescent="0.2">
      <c r="B6807" s="239">
        <v>67.741</v>
      </c>
      <c r="C6807" s="3">
        <f t="shared" si="1579"/>
        <v>67.733999999999995</v>
      </c>
      <c r="D6807" s="239">
        <v>27.363900000000001</v>
      </c>
      <c r="E6807" s="239">
        <v>7.7100000000000002E-2</v>
      </c>
      <c r="F6807" s="239">
        <v>0.49270000000000003</v>
      </c>
      <c r="G6807">
        <f t="shared" si="1580"/>
        <v>27.462440000000001</v>
      </c>
      <c r="H6807" s="235">
        <f t="shared" si="1581"/>
        <v>0.28074708583796631</v>
      </c>
      <c r="I6807" s="236">
        <f t="shared" si="1582"/>
        <v>19.634355084093919</v>
      </c>
      <c r="J6807" s="237">
        <f t="shared" si="1587"/>
        <v>9.6343550840939187</v>
      </c>
      <c r="K6807" s="237">
        <f t="shared" si="1583"/>
        <v>1329.9134072660174</v>
      </c>
      <c r="L6807" s="237">
        <f t="shared" si="1588"/>
        <v>652.64084775160609</v>
      </c>
      <c r="M6807" s="236">
        <f t="shared" si="1584"/>
        <v>40.041205944682119</v>
      </c>
      <c r="N6807" s="236">
        <f t="shared" si="1585"/>
        <v>0.29503461797466329</v>
      </c>
      <c r="O6807" s="236">
        <f t="shared" si="1589"/>
        <v>1.9908426038564511</v>
      </c>
      <c r="P6807" s="236" t="str">
        <f t="shared" si="1590"/>
        <v>SAND</v>
      </c>
      <c r="Q6807" s="236" t="e">
        <f t="shared" si="1586"/>
        <v>#N/A</v>
      </c>
      <c r="R6807" s="238">
        <v>35</v>
      </c>
      <c r="S6807" s="236" t="e">
        <f t="shared" si="1591"/>
        <v>#N/A</v>
      </c>
      <c r="T6807" s="236">
        <f t="shared" si="1578"/>
        <v>35.227578637988344</v>
      </c>
    </row>
    <row r="6808" spans="2:20" x14ac:dyDescent="0.2">
      <c r="B6808" s="239">
        <v>67.751999999999995</v>
      </c>
      <c r="C6808" s="3">
        <f t="shared" si="1579"/>
        <v>67.74499999999999</v>
      </c>
      <c r="D6808" s="239">
        <v>28.0379</v>
      </c>
      <c r="E6808" s="239">
        <v>8.0699999999999994E-2</v>
      </c>
      <c r="F6808" s="239">
        <v>0.51690000000000003</v>
      </c>
      <c r="G6808">
        <f t="shared" si="1580"/>
        <v>28.141280000000002</v>
      </c>
      <c r="H6808" s="235">
        <f t="shared" si="1581"/>
        <v>0.28676733965192763</v>
      </c>
      <c r="I6808" s="236">
        <f t="shared" si="1582"/>
        <v>19.697411060736311</v>
      </c>
      <c r="J6808" s="237">
        <f t="shared" si="1587"/>
        <v>9.6974110607363109</v>
      </c>
      <c r="K6808" s="237">
        <f t="shared" si="1583"/>
        <v>1334.4011123095811</v>
      </c>
      <c r="L6808" s="237">
        <f t="shared" si="1588"/>
        <v>657.01899418700646</v>
      </c>
      <c r="M6808" s="236">
        <f t="shared" si="1584"/>
        <v>40.800766986746225</v>
      </c>
      <c r="N6808" s="236">
        <f t="shared" si="1585"/>
        <v>0.3010421330215246</v>
      </c>
      <c r="O6808" s="236">
        <f t="shared" si="1589"/>
        <v>1.986251330872556</v>
      </c>
      <c r="P6808" s="236" t="str">
        <f t="shared" si="1590"/>
        <v>SAND</v>
      </c>
      <c r="Q6808" s="236" t="e">
        <f t="shared" si="1586"/>
        <v>#N/A</v>
      </c>
      <c r="R6808" s="238">
        <v>35</v>
      </c>
      <c r="S6808" s="236" t="e">
        <f t="shared" si="1591"/>
        <v>#N/A</v>
      </c>
      <c r="T6808" s="236">
        <f t="shared" si="1578"/>
        <v>35.317351599007992</v>
      </c>
    </row>
    <row r="6809" spans="2:20" x14ac:dyDescent="0.2">
      <c r="B6809" s="239">
        <v>67.760999999999996</v>
      </c>
      <c r="C6809" s="3">
        <f t="shared" si="1579"/>
        <v>67.753999999999991</v>
      </c>
      <c r="D6809" s="239">
        <v>28.613</v>
      </c>
      <c r="E6809" s="239">
        <v>8.2400000000000001E-2</v>
      </c>
      <c r="F6809" s="239">
        <v>0.49159999999999998</v>
      </c>
      <c r="G6809">
        <f t="shared" si="1580"/>
        <v>28.711320000000001</v>
      </c>
      <c r="H6809" s="235">
        <f t="shared" si="1581"/>
        <v>0.28699481598198895</v>
      </c>
      <c r="I6809" s="236">
        <f t="shared" si="1582"/>
        <v>19.729694369604594</v>
      </c>
      <c r="J6809" s="237">
        <f t="shared" si="1587"/>
        <v>9.7296943696045943</v>
      </c>
      <c r="K6809" s="237">
        <f t="shared" si="1583"/>
        <v>1336.7657123181896</v>
      </c>
      <c r="L6809" s="237">
        <f t="shared" si="1588"/>
        <v>659.29382017877685</v>
      </c>
      <c r="M6809" s="236">
        <f t="shared" si="1584"/>
        <v>41.521023631404297</v>
      </c>
      <c r="N6809" s="236">
        <f t="shared" si="1585"/>
        <v>0.30100946716447152</v>
      </c>
      <c r="O6809" s="236">
        <f t="shared" si="1589"/>
        <v>1.9791223916147991</v>
      </c>
      <c r="P6809" s="236" t="str">
        <f t="shared" si="1590"/>
        <v>SAND</v>
      </c>
      <c r="Q6809" s="236" t="e">
        <f t="shared" si="1586"/>
        <v>#N/A</v>
      </c>
      <c r="R6809" s="238">
        <v>35</v>
      </c>
      <c r="S6809" s="236" t="e">
        <f t="shared" si="1591"/>
        <v>#N/A</v>
      </c>
      <c r="T6809" s="236">
        <f t="shared" si="1578"/>
        <v>35.400948569542464</v>
      </c>
    </row>
    <row r="6810" spans="2:20" x14ac:dyDescent="0.2">
      <c r="B6810" s="239">
        <v>67.772000000000006</v>
      </c>
      <c r="C6810" s="3">
        <f t="shared" si="1579"/>
        <v>67.765000000000001</v>
      </c>
      <c r="D6810" s="239">
        <v>28.866099999999999</v>
      </c>
      <c r="E6810" s="239">
        <v>8.2000000000000003E-2</v>
      </c>
      <c r="F6810" s="239">
        <v>0.46650000000000003</v>
      </c>
      <c r="G6810">
        <f t="shared" si="1580"/>
        <v>28.959399999999999</v>
      </c>
      <c r="H6810" s="235">
        <f t="shared" si="1581"/>
        <v>0.28315503774249468</v>
      </c>
      <c r="I6810" s="236">
        <f t="shared" si="1582"/>
        <v>19.727351059474763</v>
      </c>
      <c r="J6810" s="237">
        <f t="shared" si="1587"/>
        <v>9.7273510594747634</v>
      </c>
      <c r="K6810" s="237">
        <f t="shared" si="1583"/>
        <v>1336.8239445453073</v>
      </c>
      <c r="L6810" s="237">
        <f t="shared" si="1588"/>
        <v>659.24203600272369</v>
      </c>
      <c r="M6810" s="236">
        <f t="shared" si="1584"/>
        <v>41.900507775478935</v>
      </c>
      <c r="N6810" s="236">
        <f t="shared" si="1585"/>
        <v>0.29685862692667753</v>
      </c>
      <c r="O6810" s="236">
        <f t="shared" si="1589"/>
        <v>1.9733014514611138</v>
      </c>
      <c r="P6810" s="236" t="str">
        <f t="shared" si="1590"/>
        <v>SAND</v>
      </c>
      <c r="Q6810" s="236" t="e">
        <f t="shared" si="1586"/>
        <v>#N/A</v>
      </c>
      <c r="R6810" s="238">
        <v>35</v>
      </c>
      <c r="S6810" s="236" t="e">
        <f t="shared" si="1591"/>
        <v>#N/A</v>
      </c>
      <c r="T6810" s="236">
        <f t="shared" si="1578"/>
        <v>35.444412146430579</v>
      </c>
    </row>
    <row r="6811" spans="2:20" x14ac:dyDescent="0.2">
      <c r="B6811" s="239">
        <v>67.781999999999996</v>
      </c>
      <c r="C6811" s="3">
        <f t="shared" si="1579"/>
        <v>67.774999999999991</v>
      </c>
      <c r="D6811" s="239">
        <v>28.7849</v>
      </c>
      <c r="E6811" s="239">
        <v>8.3199999999999996E-2</v>
      </c>
      <c r="F6811" s="239">
        <v>0.44119999999999998</v>
      </c>
      <c r="G6811">
        <f t="shared" si="1580"/>
        <v>28.873139999999999</v>
      </c>
      <c r="H6811" s="235">
        <f t="shared" si="1581"/>
        <v>0.28815708994588046</v>
      </c>
      <c r="I6811" s="236">
        <f t="shared" si="1582"/>
        <v>19.743220650367093</v>
      </c>
      <c r="J6811" s="237">
        <f t="shared" si="1587"/>
        <v>9.7432206503670926</v>
      </c>
      <c r="K6811" s="237">
        <f t="shared" si="1583"/>
        <v>1338.0967795786296</v>
      </c>
      <c r="L6811" s="237">
        <f t="shared" si="1588"/>
        <v>660.4149821231822</v>
      </c>
      <c r="M6811" s="236">
        <f t="shared" si="1584"/>
        <v>41.693547187403851</v>
      </c>
      <c r="N6811" s="236">
        <f t="shared" si="1585"/>
        <v>0.30216041185762404</v>
      </c>
      <c r="O6811" s="236">
        <f t="shared" si="1589"/>
        <v>1.9780237416068469</v>
      </c>
      <c r="P6811" s="236" t="str">
        <f t="shared" si="1590"/>
        <v>SAND</v>
      </c>
      <c r="Q6811" s="236" t="e">
        <f t="shared" si="1586"/>
        <v>#N/A</v>
      </c>
      <c r="R6811" s="238">
        <v>35</v>
      </c>
      <c r="S6811" s="236" t="e">
        <f t="shared" si="1591"/>
        <v>#N/A</v>
      </c>
      <c r="T6811" s="236">
        <f t="shared" si="1578"/>
        <v>35.420757299788178</v>
      </c>
    </row>
    <row r="6812" spans="2:20" x14ac:dyDescent="0.2">
      <c r="B6812" s="239">
        <v>67.792000000000002</v>
      </c>
      <c r="C6812" s="3">
        <f t="shared" si="1579"/>
        <v>67.784999999999997</v>
      </c>
      <c r="D6812" s="239">
        <v>28.0822</v>
      </c>
      <c r="E6812" s="239">
        <v>9.1499999999999998E-2</v>
      </c>
      <c r="F6812" s="239">
        <v>0.38629999999999998</v>
      </c>
      <c r="G6812">
        <f t="shared" si="1580"/>
        <v>28.159459999999999</v>
      </c>
      <c r="H6812" s="235">
        <f t="shared" si="1581"/>
        <v>0.32493520827459049</v>
      </c>
      <c r="I6812" s="236">
        <f t="shared" si="1582"/>
        <v>19.844941898431912</v>
      </c>
      <c r="J6812" s="237">
        <f t="shared" si="1587"/>
        <v>9.8449418984319124</v>
      </c>
      <c r="K6812" s="237">
        <f t="shared" si="1583"/>
        <v>1345.1893865852071</v>
      </c>
      <c r="L6812" s="237">
        <f t="shared" si="1588"/>
        <v>667.40830117849623</v>
      </c>
      <c r="M6812" s="236">
        <f t="shared" si="1584"/>
        <v>40.176711266651445</v>
      </c>
      <c r="N6812" s="236">
        <f t="shared" si="1585"/>
        <v>0.34123620708975716</v>
      </c>
      <c r="O6812" s="236">
        <f t="shared" si="1589"/>
        <v>2.0122483923425216</v>
      </c>
      <c r="P6812" s="236" t="str">
        <f t="shared" si="1590"/>
        <v>SAND</v>
      </c>
      <c r="Q6812" s="236" t="e">
        <f t="shared" si="1586"/>
        <v>#N/A</v>
      </c>
      <c r="R6812" s="238">
        <v>35</v>
      </c>
      <c r="S6812" s="236" t="e">
        <f t="shared" si="1591"/>
        <v>#N/A</v>
      </c>
      <c r="T6812" s="236">
        <f t="shared" si="1578"/>
        <v>35.243718223453058</v>
      </c>
    </row>
    <row r="6813" spans="2:20" x14ac:dyDescent="0.2">
      <c r="B6813" s="239">
        <v>67.804000000000002</v>
      </c>
      <c r="C6813" s="3">
        <f t="shared" si="1579"/>
        <v>67.796999999999997</v>
      </c>
      <c r="D6813" s="239">
        <v>26.587599999999998</v>
      </c>
      <c r="E6813" s="239">
        <v>0.1036</v>
      </c>
      <c r="F6813" s="239">
        <v>0.23319999999999999</v>
      </c>
      <c r="G6813">
        <f t="shared" si="1580"/>
        <v>26.634239999999998</v>
      </c>
      <c r="H6813" s="235">
        <f t="shared" si="1581"/>
        <v>0.38897299115724721</v>
      </c>
      <c r="I6813" s="236">
        <f t="shared" si="1582"/>
        <v>19.96881067193948</v>
      </c>
      <c r="J6813" s="237">
        <f t="shared" si="1587"/>
        <v>9.9688106719394796</v>
      </c>
      <c r="K6813" s="237">
        <f t="shared" si="1583"/>
        <v>1353.8254571254809</v>
      </c>
      <c r="L6813" s="237">
        <f t="shared" si="1588"/>
        <v>675.9252388001845</v>
      </c>
      <c r="M6813" s="236">
        <f t="shared" si="1584"/>
        <v>37.401199262434787</v>
      </c>
      <c r="N6813" s="236">
        <f t="shared" si="1585"/>
        <v>0.40980340660276265</v>
      </c>
      <c r="O6813" s="236">
        <f t="shared" si="1589"/>
        <v>2.071768662306174</v>
      </c>
      <c r="P6813" s="236" t="str">
        <f t="shared" si="1590"/>
        <v>SAND</v>
      </c>
      <c r="Q6813" s="236" t="e">
        <f t="shared" si="1586"/>
        <v>#N/A</v>
      </c>
      <c r="R6813" s="238">
        <v>35</v>
      </c>
      <c r="S6813" s="236" t="e">
        <f t="shared" si="1591"/>
        <v>#N/A</v>
      </c>
      <c r="T6813" s="236">
        <f t="shared" si="1578"/>
        <v>34.90174080794278</v>
      </c>
    </row>
    <row r="6814" spans="2:20" x14ac:dyDescent="0.2">
      <c r="B6814" s="239">
        <v>67.813999999999993</v>
      </c>
      <c r="C6814" s="3">
        <f t="shared" si="1579"/>
        <v>67.806999999999988</v>
      </c>
      <c r="D6814" s="239">
        <v>24.414000000000001</v>
      </c>
      <c r="E6814" s="239">
        <v>0.1074</v>
      </c>
      <c r="F6814" s="239">
        <v>0.17660000000000001</v>
      </c>
      <c r="G6814">
        <f t="shared" si="1580"/>
        <v>24.44932</v>
      </c>
      <c r="H6814" s="235">
        <f t="shared" si="1581"/>
        <v>0.43927602076458572</v>
      </c>
      <c r="I6814" s="236">
        <f t="shared" si="1582"/>
        <v>19.977594720342577</v>
      </c>
      <c r="J6814" s="237">
        <f t="shared" si="1587"/>
        <v>9.9775947203425766</v>
      </c>
      <c r="K6814" s="237">
        <f t="shared" si="1583"/>
        <v>1354.6207652022688</v>
      </c>
      <c r="L6814" s="237">
        <f t="shared" si="1588"/>
        <v>676.62060836531145</v>
      </c>
      <c r="M6814" s="236">
        <f t="shared" si="1584"/>
        <v>34.132420664208865</v>
      </c>
      <c r="N6814" s="236">
        <f t="shared" si="1585"/>
        <v>0.4650417782370424</v>
      </c>
      <c r="O6814" s="236">
        <f t="shared" si="1589"/>
        <v>2.1304843865457066</v>
      </c>
      <c r="P6814" s="236" t="str">
        <f t="shared" si="1590"/>
        <v>SAND</v>
      </c>
      <c r="Q6814" s="236" t="e">
        <f t="shared" si="1586"/>
        <v>#N/A</v>
      </c>
      <c r="R6814" s="238">
        <v>35</v>
      </c>
      <c r="S6814" s="236" t="e">
        <f t="shared" si="1591"/>
        <v>#N/A</v>
      </c>
      <c r="T6814" s="236">
        <f t="shared" si="1578"/>
        <v>34.46483798390188</v>
      </c>
    </row>
    <row r="6815" spans="2:20" x14ac:dyDescent="0.2">
      <c r="B6815" s="239">
        <v>67.825000000000003</v>
      </c>
      <c r="C6815" s="3">
        <f t="shared" si="1579"/>
        <v>67.817999999999998</v>
      </c>
      <c r="D6815" s="239">
        <v>22.087399999999999</v>
      </c>
      <c r="E6815" s="239">
        <v>0.1032</v>
      </c>
      <c r="F6815" s="239">
        <v>0.15770000000000001</v>
      </c>
      <c r="G6815">
        <f t="shared" si="1580"/>
        <v>22.118939999999998</v>
      </c>
      <c r="H6815" s="235">
        <f t="shared" si="1581"/>
        <v>0.46656847027931725</v>
      </c>
      <c r="I6815" s="236">
        <f t="shared" si="1582"/>
        <v>19.891666116567251</v>
      </c>
      <c r="J6815" s="237">
        <f t="shared" si="1587"/>
        <v>9.8916661165672508</v>
      </c>
      <c r="K6815" s="237">
        <f t="shared" si="1583"/>
        <v>1349.0130126933577</v>
      </c>
      <c r="L6815" s="237">
        <f t="shared" si="1588"/>
        <v>670.90225435617378</v>
      </c>
      <c r="M6815" s="236">
        <f t="shared" si="1584"/>
        <v>30.958201217013858</v>
      </c>
      <c r="N6815" s="236">
        <f t="shared" si="1585"/>
        <v>0.49687223293114985</v>
      </c>
      <c r="O6815" s="236">
        <f t="shared" si="1589"/>
        <v>2.1810165419712324</v>
      </c>
      <c r="P6815" s="236" t="str">
        <f t="shared" si="1590"/>
        <v>SAND</v>
      </c>
      <c r="Q6815" s="236" t="e">
        <f t="shared" si="1586"/>
        <v>#N/A</v>
      </c>
      <c r="R6815" s="238">
        <v>35</v>
      </c>
      <c r="S6815" s="236" t="e">
        <f t="shared" si="1591"/>
        <v>#N/A</v>
      </c>
      <c r="T6815" s="236">
        <f t="shared" si="1578"/>
        <v>33.998532905374617</v>
      </c>
    </row>
    <row r="6816" spans="2:20" x14ac:dyDescent="0.2">
      <c r="B6816" s="239">
        <v>67.834999999999994</v>
      </c>
      <c r="C6816" s="3">
        <f t="shared" si="1579"/>
        <v>67.827999999999989</v>
      </c>
      <c r="D6816" s="239">
        <v>19.7242</v>
      </c>
      <c r="E6816" s="239">
        <v>0.1055</v>
      </c>
      <c r="F6816" s="239">
        <v>0.14849999999999999</v>
      </c>
      <c r="G6816">
        <f t="shared" si="1580"/>
        <v>19.753899999999998</v>
      </c>
      <c r="H6816" s="235">
        <f t="shared" si="1581"/>
        <v>0.53407175291967668</v>
      </c>
      <c r="I6816" s="236">
        <f t="shared" si="1582"/>
        <v>19.873312261215105</v>
      </c>
      <c r="J6816" s="237">
        <f t="shared" si="1587"/>
        <v>9.873312261215105</v>
      </c>
      <c r="K6816" s="237">
        <f t="shared" si="1583"/>
        <v>1347.967024053698</v>
      </c>
      <c r="L6816" s="237">
        <f t="shared" si="1588"/>
        <v>669.75613723952654</v>
      </c>
      <c r="M6816" s="236">
        <f t="shared" si="1584"/>
        <v>27.481544330162279</v>
      </c>
      <c r="N6816" s="236">
        <f t="shared" si="1585"/>
        <v>0.57318474503776662</v>
      </c>
      <c r="O6816" s="236">
        <f t="shared" si="1589"/>
        <v>2.2542968491796804</v>
      </c>
      <c r="P6816" s="236" t="str">
        <f t="shared" si="1590"/>
        <v>SAND</v>
      </c>
      <c r="Q6816" s="236" t="e">
        <f t="shared" si="1586"/>
        <v>#N/A</v>
      </c>
      <c r="R6816" s="238">
        <v>35</v>
      </c>
      <c r="S6816" s="236" t="e">
        <f t="shared" si="1591"/>
        <v>#N/A</v>
      </c>
      <c r="T6816" s="236">
        <f t="shared" si="1578"/>
        <v>33.429452477599149</v>
      </c>
    </row>
    <row r="6817" spans="2:20" x14ac:dyDescent="0.2">
      <c r="B6817" s="239">
        <v>67.846999999999994</v>
      </c>
      <c r="C6817" s="3">
        <f t="shared" si="1579"/>
        <v>67.839999999999989</v>
      </c>
      <c r="D6817" s="239">
        <v>17.148499999999999</v>
      </c>
      <c r="E6817" s="239">
        <v>0.1031</v>
      </c>
      <c r="F6817" s="239">
        <v>0.15959999999999999</v>
      </c>
      <c r="G6817">
        <f t="shared" si="1580"/>
        <v>17.180419999999998</v>
      </c>
      <c r="H6817" s="235">
        <f t="shared" si="1581"/>
        <v>0.60010174372919878</v>
      </c>
      <c r="I6817" s="236">
        <f t="shared" si="1582"/>
        <v>19.791771849566647</v>
      </c>
      <c r="J6817" s="237">
        <f t="shared" si="1587"/>
        <v>9.791771849566647</v>
      </c>
      <c r="K6817" s="237">
        <f t="shared" si="1583"/>
        <v>1342.673802274601</v>
      </c>
      <c r="L6817" s="237">
        <f t="shared" si="1588"/>
        <v>664.34234467754823</v>
      </c>
      <c r="M6817" s="236">
        <f t="shared" si="1584"/>
        <v>23.839736130943997</v>
      </c>
      <c r="N6817" s="236">
        <f t="shared" si="1585"/>
        <v>0.65097646289348365</v>
      </c>
      <c r="O6817" s="236">
        <f t="shared" si="1589"/>
        <v>2.3340189473661259</v>
      </c>
      <c r="P6817" s="236" t="str">
        <f t="shared" si="1590"/>
        <v>SAND</v>
      </c>
      <c r="Q6817" s="236" t="e">
        <f t="shared" si="1586"/>
        <v>#N/A</v>
      </c>
      <c r="R6817" s="238">
        <v>35</v>
      </c>
      <c r="S6817" s="236" t="e">
        <f t="shared" si="1591"/>
        <v>#N/A</v>
      </c>
      <c r="T6817" s="236">
        <f t="shared" si="1578"/>
        <v>32.750315885382705</v>
      </c>
    </row>
    <row r="6818" spans="2:20" x14ac:dyDescent="0.2">
      <c r="B6818" s="239">
        <v>67.858000000000004</v>
      </c>
      <c r="C6818" s="3">
        <f t="shared" si="1579"/>
        <v>67.850999999999999</v>
      </c>
      <c r="D6818" s="239">
        <v>14.789400000000001</v>
      </c>
      <c r="E6818" s="239">
        <v>0.1024</v>
      </c>
      <c r="F6818" s="239">
        <v>0.2417</v>
      </c>
      <c r="G6818">
        <f t="shared" si="1580"/>
        <v>14.83774</v>
      </c>
      <c r="H6818" s="235">
        <f t="shared" si="1581"/>
        <v>0.6901320551512562</v>
      </c>
      <c r="I6818" s="236">
        <f t="shared" si="1582"/>
        <v>19.726483918357705</v>
      </c>
      <c r="J6818" s="237">
        <f t="shared" si="1587"/>
        <v>9.7264839183577045</v>
      </c>
      <c r="K6818" s="237">
        <f t="shared" si="1583"/>
        <v>1338.4616603444886</v>
      </c>
      <c r="L6818" s="237">
        <f t="shared" si="1588"/>
        <v>660.01974573191717</v>
      </c>
      <c r="M6818" s="236">
        <f t="shared" si="1584"/>
        <v>20.45284012629914</v>
      </c>
      <c r="N6818" s="236">
        <f t="shared" si="1585"/>
        <v>0.75855906829618824</v>
      </c>
      <c r="O6818" s="236">
        <f t="shared" si="1589"/>
        <v>2.4232873548239309</v>
      </c>
      <c r="P6818" s="236" t="str">
        <f t="shared" si="1590"/>
        <v>SAND</v>
      </c>
      <c r="Q6818" s="236" t="e">
        <f t="shared" si="1586"/>
        <v>#N/A</v>
      </c>
      <c r="R6818" s="238">
        <v>35</v>
      </c>
      <c r="S6818" s="236" t="e">
        <f t="shared" si="1591"/>
        <v>#N/A</v>
      </c>
      <c r="T6818" s="236">
        <f t="shared" si="1578"/>
        <v>32.018289859781547</v>
      </c>
    </row>
    <row r="6819" spans="2:20" x14ac:dyDescent="0.2">
      <c r="B6819" s="239">
        <v>67.867999999999995</v>
      </c>
      <c r="C6819" s="3">
        <f t="shared" si="1579"/>
        <v>67.86099999999999</v>
      </c>
      <c r="D6819" s="239">
        <v>12.362299999999999</v>
      </c>
      <c r="E6819" s="239">
        <v>0.1046</v>
      </c>
      <c r="F6819" s="239">
        <v>0.31180000000000002</v>
      </c>
      <c r="G6819">
        <f t="shared" si="1580"/>
        <v>12.424659999999999</v>
      </c>
      <c r="H6819" s="235">
        <f t="shared" si="1581"/>
        <v>0.84187414383975101</v>
      </c>
      <c r="I6819" s="236">
        <f t="shared" si="1582"/>
        <v>19.68203466443223</v>
      </c>
      <c r="J6819" s="237">
        <f t="shared" si="1587"/>
        <v>9.6820346644322299</v>
      </c>
      <c r="K6819" s="237">
        <f t="shared" si="1583"/>
        <v>1335.6425543630353</v>
      </c>
      <c r="L6819" s="237">
        <f t="shared" si="1588"/>
        <v>657.10032860568651</v>
      </c>
      <c r="M6819" s="236">
        <f t="shared" si="1584"/>
        <v>16.87568391445939</v>
      </c>
      <c r="N6819" s="236">
        <f t="shared" si="1585"/>
        <v>0.94327563747458476</v>
      </c>
      <c r="O6819" s="236">
        <f t="shared" si="1589"/>
        <v>2.5410702340289797</v>
      </c>
      <c r="P6819" s="236" t="str">
        <f t="shared" si="1590"/>
        <v>SAND</v>
      </c>
      <c r="Q6819" s="236" t="e">
        <f t="shared" si="1586"/>
        <v>#N/A</v>
      </c>
      <c r="R6819" s="238">
        <v>35</v>
      </c>
      <c r="S6819" s="236" t="e">
        <f t="shared" si="1591"/>
        <v>#N/A</v>
      </c>
      <c r="T6819" s="236">
        <f t="shared" si="1578"/>
        <v>31.099875205827214</v>
      </c>
    </row>
    <row r="6820" spans="2:20" x14ac:dyDescent="0.2">
      <c r="B6820" s="239">
        <v>67.878</v>
      </c>
      <c r="C6820" s="3">
        <f t="shared" si="1579"/>
        <v>67.870999999999995</v>
      </c>
      <c r="D6820" s="239">
        <v>9.9639000000000006</v>
      </c>
      <c r="E6820" s="239">
        <v>0.1076</v>
      </c>
      <c r="F6820" s="239">
        <v>0.4521</v>
      </c>
      <c r="G6820">
        <f t="shared" si="1580"/>
        <v>10.054320000000001</v>
      </c>
      <c r="H6820" s="235">
        <f t="shared" si="1581"/>
        <v>1.0701867455979122</v>
      </c>
      <c r="I6820" s="236">
        <f t="shared" si="1582"/>
        <v>19.63245362008173</v>
      </c>
      <c r="J6820" s="237">
        <f t="shared" si="1587"/>
        <v>9.6324536200817299</v>
      </c>
      <c r="K6820" s="237">
        <f t="shared" si="1583"/>
        <v>1332.4742596485669</v>
      </c>
      <c r="L6820" s="237">
        <f t="shared" si="1588"/>
        <v>653.83168682390772</v>
      </c>
      <c r="M6820" s="236">
        <f t="shared" si="1584"/>
        <v>13.339588637435419</v>
      </c>
      <c r="N6820" s="236">
        <f t="shared" si="1585"/>
        <v>1.233683823392919</v>
      </c>
      <c r="O6820" s="236">
        <f t="shared" si="1589"/>
        <v>2.6865614787541872</v>
      </c>
      <c r="P6820" s="236" t="str">
        <f t="shared" si="1590"/>
        <v>CLAY</v>
      </c>
      <c r="Q6820" s="236">
        <f t="shared" si="1586"/>
        <v>726.82047836261938</v>
      </c>
      <c r="R6820" s="238">
        <v>35</v>
      </c>
      <c r="S6820" s="236">
        <f t="shared" si="1591"/>
        <v>6.3733541994857914</v>
      </c>
      <c r="T6820" s="236" t="e">
        <f t="shared" si="1578"/>
        <v>#N/A</v>
      </c>
    </row>
    <row r="6821" spans="2:20" x14ac:dyDescent="0.2">
      <c r="B6821" s="239">
        <v>67.89</v>
      </c>
      <c r="C6821" s="3">
        <f t="shared" si="1579"/>
        <v>67.882999999999996</v>
      </c>
      <c r="D6821" s="239">
        <v>8.7294</v>
      </c>
      <c r="E6821" s="239">
        <v>0.14360000000000001</v>
      </c>
      <c r="F6821" s="239">
        <v>0.59819999999999995</v>
      </c>
      <c r="G6821">
        <f t="shared" si="1580"/>
        <v>8.8490400000000005</v>
      </c>
      <c r="H6821" s="235">
        <f t="shared" si="1581"/>
        <v>1.6227748998761449</v>
      </c>
      <c r="I6821" s="236">
        <f t="shared" si="1582"/>
        <v>19.92096658453881</v>
      </c>
      <c r="J6821" s="237">
        <f t="shared" si="1587"/>
        <v>9.9209665845388102</v>
      </c>
      <c r="K6821" s="237">
        <f t="shared" si="1583"/>
        <v>1352.2949746582481</v>
      </c>
      <c r="L6821" s="237">
        <f t="shared" si="1588"/>
        <v>673.53442142433983</v>
      </c>
      <c r="M6821" s="236">
        <f t="shared" si="1584"/>
        <v>11.130455678105065</v>
      </c>
      <c r="N6821" s="236">
        <f t="shared" si="1585"/>
        <v>1.9154979863204529</v>
      </c>
      <c r="O6821" s="236">
        <f t="shared" si="1589"/>
        <v>2.8513400030691765</v>
      </c>
      <c r="P6821" s="236" t="str">
        <f t="shared" si="1590"/>
        <v>CLAY</v>
      </c>
      <c r="Q6821" s="236">
        <f t="shared" si="1586"/>
        <v>624.7287521118127</v>
      </c>
      <c r="R6821" s="238">
        <v>35</v>
      </c>
      <c r="S6821" s="236">
        <f t="shared" si="1591"/>
        <v>5.0825444959969035</v>
      </c>
      <c r="T6821" s="236" t="e">
        <f t="shared" si="1578"/>
        <v>#N/A</v>
      </c>
    </row>
    <row r="6822" spans="2:20" x14ac:dyDescent="0.2">
      <c r="B6822" s="239">
        <v>67.900000000000006</v>
      </c>
      <c r="C6822" s="3">
        <f t="shared" si="1579"/>
        <v>67.893000000000001</v>
      </c>
      <c r="D6822" s="239">
        <v>7.9534000000000002</v>
      </c>
      <c r="E6822" s="239">
        <v>0.1903</v>
      </c>
      <c r="F6822" s="239">
        <v>0.70640000000000003</v>
      </c>
      <c r="G6822">
        <f t="shared" si="1580"/>
        <v>8.0946800000000003</v>
      </c>
      <c r="H6822" s="235">
        <f t="shared" si="1581"/>
        <v>2.3509267815404686</v>
      </c>
      <c r="I6822" s="236">
        <f t="shared" si="1582"/>
        <v>20.216307499113185</v>
      </c>
      <c r="J6822" s="237">
        <f t="shared" si="1587"/>
        <v>10.216307499113185</v>
      </c>
      <c r="K6822" s="237">
        <f t="shared" si="1583"/>
        <v>1372.5457650372914</v>
      </c>
      <c r="L6822" s="237">
        <f t="shared" si="1588"/>
        <v>693.68727918978527</v>
      </c>
      <c r="M6822" s="236">
        <f t="shared" si="1584"/>
        <v>9.6904389580475581</v>
      </c>
      <c r="N6822" s="236">
        <f t="shared" si="1585"/>
        <v>2.8309461452022862</v>
      </c>
      <c r="O6822" s="236">
        <f t="shared" si="1589"/>
        <v>2.9939781492000166</v>
      </c>
      <c r="P6822" s="236" t="str">
        <f t="shared" si="1590"/>
        <v>CLAY</v>
      </c>
      <c r="Q6822" s="236">
        <f t="shared" si="1586"/>
        <v>560.17785291355904</v>
      </c>
      <c r="R6822" s="238">
        <v>35</v>
      </c>
      <c r="S6822" s="236">
        <f t="shared" si="1591"/>
        <v>4.2743425244515612</v>
      </c>
      <c r="T6822" s="236" t="e">
        <f t="shared" si="1578"/>
        <v>#N/A</v>
      </c>
    </row>
    <row r="6823" spans="2:20" x14ac:dyDescent="0.2">
      <c r="B6823" s="239">
        <v>67.909000000000006</v>
      </c>
      <c r="C6823" s="3">
        <f t="shared" si="1579"/>
        <v>67.902000000000001</v>
      </c>
      <c r="D6823" s="239">
        <v>7.2709000000000001</v>
      </c>
      <c r="E6823" s="239">
        <v>0.24030000000000001</v>
      </c>
      <c r="F6823" s="239">
        <v>0.87109999999999999</v>
      </c>
      <c r="G6823">
        <f t="shared" si="1580"/>
        <v>7.4451200000000002</v>
      </c>
      <c r="H6823" s="235">
        <f t="shared" si="1581"/>
        <v>3.2276175535115623</v>
      </c>
      <c r="I6823" s="236">
        <f t="shared" si="1582"/>
        <v>20.457162767422457</v>
      </c>
      <c r="J6823" s="237">
        <f t="shared" si="1587"/>
        <v>10.457162767422457</v>
      </c>
      <c r="K6823" s="237">
        <f t="shared" si="1583"/>
        <v>1389.0822662335197</v>
      </c>
      <c r="L6823" s="237">
        <f t="shared" si="1588"/>
        <v>710.13546637289164</v>
      </c>
      <c r="M6823" s="236">
        <f t="shared" si="1584"/>
        <v>8.5280034874169477</v>
      </c>
      <c r="N6823" s="236">
        <f t="shared" si="1585"/>
        <v>3.9679409304233033</v>
      </c>
      <c r="O6823" s="236">
        <f t="shared" si="1589"/>
        <v>3.1232155645435902</v>
      </c>
      <c r="P6823" s="236" t="str">
        <f t="shared" si="1590"/>
        <v>CLAY</v>
      </c>
      <c r="Q6823" s="236">
        <f t="shared" si="1586"/>
        <v>504.6698111472067</v>
      </c>
      <c r="R6823" s="238">
        <v>35</v>
      </c>
      <c r="S6823" s="236">
        <f t="shared" si="1591"/>
        <v>3.6433359594875734</v>
      </c>
      <c r="T6823" s="236" t="e">
        <f t="shared" si="1578"/>
        <v>#N/A</v>
      </c>
    </row>
    <row r="6824" spans="2:20" x14ac:dyDescent="0.2">
      <c r="B6824" s="239">
        <v>67.92</v>
      </c>
      <c r="C6824" s="3">
        <f t="shared" si="1579"/>
        <v>67.912999999999997</v>
      </c>
      <c r="D6824" s="239">
        <v>6.3814000000000002</v>
      </c>
      <c r="E6824" s="239">
        <v>0.28649999999999998</v>
      </c>
      <c r="F6824" s="239">
        <v>1.2441</v>
      </c>
      <c r="G6824">
        <f t="shared" si="1580"/>
        <v>6.6302200000000004</v>
      </c>
      <c r="H6824" s="235">
        <f t="shared" si="1581"/>
        <v>4.3211235826262167</v>
      </c>
      <c r="I6824" s="236">
        <f t="shared" si="1582"/>
        <v>20.618054690631258</v>
      </c>
      <c r="J6824" s="237">
        <f t="shared" si="1587"/>
        <v>10.618054690631258</v>
      </c>
      <c r="K6824" s="237">
        <f t="shared" si="1583"/>
        <v>1400.2339482048405</v>
      </c>
      <c r="L6824" s="237">
        <f t="shared" si="1588"/>
        <v>721.17827458767511</v>
      </c>
      <c r="M6824" s="236">
        <f t="shared" si="1584"/>
        <v>7.2520016701630965</v>
      </c>
      <c r="N6824" s="236">
        <f t="shared" si="1585"/>
        <v>5.4780260819560054</v>
      </c>
      <c r="O6824" s="236">
        <f t="shared" si="1589"/>
        <v>3.2628083522709685</v>
      </c>
      <c r="P6824" s="236" t="str">
        <f t="shared" si="1590"/>
        <v>CLAY</v>
      </c>
      <c r="Q6824" s="236">
        <f t="shared" si="1586"/>
        <v>435.83217098292999</v>
      </c>
      <c r="R6824" s="238">
        <v>35</v>
      </c>
      <c r="S6824" s="236">
        <f t="shared" si="1591"/>
        <v>2.9751740541283573</v>
      </c>
      <c r="T6824" s="236" t="e">
        <f t="shared" si="1578"/>
        <v>#N/A</v>
      </c>
    </row>
    <row r="6825" spans="2:20" x14ac:dyDescent="0.2">
      <c r="B6825" s="239">
        <v>67.930000000000007</v>
      </c>
      <c r="C6825" s="3">
        <f t="shared" si="1579"/>
        <v>67.923000000000002</v>
      </c>
      <c r="D6825" s="239">
        <v>5.7961</v>
      </c>
      <c r="E6825" s="239">
        <v>0.32979999999999998</v>
      </c>
      <c r="F6825" s="239">
        <v>1.3677999999999999</v>
      </c>
      <c r="G6825">
        <f t="shared" si="1580"/>
        <v>6.0696599999999998</v>
      </c>
      <c r="H6825" s="235">
        <f t="shared" si="1581"/>
        <v>5.4335827706988526</v>
      </c>
      <c r="I6825" s="236">
        <f t="shared" si="1582"/>
        <v>20.748567740676659</v>
      </c>
      <c r="J6825" s="237">
        <f t="shared" si="1587"/>
        <v>10.748567740676659</v>
      </c>
      <c r="K6825" s="237">
        <f t="shared" si="1583"/>
        <v>1409.3049666499808</v>
      </c>
      <c r="L6825" s="237">
        <f t="shared" si="1588"/>
        <v>730.15020662416555</v>
      </c>
      <c r="M6825" s="236">
        <f t="shared" si="1584"/>
        <v>6.3827346634565432</v>
      </c>
      <c r="N6825" s="236">
        <f t="shared" si="1585"/>
        <v>7.07671406233891</v>
      </c>
      <c r="O6825" s="236">
        <f t="shared" si="1589"/>
        <v>3.3743728093985461</v>
      </c>
      <c r="P6825" s="236" t="str">
        <f t="shared" si="1590"/>
        <v>CLAY</v>
      </c>
      <c r="Q6825" s="236">
        <f t="shared" si="1586"/>
        <v>388.3629194458349</v>
      </c>
      <c r="R6825" s="238">
        <v>35</v>
      </c>
      <c r="S6825" s="236">
        <f t="shared" si="1591"/>
        <v>2.5362875923682124</v>
      </c>
      <c r="T6825" s="236" t="e">
        <f t="shared" si="1578"/>
        <v>#N/A</v>
      </c>
    </row>
    <row r="6826" spans="2:20" x14ac:dyDescent="0.2">
      <c r="B6826" s="239">
        <v>67.94</v>
      </c>
      <c r="C6826" s="3">
        <f t="shared" si="1579"/>
        <v>67.932999999999993</v>
      </c>
      <c r="D6826" s="239">
        <v>4.9911000000000003</v>
      </c>
      <c r="E6826" s="239">
        <v>0.35899999999999999</v>
      </c>
      <c r="F6826" s="239">
        <v>1.2650999999999999</v>
      </c>
      <c r="G6826">
        <f t="shared" si="1580"/>
        <v>5.2441200000000006</v>
      </c>
      <c r="H6826" s="235">
        <f t="shared" si="1581"/>
        <v>6.845762492086374</v>
      </c>
      <c r="I6826" s="236">
        <f t="shared" si="1582"/>
        <v>20.790903424437804</v>
      </c>
      <c r="J6826" s="237">
        <f t="shared" si="1587"/>
        <v>10.790903424437804</v>
      </c>
      <c r="K6826" s="237">
        <f t="shared" si="1583"/>
        <v>1412.3884423323332</v>
      </c>
      <c r="L6826" s="237">
        <f t="shared" si="1588"/>
        <v>733.13397865630441</v>
      </c>
      <c r="M6826" s="236">
        <f t="shared" si="1584"/>
        <v>5.2265093001016059</v>
      </c>
      <c r="N6826" s="236">
        <f t="shared" si="1585"/>
        <v>9.3691323256089287</v>
      </c>
      <c r="O6826" s="236">
        <f t="shared" si="1589"/>
        <v>3.5179375829042994</v>
      </c>
      <c r="P6826" s="236" t="str">
        <f t="shared" si="1590"/>
        <v>CLAY</v>
      </c>
      <c r="Q6826" s="236">
        <f t="shared" si="1586"/>
        <v>319.31096313897228</v>
      </c>
      <c r="R6826" s="238">
        <v>35</v>
      </c>
      <c r="S6826" s="236">
        <f t="shared" si="1591"/>
        <v>1.9756257045965315</v>
      </c>
      <c r="T6826" s="236" t="e">
        <f t="shared" si="1578"/>
        <v>#N/A</v>
      </c>
    </row>
    <row r="6827" spans="2:20" x14ac:dyDescent="0.2">
      <c r="B6827" s="239">
        <v>67.95</v>
      </c>
      <c r="C6827" s="3">
        <f t="shared" si="1579"/>
        <v>67.942999999999998</v>
      </c>
      <c r="D6827" s="239">
        <v>4.4173</v>
      </c>
      <c r="E6827" s="239">
        <v>0.39250000000000002</v>
      </c>
      <c r="F6827" s="239">
        <v>1.5133000000000001</v>
      </c>
      <c r="G6827">
        <f t="shared" si="1580"/>
        <v>4.7199600000000004</v>
      </c>
      <c r="H6827" s="235">
        <f t="shared" si="1581"/>
        <v>8.3157484385460894</v>
      </c>
      <c r="I6827" s="236">
        <f t="shared" si="1582"/>
        <v>20.854354625643023</v>
      </c>
      <c r="J6827" s="237">
        <f t="shared" si="1587"/>
        <v>10.854354625643023</v>
      </c>
      <c r="K6827" s="237">
        <f t="shared" si="1583"/>
        <v>1416.9074163300638</v>
      </c>
      <c r="L6827" s="237">
        <f t="shared" si="1588"/>
        <v>737.55339681244345</v>
      </c>
      <c r="M6827" s="236">
        <f t="shared" si="1584"/>
        <v>4.4783911211650045</v>
      </c>
      <c r="N6827" s="236">
        <f t="shared" si="1585"/>
        <v>11.88294736633903</v>
      </c>
      <c r="O6827" s="236">
        <f t="shared" si="1589"/>
        <v>3.6349346662171347</v>
      </c>
      <c r="P6827" s="236" t="str">
        <f t="shared" si="1590"/>
        <v>CLAY</v>
      </c>
      <c r="Q6827" s="236">
        <f t="shared" si="1586"/>
        <v>275.25438197249468</v>
      </c>
      <c r="R6827" s="238">
        <v>35</v>
      </c>
      <c r="S6827" s="236">
        <f t="shared" si="1591"/>
        <v>1.6287053906239746</v>
      </c>
      <c r="T6827" s="236" t="e">
        <f t="shared" si="1578"/>
        <v>#N/A</v>
      </c>
    </row>
    <row r="6828" spans="2:20" x14ac:dyDescent="0.2">
      <c r="B6828" s="239">
        <v>67.960999999999999</v>
      </c>
      <c r="C6828" s="3">
        <f t="shared" si="1579"/>
        <v>67.953999999999994</v>
      </c>
      <c r="D6828" s="239">
        <v>4.0762999999999998</v>
      </c>
      <c r="E6828" s="239">
        <v>0.40479999999999999</v>
      </c>
      <c r="F6828" s="239">
        <v>1.9390000000000001</v>
      </c>
      <c r="G6828">
        <f t="shared" si="1580"/>
        <v>4.4641000000000002</v>
      </c>
      <c r="H6828" s="235">
        <f t="shared" si="1581"/>
        <v>9.0678972245245397</v>
      </c>
      <c r="I6828" s="236">
        <f t="shared" si="1582"/>
        <v>20.868752937903821</v>
      </c>
      <c r="J6828" s="237">
        <f t="shared" si="1587"/>
        <v>10.868752937903821</v>
      </c>
      <c r="K6828" s="237">
        <f t="shared" si="1583"/>
        <v>1418.1152371423161</v>
      </c>
      <c r="L6828" s="237">
        <f t="shared" si="1588"/>
        <v>738.65131841288155</v>
      </c>
      <c r="M6828" s="236">
        <f t="shared" si="1584"/>
        <v>4.1237112652861745</v>
      </c>
      <c r="N6828" s="236">
        <f t="shared" si="1585"/>
        <v>13.289626558086404</v>
      </c>
      <c r="O6828" s="236">
        <f t="shared" si="1589"/>
        <v>3.6934308329543653</v>
      </c>
      <c r="P6828" s="236" t="str">
        <f t="shared" si="1590"/>
        <v>CLAY</v>
      </c>
      <c r="Q6828" s="236">
        <f t="shared" si="1586"/>
        <v>253.8320635714737</v>
      </c>
      <c r="R6828" s="238">
        <v>35</v>
      </c>
      <c r="S6828" s="236">
        <f t="shared" si="1591"/>
        <v>1.4690964866978062</v>
      </c>
      <c r="T6828" s="236" t="e">
        <f t="shared" si="1578"/>
        <v>#N/A</v>
      </c>
    </row>
    <row r="6829" spans="2:20" x14ac:dyDescent="0.2">
      <c r="B6829" s="239">
        <v>67.971000000000004</v>
      </c>
      <c r="C6829" s="3">
        <f t="shared" si="1579"/>
        <v>67.963999999999999</v>
      </c>
      <c r="D6829" s="239">
        <v>4.0488999999999997</v>
      </c>
      <c r="E6829" s="239">
        <v>0.4083</v>
      </c>
      <c r="F6829" s="239">
        <v>2.1779999999999999</v>
      </c>
      <c r="G6829">
        <f t="shared" si="1580"/>
        <v>4.4844999999999997</v>
      </c>
      <c r="H6829" s="235">
        <f t="shared" si="1581"/>
        <v>9.1046939458133576</v>
      </c>
      <c r="I6829" s="236">
        <f t="shared" si="1582"/>
        <v>20.880630005690403</v>
      </c>
      <c r="J6829" s="237">
        <f t="shared" si="1587"/>
        <v>10.880630005690403</v>
      </c>
      <c r="K6829" s="237">
        <f t="shared" si="1583"/>
        <v>1419.1311377067425</v>
      </c>
      <c r="L6829" s="237">
        <f t="shared" si="1588"/>
        <v>739.56730211678246</v>
      </c>
      <c r="M6829" s="236">
        <f t="shared" si="1584"/>
        <v>4.1448139385280935</v>
      </c>
      <c r="N6829" s="236">
        <f t="shared" si="1585"/>
        <v>13.319767321396467</v>
      </c>
      <c r="O6829" s="236">
        <f t="shared" si="1589"/>
        <v>3.6923423440180314</v>
      </c>
      <c r="P6829" s="236" t="str">
        <f t="shared" si="1590"/>
        <v>CLAY</v>
      </c>
      <c r="Q6829" s="236">
        <f t="shared" si="1586"/>
        <v>255.44740519110482</v>
      </c>
      <c r="R6829" s="238">
        <v>35</v>
      </c>
      <c r="S6829" s="236">
        <f t="shared" si="1591"/>
        <v>1.4784999302587412</v>
      </c>
      <c r="T6829" s="236" t="e">
        <f t="shared" si="1578"/>
        <v>#N/A</v>
      </c>
    </row>
    <row r="6830" spans="2:20" x14ac:dyDescent="0.2">
      <c r="B6830" s="239">
        <v>67.983000000000004</v>
      </c>
      <c r="C6830" s="3">
        <f t="shared" si="1579"/>
        <v>67.975999999999999</v>
      </c>
      <c r="D6830" s="239">
        <v>4.1635999999999997</v>
      </c>
      <c r="E6830" s="239">
        <v>0.40710000000000002</v>
      </c>
      <c r="F6830" s="239">
        <v>2.3081999999999998</v>
      </c>
      <c r="G6830">
        <f t="shared" si="1580"/>
        <v>4.6252399999999998</v>
      </c>
      <c r="H6830" s="235">
        <f t="shared" si="1581"/>
        <v>8.8017054250157845</v>
      </c>
      <c r="I6830" s="236">
        <f t="shared" si="1582"/>
        <v>20.889256876374247</v>
      </c>
      <c r="J6830" s="237">
        <f t="shared" si="1587"/>
        <v>10.889256876374247</v>
      </c>
      <c r="K6830" s="237">
        <f t="shared" si="1583"/>
        <v>1419.9681254284158</v>
      </c>
      <c r="L6830" s="237">
        <f t="shared" si="1588"/>
        <v>740.28435022655049</v>
      </c>
      <c r="M6830" s="236">
        <f t="shared" si="1584"/>
        <v>4.3297847287878897</v>
      </c>
      <c r="N6830" s="236">
        <f t="shared" si="1585"/>
        <v>12.700950681583381</v>
      </c>
      <c r="O6830" s="236">
        <f t="shared" si="1589"/>
        <v>3.6645774690467454</v>
      </c>
      <c r="P6830" s="236" t="str">
        <f t="shared" si="1590"/>
        <v>CLAY</v>
      </c>
      <c r="Q6830" s="236">
        <f t="shared" si="1586"/>
        <v>267.10598954763196</v>
      </c>
      <c r="R6830" s="238">
        <v>35</v>
      </c>
      <c r="S6830" s="236">
        <f t="shared" si="1591"/>
        <v>1.5614313296181057</v>
      </c>
      <c r="T6830" s="236" t="e">
        <f t="shared" si="1578"/>
        <v>#N/A</v>
      </c>
    </row>
    <row r="6831" spans="2:20" x14ac:dyDescent="0.2">
      <c r="B6831" s="239">
        <v>67.992000000000004</v>
      </c>
      <c r="C6831" s="3">
        <f t="shared" si="1579"/>
        <v>67.984999999999999</v>
      </c>
      <c r="D6831" s="239">
        <v>4.9931999999999999</v>
      </c>
      <c r="E6831" s="239">
        <v>0.40039999999999998</v>
      </c>
      <c r="F6831" s="239">
        <v>2.4611999999999998</v>
      </c>
      <c r="G6831">
        <f t="shared" si="1580"/>
        <v>5.4854399999999996</v>
      </c>
      <c r="H6831" s="235">
        <f t="shared" si="1581"/>
        <v>7.299323299498309</v>
      </c>
      <c r="I6831" s="236">
        <f t="shared" si="1582"/>
        <v>20.936467362339812</v>
      </c>
      <c r="J6831" s="237">
        <f t="shared" si="1587"/>
        <v>10.936467362339812</v>
      </c>
      <c r="K6831" s="237">
        <f t="shared" si="1583"/>
        <v>1423.3657336286722</v>
      </c>
      <c r="L6831" s="237">
        <f t="shared" si="1588"/>
        <v>743.59228890020859</v>
      </c>
      <c r="M6831" s="236">
        <f t="shared" si="1584"/>
        <v>5.4627708315523762</v>
      </c>
      <c r="N6831" s="236">
        <f t="shared" si="1585"/>
        <v>9.8570329773335104</v>
      </c>
      <c r="O6831" s="236">
        <f t="shared" si="1589"/>
        <v>3.5167746717734523</v>
      </c>
      <c r="P6831" s="236" t="str">
        <f t="shared" si="1590"/>
        <v>CLAY</v>
      </c>
      <c r="Q6831" s="236">
        <f t="shared" si="1586"/>
        <v>338.50618886427725</v>
      </c>
      <c r="R6831" s="238">
        <v>35</v>
      </c>
      <c r="S6831" s="236">
        <f t="shared" si="1591"/>
        <v>2.0878833739125136</v>
      </c>
      <c r="T6831" s="236" t="e">
        <f t="shared" si="1578"/>
        <v>#N/A</v>
      </c>
    </row>
    <row r="6832" spans="2:20" x14ac:dyDescent="0.2">
      <c r="B6832" s="239">
        <v>68.001000000000005</v>
      </c>
      <c r="C6832" s="3">
        <f t="shared" si="1579"/>
        <v>67.994</v>
      </c>
      <c r="D6832" s="239">
        <v>7.0457999999999998</v>
      </c>
      <c r="E6832" s="239">
        <v>0.39040000000000002</v>
      </c>
      <c r="F6832" s="239">
        <v>2.5920000000000001</v>
      </c>
      <c r="G6832">
        <f t="shared" si="1580"/>
        <v>7.5641999999999996</v>
      </c>
      <c r="H6832" s="235">
        <f t="shared" si="1581"/>
        <v>5.1611538563232067</v>
      </c>
      <c r="I6832" s="236">
        <f t="shared" si="1582"/>
        <v>21.032406241563741</v>
      </c>
      <c r="J6832" s="237">
        <f t="shared" si="1587"/>
        <v>11.032406241563741</v>
      </c>
      <c r="K6832" s="237">
        <f t="shared" si="1583"/>
        <v>1430.0774299888851</v>
      </c>
      <c r="L6832" s="237">
        <f t="shared" si="1588"/>
        <v>750.214656832576</v>
      </c>
      <c r="M6832" s="236">
        <f t="shared" si="1584"/>
        <v>8.1764899074479889</v>
      </c>
      <c r="N6832" s="236">
        <f t="shared" si="1585"/>
        <v>6.3643984211957578</v>
      </c>
      <c r="O6832" s="236">
        <f t="shared" si="1589"/>
        <v>3.2612969635966027</v>
      </c>
      <c r="P6832" s="236" t="str">
        <f t="shared" si="1590"/>
        <v>CLAY</v>
      </c>
      <c r="Q6832" s="236">
        <f t="shared" si="1586"/>
        <v>511.17688083425952</v>
      </c>
      <c r="R6832" s="238">
        <v>35</v>
      </c>
      <c r="S6832" s="236">
        <f t="shared" si="1591"/>
        <v>3.4565961345286214</v>
      </c>
      <c r="T6832" s="236" t="e">
        <f t="shared" si="1578"/>
        <v>#N/A</v>
      </c>
    </row>
    <row r="6833" spans="2:20" x14ac:dyDescent="0.2">
      <c r="B6833" s="239">
        <v>68.012</v>
      </c>
      <c r="C6833" s="3">
        <f t="shared" si="1579"/>
        <v>68.004999999999995</v>
      </c>
      <c r="D6833" s="239">
        <v>9.8119999999999994</v>
      </c>
      <c r="E6833" s="239">
        <v>0.37219999999999998</v>
      </c>
      <c r="F6833" s="239">
        <v>2.6457999999999999</v>
      </c>
      <c r="G6833">
        <f t="shared" si="1580"/>
        <v>10.341159999999999</v>
      </c>
      <c r="H6833" s="235">
        <f t="shared" si="1581"/>
        <v>3.5992093730297188</v>
      </c>
      <c r="I6833" s="236">
        <f t="shared" si="1582"/>
        <v>21.098651582013179</v>
      </c>
      <c r="J6833" s="237">
        <f t="shared" si="1587"/>
        <v>11.098651582013179</v>
      </c>
      <c r="K6833" s="237">
        <f t="shared" si="1583"/>
        <v>1434.8138008348062</v>
      </c>
      <c r="L6833" s="237">
        <f t="shared" si="1588"/>
        <v>754.84149139588033</v>
      </c>
      <c r="M6833" s="236">
        <f t="shared" si="1584"/>
        <v>11.798962167136906</v>
      </c>
      <c r="N6833" s="236">
        <f t="shared" si="1585"/>
        <v>4.1790425801647704</v>
      </c>
      <c r="O6833" s="236">
        <f t="shared" si="1589"/>
        <v>3.0233618519558956</v>
      </c>
      <c r="P6833" s="236" t="str">
        <f t="shared" si="1590"/>
        <v>CLAY</v>
      </c>
      <c r="Q6833" s="236">
        <f t="shared" si="1586"/>
        <v>742.1955165970993</v>
      </c>
      <c r="R6833" s="238">
        <v>35</v>
      </c>
      <c r="S6833" s="236">
        <f t="shared" si="1591"/>
        <v>5.4669458143704759</v>
      </c>
      <c r="T6833" s="236" t="e">
        <f t="shared" si="1578"/>
        <v>#N/A</v>
      </c>
    </row>
    <row r="6834" spans="2:20" x14ac:dyDescent="0.2">
      <c r="B6834" s="239">
        <v>68.021000000000001</v>
      </c>
      <c r="C6834" s="3">
        <f t="shared" si="1579"/>
        <v>68.013999999999996</v>
      </c>
      <c r="D6834" s="239">
        <v>13.091799999999999</v>
      </c>
      <c r="E6834" s="239">
        <v>0.34460000000000002</v>
      </c>
      <c r="F6834" s="239">
        <v>2.5672999999999999</v>
      </c>
      <c r="G6834">
        <f t="shared" si="1580"/>
        <v>13.605259999999999</v>
      </c>
      <c r="H6834" s="235">
        <f t="shared" si="1581"/>
        <v>2.532843914780019</v>
      </c>
      <c r="I6834" s="236">
        <f t="shared" si="1582"/>
        <v>21.115530452891296</v>
      </c>
      <c r="J6834" s="237">
        <f t="shared" si="1587"/>
        <v>11.115530452891296</v>
      </c>
      <c r="K6834" s="237">
        <f t="shared" si="1583"/>
        <v>1436.1516882229485</v>
      </c>
      <c r="L6834" s="237">
        <f t="shared" si="1588"/>
        <v>756.08949693611885</v>
      </c>
      <c r="M6834" s="236">
        <f t="shared" si="1584"/>
        <v>16.094798778570002</v>
      </c>
      <c r="N6834" s="236">
        <f t="shared" si="1585"/>
        <v>2.8317604804823877</v>
      </c>
      <c r="O6834" s="236">
        <f t="shared" si="1589"/>
        <v>2.813959006054223</v>
      </c>
      <c r="P6834" s="236" t="str">
        <f t="shared" si="1590"/>
        <v>CLAY</v>
      </c>
      <c r="Q6834" s="236">
        <f t="shared" si="1586"/>
        <v>1014.0923593147544</v>
      </c>
      <c r="R6834" s="238">
        <v>35</v>
      </c>
      <c r="S6834" s="236">
        <f t="shared" si="1591"/>
        <v>8.0592930526769244</v>
      </c>
      <c r="T6834" s="236" t="e">
        <f t="shared" si="1578"/>
        <v>#N/A</v>
      </c>
    </row>
    <row r="6835" spans="2:20" x14ac:dyDescent="0.2">
      <c r="B6835" s="239">
        <v>68.03</v>
      </c>
      <c r="C6835" s="3">
        <f t="shared" si="1579"/>
        <v>68.022999999999996</v>
      </c>
      <c r="D6835" s="239">
        <v>16.255700000000001</v>
      </c>
      <c r="E6835" s="239">
        <v>0.32240000000000002</v>
      </c>
      <c r="F6835" s="239">
        <v>2.5981000000000001</v>
      </c>
      <c r="G6835">
        <f t="shared" si="1580"/>
        <v>16.775320000000001</v>
      </c>
      <c r="H6835" s="235">
        <f t="shared" si="1581"/>
        <v>1.9218709389746367</v>
      </c>
      <c r="I6835" s="236">
        <f t="shared" si="1582"/>
        <v>21.119313375871258</v>
      </c>
      <c r="J6835" s="237">
        <f t="shared" si="1587"/>
        <v>11.119313375871258</v>
      </c>
      <c r="K6835" s="237">
        <f t="shared" si="1583"/>
        <v>1436.5990537668904</v>
      </c>
      <c r="L6835" s="237">
        <f t="shared" si="1588"/>
        <v>756.44688896052162</v>
      </c>
      <c r="M6835" s="236">
        <f t="shared" si="1584"/>
        <v>20.277327027295929</v>
      </c>
      <c r="N6835" s="236">
        <f t="shared" si="1585"/>
        <v>2.1018701698147471</v>
      </c>
      <c r="O6835" s="236">
        <f t="shared" si="1589"/>
        <v>2.6567189557815469</v>
      </c>
      <c r="P6835" s="236" t="str">
        <f t="shared" si="1590"/>
        <v>CLAY</v>
      </c>
      <c r="Q6835" s="236">
        <f t="shared" si="1586"/>
        <v>1278.2267455194258</v>
      </c>
      <c r="R6835" s="238">
        <v>35</v>
      </c>
      <c r="S6835" s="236">
        <f t="shared" si="1591"/>
        <v>10.757302724964438</v>
      </c>
      <c r="T6835" s="236" t="e">
        <f t="shared" si="1578"/>
        <v>#N/A</v>
      </c>
    </row>
    <row r="6836" spans="2:20" x14ac:dyDescent="0.2">
      <c r="B6836" s="239">
        <v>68.040000000000006</v>
      </c>
      <c r="C6836" s="3">
        <f t="shared" si="1579"/>
        <v>68.033000000000001</v>
      </c>
      <c r="D6836" s="239">
        <v>19.2788</v>
      </c>
      <c r="E6836" s="239">
        <v>0.29899999999999999</v>
      </c>
      <c r="F6836" s="239">
        <v>2.1915</v>
      </c>
      <c r="G6836">
        <f t="shared" si="1580"/>
        <v>19.717100000000002</v>
      </c>
      <c r="H6836" s="235">
        <f t="shared" si="1581"/>
        <v>1.5164501879079579</v>
      </c>
      <c r="I6836" s="236">
        <f t="shared" si="1582"/>
        <v>21.094113998024206</v>
      </c>
      <c r="J6836" s="237">
        <f t="shared" si="1587"/>
        <v>11.094113998024206</v>
      </c>
      <c r="K6836" s="237">
        <f t="shared" si="1583"/>
        <v>1435.0958576275807</v>
      </c>
      <c r="L6836" s="237">
        <f t="shared" si="1588"/>
        <v>754.84351642556703</v>
      </c>
      <c r="M6836" s="236">
        <f t="shared" si="1584"/>
        <v>24.219594849199659</v>
      </c>
      <c r="N6836" s="236">
        <f t="shared" si="1585"/>
        <v>1.6354880880209632</v>
      </c>
      <c r="O6836" s="236">
        <f t="shared" si="1589"/>
        <v>2.5310165260991728</v>
      </c>
      <c r="P6836" s="236" t="str">
        <f t="shared" si="1590"/>
        <v>SAND</v>
      </c>
      <c r="Q6836" s="236" t="e">
        <f t="shared" si="1586"/>
        <v>#N/A</v>
      </c>
      <c r="R6836" s="238">
        <v>35</v>
      </c>
      <c r="S6836" s="236" t="e">
        <f t="shared" si="1591"/>
        <v>#N/A</v>
      </c>
      <c r="T6836" s="236">
        <f t="shared" si="1578"/>
        <v>32.825835612818125</v>
      </c>
    </row>
    <row r="6837" spans="2:20" x14ac:dyDescent="0.2">
      <c r="B6837" s="239">
        <v>68.05</v>
      </c>
      <c r="C6837" s="3">
        <f t="shared" si="1579"/>
        <v>68.042999999999992</v>
      </c>
      <c r="D6837" s="239">
        <v>21.9711</v>
      </c>
      <c r="E6837" s="239">
        <v>0.26179999999999998</v>
      </c>
      <c r="F6837" s="239">
        <v>1.238</v>
      </c>
      <c r="G6837">
        <f t="shared" si="1580"/>
        <v>22.218699999999998</v>
      </c>
      <c r="H6837" s="235">
        <f t="shared" si="1581"/>
        <v>1.1782867584512144</v>
      </c>
      <c r="I6837" s="236">
        <f t="shared" si="1582"/>
        <v>20.985007868946397</v>
      </c>
      <c r="J6837" s="237">
        <f t="shared" si="1587"/>
        <v>10.985007868946397</v>
      </c>
      <c r="K6837" s="237">
        <f t="shared" si="1583"/>
        <v>1427.8828904267195</v>
      </c>
      <c r="L6837" s="237">
        <f t="shared" si="1588"/>
        <v>747.52978548180226</v>
      </c>
      <c r="M6837" s="236">
        <f t="shared" si="1584"/>
        <v>27.812693906468297</v>
      </c>
      <c r="N6837" s="236">
        <f t="shared" si="1585"/>
        <v>1.2592097685254147</v>
      </c>
      <c r="O6837" s="236">
        <f t="shared" si="1589"/>
        <v>2.4179226925567914</v>
      </c>
      <c r="P6837" s="236" t="str">
        <f t="shared" si="1590"/>
        <v>SAND</v>
      </c>
      <c r="Q6837" s="236" t="e">
        <f t="shared" si="1586"/>
        <v>#N/A</v>
      </c>
      <c r="R6837" s="238">
        <v>35</v>
      </c>
      <c r="S6837" s="236" t="e">
        <f t="shared" si="1591"/>
        <v>#N/A</v>
      </c>
      <c r="T6837" s="236">
        <f t="shared" si="1578"/>
        <v>33.486673617979463</v>
      </c>
    </row>
    <row r="6838" spans="2:20" x14ac:dyDescent="0.2">
      <c r="B6838" s="239">
        <v>68.06</v>
      </c>
      <c r="C6838" s="3">
        <f t="shared" si="1579"/>
        <v>68.052999999999997</v>
      </c>
      <c r="D6838" s="239">
        <v>24.263999999999999</v>
      </c>
      <c r="E6838" s="239">
        <v>0.23619999999999999</v>
      </c>
      <c r="F6838" s="239">
        <v>0.93289999999999995</v>
      </c>
      <c r="G6838">
        <f t="shared" si="1580"/>
        <v>24.450579999999999</v>
      </c>
      <c r="H6838" s="235">
        <f t="shared" si="1581"/>
        <v>0.96603025367905382</v>
      </c>
      <c r="I6838" s="236">
        <f t="shared" si="1582"/>
        <v>20.9017590152894</v>
      </c>
      <c r="J6838" s="237">
        <f t="shared" si="1587"/>
        <v>10.9017590152894</v>
      </c>
      <c r="K6838" s="237">
        <f t="shared" si="1583"/>
        <v>1422.4274062674895</v>
      </c>
      <c r="L6838" s="237">
        <f t="shared" si="1588"/>
        <v>741.9737185805966</v>
      </c>
      <c r="M6838" s="236">
        <f t="shared" si="1584"/>
        <v>31.036345381323752</v>
      </c>
      <c r="N6838" s="236">
        <f t="shared" si="1585"/>
        <v>1.0257010371916926</v>
      </c>
      <c r="O6838" s="236">
        <f t="shared" si="1589"/>
        <v>2.3298944642028894</v>
      </c>
      <c r="P6838" s="236" t="str">
        <f t="shared" si="1590"/>
        <v>SAND</v>
      </c>
      <c r="Q6838" s="236" t="e">
        <f t="shared" si="1586"/>
        <v>#N/A</v>
      </c>
      <c r="R6838" s="238">
        <v>35</v>
      </c>
      <c r="S6838" s="236" t="e">
        <f t="shared" si="1591"/>
        <v>#N/A</v>
      </c>
      <c r="T6838" s="236">
        <f t="shared" si="1578"/>
        <v>34.010576337936939</v>
      </c>
    </row>
    <row r="6839" spans="2:20" x14ac:dyDescent="0.2">
      <c r="B6839" s="239">
        <v>68.069000000000003</v>
      </c>
      <c r="C6839" s="3">
        <f t="shared" si="1579"/>
        <v>68.061999999999998</v>
      </c>
      <c r="D6839" s="239">
        <v>25.826000000000001</v>
      </c>
      <c r="E6839" s="239">
        <v>0.22259999999999999</v>
      </c>
      <c r="F6839" s="239">
        <v>0.92849999999999999</v>
      </c>
      <c r="G6839">
        <f t="shared" si="1580"/>
        <v>26.011700000000001</v>
      </c>
      <c r="H6839" s="235">
        <f t="shared" si="1581"/>
        <v>0.85576875021624887</v>
      </c>
      <c r="I6839" s="236">
        <f t="shared" si="1582"/>
        <v>20.856412849254639</v>
      </c>
      <c r="J6839" s="237">
        <f t="shared" si="1587"/>
        <v>10.856412849254639</v>
      </c>
      <c r="K6839" s="237">
        <f t="shared" si="1583"/>
        <v>1419.5291713459692</v>
      </c>
      <c r="L6839" s="237">
        <f t="shared" si="1588"/>
        <v>738.98516623591399</v>
      </c>
      <c r="M6839" s="236">
        <f t="shared" si="1584"/>
        <v>33.278301043465348</v>
      </c>
      <c r="N6839" s="236">
        <f t="shared" si="1585"/>
        <v>0.90516612604460855</v>
      </c>
      <c r="O6839" s="236">
        <f t="shared" si="1589"/>
        <v>2.2756901538085526</v>
      </c>
      <c r="P6839" s="236" t="str">
        <f t="shared" si="1590"/>
        <v>SAND</v>
      </c>
      <c r="Q6839" s="236" t="e">
        <f t="shared" si="1586"/>
        <v>#N/A</v>
      </c>
      <c r="R6839" s="238">
        <v>35</v>
      </c>
      <c r="S6839" s="236" t="e">
        <f t="shared" si="1591"/>
        <v>#N/A</v>
      </c>
      <c r="T6839" s="236">
        <f t="shared" si="1578"/>
        <v>34.343772607714641</v>
      </c>
    </row>
    <row r="6840" spans="2:20" x14ac:dyDescent="0.2">
      <c r="B6840" s="239">
        <v>68.078000000000003</v>
      </c>
      <c r="C6840" s="3">
        <f t="shared" si="1579"/>
        <v>68.070999999999998</v>
      </c>
      <c r="D6840" s="239">
        <v>27.011500000000002</v>
      </c>
      <c r="E6840" s="239">
        <v>0.2044</v>
      </c>
      <c r="F6840" s="239">
        <v>0.71</v>
      </c>
      <c r="G6840">
        <f t="shared" si="1580"/>
        <v>27.153500000000001</v>
      </c>
      <c r="H6840" s="235">
        <f t="shared" si="1581"/>
        <v>0.75275747141252503</v>
      </c>
      <c r="I6840" s="236">
        <f t="shared" si="1582"/>
        <v>20.773184696374109</v>
      </c>
      <c r="J6840" s="237">
        <f t="shared" si="1587"/>
        <v>10.773184696374109</v>
      </c>
      <c r="K6840" s="237">
        <f t="shared" si="1583"/>
        <v>1414.0514554668819</v>
      </c>
      <c r="L6840" s="237">
        <f t="shared" si="1588"/>
        <v>733.41686775975666</v>
      </c>
      <c r="M6840" s="236">
        <f t="shared" si="1584"/>
        <v>35.095250294903934</v>
      </c>
      <c r="N6840" s="236">
        <f t="shared" si="1585"/>
        <v>0.79411180719881103</v>
      </c>
      <c r="O6840" s="236">
        <f t="shared" si="1589"/>
        <v>2.2268371863300587</v>
      </c>
      <c r="P6840" s="236" t="str">
        <f t="shared" si="1590"/>
        <v>SAND</v>
      </c>
      <c r="Q6840" s="236" t="e">
        <f t="shared" si="1586"/>
        <v>#N/A</v>
      </c>
      <c r="R6840" s="238">
        <v>35</v>
      </c>
      <c r="S6840" s="236" t="e">
        <f t="shared" si="1591"/>
        <v>#N/A</v>
      </c>
      <c r="T6840" s="236">
        <f t="shared" si="1578"/>
        <v>34.597731785020926</v>
      </c>
    </row>
    <row r="6841" spans="2:20" x14ac:dyDescent="0.2">
      <c r="B6841" s="239">
        <v>68.088999999999999</v>
      </c>
      <c r="C6841" s="3">
        <f t="shared" si="1579"/>
        <v>68.081999999999994</v>
      </c>
      <c r="D6841" s="239">
        <v>27.902000000000001</v>
      </c>
      <c r="E6841" s="239">
        <v>0.18909999999999999</v>
      </c>
      <c r="F6841" s="239">
        <v>0.70909999999999995</v>
      </c>
      <c r="G6841">
        <f t="shared" si="1580"/>
        <v>28.04382</v>
      </c>
      <c r="H6841" s="235">
        <f t="shared" si="1581"/>
        <v>0.67430186044554552</v>
      </c>
      <c r="I6841" s="236">
        <f t="shared" si="1582"/>
        <v>20.694563636090461</v>
      </c>
      <c r="J6841" s="237">
        <f t="shared" si="1587"/>
        <v>10.694563636090461</v>
      </c>
      <c r="K6841" s="237">
        <f t="shared" si="1583"/>
        <v>1408.9272814723106</v>
      </c>
      <c r="L6841" s="237">
        <f t="shared" si="1588"/>
        <v>728.18214341776331</v>
      </c>
      <c r="M6841" s="236">
        <f t="shared" si="1584"/>
        <v>36.577239581178603</v>
      </c>
      <c r="N6841" s="236">
        <f t="shared" si="1585"/>
        <v>0.70997094675158501</v>
      </c>
      <c r="O6841" s="236">
        <f t="shared" si="1589"/>
        <v>2.1870987501496582</v>
      </c>
      <c r="P6841" s="236" t="str">
        <f t="shared" si="1590"/>
        <v>SAND</v>
      </c>
      <c r="Q6841" s="236" t="e">
        <f t="shared" si="1586"/>
        <v>#N/A</v>
      </c>
      <c r="R6841" s="238">
        <v>35</v>
      </c>
      <c r="S6841" s="236" t="e">
        <f t="shared" si="1591"/>
        <v>#N/A</v>
      </c>
      <c r="T6841" s="236">
        <f t="shared" si="1578"/>
        <v>34.795320196446113</v>
      </c>
    </row>
    <row r="6842" spans="2:20" x14ac:dyDescent="0.2">
      <c r="B6842" s="239">
        <v>68.097999999999999</v>
      </c>
      <c r="C6842" s="3">
        <f t="shared" si="1579"/>
        <v>68.090999999999994</v>
      </c>
      <c r="D6842" s="239">
        <v>28.578099999999999</v>
      </c>
      <c r="E6842" s="239">
        <v>0.18149999999999999</v>
      </c>
      <c r="F6842" s="239">
        <v>0.70860000000000001</v>
      </c>
      <c r="G6842">
        <f t="shared" si="1580"/>
        <v>28.719819999999999</v>
      </c>
      <c r="H6842" s="235">
        <f t="shared" si="1581"/>
        <v>0.63196774910149167</v>
      </c>
      <c r="I6842" s="236">
        <f t="shared" si="1582"/>
        <v>20.655773495981585</v>
      </c>
      <c r="J6842" s="237">
        <f t="shared" si="1587"/>
        <v>10.655773495981585</v>
      </c>
      <c r="K6842" s="237">
        <f t="shared" si="1583"/>
        <v>1406.472273114882</v>
      </c>
      <c r="L6842" s="237">
        <f t="shared" si="1588"/>
        <v>725.63686352935395</v>
      </c>
      <c r="M6842" s="236">
        <f t="shared" si="1584"/>
        <v>37.640518418590815</v>
      </c>
      <c r="N6842" s="236">
        <f t="shared" si="1585"/>
        <v>0.66451026734209384</v>
      </c>
      <c r="O6842" s="236">
        <f t="shared" si="1589"/>
        <v>2.1622558833859813</v>
      </c>
      <c r="P6842" s="236" t="str">
        <f t="shared" si="1590"/>
        <v>SAND</v>
      </c>
      <c r="Q6842" s="236" t="e">
        <f t="shared" si="1586"/>
        <v>#N/A</v>
      </c>
      <c r="R6842" s="238">
        <v>35</v>
      </c>
      <c r="S6842" s="236" t="e">
        <f t="shared" si="1591"/>
        <v>#N/A</v>
      </c>
      <c r="T6842" s="236">
        <f t="shared" si="1578"/>
        <v>34.932211559135553</v>
      </c>
    </row>
    <row r="6843" spans="2:20" x14ac:dyDescent="0.2">
      <c r="B6843" s="239">
        <v>68.108000000000004</v>
      </c>
      <c r="C6843" s="3">
        <f t="shared" si="1579"/>
        <v>68.100999999999999</v>
      </c>
      <c r="D6843" s="239">
        <v>29.101199999999999</v>
      </c>
      <c r="E6843" s="239">
        <v>0.1711</v>
      </c>
      <c r="F6843" s="239">
        <v>0.66369999999999996</v>
      </c>
      <c r="G6843">
        <f t="shared" si="1580"/>
        <v>29.233939999999997</v>
      </c>
      <c r="H6843" s="235">
        <f t="shared" si="1581"/>
        <v>0.58527861793518088</v>
      </c>
      <c r="I6843" s="236">
        <f t="shared" si="1582"/>
        <v>20.593516696293271</v>
      </c>
      <c r="J6843" s="237">
        <f t="shared" si="1587"/>
        <v>10.593516696293271</v>
      </c>
      <c r="K6843" s="237">
        <f t="shared" si="1583"/>
        <v>1402.439080534268</v>
      </c>
      <c r="L6843" s="237">
        <f t="shared" si="1588"/>
        <v>721.50323515114212</v>
      </c>
      <c r="M6843" s="236">
        <f t="shared" si="1584"/>
        <v>38.574325884534012</v>
      </c>
      <c r="N6843" s="236">
        <f t="shared" si="1585"/>
        <v>0.61477101251240929</v>
      </c>
      <c r="O6843" s="236">
        <f t="shared" si="1589"/>
        <v>2.1367813670540783</v>
      </c>
      <c r="P6843" s="236" t="str">
        <f t="shared" si="1590"/>
        <v>SAND</v>
      </c>
      <c r="Q6843" s="236" t="e">
        <f t="shared" si="1586"/>
        <v>#N/A</v>
      </c>
      <c r="R6843" s="238">
        <v>35</v>
      </c>
      <c r="S6843" s="236" t="e">
        <f t="shared" si="1591"/>
        <v>#N/A</v>
      </c>
      <c r="T6843" s="236">
        <f t="shared" si="1578"/>
        <v>35.049281796953238</v>
      </c>
    </row>
    <row r="6844" spans="2:20" x14ac:dyDescent="0.2">
      <c r="B6844" s="239">
        <v>68.117999999999995</v>
      </c>
      <c r="C6844" s="3">
        <f t="shared" si="1579"/>
        <v>68.11099999999999</v>
      </c>
      <c r="D6844" s="239">
        <v>29.529900000000001</v>
      </c>
      <c r="E6844" s="239">
        <v>0.1696</v>
      </c>
      <c r="F6844" s="239">
        <v>0.66410000000000002</v>
      </c>
      <c r="G6844">
        <f t="shared" si="1580"/>
        <v>29.66272</v>
      </c>
      <c r="H6844" s="235">
        <f t="shared" si="1581"/>
        <v>0.57176145680504009</v>
      </c>
      <c r="I6844" s="236">
        <f t="shared" si="1582"/>
        <v>20.588882718817313</v>
      </c>
      <c r="J6844" s="237">
        <f t="shared" si="1587"/>
        <v>10.588882718817313</v>
      </c>
      <c r="K6844" s="237">
        <f t="shared" si="1583"/>
        <v>1402.3293908613657</v>
      </c>
      <c r="L6844" s="237">
        <f t="shared" si="1588"/>
        <v>721.29351304039767</v>
      </c>
      <c r="M6844" s="236">
        <f t="shared" si="1584"/>
        <v>39.180153568850756</v>
      </c>
      <c r="N6844" s="236">
        <f t="shared" si="1585"/>
        <v>0.60013324778729715</v>
      </c>
      <c r="O6844" s="236">
        <f t="shared" si="1589"/>
        <v>2.1258831537920493</v>
      </c>
      <c r="P6844" s="236" t="str">
        <f t="shared" si="1590"/>
        <v>SAND</v>
      </c>
      <c r="Q6844" s="236" t="e">
        <f t="shared" si="1586"/>
        <v>#N/A</v>
      </c>
      <c r="R6844" s="238">
        <v>35</v>
      </c>
      <c r="S6844" s="236" t="e">
        <f t="shared" si="1591"/>
        <v>#N/A</v>
      </c>
      <c r="T6844" s="236">
        <f t="shared" si="1578"/>
        <v>35.123727472945014</v>
      </c>
    </row>
    <row r="6845" spans="2:20" x14ac:dyDescent="0.2">
      <c r="B6845" s="239">
        <v>68.128</v>
      </c>
      <c r="C6845" s="3">
        <f t="shared" si="1579"/>
        <v>68.120999999999995</v>
      </c>
      <c r="D6845" s="239">
        <v>29.611999999999998</v>
      </c>
      <c r="E6845" s="239">
        <v>0.1764</v>
      </c>
      <c r="F6845" s="239">
        <v>0.64319999999999999</v>
      </c>
      <c r="G6845">
        <f t="shared" si="1580"/>
        <v>29.740639999999999</v>
      </c>
      <c r="H6845" s="235">
        <f t="shared" si="1581"/>
        <v>0.59312778743160877</v>
      </c>
      <c r="I6845" s="236">
        <f t="shared" si="1582"/>
        <v>20.636004501560429</v>
      </c>
      <c r="J6845" s="237">
        <f t="shared" si="1587"/>
        <v>10.636004501560429</v>
      </c>
      <c r="K6845" s="237">
        <f t="shared" si="1583"/>
        <v>1405.7452626507979</v>
      </c>
      <c r="L6845" s="237">
        <f t="shared" si="1588"/>
        <v>724.60971468230889</v>
      </c>
      <c r="M6845" s="236">
        <f t="shared" si="1584"/>
        <v>39.103663894117247</v>
      </c>
      <c r="N6845" s="236">
        <f t="shared" si="1585"/>
        <v>0.62255392735756698</v>
      </c>
      <c r="O6845" s="236">
        <f t="shared" si="1589"/>
        <v>2.1341560957458312</v>
      </c>
      <c r="P6845" s="236" t="str">
        <f t="shared" si="1590"/>
        <v>SAND</v>
      </c>
      <c r="Q6845" s="236" t="e">
        <f t="shared" si="1586"/>
        <v>#N/A</v>
      </c>
      <c r="R6845" s="238">
        <v>35</v>
      </c>
      <c r="S6845" s="236" t="e">
        <f t="shared" si="1591"/>
        <v>#N/A</v>
      </c>
      <c r="T6845" s="236">
        <f t="shared" si="1578"/>
        <v>35.114391965087094</v>
      </c>
    </row>
    <row r="6846" spans="2:20" x14ac:dyDescent="0.2">
      <c r="B6846" s="239">
        <v>68.137</v>
      </c>
      <c r="C6846" s="3">
        <f t="shared" si="1579"/>
        <v>68.13</v>
      </c>
      <c r="D6846" s="239">
        <v>29.531500000000001</v>
      </c>
      <c r="E6846" s="239">
        <v>0.1832</v>
      </c>
      <c r="F6846" s="239">
        <v>0.58919999999999995</v>
      </c>
      <c r="G6846">
        <f t="shared" si="1580"/>
        <v>29.649340000000002</v>
      </c>
      <c r="H6846" s="235">
        <f t="shared" si="1581"/>
        <v>0.61788896481338196</v>
      </c>
      <c r="I6846" s="236">
        <f t="shared" si="1582"/>
        <v>20.679155348874836</v>
      </c>
      <c r="J6846" s="237">
        <f t="shared" si="1587"/>
        <v>10.679155348874836</v>
      </c>
      <c r="K6846" s="237">
        <f t="shared" si="1583"/>
        <v>1408.8708539188426</v>
      </c>
      <c r="L6846" s="237">
        <f t="shared" si="1588"/>
        <v>727.64560800628476</v>
      </c>
      <c r="M6846" s="236">
        <f t="shared" si="1584"/>
        <v>38.81074637893952</v>
      </c>
      <c r="N6846" s="236">
        <f t="shared" si="1585"/>
        <v>0.64871443548742191</v>
      </c>
      <c r="O6846" s="236">
        <f t="shared" si="1589"/>
        <v>2.1455712882261548</v>
      </c>
      <c r="P6846" s="236" t="str">
        <f t="shared" si="1590"/>
        <v>SAND</v>
      </c>
      <c r="Q6846" s="236" t="e">
        <f t="shared" si="1586"/>
        <v>#N/A</v>
      </c>
      <c r="R6846" s="238">
        <v>35</v>
      </c>
      <c r="S6846" s="236" t="e">
        <f t="shared" si="1591"/>
        <v>#N/A</v>
      </c>
      <c r="T6846" s="236">
        <f t="shared" si="1578"/>
        <v>35.078471943278977</v>
      </c>
    </row>
    <row r="6847" spans="2:20" x14ac:dyDescent="0.2">
      <c r="B6847" s="239">
        <v>68.147999999999996</v>
      </c>
      <c r="C6847" s="3">
        <f t="shared" si="1579"/>
        <v>68.140999999999991</v>
      </c>
      <c r="D6847" s="239">
        <v>29.142299999999999</v>
      </c>
      <c r="E6847" s="239">
        <v>0.19409999999999999</v>
      </c>
      <c r="F6847" s="239">
        <v>0.56069999999999998</v>
      </c>
      <c r="G6847">
        <f t="shared" si="1580"/>
        <v>29.254439999999999</v>
      </c>
      <c r="H6847" s="235">
        <f t="shared" si="1581"/>
        <v>0.66348902935759491</v>
      </c>
      <c r="I6847" s="236">
        <f t="shared" si="1582"/>
        <v>20.74168461011249</v>
      </c>
      <c r="J6847" s="237">
        <f t="shared" si="1587"/>
        <v>10.74168461011249</v>
      </c>
      <c r="K6847" s="237">
        <f t="shared" si="1583"/>
        <v>1413.3591310176751</v>
      </c>
      <c r="L6847" s="237">
        <f t="shared" si="1588"/>
        <v>732.02432280994594</v>
      </c>
      <c r="M6847" s="236">
        <f t="shared" si="1584"/>
        <v>38.032999726172555</v>
      </c>
      <c r="N6847" s="236">
        <f t="shared" si="1585"/>
        <v>0.69717120866613447</v>
      </c>
      <c r="O6847" s="236">
        <f t="shared" si="1589"/>
        <v>2.1684519373445403</v>
      </c>
      <c r="P6847" s="236" t="str">
        <f t="shared" si="1590"/>
        <v>SAND</v>
      </c>
      <c r="Q6847" s="236" t="e">
        <f t="shared" si="1586"/>
        <v>#N/A</v>
      </c>
      <c r="R6847" s="238">
        <v>35</v>
      </c>
      <c r="S6847" s="236" t="e">
        <f t="shared" si="1591"/>
        <v>#N/A</v>
      </c>
      <c r="T6847" s="236">
        <f t="shared" si="1578"/>
        <v>34.981766383224937</v>
      </c>
    </row>
    <row r="6848" spans="2:20" x14ac:dyDescent="0.2">
      <c r="B6848" s="239">
        <v>68.156999999999996</v>
      </c>
      <c r="C6848" s="3">
        <f t="shared" si="1579"/>
        <v>68.149999999999991</v>
      </c>
      <c r="D6848" s="239">
        <v>28.535</v>
      </c>
      <c r="E6848" s="239">
        <v>0.2109</v>
      </c>
      <c r="F6848" s="239">
        <v>0.53100000000000003</v>
      </c>
      <c r="G6848">
        <f t="shared" si="1580"/>
        <v>28.641200000000001</v>
      </c>
      <c r="H6848" s="235">
        <f t="shared" si="1581"/>
        <v>0.73635182883398742</v>
      </c>
      <c r="I6848" s="236">
        <f t="shared" si="1582"/>
        <v>20.830741908634806</v>
      </c>
      <c r="J6848" s="237">
        <f t="shared" si="1587"/>
        <v>10.830741908634806</v>
      </c>
      <c r="K6848" s="237">
        <f t="shared" si="1583"/>
        <v>1419.6150610734619</v>
      </c>
      <c r="L6848" s="237">
        <f t="shared" si="1588"/>
        <v>738.19087626682244</v>
      </c>
      <c r="M6848" s="236">
        <f t="shared" si="1584"/>
        <v>36.876078822040569</v>
      </c>
      <c r="N6848" s="236">
        <f t="shared" si="1585"/>
        <v>0.77475283115648252</v>
      </c>
      <c r="O6848" s="236">
        <f t="shared" si="1589"/>
        <v>2.2028671197462475</v>
      </c>
      <c r="P6848" s="236" t="str">
        <f t="shared" si="1590"/>
        <v>SAND</v>
      </c>
      <c r="Q6848" s="236" t="e">
        <f t="shared" si="1586"/>
        <v>#N/A</v>
      </c>
      <c r="R6848" s="238">
        <v>35</v>
      </c>
      <c r="S6848" s="236" t="e">
        <f t="shared" si="1591"/>
        <v>#N/A</v>
      </c>
      <c r="T6848" s="236">
        <f t="shared" si="1578"/>
        <v>34.83419208062908</v>
      </c>
    </row>
    <row r="6849" spans="2:20" x14ac:dyDescent="0.2">
      <c r="B6849" s="239">
        <v>68.168000000000006</v>
      </c>
      <c r="C6849" s="3">
        <f t="shared" si="1579"/>
        <v>68.161000000000001</v>
      </c>
      <c r="D6849" s="239">
        <v>27.899799999999999</v>
      </c>
      <c r="E6849" s="239">
        <v>0.22989999999999999</v>
      </c>
      <c r="F6849" s="239">
        <v>0.53600000000000003</v>
      </c>
      <c r="G6849">
        <f t="shared" si="1580"/>
        <v>28.006999999999998</v>
      </c>
      <c r="H6849" s="235">
        <f t="shared" si="1581"/>
        <v>0.82086621201842391</v>
      </c>
      <c r="I6849" s="236">
        <f t="shared" si="1582"/>
        <v>20.923138209063467</v>
      </c>
      <c r="J6849" s="237">
        <f t="shared" si="1587"/>
        <v>10.923138209063467</v>
      </c>
      <c r="K6849" s="237">
        <f t="shared" si="1583"/>
        <v>1426.1420234679749</v>
      </c>
      <c r="L6849" s="237">
        <f t="shared" si="1588"/>
        <v>744.60848543543852</v>
      </c>
      <c r="M6849" s="236">
        <f t="shared" si="1584"/>
        <v>35.697763987994094</v>
      </c>
      <c r="N6849" s="236">
        <f t="shared" si="1585"/>
        <v>0.86490812374444981</v>
      </c>
      <c r="O6849" s="236">
        <f t="shared" si="1589"/>
        <v>2.2393849618833803</v>
      </c>
      <c r="P6849" s="236" t="str">
        <f t="shared" si="1590"/>
        <v>SAND</v>
      </c>
      <c r="Q6849" s="236" t="e">
        <f t="shared" si="1586"/>
        <v>#N/A</v>
      </c>
      <c r="R6849" s="238">
        <v>35</v>
      </c>
      <c r="S6849" s="236" t="e">
        <f t="shared" si="1591"/>
        <v>#N/A</v>
      </c>
      <c r="T6849" s="236">
        <f t="shared" si="1578"/>
        <v>34.679051153173347</v>
      </c>
    </row>
    <row r="6850" spans="2:20" x14ac:dyDescent="0.2">
      <c r="B6850" s="239">
        <v>68.177000000000007</v>
      </c>
      <c r="C6850" s="3">
        <f t="shared" si="1579"/>
        <v>68.17</v>
      </c>
      <c r="D6850" s="239">
        <v>27.228100000000001</v>
      </c>
      <c r="E6850" s="239">
        <v>0.25209999999999999</v>
      </c>
      <c r="F6850" s="239">
        <v>0.53800000000000003</v>
      </c>
      <c r="G6850">
        <f t="shared" si="1580"/>
        <v>27.335700000000003</v>
      </c>
      <c r="H6850" s="235">
        <f t="shared" si="1581"/>
        <v>0.92223722092355398</v>
      </c>
      <c r="I6850" s="236">
        <f t="shared" si="1582"/>
        <v>21.021746917333406</v>
      </c>
      <c r="J6850" s="237">
        <f t="shared" si="1587"/>
        <v>11.021746917333406</v>
      </c>
      <c r="K6850" s="237">
        <f t="shared" si="1583"/>
        <v>1433.0524873546183</v>
      </c>
      <c r="L6850" s="237">
        <f t="shared" si="1588"/>
        <v>751.42963958303972</v>
      </c>
      <c r="M6850" s="236">
        <f t="shared" si="1584"/>
        <v>34.471154913477314</v>
      </c>
      <c r="N6850" s="236">
        <f t="shared" si="1585"/>
        <v>0.97325958621383213</v>
      </c>
      <c r="O6850" s="236">
        <f t="shared" si="1589"/>
        <v>2.2791541238758786</v>
      </c>
      <c r="P6850" s="236" t="str">
        <f t="shared" si="1590"/>
        <v>SAND</v>
      </c>
      <c r="Q6850" s="236" t="e">
        <f t="shared" si="1586"/>
        <v>#N/A</v>
      </c>
      <c r="R6850" s="238">
        <v>35</v>
      </c>
      <c r="S6850" s="236" t="e">
        <f t="shared" si="1591"/>
        <v>#N/A</v>
      </c>
      <c r="T6850" s="236">
        <f t="shared" si="1578"/>
        <v>34.512014175672135</v>
      </c>
    </row>
    <row r="6851" spans="2:20" x14ac:dyDescent="0.2">
      <c r="B6851" s="239">
        <v>68.188000000000002</v>
      </c>
      <c r="C6851" s="3">
        <f t="shared" si="1579"/>
        <v>68.180999999999997</v>
      </c>
      <c r="D6851" s="239">
        <v>26.527999999999999</v>
      </c>
      <c r="E6851" s="239">
        <v>0.27129999999999999</v>
      </c>
      <c r="F6851" s="239">
        <v>0.56699999999999995</v>
      </c>
      <c r="G6851">
        <f t="shared" si="1580"/>
        <v>26.641399999999997</v>
      </c>
      <c r="H6851" s="235">
        <f t="shared" si="1581"/>
        <v>1.0183398770334893</v>
      </c>
      <c r="I6851" s="236">
        <f t="shared" si="1582"/>
        <v>21.09775883640274</v>
      </c>
      <c r="J6851" s="237">
        <f t="shared" si="1587"/>
        <v>11.09775883640274</v>
      </c>
      <c r="K6851" s="237">
        <f t="shared" si="1583"/>
        <v>1438.4662952247752</v>
      </c>
      <c r="L6851" s="237">
        <f t="shared" si="1588"/>
        <v>756.73397953663005</v>
      </c>
      <c r="M6851" s="236">
        <f t="shared" si="1584"/>
        <v>33.304879107196562</v>
      </c>
      <c r="N6851" s="236">
        <f t="shared" si="1585"/>
        <v>1.0764619832674343</v>
      </c>
      <c r="O6851" s="236">
        <f t="shared" si="1589"/>
        <v>2.3152162676291104</v>
      </c>
      <c r="P6851" s="236" t="str">
        <f t="shared" si="1590"/>
        <v>SAND</v>
      </c>
      <c r="Q6851" s="236" t="e">
        <f t="shared" si="1586"/>
        <v>#N/A</v>
      </c>
      <c r="R6851" s="238">
        <v>35</v>
      </c>
      <c r="S6851" s="236" t="e">
        <f t="shared" si="1591"/>
        <v>#N/A</v>
      </c>
      <c r="T6851" s="236">
        <f t="shared" si="1578"/>
        <v>34.347586477134989</v>
      </c>
    </row>
    <row r="6852" spans="2:20" x14ac:dyDescent="0.2">
      <c r="B6852" s="239">
        <v>68.197000000000003</v>
      </c>
      <c r="C6852" s="3">
        <f t="shared" si="1579"/>
        <v>68.19</v>
      </c>
      <c r="D6852" s="239">
        <v>25.883199999999999</v>
      </c>
      <c r="E6852" s="239">
        <v>0.27639999999999998</v>
      </c>
      <c r="F6852" s="239">
        <v>0.54900000000000004</v>
      </c>
      <c r="G6852">
        <f t="shared" si="1580"/>
        <v>25.992999999999999</v>
      </c>
      <c r="H6852" s="235">
        <f t="shared" si="1581"/>
        <v>1.0633632131727773</v>
      </c>
      <c r="I6852" s="236">
        <f t="shared" si="1582"/>
        <v>21.109966524989858</v>
      </c>
      <c r="J6852" s="237">
        <f t="shared" si="1587"/>
        <v>11.109966524989858</v>
      </c>
      <c r="K6852" s="237">
        <f t="shared" si="1583"/>
        <v>1439.4886173390585</v>
      </c>
      <c r="L6852" s="237">
        <f t="shared" si="1588"/>
        <v>757.66638710473342</v>
      </c>
      <c r="M6852" s="236">
        <f t="shared" si="1584"/>
        <v>32.406758172930367</v>
      </c>
      <c r="N6852" s="236">
        <f t="shared" si="1585"/>
        <v>1.1257045710992952</v>
      </c>
      <c r="O6852" s="236">
        <f t="shared" si="1589"/>
        <v>2.3357287894663417</v>
      </c>
      <c r="P6852" s="236" t="str">
        <f t="shared" si="1590"/>
        <v>SAND</v>
      </c>
      <c r="Q6852" s="236" t="e">
        <f t="shared" si="1586"/>
        <v>#N/A</v>
      </c>
      <c r="R6852" s="238">
        <v>35</v>
      </c>
      <c r="S6852" s="236" t="e">
        <f t="shared" si="1591"/>
        <v>#N/A</v>
      </c>
      <c r="T6852" s="236">
        <f t="shared" si="1578"/>
        <v>34.216991471614037</v>
      </c>
    </row>
    <row r="6853" spans="2:20" x14ac:dyDescent="0.2">
      <c r="B6853" s="239">
        <v>68.206999999999994</v>
      </c>
      <c r="C6853" s="3">
        <f t="shared" si="1579"/>
        <v>68.199999999999989</v>
      </c>
      <c r="D6853" s="239">
        <v>25.455500000000001</v>
      </c>
      <c r="E6853" s="239">
        <v>0.27300000000000002</v>
      </c>
      <c r="F6853" s="239">
        <v>0.57379999999999998</v>
      </c>
      <c r="G6853">
        <f t="shared" si="1580"/>
        <v>25.570260000000001</v>
      </c>
      <c r="H6853" s="235">
        <f t="shared" si="1581"/>
        <v>1.0676465550213412</v>
      </c>
      <c r="I6853" s="236">
        <f t="shared" si="1582"/>
        <v>21.0890438309765</v>
      </c>
      <c r="J6853" s="237">
        <f t="shared" si="1587"/>
        <v>11.0890438309765</v>
      </c>
      <c r="K6853" s="237">
        <f t="shared" si="1583"/>
        <v>1438.272789272597</v>
      </c>
      <c r="L6853" s="237">
        <f t="shared" si="1588"/>
        <v>756.35041257941407</v>
      </c>
      <c r="M6853" s="236">
        <f t="shared" si="1584"/>
        <v>31.905829374018666</v>
      </c>
      <c r="N6853" s="236">
        <f t="shared" si="1585"/>
        <v>1.1312785707040454</v>
      </c>
      <c r="O6853" s="236">
        <f t="shared" si="1589"/>
        <v>2.3425726139658924</v>
      </c>
      <c r="P6853" s="236" t="str">
        <f t="shared" si="1590"/>
        <v>SAND</v>
      </c>
      <c r="Q6853" s="236" t="e">
        <f t="shared" si="1586"/>
        <v>#N/A</v>
      </c>
      <c r="R6853" s="238">
        <v>35</v>
      </c>
      <c r="S6853" s="236" t="e">
        <f t="shared" si="1591"/>
        <v>#N/A</v>
      </c>
      <c r="T6853" s="236">
        <f t="shared" si="1578"/>
        <v>34.142570421794673</v>
      </c>
    </row>
    <row r="6854" spans="2:20" x14ac:dyDescent="0.2">
      <c r="B6854" s="239">
        <v>68.216999999999999</v>
      </c>
      <c r="C6854" s="3">
        <f t="shared" si="1579"/>
        <v>68.209999999999994</v>
      </c>
      <c r="D6854" s="239">
        <v>25.0749</v>
      </c>
      <c r="E6854" s="239">
        <v>0.27279999999999999</v>
      </c>
      <c r="F6854" s="239">
        <v>0.55059999999999998</v>
      </c>
      <c r="G6854">
        <f t="shared" si="1580"/>
        <v>25.185019999999998</v>
      </c>
      <c r="H6854" s="235">
        <f t="shared" si="1581"/>
        <v>1.0831835749981538</v>
      </c>
      <c r="I6854" s="236">
        <f t="shared" si="1582"/>
        <v>21.082250912609815</v>
      </c>
      <c r="J6854" s="237">
        <f t="shared" si="1587"/>
        <v>11.082250912609815</v>
      </c>
      <c r="K6854" s="237">
        <f t="shared" si="1583"/>
        <v>1438.0203347491154</v>
      </c>
      <c r="L6854" s="237">
        <f t="shared" si="1588"/>
        <v>755.9979105055038</v>
      </c>
      <c r="M6854" s="236">
        <f t="shared" si="1584"/>
        <v>31.411462036148048</v>
      </c>
      <c r="N6854" s="236">
        <f t="shared" si="1585"/>
        <v>1.1487767037752976</v>
      </c>
      <c r="O6854" s="236">
        <f t="shared" si="1589"/>
        <v>2.351889539590116</v>
      </c>
      <c r="P6854" s="236" t="str">
        <f t="shared" si="1590"/>
        <v>SAND</v>
      </c>
      <c r="Q6854" s="236" t="e">
        <f t="shared" si="1586"/>
        <v>#N/A</v>
      </c>
      <c r="R6854" s="238">
        <v>35</v>
      </c>
      <c r="S6854" s="236" t="e">
        <f t="shared" si="1591"/>
        <v>#N/A</v>
      </c>
      <c r="T6854" s="236">
        <f t="shared" si="1578"/>
        <v>34.067969660587238</v>
      </c>
    </row>
    <row r="6855" spans="2:20" x14ac:dyDescent="0.2">
      <c r="B6855" s="239">
        <v>68.225999999999999</v>
      </c>
      <c r="C6855" s="3">
        <f t="shared" si="1579"/>
        <v>68.218999999999994</v>
      </c>
      <c r="D6855" s="239">
        <v>24.815200000000001</v>
      </c>
      <c r="E6855" s="239">
        <v>0.26269999999999999</v>
      </c>
      <c r="F6855" s="239">
        <v>0.57899999999999996</v>
      </c>
      <c r="G6855">
        <f t="shared" si="1580"/>
        <v>24.931000000000001</v>
      </c>
      <c r="H6855" s="235">
        <f t="shared" si="1581"/>
        <v>1.0537082347278488</v>
      </c>
      <c r="I6855" s="236">
        <f t="shared" si="1582"/>
        <v>21.034050979744983</v>
      </c>
      <c r="J6855" s="237">
        <f t="shared" si="1587"/>
        <v>11.034050979744983</v>
      </c>
      <c r="K6855" s="237">
        <f t="shared" si="1583"/>
        <v>1434.9219237872228</v>
      </c>
      <c r="L6855" s="237">
        <f t="shared" si="1588"/>
        <v>752.80916214408114</v>
      </c>
      <c r="M6855" s="236">
        <f t="shared" si="1584"/>
        <v>31.211201002513612</v>
      </c>
      <c r="N6855" s="236">
        <f t="shared" si="1585"/>
        <v>1.1180589336990465</v>
      </c>
      <c r="O6855" s="236">
        <f t="shared" si="1589"/>
        <v>2.3478398076730733</v>
      </c>
      <c r="P6855" s="236" t="str">
        <f t="shared" si="1590"/>
        <v>SAND</v>
      </c>
      <c r="Q6855" s="236" t="e">
        <f t="shared" si="1586"/>
        <v>#N/A</v>
      </c>
      <c r="R6855" s="238">
        <v>35</v>
      </c>
      <c r="S6855" s="236" t="e">
        <f t="shared" si="1591"/>
        <v>#N/A</v>
      </c>
      <c r="T6855" s="236">
        <f t="shared" si="1578"/>
        <v>34.037415286334955</v>
      </c>
    </row>
    <row r="6856" spans="2:20" x14ac:dyDescent="0.2">
      <c r="B6856" s="239">
        <v>68.234999999999999</v>
      </c>
      <c r="C6856" s="3">
        <f t="shared" si="1579"/>
        <v>68.227999999999994</v>
      </c>
      <c r="D6856" s="239">
        <v>24.564800000000002</v>
      </c>
      <c r="E6856" s="239">
        <v>0.25769999999999998</v>
      </c>
      <c r="F6856" s="239">
        <v>0.60160000000000002</v>
      </c>
      <c r="G6856">
        <f t="shared" si="1580"/>
        <v>24.685120000000001</v>
      </c>
      <c r="H6856" s="235">
        <f t="shared" si="1581"/>
        <v>1.0439487432104846</v>
      </c>
      <c r="I6856" s="236">
        <f t="shared" si="1582"/>
        <v>21.007643702958646</v>
      </c>
      <c r="J6856" s="237">
        <f t="shared" si="1587"/>
        <v>11.007643702958646</v>
      </c>
      <c r="K6856" s="237">
        <f t="shared" si="1583"/>
        <v>1433.3095145654625</v>
      </c>
      <c r="L6856" s="237">
        <f t="shared" si="1588"/>
        <v>751.10656807138321</v>
      </c>
      <c r="M6856" s="236">
        <f t="shared" si="1584"/>
        <v>30.956739660975444</v>
      </c>
      <c r="N6856" s="236">
        <f t="shared" si="1585"/>
        <v>1.1083007930132112</v>
      </c>
      <c r="O6856" s="236">
        <f t="shared" si="1589"/>
        <v>2.3487802953740275</v>
      </c>
      <c r="P6856" s="236" t="str">
        <f t="shared" si="1590"/>
        <v>SAND</v>
      </c>
      <c r="Q6856" s="236" t="e">
        <f t="shared" si="1586"/>
        <v>#N/A</v>
      </c>
      <c r="R6856" s="238">
        <v>35</v>
      </c>
      <c r="S6856" s="236" t="e">
        <f t="shared" si="1591"/>
        <v>#N/A</v>
      </c>
      <c r="T6856" s="236">
        <f t="shared" si="1578"/>
        <v>33.998307363595856</v>
      </c>
    </row>
    <row r="6857" spans="2:20" x14ac:dyDescent="0.2">
      <c r="B6857" s="239">
        <v>68.245000000000005</v>
      </c>
      <c r="C6857" s="3">
        <f t="shared" si="1579"/>
        <v>68.238</v>
      </c>
      <c r="D6857" s="239">
        <v>24.5441</v>
      </c>
      <c r="E6857" s="239">
        <v>0.26119999999999999</v>
      </c>
      <c r="F6857" s="239">
        <v>0.63029999999999997</v>
      </c>
      <c r="G6857">
        <f t="shared" si="1580"/>
        <v>24.670159999999999</v>
      </c>
      <c r="H6857" s="235">
        <f t="shared" si="1581"/>
        <v>1.0587689743398501</v>
      </c>
      <c r="I6857" s="236">
        <f t="shared" si="1582"/>
        <v>21.023225389941416</v>
      </c>
      <c r="J6857" s="237">
        <f t="shared" si="1587"/>
        <v>11.023225389941416</v>
      </c>
      <c r="K6857" s="237">
        <f t="shared" si="1583"/>
        <v>1434.5828541588223</v>
      </c>
      <c r="L6857" s="237">
        <f t="shared" si="1588"/>
        <v>752.28001673655194</v>
      </c>
      <c r="M6857" s="236">
        <f t="shared" si="1584"/>
        <v>30.886872745389251</v>
      </c>
      <c r="N6857" s="236">
        <f t="shared" si="1585"/>
        <v>1.1241382056513751</v>
      </c>
      <c r="O6857" s="236">
        <f t="shared" si="1589"/>
        <v>2.3529296598923457</v>
      </c>
      <c r="P6857" s="236" t="str">
        <f t="shared" si="1590"/>
        <v>SAND</v>
      </c>
      <c r="Q6857" s="236" t="e">
        <f t="shared" si="1586"/>
        <v>#N/A</v>
      </c>
      <c r="R6857" s="238">
        <v>35</v>
      </c>
      <c r="S6857" s="236" t="e">
        <f t="shared" si="1591"/>
        <v>#N/A</v>
      </c>
      <c r="T6857" s="236">
        <f t="shared" si="1578"/>
        <v>33.987513326702349</v>
      </c>
    </row>
    <row r="6858" spans="2:20" x14ac:dyDescent="0.2">
      <c r="B6858" s="239">
        <v>68.254000000000005</v>
      </c>
      <c r="C6858" s="3">
        <f t="shared" si="1579"/>
        <v>68.247</v>
      </c>
      <c r="D6858" s="239">
        <v>24.535299999999999</v>
      </c>
      <c r="E6858" s="239">
        <v>0.26279999999999998</v>
      </c>
      <c r="F6858" s="239">
        <v>0.62209999999999999</v>
      </c>
      <c r="G6858">
        <f t="shared" si="1580"/>
        <v>24.65972</v>
      </c>
      <c r="H6858" s="235">
        <f t="shared" si="1581"/>
        <v>1.0657055311252519</v>
      </c>
      <c r="I6858" s="236">
        <f t="shared" si="1582"/>
        <v>21.030220855742137</v>
      </c>
      <c r="J6858" s="237">
        <f t="shared" si="1587"/>
        <v>11.030220855742137</v>
      </c>
      <c r="K6858" s="237">
        <f t="shared" si="1583"/>
        <v>1435.2494827418336</v>
      </c>
      <c r="L6858" s="237">
        <f t="shared" si="1588"/>
        <v>752.85669428782387</v>
      </c>
      <c r="M6858" s="236">
        <f t="shared" si="1584"/>
        <v>30.848461192508495</v>
      </c>
      <c r="N6858" s="236">
        <f t="shared" si="1585"/>
        <v>1.1315650869401417</v>
      </c>
      <c r="O6858" s="236">
        <f t="shared" si="1589"/>
        <v>2.3549300364065227</v>
      </c>
      <c r="P6858" s="236" t="str">
        <f t="shared" si="1590"/>
        <v>SAND</v>
      </c>
      <c r="Q6858" s="236" t="e">
        <f t="shared" si="1586"/>
        <v>#N/A</v>
      </c>
      <c r="R6858" s="238">
        <v>35</v>
      </c>
      <c r="S6858" s="236" t="e">
        <f t="shared" si="1591"/>
        <v>#N/A</v>
      </c>
      <c r="T6858" s="236">
        <f t="shared" si="1578"/>
        <v>33.981568555952549</v>
      </c>
    </row>
    <row r="6859" spans="2:20" x14ac:dyDescent="0.2">
      <c r="B6859" s="239">
        <v>68.263999999999996</v>
      </c>
      <c r="C6859" s="3">
        <f t="shared" si="1579"/>
        <v>68.256999999999991</v>
      </c>
      <c r="D6859" s="239">
        <v>24.6614</v>
      </c>
      <c r="E6859" s="239">
        <v>0.26540000000000002</v>
      </c>
      <c r="F6859" s="239">
        <v>0.62629999999999997</v>
      </c>
      <c r="G6859">
        <f t="shared" si="1580"/>
        <v>24.786660000000001</v>
      </c>
      <c r="H6859" s="235">
        <f t="shared" si="1581"/>
        <v>1.0707372433397642</v>
      </c>
      <c r="I6859" s="236">
        <f t="shared" si="1582"/>
        <v>21.043771743023608</v>
      </c>
      <c r="J6859" s="237">
        <f t="shared" si="1587"/>
        <v>11.043771743023608</v>
      </c>
      <c r="K6859" s="237">
        <f t="shared" si="1583"/>
        <v>1436.3847278635621</v>
      </c>
      <c r="L6859" s="237">
        <f t="shared" si="1588"/>
        <v>753.89203426576353</v>
      </c>
      <c r="M6859" s="236">
        <f t="shared" si="1584"/>
        <v>30.97296988272057</v>
      </c>
      <c r="N6859" s="236">
        <f t="shared" si="1585"/>
        <v>1.1366033029884586</v>
      </c>
      <c r="O6859" s="236">
        <f t="shared" si="1589"/>
        <v>2.3545035527639677</v>
      </c>
      <c r="P6859" s="236" t="str">
        <f t="shared" si="1590"/>
        <v>SAND</v>
      </c>
      <c r="Q6859" s="236" t="e">
        <f t="shared" si="1586"/>
        <v>#N/A</v>
      </c>
      <c r="R6859" s="238">
        <v>35</v>
      </c>
      <c r="S6859" s="236" t="e">
        <f t="shared" si="1591"/>
        <v>#N/A</v>
      </c>
      <c r="T6859" s="236">
        <f t="shared" si="1578"/>
        <v>34.000811352570778</v>
      </c>
    </row>
    <row r="6860" spans="2:20" x14ac:dyDescent="0.2">
      <c r="B6860" s="239">
        <v>68.272999999999996</v>
      </c>
      <c r="C6860" s="3">
        <f t="shared" si="1579"/>
        <v>68.265999999999991</v>
      </c>
      <c r="D6860" s="239">
        <v>24.830500000000001</v>
      </c>
      <c r="E6860" s="239">
        <v>0.26400000000000001</v>
      </c>
      <c r="F6860" s="239">
        <v>0.61080000000000001</v>
      </c>
      <c r="G6860">
        <f t="shared" si="1580"/>
        <v>24.952660000000002</v>
      </c>
      <c r="H6860" s="235">
        <f t="shared" si="1581"/>
        <v>1.0580034353050938</v>
      </c>
      <c r="I6860" s="236">
        <f t="shared" si="1582"/>
        <v>21.040178821055648</v>
      </c>
      <c r="J6860" s="237">
        <f t="shared" si="1587"/>
        <v>11.040178821055648</v>
      </c>
      <c r="K6860" s="237">
        <f t="shared" si="1583"/>
        <v>1436.3288473981847</v>
      </c>
      <c r="L6860" s="237">
        <f t="shared" si="1588"/>
        <v>753.74612864993219</v>
      </c>
      <c r="M6860" s="236">
        <f t="shared" si="1584"/>
        <v>31.199272883461372</v>
      </c>
      <c r="N6860" s="236">
        <f t="shared" si="1585"/>
        <v>1.1226240959393505</v>
      </c>
      <c r="O6860" s="236">
        <f t="shared" si="1589"/>
        <v>2.3489360130427759</v>
      </c>
      <c r="P6860" s="236" t="str">
        <f t="shared" si="1590"/>
        <v>SAND</v>
      </c>
      <c r="Q6860" s="236" t="e">
        <f t="shared" si="1586"/>
        <v>#N/A</v>
      </c>
      <c r="R6860" s="238">
        <v>35</v>
      </c>
      <c r="S6860" s="236" t="e">
        <f t="shared" si="1591"/>
        <v>#N/A</v>
      </c>
      <c r="T6860" s="236">
        <f t="shared" si="1578"/>
        <v>34.035589199261153</v>
      </c>
    </row>
    <row r="6861" spans="2:20" x14ac:dyDescent="0.2">
      <c r="B6861" s="239">
        <v>68.281999999999996</v>
      </c>
      <c r="C6861" s="3">
        <f t="shared" si="1579"/>
        <v>68.274999999999991</v>
      </c>
      <c r="D6861" s="239">
        <v>25.133600000000001</v>
      </c>
      <c r="E6861" s="239">
        <v>0.26019999999999999</v>
      </c>
      <c r="F6861" s="239">
        <v>0.621</v>
      </c>
      <c r="G6861">
        <f t="shared" si="1580"/>
        <v>25.2578</v>
      </c>
      <c r="H6861" s="235">
        <f t="shared" si="1581"/>
        <v>1.0301768166665346</v>
      </c>
      <c r="I6861" s="236">
        <f t="shared" si="1582"/>
        <v>21.027928711421101</v>
      </c>
      <c r="J6861" s="237">
        <f t="shared" si="1587"/>
        <v>11.027928711421101</v>
      </c>
      <c r="K6861" s="237">
        <f t="shared" si="1583"/>
        <v>1435.6818327722756</v>
      </c>
      <c r="L6861" s="237">
        <f t="shared" si="1588"/>
        <v>753.00902827325558</v>
      </c>
      <c r="M6861" s="236">
        <f t="shared" si="1584"/>
        <v>31.635899800371366</v>
      </c>
      <c r="N6861" s="236">
        <f t="shared" si="1585"/>
        <v>1.0922622336663546</v>
      </c>
      <c r="O6861" s="236">
        <f t="shared" si="1589"/>
        <v>2.337429509148627</v>
      </c>
      <c r="P6861" s="236" t="str">
        <f t="shared" si="1590"/>
        <v>SAND</v>
      </c>
      <c r="Q6861" s="236" t="e">
        <f t="shared" si="1586"/>
        <v>#N/A</v>
      </c>
      <c r="R6861" s="238">
        <v>35</v>
      </c>
      <c r="S6861" s="236" t="e">
        <f t="shared" si="1591"/>
        <v>#N/A</v>
      </c>
      <c r="T6861" s="236">
        <f t="shared" ref="T6861:T6924" si="1592">IF(P6861="SAND",17.6+(11*LOG(M6861)),#N/A)</f>
        <v>34.101982104747975</v>
      </c>
    </row>
    <row r="6862" spans="2:20" x14ac:dyDescent="0.2">
      <c r="B6862" s="239">
        <v>68.292000000000002</v>
      </c>
      <c r="C6862" s="3">
        <f t="shared" ref="C6862:C6925" si="1593">MAX($B6862 - $B$13, 0.001)</f>
        <v>68.284999999999997</v>
      </c>
      <c r="D6862" s="239">
        <v>25.441199999999998</v>
      </c>
      <c r="E6862" s="239">
        <v>0.25109999999999999</v>
      </c>
      <c r="F6862" s="239">
        <v>0.61660000000000004</v>
      </c>
      <c r="G6862">
        <f t="shared" si="1580"/>
        <v>25.564519999999998</v>
      </c>
      <c r="H6862" s="235">
        <f t="shared" si="1581"/>
        <v>0.9822206714618541</v>
      </c>
      <c r="I6862" s="236">
        <f t="shared" si="1582"/>
        <v>20.990903057241947</v>
      </c>
      <c r="J6862" s="237">
        <f t="shared" si="1587"/>
        <v>10.990903057241947</v>
      </c>
      <c r="K6862" s="237">
        <f t="shared" si="1583"/>
        <v>1433.3638152637664</v>
      </c>
      <c r="L6862" s="237">
        <f t="shared" si="1588"/>
        <v>750.59075158516714</v>
      </c>
      <c r="M6862" s="236">
        <f t="shared" si="1584"/>
        <v>32.149551714797738</v>
      </c>
      <c r="N6862" s="236">
        <f t="shared" si="1585"/>
        <v>1.0405634859668647</v>
      </c>
      <c r="O6862" s="236">
        <f t="shared" si="1589"/>
        <v>2.3202404687342093</v>
      </c>
      <c r="P6862" s="236" t="str">
        <f t="shared" si="1590"/>
        <v>SAND</v>
      </c>
      <c r="Q6862" s="236" t="e">
        <f t="shared" si="1586"/>
        <v>#N/A</v>
      </c>
      <c r="R6862" s="238">
        <v>35</v>
      </c>
      <c r="S6862" s="236" t="e">
        <f t="shared" si="1591"/>
        <v>#N/A</v>
      </c>
      <c r="T6862" s="236">
        <f t="shared" si="1592"/>
        <v>34.178924137712826</v>
      </c>
    </row>
    <row r="6863" spans="2:20" x14ac:dyDescent="0.2">
      <c r="B6863" s="239">
        <v>68.301000000000002</v>
      </c>
      <c r="C6863" s="3">
        <f t="shared" si="1593"/>
        <v>68.293999999999997</v>
      </c>
      <c r="D6863" s="239">
        <v>25.952400000000001</v>
      </c>
      <c r="E6863" s="239">
        <v>0.2455</v>
      </c>
      <c r="F6863" s="239">
        <v>0.62260000000000004</v>
      </c>
      <c r="G6863">
        <f t="shared" ref="G6863:G6926" si="1594">$D6863+($F6863*(1-$P$8))</f>
        <v>26.076920000000001</v>
      </c>
      <c r="H6863" s="235">
        <f t="shared" ref="H6863:H6926" si="1595">($E6863/$G6863)*100</f>
        <v>0.94144553881363291</v>
      </c>
      <c r="I6863" s="236">
        <f t="shared" ref="I6863:I6926" si="1596">((0.27*(LOG($H6863)))+(0.36*(LOG(($G6863*1000)/101)))+1.236)*10</f>
        <v>20.972212760008603</v>
      </c>
      <c r="J6863" s="237">
        <f t="shared" si="1587"/>
        <v>10.972212760008603</v>
      </c>
      <c r="K6863" s="237">
        <f t="shared" ref="K6863:K6926" si="1597">$I6863*$C6863</f>
        <v>1432.2762982320273</v>
      </c>
      <c r="L6863" s="237">
        <f t="shared" si="1588"/>
        <v>749.41310372134762</v>
      </c>
      <c r="M6863" s="236">
        <f t="shared" ref="M6863:M6926" si="1598">(($G6863*1000)-$K6863)/$L6863</f>
        <v>32.885258583537563</v>
      </c>
      <c r="N6863" s="236">
        <f t="shared" ref="N6863:N6926" si="1599">(($E6863*1000)/(($G6863*1000)-$K6863))*100</f>
        <v>0.99615966443202475</v>
      </c>
      <c r="O6863" s="236">
        <f t="shared" si="1589"/>
        <v>2.3018534946709339</v>
      </c>
      <c r="P6863" s="236" t="str">
        <f t="shared" si="1590"/>
        <v>SAND</v>
      </c>
      <c r="Q6863" s="236" t="e">
        <f t="shared" ref="Q6863:Q6926" si="1600">IF(P6863="CLAY",($G6863*1000 -$K6863)/$L$8,#N/A)</f>
        <v>#N/A</v>
      </c>
      <c r="R6863" s="238">
        <v>35</v>
      </c>
      <c r="S6863" s="236" t="e">
        <f t="shared" si="1591"/>
        <v>#N/A</v>
      </c>
      <c r="T6863" s="236">
        <f t="shared" si="1592"/>
        <v>34.287013872708812</v>
      </c>
    </row>
    <row r="6864" spans="2:20" x14ac:dyDescent="0.2">
      <c r="B6864" s="239">
        <v>68.308999999999997</v>
      </c>
      <c r="C6864" s="3">
        <f t="shared" si="1593"/>
        <v>68.301999999999992</v>
      </c>
      <c r="D6864" s="239">
        <v>26.398700000000002</v>
      </c>
      <c r="E6864" s="239">
        <v>0.23899999999999999</v>
      </c>
      <c r="F6864" s="239">
        <v>0.58730000000000004</v>
      </c>
      <c r="G6864">
        <f t="shared" si="1594"/>
        <v>26.516160000000003</v>
      </c>
      <c r="H6864" s="235">
        <f t="shared" si="1595"/>
        <v>0.90133714685685995</v>
      </c>
      <c r="I6864" s="236">
        <f t="shared" si="1596"/>
        <v>20.947276954762103</v>
      </c>
      <c r="J6864" s="237">
        <f t="shared" ref="J6864:J6927" si="1601">$I6864-10</f>
        <v>10.947276954762103</v>
      </c>
      <c r="K6864" s="237">
        <f t="shared" si="1597"/>
        <v>1430.7409105641609</v>
      </c>
      <c r="L6864" s="237">
        <f t="shared" ref="L6864:L6927" si="1602">$J6864*$B6864</f>
        <v>747.79754150284441</v>
      </c>
      <c r="M6864" s="236">
        <f t="shared" si="1598"/>
        <v>33.545736241686249</v>
      </c>
      <c r="N6864" s="236">
        <f t="shared" si="1599"/>
        <v>0.95274469662198891</v>
      </c>
      <c r="O6864" s="236">
        <f t="shared" ref="O6864:O6927" si="1603">((3.47-LOG($M6864))^2+(LOG($N6864)+1.22)^2)^0.5</f>
        <v>2.2843141079745424</v>
      </c>
      <c r="P6864" s="236" t="str">
        <f t="shared" ref="P6864:P6927" si="1604">IF(O6864&lt;2.6,"SAND","CLAY")</f>
        <v>SAND</v>
      </c>
      <c r="Q6864" s="236" t="e">
        <f t="shared" si="1600"/>
        <v>#N/A</v>
      </c>
      <c r="R6864" s="238">
        <v>35</v>
      </c>
      <c r="S6864" s="236" t="e">
        <f t="shared" ref="S6864:S6927" si="1605">IF(P6864="SAND",#N/A,0.25*($M6864)^1.25)</f>
        <v>#N/A</v>
      </c>
      <c r="T6864" s="236">
        <f t="shared" si="1592"/>
        <v>34.382010607462433</v>
      </c>
    </row>
    <row r="6865" spans="2:20" x14ac:dyDescent="0.2">
      <c r="B6865" s="239">
        <v>68.319000000000003</v>
      </c>
      <c r="C6865" s="3">
        <f t="shared" si="1593"/>
        <v>68.311999999999998</v>
      </c>
      <c r="D6865" s="239">
        <v>26.937899999999999</v>
      </c>
      <c r="E6865" s="239">
        <v>0.23649999999999999</v>
      </c>
      <c r="F6865" s="239">
        <v>0.53979999999999995</v>
      </c>
      <c r="G6865">
        <f t="shared" si="1594"/>
        <v>27.045859999999998</v>
      </c>
      <c r="H6865" s="235">
        <f t="shared" si="1595"/>
        <v>0.87444067225076227</v>
      </c>
      <c r="I6865" s="236">
        <f t="shared" si="1596"/>
        <v>20.942677862144539</v>
      </c>
      <c r="J6865" s="237">
        <f t="shared" si="1601"/>
        <v>10.942677862144539</v>
      </c>
      <c r="K6865" s="237">
        <f t="shared" si="1597"/>
        <v>1430.6362101188176</v>
      </c>
      <c r="L6865" s="237">
        <f t="shared" si="1602"/>
        <v>747.59280886385272</v>
      </c>
      <c r="M6865" s="236">
        <f t="shared" si="1598"/>
        <v>34.263603777582716</v>
      </c>
      <c r="N6865" s="236">
        <f t="shared" si="1599"/>
        <v>0.92327907005608501</v>
      </c>
      <c r="O6865" s="236">
        <f t="shared" si="1603"/>
        <v>2.2693359082599196</v>
      </c>
      <c r="P6865" s="236" t="str">
        <f t="shared" si="1604"/>
        <v>SAND</v>
      </c>
      <c r="Q6865" s="236" t="e">
        <f t="shared" si="1600"/>
        <v>#N/A</v>
      </c>
      <c r="R6865" s="238">
        <v>35</v>
      </c>
      <c r="S6865" s="236" t="e">
        <f t="shared" si="1605"/>
        <v>#N/A</v>
      </c>
      <c r="T6865" s="236">
        <f t="shared" si="1592"/>
        <v>34.483163431862245</v>
      </c>
    </row>
    <row r="6866" spans="2:20" x14ac:dyDescent="0.2">
      <c r="B6866" s="239">
        <v>68.328000000000003</v>
      </c>
      <c r="C6866" s="3">
        <f t="shared" si="1593"/>
        <v>68.320999999999998</v>
      </c>
      <c r="D6866" s="239">
        <v>27.434699999999999</v>
      </c>
      <c r="E6866" s="239">
        <v>0.23019999999999999</v>
      </c>
      <c r="F6866" s="239">
        <v>0.54430000000000001</v>
      </c>
      <c r="G6866">
        <f t="shared" si="1594"/>
        <v>27.543559999999999</v>
      </c>
      <c r="H6866" s="235">
        <f t="shared" si="1595"/>
        <v>0.83576705407725083</v>
      </c>
      <c r="I6866" s="236">
        <f t="shared" si="1596"/>
        <v>20.918145481302378</v>
      </c>
      <c r="J6866" s="237">
        <f t="shared" si="1601"/>
        <v>10.918145481302378</v>
      </c>
      <c r="K6866" s="237">
        <f t="shared" si="1597"/>
        <v>1429.1486174280597</v>
      </c>
      <c r="L6866" s="237">
        <f t="shared" si="1602"/>
        <v>746.01504444642899</v>
      </c>
      <c r="M6866" s="236">
        <f t="shared" si="1598"/>
        <v>35.005207437806845</v>
      </c>
      <c r="N6866" s="236">
        <f t="shared" si="1599"/>
        <v>0.8815056048080383</v>
      </c>
      <c r="O6866" s="236">
        <f t="shared" si="1603"/>
        <v>2.2509363630812711</v>
      </c>
      <c r="P6866" s="236" t="str">
        <f t="shared" si="1604"/>
        <v>SAND</v>
      </c>
      <c r="Q6866" s="236" t="e">
        <f t="shared" si="1600"/>
        <v>#N/A</v>
      </c>
      <c r="R6866" s="238">
        <v>35</v>
      </c>
      <c r="S6866" s="236" t="e">
        <f t="shared" si="1605"/>
        <v>#N/A</v>
      </c>
      <c r="T6866" s="236">
        <f t="shared" si="1592"/>
        <v>34.585459211455017</v>
      </c>
    </row>
    <row r="6867" spans="2:20" x14ac:dyDescent="0.2">
      <c r="B6867" s="239">
        <v>68.337000000000003</v>
      </c>
      <c r="C6867" s="3">
        <f t="shared" si="1593"/>
        <v>68.33</v>
      </c>
      <c r="D6867" s="239">
        <v>27.672699999999999</v>
      </c>
      <c r="E6867" s="239">
        <v>0.22600000000000001</v>
      </c>
      <c r="F6867" s="239">
        <v>0.42670000000000002</v>
      </c>
      <c r="G6867">
        <f t="shared" si="1594"/>
        <v>27.758039999999998</v>
      </c>
      <c r="H6867" s="235">
        <f t="shared" si="1595"/>
        <v>0.81417852269108337</v>
      </c>
      <c r="I6867" s="236">
        <f t="shared" si="1596"/>
        <v>20.899585757611785</v>
      </c>
      <c r="J6867" s="237">
        <f t="shared" si="1601"/>
        <v>10.899585757611785</v>
      </c>
      <c r="K6867" s="237">
        <f t="shared" si="1597"/>
        <v>1428.0686948176133</v>
      </c>
      <c r="L6867" s="237">
        <f t="shared" si="1602"/>
        <v>744.84499191791656</v>
      </c>
      <c r="M6867" s="236">
        <f t="shared" si="1598"/>
        <v>35.34959836057272</v>
      </c>
      <c r="N6867" s="236">
        <f t="shared" si="1599"/>
        <v>0.85833743371956372</v>
      </c>
      <c r="O6867" s="236">
        <f t="shared" si="1603"/>
        <v>2.2413239606024971</v>
      </c>
      <c r="P6867" s="236" t="str">
        <f t="shared" si="1604"/>
        <v>SAND</v>
      </c>
      <c r="Q6867" s="236" t="e">
        <f t="shared" si="1600"/>
        <v>#N/A</v>
      </c>
      <c r="R6867" s="238">
        <v>35</v>
      </c>
      <c r="S6867" s="236" t="e">
        <f t="shared" si="1605"/>
        <v>#N/A</v>
      </c>
      <c r="T6867" s="236">
        <f t="shared" si="1592"/>
        <v>34.632229321143654</v>
      </c>
    </row>
    <row r="6868" spans="2:20" x14ac:dyDescent="0.2">
      <c r="B6868" s="239">
        <v>68.346000000000004</v>
      </c>
      <c r="C6868" s="3">
        <f t="shared" si="1593"/>
        <v>68.338999999999999</v>
      </c>
      <c r="D6868" s="239">
        <v>27.802099999999999</v>
      </c>
      <c r="E6868" s="239">
        <v>0.223</v>
      </c>
      <c r="F6868" s="239">
        <v>0.3619</v>
      </c>
      <c r="G6868">
        <f t="shared" si="1594"/>
        <v>27.874479999999998</v>
      </c>
      <c r="H6868" s="235">
        <f t="shared" si="1595"/>
        <v>0.80001492404522001</v>
      </c>
      <c r="I6868" s="236">
        <f t="shared" si="1596"/>
        <v>20.885552281521829</v>
      </c>
      <c r="J6868" s="237">
        <f t="shared" si="1601"/>
        <v>10.885552281521829</v>
      </c>
      <c r="K6868" s="237">
        <f t="shared" si="1597"/>
        <v>1427.2977573669202</v>
      </c>
      <c r="L6868" s="237">
        <f t="shared" si="1602"/>
        <v>743.98395623289093</v>
      </c>
      <c r="M6868" s="236">
        <f t="shared" si="1598"/>
        <v>35.548054525996072</v>
      </c>
      <c r="N6868" s="236">
        <f t="shared" si="1599"/>
        <v>0.843190015307272</v>
      </c>
      <c r="O6868" s="236">
        <f t="shared" si="1603"/>
        <v>2.2352657555279225</v>
      </c>
      <c r="P6868" s="236" t="str">
        <f t="shared" si="1604"/>
        <v>SAND</v>
      </c>
      <c r="Q6868" s="236" t="e">
        <f t="shared" si="1600"/>
        <v>#N/A</v>
      </c>
      <c r="R6868" s="238">
        <v>35</v>
      </c>
      <c r="S6868" s="236" t="e">
        <f t="shared" si="1605"/>
        <v>#N/A</v>
      </c>
      <c r="T6868" s="236">
        <f t="shared" si="1592"/>
        <v>34.658974214115005</v>
      </c>
    </row>
    <row r="6869" spans="2:20" x14ac:dyDescent="0.2">
      <c r="B6869" s="239">
        <v>68.356999999999999</v>
      </c>
      <c r="C6869" s="3">
        <f t="shared" si="1593"/>
        <v>68.349999999999994</v>
      </c>
      <c r="D6869" s="239">
        <v>27.762599999999999</v>
      </c>
      <c r="E6869" s="239">
        <v>0.2172</v>
      </c>
      <c r="F6869" s="239">
        <v>0.34300000000000003</v>
      </c>
      <c r="G6869">
        <f t="shared" si="1594"/>
        <v>27.831199999999999</v>
      </c>
      <c r="H6869" s="235">
        <f t="shared" si="1595"/>
        <v>0.78041909799074427</v>
      </c>
      <c r="I6869" s="236">
        <f t="shared" si="1596"/>
        <v>20.854043309879692</v>
      </c>
      <c r="J6869" s="237">
        <f t="shared" si="1601"/>
        <v>10.854043309879692</v>
      </c>
      <c r="K6869" s="237">
        <f t="shared" si="1597"/>
        <v>1425.3738602302769</v>
      </c>
      <c r="L6869" s="237">
        <f t="shared" si="1602"/>
        <v>741.94983853344615</v>
      </c>
      <c r="M6869" s="236">
        <f t="shared" si="1598"/>
        <v>35.58977274254017</v>
      </c>
      <c r="N6869" s="236">
        <f t="shared" si="1599"/>
        <v>0.82254574748137055</v>
      </c>
      <c r="O6869" s="236">
        <f t="shared" si="1603"/>
        <v>2.2293275435147066</v>
      </c>
      <c r="P6869" s="236" t="str">
        <f t="shared" si="1604"/>
        <v>SAND</v>
      </c>
      <c r="Q6869" s="236" t="e">
        <f t="shared" si="1600"/>
        <v>#N/A</v>
      </c>
      <c r="R6869" s="238">
        <v>35</v>
      </c>
      <c r="S6869" s="236" t="e">
        <f t="shared" si="1605"/>
        <v>#N/A</v>
      </c>
      <c r="T6869" s="236">
        <f t="shared" si="1592"/>
        <v>34.664577363216935</v>
      </c>
    </row>
    <row r="6870" spans="2:20" x14ac:dyDescent="0.2">
      <c r="B6870" s="239">
        <v>68.367000000000004</v>
      </c>
      <c r="C6870" s="3">
        <f t="shared" si="1593"/>
        <v>68.36</v>
      </c>
      <c r="D6870" s="239">
        <v>27.444900000000001</v>
      </c>
      <c r="E6870" s="239">
        <v>0.2147</v>
      </c>
      <c r="F6870" s="239">
        <v>0.2878</v>
      </c>
      <c r="G6870">
        <f t="shared" si="1594"/>
        <v>27.502459999999999</v>
      </c>
      <c r="H6870" s="235">
        <f t="shared" si="1595"/>
        <v>0.78065743937087806</v>
      </c>
      <c r="I6870" s="236">
        <f t="shared" si="1596"/>
        <v>20.835823961897738</v>
      </c>
      <c r="J6870" s="237">
        <f t="shared" si="1601"/>
        <v>10.835823961897738</v>
      </c>
      <c r="K6870" s="237">
        <f t="shared" si="1597"/>
        <v>1424.3369260353293</v>
      </c>
      <c r="L6870" s="237">
        <f t="shared" si="1602"/>
        <v>740.81277680306266</v>
      </c>
      <c r="M6870" s="236">
        <f t="shared" si="1598"/>
        <v>35.202042797511396</v>
      </c>
      <c r="N6870" s="236">
        <f t="shared" si="1599"/>
        <v>0.82329544726456061</v>
      </c>
      <c r="O6870" s="236">
        <f t="shared" si="1603"/>
        <v>2.2336243979170991</v>
      </c>
      <c r="P6870" s="236" t="str">
        <f t="shared" si="1604"/>
        <v>SAND</v>
      </c>
      <c r="Q6870" s="236" t="e">
        <f t="shared" si="1600"/>
        <v>#N/A</v>
      </c>
      <c r="R6870" s="238">
        <v>35</v>
      </c>
      <c r="S6870" s="236" t="e">
        <f t="shared" si="1605"/>
        <v>#N/A</v>
      </c>
      <c r="T6870" s="236">
        <f t="shared" si="1592"/>
        <v>34.612246532617149</v>
      </c>
    </row>
    <row r="6871" spans="2:20" x14ac:dyDescent="0.2">
      <c r="B6871" s="239">
        <v>68.378</v>
      </c>
      <c r="C6871" s="3">
        <f t="shared" si="1593"/>
        <v>68.370999999999995</v>
      </c>
      <c r="D6871" s="239">
        <v>27.156700000000001</v>
      </c>
      <c r="E6871" s="239">
        <v>0.21510000000000001</v>
      </c>
      <c r="F6871" s="239">
        <v>0.2944</v>
      </c>
      <c r="G6871">
        <f t="shared" si="1594"/>
        <v>27.215579999999999</v>
      </c>
      <c r="H6871" s="235">
        <f t="shared" si="1595"/>
        <v>0.79035611219749868</v>
      </c>
      <c r="I6871" s="236">
        <f t="shared" si="1596"/>
        <v>20.833907997155933</v>
      </c>
      <c r="J6871" s="237">
        <f t="shared" si="1601"/>
        <v>10.833907997155933</v>
      </c>
      <c r="K6871" s="237">
        <f t="shared" si="1597"/>
        <v>1424.4351236735481</v>
      </c>
      <c r="L6871" s="237">
        <f t="shared" si="1602"/>
        <v>740.80096102952837</v>
      </c>
      <c r="M6871" s="236">
        <f t="shared" si="1598"/>
        <v>34.81521519691767</v>
      </c>
      <c r="N6871" s="236">
        <f t="shared" si="1599"/>
        <v>0.83400717971786953</v>
      </c>
      <c r="O6871" s="236">
        <f t="shared" si="1603"/>
        <v>2.2406121828174106</v>
      </c>
      <c r="P6871" s="236" t="str">
        <f t="shared" si="1604"/>
        <v>SAND</v>
      </c>
      <c r="Q6871" s="236" t="e">
        <f t="shared" si="1600"/>
        <v>#N/A</v>
      </c>
      <c r="R6871" s="238">
        <v>35</v>
      </c>
      <c r="S6871" s="236" t="e">
        <f t="shared" si="1605"/>
        <v>#N/A</v>
      </c>
      <c r="T6871" s="236">
        <f t="shared" si="1592"/>
        <v>34.559459923393788</v>
      </c>
    </row>
    <row r="6872" spans="2:20" x14ac:dyDescent="0.2">
      <c r="B6872" s="239">
        <v>68.388000000000005</v>
      </c>
      <c r="C6872" s="3">
        <f t="shared" si="1593"/>
        <v>68.381</v>
      </c>
      <c r="D6872" s="239">
        <v>26.797899999999998</v>
      </c>
      <c r="E6872" s="239">
        <v>0.21410000000000001</v>
      </c>
      <c r="F6872" s="239">
        <v>0.27860000000000001</v>
      </c>
      <c r="G6872">
        <f t="shared" si="1594"/>
        <v>26.853619999999999</v>
      </c>
      <c r="H6872" s="235">
        <f t="shared" si="1595"/>
        <v>0.79728543116347073</v>
      </c>
      <c r="I6872" s="236">
        <f t="shared" si="1596"/>
        <v>20.823210611189484</v>
      </c>
      <c r="J6872" s="237">
        <f t="shared" si="1601"/>
        <v>10.823210611189484</v>
      </c>
      <c r="K6872" s="237">
        <f t="shared" si="1597"/>
        <v>1423.9119648037481</v>
      </c>
      <c r="L6872" s="237">
        <f t="shared" si="1602"/>
        <v>740.17772727802651</v>
      </c>
      <c r="M6872" s="236">
        <f t="shared" si="1598"/>
        <v>34.356218916114877</v>
      </c>
      <c r="N6872" s="236">
        <f t="shared" si="1599"/>
        <v>0.8419286595963773</v>
      </c>
      <c r="O6872" s="236">
        <f t="shared" si="1603"/>
        <v>2.2476634000060716</v>
      </c>
      <c r="P6872" s="236" t="str">
        <f t="shared" si="1604"/>
        <v>SAND</v>
      </c>
      <c r="Q6872" s="236" t="e">
        <f t="shared" si="1600"/>
        <v>#N/A</v>
      </c>
      <c r="R6872" s="238">
        <v>35</v>
      </c>
      <c r="S6872" s="236" t="e">
        <f t="shared" si="1605"/>
        <v>#N/A</v>
      </c>
      <c r="T6872" s="236">
        <f t="shared" si="1592"/>
        <v>34.4960589751892</v>
      </c>
    </row>
    <row r="6873" spans="2:20" x14ac:dyDescent="0.2">
      <c r="B6873" s="239">
        <v>68.397000000000006</v>
      </c>
      <c r="C6873" s="3">
        <f t="shared" si="1593"/>
        <v>68.39</v>
      </c>
      <c r="D6873" s="239">
        <v>26.745999999999999</v>
      </c>
      <c r="E6873" s="239">
        <v>0.21609999999999999</v>
      </c>
      <c r="F6873" s="239">
        <v>0.2863</v>
      </c>
      <c r="G6873">
        <f t="shared" si="1594"/>
        <v>26.803259999999998</v>
      </c>
      <c r="H6873" s="235">
        <f t="shared" si="1595"/>
        <v>0.80624521047066666</v>
      </c>
      <c r="I6873" s="236">
        <f t="shared" si="1596"/>
        <v>20.83337978222438</v>
      </c>
      <c r="J6873" s="237">
        <f t="shared" si="1601"/>
        <v>10.83337978222438</v>
      </c>
      <c r="K6873" s="237">
        <f t="shared" si="1597"/>
        <v>1424.7948433063254</v>
      </c>
      <c r="L6873" s="237">
        <f t="shared" si="1602"/>
        <v>740.97067696480099</v>
      </c>
      <c r="M6873" s="236">
        <f t="shared" si="1598"/>
        <v>34.250296193433911</v>
      </c>
      <c r="N6873" s="236">
        <f t="shared" si="1599"/>
        <v>0.85150933543750085</v>
      </c>
      <c r="O6873" s="236">
        <f t="shared" si="1603"/>
        <v>2.2513240186077796</v>
      </c>
      <c r="P6873" s="236" t="str">
        <f t="shared" si="1604"/>
        <v>SAND</v>
      </c>
      <c r="Q6873" s="236" t="e">
        <f t="shared" si="1600"/>
        <v>#N/A</v>
      </c>
      <c r="R6873" s="238">
        <v>35</v>
      </c>
      <c r="S6873" s="236" t="e">
        <f t="shared" si="1605"/>
        <v>#N/A</v>
      </c>
      <c r="T6873" s="236">
        <f t="shared" si="1592"/>
        <v>34.481307647420763</v>
      </c>
    </row>
    <row r="6874" spans="2:20" x14ac:dyDescent="0.2">
      <c r="B6874" s="239">
        <v>68.408000000000001</v>
      </c>
      <c r="C6874" s="3">
        <f t="shared" si="1593"/>
        <v>68.400999999999996</v>
      </c>
      <c r="D6874" s="239">
        <v>26.664400000000001</v>
      </c>
      <c r="E6874" s="239">
        <v>0.21940000000000001</v>
      </c>
      <c r="F6874" s="239">
        <v>0.27210000000000001</v>
      </c>
      <c r="G6874">
        <f t="shared" si="1594"/>
        <v>26.718820000000001</v>
      </c>
      <c r="H6874" s="235">
        <f t="shared" si="1595"/>
        <v>0.82114404752904513</v>
      </c>
      <c r="I6874" s="236">
        <f t="shared" si="1596"/>
        <v>20.849917483913725</v>
      </c>
      <c r="J6874" s="237">
        <f t="shared" si="1601"/>
        <v>10.849917483913725</v>
      </c>
      <c r="K6874" s="237">
        <f t="shared" si="1597"/>
        <v>1426.1552058171826</v>
      </c>
      <c r="L6874" s="237">
        <f t="shared" si="1602"/>
        <v>742.22115523957007</v>
      </c>
      <c r="M6874" s="236">
        <f t="shared" si="1598"/>
        <v>34.076992572407867</v>
      </c>
      <c r="N6874" s="236">
        <f t="shared" si="1599"/>
        <v>0.8674451734736186</v>
      </c>
      <c r="O6874" s="236">
        <f t="shared" si="1603"/>
        <v>2.2573393590679074</v>
      </c>
      <c r="P6874" s="236" t="str">
        <f t="shared" si="1604"/>
        <v>SAND</v>
      </c>
      <c r="Q6874" s="236" t="e">
        <f t="shared" si="1600"/>
        <v>#N/A</v>
      </c>
      <c r="R6874" s="238">
        <v>35</v>
      </c>
      <c r="S6874" s="236" t="e">
        <f t="shared" si="1605"/>
        <v>#N/A</v>
      </c>
      <c r="T6874" s="236">
        <f t="shared" si="1592"/>
        <v>34.457073855631371</v>
      </c>
    </row>
    <row r="6875" spans="2:20" x14ac:dyDescent="0.2">
      <c r="B6875" s="239">
        <v>68.417000000000002</v>
      </c>
      <c r="C6875" s="3">
        <f t="shared" si="1593"/>
        <v>68.41</v>
      </c>
      <c r="D6875" s="239">
        <v>26.884699999999999</v>
      </c>
      <c r="E6875" s="239">
        <v>0.22339999999999999</v>
      </c>
      <c r="F6875" s="239">
        <v>0.29620000000000002</v>
      </c>
      <c r="G6875">
        <f t="shared" si="1594"/>
        <v>26.943939999999998</v>
      </c>
      <c r="H6875" s="235">
        <f t="shared" si="1595"/>
        <v>0.82912892472296185</v>
      </c>
      <c r="I6875" s="236">
        <f t="shared" si="1596"/>
        <v>20.874382602529785</v>
      </c>
      <c r="J6875" s="237">
        <f t="shared" si="1601"/>
        <v>10.874382602529785</v>
      </c>
      <c r="K6875" s="237">
        <f t="shared" si="1597"/>
        <v>1428.0165138390626</v>
      </c>
      <c r="L6875" s="237">
        <f t="shared" si="1602"/>
        <v>743.99263451728029</v>
      </c>
      <c r="M6875" s="236">
        <f t="shared" si="1598"/>
        <v>34.295935607905932</v>
      </c>
      <c r="N6875" s="236">
        <f t="shared" si="1599"/>
        <v>0.87553170521602075</v>
      </c>
      <c r="O6875" s="236">
        <f t="shared" si="1603"/>
        <v>2.2570250111881203</v>
      </c>
      <c r="P6875" s="236" t="str">
        <f t="shared" si="1604"/>
        <v>SAND</v>
      </c>
      <c r="Q6875" s="236" t="e">
        <f t="shared" si="1600"/>
        <v>#N/A</v>
      </c>
      <c r="R6875" s="238">
        <v>35</v>
      </c>
      <c r="S6875" s="236" t="e">
        <f t="shared" si="1605"/>
        <v>#N/A</v>
      </c>
      <c r="T6875" s="236">
        <f t="shared" si="1592"/>
        <v>34.487669206064524</v>
      </c>
    </row>
    <row r="6876" spans="2:20" x14ac:dyDescent="0.2">
      <c r="B6876" s="239">
        <v>68.427000000000007</v>
      </c>
      <c r="C6876" s="3">
        <f t="shared" si="1593"/>
        <v>68.42</v>
      </c>
      <c r="D6876" s="239">
        <v>27.055</v>
      </c>
      <c r="E6876" s="239">
        <v>0.23019999999999999</v>
      </c>
      <c r="F6876" s="239">
        <v>0.29199999999999998</v>
      </c>
      <c r="G6876">
        <f t="shared" si="1594"/>
        <v>27.113399999999999</v>
      </c>
      <c r="H6876" s="235">
        <f t="shared" si="1595"/>
        <v>0.84902668053434827</v>
      </c>
      <c r="I6876" s="236">
        <f t="shared" si="1596"/>
        <v>20.911992999553259</v>
      </c>
      <c r="J6876" s="237">
        <f t="shared" si="1601"/>
        <v>10.911992999553259</v>
      </c>
      <c r="K6876" s="237">
        <f t="shared" si="1597"/>
        <v>1430.798561029434</v>
      </c>
      <c r="L6876" s="237">
        <f t="shared" si="1602"/>
        <v>746.67494498043095</v>
      </c>
      <c r="M6876" s="236">
        <f t="shared" si="1598"/>
        <v>34.395959863958822</v>
      </c>
      <c r="N6876" s="236">
        <f t="shared" si="1599"/>
        <v>0.89632664567498388</v>
      </c>
      <c r="O6876" s="236">
        <f t="shared" si="1603"/>
        <v>2.261210018136564</v>
      </c>
      <c r="P6876" s="236" t="str">
        <f t="shared" si="1604"/>
        <v>SAND</v>
      </c>
      <c r="Q6876" s="236" t="e">
        <f t="shared" si="1600"/>
        <v>#N/A</v>
      </c>
      <c r="R6876" s="238">
        <v>35</v>
      </c>
      <c r="S6876" s="236" t="e">
        <f t="shared" si="1605"/>
        <v>#N/A</v>
      </c>
      <c r="T6876" s="236">
        <f t="shared" si="1592"/>
        <v>34.501581768572919</v>
      </c>
    </row>
    <row r="6877" spans="2:20" x14ac:dyDescent="0.2">
      <c r="B6877" s="239">
        <v>68.438000000000002</v>
      </c>
      <c r="C6877" s="3">
        <f t="shared" si="1593"/>
        <v>68.430999999999997</v>
      </c>
      <c r="D6877" s="239">
        <v>27.307700000000001</v>
      </c>
      <c r="E6877" s="239">
        <v>0.2384</v>
      </c>
      <c r="F6877" s="239">
        <v>0.24440000000000001</v>
      </c>
      <c r="G6877">
        <f t="shared" si="1594"/>
        <v>27.356580000000001</v>
      </c>
      <c r="H6877" s="235">
        <f t="shared" si="1595"/>
        <v>0.87145396098488925</v>
      </c>
      <c r="I6877" s="236">
        <f t="shared" si="1596"/>
        <v>20.956525554826793</v>
      </c>
      <c r="J6877" s="237">
        <f t="shared" si="1601"/>
        <v>10.956525554826793</v>
      </c>
      <c r="K6877" s="237">
        <f t="shared" si="1597"/>
        <v>1434.0760002423522</v>
      </c>
      <c r="L6877" s="237">
        <f t="shared" si="1602"/>
        <v>749.8426959212361</v>
      </c>
      <c r="M6877" s="236">
        <f t="shared" si="1598"/>
        <v>34.570589459313162</v>
      </c>
      <c r="N6877" s="236">
        <f t="shared" si="1599"/>
        <v>0.91966424232099186</v>
      </c>
      <c r="O6877" s="236">
        <f t="shared" si="1603"/>
        <v>2.2651427781451297</v>
      </c>
      <c r="P6877" s="236" t="str">
        <f t="shared" si="1604"/>
        <v>SAND</v>
      </c>
      <c r="Q6877" s="236" t="e">
        <f t="shared" si="1600"/>
        <v>#N/A</v>
      </c>
      <c r="R6877" s="238">
        <v>35</v>
      </c>
      <c r="S6877" s="236" t="e">
        <f t="shared" si="1605"/>
        <v>#N/A</v>
      </c>
      <c r="T6877" s="236">
        <f t="shared" si="1592"/>
        <v>34.525774631842076</v>
      </c>
    </row>
    <row r="6878" spans="2:20" x14ac:dyDescent="0.2">
      <c r="B6878" s="239">
        <v>68.447999999999993</v>
      </c>
      <c r="C6878" s="3">
        <f t="shared" si="1593"/>
        <v>68.440999999999988</v>
      </c>
      <c r="D6878" s="239">
        <v>27.480899999999998</v>
      </c>
      <c r="E6878" s="239">
        <v>0.24690000000000001</v>
      </c>
      <c r="F6878" s="239">
        <v>0.21990000000000001</v>
      </c>
      <c r="G6878">
        <f t="shared" si="1594"/>
        <v>27.52488</v>
      </c>
      <c r="H6878" s="235">
        <f t="shared" si="1595"/>
        <v>0.89700663545127179</v>
      </c>
      <c r="I6878" s="236">
        <f t="shared" si="1596"/>
        <v>21.000002888030657</v>
      </c>
      <c r="J6878" s="237">
        <f t="shared" si="1601"/>
        <v>11.000002888030657</v>
      </c>
      <c r="K6878" s="237">
        <f t="shared" si="1597"/>
        <v>1437.2611976597059</v>
      </c>
      <c r="L6878" s="237">
        <f t="shared" si="1602"/>
        <v>752.92819767992239</v>
      </c>
      <c r="M6878" s="236">
        <f t="shared" si="1598"/>
        <v>34.648215968968678</v>
      </c>
      <c r="N6878" s="236">
        <f t="shared" si="1599"/>
        <v>0.94642597268345119</v>
      </c>
      <c r="O6878" s="236">
        <f t="shared" si="1603"/>
        <v>2.2708490016207903</v>
      </c>
      <c r="P6878" s="236" t="str">
        <f t="shared" si="1604"/>
        <v>SAND</v>
      </c>
      <c r="Q6878" s="236" t="e">
        <f t="shared" si="1600"/>
        <v>#N/A</v>
      </c>
      <c r="R6878" s="238">
        <v>35</v>
      </c>
      <c r="S6878" s="236" t="e">
        <f t="shared" si="1605"/>
        <v>#N/A</v>
      </c>
      <c r="T6878" s="236">
        <f t="shared" si="1592"/>
        <v>34.536489655480324</v>
      </c>
    </row>
    <row r="6879" spans="2:20" x14ac:dyDescent="0.2">
      <c r="B6879" s="239">
        <v>68.459000000000003</v>
      </c>
      <c r="C6879" s="3">
        <f t="shared" si="1593"/>
        <v>68.451999999999998</v>
      </c>
      <c r="D6879" s="239">
        <v>27.504799999999999</v>
      </c>
      <c r="E6879" s="239">
        <v>0.25269999999999998</v>
      </c>
      <c r="F6879" s="239">
        <v>0.18870000000000001</v>
      </c>
      <c r="G6879">
        <f t="shared" si="1594"/>
        <v>27.542539999999999</v>
      </c>
      <c r="H6879" s="235">
        <f t="shared" si="1595"/>
        <v>0.91748981756947612</v>
      </c>
      <c r="I6879" s="236">
        <f t="shared" si="1596"/>
        <v>21.027480797513292</v>
      </c>
      <c r="J6879" s="237">
        <f t="shared" si="1601"/>
        <v>11.027480797513292</v>
      </c>
      <c r="K6879" s="237">
        <f t="shared" si="1597"/>
        <v>1439.3731155513799</v>
      </c>
      <c r="L6879" s="237">
        <f t="shared" si="1602"/>
        <v>754.93030791696242</v>
      </c>
      <c r="M6879" s="236">
        <f t="shared" si="1598"/>
        <v>34.576922678430606</v>
      </c>
      <c r="N6879" s="236">
        <f t="shared" si="1599"/>
        <v>0.96808176999607698</v>
      </c>
      <c r="O6879" s="236">
        <f t="shared" si="1603"/>
        <v>2.2767982032567957</v>
      </c>
      <c r="P6879" s="236" t="str">
        <f t="shared" si="1604"/>
        <v>SAND</v>
      </c>
      <c r="Q6879" s="236" t="e">
        <f t="shared" si="1600"/>
        <v>#N/A</v>
      </c>
      <c r="R6879" s="238">
        <v>35</v>
      </c>
      <c r="S6879" s="236" t="e">
        <f t="shared" si="1605"/>
        <v>#N/A</v>
      </c>
      <c r="T6879" s="236">
        <f t="shared" si="1592"/>
        <v>34.526649726329744</v>
      </c>
    </row>
    <row r="6880" spans="2:20" x14ac:dyDescent="0.2">
      <c r="B6880" s="239">
        <v>68.468999999999994</v>
      </c>
      <c r="C6880" s="3">
        <f t="shared" si="1593"/>
        <v>68.461999999999989</v>
      </c>
      <c r="D6880" s="239">
        <v>27.227699999999999</v>
      </c>
      <c r="E6880" s="239">
        <v>0.25419999999999998</v>
      </c>
      <c r="F6880" s="239">
        <v>0.1348</v>
      </c>
      <c r="G6880">
        <f t="shared" si="1594"/>
        <v>27.254659999999998</v>
      </c>
      <c r="H6880" s="235">
        <f t="shared" si="1595"/>
        <v>0.93268453908432536</v>
      </c>
      <c r="I6880" s="236">
        <f t="shared" si="1596"/>
        <v>21.030313720914535</v>
      </c>
      <c r="J6880" s="237">
        <f t="shared" si="1601"/>
        <v>11.030313720914535</v>
      </c>
      <c r="K6880" s="237">
        <f t="shared" si="1597"/>
        <v>1439.7773379612506</v>
      </c>
      <c r="L6880" s="237">
        <f t="shared" si="1602"/>
        <v>755.23455015729724</v>
      </c>
      <c r="M6880" s="236">
        <f t="shared" si="1598"/>
        <v>34.181278725479551</v>
      </c>
      <c r="N6880" s="236">
        <f t="shared" si="1599"/>
        <v>0.98470329432798742</v>
      </c>
      <c r="O6880" s="236">
        <f t="shared" si="1603"/>
        <v>2.2849563883466559</v>
      </c>
      <c r="P6880" s="236" t="str">
        <f t="shared" si="1604"/>
        <v>SAND</v>
      </c>
      <c r="Q6880" s="236" t="e">
        <f t="shared" si="1600"/>
        <v>#N/A</v>
      </c>
      <c r="R6880" s="238">
        <v>35</v>
      </c>
      <c r="S6880" s="236" t="e">
        <f t="shared" si="1605"/>
        <v>#N/A</v>
      </c>
      <c r="T6880" s="236">
        <f t="shared" si="1592"/>
        <v>34.471671362634169</v>
      </c>
    </row>
    <row r="6881" spans="2:20" x14ac:dyDescent="0.2">
      <c r="B6881" s="239">
        <v>68.478999999999999</v>
      </c>
      <c r="C6881" s="3">
        <f t="shared" si="1593"/>
        <v>68.471999999999994</v>
      </c>
      <c r="D6881" s="239">
        <v>26.863700000000001</v>
      </c>
      <c r="E6881" s="239">
        <v>0.25009999999999999</v>
      </c>
      <c r="F6881" s="239">
        <v>0.10059999999999999</v>
      </c>
      <c r="G6881">
        <f t="shared" si="1594"/>
        <v>26.88382</v>
      </c>
      <c r="H6881" s="235">
        <f t="shared" si="1595"/>
        <v>0.9302993399003564</v>
      </c>
      <c r="I6881" s="236">
        <f t="shared" si="1596"/>
        <v>21.005891903091609</v>
      </c>
      <c r="J6881" s="237">
        <f t="shared" si="1601"/>
        <v>11.005891903091609</v>
      </c>
      <c r="K6881" s="237">
        <f t="shared" si="1597"/>
        <v>1438.3154303884885</v>
      </c>
      <c r="L6881" s="237">
        <f t="shared" si="1602"/>
        <v>753.67247163181025</v>
      </c>
      <c r="M6881" s="236">
        <f t="shared" si="1598"/>
        <v>33.762019348429035</v>
      </c>
      <c r="N6881" s="236">
        <f t="shared" si="1599"/>
        <v>0.98288481297668517</v>
      </c>
      <c r="O6881" s="236">
        <f t="shared" si="1603"/>
        <v>2.2890746682107581</v>
      </c>
      <c r="P6881" s="236" t="str">
        <f t="shared" si="1604"/>
        <v>SAND</v>
      </c>
      <c r="Q6881" s="236" t="e">
        <f t="shared" si="1600"/>
        <v>#N/A</v>
      </c>
      <c r="R6881" s="238">
        <v>35</v>
      </c>
      <c r="S6881" s="236" t="e">
        <f t="shared" si="1605"/>
        <v>#N/A</v>
      </c>
      <c r="T6881" s="236">
        <f t="shared" si="1592"/>
        <v>34.412712558667955</v>
      </c>
    </row>
    <row r="6882" spans="2:20" x14ac:dyDescent="0.2">
      <c r="B6882" s="239">
        <v>68.489999999999995</v>
      </c>
      <c r="C6882" s="3">
        <f t="shared" si="1593"/>
        <v>68.48299999999999</v>
      </c>
      <c r="D6882" s="239">
        <v>26.263000000000002</v>
      </c>
      <c r="E6882" s="239">
        <v>0.24399999999999999</v>
      </c>
      <c r="F6882" s="239">
        <v>0.1027</v>
      </c>
      <c r="G6882">
        <f t="shared" si="1594"/>
        <v>26.283540000000002</v>
      </c>
      <c r="H6882" s="235">
        <f t="shared" si="1595"/>
        <v>0.92833765923463885</v>
      </c>
      <c r="I6882" s="236">
        <f t="shared" si="1596"/>
        <v>20.968111057519611</v>
      </c>
      <c r="J6882" s="237">
        <f t="shared" si="1601"/>
        <v>10.968111057519611</v>
      </c>
      <c r="K6882" s="237">
        <f t="shared" si="1597"/>
        <v>1435.9591495521154</v>
      </c>
      <c r="L6882" s="237">
        <f t="shared" si="1602"/>
        <v>751.20592632951809</v>
      </c>
      <c r="M6882" s="236">
        <f t="shared" si="1598"/>
        <v>33.076923356896465</v>
      </c>
      <c r="N6882" s="236">
        <f t="shared" si="1599"/>
        <v>0.98198694459868052</v>
      </c>
      <c r="O6882" s="236">
        <f t="shared" si="1603"/>
        <v>2.2964216882288189</v>
      </c>
      <c r="P6882" s="236" t="str">
        <f t="shared" si="1604"/>
        <v>SAND</v>
      </c>
      <c r="Q6882" s="236" t="e">
        <f t="shared" si="1600"/>
        <v>#N/A</v>
      </c>
      <c r="R6882" s="238">
        <v>35</v>
      </c>
      <c r="S6882" s="236" t="e">
        <f t="shared" si="1605"/>
        <v>#N/A</v>
      </c>
      <c r="T6882" s="236">
        <f t="shared" si="1592"/>
        <v>34.31477617643629</v>
      </c>
    </row>
    <row r="6883" spans="2:20" x14ac:dyDescent="0.2">
      <c r="B6883" s="239">
        <v>68.5</v>
      </c>
      <c r="C6883" s="3">
        <f t="shared" si="1593"/>
        <v>68.492999999999995</v>
      </c>
      <c r="D6883" s="239">
        <v>25.5825</v>
      </c>
      <c r="E6883" s="239">
        <v>0.23280000000000001</v>
      </c>
      <c r="F6883" s="239">
        <v>0.1028</v>
      </c>
      <c r="G6883">
        <f t="shared" si="1594"/>
        <v>25.603059999999999</v>
      </c>
      <c r="H6883" s="235">
        <f t="shared" si="1595"/>
        <v>0.90926631426087368</v>
      </c>
      <c r="I6883" s="236">
        <f t="shared" si="1596"/>
        <v>20.902759776097348</v>
      </c>
      <c r="J6883" s="237">
        <f t="shared" si="1601"/>
        <v>10.902759776097348</v>
      </c>
      <c r="K6883" s="237">
        <f t="shared" si="1597"/>
        <v>1431.6927253442354</v>
      </c>
      <c r="L6883" s="237">
        <f t="shared" si="1602"/>
        <v>746.83904466266836</v>
      </c>
      <c r="M6883" s="236">
        <f t="shared" si="1598"/>
        <v>32.364895016400041</v>
      </c>
      <c r="N6883" s="236">
        <f t="shared" si="1599"/>
        <v>0.96312300977734167</v>
      </c>
      <c r="O6883" s="236">
        <f t="shared" si="1603"/>
        <v>2.3000345448076103</v>
      </c>
      <c r="P6883" s="236" t="str">
        <f t="shared" si="1604"/>
        <v>SAND</v>
      </c>
      <c r="Q6883" s="236" t="e">
        <f t="shared" si="1600"/>
        <v>#N/A</v>
      </c>
      <c r="R6883" s="238">
        <v>35</v>
      </c>
      <c r="S6883" s="236" t="e">
        <f t="shared" si="1605"/>
        <v>#N/A</v>
      </c>
      <c r="T6883" s="236">
        <f t="shared" si="1592"/>
        <v>34.210816228752762</v>
      </c>
    </row>
    <row r="6884" spans="2:20" x14ac:dyDescent="0.2">
      <c r="B6884" s="239">
        <v>68.510999999999996</v>
      </c>
      <c r="C6884" s="3">
        <f t="shared" si="1593"/>
        <v>68.503999999999991</v>
      </c>
      <c r="D6884" s="239">
        <v>24.883800000000001</v>
      </c>
      <c r="E6884" s="239">
        <v>0.22320000000000001</v>
      </c>
      <c r="F6884" s="239">
        <v>0.1191</v>
      </c>
      <c r="G6884">
        <f t="shared" si="1594"/>
        <v>24.907620000000001</v>
      </c>
      <c r="H6884" s="235">
        <f t="shared" si="1595"/>
        <v>0.89611131051461368</v>
      </c>
      <c r="I6884" s="236">
        <f t="shared" si="1596"/>
        <v>20.842616376305692</v>
      </c>
      <c r="J6884" s="237">
        <f t="shared" si="1601"/>
        <v>10.842616376305692</v>
      </c>
      <c r="K6884" s="237">
        <f t="shared" si="1597"/>
        <v>1427.8025922424449</v>
      </c>
      <c r="L6884" s="237">
        <f t="shared" si="1602"/>
        <v>742.83849055707924</v>
      </c>
      <c r="M6884" s="236">
        <f t="shared" si="1598"/>
        <v>31.60824015749273</v>
      </c>
      <c r="N6884" s="236">
        <f t="shared" si="1599"/>
        <v>0.95060364449962209</v>
      </c>
      <c r="O6884" s="236">
        <f t="shared" si="1603"/>
        <v>2.3058381415941138</v>
      </c>
      <c r="P6884" s="236" t="str">
        <f t="shared" si="1604"/>
        <v>SAND</v>
      </c>
      <c r="Q6884" s="236" t="e">
        <f t="shared" si="1600"/>
        <v>#N/A</v>
      </c>
      <c r="R6884" s="238">
        <v>35</v>
      </c>
      <c r="S6884" s="236" t="e">
        <f t="shared" si="1605"/>
        <v>#N/A</v>
      </c>
      <c r="T6884" s="236">
        <f t="shared" si="1592"/>
        <v>34.097803480719811</v>
      </c>
    </row>
    <row r="6885" spans="2:20" x14ac:dyDescent="0.2">
      <c r="B6885" s="239">
        <v>68.522000000000006</v>
      </c>
      <c r="C6885" s="3">
        <f t="shared" si="1593"/>
        <v>68.515000000000001</v>
      </c>
      <c r="D6885" s="239">
        <v>24.222000000000001</v>
      </c>
      <c r="E6885" s="239">
        <v>0.21229999999999999</v>
      </c>
      <c r="F6885" s="239">
        <v>0.1399</v>
      </c>
      <c r="G6885">
        <f t="shared" si="1594"/>
        <v>24.249980000000001</v>
      </c>
      <c r="H6885" s="235">
        <f t="shared" si="1595"/>
        <v>0.87546463955846554</v>
      </c>
      <c r="I6885" s="236">
        <f t="shared" si="1596"/>
        <v>20.773448284912092</v>
      </c>
      <c r="J6885" s="237">
        <f t="shared" si="1601"/>
        <v>10.773448284912092</v>
      </c>
      <c r="K6885" s="237">
        <f t="shared" si="1597"/>
        <v>1423.2928092407519</v>
      </c>
      <c r="L6885" s="237">
        <f t="shared" si="1602"/>
        <v>738.21822337874642</v>
      </c>
      <c r="M6885" s="236">
        <f t="shared" si="1598"/>
        <v>30.921327146712695</v>
      </c>
      <c r="N6885" s="236">
        <f t="shared" si="1599"/>
        <v>0.9300517338580071</v>
      </c>
      <c r="O6885" s="236">
        <f t="shared" si="1603"/>
        <v>2.3090965835044543</v>
      </c>
      <c r="P6885" s="236" t="str">
        <f t="shared" si="1604"/>
        <v>SAND</v>
      </c>
      <c r="Q6885" s="236" t="e">
        <f t="shared" si="1600"/>
        <v>#N/A</v>
      </c>
      <c r="R6885" s="238">
        <v>35</v>
      </c>
      <c r="S6885" s="236" t="e">
        <f t="shared" si="1605"/>
        <v>#N/A</v>
      </c>
      <c r="T6885" s="236">
        <f t="shared" si="1592"/>
        <v>33.992839381738051</v>
      </c>
    </row>
    <row r="6886" spans="2:20" x14ac:dyDescent="0.2">
      <c r="B6886" s="239">
        <v>68.531000000000006</v>
      </c>
      <c r="C6886" s="3">
        <f t="shared" si="1593"/>
        <v>68.524000000000001</v>
      </c>
      <c r="D6886" s="239">
        <v>23.542100000000001</v>
      </c>
      <c r="E6886" s="239">
        <v>0.20530000000000001</v>
      </c>
      <c r="F6886" s="239">
        <v>0.1777</v>
      </c>
      <c r="G6886">
        <f t="shared" si="1594"/>
        <v>23.577640000000002</v>
      </c>
      <c r="H6886" s="235">
        <f t="shared" si="1595"/>
        <v>0.87074024372244208</v>
      </c>
      <c r="I6886" s="236">
        <f t="shared" si="1596"/>
        <v>20.723143516752852</v>
      </c>
      <c r="J6886" s="237">
        <f t="shared" si="1601"/>
        <v>10.723143516752852</v>
      </c>
      <c r="K6886" s="237">
        <f t="shared" si="1597"/>
        <v>1420.0326863419725</v>
      </c>
      <c r="L6886" s="237">
        <f t="shared" si="1602"/>
        <v>734.86774834658979</v>
      </c>
      <c r="M6886" s="236">
        <f t="shared" si="1598"/>
        <v>30.151829854434862</v>
      </c>
      <c r="N6886" s="236">
        <f t="shared" si="1599"/>
        <v>0.92654408526074172</v>
      </c>
      <c r="O6886" s="236">
        <f t="shared" si="1603"/>
        <v>2.317646038641572</v>
      </c>
      <c r="P6886" s="236" t="str">
        <f t="shared" si="1604"/>
        <v>SAND</v>
      </c>
      <c r="Q6886" s="236" t="e">
        <f t="shared" si="1600"/>
        <v>#N/A</v>
      </c>
      <c r="R6886" s="238">
        <v>35</v>
      </c>
      <c r="S6886" s="236" t="e">
        <f t="shared" si="1605"/>
        <v>#N/A</v>
      </c>
      <c r="T6886" s="236">
        <f t="shared" si="1592"/>
        <v>33.872450411163548</v>
      </c>
    </row>
    <row r="6887" spans="2:20" x14ac:dyDescent="0.2">
      <c r="B6887" s="239">
        <v>68.542000000000002</v>
      </c>
      <c r="C6887" s="3">
        <f t="shared" si="1593"/>
        <v>68.534999999999997</v>
      </c>
      <c r="D6887" s="239">
        <v>22.9512</v>
      </c>
      <c r="E6887" s="239">
        <v>0.19719999999999999</v>
      </c>
      <c r="F6887" s="239">
        <v>0.20619999999999999</v>
      </c>
      <c r="G6887">
        <f t="shared" si="1594"/>
        <v>22.992439999999998</v>
      </c>
      <c r="H6887" s="235">
        <f t="shared" si="1595"/>
        <v>0.85767321780550487</v>
      </c>
      <c r="I6887" s="236">
        <f t="shared" si="1596"/>
        <v>20.666118268675852</v>
      </c>
      <c r="J6887" s="237">
        <f t="shared" si="1601"/>
        <v>10.666118268675852</v>
      </c>
      <c r="K6887" s="237">
        <f t="shared" si="1597"/>
        <v>1416.3524155436994</v>
      </c>
      <c r="L6887" s="237">
        <f t="shared" si="1602"/>
        <v>731.07707837158023</v>
      </c>
      <c r="M6887" s="236">
        <f t="shared" si="1598"/>
        <v>29.512739795529395</v>
      </c>
      <c r="N6887" s="236">
        <f t="shared" si="1599"/>
        <v>0.91397478448347369</v>
      </c>
      <c r="O6887" s="236">
        <f t="shared" si="1603"/>
        <v>2.3226208263827179</v>
      </c>
      <c r="P6887" s="236" t="str">
        <f t="shared" si="1604"/>
        <v>SAND</v>
      </c>
      <c r="Q6887" s="236" t="e">
        <f t="shared" si="1600"/>
        <v>#N/A</v>
      </c>
      <c r="R6887" s="238">
        <v>35</v>
      </c>
      <c r="S6887" s="236" t="e">
        <f t="shared" si="1605"/>
        <v>#N/A</v>
      </c>
      <c r="T6887" s="236">
        <f t="shared" si="1592"/>
        <v>33.770104816913054</v>
      </c>
    </row>
    <row r="6888" spans="2:20" x14ac:dyDescent="0.2">
      <c r="B6888" s="239">
        <v>68.552000000000007</v>
      </c>
      <c r="C6888" s="3">
        <f t="shared" si="1593"/>
        <v>68.545000000000002</v>
      </c>
      <c r="D6888" s="239">
        <v>22.444600000000001</v>
      </c>
      <c r="E6888" s="239">
        <v>0.18770000000000001</v>
      </c>
      <c r="F6888" s="239">
        <v>0.25640000000000002</v>
      </c>
      <c r="G6888">
        <f t="shared" si="1594"/>
        <v>22.49588</v>
      </c>
      <c r="H6888" s="235">
        <f t="shared" si="1595"/>
        <v>0.83437500555657318</v>
      </c>
      <c r="I6888" s="236">
        <f t="shared" si="1596"/>
        <v>20.599689278476138</v>
      </c>
      <c r="J6888" s="237">
        <f t="shared" si="1601"/>
        <v>10.599689278476138</v>
      </c>
      <c r="K6888" s="237">
        <f t="shared" si="1597"/>
        <v>1412.0057015931468</v>
      </c>
      <c r="L6888" s="237">
        <f t="shared" si="1602"/>
        <v>726.62989941809633</v>
      </c>
      <c r="M6888" s="236">
        <f t="shared" si="1598"/>
        <v>29.015974040280145</v>
      </c>
      <c r="N6888" s="236">
        <f t="shared" si="1599"/>
        <v>0.89025383733284269</v>
      </c>
      <c r="O6888" s="236">
        <f t="shared" si="1603"/>
        <v>2.3232021545421446</v>
      </c>
      <c r="P6888" s="236" t="str">
        <f t="shared" si="1604"/>
        <v>SAND</v>
      </c>
      <c r="Q6888" s="236" t="e">
        <f t="shared" si="1600"/>
        <v>#N/A</v>
      </c>
      <c r="R6888" s="238">
        <v>35</v>
      </c>
      <c r="S6888" s="236" t="e">
        <f t="shared" si="1605"/>
        <v>#N/A</v>
      </c>
      <c r="T6888" s="236">
        <f t="shared" si="1592"/>
        <v>33.689008694245658</v>
      </c>
    </row>
    <row r="6889" spans="2:20" x14ac:dyDescent="0.2">
      <c r="B6889" s="239">
        <v>68.561999999999998</v>
      </c>
      <c r="C6889" s="3">
        <f t="shared" si="1593"/>
        <v>68.554999999999993</v>
      </c>
      <c r="D6889" s="239">
        <v>21.916799999999999</v>
      </c>
      <c r="E6889" s="239">
        <v>0.17510000000000001</v>
      </c>
      <c r="F6889" s="239">
        <v>0.29930000000000001</v>
      </c>
      <c r="G6889">
        <f t="shared" si="1594"/>
        <v>21.976659999999999</v>
      </c>
      <c r="H6889" s="235">
        <f t="shared" si="1595"/>
        <v>0.79675437486861067</v>
      </c>
      <c r="I6889" s="236">
        <f t="shared" si="1596"/>
        <v>20.509081169159703</v>
      </c>
      <c r="J6889" s="237">
        <f t="shared" si="1601"/>
        <v>10.509081169159703</v>
      </c>
      <c r="K6889" s="237">
        <f t="shared" si="1597"/>
        <v>1406.0000595517433</v>
      </c>
      <c r="L6889" s="237">
        <f t="shared" si="1602"/>
        <v>720.52362311992749</v>
      </c>
      <c r="M6889" s="236">
        <f t="shared" si="1598"/>
        <v>28.549598209390524</v>
      </c>
      <c r="N6889" s="236">
        <f t="shared" si="1599"/>
        <v>0.85121236025928104</v>
      </c>
      <c r="O6889" s="236">
        <f t="shared" si="1603"/>
        <v>2.3195677567002759</v>
      </c>
      <c r="P6889" s="236" t="str">
        <f t="shared" si="1604"/>
        <v>SAND</v>
      </c>
      <c r="Q6889" s="236" t="e">
        <f t="shared" si="1600"/>
        <v>#N/A</v>
      </c>
      <c r="R6889" s="238">
        <v>35</v>
      </c>
      <c r="S6889" s="236" t="e">
        <f t="shared" si="1605"/>
        <v>#N/A</v>
      </c>
      <c r="T6889" s="236">
        <f t="shared" si="1592"/>
        <v>33.611600006757911</v>
      </c>
    </row>
    <row r="6890" spans="2:20" x14ac:dyDescent="0.2">
      <c r="B6890" s="239">
        <v>68.572999999999993</v>
      </c>
      <c r="C6890" s="3">
        <f t="shared" si="1593"/>
        <v>68.565999999999988</v>
      </c>
      <c r="D6890" s="239">
        <v>21.394200000000001</v>
      </c>
      <c r="E6890" s="239">
        <v>0.16309999999999999</v>
      </c>
      <c r="F6890" s="239">
        <v>0.34100000000000003</v>
      </c>
      <c r="G6890">
        <f t="shared" si="1594"/>
        <v>21.462400000000002</v>
      </c>
      <c r="H6890" s="235">
        <f t="shared" si="1595"/>
        <v>0.75993365140897562</v>
      </c>
      <c r="I6890" s="236">
        <f t="shared" si="1596"/>
        <v>20.41657920538573</v>
      </c>
      <c r="J6890" s="237">
        <f t="shared" si="1601"/>
        <v>10.41657920538573</v>
      </c>
      <c r="K6890" s="237">
        <f t="shared" si="1597"/>
        <v>1399.8831697964777</v>
      </c>
      <c r="L6890" s="237">
        <f t="shared" si="1602"/>
        <v>714.29608585091557</v>
      </c>
      <c r="M6890" s="236">
        <f t="shared" si="1598"/>
        <v>28.08711573199195</v>
      </c>
      <c r="N6890" s="236">
        <f t="shared" si="1599"/>
        <v>0.81295881957570637</v>
      </c>
      <c r="O6890" s="236">
        <f t="shared" si="1603"/>
        <v>2.3159206136391415</v>
      </c>
      <c r="P6890" s="236" t="str">
        <f t="shared" si="1604"/>
        <v>SAND</v>
      </c>
      <c r="Q6890" s="236" t="e">
        <f t="shared" si="1600"/>
        <v>#N/A</v>
      </c>
      <c r="R6890" s="238">
        <v>35</v>
      </c>
      <c r="S6890" s="236" t="e">
        <f t="shared" si="1605"/>
        <v>#N/A</v>
      </c>
      <c r="T6890" s="236">
        <f t="shared" si="1592"/>
        <v>33.533578581344337</v>
      </c>
    </row>
    <row r="6891" spans="2:20" x14ac:dyDescent="0.2">
      <c r="B6891" s="239">
        <v>68.582999999999998</v>
      </c>
      <c r="C6891" s="3">
        <f t="shared" si="1593"/>
        <v>68.575999999999993</v>
      </c>
      <c r="D6891" s="239">
        <v>20.9678</v>
      </c>
      <c r="E6891" s="239">
        <v>0.15190000000000001</v>
      </c>
      <c r="F6891" s="239">
        <v>0.38040000000000002</v>
      </c>
      <c r="G6891">
        <f t="shared" si="1594"/>
        <v>21.043880000000001</v>
      </c>
      <c r="H6891" s="235">
        <f t="shared" si="1595"/>
        <v>0.72182506267855551</v>
      </c>
      <c r="I6891" s="236">
        <f t="shared" si="1596"/>
        <v>20.325462278773749</v>
      </c>
      <c r="J6891" s="237">
        <f t="shared" si="1601"/>
        <v>10.325462278773749</v>
      </c>
      <c r="K6891" s="237">
        <f t="shared" si="1597"/>
        <v>1393.8389012291884</v>
      </c>
      <c r="L6891" s="237">
        <f t="shared" si="1602"/>
        <v>708.15117946513999</v>
      </c>
      <c r="M6891" s="236">
        <f t="shared" si="1598"/>
        <v>27.748370218930237</v>
      </c>
      <c r="N6891" s="236">
        <f t="shared" si="1599"/>
        <v>0.77302637300591681</v>
      </c>
      <c r="O6891" s="236">
        <f t="shared" si="1603"/>
        <v>2.3099482552793198</v>
      </c>
      <c r="P6891" s="236" t="str">
        <f t="shared" si="1604"/>
        <v>SAND</v>
      </c>
      <c r="Q6891" s="236" t="e">
        <f t="shared" si="1600"/>
        <v>#N/A</v>
      </c>
      <c r="R6891" s="238">
        <v>35</v>
      </c>
      <c r="S6891" s="236" t="e">
        <f t="shared" si="1605"/>
        <v>#N/A</v>
      </c>
      <c r="T6891" s="236">
        <f t="shared" si="1592"/>
        <v>33.475612282484484</v>
      </c>
    </row>
    <row r="6892" spans="2:20" x14ac:dyDescent="0.2">
      <c r="B6892" s="239">
        <v>68.593000000000004</v>
      </c>
      <c r="C6892" s="3">
        <f t="shared" si="1593"/>
        <v>68.585999999999999</v>
      </c>
      <c r="D6892" s="239">
        <v>20.578700000000001</v>
      </c>
      <c r="E6892" s="239">
        <v>0.14169999999999999</v>
      </c>
      <c r="F6892" s="239">
        <v>0.38790000000000002</v>
      </c>
      <c r="G6892">
        <f t="shared" si="1594"/>
        <v>20.656280000000002</v>
      </c>
      <c r="H6892" s="235">
        <f t="shared" si="1595"/>
        <v>0.68598992655018221</v>
      </c>
      <c r="I6892" s="236">
        <f t="shared" si="1596"/>
        <v>20.236688550770232</v>
      </c>
      <c r="J6892" s="237">
        <f t="shared" si="1601"/>
        <v>10.236688550770232</v>
      </c>
      <c r="K6892" s="237">
        <f t="shared" si="1597"/>
        <v>1387.9535209431272</v>
      </c>
      <c r="L6892" s="237">
        <f t="shared" si="1602"/>
        <v>702.16517776298258</v>
      </c>
      <c r="M6892" s="236">
        <f t="shared" si="1598"/>
        <v>27.441301689786933</v>
      </c>
      <c r="N6892" s="236">
        <f t="shared" si="1599"/>
        <v>0.73540377341029861</v>
      </c>
      <c r="O6892" s="236">
        <f t="shared" si="1603"/>
        <v>2.3038918941329123</v>
      </c>
      <c r="P6892" s="236" t="str">
        <f t="shared" si="1604"/>
        <v>SAND</v>
      </c>
      <c r="Q6892" s="236" t="e">
        <f t="shared" si="1600"/>
        <v>#N/A</v>
      </c>
      <c r="R6892" s="238">
        <v>35</v>
      </c>
      <c r="S6892" s="236" t="e">
        <f t="shared" si="1605"/>
        <v>#N/A</v>
      </c>
      <c r="T6892" s="236">
        <f t="shared" si="1592"/>
        <v>33.422451793129568</v>
      </c>
    </row>
    <row r="6893" spans="2:20" x14ac:dyDescent="0.2">
      <c r="B6893" s="239">
        <v>68.602999999999994</v>
      </c>
      <c r="C6893" s="3">
        <f t="shared" si="1593"/>
        <v>68.595999999999989</v>
      </c>
      <c r="D6893" s="239">
        <v>20.301500000000001</v>
      </c>
      <c r="E6893" s="239">
        <v>0.13420000000000001</v>
      </c>
      <c r="F6893" s="239">
        <v>0.40400000000000003</v>
      </c>
      <c r="G6893">
        <f t="shared" si="1594"/>
        <v>20.382300000000001</v>
      </c>
      <c r="H6893" s="235">
        <f t="shared" si="1595"/>
        <v>0.65841440857999345</v>
      </c>
      <c r="I6893" s="236">
        <f t="shared" si="1596"/>
        <v>20.167702717708941</v>
      </c>
      <c r="J6893" s="237">
        <f t="shared" si="1601"/>
        <v>10.167702717708941</v>
      </c>
      <c r="K6893" s="237">
        <f t="shared" si="1597"/>
        <v>1383.4237356239623</v>
      </c>
      <c r="L6893" s="237">
        <f t="shared" si="1602"/>
        <v>697.5349095429865</v>
      </c>
      <c r="M6893" s="236">
        <f t="shared" si="1598"/>
        <v>27.237169071328331</v>
      </c>
      <c r="N6893" s="236">
        <f t="shared" si="1599"/>
        <v>0.70635756627160395</v>
      </c>
      <c r="O6893" s="236">
        <f t="shared" si="1603"/>
        <v>2.2985602930210378</v>
      </c>
      <c r="P6893" s="236" t="str">
        <f t="shared" si="1604"/>
        <v>SAND</v>
      </c>
      <c r="Q6893" s="236" t="e">
        <f t="shared" si="1600"/>
        <v>#N/A</v>
      </c>
      <c r="R6893" s="238">
        <v>35</v>
      </c>
      <c r="S6893" s="236" t="e">
        <f t="shared" si="1605"/>
        <v>#N/A</v>
      </c>
      <c r="T6893" s="236">
        <f t="shared" si="1592"/>
        <v>33.38678163320688</v>
      </c>
    </row>
    <row r="6894" spans="2:20" x14ac:dyDescent="0.2">
      <c r="B6894" s="239">
        <v>68.613</v>
      </c>
      <c r="C6894" s="3">
        <f t="shared" si="1593"/>
        <v>68.605999999999995</v>
      </c>
      <c r="D6894" s="239">
        <v>19.957000000000001</v>
      </c>
      <c r="E6894" s="239">
        <v>0.13159999999999999</v>
      </c>
      <c r="F6894" s="239">
        <v>0.43120000000000003</v>
      </c>
      <c r="G6894">
        <f t="shared" si="1594"/>
        <v>20.043240000000001</v>
      </c>
      <c r="H6894" s="235">
        <f t="shared" si="1595"/>
        <v>0.65658047301733646</v>
      </c>
      <c r="I6894" s="236">
        <f t="shared" si="1596"/>
        <v>20.138205089548642</v>
      </c>
      <c r="J6894" s="237">
        <f t="shared" si="1601"/>
        <v>10.138205089548642</v>
      </c>
      <c r="K6894" s="237">
        <f t="shared" si="1597"/>
        <v>1381.601698373574</v>
      </c>
      <c r="L6894" s="237">
        <f t="shared" si="1602"/>
        <v>695.61266580920096</v>
      </c>
      <c r="M6894" s="236">
        <f t="shared" si="1598"/>
        <v>26.827628677401215</v>
      </c>
      <c r="N6894" s="236">
        <f t="shared" si="1599"/>
        <v>0.70518996174376936</v>
      </c>
      <c r="O6894" s="236">
        <f t="shared" si="1603"/>
        <v>2.304053873042891</v>
      </c>
      <c r="P6894" s="236" t="str">
        <f t="shared" si="1604"/>
        <v>SAND</v>
      </c>
      <c r="Q6894" s="236" t="e">
        <f t="shared" si="1600"/>
        <v>#N/A</v>
      </c>
      <c r="R6894" s="238">
        <v>35</v>
      </c>
      <c r="S6894" s="236" t="e">
        <f t="shared" si="1605"/>
        <v>#N/A</v>
      </c>
      <c r="T6894" s="236">
        <f t="shared" si="1592"/>
        <v>33.314405152795622</v>
      </c>
    </row>
    <row r="6895" spans="2:20" x14ac:dyDescent="0.2">
      <c r="B6895" s="239">
        <v>68.623000000000005</v>
      </c>
      <c r="C6895" s="3">
        <f t="shared" si="1593"/>
        <v>68.616</v>
      </c>
      <c r="D6895" s="239">
        <v>19.7027</v>
      </c>
      <c r="E6895" s="239">
        <v>0.1278</v>
      </c>
      <c r="F6895" s="239">
        <v>0.41589999999999999</v>
      </c>
      <c r="G6895">
        <f t="shared" si="1594"/>
        <v>19.785879999999999</v>
      </c>
      <c r="H6895" s="235">
        <f t="shared" si="1595"/>
        <v>0.64591516778632041</v>
      </c>
      <c r="I6895" s="236">
        <f t="shared" si="1596"/>
        <v>20.098796193407836</v>
      </c>
      <c r="J6895" s="237">
        <f t="shared" si="1601"/>
        <v>10.098796193407836</v>
      </c>
      <c r="K6895" s="237">
        <f t="shared" si="1597"/>
        <v>1379.098999606872</v>
      </c>
      <c r="L6895" s="237">
        <f t="shared" si="1602"/>
        <v>693.0096911802259</v>
      </c>
      <c r="M6895" s="236">
        <f t="shared" si="1598"/>
        <v>26.560640110307219</v>
      </c>
      <c r="N6895" s="236">
        <f t="shared" si="1599"/>
        <v>0.69430934174351555</v>
      </c>
      <c r="O6895" s="236">
        <f t="shared" si="1603"/>
        <v>2.3047851857286554</v>
      </c>
      <c r="P6895" s="236" t="str">
        <f t="shared" si="1604"/>
        <v>SAND</v>
      </c>
      <c r="Q6895" s="236" t="e">
        <f t="shared" si="1600"/>
        <v>#N/A</v>
      </c>
      <c r="R6895" s="238">
        <v>35</v>
      </c>
      <c r="S6895" s="236" t="e">
        <f t="shared" si="1605"/>
        <v>#N/A</v>
      </c>
      <c r="T6895" s="236">
        <f t="shared" si="1592"/>
        <v>33.266623910308937</v>
      </c>
    </row>
    <row r="6896" spans="2:20" x14ac:dyDescent="0.2">
      <c r="B6896" s="239">
        <v>68.634</v>
      </c>
      <c r="C6896" s="3">
        <f t="shared" si="1593"/>
        <v>68.626999999999995</v>
      </c>
      <c r="D6896" s="239">
        <v>19.430599999999998</v>
      </c>
      <c r="E6896" s="239">
        <v>0.12690000000000001</v>
      </c>
      <c r="F6896" s="239">
        <v>0.4385</v>
      </c>
      <c r="G6896">
        <f t="shared" si="1594"/>
        <v>19.5183</v>
      </c>
      <c r="H6896" s="235">
        <f t="shared" si="1595"/>
        <v>0.65015908147738277</v>
      </c>
      <c r="I6896" s="236">
        <f t="shared" si="1596"/>
        <v>20.085187224053552</v>
      </c>
      <c r="J6896" s="237">
        <f t="shared" si="1601"/>
        <v>10.085187224053552</v>
      </c>
      <c r="K6896" s="237">
        <f t="shared" si="1597"/>
        <v>1378.3861436251229</v>
      </c>
      <c r="L6896" s="237">
        <f t="shared" si="1602"/>
        <v>692.18673993569155</v>
      </c>
      <c r="M6896" s="236">
        <f t="shared" si="1598"/>
        <v>26.206676334279656</v>
      </c>
      <c r="N6896" s="236">
        <f t="shared" si="1599"/>
        <v>0.69956230776368211</v>
      </c>
      <c r="O6896" s="236">
        <f t="shared" si="1603"/>
        <v>2.3114646468010642</v>
      </c>
      <c r="P6896" s="236" t="str">
        <f t="shared" si="1604"/>
        <v>SAND</v>
      </c>
      <c r="Q6896" s="236" t="e">
        <f t="shared" si="1600"/>
        <v>#N/A</v>
      </c>
      <c r="R6896" s="238">
        <v>35</v>
      </c>
      <c r="S6896" s="236" t="e">
        <f t="shared" si="1605"/>
        <v>#N/A</v>
      </c>
      <c r="T6896" s="236">
        <f t="shared" si="1592"/>
        <v>33.20253139472694</v>
      </c>
    </row>
    <row r="6897" spans="2:20" x14ac:dyDescent="0.2">
      <c r="B6897" s="239">
        <v>68.644000000000005</v>
      </c>
      <c r="C6897" s="3">
        <f t="shared" si="1593"/>
        <v>68.637</v>
      </c>
      <c r="D6897" s="239">
        <v>19.094200000000001</v>
      </c>
      <c r="E6897" s="239">
        <v>0.1293</v>
      </c>
      <c r="F6897" s="239">
        <v>0.43659999999999999</v>
      </c>
      <c r="G6897">
        <f t="shared" si="1594"/>
        <v>19.181519999999999</v>
      </c>
      <c r="H6897" s="235">
        <f t="shared" si="1595"/>
        <v>0.67408630807151881</v>
      </c>
      <c r="I6897" s="236">
        <f t="shared" si="1596"/>
        <v>20.100353788631633</v>
      </c>
      <c r="J6897" s="237">
        <f t="shared" si="1601"/>
        <v>10.100353788631633</v>
      </c>
      <c r="K6897" s="237">
        <f t="shared" si="1597"/>
        <v>1379.6279829903094</v>
      </c>
      <c r="L6897" s="237">
        <f t="shared" si="1602"/>
        <v>693.32868546682982</v>
      </c>
      <c r="M6897" s="236">
        <f t="shared" si="1598"/>
        <v>25.675977916626049</v>
      </c>
      <c r="N6897" s="236">
        <f t="shared" si="1599"/>
        <v>0.72632729080961722</v>
      </c>
      <c r="O6897" s="236">
        <f t="shared" si="1603"/>
        <v>2.3268855141305282</v>
      </c>
      <c r="P6897" s="236" t="str">
        <f t="shared" si="1604"/>
        <v>SAND</v>
      </c>
      <c r="Q6897" s="236" t="e">
        <f t="shared" si="1600"/>
        <v>#N/A</v>
      </c>
      <c r="R6897" s="238">
        <v>35</v>
      </c>
      <c r="S6897" s="236" t="e">
        <f t="shared" si="1605"/>
        <v>#N/A</v>
      </c>
      <c r="T6897" s="236">
        <f t="shared" si="1592"/>
        <v>33.10479692833237</v>
      </c>
    </row>
    <row r="6898" spans="2:20" x14ac:dyDescent="0.2">
      <c r="B6898" s="239">
        <v>68.653999999999996</v>
      </c>
      <c r="C6898" s="3">
        <f t="shared" si="1593"/>
        <v>68.646999999999991</v>
      </c>
      <c r="D6898" s="239">
        <v>18.849699999999999</v>
      </c>
      <c r="E6898" s="239">
        <v>0.13350000000000001</v>
      </c>
      <c r="F6898" s="239">
        <v>0.46949999999999997</v>
      </c>
      <c r="G6898">
        <f t="shared" si="1594"/>
        <v>18.9436</v>
      </c>
      <c r="H6898" s="235">
        <f t="shared" si="1595"/>
        <v>0.70472349500622899</v>
      </c>
      <c r="I6898" s="236">
        <f t="shared" si="1596"/>
        <v>20.132958735163133</v>
      </c>
      <c r="J6898" s="237">
        <f t="shared" si="1601"/>
        <v>10.132958735163133</v>
      </c>
      <c r="K6898" s="237">
        <f t="shared" si="1597"/>
        <v>1382.0672182927433</v>
      </c>
      <c r="L6898" s="237">
        <f t="shared" si="1602"/>
        <v>695.66814900388965</v>
      </c>
      <c r="M6898" s="236">
        <f t="shared" si="1598"/>
        <v>25.244123662773962</v>
      </c>
      <c r="N6898" s="236">
        <f t="shared" si="1599"/>
        <v>0.76018421432472316</v>
      </c>
      <c r="O6898" s="236">
        <f t="shared" si="1603"/>
        <v>2.342644517797122</v>
      </c>
      <c r="P6898" s="236" t="str">
        <f t="shared" si="1604"/>
        <v>SAND</v>
      </c>
      <c r="Q6898" s="236" t="e">
        <f t="shared" si="1600"/>
        <v>#N/A</v>
      </c>
      <c r="R6898" s="238">
        <v>35</v>
      </c>
      <c r="S6898" s="236" t="e">
        <f t="shared" si="1605"/>
        <v>#N/A</v>
      </c>
      <c r="T6898" s="236">
        <f t="shared" si="1592"/>
        <v>33.023763288733292</v>
      </c>
    </row>
    <row r="6899" spans="2:20" x14ac:dyDescent="0.2">
      <c r="B6899" s="239">
        <v>68.664000000000001</v>
      </c>
      <c r="C6899" s="3">
        <f t="shared" si="1593"/>
        <v>68.656999999999996</v>
      </c>
      <c r="D6899" s="239">
        <v>18.525700000000001</v>
      </c>
      <c r="E6899" s="239">
        <v>0.14169999999999999</v>
      </c>
      <c r="F6899" s="239">
        <v>0.48380000000000001</v>
      </c>
      <c r="G6899">
        <f t="shared" si="1594"/>
        <v>18.62246</v>
      </c>
      <c r="H6899" s="235">
        <f t="shared" si="1595"/>
        <v>0.76090913874966037</v>
      </c>
      <c r="I6899" s="236">
        <f t="shared" si="1596"/>
        <v>20.19617499514699</v>
      </c>
      <c r="J6899" s="237">
        <f t="shared" si="1601"/>
        <v>10.19617499514699</v>
      </c>
      <c r="K6899" s="237">
        <f t="shared" si="1597"/>
        <v>1386.6087866418068</v>
      </c>
      <c r="L6899" s="237">
        <f t="shared" si="1602"/>
        <v>700.11015986677296</v>
      </c>
      <c r="M6899" s="236">
        <f t="shared" si="1598"/>
        <v>24.618770304144821</v>
      </c>
      <c r="N6899" s="236">
        <f t="shared" si="1599"/>
        <v>0.82212359718085248</v>
      </c>
      <c r="O6899" s="236">
        <f t="shared" si="1603"/>
        <v>2.3683783088060739</v>
      </c>
      <c r="P6899" s="236" t="str">
        <f t="shared" si="1604"/>
        <v>SAND</v>
      </c>
      <c r="Q6899" s="236" t="e">
        <f t="shared" si="1600"/>
        <v>#N/A</v>
      </c>
      <c r="R6899" s="238">
        <v>35</v>
      </c>
      <c r="S6899" s="236" t="e">
        <f t="shared" si="1605"/>
        <v>#N/A</v>
      </c>
      <c r="T6899" s="236">
        <f t="shared" si="1592"/>
        <v>32.903929919679037</v>
      </c>
    </row>
    <row r="6900" spans="2:20" x14ac:dyDescent="0.2">
      <c r="B6900" s="239">
        <v>68.674999999999997</v>
      </c>
      <c r="C6900" s="3">
        <f t="shared" si="1593"/>
        <v>68.667999999999992</v>
      </c>
      <c r="D6900" s="239">
        <v>18.266400000000001</v>
      </c>
      <c r="E6900" s="239">
        <v>0.1467</v>
      </c>
      <c r="F6900" s="239">
        <v>0.45579999999999998</v>
      </c>
      <c r="G6900">
        <f t="shared" si="1594"/>
        <v>18.357559999999999</v>
      </c>
      <c r="H6900" s="235">
        <f t="shared" si="1595"/>
        <v>0.79912580974813641</v>
      </c>
      <c r="I6900" s="236">
        <f t="shared" si="1596"/>
        <v>20.231237822459789</v>
      </c>
      <c r="J6900" s="237">
        <f t="shared" si="1601"/>
        <v>10.231237822459789</v>
      </c>
      <c r="K6900" s="237">
        <f t="shared" si="1597"/>
        <v>1389.2386387926686</v>
      </c>
      <c r="L6900" s="237">
        <f t="shared" si="1602"/>
        <v>702.63025745742596</v>
      </c>
      <c r="M6900" s="236">
        <f t="shared" si="1598"/>
        <v>24.149716271271569</v>
      </c>
      <c r="N6900" s="236">
        <f t="shared" si="1599"/>
        <v>0.8645522257456939</v>
      </c>
      <c r="O6900" s="236">
        <f t="shared" si="1603"/>
        <v>2.38623178682173</v>
      </c>
      <c r="P6900" s="236" t="str">
        <f t="shared" si="1604"/>
        <v>SAND</v>
      </c>
      <c r="Q6900" s="236" t="e">
        <f t="shared" si="1600"/>
        <v>#N/A</v>
      </c>
      <c r="R6900" s="238">
        <v>35</v>
      </c>
      <c r="S6900" s="236" t="e">
        <f t="shared" si="1605"/>
        <v>#N/A</v>
      </c>
      <c r="T6900" s="236">
        <f t="shared" si="1592"/>
        <v>32.812032359751889</v>
      </c>
    </row>
    <row r="6901" spans="2:20" x14ac:dyDescent="0.2">
      <c r="B6901" s="239">
        <v>68.686000000000007</v>
      </c>
      <c r="C6901" s="3">
        <f t="shared" si="1593"/>
        <v>68.679000000000002</v>
      </c>
      <c r="D6901" s="239">
        <v>18.0138</v>
      </c>
      <c r="E6901" s="239">
        <v>0.1537</v>
      </c>
      <c r="F6901" s="239">
        <v>0.50219999999999998</v>
      </c>
      <c r="G6901">
        <f t="shared" si="1594"/>
        <v>18.114239999999999</v>
      </c>
      <c r="H6901" s="235">
        <f t="shared" si="1595"/>
        <v>0.84850371862137208</v>
      </c>
      <c r="I6901" s="236">
        <f t="shared" si="1596"/>
        <v>20.280680602398682</v>
      </c>
      <c r="J6901" s="237">
        <f t="shared" si="1601"/>
        <v>10.280680602398682</v>
      </c>
      <c r="K6901" s="237">
        <f t="shared" si="1597"/>
        <v>1392.8568630921391</v>
      </c>
      <c r="L6901" s="237">
        <f t="shared" si="1602"/>
        <v>706.13882785635599</v>
      </c>
      <c r="M6901" s="236">
        <f t="shared" si="1598"/>
        <v>23.6800222240567</v>
      </c>
      <c r="N6901" s="236">
        <f t="shared" si="1599"/>
        <v>0.91918233522650106</v>
      </c>
      <c r="O6901" s="236">
        <f t="shared" si="1603"/>
        <v>2.4066686250043072</v>
      </c>
      <c r="P6901" s="236" t="str">
        <f t="shared" si="1604"/>
        <v>SAND</v>
      </c>
      <c r="Q6901" s="236" t="e">
        <f t="shared" si="1600"/>
        <v>#N/A</v>
      </c>
      <c r="R6901" s="238">
        <v>35</v>
      </c>
      <c r="S6901" s="236" t="e">
        <f t="shared" si="1605"/>
        <v>#N/A</v>
      </c>
      <c r="T6901" s="236">
        <f t="shared" si="1592"/>
        <v>32.718203162072683</v>
      </c>
    </row>
    <row r="6902" spans="2:20" x14ac:dyDescent="0.2">
      <c r="B6902" s="239">
        <v>68.694999999999993</v>
      </c>
      <c r="C6902" s="3">
        <f t="shared" si="1593"/>
        <v>68.687999999999988</v>
      </c>
      <c r="D6902" s="239">
        <v>17.823899999999998</v>
      </c>
      <c r="E6902" s="239">
        <v>0.159</v>
      </c>
      <c r="F6902" s="239">
        <v>0.48299999999999998</v>
      </c>
      <c r="G6902">
        <f t="shared" si="1594"/>
        <v>17.920499999999997</v>
      </c>
      <c r="H6902" s="235">
        <f t="shared" si="1595"/>
        <v>0.88725202979827578</v>
      </c>
      <c r="I6902" s="236">
        <f t="shared" si="1596"/>
        <v>20.316230400521469</v>
      </c>
      <c r="J6902" s="237">
        <f t="shared" si="1601"/>
        <v>10.316230400521469</v>
      </c>
      <c r="K6902" s="237">
        <f t="shared" si="1597"/>
        <v>1395.4812337510184</v>
      </c>
      <c r="L6902" s="237">
        <f t="shared" si="1602"/>
        <v>708.67344736382222</v>
      </c>
      <c r="M6902" s="236">
        <f t="shared" si="1598"/>
        <v>23.318241748325704</v>
      </c>
      <c r="N6902" s="236">
        <f t="shared" si="1599"/>
        <v>0.96217742472247425</v>
      </c>
      <c r="O6902" s="236">
        <f t="shared" si="1603"/>
        <v>2.4222935277472515</v>
      </c>
      <c r="P6902" s="236" t="str">
        <f t="shared" si="1604"/>
        <v>SAND</v>
      </c>
      <c r="Q6902" s="236" t="e">
        <f t="shared" si="1600"/>
        <v>#N/A</v>
      </c>
      <c r="R6902" s="238">
        <v>35</v>
      </c>
      <c r="S6902" s="236" t="e">
        <f t="shared" si="1605"/>
        <v>#N/A</v>
      </c>
      <c r="T6902" s="236">
        <f t="shared" si="1592"/>
        <v>32.64465380517003</v>
      </c>
    </row>
    <row r="6903" spans="2:20" x14ac:dyDescent="0.2">
      <c r="B6903" s="239">
        <v>68.706999999999994</v>
      </c>
      <c r="C6903" s="3">
        <f t="shared" si="1593"/>
        <v>68.699999999999989</v>
      </c>
      <c r="D6903" s="239">
        <v>17.718</v>
      </c>
      <c r="E6903" s="239">
        <v>0.16170000000000001</v>
      </c>
      <c r="F6903" s="239">
        <v>0.51680000000000004</v>
      </c>
      <c r="G6903">
        <f t="shared" si="1594"/>
        <v>17.821359999999999</v>
      </c>
      <c r="H6903" s="235">
        <f t="shared" si="1595"/>
        <v>0.90733816049953564</v>
      </c>
      <c r="I6903" s="236">
        <f t="shared" si="1596"/>
        <v>20.333806867050342</v>
      </c>
      <c r="J6903" s="237">
        <f t="shared" si="1601"/>
        <v>10.333806867050342</v>
      </c>
      <c r="K6903" s="237">
        <f t="shared" si="1597"/>
        <v>1396.9325317663584</v>
      </c>
      <c r="L6903" s="237">
        <f t="shared" si="1602"/>
        <v>710.00486841442773</v>
      </c>
      <c r="M6903" s="236">
        <f t="shared" si="1598"/>
        <v>23.132837814073621</v>
      </c>
      <c r="N6903" s="236">
        <f t="shared" si="1599"/>
        <v>0.98450920321419277</v>
      </c>
      <c r="O6903" s="236">
        <f t="shared" si="1603"/>
        <v>2.4302621476258714</v>
      </c>
      <c r="P6903" s="236" t="str">
        <f t="shared" si="1604"/>
        <v>SAND</v>
      </c>
      <c r="Q6903" s="236" t="e">
        <f t="shared" si="1600"/>
        <v>#N/A</v>
      </c>
      <c r="R6903" s="238">
        <v>35</v>
      </c>
      <c r="S6903" s="236" t="e">
        <f t="shared" si="1605"/>
        <v>#N/A</v>
      </c>
      <c r="T6903" s="236">
        <f t="shared" si="1592"/>
        <v>32.606518042852166</v>
      </c>
    </row>
    <row r="6904" spans="2:20" x14ac:dyDescent="0.2">
      <c r="B6904" s="239">
        <v>68.716999999999999</v>
      </c>
      <c r="C6904" s="3">
        <f t="shared" si="1593"/>
        <v>68.709999999999994</v>
      </c>
      <c r="D6904" s="239">
        <v>17.633900000000001</v>
      </c>
      <c r="E6904" s="239">
        <v>0.1623</v>
      </c>
      <c r="F6904" s="239">
        <v>0.499</v>
      </c>
      <c r="G6904">
        <f t="shared" si="1594"/>
        <v>17.733699999999999</v>
      </c>
      <c r="H6904" s="235">
        <f t="shared" si="1595"/>
        <v>0.91520664046420097</v>
      </c>
      <c r="I6904" s="236">
        <f t="shared" si="1596"/>
        <v>20.336222479443418</v>
      </c>
      <c r="J6904" s="237">
        <f t="shared" si="1601"/>
        <v>10.336222479443418</v>
      </c>
      <c r="K6904" s="237">
        <f t="shared" si="1597"/>
        <v>1397.3018465625571</v>
      </c>
      <c r="L6904" s="237">
        <f t="shared" si="1602"/>
        <v>710.2742001199133</v>
      </c>
      <c r="M6904" s="236">
        <f t="shared" si="1598"/>
        <v>23.000128894840074</v>
      </c>
      <c r="N6904" s="236">
        <f t="shared" si="1599"/>
        <v>0.99348704944394062</v>
      </c>
      <c r="O6904" s="236">
        <f t="shared" si="1603"/>
        <v>2.4343962498205114</v>
      </c>
      <c r="P6904" s="236" t="str">
        <f t="shared" si="1604"/>
        <v>SAND</v>
      </c>
      <c r="Q6904" s="236" t="e">
        <f t="shared" si="1600"/>
        <v>#N/A</v>
      </c>
      <c r="R6904" s="238">
        <v>35</v>
      </c>
      <c r="S6904" s="236" t="e">
        <f t="shared" si="1605"/>
        <v>#N/A</v>
      </c>
      <c r="T6904" s="236">
        <f t="shared" si="1592"/>
        <v>32.579032968357453</v>
      </c>
    </row>
    <row r="6905" spans="2:20" x14ac:dyDescent="0.2">
      <c r="B6905" s="239">
        <v>68.725999999999999</v>
      </c>
      <c r="C6905" s="3">
        <f t="shared" si="1593"/>
        <v>68.718999999999994</v>
      </c>
      <c r="D6905" s="239">
        <v>17.687100000000001</v>
      </c>
      <c r="E6905" s="239">
        <v>0.16259999999999999</v>
      </c>
      <c r="F6905" s="239">
        <v>0.5343</v>
      </c>
      <c r="G6905">
        <f t="shared" si="1594"/>
        <v>17.793960000000002</v>
      </c>
      <c r="H6905" s="235">
        <f t="shared" si="1595"/>
        <v>0.91379321972174821</v>
      </c>
      <c r="I6905" s="236">
        <f t="shared" si="1596"/>
        <v>20.339713864742688</v>
      </c>
      <c r="J6905" s="237">
        <f t="shared" si="1601"/>
        <v>10.339713864742688</v>
      </c>
      <c r="K6905" s="237">
        <f t="shared" si="1597"/>
        <v>1397.7247970712526</v>
      </c>
      <c r="L6905" s="237">
        <f t="shared" si="1602"/>
        <v>710.60717506830599</v>
      </c>
      <c r="M6905" s="236">
        <f t="shared" si="1598"/>
        <v>23.07355706245534</v>
      </c>
      <c r="N6905" s="236">
        <f t="shared" si="1599"/>
        <v>0.99169106802612739</v>
      </c>
      <c r="O6905" s="236">
        <f t="shared" si="1603"/>
        <v>2.432804522419147</v>
      </c>
      <c r="P6905" s="236" t="str">
        <f t="shared" si="1604"/>
        <v>SAND</v>
      </c>
      <c r="Q6905" s="236" t="e">
        <f t="shared" si="1600"/>
        <v>#N/A</v>
      </c>
      <c r="R6905" s="238">
        <v>35</v>
      </c>
      <c r="S6905" s="236" t="e">
        <f t="shared" si="1605"/>
        <v>#N/A</v>
      </c>
      <c r="T6905" s="236">
        <f t="shared" si="1592"/>
        <v>32.594260064598032</v>
      </c>
    </row>
    <row r="6906" spans="2:20" x14ac:dyDescent="0.2">
      <c r="B6906" s="239">
        <v>68.736999999999995</v>
      </c>
      <c r="C6906" s="3">
        <f t="shared" si="1593"/>
        <v>68.72999999999999</v>
      </c>
      <c r="D6906" s="239">
        <v>17.837499999999999</v>
      </c>
      <c r="E6906" s="239">
        <v>0.16450000000000001</v>
      </c>
      <c r="F6906" s="239">
        <v>0.54079999999999995</v>
      </c>
      <c r="G6906">
        <f t="shared" si="1594"/>
        <v>17.94566</v>
      </c>
      <c r="H6906" s="235">
        <f t="shared" si="1595"/>
        <v>0.91665617202153615</v>
      </c>
      <c r="I6906" s="236">
        <f t="shared" si="1596"/>
        <v>20.356654482336126</v>
      </c>
      <c r="J6906" s="237">
        <f t="shared" si="1601"/>
        <v>10.356654482336126</v>
      </c>
      <c r="K6906" s="237">
        <f t="shared" si="1597"/>
        <v>1399.1128625709616</v>
      </c>
      <c r="L6906" s="237">
        <f t="shared" si="1602"/>
        <v>711.8853591523382</v>
      </c>
      <c r="M6906" s="236">
        <f t="shared" si="1598"/>
        <v>23.243274952488804</v>
      </c>
      <c r="N6906" s="236">
        <f t="shared" si="1599"/>
        <v>0.99416511876301694</v>
      </c>
      <c r="O6906" s="236">
        <f t="shared" si="1603"/>
        <v>2.4305905082291668</v>
      </c>
      <c r="P6906" s="236" t="str">
        <f t="shared" si="1604"/>
        <v>SAND</v>
      </c>
      <c r="Q6906" s="236" t="e">
        <f t="shared" si="1600"/>
        <v>#N/A</v>
      </c>
      <c r="R6906" s="238">
        <v>35</v>
      </c>
      <c r="S6906" s="236" t="e">
        <f t="shared" si="1605"/>
        <v>#N/A</v>
      </c>
      <c r="T6906" s="236">
        <f t="shared" si="1592"/>
        <v>32.629270516214831</v>
      </c>
    </row>
    <row r="6907" spans="2:20" x14ac:dyDescent="0.2">
      <c r="B6907" s="239">
        <v>68.747</v>
      </c>
      <c r="C6907" s="3">
        <f t="shared" si="1593"/>
        <v>68.739999999999995</v>
      </c>
      <c r="D6907" s="239">
        <v>18.053000000000001</v>
      </c>
      <c r="E6907" s="239">
        <v>0.1666</v>
      </c>
      <c r="F6907" s="239">
        <v>0.52149999999999996</v>
      </c>
      <c r="G6907">
        <f t="shared" si="1594"/>
        <v>18.157299999999999</v>
      </c>
      <c r="H6907" s="235">
        <f t="shared" si="1595"/>
        <v>0.91753729904776593</v>
      </c>
      <c r="I6907" s="236">
        <f t="shared" si="1596"/>
        <v>20.376111688726265</v>
      </c>
      <c r="J6907" s="237">
        <f t="shared" si="1601"/>
        <v>10.376111688726265</v>
      </c>
      <c r="K6907" s="237">
        <f t="shared" si="1597"/>
        <v>1400.6539174830434</v>
      </c>
      <c r="L6907" s="237">
        <f t="shared" si="1602"/>
        <v>713.32655026486452</v>
      </c>
      <c r="M6907" s="236">
        <f t="shared" si="1598"/>
        <v>23.490848723204071</v>
      </c>
      <c r="N6907" s="236">
        <f t="shared" si="1599"/>
        <v>0.99423237311088208</v>
      </c>
      <c r="O6907" s="236">
        <f t="shared" si="1603"/>
        <v>2.4266237904636241</v>
      </c>
      <c r="P6907" s="236" t="str">
        <f t="shared" si="1604"/>
        <v>SAND</v>
      </c>
      <c r="Q6907" s="236" t="e">
        <f t="shared" si="1600"/>
        <v>#N/A</v>
      </c>
      <c r="R6907" s="238">
        <v>35</v>
      </c>
      <c r="S6907" s="236" t="e">
        <f t="shared" si="1605"/>
        <v>#N/A</v>
      </c>
      <c r="T6907" s="236">
        <f t="shared" si="1592"/>
        <v>32.679885789091756</v>
      </c>
    </row>
    <row r="6908" spans="2:20" x14ac:dyDescent="0.2">
      <c r="B6908" s="239">
        <v>68.757999999999996</v>
      </c>
      <c r="C6908" s="3">
        <f t="shared" si="1593"/>
        <v>68.750999999999991</v>
      </c>
      <c r="D6908" s="239">
        <v>18.402200000000001</v>
      </c>
      <c r="E6908" s="239">
        <v>0.16750000000000001</v>
      </c>
      <c r="F6908" s="239">
        <v>0.52</v>
      </c>
      <c r="G6908">
        <f t="shared" si="1594"/>
        <v>18.5062</v>
      </c>
      <c r="H6908" s="235">
        <f t="shared" si="1595"/>
        <v>0.90510207389955799</v>
      </c>
      <c r="I6908" s="236">
        <f t="shared" si="1596"/>
        <v>20.389868571312615</v>
      </c>
      <c r="J6908" s="237">
        <f t="shared" si="1601"/>
        <v>10.389868571312615</v>
      </c>
      <c r="K6908" s="237">
        <f t="shared" si="1597"/>
        <v>1401.8238541463134</v>
      </c>
      <c r="L6908" s="237">
        <f t="shared" si="1602"/>
        <v>714.38658322631272</v>
      </c>
      <c r="M6908" s="236">
        <f t="shared" si="1598"/>
        <v>23.942745493073094</v>
      </c>
      <c r="N6908" s="236">
        <f t="shared" si="1599"/>
        <v>0.97928155094159386</v>
      </c>
      <c r="O6908" s="236">
        <f t="shared" si="1603"/>
        <v>2.4161644656191932</v>
      </c>
      <c r="P6908" s="236" t="str">
        <f t="shared" si="1604"/>
        <v>SAND</v>
      </c>
      <c r="Q6908" s="236" t="e">
        <f t="shared" si="1600"/>
        <v>#N/A</v>
      </c>
      <c r="R6908" s="238">
        <v>35</v>
      </c>
      <c r="S6908" s="236" t="e">
        <f t="shared" si="1605"/>
        <v>#N/A</v>
      </c>
      <c r="T6908" s="236">
        <f t="shared" si="1592"/>
        <v>32.770913439914978</v>
      </c>
    </row>
    <row r="6909" spans="2:20" x14ac:dyDescent="0.2">
      <c r="B6909" s="239">
        <v>68.766999999999996</v>
      </c>
      <c r="C6909" s="3">
        <f t="shared" si="1593"/>
        <v>68.759999999999991</v>
      </c>
      <c r="D6909" s="239">
        <v>18.7363</v>
      </c>
      <c r="E6909" s="239">
        <v>0.16930000000000001</v>
      </c>
      <c r="F6909" s="239">
        <v>0.52400000000000002</v>
      </c>
      <c r="G6909">
        <f t="shared" si="1594"/>
        <v>18.841100000000001</v>
      </c>
      <c r="H6909" s="235">
        <f t="shared" si="1595"/>
        <v>0.89856749340537445</v>
      </c>
      <c r="I6909" s="236">
        <f t="shared" si="1596"/>
        <v>20.409412470428435</v>
      </c>
      <c r="J6909" s="237">
        <f t="shared" si="1601"/>
        <v>10.409412470428435</v>
      </c>
      <c r="K6909" s="237">
        <f t="shared" si="1597"/>
        <v>1403.3512014666589</v>
      </c>
      <c r="L6909" s="237">
        <f t="shared" si="1602"/>
        <v>715.82406735395216</v>
      </c>
      <c r="M6909" s="236">
        <f t="shared" si="1598"/>
        <v>24.360383498967956</v>
      </c>
      <c r="N6909" s="236">
        <f t="shared" si="1599"/>
        <v>0.97088220478459653</v>
      </c>
      <c r="O6909" s="236">
        <f t="shared" si="1603"/>
        <v>2.4077907113069532</v>
      </c>
      <c r="P6909" s="236" t="str">
        <f t="shared" si="1604"/>
        <v>SAND</v>
      </c>
      <c r="Q6909" s="236" t="e">
        <f t="shared" si="1600"/>
        <v>#N/A</v>
      </c>
      <c r="R6909" s="238">
        <v>35</v>
      </c>
      <c r="S6909" s="236" t="e">
        <f t="shared" si="1605"/>
        <v>#N/A</v>
      </c>
      <c r="T6909" s="236">
        <f t="shared" si="1592"/>
        <v>32.853525330955122</v>
      </c>
    </row>
    <row r="6910" spans="2:20" x14ac:dyDescent="0.2">
      <c r="B6910" s="239">
        <v>68.777000000000001</v>
      </c>
      <c r="C6910" s="3">
        <f t="shared" si="1593"/>
        <v>68.77</v>
      </c>
      <c r="D6910" s="239">
        <v>19.096399999999999</v>
      </c>
      <c r="E6910" s="239">
        <v>0.16980000000000001</v>
      </c>
      <c r="F6910" s="239">
        <v>0.50939999999999996</v>
      </c>
      <c r="G6910">
        <f t="shared" si="1594"/>
        <v>19.19828</v>
      </c>
      <c r="H6910" s="235">
        <f t="shared" si="1595"/>
        <v>0.88445423235831533</v>
      </c>
      <c r="I6910" s="236">
        <f t="shared" si="1596"/>
        <v>20.420210895606026</v>
      </c>
      <c r="J6910" s="237">
        <f t="shared" si="1601"/>
        <v>10.420210895606026</v>
      </c>
      <c r="K6910" s="237">
        <f t="shared" si="1597"/>
        <v>1404.2979032908263</v>
      </c>
      <c r="L6910" s="237">
        <f t="shared" si="1602"/>
        <v>716.67084476709567</v>
      </c>
      <c r="M6910" s="236">
        <f t="shared" si="1598"/>
        <v>24.828667479129663</v>
      </c>
      <c r="N6910" s="236">
        <f t="shared" si="1599"/>
        <v>0.95425520311950252</v>
      </c>
      <c r="O6910" s="236">
        <f t="shared" si="1603"/>
        <v>2.3968757460639756</v>
      </c>
      <c r="P6910" s="236" t="str">
        <f t="shared" si="1604"/>
        <v>SAND</v>
      </c>
      <c r="Q6910" s="236" t="e">
        <f t="shared" si="1600"/>
        <v>#N/A</v>
      </c>
      <c r="R6910" s="238">
        <v>35</v>
      </c>
      <c r="S6910" s="236" t="e">
        <f t="shared" si="1605"/>
        <v>#N/A</v>
      </c>
      <c r="T6910" s="236">
        <f t="shared" si="1592"/>
        <v>32.944487534033385</v>
      </c>
    </row>
    <row r="6911" spans="2:20" x14ac:dyDescent="0.2">
      <c r="B6911" s="239">
        <v>68.787999999999997</v>
      </c>
      <c r="C6911" s="3">
        <f t="shared" si="1593"/>
        <v>68.780999999999992</v>
      </c>
      <c r="D6911" s="239">
        <v>19.4466</v>
      </c>
      <c r="E6911" s="239">
        <v>0.17180000000000001</v>
      </c>
      <c r="F6911" s="239">
        <v>0.4592</v>
      </c>
      <c r="G6911">
        <f t="shared" si="1594"/>
        <v>19.538440000000001</v>
      </c>
      <c r="H6911" s="235">
        <f t="shared" si="1595"/>
        <v>0.87929230788128432</v>
      </c>
      <c r="I6911" s="236">
        <f t="shared" si="1596"/>
        <v>20.440806482026304</v>
      </c>
      <c r="J6911" s="237">
        <f t="shared" si="1601"/>
        <v>10.440806482026304</v>
      </c>
      <c r="K6911" s="237">
        <f t="shared" si="1597"/>
        <v>1405.9391106402511</v>
      </c>
      <c r="L6911" s="237">
        <f t="shared" si="1602"/>
        <v>718.20219628562529</v>
      </c>
      <c r="M6911" s="236">
        <f t="shared" si="1598"/>
        <v>25.247069673605605</v>
      </c>
      <c r="N6911" s="236">
        <f t="shared" si="1599"/>
        <v>0.94746996593731403</v>
      </c>
      <c r="O6911" s="236">
        <f t="shared" si="1603"/>
        <v>2.3890417154723993</v>
      </c>
      <c r="P6911" s="236" t="str">
        <f t="shared" si="1604"/>
        <v>SAND</v>
      </c>
      <c r="Q6911" s="236" t="e">
        <f t="shared" si="1600"/>
        <v>#N/A</v>
      </c>
      <c r="R6911" s="238">
        <v>35</v>
      </c>
      <c r="S6911" s="236" t="e">
        <f t="shared" si="1605"/>
        <v>#N/A</v>
      </c>
      <c r="T6911" s="236">
        <f t="shared" si="1592"/>
        <v>33.024320764119068</v>
      </c>
    </row>
    <row r="6912" spans="2:20" x14ac:dyDescent="0.2">
      <c r="B6912" s="239">
        <v>68.798000000000002</v>
      </c>
      <c r="C6912" s="3">
        <f t="shared" si="1593"/>
        <v>68.790999999999997</v>
      </c>
      <c r="D6912" s="239">
        <v>19.939699999999998</v>
      </c>
      <c r="E6912" s="239">
        <v>0.1721</v>
      </c>
      <c r="F6912" s="239">
        <v>0.40239999999999998</v>
      </c>
      <c r="G6912">
        <f t="shared" si="1594"/>
        <v>20.02018</v>
      </c>
      <c r="H6912" s="235">
        <f t="shared" si="1595"/>
        <v>0.85963263067564832</v>
      </c>
      <c r="I6912" s="236">
        <f t="shared" si="1596"/>
        <v>20.452372584351103</v>
      </c>
      <c r="J6912" s="237">
        <f t="shared" si="1601"/>
        <v>10.452372584351103</v>
      </c>
      <c r="K6912" s="237">
        <f t="shared" si="1597"/>
        <v>1406.9391624500968</v>
      </c>
      <c r="L6912" s="237">
        <f t="shared" si="1602"/>
        <v>719.10232905818725</v>
      </c>
      <c r="M6912" s="236">
        <f t="shared" si="1598"/>
        <v>25.883994649172919</v>
      </c>
      <c r="N6912" s="236">
        <f t="shared" si="1599"/>
        <v>0.92461061188661775</v>
      </c>
      <c r="O6912" s="236">
        <f t="shared" si="1603"/>
        <v>2.3743670055373491</v>
      </c>
      <c r="P6912" s="236" t="str">
        <f t="shared" si="1604"/>
        <v>SAND</v>
      </c>
      <c r="Q6912" s="236" t="e">
        <f t="shared" si="1600"/>
        <v>#N/A</v>
      </c>
      <c r="R6912" s="238">
        <v>35</v>
      </c>
      <c r="S6912" s="236" t="e">
        <f t="shared" si="1605"/>
        <v>#N/A</v>
      </c>
      <c r="T6912" s="236">
        <f t="shared" si="1592"/>
        <v>33.143344315084875</v>
      </c>
    </row>
    <row r="6913" spans="2:20" x14ac:dyDescent="0.2">
      <c r="B6913" s="239">
        <v>68.808999999999997</v>
      </c>
      <c r="C6913" s="3">
        <f t="shared" si="1593"/>
        <v>68.801999999999992</v>
      </c>
      <c r="D6913" s="239">
        <v>20.224</v>
      </c>
      <c r="E6913" s="239">
        <v>0.1716</v>
      </c>
      <c r="F6913" s="239">
        <v>0.36990000000000001</v>
      </c>
      <c r="G6913">
        <f t="shared" si="1594"/>
        <v>20.297979999999999</v>
      </c>
      <c r="H6913" s="235">
        <f t="shared" si="1595"/>
        <v>0.84540432102110652</v>
      </c>
      <c r="I6913" s="236">
        <f t="shared" si="1596"/>
        <v>20.454347258094366</v>
      </c>
      <c r="J6913" s="237">
        <f t="shared" si="1601"/>
        <v>10.454347258094366</v>
      </c>
      <c r="K6913" s="237">
        <f t="shared" si="1597"/>
        <v>1407.3000000514085</v>
      </c>
      <c r="L6913" s="237">
        <f t="shared" si="1602"/>
        <v>719.35318048221518</v>
      </c>
      <c r="M6913" s="236">
        <f t="shared" si="1598"/>
        <v>26.260647081987333</v>
      </c>
      <c r="N6913" s="236">
        <f t="shared" si="1599"/>
        <v>0.90838445201796325</v>
      </c>
      <c r="O6913" s="236">
        <f t="shared" si="1603"/>
        <v>2.3650935953460701</v>
      </c>
      <c r="P6913" s="236" t="str">
        <f t="shared" si="1604"/>
        <v>SAND</v>
      </c>
      <c r="Q6913" s="236" t="e">
        <f t="shared" si="1600"/>
        <v>#N/A</v>
      </c>
      <c r="R6913" s="238">
        <v>35</v>
      </c>
      <c r="S6913" s="236" t="e">
        <f t="shared" si="1605"/>
        <v>#N/A</v>
      </c>
      <c r="T6913" s="236">
        <f t="shared" si="1592"/>
        <v>33.212359655488179</v>
      </c>
    </row>
    <row r="6914" spans="2:20" x14ac:dyDescent="0.2">
      <c r="B6914" s="239">
        <v>68.819000000000003</v>
      </c>
      <c r="C6914" s="3">
        <f t="shared" si="1593"/>
        <v>68.811999999999998</v>
      </c>
      <c r="D6914" s="239">
        <v>20.531099999999999</v>
      </c>
      <c r="E6914" s="239">
        <v>0.1711</v>
      </c>
      <c r="F6914" s="239">
        <v>0.34429999999999999</v>
      </c>
      <c r="G6914">
        <f t="shared" si="1594"/>
        <v>20.599959999999999</v>
      </c>
      <c r="H6914" s="235">
        <f t="shared" si="1595"/>
        <v>0.83058413705657685</v>
      </c>
      <c r="I6914" s="236">
        <f t="shared" si="1596"/>
        <v>20.456697819513728</v>
      </c>
      <c r="J6914" s="237">
        <f t="shared" si="1601"/>
        <v>10.456697819513728</v>
      </c>
      <c r="K6914" s="237">
        <f t="shared" si="1597"/>
        <v>1407.6662903563786</v>
      </c>
      <c r="L6914" s="237">
        <f t="shared" si="1602"/>
        <v>719.61948724111528</v>
      </c>
      <c r="M6914" s="236">
        <f t="shared" si="1598"/>
        <v>26.670058343226973</v>
      </c>
      <c r="N6914" s="236">
        <f t="shared" si="1599"/>
        <v>0.89150365552204303</v>
      </c>
      <c r="O6914" s="236">
        <f t="shared" si="1603"/>
        <v>2.355212551758501</v>
      </c>
      <c r="P6914" s="236" t="str">
        <f t="shared" si="1604"/>
        <v>SAND</v>
      </c>
      <c r="Q6914" s="236" t="e">
        <f t="shared" si="1600"/>
        <v>#N/A</v>
      </c>
      <c r="R6914" s="238">
        <v>35</v>
      </c>
      <c r="S6914" s="236" t="e">
        <f t="shared" si="1605"/>
        <v>#N/A</v>
      </c>
      <c r="T6914" s="236">
        <f t="shared" si="1592"/>
        <v>33.286263623254257</v>
      </c>
    </row>
    <row r="6915" spans="2:20" x14ac:dyDescent="0.2">
      <c r="B6915" s="239">
        <v>68.828999999999994</v>
      </c>
      <c r="C6915" s="3">
        <f t="shared" si="1593"/>
        <v>68.821999999999989</v>
      </c>
      <c r="D6915" s="239">
        <v>20.717300000000002</v>
      </c>
      <c r="E6915" s="239">
        <v>0.17050000000000001</v>
      </c>
      <c r="F6915" s="239">
        <v>0.33950000000000002</v>
      </c>
      <c r="G6915">
        <f t="shared" si="1594"/>
        <v>20.785200000000003</v>
      </c>
      <c r="H6915" s="235">
        <f t="shared" si="1595"/>
        <v>0.82029521005330708</v>
      </c>
      <c r="I6915" s="236">
        <f t="shared" si="1596"/>
        <v>20.456077676339312</v>
      </c>
      <c r="J6915" s="237">
        <f t="shared" si="1601"/>
        <v>10.456077676339312</v>
      </c>
      <c r="K6915" s="237">
        <f t="shared" si="1597"/>
        <v>1407.8281778410239</v>
      </c>
      <c r="L6915" s="237">
        <f t="shared" si="1602"/>
        <v>719.68137038475845</v>
      </c>
      <c r="M6915" s="236">
        <f t="shared" si="1598"/>
        <v>26.924931809474774</v>
      </c>
      <c r="N6915" s="236">
        <f t="shared" si="1599"/>
        <v>0.8798922865536638</v>
      </c>
      <c r="O6915" s="236">
        <f t="shared" si="1603"/>
        <v>2.3488008199230626</v>
      </c>
      <c r="P6915" s="236" t="str">
        <f t="shared" si="1604"/>
        <v>SAND</v>
      </c>
      <c r="Q6915" s="236" t="e">
        <f t="shared" si="1600"/>
        <v>#N/A</v>
      </c>
      <c r="R6915" s="238">
        <v>35</v>
      </c>
      <c r="S6915" s="236" t="e">
        <f t="shared" si="1605"/>
        <v>#N/A</v>
      </c>
      <c r="T6915" s="236">
        <f t="shared" si="1592"/>
        <v>33.331700732770692</v>
      </c>
    </row>
    <row r="6916" spans="2:20" x14ac:dyDescent="0.2">
      <c r="B6916" s="239">
        <v>68.837999999999994</v>
      </c>
      <c r="C6916" s="3">
        <f t="shared" si="1593"/>
        <v>68.830999999999989</v>
      </c>
      <c r="D6916" s="239">
        <v>20.857800000000001</v>
      </c>
      <c r="E6916" s="239">
        <v>0.1694</v>
      </c>
      <c r="F6916" s="239">
        <v>0.32169999999999999</v>
      </c>
      <c r="G6916">
        <f t="shared" si="1594"/>
        <v>20.922140000000002</v>
      </c>
      <c r="H6916" s="235">
        <f t="shared" si="1595"/>
        <v>0.80966860942523078</v>
      </c>
      <c r="I6916" s="236">
        <f t="shared" si="1596"/>
        <v>20.451054744024589</v>
      </c>
      <c r="J6916" s="237">
        <f t="shared" si="1601"/>
        <v>10.451054744024589</v>
      </c>
      <c r="K6916" s="237">
        <f t="shared" si="1597"/>
        <v>1407.6665490859561</v>
      </c>
      <c r="L6916" s="237">
        <f t="shared" si="1602"/>
        <v>719.42970646916456</v>
      </c>
      <c r="M6916" s="236">
        <f t="shared" si="1598"/>
        <v>27.124920302064918</v>
      </c>
      <c r="N6916" s="236">
        <f t="shared" si="1599"/>
        <v>0.86807363993756848</v>
      </c>
      <c r="O6916" s="236">
        <f t="shared" si="1603"/>
        <v>2.3431007891695486</v>
      </c>
      <c r="P6916" s="236" t="str">
        <f t="shared" si="1604"/>
        <v>SAND</v>
      </c>
      <c r="Q6916" s="236" t="e">
        <f t="shared" si="1600"/>
        <v>#N/A</v>
      </c>
      <c r="R6916" s="238">
        <v>35</v>
      </c>
      <c r="S6916" s="236" t="e">
        <f t="shared" si="1605"/>
        <v>#N/A</v>
      </c>
      <c r="T6916" s="236">
        <f t="shared" si="1592"/>
        <v>33.36705317904763</v>
      </c>
    </row>
    <row r="6917" spans="2:20" x14ac:dyDescent="0.2">
      <c r="B6917" s="239">
        <v>68.849000000000004</v>
      </c>
      <c r="C6917" s="3">
        <f t="shared" si="1593"/>
        <v>68.841999999999999</v>
      </c>
      <c r="D6917" s="239">
        <v>20.9145</v>
      </c>
      <c r="E6917" s="239">
        <v>0.1641</v>
      </c>
      <c r="F6917" s="239">
        <v>0.31969999999999998</v>
      </c>
      <c r="G6917">
        <f t="shared" si="1594"/>
        <v>20.978439999999999</v>
      </c>
      <c r="H6917" s="235">
        <f t="shared" si="1595"/>
        <v>0.78223166260217636</v>
      </c>
      <c r="I6917" s="236">
        <f t="shared" si="1596"/>
        <v>20.414832094249427</v>
      </c>
      <c r="J6917" s="237">
        <f t="shared" si="1601"/>
        <v>10.414832094249427</v>
      </c>
      <c r="K6917" s="237">
        <f t="shared" si="1597"/>
        <v>1405.397871032319</v>
      </c>
      <c r="L6917" s="237">
        <f t="shared" si="1602"/>
        <v>717.05077485697882</v>
      </c>
      <c r="M6917" s="236">
        <f t="shared" si="1598"/>
        <v>27.296591559881755</v>
      </c>
      <c r="N6917" s="236">
        <f t="shared" si="1599"/>
        <v>0.83839803193973372</v>
      </c>
      <c r="O6917" s="236">
        <f t="shared" si="1603"/>
        <v>2.3332795434754203</v>
      </c>
      <c r="P6917" s="236" t="str">
        <f t="shared" si="1604"/>
        <v>SAND</v>
      </c>
      <c r="Q6917" s="236" t="e">
        <f t="shared" si="1600"/>
        <v>#N/A</v>
      </c>
      <c r="R6917" s="238">
        <v>35</v>
      </c>
      <c r="S6917" s="236" t="e">
        <f t="shared" si="1605"/>
        <v>#N/A</v>
      </c>
      <c r="T6917" s="236">
        <f t="shared" si="1592"/>
        <v>33.397192635739714</v>
      </c>
    </row>
    <row r="6918" spans="2:20" x14ac:dyDescent="0.2">
      <c r="B6918" s="239">
        <v>68.858999999999995</v>
      </c>
      <c r="C6918" s="3">
        <f t="shared" si="1593"/>
        <v>68.85199999999999</v>
      </c>
      <c r="D6918" s="239">
        <v>20.978899999999999</v>
      </c>
      <c r="E6918" s="239">
        <v>0.16059999999999999</v>
      </c>
      <c r="F6918" s="239">
        <v>0.33589999999999998</v>
      </c>
      <c r="G6918">
        <f t="shared" si="1594"/>
        <v>21.04608</v>
      </c>
      <c r="H6918" s="235">
        <f t="shared" si="1595"/>
        <v>0.76308747282154199</v>
      </c>
      <c r="I6918" s="236">
        <f t="shared" si="1596"/>
        <v>20.390810110136126</v>
      </c>
      <c r="J6918" s="237">
        <f t="shared" si="1601"/>
        <v>10.390810110136126</v>
      </c>
      <c r="K6918" s="237">
        <f t="shared" si="1597"/>
        <v>1403.9480577030924</v>
      </c>
      <c r="L6918" s="237">
        <f t="shared" si="1602"/>
        <v>715.50079337386342</v>
      </c>
      <c r="M6918" s="236">
        <f t="shared" si="1598"/>
        <v>27.452285342237911</v>
      </c>
      <c r="N6918" s="236">
        <f t="shared" si="1599"/>
        <v>0.81763018633515905</v>
      </c>
      <c r="O6918" s="236">
        <f t="shared" si="1603"/>
        <v>2.3258027567035806</v>
      </c>
      <c r="P6918" s="236" t="str">
        <f t="shared" si="1604"/>
        <v>SAND</v>
      </c>
      <c r="Q6918" s="236" t="e">
        <f t="shared" si="1600"/>
        <v>#N/A</v>
      </c>
      <c r="R6918" s="238">
        <v>35</v>
      </c>
      <c r="S6918" s="236" t="e">
        <f t="shared" si="1605"/>
        <v>#N/A</v>
      </c>
      <c r="T6918" s="236">
        <f t="shared" si="1592"/>
        <v>33.424363547842418</v>
      </c>
    </row>
    <row r="6919" spans="2:20" x14ac:dyDescent="0.2">
      <c r="B6919" s="239">
        <v>68.87</v>
      </c>
      <c r="C6919" s="3">
        <f t="shared" si="1593"/>
        <v>68.863</v>
      </c>
      <c r="D6919" s="239">
        <v>20.860399999999998</v>
      </c>
      <c r="E6919" s="239">
        <v>0.15340000000000001</v>
      </c>
      <c r="F6919" s="239">
        <v>0.36959999999999998</v>
      </c>
      <c r="G6919">
        <f t="shared" si="1594"/>
        <v>20.93432</v>
      </c>
      <c r="H6919" s="235">
        <f t="shared" si="1595"/>
        <v>0.73276800966069122</v>
      </c>
      <c r="I6919" s="236">
        <f t="shared" si="1596"/>
        <v>20.334944497957004</v>
      </c>
      <c r="J6919" s="237">
        <f t="shared" si="1601"/>
        <v>10.334944497957004</v>
      </c>
      <c r="K6919" s="237">
        <f t="shared" si="1597"/>
        <v>1400.3252829628132</v>
      </c>
      <c r="L6919" s="237">
        <f t="shared" si="1602"/>
        <v>711.7676275742989</v>
      </c>
      <c r="M6919" s="236">
        <f t="shared" si="1598"/>
        <v>27.444342732485541</v>
      </c>
      <c r="N6919" s="236">
        <f t="shared" si="1599"/>
        <v>0.78529764250528533</v>
      </c>
      <c r="O6919" s="236">
        <f t="shared" si="1603"/>
        <v>2.3174307676068726</v>
      </c>
      <c r="P6919" s="236" t="str">
        <f t="shared" si="1604"/>
        <v>SAND</v>
      </c>
      <c r="Q6919" s="236" t="e">
        <f t="shared" si="1600"/>
        <v>#N/A</v>
      </c>
      <c r="R6919" s="238">
        <v>35</v>
      </c>
      <c r="S6919" s="236" t="e">
        <f t="shared" si="1605"/>
        <v>#N/A</v>
      </c>
      <c r="T6919" s="236">
        <f t="shared" si="1592"/>
        <v>33.422981177046381</v>
      </c>
    </row>
    <row r="6920" spans="2:20" x14ac:dyDescent="0.2">
      <c r="B6920" s="239">
        <v>68.88</v>
      </c>
      <c r="C6920" s="3">
        <f t="shared" si="1593"/>
        <v>68.87299999999999</v>
      </c>
      <c r="D6920" s="239">
        <v>20.784700000000001</v>
      </c>
      <c r="E6920" s="239">
        <v>0.14480000000000001</v>
      </c>
      <c r="F6920" s="239">
        <v>0.37269999999999998</v>
      </c>
      <c r="G6920">
        <f t="shared" si="1594"/>
        <v>20.85924</v>
      </c>
      <c r="H6920" s="235">
        <f t="shared" si="1595"/>
        <v>0.69417677729389959</v>
      </c>
      <c r="I6920" s="236">
        <f t="shared" si="1596"/>
        <v>20.265886804301019</v>
      </c>
      <c r="J6920" s="237">
        <f t="shared" si="1601"/>
        <v>10.265886804301019</v>
      </c>
      <c r="K6920" s="237">
        <f t="shared" si="1597"/>
        <v>1395.7724218726239</v>
      </c>
      <c r="L6920" s="237">
        <f t="shared" si="1602"/>
        <v>707.11428308025415</v>
      </c>
      <c r="M6920" s="236">
        <f t="shared" si="1598"/>
        <v>27.525207797165031</v>
      </c>
      <c r="N6920" s="236">
        <f t="shared" si="1599"/>
        <v>0.74395787605042762</v>
      </c>
      <c r="O6920" s="236">
        <f t="shared" si="1603"/>
        <v>2.3050968748407858</v>
      </c>
      <c r="P6920" s="236" t="str">
        <f t="shared" si="1604"/>
        <v>SAND</v>
      </c>
      <c r="Q6920" s="236" t="e">
        <f t="shared" si="1600"/>
        <v>#N/A</v>
      </c>
      <c r="R6920" s="238">
        <v>35</v>
      </c>
      <c r="S6920" s="236" t="e">
        <f t="shared" si="1605"/>
        <v>#N/A</v>
      </c>
      <c r="T6920" s="236">
        <f t="shared" si="1592"/>
        <v>33.437036669223787</v>
      </c>
    </row>
    <row r="6921" spans="2:20" x14ac:dyDescent="0.2">
      <c r="B6921" s="239">
        <v>68.89</v>
      </c>
      <c r="C6921" s="3">
        <f t="shared" si="1593"/>
        <v>68.882999999999996</v>
      </c>
      <c r="D6921" s="239">
        <v>20.615300000000001</v>
      </c>
      <c r="E6921" s="239">
        <v>0.1358</v>
      </c>
      <c r="F6921" s="239">
        <v>0.40889999999999999</v>
      </c>
      <c r="G6921">
        <f t="shared" si="1594"/>
        <v>20.69708</v>
      </c>
      <c r="H6921" s="235">
        <f t="shared" si="1595"/>
        <v>0.65613120304893247</v>
      </c>
      <c r="I6921" s="236">
        <f t="shared" si="1596"/>
        <v>20.187590603737764</v>
      </c>
      <c r="J6921" s="237">
        <f t="shared" si="1601"/>
        <v>10.187590603737764</v>
      </c>
      <c r="K6921" s="237">
        <f t="shared" si="1597"/>
        <v>1390.5818035572684</v>
      </c>
      <c r="L6921" s="237">
        <f t="shared" si="1602"/>
        <v>701.82311669149453</v>
      </c>
      <c r="M6921" s="236">
        <f t="shared" si="1598"/>
        <v>27.509065656680878</v>
      </c>
      <c r="N6921" s="236">
        <f t="shared" si="1599"/>
        <v>0.7033901156918323</v>
      </c>
      <c r="O6921" s="236">
        <f t="shared" si="1603"/>
        <v>2.2938910664462284</v>
      </c>
      <c r="P6921" s="236" t="str">
        <f t="shared" si="1604"/>
        <v>SAND</v>
      </c>
      <c r="Q6921" s="236" t="e">
        <f t="shared" si="1600"/>
        <v>#N/A</v>
      </c>
      <c r="R6921" s="238">
        <v>35</v>
      </c>
      <c r="S6921" s="236" t="e">
        <f t="shared" si="1605"/>
        <v>#N/A</v>
      </c>
      <c r="T6921" s="236">
        <f t="shared" si="1592"/>
        <v>33.434234238473124</v>
      </c>
    </row>
    <row r="6922" spans="2:20" x14ac:dyDescent="0.2">
      <c r="B6922" s="239">
        <v>68.900999999999996</v>
      </c>
      <c r="C6922" s="3">
        <f t="shared" si="1593"/>
        <v>68.893999999999991</v>
      </c>
      <c r="D6922" s="239">
        <v>20.457899999999999</v>
      </c>
      <c r="E6922" s="239">
        <v>0.1283</v>
      </c>
      <c r="F6922" s="239">
        <v>0.438</v>
      </c>
      <c r="G6922">
        <f t="shared" si="1594"/>
        <v>20.545499999999997</v>
      </c>
      <c r="H6922" s="235">
        <f t="shared" si="1595"/>
        <v>0.62446764498308638</v>
      </c>
      <c r="I6922" s="236">
        <f t="shared" si="1596"/>
        <v>20.118100069929742</v>
      </c>
      <c r="J6922" s="237">
        <f t="shared" si="1601"/>
        <v>10.118100069929742</v>
      </c>
      <c r="K6922" s="237">
        <f t="shared" si="1597"/>
        <v>1386.0163862177394</v>
      </c>
      <c r="L6922" s="237">
        <f t="shared" si="1602"/>
        <v>697.14721291822912</v>
      </c>
      <c r="M6922" s="236">
        <f t="shared" si="1598"/>
        <v>27.482694126512332</v>
      </c>
      <c r="N6922" s="236">
        <f t="shared" si="1599"/>
        <v>0.66964226482444544</v>
      </c>
      <c r="O6922" s="236">
        <f t="shared" si="1603"/>
        <v>2.2844052595750819</v>
      </c>
      <c r="P6922" s="236" t="str">
        <f t="shared" si="1604"/>
        <v>SAND</v>
      </c>
      <c r="Q6922" s="236" t="e">
        <f t="shared" si="1600"/>
        <v>#N/A</v>
      </c>
      <c r="R6922" s="238">
        <v>35</v>
      </c>
      <c r="S6922" s="236" t="e">
        <f t="shared" si="1605"/>
        <v>#N/A</v>
      </c>
      <c r="T6922" s="236">
        <f t="shared" si="1592"/>
        <v>33.429652347640712</v>
      </c>
    </row>
    <row r="6923" spans="2:20" x14ac:dyDescent="0.2">
      <c r="B6923" s="239">
        <v>68.91</v>
      </c>
      <c r="C6923" s="3">
        <f t="shared" si="1593"/>
        <v>68.902999999999992</v>
      </c>
      <c r="D6923" s="239">
        <v>20.383299999999998</v>
      </c>
      <c r="E6923" s="239">
        <v>0.1208</v>
      </c>
      <c r="F6923" s="239">
        <v>0.46810000000000002</v>
      </c>
      <c r="G6923">
        <f t="shared" si="1594"/>
        <v>20.47692</v>
      </c>
      <c r="H6923" s="235">
        <f t="shared" si="1595"/>
        <v>0.58993247031291818</v>
      </c>
      <c r="I6923" s="236">
        <f t="shared" si="1596"/>
        <v>20.046161947168386</v>
      </c>
      <c r="J6923" s="237">
        <f t="shared" si="1601"/>
        <v>10.046161947168386</v>
      </c>
      <c r="K6923" s="237">
        <f t="shared" si="1597"/>
        <v>1381.2406966457431</v>
      </c>
      <c r="L6923" s="237">
        <f t="shared" si="1602"/>
        <v>692.28101977937342</v>
      </c>
      <c r="M6923" s="236">
        <f t="shared" si="1598"/>
        <v>27.58371059983698</v>
      </c>
      <c r="N6923" s="236">
        <f t="shared" si="1599"/>
        <v>0.63260383713493162</v>
      </c>
      <c r="O6923" s="236">
        <f t="shared" si="1603"/>
        <v>2.271774793333774</v>
      </c>
      <c r="P6923" s="236" t="str">
        <f t="shared" si="1604"/>
        <v>SAND</v>
      </c>
      <c r="Q6923" s="236" t="e">
        <f t="shared" si="1600"/>
        <v>#N/A</v>
      </c>
      <c r="R6923" s="238">
        <v>35</v>
      </c>
      <c r="S6923" s="236" t="e">
        <f t="shared" si="1605"/>
        <v>#N/A</v>
      </c>
      <c r="T6923" s="236">
        <f t="shared" si="1592"/>
        <v>33.447179564466786</v>
      </c>
    </row>
    <row r="6924" spans="2:20" x14ac:dyDescent="0.2">
      <c r="B6924" s="239">
        <v>68.921000000000006</v>
      </c>
      <c r="C6924" s="3">
        <f t="shared" si="1593"/>
        <v>68.914000000000001</v>
      </c>
      <c r="D6924" s="239">
        <v>20.253599999999999</v>
      </c>
      <c r="E6924" s="239">
        <v>0.1144</v>
      </c>
      <c r="F6924" s="239">
        <v>0.496</v>
      </c>
      <c r="G6924">
        <f t="shared" si="1594"/>
        <v>20.352799999999998</v>
      </c>
      <c r="H6924" s="235">
        <f t="shared" si="1595"/>
        <v>0.56208482370975987</v>
      </c>
      <c r="I6924" s="236">
        <f t="shared" si="1596"/>
        <v>19.979955068877505</v>
      </c>
      <c r="J6924" s="237">
        <f t="shared" si="1601"/>
        <v>9.9799550688775049</v>
      </c>
      <c r="K6924" s="237">
        <f t="shared" si="1597"/>
        <v>1376.8986236166245</v>
      </c>
      <c r="L6924" s="237">
        <f t="shared" si="1602"/>
        <v>687.82848330210663</v>
      </c>
      <c r="M6924" s="236">
        <f t="shared" si="1598"/>
        <v>27.588129653026915</v>
      </c>
      <c r="N6924" s="236">
        <f t="shared" si="1599"/>
        <v>0.60286991237411014</v>
      </c>
      <c r="O6924" s="236">
        <f t="shared" si="1603"/>
        <v>2.2623915272778676</v>
      </c>
      <c r="P6924" s="236" t="str">
        <f t="shared" si="1604"/>
        <v>SAND</v>
      </c>
      <c r="Q6924" s="236" t="e">
        <f t="shared" si="1600"/>
        <v>#N/A</v>
      </c>
      <c r="R6924" s="238">
        <v>35</v>
      </c>
      <c r="S6924" s="236" t="e">
        <f t="shared" si="1605"/>
        <v>#N/A</v>
      </c>
      <c r="T6924" s="236">
        <f t="shared" si="1592"/>
        <v>33.447944841627027</v>
      </c>
    </row>
    <row r="6925" spans="2:20" x14ac:dyDescent="0.2">
      <c r="B6925" s="239">
        <v>68.930000000000007</v>
      </c>
      <c r="C6925" s="3">
        <f t="shared" si="1593"/>
        <v>68.923000000000002</v>
      </c>
      <c r="D6925" s="239">
        <v>20.113199999999999</v>
      </c>
      <c r="E6925" s="239">
        <v>0.10730000000000001</v>
      </c>
      <c r="F6925" s="239">
        <v>0.51</v>
      </c>
      <c r="G6925">
        <f t="shared" si="1594"/>
        <v>20.215199999999999</v>
      </c>
      <c r="H6925" s="235">
        <f t="shared" si="1595"/>
        <v>0.53078871344334966</v>
      </c>
      <c r="I6925" s="236">
        <f t="shared" si="1596"/>
        <v>19.902172541853385</v>
      </c>
      <c r="J6925" s="237">
        <f t="shared" si="1601"/>
        <v>9.9021725418533855</v>
      </c>
      <c r="K6925" s="237">
        <f t="shared" si="1597"/>
        <v>1371.7174381021609</v>
      </c>
      <c r="L6925" s="237">
        <f t="shared" si="1602"/>
        <v>682.55675330995393</v>
      </c>
      <c r="M6925" s="236">
        <f t="shared" si="1598"/>
        <v>27.607202581352055</v>
      </c>
      <c r="N6925" s="236">
        <f t="shared" si="1599"/>
        <v>0.56942765036949305</v>
      </c>
      <c r="O6925" s="236">
        <f t="shared" si="1603"/>
        <v>2.2512730756650923</v>
      </c>
      <c r="P6925" s="236" t="str">
        <f t="shared" si="1604"/>
        <v>SAND</v>
      </c>
      <c r="Q6925" s="236" t="e">
        <f t="shared" si="1600"/>
        <v>#N/A</v>
      </c>
      <c r="R6925" s="238">
        <v>35</v>
      </c>
      <c r="S6925" s="236" t="e">
        <f t="shared" si="1605"/>
        <v>#N/A</v>
      </c>
      <c r="T6925" s="236">
        <f t="shared" ref="T6925:T6988" si="1606">IF(P6925="SAND",17.6+(11*LOG(M6925)),#N/A)</f>
        <v>33.451246423217967</v>
      </c>
    </row>
    <row r="6926" spans="2:20" x14ac:dyDescent="0.2">
      <c r="B6926" s="239">
        <v>68.94</v>
      </c>
      <c r="C6926" s="3">
        <f t="shared" ref="C6926:C6989" si="1607">MAX($B6926 - $B$13, 0.001)</f>
        <v>68.932999999999993</v>
      </c>
      <c r="D6926" s="239">
        <v>20.048999999999999</v>
      </c>
      <c r="E6926" s="239">
        <v>0.10100000000000001</v>
      </c>
      <c r="F6926" s="239">
        <v>0.51519999999999999</v>
      </c>
      <c r="G6926">
        <f t="shared" si="1594"/>
        <v>20.15204</v>
      </c>
      <c r="H6926" s="235">
        <f t="shared" si="1595"/>
        <v>0.50118995396992072</v>
      </c>
      <c r="I6926" s="236">
        <f t="shared" si="1596"/>
        <v>19.829997878469634</v>
      </c>
      <c r="J6926" s="237">
        <f t="shared" si="1601"/>
        <v>9.8299978784696336</v>
      </c>
      <c r="K6926" s="237">
        <f t="shared" si="1597"/>
        <v>1366.941243756547</v>
      </c>
      <c r="L6926" s="237">
        <f t="shared" si="1602"/>
        <v>677.6800537416965</v>
      </c>
      <c r="M6926" s="236">
        <f t="shared" si="1598"/>
        <v>27.719716188376342</v>
      </c>
      <c r="N6926" s="236">
        <f t="shared" si="1599"/>
        <v>0.53766020243269386</v>
      </c>
      <c r="O6926" s="236">
        <f t="shared" si="1603"/>
        <v>2.2389842751248965</v>
      </c>
      <c r="P6926" s="236" t="str">
        <f t="shared" si="1604"/>
        <v>SAND</v>
      </c>
      <c r="Q6926" s="236" t="e">
        <f t="shared" si="1600"/>
        <v>#N/A</v>
      </c>
      <c r="R6926" s="238">
        <v>35</v>
      </c>
      <c r="S6926" s="236" t="e">
        <f t="shared" si="1605"/>
        <v>#N/A</v>
      </c>
      <c r="T6926" s="236">
        <f t="shared" si="1606"/>
        <v>33.470676573252916</v>
      </c>
    </row>
    <row r="6927" spans="2:20" x14ac:dyDescent="0.2">
      <c r="B6927" s="239">
        <v>68.950999999999993</v>
      </c>
      <c r="C6927" s="3">
        <f t="shared" si="1607"/>
        <v>68.943999999999988</v>
      </c>
      <c r="D6927" s="239">
        <v>19.973099999999999</v>
      </c>
      <c r="E6927" s="239">
        <v>9.8100000000000007E-2</v>
      </c>
      <c r="F6927" s="239">
        <v>0.55030000000000001</v>
      </c>
      <c r="G6927">
        <f t="shared" ref="G6927:G6990" si="1608">$D6927+($F6927*(1-$P$8))</f>
        <v>20.083159999999999</v>
      </c>
      <c r="H6927" s="235">
        <f t="shared" ref="H6927:H6990" si="1609">($E6927/$G6927)*100</f>
        <v>0.48846894612202474</v>
      </c>
      <c r="I6927" s="236">
        <f t="shared" ref="I6927:I6990" si="1610">((0.27*(LOG($H6927)))+(0.36*(LOG(($G6927*1000)/101)))+1.236)*10</f>
        <v>19.794498217727355</v>
      </c>
      <c r="J6927" s="237">
        <f t="shared" si="1601"/>
        <v>9.7944982177273552</v>
      </c>
      <c r="K6927" s="237">
        <f t="shared" ref="K6927:K6990" si="1611">$I6927*$C6927</f>
        <v>1364.7118851229945</v>
      </c>
      <c r="L6927" s="237">
        <f t="shared" si="1602"/>
        <v>675.34044661051882</v>
      </c>
      <c r="M6927" s="236">
        <f t="shared" ref="M6927:M6990" si="1612">(($G6927*1000)-$K6927)/$L6927</f>
        <v>27.717054722286282</v>
      </c>
      <c r="N6927" s="236">
        <f t="shared" ref="N6927:N6990" si="1613">(($E6927*1000)/(($G6927*1000)-$K6927))*100</f>
        <v>0.52408190784807795</v>
      </c>
      <c r="O6927" s="236">
        <f t="shared" si="1603"/>
        <v>2.2343288031016222</v>
      </c>
      <c r="P6927" s="236" t="str">
        <f t="shared" si="1604"/>
        <v>SAND</v>
      </c>
      <c r="Q6927" s="236" t="e">
        <f t="shared" ref="Q6927:Q6990" si="1614">IF(P6927="CLAY",($G6927*1000 -$K6927)/$L$8,#N/A)</f>
        <v>#N/A</v>
      </c>
      <c r="R6927" s="238">
        <v>35</v>
      </c>
      <c r="S6927" s="236" t="e">
        <f t="shared" si="1605"/>
        <v>#N/A</v>
      </c>
      <c r="T6927" s="236">
        <f t="shared" si="1606"/>
        <v>33.470217871917889</v>
      </c>
    </row>
    <row r="6928" spans="2:20" x14ac:dyDescent="0.2">
      <c r="B6928" s="239">
        <v>68.960999999999999</v>
      </c>
      <c r="C6928" s="3">
        <f t="shared" si="1607"/>
        <v>68.953999999999994</v>
      </c>
      <c r="D6928" s="239">
        <v>19.9223</v>
      </c>
      <c r="E6928" s="239">
        <v>9.6600000000000005E-2</v>
      </c>
      <c r="F6928" s="239">
        <v>0.56930000000000003</v>
      </c>
      <c r="G6928">
        <f t="shared" si="1608"/>
        <v>20.036159999999999</v>
      </c>
      <c r="H6928" s="235">
        <f t="shared" si="1609"/>
        <v>0.48212831201188255</v>
      </c>
      <c r="I6928" s="236">
        <f t="shared" si="1610"/>
        <v>19.775514337709513</v>
      </c>
      <c r="J6928" s="237">
        <f t="shared" ref="J6928:J6991" si="1615">$I6928-10</f>
        <v>9.7755143377095131</v>
      </c>
      <c r="K6928" s="237">
        <f t="shared" si="1611"/>
        <v>1363.6008156424216</v>
      </c>
      <c r="L6928" s="237">
        <f t="shared" ref="L6928:L6991" si="1616">$J6928*$B6928</f>
        <v>674.12924424278572</v>
      </c>
      <c r="M6928" s="236">
        <f t="shared" si="1612"/>
        <v>27.698782308919846</v>
      </c>
      <c r="N6928" s="236">
        <f t="shared" si="1613"/>
        <v>0.51733669202089871</v>
      </c>
      <c r="O6928" s="236">
        <f t="shared" ref="O6928:O6991" si="1617">((3.47-LOG($M6928))^2+(LOG($N6928)+1.22)^2)^0.5</f>
        <v>2.2322294343893283</v>
      </c>
      <c r="P6928" s="236" t="str">
        <f t="shared" ref="P6928:P6991" si="1618">IF(O6928&lt;2.6,"SAND","CLAY")</f>
        <v>SAND</v>
      </c>
      <c r="Q6928" s="236" t="e">
        <f t="shared" si="1614"/>
        <v>#N/A</v>
      </c>
      <c r="R6928" s="238">
        <v>35</v>
      </c>
      <c r="S6928" s="236" t="e">
        <f t="shared" ref="S6928:S6991" si="1619">IF(P6928="SAND",#N/A,0.25*($M6928)^1.25)</f>
        <v>#N/A</v>
      </c>
      <c r="T6928" s="236">
        <f t="shared" si="1606"/>
        <v>33.467067447811814</v>
      </c>
    </row>
    <row r="6929" spans="2:20" x14ac:dyDescent="0.2">
      <c r="B6929" s="239">
        <v>68.971000000000004</v>
      </c>
      <c r="C6929" s="3">
        <f t="shared" si="1607"/>
        <v>68.963999999999999</v>
      </c>
      <c r="D6929" s="239">
        <v>19.798300000000001</v>
      </c>
      <c r="E6929" s="239">
        <v>9.69E-2</v>
      </c>
      <c r="F6929" s="239">
        <v>0.59119999999999995</v>
      </c>
      <c r="G6929">
        <f t="shared" si="1608"/>
        <v>19.916540000000001</v>
      </c>
      <c r="H6929" s="235">
        <f t="shared" si="1609"/>
        <v>0.48653029090394212</v>
      </c>
      <c r="I6929" s="236">
        <f t="shared" si="1610"/>
        <v>19.776809755985912</v>
      </c>
      <c r="J6929" s="237">
        <f t="shared" si="1615"/>
        <v>9.7768097559859122</v>
      </c>
      <c r="K6929" s="237">
        <f t="shared" si="1611"/>
        <v>1363.8879080118124</v>
      </c>
      <c r="L6929" s="237">
        <f t="shared" si="1616"/>
        <v>674.3163456801044</v>
      </c>
      <c r="M6929" s="236">
        <f t="shared" si="1612"/>
        <v>27.513276536810459</v>
      </c>
      <c r="N6929" s="236">
        <f t="shared" si="1613"/>
        <v>0.52229729485330822</v>
      </c>
      <c r="O6929" s="236">
        <f t="shared" si="1617"/>
        <v>2.2366153386217333</v>
      </c>
      <c r="P6929" s="236" t="str">
        <f t="shared" si="1618"/>
        <v>SAND</v>
      </c>
      <c r="Q6929" s="236" t="e">
        <f t="shared" si="1614"/>
        <v>#N/A</v>
      </c>
      <c r="R6929" s="238">
        <v>35</v>
      </c>
      <c r="S6929" s="236" t="e">
        <f t="shared" si="1619"/>
        <v>#N/A</v>
      </c>
      <c r="T6929" s="236">
        <f t="shared" si="1606"/>
        <v>33.434965446243787</v>
      </c>
    </row>
    <row r="6930" spans="2:20" x14ac:dyDescent="0.2">
      <c r="B6930" s="239">
        <v>68.980999999999995</v>
      </c>
      <c r="C6930" s="3">
        <f t="shared" si="1607"/>
        <v>68.97399999999999</v>
      </c>
      <c r="D6930" s="239">
        <v>19.7257</v>
      </c>
      <c r="E6930" s="239">
        <v>9.7799999999999998E-2</v>
      </c>
      <c r="F6930" s="239">
        <v>0.61</v>
      </c>
      <c r="G6930">
        <f t="shared" si="1608"/>
        <v>19.8477</v>
      </c>
      <c r="H6930" s="235">
        <f t="shared" si="1609"/>
        <v>0.4927523088317538</v>
      </c>
      <c r="I6930" s="236">
        <f t="shared" si="1610"/>
        <v>19.786297130526741</v>
      </c>
      <c r="J6930" s="237">
        <f t="shared" si="1615"/>
        <v>9.7862971305267408</v>
      </c>
      <c r="K6930" s="237">
        <f t="shared" si="1611"/>
        <v>1364.7400582809512</v>
      </c>
      <c r="L6930" s="237">
        <f t="shared" si="1616"/>
        <v>675.06856236086503</v>
      </c>
      <c r="M6930" s="236">
        <f t="shared" si="1612"/>
        <v>27.379381846904597</v>
      </c>
      <c r="N6930" s="236">
        <f t="shared" si="1613"/>
        <v>0.52913602749984578</v>
      </c>
      <c r="O6930" s="236">
        <f t="shared" si="1617"/>
        <v>2.2409118625038764</v>
      </c>
      <c r="P6930" s="236" t="str">
        <f t="shared" si="1618"/>
        <v>SAND</v>
      </c>
      <c r="Q6930" s="236" t="e">
        <f t="shared" si="1614"/>
        <v>#N/A</v>
      </c>
      <c r="R6930" s="238">
        <v>35</v>
      </c>
      <c r="S6930" s="236" t="e">
        <f t="shared" si="1619"/>
        <v>#N/A</v>
      </c>
      <c r="T6930" s="236">
        <f t="shared" si="1606"/>
        <v>33.411660025729574</v>
      </c>
    </row>
    <row r="6931" spans="2:20" x14ac:dyDescent="0.2">
      <c r="B6931" s="239">
        <v>68.989999999999995</v>
      </c>
      <c r="C6931" s="3">
        <f t="shared" si="1607"/>
        <v>68.98299999999999</v>
      </c>
      <c r="D6931" s="239">
        <v>19.582799999999999</v>
      </c>
      <c r="E6931" s="239">
        <v>0.10100000000000001</v>
      </c>
      <c r="F6931" s="239">
        <v>0.61699999999999999</v>
      </c>
      <c r="G6931">
        <f t="shared" si="1608"/>
        <v>19.706199999999999</v>
      </c>
      <c r="H6931" s="235">
        <f t="shared" si="1609"/>
        <v>0.51252905177050878</v>
      </c>
      <c r="I6931" s="236">
        <f t="shared" si="1610"/>
        <v>19.821253361148546</v>
      </c>
      <c r="J6931" s="237">
        <f t="shared" si="1615"/>
        <v>9.8212533611485462</v>
      </c>
      <c r="K6931" s="237">
        <f t="shared" si="1611"/>
        <v>1367.3295206121099</v>
      </c>
      <c r="L6931" s="237">
        <f t="shared" si="1616"/>
        <v>677.56826938563813</v>
      </c>
      <c r="M6931" s="236">
        <f t="shared" si="1612"/>
        <v>27.065716191249678</v>
      </c>
      <c r="N6931" s="236">
        <f t="shared" si="1613"/>
        <v>0.55074275219686897</v>
      </c>
      <c r="O6931" s="236">
        <f t="shared" si="1617"/>
        <v>2.2528108611453384</v>
      </c>
      <c r="P6931" s="236" t="str">
        <f t="shared" si="1618"/>
        <v>SAND</v>
      </c>
      <c r="Q6931" s="236" t="e">
        <f t="shared" si="1614"/>
        <v>#N/A</v>
      </c>
      <c r="R6931" s="238">
        <v>35</v>
      </c>
      <c r="S6931" s="236" t="e">
        <f t="shared" si="1619"/>
        <v>#N/A</v>
      </c>
      <c r="T6931" s="236">
        <f t="shared" si="1606"/>
        <v>33.356614758840955</v>
      </c>
    </row>
    <row r="6932" spans="2:20" x14ac:dyDescent="0.2">
      <c r="B6932" s="239">
        <v>68.998999999999995</v>
      </c>
      <c r="C6932" s="3">
        <f t="shared" si="1607"/>
        <v>68.99199999999999</v>
      </c>
      <c r="D6932" s="239">
        <v>19.454899999999999</v>
      </c>
      <c r="E6932" s="239">
        <v>0.1045</v>
      </c>
      <c r="F6932" s="239">
        <v>0.63100000000000001</v>
      </c>
      <c r="G6932">
        <f t="shared" si="1608"/>
        <v>19.581099999999999</v>
      </c>
      <c r="H6932" s="235">
        <f t="shared" si="1609"/>
        <v>0.53367788326498511</v>
      </c>
      <c r="I6932" s="236">
        <f t="shared" si="1610"/>
        <v>19.858710415402953</v>
      </c>
      <c r="J6932" s="237">
        <f t="shared" si="1615"/>
        <v>9.8587104154029532</v>
      </c>
      <c r="K6932" s="237">
        <f t="shared" si="1611"/>
        <v>1370.0921489794803</v>
      </c>
      <c r="L6932" s="237">
        <f t="shared" si="1616"/>
        <v>680.24115995238833</v>
      </c>
      <c r="M6932" s="236">
        <f t="shared" si="1612"/>
        <v>26.771399502339946</v>
      </c>
      <c r="N6932" s="236">
        <f t="shared" si="1613"/>
        <v>0.57382875706214131</v>
      </c>
      <c r="O6932" s="236">
        <f t="shared" si="1617"/>
        <v>2.2647565533909182</v>
      </c>
      <c r="P6932" s="236" t="str">
        <f t="shared" si="1618"/>
        <v>SAND</v>
      </c>
      <c r="Q6932" s="236" t="e">
        <f t="shared" si="1614"/>
        <v>#N/A</v>
      </c>
      <c r="R6932" s="238">
        <v>35</v>
      </c>
      <c r="S6932" s="236" t="e">
        <f t="shared" si="1619"/>
        <v>#N/A</v>
      </c>
      <c r="T6932" s="236">
        <f t="shared" si="1606"/>
        <v>33.304381824663459</v>
      </c>
    </row>
    <row r="6933" spans="2:20" x14ac:dyDescent="0.2">
      <c r="B6933" s="239">
        <v>69.009</v>
      </c>
      <c r="C6933" s="3">
        <f t="shared" si="1607"/>
        <v>69.001999999999995</v>
      </c>
      <c r="D6933" s="239">
        <v>19.343299999999999</v>
      </c>
      <c r="E6933" s="239">
        <v>0.1085</v>
      </c>
      <c r="F6933" s="239">
        <v>0.63639999999999997</v>
      </c>
      <c r="G6933">
        <f t="shared" si="1608"/>
        <v>19.470579999999998</v>
      </c>
      <c r="H6933" s="235">
        <f t="shared" si="1609"/>
        <v>0.55725099098229236</v>
      </c>
      <c r="I6933" s="236">
        <f t="shared" si="1610"/>
        <v>19.900544347317876</v>
      </c>
      <c r="J6933" s="237">
        <f t="shared" si="1615"/>
        <v>9.9005443473178758</v>
      </c>
      <c r="K6933" s="237">
        <f t="shared" si="1611"/>
        <v>1373.1773610536279</v>
      </c>
      <c r="L6933" s="237">
        <f t="shared" si="1616"/>
        <v>683.22666486405933</v>
      </c>
      <c r="M6933" s="236">
        <f t="shared" si="1612"/>
        <v>26.488138665587918</v>
      </c>
      <c r="N6933" s="236">
        <f t="shared" si="1613"/>
        <v>0.59953354724231778</v>
      </c>
      <c r="O6933" s="236">
        <f t="shared" si="1617"/>
        <v>2.2771978749062902</v>
      </c>
      <c r="P6933" s="236" t="str">
        <f t="shared" si="1618"/>
        <v>SAND</v>
      </c>
      <c r="Q6933" s="236" t="e">
        <f t="shared" si="1614"/>
        <v>#N/A</v>
      </c>
      <c r="R6933" s="238">
        <v>35</v>
      </c>
      <c r="S6933" s="236" t="e">
        <f t="shared" si="1619"/>
        <v>#N/A</v>
      </c>
      <c r="T6933" s="236">
        <f t="shared" si="1606"/>
        <v>33.253565854130159</v>
      </c>
    </row>
    <row r="6934" spans="2:20" x14ac:dyDescent="0.2">
      <c r="B6934" s="239">
        <v>69.019000000000005</v>
      </c>
      <c r="C6934" s="3">
        <f t="shared" si="1607"/>
        <v>69.012</v>
      </c>
      <c r="D6934" s="239">
        <v>19.187100000000001</v>
      </c>
      <c r="E6934" s="239">
        <v>0.1124</v>
      </c>
      <c r="F6934" s="239">
        <v>0.6361</v>
      </c>
      <c r="G6934">
        <f t="shared" si="1608"/>
        <v>19.314320000000002</v>
      </c>
      <c r="H6934" s="235">
        <f t="shared" si="1609"/>
        <v>0.58195162967166325</v>
      </c>
      <c r="I6934" s="236">
        <f t="shared" si="1610"/>
        <v>19.938803574986565</v>
      </c>
      <c r="J6934" s="237">
        <f t="shared" si="1615"/>
        <v>9.9388035749865651</v>
      </c>
      <c r="K6934" s="237">
        <f t="shared" si="1611"/>
        <v>1376.0167123169729</v>
      </c>
      <c r="L6934" s="237">
        <f t="shared" si="1616"/>
        <v>685.96628394199774</v>
      </c>
      <c r="M6934" s="236">
        <f t="shared" si="1612"/>
        <v>26.150415417793059</v>
      </c>
      <c r="N6934" s="236">
        <f t="shared" si="1613"/>
        <v>0.62659214864082036</v>
      </c>
      <c r="O6934" s="236">
        <f t="shared" si="1617"/>
        <v>2.2906554771369319</v>
      </c>
      <c r="P6934" s="236" t="str">
        <f t="shared" si="1618"/>
        <v>SAND</v>
      </c>
      <c r="Q6934" s="236" t="e">
        <f t="shared" si="1614"/>
        <v>#N/A</v>
      </c>
      <c r="R6934" s="238">
        <v>35</v>
      </c>
      <c r="S6934" s="236" t="e">
        <f t="shared" si="1619"/>
        <v>#N/A</v>
      </c>
      <c r="T6934" s="236">
        <f t="shared" si="1606"/>
        <v>33.192264515654742</v>
      </c>
    </row>
    <row r="6935" spans="2:20" x14ac:dyDescent="0.2">
      <c r="B6935" s="239">
        <v>69.028999999999996</v>
      </c>
      <c r="C6935" s="3">
        <f t="shared" si="1607"/>
        <v>69.021999999999991</v>
      </c>
      <c r="D6935" s="239">
        <v>19.0932</v>
      </c>
      <c r="E6935" s="239">
        <v>0.1152</v>
      </c>
      <c r="F6935" s="239">
        <v>0.64600000000000002</v>
      </c>
      <c r="G6935">
        <f t="shared" si="1608"/>
        <v>19.2224</v>
      </c>
      <c r="H6935" s="235">
        <f t="shared" si="1609"/>
        <v>0.59930081571499916</v>
      </c>
      <c r="I6935" s="236">
        <f t="shared" si="1610"/>
        <v>19.965791597158443</v>
      </c>
      <c r="J6935" s="237">
        <f t="shared" si="1615"/>
        <v>9.965791597158443</v>
      </c>
      <c r="K6935" s="237">
        <f t="shared" si="1611"/>
        <v>1378.0788676190698</v>
      </c>
      <c r="L6935" s="237">
        <f t="shared" si="1616"/>
        <v>687.92862816025013</v>
      </c>
      <c r="M6935" s="236">
        <f t="shared" si="1612"/>
        <v>25.939204158580488</v>
      </c>
      <c r="N6935" s="236">
        <f t="shared" si="1613"/>
        <v>0.64558353968957694</v>
      </c>
      <c r="O6935" s="236">
        <f t="shared" si="1617"/>
        <v>2.2995904667202982</v>
      </c>
      <c r="P6935" s="236" t="str">
        <f t="shared" si="1618"/>
        <v>SAND</v>
      </c>
      <c r="Q6935" s="236" t="e">
        <f t="shared" si="1614"/>
        <v>#N/A</v>
      </c>
      <c r="R6935" s="238">
        <v>35</v>
      </c>
      <c r="S6935" s="236" t="e">
        <f t="shared" si="1619"/>
        <v>#N/A</v>
      </c>
      <c r="T6935" s="236">
        <f t="shared" si="1606"/>
        <v>33.153523120869792</v>
      </c>
    </row>
    <row r="6936" spans="2:20" x14ac:dyDescent="0.2">
      <c r="B6936" s="239">
        <v>69.040000000000006</v>
      </c>
      <c r="C6936" s="3">
        <f t="shared" si="1607"/>
        <v>69.033000000000001</v>
      </c>
      <c r="D6936" s="239">
        <v>19.0214</v>
      </c>
      <c r="E6936" s="239">
        <v>0.1179</v>
      </c>
      <c r="F6936" s="239">
        <v>0.65539999999999998</v>
      </c>
      <c r="G6936">
        <f t="shared" si="1608"/>
        <v>19.152480000000001</v>
      </c>
      <c r="H6936" s="235">
        <f t="shared" si="1609"/>
        <v>0.61558607553695399</v>
      </c>
      <c r="I6936" s="236">
        <f t="shared" si="1610"/>
        <v>19.991532843888706</v>
      </c>
      <c r="J6936" s="237">
        <f t="shared" si="1615"/>
        <v>9.9915328438887059</v>
      </c>
      <c r="K6936" s="237">
        <f t="shared" si="1611"/>
        <v>1380.0754868121689</v>
      </c>
      <c r="L6936" s="237">
        <f t="shared" si="1616"/>
        <v>689.81542754207635</v>
      </c>
      <c r="M6936" s="236">
        <f t="shared" si="1612"/>
        <v>25.763999765145545</v>
      </c>
      <c r="N6936" s="236">
        <f t="shared" si="1613"/>
        <v>0.66338800645975349</v>
      </c>
      <c r="O6936" s="236">
        <f t="shared" si="1617"/>
        <v>2.307532459375083</v>
      </c>
      <c r="P6936" s="236" t="str">
        <f t="shared" si="1618"/>
        <v>SAND</v>
      </c>
      <c r="Q6936" s="236" t="e">
        <f t="shared" si="1614"/>
        <v>#N/A</v>
      </c>
      <c r="R6936" s="238">
        <v>35</v>
      </c>
      <c r="S6936" s="236" t="e">
        <f t="shared" si="1619"/>
        <v>#N/A</v>
      </c>
      <c r="T6936" s="236">
        <f t="shared" si="1606"/>
        <v>33.121146151775179</v>
      </c>
    </row>
    <row r="6937" spans="2:20" x14ac:dyDescent="0.2">
      <c r="B6937" s="239">
        <v>69.05</v>
      </c>
      <c r="C6937" s="3">
        <f t="shared" si="1607"/>
        <v>69.042999999999992</v>
      </c>
      <c r="D6937" s="239">
        <v>19.053899999999999</v>
      </c>
      <c r="E6937" s="239">
        <v>0.1196</v>
      </c>
      <c r="F6937" s="239">
        <v>0.65329999999999999</v>
      </c>
      <c r="G6937">
        <f t="shared" si="1608"/>
        <v>19.184559999999998</v>
      </c>
      <c r="H6937" s="235">
        <f t="shared" si="1609"/>
        <v>0.62341799864057357</v>
      </c>
      <c r="I6937" s="236">
        <f t="shared" si="1610"/>
        <v>20.008973898194977</v>
      </c>
      <c r="J6937" s="237">
        <f t="shared" si="1615"/>
        <v>10.008973898194977</v>
      </c>
      <c r="K6937" s="237">
        <f t="shared" si="1611"/>
        <v>1381.4795848530757</v>
      </c>
      <c r="L6937" s="237">
        <f t="shared" si="1616"/>
        <v>691.11964767036318</v>
      </c>
      <c r="M6937" s="236">
        <f t="shared" si="1612"/>
        <v>25.759766019035663</v>
      </c>
      <c r="N6937" s="236">
        <f t="shared" si="1613"/>
        <v>0.67179385370996758</v>
      </c>
      <c r="O6937" s="236">
        <f t="shared" si="1617"/>
        <v>2.3100700197749333</v>
      </c>
      <c r="P6937" s="236" t="str">
        <f t="shared" si="1618"/>
        <v>SAND</v>
      </c>
      <c r="Q6937" s="236" t="e">
        <f t="shared" si="1614"/>
        <v>#N/A</v>
      </c>
      <c r="R6937" s="238">
        <v>35</v>
      </c>
      <c r="S6937" s="236" t="e">
        <f t="shared" si="1619"/>
        <v>#N/A</v>
      </c>
      <c r="T6937" s="236">
        <f t="shared" si="1606"/>
        <v>33.120361053168978</v>
      </c>
    </row>
    <row r="6938" spans="2:20" x14ac:dyDescent="0.2">
      <c r="B6938" s="239">
        <v>69.06</v>
      </c>
      <c r="C6938" s="3">
        <f t="shared" si="1607"/>
        <v>69.052999999999997</v>
      </c>
      <c r="D6938" s="239">
        <v>19.1267</v>
      </c>
      <c r="E6938" s="239">
        <v>0.1217</v>
      </c>
      <c r="F6938" s="239">
        <v>0.65300000000000002</v>
      </c>
      <c r="G6938">
        <f t="shared" si="1608"/>
        <v>19.257300000000001</v>
      </c>
      <c r="H6938" s="235">
        <f t="shared" si="1609"/>
        <v>0.63196813675852792</v>
      </c>
      <c r="I6938" s="236">
        <f t="shared" si="1610"/>
        <v>20.030863472108649</v>
      </c>
      <c r="J6938" s="237">
        <f t="shared" si="1615"/>
        <v>10.030863472108649</v>
      </c>
      <c r="K6938" s="237">
        <f t="shared" si="1611"/>
        <v>1383.1912153395185</v>
      </c>
      <c r="L6938" s="237">
        <f t="shared" si="1616"/>
        <v>692.73143138382329</v>
      </c>
      <c r="M6938" s="236">
        <f t="shared" si="1612"/>
        <v>25.802364343356803</v>
      </c>
      <c r="N6938" s="236">
        <f t="shared" si="1613"/>
        <v>0.68087310794730449</v>
      </c>
      <c r="O6938" s="236">
        <f t="shared" si="1617"/>
        <v>2.3120800121049823</v>
      </c>
      <c r="P6938" s="236" t="str">
        <f t="shared" si="1618"/>
        <v>SAND</v>
      </c>
      <c r="Q6938" s="236" t="e">
        <f t="shared" si="1614"/>
        <v>#N/A</v>
      </c>
      <c r="R6938" s="238">
        <v>35</v>
      </c>
      <c r="S6938" s="236" t="e">
        <f t="shared" si="1619"/>
        <v>#N/A</v>
      </c>
      <c r="T6938" s="236">
        <f t="shared" si="1606"/>
        <v>33.128254537552564</v>
      </c>
    </row>
    <row r="6939" spans="2:20" x14ac:dyDescent="0.2">
      <c r="B6939" s="239">
        <v>69.069999999999993</v>
      </c>
      <c r="C6939" s="3">
        <f t="shared" si="1607"/>
        <v>69.062999999999988</v>
      </c>
      <c r="D6939" s="239">
        <v>19.2285</v>
      </c>
      <c r="E6939" s="239">
        <v>0.1226</v>
      </c>
      <c r="F6939" s="239">
        <v>0.65949999999999998</v>
      </c>
      <c r="G6939">
        <f t="shared" si="1608"/>
        <v>19.360400000000002</v>
      </c>
      <c r="H6939" s="235">
        <f t="shared" si="1609"/>
        <v>0.63325137910373752</v>
      </c>
      <c r="I6939" s="236">
        <f t="shared" si="1610"/>
        <v>20.041590217190503</v>
      </c>
      <c r="J6939" s="237">
        <f t="shared" si="1615"/>
        <v>10.041590217190503</v>
      </c>
      <c r="K6939" s="237">
        <f t="shared" si="1611"/>
        <v>1384.1323451698274</v>
      </c>
      <c r="L6939" s="237">
        <f t="shared" si="1616"/>
        <v>693.57263630134798</v>
      </c>
      <c r="M6939" s="236">
        <f t="shared" si="1612"/>
        <v>25.918363432982567</v>
      </c>
      <c r="N6939" s="236">
        <f t="shared" si="1613"/>
        <v>0.68201031690278435</v>
      </c>
      <c r="O6939" s="236">
        <f t="shared" si="1617"/>
        <v>2.3106763422434873</v>
      </c>
      <c r="P6939" s="236" t="str">
        <f t="shared" si="1618"/>
        <v>SAND</v>
      </c>
      <c r="Q6939" s="236" t="e">
        <f t="shared" si="1614"/>
        <v>#N/A</v>
      </c>
      <c r="R6939" s="238">
        <v>35</v>
      </c>
      <c r="S6939" s="236" t="e">
        <f t="shared" si="1619"/>
        <v>#N/A</v>
      </c>
      <c r="T6939" s="236">
        <f t="shared" si="1606"/>
        <v>33.149683328786573</v>
      </c>
    </row>
    <row r="6940" spans="2:20" x14ac:dyDescent="0.2">
      <c r="B6940" s="239">
        <v>69.081000000000003</v>
      </c>
      <c r="C6940" s="3">
        <f t="shared" si="1607"/>
        <v>69.073999999999998</v>
      </c>
      <c r="D6940" s="239">
        <v>19.399100000000001</v>
      </c>
      <c r="E6940" s="239">
        <v>0.12470000000000001</v>
      </c>
      <c r="F6940" s="239">
        <v>0.64670000000000005</v>
      </c>
      <c r="G6940">
        <f t="shared" si="1608"/>
        <v>19.52844</v>
      </c>
      <c r="H6940" s="235">
        <f t="shared" si="1609"/>
        <v>0.63855587031017325</v>
      </c>
      <c r="I6940" s="236">
        <f t="shared" si="1610"/>
        <v>20.064883275316497</v>
      </c>
      <c r="J6940" s="237">
        <f t="shared" si="1615"/>
        <v>10.064883275316497</v>
      </c>
      <c r="K6940" s="237">
        <f t="shared" si="1611"/>
        <v>1385.9617473592116</v>
      </c>
      <c r="L6940" s="237">
        <f t="shared" si="1616"/>
        <v>695.29220154213897</v>
      </c>
      <c r="M6940" s="236">
        <f t="shared" si="1612"/>
        <v>26.093314742206616</v>
      </c>
      <c r="N6940" s="236">
        <f t="shared" si="1613"/>
        <v>0.68733718879805683</v>
      </c>
      <c r="O6940" s="236">
        <f t="shared" si="1617"/>
        <v>2.309621221098237</v>
      </c>
      <c r="P6940" s="236" t="str">
        <f t="shared" si="1618"/>
        <v>SAND</v>
      </c>
      <c r="Q6940" s="236" t="e">
        <f t="shared" si="1614"/>
        <v>#N/A</v>
      </c>
      <c r="R6940" s="238">
        <v>35</v>
      </c>
      <c r="S6940" s="236" t="e">
        <f t="shared" si="1619"/>
        <v>#N/A</v>
      </c>
      <c r="T6940" s="236">
        <f t="shared" si="1606"/>
        <v>33.181821781213444</v>
      </c>
    </row>
    <row r="6941" spans="2:20" x14ac:dyDescent="0.2">
      <c r="B6941" s="239">
        <v>69.090999999999994</v>
      </c>
      <c r="C6941" s="3">
        <f t="shared" si="1607"/>
        <v>69.083999999999989</v>
      </c>
      <c r="D6941" s="239">
        <v>19.573399999999999</v>
      </c>
      <c r="E6941" s="239">
        <v>0.1255</v>
      </c>
      <c r="F6941" s="239">
        <v>0.65249999999999997</v>
      </c>
      <c r="G6941">
        <f t="shared" si="1608"/>
        <v>19.703900000000001</v>
      </c>
      <c r="H6941" s="235">
        <f t="shared" si="1609"/>
        <v>0.63692974487284237</v>
      </c>
      <c r="I6941" s="236">
        <f t="shared" si="1610"/>
        <v>20.075878089347761</v>
      </c>
      <c r="J6941" s="237">
        <f t="shared" si="1615"/>
        <v>10.075878089347761</v>
      </c>
      <c r="K6941" s="237">
        <f t="shared" si="1611"/>
        <v>1386.9219619245005</v>
      </c>
      <c r="L6941" s="237">
        <f t="shared" si="1616"/>
        <v>696.15249307112606</v>
      </c>
      <c r="M6941" s="236">
        <f t="shared" si="1612"/>
        <v>26.311732300589565</v>
      </c>
      <c r="N6941" s="236">
        <f t="shared" si="1613"/>
        <v>0.68515668763222382</v>
      </c>
      <c r="O6941" s="236">
        <f t="shared" si="1617"/>
        <v>2.3057709395675419</v>
      </c>
      <c r="P6941" s="236" t="str">
        <f t="shared" si="1618"/>
        <v>SAND</v>
      </c>
      <c r="Q6941" s="236" t="e">
        <f t="shared" si="1614"/>
        <v>#N/A</v>
      </c>
      <c r="R6941" s="238">
        <v>35</v>
      </c>
      <c r="S6941" s="236" t="e">
        <f t="shared" si="1619"/>
        <v>#N/A</v>
      </c>
      <c r="T6941" s="236">
        <f t="shared" si="1606"/>
        <v>33.221643861136897</v>
      </c>
    </row>
    <row r="6942" spans="2:20" x14ac:dyDescent="0.2">
      <c r="B6942" s="239">
        <v>69.100999999999999</v>
      </c>
      <c r="C6942" s="3">
        <f t="shared" si="1607"/>
        <v>69.093999999999994</v>
      </c>
      <c r="D6942" s="239">
        <v>19.784800000000001</v>
      </c>
      <c r="E6942" s="239">
        <v>0.12690000000000001</v>
      </c>
      <c r="F6942" s="239">
        <v>0.6421</v>
      </c>
      <c r="G6942">
        <f t="shared" si="1608"/>
        <v>19.913219999999999</v>
      </c>
      <c r="H6942" s="235">
        <f t="shared" si="1609"/>
        <v>0.63726509323956659</v>
      </c>
      <c r="I6942" s="236">
        <f t="shared" si="1610"/>
        <v>20.093016776683925</v>
      </c>
      <c r="J6942" s="237">
        <f t="shared" si="1615"/>
        <v>10.093016776683925</v>
      </c>
      <c r="K6942" s="237">
        <f t="shared" si="1611"/>
        <v>1388.3069011681989</v>
      </c>
      <c r="L6942" s="237">
        <f t="shared" si="1616"/>
        <v>697.43755228563589</v>
      </c>
      <c r="M6942" s="236">
        <f t="shared" si="1612"/>
        <v>26.561393257535567</v>
      </c>
      <c r="N6942" s="236">
        <f t="shared" si="1613"/>
        <v>0.68502345637455353</v>
      </c>
      <c r="O6942" s="236">
        <f t="shared" si="1617"/>
        <v>2.3020867835201559</v>
      </c>
      <c r="P6942" s="236" t="str">
        <f t="shared" si="1618"/>
        <v>SAND</v>
      </c>
      <c r="Q6942" s="236" t="e">
        <f t="shared" si="1614"/>
        <v>#N/A</v>
      </c>
      <c r="R6942" s="238">
        <v>35</v>
      </c>
      <c r="S6942" s="236" t="e">
        <f t="shared" si="1619"/>
        <v>#N/A</v>
      </c>
      <c r="T6942" s="236">
        <f t="shared" si="1606"/>
        <v>33.266759370656025</v>
      </c>
    </row>
    <row r="6943" spans="2:20" x14ac:dyDescent="0.2">
      <c r="B6943" s="239">
        <v>69.111999999999995</v>
      </c>
      <c r="C6943" s="3">
        <f t="shared" si="1607"/>
        <v>69.10499999999999</v>
      </c>
      <c r="D6943" s="239">
        <v>19.907499999999999</v>
      </c>
      <c r="E6943" s="239">
        <v>0.1275</v>
      </c>
      <c r="F6943" s="239">
        <v>0.63100000000000001</v>
      </c>
      <c r="G6943">
        <f t="shared" si="1608"/>
        <v>20.0337</v>
      </c>
      <c r="H6943" s="235">
        <f t="shared" si="1609"/>
        <v>0.63642761946120785</v>
      </c>
      <c r="I6943" s="236">
        <f t="shared" si="1610"/>
        <v>20.100905602686442</v>
      </c>
      <c r="J6943" s="237">
        <f t="shared" si="1615"/>
        <v>10.100905602686442</v>
      </c>
      <c r="K6943" s="237">
        <f t="shared" si="1611"/>
        <v>1389.0730816736464</v>
      </c>
      <c r="L6943" s="237">
        <f t="shared" si="1616"/>
        <v>698.09378801286539</v>
      </c>
      <c r="M6943" s="236">
        <f t="shared" si="1612"/>
        <v>26.707911226940681</v>
      </c>
      <c r="N6943" s="236">
        <f t="shared" si="1613"/>
        <v>0.68384312841720896</v>
      </c>
      <c r="O6943" s="236">
        <f t="shared" si="1617"/>
        <v>2.2996203143356642</v>
      </c>
      <c r="P6943" s="236" t="str">
        <f t="shared" si="1618"/>
        <v>SAND</v>
      </c>
      <c r="Q6943" s="236" t="e">
        <f t="shared" si="1614"/>
        <v>#N/A</v>
      </c>
      <c r="R6943" s="238">
        <v>35</v>
      </c>
      <c r="S6943" s="236" t="e">
        <f t="shared" si="1619"/>
        <v>#N/A</v>
      </c>
      <c r="T6943" s="236">
        <f t="shared" si="1606"/>
        <v>33.293039164381057</v>
      </c>
    </row>
    <row r="6944" spans="2:20" x14ac:dyDescent="0.2">
      <c r="B6944" s="239">
        <v>69.122</v>
      </c>
      <c r="C6944" s="3">
        <f t="shared" si="1607"/>
        <v>69.114999999999995</v>
      </c>
      <c r="D6944" s="239">
        <v>20.088899999999999</v>
      </c>
      <c r="E6944" s="239">
        <v>0.12770000000000001</v>
      </c>
      <c r="F6944" s="239">
        <v>0.63519999999999999</v>
      </c>
      <c r="G6944">
        <f t="shared" si="1608"/>
        <v>20.21594</v>
      </c>
      <c r="H6944" s="235">
        <f t="shared" si="1609"/>
        <v>0.63167975369930862</v>
      </c>
      <c r="I6944" s="236">
        <f t="shared" si="1610"/>
        <v>20.106283022946275</v>
      </c>
      <c r="J6944" s="237">
        <f t="shared" si="1615"/>
        <v>10.106283022946275</v>
      </c>
      <c r="K6944" s="237">
        <f t="shared" si="1611"/>
        <v>1389.6457511309318</v>
      </c>
      <c r="L6944" s="237">
        <f t="shared" si="1616"/>
        <v>698.56649511209241</v>
      </c>
      <c r="M6944" s="236">
        <f t="shared" si="1612"/>
        <v>26.949895794598895</v>
      </c>
      <c r="N6944" s="236">
        <f t="shared" si="1613"/>
        <v>0.67830661898674616</v>
      </c>
      <c r="O6944" s="236">
        <f t="shared" si="1617"/>
        <v>2.2945204577732721</v>
      </c>
      <c r="P6944" s="236" t="str">
        <f t="shared" si="1618"/>
        <v>SAND</v>
      </c>
      <c r="Q6944" s="236" t="e">
        <f t="shared" si="1614"/>
        <v>#N/A</v>
      </c>
      <c r="R6944" s="238">
        <v>35</v>
      </c>
      <c r="S6944" s="236" t="e">
        <f t="shared" si="1619"/>
        <v>#N/A</v>
      </c>
      <c r="T6944" s="236">
        <f t="shared" si="1606"/>
        <v>33.336127992946999</v>
      </c>
    </row>
    <row r="6945" spans="2:20" x14ac:dyDescent="0.2">
      <c r="B6945" s="239">
        <v>69.132000000000005</v>
      </c>
      <c r="C6945" s="3">
        <f t="shared" si="1607"/>
        <v>69.125</v>
      </c>
      <c r="D6945" s="239">
        <v>20.165299999999998</v>
      </c>
      <c r="E6945" s="239">
        <v>0.1263</v>
      </c>
      <c r="F6945" s="239">
        <v>0.62770000000000004</v>
      </c>
      <c r="G6945">
        <f t="shared" si="1608"/>
        <v>20.290839999999999</v>
      </c>
      <c r="H6945" s="235">
        <f t="shared" si="1609"/>
        <v>0.62244835600694692</v>
      </c>
      <c r="I6945" s="236">
        <f t="shared" si="1610"/>
        <v>20.094802124573754</v>
      </c>
      <c r="J6945" s="237">
        <f t="shared" si="1615"/>
        <v>10.094802124573754</v>
      </c>
      <c r="K6945" s="237">
        <f t="shared" si="1611"/>
        <v>1389.0531968611608</v>
      </c>
      <c r="L6945" s="237">
        <f t="shared" si="1616"/>
        <v>697.87386047603275</v>
      </c>
      <c r="M6945" s="236">
        <f t="shared" si="1612"/>
        <v>27.084818437311263</v>
      </c>
      <c r="N6945" s="236">
        <f t="shared" si="1613"/>
        <v>0.66819079759711697</v>
      </c>
      <c r="O6945" s="236">
        <f t="shared" si="1617"/>
        <v>2.2896075375937337</v>
      </c>
      <c r="P6945" s="236" t="str">
        <f t="shared" si="1618"/>
        <v>SAND</v>
      </c>
      <c r="Q6945" s="236" t="e">
        <f t="shared" si="1614"/>
        <v>#N/A</v>
      </c>
      <c r="R6945" s="238">
        <v>35</v>
      </c>
      <c r="S6945" s="236" t="e">
        <f t="shared" si="1619"/>
        <v>#N/A</v>
      </c>
      <c r="T6945" s="236">
        <f t="shared" si="1606"/>
        <v>33.359985215108203</v>
      </c>
    </row>
    <row r="6946" spans="2:20" x14ac:dyDescent="0.2">
      <c r="B6946" s="239">
        <v>69.141999999999996</v>
      </c>
      <c r="C6946" s="3">
        <f t="shared" si="1607"/>
        <v>69.134999999999991</v>
      </c>
      <c r="D6946" s="239">
        <v>20.366199999999999</v>
      </c>
      <c r="E6946" s="239">
        <v>0.1232</v>
      </c>
      <c r="F6946" s="239">
        <v>0.62819999999999998</v>
      </c>
      <c r="G6946">
        <f t="shared" si="1608"/>
        <v>20.49184</v>
      </c>
      <c r="H6946" s="235">
        <f t="shared" si="1609"/>
        <v>0.60121492262285869</v>
      </c>
      <c r="I6946" s="236">
        <f t="shared" si="1610"/>
        <v>20.069514826146261</v>
      </c>
      <c r="J6946" s="237">
        <f t="shared" si="1615"/>
        <v>10.069514826146261</v>
      </c>
      <c r="K6946" s="237">
        <f t="shared" si="1611"/>
        <v>1387.5059075056215</v>
      </c>
      <c r="L6946" s="237">
        <f t="shared" si="1616"/>
        <v>696.22639410940474</v>
      </c>
      <c r="M6946" s="236">
        <f t="shared" si="1612"/>
        <v>27.439830282407147</v>
      </c>
      <c r="N6946" s="236">
        <f t="shared" si="1613"/>
        <v>0.64487984456051917</v>
      </c>
      <c r="O6946" s="236">
        <f t="shared" si="1617"/>
        <v>2.2775646330547139</v>
      </c>
      <c r="P6946" s="236" t="str">
        <f t="shared" si="1618"/>
        <v>SAND</v>
      </c>
      <c r="Q6946" s="236" t="e">
        <f t="shared" si="1614"/>
        <v>#N/A</v>
      </c>
      <c r="R6946" s="238">
        <v>35</v>
      </c>
      <c r="S6946" s="236" t="e">
        <f t="shared" si="1619"/>
        <v>#N/A</v>
      </c>
      <c r="T6946" s="236">
        <f t="shared" si="1606"/>
        <v>33.422195629857733</v>
      </c>
    </row>
    <row r="6947" spans="2:20" x14ac:dyDescent="0.2">
      <c r="B6947" s="239">
        <v>69.153000000000006</v>
      </c>
      <c r="C6947" s="3">
        <f t="shared" si="1607"/>
        <v>69.146000000000001</v>
      </c>
      <c r="D6947" s="239">
        <v>20.278700000000001</v>
      </c>
      <c r="E6947" s="239">
        <v>0.1249</v>
      </c>
      <c r="F6947" s="239">
        <v>0.63490000000000002</v>
      </c>
      <c r="G6947">
        <f t="shared" si="1608"/>
        <v>20.40568</v>
      </c>
      <c r="H6947" s="235">
        <f t="shared" si="1609"/>
        <v>0.61208447843933644</v>
      </c>
      <c r="I6947" s="236">
        <f t="shared" si="1610"/>
        <v>20.083937602615876</v>
      </c>
      <c r="J6947" s="237">
        <f t="shared" si="1615"/>
        <v>10.083937602615876</v>
      </c>
      <c r="K6947" s="237">
        <f t="shared" si="1611"/>
        <v>1388.7239494704775</v>
      </c>
      <c r="L6947" s="237">
        <f t="shared" si="1616"/>
        <v>697.33453703369571</v>
      </c>
      <c r="M6947" s="236">
        <f t="shared" si="1612"/>
        <v>27.270922406085575</v>
      </c>
      <c r="N6947" s="236">
        <f t="shared" si="1613"/>
        <v>0.65678229296071899</v>
      </c>
      <c r="O6947" s="236">
        <f t="shared" si="1617"/>
        <v>2.2835543405142431</v>
      </c>
      <c r="P6947" s="236" t="str">
        <f t="shared" si="1618"/>
        <v>SAND</v>
      </c>
      <c r="Q6947" s="236" t="e">
        <f t="shared" si="1614"/>
        <v>#N/A</v>
      </c>
      <c r="R6947" s="238">
        <v>35</v>
      </c>
      <c r="S6947" s="236" t="e">
        <f t="shared" si="1619"/>
        <v>#N/A</v>
      </c>
      <c r="T6947" s="236">
        <f t="shared" si="1606"/>
        <v>33.392698104452883</v>
      </c>
    </row>
    <row r="6948" spans="2:20" x14ac:dyDescent="0.2">
      <c r="B6948" s="239">
        <v>69.162999999999997</v>
      </c>
      <c r="C6948" s="3">
        <f t="shared" si="1607"/>
        <v>69.155999999999992</v>
      </c>
      <c r="D6948" s="239">
        <v>20.2331</v>
      </c>
      <c r="E6948" s="239">
        <v>0.12230000000000001</v>
      </c>
      <c r="F6948" s="239">
        <v>0.63039999999999996</v>
      </c>
      <c r="G6948">
        <f t="shared" si="1608"/>
        <v>20.359180000000002</v>
      </c>
      <c r="H6948" s="235">
        <f t="shared" si="1609"/>
        <v>0.60071181648769734</v>
      </c>
      <c r="I6948" s="236">
        <f t="shared" si="1610"/>
        <v>20.058378742253261</v>
      </c>
      <c r="J6948" s="237">
        <f t="shared" si="1615"/>
        <v>10.058378742253261</v>
      </c>
      <c r="K6948" s="237">
        <f t="shared" si="1611"/>
        <v>1387.1572402992663</v>
      </c>
      <c r="L6948" s="237">
        <f t="shared" si="1616"/>
        <v>695.66764895046219</v>
      </c>
      <c r="M6948" s="236">
        <f t="shared" si="1612"/>
        <v>27.271676048646775</v>
      </c>
      <c r="N6948" s="236">
        <f t="shared" si="1613"/>
        <v>0.64463342443264704</v>
      </c>
      <c r="O6948" s="236">
        <f t="shared" si="1617"/>
        <v>2.2798713214873092</v>
      </c>
      <c r="P6948" s="236" t="str">
        <f t="shared" si="1618"/>
        <v>SAND</v>
      </c>
      <c r="Q6948" s="236" t="e">
        <f t="shared" si="1614"/>
        <v>#N/A</v>
      </c>
      <c r="R6948" s="238">
        <v>35</v>
      </c>
      <c r="S6948" s="236" t="e">
        <f t="shared" si="1619"/>
        <v>#N/A</v>
      </c>
      <c r="T6948" s="236">
        <f t="shared" si="1606"/>
        <v>33.392830123497248</v>
      </c>
    </row>
    <row r="6949" spans="2:20" x14ac:dyDescent="0.2">
      <c r="B6949" s="239">
        <v>69.171999999999997</v>
      </c>
      <c r="C6949" s="3">
        <f t="shared" si="1607"/>
        <v>69.164999999999992</v>
      </c>
      <c r="D6949" s="239">
        <v>20.116700000000002</v>
      </c>
      <c r="E6949" s="239">
        <v>0.12</v>
      </c>
      <c r="F6949" s="239">
        <v>0.63649999999999995</v>
      </c>
      <c r="G6949">
        <f t="shared" si="1608"/>
        <v>20.244</v>
      </c>
      <c r="H6949" s="235">
        <f t="shared" si="1609"/>
        <v>0.59276822762299941</v>
      </c>
      <c r="I6949" s="236">
        <f t="shared" si="1610"/>
        <v>20.03389911448415</v>
      </c>
      <c r="J6949" s="237">
        <f t="shared" si="1615"/>
        <v>10.03389911448415</v>
      </c>
      <c r="K6949" s="237">
        <f t="shared" si="1611"/>
        <v>1385.6446322532961</v>
      </c>
      <c r="L6949" s="237">
        <f t="shared" si="1616"/>
        <v>694.0648695470976</v>
      </c>
      <c r="M6949" s="236">
        <f t="shared" si="1612"/>
        <v>27.170883004138304</v>
      </c>
      <c r="N6949" s="236">
        <f t="shared" si="1613"/>
        <v>0.63632272093692255</v>
      </c>
      <c r="O6949" s="236">
        <f t="shared" si="1617"/>
        <v>2.2787691881843637</v>
      </c>
      <c r="P6949" s="236" t="str">
        <f t="shared" si="1618"/>
        <v>SAND</v>
      </c>
      <c r="Q6949" s="236" t="e">
        <f t="shared" si="1614"/>
        <v>#N/A</v>
      </c>
      <c r="R6949" s="238">
        <v>35</v>
      </c>
      <c r="S6949" s="236" t="e">
        <f t="shared" si="1619"/>
        <v>#N/A</v>
      </c>
      <c r="T6949" s="236">
        <f t="shared" si="1606"/>
        <v>33.375141276683209</v>
      </c>
    </row>
    <row r="6950" spans="2:20" x14ac:dyDescent="0.2">
      <c r="B6950" s="239">
        <v>69.183999999999997</v>
      </c>
      <c r="C6950" s="3">
        <f t="shared" si="1607"/>
        <v>69.176999999999992</v>
      </c>
      <c r="D6950" s="239">
        <v>19.9331</v>
      </c>
      <c r="E6950" s="239">
        <v>0.1164</v>
      </c>
      <c r="F6950" s="239">
        <v>0.63470000000000004</v>
      </c>
      <c r="G6950">
        <f t="shared" si="1608"/>
        <v>20.060040000000001</v>
      </c>
      <c r="H6950" s="235">
        <f t="shared" si="1609"/>
        <v>0.58025806528800539</v>
      </c>
      <c r="I6950" s="236">
        <f t="shared" si="1610"/>
        <v>19.994614716437006</v>
      </c>
      <c r="J6950" s="237">
        <f t="shared" si="1615"/>
        <v>9.9946147164370061</v>
      </c>
      <c r="K6950" s="237">
        <f t="shared" si="1611"/>
        <v>1383.1674622389626</v>
      </c>
      <c r="L6950" s="237">
        <f t="shared" si="1616"/>
        <v>691.46742454197783</v>
      </c>
      <c r="M6950" s="236">
        <f t="shared" si="1612"/>
        <v>27.01048794906346</v>
      </c>
      <c r="N6950" s="236">
        <f t="shared" si="1613"/>
        <v>0.62323068150013672</v>
      </c>
      <c r="O6950" s="236">
        <f t="shared" si="1617"/>
        <v>2.2770292649419699</v>
      </c>
      <c r="P6950" s="236" t="str">
        <f t="shared" si="1618"/>
        <v>SAND</v>
      </c>
      <c r="Q6950" s="236" t="e">
        <f t="shared" si="1614"/>
        <v>#N/A</v>
      </c>
      <c r="R6950" s="238">
        <v>35</v>
      </c>
      <c r="S6950" s="236" t="e">
        <f t="shared" si="1619"/>
        <v>#N/A</v>
      </c>
      <c r="T6950" s="236">
        <f t="shared" si="1606"/>
        <v>33.346856728482813</v>
      </c>
    </row>
    <row r="6951" spans="2:20" x14ac:dyDescent="0.2">
      <c r="B6951" s="239">
        <v>69.192999999999998</v>
      </c>
      <c r="C6951" s="3">
        <f t="shared" si="1607"/>
        <v>69.185999999999993</v>
      </c>
      <c r="D6951" s="239">
        <v>19.751300000000001</v>
      </c>
      <c r="E6951" s="239">
        <v>0.1134</v>
      </c>
      <c r="F6951" s="239">
        <v>0.63029999999999997</v>
      </c>
      <c r="G6951">
        <f t="shared" si="1608"/>
        <v>19.877359999999999</v>
      </c>
      <c r="H6951" s="235">
        <f t="shared" si="1609"/>
        <v>0.57049829554830223</v>
      </c>
      <c r="I6951" s="236">
        <f t="shared" si="1610"/>
        <v>19.960421134676334</v>
      </c>
      <c r="J6951" s="237">
        <f t="shared" si="1615"/>
        <v>9.9604211346763343</v>
      </c>
      <c r="K6951" s="237">
        <f t="shared" si="1611"/>
        <v>1380.9816966237167</v>
      </c>
      <c r="L6951" s="237">
        <f t="shared" si="1616"/>
        <v>689.19141957165959</v>
      </c>
      <c r="M6951" s="236">
        <f t="shared" si="1612"/>
        <v>26.837795390534602</v>
      </c>
      <c r="N6951" s="236">
        <f t="shared" si="1613"/>
        <v>0.6130929965857167</v>
      </c>
      <c r="O6951" s="236">
        <f t="shared" si="1617"/>
        <v>2.2763619724521669</v>
      </c>
      <c r="P6951" s="236" t="str">
        <f t="shared" si="1618"/>
        <v>SAND</v>
      </c>
      <c r="Q6951" s="236" t="e">
        <f t="shared" si="1614"/>
        <v>#N/A</v>
      </c>
      <c r="R6951" s="238">
        <v>35</v>
      </c>
      <c r="S6951" s="236" t="e">
        <f t="shared" si="1619"/>
        <v>#N/A</v>
      </c>
      <c r="T6951" s="236">
        <f t="shared" si="1606"/>
        <v>33.316215212921549</v>
      </c>
    </row>
    <row r="6952" spans="2:20" x14ac:dyDescent="0.2">
      <c r="B6952" s="239">
        <v>69.203999999999994</v>
      </c>
      <c r="C6952" s="3">
        <f t="shared" si="1607"/>
        <v>69.196999999999989</v>
      </c>
      <c r="D6952" s="239">
        <v>19.597000000000001</v>
      </c>
      <c r="E6952" s="239">
        <v>0.11169999999999999</v>
      </c>
      <c r="F6952" s="239">
        <v>0.64270000000000005</v>
      </c>
      <c r="G6952">
        <f t="shared" si="1608"/>
        <v>19.725540000000002</v>
      </c>
      <c r="H6952" s="235">
        <f t="shared" si="1609"/>
        <v>0.56627093605548939</v>
      </c>
      <c r="I6952" s="236">
        <f t="shared" si="1610"/>
        <v>19.939712632829089</v>
      </c>
      <c r="J6952" s="237">
        <f t="shared" si="1615"/>
        <v>9.9397126328290888</v>
      </c>
      <c r="K6952" s="237">
        <f t="shared" si="1611"/>
        <v>1379.7682950538742</v>
      </c>
      <c r="L6952" s="237">
        <f t="shared" si="1616"/>
        <v>687.86787304230415</v>
      </c>
      <c r="M6952" s="236">
        <f t="shared" si="1612"/>
        <v>26.670487783949543</v>
      </c>
      <c r="N6952" s="236">
        <f t="shared" si="1613"/>
        <v>0.60885964240950963</v>
      </c>
      <c r="O6952" s="236">
        <f t="shared" si="1617"/>
        <v>2.2774688194043109</v>
      </c>
      <c r="P6952" s="236" t="str">
        <f t="shared" si="1618"/>
        <v>SAND</v>
      </c>
      <c r="Q6952" s="236" t="e">
        <f t="shared" si="1614"/>
        <v>#N/A</v>
      </c>
      <c r="R6952" s="238">
        <v>35</v>
      </c>
      <c r="S6952" s="236" t="e">
        <f t="shared" si="1619"/>
        <v>#N/A</v>
      </c>
      <c r="T6952" s="236">
        <f t="shared" si="1606"/>
        <v>33.286340545642432</v>
      </c>
    </row>
    <row r="6953" spans="2:20" x14ac:dyDescent="0.2">
      <c r="B6953" s="239">
        <v>69.213999999999999</v>
      </c>
      <c r="C6953" s="3">
        <f t="shared" si="1607"/>
        <v>69.206999999999994</v>
      </c>
      <c r="D6953" s="239">
        <v>19.3432</v>
      </c>
      <c r="E6953" s="239">
        <v>0.108</v>
      </c>
      <c r="F6953" s="239">
        <v>0.64659999999999995</v>
      </c>
      <c r="G6953">
        <f t="shared" si="1608"/>
        <v>19.472519999999999</v>
      </c>
      <c r="H6953" s="235">
        <f t="shared" si="1609"/>
        <v>0.55462775234022099</v>
      </c>
      <c r="I6953" s="236">
        <f t="shared" si="1610"/>
        <v>19.895167136910811</v>
      </c>
      <c r="J6953" s="237">
        <f t="shared" si="1615"/>
        <v>9.8951671369108105</v>
      </c>
      <c r="K6953" s="237">
        <f t="shared" si="1611"/>
        <v>1376.8848320441864</v>
      </c>
      <c r="L6953" s="237">
        <f t="shared" si="1616"/>
        <v>684.88409821414484</v>
      </c>
      <c r="M6953" s="236">
        <f t="shared" si="1612"/>
        <v>26.421456148771313</v>
      </c>
      <c r="N6953" s="236">
        <f t="shared" si="1613"/>
        <v>0.5968290087504029</v>
      </c>
      <c r="O6953" s="236">
        <f t="shared" si="1617"/>
        <v>2.2773226009773717</v>
      </c>
      <c r="P6953" s="236" t="str">
        <f t="shared" si="1618"/>
        <v>SAND</v>
      </c>
      <c r="Q6953" s="236" t="e">
        <f t="shared" si="1614"/>
        <v>#N/A</v>
      </c>
      <c r="R6953" s="238">
        <v>35</v>
      </c>
      <c r="S6953" s="236" t="e">
        <f t="shared" si="1619"/>
        <v>#N/A</v>
      </c>
      <c r="T6953" s="236">
        <f t="shared" si="1606"/>
        <v>33.241524238245418</v>
      </c>
    </row>
    <row r="6954" spans="2:20" x14ac:dyDescent="0.2">
      <c r="B6954" s="239">
        <v>69.222999999999999</v>
      </c>
      <c r="C6954" s="3">
        <f t="shared" si="1607"/>
        <v>69.215999999999994</v>
      </c>
      <c r="D6954" s="239">
        <v>19.176300000000001</v>
      </c>
      <c r="E6954" s="239">
        <v>0.10630000000000001</v>
      </c>
      <c r="F6954" s="239">
        <v>0.64739999999999998</v>
      </c>
      <c r="G6954">
        <f t="shared" si="1608"/>
        <v>19.305780000000002</v>
      </c>
      <c r="H6954" s="235">
        <f t="shared" si="1609"/>
        <v>0.55061230367278602</v>
      </c>
      <c r="I6954" s="236">
        <f t="shared" si="1610"/>
        <v>19.87320148616703</v>
      </c>
      <c r="J6954" s="237">
        <f t="shared" si="1615"/>
        <v>9.8732014861670301</v>
      </c>
      <c r="K6954" s="237">
        <f t="shared" si="1611"/>
        <v>1375.543514066537</v>
      </c>
      <c r="L6954" s="237">
        <f t="shared" si="1616"/>
        <v>683.45262647694028</v>
      </c>
      <c r="M6954" s="236">
        <f t="shared" si="1612"/>
        <v>26.234790519951911</v>
      </c>
      <c r="N6954" s="236">
        <f t="shared" si="1613"/>
        <v>0.59285330722432983</v>
      </c>
      <c r="O6954" s="236">
        <f t="shared" si="1617"/>
        <v>2.2788258669140493</v>
      </c>
      <c r="P6954" s="236" t="str">
        <f t="shared" si="1618"/>
        <v>SAND</v>
      </c>
      <c r="Q6954" s="236" t="e">
        <f t="shared" si="1614"/>
        <v>#N/A</v>
      </c>
      <c r="R6954" s="238">
        <v>35</v>
      </c>
      <c r="S6954" s="236" t="e">
        <f t="shared" si="1619"/>
        <v>#N/A</v>
      </c>
      <c r="T6954" s="236">
        <f t="shared" si="1606"/>
        <v>33.207653608640129</v>
      </c>
    </row>
    <row r="6955" spans="2:20" x14ac:dyDescent="0.2">
      <c r="B6955" s="239">
        <v>69.233999999999995</v>
      </c>
      <c r="C6955" s="3">
        <f t="shared" si="1607"/>
        <v>69.22699999999999</v>
      </c>
      <c r="D6955" s="239">
        <v>18.998699999999999</v>
      </c>
      <c r="E6955" s="239">
        <v>0.1055</v>
      </c>
      <c r="F6955" s="239">
        <v>0.66149999999999998</v>
      </c>
      <c r="G6955">
        <f t="shared" si="1608"/>
        <v>19.131</v>
      </c>
      <c r="H6955" s="235">
        <f t="shared" si="1609"/>
        <v>0.55146097956196749</v>
      </c>
      <c r="I6955" s="236">
        <f t="shared" si="1610"/>
        <v>19.860788599929734</v>
      </c>
      <c r="J6955" s="237">
        <f t="shared" si="1615"/>
        <v>9.8607885999297338</v>
      </c>
      <c r="K6955" s="237">
        <f t="shared" si="1611"/>
        <v>1374.9028124073354</v>
      </c>
      <c r="L6955" s="237">
        <f t="shared" si="1616"/>
        <v>682.70183792753517</v>
      </c>
      <c r="M6955" s="236">
        <f t="shared" si="1612"/>
        <v>26.008568017766745</v>
      </c>
      <c r="N6955" s="236">
        <f t="shared" si="1613"/>
        <v>0.59416210040638706</v>
      </c>
      <c r="O6955" s="236">
        <f t="shared" si="1617"/>
        <v>2.2826286341236659</v>
      </c>
      <c r="P6955" s="236" t="str">
        <f t="shared" si="1618"/>
        <v>SAND</v>
      </c>
      <c r="Q6955" s="236" t="e">
        <f t="shared" si="1614"/>
        <v>#N/A</v>
      </c>
      <c r="R6955" s="238">
        <v>35</v>
      </c>
      <c r="S6955" s="236" t="e">
        <f t="shared" si="1619"/>
        <v>#N/A</v>
      </c>
      <c r="T6955" s="236">
        <f t="shared" si="1606"/>
        <v>33.166280855695412</v>
      </c>
    </row>
    <row r="6956" spans="2:20" x14ac:dyDescent="0.2">
      <c r="B6956" s="239">
        <v>69.244</v>
      </c>
      <c r="C6956" s="3">
        <f t="shared" si="1607"/>
        <v>69.236999999999995</v>
      </c>
      <c r="D6956" s="239">
        <v>18.973800000000001</v>
      </c>
      <c r="E6956" s="239">
        <v>0.10539999999999999</v>
      </c>
      <c r="F6956" s="239">
        <v>0.65720000000000001</v>
      </c>
      <c r="G6956">
        <f t="shared" si="1608"/>
        <v>19.105240000000002</v>
      </c>
      <c r="H6956" s="235">
        <f t="shared" si="1609"/>
        <v>0.55168110947572491</v>
      </c>
      <c r="I6956" s="236">
        <f t="shared" si="1610"/>
        <v>19.859149951647982</v>
      </c>
      <c r="J6956" s="237">
        <f t="shared" si="1615"/>
        <v>9.8591499516479821</v>
      </c>
      <c r="K6956" s="237">
        <f t="shared" si="1611"/>
        <v>1374.9879652022512</v>
      </c>
      <c r="L6956" s="237">
        <f t="shared" si="1616"/>
        <v>682.68697925191282</v>
      </c>
      <c r="M6956" s="236">
        <f t="shared" si="1612"/>
        <v>25.971276109918676</v>
      </c>
      <c r="N6956" s="236">
        <f t="shared" si="1613"/>
        <v>0.59446419483005553</v>
      </c>
      <c r="O6956" s="236">
        <f t="shared" si="1617"/>
        <v>2.2832857351201801</v>
      </c>
      <c r="P6956" s="236" t="str">
        <f t="shared" si="1618"/>
        <v>SAND</v>
      </c>
      <c r="Q6956" s="236" t="e">
        <f t="shared" si="1614"/>
        <v>#N/A</v>
      </c>
      <c r="R6956" s="238">
        <v>35</v>
      </c>
      <c r="S6956" s="236" t="e">
        <f t="shared" si="1619"/>
        <v>#N/A</v>
      </c>
      <c r="T6956" s="236">
        <f t="shared" si="1606"/>
        <v>33.159426183414887</v>
      </c>
    </row>
    <row r="6957" spans="2:20" x14ac:dyDescent="0.2">
      <c r="B6957" s="239">
        <v>69.254000000000005</v>
      </c>
      <c r="C6957" s="3">
        <f t="shared" si="1607"/>
        <v>69.247</v>
      </c>
      <c r="D6957" s="239">
        <v>18.935400000000001</v>
      </c>
      <c r="E6957" s="239">
        <v>0.1069</v>
      </c>
      <c r="F6957" s="239">
        <v>0.63859999999999995</v>
      </c>
      <c r="G6957">
        <f t="shared" si="1608"/>
        <v>19.063120000000001</v>
      </c>
      <c r="H6957" s="235">
        <f t="shared" si="1609"/>
        <v>0.56076864647549818</v>
      </c>
      <c r="I6957" s="236">
        <f t="shared" si="1610"/>
        <v>19.874857441986261</v>
      </c>
      <c r="J6957" s="237">
        <f t="shared" si="1615"/>
        <v>9.8748574419862614</v>
      </c>
      <c r="K6957" s="237">
        <f t="shared" si="1611"/>
        <v>1376.2742532852226</v>
      </c>
      <c r="L6957" s="237">
        <f t="shared" si="1616"/>
        <v>683.87337728731654</v>
      </c>
      <c r="M6957" s="236">
        <f t="shared" si="1612"/>
        <v>25.862749354086912</v>
      </c>
      <c r="N6957" s="236">
        <f t="shared" si="1613"/>
        <v>0.60440398209418422</v>
      </c>
      <c r="O6957" s="236">
        <f t="shared" si="1617"/>
        <v>2.288065519862486</v>
      </c>
      <c r="P6957" s="236" t="str">
        <f t="shared" si="1618"/>
        <v>SAND</v>
      </c>
      <c r="Q6957" s="236" t="e">
        <f t="shared" si="1614"/>
        <v>#N/A</v>
      </c>
      <c r="R6957" s="238">
        <v>35</v>
      </c>
      <c r="S6957" s="236" t="e">
        <f t="shared" si="1619"/>
        <v>#N/A</v>
      </c>
      <c r="T6957" s="236">
        <f t="shared" si="1606"/>
        <v>33.139421600088887</v>
      </c>
    </row>
    <row r="6958" spans="2:20" x14ac:dyDescent="0.2">
      <c r="B6958" s="239">
        <v>69.263000000000005</v>
      </c>
      <c r="C6958" s="3">
        <f t="shared" si="1607"/>
        <v>69.256</v>
      </c>
      <c r="D6958" s="239">
        <v>18.966799999999999</v>
      </c>
      <c r="E6958" s="239">
        <v>0.1076</v>
      </c>
      <c r="F6958" s="239">
        <v>0.63819999999999999</v>
      </c>
      <c r="G6958">
        <f t="shared" si="1608"/>
        <v>19.094439999999999</v>
      </c>
      <c r="H6958" s="235">
        <f t="shared" si="1609"/>
        <v>0.56351482421060795</v>
      </c>
      <c r="I6958" s="236">
        <f t="shared" si="1610"/>
        <v>19.883152420326816</v>
      </c>
      <c r="J6958" s="237">
        <f t="shared" si="1615"/>
        <v>9.883152420326816</v>
      </c>
      <c r="K6958" s="237">
        <f t="shared" si="1611"/>
        <v>1377.027604022154</v>
      </c>
      <c r="L6958" s="237">
        <f t="shared" si="1616"/>
        <v>684.53678608909627</v>
      </c>
      <c r="M6958" s="236">
        <f t="shared" si="1612"/>
        <v>25.882337890416636</v>
      </c>
      <c r="N6958" s="236">
        <f t="shared" si="1613"/>
        <v>0.60731216046213976</v>
      </c>
      <c r="O6958" s="236">
        <f t="shared" si="1617"/>
        <v>2.2886830681841506</v>
      </c>
      <c r="P6958" s="236" t="str">
        <f t="shared" si="1618"/>
        <v>SAND</v>
      </c>
      <c r="Q6958" s="236" t="e">
        <f t="shared" si="1614"/>
        <v>#N/A</v>
      </c>
      <c r="R6958" s="238">
        <v>35</v>
      </c>
      <c r="S6958" s="236" t="e">
        <f t="shared" si="1619"/>
        <v>#N/A</v>
      </c>
      <c r="T6958" s="236">
        <f t="shared" si="1606"/>
        <v>33.143038528189919</v>
      </c>
    </row>
    <row r="6959" spans="2:20" x14ac:dyDescent="0.2">
      <c r="B6959" s="239">
        <v>69.274000000000001</v>
      </c>
      <c r="C6959" s="3">
        <f t="shared" si="1607"/>
        <v>69.266999999999996</v>
      </c>
      <c r="D6959" s="239">
        <v>19.142700000000001</v>
      </c>
      <c r="E6959" s="239">
        <v>0.1086</v>
      </c>
      <c r="F6959" s="239">
        <v>0.63739999999999997</v>
      </c>
      <c r="G6959">
        <f t="shared" si="1608"/>
        <v>19.27018</v>
      </c>
      <c r="H6959" s="235">
        <f t="shared" si="1609"/>
        <v>0.56356505232436849</v>
      </c>
      <c r="I6959" s="236">
        <f t="shared" si="1610"/>
        <v>19.897580776786551</v>
      </c>
      <c r="J6959" s="237">
        <f t="shared" si="1615"/>
        <v>9.8975807767865511</v>
      </c>
      <c r="K6959" s="237">
        <f t="shared" si="1611"/>
        <v>1378.2457276656739</v>
      </c>
      <c r="L6959" s="237">
        <f t="shared" si="1616"/>
        <v>685.6450107311116</v>
      </c>
      <c r="M6959" s="236">
        <f t="shared" si="1612"/>
        <v>26.095040425155197</v>
      </c>
      <c r="N6959" s="236">
        <f t="shared" si="1613"/>
        <v>0.60697741421912332</v>
      </c>
      <c r="O6959" s="236">
        <f t="shared" si="1617"/>
        <v>2.2853838368030046</v>
      </c>
      <c r="P6959" s="236" t="str">
        <f t="shared" si="1618"/>
        <v>SAND</v>
      </c>
      <c r="Q6959" s="236" t="e">
        <f t="shared" si="1614"/>
        <v>#N/A</v>
      </c>
      <c r="R6959" s="238">
        <v>35</v>
      </c>
      <c r="S6959" s="236" t="e">
        <f t="shared" si="1619"/>
        <v>#N/A</v>
      </c>
      <c r="T6959" s="236">
        <f t="shared" si="1606"/>
        <v>33.182137713776541</v>
      </c>
    </row>
    <row r="6960" spans="2:20" x14ac:dyDescent="0.2">
      <c r="B6960" s="239">
        <v>69.284999999999997</v>
      </c>
      <c r="C6960" s="3">
        <f t="shared" si="1607"/>
        <v>69.277999999999992</v>
      </c>
      <c r="D6960" s="239">
        <v>19.355399999999999</v>
      </c>
      <c r="E6960" s="239">
        <v>0.1091</v>
      </c>
      <c r="F6960" s="239">
        <v>0.62590000000000001</v>
      </c>
      <c r="G6960">
        <f t="shared" si="1608"/>
        <v>19.48058</v>
      </c>
      <c r="H6960" s="235">
        <f t="shared" si="1609"/>
        <v>0.56004492679376072</v>
      </c>
      <c r="I6960" s="236">
        <f t="shared" si="1610"/>
        <v>19.907211575751372</v>
      </c>
      <c r="J6960" s="237">
        <f t="shared" si="1615"/>
        <v>9.9072115757513721</v>
      </c>
      <c r="K6960" s="237">
        <f t="shared" si="1611"/>
        <v>1379.1318035449033</v>
      </c>
      <c r="L6960" s="237">
        <f t="shared" si="1616"/>
        <v>686.42115402593379</v>
      </c>
      <c r="M6960" s="236">
        <f t="shared" si="1612"/>
        <v>26.370760997513198</v>
      </c>
      <c r="N6960" s="236">
        <f t="shared" si="1613"/>
        <v>0.60271420726086244</v>
      </c>
      <c r="O6960" s="236">
        <f t="shared" si="1617"/>
        <v>2.279938861783021</v>
      </c>
      <c r="P6960" s="236" t="str">
        <f t="shared" si="1618"/>
        <v>SAND</v>
      </c>
      <c r="Q6960" s="236" t="e">
        <f t="shared" si="1614"/>
        <v>#N/A</v>
      </c>
      <c r="R6960" s="238">
        <v>35</v>
      </c>
      <c r="S6960" s="236" t="e">
        <f t="shared" si="1619"/>
        <v>#N/A</v>
      </c>
      <c r="T6960" s="236">
        <f t="shared" si="1606"/>
        <v>33.232349289493875</v>
      </c>
    </row>
    <row r="6961" spans="2:20" x14ac:dyDescent="0.2">
      <c r="B6961" s="239">
        <v>69.293999999999997</v>
      </c>
      <c r="C6961" s="3">
        <f t="shared" si="1607"/>
        <v>69.286999999999992</v>
      </c>
      <c r="D6961" s="239">
        <v>19.500399999999999</v>
      </c>
      <c r="E6961" s="239">
        <v>0.109</v>
      </c>
      <c r="F6961" s="239">
        <v>0.62450000000000006</v>
      </c>
      <c r="G6961">
        <f t="shared" si="1608"/>
        <v>19.625299999999999</v>
      </c>
      <c r="H6961" s="235">
        <f t="shared" si="1609"/>
        <v>0.55540552246335095</v>
      </c>
      <c r="I6961" s="236">
        <f t="shared" si="1610"/>
        <v>19.909029272658948</v>
      </c>
      <c r="J6961" s="237">
        <f t="shared" si="1615"/>
        <v>9.9090292726589482</v>
      </c>
      <c r="K6961" s="237">
        <f t="shared" si="1611"/>
        <v>1379.4369112147203</v>
      </c>
      <c r="L6961" s="237">
        <f t="shared" si="1616"/>
        <v>686.6362744196291</v>
      </c>
      <c r="M6961" s="236">
        <f t="shared" si="1612"/>
        <v>26.572821402725001</v>
      </c>
      <c r="N6961" s="236">
        <f t="shared" si="1613"/>
        <v>0.59739569166775275</v>
      </c>
      <c r="O6961" s="236">
        <f t="shared" si="1617"/>
        <v>2.2752721586603943</v>
      </c>
      <c r="P6961" s="236" t="str">
        <f t="shared" si="1618"/>
        <v>SAND</v>
      </c>
      <c r="Q6961" s="236" t="e">
        <f t="shared" si="1614"/>
        <v>#N/A</v>
      </c>
      <c r="R6961" s="238">
        <v>35</v>
      </c>
      <c r="S6961" s="236" t="e">
        <f t="shared" si="1619"/>
        <v>#N/A</v>
      </c>
      <c r="T6961" s="236">
        <f t="shared" si="1606"/>
        <v>33.268814354832479</v>
      </c>
    </row>
    <row r="6962" spans="2:20" x14ac:dyDescent="0.2">
      <c r="B6962" s="239">
        <v>69.304000000000002</v>
      </c>
      <c r="C6962" s="3">
        <f t="shared" si="1607"/>
        <v>69.296999999999997</v>
      </c>
      <c r="D6962" s="239">
        <v>19.724399999999999</v>
      </c>
      <c r="E6962" s="239">
        <v>0.1085</v>
      </c>
      <c r="F6962" s="239">
        <v>0.62319999999999998</v>
      </c>
      <c r="G6962">
        <f t="shared" si="1608"/>
        <v>19.849039999999999</v>
      </c>
      <c r="H6962" s="235">
        <f t="shared" si="1609"/>
        <v>0.54662593253880287</v>
      </c>
      <c r="I6962" s="236">
        <f t="shared" si="1610"/>
        <v>19.908068903716526</v>
      </c>
      <c r="J6962" s="237">
        <f t="shared" si="1615"/>
        <v>9.9080689037165257</v>
      </c>
      <c r="K6962" s="237">
        <f t="shared" si="1611"/>
        <v>1379.5694508208439</v>
      </c>
      <c r="L6962" s="237">
        <f t="shared" si="1616"/>
        <v>686.66880730317007</v>
      </c>
      <c r="M6962" s="236">
        <f t="shared" si="1612"/>
        <v>26.897203357345351</v>
      </c>
      <c r="N6962" s="236">
        <f t="shared" si="1613"/>
        <v>0.58745593010419084</v>
      </c>
      <c r="O6962" s="236">
        <f t="shared" si="1617"/>
        <v>2.2673480408254814</v>
      </c>
      <c r="P6962" s="236" t="str">
        <f t="shared" si="1618"/>
        <v>SAND</v>
      </c>
      <c r="Q6962" s="236" t="e">
        <f t="shared" si="1614"/>
        <v>#N/A</v>
      </c>
      <c r="R6962" s="238">
        <v>35</v>
      </c>
      <c r="S6962" s="236" t="e">
        <f t="shared" si="1619"/>
        <v>#N/A</v>
      </c>
      <c r="T6962" s="236">
        <f t="shared" si="1606"/>
        <v>33.326778391337157</v>
      </c>
    </row>
    <row r="6963" spans="2:20" x14ac:dyDescent="0.2">
      <c r="B6963" s="239">
        <v>69.313999999999993</v>
      </c>
      <c r="C6963" s="3">
        <f t="shared" si="1607"/>
        <v>69.306999999999988</v>
      </c>
      <c r="D6963" s="239">
        <v>19.998100000000001</v>
      </c>
      <c r="E6963" s="239">
        <v>0.1077</v>
      </c>
      <c r="F6963" s="239">
        <v>0.62119999999999997</v>
      </c>
      <c r="G6963">
        <f t="shared" si="1608"/>
        <v>20.122340000000001</v>
      </c>
      <c r="H6963" s="235">
        <f t="shared" si="1609"/>
        <v>0.5352260224208516</v>
      </c>
      <c r="I6963" s="236">
        <f t="shared" si="1610"/>
        <v>19.904736087847478</v>
      </c>
      <c r="J6963" s="237">
        <f t="shared" si="1615"/>
        <v>9.9047360878474784</v>
      </c>
      <c r="K6963" s="237">
        <f t="shared" si="1611"/>
        <v>1379.537544040445</v>
      </c>
      <c r="L6963" s="237">
        <f t="shared" si="1616"/>
        <v>686.53687719306004</v>
      </c>
      <c r="M6963" s="236">
        <f t="shared" si="1612"/>
        <v>27.300503554288923</v>
      </c>
      <c r="N6963" s="236">
        <f t="shared" si="1613"/>
        <v>0.57462057903595509</v>
      </c>
      <c r="O6963" s="236">
        <f t="shared" si="1617"/>
        <v>2.2573544871642128</v>
      </c>
      <c r="P6963" s="236" t="str">
        <f t="shared" si="1618"/>
        <v>SAND</v>
      </c>
      <c r="Q6963" s="236" t="e">
        <f t="shared" si="1614"/>
        <v>#N/A</v>
      </c>
      <c r="R6963" s="238">
        <v>35</v>
      </c>
      <c r="S6963" s="236" t="e">
        <f t="shared" si="1619"/>
        <v>#N/A</v>
      </c>
      <c r="T6963" s="236">
        <f t="shared" si="1606"/>
        <v>33.397877233827572</v>
      </c>
    </row>
    <row r="6964" spans="2:20" x14ac:dyDescent="0.2">
      <c r="B6964" s="239">
        <v>69.323999999999998</v>
      </c>
      <c r="C6964" s="3">
        <f t="shared" si="1607"/>
        <v>69.316999999999993</v>
      </c>
      <c r="D6964" s="239">
        <v>20.214400000000001</v>
      </c>
      <c r="E6964" s="239">
        <v>0.106</v>
      </c>
      <c r="F6964" s="239">
        <v>0.60950000000000004</v>
      </c>
      <c r="G6964">
        <f t="shared" si="1608"/>
        <v>20.336300000000001</v>
      </c>
      <c r="H6964" s="235">
        <f t="shared" si="1609"/>
        <v>0.52123542630665354</v>
      </c>
      <c r="I6964" s="236">
        <f t="shared" si="1610"/>
        <v>19.890213636548715</v>
      </c>
      <c r="J6964" s="237">
        <f t="shared" si="1615"/>
        <v>9.8902136365487152</v>
      </c>
      <c r="K6964" s="237">
        <f t="shared" si="1611"/>
        <v>1378.7299386446471</v>
      </c>
      <c r="L6964" s="237">
        <f t="shared" si="1616"/>
        <v>685.62917014010316</v>
      </c>
      <c r="M6964" s="236">
        <f t="shared" si="1612"/>
        <v>27.649888433832999</v>
      </c>
      <c r="N6964" s="236">
        <f t="shared" si="1613"/>
        <v>0.55914339051331785</v>
      </c>
      <c r="O6964" s="236">
        <f t="shared" si="1617"/>
        <v>2.2472491774185066</v>
      </c>
      <c r="P6964" s="236" t="str">
        <f t="shared" si="1618"/>
        <v>SAND</v>
      </c>
      <c r="Q6964" s="236" t="e">
        <f t="shared" si="1614"/>
        <v>#N/A</v>
      </c>
      <c r="R6964" s="238">
        <v>35</v>
      </c>
      <c r="S6964" s="236" t="e">
        <f t="shared" si="1619"/>
        <v>#N/A</v>
      </c>
      <c r="T6964" s="236">
        <f t="shared" si="1606"/>
        <v>33.458627216121926</v>
      </c>
    </row>
    <row r="6965" spans="2:20" x14ac:dyDescent="0.2">
      <c r="B6965" s="239">
        <v>69.332999999999998</v>
      </c>
      <c r="C6965" s="3">
        <f t="shared" si="1607"/>
        <v>69.325999999999993</v>
      </c>
      <c r="D6965" s="239">
        <v>20.471399999999999</v>
      </c>
      <c r="E6965" s="239">
        <v>0.1047</v>
      </c>
      <c r="F6965" s="239">
        <v>0.59860000000000002</v>
      </c>
      <c r="G6965">
        <f t="shared" si="1608"/>
        <v>20.59112</v>
      </c>
      <c r="H6965" s="235">
        <f t="shared" si="1609"/>
        <v>0.50847161300599486</v>
      </c>
      <c r="I6965" s="236">
        <f t="shared" si="1610"/>
        <v>19.880611067528797</v>
      </c>
      <c r="J6965" s="237">
        <f t="shared" si="1615"/>
        <v>9.8806110675287968</v>
      </c>
      <c r="K6965" s="237">
        <f t="shared" si="1611"/>
        <v>1378.2432428675013</v>
      </c>
      <c r="L6965" s="237">
        <f t="shared" si="1616"/>
        <v>685.05240714497404</v>
      </c>
      <c r="M6965" s="236">
        <f t="shared" si="1612"/>
        <v>28.045849568216433</v>
      </c>
      <c r="N6965" s="236">
        <f t="shared" si="1613"/>
        <v>0.54494702341299139</v>
      </c>
      <c r="O6965" s="236">
        <f t="shared" si="1617"/>
        <v>2.2368792805636488</v>
      </c>
      <c r="P6965" s="236" t="str">
        <f t="shared" si="1618"/>
        <v>SAND</v>
      </c>
      <c r="Q6965" s="236" t="e">
        <f t="shared" si="1614"/>
        <v>#N/A</v>
      </c>
      <c r="R6965" s="238">
        <v>35</v>
      </c>
      <c r="S6965" s="236" t="e">
        <f t="shared" si="1619"/>
        <v>#N/A</v>
      </c>
      <c r="T6965" s="236">
        <f t="shared" si="1606"/>
        <v>33.526554602694816</v>
      </c>
    </row>
    <row r="6966" spans="2:20" x14ac:dyDescent="0.2">
      <c r="B6966" s="239">
        <v>69.343999999999994</v>
      </c>
      <c r="C6966" s="3">
        <f t="shared" si="1607"/>
        <v>69.336999999999989</v>
      </c>
      <c r="D6966" s="239">
        <v>20.621500000000001</v>
      </c>
      <c r="E6966" s="239">
        <v>0.10349999999999999</v>
      </c>
      <c r="F6966" s="239">
        <v>0.6109</v>
      </c>
      <c r="G6966">
        <f t="shared" si="1608"/>
        <v>20.743680000000001</v>
      </c>
      <c r="H6966" s="235">
        <f t="shared" si="1609"/>
        <v>0.49894714920399846</v>
      </c>
      <c r="I6966" s="236">
        <f t="shared" si="1610"/>
        <v>19.869979222620483</v>
      </c>
      <c r="J6966" s="237">
        <f t="shared" si="1615"/>
        <v>9.8699792226204828</v>
      </c>
      <c r="K6966" s="237">
        <f t="shared" si="1611"/>
        <v>1377.7247493588361</v>
      </c>
      <c r="L6966" s="237">
        <f t="shared" si="1616"/>
        <v>684.42383921339467</v>
      </c>
      <c r="M6966" s="236">
        <f t="shared" si="1612"/>
        <v>28.295266969219501</v>
      </c>
      <c r="N6966" s="236">
        <f t="shared" si="1613"/>
        <v>0.53444304017264188</v>
      </c>
      <c r="O6966" s="236">
        <f t="shared" si="1617"/>
        <v>2.2297973707641314</v>
      </c>
      <c r="P6966" s="236" t="str">
        <f t="shared" si="1618"/>
        <v>SAND</v>
      </c>
      <c r="Q6966" s="236" t="e">
        <f t="shared" si="1614"/>
        <v>#N/A</v>
      </c>
      <c r="R6966" s="238">
        <v>35</v>
      </c>
      <c r="S6966" s="236" t="e">
        <f t="shared" si="1619"/>
        <v>#N/A</v>
      </c>
      <c r="T6966" s="236">
        <f t="shared" si="1606"/>
        <v>33.568851755020191</v>
      </c>
    </row>
    <row r="6967" spans="2:20" x14ac:dyDescent="0.2">
      <c r="B6967" s="239">
        <v>69.353999999999999</v>
      </c>
      <c r="C6967" s="3">
        <f t="shared" si="1607"/>
        <v>69.346999999999994</v>
      </c>
      <c r="D6967" s="239">
        <v>20.8126</v>
      </c>
      <c r="E6967" s="239">
        <v>0.10349999999999999</v>
      </c>
      <c r="F6967" s="239">
        <v>0.60750000000000004</v>
      </c>
      <c r="G6967">
        <f t="shared" si="1608"/>
        <v>20.934100000000001</v>
      </c>
      <c r="H6967" s="235">
        <f t="shared" si="1609"/>
        <v>0.49440864426939773</v>
      </c>
      <c r="I6967" s="236">
        <f t="shared" si="1610"/>
        <v>19.873550863797721</v>
      </c>
      <c r="J6967" s="237">
        <f t="shared" si="1615"/>
        <v>9.8735508637977212</v>
      </c>
      <c r="K6967" s="237">
        <f t="shared" si="1611"/>
        <v>1378.1711317517804</v>
      </c>
      <c r="L6967" s="237">
        <f t="shared" si="1616"/>
        <v>684.77024660782718</v>
      </c>
      <c r="M6967" s="236">
        <f t="shared" si="1612"/>
        <v>28.558379931258962</v>
      </c>
      <c r="N6967" s="236">
        <f t="shared" si="1613"/>
        <v>0.52925126030728553</v>
      </c>
      <c r="O6967" s="236">
        <f t="shared" si="1617"/>
        <v>2.2243576704847348</v>
      </c>
      <c r="P6967" s="236" t="str">
        <f t="shared" si="1618"/>
        <v>SAND</v>
      </c>
      <c r="Q6967" s="236" t="e">
        <f t="shared" si="1614"/>
        <v>#N/A</v>
      </c>
      <c r="R6967" s="238">
        <v>35</v>
      </c>
      <c r="S6967" s="236" t="e">
        <f t="shared" si="1619"/>
        <v>#N/A</v>
      </c>
      <c r="T6967" s="236">
        <f t="shared" si="1606"/>
        <v>33.613069237101428</v>
      </c>
    </row>
    <row r="6968" spans="2:20" x14ac:dyDescent="0.2">
      <c r="B6968" s="239">
        <v>69.364000000000004</v>
      </c>
      <c r="C6968" s="3">
        <f t="shared" si="1607"/>
        <v>69.356999999999999</v>
      </c>
      <c r="D6968" s="239">
        <v>20.9649</v>
      </c>
      <c r="E6968" s="239">
        <v>0.10290000000000001</v>
      </c>
      <c r="F6968" s="239">
        <v>0.61050000000000004</v>
      </c>
      <c r="G6968">
        <f t="shared" si="1608"/>
        <v>21.087</v>
      </c>
      <c r="H6968" s="235">
        <f t="shared" si="1609"/>
        <v>0.48797837530231902</v>
      </c>
      <c r="I6968" s="236">
        <f t="shared" si="1610"/>
        <v>19.869577884473713</v>
      </c>
      <c r="J6968" s="237">
        <f t="shared" si="1615"/>
        <v>9.8695778844737134</v>
      </c>
      <c r="K6968" s="237">
        <f t="shared" si="1611"/>
        <v>1378.0943133334433</v>
      </c>
      <c r="L6968" s="237">
        <f t="shared" si="1616"/>
        <v>684.59340037863467</v>
      </c>
      <c r="M6968" s="236">
        <f t="shared" si="1612"/>
        <v>28.789213678901902</v>
      </c>
      <c r="N6968" s="236">
        <f t="shared" si="1613"/>
        <v>0.52209900253170205</v>
      </c>
      <c r="O6968" s="236">
        <f t="shared" si="1617"/>
        <v>2.2186881749335203</v>
      </c>
      <c r="P6968" s="236" t="str">
        <f t="shared" si="1618"/>
        <v>SAND</v>
      </c>
      <c r="Q6968" s="236" t="e">
        <f t="shared" si="1614"/>
        <v>#N/A</v>
      </c>
      <c r="R6968" s="238">
        <v>35</v>
      </c>
      <c r="S6968" s="236" t="e">
        <f t="shared" si="1619"/>
        <v>#N/A</v>
      </c>
      <c r="T6968" s="236">
        <f t="shared" si="1606"/>
        <v>33.651527834487226</v>
      </c>
    </row>
    <row r="6969" spans="2:20" x14ac:dyDescent="0.2">
      <c r="B6969" s="239">
        <v>69.373999999999995</v>
      </c>
      <c r="C6969" s="3">
        <f t="shared" si="1607"/>
        <v>69.36699999999999</v>
      </c>
      <c r="D6969" s="239">
        <v>21.0794</v>
      </c>
      <c r="E6969" s="239">
        <v>0.10199999999999999</v>
      </c>
      <c r="F6969" s="239">
        <v>0.59770000000000001</v>
      </c>
      <c r="G6969">
        <f t="shared" si="1608"/>
        <v>21.19894</v>
      </c>
      <c r="H6969" s="235">
        <f t="shared" si="1609"/>
        <v>0.48115613327836199</v>
      </c>
      <c r="I6969" s="236">
        <f t="shared" si="1610"/>
        <v>19.861346249235257</v>
      </c>
      <c r="J6969" s="237">
        <f t="shared" si="1615"/>
        <v>9.8613462492352575</v>
      </c>
      <c r="K6969" s="237">
        <f t="shared" si="1611"/>
        <v>1377.7220052707019</v>
      </c>
      <c r="L6969" s="237">
        <f t="shared" si="1616"/>
        <v>684.12103469444673</v>
      </c>
      <c r="M6969" s="236">
        <f t="shared" si="1612"/>
        <v>28.97326202458045</v>
      </c>
      <c r="N6969" s="236">
        <f t="shared" si="1613"/>
        <v>0.51460006154577909</v>
      </c>
      <c r="O6969" s="236">
        <f t="shared" si="1617"/>
        <v>2.2135289735663992</v>
      </c>
      <c r="P6969" s="236" t="str">
        <f t="shared" si="1618"/>
        <v>SAND</v>
      </c>
      <c r="Q6969" s="236" t="e">
        <f t="shared" si="1614"/>
        <v>#N/A</v>
      </c>
      <c r="R6969" s="238">
        <v>35</v>
      </c>
      <c r="S6969" s="236" t="e">
        <f t="shared" si="1619"/>
        <v>#N/A</v>
      </c>
      <c r="T6969" s="236">
        <f t="shared" si="1606"/>
        <v>33.681971334529678</v>
      </c>
    </row>
    <row r="6970" spans="2:20" x14ac:dyDescent="0.2">
      <c r="B6970" s="239">
        <v>69.384</v>
      </c>
      <c r="C6970" s="3">
        <f t="shared" si="1607"/>
        <v>69.376999999999995</v>
      </c>
      <c r="D6970" s="239">
        <v>21.208100000000002</v>
      </c>
      <c r="E6970" s="239">
        <v>0.10249999999999999</v>
      </c>
      <c r="F6970" s="239">
        <v>0.60029999999999994</v>
      </c>
      <c r="G6970">
        <f t="shared" si="1608"/>
        <v>21.32816</v>
      </c>
      <c r="H6970" s="235">
        <f t="shared" si="1609"/>
        <v>0.4805852919332938</v>
      </c>
      <c r="I6970" s="236">
        <f t="shared" si="1610"/>
        <v>19.869455542012886</v>
      </c>
      <c r="J6970" s="237">
        <f t="shared" si="1615"/>
        <v>9.8694555420128864</v>
      </c>
      <c r="K6970" s="237">
        <f t="shared" si="1611"/>
        <v>1378.4832171382279</v>
      </c>
      <c r="L6970" s="237">
        <f t="shared" si="1616"/>
        <v>684.78230332702208</v>
      </c>
      <c r="M6970" s="236">
        <f t="shared" si="1612"/>
        <v>29.132874325075363</v>
      </c>
      <c r="N6970" s="236">
        <f t="shared" si="1613"/>
        <v>0.51379278529492267</v>
      </c>
      <c r="O6970" s="236">
        <f t="shared" si="1617"/>
        <v>2.2110776805364352</v>
      </c>
      <c r="P6970" s="236" t="str">
        <f t="shared" si="1618"/>
        <v>SAND</v>
      </c>
      <c r="Q6970" s="236" t="e">
        <f t="shared" si="1614"/>
        <v>#N/A</v>
      </c>
      <c r="R6970" s="238">
        <v>35</v>
      </c>
      <c r="S6970" s="236" t="e">
        <f t="shared" si="1619"/>
        <v>#N/A</v>
      </c>
      <c r="T6970" s="236">
        <f t="shared" si="1606"/>
        <v>33.708216688999315</v>
      </c>
    </row>
    <row r="6971" spans="2:20" x14ac:dyDescent="0.2">
      <c r="B6971" s="239">
        <v>69.394000000000005</v>
      </c>
      <c r="C6971" s="3">
        <f t="shared" si="1607"/>
        <v>69.387</v>
      </c>
      <c r="D6971" s="239">
        <v>21.325900000000001</v>
      </c>
      <c r="E6971" s="239">
        <v>0.1013</v>
      </c>
      <c r="F6971" s="239">
        <v>0.59970000000000001</v>
      </c>
      <c r="G6971">
        <f t="shared" si="1608"/>
        <v>21.44584</v>
      </c>
      <c r="H6971" s="235">
        <f t="shared" si="1609"/>
        <v>0.47235268005356745</v>
      </c>
      <c r="I6971" s="236">
        <f t="shared" si="1610"/>
        <v>19.857797312244507</v>
      </c>
      <c r="J6971" s="237">
        <f t="shared" si="1615"/>
        <v>9.8577973122445073</v>
      </c>
      <c r="K6971" s="237">
        <f t="shared" si="1611"/>
        <v>1377.8729821047095</v>
      </c>
      <c r="L6971" s="237">
        <f t="shared" si="1616"/>
        <v>684.07198668589535</v>
      </c>
      <c r="M6971" s="236">
        <f t="shared" si="1612"/>
        <v>29.336045633322914</v>
      </c>
      <c r="N6971" s="236">
        <f t="shared" si="1613"/>
        <v>0.50478456492213353</v>
      </c>
      <c r="O6971" s="236">
        <f t="shared" si="1617"/>
        <v>2.2051134375096124</v>
      </c>
      <c r="P6971" s="236" t="str">
        <f t="shared" si="1618"/>
        <v>SAND</v>
      </c>
      <c r="Q6971" s="236" t="e">
        <f t="shared" si="1614"/>
        <v>#N/A</v>
      </c>
      <c r="R6971" s="238">
        <v>35</v>
      </c>
      <c r="S6971" s="236" t="e">
        <f t="shared" si="1619"/>
        <v>#N/A</v>
      </c>
      <c r="T6971" s="236">
        <f t="shared" si="1606"/>
        <v>33.741417297659297</v>
      </c>
    </row>
    <row r="6972" spans="2:20" x14ac:dyDescent="0.2">
      <c r="B6972" s="239">
        <v>69.403999999999996</v>
      </c>
      <c r="C6972" s="3">
        <f t="shared" si="1607"/>
        <v>69.396999999999991</v>
      </c>
      <c r="D6972" s="239">
        <v>21.452100000000002</v>
      </c>
      <c r="E6972" s="239">
        <v>0.1011</v>
      </c>
      <c r="F6972" s="239">
        <v>0.59179999999999999</v>
      </c>
      <c r="G6972">
        <f t="shared" si="1608"/>
        <v>21.570460000000001</v>
      </c>
      <c r="H6972" s="235">
        <f t="shared" si="1609"/>
        <v>0.46869654147384898</v>
      </c>
      <c r="I6972" s="236">
        <f t="shared" si="1610"/>
        <v>19.857744640536332</v>
      </c>
      <c r="J6972" s="237">
        <f t="shared" si="1615"/>
        <v>9.8577446405363318</v>
      </c>
      <c r="K6972" s="237">
        <f t="shared" si="1611"/>
        <v>1378.0679048192997</v>
      </c>
      <c r="L6972" s="237">
        <f t="shared" si="1616"/>
        <v>684.16690903178358</v>
      </c>
      <c r="M6972" s="236">
        <f t="shared" si="1612"/>
        <v>29.513839135769494</v>
      </c>
      <c r="N6972" s="236">
        <f t="shared" si="1613"/>
        <v>0.50068362145230649</v>
      </c>
      <c r="O6972" s="236">
        <f t="shared" si="1617"/>
        <v>2.2012482813201353</v>
      </c>
      <c r="P6972" s="236" t="str">
        <f t="shared" si="1618"/>
        <v>SAND</v>
      </c>
      <c r="Q6972" s="236" t="e">
        <f t="shared" si="1614"/>
        <v>#N/A</v>
      </c>
      <c r="R6972" s="238">
        <v>35</v>
      </c>
      <c r="S6972" s="236" t="e">
        <f t="shared" si="1619"/>
        <v>#N/A</v>
      </c>
      <c r="T6972" s="236">
        <f t="shared" si="1606"/>
        <v>33.770282764254603</v>
      </c>
    </row>
    <row r="6973" spans="2:20" x14ac:dyDescent="0.2">
      <c r="B6973" s="239">
        <v>69.414000000000001</v>
      </c>
      <c r="C6973" s="3">
        <f t="shared" si="1607"/>
        <v>69.406999999999996</v>
      </c>
      <c r="D6973" s="239">
        <v>21.508500000000002</v>
      </c>
      <c r="E6973" s="239">
        <v>0.1019</v>
      </c>
      <c r="F6973" s="239">
        <v>0.60019999999999996</v>
      </c>
      <c r="G6973">
        <f t="shared" si="1608"/>
        <v>21.628540000000001</v>
      </c>
      <c r="H6973" s="235">
        <f t="shared" si="1609"/>
        <v>0.47113674801905264</v>
      </c>
      <c r="I6973" s="236">
        <f t="shared" si="1610"/>
        <v>19.868037834866556</v>
      </c>
      <c r="J6973" s="237">
        <f t="shared" si="1615"/>
        <v>9.8680378348665556</v>
      </c>
      <c r="K6973" s="237">
        <f t="shared" si="1611"/>
        <v>1378.980902004583</v>
      </c>
      <c r="L6973" s="237">
        <f t="shared" si="1616"/>
        <v>684.97997826942708</v>
      </c>
      <c r="M6973" s="236">
        <f t="shared" si="1612"/>
        <v>29.562264212678262</v>
      </c>
      <c r="N6973" s="236">
        <f t="shared" si="1613"/>
        <v>0.50322083313946064</v>
      </c>
      <c r="O6973" s="236">
        <f t="shared" si="1617"/>
        <v>2.2015196358528808</v>
      </c>
      <c r="P6973" s="236" t="str">
        <f t="shared" si="1618"/>
        <v>SAND</v>
      </c>
      <c r="Q6973" s="236" t="e">
        <f t="shared" si="1614"/>
        <v>#N/A</v>
      </c>
      <c r="R6973" s="238">
        <v>35</v>
      </c>
      <c r="S6973" s="236" t="e">
        <f t="shared" si="1619"/>
        <v>#N/A</v>
      </c>
      <c r="T6973" s="236">
        <f t="shared" si="1606"/>
        <v>33.778114636001746</v>
      </c>
    </row>
    <row r="6974" spans="2:20" x14ac:dyDescent="0.2">
      <c r="B6974" s="239">
        <v>69.424000000000007</v>
      </c>
      <c r="C6974" s="3">
        <f t="shared" si="1607"/>
        <v>69.417000000000002</v>
      </c>
      <c r="D6974" s="239">
        <v>21.613099999999999</v>
      </c>
      <c r="E6974" s="239">
        <v>0.1011</v>
      </c>
      <c r="F6974" s="239">
        <v>0.59960000000000002</v>
      </c>
      <c r="G6974">
        <f t="shared" si="1608"/>
        <v>21.73302</v>
      </c>
      <c r="H6974" s="235">
        <f t="shared" si="1609"/>
        <v>0.46519075581764524</v>
      </c>
      <c r="I6974" s="236">
        <f t="shared" si="1610"/>
        <v>19.860679246177867</v>
      </c>
      <c r="J6974" s="237">
        <f t="shared" si="1615"/>
        <v>9.8606792461778667</v>
      </c>
      <c r="K6974" s="237">
        <f t="shared" si="1611"/>
        <v>1378.668771231929</v>
      </c>
      <c r="L6974" s="237">
        <f t="shared" si="1616"/>
        <v>684.5677959866523</v>
      </c>
      <c r="M6974" s="236">
        <f t="shared" si="1612"/>
        <v>29.733141623221989</v>
      </c>
      <c r="N6974" s="236">
        <f t="shared" si="1613"/>
        <v>0.49669969267853192</v>
      </c>
      <c r="O6974" s="236">
        <f t="shared" si="1617"/>
        <v>2.1968785406928322</v>
      </c>
      <c r="P6974" s="236" t="str">
        <f t="shared" si="1618"/>
        <v>SAND</v>
      </c>
      <c r="Q6974" s="236" t="e">
        <f t="shared" si="1614"/>
        <v>#N/A</v>
      </c>
      <c r="R6974" s="238">
        <v>35</v>
      </c>
      <c r="S6974" s="236" t="e">
        <f t="shared" si="1619"/>
        <v>#N/A</v>
      </c>
      <c r="T6974" s="236">
        <f t="shared" si="1606"/>
        <v>33.80564879415725</v>
      </c>
    </row>
    <row r="6975" spans="2:20" x14ac:dyDescent="0.2">
      <c r="B6975" s="239">
        <v>69.433999999999997</v>
      </c>
      <c r="C6975" s="3">
        <f t="shared" si="1607"/>
        <v>69.426999999999992</v>
      </c>
      <c r="D6975" s="239">
        <v>21.7027</v>
      </c>
      <c r="E6975" s="239">
        <v>0.10299999999999999</v>
      </c>
      <c r="F6975" s="239">
        <v>0.61670000000000003</v>
      </c>
      <c r="G6975">
        <f t="shared" si="1608"/>
        <v>21.826039999999999</v>
      </c>
      <c r="H6975" s="235">
        <f t="shared" si="1609"/>
        <v>0.4719133658693927</v>
      </c>
      <c r="I6975" s="236">
        <f t="shared" si="1610"/>
        <v>19.884181013195377</v>
      </c>
      <c r="J6975" s="237">
        <f t="shared" si="1615"/>
        <v>9.8841810131953771</v>
      </c>
      <c r="K6975" s="237">
        <f t="shared" si="1611"/>
        <v>1380.4990352031152</v>
      </c>
      <c r="L6975" s="237">
        <f t="shared" si="1616"/>
        <v>686.29822447020774</v>
      </c>
      <c r="M6975" s="236">
        <f t="shared" si="1612"/>
        <v>29.79104452817133</v>
      </c>
      <c r="N6975" s="236">
        <f t="shared" si="1613"/>
        <v>0.50377732815847398</v>
      </c>
      <c r="O6975" s="236">
        <f t="shared" si="1617"/>
        <v>2.198680931958108</v>
      </c>
      <c r="P6975" s="236" t="str">
        <f t="shared" si="1618"/>
        <v>SAND</v>
      </c>
      <c r="Q6975" s="236" t="e">
        <f t="shared" si="1614"/>
        <v>#N/A</v>
      </c>
      <c r="R6975" s="238">
        <v>35</v>
      </c>
      <c r="S6975" s="236" t="e">
        <f t="shared" si="1619"/>
        <v>#N/A</v>
      </c>
      <c r="T6975" s="236">
        <f t="shared" si="1606"/>
        <v>33.814943036995274</v>
      </c>
    </row>
    <row r="6976" spans="2:20" x14ac:dyDescent="0.2">
      <c r="B6976" s="239">
        <v>69.444999999999993</v>
      </c>
      <c r="C6976" s="3">
        <f t="shared" si="1607"/>
        <v>69.437999999999988</v>
      </c>
      <c r="D6976" s="239">
        <v>21.837800000000001</v>
      </c>
      <c r="E6976" s="239">
        <v>0.1038</v>
      </c>
      <c r="F6976" s="239">
        <v>0.61829999999999996</v>
      </c>
      <c r="G6976">
        <f t="shared" si="1608"/>
        <v>21.961460000000002</v>
      </c>
      <c r="H6976" s="235">
        <f t="shared" si="1609"/>
        <v>0.47264617197581582</v>
      </c>
      <c r="I6976" s="236">
        <f t="shared" si="1610"/>
        <v>19.895670996675609</v>
      </c>
      <c r="J6976" s="237">
        <f t="shared" si="1615"/>
        <v>9.8956709966756087</v>
      </c>
      <c r="K6976" s="237">
        <f t="shared" si="1611"/>
        <v>1381.5156026671607</v>
      </c>
      <c r="L6976" s="237">
        <f t="shared" si="1616"/>
        <v>687.2048723641376</v>
      </c>
      <c r="M6976" s="236">
        <f t="shared" si="1612"/>
        <v>29.947320260598932</v>
      </c>
      <c r="N6976" s="236">
        <f t="shared" si="1613"/>
        <v>0.50437454055246356</v>
      </c>
      <c r="O6976" s="236">
        <f t="shared" si="1617"/>
        <v>2.1968345279982837</v>
      </c>
      <c r="P6976" s="236" t="str">
        <f t="shared" si="1618"/>
        <v>SAND</v>
      </c>
      <c r="Q6976" s="236" t="e">
        <f t="shared" si="1614"/>
        <v>#N/A</v>
      </c>
      <c r="R6976" s="238">
        <v>35</v>
      </c>
      <c r="S6976" s="236" t="e">
        <f t="shared" si="1619"/>
        <v>#N/A</v>
      </c>
      <c r="T6976" s="236">
        <f t="shared" si="1606"/>
        <v>33.839937637246479</v>
      </c>
    </row>
    <row r="6977" spans="2:20" x14ac:dyDescent="0.2">
      <c r="B6977" s="239">
        <v>69.453999999999994</v>
      </c>
      <c r="C6977" s="3">
        <f t="shared" si="1607"/>
        <v>69.446999999999989</v>
      </c>
      <c r="D6977" s="239">
        <v>21.9147</v>
      </c>
      <c r="E6977" s="239">
        <v>0.1038</v>
      </c>
      <c r="F6977" s="239">
        <v>0.62309999999999999</v>
      </c>
      <c r="G6977">
        <f t="shared" si="1608"/>
        <v>22.03932</v>
      </c>
      <c r="H6977" s="235">
        <f t="shared" si="1609"/>
        <v>0.47097641851019001</v>
      </c>
      <c r="I6977" s="236">
        <f t="shared" si="1610"/>
        <v>19.897054280485051</v>
      </c>
      <c r="J6977" s="237">
        <f t="shared" si="1615"/>
        <v>9.897054280485051</v>
      </c>
      <c r="K6977" s="237">
        <f t="shared" si="1611"/>
        <v>1381.7907286168452</v>
      </c>
      <c r="L6977" s="237">
        <f t="shared" si="1616"/>
        <v>687.39000799680866</v>
      </c>
      <c r="M6977" s="236">
        <f t="shared" si="1612"/>
        <v>30.052123293999149</v>
      </c>
      <c r="N6977" s="236">
        <f t="shared" si="1613"/>
        <v>0.50248022711890328</v>
      </c>
      <c r="O6977" s="236">
        <f t="shared" si="1617"/>
        <v>2.1947714094290887</v>
      </c>
      <c r="P6977" s="236" t="str">
        <f t="shared" si="1618"/>
        <v>SAND</v>
      </c>
      <c r="Q6977" s="236" t="e">
        <f t="shared" si="1614"/>
        <v>#N/A</v>
      </c>
      <c r="R6977" s="238">
        <v>35</v>
      </c>
      <c r="S6977" s="236" t="e">
        <f t="shared" si="1619"/>
        <v>#N/A</v>
      </c>
      <c r="T6977" s="236">
        <f t="shared" si="1606"/>
        <v>33.856626781330149</v>
      </c>
    </row>
    <row r="6978" spans="2:20" x14ac:dyDescent="0.2">
      <c r="B6978" s="239">
        <v>69.465000000000003</v>
      </c>
      <c r="C6978" s="3">
        <f t="shared" si="1607"/>
        <v>69.457999999999998</v>
      </c>
      <c r="D6978" s="239">
        <v>22.097100000000001</v>
      </c>
      <c r="E6978" s="239">
        <v>0.1032</v>
      </c>
      <c r="F6978" s="239">
        <v>0.61060000000000003</v>
      </c>
      <c r="G6978">
        <f t="shared" si="1608"/>
        <v>22.21922</v>
      </c>
      <c r="H6978" s="235">
        <f t="shared" si="1609"/>
        <v>0.46446274891737876</v>
      </c>
      <c r="I6978" s="236">
        <f t="shared" si="1610"/>
        <v>19.893434165237483</v>
      </c>
      <c r="J6978" s="237">
        <f t="shared" si="1615"/>
        <v>9.8934341652374833</v>
      </c>
      <c r="K6978" s="237">
        <f t="shared" si="1611"/>
        <v>1381.758150249065</v>
      </c>
      <c r="L6978" s="237">
        <f t="shared" si="1616"/>
        <v>687.24740428822179</v>
      </c>
      <c r="M6978" s="236">
        <f t="shared" si="1612"/>
        <v>30.320175412422511</v>
      </c>
      <c r="N6978" s="236">
        <f t="shared" si="1613"/>
        <v>0.49526185455851723</v>
      </c>
      <c r="O6978" s="236">
        <f t="shared" si="1617"/>
        <v>2.1886373961621932</v>
      </c>
      <c r="P6978" s="236" t="str">
        <f t="shared" si="1618"/>
        <v>SAND</v>
      </c>
      <c r="Q6978" s="236" t="e">
        <f t="shared" si="1614"/>
        <v>#N/A</v>
      </c>
      <c r="R6978" s="238">
        <v>35</v>
      </c>
      <c r="S6978" s="236" t="e">
        <f t="shared" si="1619"/>
        <v>#N/A</v>
      </c>
      <c r="T6978" s="236">
        <f t="shared" si="1606"/>
        <v>33.899048804577816</v>
      </c>
    </row>
    <row r="6979" spans="2:20" x14ac:dyDescent="0.2">
      <c r="B6979" s="239">
        <v>69.474999999999994</v>
      </c>
      <c r="C6979" s="3">
        <f t="shared" si="1607"/>
        <v>69.467999999999989</v>
      </c>
      <c r="D6979" s="239">
        <v>22.116499999999998</v>
      </c>
      <c r="E6979" s="239">
        <v>0.1051</v>
      </c>
      <c r="F6979" s="239">
        <v>0.61770000000000003</v>
      </c>
      <c r="G6979">
        <f t="shared" si="1608"/>
        <v>22.240039999999997</v>
      </c>
      <c r="H6979" s="235">
        <f t="shared" si="1609"/>
        <v>0.47257109249803514</v>
      </c>
      <c r="I6979" s="236">
        <f t="shared" si="1610"/>
        <v>19.915192395271792</v>
      </c>
      <c r="J6979" s="237">
        <f t="shared" si="1615"/>
        <v>9.9151923952717915</v>
      </c>
      <c r="K6979" s="237">
        <f t="shared" si="1611"/>
        <v>1383.4685853147405</v>
      </c>
      <c r="L6979" s="237">
        <f t="shared" si="1616"/>
        <v>688.85799166150764</v>
      </c>
      <c r="M6979" s="236">
        <f t="shared" si="1612"/>
        <v>30.277026131873342</v>
      </c>
      <c r="N6979" s="236">
        <f t="shared" si="1613"/>
        <v>0.5039179158948357</v>
      </c>
      <c r="O6979" s="236">
        <f t="shared" si="1617"/>
        <v>2.1923544968848154</v>
      </c>
      <c r="P6979" s="236" t="str">
        <f t="shared" si="1618"/>
        <v>SAND</v>
      </c>
      <c r="Q6979" s="236" t="e">
        <f t="shared" si="1614"/>
        <v>#N/A</v>
      </c>
      <c r="R6979" s="238">
        <v>35</v>
      </c>
      <c r="S6979" s="236" t="e">
        <f t="shared" si="1619"/>
        <v>#N/A</v>
      </c>
      <c r="T6979" s="236">
        <f t="shared" si="1606"/>
        <v>33.892245372457751</v>
      </c>
    </row>
    <row r="6980" spans="2:20" x14ac:dyDescent="0.2">
      <c r="B6980" s="239">
        <v>69.484999999999999</v>
      </c>
      <c r="C6980" s="3">
        <f t="shared" si="1607"/>
        <v>69.477999999999994</v>
      </c>
      <c r="D6980" s="239">
        <v>22.2605</v>
      </c>
      <c r="E6980" s="239">
        <v>0.10489999999999999</v>
      </c>
      <c r="F6980" s="239">
        <v>0.61419999999999997</v>
      </c>
      <c r="G6980">
        <f t="shared" si="1608"/>
        <v>22.38334</v>
      </c>
      <c r="H6980" s="235">
        <f t="shared" si="1609"/>
        <v>0.46865213145133833</v>
      </c>
      <c r="I6980" s="236">
        <f t="shared" si="1610"/>
        <v>19.915469274977138</v>
      </c>
      <c r="J6980" s="237">
        <f t="shared" si="1615"/>
        <v>9.9154692749771378</v>
      </c>
      <c r="K6980" s="237">
        <f t="shared" si="1611"/>
        <v>1383.6869742868614</v>
      </c>
      <c r="L6980" s="237">
        <f t="shared" si="1616"/>
        <v>688.97638257178642</v>
      </c>
      <c r="M6980" s="236">
        <f t="shared" si="1612"/>
        <v>30.479496187266076</v>
      </c>
      <c r="N6980" s="236">
        <f t="shared" si="1613"/>
        <v>0.49953206308482634</v>
      </c>
      <c r="O6980" s="236">
        <f t="shared" si="1617"/>
        <v>2.1881324788750662</v>
      </c>
      <c r="P6980" s="236" t="str">
        <f t="shared" si="1618"/>
        <v>SAND</v>
      </c>
      <c r="Q6980" s="236" t="e">
        <f t="shared" si="1614"/>
        <v>#N/A</v>
      </c>
      <c r="R6980" s="238">
        <v>35</v>
      </c>
      <c r="S6980" s="236" t="e">
        <f t="shared" si="1619"/>
        <v>#N/A</v>
      </c>
      <c r="T6980" s="236">
        <f t="shared" si="1606"/>
        <v>33.924085624320732</v>
      </c>
    </row>
    <row r="6981" spans="2:20" x14ac:dyDescent="0.2">
      <c r="B6981" s="239">
        <v>69.494</v>
      </c>
      <c r="C6981" s="3">
        <f t="shared" si="1607"/>
        <v>69.486999999999995</v>
      </c>
      <c r="D6981" s="239">
        <v>22.360299999999999</v>
      </c>
      <c r="E6981" s="239">
        <v>0.1053</v>
      </c>
      <c r="F6981" s="239">
        <v>0.62329999999999997</v>
      </c>
      <c r="G6981">
        <f t="shared" si="1608"/>
        <v>22.484959999999997</v>
      </c>
      <c r="H6981" s="235">
        <f t="shared" si="1609"/>
        <v>0.46831304125068496</v>
      </c>
      <c r="I6981" s="236">
        <f t="shared" si="1610"/>
        <v>19.921702563961517</v>
      </c>
      <c r="J6981" s="237">
        <f t="shared" si="1615"/>
        <v>9.9217025639615173</v>
      </c>
      <c r="K6981" s="237">
        <f t="shared" si="1611"/>
        <v>1384.2993460619939</v>
      </c>
      <c r="L6981" s="237">
        <f t="shared" si="1616"/>
        <v>689.49879797994163</v>
      </c>
      <c r="M6981" s="236">
        <f t="shared" si="1612"/>
        <v>30.602896938700464</v>
      </c>
      <c r="N6981" s="236">
        <f t="shared" si="1613"/>
        <v>0.49903650756237306</v>
      </c>
      <c r="O6981" s="236">
        <f t="shared" si="1617"/>
        <v>2.1863589029001145</v>
      </c>
      <c r="P6981" s="236" t="str">
        <f t="shared" si="1618"/>
        <v>SAND</v>
      </c>
      <c r="Q6981" s="236" t="e">
        <f t="shared" si="1614"/>
        <v>#N/A</v>
      </c>
      <c r="R6981" s="238">
        <v>35</v>
      </c>
      <c r="S6981" s="236" t="e">
        <f t="shared" si="1619"/>
        <v>#N/A</v>
      </c>
      <c r="T6981" s="236">
        <f t="shared" si="1606"/>
        <v>33.94338793686466</v>
      </c>
    </row>
    <row r="6982" spans="2:20" x14ac:dyDescent="0.2">
      <c r="B6982" s="239">
        <v>69.504999999999995</v>
      </c>
      <c r="C6982" s="3">
        <f t="shared" si="1607"/>
        <v>69.49799999999999</v>
      </c>
      <c r="D6982" s="239">
        <v>22.520499999999998</v>
      </c>
      <c r="E6982" s="239">
        <v>0.1027</v>
      </c>
      <c r="F6982" s="239">
        <v>0.60850000000000004</v>
      </c>
      <c r="G6982">
        <f t="shared" si="1608"/>
        <v>22.642199999999999</v>
      </c>
      <c r="H6982" s="235">
        <f t="shared" si="1609"/>
        <v>0.45357783254277412</v>
      </c>
      <c r="I6982" s="236">
        <f t="shared" si="1610"/>
        <v>19.895110012099021</v>
      </c>
      <c r="J6982" s="237">
        <f t="shared" si="1615"/>
        <v>9.8951100120990212</v>
      </c>
      <c r="K6982" s="237">
        <f t="shared" si="1611"/>
        <v>1382.6703556208577</v>
      </c>
      <c r="L6982" s="237">
        <f t="shared" si="1616"/>
        <v>687.75962139094247</v>
      </c>
      <c r="M6982" s="236">
        <f t="shared" si="1612"/>
        <v>30.911279149222711</v>
      </c>
      <c r="N6982" s="236">
        <f t="shared" si="1613"/>
        <v>0.48307747968992854</v>
      </c>
      <c r="O6982" s="236">
        <f t="shared" si="1617"/>
        <v>2.1765070972198504</v>
      </c>
      <c r="P6982" s="236" t="str">
        <f t="shared" si="1618"/>
        <v>SAND</v>
      </c>
      <c r="Q6982" s="236" t="e">
        <f t="shared" si="1614"/>
        <v>#N/A</v>
      </c>
      <c r="R6982" s="238">
        <v>35</v>
      </c>
      <c r="S6982" s="236" t="e">
        <f t="shared" si="1619"/>
        <v>#N/A</v>
      </c>
      <c r="T6982" s="236">
        <f t="shared" si="1606"/>
        <v>33.991286748206875</v>
      </c>
    </row>
    <row r="6983" spans="2:20" x14ac:dyDescent="0.2">
      <c r="B6983" s="239">
        <v>69.515000000000001</v>
      </c>
      <c r="C6983" s="3">
        <f t="shared" si="1607"/>
        <v>69.507999999999996</v>
      </c>
      <c r="D6983" s="239">
        <v>22.723400000000002</v>
      </c>
      <c r="E6983" s="239">
        <v>0.10100000000000001</v>
      </c>
      <c r="F6983" s="239">
        <v>0.59430000000000005</v>
      </c>
      <c r="G6983">
        <f t="shared" si="1608"/>
        <v>22.842260000000003</v>
      </c>
      <c r="H6983" s="235">
        <f t="shared" si="1609"/>
        <v>0.44216290332042446</v>
      </c>
      <c r="I6983" s="236">
        <f t="shared" si="1610"/>
        <v>19.878975927085758</v>
      </c>
      <c r="J6983" s="237">
        <f t="shared" si="1615"/>
        <v>9.878975927085758</v>
      </c>
      <c r="K6983" s="237">
        <f t="shared" si="1611"/>
        <v>1381.7478587398768</v>
      </c>
      <c r="L6983" s="237">
        <f t="shared" si="1616"/>
        <v>686.73701157136645</v>
      </c>
      <c r="M6983" s="236">
        <f t="shared" si="1612"/>
        <v>31.249971648033021</v>
      </c>
      <c r="N6983" s="236">
        <f t="shared" si="1613"/>
        <v>0.4706318252574071</v>
      </c>
      <c r="O6983" s="236">
        <f t="shared" si="1617"/>
        <v>2.1675098343975745</v>
      </c>
      <c r="P6983" s="236" t="str">
        <f t="shared" si="1618"/>
        <v>SAND</v>
      </c>
      <c r="Q6983" s="236" t="e">
        <f t="shared" si="1614"/>
        <v>#N/A</v>
      </c>
      <c r="R6983" s="238">
        <v>35</v>
      </c>
      <c r="S6983" s="236" t="e">
        <f t="shared" si="1619"/>
        <v>#N/A</v>
      </c>
      <c r="T6983" s="236">
        <f t="shared" si="1606"/>
        <v>34.043345904266879</v>
      </c>
    </row>
    <row r="6984" spans="2:20" x14ac:dyDescent="0.2">
      <c r="B6984" s="239">
        <v>69.524000000000001</v>
      </c>
      <c r="C6984" s="3">
        <f t="shared" si="1607"/>
        <v>69.516999999999996</v>
      </c>
      <c r="D6984" s="239">
        <v>22.5608</v>
      </c>
      <c r="E6984" s="239">
        <v>9.7500000000000003E-2</v>
      </c>
      <c r="F6984" s="239">
        <v>0.61939999999999995</v>
      </c>
      <c r="G6984">
        <f t="shared" si="1608"/>
        <v>22.68468</v>
      </c>
      <c r="H6984" s="235">
        <f t="shared" si="1609"/>
        <v>0.42980548987246014</v>
      </c>
      <c r="I6984" s="236">
        <f t="shared" si="1610"/>
        <v>19.834914908336444</v>
      </c>
      <c r="J6984" s="237">
        <f t="shared" si="1615"/>
        <v>9.8349149083364438</v>
      </c>
      <c r="K6984" s="237">
        <f t="shared" si="1611"/>
        <v>1378.8637796828245</v>
      </c>
      <c r="L6984" s="237">
        <f t="shared" si="1616"/>
        <v>683.76262408718287</v>
      </c>
      <c r="M6984" s="236">
        <f t="shared" si="1612"/>
        <v>31.159667799567508</v>
      </c>
      <c r="N6984" s="236">
        <f t="shared" si="1613"/>
        <v>0.45762151983186744</v>
      </c>
      <c r="O6984" s="236">
        <f t="shared" si="1617"/>
        <v>2.1636720950309716</v>
      </c>
      <c r="P6984" s="236" t="str">
        <f t="shared" si="1618"/>
        <v>SAND</v>
      </c>
      <c r="Q6984" s="236" t="e">
        <f t="shared" si="1614"/>
        <v>#N/A</v>
      </c>
      <c r="R6984" s="238">
        <v>35</v>
      </c>
      <c r="S6984" s="236" t="e">
        <f t="shared" si="1619"/>
        <v>#N/A</v>
      </c>
      <c r="T6984" s="236">
        <f t="shared" si="1606"/>
        <v>34.029521008023082</v>
      </c>
    </row>
    <row r="6985" spans="2:20" x14ac:dyDescent="0.2">
      <c r="B6985" s="239">
        <v>69.534999999999997</v>
      </c>
      <c r="C6985" s="3">
        <f t="shared" si="1607"/>
        <v>69.527999999999992</v>
      </c>
      <c r="D6985" s="239">
        <v>22.714600000000001</v>
      </c>
      <c r="E6985" s="239">
        <v>9.7199999999999995E-2</v>
      </c>
      <c r="F6985" s="239">
        <v>0.6089</v>
      </c>
      <c r="G6985">
        <f t="shared" si="1608"/>
        <v>22.836380000000002</v>
      </c>
      <c r="H6985" s="235">
        <f t="shared" si="1609"/>
        <v>0.42563663768075322</v>
      </c>
      <c r="I6985" s="236">
        <f t="shared" si="1610"/>
        <v>19.833906504678016</v>
      </c>
      <c r="J6985" s="237">
        <f t="shared" si="1615"/>
        <v>9.8339065046780156</v>
      </c>
      <c r="K6985" s="237">
        <f t="shared" si="1611"/>
        <v>1379.011851457253</v>
      </c>
      <c r="L6985" s="237">
        <f t="shared" si="1616"/>
        <v>683.80068880278577</v>
      </c>
      <c r="M6985" s="236">
        <f t="shared" si="1612"/>
        <v>31.379564981297122</v>
      </c>
      <c r="N6985" s="236">
        <f t="shared" si="1613"/>
        <v>0.45299124909967681</v>
      </c>
      <c r="O6985" s="236">
        <f t="shared" si="1617"/>
        <v>2.159086784536886</v>
      </c>
      <c r="P6985" s="236" t="str">
        <f t="shared" si="1618"/>
        <v>SAND</v>
      </c>
      <c r="Q6985" s="236" t="e">
        <f t="shared" si="1614"/>
        <v>#N/A</v>
      </c>
      <c r="R6985" s="238">
        <v>35</v>
      </c>
      <c r="S6985" s="236" t="e">
        <f t="shared" si="1619"/>
        <v>#N/A</v>
      </c>
      <c r="T6985" s="236">
        <f t="shared" si="1606"/>
        <v>34.063116104773194</v>
      </c>
    </row>
    <row r="6986" spans="2:20" x14ac:dyDescent="0.2">
      <c r="B6986" s="239">
        <v>69.545000000000002</v>
      </c>
      <c r="C6986" s="3">
        <f t="shared" si="1607"/>
        <v>69.537999999999997</v>
      </c>
      <c r="D6986" s="239">
        <v>22.790500000000002</v>
      </c>
      <c r="E6986" s="239">
        <v>9.8699999999999996E-2</v>
      </c>
      <c r="F6986" s="239">
        <v>0.61860000000000004</v>
      </c>
      <c r="G6986">
        <f t="shared" si="1608"/>
        <v>22.91422</v>
      </c>
      <c r="H6986" s="235">
        <f t="shared" si="1609"/>
        <v>0.43073689612825566</v>
      </c>
      <c r="I6986" s="236">
        <f t="shared" si="1610"/>
        <v>19.85319393719476</v>
      </c>
      <c r="J6986" s="237">
        <f t="shared" si="1615"/>
        <v>9.8531939371947601</v>
      </c>
      <c r="K6986" s="237">
        <f t="shared" si="1611"/>
        <v>1380.5514000046492</v>
      </c>
      <c r="L6986" s="237">
        <f t="shared" si="1616"/>
        <v>685.24037236220965</v>
      </c>
      <c r="M6986" s="236">
        <f t="shared" si="1612"/>
        <v>31.42498525847645</v>
      </c>
      <c r="N6986" s="236">
        <f t="shared" si="1613"/>
        <v>0.45835199674253979</v>
      </c>
      <c r="O6986" s="236">
        <f t="shared" si="1617"/>
        <v>2.160591470442617</v>
      </c>
      <c r="P6986" s="236" t="str">
        <f t="shared" si="1618"/>
        <v>SAND</v>
      </c>
      <c r="Q6986" s="236" t="e">
        <f t="shared" si="1614"/>
        <v>#N/A</v>
      </c>
      <c r="R6986" s="238">
        <v>35</v>
      </c>
      <c r="S6986" s="236" t="e">
        <f t="shared" si="1619"/>
        <v>#N/A</v>
      </c>
      <c r="T6986" s="236">
        <f t="shared" si="1606"/>
        <v>34.070025908925949</v>
      </c>
    </row>
    <row r="6987" spans="2:20" x14ac:dyDescent="0.2">
      <c r="B6987" s="239">
        <v>69.555000000000007</v>
      </c>
      <c r="C6987" s="3">
        <f t="shared" si="1607"/>
        <v>69.548000000000002</v>
      </c>
      <c r="D6987" s="239">
        <v>22.802900000000001</v>
      </c>
      <c r="E6987" s="239">
        <v>9.7199999999999995E-2</v>
      </c>
      <c r="F6987" s="239">
        <v>0.61550000000000005</v>
      </c>
      <c r="G6987">
        <f t="shared" si="1608"/>
        <v>22.926000000000002</v>
      </c>
      <c r="H6987" s="235">
        <f t="shared" si="1609"/>
        <v>0.42397278199424226</v>
      </c>
      <c r="I6987" s="236">
        <f t="shared" si="1610"/>
        <v>19.835437428948275</v>
      </c>
      <c r="J6987" s="237">
        <f t="shared" si="1615"/>
        <v>9.8354374289482749</v>
      </c>
      <c r="K6987" s="237">
        <f t="shared" si="1611"/>
        <v>1379.5150023084946</v>
      </c>
      <c r="L6987" s="237">
        <f t="shared" si="1616"/>
        <v>684.1038503704973</v>
      </c>
      <c r="M6987" s="236">
        <f t="shared" si="1612"/>
        <v>31.495927096481555</v>
      </c>
      <c r="N6987" s="236">
        <f t="shared" si="1613"/>
        <v>0.45111766494819922</v>
      </c>
      <c r="O6987" s="236">
        <f t="shared" si="1617"/>
        <v>2.1568874421234083</v>
      </c>
      <c r="P6987" s="236" t="str">
        <f t="shared" si="1618"/>
        <v>SAND</v>
      </c>
      <c r="Q6987" s="236" t="e">
        <f t="shared" si="1614"/>
        <v>#N/A</v>
      </c>
      <c r="R6987" s="238">
        <v>35</v>
      </c>
      <c r="S6987" s="236" t="e">
        <f t="shared" si="1619"/>
        <v>#N/A</v>
      </c>
      <c r="T6987" s="236">
        <f t="shared" si="1606"/>
        <v>34.080798361756671</v>
      </c>
    </row>
    <row r="6988" spans="2:20" x14ac:dyDescent="0.2">
      <c r="B6988" s="239">
        <v>69.563999999999993</v>
      </c>
      <c r="C6988" s="3">
        <f t="shared" si="1607"/>
        <v>69.556999999999988</v>
      </c>
      <c r="D6988" s="239">
        <v>22.827000000000002</v>
      </c>
      <c r="E6988" s="239">
        <v>9.6299999999999997E-2</v>
      </c>
      <c r="F6988" s="239">
        <v>0.61270000000000002</v>
      </c>
      <c r="G6988">
        <f t="shared" si="1608"/>
        <v>22.949540000000002</v>
      </c>
      <c r="H6988" s="235">
        <f t="shared" si="1609"/>
        <v>0.41961625374626238</v>
      </c>
      <c r="I6988" s="236">
        <f t="shared" si="1610"/>
        <v>19.824930616094335</v>
      </c>
      <c r="J6988" s="237">
        <f t="shared" si="1615"/>
        <v>9.8249306160943348</v>
      </c>
      <c r="K6988" s="237">
        <f t="shared" si="1611"/>
        <v>1378.9626988636735</v>
      </c>
      <c r="L6988" s="237">
        <f t="shared" si="1616"/>
        <v>683.46147337798629</v>
      </c>
      <c r="M6988" s="236">
        <f t="shared" si="1612"/>
        <v>31.560780148330007</v>
      </c>
      <c r="N6988" s="236">
        <f t="shared" si="1613"/>
        <v>0.44644145891694309</v>
      </c>
      <c r="O6988" s="236">
        <f t="shared" si="1617"/>
        <v>2.1542397703805864</v>
      </c>
      <c r="P6988" s="236" t="str">
        <f t="shared" si="1618"/>
        <v>SAND</v>
      </c>
      <c r="Q6988" s="236" t="e">
        <f t="shared" si="1614"/>
        <v>#N/A</v>
      </c>
      <c r="R6988" s="238">
        <v>35</v>
      </c>
      <c r="S6988" s="236" t="e">
        <f t="shared" si="1619"/>
        <v>#N/A</v>
      </c>
      <c r="T6988" s="236">
        <f t="shared" si="1606"/>
        <v>34.090625029556307</v>
      </c>
    </row>
    <row r="6989" spans="2:20" x14ac:dyDescent="0.2">
      <c r="B6989" s="239">
        <v>69.573999999999998</v>
      </c>
      <c r="C6989" s="3">
        <f t="shared" si="1607"/>
        <v>69.566999999999993</v>
      </c>
      <c r="D6989" s="239">
        <v>22.7255</v>
      </c>
      <c r="E6989" s="239">
        <v>9.5299999999999996E-2</v>
      </c>
      <c r="F6989" s="239">
        <v>0.60470000000000002</v>
      </c>
      <c r="G6989">
        <f t="shared" si="1608"/>
        <v>22.846440000000001</v>
      </c>
      <c r="H6989" s="235">
        <f t="shared" si="1609"/>
        <v>0.41713282244410943</v>
      </c>
      <c r="I6989" s="236">
        <f t="shared" si="1610"/>
        <v>19.810930569067896</v>
      </c>
      <c r="J6989" s="237">
        <f t="shared" si="1615"/>
        <v>9.8109305690678958</v>
      </c>
      <c r="K6989" s="237">
        <f t="shared" si="1611"/>
        <v>1378.1870068983462</v>
      </c>
      <c r="L6989" s="237">
        <f t="shared" si="1616"/>
        <v>682.58568341232979</v>
      </c>
      <c r="M6989" s="236">
        <f t="shared" si="1612"/>
        <v>31.451367227304296</v>
      </c>
      <c r="N6989" s="236">
        <f t="shared" si="1613"/>
        <v>0.44391129557967535</v>
      </c>
      <c r="O6989" s="236">
        <f t="shared" si="1617"/>
        <v>2.1546249133794668</v>
      </c>
      <c r="P6989" s="236" t="str">
        <f t="shared" si="1618"/>
        <v>SAND</v>
      </c>
      <c r="Q6989" s="236" t="e">
        <f t="shared" si="1614"/>
        <v>#N/A</v>
      </c>
      <c r="R6989" s="238">
        <v>35</v>
      </c>
      <c r="S6989" s="236" t="e">
        <f t="shared" si="1619"/>
        <v>#N/A</v>
      </c>
      <c r="T6989" s="236">
        <f t="shared" ref="T6989:T7052" si="1620">IF(P6989="SAND",17.6+(11*LOG(M6989)),#N/A)</f>
        <v>34.074034824225066</v>
      </c>
    </row>
    <row r="6990" spans="2:20" x14ac:dyDescent="0.2">
      <c r="B6990" s="239">
        <v>69.584999999999994</v>
      </c>
      <c r="C6990" s="3">
        <f t="shared" ref="C6990:C7053" si="1621">MAX($B6990 - $B$13, 0.001)</f>
        <v>69.577999999999989</v>
      </c>
      <c r="D6990" s="239">
        <v>22.697099999999999</v>
      </c>
      <c r="E6990" s="239">
        <v>9.3399999999999997E-2</v>
      </c>
      <c r="F6990" s="239">
        <v>0.61129999999999995</v>
      </c>
      <c r="G6990">
        <f t="shared" si="1608"/>
        <v>22.81936</v>
      </c>
      <c r="H6990" s="235">
        <f t="shared" si="1609"/>
        <v>0.40930157550430862</v>
      </c>
      <c r="I6990" s="236">
        <f t="shared" si="1610"/>
        <v>19.786852734089745</v>
      </c>
      <c r="J6990" s="237">
        <f t="shared" si="1615"/>
        <v>9.7868527340897451</v>
      </c>
      <c r="K6990" s="237">
        <f t="shared" si="1611"/>
        <v>1376.7296395324961</v>
      </c>
      <c r="L6990" s="237">
        <f t="shared" si="1616"/>
        <v>681.01814750163487</v>
      </c>
      <c r="M6990" s="236">
        <f t="shared" si="1612"/>
        <v>31.486136513588324</v>
      </c>
      <c r="N6990" s="236">
        <f t="shared" si="1613"/>
        <v>0.43558088923733906</v>
      </c>
      <c r="O6990" s="236">
        <f t="shared" si="1617"/>
        <v>2.1508864301819872</v>
      </c>
      <c r="P6990" s="236" t="str">
        <f t="shared" si="1618"/>
        <v>SAND</v>
      </c>
      <c r="Q6990" s="236" t="e">
        <f t="shared" si="1614"/>
        <v>#N/A</v>
      </c>
      <c r="R6990" s="238">
        <v>35</v>
      </c>
      <c r="S6990" s="236" t="e">
        <f t="shared" si="1619"/>
        <v>#N/A</v>
      </c>
      <c r="T6990" s="236">
        <f t="shared" si="1620"/>
        <v>34.079313114844375</v>
      </c>
    </row>
    <row r="6991" spans="2:20" x14ac:dyDescent="0.2">
      <c r="B6991" s="239">
        <v>69.594999999999999</v>
      </c>
      <c r="C6991" s="3">
        <f t="shared" si="1621"/>
        <v>69.587999999999994</v>
      </c>
      <c r="D6991" s="239">
        <v>22.6218</v>
      </c>
      <c r="E6991" s="239">
        <v>9.1899999999999996E-2</v>
      </c>
      <c r="F6991" s="239">
        <v>0.61609999999999998</v>
      </c>
      <c r="G6991">
        <f t="shared" ref="G6991:G7054" si="1622">$D6991+($F6991*(1-$P$8))</f>
        <v>22.74502</v>
      </c>
      <c r="H6991" s="235">
        <f t="shared" ref="H6991:H7054" si="1623">($E6991/$G6991)*100</f>
        <v>0.40404448973885271</v>
      </c>
      <c r="I6991" s="236">
        <f t="shared" ref="I6991:I7054" si="1624">((0.27*(LOG($H6991)))+(0.36*(LOG(($G6991*1000)/101)))+1.236)*10</f>
        <v>19.766592625867361</v>
      </c>
      <c r="J6991" s="237">
        <f t="shared" si="1615"/>
        <v>9.7665926258673608</v>
      </c>
      <c r="K6991" s="237">
        <f t="shared" ref="K6991:K7054" si="1625">$I6991*$C6991</f>
        <v>1375.5176476488577</v>
      </c>
      <c r="L6991" s="237">
        <f t="shared" si="1616"/>
        <v>679.70601379723894</v>
      </c>
      <c r="M6991" s="236">
        <f t="shared" ref="M6991:M7054" si="1626">(($G6991*1000)-$K6991)/$L6991</f>
        <v>31.439331002779404</v>
      </c>
      <c r="N6991" s="236">
        <f t="shared" ref="N6991:N7054" si="1627">(($E6991*1000)/(($G6991*1000)-$K6991))*100</f>
        <v>0.43005212982832453</v>
      </c>
      <c r="O6991" s="236">
        <f t="shared" si="1617"/>
        <v>2.1492696132715907</v>
      </c>
      <c r="P6991" s="236" t="str">
        <f t="shared" si="1618"/>
        <v>SAND</v>
      </c>
      <c r="Q6991" s="236" t="e">
        <f t="shared" ref="Q6991:Q7054" si="1628">IF(P6991="CLAY",($G6991*1000 -$K6991)/$L$8,#N/A)</f>
        <v>#N/A</v>
      </c>
      <c r="R6991" s="238">
        <v>35</v>
      </c>
      <c r="S6991" s="236" t="e">
        <f t="shared" si="1619"/>
        <v>#N/A</v>
      </c>
      <c r="T6991" s="236">
        <f t="shared" si="1620"/>
        <v>34.072206257293693</v>
      </c>
    </row>
    <row r="6992" spans="2:20" x14ac:dyDescent="0.2">
      <c r="B6992" s="239">
        <v>69.605000000000004</v>
      </c>
      <c r="C6992" s="3">
        <f t="shared" si="1621"/>
        <v>69.597999999999999</v>
      </c>
      <c r="D6992" s="239">
        <v>22.427099999999999</v>
      </c>
      <c r="E6992" s="239">
        <v>9.3600000000000003E-2</v>
      </c>
      <c r="F6992" s="239">
        <v>0.62929999999999997</v>
      </c>
      <c r="G6992">
        <f t="shared" si="1622"/>
        <v>22.552959999999999</v>
      </c>
      <c r="H6992" s="235">
        <f t="shared" si="1623"/>
        <v>0.41502312778455691</v>
      </c>
      <c r="I6992" s="236">
        <f t="shared" si="1624"/>
        <v>19.784771040653226</v>
      </c>
      <c r="J6992" s="237">
        <f t="shared" ref="J6992:J7055" si="1629">$I6992-10</f>
        <v>9.7847710406532258</v>
      </c>
      <c r="K6992" s="237">
        <f t="shared" si="1625"/>
        <v>1376.9804948873832</v>
      </c>
      <c r="L6992" s="237">
        <f t="shared" ref="L6992:L7055" si="1630">$J6992*$B6992</f>
        <v>681.06898828466785</v>
      </c>
      <c r="M6992" s="236">
        <f t="shared" si="1626"/>
        <v>31.092267992477801</v>
      </c>
      <c r="N6992" s="236">
        <f t="shared" si="1627"/>
        <v>0.44201025023376944</v>
      </c>
      <c r="O6992" s="236">
        <f t="shared" ref="O6992:O7055" si="1631">((3.47-LOG($M6992))^2+(LOG($N6992)+1.22)^2)^0.5</f>
        <v>2.1584431098339958</v>
      </c>
      <c r="P6992" s="236" t="str">
        <f t="shared" ref="P6992:P7055" si="1632">IF(O6992&lt;2.6,"SAND","CLAY")</f>
        <v>SAND</v>
      </c>
      <c r="Q6992" s="236" t="e">
        <f t="shared" si="1628"/>
        <v>#N/A</v>
      </c>
      <c r="R6992" s="238">
        <v>35</v>
      </c>
      <c r="S6992" s="236" t="e">
        <f t="shared" ref="S6992:S7055" si="1633">IF(P6992="SAND",#N/A,0.25*($M6992)^1.25)</f>
        <v>#N/A</v>
      </c>
      <c r="T6992" s="236">
        <f t="shared" si="1620"/>
        <v>34.019176425833912</v>
      </c>
    </row>
    <row r="6993" spans="2:20" x14ac:dyDescent="0.2">
      <c r="B6993" s="239">
        <v>69.614999999999995</v>
      </c>
      <c r="C6993" s="3">
        <f t="shared" si="1621"/>
        <v>69.60799999999999</v>
      </c>
      <c r="D6993" s="239">
        <v>22.338000000000001</v>
      </c>
      <c r="E6993" s="239">
        <v>9.3399999999999997E-2</v>
      </c>
      <c r="F6993" s="239">
        <v>0.62370000000000003</v>
      </c>
      <c r="G6993">
        <f t="shared" si="1622"/>
        <v>22.46274</v>
      </c>
      <c r="H6993" s="235">
        <f t="shared" si="1623"/>
        <v>0.41579967537352969</v>
      </c>
      <c r="I6993" s="236">
        <f t="shared" si="1624"/>
        <v>19.780696077474094</v>
      </c>
      <c r="J6993" s="237">
        <f t="shared" si="1629"/>
        <v>9.7806960774740936</v>
      </c>
      <c r="K6993" s="237">
        <f t="shared" si="1625"/>
        <v>1376.8946925608166</v>
      </c>
      <c r="L6993" s="237">
        <f t="shared" si="1630"/>
        <v>680.88315743335897</v>
      </c>
      <c r="M6993" s="236">
        <f t="shared" si="1626"/>
        <v>30.968375524111782</v>
      </c>
      <c r="N6993" s="236">
        <f t="shared" si="1627"/>
        <v>0.44295117714369286</v>
      </c>
      <c r="O6993" s="236">
        <f t="shared" si="1631"/>
        <v>2.1604018974356318</v>
      </c>
      <c r="P6993" s="236" t="str">
        <f t="shared" si="1632"/>
        <v>SAND</v>
      </c>
      <c r="Q6993" s="236" t="e">
        <f t="shared" si="1628"/>
        <v>#N/A</v>
      </c>
      <c r="R6993" s="238">
        <v>35</v>
      </c>
      <c r="S6993" s="236" t="e">
        <f t="shared" si="1633"/>
        <v>#N/A</v>
      </c>
      <c r="T6993" s="236">
        <f t="shared" si="1620"/>
        <v>34.000102670820183</v>
      </c>
    </row>
    <row r="6994" spans="2:20" x14ac:dyDescent="0.2">
      <c r="B6994" s="239">
        <v>69.617000000000004</v>
      </c>
      <c r="C6994" s="3">
        <f t="shared" si="1621"/>
        <v>69.61</v>
      </c>
      <c r="D6994" s="239">
        <v>22.2925</v>
      </c>
      <c r="E6994" s="239">
        <v>9.35E-2</v>
      </c>
      <c r="F6994" s="239">
        <v>0.62039999999999995</v>
      </c>
      <c r="G6994">
        <f t="shared" si="1622"/>
        <v>22.41658</v>
      </c>
      <c r="H6994" s="235">
        <f t="shared" si="1623"/>
        <v>0.41710198433480933</v>
      </c>
      <c r="I6994" s="236">
        <f t="shared" si="1624"/>
        <v>19.781146823143608</v>
      </c>
      <c r="J6994" s="237">
        <f t="shared" si="1629"/>
        <v>9.7811468231436081</v>
      </c>
      <c r="K6994" s="237">
        <f t="shared" si="1625"/>
        <v>1376.9656303590266</v>
      </c>
      <c r="L6994" s="237">
        <f t="shared" si="1630"/>
        <v>680.93409838678861</v>
      </c>
      <c r="M6994" s="236">
        <f t="shared" si="1626"/>
        <v>30.89816535768475</v>
      </c>
      <c r="N6994" s="236">
        <f t="shared" si="1627"/>
        <v>0.44439978013530257</v>
      </c>
      <c r="O6994" s="236">
        <f t="shared" si="1631"/>
        <v>2.1618737172707045</v>
      </c>
      <c r="P6994" s="236" t="str">
        <f t="shared" si="1632"/>
        <v>SAND</v>
      </c>
      <c r="Q6994" s="236" t="e">
        <f t="shared" si="1628"/>
        <v>#N/A</v>
      </c>
      <c r="R6994" s="238">
        <v>35</v>
      </c>
      <c r="S6994" s="236" t="e">
        <f t="shared" si="1633"/>
        <v>#N/A</v>
      </c>
      <c r="T6994" s="236">
        <f t="shared" si="1620"/>
        <v>33.989259623654661</v>
      </c>
    </row>
    <row r="6995" spans="2:20" x14ac:dyDescent="0.2">
      <c r="B6995" s="239">
        <v>69.634</v>
      </c>
      <c r="C6995" s="3">
        <f t="shared" si="1621"/>
        <v>69.626999999999995</v>
      </c>
      <c r="D6995" s="239">
        <v>22.0641</v>
      </c>
      <c r="E6995" s="239">
        <v>9.4299999999999995E-2</v>
      </c>
      <c r="F6995" s="239">
        <v>0.64729999999999999</v>
      </c>
      <c r="G6995">
        <f t="shared" si="1622"/>
        <v>22.193560000000002</v>
      </c>
      <c r="H6995" s="235">
        <f t="shared" si="1623"/>
        <v>0.42489803348358712</v>
      </c>
      <c r="I6995" s="236">
        <f t="shared" si="1624"/>
        <v>19.787228899256736</v>
      </c>
      <c r="J6995" s="237">
        <f t="shared" si="1629"/>
        <v>9.7872288992567356</v>
      </c>
      <c r="K6995" s="237">
        <f t="shared" si="1625"/>
        <v>1377.7253865685486</v>
      </c>
      <c r="L6995" s="237">
        <f t="shared" si="1630"/>
        <v>681.5238971708435</v>
      </c>
      <c r="M6995" s="236">
        <f t="shared" si="1626"/>
        <v>30.543073690948457</v>
      </c>
      <c r="N6995" s="236">
        <f t="shared" si="1627"/>
        <v>0.45302050939217575</v>
      </c>
      <c r="O6995" s="236">
        <f t="shared" si="1631"/>
        <v>2.1698280903396756</v>
      </c>
      <c r="P6995" s="236" t="str">
        <f t="shared" si="1632"/>
        <v>SAND</v>
      </c>
      <c r="Q6995" s="236" t="e">
        <f t="shared" si="1628"/>
        <v>#N/A</v>
      </c>
      <c r="R6995" s="238">
        <v>35</v>
      </c>
      <c r="S6995" s="236" t="e">
        <f t="shared" si="1633"/>
        <v>#N/A</v>
      </c>
      <c r="T6995" s="236">
        <f t="shared" si="1620"/>
        <v>33.934040139830316</v>
      </c>
    </row>
    <row r="6996" spans="2:20" x14ac:dyDescent="0.2">
      <c r="B6996" s="239">
        <v>69.644999999999996</v>
      </c>
      <c r="C6996" s="3">
        <f t="shared" si="1621"/>
        <v>69.637999999999991</v>
      </c>
      <c r="D6996" s="239">
        <v>21.985700000000001</v>
      </c>
      <c r="E6996" s="239">
        <v>9.0300000000000005E-2</v>
      </c>
      <c r="F6996" s="239">
        <v>0.64070000000000005</v>
      </c>
      <c r="G6996">
        <f t="shared" si="1622"/>
        <v>22.11384</v>
      </c>
      <c r="H6996" s="235">
        <f t="shared" si="1623"/>
        <v>0.40834156347337236</v>
      </c>
      <c r="I6996" s="236">
        <f t="shared" si="1624"/>
        <v>19.734997726949011</v>
      </c>
      <c r="J6996" s="237">
        <f t="shared" si="1629"/>
        <v>9.7349977269490111</v>
      </c>
      <c r="K6996" s="237">
        <f t="shared" si="1625"/>
        <v>1374.3057717092749</v>
      </c>
      <c r="L6996" s="237">
        <f t="shared" si="1630"/>
        <v>677.99391669336387</v>
      </c>
      <c r="M6996" s="236">
        <f t="shared" si="1626"/>
        <v>30.589557985179667</v>
      </c>
      <c r="N6996" s="236">
        <f t="shared" si="1627"/>
        <v>0.43540032773167153</v>
      </c>
      <c r="O6996" s="236">
        <f t="shared" si="1631"/>
        <v>2.1623227340283853</v>
      </c>
      <c r="P6996" s="236" t="str">
        <f t="shared" si="1632"/>
        <v>SAND</v>
      </c>
      <c r="Q6996" s="236" t="e">
        <f t="shared" si="1628"/>
        <v>#N/A</v>
      </c>
      <c r="R6996" s="238">
        <v>35</v>
      </c>
      <c r="S6996" s="236" t="e">
        <f t="shared" si="1633"/>
        <v>#N/A</v>
      </c>
      <c r="T6996" s="236">
        <f t="shared" si="1620"/>
        <v>33.94130521689268</v>
      </c>
    </row>
    <row r="6997" spans="2:20" x14ac:dyDescent="0.2">
      <c r="B6997" s="239">
        <v>69.655000000000001</v>
      </c>
      <c r="C6997" s="3">
        <f t="shared" si="1621"/>
        <v>69.647999999999996</v>
      </c>
      <c r="D6997" s="239">
        <v>21.752800000000001</v>
      </c>
      <c r="E6997" s="239">
        <v>8.8800000000000004E-2</v>
      </c>
      <c r="F6997" s="239">
        <v>0.65390000000000004</v>
      </c>
      <c r="G6997">
        <f t="shared" si="1622"/>
        <v>21.883580000000002</v>
      </c>
      <c r="H6997" s="235">
        <f t="shared" si="1623"/>
        <v>0.40578369718300206</v>
      </c>
      <c r="I6997" s="236">
        <f t="shared" si="1624"/>
        <v>19.711264595885304</v>
      </c>
      <c r="J6997" s="237">
        <f t="shared" si="1629"/>
        <v>9.7112645958853037</v>
      </c>
      <c r="K6997" s="237">
        <f t="shared" si="1625"/>
        <v>1372.8501565742195</v>
      </c>
      <c r="L6997" s="237">
        <f t="shared" si="1630"/>
        <v>676.43813542639089</v>
      </c>
      <c r="M6997" s="236">
        <f t="shared" si="1626"/>
        <v>30.321663976701878</v>
      </c>
      <c r="N6997" s="236">
        <f t="shared" si="1627"/>
        <v>0.43294412572287228</v>
      </c>
      <c r="O6997" s="236">
        <f t="shared" si="1631"/>
        <v>2.1648560061679869</v>
      </c>
      <c r="P6997" s="236" t="str">
        <f t="shared" si="1632"/>
        <v>SAND</v>
      </c>
      <c r="Q6997" s="236" t="e">
        <f t="shared" si="1628"/>
        <v>#N/A</v>
      </c>
      <c r="R6997" s="238">
        <v>35</v>
      </c>
      <c r="S6997" s="236" t="e">
        <f t="shared" si="1633"/>
        <v>#N/A</v>
      </c>
      <c r="T6997" s="236">
        <f t="shared" si="1620"/>
        <v>33.899283336638526</v>
      </c>
    </row>
    <row r="6998" spans="2:20" x14ac:dyDescent="0.2">
      <c r="B6998" s="239">
        <v>69.665000000000006</v>
      </c>
      <c r="C6998" s="3">
        <f t="shared" si="1621"/>
        <v>69.658000000000001</v>
      </c>
      <c r="D6998" s="239">
        <v>21.641500000000001</v>
      </c>
      <c r="E6998" s="239">
        <v>9.1600000000000001E-2</v>
      </c>
      <c r="F6998" s="239">
        <v>0.65890000000000004</v>
      </c>
      <c r="G6998">
        <f t="shared" si="1622"/>
        <v>21.77328</v>
      </c>
      <c r="H6998" s="235">
        <f t="shared" si="1623"/>
        <v>0.42069913214729249</v>
      </c>
      <c r="I6998" s="236">
        <f t="shared" si="1624"/>
        <v>19.7456923050791</v>
      </c>
      <c r="J6998" s="237">
        <f t="shared" si="1629"/>
        <v>9.7456923050790998</v>
      </c>
      <c r="K6998" s="237">
        <f t="shared" si="1625"/>
        <v>1375.4454345872</v>
      </c>
      <c r="L6998" s="237">
        <f t="shared" si="1630"/>
        <v>678.93365443333551</v>
      </c>
      <c r="M6998" s="236">
        <f t="shared" si="1626"/>
        <v>30.0439290823455</v>
      </c>
      <c r="N6998" s="236">
        <f t="shared" si="1627"/>
        <v>0.44906727577504624</v>
      </c>
      <c r="O6998" s="236">
        <f t="shared" si="1631"/>
        <v>2.1748472239572125</v>
      </c>
      <c r="P6998" s="236" t="str">
        <f t="shared" si="1632"/>
        <v>SAND</v>
      </c>
      <c r="Q6998" s="236" t="e">
        <f t="shared" si="1628"/>
        <v>#N/A</v>
      </c>
      <c r="R6998" s="238">
        <v>35</v>
      </c>
      <c r="S6998" s="236" t="e">
        <f t="shared" si="1633"/>
        <v>#N/A</v>
      </c>
      <c r="T6998" s="236">
        <f t="shared" si="1620"/>
        <v>33.855324009895199</v>
      </c>
    </row>
    <row r="6999" spans="2:20" x14ac:dyDescent="0.2">
      <c r="B6999" s="239">
        <v>69.676000000000002</v>
      </c>
      <c r="C6999" s="3">
        <f t="shared" si="1621"/>
        <v>69.668999999999997</v>
      </c>
      <c r="D6999" s="239">
        <v>21.485099999999999</v>
      </c>
      <c r="E6999" s="239">
        <v>9.1700000000000004E-2</v>
      </c>
      <c r="F6999" s="239">
        <v>0.6522</v>
      </c>
      <c r="G6999">
        <f t="shared" si="1622"/>
        <v>21.615539999999999</v>
      </c>
      <c r="H6999" s="235">
        <f t="shared" si="1623"/>
        <v>0.42423182580680385</v>
      </c>
      <c r="I6999" s="236">
        <f t="shared" si="1624"/>
        <v>19.744129741296973</v>
      </c>
      <c r="J6999" s="237">
        <f t="shared" si="1629"/>
        <v>9.7441297412969732</v>
      </c>
      <c r="K6999" s="237">
        <f t="shared" si="1625"/>
        <v>1375.5537749464188</v>
      </c>
      <c r="L6999" s="237">
        <f t="shared" si="1630"/>
        <v>678.93198385460789</v>
      </c>
      <c r="M6999" s="236">
        <f t="shared" si="1626"/>
        <v>29.811507936541606</v>
      </c>
      <c r="N6999" s="236">
        <f t="shared" si="1627"/>
        <v>0.45306354945287147</v>
      </c>
      <c r="O6999" s="236">
        <f t="shared" si="1631"/>
        <v>2.1794811884930292</v>
      </c>
      <c r="P6999" s="236" t="str">
        <f t="shared" si="1632"/>
        <v>SAND</v>
      </c>
      <c r="Q6999" s="236" t="e">
        <f t="shared" si="1628"/>
        <v>#N/A</v>
      </c>
      <c r="R6999" s="238">
        <v>35</v>
      </c>
      <c r="S6999" s="236" t="e">
        <f t="shared" si="1633"/>
        <v>#N/A</v>
      </c>
      <c r="T6999" s="236">
        <f t="shared" si="1620"/>
        <v>33.818223386527166</v>
      </c>
    </row>
    <row r="7000" spans="2:20" x14ac:dyDescent="0.2">
      <c r="B7000" s="239">
        <v>69.686000000000007</v>
      </c>
      <c r="C7000" s="3">
        <f t="shared" si="1621"/>
        <v>69.679000000000002</v>
      </c>
      <c r="D7000" s="239">
        <v>21.3477</v>
      </c>
      <c r="E7000" s="239">
        <v>8.6999999999999994E-2</v>
      </c>
      <c r="F7000" s="239">
        <v>0.64510000000000001</v>
      </c>
      <c r="G7000">
        <f t="shared" si="1622"/>
        <v>21.47672</v>
      </c>
      <c r="H7000" s="235">
        <f t="shared" si="1623"/>
        <v>0.4050897902473003</v>
      </c>
      <c r="I7000" s="236">
        <f t="shared" si="1624"/>
        <v>19.679916196056656</v>
      </c>
      <c r="J7000" s="237">
        <f t="shared" si="1629"/>
        <v>9.6799161960566558</v>
      </c>
      <c r="K7000" s="237">
        <f t="shared" si="1625"/>
        <v>1371.2768806250317</v>
      </c>
      <c r="L7000" s="237">
        <f t="shared" si="1630"/>
        <v>674.55464003840416</v>
      </c>
      <c r="M7000" s="236">
        <f t="shared" si="1626"/>
        <v>29.805507109446783</v>
      </c>
      <c r="N7000" s="236">
        <f t="shared" si="1627"/>
        <v>0.43271863984017789</v>
      </c>
      <c r="O7000" s="236">
        <f t="shared" si="1631"/>
        <v>2.1716170090582905</v>
      </c>
      <c r="P7000" s="236" t="str">
        <f t="shared" si="1632"/>
        <v>SAND</v>
      </c>
      <c r="Q7000" s="236" t="e">
        <f t="shared" si="1628"/>
        <v>#N/A</v>
      </c>
      <c r="R7000" s="238">
        <v>35</v>
      </c>
      <c r="S7000" s="236" t="e">
        <f t="shared" si="1633"/>
        <v>#N/A</v>
      </c>
      <c r="T7000" s="236">
        <f t="shared" si="1620"/>
        <v>33.817261668228781</v>
      </c>
    </row>
    <row r="7001" spans="2:20" x14ac:dyDescent="0.2">
      <c r="B7001" s="239">
        <v>69.695999999999998</v>
      </c>
      <c r="C7001" s="3">
        <f t="shared" si="1621"/>
        <v>69.688999999999993</v>
      </c>
      <c r="D7001" s="239">
        <v>21.262799999999999</v>
      </c>
      <c r="E7001" s="239">
        <v>8.7400000000000005E-2</v>
      </c>
      <c r="F7001" s="239">
        <v>0.64649999999999996</v>
      </c>
      <c r="G7001">
        <f t="shared" si="1622"/>
        <v>21.392099999999999</v>
      </c>
      <c r="H7001" s="235">
        <f t="shared" si="1623"/>
        <v>0.40856203925748291</v>
      </c>
      <c r="I7001" s="236">
        <f t="shared" si="1624"/>
        <v>19.68375200057239</v>
      </c>
      <c r="J7001" s="237">
        <f t="shared" si="1629"/>
        <v>9.6837520005723903</v>
      </c>
      <c r="K7001" s="237">
        <f t="shared" si="1625"/>
        <v>1371.7409931678892</v>
      </c>
      <c r="L7001" s="237">
        <f t="shared" si="1630"/>
        <v>674.91877943189331</v>
      </c>
      <c r="M7001" s="236">
        <f t="shared" si="1626"/>
        <v>29.663360417506922</v>
      </c>
      <c r="N7001" s="236">
        <f t="shared" si="1627"/>
        <v>0.43655560806963573</v>
      </c>
      <c r="O7001" s="236">
        <f t="shared" si="1631"/>
        <v>2.1750382985947527</v>
      </c>
      <c r="P7001" s="236" t="str">
        <f t="shared" si="1632"/>
        <v>SAND</v>
      </c>
      <c r="Q7001" s="236" t="e">
        <f t="shared" si="1628"/>
        <v>#N/A</v>
      </c>
      <c r="R7001" s="238">
        <v>35</v>
      </c>
      <c r="S7001" s="236" t="e">
        <f t="shared" si="1633"/>
        <v>#N/A</v>
      </c>
      <c r="T7001" s="236">
        <f t="shared" si="1620"/>
        <v>33.79442383442634</v>
      </c>
    </row>
    <row r="7002" spans="2:20" x14ac:dyDescent="0.2">
      <c r="B7002" s="239">
        <v>69.706999999999994</v>
      </c>
      <c r="C7002" s="3">
        <f t="shared" si="1621"/>
        <v>69.699999999999989</v>
      </c>
      <c r="D7002" s="239">
        <v>21.133600000000001</v>
      </c>
      <c r="E7002" s="239">
        <v>8.8599999999999998E-2</v>
      </c>
      <c r="F7002" s="239">
        <v>0.64529999999999998</v>
      </c>
      <c r="G7002">
        <f t="shared" si="1622"/>
        <v>21.26266</v>
      </c>
      <c r="H7002" s="235">
        <f t="shared" si="1623"/>
        <v>0.4166929255323652</v>
      </c>
      <c r="I7002" s="236">
        <f t="shared" si="1624"/>
        <v>19.697369938678655</v>
      </c>
      <c r="J7002" s="237">
        <f t="shared" si="1629"/>
        <v>9.6973699386786549</v>
      </c>
      <c r="K7002" s="237">
        <f t="shared" si="1625"/>
        <v>1372.9066847259021</v>
      </c>
      <c r="L7002" s="237">
        <f t="shared" si="1630"/>
        <v>675.97456631547288</v>
      </c>
      <c r="M7002" s="236">
        <f t="shared" si="1626"/>
        <v>29.423819040540174</v>
      </c>
      <c r="N7002" s="236">
        <f t="shared" si="1627"/>
        <v>0.44545549960119762</v>
      </c>
      <c r="O7002" s="236">
        <f t="shared" si="1631"/>
        <v>2.1817484923881194</v>
      </c>
      <c r="P7002" s="236" t="str">
        <f t="shared" si="1632"/>
        <v>SAND</v>
      </c>
      <c r="Q7002" s="236" t="e">
        <f t="shared" si="1628"/>
        <v>#N/A</v>
      </c>
      <c r="R7002" s="238">
        <v>35</v>
      </c>
      <c r="S7002" s="236" t="e">
        <f t="shared" si="1633"/>
        <v>#N/A</v>
      </c>
      <c r="T7002" s="236">
        <f t="shared" si="1620"/>
        <v>33.755689450420022</v>
      </c>
    </row>
    <row r="7003" spans="2:20" x14ac:dyDescent="0.2">
      <c r="B7003" s="239">
        <v>69.715999999999994</v>
      </c>
      <c r="C7003" s="3">
        <f t="shared" si="1621"/>
        <v>69.708999999999989</v>
      </c>
      <c r="D7003" s="239">
        <v>21.052299999999999</v>
      </c>
      <c r="E7003" s="239">
        <v>8.9499999999999996E-2</v>
      </c>
      <c r="F7003" s="239">
        <v>0.63090000000000002</v>
      </c>
      <c r="G7003">
        <f t="shared" si="1622"/>
        <v>21.17848</v>
      </c>
      <c r="H7003" s="235">
        <f t="shared" si="1623"/>
        <v>0.42259878895935865</v>
      </c>
      <c r="I7003" s="236">
        <f t="shared" si="1624"/>
        <v>19.707670558174769</v>
      </c>
      <c r="J7003" s="237">
        <f t="shared" si="1629"/>
        <v>9.7076705581747689</v>
      </c>
      <c r="K7003" s="237">
        <f t="shared" si="1625"/>
        <v>1373.8020069398046</v>
      </c>
      <c r="L7003" s="237">
        <f t="shared" si="1630"/>
        <v>676.77996063371211</v>
      </c>
      <c r="M7003" s="236">
        <f t="shared" si="1626"/>
        <v>29.263097528058921</v>
      </c>
      <c r="N7003" s="236">
        <f t="shared" si="1627"/>
        <v>0.4519134319243257</v>
      </c>
      <c r="O7003" s="236">
        <f t="shared" si="1631"/>
        <v>2.1864249475974447</v>
      </c>
      <c r="P7003" s="236" t="str">
        <f t="shared" si="1632"/>
        <v>SAND</v>
      </c>
      <c r="Q7003" s="236" t="e">
        <f t="shared" si="1628"/>
        <v>#N/A</v>
      </c>
      <c r="R7003" s="238">
        <v>35</v>
      </c>
      <c r="S7003" s="236" t="e">
        <f t="shared" si="1633"/>
        <v>#N/A</v>
      </c>
      <c r="T7003" s="236">
        <f t="shared" si="1620"/>
        <v>33.729523241991821</v>
      </c>
    </row>
    <row r="7004" spans="2:20" x14ac:dyDescent="0.2">
      <c r="B7004" s="239">
        <v>69.725999999999999</v>
      </c>
      <c r="C7004" s="3">
        <f t="shared" si="1621"/>
        <v>69.718999999999994</v>
      </c>
      <c r="D7004" s="239">
        <v>21.0473</v>
      </c>
      <c r="E7004" s="239">
        <v>8.9099999999999999E-2</v>
      </c>
      <c r="F7004" s="239">
        <v>0.62839999999999996</v>
      </c>
      <c r="G7004">
        <f t="shared" si="1622"/>
        <v>21.172979999999999</v>
      </c>
      <c r="H7004" s="235">
        <f t="shared" si="1623"/>
        <v>0.4208193650586739</v>
      </c>
      <c r="I7004" s="236">
        <f t="shared" si="1624"/>
        <v>19.702316643835278</v>
      </c>
      <c r="J7004" s="237">
        <f t="shared" si="1629"/>
        <v>9.7023166438352781</v>
      </c>
      <c r="K7004" s="237">
        <f t="shared" si="1625"/>
        <v>1373.6258140915515</v>
      </c>
      <c r="L7004" s="237">
        <f t="shared" si="1630"/>
        <v>676.50373030805861</v>
      </c>
      <c r="M7004" s="236">
        <f t="shared" si="1626"/>
        <v>29.267176659753883</v>
      </c>
      <c r="N7004" s="236">
        <f t="shared" si="1627"/>
        <v>0.45001467807174267</v>
      </c>
      <c r="O7004" s="236">
        <f t="shared" si="1631"/>
        <v>2.1856382628013296</v>
      </c>
      <c r="P7004" s="236" t="str">
        <f t="shared" si="1632"/>
        <v>SAND</v>
      </c>
      <c r="Q7004" s="236" t="e">
        <f t="shared" si="1628"/>
        <v>#N/A</v>
      </c>
      <c r="R7004" s="238">
        <v>35</v>
      </c>
      <c r="S7004" s="236" t="e">
        <f t="shared" si="1633"/>
        <v>#N/A</v>
      </c>
      <c r="T7004" s="236">
        <f t="shared" si="1620"/>
        <v>33.73018911921686</v>
      </c>
    </row>
    <row r="7005" spans="2:20" x14ac:dyDescent="0.2">
      <c r="B7005" s="239">
        <v>69.736999999999995</v>
      </c>
      <c r="C7005" s="3">
        <f t="shared" si="1621"/>
        <v>69.72999999999999</v>
      </c>
      <c r="D7005" s="239">
        <v>21.065200000000001</v>
      </c>
      <c r="E7005" s="239">
        <v>9.1300000000000006E-2</v>
      </c>
      <c r="F7005" s="239">
        <v>0.64219999999999999</v>
      </c>
      <c r="G7005">
        <f t="shared" si="1622"/>
        <v>21.193640000000002</v>
      </c>
      <c r="H7005" s="235">
        <f t="shared" si="1623"/>
        <v>0.43078961424276341</v>
      </c>
      <c r="I7005" s="236">
        <f t="shared" si="1624"/>
        <v>19.731299151458408</v>
      </c>
      <c r="J7005" s="237">
        <f t="shared" si="1629"/>
        <v>9.7312991514584084</v>
      </c>
      <c r="K7005" s="237">
        <f t="shared" si="1625"/>
        <v>1375.8634898311946</v>
      </c>
      <c r="L7005" s="237">
        <f t="shared" si="1630"/>
        <v>678.63160892525502</v>
      </c>
      <c r="M7005" s="236">
        <f t="shared" si="1626"/>
        <v>29.202554448582358</v>
      </c>
      <c r="N7005" s="236">
        <f t="shared" si="1627"/>
        <v>0.46069749526720399</v>
      </c>
      <c r="O7005" s="236">
        <f t="shared" si="1631"/>
        <v>2.1906074877085806</v>
      </c>
      <c r="P7005" s="236" t="str">
        <f t="shared" si="1632"/>
        <v>SAND</v>
      </c>
      <c r="Q7005" s="236" t="e">
        <f t="shared" si="1628"/>
        <v>#N/A</v>
      </c>
      <c r="R7005" s="238">
        <v>35</v>
      </c>
      <c r="S7005" s="236" t="e">
        <f t="shared" si="1633"/>
        <v>#N/A</v>
      </c>
      <c r="T7005" s="236">
        <f t="shared" si="1620"/>
        <v>33.719629265878346</v>
      </c>
    </row>
    <row r="7006" spans="2:20" x14ac:dyDescent="0.2">
      <c r="B7006" s="239">
        <v>69.745999999999995</v>
      </c>
      <c r="C7006" s="3">
        <f t="shared" si="1621"/>
        <v>69.73899999999999</v>
      </c>
      <c r="D7006" s="239">
        <v>21.1067</v>
      </c>
      <c r="E7006" s="239">
        <v>9.2499999999999999E-2</v>
      </c>
      <c r="F7006" s="239">
        <v>0.63700000000000001</v>
      </c>
      <c r="G7006">
        <f t="shared" si="1622"/>
        <v>21.234100000000002</v>
      </c>
      <c r="H7006" s="235">
        <f t="shared" si="1623"/>
        <v>0.43562006395373476</v>
      </c>
      <c r="I7006" s="236">
        <f t="shared" si="1624"/>
        <v>19.747356205243424</v>
      </c>
      <c r="J7006" s="237">
        <f t="shared" si="1629"/>
        <v>9.7473562052434239</v>
      </c>
      <c r="K7006" s="237">
        <f t="shared" si="1625"/>
        <v>1377.1608743974709</v>
      </c>
      <c r="L7006" s="237">
        <f t="shared" si="1630"/>
        <v>679.83910589090783</v>
      </c>
      <c r="M7006" s="236">
        <f t="shared" si="1626"/>
        <v>29.20829201135853</v>
      </c>
      <c r="N7006" s="236">
        <f t="shared" si="1627"/>
        <v>0.46583211750261749</v>
      </c>
      <c r="O7006" s="236">
        <f t="shared" si="1631"/>
        <v>2.1924751000967961</v>
      </c>
      <c r="P7006" s="236" t="str">
        <f t="shared" si="1632"/>
        <v>SAND</v>
      </c>
      <c r="Q7006" s="236" t="e">
        <f t="shared" si="1628"/>
        <v>#N/A</v>
      </c>
      <c r="R7006" s="238">
        <v>35</v>
      </c>
      <c r="S7006" s="236" t="e">
        <f t="shared" si="1633"/>
        <v>#N/A</v>
      </c>
      <c r="T7006" s="236">
        <f t="shared" si="1620"/>
        <v>33.720567780285691</v>
      </c>
    </row>
    <row r="7007" spans="2:20" x14ac:dyDescent="0.2">
      <c r="B7007" s="239">
        <v>69.757000000000005</v>
      </c>
      <c r="C7007" s="3">
        <f t="shared" si="1621"/>
        <v>69.75</v>
      </c>
      <c r="D7007" s="239">
        <v>21.168900000000001</v>
      </c>
      <c r="E7007" s="239">
        <v>8.9899999999999994E-2</v>
      </c>
      <c r="F7007" s="239">
        <v>0.60909999999999997</v>
      </c>
      <c r="G7007">
        <f t="shared" si="1622"/>
        <v>21.29072</v>
      </c>
      <c r="H7007" s="235">
        <f t="shared" si="1623"/>
        <v>0.42224969376329208</v>
      </c>
      <c r="I7007" s="236">
        <f t="shared" si="1624"/>
        <v>19.714965535678243</v>
      </c>
      <c r="J7007" s="237">
        <f t="shared" si="1629"/>
        <v>9.7149655356782425</v>
      </c>
      <c r="K7007" s="237">
        <f t="shared" si="1625"/>
        <v>1375.1188461135573</v>
      </c>
      <c r="L7007" s="237">
        <f t="shared" si="1630"/>
        <v>677.68685087230722</v>
      </c>
      <c r="M7007" s="236">
        <f t="shared" si="1626"/>
        <v>29.387616313126653</v>
      </c>
      <c r="N7007" s="236">
        <f t="shared" si="1627"/>
        <v>0.45140490264566474</v>
      </c>
      <c r="O7007" s="236">
        <f t="shared" si="1631"/>
        <v>2.1845393310350891</v>
      </c>
      <c r="P7007" s="236" t="str">
        <f t="shared" si="1632"/>
        <v>SAND</v>
      </c>
      <c r="Q7007" s="236" t="e">
        <f t="shared" si="1628"/>
        <v>#N/A</v>
      </c>
      <c r="R7007" s="238">
        <v>35</v>
      </c>
      <c r="S7007" s="236" t="e">
        <f t="shared" si="1633"/>
        <v>#N/A</v>
      </c>
      <c r="T7007" s="236">
        <f t="shared" si="1620"/>
        <v>33.749807971316301</v>
      </c>
    </row>
    <row r="7008" spans="2:20" x14ac:dyDescent="0.2">
      <c r="B7008" s="239">
        <v>69.766000000000005</v>
      </c>
      <c r="C7008" s="3">
        <f t="shared" si="1621"/>
        <v>69.759</v>
      </c>
      <c r="D7008" s="239">
        <v>21.305299999999999</v>
      </c>
      <c r="E7008" s="239">
        <v>9.0800000000000006E-2</v>
      </c>
      <c r="F7008" s="239">
        <v>0.62039999999999995</v>
      </c>
      <c r="G7008">
        <f t="shared" si="1622"/>
        <v>21.429379999999998</v>
      </c>
      <c r="H7008" s="235">
        <f t="shared" si="1623"/>
        <v>0.4237173450655129</v>
      </c>
      <c r="I7008" s="236">
        <f t="shared" si="1624"/>
        <v>19.729183490889053</v>
      </c>
      <c r="J7008" s="237">
        <f t="shared" si="1629"/>
        <v>9.7291834908890529</v>
      </c>
      <c r="K7008" s="237">
        <f t="shared" si="1625"/>
        <v>1376.2881111409295</v>
      </c>
      <c r="L7008" s="237">
        <f t="shared" si="1630"/>
        <v>678.76621542536577</v>
      </c>
      <c r="M7008" s="236">
        <f t="shared" si="1626"/>
        <v>29.543444315790374</v>
      </c>
      <c r="N7008" s="236">
        <f t="shared" si="1627"/>
        <v>0.45279800493232636</v>
      </c>
      <c r="O7008" s="236">
        <f t="shared" si="1631"/>
        <v>2.1829714633240584</v>
      </c>
      <c r="P7008" s="236" t="str">
        <f t="shared" si="1632"/>
        <v>SAND</v>
      </c>
      <c r="Q7008" s="236" t="e">
        <f t="shared" si="1628"/>
        <v>#N/A</v>
      </c>
      <c r="R7008" s="238">
        <v>35</v>
      </c>
      <c r="S7008" s="236" t="e">
        <f t="shared" si="1633"/>
        <v>#N/A</v>
      </c>
      <c r="T7008" s="236">
        <f t="shared" si="1620"/>
        <v>33.775072386570031</v>
      </c>
    </row>
    <row r="7009" spans="2:20" x14ac:dyDescent="0.2">
      <c r="B7009" s="239">
        <v>69.775999999999996</v>
      </c>
      <c r="C7009" s="3">
        <f t="shared" si="1621"/>
        <v>69.768999999999991</v>
      </c>
      <c r="D7009" s="239">
        <v>21.452500000000001</v>
      </c>
      <c r="E7009" s="239">
        <v>9.2100000000000001E-2</v>
      </c>
      <c r="F7009" s="239">
        <v>0.61699999999999999</v>
      </c>
      <c r="G7009">
        <f t="shared" si="1622"/>
        <v>21.575900000000001</v>
      </c>
      <c r="H7009" s="235">
        <f t="shared" si="1623"/>
        <v>0.42686515973841177</v>
      </c>
      <c r="I7009" s="236">
        <f t="shared" si="1624"/>
        <v>19.748516084436933</v>
      </c>
      <c r="J7009" s="237">
        <f t="shared" si="1629"/>
        <v>9.7485160844369325</v>
      </c>
      <c r="K7009" s="237">
        <f t="shared" si="1625"/>
        <v>1377.8342186950802</v>
      </c>
      <c r="L7009" s="237">
        <f t="shared" si="1630"/>
        <v>680.21245830767134</v>
      </c>
      <c r="M7009" s="236">
        <f t="shared" si="1626"/>
        <v>29.693760434139246</v>
      </c>
      <c r="N7009" s="236">
        <f t="shared" si="1627"/>
        <v>0.45598425610261456</v>
      </c>
      <c r="O7009" s="236">
        <f t="shared" si="1631"/>
        <v>2.182177613522688</v>
      </c>
      <c r="P7009" s="236" t="str">
        <f t="shared" si="1632"/>
        <v>SAND</v>
      </c>
      <c r="Q7009" s="236" t="e">
        <f t="shared" si="1628"/>
        <v>#N/A</v>
      </c>
      <c r="R7009" s="238">
        <v>35</v>
      </c>
      <c r="S7009" s="236" t="e">
        <f t="shared" si="1633"/>
        <v>#N/A</v>
      </c>
      <c r="T7009" s="236">
        <f t="shared" si="1620"/>
        <v>33.799317204078349</v>
      </c>
    </row>
    <row r="7010" spans="2:20" x14ac:dyDescent="0.2">
      <c r="B7010" s="239">
        <v>69.787000000000006</v>
      </c>
      <c r="C7010" s="3">
        <f t="shared" si="1621"/>
        <v>69.78</v>
      </c>
      <c r="D7010" s="239">
        <v>21.493500000000001</v>
      </c>
      <c r="E7010" s="239">
        <v>9.3899999999999997E-2</v>
      </c>
      <c r="F7010" s="239">
        <v>0.60199999999999998</v>
      </c>
      <c r="G7010">
        <f t="shared" si="1622"/>
        <v>21.613900000000001</v>
      </c>
      <c r="H7010" s="235">
        <f t="shared" si="1623"/>
        <v>0.43444265033149959</v>
      </c>
      <c r="I7010" s="236">
        <f t="shared" si="1624"/>
        <v>19.771899977527212</v>
      </c>
      <c r="J7010" s="237">
        <f t="shared" si="1629"/>
        <v>9.7718999775272124</v>
      </c>
      <c r="K7010" s="237">
        <f t="shared" si="1625"/>
        <v>1379.683180431849</v>
      </c>
      <c r="L7010" s="237">
        <f t="shared" si="1630"/>
        <v>681.95158373169158</v>
      </c>
      <c r="M7010" s="236">
        <f t="shared" si="1626"/>
        <v>29.671046013039458</v>
      </c>
      <c r="N7010" s="236">
        <f t="shared" si="1627"/>
        <v>0.46406540385190975</v>
      </c>
      <c r="O7010" s="236">
        <f t="shared" si="1631"/>
        <v>2.1855655284805144</v>
      </c>
      <c r="P7010" s="236" t="str">
        <f t="shared" si="1632"/>
        <v>SAND</v>
      </c>
      <c r="Q7010" s="236" t="e">
        <f t="shared" si="1628"/>
        <v>#N/A</v>
      </c>
      <c r="R7010" s="238">
        <v>35</v>
      </c>
      <c r="S7010" s="236" t="e">
        <f t="shared" si="1633"/>
        <v>#N/A</v>
      </c>
      <c r="T7010" s="236">
        <f t="shared" si="1620"/>
        <v>33.795661427635523</v>
      </c>
    </row>
    <row r="7011" spans="2:20" x14ac:dyDescent="0.2">
      <c r="B7011" s="239">
        <v>69.796999999999997</v>
      </c>
      <c r="C7011" s="3">
        <f t="shared" si="1621"/>
        <v>69.789999999999992</v>
      </c>
      <c r="D7011" s="239">
        <v>21.526900000000001</v>
      </c>
      <c r="E7011" s="239">
        <v>9.3600000000000003E-2</v>
      </c>
      <c r="F7011" s="239">
        <v>0.57769999999999999</v>
      </c>
      <c r="G7011">
        <f t="shared" si="1622"/>
        <v>21.642440000000001</v>
      </c>
      <c r="H7011" s="235">
        <f t="shared" si="1623"/>
        <v>0.43248358318193331</v>
      </c>
      <c r="I7011" s="236">
        <f t="shared" si="1624"/>
        <v>19.768663445940149</v>
      </c>
      <c r="J7011" s="237">
        <f t="shared" si="1629"/>
        <v>9.7686634459401489</v>
      </c>
      <c r="K7011" s="237">
        <f t="shared" si="1625"/>
        <v>1379.6550218921627</v>
      </c>
      <c r="L7011" s="237">
        <f t="shared" si="1630"/>
        <v>681.82340253628456</v>
      </c>
      <c r="M7011" s="236">
        <f t="shared" si="1626"/>
        <v>29.718523744906978</v>
      </c>
      <c r="N7011" s="236">
        <f t="shared" si="1627"/>
        <v>0.46193057914362012</v>
      </c>
      <c r="O7011" s="236">
        <f t="shared" si="1631"/>
        <v>2.1841190892831448</v>
      </c>
      <c r="P7011" s="236" t="str">
        <f t="shared" si="1632"/>
        <v>SAND</v>
      </c>
      <c r="Q7011" s="236" t="e">
        <f t="shared" si="1628"/>
        <v>#N/A</v>
      </c>
      <c r="R7011" s="238">
        <v>35</v>
      </c>
      <c r="S7011" s="236" t="e">
        <f t="shared" si="1633"/>
        <v>#N/A</v>
      </c>
      <c r="T7011" s="236">
        <f t="shared" si="1620"/>
        <v>33.803299554526788</v>
      </c>
    </row>
    <row r="7012" spans="2:20" x14ac:dyDescent="0.2">
      <c r="B7012" s="239">
        <v>69.807000000000002</v>
      </c>
      <c r="C7012" s="3">
        <f t="shared" si="1621"/>
        <v>69.8</v>
      </c>
      <c r="D7012" s="239">
        <v>21.5639</v>
      </c>
      <c r="E7012" s="239">
        <v>9.3899999999999997E-2</v>
      </c>
      <c r="F7012" s="239">
        <v>0.58460000000000001</v>
      </c>
      <c r="G7012">
        <f t="shared" si="1622"/>
        <v>21.680820000000001</v>
      </c>
      <c r="H7012" s="235">
        <f t="shared" si="1623"/>
        <v>0.43310170002795095</v>
      </c>
      <c r="I7012" s="236">
        <f t="shared" si="1624"/>
        <v>19.773108286941703</v>
      </c>
      <c r="J7012" s="237">
        <f t="shared" si="1629"/>
        <v>9.773108286941703</v>
      </c>
      <c r="K7012" s="237">
        <f t="shared" si="1625"/>
        <v>1380.1629584285308</v>
      </c>
      <c r="L7012" s="237">
        <f t="shared" si="1630"/>
        <v>682.23137018653949</v>
      </c>
      <c r="M7012" s="236">
        <f t="shared" si="1626"/>
        <v>29.756264412204839</v>
      </c>
      <c r="N7012" s="236">
        <f t="shared" si="1627"/>
        <v>0.4625466053030331</v>
      </c>
      <c r="O7012" s="236">
        <f t="shared" si="1631"/>
        <v>2.1838496797871918</v>
      </c>
      <c r="P7012" s="236" t="str">
        <f t="shared" si="1632"/>
        <v>SAND</v>
      </c>
      <c r="Q7012" s="236" t="e">
        <f t="shared" si="1628"/>
        <v>#N/A</v>
      </c>
      <c r="R7012" s="238">
        <v>35</v>
      </c>
      <c r="S7012" s="236" t="e">
        <f t="shared" si="1633"/>
        <v>#N/A</v>
      </c>
      <c r="T7012" s="236">
        <f t="shared" si="1620"/>
        <v>33.809362500822033</v>
      </c>
    </row>
    <row r="7013" spans="2:20" x14ac:dyDescent="0.2">
      <c r="B7013" s="239">
        <v>69.816999999999993</v>
      </c>
      <c r="C7013" s="3">
        <f t="shared" si="1621"/>
        <v>69.809999999999988</v>
      </c>
      <c r="D7013" s="239">
        <v>21.454799999999999</v>
      </c>
      <c r="E7013" s="239">
        <v>9.3600000000000003E-2</v>
      </c>
      <c r="F7013" s="239">
        <v>0.58899999999999997</v>
      </c>
      <c r="G7013">
        <f t="shared" si="1622"/>
        <v>21.572599999999998</v>
      </c>
      <c r="H7013" s="235">
        <f t="shared" si="1623"/>
        <v>0.43388372287067861</v>
      </c>
      <c r="I7013" s="236">
        <f t="shared" si="1624"/>
        <v>19.767400087733371</v>
      </c>
      <c r="J7013" s="237">
        <f t="shared" si="1629"/>
        <v>9.7674000877333711</v>
      </c>
      <c r="K7013" s="237">
        <f t="shared" si="1625"/>
        <v>1379.9622001246664</v>
      </c>
      <c r="L7013" s="237">
        <f t="shared" si="1630"/>
        <v>681.93057192528067</v>
      </c>
      <c r="M7013" s="236">
        <f t="shared" si="1626"/>
        <v>29.610987732762688</v>
      </c>
      <c r="N7013" s="236">
        <f t="shared" si="1627"/>
        <v>0.46353527918268261</v>
      </c>
      <c r="O7013" s="236">
        <f t="shared" si="1631"/>
        <v>2.1861686234623932</v>
      </c>
      <c r="P7013" s="236" t="str">
        <f t="shared" si="1632"/>
        <v>SAND</v>
      </c>
      <c r="Q7013" s="236" t="e">
        <f t="shared" si="1628"/>
        <v>#N/A</v>
      </c>
      <c r="R7013" s="238">
        <v>35</v>
      </c>
      <c r="S7013" s="236" t="e">
        <f t="shared" si="1633"/>
        <v>#N/A</v>
      </c>
      <c r="T7013" s="236">
        <f t="shared" si="1620"/>
        <v>33.785981838157412</v>
      </c>
    </row>
    <row r="7014" spans="2:20" x14ac:dyDescent="0.2">
      <c r="B7014" s="239">
        <v>69.826999999999998</v>
      </c>
      <c r="C7014" s="3">
        <f t="shared" si="1621"/>
        <v>69.819999999999993</v>
      </c>
      <c r="D7014" s="239">
        <v>21.408999999999999</v>
      </c>
      <c r="E7014" s="239">
        <v>9.0200000000000002E-2</v>
      </c>
      <c r="F7014" s="239">
        <v>0.59370000000000001</v>
      </c>
      <c r="G7014">
        <f t="shared" si="1622"/>
        <v>21.527739999999998</v>
      </c>
      <c r="H7014" s="235">
        <f t="shared" si="1623"/>
        <v>0.41899428365448493</v>
      </c>
      <c r="I7014" s="236">
        <f t="shared" si="1624"/>
        <v>19.723199301405156</v>
      </c>
      <c r="J7014" s="237">
        <f t="shared" si="1629"/>
        <v>9.7231993014051561</v>
      </c>
      <c r="K7014" s="237">
        <f t="shared" si="1625"/>
        <v>1377.073775224108</v>
      </c>
      <c r="L7014" s="237">
        <f t="shared" si="1630"/>
        <v>678.94183761921784</v>
      </c>
      <c r="M7014" s="236">
        <f t="shared" si="1626"/>
        <v>29.679517608513208</v>
      </c>
      <c r="N7014" s="236">
        <f t="shared" si="1627"/>
        <v>0.44762787986183905</v>
      </c>
      <c r="O7014" s="236">
        <f t="shared" si="1631"/>
        <v>2.1791455500685788</v>
      </c>
      <c r="P7014" s="236" t="str">
        <f t="shared" si="1632"/>
        <v>SAND</v>
      </c>
      <c r="Q7014" s="236" t="e">
        <f t="shared" si="1628"/>
        <v>#N/A</v>
      </c>
      <c r="R7014" s="238">
        <v>35</v>
      </c>
      <c r="S7014" s="236" t="e">
        <f t="shared" si="1633"/>
        <v>#N/A</v>
      </c>
      <c r="T7014" s="236">
        <f t="shared" si="1620"/>
        <v>33.797025217181705</v>
      </c>
    </row>
    <row r="7015" spans="2:20" x14ac:dyDescent="0.2">
      <c r="B7015" s="239">
        <v>69.838999999999999</v>
      </c>
      <c r="C7015" s="3">
        <f t="shared" si="1621"/>
        <v>69.831999999999994</v>
      </c>
      <c r="D7015" s="239">
        <v>21.158000000000001</v>
      </c>
      <c r="E7015" s="239">
        <v>8.8400000000000006E-2</v>
      </c>
      <c r="F7015" s="239">
        <v>0.60470000000000002</v>
      </c>
      <c r="G7015">
        <f t="shared" si="1622"/>
        <v>21.278940000000002</v>
      </c>
      <c r="H7015" s="235">
        <f t="shared" si="1623"/>
        <v>0.41543422745681879</v>
      </c>
      <c r="I7015" s="236">
        <f t="shared" si="1624"/>
        <v>19.695019160912747</v>
      </c>
      <c r="J7015" s="237">
        <f t="shared" si="1629"/>
        <v>9.6950191609127465</v>
      </c>
      <c r="K7015" s="237">
        <f t="shared" si="1625"/>
        <v>1375.3425780448588</v>
      </c>
      <c r="L7015" s="237">
        <f t="shared" si="1630"/>
        <v>677.09044317898531</v>
      </c>
      <c r="M7015" s="236">
        <f t="shared" si="1626"/>
        <v>29.395773670215178</v>
      </c>
      <c r="N7015" s="236">
        <f t="shared" si="1627"/>
        <v>0.44414081598378918</v>
      </c>
      <c r="O7015" s="236">
        <f t="shared" si="1631"/>
        <v>2.1816176344137936</v>
      </c>
      <c r="P7015" s="236" t="str">
        <f t="shared" si="1632"/>
        <v>SAND</v>
      </c>
      <c r="Q7015" s="236" t="e">
        <f t="shared" si="1628"/>
        <v>#N/A</v>
      </c>
      <c r="R7015" s="238">
        <v>35</v>
      </c>
      <c r="S7015" s="236" t="e">
        <f t="shared" si="1633"/>
        <v>#N/A</v>
      </c>
      <c r="T7015" s="236">
        <f t="shared" si="1620"/>
        <v>33.751133844054721</v>
      </c>
    </row>
    <row r="7016" spans="2:20" x14ac:dyDescent="0.2">
      <c r="B7016" s="239">
        <v>69.849000000000004</v>
      </c>
      <c r="C7016" s="3">
        <f t="shared" si="1621"/>
        <v>69.841999999999999</v>
      </c>
      <c r="D7016" s="239">
        <v>21.0413</v>
      </c>
      <c r="E7016" s="239">
        <v>8.6800000000000002E-2</v>
      </c>
      <c r="F7016" s="239">
        <v>0.621</v>
      </c>
      <c r="G7016">
        <f t="shared" si="1622"/>
        <v>21.165499999999998</v>
      </c>
      <c r="H7016" s="235">
        <f t="shared" si="1623"/>
        <v>0.41010134416857624</v>
      </c>
      <c r="I7016" s="236">
        <f t="shared" si="1624"/>
        <v>19.671511991538331</v>
      </c>
      <c r="J7016" s="237">
        <f t="shared" si="1629"/>
        <v>9.6715119915383312</v>
      </c>
      <c r="K7016" s="237">
        <f t="shared" si="1625"/>
        <v>1373.8977405130202</v>
      </c>
      <c r="L7016" s="237">
        <f t="shared" si="1630"/>
        <v>675.54544109696099</v>
      </c>
      <c r="M7016" s="236">
        <f t="shared" si="1626"/>
        <v>29.297218300147314</v>
      </c>
      <c r="N7016" s="236">
        <f t="shared" si="1627"/>
        <v>0.43856984827184964</v>
      </c>
      <c r="O7016" s="236">
        <f t="shared" si="1631"/>
        <v>2.180783199993507</v>
      </c>
      <c r="P7016" s="236" t="str">
        <f t="shared" si="1632"/>
        <v>SAND</v>
      </c>
      <c r="Q7016" s="236" t="e">
        <f t="shared" si="1628"/>
        <v>#N/A</v>
      </c>
      <c r="R7016" s="238">
        <v>35</v>
      </c>
      <c r="S7016" s="236" t="e">
        <f t="shared" si="1633"/>
        <v>#N/A</v>
      </c>
      <c r="T7016" s="236">
        <f t="shared" si="1620"/>
        <v>33.735090258137134</v>
      </c>
    </row>
    <row r="7017" spans="2:20" x14ac:dyDescent="0.2">
      <c r="B7017" s="239">
        <v>69.86</v>
      </c>
      <c r="C7017" s="3">
        <f t="shared" si="1621"/>
        <v>69.852999999999994</v>
      </c>
      <c r="D7017" s="239">
        <v>20.8841</v>
      </c>
      <c r="E7017" s="239">
        <v>8.4699999999999998E-2</v>
      </c>
      <c r="F7017" s="239">
        <v>0.62029999999999996</v>
      </c>
      <c r="G7017">
        <f t="shared" si="1622"/>
        <v>21.00816</v>
      </c>
      <c r="H7017" s="235">
        <f t="shared" si="1623"/>
        <v>0.40317667039854993</v>
      </c>
      <c r="I7017" s="236">
        <f t="shared" si="1624"/>
        <v>19.639877477020175</v>
      </c>
      <c r="J7017" s="237">
        <f t="shared" si="1629"/>
        <v>9.6398774770201747</v>
      </c>
      <c r="K7017" s="237">
        <f t="shared" si="1625"/>
        <v>1371.9043614022901</v>
      </c>
      <c r="L7017" s="237">
        <f t="shared" si="1630"/>
        <v>673.44184054462937</v>
      </c>
      <c r="M7017" s="236">
        <f t="shared" si="1626"/>
        <v>29.158057097725585</v>
      </c>
      <c r="N7017" s="236">
        <f t="shared" si="1627"/>
        <v>0.43134496494082464</v>
      </c>
      <c r="O7017" s="236">
        <f t="shared" si="1631"/>
        <v>2.1798436797631235</v>
      </c>
      <c r="P7017" s="236" t="str">
        <f t="shared" si="1632"/>
        <v>SAND</v>
      </c>
      <c r="Q7017" s="236" t="e">
        <f t="shared" si="1628"/>
        <v>#N/A</v>
      </c>
      <c r="R7017" s="238">
        <v>35</v>
      </c>
      <c r="S7017" s="236" t="e">
        <f t="shared" si="1633"/>
        <v>#N/A</v>
      </c>
      <c r="T7017" s="236">
        <f t="shared" si="1620"/>
        <v>33.712344402719424</v>
      </c>
    </row>
    <row r="7018" spans="2:20" x14ac:dyDescent="0.2">
      <c r="B7018" s="239">
        <v>69.869</v>
      </c>
      <c r="C7018" s="3">
        <f t="shared" si="1621"/>
        <v>69.861999999999995</v>
      </c>
      <c r="D7018" s="239">
        <v>20.782699999999998</v>
      </c>
      <c r="E7018" s="239">
        <v>8.0699999999999994E-2</v>
      </c>
      <c r="F7018" s="239">
        <v>0.62739999999999996</v>
      </c>
      <c r="G7018">
        <f t="shared" si="1622"/>
        <v>20.908179999999998</v>
      </c>
      <c r="H7018" s="235">
        <f t="shared" si="1623"/>
        <v>0.38597333675145329</v>
      </c>
      <c r="I7018" s="236">
        <f t="shared" si="1624"/>
        <v>19.581286205414415</v>
      </c>
      <c r="J7018" s="237">
        <f t="shared" si="1629"/>
        <v>9.5812862054144148</v>
      </c>
      <c r="K7018" s="237">
        <f t="shared" si="1625"/>
        <v>1367.9878168826617</v>
      </c>
      <c r="L7018" s="237">
        <f t="shared" si="1630"/>
        <v>669.43488588609978</v>
      </c>
      <c r="M7018" s="236">
        <f t="shared" si="1626"/>
        <v>29.189085593071376</v>
      </c>
      <c r="N7018" s="236">
        <f t="shared" si="1627"/>
        <v>0.41299491450101772</v>
      </c>
      <c r="O7018" s="236">
        <f t="shared" si="1631"/>
        <v>2.172082970678515</v>
      </c>
      <c r="P7018" s="236" t="str">
        <f t="shared" si="1632"/>
        <v>SAND</v>
      </c>
      <c r="Q7018" s="236" t="e">
        <f t="shared" si="1628"/>
        <v>#N/A</v>
      </c>
      <c r="R7018" s="238">
        <v>35</v>
      </c>
      <c r="S7018" s="236" t="e">
        <f t="shared" si="1633"/>
        <v>#N/A</v>
      </c>
      <c r="T7018" s="236">
        <f t="shared" si="1620"/>
        <v>33.717425390563967</v>
      </c>
    </row>
    <row r="7019" spans="2:20" x14ac:dyDescent="0.2">
      <c r="B7019" s="239">
        <v>69.879000000000005</v>
      </c>
      <c r="C7019" s="3">
        <f t="shared" si="1621"/>
        <v>69.872</v>
      </c>
      <c r="D7019" s="239">
        <v>20.703499999999998</v>
      </c>
      <c r="E7019" s="239">
        <v>7.9100000000000004E-2</v>
      </c>
      <c r="F7019" s="239">
        <v>0.64359999999999995</v>
      </c>
      <c r="G7019">
        <f t="shared" si="1622"/>
        <v>20.83222</v>
      </c>
      <c r="H7019" s="235">
        <f t="shared" si="1623"/>
        <v>0.37970029118356086</v>
      </c>
      <c r="I7019" s="236">
        <f t="shared" si="1624"/>
        <v>19.556381557802641</v>
      </c>
      <c r="J7019" s="237">
        <f t="shared" si="1629"/>
        <v>9.5563815578026414</v>
      </c>
      <c r="K7019" s="237">
        <f t="shared" si="1625"/>
        <v>1366.4434922067862</v>
      </c>
      <c r="L7019" s="237">
        <f t="shared" si="1630"/>
        <v>667.79038687769082</v>
      </c>
      <c r="M7019" s="236">
        <f t="shared" si="1626"/>
        <v>29.149530886191794</v>
      </c>
      <c r="N7019" s="236">
        <f t="shared" si="1627"/>
        <v>0.40635419793467753</v>
      </c>
      <c r="O7019" s="236">
        <f t="shared" si="1631"/>
        <v>2.1699275624264693</v>
      </c>
      <c r="P7019" s="236" t="str">
        <f t="shared" si="1632"/>
        <v>SAND</v>
      </c>
      <c r="Q7019" s="236" t="e">
        <f t="shared" si="1628"/>
        <v>#N/A</v>
      </c>
      <c r="R7019" s="238">
        <v>35</v>
      </c>
      <c r="S7019" s="236" t="e">
        <f t="shared" si="1633"/>
        <v>#N/A</v>
      </c>
      <c r="T7019" s="236">
        <f t="shared" si="1620"/>
        <v>33.710947268846247</v>
      </c>
    </row>
    <row r="7020" spans="2:20" x14ac:dyDescent="0.2">
      <c r="B7020" s="239">
        <v>69.89</v>
      </c>
      <c r="C7020" s="3">
        <f t="shared" si="1621"/>
        <v>69.882999999999996</v>
      </c>
      <c r="D7020" s="239">
        <v>20.642399999999999</v>
      </c>
      <c r="E7020" s="239">
        <v>7.8399999999999997E-2</v>
      </c>
      <c r="F7020" s="239">
        <v>0.63759999999999994</v>
      </c>
      <c r="G7020">
        <f t="shared" si="1622"/>
        <v>20.769919999999999</v>
      </c>
      <c r="H7020" s="235">
        <f t="shared" si="1623"/>
        <v>0.37746895510430473</v>
      </c>
      <c r="I7020" s="236">
        <f t="shared" si="1624"/>
        <v>19.544787765010714</v>
      </c>
      <c r="J7020" s="237">
        <f t="shared" si="1629"/>
        <v>9.5447877650107138</v>
      </c>
      <c r="K7020" s="237">
        <f t="shared" si="1625"/>
        <v>1365.8484033822435</v>
      </c>
      <c r="L7020" s="237">
        <f t="shared" si="1630"/>
        <v>667.08521689659881</v>
      </c>
      <c r="M7020" s="236">
        <f t="shared" si="1626"/>
        <v>29.087845308413534</v>
      </c>
      <c r="N7020" s="236">
        <f t="shared" si="1627"/>
        <v>0.4040389132230659</v>
      </c>
      <c r="O7020" s="236">
        <f t="shared" si="1631"/>
        <v>2.1698314756881718</v>
      </c>
      <c r="P7020" s="236" t="str">
        <f t="shared" si="1632"/>
        <v>SAND</v>
      </c>
      <c r="Q7020" s="236" t="e">
        <f t="shared" si="1628"/>
        <v>#N/A</v>
      </c>
      <c r="R7020" s="238">
        <v>35</v>
      </c>
      <c r="S7020" s="236" t="e">
        <f t="shared" si="1633"/>
        <v>#N/A</v>
      </c>
      <c r="T7020" s="236">
        <f t="shared" si="1620"/>
        <v>33.700827071271277</v>
      </c>
    </row>
    <row r="7021" spans="2:20" x14ac:dyDescent="0.2">
      <c r="B7021" s="239">
        <v>69.899000000000001</v>
      </c>
      <c r="C7021" s="3">
        <f t="shared" si="1621"/>
        <v>69.891999999999996</v>
      </c>
      <c r="D7021" s="239">
        <v>20.502500000000001</v>
      </c>
      <c r="E7021" s="239">
        <v>7.9000000000000001E-2</v>
      </c>
      <c r="F7021" s="239">
        <v>0.6542</v>
      </c>
      <c r="G7021">
        <f t="shared" si="1622"/>
        <v>20.63334</v>
      </c>
      <c r="H7021" s="235">
        <f t="shared" si="1623"/>
        <v>0.38287548210808331</v>
      </c>
      <c r="I7021" s="236">
        <f t="shared" si="1624"/>
        <v>19.551148782026257</v>
      </c>
      <c r="J7021" s="237">
        <f t="shared" si="1629"/>
        <v>9.5511487820262566</v>
      </c>
      <c r="K7021" s="237">
        <f t="shared" si="1625"/>
        <v>1366.4688906733791</v>
      </c>
      <c r="L7021" s="237">
        <f t="shared" si="1630"/>
        <v>667.61574871485334</v>
      </c>
      <c r="M7021" s="236">
        <f t="shared" si="1626"/>
        <v>28.859222009688889</v>
      </c>
      <c r="N7021" s="236">
        <f t="shared" si="1627"/>
        <v>0.41003025115872621</v>
      </c>
      <c r="O7021" s="236">
        <f t="shared" si="1631"/>
        <v>2.1754397794494875</v>
      </c>
      <c r="P7021" s="236" t="str">
        <f t="shared" si="1632"/>
        <v>SAND</v>
      </c>
      <c r="Q7021" s="236" t="e">
        <f t="shared" si="1628"/>
        <v>#N/A</v>
      </c>
      <c r="R7021" s="238">
        <v>35</v>
      </c>
      <c r="S7021" s="236" t="e">
        <f t="shared" si="1633"/>
        <v>#N/A</v>
      </c>
      <c r="T7021" s="236">
        <f t="shared" si="1620"/>
        <v>33.66313081068752</v>
      </c>
    </row>
    <row r="7022" spans="2:20" x14ac:dyDescent="0.2">
      <c r="B7022" s="239">
        <v>69.91</v>
      </c>
      <c r="C7022" s="3">
        <f t="shared" si="1621"/>
        <v>69.902999999999992</v>
      </c>
      <c r="D7022" s="239">
        <v>20.535499999999999</v>
      </c>
      <c r="E7022" s="239">
        <v>7.9100000000000004E-2</v>
      </c>
      <c r="F7022" s="239">
        <v>0.65010000000000001</v>
      </c>
      <c r="G7022">
        <f t="shared" si="1622"/>
        <v>20.665519999999997</v>
      </c>
      <c r="H7022" s="235">
        <f t="shared" si="1623"/>
        <v>0.38276317266635446</v>
      </c>
      <c r="I7022" s="236">
        <f t="shared" si="1624"/>
        <v>19.553241263820198</v>
      </c>
      <c r="J7022" s="237">
        <f t="shared" si="1629"/>
        <v>9.5532412638201976</v>
      </c>
      <c r="K7022" s="237">
        <f t="shared" si="1625"/>
        <v>1366.8302240648231</v>
      </c>
      <c r="L7022" s="237">
        <f t="shared" si="1630"/>
        <v>667.86709675367001</v>
      </c>
      <c r="M7022" s="236">
        <f t="shared" si="1626"/>
        <v>28.896003216420056</v>
      </c>
      <c r="N7022" s="236">
        <f t="shared" si="1627"/>
        <v>0.40987238469750981</v>
      </c>
      <c r="O7022" s="236">
        <f t="shared" si="1631"/>
        <v>2.1748647376376748</v>
      </c>
      <c r="P7022" s="236" t="str">
        <f t="shared" si="1632"/>
        <v>SAND</v>
      </c>
      <c r="Q7022" s="236" t="e">
        <f t="shared" si="1628"/>
        <v>#N/A</v>
      </c>
      <c r="R7022" s="238">
        <v>35</v>
      </c>
      <c r="S7022" s="236" t="e">
        <f t="shared" si="1633"/>
        <v>#N/A</v>
      </c>
      <c r="T7022" s="236">
        <f t="shared" si="1620"/>
        <v>33.669215546723052</v>
      </c>
    </row>
    <row r="7023" spans="2:20" x14ac:dyDescent="0.2">
      <c r="B7023" s="239">
        <v>69.92</v>
      </c>
      <c r="C7023" s="3">
        <f t="shared" si="1621"/>
        <v>69.912999999999997</v>
      </c>
      <c r="D7023" s="239">
        <v>20.4618</v>
      </c>
      <c r="E7023" s="239">
        <v>7.8799999999999995E-2</v>
      </c>
      <c r="F7023" s="239">
        <v>0.65959999999999996</v>
      </c>
      <c r="G7023">
        <f t="shared" si="1622"/>
        <v>20.593720000000001</v>
      </c>
      <c r="H7023" s="235">
        <f t="shared" si="1623"/>
        <v>0.3826409216013425</v>
      </c>
      <c r="I7023" s="236">
        <f t="shared" si="1624"/>
        <v>19.54742516485689</v>
      </c>
      <c r="J7023" s="237">
        <f t="shared" si="1629"/>
        <v>9.5474251648568895</v>
      </c>
      <c r="K7023" s="237">
        <f t="shared" si="1625"/>
        <v>1366.6191355506396</v>
      </c>
      <c r="L7023" s="237">
        <f t="shared" si="1630"/>
        <v>667.55596752679378</v>
      </c>
      <c r="M7023" s="236">
        <f t="shared" si="1626"/>
        <v>28.802230524106044</v>
      </c>
      <c r="N7023" s="236">
        <f t="shared" si="1627"/>
        <v>0.40983817870170991</v>
      </c>
      <c r="O7023" s="236">
        <f t="shared" si="1631"/>
        <v>2.1761550378832073</v>
      </c>
      <c r="P7023" s="236" t="str">
        <f t="shared" si="1632"/>
        <v>SAND</v>
      </c>
      <c r="Q7023" s="236" t="e">
        <f t="shared" si="1628"/>
        <v>#N/A</v>
      </c>
      <c r="R7023" s="238">
        <v>35</v>
      </c>
      <c r="S7023" s="236" t="e">
        <f t="shared" si="1633"/>
        <v>#N/A</v>
      </c>
      <c r="T7023" s="236">
        <f t="shared" si="1620"/>
        <v>33.6536873422545</v>
      </c>
    </row>
    <row r="7024" spans="2:20" x14ac:dyDescent="0.2">
      <c r="B7024" s="239">
        <v>69.930000000000007</v>
      </c>
      <c r="C7024" s="3">
        <f t="shared" si="1621"/>
        <v>69.923000000000002</v>
      </c>
      <c r="D7024" s="239">
        <v>20.515599999999999</v>
      </c>
      <c r="E7024" s="239">
        <v>7.9500000000000001E-2</v>
      </c>
      <c r="F7024" s="239">
        <v>0.65629999999999999</v>
      </c>
      <c r="G7024">
        <f t="shared" si="1622"/>
        <v>20.64686</v>
      </c>
      <c r="H7024" s="235">
        <f t="shared" si="1623"/>
        <v>0.38504644289737033</v>
      </c>
      <c r="I7024" s="236">
        <f t="shared" si="1624"/>
        <v>19.558802913430121</v>
      </c>
      <c r="J7024" s="237">
        <f t="shared" si="1629"/>
        <v>9.5588029134301209</v>
      </c>
      <c r="K7024" s="237">
        <f t="shared" si="1625"/>
        <v>1367.6101761157743</v>
      </c>
      <c r="L7024" s="237">
        <f t="shared" si="1630"/>
        <v>668.44708773616844</v>
      </c>
      <c r="M7024" s="236">
        <f t="shared" si="1626"/>
        <v>28.84184878294154</v>
      </c>
      <c r="N7024" s="236">
        <f t="shared" si="1627"/>
        <v>0.41236044309935183</v>
      </c>
      <c r="O7024" s="236">
        <f t="shared" si="1631"/>
        <v>2.1766246390416546</v>
      </c>
      <c r="P7024" s="236" t="str">
        <f t="shared" si="1632"/>
        <v>SAND</v>
      </c>
      <c r="Q7024" s="236" t="e">
        <f t="shared" si="1628"/>
        <v>#N/A</v>
      </c>
      <c r="R7024" s="238">
        <v>35</v>
      </c>
      <c r="S7024" s="236" t="e">
        <f t="shared" si="1633"/>
        <v>#N/A</v>
      </c>
      <c r="T7024" s="236">
        <f t="shared" si="1620"/>
        <v>33.660254050760209</v>
      </c>
    </row>
    <row r="7025" spans="2:20" x14ac:dyDescent="0.2">
      <c r="B7025" s="239">
        <v>69.94</v>
      </c>
      <c r="C7025" s="3">
        <f t="shared" si="1621"/>
        <v>69.932999999999993</v>
      </c>
      <c r="D7025" s="239">
        <v>20.497900000000001</v>
      </c>
      <c r="E7025" s="239">
        <v>8.2400000000000001E-2</v>
      </c>
      <c r="F7025" s="239">
        <v>0.65769999999999995</v>
      </c>
      <c r="G7025">
        <f t="shared" si="1622"/>
        <v>20.629440000000002</v>
      </c>
      <c r="H7025" s="235">
        <f t="shared" si="1623"/>
        <v>0.39942916530938305</v>
      </c>
      <c r="I7025" s="236">
        <f t="shared" si="1624"/>
        <v>19.600485220990766</v>
      </c>
      <c r="J7025" s="237">
        <f t="shared" si="1629"/>
        <v>9.6004852209907661</v>
      </c>
      <c r="K7025" s="237">
        <f t="shared" si="1625"/>
        <v>1370.7207329595471</v>
      </c>
      <c r="L7025" s="237">
        <f t="shared" si="1630"/>
        <v>671.45793635609414</v>
      </c>
      <c r="M7025" s="236">
        <f t="shared" si="1626"/>
        <v>28.681944503560061</v>
      </c>
      <c r="N7025" s="236">
        <f t="shared" si="1627"/>
        <v>0.42785815015757617</v>
      </c>
      <c r="O7025" s="236">
        <f t="shared" si="1631"/>
        <v>2.1850470355283709</v>
      </c>
      <c r="P7025" s="236" t="str">
        <f t="shared" si="1632"/>
        <v>SAND</v>
      </c>
      <c r="Q7025" s="236" t="e">
        <f t="shared" si="1628"/>
        <v>#N/A</v>
      </c>
      <c r="R7025" s="238">
        <v>35</v>
      </c>
      <c r="S7025" s="236" t="e">
        <f t="shared" si="1633"/>
        <v>#N/A</v>
      </c>
      <c r="T7025" s="236">
        <f t="shared" si="1620"/>
        <v>33.633694502725106</v>
      </c>
    </row>
    <row r="7026" spans="2:20" x14ac:dyDescent="0.2">
      <c r="B7026" s="239">
        <v>69.95</v>
      </c>
      <c r="C7026" s="3">
        <f t="shared" si="1621"/>
        <v>69.942999999999998</v>
      </c>
      <c r="D7026" s="239">
        <v>20.4834</v>
      </c>
      <c r="E7026" s="239">
        <v>8.3199999999999996E-2</v>
      </c>
      <c r="F7026" s="239">
        <v>0.65210000000000001</v>
      </c>
      <c r="G7026">
        <f t="shared" si="1622"/>
        <v>20.61382</v>
      </c>
      <c r="H7026" s="235">
        <f t="shared" si="1623"/>
        <v>0.40361272195061371</v>
      </c>
      <c r="I7026" s="236">
        <f t="shared" si="1624"/>
        <v>19.611518666885509</v>
      </c>
      <c r="J7026" s="237">
        <f t="shared" si="1629"/>
        <v>9.6115186668855088</v>
      </c>
      <c r="K7026" s="237">
        <f t="shared" si="1625"/>
        <v>1371.6884501179732</v>
      </c>
      <c r="L7026" s="237">
        <f t="shared" si="1630"/>
        <v>672.32573074864138</v>
      </c>
      <c r="M7026" s="236">
        <f t="shared" si="1626"/>
        <v>28.620251568321983</v>
      </c>
      <c r="N7026" s="236">
        <f t="shared" si="1627"/>
        <v>0.43238452966771296</v>
      </c>
      <c r="O7026" s="236">
        <f t="shared" si="1631"/>
        <v>2.1876922813836535</v>
      </c>
      <c r="P7026" s="236" t="str">
        <f t="shared" si="1632"/>
        <v>SAND</v>
      </c>
      <c r="Q7026" s="236" t="e">
        <f t="shared" si="1628"/>
        <v>#N/A</v>
      </c>
      <c r="R7026" s="238">
        <v>35</v>
      </c>
      <c r="S7026" s="236" t="e">
        <f t="shared" si="1633"/>
        <v>#N/A</v>
      </c>
      <c r="T7026" s="236">
        <f t="shared" si="1620"/>
        <v>33.623407915163526</v>
      </c>
    </row>
    <row r="7027" spans="2:20" x14ac:dyDescent="0.2">
      <c r="B7027" s="239">
        <v>69.960999999999999</v>
      </c>
      <c r="C7027" s="3">
        <f t="shared" si="1621"/>
        <v>69.953999999999994</v>
      </c>
      <c r="D7027" s="239">
        <v>20.360199999999999</v>
      </c>
      <c r="E7027" s="239">
        <v>8.2900000000000001E-2</v>
      </c>
      <c r="F7027" s="239">
        <v>0.65169999999999995</v>
      </c>
      <c r="G7027">
        <f t="shared" si="1622"/>
        <v>20.490539999999999</v>
      </c>
      <c r="H7027" s="235">
        <f t="shared" si="1623"/>
        <v>0.40457694135928096</v>
      </c>
      <c r="I7027" s="236">
        <f t="shared" si="1624"/>
        <v>19.604938350275422</v>
      </c>
      <c r="J7027" s="237">
        <f t="shared" si="1629"/>
        <v>9.6049383502754218</v>
      </c>
      <c r="K7027" s="237">
        <f t="shared" si="1625"/>
        <v>1371.4438573551668</v>
      </c>
      <c r="L7027" s="237">
        <f t="shared" si="1630"/>
        <v>671.97109192361881</v>
      </c>
      <c r="M7027" s="236">
        <f t="shared" si="1626"/>
        <v>28.452259885039894</v>
      </c>
      <c r="N7027" s="236">
        <f t="shared" si="1627"/>
        <v>0.43359790327688608</v>
      </c>
      <c r="O7027" s="236">
        <f t="shared" si="1631"/>
        <v>2.190521315186877</v>
      </c>
      <c r="P7027" s="236" t="str">
        <f t="shared" si="1632"/>
        <v>SAND</v>
      </c>
      <c r="Q7027" s="236" t="e">
        <f t="shared" si="1628"/>
        <v>#N/A</v>
      </c>
      <c r="R7027" s="238">
        <v>35</v>
      </c>
      <c r="S7027" s="236" t="e">
        <f t="shared" si="1633"/>
        <v>#N/A</v>
      </c>
      <c r="T7027" s="236">
        <f t="shared" si="1620"/>
        <v>33.595284436139281</v>
      </c>
    </row>
    <row r="7028" spans="2:20" x14ac:dyDescent="0.2">
      <c r="B7028" s="239">
        <v>69.971000000000004</v>
      </c>
      <c r="C7028" s="3">
        <f t="shared" si="1621"/>
        <v>69.963999999999999</v>
      </c>
      <c r="D7028" s="239">
        <v>20.198799999999999</v>
      </c>
      <c r="E7028" s="239">
        <v>8.48E-2</v>
      </c>
      <c r="F7028" s="239">
        <v>0.65820000000000001</v>
      </c>
      <c r="G7028">
        <f t="shared" si="1622"/>
        <v>20.330439999999999</v>
      </c>
      <c r="H7028" s="235">
        <f t="shared" si="1623"/>
        <v>0.41710853282073584</v>
      </c>
      <c r="I7028" s="236">
        <f t="shared" si="1624"/>
        <v>19.628443955608127</v>
      </c>
      <c r="J7028" s="237">
        <f t="shared" si="1629"/>
        <v>9.6284439556081267</v>
      </c>
      <c r="K7028" s="237">
        <f t="shared" si="1625"/>
        <v>1373.2844529101669</v>
      </c>
      <c r="L7028" s="237">
        <f t="shared" si="1630"/>
        <v>673.71185201785624</v>
      </c>
      <c r="M7028" s="236">
        <f t="shared" si="1626"/>
        <v>28.138373238218445</v>
      </c>
      <c r="N7028" s="236">
        <f t="shared" si="1627"/>
        <v>0.44732449332578222</v>
      </c>
      <c r="O7028" s="236">
        <f t="shared" si="1631"/>
        <v>2.2002764455121575</v>
      </c>
      <c r="P7028" s="236" t="str">
        <f t="shared" si="1632"/>
        <v>SAND</v>
      </c>
      <c r="Q7028" s="236" t="e">
        <f t="shared" si="1628"/>
        <v>#N/A</v>
      </c>
      <c r="R7028" s="238">
        <v>35</v>
      </c>
      <c r="S7028" s="236" t="e">
        <f t="shared" si="1633"/>
        <v>#N/A</v>
      </c>
      <c r="T7028" s="236">
        <f t="shared" si="1620"/>
        <v>33.542288845871482</v>
      </c>
    </row>
    <row r="7029" spans="2:20" x14ac:dyDescent="0.2">
      <c r="B7029" s="239">
        <v>69.980999999999995</v>
      </c>
      <c r="C7029" s="3">
        <f t="shared" si="1621"/>
        <v>69.97399999999999</v>
      </c>
      <c r="D7029" s="239">
        <v>20.012499999999999</v>
      </c>
      <c r="E7029" s="239">
        <v>8.6999999999999994E-2</v>
      </c>
      <c r="F7029" s="239">
        <v>0.66090000000000004</v>
      </c>
      <c r="G7029">
        <f t="shared" si="1622"/>
        <v>20.144680000000001</v>
      </c>
      <c r="H7029" s="235">
        <f t="shared" si="1623"/>
        <v>0.43187581038765566</v>
      </c>
      <c r="I7029" s="236">
        <f t="shared" si="1624"/>
        <v>19.654889372128853</v>
      </c>
      <c r="J7029" s="237">
        <f t="shared" si="1629"/>
        <v>9.6548893721288529</v>
      </c>
      <c r="K7029" s="237">
        <f t="shared" si="1625"/>
        <v>1375.3312289253442</v>
      </c>
      <c r="L7029" s="237">
        <f t="shared" si="1630"/>
        <v>675.65881315094919</v>
      </c>
      <c r="M7029" s="236">
        <f t="shared" si="1626"/>
        <v>27.779329457042675</v>
      </c>
      <c r="N7029" s="236">
        <f t="shared" si="1627"/>
        <v>0.46352167601081207</v>
      </c>
      <c r="O7029" s="236">
        <f t="shared" si="1631"/>
        <v>2.2115432716808274</v>
      </c>
      <c r="P7029" s="236" t="str">
        <f t="shared" si="1632"/>
        <v>SAND</v>
      </c>
      <c r="Q7029" s="236" t="e">
        <f t="shared" si="1628"/>
        <v>#N/A</v>
      </c>
      <c r="R7029" s="238">
        <v>35</v>
      </c>
      <c r="S7029" s="236" t="e">
        <f t="shared" si="1633"/>
        <v>#N/A</v>
      </c>
      <c r="T7029" s="236">
        <f t="shared" si="1620"/>
        <v>33.480939342860694</v>
      </c>
    </row>
    <row r="7030" spans="2:20" x14ac:dyDescent="0.2">
      <c r="B7030" s="239">
        <v>69.991</v>
      </c>
      <c r="C7030" s="3">
        <f t="shared" si="1621"/>
        <v>69.983999999999995</v>
      </c>
      <c r="D7030" s="239">
        <v>19.834700000000002</v>
      </c>
      <c r="E7030" s="239">
        <v>8.7999999999999995E-2</v>
      </c>
      <c r="F7030" s="239">
        <v>0.66210000000000002</v>
      </c>
      <c r="G7030">
        <f t="shared" si="1622"/>
        <v>19.967120000000001</v>
      </c>
      <c r="H7030" s="235">
        <f t="shared" si="1623"/>
        <v>0.44072455116211046</v>
      </c>
      <c r="I7030" s="236">
        <f t="shared" si="1624"/>
        <v>19.664830154387975</v>
      </c>
      <c r="J7030" s="237">
        <f t="shared" si="1629"/>
        <v>9.6648301543879747</v>
      </c>
      <c r="K7030" s="237">
        <f t="shared" si="1625"/>
        <v>1376.223473524688</v>
      </c>
      <c r="L7030" s="237">
        <f t="shared" si="1630"/>
        <v>676.45112733576877</v>
      </c>
      <c r="M7030" s="236">
        <f t="shared" si="1626"/>
        <v>27.482985503618483</v>
      </c>
      <c r="N7030" s="236">
        <f t="shared" si="1627"/>
        <v>0.47334995315948919</v>
      </c>
      <c r="O7030" s="236">
        <f t="shared" si="1631"/>
        <v>2.2194712941875161</v>
      </c>
      <c r="P7030" s="236" t="str">
        <f t="shared" si="1632"/>
        <v>SAND</v>
      </c>
      <c r="Q7030" s="236" t="e">
        <f t="shared" si="1628"/>
        <v>#N/A</v>
      </c>
      <c r="R7030" s="238">
        <v>35</v>
      </c>
      <c r="S7030" s="236" t="e">
        <f t="shared" si="1633"/>
        <v>#N/A</v>
      </c>
      <c r="T7030" s="236">
        <f t="shared" si="1620"/>
        <v>33.429702996633765</v>
      </c>
    </row>
    <row r="7031" spans="2:20" x14ac:dyDescent="0.2">
      <c r="B7031" s="239">
        <v>70.001000000000005</v>
      </c>
      <c r="C7031" s="3">
        <f t="shared" si="1621"/>
        <v>69.994</v>
      </c>
      <c r="D7031" s="239">
        <v>19.5745</v>
      </c>
      <c r="E7031" s="239">
        <v>8.7900000000000006E-2</v>
      </c>
      <c r="F7031" s="239">
        <v>0.66690000000000005</v>
      </c>
      <c r="G7031">
        <f t="shared" si="1622"/>
        <v>19.707879999999999</v>
      </c>
      <c r="H7031" s="235">
        <f t="shared" si="1623"/>
        <v>0.4460144876059729</v>
      </c>
      <c r="I7031" s="236">
        <f t="shared" si="1624"/>
        <v>19.658388935379723</v>
      </c>
      <c r="J7031" s="237">
        <f t="shared" si="1629"/>
        <v>9.6583889353797225</v>
      </c>
      <c r="K7031" s="237">
        <f t="shared" si="1625"/>
        <v>1375.9692751429684</v>
      </c>
      <c r="L7031" s="237">
        <f t="shared" si="1630"/>
        <v>676.09688386551602</v>
      </c>
      <c r="M7031" s="236">
        <f t="shared" si="1626"/>
        <v>27.114325124597787</v>
      </c>
      <c r="N7031" s="236">
        <f t="shared" si="1627"/>
        <v>0.47949175249262249</v>
      </c>
      <c r="O7031" s="236">
        <f t="shared" si="1631"/>
        <v>2.2270980660812354</v>
      </c>
      <c r="P7031" s="236" t="str">
        <f t="shared" si="1632"/>
        <v>SAND</v>
      </c>
      <c r="Q7031" s="236" t="e">
        <f t="shared" si="1628"/>
        <v>#N/A</v>
      </c>
      <c r="R7031" s="238">
        <v>35</v>
      </c>
      <c r="S7031" s="236" t="e">
        <f t="shared" si="1633"/>
        <v>#N/A</v>
      </c>
      <c r="T7031" s="236">
        <f t="shared" si="1620"/>
        <v>33.365186792506222</v>
      </c>
    </row>
    <row r="7032" spans="2:20" x14ac:dyDescent="0.2">
      <c r="B7032" s="239">
        <v>70.010000000000005</v>
      </c>
      <c r="C7032" s="3">
        <f t="shared" si="1621"/>
        <v>70.003</v>
      </c>
      <c r="D7032" s="239">
        <v>19.3688</v>
      </c>
      <c r="E7032" s="239">
        <v>8.8499999999999995E-2</v>
      </c>
      <c r="F7032" s="239">
        <v>0.66930000000000001</v>
      </c>
      <c r="G7032">
        <f t="shared" si="1622"/>
        <v>19.502659999999999</v>
      </c>
      <c r="H7032" s="235">
        <f t="shared" si="1623"/>
        <v>0.45378425301984443</v>
      </c>
      <c r="I7032" s="236">
        <f t="shared" si="1624"/>
        <v>19.662274349856123</v>
      </c>
      <c r="J7032" s="237">
        <f t="shared" si="1629"/>
        <v>9.6622743498561228</v>
      </c>
      <c r="K7032" s="237">
        <f t="shared" si="1625"/>
        <v>1376.4181913129783</v>
      </c>
      <c r="L7032" s="237">
        <f t="shared" si="1630"/>
        <v>676.45582723342716</v>
      </c>
      <c r="M7032" s="236">
        <f t="shared" si="1626"/>
        <v>26.795898680952792</v>
      </c>
      <c r="N7032" s="236">
        <f t="shared" si="1627"/>
        <v>0.48824241083215764</v>
      </c>
      <c r="O7032" s="236">
        <f t="shared" si="1631"/>
        <v>2.2349728033324481</v>
      </c>
      <c r="P7032" s="236" t="str">
        <f t="shared" si="1632"/>
        <v>SAND</v>
      </c>
      <c r="Q7032" s="236" t="e">
        <f t="shared" si="1628"/>
        <v>#N/A</v>
      </c>
      <c r="R7032" s="238">
        <v>35</v>
      </c>
      <c r="S7032" s="236" t="e">
        <f t="shared" si="1633"/>
        <v>#N/A</v>
      </c>
      <c r="T7032" s="236">
        <f t="shared" si="1620"/>
        <v>33.308751596932723</v>
      </c>
    </row>
    <row r="7033" spans="2:20" x14ac:dyDescent="0.2">
      <c r="B7033" s="239">
        <v>70.021000000000001</v>
      </c>
      <c r="C7033" s="3">
        <f t="shared" si="1621"/>
        <v>70.013999999999996</v>
      </c>
      <c r="D7033" s="239">
        <v>19.1768</v>
      </c>
      <c r="E7033" s="239">
        <v>8.8800000000000004E-2</v>
      </c>
      <c r="F7033" s="239">
        <v>0.66169999999999995</v>
      </c>
      <c r="G7033">
        <f t="shared" si="1622"/>
        <v>19.309139999999999</v>
      </c>
      <c r="H7033" s="235">
        <f t="shared" si="1623"/>
        <v>0.45988583644843845</v>
      </c>
      <c r="I7033" s="236">
        <f t="shared" si="1624"/>
        <v>19.662344700234193</v>
      </c>
      <c r="J7033" s="237">
        <f t="shared" si="1629"/>
        <v>9.6623447002341933</v>
      </c>
      <c r="K7033" s="237">
        <f t="shared" si="1625"/>
        <v>1376.6394018421968</v>
      </c>
      <c r="L7033" s="237">
        <f t="shared" si="1630"/>
        <v>676.56703825509851</v>
      </c>
      <c r="M7033" s="236">
        <f t="shared" si="1626"/>
        <v>26.505134870901564</v>
      </c>
      <c r="N7033" s="236">
        <f t="shared" si="1627"/>
        <v>0.49519028042928037</v>
      </c>
      <c r="O7033" s="236">
        <f t="shared" si="1631"/>
        <v>2.2417997300839585</v>
      </c>
      <c r="P7033" s="236" t="str">
        <f t="shared" si="1632"/>
        <v>SAND</v>
      </c>
      <c r="Q7033" s="236" t="e">
        <f t="shared" si="1628"/>
        <v>#N/A</v>
      </c>
      <c r="R7033" s="238">
        <v>35</v>
      </c>
      <c r="S7033" s="236" t="e">
        <f t="shared" si="1633"/>
        <v>#N/A</v>
      </c>
      <c r="T7033" s="236">
        <f t="shared" si="1620"/>
        <v>33.256630203144915</v>
      </c>
    </row>
    <row r="7034" spans="2:20" x14ac:dyDescent="0.2">
      <c r="B7034" s="239">
        <v>70.031000000000006</v>
      </c>
      <c r="C7034" s="3">
        <f t="shared" si="1621"/>
        <v>70.024000000000001</v>
      </c>
      <c r="D7034" s="239">
        <v>18.920400000000001</v>
      </c>
      <c r="E7034" s="239">
        <v>8.9399999999999993E-2</v>
      </c>
      <c r="F7034" s="239">
        <v>0.67679999999999996</v>
      </c>
      <c r="G7034">
        <f t="shared" si="1622"/>
        <v>19.055759999999999</v>
      </c>
      <c r="H7034" s="235">
        <f t="shared" si="1623"/>
        <v>0.4691494855098931</v>
      </c>
      <c r="I7034" s="236">
        <f t="shared" si="1624"/>
        <v>19.665078002091875</v>
      </c>
      <c r="J7034" s="237">
        <f t="shared" si="1629"/>
        <v>9.6650780020918745</v>
      </c>
      <c r="K7034" s="237">
        <f t="shared" si="1625"/>
        <v>1377.0274220184815</v>
      </c>
      <c r="L7034" s="237">
        <f t="shared" si="1630"/>
        <v>676.85507756449613</v>
      </c>
      <c r="M7034" s="236">
        <f t="shared" si="1626"/>
        <v>26.118933231016424</v>
      </c>
      <c r="N7034" s="236">
        <f t="shared" si="1627"/>
        <v>0.50569236004704188</v>
      </c>
      <c r="O7034" s="236">
        <f t="shared" si="1631"/>
        <v>2.2513458310927983</v>
      </c>
      <c r="P7034" s="236" t="str">
        <f t="shared" si="1632"/>
        <v>SAND</v>
      </c>
      <c r="Q7034" s="236" t="e">
        <f t="shared" si="1628"/>
        <v>#N/A</v>
      </c>
      <c r="R7034" s="238">
        <v>35</v>
      </c>
      <c r="S7034" s="236" t="e">
        <f t="shared" si="1633"/>
        <v>#N/A</v>
      </c>
      <c r="T7034" s="236">
        <f t="shared" si="1620"/>
        <v>33.186509787041381</v>
      </c>
    </row>
    <row r="7035" spans="2:20" x14ac:dyDescent="0.2">
      <c r="B7035" s="239">
        <v>70.042000000000002</v>
      </c>
      <c r="C7035" s="3">
        <f t="shared" si="1621"/>
        <v>70.034999999999997</v>
      </c>
      <c r="D7035" s="239">
        <v>18.808800000000002</v>
      </c>
      <c r="E7035" s="239">
        <v>0.09</v>
      </c>
      <c r="F7035" s="239">
        <v>0.66790000000000005</v>
      </c>
      <c r="G7035">
        <f t="shared" si="1622"/>
        <v>18.94238</v>
      </c>
      <c r="H7035" s="235">
        <f t="shared" si="1623"/>
        <v>0.47512508987782953</v>
      </c>
      <c r="I7035" s="236">
        <f t="shared" si="1624"/>
        <v>19.670588920075367</v>
      </c>
      <c r="J7035" s="237">
        <f t="shared" si="1629"/>
        <v>9.6705889200753674</v>
      </c>
      <c r="K7035" s="237">
        <f t="shared" si="1625"/>
        <v>1377.6296950174783</v>
      </c>
      <c r="L7035" s="237">
        <f t="shared" si="1630"/>
        <v>677.34738913991885</v>
      </c>
      <c r="M7035" s="236">
        <f t="shared" si="1626"/>
        <v>25.931671970103654</v>
      </c>
      <c r="N7035" s="236">
        <f t="shared" si="1627"/>
        <v>0.51238986286340804</v>
      </c>
      <c r="O7035" s="236">
        <f t="shared" si="1631"/>
        <v>2.2565438345521303</v>
      </c>
      <c r="P7035" s="236" t="str">
        <f t="shared" si="1632"/>
        <v>SAND</v>
      </c>
      <c r="Q7035" s="236" t="e">
        <f t="shared" si="1628"/>
        <v>#N/A</v>
      </c>
      <c r="R7035" s="238">
        <v>35</v>
      </c>
      <c r="S7035" s="236" t="e">
        <f t="shared" si="1633"/>
        <v>#N/A</v>
      </c>
      <c r="T7035" s="236">
        <f t="shared" si="1620"/>
        <v>33.152135711604629</v>
      </c>
    </row>
    <row r="7036" spans="2:20" x14ac:dyDescent="0.2">
      <c r="B7036" s="239">
        <v>70.052000000000007</v>
      </c>
      <c r="C7036" s="3">
        <f t="shared" si="1621"/>
        <v>70.045000000000002</v>
      </c>
      <c r="D7036" s="239">
        <v>18.738199999999999</v>
      </c>
      <c r="E7036" s="239">
        <v>9.11E-2</v>
      </c>
      <c r="F7036" s="239">
        <v>0.67589999999999995</v>
      </c>
      <c r="G7036">
        <f t="shared" si="1622"/>
        <v>18.873379999999997</v>
      </c>
      <c r="H7036" s="235">
        <f t="shared" si="1623"/>
        <v>0.48269043488765662</v>
      </c>
      <c r="I7036" s="236">
        <f t="shared" si="1624"/>
        <v>19.68340738794933</v>
      </c>
      <c r="J7036" s="237">
        <f t="shared" si="1629"/>
        <v>9.6834073879493303</v>
      </c>
      <c r="K7036" s="237">
        <f t="shared" si="1625"/>
        <v>1378.7242704889109</v>
      </c>
      <c r="L7036" s="237">
        <f t="shared" si="1630"/>
        <v>678.34205434062653</v>
      </c>
      <c r="M7036" s="236">
        <f t="shared" si="1626"/>
        <v>25.79031569333636</v>
      </c>
      <c r="N7036" s="236">
        <f t="shared" si="1627"/>
        <v>0.52073045282238273</v>
      </c>
      <c r="O7036" s="236">
        <f t="shared" si="1631"/>
        <v>2.261602210228062</v>
      </c>
      <c r="P7036" s="236" t="str">
        <f t="shared" si="1632"/>
        <v>SAND</v>
      </c>
      <c r="Q7036" s="236" t="e">
        <f t="shared" si="1628"/>
        <v>#N/A</v>
      </c>
      <c r="R7036" s="238">
        <v>35</v>
      </c>
      <c r="S7036" s="236" t="e">
        <f t="shared" si="1633"/>
        <v>#N/A</v>
      </c>
      <c r="T7036" s="236">
        <f t="shared" si="1620"/>
        <v>33.126023240965282</v>
      </c>
    </row>
    <row r="7037" spans="2:20" x14ac:dyDescent="0.2">
      <c r="B7037" s="239">
        <v>70.063000000000002</v>
      </c>
      <c r="C7037" s="3">
        <f t="shared" si="1621"/>
        <v>70.055999999999997</v>
      </c>
      <c r="D7037" s="239">
        <v>18.6341</v>
      </c>
      <c r="E7037" s="239">
        <v>9.2100000000000001E-2</v>
      </c>
      <c r="F7037" s="239">
        <v>0.66990000000000005</v>
      </c>
      <c r="G7037">
        <f t="shared" si="1622"/>
        <v>18.768080000000001</v>
      </c>
      <c r="H7037" s="235">
        <f t="shared" si="1623"/>
        <v>0.49072680849612743</v>
      </c>
      <c r="I7037" s="236">
        <f t="shared" si="1624"/>
        <v>19.694021917296098</v>
      </c>
      <c r="J7037" s="237">
        <f t="shared" si="1629"/>
        <v>9.694021917296098</v>
      </c>
      <c r="K7037" s="237">
        <f t="shared" si="1625"/>
        <v>1379.6843994380954</v>
      </c>
      <c r="L7037" s="237">
        <f t="shared" si="1630"/>
        <v>679.19225759151652</v>
      </c>
      <c r="M7037" s="236">
        <f t="shared" si="1626"/>
        <v>25.601581004799574</v>
      </c>
      <c r="N7037" s="236">
        <f t="shared" si="1627"/>
        <v>0.52966358780693823</v>
      </c>
      <c r="O7037" s="236">
        <f t="shared" si="1631"/>
        <v>2.2675714035007872</v>
      </c>
      <c r="P7037" s="236" t="str">
        <f t="shared" si="1632"/>
        <v>SAND</v>
      </c>
      <c r="Q7037" s="236" t="e">
        <f t="shared" si="1628"/>
        <v>#N/A</v>
      </c>
      <c r="R7037" s="238">
        <v>35</v>
      </c>
      <c r="S7037" s="236" t="e">
        <f t="shared" si="1633"/>
        <v>#N/A</v>
      </c>
      <c r="T7037" s="236">
        <f t="shared" si="1620"/>
        <v>33.090934642065072</v>
      </c>
    </row>
    <row r="7038" spans="2:20" x14ac:dyDescent="0.2">
      <c r="B7038" s="239">
        <v>70.072999999999993</v>
      </c>
      <c r="C7038" s="3">
        <f t="shared" si="1621"/>
        <v>70.065999999999988</v>
      </c>
      <c r="D7038" s="239">
        <v>18.646699999999999</v>
      </c>
      <c r="E7038" s="239">
        <v>9.3399999999999997E-2</v>
      </c>
      <c r="F7038" s="239">
        <v>0.6653</v>
      </c>
      <c r="G7038">
        <f t="shared" si="1622"/>
        <v>18.77976</v>
      </c>
      <c r="H7038" s="235">
        <f t="shared" si="1623"/>
        <v>0.49734394901745282</v>
      </c>
      <c r="I7038" s="236">
        <f t="shared" si="1624"/>
        <v>19.710700654228603</v>
      </c>
      <c r="J7038" s="237">
        <f t="shared" si="1629"/>
        <v>9.710700654228603</v>
      </c>
      <c r="K7038" s="237">
        <f t="shared" si="1625"/>
        <v>1381.0499520391811</v>
      </c>
      <c r="L7038" s="237">
        <f t="shared" si="1630"/>
        <v>680.45792694376087</v>
      </c>
      <c r="M7038" s="236">
        <f t="shared" si="1626"/>
        <v>25.569119498844199</v>
      </c>
      <c r="N7038" s="236">
        <f t="shared" si="1627"/>
        <v>0.53682140654414068</v>
      </c>
      <c r="O7038" s="236">
        <f t="shared" si="1631"/>
        <v>2.2705049947414833</v>
      </c>
      <c r="P7038" s="236" t="str">
        <f t="shared" si="1632"/>
        <v>SAND</v>
      </c>
      <c r="Q7038" s="236" t="e">
        <f t="shared" si="1628"/>
        <v>#N/A</v>
      </c>
      <c r="R7038" s="238">
        <v>35</v>
      </c>
      <c r="S7038" s="236" t="e">
        <f t="shared" si="1633"/>
        <v>#N/A</v>
      </c>
      <c r="T7038" s="236">
        <f t="shared" si="1620"/>
        <v>33.084873501557169</v>
      </c>
    </row>
    <row r="7039" spans="2:20" x14ac:dyDescent="0.2">
      <c r="B7039" s="239">
        <v>70.082999999999998</v>
      </c>
      <c r="C7039" s="3">
        <f t="shared" si="1621"/>
        <v>70.075999999999993</v>
      </c>
      <c r="D7039" s="239">
        <v>18.692799999999998</v>
      </c>
      <c r="E7039" s="239">
        <v>9.6199999999999994E-2</v>
      </c>
      <c r="F7039" s="239">
        <v>0.65600000000000003</v>
      </c>
      <c r="G7039">
        <f t="shared" si="1622"/>
        <v>18.823999999999998</v>
      </c>
      <c r="H7039" s="235">
        <f t="shared" si="1623"/>
        <v>0.51104972375690616</v>
      </c>
      <c r="I7039" s="236">
        <f t="shared" si="1624"/>
        <v>19.74625647163575</v>
      </c>
      <c r="J7039" s="237">
        <f t="shared" si="1629"/>
        <v>9.7462564716357498</v>
      </c>
      <c r="K7039" s="237">
        <f t="shared" si="1625"/>
        <v>1383.7386685063466</v>
      </c>
      <c r="L7039" s="237">
        <f t="shared" si="1630"/>
        <v>683.0468923016482</v>
      </c>
      <c r="M7039" s="236">
        <f t="shared" si="1626"/>
        <v>25.533036645149767</v>
      </c>
      <c r="N7039" s="236">
        <f t="shared" si="1627"/>
        <v>0.5515972391209637</v>
      </c>
      <c r="O7039" s="236">
        <f t="shared" si="1631"/>
        <v>2.2760191689192739</v>
      </c>
      <c r="P7039" s="236" t="str">
        <f t="shared" si="1632"/>
        <v>SAND</v>
      </c>
      <c r="Q7039" s="236" t="e">
        <f t="shared" si="1628"/>
        <v>#N/A</v>
      </c>
      <c r="R7039" s="238">
        <v>35</v>
      </c>
      <c r="S7039" s="236" t="e">
        <f t="shared" si="1633"/>
        <v>#N/A</v>
      </c>
      <c r="T7039" s="236">
        <f t="shared" si="1620"/>
        <v>33.078127153911083</v>
      </c>
    </row>
    <row r="7040" spans="2:20" x14ac:dyDescent="0.2">
      <c r="B7040" s="239">
        <v>70.093000000000004</v>
      </c>
      <c r="C7040" s="3">
        <f t="shared" si="1621"/>
        <v>70.085999999999999</v>
      </c>
      <c r="D7040" s="239">
        <v>18.757400000000001</v>
      </c>
      <c r="E7040" s="239">
        <v>9.6600000000000005E-2</v>
      </c>
      <c r="F7040" s="239">
        <v>0.64759999999999995</v>
      </c>
      <c r="G7040">
        <f t="shared" si="1622"/>
        <v>18.88692</v>
      </c>
      <c r="H7040" s="235">
        <f t="shared" si="1623"/>
        <v>0.51146507741865799</v>
      </c>
      <c r="I7040" s="236">
        <f t="shared" si="1624"/>
        <v>19.752426322394101</v>
      </c>
      <c r="J7040" s="237">
        <f t="shared" si="1629"/>
        <v>9.7524263223941006</v>
      </c>
      <c r="K7040" s="237">
        <f t="shared" si="1625"/>
        <v>1384.3685512313129</v>
      </c>
      <c r="L7040" s="237">
        <f t="shared" si="1630"/>
        <v>683.57681821556969</v>
      </c>
      <c r="M7040" s="236">
        <f t="shared" si="1626"/>
        <v>25.604366594025077</v>
      </c>
      <c r="N7040" s="236">
        <f t="shared" si="1627"/>
        <v>0.55191953174801767</v>
      </c>
      <c r="O7040" s="236">
        <f t="shared" si="1631"/>
        <v>2.2750283505686486</v>
      </c>
      <c r="P7040" s="236" t="str">
        <f t="shared" si="1632"/>
        <v>SAND</v>
      </c>
      <c r="Q7040" s="236" t="e">
        <f t="shared" si="1628"/>
        <v>#N/A</v>
      </c>
      <c r="R7040" s="238">
        <v>35</v>
      </c>
      <c r="S7040" s="236" t="e">
        <f t="shared" si="1633"/>
        <v>#N/A</v>
      </c>
      <c r="T7040" s="236">
        <f t="shared" si="1620"/>
        <v>33.091454403028848</v>
      </c>
    </row>
    <row r="7041" spans="2:20" x14ac:dyDescent="0.2">
      <c r="B7041" s="239">
        <v>70.102999999999994</v>
      </c>
      <c r="C7041" s="3">
        <f t="shared" si="1621"/>
        <v>70.095999999999989</v>
      </c>
      <c r="D7041" s="239">
        <v>18.931100000000001</v>
      </c>
      <c r="E7041" s="239">
        <v>9.8400000000000001E-2</v>
      </c>
      <c r="F7041" s="239">
        <v>0.6411</v>
      </c>
      <c r="G7041">
        <f t="shared" si="1622"/>
        <v>19.05932</v>
      </c>
      <c r="H7041" s="235">
        <f t="shared" si="1623"/>
        <v>0.51628284744681341</v>
      </c>
      <c r="I7041" s="236">
        <f t="shared" si="1624"/>
        <v>19.777626481752854</v>
      </c>
      <c r="J7041" s="237">
        <f t="shared" si="1629"/>
        <v>9.7776264817528542</v>
      </c>
      <c r="K7041" s="237">
        <f t="shared" si="1625"/>
        <v>1386.332505864948</v>
      </c>
      <c r="L7041" s="237">
        <f t="shared" si="1630"/>
        <v>685.44094925032027</v>
      </c>
      <c r="M7041" s="236">
        <f t="shared" si="1626"/>
        <v>25.783384423507716</v>
      </c>
      <c r="N7041" s="236">
        <f t="shared" si="1627"/>
        <v>0.55678192514228275</v>
      </c>
      <c r="O7041" s="236">
        <f t="shared" si="1631"/>
        <v>2.2739017296327817</v>
      </c>
      <c r="P7041" s="236" t="str">
        <f t="shared" si="1632"/>
        <v>SAND</v>
      </c>
      <c r="Q7041" s="236" t="e">
        <f t="shared" si="1628"/>
        <v>#N/A</v>
      </c>
      <c r="R7041" s="238">
        <v>35</v>
      </c>
      <c r="S7041" s="236" t="e">
        <f t="shared" si="1633"/>
        <v>#N/A</v>
      </c>
      <c r="T7041" s="236">
        <f t="shared" si="1620"/>
        <v>33.124739162655786</v>
      </c>
    </row>
    <row r="7042" spans="2:20" x14ac:dyDescent="0.2">
      <c r="B7042" s="239">
        <v>70.114000000000004</v>
      </c>
      <c r="C7042" s="3">
        <f t="shared" si="1621"/>
        <v>70.106999999999999</v>
      </c>
      <c r="D7042" s="239">
        <v>19.097200000000001</v>
      </c>
      <c r="E7042" s="239">
        <v>9.8799999999999999E-2</v>
      </c>
      <c r="F7042" s="239">
        <v>0.61919999999999997</v>
      </c>
      <c r="G7042">
        <f t="shared" si="1622"/>
        <v>19.221040000000002</v>
      </c>
      <c r="H7042" s="235">
        <f t="shared" si="1623"/>
        <v>0.51402005302522646</v>
      </c>
      <c r="I7042" s="236">
        <f t="shared" si="1624"/>
        <v>19.785685999021091</v>
      </c>
      <c r="J7042" s="237">
        <f t="shared" si="1629"/>
        <v>9.7856859990210907</v>
      </c>
      <c r="K7042" s="237">
        <f t="shared" si="1625"/>
        <v>1387.1150883333717</v>
      </c>
      <c r="L7042" s="237">
        <f t="shared" si="1630"/>
        <v>686.11358813536481</v>
      </c>
      <c r="M7042" s="236">
        <f t="shared" si="1626"/>
        <v>25.992671213717657</v>
      </c>
      <c r="N7042" s="236">
        <f t="shared" si="1627"/>
        <v>0.55400031394865212</v>
      </c>
      <c r="O7042" s="236">
        <f t="shared" si="1631"/>
        <v>2.2697993984807492</v>
      </c>
      <c r="P7042" s="236" t="str">
        <f t="shared" si="1632"/>
        <v>SAND</v>
      </c>
      <c r="Q7042" s="236" t="e">
        <f t="shared" si="1628"/>
        <v>#N/A</v>
      </c>
      <c r="R7042" s="238">
        <v>35</v>
      </c>
      <c r="S7042" s="236" t="e">
        <f t="shared" si="1633"/>
        <v>#N/A</v>
      </c>
      <c r="T7042" s="236">
        <f t="shared" si="1620"/>
        <v>33.163360046862749</v>
      </c>
    </row>
    <row r="7043" spans="2:20" x14ac:dyDescent="0.2">
      <c r="B7043" s="239">
        <v>70.123000000000005</v>
      </c>
      <c r="C7043" s="3">
        <f t="shared" si="1621"/>
        <v>70.116</v>
      </c>
      <c r="D7043" s="239">
        <v>19.2837</v>
      </c>
      <c r="E7043" s="239">
        <v>0.1</v>
      </c>
      <c r="F7043" s="239">
        <v>0.624</v>
      </c>
      <c r="G7043">
        <f t="shared" si="1622"/>
        <v>19.4085</v>
      </c>
      <c r="H7043" s="235">
        <f t="shared" si="1623"/>
        <v>0.51523816884354801</v>
      </c>
      <c r="I7043" s="236">
        <f t="shared" si="1624"/>
        <v>19.803635829111652</v>
      </c>
      <c r="J7043" s="237">
        <f t="shared" si="1629"/>
        <v>9.8036358291116521</v>
      </c>
      <c r="K7043" s="237">
        <f t="shared" si="1625"/>
        <v>1388.5517297939925</v>
      </c>
      <c r="L7043" s="237">
        <f t="shared" si="1630"/>
        <v>687.46035524479646</v>
      </c>
      <c r="M7043" s="236">
        <f t="shared" si="1626"/>
        <v>26.212345385050341</v>
      </c>
      <c r="N7043" s="236">
        <f t="shared" si="1627"/>
        <v>0.5549405497758223</v>
      </c>
      <c r="O7043" s="236">
        <f t="shared" si="1631"/>
        <v>2.2668037746812115</v>
      </c>
      <c r="P7043" s="236" t="str">
        <f t="shared" si="1632"/>
        <v>SAND</v>
      </c>
      <c r="Q7043" s="236" t="e">
        <f t="shared" si="1628"/>
        <v>#N/A</v>
      </c>
      <c r="R7043" s="238">
        <v>35</v>
      </c>
      <c r="S7043" s="236" t="e">
        <f t="shared" si="1633"/>
        <v>#N/A</v>
      </c>
      <c r="T7043" s="236">
        <f t="shared" si="1620"/>
        <v>33.203564699483806</v>
      </c>
    </row>
    <row r="7044" spans="2:20" x14ac:dyDescent="0.2">
      <c r="B7044" s="239">
        <v>70.135000000000005</v>
      </c>
      <c r="C7044" s="3">
        <f t="shared" si="1621"/>
        <v>70.128</v>
      </c>
      <c r="D7044" s="239">
        <v>19.509</v>
      </c>
      <c r="E7044" s="239">
        <v>0.10150000000000001</v>
      </c>
      <c r="F7044" s="239">
        <v>0.6089</v>
      </c>
      <c r="G7044">
        <f t="shared" si="1622"/>
        <v>19.630780000000001</v>
      </c>
      <c r="H7044" s="235">
        <f t="shared" si="1623"/>
        <v>0.51704517089998459</v>
      </c>
      <c r="I7044" s="236">
        <f t="shared" si="1624"/>
        <v>19.825545168847803</v>
      </c>
      <c r="J7044" s="237">
        <f t="shared" si="1629"/>
        <v>9.8255451688478033</v>
      </c>
      <c r="K7044" s="237">
        <f t="shared" si="1625"/>
        <v>1390.3258316009587</v>
      </c>
      <c r="L7044" s="237">
        <f t="shared" si="1630"/>
        <v>689.11461041714074</v>
      </c>
      <c r="M7044" s="236">
        <f t="shared" si="1626"/>
        <v>26.469405658599481</v>
      </c>
      <c r="N7044" s="236">
        <f t="shared" si="1627"/>
        <v>0.55645544273697556</v>
      </c>
      <c r="O7044" s="236">
        <f t="shared" si="1631"/>
        <v>2.2634734810172956</v>
      </c>
      <c r="P7044" s="236" t="str">
        <f t="shared" si="1632"/>
        <v>SAND</v>
      </c>
      <c r="Q7044" s="236" t="e">
        <f t="shared" si="1628"/>
        <v>#N/A</v>
      </c>
      <c r="R7044" s="238">
        <v>35</v>
      </c>
      <c r="S7044" s="236" t="e">
        <f t="shared" si="1633"/>
        <v>#N/A</v>
      </c>
      <c r="T7044" s="236">
        <f t="shared" si="1620"/>
        <v>33.250186087863256</v>
      </c>
    </row>
    <row r="7045" spans="2:20" x14ac:dyDescent="0.2">
      <c r="B7045" s="239">
        <v>70.144000000000005</v>
      </c>
      <c r="C7045" s="3">
        <f t="shared" si="1621"/>
        <v>70.137</v>
      </c>
      <c r="D7045" s="239">
        <v>19.779599999999999</v>
      </c>
      <c r="E7045" s="239">
        <v>9.9299999999999999E-2</v>
      </c>
      <c r="F7045" s="239">
        <v>0.60460000000000003</v>
      </c>
      <c r="G7045">
        <f t="shared" si="1622"/>
        <v>19.90052</v>
      </c>
      <c r="H7045" s="235">
        <f t="shared" si="1623"/>
        <v>0.49898193615041214</v>
      </c>
      <c r="I7045" s="236">
        <f t="shared" si="1624"/>
        <v>19.805184007513979</v>
      </c>
      <c r="J7045" s="237">
        <f t="shared" si="1629"/>
        <v>9.8051840075139793</v>
      </c>
      <c r="K7045" s="237">
        <f t="shared" si="1625"/>
        <v>1389.0761907350079</v>
      </c>
      <c r="L7045" s="237">
        <f t="shared" si="1630"/>
        <v>687.77482702306065</v>
      </c>
      <c r="M7045" s="236">
        <f t="shared" si="1626"/>
        <v>26.914977230831855</v>
      </c>
      <c r="N7045" s="236">
        <f t="shared" si="1627"/>
        <v>0.53642493272350944</v>
      </c>
      <c r="O7045" s="236">
        <f t="shared" si="1631"/>
        <v>2.2501536987684059</v>
      </c>
      <c r="P7045" s="236" t="str">
        <f t="shared" si="1632"/>
        <v>SAND</v>
      </c>
      <c r="Q7045" s="236" t="e">
        <f t="shared" si="1628"/>
        <v>#N/A</v>
      </c>
      <c r="R7045" s="238">
        <v>35</v>
      </c>
      <c r="S7045" s="236" t="e">
        <f t="shared" si="1633"/>
        <v>#N/A</v>
      </c>
      <c r="T7045" s="236">
        <f t="shared" si="1620"/>
        <v>33.329934184286245</v>
      </c>
    </row>
    <row r="7046" spans="2:20" x14ac:dyDescent="0.2">
      <c r="B7046" s="239">
        <v>70.153999999999996</v>
      </c>
      <c r="C7046" s="3">
        <f t="shared" si="1621"/>
        <v>70.146999999999991</v>
      </c>
      <c r="D7046" s="239">
        <v>20.0259</v>
      </c>
      <c r="E7046" s="239">
        <v>9.9599999999999994E-2</v>
      </c>
      <c r="F7046" s="239">
        <v>0.6028</v>
      </c>
      <c r="G7046">
        <f t="shared" si="1622"/>
        <v>20.146460000000001</v>
      </c>
      <c r="H7046" s="235">
        <f t="shared" si="1623"/>
        <v>0.49437965776617826</v>
      </c>
      <c r="I7046" s="236">
        <f t="shared" si="1624"/>
        <v>19.813522139423078</v>
      </c>
      <c r="J7046" s="237">
        <f t="shared" si="1629"/>
        <v>9.8135221394230783</v>
      </c>
      <c r="K7046" s="237">
        <f t="shared" si="1625"/>
        <v>1389.8591375141104</v>
      </c>
      <c r="L7046" s="237">
        <f t="shared" si="1630"/>
        <v>688.4578321690866</v>
      </c>
      <c r="M7046" s="236">
        <f t="shared" si="1626"/>
        <v>27.244371384940877</v>
      </c>
      <c r="N7046" s="236">
        <f t="shared" si="1627"/>
        <v>0.53101305897703899</v>
      </c>
      <c r="O7046" s="236">
        <f t="shared" si="1631"/>
        <v>2.2435067140938942</v>
      </c>
      <c r="P7046" s="236" t="str">
        <f t="shared" si="1632"/>
        <v>SAND</v>
      </c>
      <c r="Q7046" s="236" t="e">
        <f t="shared" si="1628"/>
        <v>#N/A</v>
      </c>
      <c r="R7046" s="238">
        <v>35</v>
      </c>
      <c r="S7046" s="236" t="e">
        <f t="shared" si="1633"/>
        <v>#N/A</v>
      </c>
      <c r="T7046" s="236">
        <f t="shared" si="1620"/>
        <v>33.388044709674979</v>
      </c>
    </row>
    <row r="7047" spans="2:20" x14ac:dyDescent="0.2">
      <c r="B7047" s="239">
        <v>70.165000000000006</v>
      </c>
      <c r="C7047" s="3">
        <f t="shared" si="1621"/>
        <v>70.158000000000001</v>
      </c>
      <c r="D7047" s="239">
        <v>20.316099999999999</v>
      </c>
      <c r="E7047" s="239">
        <v>9.9400000000000002E-2</v>
      </c>
      <c r="F7047" s="239">
        <v>0.59219999999999995</v>
      </c>
      <c r="G7047">
        <f t="shared" si="1622"/>
        <v>20.434539999999998</v>
      </c>
      <c r="H7047" s="235">
        <f t="shared" si="1623"/>
        <v>0.48643130699296394</v>
      </c>
      <c r="I7047" s="236">
        <f t="shared" si="1624"/>
        <v>19.816714671471257</v>
      </c>
      <c r="J7047" s="237">
        <f t="shared" si="1629"/>
        <v>9.8167146714712565</v>
      </c>
      <c r="K7047" s="237">
        <f t="shared" si="1625"/>
        <v>1390.3010679210804</v>
      </c>
      <c r="L7047" s="237">
        <f t="shared" si="1630"/>
        <v>688.78978492378076</v>
      </c>
      <c r="M7047" s="236">
        <f t="shared" si="1626"/>
        <v>27.64884054455931</v>
      </c>
      <c r="N7047" s="236">
        <f t="shared" si="1627"/>
        <v>0.52194262188428264</v>
      </c>
      <c r="O7047" s="236">
        <f t="shared" si="1631"/>
        <v>2.2345538585077453</v>
      </c>
      <c r="P7047" s="236" t="str">
        <f t="shared" si="1632"/>
        <v>SAND</v>
      </c>
      <c r="Q7047" s="236" t="e">
        <f t="shared" si="1628"/>
        <v>#N/A</v>
      </c>
      <c r="R7047" s="238">
        <v>35</v>
      </c>
      <c r="S7047" s="236" t="e">
        <f t="shared" si="1633"/>
        <v>#N/A</v>
      </c>
      <c r="T7047" s="236">
        <f t="shared" si="1620"/>
        <v>33.45844616249142</v>
      </c>
    </row>
    <row r="7048" spans="2:20" x14ac:dyDescent="0.2">
      <c r="B7048" s="239">
        <v>70.174000000000007</v>
      </c>
      <c r="C7048" s="3">
        <f t="shared" si="1621"/>
        <v>70.167000000000002</v>
      </c>
      <c r="D7048" s="239">
        <v>20.5092</v>
      </c>
      <c r="E7048" s="239">
        <v>9.9400000000000002E-2</v>
      </c>
      <c r="F7048" s="239">
        <v>0.59530000000000005</v>
      </c>
      <c r="G7048">
        <f t="shared" si="1622"/>
        <v>20.628260000000001</v>
      </c>
      <c r="H7048" s="235">
        <f t="shared" si="1623"/>
        <v>0.48186323034516726</v>
      </c>
      <c r="I7048" s="236">
        <f t="shared" si="1624"/>
        <v>19.820402629237108</v>
      </c>
      <c r="J7048" s="237">
        <f t="shared" si="1629"/>
        <v>9.8204026292371083</v>
      </c>
      <c r="K7048" s="237">
        <f t="shared" si="1625"/>
        <v>1390.7381912856802</v>
      </c>
      <c r="L7048" s="237">
        <f t="shared" si="1630"/>
        <v>689.13693410408484</v>
      </c>
      <c r="M7048" s="236">
        <f t="shared" si="1626"/>
        <v>27.915383513327633</v>
      </c>
      <c r="N7048" s="236">
        <f t="shared" si="1627"/>
        <v>0.51669856953702442</v>
      </c>
      <c r="O7048" s="236">
        <f t="shared" si="1631"/>
        <v>2.2289326860000092</v>
      </c>
      <c r="P7048" s="236" t="str">
        <f t="shared" si="1632"/>
        <v>SAND</v>
      </c>
      <c r="Q7048" s="236" t="e">
        <f t="shared" si="1628"/>
        <v>#N/A</v>
      </c>
      <c r="R7048" s="238">
        <v>35</v>
      </c>
      <c r="S7048" s="236" t="e">
        <f t="shared" si="1633"/>
        <v>#N/A</v>
      </c>
      <c r="T7048" s="236">
        <f t="shared" si="1620"/>
        <v>33.504279586232762</v>
      </c>
    </row>
    <row r="7049" spans="2:20" x14ac:dyDescent="0.2">
      <c r="B7049" s="239">
        <v>70.185000000000002</v>
      </c>
      <c r="C7049" s="3">
        <f t="shared" si="1621"/>
        <v>70.177999999999997</v>
      </c>
      <c r="D7049" s="239">
        <v>20.704499999999999</v>
      </c>
      <c r="E7049" s="239">
        <v>9.9400000000000002E-2</v>
      </c>
      <c r="F7049" s="239">
        <v>0.59470000000000001</v>
      </c>
      <c r="G7049">
        <f t="shared" si="1622"/>
        <v>20.823439999999998</v>
      </c>
      <c r="H7049" s="235">
        <f t="shared" si="1623"/>
        <v>0.47734668239253458</v>
      </c>
      <c r="I7049" s="236">
        <f t="shared" si="1624"/>
        <v>19.824083520543851</v>
      </c>
      <c r="J7049" s="237">
        <f t="shared" si="1629"/>
        <v>9.8240835205438515</v>
      </c>
      <c r="K7049" s="237">
        <f t="shared" si="1625"/>
        <v>1391.2145333047263</v>
      </c>
      <c r="L7049" s="237">
        <f t="shared" si="1630"/>
        <v>689.50330188937028</v>
      </c>
      <c r="M7049" s="236">
        <f t="shared" si="1626"/>
        <v>28.182933154123084</v>
      </c>
      <c r="N7049" s="236">
        <f t="shared" si="1627"/>
        <v>0.511521442412043</v>
      </c>
      <c r="O7049" s="236">
        <f t="shared" si="1631"/>
        <v>2.223340691442552</v>
      </c>
      <c r="P7049" s="236" t="str">
        <f t="shared" si="1632"/>
        <v>SAND</v>
      </c>
      <c r="Q7049" s="236" t="e">
        <f t="shared" si="1628"/>
        <v>#N/A</v>
      </c>
      <c r="R7049" s="238">
        <v>35</v>
      </c>
      <c r="S7049" s="236" t="e">
        <f t="shared" si="1633"/>
        <v>#N/A</v>
      </c>
      <c r="T7049" s="236">
        <f t="shared" si="1620"/>
        <v>33.549848096164425</v>
      </c>
    </row>
    <row r="7050" spans="2:20" x14ac:dyDescent="0.2">
      <c r="B7050" s="239">
        <v>70.194999999999993</v>
      </c>
      <c r="C7050" s="3">
        <f t="shared" si="1621"/>
        <v>70.187999999999988</v>
      </c>
      <c r="D7050" s="239">
        <v>20.7774</v>
      </c>
      <c r="E7050" s="239">
        <v>0.1004</v>
      </c>
      <c r="F7050" s="239">
        <v>0.6038</v>
      </c>
      <c r="G7050">
        <f t="shared" si="1622"/>
        <v>20.898160000000001</v>
      </c>
      <c r="H7050" s="235">
        <f t="shared" si="1623"/>
        <v>0.48042507091533415</v>
      </c>
      <c r="I7050" s="236">
        <f t="shared" si="1624"/>
        <v>19.837221323867592</v>
      </c>
      <c r="J7050" s="237">
        <f t="shared" si="1629"/>
        <v>9.8372213238675918</v>
      </c>
      <c r="K7050" s="237">
        <f t="shared" si="1625"/>
        <v>1392.3348902796183</v>
      </c>
      <c r="L7050" s="237">
        <f t="shared" si="1630"/>
        <v>690.52375082888557</v>
      </c>
      <c r="M7050" s="236">
        <f t="shared" si="1626"/>
        <v>28.247869948435707</v>
      </c>
      <c r="N7050" s="236">
        <f t="shared" si="1627"/>
        <v>0.51471803645961856</v>
      </c>
      <c r="O7050" s="236">
        <f t="shared" si="1631"/>
        <v>2.223564760806064</v>
      </c>
      <c r="P7050" s="236" t="str">
        <f t="shared" si="1632"/>
        <v>SAND</v>
      </c>
      <c r="Q7050" s="236" t="e">
        <f t="shared" si="1628"/>
        <v>#N/A</v>
      </c>
      <c r="R7050" s="238">
        <v>35</v>
      </c>
      <c r="S7050" s="236" t="e">
        <f t="shared" si="1633"/>
        <v>#N/A</v>
      </c>
      <c r="T7050" s="236">
        <f t="shared" si="1620"/>
        <v>33.560842756021827</v>
      </c>
    </row>
    <row r="7051" spans="2:20" x14ac:dyDescent="0.2">
      <c r="B7051" s="239">
        <v>70.204999999999998</v>
      </c>
      <c r="C7051" s="3">
        <f t="shared" si="1621"/>
        <v>70.197999999999993</v>
      </c>
      <c r="D7051" s="239">
        <v>20.8538</v>
      </c>
      <c r="E7051" s="239">
        <v>0.1016</v>
      </c>
      <c r="F7051" s="239">
        <v>0.5968</v>
      </c>
      <c r="G7051">
        <f t="shared" si="1622"/>
        <v>20.97316</v>
      </c>
      <c r="H7051" s="235">
        <f t="shared" si="1623"/>
        <v>0.48442866978557358</v>
      </c>
      <c r="I7051" s="236">
        <f t="shared" si="1624"/>
        <v>19.852553548847361</v>
      </c>
      <c r="J7051" s="237">
        <f t="shared" si="1629"/>
        <v>9.8525535488473608</v>
      </c>
      <c r="K7051" s="237">
        <f t="shared" si="1625"/>
        <v>1393.6095540219869</v>
      </c>
      <c r="L7051" s="237">
        <f t="shared" si="1630"/>
        <v>691.69852189682899</v>
      </c>
      <c r="M7051" s="236">
        <f t="shared" si="1626"/>
        <v>28.306480101020689</v>
      </c>
      <c r="N7051" s="236">
        <f t="shared" si="1627"/>
        <v>0.51890874757479655</v>
      </c>
      <c r="O7051" s="236">
        <f t="shared" si="1631"/>
        <v>2.22422566557931</v>
      </c>
      <c r="P7051" s="236" t="str">
        <f t="shared" si="1632"/>
        <v>SAND</v>
      </c>
      <c r="Q7051" s="236" t="e">
        <f t="shared" si="1628"/>
        <v>#N/A</v>
      </c>
      <c r="R7051" s="238">
        <v>35</v>
      </c>
      <c r="S7051" s="236" t="e">
        <f t="shared" si="1633"/>
        <v>#N/A</v>
      </c>
      <c r="T7051" s="236">
        <f t="shared" si="1620"/>
        <v>33.570744552235844</v>
      </c>
    </row>
    <row r="7052" spans="2:20" x14ac:dyDescent="0.2">
      <c r="B7052" s="239">
        <v>70.215000000000003</v>
      </c>
      <c r="C7052" s="3">
        <f t="shared" si="1621"/>
        <v>70.207999999999998</v>
      </c>
      <c r="D7052" s="239">
        <v>20.860499999999998</v>
      </c>
      <c r="E7052" s="239">
        <v>0.1012</v>
      </c>
      <c r="F7052" s="239">
        <v>0.59289999999999998</v>
      </c>
      <c r="G7052">
        <f t="shared" si="1622"/>
        <v>20.97908</v>
      </c>
      <c r="H7052" s="235">
        <f t="shared" si="1623"/>
        <v>0.48238530955599579</v>
      </c>
      <c r="I7052" s="236">
        <f t="shared" si="1624"/>
        <v>19.848038233303914</v>
      </c>
      <c r="J7052" s="237">
        <f t="shared" si="1629"/>
        <v>9.8480382333039138</v>
      </c>
      <c r="K7052" s="237">
        <f t="shared" si="1625"/>
        <v>1393.491068283801</v>
      </c>
      <c r="L7052" s="237">
        <f t="shared" si="1630"/>
        <v>691.48000455143438</v>
      </c>
      <c r="M7052" s="236">
        <f t="shared" si="1626"/>
        <v>28.324158041882121</v>
      </c>
      <c r="N7052" s="236">
        <f t="shared" si="1627"/>
        <v>0.51670644346119388</v>
      </c>
      <c r="O7052" s="236">
        <f t="shared" si="1631"/>
        <v>2.2232036503684509</v>
      </c>
      <c r="P7052" s="236" t="str">
        <f t="shared" si="1632"/>
        <v>SAND</v>
      </c>
      <c r="Q7052" s="236" t="e">
        <f t="shared" si="1628"/>
        <v>#N/A</v>
      </c>
      <c r="R7052" s="238">
        <v>35</v>
      </c>
      <c r="S7052" s="236" t="e">
        <f t="shared" si="1633"/>
        <v>#N/A</v>
      </c>
      <c r="T7052" s="236">
        <f t="shared" si="1620"/>
        <v>33.573727098763854</v>
      </c>
    </row>
    <row r="7053" spans="2:20" x14ac:dyDescent="0.2">
      <c r="B7053" s="239">
        <v>70.224999999999994</v>
      </c>
      <c r="C7053" s="3">
        <f t="shared" si="1621"/>
        <v>70.217999999999989</v>
      </c>
      <c r="D7053" s="239">
        <v>20.863299999999999</v>
      </c>
      <c r="E7053" s="239">
        <v>0.1011</v>
      </c>
      <c r="F7053" s="239">
        <v>0.5917</v>
      </c>
      <c r="G7053">
        <f t="shared" si="1622"/>
        <v>20.981639999999999</v>
      </c>
      <c r="H7053" s="235">
        <f t="shared" si="1623"/>
        <v>0.48184984586524215</v>
      </c>
      <c r="I7053" s="236">
        <f t="shared" si="1624"/>
        <v>19.846926662552569</v>
      </c>
      <c r="J7053" s="237">
        <f t="shared" si="1629"/>
        <v>9.8469266625525691</v>
      </c>
      <c r="K7053" s="237">
        <f t="shared" si="1625"/>
        <v>1393.6114963911161</v>
      </c>
      <c r="L7053" s="237">
        <f t="shared" si="1630"/>
        <v>691.50042487775409</v>
      </c>
      <c r="M7053" s="236">
        <f t="shared" si="1626"/>
        <v>28.326849556269938</v>
      </c>
      <c r="N7053" s="236">
        <f t="shared" si="1627"/>
        <v>0.51613157486152017</v>
      </c>
      <c r="O7053" s="236">
        <f t="shared" si="1631"/>
        <v>2.222963295658325</v>
      </c>
      <c r="P7053" s="236" t="str">
        <f t="shared" si="1632"/>
        <v>SAND</v>
      </c>
      <c r="Q7053" s="236" t="e">
        <f t="shared" si="1628"/>
        <v>#N/A</v>
      </c>
      <c r="R7053" s="238">
        <v>35</v>
      </c>
      <c r="S7053" s="236" t="e">
        <f t="shared" si="1633"/>
        <v>#N/A</v>
      </c>
      <c r="T7053" s="236">
        <f t="shared" ref="T7053:T7116" si="1634">IF(P7053="SAND",17.6+(11*LOG(M7053)),#N/A)</f>
        <v>33.574181036261784</v>
      </c>
    </row>
    <row r="7054" spans="2:20" x14ac:dyDescent="0.2">
      <c r="B7054" s="239">
        <v>70.236000000000004</v>
      </c>
      <c r="C7054" s="3">
        <f t="shared" ref="C7054:C7117" si="1635">MAX($B7054 - $B$13, 0.001)</f>
        <v>70.228999999999999</v>
      </c>
      <c r="D7054" s="239">
        <v>20.880199999999999</v>
      </c>
      <c r="E7054" s="239">
        <v>0.1011</v>
      </c>
      <c r="F7054" s="239">
        <v>0.59870000000000001</v>
      </c>
      <c r="G7054">
        <f t="shared" si="1622"/>
        <v>20.999939999999999</v>
      </c>
      <c r="H7054" s="235">
        <f t="shared" si="1623"/>
        <v>0.48142994694270558</v>
      </c>
      <c r="I7054" s="236">
        <f t="shared" si="1624"/>
        <v>19.847267422979883</v>
      </c>
      <c r="J7054" s="237">
        <f t="shared" si="1629"/>
        <v>9.8472674229798827</v>
      </c>
      <c r="K7054" s="237">
        <f t="shared" si="1625"/>
        <v>1393.8537438484541</v>
      </c>
      <c r="L7054" s="237">
        <f t="shared" si="1630"/>
        <v>691.63267472041503</v>
      </c>
      <c r="M7054" s="236">
        <f t="shared" si="1626"/>
        <v>28.347541943528178</v>
      </c>
      <c r="N7054" s="236">
        <f t="shared" si="1627"/>
        <v>0.51565620327860773</v>
      </c>
      <c r="O7054" s="236">
        <f t="shared" si="1631"/>
        <v>2.2225075285057918</v>
      </c>
      <c r="P7054" s="236" t="str">
        <f t="shared" si="1632"/>
        <v>SAND</v>
      </c>
      <c r="Q7054" s="236" t="e">
        <f t="shared" si="1628"/>
        <v>#N/A</v>
      </c>
      <c r="R7054" s="238">
        <v>35</v>
      </c>
      <c r="S7054" s="236" t="e">
        <f t="shared" si="1633"/>
        <v>#N/A</v>
      </c>
      <c r="T7054" s="236">
        <f t="shared" si="1634"/>
        <v>33.577669472129088</v>
      </c>
    </row>
    <row r="7055" spans="2:20" x14ac:dyDescent="0.2">
      <c r="B7055" s="239">
        <v>70.245999999999995</v>
      </c>
      <c r="C7055" s="3">
        <f t="shared" si="1635"/>
        <v>70.23899999999999</v>
      </c>
      <c r="D7055" s="239">
        <v>20.912500000000001</v>
      </c>
      <c r="E7055" s="239">
        <v>0.10150000000000001</v>
      </c>
      <c r="F7055" s="239">
        <v>0.58919999999999995</v>
      </c>
      <c r="G7055">
        <f t="shared" ref="G7055:G7118" si="1636">$D7055+($F7055*(1-$P$8))</f>
        <v>21.030340000000002</v>
      </c>
      <c r="H7055" s="235">
        <f t="shared" ref="H7055:H7118" si="1637">($E7055/$G7055)*100</f>
        <v>0.48263603917007519</v>
      </c>
      <c r="I7055" s="236">
        <f t="shared" ref="I7055:I7118" si="1638">((0.27*(LOG($H7055)))+(0.36*(LOG(($G7055*1000)/101)))+1.236)*10</f>
        <v>19.85246303308552</v>
      </c>
      <c r="J7055" s="237">
        <f t="shared" si="1629"/>
        <v>9.8524630330855203</v>
      </c>
      <c r="K7055" s="237">
        <f t="shared" ref="K7055:K7118" si="1639">$I7055*$C7055</f>
        <v>1394.4171509808937</v>
      </c>
      <c r="L7055" s="237">
        <f t="shared" si="1630"/>
        <v>692.09611822212537</v>
      </c>
      <c r="M7055" s="236">
        <f t="shared" ref="M7055:M7118" si="1640">(($G7055*1000)-$K7055)/$L7055</f>
        <v>28.371670252190377</v>
      </c>
      <c r="N7055" s="236">
        <f t="shared" ref="N7055:N7118" si="1641">(($E7055*1000)/(($G7055*1000)-$K7055))*100</f>
        <v>0.51690975148168461</v>
      </c>
      <c r="O7055" s="236">
        <f t="shared" si="1631"/>
        <v>2.2226147576985165</v>
      </c>
      <c r="P7055" s="236" t="str">
        <f t="shared" si="1632"/>
        <v>SAND</v>
      </c>
      <c r="Q7055" s="236" t="e">
        <f t="shared" ref="Q7055:Q7118" si="1642">IF(P7055="CLAY",($G7055*1000 -$K7055)/$L$8,#N/A)</f>
        <v>#N/A</v>
      </c>
      <c r="R7055" s="238">
        <v>35</v>
      </c>
      <c r="S7055" s="236" t="e">
        <f t="shared" si="1633"/>
        <v>#N/A</v>
      </c>
      <c r="T7055" s="236">
        <f t="shared" si="1634"/>
        <v>33.58173394012492</v>
      </c>
    </row>
    <row r="7056" spans="2:20" x14ac:dyDescent="0.2">
      <c r="B7056" s="239">
        <v>70.257000000000005</v>
      </c>
      <c r="C7056" s="3">
        <f t="shared" si="1635"/>
        <v>70.25</v>
      </c>
      <c r="D7056" s="239">
        <v>20.930099999999999</v>
      </c>
      <c r="E7056" s="239">
        <v>0.1026</v>
      </c>
      <c r="F7056" s="239">
        <v>0.60199999999999998</v>
      </c>
      <c r="G7056">
        <f t="shared" si="1636"/>
        <v>21.0505</v>
      </c>
      <c r="H7056" s="235">
        <f t="shared" si="1637"/>
        <v>0.48739934918410488</v>
      </c>
      <c r="I7056" s="236">
        <f t="shared" si="1638"/>
        <v>19.865477102726473</v>
      </c>
      <c r="J7056" s="237">
        <f t="shared" ref="J7056:J7119" si="1643">$I7056-10</f>
        <v>9.8654771027264729</v>
      </c>
      <c r="K7056" s="237">
        <f t="shared" si="1639"/>
        <v>1395.5497664665347</v>
      </c>
      <c r="L7056" s="237">
        <f t="shared" ref="L7056:L7119" si="1644">$J7056*$B7056</f>
        <v>693.11882480625388</v>
      </c>
      <c r="M7056" s="236">
        <f t="shared" si="1640"/>
        <v>28.357259289599551</v>
      </c>
      <c r="N7056" s="236">
        <f t="shared" si="1641"/>
        <v>0.5220059007066491</v>
      </c>
      <c r="O7056" s="236">
        <f t="shared" ref="O7056:O7119" si="1645">((3.47-LOG($M7056))^2+(LOG($N7056)+1.22)^2)^0.5</f>
        <v>2.2246075361220221</v>
      </c>
      <c r="P7056" s="236" t="str">
        <f t="shared" ref="P7056:P7119" si="1646">IF(O7056&lt;2.6,"SAND","CLAY")</f>
        <v>SAND</v>
      </c>
      <c r="Q7056" s="236" t="e">
        <f t="shared" si="1642"/>
        <v>#N/A</v>
      </c>
      <c r="R7056" s="238">
        <v>35</v>
      </c>
      <c r="S7056" s="236" t="e">
        <f t="shared" ref="S7056:S7119" si="1647">IF(P7056="SAND",#N/A,0.25*($M7056)^1.25)</f>
        <v>#N/A</v>
      </c>
      <c r="T7056" s="236">
        <f t="shared" si="1634"/>
        <v>33.579306796905755</v>
      </c>
    </row>
    <row r="7057" spans="2:20" x14ac:dyDescent="0.2">
      <c r="B7057" s="239">
        <v>70.266999999999996</v>
      </c>
      <c r="C7057" s="3">
        <f t="shared" si="1635"/>
        <v>70.259999999999991</v>
      </c>
      <c r="D7057" s="239">
        <v>20.913499999999999</v>
      </c>
      <c r="E7057" s="239">
        <v>0.10249999999999999</v>
      </c>
      <c r="F7057" s="239">
        <v>0.61990000000000001</v>
      </c>
      <c r="G7057">
        <f t="shared" si="1636"/>
        <v>21.037479999999999</v>
      </c>
      <c r="H7057" s="235">
        <f t="shared" si="1637"/>
        <v>0.4872256563048426</v>
      </c>
      <c r="I7057" s="236">
        <f t="shared" si="1638"/>
        <v>19.864091835436728</v>
      </c>
      <c r="J7057" s="237">
        <f t="shared" si="1643"/>
        <v>9.864091835436728</v>
      </c>
      <c r="K7057" s="237">
        <f t="shared" si="1639"/>
        <v>1395.6510923577844</v>
      </c>
      <c r="L7057" s="237">
        <f t="shared" si="1644"/>
        <v>693.12014100063254</v>
      </c>
      <c r="M7057" s="236">
        <f t="shared" si="1640"/>
        <v>28.338274630551084</v>
      </c>
      <c r="N7057" s="236">
        <f t="shared" si="1641"/>
        <v>0.52184549861402896</v>
      </c>
      <c r="O7057" s="236">
        <f t="shared" si="1645"/>
        <v>2.2248150417533723</v>
      </c>
      <c r="P7057" s="236" t="str">
        <f t="shared" si="1646"/>
        <v>SAND</v>
      </c>
      <c r="Q7057" s="236" t="e">
        <f t="shared" si="1642"/>
        <v>#N/A</v>
      </c>
      <c r="R7057" s="238">
        <v>35</v>
      </c>
      <c r="S7057" s="236" t="e">
        <f t="shared" si="1647"/>
        <v>#N/A</v>
      </c>
      <c r="T7057" s="236">
        <f t="shared" si="1634"/>
        <v>33.576107452744409</v>
      </c>
    </row>
    <row r="7058" spans="2:20" x14ac:dyDescent="0.2">
      <c r="B7058" s="239">
        <v>70.277000000000001</v>
      </c>
      <c r="C7058" s="3">
        <f t="shared" si="1635"/>
        <v>70.27</v>
      </c>
      <c r="D7058" s="239">
        <v>20.996200000000002</v>
      </c>
      <c r="E7058" s="239">
        <v>0.1043</v>
      </c>
      <c r="F7058" s="239">
        <v>0.62150000000000005</v>
      </c>
      <c r="G7058">
        <f t="shared" si="1636"/>
        <v>21.120500000000003</v>
      </c>
      <c r="H7058" s="235">
        <f t="shared" si="1637"/>
        <v>0.49383300584739942</v>
      </c>
      <c r="I7058" s="236">
        <f t="shared" si="1638"/>
        <v>19.886044462933747</v>
      </c>
      <c r="J7058" s="237">
        <f t="shared" si="1643"/>
        <v>9.8860444629337465</v>
      </c>
      <c r="K7058" s="237">
        <f t="shared" si="1639"/>
        <v>1397.3923444103543</v>
      </c>
      <c r="L7058" s="237">
        <f t="shared" si="1644"/>
        <v>694.76154672159487</v>
      </c>
      <c r="M7058" s="236">
        <f t="shared" si="1640"/>
        <v>28.388312146315581</v>
      </c>
      <c r="N7058" s="236">
        <f t="shared" si="1641"/>
        <v>0.52882132887633826</v>
      </c>
      <c r="O7058" s="236">
        <f t="shared" si="1645"/>
        <v>2.2265573844833764</v>
      </c>
      <c r="P7058" s="236" t="str">
        <f t="shared" si="1646"/>
        <v>SAND</v>
      </c>
      <c r="Q7058" s="236" t="e">
        <f t="shared" si="1642"/>
        <v>#N/A</v>
      </c>
      <c r="R7058" s="238">
        <v>35</v>
      </c>
      <c r="S7058" s="236" t="e">
        <f t="shared" si="1647"/>
        <v>#N/A</v>
      </c>
      <c r="T7058" s="236">
        <f t="shared" si="1634"/>
        <v>33.584535290991347</v>
      </c>
    </row>
    <row r="7059" spans="2:20" x14ac:dyDescent="0.2">
      <c r="B7059" s="239">
        <v>70.287000000000006</v>
      </c>
      <c r="C7059" s="3">
        <f t="shared" si="1635"/>
        <v>70.28</v>
      </c>
      <c r="D7059" s="239">
        <v>21.022300000000001</v>
      </c>
      <c r="E7059" s="239">
        <v>0.1018</v>
      </c>
      <c r="F7059" s="239">
        <v>0.61360000000000003</v>
      </c>
      <c r="G7059">
        <f t="shared" si="1636"/>
        <v>21.145020000000002</v>
      </c>
      <c r="H7059" s="235">
        <f t="shared" si="1637"/>
        <v>0.48143723675834776</v>
      </c>
      <c r="I7059" s="236">
        <f t="shared" si="1638"/>
        <v>19.85804934521866</v>
      </c>
      <c r="J7059" s="237">
        <f t="shared" si="1643"/>
        <v>9.8580493452186602</v>
      </c>
      <c r="K7059" s="237">
        <f t="shared" si="1639"/>
        <v>1395.6237079819675</v>
      </c>
      <c r="L7059" s="237">
        <f t="shared" si="1644"/>
        <v>692.89271432738406</v>
      </c>
      <c r="M7059" s="236">
        <f t="shared" si="1640"/>
        <v>28.502819965699143</v>
      </c>
      <c r="N7059" s="236">
        <f t="shared" si="1641"/>
        <v>0.51545879425764396</v>
      </c>
      <c r="O7059" s="236">
        <f t="shared" si="1645"/>
        <v>2.2202843570305322</v>
      </c>
      <c r="P7059" s="236" t="str">
        <f t="shared" si="1646"/>
        <v>SAND</v>
      </c>
      <c r="Q7059" s="236" t="e">
        <f t="shared" si="1642"/>
        <v>#N/A</v>
      </c>
      <c r="R7059" s="238">
        <v>35</v>
      </c>
      <c r="S7059" s="236" t="e">
        <f t="shared" si="1647"/>
        <v>#N/A</v>
      </c>
      <c r="T7059" s="236">
        <f t="shared" si="1634"/>
        <v>33.603766126217302</v>
      </c>
    </row>
    <row r="7060" spans="2:20" x14ac:dyDescent="0.2">
      <c r="B7060" s="239">
        <v>70.296999999999997</v>
      </c>
      <c r="C7060" s="3">
        <f t="shared" si="1635"/>
        <v>70.289999999999992</v>
      </c>
      <c r="D7060" s="239">
        <v>21.006599999999999</v>
      </c>
      <c r="E7060" s="239">
        <v>0.1009</v>
      </c>
      <c r="F7060" s="239">
        <v>0.62539999999999996</v>
      </c>
      <c r="G7060">
        <f t="shared" si="1636"/>
        <v>21.131679999999999</v>
      </c>
      <c r="H7060" s="235">
        <f t="shared" si="1637"/>
        <v>0.47748215002309335</v>
      </c>
      <c r="I7060" s="236">
        <f t="shared" si="1638"/>
        <v>19.847389826156235</v>
      </c>
      <c r="J7060" s="237">
        <f t="shared" si="1643"/>
        <v>9.8473898261562347</v>
      </c>
      <c r="K7060" s="237">
        <f t="shared" si="1639"/>
        <v>1395.0730308805216</v>
      </c>
      <c r="L7060" s="237">
        <f t="shared" si="1644"/>
        <v>692.24196260930478</v>
      </c>
      <c r="M7060" s="236">
        <f t="shared" si="1640"/>
        <v>28.511139218901477</v>
      </c>
      <c r="N7060" s="236">
        <f t="shared" si="1641"/>
        <v>0.51123275727115269</v>
      </c>
      <c r="O7060" s="236">
        <f t="shared" si="1645"/>
        <v>2.2186705300336187</v>
      </c>
      <c r="P7060" s="236" t="str">
        <f t="shared" si="1646"/>
        <v>SAND</v>
      </c>
      <c r="Q7060" s="236" t="e">
        <f t="shared" si="1642"/>
        <v>#N/A</v>
      </c>
      <c r="R7060" s="238">
        <v>35</v>
      </c>
      <c r="S7060" s="236" t="e">
        <f t="shared" si="1647"/>
        <v>#N/A</v>
      </c>
      <c r="T7060" s="236">
        <f t="shared" si="1634"/>
        <v>33.605160278253152</v>
      </c>
    </row>
    <row r="7061" spans="2:20" x14ac:dyDescent="0.2">
      <c r="B7061" s="239">
        <v>70.308000000000007</v>
      </c>
      <c r="C7061" s="3">
        <f t="shared" si="1635"/>
        <v>70.301000000000002</v>
      </c>
      <c r="D7061" s="239">
        <v>20.995100000000001</v>
      </c>
      <c r="E7061" s="239">
        <v>9.7799999999999998E-2</v>
      </c>
      <c r="F7061" s="239">
        <v>0.64200000000000002</v>
      </c>
      <c r="G7061">
        <f t="shared" si="1636"/>
        <v>21.1235</v>
      </c>
      <c r="H7061" s="235">
        <f t="shared" si="1637"/>
        <v>0.46299145501455718</v>
      </c>
      <c r="I7061" s="236">
        <f t="shared" si="1638"/>
        <v>19.810647253452977</v>
      </c>
      <c r="J7061" s="237">
        <f t="shared" si="1643"/>
        <v>9.8106472534529772</v>
      </c>
      <c r="K7061" s="237">
        <f t="shared" si="1639"/>
        <v>1392.7083125649979</v>
      </c>
      <c r="L7061" s="237">
        <f t="shared" si="1644"/>
        <v>689.76698709577204</v>
      </c>
      <c r="M7061" s="236">
        <f t="shared" si="1640"/>
        <v>28.605010179612208</v>
      </c>
      <c r="N7061" s="236">
        <f t="shared" si="1641"/>
        <v>0.49567195046857232</v>
      </c>
      <c r="O7061" s="236">
        <f t="shared" si="1645"/>
        <v>2.2117857210777627</v>
      </c>
      <c r="P7061" s="236" t="str">
        <f t="shared" si="1646"/>
        <v>SAND</v>
      </c>
      <c r="Q7061" s="236" t="e">
        <f t="shared" si="1642"/>
        <v>#N/A</v>
      </c>
      <c r="R7061" s="238">
        <v>35</v>
      </c>
      <c r="S7061" s="236" t="e">
        <f t="shared" si="1647"/>
        <v>#N/A</v>
      </c>
      <c r="T7061" s="236">
        <f t="shared" si="1634"/>
        <v>33.620863173186194</v>
      </c>
    </row>
    <row r="7062" spans="2:20" x14ac:dyDescent="0.2">
      <c r="B7062" s="239">
        <v>70.317999999999998</v>
      </c>
      <c r="C7062" s="3">
        <f t="shared" si="1635"/>
        <v>70.310999999999993</v>
      </c>
      <c r="D7062" s="239">
        <v>21.009699999999999</v>
      </c>
      <c r="E7062" s="239">
        <v>9.8100000000000007E-2</v>
      </c>
      <c r="F7062" s="239">
        <v>0.64839999999999998</v>
      </c>
      <c r="G7062">
        <f t="shared" si="1636"/>
        <v>21.139379999999999</v>
      </c>
      <c r="H7062" s="235">
        <f t="shared" si="1637"/>
        <v>0.46406280600471728</v>
      </c>
      <c r="I7062" s="236">
        <f t="shared" si="1638"/>
        <v>19.814532395412385</v>
      </c>
      <c r="J7062" s="237">
        <f t="shared" si="1643"/>
        <v>9.8145323954123853</v>
      </c>
      <c r="K7062" s="237">
        <f t="shared" si="1639"/>
        <v>1393.1795872538401</v>
      </c>
      <c r="L7062" s="237">
        <f t="shared" si="1644"/>
        <v>690.13828898060808</v>
      </c>
      <c r="M7062" s="236">
        <f t="shared" si="1640"/>
        <v>28.6119473850856</v>
      </c>
      <c r="N7062" s="236">
        <f t="shared" si="1641"/>
        <v>0.49680443806635594</v>
      </c>
      <c r="O7062" s="236">
        <f t="shared" si="1645"/>
        <v>2.2121001583654816</v>
      </c>
      <c r="P7062" s="236" t="str">
        <f t="shared" si="1646"/>
        <v>SAND</v>
      </c>
      <c r="Q7062" s="236" t="e">
        <f t="shared" si="1642"/>
        <v>#N/A</v>
      </c>
      <c r="R7062" s="238">
        <v>35</v>
      </c>
      <c r="S7062" s="236" t="e">
        <f t="shared" si="1647"/>
        <v>#N/A</v>
      </c>
      <c r="T7062" s="236">
        <f t="shared" si="1634"/>
        <v>33.622021595171532</v>
      </c>
    </row>
    <row r="7063" spans="2:20" x14ac:dyDescent="0.2">
      <c r="B7063" s="239">
        <v>70.328000000000003</v>
      </c>
      <c r="C7063" s="3">
        <f t="shared" si="1635"/>
        <v>70.320999999999998</v>
      </c>
      <c r="D7063" s="239">
        <v>20.971499999999999</v>
      </c>
      <c r="E7063" s="239">
        <v>9.8000000000000004E-2</v>
      </c>
      <c r="F7063" s="239">
        <v>0.6411</v>
      </c>
      <c r="G7063">
        <f t="shared" si="1636"/>
        <v>21.099719999999998</v>
      </c>
      <c r="H7063" s="235">
        <f t="shared" si="1637"/>
        <v>0.46446113976867948</v>
      </c>
      <c r="I7063" s="236">
        <f t="shared" si="1638"/>
        <v>19.812602481651158</v>
      </c>
      <c r="J7063" s="237">
        <f t="shared" si="1643"/>
        <v>9.8126024816511581</v>
      </c>
      <c r="K7063" s="237">
        <f t="shared" si="1639"/>
        <v>1393.242019112191</v>
      </c>
      <c r="L7063" s="237">
        <f t="shared" si="1644"/>
        <v>690.10070732956262</v>
      </c>
      <c r="M7063" s="236">
        <f t="shared" si="1640"/>
        <v>28.555945199860282</v>
      </c>
      <c r="N7063" s="236">
        <f t="shared" si="1641"/>
        <v>0.49729840154615468</v>
      </c>
      <c r="O7063" s="236">
        <f t="shared" si="1645"/>
        <v>2.2130533817023186</v>
      </c>
      <c r="P7063" s="236" t="str">
        <f t="shared" si="1646"/>
        <v>SAND</v>
      </c>
      <c r="Q7063" s="236" t="e">
        <f t="shared" si="1642"/>
        <v>#N/A</v>
      </c>
      <c r="R7063" s="238">
        <v>35</v>
      </c>
      <c r="S7063" s="236" t="e">
        <f t="shared" si="1647"/>
        <v>#N/A</v>
      </c>
      <c r="T7063" s="236">
        <f t="shared" si="1634"/>
        <v>33.612661938424417</v>
      </c>
    </row>
    <row r="7064" spans="2:20" x14ac:dyDescent="0.2">
      <c r="B7064" s="239">
        <v>70.328999999999994</v>
      </c>
      <c r="C7064" s="3">
        <f t="shared" si="1635"/>
        <v>70.321999999999989</v>
      </c>
      <c r="D7064" s="239">
        <v>21.147300000000001</v>
      </c>
      <c r="E7064" s="239">
        <v>9.6600000000000005E-2</v>
      </c>
      <c r="F7064" s="239">
        <v>0.6411</v>
      </c>
      <c r="G7064">
        <f t="shared" si="1636"/>
        <v>21.27552</v>
      </c>
      <c r="H7064" s="235">
        <f t="shared" si="1637"/>
        <v>0.45404295641187625</v>
      </c>
      <c r="I7064" s="236">
        <f t="shared" si="1638"/>
        <v>19.798973460926462</v>
      </c>
      <c r="J7064" s="237">
        <f t="shared" si="1643"/>
        <v>9.7989734609264616</v>
      </c>
      <c r="K7064" s="237">
        <f t="shared" si="1639"/>
        <v>1392.3034117192703</v>
      </c>
      <c r="L7064" s="237">
        <f t="shared" si="1644"/>
        <v>689.15200453349701</v>
      </c>
      <c r="M7064" s="236">
        <f t="shared" si="1640"/>
        <v>28.851714073936623</v>
      </c>
      <c r="N7064" s="236">
        <f t="shared" si="1641"/>
        <v>0.48583688444522877</v>
      </c>
      <c r="O7064" s="236">
        <f t="shared" si="1645"/>
        <v>2.2047982026978366</v>
      </c>
      <c r="P7064" s="236" t="str">
        <f t="shared" si="1646"/>
        <v>SAND</v>
      </c>
      <c r="Q7064" s="236" t="e">
        <f t="shared" si="1642"/>
        <v>#N/A</v>
      </c>
      <c r="R7064" s="238">
        <v>35</v>
      </c>
      <c r="S7064" s="236" t="e">
        <f t="shared" si="1647"/>
        <v>#N/A</v>
      </c>
      <c r="T7064" s="236">
        <f t="shared" si="1634"/>
        <v>33.661887815568008</v>
      </c>
    </row>
    <row r="7065" spans="2:20" x14ac:dyDescent="0.2">
      <c r="B7065" s="239">
        <v>70.346000000000004</v>
      </c>
      <c r="C7065" s="3">
        <f t="shared" si="1635"/>
        <v>70.338999999999999</v>
      </c>
      <c r="D7065" s="239">
        <v>21.215199999999999</v>
      </c>
      <c r="E7065" s="239">
        <v>0.1007</v>
      </c>
      <c r="F7065" s="239">
        <v>0.64070000000000005</v>
      </c>
      <c r="G7065">
        <f t="shared" si="1636"/>
        <v>21.343339999999998</v>
      </c>
      <c r="H7065" s="235">
        <f t="shared" si="1637"/>
        <v>0.47180994164924517</v>
      </c>
      <c r="I7065" s="236">
        <f t="shared" si="1638"/>
        <v>19.848958769359385</v>
      </c>
      <c r="J7065" s="237">
        <f t="shared" si="1643"/>
        <v>9.8489587693593847</v>
      </c>
      <c r="K7065" s="237">
        <f t="shared" si="1639"/>
        <v>1396.1559108779697</v>
      </c>
      <c r="L7065" s="237">
        <f t="shared" si="1644"/>
        <v>692.83485358935536</v>
      </c>
      <c r="M7065" s="236">
        <f t="shared" si="1640"/>
        <v>28.790676430006457</v>
      </c>
      <c r="N7065" s="236">
        <f t="shared" si="1641"/>
        <v>0.50483316116240995</v>
      </c>
      <c r="O7065" s="236">
        <f t="shared" si="1645"/>
        <v>2.2125347560144064</v>
      </c>
      <c r="P7065" s="236" t="str">
        <f t="shared" si="1646"/>
        <v>SAND</v>
      </c>
      <c r="Q7065" s="236" t="e">
        <f t="shared" si="1642"/>
        <v>#N/A</v>
      </c>
      <c r="R7065" s="238">
        <v>35</v>
      </c>
      <c r="S7065" s="236" t="e">
        <f t="shared" si="1647"/>
        <v>#N/A</v>
      </c>
      <c r="T7065" s="236">
        <f t="shared" si="1634"/>
        <v>33.651770555063891</v>
      </c>
    </row>
    <row r="7066" spans="2:20" x14ac:dyDescent="0.2">
      <c r="B7066" s="239">
        <v>70.355999999999995</v>
      </c>
      <c r="C7066" s="3">
        <f t="shared" si="1635"/>
        <v>70.34899999999999</v>
      </c>
      <c r="D7066" s="239">
        <v>21.3736</v>
      </c>
      <c r="E7066" s="239">
        <v>9.7500000000000003E-2</v>
      </c>
      <c r="F7066" s="239">
        <v>0.60560000000000003</v>
      </c>
      <c r="G7066">
        <f t="shared" si="1636"/>
        <v>21.494720000000001</v>
      </c>
      <c r="H7066" s="235">
        <f t="shared" si="1637"/>
        <v>0.4535997677569189</v>
      </c>
      <c r="I7066" s="236">
        <f t="shared" si="1638"/>
        <v>19.813854129723701</v>
      </c>
      <c r="J7066" s="237">
        <f t="shared" si="1643"/>
        <v>9.8138541297237012</v>
      </c>
      <c r="K7066" s="237">
        <f t="shared" si="1639"/>
        <v>1393.8848241719325</v>
      </c>
      <c r="L7066" s="237">
        <f t="shared" si="1644"/>
        <v>690.46352115084062</v>
      </c>
      <c r="M7066" s="236">
        <f t="shared" si="1640"/>
        <v>29.112088560920199</v>
      </c>
      <c r="N7066" s="236">
        <f t="shared" si="1641"/>
        <v>0.48505447234972121</v>
      </c>
      <c r="O7066" s="236">
        <f t="shared" si="1645"/>
        <v>2.2009539122866939</v>
      </c>
      <c r="P7066" s="236" t="str">
        <f t="shared" si="1646"/>
        <v>SAND</v>
      </c>
      <c r="Q7066" s="236" t="e">
        <f t="shared" si="1642"/>
        <v>#N/A</v>
      </c>
      <c r="R7066" s="238">
        <v>35</v>
      </c>
      <c r="S7066" s="236" t="e">
        <f t="shared" si="1647"/>
        <v>#N/A</v>
      </c>
      <c r="T7066" s="236">
        <f t="shared" si="1634"/>
        <v>33.704807001063493</v>
      </c>
    </row>
    <row r="7067" spans="2:20" x14ac:dyDescent="0.2">
      <c r="B7067" s="239">
        <v>70.367000000000004</v>
      </c>
      <c r="C7067" s="3">
        <f t="shared" si="1635"/>
        <v>70.36</v>
      </c>
      <c r="D7067" s="239">
        <v>21.560300000000002</v>
      </c>
      <c r="E7067" s="239">
        <v>9.7199999999999995E-2</v>
      </c>
      <c r="F7067" s="239">
        <v>0.57299999999999995</v>
      </c>
      <c r="G7067">
        <f t="shared" si="1636"/>
        <v>21.674900000000001</v>
      </c>
      <c r="H7067" s="235">
        <f t="shared" si="1637"/>
        <v>0.44844497552468515</v>
      </c>
      <c r="I7067" s="236">
        <f t="shared" si="1638"/>
        <v>19.813503361913803</v>
      </c>
      <c r="J7067" s="237">
        <f t="shared" si="1643"/>
        <v>9.8135033619138028</v>
      </c>
      <c r="K7067" s="237">
        <f t="shared" si="1639"/>
        <v>1394.0780965442552</v>
      </c>
      <c r="L7067" s="237">
        <f t="shared" si="1644"/>
        <v>690.5467910677886</v>
      </c>
      <c r="M7067" s="236">
        <f t="shared" si="1640"/>
        <v>29.369221848233668</v>
      </c>
      <c r="N7067" s="236">
        <f t="shared" si="1641"/>
        <v>0.47927051705649859</v>
      </c>
      <c r="O7067" s="236">
        <f t="shared" si="1645"/>
        <v>2.1953314793534227</v>
      </c>
      <c r="P7067" s="236" t="str">
        <f t="shared" si="1646"/>
        <v>SAND</v>
      </c>
      <c r="Q7067" s="236" t="e">
        <f t="shared" si="1642"/>
        <v>#N/A</v>
      </c>
      <c r="R7067" s="238">
        <v>35</v>
      </c>
      <c r="S7067" s="236" t="e">
        <f t="shared" si="1647"/>
        <v>#N/A</v>
      </c>
      <c r="T7067" s="236">
        <f t="shared" si="1634"/>
        <v>33.746816838157102</v>
      </c>
    </row>
    <row r="7068" spans="2:20" x14ac:dyDescent="0.2">
      <c r="B7068" s="239">
        <v>70.376999999999995</v>
      </c>
      <c r="C7068" s="3">
        <f t="shared" si="1635"/>
        <v>70.36999999999999</v>
      </c>
      <c r="D7068" s="239">
        <v>21.6462</v>
      </c>
      <c r="E7068" s="239">
        <v>9.6000000000000002E-2</v>
      </c>
      <c r="F7068" s="239">
        <v>0.54859999999999998</v>
      </c>
      <c r="G7068">
        <f t="shared" si="1636"/>
        <v>21.75592</v>
      </c>
      <c r="H7068" s="235">
        <f t="shared" si="1637"/>
        <v>0.44125920668948959</v>
      </c>
      <c r="I7068" s="236">
        <f t="shared" si="1638"/>
        <v>19.800395091447495</v>
      </c>
      <c r="J7068" s="237">
        <f t="shared" si="1643"/>
        <v>9.8003950914474949</v>
      </c>
      <c r="K7068" s="237">
        <f t="shared" si="1639"/>
        <v>1393.3538025851601</v>
      </c>
      <c r="L7068" s="237">
        <f t="shared" si="1644"/>
        <v>689.72240535080027</v>
      </c>
      <c r="M7068" s="236">
        <f t="shared" si="1640"/>
        <v>29.522842870470789</v>
      </c>
      <c r="N7068" s="236">
        <f t="shared" si="1641"/>
        <v>0.47145334762466151</v>
      </c>
      <c r="O7068" s="236">
        <f t="shared" si="1645"/>
        <v>2.1903424567778167</v>
      </c>
      <c r="P7068" s="236" t="str">
        <f t="shared" si="1646"/>
        <v>SAND</v>
      </c>
      <c r="Q7068" s="236" t="e">
        <f t="shared" si="1642"/>
        <v>#N/A</v>
      </c>
      <c r="R7068" s="238">
        <v>35</v>
      </c>
      <c r="S7068" s="236" t="e">
        <f t="shared" si="1647"/>
        <v>#N/A</v>
      </c>
      <c r="T7068" s="236">
        <f t="shared" si="1634"/>
        <v>33.771739925942626</v>
      </c>
    </row>
    <row r="7069" spans="2:20" x14ac:dyDescent="0.2">
      <c r="B7069" s="239">
        <v>70.387</v>
      </c>
      <c r="C7069" s="3">
        <f t="shared" si="1635"/>
        <v>70.38</v>
      </c>
      <c r="D7069" s="239">
        <v>21.843299999999999</v>
      </c>
      <c r="E7069" s="239">
        <v>9.4600000000000004E-2</v>
      </c>
      <c r="F7069" s="239">
        <v>0.54849999999999999</v>
      </c>
      <c r="G7069">
        <f t="shared" si="1636"/>
        <v>21.952999999999999</v>
      </c>
      <c r="H7069" s="235">
        <f t="shared" si="1637"/>
        <v>0.43092060310663693</v>
      </c>
      <c r="I7069" s="236">
        <f t="shared" si="1638"/>
        <v>19.786693612326452</v>
      </c>
      <c r="J7069" s="237">
        <f t="shared" si="1643"/>
        <v>9.7866936123264523</v>
      </c>
      <c r="K7069" s="237">
        <f t="shared" si="1639"/>
        <v>1392.5874964355355</v>
      </c>
      <c r="L7069" s="237">
        <f t="shared" si="1644"/>
        <v>688.85600329082195</v>
      </c>
      <c r="M7069" s="236">
        <f t="shared" si="1640"/>
        <v>29.847184905615531</v>
      </c>
      <c r="N7069" s="236">
        <f t="shared" si="1641"/>
        <v>0.46010750019533719</v>
      </c>
      <c r="O7069" s="236">
        <f t="shared" si="1645"/>
        <v>2.1817082996735135</v>
      </c>
      <c r="P7069" s="236" t="str">
        <f t="shared" si="1646"/>
        <v>SAND</v>
      </c>
      <c r="Q7069" s="236" t="e">
        <f t="shared" si="1642"/>
        <v>#N/A</v>
      </c>
      <c r="R7069" s="238">
        <v>35</v>
      </c>
      <c r="S7069" s="236" t="e">
        <f t="shared" si="1647"/>
        <v>#N/A</v>
      </c>
      <c r="T7069" s="236">
        <f t="shared" si="1634"/>
        <v>33.823937136896006</v>
      </c>
    </row>
    <row r="7070" spans="2:20" x14ac:dyDescent="0.2">
      <c r="B7070" s="239">
        <v>70.397000000000006</v>
      </c>
      <c r="C7070" s="3">
        <f t="shared" si="1635"/>
        <v>70.39</v>
      </c>
      <c r="D7070" s="239">
        <v>22.1114</v>
      </c>
      <c r="E7070" s="239">
        <v>9.2499999999999999E-2</v>
      </c>
      <c r="F7070" s="239">
        <v>0.52900000000000003</v>
      </c>
      <c r="G7070">
        <f t="shared" si="1636"/>
        <v>22.217199999999998</v>
      </c>
      <c r="H7070" s="235">
        <f t="shared" si="1637"/>
        <v>0.41634409376519094</v>
      </c>
      <c r="I7070" s="236">
        <f t="shared" si="1638"/>
        <v>19.76504612489903</v>
      </c>
      <c r="J7070" s="237">
        <f t="shared" si="1643"/>
        <v>9.7650461248990297</v>
      </c>
      <c r="K7070" s="237">
        <f t="shared" si="1639"/>
        <v>1391.2615967316426</v>
      </c>
      <c r="L7070" s="237">
        <f t="shared" si="1644"/>
        <v>687.429952054517</v>
      </c>
      <c r="M7070" s="236">
        <f t="shared" si="1640"/>
        <v>30.295360772433646</v>
      </c>
      <c r="N7070" s="236">
        <f t="shared" si="1641"/>
        <v>0.44415765671084168</v>
      </c>
      <c r="O7070" s="236">
        <f t="shared" si="1645"/>
        <v>2.1696187715419728</v>
      </c>
      <c r="P7070" s="236" t="str">
        <f t="shared" si="1646"/>
        <v>SAND</v>
      </c>
      <c r="Q7070" s="236" t="e">
        <f t="shared" si="1642"/>
        <v>#N/A</v>
      </c>
      <c r="R7070" s="238">
        <v>35</v>
      </c>
      <c r="S7070" s="236" t="e">
        <f t="shared" si="1647"/>
        <v>#N/A</v>
      </c>
      <c r="T7070" s="236">
        <f t="shared" si="1634"/>
        <v>33.895137415271471</v>
      </c>
    </row>
    <row r="7071" spans="2:20" x14ac:dyDescent="0.2">
      <c r="B7071" s="239">
        <v>70.408000000000001</v>
      </c>
      <c r="C7071" s="3">
        <f t="shared" si="1635"/>
        <v>70.400999999999996</v>
      </c>
      <c r="D7071" s="239">
        <v>22.517399999999999</v>
      </c>
      <c r="E7071" s="239">
        <v>9.1300000000000006E-2</v>
      </c>
      <c r="F7071" s="239">
        <v>0.53669999999999995</v>
      </c>
      <c r="G7071">
        <f t="shared" si="1636"/>
        <v>22.624739999999999</v>
      </c>
      <c r="H7071" s="235">
        <f t="shared" si="1637"/>
        <v>0.40354054897426445</v>
      </c>
      <c r="I7071" s="236">
        <f t="shared" si="1638"/>
        <v>19.756839391080124</v>
      </c>
      <c r="J7071" s="237">
        <f t="shared" si="1643"/>
        <v>9.7568393910801241</v>
      </c>
      <c r="K7071" s="237">
        <f t="shared" si="1639"/>
        <v>1390.9012499714318</v>
      </c>
      <c r="L7071" s="237">
        <f t="shared" si="1644"/>
        <v>686.95954784716935</v>
      </c>
      <c r="M7071" s="236">
        <f t="shared" si="1640"/>
        <v>30.909882272649547</v>
      </c>
      <c r="N7071" s="236">
        <f t="shared" si="1641"/>
        <v>0.42997406674700861</v>
      </c>
      <c r="O7071" s="236">
        <f t="shared" si="1645"/>
        <v>2.1560097855003049</v>
      </c>
      <c r="P7071" s="236" t="str">
        <f t="shared" si="1646"/>
        <v>SAND</v>
      </c>
      <c r="Q7071" s="236" t="e">
        <f t="shared" si="1642"/>
        <v>#N/A</v>
      </c>
      <c r="R7071" s="238">
        <v>35</v>
      </c>
      <c r="S7071" s="236" t="e">
        <f t="shared" si="1647"/>
        <v>#N/A</v>
      </c>
      <c r="T7071" s="236">
        <f t="shared" si="1634"/>
        <v>33.991070860523386</v>
      </c>
    </row>
    <row r="7072" spans="2:20" x14ac:dyDescent="0.2">
      <c r="B7072" s="239">
        <v>70.417000000000002</v>
      </c>
      <c r="C7072" s="3">
        <f t="shared" si="1635"/>
        <v>70.41</v>
      </c>
      <c r="D7072" s="239">
        <v>23.046399999999998</v>
      </c>
      <c r="E7072" s="239">
        <v>8.9200000000000002E-2</v>
      </c>
      <c r="F7072" s="239">
        <v>0.52459999999999996</v>
      </c>
      <c r="G7072">
        <f t="shared" si="1636"/>
        <v>23.151319999999998</v>
      </c>
      <c r="H7072" s="235">
        <f t="shared" si="1637"/>
        <v>0.38529120585780857</v>
      </c>
      <c r="I7072" s="236">
        <f t="shared" si="1638"/>
        <v>19.738546343285954</v>
      </c>
      <c r="J7072" s="237">
        <f t="shared" si="1643"/>
        <v>9.7385463432859538</v>
      </c>
      <c r="K7072" s="237">
        <f t="shared" si="1639"/>
        <v>1389.7910480307639</v>
      </c>
      <c r="L7072" s="237">
        <f t="shared" si="1644"/>
        <v>685.75921785516698</v>
      </c>
      <c r="M7072" s="236">
        <f t="shared" si="1640"/>
        <v>31.733483685472368</v>
      </c>
      <c r="N7072" s="236">
        <f t="shared" si="1641"/>
        <v>0.40989766940033023</v>
      </c>
      <c r="O7072" s="236">
        <f t="shared" si="1645"/>
        <v>2.1373513437578637</v>
      </c>
      <c r="P7072" s="236" t="str">
        <f t="shared" si="1646"/>
        <v>SAND</v>
      </c>
      <c r="Q7072" s="236" t="e">
        <f t="shared" si="1642"/>
        <v>#N/A</v>
      </c>
      <c r="R7072" s="238">
        <v>35</v>
      </c>
      <c r="S7072" s="236" t="e">
        <f t="shared" si="1647"/>
        <v>#N/A</v>
      </c>
      <c r="T7072" s="236">
        <f t="shared" si="1634"/>
        <v>34.116695264759763</v>
      </c>
    </row>
    <row r="7073" spans="2:20" x14ac:dyDescent="0.2">
      <c r="B7073" s="239">
        <v>70.427999999999997</v>
      </c>
      <c r="C7073" s="3">
        <f t="shared" si="1635"/>
        <v>70.420999999999992</v>
      </c>
      <c r="D7073" s="239">
        <v>23.502099999999999</v>
      </c>
      <c r="E7073" s="239">
        <v>8.7800000000000003E-2</v>
      </c>
      <c r="F7073" s="239">
        <v>0.54869999999999997</v>
      </c>
      <c r="G7073">
        <f t="shared" si="1636"/>
        <v>23.611839999999997</v>
      </c>
      <c r="H7073" s="235">
        <f t="shared" si="1637"/>
        <v>0.37184734438315697</v>
      </c>
      <c r="I7073" s="236">
        <f t="shared" si="1638"/>
        <v>19.727695095828537</v>
      </c>
      <c r="J7073" s="237">
        <f t="shared" si="1643"/>
        <v>9.7276950958285369</v>
      </c>
      <c r="K7073" s="237">
        <f t="shared" si="1639"/>
        <v>1389.2440163433412</v>
      </c>
      <c r="L7073" s="237">
        <f t="shared" si="1644"/>
        <v>685.10211020901215</v>
      </c>
      <c r="M7073" s="236">
        <f t="shared" si="1640"/>
        <v>32.436910721055796</v>
      </c>
      <c r="N7073" s="236">
        <f t="shared" si="1641"/>
        <v>0.39509335482034352</v>
      </c>
      <c r="O7073" s="236">
        <f t="shared" si="1645"/>
        <v>2.1223865667408934</v>
      </c>
      <c r="P7073" s="236" t="str">
        <f t="shared" si="1646"/>
        <v>SAND</v>
      </c>
      <c r="Q7073" s="236" t="e">
        <f t="shared" si="1642"/>
        <v>#N/A</v>
      </c>
      <c r="R7073" s="238">
        <v>35</v>
      </c>
      <c r="S7073" s="236" t="e">
        <f t="shared" si="1647"/>
        <v>#N/A</v>
      </c>
      <c r="T7073" s="236">
        <f t="shared" si="1634"/>
        <v>34.22143434015517</v>
      </c>
    </row>
    <row r="7074" spans="2:20" x14ac:dyDescent="0.2">
      <c r="B7074" s="239">
        <v>70.438000000000002</v>
      </c>
      <c r="C7074" s="3">
        <f t="shared" si="1635"/>
        <v>70.430999999999997</v>
      </c>
      <c r="D7074" s="239">
        <v>24.005099999999999</v>
      </c>
      <c r="E7074" s="239">
        <v>8.3400000000000002E-2</v>
      </c>
      <c r="F7074" s="239">
        <v>0.52690000000000003</v>
      </c>
      <c r="G7074">
        <f t="shared" si="1636"/>
        <v>24.110479999999999</v>
      </c>
      <c r="H7074" s="235">
        <f t="shared" si="1637"/>
        <v>0.34590767168467823</v>
      </c>
      <c r="I7074" s="236">
        <f t="shared" si="1638"/>
        <v>19.675576662001475</v>
      </c>
      <c r="J7074" s="237">
        <f t="shared" si="1643"/>
        <v>9.6755766620014754</v>
      </c>
      <c r="K7074" s="237">
        <f t="shared" si="1639"/>
        <v>1385.7705398814257</v>
      </c>
      <c r="L7074" s="237">
        <f t="shared" si="1644"/>
        <v>681.52826891805989</v>
      </c>
      <c r="M7074" s="236">
        <f t="shared" si="1640"/>
        <v>33.343751824402702</v>
      </c>
      <c r="N7074" s="236">
        <f t="shared" si="1641"/>
        <v>0.36700139179497715</v>
      </c>
      <c r="O7074" s="236">
        <f t="shared" si="1645"/>
        <v>2.0991560425783957</v>
      </c>
      <c r="P7074" s="236" t="str">
        <f t="shared" si="1646"/>
        <v>SAND</v>
      </c>
      <c r="Q7074" s="236" t="e">
        <f t="shared" si="1642"/>
        <v>#N/A</v>
      </c>
      <c r="R7074" s="238">
        <v>35</v>
      </c>
      <c r="S7074" s="236" t="e">
        <f t="shared" si="1647"/>
        <v>#N/A</v>
      </c>
      <c r="T7074" s="236">
        <f t="shared" si="1634"/>
        <v>34.353159113536762</v>
      </c>
    </row>
    <row r="7075" spans="2:20" x14ac:dyDescent="0.2">
      <c r="B7075" s="239">
        <v>70.447999999999993</v>
      </c>
      <c r="C7075" s="3">
        <f t="shared" si="1635"/>
        <v>70.440999999999988</v>
      </c>
      <c r="D7075" s="239">
        <v>24.369299999999999</v>
      </c>
      <c r="E7075" s="239">
        <v>8.1199999999999994E-2</v>
      </c>
      <c r="F7075" s="239">
        <v>0.55030000000000001</v>
      </c>
      <c r="G7075">
        <f t="shared" si="1636"/>
        <v>24.47936</v>
      </c>
      <c r="H7075" s="235">
        <f t="shared" si="1637"/>
        <v>0.33170801851028786</v>
      </c>
      <c r="I7075" s="236">
        <f t="shared" si="1638"/>
        <v>19.650164386632557</v>
      </c>
      <c r="J7075" s="237">
        <f t="shared" si="1643"/>
        <v>9.6501643866325573</v>
      </c>
      <c r="K7075" s="237">
        <f t="shared" si="1639"/>
        <v>1384.1772295587837</v>
      </c>
      <c r="L7075" s="237">
        <f t="shared" si="1644"/>
        <v>679.83478070949036</v>
      </c>
      <c r="M7075" s="236">
        <f t="shared" si="1640"/>
        <v>33.971758176800812</v>
      </c>
      <c r="N7075" s="236">
        <f t="shared" si="1641"/>
        <v>0.35158847109850661</v>
      </c>
      <c r="O7075" s="236">
        <f t="shared" si="1645"/>
        <v>2.0847235703641283</v>
      </c>
      <c r="P7075" s="236" t="str">
        <f t="shared" si="1646"/>
        <v>SAND</v>
      </c>
      <c r="Q7075" s="236" t="e">
        <f t="shared" si="1642"/>
        <v>#N/A</v>
      </c>
      <c r="R7075" s="238">
        <v>35</v>
      </c>
      <c r="S7075" s="236" t="e">
        <f t="shared" si="1647"/>
        <v>#N/A</v>
      </c>
      <c r="T7075" s="236">
        <f t="shared" si="1634"/>
        <v>34.442298263552644</v>
      </c>
    </row>
    <row r="7076" spans="2:20" x14ac:dyDescent="0.2">
      <c r="B7076" s="239">
        <v>70.456999999999994</v>
      </c>
      <c r="C7076" s="3">
        <f t="shared" si="1635"/>
        <v>70.449999999999989</v>
      </c>
      <c r="D7076" s="239">
        <v>24.6023</v>
      </c>
      <c r="E7076" s="239">
        <v>7.7200000000000005E-2</v>
      </c>
      <c r="F7076" s="239">
        <v>0.58340000000000003</v>
      </c>
      <c r="G7076">
        <f t="shared" si="1636"/>
        <v>24.718979999999998</v>
      </c>
      <c r="H7076" s="235">
        <f t="shared" si="1637"/>
        <v>0.31231062123113501</v>
      </c>
      <c r="I7076" s="236">
        <f t="shared" si="1638"/>
        <v>19.594737256805178</v>
      </c>
      <c r="J7076" s="237">
        <f t="shared" si="1643"/>
        <v>9.5947372568051783</v>
      </c>
      <c r="K7076" s="237">
        <f t="shared" si="1639"/>
        <v>1380.4492397419247</v>
      </c>
      <c r="L7076" s="237">
        <f t="shared" si="1644"/>
        <v>676.01640290272235</v>
      </c>
      <c r="M7076" s="236">
        <f t="shared" si="1640"/>
        <v>34.523616083937611</v>
      </c>
      <c r="N7076" s="236">
        <f t="shared" si="1641"/>
        <v>0.33078346187695634</v>
      </c>
      <c r="O7076" s="236">
        <f t="shared" si="1645"/>
        <v>2.068598493693099</v>
      </c>
      <c r="P7076" s="236" t="str">
        <f t="shared" si="1646"/>
        <v>SAND</v>
      </c>
      <c r="Q7076" s="236" t="e">
        <f t="shared" si="1642"/>
        <v>#N/A</v>
      </c>
      <c r="R7076" s="238">
        <v>35</v>
      </c>
      <c r="S7076" s="236" t="e">
        <f t="shared" si="1647"/>
        <v>#N/A</v>
      </c>
      <c r="T7076" s="236">
        <f t="shared" si="1634"/>
        <v>34.519279062850444</v>
      </c>
    </row>
    <row r="7077" spans="2:20" x14ac:dyDescent="0.2">
      <c r="B7077" s="239">
        <v>70.468999999999994</v>
      </c>
      <c r="C7077" s="3">
        <f t="shared" si="1635"/>
        <v>70.461999999999989</v>
      </c>
      <c r="D7077" s="239">
        <v>24.652699999999999</v>
      </c>
      <c r="E7077" s="239">
        <v>7.3800000000000004E-2</v>
      </c>
      <c r="F7077" s="239">
        <v>0.58789999999999998</v>
      </c>
      <c r="G7077">
        <f t="shared" si="1636"/>
        <v>24.77028</v>
      </c>
      <c r="H7077" s="235">
        <f t="shared" si="1637"/>
        <v>0.29793768984444263</v>
      </c>
      <c r="I7077" s="236">
        <f t="shared" si="1638"/>
        <v>19.542733055544058</v>
      </c>
      <c r="J7077" s="237">
        <f t="shared" si="1643"/>
        <v>9.5427330555440584</v>
      </c>
      <c r="K7077" s="237">
        <f t="shared" si="1639"/>
        <v>1377.0200565597452</v>
      </c>
      <c r="L7077" s="237">
        <f t="shared" si="1644"/>
        <v>672.46685569113424</v>
      </c>
      <c r="M7077" s="236">
        <f t="shared" si="1640"/>
        <v>34.787231140778836</v>
      </c>
      <c r="N7077" s="236">
        <f t="shared" si="1641"/>
        <v>0.31547548387198765</v>
      </c>
      <c r="O7077" s="236">
        <f t="shared" si="1645"/>
        <v>2.0582353852816113</v>
      </c>
      <c r="P7077" s="236" t="str">
        <f t="shared" si="1646"/>
        <v>SAND</v>
      </c>
      <c r="Q7077" s="236" t="e">
        <f t="shared" si="1642"/>
        <v>#N/A</v>
      </c>
      <c r="R7077" s="238">
        <v>35</v>
      </c>
      <c r="S7077" s="236" t="e">
        <f t="shared" si="1647"/>
        <v>#N/A</v>
      </c>
      <c r="T7077" s="236">
        <f t="shared" si="1634"/>
        <v>34.555618491173412</v>
      </c>
    </row>
    <row r="7078" spans="2:20" x14ac:dyDescent="0.2">
      <c r="B7078" s="239">
        <v>70.477999999999994</v>
      </c>
      <c r="C7078" s="3">
        <f t="shared" si="1635"/>
        <v>70.470999999999989</v>
      </c>
      <c r="D7078" s="239">
        <v>24.6431</v>
      </c>
      <c r="E7078" s="239">
        <v>7.0499999999999993E-2</v>
      </c>
      <c r="F7078" s="239">
        <v>0.58220000000000005</v>
      </c>
      <c r="G7078">
        <f t="shared" si="1636"/>
        <v>24.759540000000001</v>
      </c>
      <c r="H7078" s="235">
        <f t="shared" si="1637"/>
        <v>0.28473873101034991</v>
      </c>
      <c r="I7078" s="236">
        <f t="shared" si="1638"/>
        <v>19.488921984876828</v>
      </c>
      <c r="J7078" s="237">
        <f t="shared" si="1643"/>
        <v>9.4889219848768285</v>
      </c>
      <c r="K7078" s="237">
        <f t="shared" si="1639"/>
        <v>1373.4038211962547</v>
      </c>
      <c r="L7078" s="237">
        <f t="shared" si="1644"/>
        <v>668.76024365014905</v>
      </c>
      <c r="M7078" s="236">
        <f t="shared" si="1640"/>
        <v>34.969387610663382</v>
      </c>
      <c r="N7078" s="236">
        <f t="shared" si="1641"/>
        <v>0.30146065797691868</v>
      </c>
      <c r="O7078" s="236">
        <f t="shared" si="1645"/>
        <v>2.0492928803016635</v>
      </c>
      <c r="P7078" s="236" t="str">
        <f t="shared" si="1646"/>
        <v>SAND</v>
      </c>
      <c r="Q7078" s="236" t="e">
        <f t="shared" si="1642"/>
        <v>#N/A</v>
      </c>
      <c r="R7078" s="238">
        <v>35</v>
      </c>
      <c r="S7078" s="236" t="e">
        <f t="shared" si="1647"/>
        <v>#N/A</v>
      </c>
      <c r="T7078" s="236">
        <f t="shared" si="1634"/>
        <v>34.580568296379035</v>
      </c>
    </row>
    <row r="7079" spans="2:20" x14ac:dyDescent="0.2">
      <c r="B7079" s="239">
        <v>70.488</v>
      </c>
      <c r="C7079" s="3">
        <f t="shared" si="1635"/>
        <v>70.480999999999995</v>
      </c>
      <c r="D7079" s="239">
        <v>24.497199999999999</v>
      </c>
      <c r="E7079" s="239">
        <v>6.5199999999999994E-2</v>
      </c>
      <c r="F7079" s="239">
        <v>0.61450000000000005</v>
      </c>
      <c r="G7079">
        <f t="shared" si="1636"/>
        <v>24.620100000000001</v>
      </c>
      <c r="H7079" s="235">
        <f t="shared" si="1637"/>
        <v>0.26482426960085453</v>
      </c>
      <c r="I7079" s="236">
        <f t="shared" si="1638"/>
        <v>19.395072394182741</v>
      </c>
      <c r="J7079" s="237">
        <f t="shared" si="1643"/>
        <v>9.3950723941827405</v>
      </c>
      <c r="K7079" s="237">
        <f t="shared" si="1639"/>
        <v>1366.9840974143935</v>
      </c>
      <c r="L7079" s="237">
        <f t="shared" si="1644"/>
        <v>662.23986292115296</v>
      </c>
      <c r="M7079" s="236">
        <f t="shared" si="1640"/>
        <v>35.112830266688661</v>
      </c>
      <c r="N7079" s="236">
        <f t="shared" si="1641"/>
        <v>0.28039253007271225</v>
      </c>
      <c r="O7079" s="236">
        <f t="shared" si="1645"/>
        <v>2.0370919865373938</v>
      </c>
      <c r="P7079" s="236" t="str">
        <f t="shared" si="1646"/>
        <v>SAND</v>
      </c>
      <c r="Q7079" s="236" t="e">
        <f t="shared" si="1642"/>
        <v>#N/A</v>
      </c>
      <c r="R7079" s="238">
        <v>35</v>
      </c>
      <c r="S7079" s="236" t="e">
        <f t="shared" si="1647"/>
        <v>#N/A</v>
      </c>
      <c r="T7079" s="236">
        <f t="shared" si="1634"/>
        <v>34.600124208605294</v>
      </c>
    </row>
    <row r="7080" spans="2:20" x14ac:dyDescent="0.2">
      <c r="B7080" s="239">
        <v>70.498999999999995</v>
      </c>
      <c r="C7080" s="3">
        <f t="shared" si="1635"/>
        <v>70.49199999999999</v>
      </c>
      <c r="D7080" s="239">
        <v>24.430599999999998</v>
      </c>
      <c r="E7080" s="239">
        <v>6.4000000000000001E-2</v>
      </c>
      <c r="F7080" s="239">
        <v>0.629</v>
      </c>
      <c r="G7080">
        <f t="shared" si="1636"/>
        <v>24.5564</v>
      </c>
      <c r="H7080" s="235">
        <f t="shared" si="1637"/>
        <v>0.26062452150966753</v>
      </c>
      <c r="I7080" s="236">
        <f t="shared" si="1638"/>
        <v>19.372277213241546</v>
      </c>
      <c r="J7080" s="237">
        <f t="shared" si="1643"/>
        <v>9.3722772132415457</v>
      </c>
      <c r="K7080" s="237">
        <f t="shared" si="1639"/>
        <v>1365.5905653158229</v>
      </c>
      <c r="L7080" s="237">
        <f t="shared" si="1644"/>
        <v>660.73617125631574</v>
      </c>
      <c r="M7080" s="236">
        <f t="shared" si="1640"/>
        <v>35.098440865723234</v>
      </c>
      <c r="N7080" s="236">
        <f t="shared" si="1641"/>
        <v>0.27597139366891432</v>
      </c>
      <c r="O7080" s="236">
        <f t="shared" si="1645"/>
        <v>2.0350081749827651</v>
      </c>
      <c r="P7080" s="236" t="str">
        <f t="shared" si="1646"/>
        <v>SAND</v>
      </c>
      <c r="Q7080" s="236" t="e">
        <f t="shared" si="1642"/>
        <v>#N/A</v>
      </c>
      <c r="R7080" s="238">
        <v>35</v>
      </c>
      <c r="S7080" s="236" t="e">
        <f t="shared" si="1647"/>
        <v>#N/A</v>
      </c>
      <c r="T7080" s="236">
        <f t="shared" si="1634"/>
        <v>34.598166072492319</v>
      </c>
    </row>
    <row r="7081" spans="2:20" x14ac:dyDescent="0.2">
      <c r="B7081" s="239">
        <v>70.509</v>
      </c>
      <c r="C7081" s="3">
        <f t="shared" si="1635"/>
        <v>70.501999999999995</v>
      </c>
      <c r="D7081" s="239">
        <v>24.423200000000001</v>
      </c>
      <c r="E7081" s="239">
        <v>6.0600000000000001E-2</v>
      </c>
      <c r="F7081" s="239">
        <v>0.62</v>
      </c>
      <c r="G7081">
        <f t="shared" si="1636"/>
        <v>24.5472</v>
      </c>
      <c r="H7081" s="235">
        <f t="shared" si="1637"/>
        <v>0.24687133359405553</v>
      </c>
      <c r="I7081" s="236">
        <f t="shared" si="1638"/>
        <v>19.308120904590773</v>
      </c>
      <c r="J7081" s="237">
        <f t="shared" si="1643"/>
        <v>9.3081209045907727</v>
      </c>
      <c r="K7081" s="237">
        <f t="shared" si="1639"/>
        <v>1361.2611400154585</v>
      </c>
      <c r="L7081" s="237">
        <f t="shared" si="1644"/>
        <v>656.30629686179077</v>
      </c>
      <c r="M7081" s="236">
        <f t="shared" si="1640"/>
        <v>35.327923822841498</v>
      </c>
      <c r="N7081" s="236">
        <f t="shared" si="1641"/>
        <v>0.26136530578274975</v>
      </c>
      <c r="O7081" s="236">
        <f t="shared" si="1645"/>
        <v>2.0247752747448633</v>
      </c>
      <c r="P7081" s="236" t="str">
        <f t="shared" si="1646"/>
        <v>SAND</v>
      </c>
      <c r="Q7081" s="236" t="e">
        <f t="shared" si="1642"/>
        <v>#N/A</v>
      </c>
      <c r="R7081" s="238">
        <v>35</v>
      </c>
      <c r="S7081" s="236" t="e">
        <f t="shared" si="1647"/>
        <v>#N/A</v>
      </c>
      <c r="T7081" s="236">
        <f t="shared" si="1634"/>
        <v>34.629299267753936</v>
      </c>
    </row>
    <row r="7082" spans="2:20" x14ac:dyDescent="0.2">
      <c r="B7082" s="239">
        <v>70.52</v>
      </c>
      <c r="C7082" s="3">
        <f t="shared" si="1635"/>
        <v>70.512999999999991</v>
      </c>
      <c r="D7082" s="239">
        <v>24.1877</v>
      </c>
      <c r="E7082" s="239">
        <v>5.9299999999999999E-2</v>
      </c>
      <c r="F7082" s="239">
        <v>0.63380000000000003</v>
      </c>
      <c r="G7082">
        <f t="shared" si="1636"/>
        <v>24.31446</v>
      </c>
      <c r="H7082" s="235">
        <f t="shared" si="1637"/>
        <v>0.24388779351875384</v>
      </c>
      <c r="I7082" s="236">
        <f t="shared" si="1638"/>
        <v>19.278968892352097</v>
      </c>
      <c r="J7082" s="237">
        <f t="shared" si="1643"/>
        <v>9.278968892352097</v>
      </c>
      <c r="K7082" s="237">
        <f t="shared" si="1639"/>
        <v>1359.4179335064232</v>
      </c>
      <c r="L7082" s="237">
        <f t="shared" si="1644"/>
        <v>654.35288628866988</v>
      </c>
      <c r="M7082" s="236">
        <f t="shared" si="1640"/>
        <v>35.080523900015145</v>
      </c>
      <c r="N7082" s="236">
        <f t="shared" si="1641"/>
        <v>0.25833104477973268</v>
      </c>
      <c r="O7082" s="236">
        <f t="shared" si="1645"/>
        <v>2.0260843730408609</v>
      </c>
      <c r="P7082" s="236" t="str">
        <f t="shared" si="1646"/>
        <v>SAND</v>
      </c>
      <c r="Q7082" s="236" t="e">
        <f t="shared" si="1642"/>
        <v>#N/A</v>
      </c>
      <c r="R7082" s="238">
        <v>35</v>
      </c>
      <c r="S7082" s="236" t="e">
        <f t="shared" si="1647"/>
        <v>#N/A</v>
      </c>
      <c r="T7082" s="236">
        <f t="shared" si="1634"/>
        <v>34.595726776475921</v>
      </c>
    </row>
    <row r="7083" spans="2:20" x14ac:dyDescent="0.2">
      <c r="B7083" s="239">
        <v>70.53</v>
      </c>
      <c r="C7083" s="3">
        <f t="shared" si="1635"/>
        <v>70.522999999999996</v>
      </c>
      <c r="D7083" s="239">
        <v>23.796199999999999</v>
      </c>
      <c r="E7083" s="239">
        <v>5.8900000000000001E-2</v>
      </c>
      <c r="F7083" s="239">
        <v>0.63039999999999996</v>
      </c>
      <c r="G7083">
        <f t="shared" si="1636"/>
        <v>23.922280000000001</v>
      </c>
      <c r="H7083" s="235">
        <f t="shared" si="1637"/>
        <v>0.24621398963643931</v>
      </c>
      <c r="I7083" s="236">
        <f t="shared" si="1638"/>
        <v>19.264676662683001</v>
      </c>
      <c r="J7083" s="237">
        <f t="shared" si="1643"/>
        <v>9.2646766626830015</v>
      </c>
      <c r="K7083" s="237">
        <f t="shared" si="1639"/>
        <v>1358.6027922823932</v>
      </c>
      <c r="L7083" s="237">
        <f t="shared" si="1644"/>
        <v>653.43764501903206</v>
      </c>
      <c r="M7083" s="236">
        <f t="shared" si="1640"/>
        <v>34.530727422446581</v>
      </c>
      <c r="N7083" s="236">
        <f t="shared" si="1641"/>
        <v>0.26103901176114164</v>
      </c>
      <c r="O7083" s="236">
        <f t="shared" si="1645"/>
        <v>2.0340164452936582</v>
      </c>
      <c r="P7083" s="236" t="str">
        <f t="shared" si="1646"/>
        <v>SAND</v>
      </c>
      <c r="Q7083" s="236" t="e">
        <f t="shared" si="1642"/>
        <v>#N/A</v>
      </c>
      <c r="R7083" s="238">
        <v>35</v>
      </c>
      <c r="S7083" s="236" t="e">
        <f t="shared" si="1647"/>
        <v>#N/A</v>
      </c>
      <c r="T7083" s="236">
        <f t="shared" si="1634"/>
        <v>34.520262999970178</v>
      </c>
    </row>
    <row r="7084" spans="2:20" x14ac:dyDescent="0.2">
      <c r="B7084" s="239">
        <v>70.540000000000006</v>
      </c>
      <c r="C7084" s="3">
        <f t="shared" si="1635"/>
        <v>70.533000000000001</v>
      </c>
      <c r="D7084" s="239">
        <v>23.6187</v>
      </c>
      <c r="E7084" s="239">
        <v>6.0600000000000001E-2</v>
      </c>
      <c r="F7084" s="239">
        <v>0.62970000000000004</v>
      </c>
      <c r="G7084">
        <f t="shared" si="1636"/>
        <v>23.74464</v>
      </c>
      <c r="H7084" s="235">
        <f t="shared" si="1637"/>
        <v>0.25521549284385864</v>
      </c>
      <c r="I7084" s="236">
        <f t="shared" si="1638"/>
        <v>19.295128170174166</v>
      </c>
      <c r="J7084" s="237">
        <f t="shared" si="1643"/>
        <v>9.2951281701741664</v>
      </c>
      <c r="K7084" s="237">
        <f t="shared" si="1639"/>
        <v>1360.9432752268945</v>
      </c>
      <c r="L7084" s="237">
        <f t="shared" si="1644"/>
        <v>655.6783411240857</v>
      </c>
      <c r="M7084" s="236">
        <f t="shared" si="1640"/>
        <v>34.138228031749243</v>
      </c>
      <c r="N7084" s="236">
        <f t="shared" si="1641"/>
        <v>0.27073276029929</v>
      </c>
      <c r="O7084" s="236">
        <f t="shared" si="1645"/>
        <v>2.0437331115319033</v>
      </c>
      <c r="P7084" s="236" t="str">
        <f t="shared" si="1646"/>
        <v>SAND</v>
      </c>
      <c r="Q7084" s="236" t="e">
        <f t="shared" si="1642"/>
        <v>#N/A</v>
      </c>
      <c r="R7084" s="238">
        <v>35</v>
      </c>
      <c r="S7084" s="236" t="e">
        <f t="shared" si="1647"/>
        <v>#N/A</v>
      </c>
      <c r="T7084" s="236">
        <f t="shared" si="1634"/>
        <v>34.465650725103131</v>
      </c>
    </row>
    <row r="7085" spans="2:20" x14ac:dyDescent="0.2">
      <c r="B7085" s="239">
        <v>70.551000000000002</v>
      </c>
      <c r="C7085" s="3">
        <f t="shared" si="1635"/>
        <v>70.543999999999997</v>
      </c>
      <c r="D7085" s="239">
        <v>23.064</v>
      </c>
      <c r="E7085" s="239">
        <v>6.3200000000000006E-2</v>
      </c>
      <c r="F7085" s="239">
        <v>0.64500000000000002</v>
      </c>
      <c r="G7085">
        <f t="shared" si="1636"/>
        <v>23.193000000000001</v>
      </c>
      <c r="H7085" s="235">
        <f t="shared" si="1637"/>
        <v>0.27249601172767646</v>
      </c>
      <c r="I7085" s="236">
        <f t="shared" si="1638"/>
        <v>19.335200400936134</v>
      </c>
      <c r="J7085" s="237">
        <f t="shared" si="1643"/>
        <v>9.3352004009361345</v>
      </c>
      <c r="K7085" s="237">
        <f t="shared" si="1639"/>
        <v>1363.9823770836385</v>
      </c>
      <c r="L7085" s="237">
        <f t="shared" si="1644"/>
        <v>658.60772348644525</v>
      </c>
      <c r="M7085" s="236">
        <f t="shared" si="1640"/>
        <v>33.144187115451622</v>
      </c>
      <c r="N7085" s="236">
        <f t="shared" si="1641"/>
        <v>0.28952287772058005</v>
      </c>
      <c r="O7085" s="236">
        <f t="shared" si="1645"/>
        <v>2.065333622662386</v>
      </c>
      <c r="P7085" s="236" t="str">
        <f t="shared" si="1646"/>
        <v>SAND</v>
      </c>
      <c r="Q7085" s="236" t="e">
        <f t="shared" si="1642"/>
        <v>#N/A</v>
      </c>
      <c r="R7085" s="238">
        <v>35</v>
      </c>
      <c r="S7085" s="236" t="e">
        <f t="shared" si="1647"/>
        <v>#N/A</v>
      </c>
      <c r="T7085" s="236">
        <f t="shared" si="1634"/>
        <v>34.324481093165033</v>
      </c>
    </row>
    <row r="7086" spans="2:20" x14ac:dyDescent="0.2">
      <c r="B7086" s="239">
        <v>70.56</v>
      </c>
      <c r="C7086" s="3">
        <f t="shared" si="1635"/>
        <v>70.552999999999997</v>
      </c>
      <c r="D7086" s="239">
        <v>23.0182</v>
      </c>
      <c r="E7086" s="239">
        <v>6.3399999999999998E-2</v>
      </c>
      <c r="F7086" s="239">
        <v>0.63</v>
      </c>
      <c r="G7086">
        <f t="shared" si="1636"/>
        <v>23.144200000000001</v>
      </c>
      <c r="H7086" s="235">
        <f t="shared" si="1637"/>
        <v>0.2739347223062365</v>
      </c>
      <c r="I7086" s="236">
        <f t="shared" si="1638"/>
        <v>19.338082006903676</v>
      </c>
      <c r="J7086" s="237">
        <f t="shared" si="1643"/>
        <v>9.3380820069036758</v>
      </c>
      <c r="K7086" s="237">
        <f t="shared" si="1639"/>
        <v>1364.359699833075</v>
      </c>
      <c r="L7086" s="237">
        <f t="shared" si="1644"/>
        <v>658.89506640712341</v>
      </c>
      <c r="M7086" s="236">
        <f t="shared" si="1640"/>
        <v>33.05509695030775</v>
      </c>
      <c r="N7086" s="236">
        <f t="shared" si="1641"/>
        <v>0.29109488006445156</v>
      </c>
      <c r="O7086" s="236">
        <f t="shared" si="1645"/>
        <v>2.0672140602987654</v>
      </c>
      <c r="P7086" s="236" t="str">
        <f t="shared" si="1646"/>
        <v>SAND</v>
      </c>
      <c r="Q7086" s="236" t="e">
        <f t="shared" si="1642"/>
        <v>#N/A</v>
      </c>
      <c r="R7086" s="238">
        <v>35</v>
      </c>
      <c r="S7086" s="236" t="e">
        <f t="shared" si="1647"/>
        <v>#N/A</v>
      </c>
      <c r="T7086" s="236">
        <f t="shared" si="1634"/>
        <v>34.311622788088094</v>
      </c>
    </row>
    <row r="7087" spans="2:20" x14ac:dyDescent="0.2">
      <c r="B7087" s="239">
        <v>70.570999999999998</v>
      </c>
      <c r="C7087" s="3">
        <f t="shared" si="1635"/>
        <v>70.563999999999993</v>
      </c>
      <c r="D7087" s="239">
        <v>22.5199</v>
      </c>
      <c r="E7087" s="239">
        <v>6.3200000000000006E-2</v>
      </c>
      <c r="F7087" s="239">
        <v>0.64459999999999995</v>
      </c>
      <c r="G7087">
        <f t="shared" si="1636"/>
        <v>22.648820000000001</v>
      </c>
      <c r="H7087" s="235">
        <f t="shared" si="1637"/>
        <v>0.27904323492349714</v>
      </c>
      <c r="I7087" s="236">
        <f t="shared" si="1638"/>
        <v>19.325920187981879</v>
      </c>
      <c r="J7087" s="237">
        <f t="shared" si="1643"/>
        <v>9.3259201879818789</v>
      </c>
      <c r="K7087" s="237">
        <f t="shared" si="1639"/>
        <v>1363.7142321447532</v>
      </c>
      <c r="L7087" s="237">
        <f t="shared" si="1644"/>
        <v>658.13951358606914</v>
      </c>
      <c r="M7087" s="236">
        <f t="shared" si="1640"/>
        <v>32.341327831658383</v>
      </c>
      <c r="N7087" s="236">
        <f t="shared" si="1641"/>
        <v>0.29692124008819637</v>
      </c>
      <c r="O7087" s="236">
        <f t="shared" si="1645"/>
        <v>2.0790144835024256</v>
      </c>
      <c r="P7087" s="236" t="str">
        <f t="shared" si="1646"/>
        <v>SAND</v>
      </c>
      <c r="Q7087" s="236" t="e">
        <f t="shared" si="1642"/>
        <v>#N/A</v>
      </c>
      <c r="R7087" s="238">
        <v>35</v>
      </c>
      <c r="S7087" s="236" t="e">
        <f t="shared" si="1647"/>
        <v>#N/A</v>
      </c>
      <c r="T7087" s="236">
        <f t="shared" si="1634"/>
        <v>34.207336313493208</v>
      </c>
    </row>
    <row r="7088" spans="2:20" x14ac:dyDescent="0.2">
      <c r="B7088" s="239">
        <v>70.581999999999994</v>
      </c>
      <c r="C7088" s="3">
        <f t="shared" si="1635"/>
        <v>70.574999999999989</v>
      </c>
      <c r="D7088" s="239">
        <v>22.305399999999999</v>
      </c>
      <c r="E7088" s="239">
        <v>6.59E-2</v>
      </c>
      <c r="F7088" s="239">
        <v>0.63729999999999998</v>
      </c>
      <c r="G7088">
        <f t="shared" si="1636"/>
        <v>22.432859999999998</v>
      </c>
      <c r="H7088" s="235">
        <f t="shared" si="1637"/>
        <v>0.29376548509641665</v>
      </c>
      <c r="I7088" s="236">
        <f t="shared" si="1638"/>
        <v>19.371229855175216</v>
      </c>
      <c r="J7088" s="237">
        <f t="shared" si="1643"/>
        <v>9.3712298551752156</v>
      </c>
      <c r="K7088" s="237">
        <f t="shared" si="1639"/>
        <v>1367.1245470289907</v>
      </c>
      <c r="L7088" s="237">
        <f t="shared" si="1644"/>
        <v>661.44014563797703</v>
      </c>
      <c r="M7088" s="236">
        <f t="shared" si="1640"/>
        <v>31.848286790413258</v>
      </c>
      <c r="N7088" s="236">
        <f t="shared" si="1641"/>
        <v>0.31283028379009575</v>
      </c>
      <c r="O7088" s="236">
        <f t="shared" si="1645"/>
        <v>2.0929445883807807</v>
      </c>
      <c r="P7088" s="236" t="str">
        <f t="shared" si="1646"/>
        <v>SAND</v>
      </c>
      <c r="Q7088" s="236" t="e">
        <f t="shared" si="1642"/>
        <v>#N/A</v>
      </c>
      <c r="R7088" s="238">
        <v>35</v>
      </c>
      <c r="S7088" s="236" t="e">
        <f t="shared" si="1647"/>
        <v>#N/A</v>
      </c>
      <c r="T7088" s="236">
        <f t="shared" si="1634"/>
        <v>34.133946829058658</v>
      </c>
    </row>
    <row r="7089" spans="2:20" x14ac:dyDescent="0.2">
      <c r="B7089" s="239">
        <v>70.590999999999994</v>
      </c>
      <c r="C7089" s="3">
        <f t="shared" si="1635"/>
        <v>70.583999999999989</v>
      </c>
      <c r="D7089" s="239">
        <v>22.1098</v>
      </c>
      <c r="E7089" s="239">
        <v>6.7100000000000007E-2</v>
      </c>
      <c r="F7089" s="239">
        <v>0.64400000000000002</v>
      </c>
      <c r="G7089">
        <f t="shared" si="1636"/>
        <v>22.238599999999998</v>
      </c>
      <c r="H7089" s="235">
        <f t="shared" si="1637"/>
        <v>0.30172762673909331</v>
      </c>
      <c r="I7089" s="236">
        <f t="shared" si="1638"/>
        <v>19.388990557870045</v>
      </c>
      <c r="J7089" s="237">
        <f t="shared" si="1643"/>
        <v>9.388990557870045</v>
      </c>
      <c r="K7089" s="237">
        <f t="shared" si="1639"/>
        <v>1368.5525095366991</v>
      </c>
      <c r="L7089" s="237">
        <f t="shared" si="1644"/>
        <v>662.77823247060428</v>
      </c>
      <c r="M7089" s="236">
        <f t="shared" si="1640"/>
        <v>31.488734041048843</v>
      </c>
      <c r="N7089" s="236">
        <f t="shared" si="1641"/>
        <v>0.32151340350644519</v>
      </c>
      <c r="O7089" s="236">
        <f t="shared" si="1645"/>
        <v>2.1016637262428888</v>
      </c>
      <c r="P7089" s="236" t="str">
        <f t="shared" si="1646"/>
        <v>SAND</v>
      </c>
      <c r="Q7089" s="236" t="e">
        <f t="shared" si="1642"/>
        <v>#N/A</v>
      </c>
      <c r="R7089" s="238">
        <v>35</v>
      </c>
      <c r="S7089" s="236" t="e">
        <f t="shared" si="1647"/>
        <v>#N/A</v>
      </c>
      <c r="T7089" s="236">
        <f t="shared" si="1634"/>
        <v>34.079707208874815</v>
      </c>
    </row>
    <row r="7090" spans="2:20" x14ac:dyDescent="0.2">
      <c r="B7090" s="239">
        <v>70.600999999999999</v>
      </c>
      <c r="C7090" s="3">
        <f t="shared" si="1635"/>
        <v>70.593999999999994</v>
      </c>
      <c r="D7090" s="239">
        <v>21.809899999999999</v>
      </c>
      <c r="E7090" s="239">
        <v>6.8599999999999994E-2</v>
      </c>
      <c r="F7090" s="239">
        <v>0.65090000000000003</v>
      </c>
      <c r="G7090">
        <f t="shared" si="1636"/>
        <v>21.940079999999998</v>
      </c>
      <c r="H7090" s="235">
        <f t="shared" si="1637"/>
        <v>0.31266978060244083</v>
      </c>
      <c r="I7090" s="236">
        <f t="shared" si="1638"/>
        <v>19.409632552917284</v>
      </c>
      <c r="J7090" s="237">
        <f t="shared" si="1643"/>
        <v>9.4096325529172837</v>
      </c>
      <c r="K7090" s="237">
        <f t="shared" si="1639"/>
        <v>1370.2036004406425</v>
      </c>
      <c r="L7090" s="237">
        <f t="shared" si="1644"/>
        <v>664.32946786851312</v>
      </c>
      <c r="M7090" s="236">
        <f t="shared" si="1640"/>
        <v>30.963365911732566</v>
      </c>
      <c r="N7090" s="236">
        <f t="shared" si="1641"/>
        <v>0.3334973855334859</v>
      </c>
      <c r="O7090" s="236">
        <f t="shared" si="1645"/>
        <v>2.1140549544491991</v>
      </c>
      <c r="P7090" s="236" t="str">
        <f t="shared" si="1646"/>
        <v>SAND</v>
      </c>
      <c r="Q7090" s="236" t="e">
        <f t="shared" si="1642"/>
        <v>#N/A</v>
      </c>
      <c r="R7090" s="238">
        <v>35</v>
      </c>
      <c r="S7090" s="236" t="e">
        <f t="shared" si="1647"/>
        <v>#N/A</v>
      </c>
      <c r="T7090" s="236">
        <f t="shared" si="1634"/>
        <v>33.999329816169634</v>
      </c>
    </row>
    <row r="7091" spans="2:20" x14ac:dyDescent="0.2">
      <c r="B7091" s="239">
        <v>70.613</v>
      </c>
      <c r="C7091" s="3">
        <f t="shared" si="1635"/>
        <v>70.605999999999995</v>
      </c>
      <c r="D7091" s="239">
        <v>21.834399999999999</v>
      </c>
      <c r="E7091" s="239">
        <v>7.0900000000000005E-2</v>
      </c>
      <c r="F7091" s="239">
        <v>0.62709999999999999</v>
      </c>
      <c r="G7091">
        <f t="shared" si="1636"/>
        <v>21.959819999999997</v>
      </c>
      <c r="H7091" s="235">
        <f t="shared" si="1637"/>
        <v>0.32286239140393691</v>
      </c>
      <c r="I7091" s="236">
        <f t="shared" si="1638"/>
        <v>19.448653787752132</v>
      </c>
      <c r="J7091" s="237">
        <f t="shared" si="1643"/>
        <v>9.4486537877521322</v>
      </c>
      <c r="K7091" s="237">
        <f t="shared" si="1639"/>
        <v>1373.191649338027</v>
      </c>
      <c r="L7091" s="237">
        <f t="shared" si="1644"/>
        <v>667.19778991454132</v>
      </c>
      <c r="M7091" s="236">
        <f t="shared" si="1640"/>
        <v>30.855360527046752</v>
      </c>
      <c r="N7091" s="236">
        <f t="shared" si="1641"/>
        <v>0.34439830938960048</v>
      </c>
      <c r="O7091" s="236">
        <f t="shared" si="1645"/>
        <v>2.1204227281931494</v>
      </c>
      <c r="P7091" s="236" t="str">
        <f t="shared" si="1646"/>
        <v>SAND</v>
      </c>
      <c r="Q7091" s="236" t="e">
        <f t="shared" si="1642"/>
        <v>#N/A</v>
      </c>
      <c r="R7091" s="238">
        <v>35</v>
      </c>
      <c r="S7091" s="236" t="e">
        <f t="shared" si="1647"/>
        <v>#N/A</v>
      </c>
      <c r="T7091" s="236">
        <f t="shared" si="1634"/>
        <v>33.982636877859534</v>
      </c>
    </row>
    <row r="7092" spans="2:20" x14ac:dyDescent="0.2">
      <c r="B7092" s="239">
        <v>70.623000000000005</v>
      </c>
      <c r="C7092" s="3">
        <f t="shared" si="1635"/>
        <v>70.616</v>
      </c>
      <c r="D7092" s="239">
        <v>21.6568</v>
      </c>
      <c r="E7092" s="239">
        <v>7.0300000000000001E-2</v>
      </c>
      <c r="F7092" s="239">
        <v>0.65080000000000005</v>
      </c>
      <c r="G7092">
        <f t="shared" si="1636"/>
        <v>21.786960000000001</v>
      </c>
      <c r="H7092" s="235">
        <f t="shared" si="1637"/>
        <v>0.3226700742095272</v>
      </c>
      <c r="I7092" s="236">
        <f t="shared" si="1638"/>
        <v>19.435599404389524</v>
      </c>
      <c r="J7092" s="237">
        <f t="shared" si="1643"/>
        <v>9.4355994043895244</v>
      </c>
      <c r="K7092" s="237">
        <f t="shared" si="1639"/>
        <v>1372.4642875403706</v>
      </c>
      <c r="L7092" s="237">
        <f t="shared" si="1644"/>
        <v>666.37033673620147</v>
      </c>
      <c r="M7092" s="236">
        <f t="shared" si="1640"/>
        <v>30.635360830206331</v>
      </c>
      <c r="N7092" s="236">
        <f t="shared" si="1641"/>
        <v>0.34436314758974734</v>
      </c>
      <c r="O7092" s="236">
        <f t="shared" si="1645"/>
        <v>2.1233100157142397</v>
      </c>
      <c r="P7092" s="236" t="str">
        <f t="shared" si="1646"/>
        <v>SAND</v>
      </c>
      <c r="Q7092" s="236" t="e">
        <f t="shared" si="1642"/>
        <v>#N/A</v>
      </c>
      <c r="R7092" s="238">
        <v>35</v>
      </c>
      <c r="S7092" s="236" t="e">
        <f t="shared" si="1647"/>
        <v>#N/A</v>
      </c>
      <c r="T7092" s="236">
        <f t="shared" si="1634"/>
        <v>33.948452999083656</v>
      </c>
    </row>
    <row r="7093" spans="2:20" x14ac:dyDescent="0.2">
      <c r="B7093" s="239">
        <v>70.632999999999996</v>
      </c>
      <c r="C7093" s="3">
        <f t="shared" si="1635"/>
        <v>70.625999999999991</v>
      </c>
      <c r="D7093" s="239">
        <v>21.6312</v>
      </c>
      <c r="E7093" s="239">
        <v>7.1400000000000005E-2</v>
      </c>
      <c r="F7093" s="239">
        <v>0.65329999999999999</v>
      </c>
      <c r="G7093">
        <f t="shared" si="1636"/>
        <v>21.761859999999999</v>
      </c>
      <c r="H7093" s="235">
        <f t="shared" si="1637"/>
        <v>0.32809695494778485</v>
      </c>
      <c r="I7093" s="236">
        <f t="shared" si="1638"/>
        <v>19.4533546370122</v>
      </c>
      <c r="J7093" s="237">
        <f t="shared" si="1643"/>
        <v>9.4533546370122004</v>
      </c>
      <c r="K7093" s="237">
        <f t="shared" si="1639"/>
        <v>1373.9126245936234</v>
      </c>
      <c r="L7093" s="237">
        <f t="shared" si="1644"/>
        <v>667.71879807608275</v>
      </c>
      <c r="M7093" s="236">
        <f t="shared" si="1640"/>
        <v>30.533732814098911</v>
      </c>
      <c r="N7093" s="236">
        <f t="shared" si="1641"/>
        <v>0.35020690746989364</v>
      </c>
      <c r="O7093" s="236">
        <f t="shared" si="1645"/>
        <v>2.1272731607857178</v>
      </c>
      <c r="P7093" s="236" t="str">
        <f t="shared" si="1646"/>
        <v>SAND</v>
      </c>
      <c r="Q7093" s="236" t="e">
        <f t="shared" si="1642"/>
        <v>#N/A</v>
      </c>
      <c r="R7093" s="238">
        <v>35</v>
      </c>
      <c r="S7093" s="236" t="e">
        <f t="shared" si="1647"/>
        <v>#N/A</v>
      </c>
      <c r="T7093" s="236">
        <f t="shared" si="1634"/>
        <v>33.932578910702858</v>
      </c>
    </row>
    <row r="7094" spans="2:20" x14ac:dyDescent="0.2">
      <c r="B7094" s="239">
        <v>70.643000000000001</v>
      </c>
      <c r="C7094" s="3">
        <f t="shared" si="1635"/>
        <v>70.635999999999996</v>
      </c>
      <c r="D7094" s="239">
        <v>21.638100000000001</v>
      </c>
      <c r="E7094" s="239">
        <v>7.1400000000000005E-2</v>
      </c>
      <c r="F7094" s="239">
        <v>0.64849999999999997</v>
      </c>
      <c r="G7094">
        <f t="shared" si="1636"/>
        <v>21.767800000000001</v>
      </c>
      <c r="H7094" s="235">
        <f t="shared" si="1637"/>
        <v>0.32800742380948006</v>
      </c>
      <c r="I7094" s="236">
        <f t="shared" si="1638"/>
        <v>19.453461310866977</v>
      </c>
      <c r="J7094" s="237">
        <f t="shared" si="1643"/>
        <v>9.4534613108669774</v>
      </c>
      <c r="K7094" s="237">
        <f t="shared" si="1639"/>
        <v>1374.1146931543997</v>
      </c>
      <c r="L7094" s="237">
        <f t="shared" si="1644"/>
        <v>667.82086738357589</v>
      </c>
      <c r="M7094" s="236">
        <f t="shared" si="1640"/>
        <v>30.537658079995417</v>
      </c>
      <c r="N7094" s="236">
        <f t="shared" si="1641"/>
        <v>0.35010837387018506</v>
      </c>
      <c r="O7094" s="236">
        <f t="shared" si="1645"/>
        <v>2.1271771540495767</v>
      </c>
      <c r="P7094" s="236" t="str">
        <f t="shared" si="1646"/>
        <v>SAND</v>
      </c>
      <c r="Q7094" s="236" t="e">
        <f t="shared" si="1642"/>
        <v>#N/A</v>
      </c>
      <c r="R7094" s="238">
        <v>35</v>
      </c>
      <c r="S7094" s="236" t="e">
        <f t="shared" si="1647"/>
        <v>#N/A</v>
      </c>
      <c r="T7094" s="236">
        <f t="shared" si="1634"/>
        <v>33.933193009522569</v>
      </c>
    </row>
    <row r="7095" spans="2:20" x14ac:dyDescent="0.2">
      <c r="B7095" s="239">
        <v>70.653000000000006</v>
      </c>
      <c r="C7095" s="3">
        <f t="shared" si="1635"/>
        <v>70.646000000000001</v>
      </c>
      <c r="D7095" s="239">
        <v>21.871500000000001</v>
      </c>
      <c r="E7095" s="239">
        <v>7.4899999999999994E-2</v>
      </c>
      <c r="F7095" s="239">
        <v>0.64580000000000004</v>
      </c>
      <c r="G7095">
        <f t="shared" si="1636"/>
        <v>22.00066</v>
      </c>
      <c r="H7095" s="235">
        <f t="shared" si="1637"/>
        <v>0.34044433212458169</v>
      </c>
      <c r="I7095" s="236">
        <f t="shared" si="1638"/>
        <v>19.513736100686156</v>
      </c>
      <c r="J7095" s="237">
        <f t="shared" si="1643"/>
        <v>9.513736100686156</v>
      </c>
      <c r="K7095" s="237">
        <f t="shared" si="1639"/>
        <v>1378.5674005690742</v>
      </c>
      <c r="L7095" s="237">
        <f t="shared" si="1644"/>
        <v>672.17399672177908</v>
      </c>
      <c r="M7095" s="236">
        <f t="shared" si="1640"/>
        <v>30.679694097072694</v>
      </c>
      <c r="N7095" s="236">
        <f t="shared" si="1641"/>
        <v>0.36320271397708148</v>
      </c>
      <c r="O7095" s="236">
        <f t="shared" si="1645"/>
        <v>2.1310824601427911</v>
      </c>
      <c r="P7095" s="236" t="str">
        <f t="shared" si="1646"/>
        <v>SAND</v>
      </c>
      <c r="Q7095" s="236" t="e">
        <f t="shared" si="1642"/>
        <v>#N/A</v>
      </c>
      <c r="R7095" s="238">
        <v>35</v>
      </c>
      <c r="S7095" s="236" t="e">
        <f t="shared" si="1647"/>
        <v>#N/A</v>
      </c>
      <c r="T7095" s="236">
        <f t="shared" si="1634"/>
        <v>33.955361275100742</v>
      </c>
    </row>
    <row r="7096" spans="2:20" x14ac:dyDescent="0.2">
      <c r="B7096" s="239">
        <v>70.664000000000001</v>
      </c>
      <c r="C7096" s="3">
        <f t="shared" si="1635"/>
        <v>70.656999999999996</v>
      </c>
      <c r="D7096" s="239">
        <v>22.252300000000002</v>
      </c>
      <c r="E7096" s="239">
        <v>7.4399999999999994E-2</v>
      </c>
      <c r="F7096" s="239">
        <v>0.64419999999999999</v>
      </c>
      <c r="G7096">
        <f t="shared" si="1636"/>
        <v>22.381140000000002</v>
      </c>
      <c r="H7096" s="235">
        <f t="shared" si="1637"/>
        <v>0.3324227452220932</v>
      </c>
      <c r="I7096" s="236">
        <f t="shared" si="1638"/>
        <v>19.512583963837503</v>
      </c>
      <c r="J7096" s="237">
        <f t="shared" si="1643"/>
        <v>9.5125839638375034</v>
      </c>
      <c r="K7096" s="237">
        <f t="shared" si="1639"/>
        <v>1378.7006451328664</v>
      </c>
      <c r="L7096" s="237">
        <f t="shared" si="1644"/>
        <v>672.19723322061338</v>
      </c>
      <c r="M7096" s="236">
        <f t="shared" si="1640"/>
        <v>31.244459686691673</v>
      </c>
      <c r="N7096" s="236">
        <f t="shared" si="1641"/>
        <v>0.35424456532359144</v>
      </c>
      <c r="O7096" s="236">
        <f t="shared" si="1645"/>
        <v>2.119752116415472</v>
      </c>
      <c r="P7096" s="236" t="str">
        <f t="shared" si="1646"/>
        <v>SAND</v>
      </c>
      <c r="Q7096" s="236" t="e">
        <f t="shared" si="1642"/>
        <v>#N/A</v>
      </c>
      <c r="R7096" s="238">
        <v>35</v>
      </c>
      <c r="S7096" s="236" t="e">
        <f t="shared" si="1647"/>
        <v>#N/A</v>
      </c>
      <c r="T7096" s="236">
        <f t="shared" si="1634"/>
        <v>34.042503206514425</v>
      </c>
    </row>
    <row r="7097" spans="2:20" x14ac:dyDescent="0.2">
      <c r="B7097" s="239">
        <v>70.673000000000002</v>
      </c>
      <c r="C7097" s="3">
        <f t="shared" si="1635"/>
        <v>70.665999999999997</v>
      </c>
      <c r="D7097" s="239">
        <v>22.633199999999999</v>
      </c>
      <c r="E7097" s="239">
        <v>7.7299999999999994E-2</v>
      </c>
      <c r="F7097" s="239">
        <v>0.65669999999999995</v>
      </c>
      <c r="G7097">
        <f t="shared" si="1636"/>
        <v>22.76454</v>
      </c>
      <c r="H7097" s="235">
        <f t="shared" si="1637"/>
        <v>0.33956319785069233</v>
      </c>
      <c r="I7097" s="236">
        <f t="shared" si="1638"/>
        <v>19.564060679064351</v>
      </c>
      <c r="J7097" s="237">
        <f t="shared" si="1643"/>
        <v>9.564060679064351</v>
      </c>
      <c r="K7097" s="237">
        <f t="shared" si="1639"/>
        <v>1382.5139119467613</v>
      </c>
      <c r="L7097" s="237">
        <f t="shared" si="1644"/>
        <v>675.92086037151489</v>
      </c>
      <c r="M7097" s="236">
        <f t="shared" si="1640"/>
        <v>31.633919503979754</v>
      </c>
      <c r="N7097" s="236">
        <f t="shared" si="1641"/>
        <v>0.36151859361536254</v>
      </c>
      <c r="O7097" s="236">
        <f t="shared" si="1645"/>
        <v>2.1179670616162665</v>
      </c>
      <c r="P7097" s="236" t="str">
        <f t="shared" si="1646"/>
        <v>SAND</v>
      </c>
      <c r="Q7097" s="236" t="e">
        <f t="shared" si="1642"/>
        <v>#N/A</v>
      </c>
      <c r="R7097" s="238">
        <v>35</v>
      </c>
      <c r="S7097" s="236" t="e">
        <f t="shared" si="1647"/>
        <v>#N/A</v>
      </c>
      <c r="T7097" s="236">
        <f t="shared" si="1634"/>
        <v>34.101683056960056</v>
      </c>
    </row>
    <row r="7098" spans="2:20" x14ac:dyDescent="0.2">
      <c r="B7098" s="239">
        <v>70.683000000000007</v>
      </c>
      <c r="C7098" s="3">
        <f t="shared" si="1635"/>
        <v>70.676000000000002</v>
      </c>
      <c r="D7098" s="239">
        <v>23.2349</v>
      </c>
      <c r="E7098" s="239">
        <v>8.1100000000000005E-2</v>
      </c>
      <c r="F7098" s="239">
        <v>0.65129999999999999</v>
      </c>
      <c r="G7098">
        <f t="shared" si="1636"/>
        <v>23.365159999999999</v>
      </c>
      <c r="H7098" s="235">
        <f t="shared" si="1637"/>
        <v>0.34709798691727345</v>
      </c>
      <c r="I7098" s="236">
        <f t="shared" si="1638"/>
        <v>19.630511244152608</v>
      </c>
      <c r="J7098" s="237">
        <f t="shared" si="1643"/>
        <v>9.6305112441526077</v>
      </c>
      <c r="K7098" s="237">
        <f t="shared" si="1639"/>
        <v>1387.4060126917298</v>
      </c>
      <c r="L7098" s="237">
        <f t="shared" si="1644"/>
        <v>680.71342627043884</v>
      </c>
      <c r="M7098" s="236">
        <f t="shared" si="1640"/>
        <v>32.286353021890868</v>
      </c>
      <c r="N7098" s="236">
        <f t="shared" si="1641"/>
        <v>0.36900949954592127</v>
      </c>
      <c r="O7098" s="236">
        <f t="shared" si="1645"/>
        <v>2.1130249920403035</v>
      </c>
      <c r="P7098" s="236" t="str">
        <f t="shared" si="1646"/>
        <v>SAND</v>
      </c>
      <c r="Q7098" s="236" t="e">
        <f t="shared" si="1642"/>
        <v>#N/A</v>
      </c>
      <c r="R7098" s="238">
        <v>35</v>
      </c>
      <c r="S7098" s="236" t="e">
        <f t="shared" si="1647"/>
        <v>#N/A</v>
      </c>
      <c r="T7098" s="236">
        <f t="shared" si="1634"/>
        <v>34.199208901781731</v>
      </c>
    </row>
    <row r="7099" spans="2:20" x14ac:dyDescent="0.2">
      <c r="B7099" s="239">
        <v>70.692999999999998</v>
      </c>
      <c r="C7099" s="3">
        <f t="shared" si="1635"/>
        <v>70.685999999999993</v>
      </c>
      <c r="D7099" s="239">
        <v>23.9117</v>
      </c>
      <c r="E7099" s="239">
        <v>7.9600000000000004E-2</v>
      </c>
      <c r="F7099" s="239">
        <v>0.62350000000000005</v>
      </c>
      <c r="G7099">
        <f t="shared" si="1636"/>
        <v>24.0364</v>
      </c>
      <c r="H7099" s="235">
        <f t="shared" si="1637"/>
        <v>0.33116440065900055</v>
      </c>
      <c r="I7099" s="236">
        <f t="shared" si="1638"/>
        <v>19.619690817687388</v>
      </c>
      <c r="J7099" s="237">
        <f t="shared" si="1643"/>
        <v>9.6196908176873883</v>
      </c>
      <c r="K7099" s="237">
        <f t="shared" si="1639"/>
        <v>1386.8374651390507</v>
      </c>
      <c r="L7099" s="237">
        <f t="shared" si="1644"/>
        <v>680.04480297477448</v>
      </c>
      <c r="M7099" s="236">
        <f t="shared" si="1640"/>
        <v>33.30598577591234</v>
      </c>
      <c r="N7099" s="236">
        <f t="shared" si="1641"/>
        <v>0.35144166637869539</v>
      </c>
      <c r="O7099" s="236">
        <f t="shared" si="1645"/>
        <v>2.092653966134586</v>
      </c>
      <c r="P7099" s="236" t="str">
        <f t="shared" si="1646"/>
        <v>SAND</v>
      </c>
      <c r="Q7099" s="236" t="e">
        <f t="shared" si="1642"/>
        <v>#N/A</v>
      </c>
      <c r="R7099" s="238">
        <v>35</v>
      </c>
      <c r="S7099" s="236" t="e">
        <f t="shared" si="1647"/>
        <v>#N/A</v>
      </c>
      <c r="T7099" s="236">
        <f t="shared" si="1634"/>
        <v>34.347745214641009</v>
      </c>
    </row>
    <row r="7100" spans="2:20" x14ac:dyDescent="0.2">
      <c r="B7100" s="239">
        <v>70.703999999999994</v>
      </c>
      <c r="C7100" s="3">
        <f t="shared" si="1635"/>
        <v>70.696999999999989</v>
      </c>
      <c r="D7100" s="239">
        <v>24.550999999999998</v>
      </c>
      <c r="E7100" s="239">
        <v>8.1600000000000006E-2</v>
      </c>
      <c r="F7100" s="239">
        <v>0.61439999999999995</v>
      </c>
      <c r="G7100">
        <f t="shared" si="1636"/>
        <v>24.673879999999997</v>
      </c>
      <c r="H7100" s="235">
        <f t="shared" si="1637"/>
        <v>0.33071409928231804</v>
      </c>
      <c r="I7100" s="236">
        <f t="shared" si="1638"/>
        <v>19.659020186431164</v>
      </c>
      <c r="J7100" s="237">
        <f t="shared" si="1643"/>
        <v>9.6590201864311638</v>
      </c>
      <c r="K7100" s="237">
        <f t="shared" si="1639"/>
        <v>1389.8337501201238</v>
      </c>
      <c r="L7100" s="237">
        <f t="shared" si="1644"/>
        <v>682.93136326142894</v>
      </c>
      <c r="M7100" s="236">
        <f t="shared" si="1640"/>
        <v>34.094269940516178</v>
      </c>
      <c r="N7100" s="236">
        <f t="shared" si="1641"/>
        <v>0.35045455211815257</v>
      </c>
      <c r="O7100" s="236">
        <f t="shared" si="1645"/>
        <v>2.0827541912023437</v>
      </c>
      <c r="P7100" s="236" t="str">
        <f t="shared" si="1646"/>
        <v>SAND</v>
      </c>
      <c r="Q7100" s="236" t="e">
        <f t="shared" si="1642"/>
        <v>#N/A</v>
      </c>
      <c r="R7100" s="238">
        <v>35</v>
      </c>
      <c r="S7100" s="236" t="e">
        <f t="shared" si="1647"/>
        <v>#N/A</v>
      </c>
      <c r="T7100" s="236">
        <f t="shared" si="1634"/>
        <v>34.459495348813931</v>
      </c>
    </row>
    <row r="7101" spans="2:20" x14ac:dyDescent="0.2">
      <c r="B7101" s="239">
        <v>70.713999999999999</v>
      </c>
      <c r="C7101" s="3">
        <f t="shared" si="1635"/>
        <v>70.706999999999994</v>
      </c>
      <c r="D7101" s="239">
        <v>25.071999999999999</v>
      </c>
      <c r="E7101" s="239">
        <v>8.1600000000000006E-2</v>
      </c>
      <c r="F7101" s="239">
        <v>0.57689999999999997</v>
      </c>
      <c r="G7101">
        <f t="shared" si="1636"/>
        <v>25.187379999999997</v>
      </c>
      <c r="H7101" s="235">
        <f t="shared" si="1637"/>
        <v>0.32397176681338041</v>
      </c>
      <c r="I7101" s="236">
        <f t="shared" si="1638"/>
        <v>19.667071177964374</v>
      </c>
      <c r="J7101" s="237">
        <f t="shared" si="1643"/>
        <v>9.6670711779643739</v>
      </c>
      <c r="K7101" s="237">
        <f t="shared" si="1639"/>
        <v>1390.5996017803268</v>
      </c>
      <c r="L7101" s="237">
        <f t="shared" si="1644"/>
        <v>683.59727127857275</v>
      </c>
      <c r="M7101" s="236">
        <f t="shared" si="1640"/>
        <v>34.81111086606758</v>
      </c>
      <c r="N7101" s="236">
        <f t="shared" si="1641"/>
        <v>0.34290352995023149</v>
      </c>
      <c r="O7101" s="236">
        <f t="shared" si="1645"/>
        <v>2.0708830503147539</v>
      </c>
      <c r="P7101" s="236" t="str">
        <f t="shared" si="1646"/>
        <v>SAND</v>
      </c>
      <c r="Q7101" s="236" t="e">
        <f t="shared" si="1642"/>
        <v>#N/A</v>
      </c>
      <c r="R7101" s="238">
        <v>35</v>
      </c>
      <c r="S7101" s="236" t="e">
        <f t="shared" si="1647"/>
        <v>#N/A</v>
      </c>
      <c r="T7101" s="236">
        <f t="shared" si="1634"/>
        <v>34.558896706238087</v>
      </c>
    </row>
    <row r="7102" spans="2:20" x14ac:dyDescent="0.2">
      <c r="B7102" s="239">
        <v>70.724000000000004</v>
      </c>
      <c r="C7102" s="3">
        <f t="shared" si="1635"/>
        <v>70.716999999999999</v>
      </c>
      <c r="D7102" s="239">
        <v>25.403600000000001</v>
      </c>
      <c r="E7102" s="239">
        <v>7.9500000000000001E-2</v>
      </c>
      <c r="F7102" s="239">
        <v>0.58740000000000003</v>
      </c>
      <c r="G7102">
        <f t="shared" si="1636"/>
        <v>25.521080000000001</v>
      </c>
      <c r="H7102" s="235">
        <f t="shared" si="1637"/>
        <v>0.31150719326925036</v>
      </c>
      <c r="I7102" s="236">
        <f t="shared" si="1638"/>
        <v>19.641643445759371</v>
      </c>
      <c r="J7102" s="237">
        <f t="shared" si="1643"/>
        <v>9.6416434457593709</v>
      </c>
      <c r="K7102" s="237">
        <f t="shared" si="1639"/>
        <v>1388.9980995537653</v>
      </c>
      <c r="L7102" s="237">
        <f t="shared" si="1644"/>
        <v>681.89559105788578</v>
      </c>
      <c r="M7102" s="236">
        <f t="shared" si="1640"/>
        <v>35.389702202074623</v>
      </c>
      <c r="N7102" s="236">
        <f t="shared" si="1641"/>
        <v>0.3294369724417765</v>
      </c>
      <c r="O7102" s="236">
        <f t="shared" si="1645"/>
        <v>2.0579168974729565</v>
      </c>
      <c r="P7102" s="236" t="str">
        <f t="shared" si="1646"/>
        <v>SAND</v>
      </c>
      <c r="Q7102" s="236" t="e">
        <f t="shared" si="1642"/>
        <v>#N/A</v>
      </c>
      <c r="R7102" s="238">
        <v>35</v>
      </c>
      <c r="S7102" s="236" t="e">
        <f t="shared" si="1647"/>
        <v>#N/A</v>
      </c>
      <c r="T7102" s="236">
        <f t="shared" si="1634"/>
        <v>34.637645989579532</v>
      </c>
    </row>
    <row r="7103" spans="2:20" x14ac:dyDescent="0.2">
      <c r="B7103" s="239">
        <v>70.733000000000004</v>
      </c>
      <c r="C7103" s="3">
        <f t="shared" si="1635"/>
        <v>70.725999999999999</v>
      </c>
      <c r="D7103" s="239">
        <v>25.623200000000001</v>
      </c>
      <c r="E7103" s="239">
        <v>7.9000000000000001E-2</v>
      </c>
      <c r="F7103" s="239">
        <v>0.59589999999999999</v>
      </c>
      <c r="G7103">
        <f t="shared" si="1636"/>
        <v>25.742380000000001</v>
      </c>
      <c r="H7103" s="235">
        <f t="shared" si="1637"/>
        <v>0.30688693120061161</v>
      </c>
      <c r="I7103" s="236">
        <f t="shared" si="1638"/>
        <v>19.637620028097231</v>
      </c>
      <c r="J7103" s="237">
        <f t="shared" si="1643"/>
        <v>9.6376200280972313</v>
      </c>
      <c r="K7103" s="237">
        <f t="shared" si="1639"/>
        <v>1388.8903141072049</v>
      </c>
      <c r="L7103" s="237">
        <f t="shared" si="1644"/>
        <v>681.69777744740145</v>
      </c>
      <c r="M7103" s="236">
        <f t="shared" si="1640"/>
        <v>35.724760284658352</v>
      </c>
      <c r="N7103" s="236">
        <f t="shared" si="1641"/>
        <v>0.32438882894783733</v>
      </c>
      <c r="O7103" s="236">
        <f t="shared" si="1645"/>
        <v>2.0516978214801855</v>
      </c>
      <c r="P7103" s="236" t="str">
        <f t="shared" si="1646"/>
        <v>SAND</v>
      </c>
      <c r="Q7103" s="236" t="e">
        <f t="shared" si="1642"/>
        <v>#N/A</v>
      </c>
      <c r="R7103" s="238">
        <v>35</v>
      </c>
      <c r="S7103" s="236" t="e">
        <f t="shared" si="1647"/>
        <v>#N/A</v>
      </c>
      <c r="T7103" s="236">
        <f t="shared" si="1634"/>
        <v>34.682662556630717</v>
      </c>
    </row>
    <row r="7104" spans="2:20" x14ac:dyDescent="0.2">
      <c r="B7104" s="239">
        <v>70.744</v>
      </c>
      <c r="C7104" s="3">
        <f t="shared" si="1635"/>
        <v>70.736999999999995</v>
      </c>
      <c r="D7104" s="239">
        <v>25.82</v>
      </c>
      <c r="E7104" s="239">
        <v>8.1799999999999998E-2</v>
      </c>
      <c r="F7104" s="239">
        <v>0.60719999999999996</v>
      </c>
      <c r="G7104">
        <f t="shared" si="1636"/>
        <v>25.94144</v>
      </c>
      <c r="H7104" s="235">
        <f t="shared" si="1637"/>
        <v>0.31532559487831052</v>
      </c>
      <c r="I7104" s="236">
        <f t="shared" si="1638"/>
        <v>19.681471646247907</v>
      </c>
      <c r="J7104" s="237">
        <f t="shared" si="1643"/>
        <v>9.6814716462479069</v>
      </c>
      <c r="K7104" s="237">
        <f t="shared" si="1639"/>
        <v>1392.208259840638</v>
      </c>
      <c r="L7104" s="237">
        <f t="shared" si="1644"/>
        <v>684.90603014216197</v>
      </c>
      <c r="M7104" s="236">
        <f t="shared" si="1640"/>
        <v>35.843211564459168</v>
      </c>
      <c r="N7104" s="236">
        <f t="shared" si="1641"/>
        <v>0.33320798331210422</v>
      </c>
      <c r="O7104" s="236">
        <f t="shared" si="1645"/>
        <v>2.0545371808007142</v>
      </c>
      <c r="P7104" s="236" t="str">
        <f t="shared" si="1646"/>
        <v>SAND</v>
      </c>
      <c r="Q7104" s="236" t="e">
        <f t="shared" si="1642"/>
        <v>#N/A</v>
      </c>
      <c r="R7104" s="238">
        <v>35</v>
      </c>
      <c r="S7104" s="236" t="e">
        <f t="shared" si="1647"/>
        <v>#N/A</v>
      </c>
      <c r="T7104" s="236">
        <f t="shared" si="1634"/>
        <v>34.698476072402926</v>
      </c>
    </row>
    <row r="7105" spans="2:20" x14ac:dyDescent="0.2">
      <c r="B7105" s="239">
        <v>70.754000000000005</v>
      </c>
      <c r="C7105" s="3">
        <f t="shared" si="1635"/>
        <v>70.747</v>
      </c>
      <c r="D7105" s="239">
        <v>25.8965</v>
      </c>
      <c r="E7105" s="239">
        <v>8.3900000000000002E-2</v>
      </c>
      <c r="F7105" s="239">
        <v>0.60509999999999997</v>
      </c>
      <c r="G7105">
        <f t="shared" si="1636"/>
        <v>26.017520000000001</v>
      </c>
      <c r="H7105" s="235">
        <f t="shared" si="1637"/>
        <v>0.32247500914768201</v>
      </c>
      <c r="I7105" s="236">
        <f t="shared" si="1638"/>
        <v>19.712339655993421</v>
      </c>
      <c r="J7105" s="237">
        <f t="shared" si="1643"/>
        <v>9.7123396559934214</v>
      </c>
      <c r="K7105" s="237">
        <f t="shared" si="1639"/>
        <v>1394.5888936425665</v>
      </c>
      <c r="L7105" s="237">
        <f t="shared" si="1644"/>
        <v>687.18688002015858</v>
      </c>
      <c r="M7105" s="236">
        <f t="shared" si="1640"/>
        <v>35.83149187253855</v>
      </c>
      <c r="N7105" s="236">
        <f t="shared" si="1641"/>
        <v>0.34073928744550536</v>
      </c>
      <c r="O7105" s="236">
        <f t="shared" si="1645"/>
        <v>2.0581982878901095</v>
      </c>
      <c r="P7105" s="236" t="str">
        <f t="shared" si="1646"/>
        <v>SAND</v>
      </c>
      <c r="Q7105" s="236" t="e">
        <f t="shared" si="1642"/>
        <v>#N/A</v>
      </c>
      <c r="R7105" s="238">
        <v>35</v>
      </c>
      <c r="S7105" s="236" t="e">
        <f t="shared" si="1647"/>
        <v>#N/A</v>
      </c>
      <c r="T7105" s="236">
        <f t="shared" si="1634"/>
        <v>34.696913798109421</v>
      </c>
    </row>
    <row r="7106" spans="2:20" x14ac:dyDescent="0.2">
      <c r="B7106" s="239">
        <v>70.765000000000001</v>
      </c>
      <c r="C7106" s="3">
        <f t="shared" si="1635"/>
        <v>70.757999999999996</v>
      </c>
      <c r="D7106" s="239">
        <v>26.0198</v>
      </c>
      <c r="E7106" s="239">
        <v>8.5400000000000004E-2</v>
      </c>
      <c r="F7106" s="239">
        <v>0.59279999999999999</v>
      </c>
      <c r="G7106">
        <f t="shared" si="1636"/>
        <v>26.138359999999999</v>
      </c>
      <c r="H7106" s="235">
        <f t="shared" si="1637"/>
        <v>0.32672287014181456</v>
      </c>
      <c r="I7106" s="236">
        <f t="shared" si="1638"/>
        <v>19.734929806874248</v>
      </c>
      <c r="J7106" s="237">
        <f t="shared" si="1643"/>
        <v>9.7349298068742485</v>
      </c>
      <c r="K7106" s="237">
        <f t="shared" si="1639"/>
        <v>1396.4041632748081</v>
      </c>
      <c r="L7106" s="237">
        <f t="shared" si="1644"/>
        <v>688.8923077834562</v>
      </c>
      <c r="M7106" s="236">
        <f t="shared" si="1640"/>
        <v>35.915564097868369</v>
      </c>
      <c r="N7106" s="236">
        <f t="shared" si="1641"/>
        <v>0.34516268868784561</v>
      </c>
      <c r="O7106" s="236">
        <f t="shared" si="1645"/>
        <v>2.0593063193206245</v>
      </c>
      <c r="P7106" s="236" t="str">
        <f t="shared" si="1646"/>
        <v>SAND</v>
      </c>
      <c r="Q7106" s="236" t="e">
        <f t="shared" si="1642"/>
        <v>#N/A</v>
      </c>
      <c r="R7106" s="238">
        <v>35</v>
      </c>
      <c r="S7106" s="236" t="e">
        <f t="shared" si="1647"/>
        <v>#N/A</v>
      </c>
      <c r="T7106" s="236">
        <f t="shared" si="1634"/>
        <v>34.708109611438786</v>
      </c>
    </row>
    <row r="7107" spans="2:20" x14ac:dyDescent="0.2">
      <c r="B7107" s="239">
        <v>70.774000000000001</v>
      </c>
      <c r="C7107" s="3">
        <f t="shared" si="1635"/>
        <v>70.766999999999996</v>
      </c>
      <c r="D7107" s="239">
        <v>26.098700000000001</v>
      </c>
      <c r="E7107" s="239">
        <v>8.5199999999999998E-2</v>
      </c>
      <c r="F7107" s="239">
        <v>0.5524</v>
      </c>
      <c r="G7107">
        <f t="shared" si="1636"/>
        <v>26.20918</v>
      </c>
      <c r="H7107" s="235">
        <f t="shared" si="1637"/>
        <v>0.32507693869094723</v>
      </c>
      <c r="I7107" s="236">
        <f t="shared" si="1638"/>
        <v>19.73323805040015</v>
      </c>
      <c r="J7107" s="237">
        <f t="shared" si="1643"/>
        <v>9.7332380504001499</v>
      </c>
      <c r="K7107" s="237">
        <f t="shared" si="1639"/>
        <v>1396.4620571126673</v>
      </c>
      <c r="L7107" s="237">
        <f t="shared" si="1644"/>
        <v>688.86018977902017</v>
      </c>
      <c r="M7107" s="236">
        <f t="shared" si="1640"/>
        <v>36.019962121554762</v>
      </c>
      <c r="N7107" s="236">
        <f t="shared" si="1641"/>
        <v>0.34337229881913411</v>
      </c>
      <c r="O7107" s="236">
        <f t="shared" si="1645"/>
        <v>2.0573035384929916</v>
      </c>
      <c r="P7107" s="236" t="str">
        <f t="shared" si="1646"/>
        <v>SAND</v>
      </c>
      <c r="Q7107" s="236" t="e">
        <f t="shared" si="1642"/>
        <v>#N/A</v>
      </c>
      <c r="R7107" s="238">
        <v>35</v>
      </c>
      <c r="S7107" s="236" t="e">
        <f t="shared" si="1647"/>
        <v>#N/A</v>
      </c>
      <c r="T7107" s="236">
        <f t="shared" si="1634"/>
        <v>34.721975769595943</v>
      </c>
    </row>
    <row r="7108" spans="2:20" x14ac:dyDescent="0.2">
      <c r="B7108" s="239">
        <v>70.784999999999997</v>
      </c>
      <c r="C7108" s="3">
        <f t="shared" si="1635"/>
        <v>70.777999999999992</v>
      </c>
      <c r="D7108" s="239">
        <v>26.194099999999999</v>
      </c>
      <c r="E7108" s="239">
        <v>8.72E-2</v>
      </c>
      <c r="F7108" s="239">
        <v>0.61</v>
      </c>
      <c r="G7108">
        <f t="shared" si="1636"/>
        <v>26.316099999999999</v>
      </c>
      <c r="H7108" s="235">
        <f t="shared" si="1637"/>
        <v>0.33135608999813804</v>
      </c>
      <c r="I7108" s="236">
        <f t="shared" si="1638"/>
        <v>19.762036938925476</v>
      </c>
      <c r="J7108" s="237">
        <f t="shared" si="1643"/>
        <v>9.7620369389254762</v>
      </c>
      <c r="K7108" s="237">
        <f t="shared" si="1639"/>
        <v>1398.7174504632671</v>
      </c>
      <c r="L7108" s="237">
        <f t="shared" si="1644"/>
        <v>691.00578472183975</v>
      </c>
      <c r="M7108" s="236">
        <f t="shared" si="1640"/>
        <v>36.059586041768192</v>
      </c>
      <c r="N7108" s="236">
        <f t="shared" si="1641"/>
        <v>0.34995650055395261</v>
      </c>
      <c r="O7108" s="236">
        <f t="shared" si="1645"/>
        <v>2.059904646613048</v>
      </c>
      <c r="P7108" s="236" t="str">
        <f t="shared" si="1646"/>
        <v>SAND</v>
      </c>
      <c r="Q7108" s="236" t="e">
        <f t="shared" si="1642"/>
        <v>#N/A</v>
      </c>
      <c r="R7108" s="238">
        <v>35</v>
      </c>
      <c r="S7108" s="236" t="e">
        <f t="shared" si="1647"/>
        <v>#N/A</v>
      </c>
      <c r="T7108" s="236">
        <f t="shared" si="1634"/>
        <v>34.727228104628338</v>
      </c>
    </row>
    <row r="7109" spans="2:20" x14ac:dyDescent="0.2">
      <c r="B7109" s="239">
        <v>70.795000000000002</v>
      </c>
      <c r="C7109" s="3">
        <f t="shared" si="1635"/>
        <v>70.787999999999997</v>
      </c>
      <c r="D7109" s="239">
        <v>26.479800000000001</v>
      </c>
      <c r="E7109" s="239">
        <v>8.7499999999999994E-2</v>
      </c>
      <c r="F7109" s="239">
        <v>0.64170000000000005</v>
      </c>
      <c r="G7109">
        <f t="shared" si="1636"/>
        <v>26.608140000000002</v>
      </c>
      <c r="H7109" s="235">
        <f t="shared" si="1637"/>
        <v>0.32884673637465822</v>
      </c>
      <c r="I7109" s="236">
        <f t="shared" si="1638"/>
        <v>19.770377862791094</v>
      </c>
      <c r="J7109" s="237">
        <f t="shared" si="1643"/>
        <v>9.7703778627910935</v>
      </c>
      <c r="K7109" s="237">
        <f t="shared" si="1639"/>
        <v>1399.5055081512558</v>
      </c>
      <c r="L7109" s="237">
        <f t="shared" si="1644"/>
        <v>691.69390079629545</v>
      </c>
      <c r="M7109" s="236">
        <f t="shared" si="1640"/>
        <v>36.444783542008878</v>
      </c>
      <c r="N7109" s="236">
        <f t="shared" si="1641"/>
        <v>0.34710329124845402</v>
      </c>
      <c r="O7109" s="236">
        <f t="shared" si="1645"/>
        <v>2.0543011035349994</v>
      </c>
      <c r="P7109" s="236" t="str">
        <f t="shared" si="1646"/>
        <v>SAND</v>
      </c>
      <c r="Q7109" s="236" t="e">
        <f t="shared" si="1642"/>
        <v>#N/A</v>
      </c>
      <c r="R7109" s="238">
        <v>35</v>
      </c>
      <c r="S7109" s="236" t="e">
        <f t="shared" si="1647"/>
        <v>#N/A</v>
      </c>
      <c r="T7109" s="236">
        <f t="shared" si="1634"/>
        <v>34.777989126642481</v>
      </c>
    </row>
    <row r="7110" spans="2:20" x14ac:dyDescent="0.2">
      <c r="B7110" s="239">
        <v>70.804000000000002</v>
      </c>
      <c r="C7110" s="3">
        <f t="shared" si="1635"/>
        <v>70.796999999999997</v>
      </c>
      <c r="D7110" s="239">
        <v>26.708400000000001</v>
      </c>
      <c r="E7110" s="239">
        <v>8.9200000000000002E-2</v>
      </c>
      <c r="F7110" s="239">
        <v>0.64470000000000005</v>
      </c>
      <c r="G7110">
        <f t="shared" si="1636"/>
        <v>26.837340000000001</v>
      </c>
      <c r="H7110" s="235">
        <f t="shared" si="1637"/>
        <v>0.33237273142569274</v>
      </c>
      <c r="I7110" s="236">
        <f t="shared" si="1638"/>
        <v>19.796293682628985</v>
      </c>
      <c r="J7110" s="237">
        <f t="shared" si="1643"/>
        <v>9.7962936826289848</v>
      </c>
      <c r="K7110" s="237">
        <f t="shared" si="1639"/>
        <v>1401.5182038490841</v>
      </c>
      <c r="L7110" s="237">
        <f t="shared" si="1644"/>
        <v>693.61677790486272</v>
      </c>
      <c r="M7110" s="236">
        <f t="shared" si="1640"/>
        <v>36.671289689650102</v>
      </c>
      <c r="N7110" s="236">
        <f t="shared" si="1641"/>
        <v>0.35068652672153183</v>
      </c>
      <c r="O7110" s="236">
        <f t="shared" si="1645"/>
        <v>2.0534590070035739</v>
      </c>
      <c r="P7110" s="236" t="str">
        <f t="shared" si="1646"/>
        <v>SAND</v>
      </c>
      <c r="Q7110" s="236" t="e">
        <f t="shared" si="1642"/>
        <v>#N/A</v>
      </c>
      <c r="R7110" s="238">
        <v>35</v>
      </c>
      <c r="S7110" s="236" t="e">
        <f t="shared" si="1647"/>
        <v>#N/A</v>
      </c>
      <c r="T7110" s="236">
        <f t="shared" si="1634"/>
        <v>34.807588022867435</v>
      </c>
    </row>
    <row r="7111" spans="2:20" x14ac:dyDescent="0.2">
      <c r="B7111" s="239">
        <v>70.813999999999993</v>
      </c>
      <c r="C7111" s="3">
        <f t="shared" si="1635"/>
        <v>70.806999999999988</v>
      </c>
      <c r="D7111" s="239">
        <v>26.871099999999998</v>
      </c>
      <c r="E7111" s="239">
        <v>9.2799999999999994E-2</v>
      </c>
      <c r="F7111" s="239">
        <v>0.63590000000000002</v>
      </c>
      <c r="G7111">
        <f t="shared" si="1636"/>
        <v>26.998279999999998</v>
      </c>
      <c r="H7111" s="235">
        <f t="shared" si="1637"/>
        <v>0.34372560029750043</v>
      </c>
      <c r="I7111" s="236">
        <f t="shared" si="1638"/>
        <v>19.845025077573077</v>
      </c>
      <c r="J7111" s="237">
        <f t="shared" si="1643"/>
        <v>9.8450250775730765</v>
      </c>
      <c r="K7111" s="237">
        <f t="shared" si="1639"/>
        <v>1405.1666906677167</v>
      </c>
      <c r="L7111" s="237">
        <f t="shared" si="1644"/>
        <v>697.16560584325975</v>
      </c>
      <c r="M7111" s="236">
        <f t="shared" si="1640"/>
        <v>36.710235121791499</v>
      </c>
      <c r="N7111" s="236">
        <f t="shared" si="1641"/>
        <v>0.36259754285603607</v>
      </c>
      <c r="O7111" s="236">
        <f t="shared" si="1645"/>
        <v>2.0584797909802002</v>
      </c>
      <c r="P7111" s="236" t="str">
        <f t="shared" si="1646"/>
        <v>SAND</v>
      </c>
      <c r="Q7111" s="236" t="e">
        <f t="shared" si="1642"/>
        <v>#N/A</v>
      </c>
      <c r="R7111" s="238">
        <v>35</v>
      </c>
      <c r="S7111" s="236" t="e">
        <f t="shared" si="1647"/>
        <v>#N/A</v>
      </c>
      <c r="T7111" s="236">
        <f t="shared" si="1634"/>
        <v>34.812658826914216</v>
      </c>
    </row>
    <row r="7112" spans="2:20" x14ac:dyDescent="0.2">
      <c r="B7112" s="239">
        <v>70.823999999999998</v>
      </c>
      <c r="C7112" s="3">
        <f t="shared" si="1635"/>
        <v>70.816999999999993</v>
      </c>
      <c r="D7112" s="239">
        <v>27.023900000000001</v>
      </c>
      <c r="E7112" s="239">
        <v>9.4399999999999998E-2</v>
      </c>
      <c r="F7112" s="239">
        <v>0.64200000000000002</v>
      </c>
      <c r="G7112">
        <f t="shared" si="1636"/>
        <v>27.1523</v>
      </c>
      <c r="H7112" s="235">
        <f t="shared" si="1637"/>
        <v>0.34766852163536793</v>
      </c>
      <c r="I7112" s="236">
        <f t="shared" si="1638"/>
        <v>19.867293400072171</v>
      </c>
      <c r="J7112" s="237">
        <f t="shared" si="1643"/>
        <v>9.867293400072171</v>
      </c>
      <c r="K7112" s="237">
        <f t="shared" si="1639"/>
        <v>1406.9421167129108</v>
      </c>
      <c r="L7112" s="237">
        <f t="shared" si="1644"/>
        <v>698.84118776671141</v>
      </c>
      <c r="M7112" s="236">
        <f t="shared" si="1640"/>
        <v>36.840069437752511</v>
      </c>
      <c r="N7112" s="236">
        <f t="shared" si="1641"/>
        <v>0.36666804333406022</v>
      </c>
      <c r="O7112" s="236">
        <f t="shared" si="1645"/>
        <v>2.0589026448583545</v>
      </c>
      <c r="P7112" s="236" t="str">
        <f t="shared" si="1646"/>
        <v>SAND</v>
      </c>
      <c r="Q7112" s="236" t="e">
        <f t="shared" si="1642"/>
        <v>#N/A</v>
      </c>
      <c r="R7112" s="238">
        <v>35</v>
      </c>
      <c r="S7112" s="236" t="e">
        <f t="shared" si="1647"/>
        <v>#N/A</v>
      </c>
      <c r="T7112" s="236">
        <f t="shared" si="1634"/>
        <v>34.829524841128183</v>
      </c>
    </row>
    <row r="7113" spans="2:20" x14ac:dyDescent="0.2">
      <c r="B7113" s="239">
        <v>70.834000000000003</v>
      </c>
      <c r="C7113" s="3">
        <f t="shared" si="1635"/>
        <v>70.826999999999998</v>
      </c>
      <c r="D7113" s="239">
        <v>27.0047</v>
      </c>
      <c r="E7113" s="239">
        <v>9.3100000000000002E-2</v>
      </c>
      <c r="F7113" s="239">
        <v>0.64900000000000002</v>
      </c>
      <c r="G7113">
        <f t="shared" si="1636"/>
        <v>27.134499999999999</v>
      </c>
      <c r="H7113" s="235">
        <f t="shared" si="1637"/>
        <v>0.34310564042086644</v>
      </c>
      <c r="I7113" s="236">
        <f t="shared" si="1638"/>
        <v>19.850776834059488</v>
      </c>
      <c r="J7113" s="237">
        <f t="shared" si="1643"/>
        <v>9.8507768340594879</v>
      </c>
      <c r="K7113" s="237">
        <f t="shared" si="1639"/>
        <v>1405.9709708259313</v>
      </c>
      <c r="L7113" s="237">
        <f t="shared" si="1644"/>
        <v>697.76992626376978</v>
      </c>
      <c r="M7113" s="236">
        <f t="shared" si="1640"/>
        <v>36.872510638195969</v>
      </c>
      <c r="N7113" s="236">
        <f t="shared" si="1641"/>
        <v>0.36185512158286293</v>
      </c>
      <c r="O7113" s="236">
        <f t="shared" si="1645"/>
        <v>2.0563698334544944</v>
      </c>
      <c r="P7113" s="236" t="str">
        <f t="shared" si="1646"/>
        <v>SAND</v>
      </c>
      <c r="Q7113" s="236" t="e">
        <f t="shared" si="1642"/>
        <v>#N/A</v>
      </c>
      <c r="R7113" s="238">
        <v>35</v>
      </c>
      <c r="S7113" s="236" t="e">
        <f t="shared" si="1647"/>
        <v>#N/A</v>
      </c>
      <c r="T7113" s="236">
        <f t="shared" si="1634"/>
        <v>34.833729805533835</v>
      </c>
    </row>
    <row r="7114" spans="2:20" x14ac:dyDescent="0.2">
      <c r="B7114" s="239">
        <v>70.843999999999994</v>
      </c>
      <c r="C7114" s="3">
        <f t="shared" si="1635"/>
        <v>70.836999999999989</v>
      </c>
      <c r="D7114" s="239">
        <v>27.037600000000001</v>
      </c>
      <c r="E7114" s="239">
        <v>9.6100000000000005E-2</v>
      </c>
      <c r="F7114" s="239">
        <v>0.63759999999999994</v>
      </c>
      <c r="G7114">
        <f t="shared" si="1636"/>
        <v>27.165120000000002</v>
      </c>
      <c r="H7114" s="235">
        <f t="shared" si="1637"/>
        <v>0.35376247187569942</v>
      </c>
      <c r="I7114" s="236">
        <f t="shared" si="1638"/>
        <v>19.888406666142835</v>
      </c>
      <c r="J7114" s="237">
        <f t="shared" si="1643"/>
        <v>9.8884066661428349</v>
      </c>
      <c r="K7114" s="237">
        <f t="shared" si="1639"/>
        <v>1408.8350630095597</v>
      </c>
      <c r="L7114" s="237">
        <f t="shared" si="1644"/>
        <v>700.53428185622295</v>
      </c>
      <c r="M7114" s="236">
        <f t="shared" si="1640"/>
        <v>36.766630276456105</v>
      </c>
      <c r="N7114" s="236">
        <f t="shared" si="1641"/>
        <v>0.37311281590142653</v>
      </c>
      <c r="O7114" s="236">
        <f t="shared" si="1645"/>
        <v>2.0625971422866458</v>
      </c>
      <c r="P7114" s="236" t="str">
        <f t="shared" si="1646"/>
        <v>SAND</v>
      </c>
      <c r="Q7114" s="236" t="e">
        <f t="shared" si="1642"/>
        <v>#N/A</v>
      </c>
      <c r="R7114" s="238">
        <v>35</v>
      </c>
      <c r="S7114" s="236" t="e">
        <f t="shared" si="1647"/>
        <v>#N/A</v>
      </c>
      <c r="T7114" s="236">
        <f t="shared" si="1634"/>
        <v>34.819992106598605</v>
      </c>
    </row>
    <row r="7115" spans="2:20" x14ac:dyDescent="0.2">
      <c r="B7115" s="239">
        <v>70.853999999999999</v>
      </c>
      <c r="C7115" s="3">
        <f t="shared" si="1635"/>
        <v>70.846999999999994</v>
      </c>
      <c r="D7115" s="239">
        <v>26.9757</v>
      </c>
      <c r="E7115" s="239">
        <v>9.8100000000000007E-2</v>
      </c>
      <c r="F7115" s="239">
        <v>0.63670000000000004</v>
      </c>
      <c r="G7115">
        <f t="shared" si="1636"/>
        <v>27.10304</v>
      </c>
      <c r="H7115" s="235">
        <f t="shared" si="1637"/>
        <v>0.36195201719069153</v>
      </c>
      <c r="I7115" s="236">
        <f t="shared" si="1638"/>
        <v>19.911665579750714</v>
      </c>
      <c r="J7115" s="237">
        <f t="shared" si="1643"/>
        <v>9.9116655797507143</v>
      </c>
      <c r="K7115" s="237">
        <f t="shared" si="1639"/>
        <v>1410.6817713285986</v>
      </c>
      <c r="L7115" s="237">
        <f t="shared" si="1644"/>
        <v>702.28115298765715</v>
      </c>
      <c r="M7115" s="236">
        <f t="shared" si="1640"/>
        <v>36.584148840347638</v>
      </c>
      <c r="N7115" s="236">
        <f t="shared" si="1641"/>
        <v>0.38182559626046808</v>
      </c>
      <c r="O7115" s="236">
        <f t="shared" si="1645"/>
        <v>2.0684581926083236</v>
      </c>
      <c r="P7115" s="236" t="str">
        <f t="shared" si="1646"/>
        <v>SAND</v>
      </c>
      <c r="Q7115" s="236" t="e">
        <f t="shared" si="1642"/>
        <v>#N/A</v>
      </c>
      <c r="R7115" s="238">
        <v>35</v>
      </c>
      <c r="S7115" s="236" t="e">
        <f t="shared" si="1647"/>
        <v>#N/A</v>
      </c>
      <c r="T7115" s="236">
        <f t="shared" si="1634"/>
        <v>34.796222508041147</v>
      </c>
    </row>
    <row r="7116" spans="2:20" x14ac:dyDescent="0.2">
      <c r="B7116" s="239">
        <v>70.864000000000004</v>
      </c>
      <c r="C7116" s="3">
        <f t="shared" si="1635"/>
        <v>70.856999999999999</v>
      </c>
      <c r="D7116" s="239">
        <v>26.870699999999999</v>
      </c>
      <c r="E7116" s="239">
        <v>0.10050000000000001</v>
      </c>
      <c r="F7116" s="239">
        <v>0.63790000000000002</v>
      </c>
      <c r="G7116">
        <f t="shared" si="1636"/>
        <v>26.998279999999998</v>
      </c>
      <c r="H7116" s="235">
        <f t="shared" si="1637"/>
        <v>0.37224593566701292</v>
      </c>
      <c r="I7116" s="236">
        <f t="shared" si="1638"/>
        <v>19.938493908524716</v>
      </c>
      <c r="J7116" s="237">
        <f t="shared" si="1643"/>
        <v>9.9384939085247161</v>
      </c>
      <c r="K7116" s="237">
        <f t="shared" si="1639"/>
        <v>1412.7818628763357</v>
      </c>
      <c r="L7116" s="237">
        <f t="shared" si="1644"/>
        <v>704.28143233369553</v>
      </c>
      <c r="M7116" s="236">
        <f t="shared" si="1640"/>
        <v>36.328514372931814</v>
      </c>
      <c r="N7116" s="236">
        <f t="shared" si="1641"/>
        <v>0.3928006383201037</v>
      </c>
      <c r="O7116" s="236">
        <f t="shared" si="1645"/>
        <v>2.0760612781079115</v>
      </c>
      <c r="P7116" s="236" t="str">
        <f t="shared" si="1646"/>
        <v>SAND</v>
      </c>
      <c r="Q7116" s="236" t="e">
        <f t="shared" si="1642"/>
        <v>#N/A</v>
      </c>
      <c r="R7116" s="238">
        <v>35</v>
      </c>
      <c r="S7116" s="236" t="e">
        <f t="shared" si="1647"/>
        <v>#N/A</v>
      </c>
      <c r="T7116" s="236">
        <f t="shared" si="1634"/>
        <v>34.762724018902972</v>
      </c>
    </row>
    <row r="7117" spans="2:20" x14ac:dyDescent="0.2">
      <c r="B7117" s="239">
        <v>70.873000000000005</v>
      </c>
      <c r="C7117" s="3">
        <f t="shared" si="1635"/>
        <v>70.866</v>
      </c>
      <c r="D7117" s="239">
        <v>26.720500000000001</v>
      </c>
      <c r="E7117" s="239">
        <v>0.1033</v>
      </c>
      <c r="F7117" s="239">
        <v>0.64059999999999995</v>
      </c>
      <c r="G7117">
        <f t="shared" si="1636"/>
        <v>26.84862</v>
      </c>
      <c r="H7117" s="235">
        <f t="shared" si="1637"/>
        <v>0.38474975622583213</v>
      </c>
      <c r="I7117" s="236">
        <f t="shared" si="1638"/>
        <v>19.968543693848634</v>
      </c>
      <c r="J7117" s="237">
        <f t="shared" si="1643"/>
        <v>9.968543693848634</v>
      </c>
      <c r="K7117" s="237">
        <f t="shared" si="1639"/>
        <v>1415.0908174082772</v>
      </c>
      <c r="L7117" s="237">
        <f t="shared" si="1644"/>
        <v>706.50059721413425</v>
      </c>
      <c r="M7117" s="236">
        <f t="shared" si="1640"/>
        <v>35.999303161074387</v>
      </c>
      <c r="N7117" s="236">
        <f t="shared" si="1641"/>
        <v>0.40615676754252766</v>
      </c>
      <c r="O7117" s="236">
        <f t="shared" si="1645"/>
        <v>2.0854264629502244</v>
      </c>
      <c r="P7117" s="236" t="str">
        <f t="shared" si="1646"/>
        <v>SAND</v>
      </c>
      <c r="Q7117" s="236" t="e">
        <f t="shared" si="1642"/>
        <v>#N/A</v>
      </c>
      <c r="R7117" s="238">
        <v>35</v>
      </c>
      <c r="S7117" s="236" t="e">
        <f t="shared" si="1647"/>
        <v>#N/A</v>
      </c>
      <c r="T7117" s="236">
        <f t="shared" ref="T7117:T7180" si="1648">IF(P7117="SAND",17.6+(11*LOG(M7117)),#N/A)</f>
        <v>34.719235036259022</v>
      </c>
    </row>
    <row r="7118" spans="2:20" x14ac:dyDescent="0.2">
      <c r="B7118" s="239">
        <v>70.882999999999996</v>
      </c>
      <c r="C7118" s="3">
        <f t="shared" ref="C7118:C7181" si="1649">MAX($B7118 - $B$13, 0.001)</f>
        <v>70.875999999999991</v>
      </c>
      <c r="D7118" s="239">
        <v>26.519300000000001</v>
      </c>
      <c r="E7118" s="239">
        <v>0.1043</v>
      </c>
      <c r="F7118" s="239">
        <v>0.627</v>
      </c>
      <c r="G7118">
        <f t="shared" si="1636"/>
        <v>26.6447</v>
      </c>
      <c r="H7118" s="235">
        <f t="shared" si="1637"/>
        <v>0.39144745484092525</v>
      </c>
      <c r="I7118" s="236">
        <f t="shared" si="1638"/>
        <v>19.976860438421298</v>
      </c>
      <c r="J7118" s="237">
        <f t="shared" si="1643"/>
        <v>9.9768604384212978</v>
      </c>
      <c r="K7118" s="237">
        <f t="shared" si="1639"/>
        <v>1415.8799604335477</v>
      </c>
      <c r="L7118" s="237">
        <f t="shared" si="1644"/>
        <v>707.18979845661681</v>
      </c>
      <c r="M7118" s="236">
        <f t="shared" si="1640"/>
        <v>35.674751098822782</v>
      </c>
      <c r="N7118" s="236">
        <f t="shared" si="1641"/>
        <v>0.41341608460651713</v>
      </c>
      <c r="O7118" s="236">
        <f t="shared" si="1645"/>
        <v>2.0921002249683802</v>
      </c>
      <c r="P7118" s="236" t="str">
        <f t="shared" si="1646"/>
        <v>SAND</v>
      </c>
      <c r="Q7118" s="236" t="e">
        <f t="shared" si="1642"/>
        <v>#N/A</v>
      </c>
      <c r="R7118" s="238">
        <v>35</v>
      </c>
      <c r="S7118" s="236" t="e">
        <f t="shared" si="1647"/>
        <v>#N/A</v>
      </c>
      <c r="T7118" s="236">
        <f t="shared" si="1648"/>
        <v>34.675970469180264</v>
      </c>
    </row>
    <row r="7119" spans="2:20" x14ac:dyDescent="0.2">
      <c r="B7119" s="239">
        <v>70.893000000000001</v>
      </c>
      <c r="C7119" s="3">
        <f t="shared" si="1649"/>
        <v>70.885999999999996</v>
      </c>
      <c r="D7119" s="239">
        <v>26.309100000000001</v>
      </c>
      <c r="E7119" s="239">
        <v>0.1057</v>
      </c>
      <c r="F7119" s="239">
        <v>0.64200000000000002</v>
      </c>
      <c r="G7119">
        <f t="shared" ref="G7119:G7182" si="1650">$D7119+($F7119*(1-$P$8))</f>
        <v>26.4375</v>
      </c>
      <c r="H7119" s="235">
        <f t="shared" ref="H7119:H7182" si="1651">($E7119/$G7119)*100</f>
        <v>0.39981087470449173</v>
      </c>
      <c r="I7119" s="236">
        <f t="shared" ref="I7119:I7182" si="1652">((0.27*(LOG($H7119)))+(0.36*(LOG(($G7119*1000)/101)))+1.236)*10</f>
        <v>19.989443866359743</v>
      </c>
      <c r="J7119" s="237">
        <f t="shared" si="1643"/>
        <v>9.9894438663597427</v>
      </c>
      <c r="K7119" s="237">
        <f t="shared" ref="K7119:K7182" si="1653">$I7119*$C7119</f>
        <v>1416.9717179107765</v>
      </c>
      <c r="L7119" s="237">
        <f t="shared" si="1644"/>
        <v>708.18164401784122</v>
      </c>
      <c r="M7119" s="236">
        <f t="shared" ref="M7119:M7182" si="1654">(($G7119*1000)-$K7119)/$L7119</f>
        <v>35.330664799692101</v>
      </c>
      <c r="N7119" s="236">
        <f t="shared" ref="N7119:N7182" si="1655">(($E7119*1000)/(($G7119*1000)-$K7119))*100</f>
        <v>0.4224531105350986</v>
      </c>
      <c r="O7119" s="236">
        <f t="shared" si="1645"/>
        <v>2.099724210299605</v>
      </c>
      <c r="P7119" s="236" t="str">
        <f t="shared" si="1646"/>
        <v>SAND</v>
      </c>
      <c r="Q7119" s="236" t="e">
        <f t="shared" ref="Q7119:Q7182" si="1656">IF(P7119="CLAY",($G7119*1000 -$K7119)/$L$8,#N/A)</f>
        <v>#N/A</v>
      </c>
      <c r="R7119" s="238">
        <v>35</v>
      </c>
      <c r="S7119" s="236" t="e">
        <f t="shared" si="1647"/>
        <v>#N/A</v>
      </c>
      <c r="T7119" s="236">
        <f t="shared" si="1648"/>
        <v>34.629669903584499</v>
      </c>
    </row>
    <row r="7120" spans="2:20" x14ac:dyDescent="0.2">
      <c r="B7120" s="239">
        <v>70.903999999999996</v>
      </c>
      <c r="C7120" s="3">
        <f t="shared" si="1649"/>
        <v>70.896999999999991</v>
      </c>
      <c r="D7120" s="239">
        <v>26.085799999999999</v>
      </c>
      <c r="E7120" s="239">
        <v>0.10920000000000001</v>
      </c>
      <c r="F7120" s="239">
        <v>0.64459999999999995</v>
      </c>
      <c r="G7120">
        <f t="shared" si="1650"/>
        <v>26.21472</v>
      </c>
      <c r="H7120" s="235">
        <f t="shared" si="1651"/>
        <v>0.41655985644706484</v>
      </c>
      <c r="I7120" s="236">
        <f t="shared" si="1652"/>
        <v>20.024334879007082</v>
      </c>
      <c r="J7120" s="237">
        <f t="shared" ref="J7120:J7183" si="1657">$I7120-10</f>
        <v>10.024334879007082</v>
      </c>
      <c r="K7120" s="237">
        <f t="shared" si="1653"/>
        <v>1419.6652699169649</v>
      </c>
      <c r="L7120" s="237">
        <f t="shared" ref="L7120:L7183" si="1658">$J7120*$B7120</f>
        <v>710.7654402611181</v>
      </c>
      <c r="M7120" s="236">
        <f t="shared" si="1654"/>
        <v>34.885003301474434</v>
      </c>
      <c r="N7120" s="236">
        <f t="shared" si="1655"/>
        <v>0.44041040114144692</v>
      </c>
      <c r="O7120" s="236">
        <f t="shared" ref="O7120:O7183" si="1659">((3.47-LOG($M7120))^2+(LOG($N7120)+1.22)^2)^0.5</f>
        <v>2.1121011370878309</v>
      </c>
      <c r="P7120" s="236" t="str">
        <f t="shared" ref="P7120:P7183" si="1660">IF(O7120&lt;2.6,"SAND","CLAY")</f>
        <v>SAND</v>
      </c>
      <c r="Q7120" s="236" t="e">
        <f t="shared" si="1656"/>
        <v>#N/A</v>
      </c>
      <c r="R7120" s="238">
        <v>35</v>
      </c>
      <c r="S7120" s="236" t="e">
        <f t="shared" ref="S7120:S7183" si="1661">IF(P7120="SAND",#N/A,0.25*($M7120)^1.25)</f>
        <v>#N/A</v>
      </c>
      <c r="T7120" s="236">
        <f t="shared" si="1648"/>
        <v>34.569026452578953</v>
      </c>
    </row>
    <row r="7121" spans="2:20" x14ac:dyDescent="0.2">
      <c r="B7121" s="239">
        <v>70.914000000000001</v>
      </c>
      <c r="C7121" s="3">
        <f t="shared" si="1649"/>
        <v>70.906999999999996</v>
      </c>
      <c r="D7121" s="239">
        <v>26.004300000000001</v>
      </c>
      <c r="E7121" s="239">
        <v>0.1113</v>
      </c>
      <c r="F7121" s="239">
        <v>0.63460000000000005</v>
      </c>
      <c r="G7121">
        <f t="shared" si="1650"/>
        <v>26.131219999999999</v>
      </c>
      <c r="H7121" s="235">
        <f t="shared" si="1651"/>
        <v>0.42592730075365792</v>
      </c>
      <c r="I7121" s="236">
        <f t="shared" si="1652"/>
        <v>20.045423715758105</v>
      </c>
      <c r="J7121" s="237">
        <f t="shared" si="1657"/>
        <v>10.045423715758105</v>
      </c>
      <c r="K7121" s="237">
        <f t="shared" si="1653"/>
        <v>1421.36085941326</v>
      </c>
      <c r="L7121" s="237">
        <f t="shared" si="1658"/>
        <v>712.3611773792702</v>
      </c>
      <c r="M7121" s="236">
        <f t="shared" si="1654"/>
        <v>34.687262480379239</v>
      </c>
      <c r="N7121" s="236">
        <f t="shared" si="1655"/>
        <v>0.45042749684147804</v>
      </c>
      <c r="O7121" s="236">
        <f t="shared" si="1659"/>
        <v>2.1183635624032831</v>
      </c>
      <c r="P7121" s="236" t="str">
        <f t="shared" si="1660"/>
        <v>SAND</v>
      </c>
      <c r="Q7121" s="236" t="e">
        <f t="shared" si="1656"/>
        <v>#N/A</v>
      </c>
      <c r="R7121" s="238">
        <v>35</v>
      </c>
      <c r="S7121" s="236" t="e">
        <f t="shared" si="1661"/>
        <v>#N/A</v>
      </c>
      <c r="T7121" s="236">
        <f t="shared" si="1648"/>
        <v>34.54187029329421</v>
      </c>
    </row>
    <row r="7122" spans="2:20" x14ac:dyDescent="0.2">
      <c r="B7122" s="239">
        <v>70.924000000000007</v>
      </c>
      <c r="C7122" s="3">
        <f t="shared" si="1649"/>
        <v>70.917000000000002</v>
      </c>
      <c r="D7122" s="239">
        <v>25.9436</v>
      </c>
      <c r="E7122" s="239">
        <v>0.11409999999999999</v>
      </c>
      <c r="F7122" s="239">
        <v>0.62780000000000002</v>
      </c>
      <c r="G7122">
        <f t="shared" si="1650"/>
        <v>26.06916</v>
      </c>
      <c r="H7122" s="235">
        <f t="shared" si="1651"/>
        <v>0.43768191993911576</v>
      </c>
      <c r="I7122" s="236">
        <f t="shared" si="1652"/>
        <v>20.073628628120051</v>
      </c>
      <c r="J7122" s="237">
        <f t="shared" si="1657"/>
        <v>10.073628628120051</v>
      </c>
      <c r="K7122" s="237">
        <f t="shared" si="1653"/>
        <v>1423.5615214203897</v>
      </c>
      <c r="L7122" s="237">
        <f t="shared" si="1658"/>
        <v>714.46203682078658</v>
      </c>
      <c r="M7122" s="236">
        <f t="shared" si="1654"/>
        <v>34.495322646179496</v>
      </c>
      <c r="N7122" s="236">
        <f t="shared" si="1655"/>
        <v>0.46296299154256076</v>
      </c>
      <c r="O7122" s="236">
        <f t="shared" si="1659"/>
        <v>2.125498249111375</v>
      </c>
      <c r="P7122" s="236" t="str">
        <f t="shared" si="1660"/>
        <v>SAND</v>
      </c>
      <c r="Q7122" s="236" t="e">
        <f t="shared" si="1656"/>
        <v>#N/A</v>
      </c>
      <c r="R7122" s="238">
        <v>35</v>
      </c>
      <c r="S7122" s="236" t="e">
        <f t="shared" si="1661"/>
        <v>#N/A</v>
      </c>
      <c r="T7122" s="236">
        <f t="shared" si="1648"/>
        <v>34.515362325419389</v>
      </c>
    </row>
    <row r="7123" spans="2:20" x14ac:dyDescent="0.2">
      <c r="B7123" s="239">
        <v>70.933999999999997</v>
      </c>
      <c r="C7123" s="3">
        <f t="shared" si="1649"/>
        <v>70.926999999999992</v>
      </c>
      <c r="D7123" s="239">
        <v>25.8628</v>
      </c>
      <c r="E7123" s="239">
        <v>0.1179</v>
      </c>
      <c r="F7123" s="239">
        <v>0.63890000000000002</v>
      </c>
      <c r="G7123">
        <f t="shared" si="1650"/>
        <v>25.990580000000001</v>
      </c>
      <c r="H7123" s="235">
        <f t="shared" si="1651"/>
        <v>0.45362589061113678</v>
      </c>
      <c r="I7123" s="236">
        <f t="shared" si="1652"/>
        <v>20.110864702244584</v>
      </c>
      <c r="J7123" s="237">
        <f t="shared" si="1657"/>
        <v>10.110864702244584</v>
      </c>
      <c r="K7123" s="237">
        <f t="shared" si="1653"/>
        <v>1426.4033007361015</v>
      </c>
      <c r="L7123" s="237">
        <f t="shared" si="1658"/>
        <v>717.20407678901722</v>
      </c>
      <c r="M7123" s="236">
        <f t="shared" si="1654"/>
        <v>34.249912255434708</v>
      </c>
      <c r="N7123" s="236">
        <f t="shared" si="1655"/>
        <v>0.4799672362051241</v>
      </c>
      <c r="O7123" s="236">
        <f t="shared" si="1659"/>
        <v>2.1348829774670994</v>
      </c>
      <c r="P7123" s="236" t="str">
        <f t="shared" si="1660"/>
        <v>SAND</v>
      </c>
      <c r="Q7123" s="236" t="e">
        <f t="shared" si="1656"/>
        <v>#N/A</v>
      </c>
      <c r="R7123" s="238">
        <v>35</v>
      </c>
      <c r="S7123" s="236" t="e">
        <f t="shared" si="1661"/>
        <v>#N/A</v>
      </c>
      <c r="T7123" s="236">
        <f t="shared" si="1648"/>
        <v>34.481254095358942</v>
      </c>
    </row>
    <row r="7124" spans="2:20" x14ac:dyDescent="0.2">
      <c r="B7124" s="239">
        <v>70.942999999999998</v>
      </c>
      <c r="C7124" s="3">
        <f t="shared" si="1649"/>
        <v>70.935999999999993</v>
      </c>
      <c r="D7124" s="239">
        <v>25.773800000000001</v>
      </c>
      <c r="E7124" s="239">
        <v>0.1196</v>
      </c>
      <c r="F7124" s="239">
        <v>0.63080000000000003</v>
      </c>
      <c r="G7124">
        <f t="shared" si="1650"/>
        <v>25.89996</v>
      </c>
      <c r="H7124" s="235">
        <f t="shared" si="1651"/>
        <v>0.46177677494482611</v>
      </c>
      <c r="I7124" s="236">
        <f t="shared" si="1652"/>
        <v>20.126286423464045</v>
      </c>
      <c r="J7124" s="237">
        <f t="shared" si="1657"/>
        <v>10.126286423464045</v>
      </c>
      <c r="K7124" s="237">
        <f t="shared" si="1653"/>
        <v>1427.6782537348454</v>
      </c>
      <c r="L7124" s="237">
        <f t="shared" si="1658"/>
        <v>718.38913773980971</v>
      </c>
      <c r="M7124" s="236">
        <f t="shared" si="1654"/>
        <v>34.065495231817756</v>
      </c>
      <c r="N7124" s="236">
        <f t="shared" si="1655"/>
        <v>0.48871617791934252</v>
      </c>
      <c r="O7124" s="236">
        <f t="shared" si="1659"/>
        <v>2.1403290418197654</v>
      </c>
      <c r="P7124" s="236" t="str">
        <f t="shared" si="1660"/>
        <v>SAND</v>
      </c>
      <c r="Q7124" s="236" t="e">
        <f t="shared" si="1656"/>
        <v>#N/A</v>
      </c>
      <c r="R7124" s="238">
        <v>35</v>
      </c>
      <c r="S7124" s="236" t="e">
        <f t="shared" si="1661"/>
        <v>#N/A</v>
      </c>
      <c r="T7124" s="236">
        <f t="shared" si="1648"/>
        <v>34.455461776307168</v>
      </c>
    </row>
    <row r="7125" spans="2:20" x14ac:dyDescent="0.2">
      <c r="B7125" s="239">
        <v>70.953999999999994</v>
      </c>
      <c r="C7125" s="3">
        <f t="shared" si="1649"/>
        <v>70.946999999999989</v>
      </c>
      <c r="D7125" s="239">
        <v>25.634799999999998</v>
      </c>
      <c r="E7125" s="239">
        <v>0.1196</v>
      </c>
      <c r="F7125" s="239">
        <v>0.64349999999999996</v>
      </c>
      <c r="G7125">
        <f t="shared" si="1650"/>
        <v>25.763499999999997</v>
      </c>
      <c r="H7125" s="235">
        <f t="shared" si="1651"/>
        <v>0.46422264055737772</v>
      </c>
      <c r="I7125" s="236">
        <f t="shared" si="1652"/>
        <v>20.124221615317666</v>
      </c>
      <c r="J7125" s="237">
        <f t="shared" si="1657"/>
        <v>10.124221615317666</v>
      </c>
      <c r="K7125" s="237">
        <f t="shared" si="1653"/>
        <v>1427.7531509419423</v>
      </c>
      <c r="L7125" s="237">
        <f t="shared" si="1658"/>
        <v>718.35402049324955</v>
      </c>
      <c r="M7125" s="236">
        <f t="shared" si="1654"/>
        <v>33.877094238782419</v>
      </c>
      <c r="N7125" s="236">
        <f t="shared" si="1655"/>
        <v>0.49145810375911786</v>
      </c>
      <c r="O7125" s="236">
        <f t="shared" si="1659"/>
        <v>2.1435418771156822</v>
      </c>
      <c r="P7125" s="236" t="str">
        <f t="shared" si="1660"/>
        <v>SAND</v>
      </c>
      <c r="Q7125" s="236" t="e">
        <f t="shared" si="1656"/>
        <v>#N/A</v>
      </c>
      <c r="R7125" s="238">
        <v>35</v>
      </c>
      <c r="S7125" s="236" t="e">
        <f t="shared" si="1661"/>
        <v>#N/A</v>
      </c>
      <c r="T7125" s="236">
        <f t="shared" si="1648"/>
        <v>34.428967674679697</v>
      </c>
    </row>
    <row r="7126" spans="2:20" x14ac:dyDescent="0.2">
      <c r="B7126" s="239">
        <v>70.962999999999994</v>
      </c>
      <c r="C7126" s="3">
        <f t="shared" si="1649"/>
        <v>70.955999999999989</v>
      </c>
      <c r="D7126" s="239">
        <v>25.4269</v>
      </c>
      <c r="E7126" s="239">
        <v>0.12089999999999999</v>
      </c>
      <c r="F7126" s="239">
        <v>0.64839999999999998</v>
      </c>
      <c r="G7126">
        <f t="shared" si="1650"/>
        <v>25.55658</v>
      </c>
      <c r="H7126" s="235">
        <f t="shared" si="1651"/>
        <v>0.47306799266568528</v>
      </c>
      <c r="I7126" s="236">
        <f t="shared" si="1652"/>
        <v>20.133746528902581</v>
      </c>
      <c r="J7126" s="237">
        <f t="shared" si="1657"/>
        <v>10.133746528902581</v>
      </c>
      <c r="K7126" s="237">
        <f t="shared" si="1653"/>
        <v>1428.6101187048114</v>
      </c>
      <c r="L7126" s="237">
        <f t="shared" si="1658"/>
        <v>719.12105493051376</v>
      </c>
      <c r="M7126" s="236">
        <f t="shared" si="1654"/>
        <v>33.552028154184129</v>
      </c>
      <c r="N7126" s="236">
        <f t="shared" si="1655"/>
        <v>0.50107821169706335</v>
      </c>
      <c r="O7126" s="236">
        <f t="shared" si="1659"/>
        <v>2.1509197185149231</v>
      </c>
      <c r="P7126" s="236" t="str">
        <f t="shared" si="1660"/>
        <v>SAND</v>
      </c>
      <c r="Q7126" s="236" t="e">
        <f t="shared" si="1656"/>
        <v>#N/A</v>
      </c>
      <c r="R7126" s="238">
        <v>35</v>
      </c>
      <c r="S7126" s="236" t="e">
        <f t="shared" si="1661"/>
        <v>#N/A</v>
      </c>
      <c r="T7126" s="236">
        <f t="shared" si="1648"/>
        <v>34.382906553013569</v>
      </c>
    </row>
    <row r="7127" spans="2:20" x14ac:dyDescent="0.2">
      <c r="B7127" s="239">
        <v>70.974000000000004</v>
      </c>
      <c r="C7127" s="3">
        <f t="shared" si="1649"/>
        <v>70.966999999999999</v>
      </c>
      <c r="D7127" s="239">
        <v>25.3568</v>
      </c>
      <c r="E7127" s="239">
        <v>0.1231</v>
      </c>
      <c r="F7127" s="239">
        <v>0.64939999999999998</v>
      </c>
      <c r="G7127">
        <f t="shared" si="1650"/>
        <v>25.48668</v>
      </c>
      <c r="H7127" s="235">
        <f t="shared" si="1651"/>
        <v>0.48299739314810713</v>
      </c>
      <c r="I7127" s="236">
        <f t="shared" si="1652"/>
        <v>20.15382173684479</v>
      </c>
      <c r="J7127" s="237">
        <f t="shared" si="1657"/>
        <v>10.15382173684479</v>
      </c>
      <c r="K7127" s="237">
        <f t="shared" si="1653"/>
        <v>1430.2562671986643</v>
      </c>
      <c r="L7127" s="237">
        <f t="shared" si="1658"/>
        <v>720.65734395082222</v>
      </c>
      <c r="M7127" s="236">
        <f t="shared" si="1654"/>
        <v>33.381223316088139</v>
      </c>
      <c r="N7127" s="236">
        <f t="shared" si="1655"/>
        <v>0.5117136336110969</v>
      </c>
      <c r="O7127" s="236">
        <f t="shared" si="1659"/>
        <v>2.1568367213316693</v>
      </c>
      <c r="P7127" s="236" t="str">
        <f t="shared" si="1660"/>
        <v>SAND</v>
      </c>
      <c r="Q7127" s="236" t="e">
        <f t="shared" si="1656"/>
        <v>#N/A</v>
      </c>
      <c r="R7127" s="238">
        <v>35</v>
      </c>
      <c r="S7127" s="236" t="e">
        <f t="shared" si="1661"/>
        <v>#N/A</v>
      </c>
      <c r="T7127" s="236">
        <f t="shared" si="1648"/>
        <v>34.358524729670322</v>
      </c>
    </row>
    <row r="7128" spans="2:20" x14ac:dyDescent="0.2">
      <c r="B7128" s="239">
        <v>70.983000000000004</v>
      </c>
      <c r="C7128" s="3">
        <f t="shared" si="1649"/>
        <v>70.975999999999999</v>
      </c>
      <c r="D7128" s="239">
        <v>25.195599999999999</v>
      </c>
      <c r="E7128" s="239">
        <v>0.12479999999999999</v>
      </c>
      <c r="F7128" s="239">
        <v>0.62749999999999995</v>
      </c>
      <c r="G7128">
        <f t="shared" si="1650"/>
        <v>25.321099999999998</v>
      </c>
      <c r="H7128" s="235">
        <f t="shared" si="1651"/>
        <v>0.49286958307498496</v>
      </c>
      <c r="I7128" s="236">
        <f t="shared" si="1652"/>
        <v>20.167356746368135</v>
      </c>
      <c r="J7128" s="237">
        <f t="shared" si="1657"/>
        <v>10.167356746368135</v>
      </c>
      <c r="K7128" s="237">
        <f t="shared" si="1653"/>
        <v>1431.3983124302247</v>
      </c>
      <c r="L7128" s="237">
        <f t="shared" si="1658"/>
        <v>721.70948392744936</v>
      </c>
      <c r="M7128" s="236">
        <f t="shared" si="1654"/>
        <v>33.10154878049422</v>
      </c>
      <c r="N7128" s="236">
        <f t="shared" si="1655"/>
        <v>0.52240083041696417</v>
      </c>
      <c r="O7128" s="236">
        <f t="shared" si="1659"/>
        <v>2.1640108215620608</v>
      </c>
      <c r="P7128" s="236" t="str">
        <f t="shared" si="1660"/>
        <v>SAND</v>
      </c>
      <c r="Q7128" s="236" t="e">
        <f t="shared" si="1656"/>
        <v>#N/A</v>
      </c>
      <c r="R7128" s="238">
        <v>35</v>
      </c>
      <c r="S7128" s="236" t="e">
        <f t="shared" si="1661"/>
        <v>#N/A</v>
      </c>
      <c r="T7128" s="236">
        <f t="shared" si="1648"/>
        <v>34.318331457875814</v>
      </c>
    </row>
    <row r="7129" spans="2:20" x14ac:dyDescent="0.2">
      <c r="B7129" s="239">
        <v>70.992999999999995</v>
      </c>
      <c r="C7129" s="3">
        <f t="shared" si="1649"/>
        <v>70.98599999999999</v>
      </c>
      <c r="D7129" s="239">
        <v>25.0928</v>
      </c>
      <c r="E7129" s="239">
        <v>0.12870000000000001</v>
      </c>
      <c r="F7129" s="239">
        <v>0.63619999999999999</v>
      </c>
      <c r="G7129">
        <f t="shared" si="1650"/>
        <v>25.220040000000001</v>
      </c>
      <c r="H7129" s="235">
        <f t="shared" si="1651"/>
        <v>0.51030846897943072</v>
      </c>
      <c r="I7129" s="236">
        <f t="shared" si="1652"/>
        <v>20.201876324965873</v>
      </c>
      <c r="J7129" s="237">
        <f t="shared" si="1657"/>
        <v>10.201876324965873</v>
      </c>
      <c r="K7129" s="237">
        <f t="shared" si="1653"/>
        <v>1434.0503928040273</v>
      </c>
      <c r="L7129" s="237">
        <f t="shared" si="1658"/>
        <v>724.26180593830225</v>
      </c>
      <c r="M7129" s="236">
        <f t="shared" si="1654"/>
        <v>32.84170090452379</v>
      </c>
      <c r="N7129" s="236">
        <f t="shared" si="1655"/>
        <v>0.5410748180982321</v>
      </c>
      <c r="O7129" s="236">
        <f t="shared" si="1659"/>
        <v>2.1737415430673779</v>
      </c>
      <c r="P7129" s="236" t="str">
        <f t="shared" si="1660"/>
        <v>SAND</v>
      </c>
      <c r="Q7129" s="236" t="e">
        <f t="shared" si="1656"/>
        <v>#N/A</v>
      </c>
      <c r="R7129" s="238">
        <v>35</v>
      </c>
      <c r="S7129" s="236" t="e">
        <f t="shared" si="1661"/>
        <v>#N/A</v>
      </c>
      <c r="T7129" s="236">
        <f t="shared" si="1648"/>
        <v>34.280682057328178</v>
      </c>
    </row>
    <row r="7130" spans="2:20" x14ac:dyDescent="0.2">
      <c r="B7130" s="239">
        <v>71.003</v>
      </c>
      <c r="C7130" s="3">
        <f t="shared" si="1649"/>
        <v>70.995999999999995</v>
      </c>
      <c r="D7130" s="239">
        <v>24.9377</v>
      </c>
      <c r="E7130" s="239">
        <v>0.13109999999999999</v>
      </c>
      <c r="F7130" s="239">
        <v>0.61250000000000004</v>
      </c>
      <c r="G7130">
        <f t="shared" si="1650"/>
        <v>25.060199999999998</v>
      </c>
      <c r="H7130" s="235">
        <f t="shared" si="1651"/>
        <v>0.52314027821007014</v>
      </c>
      <c r="I7130" s="236">
        <f t="shared" si="1652"/>
        <v>20.221056401359213</v>
      </c>
      <c r="J7130" s="237">
        <f t="shared" si="1657"/>
        <v>10.221056401359213</v>
      </c>
      <c r="K7130" s="237">
        <f t="shared" si="1653"/>
        <v>1435.6141202708986</v>
      </c>
      <c r="L7130" s="237">
        <f t="shared" si="1658"/>
        <v>725.72566766570822</v>
      </c>
      <c r="M7130" s="236">
        <f t="shared" si="1654"/>
        <v>32.553052664813997</v>
      </c>
      <c r="N7130" s="236">
        <f t="shared" si="1655"/>
        <v>0.55493036223965886</v>
      </c>
      <c r="O7130" s="236">
        <f t="shared" si="1659"/>
        <v>2.182018109868828</v>
      </c>
      <c r="P7130" s="236" t="str">
        <f t="shared" si="1660"/>
        <v>SAND</v>
      </c>
      <c r="Q7130" s="236" t="e">
        <f t="shared" si="1656"/>
        <v>#N/A</v>
      </c>
      <c r="R7130" s="238">
        <v>35</v>
      </c>
      <c r="S7130" s="236" t="e">
        <f t="shared" si="1661"/>
        <v>#N/A</v>
      </c>
      <c r="T7130" s="236">
        <f t="shared" si="1648"/>
        <v>34.238508928905617</v>
      </c>
    </row>
    <row r="7131" spans="2:20" x14ac:dyDescent="0.2">
      <c r="B7131" s="239">
        <v>71.012</v>
      </c>
      <c r="C7131" s="3">
        <f t="shared" si="1649"/>
        <v>71.004999999999995</v>
      </c>
      <c r="D7131" s="239">
        <v>24.734400000000001</v>
      </c>
      <c r="E7131" s="239">
        <v>0.13059999999999999</v>
      </c>
      <c r="F7131" s="239">
        <v>0.60529999999999995</v>
      </c>
      <c r="G7131">
        <f t="shared" si="1650"/>
        <v>24.855460000000001</v>
      </c>
      <c r="H7131" s="235">
        <f t="shared" si="1651"/>
        <v>0.52543787159843347</v>
      </c>
      <c r="I7131" s="236">
        <f t="shared" si="1652"/>
        <v>20.213369256651596</v>
      </c>
      <c r="J7131" s="237">
        <f t="shared" si="1657"/>
        <v>10.213369256651596</v>
      </c>
      <c r="K7131" s="237">
        <f t="shared" si="1653"/>
        <v>1435.2502840685465</v>
      </c>
      <c r="L7131" s="237">
        <f t="shared" si="1658"/>
        <v>725.27177765334318</v>
      </c>
      <c r="M7131" s="236">
        <f t="shared" si="1654"/>
        <v>32.291632512861362</v>
      </c>
      <c r="N7131" s="236">
        <f t="shared" si="1655"/>
        <v>0.55763804673004347</v>
      </c>
      <c r="O7131" s="236">
        <f t="shared" si="1659"/>
        <v>2.1860935428661215</v>
      </c>
      <c r="P7131" s="236" t="str">
        <f t="shared" si="1660"/>
        <v>SAND</v>
      </c>
      <c r="Q7131" s="236" t="e">
        <f t="shared" si="1656"/>
        <v>#N/A</v>
      </c>
      <c r="R7131" s="238">
        <v>35</v>
      </c>
      <c r="S7131" s="236" t="e">
        <f t="shared" si="1661"/>
        <v>#N/A</v>
      </c>
      <c r="T7131" s="236">
        <f t="shared" si="1648"/>
        <v>34.199990016014404</v>
      </c>
    </row>
    <row r="7132" spans="2:20" x14ac:dyDescent="0.2">
      <c r="B7132" s="239">
        <v>71.022000000000006</v>
      </c>
      <c r="C7132" s="3">
        <f t="shared" si="1649"/>
        <v>71.015000000000001</v>
      </c>
      <c r="D7132" s="239">
        <v>24.5015</v>
      </c>
      <c r="E7132" s="239">
        <v>0.12889999999999999</v>
      </c>
      <c r="F7132" s="239">
        <v>0.62549999999999994</v>
      </c>
      <c r="G7132">
        <f t="shared" si="1650"/>
        <v>24.6266</v>
      </c>
      <c r="H7132" s="235">
        <f t="shared" si="1651"/>
        <v>0.5234177677795554</v>
      </c>
      <c r="I7132" s="236">
        <f t="shared" si="1652"/>
        <v>20.194389941971096</v>
      </c>
      <c r="J7132" s="237">
        <f t="shared" si="1657"/>
        <v>10.194389941971096</v>
      </c>
      <c r="K7132" s="237">
        <f t="shared" si="1653"/>
        <v>1434.1046017290773</v>
      </c>
      <c r="L7132" s="237">
        <f t="shared" si="1658"/>
        <v>724.02596245867119</v>
      </c>
      <c r="M7132" s="236">
        <f t="shared" si="1654"/>
        <v>32.032684738974112</v>
      </c>
      <c r="N7132" s="236">
        <f t="shared" si="1655"/>
        <v>0.55578322981842621</v>
      </c>
      <c r="O7132" s="236">
        <f t="shared" si="1659"/>
        <v>2.1885922490562435</v>
      </c>
      <c r="P7132" s="236" t="str">
        <f t="shared" si="1660"/>
        <v>SAND</v>
      </c>
      <c r="Q7132" s="236" t="e">
        <f t="shared" si="1656"/>
        <v>#N/A</v>
      </c>
      <c r="R7132" s="238">
        <v>35</v>
      </c>
      <c r="S7132" s="236" t="e">
        <f t="shared" si="1661"/>
        <v>#N/A</v>
      </c>
      <c r="T7132" s="236">
        <f t="shared" si="1648"/>
        <v>34.16152673438885</v>
      </c>
    </row>
    <row r="7133" spans="2:20" x14ac:dyDescent="0.2">
      <c r="B7133" s="239">
        <v>71.031999999999996</v>
      </c>
      <c r="C7133" s="3">
        <f t="shared" si="1649"/>
        <v>71.024999999999991</v>
      </c>
      <c r="D7133" s="239">
        <v>24.311199999999999</v>
      </c>
      <c r="E7133" s="239">
        <v>0.127</v>
      </c>
      <c r="F7133" s="239">
        <v>0.61209999999999998</v>
      </c>
      <c r="G7133">
        <f t="shared" si="1650"/>
        <v>24.433619999999998</v>
      </c>
      <c r="H7133" s="235">
        <f t="shared" si="1651"/>
        <v>0.51977562064074012</v>
      </c>
      <c r="I7133" s="236">
        <f t="shared" si="1652"/>
        <v>20.173902134731321</v>
      </c>
      <c r="J7133" s="237">
        <f t="shared" si="1657"/>
        <v>10.173902134731321</v>
      </c>
      <c r="K7133" s="237">
        <f t="shared" si="1653"/>
        <v>1432.851399119292</v>
      </c>
      <c r="L7133" s="237">
        <f t="shared" si="1658"/>
        <v>722.67261643423512</v>
      </c>
      <c r="M7133" s="236">
        <f t="shared" si="1654"/>
        <v>31.82736979072159</v>
      </c>
      <c r="N7133" s="236">
        <f t="shared" si="1655"/>
        <v>0.55215546142721994</v>
      </c>
      <c r="O7133" s="236">
        <f t="shared" si="1659"/>
        <v>2.1898481620324572</v>
      </c>
      <c r="P7133" s="236" t="str">
        <f t="shared" si="1660"/>
        <v>SAND</v>
      </c>
      <c r="Q7133" s="236" t="e">
        <f t="shared" si="1656"/>
        <v>#N/A</v>
      </c>
      <c r="R7133" s="238">
        <v>35</v>
      </c>
      <c r="S7133" s="236" t="e">
        <f t="shared" si="1661"/>
        <v>#N/A</v>
      </c>
      <c r="T7133" s="236">
        <f t="shared" si="1648"/>
        <v>34.130808250771629</v>
      </c>
    </row>
    <row r="7134" spans="2:20" x14ac:dyDescent="0.2">
      <c r="B7134" s="239">
        <v>71.040999999999997</v>
      </c>
      <c r="C7134" s="3">
        <f t="shared" si="1649"/>
        <v>71.033999999999992</v>
      </c>
      <c r="D7134" s="239">
        <v>24.0519</v>
      </c>
      <c r="E7134" s="239">
        <v>0.1239</v>
      </c>
      <c r="F7134" s="239">
        <v>0.62209999999999999</v>
      </c>
      <c r="G7134">
        <f t="shared" si="1650"/>
        <v>24.17632</v>
      </c>
      <c r="H7134" s="235">
        <f t="shared" si="1651"/>
        <v>0.51248494394514954</v>
      </c>
      <c r="I7134" s="236">
        <f t="shared" si="1652"/>
        <v>20.140786757453167</v>
      </c>
      <c r="J7134" s="237">
        <f t="shared" si="1657"/>
        <v>10.140786757453167</v>
      </c>
      <c r="K7134" s="237">
        <f t="shared" si="1653"/>
        <v>1430.680646528928</v>
      </c>
      <c r="L7134" s="237">
        <f t="shared" si="1658"/>
        <v>720.41163203623046</v>
      </c>
      <c r="M7134" s="236">
        <f t="shared" si="1654"/>
        <v>31.573115066425196</v>
      </c>
      <c r="N7134" s="236">
        <f t="shared" si="1655"/>
        <v>0.54471979474647025</v>
      </c>
      <c r="O7134" s="236">
        <f t="shared" si="1659"/>
        <v>2.1904010796093729</v>
      </c>
      <c r="P7134" s="236" t="str">
        <f t="shared" si="1660"/>
        <v>SAND</v>
      </c>
      <c r="Q7134" s="236" t="e">
        <f t="shared" si="1656"/>
        <v>#N/A</v>
      </c>
      <c r="R7134" s="238">
        <v>35</v>
      </c>
      <c r="S7134" s="236" t="e">
        <f t="shared" si="1661"/>
        <v>#N/A</v>
      </c>
      <c r="T7134" s="236">
        <f t="shared" si="1648"/>
        <v>34.092491756012748</v>
      </c>
    </row>
    <row r="7135" spans="2:20" x14ac:dyDescent="0.2">
      <c r="B7135" s="239">
        <v>71.051000000000002</v>
      </c>
      <c r="C7135" s="3">
        <f t="shared" si="1649"/>
        <v>71.043999999999997</v>
      </c>
      <c r="D7135" s="239">
        <v>23.903199999999998</v>
      </c>
      <c r="E7135" s="239">
        <v>0.11940000000000001</v>
      </c>
      <c r="F7135" s="239">
        <v>0.63139999999999996</v>
      </c>
      <c r="G7135">
        <f t="shared" si="1650"/>
        <v>24.02948</v>
      </c>
      <c r="H7135" s="235">
        <f t="shared" si="1651"/>
        <v>0.49688965387515671</v>
      </c>
      <c r="I7135" s="236">
        <f t="shared" si="1652"/>
        <v>20.095024672186842</v>
      </c>
      <c r="J7135" s="237">
        <f t="shared" si="1657"/>
        <v>10.095024672186842</v>
      </c>
      <c r="K7135" s="237">
        <f t="shared" si="1653"/>
        <v>1427.6309328108418</v>
      </c>
      <c r="L7135" s="237">
        <f t="shared" si="1658"/>
        <v>717.26159798354729</v>
      </c>
      <c r="M7135" s="236">
        <f t="shared" si="1654"/>
        <v>31.511305123165958</v>
      </c>
      <c r="N7135" s="236">
        <f t="shared" si="1655"/>
        <v>0.52827536209562431</v>
      </c>
      <c r="O7135" s="236">
        <f t="shared" si="1659"/>
        <v>2.1853902221513652</v>
      </c>
      <c r="P7135" s="236" t="str">
        <f t="shared" si="1660"/>
        <v>SAND</v>
      </c>
      <c r="Q7135" s="236" t="e">
        <f t="shared" si="1656"/>
        <v>#N/A</v>
      </c>
      <c r="R7135" s="238">
        <v>35</v>
      </c>
      <c r="S7135" s="236" t="e">
        <f t="shared" si="1661"/>
        <v>#N/A</v>
      </c>
      <c r="T7135" s="236">
        <f t="shared" si="1648"/>
        <v>34.083130300879155</v>
      </c>
    </row>
    <row r="7136" spans="2:20" x14ac:dyDescent="0.2">
      <c r="B7136" s="239">
        <v>71.061999999999998</v>
      </c>
      <c r="C7136" s="3">
        <f t="shared" si="1649"/>
        <v>71.054999999999993</v>
      </c>
      <c r="D7136" s="239">
        <v>23.792899999999999</v>
      </c>
      <c r="E7136" s="239">
        <v>0.11890000000000001</v>
      </c>
      <c r="F7136" s="239">
        <v>0.61370000000000002</v>
      </c>
      <c r="G7136">
        <f t="shared" si="1650"/>
        <v>23.91564</v>
      </c>
      <c r="H7136" s="235">
        <f t="shared" si="1651"/>
        <v>0.49716419882553842</v>
      </c>
      <c r="I7136" s="236">
        <f t="shared" si="1652"/>
        <v>20.088247868513982</v>
      </c>
      <c r="J7136" s="237">
        <f t="shared" si="1657"/>
        <v>10.088247868513982</v>
      </c>
      <c r="K7136" s="237">
        <f t="shared" si="1653"/>
        <v>1427.3704522972607</v>
      </c>
      <c r="L7136" s="237">
        <f t="shared" si="1658"/>
        <v>716.89107003234051</v>
      </c>
      <c r="M7136" s="236">
        <f t="shared" si="1654"/>
        <v>31.369158422754857</v>
      </c>
      <c r="N7136" s="236">
        <f t="shared" si="1655"/>
        <v>0.52872009448208568</v>
      </c>
      <c r="O7136" s="236">
        <f t="shared" si="1659"/>
        <v>2.1873193348799469</v>
      </c>
      <c r="P7136" s="236" t="str">
        <f t="shared" si="1660"/>
        <v>SAND</v>
      </c>
      <c r="Q7136" s="236" t="e">
        <f t="shared" si="1656"/>
        <v>#N/A</v>
      </c>
      <c r="R7136" s="238">
        <v>35</v>
      </c>
      <c r="S7136" s="236" t="e">
        <f t="shared" si="1661"/>
        <v>#N/A</v>
      </c>
      <c r="T7136" s="236">
        <f t="shared" si="1648"/>
        <v>34.061531542786454</v>
      </c>
    </row>
    <row r="7137" spans="2:20" x14ac:dyDescent="0.2">
      <c r="B7137" s="239">
        <v>71.072000000000003</v>
      </c>
      <c r="C7137" s="3">
        <f t="shared" si="1649"/>
        <v>71.064999999999998</v>
      </c>
      <c r="D7137" s="239">
        <v>23.6813</v>
      </c>
      <c r="E7137" s="239">
        <v>0.1196</v>
      </c>
      <c r="F7137" s="239">
        <v>0.61739999999999995</v>
      </c>
      <c r="G7137">
        <f t="shared" si="1650"/>
        <v>23.804780000000001</v>
      </c>
      <c r="H7137" s="235">
        <f t="shared" si="1651"/>
        <v>0.50242010218115851</v>
      </c>
      <c r="I7137" s="236">
        <f t="shared" si="1652"/>
        <v>20.093314994377486</v>
      </c>
      <c r="J7137" s="237">
        <f t="shared" si="1657"/>
        <v>10.093314994377486</v>
      </c>
      <c r="K7137" s="237">
        <f t="shared" si="1653"/>
        <v>1427.9314300754361</v>
      </c>
      <c r="L7137" s="237">
        <f t="shared" si="1658"/>
        <v>717.35208328039676</v>
      </c>
      <c r="M7137" s="236">
        <f t="shared" si="1654"/>
        <v>31.193676147975943</v>
      </c>
      <c r="N7137" s="236">
        <f t="shared" si="1655"/>
        <v>0.5344809821019546</v>
      </c>
      <c r="O7137" s="236">
        <f t="shared" si="1659"/>
        <v>2.1915493438755078</v>
      </c>
      <c r="P7137" s="236" t="str">
        <f t="shared" si="1660"/>
        <v>SAND</v>
      </c>
      <c r="Q7137" s="236" t="e">
        <f t="shared" si="1656"/>
        <v>#N/A</v>
      </c>
      <c r="R7137" s="238">
        <v>35</v>
      </c>
      <c r="S7137" s="236" t="e">
        <f t="shared" si="1661"/>
        <v>#N/A</v>
      </c>
      <c r="T7137" s="236">
        <f t="shared" si="1648"/>
        <v>34.034732149059018</v>
      </c>
    </row>
    <row r="7138" spans="2:20" x14ac:dyDescent="0.2">
      <c r="B7138" s="239">
        <v>71.081999999999994</v>
      </c>
      <c r="C7138" s="3">
        <f t="shared" si="1649"/>
        <v>71.074999999999989</v>
      </c>
      <c r="D7138" s="239">
        <v>23.4604</v>
      </c>
      <c r="E7138" s="239">
        <v>0.12189999999999999</v>
      </c>
      <c r="F7138" s="239">
        <v>0.62419999999999998</v>
      </c>
      <c r="G7138">
        <f t="shared" si="1650"/>
        <v>23.585239999999999</v>
      </c>
      <c r="H7138" s="235">
        <f t="shared" si="1651"/>
        <v>0.51684867315320937</v>
      </c>
      <c r="I7138" s="236">
        <f t="shared" si="1652"/>
        <v>20.112029329482102</v>
      </c>
      <c r="J7138" s="237">
        <f t="shared" si="1657"/>
        <v>10.112029329482102</v>
      </c>
      <c r="K7138" s="237">
        <f t="shared" si="1653"/>
        <v>1429.4624845929402</v>
      </c>
      <c r="L7138" s="237">
        <f t="shared" si="1658"/>
        <v>718.7832687982467</v>
      </c>
      <c r="M7138" s="236">
        <f t="shared" si="1654"/>
        <v>30.824002835305148</v>
      </c>
      <c r="N7138" s="236">
        <f t="shared" si="1655"/>
        <v>0.55019508981452403</v>
      </c>
      <c r="O7138" s="236">
        <f t="shared" si="1659"/>
        <v>2.2016795867033427</v>
      </c>
      <c r="P7138" s="236" t="str">
        <f t="shared" si="1660"/>
        <v>SAND</v>
      </c>
      <c r="Q7138" s="236" t="e">
        <f t="shared" si="1656"/>
        <v>#N/A</v>
      </c>
      <c r="R7138" s="238">
        <v>35</v>
      </c>
      <c r="S7138" s="236" t="e">
        <f t="shared" si="1661"/>
        <v>#N/A</v>
      </c>
      <c r="T7138" s="236">
        <f t="shared" si="1648"/>
        <v>33.977779395482457</v>
      </c>
    </row>
    <row r="7139" spans="2:20" x14ac:dyDescent="0.2">
      <c r="B7139" s="239">
        <v>71.091999999999999</v>
      </c>
      <c r="C7139" s="3">
        <f t="shared" si="1649"/>
        <v>71.084999999999994</v>
      </c>
      <c r="D7139" s="239">
        <v>23.2986</v>
      </c>
      <c r="E7139" s="239">
        <v>0.12379999999999999</v>
      </c>
      <c r="F7139" s="239">
        <v>0.63470000000000004</v>
      </c>
      <c r="G7139">
        <f t="shared" si="1650"/>
        <v>23.425540000000002</v>
      </c>
      <c r="H7139" s="235">
        <f t="shared" si="1651"/>
        <v>0.52848301469251069</v>
      </c>
      <c r="I7139" s="236">
        <f t="shared" si="1652"/>
        <v>20.127509444865424</v>
      </c>
      <c r="J7139" s="237">
        <f t="shared" si="1657"/>
        <v>10.127509444865424</v>
      </c>
      <c r="K7139" s="237">
        <f t="shared" si="1653"/>
        <v>1430.7640088882586</v>
      </c>
      <c r="L7139" s="237">
        <f t="shared" si="1658"/>
        <v>719.98490145437279</v>
      </c>
      <c r="M7139" s="236">
        <f t="shared" si="1654"/>
        <v>30.548940605118517</v>
      </c>
      <c r="N7139" s="236">
        <f t="shared" si="1655"/>
        <v>0.56286092684021205</v>
      </c>
      <c r="O7139" s="236">
        <f t="shared" si="1659"/>
        <v>2.2095064077655833</v>
      </c>
      <c r="P7139" s="236" t="str">
        <f t="shared" si="1660"/>
        <v>SAND</v>
      </c>
      <c r="Q7139" s="236" t="e">
        <f t="shared" si="1656"/>
        <v>#N/A</v>
      </c>
      <c r="R7139" s="238">
        <v>35</v>
      </c>
      <c r="S7139" s="236" t="e">
        <f t="shared" si="1661"/>
        <v>#N/A</v>
      </c>
      <c r="T7139" s="236">
        <f t="shared" si="1648"/>
        <v>33.934957695205028</v>
      </c>
    </row>
    <row r="7140" spans="2:20" x14ac:dyDescent="0.2">
      <c r="B7140" s="239">
        <v>71.102000000000004</v>
      </c>
      <c r="C7140" s="3">
        <f t="shared" si="1649"/>
        <v>71.094999999999999</v>
      </c>
      <c r="D7140" s="239">
        <v>23.225200000000001</v>
      </c>
      <c r="E7140" s="239">
        <v>0.1232</v>
      </c>
      <c r="F7140" s="239">
        <v>0.62509999999999999</v>
      </c>
      <c r="G7140">
        <f t="shared" si="1650"/>
        <v>23.35022</v>
      </c>
      <c r="H7140" s="235">
        <f t="shared" si="1651"/>
        <v>0.52761815520367694</v>
      </c>
      <c r="I7140" s="236">
        <f t="shared" si="1652"/>
        <v>20.120553844582165</v>
      </c>
      <c r="J7140" s="237">
        <f t="shared" si="1657"/>
        <v>10.120553844582165</v>
      </c>
      <c r="K7140" s="237">
        <f t="shared" si="1653"/>
        <v>1430.4707755805691</v>
      </c>
      <c r="L7140" s="237">
        <f t="shared" si="1658"/>
        <v>719.5916194574811</v>
      </c>
      <c r="M7140" s="236">
        <f t="shared" si="1654"/>
        <v>30.461373689906651</v>
      </c>
      <c r="N7140" s="236">
        <f t="shared" si="1655"/>
        <v>0.56205022575144481</v>
      </c>
      <c r="O7140" s="236">
        <f t="shared" si="1659"/>
        <v>2.2103517608539356</v>
      </c>
      <c r="P7140" s="236" t="str">
        <f t="shared" si="1660"/>
        <v>SAND</v>
      </c>
      <c r="Q7140" s="236" t="e">
        <f t="shared" si="1656"/>
        <v>#N/A</v>
      </c>
      <c r="R7140" s="238">
        <v>35</v>
      </c>
      <c r="S7140" s="236" t="e">
        <f t="shared" si="1661"/>
        <v>#N/A</v>
      </c>
      <c r="T7140" s="236">
        <f t="shared" si="1648"/>
        <v>33.921244328837318</v>
      </c>
    </row>
    <row r="7141" spans="2:20" x14ac:dyDescent="0.2">
      <c r="B7141" s="239">
        <v>71.111999999999995</v>
      </c>
      <c r="C7141" s="3">
        <f t="shared" si="1649"/>
        <v>71.10499999999999</v>
      </c>
      <c r="D7141" s="239">
        <v>23.1859</v>
      </c>
      <c r="E7141" s="239">
        <v>0.1211</v>
      </c>
      <c r="F7141" s="239">
        <v>0.59989999999999999</v>
      </c>
      <c r="G7141">
        <f t="shared" si="1650"/>
        <v>23.305880000000002</v>
      </c>
      <c r="H7141" s="235">
        <f t="shared" si="1651"/>
        <v>0.51961135987999585</v>
      </c>
      <c r="I7141" s="236">
        <f t="shared" si="1652"/>
        <v>20.099651196249162</v>
      </c>
      <c r="J7141" s="237">
        <f t="shared" si="1657"/>
        <v>10.099651196249162</v>
      </c>
      <c r="K7141" s="237">
        <f t="shared" si="1653"/>
        <v>1429.1856983092964</v>
      </c>
      <c r="L7141" s="237">
        <f t="shared" si="1658"/>
        <v>718.20639586767038</v>
      </c>
      <c r="M7141" s="236">
        <f t="shared" si="1654"/>
        <v>30.460177502681958</v>
      </c>
      <c r="N7141" s="236">
        <f t="shared" si="1655"/>
        <v>0.55355712490182296</v>
      </c>
      <c r="O7141" s="236">
        <f t="shared" si="1659"/>
        <v>2.2074738403603384</v>
      </c>
      <c r="P7141" s="236" t="str">
        <f t="shared" si="1660"/>
        <v>SAND</v>
      </c>
      <c r="Q7141" s="236" t="e">
        <f t="shared" si="1656"/>
        <v>#N/A</v>
      </c>
      <c r="R7141" s="238">
        <v>35</v>
      </c>
      <c r="S7141" s="236" t="e">
        <f t="shared" si="1661"/>
        <v>#N/A</v>
      </c>
      <c r="T7141" s="236">
        <f t="shared" si="1648"/>
        <v>33.921056727815682</v>
      </c>
    </row>
    <row r="7142" spans="2:20" x14ac:dyDescent="0.2">
      <c r="B7142" s="239">
        <v>71.122</v>
      </c>
      <c r="C7142" s="3">
        <f t="shared" si="1649"/>
        <v>71.114999999999995</v>
      </c>
      <c r="D7142" s="239">
        <v>23.1386</v>
      </c>
      <c r="E7142" s="239">
        <v>0.1211</v>
      </c>
      <c r="F7142" s="239">
        <v>0.60740000000000005</v>
      </c>
      <c r="G7142">
        <f t="shared" si="1650"/>
        <v>23.260079999999999</v>
      </c>
      <c r="H7142" s="235">
        <f t="shared" si="1651"/>
        <v>0.5206344948082724</v>
      </c>
      <c r="I7142" s="236">
        <f t="shared" si="1652"/>
        <v>20.098882324553337</v>
      </c>
      <c r="J7142" s="237">
        <f t="shared" si="1657"/>
        <v>10.098882324553337</v>
      </c>
      <c r="K7142" s="237">
        <f t="shared" si="1653"/>
        <v>1429.3320165106104</v>
      </c>
      <c r="L7142" s="237">
        <f t="shared" si="1658"/>
        <v>718.25270868688244</v>
      </c>
      <c r="M7142" s="236">
        <f t="shared" si="1654"/>
        <v>30.394243863556888</v>
      </c>
      <c r="N7142" s="236">
        <f t="shared" si="1655"/>
        <v>0.55472217484984032</v>
      </c>
      <c r="O7142" s="236">
        <f t="shared" si="1659"/>
        <v>2.2087190554017373</v>
      </c>
      <c r="P7142" s="236" t="str">
        <f t="shared" si="1660"/>
        <v>SAND</v>
      </c>
      <c r="Q7142" s="236" t="e">
        <f t="shared" si="1656"/>
        <v>#N/A</v>
      </c>
      <c r="R7142" s="238">
        <v>35</v>
      </c>
      <c r="S7142" s="236" t="e">
        <f t="shared" si="1661"/>
        <v>#N/A</v>
      </c>
      <c r="T7142" s="236">
        <f t="shared" si="1648"/>
        <v>33.910704780060293</v>
      </c>
    </row>
    <row r="7143" spans="2:20" x14ac:dyDescent="0.2">
      <c r="B7143" s="239">
        <v>71.132000000000005</v>
      </c>
      <c r="C7143" s="3">
        <f t="shared" si="1649"/>
        <v>71.125</v>
      </c>
      <c r="D7143" s="239">
        <v>23.002400000000002</v>
      </c>
      <c r="E7143" s="239">
        <v>0.1196</v>
      </c>
      <c r="F7143" s="239">
        <v>0.59699999999999998</v>
      </c>
      <c r="G7143">
        <f t="shared" si="1650"/>
        <v>23.1218</v>
      </c>
      <c r="H7143" s="235">
        <f t="shared" si="1651"/>
        <v>0.51726076689531086</v>
      </c>
      <c r="I7143" s="236">
        <f t="shared" si="1652"/>
        <v>20.081936715701776</v>
      </c>
      <c r="J7143" s="237">
        <f t="shared" si="1657"/>
        <v>10.081936715701776</v>
      </c>
      <c r="K7143" s="237">
        <f t="shared" si="1653"/>
        <v>1428.3277489042889</v>
      </c>
      <c r="L7143" s="237">
        <f t="shared" si="1658"/>
        <v>717.14832246129879</v>
      </c>
      <c r="M7143" s="236">
        <f t="shared" si="1654"/>
        <v>30.249631173426344</v>
      </c>
      <c r="N7143" s="236">
        <f t="shared" si="1655"/>
        <v>0.55131792004370872</v>
      </c>
      <c r="O7143" s="236">
        <f t="shared" si="1659"/>
        <v>2.2094181587788548</v>
      </c>
      <c r="P7143" s="236" t="str">
        <f t="shared" si="1660"/>
        <v>SAND</v>
      </c>
      <c r="Q7143" s="236" t="e">
        <f t="shared" si="1656"/>
        <v>#N/A</v>
      </c>
      <c r="R7143" s="238">
        <v>35</v>
      </c>
      <c r="S7143" s="236" t="e">
        <f t="shared" si="1661"/>
        <v>#N/A</v>
      </c>
      <c r="T7143" s="236">
        <f t="shared" si="1648"/>
        <v>33.88792092148347</v>
      </c>
    </row>
    <row r="7144" spans="2:20" x14ac:dyDescent="0.2">
      <c r="B7144" s="239">
        <v>71.143000000000001</v>
      </c>
      <c r="C7144" s="3">
        <f t="shared" si="1649"/>
        <v>71.135999999999996</v>
      </c>
      <c r="D7144" s="239">
        <v>22.965800000000002</v>
      </c>
      <c r="E7144" s="239">
        <v>0.1187</v>
      </c>
      <c r="F7144" s="239">
        <v>0.59560000000000002</v>
      </c>
      <c r="G7144">
        <f t="shared" si="1650"/>
        <v>23.08492</v>
      </c>
      <c r="H7144" s="235">
        <f t="shared" si="1651"/>
        <v>0.51418848321761568</v>
      </c>
      <c r="I7144" s="236">
        <f t="shared" si="1652"/>
        <v>20.072455532031277</v>
      </c>
      <c r="J7144" s="237">
        <f t="shared" si="1657"/>
        <v>10.072455532031277</v>
      </c>
      <c r="K7144" s="237">
        <f t="shared" si="1653"/>
        <v>1427.8741967265769</v>
      </c>
      <c r="L7144" s="237">
        <f t="shared" si="1658"/>
        <v>716.58470391530113</v>
      </c>
      <c r="M7144" s="236">
        <f t="shared" si="1654"/>
        <v>30.222590134764086</v>
      </c>
      <c r="N7144" s="236">
        <f t="shared" si="1655"/>
        <v>0.54808952743711103</v>
      </c>
      <c r="O7144" s="236">
        <f t="shared" si="1659"/>
        <v>2.2086593726248225</v>
      </c>
      <c r="P7144" s="236" t="str">
        <f t="shared" si="1660"/>
        <v>SAND</v>
      </c>
      <c r="Q7144" s="236" t="e">
        <f t="shared" si="1656"/>
        <v>#N/A</v>
      </c>
      <c r="R7144" s="238">
        <v>35</v>
      </c>
      <c r="S7144" s="236" t="e">
        <f t="shared" si="1661"/>
        <v>#N/A</v>
      </c>
      <c r="T7144" s="236">
        <f t="shared" si="1648"/>
        <v>33.88364849627893</v>
      </c>
    </row>
    <row r="7145" spans="2:20" x14ac:dyDescent="0.2">
      <c r="B7145" s="239">
        <v>71.152000000000001</v>
      </c>
      <c r="C7145" s="3">
        <f t="shared" si="1649"/>
        <v>71.144999999999996</v>
      </c>
      <c r="D7145" s="239">
        <v>22.8431</v>
      </c>
      <c r="E7145" s="239">
        <v>0.1177</v>
      </c>
      <c r="F7145" s="239">
        <v>0.57430000000000003</v>
      </c>
      <c r="G7145">
        <f t="shared" si="1650"/>
        <v>22.95796</v>
      </c>
      <c r="H7145" s="235">
        <f t="shared" si="1651"/>
        <v>0.51267621339178227</v>
      </c>
      <c r="I7145" s="236">
        <f t="shared" si="1652"/>
        <v>20.060379469443856</v>
      </c>
      <c r="J7145" s="237">
        <f t="shared" si="1657"/>
        <v>10.060379469443856</v>
      </c>
      <c r="K7145" s="237">
        <f t="shared" si="1653"/>
        <v>1427.195697353583</v>
      </c>
      <c r="L7145" s="237">
        <f t="shared" si="1658"/>
        <v>715.81612000986922</v>
      </c>
      <c r="M7145" s="236">
        <f t="shared" si="1654"/>
        <v>30.078624524898327</v>
      </c>
      <c r="N7145" s="236">
        <f t="shared" si="1655"/>
        <v>0.54665964638112319</v>
      </c>
      <c r="O7145" s="236">
        <f t="shared" si="1659"/>
        <v>2.2100357887345359</v>
      </c>
      <c r="P7145" s="236" t="str">
        <f t="shared" si="1660"/>
        <v>SAND</v>
      </c>
      <c r="Q7145" s="236" t="e">
        <f t="shared" si="1656"/>
        <v>#N/A</v>
      </c>
      <c r="R7145" s="238">
        <v>35</v>
      </c>
      <c r="S7145" s="236" t="e">
        <f t="shared" si="1661"/>
        <v>#N/A</v>
      </c>
      <c r="T7145" s="236">
        <f t="shared" si="1648"/>
        <v>33.860837696196967</v>
      </c>
    </row>
    <row r="7146" spans="2:20" x14ac:dyDescent="0.2">
      <c r="B7146" s="239">
        <v>71.162000000000006</v>
      </c>
      <c r="C7146" s="3">
        <f t="shared" si="1649"/>
        <v>71.155000000000001</v>
      </c>
      <c r="D7146" s="239">
        <v>22.855699999999999</v>
      </c>
      <c r="E7146" s="239">
        <v>0.11749999999999999</v>
      </c>
      <c r="F7146" s="239">
        <v>0.56499999999999995</v>
      </c>
      <c r="G7146">
        <f t="shared" si="1650"/>
        <v>22.968699999999998</v>
      </c>
      <c r="H7146" s="235">
        <f t="shared" si="1651"/>
        <v>0.51156573946283423</v>
      </c>
      <c r="I7146" s="236">
        <f t="shared" si="1652"/>
        <v>20.058568068047702</v>
      </c>
      <c r="J7146" s="237">
        <f t="shared" si="1657"/>
        <v>10.058568068047702</v>
      </c>
      <c r="K7146" s="237">
        <f t="shared" si="1653"/>
        <v>1427.2674108819342</v>
      </c>
      <c r="L7146" s="237">
        <f t="shared" si="1658"/>
        <v>715.78782085841067</v>
      </c>
      <c r="M7146" s="236">
        <f t="shared" si="1654"/>
        <v>30.094717961650193</v>
      </c>
      <c r="N7146" s="236">
        <f t="shared" si="1655"/>
        <v>0.54546047257486796</v>
      </c>
      <c r="O7146" s="236">
        <f t="shared" si="1659"/>
        <v>2.2094132607515462</v>
      </c>
      <c r="P7146" s="236" t="str">
        <f t="shared" si="1660"/>
        <v>SAND</v>
      </c>
      <c r="Q7146" s="236" t="e">
        <f t="shared" si="1656"/>
        <v>#N/A</v>
      </c>
      <c r="R7146" s="238">
        <v>35</v>
      </c>
      <c r="S7146" s="236" t="e">
        <f t="shared" si="1661"/>
        <v>#N/A</v>
      </c>
      <c r="T7146" s="236">
        <f t="shared" si="1648"/>
        <v>33.863393053675694</v>
      </c>
    </row>
    <row r="7147" spans="2:20" x14ac:dyDescent="0.2">
      <c r="B7147" s="239">
        <v>71.171999999999997</v>
      </c>
      <c r="C7147" s="3">
        <f t="shared" si="1649"/>
        <v>71.164999999999992</v>
      </c>
      <c r="D7147" s="239">
        <v>22.800599999999999</v>
      </c>
      <c r="E7147" s="239">
        <v>0.1177</v>
      </c>
      <c r="F7147" s="239">
        <v>0.55430000000000001</v>
      </c>
      <c r="G7147">
        <f t="shared" si="1650"/>
        <v>22.911459999999998</v>
      </c>
      <c r="H7147" s="235">
        <f t="shared" si="1651"/>
        <v>0.51371671643797479</v>
      </c>
      <c r="I7147" s="236">
        <f t="shared" si="1652"/>
        <v>20.059586992438749</v>
      </c>
      <c r="J7147" s="237">
        <f t="shared" si="1657"/>
        <v>10.059586992438749</v>
      </c>
      <c r="K7147" s="237">
        <f t="shared" si="1653"/>
        <v>1427.5405083169035</v>
      </c>
      <c r="L7147" s="237">
        <f t="shared" si="1658"/>
        <v>715.96092542585063</v>
      </c>
      <c r="M7147" s="236">
        <f t="shared" si="1654"/>
        <v>30.007111741334974</v>
      </c>
      <c r="N7147" s="236">
        <f t="shared" si="1655"/>
        <v>0.54785161546320404</v>
      </c>
      <c r="O7147" s="236">
        <f t="shared" si="1659"/>
        <v>2.2113774105996473</v>
      </c>
      <c r="P7147" s="236" t="str">
        <f t="shared" si="1660"/>
        <v>SAND</v>
      </c>
      <c r="Q7147" s="236" t="e">
        <f t="shared" si="1656"/>
        <v>#N/A</v>
      </c>
      <c r="R7147" s="238">
        <v>35</v>
      </c>
      <c r="S7147" s="236" t="e">
        <f t="shared" si="1661"/>
        <v>#N/A</v>
      </c>
      <c r="T7147" s="236">
        <f t="shared" si="1648"/>
        <v>33.849466150712175</v>
      </c>
    </row>
    <row r="7148" spans="2:20" x14ac:dyDescent="0.2">
      <c r="B7148" s="239">
        <v>71.183000000000007</v>
      </c>
      <c r="C7148" s="3">
        <f t="shared" si="1649"/>
        <v>71.176000000000002</v>
      </c>
      <c r="D7148" s="239">
        <v>22.6585</v>
      </c>
      <c r="E7148" s="239">
        <v>0.1179</v>
      </c>
      <c r="F7148" s="239">
        <v>0.54139999999999999</v>
      </c>
      <c r="G7148">
        <f t="shared" si="1650"/>
        <v>22.766780000000001</v>
      </c>
      <c r="H7148" s="235">
        <f t="shared" si="1651"/>
        <v>0.51785979396295834</v>
      </c>
      <c r="I7148" s="236">
        <f t="shared" si="1652"/>
        <v>20.059101777941084</v>
      </c>
      <c r="J7148" s="237">
        <f t="shared" si="1657"/>
        <v>10.059101777941084</v>
      </c>
      <c r="K7148" s="237">
        <f t="shared" si="1653"/>
        <v>1427.7266281467346</v>
      </c>
      <c r="L7148" s="237">
        <f t="shared" si="1658"/>
        <v>716.03704185918025</v>
      </c>
      <c r="M7148" s="236">
        <f t="shared" si="1654"/>
        <v>29.801605398020627</v>
      </c>
      <c r="N7148" s="236">
        <f t="shared" si="1655"/>
        <v>0.55250810776598447</v>
      </c>
      <c r="O7148" s="236">
        <f t="shared" si="1659"/>
        <v>2.2156613059595731</v>
      </c>
      <c r="P7148" s="236" t="str">
        <f t="shared" si="1660"/>
        <v>SAND</v>
      </c>
      <c r="Q7148" s="236" t="e">
        <f t="shared" si="1656"/>
        <v>#N/A</v>
      </c>
      <c r="R7148" s="238">
        <v>35</v>
      </c>
      <c r="S7148" s="236" t="e">
        <f t="shared" si="1661"/>
        <v>#N/A</v>
      </c>
      <c r="T7148" s="236">
        <f t="shared" si="1648"/>
        <v>33.816636259333492</v>
      </c>
    </row>
    <row r="7149" spans="2:20" x14ac:dyDescent="0.2">
      <c r="B7149" s="239">
        <v>71.191999999999993</v>
      </c>
      <c r="C7149" s="3">
        <f t="shared" si="1649"/>
        <v>71.184999999999988</v>
      </c>
      <c r="D7149" s="239">
        <v>22.645600000000002</v>
      </c>
      <c r="E7149" s="239">
        <v>0.11609999999999999</v>
      </c>
      <c r="F7149" s="239">
        <v>0.5464</v>
      </c>
      <c r="G7149">
        <f t="shared" si="1650"/>
        <v>22.75488</v>
      </c>
      <c r="H7149" s="235">
        <f t="shared" si="1651"/>
        <v>0.5102202252879382</v>
      </c>
      <c r="I7149" s="236">
        <f t="shared" si="1652"/>
        <v>20.040857142276721</v>
      </c>
      <c r="J7149" s="237">
        <f t="shared" si="1657"/>
        <v>10.040857142276721</v>
      </c>
      <c r="K7149" s="237">
        <f t="shared" si="1653"/>
        <v>1426.6084156729682</v>
      </c>
      <c r="L7149" s="237">
        <f t="shared" si="1658"/>
        <v>714.82870167296426</v>
      </c>
      <c r="M7149" s="236">
        <f t="shared" si="1654"/>
        <v>29.836898734495367</v>
      </c>
      <c r="N7149" s="236">
        <f t="shared" si="1655"/>
        <v>0.54434790714741021</v>
      </c>
      <c r="O7149" s="236">
        <f t="shared" si="1659"/>
        <v>2.2123986687440325</v>
      </c>
      <c r="P7149" s="236" t="str">
        <f t="shared" si="1660"/>
        <v>SAND</v>
      </c>
      <c r="Q7149" s="236" t="e">
        <f t="shared" si="1656"/>
        <v>#N/A</v>
      </c>
      <c r="R7149" s="238">
        <v>35</v>
      </c>
      <c r="S7149" s="236" t="e">
        <f t="shared" si="1661"/>
        <v>#N/A</v>
      </c>
      <c r="T7149" s="236">
        <f t="shared" si="1648"/>
        <v>33.822290483435964</v>
      </c>
    </row>
    <row r="7150" spans="2:20" x14ac:dyDescent="0.2">
      <c r="B7150" s="239">
        <v>71.203999999999994</v>
      </c>
      <c r="C7150" s="3">
        <f t="shared" si="1649"/>
        <v>71.196999999999989</v>
      </c>
      <c r="D7150" s="239">
        <v>22.476700000000001</v>
      </c>
      <c r="E7150" s="239">
        <v>0.11509999999999999</v>
      </c>
      <c r="F7150" s="239">
        <v>0.57230000000000003</v>
      </c>
      <c r="G7150">
        <f t="shared" si="1650"/>
        <v>22.591160000000002</v>
      </c>
      <c r="H7150" s="235">
        <f t="shared" si="1651"/>
        <v>0.50949132315472068</v>
      </c>
      <c r="I7150" s="236">
        <f t="shared" si="1652"/>
        <v>20.027891106475984</v>
      </c>
      <c r="J7150" s="237">
        <f t="shared" si="1657"/>
        <v>10.027891106475984</v>
      </c>
      <c r="K7150" s="237">
        <f t="shared" si="1653"/>
        <v>1425.9257631077703</v>
      </c>
      <c r="L7150" s="237">
        <f t="shared" si="1658"/>
        <v>714.02595834551585</v>
      </c>
      <c r="M7150" s="236">
        <f t="shared" si="1654"/>
        <v>29.642107530564616</v>
      </c>
      <c r="N7150" s="236">
        <f t="shared" si="1655"/>
        <v>0.54381632970247984</v>
      </c>
      <c r="O7150" s="236">
        <f t="shared" si="1659"/>
        <v>2.2147813260819551</v>
      </c>
      <c r="P7150" s="236" t="str">
        <f t="shared" si="1660"/>
        <v>SAND</v>
      </c>
      <c r="Q7150" s="236" t="e">
        <f t="shared" si="1656"/>
        <v>#N/A</v>
      </c>
      <c r="R7150" s="238">
        <v>35</v>
      </c>
      <c r="S7150" s="236" t="e">
        <f t="shared" si="1661"/>
        <v>#N/A</v>
      </c>
      <c r="T7150" s="236">
        <f t="shared" si="1648"/>
        <v>33.790999862417749</v>
      </c>
    </row>
    <row r="7151" spans="2:20" x14ac:dyDescent="0.2">
      <c r="B7151" s="239">
        <v>71.212999999999994</v>
      </c>
      <c r="C7151" s="3">
        <f t="shared" si="1649"/>
        <v>71.205999999999989</v>
      </c>
      <c r="D7151" s="239">
        <v>22.476500000000001</v>
      </c>
      <c r="E7151" s="239">
        <v>0.1142</v>
      </c>
      <c r="F7151" s="239">
        <v>0.51380000000000003</v>
      </c>
      <c r="G7151">
        <f t="shared" si="1650"/>
        <v>22.579260000000001</v>
      </c>
      <c r="H7151" s="235">
        <f t="shared" si="1651"/>
        <v>0.5057738827578937</v>
      </c>
      <c r="I7151" s="236">
        <f t="shared" si="1652"/>
        <v>20.018480268987652</v>
      </c>
      <c r="J7151" s="237">
        <f t="shared" si="1657"/>
        <v>10.018480268987652</v>
      </c>
      <c r="K7151" s="237">
        <f t="shared" si="1653"/>
        <v>1425.4359060335346</v>
      </c>
      <c r="L7151" s="237">
        <f t="shared" si="1658"/>
        <v>713.44603539541765</v>
      </c>
      <c r="M7151" s="236">
        <f t="shared" si="1654"/>
        <v>29.65020904803578</v>
      </c>
      <c r="N7151" s="236">
        <f t="shared" si="1655"/>
        <v>0.53985510843201312</v>
      </c>
      <c r="O7151" s="236">
        <f t="shared" si="1659"/>
        <v>2.2133063429589939</v>
      </c>
      <c r="P7151" s="236" t="str">
        <f t="shared" si="1660"/>
        <v>SAND</v>
      </c>
      <c r="Q7151" s="236" t="e">
        <f t="shared" si="1656"/>
        <v>#N/A</v>
      </c>
      <c r="R7151" s="238">
        <v>35</v>
      </c>
      <c r="S7151" s="236" t="e">
        <f t="shared" si="1661"/>
        <v>#N/A</v>
      </c>
      <c r="T7151" s="236">
        <f t="shared" si="1648"/>
        <v>33.792305356624574</v>
      </c>
    </row>
    <row r="7152" spans="2:20" x14ac:dyDescent="0.2">
      <c r="B7152" s="239">
        <v>71.222999999999999</v>
      </c>
      <c r="C7152" s="3">
        <f t="shared" si="1649"/>
        <v>71.215999999999994</v>
      </c>
      <c r="D7152" s="239">
        <v>22.596499999999999</v>
      </c>
      <c r="E7152" s="239">
        <v>0.1172</v>
      </c>
      <c r="F7152" s="239">
        <v>0.51939999999999997</v>
      </c>
      <c r="G7152">
        <f t="shared" si="1650"/>
        <v>22.700379999999999</v>
      </c>
      <c r="H7152" s="235">
        <f t="shared" si="1651"/>
        <v>0.51629091671593164</v>
      </c>
      <c r="I7152" s="236">
        <f t="shared" si="1652"/>
        <v>20.050977420458228</v>
      </c>
      <c r="J7152" s="237">
        <f t="shared" si="1657"/>
        <v>10.050977420458228</v>
      </c>
      <c r="K7152" s="237">
        <f t="shared" si="1653"/>
        <v>1427.9504079753531</v>
      </c>
      <c r="L7152" s="237">
        <f t="shared" si="1658"/>
        <v>715.8607648172964</v>
      </c>
      <c r="M7152" s="236">
        <f t="shared" si="1654"/>
        <v>29.715875820424159</v>
      </c>
      <c r="N7152" s="236">
        <f t="shared" si="1655"/>
        <v>0.55094788064989086</v>
      </c>
      <c r="O7152" s="236">
        <f t="shared" si="1659"/>
        <v>2.2162554495336262</v>
      </c>
      <c r="P7152" s="236" t="str">
        <f t="shared" si="1660"/>
        <v>SAND</v>
      </c>
      <c r="Q7152" s="236" t="e">
        <f t="shared" si="1656"/>
        <v>#N/A</v>
      </c>
      <c r="R7152" s="238">
        <v>35</v>
      </c>
      <c r="S7152" s="236" t="e">
        <f t="shared" si="1661"/>
        <v>#N/A</v>
      </c>
      <c r="T7152" s="236">
        <f t="shared" si="1648"/>
        <v>33.802873882895334</v>
      </c>
    </row>
    <row r="7153" spans="2:20" x14ac:dyDescent="0.2">
      <c r="B7153" s="239">
        <v>71.233000000000004</v>
      </c>
      <c r="C7153" s="3">
        <f t="shared" si="1649"/>
        <v>71.225999999999999</v>
      </c>
      <c r="D7153" s="239">
        <v>22.559699999999999</v>
      </c>
      <c r="E7153" s="239">
        <v>0.1133</v>
      </c>
      <c r="F7153" s="239">
        <v>0.52380000000000004</v>
      </c>
      <c r="G7153">
        <f t="shared" si="1650"/>
        <v>22.664459999999998</v>
      </c>
      <c r="H7153" s="235">
        <f t="shared" si="1651"/>
        <v>0.49990160806831485</v>
      </c>
      <c r="I7153" s="236">
        <f t="shared" si="1652"/>
        <v>20.010674649488589</v>
      </c>
      <c r="J7153" s="237">
        <f t="shared" si="1657"/>
        <v>10.010674649488589</v>
      </c>
      <c r="K7153" s="237">
        <f t="shared" si="1653"/>
        <v>1425.2803125844741</v>
      </c>
      <c r="L7153" s="237">
        <f t="shared" si="1658"/>
        <v>713.09038730702071</v>
      </c>
      <c r="M7153" s="236">
        <f t="shared" si="1654"/>
        <v>29.784694991647683</v>
      </c>
      <c r="N7153" s="236">
        <f t="shared" si="1655"/>
        <v>0.53344809765478673</v>
      </c>
      <c r="O7153" s="236">
        <f t="shared" si="1659"/>
        <v>2.2093046183745733</v>
      </c>
      <c r="P7153" s="236" t="str">
        <f t="shared" si="1660"/>
        <v>SAND</v>
      </c>
      <c r="Q7153" s="236" t="e">
        <f t="shared" si="1656"/>
        <v>#N/A</v>
      </c>
      <c r="R7153" s="238">
        <v>35</v>
      </c>
      <c r="S7153" s="236" t="e">
        <f t="shared" si="1661"/>
        <v>#N/A</v>
      </c>
      <c r="T7153" s="236">
        <f t="shared" si="1648"/>
        <v>33.813924728006313</v>
      </c>
    </row>
    <row r="7154" spans="2:20" x14ac:dyDescent="0.2">
      <c r="B7154" s="239">
        <v>71.244</v>
      </c>
      <c r="C7154" s="3">
        <f t="shared" si="1649"/>
        <v>71.236999999999995</v>
      </c>
      <c r="D7154" s="239">
        <v>22.4316</v>
      </c>
      <c r="E7154" s="239">
        <v>0.1091</v>
      </c>
      <c r="F7154" s="239">
        <v>0.54020000000000001</v>
      </c>
      <c r="G7154">
        <f t="shared" si="1650"/>
        <v>22.539639999999999</v>
      </c>
      <c r="H7154" s="235">
        <f t="shared" si="1651"/>
        <v>0.48403612480057362</v>
      </c>
      <c r="I7154" s="236">
        <f t="shared" si="1652"/>
        <v>19.964222158717902</v>
      </c>
      <c r="J7154" s="237">
        <f t="shared" si="1657"/>
        <v>9.9642221587179023</v>
      </c>
      <c r="K7154" s="237">
        <f t="shared" si="1653"/>
        <v>1422.1912939205872</v>
      </c>
      <c r="L7154" s="237">
        <f t="shared" si="1658"/>
        <v>709.89104347569821</v>
      </c>
      <c r="M7154" s="236">
        <f t="shared" si="1654"/>
        <v>29.747450542108901</v>
      </c>
      <c r="N7154" s="236">
        <f t="shared" si="1655"/>
        <v>0.51663437907909615</v>
      </c>
      <c r="O7154" s="236">
        <f t="shared" si="1659"/>
        <v>2.2038702258786222</v>
      </c>
      <c r="P7154" s="236" t="str">
        <f t="shared" si="1660"/>
        <v>SAND</v>
      </c>
      <c r="Q7154" s="236" t="e">
        <f t="shared" si="1656"/>
        <v>#N/A</v>
      </c>
      <c r="R7154" s="238">
        <v>35</v>
      </c>
      <c r="S7154" s="236" t="e">
        <f t="shared" si="1661"/>
        <v>#N/A</v>
      </c>
      <c r="T7154" s="236">
        <f t="shared" si="1648"/>
        <v>33.807947262564866</v>
      </c>
    </row>
    <row r="7155" spans="2:20" x14ac:dyDescent="0.2">
      <c r="B7155" s="239">
        <v>71.254000000000005</v>
      </c>
      <c r="C7155" s="3">
        <f t="shared" si="1649"/>
        <v>71.247</v>
      </c>
      <c r="D7155" s="239">
        <v>22.398599999999998</v>
      </c>
      <c r="E7155" s="239">
        <v>0.1074</v>
      </c>
      <c r="F7155" s="239">
        <v>0.54290000000000005</v>
      </c>
      <c r="G7155">
        <f t="shared" si="1650"/>
        <v>22.507179999999998</v>
      </c>
      <c r="H7155" s="235">
        <f t="shared" si="1651"/>
        <v>0.4771810595552175</v>
      </c>
      <c r="I7155" s="236">
        <f t="shared" si="1652"/>
        <v>19.945243589842434</v>
      </c>
      <c r="J7155" s="237">
        <f t="shared" si="1657"/>
        <v>9.9452435898424341</v>
      </c>
      <c r="K7155" s="237">
        <f t="shared" si="1653"/>
        <v>1421.038770045504</v>
      </c>
      <c r="L7155" s="237">
        <f t="shared" si="1658"/>
        <v>708.63838675063289</v>
      </c>
      <c r="M7155" s="236">
        <f t="shared" si="1654"/>
        <v>29.755855206549267</v>
      </c>
      <c r="N7155" s="236">
        <f t="shared" si="1655"/>
        <v>0.50933928037734089</v>
      </c>
      <c r="O7155" s="236">
        <f t="shared" si="1659"/>
        <v>2.2011509056060063</v>
      </c>
      <c r="P7155" s="236" t="str">
        <f t="shared" si="1660"/>
        <v>SAND</v>
      </c>
      <c r="Q7155" s="236" t="e">
        <f t="shared" si="1656"/>
        <v>#N/A</v>
      </c>
      <c r="R7155" s="238">
        <v>35</v>
      </c>
      <c r="S7155" s="236" t="e">
        <f t="shared" si="1661"/>
        <v>#N/A</v>
      </c>
      <c r="T7155" s="236">
        <f t="shared" si="1648"/>
        <v>33.809296804175624</v>
      </c>
    </row>
    <row r="7156" spans="2:20" x14ac:dyDescent="0.2">
      <c r="B7156" s="239">
        <v>71.263999999999996</v>
      </c>
      <c r="C7156" s="3">
        <f t="shared" si="1649"/>
        <v>71.256999999999991</v>
      </c>
      <c r="D7156" s="239">
        <v>22.3276</v>
      </c>
      <c r="E7156" s="239">
        <v>0.10780000000000001</v>
      </c>
      <c r="F7156" s="239">
        <v>0.52190000000000003</v>
      </c>
      <c r="G7156">
        <f t="shared" si="1650"/>
        <v>22.431979999999999</v>
      </c>
      <c r="H7156" s="235">
        <f t="shared" si="1651"/>
        <v>0.48056390920462666</v>
      </c>
      <c r="I7156" s="236">
        <f t="shared" si="1652"/>
        <v>19.948294556848388</v>
      </c>
      <c r="J7156" s="237">
        <f t="shared" si="1657"/>
        <v>9.9482945568483885</v>
      </c>
      <c r="K7156" s="237">
        <f t="shared" si="1653"/>
        <v>1421.4556252373454</v>
      </c>
      <c r="L7156" s="237">
        <f t="shared" si="1658"/>
        <v>708.95526329924348</v>
      </c>
      <c r="M7156" s="236">
        <f t="shared" si="1654"/>
        <v>29.635895891352323</v>
      </c>
      <c r="N7156" s="236">
        <f t="shared" si="1655"/>
        <v>0.51307619970440532</v>
      </c>
      <c r="O7156" s="236">
        <f t="shared" si="1659"/>
        <v>2.2040801649346569</v>
      </c>
      <c r="P7156" s="236" t="str">
        <f t="shared" si="1660"/>
        <v>SAND</v>
      </c>
      <c r="Q7156" s="236" t="e">
        <f t="shared" si="1656"/>
        <v>#N/A</v>
      </c>
      <c r="R7156" s="238">
        <v>35</v>
      </c>
      <c r="S7156" s="236" t="e">
        <f t="shared" si="1661"/>
        <v>#N/A</v>
      </c>
      <c r="T7156" s="236">
        <f t="shared" si="1648"/>
        <v>33.789998665165349</v>
      </c>
    </row>
    <row r="7157" spans="2:20" x14ac:dyDescent="0.2">
      <c r="B7157" s="239">
        <v>71.275000000000006</v>
      </c>
      <c r="C7157" s="3">
        <f t="shared" si="1649"/>
        <v>71.268000000000001</v>
      </c>
      <c r="D7157" s="239">
        <v>22.188400000000001</v>
      </c>
      <c r="E7157" s="239">
        <v>0.1085</v>
      </c>
      <c r="F7157" s="239">
        <v>0.54959999999999998</v>
      </c>
      <c r="G7157">
        <f t="shared" si="1650"/>
        <v>22.29832</v>
      </c>
      <c r="H7157" s="235">
        <f t="shared" si="1651"/>
        <v>0.48658374263173187</v>
      </c>
      <c r="I7157" s="236">
        <f t="shared" si="1652"/>
        <v>19.953548276780488</v>
      </c>
      <c r="J7157" s="237">
        <f t="shared" si="1657"/>
        <v>9.9535482767804879</v>
      </c>
      <c r="K7157" s="237">
        <f t="shared" si="1653"/>
        <v>1422.0494785895919</v>
      </c>
      <c r="L7157" s="237">
        <f t="shared" si="1658"/>
        <v>709.43915342752928</v>
      </c>
      <c r="M7157" s="236">
        <f t="shared" si="1654"/>
        <v>29.426442592786728</v>
      </c>
      <c r="N7157" s="236">
        <f t="shared" si="1655"/>
        <v>0.51972884662863483</v>
      </c>
      <c r="O7157" s="236">
        <f t="shared" si="1659"/>
        <v>2.2092371541459221</v>
      </c>
      <c r="P7157" s="236" t="str">
        <f t="shared" si="1660"/>
        <v>SAND</v>
      </c>
      <c r="Q7157" s="236" t="e">
        <f t="shared" si="1656"/>
        <v>#N/A</v>
      </c>
      <c r="R7157" s="238">
        <v>35</v>
      </c>
      <c r="S7157" s="236" t="e">
        <f t="shared" si="1661"/>
        <v>#N/A</v>
      </c>
      <c r="T7157" s="236">
        <f t="shared" si="1648"/>
        <v>33.756115390307485</v>
      </c>
    </row>
    <row r="7158" spans="2:20" x14ac:dyDescent="0.2">
      <c r="B7158" s="239">
        <v>71.284000000000006</v>
      </c>
      <c r="C7158" s="3">
        <f t="shared" si="1649"/>
        <v>71.277000000000001</v>
      </c>
      <c r="D7158" s="239">
        <v>22.066099999999999</v>
      </c>
      <c r="E7158" s="239">
        <v>0.1099</v>
      </c>
      <c r="F7158" s="239">
        <v>0.51249999999999996</v>
      </c>
      <c r="G7158">
        <f t="shared" si="1650"/>
        <v>22.168599999999998</v>
      </c>
      <c r="H7158" s="235">
        <f t="shared" si="1651"/>
        <v>0.49574623566666376</v>
      </c>
      <c r="I7158" s="236">
        <f t="shared" si="1652"/>
        <v>19.966301264448589</v>
      </c>
      <c r="J7158" s="237">
        <f t="shared" si="1657"/>
        <v>9.9663012644485889</v>
      </c>
      <c r="K7158" s="237">
        <f t="shared" si="1653"/>
        <v>1423.1380552261021</v>
      </c>
      <c r="L7158" s="237">
        <f t="shared" si="1658"/>
        <v>710.43781933495325</v>
      </c>
      <c r="M7158" s="236">
        <f t="shared" si="1654"/>
        <v>29.200953806476541</v>
      </c>
      <c r="N7158" s="236">
        <f t="shared" si="1655"/>
        <v>0.52975441227851527</v>
      </c>
      <c r="O7158" s="236">
        <f t="shared" si="1659"/>
        <v>2.2157865094987907</v>
      </c>
      <c r="P7158" s="236" t="str">
        <f t="shared" si="1660"/>
        <v>SAND</v>
      </c>
      <c r="Q7158" s="236" t="e">
        <f t="shared" si="1656"/>
        <v>#N/A</v>
      </c>
      <c r="R7158" s="238">
        <v>35</v>
      </c>
      <c r="S7158" s="236" t="e">
        <f t="shared" si="1661"/>
        <v>#N/A</v>
      </c>
      <c r="T7158" s="236">
        <f t="shared" si="1648"/>
        <v>33.719367410020539</v>
      </c>
    </row>
    <row r="7159" spans="2:20" x14ac:dyDescent="0.2">
      <c r="B7159" s="239">
        <v>71.293999999999997</v>
      </c>
      <c r="C7159" s="3">
        <f t="shared" si="1649"/>
        <v>71.286999999999992</v>
      </c>
      <c r="D7159" s="239">
        <v>21.8566</v>
      </c>
      <c r="E7159" s="239">
        <v>0.1072</v>
      </c>
      <c r="F7159" s="239">
        <v>0.51859999999999995</v>
      </c>
      <c r="G7159">
        <f t="shared" si="1650"/>
        <v>21.960319999999999</v>
      </c>
      <c r="H7159" s="235">
        <f t="shared" si="1651"/>
        <v>0.48815317809576553</v>
      </c>
      <c r="I7159" s="236">
        <f t="shared" si="1652"/>
        <v>19.933443772669804</v>
      </c>
      <c r="J7159" s="237">
        <f t="shared" si="1657"/>
        <v>9.9334437726698042</v>
      </c>
      <c r="K7159" s="237">
        <f t="shared" si="1653"/>
        <v>1420.9954062223121</v>
      </c>
      <c r="L7159" s="237">
        <f t="shared" si="1658"/>
        <v>708.19494032872103</v>
      </c>
      <c r="M7159" s="236">
        <f t="shared" si="1654"/>
        <v>29.002359977669428</v>
      </c>
      <c r="N7159" s="236">
        <f t="shared" si="1655"/>
        <v>0.52192563348687637</v>
      </c>
      <c r="O7159" s="236">
        <f t="shared" si="1659"/>
        <v>2.2157242240319017</v>
      </c>
      <c r="P7159" s="236" t="str">
        <f t="shared" si="1660"/>
        <v>SAND</v>
      </c>
      <c r="Q7159" s="236" t="e">
        <f t="shared" si="1656"/>
        <v>#N/A</v>
      </c>
      <c r="R7159" s="238">
        <v>35</v>
      </c>
      <c r="S7159" s="236" t="e">
        <f t="shared" si="1661"/>
        <v>#N/A</v>
      </c>
      <c r="T7159" s="236">
        <f t="shared" si="1648"/>
        <v>33.686766725831916</v>
      </c>
    </row>
    <row r="7160" spans="2:20" x14ac:dyDescent="0.2">
      <c r="B7160" s="239">
        <v>71.305000000000007</v>
      </c>
      <c r="C7160" s="3">
        <f t="shared" si="1649"/>
        <v>71.298000000000002</v>
      </c>
      <c r="D7160" s="239">
        <v>21.837299999999999</v>
      </c>
      <c r="E7160" s="239">
        <v>0.1085</v>
      </c>
      <c r="F7160" s="239">
        <v>0.50780000000000003</v>
      </c>
      <c r="G7160">
        <f t="shared" si="1650"/>
        <v>21.938859999999998</v>
      </c>
      <c r="H7160" s="235">
        <f t="shared" si="1651"/>
        <v>0.49455623491831396</v>
      </c>
      <c r="I7160" s="236">
        <f t="shared" si="1652"/>
        <v>19.94719599856354</v>
      </c>
      <c r="J7160" s="237">
        <f t="shared" si="1657"/>
        <v>9.9471959985635401</v>
      </c>
      <c r="K7160" s="237">
        <f t="shared" si="1653"/>
        <v>1422.1951803055833</v>
      </c>
      <c r="L7160" s="237">
        <f t="shared" si="1658"/>
        <v>709.28481067757332</v>
      </c>
      <c r="M7160" s="236">
        <f t="shared" si="1654"/>
        <v>28.925848278204395</v>
      </c>
      <c r="N7160" s="236">
        <f t="shared" si="1655"/>
        <v>0.5288383904183509</v>
      </c>
      <c r="O7160" s="236">
        <f t="shared" si="1659"/>
        <v>2.2191867318899043</v>
      </c>
      <c r="P7160" s="236" t="str">
        <f t="shared" si="1660"/>
        <v>SAND</v>
      </c>
      <c r="Q7160" s="236" t="e">
        <f t="shared" si="1656"/>
        <v>#N/A</v>
      </c>
      <c r="R7160" s="238">
        <v>35</v>
      </c>
      <c r="S7160" s="236" t="e">
        <f t="shared" si="1661"/>
        <v>#N/A</v>
      </c>
      <c r="T7160" s="236">
        <f t="shared" si="1648"/>
        <v>33.674147143033821</v>
      </c>
    </row>
    <row r="7161" spans="2:20" x14ac:dyDescent="0.2">
      <c r="B7161" s="239">
        <v>71.314999999999998</v>
      </c>
      <c r="C7161" s="3">
        <f t="shared" si="1649"/>
        <v>71.307999999999993</v>
      </c>
      <c r="D7161" s="239">
        <v>21.6905</v>
      </c>
      <c r="E7161" s="239">
        <v>0.1071</v>
      </c>
      <c r="F7161" s="239">
        <v>0.50629999999999997</v>
      </c>
      <c r="G7161">
        <f t="shared" si="1650"/>
        <v>21.79176</v>
      </c>
      <c r="H7161" s="235">
        <f t="shared" si="1651"/>
        <v>0.49147017037632573</v>
      </c>
      <c r="I7161" s="236">
        <f t="shared" si="1652"/>
        <v>19.929337702133225</v>
      </c>
      <c r="J7161" s="237">
        <f t="shared" si="1657"/>
        <v>9.9293377021332248</v>
      </c>
      <c r="K7161" s="237">
        <f t="shared" si="1653"/>
        <v>1421.1212128637158</v>
      </c>
      <c r="L7161" s="237">
        <f t="shared" si="1658"/>
        <v>708.11071822763085</v>
      </c>
      <c r="M7161" s="236">
        <f t="shared" si="1654"/>
        <v>28.767589958422139</v>
      </c>
      <c r="N7161" s="236">
        <f t="shared" si="1655"/>
        <v>0.52575670856051826</v>
      </c>
      <c r="O7161" s="236">
        <f t="shared" si="1659"/>
        <v>2.220266942604959</v>
      </c>
      <c r="P7161" s="236" t="str">
        <f t="shared" si="1660"/>
        <v>SAND</v>
      </c>
      <c r="Q7161" s="236" t="e">
        <f t="shared" si="1656"/>
        <v>#N/A</v>
      </c>
      <c r="R7161" s="238">
        <v>35</v>
      </c>
      <c r="S7161" s="236" t="e">
        <f t="shared" si="1661"/>
        <v>#N/A</v>
      </c>
      <c r="T7161" s="236">
        <f t="shared" si="1648"/>
        <v>33.647938278235301</v>
      </c>
    </row>
    <row r="7162" spans="2:20" x14ac:dyDescent="0.2">
      <c r="B7162" s="239">
        <v>71.325000000000003</v>
      </c>
      <c r="C7162" s="3">
        <f t="shared" si="1649"/>
        <v>71.317999999999998</v>
      </c>
      <c r="D7162" s="239">
        <v>21.608000000000001</v>
      </c>
      <c r="E7162" s="239">
        <v>0.106</v>
      </c>
      <c r="F7162" s="239">
        <v>0.50070000000000003</v>
      </c>
      <c r="G7162">
        <f t="shared" si="1650"/>
        <v>21.70814</v>
      </c>
      <c r="H7162" s="235">
        <f t="shared" si="1651"/>
        <v>0.48829609538173235</v>
      </c>
      <c r="I7162" s="236">
        <f t="shared" si="1652"/>
        <v>19.915729242986508</v>
      </c>
      <c r="J7162" s="237">
        <f t="shared" si="1657"/>
        <v>9.915729242986508</v>
      </c>
      <c r="K7162" s="237">
        <f t="shared" si="1653"/>
        <v>1420.3499781513117</v>
      </c>
      <c r="L7162" s="237">
        <f t="shared" si="1658"/>
        <v>707.23938825601272</v>
      </c>
      <c r="M7162" s="236">
        <f t="shared" si="1654"/>
        <v>28.685888199576258</v>
      </c>
      <c r="N7162" s="236">
        <f t="shared" si="1655"/>
        <v>0.52248174831188909</v>
      </c>
      <c r="O7162" s="236">
        <f t="shared" si="1659"/>
        <v>2.220237892339088</v>
      </c>
      <c r="P7162" s="236" t="str">
        <f t="shared" si="1660"/>
        <v>SAND</v>
      </c>
      <c r="Q7162" s="236" t="e">
        <f t="shared" si="1656"/>
        <v>#N/A</v>
      </c>
      <c r="R7162" s="238">
        <v>35</v>
      </c>
      <c r="S7162" s="236" t="e">
        <f t="shared" si="1661"/>
        <v>#N/A</v>
      </c>
      <c r="T7162" s="236">
        <f t="shared" si="1648"/>
        <v>33.634351316090424</v>
      </c>
    </row>
    <row r="7163" spans="2:20" x14ac:dyDescent="0.2">
      <c r="B7163" s="239">
        <v>71.334999999999994</v>
      </c>
      <c r="C7163" s="3">
        <f t="shared" si="1649"/>
        <v>71.327999999999989</v>
      </c>
      <c r="D7163" s="239">
        <v>21.3733</v>
      </c>
      <c r="E7163" s="239">
        <v>0.1048</v>
      </c>
      <c r="F7163" s="239">
        <v>0.53049999999999997</v>
      </c>
      <c r="G7163">
        <f t="shared" si="1650"/>
        <v>21.479400000000002</v>
      </c>
      <c r="H7163" s="235">
        <f t="shared" si="1651"/>
        <v>0.48790934569866945</v>
      </c>
      <c r="I7163" s="236">
        <f t="shared" si="1652"/>
        <v>19.898238448685873</v>
      </c>
      <c r="J7163" s="237">
        <f t="shared" si="1657"/>
        <v>9.8982384486858734</v>
      </c>
      <c r="K7163" s="237">
        <f t="shared" si="1653"/>
        <v>1419.3015520678657</v>
      </c>
      <c r="L7163" s="237">
        <f t="shared" si="1658"/>
        <v>706.09083973700672</v>
      </c>
      <c r="M7163" s="236">
        <f t="shared" si="1654"/>
        <v>28.410081704789988</v>
      </c>
      <c r="N7163" s="236">
        <f t="shared" si="1655"/>
        <v>0.52243013797772853</v>
      </c>
      <c r="O7163" s="236">
        <f t="shared" si="1659"/>
        <v>2.2240234203679523</v>
      </c>
      <c r="P7163" s="236" t="str">
        <f t="shared" si="1660"/>
        <v>SAND</v>
      </c>
      <c r="Q7163" s="236" t="e">
        <f t="shared" si="1656"/>
        <v>#N/A</v>
      </c>
      <c r="R7163" s="238">
        <v>35</v>
      </c>
      <c r="S7163" s="236" t="e">
        <f t="shared" si="1661"/>
        <v>#N/A</v>
      </c>
      <c r="T7163" s="236">
        <f t="shared" si="1648"/>
        <v>33.588197309874246</v>
      </c>
    </row>
    <row r="7164" spans="2:20" x14ac:dyDescent="0.2">
      <c r="B7164" s="239">
        <v>71.346000000000004</v>
      </c>
      <c r="C7164" s="3">
        <f t="shared" si="1649"/>
        <v>71.338999999999999</v>
      </c>
      <c r="D7164" s="239">
        <v>21.273499999999999</v>
      </c>
      <c r="E7164" s="239">
        <v>0.10390000000000001</v>
      </c>
      <c r="F7164" s="239">
        <v>0.53610000000000002</v>
      </c>
      <c r="G7164">
        <f t="shared" si="1650"/>
        <v>21.38072</v>
      </c>
      <c r="H7164" s="235">
        <f t="shared" si="1651"/>
        <v>0.48595182949872595</v>
      </c>
      <c r="I7164" s="236">
        <f t="shared" si="1652"/>
        <v>19.886325126251755</v>
      </c>
      <c r="J7164" s="237">
        <f t="shared" si="1657"/>
        <v>9.8863251262517551</v>
      </c>
      <c r="K7164" s="237">
        <f t="shared" si="1653"/>
        <v>1418.6705481816739</v>
      </c>
      <c r="L7164" s="237">
        <f t="shared" si="1658"/>
        <v>705.34975245755777</v>
      </c>
      <c r="M7164" s="236">
        <f t="shared" si="1654"/>
        <v>28.300923594666578</v>
      </c>
      <c r="N7164" s="236">
        <f t="shared" si="1655"/>
        <v>0.52048763956215849</v>
      </c>
      <c r="O7164" s="236">
        <f t="shared" si="1659"/>
        <v>2.2248580309469412</v>
      </c>
      <c r="P7164" s="236" t="str">
        <f t="shared" si="1660"/>
        <v>SAND</v>
      </c>
      <c r="Q7164" s="236" t="e">
        <f t="shared" si="1656"/>
        <v>#N/A</v>
      </c>
      <c r="R7164" s="238">
        <v>35</v>
      </c>
      <c r="S7164" s="236" t="e">
        <f t="shared" si="1661"/>
        <v>#N/A</v>
      </c>
      <c r="T7164" s="236">
        <f t="shared" si="1648"/>
        <v>33.569806697507204</v>
      </c>
    </row>
    <row r="7165" spans="2:20" x14ac:dyDescent="0.2">
      <c r="B7165" s="239">
        <v>71.355999999999995</v>
      </c>
      <c r="C7165" s="3">
        <f t="shared" si="1649"/>
        <v>71.34899999999999</v>
      </c>
      <c r="D7165" s="239">
        <v>21.222100000000001</v>
      </c>
      <c r="E7165" s="239">
        <v>0.1053</v>
      </c>
      <c r="F7165" s="239">
        <v>0.56079999999999997</v>
      </c>
      <c r="G7165">
        <f t="shared" si="1650"/>
        <v>21.33426</v>
      </c>
      <c r="H7165" s="235">
        <f t="shared" si="1651"/>
        <v>0.49357231045276473</v>
      </c>
      <c r="I7165" s="236">
        <f t="shared" si="1652"/>
        <v>19.90116948175227</v>
      </c>
      <c r="J7165" s="237">
        <f t="shared" si="1657"/>
        <v>9.9011694817522695</v>
      </c>
      <c r="K7165" s="237">
        <f t="shared" si="1653"/>
        <v>1419.9285413535424</v>
      </c>
      <c r="L7165" s="237">
        <f t="shared" si="1658"/>
        <v>706.5078495399149</v>
      </c>
      <c r="M7165" s="236">
        <f t="shared" si="1654"/>
        <v>28.186992503501376</v>
      </c>
      <c r="N7165" s="236">
        <f t="shared" si="1655"/>
        <v>0.52876492599645153</v>
      </c>
      <c r="O7165" s="236">
        <f t="shared" si="1659"/>
        <v>2.2293379063240368</v>
      </c>
      <c r="P7165" s="236" t="str">
        <f t="shared" si="1660"/>
        <v>SAND</v>
      </c>
      <c r="Q7165" s="236" t="e">
        <f t="shared" si="1656"/>
        <v>#N/A</v>
      </c>
      <c r="R7165" s="238">
        <v>35</v>
      </c>
      <c r="S7165" s="236" t="e">
        <f t="shared" si="1661"/>
        <v>#N/A</v>
      </c>
      <c r="T7165" s="236">
        <f t="shared" si="1648"/>
        <v>33.550536139769008</v>
      </c>
    </row>
    <row r="7166" spans="2:20" x14ac:dyDescent="0.2">
      <c r="B7166" s="239">
        <v>71.367000000000004</v>
      </c>
      <c r="C7166" s="3">
        <f t="shared" si="1649"/>
        <v>71.36</v>
      </c>
      <c r="D7166" s="239">
        <v>21.205100000000002</v>
      </c>
      <c r="E7166" s="239">
        <v>9.9500000000000005E-2</v>
      </c>
      <c r="F7166" s="239">
        <v>0.56120000000000003</v>
      </c>
      <c r="G7166">
        <f t="shared" si="1650"/>
        <v>21.317340000000002</v>
      </c>
      <c r="H7166" s="235">
        <f t="shared" si="1651"/>
        <v>0.46675617126714686</v>
      </c>
      <c r="I7166" s="236">
        <f t="shared" si="1652"/>
        <v>19.834425083209656</v>
      </c>
      <c r="J7166" s="237">
        <f t="shared" si="1657"/>
        <v>9.8344250832096556</v>
      </c>
      <c r="K7166" s="237">
        <f t="shared" si="1653"/>
        <v>1415.384573937841</v>
      </c>
      <c r="L7166" s="237">
        <f t="shared" si="1658"/>
        <v>701.85341491342353</v>
      </c>
      <c r="M7166" s="236">
        <f t="shared" si="1654"/>
        <v>28.356284949496391</v>
      </c>
      <c r="N7166" s="236">
        <f t="shared" si="1655"/>
        <v>0.49995087351920209</v>
      </c>
      <c r="O7166" s="236">
        <f t="shared" si="1659"/>
        <v>2.216783967544675</v>
      </c>
      <c r="P7166" s="236" t="str">
        <f t="shared" si="1660"/>
        <v>SAND</v>
      </c>
      <c r="Q7166" s="236" t="e">
        <f t="shared" si="1656"/>
        <v>#N/A</v>
      </c>
      <c r="R7166" s="238">
        <v>35</v>
      </c>
      <c r="S7166" s="236" t="e">
        <f t="shared" si="1661"/>
        <v>#N/A</v>
      </c>
      <c r="T7166" s="236">
        <f t="shared" si="1648"/>
        <v>33.579142650725288</v>
      </c>
    </row>
    <row r="7167" spans="2:20" x14ac:dyDescent="0.2">
      <c r="B7167" s="239">
        <v>71.376000000000005</v>
      </c>
      <c r="C7167" s="3">
        <f t="shared" si="1649"/>
        <v>71.369</v>
      </c>
      <c r="D7167" s="239">
        <v>21.2378</v>
      </c>
      <c r="E7167" s="239">
        <v>9.6500000000000002E-2</v>
      </c>
      <c r="F7167" s="239">
        <v>0.59219999999999995</v>
      </c>
      <c r="G7167">
        <f t="shared" si="1650"/>
        <v>21.35624</v>
      </c>
      <c r="H7167" s="235">
        <f t="shared" si="1651"/>
        <v>0.45185856686382997</v>
      </c>
      <c r="I7167" s="236">
        <f t="shared" si="1652"/>
        <v>19.79923911391786</v>
      </c>
      <c r="J7167" s="237">
        <f t="shared" si="1657"/>
        <v>9.7992391139178601</v>
      </c>
      <c r="K7167" s="237">
        <f t="shared" si="1653"/>
        <v>1413.0518963212037</v>
      </c>
      <c r="L7167" s="237">
        <f t="shared" si="1658"/>
        <v>699.43049099500126</v>
      </c>
      <c r="M7167" s="236">
        <f t="shared" si="1654"/>
        <v>28.513466828287477</v>
      </c>
      <c r="N7167" s="236">
        <f t="shared" si="1655"/>
        <v>0.4838744913718146</v>
      </c>
      <c r="O7167" s="236">
        <f t="shared" si="1659"/>
        <v>2.2087473175010182</v>
      </c>
      <c r="P7167" s="236" t="str">
        <f t="shared" si="1660"/>
        <v>SAND</v>
      </c>
      <c r="Q7167" s="236" t="e">
        <f t="shared" si="1656"/>
        <v>#N/A</v>
      </c>
      <c r="R7167" s="238">
        <v>35</v>
      </c>
      <c r="S7167" s="236" t="e">
        <f t="shared" si="1661"/>
        <v>#N/A</v>
      </c>
      <c r="T7167" s="236">
        <f t="shared" si="1648"/>
        <v>33.605550269445132</v>
      </c>
    </row>
    <row r="7168" spans="2:20" x14ac:dyDescent="0.2">
      <c r="B7168" s="239">
        <v>71.388000000000005</v>
      </c>
      <c r="C7168" s="3">
        <f t="shared" si="1649"/>
        <v>71.381</v>
      </c>
      <c r="D7168" s="239">
        <v>21.290800000000001</v>
      </c>
      <c r="E7168" s="239">
        <v>9.7900000000000001E-2</v>
      </c>
      <c r="F7168" s="239">
        <v>0.60399999999999998</v>
      </c>
      <c r="G7168">
        <f t="shared" si="1650"/>
        <v>21.4116</v>
      </c>
      <c r="H7168" s="235">
        <f t="shared" si="1651"/>
        <v>0.45722879186982757</v>
      </c>
      <c r="I7168" s="236">
        <f t="shared" si="1652"/>
        <v>19.817140531628993</v>
      </c>
      <c r="J7168" s="237">
        <f t="shared" si="1657"/>
        <v>9.8171405316289935</v>
      </c>
      <c r="K7168" s="237">
        <f t="shared" si="1653"/>
        <v>1414.5673082882092</v>
      </c>
      <c r="L7168" s="237">
        <f t="shared" si="1658"/>
        <v>700.82602827193068</v>
      </c>
      <c r="M7168" s="236">
        <f t="shared" si="1654"/>
        <v>28.533518854914231</v>
      </c>
      <c r="N7168" s="236">
        <f t="shared" si="1655"/>
        <v>0.4895726356469719</v>
      </c>
      <c r="O7168" s="236">
        <f t="shared" si="1659"/>
        <v>2.2105565704053194</v>
      </c>
      <c r="P7168" s="236" t="str">
        <f t="shared" si="1660"/>
        <v>SAND</v>
      </c>
      <c r="Q7168" s="236" t="e">
        <f t="shared" si="1656"/>
        <v>#N/A</v>
      </c>
      <c r="R7168" s="238">
        <v>35</v>
      </c>
      <c r="S7168" s="236" t="e">
        <f t="shared" si="1661"/>
        <v>#N/A</v>
      </c>
      <c r="T7168" s="236">
        <f t="shared" si="1648"/>
        <v>33.608908670680982</v>
      </c>
    </row>
    <row r="7169" spans="2:20" x14ac:dyDescent="0.2">
      <c r="B7169" s="239">
        <v>71.397000000000006</v>
      </c>
      <c r="C7169" s="3">
        <f t="shared" si="1649"/>
        <v>71.39</v>
      </c>
      <c r="D7169" s="239">
        <v>21.287299999999998</v>
      </c>
      <c r="E7169" s="239">
        <v>9.7900000000000001E-2</v>
      </c>
      <c r="F7169" s="239">
        <v>0.60529999999999995</v>
      </c>
      <c r="G7169">
        <f t="shared" si="1650"/>
        <v>21.408359999999998</v>
      </c>
      <c r="H7169" s="235">
        <f t="shared" si="1651"/>
        <v>0.45729799013095823</v>
      </c>
      <c r="I7169" s="236">
        <f t="shared" si="1652"/>
        <v>19.817081381517145</v>
      </c>
      <c r="J7169" s="237">
        <f t="shared" si="1657"/>
        <v>9.8170813815171449</v>
      </c>
      <c r="K7169" s="237">
        <f t="shared" si="1653"/>
        <v>1414.7414398265089</v>
      </c>
      <c r="L7169" s="237">
        <f t="shared" si="1658"/>
        <v>700.91015939617967</v>
      </c>
      <c r="M7169" s="236">
        <f t="shared" si="1654"/>
        <v>28.525222943547568</v>
      </c>
      <c r="N7169" s="236">
        <f t="shared" si="1655"/>
        <v>0.48965623559015481</v>
      </c>
      <c r="O7169" s="236">
        <f t="shared" si="1659"/>
        <v>2.2107021848399935</v>
      </c>
      <c r="P7169" s="236" t="str">
        <f t="shared" si="1660"/>
        <v>SAND</v>
      </c>
      <c r="Q7169" s="236" t="e">
        <f t="shared" si="1656"/>
        <v>#N/A</v>
      </c>
      <c r="R7169" s="238">
        <v>35</v>
      </c>
      <c r="S7169" s="236" t="e">
        <f t="shared" si="1661"/>
        <v>#N/A</v>
      </c>
      <c r="T7169" s="236">
        <f t="shared" si="1648"/>
        <v>33.607519521434156</v>
      </c>
    </row>
    <row r="7170" spans="2:20" x14ac:dyDescent="0.2">
      <c r="B7170" s="239">
        <v>71.408000000000001</v>
      </c>
      <c r="C7170" s="3">
        <f t="shared" si="1649"/>
        <v>71.400999999999996</v>
      </c>
      <c r="D7170" s="239">
        <v>21.3733</v>
      </c>
      <c r="E7170" s="239">
        <v>9.9099999999999994E-2</v>
      </c>
      <c r="F7170" s="239">
        <v>0.59699999999999998</v>
      </c>
      <c r="G7170">
        <f t="shared" si="1650"/>
        <v>21.492699999999999</v>
      </c>
      <c r="H7170" s="235">
        <f t="shared" si="1651"/>
        <v>0.46108678760695487</v>
      </c>
      <c r="I7170" s="236">
        <f t="shared" si="1652"/>
        <v>19.832903800567671</v>
      </c>
      <c r="J7170" s="237">
        <f t="shared" si="1657"/>
        <v>9.8329038005676708</v>
      </c>
      <c r="K7170" s="237">
        <f t="shared" si="1653"/>
        <v>1416.0891642643321</v>
      </c>
      <c r="L7170" s="237">
        <f t="shared" si="1658"/>
        <v>702.14799459093626</v>
      </c>
      <c r="M7170" s="236">
        <f t="shared" si="1654"/>
        <v>28.59313277314433</v>
      </c>
      <c r="N7170" s="236">
        <f t="shared" si="1655"/>
        <v>0.49360920929744495</v>
      </c>
      <c r="O7170" s="236">
        <f t="shared" si="1659"/>
        <v>2.211201199412641</v>
      </c>
      <c r="P7170" s="236" t="str">
        <f t="shared" si="1660"/>
        <v>SAND</v>
      </c>
      <c r="Q7170" s="236" t="e">
        <f t="shared" si="1656"/>
        <v>#N/A</v>
      </c>
      <c r="R7170" s="238">
        <v>35</v>
      </c>
      <c r="S7170" s="236" t="e">
        <f t="shared" si="1661"/>
        <v>#N/A</v>
      </c>
      <c r="T7170" s="236">
        <f t="shared" si="1648"/>
        <v>33.618879150249157</v>
      </c>
    </row>
    <row r="7171" spans="2:20" x14ac:dyDescent="0.2">
      <c r="B7171" s="239">
        <v>71.417000000000002</v>
      </c>
      <c r="C7171" s="3">
        <f t="shared" si="1649"/>
        <v>71.41</v>
      </c>
      <c r="D7171" s="239">
        <v>21.434000000000001</v>
      </c>
      <c r="E7171" s="239">
        <v>9.9500000000000005E-2</v>
      </c>
      <c r="F7171" s="239">
        <v>0.60140000000000005</v>
      </c>
      <c r="G7171">
        <f t="shared" si="1650"/>
        <v>21.554280000000002</v>
      </c>
      <c r="H7171" s="235">
        <f t="shared" si="1651"/>
        <v>0.46162525493776646</v>
      </c>
      <c r="I7171" s="236">
        <f t="shared" si="1652"/>
        <v>19.838745540614269</v>
      </c>
      <c r="J7171" s="237">
        <f t="shared" si="1657"/>
        <v>9.8387455406142692</v>
      </c>
      <c r="K7171" s="237">
        <f t="shared" si="1653"/>
        <v>1416.6848190552648</v>
      </c>
      <c r="L7171" s="237">
        <f t="shared" si="1658"/>
        <v>702.65369027404927</v>
      </c>
      <c r="M7171" s="236">
        <f t="shared" si="1654"/>
        <v>28.659345933400939</v>
      </c>
      <c r="N7171" s="236">
        <f t="shared" si="1655"/>
        <v>0.49410070619629987</v>
      </c>
      <c r="O7171" s="236">
        <f t="shared" si="1659"/>
        <v>2.210465057573368</v>
      </c>
      <c r="P7171" s="236" t="str">
        <f t="shared" si="1660"/>
        <v>SAND</v>
      </c>
      <c r="Q7171" s="236" t="e">
        <f t="shared" si="1656"/>
        <v>#N/A</v>
      </c>
      <c r="R7171" s="238">
        <v>35</v>
      </c>
      <c r="S7171" s="236" t="e">
        <f t="shared" si="1661"/>
        <v>#N/A</v>
      </c>
      <c r="T7171" s="236">
        <f t="shared" si="1648"/>
        <v>33.629929021262249</v>
      </c>
    </row>
    <row r="7172" spans="2:20" x14ac:dyDescent="0.2">
      <c r="B7172" s="239">
        <v>71.427000000000007</v>
      </c>
      <c r="C7172" s="3">
        <f t="shared" si="1649"/>
        <v>71.42</v>
      </c>
      <c r="D7172" s="239">
        <v>21.5913</v>
      </c>
      <c r="E7172" s="239">
        <v>9.9299999999999999E-2</v>
      </c>
      <c r="F7172" s="239">
        <v>0.61729999999999996</v>
      </c>
      <c r="G7172">
        <f t="shared" si="1650"/>
        <v>21.714760000000002</v>
      </c>
      <c r="H7172" s="235">
        <f t="shared" si="1651"/>
        <v>0.45729264334489533</v>
      </c>
      <c r="I7172" s="236">
        <f t="shared" si="1652"/>
        <v>19.839285555679453</v>
      </c>
      <c r="J7172" s="237">
        <f t="shared" si="1657"/>
        <v>9.839285555679453</v>
      </c>
      <c r="K7172" s="237">
        <f t="shared" si="1653"/>
        <v>1416.9217743866266</v>
      </c>
      <c r="L7172" s="237">
        <f t="shared" si="1658"/>
        <v>702.7906493855163</v>
      </c>
      <c r="M7172" s="236">
        <f t="shared" si="1654"/>
        <v>28.881770472274717</v>
      </c>
      <c r="N7172" s="236">
        <f t="shared" si="1655"/>
        <v>0.48921465870535707</v>
      </c>
      <c r="O7172" s="236">
        <f t="shared" si="1659"/>
        <v>2.2056250666396959</v>
      </c>
      <c r="P7172" s="236" t="str">
        <f t="shared" si="1660"/>
        <v>SAND</v>
      </c>
      <c r="Q7172" s="236" t="e">
        <f t="shared" si="1656"/>
        <v>#N/A</v>
      </c>
      <c r="R7172" s="238">
        <v>35</v>
      </c>
      <c r="S7172" s="236" t="e">
        <f t="shared" si="1661"/>
        <v>#N/A</v>
      </c>
      <c r="T7172" s="236">
        <f t="shared" si="1648"/>
        <v>33.666861934884942</v>
      </c>
    </row>
    <row r="7173" spans="2:20" x14ac:dyDescent="0.2">
      <c r="B7173" s="239">
        <v>71.438000000000002</v>
      </c>
      <c r="C7173" s="3">
        <f t="shared" si="1649"/>
        <v>71.430999999999997</v>
      </c>
      <c r="D7173" s="239">
        <v>21.669899999999998</v>
      </c>
      <c r="E7173" s="239">
        <v>9.9599999999999994E-2</v>
      </c>
      <c r="F7173" s="239">
        <v>0.61619999999999997</v>
      </c>
      <c r="G7173">
        <f t="shared" si="1650"/>
        <v>21.793139999999998</v>
      </c>
      <c r="H7173" s="235">
        <f t="shared" si="1651"/>
        <v>0.45702454992717895</v>
      </c>
      <c r="I7173" s="236">
        <f t="shared" si="1652"/>
        <v>19.844231096035781</v>
      </c>
      <c r="J7173" s="237">
        <f t="shared" si="1657"/>
        <v>9.8442310960357808</v>
      </c>
      <c r="K7173" s="237">
        <f t="shared" si="1653"/>
        <v>1417.4932714209317</v>
      </c>
      <c r="L7173" s="237">
        <f t="shared" si="1658"/>
        <v>703.25218103860414</v>
      </c>
      <c r="M7173" s="236">
        <f t="shared" si="1654"/>
        <v>28.97345685936887</v>
      </c>
      <c r="N7173" s="236">
        <f t="shared" si="1655"/>
        <v>0.48881884009257065</v>
      </c>
      <c r="O7173" s="236">
        <f t="shared" si="1659"/>
        <v>2.2042261015500464</v>
      </c>
      <c r="P7173" s="236" t="str">
        <f t="shared" si="1660"/>
        <v>SAND</v>
      </c>
      <c r="Q7173" s="236" t="e">
        <f t="shared" si="1656"/>
        <v>#N/A</v>
      </c>
      <c r="R7173" s="238">
        <v>35</v>
      </c>
      <c r="S7173" s="236" t="e">
        <f t="shared" si="1661"/>
        <v>#N/A</v>
      </c>
      <c r="T7173" s="236">
        <f t="shared" si="1648"/>
        <v>33.682003459641379</v>
      </c>
    </row>
    <row r="7174" spans="2:20" x14ac:dyDescent="0.2">
      <c r="B7174" s="239">
        <v>71.447000000000003</v>
      </c>
      <c r="C7174" s="3">
        <f t="shared" si="1649"/>
        <v>71.44</v>
      </c>
      <c r="D7174" s="239">
        <v>21.718900000000001</v>
      </c>
      <c r="E7174" s="239">
        <v>0.10150000000000001</v>
      </c>
      <c r="F7174" s="239">
        <v>0.61009999999999998</v>
      </c>
      <c r="G7174">
        <f t="shared" si="1650"/>
        <v>21.840920000000001</v>
      </c>
      <c r="H7174" s="235">
        <f t="shared" si="1651"/>
        <v>0.46472401345730857</v>
      </c>
      <c r="I7174" s="236">
        <f t="shared" si="1652"/>
        <v>19.867245203748638</v>
      </c>
      <c r="J7174" s="237">
        <f t="shared" si="1657"/>
        <v>9.867245203748638</v>
      </c>
      <c r="K7174" s="237">
        <f t="shared" si="1653"/>
        <v>1419.3159973558027</v>
      </c>
      <c r="L7174" s="237">
        <f t="shared" si="1658"/>
        <v>704.98506807222896</v>
      </c>
      <c r="M7174" s="236">
        <f t="shared" si="1654"/>
        <v>28.967427719407969</v>
      </c>
      <c r="N7174" s="236">
        <f t="shared" si="1655"/>
        <v>0.49702266279797475</v>
      </c>
      <c r="O7174" s="236">
        <f t="shared" si="1659"/>
        <v>2.2072994917185542</v>
      </c>
      <c r="P7174" s="236" t="str">
        <f t="shared" si="1660"/>
        <v>SAND</v>
      </c>
      <c r="Q7174" s="236" t="e">
        <f t="shared" si="1656"/>
        <v>#N/A</v>
      </c>
      <c r="R7174" s="238">
        <v>35</v>
      </c>
      <c r="S7174" s="236" t="e">
        <f t="shared" si="1661"/>
        <v>#N/A</v>
      </c>
      <c r="T7174" s="236">
        <f t="shared" si="1648"/>
        <v>33.681009251676301</v>
      </c>
    </row>
    <row r="7175" spans="2:20" x14ac:dyDescent="0.2">
      <c r="B7175" s="239">
        <v>71.456999999999994</v>
      </c>
      <c r="C7175" s="3">
        <f t="shared" si="1649"/>
        <v>71.449999999999989</v>
      </c>
      <c r="D7175" s="239">
        <v>21.8049</v>
      </c>
      <c r="E7175" s="239">
        <v>0.1037</v>
      </c>
      <c r="F7175" s="239">
        <v>0.60940000000000005</v>
      </c>
      <c r="G7175">
        <f t="shared" si="1650"/>
        <v>21.926780000000001</v>
      </c>
      <c r="H7175" s="235">
        <f t="shared" si="1651"/>
        <v>0.47293765888105782</v>
      </c>
      <c r="I7175" s="236">
        <f t="shared" si="1652"/>
        <v>19.893923069893368</v>
      </c>
      <c r="J7175" s="237">
        <f t="shared" si="1657"/>
        <v>9.8939230698933684</v>
      </c>
      <c r="K7175" s="237">
        <f t="shared" si="1653"/>
        <v>1421.4208033438811</v>
      </c>
      <c r="L7175" s="237">
        <f t="shared" si="1658"/>
        <v>706.99006080537038</v>
      </c>
      <c r="M7175" s="236">
        <f t="shared" si="1654"/>
        <v>29.003744654199757</v>
      </c>
      <c r="N7175" s="236">
        <f t="shared" si="1655"/>
        <v>0.50572145069719487</v>
      </c>
      <c r="O7175" s="236">
        <f t="shared" si="1659"/>
        <v>2.2099440893465787</v>
      </c>
      <c r="P7175" s="236" t="str">
        <f t="shared" si="1660"/>
        <v>SAND</v>
      </c>
      <c r="Q7175" s="236" t="e">
        <f t="shared" si="1656"/>
        <v>#N/A</v>
      </c>
      <c r="R7175" s="238">
        <v>35</v>
      </c>
      <c r="S7175" s="236" t="e">
        <f t="shared" si="1661"/>
        <v>#N/A</v>
      </c>
      <c r="T7175" s="236">
        <f t="shared" si="1648"/>
        <v>33.686994802900116</v>
      </c>
    </row>
    <row r="7176" spans="2:20" x14ac:dyDescent="0.2">
      <c r="B7176" s="239">
        <v>71.468000000000004</v>
      </c>
      <c r="C7176" s="3">
        <f t="shared" si="1649"/>
        <v>71.460999999999999</v>
      </c>
      <c r="D7176" s="239">
        <v>21.8461</v>
      </c>
      <c r="E7176" s="239">
        <v>0.10589999999999999</v>
      </c>
      <c r="F7176" s="239">
        <v>0.60960000000000003</v>
      </c>
      <c r="G7176">
        <f t="shared" si="1650"/>
        <v>21.968019999999999</v>
      </c>
      <c r="H7176" s="235">
        <f t="shared" si="1651"/>
        <v>0.48206438267991381</v>
      </c>
      <c r="I7176" s="236">
        <f t="shared" si="1652"/>
        <v>19.919273970425394</v>
      </c>
      <c r="J7176" s="237">
        <f t="shared" si="1657"/>
        <v>9.9192739704253938</v>
      </c>
      <c r="K7176" s="237">
        <f t="shared" si="1653"/>
        <v>1423.451237200569</v>
      </c>
      <c r="L7176" s="237">
        <f t="shared" si="1658"/>
        <v>708.91067211836207</v>
      </c>
      <c r="M7176" s="236">
        <f t="shared" si="1654"/>
        <v>28.980476061121056</v>
      </c>
      <c r="N7176" s="236">
        <f t="shared" si="1655"/>
        <v>0.51546470126818045</v>
      </c>
      <c r="O7176" s="236">
        <f t="shared" si="1659"/>
        <v>2.213737813607052</v>
      </c>
      <c r="P7176" s="236" t="str">
        <f t="shared" si="1660"/>
        <v>SAND</v>
      </c>
      <c r="Q7176" s="236" t="e">
        <f t="shared" si="1656"/>
        <v>#N/A</v>
      </c>
      <c r="R7176" s="238">
        <v>35</v>
      </c>
      <c r="S7176" s="236" t="e">
        <f t="shared" si="1661"/>
        <v>#N/A</v>
      </c>
      <c r="T7176" s="236">
        <f t="shared" si="1648"/>
        <v>33.683160668650189</v>
      </c>
    </row>
    <row r="7177" spans="2:20" x14ac:dyDescent="0.2">
      <c r="B7177" s="239">
        <v>71.477999999999994</v>
      </c>
      <c r="C7177" s="3">
        <f t="shared" si="1649"/>
        <v>71.470999999999989</v>
      </c>
      <c r="D7177" s="239">
        <v>21.886800000000001</v>
      </c>
      <c r="E7177" s="239">
        <v>0.1087</v>
      </c>
      <c r="F7177" s="239">
        <v>0.60750000000000004</v>
      </c>
      <c r="G7177">
        <f t="shared" si="1650"/>
        <v>22.008300000000002</v>
      </c>
      <c r="H7177" s="235">
        <f t="shared" si="1651"/>
        <v>0.49390457236588009</v>
      </c>
      <c r="I7177" s="236">
        <f t="shared" si="1652"/>
        <v>19.950590671062894</v>
      </c>
      <c r="J7177" s="237">
        <f t="shared" si="1657"/>
        <v>9.9505906710628942</v>
      </c>
      <c r="K7177" s="237">
        <f t="shared" si="1653"/>
        <v>1425.888665851536</v>
      </c>
      <c r="L7177" s="237">
        <f t="shared" si="1658"/>
        <v>711.24831998623347</v>
      </c>
      <c r="M7177" s="236">
        <f t="shared" si="1654"/>
        <v>28.938432268700261</v>
      </c>
      <c r="N7177" s="236">
        <f t="shared" si="1655"/>
        <v>0.52812082236280478</v>
      </c>
      <c r="O7177" s="236">
        <f t="shared" si="1659"/>
        <v>2.2187651373650907</v>
      </c>
      <c r="P7177" s="236" t="str">
        <f t="shared" si="1660"/>
        <v>SAND</v>
      </c>
      <c r="Q7177" s="236" t="e">
        <f t="shared" si="1656"/>
        <v>#N/A</v>
      </c>
      <c r="R7177" s="238">
        <v>35</v>
      </c>
      <c r="S7177" s="236" t="e">
        <f t="shared" si="1661"/>
        <v>#N/A</v>
      </c>
      <c r="T7177" s="236">
        <f t="shared" si="1648"/>
        <v>33.676224996049157</v>
      </c>
    </row>
    <row r="7178" spans="2:20" x14ac:dyDescent="0.2">
      <c r="B7178" s="239">
        <v>71.488</v>
      </c>
      <c r="C7178" s="3">
        <f t="shared" si="1649"/>
        <v>71.480999999999995</v>
      </c>
      <c r="D7178" s="239">
        <v>21.8705</v>
      </c>
      <c r="E7178" s="239">
        <v>0.11</v>
      </c>
      <c r="F7178" s="239">
        <v>0.60860000000000003</v>
      </c>
      <c r="G7178">
        <f t="shared" si="1650"/>
        <v>21.99222</v>
      </c>
      <c r="H7178" s="235">
        <f t="shared" si="1651"/>
        <v>0.5001768807332776</v>
      </c>
      <c r="I7178" s="236">
        <f t="shared" si="1652"/>
        <v>19.964245468514189</v>
      </c>
      <c r="J7178" s="237">
        <f t="shared" si="1657"/>
        <v>9.9642454685141892</v>
      </c>
      <c r="K7178" s="237">
        <f t="shared" si="1653"/>
        <v>1427.0642303348627</v>
      </c>
      <c r="L7178" s="237">
        <f t="shared" si="1658"/>
        <v>712.32398005314235</v>
      </c>
      <c r="M7178" s="236">
        <f t="shared" si="1654"/>
        <v>28.87050884926111</v>
      </c>
      <c r="N7178" s="236">
        <f t="shared" si="1655"/>
        <v>0.5348853236611838</v>
      </c>
      <c r="O7178" s="236">
        <f t="shared" si="1659"/>
        <v>2.222042232805205</v>
      </c>
      <c r="P7178" s="236" t="str">
        <f t="shared" si="1660"/>
        <v>SAND</v>
      </c>
      <c r="Q7178" s="236" t="e">
        <f t="shared" si="1656"/>
        <v>#N/A</v>
      </c>
      <c r="R7178" s="238">
        <v>35</v>
      </c>
      <c r="S7178" s="236" t="e">
        <f t="shared" si="1661"/>
        <v>#N/A</v>
      </c>
      <c r="T7178" s="236">
        <f t="shared" si="1648"/>
        <v>33.664998823355255</v>
      </c>
    </row>
    <row r="7179" spans="2:20" x14ac:dyDescent="0.2">
      <c r="B7179" s="239">
        <v>71.498000000000005</v>
      </c>
      <c r="C7179" s="3">
        <f t="shared" si="1649"/>
        <v>71.491</v>
      </c>
      <c r="D7179" s="239">
        <v>21.806100000000001</v>
      </c>
      <c r="E7179" s="239">
        <v>0.1105</v>
      </c>
      <c r="F7179" s="239">
        <v>0.60580000000000001</v>
      </c>
      <c r="G7179">
        <f t="shared" si="1650"/>
        <v>21.92726</v>
      </c>
      <c r="H7179" s="235">
        <f t="shared" si="1651"/>
        <v>0.50393893263453804</v>
      </c>
      <c r="I7179" s="236">
        <f t="shared" si="1652"/>
        <v>19.968407134648118</v>
      </c>
      <c r="J7179" s="237">
        <f t="shared" si="1657"/>
        <v>9.9684071346481176</v>
      </c>
      <c r="K7179" s="237">
        <f t="shared" si="1653"/>
        <v>1427.5613944631286</v>
      </c>
      <c r="L7179" s="237">
        <f t="shared" si="1658"/>
        <v>712.72117331307118</v>
      </c>
      <c r="M7179" s="236">
        <f t="shared" si="1654"/>
        <v>28.762578373032476</v>
      </c>
      <c r="N7179" s="236">
        <f t="shared" si="1655"/>
        <v>0.53903231518806072</v>
      </c>
      <c r="O7179" s="236">
        <f t="shared" si="1659"/>
        <v>2.2249459069916044</v>
      </c>
      <c r="P7179" s="236" t="str">
        <f t="shared" si="1660"/>
        <v>SAND</v>
      </c>
      <c r="Q7179" s="236" t="e">
        <f t="shared" si="1656"/>
        <v>#N/A</v>
      </c>
      <c r="R7179" s="238">
        <v>35</v>
      </c>
      <c r="S7179" s="236" t="e">
        <f t="shared" si="1661"/>
        <v>#N/A</v>
      </c>
      <c r="T7179" s="236">
        <f t="shared" si="1648"/>
        <v>33.647105965609128</v>
      </c>
    </row>
    <row r="7180" spans="2:20" x14ac:dyDescent="0.2">
      <c r="B7180" s="239">
        <v>71.507999999999996</v>
      </c>
      <c r="C7180" s="3">
        <f t="shared" si="1649"/>
        <v>71.500999999999991</v>
      </c>
      <c r="D7180" s="239">
        <v>21.771100000000001</v>
      </c>
      <c r="E7180" s="239">
        <v>0.1104</v>
      </c>
      <c r="F7180" s="239">
        <v>0.60289999999999999</v>
      </c>
      <c r="G7180">
        <f t="shared" si="1650"/>
        <v>21.891680000000001</v>
      </c>
      <c r="H7180" s="235">
        <f t="shared" si="1651"/>
        <v>0.50430117743361857</v>
      </c>
      <c r="I7180" s="236">
        <f t="shared" si="1652"/>
        <v>19.966710734668766</v>
      </c>
      <c r="J7180" s="237">
        <f t="shared" si="1657"/>
        <v>9.9667107346687658</v>
      </c>
      <c r="K7180" s="237">
        <f t="shared" si="1653"/>
        <v>1427.6397842395513</v>
      </c>
      <c r="L7180" s="237">
        <f t="shared" si="1658"/>
        <v>712.69955121469411</v>
      </c>
      <c r="M7180" s="236">
        <f t="shared" si="1654"/>
        <v>28.713418130939505</v>
      </c>
      <c r="N7180" s="236">
        <f t="shared" si="1655"/>
        <v>0.53948291166362683</v>
      </c>
      <c r="O7180" s="236">
        <f t="shared" si="1659"/>
        <v>2.2257726559880848</v>
      </c>
      <c r="P7180" s="236" t="str">
        <f t="shared" si="1660"/>
        <v>SAND</v>
      </c>
      <c r="Q7180" s="236" t="e">
        <f t="shared" si="1656"/>
        <v>#N/A</v>
      </c>
      <c r="R7180" s="238">
        <v>35</v>
      </c>
      <c r="S7180" s="236" t="e">
        <f t="shared" si="1661"/>
        <v>#N/A</v>
      </c>
      <c r="T7180" s="236">
        <f t="shared" si="1648"/>
        <v>33.638933848129668</v>
      </c>
    </row>
    <row r="7181" spans="2:20" x14ac:dyDescent="0.2">
      <c r="B7181" s="239">
        <v>71.519000000000005</v>
      </c>
      <c r="C7181" s="3">
        <f t="shared" si="1649"/>
        <v>71.512</v>
      </c>
      <c r="D7181" s="239">
        <v>21.6629</v>
      </c>
      <c r="E7181" s="239">
        <v>0.1089</v>
      </c>
      <c r="F7181" s="239">
        <v>0.6159</v>
      </c>
      <c r="G7181">
        <f t="shared" si="1650"/>
        <v>21.786080000000002</v>
      </c>
      <c r="H7181" s="235">
        <f t="shared" si="1651"/>
        <v>0.49986046135881251</v>
      </c>
      <c r="I7181" s="236">
        <f t="shared" si="1652"/>
        <v>19.948779514376167</v>
      </c>
      <c r="J7181" s="237">
        <f t="shared" si="1657"/>
        <v>9.9487795143761666</v>
      </c>
      <c r="K7181" s="237">
        <f t="shared" si="1653"/>
        <v>1426.5771206320685</v>
      </c>
      <c r="L7181" s="237">
        <f t="shared" si="1658"/>
        <v>711.5267620886691</v>
      </c>
      <c r="M7181" s="236">
        <f t="shared" si="1654"/>
        <v>28.613825880003613</v>
      </c>
      <c r="N7181" s="236">
        <f t="shared" si="1655"/>
        <v>0.53488535867129594</v>
      </c>
      <c r="O7181" s="236">
        <f t="shared" si="1659"/>
        <v>2.2255504622132882</v>
      </c>
      <c r="P7181" s="236" t="str">
        <f t="shared" si="1660"/>
        <v>SAND</v>
      </c>
      <c r="Q7181" s="236" t="e">
        <f t="shared" si="1656"/>
        <v>#N/A</v>
      </c>
      <c r="R7181" s="238">
        <v>35</v>
      </c>
      <c r="S7181" s="236" t="e">
        <f t="shared" si="1661"/>
        <v>#N/A</v>
      </c>
      <c r="T7181" s="236">
        <f t="shared" ref="T7181:T7244" si="1662">IF(P7181="SAND",17.6+(11*LOG(M7181)),#N/A)</f>
        <v>33.622335230767533</v>
      </c>
    </row>
    <row r="7182" spans="2:20" x14ac:dyDescent="0.2">
      <c r="B7182" s="239">
        <v>71.528999999999996</v>
      </c>
      <c r="C7182" s="3">
        <f t="shared" ref="C7182:C7245" si="1663">MAX($B7182 - $B$13, 0.001)</f>
        <v>71.521999999999991</v>
      </c>
      <c r="D7182" s="239">
        <v>21.499600000000001</v>
      </c>
      <c r="E7182" s="239">
        <v>0.107</v>
      </c>
      <c r="F7182" s="239">
        <v>0.59750000000000003</v>
      </c>
      <c r="G7182">
        <f t="shared" si="1650"/>
        <v>21.6191</v>
      </c>
      <c r="H7182" s="235">
        <f t="shared" si="1651"/>
        <v>0.49493272152864831</v>
      </c>
      <c r="I7182" s="236">
        <f t="shared" si="1652"/>
        <v>19.925133103472092</v>
      </c>
      <c r="J7182" s="237">
        <f t="shared" si="1657"/>
        <v>9.925133103472092</v>
      </c>
      <c r="K7182" s="237">
        <f t="shared" si="1653"/>
        <v>1425.0853698265307</v>
      </c>
      <c r="L7182" s="237">
        <f t="shared" si="1658"/>
        <v>709.93484575825528</v>
      </c>
      <c r="M7182" s="236">
        <f t="shared" si="1654"/>
        <v>28.444884415562083</v>
      </c>
      <c r="N7182" s="236">
        <f t="shared" si="1655"/>
        <v>0.52985997068717017</v>
      </c>
      <c r="O7182" s="236">
        <f t="shared" si="1659"/>
        <v>2.2261355252405259</v>
      </c>
      <c r="P7182" s="236" t="str">
        <f t="shared" si="1660"/>
        <v>SAND</v>
      </c>
      <c r="Q7182" s="236" t="e">
        <f t="shared" si="1656"/>
        <v>#N/A</v>
      </c>
      <c r="R7182" s="238">
        <v>35</v>
      </c>
      <c r="S7182" s="236" t="e">
        <f t="shared" si="1661"/>
        <v>#N/A</v>
      </c>
      <c r="T7182" s="236">
        <f t="shared" si="1662"/>
        <v>33.594045907095946</v>
      </c>
    </row>
    <row r="7183" spans="2:20" x14ac:dyDescent="0.2">
      <c r="B7183" s="239">
        <v>71.537999999999997</v>
      </c>
      <c r="C7183" s="3">
        <f t="shared" si="1663"/>
        <v>71.530999999999992</v>
      </c>
      <c r="D7183" s="239">
        <v>21.247399999999999</v>
      </c>
      <c r="E7183" s="239">
        <v>0.1095</v>
      </c>
      <c r="F7183" s="239">
        <v>0.60270000000000001</v>
      </c>
      <c r="G7183">
        <f t="shared" ref="G7183:G7246" si="1664">$D7183+($F7183*(1-$P$8))</f>
        <v>21.367939999999997</v>
      </c>
      <c r="H7183" s="235">
        <f t="shared" ref="H7183:H7246" si="1665">($E7183/$G7183)*100</f>
        <v>0.51244996008038224</v>
      </c>
      <c r="I7183" s="236">
        <f t="shared" ref="I7183:I7246" si="1666">((0.27*(LOG($H7183)))+(0.36*(LOG(($G7183*1000)/101)))+1.236)*10</f>
        <v>19.94764756614407</v>
      </c>
      <c r="J7183" s="237">
        <f t="shared" si="1657"/>
        <v>9.9476475661440702</v>
      </c>
      <c r="K7183" s="237">
        <f t="shared" ref="K7183:K7246" si="1667">$I7183*$C7183</f>
        <v>1426.8751780538514</v>
      </c>
      <c r="L7183" s="237">
        <f t="shared" si="1658"/>
        <v>711.63481158681441</v>
      </c>
      <c r="M7183" s="236">
        <f t="shared" ref="M7183:M7246" si="1668">(($G7183*1000)-$K7183)/$L7183</f>
        <v>28.021485876275854</v>
      </c>
      <c r="N7183" s="236">
        <f t="shared" ref="N7183:N7246" si="1669">(($E7183*1000)/(($G7183*1000)-$K7183))*100</f>
        <v>0.54911811870492355</v>
      </c>
      <c r="O7183" s="236">
        <f t="shared" si="1659"/>
        <v>2.2386380688062237</v>
      </c>
      <c r="P7183" s="236" t="str">
        <f t="shared" si="1660"/>
        <v>SAND</v>
      </c>
      <c r="Q7183" s="236" t="e">
        <f t="shared" ref="Q7183:Q7246" si="1670">IF(P7183="CLAY",($G7183*1000 -$K7183)/$L$8,#N/A)</f>
        <v>#N/A</v>
      </c>
      <c r="R7183" s="238">
        <v>35</v>
      </c>
      <c r="S7183" s="236" t="e">
        <f t="shared" si="1661"/>
        <v>#N/A</v>
      </c>
      <c r="T7183" s="236">
        <f t="shared" si="1662"/>
        <v>33.522402766583554</v>
      </c>
    </row>
    <row r="7184" spans="2:20" x14ac:dyDescent="0.2">
      <c r="B7184" s="239">
        <v>71.548000000000002</v>
      </c>
      <c r="C7184" s="3">
        <f t="shared" si="1663"/>
        <v>71.540999999999997</v>
      </c>
      <c r="D7184" s="239">
        <v>21.049099999999999</v>
      </c>
      <c r="E7184" s="239">
        <v>0.1094</v>
      </c>
      <c r="F7184" s="239">
        <v>0.61129999999999995</v>
      </c>
      <c r="G7184">
        <f t="shared" si="1664"/>
        <v>21.17136</v>
      </c>
      <c r="H7184" s="235">
        <f t="shared" si="1665"/>
        <v>0.51673581668820523</v>
      </c>
      <c r="I7184" s="236">
        <f t="shared" si="1666"/>
        <v>19.942963705079972</v>
      </c>
      <c r="J7184" s="237">
        <f t="shared" ref="J7184:J7247" si="1671">$I7184-10</f>
        <v>9.942963705079972</v>
      </c>
      <c r="K7184" s="237">
        <f t="shared" si="1667"/>
        <v>1426.7395664251262</v>
      </c>
      <c r="L7184" s="237">
        <f t="shared" ref="L7184:L7247" si="1672">$J7184*$B7184</f>
        <v>711.39916717106189</v>
      </c>
      <c r="M7184" s="236">
        <f t="shared" si="1668"/>
        <v>27.754629671680672</v>
      </c>
      <c r="N7184" s="236">
        <f t="shared" si="1669"/>
        <v>0.55407497129684002</v>
      </c>
      <c r="O7184" s="236">
        <f t="shared" ref="O7184:O7247" si="1673">((3.47-LOG($M7184))^2+(LOG($N7184)+1.22)^2)^0.5</f>
        <v>2.2440663021021843</v>
      </c>
      <c r="P7184" s="236" t="str">
        <f t="shared" ref="P7184:P7247" si="1674">IF(O7184&lt;2.6,"SAND","CLAY")</f>
        <v>SAND</v>
      </c>
      <c r="Q7184" s="236" t="e">
        <f t="shared" si="1670"/>
        <v>#N/A</v>
      </c>
      <c r="R7184" s="238">
        <v>35</v>
      </c>
      <c r="S7184" s="236" t="e">
        <f t="shared" ref="S7184:S7247" si="1675">IF(P7184="SAND",#N/A,0.25*($M7184)^1.25)</f>
        <v>#N/A</v>
      </c>
      <c r="T7184" s="236">
        <f t="shared" si="1662"/>
        <v>33.4766898063613</v>
      </c>
    </row>
    <row r="7185" spans="2:20" x14ac:dyDescent="0.2">
      <c r="B7185" s="239">
        <v>71.558000000000007</v>
      </c>
      <c r="C7185" s="3">
        <f t="shared" si="1663"/>
        <v>71.551000000000002</v>
      </c>
      <c r="D7185" s="239">
        <v>20.839200000000002</v>
      </c>
      <c r="E7185" s="239">
        <v>0.1062</v>
      </c>
      <c r="F7185" s="239">
        <v>0.60719999999999996</v>
      </c>
      <c r="G7185">
        <f t="shared" si="1664"/>
        <v>20.960640000000001</v>
      </c>
      <c r="H7185" s="235">
        <f t="shared" si="1665"/>
        <v>0.5066639186589722</v>
      </c>
      <c r="I7185" s="236">
        <f t="shared" si="1666"/>
        <v>19.904243334703704</v>
      </c>
      <c r="J7185" s="237">
        <f t="shared" si="1671"/>
        <v>9.904243334703704</v>
      </c>
      <c r="K7185" s="237">
        <f t="shared" si="1667"/>
        <v>1424.1685148413849</v>
      </c>
      <c r="L7185" s="237">
        <f t="shared" si="1672"/>
        <v>708.72784454472776</v>
      </c>
      <c r="M7185" s="236">
        <f t="shared" si="1668"/>
        <v>27.565548095134382</v>
      </c>
      <c r="N7185" s="236">
        <f t="shared" si="1669"/>
        <v>0.54359867430860054</v>
      </c>
      <c r="O7185" s="236">
        <f t="shared" si="1673"/>
        <v>2.2432049412289246</v>
      </c>
      <c r="P7185" s="236" t="str">
        <f t="shared" si="1674"/>
        <v>SAND</v>
      </c>
      <c r="Q7185" s="236" t="e">
        <f t="shared" si="1670"/>
        <v>#N/A</v>
      </c>
      <c r="R7185" s="238">
        <v>35</v>
      </c>
      <c r="S7185" s="236" t="e">
        <f t="shared" si="1675"/>
        <v>#N/A</v>
      </c>
      <c r="T7185" s="236">
        <f t="shared" si="1662"/>
        <v>33.444032953380479</v>
      </c>
    </row>
    <row r="7186" spans="2:20" x14ac:dyDescent="0.2">
      <c r="B7186" s="239">
        <v>71.573999999999998</v>
      </c>
      <c r="C7186" s="3">
        <f t="shared" si="1663"/>
        <v>71.566999999999993</v>
      </c>
      <c r="D7186" s="239">
        <v>20.247199999999999</v>
      </c>
      <c r="E7186" s="239">
        <v>0.113</v>
      </c>
      <c r="F7186" s="239">
        <v>0.66320000000000001</v>
      </c>
      <c r="G7186">
        <f t="shared" si="1664"/>
        <v>20.379839999999998</v>
      </c>
      <c r="H7186" s="235">
        <f t="shared" si="1665"/>
        <v>0.55446951497165831</v>
      </c>
      <c r="I7186" s="236">
        <f t="shared" si="1666"/>
        <v>19.966035544862486</v>
      </c>
      <c r="J7186" s="237">
        <f t="shared" si="1671"/>
        <v>9.9660355448624856</v>
      </c>
      <c r="K7186" s="237">
        <f t="shared" si="1667"/>
        <v>1428.9092658391733</v>
      </c>
      <c r="L7186" s="237">
        <f t="shared" si="1672"/>
        <v>713.30902808798749</v>
      </c>
      <c r="M7186" s="236">
        <f t="shared" si="1668"/>
        <v>26.567630561130656</v>
      </c>
      <c r="N7186" s="236">
        <f t="shared" si="1669"/>
        <v>0.59627678231289694</v>
      </c>
      <c r="O7186" s="236">
        <f t="shared" si="1673"/>
        <v>2.2749920638875643</v>
      </c>
      <c r="P7186" s="236" t="str">
        <f t="shared" si="1674"/>
        <v>SAND</v>
      </c>
      <c r="Q7186" s="236" t="e">
        <f t="shared" si="1670"/>
        <v>#N/A</v>
      </c>
      <c r="R7186" s="238">
        <v>35</v>
      </c>
      <c r="S7186" s="236" t="e">
        <f t="shared" si="1675"/>
        <v>#N/A</v>
      </c>
      <c r="T7186" s="236">
        <f t="shared" si="1662"/>
        <v>33.26788105857203</v>
      </c>
    </row>
    <row r="7187" spans="2:20" x14ac:dyDescent="0.2">
      <c r="B7187" s="239">
        <v>71.584000000000003</v>
      </c>
      <c r="C7187" s="3">
        <f t="shared" si="1663"/>
        <v>71.576999999999998</v>
      </c>
      <c r="D7187" s="239">
        <v>20.1556</v>
      </c>
      <c r="E7187" s="239">
        <v>0.1067</v>
      </c>
      <c r="F7187" s="239">
        <v>0.65790000000000004</v>
      </c>
      <c r="G7187">
        <f t="shared" si="1664"/>
        <v>20.287179999999999</v>
      </c>
      <c r="H7187" s="235">
        <f t="shared" si="1665"/>
        <v>0.52594791390424889</v>
      </c>
      <c r="I7187" s="236">
        <f t="shared" si="1666"/>
        <v>19.896986501115226</v>
      </c>
      <c r="J7187" s="237">
        <f t="shared" si="1671"/>
        <v>9.8969865011152258</v>
      </c>
      <c r="K7187" s="237">
        <f t="shared" si="1667"/>
        <v>1424.1666027903245</v>
      </c>
      <c r="L7187" s="237">
        <f t="shared" si="1672"/>
        <v>708.46588169583231</v>
      </c>
      <c r="M7187" s="236">
        <f t="shared" si="1668"/>
        <v>26.62515427286051</v>
      </c>
      <c r="N7187" s="236">
        <f t="shared" si="1669"/>
        <v>0.565657234892192</v>
      </c>
      <c r="O7187" s="236">
        <f t="shared" si="1673"/>
        <v>2.2642195726517036</v>
      </c>
      <c r="P7187" s="236" t="str">
        <f t="shared" si="1674"/>
        <v>SAND</v>
      </c>
      <c r="Q7187" s="236" t="e">
        <f t="shared" si="1670"/>
        <v>#N/A</v>
      </c>
      <c r="R7187" s="238">
        <v>35</v>
      </c>
      <c r="S7187" s="236" t="e">
        <f t="shared" si="1675"/>
        <v>#N/A</v>
      </c>
      <c r="T7187" s="236">
        <f t="shared" si="1662"/>
        <v>33.278213461524587</v>
      </c>
    </row>
    <row r="7188" spans="2:20" x14ac:dyDescent="0.2">
      <c r="B7188" s="239">
        <v>71.593000000000004</v>
      </c>
      <c r="C7188" s="3">
        <f t="shared" si="1663"/>
        <v>71.585999999999999</v>
      </c>
      <c r="D7188" s="239">
        <v>19.925799999999999</v>
      </c>
      <c r="E7188" s="239">
        <v>0.1046</v>
      </c>
      <c r="F7188" s="239">
        <v>0.65559999999999996</v>
      </c>
      <c r="G7188">
        <f t="shared" si="1664"/>
        <v>20.056919999999998</v>
      </c>
      <c r="H7188" s="235">
        <f t="shared" si="1665"/>
        <v>0.52151576612959516</v>
      </c>
      <c r="I7188" s="236">
        <f t="shared" si="1666"/>
        <v>19.869216420649508</v>
      </c>
      <c r="J7188" s="237">
        <f t="shared" si="1671"/>
        <v>9.8692164206495079</v>
      </c>
      <c r="K7188" s="237">
        <f t="shared" si="1667"/>
        <v>1422.3577266886157</v>
      </c>
      <c r="L7188" s="237">
        <f t="shared" si="1672"/>
        <v>706.56681120356029</v>
      </c>
      <c r="M7188" s="236">
        <f t="shared" si="1668"/>
        <v>26.373390283601655</v>
      </c>
      <c r="N7188" s="236">
        <f t="shared" si="1669"/>
        <v>0.56132254928149949</v>
      </c>
      <c r="O7188" s="236">
        <f t="shared" si="1673"/>
        <v>2.2665157765296948</v>
      </c>
      <c r="P7188" s="236" t="str">
        <f t="shared" si="1674"/>
        <v>SAND</v>
      </c>
      <c r="Q7188" s="236" t="e">
        <f t="shared" si="1670"/>
        <v>#N/A</v>
      </c>
      <c r="R7188" s="238">
        <v>35</v>
      </c>
      <c r="S7188" s="236" t="e">
        <f t="shared" si="1675"/>
        <v>#N/A</v>
      </c>
      <c r="T7188" s="236">
        <f t="shared" si="1662"/>
        <v>33.23282557846774</v>
      </c>
    </row>
    <row r="7189" spans="2:20" x14ac:dyDescent="0.2">
      <c r="B7189" s="239">
        <v>71.603999999999999</v>
      </c>
      <c r="C7189" s="3">
        <f t="shared" si="1663"/>
        <v>71.596999999999994</v>
      </c>
      <c r="D7189" s="239">
        <v>19.7773</v>
      </c>
      <c r="E7189" s="239">
        <v>0.1037</v>
      </c>
      <c r="F7189" s="239">
        <v>0.66290000000000004</v>
      </c>
      <c r="G7189">
        <f t="shared" si="1664"/>
        <v>19.909880000000001</v>
      </c>
      <c r="H7189" s="235">
        <f t="shared" si="1665"/>
        <v>0.52084693629494505</v>
      </c>
      <c r="I7189" s="236">
        <f t="shared" si="1666"/>
        <v>19.856207474859204</v>
      </c>
      <c r="J7189" s="237">
        <f t="shared" si="1671"/>
        <v>9.8562074748592039</v>
      </c>
      <c r="K7189" s="237">
        <f t="shared" si="1667"/>
        <v>1421.6448865774944</v>
      </c>
      <c r="L7189" s="237">
        <f t="shared" si="1672"/>
        <v>705.74388002981846</v>
      </c>
      <c r="M7189" s="236">
        <f t="shared" si="1668"/>
        <v>26.196805436897815</v>
      </c>
      <c r="N7189" s="236">
        <f t="shared" si="1669"/>
        <v>0.560897237425943</v>
      </c>
      <c r="O7189" s="236">
        <f t="shared" si="1673"/>
        <v>2.2690129456139831</v>
      </c>
      <c r="P7189" s="236" t="str">
        <f t="shared" si="1674"/>
        <v>SAND</v>
      </c>
      <c r="Q7189" s="236" t="e">
        <f t="shared" si="1670"/>
        <v>#N/A</v>
      </c>
      <c r="R7189" s="238">
        <v>35</v>
      </c>
      <c r="S7189" s="236" t="e">
        <f t="shared" si="1675"/>
        <v>#N/A</v>
      </c>
      <c r="T7189" s="236">
        <f t="shared" si="1662"/>
        <v>33.200731680743367</v>
      </c>
    </row>
    <row r="7190" spans="2:20" x14ac:dyDescent="0.2">
      <c r="B7190" s="239">
        <v>71.614000000000004</v>
      </c>
      <c r="C7190" s="3">
        <f t="shared" si="1663"/>
        <v>71.606999999999999</v>
      </c>
      <c r="D7190" s="239">
        <v>19.659800000000001</v>
      </c>
      <c r="E7190" s="239">
        <v>0.1032</v>
      </c>
      <c r="F7190" s="239">
        <v>0.65449999999999997</v>
      </c>
      <c r="G7190">
        <f t="shared" si="1664"/>
        <v>19.790700000000001</v>
      </c>
      <c r="H7190" s="235">
        <f t="shared" si="1665"/>
        <v>0.52145704800739734</v>
      </c>
      <c r="I7190" s="236">
        <f t="shared" si="1666"/>
        <v>19.848193277053291</v>
      </c>
      <c r="J7190" s="237">
        <f t="shared" si="1671"/>
        <v>9.8481932770532907</v>
      </c>
      <c r="K7190" s="237">
        <f t="shared" si="1667"/>
        <v>1421.269575989955</v>
      </c>
      <c r="L7190" s="237">
        <f t="shared" si="1672"/>
        <v>705.26851334289438</v>
      </c>
      <c r="M7190" s="236">
        <f t="shared" si="1668"/>
        <v>26.04600953605739</v>
      </c>
      <c r="N7190" s="236">
        <f t="shared" si="1669"/>
        <v>0.56180293900191303</v>
      </c>
      <c r="O7190" s="236">
        <f t="shared" si="1673"/>
        <v>2.2715792707458728</v>
      </c>
      <c r="P7190" s="236" t="str">
        <f t="shared" si="1674"/>
        <v>SAND</v>
      </c>
      <c r="Q7190" s="236" t="e">
        <f t="shared" si="1670"/>
        <v>#N/A</v>
      </c>
      <c r="R7190" s="238">
        <v>35</v>
      </c>
      <c r="S7190" s="236" t="e">
        <f t="shared" si="1675"/>
        <v>#N/A</v>
      </c>
      <c r="T7190" s="236">
        <f t="shared" si="1662"/>
        <v>33.1731531475059</v>
      </c>
    </row>
    <row r="7191" spans="2:20" x14ac:dyDescent="0.2">
      <c r="B7191" s="239">
        <v>71.623999999999995</v>
      </c>
      <c r="C7191" s="3">
        <f t="shared" si="1663"/>
        <v>71.61699999999999</v>
      </c>
      <c r="D7191" s="239">
        <v>19.512599999999999</v>
      </c>
      <c r="E7191" s="239">
        <v>0.1048</v>
      </c>
      <c r="F7191" s="239">
        <v>0.67</v>
      </c>
      <c r="G7191">
        <f t="shared" si="1664"/>
        <v>19.646599999999999</v>
      </c>
      <c r="H7191" s="235">
        <f t="shared" si="1665"/>
        <v>0.53342563089796702</v>
      </c>
      <c r="I7191" s="236">
        <f t="shared" si="1666"/>
        <v>19.863377180328854</v>
      </c>
      <c r="J7191" s="237">
        <f t="shared" si="1671"/>
        <v>9.8633771803288539</v>
      </c>
      <c r="K7191" s="237">
        <f t="shared" si="1667"/>
        <v>1422.5554835236114</v>
      </c>
      <c r="L7191" s="237">
        <f t="shared" si="1672"/>
        <v>706.45452716387376</v>
      </c>
      <c r="M7191" s="236">
        <f t="shared" si="1668"/>
        <v>25.796486278654733</v>
      </c>
      <c r="N7191" s="236">
        <f t="shared" si="1669"/>
        <v>0.57506444250204813</v>
      </c>
      <c r="O7191" s="236">
        <f t="shared" si="1673"/>
        <v>2.279696777732513</v>
      </c>
      <c r="P7191" s="236" t="str">
        <f t="shared" si="1674"/>
        <v>SAND</v>
      </c>
      <c r="Q7191" s="236" t="e">
        <f t="shared" si="1670"/>
        <v>#N/A</v>
      </c>
      <c r="R7191" s="238">
        <v>35</v>
      </c>
      <c r="S7191" s="236" t="e">
        <f t="shared" si="1675"/>
        <v>#N/A</v>
      </c>
      <c r="T7191" s="236">
        <f t="shared" si="1662"/>
        <v>33.127166105485131</v>
      </c>
    </row>
    <row r="7192" spans="2:20" x14ac:dyDescent="0.2">
      <c r="B7192" s="239">
        <v>71.635000000000005</v>
      </c>
      <c r="C7192" s="3">
        <f t="shared" si="1663"/>
        <v>71.628</v>
      </c>
      <c r="D7192" s="239">
        <v>19.510300000000001</v>
      </c>
      <c r="E7192" s="239">
        <v>0.1051</v>
      </c>
      <c r="F7192" s="239">
        <v>0.67020000000000002</v>
      </c>
      <c r="G7192">
        <f t="shared" si="1664"/>
        <v>19.64434</v>
      </c>
      <c r="H7192" s="235">
        <f t="shared" si="1665"/>
        <v>0.53501415674947594</v>
      </c>
      <c r="I7192" s="236">
        <f t="shared" si="1666"/>
        <v>19.8666840856386</v>
      </c>
      <c r="J7192" s="237">
        <f t="shared" si="1671"/>
        <v>9.8666840856385996</v>
      </c>
      <c r="K7192" s="237">
        <f t="shared" si="1667"/>
        <v>1423.0108476861217</v>
      </c>
      <c r="L7192" s="237">
        <f t="shared" si="1672"/>
        <v>706.79991447472116</v>
      </c>
      <c r="M7192" s="236">
        <f t="shared" si="1668"/>
        <v>25.780038705657724</v>
      </c>
      <c r="N7192" s="236">
        <f t="shared" si="1669"/>
        <v>0.57679656144433133</v>
      </c>
      <c r="O7192" s="236">
        <f t="shared" si="1673"/>
        <v>2.2805084573833887</v>
      </c>
      <c r="P7192" s="236" t="str">
        <f t="shared" si="1674"/>
        <v>SAND</v>
      </c>
      <c r="Q7192" s="236" t="e">
        <f t="shared" si="1670"/>
        <v>#N/A</v>
      </c>
      <c r="R7192" s="238">
        <v>35</v>
      </c>
      <c r="S7192" s="236" t="e">
        <f t="shared" si="1675"/>
        <v>#N/A</v>
      </c>
      <c r="T7192" s="236">
        <f t="shared" si="1662"/>
        <v>33.124119215652456</v>
      </c>
    </row>
    <row r="7193" spans="2:20" x14ac:dyDescent="0.2">
      <c r="B7193" s="239">
        <v>71.644999999999996</v>
      </c>
      <c r="C7193" s="3">
        <f t="shared" si="1663"/>
        <v>71.637999999999991</v>
      </c>
      <c r="D7193" s="239">
        <v>19.566700000000001</v>
      </c>
      <c r="E7193" s="239">
        <v>0.1043</v>
      </c>
      <c r="F7193" s="239">
        <v>0.66310000000000002</v>
      </c>
      <c r="G7193">
        <f t="shared" si="1664"/>
        <v>19.69932</v>
      </c>
      <c r="H7193" s="235">
        <f t="shared" si="1665"/>
        <v>0.52945990013868505</v>
      </c>
      <c r="I7193" s="236">
        <f t="shared" si="1666"/>
        <v>19.858816798658729</v>
      </c>
      <c r="J7193" s="237">
        <f t="shared" si="1671"/>
        <v>9.8588167986587294</v>
      </c>
      <c r="K7193" s="237">
        <f t="shared" si="1667"/>
        <v>1422.6459178223138</v>
      </c>
      <c r="L7193" s="237">
        <f t="shared" si="1672"/>
        <v>706.33492953990458</v>
      </c>
      <c r="M7193" s="236">
        <f t="shared" si="1668"/>
        <v>25.875364954813751</v>
      </c>
      <c r="N7193" s="236">
        <f t="shared" si="1669"/>
        <v>0.57067275769669212</v>
      </c>
      <c r="O7193" s="236">
        <f t="shared" si="1673"/>
        <v>2.2770700180625192</v>
      </c>
      <c r="P7193" s="236" t="str">
        <f t="shared" si="1674"/>
        <v>SAND</v>
      </c>
      <c r="Q7193" s="236" t="e">
        <f t="shared" si="1670"/>
        <v>#N/A</v>
      </c>
      <c r="R7193" s="238">
        <v>35</v>
      </c>
      <c r="S7193" s="236" t="e">
        <f t="shared" si="1675"/>
        <v>#N/A</v>
      </c>
      <c r="T7193" s="236">
        <f t="shared" si="1662"/>
        <v>33.141751323373036</v>
      </c>
    </row>
    <row r="7194" spans="2:20" x14ac:dyDescent="0.2">
      <c r="B7194" s="239">
        <v>71.655000000000001</v>
      </c>
      <c r="C7194" s="3">
        <f t="shared" si="1663"/>
        <v>71.647999999999996</v>
      </c>
      <c r="D7194" s="239">
        <v>19.5608</v>
      </c>
      <c r="E7194" s="239">
        <v>0.1046</v>
      </c>
      <c r="F7194" s="239">
        <v>0.66390000000000005</v>
      </c>
      <c r="G7194">
        <f t="shared" si="1664"/>
        <v>19.693580000000001</v>
      </c>
      <c r="H7194" s="235">
        <f t="shared" si="1665"/>
        <v>0.53113755853430411</v>
      </c>
      <c r="I7194" s="236">
        <f t="shared" si="1666"/>
        <v>19.862070807051154</v>
      </c>
      <c r="J7194" s="237">
        <f t="shared" si="1671"/>
        <v>9.862070807051154</v>
      </c>
      <c r="K7194" s="237">
        <f t="shared" si="1667"/>
        <v>1423.0776491836009</v>
      </c>
      <c r="L7194" s="237">
        <f t="shared" si="1672"/>
        <v>706.66668367925047</v>
      </c>
      <c r="M7194" s="236">
        <f t="shared" si="1668"/>
        <v>25.854483836270983</v>
      </c>
      <c r="N7194" s="236">
        <f t="shared" si="1669"/>
        <v>0.572507520546232</v>
      </c>
      <c r="O7194" s="236">
        <f t="shared" si="1673"/>
        <v>2.2779847905231931</v>
      </c>
      <c r="P7194" s="236" t="str">
        <f t="shared" si="1674"/>
        <v>SAND</v>
      </c>
      <c r="Q7194" s="236" t="e">
        <f t="shared" si="1670"/>
        <v>#N/A</v>
      </c>
      <c r="R7194" s="238">
        <v>35</v>
      </c>
      <c r="S7194" s="236" t="e">
        <f t="shared" si="1675"/>
        <v>#N/A</v>
      </c>
      <c r="T7194" s="236">
        <f t="shared" si="1662"/>
        <v>33.137894590446137</v>
      </c>
    </row>
    <row r="7195" spans="2:20" x14ac:dyDescent="0.2">
      <c r="B7195" s="239">
        <v>71.665000000000006</v>
      </c>
      <c r="C7195" s="3">
        <f t="shared" si="1663"/>
        <v>71.658000000000001</v>
      </c>
      <c r="D7195" s="239">
        <v>19.643999999999998</v>
      </c>
      <c r="E7195" s="239">
        <v>0.10539999999999999</v>
      </c>
      <c r="F7195" s="239">
        <v>0.66769999999999996</v>
      </c>
      <c r="G7195">
        <f t="shared" si="1664"/>
        <v>19.777539999999998</v>
      </c>
      <c r="H7195" s="235">
        <f t="shared" si="1665"/>
        <v>0.5329277554235764</v>
      </c>
      <c r="I7195" s="236">
        <f t="shared" si="1666"/>
        <v>19.872667748139587</v>
      </c>
      <c r="J7195" s="237">
        <f t="shared" si="1671"/>
        <v>9.8726677481395875</v>
      </c>
      <c r="K7195" s="237">
        <f t="shared" si="1667"/>
        <v>1424.0356254961866</v>
      </c>
      <c r="L7195" s="237">
        <f t="shared" si="1672"/>
        <v>707.52473417042359</v>
      </c>
      <c r="M7195" s="236">
        <f t="shared" si="1668"/>
        <v>25.940442062457912</v>
      </c>
      <c r="N7195" s="236">
        <f t="shared" si="1669"/>
        <v>0.57427724890740117</v>
      </c>
      <c r="O7195" s="236">
        <f t="shared" si="1673"/>
        <v>2.2772589165592168</v>
      </c>
      <c r="P7195" s="236" t="str">
        <f t="shared" si="1674"/>
        <v>SAND</v>
      </c>
      <c r="Q7195" s="236" t="e">
        <f t="shared" si="1670"/>
        <v>#N/A</v>
      </c>
      <c r="R7195" s="238">
        <v>35</v>
      </c>
      <c r="S7195" s="236" t="e">
        <f t="shared" si="1675"/>
        <v>#N/A</v>
      </c>
      <c r="T7195" s="236">
        <f t="shared" si="1662"/>
        <v>33.153751100953926</v>
      </c>
    </row>
    <row r="7196" spans="2:20" x14ac:dyDescent="0.2">
      <c r="B7196" s="239">
        <v>71.674999999999997</v>
      </c>
      <c r="C7196" s="3">
        <f t="shared" si="1663"/>
        <v>71.667999999999992</v>
      </c>
      <c r="D7196" s="239">
        <v>19.757300000000001</v>
      </c>
      <c r="E7196" s="239">
        <v>0.1077</v>
      </c>
      <c r="F7196" s="239">
        <v>0.65820000000000001</v>
      </c>
      <c r="G7196">
        <f t="shared" si="1664"/>
        <v>19.888940000000002</v>
      </c>
      <c r="H7196" s="235">
        <f t="shared" si="1665"/>
        <v>0.54150698830606359</v>
      </c>
      <c r="I7196" s="236">
        <f t="shared" si="1666"/>
        <v>19.900175927129887</v>
      </c>
      <c r="J7196" s="237">
        <f t="shared" si="1671"/>
        <v>9.9001759271298866</v>
      </c>
      <c r="K7196" s="237">
        <f t="shared" si="1667"/>
        <v>1426.2058083455445</v>
      </c>
      <c r="L7196" s="237">
        <f t="shared" si="1672"/>
        <v>709.59510957703458</v>
      </c>
      <c r="M7196" s="236">
        <f t="shared" si="1668"/>
        <v>26.01868860491367</v>
      </c>
      <c r="N7196" s="236">
        <f t="shared" si="1669"/>
        <v>0.58333721799820226</v>
      </c>
      <c r="O7196" s="236">
        <f t="shared" si="1673"/>
        <v>2.2790106846485312</v>
      </c>
      <c r="P7196" s="236" t="str">
        <f t="shared" si="1674"/>
        <v>SAND</v>
      </c>
      <c r="Q7196" s="236" t="e">
        <f t="shared" si="1670"/>
        <v>#N/A</v>
      </c>
      <c r="R7196" s="238">
        <v>35</v>
      </c>
      <c r="S7196" s="236" t="e">
        <f t="shared" si="1675"/>
        <v>#N/A</v>
      </c>
      <c r="T7196" s="236">
        <f t="shared" si="1662"/>
        <v>33.168139437923848</v>
      </c>
    </row>
    <row r="7197" spans="2:20" x14ac:dyDescent="0.2">
      <c r="B7197" s="239">
        <v>71.686000000000007</v>
      </c>
      <c r="C7197" s="3">
        <f t="shared" si="1663"/>
        <v>71.679000000000002</v>
      </c>
      <c r="D7197" s="239">
        <v>19.787199999999999</v>
      </c>
      <c r="E7197" s="239">
        <v>0.10879999999999999</v>
      </c>
      <c r="F7197" s="239">
        <v>0.66400000000000003</v>
      </c>
      <c r="G7197">
        <f t="shared" si="1664"/>
        <v>19.919999999999998</v>
      </c>
      <c r="H7197" s="235">
        <f t="shared" si="1665"/>
        <v>0.54618473895582331</v>
      </c>
      <c r="I7197" s="236">
        <f t="shared" si="1666"/>
        <v>19.912701472539233</v>
      </c>
      <c r="J7197" s="237">
        <f t="shared" si="1671"/>
        <v>9.9127014725392328</v>
      </c>
      <c r="K7197" s="237">
        <f t="shared" si="1667"/>
        <v>1427.3225288501396</v>
      </c>
      <c r="L7197" s="237">
        <f t="shared" si="1672"/>
        <v>710.60191776044746</v>
      </c>
      <c r="M7197" s="236">
        <f t="shared" si="1668"/>
        <v>26.023962233921193</v>
      </c>
      <c r="N7197" s="236">
        <f t="shared" si="1669"/>
        <v>0.58834098074622887</v>
      </c>
      <c r="O7197" s="236">
        <f t="shared" si="1673"/>
        <v>2.2805385633528403</v>
      </c>
      <c r="P7197" s="236" t="str">
        <f t="shared" si="1674"/>
        <v>SAND</v>
      </c>
      <c r="Q7197" s="236" t="e">
        <f t="shared" si="1670"/>
        <v>#N/A</v>
      </c>
      <c r="R7197" s="238">
        <v>35</v>
      </c>
      <c r="S7197" s="236" t="e">
        <f t="shared" si="1675"/>
        <v>#N/A</v>
      </c>
      <c r="T7197" s="236">
        <f t="shared" si="1662"/>
        <v>33.169107620267887</v>
      </c>
    </row>
    <row r="7198" spans="2:20" x14ac:dyDescent="0.2">
      <c r="B7198" s="239">
        <v>71.695999999999998</v>
      </c>
      <c r="C7198" s="3">
        <f t="shared" si="1663"/>
        <v>71.688999999999993</v>
      </c>
      <c r="D7198" s="239">
        <v>19.7928</v>
      </c>
      <c r="E7198" s="239">
        <v>0.10920000000000001</v>
      </c>
      <c r="F7198" s="239">
        <v>0.66</v>
      </c>
      <c r="G7198">
        <f t="shared" si="1664"/>
        <v>19.924800000000001</v>
      </c>
      <c r="H7198" s="235">
        <f t="shared" si="1665"/>
        <v>0.54806070826306919</v>
      </c>
      <c r="I7198" s="236">
        <f t="shared" si="1666"/>
        <v>19.91709875165672</v>
      </c>
      <c r="J7198" s="237">
        <f t="shared" si="1671"/>
        <v>9.9170987516567202</v>
      </c>
      <c r="K7198" s="237">
        <f t="shared" si="1667"/>
        <v>1427.8368924075185</v>
      </c>
      <c r="L7198" s="237">
        <f t="shared" si="1672"/>
        <v>711.01631209878019</v>
      </c>
      <c r="M7198" s="236">
        <f t="shared" si="1668"/>
        <v>26.014822434935549</v>
      </c>
      <c r="N7198" s="236">
        <f t="shared" si="1669"/>
        <v>0.59036718279000333</v>
      </c>
      <c r="O7198" s="236">
        <f t="shared" si="1673"/>
        <v>2.2813242910518632</v>
      </c>
      <c r="P7198" s="236" t="str">
        <f t="shared" si="1674"/>
        <v>SAND</v>
      </c>
      <c r="Q7198" s="236" t="e">
        <f t="shared" si="1670"/>
        <v>#N/A</v>
      </c>
      <c r="R7198" s="238">
        <v>35</v>
      </c>
      <c r="S7198" s="236" t="e">
        <f t="shared" si="1675"/>
        <v>#N/A</v>
      </c>
      <c r="T7198" s="236">
        <f t="shared" si="1662"/>
        <v>33.167429525452889</v>
      </c>
    </row>
    <row r="7199" spans="2:20" x14ac:dyDescent="0.2">
      <c r="B7199" s="239">
        <v>71.706000000000003</v>
      </c>
      <c r="C7199" s="3">
        <f t="shared" si="1663"/>
        <v>71.698999999999998</v>
      </c>
      <c r="D7199" s="239">
        <v>19.832999999999998</v>
      </c>
      <c r="E7199" s="239">
        <v>0.1116</v>
      </c>
      <c r="F7199" s="239">
        <v>0.65749999999999997</v>
      </c>
      <c r="G7199">
        <f t="shared" si="1664"/>
        <v>19.964499999999997</v>
      </c>
      <c r="H7199" s="235">
        <f t="shared" si="1665"/>
        <v>0.55899221117483544</v>
      </c>
      <c r="I7199" s="236">
        <f t="shared" si="1666"/>
        <v>19.943368974005278</v>
      </c>
      <c r="J7199" s="237">
        <f t="shared" si="1671"/>
        <v>9.9433689740052777</v>
      </c>
      <c r="K7199" s="237">
        <f t="shared" si="1667"/>
        <v>1429.9196120672043</v>
      </c>
      <c r="L7199" s="237">
        <f t="shared" si="1672"/>
        <v>712.99921565002251</v>
      </c>
      <c r="M7199" s="236">
        <f t="shared" si="1668"/>
        <v>25.995232506722051</v>
      </c>
      <c r="N7199" s="236">
        <f t="shared" si="1669"/>
        <v>0.6021177586122145</v>
      </c>
      <c r="O7199" s="236">
        <f t="shared" si="1673"/>
        <v>2.2853500504011901</v>
      </c>
      <c r="P7199" s="236" t="str">
        <f t="shared" si="1674"/>
        <v>SAND</v>
      </c>
      <c r="Q7199" s="236" t="e">
        <f t="shared" si="1670"/>
        <v>#N/A</v>
      </c>
      <c r="R7199" s="238">
        <v>35</v>
      </c>
      <c r="S7199" s="236" t="e">
        <f t="shared" si="1675"/>
        <v>#N/A</v>
      </c>
      <c r="T7199" s="236">
        <f t="shared" si="1662"/>
        <v>33.163830768270465</v>
      </c>
    </row>
    <row r="7200" spans="2:20" x14ac:dyDescent="0.2">
      <c r="B7200" s="239">
        <v>71.716999999999999</v>
      </c>
      <c r="C7200" s="3">
        <f t="shared" si="1663"/>
        <v>71.709999999999994</v>
      </c>
      <c r="D7200" s="239">
        <v>19.834099999999999</v>
      </c>
      <c r="E7200" s="239">
        <v>0.1132</v>
      </c>
      <c r="F7200" s="239">
        <v>0.64549999999999996</v>
      </c>
      <c r="G7200">
        <f t="shared" si="1664"/>
        <v>19.963200000000001</v>
      </c>
      <c r="H7200" s="235">
        <f t="shared" si="1665"/>
        <v>0.56704335978199882</v>
      </c>
      <c r="I7200" s="236">
        <f t="shared" si="1666"/>
        <v>19.960035548850037</v>
      </c>
      <c r="J7200" s="237">
        <f t="shared" si="1671"/>
        <v>9.9600355488500369</v>
      </c>
      <c r="K7200" s="237">
        <f t="shared" si="1667"/>
        <v>1431.334149208036</v>
      </c>
      <c r="L7200" s="237">
        <f t="shared" si="1672"/>
        <v>714.30386945687803</v>
      </c>
      <c r="M7200" s="236">
        <f t="shared" si="1668"/>
        <v>25.94395276744433</v>
      </c>
      <c r="N7200" s="236">
        <f t="shared" si="1669"/>
        <v>0.61083973363190713</v>
      </c>
      <c r="O7200" s="236">
        <f t="shared" si="1673"/>
        <v>2.2888593368478305</v>
      </c>
      <c r="P7200" s="236" t="str">
        <f t="shared" si="1674"/>
        <v>SAND</v>
      </c>
      <c r="Q7200" s="236" t="e">
        <f t="shared" si="1670"/>
        <v>#N/A</v>
      </c>
      <c r="R7200" s="238">
        <v>35</v>
      </c>
      <c r="S7200" s="236" t="e">
        <f t="shared" si="1675"/>
        <v>#N/A</v>
      </c>
      <c r="T7200" s="236">
        <f t="shared" si="1662"/>
        <v>33.154397595065134</v>
      </c>
    </row>
    <row r="7201" spans="2:20" x14ac:dyDescent="0.2">
      <c r="B7201" s="239">
        <v>71.727000000000004</v>
      </c>
      <c r="C7201" s="3">
        <f t="shared" si="1663"/>
        <v>71.72</v>
      </c>
      <c r="D7201" s="239">
        <v>19.846299999999999</v>
      </c>
      <c r="E7201" s="239">
        <v>0.11260000000000001</v>
      </c>
      <c r="F7201" s="239">
        <v>0.64200000000000002</v>
      </c>
      <c r="G7201">
        <f t="shared" si="1664"/>
        <v>19.974699999999999</v>
      </c>
      <c r="H7201" s="235">
        <f t="shared" si="1665"/>
        <v>0.56371309706779082</v>
      </c>
      <c r="I7201" s="236">
        <f t="shared" si="1666"/>
        <v>19.954028947603817</v>
      </c>
      <c r="J7201" s="237">
        <f t="shared" si="1671"/>
        <v>9.9540289476038168</v>
      </c>
      <c r="K7201" s="237">
        <f t="shared" si="1667"/>
        <v>1431.1029561221458</v>
      </c>
      <c r="L7201" s="237">
        <f t="shared" si="1672"/>
        <v>713.97263432477905</v>
      </c>
      <c r="M7201" s="236">
        <f t="shared" si="1668"/>
        <v>25.97241988331244</v>
      </c>
      <c r="N7201" s="236">
        <f t="shared" si="1669"/>
        <v>0.60721768130296361</v>
      </c>
      <c r="O7201" s="236">
        <f t="shared" si="1673"/>
        <v>2.2872973602488771</v>
      </c>
      <c r="P7201" s="236" t="str">
        <f t="shared" si="1674"/>
        <v>SAND</v>
      </c>
      <c r="Q7201" s="236" t="e">
        <f t="shared" si="1670"/>
        <v>#N/A</v>
      </c>
      <c r="R7201" s="238">
        <v>35</v>
      </c>
      <c r="S7201" s="236" t="e">
        <f t="shared" si="1675"/>
        <v>#N/A</v>
      </c>
      <c r="T7201" s="236">
        <f t="shared" si="1662"/>
        <v>33.159636568105633</v>
      </c>
    </row>
    <row r="7202" spans="2:20" x14ac:dyDescent="0.2">
      <c r="B7202" s="239">
        <v>71.736000000000004</v>
      </c>
      <c r="C7202" s="3">
        <f t="shared" si="1663"/>
        <v>71.728999999999999</v>
      </c>
      <c r="D7202" s="239">
        <v>19.8125</v>
      </c>
      <c r="E7202" s="239">
        <v>0.1143</v>
      </c>
      <c r="F7202" s="239">
        <v>0.63190000000000002</v>
      </c>
      <c r="G7202">
        <f t="shared" si="1664"/>
        <v>19.938880000000001</v>
      </c>
      <c r="H7202" s="235">
        <f t="shared" si="1665"/>
        <v>0.57325185767706099</v>
      </c>
      <c r="I7202" s="236">
        <f t="shared" si="1666"/>
        <v>19.970898560106424</v>
      </c>
      <c r="J7202" s="237">
        <f t="shared" si="1671"/>
        <v>9.9708985601064235</v>
      </c>
      <c r="K7202" s="237">
        <f t="shared" si="1667"/>
        <v>1432.4925828178737</v>
      </c>
      <c r="L7202" s="237">
        <f t="shared" si="1672"/>
        <v>715.27237910779445</v>
      </c>
      <c r="M7202" s="236">
        <f t="shared" si="1668"/>
        <v>25.873202933218728</v>
      </c>
      <c r="N7202" s="236">
        <f t="shared" si="1669"/>
        <v>0.61762459319250484</v>
      </c>
      <c r="O7202" s="236">
        <f t="shared" si="1673"/>
        <v>2.2920361033609136</v>
      </c>
      <c r="P7202" s="236" t="str">
        <f t="shared" si="1674"/>
        <v>SAND</v>
      </c>
      <c r="Q7202" s="236" t="e">
        <f t="shared" si="1670"/>
        <v>#N/A</v>
      </c>
      <c r="R7202" s="238">
        <v>35</v>
      </c>
      <c r="S7202" s="236" t="e">
        <f t="shared" si="1675"/>
        <v>#N/A</v>
      </c>
      <c r="T7202" s="236">
        <f t="shared" si="1662"/>
        <v>33.14135214345518</v>
      </c>
    </row>
    <row r="7203" spans="2:20" x14ac:dyDescent="0.2">
      <c r="B7203" s="239">
        <v>71.747</v>
      </c>
      <c r="C7203" s="3">
        <f t="shared" si="1663"/>
        <v>71.739999999999995</v>
      </c>
      <c r="D7203" s="239">
        <v>19.719899999999999</v>
      </c>
      <c r="E7203" s="239">
        <v>0.1157</v>
      </c>
      <c r="F7203" s="239">
        <v>0.62</v>
      </c>
      <c r="G7203">
        <f t="shared" si="1664"/>
        <v>19.843899999999998</v>
      </c>
      <c r="H7203" s="235">
        <f t="shared" si="1665"/>
        <v>0.58305071079777671</v>
      </c>
      <c r="I7203" s="236">
        <f t="shared" si="1666"/>
        <v>19.983307450386238</v>
      </c>
      <c r="J7203" s="237">
        <f t="shared" si="1671"/>
        <v>9.9833074503862385</v>
      </c>
      <c r="K7203" s="237">
        <f t="shared" si="1667"/>
        <v>1433.6024764907086</v>
      </c>
      <c r="L7203" s="237">
        <f t="shared" si="1672"/>
        <v>716.27235964286149</v>
      </c>
      <c r="M7203" s="236">
        <f t="shared" si="1668"/>
        <v>25.702928886839629</v>
      </c>
      <c r="N7203" s="236">
        <f t="shared" si="1669"/>
        <v>0.62845263555494013</v>
      </c>
      <c r="O7203" s="236">
        <f t="shared" si="1673"/>
        <v>2.2979448683244521</v>
      </c>
      <c r="P7203" s="236" t="str">
        <f t="shared" si="1674"/>
        <v>SAND</v>
      </c>
      <c r="Q7203" s="236" t="e">
        <f t="shared" si="1670"/>
        <v>#N/A</v>
      </c>
      <c r="R7203" s="238">
        <v>35</v>
      </c>
      <c r="S7203" s="236" t="e">
        <f t="shared" si="1675"/>
        <v>#N/A</v>
      </c>
      <c r="T7203" s="236">
        <f t="shared" si="1662"/>
        <v>33.109808761161119</v>
      </c>
    </row>
    <row r="7204" spans="2:20" x14ac:dyDescent="0.2">
      <c r="B7204" s="239">
        <v>71.757000000000005</v>
      </c>
      <c r="C7204" s="3">
        <f t="shared" si="1663"/>
        <v>71.75</v>
      </c>
      <c r="D7204" s="239">
        <v>19.686599999999999</v>
      </c>
      <c r="E7204" s="239">
        <v>0.11799999999999999</v>
      </c>
      <c r="F7204" s="239">
        <v>0.59919999999999995</v>
      </c>
      <c r="G7204">
        <f t="shared" si="1664"/>
        <v>19.806439999999998</v>
      </c>
      <c r="H7204" s="235">
        <f t="shared" si="1665"/>
        <v>0.59576582162165437</v>
      </c>
      <c r="I7204" s="236">
        <f t="shared" si="1666"/>
        <v>20.00565025451348</v>
      </c>
      <c r="J7204" s="237">
        <f t="shared" si="1671"/>
        <v>10.00565025451348</v>
      </c>
      <c r="K7204" s="237">
        <f t="shared" si="1667"/>
        <v>1435.4054057613421</v>
      </c>
      <c r="L7204" s="237">
        <f t="shared" si="1672"/>
        <v>717.97544531312383</v>
      </c>
      <c r="M7204" s="236">
        <f t="shared" si="1668"/>
        <v>25.587274208558302</v>
      </c>
      <c r="N7204" s="236">
        <f t="shared" si="1669"/>
        <v>0.642315485253106</v>
      </c>
      <c r="O7204" s="236">
        <f t="shared" si="1673"/>
        <v>2.3039122566514756</v>
      </c>
      <c r="P7204" s="236" t="str">
        <f t="shared" si="1674"/>
        <v>SAND</v>
      </c>
      <c r="Q7204" s="236" t="e">
        <f t="shared" si="1670"/>
        <v>#N/A</v>
      </c>
      <c r="R7204" s="238">
        <v>35</v>
      </c>
      <c r="S7204" s="236" t="e">
        <f t="shared" si="1675"/>
        <v>#N/A</v>
      </c>
      <c r="T7204" s="236">
        <f t="shared" si="1662"/>
        <v>33.088264256459887</v>
      </c>
    </row>
    <row r="7205" spans="2:20" x14ac:dyDescent="0.2">
      <c r="B7205" s="239">
        <v>71.766999999999996</v>
      </c>
      <c r="C7205" s="3">
        <f t="shared" si="1663"/>
        <v>71.759999999999991</v>
      </c>
      <c r="D7205" s="239">
        <v>19.577000000000002</v>
      </c>
      <c r="E7205" s="239">
        <v>0.1202</v>
      </c>
      <c r="F7205" s="239">
        <v>0.55110000000000003</v>
      </c>
      <c r="G7205">
        <f t="shared" si="1664"/>
        <v>19.687220000000003</v>
      </c>
      <c r="H7205" s="235">
        <f t="shared" si="1665"/>
        <v>0.61054836589421957</v>
      </c>
      <c r="I7205" s="236">
        <f t="shared" si="1666"/>
        <v>20.024951072094041</v>
      </c>
      <c r="J7205" s="237">
        <f t="shared" si="1671"/>
        <v>10.024951072094041</v>
      </c>
      <c r="K7205" s="237">
        <f t="shared" si="1667"/>
        <v>1436.9904889334682</v>
      </c>
      <c r="L7205" s="237">
        <f t="shared" si="1672"/>
        <v>719.46066359097301</v>
      </c>
      <c r="M7205" s="236">
        <f t="shared" si="1668"/>
        <v>25.366542515300235</v>
      </c>
      <c r="N7205" s="236">
        <f t="shared" si="1669"/>
        <v>0.65862185419155073</v>
      </c>
      <c r="O7205" s="236">
        <f t="shared" si="1673"/>
        <v>2.3121508383743001</v>
      </c>
      <c r="P7205" s="236" t="str">
        <f t="shared" si="1674"/>
        <v>SAND</v>
      </c>
      <c r="Q7205" s="236" t="e">
        <f t="shared" si="1670"/>
        <v>#N/A</v>
      </c>
      <c r="R7205" s="238">
        <v>35</v>
      </c>
      <c r="S7205" s="236" t="e">
        <f t="shared" si="1675"/>
        <v>#N/A</v>
      </c>
      <c r="T7205" s="236">
        <f t="shared" si="1662"/>
        <v>33.046874041394247</v>
      </c>
    </row>
    <row r="7206" spans="2:20" x14ac:dyDescent="0.2">
      <c r="B7206" s="239">
        <v>71.778000000000006</v>
      </c>
      <c r="C7206" s="3">
        <f t="shared" si="1663"/>
        <v>71.771000000000001</v>
      </c>
      <c r="D7206" s="239">
        <v>19.2455</v>
      </c>
      <c r="E7206" s="239">
        <v>0.11700000000000001</v>
      </c>
      <c r="F7206" s="239">
        <v>0.55000000000000004</v>
      </c>
      <c r="G7206">
        <f t="shared" si="1664"/>
        <v>19.355499999999999</v>
      </c>
      <c r="H7206" s="235">
        <f t="shared" si="1665"/>
        <v>0.60447934695564576</v>
      </c>
      <c r="I7206" s="236">
        <f t="shared" si="1666"/>
        <v>19.986668836318739</v>
      </c>
      <c r="J7206" s="237">
        <f t="shared" si="1671"/>
        <v>9.9866688363187386</v>
      </c>
      <c r="K7206" s="237">
        <f t="shared" si="1667"/>
        <v>1434.4632090514322</v>
      </c>
      <c r="L7206" s="237">
        <f t="shared" si="1672"/>
        <v>716.8231157332865</v>
      </c>
      <c r="M7206" s="236">
        <f t="shared" si="1668"/>
        <v>25.000640182502956</v>
      </c>
      <c r="N7206" s="236">
        <f t="shared" si="1669"/>
        <v>0.65286401319757092</v>
      </c>
      <c r="O7206" s="236">
        <f t="shared" si="1673"/>
        <v>2.3160838940697879</v>
      </c>
      <c r="P7206" s="236" t="str">
        <f t="shared" si="1674"/>
        <v>SAND</v>
      </c>
      <c r="Q7206" s="236" t="e">
        <f t="shared" si="1670"/>
        <v>#N/A</v>
      </c>
      <c r="R7206" s="238">
        <v>35</v>
      </c>
      <c r="S7206" s="236" t="e">
        <f t="shared" si="1675"/>
        <v>#N/A</v>
      </c>
      <c r="T7206" s="236">
        <f t="shared" si="1662"/>
        <v>32.977462426026662</v>
      </c>
    </row>
    <row r="7207" spans="2:20" x14ac:dyDescent="0.2">
      <c r="B7207" s="239">
        <v>71.787999999999997</v>
      </c>
      <c r="C7207" s="3">
        <f t="shared" si="1663"/>
        <v>71.780999999999992</v>
      </c>
      <c r="D7207" s="239">
        <v>18.904199999999999</v>
      </c>
      <c r="E7207" s="239">
        <v>0.1159</v>
      </c>
      <c r="F7207" s="239">
        <v>0.57740000000000002</v>
      </c>
      <c r="G7207">
        <f t="shared" si="1664"/>
        <v>19.019680000000001</v>
      </c>
      <c r="H7207" s="235">
        <f t="shared" si="1665"/>
        <v>0.60936882218838595</v>
      </c>
      <c r="I7207" s="236">
        <f t="shared" si="1666"/>
        <v>19.968751216702266</v>
      </c>
      <c r="J7207" s="237">
        <f t="shared" si="1671"/>
        <v>9.968751216702266</v>
      </c>
      <c r="K7207" s="237">
        <f t="shared" si="1667"/>
        <v>1433.3769310861053</v>
      </c>
      <c r="L7207" s="237">
        <f t="shared" si="1672"/>
        <v>715.6367123446222</v>
      </c>
      <c r="M7207" s="236">
        <f t="shared" si="1668"/>
        <v>24.574344448171672</v>
      </c>
      <c r="N7207" s="236">
        <f t="shared" si="1669"/>
        <v>0.65903561166797187</v>
      </c>
      <c r="O7207" s="236">
        <f t="shared" si="1673"/>
        <v>2.3245917971043171</v>
      </c>
      <c r="P7207" s="236" t="str">
        <f t="shared" si="1674"/>
        <v>SAND</v>
      </c>
      <c r="Q7207" s="236" t="e">
        <f t="shared" si="1670"/>
        <v>#N/A</v>
      </c>
      <c r="R7207" s="238">
        <v>35</v>
      </c>
      <c r="S7207" s="236" t="e">
        <f t="shared" si="1675"/>
        <v>#N/A</v>
      </c>
      <c r="T7207" s="236">
        <f t="shared" si="1662"/>
        <v>32.895301354323969</v>
      </c>
    </row>
    <row r="7208" spans="2:20" x14ac:dyDescent="0.2">
      <c r="B7208" s="239">
        <v>71.799000000000007</v>
      </c>
      <c r="C7208" s="3">
        <f t="shared" si="1663"/>
        <v>71.792000000000002</v>
      </c>
      <c r="D7208" s="239">
        <v>18.738800000000001</v>
      </c>
      <c r="E7208" s="239">
        <v>0.1128</v>
      </c>
      <c r="F7208" s="239">
        <v>0.61270000000000002</v>
      </c>
      <c r="G7208">
        <f t="shared" si="1664"/>
        <v>18.861340000000002</v>
      </c>
      <c r="H7208" s="235">
        <f t="shared" si="1665"/>
        <v>0.5980487070377819</v>
      </c>
      <c r="I7208" s="236">
        <f t="shared" si="1666"/>
        <v>19.933692912903396</v>
      </c>
      <c r="J7208" s="237">
        <f t="shared" si="1671"/>
        <v>9.9336929129033962</v>
      </c>
      <c r="K7208" s="237">
        <f t="shared" si="1667"/>
        <v>1431.0796816031607</v>
      </c>
      <c r="L7208" s="237">
        <f t="shared" si="1672"/>
        <v>713.22921745355097</v>
      </c>
      <c r="M7208" s="236">
        <f t="shared" si="1668"/>
        <v>24.438511339493726</v>
      </c>
      <c r="N7208" s="236">
        <f t="shared" si="1669"/>
        <v>0.64715040360553167</v>
      </c>
      <c r="O7208" s="236">
        <f t="shared" si="1673"/>
        <v>2.3232271808111333</v>
      </c>
      <c r="P7208" s="236" t="str">
        <f t="shared" si="1674"/>
        <v>SAND</v>
      </c>
      <c r="Q7208" s="236" t="e">
        <f t="shared" si="1670"/>
        <v>#N/A</v>
      </c>
      <c r="R7208" s="238">
        <v>35</v>
      </c>
      <c r="S7208" s="236" t="e">
        <f t="shared" si="1675"/>
        <v>#N/A</v>
      </c>
      <c r="T7208" s="236">
        <f t="shared" si="1662"/>
        <v>32.868822222837281</v>
      </c>
    </row>
    <row r="7209" spans="2:20" x14ac:dyDescent="0.2">
      <c r="B7209" s="239">
        <v>71.808999999999997</v>
      </c>
      <c r="C7209" s="3">
        <f t="shared" si="1663"/>
        <v>71.801999999999992</v>
      </c>
      <c r="D7209" s="239">
        <v>18.588799999999999</v>
      </c>
      <c r="E7209" s="239">
        <v>0.1103</v>
      </c>
      <c r="F7209" s="239">
        <v>0.61899999999999999</v>
      </c>
      <c r="G7209">
        <f t="shared" si="1664"/>
        <v>18.712599999999998</v>
      </c>
      <c r="H7209" s="235">
        <f t="shared" si="1665"/>
        <v>0.58944240778940393</v>
      </c>
      <c r="I7209" s="236">
        <f t="shared" si="1666"/>
        <v>19.904317658772513</v>
      </c>
      <c r="J7209" s="237">
        <f t="shared" si="1671"/>
        <v>9.9043176587725128</v>
      </c>
      <c r="K7209" s="237">
        <f t="shared" si="1667"/>
        <v>1429.1698165351838</v>
      </c>
      <c r="L7209" s="237">
        <f t="shared" si="1672"/>
        <v>711.21914675879532</v>
      </c>
      <c r="M7209" s="236">
        <f t="shared" si="1668"/>
        <v>24.301131742908996</v>
      </c>
      <c r="N7209" s="236">
        <f t="shared" si="1669"/>
        <v>0.6381835019388965</v>
      </c>
      <c r="O7209" s="236">
        <f t="shared" si="1673"/>
        <v>2.3227411210178319</v>
      </c>
      <c r="P7209" s="236" t="str">
        <f t="shared" si="1674"/>
        <v>SAND</v>
      </c>
      <c r="Q7209" s="236" t="e">
        <f t="shared" si="1670"/>
        <v>#N/A</v>
      </c>
      <c r="R7209" s="238">
        <v>35</v>
      </c>
      <c r="S7209" s="236" t="e">
        <f t="shared" si="1675"/>
        <v>#N/A</v>
      </c>
      <c r="T7209" s="236">
        <f t="shared" si="1662"/>
        <v>32.841891498503422</v>
      </c>
    </row>
    <row r="7210" spans="2:20" x14ac:dyDescent="0.2">
      <c r="B7210" s="239">
        <v>71.813999999999993</v>
      </c>
      <c r="C7210" s="3">
        <f t="shared" si="1663"/>
        <v>71.806999999999988</v>
      </c>
      <c r="D7210" s="239">
        <v>18.650700000000001</v>
      </c>
      <c r="E7210" s="239">
        <v>0.1087</v>
      </c>
      <c r="F7210" s="239">
        <v>0.62760000000000005</v>
      </c>
      <c r="G7210">
        <f t="shared" si="1664"/>
        <v>18.776220000000002</v>
      </c>
      <c r="H7210" s="235">
        <f t="shared" si="1665"/>
        <v>0.57892376633848552</v>
      </c>
      <c r="I7210" s="236">
        <f t="shared" si="1666"/>
        <v>19.888510172119208</v>
      </c>
      <c r="J7210" s="237">
        <f t="shared" si="1671"/>
        <v>9.8885101721192079</v>
      </c>
      <c r="K7210" s="237">
        <f t="shared" si="1667"/>
        <v>1428.1342499293637</v>
      </c>
      <c r="L7210" s="237">
        <f t="shared" si="1672"/>
        <v>710.13346950056871</v>
      </c>
      <c r="M7210" s="236">
        <f t="shared" si="1668"/>
        <v>24.429331238635196</v>
      </c>
      <c r="N7210" s="236">
        <f t="shared" si="1669"/>
        <v>0.6265820999850511</v>
      </c>
      <c r="O7210" s="236">
        <f t="shared" si="1673"/>
        <v>2.3171828620299082</v>
      </c>
      <c r="P7210" s="236" t="str">
        <f t="shared" si="1674"/>
        <v>SAND</v>
      </c>
      <c r="Q7210" s="236" t="e">
        <f t="shared" si="1670"/>
        <v>#N/A</v>
      </c>
      <c r="R7210" s="238">
        <v>35</v>
      </c>
      <c r="S7210" s="236" t="e">
        <f t="shared" si="1675"/>
        <v>#N/A</v>
      </c>
      <c r="T7210" s="236">
        <f t="shared" si="1662"/>
        <v>32.867027359924982</v>
      </c>
    </row>
    <row r="7211" spans="2:20" x14ac:dyDescent="0.2">
      <c r="B7211" s="239">
        <v>71.834000000000003</v>
      </c>
      <c r="C7211" s="3">
        <f t="shared" si="1663"/>
        <v>71.826999999999998</v>
      </c>
      <c r="D7211" s="239">
        <v>18.631699999999999</v>
      </c>
      <c r="E7211" s="239">
        <v>0.1109</v>
      </c>
      <c r="F7211" s="239">
        <v>0.65400000000000003</v>
      </c>
      <c r="G7211">
        <f t="shared" si="1664"/>
        <v>18.762499999999999</v>
      </c>
      <c r="H7211" s="235">
        <f t="shared" si="1665"/>
        <v>0.59107261825449697</v>
      </c>
      <c r="I7211" s="236">
        <f t="shared" si="1666"/>
        <v>19.911719863711411</v>
      </c>
      <c r="J7211" s="237">
        <f t="shared" si="1671"/>
        <v>9.9117198637114114</v>
      </c>
      <c r="K7211" s="237">
        <f t="shared" si="1667"/>
        <v>1430.1991026507994</v>
      </c>
      <c r="L7211" s="237">
        <f t="shared" si="1672"/>
        <v>711.99848468984555</v>
      </c>
      <c r="M7211" s="236">
        <f t="shared" si="1668"/>
        <v>24.3431710460723</v>
      </c>
      <c r="N7211" s="236">
        <f t="shared" si="1669"/>
        <v>0.63984580383647183</v>
      </c>
      <c r="O7211" s="236">
        <f t="shared" si="1673"/>
        <v>2.3225664152606869</v>
      </c>
      <c r="P7211" s="236" t="str">
        <f t="shared" si="1674"/>
        <v>SAND</v>
      </c>
      <c r="Q7211" s="236" t="e">
        <f t="shared" si="1670"/>
        <v>#N/A</v>
      </c>
      <c r="R7211" s="238">
        <v>35</v>
      </c>
      <c r="S7211" s="236" t="e">
        <f t="shared" si="1675"/>
        <v>#N/A</v>
      </c>
      <c r="T7211" s="236">
        <f t="shared" si="1662"/>
        <v>32.850148657090955</v>
      </c>
    </row>
    <row r="7212" spans="2:20" x14ac:dyDescent="0.2">
      <c r="B7212" s="239">
        <v>71.843000000000004</v>
      </c>
      <c r="C7212" s="3">
        <f t="shared" si="1663"/>
        <v>71.835999999999999</v>
      </c>
      <c r="D7212" s="239">
        <v>18.840399999999999</v>
      </c>
      <c r="E7212" s="239">
        <v>0.10730000000000001</v>
      </c>
      <c r="F7212" s="239">
        <v>0.67010000000000003</v>
      </c>
      <c r="G7212">
        <f t="shared" si="1664"/>
        <v>18.974419999999999</v>
      </c>
      <c r="H7212" s="235">
        <f t="shared" si="1665"/>
        <v>0.56549818123557938</v>
      </c>
      <c r="I7212" s="236">
        <f t="shared" si="1666"/>
        <v>19.877413962229021</v>
      </c>
      <c r="J7212" s="237">
        <f t="shared" si="1671"/>
        <v>9.8774139622290207</v>
      </c>
      <c r="K7212" s="237">
        <f t="shared" si="1667"/>
        <v>1427.913909390684</v>
      </c>
      <c r="L7212" s="237">
        <f t="shared" si="1672"/>
        <v>709.62305128841956</v>
      </c>
      <c r="M7212" s="236">
        <f t="shared" si="1668"/>
        <v>24.726516505842341</v>
      </c>
      <c r="N7212" s="236">
        <f t="shared" si="1669"/>
        <v>0.61151775428058419</v>
      </c>
      <c r="O7212" s="236">
        <f t="shared" si="1673"/>
        <v>2.3078369535034513</v>
      </c>
      <c r="P7212" s="236" t="str">
        <f t="shared" si="1674"/>
        <v>SAND</v>
      </c>
      <c r="Q7212" s="236" t="e">
        <f t="shared" si="1670"/>
        <v>#N/A</v>
      </c>
      <c r="R7212" s="238">
        <v>35</v>
      </c>
      <c r="S7212" s="236" t="e">
        <f t="shared" si="1675"/>
        <v>#N/A</v>
      </c>
      <c r="T7212" s="236">
        <f t="shared" si="1662"/>
        <v>32.92479230555562</v>
      </c>
    </row>
    <row r="7213" spans="2:20" x14ac:dyDescent="0.2">
      <c r="B7213" s="239">
        <v>71.853999999999999</v>
      </c>
      <c r="C7213" s="3">
        <f t="shared" si="1663"/>
        <v>71.846999999999994</v>
      </c>
      <c r="D7213" s="239">
        <v>19.234000000000002</v>
      </c>
      <c r="E7213" s="239">
        <v>0.10580000000000001</v>
      </c>
      <c r="F7213" s="239">
        <v>0.66139999999999999</v>
      </c>
      <c r="G7213">
        <f t="shared" si="1664"/>
        <v>19.366280000000003</v>
      </c>
      <c r="H7213" s="235">
        <f t="shared" si="1665"/>
        <v>0.54631039105083679</v>
      </c>
      <c r="I7213" s="236">
        <f t="shared" si="1666"/>
        <v>19.868895943150168</v>
      </c>
      <c r="J7213" s="237">
        <f t="shared" si="1671"/>
        <v>9.8688959431501679</v>
      </c>
      <c r="K7213" s="237">
        <f t="shared" si="1667"/>
        <v>1427.52056682751</v>
      </c>
      <c r="L7213" s="237">
        <f t="shared" si="1672"/>
        <v>709.11964909911217</v>
      </c>
      <c r="M7213" s="236">
        <f t="shared" si="1668"/>
        <v>25.297225166391112</v>
      </c>
      <c r="N7213" s="236">
        <f t="shared" si="1669"/>
        <v>0.58978437385337712</v>
      </c>
      <c r="O7213" s="236">
        <f t="shared" si="1673"/>
        <v>2.2920865673563551</v>
      </c>
      <c r="P7213" s="236" t="str">
        <f t="shared" si="1674"/>
        <v>SAND</v>
      </c>
      <c r="Q7213" s="236" t="e">
        <f t="shared" si="1670"/>
        <v>#N/A</v>
      </c>
      <c r="R7213" s="238">
        <v>35</v>
      </c>
      <c r="S7213" s="236" t="e">
        <f t="shared" si="1675"/>
        <v>#N/A</v>
      </c>
      <c r="T7213" s="236">
        <f t="shared" si="1662"/>
        <v>33.033801749883956</v>
      </c>
    </row>
    <row r="7214" spans="2:20" x14ac:dyDescent="0.2">
      <c r="B7214" s="239">
        <v>71.864000000000004</v>
      </c>
      <c r="C7214" s="3">
        <f t="shared" si="1663"/>
        <v>71.856999999999999</v>
      </c>
      <c r="D7214" s="239">
        <v>19.557600000000001</v>
      </c>
      <c r="E7214" s="239">
        <v>0.1071</v>
      </c>
      <c r="F7214" s="239">
        <v>0.63749999999999996</v>
      </c>
      <c r="G7214">
        <f t="shared" si="1664"/>
        <v>19.685100000000002</v>
      </c>
      <c r="H7214" s="235">
        <f t="shared" si="1665"/>
        <v>0.54406632427572121</v>
      </c>
      <c r="I7214" s="236">
        <f t="shared" si="1666"/>
        <v>19.889598488435421</v>
      </c>
      <c r="J7214" s="237">
        <f t="shared" si="1671"/>
        <v>9.8895984884354213</v>
      </c>
      <c r="K7214" s="237">
        <f t="shared" si="1667"/>
        <v>1429.206878583504</v>
      </c>
      <c r="L7214" s="237">
        <f t="shared" si="1672"/>
        <v>710.70610577292314</v>
      </c>
      <c r="M7214" s="236">
        <f t="shared" si="1668"/>
        <v>25.686979432324474</v>
      </c>
      <c r="N7214" s="236">
        <f t="shared" si="1669"/>
        <v>0.5866598762804871</v>
      </c>
      <c r="O7214" s="236">
        <f t="shared" si="1673"/>
        <v>2.2851017514626921</v>
      </c>
      <c r="P7214" s="236" t="str">
        <f t="shared" si="1674"/>
        <v>SAND</v>
      </c>
      <c r="Q7214" s="236" t="e">
        <f t="shared" si="1670"/>
        <v>#N/A</v>
      </c>
      <c r="R7214" s="238">
        <v>35</v>
      </c>
      <c r="S7214" s="236" t="e">
        <f t="shared" si="1675"/>
        <v>#N/A</v>
      </c>
      <c r="T7214" s="236">
        <f t="shared" si="1662"/>
        <v>33.106843417735654</v>
      </c>
    </row>
    <row r="7215" spans="2:20" x14ac:dyDescent="0.2">
      <c r="B7215" s="239">
        <v>71.873000000000005</v>
      </c>
      <c r="C7215" s="3">
        <f t="shared" si="1663"/>
        <v>71.866</v>
      </c>
      <c r="D7215" s="239">
        <v>20.010300000000001</v>
      </c>
      <c r="E7215" s="239">
        <v>0.1085</v>
      </c>
      <c r="F7215" s="239">
        <v>0.59019999999999995</v>
      </c>
      <c r="G7215">
        <f t="shared" si="1664"/>
        <v>20.128340000000001</v>
      </c>
      <c r="H7215" s="235">
        <f t="shared" si="1665"/>
        <v>0.53904097406939666</v>
      </c>
      <c r="I7215" s="236">
        <f t="shared" si="1666"/>
        <v>19.913530511263556</v>
      </c>
      <c r="J7215" s="237">
        <f t="shared" si="1671"/>
        <v>9.9135305112635557</v>
      </c>
      <c r="K7215" s="237">
        <f t="shared" si="1667"/>
        <v>1431.1057837224666</v>
      </c>
      <c r="L7215" s="237">
        <f t="shared" si="1672"/>
        <v>712.51517843604563</v>
      </c>
      <c r="M7215" s="236">
        <f t="shared" si="1668"/>
        <v>26.24117321587104</v>
      </c>
      <c r="N7215" s="236">
        <f t="shared" si="1669"/>
        <v>0.58029973174075933</v>
      </c>
      <c r="O7215" s="236">
        <f t="shared" si="1673"/>
        <v>2.2746959580587647</v>
      </c>
      <c r="P7215" s="236" t="str">
        <f t="shared" si="1674"/>
        <v>SAND</v>
      </c>
      <c r="Q7215" s="236" t="e">
        <f t="shared" si="1670"/>
        <v>#N/A</v>
      </c>
      <c r="R7215" s="238">
        <v>35</v>
      </c>
      <c r="S7215" s="236" t="e">
        <f t="shared" si="1675"/>
        <v>#N/A</v>
      </c>
      <c r="T7215" s="236">
        <f t="shared" si="1662"/>
        <v>33.208815727971363</v>
      </c>
    </row>
    <row r="7216" spans="2:20" x14ac:dyDescent="0.2">
      <c r="B7216" s="239">
        <v>71.884</v>
      </c>
      <c r="C7216" s="3">
        <f t="shared" si="1663"/>
        <v>71.876999999999995</v>
      </c>
      <c r="D7216" s="239">
        <v>20.424299999999999</v>
      </c>
      <c r="E7216" s="239">
        <v>0.10680000000000001</v>
      </c>
      <c r="F7216" s="239">
        <v>0.57499999999999996</v>
      </c>
      <c r="G7216">
        <f t="shared" si="1664"/>
        <v>20.539299999999997</v>
      </c>
      <c r="H7216" s="235">
        <f t="shared" si="1665"/>
        <v>0.51997877240217538</v>
      </c>
      <c r="I7216" s="236">
        <f t="shared" si="1666"/>
        <v>19.902912511141029</v>
      </c>
      <c r="J7216" s="237">
        <f t="shared" si="1671"/>
        <v>9.9029125111410288</v>
      </c>
      <c r="K7216" s="237">
        <f t="shared" si="1667"/>
        <v>1430.5616425632836</v>
      </c>
      <c r="L7216" s="237">
        <f t="shared" si="1672"/>
        <v>711.86096295086168</v>
      </c>
      <c r="M7216" s="236">
        <f t="shared" si="1668"/>
        <v>26.843357554297789</v>
      </c>
      <c r="N7216" s="236">
        <f t="shared" si="1669"/>
        <v>0.5589066007512512</v>
      </c>
      <c r="O7216" s="236">
        <f t="shared" si="1673"/>
        <v>2.258781145628308</v>
      </c>
      <c r="P7216" s="236" t="str">
        <f t="shared" si="1674"/>
        <v>SAND</v>
      </c>
      <c r="Q7216" s="236" t="e">
        <f t="shared" si="1670"/>
        <v>#N/A</v>
      </c>
      <c r="R7216" s="238">
        <v>35</v>
      </c>
      <c r="S7216" s="236" t="e">
        <f t="shared" si="1675"/>
        <v>#N/A</v>
      </c>
      <c r="T7216" s="236">
        <f t="shared" si="1662"/>
        <v>33.317205198641496</v>
      </c>
    </row>
    <row r="7217" spans="2:20" x14ac:dyDescent="0.2">
      <c r="B7217" s="239">
        <v>71.894000000000005</v>
      </c>
      <c r="C7217" s="3">
        <f t="shared" si="1663"/>
        <v>71.887</v>
      </c>
      <c r="D7217" s="239">
        <v>20.698799999999999</v>
      </c>
      <c r="E7217" s="239">
        <v>0.1071</v>
      </c>
      <c r="F7217" s="239">
        <v>0.5595</v>
      </c>
      <c r="G7217">
        <f t="shared" si="1664"/>
        <v>20.810699999999997</v>
      </c>
      <c r="H7217" s="235">
        <f t="shared" si="1665"/>
        <v>0.51463910392250145</v>
      </c>
      <c r="I7217" s="236">
        <f t="shared" si="1666"/>
        <v>19.911332645388494</v>
      </c>
      <c r="J7217" s="237">
        <f t="shared" si="1671"/>
        <v>9.9113326453884945</v>
      </c>
      <c r="K7217" s="237">
        <f t="shared" si="1667"/>
        <v>1431.3659698790427</v>
      </c>
      <c r="L7217" s="237">
        <f t="shared" si="1672"/>
        <v>712.56534920756053</v>
      </c>
      <c r="M7217" s="236">
        <f t="shared" si="1668"/>
        <v>27.196570885284544</v>
      </c>
      <c r="N7217" s="236">
        <f t="shared" si="1669"/>
        <v>0.5526505701049188</v>
      </c>
      <c r="O7217" s="236">
        <f t="shared" si="1673"/>
        <v>2.2515580939657465</v>
      </c>
      <c r="P7217" s="236" t="str">
        <f t="shared" si="1674"/>
        <v>SAND</v>
      </c>
      <c r="Q7217" s="236" t="e">
        <f t="shared" si="1670"/>
        <v>#N/A</v>
      </c>
      <c r="R7217" s="238">
        <v>35</v>
      </c>
      <c r="S7217" s="236" t="e">
        <f t="shared" si="1675"/>
        <v>#N/A</v>
      </c>
      <c r="T7217" s="236">
        <f t="shared" si="1662"/>
        <v>33.37965563796822</v>
      </c>
    </row>
    <row r="7218" spans="2:20" x14ac:dyDescent="0.2">
      <c r="B7218" s="239">
        <v>71.903999999999996</v>
      </c>
      <c r="C7218" s="3">
        <f t="shared" si="1663"/>
        <v>71.896999999999991</v>
      </c>
      <c r="D7218" s="239">
        <v>20.9572</v>
      </c>
      <c r="E7218" s="239">
        <v>0.1067</v>
      </c>
      <c r="F7218" s="239">
        <v>0.51500000000000001</v>
      </c>
      <c r="G7218">
        <f t="shared" si="1664"/>
        <v>21.060200000000002</v>
      </c>
      <c r="H7218" s="235">
        <f t="shared" si="1665"/>
        <v>0.50664286189115004</v>
      </c>
      <c r="I7218" s="236">
        <f t="shared" si="1666"/>
        <v>19.911603228894098</v>
      </c>
      <c r="J7218" s="237">
        <f t="shared" si="1671"/>
        <v>9.9116032288940978</v>
      </c>
      <c r="K7218" s="237">
        <f t="shared" si="1667"/>
        <v>1431.5845373477987</v>
      </c>
      <c r="L7218" s="237">
        <f t="shared" si="1672"/>
        <v>712.68391857040115</v>
      </c>
      <c r="M7218" s="236">
        <f t="shared" si="1668"/>
        <v>27.541824574947565</v>
      </c>
      <c r="N7218" s="236">
        <f t="shared" si="1669"/>
        <v>0.54359412258608064</v>
      </c>
      <c r="O7218" s="236">
        <f t="shared" si="1673"/>
        <v>2.2435417221809382</v>
      </c>
      <c r="P7218" s="236" t="str">
        <f t="shared" si="1674"/>
        <v>SAND</v>
      </c>
      <c r="Q7218" s="236" t="e">
        <f t="shared" si="1670"/>
        <v>#N/A</v>
      </c>
      <c r="R7218" s="238">
        <v>35</v>
      </c>
      <c r="S7218" s="236" t="e">
        <f t="shared" si="1675"/>
        <v>#N/A</v>
      </c>
      <c r="T7218" s="236">
        <f t="shared" si="1662"/>
        <v>33.439919785413906</v>
      </c>
    </row>
    <row r="7219" spans="2:20" x14ac:dyDescent="0.2">
      <c r="B7219" s="239">
        <v>71.914000000000001</v>
      </c>
      <c r="C7219" s="3">
        <f t="shared" si="1663"/>
        <v>71.906999999999996</v>
      </c>
      <c r="D7219" s="239">
        <v>21.119700000000002</v>
      </c>
      <c r="E7219" s="239">
        <v>0.1062</v>
      </c>
      <c r="F7219" s="239">
        <v>0.5282</v>
      </c>
      <c r="G7219">
        <f t="shared" si="1664"/>
        <v>21.225340000000003</v>
      </c>
      <c r="H7219" s="235">
        <f t="shared" si="1665"/>
        <v>0.50034534193562963</v>
      </c>
      <c r="I7219" s="236">
        <f t="shared" si="1666"/>
        <v>19.909148439776111</v>
      </c>
      <c r="J7219" s="237">
        <f t="shared" si="1671"/>
        <v>9.9091484397761107</v>
      </c>
      <c r="K7219" s="237">
        <f t="shared" si="1667"/>
        <v>1431.6071368589808</v>
      </c>
      <c r="L7219" s="237">
        <f t="shared" si="1672"/>
        <v>712.60650089805927</v>
      </c>
      <c r="M7219" s="236">
        <f t="shared" si="1668"/>
        <v>27.776525807996499</v>
      </c>
      <c r="N7219" s="236">
        <f t="shared" si="1669"/>
        <v>0.53653346104190758</v>
      </c>
      <c r="O7219" s="236">
        <f t="shared" si="1673"/>
        <v>2.2377924966558846</v>
      </c>
      <c r="P7219" s="236" t="str">
        <f t="shared" si="1674"/>
        <v>SAND</v>
      </c>
      <c r="Q7219" s="236" t="e">
        <f t="shared" si="1670"/>
        <v>#N/A</v>
      </c>
      <c r="R7219" s="238">
        <v>35</v>
      </c>
      <c r="S7219" s="236" t="e">
        <f t="shared" si="1675"/>
        <v>#N/A</v>
      </c>
      <c r="T7219" s="236">
        <f t="shared" si="1662"/>
        <v>33.480457172174745</v>
      </c>
    </row>
    <row r="7220" spans="2:20" x14ac:dyDescent="0.2">
      <c r="B7220" s="239">
        <v>71.924999999999997</v>
      </c>
      <c r="C7220" s="3">
        <f t="shared" si="1663"/>
        <v>71.917999999999992</v>
      </c>
      <c r="D7220" s="239">
        <v>21.175599999999999</v>
      </c>
      <c r="E7220" s="239">
        <v>0.1069</v>
      </c>
      <c r="F7220" s="239">
        <v>0.51239999999999997</v>
      </c>
      <c r="G7220">
        <f t="shared" si="1664"/>
        <v>21.278079999999999</v>
      </c>
      <c r="H7220" s="235">
        <f t="shared" si="1665"/>
        <v>0.50239495292808378</v>
      </c>
      <c r="I7220" s="236">
        <f t="shared" si="1666"/>
        <v>19.917822052097772</v>
      </c>
      <c r="J7220" s="237">
        <f t="shared" si="1671"/>
        <v>9.9178220520977725</v>
      </c>
      <c r="K7220" s="237">
        <f t="shared" si="1667"/>
        <v>1432.4499263427674</v>
      </c>
      <c r="L7220" s="237">
        <f t="shared" si="1672"/>
        <v>713.33935109713229</v>
      </c>
      <c r="M7220" s="236">
        <f t="shared" si="1668"/>
        <v>27.820742039723726</v>
      </c>
      <c r="N7220" s="236">
        <f t="shared" si="1669"/>
        <v>0.53865762690949948</v>
      </c>
      <c r="O7220" s="236">
        <f t="shared" si="1673"/>
        <v>2.2378959302273156</v>
      </c>
      <c r="P7220" s="236" t="str">
        <f t="shared" si="1674"/>
        <v>SAND</v>
      </c>
      <c r="Q7220" s="236" t="e">
        <f t="shared" si="1670"/>
        <v>#N/A</v>
      </c>
      <c r="R7220" s="238">
        <v>35</v>
      </c>
      <c r="S7220" s="236" t="e">
        <f t="shared" si="1675"/>
        <v>#N/A</v>
      </c>
      <c r="T7220" s="236">
        <f t="shared" si="1662"/>
        <v>33.488055803282279</v>
      </c>
    </row>
    <row r="7221" spans="2:20" x14ac:dyDescent="0.2">
      <c r="B7221" s="239">
        <v>71.935000000000002</v>
      </c>
      <c r="C7221" s="3">
        <f t="shared" si="1663"/>
        <v>71.927999999999997</v>
      </c>
      <c r="D7221" s="239">
        <v>21.13</v>
      </c>
      <c r="E7221" s="239">
        <v>0.1038</v>
      </c>
      <c r="F7221" s="239">
        <v>0.51870000000000005</v>
      </c>
      <c r="G7221">
        <f t="shared" si="1664"/>
        <v>21.233739999999997</v>
      </c>
      <c r="H7221" s="235">
        <f t="shared" si="1665"/>
        <v>0.48884464065209432</v>
      </c>
      <c r="I7221" s="236">
        <f t="shared" si="1666"/>
        <v>19.882499754603625</v>
      </c>
      <c r="J7221" s="237">
        <f t="shared" si="1671"/>
        <v>9.8824997546036251</v>
      </c>
      <c r="K7221" s="237">
        <f t="shared" si="1667"/>
        <v>1430.1084423491295</v>
      </c>
      <c r="L7221" s="237">
        <f t="shared" si="1672"/>
        <v>710.89761984741176</v>
      </c>
      <c r="M7221" s="236">
        <f t="shared" si="1668"/>
        <v>27.85722023081404</v>
      </c>
      <c r="N7221" s="236">
        <f t="shared" si="1669"/>
        <v>0.52414628952182385</v>
      </c>
      <c r="O7221" s="236">
        <f t="shared" si="1673"/>
        <v>2.2323637772289939</v>
      </c>
      <c r="P7221" s="236" t="str">
        <f t="shared" si="1674"/>
        <v>SAND</v>
      </c>
      <c r="Q7221" s="236" t="e">
        <f t="shared" si="1670"/>
        <v>#N/A</v>
      </c>
      <c r="R7221" s="238">
        <v>35</v>
      </c>
      <c r="S7221" s="236" t="e">
        <f t="shared" si="1675"/>
        <v>#N/A</v>
      </c>
      <c r="T7221" s="236">
        <f t="shared" si="1662"/>
        <v>33.494315553672962</v>
      </c>
    </row>
    <row r="7222" spans="2:20" x14ac:dyDescent="0.2">
      <c r="B7222" s="239">
        <v>71.944000000000003</v>
      </c>
      <c r="C7222" s="3">
        <f t="shared" si="1663"/>
        <v>71.936999999999998</v>
      </c>
      <c r="D7222" s="239">
        <v>21.018000000000001</v>
      </c>
      <c r="E7222" s="239">
        <v>0.10059999999999999</v>
      </c>
      <c r="F7222" s="239">
        <v>0.51839999999999997</v>
      </c>
      <c r="G7222">
        <f t="shared" si="1664"/>
        <v>21.121680000000001</v>
      </c>
      <c r="H7222" s="235">
        <f t="shared" si="1665"/>
        <v>0.47628787104056108</v>
      </c>
      <c r="I7222" s="236">
        <f t="shared" si="1666"/>
        <v>19.843713215102081</v>
      </c>
      <c r="J7222" s="237">
        <f t="shared" si="1671"/>
        <v>9.8437132151020812</v>
      </c>
      <c r="K7222" s="237">
        <f t="shared" si="1667"/>
        <v>1427.4971975547983</v>
      </c>
      <c r="L7222" s="237">
        <f t="shared" si="1672"/>
        <v>708.19610354730412</v>
      </c>
      <c r="M7222" s="236">
        <f t="shared" si="1668"/>
        <v>27.808939789132467</v>
      </c>
      <c r="N7222" s="236">
        <f t="shared" si="1669"/>
        <v>0.51081073537872124</v>
      </c>
      <c r="O7222" s="236">
        <f t="shared" si="1673"/>
        <v>2.2283615895309525</v>
      </c>
      <c r="P7222" s="236" t="str">
        <f t="shared" si="1674"/>
        <v>SAND</v>
      </c>
      <c r="Q7222" s="236" t="e">
        <f t="shared" si="1670"/>
        <v>#N/A</v>
      </c>
      <c r="R7222" s="238">
        <v>35</v>
      </c>
      <c r="S7222" s="236" t="e">
        <f t="shared" si="1675"/>
        <v>#N/A</v>
      </c>
      <c r="T7222" s="236">
        <f t="shared" si="1662"/>
        <v>33.486028749581585</v>
      </c>
    </row>
    <row r="7223" spans="2:20" x14ac:dyDescent="0.2">
      <c r="B7223" s="239">
        <v>71.953999999999994</v>
      </c>
      <c r="C7223" s="3">
        <f t="shared" si="1663"/>
        <v>71.946999999999989</v>
      </c>
      <c r="D7223" s="239">
        <v>20.961600000000001</v>
      </c>
      <c r="E7223" s="239">
        <v>9.7500000000000003E-2</v>
      </c>
      <c r="F7223" s="239">
        <v>0.52910000000000001</v>
      </c>
      <c r="G7223">
        <f t="shared" si="1664"/>
        <v>21.067420000000002</v>
      </c>
      <c r="H7223" s="235">
        <f t="shared" si="1665"/>
        <v>0.46279990620588562</v>
      </c>
      <c r="I7223" s="236">
        <f t="shared" si="1666"/>
        <v>19.806005734860783</v>
      </c>
      <c r="J7223" s="237">
        <f t="shared" si="1671"/>
        <v>9.8060057348607828</v>
      </c>
      <c r="K7223" s="237">
        <f t="shared" si="1667"/>
        <v>1424.9826946060284</v>
      </c>
      <c r="L7223" s="237">
        <f t="shared" si="1672"/>
        <v>705.58133664617264</v>
      </c>
      <c r="M7223" s="236">
        <f t="shared" si="1668"/>
        <v>27.838657692903311</v>
      </c>
      <c r="N7223" s="236">
        <f t="shared" si="1669"/>
        <v>0.49637424564020727</v>
      </c>
      <c r="O7223" s="236">
        <f t="shared" si="1673"/>
        <v>2.2227811655045313</v>
      </c>
      <c r="P7223" s="236" t="str">
        <f t="shared" si="1674"/>
        <v>SAND</v>
      </c>
      <c r="Q7223" s="236" t="e">
        <f t="shared" si="1670"/>
        <v>#N/A</v>
      </c>
      <c r="R7223" s="238">
        <v>35</v>
      </c>
      <c r="S7223" s="236" t="e">
        <f t="shared" si="1675"/>
        <v>#N/A</v>
      </c>
      <c r="T7223" s="236">
        <f t="shared" si="1662"/>
        <v>33.491131199921071</v>
      </c>
    </row>
    <row r="7224" spans="2:20" x14ac:dyDescent="0.2">
      <c r="B7224" s="239">
        <v>71.995000000000005</v>
      </c>
      <c r="C7224" s="3">
        <f t="shared" si="1663"/>
        <v>71.988</v>
      </c>
      <c r="D7224" s="239">
        <v>20.49</v>
      </c>
      <c r="E7224" s="239">
        <v>9.4399999999999998E-2</v>
      </c>
      <c r="F7224" s="239">
        <v>0.63239999999999996</v>
      </c>
      <c r="G7224">
        <f t="shared" si="1664"/>
        <v>20.616479999999999</v>
      </c>
      <c r="H7224" s="235">
        <f t="shared" si="1665"/>
        <v>0.45788611828983417</v>
      </c>
      <c r="I7224" s="236">
        <f t="shared" si="1666"/>
        <v>19.759660504336338</v>
      </c>
      <c r="J7224" s="237">
        <f t="shared" si="1671"/>
        <v>9.7596605043363382</v>
      </c>
      <c r="K7224" s="237">
        <f t="shared" si="1667"/>
        <v>1422.4584403861643</v>
      </c>
      <c r="L7224" s="237">
        <f t="shared" si="1672"/>
        <v>702.64675800969474</v>
      </c>
      <c r="M7224" s="236">
        <f t="shared" si="1668"/>
        <v>27.316743926895068</v>
      </c>
      <c r="N7224" s="236">
        <f t="shared" si="1669"/>
        <v>0.49181980809392828</v>
      </c>
      <c r="O7224" s="236">
        <f t="shared" si="1673"/>
        <v>2.2286322041646489</v>
      </c>
      <c r="P7224" s="236" t="str">
        <f t="shared" si="1674"/>
        <v>SAND</v>
      </c>
      <c r="Q7224" s="236" t="e">
        <f t="shared" si="1670"/>
        <v>#N/A</v>
      </c>
      <c r="R7224" s="238">
        <v>35</v>
      </c>
      <c r="S7224" s="236" t="e">
        <f t="shared" si="1675"/>
        <v>#N/A</v>
      </c>
      <c r="T7224" s="236">
        <f t="shared" si="1662"/>
        <v>33.400718246589676</v>
      </c>
    </row>
    <row r="7225" spans="2:20" x14ac:dyDescent="0.2">
      <c r="B7225" s="239">
        <v>72.004999999999995</v>
      </c>
      <c r="C7225" s="3">
        <f t="shared" si="1663"/>
        <v>71.99799999999999</v>
      </c>
      <c r="D7225" s="239">
        <v>20.6937</v>
      </c>
      <c r="E7225" s="239">
        <v>8.9700000000000002E-2</v>
      </c>
      <c r="F7225" s="239">
        <v>0.62619999999999998</v>
      </c>
      <c r="G7225">
        <f t="shared" si="1664"/>
        <v>20.818940000000001</v>
      </c>
      <c r="H7225" s="235">
        <f t="shared" si="1665"/>
        <v>0.43085767094770439</v>
      </c>
      <c r="I7225" s="236">
        <f t="shared" si="1666"/>
        <v>19.703595402803124</v>
      </c>
      <c r="J7225" s="237">
        <f t="shared" si="1671"/>
        <v>9.7035954028031242</v>
      </c>
      <c r="K7225" s="237">
        <f t="shared" si="1667"/>
        <v>1418.6194618110192</v>
      </c>
      <c r="L7225" s="237">
        <f t="shared" si="1672"/>
        <v>698.70738697883894</v>
      </c>
      <c r="M7225" s="236">
        <f t="shared" si="1668"/>
        <v>27.76601607444654</v>
      </c>
      <c r="N7225" s="236">
        <f t="shared" si="1669"/>
        <v>0.46236349457952564</v>
      </c>
      <c r="O7225" s="236">
        <f t="shared" si="1673"/>
        <v>2.2112989643190857</v>
      </c>
      <c r="P7225" s="236" t="str">
        <f t="shared" si="1674"/>
        <v>SAND</v>
      </c>
      <c r="Q7225" s="236" t="e">
        <f t="shared" si="1670"/>
        <v>#N/A</v>
      </c>
      <c r="R7225" s="238">
        <v>35</v>
      </c>
      <c r="S7225" s="236" t="e">
        <f t="shared" si="1675"/>
        <v>#N/A</v>
      </c>
      <c r="T7225" s="236">
        <f t="shared" si="1662"/>
        <v>33.478649278223379</v>
      </c>
    </row>
    <row r="7226" spans="2:20" x14ac:dyDescent="0.2">
      <c r="B7226" s="239">
        <v>72.016000000000005</v>
      </c>
      <c r="C7226" s="3">
        <f t="shared" si="1663"/>
        <v>72.009</v>
      </c>
      <c r="D7226" s="239">
        <v>20.867699999999999</v>
      </c>
      <c r="E7226" s="239">
        <v>8.6199999999999999E-2</v>
      </c>
      <c r="F7226" s="239">
        <v>0.62370000000000003</v>
      </c>
      <c r="G7226">
        <f t="shared" si="1664"/>
        <v>20.992439999999998</v>
      </c>
      <c r="H7226" s="235">
        <f t="shared" si="1665"/>
        <v>0.41062401512163432</v>
      </c>
      <c r="I7226" s="236">
        <f t="shared" si="1666"/>
        <v>19.660169300623469</v>
      </c>
      <c r="J7226" s="237">
        <f t="shared" si="1671"/>
        <v>9.660169300623469</v>
      </c>
      <c r="K7226" s="237">
        <f t="shared" si="1667"/>
        <v>1415.7091311685954</v>
      </c>
      <c r="L7226" s="237">
        <f t="shared" si="1672"/>
        <v>695.68675235369983</v>
      </c>
      <c r="M7226" s="236">
        <f t="shared" si="1668"/>
        <v>28.140151875248353</v>
      </c>
      <c r="N7226" s="236">
        <f t="shared" si="1669"/>
        <v>0.44031866493726562</v>
      </c>
      <c r="O7226" s="236">
        <f t="shared" si="1673"/>
        <v>2.197547551976486</v>
      </c>
      <c r="P7226" s="236" t="str">
        <f t="shared" si="1674"/>
        <v>SAND</v>
      </c>
      <c r="Q7226" s="236" t="e">
        <f t="shared" si="1670"/>
        <v>#N/A</v>
      </c>
      <c r="R7226" s="238">
        <v>35</v>
      </c>
      <c r="S7226" s="236" t="e">
        <f t="shared" si="1675"/>
        <v>#N/A</v>
      </c>
      <c r="T7226" s="236">
        <f t="shared" si="1662"/>
        <v>33.542590807399691</v>
      </c>
    </row>
    <row r="7227" spans="2:20" x14ac:dyDescent="0.2">
      <c r="B7227" s="239">
        <v>72.025999999999996</v>
      </c>
      <c r="C7227" s="3">
        <f t="shared" si="1663"/>
        <v>72.018999999999991</v>
      </c>
      <c r="D7227" s="239">
        <v>21.009499999999999</v>
      </c>
      <c r="E7227" s="239">
        <v>8.7499999999999994E-2</v>
      </c>
      <c r="F7227" s="239">
        <v>0.64380000000000004</v>
      </c>
      <c r="G7227">
        <f t="shared" si="1664"/>
        <v>21.138259999999999</v>
      </c>
      <c r="H7227" s="235">
        <f t="shared" si="1665"/>
        <v>0.4139413556271897</v>
      </c>
      <c r="I7227" s="236">
        <f t="shared" si="1666"/>
        <v>19.680427109409553</v>
      </c>
      <c r="J7227" s="237">
        <f t="shared" si="1671"/>
        <v>9.6804271094095533</v>
      </c>
      <c r="K7227" s="237">
        <f t="shared" si="1667"/>
        <v>1417.3646799925664</v>
      </c>
      <c r="L7227" s="237">
        <f t="shared" si="1672"/>
        <v>697.24244298233248</v>
      </c>
      <c r="M7227" s="236">
        <f t="shared" si="1668"/>
        <v>28.284129169840487</v>
      </c>
      <c r="N7227" s="236">
        <f t="shared" si="1669"/>
        <v>0.44369182321671097</v>
      </c>
      <c r="O7227" s="236">
        <f t="shared" si="1673"/>
        <v>2.1968157906241559</v>
      </c>
      <c r="P7227" s="236" t="str">
        <f t="shared" si="1674"/>
        <v>SAND</v>
      </c>
      <c r="Q7227" s="236" t="e">
        <f t="shared" si="1670"/>
        <v>#N/A</v>
      </c>
      <c r="R7227" s="238">
        <v>35</v>
      </c>
      <c r="S7227" s="236" t="e">
        <f t="shared" si="1675"/>
        <v>#N/A</v>
      </c>
      <c r="T7227" s="236">
        <f t="shared" si="1662"/>
        <v>33.566970931355129</v>
      </c>
    </row>
    <row r="7228" spans="2:20" x14ac:dyDescent="0.2">
      <c r="B7228" s="239">
        <v>72.036000000000001</v>
      </c>
      <c r="C7228" s="3">
        <f t="shared" si="1663"/>
        <v>72.028999999999996</v>
      </c>
      <c r="D7228" s="239">
        <v>21.088699999999999</v>
      </c>
      <c r="E7228" s="239">
        <v>8.77E-2</v>
      </c>
      <c r="F7228" s="239">
        <v>0.5877</v>
      </c>
      <c r="G7228">
        <f t="shared" si="1664"/>
        <v>21.206240000000001</v>
      </c>
      <c r="H7228" s="235">
        <f t="shared" si="1665"/>
        <v>0.4135575189189597</v>
      </c>
      <c r="I7228" s="236">
        <f t="shared" si="1666"/>
        <v>19.684359261445067</v>
      </c>
      <c r="J7228" s="237">
        <f t="shared" si="1671"/>
        <v>9.6843592614450671</v>
      </c>
      <c r="K7228" s="237">
        <f t="shared" si="1667"/>
        <v>1417.8447132426268</v>
      </c>
      <c r="L7228" s="237">
        <f t="shared" si="1672"/>
        <v>697.62250375745691</v>
      </c>
      <c r="M7228" s="236">
        <f t="shared" si="1668"/>
        <v>28.365477289186224</v>
      </c>
      <c r="N7228" s="236">
        <f t="shared" si="1669"/>
        <v>0.44318904453404501</v>
      </c>
      <c r="O7228" s="236">
        <f t="shared" si="1673"/>
        <v>2.1954754204019182</v>
      </c>
      <c r="P7228" s="236" t="str">
        <f t="shared" si="1674"/>
        <v>SAND</v>
      </c>
      <c r="Q7228" s="236" t="e">
        <f t="shared" si="1670"/>
        <v>#N/A</v>
      </c>
      <c r="R7228" s="238">
        <v>35</v>
      </c>
      <c r="S7228" s="236" t="e">
        <f t="shared" si="1675"/>
        <v>#N/A</v>
      </c>
      <c r="T7228" s="236">
        <f t="shared" si="1662"/>
        <v>33.58069105137735</v>
      </c>
    </row>
    <row r="7229" spans="2:20" x14ac:dyDescent="0.2">
      <c r="B7229" s="239">
        <v>72.046000000000006</v>
      </c>
      <c r="C7229" s="3">
        <f t="shared" si="1663"/>
        <v>72.039000000000001</v>
      </c>
      <c r="D7229" s="239">
        <v>21.164000000000001</v>
      </c>
      <c r="E7229" s="239">
        <v>8.6300000000000002E-2</v>
      </c>
      <c r="F7229" s="239">
        <v>0.60109999999999997</v>
      </c>
      <c r="G7229">
        <f t="shared" si="1664"/>
        <v>21.284220000000001</v>
      </c>
      <c r="H7229" s="235">
        <f t="shared" si="1665"/>
        <v>0.40546470577733174</v>
      </c>
      <c r="I7229" s="236">
        <f t="shared" si="1666"/>
        <v>19.66692416815857</v>
      </c>
      <c r="J7229" s="237">
        <f t="shared" si="1671"/>
        <v>9.6669241681585696</v>
      </c>
      <c r="K7229" s="237">
        <f t="shared" si="1667"/>
        <v>1416.7855501499753</v>
      </c>
      <c r="L7229" s="237">
        <f t="shared" si="1672"/>
        <v>696.46321861915237</v>
      </c>
      <c r="M7229" s="236">
        <f t="shared" si="1668"/>
        <v>28.526179012353776</v>
      </c>
      <c r="N7229" s="236">
        <f t="shared" si="1669"/>
        <v>0.43437918578687679</v>
      </c>
      <c r="O7229" s="236">
        <f t="shared" si="1673"/>
        <v>2.1897905313828594</v>
      </c>
      <c r="P7229" s="236" t="str">
        <f t="shared" si="1674"/>
        <v>SAND</v>
      </c>
      <c r="Q7229" s="236" t="e">
        <f t="shared" si="1670"/>
        <v>#N/A</v>
      </c>
      <c r="R7229" s="238">
        <v>35</v>
      </c>
      <c r="S7229" s="236" t="e">
        <f t="shared" si="1675"/>
        <v>#N/A</v>
      </c>
      <c r="T7229" s="236">
        <f t="shared" si="1662"/>
        <v>33.607679635623086</v>
      </c>
    </row>
    <row r="7230" spans="2:20" x14ac:dyDescent="0.2">
      <c r="B7230" s="239">
        <v>72.057000000000002</v>
      </c>
      <c r="C7230" s="3">
        <f t="shared" si="1663"/>
        <v>72.05</v>
      </c>
      <c r="D7230" s="239">
        <v>21.178000000000001</v>
      </c>
      <c r="E7230" s="239">
        <v>8.7800000000000003E-2</v>
      </c>
      <c r="F7230" s="239">
        <v>0.5847</v>
      </c>
      <c r="G7230">
        <f t="shared" si="1664"/>
        <v>21.29494</v>
      </c>
      <c r="H7230" s="235">
        <f t="shared" si="1665"/>
        <v>0.41230451928955891</v>
      </c>
      <c r="I7230" s="236">
        <f t="shared" si="1666"/>
        <v>19.68732702600942</v>
      </c>
      <c r="J7230" s="237">
        <f t="shared" si="1671"/>
        <v>9.6873270260094202</v>
      </c>
      <c r="K7230" s="237">
        <f t="shared" si="1667"/>
        <v>1418.4719122239787</v>
      </c>
      <c r="L7230" s="237">
        <f t="shared" si="1672"/>
        <v>698.03972351316077</v>
      </c>
      <c r="M7230" s="236">
        <f t="shared" si="1668"/>
        <v>28.474694803527566</v>
      </c>
      <c r="N7230" s="236">
        <f t="shared" si="1669"/>
        <v>0.44172837755816791</v>
      </c>
      <c r="O7230" s="236">
        <f t="shared" si="1673"/>
        <v>2.1933761423614482</v>
      </c>
      <c r="P7230" s="236" t="str">
        <f t="shared" si="1674"/>
        <v>SAND</v>
      </c>
      <c r="Q7230" s="236" t="e">
        <f t="shared" si="1670"/>
        <v>#N/A</v>
      </c>
      <c r="R7230" s="238">
        <v>35</v>
      </c>
      <c r="S7230" s="236" t="e">
        <f t="shared" si="1675"/>
        <v>#N/A</v>
      </c>
      <c r="T7230" s="236">
        <f t="shared" si="1662"/>
        <v>33.599049857298652</v>
      </c>
    </row>
    <row r="7231" spans="2:20" x14ac:dyDescent="0.2">
      <c r="B7231" s="239">
        <v>72.066999999999993</v>
      </c>
      <c r="C7231" s="3">
        <f t="shared" si="1663"/>
        <v>72.059999999999988</v>
      </c>
      <c r="D7231" s="239">
        <v>21.141400000000001</v>
      </c>
      <c r="E7231" s="239">
        <v>8.8499999999999995E-2</v>
      </c>
      <c r="F7231" s="239">
        <v>0.5615</v>
      </c>
      <c r="G7231">
        <f t="shared" si="1664"/>
        <v>21.253700000000002</v>
      </c>
      <c r="H7231" s="235">
        <f t="shared" si="1665"/>
        <v>0.41639808598032335</v>
      </c>
      <c r="I7231" s="236">
        <f t="shared" si="1666"/>
        <v>19.695880976790068</v>
      </c>
      <c r="J7231" s="237">
        <f t="shared" si="1671"/>
        <v>9.6958809767900682</v>
      </c>
      <c r="K7231" s="237">
        <f t="shared" si="1667"/>
        <v>1419.2851831874921</v>
      </c>
      <c r="L7231" s="237">
        <f t="shared" si="1672"/>
        <v>698.75305435432983</v>
      </c>
      <c r="M7231" s="236">
        <f t="shared" si="1668"/>
        <v>28.385442744347134</v>
      </c>
      <c r="N7231" s="236">
        <f t="shared" si="1669"/>
        <v>0.4461941570617125</v>
      </c>
      <c r="O7231" s="236">
        <f t="shared" si="1673"/>
        <v>2.1963548989134027</v>
      </c>
      <c r="P7231" s="236" t="str">
        <f t="shared" si="1674"/>
        <v>SAND</v>
      </c>
      <c r="Q7231" s="236" t="e">
        <f t="shared" si="1670"/>
        <v>#N/A</v>
      </c>
      <c r="R7231" s="238">
        <v>35</v>
      </c>
      <c r="S7231" s="236" t="e">
        <f t="shared" si="1675"/>
        <v>#N/A</v>
      </c>
      <c r="T7231" s="236">
        <f t="shared" si="1662"/>
        <v>33.584052398151442</v>
      </c>
    </row>
    <row r="7232" spans="2:20" x14ac:dyDescent="0.2">
      <c r="B7232" s="239">
        <v>72.075999999999993</v>
      </c>
      <c r="C7232" s="3">
        <f t="shared" si="1663"/>
        <v>72.068999999999988</v>
      </c>
      <c r="D7232" s="239">
        <v>21.004100000000001</v>
      </c>
      <c r="E7232" s="239">
        <v>8.9599999999999999E-2</v>
      </c>
      <c r="F7232" s="239">
        <v>0.55940000000000001</v>
      </c>
      <c r="G7232">
        <f t="shared" si="1664"/>
        <v>21.11598</v>
      </c>
      <c r="H7232" s="235">
        <f t="shared" si="1665"/>
        <v>0.42432319030421506</v>
      </c>
      <c r="I7232" s="236">
        <f t="shared" si="1666"/>
        <v>19.707824798258621</v>
      </c>
      <c r="J7232" s="237">
        <f t="shared" si="1671"/>
        <v>9.7078247982586205</v>
      </c>
      <c r="K7232" s="237">
        <f t="shared" si="1667"/>
        <v>1420.3232253857002</v>
      </c>
      <c r="L7232" s="237">
        <f t="shared" si="1672"/>
        <v>699.70118015928824</v>
      </c>
      <c r="M7232" s="236">
        <f t="shared" si="1668"/>
        <v>28.148668793341965</v>
      </c>
      <c r="N7232" s="236">
        <f t="shared" si="1669"/>
        <v>0.45492263104160757</v>
      </c>
      <c r="O7232" s="236">
        <f t="shared" si="1673"/>
        <v>2.2030353749834468</v>
      </c>
      <c r="P7232" s="236" t="str">
        <f t="shared" si="1674"/>
        <v>SAND</v>
      </c>
      <c r="Q7232" s="236" t="e">
        <f t="shared" si="1670"/>
        <v>#N/A</v>
      </c>
      <c r="R7232" s="238">
        <v>35</v>
      </c>
      <c r="S7232" s="236" t="e">
        <f t="shared" si="1675"/>
        <v>#N/A</v>
      </c>
      <c r="T7232" s="236">
        <f t="shared" si="1662"/>
        <v>33.54403647123371</v>
      </c>
    </row>
    <row r="7233" spans="2:20" x14ac:dyDescent="0.2">
      <c r="B7233" s="239">
        <v>72.087999999999994</v>
      </c>
      <c r="C7233" s="3">
        <f t="shared" si="1663"/>
        <v>72.080999999999989</v>
      </c>
      <c r="D7233" s="239">
        <v>20.780899999999999</v>
      </c>
      <c r="E7233" s="239">
        <v>8.9700000000000002E-2</v>
      </c>
      <c r="F7233" s="239">
        <v>0.54679999999999995</v>
      </c>
      <c r="G7233">
        <f t="shared" si="1664"/>
        <v>20.890259999999998</v>
      </c>
      <c r="H7233" s="235">
        <f t="shared" si="1665"/>
        <v>0.42938670940428703</v>
      </c>
      <c r="I7233" s="236">
        <f t="shared" si="1666"/>
        <v>19.704932111317003</v>
      </c>
      <c r="J7233" s="237">
        <f t="shared" si="1671"/>
        <v>9.7049321113170031</v>
      </c>
      <c r="K7233" s="237">
        <f t="shared" si="1667"/>
        <v>1420.3512115158408</v>
      </c>
      <c r="L7233" s="237">
        <f t="shared" si="1672"/>
        <v>699.60914604062009</v>
      </c>
      <c r="M7233" s="236">
        <f t="shared" si="1668"/>
        <v>27.82969447822758</v>
      </c>
      <c r="N7233" s="236">
        <f t="shared" si="1669"/>
        <v>0.46071094104485355</v>
      </c>
      <c r="O7233" s="236">
        <f t="shared" si="1673"/>
        <v>2.2097651518093939</v>
      </c>
      <c r="P7233" s="236" t="str">
        <f t="shared" si="1674"/>
        <v>SAND</v>
      </c>
      <c r="Q7233" s="236" t="e">
        <f t="shared" si="1670"/>
        <v>#N/A</v>
      </c>
      <c r="R7233" s="238">
        <v>35</v>
      </c>
      <c r="S7233" s="236" t="e">
        <f t="shared" si="1675"/>
        <v>#N/A</v>
      </c>
      <c r="T7233" s="236">
        <f t="shared" si="1662"/>
        <v>33.489592824161356</v>
      </c>
    </row>
    <row r="7234" spans="2:20" x14ac:dyDescent="0.2">
      <c r="B7234" s="239">
        <v>72.097999999999999</v>
      </c>
      <c r="C7234" s="3">
        <f t="shared" si="1663"/>
        <v>72.090999999999994</v>
      </c>
      <c r="D7234" s="239">
        <v>20.514700000000001</v>
      </c>
      <c r="E7234" s="239">
        <v>9.11E-2</v>
      </c>
      <c r="F7234" s="239">
        <v>0.54890000000000005</v>
      </c>
      <c r="G7234">
        <f t="shared" si="1664"/>
        <v>20.624480000000002</v>
      </c>
      <c r="H7234" s="235">
        <f t="shared" si="1665"/>
        <v>0.44170810609528094</v>
      </c>
      <c r="I7234" s="236">
        <f t="shared" si="1666"/>
        <v>19.718087379048512</v>
      </c>
      <c r="J7234" s="237">
        <f t="shared" si="1671"/>
        <v>9.7180873790485123</v>
      </c>
      <c r="K7234" s="237">
        <f t="shared" si="1667"/>
        <v>1421.4966372429863</v>
      </c>
      <c r="L7234" s="237">
        <f t="shared" si="1672"/>
        <v>700.65466385463958</v>
      </c>
      <c r="M7234" s="236">
        <f t="shared" si="1668"/>
        <v>27.407201226795717</v>
      </c>
      <c r="N7234" s="236">
        <f t="shared" si="1669"/>
        <v>0.47440545189807709</v>
      </c>
      <c r="O7234" s="236">
        <f t="shared" si="1673"/>
        <v>2.220958837502093</v>
      </c>
      <c r="P7234" s="236" t="str">
        <f t="shared" si="1674"/>
        <v>SAND</v>
      </c>
      <c r="Q7234" s="236" t="e">
        <f t="shared" si="1670"/>
        <v>#N/A</v>
      </c>
      <c r="R7234" s="238">
        <v>35</v>
      </c>
      <c r="S7234" s="236" t="e">
        <f t="shared" si="1675"/>
        <v>#N/A</v>
      </c>
      <c r="T7234" s="236">
        <f t="shared" si="1662"/>
        <v>33.416511572911737</v>
      </c>
    </row>
    <row r="7235" spans="2:20" x14ac:dyDescent="0.2">
      <c r="B7235" s="239">
        <v>72.108000000000004</v>
      </c>
      <c r="C7235" s="3">
        <f t="shared" si="1663"/>
        <v>72.100999999999999</v>
      </c>
      <c r="D7235" s="239">
        <v>20.121600000000001</v>
      </c>
      <c r="E7235" s="239">
        <v>9.0700000000000003E-2</v>
      </c>
      <c r="F7235" s="239">
        <v>0.55549999999999999</v>
      </c>
      <c r="G7235">
        <f t="shared" si="1664"/>
        <v>20.232700000000001</v>
      </c>
      <c r="H7235" s="235">
        <f t="shared" si="1665"/>
        <v>0.44828421317965467</v>
      </c>
      <c r="I7235" s="236">
        <f t="shared" si="1666"/>
        <v>19.705431187318201</v>
      </c>
      <c r="J7235" s="237">
        <f t="shared" si="1671"/>
        <v>9.7054311873182009</v>
      </c>
      <c r="K7235" s="237">
        <f t="shared" si="1667"/>
        <v>1420.7812940368296</v>
      </c>
      <c r="L7235" s="237">
        <f t="shared" si="1672"/>
        <v>699.83923205514088</v>
      </c>
      <c r="M7235" s="236">
        <f t="shared" si="1668"/>
        <v>26.880343147840222</v>
      </c>
      <c r="N7235" s="236">
        <f t="shared" si="1669"/>
        <v>0.48214114369550781</v>
      </c>
      <c r="O7235" s="236">
        <f t="shared" si="1673"/>
        <v>2.2315084416055195</v>
      </c>
      <c r="P7235" s="236" t="str">
        <f t="shared" si="1674"/>
        <v>SAND</v>
      </c>
      <c r="Q7235" s="236" t="e">
        <f t="shared" si="1670"/>
        <v>#N/A</v>
      </c>
      <c r="R7235" s="238">
        <v>35</v>
      </c>
      <c r="S7235" s="236" t="e">
        <f t="shared" si="1675"/>
        <v>#N/A</v>
      </c>
      <c r="T7235" s="236">
        <f t="shared" si="1662"/>
        <v>33.323782893649252</v>
      </c>
    </row>
    <row r="7236" spans="2:20" x14ac:dyDescent="0.2">
      <c r="B7236" s="239">
        <v>72.119</v>
      </c>
      <c r="C7236" s="3">
        <f t="shared" si="1663"/>
        <v>72.111999999999995</v>
      </c>
      <c r="D7236" s="239">
        <v>20.074999999999999</v>
      </c>
      <c r="E7236" s="239">
        <v>8.9700000000000002E-2</v>
      </c>
      <c r="F7236" s="239">
        <v>0.57310000000000005</v>
      </c>
      <c r="G7236">
        <f t="shared" si="1664"/>
        <v>20.189619999999998</v>
      </c>
      <c r="H7236" s="235">
        <f t="shared" si="1665"/>
        <v>0.44428770823819375</v>
      </c>
      <c r="I7236" s="236">
        <f t="shared" si="1666"/>
        <v>19.691597981033148</v>
      </c>
      <c r="J7236" s="237">
        <f t="shared" si="1671"/>
        <v>9.6915979810331478</v>
      </c>
      <c r="K7236" s="237">
        <f t="shared" si="1667"/>
        <v>1420.0005136082623</v>
      </c>
      <c r="L7236" s="237">
        <f t="shared" si="1672"/>
        <v>698.94835479412961</v>
      </c>
      <c r="M7236" s="236">
        <f t="shared" si="1668"/>
        <v>26.854086367969487</v>
      </c>
      <c r="N7236" s="236">
        <f t="shared" si="1669"/>
        <v>0.47789993859509983</v>
      </c>
      <c r="O7236" s="236">
        <f t="shared" si="1673"/>
        <v>2.2303465240849092</v>
      </c>
      <c r="P7236" s="236" t="str">
        <f t="shared" si="1674"/>
        <v>SAND</v>
      </c>
      <c r="Q7236" s="236" t="e">
        <f t="shared" si="1670"/>
        <v>#N/A</v>
      </c>
      <c r="R7236" s="238">
        <v>35</v>
      </c>
      <c r="S7236" s="236" t="e">
        <f t="shared" si="1675"/>
        <v>#N/A</v>
      </c>
      <c r="T7236" s="236">
        <f t="shared" si="1662"/>
        <v>33.319114194946089</v>
      </c>
    </row>
    <row r="7237" spans="2:20" x14ac:dyDescent="0.2">
      <c r="B7237" s="239">
        <v>72.129000000000005</v>
      </c>
      <c r="C7237" s="3">
        <f t="shared" si="1663"/>
        <v>72.122</v>
      </c>
      <c r="D7237" s="239">
        <v>20.074400000000001</v>
      </c>
      <c r="E7237" s="239">
        <v>8.7999999999999995E-2</v>
      </c>
      <c r="F7237" s="239">
        <v>0.5927</v>
      </c>
      <c r="G7237">
        <f t="shared" si="1664"/>
        <v>20.19294</v>
      </c>
      <c r="H7237" s="235">
        <f t="shared" si="1665"/>
        <v>0.4357958771729129</v>
      </c>
      <c r="I7237" s="236">
        <f t="shared" si="1666"/>
        <v>19.669225868547272</v>
      </c>
      <c r="J7237" s="237">
        <f t="shared" si="1671"/>
        <v>9.6692258685472723</v>
      </c>
      <c r="K7237" s="237">
        <f t="shared" si="1667"/>
        <v>1418.5839080913663</v>
      </c>
      <c r="L7237" s="237">
        <f t="shared" si="1672"/>
        <v>697.4315926724463</v>
      </c>
      <c r="M7237" s="236">
        <f t="shared" si="1668"/>
        <v>26.919279667226295</v>
      </c>
      <c r="N7237" s="236">
        <f t="shared" si="1669"/>
        <v>0.46872446420639802</v>
      </c>
      <c r="O7237" s="236">
        <f t="shared" si="1673"/>
        <v>2.2259998651231405</v>
      </c>
      <c r="P7237" s="236" t="str">
        <f t="shared" si="1674"/>
        <v>SAND</v>
      </c>
      <c r="Q7237" s="236" t="e">
        <f t="shared" si="1670"/>
        <v>#N/A</v>
      </c>
      <c r="R7237" s="238">
        <v>35</v>
      </c>
      <c r="S7237" s="236" t="e">
        <f t="shared" si="1675"/>
        <v>#N/A</v>
      </c>
      <c r="T7237" s="236">
        <f t="shared" si="1662"/>
        <v>33.330697778676182</v>
      </c>
    </row>
    <row r="7238" spans="2:20" x14ac:dyDescent="0.2">
      <c r="B7238" s="239">
        <v>72.138999999999996</v>
      </c>
      <c r="C7238" s="3">
        <f t="shared" si="1663"/>
        <v>72.131999999999991</v>
      </c>
      <c r="D7238" s="239">
        <v>20.190999999999999</v>
      </c>
      <c r="E7238" s="239">
        <v>8.7400000000000005E-2</v>
      </c>
      <c r="F7238" s="239">
        <v>0.59519999999999995</v>
      </c>
      <c r="G7238">
        <f t="shared" si="1664"/>
        <v>20.310039999999997</v>
      </c>
      <c r="H7238" s="235">
        <f t="shared" si="1665"/>
        <v>0.43032903923379778</v>
      </c>
      <c r="I7238" s="236">
        <f t="shared" si="1666"/>
        <v>19.663463623357138</v>
      </c>
      <c r="J7238" s="237">
        <f t="shared" si="1671"/>
        <v>9.6634636233571385</v>
      </c>
      <c r="K7238" s="237">
        <f t="shared" si="1667"/>
        <v>1418.364958079997</v>
      </c>
      <c r="L7238" s="237">
        <f t="shared" si="1672"/>
        <v>697.11260232536063</v>
      </c>
      <c r="M7238" s="236">
        <f t="shared" si="1668"/>
        <v>27.099890288746728</v>
      </c>
      <c r="N7238" s="236">
        <f t="shared" si="1669"/>
        <v>0.46263764227397686</v>
      </c>
      <c r="O7238" s="236">
        <f t="shared" si="1673"/>
        <v>2.2210702016906181</v>
      </c>
      <c r="P7238" s="236" t="str">
        <f t="shared" si="1674"/>
        <v>SAND</v>
      </c>
      <c r="Q7238" s="236" t="e">
        <f t="shared" si="1670"/>
        <v>#N/A</v>
      </c>
      <c r="R7238" s="238">
        <v>35</v>
      </c>
      <c r="S7238" s="236" t="e">
        <f t="shared" si="1675"/>
        <v>#N/A</v>
      </c>
      <c r="T7238" s="236">
        <f t="shared" si="1662"/>
        <v>33.362642859471904</v>
      </c>
    </row>
    <row r="7239" spans="2:20" x14ac:dyDescent="0.2">
      <c r="B7239" s="239">
        <v>72.149000000000001</v>
      </c>
      <c r="C7239" s="3">
        <f t="shared" si="1663"/>
        <v>72.141999999999996</v>
      </c>
      <c r="D7239" s="239">
        <v>20.248899999999999</v>
      </c>
      <c r="E7239" s="239">
        <v>9.1600000000000001E-2</v>
      </c>
      <c r="F7239" s="239">
        <v>0.6099</v>
      </c>
      <c r="G7239">
        <f t="shared" si="1664"/>
        <v>20.37088</v>
      </c>
      <c r="H7239" s="235">
        <f t="shared" si="1665"/>
        <v>0.44966147756012503</v>
      </c>
      <c r="I7239" s="236">
        <f t="shared" si="1666"/>
        <v>19.719669644697571</v>
      </c>
      <c r="J7239" s="237">
        <f t="shared" si="1671"/>
        <v>9.7196696446975714</v>
      </c>
      <c r="K7239" s="237">
        <f t="shared" si="1667"/>
        <v>1422.616407507772</v>
      </c>
      <c r="L7239" s="237">
        <f t="shared" si="1672"/>
        <v>701.26444519528513</v>
      </c>
      <c r="M7239" s="236">
        <f t="shared" si="1668"/>
        <v>27.020140151573774</v>
      </c>
      <c r="N7239" s="236">
        <f t="shared" si="1669"/>
        <v>0.48342160511369592</v>
      </c>
      <c r="O7239" s="236">
        <f t="shared" si="1673"/>
        <v>2.2299154841421998</v>
      </c>
      <c r="P7239" s="236" t="str">
        <f t="shared" si="1674"/>
        <v>SAND</v>
      </c>
      <c r="Q7239" s="236" t="e">
        <f t="shared" si="1670"/>
        <v>#N/A</v>
      </c>
      <c r="R7239" s="238">
        <v>35</v>
      </c>
      <c r="S7239" s="236" t="e">
        <f t="shared" si="1675"/>
        <v>#N/A</v>
      </c>
      <c r="T7239" s="236">
        <f t="shared" si="1662"/>
        <v>33.348563570815926</v>
      </c>
    </row>
    <row r="7240" spans="2:20" x14ac:dyDescent="0.2">
      <c r="B7240" s="239">
        <v>72.16</v>
      </c>
      <c r="C7240" s="3">
        <f t="shared" si="1663"/>
        <v>72.152999999999992</v>
      </c>
      <c r="D7240" s="239">
        <v>20.5503</v>
      </c>
      <c r="E7240" s="239">
        <v>9.8699999999999996E-2</v>
      </c>
      <c r="F7240" s="239">
        <v>0.62490000000000001</v>
      </c>
      <c r="G7240">
        <f t="shared" si="1664"/>
        <v>20.675280000000001</v>
      </c>
      <c r="H7240" s="235">
        <f t="shared" si="1665"/>
        <v>0.47738168479459525</v>
      </c>
      <c r="I7240" s="236">
        <f t="shared" si="1666"/>
        <v>19.813005626413108</v>
      </c>
      <c r="J7240" s="237">
        <f t="shared" si="1671"/>
        <v>9.8130056264131085</v>
      </c>
      <c r="K7240" s="237">
        <f t="shared" si="1667"/>
        <v>1429.5677949625849</v>
      </c>
      <c r="L7240" s="237">
        <f t="shared" si="1672"/>
        <v>708.10648600196987</v>
      </c>
      <c r="M7240" s="236">
        <f t="shared" si="1668"/>
        <v>27.179121481714372</v>
      </c>
      <c r="N7240" s="236">
        <f t="shared" si="1669"/>
        <v>0.5128415043750163</v>
      </c>
      <c r="O7240" s="236">
        <f t="shared" si="1673"/>
        <v>2.2381255850425719</v>
      </c>
      <c r="P7240" s="236" t="str">
        <f t="shared" si="1674"/>
        <v>SAND</v>
      </c>
      <c r="Q7240" s="236" t="e">
        <f t="shared" si="1670"/>
        <v>#N/A</v>
      </c>
      <c r="R7240" s="238">
        <v>35</v>
      </c>
      <c r="S7240" s="236" t="e">
        <f t="shared" si="1675"/>
        <v>#N/A</v>
      </c>
      <c r="T7240" s="236">
        <f t="shared" si="1662"/>
        <v>33.376589562825231</v>
      </c>
    </row>
    <row r="7241" spans="2:20" x14ac:dyDescent="0.2">
      <c r="B7241" s="239">
        <v>72.168999999999997</v>
      </c>
      <c r="C7241" s="3">
        <f t="shared" si="1663"/>
        <v>72.161999999999992</v>
      </c>
      <c r="D7241" s="239">
        <v>20.897099999999998</v>
      </c>
      <c r="E7241" s="239">
        <v>0.1033</v>
      </c>
      <c r="F7241" s="239">
        <v>0.63280000000000003</v>
      </c>
      <c r="G7241">
        <f t="shared" si="1664"/>
        <v>21.02366</v>
      </c>
      <c r="H7241" s="235">
        <f t="shared" si="1665"/>
        <v>0.49135117291660918</v>
      </c>
      <c r="I7241" s="236">
        <f t="shared" si="1666"/>
        <v>19.872951414459123</v>
      </c>
      <c r="J7241" s="237">
        <f t="shared" si="1671"/>
        <v>9.8729514144591235</v>
      </c>
      <c r="K7241" s="237">
        <f t="shared" si="1667"/>
        <v>1434.0719199701991</v>
      </c>
      <c r="L7241" s="237">
        <f t="shared" si="1672"/>
        <v>712.52103063010043</v>
      </c>
      <c r="M7241" s="236">
        <f t="shared" si="1668"/>
        <v>27.493347196652188</v>
      </c>
      <c r="N7241" s="236">
        <f t="shared" si="1669"/>
        <v>0.52732093997069307</v>
      </c>
      <c r="O7241" s="236">
        <f t="shared" si="1673"/>
        <v>2.2386473174888954</v>
      </c>
      <c r="P7241" s="236" t="str">
        <f t="shared" si="1674"/>
        <v>SAND</v>
      </c>
      <c r="Q7241" s="236" t="e">
        <f t="shared" si="1670"/>
        <v>#N/A</v>
      </c>
      <c r="R7241" s="238">
        <v>35</v>
      </c>
      <c r="S7241" s="236" t="e">
        <f t="shared" si="1675"/>
        <v>#N/A</v>
      </c>
      <c r="T7241" s="236">
        <f t="shared" si="1662"/>
        <v>33.431503782002295</v>
      </c>
    </row>
    <row r="7242" spans="2:20" x14ac:dyDescent="0.2">
      <c r="B7242" s="239">
        <v>72.179000000000002</v>
      </c>
      <c r="C7242" s="3">
        <f t="shared" si="1663"/>
        <v>72.171999999999997</v>
      </c>
      <c r="D7242" s="239">
        <v>21.3462</v>
      </c>
      <c r="E7242" s="239">
        <v>0.1023</v>
      </c>
      <c r="F7242" s="239">
        <v>0.58550000000000002</v>
      </c>
      <c r="G7242">
        <f t="shared" si="1664"/>
        <v>21.4633</v>
      </c>
      <c r="H7242" s="235">
        <f t="shared" si="1665"/>
        <v>0.47662754562439136</v>
      </c>
      <c r="I7242" s="236">
        <f t="shared" si="1666"/>
        <v>19.869634111712521</v>
      </c>
      <c r="J7242" s="237">
        <f t="shared" si="1671"/>
        <v>9.8696341117125215</v>
      </c>
      <c r="K7242" s="237">
        <f t="shared" si="1667"/>
        <v>1434.031233110516</v>
      </c>
      <c r="L7242" s="237">
        <f t="shared" si="1672"/>
        <v>712.38032054929806</v>
      </c>
      <c r="M7242" s="236">
        <f t="shared" si="1668"/>
        <v>28.115977082923109</v>
      </c>
      <c r="N7242" s="236">
        <f t="shared" si="1669"/>
        <v>0.51075254514090296</v>
      </c>
      <c r="O7242" s="236">
        <f t="shared" si="1673"/>
        <v>2.2240065313599375</v>
      </c>
      <c r="P7242" s="236" t="str">
        <f t="shared" si="1674"/>
        <v>SAND</v>
      </c>
      <c r="Q7242" s="236" t="e">
        <f t="shared" si="1670"/>
        <v>#N/A</v>
      </c>
      <c r="R7242" s="238">
        <v>35</v>
      </c>
      <c r="S7242" s="236" t="e">
        <f t="shared" si="1675"/>
        <v>#N/A</v>
      </c>
      <c r="T7242" s="236">
        <f t="shared" si="1662"/>
        <v>33.538484987207802</v>
      </c>
    </row>
    <row r="7243" spans="2:20" x14ac:dyDescent="0.2">
      <c r="B7243" s="239">
        <v>72.188999999999993</v>
      </c>
      <c r="C7243" s="3">
        <f t="shared" si="1663"/>
        <v>72.181999999999988</v>
      </c>
      <c r="D7243" s="239">
        <v>21.808800000000002</v>
      </c>
      <c r="E7243" s="239">
        <v>0.1036</v>
      </c>
      <c r="F7243" s="239">
        <v>0.56479999999999997</v>
      </c>
      <c r="G7243">
        <f t="shared" si="1664"/>
        <v>21.921760000000003</v>
      </c>
      <c r="H7243" s="235">
        <f t="shared" si="1665"/>
        <v>0.4725897920604914</v>
      </c>
      <c r="I7243" s="236">
        <f t="shared" si="1666"/>
        <v>19.892702270882491</v>
      </c>
      <c r="J7243" s="237">
        <f t="shared" si="1671"/>
        <v>9.8927022708824914</v>
      </c>
      <c r="K7243" s="237">
        <f t="shared" si="1667"/>
        <v>1435.8950353168398</v>
      </c>
      <c r="L7243" s="237">
        <f t="shared" si="1672"/>
        <v>714.14428423273614</v>
      </c>
      <c r="M7243" s="236">
        <f t="shared" si="1668"/>
        <v>28.685890816437478</v>
      </c>
      <c r="N7243" s="236">
        <f t="shared" si="1669"/>
        <v>0.50571455087984996</v>
      </c>
      <c r="O7243" s="236">
        <f t="shared" si="1673"/>
        <v>2.2142899506446367</v>
      </c>
      <c r="P7243" s="236" t="str">
        <f t="shared" si="1674"/>
        <v>SAND</v>
      </c>
      <c r="Q7243" s="236" t="e">
        <f t="shared" si="1670"/>
        <v>#N/A</v>
      </c>
      <c r="R7243" s="238">
        <v>35</v>
      </c>
      <c r="S7243" s="236" t="e">
        <f t="shared" si="1675"/>
        <v>#N/A</v>
      </c>
      <c r="T7243" s="236">
        <f t="shared" si="1662"/>
        <v>33.634351751892567</v>
      </c>
    </row>
    <row r="7244" spans="2:20" x14ac:dyDescent="0.2">
      <c r="B7244" s="239">
        <v>72.2</v>
      </c>
      <c r="C7244" s="3">
        <f t="shared" si="1663"/>
        <v>72.192999999999998</v>
      </c>
      <c r="D7244" s="239">
        <v>22.218599999999999</v>
      </c>
      <c r="E7244" s="239">
        <v>0.10440000000000001</v>
      </c>
      <c r="F7244" s="239">
        <v>0.55330000000000001</v>
      </c>
      <c r="G7244">
        <f t="shared" si="1664"/>
        <v>22.329259999999998</v>
      </c>
      <c r="H7244" s="235">
        <f t="shared" si="1665"/>
        <v>0.46754796173272206</v>
      </c>
      <c r="I7244" s="236">
        <f t="shared" si="1666"/>
        <v>19.908921298347355</v>
      </c>
      <c r="J7244" s="237">
        <f t="shared" si="1671"/>
        <v>9.9089212983473551</v>
      </c>
      <c r="K7244" s="237">
        <f t="shared" si="1667"/>
        <v>1437.2847552915905</v>
      </c>
      <c r="L7244" s="237">
        <f t="shared" si="1672"/>
        <v>715.42411774067909</v>
      </c>
      <c r="M7244" s="236">
        <f t="shared" si="1668"/>
        <v>29.202223865034913</v>
      </c>
      <c r="N7244" s="236">
        <f t="shared" si="1669"/>
        <v>0.4997134008496531</v>
      </c>
      <c r="O7244" s="236">
        <f t="shared" si="1673"/>
        <v>2.2050862973148919</v>
      </c>
      <c r="P7244" s="236" t="str">
        <f t="shared" si="1674"/>
        <v>SAND</v>
      </c>
      <c r="Q7244" s="236" t="e">
        <f t="shared" si="1670"/>
        <v>#N/A</v>
      </c>
      <c r="R7244" s="238">
        <v>35</v>
      </c>
      <c r="S7244" s="236" t="e">
        <f t="shared" si="1675"/>
        <v>#N/A</v>
      </c>
      <c r="T7244" s="236">
        <f t="shared" si="1662"/>
        <v>33.719575185484217</v>
      </c>
    </row>
    <row r="7245" spans="2:20" x14ac:dyDescent="0.2">
      <c r="B7245" s="239">
        <v>72.209999999999994</v>
      </c>
      <c r="C7245" s="3">
        <f t="shared" si="1663"/>
        <v>72.202999999999989</v>
      </c>
      <c r="D7245" s="239">
        <v>22.453499999999998</v>
      </c>
      <c r="E7245" s="239">
        <v>0.10199999999999999</v>
      </c>
      <c r="F7245" s="239">
        <v>0.50819999999999999</v>
      </c>
      <c r="G7245">
        <f t="shared" si="1664"/>
        <v>22.555139999999998</v>
      </c>
      <c r="H7245" s="235">
        <f t="shared" si="1665"/>
        <v>0.45222508040295917</v>
      </c>
      <c r="I7245" s="236">
        <f t="shared" si="1666"/>
        <v>19.885584492541078</v>
      </c>
      <c r="J7245" s="237">
        <f t="shared" si="1671"/>
        <v>9.8855844925410779</v>
      </c>
      <c r="K7245" s="237">
        <f t="shared" si="1667"/>
        <v>1435.7988571149433</v>
      </c>
      <c r="L7245" s="237">
        <f t="shared" si="1672"/>
        <v>713.83805620639112</v>
      </c>
      <c r="M7245" s="236">
        <f t="shared" si="1668"/>
        <v>29.585619538304424</v>
      </c>
      <c r="N7245" s="236">
        <f t="shared" si="1669"/>
        <v>0.48296961211956657</v>
      </c>
      <c r="O7245" s="236">
        <f t="shared" si="1673"/>
        <v>2.1937979651378354</v>
      </c>
      <c r="P7245" s="236" t="str">
        <f t="shared" si="1674"/>
        <v>SAND</v>
      </c>
      <c r="Q7245" s="236" t="e">
        <f t="shared" si="1670"/>
        <v>#N/A</v>
      </c>
      <c r="R7245" s="238">
        <v>35</v>
      </c>
      <c r="S7245" s="236" t="e">
        <f t="shared" si="1675"/>
        <v>#N/A</v>
      </c>
      <c r="T7245" s="236">
        <f t="shared" ref="T7245:T7308" si="1676">IF(P7245="SAND",17.6+(11*LOG(M7245)),#N/A)</f>
        <v>33.78188734867345</v>
      </c>
    </row>
    <row r="7246" spans="2:20" x14ac:dyDescent="0.2">
      <c r="B7246" s="239">
        <v>72.22</v>
      </c>
      <c r="C7246" s="3">
        <f t="shared" ref="C7246:C7309" si="1677">MAX($B7246 - $B$13, 0.001)</f>
        <v>72.212999999999994</v>
      </c>
      <c r="D7246" s="239">
        <v>22.566199999999998</v>
      </c>
      <c r="E7246" s="239">
        <v>0.10630000000000001</v>
      </c>
      <c r="F7246" s="239">
        <v>0.50539999999999996</v>
      </c>
      <c r="G7246">
        <f t="shared" si="1664"/>
        <v>22.667279999999998</v>
      </c>
      <c r="H7246" s="235">
        <f t="shared" si="1665"/>
        <v>0.4689578987862682</v>
      </c>
      <c r="I7246" s="236">
        <f t="shared" si="1666"/>
        <v>19.935942336988187</v>
      </c>
      <c r="J7246" s="237">
        <f t="shared" si="1671"/>
        <v>9.9359423369881874</v>
      </c>
      <c r="K7246" s="237">
        <f t="shared" si="1667"/>
        <v>1439.6342039809279</v>
      </c>
      <c r="L7246" s="237">
        <f t="shared" si="1672"/>
        <v>717.57375557728687</v>
      </c>
      <c r="M7246" s="236">
        <f t="shared" si="1668"/>
        <v>29.582528110913792</v>
      </c>
      <c r="N7246" s="236">
        <f t="shared" si="1669"/>
        <v>0.50076207706431108</v>
      </c>
      <c r="O7246" s="236">
        <f t="shared" si="1673"/>
        <v>2.2003594931899428</v>
      </c>
      <c r="P7246" s="236" t="str">
        <f t="shared" si="1674"/>
        <v>SAND</v>
      </c>
      <c r="Q7246" s="236" t="e">
        <f t="shared" si="1670"/>
        <v>#N/A</v>
      </c>
      <c r="R7246" s="238">
        <v>35</v>
      </c>
      <c r="S7246" s="236" t="e">
        <f t="shared" si="1675"/>
        <v>#N/A</v>
      </c>
      <c r="T7246" s="236">
        <f t="shared" si="1676"/>
        <v>33.78138814465823</v>
      </c>
    </row>
    <row r="7247" spans="2:20" x14ac:dyDescent="0.2">
      <c r="B7247" s="239">
        <v>72.23</v>
      </c>
      <c r="C7247" s="3">
        <f t="shared" si="1677"/>
        <v>72.222999999999999</v>
      </c>
      <c r="D7247" s="239">
        <v>22.745899999999999</v>
      </c>
      <c r="E7247" s="239">
        <v>0.1056</v>
      </c>
      <c r="F7247" s="239">
        <v>0.50419999999999998</v>
      </c>
      <c r="G7247">
        <f t="shared" ref="G7247:G7310" si="1678">$D7247+($F7247*(1-$P$8))</f>
        <v>22.84674</v>
      </c>
      <c r="H7247" s="235">
        <f t="shared" ref="H7247:H7310" si="1679">($E7247/$G7247)*100</f>
        <v>0.4622103634916841</v>
      </c>
      <c r="I7247" s="236">
        <f t="shared" ref="I7247:I7310" si="1680">((0.27*(LOG($H7247)))+(0.36*(LOG(($G7247*1000)/101)))+1.236)*10</f>
        <v>19.931277448951622</v>
      </c>
      <c r="J7247" s="237">
        <f t="shared" si="1671"/>
        <v>9.9312774489516222</v>
      </c>
      <c r="K7247" s="237">
        <f t="shared" ref="K7247:K7310" si="1681">$I7247*$C7247</f>
        <v>1439.4966511956329</v>
      </c>
      <c r="L7247" s="237">
        <f t="shared" si="1672"/>
        <v>717.33617013777575</v>
      </c>
      <c r="M7247" s="236">
        <f t="shared" ref="M7247:M7310" si="1682">(($G7247*1000)-$K7247)/$L7247</f>
        <v>29.842693342359649</v>
      </c>
      <c r="N7247" s="236">
        <f t="shared" ref="N7247:N7310" si="1683">(($E7247*1000)/(($G7247*1000)-$K7247))*100</f>
        <v>0.49329097763490382</v>
      </c>
      <c r="O7247" s="236">
        <f t="shared" si="1673"/>
        <v>2.1941806545164839</v>
      </c>
      <c r="P7247" s="236" t="str">
        <f t="shared" si="1674"/>
        <v>SAND</v>
      </c>
      <c r="Q7247" s="236" t="e">
        <f t="shared" ref="Q7247:Q7310" si="1684">IF(P7247="CLAY",($G7247*1000 -$K7247)/$L$8,#N/A)</f>
        <v>#N/A</v>
      </c>
      <c r="R7247" s="238">
        <v>35</v>
      </c>
      <c r="S7247" s="236" t="e">
        <f t="shared" si="1675"/>
        <v>#N/A</v>
      </c>
      <c r="T7247" s="236">
        <f t="shared" si="1676"/>
        <v>33.823218178399898</v>
      </c>
    </row>
    <row r="7248" spans="2:20" x14ac:dyDescent="0.2">
      <c r="B7248" s="239">
        <v>72.241</v>
      </c>
      <c r="C7248" s="3">
        <f t="shared" si="1677"/>
        <v>72.233999999999995</v>
      </c>
      <c r="D7248" s="239">
        <v>22.978400000000001</v>
      </c>
      <c r="E7248" s="239">
        <v>0.1042</v>
      </c>
      <c r="F7248" s="239">
        <v>0.48099999999999998</v>
      </c>
      <c r="G7248">
        <f t="shared" si="1678"/>
        <v>23.0746</v>
      </c>
      <c r="H7248" s="235">
        <f t="shared" si="1679"/>
        <v>0.45157879226508807</v>
      </c>
      <c r="I7248" s="236">
        <f t="shared" si="1680"/>
        <v>19.919506658694832</v>
      </c>
      <c r="J7248" s="237">
        <f t="shared" ref="J7248:J7311" si="1685">$I7248-10</f>
        <v>9.9195066586948322</v>
      </c>
      <c r="K7248" s="237">
        <f t="shared" si="1681"/>
        <v>1438.8656439841625</v>
      </c>
      <c r="L7248" s="237">
        <f t="shared" ref="L7248:L7311" si="1686">$J7248*$B7248</f>
        <v>716.59508053077332</v>
      </c>
      <c r="M7248" s="236">
        <f t="shared" si="1682"/>
        <v>30.192412624421745</v>
      </c>
      <c r="N7248" s="236">
        <f t="shared" si="1683"/>
        <v>0.4816106460053069</v>
      </c>
      <c r="O7248" s="236">
        <f t="shared" ref="O7248:O7311" si="1687">((3.47-LOG($M7248))^2+(LOG($N7248)+1.22)^2)^0.5</f>
        <v>2.1852612896980408</v>
      </c>
      <c r="P7248" s="236" t="str">
        <f t="shared" ref="P7248:P7311" si="1688">IF(O7248&lt;2.6,"SAND","CLAY")</f>
        <v>SAND</v>
      </c>
      <c r="Q7248" s="236" t="e">
        <f t="shared" si="1684"/>
        <v>#N/A</v>
      </c>
      <c r="R7248" s="238">
        <v>35</v>
      </c>
      <c r="S7248" s="236" t="e">
        <f t="shared" ref="S7248:S7311" si="1689">IF(P7248="SAND",#N/A,0.25*($M7248)^1.25)</f>
        <v>#N/A</v>
      </c>
      <c r="T7248" s="236">
        <f t="shared" si="1676"/>
        <v>33.878875999587123</v>
      </c>
    </row>
    <row r="7249" spans="2:20" x14ac:dyDescent="0.2">
      <c r="B7249" s="239">
        <v>72.25</v>
      </c>
      <c r="C7249" s="3">
        <f t="shared" si="1677"/>
        <v>72.242999999999995</v>
      </c>
      <c r="D7249" s="239">
        <v>23.003399999999999</v>
      </c>
      <c r="E7249" s="239">
        <v>0.1021</v>
      </c>
      <c r="F7249" s="239">
        <v>0.50190000000000001</v>
      </c>
      <c r="G7249">
        <f t="shared" si="1678"/>
        <v>23.10378</v>
      </c>
      <c r="H7249" s="235">
        <f t="shared" si="1679"/>
        <v>0.44191902796858346</v>
      </c>
      <c r="I7249" s="236">
        <f t="shared" si="1680"/>
        <v>19.896127294420364</v>
      </c>
      <c r="J7249" s="237">
        <f t="shared" si="1685"/>
        <v>9.8961272944203635</v>
      </c>
      <c r="K7249" s="237">
        <f t="shared" si="1681"/>
        <v>1437.3559241308103</v>
      </c>
      <c r="L7249" s="237">
        <f t="shared" si="1686"/>
        <v>714.99519702187126</v>
      </c>
      <c r="M7249" s="236">
        <f t="shared" si="1682"/>
        <v>30.302894573439247</v>
      </c>
      <c r="N7249" s="236">
        <f t="shared" si="1683"/>
        <v>0.47123604542437197</v>
      </c>
      <c r="O7249" s="236">
        <f t="shared" si="1687"/>
        <v>2.1799244134153581</v>
      </c>
      <c r="P7249" s="236" t="str">
        <f t="shared" si="1688"/>
        <v>SAND</v>
      </c>
      <c r="Q7249" s="236" t="e">
        <f t="shared" si="1684"/>
        <v>#N/A</v>
      </c>
      <c r="R7249" s="238">
        <v>35</v>
      </c>
      <c r="S7249" s="236" t="e">
        <f t="shared" si="1689"/>
        <v>#N/A</v>
      </c>
      <c r="T7249" s="236">
        <f t="shared" si="1676"/>
        <v>33.89632526367501</v>
      </c>
    </row>
    <row r="7250" spans="2:20" x14ac:dyDescent="0.2">
      <c r="B7250" s="239">
        <v>72.260000000000005</v>
      </c>
      <c r="C7250" s="3">
        <f t="shared" si="1677"/>
        <v>72.253</v>
      </c>
      <c r="D7250" s="239">
        <v>22.954499999999999</v>
      </c>
      <c r="E7250" s="239">
        <v>0.1011</v>
      </c>
      <c r="F7250" s="239">
        <v>0.46929999999999999</v>
      </c>
      <c r="G7250">
        <f t="shared" si="1678"/>
        <v>23.048359999999999</v>
      </c>
      <c r="H7250" s="235">
        <f t="shared" si="1679"/>
        <v>0.43864292296718727</v>
      </c>
      <c r="I7250" s="236">
        <f t="shared" si="1680"/>
        <v>19.883647200321942</v>
      </c>
      <c r="J7250" s="237">
        <f t="shared" si="1685"/>
        <v>9.883647200321942</v>
      </c>
      <c r="K7250" s="237">
        <f t="shared" si="1681"/>
        <v>1436.6531611648613</v>
      </c>
      <c r="L7250" s="237">
        <f t="shared" si="1686"/>
        <v>714.19234669526361</v>
      </c>
      <c r="M7250" s="236">
        <f t="shared" si="1682"/>
        <v>30.260345044073354</v>
      </c>
      <c r="N7250" s="236">
        <f t="shared" si="1683"/>
        <v>0.46780201468552424</v>
      </c>
      <c r="O7250" s="236">
        <f t="shared" si="1687"/>
        <v>2.1791817864398211</v>
      </c>
      <c r="P7250" s="236" t="str">
        <f t="shared" si="1688"/>
        <v>SAND</v>
      </c>
      <c r="Q7250" s="236" t="e">
        <f t="shared" si="1684"/>
        <v>#N/A</v>
      </c>
      <c r="R7250" s="238">
        <v>35</v>
      </c>
      <c r="S7250" s="236" t="e">
        <f t="shared" si="1689"/>
        <v>#N/A</v>
      </c>
      <c r="T7250" s="236">
        <f t="shared" si="1676"/>
        <v>33.889612633417741</v>
      </c>
    </row>
    <row r="7251" spans="2:20" x14ac:dyDescent="0.2">
      <c r="B7251" s="239">
        <v>72.271000000000001</v>
      </c>
      <c r="C7251" s="3">
        <f t="shared" si="1677"/>
        <v>72.263999999999996</v>
      </c>
      <c r="D7251" s="239">
        <v>22.857800000000001</v>
      </c>
      <c r="E7251" s="239">
        <v>9.9699999999999997E-2</v>
      </c>
      <c r="F7251" s="239">
        <v>0.46689999999999998</v>
      </c>
      <c r="G7251">
        <f t="shared" si="1678"/>
        <v>22.951180000000001</v>
      </c>
      <c r="H7251" s="235">
        <f t="shared" si="1679"/>
        <v>0.4344003227720753</v>
      </c>
      <c r="I7251" s="236">
        <f t="shared" si="1680"/>
        <v>19.865644498957536</v>
      </c>
      <c r="J7251" s="237">
        <f t="shared" si="1685"/>
        <v>9.8656444989575363</v>
      </c>
      <c r="K7251" s="237">
        <f t="shared" si="1681"/>
        <v>1435.5709340726673</v>
      </c>
      <c r="L7251" s="237">
        <f t="shared" si="1686"/>
        <v>712.99999358416017</v>
      </c>
      <c r="M7251" s="236">
        <f t="shared" si="1682"/>
        <v>30.176170069470977</v>
      </c>
      <c r="N7251" s="236">
        <f t="shared" si="1683"/>
        <v>0.46338451165617922</v>
      </c>
      <c r="O7251" s="236">
        <f t="shared" si="1687"/>
        <v>2.1786071894764341</v>
      </c>
      <c r="P7251" s="236" t="str">
        <f t="shared" si="1688"/>
        <v>SAND</v>
      </c>
      <c r="Q7251" s="236" t="e">
        <f t="shared" si="1684"/>
        <v>#N/A</v>
      </c>
      <c r="R7251" s="238">
        <v>35</v>
      </c>
      <c r="S7251" s="236" t="e">
        <f t="shared" si="1689"/>
        <v>#N/A</v>
      </c>
      <c r="T7251" s="236">
        <f t="shared" si="1676"/>
        <v>33.876305305684163</v>
      </c>
    </row>
    <row r="7252" spans="2:20" x14ac:dyDescent="0.2">
      <c r="B7252" s="239">
        <v>72.281000000000006</v>
      </c>
      <c r="C7252" s="3">
        <f t="shared" si="1677"/>
        <v>72.274000000000001</v>
      </c>
      <c r="D7252" s="239">
        <v>22.838999999999999</v>
      </c>
      <c r="E7252" s="239">
        <v>9.7900000000000001E-2</v>
      </c>
      <c r="F7252" s="239">
        <v>0.48809999999999998</v>
      </c>
      <c r="G7252">
        <f t="shared" si="1678"/>
        <v>22.936619999999998</v>
      </c>
      <c r="H7252" s="235">
        <f t="shared" si="1679"/>
        <v>0.42682836442335453</v>
      </c>
      <c r="I7252" s="236">
        <f t="shared" si="1680"/>
        <v>19.844032799814901</v>
      </c>
      <c r="J7252" s="237">
        <f t="shared" si="1685"/>
        <v>9.8440327998149009</v>
      </c>
      <c r="K7252" s="237">
        <f t="shared" si="1681"/>
        <v>1434.2076265738222</v>
      </c>
      <c r="L7252" s="237">
        <f t="shared" si="1686"/>
        <v>711.53653480342086</v>
      </c>
      <c r="M7252" s="236">
        <f t="shared" si="1682"/>
        <v>30.219688409066357</v>
      </c>
      <c r="N7252" s="236">
        <f t="shared" si="1683"/>
        <v>0.45529775124669281</v>
      </c>
      <c r="O7252" s="236">
        <f t="shared" si="1687"/>
        <v>2.1749365393150568</v>
      </c>
      <c r="P7252" s="236" t="str">
        <f t="shared" si="1688"/>
        <v>SAND</v>
      </c>
      <c r="Q7252" s="236" t="e">
        <f t="shared" si="1684"/>
        <v>#N/A</v>
      </c>
      <c r="R7252" s="238">
        <v>35</v>
      </c>
      <c r="S7252" s="236" t="e">
        <f t="shared" si="1689"/>
        <v>#N/A</v>
      </c>
      <c r="T7252" s="236">
        <f t="shared" si="1676"/>
        <v>33.883189802848165</v>
      </c>
    </row>
    <row r="7253" spans="2:20" x14ac:dyDescent="0.2">
      <c r="B7253" s="239">
        <v>72.290999999999997</v>
      </c>
      <c r="C7253" s="3">
        <f t="shared" si="1677"/>
        <v>72.283999999999992</v>
      </c>
      <c r="D7253" s="239">
        <v>22.831700000000001</v>
      </c>
      <c r="E7253" s="239">
        <v>9.7000000000000003E-2</v>
      </c>
      <c r="F7253" s="239">
        <v>0.49790000000000001</v>
      </c>
      <c r="G7253">
        <f t="shared" si="1678"/>
        <v>22.931280000000001</v>
      </c>
      <c r="H7253" s="235">
        <f t="shared" si="1679"/>
        <v>0.42300298980257534</v>
      </c>
      <c r="I7253" s="236">
        <f t="shared" si="1680"/>
        <v>19.833112204443491</v>
      </c>
      <c r="J7253" s="237">
        <f t="shared" si="1685"/>
        <v>9.8331122044434913</v>
      </c>
      <c r="K7253" s="237">
        <f t="shared" si="1681"/>
        <v>1433.6166825859932</v>
      </c>
      <c r="L7253" s="237">
        <f t="shared" si="1686"/>
        <v>710.84551437142443</v>
      </c>
      <c r="M7253" s="236">
        <f t="shared" si="1682"/>
        <v>30.24238443204306</v>
      </c>
      <c r="N7253" s="236">
        <f t="shared" si="1683"/>
        <v>0.45121182971279461</v>
      </c>
      <c r="O7253" s="236">
        <f t="shared" si="1687"/>
        <v>2.173060008448799</v>
      </c>
      <c r="P7253" s="236" t="str">
        <f t="shared" si="1688"/>
        <v>SAND</v>
      </c>
      <c r="Q7253" s="236" t="e">
        <f t="shared" si="1684"/>
        <v>#N/A</v>
      </c>
      <c r="R7253" s="238">
        <v>35</v>
      </c>
      <c r="S7253" s="236" t="e">
        <f t="shared" si="1689"/>
        <v>#N/A</v>
      </c>
      <c r="T7253" s="236">
        <f t="shared" si="1676"/>
        <v>33.886776326860222</v>
      </c>
    </row>
    <row r="7254" spans="2:20" x14ac:dyDescent="0.2">
      <c r="B7254" s="239">
        <v>72.302000000000007</v>
      </c>
      <c r="C7254" s="3">
        <f t="shared" si="1677"/>
        <v>72.295000000000002</v>
      </c>
      <c r="D7254" s="239">
        <v>22.732900000000001</v>
      </c>
      <c r="E7254" s="239">
        <v>9.8100000000000007E-2</v>
      </c>
      <c r="F7254" s="239">
        <v>0.55110000000000003</v>
      </c>
      <c r="G7254">
        <f t="shared" si="1678"/>
        <v>22.843119999999999</v>
      </c>
      <c r="H7254" s="235">
        <f t="shared" si="1679"/>
        <v>0.42945096816897171</v>
      </c>
      <c r="I7254" s="236">
        <f t="shared" si="1680"/>
        <v>19.844829253400235</v>
      </c>
      <c r="J7254" s="237">
        <f t="shared" si="1685"/>
        <v>9.8448292534002348</v>
      </c>
      <c r="K7254" s="237">
        <f t="shared" si="1681"/>
        <v>1434.6819308745701</v>
      </c>
      <c r="L7254" s="237">
        <f t="shared" si="1686"/>
        <v>711.80084467934387</v>
      </c>
      <c r="M7254" s="236">
        <f t="shared" si="1682"/>
        <v>30.076443754108816</v>
      </c>
      <c r="N7254" s="236">
        <f t="shared" si="1683"/>
        <v>0.45823053360196664</v>
      </c>
      <c r="O7254" s="236">
        <f t="shared" si="1687"/>
        <v>2.1779510549431129</v>
      </c>
      <c r="P7254" s="236" t="str">
        <f t="shared" si="1688"/>
        <v>SAND</v>
      </c>
      <c r="Q7254" s="236" t="e">
        <f t="shared" si="1684"/>
        <v>#N/A</v>
      </c>
      <c r="R7254" s="238">
        <v>35</v>
      </c>
      <c r="S7254" s="236" t="e">
        <f t="shared" si="1689"/>
        <v>#N/A</v>
      </c>
      <c r="T7254" s="236">
        <f t="shared" si="1676"/>
        <v>33.860491322592068</v>
      </c>
    </row>
    <row r="7255" spans="2:20" x14ac:dyDescent="0.2">
      <c r="B7255" s="239">
        <v>72.311999999999998</v>
      </c>
      <c r="C7255" s="3">
        <f t="shared" si="1677"/>
        <v>72.304999999999993</v>
      </c>
      <c r="D7255" s="239">
        <v>22.805</v>
      </c>
      <c r="E7255" s="239">
        <v>9.4600000000000004E-2</v>
      </c>
      <c r="F7255" s="239">
        <v>0.52939999999999998</v>
      </c>
      <c r="G7255">
        <f t="shared" si="1678"/>
        <v>22.910879999999999</v>
      </c>
      <c r="H7255" s="235">
        <f t="shared" si="1679"/>
        <v>0.41290426207985031</v>
      </c>
      <c r="I7255" s="236">
        <f t="shared" si="1680"/>
        <v>19.803386716234328</v>
      </c>
      <c r="J7255" s="237">
        <f t="shared" si="1685"/>
        <v>9.8033867162343284</v>
      </c>
      <c r="K7255" s="237">
        <f t="shared" si="1681"/>
        <v>1431.883876517323</v>
      </c>
      <c r="L7255" s="237">
        <f t="shared" si="1686"/>
        <v>708.90250022433679</v>
      </c>
      <c r="M7255" s="236">
        <f t="shared" si="1682"/>
        <v>30.298942543841367</v>
      </c>
      <c r="N7255" s="236">
        <f t="shared" si="1683"/>
        <v>0.44043026711371863</v>
      </c>
      <c r="O7255" s="236">
        <f t="shared" si="1687"/>
        <v>2.1681108004142571</v>
      </c>
      <c r="P7255" s="236" t="str">
        <f t="shared" si="1688"/>
        <v>SAND</v>
      </c>
      <c r="Q7255" s="236" t="e">
        <f t="shared" si="1684"/>
        <v>#N/A</v>
      </c>
      <c r="R7255" s="238">
        <v>35</v>
      </c>
      <c r="S7255" s="236" t="e">
        <f t="shared" si="1689"/>
        <v>#N/A</v>
      </c>
      <c r="T7255" s="236">
        <f t="shared" si="1676"/>
        <v>33.895702187146696</v>
      </c>
    </row>
    <row r="7256" spans="2:20" x14ac:dyDescent="0.2">
      <c r="B7256" s="239">
        <v>72.320999999999998</v>
      </c>
      <c r="C7256" s="3">
        <f t="shared" si="1677"/>
        <v>72.313999999999993</v>
      </c>
      <c r="D7256" s="239">
        <v>22.915400000000002</v>
      </c>
      <c r="E7256" s="239">
        <v>8.6499999999999994E-2</v>
      </c>
      <c r="F7256" s="239">
        <v>0.50690000000000002</v>
      </c>
      <c r="G7256">
        <f t="shared" si="1678"/>
        <v>23.016780000000001</v>
      </c>
      <c r="H7256" s="235">
        <f t="shared" si="1679"/>
        <v>0.37581277659168655</v>
      </c>
      <c r="I7256" s="236">
        <f t="shared" si="1680"/>
        <v>19.700226654515205</v>
      </c>
      <c r="J7256" s="237">
        <f t="shared" si="1685"/>
        <v>9.7002266545152054</v>
      </c>
      <c r="K7256" s="237">
        <f t="shared" si="1681"/>
        <v>1424.6021902946125</v>
      </c>
      <c r="L7256" s="237">
        <f t="shared" si="1686"/>
        <v>701.53009188119415</v>
      </c>
      <c r="M7256" s="236">
        <f t="shared" si="1682"/>
        <v>30.778690835349195</v>
      </c>
      <c r="N7256" s="236">
        <f t="shared" si="1683"/>
        <v>0.4006080385329146</v>
      </c>
      <c r="O7256" s="236">
        <f t="shared" si="1687"/>
        <v>2.1457399965546</v>
      </c>
      <c r="P7256" s="236" t="str">
        <f t="shared" si="1688"/>
        <v>SAND</v>
      </c>
      <c r="Q7256" s="236" t="e">
        <f t="shared" si="1684"/>
        <v>#N/A</v>
      </c>
      <c r="R7256" s="238">
        <v>35</v>
      </c>
      <c r="S7256" s="236" t="e">
        <f t="shared" si="1689"/>
        <v>#N/A</v>
      </c>
      <c r="T7256" s="236">
        <f t="shared" si="1676"/>
        <v>33.97075157597866</v>
      </c>
    </row>
    <row r="7257" spans="2:20" x14ac:dyDescent="0.2">
      <c r="B7257" s="239">
        <v>72.331999999999994</v>
      </c>
      <c r="C7257" s="3">
        <f t="shared" si="1677"/>
        <v>72.324999999999989</v>
      </c>
      <c r="D7257" s="239">
        <v>23.079799999999999</v>
      </c>
      <c r="E7257" s="239">
        <v>8.3199999999999996E-2</v>
      </c>
      <c r="F7257" s="239">
        <v>0.5827</v>
      </c>
      <c r="G7257">
        <f t="shared" si="1678"/>
        <v>23.196339999999999</v>
      </c>
      <c r="H7257" s="235">
        <f t="shared" si="1679"/>
        <v>0.35867727408720512</v>
      </c>
      <c r="I7257" s="236">
        <f t="shared" si="1680"/>
        <v>19.657653554576264</v>
      </c>
      <c r="J7257" s="237">
        <f t="shared" si="1685"/>
        <v>9.6576535545762638</v>
      </c>
      <c r="K7257" s="237">
        <f t="shared" si="1681"/>
        <v>1421.7397933347281</v>
      </c>
      <c r="L7257" s="237">
        <f t="shared" si="1686"/>
        <v>698.55739690961025</v>
      </c>
      <c r="M7257" s="236">
        <f t="shared" si="1682"/>
        <v>31.170810448783772</v>
      </c>
      <c r="N7257" s="236">
        <f t="shared" si="1683"/>
        <v>0.38209656760785082</v>
      </c>
      <c r="O7257" s="236">
        <f t="shared" si="1687"/>
        <v>2.1328509877665507</v>
      </c>
      <c r="P7257" s="236" t="str">
        <f t="shared" si="1688"/>
        <v>SAND</v>
      </c>
      <c r="Q7257" s="236" t="e">
        <f t="shared" si="1684"/>
        <v>#N/A</v>
      </c>
      <c r="R7257" s="238">
        <v>35</v>
      </c>
      <c r="S7257" s="236" t="e">
        <f t="shared" si="1689"/>
        <v>#N/A</v>
      </c>
      <c r="T7257" s="236">
        <f t="shared" si="1676"/>
        <v>34.031229036063792</v>
      </c>
    </row>
    <row r="7258" spans="2:20" x14ac:dyDescent="0.2">
      <c r="B7258" s="239">
        <v>72.341999999999999</v>
      </c>
      <c r="C7258" s="3">
        <f t="shared" si="1677"/>
        <v>72.334999999999994</v>
      </c>
      <c r="D7258" s="239">
        <v>23.166899999999998</v>
      </c>
      <c r="E7258" s="239">
        <v>8.4099999999999994E-2</v>
      </c>
      <c r="F7258" s="239">
        <v>0.57940000000000003</v>
      </c>
      <c r="G7258">
        <f t="shared" si="1678"/>
        <v>23.282779999999999</v>
      </c>
      <c r="H7258" s="235">
        <f t="shared" si="1679"/>
        <v>0.36121116121013042</v>
      </c>
      <c r="I7258" s="236">
        <f t="shared" si="1680"/>
        <v>19.671723594093891</v>
      </c>
      <c r="J7258" s="237">
        <f t="shared" si="1685"/>
        <v>9.6717235940938906</v>
      </c>
      <c r="K7258" s="237">
        <f t="shared" si="1681"/>
        <v>1422.9541261787815</v>
      </c>
      <c r="L7258" s="237">
        <f t="shared" si="1686"/>
        <v>699.67182824394024</v>
      </c>
      <c r="M7258" s="236">
        <f t="shared" si="1682"/>
        <v>31.242969905885364</v>
      </c>
      <c r="N7258" s="236">
        <f t="shared" si="1683"/>
        <v>0.3847240160348947</v>
      </c>
      <c r="O7258" s="236">
        <f t="shared" si="1687"/>
        <v>2.1330421529559702</v>
      </c>
      <c r="P7258" s="236" t="str">
        <f t="shared" si="1688"/>
        <v>SAND</v>
      </c>
      <c r="Q7258" s="236" t="e">
        <f t="shared" si="1684"/>
        <v>#N/A</v>
      </c>
      <c r="R7258" s="238">
        <v>35</v>
      </c>
      <c r="S7258" s="236" t="e">
        <f t="shared" si="1689"/>
        <v>#N/A</v>
      </c>
      <c r="T7258" s="236">
        <f t="shared" si="1676"/>
        <v>34.042275415438191</v>
      </c>
    </row>
    <row r="7259" spans="2:20" x14ac:dyDescent="0.2">
      <c r="B7259" s="239">
        <v>72.350999999999999</v>
      </c>
      <c r="C7259" s="3">
        <f t="shared" si="1677"/>
        <v>72.343999999999994</v>
      </c>
      <c r="D7259" s="239">
        <v>23.351700000000001</v>
      </c>
      <c r="E7259" s="239">
        <v>8.5999999999999993E-2</v>
      </c>
      <c r="F7259" s="239">
        <v>0.5645</v>
      </c>
      <c r="G7259">
        <f t="shared" si="1678"/>
        <v>23.464600000000001</v>
      </c>
      <c r="H7259" s="235">
        <f t="shared" si="1679"/>
        <v>0.36650955055700923</v>
      </c>
      <c r="I7259" s="236">
        <f t="shared" si="1680"/>
        <v>19.700960712431602</v>
      </c>
      <c r="J7259" s="237">
        <f t="shared" si="1685"/>
        <v>9.700960712431602</v>
      </c>
      <c r="K7259" s="237">
        <f t="shared" si="1681"/>
        <v>1425.2463017801517</v>
      </c>
      <c r="L7259" s="237">
        <f t="shared" si="1686"/>
        <v>701.87420850513888</v>
      </c>
      <c r="M7259" s="236">
        <f t="shared" si="1682"/>
        <v>31.40071743790039</v>
      </c>
      <c r="N7259" s="236">
        <f t="shared" si="1683"/>
        <v>0.39021107958781182</v>
      </c>
      <c r="O7259" s="236">
        <f t="shared" si="1687"/>
        <v>2.1333481882515772</v>
      </c>
      <c r="P7259" s="236" t="str">
        <f t="shared" si="1688"/>
        <v>SAND</v>
      </c>
      <c r="Q7259" s="236" t="e">
        <f t="shared" si="1684"/>
        <v>#N/A</v>
      </c>
      <c r="R7259" s="238">
        <v>35</v>
      </c>
      <c r="S7259" s="236" t="e">
        <f t="shared" si="1689"/>
        <v>#N/A</v>
      </c>
      <c r="T7259" s="236">
        <f t="shared" si="1676"/>
        <v>34.066335279549932</v>
      </c>
    </row>
    <row r="7260" spans="2:20" x14ac:dyDescent="0.2">
      <c r="B7260" s="239">
        <v>72.361000000000004</v>
      </c>
      <c r="C7260" s="3">
        <f t="shared" si="1677"/>
        <v>72.353999999999999</v>
      </c>
      <c r="D7260" s="239">
        <v>23.279900000000001</v>
      </c>
      <c r="E7260" s="239">
        <v>8.4500000000000006E-2</v>
      </c>
      <c r="F7260" s="239">
        <v>0.5998</v>
      </c>
      <c r="G7260">
        <f t="shared" si="1678"/>
        <v>23.39986</v>
      </c>
      <c r="H7260" s="235">
        <f t="shared" si="1679"/>
        <v>0.36111327161786444</v>
      </c>
      <c r="I7260" s="236">
        <f t="shared" si="1680"/>
        <v>19.67924810170004</v>
      </c>
      <c r="J7260" s="237">
        <f t="shared" si="1685"/>
        <v>9.6792481017000398</v>
      </c>
      <c r="K7260" s="237">
        <f t="shared" si="1681"/>
        <v>1423.8723171504046</v>
      </c>
      <c r="L7260" s="237">
        <f t="shared" si="1686"/>
        <v>700.40007188711661</v>
      </c>
      <c r="M7260" s="236">
        <f t="shared" si="1682"/>
        <v>31.376335561529554</v>
      </c>
      <c r="N7260" s="236">
        <f t="shared" si="1683"/>
        <v>0.38451059046572511</v>
      </c>
      <c r="O7260" s="236">
        <f t="shared" si="1687"/>
        <v>2.1312381788772981</v>
      </c>
      <c r="P7260" s="236" t="str">
        <f t="shared" si="1688"/>
        <v>SAND</v>
      </c>
      <c r="Q7260" s="236" t="e">
        <f t="shared" si="1684"/>
        <v>#N/A</v>
      </c>
      <c r="R7260" s="238">
        <v>35</v>
      </c>
      <c r="S7260" s="236" t="e">
        <f t="shared" si="1689"/>
        <v>#N/A</v>
      </c>
      <c r="T7260" s="236">
        <f t="shared" si="1676"/>
        <v>34.062624431132534</v>
      </c>
    </row>
    <row r="7261" spans="2:20" x14ac:dyDescent="0.2">
      <c r="B7261" s="239">
        <v>72.372</v>
      </c>
      <c r="C7261" s="3">
        <f t="shared" si="1677"/>
        <v>72.364999999999995</v>
      </c>
      <c r="D7261" s="239">
        <v>23.412199999999999</v>
      </c>
      <c r="E7261" s="239">
        <v>8.5400000000000004E-2</v>
      </c>
      <c r="F7261" s="239">
        <v>0.58230000000000004</v>
      </c>
      <c r="G7261">
        <f t="shared" si="1678"/>
        <v>23.528659999999999</v>
      </c>
      <c r="H7261" s="235">
        <f t="shared" si="1679"/>
        <v>0.36296159662301214</v>
      </c>
      <c r="I7261" s="236">
        <f t="shared" si="1680"/>
        <v>19.693816779860189</v>
      </c>
      <c r="J7261" s="237">
        <f t="shared" si="1685"/>
        <v>9.6938167798601889</v>
      </c>
      <c r="K7261" s="237">
        <f t="shared" si="1681"/>
        <v>1425.1430512745824</v>
      </c>
      <c r="L7261" s="237">
        <f t="shared" si="1686"/>
        <v>701.56090799204162</v>
      </c>
      <c r="M7261" s="236">
        <f t="shared" si="1682"/>
        <v>31.506198103295908</v>
      </c>
      <c r="N7261" s="236">
        <f t="shared" si="1683"/>
        <v>0.38636385421427033</v>
      </c>
      <c r="O7261" s="236">
        <f t="shared" si="1687"/>
        <v>2.1303674963754013</v>
      </c>
      <c r="P7261" s="236" t="str">
        <f t="shared" si="1688"/>
        <v>SAND</v>
      </c>
      <c r="Q7261" s="236" t="e">
        <f t="shared" si="1684"/>
        <v>#N/A</v>
      </c>
      <c r="R7261" s="238">
        <v>35</v>
      </c>
      <c r="S7261" s="236" t="e">
        <f t="shared" si="1689"/>
        <v>#N/A</v>
      </c>
      <c r="T7261" s="236">
        <f t="shared" si="1676"/>
        <v>34.082355993588706</v>
      </c>
    </row>
    <row r="7262" spans="2:20" x14ac:dyDescent="0.2">
      <c r="B7262" s="239">
        <v>72.382000000000005</v>
      </c>
      <c r="C7262" s="3">
        <f t="shared" si="1677"/>
        <v>72.375</v>
      </c>
      <c r="D7262" s="239">
        <v>23.316099999999999</v>
      </c>
      <c r="E7262" s="239">
        <v>8.6999999999999994E-2</v>
      </c>
      <c r="F7262" s="239">
        <v>0.62409999999999999</v>
      </c>
      <c r="G7262">
        <f t="shared" si="1678"/>
        <v>23.440919999999998</v>
      </c>
      <c r="H7262" s="235">
        <f t="shared" si="1679"/>
        <v>0.37114584239867721</v>
      </c>
      <c r="I7262" s="236">
        <f t="shared" si="1680"/>
        <v>19.714122223882221</v>
      </c>
      <c r="J7262" s="237">
        <f t="shared" si="1685"/>
        <v>9.7141222238822209</v>
      </c>
      <c r="K7262" s="237">
        <f t="shared" si="1681"/>
        <v>1426.8095959534758</v>
      </c>
      <c r="L7262" s="237">
        <f t="shared" si="1686"/>
        <v>703.12759480904299</v>
      </c>
      <c r="M7262" s="236">
        <f t="shared" si="1682"/>
        <v>31.308841477093733</v>
      </c>
      <c r="N7262" s="236">
        <f t="shared" si="1683"/>
        <v>0.3952010706006458</v>
      </c>
      <c r="O7262" s="236">
        <f t="shared" si="1687"/>
        <v>2.1366288008896905</v>
      </c>
      <c r="P7262" s="236" t="str">
        <f t="shared" si="1688"/>
        <v>SAND</v>
      </c>
      <c r="Q7262" s="236" t="e">
        <f t="shared" si="1684"/>
        <v>#N/A</v>
      </c>
      <c r="R7262" s="238">
        <v>35</v>
      </c>
      <c r="S7262" s="236" t="e">
        <f t="shared" si="1689"/>
        <v>#N/A</v>
      </c>
      <c r="T7262" s="236">
        <f t="shared" si="1676"/>
        <v>34.052336974589167</v>
      </c>
    </row>
    <row r="7263" spans="2:20" x14ac:dyDescent="0.2">
      <c r="B7263" s="239">
        <v>72.391999999999996</v>
      </c>
      <c r="C7263" s="3">
        <f t="shared" si="1677"/>
        <v>72.384999999999991</v>
      </c>
      <c r="D7263" s="239">
        <v>23.3215</v>
      </c>
      <c r="E7263" s="239">
        <v>8.5099999999999995E-2</v>
      </c>
      <c r="F7263" s="239">
        <v>0.63919999999999999</v>
      </c>
      <c r="G7263">
        <f t="shared" si="1678"/>
        <v>23.449339999999999</v>
      </c>
      <c r="H7263" s="235">
        <f t="shared" si="1679"/>
        <v>0.36291000087848951</v>
      </c>
      <c r="I7263" s="236">
        <f t="shared" si="1680"/>
        <v>19.688370427909845</v>
      </c>
      <c r="J7263" s="237">
        <f t="shared" si="1685"/>
        <v>9.6883704279098453</v>
      </c>
      <c r="K7263" s="237">
        <f t="shared" si="1681"/>
        <v>1425.142693424254</v>
      </c>
      <c r="L7263" s="237">
        <f t="shared" si="1686"/>
        <v>701.36051201724945</v>
      </c>
      <c r="M7263" s="236">
        <f t="shared" si="1682"/>
        <v>31.402106233825261</v>
      </c>
      <c r="N7263" s="236">
        <f t="shared" si="1683"/>
        <v>0.3863931966074049</v>
      </c>
      <c r="O7263" s="236">
        <f t="shared" si="1687"/>
        <v>2.1317101653001416</v>
      </c>
      <c r="P7263" s="236" t="str">
        <f t="shared" si="1688"/>
        <v>SAND</v>
      </c>
      <c r="Q7263" s="236" t="e">
        <f t="shared" si="1684"/>
        <v>#N/A</v>
      </c>
      <c r="R7263" s="238">
        <v>35</v>
      </c>
      <c r="S7263" s="236" t="e">
        <f t="shared" si="1689"/>
        <v>#N/A</v>
      </c>
      <c r="T7263" s="236">
        <f t="shared" si="1676"/>
        <v>34.066546563377202</v>
      </c>
    </row>
    <row r="7264" spans="2:20" x14ac:dyDescent="0.2">
      <c r="B7264" s="239">
        <v>72.402000000000001</v>
      </c>
      <c r="C7264" s="3">
        <f t="shared" si="1677"/>
        <v>72.394999999999996</v>
      </c>
      <c r="D7264" s="239">
        <v>23.3598</v>
      </c>
      <c r="E7264" s="239">
        <v>8.6699999999999999E-2</v>
      </c>
      <c r="F7264" s="239">
        <v>0.63739999999999997</v>
      </c>
      <c r="G7264">
        <f t="shared" si="1678"/>
        <v>23.487279999999998</v>
      </c>
      <c r="H7264" s="235">
        <f t="shared" si="1679"/>
        <v>0.36913597487661409</v>
      </c>
      <c r="I7264" s="236">
        <f t="shared" si="1680"/>
        <v>19.710844070239414</v>
      </c>
      <c r="J7264" s="237">
        <f t="shared" si="1685"/>
        <v>9.7108440702394141</v>
      </c>
      <c r="K7264" s="237">
        <f t="shared" si="1681"/>
        <v>1426.9665564649822</v>
      </c>
      <c r="L7264" s="237">
        <f t="shared" si="1686"/>
        <v>703.08453237347408</v>
      </c>
      <c r="M7264" s="236">
        <f t="shared" si="1682"/>
        <v>31.37647384883261</v>
      </c>
      <c r="N7264" s="236">
        <f t="shared" si="1683"/>
        <v>0.39301345478120692</v>
      </c>
      <c r="O7264" s="236">
        <f t="shared" si="1687"/>
        <v>2.1348420745225112</v>
      </c>
      <c r="P7264" s="236" t="str">
        <f t="shared" si="1688"/>
        <v>SAND</v>
      </c>
      <c r="Q7264" s="236" t="e">
        <f t="shared" si="1684"/>
        <v>#N/A</v>
      </c>
      <c r="R7264" s="238">
        <v>35</v>
      </c>
      <c r="S7264" s="236" t="e">
        <f t="shared" si="1689"/>
        <v>#N/A</v>
      </c>
      <c r="T7264" s="236">
        <f t="shared" si="1676"/>
        <v>34.062645486175171</v>
      </c>
    </row>
    <row r="7265" spans="2:20" x14ac:dyDescent="0.2">
      <c r="B7265" s="239">
        <v>72.412999999999997</v>
      </c>
      <c r="C7265" s="3">
        <f t="shared" si="1677"/>
        <v>72.405999999999992</v>
      </c>
      <c r="D7265" s="239">
        <v>23.345099999999999</v>
      </c>
      <c r="E7265" s="239">
        <v>8.8999999999999996E-2</v>
      </c>
      <c r="F7265" s="239">
        <v>0.61939999999999995</v>
      </c>
      <c r="G7265">
        <f t="shared" si="1678"/>
        <v>23.468979999999998</v>
      </c>
      <c r="H7265" s="235">
        <f t="shared" si="1679"/>
        <v>0.3792239799087988</v>
      </c>
      <c r="I7265" s="236">
        <f t="shared" si="1680"/>
        <v>19.741240865702238</v>
      </c>
      <c r="J7265" s="237">
        <f t="shared" si="1685"/>
        <v>9.7412408657022382</v>
      </c>
      <c r="K7265" s="237">
        <f t="shared" si="1681"/>
        <v>1429.3842861220362</v>
      </c>
      <c r="L7265" s="237">
        <f t="shared" si="1686"/>
        <v>705.39247480809615</v>
      </c>
      <c r="M7265" s="236">
        <f t="shared" si="1682"/>
        <v>31.244444052049026</v>
      </c>
      <c r="N7265" s="236">
        <f t="shared" si="1683"/>
        <v>0.40381865963157476</v>
      </c>
      <c r="O7265" s="236">
        <f t="shared" si="1687"/>
        <v>2.141052644194164</v>
      </c>
      <c r="P7265" s="236" t="str">
        <f t="shared" si="1688"/>
        <v>SAND</v>
      </c>
      <c r="Q7265" s="236" t="e">
        <f t="shared" si="1684"/>
        <v>#N/A</v>
      </c>
      <c r="R7265" s="238">
        <v>35</v>
      </c>
      <c r="S7265" s="236" t="e">
        <f t="shared" si="1689"/>
        <v>#N/A</v>
      </c>
      <c r="T7265" s="236">
        <f t="shared" si="1676"/>
        <v>34.042500815996277</v>
      </c>
    </row>
    <row r="7266" spans="2:20" x14ac:dyDescent="0.2">
      <c r="B7266" s="239">
        <v>72.421999999999997</v>
      </c>
      <c r="C7266" s="3">
        <f t="shared" si="1677"/>
        <v>72.414999999999992</v>
      </c>
      <c r="D7266" s="239">
        <v>23.320399999999999</v>
      </c>
      <c r="E7266" s="239">
        <v>9.11E-2</v>
      </c>
      <c r="F7266" s="239">
        <v>0.62629999999999997</v>
      </c>
      <c r="G7266">
        <f t="shared" si="1678"/>
        <v>23.44566</v>
      </c>
      <c r="H7266" s="235">
        <f t="shared" si="1679"/>
        <v>0.38855805296161422</v>
      </c>
      <c r="I7266" s="236">
        <f t="shared" si="1680"/>
        <v>19.7681988886604</v>
      </c>
      <c r="J7266" s="237">
        <f t="shared" si="1685"/>
        <v>9.7681988886604003</v>
      </c>
      <c r="K7266" s="237">
        <f t="shared" si="1681"/>
        <v>1431.5141225223426</v>
      </c>
      <c r="L7266" s="237">
        <f t="shared" si="1686"/>
        <v>707.43249991456344</v>
      </c>
      <c r="M7266" s="236">
        <f t="shared" si="1682"/>
        <v>31.118369427664554</v>
      </c>
      <c r="N7266" s="236">
        <f t="shared" si="1683"/>
        <v>0.4138248220350127</v>
      </c>
      <c r="O7266" s="236">
        <f t="shared" si="1687"/>
        <v>2.1467939728522469</v>
      </c>
      <c r="P7266" s="236" t="str">
        <f t="shared" si="1688"/>
        <v>SAND</v>
      </c>
      <c r="Q7266" s="236" t="e">
        <f t="shared" si="1684"/>
        <v>#N/A</v>
      </c>
      <c r="R7266" s="238">
        <v>35</v>
      </c>
      <c r="S7266" s="236" t="e">
        <f t="shared" si="1689"/>
        <v>#N/A</v>
      </c>
      <c r="T7266" s="236">
        <f t="shared" si="1676"/>
        <v>34.023185155352621</v>
      </c>
    </row>
    <row r="7267" spans="2:20" x14ac:dyDescent="0.2">
      <c r="B7267" s="239">
        <v>72.432000000000002</v>
      </c>
      <c r="C7267" s="3">
        <f t="shared" si="1677"/>
        <v>72.424999999999997</v>
      </c>
      <c r="D7267" s="239">
        <v>23.438700000000001</v>
      </c>
      <c r="E7267" s="239">
        <v>9.4E-2</v>
      </c>
      <c r="F7267" s="239">
        <v>0.61080000000000001</v>
      </c>
      <c r="G7267">
        <f t="shared" si="1678"/>
        <v>23.560860000000002</v>
      </c>
      <c r="H7267" s="235">
        <f t="shared" si="1679"/>
        <v>0.39896676097561801</v>
      </c>
      <c r="I7267" s="236">
        <f t="shared" si="1680"/>
        <v>19.806860283913977</v>
      </c>
      <c r="J7267" s="237">
        <f t="shared" si="1685"/>
        <v>9.8068602839139771</v>
      </c>
      <c r="K7267" s="237">
        <f t="shared" si="1681"/>
        <v>1434.5118560624696</v>
      </c>
      <c r="L7267" s="237">
        <f t="shared" si="1686"/>
        <v>710.33050408445717</v>
      </c>
      <c r="M7267" s="236">
        <f t="shared" si="1682"/>
        <v>31.149370633401301</v>
      </c>
      <c r="N7267" s="236">
        <f t="shared" si="1683"/>
        <v>0.42483287069563425</v>
      </c>
      <c r="O7267" s="236">
        <f t="shared" si="1687"/>
        <v>2.1508665066230384</v>
      </c>
      <c r="P7267" s="236" t="str">
        <f t="shared" si="1688"/>
        <v>SAND</v>
      </c>
      <c r="Q7267" s="236" t="e">
        <f t="shared" si="1684"/>
        <v>#N/A</v>
      </c>
      <c r="R7267" s="238">
        <v>35</v>
      </c>
      <c r="S7267" s="236" t="e">
        <f t="shared" si="1689"/>
        <v>#N/A</v>
      </c>
      <c r="T7267" s="236">
        <f t="shared" si="1676"/>
        <v>34.027942038789</v>
      </c>
    </row>
    <row r="7268" spans="2:20" x14ac:dyDescent="0.2">
      <c r="B7268" s="239">
        <v>72.442999999999998</v>
      </c>
      <c r="C7268" s="3">
        <f t="shared" si="1677"/>
        <v>72.435999999999993</v>
      </c>
      <c r="D7268" s="239">
        <v>23.5304</v>
      </c>
      <c r="E7268" s="239">
        <v>9.5899999999999999E-2</v>
      </c>
      <c r="F7268" s="239">
        <v>0.62690000000000001</v>
      </c>
      <c r="G7268">
        <f t="shared" si="1678"/>
        <v>23.65578</v>
      </c>
      <c r="H7268" s="235">
        <f t="shared" si="1679"/>
        <v>0.40539775057089639</v>
      </c>
      <c r="I7268" s="236">
        <f t="shared" si="1680"/>
        <v>19.831896839061038</v>
      </c>
      <c r="J7268" s="237">
        <f t="shared" si="1685"/>
        <v>9.831896839061038</v>
      </c>
      <c r="K7268" s="237">
        <f t="shared" si="1681"/>
        <v>1436.5432794342253</v>
      </c>
      <c r="L7268" s="237">
        <f t="shared" si="1686"/>
        <v>712.2521027120988</v>
      </c>
      <c r="M7268" s="236">
        <f t="shared" si="1682"/>
        <v>31.195747455093251</v>
      </c>
      <c r="N7268" s="236">
        <f t="shared" si="1683"/>
        <v>0.43160798548600227</v>
      </c>
      <c r="O7268" s="236">
        <f t="shared" si="1687"/>
        <v>2.1529925704850061</v>
      </c>
      <c r="P7268" s="236" t="str">
        <f t="shared" si="1688"/>
        <v>SAND</v>
      </c>
      <c r="Q7268" s="236" t="e">
        <f t="shared" si="1684"/>
        <v>#N/A</v>
      </c>
      <c r="R7268" s="238">
        <v>35</v>
      </c>
      <c r="S7268" s="236" t="e">
        <f t="shared" si="1689"/>
        <v>#N/A</v>
      </c>
      <c r="T7268" s="236">
        <f t="shared" si="1676"/>
        <v>34.035049354418433</v>
      </c>
    </row>
    <row r="7269" spans="2:20" x14ac:dyDescent="0.2">
      <c r="B7269" s="239">
        <v>72.451999999999998</v>
      </c>
      <c r="C7269" s="3">
        <f t="shared" si="1677"/>
        <v>72.444999999999993</v>
      </c>
      <c r="D7269" s="239">
        <v>23.581700000000001</v>
      </c>
      <c r="E7269" s="239">
        <v>9.2200000000000004E-2</v>
      </c>
      <c r="F7269" s="239">
        <v>0.62070000000000003</v>
      </c>
      <c r="G7269">
        <f t="shared" si="1678"/>
        <v>23.705840000000002</v>
      </c>
      <c r="H7269" s="235">
        <f t="shared" si="1679"/>
        <v>0.3889336973505263</v>
      </c>
      <c r="I7269" s="236">
        <f t="shared" si="1680"/>
        <v>19.786586355193553</v>
      </c>
      <c r="J7269" s="237">
        <f t="shared" si="1685"/>
        <v>9.7865863551935526</v>
      </c>
      <c r="K7269" s="237">
        <f t="shared" si="1681"/>
        <v>1433.4392485019969</v>
      </c>
      <c r="L7269" s="237">
        <f t="shared" si="1686"/>
        <v>709.05775460648329</v>
      </c>
      <c r="M7269" s="236">
        <f t="shared" si="1682"/>
        <v>31.41126460687094</v>
      </c>
      <c r="N7269" s="236">
        <f t="shared" si="1683"/>
        <v>0.41396525246071092</v>
      </c>
      <c r="O7269" s="236">
        <f t="shared" si="1687"/>
        <v>2.1431053370881417</v>
      </c>
      <c r="P7269" s="236" t="str">
        <f t="shared" si="1688"/>
        <v>SAND</v>
      </c>
      <c r="Q7269" s="236" t="e">
        <f t="shared" si="1684"/>
        <v>#N/A</v>
      </c>
      <c r="R7269" s="238">
        <v>35</v>
      </c>
      <c r="S7269" s="236" t="e">
        <f t="shared" si="1689"/>
        <v>#N/A</v>
      </c>
      <c r="T7269" s="236">
        <f t="shared" si="1676"/>
        <v>34.067939634290958</v>
      </c>
    </row>
    <row r="7270" spans="2:20" x14ac:dyDescent="0.2">
      <c r="B7270" s="239">
        <v>72.456000000000003</v>
      </c>
      <c r="C7270" s="3">
        <f t="shared" si="1677"/>
        <v>72.448999999999998</v>
      </c>
      <c r="D7270" s="239">
        <v>23.678999999999998</v>
      </c>
      <c r="E7270" s="239">
        <v>9.4200000000000006E-2</v>
      </c>
      <c r="F7270" s="239">
        <v>0.61270000000000002</v>
      </c>
      <c r="G7270">
        <f t="shared" si="1678"/>
        <v>23.801539999999999</v>
      </c>
      <c r="H7270" s="235">
        <f t="shared" si="1679"/>
        <v>0.39577271050528667</v>
      </c>
      <c r="I7270" s="236">
        <f t="shared" si="1680"/>
        <v>19.813325043722791</v>
      </c>
      <c r="J7270" s="237">
        <f t="shared" si="1685"/>
        <v>9.8133250437227915</v>
      </c>
      <c r="K7270" s="237">
        <f t="shared" si="1681"/>
        <v>1435.4555860926725</v>
      </c>
      <c r="L7270" s="237">
        <f t="shared" si="1686"/>
        <v>711.03427936797857</v>
      </c>
      <c r="M7270" s="236">
        <f t="shared" si="1682"/>
        <v>31.455704827322823</v>
      </c>
      <c r="N7270" s="236">
        <f t="shared" si="1683"/>
        <v>0.42117340816895976</v>
      </c>
      <c r="O7270" s="236">
        <f t="shared" si="1687"/>
        <v>2.1454798668211663</v>
      </c>
      <c r="P7270" s="236" t="str">
        <f t="shared" si="1688"/>
        <v>SAND</v>
      </c>
      <c r="Q7270" s="236" t="e">
        <f t="shared" si="1684"/>
        <v>#N/A</v>
      </c>
      <c r="R7270" s="238">
        <v>35</v>
      </c>
      <c r="S7270" s="236" t="e">
        <f t="shared" si="1689"/>
        <v>#N/A</v>
      </c>
      <c r="T7270" s="236">
        <f t="shared" si="1676"/>
        <v>34.074693629432062</v>
      </c>
    </row>
    <row r="7271" spans="2:20" x14ac:dyDescent="0.2">
      <c r="B7271" s="239">
        <v>72.472999999999999</v>
      </c>
      <c r="C7271" s="3">
        <f t="shared" si="1677"/>
        <v>72.465999999999994</v>
      </c>
      <c r="D7271" s="239">
        <v>23.391300000000001</v>
      </c>
      <c r="E7271" s="239">
        <v>0.105</v>
      </c>
      <c r="F7271" s="239">
        <v>0.6613</v>
      </c>
      <c r="G7271">
        <f t="shared" si="1678"/>
        <v>23.52356</v>
      </c>
      <c r="H7271" s="235">
        <f t="shared" si="1679"/>
        <v>0.44636100998318284</v>
      </c>
      <c r="I7271" s="236">
        <f t="shared" si="1680"/>
        <v>19.936006904602319</v>
      </c>
      <c r="J7271" s="237">
        <f t="shared" si="1685"/>
        <v>9.9360069046023192</v>
      </c>
      <c r="K7271" s="237">
        <f t="shared" si="1681"/>
        <v>1444.6826763489116</v>
      </c>
      <c r="L7271" s="237">
        <f t="shared" si="1686"/>
        <v>720.09222839724384</v>
      </c>
      <c r="M7271" s="236">
        <f t="shared" si="1682"/>
        <v>30.661179850244302</v>
      </c>
      <c r="N7271" s="236">
        <f t="shared" si="1683"/>
        <v>0.47556765890230779</v>
      </c>
      <c r="O7271" s="236">
        <f t="shared" si="1687"/>
        <v>2.1769036896252318</v>
      </c>
      <c r="P7271" s="236" t="str">
        <f t="shared" si="1688"/>
        <v>SAND</v>
      </c>
      <c r="Q7271" s="236" t="e">
        <f t="shared" si="1684"/>
        <v>#N/A</v>
      </c>
      <c r="R7271" s="238">
        <v>35</v>
      </c>
      <c r="S7271" s="236" t="e">
        <f t="shared" si="1689"/>
        <v>#N/A</v>
      </c>
      <c r="T7271" s="236">
        <f t="shared" si="1676"/>
        <v>33.952477488660477</v>
      </c>
    </row>
    <row r="7272" spans="2:20" x14ac:dyDescent="0.2">
      <c r="B7272" s="239">
        <v>72.483999999999995</v>
      </c>
      <c r="C7272" s="3">
        <f t="shared" si="1677"/>
        <v>72.47699999999999</v>
      </c>
      <c r="D7272" s="239">
        <v>23.835899999999999</v>
      </c>
      <c r="E7272" s="239">
        <v>9.6500000000000002E-2</v>
      </c>
      <c r="F7272" s="239">
        <v>0.62780000000000002</v>
      </c>
      <c r="G7272">
        <f t="shared" si="1678"/>
        <v>23.961459999999999</v>
      </c>
      <c r="H7272" s="235">
        <f t="shared" si="1679"/>
        <v>0.40273005067303913</v>
      </c>
      <c r="I7272" s="236">
        <f t="shared" si="1680"/>
        <v>19.844228749349064</v>
      </c>
      <c r="J7272" s="237">
        <f t="shared" si="1685"/>
        <v>9.8442287493490639</v>
      </c>
      <c r="K7272" s="237">
        <f t="shared" si="1681"/>
        <v>1438.250167066572</v>
      </c>
      <c r="L7272" s="237">
        <f t="shared" si="1686"/>
        <v>713.54907666781753</v>
      </c>
      <c r="M7272" s="236">
        <f t="shared" si="1682"/>
        <v>31.565046567103582</v>
      </c>
      <c r="N7272" s="236">
        <f t="shared" si="1683"/>
        <v>0.42844692526416794</v>
      </c>
      <c r="O7272" s="236">
        <f t="shared" si="1687"/>
        <v>2.1470341936902564</v>
      </c>
      <c r="P7272" s="236" t="str">
        <f t="shared" si="1688"/>
        <v>SAND</v>
      </c>
      <c r="Q7272" s="236" t="e">
        <f t="shared" si="1684"/>
        <v>#N/A</v>
      </c>
      <c r="R7272" s="238">
        <v>35</v>
      </c>
      <c r="S7272" s="236" t="e">
        <f t="shared" si="1689"/>
        <v>#N/A</v>
      </c>
      <c r="T7272" s="236">
        <f t="shared" si="1676"/>
        <v>34.091270778040908</v>
      </c>
    </row>
    <row r="7273" spans="2:20" x14ac:dyDescent="0.2">
      <c r="B7273" s="239">
        <v>72.492999999999995</v>
      </c>
      <c r="C7273" s="3">
        <f t="shared" si="1677"/>
        <v>72.48599999999999</v>
      </c>
      <c r="D7273" s="239">
        <v>24.0335</v>
      </c>
      <c r="E7273" s="239">
        <v>9.5399999999999999E-2</v>
      </c>
      <c r="F7273" s="239">
        <v>0.62619999999999998</v>
      </c>
      <c r="G7273">
        <f t="shared" si="1678"/>
        <v>24.158740000000002</v>
      </c>
      <c r="H7273" s="235">
        <f t="shared" si="1679"/>
        <v>0.39488814400088745</v>
      </c>
      <c r="I7273" s="236">
        <f t="shared" si="1680"/>
        <v>19.833990517988674</v>
      </c>
      <c r="J7273" s="237">
        <f t="shared" si="1685"/>
        <v>9.8339905179886742</v>
      </c>
      <c r="K7273" s="237">
        <f t="shared" si="1681"/>
        <v>1437.6866366869269</v>
      </c>
      <c r="L7273" s="237">
        <f t="shared" si="1686"/>
        <v>712.89547462055293</v>
      </c>
      <c r="M7273" s="236">
        <f t="shared" si="1682"/>
        <v>31.871507355838702</v>
      </c>
      <c r="N7273" s="236">
        <f t="shared" si="1683"/>
        <v>0.41987489961200125</v>
      </c>
      <c r="O7273" s="236">
        <f t="shared" si="1687"/>
        <v>2.1397094443830711</v>
      </c>
      <c r="P7273" s="236" t="str">
        <f t="shared" si="1688"/>
        <v>SAND</v>
      </c>
      <c r="Q7273" s="236" t="e">
        <f t="shared" si="1684"/>
        <v>#N/A</v>
      </c>
      <c r="R7273" s="238">
        <v>35</v>
      </c>
      <c r="S7273" s="236" t="e">
        <f t="shared" si="1689"/>
        <v>#N/A</v>
      </c>
      <c r="T7273" s="236">
        <f t="shared" si="1676"/>
        <v>34.137428642022343</v>
      </c>
    </row>
    <row r="7274" spans="2:20" x14ac:dyDescent="0.2">
      <c r="B7274" s="239">
        <v>72.503</v>
      </c>
      <c r="C7274" s="3">
        <f t="shared" si="1677"/>
        <v>72.495999999999995</v>
      </c>
      <c r="D7274" s="239">
        <v>24.137</v>
      </c>
      <c r="E7274" s="239">
        <v>9.7500000000000003E-2</v>
      </c>
      <c r="F7274" s="239">
        <v>0.61419999999999997</v>
      </c>
      <c r="G7274">
        <f t="shared" si="1678"/>
        <v>24.259840000000001</v>
      </c>
      <c r="H7274" s="235">
        <f t="shared" si="1679"/>
        <v>0.40189877591937956</v>
      </c>
      <c r="I7274" s="236">
        <f t="shared" si="1680"/>
        <v>19.861154655797243</v>
      </c>
      <c r="J7274" s="237">
        <f t="shared" si="1685"/>
        <v>9.8611546557972432</v>
      </c>
      <c r="K7274" s="237">
        <f t="shared" si="1681"/>
        <v>1439.8542679266768</v>
      </c>
      <c r="L7274" s="237">
        <f t="shared" si="1686"/>
        <v>714.96329600926754</v>
      </c>
      <c r="M7274" s="236">
        <f t="shared" si="1682"/>
        <v>31.917702432346296</v>
      </c>
      <c r="N7274" s="236">
        <f t="shared" si="1683"/>
        <v>0.42725705942473247</v>
      </c>
      <c r="O7274" s="236">
        <f t="shared" si="1687"/>
        <v>2.1421260141481415</v>
      </c>
      <c r="P7274" s="236" t="str">
        <f t="shared" si="1688"/>
        <v>SAND</v>
      </c>
      <c r="Q7274" s="236" t="e">
        <f t="shared" si="1684"/>
        <v>#N/A</v>
      </c>
      <c r="R7274" s="238">
        <v>35</v>
      </c>
      <c r="S7274" s="236" t="e">
        <f t="shared" si="1689"/>
        <v>#N/A</v>
      </c>
      <c r="T7274" s="236">
        <f t="shared" si="1676"/>
        <v>34.144347836485281</v>
      </c>
    </row>
    <row r="7275" spans="2:20" x14ac:dyDescent="0.2">
      <c r="B7275" s="239">
        <v>72.512</v>
      </c>
      <c r="C7275" s="3">
        <f t="shared" si="1677"/>
        <v>72.504999999999995</v>
      </c>
      <c r="D7275" s="239">
        <v>24.2591</v>
      </c>
      <c r="E7275" s="239">
        <v>9.7900000000000001E-2</v>
      </c>
      <c r="F7275" s="239">
        <v>0.60089999999999999</v>
      </c>
      <c r="G7275">
        <f t="shared" si="1678"/>
        <v>24.379280000000001</v>
      </c>
      <c r="H7275" s="235">
        <f t="shared" si="1679"/>
        <v>0.40157051397744314</v>
      </c>
      <c r="I7275" s="236">
        <f t="shared" si="1680"/>
        <v>19.867875110050697</v>
      </c>
      <c r="J7275" s="237">
        <f t="shared" si="1685"/>
        <v>9.8678751100506972</v>
      </c>
      <c r="K7275" s="237">
        <f t="shared" si="1681"/>
        <v>1440.5202848542258</v>
      </c>
      <c r="L7275" s="237">
        <f t="shared" si="1686"/>
        <v>715.53935997999611</v>
      </c>
      <c r="M7275" s="236">
        <f t="shared" si="1682"/>
        <v>32.057998480736352</v>
      </c>
      <c r="N7275" s="236">
        <f t="shared" si="1683"/>
        <v>0.42678855010351568</v>
      </c>
      <c r="O7275" s="236">
        <f t="shared" si="1687"/>
        <v>2.1401886706202942</v>
      </c>
      <c r="P7275" s="236" t="str">
        <f t="shared" si="1688"/>
        <v>SAND</v>
      </c>
      <c r="Q7275" s="236" t="e">
        <f t="shared" si="1684"/>
        <v>#N/A</v>
      </c>
      <c r="R7275" s="238">
        <v>35</v>
      </c>
      <c r="S7275" s="236" t="e">
        <f t="shared" si="1689"/>
        <v>#N/A</v>
      </c>
      <c r="T7275" s="236">
        <f t="shared" si="1676"/>
        <v>34.165300443833452</v>
      </c>
    </row>
    <row r="7276" spans="2:20" x14ac:dyDescent="0.2">
      <c r="B7276" s="239">
        <v>72.522999999999996</v>
      </c>
      <c r="C7276" s="3">
        <f t="shared" si="1677"/>
        <v>72.515999999999991</v>
      </c>
      <c r="D7276" s="239">
        <v>24.194199999999999</v>
      </c>
      <c r="E7276" s="239">
        <v>9.4200000000000006E-2</v>
      </c>
      <c r="F7276" s="239">
        <v>0.58409999999999995</v>
      </c>
      <c r="G7276">
        <f t="shared" si="1678"/>
        <v>24.311019999999999</v>
      </c>
      <c r="H7276" s="235">
        <f t="shared" si="1679"/>
        <v>0.38747860023972669</v>
      </c>
      <c r="I7276" s="236">
        <f t="shared" si="1680"/>
        <v>19.821603354469698</v>
      </c>
      <c r="J7276" s="237">
        <f t="shared" si="1685"/>
        <v>9.8216033544696977</v>
      </c>
      <c r="K7276" s="237">
        <f t="shared" si="1681"/>
        <v>1437.3833888527245</v>
      </c>
      <c r="L7276" s="237">
        <f t="shared" si="1686"/>
        <v>712.2921400762059</v>
      </c>
      <c r="M7276" s="236">
        <f t="shared" si="1682"/>
        <v>32.112717976503426</v>
      </c>
      <c r="N7276" s="236">
        <f t="shared" si="1683"/>
        <v>0.41182782432633569</v>
      </c>
      <c r="O7276" s="236">
        <f t="shared" si="1687"/>
        <v>2.1333980458192836</v>
      </c>
      <c r="P7276" s="236" t="str">
        <f t="shared" si="1688"/>
        <v>SAND</v>
      </c>
      <c r="Q7276" s="236" t="e">
        <f t="shared" si="1684"/>
        <v>#N/A</v>
      </c>
      <c r="R7276" s="238">
        <v>35</v>
      </c>
      <c r="S7276" s="236" t="e">
        <f t="shared" si="1689"/>
        <v>#N/A</v>
      </c>
      <c r="T7276" s="236">
        <f t="shared" si="1676"/>
        <v>34.17344771734065</v>
      </c>
    </row>
    <row r="7277" spans="2:20" x14ac:dyDescent="0.2">
      <c r="B7277" s="239">
        <v>72.531999999999996</v>
      </c>
      <c r="C7277" s="3">
        <f t="shared" si="1677"/>
        <v>72.524999999999991</v>
      </c>
      <c r="D7277" s="239">
        <v>24.2958</v>
      </c>
      <c r="E7277" s="239">
        <v>9.1800000000000007E-2</v>
      </c>
      <c r="F7277" s="239">
        <v>0.61140000000000005</v>
      </c>
      <c r="G7277">
        <f t="shared" si="1678"/>
        <v>24.41808</v>
      </c>
      <c r="H7277" s="235">
        <f t="shared" si="1679"/>
        <v>0.37595093471722596</v>
      </c>
      <c r="I7277" s="236">
        <f t="shared" si="1680"/>
        <v>19.793058654662499</v>
      </c>
      <c r="J7277" s="237">
        <f t="shared" si="1685"/>
        <v>9.7930586546624987</v>
      </c>
      <c r="K7277" s="237">
        <f t="shared" si="1681"/>
        <v>1435.4915789293975</v>
      </c>
      <c r="L7277" s="237">
        <f t="shared" si="1686"/>
        <v>710.31013033998033</v>
      </c>
      <c r="M7277" s="236">
        <f t="shared" si="1682"/>
        <v>32.355709765916323</v>
      </c>
      <c r="N7277" s="236">
        <f t="shared" si="1683"/>
        <v>0.39943281547798642</v>
      </c>
      <c r="O7277" s="236">
        <f t="shared" si="1687"/>
        <v>2.1252204998632371</v>
      </c>
      <c r="P7277" s="236" t="str">
        <f t="shared" si="1688"/>
        <v>SAND</v>
      </c>
      <c r="Q7277" s="236" t="e">
        <f t="shared" si="1684"/>
        <v>#N/A</v>
      </c>
      <c r="R7277" s="238">
        <v>35</v>
      </c>
      <c r="S7277" s="236" t="e">
        <f t="shared" si="1689"/>
        <v>#N/A</v>
      </c>
      <c r="T7277" s="236">
        <f t="shared" si="1676"/>
        <v>34.209460242045225</v>
      </c>
    </row>
    <row r="7278" spans="2:20" x14ac:dyDescent="0.2">
      <c r="B7278" s="239">
        <v>72.540999999999997</v>
      </c>
      <c r="C7278" s="3">
        <f t="shared" si="1677"/>
        <v>72.533999999999992</v>
      </c>
      <c r="D7278" s="239">
        <v>24.383500000000002</v>
      </c>
      <c r="E7278" s="239">
        <v>9.2299999999999993E-2</v>
      </c>
      <c r="F7278" s="239">
        <v>0.58930000000000005</v>
      </c>
      <c r="G7278">
        <f t="shared" si="1678"/>
        <v>24.501360000000002</v>
      </c>
      <c r="H7278" s="235">
        <f t="shared" si="1679"/>
        <v>0.37671378241860853</v>
      </c>
      <c r="I7278" s="236">
        <f t="shared" si="1680"/>
        <v>19.800758819476137</v>
      </c>
      <c r="J7278" s="237">
        <f t="shared" si="1685"/>
        <v>9.8007588194761368</v>
      </c>
      <c r="K7278" s="237">
        <f t="shared" si="1681"/>
        <v>1436.2282402118819</v>
      </c>
      <c r="L7278" s="237">
        <f t="shared" si="1686"/>
        <v>710.95684552361843</v>
      </c>
      <c r="M7278" s="236">
        <f t="shared" si="1682"/>
        <v>32.442379456661243</v>
      </c>
      <c r="N7278" s="236">
        <f t="shared" si="1683"/>
        <v>0.40017113694063672</v>
      </c>
      <c r="O7278" s="236">
        <f t="shared" si="1687"/>
        <v>2.1244593541101837</v>
      </c>
      <c r="P7278" s="236" t="str">
        <f t="shared" si="1688"/>
        <v>SAND</v>
      </c>
      <c r="Q7278" s="236" t="e">
        <f t="shared" si="1684"/>
        <v>#N/A</v>
      </c>
      <c r="R7278" s="238">
        <v>35</v>
      </c>
      <c r="S7278" s="236" t="e">
        <f t="shared" si="1689"/>
        <v>#N/A</v>
      </c>
      <c r="T7278" s="236">
        <f t="shared" si="1676"/>
        <v>34.222239696029163</v>
      </c>
    </row>
    <row r="7279" spans="2:20" x14ac:dyDescent="0.2">
      <c r="B7279" s="239">
        <v>72.55</v>
      </c>
      <c r="C7279" s="3">
        <f t="shared" si="1677"/>
        <v>72.542999999999992</v>
      </c>
      <c r="D7279" s="239">
        <v>24.418700000000001</v>
      </c>
      <c r="E7279" s="239">
        <v>9.0300000000000005E-2</v>
      </c>
      <c r="F7279" s="239">
        <v>0.57920000000000005</v>
      </c>
      <c r="G7279">
        <f t="shared" si="1678"/>
        <v>24.53454</v>
      </c>
      <c r="H7279" s="235">
        <f t="shared" si="1679"/>
        <v>0.36805254958927291</v>
      </c>
      <c r="I7279" s="236">
        <f t="shared" si="1680"/>
        <v>19.775600108023955</v>
      </c>
      <c r="J7279" s="237">
        <f t="shared" si="1685"/>
        <v>9.775600108023955</v>
      </c>
      <c r="K7279" s="237">
        <f t="shared" si="1681"/>
        <v>1434.5813586363815</v>
      </c>
      <c r="L7279" s="237">
        <f t="shared" si="1686"/>
        <v>709.21978783713791</v>
      </c>
      <c r="M7279" s="236">
        <f t="shared" si="1682"/>
        <v>32.57094491372002</v>
      </c>
      <c r="N7279" s="236">
        <f t="shared" si="1683"/>
        <v>0.39090979080068816</v>
      </c>
      <c r="O7279" s="236">
        <f t="shared" si="1687"/>
        <v>2.1189576039201294</v>
      </c>
      <c r="P7279" s="236" t="str">
        <f t="shared" si="1688"/>
        <v>SAND</v>
      </c>
      <c r="Q7279" s="236" t="e">
        <f t="shared" si="1684"/>
        <v>#N/A</v>
      </c>
      <c r="R7279" s="238">
        <v>35</v>
      </c>
      <c r="S7279" s="236" t="e">
        <f t="shared" si="1689"/>
        <v>#N/A</v>
      </c>
      <c r="T7279" s="236">
        <f t="shared" si="1676"/>
        <v>34.241133938425449</v>
      </c>
    </row>
    <row r="7280" spans="2:20" x14ac:dyDescent="0.2">
      <c r="B7280" s="239">
        <v>72.561000000000007</v>
      </c>
      <c r="C7280" s="3">
        <f t="shared" si="1677"/>
        <v>72.554000000000002</v>
      </c>
      <c r="D7280" s="239">
        <v>24.565000000000001</v>
      </c>
      <c r="E7280" s="239">
        <v>8.9599999999999999E-2</v>
      </c>
      <c r="F7280" s="239">
        <v>0.58540000000000003</v>
      </c>
      <c r="G7280">
        <f t="shared" si="1678"/>
        <v>24.682080000000003</v>
      </c>
      <c r="H7280" s="235">
        <f t="shared" si="1679"/>
        <v>0.36301640704511123</v>
      </c>
      <c r="I7280" s="236">
        <f t="shared" si="1680"/>
        <v>19.768818260530836</v>
      </c>
      <c r="J7280" s="237">
        <f t="shared" si="1685"/>
        <v>9.7688182605308356</v>
      </c>
      <c r="K7280" s="237">
        <f t="shared" si="1681"/>
        <v>1434.3068400745542</v>
      </c>
      <c r="L7280" s="237">
        <f t="shared" si="1686"/>
        <v>708.83522180237799</v>
      </c>
      <c r="M7280" s="236">
        <f t="shared" si="1682"/>
        <v>32.797147270436973</v>
      </c>
      <c r="N7280" s="236">
        <f t="shared" si="1683"/>
        <v>0.3854132582231688</v>
      </c>
      <c r="O7280" s="236">
        <f t="shared" si="1687"/>
        <v>2.113829328754079</v>
      </c>
      <c r="P7280" s="236" t="str">
        <f t="shared" si="1688"/>
        <v>SAND</v>
      </c>
      <c r="Q7280" s="236" t="e">
        <f t="shared" si="1684"/>
        <v>#N/A</v>
      </c>
      <c r="R7280" s="238">
        <v>35</v>
      </c>
      <c r="S7280" s="236" t="e">
        <f t="shared" si="1689"/>
        <v>#N/A</v>
      </c>
      <c r="T7280" s="236">
        <f t="shared" si="1676"/>
        <v>34.274196769716809</v>
      </c>
    </row>
    <row r="7281" spans="2:20" x14ac:dyDescent="0.2">
      <c r="B7281" s="239">
        <v>72.570999999999998</v>
      </c>
      <c r="C7281" s="3">
        <f t="shared" si="1677"/>
        <v>72.563999999999993</v>
      </c>
      <c r="D7281" s="239">
        <v>24.625699999999998</v>
      </c>
      <c r="E7281" s="239">
        <v>8.9300000000000004E-2</v>
      </c>
      <c r="F7281" s="239">
        <v>0.624</v>
      </c>
      <c r="G7281">
        <f t="shared" si="1678"/>
        <v>24.750499999999999</v>
      </c>
      <c r="H7281" s="235">
        <f t="shared" si="1679"/>
        <v>0.36080079190319392</v>
      </c>
      <c r="I7281" s="236">
        <f t="shared" si="1680"/>
        <v>19.765967572507741</v>
      </c>
      <c r="J7281" s="237">
        <f t="shared" si="1685"/>
        <v>9.7659675725077406</v>
      </c>
      <c r="K7281" s="237">
        <f t="shared" si="1681"/>
        <v>1434.2976709314516</v>
      </c>
      <c r="L7281" s="237">
        <f t="shared" si="1686"/>
        <v>708.72603270445927</v>
      </c>
      <c r="M7281" s="236">
        <f t="shared" si="1682"/>
        <v>32.89875248422188</v>
      </c>
      <c r="N7281" s="236">
        <f t="shared" si="1683"/>
        <v>0.38299547559110342</v>
      </c>
      <c r="O7281" s="236">
        <f t="shared" si="1687"/>
        <v>2.111546402089167</v>
      </c>
      <c r="P7281" s="236" t="str">
        <f t="shared" si="1688"/>
        <v>SAND</v>
      </c>
      <c r="Q7281" s="236" t="e">
        <f t="shared" si="1684"/>
        <v>#N/A</v>
      </c>
      <c r="R7281" s="238">
        <v>35</v>
      </c>
      <c r="S7281" s="236" t="e">
        <f t="shared" si="1689"/>
        <v>#N/A</v>
      </c>
      <c r="T7281" s="236">
        <f t="shared" si="1676"/>
        <v>34.288973728683843</v>
      </c>
    </row>
    <row r="7282" spans="2:20" x14ac:dyDescent="0.2">
      <c r="B7282" s="239">
        <v>72.58</v>
      </c>
      <c r="C7282" s="3">
        <f t="shared" si="1677"/>
        <v>72.572999999999993</v>
      </c>
      <c r="D7282" s="239">
        <v>24.661300000000001</v>
      </c>
      <c r="E7282" s="239">
        <v>8.6400000000000005E-2</v>
      </c>
      <c r="F7282" s="239">
        <v>0.62229999999999996</v>
      </c>
      <c r="G7282">
        <f t="shared" si="1678"/>
        <v>24.78576</v>
      </c>
      <c r="H7282" s="235">
        <f t="shared" si="1679"/>
        <v>0.34858725332610341</v>
      </c>
      <c r="I7282" s="236">
        <f t="shared" si="1680"/>
        <v>19.727812175180013</v>
      </c>
      <c r="J7282" s="237">
        <f t="shared" si="1685"/>
        <v>9.7278121751800128</v>
      </c>
      <c r="K7282" s="237">
        <f t="shared" si="1681"/>
        <v>1431.706512989339</v>
      </c>
      <c r="L7282" s="237">
        <f t="shared" si="1686"/>
        <v>706.04460767456533</v>
      </c>
      <c r="M7282" s="236">
        <f t="shared" si="1682"/>
        <v>33.077305928204417</v>
      </c>
      <c r="N7282" s="236">
        <f t="shared" si="1683"/>
        <v>0.3699571898645132</v>
      </c>
      <c r="O7282" s="236">
        <f t="shared" si="1687"/>
        <v>2.1036909127665497</v>
      </c>
      <c r="P7282" s="236" t="str">
        <f t="shared" si="1688"/>
        <v>SAND</v>
      </c>
      <c r="Q7282" s="236" t="e">
        <f t="shared" si="1684"/>
        <v>#N/A</v>
      </c>
      <c r="R7282" s="238">
        <v>35</v>
      </c>
      <c r="S7282" s="236" t="e">
        <f t="shared" si="1689"/>
        <v>#N/A</v>
      </c>
      <c r="T7282" s="236">
        <f t="shared" si="1676"/>
        <v>34.314831430188242</v>
      </c>
    </row>
    <row r="7283" spans="2:20" x14ac:dyDescent="0.2">
      <c r="B7283" s="239">
        <v>72.59</v>
      </c>
      <c r="C7283" s="3">
        <f t="shared" si="1677"/>
        <v>72.582999999999998</v>
      </c>
      <c r="D7283" s="239">
        <v>24.691400000000002</v>
      </c>
      <c r="E7283" s="239">
        <v>8.5199999999999998E-2</v>
      </c>
      <c r="F7283" s="239">
        <v>0.62519999999999998</v>
      </c>
      <c r="G7283">
        <f t="shared" si="1678"/>
        <v>24.81644</v>
      </c>
      <c r="H7283" s="235">
        <f t="shared" si="1679"/>
        <v>0.34332079863187465</v>
      </c>
      <c r="I7283" s="236">
        <f t="shared" si="1680"/>
        <v>19.71189549284481</v>
      </c>
      <c r="J7283" s="237">
        <f t="shared" si="1685"/>
        <v>9.7118954928448105</v>
      </c>
      <c r="K7283" s="237">
        <f t="shared" si="1681"/>
        <v>1430.7485105571548</v>
      </c>
      <c r="L7283" s="237">
        <f t="shared" si="1686"/>
        <v>704.98649382560484</v>
      </c>
      <c r="M7283" s="236">
        <f t="shared" si="1682"/>
        <v>33.171829097803752</v>
      </c>
      <c r="N7283" s="236">
        <f t="shared" si="1683"/>
        <v>0.36432533987058879</v>
      </c>
      <c r="O7283" s="236">
        <f t="shared" si="1687"/>
        <v>2.1000536912424264</v>
      </c>
      <c r="P7283" s="236" t="str">
        <f t="shared" si="1688"/>
        <v>SAND</v>
      </c>
      <c r="Q7283" s="236" t="e">
        <f t="shared" si="1684"/>
        <v>#N/A</v>
      </c>
      <c r="R7283" s="238">
        <v>35</v>
      </c>
      <c r="S7283" s="236" t="e">
        <f t="shared" si="1689"/>
        <v>#N/A</v>
      </c>
      <c r="T7283" s="236">
        <f t="shared" si="1676"/>
        <v>34.328463611405311</v>
      </c>
    </row>
    <row r="7284" spans="2:20" x14ac:dyDescent="0.2">
      <c r="B7284" s="239">
        <v>72.600999999999999</v>
      </c>
      <c r="C7284" s="3">
        <f t="shared" si="1677"/>
        <v>72.593999999999994</v>
      </c>
      <c r="D7284" s="239">
        <v>24.714600000000001</v>
      </c>
      <c r="E7284" s="239">
        <v>8.4400000000000003E-2</v>
      </c>
      <c r="F7284" s="239">
        <v>0.61560000000000004</v>
      </c>
      <c r="G7284">
        <f t="shared" si="1678"/>
        <v>24.837720000000001</v>
      </c>
      <c r="H7284" s="235">
        <f t="shared" si="1679"/>
        <v>0.33980574706535061</v>
      </c>
      <c r="I7284" s="236">
        <f t="shared" si="1680"/>
        <v>19.701168214478557</v>
      </c>
      <c r="J7284" s="237">
        <f t="shared" si="1685"/>
        <v>9.7011682144785567</v>
      </c>
      <c r="K7284" s="237">
        <f t="shared" si="1681"/>
        <v>1430.1866053618562</v>
      </c>
      <c r="L7284" s="237">
        <f t="shared" si="1686"/>
        <v>704.31451353935768</v>
      </c>
      <c r="M7284" s="236">
        <f t="shared" si="1682"/>
        <v>33.234489627381663</v>
      </c>
      <c r="N7284" s="236">
        <f t="shared" si="1683"/>
        <v>0.36056767954599234</v>
      </c>
      <c r="O7284" s="236">
        <f t="shared" si="1687"/>
        <v>2.0976209978492779</v>
      </c>
      <c r="P7284" s="236" t="str">
        <f t="shared" si="1688"/>
        <v>SAND</v>
      </c>
      <c r="Q7284" s="236" t="e">
        <f t="shared" si="1684"/>
        <v>#N/A</v>
      </c>
      <c r="R7284" s="238">
        <v>35</v>
      </c>
      <c r="S7284" s="236" t="e">
        <f t="shared" si="1689"/>
        <v>#N/A</v>
      </c>
      <c r="T7284" s="236">
        <f t="shared" si="1676"/>
        <v>34.337479152067885</v>
      </c>
    </row>
    <row r="7285" spans="2:20" x14ac:dyDescent="0.2">
      <c r="B7285" s="239">
        <v>72.61</v>
      </c>
      <c r="C7285" s="3">
        <f t="shared" si="1677"/>
        <v>72.602999999999994</v>
      </c>
      <c r="D7285" s="239">
        <v>24.704000000000001</v>
      </c>
      <c r="E7285" s="239">
        <v>8.4500000000000006E-2</v>
      </c>
      <c r="F7285" s="239">
        <v>0.62090000000000001</v>
      </c>
      <c r="G7285">
        <f t="shared" si="1678"/>
        <v>24.82818</v>
      </c>
      <c r="H7285" s="235">
        <f t="shared" si="1679"/>
        <v>0.34033908244583377</v>
      </c>
      <c r="I7285" s="236">
        <f t="shared" si="1680"/>
        <v>19.702406565302674</v>
      </c>
      <c r="J7285" s="237">
        <f t="shared" si="1685"/>
        <v>9.7024065653026739</v>
      </c>
      <c r="K7285" s="237">
        <f t="shared" si="1681"/>
        <v>1430.4538238606699</v>
      </c>
      <c r="L7285" s="237">
        <f t="shared" si="1686"/>
        <v>704.49174070662718</v>
      </c>
      <c r="M7285" s="236">
        <f t="shared" si="1682"/>
        <v>33.212207928329555</v>
      </c>
      <c r="N7285" s="236">
        <f t="shared" si="1683"/>
        <v>0.36114620439558737</v>
      </c>
      <c r="O7285" s="236">
        <f t="shared" si="1687"/>
        <v>2.0981495180124412</v>
      </c>
      <c r="P7285" s="236" t="str">
        <f t="shared" si="1688"/>
        <v>SAND</v>
      </c>
      <c r="Q7285" s="236" t="e">
        <f t="shared" si="1684"/>
        <v>#N/A</v>
      </c>
      <c r="R7285" s="238">
        <v>35</v>
      </c>
      <c r="S7285" s="236" t="e">
        <f t="shared" si="1689"/>
        <v>#N/A</v>
      </c>
      <c r="T7285" s="236">
        <f t="shared" si="1676"/>
        <v>34.334275230238546</v>
      </c>
    </row>
    <row r="7286" spans="2:20" x14ac:dyDescent="0.2">
      <c r="B7286" s="239">
        <v>72.620999999999995</v>
      </c>
      <c r="C7286" s="3">
        <f t="shared" si="1677"/>
        <v>72.61399999999999</v>
      </c>
      <c r="D7286" s="239">
        <v>24.553000000000001</v>
      </c>
      <c r="E7286" s="239">
        <v>8.5300000000000001E-2</v>
      </c>
      <c r="F7286" s="239">
        <v>0.60840000000000005</v>
      </c>
      <c r="G7286">
        <f t="shared" si="1678"/>
        <v>24.674680000000002</v>
      </c>
      <c r="H7286" s="235">
        <f t="shared" si="1679"/>
        <v>0.34569850551253345</v>
      </c>
      <c r="I7286" s="236">
        <f t="shared" si="1680"/>
        <v>19.711031814740409</v>
      </c>
      <c r="J7286" s="237">
        <f t="shared" si="1685"/>
        <v>9.7110318147404087</v>
      </c>
      <c r="K7286" s="237">
        <f t="shared" si="1681"/>
        <v>1431.2968641955599</v>
      </c>
      <c r="L7286" s="237">
        <f t="shared" si="1686"/>
        <v>705.22484141826317</v>
      </c>
      <c r="M7286" s="236">
        <f t="shared" si="1682"/>
        <v>32.958826420606734</v>
      </c>
      <c r="N7286" s="236">
        <f t="shared" si="1683"/>
        <v>0.36698616333782602</v>
      </c>
      <c r="O7286" s="236">
        <f t="shared" si="1687"/>
        <v>2.1038273377945504</v>
      </c>
      <c r="P7286" s="236" t="str">
        <f t="shared" si="1688"/>
        <v>SAND</v>
      </c>
      <c r="Q7286" s="236" t="e">
        <f t="shared" si="1684"/>
        <v>#N/A</v>
      </c>
      <c r="R7286" s="238">
        <v>35</v>
      </c>
      <c r="S7286" s="236" t="e">
        <f t="shared" si="1689"/>
        <v>#N/A</v>
      </c>
      <c r="T7286" s="236">
        <f t="shared" si="1676"/>
        <v>34.297689131048458</v>
      </c>
    </row>
    <row r="7287" spans="2:20" x14ac:dyDescent="0.2">
      <c r="B7287" s="239">
        <v>72.631</v>
      </c>
      <c r="C7287" s="3">
        <f t="shared" si="1677"/>
        <v>72.623999999999995</v>
      </c>
      <c r="D7287" s="239">
        <v>24.456099999999999</v>
      </c>
      <c r="E7287" s="239">
        <v>8.5599999999999996E-2</v>
      </c>
      <c r="F7287" s="239">
        <v>0.61560000000000004</v>
      </c>
      <c r="G7287">
        <f t="shared" si="1678"/>
        <v>24.579219999999999</v>
      </c>
      <c r="H7287" s="235">
        <f t="shared" si="1679"/>
        <v>0.34826166168006956</v>
      </c>
      <c r="I7287" s="236">
        <f t="shared" si="1680"/>
        <v>19.713633506143793</v>
      </c>
      <c r="J7287" s="237">
        <f t="shared" si="1685"/>
        <v>9.7136335061437933</v>
      </c>
      <c r="K7287" s="237">
        <f t="shared" si="1681"/>
        <v>1431.6829197501868</v>
      </c>
      <c r="L7287" s="237">
        <f t="shared" si="1686"/>
        <v>705.51091518472981</v>
      </c>
      <c r="M7287" s="236">
        <f t="shared" si="1682"/>
        <v>32.809608727582763</v>
      </c>
      <c r="N7287" s="236">
        <f t="shared" si="1683"/>
        <v>0.36980176207617582</v>
      </c>
      <c r="O7287" s="236">
        <f t="shared" si="1687"/>
        <v>2.1068951087563002</v>
      </c>
      <c r="P7287" s="236" t="str">
        <f t="shared" si="1688"/>
        <v>SAND</v>
      </c>
      <c r="Q7287" s="236" t="e">
        <f t="shared" si="1684"/>
        <v>#N/A</v>
      </c>
      <c r="R7287" s="238">
        <v>35</v>
      </c>
      <c r="S7287" s="236" t="e">
        <f t="shared" si="1689"/>
        <v>#N/A</v>
      </c>
      <c r="T7287" s="236">
        <f t="shared" si="1676"/>
        <v>34.276011563410975</v>
      </c>
    </row>
    <row r="7288" spans="2:20" x14ac:dyDescent="0.2">
      <c r="B7288" s="239">
        <v>72.64</v>
      </c>
      <c r="C7288" s="3">
        <f t="shared" si="1677"/>
        <v>72.632999999999996</v>
      </c>
      <c r="D7288" s="239">
        <v>24.2685</v>
      </c>
      <c r="E7288" s="239">
        <v>8.72E-2</v>
      </c>
      <c r="F7288" s="239">
        <v>0.62360000000000004</v>
      </c>
      <c r="G7288">
        <f t="shared" si="1678"/>
        <v>24.393219999999999</v>
      </c>
      <c r="H7288" s="235">
        <f t="shared" si="1679"/>
        <v>0.35747638073202309</v>
      </c>
      <c r="I7288" s="236">
        <f t="shared" si="1680"/>
        <v>19.732379783094537</v>
      </c>
      <c r="J7288" s="237">
        <f t="shared" si="1685"/>
        <v>9.7323797830945367</v>
      </c>
      <c r="K7288" s="237">
        <f t="shared" si="1681"/>
        <v>1433.2219407855055</v>
      </c>
      <c r="L7288" s="237">
        <f t="shared" si="1686"/>
        <v>706.9600674439871</v>
      </c>
      <c r="M7288" s="236">
        <f t="shared" si="1682"/>
        <v>32.477079140023186</v>
      </c>
      <c r="N7288" s="236">
        <f t="shared" si="1683"/>
        <v>0.37979097286989616</v>
      </c>
      <c r="O7288" s="236">
        <f t="shared" si="1687"/>
        <v>2.1153468787720495</v>
      </c>
      <c r="P7288" s="236" t="str">
        <f t="shared" si="1688"/>
        <v>SAND</v>
      </c>
      <c r="Q7288" s="236" t="e">
        <f t="shared" si="1684"/>
        <v>#N/A</v>
      </c>
      <c r="R7288" s="238">
        <v>35</v>
      </c>
      <c r="S7288" s="236" t="e">
        <f t="shared" si="1689"/>
        <v>#N/A</v>
      </c>
      <c r="T7288" s="236">
        <f t="shared" si="1676"/>
        <v>34.227346599581857</v>
      </c>
    </row>
    <row r="7289" spans="2:20" x14ac:dyDescent="0.2">
      <c r="B7289" s="239">
        <v>72.650999999999996</v>
      </c>
      <c r="C7289" s="3">
        <f t="shared" si="1677"/>
        <v>72.643999999999991</v>
      </c>
      <c r="D7289" s="239">
        <v>24.028099999999998</v>
      </c>
      <c r="E7289" s="239">
        <v>8.5999999999999993E-2</v>
      </c>
      <c r="F7289" s="239">
        <v>0.61890000000000001</v>
      </c>
      <c r="G7289">
        <f t="shared" si="1678"/>
        <v>24.151879999999998</v>
      </c>
      <c r="H7289" s="235">
        <f t="shared" si="1679"/>
        <v>0.35607994077479682</v>
      </c>
      <c r="I7289" s="236">
        <f t="shared" si="1680"/>
        <v>19.712244720723156</v>
      </c>
      <c r="J7289" s="237">
        <f t="shared" si="1685"/>
        <v>9.7122447207231559</v>
      </c>
      <c r="K7289" s="237">
        <f t="shared" si="1681"/>
        <v>1431.9763054922128</v>
      </c>
      <c r="L7289" s="237">
        <f t="shared" si="1686"/>
        <v>705.60429120525794</v>
      </c>
      <c r="M7289" s="236">
        <f t="shared" si="1682"/>
        <v>32.199214173852923</v>
      </c>
      <c r="N7289" s="236">
        <f t="shared" si="1683"/>
        <v>0.3785227312419871</v>
      </c>
      <c r="O7289" s="236">
        <f t="shared" si="1687"/>
        <v>2.1182544602061948</v>
      </c>
      <c r="P7289" s="236" t="str">
        <f t="shared" si="1688"/>
        <v>SAND</v>
      </c>
      <c r="Q7289" s="236" t="e">
        <f t="shared" si="1684"/>
        <v>#N/A</v>
      </c>
      <c r="R7289" s="238">
        <v>35</v>
      </c>
      <c r="S7289" s="236" t="e">
        <f t="shared" si="1689"/>
        <v>#N/A</v>
      </c>
      <c r="T7289" s="236">
        <f t="shared" si="1676"/>
        <v>34.186298000909964</v>
      </c>
    </row>
    <row r="7290" spans="2:20" x14ac:dyDescent="0.2">
      <c r="B7290" s="239">
        <v>72.66</v>
      </c>
      <c r="C7290" s="3">
        <f t="shared" si="1677"/>
        <v>72.652999999999992</v>
      </c>
      <c r="D7290" s="239">
        <v>23.657499999999999</v>
      </c>
      <c r="E7290" s="239">
        <v>8.5999999999999993E-2</v>
      </c>
      <c r="F7290" s="239">
        <v>0.62629999999999997</v>
      </c>
      <c r="G7290">
        <f t="shared" si="1678"/>
        <v>23.78276</v>
      </c>
      <c r="H7290" s="235">
        <f t="shared" si="1679"/>
        <v>0.36160647460597506</v>
      </c>
      <c r="I7290" s="236">
        <f t="shared" si="1680"/>
        <v>19.706224900689804</v>
      </c>
      <c r="J7290" s="237">
        <f t="shared" si="1685"/>
        <v>9.7062249006898043</v>
      </c>
      <c r="K7290" s="237">
        <f t="shared" si="1681"/>
        <v>1431.7163577098163</v>
      </c>
      <c r="L7290" s="237">
        <f t="shared" si="1686"/>
        <v>705.2543012841212</v>
      </c>
      <c r="M7290" s="236">
        <f t="shared" si="1682"/>
        <v>31.692176285339329</v>
      </c>
      <c r="N7290" s="236">
        <f t="shared" si="1683"/>
        <v>0.38476950506812246</v>
      </c>
      <c r="O7290" s="236">
        <f t="shared" si="1687"/>
        <v>2.1273217566815239</v>
      </c>
      <c r="P7290" s="236" t="str">
        <f t="shared" si="1688"/>
        <v>SAND</v>
      </c>
      <c r="Q7290" s="236" t="e">
        <f t="shared" si="1684"/>
        <v>#N/A</v>
      </c>
      <c r="R7290" s="238">
        <v>35</v>
      </c>
      <c r="S7290" s="236" t="e">
        <f t="shared" si="1689"/>
        <v>#N/A</v>
      </c>
      <c r="T7290" s="236">
        <f t="shared" si="1676"/>
        <v>34.110472692907102</v>
      </c>
    </row>
    <row r="7291" spans="2:20" x14ac:dyDescent="0.2">
      <c r="B7291" s="239">
        <v>72.67</v>
      </c>
      <c r="C7291" s="3">
        <f t="shared" si="1677"/>
        <v>72.662999999999997</v>
      </c>
      <c r="D7291" s="239">
        <v>23.438300000000002</v>
      </c>
      <c r="E7291" s="239">
        <v>8.8099999999999998E-2</v>
      </c>
      <c r="F7291" s="239">
        <v>0.62749999999999995</v>
      </c>
      <c r="G7291">
        <f t="shared" si="1678"/>
        <v>23.563800000000001</v>
      </c>
      <c r="H7291" s="235">
        <f t="shared" si="1679"/>
        <v>0.37387857646050293</v>
      </c>
      <c r="I7291" s="236">
        <f t="shared" si="1680"/>
        <v>19.730898802262399</v>
      </c>
      <c r="J7291" s="237">
        <f t="shared" si="1685"/>
        <v>9.7308988022623986</v>
      </c>
      <c r="K7291" s="237">
        <f t="shared" si="1681"/>
        <v>1433.7062996687926</v>
      </c>
      <c r="L7291" s="237">
        <f t="shared" si="1686"/>
        <v>707.14441596040854</v>
      </c>
      <c r="M7291" s="236">
        <f t="shared" si="1682"/>
        <v>31.295013014102938</v>
      </c>
      <c r="N7291" s="236">
        <f t="shared" si="1683"/>
        <v>0.39810043822219093</v>
      </c>
      <c r="O7291" s="236">
        <f t="shared" si="1687"/>
        <v>2.1380216069838145</v>
      </c>
      <c r="P7291" s="236" t="str">
        <f t="shared" si="1688"/>
        <v>SAND</v>
      </c>
      <c r="Q7291" s="236" t="e">
        <f t="shared" si="1684"/>
        <v>#N/A</v>
      </c>
      <c r="R7291" s="238">
        <v>35</v>
      </c>
      <c r="S7291" s="236" t="e">
        <f t="shared" si="1689"/>
        <v>#N/A</v>
      </c>
      <c r="T7291" s="236">
        <f t="shared" si="1676"/>
        <v>34.050226501408801</v>
      </c>
    </row>
    <row r="7292" spans="2:20" x14ac:dyDescent="0.2">
      <c r="B7292" s="239">
        <v>72.680000000000007</v>
      </c>
      <c r="C7292" s="3">
        <f t="shared" si="1677"/>
        <v>72.673000000000002</v>
      </c>
      <c r="D7292" s="239">
        <v>23.103100000000001</v>
      </c>
      <c r="E7292" s="239">
        <v>8.8999999999999996E-2</v>
      </c>
      <c r="F7292" s="239">
        <v>0.6482</v>
      </c>
      <c r="G7292">
        <f t="shared" si="1678"/>
        <v>23.23274</v>
      </c>
      <c r="H7292" s="235">
        <f t="shared" si="1679"/>
        <v>0.38308008439813812</v>
      </c>
      <c r="I7292" s="236">
        <f t="shared" si="1680"/>
        <v>19.737286461317719</v>
      </c>
      <c r="J7292" s="237">
        <f t="shared" si="1685"/>
        <v>9.7372864613177192</v>
      </c>
      <c r="K7292" s="237">
        <f t="shared" si="1681"/>
        <v>1434.3678190033427</v>
      </c>
      <c r="L7292" s="237">
        <f t="shared" si="1686"/>
        <v>707.70598000857194</v>
      </c>
      <c r="M7292" s="236">
        <f t="shared" si="1682"/>
        <v>30.801452576015574</v>
      </c>
      <c r="N7292" s="236">
        <f t="shared" si="1683"/>
        <v>0.40828736779523495</v>
      </c>
      <c r="O7292" s="236">
        <f t="shared" si="1687"/>
        <v>2.1486192068853454</v>
      </c>
      <c r="P7292" s="236" t="str">
        <f t="shared" si="1688"/>
        <v>SAND</v>
      </c>
      <c r="Q7292" s="236" t="e">
        <f t="shared" si="1684"/>
        <v>#N/A</v>
      </c>
      <c r="R7292" s="238">
        <v>35</v>
      </c>
      <c r="S7292" s="236" t="e">
        <f t="shared" si="1689"/>
        <v>#N/A</v>
      </c>
      <c r="T7292" s="236">
        <f t="shared" si="1676"/>
        <v>33.974283178245152</v>
      </c>
    </row>
    <row r="7293" spans="2:20" x14ac:dyDescent="0.2">
      <c r="B7293" s="239">
        <v>72.69</v>
      </c>
      <c r="C7293" s="3">
        <f t="shared" si="1677"/>
        <v>72.682999999999993</v>
      </c>
      <c r="D7293" s="239">
        <v>23.013200000000001</v>
      </c>
      <c r="E7293" s="239">
        <v>8.6900000000000005E-2</v>
      </c>
      <c r="F7293" s="239">
        <v>0.63019999999999998</v>
      </c>
      <c r="G7293">
        <f t="shared" si="1678"/>
        <v>23.139240000000001</v>
      </c>
      <c r="H7293" s="235">
        <f t="shared" si="1679"/>
        <v>0.37555252462915811</v>
      </c>
      <c r="I7293" s="236">
        <f t="shared" si="1680"/>
        <v>19.707710632337676</v>
      </c>
      <c r="J7293" s="237">
        <f t="shared" si="1685"/>
        <v>9.7077106323376761</v>
      </c>
      <c r="K7293" s="237">
        <f t="shared" si="1681"/>
        <v>1432.4155318901992</v>
      </c>
      <c r="L7293" s="237">
        <f t="shared" si="1686"/>
        <v>705.65348586462562</v>
      </c>
      <c r="M7293" s="236">
        <f t="shared" si="1682"/>
        <v>30.761308351666099</v>
      </c>
      <c r="N7293" s="236">
        <f t="shared" si="1683"/>
        <v>0.40033492751400651</v>
      </c>
      <c r="O7293" s="236">
        <f t="shared" si="1687"/>
        <v>2.1458530575135275</v>
      </c>
      <c r="P7293" s="236" t="str">
        <f t="shared" si="1688"/>
        <v>SAND</v>
      </c>
      <c r="Q7293" s="236" t="e">
        <f t="shared" si="1684"/>
        <v>#N/A</v>
      </c>
      <c r="R7293" s="238">
        <v>35</v>
      </c>
      <c r="S7293" s="236" t="e">
        <f t="shared" si="1689"/>
        <v>#N/A</v>
      </c>
      <c r="T7293" s="236">
        <f t="shared" si="1676"/>
        <v>33.968052834103318</v>
      </c>
    </row>
    <row r="7294" spans="2:20" x14ac:dyDescent="0.2">
      <c r="B7294" s="239">
        <v>72.7</v>
      </c>
      <c r="C7294" s="3">
        <f t="shared" si="1677"/>
        <v>72.692999999999998</v>
      </c>
      <c r="D7294" s="239">
        <v>22.6419</v>
      </c>
      <c r="E7294" s="239">
        <v>8.6999999999999994E-2</v>
      </c>
      <c r="F7294" s="239">
        <v>0.64339999999999997</v>
      </c>
      <c r="G7294">
        <f t="shared" si="1678"/>
        <v>22.770579999999999</v>
      </c>
      <c r="H7294" s="235">
        <f t="shared" si="1679"/>
        <v>0.382071954249738</v>
      </c>
      <c r="I7294" s="236">
        <f t="shared" si="1680"/>
        <v>19.702781720037667</v>
      </c>
      <c r="J7294" s="237">
        <f t="shared" si="1685"/>
        <v>9.7027817200376667</v>
      </c>
      <c r="K7294" s="237">
        <f t="shared" si="1681"/>
        <v>1432.254311574698</v>
      </c>
      <c r="L7294" s="237">
        <f t="shared" si="1686"/>
        <v>705.3922310467384</v>
      </c>
      <c r="M7294" s="236">
        <f t="shared" si="1682"/>
        <v>30.250298698018192</v>
      </c>
      <c r="N7294" s="236">
        <f t="shared" si="1683"/>
        <v>0.40771708741512008</v>
      </c>
      <c r="O7294" s="236">
        <f t="shared" si="1687"/>
        <v>2.1556187930675739</v>
      </c>
      <c r="P7294" s="236" t="str">
        <f t="shared" si="1688"/>
        <v>SAND</v>
      </c>
      <c r="Q7294" s="236" t="e">
        <f t="shared" si="1684"/>
        <v>#N/A</v>
      </c>
      <c r="R7294" s="238">
        <v>35</v>
      </c>
      <c r="S7294" s="236" t="e">
        <f t="shared" si="1689"/>
        <v>#N/A</v>
      </c>
      <c r="T7294" s="236">
        <f t="shared" si="1676"/>
        <v>33.888026340604497</v>
      </c>
    </row>
    <row r="7295" spans="2:20" x14ac:dyDescent="0.2">
      <c r="B7295" s="239">
        <v>72.709999999999994</v>
      </c>
      <c r="C7295" s="3">
        <f t="shared" si="1677"/>
        <v>72.702999999999989</v>
      </c>
      <c r="D7295" s="239">
        <v>22.412099999999999</v>
      </c>
      <c r="E7295" s="239">
        <v>9.0700000000000003E-2</v>
      </c>
      <c r="F7295" s="239">
        <v>0.65869999999999995</v>
      </c>
      <c r="G7295">
        <f t="shared" si="1678"/>
        <v>22.543839999999999</v>
      </c>
      <c r="H7295" s="235">
        <f t="shared" si="1679"/>
        <v>0.40232719891553526</v>
      </c>
      <c r="I7295" s="236">
        <f t="shared" si="1680"/>
        <v>19.747707833563798</v>
      </c>
      <c r="J7295" s="237">
        <f t="shared" si="1685"/>
        <v>9.7477078335637977</v>
      </c>
      <c r="K7295" s="237">
        <f t="shared" si="1681"/>
        <v>1435.7176026235886</v>
      </c>
      <c r="L7295" s="237">
        <f t="shared" si="1686"/>
        <v>708.75583657842367</v>
      </c>
      <c r="M7295" s="236">
        <f t="shared" si="1682"/>
        <v>29.781938021530213</v>
      </c>
      <c r="N7295" s="236">
        <f t="shared" si="1683"/>
        <v>0.42969241078151682</v>
      </c>
      <c r="O7295" s="236">
        <f t="shared" si="1687"/>
        <v>2.1707330182160112</v>
      </c>
      <c r="P7295" s="236" t="str">
        <f t="shared" si="1688"/>
        <v>SAND</v>
      </c>
      <c r="Q7295" s="236" t="e">
        <f t="shared" si="1684"/>
        <v>#N/A</v>
      </c>
      <c r="R7295" s="238">
        <v>35</v>
      </c>
      <c r="S7295" s="236" t="e">
        <f t="shared" si="1689"/>
        <v>#N/A</v>
      </c>
      <c r="T7295" s="236">
        <f t="shared" si="1676"/>
        <v>33.813482510431143</v>
      </c>
    </row>
    <row r="7296" spans="2:20" x14ac:dyDescent="0.2">
      <c r="B7296" s="239">
        <v>72.72</v>
      </c>
      <c r="C7296" s="3">
        <f t="shared" si="1677"/>
        <v>72.712999999999994</v>
      </c>
      <c r="D7296" s="239">
        <v>22.264199999999999</v>
      </c>
      <c r="E7296" s="239">
        <v>9.0300000000000005E-2</v>
      </c>
      <c r="F7296" s="239">
        <v>0.66839999999999999</v>
      </c>
      <c r="G7296">
        <f t="shared" si="1678"/>
        <v>22.397879999999997</v>
      </c>
      <c r="H7296" s="235">
        <f t="shared" si="1679"/>
        <v>0.40316315651302725</v>
      </c>
      <c r="I7296" s="236">
        <f t="shared" si="1680"/>
        <v>19.7399862023955</v>
      </c>
      <c r="J7296" s="237">
        <f t="shared" si="1685"/>
        <v>9.7399862023954995</v>
      </c>
      <c r="K7296" s="237">
        <f t="shared" si="1681"/>
        <v>1435.3536167347838</v>
      </c>
      <c r="L7296" s="237">
        <f t="shared" si="1686"/>
        <v>708.29179663820071</v>
      </c>
      <c r="M7296" s="236">
        <f t="shared" si="1682"/>
        <v>29.595890398223805</v>
      </c>
      <c r="N7296" s="236">
        <f t="shared" si="1683"/>
        <v>0.43076868860658057</v>
      </c>
      <c r="O7296" s="236">
        <f t="shared" si="1687"/>
        <v>2.173662555550945</v>
      </c>
      <c r="P7296" s="236" t="str">
        <f t="shared" si="1688"/>
        <v>SAND</v>
      </c>
      <c r="Q7296" s="236" t="e">
        <f t="shared" si="1684"/>
        <v>#N/A</v>
      </c>
      <c r="R7296" s="238">
        <v>35</v>
      </c>
      <c r="S7296" s="236" t="e">
        <f t="shared" si="1689"/>
        <v>#N/A</v>
      </c>
      <c r="T7296" s="236">
        <f t="shared" si="1676"/>
        <v>33.783545513739078</v>
      </c>
    </row>
    <row r="7297" spans="2:20" x14ac:dyDescent="0.2">
      <c r="B7297" s="239">
        <v>72.728999999999999</v>
      </c>
      <c r="C7297" s="3">
        <f t="shared" si="1677"/>
        <v>72.721999999999994</v>
      </c>
      <c r="D7297" s="239">
        <v>22.166</v>
      </c>
      <c r="E7297" s="239">
        <v>9.11E-2</v>
      </c>
      <c r="F7297" s="239">
        <v>0.66410000000000002</v>
      </c>
      <c r="G7297">
        <f t="shared" si="1678"/>
        <v>22.298819999999999</v>
      </c>
      <c r="H7297" s="235">
        <f t="shared" si="1679"/>
        <v>0.40854179727895917</v>
      </c>
      <c r="I7297" s="236">
        <f t="shared" si="1680"/>
        <v>19.748596365861317</v>
      </c>
      <c r="J7297" s="237">
        <f t="shared" si="1685"/>
        <v>9.7485963658613173</v>
      </c>
      <c r="K7297" s="237">
        <f t="shared" si="1681"/>
        <v>1436.1574249181665</v>
      </c>
      <c r="L7297" s="237">
        <f t="shared" si="1686"/>
        <v>709.00566509272778</v>
      </c>
      <c r="M7297" s="236">
        <f t="shared" si="1682"/>
        <v>29.425241013205863</v>
      </c>
      <c r="N7297" s="236">
        <f t="shared" si="1683"/>
        <v>0.43666526107175296</v>
      </c>
      <c r="O7297" s="236">
        <f t="shared" si="1687"/>
        <v>2.1782968602835897</v>
      </c>
      <c r="P7297" s="236" t="str">
        <f t="shared" si="1688"/>
        <v>SAND</v>
      </c>
      <c r="Q7297" s="236" t="e">
        <f t="shared" si="1684"/>
        <v>#N/A</v>
      </c>
      <c r="R7297" s="238">
        <v>35</v>
      </c>
      <c r="S7297" s="236" t="e">
        <f t="shared" si="1689"/>
        <v>#N/A</v>
      </c>
      <c r="T7297" s="236">
        <f t="shared" si="1676"/>
        <v>33.755920315745598</v>
      </c>
    </row>
    <row r="7298" spans="2:20" x14ac:dyDescent="0.2">
      <c r="B7298" s="239">
        <v>72.739999999999995</v>
      </c>
      <c r="C7298" s="3">
        <f t="shared" si="1677"/>
        <v>72.73299999999999</v>
      </c>
      <c r="D7298" s="239">
        <v>22.211099999999998</v>
      </c>
      <c r="E7298" s="239">
        <v>9.1300000000000006E-2</v>
      </c>
      <c r="F7298" s="239">
        <v>0.63790000000000002</v>
      </c>
      <c r="G7298">
        <f t="shared" si="1678"/>
        <v>22.338679999999997</v>
      </c>
      <c r="H7298" s="235">
        <f t="shared" si="1679"/>
        <v>0.40870812420429509</v>
      </c>
      <c r="I7298" s="236">
        <f t="shared" si="1680"/>
        <v>19.751865909964785</v>
      </c>
      <c r="J7298" s="237">
        <f t="shared" si="1685"/>
        <v>9.7518659099647849</v>
      </c>
      <c r="K7298" s="237">
        <f t="shared" si="1681"/>
        <v>1436.6124632294684</v>
      </c>
      <c r="L7298" s="237">
        <f t="shared" si="1686"/>
        <v>709.35072629083845</v>
      </c>
      <c r="M7298" s="236">
        <f t="shared" si="1682"/>
        <v>29.466477952403682</v>
      </c>
      <c r="N7298" s="236">
        <f t="shared" si="1683"/>
        <v>0.43679889484323375</v>
      </c>
      <c r="O7298" s="236">
        <f t="shared" si="1687"/>
        <v>2.1777905886399749</v>
      </c>
      <c r="P7298" s="236" t="str">
        <f t="shared" si="1688"/>
        <v>SAND</v>
      </c>
      <c r="Q7298" s="236" t="e">
        <f t="shared" si="1684"/>
        <v>#N/A</v>
      </c>
      <c r="R7298" s="238">
        <v>35</v>
      </c>
      <c r="S7298" s="236" t="e">
        <f t="shared" si="1689"/>
        <v>#N/A</v>
      </c>
      <c r="T7298" s="236">
        <f t="shared" si="1676"/>
        <v>33.762610518111657</v>
      </c>
    </row>
    <row r="7299" spans="2:20" x14ac:dyDescent="0.2">
      <c r="B7299" s="239">
        <v>72.748999999999995</v>
      </c>
      <c r="C7299" s="3">
        <f t="shared" si="1677"/>
        <v>72.74199999999999</v>
      </c>
      <c r="D7299" s="239">
        <v>22.072199999999999</v>
      </c>
      <c r="E7299" s="239">
        <v>9.2299999999999993E-2</v>
      </c>
      <c r="F7299" s="239">
        <v>0.64090000000000003</v>
      </c>
      <c r="G7299">
        <f t="shared" si="1678"/>
        <v>22.200379999999999</v>
      </c>
      <c r="H7299" s="235">
        <f t="shared" si="1679"/>
        <v>0.41575864917627536</v>
      </c>
      <c r="I7299" s="236">
        <f t="shared" si="1680"/>
        <v>19.762212014583323</v>
      </c>
      <c r="J7299" s="237">
        <f t="shared" si="1685"/>
        <v>9.7622120145833229</v>
      </c>
      <c r="K7299" s="237">
        <f t="shared" si="1681"/>
        <v>1437.5428263648198</v>
      </c>
      <c r="L7299" s="237">
        <f t="shared" si="1686"/>
        <v>710.19116184892209</v>
      </c>
      <c r="M7299" s="236">
        <f t="shared" si="1682"/>
        <v>29.235561196764124</v>
      </c>
      <c r="N7299" s="236">
        <f t="shared" si="1683"/>
        <v>0.4445442558168462</v>
      </c>
      <c r="O7299" s="236">
        <f t="shared" si="1687"/>
        <v>2.1839522497624744</v>
      </c>
      <c r="P7299" s="236" t="str">
        <f t="shared" si="1688"/>
        <v>SAND</v>
      </c>
      <c r="Q7299" s="236" t="e">
        <f t="shared" si="1684"/>
        <v>#N/A</v>
      </c>
      <c r="R7299" s="238">
        <v>35</v>
      </c>
      <c r="S7299" s="236" t="e">
        <f t="shared" si="1689"/>
        <v>#N/A</v>
      </c>
      <c r="T7299" s="236">
        <f t="shared" si="1676"/>
        <v>33.725025783190247</v>
      </c>
    </row>
    <row r="7300" spans="2:20" x14ac:dyDescent="0.2">
      <c r="B7300" s="239">
        <v>72.760000000000005</v>
      </c>
      <c r="C7300" s="3">
        <f t="shared" si="1677"/>
        <v>72.753</v>
      </c>
      <c r="D7300" s="239">
        <v>21.994599999999998</v>
      </c>
      <c r="E7300" s="239">
        <v>9.2600000000000002E-2</v>
      </c>
      <c r="F7300" s="239">
        <v>0.60609999999999997</v>
      </c>
      <c r="G7300">
        <f t="shared" si="1678"/>
        <v>22.115819999999999</v>
      </c>
      <c r="H7300" s="235">
        <f t="shared" si="1679"/>
        <v>0.41870480045505887</v>
      </c>
      <c r="I7300" s="236">
        <f t="shared" si="1680"/>
        <v>19.764525460337818</v>
      </c>
      <c r="J7300" s="237">
        <f t="shared" si="1685"/>
        <v>9.7645254603378184</v>
      </c>
      <c r="K7300" s="237">
        <f t="shared" si="1681"/>
        <v>1437.9285208159572</v>
      </c>
      <c r="L7300" s="237">
        <f t="shared" si="1686"/>
        <v>710.46687249417971</v>
      </c>
      <c r="M7300" s="236">
        <f t="shared" si="1682"/>
        <v>29.104652559790452</v>
      </c>
      <c r="N7300" s="236">
        <f t="shared" si="1683"/>
        <v>0.44782128822572792</v>
      </c>
      <c r="O7300" s="236">
        <f t="shared" si="1687"/>
        <v>2.1870094272224208</v>
      </c>
      <c r="P7300" s="236" t="str">
        <f t="shared" si="1688"/>
        <v>SAND</v>
      </c>
      <c r="Q7300" s="236" t="e">
        <f t="shared" si="1684"/>
        <v>#N/A</v>
      </c>
      <c r="R7300" s="238">
        <v>35</v>
      </c>
      <c r="S7300" s="236" t="e">
        <f t="shared" si="1689"/>
        <v>#N/A</v>
      </c>
      <c r="T7300" s="236">
        <f t="shared" si="1676"/>
        <v>33.703586611314833</v>
      </c>
    </row>
    <row r="7301" spans="2:20" x14ac:dyDescent="0.2">
      <c r="B7301" s="239">
        <v>72.769000000000005</v>
      </c>
      <c r="C7301" s="3">
        <f t="shared" si="1677"/>
        <v>72.762</v>
      </c>
      <c r="D7301" s="239">
        <v>21.9435</v>
      </c>
      <c r="E7301" s="239">
        <v>9.4899999999999998E-2</v>
      </c>
      <c r="F7301" s="239">
        <v>0.65039999999999998</v>
      </c>
      <c r="G7301">
        <f t="shared" si="1678"/>
        <v>22.07358</v>
      </c>
      <c r="H7301" s="235">
        <f t="shared" si="1679"/>
        <v>0.42992573021684749</v>
      </c>
      <c r="I7301" s="236">
        <f t="shared" si="1680"/>
        <v>19.792547325305101</v>
      </c>
      <c r="J7301" s="237">
        <f t="shared" si="1685"/>
        <v>9.792547325305101</v>
      </c>
      <c r="K7301" s="237">
        <f t="shared" si="1681"/>
        <v>1440.1453284838497</v>
      </c>
      <c r="L7301" s="237">
        <f t="shared" si="1686"/>
        <v>712.59387631512698</v>
      </c>
      <c r="M7301" s="236">
        <f t="shared" si="1682"/>
        <v>28.955391503240371</v>
      </c>
      <c r="N7301" s="236">
        <f t="shared" si="1683"/>
        <v>0.45993312073731796</v>
      </c>
      <c r="O7301" s="236">
        <f t="shared" si="1687"/>
        <v>2.1936956361041506</v>
      </c>
      <c r="P7301" s="236" t="str">
        <f t="shared" si="1688"/>
        <v>SAND</v>
      </c>
      <c r="Q7301" s="236" t="e">
        <f t="shared" si="1684"/>
        <v>#N/A</v>
      </c>
      <c r="R7301" s="238">
        <v>35</v>
      </c>
      <c r="S7301" s="236" t="e">
        <f t="shared" si="1689"/>
        <v>#N/A</v>
      </c>
      <c r="T7301" s="236">
        <f t="shared" si="1676"/>
        <v>33.67902385502228</v>
      </c>
    </row>
    <row r="7302" spans="2:20" x14ac:dyDescent="0.2">
      <c r="B7302" s="239">
        <v>72.778000000000006</v>
      </c>
      <c r="C7302" s="3">
        <f t="shared" si="1677"/>
        <v>72.771000000000001</v>
      </c>
      <c r="D7302" s="239">
        <v>21.812999999999999</v>
      </c>
      <c r="E7302" s="239">
        <v>9.6799999999999997E-2</v>
      </c>
      <c r="F7302" s="239">
        <v>0.65300000000000002</v>
      </c>
      <c r="G7302">
        <f t="shared" si="1678"/>
        <v>21.9436</v>
      </c>
      <c r="H7302" s="235">
        <f t="shared" si="1679"/>
        <v>0.4411308992143495</v>
      </c>
      <c r="I7302" s="236">
        <f t="shared" si="1680"/>
        <v>19.813483609414277</v>
      </c>
      <c r="J7302" s="237">
        <f t="shared" si="1685"/>
        <v>9.813483609414277</v>
      </c>
      <c r="K7302" s="237">
        <f t="shared" si="1681"/>
        <v>1441.8470157406864</v>
      </c>
      <c r="L7302" s="237">
        <f t="shared" si="1686"/>
        <v>714.20571012595235</v>
      </c>
      <c r="M7302" s="236">
        <f t="shared" si="1682"/>
        <v>28.705669380105864</v>
      </c>
      <c r="N7302" s="236">
        <f t="shared" si="1683"/>
        <v>0.47215474732487706</v>
      </c>
      <c r="O7302" s="236">
        <f t="shared" si="1687"/>
        <v>2.2017404267342893</v>
      </c>
      <c r="P7302" s="236" t="str">
        <f t="shared" si="1688"/>
        <v>SAND</v>
      </c>
      <c r="Q7302" s="236" t="e">
        <f t="shared" si="1684"/>
        <v>#N/A</v>
      </c>
      <c r="R7302" s="238">
        <v>35</v>
      </c>
      <c r="S7302" s="236" t="e">
        <f t="shared" si="1689"/>
        <v>#N/A</v>
      </c>
      <c r="T7302" s="236">
        <f t="shared" si="1676"/>
        <v>33.637644463750888</v>
      </c>
    </row>
    <row r="7303" spans="2:20" x14ac:dyDescent="0.2">
      <c r="B7303" s="239">
        <v>72.789000000000001</v>
      </c>
      <c r="C7303" s="3">
        <f t="shared" si="1677"/>
        <v>72.781999999999996</v>
      </c>
      <c r="D7303" s="239">
        <v>21.869700000000002</v>
      </c>
      <c r="E7303" s="239">
        <v>9.5100000000000004E-2</v>
      </c>
      <c r="F7303" s="239">
        <v>0.62819999999999998</v>
      </c>
      <c r="G7303">
        <f t="shared" si="1678"/>
        <v>21.995340000000002</v>
      </c>
      <c r="H7303" s="235">
        <f t="shared" si="1679"/>
        <v>0.43236430989473218</v>
      </c>
      <c r="I7303" s="236">
        <f t="shared" si="1680"/>
        <v>19.793628061763012</v>
      </c>
      <c r="J7303" s="237">
        <f t="shared" si="1685"/>
        <v>9.7936280617630125</v>
      </c>
      <c r="K7303" s="237">
        <f t="shared" si="1681"/>
        <v>1440.6198375912354</v>
      </c>
      <c r="L7303" s="237">
        <f t="shared" si="1686"/>
        <v>712.8683929876679</v>
      </c>
      <c r="M7303" s="236">
        <f t="shared" si="1682"/>
        <v>28.833821732876785</v>
      </c>
      <c r="N7303" s="236">
        <f t="shared" si="1683"/>
        <v>0.46266745179981772</v>
      </c>
      <c r="O7303" s="236">
        <f t="shared" si="1687"/>
        <v>2.1964048443006097</v>
      </c>
      <c r="P7303" s="236" t="str">
        <f t="shared" si="1688"/>
        <v>SAND</v>
      </c>
      <c r="Q7303" s="236" t="e">
        <f t="shared" si="1684"/>
        <v>#N/A</v>
      </c>
      <c r="R7303" s="238">
        <v>35</v>
      </c>
      <c r="S7303" s="236" t="e">
        <f t="shared" si="1689"/>
        <v>#N/A</v>
      </c>
      <c r="T7303" s="236">
        <f t="shared" si="1676"/>
        <v>33.65892429979435</v>
      </c>
    </row>
    <row r="7304" spans="2:20" x14ac:dyDescent="0.2">
      <c r="B7304" s="239">
        <v>72.798000000000002</v>
      </c>
      <c r="C7304" s="3">
        <f t="shared" si="1677"/>
        <v>72.790999999999997</v>
      </c>
      <c r="D7304" s="239">
        <v>21.8569</v>
      </c>
      <c r="E7304" s="239">
        <v>9.5299999999999996E-2</v>
      </c>
      <c r="F7304" s="239">
        <v>0.63739999999999997</v>
      </c>
      <c r="G7304">
        <f t="shared" si="1678"/>
        <v>21.984379999999998</v>
      </c>
      <c r="H7304" s="235">
        <f t="shared" si="1679"/>
        <v>0.43348959579483248</v>
      </c>
      <c r="I7304" s="236">
        <f t="shared" si="1680"/>
        <v>19.795896686107827</v>
      </c>
      <c r="J7304" s="237">
        <f t="shared" si="1685"/>
        <v>9.7958966861078274</v>
      </c>
      <c r="K7304" s="237">
        <f t="shared" si="1681"/>
        <v>1440.9631156784749</v>
      </c>
      <c r="L7304" s="237">
        <f t="shared" si="1686"/>
        <v>713.1216869552776</v>
      </c>
      <c r="M7304" s="236">
        <f t="shared" si="1682"/>
        <v>28.80772981681859</v>
      </c>
      <c r="N7304" s="236">
        <f t="shared" si="1683"/>
        <v>0.46389556584782038</v>
      </c>
      <c r="O7304" s="236">
        <f t="shared" si="1687"/>
        <v>2.1972288748132431</v>
      </c>
      <c r="P7304" s="236" t="str">
        <f t="shared" si="1688"/>
        <v>SAND</v>
      </c>
      <c r="Q7304" s="236" t="e">
        <f t="shared" si="1684"/>
        <v>#N/A</v>
      </c>
      <c r="R7304" s="238">
        <v>35</v>
      </c>
      <c r="S7304" s="236" t="e">
        <f t="shared" si="1689"/>
        <v>#N/A</v>
      </c>
      <c r="T7304" s="236">
        <f t="shared" si="1676"/>
        <v>33.654599387227208</v>
      </c>
    </row>
    <row r="7305" spans="2:20" x14ac:dyDescent="0.2">
      <c r="B7305" s="239">
        <v>72.807000000000002</v>
      </c>
      <c r="C7305" s="3">
        <f t="shared" si="1677"/>
        <v>72.8</v>
      </c>
      <c r="D7305" s="239">
        <v>21.927600000000002</v>
      </c>
      <c r="E7305" s="239">
        <v>9.5799999999999996E-2</v>
      </c>
      <c r="F7305" s="239">
        <v>0.61309999999999998</v>
      </c>
      <c r="G7305">
        <f t="shared" si="1678"/>
        <v>22.050220000000003</v>
      </c>
      <c r="H7305" s="235">
        <f t="shared" si="1679"/>
        <v>0.43446278540531558</v>
      </c>
      <c r="I7305" s="236">
        <f t="shared" si="1680"/>
        <v>19.803201563085757</v>
      </c>
      <c r="J7305" s="237">
        <f t="shared" si="1685"/>
        <v>9.8032015630857572</v>
      </c>
      <c r="K7305" s="237">
        <f t="shared" si="1681"/>
        <v>1441.673073792643</v>
      </c>
      <c r="L7305" s="237">
        <f t="shared" si="1686"/>
        <v>713.74169620358475</v>
      </c>
      <c r="M7305" s="236">
        <f t="shared" si="1682"/>
        <v>28.873956833158115</v>
      </c>
      <c r="N7305" s="236">
        <f t="shared" si="1683"/>
        <v>0.46485567538084693</v>
      </c>
      <c r="O7305" s="236">
        <f t="shared" si="1687"/>
        <v>2.1966789469840924</v>
      </c>
      <c r="P7305" s="236" t="str">
        <f t="shared" si="1688"/>
        <v>SAND</v>
      </c>
      <c r="Q7305" s="236" t="e">
        <f t="shared" si="1684"/>
        <v>#N/A</v>
      </c>
      <c r="R7305" s="238">
        <v>35</v>
      </c>
      <c r="S7305" s="236" t="e">
        <f t="shared" si="1689"/>
        <v>#N/A</v>
      </c>
      <c r="T7305" s="236">
        <f t="shared" si="1676"/>
        <v>33.665569331507221</v>
      </c>
    </row>
    <row r="7306" spans="2:20" x14ac:dyDescent="0.2">
      <c r="B7306" s="239">
        <v>72.816999999999993</v>
      </c>
      <c r="C7306" s="3">
        <f t="shared" si="1677"/>
        <v>72.809999999999988</v>
      </c>
      <c r="D7306" s="239">
        <v>21.824400000000001</v>
      </c>
      <c r="E7306" s="239">
        <v>9.6000000000000002E-2</v>
      </c>
      <c r="F7306" s="239">
        <v>0.62590000000000001</v>
      </c>
      <c r="G7306">
        <f t="shared" si="1678"/>
        <v>21.949580000000001</v>
      </c>
      <c r="H7306" s="235">
        <f t="shared" si="1679"/>
        <v>0.43736599971388979</v>
      </c>
      <c r="I7306" s="236">
        <f t="shared" si="1680"/>
        <v>19.803858976671616</v>
      </c>
      <c r="J7306" s="237">
        <f t="shared" si="1685"/>
        <v>9.8038589766716164</v>
      </c>
      <c r="K7306" s="237">
        <f t="shared" si="1681"/>
        <v>1441.9189720914601</v>
      </c>
      <c r="L7306" s="237">
        <f t="shared" si="1686"/>
        <v>713.88759910429701</v>
      </c>
      <c r="M7306" s="236">
        <f t="shared" si="1682"/>
        <v>28.726736609011233</v>
      </c>
      <c r="N7306" s="236">
        <f t="shared" si="1683"/>
        <v>0.46811774326362793</v>
      </c>
      <c r="O7306" s="236">
        <f t="shared" si="1687"/>
        <v>2.1999373286751571</v>
      </c>
      <c r="P7306" s="236" t="str">
        <f t="shared" si="1688"/>
        <v>SAND</v>
      </c>
      <c r="Q7306" s="236" t="e">
        <f t="shared" si="1684"/>
        <v>#N/A</v>
      </c>
      <c r="R7306" s="238">
        <v>35</v>
      </c>
      <c r="S7306" s="236" t="e">
        <f t="shared" si="1689"/>
        <v>#N/A</v>
      </c>
      <c r="T7306" s="236">
        <f t="shared" si="1676"/>
        <v>33.641149216744232</v>
      </c>
    </row>
    <row r="7307" spans="2:20" x14ac:dyDescent="0.2">
      <c r="B7307" s="239">
        <v>72.826999999999998</v>
      </c>
      <c r="C7307" s="3">
        <f t="shared" si="1677"/>
        <v>72.819999999999993</v>
      </c>
      <c r="D7307" s="239">
        <v>21.8537</v>
      </c>
      <c r="E7307" s="239">
        <v>9.7199999999999995E-2</v>
      </c>
      <c r="F7307" s="239">
        <v>0.62409999999999999</v>
      </c>
      <c r="G7307">
        <f t="shared" si="1678"/>
        <v>21.97852</v>
      </c>
      <c r="H7307" s="235">
        <f t="shared" si="1679"/>
        <v>0.4422499786154846</v>
      </c>
      <c r="I7307" s="236">
        <f t="shared" si="1680"/>
        <v>19.818940569593341</v>
      </c>
      <c r="J7307" s="237">
        <f t="shared" si="1685"/>
        <v>9.8189405695933409</v>
      </c>
      <c r="K7307" s="237">
        <f t="shared" si="1681"/>
        <v>1443.2152522777869</v>
      </c>
      <c r="L7307" s="237">
        <f t="shared" si="1686"/>
        <v>715.08398486177418</v>
      </c>
      <c r="M7307" s="236">
        <f t="shared" si="1682"/>
        <v>28.717332764334934</v>
      </c>
      <c r="N7307" s="236">
        <f t="shared" si="1683"/>
        <v>0.47333117864141494</v>
      </c>
      <c r="O7307" s="236">
        <f t="shared" si="1687"/>
        <v>2.202018332982659</v>
      </c>
      <c r="P7307" s="236" t="str">
        <f t="shared" si="1688"/>
        <v>SAND</v>
      </c>
      <c r="Q7307" s="236" t="e">
        <f t="shared" si="1684"/>
        <v>#N/A</v>
      </c>
      <c r="R7307" s="238">
        <v>35</v>
      </c>
      <c r="S7307" s="236" t="e">
        <f t="shared" si="1689"/>
        <v>#N/A</v>
      </c>
      <c r="T7307" s="236">
        <f t="shared" si="1676"/>
        <v>33.639585106915007</v>
      </c>
    </row>
    <row r="7308" spans="2:20" x14ac:dyDescent="0.2">
      <c r="B7308" s="239">
        <v>72.837000000000003</v>
      </c>
      <c r="C7308" s="3">
        <f t="shared" si="1677"/>
        <v>72.83</v>
      </c>
      <c r="D7308" s="239">
        <v>21.906199999999998</v>
      </c>
      <c r="E7308" s="239">
        <v>9.5899999999999999E-2</v>
      </c>
      <c r="F7308" s="239">
        <v>0.63739999999999997</v>
      </c>
      <c r="G7308">
        <f t="shared" si="1678"/>
        <v>22.033679999999997</v>
      </c>
      <c r="H7308" s="235">
        <f t="shared" si="1679"/>
        <v>0.43524277378994342</v>
      </c>
      <c r="I7308" s="236">
        <f t="shared" si="1680"/>
        <v>19.804131627751829</v>
      </c>
      <c r="J7308" s="237">
        <f t="shared" si="1685"/>
        <v>9.8041316277518291</v>
      </c>
      <c r="K7308" s="237">
        <f t="shared" si="1681"/>
        <v>1442.3349064491656</v>
      </c>
      <c r="L7308" s="237">
        <f t="shared" si="1686"/>
        <v>714.10353537056005</v>
      </c>
      <c r="M7308" s="236">
        <f t="shared" si="1682"/>
        <v>28.835237572189925</v>
      </c>
      <c r="N7308" s="236">
        <f t="shared" si="1683"/>
        <v>0.46572965274636524</v>
      </c>
      <c r="O7308" s="236">
        <f t="shared" si="1687"/>
        <v>2.1975416278963777</v>
      </c>
      <c r="P7308" s="236" t="str">
        <f t="shared" si="1688"/>
        <v>SAND</v>
      </c>
      <c r="Q7308" s="236" t="e">
        <f t="shared" si="1684"/>
        <v>#N/A</v>
      </c>
      <c r="R7308" s="238">
        <v>35</v>
      </c>
      <c r="S7308" s="236" t="e">
        <f t="shared" si="1689"/>
        <v>#N/A</v>
      </c>
      <c r="T7308" s="236">
        <f t="shared" si="1676"/>
        <v>33.659158872832073</v>
      </c>
    </row>
    <row r="7309" spans="2:20" x14ac:dyDescent="0.2">
      <c r="B7309" s="239">
        <v>72.846000000000004</v>
      </c>
      <c r="C7309" s="3">
        <f t="shared" si="1677"/>
        <v>72.838999999999999</v>
      </c>
      <c r="D7309" s="239">
        <v>22.068100000000001</v>
      </c>
      <c r="E7309" s="239">
        <v>9.3700000000000006E-2</v>
      </c>
      <c r="F7309" s="239">
        <v>0.62590000000000001</v>
      </c>
      <c r="G7309">
        <f t="shared" si="1678"/>
        <v>22.193280000000001</v>
      </c>
      <c r="H7309" s="235">
        <f t="shared" si="1679"/>
        <v>0.42219987311474466</v>
      </c>
      <c r="I7309" s="236">
        <f t="shared" si="1680"/>
        <v>19.779739292972081</v>
      </c>
      <c r="J7309" s="237">
        <f t="shared" si="1685"/>
        <v>9.7797392929720814</v>
      </c>
      <c r="K7309" s="237">
        <f t="shared" si="1681"/>
        <v>1440.7364303607935</v>
      </c>
      <c r="L7309" s="237">
        <f t="shared" si="1686"/>
        <v>712.41488853584428</v>
      </c>
      <c r="M7309" s="236">
        <f t="shared" si="1682"/>
        <v>29.129856637737955</v>
      </c>
      <c r="N7309" s="236">
        <f t="shared" si="1683"/>
        <v>0.45151091809816651</v>
      </c>
      <c r="O7309" s="236">
        <f t="shared" si="1687"/>
        <v>2.1880866583193064</v>
      </c>
      <c r="P7309" s="236" t="str">
        <f t="shared" si="1688"/>
        <v>SAND</v>
      </c>
      <c r="Q7309" s="236" t="e">
        <f t="shared" si="1684"/>
        <v>#N/A</v>
      </c>
      <c r="R7309" s="238">
        <v>35</v>
      </c>
      <c r="S7309" s="236" t="e">
        <f t="shared" si="1689"/>
        <v>#N/A</v>
      </c>
      <c r="T7309" s="236">
        <f t="shared" ref="T7309:T7372" si="1690">IF(P7309="SAND",17.6+(11*LOG(M7309)),#N/A)</f>
        <v>33.70772181983267</v>
      </c>
    </row>
    <row r="7310" spans="2:20" x14ac:dyDescent="0.2">
      <c r="B7310" s="239">
        <v>72.855999999999995</v>
      </c>
      <c r="C7310" s="3">
        <f t="shared" ref="C7310:C7373" si="1691">MAX($B7310 - $B$13, 0.001)</f>
        <v>72.84899999999999</v>
      </c>
      <c r="D7310" s="239">
        <v>22.114999999999998</v>
      </c>
      <c r="E7310" s="239">
        <v>9.2700000000000005E-2</v>
      </c>
      <c r="F7310" s="239">
        <v>0.62580000000000002</v>
      </c>
      <c r="G7310">
        <f t="shared" si="1678"/>
        <v>22.240159999999999</v>
      </c>
      <c r="H7310" s="235">
        <f t="shared" si="1679"/>
        <v>0.41681354810397053</v>
      </c>
      <c r="I7310" s="236">
        <f t="shared" si="1680"/>
        <v>19.76798245316019</v>
      </c>
      <c r="J7310" s="237">
        <f t="shared" si="1685"/>
        <v>9.7679824531601902</v>
      </c>
      <c r="K7310" s="237">
        <f t="shared" si="1681"/>
        <v>1440.0777537302665</v>
      </c>
      <c r="L7310" s="237">
        <f t="shared" si="1686"/>
        <v>711.65612960743874</v>
      </c>
      <c r="M7310" s="236">
        <f t="shared" si="1682"/>
        <v>29.227714595451317</v>
      </c>
      <c r="N7310" s="236">
        <f t="shared" si="1683"/>
        <v>0.44567131467292503</v>
      </c>
      <c r="O7310" s="236">
        <f t="shared" si="1687"/>
        <v>2.1844964566549807</v>
      </c>
      <c r="P7310" s="236" t="str">
        <f t="shared" si="1688"/>
        <v>SAND</v>
      </c>
      <c r="Q7310" s="236" t="e">
        <f t="shared" si="1684"/>
        <v>#N/A</v>
      </c>
      <c r="R7310" s="238">
        <v>35</v>
      </c>
      <c r="S7310" s="236" t="e">
        <f t="shared" si="1689"/>
        <v>#N/A</v>
      </c>
      <c r="T7310" s="236">
        <f t="shared" si="1690"/>
        <v>33.723743436558543</v>
      </c>
    </row>
    <row r="7311" spans="2:20" x14ac:dyDescent="0.2">
      <c r="B7311" s="239">
        <v>72.866</v>
      </c>
      <c r="C7311" s="3">
        <f t="shared" si="1691"/>
        <v>72.858999999999995</v>
      </c>
      <c r="D7311" s="239">
        <v>22.2029</v>
      </c>
      <c r="E7311" s="239">
        <v>9.2399999999999996E-2</v>
      </c>
      <c r="F7311" s="239">
        <v>0.62960000000000005</v>
      </c>
      <c r="G7311">
        <f t="shared" ref="G7311:G7374" si="1692">$D7311+($F7311*(1-$P$8))</f>
        <v>22.32882</v>
      </c>
      <c r="H7311" s="235">
        <f t="shared" ref="H7311:H7374" si="1693">($E7311/$G7311)*100</f>
        <v>0.41381497096577419</v>
      </c>
      <c r="I7311" s="236">
        <f t="shared" ref="I7311:I7374" si="1694">((0.27*(LOG($H7311)))+(0.36*(LOG(($G7311*1000)/101)))+1.236)*10</f>
        <v>19.765736572137598</v>
      </c>
      <c r="J7311" s="237">
        <f t="shared" si="1685"/>
        <v>9.7657365721375982</v>
      </c>
      <c r="K7311" s="237">
        <f t="shared" ref="K7311:K7374" si="1695">$I7311*$C7311</f>
        <v>1440.1118009093732</v>
      </c>
      <c r="L7311" s="237">
        <f t="shared" si="1686"/>
        <v>711.5901610653782</v>
      </c>
      <c r="M7311" s="236">
        <f t="shared" ref="M7311:M7374" si="1696">(($G7311*1000)-$K7311)/$L7311</f>
        <v>29.354970518165231</v>
      </c>
      <c r="N7311" s="236">
        <f t="shared" ref="N7311:N7374" si="1697">(($E7311*1000)/(($G7311*1000)-$K7311))*100</f>
        <v>0.4423442518289501</v>
      </c>
      <c r="O7311" s="236">
        <f t="shared" si="1687"/>
        <v>2.1814719411784074</v>
      </c>
      <c r="P7311" s="236" t="str">
        <f t="shared" si="1688"/>
        <v>SAND</v>
      </c>
      <c r="Q7311" s="236" t="e">
        <f t="shared" ref="Q7311:Q7374" si="1698">IF(P7311="CLAY",($G7311*1000 -$K7311)/$L$8,#N/A)</f>
        <v>#N/A</v>
      </c>
      <c r="R7311" s="238">
        <v>35</v>
      </c>
      <c r="S7311" s="236" t="e">
        <f t="shared" si="1689"/>
        <v>#N/A</v>
      </c>
      <c r="T7311" s="236">
        <f t="shared" si="1690"/>
        <v>33.744498133967681</v>
      </c>
    </row>
    <row r="7312" spans="2:20" x14ac:dyDescent="0.2">
      <c r="B7312" s="239">
        <v>72.876000000000005</v>
      </c>
      <c r="C7312" s="3">
        <f t="shared" si="1691"/>
        <v>72.869</v>
      </c>
      <c r="D7312" s="239">
        <v>22.316700000000001</v>
      </c>
      <c r="E7312" s="239">
        <v>9.3399999999999997E-2</v>
      </c>
      <c r="F7312" s="239">
        <v>0.64129999999999998</v>
      </c>
      <c r="G7312">
        <f t="shared" si="1692"/>
        <v>22.444960000000002</v>
      </c>
      <c r="H7312" s="235">
        <f t="shared" si="1693"/>
        <v>0.41612905525338423</v>
      </c>
      <c r="I7312" s="236">
        <f t="shared" si="1694"/>
        <v>19.780386572393116</v>
      </c>
      <c r="J7312" s="237">
        <f t="shared" ref="J7312:J7375" si="1699">$I7312-10</f>
        <v>9.780386572393116</v>
      </c>
      <c r="K7312" s="237">
        <f t="shared" si="1695"/>
        <v>1441.3769891437139</v>
      </c>
      <c r="L7312" s="237">
        <f t="shared" ref="L7312:L7375" si="1700">$J7312*$B7312</f>
        <v>712.75545184972077</v>
      </c>
      <c r="M7312" s="236">
        <f t="shared" si="1696"/>
        <v>29.468147814721643</v>
      </c>
      <c r="N7312" s="236">
        <f t="shared" si="1697"/>
        <v>0.44468603262464124</v>
      </c>
      <c r="O7312" s="236">
        <f t="shared" ref="O7312:O7375" si="1701">((3.47-LOG($M7312))^2+(LOG($N7312)+1.22)^2)^0.5</f>
        <v>2.1808498158845984</v>
      </c>
      <c r="P7312" s="236" t="str">
        <f t="shared" ref="P7312:P7375" si="1702">IF(O7312&lt;2.6,"SAND","CLAY")</f>
        <v>SAND</v>
      </c>
      <c r="Q7312" s="236" t="e">
        <f t="shared" si="1698"/>
        <v>#N/A</v>
      </c>
      <c r="R7312" s="238">
        <v>35</v>
      </c>
      <c r="S7312" s="236" t="e">
        <f t="shared" ref="S7312:S7375" si="1703">IF(P7312="SAND",#N/A,0.25*($M7312)^1.25)</f>
        <v>#N/A</v>
      </c>
      <c r="T7312" s="236">
        <f t="shared" si="1690"/>
        <v>33.762881236107773</v>
      </c>
    </row>
    <row r="7313" spans="2:20" x14ac:dyDescent="0.2">
      <c r="B7313" s="239">
        <v>72.885000000000005</v>
      </c>
      <c r="C7313" s="3">
        <f t="shared" si="1691"/>
        <v>72.878</v>
      </c>
      <c r="D7313" s="239">
        <v>22.39</v>
      </c>
      <c r="E7313" s="239">
        <v>9.5899999999999999E-2</v>
      </c>
      <c r="F7313" s="239">
        <v>0.63349999999999995</v>
      </c>
      <c r="G7313">
        <f t="shared" si="1692"/>
        <v>22.5167</v>
      </c>
      <c r="H7313" s="235">
        <f t="shared" si="1693"/>
        <v>0.42590610524632827</v>
      </c>
      <c r="I7313" s="236">
        <f t="shared" si="1694"/>
        <v>19.812607561148091</v>
      </c>
      <c r="J7313" s="237">
        <f t="shared" si="1699"/>
        <v>9.8126075611480914</v>
      </c>
      <c r="K7313" s="237">
        <f t="shared" si="1695"/>
        <v>1443.9032138413506</v>
      </c>
      <c r="L7313" s="237">
        <f t="shared" si="1700"/>
        <v>715.1919020942787</v>
      </c>
      <c r="M7313" s="236">
        <f t="shared" si="1696"/>
        <v>29.464534937338779</v>
      </c>
      <c r="N7313" s="236">
        <f t="shared" si="1697"/>
        <v>0.45508909412057957</v>
      </c>
      <c r="O7313" s="236">
        <f t="shared" si="1701"/>
        <v>2.1849154365619659</v>
      </c>
      <c r="P7313" s="236" t="str">
        <f t="shared" si="1702"/>
        <v>SAND</v>
      </c>
      <c r="Q7313" s="236" t="e">
        <f t="shared" si="1698"/>
        <v>#N/A</v>
      </c>
      <c r="R7313" s="238">
        <v>35</v>
      </c>
      <c r="S7313" s="236" t="e">
        <f t="shared" si="1703"/>
        <v>#N/A</v>
      </c>
      <c r="T7313" s="236">
        <f t="shared" si="1690"/>
        <v>33.762295497293977</v>
      </c>
    </row>
    <row r="7314" spans="2:20" x14ac:dyDescent="0.2">
      <c r="B7314" s="239">
        <v>72.894999999999996</v>
      </c>
      <c r="C7314" s="3">
        <f t="shared" si="1691"/>
        <v>72.887999999999991</v>
      </c>
      <c r="D7314" s="239">
        <v>22.490200000000002</v>
      </c>
      <c r="E7314" s="239">
        <v>9.69E-2</v>
      </c>
      <c r="F7314" s="239">
        <v>0.623</v>
      </c>
      <c r="G7314">
        <f t="shared" si="1692"/>
        <v>22.614800000000002</v>
      </c>
      <c r="H7314" s="235">
        <f t="shared" si="1693"/>
        <v>0.42848046412084118</v>
      </c>
      <c r="I7314" s="236">
        <f t="shared" si="1694"/>
        <v>19.826470728589673</v>
      </c>
      <c r="J7314" s="237">
        <f t="shared" si="1699"/>
        <v>9.8264707285896726</v>
      </c>
      <c r="K7314" s="237">
        <f t="shared" si="1695"/>
        <v>1445.1117984654438</v>
      </c>
      <c r="L7314" s="237">
        <f t="shared" si="1700"/>
        <v>716.3005837605441</v>
      </c>
      <c r="M7314" s="236">
        <f t="shared" si="1696"/>
        <v>29.55419649443073</v>
      </c>
      <c r="N7314" s="236">
        <f t="shared" si="1697"/>
        <v>0.45772993478938379</v>
      </c>
      <c r="O7314" s="236">
        <f t="shared" si="1701"/>
        <v>2.1847188661478865</v>
      </c>
      <c r="P7314" s="236" t="str">
        <f t="shared" si="1702"/>
        <v>SAND</v>
      </c>
      <c r="Q7314" s="236" t="e">
        <f t="shared" si="1698"/>
        <v>#N/A</v>
      </c>
      <c r="R7314" s="238">
        <v>35</v>
      </c>
      <c r="S7314" s="236" t="e">
        <f t="shared" si="1703"/>
        <v>#N/A</v>
      </c>
      <c r="T7314" s="236">
        <f t="shared" si="1690"/>
        <v>33.776810720968285</v>
      </c>
    </row>
    <row r="7315" spans="2:20" x14ac:dyDescent="0.2">
      <c r="B7315" s="239">
        <v>72.903999999999996</v>
      </c>
      <c r="C7315" s="3">
        <f t="shared" si="1691"/>
        <v>72.896999999999991</v>
      </c>
      <c r="D7315" s="239">
        <v>22.655899999999999</v>
      </c>
      <c r="E7315" s="239">
        <v>0.1011</v>
      </c>
      <c r="F7315" s="239">
        <v>0.63170000000000004</v>
      </c>
      <c r="G7315">
        <f t="shared" si="1692"/>
        <v>22.782239999999998</v>
      </c>
      <c r="H7315" s="235">
        <f t="shared" si="1693"/>
        <v>0.44376672355308344</v>
      </c>
      <c r="I7315" s="236">
        <f t="shared" si="1694"/>
        <v>19.879107954847125</v>
      </c>
      <c r="J7315" s="237">
        <f t="shared" si="1699"/>
        <v>9.8791079548471252</v>
      </c>
      <c r="K7315" s="237">
        <f t="shared" si="1695"/>
        <v>1449.1273325844907</v>
      </c>
      <c r="L7315" s="237">
        <f t="shared" si="1700"/>
        <v>720.2264863401748</v>
      </c>
      <c r="M7315" s="236">
        <f t="shared" si="1696"/>
        <v>29.620005750995841</v>
      </c>
      <c r="N7315" s="236">
        <f t="shared" si="1697"/>
        <v>0.47391115200184336</v>
      </c>
      <c r="O7315" s="236">
        <f t="shared" si="1701"/>
        <v>2.1899623162239514</v>
      </c>
      <c r="P7315" s="236" t="str">
        <f t="shared" si="1702"/>
        <v>SAND</v>
      </c>
      <c r="Q7315" s="236" t="e">
        <f t="shared" si="1698"/>
        <v>#N/A</v>
      </c>
      <c r="R7315" s="238">
        <v>35</v>
      </c>
      <c r="S7315" s="236" t="e">
        <f t="shared" si="1703"/>
        <v>#N/A</v>
      </c>
      <c r="T7315" s="236">
        <f t="shared" si="1690"/>
        <v>33.787436523582016</v>
      </c>
    </row>
    <row r="7316" spans="2:20" x14ac:dyDescent="0.2">
      <c r="B7316" s="239">
        <v>72.914000000000001</v>
      </c>
      <c r="C7316" s="3">
        <f t="shared" si="1691"/>
        <v>72.906999999999996</v>
      </c>
      <c r="D7316" s="239">
        <v>22.8536</v>
      </c>
      <c r="E7316" s="239">
        <v>9.9099999999999994E-2</v>
      </c>
      <c r="F7316" s="239">
        <v>0.64419999999999999</v>
      </c>
      <c r="G7316">
        <f t="shared" si="1692"/>
        <v>22.98244</v>
      </c>
      <c r="H7316" s="235">
        <f t="shared" si="1693"/>
        <v>0.4311987761090641</v>
      </c>
      <c r="I7316" s="236">
        <f t="shared" si="1694"/>
        <v>19.859098442976943</v>
      </c>
      <c r="J7316" s="237">
        <f t="shared" si="1699"/>
        <v>9.8590984429769435</v>
      </c>
      <c r="K7316" s="237">
        <f t="shared" si="1695"/>
        <v>1447.8672901821199</v>
      </c>
      <c r="L7316" s="237">
        <f t="shared" si="1700"/>
        <v>718.86630387122091</v>
      </c>
      <c r="M7316" s="236">
        <f t="shared" si="1696"/>
        <v>29.956297289009701</v>
      </c>
      <c r="N7316" s="236">
        <f t="shared" si="1697"/>
        <v>0.46019023147284954</v>
      </c>
      <c r="O7316" s="236">
        <f t="shared" si="1701"/>
        <v>2.1802908092140947</v>
      </c>
      <c r="P7316" s="236" t="str">
        <f t="shared" si="1702"/>
        <v>SAND</v>
      </c>
      <c r="Q7316" s="236" t="e">
        <f t="shared" si="1698"/>
        <v>#N/A</v>
      </c>
      <c r="R7316" s="238">
        <v>35</v>
      </c>
      <c r="S7316" s="236" t="e">
        <f t="shared" si="1703"/>
        <v>#N/A</v>
      </c>
      <c r="T7316" s="236">
        <f t="shared" si="1690"/>
        <v>33.841369451050213</v>
      </c>
    </row>
    <row r="7317" spans="2:20" x14ac:dyDescent="0.2">
      <c r="B7317" s="239">
        <v>72.924000000000007</v>
      </c>
      <c r="C7317" s="3">
        <f t="shared" si="1691"/>
        <v>72.917000000000002</v>
      </c>
      <c r="D7317" s="239">
        <v>23.086200000000002</v>
      </c>
      <c r="E7317" s="239">
        <v>9.5299999999999996E-2</v>
      </c>
      <c r="F7317" s="239">
        <v>0.65049999999999997</v>
      </c>
      <c r="G7317">
        <f t="shared" si="1692"/>
        <v>23.2163</v>
      </c>
      <c r="H7317" s="235">
        <f t="shared" si="1693"/>
        <v>0.41048745924199809</v>
      </c>
      <c r="I7317" s="236">
        <f t="shared" si="1694"/>
        <v>19.817207592463543</v>
      </c>
      <c r="J7317" s="237">
        <f t="shared" si="1699"/>
        <v>9.8172075924635429</v>
      </c>
      <c r="K7317" s="237">
        <f t="shared" si="1695"/>
        <v>1445.0113260196642</v>
      </c>
      <c r="L7317" s="237">
        <f t="shared" si="1700"/>
        <v>715.91004647281147</v>
      </c>
      <c r="M7317" s="236">
        <f t="shared" si="1696"/>
        <v>30.410648350647438</v>
      </c>
      <c r="N7317" s="236">
        <f t="shared" si="1697"/>
        <v>0.43773247154586908</v>
      </c>
      <c r="O7317" s="236">
        <f t="shared" si="1701"/>
        <v>2.1655824820838077</v>
      </c>
      <c r="P7317" s="236" t="str">
        <f t="shared" si="1702"/>
        <v>SAND</v>
      </c>
      <c r="Q7317" s="236" t="e">
        <f t="shared" si="1698"/>
        <v>#N/A</v>
      </c>
      <c r="R7317" s="238">
        <v>35</v>
      </c>
      <c r="S7317" s="236" t="e">
        <f t="shared" si="1703"/>
        <v>#N/A</v>
      </c>
      <c r="T7317" s="236">
        <f t="shared" si="1690"/>
        <v>33.913282472725747</v>
      </c>
    </row>
    <row r="7318" spans="2:20" x14ac:dyDescent="0.2">
      <c r="B7318" s="239">
        <v>72.933999999999997</v>
      </c>
      <c r="C7318" s="3">
        <f t="shared" si="1691"/>
        <v>72.926999999999992</v>
      </c>
      <c r="D7318" s="239">
        <v>23.214400000000001</v>
      </c>
      <c r="E7318" s="239">
        <v>9.3799999999999994E-2</v>
      </c>
      <c r="F7318" s="239">
        <v>0.63939999999999997</v>
      </c>
      <c r="G7318">
        <f t="shared" si="1692"/>
        <v>23.342280000000002</v>
      </c>
      <c r="H7318" s="235">
        <f t="shared" si="1693"/>
        <v>0.40184592079265602</v>
      </c>
      <c r="I7318" s="236">
        <f t="shared" si="1694"/>
        <v>19.800719664867941</v>
      </c>
      <c r="J7318" s="237">
        <f t="shared" si="1699"/>
        <v>9.8007196648679411</v>
      </c>
      <c r="K7318" s="237">
        <f t="shared" si="1695"/>
        <v>1444.0070829998242</v>
      </c>
      <c r="L7318" s="237">
        <f t="shared" si="1700"/>
        <v>714.80568803747838</v>
      </c>
      <c r="M7318" s="236">
        <f t="shared" si="1696"/>
        <v>30.635280725203206</v>
      </c>
      <c r="N7318" s="236">
        <f t="shared" si="1697"/>
        <v>0.42834428247161316</v>
      </c>
      <c r="O7318" s="236">
        <f t="shared" si="1701"/>
        <v>2.1589180074015957</v>
      </c>
      <c r="P7318" s="236" t="str">
        <f t="shared" si="1702"/>
        <v>SAND</v>
      </c>
      <c r="Q7318" s="236" t="e">
        <f t="shared" si="1698"/>
        <v>#N/A</v>
      </c>
      <c r="R7318" s="238">
        <v>35</v>
      </c>
      <c r="S7318" s="236" t="e">
        <f t="shared" si="1703"/>
        <v>#N/A</v>
      </c>
      <c r="T7318" s="236">
        <f t="shared" si="1690"/>
        <v>33.948440507594768</v>
      </c>
    </row>
    <row r="7319" spans="2:20" x14ac:dyDescent="0.2">
      <c r="B7319" s="239">
        <v>72.942999999999998</v>
      </c>
      <c r="C7319" s="3">
        <f t="shared" si="1691"/>
        <v>72.935999999999993</v>
      </c>
      <c r="D7319" s="239">
        <v>23.433499999999999</v>
      </c>
      <c r="E7319" s="239">
        <v>9.3100000000000002E-2</v>
      </c>
      <c r="F7319" s="239">
        <v>0.65159999999999996</v>
      </c>
      <c r="G7319">
        <f t="shared" si="1692"/>
        <v>23.56382</v>
      </c>
      <c r="H7319" s="235">
        <f t="shared" si="1693"/>
        <v>0.39509722956634369</v>
      </c>
      <c r="I7319" s="236">
        <f t="shared" si="1694"/>
        <v>19.795628319949781</v>
      </c>
      <c r="J7319" s="237">
        <f t="shared" si="1699"/>
        <v>9.7956283199497811</v>
      </c>
      <c r="K7319" s="237">
        <f t="shared" si="1695"/>
        <v>1443.8139471438571</v>
      </c>
      <c r="L7319" s="237">
        <f t="shared" si="1700"/>
        <v>714.52251654209681</v>
      </c>
      <c r="M7319" s="236">
        <f t="shared" si="1696"/>
        <v>30.957745264494996</v>
      </c>
      <c r="N7319" s="236">
        <f t="shared" si="1697"/>
        <v>0.42088596077928697</v>
      </c>
      <c r="O7319" s="236">
        <f t="shared" si="1701"/>
        <v>2.1517359680855908</v>
      </c>
      <c r="P7319" s="236" t="str">
        <f t="shared" si="1702"/>
        <v>SAND</v>
      </c>
      <c r="Q7319" s="236" t="e">
        <f t="shared" si="1698"/>
        <v>#N/A</v>
      </c>
      <c r="R7319" s="238">
        <v>35</v>
      </c>
      <c r="S7319" s="236" t="e">
        <f t="shared" si="1703"/>
        <v>#N/A</v>
      </c>
      <c r="T7319" s="236">
        <f t="shared" si="1690"/>
        <v>33.998462545655791</v>
      </c>
    </row>
    <row r="7320" spans="2:20" x14ac:dyDescent="0.2">
      <c r="B7320" s="239">
        <v>72.953000000000003</v>
      </c>
      <c r="C7320" s="3">
        <f t="shared" si="1691"/>
        <v>72.945999999999998</v>
      </c>
      <c r="D7320" s="239">
        <v>23.566800000000001</v>
      </c>
      <c r="E7320" s="239">
        <v>9.3200000000000005E-2</v>
      </c>
      <c r="F7320" s="239">
        <v>0.64800000000000002</v>
      </c>
      <c r="G7320">
        <f t="shared" si="1692"/>
        <v>23.696400000000001</v>
      </c>
      <c r="H7320" s="235">
        <f t="shared" si="1693"/>
        <v>0.39330868823956378</v>
      </c>
      <c r="I7320" s="236">
        <f t="shared" si="1694"/>
        <v>19.799080152733758</v>
      </c>
      <c r="J7320" s="237">
        <f t="shared" si="1699"/>
        <v>9.7990801527337581</v>
      </c>
      <c r="K7320" s="237">
        <f t="shared" si="1695"/>
        <v>1444.2637008213167</v>
      </c>
      <c r="L7320" s="237">
        <f t="shared" si="1700"/>
        <v>714.87229438238592</v>
      </c>
      <c r="M7320" s="236">
        <f t="shared" si="1696"/>
        <v>31.127428596744572</v>
      </c>
      <c r="N7320" s="236">
        <f t="shared" si="1697"/>
        <v>0.4188361905883165</v>
      </c>
      <c r="O7320" s="236">
        <f t="shared" si="1701"/>
        <v>2.1487207970949234</v>
      </c>
      <c r="P7320" s="236" t="str">
        <f t="shared" si="1702"/>
        <v>SAND</v>
      </c>
      <c r="Q7320" s="236" t="e">
        <f t="shared" si="1698"/>
        <v>#N/A</v>
      </c>
      <c r="R7320" s="238">
        <v>35</v>
      </c>
      <c r="S7320" s="236" t="e">
        <f t="shared" si="1703"/>
        <v>#N/A</v>
      </c>
      <c r="T7320" s="236">
        <f t="shared" si="1690"/>
        <v>34.024575701228549</v>
      </c>
    </row>
    <row r="7321" spans="2:20" x14ac:dyDescent="0.2">
      <c r="B7321" s="239">
        <v>72.960999999999999</v>
      </c>
      <c r="C7321" s="3">
        <f t="shared" si="1691"/>
        <v>72.953999999999994</v>
      </c>
      <c r="D7321" s="239">
        <v>23.623699999999999</v>
      </c>
      <c r="E7321" s="239">
        <v>9.4600000000000004E-2</v>
      </c>
      <c r="F7321" s="239">
        <v>0.65110000000000001</v>
      </c>
      <c r="G7321">
        <f t="shared" si="1692"/>
        <v>23.753920000000001</v>
      </c>
      <c r="H7321" s="235">
        <f t="shared" si="1693"/>
        <v>0.39825005725370799</v>
      </c>
      <c r="I7321" s="236">
        <f t="shared" si="1694"/>
        <v>19.817510883211071</v>
      </c>
      <c r="J7321" s="237">
        <f t="shared" si="1699"/>
        <v>9.8175108832110709</v>
      </c>
      <c r="K7321" s="237">
        <f t="shared" si="1695"/>
        <v>1445.7666889737804</v>
      </c>
      <c r="L7321" s="237">
        <f t="shared" si="1700"/>
        <v>716.29541154996298</v>
      </c>
      <c r="M7321" s="236">
        <f t="shared" si="1696"/>
        <v>31.143789212267187</v>
      </c>
      <c r="N7321" s="236">
        <f t="shared" si="1697"/>
        <v>0.42406020203044859</v>
      </c>
      <c r="O7321" s="236">
        <f t="shared" si="1701"/>
        <v>2.1506263771695044</v>
      </c>
      <c r="P7321" s="236" t="str">
        <f t="shared" si="1702"/>
        <v>SAND</v>
      </c>
      <c r="Q7321" s="236" t="e">
        <f t="shared" si="1698"/>
        <v>#N/A</v>
      </c>
      <c r="R7321" s="238">
        <v>35</v>
      </c>
      <c r="S7321" s="236" t="e">
        <f t="shared" si="1703"/>
        <v>#N/A</v>
      </c>
      <c r="T7321" s="236">
        <f t="shared" si="1690"/>
        <v>34.027085964557592</v>
      </c>
    </row>
    <row r="7322" spans="2:20" x14ac:dyDescent="0.2">
      <c r="B7322" s="239">
        <v>72.97</v>
      </c>
      <c r="C7322" s="3">
        <f t="shared" si="1691"/>
        <v>72.962999999999994</v>
      </c>
      <c r="D7322" s="239">
        <v>23.6174</v>
      </c>
      <c r="E7322" s="239">
        <v>9.3100000000000002E-2</v>
      </c>
      <c r="F7322" s="239">
        <v>0.65380000000000005</v>
      </c>
      <c r="G7322">
        <f t="shared" si="1692"/>
        <v>23.748159999999999</v>
      </c>
      <c r="H7322" s="235">
        <f t="shared" si="1693"/>
        <v>0.39203037203724422</v>
      </c>
      <c r="I7322" s="236">
        <f t="shared" si="1694"/>
        <v>19.798674162669634</v>
      </c>
      <c r="J7322" s="237">
        <f t="shared" si="1699"/>
        <v>9.7986741626696343</v>
      </c>
      <c r="K7322" s="237">
        <f t="shared" si="1695"/>
        <v>1444.5706629308645</v>
      </c>
      <c r="L7322" s="237">
        <f t="shared" si="1700"/>
        <v>715.00925365000319</v>
      </c>
      <c r="M7322" s="236">
        <f t="shared" si="1696"/>
        <v>31.193427530081639</v>
      </c>
      <c r="N7322" s="236">
        <f t="shared" si="1697"/>
        <v>0.41742160238426479</v>
      </c>
      <c r="O7322" s="236">
        <f t="shared" si="1701"/>
        <v>2.1472989637898747</v>
      </c>
      <c r="P7322" s="236" t="str">
        <f t="shared" si="1702"/>
        <v>SAND</v>
      </c>
      <c r="Q7322" s="236" t="e">
        <f t="shared" si="1698"/>
        <v>#N/A</v>
      </c>
      <c r="R7322" s="238">
        <v>35</v>
      </c>
      <c r="S7322" s="236" t="e">
        <f t="shared" si="1703"/>
        <v>#N/A</v>
      </c>
      <c r="T7322" s="236">
        <f t="shared" si="1690"/>
        <v>34.034694073652226</v>
      </c>
    </row>
    <row r="7323" spans="2:20" x14ac:dyDescent="0.2">
      <c r="B7323" s="239">
        <v>72.978999999999999</v>
      </c>
      <c r="C7323" s="3">
        <f t="shared" si="1691"/>
        <v>72.971999999999994</v>
      </c>
      <c r="D7323" s="239">
        <v>23.648299999999999</v>
      </c>
      <c r="E7323" s="239">
        <v>9.3299999999999994E-2</v>
      </c>
      <c r="F7323" s="239">
        <v>0.66659999999999997</v>
      </c>
      <c r="G7323">
        <f t="shared" si="1692"/>
        <v>23.78162</v>
      </c>
      <c r="H7323" s="235">
        <f t="shared" si="1693"/>
        <v>0.39231978309299365</v>
      </c>
      <c r="I7323" s="236">
        <f t="shared" si="1694"/>
        <v>19.801740784320451</v>
      </c>
      <c r="J7323" s="237">
        <f t="shared" si="1699"/>
        <v>9.8017407843204509</v>
      </c>
      <c r="K7323" s="237">
        <f t="shared" si="1695"/>
        <v>1444.9726285134318</v>
      </c>
      <c r="L7323" s="237">
        <f t="shared" si="1700"/>
        <v>715.32124069892222</v>
      </c>
      <c r="M7323" s="236">
        <f t="shared" si="1696"/>
        <v>31.226036779869695</v>
      </c>
      <c r="N7323" s="236">
        <f t="shared" si="1697"/>
        <v>0.41769921174070362</v>
      </c>
      <c r="O7323" s="236">
        <f t="shared" si="1701"/>
        <v>2.1469944798659473</v>
      </c>
      <c r="P7323" s="236" t="str">
        <f t="shared" si="1702"/>
        <v>SAND</v>
      </c>
      <c r="Q7323" s="236" t="e">
        <f t="shared" si="1698"/>
        <v>#N/A</v>
      </c>
      <c r="R7323" s="238">
        <v>35</v>
      </c>
      <c r="S7323" s="236" t="e">
        <f t="shared" si="1703"/>
        <v>#N/A</v>
      </c>
      <c r="T7323" s="236">
        <f t="shared" si="1690"/>
        <v>34.03968553602877</v>
      </c>
    </row>
    <row r="7324" spans="2:20" x14ac:dyDescent="0.2">
      <c r="B7324" s="239">
        <v>72.988</v>
      </c>
      <c r="C7324" s="3">
        <f t="shared" si="1691"/>
        <v>72.980999999999995</v>
      </c>
      <c r="D7324" s="239">
        <v>23.545100000000001</v>
      </c>
      <c r="E7324" s="239">
        <v>9.2399999999999996E-2</v>
      </c>
      <c r="F7324" s="239">
        <v>0.66639999999999999</v>
      </c>
      <c r="G7324">
        <f t="shared" si="1692"/>
        <v>23.678380000000001</v>
      </c>
      <c r="H7324" s="235">
        <f t="shared" si="1693"/>
        <v>0.39022939913963706</v>
      </c>
      <c r="I7324" s="236">
        <f t="shared" si="1694"/>
        <v>19.788674164085791</v>
      </c>
      <c r="J7324" s="237">
        <f t="shared" si="1699"/>
        <v>9.7886741640857906</v>
      </c>
      <c r="K7324" s="237">
        <f t="shared" si="1695"/>
        <v>1444.197229169145</v>
      </c>
      <c r="L7324" s="237">
        <f t="shared" si="1700"/>
        <v>714.45574988829367</v>
      </c>
      <c r="M7324" s="236">
        <f t="shared" si="1696"/>
        <v>31.120447661464279</v>
      </c>
      <c r="N7324" s="236">
        <f t="shared" si="1697"/>
        <v>0.41557632656155036</v>
      </c>
      <c r="O7324" s="236">
        <f t="shared" si="1701"/>
        <v>2.1474829294417521</v>
      </c>
      <c r="P7324" s="236" t="str">
        <f t="shared" si="1702"/>
        <v>SAND</v>
      </c>
      <c r="Q7324" s="236" t="e">
        <f t="shared" si="1698"/>
        <v>#N/A</v>
      </c>
      <c r="R7324" s="238">
        <v>35</v>
      </c>
      <c r="S7324" s="236" t="e">
        <f t="shared" si="1703"/>
        <v>#N/A</v>
      </c>
      <c r="T7324" s="236">
        <f t="shared" si="1690"/>
        <v>34.023504191627808</v>
      </c>
    </row>
    <row r="7325" spans="2:20" x14ac:dyDescent="0.2">
      <c r="B7325" s="239">
        <v>72.995999999999995</v>
      </c>
      <c r="C7325" s="3">
        <f t="shared" si="1691"/>
        <v>72.98899999999999</v>
      </c>
      <c r="D7325" s="239">
        <v>23.624099999999999</v>
      </c>
      <c r="E7325" s="239">
        <v>9.3100000000000002E-2</v>
      </c>
      <c r="F7325" s="239">
        <v>0.65869999999999995</v>
      </c>
      <c r="G7325">
        <f t="shared" si="1692"/>
        <v>23.755839999999999</v>
      </c>
      <c r="H7325" s="235">
        <f t="shared" si="1693"/>
        <v>0.39190363295930603</v>
      </c>
      <c r="I7325" s="236">
        <f t="shared" si="1694"/>
        <v>19.798800545436777</v>
      </c>
      <c r="J7325" s="237">
        <f t="shared" si="1699"/>
        <v>9.7988005454367766</v>
      </c>
      <c r="K7325" s="237">
        <f t="shared" si="1695"/>
        <v>1445.0946530108847</v>
      </c>
      <c r="L7325" s="237">
        <f t="shared" si="1700"/>
        <v>715.27324461470289</v>
      </c>
      <c r="M7325" s="236">
        <f t="shared" si="1696"/>
        <v>31.191919332879941</v>
      </c>
      <c r="N7325" s="236">
        <f t="shared" si="1697"/>
        <v>0.41728771742968263</v>
      </c>
      <c r="O7325" s="236">
        <f t="shared" si="1701"/>
        <v>2.1472637535000287</v>
      </c>
      <c r="P7325" s="236" t="str">
        <f t="shared" si="1702"/>
        <v>SAND</v>
      </c>
      <c r="Q7325" s="236" t="e">
        <f t="shared" si="1698"/>
        <v>#N/A</v>
      </c>
      <c r="R7325" s="238">
        <v>35</v>
      </c>
      <c r="S7325" s="236" t="e">
        <f t="shared" si="1703"/>
        <v>#N/A</v>
      </c>
      <c r="T7325" s="236">
        <f t="shared" si="1690"/>
        <v>34.03446308931666</v>
      </c>
    </row>
    <row r="7326" spans="2:20" x14ac:dyDescent="0.2">
      <c r="B7326" s="239">
        <v>73.006</v>
      </c>
      <c r="C7326" s="3">
        <f t="shared" si="1691"/>
        <v>72.998999999999995</v>
      </c>
      <c r="D7326" s="239">
        <v>23.5215</v>
      </c>
      <c r="E7326" s="239">
        <v>9.3200000000000005E-2</v>
      </c>
      <c r="F7326" s="239">
        <v>0.66200000000000003</v>
      </c>
      <c r="G7326">
        <f t="shared" si="1692"/>
        <v>23.6539</v>
      </c>
      <c r="H7326" s="235">
        <f t="shared" si="1693"/>
        <v>0.39401536321705938</v>
      </c>
      <c r="I7326" s="236">
        <f t="shared" si="1694"/>
        <v>19.798378498535424</v>
      </c>
      <c r="J7326" s="237">
        <f t="shared" si="1699"/>
        <v>9.7983784985354241</v>
      </c>
      <c r="K7326" s="237">
        <f t="shared" si="1695"/>
        <v>1445.2618320145873</v>
      </c>
      <c r="L7326" s="237">
        <f t="shared" si="1700"/>
        <v>715.34042066407721</v>
      </c>
      <c r="M7326" s="236">
        <f t="shared" si="1696"/>
        <v>31.046250884814121</v>
      </c>
      <c r="N7326" s="236">
        <f t="shared" si="1697"/>
        <v>0.41965652866708103</v>
      </c>
      <c r="O7326" s="236">
        <f t="shared" si="1701"/>
        <v>2.1500972118802606</v>
      </c>
      <c r="P7326" s="236" t="str">
        <f t="shared" si="1702"/>
        <v>SAND</v>
      </c>
      <c r="Q7326" s="236" t="e">
        <f t="shared" si="1698"/>
        <v>#N/A</v>
      </c>
      <c r="R7326" s="238">
        <v>35</v>
      </c>
      <c r="S7326" s="236" t="e">
        <f t="shared" si="1703"/>
        <v>#N/A</v>
      </c>
      <c r="T7326" s="236">
        <f t="shared" si="1690"/>
        <v>34.012100789677604</v>
      </c>
    </row>
    <row r="7327" spans="2:20" x14ac:dyDescent="0.2">
      <c r="B7327" s="239">
        <v>73.015000000000001</v>
      </c>
      <c r="C7327" s="3">
        <f t="shared" si="1691"/>
        <v>73.007999999999996</v>
      </c>
      <c r="D7327" s="239">
        <v>23.495200000000001</v>
      </c>
      <c r="E7327" s="239">
        <v>9.1800000000000007E-2</v>
      </c>
      <c r="F7327" s="239">
        <v>0.67369999999999997</v>
      </c>
      <c r="G7327">
        <f t="shared" si="1692"/>
        <v>23.629940000000001</v>
      </c>
      <c r="H7327" s="235">
        <f t="shared" si="1693"/>
        <v>0.38849019506608989</v>
      </c>
      <c r="I7327" s="236">
        <f t="shared" si="1694"/>
        <v>19.780234650630657</v>
      </c>
      <c r="J7327" s="237">
        <f t="shared" si="1699"/>
        <v>9.780234650630657</v>
      </c>
      <c r="K7327" s="237">
        <f t="shared" si="1695"/>
        <v>1444.1153713732429</v>
      </c>
      <c r="L7327" s="237">
        <f t="shared" si="1700"/>
        <v>714.10383301579748</v>
      </c>
      <c r="M7327" s="236">
        <f t="shared" si="1696"/>
        <v>31.068065458956813</v>
      </c>
      <c r="N7327" s="236">
        <f t="shared" si="1697"/>
        <v>0.41377772310319649</v>
      </c>
      <c r="O7327" s="236">
        <f t="shared" si="1701"/>
        <v>2.1474217719792121</v>
      </c>
      <c r="P7327" s="236" t="str">
        <f t="shared" si="1702"/>
        <v>SAND</v>
      </c>
      <c r="Q7327" s="236" t="e">
        <f t="shared" si="1698"/>
        <v>#N/A</v>
      </c>
      <c r="R7327" s="238">
        <v>35</v>
      </c>
      <c r="S7327" s="236" t="e">
        <f t="shared" si="1703"/>
        <v>#N/A</v>
      </c>
      <c r="T7327" s="236">
        <f t="shared" si="1690"/>
        <v>34.015456326737223</v>
      </c>
    </row>
    <row r="7328" spans="2:20" x14ac:dyDescent="0.2">
      <c r="B7328" s="239">
        <v>73.025000000000006</v>
      </c>
      <c r="C7328" s="3">
        <f t="shared" si="1691"/>
        <v>73.018000000000001</v>
      </c>
      <c r="D7328" s="239">
        <v>23.4541</v>
      </c>
      <c r="E7328" s="239">
        <v>8.8800000000000004E-2</v>
      </c>
      <c r="F7328" s="239">
        <v>0.65010000000000001</v>
      </c>
      <c r="G7328">
        <f t="shared" si="1692"/>
        <v>23.584119999999999</v>
      </c>
      <c r="H7328" s="235">
        <f t="shared" si="1693"/>
        <v>0.37652454278556929</v>
      </c>
      <c r="I7328" s="236">
        <f t="shared" si="1694"/>
        <v>19.740515770338373</v>
      </c>
      <c r="J7328" s="237">
        <f t="shared" si="1699"/>
        <v>9.7405157703383729</v>
      </c>
      <c r="K7328" s="237">
        <f t="shared" si="1695"/>
        <v>1441.4129805185673</v>
      </c>
      <c r="L7328" s="237">
        <f t="shared" si="1700"/>
        <v>711.30116412895973</v>
      </c>
      <c r="M7328" s="236">
        <f t="shared" si="1696"/>
        <v>31.129861915236418</v>
      </c>
      <c r="N7328" s="236">
        <f t="shared" si="1697"/>
        <v>0.40103497698755913</v>
      </c>
      <c r="O7328" s="236">
        <f t="shared" si="1701"/>
        <v>2.1413681200078112</v>
      </c>
      <c r="P7328" s="236" t="str">
        <f t="shared" si="1702"/>
        <v>SAND</v>
      </c>
      <c r="Q7328" s="236" t="e">
        <f t="shared" si="1698"/>
        <v>#N/A</v>
      </c>
      <c r="R7328" s="238">
        <v>35</v>
      </c>
      <c r="S7328" s="236" t="e">
        <f t="shared" si="1703"/>
        <v>#N/A</v>
      </c>
      <c r="T7328" s="236">
        <f t="shared" si="1690"/>
        <v>34.024949136841997</v>
      </c>
    </row>
    <row r="7329" spans="2:20" x14ac:dyDescent="0.2">
      <c r="B7329" s="239">
        <v>73.036000000000001</v>
      </c>
      <c r="C7329" s="3">
        <f t="shared" si="1691"/>
        <v>73.028999999999996</v>
      </c>
      <c r="D7329" s="239">
        <v>23.354800000000001</v>
      </c>
      <c r="E7329" s="239">
        <v>0.09</v>
      </c>
      <c r="F7329" s="239">
        <v>0.67430000000000001</v>
      </c>
      <c r="G7329">
        <f t="shared" si="1692"/>
        <v>23.489660000000001</v>
      </c>
      <c r="H7329" s="235">
        <f t="shared" si="1693"/>
        <v>0.38314730821987203</v>
      </c>
      <c r="I7329" s="236">
        <f t="shared" si="1694"/>
        <v>19.754686887451555</v>
      </c>
      <c r="J7329" s="237">
        <f t="shared" si="1699"/>
        <v>9.7546868874515553</v>
      </c>
      <c r="K7329" s="237">
        <f t="shared" si="1695"/>
        <v>1442.6650287036996</v>
      </c>
      <c r="L7329" s="237">
        <f t="shared" si="1700"/>
        <v>712.44331151191182</v>
      </c>
      <c r="M7329" s="236">
        <f t="shared" si="1696"/>
        <v>30.945612956221403</v>
      </c>
      <c r="N7329" s="236">
        <f t="shared" si="1697"/>
        <v>0.4082188983903427</v>
      </c>
      <c r="O7329" s="236">
        <f t="shared" si="1701"/>
        <v>2.1467210622438522</v>
      </c>
      <c r="P7329" s="236" t="str">
        <f t="shared" si="1702"/>
        <v>SAND</v>
      </c>
      <c r="Q7329" s="236" t="e">
        <f t="shared" si="1698"/>
        <v>#N/A</v>
      </c>
      <c r="R7329" s="238">
        <v>35</v>
      </c>
      <c r="S7329" s="236" t="e">
        <f t="shared" si="1703"/>
        <v>#N/A</v>
      </c>
      <c r="T7329" s="236">
        <f t="shared" si="1690"/>
        <v>33.996589983575035</v>
      </c>
    </row>
    <row r="7330" spans="2:20" x14ac:dyDescent="0.2">
      <c r="B7330" s="239">
        <v>73.045000000000002</v>
      </c>
      <c r="C7330" s="3">
        <f t="shared" si="1691"/>
        <v>73.037999999999997</v>
      </c>
      <c r="D7330" s="239">
        <v>23.3933</v>
      </c>
      <c r="E7330" s="239">
        <v>9.0899999999999995E-2</v>
      </c>
      <c r="F7330" s="239">
        <v>0.66300000000000003</v>
      </c>
      <c r="G7330">
        <f t="shared" si="1692"/>
        <v>23.5259</v>
      </c>
      <c r="H7330" s="235">
        <f t="shared" si="1693"/>
        <v>0.38638266761314127</v>
      </c>
      <c r="I7330" s="236">
        <f t="shared" si="1694"/>
        <v>19.766957161076434</v>
      </c>
      <c r="J7330" s="237">
        <f t="shared" si="1699"/>
        <v>9.7669571610764336</v>
      </c>
      <c r="K7330" s="237">
        <f t="shared" si="1695"/>
        <v>1443.7390171307004</v>
      </c>
      <c r="L7330" s="237">
        <f t="shared" si="1700"/>
        <v>713.42738583082814</v>
      </c>
      <c r="M7330" s="236">
        <f t="shared" si="1696"/>
        <v>30.952219414949042</v>
      </c>
      <c r="N7330" s="236">
        <f t="shared" si="1697"/>
        <v>0.41164449471461412</v>
      </c>
      <c r="O7330" s="236">
        <f t="shared" si="1701"/>
        <v>2.1480429365991141</v>
      </c>
      <c r="P7330" s="236" t="str">
        <f t="shared" si="1702"/>
        <v>SAND</v>
      </c>
      <c r="Q7330" s="236" t="e">
        <f t="shared" si="1698"/>
        <v>#N/A</v>
      </c>
      <c r="R7330" s="238">
        <v>35</v>
      </c>
      <c r="S7330" s="236" t="e">
        <f t="shared" si="1703"/>
        <v>#N/A</v>
      </c>
      <c r="T7330" s="236">
        <f t="shared" si="1690"/>
        <v>33.997609748991195</v>
      </c>
    </row>
    <row r="7331" spans="2:20" x14ac:dyDescent="0.2">
      <c r="B7331" s="239">
        <v>73.054000000000002</v>
      </c>
      <c r="C7331" s="3">
        <f t="shared" si="1691"/>
        <v>73.046999999999997</v>
      </c>
      <c r="D7331" s="239">
        <v>23.451000000000001</v>
      </c>
      <c r="E7331" s="239">
        <v>9.1399999999999995E-2</v>
      </c>
      <c r="F7331" s="239">
        <v>0.66120000000000001</v>
      </c>
      <c r="G7331">
        <f t="shared" si="1692"/>
        <v>23.58324</v>
      </c>
      <c r="H7331" s="235">
        <f t="shared" si="1693"/>
        <v>0.38756337127553292</v>
      </c>
      <c r="I7331" s="236">
        <f t="shared" si="1694"/>
        <v>19.774340906503415</v>
      </c>
      <c r="J7331" s="237">
        <f t="shared" si="1699"/>
        <v>9.774340906503415</v>
      </c>
      <c r="K7331" s="237">
        <f t="shared" si="1695"/>
        <v>1444.456280197355</v>
      </c>
      <c r="L7331" s="237">
        <f t="shared" si="1700"/>
        <v>714.05470058370054</v>
      </c>
      <c r="M7331" s="236">
        <f t="shared" si="1696"/>
        <v>31.00432460105004</v>
      </c>
      <c r="N7331" s="236">
        <f t="shared" si="1697"/>
        <v>0.41285014189033675</v>
      </c>
      <c r="O7331" s="236">
        <f t="shared" si="1701"/>
        <v>2.1478637790120154</v>
      </c>
      <c r="P7331" s="236" t="str">
        <f t="shared" si="1702"/>
        <v>SAND</v>
      </c>
      <c r="Q7331" s="236" t="e">
        <f t="shared" si="1698"/>
        <v>#N/A</v>
      </c>
      <c r="R7331" s="238">
        <v>35</v>
      </c>
      <c r="S7331" s="236" t="e">
        <f t="shared" si="1703"/>
        <v>#N/A</v>
      </c>
      <c r="T7331" s="236">
        <f t="shared" si="1690"/>
        <v>34.005645026150759</v>
      </c>
    </row>
    <row r="7332" spans="2:20" x14ac:dyDescent="0.2">
      <c r="B7332" s="239">
        <v>73.063999999999993</v>
      </c>
      <c r="C7332" s="3">
        <f t="shared" si="1691"/>
        <v>73.056999999999988</v>
      </c>
      <c r="D7332" s="239">
        <v>23.461600000000001</v>
      </c>
      <c r="E7332" s="239">
        <v>9.1700000000000004E-2</v>
      </c>
      <c r="F7332" s="239">
        <v>0.66180000000000005</v>
      </c>
      <c r="G7332">
        <f t="shared" si="1692"/>
        <v>23.593959999999999</v>
      </c>
      <c r="H7332" s="235">
        <f t="shared" si="1693"/>
        <v>0.38865879233498746</v>
      </c>
      <c r="I7332" s="236">
        <f t="shared" si="1694"/>
        <v>19.778361015612063</v>
      </c>
      <c r="J7332" s="237">
        <f t="shared" si="1699"/>
        <v>9.7783610156120631</v>
      </c>
      <c r="K7332" s="237">
        <f t="shared" si="1695"/>
        <v>1444.9477207175703</v>
      </c>
      <c r="L7332" s="237">
        <f t="shared" si="1700"/>
        <v>714.44616924467971</v>
      </c>
      <c r="M7332" s="236">
        <f t="shared" si="1696"/>
        <v>31.001653074434714</v>
      </c>
      <c r="N7332" s="236">
        <f t="shared" si="1697"/>
        <v>0.41401394718523699</v>
      </c>
      <c r="O7332" s="236">
        <f t="shared" si="1701"/>
        <v>2.1483742613872159</v>
      </c>
      <c r="P7332" s="236" t="str">
        <f t="shared" si="1702"/>
        <v>SAND</v>
      </c>
      <c r="Q7332" s="236" t="e">
        <f t="shared" si="1698"/>
        <v>#N/A</v>
      </c>
      <c r="R7332" s="238">
        <v>35</v>
      </c>
      <c r="S7332" s="236" t="e">
        <f t="shared" si="1703"/>
        <v>#N/A</v>
      </c>
      <c r="T7332" s="236">
        <f t="shared" si="1690"/>
        <v>34.005233371583685</v>
      </c>
    </row>
    <row r="7333" spans="2:20" x14ac:dyDescent="0.2">
      <c r="B7333" s="239">
        <v>73.072999999999993</v>
      </c>
      <c r="C7333" s="3">
        <f t="shared" si="1691"/>
        <v>73.065999999999988</v>
      </c>
      <c r="D7333" s="239">
        <v>23.502700000000001</v>
      </c>
      <c r="E7333" s="239">
        <v>9.1499999999999998E-2</v>
      </c>
      <c r="F7333" s="239">
        <v>0.6734</v>
      </c>
      <c r="G7333">
        <f t="shared" si="1692"/>
        <v>23.63738</v>
      </c>
      <c r="H7333" s="235">
        <f t="shared" si="1693"/>
        <v>0.38709873936959172</v>
      </c>
      <c r="I7333" s="236">
        <f t="shared" si="1694"/>
        <v>19.776519411728334</v>
      </c>
      <c r="J7333" s="237">
        <f t="shared" si="1699"/>
        <v>9.7765194117283336</v>
      </c>
      <c r="K7333" s="237">
        <f t="shared" si="1695"/>
        <v>1444.9911673373422</v>
      </c>
      <c r="L7333" s="237">
        <f t="shared" si="1700"/>
        <v>714.39960297322443</v>
      </c>
      <c r="M7333" s="236">
        <f t="shared" si="1696"/>
        <v>31.064391329868119</v>
      </c>
      <c r="N7333" s="236">
        <f t="shared" si="1697"/>
        <v>0.41230351851681107</v>
      </c>
      <c r="O7333" s="236">
        <f t="shared" si="1701"/>
        <v>2.1468655630539168</v>
      </c>
      <c r="P7333" s="236" t="str">
        <f t="shared" si="1702"/>
        <v>SAND</v>
      </c>
      <c r="Q7333" s="236" t="e">
        <f t="shared" si="1698"/>
        <v>#N/A</v>
      </c>
      <c r="R7333" s="238">
        <v>35</v>
      </c>
      <c r="S7333" s="236" t="e">
        <f t="shared" si="1703"/>
        <v>#N/A</v>
      </c>
      <c r="T7333" s="236">
        <f t="shared" si="1690"/>
        <v>34.014891333984423</v>
      </c>
    </row>
    <row r="7334" spans="2:20" x14ac:dyDescent="0.2">
      <c r="B7334" s="239">
        <v>73.081999999999994</v>
      </c>
      <c r="C7334" s="3">
        <f t="shared" si="1691"/>
        <v>73.074999999999989</v>
      </c>
      <c r="D7334" s="239">
        <v>23.560400000000001</v>
      </c>
      <c r="E7334" s="239">
        <v>9.35E-2</v>
      </c>
      <c r="F7334" s="239">
        <v>0.66900000000000004</v>
      </c>
      <c r="G7334">
        <f t="shared" si="1692"/>
        <v>23.694200000000002</v>
      </c>
      <c r="H7334" s="235">
        <f t="shared" si="1693"/>
        <v>0.39461133948392429</v>
      </c>
      <c r="I7334" s="236">
        <f t="shared" si="1694"/>
        <v>19.802812248706893</v>
      </c>
      <c r="J7334" s="237">
        <f t="shared" si="1699"/>
        <v>9.8028122487068927</v>
      </c>
      <c r="K7334" s="237">
        <f t="shared" si="1695"/>
        <v>1447.090505074256</v>
      </c>
      <c r="L7334" s="237">
        <f t="shared" si="1700"/>
        <v>716.4091247599971</v>
      </c>
      <c r="M7334" s="236">
        <f t="shared" si="1696"/>
        <v>31.053637825144548</v>
      </c>
      <c r="N7334" s="236">
        <f t="shared" si="1697"/>
        <v>0.4202793177303597</v>
      </c>
      <c r="O7334" s="236">
        <f t="shared" si="1701"/>
        <v>2.1502547329094139</v>
      </c>
      <c r="P7334" s="236" t="str">
        <f t="shared" si="1702"/>
        <v>SAND</v>
      </c>
      <c r="Q7334" s="236" t="e">
        <f t="shared" si="1698"/>
        <v>#N/A</v>
      </c>
      <c r="R7334" s="238">
        <v>35</v>
      </c>
      <c r="S7334" s="236" t="e">
        <f t="shared" si="1703"/>
        <v>#N/A</v>
      </c>
      <c r="T7334" s="236">
        <f t="shared" si="1690"/>
        <v>34.013237319309454</v>
      </c>
    </row>
    <row r="7335" spans="2:20" x14ac:dyDescent="0.2">
      <c r="B7335" s="239">
        <v>73.090999999999994</v>
      </c>
      <c r="C7335" s="3">
        <f t="shared" si="1691"/>
        <v>73.083999999999989</v>
      </c>
      <c r="D7335" s="239">
        <v>23.564299999999999</v>
      </c>
      <c r="E7335" s="239">
        <v>9.4E-2</v>
      </c>
      <c r="F7335" s="239">
        <v>0.66279999999999994</v>
      </c>
      <c r="G7335">
        <f t="shared" si="1692"/>
        <v>23.696860000000001</v>
      </c>
      <c r="H7335" s="235">
        <f t="shared" si="1693"/>
        <v>0.39667702809570549</v>
      </c>
      <c r="I7335" s="236">
        <f t="shared" si="1694"/>
        <v>19.80910998158603</v>
      </c>
      <c r="J7335" s="237">
        <f t="shared" si="1699"/>
        <v>9.8091099815860296</v>
      </c>
      <c r="K7335" s="237">
        <f t="shared" si="1695"/>
        <v>1447.7289938942331</v>
      </c>
      <c r="L7335" s="237">
        <f t="shared" si="1700"/>
        <v>716.95765766410443</v>
      </c>
      <c r="M7335" s="236">
        <f t="shared" si="1696"/>
        <v>31.032698749037579</v>
      </c>
      <c r="N7335" s="236">
        <f t="shared" si="1697"/>
        <v>0.42248841077974619</v>
      </c>
      <c r="O7335" s="236">
        <f t="shared" si="1701"/>
        <v>2.1514182733858314</v>
      </c>
      <c r="P7335" s="236" t="str">
        <f t="shared" si="1702"/>
        <v>SAND</v>
      </c>
      <c r="Q7335" s="236" t="e">
        <f t="shared" si="1698"/>
        <v>#N/A</v>
      </c>
      <c r="R7335" s="238">
        <v>35</v>
      </c>
      <c r="S7335" s="236" t="e">
        <f t="shared" si="1703"/>
        <v>#N/A</v>
      </c>
      <c r="T7335" s="236">
        <f t="shared" si="1690"/>
        <v>34.010015000628215</v>
      </c>
    </row>
    <row r="7336" spans="2:20" x14ac:dyDescent="0.2">
      <c r="B7336" s="239">
        <v>73.100999999999999</v>
      </c>
      <c r="C7336" s="3">
        <f t="shared" si="1691"/>
        <v>73.093999999999994</v>
      </c>
      <c r="D7336" s="239">
        <v>23.6252</v>
      </c>
      <c r="E7336" s="239">
        <v>9.2899999999999996E-2</v>
      </c>
      <c r="F7336" s="239">
        <v>0.6643</v>
      </c>
      <c r="G7336">
        <f t="shared" si="1692"/>
        <v>23.75806</v>
      </c>
      <c r="H7336" s="235">
        <f t="shared" si="1693"/>
        <v>0.39102519313445622</v>
      </c>
      <c r="I7336" s="236">
        <f t="shared" si="1694"/>
        <v>19.796315359476399</v>
      </c>
      <c r="J7336" s="237">
        <f t="shared" si="1699"/>
        <v>9.7963153594763988</v>
      </c>
      <c r="K7336" s="237">
        <f t="shared" si="1695"/>
        <v>1446.9918748855678</v>
      </c>
      <c r="L7336" s="237">
        <f t="shared" si="1700"/>
        <v>716.12044909308418</v>
      </c>
      <c r="M7336" s="236">
        <f t="shared" si="1696"/>
        <v>31.155468543552725</v>
      </c>
      <c r="N7336" s="236">
        <f t="shared" si="1697"/>
        <v>0.41638526438555928</v>
      </c>
      <c r="O7336" s="236">
        <f t="shared" si="1701"/>
        <v>2.1473633042423903</v>
      </c>
      <c r="P7336" s="236" t="str">
        <f t="shared" si="1702"/>
        <v>SAND</v>
      </c>
      <c r="Q7336" s="236" t="e">
        <f t="shared" si="1698"/>
        <v>#N/A</v>
      </c>
      <c r="R7336" s="238">
        <v>35</v>
      </c>
      <c r="S7336" s="236" t="e">
        <f t="shared" si="1703"/>
        <v>#N/A</v>
      </c>
      <c r="T7336" s="236">
        <f t="shared" si="1690"/>
        <v>34.028877156398053</v>
      </c>
    </row>
    <row r="7337" spans="2:20" x14ac:dyDescent="0.2">
      <c r="B7337" s="239">
        <v>73.11</v>
      </c>
      <c r="C7337" s="3">
        <f t="shared" si="1691"/>
        <v>73.102999999999994</v>
      </c>
      <c r="D7337" s="239">
        <v>23.587</v>
      </c>
      <c r="E7337" s="239">
        <v>9.3600000000000003E-2</v>
      </c>
      <c r="F7337" s="239">
        <v>0.66669999999999996</v>
      </c>
      <c r="G7337">
        <f t="shared" si="1692"/>
        <v>23.72034</v>
      </c>
      <c r="H7337" s="235">
        <f t="shared" si="1693"/>
        <v>0.39459805382216279</v>
      </c>
      <c r="I7337" s="236">
        <f t="shared" si="1694"/>
        <v>19.804496664776746</v>
      </c>
      <c r="J7337" s="237">
        <f t="shared" si="1699"/>
        <v>9.804496664776746</v>
      </c>
      <c r="K7337" s="237">
        <f t="shared" si="1695"/>
        <v>1447.7681196851743</v>
      </c>
      <c r="L7337" s="237">
        <f t="shared" si="1700"/>
        <v>716.80675116182795</v>
      </c>
      <c r="M7337" s="236">
        <f t="shared" si="1696"/>
        <v>31.071933745342918</v>
      </c>
      <c r="N7337" s="236">
        <f t="shared" si="1697"/>
        <v>0.42024782994516463</v>
      </c>
      <c r="O7337" s="236">
        <f t="shared" si="1701"/>
        <v>2.1500066756433003</v>
      </c>
      <c r="P7337" s="236" t="str">
        <f t="shared" si="1702"/>
        <v>SAND</v>
      </c>
      <c r="Q7337" s="236" t="e">
        <f t="shared" si="1698"/>
        <v>#N/A</v>
      </c>
      <c r="R7337" s="238">
        <v>35</v>
      </c>
      <c r="S7337" s="236" t="e">
        <f t="shared" si="1703"/>
        <v>#N/A</v>
      </c>
      <c r="T7337" s="236">
        <f t="shared" si="1690"/>
        <v>34.016051104014707</v>
      </c>
    </row>
    <row r="7338" spans="2:20" x14ac:dyDescent="0.2">
      <c r="B7338" s="239">
        <v>73.12</v>
      </c>
      <c r="C7338" s="3">
        <f t="shared" si="1691"/>
        <v>73.113</v>
      </c>
      <c r="D7338" s="239">
        <v>23.548500000000001</v>
      </c>
      <c r="E7338" s="239">
        <v>9.4700000000000006E-2</v>
      </c>
      <c r="F7338" s="239">
        <v>0.66239999999999999</v>
      </c>
      <c r="G7338">
        <f t="shared" si="1692"/>
        <v>23.680980000000002</v>
      </c>
      <c r="H7338" s="235">
        <f t="shared" si="1693"/>
        <v>0.39989899066677137</v>
      </c>
      <c r="I7338" s="236">
        <f t="shared" si="1694"/>
        <v>19.817547701604642</v>
      </c>
      <c r="J7338" s="237">
        <f t="shared" si="1699"/>
        <v>9.8175477016046422</v>
      </c>
      <c r="K7338" s="237">
        <f t="shared" si="1695"/>
        <v>1448.9203651074201</v>
      </c>
      <c r="L7338" s="237">
        <f t="shared" si="1700"/>
        <v>717.8590879413315</v>
      </c>
      <c r="M7338" s="236">
        <f t="shared" si="1696"/>
        <v>30.969949406992175</v>
      </c>
      <c r="N7338" s="236">
        <f t="shared" si="1697"/>
        <v>0.4259614338717006</v>
      </c>
      <c r="O7338" s="236">
        <f t="shared" si="1701"/>
        <v>2.1536263357085677</v>
      </c>
      <c r="P7338" s="236" t="str">
        <f t="shared" si="1702"/>
        <v>SAND</v>
      </c>
      <c r="Q7338" s="236" t="e">
        <f t="shared" si="1698"/>
        <v>#N/A</v>
      </c>
      <c r="R7338" s="238">
        <v>35</v>
      </c>
      <c r="S7338" s="236" t="e">
        <f t="shared" si="1703"/>
        <v>#N/A</v>
      </c>
      <c r="T7338" s="236">
        <f t="shared" si="1690"/>
        <v>34.000345454756015</v>
      </c>
    </row>
    <row r="7339" spans="2:20" x14ac:dyDescent="0.2">
      <c r="B7339" s="239">
        <v>73.129000000000005</v>
      </c>
      <c r="C7339" s="3">
        <f t="shared" si="1691"/>
        <v>73.122</v>
      </c>
      <c r="D7339" s="239">
        <v>23.507999999999999</v>
      </c>
      <c r="E7339" s="239">
        <v>9.35E-2</v>
      </c>
      <c r="F7339" s="239">
        <v>0.64870000000000005</v>
      </c>
      <c r="G7339">
        <f t="shared" si="1692"/>
        <v>23.637740000000001</v>
      </c>
      <c r="H7339" s="235">
        <f t="shared" si="1693"/>
        <v>0.39555388966965538</v>
      </c>
      <c r="I7339" s="236">
        <f t="shared" si="1694"/>
        <v>19.801879759978544</v>
      </c>
      <c r="J7339" s="237">
        <f t="shared" si="1699"/>
        <v>9.8018797599785437</v>
      </c>
      <c r="K7339" s="237">
        <f t="shared" si="1695"/>
        <v>1447.953051809151</v>
      </c>
      <c r="L7339" s="237">
        <f t="shared" si="1700"/>
        <v>716.80166496747097</v>
      </c>
      <c r="M7339" s="236">
        <f t="shared" si="1696"/>
        <v>30.956662118241368</v>
      </c>
      <c r="N7339" s="236">
        <f t="shared" si="1697"/>
        <v>0.42136501904369622</v>
      </c>
      <c r="O7339" s="236">
        <f t="shared" si="1701"/>
        <v>2.1519438122086312</v>
      </c>
      <c r="P7339" s="236" t="str">
        <f t="shared" si="1702"/>
        <v>SAND</v>
      </c>
      <c r="Q7339" s="236" t="e">
        <f t="shared" si="1698"/>
        <v>#N/A</v>
      </c>
      <c r="R7339" s="238">
        <v>35</v>
      </c>
      <c r="S7339" s="236" t="e">
        <f t="shared" si="1703"/>
        <v>#N/A</v>
      </c>
      <c r="T7339" s="236">
        <f t="shared" si="1690"/>
        <v>33.998295397198078</v>
      </c>
    </row>
    <row r="7340" spans="2:20" x14ac:dyDescent="0.2">
      <c r="B7340" s="239">
        <v>73.138999999999996</v>
      </c>
      <c r="C7340" s="3">
        <f t="shared" si="1691"/>
        <v>73.131999999999991</v>
      </c>
      <c r="D7340" s="239">
        <v>23.4282</v>
      </c>
      <c r="E7340" s="239">
        <v>9.3399999999999997E-2</v>
      </c>
      <c r="F7340" s="239">
        <v>0.66659999999999997</v>
      </c>
      <c r="G7340">
        <f t="shared" si="1692"/>
        <v>23.561520000000002</v>
      </c>
      <c r="H7340" s="235">
        <f t="shared" si="1693"/>
        <v>0.39640906019645589</v>
      </c>
      <c r="I7340" s="236">
        <f t="shared" si="1694"/>
        <v>19.799362593992825</v>
      </c>
      <c r="J7340" s="237">
        <f t="shared" si="1699"/>
        <v>9.7993625939928251</v>
      </c>
      <c r="K7340" s="237">
        <f t="shared" si="1695"/>
        <v>1447.9669852238831</v>
      </c>
      <c r="L7340" s="237">
        <f t="shared" si="1700"/>
        <v>716.71558076204121</v>
      </c>
      <c r="M7340" s="236">
        <f t="shared" si="1696"/>
        <v>30.854014630551333</v>
      </c>
      <c r="N7340" s="236">
        <f t="shared" si="1697"/>
        <v>0.42236541517136933</v>
      </c>
      <c r="O7340" s="236">
        <f t="shared" si="1701"/>
        <v>2.1536747667123923</v>
      </c>
      <c r="P7340" s="236" t="str">
        <f t="shared" si="1702"/>
        <v>SAND</v>
      </c>
      <c r="Q7340" s="236" t="e">
        <f t="shared" si="1698"/>
        <v>#N/A</v>
      </c>
      <c r="R7340" s="238">
        <v>35</v>
      </c>
      <c r="S7340" s="236" t="e">
        <f t="shared" si="1703"/>
        <v>#N/A</v>
      </c>
      <c r="T7340" s="236">
        <f t="shared" si="1690"/>
        <v>33.98242849235514</v>
      </c>
    </row>
    <row r="7341" spans="2:20" x14ac:dyDescent="0.2">
      <c r="B7341" s="239">
        <v>73.147999999999996</v>
      </c>
      <c r="C7341" s="3">
        <f t="shared" si="1691"/>
        <v>73.140999999999991</v>
      </c>
      <c r="D7341" s="239">
        <v>23.347300000000001</v>
      </c>
      <c r="E7341" s="239">
        <v>9.2799999999999994E-2</v>
      </c>
      <c r="F7341" s="239">
        <v>0.67130000000000001</v>
      </c>
      <c r="G7341">
        <f t="shared" si="1692"/>
        <v>23.481560000000002</v>
      </c>
      <c r="H7341" s="235">
        <f t="shared" si="1693"/>
        <v>0.39520372581719432</v>
      </c>
      <c r="I7341" s="236">
        <f t="shared" si="1694"/>
        <v>19.790476841515186</v>
      </c>
      <c r="J7341" s="237">
        <f t="shared" si="1699"/>
        <v>9.7904768415151864</v>
      </c>
      <c r="K7341" s="237">
        <f t="shared" si="1695"/>
        <v>1447.4952666652621</v>
      </c>
      <c r="L7341" s="237">
        <f t="shared" si="1700"/>
        <v>716.15380000315281</v>
      </c>
      <c r="M7341" s="236">
        <f t="shared" si="1696"/>
        <v>30.767224488982308</v>
      </c>
      <c r="N7341" s="236">
        <f t="shared" si="1697"/>
        <v>0.421166049583241</v>
      </c>
      <c r="O7341" s="236">
        <f t="shared" si="1701"/>
        <v>2.1543155235982168</v>
      </c>
      <c r="P7341" s="236" t="str">
        <f t="shared" si="1702"/>
        <v>SAND</v>
      </c>
      <c r="Q7341" s="236" t="e">
        <f t="shared" si="1698"/>
        <v>#N/A</v>
      </c>
      <c r="R7341" s="238">
        <v>35</v>
      </c>
      <c r="S7341" s="236" t="e">
        <f t="shared" si="1703"/>
        <v>#N/A</v>
      </c>
      <c r="T7341" s="236">
        <f t="shared" si="1690"/>
        <v>33.968971523448865</v>
      </c>
    </row>
    <row r="7342" spans="2:20" x14ac:dyDescent="0.2">
      <c r="B7342" s="239">
        <v>73.156999999999996</v>
      </c>
      <c r="C7342" s="3">
        <f t="shared" si="1691"/>
        <v>73.149999999999991</v>
      </c>
      <c r="D7342" s="239">
        <v>23.359300000000001</v>
      </c>
      <c r="E7342" s="239">
        <v>9.3700000000000006E-2</v>
      </c>
      <c r="F7342" s="239">
        <v>0.66759999999999997</v>
      </c>
      <c r="G7342">
        <f t="shared" si="1692"/>
        <v>23.492820000000002</v>
      </c>
      <c r="H7342" s="235">
        <f t="shared" si="1693"/>
        <v>0.39884526421264033</v>
      </c>
      <c r="I7342" s="236">
        <f t="shared" si="1694"/>
        <v>19.80198158583454</v>
      </c>
      <c r="J7342" s="237">
        <f t="shared" si="1699"/>
        <v>9.8019815858345396</v>
      </c>
      <c r="K7342" s="237">
        <f t="shared" si="1695"/>
        <v>1448.5149530037963</v>
      </c>
      <c r="L7342" s="237">
        <f t="shared" si="1700"/>
        <v>717.08356687489743</v>
      </c>
      <c r="M7342" s="236">
        <f t="shared" si="1696"/>
        <v>30.741612366138718</v>
      </c>
      <c r="N7342" s="236">
        <f t="shared" si="1697"/>
        <v>0.42505309103753175</v>
      </c>
      <c r="O7342" s="236">
        <f t="shared" si="1701"/>
        <v>2.1562150850934407</v>
      </c>
      <c r="P7342" s="236" t="str">
        <f t="shared" si="1702"/>
        <v>SAND</v>
      </c>
      <c r="Q7342" s="236" t="e">
        <f t="shared" si="1698"/>
        <v>#N/A</v>
      </c>
      <c r="R7342" s="238">
        <v>35</v>
      </c>
      <c r="S7342" s="236" t="e">
        <f t="shared" si="1703"/>
        <v>#N/A</v>
      </c>
      <c r="T7342" s="236">
        <f t="shared" si="1690"/>
        <v>33.964993062689203</v>
      </c>
    </row>
    <row r="7343" spans="2:20" x14ac:dyDescent="0.2">
      <c r="B7343" s="239">
        <v>73.167000000000002</v>
      </c>
      <c r="C7343" s="3">
        <f t="shared" si="1691"/>
        <v>73.16</v>
      </c>
      <c r="D7343" s="239">
        <v>23.237100000000002</v>
      </c>
      <c r="E7343" s="239">
        <v>9.4100000000000003E-2</v>
      </c>
      <c r="F7343" s="239">
        <v>0.65259999999999996</v>
      </c>
      <c r="G7343">
        <f t="shared" si="1692"/>
        <v>23.367620000000002</v>
      </c>
      <c r="H7343" s="235">
        <f t="shared" si="1693"/>
        <v>0.40269398423972996</v>
      </c>
      <c r="I7343" s="236">
        <f t="shared" si="1694"/>
        <v>19.804888071080388</v>
      </c>
      <c r="J7343" s="237">
        <f t="shared" si="1699"/>
        <v>9.8048880710803878</v>
      </c>
      <c r="K7343" s="237">
        <f t="shared" si="1695"/>
        <v>1448.9256112802411</v>
      </c>
      <c r="L7343" s="237">
        <f t="shared" si="1700"/>
        <v>717.39424549673879</v>
      </c>
      <c r="M7343" s="236">
        <f t="shared" si="1696"/>
        <v>30.553206310628823</v>
      </c>
      <c r="N7343" s="236">
        <f t="shared" si="1697"/>
        <v>0.42931389220166161</v>
      </c>
      <c r="O7343" s="236">
        <f t="shared" si="1701"/>
        <v>2.1603760409370723</v>
      </c>
      <c r="P7343" s="236" t="str">
        <f t="shared" si="1702"/>
        <v>SAND</v>
      </c>
      <c r="Q7343" s="236" t="e">
        <f t="shared" si="1698"/>
        <v>#N/A</v>
      </c>
      <c r="R7343" s="238">
        <v>35</v>
      </c>
      <c r="S7343" s="236" t="e">
        <f t="shared" si="1703"/>
        <v>#N/A</v>
      </c>
      <c r="T7343" s="236">
        <f t="shared" si="1690"/>
        <v>33.935624719100971</v>
      </c>
    </row>
    <row r="7344" spans="2:20" x14ac:dyDescent="0.2">
      <c r="B7344" s="239">
        <v>73.177000000000007</v>
      </c>
      <c r="C7344" s="3">
        <f t="shared" si="1691"/>
        <v>73.17</v>
      </c>
      <c r="D7344" s="239">
        <v>23.294</v>
      </c>
      <c r="E7344" s="239">
        <v>9.1899999999999996E-2</v>
      </c>
      <c r="F7344" s="239">
        <v>0.6522</v>
      </c>
      <c r="G7344">
        <f t="shared" si="1692"/>
        <v>23.424440000000001</v>
      </c>
      <c r="H7344" s="235">
        <f t="shared" si="1693"/>
        <v>0.39232528077512202</v>
      </c>
      <c r="I7344" s="236">
        <f t="shared" si="1694"/>
        <v>19.778097230565095</v>
      </c>
      <c r="J7344" s="237">
        <f t="shared" si="1699"/>
        <v>9.7780972305650948</v>
      </c>
      <c r="K7344" s="237">
        <f t="shared" si="1695"/>
        <v>1447.163374360448</v>
      </c>
      <c r="L7344" s="237">
        <f t="shared" si="1700"/>
        <v>715.53182104106202</v>
      </c>
      <c r="M7344" s="236">
        <f t="shared" si="1696"/>
        <v>30.714604129923597</v>
      </c>
      <c r="N7344" s="236">
        <f t="shared" si="1697"/>
        <v>0.41815918125536011</v>
      </c>
      <c r="O7344" s="236">
        <f t="shared" si="1701"/>
        <v>2.1537820008510447</v>
      </c>
      <c r="P7344" s="236" t="str">
        <f t="shared" si="1702"/>
        <v>SAND</v>
      </c>
      <c r="Q7344" s="236" t="e">
        <f t="shared" si="1698"/>
        <v>#N/A</v>
      </c>
      <c r="R7344" s="238">
        <v>35</v>
      </c>
      <c r="S7344" s="236" t="e">
        <f t="shared" si="1703"/>
        <v>#N/A</v>
      </c>
      <c r="T7344" s="236">
        <f t="shared" si="1690"/>
        <v>33.96079414439717</v>
      </c>
    </row>
    <row r="7345" spans="2:20" x14ac:dyDescent="0.2">
      <c r="B7345" s="239">
        <v>73.186000000000007</v>
      </c>
      <c r="C7345" s="3">
        <f t="shared" si="1691"/>
        <v>73.179000000000002</v>
      </c>
      <c r="D7345" s="239">
        <v>23.244</v>
      </c>
      <c r="E7345" s="239">
        <v>9.2299999999999993E-2</v>
      </c>
      <c r="F7345" s="239">
        <v>0.66930000000000001</v>
      </c>
      <c r="G7345">
        <f t="shared" si="1692"/>
        <v>23.377859999999998</v>
      </c>
      <c r="H7345" s="235">
        <f t="shared" si="1693"/>
        <v>0.39481800301652931</v>
      </c>
      <c r="I7345" s="236">
        <f t="shared" si="1694"/>
        <v>19.782411925303592</v>
      </c>
      <c r="J7345" s="237">
        <f t="shared" si="1699"/>
        <v>9.7824119253035917</v>
      </c>
      <c r="K7345" s="237">
        <f t="shared" si="1695"/>
        <v>1447.6571222817915</v>
      </c>
      <c r="L7345" s="237">
        <f t="shared" si="1700"/>
        <v>715.93559916526874</v>
      </c>
      <c r="M7345" s="236">
        <f t="shared" si="1696"/>
        <v>30.631530131044332</v>
      </c>
      <c r="N7345" s="236">
        <f t="shared" si="1697"/>
        <v>0.42088073929211012</v>
      </c>
      <c r="O7345" s="236">
        <f t="shared" si="1701"/>
        <v>2.1559664108571481</v>
      </c>
      <c r="P7345" s="236" t="str">
        <f t="shared" si="1702"/>
        <v>SAND</v>
      </c>
      <c r="Q7345" s="236" t="e">
        <f t="shared" si="1698"/>
        <v>#N/A</v>
      </c>
      <c r="R7345" s="238">
        <v>35</v>
      </c>
      <c r="S7345" s="236" t="e">
        <f t="shared" si="1703"/>
        <v>#N/A</v>
      </c>
      <c r="T7345" s="236">
        <f t="shared" si="1690"/>
        <v>33.947855607366094</v>
      </c>
    </row>
    <row r="7346" spans="2:20" x14ac:dyDescent="0.2">
      <c r="B7346" s="239">
        <v>73.195999999999998</v>
      </c>
      <c r="C7346" s="3">
        <f t="shared" si="1691"/>
        <v>73.188999999999993</v>
      </c>
      <c r="D7346" s="239">
        <v>23.187899999999999</v>
      </c>
      <c r="E7346" s="239">
        <v>9.3600000000000003E-2</v>
      </c>
      <c r="F7346" s="239">
        <v>0.66900000000000004</v>
      </c>
      <c r="G7346">
        <f t="shared" si="1692"/>
        <v>23.3217</v>
      </c>
      <c r="H7346" s="235">
        <f t="shared" si="1693"/>
        <v>0.4013429552734149</v>
      </c>
      <c r="I7346" s="236">
        <f t="shared" si="1694"/>
        <v>19.797872030006779</v>
      </c>
      <c r="J7346" s="237">
        <f t="shared" si="1699"/>
        <v>9.7978720300067792</v>
      </c>
      <c r="K7346" s="237">
        <f t="shared" si="1695"/>
        <v>1448.986456004166</v>
      </c>
      <c r="L7346" s="237">
        <f t="shared" si="1700"/>
        <v>717.16504110837616</v>
      </c>
      <c r="M7346" s="236">
        <f t="shared" si="1696"/>
        <v>30.498856316520435</v>
      </c>
      <c r="N7346" s="236">
        <f t="shared" si="1697"/>
        <v>0.42793044316028017</v>
      </c>
      <c r="O7346" s="236">
        <f t="shared" si="1701"/>
        <v>2.1605337538872864</v>
      </c>
      <c r="P7346" s="236" t="str">
        <f t="shared" si="1702"/>
        <v>SAND</v>
      </c>
      <c r="Q7346" s="236" t="e">
        <f t="shared" si="1698"/>
        <v>#N/A</v>
      </c>
      <c r="R7346" s="238">
        <v>35</v>
      </c>
      <c r="S7346" s="236" t="e">
        <f t="shared" si="1703"/>
        <v>#N/A</v>
      </c>
      <c r="T7346" s="236">
        <f t="shared" si="1690"/>
        <v>33.927119093401316</v>
      </c>
    </row>
    <row r="7347" spans="2:20" x14ac:dyDescent="0.2">
      <c r="B7347" s="239">
        <v>73.203999999999994</v>
      </c>
      <c r="C7347" s="3">
        <f t="shared" si="1691"/>
        <v>73.196999999999989</v>
      </c>
      <c r="D7347" s="239">
        <v>23.126200000000001</v>
      </c>
      <c r="E7347" s="239">
        <v>9.6699999999999994E-2</v>
      </c>
      <c r="F7347" s="239">
        <v>0.66010000000000002</v>
      </c>
      <c r="G7347">
        <f t="shared" si="1692"/>
        <v>23.258220000000001</v>
      </c>
      <c r="H7347" s="235">
        <f t="shared" si="1693"/>
        <v>0.41576698474775797</v>
      </c>
      <c r="I7347" s="236">
        <f t="shared" si="1694"/>
        <v>19.835013361189592</v>
      </c>
      <c r="J7347" s="237">
        <f t="shared" si="1699"/>
        <v>9.835013361189592</v>
      </c>
      <c r="K7347" s="237">
        <f t="shared" si="1695"/>
        <v>1451.8634729989944</v>
      </c>
      <c r="L7347" s="237">
        <f t="shared" si="1700"/>
        <v>719.96231809252288</v>
      </c>
      <c r="M7347" s="236">
        <f t="shared" si="1696"/>
        <v>30.288191449762316</v>
      </c>
      <c r="N7347" s="236">
        <f t="shared" si="1697"/>
        <v>0.44344867919711567</v>
      </c>
      <c r="O7347" s="236">
        <f t="shared" si="1701"/>
        <v>2.1694356735758547</v>
      </c>
      <c r="P7347" s="236" t="str">
        <f t="shared" si="1702"/>
        <v>SAND</v>
      </c>
      <c r="Q7347" s="236" t="e">
        <f t="shared" si="1698"/>
        <v>#N/A</v>
      </c>
      <c r="R7347" s="238">
        <v>35</v>
      </c>
      <c r="S7347" s="236" t="e">
        <f t="shared" si="1703"/>
        <v>#N/A</v>
      </c>
      <c r="T7347" s="236">
        <f t="shared" si="1690"/>
        <v>33.894006759542975</v>
      </c>
    </row>
    <row r="7348" spans="2:20" x14ac:dyDescent="0.2">
      <c r="B7348" s="239">
        <v>73.213999999999999</v>
      </c>
      <c r="C7348" s="3">
        <f t="shared" si="1691"/>
        <v>73.206999999999994</v>
      </c>
      <c r="D7348" s="239">
        <v>23.111999999999998</v>
      </c>
      <c r="E7348" s="239">
        <v>9.9299999999999999E-2</v>
      </c>
      <c r="F7348" s="239">
        <v>0.66469999999999996</v>
      </c>
      <c r="G7348">
        <f t="shared" si="1692"/>
        <v>23.24494</v>
      </c>
      <c r="H7348" s="235">
        <f t="shared" si="1693"/>
        <v>0.42718974538114529</v>
      </c>
      <c r="I7348" s="236">
        <f t="shared" si="1694"/>
        <v>19.865901611884983</v>
      </c>
      <c r="J7348" s="237">
        <f t="shared" si="1699"/>
        <v>9.8659016118849827</v>
      </c>
      <c r="K7348" s="237">
        <f t="shared" si="1695"/>
        <v>1454.3230593012638</v>
      </c>
      <c r="L7348" s="237">
        <f t="shared" si="1700"/>
        <v>722.32212061254711</v>
      </c>
      <c r="M7348" s="236">
        <f t="shared" si="1696"/>
        <v>30.167450668989275</v>
      </c>
      <c r="N7348" s="236">
        <f t="shared" si="1697"/>
        <v>0.45570072784187932</v>
      </c>
      <c r="O7348" s="236">
        <f t="shared" si="1701"/>
        <v>2.1757790775837305</v>
      </c>
      <c r="P7348" s="236" t="str">
        <f t="shared" si="1702"/>
        <v>SAND</v>
      </c>
      <c r="Q7348" s="236" t="e">
        <f t="shared" si="1698"/>
        <v>#N/A</v>
      </c>
      <c r="R7348" s="238">
        <v>35</v>
      </c>
      <c r="S7348" s="236" t="e">
        <f t="shared" si="1703"/>
        <v>#N/A</v>
      </c>
      <c r="T7348" s="236">
        <f t="shared" si="1690"/>
        <v>33.8749247235301</v>
      </c>
    </row>
    <row r="7349" spans="2:20" x14ac:dyDescent="0.2">
      <c r="B7349" s="239">
        <v>73.222999999999999</v>
      </c>
      <c r="C7349" s="3">
        <f t="shared" si="1691"/>
        <v>73.215999999999994</v>
      </c>
      <c r="D7349" s="239">
        <v>23.034400000000002</v>
      </c>
      <c r="E7349" s="239">
        <v>0.1018</v>
      </c>
      <c r="F7349" s="239">
        <v>0.6623</v>
      </c>
      <c r="G7349">
        <f t="shared" si="1692"/>
        <v>23.16686</v>
      </c>
      <c r="H7349" s="235">
        <f t="shared" si="1693"/>
        <v>0.43942079332287587</v>
      </c>
      <c r="I7349" s="236">
        <f t="shared" si="1694"/>
        <v>19.893742511749526</v>
      </c>
      <c r="J7349" s="237">
        <f t="shared" si="1699"/>
        <v>9.8937425117495259</v>
      </c>
      <c r="K7349" s="237">
        <f t="shared" si="1695"/>
        <v>1456.5402517402531</v>
      </c>
      <c r="L7349" s="237">
        <f t="shared" si="1700"/>
        <v>724.44950793783551</v>
      </c>
      <c r="M7349" s="236">
        <f t="shared" si="1696"/>
        <v>29.968023320298386</v>
      </c>
      <c r="N7349" s="236">
        <f t="shared" si="1697"/>
        <v>0.46890143111853555</v>
      </c>
      <c r="O7349" s="236">
        <f t="shared" si="1701"/>
        <v>2.1834464229169148</v>
      </c>
      <c r="P7349" s="236" t="str">
        <f t="shared" si="1702"/>
        <v>SAND</v>
      </c>
      <c r="Q7349" s="236" t="e">
        <f t="shared" si="1698"/>
        <v>#N/A</v>
      </c>
      <c r="R7349" s="238">
        <v>35</v>
      </c>
      <c r="S7349" s="236" t="e">
        <f t="shared" si="1703"/>
        <v>#N/A</v>
      </c>
      <c r="T7349" s="236">
        <f t="shared" si="1690"/>
        <v>33.843239077861554</v>
      </c>
    </row>
    <row r="7350" spans="2:20" x14ac:dyDescent="0.2">
      <c r="B7350" s="239">
        <v>73.233000000000004</v>
      </c>
      <c r="C7350" s="3">
        <f t="shared" si="1691"/>
        <v>73.225999999999999</v>
      </c>
      <c r="D7350" s="239">
        <v>23.023</v>
      </c>
      <c r="E7350" s="239">
        <v>0.10440000000000001</v>
      </c>
      <c r="F7350" s="239">
        <v>0.67020000000000002</v>
      </c>
      <c r="G7350">
        <f t="shared" si="1692"/>
        <v>23.157039999999999</v>
      </c>
      <c r="H7350" s="235">
        <f t="shared" si="1693"/>
        <v>0.45083482172160172</v>
      </c>
      <c r="I7350" s="236">
        <f t="shared" si="1694"/>
        <v>19.923149142022062</v>
      </c>
      <c r="J7350" s="237">
        <f t="shared" si="1699"/>
        <v>9.9231491420220621</v>
      </c>
      <c r="K7350" s="237">
        <f t="shared" si="1695"/>
        <v>1458.8925190737075</v>
      </c>
      <c r="L7350" s="237">
        <f t="shared" si="1700"/>
        <v>726.70198111770173</v>
      </c>
      <c r="M7350" s="236">
        <f t="shared" si="1696"/>
        <v>29.858384929064762</v>
      </c>
      <c r="N7350" s="236">
        <f t="shared" si="1697"/>
        <v>0.48114706608834973</v>
      </c>
      <c r="O7350" s="236">
        <f t="shared" si="1701"/>
        <v>2.1894898312621227</v>
      </c>
      <c r="P7350" s="236" t="str">
        <f t="shared" si="1702"/>
        <v>SAND</v>
      </c>
      <c r="Q7350" s="236" t="e">
        <f t="shared" si="1698"/>
        <v>#N/A</v>
      </c>
      <c r="R7350" s="238">
        <v>35</v>
      </c>
      <c r="S7350" s="236" t="e">
        <f t="shared" si="1703"/>
        <v>#N/A</v>
      </c>
      <c r="T7350" s="236">
        <f t="shared" si="1690"/>
        <v>33.82572943845075</v>
      </c>
    </row>
    <row r="7351" spans="2:20" x14ac:dyDescent="0.2">
      <c r="B7351" s="239">
        <v>73.242000000000004</v>
      </c>
      <c r="C7351" s="3">
        <f t="shared" si="1691"/>
        <v>73.234999999999999</v>
      </c>
      <c r="D7351" s="239">
        <v>22.929300000000001</v>
      </c>
      <c r="E7351" s="239">
        <v>0.1057</v>
      </c>
      <c r="F7351" s="239">
        <v>0.65429999999999999</v>
      </c>
      <c r="G7351">
        <f t="shared" si="1692"/>
        <v>23.06016</v>
      </c>
      <c r="H7351" s="235">
        <f t="shared" si="1693"/>
        <v>0.45836629060683015</v>
      </c>
      <c r="I7351" s="236">
        <f t="shared" si="1694"/>
        <v>19.936021604752298</v>
      </c>
      <c r="J7351" s="237">
        <f t="shared" si="1699"/>
        <v>9.9360216047522982</v>
      </c>
      <c r="K7351" s="237">
        <f t="shared" si="1695"/>
        <v>1460.0145422240346</v>
      </c>
      <c r="L7351" s="237">
        <f t="shared" si="1700"/>
        <v>727.73409437526789</v>
      </c>
      <c r="M7351" s="236">
        <f t="shared" si="1696"/>
        <v>29.681370743415382</v>
      </c>
      <c r="N7351" s="236">
        <f t="shared" si="1697"/>
        <v>0.48934855650218978</v>
      </c>
      <c r="O7351" s="236">
        <f t="shared" si="1701"/>
        <v>2.1948749003564583</v>
      </c>
      <c r="P7351" s="236" t="str">
        <f t="shared" si="1702"/>
        <v>SAND</v>
      </c>
      <c r="Q7351" s="236" t="e">
        <f t="shared" si="1698"/>
        <v>#N/A</v>
      </c>
      <c r="R7351" s="238">
        <v>35</v>
      </c>
      <c r="S7351" s="236" t="e">
        <f t="shared" si="1703"/>
        <v>#N/A</v>
      </c>
      <c r="T7351" s="236">
        <f t="shared" si="1690"/>
        <v>33.797323489971525</v>
      </c>
    </row>
    <row r="7352" spans="2:20" x14ac:dyDescent="0.2">
      <c r="B7352" s="239">
        <v>73.251999999999995</v>
      </c>
      <c r="C7352" s="3">
        <f t="shared" si="1691"/>
        <v>73.24499999999999</v>
      </c>
      <c r="D7352" s="239">
        <v>22.961400000000001</v>
      </c>
      <c r="E7352" s="239">
        <v>0.1066</v>
      </c>
      <c r="F7352" s="239">
        <v>0.65769999999999995</v>
      </c>
      <c r="G7352">
        <f t="shared" si="1692"/>
        <v>23.092940000000002</v>
      </c>
      <c r="H7352" s="235">
        <f t="shared" si="1693"/>
        <v>0.46161294317657259</v>
      </c>
      <c r="I7352" s="236">
        <f t="shared" si="1694"/>
        <v>19.946518811507708</v>
      </c>
      <c r="J7352" s="237">
        <f t="shared" si="1699"/>
        <v>9.9465188115077083</v>
      </c>
      <c r="K7352" s="237">
        <f t="shared" si="1695"/>
        <v>1460.982770348882</v>
      </c>
      <c r="L7352" s="237">
        <f t="shared" si="1700"/>
        <v>728.60239598056262</v>
      </c>
      <c r="M7352" s="236">
        <f t="shared" si="1696"/>
        <v>29.689659749936109</v>
      </c>
      <c r="N7352" s="236">
        <f t="shared" si="1697"/>
        <v>0.49278943587167601</v>
      </c>
      <c r="O7352" s="236">
        <f t="shared" si="1701"/>
        <v>2.1960274853214763</v>
      </c>
      <c r="P7352" s="236" t="str">
        <f t="shared" si="1702"/>
        <v>SAND</v>
      </c>
      <c r="Q7352" s="236" t="e">
        <f t="shared" si="1698"/>
        <v>#N/A</v>
      </c>
      <c r="R7352" s="238">
        <v>35</v>
      </c>
      <c r="S7352" s="236" t="e">
        <f t="shared" si="1703"/>
        <v>#N/A</v>
      </c>
      <c r="T7352" s="236">
        <f t="shared" si="1690"/>
        <v>33.798657425651768</v>
      </c>
    </row>
    <row r="7353" spans="2:20" x14ac:dyDescent="0.2">
      <c r="B7353" s="239">
        <v>73.260999999999996</v>
      </c>
      <c r="C7353" s="3">
        <f t="shared" si="1691"/>
        <v>73.253999999999991</v>
      </c>
      <c r="D7353" s="239">
        <v>22.8904</v>
      </c>
      <c r="E7353" s="239">
        <v>0.1076</v>
      </c>
      <c r="F7353" s="239">
        <v>0.65400000000000003</v>
      </c>
      <c r="G7353">
        <f t="shared" si="1692"/>
        <v>23.0212</v>
      </c>
      <c r="H7353" s="235">
        <f t="shared" si="1693"/>
        <v>0.46739527044637119</v>
      </c>
      <c r="I7353" s="236">
        <f t="shared" si="1694"/>
        <v>19.956251349048514</v>
      </c>
      <c r="J7353" s="237">
        <f t="shared" si="1699"/>
        <v>9.9562513490485145</v>
      </c>
      <c r="K7353" s="237">
        <f t="shared" si="1695"/>
        <v>1461.8752363231997</v>
      </c>
      <c r="L7353" s="237">
        <f t="shared" si="1700"/>
        <v>729.4049300826432</v>
      </c>
      <c r="M7353" s="236">
        <f t="shared" si="1696"/>
        <v>29.557415743315691</v>
      </c>
      <c r="N7353" s="236">
        <f t="shared" si="1697"/>
        <v>0.49908798712139968</v>
      </c>
      <c r="O7353" s="236">
        <f t="shared" si="1701"/>
        <v>2.20008723025457</v>
      </c>
      <c r="P7353" s="236" t="str">
        <f t="shared" si="1702"/>
        <v>SAND</v>
      </c>
      <c r="Q7353" s="236" t="e">
        <f t="shared" si="1698"/>
        <v>#N/A</v>
      </c>
      <c r="R7353" s="238">
        <v>35</v>
      </c>
      <c r="S7353" s="236" t="e">
        <f t="shared" si="1703"/>
        <v>#N/A</v>
      </c>
      <c r="T7353" s="236">
        <f t="shared" si="1690"/>
        <v>33.777331062800485</v>
      </c>
    </row>
    <row r="7354" spans="2:20" x14ac:dyDescent="0.2">
      <c r="B7354" s="239">
        <v>73.271000000000001</v>
      </c>
      <c r="C7354" s="3">
        <f t="shared" si="1691"/>
        <v>73.263999999999996</v>
      </c>
      <c r="D7354" s="239">
        <v>22.912400000000002</v>
      </c>
      <c r="E7354" s="239">
        <v>0.1074</v>
      </c>
      <c r="F7354" s="239">
        <v>0.63660000000000005</v>
      </c>
      <c r="G7354">
        <f t="shared" si="1692"/>
        <v>23.039720000000003</v>
      </c>
      <c r="H7354" s="235">
        <f t="shared" si="1693"/>
        <v>0.46615149836890368</v>
      </c>
      <c r="I7354" s="236">
        <f t="shared" si="1694"/>
        <v>19.954384091215335</v>
      </c>
      <c r="J7354" s="237">
        <f t="shared" si="1699"/>
        <v>9.954384091215335</v>
      </c>
      <c r="K7354" s="237">
        <f t="shared" si="1695"/>
        <v>1461.9379960588003</v>
      </c>
      <c r="L7354" s="237">
        <f t="shared" si="1700"/>
        <v>729.36767674743885</v>
      </c>
      <c r="M7354" s="236">
        <f t="shared" si="1696"/>
        <v>29.584231234602719</v>
      </c>
      <c r="N7354" s="236">
        <f t="shared" si="1697"/>
        <v>0.49773419705687683</v>
      </c>
      <c r="O7354" s="236">
        <f t="shared" si="1701"/>
        <v>2.1992372199255512</v>
      </c>
      <c r="P7354" s="236" t="str">
        <f t="shared" si="1702"/>
        <v>SAND</v>
      </c>
      <c r="Q7354" s="236" t="e">
        <f t="shared" si="1698"/>
        <v>#N/A</v>
      </c>
      <c r="R7354" s="238">
        <v>35</v>
      </c>
      <c r="S7354" s="236" t="e">
        <f t="shared" si="1703"/>
        <v>#N/A</v>
      </c>
      <c r="T7354" s="236">
        <f t="shared" si="1690"/>
        <v>33.781663171700892</v>
      </c>
    </row>
    <row r="7355" spans="2:20" x14ac:dyDescent="0.2">
      <c r="B7355" s="239">
        <v>73.28</v>
      </c>
      <c r="C7355" s="3">
        <f t="shared" si="1691"/>
        <v>73.272999999999996</v>
      </c>
      <c r="D7355" s="239">
        <v>22.947800000000001</v>
      </c>
      <c r="E7355" s="239">
        <v>0.1106</v>
      </c>
      <c r="F7355" s="239">
        <v>0.66639999999999999</v>
      </c>
      <c r="G7355">
        <f t="shared" si="1692"/>
        <v>23.08108</v>
      </c>
      <c r="H7355" s="235">
        <f t="shared" si="1693"/>
        <v>0.47918035031289696</v>
      </c>
      <c r="I7355" s="236">
        <f t="shared" si="1694"/>
        <v>19.989512410850235</v>
      </c>
      <c r="J7355" s="237">
        <f t="shared" si="1699"/>
        <v>9.9895124108502351</v>
      </c>
      <c r="K7355" s="237">
        <f t="shared" si="1695"/>
        <v>1464.6915428802292</v>
      </c>
      <c r="L7355" s="237">
        <f t="shared" si="1700"/>
        <v>732.03146946710524</v>
      </c>
      <c r="M7355" s="236">
        <f t="shared" si="1696"/>
        <v>29.529315826894425</v>
      </c>
      <c r="N7355" s="236">
        <f t="shared" si="1697"/>
        <v>0.51164883634190883</v>
      </c>
      <c r="O7355" s="236">
        <f t="shared" si="1701"/>
        <v>2.2049887719934076</v>
      </c>
      <c r="P7355" s="236" t="str">
        <f t="shared" si="1702"/>
        <v>SAND</v>
      </c>
      <c r="Q7355" s="236" t="e">
        <f t="shared" si="1698"/>
        <v>#N/A</v>
      </c>
      <c r="R7355" s="238">
        <v>35</v>
      </c>
      <c r="S7355" s="236" t="e">
        <f t="shared" si="1703"/>
        <v>#N/A</v>
      </c>
      <c r="T7355" s="236">
        <f t="shared" si="1690"/>
        <v>33.772787232683854</v>
      </c>
    </row>
    <row r="7356" spans="2:20" x14ac:dyDescent="0.2">
      <c r="B7356" s="239">
        <v>73.290000000000006</v>
      </c>
      <c r="C7356" s="3">
        <f t="shared" si="1691"/>
        <v>73.283000000000001</v>
      </c>
      <c r="D7356" s="239">
        <v>22.8535</v>
      </c>
      <c r="E7356" s="239">
        <v>0.1114</v>
      </c>
      <c r="F7356" s="239">
        <v>0.66290000000000004</v>
      </c>
      <c r="G7356">
        <f t="shared" si="1692"/>
        <v>22.986080000000001</v>
      </c>
      <c r="H7356" s="235">
        <f t="shared" si="1693"/>
        <v>0.48464113933302233</v>
      </c>
      <c r="I7356" s="236">
        <f t="shared" si="1694"/>
        <v>19.996351492130582</v>
      </c>
      <c r="J7356" s="237">
        <f t="shared" si="1699"/>
        <v>9.9963514921305823</v>
      </c>
      <c r="K7356" s="237">
        <f t="shared" si="1695"/>
        <v>1465.3926263978055</v>
      </c>
      <c r="L7356" s="237">
        <f t="shared" si="1700"/>
        <v>732.63260085825038</v>
      </c>
      <c r="M7356" s="236">
        <f t="shared" si="1696"/>
        <v>29.374460470898448</v>
      </c>
      <c r="N7356" s="236">
        <f t="shared" si="1697"/>
        <v>0.51764145850027998</v>
      </c>
      <c r="O7356" s="236">
        <f t="shared" si="1701"/>
        <v>2.2091932458464818</v>
      </c>
      <c r="P7356" s="236" t="str">
        <f t="shared" si="1702"/>
        <v>SAND</v>
      </c>
      <c r="Q7356" s="236" t="e">
        <f t="shared" si="1698"/>
        <v>#N/A</v>
      </c>
      <c r="R7356" s="238">
        <v>35</v>
      </c>
      <c r="S7356" s="236" t="e">
        <f t="shared" si="1703"/>
        <v>#N/A</v>
      </c>
      <c r="T7356" s="236">
        <f t="shared" si="1690"/>
        <v>33.747668883965439</v>
      </c>
    </row>
    <row r="7357" spans="2:20" x14ac:dyDescent="0.2">
      <c r="B7357" s="239">
        <v>73.3</v>
      </c>
      <c r="C7357" s="3">
        <f t="shared" si="1691"/>
        <v>73.292999999999992</v>
      </c>
      <c r="D7357" s="239">
        <v>22.627300000000002</v>
      </c>
      <c r="E7357" s="239">
        <v>0.1099</v>
      </c>
      <c r="F7357" s="239">
        <v>0.67669999999999997</v>
      </c>
      <c r="G7357">
        <f t="shared" si="1692"/>
        <v>22.762640000000001</v>
      </c>
      <c r="H7357" s="235">
        <f t="shared" si="1693"/>
        <v>0.48280867245627035</v>
      </c>
      <c r="I7357" s="236">
        <f t="shared" si="1694"/>
        <v>19.976637190843601</v>
      </c>
      <c r="J7357" s="237">
        <f t="shared" si="1699"/>
        <v>9.9766371908436007</v>
      </c>
      <c r="K7357" s="237">
        <f t="shared" si="1695"/>
        <v>1464.1476696284999</v>
      </c>
      <c r="L7357" s="237">
        <f t="shared" si="1700"/>
        <v>731.28750608883593</v>
      </c>
      <c r="M7357" s="236">
        <f t="shared" si="1696"/>
        <v>29.124649543491838</v>
      </c>
      <c r="N7357" s="236">
        <f t="shared" si="1697"/>
        <v>0.51599896506891885</v>
      </c>
      <c r="O7357" s="236">
        <f t="shared" si="1701"/>
        <v>2.2119728632627358</v>
      </c>
      <c r="P7357" s="236" t="str">
        <f t="shared" si="1702"/>
        <v>SAND</v>
      </c>
      <c r="Q7357" s="236" t="e">
        <f t="shared" si="1698"/>
        <v>#N/A</v>
      </c>
      <c r="R7357" s="238">
        <v>35</v>
      </c>
      <c r="S7357" s="236" t="e">
        <f t="shared" si="1703"/>
        <v>#N/A</v>
      </c>
      <c r="T7357" s="236">
        <f t="shared" si="1690"/>
        <v>33.706867790265747</v>
      </c>
    </row>
    <row r="7358" spans="2:20" x14ac:dyDescent="0.2">
      <c r="B7358" s="239">
        <v>73.31</v>
      </c>
      <c r="C7358" s="3">
        <f t="shared" si="1691"/>
        <v>73.302999999999997</v>
      </c>
      <c r="D7358" s="239">
        <v>22.752600000000001</v>
      </c>
      <c r="E7358" s="239">
        <v>0.1182</v>
      </c>
      <c r="F7358" s="239">
        <v>0.63400000000000001</v>
      </c>
      <c r="G7358">
        <f t="shared" si="1692"/>
        <v>22.8794</v>
      </c>
      <c r="H7358" s="235">
        <f t="shared" si="1693"/>
        <v>0.51662193938652234</v>
      </c>
      <c r="I7358" s="236">
        <f t="shared" si="1694"/>
        <v>20.064010409071933</v>
      </c>
      <c r="J7358" s="237">
        <f t="shared" si="1699"/>
        <v>10.064010409071933</v>
      </c>
      <c r="K7358" s="237">
        <f t="shared" si="1695"/>
        <v>1470.7521550161998</v>
      </c>
      <c r="L7358" s="237">
        <f t="shared" si="1700"/>
        <v>737.7926030890635</v>
      </c>
      <c r="M7358" s="236">
        <f t="shared" si="1696"/>
        <v>29.01716248624335</v>
      </c>
      <c r="N7358" s="236">
        <f t="shared" si="1697"/>
        <v>0.55211333689014408</v>
      </c>
      <c r="O7358" s="236">
        <f t="shared" si="1701"/>
        <v>2.225967770267288</v>
      </c>
      <c r="P7358" s="236" t="str">
        <f t="shared" si="1702"/>
        <v>SAND</v>
      </c>
      <c r="Q7358" s="236" t="e">
        <f t="shared" si="1698"/>
        <v>#N/A</v>
      </c>
      <c r="R7358" s="238">
        <v>35</v>
      </c>
      <c r="S7358" s="236" t="e">
        <f t="shared" si="1703"/>
        <v>#N/A</v>
      </c>
      <c r="T7358" s="236">
        <f t="shared" si="1690"/>
        <v>33.689204358002712</v>
      </c>
    </row>
    <row r="7359" spans="2:20" x14ac:dyDescent="0.2">
      <c r="B7359" s="239">
        <v>73.319000000000003</v>
      </c>
      <c r="C7359" s="3">
        <f t="shared" si="1691"/>
        <v>73.311999999999998</v>
      </c>
      <c r="D7359" s="239">
        <v>22.793600000000001</v>
      </c>
      <c r="E7359" s="239">
        <v>0.125</v>
      </c>
      <c r="F7359" s="239">
        <v>0.65859999999999996</v>
      </c>
      <c r="G7359">
        <f t="shared" si="1692"/>
        <v>22.925320000000003</v>
      </c>
      <c r="H7359" s="235">
        <f t="shared" si="1693"/>
        <v>0.54524865956069535</v>
      </c>
      <c r="I7359" s="236">
        <f t="shared" si="1694"/>
        <v>20.130383955287243</v>
      </c>
      <c r="J7359" s="237">
        <f t="shared" si="1699"/>
        <v>10.130383955287243</v>
      </c>
      <c r="K7359" s="237">
        <f t="shared" si="1695"/>
        <v>1475.7987085300183</v>
      </c>
      <c r="L7359" s="237">
        <f t="shared" si="1700"/>
        <v>742.74962121770545</v>
      </c>
      <c r="M7359" s="236">
        <f t="shared" si="1696"/>
        <v>28.878535483201503</v>
      </c>
      <c r="N7359" s="236">
        <f t="shared" si="1697"/>
        <v>0.58276358852684429</v>
      </c>
      <c r="O7359" s="236">
        <f t="shared" si="1701"/>
        <v>2.2380758376829211</v>
      </c>
      <c r="P7359" s="236" t="str">
        <f t="shared" si="1702"/>
        <v>SAND</v>
      </c>
      <c r="Q7359" s="236" t="e">
        <f t="shared" si="1698"/>
        <v>#N/A</v>
      </c>
      <c r="R7359" s="238">
        <v>35</v>
      </c>
      <c r="S7359" s="236" t="e">
        <f t="shared" si="1703"/>
        <v>#N/A</v>
      </c>
      <c r="T7359" s="236">
        <f t="shared" si="1690"/>
        <v>33.666326815941261</v>
      </c>
    </row>
    <row r="7360" spans="2:20" x14ac:dyDescent="0.2">
      <c r="B7360" s="239">
        <v>73.33</v>
      </c>
      <c r="C7360" s="3">
        <f t="shared" si="1691"/>
        <v>73.322999999999993</v>
      </c>
      <c r="D7360" s="239">
        <v>22.921299999999999</v>
      </c>
      <c r="E7360" s="239">
        <v>0.1255</v>
      </c>
      <c r="F7360" s="239">
        <v>0.67669999999999997</v>
      </c>
      <c r="G7360">
        <f t="shared" si="1692"/>
        <v>23.056639999999998</v>
      </c>
      <c r="H7360" s="235">
        <f t="shared" si="1693"/>
        <v>0.54431174707155949</v>
      </c>
      <c r="I7360" s="236">
        <f t="shared" si="1694"/>
        <v>20.137297530888322</v>
      </c>
      <c r="J7360" s="237">
        <f t="shared" si="1699"/>
        <v>10.137297530888322</v>
      </c>
      <c r="K7360" s="237">
        <f t="shared" si="1695"/>
        <v>1476.5270668573244</v>
      </c>
      <c r="L7360" s="237">
        <f t="shared" si="1700"/>
        <v>743.36802794004063</v>
      </c>
      <c r="M7360" s="236">
        <f t="shared" si="1696"/>
        <v>29.030187097155203</v>
      </c>
      <c r="N7360" s="236">
        <f t="shared" si="1697"/>
        <v>0.58155395381299169</v>
      </c>
      <c r="O7360" s="236">
        <f t="shared" si="1701"/>
        <v>2.235636213399685</v>
      </c>
      <c r="P7360" s="236" t="str">
        <f t="shared" si="1702"/>
        <v>SAND</v>
      </c>
      <c r="Q7360" s="236" t="e">
        <f t="shared" si="1698"/>
        <v>#N/A</v>
      </c>
      <c r="R7360" s="238">
        <v>35</v>
      </c>
      <c r="S7360" s="236" t="e">
        <f t="shared" si="1703"/>
        <v>#N/A</v>
      </c>
      <c r="T7360" s="236">
        <f t="shared" si="1690"/>
        <v>33.691348183159874</v>
      </c>
    </row>
    <row r="7361" spans="2:20" x14ac:dyDescent="0.2">
      <c r="B7361" s="239">
        <v>73.338999999999999</v>
      </c>
      <c r="C7361" s="3">
        <f t="shared" si="1691"/>
        <v>73.331999999999994</v>
      </c>
      <c r="D7361" s="239">
        <v>23.027000000000001</v>
      </c>
      <c r="E7361" s="239">
        <v>0.1222</v>
      </c>
      <c r="F7361" s="239">
        <v>0.68120000000000003</v>
      </c>
      <c r="G7361">
        <f t="shared" si="1692"/>
        <v>23.163240000000002</v>
      </c>
      <c r="H7361" s="235">
        <f t="shared" si="1693"/>
        <v>0.52756004773080101</v>
      </c>
      <c r="I7361" s="236">
        <f t="shared" si="1694"/>
        <v>20.107854686656111</v>
      </c>
      <c r="J7361" s="237">
        <f t="shared" si="1699"/>
        <v>10.107854686656111</v>
      </c>
      <c r="K7361" s="237">
        <f t="shared" si="1695"/>
        <v>1474.5491998818659</v>
      </c>
      <c r="L7361" s="237">
        <f t="shared" si="1700"/>
        <v>741.29995486467249</v>
      </c>
      <c r="M7361" s="236">
        <f t="shared" si="1696"/>
        <v>29.257644841051555</v>
      </c>
      <c r="N7361" s="236">
        <f t="shared" si="1697"/>
        <v>0.56342727703663142</v>
      </c>
      <c r="O7361" s="236">
        <f t="shared" si="1701"/>
        <v>2.2265630138296952</v>
      </c>
      <c r="P7361" s="236" t="str">
        <f t="shared" si="1702"/>
        <v>SAND</v>
      </c>
      <c r="Q7361" s="236" t="e">
        <f t="shared" si="1698"/>
        <v>#N/A</v>
      </c>
      <c r="R7361" s="238">
        <v>35</v>
      </c>
      <c r="S7361" s="236" t="e">
        <f t="shared" si="1703"/>
        <v>#N/A</v>
      </c>
      <c r="T7361" s="236">
        <f t="shared" si="1690"/>
        <v>33.728633000696576</v>
      </c>
    </row>
    <row r="7362" spans="2:20" x14ac:dyDescent="0.2">
      <c r="B7362" s="239">
        <v>73.349000000000004</v>
      </c>
      <c r="C7362" s="3">
        <f t="shared" si="1691"/>
        <v>73.341999999999999</v>
      </c>
      <c r="D7362" s="239">
        <v>23.1401</v>
      </c>
      <c r="E7362" s="239">
        <v>0.1235</v>
      </c>
      <c r="F7362" s="239">
        <v>0.67689999999999995</v>
      </c>
      <c r="G7362">
        <f t="shared" si="1692"/>
        <v>23.275480000000002</v>
      </c>
      <c r="H7362" s="235">
        <f t="shared" si="1693"/>
        <v>0.53060130231471059</v>
      </c>
      <c r="I7362" s="236">
        <f t="shared" si="1694"/>
        <v>20.12215262129989</v>
      </c>
      <c r="J7362" s="237">
        <f t="shared" si="1699"/>
        <v>10.12215262129989</v>
      </c>
      <c r="K7362" s="237">
        <f t="shared" si="1695"/>
        <v>1475.7989175513765</v>
      </c>
      <c r="L7362" s="237">
        <f t="shared" si="1700"/>
        <v>742.44977261972565</v>
      </c>
      <c r="M7362" s="236">
        <f t="shared" si="1696"/>
        <v>29.361826060675725</v>
      </c>
      <c r="N7362" s="236">
        <f t="shared" si="1697"/>
        <v>0.56652204925801597</v>
      </c>
      <c r="O7362" s="236">
        <f t="shared" si="1701"/>
        <v>2.2262128474715044</v>
      </c>
      <c r="P7362" s="236" t="str">
        <f t="shared" si="1702"/>
        <v>SAND</v>
      </c>
      <c r="Q7362" s="236" t="e">
        <f t="shared" si="1698"/>
        <v>#N/A</v>
      </c>
      <c r="R7362" s="238">
        <v>35</v>
      </c>
      <c r="S7362" s="236" t="e">
        <f t="shared" si="1703"/>
        <v>#N/A</v>
      </c>
      <c r="T7362" s="236">
        <f t="shared" si="1690"/>
        <v>33.745613677361305</v>
      </c>
    </row>
    <row r="7363" spans="2:20" x14ac:dyDescent="0.2">
      <c r="B7363" s="239">
        <v>73.358999999999995</v>
      </c>
      <c r="C7363" s="3">
        <f t="shared" si="1691"/>
        <v>73.35199999999999</v>
      </c>
      <c r="D7363" s="239">
        <v>23.3034</v>
      </c>
      <c r="E7363" s="239">
        <v>0.1225</v>
      </c>
      <c r="F7363" s="239">
        <v>0.68799999999999994</v>
      </c>
      <c r="G7363">
        <f t="shared" si="1692"/>
        <v>23.440999999999999</v>
      </c>
      <c r="H7363" s="235">
        <f t="shared" si="1693"/>
        <v>0.52258862676506979</v>
      </c>
      <c r="I7363" s="236">
        <f t="shared" si="1694"/>
        <v>20.115389015259161</v>
      </c>
      <c r="J7363" s="237">
        <f t="shared" si="1699"/>
        <v>10.115389015259161</v>
      </c>
      <c r="K7363" s="237">
        <f t="shared" si="1695"/>
        <v>1475.5040150472898</v>
      </c>
      <c r="L7363" s="237">
        <f t="shared" si="1700"/>
        <v>742.05482277039675</v>
      </c>
      <c r="M7363" s="236">
        <f t="shared" si="1696"/>
        <v>29.60090725230577</v>
      </c>
      <c r="N7363" s="236">
        <f t="shared" si="1697"/>
        <v>0.55769284738171931</v>
      </c>
      <c r="O7363" s="236">
        <f t="shared" si="1701"/>
        <v>2.2200678040389947</v>
      </c>
      <c r="P7363" s="236" t="str">
        <f t="shared" si="1702"/>
        <v>SAND</v>
      </c>
      <c r="Q7363" s="236" t="e">
        <f t="shared" si="1698"/>
        <v>#N/A</v>
      </c>
      <c r="R7363" s="238">
        <v>35</v>
      </c>
      <c r="S7363" s="236" t="e">
        <f t="shared" si="1703"/>
        <v>#N/A</v>
      </c>
      <c r="T7363" s="236">
        <f t="shared" si="1690"/>
        <v>33.784355243775025</v>
      </c>
    </row>
    <row r="7364" spans="2:20" x14ac:dyDescent="0.2">
      <c r="B7364" s="239">
        <v>73.369</v>
      </c>
      <c r="C7364" s="3">
        <f t="shared" si="1691"/>
        <v>73.361999999999995</v>
      </c>
      <c r="D7364" s="239">
        <v>23.396699999999999</v>
      </c>
      <c r="E7364" s="239">
        <v>0.12280000000000001</v>
      </c>
      <c r="F7364" s="239">
        <v>0.67849999999999999</v>
      </c>
      <c r="G7364">
        <f t="shared" si="1692"/>
        <v>23.532399999999999</v>
      </c>
      <c r="H7364" s="235">
        <f t="shared" si="1693"/>
        <v>0.52183372711665621</v>
      </c>
      <c r="I7364" s="236">
        <f t="shared" si="1694"/>
        <v>20.119778244418526</v>
      </c>
      <c r="J7364" s="237">
        <f t="shared" si="1699"/>
        <v>10.119778244418526</v>
      </c>
      <c r="K7364" s="237">
        <f t="shared" si="1695"/>
        <v>1476.0271715670319</v>
      </c>
      <c r="L7364" s="237">
        <f t="shared" si="1700"/>
        <v>742.47801001474284</v>
      </c>
      <c r="M7364" s="236">
        <f t="shared" si="1696"/>
        <v>29.706432420799924</v>
      </c>
      <c r="N7364" s="236">
        <f t="shared" si="1697"/>
        <v>0.55675518796861279</v>
      </c>
      <c r="O7364" s="236">
        <f t="shared" si="1701"/>
        <v>2.2183583160641978</v>
      </c>
      <c r="P7364" s="236" t="str">
        <f t="shared" si="1702"/>
        <v>SAND</v>
      </c>
      <c r="Q7364" s="236" t="e">
        <f t="shared" si="1698"/>
        <v>#N/A</v>
      </c>
      <c r="R7364" s="238">
        <v>35</v>
      </c>
      <c r="S7364" s="236" t="e">
        <f t="shared" si="1703"/>
        <v>#N/A</v>
      </c>
      <c r="T7364" s="236">
        <f t="shared" si="1690"/>
        <v>33.801355484114325</v>
      </c>
    </row>
    <row r="7365" spans="2:20" x14ac:dyDescent="0.2">
      <c r="B7365" s="239">
        <v>73.379000000000005</v>
      </c>
      <c r="C7365" s="3">
        <f t="shared" si="1691"/>
        <v>73.372</v>
      </c>
      <c r="D7365" s="239">
        <v>23.491</v>
      </c>
      <c r="E7365" s="239">
        <v>0.1232</v>
      </c>
      <c r="F7365" s="239">
        <v>0.67579999999999996</v>
      </c>
      <c r="G7365">
        <f t="shared" si="1692"/>
        <v>23.626159999999999</v>
      </c>
      <c r="H7365" s="235">
        <f t="shared" si="1693"/>
        <v>0.52145587772198276</v>
      </c>
      <c r="I7365" s="236">
        <f t="shared" si="1694"/>
        <v>20.125145792191169</v>
      </c>
      <c r="J7365" s="237">
        <f t="shared" si="1699"/>
        <v>10.125145792191169</v>
      </c>
      <c r="K7365" s="237">
        <f t="shared" si="1695"/>
        <v>1476.6221970646504</v>
      </c>
      <c r="L7365" s="237">
        <f t="shared" si="1700"/>
        <v>742.97307308519589</v>
      </c>
      <c r="M7365" s="236">
        <f t="shared" si="1696"/>
        <v>29.812033040389185</v>
      </c>
      <c r="N7365" s="236">
        <f t="shared" si="1697"/>
        <v>0.55621928139589905</v>
      </c>
      <c r="O7365" s="236">
        <f t="shared" si="1701"/>
        <v>2.2167888549938817</v>
      </c>
      <c r="P7365" s="236" t="str">
        <f t="shared" si="1702"/>
        <v>SAND</v>
      </c>
      <c r="Q7365" s="236" t="e">
        <f t="shared" si="1698"/>
        <v>#N/A</v>
      </c>
      <c r="R7365" s="238">
        <v>35</v>
      </c>
      <c r="S7365" s="236" t="e">
        <f t="shared" si="1703"/>
        <v>#N/A</v>
      </c>
      <c r="T7365" s="236">
        <f t="shared" si="1690"/>
        <v>33.8183075327116</v>
      </c>
    </row>
    <row r="7366" spans="2:20" x14ac:dyDescent="0.2">
      <c r="B7366" s="239">
        <v>73.388999999999996</v>
      </c>
      <c r="C7366" s="3">
        <f t="shared" si="1691"/>
        <v>73.381999999999991</v>
      </c>
      <c r="D7366" s="239">
        <v>23.500499999999999</v>
      </c>
      <c r="E7366" s="239">
        <v>0.1245</v>
      </c>
      <c r="F7366" s="239">
        <v>0.67630000000000001</v>
      </c>
      <c r="G7366">
        <f t="shared" si="1692"/>
        <v>23.635759999999998</v>
      </c>
      <c r="H7366" s="235">
        <f t="shared" si="1693"/>
        <v>0.52674422146780986</v>
      </c>
      <c r="I7366" s="236">
        <f t="shared" si="1694"/>
        <v>20.137612917560467</v>
      </c>
      <c r="J7366" s="237">
        <f t="shared" si="1699"/>
        <v>10.137612917560467</v>
      </c>
      <c r="K7366" s="237">
        <f t="shared" si="1695"/>
        <v>1477.738311116422</v>
      </c>
      <c r="L7366" s="237">
        <f t="shared" si="1700"/>
        <v>743.98927440684508</v>
      </c>
      <c r="M7366" s="236">
        <f t="shared" si="1696"/>
        <v>29.782716567452319</v>
      </c>
      <c r="N7366" s="236">
        <f t="shared" si="1697"/>
        <v>0.56187326534868509</v>
      </c>
      <c r="O7366" s="236">
        <f t="shared" si="1701"/>
        <v>2.2190892382049618</v>
      </c>
      <c r="P7366" s="236" t="str">
        <f t="shared" si="1702"/>
        <v>SAND</v>
      </c>
      <c r="Q7366" s="236" t="e">
        <f t="shared" si="1698"/>
        <v>#N/A</v>
      </c>
      <c r="R7366" s="238">
        <v>35</v>
      </c>
      <c r="S7366" s="236" t="e">
        <f t="shared" si="1703"/>
        <v>#N/A</v>
      </c>
      <c r="T7366" s="236">
        <f t="shared" si="1690"/>
        <v>33.813607393222881</v>
      </c>
    </row>
    <row r="7367" spans="2:20" x14ac:dyDescent="0.2">
      <c r="B7367" s="239">
        <v>73.397999999999996</v>
      </c>
      <c r="C7367" s="3">
        <f t="shared" si="1691"/>
        <v>73.390999999999991</v>
      </c>
      <c r="D7367" s="239">
        <v>23.6172</v>
      </c>
      <c r="E7367" s="239">
        <v>0.12590000000000001</v>
      </c>
      <c r="F7367" s="239">
        <v>0.67320000000000002</v>
      </c>
      <c r="G7367">
        <f t="shared" si="1692"/>
        <v>23.751840000000001</v>
      </c>
      <c r="H7367" s="235">
        <f t="shared" si="1693"/>
        <v>0.53006419713167485</v>
      </c>
      <c r="I7367" s="236">
        <f t="shared" si="1694"/>
        <v>20.152640058819742</v>
      </c>
      <c r="J7367" s="237">
        <f t="shared" si="1699"/>
        <v>10.152640058819742</v>
      </c>
      <c r="K7367" s="237">
        <f t="shared" si="1695"/>
        <v>1479.0224065568395</v>
      </c>
      <c r="L7367" s="237">
        <f t="shared" si="1700"/>
        <v>745.18347503725136</v>
      </c>
      <c r="M7367" s="236">
        <f t="shared" si="1696"/>
        <v>29.889038524813976</v>
      </c>
      <c r="N7367" s="236">
        <f t="shared" si="1697"/>
        <v>0.5652630138589354</v>
      </c>
      <c r="O7367" s="236">
        <f t="shared" si="1701"/>
        <v>2.2188406370580629</v>
      </c>
      <c r="P7367" s="236" t="str">
        <f t="shared" si="1702"/>
        <v>SAND</v>
      </c>
      <c r="Q7367" s="236" t="e">
        <f t="shared" si="1698"/>
        <v>#N/A</v>
      </c>
      <c r="R7367" s="238">
        <v>35</v>
      </c>
      <c r="S7367" s="236" t="e">
        <f t="shared" si="1703"/>
        <v>#N/A</v>
      </c>
      <c r="T7367" s="236">
        <f t="shared" si="1690"/>
        <v>33.83063139293553</v>
      </c>
    </row>
    <row r="7368" spans="2:20" x14ac:dyDescent="0.2">
      <c r="B7368" s="239">
        <v>73.408000000000001</v>
      </c>
      <c r="C7368" s="3">
        <f t="shared" si="1691"/>
        <v>73.400999999999996</v>
      </c>
      <c r="D7368" s="239">
        <v>23.650500000000001</v>
      </c>
      <c r="E7368" s="239">
        <v>0.12659999999999999</v>
      </c>
      <c r="F7368" s="239">
        <v>0.66979999999999995</v>
      </c>
      <c r="G7368">
        <f t="shared" si="1692"/>
        <v>23.784459999999999</v>
      </c>
      <c r="H7368" s="235">
        <f t="shared" si="1693"/>
        <v>0.53228032084815036</v>
      </c>
      <c r="I7368" s="236">
        <f t="shared" si="1694"/>
        <v>20.159678025842545</v>
      </c>
      <c r="J7368" s="237">
        <f t="shared" si="1699"/>
        <v>10.159678025842545</v>
      </c>
      <c r="K7368" s="237">
        <f t="shared" si="1695"/>
        <v>1479.7405267748686</v>
      </c>
      <c r="L7368" s="237">
        <f t="shared" si="1700"/>
        <v>745.80164452104964</v>
      </c>
      <c r="M7368" s="236">
        <f t="shared" si="1696"/>
        <v>29.907039810228788</v>
      </c>
      <c r="N7368" s="236">
        <f t="shared" si="1697"/>
        <v>0.56759288164091126</v>
      </c>
      <c r="O7368" s="236">
        <f t="shared" si="1701"/>
        <v>2.2193890100795119</v>
      </c>
      <c r="P7368" s="236" t="str">
        <f t="shared" si="1702"/>
        <v>SAND</v>
      </c>
      <c r="Q7368" s="236" t="e">
        <f t="shared" si="1698"/>
        <v>#N/A</v>
      </c>
      <c r="R7368" s="238">
        <v>35</v>
      </c>
      <c r="S7368" s="236" t="e">
        <f t="shared" si="1703"/>
        <v>#N/A</v>
      </c>
      <c r="T7368" s="236">
        <f t="shared" si="1690"/>
        <v>33.833507717040504</v>
      </c>
    </row>
    <row r="7369" spans="2:20" x14ac:dyDescent="0.2">
      <c r="B7369" s="239">
        <v>73.417000000000002</v>
      </c>
      <c r="C7369" s="3">
        <f t="shared" si="1691"/>
        <v>73.41</v>
      </c>
      <c r="D7369" s="239">
        <v>23.612300000000001</v>
      </c>
      <c r="E7369" s="239">
        <v>0.12989999999999999</v>
      </c>
      <c r="F7369" s="239">
        <v>0.66369999999999996</v>
      </c>
      <c r="G7369">
        <f t="shared" si="1692"/>
        <v>23.745039999999999</v>
      </c>
      <c r="H7369" s="235">
        <f t="shared" si="1693"/>
        <v>0.5470616179210479</v>
      </c>
      <c r="I7369" s="236">
        <f t="shared" si="1694"/>
        <v>20.189203377242961</v>
      </c>
      <c r="J7369" s="237">
        <f t="shared" si="1699"/>
        <v>10.189203377242961</v>
      </c>
      <c r="K7369" s="237">
        <f t="shared" si="1695"/>
        <v>1482.0894199234058</v>
      </c>
      <c r="L7369" s="237">
        <f t="shared" si="1700"/>
        <v>748.06074434704647</v>
      </c>
      <c r="M7369" s="236">
        <f t="shared" si="1696"/>
        <v>29.760886062146024</v>
      </c>
      <c r="N7369" s="236">
        <f t="shared" si="1697"/>
        <v>0.58348061067992119</v>
      </c>
      <c r="O7369" s="236">
        <f t="shared" si="1701"/>
        <v>2.226584375642652</v>
      </c>
      <c r="P7369" s="236" t="str">
        <f t="shared" si="1702"/>
        <v>SAND</v>
      </c>
      <c r="Q7369" s="236" t="e">
        <f t="shared" si="1698"/>
        <v>#N/A</v>
      </c>
      <c r="R7369" s="238">
        <v>35</v>
      </c>
      <c r="S7369" s="236" t="e">
        <f t="shared" si="1703"/>
        <v>#N/A</v>
      </c>
      <c r="T7369" s="236">
        <f t="shared" si="1690"/>
        <v>33.810104429076418</v>
      </c>
    </row>
    <row r="7370" spans="2:20" x14ac:dyDescent="0.2">
      <c r="B7370" s="239">
        <v>73.427999999999997</v>
      </c>
      <c r="C7370" s="3">
        <f t="shared" si="1691"/>
        <v>73.420999999999992</v>
      </c>
      <c r="D7370" s="239">
        <v>23.701699999999999</v>
      </c>
      <c r="E7370" s="239">
        <v>0.13350000000000001</v>
      </c>
      <c r="F7370" s="239">
        <v>0.66549999999999998</v>
      </c>
      <c r="G7370">
        <f t="shared" si="1692"/>
        <v>23.834799999999998</v>
      </c>
      <c r="H7370" s="235">
        <f t="shared" si="1693"/>
        <v>0.56010539211573007</v>
      </c>
      <c r="I7370" s="236">
        <f t="shared" si="1694"/>
        <v>20.222732832640141</v>
      </c>
      <c r="J7370" s="237">
        <f t="shared" si="1699"/>
        <v>10.222732832640141</v>
      </c>
      <c r="K7370" s="237">
        <f t="shared" si="1695"/>
        <v>1484.7732673052717</v>
      </c>
      <c r="L7370" s="237">
        <f t="shared" si="1700"/>
        <v>750.63482643510019</v>
      </c>
      <c r="M7370" s="236">
        <f t="shared" si="1696"/>
        <v>29.774833175325778</v>
      </c>
      <c r="N7370" s="236">
        <f t="shared" si="1697"/>
        <v>0.59731472179722078</v>
      </c>
      <c r="O7370" s="236">
        <f t="shared" si="1701"/>
        <v>2.2309276821624309</v>
      </c>
      <c r="P7370" s="236" t="str">
        <f t="shared" si="1702"/>
        <v>SAND</v>
      </c>
      <c r="Q7370" s="236" t="e">
        <f t="shared" si="1698"/>
        <v>#N/A</v>
      </c>
      <c r="R7370" s="238">
        <v>35</v>
      </c>
      <c r="S7370" s="236" t="e">
        <f t="shared" si="1703"/>
        <v>#N/A</v>
      </c>
      <c r="T7370" s="236">
        <f t="shared" si="1690"/>
        <v>33.812342705502374</v>
      </c>
    </row>
    <row r="7371" spans="2:20" x14ac:dyDescent="0.2">
      <c r="B7371" s="239">
        <v>73.436999999999998</v>
      </c>
      <c r="C7371" s="3">
        <f t="shared" si="1691"/>
        <v>73.429999999999993</v>
      </c>
      <c r="D7371" s="239">
        <v>23.768799999999999</v>
      </c>
      <c r="E7371" s="239">
        <v>0.13450000000000001</v>
      </c>
      <c r="F7371" s="239">
        <v>0.67700000000000005</v>
      </c>
      <c r="G7371">
        <f t="shared" si="1692"/>
        <v>23.904199999999999</v>
      </c>
      <c r="H7371" s="235">
        <f t="shared" si="1693"/>
        <v>0.56266262832472957</v>
      </c>
      <c r="I7371" s="236">
        <f t="shared" si="1694"/>
        <v>20.232620014494106</v>
      </c>
      <c r="J7371" s="237">
        <f t="shared" si="1699"/>
        <v>10.232620014494106</v>
      </c>
      <c r="K7371" s="237">
        <f t="shared" si="1695"/>
        <v>1485.6812876643021</v>
      </c>
      <c r="L7371" s="237">
        <f t="shared" si="1700"/>
        <v>751.45291600440362</v>
      </c>
      <c r="M7371" s="236">
        <f t="shared" si="1696"/>
        <v>29.833564066180728</v>
      </c>
      <c r="N7371" s="236">
        <f t="shared" si="1697"/>
        <v>0.5999504326126236</v>
      </c>
      <c r="O7371" s="236">
        <f t="shared" si="1701"/>
        <v>2.2310167803156493</v>
      </c>
      <c r="P7371" s="236" t="str">
        <f t="shared" si="1702"/>
        <v>SAND</v>
      </c>
      <c r="Q7371" s="236" t="e">
        <f t="shared" si="1698"/>
        <v>#N/A</v>
      </c>
      <c r="R7371" s="238">
        <v>35</v>
      </c>
      <c r="S7371" s="236" t="e">
        <f t="shared" si="1703"/>
        <v>#N/A</v>
      </c>
      <c r="T7371" s="236">
        <f t="shared" si="1690"/>
        <v>33.821756533880446</v>
      </c>
    </row>
    <row r="7372" spans="2:20" x14ac:dyDescent="0.2">
      <c r="B7372" s="239">
        <v>73.447000000000003</v>
      </c>
      <c r="C7372" s="3">
        <f t="shared" si="1691"/>
        <v>73.44</v>
      </c>
      <c r="D7372" s="239">
        <v>23.913599999999999</v>
      </c>
      <c r="E7372" s="239">
        <v>0.1341</v>
      </c>
      <c r="F7372" s="239">
        <v>0.68300000000000005</v>
      </c>
      <c r="G7372">
        <f t="shared" si="1692"/>
        <v>24.0502</v>
      </c>
      <c r="H7372" s="235">
        <f t="shared" si="1693"/>
        <v>0.55758372071749918</v>
      </c>
      <c r="I7372" s="236">
        <f t="shared" si="1694"/>
        <v>20.231507577644024</v>
      </c>
      <c r="J7372" s="237">
        <f t="shared" si="1699"/>
        <v>10.231507577644024</v>
      </c>
      <c r="K7372" s="237">
        <f t="shared" si="1695"/>
        <v>1485.8019165021772</v>
      </c>
      <c r="L7372" s="237">
        <f t="shared" si="1700"/>
        <v>751.47353705522062</v>
      </c>
      <c r="M7372" s="236">
        <f t="shared" si="1696"/>
        <v>30.026869837519936</v>
      </c>
      <c r="N7372" s="236">
        <f t="shared" si="1697"/>
        <v>0.59429903471731549</v>
      </c>
      <c r="O7372" s="236">
        <f t="shared" si="1701"/>
        <v>2.2266706413414177</v>
      </c>
      <c r="P7372" s="236" t="str">
        <f t="shared" si="1702"/>
        <v>SAND</v>
      </c>
      <c r="Q7372" s="236" t="e">
        <f t="shared" si="1698"/>
        <v>#N/A</v>
      </c>
      <c r="R7372" s="238">
        <v>35</v>
      </c>
      <c r="S7372" s="236" t="e">
        <f t="shared" si="1703"/>
        <v>#N/A</v>
      </c>
      <c r="T7372" s="236">
        <f t="shared" si="1690"/>
        <v>33.852610675014319</v>
      </c>
    </row>
    <row r="7373" spans="2:20" x14ac:dyDescent="0.2">
      <c r="B7373" s="239">
        <v>73.456999999999994</v>
      </c>
      <c r="C7373" s="3">
        <f t="shared" si="1691"/>
        <v>73.449999999999989</v>
      </c>
      <c r="D7373" s="239">
        <v>24.092500000000001</v>
      </c>
      <c r="E7373" s="239">
        <v>0.1241</v>
      </c>
      <c r="F7373" s="239">
        <v>0.69010000000000005</v>
      </c>
      <c r="G7373">
        <f t="shared" si="1692"/>
        <v>24.230520000000002</v>
      </c>
      <c r="H7373" s="235">
        <f t="shared" si="1693"/>
        <v>0.51216399813128233</v>
      </c>
      <c r="I7373" s="236">
        <f t="shared" si="1694"/>
        <v>20.143553325416804</v>
      </c>
      <c r="J7373" s="237">
        <f t="shared" si="1699"/>
        <v>10.143553325416804</v>
      </c>
      <c r="K7373" s="237">
        <f t="shared" si="1695"/>
        <v>1479.543991751864</v>
      </c>
      <c r="L7373" s="237">
        <f t="shared" si="1700"/>
        <v>745.11499662514211</v>
      </c>
      <c r="M7373" s="236">
        <f t="shared" si="1696"/>
        <v>30.533509741844405</v>
      </c>
      <c r="N7373" s="236">
        <f t="shared" si="1697"/>
        <v>0.54547110398696219</v>
      </c>
      <c r="O7373" s="236">
        <f t="shared" si="1701"/>
        <v>2.2037521682385939</v>
      </c>
      <c r="P7373" s="236" t="str">
        <f t="shared" si="1702"/>
        <v>SAND</v>
      </c>
      <c r="Q7373" s="236" t="e">
        <f t="shared" si="1698"/>
        <v>#N/A</v>
      </c>
      <c r="R7373" s="238">
        <v>35</v>
      </c>
      <c r="S7373" s="236" t="e">
        <f t="shared" si="1703"/>
        <v>#N/A</v>
      </c>
      <c r="T7373" s="236">
        <f t="shared" ref="T7373:T7436" si="1704">IF(P7373="SAND",17.6+(11*LOG(M7373)),#N/A)</f>
        <v>33.932544009191126</v>
      </c>
    </row>
    <row r="7374" spans="2:20" x14ac:dyDescent="0.2">
      <c r="B7374" s="239">
        <v>73.466999999999999</v>
      </c>
      <c r="C7374" s="3">
        <f t="shared" ref="C7374:C7437" si="1705">MAX($B7374 - $B$13, 0.001)</f>
        <v>73.459999999999994</v>
      </c>
      <c r="D7374" s="239">
        <v>24.303699999999999</v>
      </c>
      <c r="E7374" s="239">
        <v>0.12180000000000001</v>
      </c>
      <c r="F7374" s="239">
        <v>0.68659999999999999</v>
      </c>
      <c r="G7374">
        <f t="shared" si="1692"/>
        <v>24.441019999999998</v>
      </c>
      <c r="H7374" s="235">
        <f t="shared" si="1693"/>
        <v>0.49834254053226917</v>
      </c>
      <c r="I7374" s="236">
        <f t="shared" si="1694"/>
        <v>20.124998126554875</v>
      </c>
      <c r="J7374" s="237">
        <f t="shared" si="1699"/>
        <v>10.124998126554875</v>
      </c>
      <c r="K7374" s="237">
        <f t="shared" si="1695"/>
        <v>1478.3823623767209</v>
      </c>
      <c r="L7374" s="237">
        <f t="shared" si="1700"/>
        <v>743.85323736360692</v>
      </c>
      <c r="M7374" s="236">
        <f t="shared" si="1696"/>
        <v>30.869849701815287</v>
      </c>
      <c r="N7374" s="236">
        <f t="shared" si="1697"/>
        <v>0.5304268696050668</v>
      </c>
      <c r="O7374" s="236">
        <f t="shared" si="1701"/>
        <v>2.1942107698188131</v>
      </c>
      <c r="P7374" s="236" t="str">
        <f t="shared" si="1702"/>
        <v>SAND</v>
      </c>
      <c r="Q7374" s="236" t="e">
        <f t="shared" si="1698"/>
        <v>#N/A</v>
      </c>
      <c r="R7374" s="238">
        <v>35</v>
      </c>
      <c r="S7374" s="236" t="e">
        <f t="shared" si="1703"/>
        <v>#N/A</v>
      </c>
      <c r="T7374" s="236">
        <f t="shared" si="1704"/>
        <v>33.98487966508236</v>
      </c>
    </row>
    <row r="7375" spans="2:20" x14ac:dyDescent="0.2">
      <c r="B7375" s="239">
        <v>73.475999999999999</v>
      </c>
      <c r="C7375" s="3">
        <f t="shared" si="1705"/>
        <v>73.468999999999994</v>
      </c>
      <c r="D7375" s="239">
        <v>24.6281</v>
      </c>
      <c r="E7375" s="239">
        <v>0.1212</v>
      </c>
      <c r="F7375" s="239">
        <v>0.67869999999999997</v>
      </c>
      <c r="G7375">
        <f t="shared" ref="G7375:G7438" si="1706">$D7375+($F7375*(1-$P$8))</f>
        <v>24.763839999999998</v>
      </c>
      <c r="H7375" s="235">
        <f t="shared" ref="H7375:H7438" si="1707">($E7375/$G7375)*100</f>
        <v>0.48942328814917235</v>
      </c>
      <c r="I7375" s="236">
        <f t="shared" ref="I7375:I7438" si="1708">((0.27*(LOG($H7375)))+(0.36*(LOG(($G7375*1000)/101)))+1.236)*10</f>
        <v>20.124336318347069</v>
      </c>
      <c r="J7375" s="237">
        <f t="shared" si="1699"/>
        <v>10.124336318347069</v>
      </c>
      <c r="K7375" s="237">
        <f t="shared" ref="K7375:K7438" si="1709">$I7375*$C7375</f>
        <v>1478.5148649726407</v>
      </c>
      <c r="L7375" s="237">
        <f t="shared" si="1700"/>
        <v>743.89573532686927</v>
      </c>
      <c r="M7375" s="236">
        <f t="shared" ref="M7375:M7438" si="1710">(($G7375*1000)-$K7375)/$L7375</f>
        <v>31.301866685383992</v>
      </c>
      <c r="N7375" s="236">
        <f t="shared" ref="N7375:N7438" si="1711">(($E7375*1000)/(($G7375*1000)-$K7375))*100</f>
        <v>0.52049949612978685</v>
      </c>
      <c r="O7375" s="236">
        <f t="shared" si="1701"/>
        <v>2.1852358890156087</v>
      </c>
      <c r="P7375" s="236" t="str">
        <f t="shared" si="1702"/>
        <v>SAND</v>
      </c>
      <c r="Q7375" s="236" t="e">
        <f t="shared" ref="Q7375:Q7438" si="1712">IF(P7375="CLAY",($G7375*1000 -$K7375)/$L$8,#N/A)</f>
        <v>#N/A</v>
      </c>
      <c r="R7375" s="238">
        <v>35</v>
      </c>
      <c r="S7375" s="236" t="e">
        <f t="shared" si="1703"/>
        <v>#N/A</v>
      </c>
      <c r="T7375" s="236">
        <f t="shared" si="1704"/>
        <v>34.051272611952569</v>
      </c>
    </row>
    <row r="7376" spans="2:20" x14ac:dyDescent="0.2">
      <c r="B7376" s="239">
        <v>73.486000000000004</v>
      </c>
      <c r="C7376" s="3">
        <f t="shared" si="1705"/>
        <v>73.478999999999999</v>
      </c>
      <c r="D7376" s="239">
        <v>24.8795</v>
      </c>
      <c r="E7376" s="239">
        <v>0.1216</v>
      </c>
      <c r="F7376" s="239">
        <v>0.67779999999999996</v>
      </c>
      <c r="G7376">
        <f t="shared" si="1706"/>
        <v>25.015060000000002</v>
      </c>
      <c r="H7376" s="235">
        <f t="shared" si="1707"/>
        <v>0.48610716904136947</v>
      </c>
      <c r="I7376" s="236">
        <f t="shared" si="1708"/>
        <v>20.132145100721552</v>
      </c>
      <c r="J7376" s="237">
        <f t="shared" ref="J7376:J7439" si="1713">$I7376-10</f>
        <v>10.132145100721552</v>
      </c>
      <c r="K7376" s="237">
        <f t="shared" si="1709"/>
        <v>1479.2898898559188</v>
      </c>
      <c r="L7376" s="237">
        <f t="shared" ref="L7376:L7439" si="1714">$J7376*$B7376</f>
        <v>744.57081487162395</v>
      </c>
      <c r="M7376" s="236">
        <f t="shared" si="1710"/>
        <v>31.60984776740414</v>
      </c>
      <c r="N7376" s="236">
        <f t="shared" si="1711"/>
        <v>0.51666038302944473</v>
      </c>
      <c r="O7376" s="236">
        <f t="shared" ref="O7376:O7439" si="1715">((3.47-LOG($M7376))^2+(LOG($N7376)+1.22)^2)^0.5</f>
        <v>2.1800164293525821</v>
      </c>
      <c r="P7376" s="236" t="str">
        <f t="shared" ref="P7376:P7439" si="1716">IF(O7376&lt;2.6,"SAND","CLAY")</f>
        <v>SAND</v>
      </c>
      <c r="Q7376" s="236" t="e">
        <f t="shared" si="1712"/>
        <v>#N/A</v>
      </c>
      <c r="R7376" s="238">
        <v>35</v>
      </c>
      <c r="S7376" s="236" t="e">
        <f t="shared" ref="S7376:S7439" si="1717">IF(P7376="SAND",#N/A,0.25*($M7376)^1.25)</f>
        <v>#N/A</v>
      </c>
      <c r="T7376" s="236">
        <f t="shared" si="1704"/>
        <v>34.098046447171441</v>
      </c>
    </row>
    <row r="7377" spans="2:20" x14ac:dyDescent="0.2">
      <c r="B7377" s="239">
        <v>73.494</v>
      </c>
      <c r="C7377" s="3">
        <f t="shared" si="1705"/>
        <v>73.486999999999995</v>
      </c>
      <c r="D7377" s="239">
        <v>25.150099999999998</v>
      </c>
      <c r="E7377" s="239">
        <v>0.12239999999999999</v>
      </c>
      <c r="F7377" s="239">
        <v>0.69230000000000003</v>
      </c>
      <c r="G7377">
        <f t="shared" si="1706"/>
        <v>25.288559999999997</v>
      </c>
      <c r="H7377" s="235">
        <f t="shared" si="1707"/>
        <v>0.4840133246021126</v>
      </c>
      <c r="I7377" s="236">
        <f t="shared" si="1708"/>
        <v>20.144084572584298</v>
      </c>
      <c r="J7377" s="237">
        <f t="shared" si="1713"/>
        <v>10.144084572584298</v>
      </c>
      <c r="K7377" s="237">
        <f t="shared" si="1709"/>
        <v>1480.3283429855021</v>
      </c>
      <c r="L7377" s="237">
        <f t="shared" si="1714"/>
        <v>745.5293515775104</v>
      </c>
      <c r="M7377" s="236">
        <f t="shared" si="1710"/>
        <v>31.934667101485978</v>
      </c>
      <c r="N7377" s="236">
        <f t="shared" si="1711"/>
        <v>0.51410790084419367</v>
      </c>
      <c r="O7377" s="236">
        <f t="shared" si="1715"/>
        <v>2.1750830805785553</v>
      </c>
      <c r="P7377" s="236" t="str">
        <f t="shared" si="1716"/>
        <v>SAND</v>
      </c>
      <c r="Q7377" s="236" t="e">
        <f t="shared" si="1712"/>
        <v>#N/A</v>
      </c>
      <c r="R7377" s="238">
        <v>35</v>
      </c>
      <c r="S7377" s="236" t="e">
        <f t="shared" si="1717"/>
        <v>#N/A</v>
      </c>
      <c r="T7377" s="236">
        <f t="shared" si="1704"/>
        <v>34.146886326024195</v>
      </c>
    </row>
    <row r="7378" spans="2:20" x14ac:dyDescent="0.2">
      <c r="B7378" s="239">
        <v>73.504000000000005</v>
      </c>
      <c r="C7378" s="3">
        <f t="shared" si="1705"/>
        <v>73.497</v>
      </c>
      <c r="D7378" s="239">
        <v>25.435500000000001</v>
      </c>
      <c r="E7378" s="239">
        <v>0.1216</v>
      </c>
      <c r="F7378" s="239">
        <v>0.67479999999999996</v>
      </c>
      <c r="G7378">
        <f t="shared" si="1706"/>
        <v>25.570460000000001</v>
      </c>
      <c r="H7378" s="235">
        <f t="shared" si="1707"/>
        <v>0.47554873866172143</v>
      </c>
      <c r="I7378" s="236">
        <f t="shared" si="1708"/>
        <v>20.140728393468301</v>
      </c>
      <c r="J7378" s="237">
        <f t="shared" si="1713"/>
        <v>10.140728393468301</v>
      </c>
      <c r="K7378" s="237">
        <f t="shared" si="1709"/>
        <v>1480.2831147347397</v>
      </c>
      <c r="L7378" s="237">
        <f t="shared" si="1714"/>
        <v>745.38409983349402</v>
      </c>
      <c r="M7378" s="236">
        <f t="shared" si="1710"/>
        <v>32.319145110080278</v>
      </c>
      <c r="N7378" s="236">
        <f t="shared" si="1711"/>
        <v>0.50477005868054281</v>
      </c>
      <c r="O7378" s="236">
        <f t="shared" si="1715"/>
        <v>2.1669839389078445</v>
      </c>
      <c r="P7378" s="236" t="str">
        <f t="shared" si="1716"/>
        <v>SAND</v>
      </c>
      <c r="Q7378" s="236" t="e">
        <f t="shared" si="1712"/>
        <v>#N/A</v>
      </c>
      <c r="R7378" s="238">
        <v>35</v>
      </c>
      <c r="S7378" s="236" t="e">
        <f t="shared" si="1717"/>
        <v>#N/A</v>
      </c>
      <c r="T7378" s="236">
        <f t="shared" si="1704"/>
        <v>34.204058509646103</v>
      </c>
    </row>
    <row r="7379" spans="2:20" x14ac:dyDescent="0.2">
      <c r="B7379" s="239">
        <v>73.512</v>
      </c>
      <c r="C7379" s="3">
        <f t="shared" si="1705"/>
        <v>73.504999999999995</v>
      </c>
      <c r="D7379" s="239">
        <v>25.741199999999999</v>
      </c>
      <c r="E7379" s="239">
        <v>0.12089999999999999</v>
      </c>
      <c r="F7379" s="239">
        <v>0.6825</v>
      </c>
      <c r="G7379">
        <f t="shared" si="1706"/>
        <v>25.877700000000001</v>
      </c>
      <c r="H7379" s="235">
        <f t="shared" si="1707"/>
        <v>0.46719762575499368</v>
      </c>
      <c r="I7379" s="236">
        <f t="shared" si="1708"/>
        <v>20.138627173113797</v>
      </c>
      <c r="J7379" s="237">
        <f t="shared" si="1713"/>
        <v>10.138627173113797</v>
      </c>
      <c r="K7379" s="237">
        <f t="shared" si="1709"/>
        <v>1480.2897903597295</v>
      </c>
      <c r="L7379" s="237">
        <f t="shared" si="1714"/>
        <v>745.31076074994144</v>
      </c>
      <c r="M7379" s="236">
        <f t="shared" si="1710"/>
        <v>32.734547110377527</v>
      </c>
      <c r="N7379" s="236">
        <f t="shared" si="1711"/>
        <v>0.49554439984055426</v>
      </c>
      <c r="O7379" s="236">
        <f t="shared" si="1715"/>
        <v>2.158558856721418</v>
      </c>
      <c r="P7379" s="236" t="str">
        <f t="shared" si="1716"/>
        <v>SAND</v>
      </c>
      <c r="Q7379" s="236" t="e">
        <f t="shared" si="1712"/>
        <v>#N/A</v>
      </c>
      <c r="R7379" s="238">
        <v>35</v>
      </c>
      <c r="S7379" s="236" t="e">
        <f t="shared" si="1717"/>
        <v>#N/A</v>
      </c>
      <c r="T7379" s="236">
        <f t="shared" si="1704"/>
        <v>34.265069704144267</v>
      </c>
    </row>
    <row r="7380" spans="2:20" x14ac:dyDescent="0.2">
      <c r="B7380" s="239">
        <v>73.522000000000006</v>
      </c>
      <c r="C7380" s="3">
        <f t="shared" si="1705"/>
        <v>73.515000000000001</v>
      </c>
      <c r="D7380" s="239">
        <v>25.991599999999998</v>
      </c>
      <c r="E7380" s="239">
        <v>0.1198</v>
      </c>
      <c r="F7380" s="239">
        <v>0.67659999999999998</v>
      </c>
      <c r="G7380">
        <f t="shared" si="1706"/>
        <v>26.126919999999998</v>
      </c>
      <c r="H7380" s="235">
        <f t="shared" si="1707"/>
        <v>0.45853089457157609</v>
      </c>
      <c r="I7380" s="236">
        <f t="shared" si="1708"/>
        <v>20.131655857052788</v>
      </c>
      <c r="J7380" s="237">
        <f t="shared" si="1713"/>
        <v>10.131655857052788</v>
      </c>
      <c r="K7380" s="237">
        <f t="shared" si="1709"/>
        <v>1479.9786803312356</v>
      </c>
      <c r="L7380" s="237">
        <f t="shared" si="1714"/>
        <v>744.89960192223509</v>
      </c>
      <c r="M7380" s="236">
        <f t="shared" si="1710"/>
        <v>33.087601679564088</v>
      </c>
      <c r="N7380" s="236">
        <f t="shared" si="1711"/>
        <v>0.48606436979828055</v>
      </c>
      <c r="O7380" s="236">
        <f t="shared" si="1715"/>
        <v>2.1507903450951882</v>
      </c>
      <c r="P7380" s="236" t="str">
        <f t="shared" si="1716"/>
        <v>SAND</v>
      </c>
      <c r="Q7380" s="236" t="e">
        <f t="shared" si="1712"/>
        <v>#N/A</v>
      </c>
      <c r="R7380" s="238">
        <v>35</v>
      </c>
      <c r="S7380" s="236" t="e">
        <f t="shared" si="1717"/>
        <v>#N/A</v>
      </c>
      <c r="T7380" s="236">
        <f t="shared" si="1704"/>
        <v>34.316318178079335</v>
      </c>
    </row>
    <row r="7381" spans="2:20" x14ac:dyDescent="0.2">
      <c r="B7381" s="239">
        <v>73.531000000000006</v>
      </c>
      <c r="C7381" s="3">
        <f t="shared" si="1705"/>
        <v>73.524000000000001</v>
      </c>
      <c r="D7381" s="239">
        <v>26.202100000000002</v>
      </c>
      <c r="E7381" s="239">
        <v>0.11890000000000001</v>
      </c>
      <c r="F7381" s="239">
        <v>0.67859999999999998</v>
      </c>
      <c r="G7381">
        <f t="shared" si="1706"/>
        <v>26.337820000000001</v>
      </c>
      <c r="H7381" s="235">
        <f t="shared" si="1707"/>
        <v>0.45144207075604587</v>
      </c>
      <c r="I7381" s="236">
        <f t="shared" si="1708"/>
        <v>20.125955904579527</v>
      </c>
      <c r="J7381" s="237">
        <f t="shared" si="1713"/>
        <v>10.125955904579527</v>
      </c>
      <c r="K7381" s="237">
        <f t="shared" si="1709"/>
        <v>1479.7407819283051</v>
      </c>
      <c r="L7381" s="237">
        <f t="shared" si="1714"/>
        <v>744.57166361963732</v>
      </c>
      <c r="M7381" s="236">
        <f t="shared" si="1710"/>
        <v>33.385744358343437</v>
      </c>
      <c r="N7381" s="236">
        <f t="shared" si="1711"/>
        <v>0.47831531534246752</v>
      </c>
      <c r="O7381" s="236">
        <f t="shared" si="1715"/>
        <v>2.1443204824185433</v>
      </c>
      <c r="P7381" s="236" t="str">
        <f t="shared" si="1716"/>
        <v>SAND</v>
      </c>
      <c r="Q7381" s="236" t="e">
        <f t="shared" si="1712"/>
        <v>#N/A</v>
      </c>
      <c r="R7381" s="238">
        <v>35</v>
      </c>
      <c r="S7381" s="236" t="e">
        <f t="shared" si="1717"/>
        <v>#N/A</v>
      </c>
      <c r="T7381" s="236">
        <f t="shared" si="1704"/>
        <v>34.359171699317997</v>
      </c>
    </row>
    <row r="7382" spans="2:20" x14ac:dyDescent="0.2">
      <c r="B7382" s="239">
        <v>73.540999999999997</v>
      </c>
      <c r="C7382" s="3">
        <f t="shared" si="1705"/>
        <v>73.533999999999992</v>
      </c>
      <c r="D7382" s="239">
        <v>26.3687</v>
      </c>
      <c r="E7382" s="239">
        <v>0.1192</v>
      </c>
      <c r="F7382" s="239">
        <v>0.67020000000000002</v>
      </c>
      <c r="G7382">
        <f t="shared" si="1706"/>
        <v>26.502739999999999</v>
      </c>
      <c r="H7382" s="235">
        <f t="shared" si="1707"/>
        <v>0.44976481676988866</v>
      </c>
      <c r="I7382" s="236">
        <f t="shared" si="1708"/>
        <v>20.131350642397344</v>
      </c>
      <c r="J7382" s="237">
        <f t="shared" si="1713"/>
        <v>10.131350642397344</v>
      </c>
      <c r="K7382" s="237">
        <f t="shared" si="1709"/>
        <v>1480.3387381380462</v>
      </c>
      <c r="L7382" s="237">
        <f t="shared" si="1714"/>
        <v>745.06965759254297</v>
      </c>
      <c r="M7382" s="236">
        <f t="shared" si="1710"/>
        <v>33.583975681836151</v>
      </c>
      <c r="N7382" s="236">
        <f t="shared" si="1711"/>
        <v>0.47637314561684141</v>
      </c>
      <c r="O7382" s="236">
        <f t="shared" si="1715"/>
        <v>2.1412453591784932</v>
      </c>
      <c r="P7382" s="236" t="str">
        <f t="shared" si="1716"/>
        <v>SAND</v>
      </c>
      <c r="Q7382" s="236" t="e">
        <f t="shared" si="1712"/>
        <v>#N/A</v>
      </c>
      <c r="R7382" s="238">
        <v>35</v>
      </c>
      <c r="S7382" s="236" t="e">
        <f t="shared" si="1717"/>
        <v>#N/A</v>
      </c>
      <c r="T7382" s="236">
        <f t="shared" si="1704"/>
        <v>34.387453174422845</v>
      </c>
    </row>
    <row r="7383" spans="2:20" x14ac:dyDescent="0.2">
      <c r="B7383" s="239">
        <v>73.55</v>
      </c>
      <c r="C7383" s="3">
        <f t="shared" si="1705"/>
        <v>73.542999999999992</v>
      </c>
      <c r="D7383" s="239">
        <v>26.453299999999999</v>
      </c>
      <c r="E7383" s="239">
        <v>0.1177</v>
      </c>
      <c r="F7383" s="239">
        <v>0.67079999999999995</v>
      </c>
      <c r="G7383">
        <f t="shared" si="1706"/>
        <v>26.58746</v>
      </c>
      <c r="H7383" s="235">
        <f t="shared" si="1707"/>
        <v>0.44268989967450817</v>
      </c>
      <c r="I7383" s="236">
        <f t="shared" si="1708"/>
        <v>20.11774866863572</v>
      </c>
      <c r="J7383" s="237">
        <f t="shared" si="1713"/>
        <v>10.11774866863572</v>
      </c>
      <c r="K7383" s="237">
        <f t="shared" si="1709"/>
        <v>1479.5195903374765</v>
      </c>
      <c r="L7383" s="237">
        <f t="shared" si="1714"/>
        <v>744.1604145781572</v>
      </c>
      <c r="M7383" s="236">
        <f t="shared" si="1710"/>
        <v>33.739957027807613</v>
      </c>
      <c r="N7383" s="236">
        <f t="shared" si="1711"/>
        <v>0.46877600503904504</v>
      </c>
      <c r="O7383" s="236">
        <f t="shared" si="1715"/>
        <v>2.1364975970659641</v>
      </c>
      <c r="P7383" s="236" t="str">
        <f t="shared" si="1716"/>
        <v>SAND</v>
      </c>
      <c r="Q7383" s="236" t="e">
        <f t="shared" si="1712"/>
        <v>#N/A</v>
      </c>
      <c r="R7383" s="238">
        <v>35</v>
      </c>
      <c r="S7383" s="236" t="e">
        <f t="shared" si="1717"/>
        <v>#N/A</v>
      </c>
      <c r="T7383" s="236">
        <f t="shared" si="1704"/>
        <v>34.409589776356874</v>
      </c>
    </row>
    <row r="7384" spans="2:20" x14ac:dyDescent="0.2">
      <c r="B7384" s="239">
        <v>73.56</v>
      </c>
      <c r="C7384" s="3">
        <f t="shared" si="1705"/>
        <v>73.552999999999997</v>
      </c>
      <c r="D7384" s="239">
        <v>26.540099999999999</v>
      </c>
      <c r="E7384" s="239">
        <v>0.1174</v>
      </c>
      <c r="F7384" s="239">
        <v>0.6714</v>
      </c>
      <c r="G7384">
        <f t="shared" si="1706"/>
        <v>26.674379999999999</v>
      </c>
      <c r="H7384" s="235">
        <f t="shared" si="1707"/>
        <v>0.44012269451061281</v>
      </c>
      <c r="I7384" s="236">
        <f t="shared" si="1708"/>
        <v>20.116031816452029</v>
      </c>
      <c r="J7384" s="237">
        <f t="shared" si="1713"/>
        <v>10.116031816452029</v>
      </c>
      <c r="K7384" s="237">
        <f t="shared" si="1709"/>
        <v>1479.5944881954961</v>
      </c>
      <c r="L7384" s="237">
        <f t="shared" si="1714"/>
        <v>744.13530041821127</v>
      </c>
      <c r="M7384" s="236">
        <f t="shared" si="1710"/>
        <v>33.857801797125859</v>
      </c>
      <c r="N7384" s="236">
        <f t="shared" si="1711"/>
        <v>0.46596943619541681</v>
      </c>
      <c r="O7384" s="236">
        <f t="shared" si="1715"/>
        <v>2.1340344561874374</v>
      </c>
      <c r="P7384" s="236" t="str">
        <f t="shared" si="1716"/>
        <v>SAND</v>
      </c>
      <c r="Q7384" s="236" t="e">
        <f t="shared" si="1712"/>
        <v>#N/A</v>
      </c>
      <c r="R7384" s="238">
        <v>35</v>
      </c>
      <c r="S7384" s="236" t="e">
        <f t="shared" si="1717"/>
        <v>#N/A</v>
      </c>
      <c r="T7384" s="236">
        <f t="shared" si="1704"/>
        <v>34.426246341411954</v>
      </c>
    </row>
    <row r="7385" spans="2:20" x14ac:dyDescent="0.2">
      <c r="B7385" s="239">
        <v>73.569999999999993</v>
      </c>
      <c r="C7385" s="3">
        <f t="shared" si="1705"/>
        <v>73.562999999999988</v>
      </c>
      <c r="D7385" s="239">
        <v>26.571999999999999</v>
      </c>
      <c r="E7385" s="239">
        <v>0.1183</v>
      </c>
      <c r="F7385" s="239">
        <v>0.67549999999999999</v>
      </c>
      <c r="G7385">
        <f t="shared" si="1706"/>
        <v>26.707100000000001</v>
      </c>
      <c r="H7385" s="235">
        <f t="shared" si="1707"/>
        <v>0.44295337194978113</v>
      </c>
      <c r="I7385" s="236">
        <f t="shared" si="1708"/>
        <v>20.125465924181867</v>
      </c>
      <c r="J7385" s="237">
        <f t="shared" si="1713"/>
        <v>10.125465924181867</v>
      </c>
      <c r="K7385" s="237">
        <f t="shared" si="1709"/>
        <v>1480.4896497805905</v>
      </c>
      <c r="L7385" s="237">
        <f t="shared" si="1714"/>
        <v>744.9305280420599</v>
      </c>
      <c r="M7385" s="236">
        <f t="shared" si="1710"/>
        <v>33.864379832202395</v>
      </c>
      <c r="N7385" s="236">
        <f t="shared" si="1711"/>
        <v>0.46894924985025216</v>
      </c>
      <c r="O7385" s="236">
        <f t="shared" si="1715"/>
        <v>2.1351117083256757</v>
      </c>
      <c r="P7385" s="236" t="str">
        <f t="shared" si="1716"/>
        <v>SAND</v>
      </c>
      <c r="Q7385" s="236" t="e">
        <f t="shared" si="1712"/>
        <v>#N/A</v>
      </c>
      <c r="R7385" s="238">
        <v>35</v>
      </c>
      <c r="S7385" s="236" t="e">
        <f t="shared" si="1717"/>
        <v>#N/A</v>
      </c>
      <c r="T7385" s="236">
        <f t="shared" si="1704"/>
        <v>34.427174393256507</v>
      </c>
    </row>
    <row r="7386" spans="2:20" x14ac:dyDescent="0.2">
      <c r="B7386" s="239">
        <v>73.578999999999994</v>
      </c>
      <c r="C7386" s="3">
        <f t="shared" si="1705"/>
        <v>73.571999999999989</v>
      </c>
      <c r="D7386" s="239">
        <v>26.548500000000001</v>
      </c>
      <c r="E7386" s="239">
        <v>0.1174</v>
      </c>
      <c r="F7386" s="239">
        <v>0.67359999999999998</v>
      </c>
      <c r="G7386">
        <f t="shared" si="1706"/>
        <v>26.683220000000002</v>
      </c>
      <c r="H7386" s="235">
        <f t="shared" si="1707"/>
        <v>0.43997688434904036</v>
      </c>
      <c r="I7386" s="236">
        <f t="shared" si="1708"/>
        <v>20.116161329283557</v>
      </c>
      <c r="J7386" s="237">
        <f t="shared" si="1713"/>
        <v>10.116161329283557</v>
      </c>
      <c r="K7386" s="237">
        <f t="shared" si="1709"/>
        <v>1479.9862213180495</v>
      </c>
      <c r="L7386" s="237">
        <f t="shared" si="1714"/>
        <v>744.33703444735477</v>
      </c>
      <c r="M7386" s="236">
        <f t="shared" si="1710"/>
        <v>33.859975538358782</v>
      </c>
      <c r="N7386" s="236">
        <f t="shared" si="1711"/>
        <v>0.46581324059812629</v>
      </c>
      <c r="O7386" s="236">
        <f t="shared" si="1715"/>
        <v>2.1339484970795493</v>
      </c>
      <c r="P7386" s="236" t="str">
        <f t="shared" si="1716"/>
        <v>SAND</v>
      </c>
      <c r="Q7386" s="236" t="e">
        <f t="shared" si="1712"/>
        <v>#N/A</v>
      </c>
      <c r="R7386" s="238">
        <v>35</v>
      </c>
      <c r="S7386" s="236" t="e">
        <f t="shared" si="1717"/>
        <v>#N/A</v>
      </c>
      <c r="T7386" s="236">
        <f t="shared" si="1704"/>
        <v>34.426553040257076</v>
      </c>
    </row>
    <row r="7387" spans="2:20" x14ac:dyDescent="0.2">
      <c r="B7387" s="239">
        <v>73.588999999999999</v>
      </c>
      <c r="C7387" s="3">
        <f t="shared" si="1705"/>
        <v>73.581999999999994</v>
      </c>
      <c r="D7387" s="239">
        <v>26.4466</v>
      </c>
      <c r="E7387" s="239">
        <v>0.1152</v>
      </c>
      <c r="F7387" s="239">
        <v>0.66849999999999998</v>
      </c>
      <c r="G7387">
        <f t="shared" si="1706"/>
        <v>26.580300000000001</v>
      </c>
      <c r="H7387" s="235">
        <f t="shared" si="1707"/>
        <v>0.43340368618864339</v>
      </c>
      <c r="I7387" s="236">
        <f t="shared" si="1708"/>
        <v>20.092468638408285</v>
      </c>
      <c r="J7387" s="237">
        <f t="shared" si="1713"/>
        <v>10.092468638408285</v>
      </c>
      <c r="K7387" s="237">
        <f t="shared" si="1709"/>
        <v>1478.4440273513583</v>
      </c>
      <c r="L7387" s="237">
        <f t="shared" si="1714"/>
        <v>742.6946746318273</v>
      </c>
      <c r="M7387" s="236">
        <f t="shared" si="1710"/>
        <v>33.798351906982873</v>
      </c>
      <c r="N7387" s="236">
        <f t="shared" si="1711"/>
        <v>0.45893020868864692</v>
      </c>
      <c r="O7387" s="236">
        <f t="shared" si="1715"/>
        <v>2.1319858667207252</v>
      </c>
      <c r="P7387" s="236" t="str">
        <f t="shared" si="1716"/>
        <v>SAND</v>
      </c>
      <c r="Q7387" s="236" t="e">
        <f t="shared" si="1712"/>
        <v>#N/A</v>
      </c>
      <c r="R7387" s="238">
        <v>35</v>
      </c>
      <c r="S7387" s="236" t="e">
        <f t="shared" si="1717"/>
        <v>#N/A</v>
      </c>
      <c r="T7387" s="236">
        <f t="shared" si="1704"/>
        <v>34.417850758477528</v>
      </c>
    </row>
    <row r="7388" spans="2:20" x14ac:dyDescent="0.2">
      <c r="B7388" s="239">
        <v>73.599000000000004</v>
      </c>
      <c r="C7388" s="3">
        <f t="shared" si="1705"/>
        <v>73.591999999999999</v>
      </c>
      <c r="D7388" s="239">
        <v>26.236000000000001</v>
      </c>
      <c r="E7388" s="239">
        <v>0.1125</v>
      </c>
      <c r="F7388" s="239">
        <v>0.68330000000000002</v>
      </c>
      <c r="G7388">
        <f t="shared" si="1706"/>
        <v>26.37266</v>
      </c>
      <c r="H7388" s="235">
        <f t="shared" si="1707"/>
        <v>0.42657813053366628</v>
      </c>
      <c r="I7388" s="236">
        <f t="shared" si="1708"/>
        <v>20.061593407233204</v>
      </c>
      <c r="J7388" s="237">
        <f t="shared" si="1713"/>
        <v>10.061593407233204</v>
      </c>
      <c r="K7388" s="237">
        <f t="shared" si="1709"/>
        <v>1476.3727820251058</v>
      </c>
      <c r="L7388" s="237">
        <f t="shared" si="1714"/>
        <v>740.52321317895655</v>
      </c>
      <c r="M7388" s="236">
        <f t="shared" si="1710"/>
        <v>33.61986062678416</v>
      </c>
      <c r="N7388" s="236">
        <f t="shared" si="1711"/>
        <v>0.451874606904342</v>
      </c>
      <c r="O7388" s="236">
        <f t="shared" si="1715"/>
        <v>2.1313084834951828</v>
      </c>
      <c r="P7388" s="236" t="str">
        <f t="shared" si="1716"/>
        <v>SAND</v>
      </c>
      <c r="Q7388" s="236" t="e">
        <f t="shared" si="1712"/>
        <v>#N/A</v>
      </c>
      <c r="R7388" s="238">
        <v>35</v>
      </c>
      <c r="S7388" s="236" t="e">
        <f t="shared" si="1717"/>
        <v>#N/A</v>
      </c>
      <c r="T7388" s="236">
        <f t="shared" si="1704"/>
        <v>34.392554995837429</v>
      </c>
    </row>
    <row r="7389" spans="2:20" x14ac:dyDescent="0.2">
      <c r="B7389" s="239">
        <v>73.608999999999995</v>
      </c>
      <c r="C7389" s="3">
        <f t="shared" si="1705"/>
        <v>73.60199999999999</v>
      </c>
      <c r="D7389" s="239">
        <v>26.034199999999998</v>
      </c>
      <c r="E7389" s="239">
        <v>0.1115</v>
      </c>
      <c r="F7389" s="239">
        <v>0.67210000000000003</v>
      </c>
      <c r="G7389">
        <f t="shared" si="1706"/>
        <v>26.168619999999997</v>
      </c>
      <c r="H7389" s="235">
        <f t="shared" si="1707"/>
        <v>0.42608284273301389</v>
      </c>
      <c r="I7389" s="236">
        <f t="shared" si="1708"/>
        <v>20.048087935004084</v>
      </c>
      <c r="J7389" s="237">
        <f t="shared" si="1713"/>
        <v>10.048087935004084</v>
      </c>
      <c r="K7389" s="237">
        <f t="shared" si="1709"/>
        <v>1475.5793681921703</v>
      </c>
      <c r="L7389" s="237">
        <f t="shared" si="1714"/>
        <v>739.6297048077156</v>
      </c>
      <c r="M7389" s="236">
        <f t="shared" si="1710"/>
        <v>33.385679984590894</v>
      </c>
      <c r="N7389" s="236">
        <f t="shared" si="1711"/>
        <v>0.45154422925289167</v>
      </c>
      <c r="O7389" s="236">
        <f t="shared" si="1715"/>
        <v>2.1339466726160605</v>
      </c>
      <c r="P7389" s="236" t="str">
        <f t="shared" si="1716"/>
        <v>SAND</v>
      </c>
      <c r="Q7389" s="236" t="e">
        <f t="shared" si="1712"/>
        <v>#N/A</v>
      </c>
      <c r="R7389" s="238">
        <v>35</v>
      </c>
      <c r="S7389" s="236" t="e">
        <f t="shared" si="1717"/>
        <v>#N/A</v>
      </c>
      <c r="T7389" s="236">
        <f t="shared" si="1704"/>
        <v>34.35916248792784</v>
      </c>
    </row>
    <row r="7390" spans="2:20" x14ac:dyDescent="0.2">
      <c r="B7390" s="239">
        <v>73.619</v>
      </c>
      <c r="C7390" s="3">
        <f t="shared" si="1705"/>
        <v>73.611999999999995</v>
      </c>
      <c r="D7390" s="239">
        <v>25.632000000000001</v>
      </c>
      <c r="E7390" s="239">
        <v>0.1101</v>
      </c>
      <c r="F7390" s="239">
        <v>0.66590000000000005</v>
      </c>
      <c r="G7390">
        <f t="shared" si="1706"/>
        <v>25.765180000000001</v>
      </c>
      <c r="H7390" s="235">
        <f t="shared" si="1707"/>
        <v>0.42732090363816588</v>
      </c>
      <c r="I7390" s="236">
        <f t="shared" si="1708"/>
        <v>20.027198678383812</v>
      </c>
      <c r="J7390" s="237">
        <f t="shared" si="1713"/>
        <v>10.027198678383812</v>
      </c>
      <c r="K7390" s="237">
        <f t="shared" si="1709"/>
        <v>1474.242149113189</v>
      </c>
      <c r="L7390" s="237">
        <f t="shared" si="1714"/>
        <v>738.19233950393777</v>
      </c>
      <c r="M7390" s="236">
        <f t="shared" si="1710"/>
        <v>32.905973891858892</v>
      </c>
      <c r="N7390" s="236">
        <f t="shared" si="1711"/>
        <v>0.45325545137805573</v>
      </c>
      <c r="O7390" s="236">
        <f t="shared" si="1715"/>
        <v>2.1403534810104072</v>
      </c>
      <c r="P7390" s="236" t="str">
        <f t="shared" si="1716"/>
        <v>SAND</v>
      </c>
      <c r="Q7390" s="236" t="e">
        <f t="shared" si="1712"/>
        <v>#N/A</v>
      </c>
      <c r="R7390" s="238">
        <v>35</v>
      </c>
      <c r="S7390" s="236" t="e">
        <f t="shared" si="1717"/>
        <v>#N/A</v>
      </c>
      <c r="T7390" s="236">
        <f t="shared" si="1704"/>
        <v>34.290022236729079</v>
      </c>
    </row>
    <row r="7391" spans="2:20" x14ac:dyDescent="0.2">
      <c r="B7391" s="239">
        <v>73.629000000000005</v>
      </c>
      <c r="C7391" s="3">
        <f t="shared" si="1705"/>
        <v>73.622</v>
      </c>
      <c r="D7391" s="239">
        <v>25.091699999999999</v>
      </c>
      <c r="E7391" s="239">
        <v>0.11</v>
      </c>
      <c r="F7391" s="239">
        <v>0.66800000000000004</v>
      </c>
      <c r="G7391">
        <f t="shared" si="1706"/>
        <v>25.225300000000001</v>
      </c>
      <c r="H7391" s="235">
        <f t="shared" si="1707"/>
        <v>0.4360701359349542</v>
      </c>
      <c r="I7391" s="236">
        <f t="shared" si="1708"/>
        <v>20.017856010243619</v>
      </c>
      <c r="J7391" s="237">
        <f t="shared" si="1713"/>
        <v>10.017856010243619</v>
      </c>
      <c r="K7391" s="237">
        <f t="shared" si="1709"/>
        <v>1473.7545951861557</v>
      </c>
      <c r="L7391" s="237">
        <f t="shared" si="1714"/>
        <v>737.60472017822747</v>
      </c>
      <c r="M7391" s="236">
        <f t="shared" si="1710"/>
        <v>32.20091297554977</v>
      </c>
      <c r="N7391" s="236">
        <f t="shared" si="1711"/>
        <v>0.46312775916343435</v>
      </c>
      <c r="O7391" s="236">
        <f t="shared" si="1715"/>
        <v>2.1527719777813781</v>
      </c>
      <c r="P7391" s="236" t="str">
        <f t="shared" si="1716"/>
        <v>SAND</v>
      </c>
      <c r="Q7391" s="236" t="e">
        <f t="shared" si="1712"/>
        <v>#N/A</v>
      </c>
      <c r="R7391" s="238">
        <v>35</v>
      </c>
      <c r="S7391" s="236" t="e">
        <f t="shared" si="1717"/>
        <v>#N/A</v>
      </c>
      <c r="T7391" s="236">
        <f t="shared" si="1704"/>
        <v>34.186550037127645</v>
      </c>
    </row>
    <row r="7392" spans="2:20" x14ac:dyDescent="0.2">
      <c r="B7392" s="239">
        <v>73.638000000000005</v>
      </c>
      <c r="C7392" s="3">
        <f t="shared" si="1705"/>
        <v>73.631</v>
      </c>
      <c r="D7392" s="239">
        <v>24.326899999999998</v>
      </c>
      <c r="E7392" s="239">
        <v>0.112</v>
      </c>
      <c r="F7392" s="239">
        <v>0.67010000000000003</v>
      </c>
      <c r="G7392">
        <f t="shared" si="1706"/>
        <v>24.460919999999998</v>
      </c>
      <c r="H7392" s="235">
        <f t="shared" si="1707"/>
        <v>0.45787321163717476</v>
      </c>
      <c r="I7392" s="236">
        <f t="shared" si="1708"/>
        <v>20.026957224128861</v>
      </c>
      <c r="J7392" s="237">
        <f t="shared" si="1713"/>
        <v>10.026957224128861</v>
      </c>
      <c r="K7392" s="237">
        <f t="shared" si="1709"/>
        <v>1474.6048873698321</v>
      </c>
      <c r="L7392" s="237">
        <f t="shared" si="1714"/>
        <v>738.36507607040107</v>
      </c>
      <c r="M7392" s="236">
        <f t="shared" si="1710"/>
        <v>31.131368285948678</v>
      </c>
      <c r="N7392" s="236">
        <f t="shared" si="1711"/>
        <v>0.48724643097953518</v>
      </c>
      <c r="O7392" s="236">
        <f t="shared" si="1715"/>
        <v>2.1752592861210265</v>
      </c>
      <c r="P7392" s="236" t="str">
        <f t="shared" si="1716"/>
        <v>SAND</v>
      </c>
      <c r="Q7392" s="236" t="e">
        <f t="shared" si="1712"/>
        <v>#N/A</v>
      </c>
      <c r="R7392" s="238">
        <v>35</v>
      </c>
      <c r="S7392" s="236" t="e">
        <f t="shared" si="1717"/>
        <v>#N/A</v>
      </c>
      <c r="T7392" s="236">
        <f t="shared" si="1704"/>
        <v>34.025180301351483</v>
      </c>
    </row>
    <row r="7393" spans="2:20" x14ac:dyDescent="0.2">
      <c r="B7393" s="239">
        <v>73.647999999999996</v>
      </c>
      <c r="C7393" s="3">
        <f t="shared" si="1705"/>
        <v>73.640999999999991</v>
      </c>
      <c r="D7393" s="239">
        <v>23.220600000000001</v>
      </c>
      <c r="E7393" s="239">
        <v>0.1163</v>
      </c>
      <c r="F7393" s="239">
        <v>0.68089999999999995</v>
      </c>
      <c r="G7393">
        <f t="shared" si="1706"/>
        <v>23.356780000000001</v>
      </c>
      <c r="H7393" s="235">
        <f t="shared" si="1707"/>
        <v>0.49792822469535614</v>
      </c>
      <c r="I7393" s="236">
        <f t="shared" si="1708"/>
        <v>20.053079957231933</v>
      </c>
      <c r="J7393" s="237">
        <f t="shared" si="1713"/>
        <v>10.053079957231933</v>
      </c>
      <c r="K7393" s="237">
        <f t="shared" si="1709"/>
        <v>1476.7288611305166</v>
      </c>
      <c r="L7393" s="237">
        <f t="shared" si="1714"/>
        <v>740.38923269021734</v>
      </c>
      <c r="M7393" s="236">
        <f t="shared" si="1710"/>
        <v>29.552092565376636</v>
      </c>
      <c r="N7393" s="236">
        <f t="shared" si="1711"/>
        <v>0.53153440666962293</v>
      </c>
      <c r="O7393" s="236">
        <f t="shared" si="1715"/>
        <v>2.2117135860424941</v>
      </c>
      <c r="P7393" s="236" t="str">
        <f t="shared" si="1716"/>
        <v>SAND</v>
      </c>
      <c r="Q7393" s="236" t="e">
        <f t="shared" si="1712"/>
        <v>#N/A</v>
      </c>
      <c r="R7393" s="238">
        <v>35</v>
      </c>
      <c r="S7393" s="236" t="e">
        <f t="shared" si="1717"/>
        <v>#N/A</v>
      </c>
      <c r="T7393" s="236">
        <f t="shared" si="1704"/>
        <v>33.776470622723998</v>
      </c>
    </row>
    <row r="7394" spans="2:20" x14ac:dyDescent="0.2">
      <c r="B7394" s="239">
        <v>73.658000000000001</v>
      </c>
      <c r="C7394" s="3">
        <f t="shared" si="1705"/>
        <v>73.650999999999996</v>
      </c>
      <c r="D7394" s="239">
        <v>22.4404</v>
      </c>
      <c r="E7394" s="239">
        <v>0.11559999999999999</v>
      </c>
      <c r="F7394" s="239">
        <v>0.67179999999999995</v>
      </c>
      <c r="G7394">
        <f t="shared" si="1706"/>
        <v>22.574760000000001</v>
      </c>
      <c r="H7394" s="235">
        <f t="shared" si="1707"/>
        <v>0.51207631886230454</v>
      </c>
      <c r="I7394" s="236">
        <f t="shared" si="1708"/>
        <v>20.032690034099794</v>
      </c>
      <c r="J7394" s="237">
        <f t="shared" si="1713"/>
        <v>10.032690034099794</v>
      </c>
      <c r="K7394" s="237">
        <f t="shared" si="1709"/>
        <v>1475.4276537014839</v>
      </c>
      <c r="L7394" s="237">
        <f t="shared" si="1714"/>
        <v>738.98788253172268</v>
      </c>
      <c r="M7394" s="236">
        <f t="shared" si="1710"/>
        <v>28.551662138239163</v>
      </c>
      <c r="N7394" s="236">
        <f t="shared" si="1711"/>
        <v>0.54788463493860196</v>
      </c>
      <c r="O7394" s="236">
        <f t="shared" si="1715"/>
        <v>2.2308665814946851</v>
      </c>
      <c r="P7394" s="236" t="str">
        <f t="shared" si="1716"/>
        <v>SAND</v>
      </c>
      <c r="Q7394" s="236" t="e">
        <f t="shared" si="1712"/>
        <v>#N/A</v>
      </c>
      <c r="R7394" s="238">
        <v>35</v>
      </c>
      <c r="S7394" s="236" t="e">
        <f t="shared" si="1717"/>
        <v>#N/A</v>
      </c>
      <c r="T7394" s="236">
        <f t="shared" si="1704"/>
        <v>33.611945354021856</v>
      </c>
    </row>
    <row r="7395" spans="2:20" x14ac:dyDescent="0.2">
      <c r="B7395" s="239">
        <v>73.668999999999997</v>
      </c>
      <c r="C7395" s="3">
        <f t="shared" si="1705"/>
        <v>73.661999999999992</v>
      </c>
      <c r="D7395" s="239">
        <v>21.426100000000002</v>
      </c>
      <c r="E7395" s="239">
        <v>0.1183</v>
      </c>
      <c r="F7395" s="239">
        <v>0.68069999999999997</v>
      </c>
      <c r="G7395">
        <f t="shared" si="1706"/>
        <v>21.562240000000003</v>
      </c>
      <c r="H7395" s="235">
        <f t="shared" si="1707"/>
        <v>0.5486442966964471</v>
      </c>
      <c r="I7395" s="236">
        <f t="shared" si="1708"/>
        <v>20.041826352985851</v>
      </c>
      <c r="J7395" s="237">
        <f t="shared" si="1713"/>
        <v>10.041826352985851</v>
      </c>
      <c r="K7395" s="237">
        <f t="shared" si="1709"/>
        <v>1476.3210128136436</v>
      </c>
      <c r="L7395" s="237">
        <f t="shared" si="1714"/>
        <v>739.77130559811462</v>
      </c>
      <c r="M7395" s="236">
        <f t="shared" si="1710"/>
        <v>27.151524849894837</v>
      </c>
      <c r="N7395" s="236">
        <f t="shared" si="1711"/>
        <v>0.58896981549845184</v>
      </c>
      <c r="O7395" s="236">
        <f t="shared" si="1715"/>
        <v>2.2641594869238735</v>
      </c>
      <c r="P7395" s="236" t="str">
        <f t="shared" si="1716"/>
        <v>SAND</v>
      </c>
      <c r="Q7395" s="236" t="e">
        <f t="shared" si="1712"/>
        <v>#N/A</v>
      </c>
      <c r="R7395" s="238">
        <v>35</v>
      </c>
      <c r="S7395" s="236" t="e">
        <f t="shared" si="1717"/>
        <v>#N/A</v>
      </c>
      <c r="T7395" s="236">
        <f t="shared" si="1704"/>
        <v>33.371736474031287</v>
      </c>
    </row>
    <row r="7396" spans="2:20" x14ac:dyDescent="0.2">
      <c r="B7396" s="239">
        <v>73.677999999999997</v>
      </c>
      <c r="C7396" s="3">
        <f t="shared" si="1705"/>
        <v>73.670999999999992</v>
      </c>
      <c r="D7396" s="239">
        <v>20.385999999999999</v>
      </c>
      <c r="E7396" s="239">
        <v>0.1226</v>
      </c>
      <c r="F7396" s="239">
        <v>0.67379999999999995</v>
      </c>
      <c r="G7396">
        <f t="shared" si="1706"/>
        <v>20.520759999999999</v>
      </c>
      <c r="H7396" s="235">
        <f t="shared" si="1707"/>
        <v>0.59744375939292704</v>
      </c>
      <c r="I7396" s="236">
        <f t="shared" si="1708"/>
        <v>20.064341420885409</v>
      </c>
      <c r="J7396" s="237">
        <f t="shared" si="1713"/>
        <v>10.064341420885409</v>
      </c>
      <c r="K7396" s="237">
        <f t="shared" si="1709"/>
        <v>1478.1600968180487</v>
      </c>
      <c r="L7396" s="237">
        <f t="shared" si="1714"/>
        <v>741.52054720799515</v>
      </c>
      <c r="M7396" s="236">
        <f t="shared" si="1710"/>
        <v>25.680475038597326</v>
      </c>
      <c r="N7396" s="236">
        <f t="shared" si="1711"/>
        <v>0.64381964975021078</v>
      </c>
      <c r="O7396" s="236">
        <f t="shared" si="1715"/>
        <v>2.3029527599678934</v>
      </c>
      <c r="P7396" s="236" t="str">
        <f t="shared" si="1716"/>
        <v>SAND</v>
      </c>
      <c r="Q7396" s="236" t="e">
        <f t="shared" si="1712"/>
        <v>#N/A</v>
      </c>
      <c r="R7396" s="238">
        <v>35</v>
      </c>
      <c r="S7396" s="236" t="e">
        <f t="shared" si="1717"/>
        <v>#N/A</v>
      </c>
      <c r="T7396" s="236">
        <f t="shared" si="1704"/>
        <v>33.105633583772565</v>
      </c>
    </row>
    <row r="7397" spans="2:20" x14ac:dyDescent="0.2">
      <c r="B7397" s="239">
        <v>73.688999999999993</v>
      </c>
      <c r="C7397" s="3">
        <f t="shared" si="1705"/>
        <v>73.681999999999988</v>
      </c>
      <c r="D7397" s="239">
        <v>18.981200000000001</v>
      </c>
      <c r="E7397" s="239">
        <v>0.126</v>
      </c>
      <c r="F7397" s="239">
        <v>0.66859999999999997</v>
      </c>
      <c r="G7397">
        <f t="shared" si="1706"/>
        <v>19.114920000000001</v>
      </c>
      <c r="H7397" s="235">
        <f t="shared" si="1707"/>
        <v>0.65917095127784997</v>
      </c>
      <c r="I7397" s="236">
        <f t="shared" si="1708"/>
        <v>20.068678762469688</v>
      </c>
      <c r="J7397" s="237">
        <f t="shared" si="1713"/>
        <v>10.068678762469688</v>
      </c>
      <c r="K7397" s="237">
        <f t="shared" si="1709"/>
        <v>1478.7003885762913</v>
      </c>
      <c r="L7397" s="237">
        <f t="shared" si="1714"/>
        <v>741.95086932762877</v>
      </c>
      <c r="M7397" s="236">
        <f t="shared" si="1710"/>
        <v>23.770063949660198</v>
      </c>
      <c r="N7397" s="236">
        <f t="shared" si="1711"/>
        <v>0.71443882405719505</v>
      </c>
      <c r="O7397" s="236">
        <f t="shared" si="1715"/>
        <v>2.3533188939613714</v>
      </c>
      <c r="P7397" s="236" t="str">
        <f t="shared" si="1716"/>
        <v>SAND</v>
      </c>
      <c r="Q7397" s="236" t="e">
        <f t="shared" si="1712"/>
        <v>#N/A</v>
      </c>
      <c r="R7397" s="238">
        <v>35</v>
      </c>
      <c r="S7397" s="236" t="e">
        <f t="shared" si="1717"/>
        <v>#N/A</v>
      </c>
      <c r="T7397" s="236">
        <f t="shared" si="1704"/>
        <v>32.736333851446631</v>
      </c>
    </row>
    <row r="7398" spans="2:20" x14ac:dyDescent="0.2">
      <c r="B7398" s="239">
        <v>73.697999999999993</v>
      </c>
      <c r="C7398" s="3">
        <f t="shared" si="1705"/>
        <v>73.690999999999988</v>
      </c>
      <c r="D7398" s="239">
        <v>18.201899999999998</v>
      </c>
      <c r="E7398" s="239">
        <v>0.1411</v>
      </c>
      <c r="F7398" s="239">
        <v>0.64329999999999998</v>
      </c>
      <c r="G7398">
        <f t="shared" si="1706"/>
        <v>18.330559999999998</v>
      </c>
      <c r="H7398" s="235">
        <f t="shared" si="1707"/>
        <v>0.76975280624268994</v>
      </c>
      <c r="I7398" s="236">
        <f t="shared" si="1708"/>
        <v>20.185024151124082</v>
      </c>
      <c r="J7398" s="237">
        <f t="shared" si="1713"/>
        <v>10.185024151124082</v>
      </c>
      <c r="K7398" s="237">
        <f t="shared" si="1709"/>
        <v>1487.4546147204844</v>
      </c>
      <c r="L7398" s="237">
        <f t="shared" si="1714"/>
        <v>750.61590988954254</v>
      </c>
      <c r="M7398" s="236">
        <f t="shared" si="1710"/>
        <v>22.439046606083892</v>
      </c>
      <c r="N7398" s="236">
        <f t="shared" si="1711"/>
        <v>0.83773150361760584</v>
      </c>
      <c r="O7398" s="236">
        <f t="shared" si="1715"/>
        <v>2.4076609070356216</v>
      </c>
      <c r="P7398" s="236" t="str">
        <f t="shared" si="1716"/>
        <v>SAND</v>
      </c>
      <c r="Q7398" s="236" t="e">
        <f t="shared" si="1712"/>
        <v>#N/A</v>
      </c>
      <c r="R7398" s="238">
        <v>35</v>
      </c>
      <c r="S7398" s="236" t="e">
        <f t="shared" si="1717"/>
        <v>#N/A</v>
      </c>
      <c r="T7398" s="236">
        <f t="shared" si="1704"/>
        <v>32.461048406605308</v>
      </c>
    </row>
    <row r="7399" spans="2:20" x14ac:dyDescent="0.2">
      <c r="B7399" s="239">
        <v>73.709000000000003</v>
      </c>
      <c r="C7399" s="3">
        <f t="shared" si="1705"/>
        <v>73.701999999999998</v>
      </c>
      <c r="D7399" s="239">
        <v>17.461500000000001</v>
      </c>
      <c r="E7399" s="239">
        <v>0.15690000000000001</v>
      </c>
      <c r="F7399" s="239">
        <v>0.61929999999999996</v>
      </c>
      <c r="G7399">
        <f t="shared" si="1706"/>
        <v>17.585360000000001</v>
      </c>
      <c r="H7399" s="235">
        <f t="shared" si="1707"/>
        <v>0.89221943707720519</v>
      </c>
      <c r="I7399" s="236">
        <f t="shared" si="1708"/>
        <v>20.293261139159277</v>
      </c>
      <c r="J7399" s="237">
        <f t="shared" si="1713"/>
        <v>10.293261139159277</v>
      </c>
      <c r="K7399" s="237">
        <f t="shared" si="1709"/>
        <v>1495.6539324783171</v>
      </c>
      <c r="L7399" s="237">
        <f t="shared" si="1714"/>
        <v>758.70598530629115</v>
      </c>
      <c r="M7399" s="236">
        <f t="shared" si="1710"/>
        <v>21.206773610763378</v>
      </c>
      <c r="N7399" s="236">
        <f t="shared" si="1711"/>
        <v>0.97515765261066389</v>
      </c>
      <c r="O7399" s="236">
        <f t="shared" si="1715"/>
        <v>2.4610085518222102</v>
      </c>
      <c r="P7399" s="236" t="str">
        <f t="shared" si="1716"/>
        <v>SAND</v>
      </c>
      <c r="Q7399" s="236" t="e">
        <f t="shared" si="1712"/>
        <v>#N/A</v>
      </c>
      <c r="R7399" s="238">
        <v>35</v>
      </c>
      <c r="S7399" s="236" t="e">
        <f t="shared" si="1717"/>
        <v>#N/A</v>
      </c>
      <c r="T7399" s="236">
        <f t="shared" si="1704"/>
        <v>32.191220601872509</v>
      </c>
    </row>
    <row r="7400" spans="2:20" x14ac:dyDescent="0.2">
      <c r="B7400" s="239">
        <v>73.718000000000004</v>
      </c>
      <c r="C7400" s="3">
        <f t="shared" si="1705"/>
        <v>73.710999999999999</v>
      </c>
      <c r="D7400" s="239">
        <v>17.085999999999999</v>
      </c>
      <c r="E7400" s="239">
        <v>0.1636</v>
      </c>
      <c r="F7400" s="239">
        <v>0.63429999999999997</v>
      </c>
      <c r="G7400">
        <f t="shared" si="1706"/>
        <v>17.212859999999999</v>
      </c>
      <c r="H7400" s="235">
        <f t="shared" si="1707"/>
        <v>0.95045216193009185</v>
      </c>
      <c r="I7400" s="236">
        <f t="shared" si="1708"/>
        <v>20.333925695395756</v>
      </c>
      <c r="J7400" s="237">
        <f t="shared" si="1713"/>
        <v>10.333925695395756</v>
      </c>
      <c r="K7400" s="237">
        <f t="shared" si="1709"/>
        <v>1498.8339969333165</v>
      </c>
      <c r="L7400" s="237">
        <f t="shared" si="1714"/>
        <v>761.79633441318435</v>
      </c>
      <c r="M7400" s="236">
        <f t="shared" si="1710"/>
        <v>20.627594664355112</v>
      </c>
      <c r="N7400" s="236">
        <f t="shared" si="1711"/>
        <v>1.0411081155654986</v>
      </c>
      <c r="O7400" s="236">
        <f t="shared" si="1715"/>
        <v>2.4855176161034707</v>
      </c>
      <c r="P7400" s="236" t="str">
        <f t="shared" si="1716"/>
        <v>SAND</v>
      </c>
      <c r="Q7400" s="236" t="e">
        <f t="shared" si="1712"/>
        <v>#N/A</v>
      </c>
      <c r="R7400" s="238">
        <v>35</v>
      </c>
      <c r="S7400" s="236" t="e">
        <f t="shared" si="1717"/>
        <v>#N/A</v>
      </c>
      <c r="T7400" s="236">
        <f t="shared" si="1704"/>
        <v>32.058934477461818</v>
      </c>
    </row>
    <row r="7401" spans="2:20" x14ac:dyDescent="0.2">
      <c r="B7401" s="239">
        <v>73.728999999999999</v>
      </c>
      <c r="C7401" s="3">
        <f t="shared" si="1705"/>
        <v>73.721999999999994</v>
      </c>
      <c r="D7401" s="239">
        <v>16.773599999999998</v>
      </c>
      <c r="E7401" s="239">
        <v>0.17660000000000001</v>
      </c>
      <c r="F7401" s="239">
        <v>0.66239999999999999</v>
      </c>
      <c r="G7401">
        <f t="shared" si="1706"/>
        <v>16.906079999999999</v>
      </c>
      <c r="H7401" s="235">
        <f t="shared" si="1707"/>
        <v>1.0445946073838526</v>
      </c>
      <c r="I7401" s="236">
        <f t="shared" si="1708"/>
        <v>20.416556570097985</v>
      </c>
      <c r="J7401" s="237">
        <f t="shared" si="1713"/>
        <v>10.416556570097985</v>
      </c>
      <c r="K7401" s="237">
        <f t="shared" si="1709"/>
        <v>1505.1493834607636</v>
      </c>
      <c r="L7401" s="237">
        <f t="shared" si="1714"/>
        <v>768.00229935675429</v>
      </c>
      <c r="M7401" s="236">
        <f t="shared" si="1710"/>
        <v>20.053235035153399</v>
      </c>
      <c r="N7401" s="236">
        <f t="shared" si="1711"/>
        <v>1.1466839530485726</v>
      </c>
      <c r="O7401" s="236">
        <f t="shared" si="1715"/>
        <v>2.5172207999352776</v>
      </c>
      <c r="P7401" s="236" t="str">
        <f t="shared" si="1716"/>
        <v>SAND</v>
      </c>
      <c r="Q7401" s="236" t="e">
        <f t="shared" si="1712"/>
        <v>#N/A</v>
      </c>
      <c r="R7401" s="238">
        <v>35</v>
      </c>
      <c r="S7401" s="236" t="e">
        <f t="shared" si="1717"/>
        <v>#N/A</v>
      </c>
      <c r="T7401" s="236">
        <f t="shared" si="1704"/>
        <v>31.924028884195344</v>
      </c>
    </row>
    <row r="7402" spans="2:20" x14ac:dyDescent="0.2">
      <c r="B7402" s="239">
        <v>73.738</v>
      </c>
      <c r="C7402" s="3">
        <f t="shared" si="1705"/>
        <v>73.730999999999995</v>
      </c>
      <c r="D7402" s="239">
        <v>16.832699999999999</v>
      </c>
      <c r="E7402" s="239">
        <v>0.19089999999999999</v>
      </c>
      <c r="F7402" s="239">
        <v>0.67169999999999996</v>
      </c>
      <c r="G7402">
        <f t="shared" si="1706"/>
        <v>16.967040000000001</v>
      </c>
      <c r="H7402" s="235">
        <f t="shared" si="1707"/>
        <v>1.1251225906227602</v>
      </c>
      <c r="I7402" s="236">
        <f t="shared" si="1708"/>
        <v>20.509264536372708</v>
      </c>
      <c r="J7402" s="237">
        <f t="shared" si="1713"/>
        <v>10.509264536372708</v>
      </c>
      <c r="K7402" s="237">
        <f t="shared" si="1709"/>
        <v>1512.168583531296</v>
      </c>
      <c r="L7402" s="237">
        <f t="shared" si="1714"/>
        <v>774.93214838305073</v>
      </c>
      <c r="M7402" s="236">
        <f t="shared" si="1710"/>
        <v>19.943515633873698</v>
      </c>
      <c r="N7402" s="236">
        <f t="shared" si="1711"/>
        <v>1.2352092415118836</v>
      </c>
      <c r="O7402" s="236">
        <f t="shared" si="1715"/>
        <v>2.5358280319073976</v>
      </c>
      <c r="P7402" s="236" t="str">
        <f t="shared" si="1716"/>
        <v>SAND</v>
      </c>
      <c r="Q7402" s="236" t="e">
        <f t="shared" si="1712"/>
        <v>#N/A</v>
      </c>
      <c r="R7402" s="238">
        <v>35</v>
      </c>
      <c r="S7402" s="236" t="e">
        <f t="shared" si="1717"/>
        <v>#N/A</v>
      </c>
      <c r="T7402" s="236">
        <f t="shared" si="1704"/>
        <v>31.897818897539054</v>
      </c>
    </row>
    <row r="7403" spans="2:20" x14ac:dyDescent="0.2">
      <c r="B7403" s="239">
        <v>73.748000000000005</v>
      </c>
      <c r="C7403" s="3">
        <f t="shared" si="1705"/>
        <v>73.741</v>
      </c>
      <c r="D7403" s="239">
        <v>17.086400000000001</v>
      </c>
      <c r="E7403" s="239">
        <v>0.21640000000000001</v>
      </c>
      <c r="F7403" s="239">
        <v>0.69620000000000004</v>
      </c>
      <c r="G7403">
        <f t="shared" si="1706"/>
        <v>17.225640000000002</v>
      </c>
      <c r="H7403" s="235">
        <f t="shared" si="1707"/>
        <v>1.2562668208554224</v>
      </c>
      <c r="I7403" s="236">
        <f t="shared" si="1708"/>
        <v>20.662195476714249</v>
      </c>
      <c r="J7403" s="237">
        <f t="shared" si="1713"/>
        <v>10.662195476714249</v>
      </c>
      <c r="K7403" s="237">
        <f t="shared" si="1709"/>
        <v>1523.6509566483855</v>
      </c>
      <c r="L7403" s="237">
        <f t="shared" si="1714"/>
        <v>786.31559201672246</v>
      </c>
      <c r="M7403" s="236">
        <f t="shared" si="1710"/>
        <v>19.969067385627636</v>
      </c>
      <c r="N7403" s="236">
        <f t="shared" si="1711"/>
        <v>1.3781693478612251</v>
      </c>
      <c r="O7403" s="236">
        <f t="shared" si="1715"/>
        <v>2.5602833580404698</v>
      </c>
      <c r="P7403" s="236" t="str">
        <f t="shared" si="1716"/>
        <v>SAND</v>
      </c>
      <c r="Q7403" s="236" t="e">
        <f t="shared" si="1712"/>
        <v>#N/A</v>
      </c>
      <c r="R7403" s="238">
        <v>35</v>
      </c>
      <c r="S7403" s="236" t="e">
        <f t="shared" si="1717"/>
        <v>#N/A</v>
      </c>
      <c r="T7403" s="236">
        <f t="shared" si="1704"/>
        <v>31.903935607615338</v>
      </c>
    </row>
    <row r="7404" spans="2:20" x14ac:dyDescent="0.2">
      <c r="B7404" s="239">
        <v>73.757000000000005</v>
      </c>
      <c r="C7404" s="3">
        <f t="shared" si="1705"/>
        <v>73.75</v>
      </c>
      <c r="D7404" s="239">
        <v>17.793199999999999</v>
      </c>
      <c r="E7404" s="239">
        <v>0.2374</v>
      </c>
      <c r="F7404" s="239">
        <v>0.70079999999999998</v>
      </c>
      <c r="G7404">
        <f t="shared" si="1706"/>
        <v>17.93336</v>
      </c>
      <c r="H7404" s="235">
        <f t="shared" si="1707"/>
        <v>1.3237898531005903</v>
      </c>
      <c r="I7404" s="236">
        <f t="shared" si="1708"/>
        <v>20.786536483916201</v>
      </c>
      <c r="J7404" s="237">
        <f t="shared" si="1713"/>
        <v>10.786536483916201</v>
      </c>
      <c r="K7404" s="237">
        <f t="shared" si="1709"/>
        <v>1533.0070656888199</v>
      </c>
      <c r="L7404" s="237">
        <f t="shared" si="1714"/>
        <v>795.58257144420736</v>
      </c>
      <c r="M7404" s="236">
        <f t="shared" si="1710"/>
        <v>20.614268742136851</v>
      </c>
      <c r="N7404" s="236">
        <f t="shared" si="1711"/>
        <v>1.4475298242108889</v>
      </c>
      <c r="O7404" s="236">
        <f t="shared" si="1715"/>
        <v>2.560028173518317</v>
      </c>
      <c r="P7404" s="236" t="str">
        <f t="shared" si="1716"/>
        <v>SAND</v>
      </c>
      <c r="Q7404" s="236" t="e">
        <f t="shared" si="1712"/>
        <v>#N/A</v>
      </c>
      <c r="R7404" s="238">
        <v>35</v>
      </c>
      <c r="S7404" s="236" t="e">
        <f t="shared" si="1717"/>
        <v>#N/A</v>
      </c>
      <c r="T7404" s="236">
        <f t="shared" si="1704"/>
        <v>32.055847268674455</v>
      </c>
    </row>
    <row r="7405" spans="2:20" x14ac:dyDescent="0.2">
      <c r="B7405" s="239">
        <v>73.766999999999996</v>
      </c>
      <c r="C7405" s="3">
        <f t="shared" si="1705"/>
        <v>73.759999999999991</v>
      </c>
      <c r="D7405" s="239">
        <v>19.008900000000001</v>
      </c>
      <c r="E7405" s="239">
        <v>0.24859999999999999</v>
      </c>
      <c r="F7405" s="239">
        <v>0.71530000000000005</v>
      </c>
      <c r="G7405">
        <f t="shared" si="1706"/>
        <v>19.151959999999999</v>
      </c>
      <c r="H7405" s="235">
        <f t="shared" si="1707"/>
        <v>1.2980394695895354</v>
      </c>
      <c r="I7405" s="236">
        <f t="shared" si="1708"/>
        <v>20.866287993419913</v>
      </c>
      <c r="J7405" s="237">
        <f t="shared" si="1713"/>
        <v>10.866287993419913</v>
      </c>
      <c r="K7405" s="237">
        <f t="shared" si="1709"/>
        <v>1539.0974023946526</v>
      </c>
      <c r="L7405" s="237">
        <f t="shared" si="1714"/>
        <v>801.57346641060667</v>
      </c>
      <c r="M7405" s="236">
        <f t="shared" si="1710"/>
        <v>21.972861298010013</v>
      </c>
      <c r="N7405" s="236">
        <f t="shared" si="1711"/>
        <v>1.4114684573409422</v>
      </c>
      <c r="O7405" s="236">
        <f t="shared" si="1715"/>
        <v>2.530783617037164</v>
      </c>
      <c r="P7405" s="236" t="str">
        <f t="shared" si="1716"/>
        <v>SAND</v>
      </c>
      <c r="Q7405" s="236" t="e">
        <f t="shared" si="1712"/>
        <v>#N/A</v>
      </c>
      <c r="R7405" s="238">
        <v>35</v>
      </c>
      <c r="S7405" s="236" t="e">
        <f t="shared" si="1717"/>
        <v>#N/A</v>
      </c>
      <c r="T7405" s="236">
        <f t="shared" si="1704"/>
        <v>32.36075275699833</v>
      </c>
    </row>
    <row r="7406" spans="2:20" x14ac:dyDescent="0.2">
      <c r="B7406" s="239">
        <v>73.777000000000001</v>
      </c>
      <c r="C7406" s="3">
        <f t="shared" si="1705"/>
        <v>73.77</v>
      </c>
      <c r="D7406" s="239">
        <v>20.245100000000001</v>
      </c>
      <c r="E7406" s="239">
        <v>0.2626</v>
      </c>
      <c r="F7406" s="239">
        <v>0.71419999999999995</v>
      </c>
      <c r="G7406">
        <f t="shared" si="1706"/>
        <v>20.38794</v>
      </c>
      <c r="H7406" s="235">
        <f t="shared" si="1707"/>
        <v>1.2880163469188157</v>
      </c>
      <c r="I7406" s="236">
        <f t="shared" si="1708"/>
        <v>20.954974815260464</v>
      </c>
      <c r="J7406" s="237">
        <f t="shared" si="1713"/>
        <v>10.954974815260464</v>
      </c>
      <c r="K7406" s="237">
        <f t="shared" si="1709"/>
        <v>1545.8484921217644</v>
      </c>
      <c r="L7406" s="237">
        <f t="shared" si="1714"/>
        <v>808.22517694547128</v>
      </c>
      <c r="M7406" s="236">
        <f t="shared" si="1710"/>
        <v>23.312923236428031</v>
      </c>
      <c r="N7406" s="236">
        <f t="shared" si="1711"/>
        <v>1.3936881682705022</v>
      </c>
      <c r="O7406" s="236">
        <f t="shared" si="1715"/>
        <v>2.506201770470327</v>
      </c>
      <c r="P7406" s="236" t="str">
        <f t="shared" si="1716"/>
        <v>SAND</v>
      </c>
      <c r="Q7406" s="236" t="e">
        <f t="shared" si="1712"/>
        <v>#N/A</v>
      </c>
      <c r="R7406" s="238">
        <v>35</v>
      </c>
      <c r="S7406" s="236" t="e">
        <f t="shared" si="1717"/>
        <v>#N/A</v>
      </c>
      <c r="T7406" s="236">
        <f t="shared" si="1704"/>
        <v>32.643564070260837</v>
      </c>
    </row>
    <row r="7407" spans="2:20" x14ac:dyDescent="0.2">
      <c r="B7407" s="239">
        <v>73.787000000000006</v>
      </c>
      <c r="C7407" s="3">
        <f t="shared" si="1705"/>
        <v>73.78</v>
      </c>
      <c r="D7407" s="239">
        <v>20.102699999999999</v>
      </c>
      <c r="E7407" s="239">
        <v>0.27450000000000002</v>
      </c>
      <c r="F7407" s="239">
        <v>0.76770000000000005</v>
      </c>
      <c r="G7407">
        <f t="shared" si="1706"/>
        <v>20.256239999999998</v>
      </c>
      <c r="H7407" s="235">
        <f t="shared" si="1707"/>
        <v>1.3551379722989068</v>
      </c>
      <c r="I7407" s="236">
        <f t="shared" si="1708"/>
        <v>21.004410346683379</v>
      </c>
      <c r="J7407" s="237">
        <f t="shared" si="1713"/>
        <v>11.004410346683379</v>
      </c>
      <c r="K7407" s="237">
        <f t="shared" si="1709"/>
        <v>1549.7053953782997</v>
      </c>
      <c r="L7407" s="237">
        <f t="shared" si="1714"/>
        <v>811.98242625072658</v>
      </c>
      <c r="M7407" s="236">
        <f t="shared" si="1710"/>
        <v>23.038102796137899</v>
      </c>
      <c r="N7407" s="236">
        <f t="shared" si="1711"/>
        <v>1.4674016636527702</v>
      </c>
      <c r="O7407" s="236">
        <f t="shared" si="1715"/>
        <v>2.5227562331437485</v>
      </c>
      <c r="P7407" s="236" t="str">
        <f t="shared" si="1716"/>
        <v>SAND</v>
      </c>
      <c r="Q7407" s="236" t="e">
        <f t="shared" si="1712"/>
        <v>#N/A</v>
      </c>
      <c r="R7407" s="238">
        <v>35</v>
      </c>
      <c r="S7407" s="236" t="e">
        <f t="shared" si="1717"/>
        <v>#N/A</v>
      </c>
      <c r="T7407" s="236">
        <f t="shared" si="1704"/>
        <v>32.586913829466468</v>
      </c>
    </row>
    <row r="7408" spans="2:20" x14ac:dyDescent="0.2">
      <c r="B7408" s="239">
        <v>73.805000000000007</v>
      </c>
      <c r="C7408" s="3">
        <f t="shared" si="1705"/>
        <v>73.798000000000002</v>
      </c>
      <c r="D7408" s="239">
        <v>21.089600000000001</v>
      </c>
      <c r="E7408" s="239">
        <v>0.31190000000000001</v>
      </c>
      <c r="F7408" s="239">
        <v>0.69489999999999996</v>
      </c>
      <c r="G7408">
        <f t="shared" si="1706"/>
        <v>21.228580000000001</v>
      </c>
      <c r="H7408" s="235">
        <f t="shared" si="1707"/>
        <v>1.4692457055535508</v>
      </c>
      <c r="I7408" s="236">
        <f t="shared" si="1708"/>
        <v>21.172513416515002</v>
      </c>
      <c r="J7408" s="237">
        <f t="shared" si="1713"/>
        <v>11.172513416515002</v>
      </c>
      <c r="K7408" s="237">
        <f t="shared" si="1709"/>
        <v>1562.4891451119743</v>
      </c>
      <c r="L7408" s="237">
        <f t="shared" si="1714"/>
        <v>824.58735270588988</v>
      </c>
      <c r="M7408" s="236">
        <f t="shared" si="1710"/>
        <v>23.849614950257966</v>
      </c>
      <c r="N7408" s="236">
        <f t="shared" si="1711"/>
        <v>1.5859786385685131</v>
      </c>
      <c r="O7408" s="236">
        <f t="shared" si="1715"/>
        <v>2.5290074584837821</v>
      </c>
      <c r="P7408" s="236" t="str">
        <f t="shared" si="1716"/>
        <v>SAND</v>
      </c>
      <c r="Q7408" s="236" t="e">
        <f t="shared" si="1712"/>
        <v>#N/A</v>
      </c>
      <c r="R7408" s="238">
        <v>35</v>
      </c>
      <c r="S7408" s="236" t="e">
        <f t="shared" si="1717"/>
        <v>#N/A</v>
      </c>
      <c r="T7408" s="236">
        <f t="shared" si="1704"/>
        <v>32.752295089690527</v>
      </c>
    </row>
    <row r="7409" spans="2:20" x14ac:dyDescent="0.2">
      <c r="B7409" s="239">
        <v>73.814999999999998</v>
      </c>
      <c r="C7409" s="3">
        <f t="shared" si="1705"/>
        <v>73.807999999999993</v>
      </c>
      <c r="D7409" s="239">
        <v>22.095099999999999</v>
      </c>
      <c r="E7409" s="239">
        <v>0.31759999999999999</v>
      </c>
      <c r="F7409" s="239">
        <v>0.68869999999999998</v>
      </c>
      <c r="G7409">
        <f t="shared" si="1706"/>
        <v>22.232839999999999</v>
      </c>
      <c r="H7409" s="235">
        <f t="shared" si="1707"/>
        <v>1.4285174543603067</v>
      </c>
      <c r="I7409" s="236">
        <f t="shared" si="1708"/>
        <v>21.211815835834805</v>
      </c>
      <c r="J7409" s="237">
        <f t="shared" si="1713"/>
        <v>11.211815835834805</v>
      </c>
      <c r="K7409" s="237">
        <f t="shared" si="1709"/>
        <v>1565.6017032112952</v>
      </c>
      <c r="L7409" s="237">
        <f t="shared" si="1714"/>
        <v>827.60018592214612</v>
      </c>
      <c r="M7409" s="236">
        <f t="shared" si="1710"/>
        <v>24.972491123549496</v>
      </c>
      <c r="N7409" s="236">
        <f t="shared" si="1711"/>
        <v>1.5367316882843942</v>
      </c>
      <c r="O7409" s="236">
        <f t="shared" si="1715"/>
        <v>2.5047819019055577</v>
      </c>
      <c r="P7409" s="236" t="str">
        <f t="shared" si="1716"/>
        <v>SAND</v>
      </c>
      <c r="Q7409" s="236" t="e">
        <f t="shared" si="1712"/>
        <v>#N/A</v>
      </c>
      <c r="R7409" s="238">
        <v>35</v>
      </c>
      <c r="S7409" s="236" t="e">
        <f t="shared" si="1717"/>
        <v>#N/A</v>
      </c>
      <c r="T7409" s="236">
        <f t="shared" si="1704"/>
        <v>32.972080541745058</v>
      </c>
    </row>
    <row r="7410" spans="2:20" x14ac:dyDescent="0.2">
      <c r="B7410" s="239">
        <v>73.823999999999998</v>
      </c>
      <c r="C7410" s="3">
        <f t="shared" si="1705"/>
        <v>73.816999999999993</v>
      </c>
      <c r="D7410" s="239">
        <v>23.006399999999999</v>
      </c>
      <c r="E7410" s="239">
        <v>0.30520000000000003</v>
      </c>
      <c r="F7410" s="239">
        <v>0.73040000000000005</v>
      </c>
      <c r="G7410">
        <f t="shared" si="1706"/>
        <v>23.152480000000001</v>
      </c>
      <c r="H7410" s="235">
        <f t="shared" si="1707"/>
        <v>1.3182173140847115</v>
      </c>
      <c r="I7410" s="236">
        <f t="shared" si="1708"/>
        <v>21.18095904938852</v>
      </c>
      <c r="J7410" s="237">
        <f t="shared" si="1713"/>
        <v>11.18095904938852</v>
      </c>
      <c r="K7410" s="237">
        <f t="shared" si="1709"/>
        <v>1563.5148541487122</v>
      </c>
      <c r="L7410" s="237">
        <f t="shared" si="1714"/>
        <v>825.423120862058</v>
      </c>
      <c r="M7410" s="236">
        <f t="shared" si="1710"/>
        <v>26.155028372968445</v>
      </c>
      <c r="N7410" s="236">
        <f t="shared" si="1711"/>
        <v>1.4136851763765517</v>
      </c>
      <c r="O7410" s="236">
        <f t="shared" si="1715"/>
        <v>2.4678728105798711</v>
      </c>
      <c r="P7410" s="236" t="str">
        <f t="shared" si="1716"/>
        <v>SAND</v>
      </c>
      <c r="Q7410" s="236" t="e">
        <f t="shared" si="1712"/>
        <v>#N/A</v>
      </c>
      <c r="R7410" s="238">
        <v>35</v>
      </c>
      <c r="S7410" s="236" t="e">
        <f t="shared" si="1717"/>
        <v>#N/A</v>
      </c>
      <c r="T7410" s="236">
        <f t="shared" si="1704"/>
        <v>33.193107150348851</v>
      </c>
    </row>
    <row r="7411" spans="2:20" x14ac:dyDescent="0.2">
      <c r="B7411" s="239">
        <v>73.834000000000003</v>
      </c>
      <c r="C7411" s="3">
        <f t="shared" si="1705"/>
        <v>73.826999999999998</v>
      </c>
      <c r="D7411" s="239">
        <v>24.247199999999999</v>
      </c>
      <c r="E7411" s="239">
        <v>0.29509999999999997</v>
      </c>
      <c r="F7411" s="239">
        <v>0.71619999999999995</v>
      </c>
      <c r="G7411">
        <f t="shared" si="1706"/>
        <v>24.390439999999998</v>
      </c>
      <c r="H7411" s="235">
        <f t="shared" si="1707"/>
        <v>1.2099002724018098</v>
      </c>
      <c r="I7411" s="236">
        <f t="shared" si="1708"/>
        <v>21.161857591526854</v>
      </c>
      <c r="J7411" s="237">
        <f t="shared" si="1713"/>
        <v>11.161857591526854</v>
      </c>
      <c r="K7411" s="237">
        <f t="shared" si="1709"/>
        <v>1562.316460409653</v>
      </c>
      <c r="L7411" s="237">
        <f t="shared" si="1714"/>
        <v>824.12459341279373</v>
      </c>
      <c r="M7411" s="236">
        <f t="shared" si="1710"/>
        <v>27.69984505019622</v>
      </c>
      <c r="N7411" s="236">
        <f t="shared" si="1711"/>
        <v>1.2927037103519003</v>
      </c>
      <c r="O7411" s="236">
        <f t="shared" si="1715"/>
        <v>2.4256417115263709</v>
      </c>
      <c r="P7411" s="236" t="str">
        <f t="shared" si="1716"/>
        <v>SAND</v>
      </c>
      <c r="Q7411" s="236" t="e">
        <f t="shared" si="1712"/>
        <v>#N/A</v>
      </c>
      <c r="R7411" s="238">
        <v>35</v>
      </c>
      <c r="S7411" s="236" t="e">
        <f t="shared" si="1717"/>
        <v>#N/A</v>
      </c>
      <c r="T7411" s="236">
        <f t="shared" si="1704"/>
        <v>33.467250736446744</v>
      </c>
    </row>
    <row r="7412" spans="2:20" x14ac:dyDescent="0.2">
      <c r="B7412" s="239">
        <v>73.843000000000004</v>
      </c>
      <c r="C7412" s="3">
        <f t="shared" si="1705"/>
        <v>73.835999999999999</v>
      </c>
      <c r="D7412" s="239">
        <v>25.164200000000001</v>
      </c>
      <c r="E7412" s="239">
        <v>0.28799999999999998</v>
      </c>
      <c r="F7412" s="239">
        <v>0.61240000000000006</v>
      </c>
      <c r="G7412">
        <f t="shared" si="1706"/>
        <v>25.28668</v>
      </c>
      <c r="H7412" s="235">
        <f t="shared" si="1707"/>
        <v>1.1389395523651187</v>
      </c>
      <c r="I7412" s="236">
        <f t="shared" si="1708"/>
        <v>21.147405402712849</v>
      </c>
      <c r="J7412" s="237">
        <f t="shared" si="1713"/>
        <v>11.147405402712849</v>
      </c>
      <c r="K7412" s="237">
        <f t="shared" si="1709"/>
        <v>1561.4398253147058</v>
      </c>
      <c r="L7412" s="237">
        <f t="shared" si="1714"/>
        <v>823.15785715252491</v>
      </c>
      <c r="M7412" s="236">
        <f t="shared" si="1710"/>
        <v>28.822224034592661</v>
      </c>
      <c r="N7412" s="236">
        <f t="shared" si="1711"/>
        <v>1.2138970896795998</v>
      </c>
      <c r="O7412" s="236">
        <f t="shared" si="1715"/>
        <v>2.3962649929749689</v>
      </c>
      <c r="P7412" s="236" t="str">
        <f t="shared" si="1716"/>
        <v>SAND</v>
      </c>
      <c r="Q7412" s="236" t="e">
        <f t="shared" si="1712"/>
        <v>#N/A</v>
      </c>
      <c r="R7412" s="238">
        <v>35</v>
      </c>
      <c r="S7412" s="236" t="e">
        <f t="shared" si="1717"/>
        <v>#N/A</v>
      </c>
      <c r="T7412" s="236">
        <f t="shared" si="1704"/>
        <v>33.657002385793724</v>
      </c>
    </row>
    <row r="7413" spans="2:20" x14ac:dyDescent="0.2">
      <c r="B7413" s="239">
        <v>73.852999999999994</v>
      </c>
      <c r="C7413" s="3">
        <f t="shared" si="1705"/>
        <v>73.845999999999989</v>
      </c>
      <c r="D7413" s="239">
        <v>25.534700000000001</v>
      </c>
      <c r="E7413" s="239">
        <v>0.28389999999999999</v>
      </c>
      <c r="F7413" s="239">
        <v>0.60209999999999997</v>
      </c>
      <c r="G7413">
        <f t="shared" si="1706"/>
        <v>25.65512</v>
      </c>
      <c r="H7413" s="235">
        <f t="shared" si="1707"/>
        <v>1.1066017231648109</v>
      </c>
      <c r="I7413" s="236">
        <f t="shared" si="1708"/>
        <v>21.136246259542251</v>
      </c>
      <c r="J7413" s="237">
        <f t="shared" si="1713"/>
        <v>11.136246259542251</v>
      </c>
      <c r="K7413" s="237">
        <f t="shared" si="1709"/>
        <v>1560.8272412821568</v>
      </c>
      <c r="L7413" s="237">
        <f t="shared" si="1714"/>
        <v>822.4451950059738</v>
      </c>
      <c r="M7413" s="236">
        <f t="shared" si="1710"/>
        <v>29.295925011201305</v>
      </c>
      <c r="N7413" s="236">
        <f t="shared" si="1711"/>
        <v>1.1782873348597407</v>
      </c>
      <c r="O7413" s="236">
        <f t="shared" si="1715"/>
        <v>2.3832983487011075</v>
      </c>
      <c r="P7413" s="236" t="str">
        <f t="shared" si="1716"/>
        <v>SAND</v>
      </c>
      <c r="Q7413" s="236" t="e">
        <f t="shared" si="1712"/>
        <v>#N/A</v>
      </c>
      <c r="R7413" s="238">
        <v>35</v>
      </c>
      <c r="S7413" s="236" t="e">
        <f t="shared" si="1717"/>
        <v>#N/A</v>
      </c>
      <c r="T7413" s="236">
        <f t="shared" si="1704"/>
        <v>33.734879368246879</v>
      </c>
    </row>
    <row r="7414" spans="2:20" x14ac:dyDescent="0.2">
      <c r="B7414" s="239">
        <v>73.861000000000004</v>
      </c>
      <c r="C7414" s="3">
        <f t="shared" si="1705"/>
        <v>73.853999999999999</v>
      </c>
      <c r="D7414" s="239">
        <v>25.7547</v>
      </c>
      <c r="E7414" s="239">
        <v>0.2802</v>
      </c>
      <c r="F7414" s="239">
        <v>0.5948</v>
      </c>
      <c r="G7414">
        <f t="shared" si="1706"/>
        <v>25.873660000000001</v>
      </c>
      <c r="H7414" s="235">
        <f t="shared" si="1707"/>
        <v>1.082954634172359</v>
      </c>
      <c r="I7414" s="236">
        <f t="shared" si="1708"/>
        <v>21.124179088141815</v>
      </c>
      <c r="J7414" s="237">
        <f t="shared" si="1713"/>
        <v>11.124179088141815</v>
      </c>
      <c r="K7414" s="237">
        <f t="shared" si="1709"/>
        <v>1560.1051223756256</v>
      </c>
      <c r="L7414" s="237">
        <f t="shared" si="1714"/>
        <v>821.64299162924272</v>
      </c>
      <c r="M7414" s="236">
        <f t="shared" si="1710"/>
        <v>29.591385949039527</v>
      </c>
      <c r="N7414" s="236">
        <f t="shared" si="1711"/>
        <v>1.1524435707172811</v>
      </c>
      <c r="O7414" s="236">
        <f t="shared" si="1715"/>
        <v>2.3744239531950506</v>
      </c>
      <c r="P7414" s="236" t="str">
        <f t="shared" si="1716"/>
        <v>SAND</v>
      </c>
      <c r="Q7414" s="236" t="e">
        <f t="shared" si="1712"/>
        <v>#N/A</v>
      </c>
      <c r="R7414" s="238">
        <v>35</v>
      </c>
      <c r="S7414" s="236" t="e">
        <f t="shared" si="1717"/>
        <v>#N/A</v>
      </c>
      <c r="T7414" s="236">
        <f t="shared" si="1704"/>
        <v>33.782818369898649</v>
      </c>
    </row>
    <row r="7415" spans="2:20" x14ac:dyDescent="0.2">
      <c r="B7415" s="239">
        <v>73.870999999999995</v>
      </c>
      <c r="C7415" s="3">
        <f t="shared" si="1705"/>
        <v>73.86399999999999</v>
      </c>
      <c r="D7415" s="239">
        <v>25.7849</v>
      </c>
      <c r="E7415" s="239">
        <v>0.28420000000000001</v>
      </c>
      <c r="F7415" s="239">
        <v>0.59330000000000005</v>
      </c>
      <c r="G7415">
        <f t="shared" si="1706"/>
        <v>25.903559999999999</v>
      </c>
      <c r="H7415" s="235">
        <f t="shared" si="1707"/>
        <v>1.0971464926056498</v>
      </c>
      <c r="I7415" s="236">
        <f t="shared" si="1708"/>
        <v>21.141251562138557</v>
      </c>
      <c r="J7415" s="237">
        <f t="shared" si="1713"/>
        <v>11.141251562138557</v>
      </c>
      <c r="K7415" s="237">
        <f t="shared" si="1709"/>
        <v>1561.5774053858022</v>
      </c>
      <c r="L7415" s="237">
        <f t="shared" si="1714"/>
        <v>823.01539414673721</v>
      </c>
      <c r="M7415" s="236">
        <f t="shared" si="1710"/>
        <v>29.576582367393979</v>
      </c>
      <c r="N7415" s="236">
        <f t="shared" si="1711"/>
        <v>1.167530207925138</v>
      </c>
      <c r="O7415" s="236">
        <f t="shared" si="1715"/>
        <v>2.3776602303748562</v>
      </c>
      <c r="P7415" s="236" t="str">
        <f t="shared" si="1716"/>
        <v>SAND</v>
      </c>
      <c r="Q7415" s="236" t="e">
        <f t="shared" si="1712"/>
        <v>#N/A</v>
      </c>
      <c r="R7415" s="238">
        <v>35</v>
      </c>
      <c r="S7415" s="236" t="e">
        <f t="shared" si="1717"/>
        <v>#N/A</v>
      </c>
      <c r="T7415" s="236">
        <f t="shared" si="1704"/>
        <v>33.780427878708252</v>
      </c>
    </row>
    <row r="7416" spans="2:20" x14ac:dyDescent="0.2">
      <c r="B7416" s="239">
        <v>73.88</v>
      </c>
      <c r="C7416" s="3">
        <f t="shared" si="1705"/>
        <v>73.87299999999999</v>
      </c>
      <c r="D7416" s="239">
        <v>25.412099999999999</v>
      </c>
      <c r="E7416" s="239">
        <v>0.2858</v>
      </c>
      <c r="F7416" s="239">
        <v>0.61429999999999996</v>
      </c>
      <c r="G7416">
        <f t="shared" si="1706"/>
        <v>25.534959999999998</v>
      </c>
      <c r="H7416" s="235">
        <f t="shared" si="1707"/>
        <v>1.1192498441352563</v>
      </c>
      <c r="I7416" s="236">
        <f t="shared" si="1708"/>
        <v>21.142232724101543</v>
      </c>
      <c r="J7416" s="237">
        <f t="shared" si="1713"/>
        <v>11.142232724101543</v>
      </c>
      <c r="K7416" s="237">
        <f t="shared" si="1709"/>
        <v>1561.8401580275531</v>
      </c>
      <c r="L7416" s="237">
        <f t="shared" si="1714"/>
        <v>823.18815365662192</v>
      </c>
      <c r="M7416" s="236">
        <f t="shared" si="1710"/>
        <v>29.122284784448443</v>
      </c>
      <c r="N7416" s="236">
        <f t="shared" si="1711"/>
        <v>1.1921685699815245</v>
      </c>
      <c r="O7416" s="236">
        <f t="shared" si="1715"/>
        <v>2.3882258932257656</v>
      </c>
      <c r="P7416" s="236" t="str">
        <f t="shared" si="1716"/>
        <v>SAND</v>
      </c>
      <c r="Q7416" s="236" t="e">
        <f t="shared" si="1712"/>
        <v>#N/A</v>
      </c>
      <c r="R7416" s="238">
        <v>35</v>
      </c>
      <c r="S7416" s="236" t="e">
        <f t="shared" si="1717"/>
        <v>#N/A</v>
      </c>
      <c r="T7416" s="236">
        <f t="shared" si="1704"/>
        <v>33.706479889340976</v>
      </c>
    </row>
    <row r="7417" spans="2:20" x14ac:dyDescent="0.2">
      <c r="B7417" s="239">
        <v>73.89</v>
      </c>
      <c r="C7417" s="3">
        <f t="shared" si="1705"/>
        <v>73.882999999999996</v>
      </c>
      <c r="D7417" s="239">
        <v>25.242699999999999</v>
      </c>
      <c r="E7417" s="239">
        <v>0.27879999999999999</v>
      </c>
      <c r="F7417" s="239">
        <v>0.64959999999999996</v>
      </c>
      <c r="G7417">
        <f t="shared" si="1706"/>
        <v>25.372619999999998</v>
      </c>
      <c r="H7417" s="235">
        <f t="shared" si="1707"/>
        <v>1.0988222737738556</v>
      </c>
      <c r="I7417" s="236">
        <f t="shared" si="1708"/>
        <v>21.110662315497855</v>
      </c>
      <c r="J7417" s="237">
        <f t="shared" si="1713"/>
        <v>11.110662315497855</v>
      </c>
      <c r="K7417" s="237">
        <f t="shared" si="1709"/>
        <v>1559.719063855928</v>
      </c>
      <c r="L7417" s="237">
        <f t="shared" si="1714"/>
        <v>820.9668384921365</v>
      </c>
      <c r="M7417" s="236">
        <f t="shared" si="1710"/>
        <v>29.005923040546975</v>
      </c>
      <c r="N7417" s="236">
        <f t="shared" si="1711"/>
        <v>1.1707939353866266</v>
      </c>
      <c r="O7417" s="236">
        <f t="shared" si="1715"/>
        <v>2.3854332090689034</v>
      </c>
      <c r="P7417" s="236" t="str">
        <f t="shared" si="1716"/>
        <v>SAND</v>
      </c>
      <c r="Q7417" s="236" t="e">
        <f t="shared" si="1712"/>
        <v>#N/A</v>
      </c>
      <c r="R7417" s="238">
        <v>35</v>
      </c>
      <c r="S7417" s="236" t="e">
        <f t="shared" si="1717"/>
        <v>#N/A</v>
      </c>
      <c r="T7417" s="236">
        <f t="shared" si="1704"/>
        <v>33.687353593884069</v>
      </c>
    </row>
    <row r="7418" spans="2:20" x14ac:dyDescent="0.2">
      <c r="B7418" s="239">
        <v>73.899000000000001</v>
      </c>
      <c r="C7418" s="3">
        <f t="shared" si="1705"/>
        <v>73.891999999999996</v>
      </c>
      <c r="D7418" s="239">
        <v>25.0869</v>
      </c>
      <c r="E7418" s="239">
        <v>0.27379999999999999</v>
      </c>
      <c r="F7418" s="239">
        <v>0.66930000000000001</v>
      </c>
      <c r="G7418">
        <f t="shared" si="1706"/>
        <v>25.220759999999999</v>
      </c>
      <c r="H7418" s="235">
        <f t="shared" si="1707"/>
        <v>1.0856135976869847</v>
      </c>
      <c r="I7418" s="236">
        <f t="shared" si="1708"/>
        <v>21.087095705117846</v>
      </c>
      <c r="J7418" s="237">
        <f t="shared" si="1713"/>
        <v>11.087095705117846</v>
      </c>
      <c r="K7418" s="237">
        <f t="shared" si="1709"/>
        <v>1558.1676758425679</v>
      </c>
      <c r="L7418" s="237">
        <f t="shared" si="1714"/>
        <v>819.3252855125038</v>
      </c>
      <c r="M7418" s="236">
        <f t="shared" si="1710"/>
        <v>28.880583502748877</v>
      </c>
      <c r="N7418" s="236">
        <f t="shared" si="1711"/>
        <v>1.1571006094732665</v>
      </c>
      <c r="O7418" s="236">
        <f t="shared" si="1715"/>
        <v>2.3842621147270719</v>
      </c>
      <c r="P7418" s="236" t="str">
        <f t="shared" si="1716"/>
        <v>SAND</v>
      </c>
      <c r="Q7418" s="236" t="e">
        <f t="shared" si="1712"/>
        <v>#N/A</v>
      </c>
      <c r="R7418" s="238">
        <v>35</v>
      </c>
      <c r="S7418" s="236" t="e">
        <f t="shared" si="1717"/>
        <v>#N/A</v>
      </c>
      <c r="T7418" s="236">
        <f t="shared" si="1704"/>
        <v>33.666665598098838</v>
      </c>
    </row>
    <row r="7419" spans="2:20" x14ac:dyDescent="0.2">
      <c r="B7419" s="239">
        <v>73.908000000000001</v>
      </c>
      <c r="C7419" s="3">
        <f t="shared" si="1705"/>
        <v>73.900999999999996</v>
      </c>
      <c r="D7419" s="239">
        <v>25.002199999999998</v>
      </c>
      <c r="E7419" s="239">
        <v>0.26469999999999999</v>
      </c>
      <c r="F7419" s="239">
        <v>0.68589999999999995</v>
      </c>
      <c r="G7419">
        <f t="shared" si="1706"/>
        <v>25.139379999999999</v>
      </c>
      <c r="H7419" s="235">
        <f t="shared" si="1707"/>
        <v>1.0529297063014282</v>
      </c>
      <c r="I7419" s="236">
        <f t="shared" si="1708"/>
        <v>21.046197802320414</v>
      </c>
      <c r="J7419" s="237">
        <f t="shared" si="1713"/>
        <v>11.046197802320414</v>
      </c>
      <c r="K7419" s="237">
        <f t="shared" si="1709"/>
        <v>1555.3350637892809</v>
      </c>
      <c r="L7419" s="237">
        <f t="shared" si="1714"/>
        <v>816.40238717389718</v>
      </c>
      <c r="M7419" s="236">
        <f t="shared" si="1710"/>
        <v>28.887770671335893</v>
      </c>
      <c r="N7419" s="236">
        <f t="shared" si="1711"/>
        <v>1.1223689605237401</v>
      </c>
      <c r="O7419" s="236">
        <f t="shared" si="1715"/>
        <v>2.3770727127520006</v>
      </c>
      <c r="P7419" s="236" t="str">
        <f t="shared" si="1716"/>
        <v>SAND</v>
      </c>
      <c r="Q7419" s="236" t="e">
        <f t="shared" si="1712"/>
        <v>#N/A</v>
      </c>
      <c r="R7419" s="238">
        <v>35</v>
      </c>
      <c r="S7419" s="236" t="e">
        <f t="shared" si="1717"/>
        <v>#N/A</v>
      </c>
      <c r="T7419" s="236">
        <f t="shared" si="1704"/>
        <v>33.667854305130717</v>
      </c>
    </row>
    <row r="7420" spans="2:20" x14ac:dyDescent="0.2">
      <c r="B7420" s="239">
        <v>73.918000000000006</v>
      </c>
      <c r="C7420" s="3">
        <f t="shared" si="1705"/>
        <v>73.911000000000001</v>
      </c>
      <c r="D7420" s="239">
        <v>24.9222</v>
      </c>
      <c r="E7420" s="239">
        <v>0.2641</v>
      </c>
      <c r="F7420" s="239">
        <v>0.67520000000000002</v>
      </c>
      <c r="G7420">
        <f t="shared" si="1706"/>
        <v>25.05724</v>
      </c>
      <c r="H7420" s="235">
        <f t="shared" si="1707"/>
        <v>1.0539867918413999</v>
      </c>
      <c r="I7420" s="236">
        <f t="shared" si="1708"/>
        <v>21.042257647078671</v>
      </c>
      <c r="J7420" s="237">
        <f t="shared" si="1713"/>
        <v>11.042257647078671</v>
      </c>
      <c r="K7420" s="237">
        <f t="shared" si="1709"/>
        <v>1555.2543049532317</v>
      </c>
      <c r="L7420" s="237">
        <f t="shared" si="1714"/>
        <v>816.22160075676129</v>
      </c>
      <c r="M7420" s="236">
        <f t="shared" si="1710"/>
        <v>28.793633583400467</v>
      </c>
      <c r="N7420" s="236">
        <f t="shared" si="1711"/>
        <v>1.1237348342683282</v>
      </c>
      <c r="O7420" s="236">
        <f t="shared" si="1715"/>
        <v>2.3785531892725689</v>
      </c>
      <c r="P7420" s="236" t="str">
        <f t="shared" si="1716"/>
        <v>SAND</v>
      </c>
      <c r="Q7420" s="236" t="e">
        <f t="shared" si="1712"/>
        <v>#N/A</v>
      </c>
      <c r="R7420" s="238">
        <v>35</v>
      </c>
      <c r="S7420" s="236" t="e">
        <f t="shared" si="1717"/>
        <v>#N/A</v>
      </c>
      <c r="T7420" s="236">
        <f t="shared" si="1704"/>
        <v>33.652261210571332</v>
      </c>
    </row>
    <row r="7421" spans="2:20" x14ac:dyDescent="0.2">
      <c r="B7421" s="239">
        <v>73.927000000000007</v>
      </c>
      <c r="C7421" s="3">
        <f t="shared" si="1705"/>
        <v>73.92</v>
      </c>
      <c r="D7421" s="239">
        <v>24.872399999999999</v>
      </c>
      <c r="E7421" s="239">
        <v>0.25869999999999999</v>
      </c>
      <c r="F7421" s="239">
        <v>0.68700000000000006</v>
      </c>
      <c r="G7421">
        <f t="shared" si="1706"/>
        <v>25.009799999999998</v>
      </c>
      <c r="H7421" s="235">
        <f t="shared" si="1707"/>
        <v>1.0343945173491993</v>
      </c>
      <c r="I7421" s="236">
        <f t="shared" si="1708"/>
        <v>21.017292608792104</v>
      </c>
      <c r="J7421" s="237">
        <f t="shared" si="1713"/>
        <v>11.017292608792104</v>
      </c>
      <c r="K7421" s="237">
        <f t="shared" si="1709"/>
        <v>1553.5982696419123</v>
      </c>
      <c r="L7421" s="237">
        <f t="shared" si="1714"/>
        <v>814.47539069017398</v>
      </c>
      <c r="M7421" s="236">
        <f t="shared" si="1710"/>
        <v>28.799153416387032</v>
      </c>
      <c r="N7421" s="236">
        <f t="shared" si="1711"/>
        <v>1.1029066128177891</v>
      </c>
      <c r="O7421" s="236">
        <f t="shared" si="1715"/>
        <v>2.374152054217697</v>
      </c>
      <c r="P7421" s="236" t="str">
        <f t="shared" si="1716"/>
        <v>SAND</v>
      </c>
      <c r="Q7421" s="236" t="e">
        <f t="shared" si="1712"/>
        <v>#N/A</v>
      </c>
      <c r="R7421" s="238">
        <v>35</v>
      </c>
      <c r="S7421" s="236" t="e">
        <f t="shared" si="1717"/>
        <v>#N/A</v>
      </c>
      <c r="T7421" s="236">
        <f t="shared" si="1704"/>
        <v>33.653176935075479</v>
      </c>
    </row>
    <row r="7422" spans="2:20" x14ac:dyDescent="0.2">
      <c r="B7422" s="239">
        <v>73.936999999999998</v>
      </c>
      <c r="C7422" s="3">
        <f t="shared" si="1705"/>
        <v>73.929999999999993</v>
      </c>
      <c r="D7422" s="239">
        <v>24.880800000000001</v>
      </c>
      <c r="E7422" s="239">
        <v>0.25080000000000002</v>
      </c>
      <c r="F7422" s="239">
        <v>0.69499999999999995</v>
      </c>
      <c r="G7422">
        <f t="shared" si="1706"/>
        <v>25.0198</v>
      </c>
      <c r="H7422" s="235">
        <f t="shared" si="1707"/>
        <v>1.0024060943732565</v>
      </c>
      <c r="I7422" s="236">
        <f t="shared" si="1708"/>
        <v>20.98108284159936</v>
      </c>
      <c r="J7422" s="237">
        <f t="shared" si="1713"/>
        <v>10.98108284159936</v>
      </c>
      <c r="K7422" s="237">
        <f t="shared" si="1709"/>
        <v>1551.1314544794404</v>
      </c>
      <c r="L7422" s="237">
        <f t="shared" si="1714"/>
        <v>811.90832205933179</v>
      </c>
      <c r="M7422" s="236">
        <f t="shared" si="1710"/>
        <v>28.905564714491916</v>
      </c>
      <c r="N7422" s="236">
        <f t="shared" si="1711"/>
        <v>1.0686588355600171</v>
      </c>
      <c r="O7422" s="236">
        <f t="shared" si="1715"/>
        <v>2.3655347281838148</v>
      </c>
      <c r="P7422" s="236" t="str">
        <f t="shared" si="1716"/>
        <v>SAND</v>
      </c>
      <c r="Q7422" s="236" t="e">
        <f t="shared" si="1712"/>
        <v>#N/A</v>
      </c>
      <c r="R7422" s="238">
        <v>35</v>
      </c>
      <c r="S7422" s="236" t="e">
        <f t="shared" si="1717"/>
        <v>#N/A</v>
      </c>
      <c r="T7422" s="236">
        <f t="shared" si="1704"/>
        <v>33.670796042422957</v>
      </c>
    </row>
    <row r="7423" spans="2:20" x14ac:dyDescent="0.2">
      <c r="B7423" s="239">
        <v>73.945999999999998</v>
      </c>
      <c r="C7423" s="3">
        <f t="shared" si="1705"/>
        <v>73.938999999999993</v>
      </c>
      <c r="D7423" s="239">
        <v>24.886299999999999</v>
      </c>
      <c r="E7423" s="239">
        <v>0.21929999999999999</v>
      </c>
      <c r="F7423" s="239">
        <v>0.69199999999999995</v>
      </c>
      <c r="G7423">
        <f t="shared" si="1706"/>
        <v>25.024699999999999</v>
      </c>
      <c r="H7423" s="235">
        <f t="shared" si="1707"/>
        <v>0.87633418182835354</v>
      </c>
      <c r="I7423" s="236">
        <f t="shared" si="1708"/>
        <v>20.823779351725221</v>
      </c>
      <c r="J7423" s="237">
        <f t="shared" si="1713"/>
        <v>10.823779351725221</v>
      </c>
      <c r="K7423" s="237">
        <f t="shared" si="1709"/>
        <v>1539.6894214872109</v>
      </c>
      <c r="L7423" s="237">
        <f t="shared" si="1714"/>
        <v>800.37518794267316</v>
      </c>
      <c r="M7423" s="236">
        <f t="shared" si="1710"/>
        <v>29.342502031928184</v>
      </c>
      <c r="N7423" s="236">
        <f t="shared" si="1711"/>
        <v>0.93378710333920301</v>
      </c>
      <c r="O7423" s="236">
        <f t="shared" si="1715"/>
        <v>2.3295294989914503</v>
      </c>
      <c r="P7423" s="236" t="str">
        <f t="shared" si="1716"/>
        <v>SAND</v>
      </c>
      <c r="Q7423" s="236" t="e">
        <f t="shared" si="1712"/>
        <v>#N/A</v>
      </c>
      <c r="R7423" s="238">
        <v>35</v>
      </c>
      <c r="S7423" s="236" t="e">
        <f t="shared" si="1717"/>
        <v>#N/A</v>
      </c>
      <c r="T7423" s="236">
        <f t="shared" si="1704"/>
        <v>33.742468576619366</v>
      </c>
    </row>
    <row r="7424" spans="2:20" x14ac:dyDescent="0.2">
      <c r="B7424" s="239">
        <v>73.956000000000003</v>
      </c>
      <c r="C7424" s="3">
        <f t="shared" si="1705"/>
        <v>73.948999999999998</v>
      </c>
      <c r="D7424" s="239">
        <v>24.9358</v>
      </c>
      <c r="E7424" s="239">
        <v>0.16309999999999999</v>
      </c>
      <c r="F7424" s="239">
        <v>0.69299999999999995</v>
      </c>
      <c r="G7424">
        <f t="shared" si="1706"/>
        <v>25.074400000000001</v>
      </c>
      <c r="H7424" s="235">
        <f t="shared" si="1707"/>
        <v>0.65046421848578617</v>
      </c>
      <c r="I7424" s="236">
        <f t="shared" si="1708"/>
        <v>20.47737624389984</v>
      </c>
      <c r="J7424" s="237">
        <f t="shared" si="1713"/>
        <v>10.47737624389984</v>
      </c>
      <c r="K7424" s="237">
        <f t="shared" si="1709"/>
        <v>1514.2814958601493</v>
      </c>
      <c r="L7424" s="237">
        <f t="shared" si="1714"/>
        <v>774.86483749385661</v>
      </c>
      <c r="M7424" s="236">
        <f t="shared" si="1710"/>
        <v>30.405455718367975</v>
      </c>
      <c r="N7424" s="236">
        <f t="shared" si="1711"/>
        <v>0.69227156039703686</v>
      </c>
      <c r="O7424" s="236">
        <f t="shared" si="1715"/>
        <v>2.2522317620445023</v>
      </c>
      <c r="P7424" s="236" t="str">
        <f t="shared" si="1716"/>
        <v>SAND</v>
      </c>
      <c r="Q7424" s="236" t="e">
        <f t="shared" si="1712"/>
        <v>#N/A</v>
      </c>
      <c r="R7424" s="238">
        <v>35</v>
      </c>
      <c r="S7424" s="236" t="e">
        <f t="shared" si="1717"/>
        <v>#N/A</v>
      </c>
      <c r="T7424" s="236">
        <f t="shared" si="1704"/>
        <v>33.912466687254422</v>
      </c>
    </row>
    <row r="7425" spans="2:20" x14ac:dyDescent="0.2">
      <c r="B7425" s="239">
        <v>73.965000000000003</v>
      </c>
      <c r="C7425" s="3">
        <f t="shared" si="1705"/>
        <v>73.957999999999998</v>
      </c>
      <c r="D7425" s="239">
        <v>25.003799999999998</v>
      </c>
      <c r="E7425" s="239">
        <v>0.15440000000000001</v>
      </c>
      <c r="F7425" s="239">
        <v>0.69420000000000004</v>
      </c>
      <c r="G7425">
        <f t="shared" si="1706"/>
        <v>25.142639999999997</v>
      </c>
      <c r="H7425" s="235">
        <f t="shared" si="1707"/>
        <v>0.6140962126491093</v>
      </c>
      <c r="I7425" s="236">
        <f t="shared" si="1708"/>
        <v>20.414160542934489</v>
      </c>
      <c r="J7425" s="237">
        <f t="shared" si="1713"/>
        <v>10.414160542934489</v>
      </c>
      <c r="K7425" s="237">
        <f t="shared" si="1709"/>
        <v>1509.790485434349</v>
      </c>
      <c r="L7425" s="237">
        <f t="shared" si="1714"/>
        <v>770.28338455814958</v>
      </c>
      <c r="M7425" s="236">
        <f t="shared" si="1710"/>
        <v>30.680720872775847</v>
      </c>
      <c r="N7425" s="236">
        <f t="shared" si="1711"/>
        <v>0.6533279023540457</v>
      </c>
      <c r="O7425" s="236">
        <f t="shared" si="1715"/>
        <v>2.2370334873290543</v>
      </c>
      <c r="P7425" s="236" t="str">
        <f t="shared" si="1716"/>
        <v>SAND</v>
      </c>
      <c r="Q7425" s="236" t="e">
        <f t="shared" si="1712"/>
        <v>#N/A</v>
      </c>
      <c r="R7425" s="238">
        <v>35</v>
      </c>
      <c r="S7425" s="236" t="e">
        <f t="shared" si="1717"/>
        <v>#N/A</v>
      </c>
      <c r="T7425" s="236">
        <f t="shared" si="1704"/>
        <v>33.955521155155182</v>
      </c>
    </row>
    <row r="7426" spans="2:20" x14ac:dyDescent="0.2">
      <c r="B7426" s="239">
        <v>73.974999999999994</v>
      </c>
      <c r="C7426" s="3">
        <f t="shared" si="1705"/>
        <v>73.967999999999989</v>
      </c>
      <c r="D7426" s="239">
        <v>25.191700000000001</v>
      </c>
      <c r="E7426" s="239">
        <v>0.14990000000000001</v>
      </c>
      <c r="F7426" s="239">
        <v>0.70469999999999999</v>
      </c>
      <c r="G7426">
        <f t="shared" si="1706"/>
        <v>25.332640000000001</v>
      </c>
      <c r="H7426" s="235">
        <f t="shared" si="1707"/>
        <v>0.59172672094183631</v>
      </c>
      <c r="I7426" s="236">
        <f t="shared" si="1708"/>
        <v>20.382419869372651</v>
      </c>
      <c r="J7426" s="237">
        <f t="shared" si="1713"/>
        <v>10.382419869372651</v>
      </c>
      <c r="K7426" s="237">
        <f t="shared" si="1709"/>
        <v>1507.646832897756</v>
      </c>
      <c r="L7426" s="237">
        <f t="shared" si="1714"/>
        <v>768.03950983684183</v>
      </c>
      <c r="M7426" s="236">
        <f t="shared" si="1710"/>
        <v>31.02053066536056</v>
      </c>
      <c r="N7426" s="236">
        <f t="shared" si="1711"/>
        <v>0.62917121926810538</v>
      </c>
      <c r="O7426" s="236">
        <f t="shared" si="1715"/>
        <v>2.2252554376497891</v>
      </c>
      <c r="P7426" s="236" t="str">
        <f t="shared" si="1716"/>
        <v>SAND</v>
      </c>
      <c r="Q7426" s="236" t="e">
        <f t="shared" si="1712"/>
        <v>#N/A</v>
      </c>
      <c r="R7426" s="238">
        <v>35</v>
      </c>
      <c r="S7426" s="236" t="e">
        <f t="shared" si="1717"/>
        <v>#N/A</v>
      </c>
      <c r="T7426" s="236">
        <f t="shared" si="1704"/>
        <v>34.008141452745136</v>
      </c>
    </row>
    <row r="7427" spans="2:20" x14ac:dyDescent="0.2">
      <c r="B7427" s="239">
        <v>73.983000000000004</v>
      </c>
      <c r="C7427" s="3">
        <f t="shared" si="1705"/>
        <v>73.975999999999999</v>
      </c>
      <c r="D7427" s="239">
        <v>25.3142</v>
      </c>
      <c r="E7427" s="239">
        <v>0.14949999999999999</v>
      </c>
      <c r="F7427" s="239">
        <v>0.69320000000000004</v>
      </c>
      <c r="G7427">
        <f t="shared" si="1706"/>
        <v>25.452839999999998</v>
      </c>
      <c r="H7427" s="235">
        <f t="shared" si="1707"/>
        <v>0.58736078174380546</v>
      </c>
      <c r="I7427" s="236">
        <f t="shared" si="1708"/>
        <v>20.381136897296699</v>
      </c>
      <c r="J7427" s="237">
        <f t="shared" si="1713"/>
        <v>10.381136897296699</v>
      </c>
      <c r="K7427" s="237">
        <f t="shared" si="1709"/>
        <v>1507.7149831144206</v>
      </c>
      <c r="L7427" s="237">
        <f t="shared" si="1714"/>
        <v>768.0276510727017</v>
      </c>
      <c r="M7427" s="236">
        <f t="shared" si="1710"/>
        <v>31.177425687006846</v>
      </c>
      <c r="N7427" s="236">
        <f t="shared" si="1711"/>
        <v>0.6243442032337515</v>
      </c>
      <c r="O7427" s="236">
        <f t="shared" si="1715"/>
        <v>2.221777085294518</v>
      </c>
      <c r="P7427" s="236" t="str">
        <f t="shared" si="1716"/>
        <v>SAND</v>
      </c>
      <c r="Q7427" s="236" t="e">
        <f t="shared" si="1712"/>
        <v>#N/A</v>
      </c>
      <c r="R7427" s="238">
        <v>35</v>
      </c>
      <c r="S7427" s="236" t="e">
        <f t="shared" si="1717"/>
        <v>#N/A</v>
      </c>
      <c r="T7427" s="236">
        <f t="shared" si="1704"/>
        <v>34.032242780095743</v>
      </c>
    </row>
    <row r="7428" spans="2:20" x14ac:dyDescent="0.2">
      <c r="B7428" s="239">
        <v>73.991</v>
      </c>
      <c r="C7428" s="3">
        <f t="shared" si="1705"/>
        <v>73.983999999999995</v>
      </c>
      <c r="D7428" s="239">
        <v>25.551500000000001</v>
      </c>
      <c r="E7428" s="239">
        <v>0.1512</v>
      </c>
      <c r="F7428" s="239">
        <v>0.69410000000000005</v>
      </c>
      <c r="G7428">
        <f t="shared" si="1706"/>
        <v>25.69032</v>
      </c>
      <c r="H7428" s="235">
        <f t="shared" si="1707"/>
        <v>0.58854852722737594</v>
      </c>
      <c r="I7428" s="236">
        <f t="shared" si="1708"/>
        <v>20.398025453034293</v>
      </c>
      <c r="J7428" s="237">
        <f t="shared" si="1713"/>
        <v>10.398025453034293</v>
      </c>
      <c r="K7428" s="237">
        <f t="shared" si="1709"/>
        <v>1509.127515117289</v>
      </c>
      <c r="L7428" s="237">
        <f t="shared" si="1714"/>
        <v>769.36030129546043</v>
      </c>
      <c r="M7428" s="236">
        <f t="shared" si="1710"/>
        <v>31.430257636332492</v>
      </c>
      <c r="N7428" s="236">
        <f t="shared" si="1711"/>
        <v>0.62527933680080205</v>
      </c>
      <c r="O7428" s="236">
        <f t="shared" si="1715"/>
        <v>2.2189553118654923</v>
      </c>
      <c r="P7428" s="236" t="str">
        <f t="shared" si="1716"/>
        <v>SAND</v>
      </c>
      <c r="Q7428" s="236" t="e">
        <f t="shared" si="1712"/>
        <v>#N/A</v>
      </c>
      <c r="R7428" s="238">
        <v>35</v>
      </c>
      <c r="S7428" s="236" t="e">
        <f t="shared" si="1717"/>
        <v>#N/A</v>
      </c>
      <c r="T7428" s="236">
        <f t="shared" si="1704"/>
        <v>34.070827350766038</v>
      </c>
    </row>
    <row r="7429" spans="2:20" x14ac:dyDescent="0.2">
      <c r="B7429" s="239">
        <v>74</v>
      </c>
      <c r="C7429" s="3">
        <f t="shared" si="1705"/>
        <v>73.992999999999995</v>
      </c>
      <c r="D7429" s="239">
        <v>25.911000000000001</v>
      </c>
      <c r="E7429" s="239">
        <v>0.15190000000000001</v>
      </c>
      <c r="F7429" s="239">
        <v>0.6946</v>
      </c>
      <c r="G7429">
        <f t="shared" si="1706"/>
        <v>26.04992</v>
      </c>
      <c r="H7429" s="235">
        <f t="shared" si="1707"/>
        <v>0.58311119573495818</v>
      </c>
      <c r="I7429" s="236">
        <f t="shared" si="1708"/>
        <v>20.408874798328888</v>
      </c>
      <c r="J7429" s="237">
        <f t="shared" si="1713"/>
        <v>10.408874798328888</v>
      </c>
      <c r="K7429" s="237">
        <f t="shared" si="1709"/>
        <v>1510.1138729527493</v>
      </c>
      <c r="L7429" s="237">
        <f t="shared" si="1714"/>
        <v>770.25673507633769</v>
      </c>
      <c r="M7429" s="236">
        <f t="shared" si="1710"/>
        <v>31.859255504744389</v>
      </c>
      <c r="N7429" s="236">
        <f t="shared" si="1711"/>
        <v>0.61899429528328276</v>
      </c>
      <c r="O7429" s="236">
        <f t="shared" si="1715"/>
        <v>2.2117124555171466</v>
      </c>
      <c r="P7429" s="236" t="str">
        <f t="shared" si="1716"/>
        <v>SAND</v>
      </c>
      <c r="Q7429" s="236" t="e">
        <f t="shared" si="1712"/>
        <v>#N/A</v>
      </c>
      <c r="R7429" s="238">
        <v>35</v>
      </c>
      <c r="S7429" s="236" t="e">
        <f t="shared" si="1717"/>
        <v>#N/A</v>
      </c>
      <c r="T7429" s="236">
        <f t="shared" si="1704"/>
        <v>34.13559185166708</v>
      </c>
    </row>
    <row r="7430" spans="2:20" x14ac:dyDescent="0.2">
      <c r="B7430" s="239">
        <v>74.010999999999996</v>
      </c>
      <c r="C7430" s="3">
        <f t="shared" si="1705"/>
        <v>74.003999999999991</v>
      </c>
      <c r="D7430" s="239">
        <v>26.373899999999999</v>
      </c>
      <c r="E7430" s="239">
        <v>0.1532</v>
      </c>
      <c r="F7430" s="239">
        <v>0.69720000000000004</v>
      </c>
      <c r="G7430">
        <f t="shared" si="1706"/>
        <v>26.513339999999999</v>
      </c>
      <c r="H7430" s="235">
        <f t="shared" si="1707"/>
        <v>0.57782233396471372</v>
      </c>
      <c r="I7430" s="236">
        <f t="shared" si="1708"/>
        <v>20.425759717701901</v>
      </c>
      <c r="J7430" s="237">
        <f t="shared" si="1713"/>
        <v>10.425759717701901</v>
      </c>
      <c r="K7430" s="237">
        <f t="shared" si="1709"/>
        <v>1511.5879221488112</v>
      </c>
      <c r="L7430" s="237">
        <f t="shared" si="1714"/>
        <v>771.62090246683533</v>
      </c>
      <c r="M7430" s="236">
        <f t="shared" si="1710"/>
        <v>32.401600316841829</v>
      </c>
      <c r="N7430" s="236">
        <f t="shared" si="1711"/>
        <v>0.61275705607735542</v>
      </c>
      <c r="O7430" s="236">
        <f t="shared" si="1715"/>
        <v>2.2031816895227632</v>
      </c>
      <c r="P7430" s="236" t="str">
        <f t="shared" si="1716"/>
        <v>SAND</v>
      </c>
      <c r="Q7430" s="236" t="e">
        <f t="shared" si="1712"/>
        <v>#N/A</v>
      </c>
      <c r="R7430" s="238">
        <v>35</v>
      </c>
      <c r="S7430" s="236" t="e">
        <f t="shared" si="1717"/>
        <v>#N/A</v>
      </c>
      <c r="T7430" s="236">
        <f t="shared" si="1704"/>
        <v>34.216231066214455</v>
      </c>
    </row>
    <row r="7431" spans="2:20" x14ac:dyDescent="0.2">
      <c r="B7431" s="239">
        <v>74.018000000000001</v>
      </c>
      <c r="C7431" s="3">
        <f t="shared" si="1705"/>
        <v>74.010999999999996</v>
      </c>
      <c r="D7431" s="239">
        <v>26.891200000000001</v>
      </c>
      <c r="E7431" s="239">
        <v>0.1507</v>
      </c>
      <c r="F7431" s="239">
        <v>0.69120000000000004</v>
      </c>
      <c r="G7431">
        <f t="shared" si="1706"/>
        <v>27.029440000000001</v>
      </c>
      <c r="H7431" s="235">
        <f t="shared" si="1707"/>
        <v>0.55754022280890769</v>
      </c>
      <c r="I7431" s="236">
        <f t="shared" si="1708"/>
        <v>20.414002178844221</v>
      </c>
      <c r="J7431" s="237">
        <f t="shared" si="1713"/>
        <v>10.414002178844221</v>
      </c>
      <c r="K7431" s="237">
        <f t="shared" si="1709"/>
        <v>1510.8607152584395</v>
      </c>
      <c r="L7431" s="237">
        <f t="shared" si="1714"/>
        <v>770.82361327369154</v>
      </c>
      <c r="M7431" s="236">
        <f t="shared" si="1710"/>
        <v>33.105601392209607</v>
      </c>
      <c r="N7431" s="236">
        <f t="shared" si="1711"/>
        <v>0.59055011769447807</v>
      </c>
      <c r="O7431" s="236">
        <f t="shared" si="1715"/>
        <v>2.1875726722541473</v>
      </c>
      <c r="P7431" s="236" t="str">
        <f t="shared" si="1716"/>
        <v>SAND</v>
      </c>
      <c r="Q7431" s="236" t="e">
        <f t="shared" si="1712"/>
        <v>#N/A</v>
      </c>
      <c r="R7431" s="238">
        <v>35</v>
      </c>
      <c r="S7431" s="236" t="e">
        <f t="shared" si="1717"/>
        <v>#N/A</v>
      </c>
      <c r="T7431" s="236">
        <f t="shared" si="1704"/>
        <v>34.318916297909915</v>
      </c>
    </row>
    <row r="7432" spans="2:20" x14ac:dyDescent="0.2">
      <c r="B7432" s="239">
        <v>74.036000000000001</v>
      </c>
      <c r="C7432" s="3">
        <f t="shared" si="1705"/>
        <v>74.028999999999996</v>
      </c>
      <c r="D7432" s="239">
        <v>27.866299999999999</v>
      </c>
      <c r="E7432" s="239">
        <v>0.15640000000000001</v>
      </c>
      <c r="F7432" s="239">
        <v>0.6915</v>
      </c>
      <c r="G7432">
        <f t="shared" si="1706"/>
        <v>28.0046</v>
      </c>
      <c r="H7432" s="235">
        <f t="shared" si="1707"/>
        <v>0.55847967833855872</v>
      </c>
      <c r="I7432" s="236">
        <f t="shared" si="1708"/>
        <v>20.471388712411969</v>
      </c>
      <c r="J7432" s="237">
        <f t="shared" si="1713"/>
        <v>10.471388712411969</v>
      </c>
      <c r="K7432" s="237">
        <f t="shared" si="1709"/>
        <v>1515.4764349911457</v>
      </c>
      <c r="L7432" s="237">
        <f t="shared" si="1714"/>
        <v>775.25973471213251</v>
      </c>
      <c r="M7432" s="236">
        <f t="shared" si="1710"/>
        <v>34.168063139309986</v>
      </c>
      <c r="N7432" s="236">
        <f t="shared" si="1711"/>
        <v>0.59043101073603887</v>
      </c>
      <c r="O7432" s="236">
        <f t="shared" si="1715"/>
        <v>2.1753120257303213</v>
      </c>
      <c r="P7432" s="236" t="str">
        <f t="shared" si="1716"/>
        <v>SAND</v>
      </c>
      <c r="Q7432" s="236" t="e">
        <f t="shared" si="1712"/>
        <v>#N/A</v>
      </c>
      <c r="R7432" s="238">
        <v>35</v>
      </c>
      <c r="S7432" s="236" t="e">
        <f t="shared" si="1717"/>
        <v>#N/A</v>
      </c>
      <c r="T7432" s="236">
        <f t="shared" si="1704"/>
        <v>34.46982397049554</v>
      </c>
    </row>
    <row r="7433" spans="2:20" x14ac:dyDescent="0.2">
      <c r="B7433" s="239">
        <v>74.045000000000002</v>
      </c>
      <c r="C7433" s="3">
        <f t="shared" si="1705"/>
        <v>74.037999999999997</v>
      </c>
      <c r="D7433" s="239">
        <v>28.536300000000001</v>
      </c>
      <c r="E7433" s="239">
        <v>0.1545</v>
      </c>
      <c r="F7433" s="239">
        <v>0.68089999999999995</v>
      </c>
      <c r="G7433">
        <f t="shared" si="1706"/>
        <v>28.67248</v>
      </c>
      <c r="H7433" s="235">
        <f t="shared" si="1707"/>
        <v>0.53884421577763764</v>
      </c>
      <c r="I7433" s="236">
        <f t="shared" si="1708"/>
        <v>20.466268693165297</v>
      </c>
      <c r="J7433" s="237">
        <f t="shared" si="1713"/>
        <v>10.466268693165297</v>
      </c>
      <c r="K7433" s="237">
        <f t="shared" si="1709"/>
        <v>1515.2816015045721</v>
      </c>
      <c r="L7433" s="237">
        <f t="shared" si="1714"/>
        <v>774.97486538542444</v>
      </c>
      <c r="M7433" s="236">
        <f t="shared" si="1710"/>
        <v>35.042682816544151</v>
      </c>
      <c r="N7433" s="236">
        <f t="shared" si="1711"/>
        <v>0.5689099358958899</v>
      </c>
      <c r="O7433" s="236">
        <f t="shared" si="1715"/>
        <v>2.1582134363324279</v>
      </c>
      <c r="P7433" s="236" t="str">
        <f t="shared" si="1716"/>
        <v>SAND</v>
      </c>
      <c r="Q7433" s="236" t="e">
        <f t="shared" si="1712"/>
        <v>#N/A</v>
      </c>
      <c r="R7433" s="238">
        <v>35</v>
      </c>
      <c r="S7433" s="236" t="e">
        <f t="shared" si="1717"/>
        <v>#N/A</v>
      </c>
      <c r="T7433" s="236">
        <f t="shared" si="1704"/>
        <v>34.590570824911239</v>
      </c>
    </row>
    <row r="7434" spans="2:20" x14ac:dyDescent="0.2">
      <c r="B7434" s="239">
        <v>74.054000000000002</v>
      </c>
      <c r="C7434" s="3">
        <f t="shared" si="1705"/>
        <v>74.046999999999997</v>
      </c>
      <c r="D7434" s="239">
        <v>29.147300000000001</v>
      </c>
      <c r="E7434" s="239">
        <v>0.1555</v>
      </c>
      <c r="F7434" s="239">
        <v>0.68140000000000001</v>
      </c>
      <c r="G7434">
        <f t="shared" si="1706"/>
        <v>29.283580000000001</v>
      </c>
      <c r="H7434" s="235">
        <f t="shared" si="1707"/>
        <v>0.5310143090428151</v>
      </c>
      <c r="I7434" s="236">
        <f t="shared" si="1708"/>
        <v>20.482076868880519</v>
      </c>
      <c r="J7434" s="237">
        <f t="shared" si="1713"/>
        <v>10.482076868880519</v>
      </c>
      <c r="K7434" s="237">
        <f t="shared" si="1709"/>
        <v>1516.6363459099957</v>
      </c>
      <c r="L7434" s="237">
        <f t="shared" si="1714"/>
        <v>776.23972044807795</v>
      </c>
      <c r="M7434" s="236">
        <f t="shared" si="1710"/>
        <v>35.771093545769297</v>
      </c>
      <c r="N7434" s="236">
        <f t="shared" si="1711"/>
        <v>0.56001842311908612</v>
      </c>
      <c r="O7434" s="236">
        <f t="shared" si="1715"/>
        <v>2.1471526458938168</v>
      </c>
      <c r="P7434" s="236" t="str">
        <f t="shared" si="1716"/>
        <v>SAND</v>
      </c>
      <c r="Q7434" s="236" t="e">
        <f t="shared" si="1712"/>
        <v>#N/A</v>
      </c>
      <c r="R7434" s="238">
        <v>35</v>
      </c>
      <c r="S7434" s="236" t="e">
        <f t="shared" si="1717"/>
        <v>#N/A</v>
      </c>
      <c r="T7434" s="236">
        <f t="shared" si="1704"/>
        <v>34.688854387206831</v>
      </c>
    </row>
    <row r="7435" spans="2:20" x14ac:dyDescent="0.2">
      <c r="B7435" s="239">
        <v>74.063000000000002</v>
      </c>
      <c r="C7435" s="3">
        <f t="shared" si="1705"/>
        <v>74.055999999999997</v>
      </c>
      <c r="D7435" s="239">
        <v>29.789300000000001</v>
      </c>
      <c r="E7435" s="239">
        <v>0.15090000000000001</v>
      </c>
      <c r="F7435" s="239">
        <v>0.67220000000000002</v>
      </c>
      <c r="G7435">
        <f t="shared" si="1706"/>
        <v>29.923740000000002</v>
      </c>
      <c r="H7435" s="235">
        <f t="shared" si="1707"/>
        <v>0.50428188455052747</v>
      </c>
      <c r="I7435" s="236">
        <f t="shared" si="1708"/>
        <v>20.455318287125593</v>
      </c>
      <c r="J7435" s="237">
        <f t="shared" si="1713"/>
        <v>10.455318287125593</v>
      </c>
      <c r="K7435" s="237">
        <f t="shared" si="1709"/>
        <v>1514.8390510713728</v>
      </c>
      <c r="L7435" s="237">
        <f t="shared" si="1714"/>
        <v>774.35223829938275</v>
      </c>
      <c r="M7435" s="236">
        <f t="shared" si="1710"/>
        <v>36.687310430353634</v>
      </c>
      <c r="N7435" s="236">
        <f t="shared" si="1711"/>
        <v>0.53117155173048269</v>
      </c>
      <c r="O7435" s="236">
        <f t="shared" si="1715"/>
        <v>2.127049269108908</v>
      </c>
      <c r="P7435" s="236" t="str">
        <f t="shared" si="1716"/>
        <v>SAND</v>
      </c>
      <c r="Q7435" s="236" t="e">
        <f t="shared" si="1712"/>
        <v>#N/A</v>
      </c>
      <c r="R7435" s="238">
        <v>35</v>
      </c>
      <c r="S7435" s="236" t="e">
        <f t="shared" si="1717"/>
        <v>#N/A</v>
      </c>
      <c r="T7435" s="236">
        <f t="shared" si="1704"/>
        <v>34.809674619754801</v>
      </c>
    </row>
    <row r="7436" spans="2:20" x14ac:dyDescent="0.2">
      <c r="B7436" s="239">
        <v>74.072000000000003</v>
      </c>
      <c r="C7436" s="3">
        <f t="shared" si="1705"/>
        <v>74.064999999999998</v>
      </c>
      <c r="D7436" s="239">
        <v>30.3109</v>
      </c>
      <c r="E7436" s="239">
        <v>0.14960000000000001</v>
      </c>
      <c r="F7436" s="239">
        <v>0.64959999999999996</v>
      </c>
      <c r="G7436">
        <f t="shared" si="1706"/>
        <v>30.440819999999999</v>
      </c>
      <c r="H7436" s="235">
        <f t="shared" si="1707"/>
        <v>0.4914453684230583</v>
      </c>
      <c r="I7436" s="236">
        <f t="shared" si="1708"/>
        <v>20.451869069271904</v>
      </c>
      <c r="J7436" s="237">
        <f t="shared" si="1713"/>
        <v>10.451869069271904</v>
      </c>
      <c r="K7436" s="237">
        <f t="shared" si="1709"/>
        <v>1514.7676826156235</v>
      </c>
      <c r="L7436" s="237">
        <f t="shared" si="1714"/>
        <v>774.19084569910854</v>
      </c>
      <c r="M7436" s="236">
        <f t="shared" si="1710"/>
        <v>37.362948009626258</v>
      </c>
      <c r="N7436" s="236">
        <f t="shared" si="1711"/>
        <v>0.51718083877657706</v>
      </c>
      <c r="O7436" s="236">
        <f t="shared" si="1715"/>
        <v>2.1148091696020122</v>
      </c>
      <c r="P7436" s="236" t="str">
        <f t="shared" si="1716"/>
        <v>SAND</v>
      </c>
      <c r="Q7436" s="236" t="e">
        <f t="shared" si="1712"/>
        <v>#N/A</v>
      </c>
      <c r="R7436" s="238">
        <v>35</v>
      </c>
      <c r="S7436" s="236" t="e">
        <f t="shared" si="1717"/>
        <v>#N/A</v>
      </c>
      <c r="T7436" s="236">
        <f t="shared" si="1704"/>
        <v>34.896852491528058</v>
      </c>
    </row>
    <row r="7437" spans="2:20" x14ac:dyDescent="0.2">
      <c r="B7437" s="239">
        <v>74.081000000000003</v>
      </c>
      <c r="C7437" s="3">
        <f t="shared" si="1705"/>
        <v>74.073999999999998</v>
      </c>
      <c r="D7437" s="239">
        <v>30.825500000000002</v>
      </c>
      <c r="E7437" s="239">
        <v>0.1507</v>
      </c>
      <c r="F7437" s="239">
        <v>0.65769999999999995</v>
      </c>
      <c r="G7437">
        <f t="shared" si="1706"/>
        <v>30.957040000000003</v>
      </c>
      <c r="H7437" s="235">
        <f t="shared" si="1707"/>
        <v>0.48680364789398461</v>
      </c>
      <c r="I7437" s="236">
        <f t="shared" si="1708"/>
        <v>20.467032321130063</v>
      </c>
      <c r="J7437" s="237">
        <f t="shared" si="1713"/>
        <v>10.467032321130063</v>
      </c>
      <c r="K7437" s="237">
        <f t="shared" si="1709"/>
        <v>1516.0749521553882</v>
      </c>
      <c r="L7437" s="237">
        <f t="shared" si="1714"/>
        <v>775.40822138163617</v>
      </c>
      <c r="M7437" s="236">
        <f t="shared" si="1710"/>
        <v>37.968342656189769</v>
      </c>
      <c r="N7437" s="236">
        <f t="shared" si="1711"/>
        <v>0.51187180771790897</v>
      </c>
      <c r="O7437" s="236">
        <f t="shared" si="1715"/>
        <v>2.106567608576325</v>
      </c>
      <c r="P7437" s="236" t="str">
        <f t="shared" si="1716"/>
        <v>SAND</v>
      </c>
      <c r="Q7437" s="236" t="e">
        <f t="shared" si="1712"/>
        <v>#N/A</v>
      </c>
      <c r="R7437" s="238">
        <v>35</v>
      </c>
      <c r="S7437" s="236" t="e">
        <f t="shared" si="1717"/>
        <v>#N/A</v>
      </c>
      <c r="T7437" s="236">
        <f t="shared" ref="T7437:T7462" si="1718">IF(P7437="SAND",17.6+(11*LOG(M7437)),#N/A)</f>
        <v>34.973638043365639</v>
      </c>
    </row>
    <row r="7438" spans="2:20" x14ac:dyDescent="0.2">
      <c r="B7438" s="239">
        <v>74.088999999999999</v>
      </c>
      <c r="C7438" s="3">
        <f t="shared" ref="C7438:C7462" si="1719">MAX($B7438 - $B$13, 0.001)</f>
        <v>74.081999999999994</v>
      </c>
      <c r="D7438" s="239">
        <v>31.363499999999998</v>
      </c>
      <c r="E7438" s="239">
        <v>0.15079999999999999</v>
      </c>
      <c r="F7438" s="239">
        <v>0.64800000000000002</v>
      </c>
      <c r="G7438">
        <f t="shared" si="1706"/>
        <v>31.493099999999998</v>
      </c>
      <c r="H7438" s="235">
        <f t="shared" si="1707"/>
        <v>0.47883504640699071</v>
      </c>
      <c r="I7438" s="236">
        <f t="shared" si="1708"/>
        <v>20.474520547500674</v>
      </c>
      <c r="J7438" s="237">
        <f t="shared" si="1713"/>
        <v>10.474520547500674</v>
      </c>
      <c r="K7438" s="237">
        <f t="shared" si="1709"/>
        <v>1516.7934311999447</v>
      </c>
      <c r="L7438" s="237">
        <f t="shared" si="1714"/>
        <v>776.04675284377743</v>
      </c>
      <c r="M7438" s="236">
        <f t="shared" si="1710"/>
        <v>38.626933827058295</v>
      </c>
      <c r="N7438" s="236">
        <f t="shared" si="1711"/>
        <v>0.50306397705765282</v>
      </c>
      <c r="O7438" s="236">
        <f t="shared" si="1715"/>
        <v>2.096542807634012</v>
      </c>
      <c r="P7438" s="236" t="str">
        <f t="shared" si="1716"/>
        <v>SAND</v>
      </c>
      <c r="Q7438" s="236" t="e">
        <f t="shared" si="1712"/>
        <v>#N/A</v>
      </c>
      <c r="R7438" s="238">
        <v>35</v>
      </c>
      <c r="S7438" s="236" t="e">
        <f t="shared" si="1717"/>
        <v>#N/A</v>
      </c>
      <c r="T7438" s="236">
        <f t="shared" si="1718"/>
        <v>35.055792591476745</v>
      </c>
    </row>
    <row r="7439" spans="2:20" x14ac:dyDescent="0.2">
      <c r="B7439" s="239">
        <v>74.097999999999999</v>
      </c>
      <c r="C7439" s="3">
        <f t="shared" si="1719"/>
        <v>74.090999999999994</v>
      </c>
      <c r="D7439" s="239">
        <v>31.855499999999999</v>
      </c>
      <c r="E7439" s="239">
        <v>0.151</v>
      </c>
      <c r="F7439" s="239">
        <v>0.65569999999999995</v>
      </c>
      <c r="G7439">
        <f t="shared" ref="G7439:G7462" si="1720">$D7439+($F7439*(1-$P$8))</f>
        <v>31.986639999999998</v>
      </c>
      <c r="H7439" s="235">
        <f t="shared" ref="H7439:H7462" si="1721">($E7439/$G7439)*100</f>
        <v>0.47207209009761575</v>
      </c>
      <c r="I7439" s="236">
        <f t="shared" ref="I7439:I7462" si="1722">((0.27*(LOG($H7439)))+(0.36*(LOG(($G7439*1000)/101)))+1.236)*10</f>
        <v>20.482152572335792</v>
      </c>
      <c r="J7439" s="237">
        <f t="shared" si="1713"/>
        <v>10.482152572335792</v>
      </c>
      <c r="K7439" s="237">
        <f t="shared" ref="K7439:K7462" si="1723">$I7439*$C7439</f>
        <v>1517.543166236931</v>
      </c>
      <c r="L7439" s="237">
        <f t="shared" si="1714"/>
        <v>776.70654130493756</v>
      </c>
      <c r="M7439" s="236">
        <f t="shared" ref="M7439:M7462" si="1724">(($G7439*1000)-$K7439)/$L7439</f>
        <v>39.22858275735932</v>
      </c>
      <c r="N7439" s="236">
        <f t="shared" ref="N7439:N7462" si="1725">(($E7439*1000)/(($G7439*1000)-$K7439))*100</f>
        <v>0.49558410222608101</v>
      </c>
      <c r="O7439" s="236">
        <f t="shared" si="1715"/>
        <v>2.0876558452123239</v>
      </c>
      <c r="P7439" s="236" t="str">
        <f t="shared" si="1716"/>
        <v>SAND</v>
      </c>
      <c r="Q7439" s="236" t="e">
        <f t="shared" ref="Q7439:Q7462" si="1726">IF(P7439="CLAY",($G7439*1000 -$K7439)/$L$8,#N/A)</f>
        <v>#N/A</v>
      </c>
      <c r="R7439" s="238">
        <v>35</v>
      </c>
      <c r="S7439" s="236" t="e">
        <f t="shared" si="1717"/>
        <v>#N/A</v>
      </c>
      <c r="T7439" s="236">
        <f t="shared" si="1718"/>
        <v>35.129628801366209</v>
      </c>
    </row>
    <row r="7440" spans="2:20" x14ac:dyDescent="0.2">
      <c r="B7440" s="239">
        <v>74.105999999999995</v>
      </c>
      <c r="C7440" s="3">
        <f t="shared" si="1719"/>
        <v>74.09899999999999</v>
      </c>
      <c r="D7440" s="239">
        <v>32.383299999999998</v>
      </c>
      <c r="E7440" s="239">
        <v>0.1515</v>
      </c>
      <c r="F7440" s="239">
        <v>0.63959999999999995</v>
      </c>
      <c r="G7440">
        <f t="shared" si="1720"/>
        <v>32.511220000000002</v>
      </c>
      <c r="H7440" s="235">
        <f t="shared" si="1721"/>
        <v>0.46599297104199711</v>
      </c>
      <c r="I7440" s="236">
        <f t="shared" si="1722"/>
        <v>20.492387103276076</v>
      </c>
      <c r="J7440" s="237">
        <f t="shared" ref="J7440:J7462" si="1727">$I7440-10</f>
        <v>10.492387103276076</v>
      </c>
      <c r="K7440" s="237">
        <f t="shared" si="1723"/>
        <v>1518.4653919656537</v>
      </c>
      <c r="L7440" s="237">
        <f t="shared" ref="L7440:L7462" si="1728">$J7440*$B7440</f>
        <v>777.54883867537683</v>
      </c>
      <c r="M7440" s="236">
        <f t="shared" si="1724"/>
        <v>39.859560025622628</v>
      </c>
      <c r="N7440" s="236">
        <f t="shared" si="1725"/>
        <v>0.48882392648224365</v>
      </c>
      <c r="O7440" s="236">
        <f t="shared" ref="O7440:O7462" si="1729">((3.47-LOG($M7440))^2+(LOG($N7440)+1.22)^2)^0.5</f>
        <v>2.0788138247763697</v>
      </c>
      <c r="P7440" s="236" t="str">
        <f t="shared" ref="P7440:P7462" si="1730">IF(O7440&lt;2.6,"SAND","CLAY")</f>
        <v>SAND</v>
      </c>
      <c r="Q7440" s="236" t="e">
        <f t="shared" si="1726"/>
        <v>#N/A</v>
      </c>
      <c r="R7440" s="238">
        <v>35</v>
      </c>
      <c r="S7440" s="236" t="e">
        <f t="shared" ref="S7440:S7462" si="1731">IF(P7440="SAND",#N/A,0.25*($M7440)^1.25)</f>
        <v>#N/A</v>
      </c>
      <c r="T7440" s="236">
        <f t="shared" si="1718"/>
        <v>35.205857506586995</v>
      </c>
    </row>
    <row r="7441" spans="2:20" x14ac:dyDescent="0.2">
      <c r="B7441" s="239">
        <v>74.114999999999995</v>
      </c>
      <c r="C7441" s="3">
        <f t="shared" si="1719"/>
        <v>74.10799999999999</v>
      </c>
      <c r="D7441" s="239">
        <v>33.013500000000001</v>
      </c>
      <c r="E7441" s="239">
        <v>0.153</v>
      </c>
      <c r="F7441" s="239">
        <v>0.63049999999999995</v>
      </c>
      <c r="G7441">
        <f t="shared" si="1720"/>
        <v>33.139600000000002</v>
      </c>
      <c r="H7441" s="235">
        <f t="shared" si="1721"/>
        <v>0.46168330335912322</v>
      </c>
      <c r="I7441" s="236">
        <f t="shared" si="1722"/>
        <v>20.5114224534932</v>
      </c>
      <c r="J7441" s="237">
        <f t="shared" si="1727"/>
        <v>10.5114224534932</v>
      </c>
      <c r="K7441" s="237">
        <f t="shared" si="1723"/>
        <v>1520.0604951834739</v>
      </c>
      <c r="L7441" s="237">
        <f t="shared" si="1728"/>
        <v>779.05407514064848</v>
      </c>
      <c r="M7441" s="236">
        <f t="shared" si="1724"/>
        <v>40.587092107961837</v>
      </c>
      <c r="N7441" s="236">
        <f t="shared" si="1725"/>
        <v>0.48387801465829039</v>
      </c>
      <c r="O7441" s="236">
        <f t="shared" si="1729"/>
        <v>2.0698179880336958</v>
      </c>
      <c r="P7441" s="236" t="str">
        <f t="shared" si="1730"/>
        <v>SAND</v>
      </c>
      <c r="Q7441" s="236" t="e">
        <f t="shared" si="1726"/>
        <v>#N/A</v>
      </c>
      <c r="R7441" s="238">
        <v>35</v>
      </c>
      <c r="S7441" s="236" t="e">
        <f t="shared" si="1731"/>
        <v>#N/A</v>
      </c>
      <c r="T7441" s="236">
        <f t="shared" si="1718"/>
        <v>35.292267307930494</v>
      </c>
    </row>
    <row r="7442" spans="2:20" x14ac:dyDescent="0.2">
      <c r="B7442" s="239">
        <v>74.123999999999995</v>
      </c>
      <c r="C7442" s="3">
        <f t="shared" si="1719"/>
        <v>74.11699999999999</v>
      </c>
      <c r="D7442" s="239">
        <v>33.4968</v>
      </c>
      <c r="E7442" s="239">
        <v>0.15390000000000001</v>
      </c>
      <c r="F7442" s="239">
        <v>0.59989999999999999</v>
      </c>
      <c r="G7442">
        <f t="shared" si="1720"/>
        <v>33.616779999999999</v>
      </c>
      <c r="H7442" s="235">
        <f t="shared" si="1721"/>
        <v>0.45780708324830643</v>
      </c>
      <c r="I7442" s="236">
        <f t="shared" si="1722"/>
        <v>20.523887828711793</v>
      </c>
      <c r="J7442" s="237">
        <f t="shared" si="1727"/>
        <v>10.523887828711793</v>
      </c>
      <c r="K7442" s="237">
        <f t="shared" si="1723"/>
        <v>1521.1689942006317</v>
      </c>
      <c r="L7442" s="237">
        <f t="shared" si="1728"/>
        <v>780.07266141543289</v>
      </c>
      <c r="M7442" s="236">
        <f t="shared" si="1724"/>
        <v>41.144386405700018</v>
      </c>
      <c r="N7442" s="236">
        <f t="shared" si="1725"/>
        <v>0.47950481445014947</v>
      </c>
      <c r="O7442" s="236">
        <f t="shared" si="1729"/>
        <v>2.0627678407692276</v>
      </c>
      <c r="P7442" s="236" t="str">
        <f t="shared" si="1730"/>
        <v>SAND</v>
      </c>
      <c r="Q7442" s="236" t="e">
        <f t="shared" si="1726"/>
        <v>#N/A</v>
      </c>
      <c r="R7442" s="238">
        <v>35</v>
      </c>
      <c r="S7442" s="236" t="e">
        <f t="shared" si="1731"/>
        <v>#N/A</v>
      </c>
      <c r="T7442" s="236">
        <f t="shared" si="1718"/>
        <v>35.357416489887378</v>
      </c>
    </row>
    <row r="7443" spans="2:20" x14ac:dyDescent="0.2">
      <c r="B7443" s="239">
        <v>74.132999999999996</v>
      </c>
      <c r="C7443" s="3">
        <f t="shared" si="1719"/>
        <v>74.125999999999991</v>
      </c>
      <c r="D7443" s="239">
        <v>33.868400000000001</v>
      </c>
      <c r="E7443" s="239">
        <v>0.152</v>
      </c>
      <c r="F7443" s="239">
        <v>0.57130000000000003</v>
      </c>
      <c r="G7443">
        <f t="shared" si="1720"/>
        <v>33.982660000000003</v>
      </c>
      <c r="H7443" s="235">
        <f t="shared" si="1721"/>
        <v>0.44728693986874474</v>
      </c>
      <c r="I7443" s="236">
        <f t="shared" si="1722"/>
        <v>20.513552375154923</v>
      </c>
      <c r="J7443" s="237">
        <f t="shared" si="1727"/>
        <v>10.513552375154923</v>
      </c>
      <c r="K7443" s="237">
        <f t="shared" si="1723"/>
        <v>1520.5875833607336</v>
      </c>
      <c r="L7443" s="237">
        <f t="shared" si="1728"/>
        <v>779.40117822735988</v>
      </c>
      <c r="M7443" s="236">
        <f t="shared" si="1724"/>
        <v>41.650017120155965</v>
      </c>
      <c r="N7443" s="236">
        <f t="shared" si="1725"/>
        <v>0.46823874350698724</v>
      </c>
      <c r="O7443" s="236">
        <f t="shared" si="1729"/>
        <v>2.0534984928379889</v>
      </c>
      <c r="P7443" s="236" t="str">
        <f t="shared" si="1730"/>
        <v>SAND</v>
      </c>
      <c r="Q7443" s="236" t="e">
        <f t="shared" si="1726"/>
        <v>#N/A</v>
      </c>
      <c r="R7443" s="238">
        <v>35</v>
      </c>
      <c r="S7443" s="236" t="e">
        <f t="shared" si="1731"/>
        <v>#N/A</v>
      </c>
      <c r="T7443" s="236">
        <f t="shared" si="1718"/>
        <v>35.415767026845906</v>
      </c>
    </row>
    <row r="7444" spans="2:20" x14ac:dyDescent="0.2">
      <c r="B7444" s="239">
        <v>74.141000000000005</v>
      </c>
      <c r="C7444" s="3">
        <f t="shared" si="1719"/>
        <v>74.134</v>
      </c>
      <c r="D7444" s="239">
        <v>34.236600000000003</v>
      </c>
      <c r="E7444" s="239">
        <v>0.15190000000000001</v>
      </c>
      <c r="F7444" s="239">
        <v>0.58040000000000003</v>
      </c>
      <c r="G7444">
        <f t="shared" si="1720"/>
        <v>34.352679999999999</v>
      </c>
      <c r="H7444" s="235">
        <f t="shared" si="1721"/>
        <v>0.44217801929863987</v>
      </c>
      <c r="I7444" s="236">
        <f t="shared" si="1722"/>
        <v>20.517013605316308</v>
      </c>
      <c r="J7444" s="237">
        <f t="shared" si="1727"/>
        <v>10.517013605316308</v>
      </c>
      <c r="K7444" s="237">
        <f t="shared" si="1723"/>
        <v>1521.0082866165192</v>
      </c>
      <c r="L7444" s="237">
        <f t="shared" si="1728"/>
        <v>779.74190571175643</v>
      </c>
      <c r="M7444" s="236">
        <f t="shared" si="1724"/>
        <v>42.105819211312486</v>
      </c>
      <c r="N7444" s="236">
        <f t="shared" si="1725"/>
        <v>0.46266300822592465</v>
      </c>
      <c r="O7444" s="236">
        <f t="shared" si="1729"/>
        <v>2.046984790053918</v>
      </c>
      <c r="P7444" s="236" t="str">
        <f t="shared" si="1730"/>
        <v>SAND</v>
      </c>
      <c r="Q7444" s="236" t="e">
        <f t="shared" si="1726"/>
        <v>#N/A</v>
      </c>
      <c r="R7444" s="238">
        <v>35</v>
      </c>
      <c r="S7444" s="236" t="e">
        <f t="shared" si="1731"/>
        <v>#N/A</v>
      </c>
      <c r="T7444" s="236">
        <f t="shared" si="1718"/>
        <v>35.467763335519393</v>
      </c>
    </row>
    <row r="7445" spans="2:20" x14ac:dyDescent="0.2">
      <c r="B7445" s="239">
        <v>74.150000000000006</v>
      </c>
      <c r="C7445" s="3">
        <f t="shared" si="1719"/>
        <v>74.143000000000001</v>
      </c>
      <c r="D7445" s="239">
        <v>34.6614</v>
      </c>
      <c r="E7445" s="239">
        <v>0.15079999999999999</v>
      </c>
      <c r="F7445" s="239">
        <v>0.58860000000000001</v>
      </c>
      <c r="G7445">
        <f t="shared" si="1720"/>
        <v>34.779119999999999</v>
      </c>
      <c r="H7445" s="235">
        <f t="shared" si="1721"/>
        <v>0.4335934894269895</v>
      </c>
      <c r="I7445" s="236">
        <f t="shared" si="1722"/>
        <v>20.513313406671458</v>
      </c>
      <c r="J7445" s="237">
        <f t="shared" si="1727"/>
        <v>10.513313406671458</v>
      </c>
      <c r="K7445" s="237">
        <f t="shared" si="1723"/>
        <v>1520.918595910842</v>
      </c>
      <c r="L7445" s="237">
        <f t="shared" si="1728"/>
        <v>779.56218910468863</v>
      </c>
      <c r="M7445" s="236">
        <f t="shared" si="1724"/>
        <v>42.662666133519792</v>
      </c>
      <c r="N7445" s="236">
        <f t="shared" si="1725"/>
        <v>0.4534219940752986</v>
      </c>
      <c r="O7445" s="236">
        <f t="shared" si="1729"/>
        <v>2.038057940098009</v>
      </c>
      <c r="P7445" s="236" t="str">
        <f t="shared" si="1730"/>
        <v>SAND</v>
      </c>
      <c r="Q7445" s="236" t="e">
        <f t="shared" si="1726"/>
        <v>#N/A</v>
      </c>
      <c r="R7445" s="238">
        <v>35</v>
      </c>
      <c r="S7445" s="236" t="e">
        <f t="shared" si="1731"/>
        <v>#N/A</v>
      </c>
      <c r="T7445" s="236">
        <f t="shared" si="1718"/>
        <v>35.530527917330552</v>
      </c>
    </row>
    <row r="7446" spans="2:20" x14ac:dyDescent="0.2">
      <c r="B7446" s="239">
        <v>74.158000000000001</v>
      </c>
      <c r="C7446" s="3">
        <f t="shared" si="1719"/>
        <v>74.150999999999996</v>
      </c>
      <c r="D7446" s="239">
        <v>34.954300000000003</v>
      </c>
      <c r="E7446" s="239">
        <v>0.1502</v>
      </c>
      <c r="F7446" s="239">
        <v>0.621</v>
      </c>
      <c r="G7446">
        <f t="shared" si="1720"/>
        <v>35.078500000000005</v>
      </c>
      <c r="H7446" s="235">
        <f t="shared" si="1721"/>
        <v>0.42818250495317633</v>
      </c>
      <c r="I7446" s="236">
        <f t="shared" si="1722"/>
        <v>20.511988785296676</v>
      </c>
      <c r="J7446" s="237">
        <f t="shared" si="1727"/>
        <v>10.511988785296676</v>
      </c>
      <c r="K7446" s="237">
        <f t="shared" si="1723"/>
        <v>1520.9844804185338</v>
      </c>
      <c r="L7446" s="237">
        <f t="shared" si="1728"/>
        <v>779.54806434003092</v>
      </c>
      <c r="M7446" s="236">
        <f t="shared" si="1724"/>
        <v>43.047397658528503</v>
      </c>
      <c r="N7446" s="236">
        <f t="shared" si="1725"/>
        <v>0.44758975053548089</v>
      </c>
      <c r="O7446" s="236">
        <f t="shared" si="1729"/>
        <v>2.0321228269698781</v>
      </c>
      <c r="P7446" s="236" t="str">
        <f t="shared" si="1730"/>
        <v>SAND</v>
      </c>
      <c r="Q7446" s="236" t="e">
        <f t="shared" si="1726"/>
        <v>#N/A</v>
      </c>
      <c r="R7446" s="238">
        <v>35</v>
      </c>
      <c r="S7446" s="236" t="e">
        <f t="shared" si="1731"/>
        <v>#N/A</v>
      </c>
      <c r="T7446" s="236">
        <f t="shared" si="1718"/>
        <v>35.573415924285243</v>
      </c>
    </row>
    <row r="7447" spans="2:20" x14ac:dyDescent="0.2">
      <c r="B7447" s="239">
        <v>74.167000000000002</v>
      </c>
      <c r="C7447" s="3">
        <f t="shared" si="1719"/>
        <v>74.16</v>
      </c>
      <c r="D7447" s="239">
        <v>35.302999999999997</v>
      </c>
      <c r="E7447" s="239">
        <v>0.1522</v>
      </c>
      <c r="F7447" s="239">
        <v>0.61529999999999996</v>
      </c>
      <c r="G7447">
        <f t="shared" si="1720"/>
        <v>35.42606</v>
      </c>
      <c r="H7447" s="235">
        <f t="shared" si="1721"/>
        <v>0.42962722922052299</v>
      </c>
      <c r="I7447" s="236">
        <f t="shared" si="1722"/>
        <v>20.531353184416986</v>
      </c>
      <c r="J7447" s="237">
        <f t="shared" si="1727"/>
        <v>10.531353184416986</v>
      </c>
      <c r="K7447" s="237">
        <f t="shared" si="1723"/>
        <v>1522.6051521563636</v>
      </c>
      <c r="L7447" s="237">
        <f t="shared" si="1728"/>
        <v>781.07887162865461</v>
      </c>
      <c r="M7447" s="236">
        <f t="shared" si="1724"/>
        <v>43.405930027463633</v>
      </c>
      <c r="N7447" s="236">
        <f t="shared" si="1725"/>
        <v>0.44892180069277038</v>
      </c>
      <c r="O7447" s="236">
        <f t="shared" si="1729"/>
        <v>2.0294231074513012</v>
      </c>
      <c r="P7447" s="236" t="str">
        <f t="shared" si="1730"/>
        <v>SAND</v>
      </c>
      <c r="Q7447" s="236" t="e">
        <f t="shared" si="1726"/>
        <v>#N/A</v>
      </c>
      <c r="R7447" s="238">
        <v>35</v>
      </c>
      <c r="S7447" s="236" t="e">
        <f t="shared" si="1731"/>
        <v>#N/A</v>
      </c>
      <c r="T7447" s="236">
        <f t="shared" si="1718"/>
        <v>35.613039725675208</v>
      </c>
    </row>
    <row r="7448" spans="2:20" x14ac:dyDescent="0.2">
      <c r="B7448" s="239">
        <v>74.174999999999997</v>
      </c>
      <c r="C7448" s="3">
        <f t="shared" si="1719"/>
        <v>74.167999999999992</v>
      </c>
      <c r="D7448" s="239">
        <v>35.651699999999998</v>
      </c>
      <c r="E7448" s="239">
        <v>0.1517</v>
      </c>
      <c r="F7448" s="239">
        <v>0.61799999999999999</v>
      </c>
      <c r="G7448">
        <f t="shared" si="1720"/>
        <v>35.775300000000001</v>
      </c>
      <c r="H7448" s="235">
        <f t="shared" si="1721"/>
        <v>0.42403557761919541</v>
      </c>
      <c r="I7448" s="236">
        <f t="shared" si="1722"/>
        <v>20.531329078375752</v>
      </c>
      <c r="J7448" s="237">
        <f t="shared" si="1727"/>
        <v>10.531329078375752</v>
      </c>
      <c r="K7448" s="237">
        <f t="shared" si="1723"/>
        <v>1522.7676150849725</v>
      </c>
      <c r="L7448" s="237">
        <f t="shared" si="1728"/>
        <v>781.16133438852137</v>
      </c>
      <c r="M7448" s="236">
        <f t="shared" si="1724"/>
        <v>43.848217873875285</v>
      </c>
      <c r="N7448" s="236">
        <f t="shared" si="1725"/>
        <v>0.44288696174420483</v>
      </c>
      <c r="O7448" s="236">
        <f t="shared" si="1729"/>
        <v>2.0229243842278049</v>
      </c>
      <c r="P7448" s="236" t="str">
        <f t="shared" si="1730"/>
        <v>SAND</v>
      </c>
      <c r="Q7448" s="236" t="e">
        <f t="shared" si="1726"/>
        <v>#N/A</v>
      </c>
      <c r="R7448" s="238">
        <v>35</v>
      </c>
      <c r="S7448" s="236" t="e">
        <f t="shared" si="1731"/>
        <v>#N/A</v>
      </c>
      <c r="T7448" s="236">
        <f t="shared" si="1718"/>
        <v>35.661471417003838</v>
      </c>
    </row>
    <row r="7449" spans="2:20" x14ac:dyDescent="0.2">
      <c r="B7449" s="239">
        <v>74.185000000000002</v>
      </c>
      <c r="C7449" s="3">
        <f t="shared" si="1719"/>
        <v>74.177999999999997</v>
      </c>
      <c r="D7449" s="239">
        <v>35.9499</v>
      </c>
      <c r="E7449" s="239">
        <v>0.15260000000000001</v>
      </c>
      <c r="F7449" s="239">
        <v>0.61360000000000003</v>
      </c>
      <c r="G7449">
        <f t="shared" si="1720"/>
        <v>36.072620000000001</v>
      </c>
      <c r="H7449" s="235">
        <f t="shared" si="1721"/>
        <v>0.42303553221252022</v>
      </c>
      <c r="I7449" s="236">
        <f t="shared" si="1722"/>
        <v>20.541500213292558</v>
      </c>
      <c r="J7449" s="237">
        <f t="shared" si="1727"/>
        <v>10.541500213292558</v>
      </c>
      <c r="K7449" s="237">
        <f t="shared" si="1723"/>
        <v>1523.7274028216152</v>
      </c>
      <c r="L7449" s="237">
        <f t="shared" si="1728"/>
        <v>782.02119332310838</v>
      </c>
      <c r="M7449" s="236">
        <f t="shared" si="1724"/>
        <v>44.178972248011434</v>
      </c>
      <c r="N7449" s="236">
        <f t="shared" si="1725"/>
        <v>0.44169288370320403</v>
      </c>
      <c r="O7449" s="236">
        <f t="shared" si="1729"/>
        <v>2.0194730465649182</v>
      </c>
      <c r="P7449" s="236" t="str">
        <f t="shared" si="1730"/>
        <v>SAND</v>
      </c>
      <c r="Q7449" s="236" t="e">
        <f t="shared" si="1726"/>
        <v>#N/A</v>
      </c>
      <c r="R7449" s="238">
        <v>35</v>
      </c>
      <c r="S7449" s="236" t="e">
        <f t="shared" si="1731"/>
        <v>#N/A</v>
      </c>
      <c r="T7449" s="236">
        <f t="shared" si="1718"/>
        <v>35.697371693473997</v>
      </c>
    </row>
    <row r="7450" spans="2:20" x14ac:dyDescent="0.2">
      <c r="B7450" s="239">
        <v>74.192999999999998</v>
      </c>
      <c r="C7450" s="3">
        <f t="shared" si="1719"/>
        <v>74.185999999999993</v>
      </c>
      <c r="D7450" s="239">
        <v>36.258099999999999</v>
      </c>
      <c r="E7450" s="239">
        <v>0.15490000000000001</v>
      </c>
      <c r="F7450" s="239">
        <v>0.60289999999999999</v>
      </c>
      <c r="G7450">
        <f t="shared" si="1720"/>
        <v>36.378679999999996</v>
      </c>
      <c r="H7450" s="235">
        <f t="shared" si="1721"/>
        <v>0.42579884701698917</v>
      </c>
      <c r="I7450" s="236">
        <f t="shared" si="1722"/>
        <v>20.562344125310954</v>
      </c>
      <c r="J7450" s="237">
        <f t="shared" si="1727"/>
        <v>10.562344125310954</v>
      </c>
      <c r="K7450" s="237">
        <f t="shared" si="1723"/>
        <v>1525.4380612803184</v>
      </c>
      <c r="L7450" s="237">
        <f t="shared" si="1728"/>
        <v>783.65199768919558</v>
      </c>
      <c r="M7450" s="236">
        <f t="shared" si="1724"/>
        <v>44.475407504215696</v>
      </c>
      <c r="N7450" s="236">
        <f t="shared" si="1725"/>
        <v>0.44443498332910103</v>
      </c>
      <c r="O7450" s="236">
        <f t="shared" si="1729"/>
        <v>2.0180034944044749</v>
      </c>
      <c r="P7450" s="236" t="str">
        <f t="shared" si="1730"/>
        <v>SAND</v>
      </c>
      <c r="Q7450" s="236" t="e">
        <f t="shared" si="1726"/>
        <v>#N/A</v>
      </c>
      <c r="R7450" s="238">
        <v>35</v>
      </c>
      <c r="S7450" s="236" t="e">
        <f t="shared" si="1731"/>
        <v>#N/A</v>
      </c>
      <c r="T7450" s="236">
        <f t="shared" si="1718"/>
        <v>35.729319295788017</v>
      </c>
    </row>
    <row r="7451" spans="2:20" x14ac:dyDescent="0.2">
      <c r="B7451" s="239">
        <v>74.201999999999998</v>
      </c>
      <c r="C7451" s="3">
        <f t="shared" si="1719"/>
        <v>74.194999999999993</v>
      </c>
      <c r="D7451" s="239">
        <v>36.408999999999999</v>
      </c>
      <c r="E7451" s="239">
        <v>0.15679999999999999</v>
      </c>
      <c r="F7451" s="239">
        <v>0.58389999999999997</v>
      </c>
      <c r="G7451">
        <f t="shared" si="1720"/>
        <v>36.525779999999997</v>
      </c>
      <c r="H7451" s="235">
        <f t="shared" si="1721"/>
        <v>0.42928583592191599</v>
      </c>
      <c r="I7451" s="236">
        <f t="shared" si="1722"/>
        <v>20.578216960994887</v>
      </c>
      <c r="J7451" s="237">
        <f t="shared" si="1727"/>
        <v>10.578216960994887</v>
      </c>
      <c r="K7451" s="237">
        <f t="shared" si="1723"/>
        <v>1526.8008074210154</v>
      </c>
      <c r="L7451" s="237">
        <f t="shared" si="1728"/>
        <v>784.92485493974254</v>
      </c>
      <c r="M7451" s="236">
        <f t="shared" si="1724"/>
        <v>44.588955200387687</v>
      </c>
      <c r="N7451" s="236">
        <f t="shared" si="1725"/>
        <v>0.44801306671609181</v>
      </c>
      <c r="O7451" s="236">
        <f t="shared" si="1729"/>
        <v>2.0185045676062159</v>
      </c>
      <c r="P7451" s="236" t="str">
        <f t="shared" si="1730"/>
        <v>SAND</v>
      </c>
      <c r="Q7451" s="236" t="e">
        <f t="shared" si="1726"/>
        <v>#N/A</v>
      </c>
      <c r="R7451" s="238">
        <v>35</v>
      </c>
      <c r="S7451" s="236" t="e">
        <f t="shared" si="1731"/>
        <v>#N/A</v>
      </c>
      <c r="T7451" s="236">
        <f t="shared" si="1718"/>
        <v>35.741500257827155</v>
      </c>
    </row>
    <row r="7452" spans="2:20" x14ac:dyDescent="0.2">
      <c r="B7452" s="239">
        <v>74.209999999999994</v>
      </c>
      <c r="C7452" s="3">
        <f t="shared" si="1719"/>
        <v>74.202999999999989</v>
      </c>
      <c r="D7452" s="239">
        <v>36.684899999999999</v>
      </c>
      <c r="E7452" s="239">
        <v>0.15959999999999999</v>
      </c>
      <c r="F7452" s="239">
        <v>0.58389999999999997</v>
      </c>
      <c r="G7452">
        <f t="shared" si="1720"/>
        <v>36.801679999999998</v>
      </c>
      <c r="H7452" s="235">
        <f t="shared" si="1721"/>
        <v>0.43367585392840763</v>
      </c>
      <c r="I7452" s="236">
        <f t="shared" si="1722"/>
        <v>20.601912729559576</v>
      </c>
      <c r="J7452" s="237">
        <f t="shared" si="1727"/>
        <v>10.601912729559576</v>
      </c>
      <c r="K7452" s="237">
        <f t="shared" si="1723"/>
        <v>1528.7237302715089</v>
      </c>
      <c r="L7452" s="237">
        <f t="shared" si="1728"/>
        <v>786.76794366061608</v>
      </c>
      <c r="M7452" s="236">
        <f t="shared" si="1724"/>
        <v>44.832731879762505</v>
      </c>
      <c r="N7452" s="236">
        <f t="shared" si="1725"/>
        <v>0.45247128927770042</v>
      </c>
      <c r="O7452" s="236">
        <f t="shared" si="1729"/>
        <v>2.0182308220456036</v>
      </c>
      <c r="P7452" s="236" t="str">
        <f t="shared" si="1730"/>
        <v>SAND</v>
      </c>
      <c r="Q7452" s="236" t="e">
        <f t="shared" si="1726"/>
        <v>#N/A</v>
      </c>
      <c r="R7452" s="238">
        <v>35</v>
      </c>
      <c r="S7452" s="236" t="e">
        <f t="shared" si="1731"/>
        <v>#N/A</v>
      </c>
      <c r="T7452" s="236">
        <f t="shared" si="1718"/>
        <v>35.767547237176458</v>
      </c>
    </row>
    <row r="7453" spans="2:20" x14ac:dyDescent="0.2">
      <c r="B7453" s="239">
        <v>74.218999999999994</v>
      </c>
      <c r="C7453" s="3">
        <f t="shared" si="1719"/>
        <v>74.211999999999989</v>
      </c>
      <c r="D7453" s="239">
        <v>36.722499999999997</v>
      </c>
      <c r="E7453" s="239">
        <v>0.1648</v>
      </c>
      <c r="F7453" s="239">
        <v>0.58399999999999996</v>
      </c>
      <c r="G7453">
        <f t="shared" si="1720"/>
        <v>36.839299999999994</v>
      </c>
      <c r="H7453" s="235">
        <f t="shared" si="1721"/>
        <v>0.44734834809564789</v>
      </c>
      <c r="I7453" s="236">
        <f t="shared" si="1722"/>
        <v>20.639907746699183</v>
      </c>
      <c r="J7453" s="237">
        <f t="shared" si="1727"/>
        <v>10.639907746699183</v>
      </c>
      <c r="K7453" s="237">
        <f t="shared" si="1723"/>
        <v>1531.7288336980396</v>
      </c>
      <c r="L7453" s="237">
        <f t="shared" si="1728"/>
        <v>789.68331305226661</v>
      </c>
      <c r="M7453" s="236">
        <f t="shared" si="1724"/>
        <v>44.711051357830904</v>
      </c>
      <c r="N7453" s="236">
        <f t="shared" si="1725"/>
        <v>0.46675541408321924</v>
      </c>
      <c r="O7453" s="236">
        <f t="shared" si="1729"/>
        <v>2.0251839171911397</v>
      </c>
      <c r="P7453" s="236" t="str">
        <f t="shared" si="1730"/>
        <v>SAND</v>
      </c>
      <c r="Q7453" s="236" t="e">
        <f t="shared" si="1726"/>
        <v>#N/A</v>
      </c>
      <c r="R7453" s="238">
        <v>35</v>
      </c>
      <c r="S7453" s="236" t="e">
        <f t="shared" si="1731"/>
        <v>#N/A</v>
      </c>
      <c r="T7453" s="236">
        <f t="shared" si="1718"/>
        <v>35.754563704242756</v>
      </c>
    </row>
    <row r="7454" spans="2:20" x14ac:dyDescent="0.2">
      <c r="B7454" s="239">
        <v>74.227000000000004</v>
      </c>
      <c r="C7454" s="3">
        <f t="shared" si="1719"/>
        <v>74.22</v>
      </c>
      <c r="D7454" s="239">
        <v>36.963799999999999</v>
      </c>
      <c r="E7454" s="239">
        <v>0.1673</v>
      </c>
      <c r="F7454" s="239">
        <v>0.57540000000000002</v>
      </c>
      <c r="G7454">
        <f t="shared" si="1720"/>
        <v>37.078879999999998</v>
      </c>
      <c r="H7454" s="235">
        <f t="shared" si="1721"/>
        <v>0.45120025200329683</v>
      </c>
      <c r="I7454" s="236">
        <f t="shared" si="1722"/>
        <v>20.660096041664275</v>
      </c>
      <c r="J7454" s="237">
        <f t="shared" si="1727"/>
        <v>10.660096041664275</v>
      </c>
      <c r="K7454" s="237">
        <f t="shared" si="1723"/>
        <v>1533.3923282123224</v>
      </c>
      <c r="L7454" s="237">
        <f t="shared" si="1728"/>
        <v>791.26694888461418</v>
      </c>
      <c r="M7454" s="236">
        <f t="shared" si="1724"/>
        <v>44.922244916072017</v>
      </c>
      <c r="N7454" s="236">
        <f t="shared" si="1725"/>
        <v>0.47066452300437955</v>
      </c>
      <c r="O7454" s="236">
        <f t="shared" si="1729"/>
        <v>2.0249395383505746</v>
      </c>
      <c r="P7454" s="236" t="str">
        <f t="shared" si="1730"/>
        <v>SAND</v>
      </c>
      <c r="Q7454" s="236" t="e">
        <f t="shared" si="1726"/>
        <v>#N/A</v>
      </c>
      <c r="R7454" s="238">
        <v>35</v>
      </c>
      <c r="S7454" s="236" t="e">
        <f t="shared" si="1731"/>
        <v>#N/A</v>
      </c>
      <c r="T7454" s="236">
        <f t="shared" si="1718"/>
        <v>35.777075964207405</v>
      </c>
    </row>
    <row r="7455" spans="2:20" x14ac:dyDescent="0.2">
      <c r="B7455" s="239">
        <v>74.234999999999999</v>
      </c>
      <c r="C7455" s="3">
        <f t="shared" si="1719"/>
        <v>74.227999999999994</v>
      </c>
      <c r="D7455" s="239">
        <v>37.134399999999999</v>
      </c>
      <c r="E7455" s="239">
        <v>0.1686</v>
      </c>
      <c r="F7455" s="239">
        <v>0.5796</v>
      </c>
      <c r="G7455">
        <f t="shared" si="1720"/>
        <v>37.250320000000002</v>
      </c>
      <c r="H7455" s="235">
        <f t="shared" si="1721"/>
        <v>0.45261356144054604</v>
      </c>
      <c r="I7455" s="236">
        <f t="shared" si="1722"/>
        <v>20.670975501290233</v>
      </c>
      <c r="J7455" s="237">
        <f t="shared" si="1727"/>
        <v>10.670975501290233</v>
      </c>
      <c r="K7455" s="237">
        <f t="shared" si="1723"/>
        <v>1534.3651695097712</v>
      </c>
      <c r="L7455" s="237">
        <f t="shared" si="1728"/>
        <v>792.15986633828038</v>
      </c>
      <c r="M7455" s="236">
        <f t="shared" si="1724"/>
        <v>45.086801728021712</v>
      </c>
      <c r="N7455" s="236">
        <f t="shared" si="1725"/>
        <v>0.47205793825248227</v>
      </c>
      <c r="O7455" s="236">
        <f t="shared" si="1729"/>
        <v>2.0240810460265974</v>
      </c>
      <c r="P7455" s="236" t="str">
        <f t="shared" si="1730"/>
        <v>SAND</v>
      </c>
      <c r="Q7455" s="236" t="e">
        <f t="shared" si="1726"/>
        <v>#N/A</v>
      </c>
      <c r="R7455" s="238">
        <v>35</v>
      </c>
      <c r="S7455" s="236" t="e">
        <f t="shared" si="1731"/>
        <v>#N/A</v>
      </c>
      <c r="T7455" s="236">
        <f t="shared" si="1718"/>
        <v>35.794543722714963</v>
      </c>
    </row>
    <row r="7456" spans="2:20" x14ac:dyDescent="0.2">
      <c r="B7456" s="239">
        <v>74.242000000000004</v>
      </c>
      <c r="C7456" s="3">
        <f t="shared" si="1719"/>
        <v>74.234999999999999</v>
      </c>
      <c r="D7456" s="239">
        <v>37.344000000000001</v>
      </c>
      <c r="E7456" s="239">
        <v>0.1694</v>
      </c>
      <c r="F7456" s="239">
        <v>0.58230000000000004</v>
      </c>
      <c r="G7456">
        <f t="shared" si="1720"/>
        <v>37.460459999999998</v>
      </c>
      <c r="H7456" s="235">
        <f t="shared" si="1721"/>
        <v>0.45221014370885992</v>
      </c>
      <c r="I7456" s="236">
        <f t="shared" si="1722"/>
        <v>20.678725046004764</v>
      </c>
      <c r="J7456" s="237">
        <f t="shared" si="1727"/>
        <v>10.678725046004764</v>
      </c>
      <c r="K7456" s="237">
        <f t="shared" si="1723"/>
        <v>1535.0851537901638</v>
      </c>
      <c r="L7456" s="237">
        <f t="shared" si="1728"/>
        <v>792.80990486548581</v>
      </c>
      <c r="M7456" s="236">
        <f t="shared" si="1724"/>
        <v>45.313983371972647</v>
      </c>
      <c r="N7456" s="236">
        <f t="shared" si="1725"/>
        <v>0.47153300619735045</v>
      </c>
      <c r="O7456" s="236">
        <f t="shared" si="1729"/>
        <v>2.0219093334088898</v>
      </c>
      <c r="P7456" s="236" t="str">
        <f t="shared" si="1730"/>
        <v>SAND</v>
      </c>
      <c r="Q7456" s="236" t="e">
        <f t="shared" si="1726"/>
        <v>#N/A</v>
      </c>
      <c r="R7456" s="238">
        <v>35</v>
      </c>
      <c r="S7456" s="236" t="e">
        <f t="shared" si="1731"/>
        <v>#N/A</v>
      </c>
      <c r="T7456" s="236">
        <f t="shared" si="1718"/>
        <v>35.818554650528284</v>
      </c>
    </row>
    <row r="7457" spans="2:20" x14ac:dyDescent="0.2">
      <c r="B7457" s="239">
        <v>74.25</v>
      </c>
      <c r="C7457" s="3">
        <f t="shared" si="1719"/>
        <v>74.242999999999995</v>
      </c>
      <c r="D7457" s="239">
        <v>37.308199999999999</v>
      </c>
      <c r="E7457" s="239">
        <v>0.1699</v>
      </c>
      <c r="F7457" s="239">
        <v>0.59570000000000001</v>
      </c>
      <c r="G7457">
        <f t="shared" si="1720"/>
        <v>37.427340000000001</v>
      </c>
      <c r="H7457" s="235">
        <f t="shared" si="1721"/>
        <v>0.45394623288750946</v>
      </c>
      <c r="I7457" s="236">
        <f t="shared" si="1722"/>
        <v>20.681835243534316</v>
      </c>
      <c r="J7457" s="237">
        <f t="shared" si="1727"/>
        <v>10.681835243534316</v>
      </c>
      <c r="K7457" s="237">
        <f t="shared" si="1723"/>
        <v>1535.4814939857181</v>
      </c>
      <c r="L7457" s="237">
        <f t="shared" si="1728"/>
        <v>793.12626683242297</v>
      </c>
      <c r="M7457" s="236">
        <f t="shared" si="1724"/>
        <v>45.253650026443722</v>
      </c>
      <c r="N7457" s="236">
        <f t="shared" si="1725"/>
        <v>0.47336640417082437</v>
      </c>
      <c r="O7457" s="236">
        <f t="shared" si="1729"/>
        <v>2.0231735592620432</v>
      </c>
      <c r="P7457" s="236" t="str">
        <f t="shared" si="1730"/>
        <v>SAND</v>
      </c>
      <c r="Q7457" s="236" t="e">
        <f t="shared" si="1726"/>
        <v>#N/A</v>
      </c>
      <c r="R7457" s="238">
        <v>35</v>
      </c>
      <c r="S7457" s="236" t="e">
        <f t="shared" si="1731"/>
        <v>#N/A</v>
      </c>
      <c r="T7457" s="236">
        <f t="shared" si="1718"/>
        <v>35.812189752578789</v>
      </c>
    </row>
    <row r="7458" spans="2:20" x14ac:dyDescent="0.2">
      <c r="B7458" s="239">
        <v>74.256</v>
      </c>
      <c r="C7458" s="3">
        <f t="shared" si="1719"/>
        <v>74.248999999999995</v>
      </c>
      <c r="D7458" s="239">
        <v>36.996000000000002</v>
      </c>
      <c r="E7458" s="239">
        <v>0.1711</v>
      </c>
      <c r="F7458" s="239">
        <v>0.60299999999999998</v>
      </c>
      <c r="G7458">
        <f t="shared" si="1720"/>
        <v>37.116600000000005</v>
      </c>
      <c r="H7458" s="235">
        <f t="shared" si="1721"/>
        <v>0.46097972335828169</v>
      </c>
      <c r="I7458" s="236">
        <f t="shared" si="1722"/>
        <v>20.686829448080523</v>
      </c>
      <c r="J7458" s="237">
        <f t="shared" si="1727"/>
        <v>10.686829448080523</v>
      </c>
      <c r="K7458" s="237">
        <f t="shared" si="1723"/>
        <v>1535.9763996905306</v>
      </c>
      <c r="L7458" s="237">
        <f t="shared" si="1728"/>
        <v>793.56120749666729</v>
      </c>
      <c r="M7458" s="236">
        <f t="shared" si="1724"/>
        <v>44.836646832259504</v>
      </c>
      <c r="N7458" s="236">
        <f t="shared" si="1725"/>
        <v>0.48087971116535405</v>
      </c>
      <c r="O7458" s="236">
        <f t="shared" si="1729"/>
        <v>2.0298098072322763</v>
      </c>
      <c r="P7458" s="236" t="str">
        <f t="shared" si="1730"/>
        <v>SAND</v>
      </c>
      <c r="Q7458" s="236" t="e">
        <f t="shared" si="1726"/>
        <v>#N/A</v>
      </c>
      <c r="R7458" s="238">
        <v>35</v>
      </c>
      <c r="S7458" s="236" t="e">
        <f t="shared" si="1731"/>
        <v>#N/A</v>
      </c>
      <c r="T7458" s="236">
        <f t="shared" si="1718"/>
        <v>35.767964384372313</v>
      </c>
    </row>
    <row r="7459" spans="2:20" x14ac:dyDescent="0.2">
      <c r="B7459" s="239">
        <v>74.265000000000001</v>
      </c>
      <c r="C7459" s="3">
        <f t="shared" si="1719"/>
        <v>74.257999999999996</v>
      </c>
      <c r="D7459" s="239">
        <v>37.131</v>
      </c>
      <c r="E7459" s="239">
        <v>0.1734</v>
      </c>
      <c r="F7459" s="239">
        <v>0.61339999999999995</v>
      </c>
      <c r="G7459">
        <f t="shared" si="1720"/>
        <v>37.253680000000003</v>
      </c>
      <c r="H7459" s="235">
        <f t="shared" si="1721"/>
        <v>0.46545737226496819</v>
      </c>
      <c r="I7459" s="236">
        <f t="shared" si="1722"/>
        <v>20.703927867647039</v>
      </c>
      <c r="J7459" s="237">
        <f t="shared" si="1727"/>
        <v>10.703927867647039</v>
      </c>
      <c r="K7459" s="237">
        <f t="shared" si="1723"/>
        <v>1537.4322755957337</v>
      </c>
      <c r="L7459" s="237">
        <f t="shared" si="1728"/>
        <v>794.92720309080732</v>
      </c>
      <c r="M7459" s="236">
        <f t="shared" si="1724"/>
        <v>44.9302119559296</v>
      </c>
      <c r="N7459" s="236">
        <f t="shared" si="1725"/>
        <v>0.48549332880093932</v>
      </c>
      <c r="O7459" s="236">
        <f t="shared" si="1729"/>
        <v>2.0308457684712948</v>
      </c>
      <c r="P7459" s="236" t="str">
        <f t="shared" si="1730"/>
        <v>SAND</v>
      </c>
      <c r="Q7459" s="236" t="e">
        <f t="shared" si="1726"/>
        <v>#N/A</v>
      </c>
      <c r="R7459" s="238">
        <v>35</v>
      </c>
      <c r="S7459" s="236" t="e">
        <f t="shared" si="1731"/>
        <v>#N/A</v>
      </c>
      <c r="T7459" s="236">
        <f t="shared" si="1718"/>
        <v>35.777923140953476</v>
      </c>
    </row>
    <row r="7460" spans="2:20" x14ac:dyDescent="0.2">
      <c r="B7460" s="239">
        <v>74.271000000000001</v>
      </c>
      <c r="C7460" s="3">
        <f t="shared" si="1719"/>
        <v>74.263999999999996</v>
      </c>
      <c r="D7460" s="239">
        <v>37.458100000000002</v>
      </c>
      <c r="E7460" s="239">
        <v>0.1744</v>
      </c>
      <c r="F7460" s="239">
        <v>0.59950000000000003</v>
      </c>
      <c r="G7460">
        <f t="shared" si="1720"/>
        <v>37.578000000000003</v>
      </c>
      <c r="H7460" s="235">
        <f t="shared" si="1721"/>
        <v>0.46410133588801961</v>
      </c>
      <c r="I7460" s="236">
        <f t="shared" si="1722"/>
        <v>20.714058847869623</v>
      </c>
      <c r="J7460" s="237">
        <f t="shared" si="1727"/>
        <v>10.714058847869623</v>
      </c>
      <c r="K7460" s="237">
        <f t="shared" si="1723"/>
        <v>1538.3088662781895</v>
      </c>
      <c r="L7460" s="237">
        <f t="shared" si="1728"/>
        <v>795.74386469012484</v>
      </c>
      <c r="M7460" s="236">
        <f t="shared" si="1724"/>
        <v>45.290567396025395</v>
      </c>
      <c r="N7460" s="236">
        <f t="shared" si="1725"/>
        <v>0.48391091741853598</v>
      </c>
      <c r="O7460" s="236">
        <f t="shared" si="1729"/>
        <v>2.0271083609306779</v>
      </c>
      <c r="P7460" s="236" t="str">
        <f t="shared" si="1730"/>
        <v>SAND</v>
      </c>
      <c r="Q7460" s="236" t="e">
        <f t="shared" si="1726"/>
        <v>#N/A</v>
      </c>
      <c r="R7460" s="238">
        <v>35</v>
      </c>
      <c r="S7460" s="236" t="e">
        <f t="shared" si="1731"/>
        <v>#N/A</v>
      </c>
      <c r="T7460" s="236">
        <f t="shared" si="1718"/>
        <v>35.816085376698055</v>
      </c>
    </row>
    <row r="7461" spans="2:20" x14ac:dyDescent="0.2">
      <c r="B7461" s="239">
        <v>74.28</v>
      </c>
      <c r="C7461" s="3">
        <f t="shared" si="1719"/>
        <v>74.272999999999996</v>
      </c>
      <c r="D7461" s="239">
        <v>37.456400000000002</v>
      </c>
      <c r="E7461" s="239">
        <v>0.1782</v>
      </c>
      <c r="F7461" s="239">
        <v>0.6089</v>
      </c>
      <c r="G7461">
        <f t="shared" si="1720"/>
        <v>37.578180000000003</v>
      </c>
      <c r="H7461" s="235">
        <f t="shared" si="1721"/>
        <v>0.47421136414802412</v>
      </c>
      <c r="I7461" s="236">
        <f t="shared" si="1722"/>
        <v>20.739336011704633</v>
      </c>
      <c r="J7461" s="237">
        <f t="shared" si="1727"/>
        <v>10.739336011704633</v>
      </c>
      <c r="K7461" s="237">
        <f t="shared" si="1723"/>
        <v>1540.3727035973382</v>
      </c>
      <c r="L7461" s="237">
        <f t="shared" si="1728"/>
        <v>797.7178789494202</v>
      </c>
      <c r="M7461" s="236">
        <f t="shared" si="1724"/>
        <v>45.176130869554783</v>
      </c>
      <c r="N7461" s="236">
        <f t="shared" si="1725"/>
        <v>0.49448069504991249</v>
      </c>
      <c r="O7461" s="236">
        <f t="shared" si="1729"/>
        <v>2.0322953124062719</v>
      </c>
      <c r="P7461" s="236" t="str">
        <f t="shared" si="1730"/>
        <v>SAND</v>
      </c>
      <c r="Q7461" s="236" t="e">
        <f t="shared" si="1726"/>
        <v>#N/A</v>
      </c>
      <c r="R7461" s="238">
        <v>35</v>
      </c>
      <c r="S7461" s="236" t="e">
        <f t="shared" si="1731"/>
        <v>#N/A</v>
      </c>
      <c r="T7461" s="236">
        <f t="shared" si="1718"/>
        <v>35.803999361096977</v>
      </c>
    </row>
    <row r="7462" spans="2:20" x14ac:dyDescent="0.2">
      <c r="B7462" s="239">
        <v>74.284000000000006</v>
      </c>
      <c r="C7462" s="3">
        <f t="shared" si="1719"/>
        <v>74.277000000000001</v>
      </c>
      <c r="D7462" s="239">
        <v>37.5139</v>
      </c>
      <c r="E7462" s="239">
        <v>0.1777</v>
      </c>
      <c r="F7462" s="239">
        <v>0.624</v>
      </c>
      <c r="G7462">
        <f t="shared" si="1720"/>
        <v>37.6387</v>
      </c>
      <c r="H7462" s="235">
        <f t="shared" si="1721"/>
        <v>0.47212045049377371</v>
      </c>
      <c r="I7462" s="236">
        <f t="shared" si="1722"/>
        <v>20.736670262914</v>
      </c>
      <c r="J7462" s="237">
        <f t="shared" si="1727"/>
        <v>10.736670262914</v>
      </c>
      <c r="K7462" s="237">
        <f t="shared" si="1723"/>
        <v>1540.2576571184632</v>
      </c>
      <c r="L7462" s="237">
        <f t="shared" si="1728"/>
        <v>797.56281381030362</v>
      </c>
      <c r="M7462" s="236">
        <f t="shared" si="1724"/>
        <v>45.260939599758437</v>
      </c>
      <c r="N7462" s="236">
        <f t="shared" si="1725"/>
        <v>0.49226500775882293</v>
      </c>
      <c r="O7462" s="236">
        <f t="shared" si="1729"/>
        <v>2.0306909989675739</v>
      </c>
      <c r="P7462" s="236" t="str">
        <f t="shared" si="1730"/>
        <v>SAND</v>
      </c>
      <c r="Q7462" s="236" t="e">
        <f t="shared" si="1726"/>
        <v>#N/A</v>
      </c>
      <c r="R7462" s="238">
        <v>35</v>
      </c>
      <c r="S7462" s="236" t="e">
        <f t="shared" si="1731"/>
        <v>#N/A</v>
      </c>
      <c r="T7462" s="236">
        <f t="shared" si="1718"/>
        <v>35.81295922049209</v>
      </c>
    </row>
  </sheetData>
  <phoneticPr fontId="29" type="noConversion"/>
  <pageMargins left="0.39370078740157483" right="0.39370078740157483" top="0.59055118110236227" bottom="0.94488188976377963" header="0.51181102362204722" footer="0.62992125984251968"/>
  <pageSetup paperSize="9" scale="85" orientation="portrait" r:id="rId1"/>
  <headerFooter>
    <oddHeader>&amp;L&amp;</oddHeader>
    <oddFooter>&amp;L&amp;6&amp;Z
&amp;F : &amp;A
©Arup | F42.9 | Rel 14.2  14 February 2011&amp;R&amp;6Page &amp;P of &amp;N
Printed &amp;D  Time &amp;T</oddFooter>
  </headerFooter>
  <drawing r:id="rId2"/>
  <legacyDrawingHF r:id="rId3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C1D9ACA-43F4-40A5-8298-4007049FC420}">
  <dimension ref="A2:G7454"/>
  <sheetViews>
    <sheetView workbookViewId="0"/>
  </sheetViews>
  <sheetFormatPr defaultRowHeight="12.75" x14ac:dyDescent="0.2"/>
  <sheetData>
    <row r="2" spans="1:7" ht="38.25" x14ac:dyDescent="0.2">
      <c r="A2" s="44" t="s">
        <v>61</v>
      </c>
      <c r="B2" s="44" t="s">
        <v>69</v>
      </c>
      <c r="D2" s="3" t="s">
        <v>333</v>
      </c>
      <c r="E2" s="3" t="s">
        <v>334</v>
      </c>
    </row>
    <row r="3" spans="1:7" x14ac:dyDescent="0.2">
      <c r="A3" s="68" t="s">
        <v>57</v>
      </c>
      <c r="B3" s="68" t="s">
        <v>57</v>
      </c>
    </row>
    <row r="4" spans="1:7" x14ac:dyDescent="0.2">
      <c r="A4" s="239">
        <f>'CPT Data'!B12</f>
        <v>0</v>
      </c>
      <c r="B4" s="3">
        <f>'CPT Data'!C12</f>
        <v>0</v>
      </c>
      <c r="C4">
        <f>'CPT Data'!P12</f>
        <v>0</v>
      </c>
      <c r="D4">
        <f>'CPT Data'!Q12</f>
        <v>0</v>
      </c>
      <c r="E4">
        <f t="shared" ref="E4:E25" si="0">IF(C4="SAND",#N/A,IF(C4=C3,D3,IF(C4="CLAY",D4,#N/A)))</f>
        <v>0</v>
      </c>
      <c r="F4" t="str">
        <f>IF(C4="SAND", INDEX(D$4:D4, MATCH("CLAY", C$4:C4, 0)), "")</f>
        <v/>
      </c>
      <c r="G4" t="str">
        <f>IF(AND(C4="SAND", C5="CLAY"), INDEX(D$4:D4, MATCH("CLAY", C$4:C4, 0)), "")</f>
        <v/>
      </c>
    </row>
    <row r="5" spans="1:7" x14ac:dyDescent="0.2">
      <c r="A5" s="239">
        <f>'CPT Data'!B13</f>
        <v>7.0000000000000001E-3</v>
      </c>
      <c r="B5" s="3">
        <f>'CPT Data'!C13</f>
        <v>1E-3</v>
      </c>
      <c r="C5">
        <f>'CPT Data'!P13</f>
        <v>0</v>
      </c>
      <c r="D5">
        <f>'CPT Data'!Q13</f>
        <v>0</v>
      </c>
      <c r="E5">
        <f t="shared" si="0"/>
        <v>0</v>
      </c>
      <c r="F5" t="str">
        <f>IF(C5="SAND", INDEX(D$4:D5, MATCH("CLAY", C$4:C5, 0)), "")</f>
        <v/>
      </c>
      <c r="G5" t="str">
        <f>IF(AND(C5="SAND", C6="CLAY"), INDEX(D$4:D5, MATCH("CLAY", C$4:C5, 0)), "")</f>
        <v/>
      </c>
    </row>
    <row r="6" spans="1:7" x14ac:dyDescent="0.2">
      <c r="A6" s="239">
        <f>'CPT Data'!B14</f>
        <v>1.4999999999999999E-2</v>
      </c>
      <c r="B6" s="3">
        <f>'CPT Data'!C14</f>
        <v>8.0000000000000002E-3</v>
      </c>
      <c r="C6" t="str">
        <f>'CPT Data'!P14</f>
        <v>SAND</v>
      </c>
      <c r="D6" t="e">
        <f>'CPT Data'!Q14</f>
        <v>#N/A</v>
      </c>
      <c r="E6" t="e">
        <f t="shared" si="0"/>
        <v>#N/A</v>
      </c>
      <c r="F6" t="str">
        <f>IF(C6="CLAY", INDEX(D$4:D6, MATCH("CLAY", C$4:C6, 0)), "")</f>
        <v/>
      </c>
      <c r="G6" t="str">
        <f>IF(AND(C6="SAND", C7="CLAY"), INDEX(D$4:D6, MATCH("CLAY", C$4:C6, 0)), "")</f>
        <v/>
      </c>
    </row>
    <row r="7" spans="1:7" x14ac:dyDescent="0.2">
      <c r="A7" s="239">
        <f>'CPT Data'!B15</f>
        <v>2.1999999999999999E-2</v>
      </c>
      <c r="B7" s="3">
        <f>'CPT Data'!C15</f>
        <v>1.4999999999999999E-2</v>
      </c>
      <c r="C7" t="str">
        <f>'CPT Data'!P15</f>
        <v>SAND</v>
      </c>
      <c r="D7" t="e">
        <f>'CPT Data'!Q15</f>
        <v>#N/A</v>
      </c>
      <c r="E7" t="e">
        <f t="shared" si="0"/>
        <v>#N/A</v>
      </c>
      <c r="F7" t="str">
        <f>IF(C7="CLAY", INDEX(D$4:D7, MATCH("CLAY", C$4:C7, 0)), "")</f>
        <v/>
      </c>
      <c r="G7" t="str">
        <f>IF(AND(C7="SAND", C8="CLAY"), INDEX(D$4:D7, MATCH("CLAY", C$4:C7, 0)), "")</f>
        <v/>
      </c>
    </row>
    <row r="8" spans="1:7" x14ac:dyDescent="0.2">
      <c r="A8" s="239">
        <f>'CPT Data'!B16</f>
        <v>0.03</v>
      </c>
      <c r="B8" s="3">
        <f>'CPT Data'!C16</f>
        <v>2.3E-2</v>
      </c>
      <c r="C8" t="str">
        <f>'CPT Data'!P16</f>
        <v>SAND</v>
      </c>
      <c r="D8" t="e">
        <f>'CPT Data'!Q16</f>
        <v>#N/A</v>
      </c>
      <c r="E8" t="e">
        <f t="shared" si="0"/>
        <v>#N/A</v>
      </c>
      <c r="F8" t="str">
        <f>IF(C8="CLAY", INDEX(D$4:D8, MATCH("CLAY", C$4:C8, 0)), "")</f>
        <v/>
      </c>
      <c r="G8" t="str">
        <f>IF(AND(C8="SAND", C9="CLAY"), INDEX(D$4:D8, MATCH("CLAY", C$4:C8, 0)), "")</f>
        <v/>
      </c>
    </row>
    <row r="9" spans="1:7" x14ac:dyDescent="0.2">
      <c r="A9" s="239">
        <f>'CPT Data'!B17</f>
        <v>3.6999999999999998E-2</v>
      </c>
      <c r="B9" s="3">
        <f>'CPT Data'!C17</f>
        <v>0.03</v>
      </c>
      <c r="C9" t="str">
        <f>'CPT Data'!P17</f>
        <v>SAND</v>
      </c>
      <c r="D9" t="e">
        <f>'CPT Data'!Q17</f>
        <v>#N/A</v>
      </c>
      <c r="E9" t="e">
        <f t="shared" si="0"/>
        <v>#N/A</v>
      </c>
      <c r="F9" t="str">
        <f>IF(C9="CLAY", INDEX(D$4:D9, MATCH("CLAY", C$4:C9, 0)), "")</f>
        <v/>
      </c>
      <c r="G9" t="str">
        <f>IF(AND(C9="SAND", C10="CLAY"), INDEX(D$4:D9, MATCH("CLAY", C$4:C9, 0)), "")</f>
        <v/>
      </c>
    </row>
    <row r="10" spans="1:7" x14ac:dyDescent="0.2">
      <c r="A10" s="239">
        <f>'CPT Data'!B18</f>
        <v>4.4999999999999998E-2</v>
      </c>
      <c r="B10" s="3">
        <f>'CPT Data'!C18</f>
        <v>3.7999999999999999E-2</v>
      </c>
      <c r="C10" t="str">
        <f>'CPT Data'!P18</f>
        <v>SAND</v>
      </c>
      <c r="D10" t="e">
        <f>'CPT Data'!Q18</f>
        <v>#N/A</v>
      </c>
      <c r="E10" t="e">
        <f t="shared" si="0"/>
        <v>#N/A</v>
      </c>
      <c r="F10" t="str">
        <f>IF(C10="CLAY", INDEX(D$4:D10, MATCH("CLAY", C$4:C10, 0)), "")</f>
        <v/>
      </c>
      <c r="G10" t="str">
        <f>IF(AND(C10="SAND", C11="CLAY"), INDEX(D$4:D10, MATCH("CLAY", C$4:C10, 0)), "")</f>
        <v/>
      </c>
    </row>
    <row r="11" spans="1:7" x14ac:dyDescent="0.2">
      <c r="A11" s="239">
        <f>'CPT Data'!B19</f>
        <v>5.1999999999999998E-2</v>
      </c>
      <c r="B11" s="3">
        <f>'CPT Data'!C19</f>
        <v>4.4999999999999998E-2</v>
      </c>
      <c r="C11" t="str">
        <f>'CPT Data'!P19</f>
        <v>SAND</v>
      </c>
      <c r="D11" t="e">
        <f>'CPT Data'!Q19</f>
        <v>#N/A</v>
      </c>
      <c r="E11" t="e">
        <f t="shared" si="0"/>
        <v>#N/A</v>
      </c>
      <c r="F11" t="str">
        <f>IF(C11="CLAY", INDEX(D$4:D11, MATCH("CLAY", C$4:C11, 0)), "")</f>
        <v/>
      </c>
      <c r="G11" t="str">
        <f>IF(AND(C11="SAND", C12="CLAY"), INDEX(D$4:D11, MATCH("CLAY", C$4:C11, 0)), "")</f>
        <v/>
      </c>
    </row>
    <row r="12" spans="1:7" x14ac:dyDescent="0.2">
      <c r="A12" s="239">
        <f>'CPT Data'!B20</f>
        <v>5.8999999999999997E-2</v>
      </c>
      <c r="B12" s="3">
        <f>'CPT Data'!C20</f>
        <v>5.1999999999999998E-2</v>
      </c>
      <c r="C12" t="str">
        <f>'CPT Data'!P20</f>
        <v>SAND</v>
      </c>
      <c r="D12" t="e">
        <f>'CPT Data'!Q20</f>
        <v>#N/A</v>
      </c>
      <c r="E12" t="e">
        <f t="shared" si="0"/>
        <v>#N/A</v>
      </c>
      <c r="F12" t="str">
        <f>IF(C12="CLAY", INDEX(D$4:D12, MATCH("CLAY", C$4:C12, 0)), "")</f>
        <v/>
      </c>
      <c r="G12" t="str">
        <f>IF(AND(C12="SAND", C13="CLAY"), INDEX(D$4:D12, MATCH("CLAY", C$4:C12, 0)), "")</f>
        <v/>
      </c>
    </row>
    <row r="13" spans="1:7" x14ac:dyDescent="0.2">
      <c r="A13" s="239">
        <f>'CPT Data'!B21</f>
        <v>6.6000000000000003E-2</v>
      </c>
      <c r="B13" s="3">
        <f>'CPT Data'!C21</f>
        <v>5.9000000000000004E-2</v>
      </c>
      <c r="C13" t="str">
        <f>'CPT Data'!P21</f>
        <v>SAND</v>
      </c>
      <c r="D13" t="e">
        <f>'CPT Data'!Q21</f>
        <v>#N/A</v>
      </c>
      <c r="E13" t="e">
        <f t="shared" si="0"/>
        <v>#N/A</v>
      </c>
      <c r="F13" t="str">
        <f>IF(C13="CLAY", INDEX(D$4:D13, MATCH("CLAY", C$4:C13, 0)), "")</f>
        <v/>
      </c>
      <c r="G13" t="e">
        <f>IF(AND(C13="SAND", C14="CLAY"), INDEX(D$4:D13, MATCH("CLAY", C$4:C13, 0)), "")</f>
        <v>#NUM!</v>
      </c>
    </row>
    <row r="14" spans="1:7" x14ac:dyDescent="0.2">
      <c r="A14" s="239">
        <f>'CPT Data'!B22</f>
        <v>7.3999999999999996E-2</v>
      </c>
      <c r="B14" s="3">
        <f>'CPT Data'!C22</f>
        <v>6.699999999999999E-2</v>
      </c>
      <c r="C14" t="e">
        <f>'CPT Data'!P22</f>
        <v>#NUM!</v>
      </c>
      <c r="D14" t="e">
        <f>'CPT Data'!Q22</f>
        <v>#NUM!</v>
      </c>
      <c r="E14" t="e">
        <f t="shared" si="0"/>
        <v>#NUM!</v>
      </c>
      <c r="F14" t="e">
        <f>IF(C14="CLAY", INDEX(D$4:D14, MATCH("CLAY", C$4:C14, 0)), "")</f>
        <v>#NUM!</v>
      </c>
      <c r="G14" t="e">
        <f>IF(AND(C14="SAND", C15="CLAY"), INDEX(D$4:D14, MATCH("CLAY", C$4:C14, 0)), "")</f>
        <v>#NUM!</v>
      </c>
    </row>
    <row r="15" spans="1:7" x14ac:dyDescent="0.2">
      <c r="A15" s="239">
        <f>'CPT Data'!B23</f>
        <v>8.1000000000000003E-2</v>
      </c>
      <c r="B15" s="3">
        <f>'CPT Data'!C23</f>
        <v>7.3999999999999996E-2</v>
      </c>
      <c r="C15" t="e">
        <f>'CPT Data'!P23</f>
        <v>#NUM!</v>
      </c>
      <c r="D15" t="e">
        <f>'CPT Data'!Q23</f>
        <v>#NUM!</v>
      </c>
      <c r="E15" t="e">
        <f t="shared" si="0"/>
        <v>#NUM!</v>
      </c>
      <c r="F15" t="e">
        <f>IF(C15="CLAY", INDEX(D$4:D15, MATCH("CLAY", C$4:C15, 0)), "")</f>
        <v>#NUM!</v>
      </c>
      <c r="G15" t="e">
        <f>IF(AND(C15="SAND", C16="CLAY"), INDEX(D$4:D15, MATCH("CLAY", C$4:C15, 0)), "")</f>
        <v>#NUM!</v>
      </c>
    </row>
    <row r="16" spans="1:7" x14ac:dyDescent="0.2">
      <c r="A16" s="239">
        <f>'CPT Data'!B24</f>
        <v>8.8999999999999996E-2</v>
      </c>
      <c r="B16" s="3">
        <f>'CPT Data'!C24</f>
        <v>8.199999999999999E-2</v>
      </c>
      <c r="C16" t="e">
        <f>'CPT Data'!P24</f>
        <v>#NUM!</v>
      </c>
      <c r="D16" t="e">
        <f>'CPT Data'!Q24</f>
        <v>#NUM!</v>
      </c>
      <c r="E16" t="e">
        <f t="shared" si="0"/>
        <v>#NUM!</v>
      </c>
      <c r="F16" t="e">
        <f>IF(C16="CLAY", INDEX(D$4:D16, MATCH("CLAY", C$4:C16, 0)), "")</f>
        <v>#NUM!</v>
      </c>
      <c r="G16" t="e">
        <f>IF(AND(C16="SAND", C17="CLAY"), INDEX(D$4:D16, MATCH("CLAY", C$4:C16, 0)), "")</f>
        <v>#NUM!</v>
      </c>
    </row>
    <row r="17" spans="1:7" x14ac:dyDescent="0.2">
      <c r="A17" s="239">
        <f>'CPT Data'!B25</f>
        <v>9.6000000000000002E-2</v>
      </c>
      <c r="B17" s="3">
        <f>'CPT Data'!C25</f>
        <v>8.8999999999999996E-2</v>
      </c>
      <c r="C17" t="e">
        <f>'CPT Data'!P25</f>
        <v>#NUM!</v>
      </c>
      <c r="D17" t="e">
        <f>'CPT Data'!Q25</f>
        <v>#NUM!</v>
      </c>
      <c r="E17" t="e">
        <f t="shared" si="0"/>
        <v>#NUM!</v>
      </c>
      <c r="F17" t="e">
        <f>IF(C17="CLAY", INDEX(D$4:D17, MATCH("CLAY", C$4:C17, 0)), "")</f>
        <v>#NUM!</v>
      </c>
      <c r="G17" t="e">
        <f>IF(AND(C17="SAND", C18="CLAY"), INDEX(D$4:D17, MATCH("CLAY", C$4:C17, 0)), "")</f>
        <v>#NUM!</v>
      </c>
    </row>
    <row r="18" spans="1:7" x14ac:dyDescent="0.2">
      <c r="A18" s="239">
        <f>'CPT Data'!B26</f>
        <v>0.104</v>
      </c>
      <c r="B18" s="3">
        <f>'CPT Data'!C26</f>
        <v>9.6999999999999989E-2</v>
      </c>
      <c r="C18" t="e">
        <f>'CPT Data'!P26</f>
        <v>#NUM!</v>
      </c>
      <c r="D18" t="e">
        <f>'CPT Data'!Q26</f>
        <v>#NUM!</v>
      </c>
      <c r="E18" t="e">
        <f t="shared" si="0"/>
        <v>#NUM!</v>
      </c>
      <c r="F18" t="e">
        <f>IF(C18="CLAY", INDEX(D$4:D18, MATCH("CLAY", C$4:C18, 0)), "")</f>
        <v>#NUM!</v>
      </c>
      <c r="G18" t="e">
        <f>IF(AND(C18="SAND", C19="CLAY"), INDEX(D$4:D18, MATCH("CLAY", C$4:C18, 0)), "")</f>
        <v>#NUM!</v>
      </c>
    </row>
    <row r="19" spans="1:7" x14ac:dyDescent="0.2">
      <c r="A19" s="239">
        <f>'CPT Data'!B27</f>
        <v>0.111</v>
      </c>
      <c r="B19" s="3">
        <f>'CPT Data'!C27</f>
        <v>0.104</v>
      </c>
      <c r="C19" t="e">
        <f>'CPT Data'!P27</f>
        <v>#NUM!</v>
      </c>
      <c r="D19" t="e">
        <f>'CPT Data'!Q27</f>
        <v>#NUM!</v>
      </c>
      <c r="E19" t="e">
        <f t="shared" si="0"/>
        <v>#NUM!</v>
      </c>
      <c r="F19" t="e">
        <f>IF(C19="CLAY", INDEX(D$4:D19, MATCH("CLAY", C$4:C19, 0)), "")</f>
        <v>#NUM!</v>
      </c>
      <c r="G19" t="e">
        <f>IF(AND(C19="SAND", C20="CLAY"), INDEX(D$4:D19, MATCH("CLAY", C$4:C19, 0)), "")</f>
        <v>#NUM!</v>
      </c>
    </row>
    <row r="20" spans="1:7" x14ac:dyDescent="0.2">
      <c r="A20" s="239">
        <f>'CPT Data'!B28</f>
        <v>0.11799999999999999</v>
      </c>
      <c r="B20" s="3">
        <f>'CPT Data'!C28</f>
        <v>0.11099999999999999</v>
      </c>
      <c r="C20" t="e">
        <f>'CPT Data'!P28</f>
        <v>#NUM!</v>
      </c>
      <c r="D20" t="e">
        <f>'CPT Data'!Q28</f>
        <v>#NUM!</v>
      </c>
      <c r="E20" t="e">
        <f t="shared" si="0"/>
        <v>#NUM!</v>
      </c>
      <c r="F20" t="e">
        <f>IF(C20="CLAY", INDEX(D$4:D20, MATCH("CLAY", C$4:C20, 0)), "")</f>
        <v>#NUM!</v>
      </c>
      <c r="G20" t="e">
        <f>IF(AND(C20="SAND", C21="CLAY"), INDEX(D$4:D20, MATCH("CLAY", C$4:C20, 0)), "")</f>
        <v>#NUM!</v>
      </c>
    </row>
    <row r="21" spans="1:7" x14ac:dyDescent="0.2">
      <c r="A21" s="239">
        <f>'CPT Data'!B29</f>
        <v>0.126</v>
      </c>
      <c r="B21" s="3">
        <f>'CPT Data'!C29</f>
        <v>0.11899999999999999</v>
      </c>
      <c r="C21" t="e">
        <f>'CPT Data'!P29</f>
        <v>#NUM!</v>
      </c>
      <c r="D21" t="e">
        <f>'CPT Data'!Q29</f>
        <v>#NUM!</v>
      </c>
      <c r="E21" t="e">
        <f t="shared" si="0"/>
        <v>#NUM!</v>
      </c>
      <c r="F21" t="e">
        <f>IF(C21="CLAY", INDEX(D$4:D21, MATCH("CLAY", C$4:C21, 0)), "")</f>
        <v>#NUM!</v>
      </c>
      <c r="G21" t="e">
        <f>IF(AND(C21="SAND", C22="CLAY"), INDEX(D$4:D21, MATCH("CLAY", C$4:C21, 0)), "")</f>
        <v>#NUM!</v>
      </c>
    </row>
    <row r="22" spans="1:7" x14ac:dyDescent="0.2">
      <c r="A22" s="239">
        <f>'CPT Data'!B30</f>
        <v>0.13400000000000001</v>
      </c>
      <c r="B22" s="3">
        <f>'CPT Data'!C30</f>
        <v>0.127</v>
      </c>
      <c r="C22" t="e">
        <f>'CPT Data'!P30</f>
        <v>#NUM!</v>
      </c>
      <c r="D22" t="e">
        <f>'CPT Data'!Q30</f>
        <v>#NUM!</v>
      </c>
      <c r="E22" t="e">
        <f t="shared" si="0"/>
        <v>#NUM!</v>
      </c>
      <c r="F22" t="e">
        <f>IF(C22="CLAY", INDEX(D$4:D22, MATCH("CLAY", C$4:C22, 0)), "")</f>
        <v>#NUM!</v>
      </c>
      <c r="G22" t="e">
        <f>IF(AND(C22="SAND", C23="CLAY"), INDEX(D$4:D22, MATCH("CLAY", C$4:C22, 0)), "")</f>
        <v>#NUM!</v>
      </c>
    </row>
    <row r="23" spans="1:7" x14ac:dyDescent="0.2">
      <c r="A23" s="239">
        <f>'CPT Data'!B31</f>
        <v>0.14099999999999999</v>
      </c>
      <c r="B23" s="3">
        <f>'CPT Data'!C31</f>
        <v>0.13399999999999998</v>
      </c>
      <c r="C23" t="e">
        <f>'CPT Data'!P31</f>
        <v>#NUM!</v>
      </c>
      <c r="D23" t="e">
        <f>'CPT Data'!Q31</f>
        <v>#NUM!</v>
      </c>
      <c r="E23" t="e">
        <f t="shared" si="0"/>
        <v>#NUM!</v>
      </c>
      <c r="F23" t="e">
        <f>IF(C23="CLAY", INDEX(D$4:D23, MATCH("CLAY", C$4:C23, 0)), "")</f>
        <v>#NUM!</v>
      </c>
      <c r="G23" t="e">
        <f>IF(AND(C23="SAND", C24="CLAY"), INDEX(D$4:D23, MATCH("CLAY", C$4:C23, 0)), "")</f>
        <v>#NUM!</v>
      </c>
    </row>
    <row r="24" spans="1:7" x14ac:dyDescent="0.2">
      <c r="A24" s="239">
        <f>'CPT Data'!B32</f>
        <v>0.14899999999999999</v>
      </c>
      <c r="B24" s="3">
        <f>'CPT Data'!C32</f>
        <v>0.14199999999999999</v>
      </c>
      <c r="C24" t="e">
        <f>'CPT Data'!P32</f>
        <v>#NUM!</v>
      </c>
      <c r="D24" t="e">
        <f>'CPT Data'!Q32</f>
        <v>#NUM!</v>
      </c>
      <c r="E24" t="e">
        <f t="shared" si="0"/>
        <v>#NUM!</v>
      </c>
      <c r="F24" t="e">
        <f>IF(C24="CLAY", INDEX(D$4:D24, MATCH("CLAY", C$4:C24, 0)), "")</f>
        <v>#NUM!</v>
      </c>
      <c r="G24" t="e">
        <f>IF(AND(C24="SAND", C25="CLAY"), INDEX(D$4:D24, MATCH("CLAY", C$4:C24, 0)), "")</f>
        <v>#NUM!</v>
      </c>
    </row>
    <row r="25" spans="1:7" x14ac:dyDescent="0.2">
      <c r="A25" s="239">
        <f>'CPT Data'!B33</f>
        <v>0.156</v>
      </c>
      <c r="B25" s="3">
        <f>'CPT Data'!C33</f>
        <v>0.14899999999999999</v>
      </c>
      <c r="C25" t="e">
        <f>'CPT Data'!P33</f>
        <v>#NUM!</v>
      </c>
      <c r="D25" t="e">
        <f>'CPT Data'!Q33</f>
        <v>#NUM!</v>
      </c>
      <c r="E25" t="e">
        <f t="shared" si="0"/>
        <v>#NUM!</v>
      </c>
      <c r="F25" t="e">
        <f>IF(C25="CLAY", INDEX(D$4:D25, MATCH("CLAY", C$4:C25, 0)), "")</f>
        <v>#NUM!</v>
      </c>
      <c r="G25" t="e">
        <f>IF(AND(C25="SAND", C26="CLAY"), INDEX(D$4:D25, MATCH("CLAY", C$4:C25, 0)), "")</f>
        <v>#NUM!</v>
      </c>
    </row>
    <row r="26" spans="1:7" x14ac:dyDescent="0.2">
      <c r="A26" s="239">
        <f>'CPT Data'!B34</f>
        <v>0.16400000000000001</v>
      </c>
      <c r="B26" s="3">
        <f>'CPT Data'!C34</f>
        <v>0.157</v>
      </c>
      <c r="C26" t="str">
        <f>'CPT Data'!P34</f>
        <v>CLAY</v>
      </c>
      <c r="D26">
        <f>'CPT Data'!Q34</f>
        <v>0.75203252561341039</v>
      </c>
      <c r="E26" t="e">
        <f>IF(C26="SAND",#N/A,IF(C26=C25,D25,IF(C26="CLAY",D26,#N/A)))</f>
        <v>#NUM!</v>
      </c>
      <c r="F26">
        <f>IF(C26="CLAY", INDEX(D$4:D26, MATCH("CLAY", C$4:C26, 0)), "")</f>
        <v>0.75203252561341039</v>
      </c>
      <c r="G26" t="str">
        <f>IF(AND(C26="SAND", C27="CLAY"), INDEX(D$4:D26, MATCH("CLAY", C$4:C26, 0)), "")</f>
        <v/>
      </c>
    </row>
    <row r="27" spans="1:7" x14ac:dyDescent="0.2">
      <c r="A27" s="239">
        <f>'CPT Data'!B35</f>
        <v>0.17199999999999999</v>
      </c>
      <c r="B27" s="3">
        <f>'CPT Data'!C35</f>
        <v>0.16499999999999998</v>
      </c>
      <c r="C27" t="str">
        <f>'CPT Data'!P35</f>
        <v>SAND</v>
      </c>
      <c r="D27" t="e">
        <f>'CPT Data'!Q35</f>
        <v>#N/A</v>
      </c>
      <c r="E27" t="e">
        <f t="shared" ref="E27:E90" si="1">IF(C27="SAND",#N/A,IF(C27=C26,D26,IF(C27="CLAY",D27,#N/A)))</f>
        <v>#N/A</v>
      </c>
      <c r="F27" t="str">
        <f>IF(C27="CLAY", INDEX(D$4:D27, MATCH("CLAY", C$4:C27, 0)), "")</f>
        <v/>
      </c>
      <c r="G27" t="str">
        <f>IF(AND(C27="SAND", C28="CLAY"), INDEX(D$4:D27, MATCH("CLAY", C$4:C27, 0)), "")</f>
        <v/>
      </c>
    </row>
    <row r="28" spans="1:7" x14ac:dyDescent="0.2">
      <c r="A28" s="239">
        <f>'CPT Data'!B36</f>
        <v>0.17899999999999999</v>
      </c>
      <c r="B28" s="3">
        <f>'CPT Data'!C36</f>
        <v>0.17199999999999999</v>
      </c>
      <c r="C28" t="str">
        <f>'CPT Data'!P36</f>
        <v>SAND</v>
      </c>
      <c r="D28" t="e">
        <f>'CPT Data'!Q36</f>
        <v>#N/A</v>
      </c>
      <c r="E28" t="e">
        <f t="shared" si="1"/>
        <v>#N/A</v>
      </c>
      <c r="F28" t="str">
        <f>IF(C28="CLAY", INDEX(D$4:D28, MATCH("CLAY", C$4:C28, 0)), "")</f>
        <v/>
      </c>
      <c r="G28" t="str">
        <f>IF(AND(C28="SAND", C29="CLAY"), INDEX(D$4:D28, MATCH("CLAY", C$4:C28, 0)), "")</f>
        <v/>
      </c>
    </row>
    <row r="29" spans="1:7" x14ac:dyDescent="0.2">
      <c r="A29" s="239">
        <f>'CPT Data'!B37</f>
        <v>0.186</v>
      </c>
      <c r="B29" s="3">
        <f>'CPT Data'!C37</f>
        <v>0.17899999999999999</v>
      </c>
      <c r="C29" t="str">
        <f>'CPT Data'!P37</f>
        <v>SAND</v>
      </c>
      <c r="D29" t="e">
        <f>'CPT Data'!Q37</f>
        <v>#N/A</v>
      </c>
      <c r="E29" t="e">
        <f t="shared" si="1"/>
        <v>#N/A</v>
      </c>
      <c r="F29" t="str">
        <f>IF(C29="CLAY", INDEX(D$4:D29, MATCH("CLAY", C$4:C29, 0)), "")</f>
        <v/>
      </c>
      <c r="G29">
        <f>IF(AND(C29="SAND", C30="CLAY"), INDEX(D$4:D29, MATCH("CLAY", C$4:C29, 0)), "")</f>
        <v>0.75203252561341039</v>
      </c>
    </row>
    <row r="30" spans="1:7" x14ac:dyDescent="0.2">
      <c r="A30" s="239">
        <f>'CPT Data'!B38</f>
        <v>0.19500000000000001</v>
      </c>
      <c r="B30" s="3">
        <f>'CPT Data'!C38</f>
        <v>0.188</v>
      </c>
      <c r="C30" t="str">
        <f>'CPT Data'!P38</f>
        <v>CLAY</v>
      </c>
      <c r="D30">
        <f>'CPT Data'!Q38</f>
        <v>1.0134163264122977</v>
      </c>
      <c r="E30">
        <f t="shared" si="1"/>
        <v>1.0134163264122977</v>
      </c>
      <c r="F30">
        <f>IF(C30="CLAY", INDEX(D$4:D30, MATCH("CLAY", C$4:C30, 0)), "")</f>
        <v>0.75203252561341039</v>
      </c>
      <c r="G30" t="str">
        <f>IF(AND(C30="SAND", C31="CLAY"), INDEX(D$4:D30, MATCH("CLAY", C$4:C30, 0)), "")</f>
        <v/>
      </c>
    </row>
    <row r="31" spans="1:7" x14ac:dyDescent="0.2">
      <c r="A31" s="239">
        <f>'CPT Data'!B39</f>
        <v>0.20200000000000001</v>
      </c>
      <c r="B31" s="3">
        <f>'CPT Data'!C39</f>
        <v>0.19500000000000001</v>
      </c>
      <c r="C31" t="str">
        <f>'CPT Data'!P39</f>
        <v>CLAY</v>
      </c>
      <c r="D31">
        <f>'CPT Data'!Q39</f>
        <v>1.0002725256511875</v>
      </c>
      <c r="E31">
        <f t="shared" si="1"/>
        <v>1.0134163264122977</v>
      </c>
      <c r="F31">
        <f>IF(C31="CLAY", INDEX(D$4:D31, MATCH("CLAY", C$4:C31, 0)), "")</f>
        <v>0.75203252561341039</v>
      </c>
      <c r="G31" t="str">
        <f>IF(AND(C31="SAND", C32="CLAY"), INDEX(D$4:D31, MATCH("CLAY", C$4:C31, 0)), "")</f>
        <v/>
      </c>
    </row>
    <row r="32" spans="1:7" x14ac:dyDescent="0.2">
      <c r="A32" s="239">
        <f>'CPT Data'!B40</f>
        <v>0.20899999999999999</v>
      </c>
      <c r="B32" s="3">
        <f>'CPT Data'!C40</f>
        <v>0.20199999999999999</v>
      </c>
      <c r="C32" t="str">
        <f>'CPT Data'!P40</f>
        <v>CLAY</v>
      </c>
      <c r="D32">
        <f>'CPT Data'!Q40</f>
        <v>0.97884499625872168</v>
      </c>
      <c r="E32">
        <f t="shared" si="1"/>
        <v>1.0002725256511875</v>
      </c>
      <c r="F32">
        <f>IF(C32="CLAY", INDEX(D$4:D32, MATCH("CLAY", C$4:C32, 0)), "")</f>
        <v>0.75203252561341039</v>
      </c>
      <c r="G32" t="str">
        <f>IF(AND(C32="SAND", C33="CLAY"), INDEX(D$4:D32, MATCH("CLAY", C$4:C32, 0)), "")</f>
        <v/>
      </c>
    </row>
    <row r="33" spans="1:7" x14ac:dyDescent="0.2">
      <c r="A33" s="239">
        <f>'CPT Data'!B41</f>
        <v>0.217</v>
      </c>
      <c r="B33" s="3">
        <f>'CPT Data'!C41</f>
        <v>0.21</v>
      </c>
      <c r="C33" t="str">
        <f>'CPT Data'!P41</f>
        <v>CLAY</v>
      </c>
      <c r="D33">
        <f>'CPT Data'!Q41</f>
        <v>0.82954079268130643</v>
      </c>
      <c r="E33">
        <f t="shared" si="1"/>
        <v>0.97884499625872168</v>
      </c>
      <c r="F33">
        <f>IF(C33="CLAY", INDEX(D$4:D33, MATCH("CLAY", C$4:C33, 0)), "")</f>
        <v>0.75203252561341039</v>
      </c>
      <c r="G33" t="str">
        <f>IF(AND(C33="SAND", C34="CLAY"), INDEX(D$4:D33, MATCH("CLAY", C$4:C33, 0)), "")</f>
        <v/>
      </c>
    </row>
    <row r="34" spans="1:7" x14ac:dyDescent="0.2">
      <c r="A34" s="239">
        <f>'CPT Data'!B42</f>
        <v>0.224</v>
      </c>
      <c r="B34" s="3">
        <f>'CPT Data'!C42</f>
        <v>0.217</v>
      </c>
      <c r="C34" t="str">
        <f>'CPT Data'!P42</f>
        <v>CLAY</v>
      </c>
      <c r="D34">
        <f>'CPT Data'!Q42</f>
        <v>0.87546527888641945</v>
      </c>
      <c r="E34">
        <f t="shared" si="1"/>
        <v>0.82954079268130643</v>
      </c>
      <c r="F34">
        <f>IF(C34="CLAY", INDEX(D$4:D34, MATCH("CLAY", C$4:C34, 0)), "")</f>
        <v>0.75203252561341039</v>
      </c>
      <c r="G34" t="str">
        <f>IF(AND(C34="SAND", C35="CLAY"), INDEX(D$4:D34, MATCH("CLAY", C$4:C34, 0)), "")</f>
        <v/>
      </c>
    </row>
    <row r="35" spans="1:7" x14ac:dyDescent="0.2">
      <c r="A35" s="239">
        <f>'CPT Data'!B43</f>
        <v>0.23100000000000001</v>
      </c>
      <c r="B35" s="3">
        <f>'CPT Data'!C43</f>
        <v>0.224</v>
      </c>
      <c r="C35" t="str">
        <f>'CPT Data'!P43</f>
        <v>CLAY</v>
      </c>
      <c r="D35">
        <f>'CPT Data'!Q43</f>
        <v>0.88056294306223226</v>
      </c>
      <c r="E35">
        <f t="shared" si="1"/>
        <v>0.87546527888641945</v>
      </c>
      <c r="F35">
        <f>IF(C35="CLAY", INDEX(D$4:D35, MATCH("CLAY", C$4:C35, 0)), "")</f>
        <v>0.75203252561341039</v>
      </c>
      <c r="G35" t="str">
        <f>IF(AND(C35="SAND", C36="CLAY"), INDEX(D$4:D35, MATCH("CLAY", C$4:C35, 0)), "")</f>
        <v/>
      </c>
    </row>
    <row r="36" spans="1:7" x14ac:dyDescent="0.2">
      <c r="A36" s="239">
        <f>'CPT Data'!B44</f>
        <v>0.23899999999999999</v>
      </c>
      <c r="B36" s="3">
        <f>'CPT Data'!C44</f>
        <v>0.23199999999999998</v>
      </c>
      <c r="C36" t="str">
        <f>'CPT Data'!P44</f>
        <v>CLAY</v>
      </c>
      <c r="D36">
        <f>'CPT Data'!Q44</f>
        <v>0.88472866352354596</v>
      </c>
      <c r="E36">
        <f t="shared" si="1"/>
        <v>0.88056294306223226</v>
      </c>
      <c r="F36">
        <f>IF(C36="CLAY", INDEX(D$4:D36, MATCH("CLAY", C$4:C36, 0)), "")</f>
        <v>0.75203252561341039</v>
      </c>
      <c r="G36" t="str">
        <f>IF(AND(C36="SAND", C37="CLAY"), INDEX(D$4:D36, MATCH("CLAY", C$4:C36, 0)), "")</f>
        <v/>
      </c>
    </row>
    <row r="37" spans="1:7" x14ac:dyDescent="0.2">
      <c r="A37" s="239">
        <f>'CPT Data'!B45</f>
        <v>0.246</v>
      </c>
      <c r="B37" s="3">
        <f>'CPT Data'!C45</f>
        <v>0.23899999999999999</v>
      </c>
      <c r="C37" t="str">
        <f>'CPT Data'!P45</f>
        <v>CLAY</v>
      </c>
      <c r="D37">
        <f>'CPT Data'!Q45</f>
        <v>0.98417958559375485</v>
      </c>
      <c r="E37">
        <f t="shared" si="1"/>
        <v>0.88472866352354596</v>
      </c>
      <c r="F37">
        <f>IF(C37="CLAY", INDEX(D$4:D37, MATCH("CLAY", C$4:C37, 0)), "")</f>
        <v>0.75203252561341039</v>
      </c>
      <c r="G37" t="str">
        <f>IF(AND(C37="SAND", C38="CLAY"), INDEX(D$4:D37, MATCH("CLAY", C$4:C37, 0)), "")</f>
        <v/>
      </c>
    </row>
    <row r="38" spans="1:7" x14ac:dyDescent="0.2">
      <c r="A38" s="239">
        <f>'CPT Data'!B46</f>
        <v>0.254</v>
      </c>
      <c r="B38" s="3">
        <f>'CPT Data'!C46</f>
        <v>0.247</v>
      </c>
      <c r="C38" t="str">
        <f>'CPT Data'!P46</f>
        <v>CLAY</v>
      </c>
      <c r="D38">
        <f>'CPT Data'!Q46</f>
        <v>1.1208193648962312</v>
      </c>
      <c r="E38">
        <f t="shared" si="1"/>
        <v>0.98417958559375485</v>
      </c>
      <c r="F38">
        <f>IF(C38="CLAY", INDEX(D$4:D38, MATCH("CLAY", C$4:C38, 0)), "")</f>
        <v>0.75203252561341039</v>
      </c>
      <c r="G38" t="str">
        <f>IF(AND(C38="SAND", C39="CLAY"), INDEX(D$4:D38, MATCH("CLAY", C$4:C38, 0)), "")</f>
        <v/>
      </c>
    </row>
    <row r="39" spans="1:7" x14ac:dyDescent="0.2">
      <c r="A39" s="239">
        <f>'CPT Data'!B47</f>
        <v>0.26100000000000001</v>
      </c>
      <c r="B39" s="3">
        <f>'CPT Data'!C47</f>
        <v>0.254</v>
      </c>
      <c r="C39" t="str">
        <f>'CPT Data'!P47</f>
        <v>SAND</v>
      </c>
      <c r="D39" t="e">
        <f>'CPT Data'!Q47</f>
        <v>#N/A</v>
      </c>
      <c r="E39" t="e">
        <f t="shared" si="1"/>
        <v>#N/A</v>
      </c>
      <c r="F39" t="str">
        <f>IF(C39="CLAY", INDEX(D$4:D39, MATCH("CLAY", C$4:C39, 0)), "")</f>
        <v/>
      </c>
      <c r="G39" t="str">
        <f>IF(AND(C39="SAND", C40="CLAY"), INDEX(D$4:D39, MATCH("CLAY", C$4:C39, 0)), "")</f>
        <v/>
      </c>
    </row>
    <row r="40" spans="1:7" x14ac:dyDescent="0.2">
      <c r="A40" s="239">
        <f>'CPT Data'!B48</f>
        <v>0.26900000000000002</v>
      </c>
      <c r="B40" s="3">
        <f>'CPT Data'!C48</f>
        <v>0.26200000000000001</v>
      </c>
      <c r="C40" t="str">
        <f>'CPT Data'!P48</f>
        <v>SAND</v>
      </c>
      <c r="D40" t="e">
        <f>'CPT Data'!Q48</f>
        <v>#N/A</v>
      </c>
      <c r="E40" t="e">
        <f t="shared" si="1"/>
        <v>#N/A</v>
      </c>
      <c r="F40" t="str">
        <f>IF(C40="CLAY", INDEX(D$4:D40, MATCH("CLAY", C$4:C40, 0)), "")</f>
        <v/>
      </c>
      <c r="G40" t="str">
        <f>IF(AND(C40="SAND", C41="CLAY"), INDEX(D$4:D40, MATCH("CLAY", C$4:C40, 0)), "")</f>
        <v/>
      </c>
    </row>
    <row r="41" spans="1:7" x14ac:dyDescent="0.2">
      <c r="A41" s="239">
        <f>'CPT Data'!B49</f>
        <v>0.27600000000000002</v>
      </c>
      <c r="B41" s="3">
        <f>'CPT Data'!C49</f>
        <v>0.26900000000000002</v>
      </c>
      <c r="C41" t="str">
        <f>'CPT Data'!P49</f>
        <v>SAND</v>
      </c>
      <c r="D41" t="e">
        <f>'CPT Data'!Q49</f>
        <v>#N/A</v>
      </c>
      <c r="E41" t="e">
        <f t="shared" si="1"/>
        <v>#N/A</v>
      </c>
      <c r="F41" t="str">
        <f>IF(C41="CLAY", INDEX(D$4:D41, MATCH("CLAY", C$4:C41, 0)), "")</f>
        <v/>
      </c>
      <c r="G41" t="str">
        <f>IF(AND(C41="SAND", C42="CLAY"), INDEX(D$4:D41, MATCH("CLAY", C$4:C41, 0)), "")</f>
        <v/>
      </c>
    </row>
    <row r="42" spans="1:7" x14ac:dyDescent="0.2">
      <c r="A42" s="239">
        <f>'CPT Data'!B50</f>
        <v>0.28399999999999997</v>
      </c>
      <c r="B42" s="3">
        <f>'CPT Data'!C50</f>
        <v>0.27699999999999997</v>
      </c>
      <c r="C42" t="str">
        <f>'CPT Data'!P50</f>
        <v>SAND</v>
      </c>
      <c r="D42" t="e">
        <f>'CPT Data'!Q50</f>
        <v>#N/A</v>
      </c>
      <c r="E42" t="e">
        <f t="shared" si="1"/>
        <v>#N/A</v>
      </c>
      <c r="F42" t="str">
        <f>IF(C42="CLAY", INDEX(D$4:D42, MATCH("CLAY", C$4:C42, 0)), "")</f>
        <v/>
      </c>
      <c r="G42" t="str">
        <f>IF(AND(C42="SAND", C43="CLAY"), INDEX(D$4:D42, MATCH("CLAY", C$4:C42, 0)), "")</f>
        <v/>
      </c>
    </row>
    <row r="43" spans="1:7" x14ac:dyDescent="0.2">
      <c r="A43" s="239">
        <f>'CPT Data'!B51</f>
        <v>0.29099999999999998</v>
      </c>
      <c r="B43" s="3">
        <f>'CPT Data'!C51</f>
        <v>0.28399999999999997</v>
      </c>
      <c r="C43" t="str">
        <f>'CPT Data'!P51</f>
        <v>SAND</v>
      </c>
      <c r="D43" t="e">
        <f>'CPT Data'!Q51</f>
        <v>#N/A</v>
      </c>
      <c r="E43" t="e">
        <f t="shared" si="1"/>
        <v>#N/A</v>
      </c>
      <c r="F43" t="str">
        <f>IF(C43="CLAY", INDEX(D$4:D43, MATCH("CLAY", C$4:C43, 0)), "")</f>
        <v/>
      </c>
      <c r="G43" t="str">
        <f>IF(AND(C43="SAND", C44="CLAY"), INDEX(D$4:D43, MATCH("CLAY", C$4:C43, 0)), "")</f>
        <v/>
      </c>
    </row>
    <row r="44" spans="1:7" x14ac:dyDescent="0.2">
      <c r="A44" s="239">
        <f>'CPT Data'!B52</f>
        <v>0.29899999999999999</v>
      </c>
      <c r="B44" s="3">
        <f>'CPT Data'!C52</f>
        <v>0.29199999999999998</v>
      </c>
      <c r="C44" t="str">
        <f>'CPT Data'!P52</f>
        <v>SAND</v>
      </c>
      <c r="D44" t="e">
        <f>'CPT Data'!Q52</f>
        <v>#N/A</v>
      </c>
      <c r="E44" t="e">
        <f t="shared" si="1"/>
        <v>#N/A</v>
      </c>
      <c r="F44" t="str">
        <f>IF(C44="CLAY", INDEX(D$4:D44, MATCH("CLAY", C$4:C44, 0)), "")</f>
        <v/>
      </c>
      <c r="G44" t="str">
        <f>IF(AND(C44="SAND", C45="CLAY"), INDEX(D$4:D44, MATCH("CLAY", C$4:C44, 0)), "")</f>
        <v/>
      </c>
    </row>
    <row r="45" spans="1:7" x14ac:dyDescent="0.2">
      <c r="A45" s="239">
        <f>'CPT Data'!B53</f>
        <v>0.30599999999999999</v>
      </c>
      <c r="B45" s="3">
        <f>'CPT Data'!C53</f>
        <v>0.29899999999999999</v>
      </c>
      <c r="C45" t="str">
        <f>'CPT Data'!P53</f>
        <v>SAND</v>
      </c>
      <c r="D45" t="e">
        <f>'CPT Data'!Q53</f>
        <v>#N/A</v>
      </c>
      <c r="E45" t="e">
        <f t="shared" si="1"/>
        <v>#N/A</v>
      </c>
      <c r="F45" t="str">
        <f>IF(C45="CLAY", INDEX(D$4:D45, MATCH("CLAY", C$4:C45, 0)), "")</f>
        <v/>
      </c>
      <c r="G45" t="str">
        <f>IF(AND(C45="SAND", C46="CLAY"), INDEX(D$4:D45, MATCH("CLAY", C$4:C45, 0)), "")</f>
        <v/>
      </c>
    </row>
    <row r="46" spans="1:7" x14ac:dyDescent="0.2">
      <c r="A46" s="239">
        <f>'CPT Data'!B54</f>
        <v>0.314</v>
      </c>
      <c r="B46" s="3">
        <f>'CPT Data'!C54</f>
        <v>0.307</v>
      </c>
      <c r="C46" t="str">
        <f>'CPT Data'!P54</f>
        <v>SAND</v>
      </c>
      <c r="D46" t="e">
        <f>'CPT Data'!Q54</f>
        <v>#N/A</v>
      </c>
      <c r="E46" t="e">
        <f t="shared" si="1"/>
        <v>#N/A</v>
      </c>
      <c r="F46" t="str">
        <f>IF(C46="CLAY", INDEX(D$4:D46, MATCH("CLAY", C$4:C46, 0)), "")</f>
        <v/>
      </c>
      <c r="G46" t="str">
        <f>IF(AND(C46="SAND", C47="CLAY"), INDEX(D$4:D46, MATCH("CLAY", C$4:C46, 0)), "")</f>
        <v/>
      </c>
    </row>
    <row r="47" spans="1:7" x14ac:dyDescent="0.2">
      <c r="A47" s="239">
        <f>'CPT Data'!B55</f>
        <v>0.32100000000000001</v>
      </c>
      <c r="B47" s="3">
        <f>'CPT Data'!C55</f>
        <v>0.314</v>
      </c>
      <c r="C47" t="str">
        <f>'CPT Data'!P55</f>
        <v>SAND</v>
      </c>
      <c r="D47" t="e">
        <f>'CPT Data'!Q55</f>
        <v>#N/A</v>
      </c>
      <c r="E47" t="e">
        <f t="shared" si="1"/>
        <v>#N/A</v>
      </c>
      <c r="F47" t="str">
        <f>IF(C47="CLAY", INDEX(D$4:D47, MATCH("CLAY", C$4:C47, 0)), "")</f>
        <v/>
      </c>
      <c r="G47" t="str">
        <f>IF(AND(C47="SAND", C48="CLAY"), INDEX(D$4:D47, MATCH("CLAY", C$4:C47, 0)), "")</f>
        <v/>
      </c>
    </row>
    <row r="48" spans="1:7" x14ac:dyDescent="0.2">
      <c r="A48" s="239">
        <f>'CPT Data'!B56</f>
        <v>0.32900000000000001</v>
      </c>
      <c r="B48" s="3">
        <f>'CPT Data'!C56</f>
        <v>0.32200000000000001</v>
      </c>
      <c r="C48" t="str">
        <f>'CPT Data'!P56</f>
        <v>SAND</v>
      </c>
      <c r="D48" t="e">
        <f>'CPT Data'!Q56</f>
        <v>#N/A</v>
      </c>
      <c r="E48" t="e">
        <f t="shared" si="1"/>
        <v>#N/A</v>
      </c>
      <c r="F48" t="str">
        <f>IF(C48="CLAY", INDEX(D$4:D48, MATCH("CLAY", C$4:C48, 0)), "")</f>
        <v/>
      </c>
      <c r="G48" t="str">
        <f>IF(AND(C48="SAND", C49="CLAY"), INDEX(D$4:D48, MATCH("CLAY", C$4:C48, 0)), "")</f>
        <v/>
      </c>
    </row>
    <row r="49" spans="1:7" x14ac:dyDescent="0.2">
      <c r="A49" s="239">
        <f>'CPT Data'!B57</f>
        <v>0.33600000000000002</v>
      </c>
      <c r="B49" s="3">
        <f>'CPT Data'!C57</f>
        <v>0.32900000000000001</v>
      </c>
      <c r="C49" t="str">
        <f>'CPT Data'!P57</f>
        <v>SAND</v>
      </c>
      <c r="D49" t="e">
        <f>'CPT Data'!Q57</f>
        <v>#N/A</v>
      </c>
      <c r="E49" t="e">
        <f t="shared" si="1"/>
        <v>#N/A</v>
      </c>
      <c r="F49" t="str">
        <f>IF(C49="CLAY", INDEX(D$4:D49, MATCH("CLAY", C$4:C49, 0)), "")</f>
        <v/>
      </c>
      <c r="G49" t="str">
        <f>IF(AND(C49="SAND", C50="CLAY"), INDEX(D$4:D49, MATCH("CLAY", C$4:C49, 0)), "")</f>
        <v/>
      </c>
    </row>
    <row r="50" spans="1:7" x14ac:dyDescent="0.2">
      <c r="A50" s="239">
        <f>'CPT Data'!B58</f>
        <v>0.34300000000000003</v>
      </c>
      <c r="B50" s="3">
        <f>'CPT Data'!C58</f>
        <v>0.33600000000000002</v>
      </c>
      <c r="C50" t="str">
        <f>'CPT Data'!P58</f>
        <v>SAND</v>
      </c>
      <c r="D50" t="e">
        <f>'CPT Data'!Q58</f>
        <v>#N/A</v>
      </c>
      <c r="E50" t="e">
        <f t="shared" si="1"/>
        <v>#N/A</v>
      </c>
      <c r="F50" t="str">
        <f>IF(C50="CLAY", INDEX(D$4:D50, MATCH("CLAY", C$4:C50, 0)), "")</f>
        <v/>
      </c>
      <c r="G50" t="str">
        <f>IF(AND(C50="SAND", C51="CLAY"), INDEX(D$4:D50, MATCH("CLAY", C$4:C50, 0)), "")</f>
        <v/>
      </c>
    </row>
    <row r="51" spans="1:7" x14ac:dyDescent="0.2">
      <c r="A51" s="239">
        <f>'CPT Data'!B59</f>
        <v>0.35099999999999998</v>
      </c>
      <c r="B51" s="3">
        <f>'CPT Data'!C59</f>
        <v>0.34399999999999997</v>
      </c>
      <c r="C51" t="str">
        <f>'CPT Data'!P59</f>
        <v>SAND</v>
      </c>
      <c r="D51" t="e">
        <f>'CPT Data'!Q59</f>
        <v>#N/A</v>
      </c>
      <c r="E51" t="e">
        <f t="shared" si="1"/>
        <v>#N/A</v>
      </c>
      <c r="F51" t="str">
        <f>IF(C51="CLAY", INDEX(D$4:D51, MATCH("CLAY", C$4:C51, 0)), "")</f>
        <v/>
      </c>
      <c r="G51" t="str">
        <f>IF(AND(C51="SAND", C52="CLAY"), INDEX(D$4:D51, MATCH("CLAY", C$4:C51, 0)), "")</f>
        <v/>
      </c>
    </row>
    <row r="52" spans="1:7" x14ac:dyDescent="0.2">
      <c r="A52" s="239">
        <f>'CPT Data'!B60</f>
        <v>0.35799999999999998</v>
      </c>
      <c r="B52" s="3">
        <f>'CPT Data'!C60</f>
        <v>0.35099999999999998</v>
      </c>
      <c r="C52" t="str">
        <f>'CPT Data'!P60</f>
        <v>SAND</v>
      </c>
      <c r="D52" t="e">
        <f>'CPT Data'!Q60</f>
        <v>#N/A</v>
      </c>
      <c r="E52" t="e">
        <f t="shared" si="1"/>
        <v>#N/A</v>
      </c>
      <c r="F52" t="str">
        <f>IF(C52="CLAY", INDEX(D$4:D52, MATCH("CLAY", C$4:C52, 0)), "")</f>
        <v/>
      </c>
      <c r="G52" t="str">
        <f>IF(AND(C52="SAND", C53="CLAY"), INDEX(D$4:D52, MATCH("CLAY", C$4:C52, 0)), "")</f>
        <v/>
      </c>
    </row>
    <row r="53" spans="1:7" x14ac:dyDescent="0.2">
      <c r="A53" s="239">
        <f>'CPT Data'!B61</f>
        <v>0.36599999999999999</v>
      </c>
      <c r="B53" s="3">
        <f>'CPT Data'!C61</f>
        <v>0.35899999999999999</v>
      </c>
      <c r="C53" t="str">
        <f>'CPT Data'!P61</f>
        <v>SAND</v>
      </c>
      <c r="D53" t="e">
        <f>'CPT Data'!Q61</f>
        <v>#N/A</v>
      </c>
      <c r="E53" t="e">
        <f t="shared" si="1"/>
        <v>#N/A</v>
      </c>
      <c r="F53" t="str">
        <f>IF(C53="CLAY", INDEX(D$4:D53, MATCH("CLAY", C$4:C53, 0)), "")</f>
        <v/>
      </c>
      <c r="G53" t="str">
        <f>IF(AND(C53="SAND", C54="CLAY"), INDEX(D$4:D53, MATCH("CLAY", C$4:C53, 0)), "")</f>
        <v/>
      </c>
    </row>
    <row r="54" spans="1:7" x14ac:dyDescent="0.2">
      <c r="A54" s="239">
        <f>'CPT Data'!B62</f>
        <v>0.374</v>
      </c>
      <c r="B54" s="3">
        <f>'CPT Data'!C62</f>
        <v>0.36699999999999999</v>
      </c>
      <c r="C54" t="str">
        <f>'CPT Data'!P62</f>
        <v>SAND</v>
      </c>
      <c r="D54" t="e">
        <f>'CPT Data'!Q62</f>
        <v>#N/A</v>
      </c>
      <c r="E54" t="e">
        <f t="shared" si="1"/>
        <v>#N/A</v>
      </c>
      <c r="F54" t="str">
        <f>IF(C54="CLAY", INDEX(D$4:D54, MATCH("CLAY", C$4:C54, 0)), "")</f>
        <v/>
      </c>
      <c r="G54" t="str">
        <f>IF(AND(C54="SAND", C55="CLAY"), INDEX(D$4:D54, MATCH("CLAY", C$4:C54, 0)), "")</f>
        <v/>
      </c>
    </row>
    <row r="55" spans="1:7" x14ac:dyDescent="0.2">
      <c r="A55" s="239">
        <f>'CPT Data'!B63</f>
        <v>0.38100000000000001</v>
      </c>
      <c r="B55" s="3">
        <f>'CPT Data'!C63</f>
        <v>0.374</v>
      </c>
      <c r="C55" t="str">
        <f>'CPT Data'!P63</f>
        <v>SAND</v>
      </c>
      <c r="D55" t="e">
        <f>'CPT Data'!Q63</f>
        <v>#N/A</v>
      </c>
      <c r="E55" t="e">
        <f t="shared" si="1"/>
        <v>#N/A</v>
      </c>
      <c r="F55" t="str">
        <f>IF(C55="CLAY", INDEX(D$4:D55, MATCH("CLAY", C$4:C55, 0)), "")</f>
        <v/>
      </c>
      <c r="G55" t="str">
        <f>IF(AND(C55="SAND", C56="CLAY"), INDEX(D$4:D55, MATCH("CLAY", C$4:C55, 0)), "")</f>
        <v/>
      </c>
    </row>
    <row r="56" spans="1:7" x14ac:dyDescent="0.2">
      <c r="A56" s="239">
        <f>'CPT Data'!B64</f>
        <v>0.38900000000000001</v>
      </c>
      <c r="B56" s="3">
        <f>'CPT Data'!C64</f>
        <v>0.38200000000000001</v>
      </c>
      <c r="C56" t="str">
        <f>'CPT Data'!P64</f>
        <v>SAND</v>
      </c>
      <c r="D56" t="e">
        <f>'CPT Data'!Q64</f>
        <v>#N/A</v>
      </c>
      <c r="E56" t="e">
        <f t="shared" si="1"/>
        <v>#N/A</v>
      </c>
      <c r="F56" t="str">
        <f>IF(C56="CLAY", INDEX(D$4:D56, MATCH("CLAY", C$4:C56, 0)), "")</f>
        <v/>
      </c>
      <c r="G56" t="str">
        <f>IF(AND(C56="SAND", C57="CLAY"), INDEX(D$4:D56, MATCH("CLAY", C$4:C56, 0)), "")</f>
        <v/>
      </c>
    </row>
    <row r="57" spans="1:7" x14ac:dyDescent="0.2">
      <c r="A57" s="239">
        <f>'CPT Data'!B65</f>
        <v>0.39500000000000002</v>
      </c>
      <c r="B57" s="3">
        <f>'CPT Data'!C65</f>
        <v>0.38800000000000001</v>
      </c>
      <c r="C57" t="str">
        <f>'CPT Data'!P65</f>
        <v>SAND</v>
      </c>
      <c r="D57" t="e">
        <f>'CPT Data'!Q65</f>
        <v>#N/A</v>
      </c>
      <c r="E57" t="e">
        <f t="shared" si="1"/>
        <v>#N/A</v>
      </c>
      <c r="F57" t="str">
        <f>IF(C57="CLAY", INDEX(D$4:D57, MATCH("CLAY", C$4:C57, 0)), "")</f>
        <v/>
      </c>
      <c r="G57" t="str">
        <f>IF(AND(C57="SAND", C58="CLAY"), INDEX(D$4:D57, MATCH("CLAY", C$4:C57, 0)), "")</f>
        <v/>
      </c>
    </row>
    <row r="58" spans="1:7" x14ac:dyDescent="0.2">
      <c r="A58" s="239">
        <f>'CPT Data'!B66</f>
        <v>0.40300000000000002</v>
      </c>
      <c r="B58" s="3">
        <f>'CPT Data'!C66</f>
        <v>0.39600000000000002</v>
      </c>
      <c r="C58" t="str">
        <f>'CPT Data'!P66</f>
        <v>SAND</v>
      </c>
      <c r="D58" t="e">
        <f>'CPT Data'!Q66</f>
        <v>#N/A</v>
      </c>
      <c r="E58" t="e">
        <f t="shared" si="1"/>
        <v>#N/A</v>
      </c>
      <c r="F58" t="str">
        <f>IF(C58="CLAY", INDEX(D$4:D58, MATCH("CLAY", C$4:C58, 0)), "")</f>
        <v/>
      </c>
      <c r="G58" t="str">
        <f>IF(AND(C59="SAND", C58="CLAY"), INDEX(D$4:D58, MATCH("CLAY", C$4:C58, 0)), "")</f>
        <v/>
      </c>
    </row>
    <row r="59" spans="1:7" x14ac:dyDescent="0.2">
      <c r="A59" s="239">
        <f>'CPT Data'!B67</f>
        <v>0.41</v>
      </c>
      <c r="B59" s="3">
        <f>'CPT Data'!C67</f>
        <v>0.40299999999999997</v>
      </c>
      <c r="C59" t="str">
        <f>'CPT Data'!P67</f>
        <v>SAND</v>
      </c>
      <c r="D59" t="e">
        <f>'CPT Data'!Q67</f>
        <v>#N/A</v>
      </c>
      <c r="E59" t="e">
        <f t="shared" si="1"/>
        <v>#N/A</v>
      </c>
      <c r="F59" t="str">
        <f>IF(C59="CLAY", INDEX(D$4:D59, MATCH("CLAY", C$4:C59, 0)), "")</f>
        <v/>
      </c>
    </row>
    <row r="60" spans="1:7" x14ac:dyDescent="0.2">
      <c r="A60" s="239">
        <f>'CPT Data'!B68</f>
        <v>0.41799999999999998</v>
      </c>
      <c r="B60" s="3">
        <f>'CPT Data'!C68</f>
        <v>0.41099999999999998</v>
      </c>
      <c r="C60" t="str">
        <f>'CPT Data'!P68</f>
        <v>SAND</v>
      </c>
      <c r="D60" t="e">
        <f>'CPT Data'!Q68</f>
        <v>#N/A</v>
      </c>
      <c r="E60" t="e">
        <f t="shared" si="1"/>
        <v>#N/A</v>
      </c>
      <c r="F60" t="str">
        <f>IF(C60="CLAY", INDEX(D$4:D60, MATCH("CLAY", C$4:C60, 0)), "")</f>
        <v/>
      </c>
    </row>
    <row r="61" spans="1:7" x14ac:dyDescent="0.2">
      <c r="A61" s="239">
        <f>'CPT Data'!B69</f>
        <v>0.42499999999999999</v>
      </c>
      <c r="B61" s="3">
        <f>'CPT Data'!C69</f>
        <v>0.41799999999999998</v>
      </c>
      <c r="C61" t="str">
        <f>'CPT Data'!P69</f>
        <v>SAND</v>
      </c>
      <c r="D61" t="e">
        <f>'CPT Data'!Q69</f>
        <v>#N/A</v>
      </c>
      <c r="E61" t="e">
        <f t="shared" si="1"/>
        <v>#N/A</v>
      </c>
      <c r="F61" t="str">
        <f>IF(C61="CLAY", INDEX(D$4:D61, MATCH("CLAY", C$4:C61, 0)), "")</f>
        <v/>
      </c>
    </row>
    <row r="62" spans="1:7" x14ac:dyDescent="0.2">
      <c r="A62" s="239">
        <f>'CPT Data'!B70</f>
        <v>0.434</v>
      </c>
      <c r="B62" s="3">
        <f>'CPT Data'!C70</f>
        <v>0.42699999999999999</v>
      </c>
      <c r="C62" t="str">
        <f>'CPT Data'!P70</f>
        <v>SAND</v>
      </c>
      <c r="D62" t="e">
        <f>'CPT Data'!Q70</f>
        <v>#N/A</v>
      </c>
      <c r="E62" t="e">
        <f t="shared" si="1"/>
        <v>#N/A</v>
      </c>
      <c r="F62" t="str">
        <f>IF(C62="CLAY", INDEX(D$4:D62, MATCH("CLAY", C$4:C62, 0)), "")</f>
        <v/>
      </c>
    </row>
    <row r="63" spans="1:7" x14ac:dyDescent="0.2">
      <c r="A63" s="239">
        <f>'CPT Data'!B71</f>
        <v>0.44</v>
      </c>
      <c r="B63" s="3">
        <f>'CPT Data'!C71</f>
        <v>0.433</v>
      </c>
      <c r="C63" t="str">
        <f>'CPT Data'!P71</f>
        <v>SAND</v>
      </c>
      <c r="D63" t="e">
        <f>'CPT Data'!Q71</f>
        <v>#N/A</v>
      </c>
      <c r="E63" t="e">
        <f t="shared" si="1"/>
        <v>#N/A</v>
      </c>
      <c r="F63" t="str">
        <f>IF(C63="CLAY", INDEX(D$4:D63, MATCH("CLAY", C$4:C63, 0)), "")</f>
        <v/>
      </c>
    </row>
    <row r="64" spans="1:7" x14ac:dyDescent="0.2">
      <c r="A64" s="239">
        <f>'CPT Data'!B72</f>
        <v>0.44800000000000001</v>
      </c>
      <c r="B64" s="3">
        <f>'CPT Data'!C72</f>
        <v>0.441</v>
      </c>
      <c r="C64" t="str">
        <f>'CPT Data'!P72</f>
        <v>SAND</v>
      </c>
      <c r="D64" t="e">
        <f>'CPT Data'!Q72</f>
        <v>#N/A</v>
      </c>
      <c r="E64" t="e">
        <f t="shared" si="1"/>
        <v>#N/A</v>
      </c>
      <c r="F64" t="str">
        <f>IF(C64="CLAY", INDEX(D$4:D64, MATCH("CLAY", C$4:C64, 0)), "")</f>
        <v/>
      </c>
    </row>
    <row r="65" spans="1:6" x14ac:dyDescent="0.2">
      <c r="A65" s="239">
        <f>'CPT Data'!B73</f>
        <v>0.45700000000000002</v>
      </c>
      <c r="B65" s="3">
        <f>'CPT Data'!C73</f>
        <v>0.45</v>
      </c>
      <c r="C65" t="str">
        <f>'CPT Data'!P73</f>
        <v>SAND</v>
      </c>
      <c r="D65" t="e">
        <f>'CPT Data'!Q73</f>
        <v>#N/A</v>
      </c>
      <c r="E65" t="e">
        <f t="shared" si="1"/>
        <v>#N/A</v>
      </c>
      <c r="F65" t="str">
        <f>IF(C65="CLAY", INDEX(D$4:D65, MATCH("CLAY", C$4:C65, 0)), "")</f>
        <v/>
      </c>
    </row>
    <row r="66" spans="1:6" x14ac:dyDescent="0.2">
      <c r="A66" s="239">
        <f>'CPT Data'!B74</f>
        <v>0.46300000000000002</v>
      </c>
      <c r="B66" s="3">
        <f>'CPT Data'!C74</f>
        <v>0.45600000000000002</v>
      </c>
      <c r="C66" t="str">
        <f>'CPT Data'!P74</f>
        <v>SAND</v>
      </c>
      <c r="D66" t="e">
        <f>'CPT Data'!Q74</f>
        <v>#N/A</v>
      </c>
      <c r="E66" t="e">
        <f t="shared" si="1"/>
        <v>#N/A</v>
      </c>
      <c r="F66" t="str">
        <f>IF(C66="CLAY", INDEX(D$4:D66, MATCH("CLAY", C$4:C66, 0)), "")</f>
        <v/>
      </c>
    </row>
    <row r="67" spans="1:6" x14ac:dyDescent="0.2">
      <c r="A67" s="239">
        <f>'CPT Data'!B75</f>
        <v>0.47199999999999998</v>
      </c>
      <c r="B67" s="3">
        <f>'CPT Data'!C75</f>
        <v>0.46499999999999997</v>
      </c>
      <c r="C67" t="str">
        <f>'CPT Data'!P75</f>
        <v>SAND</v>
      </c>
      <c r="D67" t="e">
        <f>'CPT Data'!Q75</f>
        <v>#N/A</v>
      </c>
      <c r="E67" t="e">
        <f t="shared" si="1"/>
        <v>#N/A</v>
      </c>
      <c r="F67" t="str">
        <f>IF(C67="CLAY", INDEX(D$4:D67, MATCH("CLAY", C$4:C67, 0)), "")</f>
        <v/>
      </c>
    </row>
    <row r="68" spans="1:6" x14ac:dyDescent="0.2">
      <c r="A68" s="239">
        <f>'CPT Data'!B76</f>
        <v>0.47899999999999998</v>
      </c>
      <c r="B68" s="3">
        <f>'CPT Data'!C76</f>
        <v>0.47199999999999998</v>
      </c>
      <c r="C68" t="str">
        <f>'CPT Data'!P76</f>
        <v>SAND</v>
      </c>
      <c r="D68" t="e">
        <f>'CPT Data'!Q76</f>
        <v>#N/A</v>
      </c>
      <c r="E68" t="e">
        <f t="shared" si="1"/>
        <v>#N/A</v>
      </c>
      <c r="F68" t="str">
        <f>IF(C68="CLAY", INDEX(D$4:D68, MATCH("CLAY", C$4:C68, 0)), "")</f>
        <v/>
      </c>
    </row>
    <row r="69" spans="1:6" x14ac:dyDescent="0.2">
      <c r="A69" s="239">
        <f>'CPT Data'!B77</f>
        <v>0.48699999999999999</v>
      </c>
      <c r="B69" s="3">
        <f>'CPT Data'!C77</f>
        <v>0.48</v>
      </c>
      <c r="C69" t="str">
        <f>'CPT Data'!P77</f>
        <v>SAND</v>
      </c>
      <c r="D69" t="e">
        <f>'CPT Data'!Q77</f>
        <v>#N/A</v>
      </c>
      <c r="E69" t="e">
        <f t="shared" si="1"/>
        <v>#N/A</v>
      </c>
      <c r="F69" t="str">
        <f>IF(C69="CLAY", INDEX(D$4:D69, MATCH("CLAY", C$4:C69, 0)), "")</f>
        <v/>
      </c>
    </row>
    <row r="70" spans="1:6" x14ac:dyDescent="0.2">
      <c r="A70" s="239">
        <f>'CPT Data'!B78</f>
        <v>0.49399999999999999</v>
      </c>
      <c r="B70" s="3">
        <f>'CPT Data'!C78</f>
        <v>0.48699999999999999</v>
      </c>
      <c r="C70" t="str">
        <f>'CPT Data'!P78</f>
        <v>SAND</v>
      </c>
      <c r="D70" t="e">
        <f>'CPT Data'!Q78</f>
        <v>#N/A</v>
      </c>
      <c r="E70" t="e">
        <f t="shared" si="1"/>
        <v>#N/A</v>
      </c>
      <c r="F70" t="str">
        <f>IF(C70="CLAY", INDEX(D$4:D70, MATCH("CLAY", C$4:C70, 0)), "")</f>
        <v/>
      </c>
    </row>
    <row r="71" spans="1:6" x14ac:dyDescent="0.2">
      <c r="A71" s="239">
        <f>'CPT Data'!B79</f>
        <v>0.502</v>
      </c>
      <c r="B71" s="3">
        <f>'CPT Data'!C79</f>
        <v>0.495</v>
      </c>
      <c r="C71" t="str">
        <f>'CPT Data'!P79</f>
        <v>SAND</v>
      </c>
      <c r="D71" t="e">
        <f>'CPT Data'!Q79</f>
        <v>#N/A</v>
      </c>
      <c r="E71" t="e">
        <f t="shared" si="1"/>
        <v>#N/A</v>
      </c>
      <c r="F71" t="str">
        <f>IF(C71="CLAY", INDEX(D$4:D71, MATCH("CLAY", C$4:C71, 0)), "")</f>
        <v/>
      </c>
    </row>
    <row r="72" spans="1:6" x14ac:dyDescent="0.2">
      <c r="A72" s="239">
        <f>'CPT Data'!B80</f>
        <v>0.50900000000000001</v>
      </c>
      <c r="B72" s="3">
        <f>'CPT Data'!C80</f>
        <v>0.502</v>
      </c>
      <c r="C72" t="str">
        <f>'CPT Data'!P80</f>
        <v>SAND</v>
      </c>
      <c r="D72" t="e">
        <f>'CPT Data'!Q80</f>
        <v>#N/A</v>
      </c>
      <c r="E72" t="e">
        <f t="shared" si="1"/>
        <v>#N/A</v>
      </c>
      <c r="F72" t="str">
        <f>IF(C72="CLAY", INDEX(D$4:D72, MATCH("CLAY", C$4:C72, 0)), "")</f>
        <v/>
      </c>
    </row>
    <row r="73" spans="1:6" x14ac:dyDescent="0.2">
      <c r="A73" s="239">
        <f>'CPT Data'!B81</f>
        <v>0.51600000000000001</v>
      </c>
      <c r="B73" s="3">
        <f>'CPT Data'!C81</f>
        <v>0.50900000000000001</v>
      </c>
      <c r="C73" t="str">
        <f>'CPT Data'!P81</f>
        <v>SAND</v>
      </c>
      <c r="D73" t="e">
        <f>'CPT Data'!Q81</f>
        <v>#N/A</v>
      </c>
      <c r="E73" t="e">
        <f t="shared" si="1"/>
        <v>#N/A</v>
      </c>
      <c r="F73" t="str">
        <f>IF(C73="CLAY", INDEX(D$4:D73, MATCH("CLAY", C$4:C73, 0)), "")</f>
        <v/>
      </c>
    </row>
    <row r="74" spans="1:6" x14ac:dyDescent="0.2">
      <c r="A74" s="239">
        <f>'CPT Data'!B82</f>
        <v>0.52400000000000002</v>
      </c>
      <c r="B74" s="3">
        <f>'CPT Data'!C82</f>
        <v>0.51700000000000002</v>
      </c>
      <c r="C74" t="str">
        <f>'CPT Data'!P82</f>
        <v>SAND</v>
      </c>
      <c r="D74" t="e">
        <f>'CPT Data'!Q82</f>
        <v>#N/A</v>
      </c>
      <c r="E74" t="e">
        <f t="shared" si="1"/>
        <v>#N/A</v>
      </c>
      <c r="F74" t="str">
        <f>IF(C74="CLAY", INDEX(D$4:D74, MATCH("CLAY", C$4:C74, 0)), "")</f>
        <v/>
      </c>
    </row>
    <row r="75" spans="1:6" x14ac:dyDescent="0.2">
      <c r="A75" s="239">
        <f>'CPT Data'!B83</f>
        <v>0.53200000000000003</v>
      </c>
      <c r="B75" s="3">
        <f>'CPT Data'!C83</f>
        <v>0.52500000000000002</v>
      </c>
      <c r="C75" t="str">
        <f>'CPT Data'!P83</f>
        <v>SAND</v>
      </c>
      <c r="D75" t="e">
        <f>'CPT Data'!Q83</f>
        <v>#N/A</v>
      </c>
      <c r="E75" t="e">
        <f t="shared" si="1"/>
        <v>#N/A</v>
      </c>
      <c r="F75" t="str">
        <f>IF(C75="CLAY", INDEX(D$4:D75, MATCH("CLAY", C$4:C75, 0)), "")</f>
        <v/>
      </c>
    </row>
    <row r="76" spans="1:6" x14ac:dyDescent="0.2">
      <c r="A76" s="239">
        <f>'CPT Data'!B84</f>
        <v>0.53900000000000003</v>
      </c>
      <c r="B76" s="3">
        <f>'CPT Data'!C84</f>
        <v>0.53200000000000003</v>
      </c>
      <c r="C76" t="str">
        <f>'CPT Data'!P84</f>
        <v>SAND</v>
      </c>
      <c r="D76" t="e">
        <f>'CPT Data'!Q84</f>
        <v>#N/A</v>
      </c>
      <c r="E76" t="e">
        <f t="shared" si="1"/>
        <v>#N/A</v>
      </c>
      <c r="F76" t="str">
        <f>IF(C76="CLAY", INDEX(D$4:D76, MATCH("CLAY", C$4:C76, 0)), "")</f>
        <v/>
      </c>
    </row>
    <row r="77" spans="1:6" x14ac:dyDescent="0.2">
      <c r="A77" s="239">
        <f>'CPT Data'!B85</f>
        <v>0.54600000000000004</v>
      </c>
      <c r="B77" s="3">
        <f>'CPT Data'!C85</f>
        <v>0.53900000000000003</v>
      </c>
      <c r="C77" t="str">
        <f>'CPT Data'!P85</f>
        <v>SAND</v>
      </c>
      <c r="D77" t="e">
        <f>'CPT Data'!Q85</f>
        <v>#N/A</v>
      </c>
      <c r="E77" t="e">
        <f t="shared" si="1"/>
        <v>#N/A</v>
      </c>
      <c r="F77" t="str">
        <f>IF(C77="CLAY", INDEX(D$4:D77, MATCH("CLAY", C$4:C77, 0)), "")</f>
        <v/>
      </c>
    </row>
    <row r="78" spans="1:6" x14ac:dyDescent="0.2">
      <c r="A78" s="239">
        <f>'CPT Data'!B86</f>
        <v>0.55400000000000005</v>
      </c>
      <c r="B78" s="3">
        <f>'CPT Data'!C86</f>
        <v>0.54700000000000004</v>
      </c>
      <c r="C78" t="str">
        <f>'CPT Data'!P86</f>
        <v>SAND</v>
      </c>
      <c r="D78" t="e">
        <f>'CPT Data'!Q86</f>
        <v>#N/A</v>
      </c>
      <c r="E78" t="e">
        <f t="shared" si="1"/>
        <v>#N/A</v>
      </c>
      <c r="F78" t="str">
        <f>IF(C78="CLAY", INDEX(D$4:D78, MATCH("CLAY", C$4:C78, 0)), "")</f>
        <v/>
      </c>
    </row>
    <row r="79" spans="1:6" x14ac:dyDescent="0.2">
      <c r="A79" s="239">
        <f>'CPT Data'!B87</f>
        <v>0.56100000000000005</v>
      </c>
      <c r="B79" s="3">
        <f>'CPT Data'!C87</f>
        <v>0.55400000000000005</v>
      </c>
      <c r="C79" t="str">
        <f>'CPT Data'!P87</f>
        <v>SAND</v>
      </c>
      <c r="D79" t="e">
        <f>'CPT Data'!Q87</f>
        <v>#N/A</v>
      </c>
      <c r="E79" t="e">
        <f t="shared" si="1"/>
        <v>#N/A</v>
      </c>
      <c r="F79" t="str">
        <f>IF(C79="CLAY", INDEX(D$4:D79, MATCH("CLAY", C$4:C79, 0)), "")</f>
        <v/>
      </c>
    </row>
    <row r="80" spans="1:6" x14ac:dyDescent="0.2">
      <c r="A80" s="239">
        <f>'CPT Data'!B88</f>
        <v>0.56799999999999995</v>
      </c>
      <c r="B80" s="3">
        <f>'CPT Data'!C88</f>
        <v>0.56099999999999994</v>
      </c>
      <c r="C80" t="str">
        <f>'CPT Data'!P88</f>
        <v>SAND</v>
      </c>
      <c r="D80" t="e">
        <f>'CPT Data'!Q88</f>
        <v>#N/A</v>
      </c>
      <c r="E80" t="e">
        <f t="shared" si="1"/>
        <v>#N/A</v>
      </c>
      <c r="F80" t="str">
        <f>IF(C80="CLAY", INDEX(D$4:D80, MATCH("CLAY", C$4:C80, 0)), "")</f>
        <v/>
      </c>
    </row>
    <row r="81" spans="1:6" x14ac:dyDescent="0.2">
      <c r="A81" s="239">
        <f>'CPT Data'!B89</f>
        <v>0.57599999999999996</v>
      </c>
      <c r="B81" s="3">
        <f>'CPT Data'!C89</f>
        <v>0.56899999999999995</v>
      </c>
      <c r="C81" t="str">
        <f>'CPT Data'!P89</f>
        <v>SAND</v>
      </c>
      <c r="D81" t="e">
        <f>'CPT Data'!Q89</f>
        <v>#N/A</v>
      </c>
      <c r="E81" t="e">
        <f t="shared" si="1"/>
        <v>#N/A</v>
      </c>
      <c r="F81" t="str">
        <f>IF(C81="CLAY", INDEX(D$4:D81, MATCH("CLAY", C$4:C81, 0)), "")</f>
        <v/>
      </c>
    </row>
    <row r="82" spans="1:6" x14ac:dyDescent="0.2">
      <c r="A82" s="239">
        <f>'CPT Data'!B90</f>
        <v>0.58299999999999996</v>
      </c>
      <c r="B82" s="3">
        <f>'CPT Data'!C90</f>
        <v>0.57599999999999996</v>
      </c>
      <c r="C82" t="str">
        <f>'CPT Data'!P90</f>
        <v>SAND</v>
      </c>
      <c r="D82" t="e">
        <f>'CPT Data'!Q90</f>
        <v>#N/A</v>
      </c>
      <c r="E82" t="e">
        <f t="shared" si="1"/>
        <v>#N/A</v>
      </c>
      <c r="F82" t="str">
        <f>IF(C82="CLAY", INDEX(D$4:D82, MATCH("CLAY", C$4:C82, 0)), "")</f>
        <v/>
      </c>
    </row>
    <row r="83" spans="1:6" x14ac:dyDescent="0.2">
      <c r="A83" s="239">
        <f>'CPT Data'!B91</f>
        <v>0.59099999999999997</v>
      </c>
      <c r="B83" s="3">
        <f>'CPT Data'!C91</f>
        <v>0.58399999999999996</v>
      </c>
      <c r="C83" t="str">
        <f>'CPT Data'!P91</f>
        <v>SAND</v>
      </c>
      <c r="D83" t="e">
        <f>'CPT Data'!Q91</f>
        <v>#N/A</v>
      </c>
      <c r="E83" t="e">
        <f t="shared" si="1"/>
        <v>#N/A</v>
      </c>
      <c r="F83" t="str">
        <f>IF(C83="CLAY", INDEX(D$4:D83, MATCH("CLAY", C$4:C83, 0)), "")</f>
        <v/>
      </c>
    </row>
    <row r="84" spans="1:6" x14ac:dyDescent="0.2">
      <c r="A84" s="239">
        <f>'CPT Data'!B92</f>
        <v>0.59799999999999998</v>
      </c>
      <c r="B84" s="3">
        <f>'CPT Data'!C92</f>
        <v>0.59099999999999997</v>
      </c>
      <c r="C84" t="str">
        <f>'CPT Data'!P92</f>
        <v>SAND</v>
      </c>
      <c r="D84" t="e">
        <f>'CPT Data'!Q92</f>
        <v>#N/A</v>
      </c>
      <c r="E84" t="e">
        <f t="shared" si="1"/>
        <v>#N/A</v>
      </c>
      <c r="F84" t="str">
        <f>IF(C84="CLAY", INDEX(D$4:D84, MATCH("CLAY", C$4:C84, 0)), "")</f>
        <v/>
      </c>
    </row>
    <row r="85" spans="1:6" x14ac:dyDescent="0.2">
      <c r="A85" s="239">
        <f>'CPT Data'!B93</f>
        <v>0.60699999999999998</v>
      </c>
      <c r="B85" s="3">
        <f>'CPT Data'!C93</f>
        <v>0.6</v>
      </c>
      <c r="C85" t="str">
        <f>'CPT Data'!P93</f>
        <v>SAND</v>
      </c>
      <c r="D85" t="e">
        <f>'CPT Data'!Q93</f>
        <v>#N/A</v>
      </c>
      <c r="E85" t="e">
        <f t="shared" si="1"/>
        <v>#N/A</v>
      </c>
      <c r="F85" t="str">
        <f>IF(C85="CLAY", INDEX(D$4:D85, MATCH("CLAY", C$4:C85, 0)), "")</f>
        <v/>
      </c>
    </row>
    <row r="86" spans="1:6" x14ac:dyDescent="0.2">
      <c r="A86" s="239">
        <f>'CPT Data'!B94</f>
        <v>0.61399999999999999</v>
      </c>
      <c r="B86" s="3">
        <f>'CPT Data'!C94</f>
        <v>0.60699999999999998</v>
      </c>
      <c r="C86" t="str">
        <f>'CPT Data'!P94</f>
        <v>SAND</v>
      </c>
      <c r="D86" t="e">
        <f>'CPT Data'!Q94</f>
        <v>#N/A</v>
      </c>
      <c r="E86" t="e">
        <f t="shared" si="1"/>
        <v>#N/A</v>
      </c>
      <c r="F86" t="str">
        <f>IF(C86="CLAY", INDEX(D$4:D86, MATCH("CLAY", C$4:C86, 0)), "")</f>
        <v/>
      </c>
    </row>
    <row r="87" spans="1:6" x14ac:dyDescent="0.2">
      <c r="A87" s="239">
        <f>'CPT Data'!B95</f>
        <v>0.621</v>
      </c>
      <c r="B87" s="3">
        <f>'CPT Data'!C95</f>
        <v>0.61399999999999999</v>
      </c>
      <c r="C87" t="str">
        <f>'CPT Data'!P95</f>
        <v>SAND</v>
      </c>
      <c r="D87" t="e">
        <f>'CPT Data'!Q95</f>
        <v>#N/A</v>
      </c>
      <c r="E87" t="e">
        <f t="shared" si="1"/>
        <v>#N/A</v>
      </c>
      <c r="F87" t="str">
        <f>IF(C87="CLAY", INDEX(D$4:D87, MATCH("CLAY", C$4:C87, 0)), "")</f>
        <v/>
      </c>
    </row>
    <row r="88" spans="1:6" x14ac:dyDescent="0.2">
      <c r="A88" s="239">
        <f>'CPT Data'!B96</f>
        <v>0.629</v>
      </c>
      <c r="B88" s="3">
        <f>'CPT Data'!C96</f>
        <v>0.622</v>
      </c>
      <c r="C88" t="str">
        <f>'CPT Data'!P96</f>
        <v>SAND</v>
      </c>
      <c r="D88" t="e">
        <f>'CPT Data'!Q96</f>
        <v>#N/A</v>
      </c>
      <c r="E88" t="e">
        <f t="shared" si="1"/>
        <v>#N/A</v>
      </c>
      <c r="F88" t="str">
        <f>IF(C88="CLAY", INDEX(D$4:D88, MATCH("CLAY", C$4:C88, 0)), "")</f>
        <v/>
      </c>
    </row>
    <row r="89" spans="1:6" x14ac:dyDescent="0.2">
      <c r="A89" s="239">
        <f>'CPT Data'!B97</f>
        <v>0.63700000000000001</v>
      </c>
      <c r="B89" s="3">
        <f>'CPT Data'!C97</f>
        <v>0.63</v>
      </c>
      <c r="C89" t="str">
        <f>'CPT Data'!P97</f>
        <v>SAND</v>
      </c>
      <c r="D89" t="e">
        <f>'CPT Data'!Q97</f>
        <v>#N/A</v>
      </c>
      <c r="E89" t="e">
        <f t="shared" si="1"/>
        <v>#N/A</v>
      </c>
      <c r="F89" t="str">
        <f>IF(C89="CLAY", INDEX(D$4:D89, MATCH("CLAY", C$4:C89, 0)), "")</f>
        <v/>
      </c>
    </row>
    <row r="90" spans="1:6" x14ac:dyDescent="0.2">
      <c r="A90" s="239">
        <f>'CPT Data'!B98</f>
        <v>0.64400000000000002</v>
      </c>
      <c r="B90" s="3">
        <f>'CPT Data'!C98</f>
        <v>0.63700000000000001</v>
      </c>
      <c r="C90" t="str">
        <f>'CPT Data'!P98</f>
        <v>SAND</v>
      </c>
      <c r="D90" t="e">
        <f>'CPT Data'!Q98</f>
        <v>#N/A</v>
      </c>
      <c r="E90" t="e">
        <f t="shared" si="1"/>
        <v>#N/A</v>
      </c>
      <c r="F90" t="str">
        <f>IF(C90="CLAY", INDEX(D$4:D90, MATCH("CLAY", C$4:C90, 0)), "")</f>
        <v/>
      </c>
    </row>
    <row r="91" spans="1:6" x14ac:dyDescent="0.2">
      <c r="A91" s="239">
        <f>'CPT Data'!B99</f>
        <v>0.65200000000000002</v>
      </c>
      <c r="B91" s="3">
        <f>'CPT Data'!C99</f>
        <v>0.64500000000000002</v>
      </c>
      <c r="C91" t="str">
        <f>'CPT Data'!P99</f>
        <v>SAND</v>
      </c>
      <c r="D91" t="e">
        <f>'CPT Data'!Q99</f>
        <v>#N/A</v>
      </c>
      <c r="E91" t="e">
        <f t="shared" ref="E91:E154" si="2">IF(C91="SAND",#N/A,IF(C91=C90,D90,IF(C91="CLAY",D91,#N/A)))</f>
        <v>#N/A</v>
      </c>
      <c r="F91" t="str">
        <f>IF(C91="CLAY", INDEX(D$4:D91, MATCH("CLAY", C$4:C91, 0)), "")</f>
        <v/>
      </c>
    </row>
    <row r="92" spans="1:6" x14ac:dyDescent="0.2">
      <c r="A92" s="239">
        <f>'CPT Data'!B100</f>
        <v>0.65900000000000003</v>
      </c>
      <c r="B92" s="3">
        <f>'CPT Data'!C100</f>
        <v>0.65200000000000002</v>
      </c>
      <c r="C92" t="str">
        <f>'CPT Data'!P100</f>
        <v>SAND</v>
      </c>
      <c r="D92" t="e">
        <f>'CPT Data'!Q100</f>
        <v>#N/A</v>
      </c>
      <c r="E92" t="e">
        <f t="shared" si="2"/>
        <v>#N/A</v>
      </c>
      <c r="F92" t="str">
        <f>IF(C92="CLAY", INDEX(D$4:D92, MATCH("CLAY", C$4:C92, 0)), "")</f>
        <v/>
      </c>
    </row>
    <row r="93" spans="1:6" x14ac:dyDescent="0.2">
      <c r="A93" s="239">
        <f>'CPT Data'!B101</f>
        <v>0.66700000000000004</v>
      </c>
      <c r="B93" s="3">
        <f>'CPT Data'!C101</f>
        <v>0.66</v>
      </c>
      <c r="C93" t="str">
        <f>'CPT Data'!P101</f>
        <v>SAND</v>
      </c>
      <c r="D93" t="e">
        <f>'CPT Data'!Q101</f>
        <v>#N/A</v>
      </c>
      <c r="E93" t="e">
        <f t="shared" si="2"/>
        <v>#N/A</v>
      </c>
      <c r="F93" t="str">
        <f>IF(C93="CLAY", INDEX(D$4:D93, MATCH("CLAY", C$4:C93, 0)), "")</f>
        <v/>
      </c>
    </row>
    <row r="94" spans="1:6" x14ac:dyDescent="0.2">
      <c r="A94" s="239">
        <f>'CPT Data'!B102</f>
        <v>0.67400000000000004</v>
      </c>
      <c r="B94" s="3">
        <f>'CPT Data'!C102</f>
        <v>0.66700000000000004</v>
      </c>
      <c r="C94" t="str">
        <f>'CPT Data'!P102</f>
        <v>SAND</v>
      </c>
      <c r="D94" t="e">
        <f>'CPT Data'!Q102</f>
        <v>#N/A</v>
      </c>
      <c r="E94" t="e">
        <f t="shared" si="2"/>
        <v>#N/A</v>
      </c>
      <c r="F94" t="str">
        <f>IF(C94="CLAY", INDEX(D$4:D94, MATCH("CLAY", C$4:C94, 0)), "")</f>
        <v/>
      </c>
    </row>
    <row r="95" spans="1:6" x14ac:dyDescent="0.2">
      <c r="A95" s="239">
        <f>'CPT Data'!B103</f>
        <v>0.68200000000000005</v>
      </c>
      <c r="B95" s="3">
        <f>'CPT Data'!C103</f>
        <v>0.67500000000000004</v>
      </c>
      <c r="C95" t="str">
        <f>'CPT Data'!P103</f>
        <v>SAND</v>
      </c>
      <c r="D95" t="e">
        <f>'CPT Data'!Q103</f>
        <v>#N/A</v>
      </c>
      <c r="E95" t="e">
        <f t="shared" si="2"/>
        <v>#N/A</v>
      </c>
      <c r="F95" t="str">
        <f>IF(C95="CLAY", INDEX(D$4:D95, MATCH("CLAY", C$4:C95, 0)), "")</f>
        <v/>
      </c>
    </row>
    <row r="96" spans="1:6" x14ac:dyDescent="0.2">
      <c r="A96" s="239">
        <f>'CPT Data'!B104</f>
        <v>0.68899999999999995</v>
      </c>
      <c r="B96" s="3">
        <f>'CPT Data'!C104</f>
        <v>0.68199999999999994</v>
      </c>
      <c r="C96" t="str">
        <f>'CPT Data'!P104</f>
        <v>SAND</v>
      </c>
      <c r="D96" t="e">
        <f>'CPT Data'!Q104</f>
        <v>#N/A</v>
      </c>
      <c r="E96" t="e">
        <f t="shared" si="2"/>
        <v>#N/A</v>
      </c>
      <c r="F96" t="str">
        <f>IF(C96="CLAY", INDEX(D$4:D96, MATCH("CLAY", C$4:C96, 0)), "")</f>
        <v/>
      </c>
    </row>
    <row r="97" spans="1:6" x14ac:dyDescent="0.2">
      <c r="A97" s="239">
        <f>'CPT Data'!B105</f>
        <v>0.69699999999999995</v>
      </c>
      <c r="B97" s="3">
        <f>'CPT Data'!C105</f>
        <v>0.69</v>
      </c>
      <c r="C97" t="e">
        <f>'CPT Data'!P105</f>
        <v>#NUM!</v>
      </c>
      <c r="D97" t="e">
        <f>'CPT Data'!Q105</f>
        <v>#NUM!</v>
      </c>
      <c r="E97" t="e">
        <f t="shared" si="2"/>
        <v>#NUM!</v>
      </c>
      <c r="F97" t="e">
        <f>IF(C97="CLAY", INDEX(D$4:D97, MATCH("CLAY", C$4:C97, 0)), "")</f>
        <v>#NUM!</v>
      </c>
    </row>
    <row r="98" spans="1:6" x14ac:dyDescent="0.2">
      <c r="A98" s="239">
        <f>'CPT Data'!B106</f>
        <v>0.70399999999999996</v>
      </c>
      <c r="B98" s="3">
        <f>'CPT Data'!C106</f>
        <v>0.69699999999999995</v>
      </c>
      <c r="C98" t="str">
        <f>'CPT Data'!P106</f>
        <v>SAND</v>
      </c>
      <c r="D98" t="e">
        <f>'CPT Data'!Q106</f>
        <v>#N/A</v>
      </c>
      <c r="E98" t="e">
        <f t="shared" si="2"/>
        <v>#N/A</v>
      </c>
      <c r="F98" t="str">
        <f>IF(C98="CLAY", INDEX(D$4:D98, MATCH("CLAY", C$4:C98, 0)), "")</f>
        <v/>
      </c>
    </row>
    <row r="99" spans="1:6" x14ac:dyDescent="0.2">
      <c r="A99" s="239">
        <f>'CPT Data'!B107</f>
        <v>0.71199999999999997</v>
      </c>
      <c r="B99" s="3">
        <f>'CPT Data'!C107</f>
        <v>0.70499999999999996</v>
      </c>
      <c r="C99" t="str">
        <f>'CPT Data'!P107</f>
        <v>SAND</v>
      </c>
      <c r="D99" t="e">
        <f>'CPT Data'!Q107</f>
        <v>#N/A</v>
      </c>
      <c r="E99" t="e">
        <f t="shared" si="2"/>
        <v>#N/A</v>
      </c>
      <c r="F99" t="str">
        <f>IF(C99="CLAY", INDEX(D$4:D99, MATCH("CLAY", C$4:C99, 0)), "")</f>
        <v/>
      </c>
    </row>
    <row r="100" spans="1:6" x14ac:dyDescent="0.2">
      <c r="A100" s="239">
        <f>'CPT Data'!B108</f>
        <v>0.72</v>
      </c>
      <c r="B100" s="3">
        <f>'CPT Data'!C108</f>
        <v>0.71299999999999997</v>
      </c>
      <c r="C100" t="str">
        <f>'CPT Data'!P108</f>
        <v>SAND</v>
      </c>
      <c r="D100" t="e">
        <f>'CPT Data'!Q108</f>
        <v>#N/A</v>
      </c>
      <c r="E100" t="e">
        <f t="shared" si="2"/>
        <v>#N/A</v>
      </c>
      <c r="F100" t="str">
        <f>IF(C100="CLAY", INDEX(D$4:D100, MATCH("CLAY", C$4:C100, 0)), "")</f>
        <v/>
      </c>
    </row>
    <row r="101" spans="1:6" x14ac:dyDescent="0.2">
      <c r="A101" s="239">
        <f>'CPT Data'!B109</f>
        <v>0.72599999999999998</v>
      </c>
      <c r="B101" s="3">
        <f>'CPT Data'!C109</f>
        <v>0.71899999999999997</v>
      </c>
      <c r="C101" t="str">
        <f>'CPT Data'!P109</f>
        <v>SAND</v>
      </c>
      <c r="D101" t="e">
        <f>'CPT Data'!Q109</f>
        <v>#N/A</v>
      </c>
      <c r="E101" t="e">
        <f t="shared" si="2"/>
        <v>#N/A</v>
      </c>
      <c r="F101" t="str">
        <f>IF(C101="CLAY", INDEX(D$4:D101, MATCH("CLAY", C$4:C101, 0)), "")</f>
        <v/>
      </c>
    </row>
    <row r="102" spans="1:6" x14ac:dyDescent="0.2">
      <c r="A102" s="239">
        <f>'CPT Data'!B110</f>
        <v>0.73399999999999999</v>
      </c>
      <c r="B102" s="3">
        <f>'CPT Data'!C110</f>
        <v>0.72699999999999998</v>
      </c>
      <c r="C102" t="str">
        <f>'CPT Data'!P110</f>
        <v>SAND</v>
      </c>
      <c r="D102" t="e">
        <f>'CPT Data'!Q110</f>
        <v>#N/A</v>
      </c>
      <c r="E102" t="e">
        <f t="shared" si="2"/>
        <v>#N/A</v>
      </c>
      <c r="F102" t="str">
        <f>IF(C102="CLAY", INDEX(D$4:D102, MATCH("CLAY", C$4:C102, 0)), "")</f>
        <v/>
      </c>
    </row>
    <row r="103" spans="1:6" x14ac:dyDescent="0.2">
      <c r="A103" s="239">
        <f>'CPT Data'!B111</f>
        <v>0.78100000000000003</v>
      </c>
      <c r="B103" s="3">
        <f>'CPT Data'!C111</f>
        <v>0.77400000000000002</v>
      </c>
      <c r="C103" t="str">
        <f>'CPT Data'!P111</f>
        <v>SAND</v>
      </c>
      <c r="D103" t="e">
        <f>'CPT Data'!Q111</f>
        <v>#N/A</v>
      </c>
      <c r="E103" t="e">
        <f t="shared" si="2"/>
        <v>#N/A</v>
      </c>
      <c r="F103" t="str">
        <f>IF(C103="CLAY", INDEX(D$4:D103, MATCH("CLAY", C$4:C103, 0)), "")</f>
        <v/>
      </c>
    </row>
    <row r="104" spans="1:6" x14ac:dyDescent="0.2">
      <c r="A104" s="239">
        <f>'CPT Data'!B112</f>
        <v>0.78800000000000003</v>
      </c>
      <c r="B104" s="3">
        <f>'CPT Data'!C112</f>
        <v>0.78100000000000003</v>
      </c>
      <c r="C104" t="str">
        <f>'CPT Data'!P112</f>
        <v>SAND</v>
      </c>
      <c r="D104" t="e">
        <f>'CPT Data'!Q112</f>
        <v>#N/A</v>
      </c>
      <c r="E104" t="e">
        <f t="shared" si="2"/>
        <v>#N/A</v>
      </c>
      <c r="F104" t="str">
        <f>IF(C104="CLAY", INDEX(D$4:D104, MATCH("CLAY", C$4:C104, 0)), "")</f>
        <v/>
      </c>
    </row>
    <row r="105" spans="1:6" x14ac:dyDescent="0.2">
      <c r="A105" s="239">
        <f>'CPT Data'!B113</f>
        <v>0.79600000000000004</v>
      </c>
      <c r="B105" s="3">
        <f>'CPT Data'!C113</f>
        <v>0.78900000000000003</v>
      </c>
      <c r="C105" t="str">
        <f>'CPT Data'!P113</f>
        <v>SAND</v>
      </c>
      <c r="D105" t="e">
        <f>'CPT Data'!Q113</f>
        <v>#N/A</v>
      </c>
      <c r="E105" t="e">
        <f t="shared" si="2"/>
        <v>#N/A</v>
      </c>
      <c r="F105" t="str">
        <f>IF(C105="CLAY", INDEX(D$4:D105, MATCH("CLAY", C$4:C105, 0)), "")</f>
        <v/>
      </c>
    </row>
    <row r="106" spans="1:6" x14ac:dyDescent="0.2">
      <c r="A106" s="239">
        <f>'CPT Data'!B114</f>
        <v>0.80300000000000005</v>
      </c>
      <c r="B106" s="3">
        <f>'CPT Data'!C114</f>
        <v>0.79600000000000004</v>
      </c>
      <c r="C106" t="str">
        <f>'CPT Data'!P114</f>
        <v>SAND</v>
      </c>
      <c r="D106" t="e">
        <f>'CPT Data'!Q114</f>
        <v>#N/A</v>
      </c>
      <c r="E106" t="e">
        <f t="shared" si="2"/>
        <v>#N/A</v>
      </c>
      <c r="F106" t="str">
        <f>IF(C106="CLAY", INDEX(D$4:D106, MATCH("CLAY", C$4:C106, 0)), "")</f>
        <v/>
      </c>
    </row>
    <row r="107" spans="1:6" x14ac:dyDescent="0.2">
      <c r="A107" s="239">
        <f>'CPT Data'!B115</f>
        <v>0.81100000000000005</v>
      </c>
      <c r="B107" s="3">
        <f>'CPT Data'!C115</f>
        <v>0.80400000000000005</v>
      </c>
      <c r="C107" t="str">
        <f>'CPT Data'!P115</f>
        <v>SAND</v>
      </c>
      <c r="D107" t="e">
        <f>'CPT Data'!Q115</f>
        <v>#N/A</v>
      </c>
      <c r="E107" t="e">
        <f t="shared" si="2"/>
        <v>#N/A</v>
      </c>
      <c r="F107" t="str">
        <f>IF(C107="CLAY", INDEX(D$4:D107, MATCH("CLAY", C$4:C107, 0)), "")</f>
        <v/>
      </c>
    </row>
    <row r="108" spans="1:6" x14ac:dyDescent="0.2">
      <c r="A108" s="239">
        <f>'CPT Data'!B116</f>
        <v>0.81799999999999995</v>
      </c>
      <c r="B108" s="3">
        <f>'CPT Data'!C116</f>
        <v>0.81099999999999994</v>
      </c>
      <c r="C108" t="str">
        <f>'CPT Data'!P116</f>
        <v>SAND</v>
      </c>
      <c r="D108" t="e">
        <f>'CPT Data'!Q116</f>
        <v>#N/A</v>
      </c>
      <c r="E108" t="e">
        <f t="shared" si="2"/>
        <v>#N/A</v>
      </c>
      <c r="F108" t="str">
        <f>IF(C108="CLAY", INDEX(D$4:D108, MATCH("CLAY", C$4:C108, 0)), "")</f>
        <v/>
      </c>
    </row>
    <row r="109" spans="1:6" x14ac:dyDescent="0.2">
      <c r="A109" s="239">
        <f>'CPT Data'!B117</f>
        <v>0.82499999999999996</v>
      </c>
      <c r="B109" s="3">
        <f>'CPT Data'!C117</f>
        <v>0.81799999999999995</v>
      </c>
      <c r="C109" t="str">
        <f>'CPT Data'!P117</f>
        <v>SAND</v>
      </c>
      <c r="D109" t="e">
        <f>'CPT Data'!Q117</f>
        <v>#N/A</v>
      </c>
      <c r="E109" t="e">
        <f t="shared" si="2"/>
        <v>#N/A</v>
      </c>
      <c r="F109" t="str">
        <f>IF(C109="CLAY", INDEX(D$4:D109, MATCH("CLAY", C$4:C109, 0)), "")</f>
        <v/>
      </c>
    </row>
    <row r="110" spans="1:6" x14ac:dyDescent="0.2">
      <c r="A110" s="239">
        <f>'CPT Data'!B118</f>
        <v>0.83299999999999996</v>
      </c>
      <c r="B110" s="3">
        <f>'CPT Data'!C118</f>
        <v>0.82599999999999996</v>
      </c>
      <c r="C110" t="str">
        <f>'CPT Data'!P118</f>
        <v>SAND</v>
      </c>
      <c r="D110" t="e">
        <f>'CPT Data'!Q118</f>
        <v>#N/A</v>
      </c>
      <c r="E110" t="e">
        <f t="shared" si="2"/>
        <v>#N/A</v>
      </c>
      <c r="F110" t="str">
        <f>IF(C110="CLAY", INDEX(D$4:D110, MATCH("CLAY", C$4:C110, 0)), "")</f>
        <v/>
      </c>
    </row>
    <row r="111" spans="1:6" x14ac:dyDescent="0.2">
      <c r="A111" s="239">
        <f>'CPT Data'!B119</f>
        <v>0.84099999999999997</v>
      </c>
      <c r="B111" s="3">
        <f>'CPT Data'!C119</f>
        <v>0.83399999999999996</v>
      </c>
      <c r="C111" t="str">
        <f>'CPT Data'!P119</f>
        <v>SAND</v>
      </c>
      <c r="D111" t="e">
        <f>'CPT Data'!Q119</f>
        <v>#N/A</v>
      </c>
      <c r="E111" t="e">
        <f t="shared" si="2"/>
        <v>#N/A</v>
      </c>
      <c r="F111" t="str">
        <f>IF(C111="CLAY", INDEX(D$4:D111, MATCH("CLAY", C$4:C111, 0)), "")</f>
        <v/>
      </c>
    </row>
    <row r="112" spans="1:6" x14ac:dyDescent="0.2">
      <c r="A112" s="239">
        <f>'CPT Data'!B120</f>
        <v>0.84899999999999998</v>
      </c>
      <c r="B112" s="3">
        <f>'CPT Data'!C120</f>
        <v>0.84199999999999997</v>
      </c>
      <c r="C112" t="str">
        <f>'CPT Data'!P120</f>
        <v>SAND</v>
      </c>
      <c r="D112" t="e">
        <f>'CPT Data'!Q120</f>
        <v>#N/A</v>
      </c>
      <c r="E112" t="e">
        <f t="shared" si="2"/>
        <v>#N/A</v>
      </c>
      <c r="F112" t="str">
        <f>IF(C112="CLAY", INDEX(D$4:D112, MATCH("CLAY", C$4:C112, 0)), "")</f>
        <v/>
      </c>
    </row>
    <row r="113" spans="1:6" x14ac:dyDescent="0.2">
      <c r="A113" s="239">
        <f>'CPT Data'!B121</f>
        <v>0.85599999999999998</v>
      </c>
      <c r="B113" s="3">
        <f>'CPT Data'!C121</f>
        <v>0.84899999999999998</v>
      </c>
      <c r="C113" t="str">
        <f>'CPT Data'!P121</f>
        <v>SAND</v>
      </c>
      <c r="D113" t="e">
        <f>'CPT Data'!Q121</f>
        <v>#N/A</v>
      </c>
      <c r="E113" t="e">
        <f t="shared" si="2"/>
        <v>#N/A</v>
      </c>
      <c r="F113" t="str">
        <f>IF(C113="CLAY", INDEX(D$4:D113, MATCH("CLAY", C$4:C113, 0)), "")</f>
        <v/>
      </c>
    </row>
    <row r="114" spans="1:6" x14ac:dyDescent="0.2">
      <c r="A114" s="239">
        <f>'CPT Data'!B122</f>
        <v>0.86399999999999999</v>
      </c>
      <c r="B114" s="3">
        <f>'CPT Data'!C122</f>
        <v>0.85699999999999998</v>
      </c>
      <c r="C114" t="str">
        <f>'CPT Data'!P122</f>
        <v>SAND</v>
      </c>
      <c r="D114" t="e">
        <f>'CPT Data'!Q122</f>
        <v>#N/A</v>
      </c>
      <c r="E114" t="e">
        <f t="shared" si="2"/>
        <v>#N/A</v>
      </c>
      <c r="F114" t="str">
        <f>IF(C114="CLAY", INDEX(D$4:D114, MATCH("CLAY", C$4:C114, 0)), "")</f>
        <v/>
      </c>
    </row>
    <row r="115" spans="1:6" x14ac:dyDescent="0.2">
      <c r="A115" s="239">
        <f>'CPT Data'!B123</f>
        <v>0.871</v>
      </c>
      <c r="B115" s="3">
        <f>'CPT Data'!C123</f>
        <v>0.86399999999999999</v>
      </c>
      <c r="C115" t="str">
        <f>'CPT Data'!P123</f>
        <v>SAND</v>
      </c>
      <c r="D115" t="e">
        <f>'CPT Data'!Q123</f>
        <v>#N/A</v>
      </c>
      <c r="E115" t="e">
        <f t="shared" si="2"/>
        <v>#N/A</v>
      </c>
      <c r="F115" t="str">
        <f>IF(C115="CLAY", INDEX(D$4:D115, MATCH("CLAY", C$4:C115, 0)), "")</f>
        <v/>
      </c>
    </row>
    <row r="116" spans="1:6" x14ac:dyDescent="0.2">
      <c r="A116" s="239">
        <f>'CPT Data'!B124</f>
        <v>0.879</v>
      </c>
      <c r="B116" s="3">
        <f>'CPT Data'!C124</f>
        <v>0.872</v>
      </c>
      <c r="C116" t="str">
        <f>'CPT Data'!P124</f>
        <v>SAND</v>
      </c>
      <c r="D116" t="e">
        <f>'CPT Data'!Q124</f>
        <v>#N/A</v>
      </c>
      <c r="E116" t="e">
        <f t="shared" si="2"/>
        <v>#N/A</v>
      </c>
      <c r="F116" t="str">
        <f>IF(C116="CLAY", INDEX(D$4:D116, MATCH("CLAY", C$4:C116, 0)), "")</f>
        <v/>
      </c>
    </row>
    <row r="117" spans="1:6" x14ac:dyDescent="0.2">
      <c r="A117" s="239">
        <f>'CPT Data'!B125</f>
        <v>0.88600000000000001</v>
      </c>
      <c r="B117" s="3">
        <f>'CPT Data'!C125</f>
        <v>0.879</v>
      </c>
      <c r="C117" t="str">
        <f>'CPT Data'!P125</f>
        <v>SAND</v>
      </c>
      <c r="D117" t="e">
        <f>'CPT Data'!Q125</f>
        <v>#N/A</v>
      </c>
      <c r="E117" t="e">
        <f t="shared" si="2"/>
        <v>#N/A</v>
      </c>
      <c r="F117" t="str">
        <f>IF(C117="CLAY", INDEX(D$4:D117, MATCH("CLAY", C$4:C117, 0)), "")</f>
        <v/>
      </c>
    </row>
    <row r="118" spans="1:6" x14ac:dyDescent="0.2">
      <c r="A118" s="239">
        <f>'CPT Data'!B126</f>
        <v>0.89400000000000002</v>
      </c>
      <c r="B118" s="3">
        <f>'CPT Data'!C126</f>
        <v>0.88700000000000001</v>
      </c>
      <c r="C118" t="str">
        <f>'CPT Data'!P126</f>
        <v>SAND</v>
      </c>
      <c r="D118" t="e">
        <f>'CPT Data'!Q126</f>
        <v>#N/A</v>
      </c>
      <c r="E118" t="e">
        <f t="shared" si="2"/>
        <v>#N/A</v>
      </c>
      <c r="F118" t="str">
        <f>IF(C118="CLAY", INDEX(D$4:D118, MATCH("CLAY", C$4:C118, 0)), "")</f>
        <v/>
      </c>
    </row>
    <row r="119" spans="1:6" x14ac:dyDescent="0.2">
      <c r="A119" s="239">
        <f>'CPT Data'!B127</f>
        <v>0.90100000000000002</v>
      </c>
      <c r="B119" s="3">
        <f>'CPT Data'!C127</f>
        <v>0.89400000000000002</v>
      </c>
      <c r="C119" t="str">
        <f>'CPT Data'!P127</f>
        <v>SAND</v>
      </c>
      <c r="D119" t="e">
        <f>'CPT Data'!Q127</f>
        <v>#N/A</v>
      </c>
      <c r="E119" t="e">
        <f t="shared" si="2"/>
        <v>#N/A</v>
      </c>
      <c r="F119" t="str">
        <f>IF(C119="CLAY", INDEX(D$4:D119, MATCH("CLAY", C$4:C119, 0)), "")</f>
        <v/>
      </c>
    </row>
    <row r="120" spans="1:6" x14ac:dyDescent="0.2">
      <c r="A120" s="239">
        <f>'CPT Data'!B128</f>
        <v>0.90900000000000003</v>
      </c>
      <c r="B120" s="3">
        <f>'CPT Data'!C128</f>
        <v>0.90200000000000002</v>
      </c>
      <c r="C120" t="str">
        <f>'CPT Data'!P128</f>
        <v>SAND</v>
      </c>
      <c r="D120" t="e">
        <f>'CPT Data'!Q128</f>
        <v>#N/A</v>
      </c>
      <c r="E120" t="e">
        <f t="shared" si="2"/>
        <v>#N/A</v>
      </c>
      <c r="F120" t="str">
        <f>IF(C120="CLAY", INDEX(D$4:D120, MATCH("CLAY", C$4:C120, 0)), "")</f>
        <v/>
      </c>
    </row>
    <row r="121" spans="1:6" x14ac:dyDescent="0.2">
      <c r="A121" s="239">
        <f>'CPT Data'!B129</f>
        <v>0.91600000000000004</v>
      </c>
      <c r="B121" s="3">
        <f>'CPT Data'!C129</f>
        <v>0.90900000000000003</v>
      </c>
      <c r="C121" t="str">
        <f>'CPT Data'!P129</f>
        <v>SAND</v>
      </c>
      <c r="D121" t="e">
        <f>'CPT Data'!Q129</f>
        <v>#N/A</v>
      </c>
      <c r="E121" t="e">
        <f t="shared" si="2"/>
        <v>#N/A</v>
      </c>
      <c r="F121" t="str">
        <f>IF(C121="CLAY", INDEX(D$4:D121, MATCH("CLAY", C$4:C121, 0)), "")</f>
        <v/>
      </c>
    </row>
    <row r="122" spans="1:6" x14ac:dyDescent="0.2">
      <c r="A122" s="239">
        <f>'CPT Data'!B130</f>
        <v>0.92400000000000004</v>
      </c>
      <c r="B122" s="3">
        <f>'CPT Data'!C130</f>
        <v>0.91700000000000004</v>
      </c>
      <c r="C122" t="str">
        <f>'CPT Data'!P130</f>
        <v>SAND</v>
      </c>
      <c r="D122" t="e">
        <f>'CPT Data'!Q130</f>
        <v>#N/A</v>
      </c>
      <c r="E122" t="e">
        <f t="shared" si="2"/>
        <v>#N/A</v>
      </c>
      <c r="F122" t="str">
        <f>IF(C122="CLAY", INDEX(D$4:D122, MATCH("CLAY", C$4:C122, 0)), "")</f>
        <v/>
      </c>
    </row>
    <row r="123" spans="1:6" x14ac:dyDescent="0.2">
      <c r="A123" s="239">
        <f>'CPT Data'!B131</f>
        <v>0.93100000000000005</v>
      </c>
      <c r="B123" s="3">
        <f>'CPT Data'!C131</f>
        <v>0.92400000000000004</v>
      </c>
      <c r="C123" t="str">
        <f>'CPT Data'!P131</f>
        <v>SAND</v>
      </c>
      <c r="D123" t="e">
        <f>'CPT Data'!Q131</f>
        <v>#N/A</v>
      </c>
      <c r="E123" t="e">
        <f t="shared" si="2"/>
        <v>#N/A</v>
      </c>
      <c r="F123" t="str">
        <f>IF(C123="CLAY", INDEX(D$4:D123, MATCH("CLAY", C$4:C123, 0)), "")</f>
        <v/>
      </c>
    </row>
    <row r="124" spans="1:6" x14ac:dyDescent="0.2">
      <c r="A124" s="239">
        <f>'CPT Data'!B132</f>
        <v>0.93899999999999995</v>
      </c>
      <c r="B124" s="3">
        <f>'CPT Data'!C132</f>
        <v>0.93199999999999994</v>
      </c>
      <c r="C124" t="str">
        <f>'CPT Data'!P132</f>
        <v>SAND</v>
      </c>
      <c r="D124" t="e">
        <f>'CPT Data'!Q132</f>
        <v>#N/A</v>
      </c>
      <c r="E124" t="e">
        <f t="shared" si="2"/>
        <v>#N/A</v>
      </c>
      <c r="F124" t="str">
        <f>IF(C124="CLAY", INDEX(D$4:D124, MATCH("CLAY", C$4:C124, 0)), "")</f>
        <v/>
      </c>
    </row>
    <row r="125" spans="1:6" x14ac:dyDescent="0.2">
      <c r="A125" s="239">
        <f>'CPT Data'!B133</f>
        <v>0.93899999999999995</v>
      </c>
      <c r="B125" s="3">
        <f>'CPT Data'!C133</f>
        <v>0.93199999999999994</v>
      </c>
      <c r="C125" t="str">
        <f>'CPT Data'!P133</f>
        <v>SAND</v>
      </c>
      <c r="D125" t="e">
        <f>'CPT Data'!Q133</f>
        <v>#N/A</v>
      </c>
      <c r="E125" t="e">
        <f t="shared" si="2"/>
        <v>#N/A</v>
      </c>
      <c r="F125" t="str">
        <f>IF(C125="CLAY", INDEX(D$4:D125, MATCH("CLAY", C$4:C125, 0)), "")</f>
        <v/>
      </c>
    </row>
    <row r="126" spans="1:6" x14ac:dyDescent="0.2">
      <c r="A126" s="239">
        <f>'CPT Data'!B134</f>
        <v>0.93899999999999995</v>
      </c>
      <c r="B126" s="3">
        <f>'CPT Data'!C134</f>
        <v>0.93199999999999994</v>
      </c>
      <c r="C126" t="str">
        <f>'CPT Data'!P134</f>
        <v>SAND</v>
      </c>
      <c r="D126" t="e">
        <f>'CPT Data'!Q134</f>
        <v>#N/A</v>
      </c>
      <c r="E126" t="e">
        <f t="shared" si="2"/>
        <v>#N/A</v>
      </c>
      <c r="F126" t="str">
        <f>IF(C126="CLAY", INDEX(D$4:D126, MATCH("CLAY", C$4:C126, 0)), "")</f>
        <v/>
      </c>
    </row>
    <row r="127" spans="1:6" x14ac:dyDescent="0.2">
      <c r="A127" s="239">
        <f>'CPT Data'!B135</f>
        <v>0.97</v>
      </c>
      <c r="B127" s="3">
        <f>'CPT Data'!C135</f>
        <v>0.96299999999999997</v>
      </c>
      <c r="C127" t="str">
        <f>'CPT Data'!P135</f>
        <v>SAND</v>
      </c>
      <c r="D127" t="e">
        <f>'CPT Data'!Q135</f>
        <v>#N/A</v>
      </c>
      <c r="E127" t="e">
        <f t="shared" si="2"/>
        <v>#N/A</v>
      </c>
      <c r="F127" t="str">
        <f>IF(C127="CLAY", INDEX(D$4:D127, MATCH("CLAY", C$4:C127, 0)), "")</f>
        <v/>
      </c>
    </row>
    <row r="128" spans="1:6" x14ac:dyDescent="0.2">
      <c r="A128" s="239">
        <f>'CPT Data'!B136</f>
        <v>0.97699999999999998</v>
      </c>
      <c r="B128" s="3">
        <f>'CPT Data'!C136</f>
        <v>0.97</v>
      </c>
      <c r="C128" t="str">
        <f>'CPT Data'!P136</f>
        <v>SAND</v>
      </c>
      <c r="D128" t="e">
        <f>'CPT Data'!Q136</f>
        <v>#N/A</v>
      </c>
      <c r="E128" t="e">
        <f t="shared" si="2"/>
        <v>#N/A</v>
      </c>
      <c r="F128" t="str">
        <f>IF(C128="CLAY", INDEX(D$4:D128, MATCH("CLAY", C$4:C128, 0)), "")</f>
        <v/>
      </c>
    </row>
    <row r="129" spans="1:6" x14ac:dyDescent="0.2">
      <c r="A129" s="239">
        <f>'CPT Data'!B137</f>
        <v>0.98499999999999999</v>
      </c>
      <c r="B129" s="3">
        <f>'CPT Data'!C137</f>
        <v>0.97799999999999998</v>
      </c>
      <c r="C129" t="str">
        <f>'CPT Data'!P137</f>
        <v>SAND</v>
      </c>
      <c r="D129" t="e">
        <f>'CPT Data'!Q137</f>
        <v>#N/A</v>
      </c>
      <c r="E129" t="e">
        <f t="shared" si="2"/>
        <v>#N/A</v>
      </c>
      <c r="F129" t="str">
        <f>IF(C129="CLAY", INDEX(D$4:D129, MATCH("CLAY", C$4:C129, 0)), "")</f>
        <v/>
      </c>
    </row>
    <row r="130" spans="1:6" x14ac:dyDescent="0.2">
      <c r="A130" s="239">
        <f>'CPT Data'!B138</f>
        <v>0.99299999999999999</v>
      </c>
      <c r="B130" s="3">
        <f>'CPT Data'!C138</f>
        <v>0.98599999999999999</v>
      </c>
      <c r="C130" t="str">
        <f>'CPT Data'!P138</f>
        <v>SAND</v>
      </c>
      <c r="D130" t="e">
        <f>'CPT Data'!Q138</f>
        <v>#N/A</v>
      </c>
      <c r="E130" t="e">
        <f t="shared" si="2"/>
        <v>#N/A</v>
      </c>
      <c r="F130" t="str">
        <f>IF(C130="CLAY", INDEX(D$4:D130, MATCH("CLAY", C$4:C130, 0)), "")</f>
        <v/>
      </c>
    </row>
    <row r="131" spans="1:6" x14ac:dyDescent="0.2">
      <c r="A131" s="239">
        <f>'CPT Data'!B139</f>
        <v>1.0009999999999999</v>
      </c>
      <c r="B131" s="3">
        <f>'CPT Data'!C139</f>
        <v>0.99399999999999988</v>
      </c>
      <c r="C131" t="str">
        <f>'CPT Data'!P139</f>
        <v>SAND</v>
      </c>
      <c r="D131" t="e">
        <f>'CPT Data'!Q139</f>
        <v>#N/A</v>
      </c>
      <c r="E131" t="e">
        <f t="shared" si="2"/>
        <v>#N/A</v>
      </c>
      <c r="F131" t="str">
        <f>IF(C131="CLAY", INDEX(D$4:D131, MATCH("CLAY", C$4:C131, 0)), "")</f>
        <v/>
      </c>
    </row>
    <row r="132" spans="1:6" x14ac:dyDescent="0.2">
      <c r="A132" s="239">
        <f>'CPT Data'!B140</f>
        <v>1.008</v>
      </c>
      <c r="B132" s="3">
        <f>'CPT Data'!C140</f>
        <v>1.0010000000000001</v>
      </c>
      <c r="C132" t="str">
        <f>'CPT Data'!P140</f>
        <v>SAND</v>
      </c>
      <c r="D132" t="e">
        <f>'CPT Data'!Q140</f>
        <v>#N/A</v>
      </c>
      <c r="E132" t="e">
        <f t="shared" si="2"/>
        <v>#N/A</v>
      </c>
      <c r="F132" t="str">
        <f>IF(C132="CLAY", INDEX(D$4:D132, MATCH("CLAY", C$4:C132, 0)), "")</f>
        <v/>
      </c>
    </row>
    <row r="133" spans="1:6" x14ac:dyDescent="0.2">
      <c r="A133" s="239">
        <f>'CPT Data'!B141</f>
        <v>1.016</v>
      </c>
      <c r="B133" s="3">
        <f>'CPT Data'!C141</f>
        <v>1.0090000000000001</v>
      </c>
      <c r="C133" t="str">
        <f>'CPT Data'!P141</f>
        <v>SAND</v>
      </c>
      <c r="D133" t="e">
        <f>'CPT Data'!Q141</f>
        <v>#N/A</v>
      </c>
      <c r="E133" t="e">
        <f t="shared" si="2"/>
        <v>#N/A</v>
      </c>
      <c r="F133" t="str">
        <f>IF(C133="CLAY", INDEX(D$4:D133, MATCH("CLAY", C$4:C133, 0)), "")</f>
        <v/>
      </c>
    </row>
    <row r="134" spans="1:6" x14ac:dyDescent="0.2">
      <c r="A134" s="239">
        <f>'CPT Data'!B142</f>
        <v>1.0229999999999999</v>
      </c>
      <c r="B134" s="3">
        <f>'CPT Data'!C142</f>
        <v>1.016</v>
      </c>
      <c r="C134" t="str">
        <f>'CPT Data'!P142</f>
        <v>SAND</v>
      </c>
      <c r="D134" t="e">
        <f>'CPT Data'!Q142</f>
        <v>#N/A</v>
      </c>
      <c r="E134" t="e">
        <f t="shared" si="2"/>
        <v>#N/A</v>
      </c>
      <c r="F134" t="str">
        <f>IF(C134="CLAY", INDEX(D$4:D134, MATCH("CLAY", C$4:C134, 0)), "")</f>
        <v/>
      </c>
    </row>
    <row r="135" spans="1:6" x14ac:dyDescent="0.2">
      <c r="A135" s="239">
        <f>'CPT Data'!B143</f>
        <v>1.0309999999999999</v>
      </c>
      <c r="B135" s="3">
        <f>'CPT Data'!C143</f>
        <v>1.024</v>
      </c>
      <c r="C135" t="str">
        <f>'CPT Data'!P143</f>
        <v>SAND</v>
      </c>
      <c r="D135" t="e">
        <f>'CPT Data'!Q143</f>
        <v>#N/A</v>
      </c>
      <c r="E135" t="e">
        <f t="shared" si="2"/>
        <v>#N/A</v>
      </c>
      <c r="F135" t="str">
        <f>IF(C135="CLAY", INDEX(D$4:D135, MATCH("CLAY", C$4:C135, 0)), "")</f>
        <v/>
      </c>
    </row>
    <row r="136" spans="1:6" x14ac:dyDescent="0.2">
      <c r="A136" s="239">
        <f>'CPT Data'!B144</f>
        <v>1.038</v>
      </c>
      <c r="B136" s="3">
        <f>'CPT Data'!C144</f>
        <v>1.0310000000000001</v>
      </c>
      <c r="C136" t="str">
        <f>'CPT Data'!P144</f>
        <v>SAND</v>
      </c>
      <c r="D136" t="e">
        <f>'CPT Data'!Q144</f>
        <v>#N/A</v>
      </c>
      <c r="E136" t="e">
        <f t="shared" si="2"/>
        <v>#N/A</v>
      </c>
      <c r="F136" t="str">
        <f>IF(C136="CLAY", INDEX(D$4:D136, MATCH("CLAY", C$4:C136, 0)), "")</f>
        <v/>
      </c>
    </row>
    <row r="137" spans="1:6" x14ac:dyDescent="0.2">
      <c r="A137" s="239">
        <f>'CPT Data'!B145</f>
        <v>1.046</v>
      </c>
      <c r="B137" s="3">
        <f>'CPT Data'!C145</f>
        <v>1.0390000000000001</v>
      </c>
      <c r="C137" t="str">
        <f>'CPT Data'!P145</f>
        <v>SAND</v>
      </c>
      <c r="D137" t="e">
        <f>'CPT Data'!Q145</f>
        <v>#N/A</v>
      </c>
      <c r="E137" t="e">
        <f t="shared" si="2"/>
        <v>#N/A</v>
      </c>
      <c r="F137" t="str">
        <f>IF(C137="CLAY", INDEX(D$4:D137, MATCH("CLAY", C$4:C137, 0)), "")</f>
        <v/>
      </c>
    </row>
    <row r="138" spans="1:6" x14ac:dyDescent="0.2">
      <c r="A138" s="239">
        <f>'CPT Data'!B146</f>
        <v>1.054</v>
      </c>
      <c r="B138" s="3">
        <f>'CPT Data'!C146</f>
        <v>1.0470000000000002</v>
      </c>
      <c r="C138" t="str">
        <f>'CPT Data'!P146</f>
        <v>SAND</v>
      </c>
      <c r="D138" t="e">
        <f>'CPT Data'!Q146</f>
        <v>#N/A</v>
      </c>
      <c r="E138" t="e">
        <f t="shared" si="2"/>
        <v>#N/A</v>
      </c>
      <c r="F138" t="str">
        <f>IF(C138="CLAY", INDEX(D$4:D138, MATCH("CLAY", C$4:C138, 0)), "")</f>
        <v/>
      </c>
    </row>
    <row r="139" spans="1:6" x14ac:dyDescent="0.2">
      <c r="A139" s="239">
        <f>'CPT Data'!B147</f>
        <v>1.0609999999999999</v>
      </c>
      <c r="B139" s="3">
        <f>'CPT Data'!C147</f>
        <v>1.054</v>
      </c>
      <c r="C139" t="str">
        <f>'CPT Data'!P147</f>
        <v>SAND</v>
      </c>
      <c r="D139" t="e">
        <f>'CPT Data'!Q147</f>
        <v>#N/A</v>
      </c>
      <c r="E139" t="e">
        <f t="shared" si="2"/>
        <v>#N/A</v>
      </c>
      <c r="F139" t="str">
        <f>IF(C139="CLAY", INDEX(D$4:D139, MATCH("CLAY", C$4:C139, 0)), "")</f>
        <v/>
      </c>
    </row>
    <row r="140" spans="1:6" x14ac:dyDescent="0.2">
      <c r="A140" s="239">
        <f>'CPT Data'!B148</f>
        <v>1.0680000000000001</v>
      </c>
      <c r="B140" s="3">
        <f>'CPT Data'!C148</f>
        <v>1.0610000000000002</v>
      </c>
      <c r="C140" t="str">
        <f>'CPT Data'!P148</f>
        <v>SAND</v>
      </c>
      <c r="D140" t="e">
        <f>'CPT Data'!Q148</f>
        <v>#N/A</v>
      </c>
      <c r="E140" t="e">
        <f t="shared" si="2"/>
        <v>#N/A</v>
      </c>
      <c r="F140" t="str">
        <f>IF(C140="CLAY", INDEX(D$4:D140, MATCH("CLAY", C$4:C140, 0)), "")</f>
        <v/>
      </c>
    </row>
    <row r="141" spans="1:6" x14ac:dyDescent="0.2">
      <c r="A141" s="239">
        <f>'CPT Data'!B149</f>
        <v>1.075</v>
      </c>
      <c r="B141" s="3">
        <f>'CPT Data'!C149</f>
        <v>1.0680000000000001</v>
      </c>
      <c r="C141" t="str">
        <f>'CPT Data'!P149</f>
        <v>SAND</v>
      </c>
      <c r="D141" t="e">
        <f>'CPT Data'!Q149</f>
        <v>#N/A</v>
      </c>
      <c r="E141" t="e">
        <f t="shared" si="2"/>
        <v>#N/A</v>
      </c>
      <c r="F141" t="str">
        <f>IF(C141="CLAY", INDEX(D$4:D141, MATCH("CLAY", C$4:C141, 0)), "")</f>
        <v/>
      </c>
    </row>
    <row r="142" spans="1:6" x14ac:dyDescent="0.2">
      <c r="A142" s="239">
        <f>'CPT Data'!B150</f>
        <v>1.083</v>
      </c>
      <c r="B142" s="3">
        <f>'CPT Data'!C150</f>
        <v>1.0760000000000001</v>
      </c>
      <c r="C142" t="str">
        <f>'CPT Data'!P150</f>
        <v>SAND</v>
      </c>
      <c r="D142" t="e">
        <f>'CPT Data'!Q150</f>
        <v>#N/A</v>
      </c>
      <c r="E142" t="e">
        <f t="shared" si="2"/>
        <v>#N/A</v>
      </c>
      <c r="F142" t="str">
        <f>IF(C142="CLAY", INDEX(D$4:D142, MATCH("CLAY", C$4:C142, 0)), "")</f>
        <v/>
      </c>
    </row>
    <row r="143" spans="1:6" x14ac:dyDescent="0.2">
      <c r="A143" s="239">
        <f>'CPT Data'!B151</f>
        <v>1.091</v>
      </c>
      <c r="B143" s="3">
        <f>'CPT Data'!C151</f>
        <v>1.0840000000000001</v>
      </c>
      <c r="C143" t="str">
        <f>'CPT Data'!P151</f>
        <v>SAND</v>
      </c>
      <c r="D143" t="e">
        <f>'CPT Data'!Q151</f>
        <v>#N/A</v>
      </c>
      <c r="E143" t="e">
        <f t="shared" si="2"/>
        <v>#N/A</v>
      </c>
      <c r="F143" t="str">
        <f>IF(C143="CLAY", INDEX(D$4:D143, MATCH("CLAY", C$4:C143, 0)), "")</f>
        <v/>
      </c>
    </row>
    <row r="144" spans="1:6" x14ac:dyDescent="0.2">
      <c r="A144" s="239">
        <f>'CPT Data'!B152</f>
        <v>1.099</v>
      </c>
      <c r="B144" s="3">
        <f>'CPT Data'!C152</f>
        <v>1.0920000000000001</v>
      </c>
      <c r="C144" t="str">
        <f>'CPT Data'!P152</f>
        <v>SAND</v>
      </c>
      <c r="D144" t="e">
        <f>'CPT Data'!Q152</f>
        <v>#N/A</v>
      </c>
      <c r="E144" t="e">
        <f t="shared" si="2"/>
        <v>#N/A</v>
      </c>
      <c r="F144" t="str">
        <f>IF(C144="CLAY", INDEX(D$4:D144, MATCH("CLAY", C$4:C144, 0)), "")</f>
        <v/>
      </c>
    </row>
    <row r="145" spans="1:6" x14ac:dyDescent="0.2">
      <c r="A145" s="239">
        <f>'CPT Data'!B153</f>
        <v>1.1060000000000001</v>
      </c>
      <c r="B145" s="3">
        <f>'CPT Data'!C153</f>
        <v>1.0990000000000002</v>
      </c>
      <c r="C145" t="str">
        <f>'CPT Data'!P153</f>
        <v>SAND</v>
      </c>
      <c r="D145" t="e">
        <f>'CPT Data'!Q153</f>
        <v>#N/A</v>
      </c>
      <c r="E145" t="e">
        <f t="shared" si="2"/>
        <v>#N/A</v>
      </c>
      <c r="F145" t="str">
        <f>IF(C145="CLAY", INDEX(D$4:D145, MATCH("CLAY", C$4:C145, 0)), "")</f>
        <v/>
      </c>
    </row>
    <row r="146" spans="1:6" x14ac:dyDescent="0.2">
      <c r="A146" s="239">
        <f>'CPT Data'!B154</f>
        <v>1.1140000000000001</v>
      </c>
      <c r="B146" s="3">
        <f>'CPT Data'!C154</f>
        <v>1.1070000000000002</v>
      </c>
      <c r="C146" t="str">
        <f>'CPT Data'!P154</f>
        <v>SAND</v>
      </c>
      <c r="D146" t="e">
        <f>'CPT Data'!Q154</f>
        <v>#N/A</v>
      </c>
      <c r="E146" t="e">
        <f t="shared" si="2"/>
        <v>#N/A</v>
      </c>
      <c r="F146" t="str">
        <f>IF(C146="CLAY", INDEX(D$4:D146, MATCH("CLAY", C$4:C146, 0)), "")</f>
        <v/>
      </c>
    </row>
    <row r="147" spans="1:6" x14ac:dyDescent="0.2">
      <c r="A147" s="239">
        <f>'CPT Data'!B155</f>
        <v>1.121</v>
      </c>
      <c r="B147" s="3">
        <f>'CPT Data'!C155</f>
        <v>1.1140000000000001</v>
      </c>
      <c r="C147" t="str">
        <f>'CPT Data'!P155</f>
        <v>SAND</v>
      </c>
      <c r="D147" t="e">
        <f>'CPT Data'!Q155</f>
        <v>#N/A</v>
      </c>
      <c r="E147" t="e">
        <f t="shared" si="2"/>
        <v>#N/A</v>
      </c>
      <c r="F147" t="str">
        <f>IF(C147="CLAY", INDEX(D$4:D147, MATCH("CLAY", C$4:C147, 0)), "")</f>
        <v/>
      </c>
    </row>
    <row r="148" spans="1:6" x14ac:dyDescent="0.2">
      <c r="A148" s="239">
        <f>'CPT Data'!B156</f>
        <v>1.129</v>
      </c>
      <c r="B148" s="3">
        <f>'CPT Data'!C156</f>
        <v>1.1220000000000001</v>
      </c>
      <c r="C148" t="str">
        <f>'CPT Data'!P156</f>
        <v>SAND</v>
      </c>
      <c r="D148" t="e">
        <f>'CPT Data'!Q156</f>
        <v>#N/A</v>
      </c>
      <c r="E148" t="e">
        <f t="shared" si="2"/>
        <v>#N/A</v>
      </c>
      <c r="F148" t="str">
        <f>IF(C148="CLAY", INDEX(D$4:D148, MATCH("CLAY", C$4:C148, 0)), "")</f>
        <v/>
      </c>
    </row>
    <row r="149" spans="1:6" x14ac:dyDescent="0.2">
      <c r="A149" s="239">
        <f>'CPT Data'!B157</f>
        <v>1.1359999999999999</v>
      </c>
      <c r="B149" s="3">
        <f>'CPT Data'!C157</f>
        <v>1.129</v>
      </c>
      <c r="C149" t="str">
        <f>'CPT Data'!P157</f>
        <v>SAND</v>
      </c>
      <c r="D149" t="e">
        <f>'CPT Data'!Q157</f>
        <v>#N/A</v>
      </c>
      <c r="E149" t="e">
        <f t="shared" si="2"/>
        <v>#N/A</v>
      </c>
      <c r="F149" t="str">
        <f>IF(C149="CLAY", INDEX(D$4:D149, MATCH("CLAY", C$4:C149, 0)), "")</f>
        <v/>
      </c>
    </row>
    <row r="150" spans="1:6" x14ac:dyDescent="0.2">
      <c r="A150" s="239">
        <f>'CPT Data'!B158</f>
        <v>1.1439999999999999</v>
      </c>
      <c r="B150" s="3">
        <f>'CPT Data'!C158</f>
        <v>1.137</v>
      </c>
      <c r="C150" t="str">
        <f>'CPT Data'!P158</f>
        <v>SAND</v>
      </c>
      <c r="D150" t="e">
        <f>'CPT Data'!Q158</f>
        <v>#N/A</v>
      </c>
      <c r="E150" t="e">
        <f t="shared" si="2"/>
        <v>#N/A</v>
      </c>
      <c r="F150" t="str">
        <f>IF(C150="CLAY", INDEX(D$4:D150, MATCH("CLAY", C$4:C150, 0)), "")</f>
        <v/>
      </c>
    </row>
    <row r="151" spans="1:6" x14ac:dyDescent="0.2">
      <c r="A151" s="239">
        <f>'CPT Data'!B159</f>
        <v>1.151</v>
      </c>
      <c r="B151" s="3">
        <f>'CPT Data'!C159</f>
        <v>1.1440000000000001</v>
      </c>
      <c r="C151" t="str">
        <f>'CPT Data'!P159</f>
        <v>SAND</v>
      </c>
      <c r="D151" t="e">
        <f>'CPT Data'!Q159</f>
        <v>#N/A</v>
      </c>
      <c r="E151" t="e">
        <f t="shared" si="2"/>
        <v>#N/A</v>
      </c>
      <c r="F151" t="str">
        <f>IF(C151="CLAY", INDEX(D$4:D151, MATCH("CLAY", C$4:C151, 0)), "")</f>
        <v/>
      </c>
    </row>
    <row r="152" spans="1:6" x14ac:dyDescent="0.2">
      <c r="A152" s="239">
        <f>'CPT Data'!B160</f>
        <v>1.1599999999999999</v>
      </c>
      <c r="B152" s="3">
        <f>'CPT Data'!C160</f>
        <v>1.153</v>
      </c>
      <c r="C152" t="str">
        <f>'CPT Data'!P160</f>
        <v>SAND</v>
      </c>
      <c r="D152" t="e">
        <f>'CPT Data'!Q160</f>
        <v>#N/A</v>
      </c>
      <c r="E152" t="e">
        <f t="shared" si="2"/>
        <v>#N/A</v>
      </c>
      <c r="F152" t="str">
        <f>IF(C152="CLAY", INDEX(D$4:D152, MATCH("CLAY", C$4:C152, 0)), "")</f>
        <v/>
      </c>
    </row>
    <row r="153" spans="1:6" x14ac:dyDescent="0.2">
      <c r="A153" s="239">
        <f>'CPT Data'!B161</f>
        <v>1.167</v>
      </c>
      <c r="B153" s="3">
        <f>'CPT Data'!C161</f>
        <v>1.1600000000000001</v>
      </c>
      <c r="C153" t="str">
        <f>'CPT Data'!P161</f>
        <v>SAND</v>
      </c>
      <c r="D153" t="e">
        <f>'CPT Data'!Q161</f>
        <v>#N/A</v>
      </c>
      <c r="E153" t="e">
        <f t="shared" si="2"/>
        <v>#N/A</v>
      </c>
      <c r="F153" t="str">
        <f>IF(C153="CLAY", INDEX(D$4:D153, MATCH("CLAY", C$4:C153, 0)), "")</f>
        <v/>
      </c>
    </row>
    <row r="154" spans="1:6" x14ac:dyDescent="0.2">
      <c r="A154" s="239">
        <f>'CPT Data'!B162</f>
        <v>1.2090000000000001</v>
      </c>
      <c r="B154" s="3">
        <f>'CPT Data'!C162</f>
        <v>1.2020000000000002</v>
      </c>
      <c r="C154" t="str">
        <f>'CPT Data'!P162</f>
        <v>SAND</v>
      </c>
      <c r="D154" t="e">
        <f>'CPT Data'!Q162</f>
        <v>#N/A</v>
      </c>
      <c r="E154" t="e">
        <f t="shared" si="2"/>
        <v>#N/A</v>
      </c>
      <c r="F154" t="str">
        <f>IF(C154="CLAY", INDEX(D$4:D154, MATCH("CLAY", C$4:C154, 0)), "")</f>
        <v/>
      </c>
    </row>
    <row r="155" spans="1:6" x14ac:dyDescent="0.2">
      <c r="A155" s="239">
        <f>'CPT Data'!B163</f>
        <v>1.216</v>
      </c>
      <c r="B155" s="3">
        <f>'CPT Data'!C163</f>
        <v>1.2090000000000001</v>
      </c>
      <c r="C155" t="str">
        <f>'CPT Data'!P163</f>
        <v>SAND</v>
      </c>
      <c r="D155" t="e">
        <f>'CPT Data'!Q163</f>
        <v>#N/A</v>
      </c>
      <c r="E155" t="e">
        <f t="shared" ref="E155:E218" si="3">IF(C155="SAND",#N/A,IF(C155=C154,D154,IF(C155="CLAY",D155,#N/A)))</f>
        <v>#N/A</v>
      </c>
      <c r="F155" t="str">
        <f>IF(C155="CLAY", INDEX(D$4:D155, MATCH("CLAY", C$4:C155, 0)), "")</f>
        <v/>
      </c>
    </row>
    <row r="156" spans="1:6" x14ac:dyDescent="0.2">
      <c r="A156" s="239">
        <f>'CPT Data'!B164</f>
        <v>1.262</v>
      </c>
      <c r="B156" s="3">
        <f>'CPT Data'!C164</f>
        <v>1.2550000000000001</v>
      </c>
      <c r="C156" t="str">
        <f>'CPT Data'!P164</f>
        <v>SAND</v>
      </c>
      <c r="D156" t="e">
        <f>'CPT Data'!Q164</f>
        <v>#N/A</v>
      </c>
      <c r="E156" t="e">
        <f t="shared" si="3"/>
        <v>#N/A</v>
      </c>
      <c r="F156" t="str">
        <f>IF(C156="CLAY", INDEX(D$4:D156, MATCH("CLAY", C$4:C156, 0)), "")</f>
        <v/>
      </c>
    </row>
    <row r="157" spans="1:6" x14ac:dyDescent="0.2">
      <c r="A157" s="239">
        <f>'CPT Data'!B165</f>
        <v>1.27</v>
      </c>
      <c r="B157" s="3">
        <f>'CPT Data'!C165</f>
        <v>1.2630000000000001</v>
      </c>
      <c r="C157" t="str">
        <f>'CPT Data'!P165</f>
        <v>SAND</v>
      </c>
      <c r="D157" t="e">
        <f>'CPT Data'!Q165</f>
        <v>#N/A</v>
      </c>
      <c r="E157" t="e">
        <f t="shared" si="3"/>
        <v>#N/A</v>
      </c>
      <c r="F157" t="str">
        <f>IF(C157="CLAY", INDEX(D$4:D157, MATCH("CLAY", C$4:C157, 0)), "")</f>
        <v/>
      </c>
    </row>
    <row r="158" spans="1:6" x14ac:dyDescent="0.2">
      <c r="A158" s="239">
        <f>'CPT Data'!B166</f>
        <v>1.278</v>
      </c>
      <c r="B158" s="3">
        <f>'CPT Data'!C166</f>
        <v>1.2710000000000001</v>
      </c>
      <c r="C158" t="str">
        <f>'CPT Data'!P166</f>
        <v>SAND</v>
      </c>
      <c r="D158" t="e">
        <f>'CPT Data'!Q166</f>
        <v>#N/A</v>
      </c>
      <c r="E158" t="e">
        <f t="shared" si="3"/>
        <v>#N/A</v>
      </c>
      <c r="F158" t="str">
        <f>IF(C158="CLAY", INDEX(D$4:D158, MATCH("CLAY", C$4:C158, 0)), "")</f>
        <v/>
      </c>
    </row>
    <row r="159" spans="1:6" x14ac:dyDescent="0.2">
      <c r="A159" s="239">
        <f>'CPT Data'!B167</f>
        <v>1.286</v>
      </c>
      <c r="B159" s="3">
        <f>'CPT Data'!C167</f>
        <v>1.2790000000000001</v>
      </c>
      <c r="C159" t="str">
        <f>'CPT Data'!P167</f>
        <v>SAND</v>
      </c>
      <c r="D159" t="e">
        <f>'CPT Data'!Q167</f>
        <v>#N/A</v>
      </c>
      <c r="E159" t="e">
        <f t="shared" si="3"/>
        <v>#N/A</v>
      </c>
      <c r="F159" t="str">
        <f>IF(C159="CLAY", INDEX(D$4:D159, MATCH("CLAY", C$4:C159, 0)), "")</f>
        <v/>
      </c>
    </row>
    <row r="160" spans="1:6" x14ac:dyDescent="0.2">
      <c r="A160" s="239">
        <f>'CPT Data'!B168</f>
        <v>1.2929999999999999</v>
      </c>
      <c r="B160" s="3">
        <f>'CPT Data'!C168</f>
        <v>1.286</v>
      </c>
      <c r="C160" t="str">
        <f>'CPT Data'!P168</f>
        <v>SAND</v>
      </c>
      <c r="D160" t="e">
        <f>'CPT Data'!Q168</f>
        <v>#N/A</v>
      </c>
      <c r="E160" t="e">
        <f t="shared" si="3"/>
        <v>#N/A</v>
      </c>
      <c r="F160" t="str">
        <f>IF(C160="CLAY", INDEX(D$4:D160, MATCH("CLAY", C$4:C160, 0)), "")</f>
        <v/>
      </c>
    </row>
    <row r="161" spans="1:6" x14ac:dyDescent="0.2">
      <c r="A161" s="239">
        <f>'CPT Data'!B169</f>
        <v>1.3009999999999999</v>
      </c>
      <c r="B161" s="3">
        <f>'CPT Data'!C169</f>
        <v>1.294</v>
      </c>
      <c r="C161" t="str">
        <f>'CPT Data'!P169</f>
        <v>SAND</v>
      </c>
      <c r="D161" t="e">
        <f>'CPT Data'!Q169</f>
        <v>#N/A</v>
      </c>
      <c r="E161" t="e">
        <f t="shared" si="3"/>
        <v>#N/A</v>
      </c>
      <c r="F161" t="str">
        <f>IF(C161="CLAY", INDEX(D$4:D161, MATCH("CLAY", C$4:C161, 0)), "")</f>
        <v/>
      </c>
    </row>
    <row r="162" spans="1:6" x14ac:dyDescent="0.2">
      <c r="A162" s="239">
        <f>'CPT Data'!B170</f>
        <v>1.3080000000000001</v>
      </c>
      <c r="B162" s="3">
        <f>'CPT Data'!C170</f>
        <v>1.3010000000000002</v>
      </c>
      <c r="C162" t="str">
        <f>'CPT Data'!P170</f>
        <v>SAND</v>
      </c>
      <c r="D162" t="e">
        <f>'CPT Data'!Q170</f>
        <v>#N/A</v>
      </c>
      <c r="E162" t="e">
        <f t="shared" si="3"/>
        <v>#N/A</v>
      </c>
      <c r="F162" t="str">
        <f>IF(C162="CLAY", INDEX(D$4:D162, MATCH("CLAY", C$4:C162, 0)), "")</f>
        <v/>
      </c>
    </row>
    <row r="163" spans="1:6" x14ac:dyDescent="0.2">
      <c r="A163" s="239">
        <f>'CPT Data'!B171</f>
        <v>1.3160000000000001</v>
      </c>
      <c r="B163" s="3">
        <f>'CPT Data'!C171</f>
        <v>1.3090000000000002</v>
      </c>
      <c r="C163" t="str">
        <f>'CPT Data'!P171</f>
        <v>SAND</v>
      </c>
      <c r="D163" t="e">
        <f>'CPT Data'!Q171</f>
        <v>#N/A</v>
      </c>
      <c r="E163" t="e">
        <f t="shared" si="3"/>
        <v>#N/A</v>
      </c>
      <c r="F163" t="str">
        <f>IF(C163="CLAY", INDEX(D$4:D163, MATCH("CLAY", C$4:C163, 0)), "")</f>
        <v/>
      </c>
    </row>
    <row r="164" spans="1:6" x14ac:dyDescent="0.2">
      <c r="A164" s="239">
        <f>'CPT Data'!B172</f>
        <v>1.323</v>
      </c>
      <c r="B164" s="3">
        <f>'CPT Data'!C172</f>
        <v>1.3160000000000001</v>
      </c>
      <c r="C164" t="str">
        <f>'CPT Data'!P172</f>
        <v>SAND</v>
      </c>
      <c r="D164" t="e">
        <f>'CPT Data'!Q172</f>
        <v>#N/A</v>
      </c>
      <c r="E164" t="e">
        <f t="shared" si="3"/>
        <v>#N/A</v>
      </c>
      <c r="F164" t="str">
        <f>IF(C164="CLAY", INDEX(D$4:D164, MATCH("CLAY", C$4:C164, 0)), "")</f>
        <v/>
      </c>
    </row>
    <row r="165" spans="1:6" x14ac:dyDescent="0.2">
      <c r="A165" s="239">
        <f>'CPT Data'!B173</f>
        <v>1.331</v>
      </c>
      <c r="B165" s="3">
        <f>'CPT Data'!C173</f>
        <v>1.3240000000000001</v>
      </c>
      <c r="C165" t="str">
        <f>'CPT Data'!P173</f>
        <v>SAND</v>
      </c>
      <c r="D165" t="e">
        <f>'CPT Data'!Q173</f>
        <v>#N/A</v>
      </c>
      <c r="E165" t="e">
        <f t="shared" si="3"/>
        <v>#N/A</v>
      </c>
      <c r="F165" t="str">
        <f>IF(C165="CLAY", INDEX(D$4:D165, MATCH("CLAY", C$4:C165, 0)), "")</f>
        <v/>
      </c>
    </row>
    <row r="166" spans="1:6" x14ac:dyDescent="0.2">
      <c r="A166" s="239">
        <f>'CPT Data'!B174</f>
        <v>1.3380000000000001</v>
      </c>
      <c r="B166" s="3">
        <f>'CPT Data'!C174</f>
        <v>1.3310000000000002</v>
      </c>
      <c r="C166" t="str">
        <f>'CPT Data'!P174</f>
        <v>SAND</v>
      </c>
      <c r="D166" t="e">
        <f>'CPT Data'!Q174</f>
        <v>#N/A</v>
      </c>
      <c r="E166" t="e">
        <f t="shared" si="3"/>
        <v>#N/A</v>
      </c>
      <c r="F166" t="str">
        <f>IF(C166="CLAY", INDEX(D$4:D166, MATCH("CLAY", C$4:C166, 0)), "")</f>
        <v/>
      </c>
    </row>
    <row r="167" spans="1:6" x14ac:dyDescent="0.2">
      <c r="A167" s="239">
        <f>'CPT Data'!B175</f>
        <v>1.347</v>
      </c>
      <c r="B167" s="3">
        <f>'CPT Data'!C175</f>
        <v>1.34</v>
      </c>
      <c r="C167" t="str">
        <f>'CPT Data'!P175</f>
        <v>SAND</v>
      </c>
      <c r="D167" t="e">
        <f>'CPT Data'!Q175</f>
        <v>#N/A</v>
      </c>
      <c r="E167" t="e">
        <f t="shared" si="3"/>
        <v>#N/A</v>
      </c>
      <c r="F167" t="str">
        <f>IF(C167="CLAY", INDEX(D$4:D167, MATCH("CLAY", C$4:C167, 0)), "")</f>
        <v/>
      </c>
    </row>
    <row r="168" spans="1:6" x14ac:dyDescent="0.2">
      <c r="A168" s="239">
        <f>'CPT Data'!B176</f>
        <v>1.3540000000000001</v>
      </c>
      <c r="B168" s="3">
        <f>'CPT Data'!C176</f>
        <v>1.3470000000000002</v>
      </c>
      <c r="C168" t="str">
        <f>'CPT Data'!P176</f>
        <v>SAND</v>
      </c>
      <c r="D168" t="e">
        <f>'CPT Data'!Q176</f>
        <v>#N/A</v>
      </c>
      <c r="E168" t="e">
        <f t="shared" si="3"/>
        <v>#N/A</v>
      </c>
      <c r="F168" t="str">
        <f>IF(C168="CLAY", INDEX(D$4:D168, MATCH("CLAY", C$4:C168, 0)), "")</f>
        <v/>
      </c>
    </row>
    <row r="169" spans="1:6" x14ac:dyDescent="0.2">
      <c r="A169" s="239">
        <f>'CPT Data'!B177</f>
        <v>1.3620000000000001</v>
      </c>
      <c r="B169" s="3">
        <f>'CPT Data'!C177</f>
        <v>1.3550000000000002</v>
      </c>
      <c r="C169" t="str">
        <f>'CPT Data'!P177</f>
        <v>CLAY</v>
      </c>
      <c r="D169">
        <f>'CPT Data'!Q177</f>
        <v>5.9517600490234308</v>
      </c>
      <c r="E169">
        <f t="shared" si="3"/>
        <v>5.9517600490234308</v>
      </c>
      <c r="F169">
        <f>IF(C169="CLAY", INDEX(D$4:D169, MATCH("CLAY", C$4:C169, 0)), "")</f>
        <v>0.75203252561341039</v>
      </c>
    </row>
    <row r="170" spans="1:6" x14ac:dyDescent="0.2">
      <c r="A170" s="239">
        <f>'CPT Data'!B178</f>
        <v>1.369</v>
      </c>
      <c r="B170" s="3">
        <f>'CPT Data'!C178</f>
        <v>1.3620000000000001</v>
      </c>
      <c r="C170" t="str">
        <f>'CPT Data'!P178</f>
        <v>CLAY</v>
      </c>
      <c r="D170">
        <f>'CPT Data'!Q178</f>
        <v>5.8947093094243712</v>
      </c>
      <c r="E170">
        <f t="shared" si="3"/>
        <v>5.9517600490234308</v>
      </c>
      <c r="F170">
        <f>IF(C170="CLAY", INDEX(D$4:D170, MATCH("CLAY", C$4:C170, 0)), "")</f>
        <v>0.75203252561341039</v>
      </c>
    </row>
    <row r="171" spans="1:6" x14ac:dyDescent="0.2">
      <c r="A171" s="239">
        <f>'CPT Data'!B179</f>
        <v>1.377</v>
      </c>
      <c r="B171" s="3">
        <f>'CPT Data'!C179</f>
        <v>1.37</v>
      </c>
      <c r="C171" t="str">
        <f>'CPT Data'!P179</f>
        <v>CLAY</v>
      </c>
      <c r="D171">
        <f>'CPT Data'!Q179</f>
        <v>5.8250187850926638</v>
      </c>
      <c r="E171">
        <f t="shared" si="3"/>
        <v>5.8947093094243712</v>
      </c>
      <c r="F171">
        <f>IF(C171="CLAY", INDEX(D$4:D171, MATCH("CLAY", C$4:C171, 0)), "")</f>
        <v>0.75203252561341039</v>
      </c>
    </row>
    <row r="172" spans="1:6" x14ac:dyDescent="0.2">
      <c r="A172" s="239">
        <f>'CPT Data'!B180</f>
        <v>1.385</v>
      </c>
      <c r="B172" s="3">
        <f>'CPT Data'!C180</f>
        <v>1.3780000000000001</v>
      </c>
      <c r="C172" t="str">
        <f>'CPT Data'!P180</f>
        <v>CLAY</v>
      </c>
      <c r="D172">
        <f>'CPT Data'!Q180</f>
        <v>5.8158033454411706</v>
      </c>
      <c r="E172">
        <f t="shared" si="3"/>
        <v>5.8250187850926638</v>
      </c>
      <c r="F172">
        <f>IF(C172="CLAY", INDEX(D$4:D172, MATCH("CLAY", C$4:C172, 0)), "")</f>
        <v>0.75203252561341039</v>
      </c>
    </row>
    <row r="173" spans="1:6" x14ac:dyDescent="0.2">
      <c r="A173" s="239">
        <f>'CPT Data'!B181</f>
        <v>1.3919999999999999</v>
      </c>
      <c r="B173" s="3">
        <f>'CPT Data'!C181</f>
        <v>1.385</v>
      </c>
      <c r="C173" t="str">
        <f>'CPT Data'!P181</f>
        <v>CLAY</v>
      </c>
      <c r="D173">
        <f>'CPT Data'!Q181</f>
        <v>5.7919465452035057</v>
      </c>
      <c r="E173">
        <f t="shared" si="3"/>
        <v>5.8158033454411706</v>
      </c>
      <c r="F173">
        <f>IF(C173="CLAY", INDEX(D$4:D173, MATCH("CLAY", C$4:C173, 0)), "")</f>
        <v>0.75203252561341039</v>
      </c>
    </row>
    <row r="174" spans="1:6" x14ac:dyDescent="0.2">
      <c r="A174" s="239">
        <f>'CPT Data'!B182</f>
        <v>1.399</v>
      </c>
      <c r="B174" s="3">
        <f>'CPT Data'!C182</f>
        <v>1.3920000000000001</v>
      </c>
      <c r="C174" t="str">
        <f>'CPT Data'!P182</f>
        <v>CLAY</v>
      </c>
      <c r="D174">
        <f>'CPT Data'!Q182</f>
        <v>5.7962467470516144</v>
      </c>
      <c r="E174">
        <f t="shared" si="3"/>
        <v>5.7919465452035057</v>
      </c>
      <c r="F174">
        <f>IF(C174="CLAY", INDEX(D$4:D174, MATCH("CLAY", C$4:C174, 0)), "")</f>
        <v>0.75203252561341039</v>
      </c>
    </row>
    <row r="175" spans="1:6" x14ac:dyDescent="0.2">
      <c r="A175" s="239">
        <f>'CPT Data'!B183</f>
        <v>1.4079999999999999</v>
      </c>
      <c r="B175" s="3">
        <f>'CPT Data'!C183</f>
        <v>1.401</v>
      </c>
      <c r="C175" t="str">
        <f>'CPT Data'!P183</f>
        <v>CLAY</v>
      </c>
      <c r="D175">
        <f>'CPT Data'!Q183</f>
        <v>5.7885252046439861</v>
      </c>
      <c r="E175">
        <f t="shared" si="3"/>
        <v>5.7962467470516144</v>
      </c>
      <c r="F175">
        <f>IF(C175="CLAY", INDEX(D$4:D175, MATCH("CLAY", C$4:C175, 0)), "")</f>
        <v>0.75203252561341039</v>
      </c>
    </row>
    <row r="176" spans="1:6" x14ac:dyDescent="0.2">
      <c r="A176" s="239">
        <f>'CPT Data'!B184</f>
        <v>1.415</v>
      </c>
      <c r="B176" s="3">
        <f>'CPT Data'!C184</f>
        <v>1.4080000000000001</v>
      </c>
      <c r="C176" t="str">
        <f>'CPT Data'!P184</f>
        <v>CLAY</v>
      </c>
      <c r="D176">
        <f>'CPT Data'!Q184</f>
        <v>5.8325722959265507</v>
      </c>
      <c r="E176">
        <f t="shared" si="3"/>
        <v>5.7885252046439861</v>
      </c>
      <c r="F176">
        <f>IF(C176="CLAY", INDEX(D$4:D176, MATCH("CLAY", C$4:C176, 0)), "")</f>
        <v>0.75203252561341039</v>
      </c>
    </row>
    <row r="177" spans="1:6" x14ac:dyDescent="0.2">
      <c r="A177" s="239">
        <f>'CPT Data'!B185</f>
        <v>1.423</v>
      </c>
      <c r="B177" s="3">
        <f>'CPT Data'!C185</f>
        <v>1.4160000000000001</v>
      </c>
      <c r="C177" t="str">
        <f>'CPT Data'!P185</f>
        <v>SAND</v>
      </c>
      <c r="D177" t="e">
        <f>'CPT Data'!Q185</f>
        <v>#N/A</v>
      </c>
      <c r="E177" t="e">
        <f t="shared" si="3"/>
        <v>#N/A</v>
      </c>
      <c r="F177" t="str">
        <f>IF(C177="CLAY", INDEX(D$4:D177, MATCH("CLAY", C$4:C177, 0)), "")</f>
        <v/>
      </c>
    </row>
    <row r="178" spans="1:6" x14ac:dyDescent="0.2">
      <c r="A178" s="239">
        <f>'CPT Data'!B186</f>
        <v>1.43</v>
      </c>
      <c r="B178" s="3">
        <f>'CPT Data'!C186</f>
        <v>1.423</v>
      </c>
      <c r="C178" t="str">
        <f>'CPT Data'!P186</f>
        <v>SAND</v>
      </c>
      <c r="D178" t="e">
        <f>'CPT Data'!Q186</f>
        <v>#N/A</v>
      </c>
      <c r="E178" t="e">
        <f t="shared" si="3"/>
        <v>#N/A</v>
      </c>
      <c r="F178" t="str">
        <f>IF(C178="CLAY", INDEX(D$4:D178, MATCH("CLAY", C$4:C178, 0)), "")</f>
        <v/>
      </c>
    </row>
    <row r="179" spans="1:6" x14ac:dyDescent="0.2">
      <c r="A179" s="239">
        <f>'CPT Data'!B187</f>
        <v>1.4379999999999999</v>
      </c>
      <c r="B179" s="3">
        <f>'CPT Data'!C187</f>
        <v>1.431</v>
      </c>
      <c r="C179" t="str">
        <f>'CPT Data'!P187</f>
        <v>SAND</v>
      </c>
      <c r="D179" t="e">
        <f>'CPT Data'!Q187</f>
        <v>#N/A</v>
      </c>
      <c r="E179" t="e">
        <f t="shared" si="3"/>
        <v>#N/A</v>
      </c>
      <c r="F179" t="str">
        <f>IF(C179="CLAY", INDEX(D$4:D179, MATCH("CLAY", C$4:C179, 0)), "")</f>
        <v/>
      </c>
    </row>
    <row r="180" spans="1:6" x14ac:dyDescent="0.2">
      <c r="A180" s="239">
        <f>'CPT Data'!B188</f>
        <v>1.4450000000000001</v>
      </c>
      <c r="B180" s="3">
        <f>'CPT Data'!C188</f>
        <v>1.4380000000000002</v>
      </c>
      <c r="C180" t="str">
        <f>'CPT Data'!P188</f>
        <v>CLAY</v>
      </c>
      <c r="D180">
        <f>'CPT Data'!Q188</f>
        <v>6.0232279331131986</v>
      </c>
      <c r="E180">
        <f t="shared" si="3"/>
        <v>6.0232279331131986</v>
      </c>
      <c r="F180">
        <f>IF(C180="CLAY", INDEX(D$4:D180, MATCH("CLAY", C$4:C180, 0)), "")</f>
        <v>0.75203252561341039</v>
      </c>
    </row>
    <row r="181" spans="1:6" x14ac:dyDescent="0.2">
      <c r="A181" s="239">
        <f>'CPT Data'!B189</f>
        <v>1.454</v>
      </c>
      <c r="B181" s="3">
        <f>'CPT Data'!C189</f>
        <v>1.4470000000000001</v>
      </c>
      <c r="C181" t="str">
        <f>'CPT Data'!P189</f>
        <v>SAND</v>
      </c>
      <c r="D181" t="e">
        <f>'CPT Data'!Q189</f>
        <v>#N/A</v>
      </c>
      <c r="E181" t="e">
        <f t="shared" si="3"/>
        <v>#N/A</v>
      </c>
      <c r="F181" t="str">
        <f>IF(C181="CLAY", INDEX(D$4:D181, MATCH("CLAY", C$4:C181, 0)), "")</f>
        <v/>
      </c>
    </row>
    <row r="182" spans="1:6" x14ac:dyDescent="0.2">
      <c r="A182" s="239">
        <f>'CPT Data'!B190</f>
        <v>1.4610000000000001</v>
      </c>
      <c r="B182" s="3">
        <f>'CPT Data'!C190</f>
        <v>1.4540000000000002</v>
      </c>
      <c r="C182" t="str">
        <f>'CPT Data'!P190</f>
        <v>SAND</v>
      </c>
      <c r="D182" t="e">
        <f>'CPT Data'!Q190</f>
        <v>#N/A</v>
      </c>
      <c r="E182" t="e">
        <f t="shared" si="3"/>
        <v>#N/A</v>
      </c>
      <c r="F182" t="str">
        <f>IF(C182="CLAY", INDEX(D$4:D182, MATCH("CLAY", C$4:C182, 0)), "")</f>
        <v/>
      </c>
    </row>
    <row r="183" spans="1:6" x14ac:dyDescent="0.2">
      <c r="A183" s="239">
        <f>'CPT Data'!B191</f>
        <v>1.47</v>
      </c>
      <c r="B183" s="3">
        <f>'CPT Data'!C191</f>
        <v>1.4630000000000001</v>
      </c>
      <c r="C183" t="str">
        <f>'CPT Data'!P191</f>
        <v>SAND</v>
      </c>
      <c r="D183" t="e">
        <f>'CPT Data'!Q191</f>
        <v>#N/A</v>
      </c>
      <c r="E183" t="e">
        <f t="shared" si="3"/>
        <v>#N/A</v>
      </c>
      <c r="F183" t="str">
        <f>IF(C183="CLAY", INDEX(D$4:D183, MATCH("CLAY", C$4:C183, 0)), "")</f>
        <v/>
      </c>
    </row>
    <row r="184" spans="1:6" x14ac:dyDescent="0.2">
      <c r="A184" s="239">
        <f>'CPT Data'!B192</f>
        <v>1.4790000000000001</v>
      </c>
      <c r="B184" s="3">
        <f>'CPT Data'!C192</f>
        <v>1.4720000000000002</v>
      </c>
      <c r="C184" t="str">
        <f>'CPT Data'!P192</f>
        <v>SAND</v>
      </c>
      <c r="D184" t="e">
        <f>'CPT Data'!Q192</f>
        <v>#N/A</v>
      </c>
      <c r="E184" t="e">
        <f t="shared" si="3"/>
        <v>#N/A</v>
      </c>
      <c r="F184" t="str">
        <f>IF(C184="CLAY", INDEX(D$4:D184, MATCH("CLAY", C$4:C184, 0)), "")</f>
        <v/>
      </c>
    </row>
    <row r="185" spans="1:6" x14ac:dyDescent="0.2">
      <c r="A185" s="239">
        <f>'CPT Data'!B193</f>
        <v>1.488</v>
      </c>
      <c r="B185" s="3">
        <f>'CPT Data'!C193</f>
        <v>1.4810000000000001</v>
      </c>
      <c r="C185" t="str">
        <f>'CPT Data'!P193</f>
        <v>SAND</v>
      </c>
      <c r="D185" t="e">
        <f>'CPT Data'!Q193</f>
        <v>#N/A</v>
      </c>
      <c r="E185" t="e">
        <f t="shared" si="3"/>
        <v>#N/A</v>
      </c>
      <c r="F185" t="str">
        <f>IF(C185="CLAY", INDEX(D$4:D185, MATCH("CLAY", C$4:C185, 0)), "")</f>
        <v/>
      </c>
    </row>
    <row r="186" spans="1:6" x14ac:dyDescent="0.2">
      <c r="A186" s="239">
        <f>'CPT Data'!B194</f>
        <v>1.4970000000000001</v>
      </c>
      <c r="B186" s="3">
        <f>'CPT Data'!C194</f>
        <v>1.4900000000000002</v>
      </c>
      <c r="C186" t="str">
        <f>'CPT Data'!P194</f>
        <v>SAND</v>
      </c>
      <c r="D186" t="e">
        <f>'CPT Data'!Q194</f>
        <v>#N/A</v>
      </c>
      <c r="E186" t="e">
        <f t="shared" si="3"/>
        <v>#N/A</v>
      </c>
      <c r="F186" t="str">
        <f>IF(C186="CLAY", INDEX(D$4:D186, MATCH("CLAY", C$4:C186, 0)), "")</f>
        <v/>
      </c>
    </row>
    <row r="187" spans="1:6" x14ac:dyDescent="0.2">
      <c r="A187" s="239">
        <f>'CPT Data'!B195</f>
        <v>1.506</v>
      </c>
      <c r="B187" s="3">
        <f>'CPT Data'!C195</f>
        <v>1.4990000000000001</v>
      </c>
      <c r="C187" t="str">
        <f>'CPT Data'!P195</f>
        <v>SAND</v>
      </c>
      <c r="D187" t="e">
        <f>'CPT Data'!Q195</f>
        <v>#N/A</v>
      </c>
      <c r="E187" t="e">
        <f t="shared" si="3"/>
        <v>#N/A</v>
      </c>
      <c r="F187" t="str">
        <f>IF(C187="CLAY", INDEX(D$4:D187, MATCH("CLAY", C$4:C187, 0)), "")</f>
        <v/>
      </c>
    </row>
    <row r="188" spans="1:6" x14ac:dyDescent="0.2">
      <c r="A188" s="239">
        <f>'CPT Data'!B196</f>
        <v>1.5149999999999999</v>
      </c>
      <c r="B188" s="3">
        <f>'CPT Data'!C196</f>
        <v>1.508</v>
      </c>
      <c r="C188" t="str">
        <f>'CPT Data'!P196</f>
        <v>SAND</v>
      </c>
      <c r="D188" t="e">
        <f>'CPT Data'!Q196</f>
        <v>#N/A</v>
      </c>
      <c r="E188" t="e">
        <f t="shared" si="3"/>
        <v>#N/A</v>
      </c>
      <c r="F188" t="str">
        <f>IF(C188="CLAY", INDEX(D$4:D188, MATCH("CLAY", C$4:C188, 0)), "")</f>
        <v/>
      </c>
    </row>
    <row r="189" spans="1:6" x14ac:dyDescent="0.2">
      <c r="A189" s="239">
        <f>'CPT Data'!B197</f>
        <v>1.524</v>
      </c>
      <c r="B189" s="3">
        <f>'CPT Data'!C197</f>
        <v>1.5170000000000001</v>
      </c>
      <c r="C189" t="str">
        <f>'CPT Data'!P197</f>
        <v>SAND</v>
      </c>
      <c r="D189" t="e">
        <f>'CPT Data'!Q197</f>
        <v>#N/A</v>
      </c>
      <c r="E189" t="e">
        <f t="shared" si="3"/>
        <v>#N/A</v>
      </c>
      <c r="F189" t="str">
        <f>IF(C189="CLAY", INDEX(D$4:D189, MATCH("CLAY", C$4:C189, 0)), "")</f>
        <v/>
      </c>
    </row>
    <row r="190" spans="1:6" x14ac:dyDescent="0.2">
      <c r="A190" s="239">
        <f>'CPT Data'!B198</f>
        <v>1.5329999999999999</v>
      </c>
      <c r="B190" s="3">
        <f>'CPT Data'!C198</f>
        <v>1.526</v>
      </c>
      <c r="C190" t="str">
        <f>'CPT Data'!P198</f>
        <v>SAND</v>
      </c>
      <c r="D190" t="e">
        <f>'CPT Data'!Q198</f>
        <v>#N/A</v>
      </c>
      <c r="E190" t="e">
        <f t="shared" si="3"/>
        <v>#N/A</v>
      </c>
      <c r="F190" t="str">
        <f>IF(C190="CLAY", INDEX(D$4:D190, MATCH("CLAY", C$4:C190, 0)), "")</f>
        <v/>
      </c>
    </row>
    <row r="191" spans="1:6" x14ac:dyDescent="0.2">
      <c r="A191" s="239">
        <f>'CPT Data'!B199</f>
        <v>1.542</v>
      </c>
      <c r="B191" s="3">
        <f>'CPT Data'!C199</f>
        <v>1.5350000000000001</v>
      </c>
      <c r="C191" t="str">
        <f>'CPT Data'!P199</f>
        <v>SAND</v>
      </c>
      <c r="D191" t="e">
        <f>'CPT Data'!Q199</f>
        <v>#N/A</v>
      </c>
      <c r="E191" t="e">
        <f t="shared" si="3"/>
        <v>#N/A</v>
      </c>
      <c r="F191" t="str">
        <f>IF(C191="CLAY", INDEX(D$4:D191, MATCH("CLAY", C$4:C191, 0)), "")</f>
        <v/>
      </c>
    </row>
    <row r="192" spans="1:6" x14ac:dyDescent="0.2">
      <c r="A192" s="239">
        <f>'CPT Data'!B200</f>
        <v>1.552</v>
      </c>
      <c r="B192" s="3">
        <f>'CPT Data'!C200</f>
        <v>1.5450000000000002</v>
      </c>
      <c r="C192" t="str">
        <f>'CPT Data'!P200</f>
        <v>SAND</v>
      </c>
      <c r="D192" t="e">
        <f>'CPT Data'!Q200</f>
        <v>#N/A</v>
      </c>
      <c r="E192" t="e">
        <f t="shared" si="3"/>
        <v>#N/A</v>
      </c>
      <c r="F192" t="str">
        <f>IF(C192="CLAY", INDEX(D$4:D192, MATCH("CLAY", C$4:C192, 0)), "")</f>
        <v/>
      </c>
    </row>
    <row r="193" spans="1:6" x14ac:dyDescent="0.2">
      <c r="A193" s="239">
        <f>'CPT Data'!B201</f>
        <v>1.56</v>
      </c>
      <c r="B193" s="3">
        <f>'CPT Data'!C201</f>
        <v>1.5530000000000002</v>
      </c>
      <c r="C193" t="str">
        <f>'CPT Data'!P201</f>
        <v>SAND</v>
      </c>
      <c r="D193" t="e">
        <f>'CPT Data'!Q201</f>
        <v>#N/A</v>
      </c>
      <c r="E193" t="e">
        <f t="shared" si="3"/>
        <v>#N/A</v>
      </c>
      <c r="F193" t="str">
        <f>IF(C193="CLAY", INDEX(D$4:D193, MATCH("CLAY", C$4:C193, 0)), "")</f>
        <v/>
      </c>
    </row>
    <row r="194" spans="1:6" x14ac:dyDescent="0.2">
      <c r="A194" s="239">
        <f>'CPT Data'!B202</f>
        <v>1.569</v>
      </c>
      <c r="B194" s="3">
        <f>'CPT Data'!C202</f>
        <v>1.5620000000000001</v>
      </c>
      <c r="C194" t="str">
        <f>'CPT Data'!P202</f>
        <v>SAND</v>
      </c>
      <c r="D194" t="e">
        <f>'CPT Data'!Q202</f>
        <v>#N/A</v>
      </c>
      <c r="E194" t="e">
        <f t="shared" si="3"/>
        <v>#N/A</v>
      </c>
      <c r="F194" t="str">
        <f>IF(C194="CLAY", INDEX(D$4:D194, MATCH("CLAY", C$4:C194, 0)), "")</f>
        <v/>
      </c>
    </row>
    <row r="195" spans="1:6" x14ac:dyDescent="0.2">
      <c r="A195" s="239">
        <f>'CPT Data'!B203</f>
        <v>1.577</v>
      </c>
      <c r="B195" s="3">
        <f>'CPT Data'!C203</f>
        <v>1.57</v>
      </c>
      <c r="C195" t="str">
        <f>'CPT Data'!P203</f>
        <v>SAND</v>
      </c>
      <c r="D195" t="e">
        <f>'CPT Data'!Q203</f>
        <v>#N/A</v>
      </c>
      <c r="E195" t="e">
        <f t="shared" si="3"/>
        <v>#N/A</v>
      </c>
      <c r="F195" t="str">
        <f>IF(C195="CLAY", INDEX(D$4:D195, MATCH("CLAY", C$4:C195, 0)), "")</f>
        <v/>
      </c>
    </row>
    <row r="196" spans="1:6" x14ac:dyDescent="0.2">
      <c r="A196" s="239">
        <f>'CPT Data'!B204</f>
        <v>1.587</v>
      </c>
      <c r="B196" s="3">
        <f>'CPT Data'!C204</f>
        <v>1.58</v>
      </c>
      <c r="C196" t="str">
        <f>'CPT Data'!P204</f>
        <v>SAND</v>
      </c>
      <c r="D196" t="e">
        <f>'CPT Data'!Q204</f>
        <v>#N/A</v>
      </c>
      <c r="E196" t="e">
        <f t="shared" si="3"/>
        <v>#N/A</v>
      </c>
      <c r="F196" t="str">
        <f>IF(C196="CLAY", INDEX(D$4:D196, MATCH("CLAY", C$4:C196, 0)), "")</f>
        <v/>
      </c>
    </row>
    <row r="197" spans="1:6" x14ac:dyDescent="0.2">
      <c r="A197" s="239">
        <f>'CPT Data'!B205</f>
        <v>1.5960000000000001</v>
      </c>
      <c r="B197" s="3">
        <f>'CPT Data'!C205</f>
        <v>1.5890000000000002</v>
      </c>
      <c r="C197" t="str">
        <f>'CPT Data'!P205</f>
        <v>SAND</v>
      </c>
      <c r="D197" t="e">
        <f>'CPT Data'!Q205</f>
        <v>#N/A</v>
      </c>
      <c r="E197" t="e">
        <f t="shared" si="3"/>
        <v>#N/A</v>
      </c>
      <c r="F197" t="str">
        <f>IF(C197="CLAY", INDEX(D$4:D197, MATCH("CLAY", C$4:C197, 0)), "")</f>
        <v/>
      </c>
    </row>
    <row r="198" spans="1:6" x14ac:dyDescent="0.2">
      <c r="A198" s="239">
        <f>'CPT Data'!B206</f>
        <v>1.6040000000000001</v>
      </c>
      <c r="B198" s="3">
        <f>'CPT Data'!C206</f>
        <v>1.5970000000000002</v>
      </c>
      <c r="C198" t="str">
        <f>'CPT Data'!P206</f>
        <v>SAND</v>
      </c>
      <c r="D198" t="e">
        <f>'CPT Data'!Q206</f>
        <v>#N/A</v>
      </c>
      <c r="E198" t="e">
        <f t="shared" si="3"/>
        <v>#N/A</v>
      </c>
      <c r="F198" t="str">
        <f>IF(C198="CLAY", INDEX(D$4:D198, MATCH("CLAY", C$4:C198, 0)), "")</f>
        <v/>
      </c>
    </row>
    <row r="199" spans="1:6" x14ac:dyDescent="0.2">
      <c r="A199" s="239">
        <f>'CPT Data'!B207</f>
        <v>1.613</v>
      </c>
      <c r="B199" s="3">
        <f>'CPT Data'!C207</f>
        <v>1.6060000000000001</v>
      </c>
      <c r="C199" t="str">
        <f>'CPT Data'!P207</f>
        <v>SAND</v>
      </c>
      <c r="D199" t="e">
        <f>'CPT Data'!Q207</f>
        <v>#N/A</v>
      </c>
      <c r="E199" t="e">
        <f t="shared" si="3"/>
        <v>#N/A</v>
      </c>
      <c r="F199" t="str">
        <f>IF(C199="CLAY", INDEX(D$4:D199, MATCH("CLAY", C$4:C199, 0)), "")</f>
        <v/>
      </c>
    </row>
    <row r="200" spans="1:6" x14ac:dyDescent="0.2">
      <c r="A200" s="239">
        <f>'CPT Data'!B208</f>
        <v>1.6220000000000001</v>
      </c>
      <c r="B200" s="3">
        <f>'CPT Data'!C208</f>
        <v>1.6150000000000002</v>
      </c>
      <c r="C200" t="str">
        <f>'CPT Data'!P208</f>
        <v>SAND</v>
      </c>
      <c r="D200" t="e">
        <f>'CPT Data'!Q208</f>
        <v>#N/A</v>
      </c>
      <c r="E200" t="e">
        <f t="shared" si="3"/>
        <v>#N/A</v>
      </c>
      <c r="F200" t="str">
        <f>IF(C200="CLAY", INDEX(D$4:D200, MATCH("CLAY", C$4:C200, 0)), "")</f>
        <v/>
      </c>
    </row>
    <row r="201" spans="1:6" x14ac:dyDescent="0.2">
      <c r="A201" s="239">
        <f>'CPT Data'!B209</f>
        <v>1.6319999999999999</v>
      </c>
      <c r="B201" s="3">
        <f>'CPT Data'!C209</f>
        <v>1.625</v>
      </c>
      <c r="C201" t="str">
        <f>'CPT Data'!P209</f>
        <v>SAND</v>
      </c>
      <c r="D201" t="e">
        <f>'CPT Data'!Q209</f>
        <v>#N/A</v>
      </c>
      <c r="E201" t="e">
        <f t="shared" si="3"/>
        <v>#N/A</v>
      </c>
      <c r="F201" t="str">
        <f>IF(C201="CLAY", INDEX(D$4:D201, MATCH("CLAY", C$4:C201, 0)), "")</f>
        <v/>
      </c>
    </row>
    <row r="202" spans="1:6" x14ac:dyDescent="0.2">
      <c r="A202" s="239">
        <f>'CPT Data'!B210</f>
        <v>1.64</v>
      </c>
      <c r="B202" s="3">
        <f>'CPT Data'!C210</f>
        <v>1.633</v>
      </c>
      <c r="C202" t="str">
        <f>'CPT Data'!P210</f>
        <v>SAND</v>
      </c>
      <c r="D202" t="e">
        <f>'CPT Data'!Q210</f>
        <v>#N/A</v>
      </c>
      <c r="E202" t="e">
        <f t="shared" si="3"/>
        <v>#N/A</v>
      </c>
      <c r="F202" t="str">
        <f>IF(C202="CLAY", INDEX(D$4:D202, MATCH("CLAY", C$4:C202, 0)), "")</f>
        <v/>
      </c>
    </row>
    <row r="203" spans="1:6" x14ac:dyDescent="0.2">
      <c r="A203" s="239">
        <f>'CPT Data'!B211</f>
        <v>1.65</v>
      </c>
      <c r="B203" s="3">
        <f>'CPT Data'!C211</f>
        <v>1.643</v>
      </c>
      <c r="C203" t="str">
        <f>'CPT Data'!P211</f>
        <v>SAND</v>
      </c>
      <c r="D203" t="e">
        <f>'CPT Data'!Q211</f>
        <v>#N/A</v>
      </c>
      <c r="E203" t="e">
        <f t="shared" si="3"/>
        <v>#N/A</v>
      </c>
      <c r="F203" t="str">
        <f>IF(C203="CLAY", INDEX(D$4:D203, MATCH("CLAY", C$4:C203, 0)), "")</f>
        <v/>
      </c>
    </row>
    <row r="204" spans="1:6" x14ac:dyDescent="0.2">
      <c r="A204" s="239">
        <f>'CPT Data'!B212</f>
        <v>1.6579999999999999</v>
      </c>
      <c r="B204" s="3">
        <f>'CPT Data'!C212</f>
        <v>1.651</v>
      </c>
      <c r="C204" t="str">
        <f>'CPT Data'!P212</f>
        <v>SAND</v>
      </c>
      <c r="D204" t="e">
        <f>'CPT Data'!Q212</f>
        <v>#N/A</v>
      </c>
      <c r="E204" t="e">
        <f t="shared" si="3"/>
        <v>#N/A</v>
      </c>
      <c r="F204" t="str">
        <f>IF(C204="CLAY", INDEX(D$4:D204, MATCH("CLAY", C$4:C204, 0)), "")</f>
        <v/>
      </c>
    </row>
    <row r="205" spans="1:6" x14ac:dyDescent="0.2">
      <c r="A205" s="239">
        <f>'CPT Data'!B213</f>
        <v>1.6679999999999999</v>
      </c>
      <c r="B205" s="3">
        <f>'CPT Data'!C213</f>
        <v>1.661</v>
      </c>
      <c r="C205" t="str">
        <f>'CPT Data'!P213</f>
        <v>SAND</v>
      </c>
      <c r="D205" t="e">
        <f>'CPT Data'!Q213</f>
        <v>#N/A</v>
      </c>
      <c r="E205" t="e">
        <f t="shared" si="3"/>
        <v>#N/A</v>
      </c>
      <c r="F205" t="str">
        <f>IF(C205="CLAY", INDEX(D$4:D205, MATCH("CLAY", C$4:C205, 0)), "")</f>
        <v/>
      </c>
    </row>
    <row r="206" spans="1:6" x14ac:dyDescent="0.2">
      <c r="A206" s="239">
        <f>'CPT Data'!B214</f>
        <v>1.677</v>
      </c>
      <c r="B206" s="3">
        <f>'CPT Data'!C214</f>
        <v>1.6700000000000002</v>
      </c>
      <c r="C206" t="str">
        <f>'CPT Data'!P214</f>
        <v>SAND</v>
      </c>
      <c r="D206" t="e">
        <f>'CPT Data'!Q214</f>
        <v>#N/A</v>
      </c>
      <c r="E206" t="e">
        <f t="shared" si="3"/>
        <v>#N/A</v>
      </c>
      <c r="F206" t="str">
        <f>IF(C206="CLAY", INDEX(D$4:D206, MATCH("CLAY", C$4:C206, 0)), "")</f>
        <v/>
      </c>
    </row>
    <row r="207" spans="1:6" x14ac:dyDescent="0.2">
      <c r="A207" s="239">
        <f>'CPT Data'!B215</f>
        <v>1.6859999999999999</v>
      </c>
      <c r="B207" s="3">
        <f>'CPT Data'!C215</f>
        <v>1.679</v>
      </c>
      <c r="C207" t="str">
        <f>'CPT Data'!P215</f>
        <v>SAND</v>
      </c>
      <c r="D207" t="e">
        <f>'CPT Data'!Q215</f>
        <v>#N/A</v>
      </c>
      <c r="E207" t="e">
        <f t="shared" si="3"/>
        <v>#N/A</v>
      </c>
      <c r="F207" t="str">
        <f>IF(C207="CLAY", INDEX(D$4:D207, MATCH("CLAY", C$4:C207, 0)), "")</f>
        <v/>
      </c>
    </row>
    <row r="208" spans="1:6" x14ac:dyDescent="0.2">
      <c r="A208" s="239">
        <f>'CPT Data'!B216</f>
        <v>1.6950000000000001</v>
      </c>
      <c r="B208" s="3">
        <f>'CPT Data'!C216</f>
        <v>1.6880000000000002</v>
      </c>
      <c r="C208" t="str">
        <f>'CPT Data'!P216</f>
        <v>SAND</v>
      </c>
      <c r="D208" t="e">
        <f>'CPT Data'!Q216</f>
        <v>#N/A</v>
      </c>
      <c r="E208" t="e">
        <f t="shared" si="3"/>
        <v>#N/A</v>
      </c>
      <c r="F208" t="str">
        <f>IF(C208="CLAY", INDEX(D$4:D208, MATCH("CLAY", C$4:C208, 0)), "")</f>
        <v/>
      </c>
    </row>
    <row r="209" spans="1:6" x14ac:dyDescent="0.2">
      <c r="A209" s="239">
        <f>'CPT Data'!B217</f>
        <v>1.704</v>
      </c>
      <c r="B209" s="3">
        <f>'CPT Data'!C217</f>
        <v>1.6970000000000001</v>
      </c>
      <c r="C209" t="str">
        <f>'CPT Data'!P217</f>
        <v>SAND</v>
      </c>
      <c r="D209" t="e">
        <f>'CPT Data'!Q217</f>
        <v>#N/A</v>
      </c>
      <c r="E209" t="e">
        <f t="shared" si="3"/>
        <v>#N/A</v>
      </c>
      <c r="F209" t="str">
        <f>IF(C209="CLAY", INDEX(D$4:D209, MATCH("CLAY", C$4:C209, 0)), "")</f>
        <v/>
      </c>
    </row>
    <row r="210" spans="1:6" x14ac:dyDescent="0.2">
      <c r="A210" s="239">
        <f>'CPT Data'!B218</f>
        <v>1.712</v>
      </c>
      <c r="B210" s="3">
        <f>'CPT Data'!C218</f>
        <v>1.7050000000000001</v>
      </c>
      <c r="C210" t="str">
        <f>'CPT Data'!P218</f>
        <v>CLAY</v>
      </c>
      <c r="D210">
        <f>'CPT Data'!Q218</f>
        <v>9.316070876002378</v>
      </c>
      <c r="E210">
        <f t="shared" si="3"/>
        <v>9.316070876002378</v>
      </c>
      <c r="F210">
        <f>IF(C210="CLAY", INDEX(D$4:D210, MATCH("CLAY", C$4:C210, 0)), "")</f>
        <v>0.75203252561341039</v>
      </c>
    </row>
    <row r="211" spans="1:6" x14ac:dyDescent="0.2">
      <c r="A211" s="239">
        <f>'CPT Data'!B219</f>
        <v>1.722</v>
      </c>
      <c r="B211" s="3">
        <f>'CPT Data'!C219</f>
        <v>1.7150000000000001</v>
      </c>
      <c r="C211" t="str">
        <f>'CPT Data'!P219</f>
        <v>CLAY</v>
      </c>
      <c r="D211">
        <f>'CPT Data'!Q219</f>
        <v>8.9485447439943897</v>
      </c>
      <c r="E211">
        <f t="shared" si="3"/>
        <v>9.316070876002378</v>
      </c>
      <c r="F211">
        <f>IF(C211="CLAY", INDEX(D$4:D211, MATCH("CLAY", C$4:C211, 0)), "")</f>
        <v>0.75203252561341039</v>
      </c>
    </row>
    <row r="212" spans="1:6" x14ac:dyDescent="0.2">
      <c r="A212" s="239">
        <f>'CPT Data'!B220</f>
        <v>1.732</v>
      </c>
      <c r="B212" s="3">
        <f>'CPT Data'!C220</f>
        <v>1.7250000000000001</v>
      </c>
      <c r="C212" t="str">
        <f>'CPT Data'!P220</f>
        <v>CLAY</v>
      </c>
      <c r="D212">
        <f>'CPT Data'!Q220</f>
        <v>8.903550435266979</v>
      </c>
      <c r="E212">
        <f t="shared" si="3"/>
        <v>8.9485447439943897</v>
      </c>
      <c r="F212">
        <f>IF(C212="CLAY", INDEX(D$4:D212, MATCH("CLAY", C$4:C212, 0)), "")</f>
        <v>0.75203252561341039</v>
      </c>
    </row>
    <row r="213" spans="1:6" x14ac:dyDescent="0.2">
      <c r="A213" s="239">
        <f>'CPT Data'!B221</f>
        <v>1.74</v>
      </c>
      <c r="B213" s="3">
        <f>'CPT Data'!C221</f>
        <v>1.7330000000000001</v>
      </c>
      <c r="C213" t="str">
        <f>'CPT Data'!P221</f>
        <v>CLAY</v>
      </c>
      <c r="D213">
        <f>'CPT Data'!Q221</f>
        <v>8.8384244719329725</v>
      </c>
      <c r="E213">
        <f t="shared" si="3"/>
        <v>8.903550435266979</v>
      </c>
      <c r="F213">
        <f>IF(C213="CLAY", INDEX(D$4:D213, MATCH("CLAY", C$4:C213, 0)), "")</f>
        <v>0.75203252561341039</v>
      </c>
    </row>
    <row r="214" spans="1:6" x14ac:dyDescent="0.2">
      <c r="A214" s="239">
        <f>'CPT Data'!B222</f>
        <v>1.7490000000000001</v>
      </c>
      <c r="B214" s="3">
        <f>'CPT Data'!C222</f>
        <v>1.7420000000000002</v>
      </c>
      <c r="C214" t="str">
        <f>'CPT Data'!P222</f>
        <v>CLAY</v>
      </c>
      <c r="D214">
        <f>'CPT Data'!Q222</f>
        <v>8.6933783784413308</v>
      </c>
      <c r="E214">
        <f t="shared" si="3"/>
        <v>8.8384244719329725</v>
      </c>
      <c r="F214">
        <f>IF(C214="CLAY", INDEX(D$4:D214, MATCH("CLAY", C$4:C214, 0)), "")</f>
        <v>0.75203252561341039</v>
      </c>
    </row>
    <row r="215" spans="1:6" x14ac:dyDescent="0.2">
      <c r="A215" s="239">
        <f>'CPT Data'!B223</f>
        <v>1.758</v>
      </c>
      <c r="B215" s="3">
        <f>'CPT Data'!C223</f>
        <v>1.7510000000000001</v>
      </c>
      <c r="C215" t="str">
        <f>'CPT Data'!P223</f>
        <v>CLAY</v>
      </c>
      <c r="D215">
        <f>'CPT Data'!Q223</f>
        <v>8.5028033008114221</v>
      </c>
      <c r="E215">
        <f t="shared" si="3"/>
        <v>8.6933783784413308</v>
      </c>
      <c r="F215">
        <f>IF(C215="CLAY", INDEX(D$4:D215, MATCH("CLAY", C$4:C215, 0)), "")</f>
        <v>0.75203252561341039</v>
      </c>
    </row>
    <row r="216" spans="1:6" x14ac:dyDescent="0.2">
      <c r="A216" s="239">
        <f>'CPT Data'!B224</f>
        <v>1.7669999999999999</v>
      </c>
      <c r="B216" s="3">
        <f>'CPT Data'!C224</f>
        <v>1.76</v>
      </c>
      <c r="C216" t="str">
        <f>'CPT Data'!P224</f>
        <v>CLAY</v>
      </c>
      <c r="D216">
        <f>'CPT Data'!Q224</f>
        <v>8.4508314189473346</v>
      </c>
      <c r="E216">
        <f t="shared" si="3"/>
        <v>8.5028033008114221</v>
      </c>
      <c r="F216">
        <f>IF(C216="CLAY", INDEX(D$4:D216, MATCH("CLAY", C$4:C216, 0)), "")</f>
        <v>0.75203252561341039</v>
      </c>
    </row>
    <row r="217" spans="1:6" x14ac:dyDescent="0.2">
      <c r="A217" s="239">
        <f>'CPT Data'!B225</f>
        <v>1.776</v>
      </c>
      <c r="B217" s="3">
        <f>'CPT Data'!C225</f>
        <v>1.7690000000000001</v>
      </c>
      <c r="C217" t="str">
        <f>'CPT Data'!P225</f>
        <v>CLAY</v>
      </c>
      <c r="D217">
        <f>'CPT Data'!Q225</f>
        <v>8.1880228460646549</v>
      </c>
      <c r="E217">
        <f t="shared" si="3"/>
        <v>8.4508314189473346</v>
      </c>
      <c r="F217">
        <f>IF(C217="CLAY", INDEX(D$4:D217, MATCH("CLAY", C$4:C217, 0)), "")</f>
        <v>0.75203252561341039</v>
      </c>
    </row>
    <row r="218" spans="1:6" x14ac:dyDescent="0.2">
      <c r="A218" s="239">
        <f>'CPT Data'!B226</f>
        <v>1.7849999999999999</v>
      </c>
      <c r="B218" s="3">
        <f>'CPT Data'!C226</f>
        <v>1.778</v>
      </c>
      <c r="C218" t="str">
        <f>'CPT Data'!P226</f>
        <v>CLAY</v>
      </c>
      <c r="D218">
        <f>'CPT Data'!Q226</f>
        <v>8.0638040188875237</v>
      </c>
      <c r="E218">
        <f t="shared" si="3"/>
        <v>8.1880228460646549</v>
      </c>
      <c r="F218">
        <f>IF(C218="CLAY", INDEX(D$4:D218, MATCH("CLAY", C$4:C218, 0)), "")</f>
        <v>0.75203252561341039</v>
      </c>
    </row>
    <row r="219" spans="1:6" x14ac:dyDescent="0.2">
      <c r="A219" s="239">
        <f>'CPT Data'!B227</f>
        <v>1.794</v>
      </c>
      <c r="B219" s="3">
        <f>'CPT Data'!C227</f>
        <v>1.7870000000000001</v>
      </c>
      <c r="C219" t="str">
        <f>'CPT Data'!P227</f>
        <v>CLAY</v>
      </c>
      <c r="D219">
        <f>'CPT Data'!Q227</f>
        <v>8.1015183227947869</v>
      </c>
      <c r="E219">
        <f t="shared" ref="E219:E282" si="4">IF(C219="SAND",#N/A,IF(C219=C218,D218,IF(C219="CLAY",D219,#N/A)))</f>
        <v>8.0638040188875237</v>
      </c>
      <c r="F219">
        <f>IF(C219="CLAY", INDEX(D$4:D219, MATCH("CLAY", C$4:C219, 0)), "")</f>
        <v>0.75203252561341039</v>
      </c>
    </row>
    <row r="220" spans="1:6" x14ac:dyDescent="0.2">
      <c r="A220" s="239">
        <f>'CPT Data'!B228</f>
        <v>1.804</v>
      </c>
      <c r="B220" s="3">
        <f>'CPT Data'!C228</f>
        <v>1.7970000000000002</v>
      </c>
      <c r="C220" t="str">
        <f>'CPT Data'!P228</f>
        <v>CLAY</v>
      </c>
      <c r="D220">
        <f>'CPT Data'!Q228</f>
        <v>8.0724255925452244</v>
      </c>
      <c r="E220">
        <f t="shared" si="4"/>
        <v>8.1015183227947869</v>
      </c>
      <c r="F220">
        <f>IF(C220="CLAY", INDEX(D$4:D220, MATCH("CLAY", C$4:C220, 0)), "")</f>
        <v>0.75203252561341039</v>
      </c>
    </row>
    <row r="221" spans="1:6" x14ac:dyDescent="0.2">
      <c r="A221" s="239">
        <f>'CPT Data'!B229</f>
        <v>1.8120000000000001</v>
      </c>
      <c r="B221" s="3">
        <f>'CPT Data'!C229</f>
        <v>1.8050000000000002</v>
      </c>
      <c r="C221" t="str">
        <f>'CPT Data'!P229</f>
        <v>CLAY</v>
      </c>
      <c r="D221">
        <f>'CPT Data'!Q229</f>
        <v>8.1084696799486551</v>
      </c>
      <c r="E221">
        <f t="shared" si="4"/>
        <v>8.0724255925452244</v>
      </c>
      <c r="F221">
        <f>IF(C221="CLAY", INDEX(D$4:D221, MATCH("CLAY", C$4:C221, 0)), "")</f>
        <v>0.75203252561341039</v>
      </c>
    </row>
    <row r="222" spans="1:6" x14ac:dyDescent="0.2">
      <c r="A222" s="239">
        <f>'CPT Data'!B230</f>
        <v>1.821</v>
      </c>
      <c r="B222" s="3">
        <f>'CPT Data'!C230</f>
        <v>1.8140000000000001</v>
      </c>
      <c r="C222" t="str">
        <f>'CPT Data'!P230</f>
        <v>CLAY</v>
      </c>
      <c r="D222">
        <f>'CPT Data'!Q230</f>
        <v>8.0821204024393847</v>
      </c>
      <c r="E222">
        <f t="shared" si="4"/>
        <v>8.1084696799486551</v>
      </c>
      <c r="F222">
        <f>IF(C222="CLAY", INDEX(D$4:D222, MATCH("CLAY", C$4:C222, 0)), "")</f>
        <v>0.75203252561341039</v>
      </c>
    </row>
    <row r="223" spans="1:6" x14ac:dyDescent="0.2">
      <c r="A223" s="239">
        <f>'CPT Data'!B231</f>
        <v>1.83</v>
      </c>
      <c r="B223" s="3">
        <f>'CPT Data'!C231</f>
        <v>1.8230000000000002</v>
      </c>
      <c r="C223" t="str">
        <f>'CPT Data'!P231</f>
        <v>CLAY</v>
      </c>
      <c r="D223">
        <f>'CPT Data'!Q231</f>
        <v>8.2818678126175787</v>
      </c>
      <c r="E223">
        <f t="shared" si="4"/>
        <v>8.0821204024393847</v>
      </c>
      <c r="F223">
        <f>IF(C223="CLAY", INDEX(D$4:D223, MATCH("CLAY", C$4:C223, 0)), "")</f>
        <v>0.75203252561341039</v>
      </c>
    </row>
    <row r="224" spans="1:6" x14ac:dyDescent="0.2">
      <c r="A224" s="239">
        <f>'CPT Data'!B232</f>
        <v>1.839</v>
      </c>
      <c r="B224" s="3">
        <f>'CPT Data'!C232</f>
        <v>1.8320000000000001</v>
      </c>
      <c r="C224" t="str">
        <f>'CPT Data'!P232</f>
        <v>CLAY</v>
      </c>
      <c r="D224">
        <f>'CPT Data'!Q232</f>
        <v>8.4081142907388671</v>
      </c>
      <c r="E224">
        <f t="shared" si="4"/>
        <v>8.2818678126175787</v>
      </c>
      <c r="F224">
        <f>IF(C224="CLAY", INDEX(D$4:D224, MATCH("CLAY", C$4:C224, 0)), "")</f>
        <v>0.75203252561341039</v>
      </c>
    </row>
    <row r="225" spans="1:6" x14ac:dyDescent="0.2">
      <c r="A225" s="239">
        <f>'CPT Data'!B233</f>
        <v>1.849</v>
      </c>
      <c r="B225" s="3">
        <f>'CPT Data'!C233</f>
        <v>1.8420000000000001</v>
      </c>
      <c r="C225" t="str">
        <f>'CPT Data'!P233</f>
        <v>SAND</v>
      </c>
      <c r="D225" t="e">
        <f>'CPT Data'!Q233</f>
        <v>#N/A</v>
      </c>
      <c r="E225" t="e">
        <f t="shared" si="4"/>
        <v>#N/A</v>
      </c>
      <c r="F225" t="str">
        <f>IF(C225="CLAY", INDEX(D$4:D225, MATCH("CLAY", C$4:C225, 0)), "")</f>
        <v/>
      </c>
    </row>
    <row r="226" spans="1:6" x14ac:dyDescent="0.2">
      <c r="A226" s="239">
        <f>'CPT Data'!B234</f>
        <v>1.857</v>
      </c>
      <c r="B226" s="3">
        <f>'CPT Data'!C234</f>
        <v>1.85</v>
      </c>
      <c r="C226" t="str">
        <f>'CPT Data'!P234</f>
        <v>SAND</v>
      </c>
      <c r="D226" t="e">
        <f>'CPT Data'!Q234</f>
        <v>#N/A</v>
      </c>
      <c r="E226" t="e">
        <f t="shared" si="4"/>
        <v>#N/A</v>
      </c>
      <c r="F226" t="str">
        <f>IF(C226="CLAY", INDEX(D$4:D226, MATCH("CLAY", C$4:C226, 0)), "")</f>
        <v/>
      </c>
    </row>
    <row r="227" spans="1:6" x14ac:dyDescent="0.2">
      <c r="A227" s="239">
        <f>'CPT Data'!B235</f>
        <v>1.867</v>
      </c>
      <c r="B227" s="3">
        <f>'CPT Data'!C235</f>
        <v>1.86</v>
      </c>
      <c r="C227" t="str">
        <f>'CPT Data'!P235</f>
        <v>SAND</v>
      </c>
      <c r="D227" t="e">
        <f>'CPT Data'!Q235</f>
        <v>#N/A</v>
      </c>
      <c r="E227" t="e">
        <f t="shared" si="4"/>
        <v>#N/A</v>
      </c>
      <c r="F227" t="str">
        <f>IF(C227="CLAY", INDEX(D$4:D227, MATCH("CLAY", C$4:C227, 0)), "")</f>
        <v/>
      </c>
    </row>
    <row r="228" spans="1:6" x14ac:dyDescent="0.2">
      <c r="A228" s="239">
        <f>'CPT Data'!B236</f>
        <v>1.875</v>
      </c>
      <c r="B228" s="3">
        <f>'CPT Data'!C236</f>
        <v>1.8680000000000001</v>
      </c>
      <c r="C228" t="str">
        <f>'CPT Data'!P236</f>
        <v>SAND</v>
      </c>
      <c r="D228" t="e">
        <f>'CPT Data'!Q236</f>
        <v>#N/A</v>
      </c>
      <c r="E228" t="e">
        <f t="shared" si="4"/>
        <v>#N/A</v>
      </c>
      <c r="F228" t="str">
        <f>IF(C228="CLAY", INDEX(D$4:D228, MATCH("CLAY", C$4:C228, 0)), "")</f>
        <v/>
      </c>
    </row>
    <row r="229" spans="1:6" x14ac:dyDescent="0.2">
      <c r="A229" s="239">
        <f>'CPT Data'!B237</f>
        <v>1.885</v>
      </c>
      <c r="B229" s="3">
        <f>'CPT Data'!C237</f>
        <v>1.8780000000000001</v>
      </c>
      <c r="C229" t="str">
        <f>'CPT Data'!P237</f>
        <v>SAND</v>
      </c>
      <c r="D229" t="e">
        <f>'CPT Data'!Q237</f>
        <v>#N/A</v>
      </c>
      <c r="E229" t="e">
        <f t="shared" si="4"/>
        <v>#N/A</v>
      </c>
      <c r="F229" t="str">
        <f>IF(C229="CLAY", INDEX(D$4:D229, MATCH("CLAY", C$4:C229, 0)), "")</f>
        <v/>
      </c>
    </row>
    <row r="230" spans="1:6" x14ac:dyDescent="0.2">
      <c r="A230" s="239">
        <f>'CPT Data'!B238</f>
        <v>1.8939999999999999</v>
      </c>
      <c r="B230" s="3">
        <f>'CPT Data'!C238</f>
        <v>1.887</v>
      </c>
      <c r="C230" t="str">
        <f>'CPT Data'!P238</f>
        <v>SAND</v>
      </c>
      <c r="D230" t="e">
        <f>'CPT Data'!Q238</f>
        <v>#N/A</v>
      </c>
      <c r="E230" t="e">
        <f t="shared" si="4"/>
        <v>#N/A</v>
      </c>
      <c r="F230" t="str">
        <f>IF(C230="CLAY", INDEX(D$4:D230, MATCH("CLAY", C$4:C230, 0)), "")</f>
        <v/>
      </c>
    </row>
    <row r="231" spans="1:6" x14ac:dyDescent="0.2">
      <c r="A231" s="239">
        <f>'CPT Data'!B239</f>
        <v>1.9019999999999999</v>
      </c>
      <c r="B231" s="3">
        <f>'CPT Data'!C239</f>
        <v>1.895</v>
      </c>
      <c r="C231" t="str">
        <f>'CPT Data'!P239</f>
        <v>SAND</v>
      </c>
      <c r="D231" t="e">
        <f>'CPT Data'!Q239</f>
        <v>#N/A</v>
      </c>
      <c r="E231" t="e">
        <f t="shared" si="4"/>
        <v>#N/A</v>
      </c>
      <c r="F231" t="str">
        <f>IF(C231="CLAY", INDEX(D$4:D231, MATCH("CLAY", C$4:C231, 0)), "")</f>
        <v/>
      </c>
    </row>
    <row r="232" spans="1:6" x14ac:dyDescent="0.2">
      <c r="A232" s="239">
        <f>'CPT Data'!B240</f>
        <v>1.9119999999999999</v>
      </c>
      <c r="B232" s="3">
        <f>'CPT Data'!C240</f>
        <v>1.905</v>
      </c>
      <c r="C232" t="str">
        <f>'CPT Data'!P240</f>
        <v>SAND</v>
      </c>
      <c r="D232" t="e">
        <f>'CPT Data'!Q240</f>
        <v>#N/A</v>
      </c>
      <c r="E232" t="e">
        <f t="shared" si="4"/>
        <v>#N/A</v>
      </c>
      <c r="F232" t="str">
        <f>IF(C232="CLAY", INDEX(D$4:D232, MATCH("CLAY", C$4:C232, 0)), "")</f>
        <v/>
      </c>
    </row>
    <row r="233" spans="1:6" x14ac:dyDescent="0.2">
      <c r="A233" s="239">
        <f>'CPT Data'!B241</f>
        <v>1.92</v>
      </c>
      <c r="B233" s="3">
        <f>'CPT Data'!C241</f>
        <v>1.913</v>
      </c>
      <c r="C233" t="str">
        <f>'CPT Data'!P241</f>
        <v>SAND</v>
      </c>
      <c r="D233" t="e">
        <f>'CPT Data'!Q241</f>
        <v>#N/A</v>
      </c>
      <c r="E233" t="e">
        <f t="shared" si="4"/>
        <v>#N/A</v>
      </c>
      <c r="F233" t="str">
        <f>IF(C233="CLAY", INDEX(D$4:D233, MATCH("CLAY", C$4:C233, 0)), "")</f>
        <v/>
      </c>
    </row>
    <row r="234" spans="1:6" x14ac:dyDescent="0.2">
      <c r="A234" s="239">
        <f>'CPT Data'!B242</f>
        <v>1.929</v>
      </c>
      <c r="B234" s="3">
        <f>'CPT Data'!C242</f>
        <v>1.9220000000000002</v>
      </c>
      <c r="C234" t="str">
        <f>'CPT Data'!P242</f>
        <v>SAND</v>
      </c>
      <c r="D234" t="e">
        <f>'CPT Data'!Q242</f>
        <v>#N/A</v>
      </c>
      <c r="E234" t="e">
        <f t="shared" si="4"/>
        <v>#N/A</v>
      </c>
      <c r="F234" t="str">
        <f>IF(C234="CLAY", INDEX(D$4:D234, MATCH("CLAY", C$4:C234, 0)), "")</f>
        <v/>
      </c>
    </row>
    <row r="235" spans="1:6" x14ac:dyDescent="0.2">
      <c r="A235" s="239">
        <f>'CPT Data'!B243</f>
        <v>1.9379999999999999</v>
      </c>
      <c r="B235" s="3">
        <f>'CPT Data'!C243</f>
        <v>1.931</v>
      </c>
      <c r="C235" t="str">
        <f>'CPT Data'!P243</f>
        <v>SAND</v>
      </c>
      <c r="D235" t="e">
        <f>'CPT Data'!Q243</f>
        <v>#N/A</v>
      </c>
      <c r="E235" t="e">
        <f t="shared" si="4"/>
        <v>#N/A</v>
      </c>
      <c r="F235" t="str">
        <f>IF(C235="CLAY", INDEX(D$4:D235, MATCH("CLAY", C$4:C235, 0)), "")</f>
        <v/>
      </c>
    </row>
    <row r="236" spans="1:6" x14ac:dyDescent="0.2">
      <c r="A236" s="239">
        <f>'CPT Data'!B244</f>
        <v>1.948</v>
      </c>
      <c r="B236" s="3">
        <f>'CPT Data'!C244</f>
        <v>1.9410000000000001</v>
      </c>
      <c r="C236" t="str">
        <f>'CPT Data'!P244</f>
        <v>SAND</v>
      </c>
      <c r="D236" t="e">
        <f>'CPT Data'!Q244</f>
        <v>#N/A</v>
      </c>
      <c r="E236" t="e">
        <f t="shared" si="4"/>
        <v>#N/A</v>
      </c>
      <c r="F236" t="str">
        <f>IF(C236="CLAY", INDEX(D$4:D236, MATCH("CLAY", C$4:C236, 0)), "")</f>
        <v/>
      </c>
    </row>
    <row r="237" spans="1:6" x14ac:dyDescent="0.2">
      <c r="A237" s="239">
        <f>'CPT Data'!B245</f>
        <v>1.956</v>
      </c>
      <c r="B237" s="3">
        <f>'CPT Data'!C245</f>
        <v>1.9490000000000001</v>
      </c>
      <c r="C237" t="str">
        <f>'CPT Data'!P245</f>
        <v>SAND</v>
      </c>
      <c r="D237" t="e">
        <f>'CPT Data'!Q245</f>
        <v>#N/A</v>
      </c>
      <c r="E237" t="e">
        <f t="shared" si="4"/>
        <v>#N/A</v>
      </c>
      <c r="F237" t="str">
        <f>IF(C237="CLAY", INDEX(D$4:D237, MATCH("CLAY", C$4:C237, 0)), "")</f>
        <v/>
      </c>
    </row>
    <row r="238" spans="1:6" x14ac:dyDescent="0.2">
      <c r="A238" s="239">
        <f>'CPT Data'!B246</f>
        <v>1.966</v>
      </c>
      <c r="B238" s="3">
        <f>'CPT Data'!C246</f>
        <v>1.9590000000000001</v>
      </c>
      <c r="C238" t="str">
        <f>'CPT Data'!P246</f>
        <v>SAND</v>
      </c>
      <c r="D238" t="e">
        <f>'CPT Data'!Q246</f>
        <v>#N/A</v>
      </c>
      <c r="E238" t="e">
        <f t="shared" si="4"/>
        <v>#N/A</v>
      </c>
      <c r="F238" t="str">
        <f>IF(C238="CLAY", INDEX(D$4:D238, MATCH("CLAY", C$4:C238, 0)), "")</f>
        <v/>
      </c>
    </row>
    <row r="239" spans="1:6" x14ac:dyDescent="0.2">
      <c r="A239" s="239">
        <f>'CPT Data'!B247</f>
        <v>1.974</v>
      </c>
      <c r="B239" s="3">
        <f>'CPT Data'!C247</f>
        <v>1.9670000000000001</v>
      </c>
      <c r="C239" t="str">
        <f>'CPT Data'!P247</f>
        <v>SAND</v>
      </c>
      <c r="D239" t="e">
        <f>'CPT Data'!Q247</f>
        <v>#N/A</v>
      </c>
      <c r="E239" t="e">
        <f t="shared" si="4"/>
        <v>#N/A</v>
      </c>
      <c r="F239" t="str">
        <f>IF(C239="CLAY", INDEX(D$4:D239, MATCH("CLAY", C$4:C239, 0)), "")</f>
        <v/>
      </c>
    </row>
    <row r="240" spans="1:6" x14ac:dyDescent="0.2">
      <c r="A240" s="239">
        <f>'CPT Data'!B248</f>
        <v>1.984</v>
      </c>
      <c r="B240" s="3">
        <f>'CPT Data'!C248</f>
        <v>1.9770000000000001</v>
      </c>
      <c r="C240" t="str">
        <f>'CPT Data'!P248</f>
        <v>SAND</v>
      </c>
      <c r="D240" t="e">
        <f>'CPT Data'!Q248</f>
        <v>#N/A</v>
      </c>
      <c r="E240" t="e">
        <f t="shared" si="4"/>
        <v>#N/A</v>
      </c>
      <c r="F240" t="str">
        <f>IF(C240="CLAY", INDEX(D$4:D240, MATCH("CLAY", C$4:C240, 0)), "")</f>
        <v/>
      </c>
    </row>
    <row r="241" spans="1:6" x14ac:dyDescent="0.2">
      <c r="A241" s="239">
        <f>'CPT Data'!B249</f>
        <v>1.9930000000000001</v>
      </c>
      <c r="B241" s="3">
        <f>'CPT Data'!C249</f>
        <v>1.9860000000000002</v>
      </c>
      <c r="C241" t="str">
        <f>'CPT Data'!P249</f>
        <v>SAND</v>
      </c>
      <c r="D241" t="e">
        <f>'CPT Data'!Q249</f>
        <v>#N/A</v>
      </c>
      <c r="E241" t="e">
        <f t="shared" si="4"/>
        <v>#N/A</v>
      </c>
      <c r="F241" t="str">
        <f>IF(C241="CLAY", INDEX(D$4:D241, MATCH("CLAY", C$4:C241, 0)), "")</f>
        <v/>
      </c>
    </row>
    <row r="242" spans="1:6" x14ac:dyDescent="0.2">
      <c r="A242" s="239">
        <f>'CPT Data'!B250</f>
        <v>2.004</v>
      </c>
      <c r="B242" s="3">
        <f>'CPT Data'!C250</f>
        <v>1.9970000000000001</v>
      </c>
      <c r="C242" t="str">
        <f>'CPT Data'!P250</f>
        <v>SAND</v>
      </c>
      <c r="D242" t="e">
        <f>'CPT Data'!Q250</f>
        <v>#N/A</v>
      </c>
      <c r="E242" t="e">
        <f t="shared" si="4"/>
        <v>#N/A</v>
      </c>
      <c r="F242" t="str">
        <f>IF(C242="CLAY", INDEX(D$4:D242, MATCH("CLAY", C$4:C242, 0)), "")</f>
        <v/>
      </c>
    </row>
    <row r="243" spans="1:6" x14ac:dyDescent="0.2">
      <c r="A243" s="239">
        <f>'CPT Data'!B251</f>
        <v>2.0129999999999999</v>
      </c>
      <c r="B243" s="3">
        <f>'CPT Data'!C251</f>
        <v>2.0059999999999998</v>
      </c>
      <c r="C243" t="str">
        <f>'CPT Data'!P251</f>
        <v>SAND</v>
      </c>
      <c r="D243" t="e">
        <f>'CPT Data'!Q251</f>
        <v>#N/A</v>
      </c>
      <c r="E243" t="e">
        <f t="shared" si="4"/>
        <v>#N/A</v>
      </c>
      <c r="F243" t="str">
        <f>IF(C243="CLAY", INDEX(D$4:D243, MATCH("CLAY", C$4:C243, 0)), "")</f>
        <v/>
      </c>
    </row>
    <row r="244" spans="1:6" x14ac:dyDescent="0.2">
      <c r="A244" s="239">
        <f>'CPT Data'!B252</f>
        <v>2.0230000000000001</v>
      </c>
      <c r="B244" s="3">
        <f>'CPT Data'!C252</f>
        <v>2.016</v>
      </c>
      <c r="C244" t="str">
        <f>'CPT Data'!P252</f>
        <v>SAND</v>
      </c>
      <c r="D244" t="e">
        <f>'CPT Data'!Q252</f>
        <v>#N/A</v>
      </c>
      <c r="E244" t="e">
        <f t="shared" si="4"/>
        <v>#N/A</v>
      </c>
      <c r="F244" t="str">
        <f>IF(C244="CLAY", INDEX(D$4:D244, MATCH("CLAY", C$4:C244, 0)), "")</f>
        <v/>
      </c>
    </row>
    <row r="245" spans="1:6" x14ac:dyDescent="0.2">
      <c r="A245" s="239">
        <f>'CPT Data'!B253</f>
        <v>2.0329999999999999</v>
      </c>
      <c r="B245" s="3">
        <f>'CPT Data'!C253</f>
        <v>2.0259999999999998</v>
      </c>
      <c r="C245" t="str">
        <f>'CPT Data'!P253</f>
        <v>SAND</v>
      </c>
      <c r="D245" t="e">
        <f>'CPT Data'!Q253</f>
        <v>#N/A</v>
      </c>
      <c r="E245" t="e">
        <f t="shared" si="4"/>
        <v>#N/A</v>
      </c>
      <c r="F245" t="str">
        <f>IF(C245="CLAY", INDEX(D$4:D245, MATCH("CLAY", C$4:C245, 0)), "")</f>
        <v/>
      </c>
    </row>
    <row r="246" spans="1:6" x14ac:dyDescent="0.2">
      <c r="A246" s="239">
        <f>'CPT Data'!B254</f>
        <v>2.0419999999999998</v>
      </c>
      <c r="B246" s="3">
        <f>'CPT Data'!C254</f>
        <v>2.0349999999999997</v>
      </c>
      <c r="C246" t="str">
        <f>'CPT Data'!P254</f>
        <v>SAND</v>
      </c>
      <c r="D246" t="e">
        <f>'CPT Data'!Q254</f>
        <v>#N/A</v>
      </c>
      <c r="E246" t="e">
        <f t="shared" si="4"/>
        <v>#N/A</v>
      </c>
      <c r="F246" t="str">
        <f>IF(C246="CLAY", INDEX(D$4:D246, MATCH("CLAY", C$4:C246, 0)), "")</f>
        <v/>
      </c>
    </row>
    <row r="247" spans="1:6" x14ac:dyDescent="0.2">
      <c r="A247" s="239">
        <f>'CPT Data'!B255</f>
        <v>2.0529999999999999</v>
      </c>
      <c r="B247" s="3">
        <f>'CPT Data'!C255</f>
        <v>2.0459999999999998</v>
      </c>
      <c r="C247" t="str">
        <f>'CPT Data'!P255</f>
        <v>SAND</v>
      </c>
      <c r="D247" t="e">
        <f>'CPT Data'!Q255</f>
        <v>#N/A</v>
      </c>
      <c r="E247" t="e">
        <f t="shared" si="4"/>
        <v>#N/A</v>
      </c>
      <c r="F247" t="str">
        <f>IF(C247="CLAY", INDEX(D$4:D247, MATCH("CLAY", C$4:C247, 0)), "")</f>
        <v/>
      </c>
    </row>
    <row r="248" spans="1:6" x14ac:dyDescent="0.2">
      <c r="A248" s="239">
        <f>'CPT Data'!B256</f>
        <v>2.0630000000000002</v>
      </c>
      <c r="B248" s="3">
        <f>'CPT Data'!C256</f>
        <v>2.056</v>
      </c>
      <c r="C248" t="str">
        <f>'CPT Data'!P256</f>
        <v>SAND</v>
      </c>
      <c r="D248" t="e">
        <f>'CPT Data'!Q256</f>
        <v>#N/A</v>
      </c>
      <c r="E248" t="e">
        <f t="shared" si="4"/>
        <v>#N/A</v>
      </c>
      <c r="F248" t="str">
        <f>IF(C248="CLAY", INDEX(D$4:D248, MATCH("CLAY", C$4:C248, 0)), "")</f>
        <v/>
      </c>
    </row>
    <row r="249" spans="1:6" x14ac:dyDescent="0.2">
      <c r="A249" s="239">
        <f>'CPT Data'!B257</f>
        <v>2.073</v>
      </c>
      <c r="B249" s="3">
        <f>'CPT Data'!C257</f>
        <v>2.0659999999999998</v>
      </c>
      <c r="C249" t="str">
        <f>'CPT Data'!P257</f>
        <v>SAND</v>
      </c>
      <c r="D249" t="e">
        <f>'CPT Data'!Q257</f>
        <v>#N/A</v>
      </c>
      <c r="E249" t="e">
        <f t="shared" si="4"/>
        <v>#N/A</v>
      </c>
      <c r="F249" t="str">
        <f>IF(C249="CLAY", INDEX(D$4:D249, MATCH("CLAY", C$4:C249, 0)), "")</f>
        <v/>
      </c>
    </row>
    <row r="250" spans="1:6" x14ac:dyDescent="0.2">
      <c r="A250" s="239">
        <f>'CPT Data'!B258</f>
        <v>2.0830000000000002</v>
      </c>
      <c r="B250" s="3">
        <f>'CPT Data'!C258</f>
        <v>2.0760000000000001</v>
      </c>
      <c r="C250" t="str">
        <f>'CPT Data'!P258</f>
        <v>SAND</v>
      </c>
      <c r="D250" t="e">
        <f>'CPT Data'!Q258</f>
        <v>#N/A</v>
      </c>
      <c r="E250" t="e">
        <f t="shared" si="4"/>
        <v>#N/A</v>
      </c>
      <c r="F250" t="str">
        <f>IF(C250="CLAY", INDEX(D$4:D250, MATCH("CLAY", C$4:C250, 0)), "")</f>
        <v/>
      </c>
    </row>
    <row r="251" spans="1:6" x14ac:dyDescent="0.2">
      <c r="A251" s="239">
        <f>'CPT Data'!B259</f>
        <v>2.0920000000000001</v>
      </c>
      <c r="B251" s="3">
        <f>'CPT Data'!C259</f>
        <v>2.085</v>
      </c>
      <c r="C251" t="str">
        <f>'CPT Data'!P259</f>
        <v>SAND</v>
      </c>
      <c r="D251" t="e">
        <f>'CPT Data'!Q259</f>
        <v>#N/A</v>
      </c>
      <c r="E251" t="e">
        <f t="shared" si="4"/>
        <v>#N/A</v>
      </c>
      <c r="F251" t="str">
        <f>IF(C251="CLAY", INDEX(D$4:D251, MATCH("CLAY", C$4:C251, 0)), "")</f>
        <v/>
      </c>
    </row>
    <row r="252" spans="1:6" x14ac:dyDescent="0.2">
      <c r="A252" s="239">
        <f>'CPT Data'!B260</f>
        <v>2.1030000000000002</v>
      </c>
      <c r="B252" s="3">
        <f>'CPT Data'!C260</f>
        <v>2.0960000000000001</v>
      </c>
      <c r="C252" t="str">
        <f>'CPT Data'!P260</f>
        <v>SAND</v>
      </c>
      <c r="D252" t="e">
        <f>'CPT Data'!Q260</f>
        <v>#N/A</v>
      </c>
      <c r="E252" t="e">
        <f t="shared" si="4"/>
        <v>#N/A</v>
      </c>
      <c r="F252" t="str">
        <f>IF(C252="CLAY", INDEX(D$4:D252, MATCH("CLAY", C$4:C252, 0)), "")</f>
        <v/>
      </c>
    </row>
    <row r="253" spans="1:6" x14ac:dyDescent="0.2">
      <c r="A253" s="239">
        <f>'CPT Data'!B261</f>
        <v>2.1120000000000001</v>
      </c>
      <c r="B253" s="3">
        <f>'CPT Data'!C261</f>
        <v>2.105</v>
      </c>
      <c r="C253" t="str">
        <f>'CPT Data'!P261</f>
        <v>SAND</v>
      </c>
      <c r="D253" t="e">
        <f>'CPT Data'!Q261</f>
        <v>#N/A</v>
      </c>
      <c r="E253" t="e">
        <f t="shared" si="4"/>
        <v>#N/A</v>
      </c>
      <c r="F253" t="str">
        <f>IF(C253="CLAY", INDEX(D$4:D253, MATCH("CLAY", C$4:C253, 0)), "")</f>
        <v/>
      </c>
    </row>
    <row r="254" spans="1:6" x14ac:dyDescent="0.2">
      <c r="A254" s="239">
        <f>'CPT Data'!B262</f>
        <v>2.1230000000000002</v>
      </c>
      <c r="B254" s="3">
        <f>'CPT Data'!C262</f>
        <v>2.1160000000000001</v>
      </c>
      <c r="C254" t="str">
        <f>'CPT Data'!P262</f>
        <v>SAND</v>
      </c>
      <c r="D254" t="e">
        <f>'CPT Data'!Q262</f>
        <v>#N/A</v>
      </c>
      <c r="E254" t="e">
        <f t="shared" si="4"/>
        <v>#N/A</v>
      </c>
      <c r="F254" t="str">
        <f>IF(C254="CLAY", INDEX(D$4:D254, MATCH("CLAY", C$4:C254, 0)), "")</f>
        <v/>
      </c>
    </row>
    <row r="255" spans="1:6" x14ac:dyDescent="0.2">
      <c r="A255" s="239">
        <f>'CPT Data'!B263</f>
        <v>2.1320000000000001</v>
      </c>
      <c r="B255" s="3">
        <f>'CPT Data'!C263</f>
        <v>2.125</v>
      </c>
      <c r="C255" t="str">
        <f>'CPT Data'!P263</f>
        <v>SAND</v>
      </c>
      <c r="D255" t="e">
        <f>'CPT Data'!Q263</f>
        <v>#N/A</v>
      </c>
      <c r="E255" t="e">
        <f t="shared" si="4"/>
        <v>#N/A</v>
      </c>
      <c r="F255" t="str">
        <f>IF(C255="CLAY", INDEX(D$4:D255, MATCH("CLAY", C$4:C255, 0)), "")</f>
        <v/>
      </c>
    </row>
    <row r="256" spans="1:6" x14ac:dyDescent="0.2">
      <c r="A256" s="239">
        <f>'CPT Data'!B264</f>
        <v>2.1429999999999998</v>
      </c>
      <c r="B256" s="3">
        <f>'CPT Data'!C264</f>
        <v>2.1359999999999997</v>
      </c>
      <c r="C256" t="str">
        <f>'CPT Data'!P264</f>
        <v>SAND</v>
      </c>
      <c r="D256" t="e">
        <f>'CPT Data'!Q264</f>
        <v>#N/A</v>
      </c>
      <c r="E256" t="e">
        <f t="shared" si="4"/>
        <v>#N/A</v>
      </c>
      <c r="F256" t="str">
        <f>IF(C256="CLAY", INDEX(D$4:D256, MATCH("CLAY", C$4:C256, 0)), "")</f>
        <v/>
      </c>
    </row>
    <row r="257" spans="1:6" x14ac:dyDescent="0.2">
      <c r="A257" s="239">
        <f>'CPT Data'!B265</f>
        <v>2.153</v>
      </c>
      <c r="B257" s="3">
        <f>'CPT Data'!C265</f>
        <v>2.1459999999999999</v>
      </c>
      <c r="C257" t="str">
        <f>'CPT Data'!P265</f>
        <v>SAND</v>
      </c>
      <c r="D257" t="e">
        <f>'CPT Data'!Q265</f>
        <v>#N/A</v>
      </c>
      <c r="E257" t="e">
        <f t="shared" si="4"/>
        <v>#N/A</v>
      </c>
      <c r="F257" t="str">
        <f>IF(C257="CLAY", INDEX(D$4:D257, MATCH("CLAY", C$4:C257, 0)), "")</f>
        <v/>
      </c>
    </row>
    <row r="258" spans="1:6" x14ac:dyDescent="0.2">
      <c r="A258" s="239">
        <f>'CPT Data'!B266</f>
        <v>2.1629999999999998</v>
      </c>
      <c r="B258" s="3">
        <f>'CPT Data'!C266</f>
        <v>2.1559999999999997</v>
      </c>
      <c r="C258" t="str">
        <f>'CPT Data'!P266</f>
        <v>CLAY</v>
      </c>
      <c r="D258">
        <f>'CPT Data'!Q266</f>
        <v>10.908043525507994</v>
      </c>
      <c r="E258">
        <f t="shared" si="4"/>
        <v>10.908043525507994</v>
      </c>
      <c r="F258">
        <f>IF(C258="CLAY", INDEX(D$4:D258, MATCH("CLAY", C$4:C258, 0)), "")</f>
        <v>0.75203252561341039</v>
      </c>
    </row>
    <row r="259" spans="1:6" x14ac:dyDescent="0.2">
      <c r="A259" s="239">
        <f>'CPT Data'!B267</f>
        <v>2.173</v>
      </c>
      <c r="B259" s="3">
        <f>'CPT Data'!C267</f>
        <v>2.1659999999999999</v>
      </c>
      <c r="C259" t="str">
        <f>'CPT Data'!P267</f>
        <v>CLAY</v>
      </c>
      <c r="D259">
        <f>'CPT Data'!Q267</f>
        <v>11.069254664960951</v>
      </c>
      <c r="E259">
        <f t="shared" si="4"/>
        <v>10.908043525507994</v>
      </c>
      <c r="F259">
        <f>IF(C259="CLAY", INDEX(D$4:D259, MATCH("CLAY", C$4:C259, 0)), "")</f>
        <v>0.75203252561341039</v>
      </c>
    </row>
    <row r="260" spans="1:6" x14ac:dyDescent="0.2">
      <c r="A260" s="239">
        <f>'CPT Data'!B268</f>
        <v>2.1829999999999998</v>
      </c>
      <c r="B260" s="3">
        <f>'CPT Data'!C268</f>
        <v>2.1759999999999997</v>
      </c>
      <c r="C260" t="str">
        <f>'CPT Data'!P268</f>
        <v>CLAY</v>
      </c>
      <c r="D260">
        <f>'CPT Data'!Q268</f>
        <v>11.222122425343853</v>
      </c>
      <c r="E260">
        <f t="shared" si="4"/>
        <v>11.069254664960951</v>
      </c>
      <c r="F260">
        <f>IF(C260="CLAY", INDEX(D$4:D260, MATCH("CLAY", C$4:C260, 0)), "")</f>
        <v>0.75203252561341039</v>
      </c>
    </row>
    <row r="261" spans="1:6" x14ac:dyDescent="0.2">
      <c r="A261" s="239">
        <f>'CPT Data'!B269</f>
        <v>2.1930000000000001</v>
      </c>
      <c r="B261" s="3">
        <f>'CPT Data'!C269</f>
        <v>2.1859999999999999</v>
      </c>
      <c r="C261" t="str">
        <f>'CPT Data'!P269</f>
        <v>CLAY</v>
      </c>
      <c r="D261">
        <f>'CPT Data'!Q269</f>
        <v>10.894305615191398</v>
      </c>
      <c r="E261">
        <f t="shared" si="4"/>
        <v>11.222122425343853</v>
      </c>
      <c r="F261">
        <f>IF(C261="CLAY", INDEX(D$4:D261, MATCH("CLAY", C$4:C261, 0)), "")</f>
        <v>0.75203252561341039</v>
      </c>
    </row>
    <row r="262" spans="1:6" x14ac:dyDescent="0.2">
      <c r="A262" s="239">
        <f>'CPT Data'!B270</f>
        <v>2.2029999999999998</v>
      </c>
      <c r="B262" s="3">
        <f>'CPT Data'!C270</f>
        <v>2.1959999999999997</v>
      </c>
      <c r="C262" t="str">
        <f>'CPT Data'!P270</f>
        <v>SAND</v>
      </c>
      <c r="D262" t="e">
        <f>'CPT Data'!Q270</f>
        <v>#N/A</v>
      </c>
      <c r="E262" t="e">
        <f t="shared" si="4"/>
        <v>#N/A</v>
      </c>
      <c r="F262" t="str">
        <f>IF(C262="CLAY", INDEX(D$4:D262, MATCH("CLAY", C$4:C262, 0)), "")</f>
        <v/>
      </c>
    </row>
    <row r="263" spans="1:6" x14ac:dyDescent="0.2">
      <c r="A263" s="239">
        <f>'CPT Data'!B271</f>
        <v>2.2130000000000001</v>
      </c>
      <c r="B263" s="3">
        <f>'CPT Data'!C271</f>
        <v>2.206</v>
      </c>
      <c r="C263" t="str">
        <f>'CPT Data'!P271</f>
        <v>CLAY</v>
      </c>
      <c r="D263">
        <f>'CPT Data'!Q271</f>
        <v>10.771420583521207</v>
      </c>
      <c r="E263">
        <f t="shared" si="4"/>
        <v>10.771420583521207</v>
      </c>
      <c r="F263">
        <f>IF(C263="CLAY", INDEX(D$4:D263, MATCH("CLAY", C$4:C263, 0)), "")</f>
        <v>0.75203252561341039</v>
      </c>
    </row>
    <row r="264" spans="1:6" x14ac:dyDescent="0.2">
      <c r="A264" s="239">
        <f>'CPT Data'!B272</f>
        <v>2.222</v>
      </c>
      <c r="B264" s="3">
        <f>'CPT Data'!C272</f>
        <v>2.2149999999999999</v>
      </c>
      <c r="C264" t="str">
        <f>'CPT Data'!P272</f>
        <v>CLAY</v>
      </c>
      <c r="D264">
        <f>'CPT Data'!Q272</f>
        <v>10.80119940042281</v>
      </c>
      <c r="E264">
        <f t="shared" si="4"/>
        <v>10.771420583521207</v>
      </c>
      <c r="F264">
        <f>IF(C264="CLAY", INDEX(D$4:D264, MATCH("CLAY", C$4:C264, 0)), "")</f>
        <v>0.75203252561341039</v>
      </c>
    </row>
    <row r="265" spans="1:6" x14ac:dyDescent="0.2">
      <c r="A265" s="239">
        <f>'CPT Data'!B273</f>
        <v>2.2330000000000001</v>
      </c>
      <c r="B265" s="3">
        <f>'CPT Data'!C273</f>
        <v>2.226</v>
      </c>
      <c r="C265" t="str">
        <f>'CPT Data'!P273</f>
        <v>CLAY</v>
      </c>
      <c r="D265">
        <f>'CPT Data'!Q273</f>
        <v>11.156529690020896</v>
      </c>
      <c r="E265">
        <f t="shared" si="4"/>
        <v>10.80119940042281</v>
      </c>
      <c r="F265">
        <f>IF(C265="CLAY", INDEX(D$4:D265, MATCH("CLAY", C$4:C265, 0)), "")</f>
        <v>0.75203252561341039</v>
      </c>
    </row>
    <row r="266" spans="1:6" x14ac:dyDescent="0.2">
      <c r="A266" s="239">
        <f>'CPT Data'!B274</f>
        <v>2.242</v>
      </c>
      <c r="B266" s="3">
        <f>'CPT Data'!C274</f>
        <v>2.2349999999999999</v>
      </c>
      <c r="C266" t="str">
        <f>'CPT Data'!P274</f>
        <v>SAND</v>
      </c>
      <c r="D266" t="e">
        <f>'CPT Data'!Q274</f>
        <v>#N/A</v>
      </c>
      <c r="E266" t="e">
        <f t="shared" si="4"/>
        <v>#N/A</v>
      </c>
      <c r="F266" t="str">
        <f>IF(C266="CLAY", INDEX(D$4:D266, MATCH("CLAY", C$4:C266, 0)), "")</f>
        <v/>
      </c>
    </row>
    <row r="267" spans="1:6" x14ac:dyDescent="0.2">
      <c r="A267" s="239">
        <f>'CPT Data'!B275</f>
        <v>2.2530000000000001</v>
      </c>
      <c r="B267" s="3">
        <f>'CPT Data'!C275</f>
        <v>2.246</v>
      </c>
      <c r="C267" t="str">
        <f>'CPT Data'!P275</f>
        <v>SAND</v>
      </c>
      <c r="D267" t="e">
        <f>'CPT Data'!Q275</f>
        <v>#N/A</v>
      </c>
      <c r="E267" t="e">
        <f t="shared" si="4"/>
        <v>#N/A</v>
      </c>
      <c r="F267" t="str">
        <f>IF(C267="CLAY", INDEX(D$4:D267, MATCH("CLAY", C$4:C267, 0)), "")</f>
        <v/>
      </c>
    </row>
    <row r="268" spans="1:6" x14ac:dyDescent="0.2">
      <c r="A268" s="239">
        <f>'CPT Data'!B276</f>
        <v>2.2629999999999999</v>
      </c>
      <c r="B268" s="3">
        <f>'CPT Data'!C276</f>
        <v>2.2559999999999998</v>
      </c>
      <c r="C268" t="str">
        <f>'CPT Data'!P276</f>
        <v>SAND</v>
      </c>
      <c r="D268" t="e">
        <f>'CPT Data'!Q276</f>
        <v>#N/A</v>
      </c>
      <c r="E268" t="e">
        <f t="shared" si="4"/>
        <v>#N/A</v>
      </c>
      <c r="F268" t="str">
        <f>IF(C268="CLAY", INDEX(D$4:D268, MATCH("CLAY", C$4:C268, 0)), "")</f>
        <v/>
      </c>
    </row>
    <row r="269" spans="1:6" x14ac:dyDescent="0.2">
      <c r="A269" s="239">
        <f>'CPT Data'!B277</f>
        <v>2.2730000000000001</v>
      </c>
      <c r="B269" s="3">
        <f>'CPT Data'!C277</f>
        <v>2.266</v>
      </c>
      <c r="C269" t="str">
        <f>'CPT Data'!P277</f>
        <v>SAND</v>
      </c>
      <c r="D269" t="e">
        <f>'CPT Data'!Q277</f>
        <v>#N/A</v>
      </c>
      <c r="E269" t="e">
        <f t="shared" si="4"/>
        <v>#N/A</v>
      </c>
      <c r="F269" t="str">
        <f>IF(C269="CLAY", INDEX(D$4:D269, MATCH("CLAY", C$4:C269, 0)), "")</f>
        <v/>
      </c>
    </row>
    <row r="270" spans="1:6" x14ac:dyDescent="0.2">
      <c r="A270" s="239">
        <f>'CPT Data'!B278</f>
        <v>2.2839999999999998</v>
      </c>
      <c r="B270" s="3">
        <f>'CPT Data'!C278</f>
        <v>2.2769999999999997</v>
      </c>
      <c r="C270" t="str">
        <f>'CPT Data'!P278</f>
        <v>SAND</v>
      </c>
      <c r="D270" t="e">
        <f>'CPT Data'!Q278</f>
        <v>#N/A</v>
      </c>
      <c r="E270" t="e">
        <f t="shared" si="4"/>
        <v>#N/A</v>
      </c>
      <c r="F270" t="str">
        <f>IF(C270="CLAY", INDEX(D$4:D270, MATCH("CLAY", C$4:C270, 0)), "")</f>
        <v/>
      </c>
    </row>
    <row r="271" spans="1:6" x14ac:dyDescent="0.2">
      <c r="A271" s="239">
        <f>'CPT Data'!B279</f>
        <v>2.2930000000000001</v>
      </c>
      <c r="B271" s="3">
        <f>'CPT Data'!C279</f>
        <v>2.286</v>
      </c>
      <c r="C271" t="str">
        <f>'CPT Data'!P279</f>
        <v>SAND</v>
      </c>
      <c r="D271" t="e">
        <f>'CPT Data'!Q279</f>
        <v>#N/A</v>
      </c>
      <c r="E271" t="e">
        <f t="shared" si="4"/>
        <v>#N/A</v>
      </c>
      <c r="F271" t="str">
        <f>IF(C271="CLAY", INDEX(D$4:D271, MATCH("CLAY", C$4:C271, 0)), "")</f>
        <v/>
      </c>
    </row>
    <row r="272" spans="1:6" x14ac:dyDescent="0.2">
      <c r="A272" s="239">
        <f>'CPT Data'!B280</f>
        <v>2.3029999999999999</v>
      </c>
      <c r="B272" s="3">
        <f>'CPT Data'!C280</f>
        <v>2.2959999999999998</v>
      </c>
      <c r="C272" t="str">
        <f>'CPT Data'!P280</f>
        <v>SAND</v>
      </c>
      <c r="D272" t="e">
        <f>'CPT Data'!Q280</f>
        <v>#N/A</v>
      </c>
      <c r="E272" t="e">
        <f t="shared" si="4"/>
        <v>#N/A</v>
      </c>
      <c r="F272" t="str">
        <f>IF(C272="CLAY", INDEX(D$4:D272, MATCH("CLAY", C$4:C272, 0)), "")</f>
        <v/>
      </c>
    </row>
    <row r="273" spans="1:6" x14ac:dyDescent="0.2">
      <c r="A273" s="239">
        <f>'CPT Data'!B281</f>
        <v>2.3130000000000002</v>
      </c>
      <c r="B273" s="3">
        <f>'CPT Data'!C281</f>
        <v>2.306</v>
      </c>
      <c r="C273" t="str">
        <f>'CPT Data'!P281</f>
        <v>SAND</v>
      </c>
      <c r="D273" t="e">
        <f>'CPT Data'!Q281</f>
        <v>#N/A</v>
      </c>
      <c r="E273" t="e">
        <f t="shared" si="4"/>
        <v>#N/A</v>
      </c>
      <c r="F273" t="str">
        <f>IF(C273="CLAY", INDEX(D$4:D273, MATCH("CLAY", C$4:C273, 0)), "")</f>
        <v/>
      </c>
    </row>
    <row r="274" spans="1:6" x14ac:dyDescent="0.2">
      <c r="A274" s="239">
        <f>'CPT Data'!B282</f>
        <v>2.3239999999999998</v>
      </c>
      <c r="B274" s="3">
        <f>'CPT Data'!C282</f>
        <v>2.3169999999999997</v>
      </c>
      <c r="C274" t="str">
        <f>'CPT Data'!P282</f>
        <v>SAND</v>
      </c>
      <c r="D274" t="e">
        <f>'CPT Data'!Q282</f>
        <v>#N/A</v>
      </c>
      <c r="E274" t="e">
        <f t="shared" si="4"/>
        <v>#N/A</v>
      </c>
      <c r="F274" t="str">
        <f>IF(C274="CLAY", INDEX(D$4:D274, MATCH("CLAY", C$4:C274, 0)), "")</f>
        <v/>
      </c>
    </row>
    <row r="275" spans="1:6" x14ac:dyDescent="0.2">
      <c r="A275" s="239">
        <f>'CPT Data'!B283</f>
        <v>2.3330000000000002</v>
      </c>
      <c r="B275" s="3">
        <f>'CPT Data'!C283</f>
        <v>2.3260000000000001</v>
      </c>
      <c r="C275" t="str">
        <f>'CPT Data'!P283</f>
        <v>SAND</v>
      </c>
      <c r="D275" t="e">
        <f>'CPT Data'!Q283</f>
        <v>#N/A</v>
      </c>
      <c r="E275" t="e">
        <f t="shared" si="4"/>
        <v>#N/A</v>
      </c>
      <c r="F275" t="str">
        <f>IF(C275="CLAY", INDEX(D$4:D275, MATCH("CLAY", C$4:C275, 0)), "")</f>
        <v/>
      </c>
    </row>
    <row r="276" spans="1:6" x14ac:dyDescent="0.2">
      <c r="A276" s="239">
        <f>'CPT Data'!B284</f>
        <v>2.3439999999999999</v>
      </c>
      <c r="B276" s="3">
        <f>'CPT Data'!C284</f>
        <v>2.3369999999999997</v>
      </c>
      <c r="C276" t="str">
        <f>'CPT Data'!P284</f>
        <v>SAND</v>
      </c>
      <c r="D276" t="e">
        <f>'CPT Data'!Q284</f>
        <v>#N/A</v>
      </c>
      <c r="E276" t="e">
        <f t="shared" si="4"/>
        <v>#N/A</v>
      </c>
      <c r="F276" t="str">
        <f>IF(C276="CLAY", INDEX(D$4:D276, MATCH("CLAY", C$4:C276, 0)), "")</f>
        <v/>
      </c>
    </row>
    <row r="277" spans="1:6" x14ac:dyDescent="0.2">
      <c r="A277" s="239">
        <f>'CPT Data'!B285</f>
        <v>2.3530000000000002</v>
      </c>
      <c r="B277" s="3">
        <f>'CPT Data'!C285</f>
        <v>2.3460000000000001</v>
      </c>
      <c r="C277" t="str">
        <f>'CPT Data'!P285</f>
        <v>SAND</v>
      </c>
      <c r="D277" t="e">
        <f>'CPT Data'!Q285</f>
        <v>#N/A</v>
      </c>
      <c r="E277" t="e">
        <f t="shared" si="4"/>
        <v>#N/A</v>
      </c>
      <c r="F277" t="str">
        <f>IF(C277="CLAY", INDEX(D$4:D277, MATCH("CLAY", C$4:C277, 0)), "")</f>
        <v/>
      </c>
    </row>
    <row r="278" spans="1:6" x14ac:dyDescent="0.2">
      <c r="A278" s="239">
        <f>'CPT Data'!B286</f>
        <v>2.3639999999999999</v>
      </c>
      <c r="B278" s="3">
        <f>'CPT Data'!C286</f>
        <v>2.3569999999999998</v>
      </c>
      <c r="C278" t="str">
        <f>'CPT Data'!P286</f>
        <v>SAND</v>
      </c>
      <c r="D278" t="e">
        <f>'CPT Data'!Q286</f>
        <v>#N/A</v>
      </c>
      <c r="E278" t="e">
        <f t="shared" si="4"/>
        <v>#N/A</v>
      </c>
      <c r="F278" t="str">
        <f>IF(C278="CLAY", INDEX(D$4:D278, MATCH("CLAY", C$4:C278, 0)), "")</f>
        <v/>
      </c>
    </row>
    <row r="279" spans="1:6" x14ac:dyDescent="0.2">
      <c r="A279" s="239">
        <f>'CPT Data'!B287</f>
        <v>2.3730000000000002</v>
      </c>
      <c r="B279" s="3">
        <f>'CPT Data'!C287</f>
        <v>2.3660000000000001</v>
      </c>
      <c r="C279" t="str">
        <f>'CPT Data'!P287</f>
        <v>SAND</v>
      </c>
      <c r="D279" t="e">
        <f>'CPT Data'!Q287</f>
        <v>#N/A</v>
      </c>
      <c r="E279" t="e">
        <f t="shared" si="4"/>
        <v>#N/A</v>
      </c>
      <c r="F279" t="str">
        <f>IF(C279="CLAY", INDEX(D$4:D279, MATCH("CLAY", C$4:C279, 0)), "")</f>
        <v/>
      </c>
    </row>
    <row r="280" spans="1:6" x14ac:dyDescent="0.2">
      <c r="A280" s="239">
        <f>'CPT Data'!B288</f>
        <v>2.3839999999999999</v>
      </c>
      <c r="B280" s="3">
        <f>'CPT Data'!C288</f>
        <v>2.3769999999999998</v>
      </c>
      <c r="C280" t="str">
        <f>'CPT Data'!P288</f>
        <v>SAND</v>
      </c>
      <c r="D280" t="e">
        <f>'CPT Data'!Q288</f>
        <v>#N/A</v>
      </c>
      <c r="E280" t="e">
        <f t="shared" si="4"/>
        <v>#N/A</v>
      </c>
      <c r="F280" t="str">
        <f>IF(C280="CLAY", INDEX(D$4:D280, MATCH("CLAY", C$4:C280, 0)), "")</f>
        <v/>
      </c>
    </row>
    <row r="281" spans="1:6" x14ac:dyDescent="0.2">
      <c r="A281" s="239">
        <f>'CPT Data'!B289</f>
        <v>2.3929999999999998</v>
      </c>
      <c r="B281" s="3">
        <f>'CPT Data'!C289</f>
        <v>2.3859999999999997</v>
      </c>
      <c r="C281" t="str">
        <f>'CPT Data'!P289</f>
        <v>SAND</v>
      </c>
      <c r="D281" t="e">
        <f>'CPT Data'!Q289</f>
        <v>#N/A</v>
      </c>
      <c r="E281" t="e">
        <f t="shared" si="4"/>
        <v>#N/A</v>
      </c>
      <c r="F281" t="str">
        <f>IF(C281="CLAY", INDEX(D$4:D281, MATCH("CLAY", C$4:C281, 0)), "")</f>
        <v/>
      </c>
    </row>
    <row r="282" spans="1:6" x14ac:dyDescent="0.2">
      <c r="A282" s="239">
        <f>'CPT Data'!B290</f>
        <v>2.4039999999999999</v>
      </c>
      <c r="B282" s="3">
        <f>'CPT Data'!C290</f>
        <v>2.3969999999999998</v>
      </c>
      <c r="C282" t="str">
        <f>'CPT Data'!P290</f>
        <v>SAND</v>
      </c>
      <c r="D282" t="e">
        <f>'CPT Data'!Q290</f>
        <v>#N/A</v>
      </c>
      <c r="E282" t="e">
        <f t="shared" si="4"/>
        <v>#N/A</v>
      </c>
      <c r="F282" t="str">
        <f>IF(C282="CLAY", INDEX(D$4:D282, MATCH("CLAY", C$4:C282, 0)), "")</f>
        <v/>
      </c>
    </row>
    <row r="283" spans="1:6" x14ac:dyDescent="0.2">
      <c r="A283" s="239">
        <f>'CPT Data'!B291</f>
        <v>2.4129999999999998</v>
      </c>
      <c r="B283" s="3">
        <f>'CPT Data'!C291</f>
        <v>2.4059999999999997</v>
      </c>
      <c r="C283" t="str">
        <f>'CPT Data'!P291</f>
        <v>SAND</v>
      </c>
      <c r="D283" t="e">
        <f>'CPT Data'!Q291</f>
        <v>#N/A</v>
      </c>
      <c r="E283" t="e">
        <f t="shared" ref="E283:E346" si="5">IF(C283="SAND",#N/A,IF(C283=C282,D282,IF(C283="CLAY",D283,#N/A)))</f>
        <v>#N/A</v>
      </c>
      <c r="F283" t="str">
        <f>IF(C283="CLAY", INDEX(D$4:D283, MATCH("CLAY", C$4:C283, 0)), "")</f>
        <v/>
      </c>
    </row>
    <row r="284" spans="1:6" x14ac:dyDescent="0.2">
      <c r="A284" s="239">
        <f>'CPT Data'!B292</f>
        <v>2.4239999999999999</v>
      </c>
      <c r="B284" s="3">
        <f>'CPT Data'!C292</f>
        <v>2.4169999999999998</v>
      </c>
      <c r="C284" t="str">
        <f>'CPT Data'!P292</f>
        <v>CLAY</v>
      </c>
      <c r="D284">
        <f>'CPT Data'!Q292</f>
        <v>11.230037811993427</v>
      </c>
      <c r="E284">
        <f t="shared" si="5"/>
        <v>11.230037811993427</v>
      </c>
      <c r="F284">
        <f>IF(C284="CLAY", INDEX(D$4:D284, MATCH("CLAY", C$4:C284, 0)), "")</f>
        <v>0.75203252561341039</v>
      </c>
    </row>
    <row r="285" spans="1:6" x14ac:dyDescent="0.2">
      <c r="A285" s="239">
        <f>'CPT Data'!B293</f>
        <v>2.4329999999999998</v>
      </c>
      <c r="B285" s="3">
        <f>'CPT Data'!C293</f>
        <v>2.4259999999999997</v>
      </c>
      <c r="C285" t="str">
        <f>'CPT Data'!P293</f>
        <v>CLAY</v>
      </c>
      <c r="D285">
        <f>'CPT Data'!Q293</f>
        <v>11.099092466554323</v>
      </c>
      <c r="E285">
        <f t="shared" si="5"/>
        <v>11.230037811993427</v>
      </c>
      <c r="F285">
        <f>IF(C285="CLAY", INDEX(D$4:D285, MATCH("CLAY", C$4:C285, 0)), "")</f>
        <v>0.75203252561341039</v>
      </c>
    </row>
    <row r="286" spans="1:6" x14ac:dyDescent="0.2">
      <c r="A286" s="239">
        <f>'CPT Data'!B294</f>
        <v>2.4430000000000001</v>
      </c>
      <c r="B286" s="3">
        <f>'CPT Data'!C294</f>
        <v>2.4359999999999999</v>
      </c>
      <c r="C286" t="str">
        <f>'CPT Data'!P294</f>
        <v>CLAY</v>
      </c>
      <c r="D286">
        <f>'CPT Data'!Q294</f>
        <v>10.79246199769797</v>
      </c>
      <c r="E286">
        <f t="shared" si="5"/>
        <v>11.099092466554323</v>
      </c>
      <c r="F286">
        <f>IF(C286="CLAY", INDEX(D$4:D286, MATCH("CLAY", C$4:C286, 0)), "")</f>
        <v>0.75203252561341039</v>
      </c>
    </row>
    <row r="287" spans="1:6" x14ac:dyDescent="0.2">
      <c r="A287" s="239">
        <f>'CPT Data'!B295</f>
        <v>2.4540000000000002</v>
      </c>
      <c r="B287" s="3">
        <f>'CPT Data'!C295</f>
        <v>2.4470000000000001</v>
      </c>
      <c r="C287" t="str">
        <f>'CPT Data'!P295</f>
        <v>CLAY</v>
      </c>
      <c r="D287">
        <f>'CPT Data'!Q295</f>
        <v>10.49520217451335</v>
      </c>
      <c r="E287">
        <f t="shared" si="5"/>
        <v>10.79246199769797</v>
      </c>
      <c r="F287">
        <f>IF(C287="CLAY", INDEX(D$4:D287, MATCH("CLAY", C$4:C287, 0)), "")</f>
        <v>0.75203252561341039</v>
      </c>
    </row>
    <row r="288" spans="1:6" x14ac:dyDescent="0.2">
      <c r="A288" s="239">
        <f>'CPT Data'!B296</f>
        <v>2.4630000000000001</v>
      </c>
      <c r="B288" s="3">
        <f>'CPT Data'!C296</f>
        <v>2.456</v>
      </c>
      <c r="C288" t="str">
        <f>'CPT Data'!P296</f>
        <v>CLAY</v>
      </c>
      <c r="D288">
        <f>'CPT Data'!Q296</f>
        <v>10.116199049524219</v>
      </c>
      <c r="E288">
        <f t="shared" si="5"/>
        <v>10.49520217451335</v>
      </c>
      <c r="F288">
        <f>IF(C288="CLAY", INDEX(D$4:D288, MATCH("CLAY", C$4:C288, 0)), "")</f>
        <v>0.75203252561341039</v>
      </c>
    </row>
    <row r="289" spans="1:6" x14ac:dyDescent="0.2">
      <c r="A289" s="239">
        <f>'CPT Data'!B297</f>
        <v>2.472</v>
      </c>
      <c r="B289" s="3">
        <f>'CPT Data'!C297</f>
        <v>2.4649999999999999</v>
      </c>
      <c r="C289" t="str">
        <f>'CPT Data'!P297</f>
        <v>CLAY</v>
      </c>
      <c r="D289">
        <f>'CPT Data'!Q297</f>
        <v>9.8229184152639828</v>
      </c>
      <c r="E289">
        <f t="shared" si="5"/>
        <v>10.116199049524219</v>
      </c>
      <c r="F289">
        <f>IF(C289="CLAY", INDEX(D$4:D289, MATCH("CLAY", C$4:C289, 0)), "")</f>
        <v>0.75203252561341039</v>
      </c>
    </row>
    <row r="290" spans="1:6" x14ac:dyDescent="0.2">
      <c r="A290" s="239">
        <f>'CPT Data'!B298</f>
        <v>2.4830000000000001</v>
      </c>
      <c r="B290" s="3">
        <f>'CPT Data'!C298</f>
        <v>2.476</v>
      </c>
      <c r="C290" t="str">
        <f>'CPT Data'!P298</f>
        <v>CLAY</v>
      </c>
      <c r="D290">
        <f>'CPT Data'!Q298</f>
        <v>9.7042916504140724</v>
      </c>
      <c r="E290">
        <f t="shared" si="5"/>
        <v>9.8229184152639828</v>
      </c>
      <c r="F290">
        <f>IF(C290="CLAY", INDEX(D$4:D290, MATCH("CLAY", C$4:C290, 0)), "")</f>
        <v>0.75203252561341039</v>
      </c>
    </row>
    <row r="291" spans="1:6" x14ac:dyDescent="0.2">
      <c r="A291" s="239">
        <f>'CPT Data'!B299</f>
        <v>2.4940000000000002</v>
      </c>
      <c r="B291" s="3">
        <f>'CPT Data'!C299</f>
        <v>2.4870000000000001</v>
      </c>
      <c r="C291" t="str">
        <f>'CPT Data'!P299</f>
        <v>CLAY</v>
      </c>
      <c r="D291">
        <f>'CPT Data'!Q299</f>
        <v>9.5512935796304461</v>
      </c>
      <c r="E291">
        <f t="shared" si="5"/>
        <v>9.7042916504140724</v>
      </c>
      <c r="F291">
        <f>IF(C291="CLAY", INDEX(D$4:D291, MATCH("CLAY", C$4:C291, 0)), "")</f>
        <v>0.75203252561341039</v>
      </c>
    </row>
    <row r="292" spans="1:6" x14ac:dyDescent="0.2">
      <c r="A292" s="239">
        <f>'CPT Data'!B300</f>
        <v>2.5030000000000001</v>
      </c>
      <c r="B292" s="3">
        <f>'CPT Data'!C300</f>
        <v>2.496</v>
      </c>
      <c r="C292" t="str">
        <f>'CPT Data'!P300</f>
        <v>CLAY</v>
      </c>
      <c r="D292">
        <f>'CPT Data'!Q300</f>
        <v>9.7217448613135957</v>
      </c>
      <c r="E292">
        <f t="shared" si="5"/>
        <v>9.5512935796304461</v>
      </c>
      <c r="F292">
        <f>IF(C292="CLAY", INDEX(D$4:D292, MATCH("CLAY", C$4:C292, 0)), "")</f>
        <v>0.75203252561341039</v>
      </c>
    </row>
    <row r="293" spans="1:6" x14ac:dyDescent="0.2">
      <c r="A293" s="239">
        <f>'CPT Data'!B301</f>
        <v>2.5139999999999998</v>
      </c>
      <c r="B293" s="3">
        <f>'CPT Data'!C301</f>
        <v>2.5069999999999997</v>
      </c>
      <c r="C293" t="str">
        <f>'CPT Data'!P301</f>
        <v>CLAY</v>
      </c>
      <c r="D293">
        <f>'CPT Data'!Q301</f>
        <v>9.7889654493634257</v>
      </c>
      <c r="E293">
        <f t="shared" si="5"/>
        <v>9.7217448613135957</v>
      </c>
      <c r="F293">
        <f>IF(C293="CLAY", INDEX(D$4:D293, MATCH("CLAY", C$4:C293, 0)), "")</f>
        <v>0.75203252561341039</v>
      </c>
    </row>
    <row r="294" spans="1:6" x14ac:dyDescent="0.2">
      <c r="A294" s="239">
        <f>'CPT Data'!B302</f>
        <v>2.5230000000000001</v>
      </c>
      <c r="B294" s="3">
        <f>'CPT Data'!C302</f>
        <v>2.516</v>
      </c>
      <c r="C294" t="str">
        <f>'CPT Data'!P302</f>
        <v>CLAY</v>
      </c>
      <c r="D294">
        <f>'CPT Data'!Q302</f>
        <v>9.957769834522205</v>
      </c>
      <c r="E294">
        <f t="shared" si="5"/>
        <v>9.7889654493634257</v>
      </c>
      <c r="F294">
        <f>IF(C294="CLAY", INDEX(D$4:D294, MATCH("CLAY", C$4:C294, 0)), "")</f>
        <v>0.75203252561341039</v>
      </c>
    </row>
    <row r="295" spans="1:6" x14ac:dyDescent="0.2">
      <c r="A295" s="239">
        <f>'CPT Data'!B303</f>
        <v>2.5339999999999998</v>
      </c>
      <c r="B295" s="3">
        <f>'CPT Data'!C303</f>
        <v>2.5269999999999997</v>
      </c>
      <c r="C295" t="str">
        <f>'CPT Data'!P303</f>
        <v>CLAY</v>
      </c>
      <c r="D295">
        <f>'CPT Data'!Q303</f>
        <v>9.933912462472513</v>
      </c>
      <c r="E295">
        <f t="shared" si="5"/>
        <v>9.957769834522205</v>
      </c>
      <c r="F295">
        <f>IF(C295="CLAY", INDEX(D$4:D295, MATCH("CLAY", C$4:C295, 0)), "")</f>
        <v>0.75203252561341039</v>
      </c>
    </row>
    <row r="296" spans="1:6" x14ac:dyDescent="0.2">
      <c r="A296" s="239">
        <f>'CPT Data'!B304</f>
        <v>2.5430000000000001</v>
      </c>
      <c r="B296" s="3">
        <f>'CPT Data'!C304</f>
        <v>2.536</v>
      </c>
      <c r="C296" t="str">
        <f>'CPT Data'!P304</f>
        <v>CLAY</v>
      </c>
      <c r="D296">
        <f>'CPT Data'!Q304</f>
        <v>10.361074768258506</v>
      </c>
      <c r="E296">
        <f t="shared" si="5"/>
        <v>9.933912462472513</v>
      </c>
      <c r="F296">
        <f>IF(C296="CLAY", INDEX(D$4:D296, MATCH("CLAY", C$4:C296, 0)), "")</f>
        <v>0.75203252561341039</v>
      </c>
    </row>
    <row r="297" spans="1:6" x14ac:dyDescent="0.2">
      <c r="A297" s="239">
        <f>'CPT Data'!B305</f>
        <v>2.5529999999999999</v>
      </c>
      <c r="B297" s="3">
        <f>'CPT Data'!C305</f>
        <v>2.5459999999999998</v>
      </c>
      <c r="C297" t="str">
        <f>'CPT Data'!P305</f>
        <v>CLAY</v>
      </c>
      <c r="D297">
        <f>'CPT Data'!Q305</f>
        <v>10.633140574221784</v>
      </c>
      <c r="E297">
        <f t="shared" si="5"/>
        <v>10.361074768258506</v>
      </c>
      <c r="F297">
        <f>IF(C297="CLAY", INDEX(D$4:D297, MATCH("CLAY", C$4:C297, 0)), "")</f>
        <v>0.75203252561341039</v>
      </c>
    </row>
    <row r="298" spans="1:6" x14ac:dyDescent="0.2">
      <c r="A298" s="239">
        <f>'CPT Data'!B306</f>
        <v>2.5640000000000001</v>
      </c>
      <c r="B298" s="3">
        <f>'CPT Data'!C306</f>
        <v>2.5569999999999999</v>
      </c>
      <c r="C298" t="str">
        <f>'CPT Data'!P306</f>
        <v>CLAY</v>
      </c>
      <c r="D298">
        <f>'CPT Data'!Q306</f>
        <v>10.972627308336229</v>
      </c>
      <c r="E298">
        <f t="shared" si="5"/>
        <v>10.633140574221784</v>
      </c>
      <c r="F298">
        <f>IF(C298="CLAY", INDEX(D$4:D298, MATCH("CLAY", C$4:C298, 0)), "")</f>
        <v>0.75203252561341039</v>
      </c>
    </row>
    <row r="299" spans="1:6" x14ac:dyDescent="0.2">
      <c r="A299" s="239">
        <f>'CPT Data'!B307</f>
        <v>2.573</v>
      </c>
      <c r="B299" s="3">
        <f>'CPT Data'!C307</f>
        <v>2.5659999999999998</v>
      </c>
      <c r="C299" t="str">
        <f>'CPT Data'!P307</f>
        <v>CLAY</v>
      </c>
      <c r="D299">
        <f>'CPT Data'!Q307</f>
        <v>11.275334083842944</v>
      </c>
      <c r="E299">
        <f t="shared" si="5"/>
        <v>10.972627308336229</v>
      </c>
      <c r="F299">
        <f>IF(C299="CLAY", INDEX(D$4:D299, MATCH("CLAY", C$4:C299, 0)), "")</f>
        <v>0.75203252561341039</v>
      </c>
    </row>
    <row r="300" spans="1:6" x14ac:dyDescent="0.2">
      <c r="A300" s="239">
        <f>'CPT Data'!B308</f>
        <v>2.5830000000000002</v>
      </c>
      <c r="B300" s="3">
        <f>'CPT Data'!C308</f>
        <v>2.5760000000000001</v>
      </c>
      <c r="C300" t="str">
        <f>'CPT Data'!P308</f>
        <v>CLAY</v>
      </c>
      <c r="D300">
        <f>'CPT Data'!Q308</f>
        <v>11.199991178681953</v>
      </c>
      <c r="E300">
        <f t="shared" si="5"/>
        <v>11.275334083842944</v>
      </c>
      <c r="F300">
        <f>IF(C300="CLAY", INDEX(D$4:D300, MATCH("CLAY", C$4:C300, 0)), "")</f>
        <v>0.75203252561341039</v>
      </c>
    </row>
    <row r="301" spans="1:6" x14ac:dyDescent="0.2">
      <c r="A301" s="239">
        <f>'CPT Data'!B309</f>
        <v>2.5920000000000001</v>
      </c>
      <c r="B301" s="3">
        <f>'CPT Data'!C309</f>
        <v>2.585</v>
      </c>
      <c r="C301" t="str">
        <f>'CPT Data'!P309</f>
        <v>CLAY</v>
      </c>
      <c r="D301">
        <f>'CPT Data'!Q309</f>
        <v>11.176809620705482</v>
      </c>
      <c r="E301">
        <f t="shared" si="5"/>
        <v>11.199991178681953</v>
      </c>
      <c r="F301">
        <f>IF(C301="CLAY", INDEX(D$4:D301, MATCH("CLAY", C$4:C301, 0)), "")</f>
        <v>0.75203252561341039</v>
      </c>
    </row>
    <row r="302" spans="1:6" x14ac:dyDescent="0.2">
      <c r="A302" s="239">
        <f>'CPT Data'!B310</f>
        <v>2.6030000000000002</v>
      </c>
      <c r="B302" s="3">
        <f>'CPT Data'!C310</f>
        <v>2.5960000000000001</v>
      </c>
      <c r="C302" t="str">
        <f>'CPT Data'!P310</f>
        <v>CLAY</v>
      </c>
      <c r="D302">
        <f>'CPT Data'!Q310</f>
        <v>11.361410365032912</v>
      </c>
      <c r="E302">
        <f t="shared" si="5"/>
        <v>11.176809620705482</v>
      </c>
      <c r="F302">
        <f>IF(C302="CLAY", INDEX(D$4:D302, MATCH("CLAY", C$4:C302, 0)), "")</f>
        <v>0.75203252561341039</v>
      </c>
    </row>
    <row r="303" spans="1:6" x14ac:dyDescent="0.2">
      <c r="A303" s="239">
        <f>'CPT Data'!B311</f>
        <v>2.6120000000000001</v>
      </c>
      <c r="B303" s="3">
        <f>'CPT Data'!C311</f>
        <v>2.605</v>
      </c>
      <c r="C303" t="str">
        <f>'CPT Data'!P311</f>
        <v>SAND</v>
      </c>
      <c r="D303" t="e">
        <f>'CPT Data'!Q311</f>
        <v>#N/A</v>
      </c>
      <c r="E303" t="e">
        <f t="shared" si="5"/>
        <v>#N/A</v>
      </c>
      <c r="F303" t="str">
        <f>IF(C303="CLAY", INDEX(D$4:D303, MATCH("CLAY", C$4:C303, 0)), "")</f>
        <v/>
      </c>
    </row>
    <row r="304" spans="1:6" x14ac:dyDescent="0.2">
      <c r="A304" s="239">
        <f>'CPT Data'!B312</f>
        <v>2.6230000000000002</v>
      </c>
      <c r="B304" s="3">
        <f>'CPT Data'!C312</f>
        <v>2.6160000000000001</v>
      </c>
      <c r="C304" t="str">
        <f>'CPT Data'!P312</f>
        <v>SAND</v>
      </c>
      <c r="D304" t="e">
        <f>'CPT Data'!Q312</f>
        <v>#N/A</v>
      </c>
      <c r="E304" t="e">
        <f t="shared" si="5"/>
        <v>#N/A</v>
      </c>
      <c r="F304" t="str">
        <f>IF(C304="CLAY", INDEX(D$4:D304, MATCH("CLAY", C$4:C304, 0)), "")</f>
        <v/>
      </c>
    </row>
    <row r="305" spans="1:6" x14ac:dyDescent="0.2">
      <c r="A305" s="239">
        <f>'CPT Data'!B313</f>
        <v>2.6320000000000001</v>
      </c>
      <c r="B305" s="3">
        <f>'CPT Data'!C313</f>
        <v>2.625</v>
      </c>
      <c r="C305" t="str">
        <f>'CPT Data'!P313</f>
        <v>SAND</v>
      </c>
      <c r="D305" t="e">
        <f>'CPT Data'!Q313</f>
        <v>#N/A</v>
      </c>
      <c r="E305" t="e">
        <f t="shared" si="5"/>
        <v>#N/A</v>
      </c>
      <c r="F305" t="str">
        <f>IF(C305="CLAY", INDEX(D$4:D305, MATCH("CLAY", C$4:C305, 0)), "")</f>
        <v/>
      </c>
    </row>
    <row r="306" spans="1:6" x14ac:dyDescent="0.2">
      <c r="A306" s="239">
        <f>'CPT Data'!B314</f>
        <v>2.6429999999999998</v>
      </c>
      <c r="B306" s="3">
        <f>'CPT Data'!C314</f>
        <v>2.6359999999999997</v>
      </c>
      <c r="C306" t="str">
        <f>'CPT Data'!P314</f>
        <v>SAND</v>
      </c>
      <c r="D306" t="e">
        <f>'CPT Data'!Q314</f>
        <v>#N/A</v>
      </c>
      <c r="E306" t="e">
        <f t="shared" si="5"/>
        <v>#N/A</v>
      </c>
      <c r="F306" t="str">
        <f>IF(C306="CLAY", INDEX(D$4:D306, MATCH("CLAY", C$4:C306, 0)), "")</f>
        <v/>
      </c>
    </row>
    <row r="307" spans="1:6" x14ac:dyDescent="0.2">
      <c r="A307" s="239">
        <f>'CPT Data'!B315</f>
        <v>2.6520000000000001</v>
      </c>
      <c r="B307" s="3">
        <f>'CPT Data'!C315</f>
        <v>2.645</v>
      </c>
      <c r="C307" t="str">
        <f>'CPT Data'!P315</f>
        <v>SAND</v>
      </c>
      <c r="D307" t="e">
        <f>'CPT Data'!Q315</f>
        <v>#N/A</v>
      </c>
      <c r="E307" t="e">
        <f t="shared" si="5"/>
        <v>#N/A</v>
      </c>
      <c r="F307" t="str">
        <f>IF(C307="CLAY", INDEX(D$4:D307, MATCH("CLAY", C$4:C307, 0)), "")</f>
        <v/>
      </c>
    </row>
    <row r="308" spans="1:6" x14ac:dyDescent="0.2">
      <c r="A308" s="239">
        <f>'CPT Data'!B316</f>
        <v>2.6629999999999998</v>
      </c>
      <c r="B308" s="3">
        <f>'CPT Data'!C316</f>
        <v>2.6559999999999997</v>
      </c>
      <c r="C308" t="str">
        <f>'CPT Data'!P316</f>
        <v>CLAY</v>
      </c>
      <c r="D308">
        <f>'CPT Data'!Q316</f>
        <v>12.45628575036786</v>
      </c>
      <c r="E308">
        <f t="shared" si="5"/>
        <v>12.45628575036786</v>
      </c>
      <c r="F308">
        <f>IF(C308="CLAY", INDEX(D$4:D308, MATCH("CLAY", C$4:C308, 0)), "")</f>
        <v>0.75203252561341039</v>
      </c>
    </row>
    <row r="309" spans="1:6" x14ac:dyDescent="0.2">
      <c r="A309" s="239">
        <f>'CPT Data'!B317</f>
        <v>2.6720000000000002</v>
      </c>
      <c r="B309" s="3">
        <f>'CPT Data'!C317</f>
        <v>2.665</v>
      </c>
      <c r="C309" t="str">
        <f>'CPT Data'!P317</f>
        <v>CLAY</v>
      </c>
      <c r="D309">
        <f>'CPT Data'!Q317</f>
        <v>12.635728064480658</v>
      </c>
      <c r="E309">
        <f t="shared" si="5"/>
        <v>12.45628575036786</v>
      </c>
      <c r="F309">
        <f>IF(C309="CLAY", INDEX(D$4:D309, MATCH("CLAY", C$4:C309, 0)), "")</f>
        <v>0.75203252561341039</v>
      </c>
    </row>
    <row r="310" spans="1:6" x14ac:dyDescent="0.2">
      <c r="A310" s="239">
        <f>'CPT Data'!B318</f>
        <v>2.6819999999999999</v>
      </c>
      <c r="B310" s="3">
        <f>'CPT Data'!C318</f>
        <v>2.6749999999999998</v>
      </c>
      <c r="C310" t="str">
        <f>'CPT Data'!P318</f>
        <v>CLAY</v>
      </c>
      <c r="D310">
        <f>'CPT Data'!Q318</f>
        <v>12.595759967117459</v>
      </c>
      <c r="E310">
        <f t="shared" si="5"/>
        <v>12.635728064480658</v>
      </c>
      <c r="F310">
        <f>IF(C310="CLAY", INDEX(D$4:D310, MATCH("CLAY", C$4:C310, 0)), "")</f>
        <v>0.75203252561341039</v>
      </c>
    </row>
    <row r="311" spans="1:6" x14ac:dyDescent="0.2">
      <c r="A311" s="239">
        <f>'CPT Data'!B319</f>
        <v>2.6920000000000002</v>
      </c>
      <c r="B311" s="3">
        <f>'CPT Data'!C319</f>
        <v>2.6850000000000001</v>
      </c>
      <c r="C311" t="str">
        <f>'CPT Data'!P319</f>
        <v>CLAY</v>
      </c>
      <c r="D311">
        <f>'CPT Data'!Q319</f>
        <v>12.511967396489231</v>
      </c>
      <c r="E311">
        <f t="shared" si="5"/>
        <v>12.595759967117459</v>
      </c>
      <c r="F311">
        <f>IF(C311="CLAY", INDEX(D$4:D311, MATCH("CLAY", C$4:C311, 0)), "")</f>
        <v>0.75203252561341039</v>
      </c>
    </row>
    <row r="312" spans="1:6" x14ac:dyDescent="0.2">
      <c r="A312" s="239">
        <f>'CPT Data'!B320</f>
        <v>2.702</v>
      </c>
      <c r="B312" s="3">
        <f>'CPT Data'!C320</f>
        <v>2.6949999999999998</v>
      </c>
      <c r="C312" t="str">
        <f>'CPT Data'!P320</f>
        <v>CLAY</v>
      </c>
      <c r="D312">
        <f>'CPT Data'!Q320</f>
        <v>12.518851482690353</v>
      </c>
      <c r="E312">
        <f t="shared" si="5"/>
        <v>12.511967396489231</v>
      </c>
      <c r="F312">
        <f>IF(C312="CLAY", INDEX(D$4:D312, MATCH("CLAY", C$4:C312, 0)), "")</f>
        <v>0.75203252561341039</v>
      </c>
    </row>
    <row r="313" spans="1:6" x14ac:dyDescent="0.2">
      <c r="A313" s="239">
        <f>'CPT Data'!B321</f>
        <v>2.7120000000000002</v>
      </c>
      <c r="B313" s="3">
        <f>'CPT Data'!C321</f>
        <v>2.7050000000000001</v>
      </c>
      <c r="C313" t="str">
        <f>'CPT Data'!P321</f>
        <v>CLAY</v>
      </c>
      <c r="D313">
        <f>'CPT Data'!Q321</f>
        <v>12.3533863593345</v>
      </c>
      <c r="E313">
        <f t="shared" si="5"/>
        <v>12.518851482690353</v>
      </c>
      <c r="F313">
        <f>IF(C313="CLAY", INDEX(D$4:D313, MATCH("CLAY", C$4:C313, 0)), "")</f>
        <v>0.75203252561341039</v>
      </c>
    </row>
    <row r="314" spans="1:6" x14ac:dyDescent="0.2">
      <c r="A314" s="239">
        <f>'CPT Data'!B322</f>
        <v>2.722</v>
      </c>
      <c r="B314" s="3">
        <f>'CPT Data'!C322</f>
        <v>2.7149999999999999</v>
      </c>
      <c r="C314" t="str">
        <f>'CPT Data'!P322</f>
        <v>CLAY</v>
      </c>
      <c r="D314">
        <f>'CPT Data'!Q322</f>
        <v>12.233445652921452</v>
      </c>
      <c r="E314">
        <f t="shared" si="5"/>
        <v>12.3533863593345</v>
      </c>
      <c r="F314">
        <f>IF(C314="CLAY", INDEX(D$4:D314, MATCH("CLAY", C$4:C314, 0)), "")</f>
        <v>0.75203252561341039</v>
      </c>
    </row>
    <row r="315" spans="1:6" x14ac:dyDescent="0.2">
      <c r="A315" s="239">
        <f>'CPT Data'!B323</f>
        <v>2.7309999999999999</v>
      </c>
      <c r="B315" s="3">
        <f>'CPT Data'!C323</f>
        <v>2.7239999999999998</v>
      </c>
      <c r="C315" t="str">
        <f>'CPT Data'!P323</f>
        <v>CLAY</v>
      </c>
      <c r="D315">
        <f>'CPT Data'!Q323</f>
        <v>12.063636018421924</v>
      </c>
      <c r="E315">
        <f t="shared" si="5"/>
        <v>12.233445652921452</v>
      </c>
      <c r="F315">
        <f>IF(C315="CLAY", INDEX(D$4:D315, MATCH("CLAY", C$4:C315, 0)), "")</f>
        <v>0.75203252561341039</v>
      </c>
    </row>
    <row r="316" spans="1:6" x14ac:dyDescent="0.2">
      <c r="A316" s="239">
        <f>'CPT Data'!B324</f>
        <v>2.742</v>
      </c>
      <c r="B316" s="3">
        <f>'CPT Data'!C324</f>
        <v>2.7349999999999999</v>
      </c>
      <c r="C316" t="str">
        <f>'CPT Data'!P324</f>
        <v>CLAY</v>
      </c>
      <c r="D316">
        <f>'CPT Data'!Q324</f>
        <v>11.817323148366023</v>
      </c>
      <c r="E316">
        <f t="shared" si="5"/>
        <v>12.063636018421924</v>
      </c>
      <c r="F316">
        <f>IF(C316="CLAY", INDEX(D$4:D316, MATCH("CLAY", C$4:C316, 0)), "")</f>
        <v>0.75203252561341039</v>
      </c>
    </row>
    <row r="317" spans="1:6" x14ac:dyDescent="0.2">
      <c r="A317" s="239">
        <f>'CPT Data'!B325</f>
        <v>2.7519999999999998</v>
      </c>
      <c r="B317" s="3">
        <f>'CPT Data'!C325</f>
        <v>2.7449999999999997</v>
      </c>
      <c r="C317" t="str">
        <f>'CPT Data'!P325</f>
        <v>CLAY</v>
      </c>
      <c r="D317">
        <f>'CPT Data'!Q325</f>
        <v>12.03450999202977</v>
      </c>
      <c r="E317">
        <f t="shared" si="5"/>
        <v>11.817323148366023</v>
      </c>
      <c r="F317">
        <f>IF(C317="CLAY", INDEX(D$4:D317, MATCH("CLAY", C$4:C317, 0)), "")</f>
        <v>0.75203252561341039</v>
      </c>
    </row>
    <row r="318" spans="1:6" x14ac:dyDescent="0.2">
      <c r="A318" s="239">
        <f>'CPT Data'!B326</f>
        <v>2.762</v>
      </c>
      <c r="B318" s="3">
        <f>'CPT Data'!C326</f>
        <v>2.7549999999999999</v>
      </c>
      <c r="C318" t="str">
        <f>'CPT Data'!P326</f>
        <v>CLAY</v>
      </c>
      <c r="D318">
        <f>'CPT Data'!Q326</f>
        <v>12.298320883944635</v>
      </c>
      <c r="E318">
        <f t="shared" si="5"/>
        <v>12.03450999202977</v>
      </c>
      <c r="F318">
        <f>IF(C318="CLAY", INDEX(D$4:D318, MATCH("CLAY", C$4:C318, 0)), "")</f>
        <v>0.75203252561341039</v>
      </c>
    </row>
    <row r="319" spans="1:6" x14ac:dyDescent="0.2">
      <c r="A319" s="239">
        <f>'CPT Data'!B327</f>
        <v>2.7709999999999999</v>
      </c>
      <c r="B319" s="3">
        <f>'CPT Data'!C327</f>
        <v>2.7639999999999998</v>
      </c>
      <c r="C319" t="str">
        <f>'CPT Data'!P327</f>
        <v>CLAY</v>
      </c>
      <c r="D319">
        <f>'CPT Data'!Q327</f>
        <v>11.575514352036317</v>
      </c>
      <c r="E319">
        <f t="shared" si="5"/>
        <v>12.298320883944635</v>
      </c>
      <c r="F319">
        <f>IF(C319="CLAY", INDEX(D$4:D319, MATCH("CLAY", C$4:C319, 0)), "")</f>
        <v>0.75203252561341039</v>
      </c>
    </row>
    <row r="320" spans="1:6" x14ac:dyDescent="0.2">
      <c r="A320" s="239">
        <f>'CPT Data'!B328</f>
        <v>2.782</v>
      </c>
      <c r="B320" s="3">
        <f>'CPT Data'!C328</f>
        <v>2.7749999999999999</v>
      </c>
      <c r="C320" t="str">
        <f>'CPT Data'!P328</f>
        <v>CLAY</v>
      </c>
      <c r="D320">
        <f>'CPT Data'!Q328</f>
        <v>11.082791748931799</v>
      </c>
      <c r="E320">
        <f t="shared" si="5"/>
        <v>11.575514352036317</v>
      </c>
      <c r="F320">
        <f>IF(C320="CLAY", INDEX(D$4:D320, MATCH("CLAY", C$4:C320, 0)), "")</f>
        <v>0.75203252561341039</v>
      </c>
    </row>
    <row r="321" spans="1:6" x14ac:dyDescent="0.2">
      <c r="A321" s="239">
        <f>'CPT Data'!B329</f>
        <v>2.7909999999999999</v>
      </c>
      <c r="B321" s="3">
        <f>'CPT Data'!C329</f>
        <v>2.7839999999999998</v>
      </c>
      <c r="C321" t="str">
        <f>'CPT Data'!P329</f>
        <v>CLAY</v>
      </c>
      <c r="D321">
        <f>'CPT Data'!Q329</f>
        <v>11.097103196076423</v>
      </c>
      <c r="E321">
        <f t="shared" si="5"/>
        <v>11.082791748931799</v>
      </c>
      <c r="F321">
        <f>IF(C321="CLAY", INDEX(D$4:D321, MATCH("CLAY", C$4:C321, 0)), "")</f>
        <v>0.75203252561341039</v>
      </c>
    </row>
    <row r="322" spans="1:6" x14ac:dyDescent="0.2">
      <c r="A322" s="239">
        <f>'CPT Data'!B330</f>
        <v>2.802</v>
      </c>
      <c r="B322" s="3">
        <f>'CPT Data'!C330</f>
        <v>2.7949999999999999</v>
      </c>
      <c r="C322" t="str">
        <f>'CPT Data'!P330</f>
        <v>CLAY</v>
      </c>
      <c r="D322">
        <f>'CPT Data'!Q330</f>
        <v>11.165459270274333</v>
      </c>
      <c r="E322">
        <f t="shared" si="5"/>
        <v>11.097103196076423</v>
      </c>
      <c r="F322">
        <f>IF(C322="CLAY", INDEX(D$4:D322, MATCH("CLAY", C$4:C322, 0)), "")</f>
        <v>0.75203252561341039</v>
      </c>
    </row>
    <row r="323" spans="1:6" x14ac:dyDescent="0.2">
      <c r="A323" s="239">
        <f>'CPT Data'!B331</f>
        <v>2.8119999999999998</v>
      </c>
      <c r="B323" s="3">
        <f>'CPT Data'!C331</f>
        <v>2.8049999999999997</v>
      </c>
      <c r="C323" t="str">
        <f>'CPT Data'!P331</f>
        <v>CLAY</v>
      </c>
      <c r="D323">
        <f>'CPT Data'!Q331</f>
        <v>10.895489816067794</v>
      </c>
      <c r="E323">
        <f t="shared" si="5"/>
        <v>11.165459270274333</v>
      </c>
      <c r="F323">
        <f>IF(C323="CLAY", INDEX(D$4:D323, MATCH("CLAY", C$4:C323, 0)), "")</f>
        <v>0.75203252561341039</v>
      </c>
    </row>
    <row r="324" spans="1:6" x14ac:dyDescent="0.2">
      <c r="A324" s="239">
        <f>'CPT Data'!B332</f>
        <v>2.8220000000000001</v>
      </c>
      <c r="B324" s="3">
        <f>'CPT Data'!C332</f>
        <v>2.8149999999999999</v>
      </c>
      <c r="C324" t="str">
        <f>'CPT Data'!P332</f>
        <v>CLAY</v>
      </c>
      <c r="D324">
        <f>'CPT Data'!Q332</f>
        <v>10.922133816766655</v>
      </c>
      <c r="E324">
        <f t="shared" si="5"/>
        <v>10.895489816067794</v>
      </c>
      <c r="F324">
        <f>IF(C324="CLAY", INDEX(D$4:D324, MATCH("CLAY", C$4:C324, 0)), "")</f>
        <v>0.75203252561341039</v>
      </c>
    </row>
    <row r="325" spans="1:6" x14ac:dyDescent="0.2">
      <c r="A325" s="239">
        <f>'CPT Data'!B333</f>
        <v>2.8730000000000002</v>
      </c>
      <c r="B325" s="3">
        <f>'CPT Data'!C333</f>
        <v>2.8660000000000001</v>
      </c>
      <c r="C325" t="str">
        <f>'CPT Data'!P333</f>
        <v>CLAY</v>
      </c>
      <c r="D325">
        <f>'CPT Data'!Q333</f>
        <v>11.081684872535027</v>
      </c>
      <c r="E325">
        <f t="shared" si="5"/>
        <v>10.922133816766655</v>
      </c>
      <c r="F325">
        <f>IF(C325="CLAY", INDEX(D$4:D325, MATCH("CLAY", C$4:C325, 0)), "")</f>
        <v>0.75203252561341039</v>
      </c>
    </row>
    <row r="326" spans="1:6" x14ac:dyDescent="0.2">
      <c r="A326" s="239">
        <f>'CPT Data'!B334</f>
        <v>2.8820000000000001</v>
      </c>
      <c r="B326" s="3">
        <f>'CPT Data'!C334</f>
        <v>2.875</v>
      </c>
      <c r="C326" t="str">
        <f>'CPT Data'!P334</f>
        <v>CLAY</v>
      </c>
      <c r="D326">
        <f>'CPT Data'!Q334</f>
        <v>11.484637869355964</v>
      </c>
      <c r="E326">
        <f t="shared" si="5"/>
        <v>11.081684872535027</v>
      </c>
      <c r="F326">
        <f>IF(C326="CLAY", INDEX(D$4:D326, MATCH("CLAY", C$4:C326, 0)), "")</f>
        <v>0.75203252561341039</v>
      </c>
    </row>
    <row r="327" spans="1:6" x14ac:dyDescent="0.2">
      <c r="A327" s="239">
        <f>'CPT Data'!B335</f>
        <v>2.8919999999999999</v>
      </c>
      <c r="B327" s="3">
        <f>'CPT Data'!C335</f>
        <v>2.8849999999999998</v>
      </c>
      <c r="C327" t="str">
        <f>'CPT Data'!P335</f>
        <v>CLAY</v>
      </c>
      <c r="D327">
        <f>'CPT Data'!Q335</f>
        <v>11.676677819309802</v>
      </c>
      <c r="E327">
        <f t="shared" si="5"/>
        <v>11.484637869355964</v>
      </c>
      <c r="F327">
        <f>IF(C327="CLAY", INDEX(D$4:D327, MATCH("CLAY", C$4:C327, 0)), "")</f>
        <v>0.75203252561341039</v>
      </c>
    </row>
    <row r="328" spans="1:6" x14ac:dyDescent="0.2">
      <c r="A328" s="239">
        <f>'CPT Data'!B336</f>
        <v>2.903</v>
      </c>
      <c r="B328" s="3">
        <f>'CPT Data'!C336</f>
        <v>2.8959999999999999</v>
      </c>
      <c r="C328" t="str">
        <f>'CPT Data'!P336</f>
        <v>CLAY</v>
      </c>
      <c r="D328">
        <f>'CPT Data'!Q336</f>
        <v>11.861099177677438</v>
      </c>
      <c r="E328">
        <f t="shared" si="5"/>
        <v>11.676677819309802</v>
      </c>
      <c r="F328">
        <f>IF(C328="CLAY", INDEX(D$4:D328, MATCH("CLAY", C$4:C328, 0)), "")</f>
        <v>0.75203252561341039</v>
      </c>
    </row>
    <row r="329" spans="1:6" x14ac:dyDescent="0.2">
      <c r="A329" s="239">
        <f>'CPT Data'!B337</f>
        <v>2.9119999999999999</v>
      </c>
      <c r="B329" s="3">
        <f>'CPT Data'!C337</f>
        <v>2.9049999999999998</v>
      </c>
      <c r="C329" t="str">
        <f>'CPT Data'!P337</f>
        <v>CLAY</v>
      </c>
      <c r="D329">
        <f>'CPT Data'!Q337</f>
        <v>12.091244134604379</v>
      </c>
      <c r="E329">
        <f t="shared" si="5"/>
        <v>11.861099177677438</v>
      </c>
      <c r="F329">
        <f>IF(C329="CLAY", INDEX(D$4:D329, MATCH("CLAY", C$4:C329, 0)), "")</f>
        <v>0.75203252561341039</v>
      </c>
    </row>
    <row r="330" spans="1:6" x14ac:dyDescent="0.2">
      <c r="A330" s="239">
        <f>'CPT Data'!B338</f>
        <v>2.923</v>
      </c>
      <c r="B330" s="3">
        <f>'CPT Data'!C338</f>
        <v>2.9159999999999999</v>
      </c>
      <c r="C330" t="str">
        <f>'CPT Data'!P338</f>
        <v>CLAY</v>
      </c>
      <c r="D330">
        <f>'CPT Data'!Q338</f>
        <v>12.093364473640575</v>
      </c>
      <c r="E330">
        <f t="shared" si="5"/>
        <v>12.091244134604379</v>
      </c>
      <c r="F330">
        <f>IF(C330="CLAY", INDEX(D$4:D330, MATCH("CLAY", C$4:C330, 0)), "")</f>
        <v>0.75203252561341039</v>
      </c>
    </row>
    <row r="331" spans="1:6" x14ac:dyDescent="0.2">
      <c r="A331" s="239">
        <f>'CPT Data'!B339</f>
        <v>2.9329999999999998</v>
      </c>
      <c r="B331" s="3">
        <f>'CPT Data'!C339</f>
        <v>2.9259999999999997</v>
      </c>
      <c r="C331" t="str">
        <f>'CPT Data'!P339</f>
        <v>CLAY</v>
      </c>
      <c r="D331">
        <f>'CPT Data'!Q339</f>
        <v>12.05768865056414</v>
      </c>
      <c r="E331">
        <f t="shared" si="5"/>
        <v>12.093364473640575</v>
      </c>
      <c r="F331">
        <f>IF(C331="CLAY", INDEX(D$4:D331, MATCH("CLAY", C$4:C331, 0)), "")</f>
        <v>0.75203252561341039</v>
      </c>
    </row>
    <row r="332" spans="1:6" x14ac:dyDescent="0.2">
      <c r="A332" s="239">
        <f>'CPT Data'!B340</f>
        <v>2.9420000000000002</v>
      </c>
      <c r="B332" s="3">
        <f>'CPT Data'!C340</f>
        <v>2.9350000000000001</v>
      </c>
      <c r="C332" t="str">
        <f>'CPT Data'!P340</f>
        <v>CLAY</v>
      </c>
      <c r="D332">
        <f>'CPT Data'!Q340</f>
        <v>11.884112826320655</v>
      </c>
      <c r="E332">
        <f t="shared" si="5"/>
        <v>12.05768865056414</v>
      </c>
      <c r="F332">
        <f>IF(C332="CLAY", INDEX(D$4:D332, MATCH("CLAY", C$4:C332, 0)), "")</f>
        <v>0.75203252561341039</v>
      </c>
    </row>
    <row r="333" spans="1:6" x14ac:dyDescent="0.2">
      <c r="A333" s="239">
        <f>'CPT Data'!B341</f>
        <v>2.9529999999999998</v>
      </c>
      <c r="B333" s="3">
        <f>'CPT Data'!C341</f>
        <v>2.9459999999999997</v>
      </c>
      <c r="C333" t="str">
        <f>'CPT Data'!P341</f>
        <v>CLAY</v>
      </c>
      <c r="D333">
        <f>'CPT Data'!Q341</f>
        <v>11.643861213753366</v>
      </c>
      <c r="E333">
        <f t="shared" si="5"/>
        <v>11.884112826320655</v>
      </c>
      <c r="F333">
        <f>IF(C333="CLAY", INDEX(D$4:D333, MATCH("CLAY", C$4:C333, 0)), "")</f>
        <v>0.75203252561341039</v>
      </c>
    </row>
    <row r="334" spans="1:6" x14ac:dyDescent="0.2">
      <c r="A334" s="239">
        <f>'CPT Data'!B342</f>
        <v>2.9620000000000002</v>
      </c>
      <c r="B334" s="3">
        <f>'CPT Data'!C342</f>
        <v>2.9550000000000001</v>
      </c>
      <c r="C334" t="str">
        <f>'CPT Data'!P342</f>
        <v>CLAY</v>
      </c>
      <c r="D334">
        <f>'CPT Data'!Q342</f>
        <v>11.372348167423523</v>
      </c>
      <c r="E334">
        <f t="shared" si="5"/>
        <v>11.643861213753366</v>
      </c>
      <c r="F334">
        <f>IF(C334="CLAY", INDEX(D$4:D334, MATCH("CLAY", C$4:C334, 0)), "")</f>
        <v>0.75203252561341039</v>
      </c>
    </row>
    <row r="335" spans="1:6" x14ac:dyDescent="0.2">
      <c r="A335" s="239">
        <f>'CPT Data'!B343</f>
        <v>2.9729999999999999</v>
      </c>
      <c r="B335" s="3">
        <f>'CPT Data'!C343</f>
        <v>2.9659999999999997</v>
      </c>
      <c r="C335" t="str">
        <f>'CPT Data'!P343</f>
        <v>CLAY</v>
      </c>
      <c r="D335">
        <f>'CPT Data'!Q343</f>
        <v>11.068176536279937</v>
      </c>
      <c r="E335">
        <f t="shared" si="5"/>
        <v>11.372348167423523</v>
      </c>
      <c r="F335">
        <f>IF(C335="CLAY", INDEX(D$4:D335, MATCH("CLAY", C$4:C335, 0)), "")</f>
        <v>0.75203252561341039</v>
      </c>
    </row>
    <row r="336" spans="1:6" x14ac:dyDescent="0.2">
      <c r="A336" s="239">
        <f>'CPT Data'!B344</f>
        <v>3.032</v>
      </c>
      <c r="B336" s="3">
        <f>'CPT Data'!C344</f>
        <v>3.0249999999999999</v>
      </c>
      <c r="C336" t="str">
        <f>'CPT Data'!P344</f>
        <v>CLAY</v>
      </c>
      <c r="D336">
        <f>'CPT Data'!Q344</f>
        <v>8.4225273028374783</v>
      </c>
      <c r="E336">
        <f t="shared" si="5"/>
        <v>11.068176536279937</v>
      </c>
      <c r="F336">
        <f>IF(C336="CLAY", INDEX(D$4:D336, MATCH("CLAY", C$4:C336, 0)), "")</f>
        <v>0.75203252561341039</v>
      </c>
    </row>
    <row r="337" spans="1:6" x14ac:dyDescent="0.2">
      <c r="A337" s="239">
        <f>'CPT Data'!B345</f>
        <v>3.0419999999999998</v>
      </c>
      <c r="B337" s="3">
        <f>'CPT Data'!C345</f>
        <v>3.0349999999999997</v>
      </c>
      <c r="C337" t="str">
        <f>'CPT Data'!P345</f>
        <v>CLAY</v>
      </c>
      <c r="D337">
        <f>'CPT Data'!Q345</f>
        <v>8.3446280021376111</v>
      </c>
      <c r="E337">
        <f t="shared" si="5"/>
        <v>8.4225273028374783</v>
      </c>
      <c r="F337">
        <f>IF(C337="CLAY", INDEX(D$4:D337, MATCH("CLAY", C$4:C337, 0)), "")</f>
        <v>0.75203252561341039</v>
      </c>
    </row>
    <row r="338" spans="1:6" x14ac:dyDescent="0.2">
      <c r="A338" s="239">
        <f>'CPT Data'!B346</f>
        <v>3.0529999999999999</v>
      </c>
      <c r="B338" s="3">
        <f>'CPT Data'!C346</f>
        <v>3.0459999999999998</v>
      </c>
      <c r="C338" t="str">
        <f>'CPT Data'!P346</f>
        <v>CLAY</v>
      </c>
      <c r="D338">
        <f>'CPT Data'!Q346</f>
        <v>8.5613050896331391</v>
      </c>
      <c r="E338">
        <f t="shared" si="5"/>
        <v>8.3446280021376111</v>
      </c>
      <c r="F338">
        <f>IF(C338="CLAY", INDEX(D$4:D338, MATCH("CLAY", C$4:C338, 0)), "")</f>
        <v>0.75203252561341039</v>
      </c>
    </row>
    <row r="339" spans="1:6" x14ac:dyDescent="0.2">
      <c r="A339" s="239">
        <f>'CPT Data'!B347</f>
        <v>3.0619999999999998</v>
      </c>
      <c r="B339" s="3">
        <f>'CPT Data'!C347</f>
        <v>3.0549999999999997</v>
      </c>
      <c r="C339" t="str">
        <f>'CPT Data'!P347</f>
        <v>CLAY</v>
      </c>
      <c r="D339">
        <f>'CPT Data'!Q347</f>
        <v>8.5125734160003681</v>
      </c>
      <c r="E339">
        <f t="shared" si="5"/>
        <v>8.5613050896331391</v>
      </c>
      <c r="F339">
        <f>IF(C339="CLAY", INDEX(D$4:D339, MATCH("CLAY", C$4:C339, 0)), "")</f>
        <v>0.75203252561341039</v>
      </c>
    </row>
    <row r="340" spans="1:6" x14ac:dyDescent="0.2">
      <c r="A340" s="239">
        <f>'CPT Data'!B348</f>
        <v>3.0720000000000001</v>
      </c>
      <c r="B340" s="3">
        <f>'CPT Data'!C348</f>
        <v>3.0649999999999999</v>
      </c>
      <c r="C340" t="str">
        <f>'CPT Data'!P348</f>
        <v>CLAY</v>
      </c>
      <c r="D340">
        <f>'CPT Data'!Q348</f>
        <v>8.6394986778635516</v>
      </c>
      <c r="E340">
        <f t="shared" si="5"/>
        <v>8.5125734160003681</v>
      </c>
      <c r="F340">
        <f>IF(C340="CLAY", INDEX(D$4:D340, MATCH("CLAY", C$4:C340, 0)), "")</f>
        <v>0.75203252561341039</v>
      </c>
    </row>
    <row r="341" spans="1:6" x14ac:dyDescent="0.2">
      <c r="A341" s="239">
        <f>'CPT Data'!B349</f>
        <v>3.0819999999999999</v>
      </c>
      <c r="B341" s="3">
        <f>'CPT Data'!C349</f>
        <v>3.0749999999999997</v>
      </c>
      <c r="C341" t="str">
        <f>'CPT Data'!P349</f>
        <v>CLAY</v>
      </c>
      <c r="D341">
        <f>'CPT Data'!Q349</f>
        <v>8.6920868962092968</v>
      </c>
      <c r="E341">
        <f t="shared" si="5"/>
        <v>8.6394986778635516</v>
      </c>
      <c r="F341">
        <f>IF(C341="CLAY", INDEX(D$4:D341, MATCH("CLAY", C$4:C341, 0)), "")</f>
        <v>0.75203252561341039</v>
      </c>
    </row>
    <row r="342" spans="1:6" x14ac:dyDescent="0.2">
      <c r="A342" s="239">
        <f>'CPT Data'!B350</f>
        <v>3.0920000000000001</v>
      </c>
      <c r="B342" s="3">
        <f>'CPT Data'!C350</f>
        <v>3.085</v>
      </c>
      <c r="C342" t="str">
        <f>'CPT Data'!P350</f>
        <v>CLAY</v>
      </c>
      <c r="D342">
        <f>'CPT Data'!Q350</f>
        <v>8.8559196688720707</v>
      </c>
      <c r="E342">
        <f t="shared" si="5"/>
        <v>8.6920868962092968</v>
      </c>
      <c r="F342">
        <f>IF(C342="CLAY", INDEX(D$4:D342, MATCH("CLAY", C$4:C342, 0)), "")</f>
        <v>0.75203252561341039</v>
      </c>
    </row>
    <row r="343" spans="1:6" x14ac:dyDescent="0.2">
      <c r="A343" s="239">
        <f>'CPT Data'!B351</f>
        <v>3.101</v>
      </c>
      <c r="B343" s="3">
        <f>'CPT Data'!C351</f>
        <v>3.0939999999999999</v>
      </c>
      <c r="C343" t="str">
        <f>'CPT Data'!P351</f>
        <v>CLAY</v>
      </c>
      <c r="D343">
        <f>'CPT Data'!Q351</f>
        <v>9.0573889427749616</v>
      </c>
      <c r="E343">
        <f t="shared" si="5"/>
        <v>8.8559196688720707</v>
      </c>
      <c r="F343">
        <f>IF(C343="CLAY", INDEX(D$4:D343, MATCH("CLAY", C$4:C343, 0)), "")</f>
        <v>0.75203252561341039</v>
      </c>
    </row>
    <row r="344" spans="1:6" x14ac:dyDescent="0.2">
      <c r="A344" s="239">
        <f>'CPT Data'!B352</f>
        <v>3.1120000000000001</v>
      </c>
      <c r="B344" s="3">
        <f>'CPT Data'!C352</f>
        <v>3.105</v>
      </c>
      <c r="C344" t="str">
        <f>'CPT Data'!P352</f>
        <v>CLAY</v>
      </c>
      <c r="D344">
        <f>'CPT Data'!Q352</f>
        <v>9.203114678951243</v>
      </c>
      <c r="E344">
        <f t="shared" si="5"/>
        <v>9.0573889427749616</v>
      </c>
      <c r="F344">
        <f>IF(C344="CLAY", INDEX(D$4:D344, MATCH("CLAY", C$4:C344, 0)), "")</f>
        <v>0.75203252561341039</v>
      </c>
    </row>
    <row r="345" spans="1:6" x14ac:dyDescent="0.2">
      <c r="A345" s="239">
        <f>'CPT Data'!B353</f>
        <v>3.121</v>
      </c>
      <c r="B345" s="3">
        <f>'CPT Data'!C353</f>
        <v>3.1139999999999999</v>
      </c>
      <c r="C345" t="str">
        <f>'CPT Data'!P353</f>
        <v>CLAY</v>
      </c>
      <c r="D345">
        <f>'CPT Data'!Q353</f>
        <v>9.3238194319525416</v>
      </c>
      <c r="E345">
        <f t="shared" si="5"/>
        <v>9.203114678951243</v>
      </c>
      <c r="F345">
        <f>IF(C345="CLAY", INDEX(D$4:D345, MATCH("CLAY", C$4:C345, 0)), "")</f>
        <v>0.75203252561341039</v>
      </c>
    </row>
    <row r="346" spans="1:6" x14ac:dyDescent="0.2">
      <c r="A346" s="239">
        <f>'CPT Data'!B354</f>
        <v>3.1320000000000001</v>
      </c>
      <c r="B346" s="3">
        <f>'CPT Data'!C354</f>
        <v>3.125</v>
      </c>
      <c r="C346" t="str">
        <f>'CPT Data'!P354</f>
        <v>CLAY</v>
      </c>
      <c r="D346">
        <f>'CPT Data'!Q354</f>
        <v>9.3233287599698418</v>
      </c>
      <c r="E346">
        <f t="shared" si="5"/>
        <v>9.3238194319525416</v>
      </c>
      <c r="F346">
        <f>IF(C346="CLAY", INDEX(D$4:D346, MATCH("CLAY", C$4:C346, 0)), "")</f>
        <v>0.75203252561341039</v>
      </c>
    </row>
    <row r="347" spans="1:6" x14ac:dyDescent="0.2">
      <c r="A347" s="239">
        <f>'CPT Data'!B355</f>
        <v>3.1419999999999999</v>
      </c>
      <c r="B347" s="3">
        <f>'CPT Data'!C355</f>
        <v>3.1349999999999998</v>
      </c>
      <c r="C347" t="str">
        <f>'CPT Data'!P355</f>
        <v>CLAY</v>
      </c>
      <c r="D347">
        <f>'CPT Data'!Q355</f>
        <v>9.3110300593188544</v>
      </c>
      <c r="E347">
        <f t="shared" ref="E347:E410" si="6">IF(C347="SAND",#N/A,IF(C347=C346,D346,IF(C347="CLAY",D347,#N/A)))</f>
        <v>9.3233287599698418</v>
      </c>
      <c r="F347">
        <f>IF(C347="CLAY", INDEX(D$4:D347, MATCH("CLAY", C$4:C347, 0)), "")</f>
        <v>0.75203252561341039</v>
      </c>
    </row>
    <row r="348" spans="1:6" x14ac:dyDescent="0.2">
      <c r="A348" s="239">
        <f>'CPT Data'!B356</f>
        <v>3.1520000000000001</v>
      </c>
      <c r="B348" s="3">
        <f>'CPT Data'!C356</f>
        <v>3.145</v>
      </c>
      <c r="C348" t="str">
        <f>'CPT Data'!P356</f>
        <v>CLAY</v>
      </c>
      <c r="D348">
        <f>'CPT Data'!Q356</f>
        <v>9.1206968110945379</v>
      </c>
      <c r="E348">
        <f t="shared" si="6"/>
        <v>9.3110300593188544</v>
      </c>
      <c r="F348">
        <f>IF(C348="CLAY", INDEX(D$4:D348, MATCH("CLAY", C$4:C348, 0)), "")</f>
        <v>0.75203252561341039</v>
      </c>
    </row>
    <row r="349" spans="1:6" x14ac:dyDescent="0.2">
      <c r="A349" s="239">
        <f>'CPT Data'!B357</f>
        <v>3.1619999999999999</v>
      </c>
      <c r="B349" s="3">
        <f>'CPT Data'!C357</f>
        <v>3.1549999999999998</v>
      </c>
      <c r="C349" t="str">
        <f>'CPT Data'!P357</f>
        <v>CLAY</v>
      </c>
      <c r="D349">
        <f>'CPT Data'!Q357</f>
        <v>8.4428039321918078</v>
      </c>
      <c r="E349">
        <f t="shared" si="6"/>
        <v>9.1206968110945379</v>
      </c>
      <c r="F349">
        <f>IF(C349="CLAY", INDEX(D$4:D349, MATCH("CLAY", C$4:C349, 0)), "")</f>
        <v>0.75203252561341039</v>
      </c>
    </row>
    <row r="350" spans="1:6" x14ac:dyDescent="0.2">
      <c r="A350" s="239">
        <f>'CPT Data'!B358</f>
        <v>3.1720000000000002</v>
      </c>
      <c r="B350" s="3">
        <f>'CPT Data'!C358</f>
        <v>3.165</v>
      </c>
      <c r="C350" t="str">
        <f>'CPT Data'!P358</f>
        <v>CLAY</v>
      </c>
      <c r="D350">
        <f>'CPT Data'!Q358</f>
        <v>7.8310948266519604</v>
      </c>
      <c r="E350">
        <f t="shared" si="6"/>
        <v>8.4428039321918078</v>
      </c>
      <c r="F350">
        <f>IF(C350="CLAY", INDEX(D$4:D350, MATCH("CLAY", C$4:C350, 0)), "")</f>
        <v>0.75203252561341039</v>
      </c>
    </row>
    <row r="351" spans="1:6" x14ac:dyDescent="0.2">
      <c r="A351" s="239">
        <f>'CPT Data'!B359</f>
        <v>3.1829999999999998</v>
      </c>
      <c r="B351" s="3">
        <f>'CPT Data'!C359</f>
        <v>3.1759999999999997</v>
      </c>
      <c r="C351" t="str">
        <f>'CPT Data'!P359</f>
        <v>CLAY</v>
      </c>
      <c r="D351">
        <f>'CPT Data'!Q359</f>
        <v>7.1766507432636262</v>
      </c>
      <c r="E351">
        <f t="shared" si="6"/>
        <v>7.8310948266519604</v>
      </c>
      <c r="F351">
        <f>IF(C351="CLAY", INDEX(D$4:D351, MATCH("CLAY", C$4:C351, 0)), "")</f>
        <v>0.75203252561341039</v>
      </c>
    </row>
    <row r="352" spans="1:6" x14ac:dyDescent="0.2">
      <c r="A352" s="239">
        <f>'CPT Data'!B360</f>
        <v>3.1930000000000001</v>
      </c>
      <c r="B352" s="3">
        <f>'CPT Data'!C360</f>
        <v>3.1859999999999999</v>
      </c>
      <c r="C352" t="str">
        <f>'CPT Data'!P360</f>
        <v>CLAY</v>
      </c>
      <c r="D352">
        <f>'CPT Data'!Q360</f>
        <v>6.5387313152605309</v>
      </c>
      <c r="E352">
        <f t="shared" si="6"/>
        <v>7.1766507432636262</v>
      </c>
      <c r="F352">
        <f>IF(C352="CLAY", INDEX(D$4:D352, MATCH("CLAY", C$4:C352, 0)), "")</f>
        <v>0.75203252561341039</v>
      </c>
    </row>
    <row r="353" spans="1:6" x14ac:dyDescent="0.2">
      <c r="A353" s="239">
        <f>'CPT Data'!B361</f>
        <v>3.202</v>
      </c>
      <c r="B353" s="3">
        <f>'CPT Data'!C361</f>
        <v>3.1949999999999998</v>
      </c>
      <c r="C353" t="str">
        <f>'CPT Data'!P361</f>
        <v>CLAY</v>
      </c>
      <c r="D353">
        <f>'CPT Data'!Q361</f>
        <v>6.2784017203955429</v>
      </c>
      <c r="E353">
        <f t="shared" si="6"/>
        <v>6.5387313152605309</v>
      </c>
      <c r="F353">
        <f>IF(C353="CLAY", INDEX(D$4:D353, MATCH("CLAY", C$4:C353, 0)), "")</f>
        <v>0.75203252561341039</v>
      </c>
    </row>
    <row r="354" spans="1:6" x14ac:dyDescent="0.2">
      <c r="A354" s="239">
        <f>'CPT Data'!B362</f>
        <v>3.2120000000000002</v>
      </c>
      <c r="B354" s="3">
        <f>'CPT Data'!C362</f>
        <v>3.2050000000000001</v>
      </c>
      <c r="C354" t="str">
        <f>'CPT Data'!P362</f>
        <v>CLAY</v>
      </c>
      <c r="D354">
        <f>'CPT Data'!Q362</f>
        <v>5.8005780945242398</v>
      </c>
      <c r="E354">
        <f t="shared" si="6"/>
        <v>6.2784017203955429</v>
      </c>
      <c r="F354">
        <f>IF(C354="CLAY", INDEX(D$4:D354, MATCH("CLAY", C$4:C354, 0)), "")</f>
        <v>0.75203252561341039</v>
      </c>
    </row>
    <row r="355" spans="1:6" x14ac:dyDescent="0.2">
      <c r="A355" s="239">
        <f>'CPT Data'!B363</f>
        <v>3.2229999999999999</v>
      </c>
      <c r="B355" s="3">
        <f>'CPT Data'!C363</f>
        <v>3.2159999999999997</v>
      </c>
      <c r="C355" t="str">
        <f>'CPT Data'!P363</f>
        <v>CLAY</v>
      </c>
      <c r="D355">
        <f>'CPT Data'!Q363</f>
        <v>5.4861407368029136</v>
      </c>
      <c r="E355">
        <f t="shared" si="6"/>
        <v>5.8005780945242398</v>
      </c>
      <c r="F355">
        <f>IF(C355="CLAY", INDEX(D$4:D355, MATCH("CLAY", C$4:C355, 0)), "")</f>
        <v>0.75203252561341039</v>
      </c>
    </row>
    <row r="356" spans="1:6" x14ac:dyDescent="0.2">
      <c r="A356" s="239">
        <f>'CPT Data'!B364</f>
        <v>3.2320000000000002</v>
      </c>
      <c r="B356" s="3">
        <f>'CPT Data'!C364</f>
        <v>3.2250000000000001</v>
      </c>
      <c r="C356" t="str">
        <f>'CPT Data'!P364</f>
        <v>CLAY</v>
      </c>
      <c r="D356">
        <f>'CPT Data'!Q364</f>
        <v>5.3590492493064685</v>
      </c>
      <c r="E356">
        <f t="shared" si="6"/>
        <v>5.4861407368029136</v>
      </c>
      <c r="F356">
        <f>IF(C356="CLAY", INDEX(D$4:D356, MATCH("CLAY", C$4:C356, 0)), "")</f>
        <v>0.75203252561341039</v>
      </c>
    </row>
    <row r="357" spans="1:6" x14ac:dyDescent="0.2">
      <c r="A357" s="239">
        <f>'CPT Data'!B365</f>
        <v>3.242</v>
      </c>
      <c r="B357" s="3">
        <f>'CPT Data'!C365</f>
        <v>3.2349999999999999</v>
      </c>
      <c r="C357" t="str">
        <f>'CPT Data'!P365</f>
        <v>CLAY</v>
      </c>
      <c r="D357">
        <f>'CPT Data'!Q365</f>
        <v>4.200173980010538</v>
      </c>
      <c r="E357">
        <f t="shared" si="6"/>
        <v>5.3590492493064685</v>
      </c>
      <c r="F357">
        <f>IF(C357="CLAY", INDEX(D$4:D357, MATCH("CLAY", C$4:C357, 0)), "")</f>
        <v>0.75203252561341039</v>
      </c>
    </row>
    <row r="358" spans="1:6" x14ac:dyDescent="0.2">
      <c r="A358" s="239">
        <f>'CPT Data'!B366</f>
        <v>3.2519999999999998</v>
      </c>
      <c r="B358" s="3">
        <f>'CPT Data'!C366</f>
        <v>3.2449999999999997</v>
      </c>
      <c r="C358" t="str">
        <f>'CPT Data'!P366</f>
        <v>CLAY</v>
      </c>
      <c r="D358">
        <f>'CPT Data'!Q366</f>
        <v>4.5356657913122023</v>
      </c>
      <c r="E358">
        <f t="shared" si="6"/>
        <v>4.200173980010538</v>
      </c>
      <c r="F358">
        <f>IF(C358="CLAY", INDEX(D$4:D358, MATCH("CLAY", C$4:C358, 0)), "")</f>
        <v>0.75203252561341039</v>
      </c>
    </row>
    <row r="359" spans="1:6" x14ac:dyDescent="0.2">
      <c r="A359" s="239">
        <f>'CPT Data'!B367</f>
        <v>3.2629999999999999</v>
      </c>
      <c r="B359" s="3">
        <f>'CPT Data'!C367</f>
        <v>3.2559999999999998</v>
      </c>
      <c r="C359" t="str">
        <f>'CPT Data'!P367</f>
        <v>CLAY</v>
      </c>
      <c r="D359">
        <f>'CPT Data'!Q367</f>
        <v>5.6038546490476859</v>
      </c>
      <c r="E359">
        <f t="shared" si="6"/>
        <v>4.5356657913122023</v>
      </c>
      <c r="F359">
        <f>IF(C359="CLAY", INDEX(D$4:D359, MATCH("CLAY", C$4:C359, 0)), "")</f>
        <v>0.75203252561341039</v>
      </c>
    </row>
    <row r="360" spans="1:6" x14ac:dyDescent="0.2">
      <c r="A360" s="239">
        <f>'CPT Data'!B368</f>
        <v>3.2719999999999998</v>
      </c>
      <c r="B360" s="3">
        <f>'CPT Data'!C368</f>
        <v>3.2649999999999997</v>
      </c>
      <c r="C360" t="str">
        <f>'CPT Data'!P368</f>
        <v>CLAY</v>
      </c>
      <c r="D360">
        <f>'CPT Data'!Q368</f>
        <v>6.3825808493135412</v>
      </c>
      <c r="E360">
        <f t="shared" si="6"/>
        <v>5.6038546490476859</v>
      </c>
      <c r="F360">
        <f>IF(C360="CLAY", INDEX(D$4:D360, MATCH("CLAY", C$4:C360, 0)), "")</f>
        <v>0.75203252561341039</v>
      </c>
    </row>
    <row r="361" spans="1:6" x14ac:dyDescent="0.2">
      <c r="A361" s="239">
        <f>'CPT Data'!B369</f>
        <v>3.2829999999999999</v>
      </c>
      <c r="B361" s="3">
        <f>'CPT Data'!C369</f>
        <v>3.2759999999999998</v>
      </c>
      <c r="C361" t="str">
        <f>'CPT Data'!P369</f>
        <v>CLAY</v>
      </c>
      <c r="D361">
        <f>'CPT Data'!Q369</f>
        <v>7.2227837807188324</v>
      </c>
      <c r="E361">
        <f t="shared" si="6"/>
        <v>6.3825808493135412</v>
      </c>
      <c r="F361">
        <f>IF(C361="CLAY", INDEX(D$4:D361, MATCH("CLAY", C$4:C361, 0)), "")</f>
        <v>0.75203252561341039</v>
      </c>
    </row>
    <row r="362" spans="1:6" x14ac:dyDescent="0.2">
      <c r="A362" s="239">
        <f>'CPT Data'!B370</f>
        <v>3.2919999999999998</v>
      </c>
      <c r="B362" s="3">
        <f>'CPT Data'!C370</f>
        <v>3.2849999999999997</v>
      </c>
      <c r="C362" t="str">
        <f>'CPT Data'!P370</f>
        <v>CLAY</v>
      </c>
      <c r="D362">
        <f>'CPT Data'!Q370</f>
        <v>8.0963649370600859</v>
      </c>
      <c r="E362">
        <f t="shared" si="6"/>
        <v>7.2227837807188324</v>
      </c>
      <c r="F362">
        <f>IF(C362="CLAY", INDEX(D$4:D362, MATCH("CLAY", C$4:C362, 0)), "")</f>
        <v>0.75203252561341039</v>
      </c>
    </row>
    <row r="363" spans="1:6" x14ac:dyDescent="0.2">
      <c r="A363" s="239">
        <f>'CPT Data'!B371</f>
        <v>3.3029999999999999</v>
      </c>
      <c r="B363" s="3">
        <f>'CPT Data'!C371</f>
        <v>3.2959999999999998</v>
      </c>
      <c r="C363" t="str">
        <f>'CPT Data'!P371</f>
        <v>CLAY</v>
      </c>
      <c r="D363">
        <f>'CPT Data'!Q371</f>
        <v>8.5136784367654865</v>
      </c>
      <c r="E363">
        <f t="shared" si="6"/>
        <v>8.0963649370600859</v>
      </c>
      <c r="F363">
        <f>IF(C363="CLAY", INDEX(D$4:D363, MATCH("CLAY", C$4:C363, 0)), "")</f>
        <v>0.75203252561341039</v>
      </c>
    </row>
    <row r="364" spans="1:6" x14ac:dyDescent="0.2">
      <c r="A364" s="239">
        <f>'CPT Data'!B372</f>
        <v>3.3119999999999998</v>
      </c>
      <c r="B364" s="3">
        <f>'CPT Data'!C372</f>
        <v>3.3049999999999997</v>
      </c>
      <c r="C364" t="str">
        <f>'CPT Data'!P372</f>
        <v>CLAY</v>
      </c>
      <c r="D364">
        <f>'CPT Data'!Q372</f>
        <v>8.9452104295207082</v>
      </c>
      <c r="E364">
        <f t="shared" si="6"/>
        <v>8.5136784367654865</v>
      </c>
      <c r="F364">
        <f>IF(C364="CLAY", INDEX(D$4:D364, MATCH("CLAY", C$4:C364, 0)), "")</f>
        <v>0.75203252561341039</v>
      </c>
    </row>
    <row r="365" spans="1:6" x14ac:dyDescent="0.2">
      <c r="A365" s="239">
        <f>'CPT Data'!B373</f>
        <v>3.323</v>
      </c>
      <c r="B365" s="3">
        <f>'CPT Data'!C373</f>
        <v>3.3159999999999998</v>
      </c>
      <c r="C365" t="str">
        <f>'CPT Data'!P373</f>
        <v>CLAY</v>
      </c>
      <c r="D365">
        <f>'CPT Data'!Q373</f>
        <v>9.4464113376342809</v>
      </c>
      <c r="E365">
        <f t="shared" si="6"/>
        <v>8.9452104295207082</v>
      </c>
      <c r="F365">
        <f>IF(C365="CLAY", INDEX(D$4:D365, MATCH("CLAY", C$4:C365, 0)), "")</f>
        <v>0.75203252561341039</v>
      </c>
    </row>
    <row r="366" spans="1:6" x14ac:dyDescent="0.2">
      <c r="A366" s="239">
        <f>'CPT Data'!B374</f>
        <v>3.3319999999999999</v>
      </c>
      <c r="B366" s="3">
        <f>'CPT Data'!C374</f>
        <v>3.3249999999999997</v>
      </c>
      <c r="C366" t="str">
        <f>'CPT Data'!P374</f>
        <v>CLAY</v>
      </c>
      <c r="D366">
        <f>'CPT Data'!Q374</f>
        <v>10.04930912835083</v>
      </c>
      <c r="E366">
        <f t="shared" si="6"/>
        <v>9.4464113376342809</v>
      </c>
      <c r="F366">
        <f>IF(C366="CLAY", INDEX(D$4:D366, MATCH("CLAY", C$4:C366, 0)), "")</f>
        <v>0.75203252561341039</v>
      </c>
    </row>
    <row r="367" spans="1:6" x14ac:dyDescent="0.2">
      <c r="A367" s="239">
        <f>'CPT Data'!B375</f>
        <v>3.343</v>
      </c>
      <c r="B367" s="3">
        <f>'CPT Data'!C375</f>
        <v>3.3359999999999999</v>
      </c>
      <c r="C367" t="str">
        <f>'CPT Data'!P375</f>
        <v>CLAY</v>
      </c>
      <c r="D367">
        <f>'CPT Data'!Q375</f>
        <v>10.565025497147731</v>
      </c>
      <c r="E367">
        <f t="shared" si="6"/>
        <v>10.04930912835083</v>
      </c>
      <c r="F367">
        <f>IF(C367="CLAY", INDEX(D$4:D367, MATCH("CLAY", C$4:C367, 0)), "")</f>
        <v>0.75203252561341039</v>
      </c>
    </row>
    <row r="368" spans="1:6" x14ac:dyDescent="0.2">
      <c r="A368" s="239">
        <f>'CPT Data'!B376</f>
        <v>3.3530000000000002</v>
      </c>
      <c r="B368" s="3">
        <f>'CPT Data'!C376</f>
        <v>3.3460000000000001</v>
      </c>
      <c r="C368" t="str">
        <f>'CPT Data'!P376</f>
        <v>CLAY</v>
      </c>
      <c r="D368">
        <f>'CPT Data'!Q376</f>
        <v>10.820819320062947</v>
      </c>
      <c r="E368">
        <f t="shared" si="6"/>
        <v>10.565025497147731</v>
      </c>
      <c r="F368">
        <f>IF(C368="CLAY", INDEX(D$4:D368, MATCH("CLAY", C$4:C368, 0)), "")</f>
        <v>0.75203252561341039</v>
      </c>
    </row>
    <row r="369" spans="1:6" x14ac:dyDescent="0.2">
      <c r="A369" s="239">
        <f>'CPT Data'!B377</f>
        <v>3.363</v>
      </c>
      <c r="B369" s="3">
        <f>'CPT Data'!C377</f>
        <v>3.3559999999999999</v>
      </c>
      <c r="C369" t="str">
        <f>'CPT Data'!P377</f>
        <v>CLAY</v>
      </c>
      <c r="D369">
        <f>'CPT Data'!Q377</f>
        <v>11.058391094641749</v>
      </c>
      <c r="E369">
        <f t="shared" si="6"/>
        <v>10.820819320062947</v>
      </c>
      <c r="F369">
        <f>IF(C369="CLAY", INDEX(D$4:D369, MATCH("CLAY", C$4:C369, 0)), "")</f>
        <v>0.75203252561341039</v>
      </c>
    </row>
    <row r="370" spans="1:6" x14ac:dyDescent="0.2">
      <c r="A370" s="239">
        <f>'CPT Data'!B378</f>
        <v>3.3730000000000002</v>
      </c>
      <c r="B370" s="3">
        <f>'CPT Data'!C378</f>
        <v>3.3660000000000001</v>
      </c>
      <c r="C370" t="str">
        <f>'CPT Data'!P378</f>
        <v>CLAY</v>
      </c>
      <c r="D370">
        <f>'CPT Data'!Q378</f>
        <v>11.126993077310544</v>
      </c>
      <c r="E370">
        <f t="shared" si="6"/>
        <v>11.058391094641749</v>
      </c>
      <c r="F370">
        <f>IF(C370="CLAY", INDEX(D$4:D370, MATCH("CLAY", C$4:C370, 0)), "")</f>
        <v>0.75203252561341039</v>
      </c>
    </row>
    <row r="371" spans="1:6" x14ac:dyDescent="0.2">
      <c r="A371" s="239">
        <f>'CPT Data'!B379</f>
        <v>3.3839999999999999</v>
      </c>
      <c r="B371" s="3">
        <f>'CPT Data'!C379</f>
        <v>3.3769999999999998</v>
      </c>
      <c r="C371" t="str">
        <f>'CPT Data'!P379</f>
        <v>CLAY</v>
      </c>
      <c r="D371">
        <f>'CPT Data'!Q379</f>
        <v>11.085105060695213</v>
      </c>
      <c r="E371">
        <f t="shared" si="6"/>
        <v>11.126993077310544</v>
      </c>
      <c r="F371">
        <f>IF(C371="CLAY", INDEX(D$4:D371, MATCH("CLAY", C$4:C371, 0)), "")</f>
        <v>0.75203252561341039</v>
      </c>
    </row>
    <row r="372" spans="1:6" x14ac:dyDescent="0.2">
      <c r="A372" s="239">
        <f>'CPT Data'!B380</f>
        <v>3.3929999999999998</v>
      </c>
      <c r="B372" s="3">
        <f>'CPT Data'!C380</f>
        <v>3.3859999999999997</v>
      </c>
      <c r="C372" t="str">
        <f>'CPT Data'!P380</f>
        <v>CLAY</v>
      </c>
      <c r="D372">
        <f>'CPT Data'!Q380</f>
        <v>10.856093822356533</v>
      </c>
      <c r="E372">
        <f t="shared" si="6"/>
        <v>11.085105060695213</v>
      </c>
      <c r="F372">
        <f>IF(C372="CLAY", INDEX(D$4:D372, MATCH("CLAY", C$4:C372, 0)), "")</f>
        <v>0.75203252561341039</v>
      </c>
    </row>
    <row r="373" spans="1:6" x14ac:dyDescent="0.2">
      <c r="A373" s="239">
        <f>'CPT Data'!B381</f>
        <v>3.403</v>
      </c>
      <c r="B373" s="3">
        <f>'CPT Data'!C381</f>
        <v>3.3959999999999999</v>
      </c>
      <c r="C373" t="str">
        <f>'CPT Data'!P381</f>
        <v>CLAY</v>
      </c>
      <c r="D373">
        <f>'CPT Data'!Q381</f>
        <v>10.98127591112771</v>
      </c>
      <c r="E373">
        <f t="shared" si="6"/>
        <v>10.856093822356533</v>
      </c>
      <c r="F373">
        <f>IF(C373="CLAY", INDEX(D$4:D373, MATCH("CLAY", C$4:C373, 0)), "")</f>
        <v>0.75203252561341039</v>
      </c>
    </row>
    <row r="374" spans="1:6" x14ac:dyDescent="0.2">
      <c r="A374" s="239">
        <f>'CPT Data'!B382</f>
        <v>3.4140000000000001</v>
      </c>
      <c r="B374" s="3">
        <f>'CPT Data'!C382</f>
        <v>3.407</v>
      </c>
      <c r="C374" t="str">
        <f>'CPT Data'!P382</f>
        <v>CLAY</v>
      </c>
      <c r="D374">
        <f>'CPT Data'!Q382</f>
        <v>11.184025843130508</v>
      </c>
      <c r="E374">
        <f t="shared" si="6"/>
        <v>10.98127591112771</v>
      </c>
      <c r="F374">
        <f>IF(C374="CLAY", INDEX(D$4:D374, MATCH("CLAY", C$4:C374, 0)), "")</f>
        <v>0.75203252561341039</v>
      </c>
    </row>
    <row r="375" spans="1:6" x14ac:dyDescent="0.2">
      <c r="A375" s="239">
        <f>'CPT Data'!B383</f>
        <v>3.4239999999999999</v>
      </c>
      <c r="B375" s="3">
        <f>'CPT Data'!C383</f>
        <v>3.4169999999999998</v>
      </c>
      <c r="C375" t="str">
        <f>'CPT Data'!P383</f>
        <v>CLAY</v>
      </c>
      <c r="D375">
        <f>'CPT Data'!Q383</f>
        <v>11.401341529179211</v>
      </c>
      <c r="E375">
        <f t="shared" si="6"/>
        <v>11.184025843130508</v>
      </c>
      <c r="F375">
        <f>IF(C375="CLAY", INDEX(D$4:D375, MATCH("CLAY", C$4:C375, 0)), "")</f>
        <v>0.75203252561341039</v>
      </c>
    </row>
    <row r="376" spans="1:6" x14ac:dyDescent="0.2">
      <c r="A376" s="239">
        <f>'CPT Data'!B384</f>
        <v>3.4329999999999998</v>
      </c>
      <c r="B376" s="3">
        <f>'CPT Data'!C384</f>
        <v>3.4259999999999997</v>
      </c>
      <c r="C376" t="str">
        <f>'CPT Data'!P384</f>
        <v>CLAY</v>
      </c>
      <c r="D376">
        <f>'CPT Data'!Q384</f>
        <v>11.34257458354881</v>
      </c>
      <c r="E376">
        <f t="shared" si="6"/>
        <v>11.401341529179211</v>
      </c>
      <c r="F376">
        <f>IF(C376="CLAY", INDEX(D$4:D376, MATCH("CLAY", C$4:C376, 0)), "")</f>
        <v>0.75203252561341039</v>
      </c>
    </row>
    <row r="377" spans="1:6" x14ac:dyDescent="0.2">
      <c r="A377" s="239">
        <f>'CPT Data'!B385</f>
        <v>3.444</v>
      </c>
      <c r="B377" s="3">
        <f>'CPT Data'!C385</f>
        <v>3.4369999999999998</v>
      </c>
      <c r="C377" t="str">
        <f>'CPT Data'!P385</f>
        <v>CLAY</v>
      </c>
      <c r="D377">
        <f>'CPT Data'!Q385</f>
        <v>11.11325384299667</v>
      </c>
      <c r="E377">
        <f t="shared" si="6"/>
        <v>11.34257458354881</v>
      </c>
      <c r="F377">
        <f>IF(C377="CLAY", INDEX(D$4:D377, MATCH("CLAY", C$4:C377, 0)), "")</f>
        <v>0.75203252561341039</v>
      </c>
    </row>
    <row r="378" spans="1:6" x14ac:dyDescent="0.2">
      <c r="A378" s="239">
        <f>'CPT Data'!B386</f>
        <v>3.4529999999999998</v>
      </c>
      <c r="B378" s="3">
        <f>'CPT Data'!C386</f>
        <v>3.4459999999999997</v>
      </c>
      <c r="C378" t="str">
        <f>'CPT Data'!P386</f>
        <v>CLAY</v>
      </c>
      <c r="D378">
        <f>'CPT Data'!Q386</f>
        <v>10.928408907961469</v>
      </c>
      <c r="E378">
        <f t="shared" si="6"/>
        <v>11.11325384299667</v>
      </c>
      <c r="F378">
        <f>IF(C378="CLAY", INDEX(D$4:D378, MATCH("CLAY", C$4:C378, 0)), "")</f>
        <v>0.75203252561341039</v>
      </c>
    </row>
    <row r="379" spans="1:6" x14ac:dyDescent="0.2">
      <c r="A379" s="239">
        <f>'CPT Data'!B387</f>
        <v>3.464</v>
      </c>
      <c r="B379" s="3">
        <f>'CPT Data'!C387</f>
        <v>3.4569999999999999</v>
      </c>
      <c r="C379" t="str">
        <f>'CPT Data'!P387</f>
        <v>CLAY</v>
      </c>
      <c r="D379">
        <f>'CPT Data'!Q387</f>
        <v>10.781185462071335</v>
      </c>
      <c r="E379">
        <f t="shared" si="6"/>
        <v>10.928408907961469</v>
      </c>
      <c r="F379">
        <f>IF(C379="CLAY", INDEX(D$4:D379, MATCH("CLAY", C$4:C379, 0)), "")</f>
        <v>0.75203252561341039</v>
      </c>
    </row>
    <row r="380" spans="1:6" x14ac:dyDescent="0.2">
      <c r="A380" s="239">
        <f>'CPT Data'!B388</f>
        <v>3.4740000000000002</v>
      </c>
      <c r="B380" s="3">
        <f>'CPT Data'!C388</f>
        <v>3.4670000000000001</v>
      </c>
      <c r="C380" t="str">
        <f>'CPT Data'!P388</f>
        <v>CLAY</v>
      </c>
      <c r="D380">
        <f>'CPT Data'!Q388</f>
        <v>10.249618821403139</v>
      </c>
      <c r="E380">
        <f t="shared" si="6"/>
        <v>10.781185462071335</v>
      </c>
      <c r="F380">
        <f>IF(C380="CLAY", INDEX(D$4:D380, MATCH("CLAY", C$4:C380, 0)), "")</f>
        <v>0.75203252561341039</v>
      </c>
    </row>
    <row r="381" spans="1:6" x14ac:dyDescent="0.2">
      <c r="A381" s="239">
        <f>'CPT Data'!B389</f>
        <v>3.4849999999999999</v>
      </c>
      <c r="B381" s="3">
        <f>'CPT Data'!C389</f>
        <v>3.4779999999999998</v>
      </c>
      <c r="C381" t="str">
        <f>'CPT Data'!P389</f>
        <v>CLAY</v>
      </c>
      <c r="D381">
        <f>'CPT Data'!Q389</f>
        <v>9.5633945141161316</v>
      </c>
      <c r="E381">
        <f t="shared" si="6"/>
        <v>10.249618821403139</v>
      </c>
      <c r="F381">
        <f>IF(C381="CLAY", INDEX(D$4:D381, MATCH("CLAY", C$4:C381, 0)), "")</f>
        <v>0.75203252561341039</v>
      </c>
    </row>
    <row r="382" spans="1:6" x14ac:dyDescent="0.2">
      <c r="A382" s="239">
        <f>'CPT Data'!B390</f>
        <v>3.4940000000000002</v>
      </c>
      <c r="B382" s="3">
        <f>'CPT Data'!C390</f>
        <v>3.4870000000000001</v>
      </c>
      <c r="C382" t="str">
        <f>'CPT Data'!P390</f>
        <v>CLAY</v>
      </c>
      <c r="D382">
        <f>'CPT Data'!Q390</f>
        <v>9.4715539820570296</v>
      </c>
      <c r="E382">
        <f t="shared" si="6"/>
        <v>9.5633945141161316</v>
      </c>
      <c r="F382">
        <f>IF(C382="CLAY", INDEX(D$4:D382, MATCH("CLAY", C$4:C382, 0)), "")</f>
        <v>0.75203252561341039</v>
      </c>
    </row>
    <row r="383" spans="1:6" x14ac:dyDescent="0.2">
      <c r="A383" s="239">
        <f>'CPT Data'!B391</f>
        <v>3.5049999999999999</v>
      </c>
      <c r="B383" s="3">
        <f>'CPT Data'!C391</f>
        <v>3.4979999999999998</v>
      </c>
      <c r="C383" t="str">
        <f>'CPT Data'!P391</f>
        <v>CLAY</v>
      </c>
      <c r="D383">
        <f>'CPT Data'!Q391</f>
        <v>9.2417836890019505</v>
      </c>
      <c r="E383">
        <f t="shared" si="6"/>
        <v>9.4715539820570296</v>
      </c>
      <c r="F383">
        <f>IF(C383="CLAY", INDEX(D$4:D383, MATCH("CLAY", C$4:C383, 0)), "")</f>
        <v>0.75203252561341039</v>
      </c>
    </row>
    <row r="384" spans="1:6" x14ac:dyDescent="0.2">
      <c r="A384" s="239">
        <f>'CPT Data'!B392</f>
        <v>3.5139999999999998</v>
      </c>
      <c r="B384" s="3">
        <f>'CPT Data'!C392</f>
        <v>3.5069999999999997</v>
      </c>
      <c r="C384" t="str">
        <f>'CPT Data'!P392</f>
        <v>CLAY</v>
      </c>
      <c r="D384">
        <f>'CPT Data'!Q392</f>
        <v>9.1600992581728402</v>
      </c>
      <c r="E384">
        <f t="shared" si="6"/>
        <v>9.2417836890019505</v>
      </c>
      <c r="F384">
        <f>IF(C384="CLAY", INDEX(D$4:D384, MATCH("CLAY", C$4:C384, 0)), "")</f>
        <v>0.75203252561341039</v>
      </c>
    </row>
    <row r="385" spans="1:6" x14ac:dyDescent="0.2">
      <c r="A385" s="239">
        <f>'CPT Data'!B393</f>
        <v>3.5249999999999999</v>
      </c>
      <c r="B385" s="3">
        <f>'CPT Data'!C393</f>
        <v>3.5179999999999998</v>
      </c>
      <c r="C385" t="str">
        <f>'CPT Data'!P393</f>
        <v>CLAY</v>
      </c>
      <c r="D385">
        <f>'CPT Data'!Q393</f>
        <v>9.014698954318753</v>
      </c>
      <c r="E385">
        <f t="shared" si="6"/>
        <v>9.1600992581728402</v>
      </c>
      <c r="F385">
        <f>IF(C385="CLAY", INDEX(D$4:D385, MATCH("CLAY", C$4:C385, 0)), "")</f>
        <v>0.75203252561341039</v>
      </c>
    </row>
    <row r="386" spans="1:6" x14ac:dyDescent="0.2">
      <c r="A386" s="239">
        <f>'CPT Data'!B394</f>
        <v>3.5339999999999998</v>
      </c>
      <c r="B386" s="3">
        <f>'CPT Data'!C394</f>
        <v>3.5269999999999997</v>
      </c>
      <c r="C386" t="str">
        <f>'CPT Data'!P394</f>
        <v>CLAY</v>
      </c>
      <c r="D386">
        <f>'CPT Data'!Q394</f>
        <v>8.9427591429333688</v>
      </c>
      <c r="E386">
        <f t="shared" si="6"/>
        <v>9.014698954318753</v>
      </c>
      <c r="F386">
        <f>IF(C386="CLAY", INDEX(D$4:D386, MATCH("CLAY", C$4:C386, 0)), "")</f>
        <v>0.75203252561341039</v>
      </c>
    </row>
    <row r="387" spans="1:6" x14ac:dyDescent="0.2">
      <c r="A387" s="239">
        <f>'CPT Data'!B395</f>
        <v>3.5449999999999999</v>
      </c>
      <c r="B387" s="3">
        <f>'CPT Data'!C395</f>
        <v>3.5379999999999998</v>
      </c>
      <c r="C387" t="str">
        <f>'CPT Data'!P395</f>
        <v>CLAY</v>
      </c>
      <c r="D387">
        <f>'CPT Data'!Q395</f>
        <v>8.8764452182551867</v>
      </c>
      <c r="E387">
        <f t="shared" si="6"/>
        <v>8.9427591429333688</v>
      </c>
      <c r="F387">
        <f>IF(C387="CLAY", INDEX(D$4:D387, MATCH("CLAY", C$4:C387, 0)), "")</f>
        <v>0.75203252561341039</v>
      </c>
    </row>
    <row r="388" spans="1:6" x14ac:dyDescent="0.2">
      <c r="A388" s="239">
        <f>'CPT Data'!B396</f>
        <v>3.5539999999999998</v>
      </c>
      <c r="B388" s="3">
        <f>'CPT Data'!C396</f>
        <v>3.5469999999999997</v>
      </c>
      <c r="C388" t="str">
        <f>'CPT Data'!P396</f>
        <v>CLAY</v>
      </c>
      <c r="D388">
        <f>'CPT Data'!Q396</f>
        <v>8.9416148532511155</v>
      </c>
      <c r="E388">
        <f t="shared" si="6"/>
        <v>8.8764452182551867</v>
      </c>
      <c r="F388">
        <f>IF(C388="CLAY", INDEX(D$4:D388, MATCH("CLAY", C$4:C388, 0)), "")</f>
        <v>0.75203252561341039</v>
      </c>
    </row>
    <row r="389" spans="1:6" x14ac:dyDescent="0.2">
      <c r="A389" s="239">
        <f>'CPT Data'!B397</f>
        <v>3.5649999999999999</v>
      </c>
      <c r="B389" s="3">
        <f>'CPT Data'!C397</f>
        <v>3.5579999999999998</v>
      </c>
      <c r="C389" t="str">
        <f>'CPT Data'!P397</f>
        <v>CLAY</v>
      </c>
      <c r="D389">
        <f>'CPT Data'!Q397</f>
        <v>9.0671609412268008</v>
      </c>
      <c r="E389">
        <f t="shared" si="6"/>
        <v>8.9416148532511155</v>
      </c>
      <c r="F389">
        <f>IF(C389="CLAY", INDEX(D$4:D389, MATCH("CLAY", C$4:C389, 0)), "")</f>
        <v>0.75203252561341039</v>
      </c>
    </row>
    <row r="390" spans="1:6" x14ac:dyDescent="0.2">
      <c r="A390" s="239">
        <f>'CPT Data'!B398</f>
        <v>3.5739999999999998</v>
      </c>
      <c r="B390" s="3">
        <f>'CPT Data'!C398</f>
        <v>3.5669999999999997</v>
      </c>
      <c r="C390" t="str">
        <f>'CPT Data'!P398</f>
        <v>CLAY</v>
      </c>
      <c r="D390">
        <f>'CPT Data'!Q398</f>
        <v>9.1785964309365813</v>
      </c>
      <c r="E390">
        <f t="shared" si="6"/>
        <v>9.0671609412268008</v>
      </c>
      <c r="F390">
        <f>IF(C390="CLAY", INDEX(D$4:D390, MATCH("CLAY", C$4:C390, 0)), "")</f>
        <v>0.75203252561341039</v>
      </c>
    </row>
    <row r="391" spans="1:6" x14ac:dyDescent="0.2">
      <c r="A391" s="239">
        <f>'CPT Data'!B399</f>
        <v>3.5840000000000001</v>
      </c>
      <c r="B391" s="3">
        <f>'CPT Data'!C399</f>
        <v>3.577</v>
      </c>
      <c r="C391" t="str">
        <f>'CPT Data'!P399</f>
        <v>CLAY</v>
      </c>
      <c r="D391">
        <f>'CPT Data'!Q399</f>
        <v>9.410936399848012</v>
      </c>
      <c r="E391">
        <f t="shared" si="6"/>
        <v>9.1785964309365813</v>
      </c>
      <c r="F391">
        <f>IF(C391="CLAY", INDEX(D$4:D391, MATCH("CLAY", C$4:C391, 0)), "")</f>
        <v>0.75203252561341039</v>
      </c>
    </row>
    <row r="392" spans="1:6" x14ac:dyDescent="0.2">
      <c r="A392" s="239">
        <f>'CPT Data'!B400</f>
        <v>3.5939999999999999</v>
      </c>
      <c r="B392" s="3">
        <f>'CPT Data'!C400</f>
        <v>3.5869999999999997</v>
      </c>
      <c r="C392" t="str">
        <f>'CPT Data'!P400</f>
        <v>CLAY</v>
      </c>
      <c r="D392">
        <f>'CPT Data'!Q400</f>
        <v>9.8552186643677526</v>
      </c>
      <c r="E392">
        <f t="shared" si="6"/>
        <v>9.410936399848012</v>
      </c>
      <c r="F392">
        <f>IF(C392="CLAY", INDEX(D$4:D392, MATCH("CLAY", C$4:C392, 0)), "")</f>
        <v>0.75203252561341039</v>
      </c>
    </row>
    <row r="393" spans="1:6" x14ac:dyDescent="0.2">
      <c r="A393" s="239">
        <f>'CPT Data'!B401</f>
        <v>3.605</v>
      </c>
      <c r="B393" s="3">
        <f>'CPT Data'!C401</f>
        <v>3.5979999999999999</v>
      </c>
      <c r="C393" t="str">
        <f>'CPT Data'!P401</f>
        <v>CLAY</v>
      </c>
      <c r="D393">
        <f>'CPT Data'!Q401</f>
        <v>9.9246078117303309</v>
      </c>
      <c r="E393">
        <f t="shared" si="6"/>
        <v>9.8552186643677526</v>
      </c>
      <c r="F393">
        <f>IF(C393="CLAY", INDEX(D$4:D393, MATCH("CLAY", C$4:C393, 0)), "")</f>
        <v>0.75203252561341039</v>
      </c>
    </row>
    <row r="394" spans="1:6" x14ac:dyDescent="0.2">
      <c r="A394" s="239">
        <f>'CPT Data'!B402</f>
        <v>3.6139999999999999</v>
      </c>
      <c r="B394" s="3">
        <f>'CPT Data'!C402</f>
        <v>3.6069999999999998</v>
      </c>
      <c r="C394" t="str">
        <f>'CPT Data'!P402</f>
        <v>CLAY</v>
      </c>
      <c r="D394">
        <f>'CPT Data'!Q402</f>
        <v>10.129021456469198</v>
      </c>
      <c r="E394">
        <f t="shared" si="6"/>
        <v>9.9246078117303309</v>
      </c>
      <c r="F394">
        <f>IF(C394="CLAY", INDEX(D$4:D394, MATCH("CLAY", C$4:C394, 0)), "")</f>
        <v>0.75203252561341039</v>
      </c>
    </row>
    <row r="395" spans="1:6" x14ac:dyDescent="0.2">
      <c r="A395" s="239">
        <f>'CPT Data'!B403</f>
        <v>3.625</v>
      </c>
      <c r="B395" s="3">
        <f>'CPT Data'!C403</f>
        <v>3.6179999999999999</v>
      </c>
      <c r="C395" t="str">
        <f>'CPT Data'!P403</f>
        <v>CLAY</v>
      </c>
      <c r="D395">
        <f>'CPT Data'!Q403</f>
        <v>10.175820254164172</v>
      </c>
      <c r="E395">
        <f t="shared" si="6"/>
        <v>10.129021456469198</v>
      </c>
      <c r="F395">
        <f>IF(C395="CLAY", INDEX(D$4:D395, MATCH("CLAY", C$4:C395, 0)), "")</f>
        <v>0.75203252561341039</v>
      </c>
    </row>
    <row r="396" spans="1:6" x14ac:dyDescent="0.2">
      <c r="A396" s="239">
        <f>'CPT Data'!B404</f>
        <v>3.6339999999999999</v>
      </c>
      <c r="B396" s="3">
        <f>'CPT Data'!C404</f>
        <v>3.6269999999999998</v>
      </c>
      <c r="C396" t="str">
        <f>'CPT Data'!P404</f>
        <v>CLAY</v>
      </c>
      <c r="D396">
        <f>'CPT Data'!Q404</f>
        <v>10.244352505132284</v>
      </c>
      <c r="E396">
        <f t="shared" si="6"/>
        <v>10.175820254164172</v>
      </c>
      <c r="F396">
        <f>IF(C396="CLAY", INDEX(D$4:D396, MATCH("CLAY", C$4:C396, 0)), "")</f>
        <v>0.75203252561341039</v>
      </c>
    </row>
    <row r="397" spans="1:6" x14ac:dyDescent="0.2">
      <c r="A397" s="239">
        <f>'CPT Data'!B405</f>
        <v>3.645</v>
      </c>
      <c r="B397" s="3">
        <f>'CPT Data'!C405</f>
        <v>3.6379999999999999</v>
      </c>
      <c r="C397" t="str">
        <f>'CPT Data'!P405</f>
        <v>CLAY</v>
      </c>
      <c r="D397">
        <f>'CPT Data'!Q405</f>
        <v>10.337648896388659</v>
      </c>
      <c r="E397">
        <f t="shared" si="6"/>
        <v>10.244352505132284</v>
      </c>
      <c r="F397">
        <f>IF(C397="CLAY", INDEX(D$4:D397, MATCH("CLAY", C$4:C397, 0)), "")</f>
        <v>0.75203252561341039</v>
      </c>
    </row>
    <row r="398" spans="1:6" x14ac:dyDescent="0.2">
      <c r="A398" s="239">
        <f>'CPT Data'!B406</f>
        <v>3.6539999999999999</v>
      </c>
      <c r="B398" s="3">
        <f>'CPT Data'!C406</f>
        <v>3.6469999999999998</v>
      </c>
      <c r="C398" t="str">
        <f>'CPT Data'!P406</f>
        <v>CLAY</v>
      </c>
      <c r="D398">
        <f>'CPT Data'!Q406</f>
        <v>10.472619351386037</v>
      </c>
      <c r="E398">
        <f t="shared" si="6"/>
        <v>10.337648896388659</v>
      </c>
      <c r="F398">
        <f>IF(C398="CLAY", INDEX(D$4:D398, MATCH("CLAY", C$4:C398, 0)), "")</f>
        <v>0.75203252561341039</v>
      </c>
    </row>
    <row r="399" spans="1:6" x14ac:dyDescent="0.2">
      <c r="A399" s="239">
        <f>'CPT Data'!B407</f>
        <v>3.665</v>
      </c>
      <c r="B399" s="3">
        <f>'CPT Data'!C407</f>
        <v>3.6579999999999999</v>
      </c>
      <c r="C399" t="str">
        <f>'CPT Data'!P407</f>
        <v>CLAY</v>
      </c>
      <c r="D399">
        <f>'CPT Data'!Q407</f>
        <v>10.39059889200297</v>
      </c>
      <c r="E399">
        <f t="shared" si="6"/>
        <v>10.472619351386037</v>
      </c>
      <c r="F399">
        <f>IF(C399="CLAY", INDEX(D$4:D399, MATCH("CLAY", C$4:C399, 0)), "")</f>
        <v>0.75203252561341039</v>
      </c>
    </row>
    <row r="400" spans="1:6" x14ac:dyDescent="0.2">
      <c r="A400" s="239">
        <f>'CPT Data'!B408</f>
        <v>3.6739999999999999</v>
      </c>
      <c r="B400" s="3">
        <f>'CPT Data'!C408</f>
        <v>3.6669999999999998</v>
      </c>
      <c r="C400" t="str">
        <f>'CPT Data'!P408</f>
        <v>CLAY</v>
      </c>
      <c r="D400">
        <f>'CPT Data'!Q408</f>
        <v>10.287235254359693</v>
      </c>
      <c r="E400">
        <f t="shared" si="6"/>
        <v>10.39059889200297</v>
      </c>
      <c r="F400">
        <f>IF(C400="CLAY", INDEX(D$4:D400, MATCH("CLAY", C$4:C400, 0)), "")</f>
        <v>0.75203252561341039</v>
      </c>
    </row>
    <row r="401" spans="1:6" x14ac:dyDescent="0.2">
      <c r="A401" s="239">
        <f>'CPT Data'!B409</f>
        <v>3.6850000000000001</v>
      </c>
      <c r="B401" s="3">
        <f>'CPT Data'!C409</f>
        <v>3.6779999999999999</v>
      </c>
      <c r="C401" t="str">
        <f>'CPT Data'!P409</f>
        <v>CLAY</v>
      </c>
      <c r="D401">
        <f>'CPT Data'!Q409</f>
        <v>10.07900210667678</v>
      </c>
      <c r="E401">
        <f t="shared" si="6"/>
        <v>10.287235254359693</v>
      </c>
      <c r="F401">
        <f>IF(C401="CLAY", INDEX(D$4:D401, MATCH("CLAY", C$4:C401, 0)), "")</f>
        <v>0.75203252561341039</v>
      </c>
    </row>
    <row r="402" spans="1:6" x14ac:dyDescent="0.2">
      <c r="A402" s="239">
        <f>'CPT Data'!B410</f>
        <v>3.6949999999999998</v>
      </c>
      <c r="B402" s="3">
        <f>'CPT Data'!C410</f>
        <v>3.6879999999999997</v>
      </c>
      <c r="C402" t="str">
        <f>'CPT Data'!P410</f>
        <v>CLAY</v>
      </c>
      <c r="D402">
        <f>'CPT Data'!Q410</f>
        <v>9.9640361161031397</v>
      </c>
      <c r="E402">
        <f t="shared" si="6"/>
        <v>10.07900210667678</v>
      </c>
      <c r="F402">
        <f>IF(C402="CLAY", INDEX(D$4:D402, MATCH("CLAY", C$4:C402, 0)), "")</f>
        <v>0.75203252561341039</v>
      </c>
    </row>
    <row r="403" spans="1:6" x14ac:dyDescent="0.2">
      <c r="A403" s="239">
        <f>'CPT Data'!B411</f>
        <v>3.7040000000000002</v>
      </c>
      <c r="B403" s="3">
        <f>'CPT Data'!C411</f>
        <v>3.6970000000000001</v>
      </c>
      <c r="C403" t="str">
        <f>'CPT Data'!P411</f>
        <v>CLAY</v>
      </c>
      <c r="D403">
        <f>'CPT Data'!Q411</f>
        <v>10.095414343012989</v>
      </c>
      <c r="E403">
        <f t="shared" si="6"/>
        <v>9.9640361161031397</v>
      </c>
      <c r="F403">
        <f>IF(C403="CLAY", INDEX(D$4:D403, MATCH("CLAY", C$4:C403, 0)), "")</f>
        <v>0.75203252561341039</v>
      </c>
    </row>
    <row r="404" spans="1:6" x14ac:dyDescent="0.2">
      <c r="A404" s="239">
        <f>'CPT Data'!B412</f>
        <v>3.7149999999999999</v>
      </c>
      <c r="B404" s="3">
        <f>'CPT Data'!C412</f>
        <v>3.7079999999999997</v>
      </c>
      <c r="C404" t="str">
        <f>'CPT Data'!P412</f>
        <v>CLAY</v>
      </c>
      <c r="D404">
        <f>'CPT Data'!Q412</f>
        <v>10.266202464508673</v>
      </c>
      <c r="E404">
        <f t="shared" si="6"/>
        <v>10.095414343012989</v>
      </c>
      <c r="F404">
        <f>IF(C404="CLAY", INDEX(D$4:D404, MATCH("CLAY", C$4:C404, 0)), "")</f>
        <v>0.75203252561341039</v>
      </c>
    </row>
    <row r="405" spans="1:6" x14ac:dyDescent="0.2">
      <c r="A405" s="239">
        <f>'CPT Data'!B413</f>
        <v>3.7240000000000002</v>
      </c>
      <c r="B405" s="3">
        <f>'CPT Data'!C413</f>
        <v>3.7170000000000001</v>
      </c>
      <c r="C405" t="str">
        <f>'CPT Data'!P413</f>
        <v>CLAY</v>
      </c>
      <c r="D405">
        <f>'CPT Data'!Q413</f>
        <v>10.544706145399145</v>
      </c>
      <c r="E405">
        <f t="shared" si="6"/>
        <v>10.266202464508673</v>
      </c>
      <c r="F405">
        <f>IF(C405="CLAY", INDEX(D$4:D405, MATCH("CLAY", C$4:C405, 0)), "")</f>
        <v>0.75203252561341039</v>
      </c>
    </row>
    <row r="406" spans="1:6" x14ac:dyDescent="0.2">
      <c r="A406" s="239">
        <f>'CPT Data'!B414</f>
        <v>3.7349999999999999</v>
      </c>
      <c r="B406" s="3">
        <f>'CPT Data'!C414</f>
        <v>3.7279999999999998</v>
      </c>
      <c r="C406" t="str">
        <f>'CPT Data'!P414</f>
        <v>CLAY</v>
      </c>
      <c r="D406">
        <f>'CPT Data'!Q414</f>
        <v>10.608160779545843</v>
      </c>
      <c r="E406">
        <f t="shared" si="6"/>
        <v>10.544706145399145</v>
      </c>
      <c r="F406">
        <f>IF(C406="CLAY", INDEX(D$4:D406, MATCH("CLAY", C$4:C406, 0)), "")</f>
        <v>0.75203252561341039</v>
      </c>
    </row>
    <row r="407" spans="1:6" x14ac:dyDescent="0.2">
      <c r="A407" s="239">
        <f>'CPT Data'!B415</f>
        <v>3.7440000000000002</v>
      </c>
      <c r="B407" s="3">
        <f>'CPT Data'!C415</f>
        <v>3.7370000000000001</v>
      </c>
      <c r="C407" t="str">
        <f>'CPT Data'!P415</f>
        <v>CLAY</v>
      </c>
      <c r="D407">
        <f>'CPT Data'!Q415</f>
        <v>10.823274736600135</v>
      </c>
      <c r="E407">
        <f t="shared" si="6"/>
        <v>10.608160779545843</v>
      </c>
      <c r="F407">
        <f>IF(C407="CLAY", INDEX(D$4:D407, MATCH("CLAY", C$4:C407, 0)), "")</f>
        <v>0.75203252561341039</v>
      </c>
    </row>
    <row r="408" spans="1:6" x14ac:dyDescent="0.2">
      <c r="A408" s="239">
        <f>'CPT Data'!B416</f>
        <v>3.7549999999999999</v>
      </c>
      <c r="B408" s="3">
        <f>'CPT Data'!C416</f>
        <v>3.7479999999999998</v>
      </c>
      <c r="C408" t="str">
        <f>'CPT Data'!P416</f>
        <v>CLAY</v>
      </c>
      <c r="D408">
        <f>'CPT Data'!Q416</f>
        <v>10.897708549050483</v>
      </c>
      <c r="E408">
        <f t="shared" si="6"/>
        <v>10.823274736600135</v>
      </c>
      <c r="F408">
        <f>IF(C408="CLAY", INDEX(D$4:D408, MATCH("CLAY", C$4:C408, 0)), "")</f>
        <v>0.75203252561341039</v>
      </c>
    </row>
    <row r="409" spans="1:6" x14ac:dyDescent="0.2">
      <c r="A409" s="239">
        <f>'CPT Data'!B417</f>
        <v>3.7639999999999998</v>
      </c>
      <c r="B409" s="3">
        <f>'CPT Data'!C417</f>
        <v>3.7569999999999997</v>
      </c>
      <c r="C409" t="str">
        <f>'CPT Data'!P417</f>
        <v>CLAY</v>
      </c>
      <c r="D409">
        <f>'CPT Data'!Q417</f>
        <v>10.910595372741064</v>
      </c>
      <c r="E409">
        <f t="shared" si="6"/>
        <v>10.897708549050483</v>
      </c>
      <c r="F409">
        <f>IF(C409="CLAY", INDEX(D$4:D409, MATCH("CLAY", C$4:C409, 0)), "")</f>
        <v>0.75203252561341039</v>
      </c>
    </row>
    <row r="410" spans="1:6" x14ac:dyDescent="0.2">
      <c r="A410" s="239">
        <f>'CPT Data'!B418</f>
        <v>3.7749999999999999</v>
      </c>
      <c r="B410" s="3">
        <f>'CPT Data'!C418</f>
        <v>3.7679999999999998</v>
      </c>
      <c r="C410" t="str">
        <f>'CPT Data'!P418</f>
        <v>CLAY</v>
      </c>
      <c r="D410">
        <f>'CPT Data'!Q418</f>
        <v>10.897372912205213</v>
      </c>
      <c r="E410">
        <f t="shared" si="6"/>
        <v>10.910595372741064</v>
      </c>
      <c r="F410">
        <f>IF(C410="CLAY", INDEX(D$4:D410, MATCH("CLAY", C$4:C410, 0)), "")</f>
        <v>0.75203252561341039</v>
      </c>
    </row>
    <row r="411" spans="1:6" x14ac:dyDescent="0.2">
      <c r="A411" s="239">
        <f>'CPT Data'!B419</f>
        <v>3.7850000000000001</v>
      </c>
      <c r="B411" s="3">
        <f>'CPT Data'!C419</f>
        <v>3.778</v>
      </c>
      <c r="C411" t="str">
        <f>'CPT Data'!P419</f>
        <v>CLAY</v>
      </c>
      <c r="D411">
        <f>'CPT Data'!Q419</f>
        <v>10.83409865963435</v>
      </c>
      <c r="E411">
        <f t="shared" ref="E411:E474" si="7">IF(C411="SAND",#N/A,IF(C411=C410,D410,IF(C411="CLAY",D411,#N/A)))</f>
        <v>10.897372912205213</v>
      </c>
      <c r="F411">
        <f>IF(C411="CLAY", INDEX(D$4:D411, MATCH("CLAY", C$4:C411, 0)), "")</f>
        <v>0.75203252561341039</v>
      </c>
    </row>
    <row r="412" spans="1:6" x14ac:dyDescent="0.2">
      <c r="A412" s="239">
        <f>'CPT Data'!B420</f>
        <v>3.7949999999999999</v>
      </c>
      <c r="B412" s="3">
        <f>'CPT Data'!C420</f>
        <v>3.7879999999999998</v>
      </c>
      <c r="C412" t="str">
        <f>'CPT Data'!P420</f>
        <v>CLAY</v>
      </c>
      <c r="D412">
        <f>'CPT Data'!Q420</f>
        <v>10.700373455155045</v>
      </c>
      <c r="E412">
        <f t="shared" si="7"/>
        <v>10.83409865963435</v>
      </c>
      <c r="F412">
        <f>IF(C412="CLAY", INDEX(D$4:D412, MATCH("CLAY", C$4:C412, 0)), "")</f>
        <v>0.75203252561341039</v>
      </c>
    </row>
    <row r="413" spans="1:6" x14ac:dyDescent="0.2">
      <c r="A413" s="239">
        <f>'CPT Data'!B421</f>
        <v>3.806</v>
      </c>
      <c r="B413" s="3">
        <f>'CPT Data'!C421</f>
        <v>3.7989999999999999</v>
      </c>
      <c r="C413" t="str">
        <f>'CPT Data'!P421</f>
        <v>CLAY</v>
      </c>
      <c r="D413">
        <f>'CPT Data'!Q421</f>
        <v>10.541050400608311</v>
      </c>
      <c r="E413">
        <f t="shared" si="7"/>
        <v>10.700373455155045</v>
      </c>
      <c r="F413">
        <f>IF(C413="CLAY", INDEX(D$4:D413, MATCH("CLAY", C$4:C413, 0)), "")</f>
        <v>0.75203252561341039</v>
      </c>
    </row>
    <row r="414" spans="1:6" x14ac:dyDescent="0.2">
      <c r="A414" s="239">
        <f>'CPT Data'!B422</f>
        <v>3.8149999999999999</v>
      </c>
      <c r="B414" s="3">
        <f>'CPT Data'!C422</f>
        <v>3.8079999999999998</v>
      </c>
      <c r="C414" t="str">
        <f>'CPT Data'!P422</f>
        <v>CLAY</v>
      </c>
      <c r="D414">
        <f>'CPT Data'!Q422</f>
        <v>10.093215882742953</v>
      </c>
      <c r="E414">
        <f t="shared" si="7"/>
        <v>10.541050400608311</v>
      </c>
      <c r="F414">
        <f>IF(C414="CLAY", INDEX(D$4:D414, MATCH("CLAY", C$4:C414, 0)), "")</f>
        <v>0.75203252561341039</v>
      </c>
    </row>
    <row r="415" spans="1:6" x14ac:dyDescent="0.2">
      <c r="A415" s="239">
        <f>'CPT Data'!B423</f>
        <v>3.8260000000000001</v>
      </c>
      <c r="B415" s="3">
        <f>'CPT Data'!C423</f>
        <v>3.819</v>
      </c>
      <c r="C415" t="str">
        <f>'CPT Data'!P423</f>
        <v>CLAY</v>
      </c>
      <c r="D415">
        <f>'CPT Data'!Q423</f>
        <v>9.7610941597689926</v>
      </c>
      <c r="E415">
        <f t="shared" si="7"/>
        <v>10.093215882742953</v>
      </c>
      <c r="F415">
        <f>IF(C415="CLAY", INDEX(D$4:D415, MATCH("CLAY", C$4:C415, 0)), "")</f>
        <v>0.75203252561341039</v>
      </c>
    </row>
    <row r="416" spans="1:6" x14ac:dyDescent="0.2">
      <c r="A416" s="239">
        <f>'CPT Data'!B424</f>
        <v>3.835</v>
      </c>
      <c r="B416" s="3">
        <f>'CPT Data'!C424</f>
        <v>3.8279999999999998</v>
      </c>
      <c r="C416" t="str">
        <f>'CPT Data'!P424</f>
        <v>CLAY</v>
      </c>
      <c r="D416">
        <f>'CPT Data'!Q424</f>
        <v>9.5079929941663313</v>
      </c>
      <c r="E416">
        <f t="shared" si="7"/>
        <v>9.7610941597689926</v>
      </c>
      <c r="F416">
        <f>IF(C416="CLAY", INDEX(D$4:D416, MATCH("CLAY", C$4:C416, 0)), "")</f>
        <v>0.75203252561341039</v>
      </c>
    </row>
    <row r="417" spans="1:6" x14ac:dyDescent="0.2">
      <c r="A417" s="239">
        <f>'CPT Data'!B425</f>
        <v>3.8460000000000001</v>
      </c>
      <c r="B417" s="3">
        <f>'CPT Data'!C425</f>
        <v>3.839</v>
      </c>
      <c r="C417" t="str">
        <f>'CPT Data'!P425</f>
        <v>CLAY</v>
      </c>
      <c r="D417">
        <f>'CPT Data'!Q425</f>
        <v>9.3392911831485765</v>
      </c>
      <c r="E417">
        <f t="shared" si="7"/>
        <v>9.5079929941663313</v>
      </c>
      <c r="F417">
        <f>IF(C417="CLAY", INDEX(D$4:D417, MATCH("CLAY", C$4:C417, 0)), "")</f>
        <v>0.75203252561341039</v>
      </c>
    </row>
    <row r="418" spans="1:6" x14ac:dyDescent="0.2">
      <c r="A418" s="239">
        <f>'CPT Data'!B426</f>
        <v>3.855</v>
      </c>
      <c r="B418" s="3">
        <f>'CPT Data'!C426</f>
        <v>3.8479999999999999</v>
      </c>
      <c r="C418" t="str">
        <f>'CPT Data'!P426</f>
        <v>CLAY</v>
      </c>
      <c r="D418">
        <f>'CPT Data'!Q426</f>
        <v>9.0724030468008774</v>
      </c>
      <c r="E418">
        <f t="shared" si="7"/>
        <v>9.3392911831485765</v>
      </c>
      <c r="F418">
        <f>IF(C418="CLAY", INDEX(D$4:D418, MATCH("CLAY", C$4:C418, 0)), "")</f>
        <v>0.75203252561341039</v>
      </c>
    </row>
    <row r="419" spans="1:6" x14ac:dyDescent="0.2">
      <c r="A419" s="239">
        <f>'CPT Data'!B427</f>
        <v>3.8660000000000001</v>
      </c>
      <c r="B419" s="3">
        <f>'CPT Data'!C427</f>
        <v>3.859</v>
      </c>
      <c r="C419" t="str">
        <f>'CPT Data'!P427</f>
        <v>CLAY</v>
      </c>
      <c r="D419">
        <f>'CPT Data'!Q427</f>
        <v>8.9453244423653668</v>
      </c>
      <c r="E419">
        <f t="shared" si="7"/>
        <v>9.0724030468008774</v>
      </c>
      <c r="F419">
        <f>IF(C419="CLAY", INDEX(D$4:D419, MATCH("CLAY", C$4:C419, 0)), "")</f>
        <v>0.75203252561341039</v>
      </c>
    </row>
    <row r="420" spans="1:6" x14ac:dyDescent="0.2">
      <c r="A420" s="239">
        <f>'CPT Data'!B428</f>
        <v>3.875</v>
      </c>
      <c r="B420" s="3">
        <f>'CPT Data'!C428</f>
        <v>3.8679999999999999</v>
      </c>
      <c r="C420" t="str">
        <f>'CPT Data'!P428</f>
        <v>CLAY</v>
      </c>
      <c r="D420">
        <f>'CPT Data'!Q428</f>
        <v>8.7513132619102123</v>
      </c>
      <c r="E420">
        <f t="shared" si="7"/>
        <v>8.9453244423653668</v>
      </c>
      <c r="F420">
        <f>IF(C420="CLAY", INDEX(D$4:D420, MATCH("CLAY", C$4:C420, 0)), "")</f>
        <v>0.75203252561341039</v>
      </c>
    </row>
    <row r="421" spans="1:6" x14ac:dyDescent="0.2">
      <c r="A421" s="239">
        <f>'CPT Data'!B429</f>
        <v>3.8860000000000001</v>
      </c>
      <c r="B421" s="3">
        <f>'CPT Data'!C429</f>
        <v>3.879</v>
      </c>
      <c r="C421" t="str">
        <f>'CPT Data'!P429</f>
        <v>CLAY</v>
      </c>
      <c r="D421">
        <f>'CPT Data'!Q429</f>
        <v>8.5930172241153873</v>
      </c>
      <c r="E421">
        <f t="shared" si="7"/>
        <v>8.7513132619102123</v>
      </c>
      <c r="F421">
        <f>IF(C421="CLAY", INDEX(D$4:D421, MATCH("CLAY", C$4:C421, 0)), "")</f>
        <v>0.75203252561341039</v>
      </c>
    </row>
    <row r="422" spans="1:6" x14ac:dyDescent="0.2">
      <c r="A422" s="239">
        <f>'CPT Data'!B430</f>
        <v>3.895</v>
      </c>
      <c r="B422" s="3">
        <f>'CPT Data'!C430</f>
        <v>3.8879999999999999</v>
      </c>
      <c r="C422" t="str">
        <f>'CPT Data'!P430</f>
        <v>CLAY</v>
      </c>
      <c r="D422">
        <f>'CPT Data'!Q430</f>
        <v>8.848309142562977</v>
      </c>
      <c r="E422">
        <f t="shared" si="7"/>
        <v>8.5930172241153873</v>
      </c>
      <c r="F422">
        <f>IF(C422="CLAY", INDEX(D$4:D422, MATCH("CLAY", C$4:C422, 0)), "")</f>
        <v>0.75203252561341039</v>
      </c>
    </row>
    <row r="423" spans="1:6" x14ac:dyDescent="0.2">
      <c r="A423" s="239">
        <f>'CPT Data'!B431</f>
        <v>3.9060000000000001</v>
      </c>
      <c r="B423" s="3">
        <f>'CPT Data'!C431</f>
        <v>3.899</v>
      </c>
      <c r="C423" t="str">
        <f>'CPT Data'!P431</f>
        <v>CLAY</v>
      </c>
      <c r="D423">
        <f>'CPT Data'!Q431</f>
        <v>9.1915575876293563</v>
      </c>
      <c r="E423">
        <f t="shared" si="7"/>
        <v>8.848309142562977</v>
      </c>
      <c r="F423">
        <f>IF(C423="CLAY", INDEX(D$4:D423, MATCH("CLAY", C$4:C423, 0)), "")</f>
        <v>0.75203252561341039</v>
      </c>
    </row>
    <row r="424" spans="1:6" x14ac:dyDescent="0.2">
      <c r="A424" s="239">
        <f>'CPT Data'!B432</f>
        <v>3.915</v>
      </c>
      <c r="B424" s="3">
        <f>'CPT Data'!C432</f>
        <v>3.9079999999999999</v>
      </c>
      <c r="C424" t="str">
        <f>'CPT Data'!P432</f>
        <v>CLAY</v>
      </c>
      <c r="D424">
        <f>'CPT Data'!Q432</f>
        <v>9.4879728199505866</v>
      </c>
      <c r="E424">
        <f t="shared" si="7"/>
        <v>9.1915575876293563</v>
      </c>
      <c r="F424">
        <f>IF(C424="CLAY", INDEX(D$4:D424, MATCH("CLAY", C$4:C424, 0)), "")</f>
        <v>0.75203252561341039</v>
      </c>
    </row>
    <row r="425" spans="1:6" x14ac:dyDescent="0.2">
      <c r="A425" s="239">
        <f>'CPT Data'!B433</f>
        <v>3.9260000000000002</v>
      </c>
      <c r="B425" s="3">
        <f>'CPT Data'!C433</f>
        <v>3.919</v>
      </c>
      <c r="C425" t="str">
        <f>'CPT Data'!P433</f>
        <v>CLAY</v>
      </c>
      <c r="D425">
        <f>'CPT Data'!Q433</f>
        <v>9.5063811988522087</v>
      </c>
      <c r="E425">
        <f t="shared" si="7"/>
        <v>9.4879728199505866</v>
      </c>
      <c r="F425">
        <f>IF(C425="CLAY", INDEX(D$4:D425, MATCH("CLAY", C$4:C425, 0)), "")</f>
        <v>0.75203252561341039</v>
      </c>
    </row>
    <row r="426" spans="1:6" x14ac:dyDescent="0.2">
      <c r="A426" s="239">
        <f>'CPT Data'!B434</f>
        <v>3.9350000000000001</v>
      </c>
      <c r="B426" s="3">
        <f>'CPT Data'!C434</f>
        <v>3.9279999999999999</v>
      </c>
      <c r="C426" t="str">
        <f>'CPT Data'!P434</f>
        <v>CLAY</v>
      </c>
      <c r="D426">
        <f>'CPT Data'!Q434</f>
        <v>9.4873287109488658</v>
      </c>
      <c r="E426">
        <f t="shared" si="7"/>
        <v>9.5063811988522087</v>
      </c>
      <c r="F426">
        <f>IF(C426="CLAY", INDEX(D$4:D426, MATCH("CLAY", C$4:C426, 0)), "")</f>
        <v>0.75203252561341039</v>
      </c>
    </row>
    <row r="427" spans="1:6" x14ac:dyDescent="0.2">
      <c r="A427" s="239">
        <f>'CPT Data'!B435</f>
        <v>3.9449999999999998</v>
      </c>
      <c r="B427" s="3">
        <f>'CPT Data'!C435</f>
        <v>3.9379999999999997</v>
      </c>
      <c r="C427" t="str">
        <f>'CPT Data'!P435</f>
        <v>CLAY</v>
      </c>
      <c r="D427">
        <f>'CPT Data'!Q435</f>
        <v>9.4340456250545301</v>
      </c>
      <c r="E427">
        <f t="shared" si="7"/>
        <v>9.4873287109488658</v>
      </c>
      <c r="F427">
        <f>IF(C427="CLAY", INDEX(D$4:D427, MATCH("CLAY", C$4:C427, 0)), "")</f>
        <v>0.75203252561341039</v>
      </c>
    </row>
    <row r="428" spans="1:6" x14ac:dyDescent="0.2">
      <c r="A428" s="239">
        <f>'CPT Data'!B436</f>
        <v>3.956</v>
      </c>
      <c r="B428" s="3">
        <f>'CPT Data'!C436</f>
        <v>3.9489999999999998</v>
      </c>
      <c r="C428" t="str">
        <f>'CPT Data'!P436</f>
        <v>CLAY</v>
      </c>
      <c r="D428">
        <f>'CPT Data'!Q436</f>
        <v>9.6570398144035128</v>
      </c>
      <c r="E428">
        <f t="shared" si="7"/>
        <v>9.4340456250545301</v>
      </c>
      <c r="F428">
        <f>IF(C428="CLAY", INDEX(D$4:D428, MATCH("CLAY", C$4:C428, 0)), "")</f>
        <v>0.75203252561341039</v>
      </c>
    </row>
    <row r="429" spans="1:6" x14ac:dyDescent="0.2">
      <c r="A429" s="239">
        <f>'CPT Data'!B437</f>
        <v>3.9649999999999999</v>
      </c>
      <c r="B429" s="3">
        <f>'CPT Data'!C437</f>
        <v>3.9579999999999997</v>
      </c>
      <c r="C429" t="str">
        <f>'CPT Data'!P437</f>
        <v>CLAY</v>
      </c>
      <c r="D429">
        <f>'CPT Data'!Q437</f>
        <v>9.9369145008332627</v>
      </c>
      <c r="E429">
        <f t="shared" si="7"/>
        <v>9.6570398144035128</v>
      </c>
      <c r="F429">
        <f>IF(C429="CLAY", INDEX(D$4:D429, MATCH("CLAY", C$4:C429, 0)), "")</f>
        <v>0.75203252561341039</v>
      </c>
    </row>
    <row r="430" spans="1:6" x14ac:dyDescent="0.2">
      <c r="A430" s="239">
        <f>'CPT Data'!B438</f>
        <v>3.976</v>
      </c>
      <c r="B430" s="3">
        <f>'CPT Data'!C438</f>
        <v>3.9689999999999999</v>
      </c>
      <c r="C430" t="str">
        <f>'CPT Data'!P438</f>
        <v>CLAY</v>
      </c>
      <c r="D430">
        <f>'CPT Data'!Q438</f>
        <v>9.8992406888995834</v>
      </c>
      <c r="E430">
        <f t="shared" si="7"/>
        <v>9.9369145008332627</v>
      </c>
      <c r="F430">
        <f>IF(C430="CLAY", INDEX(D$4:D430, MATCH("CLAY", C$4:C430, 0)), "")</f>
        <v>0.75203252561341039</v>
      </c>
    </row>
    <row r="431" spans="1:6" x14ac:dyDescent="0.2">
      <c r="A431" s="239">
        <f>'CPT Data'!B439</f>
        <v>3.9860000000000002</v>
      </c>
      <c r="B431" s="3">
        <f>'CPT Data'!C439</f>
        <v>3.9790000000000001</v>
      </c>
      <c r="C431" t="str">
        <f>'CPT Data'!P439</f>
        <v>CLAY</v>
      </c>
      <c r="D431">
        <f>'CPT Data'!Q439</f>
        <v>9.8969258516276781</v>
      </c>
      <c r="E431">
        <f t="shared" si="7"/>
        <v>9.8992406888995834</v>
      </c>
      <c r="F431">
        <f>IF(C431="CLAY", INDEX(D$4:D431, MATCH("CLAY", C$4:C431, 0)), "")</f>
        <v>0.75203252561341039</v>
      </c>
    </row>
    <row r="432" spans="1:6" x14ac:dyDescent="0.2">
      <c r="A432" s="239">
        <f>'CPT Data'!B440</f>
        <v>3.9969999999999999</v>
      </c>
      <c r="B432" s="3">
        <f>'CPT Data'!C440</f>
        <v>3.9899999999999998</v>
      </c>
      <c r="C432" t="str">
        <f>'CPT Data'!P440</f>
        <v>CLAY</v>
      </c>
      <c r="D432">
        <f>'CPT Data'!Q440</f>
        <v>9.8143896692748456</v>
      </c>
      <c r="E432">
        <f t="shared" si="7"/>
        <v>9.8969258516276781</v>
      </c>
      <c r="F432">
        <f>IF(C432="CLAY", INDEX(D$4:D432, MATCH("CLAY", C$4:C432, 0)), "")</f>
        <v>0.75203252561341039</v>
      </c>
    </row>
    <row r="433" spans="1:6" x14ac:dyDescent="0.2">
      <c r="A433" s="239">
        <f>'CPT Data'!B441</f>
        <v>4.0069999999999997</v>
      </c>
      <c r="B433" s="3">
        <f>'CPT Data'!C441</f>
        <v>3.9999999999999996</v>
      </c>
      <c r="C433" t="str">
        <f>'CPT Data'!P441</f>
        <v>CLAY</v>
      </c>
      <c r="D433">
        <f>'CPT Data'!Q441</f>
        <v>9.9002184497717831</v>
      </c>
      <c r="E433">
        <f t="shared" si="7"/>
        <v>9.8143896692748456</v>
      </c>
      <c r="F433">
        <f>IF(C433="CLAY", INDEX(D$4:D433, MATCH("CLAY", C$4:C433, 0)), "")</f>
        <v>0.75203252561341039</v>
      </c>
    </row>
    <row r="434" spans="1:6" x14ac:dyDescent="0.2">
      <c r="A434" s="239">
        <f>'CPT Data'!B442</f>
        <v>4.0170000000000003</v>
      </c>
      <c r="B434" s="3">
        <f>'CPT Data'!C442</f>
        <v>4.0100000000000007</v>
      </c>
      <c r="C434" t="str">
        <f>'CPT Data'!P442</f>
        <v>CLAY</v>
      </c>
      <c r="D434">
        <f>'CPT Data'!Q442</f>
        <v>9.8750627089836218</v>
      </c>
      <c r="E434">
        <f t="shared" si="7"/>
        <v>9.9002184497717831</v>
      </c>
      <c r="F434">
        <f>IF(C434="CLAY", INDEX(D$4:D434, MATCH("CLAY", C$4:C434, 0)), "")</f>
        <v>0.75203252561341039</v>
      </c>
    </row>
    <row r="435" spans="1:6" x14ac:dyDescent="0.2">
      <c r="A435" s="239">
        <f>'CPT Data'!B443</f>
        <v>4.0270000000000001</v>
      </c>
      <c r="B435" s="3">
        <f>'CPT Data'!C443</f>
        <v>4.0200000000000005</v>
      </c>
      <c r="C435" t="str">
        <f>'CPT Data'!P443</f>
        <v>CLAY</v>
      </c>
      <c r="D435">
        <f>'CPT Data'!Q443</f>
        <v>9.7342879275055427</v>
      </c>
      <c r="E435">
        <f t="shared" si="7"/>
        <v>9.8750627089836218</v>
      </c>
      <c r="F435">
        <f>IF(C435="CLAY", INDEX(D$4:D435, MATCH("CLAY", C$4:C435, 0)), "")</f>
        <v>0.75203252561341039</v>
      </c>
    </row>
    <row r="436" spans="1:6" x14ac:dyDescent="0.2">
      <c r="A436" s="239">
        <f>'CPT Data'!B444</f>
        <v>4.0369999999999999</v>
      </c>
      <c r="B436" s="3">
        <f>'CPT Data'!C444</f>
        <v>4.03</v>
      </c>
      <c r="C436" t="str">
        <f>'CPT Data'!P444</f>
        <v>CLAY</v>
      </c>
      <c r="D436">
        <f>'CPT Data'!Q444</f>
        <v>9.7732855387699029</v>
      </c>
      <c r="E436">
        <f t="shared" si="7"/>
        <v>9.7342879275055427</v>
      </c>
      <c r="F436">
        <f>IF(C436="CLAY", INDEX(D$4:D436, MATCH("CLAY", C$4:C436, 0)), "")</f>
        <v>0.75203252561341039</v>
      </c>
    </row>
    <row r="437" spans="1:6" x14ac:dyDescent="0.2">
      <c r="A437" s="239">
        <f>'CPT Data'!B445</f>
        <v>4.0469999999999997</v>
      </c>
      <c r="B437" s="3">
        <f>'CPT Data'!C445</f>
        <v>4.04</v>
      </c>
      <c r="C437" t="str">
        <f>'CPT Data'!P445</f>
        <v>CLAY</v>
      </c>
      <c r="D437">
        <f>'CPT Data'!Q445</f>
        <v>9.740754404984413</v>
      </c>
      <c r="E437">
        <f t="shared" si="7"/>
        <v>9.7732855387699029</v>
      </c>
      <c r="F437">
        <f>IF(C437="CLAY", INDEX(D$4:D437, MATCH("CLAY", C$4:C437, 0)), "")</f>
        <v>0.75203252561341039</v>
      </c>
    </row>
    <row r="438" spans="1:6" x14ac:dyDescent="0.2">
      <c r="A438" s="239">
        <f>'CPT Data'!B446</f>
        <v>4.056</v>
      </c>
      <c r="B438" s="3">
        <f>'CPT Data'!C446</f>
        <v>4.0490000000000004</v>
      </c>
      <c r="C438" t="str">
        <f>'CPT Data'!P446</f>
        <v>CLAY</v>
      </c>
      <c r="D438">
        <f>'CPT Data'!Q446</f>
        <v>9.8448291485060633</v>
      </c>
      <c r="E438">
        <f t="shared" si="7"/>
        <v>9.740754404984413</v>
      </c>
      <c r="F438">
        <f>IF(C438="CLAY", INDEX(D$4:D438, MATCH("CLAY", C$4:C438, 0)), "")</f>
        <v>0.75203252561341039</v>
      </c>
    </row>
    <row r="439" spans="1:6" x14ac:dyDescent="0.2">
      <c r="A439" s="239">
        <f>'CPT Data'!B447</f>
        <v>4.0659999999999998</v>
      </c>
      <c r="B439" s="3">
        <f>'CPT Data'!C447</f>
        <v>4.0590000000000002</v>
      </c>
      <c r="C439" t="str">
        <f>'CPT Data'!P447</f>
        <v>CLAY</v>
      </c>
      <c r="D439">
        <f>'CPT Data'!Q447</f>
        <v>9.8786021346983688</v>
      </c>
      <c r="E439">
        <f t="shared" si="7"/>
        <v>9.8448291485060633</v>
      </c>
      <c r="F439">
        <f>IF(C439="CLAY", INDEX(D$4:D439, MATCH("CLAY", C$4:C439, 0)), "")</f>
        <v>0.75203252561341039</v>
      </c>
    </row>
    <row r="440" spans="1:6" x14ac:dyDescent="0.2">
      <c r="A440" s="239">
        <f>'CPT Data'!B448</f>
        <v>4.077</v>
      </c>
      <c r="B440" s="3">
        <f>'CPT Data'!C448</f>
        <v>4.07</v>
      </c>
      <c r="C440" t="str">
        <f>'CPT Data'!P448</f>
        <v>CLAY</v>
      </c>
      <c r="D440">
        <f>'CPT Data'!Q448</f>
        <v>10.046131477346711</v>
      </c>
      <c r="E440">
        <f t="shared" si="7"/>
        <v>9.8786021346983688</v>
      </c>
      <c r="F440">
        <f>IF(C440="CLAY", INDEX(D$4:D440, MATCH("CLAY", C$4:C440, 0)), "")</f>
        <v>0.75203252561341039</v>
      </c>
    </row>
    <row r="441" spans="1:6" x14ac:dyDescent="0.2">
      <c r="A441" s="239">
        <f>'CPT Data'!B449</f>
        <v>4.0869999999999997</v>
      </c>
      <c r="B441" s="3">
        <f>'CPT Data'!C449</f>
        <v>4.08</v>
      </c>
      <c r="C441" t="str">
        <f>'CPT Data'!P449</f>
        <v>CLAY</v>
      </c>
      <c r="D441">
        <f>'CPT Data'!Q449</f>
        <v>10.164726779735037</v>
      </c>
      <c r="E441">
        <f t="shared" si="7"/>
        <v>10.046131477346711</v>
      </c>
      <c r="F441">
        <f>IF(C441="CLAY", INDEX(D$4:D441, MATCH("CLAY", C$4:C441, 0)), "")</f>
        <v>0.75203252561341039</v>
      </c>
    </row>
    <row r="442" spans="1:6" x14ac:dyDescent="0.2">
      <c r="A442" s="239">
        <f>'CPT Data'!B450</f>
        <v>4.0970000000000004</v>
      </c>
      <c r="B442" s="3">
        <f>'CPT Data'!C450</f>
        <v>4.0900000000000007</v>
      </c>
      <c r="C442" t="str">
        <f>'CPT Data'!P450</f>
        <v>CLAY</v>
      </c>
      <c r="D442">
        <f>'CPT Data'!Q450</f>
        <v>10.288282632279797</v>
      </c>
      <c r="E442">
        <f t="shared" si="7"/>
        <v>10.164726779735037</v>
      </c>
      <c r="F442">
        <f>IF(C442="CLAY", INDEX(D$4:D442, MATCH("CLAY", C$4:C442, 0)), "")</f>
        <v>0.75203252561341039</v>
      </c>
    </row>
    <row r="443" spans="1:6" x14ac:dyDescent="0.2">
      <c r="A443" s="239">
        <f>'CPT Data'!B451</f>
        <v>4.1059999999999999</v>
      </c>
      <c r="B443" s="3">
        <f>'CPT Data'!C451</f>
        <v>4.0990000000000002</v>
      </c>
      <c r="C443" t="str">
        <f>'CPT Data'!P451</f>
        <v>CLAY</v>
      </c>
      <c r="D443">
        <f>'CPT Data'!Q451</f>
        <v>10.47251172775165</v>
      </c>
      <c r="E443">
        <f t="shared" si="7"/>
        <v>10.288282632279797</v>
      </c>
      <c r="F443">
        <f>IF(C443="CLAY", INDEX(D$4:D443, MATCH("CLAY", C$4:C443, 0)), "")</f>
        <v>0.75203252561341039</v>
      </c>
    </row>
    <row r="444" spans="1:6" x14ac:dyDescent="0.2">
      <c r="A444" s="239">
        <f>'CPT Data'!B452</f>
        <v>4.1159999999999997</v>
      </c>
      <c r="B444" s="3">
        <f>'CPT Data'!C452</f>
        <v>4.109</v>
      </c>
      <c r="C444" t="str">
        <f>'CPT Data'!P452</f>
        <v>CLAY</v>
      </c>
      <c r="D444">
        <f>'CPT Data'!Q452</f>
        <v>10.6505284210604</v>
      </c>
      <c r="E444">
        <f t="shared" si="7"/>
        <v>10.47251172775165</v>
      </c>
      <c r="F444">
        <f>IF(C444="CLAY", INDEX(D$4:D444, MATCH("CLAY", C$4:C444, 0)), "")</f>
        <v>0.75203252561341039</v>
      </c>
    </row>
    <row r="445" spans="1:6" x14ac:dyDescent="0.2">
      <c r="A445" s="239">
        <f>'CPT Data'!B453</f>
        <v>4.1269999999999998</v>
      </c>
      <c r="B445" s="3">
        <f>'CPT Data'!C453</f>
        <v>4.12</v>
      </c>
      <c r="C445" t="str">
        <f>'CPT Data'!P453</f>
        <v>CLAY</v>
      </c>
      <c r="D445">
        <f>'CPT Data'!Q453</f>
        <v>10.935877159202931</v>
      </c>
      <c r="E445">
        <f t="shared" si="7"/>
        <v>10.6505284210604</v>
      </c>
      <c r="F445">
        <f>IF(C445="CLAY", INDEX(D$4:D445, MATCH("CLAY", C$4:C445, 0)), "")</f>
        <v>0.75203252561341039</v>
      </c>
    </row>
    <row r="446" spans="1:6" x14ac:dyDescent="0.2">
      <c r="A446" s="239">
        <f>'CPT Data'!B454</f>
        <v>4.1369999999999996</v>
      </c>
      <c r="B446" s="3">
        <f>'CPT Data'!C454</f>
        <v>4.13</v>
      </c>
      <c r="C446" t="str">
        <f>'CPT Data'!P454</f>
        <v>CLAY</v>
      </c>
      <c r="D446">
        <f>'CPT Data'!Q454</f>
        <v>11.223629333572001</v>
      </c>
      <c r="E446">
        <f t="shared" si="7"/>
        <v>10.935877159202931</v>
      </c>
      <c r="F446">
        <f>IF(C446="CLAY", INDEX(D$4:D446, MATCH("CLAY", C$4:C446, 0)), "")</f>
        <v>0.75203252561341039</v>
      </c>
    </row>
    <row r="447" spans="1:6" x14ac:dyDescent="0.2">
      <c r="A447" s="239">
        <f>'CPT Data'!B455</f>
        <v>4.1470000000000002</v>
      </c>
      <c r="B447" s="3">
        <f>'CPT Data'!C455</f>
        <v>4.1400000000000006</v>
      </c>
      <c r="C447" t="str">
        <f>'CPT Data'!P455</f>
        <v>CLAY</v>
      </c>
      <c r="D447">
        <f>'CPT Data'!Q455</f>
        <v>11.28253983186606</v>
      </c>
      <c r="E447">
        <f t="shared" si="7"/>
        <v>11.223629333572001</v>
      </c>
      <c r="F447">
        <f>IF(C447="CLAY", INDEX(D$4:D447, MATCH("CLAY", C$4:C447, 0)), "")</f>
        <v>0.75203252561341039</v>
      </c>
    </row>
    <row r="448" spans="1:6" x14ac:dyDescent="0.2">
      <c r="A448" s="239">
        <f>'CPT Data'!B456</f>
        <v>4.1580000000000004</v>
      </c>
      <c r="B448" s="3">
        <f>'CPT Data'!C456</f>
        <v>4.1510000000000007</v>
      </c>
      <c r="C448" t="str">
        <f>'CPT Data'!P456</f>
        <v>CLAY</v>
      </c>
      <c r="D448">
        <f>'CPT Data'!Q456</f>
        <v>11.114048229645581</v>
      </c>
      <c r="E448">
        <f t="shared" si="7"/>
        <v>11.28253983186606</v>
      </c>
      <c r="F448">
        <f>IF(C448="CLAY", INDEX(D$4:D448, MATCH("CLAY", C$4:C448, 0)), "")</f>
        <v>0.75203252561341039</v>
      </c>
    </row>
    <row r="449" spans="1:6" x14ac:dyDescent="0.2">
      <c r="A449" s="239">
        <f>'CPT Data'!B457</f>
        <v>4.1669999999999998</v>
      </c>
      <c r="B449" s="3">
        <f>'CPT Data'!C457</f>
        <v>4.16</v>
      </c>
      <c r="C449" t="str">
        <f>'CPT Data'!P457</f>
        <v>CLAY</v>
      </c>
      <c r="D449">
        <f>'CPT Data'!Q457</f>
        <v>10.985417793218296</v>
      </c>
      <c r="E449">
        <f t="shared" si="7"/>
        <v>11.114048229645581</v>
      </c>
      <c r="F449">
        <f>IF(C449="CLAY", INDEX(D$4:D449, MATCH("CLAY", C$4:C449, 0)), "")</f>
        <v>0.75203252561341039</v>
      </c>
    </row>
    <row r="450" spans="1:6" x14ac:dyDescent="0.2">
      <c r="A450" s="239">
        <f>'CPT Data'!B458</f>
        <v>4.1779999999999999</v>
      </c>
      <c r="B450" s="3">
        <f>'CPT Data'!C458</f>
        <v>4.1710000000000003</v>
      </c>
      <c r="C450" t="str">
        <f>'CPT Data'!P458</f>
        <v>CLAY</v>
      </c>
      <c r="D450">
        <f>'CPT Data'!Q458</f>
        <v>10.408373477943465</v>
      </c>
      <c r="E450">
        <f t="shared" si="7"/>
        <v>10.985417793218296</v>
      </c>
      <c r="F450">
        <f>IF(C450="CLAY", INDEX(D$4:D450, MATCH("CLAY", C$4:C450, 0)), "")</f>
        <v>0.75203252561341039</v>
      </c>
    </row>
    <row r="451" spans="1:6" x14ac:dyDescent="0.2">
      <c r="A451" s="239">
        <f>'CPT Data'!B459</f>
        <v>4.1870000000000003</v>
      </c>
      <c r="B451" s="3">
        <f>'CPT Data'!C459</f>
        <v>4.1800000000000006</v>
      </c>
      <c r="C451" t="str">
        <f>'CPT Data'!P459</f>
        <v>CLAY</v>
      </c>
      <c r="D451">
        <f>'CPT Data'!Q459</f>
        <v>9.7878779614281388</v>
      </c>
      <c r="E451">
        <f t="shared" si="7"/>
        <v>10.408373477943465</v>
      </c>
      <c r="F451">
        <f>IF(C451="CLAY", INDEX(D$4:D451, MATCH("CLAY", C$4:C451, 0)), "")</f>
        <v>0.75203252561341039</v>
      </c>
    </row>
    <row r="452" spans="1:6" x14ac:dyDescent="0.2">
      <c r="A452" s="239">
        <f>'CPT Data'!B460</f>
        <v>4.1980000000000004</v>
      </c>
      <c r="B452" s="3">
        <f>'CPT Data'!C460</f>
        <v>4.1910000000000007</v>
      </c>
      <c r="C452" t="str">
        <f>'CPT Data'!P460</f>
        <v>CLAY</v>
      </c>
      <c r="D452">
        <f>'CPT Data'!Q460</f>
        <v>9.2282380846318315</v>
      </c>
      <c r="E452">
        <f t="shared" si="7"/>
        <v>9.7878779614281388</v>
      </c>
      <c r="F452">
        <f>IF(C452="CLAY", INDEX(D$4:D452, MATCH("CLAY", C$4:C452, 0)), "")</f>
        <v>0.75203252561341039</v>
      </c>
    </row>
    <row r="453" spans="1:6" x14ac:dyDescent="0.2">
      <c r="A453" s="239">
        <f>'CPT Data'!B461</f>
        <v>4.2069999999999999</v>
      </c>
      <c r="B453" s="3">
        <f>'CPT Data'!C461</f>
        <v>4.2</v>
      </c>
      <c r="C453" t="str">
        <f>'CPT Data'!P461</f>
        <v>CLAY</v>
      </c>
      <c r="D453">
        <f>'CPT Data'!Q461</f>
        <v>8.9244942780431966</v>
      </c>
      <c r="E453">
        <f t="shared" si="7"/>
        <v>9.2282380846318315</v>
      </c>
      <c r="F453">
        <f>IF(C453="CLAY", INDEX(D$4:D453, MATCH("CLAY", C$4:C453, 0)), "")</f>
        <v>0.75203252561341039</v>
      </c>
    </row>
    <row r="454" spans="1:6" x14ac:dyDescent="0.2">
      <c r="A454" s="239">
        <f>'CPT Data'!B462</f>
        <v>4.218</v>
      </c>
      <c r="B454" s="3">
        <f>'CPT Data'!C462</f>
        <v>4.2110000000000003</v>
      </c>
      <c r="C454" t="str">
        <f>'CPT Data'!P462</f>
        <v>CLAY</v>
      </c>
      <c r="D454">
        <f>'CPT Data'!Q462</f>
        <v>8.5103072709269352</v>
      </c>
      <c r="E454">
        <f t="shared" si="7"/>
        <v>8.9244942780431966</v>
      </c>
      <c r="F454">
        <f>IF(C454="CLAY", INDEX(D$4:D454, MATCH("CLAY", C$4:C454, 0)), "")</f>
        <v>0.75203252561341039</v>
      </c>
    </row>
    <row r="455" spans="1:6" x14ac:dyDescent="0.2">
      <c r="A455" s="239">
        <f>'CPT Data'!B463</f>
        <v>4.2270000000000003</v>
      </c>
      <c r="B455" s="3">
        <f>'CPT Data'!C463</f>
        <v>4.2200000000000006</v>
      </c>
      <c r="C455" t="str">
        <f>'CPT Data'!P463</f>
        <v>CLAY</v>
      </c>
      <c r="D455">
        <f>'CPT Data'!Q463</f>
        <v>7.8721938456744089</v>
      </c>
      <c r="E455">
        <f t="shared" si="7"/>
        <v>8.5103072709269352</v>
      </c>
      <c r="F455">
        <f>IF(C455="CLAY", INDEX(D$4:D455, MATCH("CLAY", C$4:C455, 0)), "")</f>
        <v>0.75203252561341039</v>
      </c>
    </row>
    <row r="456" spans="1:6" x14ac:dyDescent="0.2">
      <c r="A456" s="239">
        <f>'CPT Data'!B464</f>
        <v>4.2380000000000004</v>
      </c>
      <c r="B456" s="3">
        <f>'CPT Data'!C464</f>
        <v>4.2310000000000008</v>
      </c>
      <c r="C456" t="str">
        <f>'CPT Data'!P464</f>
        <v>CLAY</v>
      </c>
      <c r="D456">
        <f>'CPT Data'!Q464</f>
        <v>7.6802498473892582</v>
      </c>
      <c r="E456">
        <f t="shared" si="7"/>
        <v>7.8721938456744089</v>
      </c>
      <c r="F456">
        <f>IF(C456="CLAY", INDEX(D$4:D456, MATCH("CLAY", C$4:C456, 0)), "")</f>
        <v>0.75203252561341039</v>
      </c>
    </row>
    <row r="457" spans="1:6" x14ac:dyDescent="0.2">
      <c r="A457" s="239">
        <f>'CPT Data'!B465</f>
        <v>4.2469999999999999</v>
      </c>
      <c r="B457" s="3">
        <f>'CPT Data'!C465</f>
        <v>4.24</v>
      </c>
      <c r="C457" t="str">
        <f>'CPT Data'!P465</f>
        <v>CLAY</v>
      </c>
      <c r="D457">
        <f>'CPT Data'!Q465</f>
        <v>7.5639629790808023</v>
      </c>
      <c r="E457">
        <f t="shared" si="7"/>
        <v>7.6802498473892582</v>
      </c>
      <c r="F457">
        <f>IF(C457="CLAY", INDEX(D$4:D457, MATCH("CLAY", C$4:C457, 0)), "")</f>
        <v>0.75203252561341039</v>
      </c>
    </row>
    <row r="458" spans="1:6" x14ac:dyDescent="0.2">
      <c r="A458" s="239">
        <f>'CPT Data'!B466</f>
        <v>4.258</v>
      </c>
      <c r="B458" s="3">
        <f>'CPT Data'!C466</f>
        <v>4.2510000000000003</v>
      </c>
      <c r="C458" t="str">
        <f>'CPT Data'!P466</f>
        <v>CLAY</v>
      </c>
      <c r="D458">
        <f>'CPT Data'!Q466</f>
        <v>7.7337780731936654</v>
      </c>
      <c r="E458">
        <f t="shared" si="7"/>
        <v>7.5639629790808023</v>
      </c>
      <c r="F458">
        <f>IF(C458="CLAY", INDEX(D$4:D458, MATCH("CLAY", C$4:C458, 0)), "")</f>
        <v>0.75203252561341039</v>
      </c>
    </row>
    <row r="459" spans="1:6" x14ac:dyDescent="0.2">
      <c r="A459" s="239">
        <f>'CPT Data'!B467</f>
        <v>4.2670000000000003</v>
      </c>
      <c r="B459" s="3">
        <f>'CPT Data'!C467</f>
        <v>4.2600000000000007</v>
      </c>
      <c r="C459" t="str">
        <f>'CPT Data'!P467</f>
        <v>CLAY</v>
      </c>
      <c r="D459">
        <f>'CPT Data'!Q467</f>
        <v>7.9145918774147246</v>
      </c>
      <c r="E459">
        <f t="shared" si="7"/>
        <v>7.7337780731936654</v>
      </c>
      <c r="F459">
        <f>IF(C459="CLAY", INDEX(D$4:D459, MATCH("CLAY", C$4:C459, 0)), "")</f>
        <v>0.75203252561341039</v>
      </c>
    </row>
    <row r="460" spans="1:6" x14ac:dyDescent="0.2">
      <c r="A460" s="239">
        <f>'CPT Data'!B468</f>
        <v>4.2779999999999996</v>
      </c>
      <c r="B460" s="3">
        <f>'CPT Data'!C468</f>
        <v>4.2709999999999999</v>
      </c>
      <c r="C460" t="str">
        <f>'CPT Data'!P468</f>
        <v>CLAY</v>
      </c>
      <c r="D460">
        <f>'CPT Data'!Q468</f>
        <v>7.978928753219118</v>
      </c>
      <c r="E460">
        <f t="shared" si="7"/>
        <v>7.9145918774147246</v>
      </c>
      <c r="F460">
        <f>IF(C460="CLAY", INDEX(D$4:D460, MATCH("CLAY", C$4:C460, 0)), "")</f>
        <v>0.75203252561341039</v>
      </c>
    </row>
    <row r="461" spans="1:6" x14ac:dyDescent="0.2">
      <c r="A461" s="239">
        <f>'CPT Data'!B469</f>
        <v>4.2869999999999999</v>
      </c>
      <c r="B461" s="3">
        <f>'CPT Data'!C469</f>
        <v>4.28</v>
      </c>
      <c r="C461" t="str">
        <f>'CPT Data'!P469</f>
        <v>CLAY</v>
      </c>
      <c r="D461">
        <f>'CPT Data'!Q469</f>
        <v>8.1854933380410042</v>
      </c>
      <c r="E461">
        <f t="shared" si="7"/>
        <v>7.978928753219118</v>
      </c>
      <c r="F461">
        <f>IF(C461="CLAY", INDEX(D$4:D461, MATCH("CLAY", C$4:C461, 0)), "")</f>
        <v>0.75203252561341039</v>
      </c>
    </row>
    <row r="462" spans="1:6" x14ac:dyDescent="0.2">
      <c r="A462" s="239">
        <f>'CPT Data'!B470</f>
        <v>4.298</v>
      </c>
      <c r="B462" s="3">
        <f>'CPT Data'!C470</f>
        <v>4.2910000000000004</v>
      </c>
      <c r="C462" t="str">
        <f>'CPT Data'!P470</f>
        <v>CLAY</v>
      </c>
      <c r="D462">
        <f>'CPT Data'!Q470</f>
        <v>8.2326182889532848</v>
      </c>
      <c r="E462">
        <f t="shared" si="7"/>
        <v>8.1854933380410042</v>
      </c>
      <c r="F462">
        <f>IF(C462="CLAY", INDEX(D$4:D462, MATCH("CLAY", C$4:C462, 0)), "")</f>
        <v>0.75203252561341039</v>
      </c>
    </row>
    <row r="463" spans="1:6" x14ac:dyDescent="0.2">
      <c r="A463" s="239">
        <f>'CPT Data'!B471</f>
        <v>4.3070000000000004</v>
      </c>
      <c r="B463" s="3">
        <f>'CPT Data'!C471</f>
        <v>4.3000000000000007</v>
      </c>
      <c r="C463" t="str">
        <f>'CPT Data'!P471</f>
        <v>CLAY</v>
      </c>
      <c r="D463">
        <f>'CPT Data'!Q471</f>
        <v>8.1394034758226059</v>
      </c>
      <c r="E463">
        <f t="shared" si="7"/>
        <v>8.2326182889532848</v>
      </c>
      <c r="F463">
        <f>IF(C463="CLAY", INDEX(D$4:D463, MATCH("CLAY", C$4:C463, 0)), "")</f>
        <v>0.75203252561341039</v>
      </c>
    </row>
    <row r="464" spans="1:6" x14ac:dyDescent="0.2">
      <c r="A464" s="239">
        <f>'CPT Data'!B472</f>
        <v>4.3179999999999996</v>
      </c>
      <c r="B464" s="3">
        <f>'CPT Data'!C472</f>
        <v>4.3109999999999999</v>
      </c>
      <c r="C464" t="str">
        <f>'CPT Data'!P472</f>
        <v>CLAY</v>
      </c>
      <c r="D464">
        <f>'CPT Data'!Q472</f>
        <v>8.2311776387297417</v>
      </c>
      <c r="E464">
        <f t="shared" si="7"/>
        <v>8.1394034758226059</v>
      </c>
      <c r="F464">
        <f>IF(C464="CLAY", INDEX(D$4:D464, MATCH("CLAY", C$4:C464, 0)), "")</f>
        <v>0.75203252561341039</v>
      </c>
    </row>
    <row r="465" spans="1:6" x14ac:dyDescent="0.2">
      <c r="A465" s="239">
        <f>'CPT Data'!B473</f>
        <v>4.327</v>
      </c>
      <c r="B465" s="3">
        <f>'CPT Data'!C473</f>
        <v>4.32</v>
      </c>
      <c r="C465" t="str">
        <f>'CPT Data'!P473</f>
        <v>CLAY</v>
      </c>
      <c r="D465">
        <f>'CPT Data'!Q473</f>
        <v>8.3727728663990622</v>
      </c>
      <c r="E465">
        <f t="shared" si="7"/>
        <v>8.2311776387297417</v>
      </c>
      <c r="F465">
        <f>IF(C465="CLAY", INDEX(D$4:D465, MATCH("CLAY", C$4:C465, 0)), "")</f>
        <v>0.75203252561341039</v>
      </c>
    </row>
    <row r="466" spans="1:6" x14ac:dyDescent="0.2">
      <c r="A466" s="239">
        <f>'CPT Data'!B474</f>
        <v>4.3380000000000001</v>
      </c>
      <c r="B466" s="3">
        <f>'CPT Data'!C474</f>
        <v>4.3310000000000004</v>
      </c>
      <c r="C466" t="str">
        <f>'CPT Data'!P474</f>
        <v>CLAY</v>
      </c>
      <c r="D466">
        <f>'CPT Data'!Q474</f>
        <v>8.3787482321711906</v>
      </c>
      <c r="E466">
        <f t="shared" si="7"/>
        <v>8.3727728663990622</v>
      </c>
      <c r="F466">
        <f>IF(C466="CLAY", INDEX(D$4:D466, MATCH("CLAY", C$4:C466, 0)), "")</f>
        <v>0.75203252561341039</v>
      </c>
    </row>
    <row r="467" spans="1:6" x14ac:dyDescent="0.2">
      <c r="A467" s="239">
        <f>'CPT Data'!B475</f>
        <v>4.3479999999999999</v>
      </c>
      <c r="B467" s="3">
        <f>'CPT Data'!C475</f>
        <v>4.3410000000000002</v>
      </c>
      <c r="C467" t="str">
        <f>'CPT Data'!P475</f>
        <v>CLAY</v>
      </c>
      <c r="D467">
        <f>'CPT Data'!Q475</f>
        <v>8.27771079190682</v>
      </c>
      <c r="E467">
        <f t="shared" si="7"/>
        <v>8.3787482321711906</v>
      </c>
      <c r="F467">
        <f>IF(C467="CLAY", INDEX(D$4:D467, MATCH("CLAY", C$4:C467, 0)), "")</f>
        <v>0.75203252561341039</v>
      </c>
    </row>
    <row r="468" spans="1:6" x14ac:dyDescent="0.2">
      <c r="A468" s="239">
        <f>'CPT Data'!B476</f>
        <v>4.3579999999999997</v>
      </c>
      <c r="B468" s="3">
        <f>'CPT Data'!C476</f>
        <v>4.351</v>
      </c>
      <c r="C468" t="str">
        <f>'CPT Data'!P476</f>
        <v>CLAY</v>
      </c>
      <c r="D468">
        <f>'CPT Data'!Q476</f>
        <v>8.1707940383420024</v>
      </c>
      <c r="E468">
        <f t="shared" si="7"/>
        <v>8.27771079190682</v>
      </c>
      <c r="F468">
        <f>IF(C468="CLAY", INDEX(D$4:D468, MATCH("CLAY", C$4:C468, 0)), "")</f>
        <v>0.75203252561341039</v>
      </c>
    </row>
    <row r="469" spans="1:6" x14ac:dyDescent="0.2">
      <c r="A469" s="239">
        <f>'CPT Data'!B477</f>
        <v>4.3680000000000003</v>
      </c>
      <c r="B469" s="3">
        <f>'CPT Data'!C477</f>
        <v>4.3610000000000007</v>
      </c>
      <c r="C469" t="str">
        <f>'CPT Data'!P477</f>
        <v>CLAY</v>
      </c>
      <c r="D469">
        <f>'CPT Data'!Q477</f>
        <v>8.1209152226730001</v>
      </c>
      <c r="E469">
        <f t="shared" si="7"/>
        <v>8.1707940383420024</v>
      </c>
      <c r="F469">
        <f>IF(C469="CLAY", INDEX(D$4:D469, MATCH("CLAY", C$4:C469, 0)), "")</f>
        <v>0.75203252561341039</v>
      </c>
    </row>
    <row r="470" spans="1:6" x14ac:dyDescent="0.2">
      <c r="A470" s="239">
        <f>'CPT Data'!B478</f>
        <v>4.3789999999999996</v>
      </c>
      <c r="B470" s="3">
        <f>'CPT Data'!C478</f>
        <v>4.3719999999999999</v>
      </c>
      <c r="C470" t="str">
        <f>'CPT Data'!P478</f>
        <v>CLAY</v>
      </c>
      <c r="D470">
        <f>'CPT Data'!Q478</f>
        <v>8.0806359081708248</v>
      </c>
      <c r="E470">
        <f t="shared" si="7"/>
        <v>8.1209152226730001</v>
      </c>
      <c r="F470">
        <f>IF(C470="CLAY", INDEX(D$4:D470, MATCH("CLAY", C$4:C470, 0)), "")</f>
        <v>0.75203252561341039</v>
      </c>
    </row>
    <row r="471" spans="1:6" x14ac:dyDescent="0.2">
      <c r="A471" s="239">
        <f>'CPT Data'!B479</f>
        <v>4.3879999999999999</v>
      </c>
      <c r="B471" s="3">
        <f>'CPT Data'!C479</f>
        <v>4.3810000000000002</v>
      </c>
      <c r="C471" t="str">
        <f>'CPT Data'!P479</f>
        <v>CLAY</v>
      </c>
      <c r="D471">
        <f>'CPT Data'!Q479</f>
        <v>8.0313555484912555</v>
      </c>
      <c r="E471">
        <f t="shared" si="7"/>
        <v>8.0806359081708248</v>
      </c>
      <c r="F471">
        <f>IF(C471="CLAY", INDEX(D$4:D471, MATCH("CLAY", C$4:C471, 0)), "")</f>
        <v>0.75203252561341039</v>
      </c>
    </row>
    <row r="472" spans="1:6" x14ac:dyDescent="0.2">
      <c r="A472" s="239">
        <f>'CPT Data'!B480</f>
        <v>4.399</v>
      </c>
      <c r="B472" s="3">
        <f>'CPT Data'!C480</f>
        <v>4.3920000000000003</v>
      </c>
      <c r="C472" t="str">
        <f>'CPT Data'!P480</f>
        <v>CLAY</v>
      </c>
      <c r="D472">
        <f>'CPT Data'!Q480</f>
        <v>8.3557739774968081</v>
      </c>
      <c r="E472">
        <f t="shared" si="7"/>
        <v>8.0313555484912555</v>
      </c>
      <c r="F472">
        <f>IF(C472="CLAY", INDEX(D$4:D472, MATCH("CLAY", C$4:C472, 0)), "")</f>
        <v>0.75203252561341039</v>
      </c>
    </row>
    <row r="473" spans="1:6" x14ac:dyDescent="0.2">
      <c r="A473" s="239">
        <f>'CPT Data'!B481</f>
        <v>4.4080000000000004</v>
      </c>
      <c r="B473" s="3">
        <f>'CPT Data'!C481</f>
        <v>4.4010000000000007</v>
      </c>
      <c r="C473" t="str">
        <f>'CPT Data'!P481</f>
        <v>CLAY</v>
      </c>
      <c r="D473">
        <f>'CPT Data'!Q481</f>
        <v>8.7177162343832446</v>
      </c>
      <c r="E473">
        <f t="shared" si="7"/>
        <v>8.3557739774968081</v>
      </c>
      <c r="F473">
        <f>IF(C473="CLAY", INDEX(D$4:D473, MATCH("CLAY", C$4:C473, 0)), "")</f>
        <v>0.75203252561341039</v>
      </c>
    </row>
    <row r="474" spans="1:6" x14ac:dyDescent="0.2">
      <c r="A474" s="239">
        <f>'CPT Data'!B482</f>
        <v>4.4180000000000001</v>
      </c>
      <c r="B474" s="3">
        <f>'CPT Data'!C482</f>
        <v>4.4110000000000005</v>
      </c>
      <c r="C474" t="str">
        <f>'CPT Data'!P482</f>
        <v>CLAY</v>
      </c>
      <c r="D474">
        <f>'CPT Data'!Q482</f>
        <v>9.2419043551439248</v>
      </c>
      <c r="E474">
        <f t="shared" si="7"/>
        <v>8.7177162343832446</v>
      </c>
      <c r="F474">
        <f>IF(C474="CLAY", INDEX(D$4:D474, MATCH("CLAY", C$4:C474, 0)), "")</f>
        <v>0.75203252561341039</v>
      </c>
    </row>
    <row r="475" spans="1:6" x14ac:dyDescent="0.2">
      <c r="A475" s="239">
        <f>'CPT Data'!B483</f>
        <v>4.4279999999999999</v>
      </c>
      <c r="B475" s="3">
        <f>'CPT Data'!C483</f>
        <v>4.4210000000000003</v>
      </c>
      <c r="C475" t="str">
        <f>'CPT Data'!P483</f>
        <v>CLAY</v>
      </c>
      <c r="D475">
        <f>'CPT Data'!Q483</f>
        <v>9.5384783976191887</v>
      </c>
      <c r="E475">
        <f t="shared" ref="E475:E538" si="8">IF(C475="SAND",#N/A,IF(C475=C474,D474,IF(C475="CLAY",D475,#N/A)))</f>
        <v>9.2419043551439248</v>
      </c>
      <c r="F475">
        <f>IF(C475="CLAY", INDEX(D$4:D475, MATCH("CLAY", C$4:C475, 0)), "")</f>
        <v>0.75203252561341039</v>
      </c>
    </row>
    <row r="476" spans="1:6" x14ac:dyDescent="0.2">
      <c r="A476" s="239">
        <f>'CPT Data'!B484</f>
        <v>4.4379999999999997</v>
      </c>
      <c r="B476" s="3">
        <f>'CPT Data'!C484</f>
        <v>4.431</v>
      </c>
      <c r="C476" t="str">
        <f>'CPT Data'!P484</f>
        <v>CLAY</v>
      </c>
      <c r="D476">
        <f>'CPT Data'!Q484</f>
        <v>9.1551178233018771</v>
      </c>
      <c r="E476">
        <f t="shared" si="8"/>
        <v>9.5384783976191887</v>
      </c>
      <c r="F476">
        <f>IF(C476="CLAY", INDEX(D$4:D476, MATCH("CLAY", C$4:C476, 0)), "")</f>
        <v>0.75203252561341039</v>
      </c>
    </row>
    <row r="477" spans="1:6" x14ac:dyDescent="0.2">
      <c r="A477" s="239">
        <f>'CPT Data'!B485</f>
        <v>4.4480000000000004</v>
      </c>
      <c r="B477" s="3">
        <f>'CPT Data'!C485</f>
        <v>4.4410000000000007</v>
      </c>
      <c r="C477" t="str">
        <f>'CPT Data'!P485</f>
        <v>CLAY</v>
      </c>
      <c r="D477">
        <f>'CPT Data'!Q485</f>
        <v>8.532355190401141</v>
      </c>
      <c r="E477">
        <f t="shared" si="8"/>
        <v>9.1551178233018771</v>
      </c>
      <c r="F477">
        <f>IF(C477="CLAY", INDEX(D$4:D477, MATCH("CLAY", C$4:C477, 0)), "")</f>
        <v>0.75203252561341039</v>
      </c>
    </row>
    <row r="478" spans="1:6" x14ac:dyDescent="0.2">
      <c r="A478" s="239">
        <f>'CPT Data'!B486</f>
        <v>4.4569999999999999</v>
      </c>
      <c r="B478" s="3">
        <f>'CPT Data'!C486</f>
        <v>4.45</v>
      </c>
      <c r="C478" t="str">
        <f>'CPT Data'!P486</f>
        <v>CLAY</v>
      </c>
      <c r="D478">
        <f>'CPT Data'!Q486</f>
        <v>7.9843365139231173</v>
      </c>
      <c r="E478">
        <f t="shared" si="8"/>
        <v>8.532355190401141</v>
      </c>
      <c r="F478">
        <f>IF(C478="CLAY", INDEX(D$4:D478, MATCH("CLAY", C$4:C478, 0)), "")</f>
        <v>0.75203252561341039</v>
      </c>
    </row>
    <row r="479" spans="1:6" x14ac:dyDescent="0.2">
      <c r="A479" s="239">
        <f>'CPT Data'!B487</f>
        <v>4.468</v>
      </c>
      <c r="B479" s="3">
        <f>'CPT Data'!C487</f>
        <v>4.4610000000000003</v>
      </c>
      <c r="C479" t="str">
        <f>'CPT Data'!P487</f>
        <v>CLAY</v>
      </c>
      <c r="D479">
        <f>'CPT Data'!Q487</f>
        <v>7.6872806084777281</v>
      </c>
      <c r="E479">
        <f t="shared" si="8"/>
        <v>7.9843365139231173</v>
      </c>
      <c r="F479">
        <f>IF(C479="CLAY", INDEX(D$4:D479, MATCH("CLAY", C$4:C479, 0)), "")</f>
        <v>0.75203252561341039</v>
      </c>
    </row>
    <row r="480" spans="1:6" x14ac:dyDescent="0.2">
      <c r="A480" s="239">
        <f>'CPT Data'!B488</f>
        <v>4.4779999999999998</v>
      </c>
      <c r="B480" s="3">
        <f>'CPT Data'!C488</f>
        <v>4.4710000000000001</v>
      </c>
      <c r="C480" t="str">
        <f>'CPT Data'!P488</f>
        <v>CLAY</v>
      </c>
      <c r="D480">
        <f>'CPT Data'!Q488</f>
        <v>7.4742733367767054</v>
      </c>
      <c r="E480">
        <f t="shared" si="8"/>
        <v>7.6872806084777281</v>
      </c>
      <c r="F480">
        <f>IF(C480="CLAY", INDEX(D$4:D480, MATCH("CLAY", C$4:C480, 0)), "")</f>
        <v>0.75203252561341039</v>
      </c>
    </row>
    <row r="481" spans="1:6" x14ac:dyDescent="0.2">
      <c r="A481" s="239">
        <f>'CPT Data'!B489</f>
        <v>4.4889999999999999</v>
      </c>
      <c r="B481" s="3">
        <f>'CPT Data'!C489</f>
        <v>4.4820000000000002</v>
      </c>
      <c r="C481" t="str">
        <f>'CPT Data'!P489</f>
        <v>CLAY</v>
      </c>
      <c r="D481">
        <f>'CPT Data'!Q489</f>
        <v>7.3084104466871365</v>
      </c>
      <c r="E481">
        <f t="shared" si="8"/>
        <v>7.4742733367767054</v>
      </c>
      <c r="F481">
        <f>IF(C481="CLAY", INDEX(D$4:D481, MATCH("CLAY", C$4:C481, 0)), "")</f>
        <v>0.75203252561341039</v>
      </c>
    </row>
    <row r="482" spans="1:6" x14ac:dyDescent="0.2">
      <c r="A482" s="239">
        <f>'CPT Data'!B490</f>
        <v>4.4980000000000002</v>
      </c>
      <c r="B482" s="3">
        <f>'CPT Data'!C490</f>
        <v>4.4910000000000005</v>
      </c>
      <c r="C482" t="str">
        <f>'CPT Data'!P490</f>
        <v>CLAY</v>
      </c>
      <c r="D482">
        <f>'CPT Data'!Q490</f>
        <v>7.0786074057588708</v>
      </c>
      <c r="E482">
        <f t="shared" si="8"/>
        <v>7.3084104466871365</v>
      </c>
      <c r="F482">
        <f>IF(C482="CLAY", INDEX(D$4:D482, MATCH("CLAY", C$4:C482, 0)), "")</f>
        <v>0.75203252561341039</v>
      </c>
    </row>
    <row r="483" spans="1:6" x14ac:dyDescent="0.2">
      <c r="A483" s="239">
        <f>'CPT Data'!B491</f>
        <v>4.5090000000000003</v>
      </c>
      <c r="B483" s="3">
        <f>'CPT Data'!C491</f>
        <v>4.5020000000000007</v>
      </c>
      <c r="C483" t="str">
        <f>'CPT Data'!P491</f>
        <v>CLAY</v>
      </c>
      <c r="D483">
        <f>'CPT Data'!Q491</f>
        <v>6.8683065854018599</v>
      </c>
      <c r="E483">
        <f t="shared" si="8"/>
        <v>7.0786074057588708</v>
      </c>
      <c r="F483">
        <f>IF(C483="CLAY", INDEX(D$4:D483, MATCH("CLAY", C$4:C483, 0)), "")</f>
        <v>0.75203252561341039</v>
      </c>
    </row>
    <row r="484" spans="1:6" x14ac:dyDescent="0.2">
      <c r="A484" s="239">
        <f>'CPT Data'!B492</f>
        <v>4.5179999999999998</v>
      </c>
      <c r="B484" s="3">
        <f>'CPT Data'!C492</f>
        <v>4.5110000000000001</v>
      </c>
      <c r="C484" t="str">
        <f>'CPT Data'!P492</f>
        <v>CLAY</v>
      </c>
      <c r="D484">
        <f>'CPT Data'!Q492</f>
        <v>6.7643185386079407</v>
      </c>
      <c r="E484">
        <f t="shared" si="8"/>
        <v>6.8683065854018599</v>
      </c>
      <c r="F484">
        <f>IF(C484="CLAY", INDEX(D$4:D484, MATCH("CLAY", C$4:C484, 0)), "")</f>
        <v>0.75203252561341039</v>
      </c>
    </row>
    <row r="485" spans="1:6" x14ac:dyDescent="0.2">
      <c r="A485" s="239">
        <f>'CPT Data'!B493</f>
        <v>4.5289999999999999</v>
      </c>
      <c r="B485" s="3">
        <f>'CPT Data'!C493</f>
        <v>4.5220000000000002</v>
      </c>
      <c r="C485" t="str">
        <f>'CPT Data'!P493</f>
        <v>CLAY</v>
      </c>
      <c r="D485">
        <f>'CPT Data'!Q493</f>
        <v>7.1002932235877294</v>
      </c>
      <c r="E485">
        <f t="shared" si="8"/>
        <v>6.7643185386079407</v>
      </c>
      <c r="F485">
        <f>IF(C485="CLAY", INDEX(D$4:D485, MATCH("CLAY", C$4:C485, 0)), "")</f>
        <v>0.75203252561341039</v>
      </c>
    </row>
    <row r="486" spans="1:6" x14ac:dyDescent="0.2">
      <c r="A486" s="239">
        <f>'CPT Data'!B494</f>
        <v>4.54</v>
      </c>
      <c r="B486" s="3">
        <f>'CPT Data'!C494</f>
        <v>4.5330000000000004</v>
      </c>
      <c r="C486" t="str">
        <f>'CPT Data'!P494</f>
        <v>CLAY</v>
      </c>
      <c r="D486">
        <f>'CPT Data'!Q494</f>
        <v>7.5606899342856693</v>
      </c>
      <c r="E486">
        <f t="shared" si="8"/>
        <v>7.1002932235877294</v>
      </c>
      <c r="F486">
        <f>IF(C486="CLAY", INDEX(D$4:D486, MATCH("CLAY", C$4:C486, 0)), "")</f>
        <v>0.75203252561341039</v>
      </c>
    </row>
    <row r="487" spans="1:6" x14ac:dyDescent="0.2">
      <c r="A487" s="239">
        <f>'CPT Data'!B495</f>
        <v>4.5490000000000004</v>
      </c>
      <c r="B487" s="3">
        <f>'CPT Data'!C495</f>
        <v>4.5420000000000007</v>
      </c>
      <c r="C487" t="str">
        <f>'CPT Data'!P495</f>
        <v>CLAY</v>
      </c>
      <c r="D487">
        <f>'CPT Data'!Q495</f>
        <v>8.1276489095375428</v>
      </c>
      <c r="E487">
        <f t="shared" si="8"/>
        <v>7.5606899342856693</v>
      </c>
      <c r="F487">
        <f>IF(C487="CLAY", INDEX(D$4:D487, MATCH("CLAY", C$4:C487, 0)), "")</f>
        <v>0.75203252561341039</v>
      </c>
    </row>
    <row r="488" spans="1:6" x14ac:dyDescent="0.2">
      <c r="A488" s="239">
        <f>'CPT Data'!B496</f>
        <v>4.5599999999999996</v>
      </c>
      <c r="B488" s="3">
        <f>'CPT Data'!C496</f>
        <v>4.5529999999999999</v>
      </c>
      <c r="C488" t="str">
        <f>'CPT Data'!P496</f>
        <v>CLAY</v>
      </c>
      <c r="D488">
        <f>'CPT Data'!Q496</f>
        <v>8.5784941112283146</v>
      </c>
      <c r="E488">
        <f t="shared" si="8"/>
        <v>8.1276489095375428</v>
      </c>
      <c r="F488">
        <f>IF(C488="CLAY", INDEX(D$4:D488, MATCH("CLAY", C$4:C488, 0)), "")</f>
        <v>0.75203252561341039</v>
      </c>
    </row>
    <row r="489" spans="1:6" x14ac:dyDescent="0.2">
      <c r="A489" s="239">
        <f>'CPT Data'!B497</f>
        <v>4.569</v>
      </c>
      <c r="B489" s="3">
        <f>'CPT Data'!C497</f>
        <v>4.5620000000000003</v>
      </c>
      <c r="C489" t="str">
        <f>'CPT Data'!P497</f>
        <v>CLAY</v>
      </c>
      <c r="D489">
        <f>'CPT Data'!Q497</f>
        <v>8.5808774250064968</v>
      </c>
      <c r="E489">
        <f t="shared" si="8"/>
        <v>8.5784941112283146</v>
      </c>
      <c r="F489">
        <f>IF(C489="CLAY", INDEX(D$4:D489, MATCH("CLAY", C$4:C489, 0)), "")</f>
        <v>0.75203252561341039</v>
      </c>
    </row>
    <row r="490" spans="1:6" x14ac:dyDescent="0.2">
      <c r="A490" s="239">
        <f>'CPT Data'!B498</f>
        <v>4.5789999999999997</v>
      </c>
      <c r="B490" s="3">
        <f>'CPT Data'!C498</f>
        <v>4.5720000000000001</v>
      </c>
      <c r="C490" t="str">
        <f>'CPT Data'!P498</f>
        <v>CLAY</v>
      </c>
      <c r="D490">
        <f>'CPT Data'!Q498</f>
        <v>8.2994258753995958</v>
      </c>
      <c r="E490">
        <f t="shared" si="8"/>
        <v>8.5808774250064968</v>
      </c>
      <c r="F490">
        <f>IF(C490="CLAY", INDEX(D$4:D490, MATCH("CLAY", C$4:C490, 0)), "")</f>
        <v>0.75203252561341039</v>
      </c>
    </row>
    <row r="491" spans="1:6" x14ac:dyDescent="0.2">
      <c r="A491" s="239">
        <f>'CPT Data'!B499</f>
        <v>4.5880000000000001</v>
      </c>
      <c r="B491" s="3">
        <f>'CPT Data'!C499</f>
        <v>4.5810000000000004</v>
      </c>
      <c r="C491" t="str">
        <f>'CPT Data'!P499</f>
        <v>CLAY</v>
      </c>
      <c r="D491">
        <f>'CPT Data'!Q499</f>
        <v>7.6962097591600163</v>
      </c>
      <c r="E491">
        <f t="shared" si="8"/>
        <v>8.2994258753995958</v>
      </c>
      <c r="F491">
        <f>IF(C491="CLAY", INDEX(D$4:D491, MATCH("CLAY", C$4:C491, 0)), "")</f>
        <v>0.75203252561341039</v>
      </c>
    </row>
    <row r="492" spans="1:6" x14ac:dyDescent="0.2">
      <c r="A492" s="239">
        <f>'CPT Data'!B500</f>
        <v>4.5979999999999999</v>
      </c>
      <c r="B492" s="3">
        <f>'CPT Data'!C500</f>
        <v>4.5910000000000002</v>
      </c>
      <c r="C492" t="str">
        <f>'CPT Data'!P500</f>
        <v>CLAY</v>
      </c>
      <c r="D492">
        <f>'CPT Data'!Q500</f>
        <v>7.0632446999911638</v>
      </c>
      <c r="E492">
        <f t="shared" si="8"/>
        <v>7.6962097591600163</v>
      </c>
      <c r="F492">
        <f>IF(C492="CLAY", INDEX(D$4:D492, MATCH("CLAY", C$4:C492, 0)), "")</f>
        <v>0.75203252561341039</v>
      </c>
    </row>
    <row r="493" spans="1:6" x14ac:dyDescent="0.2">
      <c r="A493" s="239">
        <f>'CPT Data'!B501</f>
        <v>4.6079999999999997</v>
      </c>
      <c r="B493" s="3">
        <f>'CPT Data'!C501</f>
        <v>4.601</v>
      </c>
      <c r="C493" t="str">
        <f>'CPT Data'!P501</f>
        <v>CLAY</v>
      </c>
      <c r="D493">
        <f>'CPT Data'!Q501</f>
        <v>6.5607540384570129</v>
      </c>
      <c r="E493">
        <f t="shared" si="8"/>
        <v>7.0632446999911638</v>
      </c>
      <c r="F493">
        <f>IF(C493="CLAY", INDEX(D$4:D493, MATCH("CLAY", C$4:C493, 0)), "")</f>
        <v>0.75203252561341039</v>
      </c>
    </row>
    <row r="494" spans="1:6" x14ac:dyDescent="0.2">
      <c r="A494" s="239">
        <f>'CPT Data'!B502</f>
        <v>4.6189999999999998</v>
      </c>
      <c r="B494" s="3">
        <f>'CPT Data'!C502</f>
        <v>4.6120000000000001</v>
      </c>
      <c r="C494" t="str">
        <f>'CPT Data'!P502</f>
        <v>CLAY</v>
      </c>
      <c r="D494">
        <f>'CPT Data'!Q502</f>
        <v>5.971826855057464</v>
      </c>
      <c r="E494">
        <f t="shared" si="8"/>
        <v>6.5607540384570129</v>
      </c>
      <c r="F494">
        <f>IF(C494="CLAY", INDEX(D$4:D494, MATCH("CLAY", C$4:C494, 0)), "")</f>
        <v>0.75203252561341039</v>
      </c>
    </row>
    <row r="495" spans="1:6" x14ac:dyDescent="0.2">
      <c r="A495" s="239">
        <f>'CPT Data'!B503</f>
        <v>4.6280000000000001</v>
      </c>
      <c r="B495" s="3">
        <f>'CPT Data'!C503</f>
        <v>4.6210000000000004</v>
      </c>
      <c r="C495" t="str">
        <f>'CPT Data'!P503</f>
        <v>CLAY</v>
      </c>
      <c r="D495">
        <f>'CPT Data'!Q503</f>
        <v>5.6404302834700779</v>
      </c>
      <c r="E495">
        <f t="shared" si="8"/>
        <v>5.971826855057464</v>
      </c>
      <c r="F495">
        <f>IF(C495="CLAY", INDEX(D$4:D495, MATCH("CLAY", C$4:C495, 0)), "")</f>
        <v>0.75203252561341039</v>
      </c>
    </row>
    <row r="496" spans="1:6" x14ac:dyDescent="0.2">
      <c r="A496" s="239">
        <f>'CPT Data'!B504</f>
        <v>4.6390000000000002</v>
      </c>
      <c r="B496" s="3">
        <f>'CPT Data'!C504</f>
        <v>4.6320000000000006</v>
      </c>
      <c r="C496" t="str">
        <f>'CPT Data'!P504</f>
        <v>CLAY</v>
      </c>
      <c r="D496">
        <f>'CPT Data'!Q504</f>
        <v>5.4848117884306227</v>
      </c>
      <c r="E496">
        <f t="shared" si="8"/>
        <v>5.6404302834700779</v>
      </c>
      <c r="F496">
        <f>IF(C496="CLAY", INDEX(D$4:D496, MATCH("CLAY", C$4:C496, 0)), "")</f>
        <v>0.75203252561341039</v>
      </c>
    </row>
    <row r="497" spans="1:6" x14ac:dyDescent="0.2">
      <c r="A497" s="239">
        <f>'CPT Data'!B505</f>
        <v>4.6479999999999997</v>
      </c>
      <c r="B497" s="3">
        <f>'CPT Data'!C505</f>
        <v>4.641</v>
      </c>
      <c r="C497" t="str">
        <f>'CPT Data'!P505</f>
        <v>CLAY</v>
      </c>
      <c r="D497">
        <f>'CPT Data'!Q505</f>
        <v>6.1972557084473197</v>
      </c>
      <c r="E497">
        <f t="shared" si="8"/>
        <v>5.4848117884306227</v>
      </c>
      <c r="F497">
        <f>IF(C497="CLAY", INDEX(D$4:D497, MATCH("CLAY", C$4:C497, 0)), "")</f>
        <v>0.75203252561341039</v>
      </c>
    </row>
    <row r="498" spans="1:6" x14ac:dyDescent="0.2">
      <c r="A498" s="239">
        <f>'CPT Data'!B506</f>
        <v>4.6589999999999998</v>
      </c>
      <c r="B498" s="3">
        <f>'CPT Data'!C506</f>
        <v>4.6520000000000001</v>
      </c>
      <c r="C498" t="str">
        <f>'CPT Data'!P506</f>
        <v>CLAY</v>
      </c>
      <c r="D498">
        <f>'CPT Data'!Q506</f>
        <v>6.9033098324004181</v>
      </c>
      <c r="E498">
        <f t="shared" si="8"/>
        <v>6.1972557084473197</v>
      </c>
      <c r="F498">
        <f>IF(C498="CLAY", INDEX(D$4:D498, MATCH("CLAY", C$4:C498, 0)), "")</f>
        <v>0.75203252561341039</v>
      </c>
    </row>
    <row r="499" spans="1:6" x14ac:dyDescent="0.2">
      <c r="A499" s="239">
        <f>'CPT Data'!B507</f>
        <v>4.6689999999999996</v>
      </c>
      <c r="B499" s="3">
        <f>'CPT Data'!C507</f>
        <v>4.6619999999999999</v>
      </c>
      <c r="C499" t="str">
        <f>'CPT Data'!P507</f>
        <v>CLAY</v>
      </c>
      <c r="D499">
        <f>'CPT Data'!Q507</f>
        <v>7.4718732003690782</v>
      </c>
      <c r="E499">
        <f t="shared" si="8"/>
        <v>6.9033098324004181</v>
      </c>
      <c r="F499">
        <f>IF(C499="CLAY", INDEX(D$4:D499, MATCH("CLAY", C$4:C499, 0)), "")</f>
        <v>0.75203252561341039</v>
      </c>
    </row>
    <row r="500" spans="1:6" x14ac:dyDescent="0.2">
      <c r="A500" s="239">
        <f>'CPT Data'!B508</f>
        <v>4.6790000000000003</v>
      </c>
      <c r="B500" s="3">
        <f>'CPT Data'!C508</f>
        <v>4.6720000000000006</v>
      </c>
      <c r="C500" t="str">
        <f>'CPT Data'!P508</f>
        <v>CLAY</v>
      </c>
      <c r="D500">
        <f>'CPT Data'!Q508</f>
        <v>8.078543122699509</v>
      </c>
      <c r="E500">
        <f t="shared" si="8"/>
        <v>7.4718732003690782</v>
      </c>
      <c r="F500">
        <f>IF(C500="CLAY", INDEX(D$4:D500, MATCH("CLAY", C$4:C500, 0)), "")</f>
        <v>0.75203252561341039</v>
      </c>
    </row>
    <row r="501" spans="1:6" x14ac:dyDescent="0.2">
      <c r="A501" s="239">
        <f>'CPT Data'!B509</f>
        <v>4.6890000000000001</v>
      </c>
      <c r="B501" s="3">
        <f>'CPT Data'!C509</f>
        <v>4.6820000000000004</v>
      </c>
      <c r="C501" t="str">
        <f>'CPT Data'!P509</f>
        <v>CLAY</v>
      </c>
      <c r="D501">
        <f>'CPT Data'!Q509</f>
        <v>8.7234755828862447</v>
      </c>
      <c r="E501">
        <f t="shared" si="8"/>
        <v>8.078543122699509</v>
      </c>
      <c r="F501">
        <f>IF(C501="CLAY", INDEX(D$4:D501, MATCH("CLAY", C$4:C501, 0)), "")</f>
        <v>0.75203252561341039</v>
      </c>
    </row>
    <row r="502" spans="1:6" x14ac:dyDescent="0.2">
      <c r="A502" s="239">
        <f>'CPT Data'!B510</f>
        <v>4.6989999999999998</v>
      </c>
      <c r="B502" s="3">
        <f>'CPT Data'!C510</f>
        <v>4.6920000000000002</v>
      </c>
      <c r="C502" t="str">
        <f>'CPT Data'!P510</f>
        <v>CLAY</v>
      </c>
      <c r="D502">
        <f>'CPT Data'!Q510</f>
        <v>9.6235840562291006</v>
      </c>
      <c r="E502">
        <f t="shared" si="8"/>
        <v>8.7234755828862447</v>
      </c>
      <c r="F502">
        <f>IF(C502="CLAY", INDEX(D$4:D502, MATCH("CLAY", C$4:C502, 0)), "")</f>
        <v>0.75203252561341039</v>
      </c>
    </row>
    <row r="503" spans="1:6" x14ac:dyDescent="0.2">
      <c r="A503" s="239">
        <f>'CPT Data'!B511</f>
        <v>4.7089999999999996</v>
      </c>
      <c r="B503" s="3">
        <f>'CPT Data'!C511</f>
        <v>4.702</v>
      </c>
      <c r="C503" t="str">
        <f>'CPT Data'!P511</f>
        <v>CLAY</v>
      </c>
      <c r="D503">
        <f>'CPT Data'!Q511</f>
        <v>10.340299155792804</v>
      </c>
      <c r="E503">
        <f t="shared" si="8"/>
        <v>9.6235840562291006</v>
      </c>
      <c r="F503">
        <f>IF(C503="CLAY", INDEX(D$4:D503, MATCH("CLAY", C$4:C503, 0)), "")</f>
        <v>0.75203252561341039</v>
      </c>
    </row>
    <row r="504" spans="1:6" x14ac:dyDescent="0.2">
      <c r="A504" s="239">
        <f>'CPT Data'!B512</f>
        <v>4.7190000000000003</v>
      </c>
      <c r="B504" s="3">
        <f>'CPT Data'!C512</f>
        <v>4.7120000000000006</v>
      </c>
      <c r="C504" t="str">
        <f>'CPT Data'!P512</f>
        <v>CLAY</v>
      </c>
      <c r="D504">
        <f>'CPT Data'!Q512</f>
        <v>10.627778073635481</v>
      </c>
      <c r="E504">
        <f t="shared" si="8"/>
        <v>10.340299155792804</v>
      </c>
      <c r="F504">
        <f>IF(C504="CLAY", INDEX(D$4:D504, MATCH("CLAY", C$4:C504, 0)), "")</f>
        <v>0.75203252561341039</v>
      </c>
    </row>
    <row r="505" spans="1:6" x14ac:dyDescent="0.2">
      <c r="A505" s="239">
        <f>'CPT Data'!B513</f>
        <v>4.7279999999999998</v>
      </c>
      <c r="B505" s="3">
        <f>'CPT Data'!C513</f>
        <v>4.7210000000000001</v>
      </c>
      <c r="C505" t="str">
        <f>'CPT Data'!P513</f>
        <v>CLAY</v>
      </c>
      <c r="D505">
        <f>'CPT Data'!Q513</f>
        <v>10.813109908049222</v>
      </c>
      <c r="E505">
        <f t="shared" si="8"/>
        <v>10.627778073635481</v>
      </c>
      <c r="F505">
        <f>IF(C505="CLAY", INDEX(D$4:D505, MATCH("CLAY", C$4:C505, 0)), "")</f>
        <v>0.75203252561341039</v>
      </c>
    </row>
    <row r="506" spans="1:6" x14ac:dyDescent="0.2">
      <c r="A506" s="239">
        <f>'CPT Data'!B514</f>
        <v>4.7389999999999999</v>
      </c>
      <c r="B506" s="3">
        <f>'CPT Data'!C514</f>
        <v>4.7320000000000002</v>
      </c>
      <c r="C506" t="str">
        <f>'CPT Data'!P514</f>
        <v>CLAY</v>
      </c>
      <c r="D506">
        <f>'CPT Data'!Q514</f>
        <v>10.946599550367447</v>
      </c>
      <c r="E506">
        <f t="shared" si="8"/>
        <v>10.813109908049222</v>
      </c>
      <c r="F506">
        <f>IF(C506="CLAY", INDEX(D$4:D506, MATCH("CLAY", C$4:C506, 0)), "")</f>
        <v>0.75203252561341039</v>
      </c>
    </row>
    <row r="507" spans="1:6" x14ac:dyDescent="0.2">
      <c r="A507" s="239">
        <f>'CPT Data'!B515</f>
        <v>4.7489999999999997</v>
      </c>
      <c r="B507" s="3">
        <f>'CPT Data'!C515</f>
        <v>4.742</v>
      </c>
      <c r="C507" t="str">
        <f>'CPT Data'!P515</f>
        <v>CLAY</v>
      </c>
      <c r="D507">
        <f>'CPT Data'!Q515</f>
        <v>11.264941841469112</v>
      </c>
      <c r="E507">
        <f t="shared" si="8"/>
        <v>10.946599550367447</v>
      </c>
      <c r="F507">
        <f>IF(C507="CLAY", INDEX(D$4:D507, MATCH("CLAY", C$4:C507, 0)), "")</f>
        <v>0.75203252561341039</v>
      </c>
    </row>
    <row r="508" spans="1:6" x14ac:dyDescent="0.2">
      <c r="A508" s="239">
        <f>'CPT Data'!B516</f>
        <v>4.7590000000000003</v>
      </c>
      <c r="B508" s="3">
        <f>'CPT Data'!C516</f>
        <v>4.7520000000000007</v>
      </c>
      <c r="C508" t="str">
        <f>'CPT Data'!P516</f>
        <v>CLAY</v>
      </c>
      <c r="D508">
        <f>'CPT Data'!Q516</f>
        <v>11.531836809294843</v>
      </c>
      <c r="E508">
        <f t="shared" si="8"/>
        <v>11.264941841469112</v>
      </c>
      <c r="F508">
        <f>IF(C508="CLAY", INDEX(D$4:D508, MATCH("CLAY", C$4:C508, 0)), "")</f>
        <v>0.75203252561341039</v>
      </c>
    </row>
    <row r="509" spans="1:6" x14ac:dyDescent="0.2">
      <c r="A509" s="239">
        <f>'CPT Data'!B517</f>
        <v>4.7690000000000001</v>
      </c>
      <c r="B509" s="3">
        <f>'CPT Data'!C517</f>
        <v>4.7620000000000005</v>
      </c>
      <c r="C509" t="str">
        <f>'CPT Data'!P517</f>
        <v>CLAY</v>
      </c>
      <c r="D509">
        <f>'CPT Data'!Q517</f>
        <v>11.669909864922124</v>
      </c>
      <c r="E509">
        <f t="shared" si="8"/>
        <v>11.531836809294843</v>
      </c>
      <c r="F509">
        <f>IF(C509="CLAY", INDEX(D$4:D509, MATCH("CLAY", C$4:C509, 0)), "")</f>
        <v>0.75203252561341039</v>
      </c>
    </row>
    <row r="510" spans="1:6" x14ac:dyDescent="0.2">
      <c r="A510" s="239">
        <f>'CPT Data'!B518</f>
        <v>4.7789999999999999</v>
      </c>
      <c r="B510" s="3">
        <f>'CPT Data'!C518</f>
        <v>4.7720000000000002</v>
      </c>
      <c r="C510" t="str">
        <f>'CPT Data'!P518</f>
        <v>CLAY</v>
      </c>
      <c r="D510">
        <f>'CPT Data'!Q518</f>
        <v>11.94661039830938</v>
      </c>
      <c r="E510">
        <f t="shared" si="8"/>
        <v>11.669909864922124</v>
      </c>
      <c r="F510">
        <f>IF(C510="CLAY", INDEX(D$4:D510, MATCH("CLAY", C$4:C510, 0)), "")</f>
        <v>0.75203252561341039</v>
      </c>
    </row>
    <row r="511" spans="1:6" x14ac:dyDescent="0.2">
      <c r="A511" s="239">
        <f>'CPT Data'!B519</f>
        <v>4.7889999999999997</v>
      </c>
      <c r="B511" s="3">
        <f>'CPT Data'!C519</f>
        <v>4.782</v>
      </c>
      <c r="C511" t="str">
        <f>'CPT Data'!P519</f>
        <v>CLAY</v>
      </c>
      <c r="D511">
        <f>'CPT Data'!Q519</f>
        <v>12.304482078151958</v>
      </c>
      <c r="E511">
        <f t="shared" si="8"/>
        <v>11.94661039830938</v>
      </c>
      <c r="F511">
        <f>IF(C511="CLAY", INDEX(D$4:D511, MATCH("CLAY", C$4:C511, 0)), "")</f>
        <v>0.75203252561341039</v>
      </c>
    </row>
    <row r="512" spans="1:6" x14ac:dyDescent="0.2">
      <c r="A512" s="239">
        <f>'CPT Data'!B520</f>
        <v>4.7990000000000004</v>
      </c>
      <c r="B512" s="3">
        <f>'CPT Data'!C520</f>
        <v>4.7920000000000007</v>
      </c>
      <c r="C512" t="str">
        <f>'CPT Data'!P520</f>
        <v>CLAY</v>
      </c>
      <c r="D512">
        <f>'CPT Data'!Q520</f>
        <v>12.576653258961359</v>
      </c>
      <c r="E512">
        <f t="shared" si="8"/>
        <v>12.304482078151958</v>
      </c>
      <c r="F512">
        <f>IF(C512="CLAY", INDEX(D$4:D512, MATCH("CLAY", C$4:C512, 0)), "")</f>
        <v>0.75203252561341039</v>
      </c>
    </row>
    <row r="513" spans="1:6" x14ac:dyDescent="0.2">
      <c r="A513" s="239">
        <f>'CPT Data'!B521</f>
        <v>4.8090000000000002</v>
      </c>
      <c r="B513" s="3">
        <f>'CPT Data'!C521</f>
        <v>4.8020000000000005</v>
      </c>
      <c r="C513" t="str">
        <f>'CPT Data'!P521</f>
        <v>CLAY</v>
      </c>
      <c r="D513">
        <f>'CPT Data'!Q521</f>
        <v>12.670083428413156</v>
      </c>
      <c r="E513">
        <f t="shared" si="8"/>
        <v>12.576653258961359</v>
      </c>
      <c r="F513">
        <f>IF(C513="CLAY", INDEX(D$4:D513, MATCH("CLAY", C$4:C513, 0)), "")</f>
        <v>0.75203252561341039</v>
      </c>
    </row>
    <row r="514" spans="1:6" x14ac:dyDescent="0.2">
      <c r="A514" s="239">
        <f>'CPT Data'!B522</f>
        <v>4.82</v>
      </c>
      <c r="B514" s="3">
        <f>'CPT Data'!C522</f>
        <v>4.8130000000000006</v>
      </c>
      <c r="C514" t="str">
        <f>'CPT Data'!P522</f>
        <v>CLAY</v>
      </c>
      <c r="D514">
        <f>'CPT Data'!Q522</f>
        <v>12.488425568075073</v>
      </c>
      <c r="E514">
        <f t="shared" si="8"/>
        <v>12.670083428413156</v>
      </c>
      <c r="F514">
        <f>IF(C514="CLAY", INDEX(D$4:D514, MATCH("CLAY", C$4:C514, 0)), "")</f>
        <v>0.75203252561341039</v>
      </c>
    </row>
    <row r="515" spans="1:6" x14ac:dyDescent="0.2">
      <c r="A515" s="239">
        <f>'CPT Data'!B523</f>
        <v>4.8289999999999997</v>
      </c>
      <c r="B515" s="3">
        <f>'CPT Data'!C523</f>
        <v>4.8220000000000001</v>
      </c>
      <c r="C515" t="str">
        <f>'CPT Data'!P523</f>
        <v>CLAY</v>
      </c>
      <c r="D515">
        <f>'CPT Data'!Q523</f>
        <v>12.196044725339902</v>
      </c>
      <c r="E515">
        <f t="shared" si="8"/>
        <v>12.488425568075073</v>
      </c>
      <c r="F515">
        <f>IF(C515="CLAY", INDEX(D$4:D515, MATCH("CLAY", C$4:C515, 0)), "")</f>
        <v>0.75203252561341039</v>
      </c>
    </row>
    <row r="516" spans="1:6" x14ac:dyDescent="0.2">
      <c r="A516" s="239">
        <f>'CPT Data'!B524</f>
        <v>4.84</v>
      </c>
      <c r="B516" s="3">
        <f>'CPT Data'!C524</f>
        <v>4.8330000000000002</v>
      </c>
      <c r="C516" t="str">
        <f>'CPT Data'!P524</f>
        <v>CLAY</v>
      </c>
      <c r="D516">
        <f>'CPT Data'!Q524</f>
        <v>11.786333169085987</v>
      </c>
      <c r="E516">
        <f t="shared" si="8"/>
        <v>12.196044725339902</v>
      </c>
      <c r="F516">
        <f>IF(C516="CLAY", INDEX(D$4:D516, MATCH("CLAY", C$4:C516, 0)), "")</f>
        <v>0.75203252561341039</v>
      </c>
    </row>
    <row r="517" spans="1:6" x14ac:dyDescent="0.2">
      <c r="A517" s="239">
        <f>'CPT Data'!B525</f>
        <v>4.8499999999999996</v>
      </c>
      <c r="B517" s="3">
        <f>'CPT Data'!C525</f>
        <v>4.843</v>
      </c>
      <c r="C517" t="str">
        <f>'CPT Data'!P525</f>
        <v>CLAY</v>
      </c>
      <c r="D517">
        <f>'CPT Data'!Q525</f>
        <v>11.838656423236102</v>
      </c>
      <c r="E517">
        <f t="shared" si="8"/>
        <v>11.786333169085987</v>
      </c>
      <c r="F517">
        <f>IF(C517="CLAY", INDEX(D$4:D517, MATCH("CLAY", C$4:C517, 0)), "")</f>
        <v>0.75203252561341039</v>
      </c>
    </row>
    <row r="518" spans="1:6" x14ac:dyDescent="0.2">
      <c r="A518" s="239">
        <f>'CPT Data'!B526</f>
        <v>4.859</v>
      </c>
      <c r="B518" s="3">
        <f>'CPT Data'!C526</f>
        <v>4.8520000000000003</v>
      </c>
      <c r="C518" t="str">
        <f>'CPT Data'!P526</f>
        <v>CLAY</v>
      </c>
      <c r="D518">
        <f>'CPT Data'!Q526</f>
        <v>11.588770683801071</v>
      </c>
      <c r="E518">
        <f t="shared" si="8"/>
        <v>11.838656423236102</v>
      </c>
      <c r="F518">
        <f>IF(C518="CLAY", INDEX(D$4:D518, MATCH("CLAY", C$4:C518, 0)), "")</f>
        <v>0.75203252561341039</v>
      </c>
    </row>
    <row r="519" spans="1:6" x14ac:dyDescent="0.2">
      <c r="A519" s="239">
        <f>'CPT Data'!B527</f>
        <v>4.87</v>
      </c>
      <c r="B519" s="3">
        <f>'CPT Data'!C527</f>
        <v>4.8630000000000004</v>
      </c>
      <c r="C519" t="str">
        <f>'CPT Data'!P527</f>
        <v>CLAY</v>
      </c>
      <c r="D519">
        <f>'CPT Data'!Q527</f>
        <v>11.547383899515987</v>
      </c>
      <c r="E519">
        <f t="shared" si="8"/>
        <v>11.588770683801071</v>
      </c>
      <c r="F519">
        <f>IF(C519="CLAY", INDEX(D$4:D519, MATCH("CLAY", C$4:C519, 0)), "")</f>
        <v>0.75203252561341039</v>
      </c>
    </row>
    <row r="520" spans="1:6" x14ac:dyDescent="0.2">
      <c r="A520" s="239">
        <f>'CPT Data'!B528</f>
        <v>4.88</v>
      </c>
      <c r="B520" s="3">
        <f>'CPT Data'!C528</f>
        <v>4.8730000000000002</v>
      </c>
      <c r="C520" t="str">
        <f>'CPT Data'!P528</f>
        <v>CLAY</v>
      </c>
      <c r="D520">
        <f>'CPT Data'!Q528</f>
        <v>11.454362486295571</v>
      </c>
      <c r="E520">
        <f t="shared" si="8"/>
        <v>11.547383899515987</v>
      </c>
      <c r="F520">
        <f>IF(C520="CLAY", INDEX(D$4:D520, MATCH("CLAY", C$4:C520, 0)), "")</f>
        <v>0.75203252561341039</v>
      </c>
    </row>
    <row r="521" spans="1:6" x14ac:dyDescent="0.2">
      <c r="A521" s="239">
        <f>'CPT Data'!B529</f>
        <v>4.8899999999999997</v>
      </c>
      <c r="B521" s="3">
        <f>'CPT Data'!C529</f>
        <v>4.883</v>
      </c>
      <c r="C521" t="str">
        <f>'CPT Data'!P529</f>
        <v>CLAY</v>
      </c>
      <c r="D521">
        <f>'CPT Data'!Q529</f>
        <v>10.501674425299834</v>
      </c>
      <c r="E521">
        <f t="shared" si="8"/>
        <v>11.454362486295571</v>
      </c>
      <c r="F521">
        <f>IF(C521="CLAY", INDEX(D$4:D521, MATCH("CLAY", C$4:C521, 0)), "")</f>
        <v>0.75203252561341039</v>
      </c>
    </row>
    <row r="522" spans="1:6" x14ac:dyDescent="0.2">
      <c r="A522" s="239">
        <f>'CPT Data'!B530</f>
        <v>4.899</v>
      </c>
      <c r="B522" s="3">
        <f>'CPT Data'!C530</f>
        <v>4.8920000000000003</v>
      </c>
      <c r="C522" t="str">
        <f>'CPT Data'!P530</f>
        <v>CLAY</v>
      </c>
      <c r="D522">
        <f>'CPT Data'!Q530</f>
        <v>9.4810101065413654</v>
      </c>
      <c r="E522">
        <f t="shared" si="8"/>
        <v>10.501674425299834</v>
      </c>
      <c r="F522">
        <f>IF(C522="CLAY", INDEX(D$4:D522, MATCH("CLAY", C$4:C522, 0)), "")</f>
        <v>0.75203252561341039</v>
      </c>
    </row>
    <row r="523" spans="1:6" x14ac:dyDescent="0.2">
      <c r="A523" s="239">
        <f>'CPT Data'!B531</f>
        <v>4.91</v>
      </c>
      <c r="B523" s="3">
        <f>'CPT Data'!C531</f>
        <v>4.9030000000000005</v>
      </c>
      <c r="C523" t="str">
        <f>'CPT Data'!P531</f>
        <v>CLAY</v>
      </c>
      <c r="D523">
        <f>'CPT Data'!Q531</f>
        <v>9.4446323132467302</v>
      </c>
      <c r="E523">
        <f t="shared" si="8"/>
        <v>9.4810101065413654</v>
      </c>
      <c r="F523">
        <f>IF(C523="CLAY", INDEX(D$4:D523, MATCH("CLAY", C$4:C523, 0)), "")</f>
        <v>0.75203252561341039</v>
      </c>
    </row>
    <row r="524" spans="1:6" x14ac:dyDescent="0.2">
      <c r="A524" s="239">
        <f>'CPT Data'!B532</f>
        <v>4.9189999999999996</v>
      </c>
      <c r="B524" s="3">
        <f>'CPT Data'!C532</f>
        <v>4.9119999999999999</v>
      </c>
      <c r="C524" t="str">
        <f>'CPT Data'!P532</f>
        <v>CLAY</v>
      </c>
      <c r="D524">
        <f>'CPT Data'!Q532</f>
        <v>9.4172687196155334</v>
      </c>
      <c r="E524">
        <f t="shared" si="8"/>
        <v>9.4446323132467302</v>
      </c>
      <c r="F524">
        <f>IF(C524="CLAY", INDEX(D$4:D524, MATCH("CLAY", C$4:C524, 0)), "")</f>
        <v>0.75203252561341039</v>
      </c>
    </row>
    <row r="525" spans="1:6" x14ac:dyDescent="0.2">
      <c r="A525" s="239">
        <f>'CPT Data'!B533</f>
        <v>4.93</v>
      </c>
      <c r="B525" s="3">
        <f>'CPT Data'!C533</f>
        <v>4.923</v>
      </c>
      <c r="C525" t="str">
        <f>'CPT Data'!P533</f>
        <v>CLAY</v>
      </c>
      <c r="D525">
        <f>'CPT Data'!Q533</f>
        <v>9.1430584161176025</v>
      </c>
      <c r="E525">
        <f t="shared" si="8"/>
        <v>9.4172687196155334</v>
      </c>
      <c r="F525">
        <f>IF(C525="CLAY", INDEX(D$4:D525, MATCH("CLAY", C$4:C525, 0)), "")</f>
        <v>0.75203252561341039</v>
      </c>
    </row>
    <row r="526" spans="1:6" x14ac:dyDescent="0.2">
      <c r="A526" s="239">
        <f>'CPT Data'!B534</f>
        <v>4.9400000000000004</v>
      </c>
      <c r="B526" s="3">
        <f>'CPT Data'!C534</f>
        <v>4.9330000000000007</v>
      </c>
      <c r="C526" t="str">
        <f>'CPT Data'!P534</f>
        <v>CLAY</v>
      </c>
      <c r="D526">
        <f>'CPT Data'!Q534</f>
        <v>9.6092204952473796</v>
      </c>
      <c r="E526">
        <f t="shared" si="8"/>
        <v>9.1430584161176025</v>
      </c>
      <c r="F526">
        <f>IF(C526="CLAY", INDEX(D$4:D526, MATCH("CLAY", C$4:C526, 0)), "")</f>
        <v>0.75203252561341039</v>
      </c>
    </row>
    <row r="527" spans="1:6" x14ac:dyDescent="0.2">
      <c r="A527" s="239">
        <f>'CPT Data'!B535</f>
        <v>4.95</v>
      </c>
      <c r="B527" s="3">
        <f>'CPT Data'!C535</f>
        <v>4.9430000000000005</v>
      </c>
      <c r="C527" t="str">
        <f>'CPT Data'!P535</f>
        <v>CLAY</v>
      </c>
      <c r="D527">
        <f>'CPT Data'!Q535</f>
        <v>10.310091054867739</v>
      </c>
      <c r="E527">
        <f t="shared" si="8"/>
        <v>9.6092204952473796</v>
      </c>
      <c r="F527">
        <f>IF(C527="CLAY", INDEX(D$4:D527, MATCH("CLAY", C$4:C527, 0)), "")</f>
        <v>0.75203252561341039</v>
      </c>
    </row>
    <row r="528" spans="1:6" x14ac:dyDescent="0.2">
      <c r="A528" s="239">
        <f>'CPT Data'!B536</f>
        <v>4.96</v>
      </c>
      <c r="B528" s="3">
        <f>'CPT Data'!C536</f>
        <v>4.9530000000000003</v>
      </c>
      <c r="C528" t="str">
        <f>'CPT Data'!P536</f>
        <v>CLAY</v>
      </c>
      <c r="D528">
        <f>'CPT Data'!Q536</f>
        <v>10.112153372720408</v>
      </c>
      <c r="E528">
        <f t="shared" si="8"/>
        <v>10.310091054867739</v>
      </c>
      <c r="F528">
        <f>IF(C528="CLAY", INDEX(D$4:D528, MATCH("CLAY", C$4:C528, 0)), "")</f>
        <v>0.75203252561341039</v>
      </c>
    </row>
    <row r="529" spans="1:6" x14ac:dyDescent="0.2">
      <c r="A529" s="239">
        <f>'CPT Data'!B537</f>
        <v>4.97</v>
      </c>
      <c r="B529" s="3">
        <f>'CPT Data'!C537</f>
        <v>4.9630000000000001</v>
      </c>
      <c r="C529" t="str">
        <f>'CPT Data'!P537</f>
        <v>CLAY</v>
      </c>
      <c r="D529">
        <f>'CPT Data'!Q537</f>
        <v>10.187385182178511</v>
      </c>
      <c r="E529">
        <f t="shared" si="8"/>
        <v>10.112153372720408</v>
      </c>
      <c r="F529">
        <f>IF(C529="CLAY", INDEX(D$4:D529, MATCH("CLAY", C$4:C529, 0)), "")</f>
        <v>0.75203252561341039</v>
      </c>
    </row>
    <row r="530" spans="1:6" x14ac:dyDescent="0.2">
      <c r="A530" s="239">
        <f>'CPT Data'!B538</f>
        <v>4.9800000000000004</v>
      </c>
      <c r="B530" s="3">
        <f>'CPT Data'!C538</f>
        <v>4.9730000000000008</v>
      </c>
      <c r="C530" t="str">
        <f>'CPT Data'!P538</f>
        <v>CLAY</v>
      </c>
      <c r="D530">
        <f>'CPT Data'!Q538</f>
        <v>10.257667794330386</v>
      </c>
      <c r="E530">
        <f t="shared" si="8"/>
        <v>10.187385182178511</v>
      </c>
      <c r="F530">
        <f>IF(C530="CLAY", INDEX(D$4:D530, MATCH("CLAY", C$4:C530, 0)), "")</f>
        <v>0.75203252561341039</v>
      </c>
    </row>
    <row r="531" spans="1:6" x14ac:dyDescent="0.2">
      <c r="A531" s="239">
        <f>'CPT Data'!B539</f>
        <v>4.9909999999999997</v>
      </c>
      <c r="B531" s="3">
        <f>'CPT Data'!C539</f>
        <v>4.984</v>
      </c>
      <c r="C531" t="str">
        <f>'CPT Data'!P539</f>
        <v>CLAY</v>
      </c>
      <c r="D531">
        <f>'CPT Data'!Q539</f>
        <v>10.704882462113625</v>
      </c>
      <c r="E531">
        <f t="shared" si="8"/>
        <v>10.257667794330386</v>
      </c>
      <c r="F531">
        <f>IF(C531="CLAY", INDEX(D$4:D531, MATCH("CLAY", C$4:C531, 0)), "")</f>
        <v>0.75203252561341039</v>
      </c>
    </row>
    <row r="532" spans="1:6" x14ac:dyDescent="0.2">
      <c r="A532" s="239">
        <f>'CPT Data'!B540</f>
        <v>5</v>
      </c>
      <c r="B532" s="3">
        <f>'CPT Data'!C540</f>
        <v>4.9930000000000003</v>
      </c>
      <c r="C532" t="str">
        <f>'CPT Data'!P540</f>
        <v>CLAY</v>
      </c>
      <c r="D532">
        <f>'CPT Data'!Q540</f>
        <v>11.612198170980243</v>
      </c>
      <c r="E532">
        <f t="shared" si="8"/>
        <v>10.704882462113625</v>
      </c>
      <c r="F532">
        <f>IF(C532="CLAY", INDEX(D$4:D532, MATCH("CLAY", C$4:C532, 0)), "")</f>
        <v>0.75203252561341039</v>
      </c>
    </row>
    <row r="533" spans="1:6" x14ac:dyDescent="0.2">
      <c r="A533" s="239">
        <f>'CPT Data'!B541</f>
        <v>5.01</v>
      </c>
      <c r="B533" s="3">
        <f>'CPT Data'!C541</f>
        <v>5.0030000000000001</v>
      </c>
      <c r="C533" t="str">
        <f>'CPT Data'!P541</f>
        <v>CLAY</v>
      </c>
      <c r="D533">
        <f>'CPT Data'!Q541</f>
        <v>12.066264384749632</v>
      </c>
      <c r="E533">
        <f t="shared" si="8"/>
        <v>11.612198170980243</v>
      </c>
      <c r="F533">
        <f>IF(C533="CLAY", INDEX(D$4:D533, MATCH("CLAY", C$4:C533, 0)), "")</f>
        <v>0.75203252561341039</v>
      </c>
    </row>
    <row r="534" spans="1:6" x14ac:dyDescent="0.2">
      <c r="A534" s="239">
        <f>'CPT Data'!B542</f>
        <v>5.0209999999999999</v>
      </c>
      <c r="B534" s="3">
        <f>'CPT Data'!C542</f>
        <v>5.0140000000000002</v>
      </c>
      <c r="C534" t="str">
        <f>'CPT Data'!P542</f>
        <v>CLAY</v>
      </c>
      <c r="D534">
        <f>'CPT Data'!Q542</f>
        <v>11.967618747552725</v>
      </c>
      <c r="E534">
        <f t="shared" si="8"/>
        <v>12.066264384749632</v>
      </c>
      <c r="F534">
        <f>IF(C534="CLAY", INDEX(D$4:D534, MATCH("CLAY", C$4:C534, 0)), "")</f>
        <v>0.75203252561341039</v>
      </c>
    </row>
    <row r="535" spans="1:6" x14ac:dyDescent="0.2">
      <c r="A535" s="239">
        <f>'CPT Data'!B543</f>
        <v>5.03</v>
      </c>
      <c r="B535" s="3">
        <f>'CPT Data'!C543</f>
        <v>5.0230000000000006</v>
      </c>
      <c r="C535" t="str">
        <f>'CPT Data'!P543</f>
        <v>CLAY</v>
      </c>
      <c r="D535">
        <f>'CPT Data'!Q543</f>
        <v>11.94173791412585</v>
      </c>
      <c r="E535">
        <f t="shared" si="8"/>
        <v>11.967618747552725</v>
      </c>
      <c r="F535">
        <f>IF(C535="CLAY", INDEX(D$4:D535, MATCH("CLAY", C$4:C535, 0)), "")</f>
        <v>0.75203252561341039</v>
      </c>
    </row>
    <row r="536" spans="1:6" x14ac:dyDescent="0.2">
      <c r="A536" s="239">
        <f>'CPT Data'!B544</f>
        <v>5.0410000000000004</v>
      </c>
      <c r="B536" s="3">
        <f>'CPT Data'!C544</f>
        <v>5.0340000000000007</v>
      </c>
      <c r="C536" t="str">
        <f>'CPT Data'!P544</f>
        <v>CLAY</v>
      </c>
      <c r="D536">
        <f>'CPT Data'!Q544</f>
        <v>11.747963947903017</v>
      </c>
      <c r="E536">
        <f t="shared" si="8"/>
        <v>11.94173791412585</v>
      </c>
      <c r="F536">
        <f>IF(C536="CLAY", INDEX(D$4:D536, MATCH("CLAY", C$4:C536, 0)), "")</f>
        <v>0.75203252561341039</v>
      </c>
    </row>
    <row r="537" spans="1:6" x14ac:dyDescent="0.2">
      <c r="A537" s="239">
        <f>'CPT Data'!B545</f>
        <v>5.05</v>
      </c>
      <c r="B537" s="3">
        <f>'CPT Data'!C545</f>
        <v>5.0430000000000001</v>
      </c>
      <c r="C537" t="str">
        <f>'CPT Data'!P545</f>
        <v>CLAY</v>
      </c>
      <c r="D537">
        <f>'CPT Data'!Q545</f>
        <v>11.710320872701702</v>
      </c>
      <c r="E537">
        <f t="shared" si="8"/>
        <v>11.747963947903017</v>
      </c>
      <c r="F537">
        <f>IF(C537="CLAY", INDEX(D$4:D537, MATCH("CLAY", C$4:C537, 0)), "")</f>
        <v>0.75203252561341039</v>
      </c>
    </row>
    <row r="538" spans="1:6" x14ac:dyDescent="0.2">
      <c r="A538" s="239">
        <f>'CPT Data'!B546</f>
        <v>5.0599999999999996</v>
      </c>
      <c r="B538" s="3">
        <f>'CPT Data'!C546</f>
        <v>5.0529999999999999</v>
      </c>
      <c r="C538" t="str">
        <f>'CPT Data'!P546</f>
        <v>CLAY</v>
      </c>
      <c r="D538">
        <f>'CPT Data'!Q546</f>
        <v>11.892943868783291</v>
      </c>
      <c r="E538">
        <f t="shared" si="8"/>
        <v>11.710320872701702</v>
      </c>
      <c r="F538">
        <f>IF(C538="CLAY", INDEX(D$4:D538, MATCH("CLAY", C$4:C538, 0)), "")</f>
        <v>0.75203252561341039</v>
      </c>
    </row>
    <row r="539" spans="1:6" x14ac:dyDescent="0.2">
      <c r="A539" s="239">
        <f>'CPT Data'!B547</f>
        <v>5.07</v>
      </c>
      <c r="B539" s="3">
        <f>'CPT Data'!C547</f>
        <v>5.0630000000000006</v>
      </c>
      <c r="C539" t="str">
        <f>'CPT Data'!P547</f>
        <v>CLAY</v>
      </c>
      <c r="D539">
        <f>'CPT Data'!Q547</f>
        <v>12.105226818319457</v>
      </c>
      <c r="E539">
        <f t="shared" ref="E539:E602" si="9">IF(C539="SAND",#N/A,IF(C539=C538,D538,IF(C539="CLAY",D539,#N/A)))</f>
        <v>11.892943868783291</v>
      </c>
      <c r="F539">
        <f>IF(C539="CLAY", INDEX(D$4:D539, MATCH("CLAY", C$4:C539, 0)), "")</f>
        <v>0.75203252561341039</v>
      </c>
    </row>
    <row r="540" spans="1:6" x14ac:dyDescent="0.2">
      <c r="A540" s="239">
        <f>'CPT Data'!B548</f>
        <v>5.08</v>
      </c>
      <c r="B540" s="3">
        <f>'CPT Data'!C548</f>
        <v>5.0730000000000004</v>
      </c>
      <c r="C540" t="str">
        <f>'CPT Data'!P548</f>
        <v>CLAY</v>
      </c>
      <c r="D540">
        <f>'CPT Data'!Q548</f>
        <v>12.121074828725662</v>
      </c>
      <c r="E540">
        <f t="shared" si="9"/>
        <v>12.105226818319457</v>
      </c>
      <c r="F540">
        <f>IF(C540="CLAY", INDEX(D$4:D540, MATCH("CLAY", C$4:C540, 0)), "")</f>
        <v>0.75203252561341039</v>
      </c>
    </row>
    <row r="541" spans="1:6" x14ac:dyDescent="0.2">
      <c r="A541" s="239">
        <f>'CPT Data'!B549</f>
        <v>5.09</v>
      </c>
      <c r="B541" s="3">
        <f>'CPT Data'!C549</f>
        <v>5.0830000000000002</v>
      </c>
      <c r="C541" t="str">
        <f>'CPT Data'!P549</f>
        <v>CLAY</v>
      </c>
      <c r="D541">
        <f>'CPT Data'!Q549</f>
        <v>12.188043808507365</v>
      </c>
      <c r="E541">
        <f t="shared" si="9"/>
        <v>12.121074828725662</v>
      </c>
      <c r="F541">
        <f>IF(C541="CLAY", INDEX(D$4:D541, MATCH("CLAY", C$4:C541, 0)), "")</f>
        <v>0.75203252561341039</v>
      </c>
    </row>
    <row r="542" spans="1:6" x14ac:dyDescent="0.2">
      <c r="A542" s="239">
        <f>'CPT Data'!B550</f>
        <v>5.0999999999999996</v>
      </c>
      <c r="B542" s="3">
        <f>'CPT Data'!C550</f>
        <v>5.093</v>
      </c>
      <c r="C542" t="str">
        <f>'CPT Data'!P550</f>
        <v>CLAY</v>
      </c>
      <c r="D542">
        <f>'CPT Data'!Q550</f>
        <v>12.405494216332647</v>
      </c>
      <c r="E542">
        <f t="shared" si="9"/>
        <v>12.188043808507365</v>
      </c>
      <c r="F542">
        <f>IF(C542="CLAY", INDEX(D$4:D542, MATCH("CLAY", C$4:C542, 0)), "")</f>
        <v>0.75203252561341039</v>
      </c>
    </row>
    <row r="543" spans="1:6" x14ac:dyDescent="0.2">
      <c r="A543" s="239">
        <f>'CPT Data'!B551</f>
        <v>5.1100000000000003</v>
      </c>
      <c r="B543" s="3">
        <f>'CPT Data'!C551</f>
        <v>5.1030000000000006</v>
      </c>
      <c r="C543" t="str">
        <f>'CPT Data'!P551</f>
        <v>CLAY</v>
      </c>
      <c r="D543">
        <f>'CPT Data'!Q551</f>
        <v>12.386402985651538</v>
      </c>
      <c r="E543">
        <f t="shared" si="9"/>
        <v>12.405494216332647</v>
      </c>
      <c r="F543">
        <f>IF(C543="CLAY", INDEX(D$4:D543, MATCH("CLAY", C$4:C543, 0)), "")</f>
        <v>0.75203252561341039</v>
      </c>
    </row>
    <row r="544" spans="1:6" x14ac:dyDescent="0.2">
      <c r="A544" s="239">
        <f>'CPT Data'!B552</f>
        <v>5.1210000000000004</v>
      </c>
      <c r="B544" s="3">
        <f>'CPT Data'!C552</f>
        <v>5.1140000000000008</v>
      </c>
      <c r="C544" t="str">
        <f>'CPT Data'!P552</f>
        <v>CLAY</v>
      </c>
      <c r="D544">
        <f>'CPT Data'!Q552</f>
        <v>12.161567740867403</v>
      </c>
      <c r="E544">
        <f t="shared" si="9"/>
        <v>12.386402985651538</v>
      </c>
      <c r="F544">
        <f>IF(C544="CLAY", INDEX(D$4:D544, MATCH("CLAY", C$4:C544, 0)), "")</f>
        <v>0.75203252561341039</v>
      </c>
    </row>
    <row r="545" spans="1:6" x14ac:dyDescent="0.2">
      <c r="A545" s="239">
        <f>'CPT Data'!B553</f>
        <v>5.181</v>
      </c>
      <c r="B545" s="3">
        <f>'CPT Data'!C553</f>
        <v>5.1740000000000004</v>
      </c>
      <c r="C545" t="str">
        <f>'CPT Data'!P553</f>
        <v>CLAY</v>
      </c>
      <c r="D545">
        <f>'CPT Data'!Q553</f>
        <v>12.078566039691671</v>
      </c>
      <c r="E545">
        <f t="shared" si="9"/>
        <v>12.161567740867403</v>
      </c>
      <c r="F545">
        <f>IF(C545="CLAY", INDEX(D$4:D545, MATCH("CLAY", C$4:C545, 0)), "")</f>
        <v>0.75203252561341039</v>
      </c>
    </row>
    <row r="546" spans="1:6" x14ac:dyDescent="0.2">
      <c r="A546" s="239">
        <f>'CPT Data'!B554</f>
        <v>5.1920000000000002</v>
      </c>
      <c r="B546" s="3">
        <f>'CPT Data'!C554</f>
        <v>5.1850000000000005</v>
      </c>
      <c r="C546" t="str">
        <f>'CPT Data'!P554</f>
        <v>CLAY</v>
      </c>
      <c r="D546">
        <f>'CPT Data'!Q554</f>
        <v>12.03317420409565</v>
      </c>
      <c r="E546">
        <f t="shared" si="9"/>
        <v>12.078566039691671</v>
      </c>
      <c r="F546">
        <f>IF(C546="CLAY", INDEX(D$4:D546, MATCH("CLAY", C$4:C546, 0)), "")</f>
        <v>0.75203252561341039</v>
      </c>
    </row>
    <row r="547" spans="1:6" x14ac:dyDescent="0.2">
      <c r="A547" s="239">
        <f>'CPT Data'!B555</f>
        <v>5.2009999999999996</v>
      </c>
      <c r="B547" s="3">
        <f>'CPT Data'!C555</f>
        <v>5.194</v>
      </c>
      <c r="C547" t="str">
        <f>'CPT Data'!P555</f>
        <v>CLAY</v>
      </c>
      <c r="D547">
        <f>'CPT Data'!Q555</f>
        <v>11.809421474201608</v>
      </c>
      <c r="E547">
        <f t="shared" si="9"/>
        <v>12.03317420409565</v>
      </c>
      <c r="F547">
        <f>IF(C547="CLAY", INDEX(D$4:D547, MATCH("CLAY", C$4:C547, 0)), "")</f>
        <v>0.75203252561341039</v>
      </c>
    </row>
    <row r="548" spans="1:6" x14ac:dyDescent="0.2">
      <c r="A548" s="239">
        <f>'CPT Data'!B556</f>
        <v>5.21</v>
      </c>
      <c r="B548" s="3">
        <f>'CPT Data'!C556</f>
        <v>5.2030000000000003</v>
      </c>
      <c r="C548" t="str">
        <f>'CPT Data'!P556</f>
        <v>CLAY</v>
      </c>
      <c r="D548">
        <f>'CPT Data'!Q556</f>
        <v>11.73847297274355</v>
      </c>
      <c r="E548">
        <f t="shared" si="9"/>
        <v>11.809421474201608</v>
      </c>
      <c r="F548">
        <f>IF(C548="CLAY", INDEX(D$4:D548, MATCH("CLAY", C$4:C548, 0)), "")</f>
        <v>0.75203252561341039</v>
      </c>
    </row>
    <row r="549" spans="1:6" x14ac:dyDescent="0.2">
      <c r="A549" s="239">
        <f>'CPT Data'!B557</f>
        <v>5.2210000000000001</v>
      </c>
      <c r="B549" s="3">
        <f>'CPT Data'!C557</f>
        <v>5.2140000000000004</v>
      </c>
      <c r="C549" t="str">
        <f>'CPT Data'!P557</f>
        <v>CLAY</v>
      </c>
      <c r="D549">
        <f>'CPT Data'!Q557</f>
        <v>11.628890821001148</v>
      </c>
      <c r="E549">
        <f t="shared" si="9"/>
        <v>11.73847297274355</v>
      </c>
      <c r="F549">
        <f>IF(C549="CLAY", INDEX(D$4:D549, MATCH("CLAY", C$4:C549, 0)), "")</f>
        <v>0.75203252561341039</v>
      </c>
    </row>
    <row r="550" spans="1:6" x14ac:dyDescent="0.2">
      <c r="A550" s="239">
        <f>'CPT Data'!B558</f>
        <v>5.23</v>
      </c>
      <c r="B550" s="3">
        <f>'CPT Data'!C558</f>
        <v>5.2230000000000008</v>
      </c>
      <c r="C550" t="str">
        <f>'CPT Data'!P558</f>
        <v>CLAY</v>
      </c>
      <c r="D550">
        <f>'CPT Data'!Q558</f>
        <v>11.226548881920261</v>
      </c>
      <c r="E550">
        <f t="shared" si="9"/>
        <v>11.628890821001148</v>
      </c>
      <c r="F550">
        <f>IF(C550="CLAY", INDEX(D$4:D550, MATCH("CLAY", C$4:C550, 0)), "")</f>
        <v>0.75203252561341039</v>
      </c>
    </row>
    <row r="551" spans="1:6" x14ac:dyDescent="0.2">
      <c r="A551" s="239">
        <f>'CPT Data'!B559</f>
        <v>5.2409999999999997</v>
      </c>
      <c r="B551" s="3">
        <f>'CPT Data'!C559</f>
        <v>5.234</v>
      </c>
      <c r="C551" t="str">
        <f>'CPT Data'!P559</f>
        <v>CLAY</v>
      </c>
      <c r="D551">
        <f>'CPT Data'!Q559</f>
        <v>10.801970421813943</v>
      </c>
      <c r="E551">
        <f t="shared" si="9"/>
        <v>11.226548881920261</v>
      </c>
      <c r="F551">
        <f>IF(C551="CLAY", INDEX(D$4:D551, MATCH("CLAY", C$4:C551, 0)), "")</f>
        <v>0.75203252561341039</v>
      </c>
    </row>
    <row r="552" spans="1:6" x14ac:dyDescent="0.2">
      <c r="A552" s="239">
        <f>'CPT Data'!B560</f>
        <v>5.25</v>
      </c>
      <c r="B552" s="3">
        <f>'CPT Data'!C560</f>
        <v>5.2430000000000003</v>
      </c>
      <c r="C552" t="str">
        <f>'CPT Data'!P560</f>
        <v>CLAY</v>
      </c>
      <c r="D552">
        <f>'CPT Data'!Q560</f>
        <v>10.625886334251119</v>
      </c>
      <c r="E552">
        <f t="shared" si="9"/>
        <v>10.801970421813943</v>
      </c>
      <c r="F552">
        <f>IF(C552="CLAY", INDEX(D$4:D552, MATCH("CLAY", C$4:C552, 0)), "")</f>
        <v>0.75203252561341039</v>
      </c>
    </row>
    <row r="553" spans="1:6" x14ac:dyDescent="0.2">
      <c r="A553" s="239">
        <f>'CPT Data'!B561</f>
        <v>5.2610000000000001</v>
      </c>
      <c r="B553" s="3">
        <f>'CPT Data'!C561</f>
        <v>5.2540000000000004</v>
      </c>
      <c r="C553" t="str">
        <f>'CPT Data'!P561</f>
        <v>CLAY</v>
      </c>
      <c r="D553">
        <f>'CPT Data'!Q561</f>
        <v>10.666900174275098</v>
      </c>
      <c r="E553">
        <f t="shared" si="9"/>
        <v>10.625886334251119</v>
      </c>
      <c r="F553">
        <f>IF(C553="CLAY", INDEX(D$4:D553, MATCH("CLAY", C$4:C553, 0)), "")</f>
        <v>0.75203252561341039</v>
      </c>
    </row>
    <row r="554" spans="1:6" x14ac:dyDescent="0.2">
      <c r="A554" s="239">
        <f>'CPT Data'!B562</f>
        <v>5.27</v>
      </c>
      <c r="B554" s="3">
        <f>'CPT Data'!C562</f>
        <v>5.2629999999999999</v>
      </c>
      <c r="C554" t="str">
        <f>'CPT Data'!P562</f>
        <v>CLAY</v>
      </c>
      <c r="D554">
        <f>'CPT Data'!Q562</f>
        <v>10.547196580045036</v>
      </c>
      <c r="E554">
        <f t="shared" si="9"/>
        <v>10.666900174275098</v>
      </c>
      <c r="F554">
        <f>IF(C554="CLAY", INDEX(D$4:D554, MATCH("CLAY", C$4:C554, 0)), "")</f>
        <v>0.75203252561341039</v>
      </c>
    </row>
    <row r="555" spans="1:6" x14ac:dyDescent="0.2">
      <c r="A555" s="239">
        <f>'CPT Data'!B563</f>
        <v>5.2809999999999997</v>
      </c>
      <c r="B555" s="3">
        <f>'CPT Data'!C563</f>
        <v>5.274</v>
      </c>
      <c r="C555" t="str">
        <f>'CPT Data'!P563</f>
        <v>CLAY</v>
      </c>
      <c r="D555">
        <f>'CPT Data'!Q563</f>
        <v>10.274426002834739</v>
      </c>
      <c r="E555">
        <f t="shared" si="9"/>
        <v>10.547196580045036</v>
      </c>
      <c r="F555">
        <f>IF(C555="CLAY", INDEX(D$4:D555, MATCH("CLAY", C$4:C555, 0)), "")</f>
        <v>0.75203252561341039</v>
      </c>
    </row>
    <row r="556" spans="1:6" x14ac:dyDescent="0.2">
      <c r="A556" s="239">
        <f>'CPT Data'!B564</f>
        <v>5.2910000000000004</v>
      </c>
      <c r="B556" s="3">
        <f>'CPT Data'!C564</f>
        <v>5.2840000000000007</v>
      </c>
      <c r="C556" t="str">
        <f>'CPT Data'!P564</f>
        <v>CLAY</v>
      </c>
      <c r="D556">
        <f>'CPT Data'!Q564</f>
        <v>10.011433905126433</v>
      </c>
      <c r="E556">
        <f t="shared" si="9"/>
        <v>10.274426002834739</v>
      </c>
      <c r="F556">
        <f>IF(C556="CLAY", INDEX(D$4:D556, MATCH("CLAY", C$4:C556, 0)), "")</f>
        <v>0.75203252561341039</v>
      </c>
    </row>
    <row r="557" spans="1:6" x14ac:dyDescent="0.2">
      <c r="A557" s="239">
        <f>'CPT Data'!B565</f>
        <v>5.3010000000000002</v>
      </c>
      <c r="B557" s="3">
        <f>'CPT Data'!C565</f>
        <v>5.2940000000000005</v>
      </c>
      <c r="C557" t="str">
        <f>'CPT Data'!P565</f>
        <v>CLAY</v>
      </c>
      <c r="D557">
        <f>'CPT Data'!Q565</f>
        <v>9.8639251007923985</v>
      </c>
      <c r="E557">
        <f t="shared" si="9"/>
        <v>10.011433905126433</v>
      </c>
      <c r="F557">
        <f>IF(C557="CLAY", INDEX(D$4:D557, MATCH("CLAY", C$4:C557, 0)), "")</f>
        <v>0.75203252561341039</v>
      </c>
    </row>
    <row r="558" spans="1:6" x14ac:dyDescent="0.2">
      <c r="A558" s="239">
        <f>'CPT Data'!B566</f>
        <v>5.3120000000000003</v>
      </c>
      <c r="B558" s="3">
        <f>'CPT Data'!C566</f>
        <v>5.3050000000000006</v>
      </c>
      <c r="C558" t="str">
        <f>'CPT Data'!P566</f>
        <v>CLAY</v>
      </c>
      <c r="D558">
        <f>'CPT Data'!Q566</f>
        <v>10.259767365698824</v>
      </c>
      <c r="E558">
        <f t="shared" si="9"/>
        <v>9.8639251007923985</v>
      </c>
      <c r="F558">
        <f>IF(C558="CLAY", INDEX(D$4:D558, MATCH("CLAY", C$4:C558, 0)), "")</f>
        <v>0.75203252561341039</v>
      </c>
    </row>
    <row r="559" spans="1:6" x14ac:dyDescent="0.2">
      <c r="A559" s="239">
        <f>'CPT Data'!B567</f>
        <v>5.3220000000000001</v>
      </c>
      <c r="B559" s="3">
        <f>'CPT Data'!C567</f>
        <v>5.3150000000000004</v>
      </c>
      <c r="C559" t="str">
        <f>'CPT Data'!P567</f>
        <v>CLAY</v>
      </c>
      <c r="D559">
        <f>'CPT Data'!Q567</f>
        <v>10.546561517297432</v>
      </c>
      <c r="E559">
        <f t="shared" si="9"/>
        <v>10.259767365698824</v>
      </c>
      <c r="F559">
        <f>IF(C559="CLAY", INDEX(D$4:D559, MATCH("CLAY", C$4:C559, 0)), "")</f>
        <v>0.75203252561341039</v>
      </c>
    </row>
    <row r="560" spans="1:6" x14ac:dyDescent="0.2">
      <c r="A560" s="239">
        <f>'CPT Data'!B568</f>
        <v>5.3319999999999999</v>
      </c>
      <c r="B560" s="3">
        <f>'CPT Data'!C568</f>
        <v>5.3250000000000002</v>
      </c>
      <c r="C560" t="str">
        <f>'CPT Data'!P568</f>
        <v>CLAY</v>
      </c>
      <c r="D560">
        <f>'CPT Data'!Q568</f>
        <v>11.015088534429998</v>
      </c>
      <c r="E560">
        <f t="shared" si="9"/>
        <v>10.546561517297432</v>
      </c>
      <c r="F560">
        <f>IF(C560="CLAY", INDEX(D$4:D560, MATCH("CLAY", C$4:C560, 0)), "")</f>
        <v>0.75203252561341039</v>
      </c>
    </row>
    <row r="561" spans="1:6" x14ac:dyDescent="0.2">
      <c r="A561" s="239">
        <f>'CPT Data'!B569</f>
        <v>5.3419999999999996</v>
      </c>
      <c r="B561" s="3">
        <f>'CPT Data'!C569</f>
        <v>5.335</v>
      </c>
      <c r="C561" t="str">
        <f>'CPT Data'!P569</f>
        <v>CLAY</v>
      </c>
      <c r="D561">
        <f>'CPT Data'!Q569</f>
        <v>11.860286756995199</v>
      </c>
      <c r="E561">
        <f t="shared" si="9"/>
        <v>11.015088534429998</v>
      </c>
      <c r="F561">
        <f>IF(C561="CLAY", INDEX(D$4:D561, MATCH("CLAY", C$4:C561, 0)), "")</f>
        <v>0.75203252561341039</v>
      </c>
    </row>
    <row r="562" spans="1:6" x14ac:dyDescent="0.2">
      <c r="A562" s="239">
        <f>'CPT Data'!B570</f>
        <v>5.3529999999999998</v>
      </c>
      <c r="B562" s="3">
        <f>'CPT Data'!C570</f>
        <v>5.3460000000000001</v>
      </c>
      <c r="C562" t="str">
        <f>'CPT Data'!P570</f>
        <v>CLAY</v>
      </c>
      <c r="D562">
        <f>'CPT Data'!Q570</f>
        <v>11.537293543230183</v>
      </c>
      <c r="E562">
        <f t="shared" si="9"/>
        <v>11.860286756995199</v>
      </c>
      <c r="F562">
        <f>IF(C562="CLAY", INDEX(D$4:D562, MATCH("CLAY", C$4:C562, 0)), "")</f>
        <v>0.75203252561341039</v>
      </c>
    </row>
    <row r="563" spans="1:6" x14ac:dyDescent="0.2">
      <c r="A563" s="239">
        <f>'CPT Data'!B571</f>
        <v>5.3620000000000001</v>
      </c>
      <c r="B563" s="3">
        <f>'CPT Data'!C571</f>
        <v>5.3550000000000004</v>
      </c>
      <c r="C563" t="str">
        <f>'CPT Data'!P571</f>
        <v>CLAY</v>
      </c>
      <c r="D563">
        <f>'CPT Data'!Q571</f>
        <v>11.511612668249581</v>
      </c>
      <c r="E563">
        <f t="shared" si="9"/>
        <v>11.537293543230183</v>
      </c>
      <c r="F563">
        <f>IF(C563="CLAY", INDEX(D$4:D563, MATCH("CLAY", C$4:C563, 0)), "")</f>
        <v>0.75203252561341039</v>
      </c>
    </row>
    <row r="564" spans="1:6" x14ac:dyDescent="0.2">
      <c r="A564" s="239">
        <f>'CPT Data'!B572</f>
        <v>5.3719999999999999</v>
      </c>
      <c r="B564" s="3">
        <f>'CPT Data'!C572</f>
        <v>5.3650000000000002</v>
      </c>
      <c r="C564" t="str">
        <f>'CPT Data'!P572</f>
        <v>CLAY</v>
      </c>
      <c r="D564">
        <f>'CPT Data'!Q572</f>
        <v>12.083771730997844</v>
      </c>
      <c r="E564">
        <f t="shared" si="9"/>
        <v>11.511612668249581</v>
      </c>
      <c r="F564">
        <f>IF(C564="CLAY", INDEX(D$4:D564, MATCH("CLAY", C$4:C564, 0)), "")</f>
        <v>0.75203252561341039</v>
      </c>
    </row>
    <row r="565" spans="1:6" x14ac:dyDescent="0.2">
      <c r="A565" s="239">
        <f>'CPT Data'!B573</f>
        <v>5.3819999999999997</v>
      </c>
      <c r="B565" s="3">
        <f>'CPT Data'!C573</f>
        <v>5.375</v>
      </c>
      <c r="C565" t="str">
        <f>'CPT Data'!P573</f>
        <v>CLAY</v>
      </c>
      <c r="D565">
        <f>'CPT Data'!Q573</f>
        <v>11.465711558630892</v>
      </c>
      <c r="E565">
        <f t="shared" si="9"/>
        <v>12.083771730997844</v>
      </c>
      <c r="F565">
        <f>IF(C565="CLAY", INDEX(D$4:D565, MATCH("CLAY", C$4:C565, 0)), "")</f>
        <v>0.75203252561341039</v>
      </c>
    </row>
    <row r="566" spans="1:6" x14ac:dyDescent="0.2">
      <c r="A566" s="239">
        <f>'CPT Data'!B574</f>
        <v>5.3920000000000003</v>
      </c>
      <c r="B566" s="3">
        <f>'CPT Data'!C574</f>
        <v>5.3850000000000007</v>
      </c>
      <c r="C566" t="str">
        <f>'CPT Data'!P574</f>
        <v>CLAY</v>
      </c>
      <c r="D566">
        <f>'CPT Data'!Q574</f>
        <v>11.090425752171356</v>
      </c>
      <c r="E566">
        <f t="shared" si="9"/>
        <v>11.465711558630892</v>
      </c>
      <c r="F566">
        <f>IF(C566="CLAY", INDEX(D$4:D566, MATCH("CLAY", C$4:C566, 0)), "")</f>
        <v>0.75203252561341039</v>
      </c>
    </row>
    <row r="567" spans="1:6" x14ac:dyDescent="0.2">
      <c r="A567" s="239">
        <f>'CPT Data'!B575</f>
        <v>5.4020000000000001</v>
      </c>
      <c r="B567" s="3">
        <f>'CPT Data'!C575</f>
        <v>5.3950000000000005</v>
      </c>
      <c r="C567" t="str">
        <f>'CPT Data'!P575</f>
        <v>CLAY</v>
      </c>
      <c r="D567">
        <f>'CPT Data'!Q575</f>
        <v>10.788387155383566</v>
      </c>
      <c r="E567">
        <f t="shared" si="9"/>
        <v>11.090425752171356</v>
      </c>
      <c r="F567">
        <f>IF(C567="CLAY", INDEX(D$4:D567, MATCH("CLAY", C$4:C567, 0)), "")</f>
        <v>0.75203252561341039</v>
      </c>
    </row>
    <row r="568" spans="1:6" x14ac:dyDescent="0.2">
      <c r="A568" s="239">
        <f>'CPT Data'!B576</f>
        <v>5.4109999999999996</v>
      </c>
      <c r="B568" s="3">
        <f>'CPT Data'!C576</f>
        <v>5.4039999999999999</v>
      </c>
      <c r="C568" t="str">
        <f>'CPT Data'!P576</f>
        <v>CLAY</v>
      </c>
      <c r="D568">
        <f>'CPT Data'!Q576</f>
        <v>10.623958992191449</v>
      </c>
      <c r="E568">
        <f t="shared" si="9"/>
        <v>10.788387155383566</v>
      </c>
      <c r="F568">
        <f>IF(C568="CLAY", INDEX(D$4:D568, MATCH("CLAY", C$4:C568, 0)), "")</f>
        <v>0.75203252561341039</v>
      </c>
    </row>
    <row r="569" spans="1:6" x14ac:dyDescent="0.2">
      <c r="A569" s="239">
        <f>'CPT Data'!B577</f>
        <v>5.4219999999999997</v>
      </c>
      <c r="B569" s="3">
        <f>'CPT Data'!C577</f>
        <v>5.415</v>
      </c>
      <c r="C569" t="str">
        <f>'CPT Data'!P577</f>
        <v>CLAY</v>
      </c>
      <c r="D569">
        <f>'CPT Data'!Q577</f>
        <v>10.329572920211879</v>
      </c>
      <c r="E569">
        <f t="shared" si="9"/>
        <v>10.623958992191449</v>
      </c>
      <c r="F569">
        <f>IF(C569="CLAY", INDEX(D$4:D569, MATCH("CLAY", C$4:C569, 0)), "")</f>
        <v>0.75203252561341039</v>
      </c>
    </row>
    <row r="570" spans="1:6" x14ac:dyDescent="0.2">
      <c r="A570" s="239">
        <f>'CPT Data'!B578</f>
        <v>5.4320000000000004</v>
      </c>
      <c r="B570" s="3">
        <f>'CPT Data'!C578</f>
        <v>5.4250000000000007</v>
      </c>
      <c r="C570" t="str">
        <f>'CPT Data'!P578</f>
        <v>CLAY</v>
      </c>
      <c r="D570">
        <f>'CPT Data'!Q578</f>
        <v>10.152452266033327</v>
      </c>
      <c r="E570">
        <f t="shared" si="9"/>
        <v>10.329572920211879</v>
      </c>
      <c r="F570">
        <f>IF(C570="CLAY", INDEX(D$4:D570, MATCH("CLAY", C$4:C570, 0)), "")</f>
        <v>0.75203252561341039</v>
      </c>
    </row>
    <row r="571" spans="1:6" x14ac:dyDescent="0.2">
      <c r="A571" s="239">
        <f>'CPT Data'!B579</f>
        <v>5.4420000000000002</v>
      </c>
      <c r="B571" s="3">
        <f>'CPT Data'!C579</f>
        <v>5.4350000000000005</v>
      </c>
      <c r="C571" t="str">
        <f>'CPT Data'!P579</f>
        <v>CLAY</v>
      </c>
      <c r="D571">
        <f>'CPT Data'!Q579</f>
        <v>10.288351682570131</v>
      </c>
      <c r="E571">
        <f t="shared" si="9"/>
        <v>10.152452266033327</v>
      </c>
      <c r="F571">
        <f>IF(C571="CLAY", INDEX(D$4:D571, MATCH("CLAY", C$4:C571, 0)), "")</f>
        <v>0.75203252561341039</v>
      </c>
    </row>
    <row r="572" spans="1:6" x14ac:dyDescent="0.2">
      <c r="A572" s="239">
        <f>'CPT Data'!B580</f>
        <v>5.452</v>
      </c>
      <c r="B572" s="3">
        <f>'CPT Data'!C580</f>
        <v>5.4450000000000003</v>
      </c>
      <c r="C572" t="str">
        <f>'CPT Data'!P580</f>
        <v>CLAY</v>
      </c>
      <c r="D572">
        <f>'CPT Data'!Q580</f>
        <v>10.083225414440902</v>
      </c>
      <c r="E572">
        <f t="shared" si="9"/>
        <v>10.288351682570131</v>
      </c>
      <c r="F572">
        <f>IF(C572="CLAY", INDEX(D$4:D572, MATCH("CLAY", C$4:C572, 0)), "")</f>
        <v>0.75203252561341039</v>
      </c>
    </row>
    <row r="573" spans="1:6" x14ac:dyDescent="0.2">
      <c r="A573" s="239">
        <f>'CPT Data'!B581</f>
        <v>5.4630000000000001</v>
      </c>
      <c r="B573" s="3">
        <f>'CPT Data'!C581</f>
        <v>5.4560000000000004</v>
      </c>
      <c r="C573" t="str">
        <f>'CPT Data'!P581</f>
        <v>CLAY</v>
      </c>
      <c r="D573">
        <f>'CPT Data'!Q581</f>
        <v>9.3131245057449892</v>
      </c>
      <c r="E573">
        <f t="shared" si="9"/>
        <v>10.083225414440902</v>
      </c>
      <c r="F573">
        <f>IF(C573="CLAY", INDEX(D$4:D573, MATCH("CLAY", C$4:C573, 0)), "")</f>
        <v>0.75203252561341039</v>
      </c>
    </row>
    <row r="574" spans="1:6" x14ac:dyDescent="0.2">
      <c r="A574" s="239">
        <f>'CPT Data'!B582</f>
        <v>5.4720000000000004</v>
      </c>
      <c r="B574" s="3">
        <f>'CPT Data'!C582</f>
        <v>5.4650000000000007</v>
      </c>
      <c r="C574" t="str">
        <f>'CPT Data'!P582</f>
        <v>CLAY</v>
      </c>
      <c r="D574">
        <f>'CPT Data'!Q582</f>
        <v>9.2930868549776022</v>
      </c>
      <c r="E574">
        <f t="shared" si="9"/>
        <v>9.3131245057449892</v>
      </c>
      <c r="F574">
        <f>IF(C574="CLAY", INDEX(D$4:D574, MATCH("CLAY", C$4:C574, 0)), "")</f>
        <v>0.75203252561341039</v>
      </c>
    </row>
    <row r="575" spans="1:6" x14ac:dyDescent="0.2">
      <c r="A575" s="239">
        <f>'CPT Data'!B583</f>
        <v>5.4829999999999997</v>
      </c>
      <c r="B575" s="3">
        <f>'CPT Data'!C583</f>
        <v>5.476</v>
      </c>
      <c r="C575" t="str">
        <f>'CPT Data'!P583</f>
        <v>CLAY</v>
      </c>
      <c r="D575">
        <f>'CPT Data'!Q583</f>
        <v>9.6896928902946495</v>
      </c>
      <c r="E575">
        <f t="shared" si="9"/>
        <v>9.2930868549776022</v>
      </c>
      <c r="F575">
        <f>IF(C575="CLAY", INDEX(D$4:D575, MATCH("CLAY", C$4:C575, 0)), "")</f>
        <v>0.75203252561341039</v>
      </c>
    </row>
    <row r="576" spans="1:6" x14ac:dyDescent="0.2">
      <c r="A576" s="239">
        <f>'CPT Data'!B584</f>
        <v>5.4930000000000003</v>
      </c>
      <c r="B576" s="3">
        <f>'CPT Data'!C584</f>
        <v>5.4860000000000007</v>
      </c>
      <c r="C576" t="str">
        <f>'CPT Data'!P584</f>
        <v>CLAY</v>
      </c>
      <c r="D576">
        <f>'CPT Data'!Q584</f>
        <v>10.016744274410135</v>
      </c>
      <c r="E576">
        <f t="shared" si="9"/>
        <v>9.6896928902946495</v>
      </c>
      <c r="F576">
        <f>IF(C576="CLAY", INDEX(D$4:D576, MATCH("CLAY", C$4:C576, 0)), "")</f>
        <v>0.75203252561341039</v>
      </c>
    </row>
    <row r="577" spans="1:6" x14ac:dyDescent="0.2">
      <c r="A577" s="239">
        <f>'CPT Data'!B585</f>
        <v>5.5019999999999998</v>
      </c>
      <c r="B577" s="3">
        <f>'CPT Data'!C585</f>
        <v>5.4950000000000001</v>
      </c>
      <c r="C577" t="str">
        <f>'CPT Data'!P585</f>
        <v>CLAY</v>
      </c>
      <c r="D577">
        <f>'CPT Data'!Q585</f>
        <v>10.81231025440456</v>
      </c>
      <c r="E577">
        <f t="shared" si="9"/>
        <v>10.016744274410135</v>
      </c>
      <c r="F577">
        <f>IF(C577="CLAY", INDEX(D$4:D577, MATCH("CLAY", C$4:C577, 0)), "")</f>
        <v>0.75203252561341039</v>
      </c>
    </row>
    <row r="578" spans="1:6" x14ac:dyDescent="0.2">
      <c r="A578" s="239">
        <f>'CPT Data'!B586</f>
        <v>5.5129999999999999</v>
      </c>
      <c r="B578" s="3">
        <f>'CPT Data'!C586</f>
        <v>5.5060000000000002</v>
      </c>
      <c r="C578" t="str">
        <f>'CPT Data'!P586</f>
        <v>CLAY</v>
      </c>
      <c r="D578">
        <f>'CPT Data'!Q586</f>
        <v>11.691767386709657</v>
      </c>
      <c r="E578">
        <f t="shared" si="9"/>
        <v>10.81231025440456</v>
      </c>
      <c r="F578">
        <f>IF(C578="CLAY", INDEX(D$4:D578, MATCH("CLAY", C$4:C578, 0)), "")</f>
        <v>0.75203252561341039</v>
      </c>
    </row>
    <row r="579" spans="1:6" x14ac:dyDescent="0.2">
      <c r="A579" s="239">
        <f>'CPT Data'!B587</f>
        <v>5.5229999999999997</v>
      </c>
      <c r="B579" s="3">
        <f>'CPT Data'!C587</f>
        <v>5.516</v>
      </c>
      <c r="C579" t="str">
        <f>'CPT Data'!P587</f>
        <v>CLAY</v>
      </c>
      <c r="D579">
        <f>'CPT Data'!Q587</f>
        <v>12.021569579743806</v>
      </c>
      <c r="E579">
        <f t="shared" si="9"/>
        <v>11.691767386709657</v>
      </c>
      <c r="F579">
        <f>IF(C579="CLAY", INDEX(D$4:D579, MATCH("CLAY", C$4:C579, 0)), "")</f>
        <v>0.75203252561341039</v>
      </c>
    </row>
    <row r="580" spans="1:6" x14ac:dyDescent="0.2">
      <c r="A580" s="239">
        <f>'CPT Data'!B588</f>
        <v>5.5330000000000004</v>
      </c>
      <c r="B580" s="3">
        <f>'CPT Data'!C588</f>
        <v>5.5260000000000007</v>
      </c>
      <c r="C580" t="str">
        <f>'CPT Data'!P588</f>
        <v>CLAY</v>
      </c>
      <c r="D580">
        <f>'CPT Data'!Q588</f>
        <v>12.073173441569248</v>
      </c>
      <c r="E580">
        <f t="shared" si="9"/>
        <v>12.021569579743806</v>
      </c>
      <c r="F580">
        <f>IF(C580="CLAY", INDEX(D$4:D580, MATCH("CLAY", C$4:C580, 0)), "")</f>
        <v>0.75203252561341039</v>
      </c>
    </row>
    <row r="581" spans="1:6" x14ac:dyDescent="0.2">
      <c r="A581" s="239">
        <f>'CPT Data'!B589</f>
        <v>5.5430000000000001</v>
      </c>
      <c r="B581" s="3">
        <f>'CPT Data'!C589</f>
        <v>5.5360000000000005</v>
      </c>
      <c r="C581" t="str">
        <f>'CPT Data'!P589</f>
        <v>CLAY</v>
      </c>
      <c r="D581">
        <f>'CPT Data'!Q589</f>
        <v>11.952497348820723</v>
      </c>
      <c r="E581">
        <f t="shared" si="9"/>
        <v>12.073173441569248</v>
      </c>
      <c r="F581">
        <f>IF(C581="CLAY", INDEX(D$4:D581, MATCH("CLAY", C$4:C581, 0)), "")</f>
        <v>0.75203252561341039</v>
      </c>
    </row>
    <row r="582" spans="1:6" x14ac:dyDescent="0.2">
      <c r="A582" s="239">
        <f>'CPT Data'!B590</f>
        <v>5.5519999999999996</v>
      </c>
      <c r="B582" s="3">
        <f>'CPT Data'!C590</f>
        <v>5.5449999999999999</v>
      </c>
      <c r="C582" t="str">
        <f>'CPT Data'!P590</f>
        <v>CLAY</v>
      </c>
      <c r="D582">
        <f>'CPT Data'!Q590</f>
        <v>11.73020595784457</v>
      </c>
      <c r="E582">
        <f t="shared" si="9"/>
        <v>11.952497348820723</v>
      </c>
      <c r="F582">
        <f>IF(C582="CLAY", INDEX(D$4:D582, MATCH("CLAY", C$4:C582, 0)), "")</f>
        <v>0.75203252561341039</v>
      </c>
    </row>
    <row r="583" spans="1:6" x14ac:dyDescent="0.2">
      <c r="A583" s="239">
        <f>'CPT Data'!B591</f>
        <v>5.5629999999999997</v>
      </c>
      <c r="B583" s="3">
        <f>'CPT Data'!C591</f>
        <v>5.556</v>
      </c>
      <c r="C583" t="str">
        <f>'CPT Data'!P591</f>
        <v>CLAY</v>
      </c>
      <c r="D583">
        <f>'CPT Data'!Q591</f>
        <v>11.540150826703291</v>
      </c>
      <c r="E583">
        <f t="shared" si="9"/>
        <v>11.73020595784457</v>
      </c>
      <c r="F583">
        <f>IF(C583="CLAY", INDEX(D$4:D583, MATCH("CLAY", C$4:C583, 0)), "")</f>
        <v>0.75203252561341039</v>
      </c>
    </row>
    <row r="584" spans="1:6" x14ac:dyDescent="0.2">
      <c r="A584" s="239">
        <f>'CPT Data'!B592</f>
        <v>5.5720000000000001</v>
      </c>
      <c r="B584" s="3">
        <f>'CPT Data'!C592</f>
        <v>5.5650000000000004</v>
      </c>
      <c r="C584" t="str">
        <f>'CPT Data'!P592</f>
        <v>CLAY</v>
      </c>
      <c r="D584">
        <f>'CPT Data'!Q592</f>
        <v>11.347617981835336</v>
      </c>
      <c r="E584">
        <f t="shared" si="9"/>
        <v>11.540150826703291</v>
      </c>
      <c r="F584">
        <f>IF(C584="CLAY", INDEX(D$4:D584, MATCH("CLAY", C$4:C584, 0)), "")</f>
        <v>0.75203252561341039</v>
      </c>
    </row>
    <row r="585" spans="1:6" x14ac:dyDescent="0.2">
      <c r="A585" s="239">
        <f>'CPT Data'!B593</f>
        <v>5.5830000000000002</v>
      </c>
      <c r="B585" s="3">
        <f>'CPT Data'!C593</f>
        <v>5.5760000000000005</v>
      </c>
      <c r="C585" t="str">
        <f>'CPT Data'!P593</f>
        <v>CLAY</v>
      </c>
      <c r="D585">
        <f>'CPT Data'!Q593</f>
        <v>11.055747046187653</v>
      </c>
      <c r="E585">
        <f t="shared" si="9"/>
        <v>11.347617981835336</v>
      </c>
      <c r="F585">
        <f>IF(C585="CLAY", INDEX(D$4:D585, MATCH("CLAY", C$4:C585, 0)), "")</f>
        <v>0.75203252561341039</v>
      </c>
    </row>
    <row r="586" spans="1:6" x14ac:dyDescent="0.2">
      <c r="A586" s="239">
        <f>'CPT Data'!B594</f>
        <v>5.5919999999999996</v>
      </c>
      <c r="B586" s="3">
        <f>'CPT Data'!C594</f>
        <v>5.585</v>
      </c>
      <c r="C586" t="str">
        <f>'CPT Data'!P594</f>
        <v>CLAY</v>
      </c>
      <c r="D586">
        <f>'CPT Data'!Q594</f>
        <v>10.967183865658427</v>
      </c>
      <c r="E586">
        <f t="shared" si="9"/>
        <v>11.055747046187653</v>
      </c>
      <c r="F586">
        <f>IF(C586="CLAY", INDEX(D$4:D586, MATCH("CLAY", C$4:C586, 0)), "")</f>
        <v>0.75203252561341039</v>
      </c>
    </row>
    <row r="587" spans="1:6" x14ac:dyDescent="0.2">
      <c r="A587" s="239">
        <f>'CPT Data'!B595</f>
        <v>5.6029999999999998</v>
      </c>
      <c r="B587" s="3">
        <f>'CPT Data'!C595</f>
        <v>5.5960000000000001</v>
      </c>
      <c r="C587" t="str">
        <f>'CPT Data'!P595</f>
        <v>CLAY</v>
      </c>
      <c r="D587">
        <f>'CPT Data'!Q595</f>
        <v>11.169818943336068</v>
      </c>
      <c r="E587">
        <f t="shared" si="9"/>
        <v>10.967183865658427</v>
      </c>
      <c r="F587">
        <f>IF(C587="CLAY", INDEX(D$4:D587, MATCH("CLAY", C$4:C587, 0)), "")</f>
        <v>0.75203252561341039</v>
      </c>
    </row>
    <row r="588" spans="1:6" x14ac:dyDescent="0.2">
      <c r="A588" s="239">
        <f>'CPT Data'!B596</f>
        <v>5.6120000000000001</v>
      </c>
      <c r="B588" s="3">
        <f>'CPT Data'!C596</f>
        <v>5.6050000000000004</v>
      </c>
      <c r="C588" t="str">
        <f>'CPT Data'!P596</f>
        <v>CLAY</v>
      </c>
      <c r="D588">
        <f>'CPT Data'!Q596</f>
        <v>11.270977691191968</v>
      </c>
      <c r="E588">
        <f t="shared" si="9"/>
        <v>11.169818943336068</v>
      </c>
      <c r="F588">
        <f>IF(C588="CLAY", INDEX(D$4:D588, MATCH("CLAY", C$4:C588, 0)), "")</f>
        <v>0.75203252561341039</v>
      </c>
    </row>
    <row r="589" spans="1:6" x14ac:dyDescent="0.2">
      <c r="A589" s="239">
        <f>'CPT Data'!B597</f>
        <v>5.6230000000000002</v>
      </c>
      <c r="B589" s="3">
        <f>'CPT Data'!C597</f>
        <v>5.6160000000000005</v>
      </c>
      <c r="C589" t="str">
        <f>'CPT Data'!P597</f>
        <v>CLAY</v>
      </c>
      <c r="D589">
        <f>'CPT Data'!Q597</f>
        <v>11.420481632435349</v>
      </c>
      <c r="E589">
        <f t="shared" si="9"/>
        <v>11.270977691191968</v>
      </c>
      <c r="F589">
        <f>IF(C589="CLAY", INDEX(D$4:D589, MATCH("CLAY", C$4:C589, 0)), "")</f>
        <v>0.75203252561341039</v>
      </c>
    </row>
    <row r="590" spans="1:6" x14ac:dyDescent="0.2">
      <c r="A590" s="239">
        <f>'CPT Data'!B598</f>
        <v>5.633</v>
      </c>
      <c r="B590" s="3">
        <f>'CPT Data'!C598</f>
        <v>5.6260000000000003</v>
      </c>
      <c r="C590" t="str">
        <f>'CPT Data'!P598</f>
        <v>CLAY</v>
      </c>
      <c r="D590">
        <f>'CPT Data'!Q598</f>
        <v>11.473429532839475</v>
      </c>
      <c r="E590">
        <f t="shared" si="9"/>
        <v>11.420481632435349</v>
      </c>
      <c r="F590">
        <f>IF(C590="CLAY", INDEX(D$4:D590, MATCH("CLAY", C$4:C590, 0)), "")</f>
        <v>0.75203252561341039</v>
      </c>
    </row>
    <row r="591" spans="1:6" x14ac:dyDescent="0.2">
      <c r="A591" s="239">
        <f>'CPT Data'!B599</f>
        <v>5.6429999999999998</v>
      </c>
      <c r="B591" s="3">
        <f>'CPT Data'!C599</f>
        <v>5.6360000000000001</v>
      </c>
      <c r="C591" t="str">
        <f>'CPT Data'!P599</f>
        <v>CLAY</v>
      </c>
      <c r="D591">
        <f>'CPT Data'!Q599</f>
        <v>11.47334465146306</v>
      </c>
      <c r="E591">
        <f t="shared" si="9"/>
        <v>11.473429532839475</v>
      </c>
      <c r="F591">
        <f>IF(C591="CLAY", INDEX(D$4:D591, MATCH("CLAY", C$4:C591, 0)), "")</f>
        <v>0.75203252561341039</v>
      </c>
    </row>
    <row r="592" spans="1:6" x14ac:dyDescent="0.2">
      <c r="A592" s="239">
        <f>'CPT Data'!B600</f>
        <v>5.6520000000000001</v>
      </c>
      <c r="B592" s="3">
        <f>'CPT Data'!C600</f>
        <v>5.6450000000000005</v>
      </c>
      <c r="C592" t="str">
        <f>'CPT Data'!P600</f>
        <v>CLAY</v>
      </c>
      <c r="D592">
        <f>'CPT Data'!Q600</f>
        <v>11.596717579433019</v>
      </c>
      <c r="E592">
        <f t="shared" si="9"/>
        <v>11.47334465146306</v>
      </c>
      <c r="F592">
        <f>IF(C592="CLAY", INDEX(D$4:D592, MATCH("CLAY", C$4:C592, 0)), "")</f>
        <v>0.75203252561341039</v>
      </c>
    </row>
    <row r="593" spans="1:6" x14ac:dyDescent="0.2">
      <c r="A593" s="239">
        <f>'CPT Data'!B601</f>
        <v>5.6630000000000003</v>
      </c>
      <c r="B593" s="3">
        <f>'CPT Data'!C601</f>
        <v>5.6560000000000006</v>
      </c>
      <c r="C593" t="str">
        <f>'CPT Data'!P601</f>
        <v>CLAY</v>
      </c>
      <c r="D593">
        <f>'CPT Data'!Q601</f>
        <v>11.657428051620718</v>
      </c>
      <c r="E593">
        <f t="shared" si="9"/>
        <v>11.596717579433019</v>
      </c>
      <c r="F593">
        <f>IF(C593="CLAY", INDEX(D$4:D593, MATCH("CLAY", C$4:C593, 0)), "")</f>
        <v>0.75203252561341039</v>
      </c>
    </row>
    <row r="594" spans="1:6" x14ac:dyDescent="0.2">
      <c r="A594" s="239">
        <f>'CPT Data'!B602</f>
        <v>5.6719999999999997</v>
      </c>
      <c r="B594" s="3">
        <f>'CPT Data'!C602</f>
        <v>5.665</v>
      </c>
      <c r="C594" t="str">
        <f>'CPT Data'!P602</f>
        <v>CLAY</v>
      </c>
      <c r="D594">
        <f>'CPT Data'!Q602</f>
        <v>11.389838359350469</v>
      </c>
      <c r="E594">
        <f t="shared" si="9"/>
        <v>11.657428051620718</v>
      </c>
      <c r="F594">
        <f>IF(C594="CLAY", INDEX(D$4:D594, MATCH("CLAY", C$4:C594, 0)), "")</f>
        <v>0.75203252561341039</v>
      </c>
    </row>
    <row r="595" spans="1:6" x14ac:dyDescent="0.2">
      <c r="A595" s="239">
        <f>'CPT Data'!B603</f>
        <v>5.6829999999999998</v>
      </c>
      <c r="B595" s="3">
        <f>'CPT Data'!C603</f>
        <v>5.6760000000000002</v>
      </c>
      <c r="C595" t="str">
        <f>'CPT Data'!P603</f>
        <v>CLAY</v>
      </c>
      <c r="D595">
        <f>'CPT Data'!Q603</f>
        <v>11.408062718993996</v>
      </c>
      <c r="E595">
        <f t="shared" si="9"/>
        <v>11.389838359350469</v>
      </c>
      <c r="F595">
        <f>IF(C595="CLAY", INDEX(D$4:D595, MATCH("CLAY", C$4:C595, 0)), "")</f>
        <v>0.75203252561341039</v>
      </c>
    </row>
    <row r="596" spans="1:6" x14ac:dyDescent="0.2">
      <c r="A596" s="239">
        <f>'CPT Data'!B604</f>
        <v>5.6929999999999996</v>
      </c>
      <c r="B596" s="3">
        <f>'CPT Data'!C604</f>
        <v>5.6859999999999999</v>
      </c>
      <c r="C596" t="str">
        <f>'CPT Data'!P604</f>
        <v>CLAY</v>
      </c>
      <c r="D596">
        <f>'CPT Data'!Q604</f>
        <v>11.833014129297171</v>
      </c>
      <c r="E596">
        <f t="shared" si="9"/>
        <v>11.408062718993996</v>
      </c>
      <c r="F596">
        <f>IF(C596="CLAY", INDEX(D$4:D596, MATCH("CLAY", C$4:C596, 0)), "")</f>
        <v>0.75203252561341039</v>
      </c>
    </row>
    <row r="597" spans="1:6" x14ac:dyDescent="0.2">
      <c r="A597" s="239">
        <f>'CPT Data'!B605</f>
        <v>5.7030000000000003</v>
      </c>
      <c r="B597" s="3">
        <f>'CPT Data'!C605</f>
        <v>5.6960000000000006</v>
      </c>
      <c r="C597" t="str">
        <f>'CPT Data'!P605</f>
        <v>CLAY</v>
      </c>
      <c r="D597">
        <f>'CPT Data'!Q605</f>
        <v>12.146334361577473</v>
      </c>
      <c r="E597">
        <f t="shared" si="9"/>
        <v>11.833014129297171</v>
      </c>
      <c r="F597">
        <f>IF(C597="CLAY", INDEX(D$4:D597, MATCH("CLAY", C$4:C597, 0)), "")</f>
        <v>0.75203252561341039</v>
      </c>
    </row>
    <row r="598" spans="1:6" x14ac:dyDescent="0.2">
      <c r="A598" s="239">
        <f>'CPT Data'!B606</f>
        <v>5.7130000000000001</v>
      </c>
      <c r="B598" s="3">
        <f>'CPT Data'!C606</f>
        <v>5.7060000000000004</v>
      </c>
      <c r="C598" t="str">
        <f>'CPT Data'!P606</f>
        <v>CLAY</v>
      </c>
      <c r="D598">
        <f>'CPT Data'!Q606</f>
        <v>11.693511094931361</v>
      </c>
      <c r="E598">
        <f t="shared" si="9"/>
        <v>12.146334361577473</v>
      </c>
      <c r="F598">
        <f>IF(C598="CLAY", INDEX(D$4:D598, MATCH("CLAY", C$4:C598, 0)), "")</f>
        <v>0.75203252561341039</v>
      </c>
    </row>
    <row r="599" spans="1:6" x14ac:dyDescent="0.2">
      <c r="A599" s="239">
        <f>'CPT Data'!B607</f>
        <v>5.7229999999999999</v>
      </c>
      <c r="B599" s="3">
        <f>'CPT Data'!C607</f>
        <v>5.7160000000000002</v>
      </c>
      <c r="C599" t="str">
        <f>'CPT Data'!P607</f>
        <v>CLAY</v>
      </c>
      <c r="D599">
        <f>'CPT Data'!Q607</f>
        <v>11.483862071599132</v>
      </c>
      <c r="E599">
        <f t="shared" si="9"/>
        <v>11.693511094931361</v>
      </c>
      <c r="F599">
        <f>IF(C599="CLAY", INDEX(D$4:D599, MATCH("CLAY", C$4:C599, 0)), "")</f>
        <v>0.75203252561341039</v>
      </c>
    </row>
    <row r="600" spans="1:6" x14ac:dyDescent="0.2">
      <c r="A600" s="239">
        <f>'CPT Data'!B608</f>
        <v>5.7329999999999997</v>
      </c>
      <c r="B600" s="3">
        <f>'CPT Data'!C608</f>
        <v>5.726</v>
      </c>
      <c r="C600" t="str">
        <f>'CPT Data'!P608</f>
        <v>CLAY</v>
      </c>
      <c r="D600">
        <f>'CPT Data'!Q608</f>
        <v>11.738417750639831</v>
      </c>
      <c r="E600">
        <f t="shared" si="9"/>
        <v>11.483862071599132</v>
      </c>
      <c r="F600">
        <f>IF(C600="CLAY", INDEX(D$4:D600, MATCH("CLAY", C$4:C600, 0)), "")</f>
        <v>0.75203252561341039</v>
      </c>
    </row>
    <row r="601" spans="1:6" x14ac:dyDescent="0.2">
      <c r="A601" s="239">
        <f>'CPT Data'!B609</f>
        <v>5.7430000000000003</v>
      </c>
      <c r="B601" s="3">
        <f>'CPT Data'!C609</f>
        <v>5.7360000000000007</v>
      </c>
      <c r="C601" t="str">
        <f>'CPT Data'!P609</f>
        <v>CLAY</v>
      </c>
      <c r="D601">
        <f>'CPT Data'!Q609</f>
        <v>11.56257798764539</v>
      </c>
      <c r="E601">
        <f t="shared" si="9"/>
        <v>11.738417750639831</v>
      </c>
      <c r="F601">
        <f>IF(C601="CLAY", INDEX(D$4:D601, MATCH("CLAY", C$4:C601, 0)), "")</f>
        <v>0.75203252561341039</v>
      </c>
    </row>
    <row r="602" spans="1:6" x14ac:dyDescent="0.2">
      <c r="A602" s="239">
        <f>'CPT Data'!B610</f>
        <v>5.7530000000000001</v>
      </c>
      <c r="B602" s="3">
        <f>'CPT Data'!C610</f>
        <v>5.7460000000000004</v>
      </c>
      <c r="C602" t="str">
        <f>'CPT Data'!P610</f>
        <v>CLAY</v>
      </c>
      <c r="D602">
        <f>'CPT Data'!Q610</f>
        <v>11.651916923692355</v>
      </c>
      <c r="E602">
        <f t="shared" si="9"/>
        <v>11.56257798764539</v>
      </c>
      <c r="F602">
        <f>IF(C602="CLAY", INDEX(D$4:D602, MATCH("CLAY", C$4:C602, 0)), "")</f>
        <v>0.75203252561341039</v>
      </c>
    </row>
    <row r="603" spans="1:6" x14ac:dyDescent="0.2">
      <c r="A603" s="239">
        <f>'CPT Data'!B611</f>
        <v>5.7629999999999999</v>
      </c>
      <c r="B603" s="3">
        <f>'CPT Data'!C611</f>
        <v>5.7560000000000002</v>
      </c>
      <c r="C603" t="str">
        <f>'CPT Data'!P611</f>
        <v>CLAY</v>
      </c>
      <c r="D603">
        <f>'CPT Data'!Q611</f>
        <v>12.030808477839535</v>
      </c>
      <c r="E603">
        <f t="shared" ref="E603:E666" si="10">IF(C603="SAND",#N/A,IF(C603=C602,D602,IF(C603="CLAY",D603,#N/A)))</f>
        <v>11.651916923692355</v>
      </c>
      <c r="F603">
        <f>IF(C603="CLAY", INDEX(D$4:D603, MATCH("CLAY", C$4:C603, 0)), "")</f>
        <v>0.75203252561341039</v>
      </c>
    </row>
    <row r="604" spans="1:6" x14ac:dyDescent="0.2">
      <c r="A604" s="239">
        <f>'CPT Data'!B612</f>
        <v>5.7720000000000002</v>
      </c>
      <c r="B604" s="3">
        <f>'CPT Data'!C612</f>
        <v>5.7650000000000006</v>
      </c>
      <c r="C604" t="str">
        <f>'CPT Data'!P612</f>
        <v>CLAY</v>
      </c>
      <c r="D604">
        <f>'CPT Data'!Q612</f>
        <v>12.382300361915119</v>
      </c>
      <c r="E604">
        <f t="shared" si="10"/>
        <v>12.030808477839535</v>
      </c>
      <c r="F604">
        <f>IF(C604="CLAY", INDEX(D$4:D604, MATCH("CLAY", C$4:C604, 0)), "")</f>
        <v>0.75203252561341039</v>
      </c>
    </row>
    <row r="605" spans="1:6" x14ac:dyDescent="0.2">
      <c r="A605" s="239">
        <f>'CPT Data'!B613</f>
        <v>5.7839999999999998</v>
      </c>
      <c r="B605" s="3">
        <f>'CPT Data'!C613</f>
        <v>5.7770000000000001</v>
      </c>
      <c r="C605" t="str">
        <f>'CPT Data'!P613</f>
        <v>CLAY</v>
      </c>
      <c r="D605">
        <f>'CPT Data'!Q613</f>
        <v>12.527300283594633</v>
      </c>
      <c r="E605">
        <f t="shared" si="10"/>
        <v>12.382300361915119</v>
      </c>
      <c r="F605">
        <f>IF(C605="CLAY", INDEX(D$4:D605, MATCH("CLAY", C$4:C605, 0)), "")</f>
        <v>0.75203252561341039</v>
      </c>
    </row>
    <row r="606" spans="1:6" x14ac:dyDescent="0.2">
      <c r="A606" s="239">
        <f>'CPT Data'!B614</f>
        <v>5.7930000000000001</v>
      </c>
      <c r="B606" s="3">
        <f>'CPT Data'!C614</f>
        <v>5.7860000000000005</v>
      </c>
      <c r="C606" t="str">
        <f>'CPT Data'!P614</f>
        <v>CLAY</v>
      </c>
      <c r="D606">
        <f>'CPT Data'!Q614</f>
        <v>12.851116940257251</v>
      </c>
      <c r="E606">
        <f t="shared" si="10"/>
        <v>12.527300283594633</v>
      </c>
      <c r="F606">
        <f>IF(C606="CLAY", INDEX(D$4:D606, MATCH("CLAY", C$4:C606, 0)), "")</f>
        <v>0.75203252561341039</v>
      </c>
    </row>
    <row r="607" spans="1:6" x14ac:dyDescent="0.2">
      <c r="A607" s="239">
        <f>'CPT Data'!B615</f>
        <v>5.8029999999999999</v>
      </c>
      <c r="B607" s="3">
        <f>'CPT Data'!C615</f>
        <v>5.7960000000000003</v>
      </c>
      <c r="C607" t="str">
        <f>'CPT Data'!P615</f>
        <v>CLAY</v>
      </c>
      <c r="D607">
        <f>'CPT Data'!Q615</f>
        <v>12.934553235218608</v>
      </c>
      <c r="E607">
        <f t="shared" si="10"/>
        <v>12.851116940257251</v>
      </c>
      <c r="F607">
        <f>IF(C607="CLAY", INDEX(D$4:D607, MATCH("CLAY", C$4:C607, 0)), "")</f>
        <v>0.75203252561341039</v>
      </c>
    </row>
    <row r="608" spans="1:6" x14ac:dyDescent="0.2">
      <c r="A608" s="239">
        <f>'CPT Data'!B616</f>
        <v>5.8129999999999997</v>
      </c>
      <c r="B608" s="3">
        <f>'CPT Data'!C616</f>
        <v>5.806</v>
      </c>
      <c r="C608" t="str">
        <f>'CPT Data'!P616</f>
        <v>CLAY</v>
      </c>
      <c r="D608">
        <f>'CPT Data'!Q616</f>
        <v>12.991811259182546</v>
      </c>
      <c r="E608">
        <f t="shared" si="10"/>
        <v>12.934553235218608</v>
      </c>
      <c r="F608">
        <f>IF(C608="CLAY", INDEX(D$4:D608, MATCH("CLAY", C$4:C608, 0)), "")</f>
        <v>0.75203252561341039</v>
      </c>
    </row>
    <row r="609" spans="1:6" x14ac:dyDescent="0.2">
      <c r="A609" s="239">
        <f>'CPT Data'!B617</f>
        <v>5.8230000000000004</v>
      </c>
      <c r="B609" s="3">
        <f>'CPT Data'!C617</f>
        <v>5.8160000000000007</v>
      </c>
      <c r="C609" t="str">
        <f>'CPT Data'!P617</f>
        <v>CLAY</v>
      </c>
      <c r="D609">
        <f>'CPT Data'!Q617</f>
        <v>13.202397587074534</v>
      </c>
      <c r="E609">
        <f t="shared" si="10"/>
        <v>12.991811259182546</v>
      </c>
      <c r="F609">
        <f>IF(C609="CLAY", INDEX(D$4:D609, MATCH("CLAY", C$4:C609, 0)), "")</f>
        <v>0.75203252561341039</v>
      </c>
    </row>
    <row r="610" spans="1:6" x14ac:dyDescent="0.2">
      <c r="A610" s="239">
        <f>'CPT Data'!B618</f>
        <v>5.8330000000000002</v>
      </c>
      <c r="B610" s="3">
        <f>'CPT Data'!C618</f>
        <v>5.8260000000000005</v>
      </c>
      <c r="C610" t="str">
        <f>'CPT Data'!P618</f>
        <v>CLAY</v>
      </c>
      <c r="D610">
        <f>'CPT Data'!Q618</f>
        <v>13.852103647199582</v>
      </c>
      <c r="E610">
        <f t="shared" si="10"/>
        <v>13.202397587074534</v>
      </c>
      <c r="F610">
        <f>IF(C610="CLAY", INDEX(D$4:D610, MATCH("CLAY", C$4:C610, 0)), "")</f>
        <v>0.75203252561341039</v>
      </c>
    </row>
    <row r="611" spans="1:6" x14ac:dyDescent="0.2">
      <c r="A611" s="239">
        <f>'CPT Data'!B619</f>
        <v>5.843</v>
      </c>
      <c r="B611" s="3">
        <f>'CPT Data'!C619</f>
        <v>5.8360000000000003</v>
      </c>
      <c r="C611" t="str">
        <f>'CPT Data'!P619</f>
        <v>CLAY</v>
      </c>
      <c r="D611">
        <f>'CPT Data'!Q619</f>
        <v>14.694935428809794</v>
      </c>
      <c r="E611">
        <f t="shared" si="10"/>
        <v>13.852103647199582</v>
      </c>
      <c r="F611">
        <f>IF(C611="CLAY", INDEX(D$4:D611, MATCH("CLAY", C$4:C611, 0)), "")</f>
        <v>0.75203252561341039</v>
      </c>
    </row>
    <row r="612" spans="1:6" x14ac:dyDescent="0.2">
      <c r="A612" s="239">
        <f>'CPT Data'!B620</f>
        <v>5.8529999999999998</v>
      </c>
      <c r="B612" s="3">
        <f>'CPT Data'!C620</f>
        <v>5.8460000000000001</v>
      </c>
      <c r="C612" t="str">
        <f>'CPT Data'!P620</f>
        <v>CLAY</v>
      </c>
      <c r="D612">
        <f>'CPT Data'!Q620</f>
        <v>15.209774069390756</v>
      </c>
      <c r="E612">
        <f t="shared" si="10"/>
        <v>14.694935428809794</v>
      </c>
      <c r="F612">
        <f>IF(C612="CLAY", INDEX(D$4:D612, MATCH("CLAY", C$4:C612, 0)), "")</f>
        <v>0.75203252561341039</v>
      </c>
    </row>
    <row r="613" spans="1:6" x14ac:dyDescent="0.2">
      <c r="A613" s="239">
        <f>'CPT Data'!B621</f>
        <v>5.8630000000000004</v>
      </c>
      <c r="B613" s="3">
        <f>'CPT Data'!C621</f>
        <v>5.8560000000000008</v>
      </c>
      <c r="C613" t="str">
        <f>'CPT Data'!P621</f>
        <v>CLAY</v>
      </c>
      <c r="D613">
        <f>'CPT Data'!Q621</f>
        <v>15.510919612659007</v>
      </c>
      <c r="E613">
        <f t="shared" si="10"/>
        <v>15.209774069390756</v>
      </c>
      <c r="F613">
        <f>IF(C613="CLAY", INDEX(D$4:D613, MATCH("CLAY", C$4:C613, 0)), "")</f>
        <v>0.75203252561341039</v>
      </c>
    </row>
    <row r="614" spans="1:6" x14ac:dyDescent="0.2">
      <c r="A614" s="239">
        <f>'CPT Data'!B622</f>
        <v>5.8739999999999997</v>
      </c>
      <c r="B614" s="3">
        <f>'CPT Data'!C622</f>
        <v>5.867</v>
      </c>
      <c r="C614" t="str">
        <f>'CPT Data'!P622</f>
        <v>CLAY</v>
      </c>
      <c r="D614">
        <f>'CPT Data'!Q622</f>
        <v>15.493461600360478</v>
      </c>
      <c r="E614">
        <f t="shared" si="10"/>
        <v>15.510919612659007</v>
      </c>
      <c r="F614">
        <f>IF(C614="CLAY", INDEX(D$4:D614, MATCH("CLAY", C$4:C614, 0)), "")</f>
        <v>0.75203252561341039</v>
      </c>
    </row>
    <row r="615" spans="1:6" x14ac:dyDescent="0.2">
      <c r="A615" s="239">
        <f>'CPT Data'!B623</f>
        <v>5.883</v>
      </c>
      <c r="B615" s="3">
        <f>'CPT Data'!C623</f>
        <v>5.8760000000000003</v>
      </c>
      <c r="C615" t="str">
        <f>'CPT Data'!P623</f>
        <v>CLAY</v>
      </c>
      <c r="D615">
        <f>'CPT Data'!Q623</f>
        <v>15.535263166281723</v>
      </c>
      <c r="E615">
        <f t="shared" si="10"/>
        <v>15.493461600360478</v>
      </c>
      <c r="F615">
        <f>IF(C615="CLAY", INDEX(D$4:D615, MATCH("CLAY", C$4:C615, 0)), "")</f>
        <v>0.75203252561341039</v>
      </c>
    </row>
    <row r="616" spans="1:6" x14ac:dyDescent="0.2">
      <c r="A616" s="239">
        <f>'CPT Data'!B624</f>
        <v>5.8940000000000001</v>
      </c>
      <c r="B616" s="3">
        <f>'CPT Data'!C624</f>
        <v>5.8870000000000005</v>
      </c>
      <c r="C616" t="str">
        <f>'CPT Data'!P624</f>
        <v>CLAY</v>
      </c>
      <c r="D616">
        <f>'CPT Data'!Q624</f>
        <v>15.546771974447523</v>
      </c>
      <c r="E616">
        <f t="shared" si="10"/>
        <v>15.535263166281723</v>
      </c>
      <c r="F616">
        <f>IF(C616="CLAY", INDEX(D$4:D616, MATCH("CLAY", C$4:C616, 0)), "")</f>
        <v>0.75203252561341039</v>
      </c>
    </row>
    <row r="617" spans="1:6" x14ac:dyDescent="0.2">
      <c r="A617" s="239">
        <f>'CPT Data'!B625</f>
        <v>5.9039999999999999</v>
      </c>
      <c r="B617" s="3">
        <f>'CPT Data'!C625</f>
        <v>5.8970000000000002</v>
      </c>
      <c r="C617" t="str">
        <f>'CPT Data'!P625</f>
        <v>CLAY</v>
      </c>
      <c r="D617">
        <f>'CPT Data'!Q625</f>
        <v>15.514253100347432</v>
      </c>
      <c r="E617">
        <f t="shared" si="10"/>
        <v>15.546771974447523</v>
      </c>
      <c r="F617">
        <f>IF(C617="CLAY", INDEX(D$4:D617, MATCH("CLAY", C$4:C617, 0)), "")</f>
        <v>0.75203252561341039</v>
      </c>
    </row>
    <row r="618" spans="1:6" x14ac:dyDescent="0.2">
      <c r="A618" s="239">
        <f>'CPT Data'!B626</f>
        <v>5.9130000000000003</v>
      </c>
      <c r="B618" s="3">
        <f>'CPT Data'!C626</f>
        <v>5.9060000000000006</v>
      </c>
      <c r="C618" t="str">
        <f>'CPT Data'!P626</f>
        <v>CLAY</v>
      </c>
      <c r="D618">
        <f>'CPT Data'!Q626</f>
        <v>15.50811173786861</v>
      </c>
      <c r="E618">
        <f t="shared" si="10"/>
        <v>15.514253100347432</v>
      </c>
      <c r="F618">
        <f>IF(C618="CLAY", INDEX(D$4:D618, MATCH("CLAY", C$4:C618, 0)), "")</f>
        <v>0.75203252561341039</v>
      </c>
    </row>
    <row r="619" spans="1:6" x14ac:dyDescent="0.2">
      <c r="A619" s="239">
        <f>'CPT Data'!B627</f>
        <v>5.923</v>
      </c>
      <c r="B619" s="3">
        <f>'CPT Data'!C627</f>
        <v>5.9160000000000004</v>
      </c>
      <c r="C619" t="str">
        <f>'CPT Data'!P627</f>
        <v>CLAY</v>
      </c>
      <c r="D619">
        <f>'CPT Data'!Q627</f>
        <v>15.287794268019857</v>
      </c>
      <c r="E619">
        <f t="shared" si="10"/>
        <v>15.50811173786861</v>
      </c>
      <c r="F619">
        <f>IF(C619="CLAY", INDEX(D$4:D619, MATCH("CLAY", C$4:C619, 0)), "")</f>
        <v>0.75203252561341039</v>
      </c>
    </row>
    <row r="620" spans="1:6" x14ac:dyDescent="0.2">
      <c r="A620" s="239">
        <f>'CPT Data'!B628</f>
        <v>5.9340000000000002</v>
      </c>
      <c r="B620" s="3">
        <f>'CPT Data'!C628</f>
        <v>5.9270000000000005</v>
      </c>
      <c r="C620" t="str">
        <f>'CPT Data'!P628</f>
        <v>CLAY</v>
      </c>
      <c r="D620">
        <f>'CPT Data'!Q628</f>
        <v>15.006855625429361</v>
      </c>
      <c r="E620">
        <f t="shared" si="10"/>
        <v>15.287794268019857</v>
      </c>
      <c r="F620">
        <f>IF(C620="CLAY", INDEX(D$4:D620, MATCH("CLAY", C$4:C620, 0)), "")</f>
        <v>0.75203252561341039</v>
      </c>
    </row>
    <row r="621" spans="1:6" x14ac:dyDescent="0.2">
      <c r="A621" s="239">
        <f>'CPT Data'!B629</f>
        <v>5.9429999999999996</v>
      </c>
      <c r="B621" s="3">
        <f>'CPT Data'!C629</f>
        <v>5.9359999999999999</v>
      </c>
      <c r="C621" t="str">
        <f>'CPT Data'!P629</f>
        <v>CLAY</v>
      </c>
      <c r="D621">
        <f>'CPT Data'!Q629</f>
        <v>14.648230330896773</v>
      </c>
      <c r="E621">
        <f t="shared" si="10"/>
        <v>15.006855625429361</v>
      </c>
      <c r="F621">
        <f>IF(C621="CLAY", INDEX(D$4:D621, MATCH("CLAY", C$4:C621, 0)), "")</f>
        <v>0.75203252561341039</v>
      </c>
    </row>
    <row r="622" spans="1:6" x14ac:dyDescent="0.2">
      <c r="A622" s="239">
        <f>'CPT Data'!B630</f>
        <v>5.9539999999999997</v>
      </c>
      <c r="B622" s="3">
        <f>'CPT Data'!C630</f>
        <v>5.9470000000000001</v>
      </c>
      <c r="C622" t="str">
        <f>'CPT Data'!P630</f>
        <v>CLAY</v>
      </c>
      <c r="D622">
        <f>'CPT Data'!Q630</f>
        <v>14.467742070904473</v>
      </c>
      <c r="E622">
        <f t="shared" si="10"/>
        <v>14.648230330896773</v>
      </c>
      <c r="F622">
        <f>IF(C622="CLAY", INDEX(D$4:D622, MATCH("CLAY", C$4:C622, 0)), "")</f>
        <v>0.75203252561341039</v>
      </c>
    </row>
    <row r="623" spans="1:6" x14ac:dyDescent="0.2">
      <c r="A623" s="239">
        <f>'CPT Data'!B631</f>
        <v>5.9630000000000001</v>
      </c>
      <c r="B623" s="3">
        <f>'CPT Data'!C631</f>
        <v>5.9560000000000004</v>
      </c>
      <c r="C623" t="str">
        <f>'CPT Data'!P631</f>
        <v>CLAY</v>
      </c>
      <c r="D623">
        <f>'CPT Data'!Q631</f>
        <v>14.393812624067792</v>
      </c>
      <c r="E623">
        <f t="shared" si="10"/>
        <v>14.467742070904473</v>
      </c>
      <c r="F623">
        <f>IF(C623="CLAY", INDEX(D$4:D623, MATCH("CLAY", C$4:C623, 0)), "")</f>
        <v>0.75203252561341039</v>
      </c>
    </row>
    <row r="624" spans="1:6" x14ac:dyDescent="0.2">
      <c r="A624" s="239">
        <f>'CPT Data'!B632</f>
        <v>5.9740000000000002</v>
      </c>
      <c r="B624" s="3">
        <f>'CPT Data'!C632</f>
        <v>5.9670000000000005</v>
      </c>
      <c r="C624" t="str">
        <f>'CPT Data'!P632</f>
        <v>CLAY</v>
      </c>
      <c r="D624">
        <f>'CPT Data'!Q632</f>
        <v>14.202514974653015</v>
      </c>
      <c r="E624">
        <f t="shared" si="10"/>
        <v>14.393812624067792</v>
      </c>
      <c r="F624">
        <f>IF(C624="CLAY", INDEX(D$4:D624, MATCH("CLAY", C$4:C624, 0)), "")</f>
        <v>0.75203252561341039</v>
      </c>
    </row>
    <row r="625" spans="1:6" x14ac:dyDescent="0.2">
      <c r="A625" s="239">
        <f>'CPT Data'!B633</f>
        <v>5.984</v>
      </c>
      <c r="B625" s="3">
        <f>'CPT Data'!C633</f>
        <v>5.9770000000000003</v>
      </c>
      <c r="C625" t="str">
        <f>'CPT Data'!P633</f>
        <v>CLAY</v>
      </c>
      <c r="D625">
        <f>'CPT Data'!Q633</f>
        <v>14.269384241506449</v>
      </c>
      <c r="E625">
        <f t="shared" si="10"/>
        <v>14.202514974653015</v>
      </c>
      <c r="F625">
        <f>IF(C625="CLAY", INDEX(D$4:D625, MATCH("CLAY", C$4:C625, 0)), "")</f>
        <v>0.75203252561341039</v>
      </c>
    </row>
    <row r="626" spans="1:6" x14ac:dyDescent="0.2">
      <c r="A626" s="239">
        <f>'CPT Data'!B634</f>
        <v>5.9939999999999998</v>
      </c>
      <c r="B626" s="3">
        <f>'CPT Data'!C634</f>
        <v>5.9870000000000001</v>
      </c>
      <c r="C626" t="str">
        <f>'CPT Data'!P634</f>
        <v>CLAY</v>
      </c>
      <c r="D626">
        <f>'CPT Data'!Q634</f>
        <v>14.321388176363337</v>
      </c>
      <c r="E626">
        <f t="shared" si="10"/>
        <v>14.269384241506449</v>
      </c>
      <c r="F626">
        <f>IF(C626="CLAY", INDEX(D$4:D626, MATCH("CLAY", C$4:C626, 0)), "")</f>
        <v>0.75203252561341039</v>
      </c>
    </row>
    <row r="627" spans="1:6" x14ac:dyDescent="0.2">
      <c r="A627" s="239">
        <f>'CPT Data'!B635</f>
        <v>6.0039999999999996</v>
      </c>
      <c r="B627" s="3">
        <f>'CPT Data'!C635</f>
        <v>5.9969999999999999</v>
      </c>
      <c r="C627" t="str">
        <f>'CPT Data'!P635</f>
        <v>CLAY</v>
      </c>
      <c r="D627">
        <f>'CPT Data'!Q635</f>
        <v>13.972185696389365</v>
      </c>
      <c r="E627">
        <f t="shared" si="10"/>
        <v>14.321388176363337</v>
      </c>
      <c r="F627">
        <f>IF(C627="CLAY", INDEX(D$4:D627, MATCH("CLAY", C$4:C627, 0)), "")</f>
        <v>0.75203252561341039</v>
      </c>
    </row>
    <row r="628" spans="1:6" x14ac:dyDescent="0.2">
      <c r="A628" s="239">
        <f>'CPT Data'!B636</f>
        <v>6.0149999999999997</v>
      </c>
      <c r="B628" s="3">
        <f>'CPT Data'!C636</f>
        <v>6.008</v>
      </c>
      <c r="C628" t="str">
        <f>'CPT Data'!P636</f>
        <v>CLAY</v>
      </c>
      <c r="D628">
        <f>'CPT Data'!Q636</f>
        <v>13.761989225070979</v>
      </c>
      <c r="E628">
        <f t="shared" si="10"/>
        <v>13.972185696389365</v>
      </c>
      <c r="F628">
        <f>IF(C628="CLAY", INDEX(D$4:D628, MATCH("CLAY", C$4:C628, 0)), "")</f>
        <v>0.75203252561341039</v>
      </c>
    </row>
    <row r="629" spans="1:6" x14ac:dyDescent="0.2">
      <c r="A629" s="239">
        <f>'CPT Data'!B637</f>
        <v>6.024</v>
      </c>
      <c r="B629" s="3">
        <f>'CPT Data'!C637</f>
        <v>6.0170000000000003</v>
      </c>
      <c r="C629" t="str">
        <f>'CPT Data'!P637</f>
        <v>CLAY</v>
      </c>
      <c r="D629">
        <f>'CPT Data'!Q637</f>
        <v>13.590628377655454</v>
      </c>
      <c r="E629">
        <f t="shared" si="10"/>
        <v>13.761989225070979</v>
      </c>
      <c r="F629">
        <f>IF(C629="CLAY", INDEX(D$4:D629, MATCH("CLAY", C$4:C629, 0)), "")</f>
        <v>0.75203252561341039</v>
      </c>
    </row>
    <row r="630" spans="1:6" x14ac:dyDescent="0.2">
      <c r="A630" s="239">
        <f>'CPT Data'!B638</f>
        <v>6.0350000000000001</v>
      </c>
      <c r="B630" s="3">
        <f>'CPT Data'!C638</f>
        <v>6.0280000000000005</v>
      </c>
      <c r="C630" t="str">
        <f>'CPT Data'!P638</f>
        <v>CLAY</v>
      </c>
      <c r="D630">
        <f>'CPT Data'!Q638</f>
        <v>13.660559654969854</v>
      </c>
      <c r="E630">
        <f t="shared" si="10"/>
        <v>13.590628377655454</v>
      </c>
      <c r="F630">
        <f>IF(C630="CLAY", INDEX(D$4:D630, MATCH("CLAY", C$4:C630, 0)), "")</f>
        <v>0.75203252561341039</v>
      </c>
    </row>
    <row r="631" spans="1:6" x14ac:dyDescent="0.2">
      <c r="A631" s="239">
        <f>'CPT Data'!B639</f>
        <v>6.0439999999999996</v>
      </c>
      <c r="B631" s="3">
        <f>'CPT Data'!C639</f>
        <v>6.0369999999999999</v>
      </c>
      <c r="C631" t="str">
        <f>'CPT Data'!P639</f>
        <v>CLAY</v>
      </c>
      <c r="D631">
        <f>'CPT Data'!Q639</f>
        <v>13.679076757850014</v>
      </c>
      <c r="E631">
        <f t="shared" si="10"/>
        <v>13.660559654969854</v>
      </c>
      <c r="F631">
        <f>IF(C631="CLAY", INDEX(D$4:D631, MATCH("CLAY", C$4:C631, 0)), "")</f>
        <v>0.75203252561341039</v>
      </c>
    </row>
    <row r="632" spans="1:6" x14ac:dyDescent="0.2">
      <c r="A632" s="239">
        <f>'CPT Data'!B640</f>
        <v>6.0549999999999997</v>
      </c>
      <c r="B632" s="3">
        <f>'CPT Data'!C640</f>
        <v>6.048</v>
      </c>
      <c r="C632" t="str">
        <f>'CPT Data'!P640</f>
        <v>CLAY</v>
      </c>
      <c r="D632">
        <f>'CPT Data'!Q640</f>
        <v>13.642897098011892</v>
      </c>
      <c r="E632">
        <f t="shared" si="10"/>
        <v>13.679076757850014</v>
      </c>
      <c r="F632">
        <f>IF(C632="CLAY", INDEX(D$4:D632, MATCH("CLAY", C$4:C632, 0)), "")</f>
        <v>0.75203252561341039</v>
      </c>
    </row>
    <row r="633" spans="1:6" x14ac:dyDescent="0.2">
      <c r="A633" s="239">
        <f>'CPT Data'!B641</f>
        <v>6.0650000000000004</v>
      </c>
      <c r="B633" s="3">
        <f>'CPT Data'!C641</f>
        <v>6.0580000000000007</v>
      </c>
      <c r="C633" t="str">
        <f>'CPT Data'!P641</f>
        <v>CLAY</v>
      </c>
      <c r="D633">
        <f>'CPT Data'!Q641</f>
        <v>13.766864515371827</v>
      </c>
      <c r="E633">
        <f t="shared" si="10"/>
        <v>13.642897098011892</v>
      </c>
      <c r="F633">
        <f>IF(C633="CLAY", INDEX(D$4:D633, MATCH("CLAY", C$4:C633, 0)), "")</f>
        <v>0.75203252561341039</v>
      </c>
    </row>
    <row r="634" spans="1:6" x14ac:dyDescent="0.2">
      <c r="A634" s="239">
        <f>'CPT Data'!B642</f>
        <v>6.0750000000000002</v>
      </c>
      <c r="B634" s="3">
        <f>'CPT Data'!C642</f>
        <v>6.0680000000000005</v>
      </c>
      <c r="C634" t="str">
        <f>'CPT Data'!P642</f>
        <v>CLAY</v>
      </c>
      <c r="D634">
        <f>'CPT Data'!Q642</f>
        <v>13.636190120377593</v>
      </c>
      <c r="E634">
        <f t="shared" si="10"/>
        <v>13.766864515371827</v>
      </c>
      <c r="F634">
        <f>IF(C634="CLAY", INDEX(D$4:D634, MATCH("CLAY", C$4:C634, 0)), "")</f>
        <v>0.75203252561341039</v>
      </c>
    </row>
    <row r="635" spans="1:6" x14ac:dyDescent="0.2">
      <c r="A635" s="239">
        <f>'CPT Data'!B643</f>
        <v>6.085</v>
      </c>
      <c r="B635" s="3">
        <f>'CPT Data'!C643</f>
        <v>6.0780000000000003</v>
      </c>
      <c r="C635" t="str">
        <f>'CPT Data'!P643</f>
        <v>CLAY</v>
      </c>
      <c r="D635">
        <f>'CPT Data'!Q643</f>
        <v>13.523041096902682</v>
      </c>
      <c r="E635">
        <f t="shared" si="10"/>
        <v>13.636190120377593</v>
      </c>
      <c r="F635">
        <f>IF(C635="CLAY", INDEX(D$4:D635, MATCH("CLAY", C$4:C635, 0)), "")</f>
        <v>0.75203252561341039</v>
      </c>
    </row>
    <row r="636" spans="1:6" x14ac:dyDescent="0.2">
      <c r="A636" s="239">
        <f>'CPT Data'!B644</f>
        <v>6.0949999999999998</v>
      </c>
      <c r="B636" s="3">
        <f>'CPT Data'!C644</f>
        <v>6.0880000000000001</v>
      </c>
      <c r="C636" t="str">
        <f>'CPT Data'!P644</f>
        <v>CLAY</v>
      </c>
      <c r="D636">
        <f>'CPT Data'!Q644</f>
        <v>13.732678111764391</v>
      </c>
      <c r="E636">
        <f t="shared" si="10"/>
        <v>13.523041096902682</v>
      </c>
      <c r="F636">
        <f>IF(C636="CLAY", INDEX(D$4:D636, MATCH("CLAY", C$4:C636, 0)), "")</f>
        <v>0.75203252561341039</v>
      </c>
    </row>
    <row r="637" spans="1:6" x14ac:dyDescent="0.2">
      <c r="A637" s="239">
        <f>'CPT Data'!B645</f>
        <v>6.1059999999999999</v>
      </c>
      <c r="B637" s="3">
        <f>'CPT Data'!C645</f>
        <v>6.0990000000000002</v>
      </c>
      <c r="C637" t="str">
        <f>'CPT Data'!P645</f>
        <v>CLAY</v>
      </c>
      <c r="D637">
        <f>'CPT Data'!Q645</f>
        <v>13.543158537569633</v>
      </c>
      <c r="E637">
        <f t="shared" si="10"/>
        <v>13.732678111764391</v>
      </c>
      <c r="F637">
        <f>IF(C637="CLAY", INDEX(D$4:D637, MATCH("CLAY", C$4:C637, 0)), "")</f>
        <v>0.75203252561341039</v>
      </c>
    </row>
    <row r="638" spans="1:6" x14ac:dyDescent="0.2">
      <c r="A638" s="239">
        <f>'CPT Data'!B646</f>
        <v>6.1150000000000002</v>
      </c>
      <c r="B638" s="3">
        <f>'CPT Data'!C646</f>
        <v>6.1080000000000005</v>
      </c>
      <c r="C638" t="str">
        <f>'CPT Data'!P646</f>
        <v>CLAY</v>
      </c>
      <c r="D638">
        <f>'CPT Data'!Q646</f>
        <v>13.46851116143111</v>
      </c>
      <c r="E638">
        <f t="shared" si="10"/>
        <v>13.543158537569633</v>
      </c>
      <c r="F638">
        <f>IF(C638="CLAY", INDEX(D$4:D638, MATCH("CLAY", C$4:C638, 0)), "")</f>
        <v>0.75203252561341039</v>
      </c>
    </row>
    <row r="639" spans="1:6" x14ac:dyDescent="0.2">
      <c r="A639" s="239">
        <f>'CPT Data'!B647</f>
        <v>6.125</v>
      </c>
      <c r="B639" s="3">
        <f>'CPT Data'!C647</f>
        <v>6.1180000000000003</v>
      </c>
      <c r="C639" t="str">
        <f>'CPT Data'!P647</f>
        <v>CLAY</v>
      </c>
      <c r="D639">
        <f>'CPT Data'!Q647</f>
        <v>13.773059786609613</v>
      </c>
      <c r="E639">
        <f t="shared" si="10"/>
        <v>13.46851116143111</v>
      </c>
      <c r="F639">
        <f>IF(C639="CLAY", INDEX(D$4:D639, MATCH("CLAY", C$4:C639, 0)), "")</f>
        <v>0.75203252561341039</v>
      </c>
    </row>
    <row r="640" spans="1:6" x14ac:dyDescent="0.2">
      <c r="A640" s="239">
        <f>'CPT Data'!B648</f>
        <v>6.1360000000000001</v>
      </c>
      <c r="B640" s="3">
        <f>'CPT Data'!C648</f>
        <v>6.1290000000000004</v>
      </c>
      <c r="C640" t="str">
        <f>'CPT Data'!P648</f>
        <v>CLAY</v>
      </c>
      <c r="D640">
        <f>'CPT Data'!Q648</f>
        <v>13.915606241592483</v>
      </c>
      <c r="E640">
        <f t="shared" si="10"/>
        <v>13.773059786609613</v>
      </c>
      <c r="F640">
        <f>IF(C640="CLAY", INDEX(D$4:D640, MATCH("CLAY", C$4:C640, 0)), "")</f>
        <v>0.75203252561341039</v>
      </c>
    </row>
    <row r="641" spans="1:6" x14ac:dyDescent="0.2">
      <c r="A641" s="239">
        <f>'CPT Data'!B649</f>
        <v>6.1449999999999996</v>
      </c>
      <c r="B641" s="3">
        <f>'CPT Data'!C649</f>
        <v>6.1379999999999999</v>
      </c>
      <c r="C641" t="str">
        <f>'CPT Data'!P649</f>
        <v>CLAY</v>
      </c>
      <c r="D641">
        <f>'CPT Data'!Q649</f>
        <v>14.069251154859609</v>
      </c>
      <c r="E641">
        <f t="shared" si="10"/>
        <v>13.915606241592483</v>
      </c>
      <c r="F641">
        <f>IF(C641="CLAY", INDEX(D$4:D641, MATCH("CLAY", C$4:C641, 0)), "")</f>
        <v>0.75203252561341039</v>
      </c>
    </row>
    <row r="642" spans="1:6" x14ac:dyDescent="0.2">
      <c r="A642" s="239">
        <f>'CPT Data'!B650</f>
        <v>6.1559999999999997</v>
      </c>
      <c r="B642" s="3">
        <f>'CPT Data'!C650</f>
        <v>6.149</v>
      </c>
      <c r="C642" t="str">
        <f>'CPT Data'!P650</f>
        <v>CLAY</v>
      </c>
      <c r="D642">
        <f>'CPT Data'!Q650</f>
        <v>14.028409541893604</v>
      </c>
      <c r="E642">
        <f t="shared" si="10"/>
        <v>14.069251154859609</v>
      </c>
      <c r="F642">
        <f>IF(C642="CLAY", INDEX(D$4:D642, MATCH("CLAY", C$4:C642, 0)), "")</f>
        <v>0.75203252561341039</v>
      </c>
    </row>
    <row r="643" spans="1:6" x14ac:dyDescent="0.2">
      <c r="A643" s="239">
        <f>'CPT Data'!B651</f>
        <v>6.165</v>
      </c>
      <c r="B643" s="3">
        <f>'CPT Data'!C651</f>
        <v>6.1580000000000004</v>
      </c>
      <c r="C643" t="str">
        <f>'CPT Data'!P651</f>
        <v>CLAY</v>
      </c>
      <c r="D643">
        <f>'CPT Data'!Q651</f>
        <v>14.146025214571162</v>
      </c>
      <c r="E643">
        <f t="shared" si="10"/>
        <v>14.028409541893604</v>
      </c>
      <c r="F643">
        <f>IF(C643="CLAY", INDEX(D$4:D643, MATCH("CLAY", C$4:C643, 0)), "")</f>
        <v>0.75203252561341039</v>
      </c>
    </row>
    <row r="644" spans="1:6" x14ac:dyDescent="0.2">
      <c r="A644" s="239">
        <f>'CPT Data'!B652</f>
        <v>6.1760000000000002</v>
      </c>
      <c r="B644" s="3">
        <f>'CPT Data'!C652</f>
        <v>6.1690000000000005</v>
      </c>
      <c r="C644" t="str">
        <f>'CPT Data'!P652</f>
        <v>CLAY</v>
      </c>
      <c r="D644">
        <f>'CPT Data'!Q652</f>
        <v>14.240779444221809</v>
      </c>
      <c r="E644">
        <f t="shared" si="10"/>
        <v>14.146025214571162</v>
      </c>
      <c r="F644">
        <f>IF(C644="CLAY", INDEX(D$4:D644, MATCH("CLAY", C$4:C644, 0)), "")</f>
        <v>0.75203252561341039</v>
      </c>
    </row>
    <row r="645" spans="1:6" x14ac:dyDescent="0.2">
      <c r="A645" s="239">
        <f>'CPT Data'!B653</f>
        <v>6.1849999999999996</v>
      </c>
      <c r="B645" s="3">
        <f>'CPT Data'!C653</f>
        <v>6.1779999999999999</v>
      </c>
      <c r="C645" t="str">
        <f>'CPT Data'!P653</f>
        <v>CLAY</v>
      </c>
      <c r="D645">
        <f>'CPT Data'!Q653</f>
        <v>14.160249582535455</v>
      </c>
      <c r="E645">
        <f t="shared" si="10"/>
        <v>14.240779444221809</v>
      </c>
      <c r="F645">
        <f>IF(C645="CLAY", INDEX(D$4:D645, MATCH("CLAY", C$4:C645, 0)), "")</f>
        <v>0.75203252561341039</v>
      </c>
    </row>
    <row r="646" spans="1:6" x14ac:dyDescent="0.2">
      <c r="A646" s="239">
        <f>'CPT Data'!B654</f>
        <v>6.1959999999999997</v>
      </c>
      <c r="B646" s="3">
        <f>'CPT Data'!C654</f>
        <v>6.1890000000000001</v>
      </c>
      <c r="C646" t="str">
        <f>'CPT Data'!P654</f>
        <v>CLAY</v>
      </c>
      <c r="D646">
        <f>'CPT Data'!Q654</f>
        <v>14.155812617749717</v>
      </c>
      <c r="E646">
        <f t="shared" si="10"/>
        <v>14.160249582535455</v>
      </c>
      <c r="F646">
        <f>IF(C646="CLAY", INDEX(D$4:D646, MATCH("CLAY", C$4:C646, 0)), "")</f>
        <v>0.75203252561341039</v>
      </c>
    </row>
    <row r="647" spans="1:6" x14ac:dyDescent="0.2">
      <c r="A647" s="239">
        <f>'CPT Data'!B655</f>
        <v>6.2050000000000001</v>
      </c>
      <c r="B647" s="3">
        <f>'CPT Data'!C655</f>
        <v>6.1980000000000004</v>
      </c>
      <c r="C647" t="str">
        <f>'CPT Data'!P655</f>
        <v>CLAY</v>
      </c>
      <c r="D647">
        <f>'CPT Data'!Q655</f>
        <v>13.930030864694773</v>
      </c>
      <c r="E647">
        <f t="shared" si="10"/>
        <v>14.155812617749717</v>
      </c>
      <c r="F647">
        <f>IF(C647="CLAY", INDEX(D$4:D647, MATCH("CLAY", C$4:C647, 0)), "")</f>
        <v>0.75203252561341039</v>
      </c>
    </row>
    <row r="648" spans="1:6" x14ac:dyDescent="0.2">
      <c r="A648" s="239">
        <f>'CPT Data'!B656</f>
        <v>6.2149999999999999</v>
      </c>
      <c r="B648" s="3">
        <f>'CPT Data'!C656</f>
        <v>6.2080000000000002</v>
      </c>
      <c r="C648" t="str">
        <f>'CPT Data'!P656</f>
        <v>CLAY</v>
      </c>
      <c r="D648">
        <f>'CPT Data'!Q656</f>
        <v>13.632291721946956</v>
      </c>
      <c r="E648">
        <f t="shared" si="10"/>
        <v>13.930030864694773</v>
      </c>
      <c r="F648">
        <f>IF(C648="CLAY", INDEX(D$4:D648, MATCH("CLAY", C$4:C648, 0)), "")</f>
        <v>0.75203252561341039</v>
      </c>
    </row>
    <row r="649" spans="1:6" x14ac:dyDescent="0.2">
      <c r="A649" s="239">
        <f>'CPT Data'!B657</f>
        <v>6.2249999999999996</v>
      </c>
      <c r="B649" s="3">
        <f>'CPT Data'!C657</f>
        <v>6.218</v>
      </c>
      <c r="C649" t="str">
        <f>'CPT Data'!P657</f>
        <v>CLAY</v>
      </c>
      <c r="D649">
        <f>'CPT Data'!Q657</f>
        <v>13.484871351596668</v>
      </c>
      <c r="E649">
        <f t="shared" si="10"/>
        <v>13.632291721946956</v>
      </c>
      <c r="F649">
        <f>IF(C649="CLAY", INDEX(D$4:D649, MATCH("CLAY", C$4:C649, 0)), "")</f>
        <v>0.75203252561341039</v>
      </c>
    </row>
    <row r="650" spans="1:6" x14ac:dyDescent="0.2">
      <c r="A650" s="239">
        <f>'CPT Data'!B658</f>
        <v>6.2359999999999998</v>
      </c>
      <c r="B650" s="3">
        <f>'CPT Data'!C658</f>
        <v>6.2290000000000001</v>
      </c>
      <c r="C650" t="str">
        <f>'CPT Data'!P658</f>
        <v>CLAY</v>
      </c>
      <c r="D650">
        <f>'CPT Data'!Q658</f>
        <v>13.574904193853753</v>
      </c>
      <c r="E650">
        <f t="shared" si="10"/>
        <v>13.484871351596668</v>
      </c>
      <c r="F650">
        <f>IF(C650="CLAY", INDEX(D$4:D650, MATCH("CLAY", C$4:C650, 0)), "")</f>
        <v>0.75203252561341039</v>
      </c>
    </row>
    <row r="651" spans="1:6" x14ac:dyDescent="0.2">
      <c r="A651" s="239">
        <f>'CPT Data'!B659</f>
        <v>6.2450000000000001</v>
      </c>
      <c r="B651" s="3">
        <f>'CPT Data'!C659</f>
        <v>6.2380000000000004</v>
      </c>
      <c r="C651" t="str">
        <f>'CPT Data'!P659</f>
        <v>CLAY</v>
      </c>
      <c r="D651">
        <f>'CPT Data'!Q659</f>
        <v>13.959817479767162</v>
      </c>
      <c r="E651">
        <f t="shared" si="10"/>
        <v>13.574904193853753</v>
      </c>
      <c r="F651">
        <f>IF(C651="CLAY", INDEX(D$4:D651, MATCH("CLAY", C$4:C651, 0)), "")</f>
        <v>0.75203252561341039</v>
      </c>
    </row>
    <row r="652" spans="1:6" x14ac:dyDescent="0.2">
      <c r="A652" s="239">
        <f>'CPT Data'!B660</f>
        <v>6.2560000000000002</v>
      </c>
      <c r="B652" s="3">
        <f>'CPT Data'!C660</f>
        <v>6.2490000000000006</v>
      </c>
      <c r="C652" t="str">
        <f>'CPT Data'!P660</f>
        <v>CLAY</v>
      </c>
      <c r="D652">
        <f>'CPT Data'!Q660</f>
        <v>14.339196069173392</v>
      </c>
      <c r="E652">
        <f t="shared" si="10"/>
        <v>13.959817479767162</v>
      </c>
      <c r="F652">
        <f>IF(C652="CLAY", INDEX(D$4:D652, MATCH("CLAY", C$4:C652, 0)), "")</f>
        <v>0.75203252561341039</v>
      </c>
    </row>
    <row r="653" spans="1:6" x14ac:dyDescent="0.2">
      <c r="A653" s="239">
        <f>'CPT Data'!B661</f>
        <v>6.266</v>
      </c>
      <c r="B653" s="3">
        <f>'CPT Data'!C661</f>
        <v>6.2590000000000003</v>
      </c>
      <c r="C653" t="str">
        <f>'CPT Data'!P661</f>
        <v>CLAY</v>
      </c>
      <c r="D653">
        <f>'CPT Data'!Q661</f>
        <v>14.344988855389142</v>
      </c>
      <c r="E653">
        <f t="shared" si="10"/>
        <v>14.339196069173392</v>
      </c>
      <c r="F653">
        <f>IF(C653="CLAY", INDEX(D$4:D653, MATCH("CLAY", C$4:C653, 0)), "")</f>
        <v>0.75203252561341039</v>
      </c>
    </row>
    <row r="654" spans="1:6" x14ac:dyDescent="0.2">
      <c r="A654" s="239">
        <f>'CPT Data'!B662</f>
        <v>6.2759999999999998</v>
      </c>
      <c r="B654" s="3">
        <f>'CPT Data'!C662</f>
        <v>6.2690000000000001</v>
      </c>
      <c r="C654" t="str">
        <f>'CPT Data'!P662</f>
        <v>CLAY</v>
      </c>
      <c r="D654">
        <f>'CPT Data'!Q662</f>
        <v>14.164506018348277</v>
      </c>
      <c r="E654">
        <f t="shared" si="10"/>
        <v>14.344988855389142</v>
      </c>
      <c r="F654">
        <f>IF(C654="CLAY", INDEX(D$4:D654, MATCH("CLAY", C$4:C654, 0)), "")</f>
        <v>0.75203252561341039</v>
      </c>
    </row>
    <row r="655" spans="1:6" x14ac:dyDescent="0.2">
      <c r="A655" s="239">
        <f>'CPT Data'!B663</f>
        <v>6.2869999999999999</v>
      </c>
      <c r="B655" s="3">
        <f>'CPT Data'!C663</f>
        <v>6.28</v>
      </c>
      <c r="C655" t="str">
        <f>'CPT Data'!P663</f>
        <v>CLAY</v>
      </c>
      <c r="D655">
        <f>'CPT Data'!Q663</f>
        <v>14.147303077093165</v>
      </c>
      <c r="E655">
        <f t="shared" si="10"/>
        <v>14.164506018348277</v>
      </c>
      <c r="F655">
        <f>IF(C655="CLAY", INDEX(D$4:D655, MATCH("CLAY", C$4:C655, 0)), "")</f>
        <v>0.75203252561341039</v>
      </c>
    </row>
    <row r="656" spans="1:6" x14ac:dyDescent="0.2">
      <c r="A656" s="239">
        <f>'CPT Data'!B664</f>
        <v>6.2960000000000003</v>
      </c>
      <c r="B656" s="3">
        <f>'CPT Data'!C664</f>
        <v>6.2890000000000006</v>
      </c>
      <c r="C656" t="str">
        <f>'CPT Data'!P664</f>
        <v>CLAY</v>
      </c>
      <c r="D656">
        <f>'CPT Data'!Q664</f>
        <v>14.31965139558551</v>
      </c>
      <c r="E656">
        <f t="shared" si="10"/>
        <v>14.147303077093165</v>
      </c>
      <c r="F656">
        <f>IF(C656="CLAY", INDEX(D$4:D656, MATCH("CLAY", C$4:C656, 0)), "")</f>
        <v>0.75203252561341039</v>
      </c>
    </row>
    <row r="657" spans="1:6" x14ac:dyDescent="0.2">
      <c r="A657" s="239">
        <f>'CPT Data'!B665</f>
        <v>6.306</v>
      </c>
      <c r="B657" s="3">
        <f>'CPT Data'!C665</f>
        <v>6.2990000000000004</v>
      </c>
      <c r="C657" t="str">
        <f>'CPT Data'!P665</f>
        <v>CLAY</v>
      </c>
      <c r="D657">
        <f>'CPT Data'!Q665</f>
        <v>14.477098949707079</v>
      </c>
      <c r="E657">
        <f t="shared" si="10"/>
        <v>14.31965139558551</v>
      </c>
      <c r="F657">
        <f>IF(C657="CLAY", INDEX(D$4:D657, MATCH("CLAY", C$4:C657, 0)), "")</f>
        <v>0.75203252561341039</v>
      </c>
    </row>
    <row r="658" spans="1:6" x14ac:dyDescent="0.2">
      <c r="A658" s="239">
        <f>'CPT Data'!B666</f>
        <v>6.3159999999999998</v>
      </c>
      <c r="B658" s="3">
        <f>'CPT Data'!C666</f>
        <v>6.3090000000000002</v>
      </c>
      <c r="C658" t="str">
        <f>'CPT Data'!P666</f>
        <v>CLAY</v>
      </c>
      <c r="D658">
        <f>'CPT Data'!Q666</f>
        <v>14.649845802602172</v>
      </c>
      <c r="E658">
        <f t="shared" si="10"/>
        <v>14.477098949707079</v>
      </c>
      <c r="F658">
        <f>IF(C658="CLAY", INDEX(D$4:D658, MATCH("CLAY", C$4:C658, 0)), "")</f>
        <v>0.75203252561341039</v>
      </c>
    </row>
    <row r="659" spans="1:6" x14ac:dyDescent="0.2">
      <c r="A659" s="239">
        <f>'CPT Data'!B667</f>
        <v>6.327</v>
      </c>
      <c r="B659" s="3">
        <f>'CPT Data'!C667</f>
        <v>6.32</v>
      </c>
      <c r="C659" t="str">
        <f>'CPT Data'!P667</f>
        <v>CLAY</v>
      </c>
      <c r="D659">
        <f>'CPT Data'!Q667</f>
        <v>14.878112339877896</v>
      </c>
      <c r="E659">
        <f t="shared" si="10"/>
        <v>14.649845802602172</v>
      </c>
      <c r="F659">
        <f>IF(C659="CLAY", INDEX(D$4:D659, MATCH("CLAY", C$4:C659, 0)), "")</f>
        <v>0.75203252561341039</v>
      </c>
    </row>
    <row r="660" spans="1:6" x14ac:dyDescent="0.2">
      <c r="A660" s="239">
        <f>'CPT Data'!B668</f>
        <v>6.3369999999999997</v>
      </c>
      <c r="B660" s="3">
        <f>'CPT Data'!C668</f>
        <v>6.33</v>
      </c>
      <c r="C660" t="str">
        <f>'CPT Data'!P668</f>
        <v>CLAY</v>
      </c>
      <c r="D660">
        <f>'CPT Data'!Q668</f>
        <v>15.247194408821429</v>
      </c>
      <c r="E660">
        <f t="shared" si="10"/>
        <v>14.878112339877896</v>
      </c>
      <c r="F660">
        <f>IF(C660="CLAY", INDEX(D$4:D660, MATCH("CLAY", C$4:C660, 0)), "")</f>
        <v>0.75203252561341039</v>
      </c>
    </row>
    <row r="661" spans="1:6" x14ac:dyDescent="0.2">
      <c r="A661" s="239">
        <f>'CPT Data'!B669</f>
        <v>6.3460000000000001</v>
      </c>
      <c r="B661" s="3">
        <f>'CPT Data'!C669</f>
        <v>6.3390000000000004</v>
      </c>
      <c r="C661" t="str">
        <f>'CPT Data'!P669</f>
        <v>CLAY</v>
      </c>
      <c r="D661">
        <f>'CPT Data'!Q669</f>
        <v>15.260300360138546</v>
      </c>
      <c r="E661">
        <f t="shared" si="10"/>
        <v>15.247194408821429</v>
      </c>
      <c r="F661">
        <f>IF(C661="CLAY", INDEX(D$4:D661, MATCH("CLAY", C$4:C661, 0)), "")</f>
        <v>0.75203252561341039</v>
      </c>
    </row>
    <row r="662" spans="1:6" x14ac:dyDescent="0.2">
      <c r="A662" s="239">
        <f>'CPT Data'!B670</f>
        <v>6.3570000000000002</v>
      </c>
      <c r="B662" s="3">
        <f>'CPT Data'!C670</f>
        <v>6.3500000000000005</v>
      </c>
      <c r="C662" t="str">
        <f>'CPT Data'!P670</f>
        <v>CLAY</v>
      </c>
      <c r="D662">
        <f>'CPT Data'!Q670</f>
        <v>14.932499373865504</v>
      </c>
      <c r="E662">
        <f t="shared" si="10"/>
        <v>15.260300360138546</v>
      </c>
      <c r="F662">
        <f>IF(C662="CLAY", INDEX(D$4:D662, MATCH("CLAY", C$4:C662, 0)), "")</f>
        <v>0.75203252561341039</v>
      </c>
    </row>
    <row r="663" spans="1:6" x14ac:dyDescent="0.2">
      <c r="A663" s="239">
        <f>'CPT Data'!B671</f>
        <v>6.3659999999999997</v>
      </c>
      <c r="B663" s="3">
        <f>'CPT Data'!C671</f>
        <v>6.359</v>
      </c>
      <c r="C663" t="str">
        <f>'CPT Data'!P671</f>
        <v>CLAY</v>
      </c>
      <c r="D663">
        <f>'CPT Data'!Q671</f>
        <v>14.637141919115953</v>
      </c>
      <c r="E663">
        <f t="shared" si="10"/>
        <v>14.932499373865504</v>
      </c>
      <c r="F663">
        <f>IF(C663="CLAY", INDEX(D$4:D663, MATCH("CLAY", C$4:C663, 0)), "")</f>
        <v>0.75203252561341039</v>
      </c>
    </row>
    <row r="664" spans="1:6" x14ac:dyDescent="0.2">
      <c r="A664" s="239">
        <f>'CPT Data'!B672</f>
        <v>6.3769999999999998</v>
      </c>
      <c r="B664" s="3">
        <f>'CPT Data'!C672</f>
        <v>6.37</v>
      </c>
      <c r="C664" t="str">
        <f>'CPT Data'!P672</f>
        <v>CLAY</v>
      </c>
      <c r="D664">
        <f>'CPT Data'!Q672</f>
        <v>14.29985541931155</v>
      </c>
      <c r="E664">
        <f t="shared" si="10"/>
        <v>14.637141919115953</v>
      </c>
      <c r="F664">
        <f>IF(C664="CLAY", INDEX(D$4:D664, MATCH("CLAY", C$4:C664, 0)), "")</f>
        <v>0.75203252561341039</v>
      </c>
    </row>
    <row r="665" spans="1:6" x14ac:dyDescent="0.2">
      <c r="A665" s="239">
        <f>'CPT Data'!B673</f>
        <v>6.3860000000000001</v>
      </c>
      <c r="B665" s="3">
        <f>'CPT Data'!C673</f>
        <v>6.3790000000000004</v>
      </c>
      <c r="C665" t="str">
        <f>'CPT Data'!P673</f>
        <v>CLAY</v>
      </c>
      <c r="D665">
        <f>'CPT Data'!Q673</f>
        <v>14.054340237001695</v>
      </c>
      <c r="E665">
        <f t="shared" si="10"/>
        <v>14.29985541931155</v>
      </c>
      <c r="F665">
        <f>IF(C665="CLAY", INDEX(D$4:D665, MATCH("CLAY", C$4:C665, 0)), "")</f>
        <v>0.75203252561341039</v>
      </c>
    </row>
    <row r="666" spans="1:6" x14ac:dyDescent="0.2">
      <c r="A666" s="239">
        <f>'CPT Data'!B674</f>
        <v>6.3970000000000002</v>
      </c>
      <c r="B666" s="3">
        <f>'CPT Data'!C674</f>
        <v>6.3900000000000006</v>
      </c>
      <c r="C666" t="str">
        <f>'CPT Data'!P674</f>
        <v>CLAY</v>
      </c>
      <c r="D666">
        <f>'CPT Data'!Q674</f>
        <v>13.968044189159798</v>
      </c>
      <c r="E666">
        <f t="shared" si="10"/>
        <v>14.054340237001695</v>
      </c>
      <c r="F666">
        <f>IF(C666="CLAY", INDEX(D$4:D666, MATCH("CLAY", C$4:C666, 0)), "")</f>
        <v>0.75203252561341039</v>
      </c>
    </row>
    <row r="667" spans="1:6" x14ac:dyDescent="0.2">
      <c r="A667" s="239">
        <f>'CPT Data'!B675</f>
        <v>6.4059999999999997</v>
      </c>
      <c r="B667" s="3">
        <f>'CPT Data'!C675</f>
        <v>6.399</v>
      </c>
      <c r="C667" t="str">
        <f>'CPT Data'!P675</f>
        <v>CLAY</v>
      </c>
      <c r="D667">
        <f>'CPT Data'!Q675</f>
        <v>14.06747675572943</v>
      </c>
      <c r="E667">
        <f t="shared" ref="E667:E730" si="11">IF(C667="SAND",#N/A,IF(C667=C666,D666,IF(C667="CLAY",D667,#N/A)))</f>
        <v>13.968044189159798</v>
      </c>
      <c r="F667">
        <f>IF(C667="CLAY", INDEX(D$4:D667, MATCH("CLAY", C$4:C667, 0)), "")</f>
        <v>0.75203252561341039</v>
      </c>
    </row>
    <row r="668" spans="1:6" x14ac:dyDescent="0.2">
      <c r="A668" s="239">
        <f>'CPT Data'!B676</f>
        <v>6.4160000000000004</v>
      </c>
      <c r="B668" s="3">
        <f>'CPT Data'!C676</f>
        <v>6.4090000000000007</v>
      </c>
      <c r="C668" t="str">
        <f>'CPT Data'!P676</f>
        <v>CLAY</v>
      </c>
      <c r="D668">
        <f>'CPT Data'!Q676</f>
        <v>14.101241278275475</v>
      </c>
      <c r="E668">
        <f t="shared" si="11"/>
        <v>14.06747675572943</v>
      </c>
      <c r="F668">
        <f>IF(C668="CLAY", INDEX(D$4:D668, MATCH("CLAY", C$4:C668, 0)), "")</f>
        <v>0.75203252561341039</v>
      </c>
    </row>
    <row r="669" spans="1:6" x14ac:dyDescent="0.2">
      <c r="A669" s="239">
        <f>'CPT Data'!B677</f>
        <v>6.4260000000000002</v>
      </c>
      <c r="B669" s="3">
        <f>'CPT Data'!C677</f>
        <v>6.4190000000000005</v>
      </c>
      <c r="C669" t="str">
        <f>'CPT Data'!P677</f>
        <v>CLAY</v>
      </c>
      <c r="D669">
        <f>'CPT Data'!Q677</f>
        <v>14.146647165935192</v>
      </c>
      <c r="E669">
        <f t="shared" si="11"/>
        <v>14.101241278275475</v>
      </c>
      <c r="F669">
        <f>IF(C669="CLAY", INDEX(D$4:D669, MATCH("CLAY", C$4:C669, 0)), "")</f>
        <v>0.75203252561341039</v>
      </c>
    </row>
    <row r="670" spans="1:6" x14ac:dyDescent="0.2">
      <c r="A670" s="239">
        <f>'CPT Data'!B678</f>
        <v>6.4359999999999999</v>
      </c>
      <c r="B670" s="3">
        <f>'CPT Data'!C678</f>
        <v>6.4290000000000003</v>
      </c>
      <c r="C670" t="str">
        <f>'CPT Data'!P678</f>
        <v>CLAY</v>
      </c>
      <c r="D670">
        <f>'CPT Data'!Q678</f>
        <v>14.241538462930018</v>
      </c>
      <c r="E670">
        <f t="shared" si="11"/>
        <v>14.146647165935192</v>
      </c>
      <c r="F670">
        <f>IF(C670="CLAY", INDEX(D$4:D670, MATCH("CLAY", C$4:C670, 0)), "")</f>
        <v>0.75203252561341039</v>
      </c>
    </row>
    <row r="671" spans="1:6" x14ac:dyDescent="0.2">
      <c r="A671" s="239">
        <f>'CPT Data'!B679</f>
        <v>6.4459999999999997</v>
      </c>
      <c r="B671" s="3">
        <f>'CPT Data'!C679</f>
        <v>6.4390000000000001</v>
      </c>
      <c r="C671" t="str">
        <f>'CPT Data'!P679</f>
        <v>CLAY</v>
      </c>
      <c r="D671">
        <f>'CPT Data'!Q679</f>
        <v>14.265438944113493</v>
      </c>
      <c r="E671">
        <f t="shared" si="11"/>
        <v>14.241538462930018</v>
      </c>
      <c r="F671">
        <f>IF(C671="CLAY", INDEX(D$4:D671, MATCH("CLAY", C$4:C671, 0)), "")</f>
        <v>0.75203252561341039</v>
      </c>
    </row>
    <row r="672" spans="1:6" x14ac:dyDescent="0.2">
      <c r="A672" s="239">
        <f>'CPT Data'!B680</f>
        <v>6.4560000000000004</v>
      </c>
      <c r="B672" s="3">
        <f>'CPT Data'!C680</f>
        <v>6.4490000000000007</v>
      </c>
      <c r="C672" t="str">
        <f>'CPT Data'!P680</f>
        <v>CLAY</v>
      </c>
      <c r="D672">
        <f>'CPT Data'!Q680</f>
        <v>14.343957230431608</v>
      </c>
      <c r="E672">
        <f t="shared" si="11"/>
        <v>14.265438944113493</v>
      </c>
      <c r="F672">
        <f>IF(C672="CLAY", INDEX(D$4:D672, MATCH("CLAY", C$4:C672, 0)), "")</f>
        <v>0.75203252561341039</v>
      </c>
    </row>
    <row r="673" spans="1:6" x14ac:dyDescent="0.2">
      <c r="A673" s="239">
        <f>'CPT Data'!B681</f>
        <v>6.4660000000000002</v>
      </c>
      <c r="B673" s="3">
        <f>'CPT Data'!C681</f>
        <v>6.4590000000000005</v>
      </c>
      <c r="C673" t="str">
        <f>'CPT Data'!P681</f>
        <v>CLAY</v>
      </c>
      <c r="D673">
        <f>'CPT Data'!Q681</f>
        <v>14.131758553047788</v>
      </c>
      <c r="E673">
        <f t="shared" si="11"/>
        <v>14.343957230431608</v>
      </c>
      <c r="F673">
        <f>IF(C673="CLAY", INDEX(D$4:D673, MATCH("CLAY", C$4:C673, 0)), "")</f>
        <v>0.75203252561341039</v>
      </c>
    </row>
    <row r="674" spans="1:6" x14ac:dyDescent="0.2">
      <c r="A674" s="239">
        <f>'CPT Data'!B682</f>
        <v>6.4770000000000003</v>
      </c>
      <c r="B674" s="3">
        <f>'CPT Data'!C682</f>
        <v>6.4700000000000006</v>
      </c>
      <c r="C674" t="str">
        <f>'CPT Data'!P682</f>
        <v>CLAY</v>
      </c>
      <c r="D674">
        <f>'CPT Data'!Q682</f>
        <v>14.04239610699355</v>
      </c>
      <c r="E674">
        <f t="shared" si="11"/>
        <v>14.131758553047788</v>
      </c>
      <c r="F674">
        <f>IF(C674="CLAY", INDEX(D$4:D674, MATCH("CLAY", C$4:C674, 0)), "")</f>
        <v>0.75203252561341039</v>
      </c>
    </row>
    <row r="675" spans="1:6" x14ac:dyDescent="0.2">
      <c r="A675" s="239">
        <f>'CPT Data'!B683</f>
        <v>6.4870000000000001</v>
      </c>
      <c r="B675" s="3">
        <f>'CPT Data'!C683</f>
        <v>6.48</v>
      </c>
      <c r="C675" t="str">
        <f>'CPT Data'!P683</f>
        <v>CLAY</v>
      </c>
      <c r="D675">
        <f>'CPT Data'!Q683</f>
        <v>13.971935247549583</v>
      </c>
      <c r="E675">
        <f t="shared" si="11"/>
        <v>14.04239610699355</v>
      </c>
      <c r="F675">
        <f>IF(C675="CLAY", INDEX(D$4:D675, MATCH("CLAY", C$4:C675, 0)), "")</f>
        <v>0.75203252561341039</v>
      </c>
    </row>
    <row r="676" spans="1:6" x14ac:dyDescent="0.2">
      <c r="A676" s="239">
        <f>'CPT Data'!B684</f>
        <v>6.4969999999999999</v>
      </c>
      <c r="B676" s="3">
        <f>'CPT Data'!C684</f>
        <v>6.49</v>
      </c>
      <c r="C676" t="str">
        <f>'CPT Data'!P684</f>
        <v>CLAY</v>
      </c>
      <c r="D676">
        <f>'CPT Data'!Q684</f>
        <v>14.128099897608882</v>
      </c>
      <c r="E676">
        <f t="shared" si="11"/>
        <v>13.971935247549583</v>
      </c>
      <c r="F676">
        <f>IF(C676="CLAY", INDEX(D$4:D676, MATCH("CLAY", C$4:C676, 0)), "")</f>
        <v>0.75203252561341039</v>
      </c>
    </row>
    <row r="677" spans="1:6" x14ac:dyDescent="0.2">
      <c r="A677" s="239">
        <f>'CPT Data'!B685</f>
        <v>6.5069999999999997</v>
      </c>
      <c r="B677" s="3">
        <f>'CPT Data'!C685</f>
        <v>6.5</v>
      </c>
      <c r="C677" t="str">
        <f>'CPT Data'!P685</f>
        <v>CLAY</v>
      </c>
      <c r="D677">
        <f>'CPT Data'!Q685</f>
        <v>13.991637758844105</v>
      </c>
      <c r="E677">
        <f t="shared" si="11"/>
        <v>14.128099897608882</v>
      </c>
      <c r="F677">
        <f>IF(C677="CLAY", INDEX(D$4:D677, MATCH("CLAY", C$4:C677, 0)), "")</f>
        <v>0.75203252561341039</v>
      </c>
    </row>
    <row r="678" spans="1:6" x14ac:dyDescent="0.2">
      <c r="A678" s="239">
        <f>'CPT Data'!B686</f>
        <v>6.5170000000000003</v>
      </c>
      <c r="B678" s="3">
        <f>'CPT Data'!C686</f>
        <v>6.5100000000000007</v>
      </c>
      <c r="C678" t="str">
        <f>'CPT Data'!P686</f>
        <v>CLAY</v>
      </c>
      <c r="D678">
        <f>'CPT Data'!Q686</f>
        <v>14.086691858065398</v>
      </c>
      <c r="E678">
        <f t="shared" si="11"/>
        <v>13.991637758844105</v>
      </c>
      <c r="F678">
        <f>IF(C678="CLAY", INDEX(D$4:D678, MATCH("CLAY", C$4:C678, 0)), "")</f>
        <v>0.75203252561341039</v>
      </c>
    </row>
    <row r="679" spans="1:6" x14ac:dyDescent="0.2">
      <c r="A679" s="239">
        <f>'CPT Data'!B687</f>
        <v>6.5270000000000001</v>
      </c>
      <c r="B679" s="3">
        <f>'CPT Data'!C687</f>
        <v>6.5200000000000005</v>
      </c>
      <c r="C679" t="str">
        <f>'CPT Data'!P687</f>
        <v>CLAY</v>
      </c>
      <c r="D679">
        <f>'CPT Data'!Q687</f>
        <v>14.326815432792761</v>
      </c>
      <c r="E679">
        <f t="shared" si="11"/>
        <v>14.086691858065398</v>
      </c>
      <c r="F679">
        <f>IF(C679="CLAY", INDEX(D$4:D679, MATCH("CLAY", C$4:C679, 0)), "")</f>
        <v>0.75203252561341039</v>
      </c>
    </row>
    <row r="680" spans="1:6" x14ac:dyDescent="0.2">
      <c r="A680" s="239">
        <f>'CPT Data'!B688</f>
        <v>6.5380000000000003</v>
      </c>
      <c r="B680" s="3">
        <f>'CPT Data'!C688</f>
        <v>6.5310000000000006</v>
      </c>
      <c r="C680" t="str">
        <f>'CPT Data'!P688</f>
        <v>CLAY</v>
      </c>
      <c r="D680">
        <f>'CPT Data'!Q688</f>
        <v>14.395661338390541</v>
      </c>
      <c r="E680">
        <f t="shared" si="11"/>
        <v>14.326815432792761</v>
      </c>
      <c r="F680">
        <f>IF(C680="CLAY", INDEX(D$4:D680, MATCH("CLAY", C$4:C680, 0)), "")</f>
        <v>0.75203252561341039</v>
      </c>
    </row>
    <row r="681" spans="1:6" x14ac:dyDescent="0.2">
      <c r="A681" s="239">
        <f>'CPT Data'!B689</f>
        <v>6.5469999999999997</v>
      </c>
      <c r="B681" s="3">
        <f>'CPT Data'!C689</f>
        <v>6.54</v>
      </c>
      <c r="C681" t="str">
        <f>'CPT Data'!P689</f>
        <v>CLAY</v>
      </c>
      <c r="D681">
        <f>'CPT Data'!Q689</f>
        <v>14.252234979779805</v>
      </c>
      <c r="E681">
        <f t="shared" si="11"/>
        <v>14.395661338390541</v>
      </c>
      <c r="F681">
        <f>IF(C681="CLAY", INDEX(D$4:D681, MATCH("CLAY", C$4:C681, 0)), "")</f>
        <v>0.75203252561341039</v>
      </c>
    </row>
    <row r="682" spans="1:6" x14ac:dyDescent="0.2">
      <c r="A682" s="239">
        <f>'CPT Data'!B690</f>
        <v>6.5570000000000004</v>
      </c>
      <c r="B682" s="3">
        <f>'CPT Data'!C690</f>
        <v>6.5500000000000007</v>
      </c>
      <c r="C682" t="str">
        <f>'CPT Data'!P690</f>
        <v>CLAY</v>
      </c>
      <c r="D682">
        <f>'CPT Data'!Q690</f>
        <v>14.022736506742921</v>
      </c>
      <c r="E682">
        <f t="shared" si="11"/>
        <v>14.252234979779805</v>
      </c>
      <c r="F682">
        <f>IF(C682="CLAY", INDEX(D$4:D682, MATCH("CLAY", C$4:C682, 0)), "")</f>
        <v>0.75203252561341039</v>
      </c>
    </row>
    <row r="683" spans="1:6" x14ac:dyDescent="0.2">
      <c r="A683" s="239">
        <f>'CPT Data'!B691</f>
        <v>6.5670000000000002</v>
      </c>
      <c r="B683" s="3">
        <f>'CPT Data'!C691</f>
        <v>6.5600000000000005</v>
      </c>
      <c r="C683" t="str">
        <f>'CPT Data'!P691</f>
        <v>CLAY</v>
      </c>
      <c r="D683">
        <f>'CPT Data'!Q691</f>
        <v>14.221546741979154</v>
      </c>
      <c r="E683">
        <f t="shared" si="11"/>
        <v>14.022736506742921</v>
      </c>
      <c r="F683">
        <f>IF(C683="CLAY", INDEX(D$4:D683, MATCH("CLAY", C$4:C683, 0)), "")</f>
        <v>0.75203252561341039</v>
      </c>
    </row>
    <row r="684" spans="1:6" x14ac:dyDescent="0.2">
      <c r="A684" s="239">
        <f>'CPT Data'!B692</f>
        <v>6.577</v>
      </c>
      <c r="B684" s="3">
        <f>'CPT Data'!C692</f>
        <v>6.57</v>
      </c>
      <c r="C684" t="str">
        <f>'CPT Data'!P692</f>
        <v>CLAY</v>
      </c>
      <c r="D684">
        <f>'CPT Data'!Q692</f>
        <v>14.42162687089475</v>
      </c>
      <c r="E684">
        <f t="shared" si="11"/>
        <v>14.221546741979154</v>
      </c>
      <c r="F684">
        <f>IF(C684="CLAY", INDEX(D$4:D684, MATCH("CLAY", C$4:C684, 0)), "")</f>
        <v>0.75203252561341039</v>
      </c>
    </row>
    <row r="685" spans="1:6" x14ac:dyDescent="0.2">
      <c r="A685" s="239">
        <f>'CPT Data'!B693</f>
        <v>6.5869999999999997</v>
      </c>
      <c r="B685" s="3">
        <f>'CPT Data'!C693</f>
        <v>6.58</v>
      </c>
      <c r="C685" t="str">
        <f>'CPT Data'!P693</f>
        <v>CLAY</v>
      </c>
      <c r="D685">
        <f>'CPT Data'!Q693</f>
        <v>14.507884675089263</v>
      </c>
      <c r="E685">
        <f t="shared" si="11"/>
        <v>14.42162687089475</v>
      </c>
      <c r="F685">
        <f>IF(C685="CLAY", INDEX(D$4:D685, MATCH("CLAY", C$4:C685, 0)), "")</f>
        <v>0.75203252561341039</v>
      </c>
    </row>
    <row r="686" spans="1:6" x14ac:dyDescent="0.2">
      <c r="A686" s="239">
        <f>'CPT Data'!B694</f>
        <v>6.5960000000000001</v>
      </c>
      <c r="B686" s="3">
        <f>'CPT Data'!C694</f>
        <v>6.5890000000000004</v>
      </c>
      <c r="C686" t="str">
        <f>'CPT Data'!P694</f>
        <v>CLAY</v>
      </c>
      <c r="D686">
        <f>'CPT Data'!Q694</f>
        <v>14.516574356015438</v>
      </c>
      <c r="E686">
        <f t="shared" si="11"/>
        <v>14.507884675089263</v>
      </c>
      <c r="F686">
        <f>IF(C686="CLAY", INDEX(D$4:D686, MATCH("CLAY", C$4:C686, 0)), "")</f>
        <v>0.75203252561341039</v>
      </c>
    </row>
    <row r="687" spans="1:6" x14ac:dyDescent="0.2">
      <c r="A687" s="239">
        <f>'CPT Data'!B695</f>
        <v>6.6070000000000002</v>
      </c>
      <c r="B687" s="3">
        <f>'CPT Data'!C695</f>
        <v>6.6000000000000005</v>
      </c>
      <c r="C687" t="str">
        <f>'CPT Data'!P695</f>
        <v>CLAY</v>
      </c>
      <c r="D687">
        <f>'CPT Data'!Q695</f>
        <v>14.960904824620675</v>
      </c>
      <c r="E687">
        <f t="shared" si="11"/>
        <v>14.516574356015438</v>
      </c>
      <c r="F687">
        <f>IF(C687="CLAY", INDEX(D$4:D687, MATCH("CLAY", C$4:C687, 0)), "")</f>
        <v>0.75203252561341039</v>
      </c>
    </row>
    <row r="688" spans="1:6" x14ac:dyDescent="0.2">
      <c r="A688" s="239">
        <f>'CPT Data'!B696</f>
        <v>6.6159999999999997</v>
      </c>
      <c r="B688" s="3">
        <f>'CPT Data'!C696</f>
        <v>6.609</v>
      </c>
      <c r="C688" t="str">
        <f>'CPT Data'!P696</f>
        <v>CLAY</v>
      </c>
      <c r="D688">
        <f>'CPT Data'!Q696</f>
        <v>14.76046067061025</v>
      </c>
      <c r="E688">
        <f t="shared" si="11"/>
        <v>14.960904824620675</v>
      </c>
      <c r="F688">
        <f>IF(C688="CLAY", INDEX(D$4:D688, MATCH("CLAY", C$4:C688, 0)), "")</f>
        <v>0.75203252561341039</v>
      </c>
    </row>
    <row r="689" spans="1:6" x14ac:dyDescent="0.2">
      <c r="A689" s="239">
        <f>'CPT Data'!B697</f>
        <v>6.6269999999999998</v>
      </c>
      <c r="B689" s="3">
        <f>'CPT Data'!C697</f>
        <v>6.62</v>
      </c>
      <c r="C689" t="str">
        <f>'CPT Data'!P697</f>
        <v>CLAY</v>
      </c>
      <c r="D689">
        <f>'CPT Data'!Q697</f>
        <v>14.702261653439392</v>
      </c>
      <c r="E689">
        <f t="shared" si="11"/>
        <v>14.76046067061025</v>
      </c>
      <c r="F689">
        <f>IF(C689="CLAY", INDEX(D$4:D689, MATCH("CLAY", C$4:C689, 0)), "")</f>
        <v>0.75203252561341039</v>
      </c>
    </row>
    <row r="690" spans="1:6" x14ac:dyDescent="0.2">
      <c r="A690" s="239">
        <f>'CPT Data'!B698</f>
        <v>6.6360000000000001</v>
      </c>
      <c r="B690" s="3">
        <f>'CPT Data'!C698</f>
        <v>6.6290000000000004</v>
      </c>
      <c r="C690" t="str">
        <f>'CPT Data'!P698</f>
        <v>CLAY</v>
      </c>
      <c r="D690">
        <f>'CPT Data'!Q698</f>
        <v>14.717532069246738</v>
      </c>
      <c r="E690">
        <f t="shared" si="11"/>
        <v>14.702261653439392</v>
      </c>
      <c r="F690">
        <f>IF(C690="CLAY", INDEX(D$4:D690, MATCH("CLAY", C$4:C690, 0)), "")</f>
        <v>0.75203252561341039</v>
      </c>
    </row>
    <row r="691" spans="1:6" x14ac:dyDescent="0.2">
      <c r="A691" s="239">
        <f>'CPT Data'!B699</f>
        <v>6.6470000000000002</v>
      </c>
      <c r="B691" s="3">
        <f>'CPT Data'!C699</f>
        <v>6.6400000000000006</v>
      </c>
      <c r="C691" t="str">
        <f>'CPT Data'!P699</f>
        <v>CLAY</v>
      </c>
      <c r="D691">
        <f>'CPT Data'!Q699</f>
        <v>14.631269597881206</v>
      </c>
      <c r="E691">
        <f t="shared" si="11"/>
        <v>14.717532069246738</v>
      </c>
      <c r="F691">
        <f>IF(C691="CLAY", INDEX(D$4:D691, MATCH("CLAY", C$4:C691, 0)), "")</f>
        <v>0.75203252561341039</v>
      </c>
    </row>
    <row r="692" spans="1:6" x14ac:dyDescent="0.2">
      <c r="A692" s="239">
        <f>'CPT Data'!B700</f>
        <v>6.6559999999999997</v>
      </c>
      <c r="B692" s="3">
        <f>'CPT Data'!C700</f>
        <v>6.649</v>
      </c>
      <c r="C692" t="str">
        <f>'CPT Data'!P700</f>
        <v>CLAY</v>
      </c>
      <c r="D692">
        <f>'CPT Data'!Q700</f>
        <v>14.807514476610203</v>
      </c>
      <c r="E692">
        <f t="shared" si="11"/>
        <v>14.631269597881206</v>
      </c>
      <c r="F692">
        <f>IF(C692="CLAY", INDEX(D$4:D692, MATCH("CLAY", C$4:C692, 0)), "")</f>
        <v>0.75203252561341039</v>
      </c>
    </row>
    <row r="693" spans="1:6" x14ac:dyDescent="0.2">
      <c r="A693" s="239">
        <f>'CPT Data'!B701</f>
        <v>6.6669999999999998</v>
      </c>
      <c r="B693" s="3">
        <f>'CPT Data'!C701</f>
        <v>6.66</v>
      </c>
      <c r="C693" t="str">
        <f>'CPT Data'!P701</f>
        <v>CLAY</v>
      </c>
      <c r="D693">
        <f>'CPT Data'!Q701</f>
        <v>14.969718138059719</v>
      </c>
      <c r="E693">
        <f t="shared" si="11"/>
        <v>14.807514476610203</v>
      </c>
      <c r="F693">
        <f>IF(C693="CLAY", INDEX(D$4:D693, MATCH("CLAY", C$4:C693, 0)), "")</f>
        <v>0.75203252561341039</v>
      </c>
    </row>
    <row r="694" spans="1:6" x14ac:dyDescent="0.2">
      <c r="A694" s="239">
        <f>'CPT Data'!B702</f>
        <v>6.6769999999999996</v>
      </c>
      <c r="B694" s="3">
        <f>'CPT Data'!C702</f>
        <v>6.67</v>
      </c>
      <c r="C694" t="str">
        <f>'CPT Data'!P702</f>
        <v>CLAY</v>
      </c>
      <c r="D694">
        <f>'CPT Data'!Q702</f>
        <v>14.729493030333879</v>
      </c>
      <c r="E694">
        <f t="shared" si="11"/>
        <v>14.969718138059719</v>
      </c>
      <c r="F694">
        <f>IF(C694="CLAY", INDEX(D$4:D694, MATCH("CLAY", C$4:C694, 0)), "")</f>
        <v>0.75203252561341039</v>
      </c>
    </row>
    <row r="695" spans="1:6" x14ac:dyDescent="0.2">
      <c r="A695" s="239">
        <f>'CPT Data'!B703</f>
        <v>6.6870000000000003</v>
      </c>
      <c r="B695" s="3">
        <f>'CPT Data'!C703</f>
        <v>6.6800000000000006</v>
      </c>
      <c r="C695" t="str">
        <f>'CPT Data'!P703</f>
        <v>CLAY</v>
      </c>
      <c r="D695">
        <f>'CPT Data'!Q703</f>
        <v>14.484343990008325</v>
      </c>
      <c r="E695">
        <f t="shared" si="11"/>
        <v>14.729493030333879</v>
      </c>
      <c r="F695">
        <f>IF(C695="CLAY", INDEX(D$4:D695, MATCH("CLAY", C$4:C695, 0)), "")</f>
        <v>0.75203252561341039</v>
      </c>
    </row>
    <row r="696" spans="1:6" x14ac:dyDescent="0.2">
      <c r="A696" s="239">
        <f>'CPT Data'!B704</f>
        <v>6.6970000000000001</v>
      </c>
      <c r="B696" s="3">
        <f>'CPT Data'!C704</f>
        <v>6.69</v>
      </c>
      <c r="C696" t="str">
        <f>'CPT Data'!P704</f>
        <v>CLAY</v>
      </c>
      <c r="D696">
        <f>'CPT Data'!Q704</f>
        <v>14.312751819178885</v>
      </c>
      <c r="E696">
        <f t="shared" si="11"/>
        <v>14.484343990008325</v>
      </c>
      <c r="F696">
        <f>IF(C696="CLAY", INDEX(D$4:D696, MATCH("CLAY", C$4:C696, 0)), "")</f>
        <v>0.75203252561341039</v>
      </c>
    </row>
    <row r="697" spans="1:6" x14ac:dyDescent="0.2">
      <c r="A697" s="239">
        <f>'CPT Data'!B705</f>
        <v>6.7069999999999999</v>
      </c>
      <c r="B697" s="3">
        <f>'CPT Data'!C705</f>
        <v>6.7</v>
      </c>
      <c r="C697" t="str">
        <f>'CPT Data'!P705</f>
        <v>CLAY</v>
      </c>
      <c r="D697">
        <f>'CPT Data'!Q705</f>
        <v>14.127086906565893</v>
      </c>
      <c r="E697">
        <f t="shared" si="11"/>
        <v>14.312751819178885</v>
      </c>
      <c r="F697">
        <f>IF(C697="CLAY", INDEX(D$4:D697, MATCH("CLAY", C$4:C697, 0)), "")</f>
        <v>0.75203252561341039</v>
      </c>
    </row>
    <row r="698" spans="1:6" x14ac:dyDescent="0.2">
      <c r="A698" s="239">
        <f>'CPT Data'!B706</f>
        <v>6.7169999999999996</v>
      </c>
      <c r="B698" s="3">
        <f>'CPT Data'!C706</f>
        <v>6.71</v>
      </c>
      <c r="C698" t="str">
        <f>'CPT Data'!P706</f>
        <v>CLAY</v>
      </c>
      <c r="D698">
        <f>'CPT Data'!Q706</f>
        <v>14.374572486131774</v>
      </c>
      <c r="E698">
        <f t="shared" si="11"/>
        <v>14.127086906565893</v>
      </c>
      <c r="F698">
        <f>IF(C698="CLAY", INDEX(D$4:D698, MATCH("CLAY", C$4:C698, 0)), "")</f>
        <v>0.75203252561341039</v>
      </c>
    </row>
    <row r="699" spans="1:6" x14ac:dyDescent="0.2">
      <c r="A699" s="239">
        <f>'CPT Data'!B707</f>
        <v>6.7279999999999998</v>
      </c>
      <c r="B699" s="3">
        <f>'CPT Data'!C707</f>
        <v>6.7210000000000001</v>
      </c>
      <c r="C699" t="str">
        <f>'CPT Data'!P707</f>
        <v>CLAY</v>
      </c>
      <c r="D699">
        <f>'CPT Data'!Q707</f>
        <v>14.398142516141922</v>
      </c>
      <c r="E699">
        <f t="shared" si="11"/>
        <v>14.374572486131774</v>
      </c>
      <c r="F699">
        <f>IF(C699="CLAY", INDEX(D$4:D699, MATCH("CLAY", C$4:C699, 0)), "")</f>
        <v>0.75203252561341039</v>
      </c>
    </row>
    <row r="700" spans="1:6" x14ac:dyDescent="0.2">
      <c r="A700" s="239">
        <f>'CPT Data'!B708</f>
        <v>6.7370000000000001</v>
      </c>
      <c r="B700" s="3">
        <f>'CPT Data'!C708</f>
        <v>6.73</v>
      </c>
      <c r="C700" t="str">
        <f>'CPT Data'!P708</f>
        <v>CLAY</v>
      </c>
      <c r="D700">
        <f>'CPT Data'!Q708</f>
        <v>14.319890382387607</v>
      </c>
      <c r="E700">
        <f t="shared" si="11"/>
        <v>14.398142516141922</v>
      </c>
      <c r="F700">
        <f>IF(C700="CLAY", INDEX(D$4:D700, MATCH("CLAY", C$4:C700, 0)), "")</f>
        <v>0.75203252561341039</v>
      </c>
    </row>
    <row r="701" spans="1:6" x14ac:dyDescent="0.2">
      <c r="A701" s="239">
        <f>'CPT Data'!B709</f>
        <v>6.7469999999999999</v>
      </c>
      <c r="B701" s="3">
        <f>'CPT Data'!C709</f>
        <v>6.74</v>
      </c>
      <c r="C701" t="str">
        <f>'CPT Data'!P709</f>
        <v>CLAY</v>
      </c>
      <c r="D701">
        <f>'CPT Data'!Q709</f>
        <v>14.090791462804733</v>
      </c>
      <c r="E701">
        <f t="shared" si="11"/>
        <v>14.319890382387607</v>
      </c>
      <c r="F701">
        <f>IF(C701="CLAY", INDEX(D$4:D701, MATCH("CLAY", C$4:C701, 0)), "")</f>
        <v>0.75203252561341039</v>
      </c>
    </row>
    <row r="702" spans="1:6" x14ac:dyDescent="0.2">
      <c r="A702" s="239">
        <f>'CPT Data'!B710</f>
        <v>6.7560000000000002</v>
      </c>
      <c r="B702" s="3">
        <f>'CPT Data'!C710</f>
        <v>6.7490000000000006</v>
      </c>
      <c r="C702" t="str">
        <f>'CPT Data'!P710</f>
        <v>CLAY</v>
      </c>
      <c r="D702">
        <f>'CPT Data'!Q710</f>
        <v>13.964043956289546</v>
      </c>
      <c r="E702">
        <f t="shared" si="11"/>
        <v>14.090791462804733</v>
      </c>
      <c r="F702">
        <f>IF(C702="CLAY", INDEX(D$4:D702, MATCH("CLAY", C$4:C702, 0)), "")</f>
        <v>0.75203252561341039</v>
      </c>
    </row>
    <row r="703" spans="1:6" x14ac:dyDescent="0.2">
      <c r="A703" s="239">
        <f>'CPT Data'!B711</f>
        <v>6.7670000000000003</v>
      </c>
      <c r="B703" s="3">
        <f>'CPT Data'!C711</f>
        <v>6.7600000000000007</v>
      </c>
      <c r="C703" t="str">
        <f>'CPT Data'!P711</f>
        <v>CLAY</v>
      </c>
      <c r="D703">
        <f>'CPT Data'!Q711</f>
        <v>13.872800723606391</v>
      </c>
      <c r="E703">
        <f t="shared" si="11"/>
        <v>13.964043956289546</v>
      </c>
      <c r="F703">
        <f>IF(C703="CLAY", INDEX(D$4:D703, MATCH("CLAY", C$4:C703, 0)), "")</f>
        <v>0.75203252561341039</v>
      </c>
    </row>
    <row r="704" spans="1:6" x14ac:dyDescent="0.2">
      <c r="A704" s="239">
        <f>'CPT Data'!B712</f>
        <v>6.7759999999999998</v>
      </c>
      <c r="B704" s="3">
        <f>'CPT Data'!C712</f>
        <v>6.7690000000000001</v>
      </c>
      <c r="C704" t="str">
        <f>'CPT Data'!P712</f>
        <v>CLAY</v>
      </c>
      <c r="D704">
        <f>'CPT Data'!Q712</f>
        <v>13.940804493748274</v>
      </c>
      <c r="E704">
        <f t="shared" si="11"/>
        <v>13.872800723606391</v>
      </c>
      <c r="F704">
        <f>IF(C704="CLAY", INDEX(D$4:D704, MATCH("CLAY", C$4:C704, 0)), "")</f>
        <v>0.75203252561341039</v>
      </c>
    </row>
    <row r="705" spans="1:6" x14ac:dyDescent="0.2">
      <c r="A705" s="239">
        <f>'CPT Data'!B713</f>
        <v>6.7869999999999999</v>
      </c>
      <c r="B705" s="3">
        <f>'CPT Data'!C713</f>
        <v>6.78</v>
      </c>
      <c r="C705" t="str">
        <f>'CPT Data'!P713</f>
        <v>CLAY</v>
      </c>
      <c r="D705">
        <f>'CPT Data'!Q713</f>
        <v>14.019520438782829</v>
      </c>
      <c r="E705">
        <f t="shared" si="11"/>
        <v>13.940804493748274</v>
      </c>
      <c r="F705">
        <f>IF(C705="CLAY", INDEX(D$4:D705, MATCH("CLAY", C$4:C705, 0)), "")</f>
        <v>0.75203252561341039</v>
      </c>
    </row>
    <row r="706" spans="1:6" x14ac:dyDescent="0.2">
      <c r="A706" s="239">
        <f>'CPT Data'!B714</f>
        <v>6.7969999999999997</v>
      </c>
      <c r="B706" s="3">
        <f>'CPT Data'!C714</f>
        <v>6.79</v>
      </c>
      <c r="C706" t="str">
        <f>'CPT Data'!P714</f>
        <v>CLAY</v>
      </c>
      <c r="D706">
        <f>'CPT Data'!Q714</f>
        <v>14.007066437463431</v>
      </c>
      <c r="E706">
        <f t="shared" si="11"/>
        <v>14.019520438782829</v>
      </c>
      <c r="F706">
        <f>IF(C706="CLAY", INDEX(D$4:D706, MATCH("CLAY", C$4:C706, 0)), "")</f>
        <v>0.75203252561341039</v>
      </c>
    </row>
    <row r="707" spans="1:6" x14ac:dyDescent="0.2">
      <c r="A707" s="239">
        <f>'CPT Data'!B715</f>
        <v>6.8070000000000004</v>
      </c>
      <c r="B707" s="3">
        <f>'CPT Data'!C715</f>
        <v>6.8000000000000007</v>
      </c>
      <c r="C707" t="str">
        <f>'CPT Data'!P715</f>
        <v>CLAY</v>
      </c>
      <c r="D707">
        <f>'CPT Data'!Q715</f>
        <v>14.040819443202977</v>
      </c>
      <c r="E707">
        <f t="shared" si="11"/>
        <v>14.007066437463431</v>
      </c>
      <c r="F707">
        <f>IF(C707="CLAY", INDEX(D$4:D707, MATCH("CLAY", C$4:C707, 0)), "")</f>
        <v>0.75203252561341039</v>
      </c>
    </row>
    <row r="708" spans="1:6" x14ac:dyDescent="0.2">
      <c r="A708" s="239">
        <f>'CPT Data'!B716</f>
        <v>6.8170000000000002</v>
      </c>
      <c r="B708" s="3">
        <f>'CPT Data'!C716</f>
        <v>6.8100000000000005</v>
      </c>
      <c r="C708" t="str">
        <f>'CPT Data'!P716</f>
        <v>CLAY</v>
      </c>
      <c r="D708">
        <f>'CPT Data'!Q716</f>
        <v>14.216395727478039</v>
      </c>
      <c r="E708">
        <f t="shared" si="11"/>
        <v>14.040819443202977</v>
      </c>
      <c r="F708">
        <f>IF(C708="CLAY", INDEX(D$4:D708, MATCH("CLAY", C$4:C708, 0)), "")</f>
        <v>0.75203252561341039</v>
      </c>
    </row>
    <row r="709" spans="1:6" x14ac:dyDescent="0.2">
      <c r="A709" s="239">
        <f>'CPT Data'!B717</f>
        <v>6.827</v>
      </c>
      <c r="B709" s="3">
        <f>'CPT Data'!C717</f>
        <v>6.82</v>
      </c>
      <c r="C709" t="str">
        <f>'CPT Data'!P717</f>
        <v>CLAY</v>
      </c>
      <c r="D709">
        <f>'CPT Data'!Q717</f>
        <v>14.397054087659626</v>
      </c>
      <c r="E709">
        <f t="shared" si="11"/>
        <v>14.216395727478039</v>
      </c>
      <c r="F709">
        <f>IF(C709="CLAY", INDEX(D$4:D709, MATCH("CLAY", C$4:C709, 0)), "")</f>
        <v>0.75203252561341039</v>
      </c>
    </row>
    <row r="710" spans="1:6" x14ac:dyDescent="0.2">
      <c r="A710" s="239">
        <f>'CPT Data'!B718</f>
        <v>6.8369999999999997</v>
      </c>
      <c r="B710" s="3">
        <f>'CPT Data'!C718</f>
        <v>6.83</v>
      </c>
      <c r="C710" t="str">
        <f>'CPT Data'!P718</f>
        <v>CLAY</v>
      </c>
      <c r="D710">
        <f>'CPT Data'!Q718</f>
        <v>14.283872134410748</v>
      </c>
      <c r="E710">
        <f t="shared" si="11"/>
        <v>14.397054087659626</v>
      </c>
      <c r="F710">
        <f>IF(C710="CLAY", INDEX(D$4:D710, MATCH("CLAY", C$4:C710, 0)), "")</f>
        <v>0.75203252561341039</v>
      </c>
    </row>
    <row r="711" spans="1:6" x14ac:dyDescent="0.2">
      <c r="A711" s="239">
        <f>'CPT Data'!B719</f>
        <v>6.8470000000000004</v>
      </c>
      <c r="B711" s="3">
        <f>'CPT Data'!C719</f>
        <v>6.8400000000000007</v>
      </c>
      <c r="C711" t="str">
        <f>'CPT Data'!P719</f>
        <v>CLAY</v>
      </c>
      <c r="D711">
        <f>'CPT Data'!Q719</f>
        <v>14.284601647643719</v>
      </c>
      <c r="E711">
        <f t="shared" si="11"/>
        <v>14.283872134410748</v>
      </c>
      <c r="F711">
        <f>IF(C711="CLAY", INDEX(D$4:D711, MATCH("CLAY", C$4:C711, 0)), "")</f>
        <v>0.75203252561341039</v>
      </c>
    </row>
    <row r="712" spans="1:6" x14ac:dyDescent="0.2">
      <c r="A712" s="239">
        <f>'CPT Data'!B720</f>
        <v>6.8579999999999997</v>
      </c>
      <c r="B712" s="3">
        <f>'CPT Data'!C720</f>
        <v>6.851</v>
      </c>
      <c r="C712" t="str">
        <f>'CPT Data'!P720</f>
        <v>CLAY</v>
      </c>
      <c r="D712">
        <f>'CPT Data'!Q720</f>
        <v>14.120702104718504</v>
      </c>
      <c r="E712">
        <f t="shared" si="11"/>
        <v>14.284601647643719</v>
      </c>
      <c r="F712">
        <f>IF(C712="CLAY", INDEX(D$4:D712, MATCH("CLAY", C$4:C712, 0)), "")</f>
        <v>0.75203252561341039</v>
      </c>
    </row>
    <row r="713" spans="1:6" x14ac:dyDescent="0.2">
      <c r="A713" s="239">
        <f>'CPT Data'!B721</f>
        <v>6.867</v>
      </c>
      <c r="B713" s="3">
        <f>'CPT Data'!C721</f>
        <v>6.86</v>
      </c>
      <c r="C713" t="str">
        <f>'CPT Data'!P721</f>
        <v>CLAY</v>
      </c>
      <c r="D713">
        <f>'CPT Data'!Q721</f>
        <v>14.393335924593387</v>
      </c>
      <c r="E713">
        <f t="shared" si="11"/>
        <v>14.120702104718504</v>
      </c>
      <c r="F713">
        <f>IF(C713="CLAY", INDEX(D$4:D713, MATCH("CLAY", C$4:C713, 0)), "")</f>
        <v>0.75203252561341039</v>
      </c>
    </row>
    <row r="714" spans="1:6" x14ac:dyDescent="0.2">
      <c r="A714" s="239">
        <f>'CPT Data'!B722</f>
        <v>6.8780000000000001</v>
      </c>
      <c r="B714" s="3">
        <f>'CPT Data'!C722</f>
        <v>6.8710000000000004</v>
      </c>
      <c r="C714" t="str">
        <f>'CPT Data'!P722</f>
        <v>CLAY</v>
      </c>
      <c r="D714">
        <f>'CPT Data'!Q722</f>
        <v>14.305400875034531</v>
      </c>
      <c r="E714">
        <f t="shared" si="11"/>
        <v>14.393335924593387</v>
      </c>
      <c r="F714">
        <f>IF(C714="CLAY", INDEX(D$4:D714, MATCH("CLAY", C$4:C714, 0)), "")</f>
        <v>0.75203252561341039</v>
      </c>
    </row>
    <row r="715" spans="1:6" x14ac:dyDescent="0.2">
      <c r="A715" s="239">
        <f>'CPT Data'!B723</f>
        <v>6.8869999999999996</v>
      </c>
      <c r="B715" s="3">
        <f>'CPT Data'!C723</f>
        <v>6.88</v>
      </c>
      <c r="C715" t="str">
        <f>'CPT Data'!P723</f>
        <v>CLAY</v>
      </c>
      <c r="D715">
        <f>'CPT Data'!Q723</f>
        <v>14.099386184031951</v>
      </c>
      <c r="E715">
        <f t="shared" si="11"/>
        <v>14.305400875034531</v>
      </c>
      <c r="F715">
        <f>IF(C715="CLAY", INDEX(D$4:D715, MATCH("CLAY", C$4:C715, 0)), "")</f>
        <v>0.75203252561341039</v>
      </c>
    </row>
    <row r="716" spans="1:6" x14ac:dyDescent="0.2">
      <c r="A716" s="239">
        <f>'CPT Data'!B724</f>
        <v>6.8979999999999997</v>
      </c>
      <c r="B716" s="3">
        <f>'CPT Data'!C724</f>
        <v>6.891</v>
      </c>
      <c r="C716" t="str">
        <f>'CPT Data'!P724</f>
        <v>CLAY</v>
      </c>
      <c r="D716">
        <f>'CPT Data'!Q724</f>
        <v>13.969113557017025</v>
      </c>
      <c r="E716">
        <f t="shared" si="11"/>
        <v>14.099386184031951</v>
      </c>
      <c r="F716">
        <f>IF(C716="CLAY", INDEX(D$4:D716, MATCH("CLAY", C$4:C716, 0)), "")</f>
        <v>0.75203252561341039</v>
      </c>
    </row>
    <row r="717" spans="1:6" x14ac:dyDescent="0.2">
      <c r="A717" s="239">
        <f>'CPT Data'!B725</f>
        <v>6.907</v>
      </c>
      <c r="B717" s="3">
        <f>'CPT Data'!C725</f>
        <v>6.9</v>
      </c>
      <c r="C717" t="str">
        <f>'CPT Data'!P725</f>
        <v>CLAY</v>
      </c>
      <c r="D717">
        <f>'CPT Data'!Q725</f>
        <v>13.915569985410523</v>
      </c>
      <c r="E717">
        <f t="shared" si="11"/>
        <v>13.969113557017025</v>
      </c>
      <c r="F717">
        <f>IF(C717="CLAY", INDEX(D$4:D717, MATCH("CLAY", C$4:C717, 0)), "")</f>
        <v>0.75203252561341039</v>
      </c>
    </row>
    <row r="718" spans="1:6" x14ac:dyDescent="0.2">
      <c r="A718" s="239">
        <f>'CPT Data'!B726</f>
        <v>6.9180000000000001</v>
      </c>
      <c r="B718" s="3">
        <f>'CPT Data'!C726</f>
        <v>6.9110000000000005</v>
      </c>
      <c r="C718" t="str">
        <f>'CPT Data'!P726</f>
        <v>CLAY</v>
      </c>
      <c r="D718">
        <f>'CPT Data'!Q726</f>
        <v>14.001984681439117</v>
      </c>
      <c r="E718">
        <f t="shared" si="11"/>
        <v>13.915569985410523</v>
      </c>
      <c r="F718">
        <f>IF(C718="CLAY", INDEX(D$4:D718, MATCH("CLAY", C$4:C718, 0)), "")</f>
        <v>0.75203252561341039</v>
      </c>
    </row>
    <row r="719" spans="1:6" x14ac:dyDescent="0.2">
      <c r="A719" s="239">
        <f>'CPT Data'!B727</f>
        <v>6.9269999999999996</v>
      </c>
      <c r="B719" s="3">
        <f>'CPT Data'!C727</f>
        <v>6.92</v>
      </c>
      <c r="C719" t="str">
        <f>'CPT Data'!P727</f>
        <v>CLAY</v>
      </c>
      <c r="D719">
        <f>'CPT Data'!Q727</f>
        <v>13.947194857095335</v>
      </c>
      <c r="E719">
        <f t="shared" si="11"/>
        <v>14.001984681439117</v>
      </c>
      <c r="F719">
        <f>IF(C719="CLAY", INDEX(D$4:D719, MATCH("CLAY", C$4:C719, 0)), "")</f>
        <v>0.75203252561341039</v>
      </c>
    </row>
    <row r="720" spans="1:6" x14ac:dyDescent="0.2">
      <c r="A720" s="239">
        <f>'CPT Data'!B728</f>
        <v>6.9379999999999997</v>
      </c>
      <c r="B720" s="3">
        <f>'CPT Data'!C728</f>
        <v>6.931</v>
      </c>
      <c r="C720" t="str">
        <f>'CPT Data'!P728</f>
        <v>CLAY</v>
      </c>
      <c r="D720">
        <f>'CPT Data'!Q728</f>
        <v>13.874078261929638</v>
      </c>
      <c r="E720">
        <f t="shared" si="11"/>
        <v>13.947194857095335</v>
      </c>
      <c r="F720">
        <f>IF(C720="CLAY", INDEX(D$4:D720, MATCH("CLAY", C$4:C720, 0)), "")</f>
        <v>0.75203252561341039</v>
      </c>
    </row>
    <row r="721" spans="1:6" x14ac:dyDescent="0.2">
      <c r="A721" s="239">
        <f>'CPT Data'!B729</f>
        <v>6.9470000000000001</v>
      </c>
      <c r="B721" s="3">
        <f>'CPT Data'!C729</f>
        <v>6.94</v>
      </c>
      <c r="C721" t="str">
        <f>'CPT Data'!P729</f>
        <v>CLAY</v>
      </c>
      <c r="D721">
        <f>'CPT Data'!Q729</f>
        <v>13.828059998279672</v>
      </c>
      <c r="E721">
        <f t="shared" si="11"/>
        <v>13.874078261929638</v>
      </c>
      <c r="F721">
        <f>IF(C721="CLAY", INDEX(D$4:D721, MATCH("CLAY", C$4:C721, 0)), "")</f>
        <v>0.75203252561341039</v>
      </c>
    </row>
    <row r="722" spans="1:6" x14ac:dyDescent="0.2">
      <c r="A722" s="239">
        <f>'CPT Data'!B730</f>
        <v>6.9580000000000002</v>
      </c>
      <c r="B722" s="3">
        <f>'CPT Data'!C730</f>
        <v>6.9510000000000005</v>
      </c>
      <c r="C722" t="str">
        <f>'CPT Data'!P730</f>
        <v>CLAY</v>
      </c>
      <c r="D722">
        <f>'CPT Data'!Q730</f>
        <v>13.890224283808484</v>
      </c>
      <c r="E722">
        <f t="shared" si="11"/>
        <v>13.828059998279672</v>
      </c>
      <c r="F722">
        <f>IF(C722="CLAY", INDEX(D$4:D722, MATCH("CLAY", C$4:C722, 0)), "")</f>
        <v>0.75203252561341039</v>
      </c>
    </row>
    <row r="723" spans="1:6" x14ac:dyDescent="0.2">
      <c r="A723" s="239">
        <f>'CPT Data'!B731</f>
        <v>6.9669999999999996</v>
      </c>
      <c r="B723" s="3">
        <f>'CPT Data'!C731</f>
        <v>6.96</v>
      </c>
      <c r="C723" t="str">
        <f>'CPT Data'!P731</f>
        <v>CLAY</v>
      </c>
      <c r="D723">
        <f>'CPT Data'!Q731</f>
        <v>14.055712556766872</v>
      </c>
      <c r="E723">
        <f t="shared" si="11"/>
        <v>13.890224283808484</v>
      </c>
      <c r="F723">
        <f>IF(C723="CLAY", INDEX(D$4:D723, MATCH("CLAY", C$4:C723, 0)), "")</f>
        <v>0.75203252561341039</v>
      </c>
    </row>
    <row r="724" spans="1:6" x14ac:dyDescent="0.2">
      <c r="A724" s="239">
        <f>'CPT Data'!B732</f>
        <v>6.9779999999999998</v>
      </c>
      <c r="B724" s="3">
        <f>'CPT Data'!C732</f>
        <v>6.9710000000000001</v>
      </c>
      <c r="C724" t="str">
        <f>'CPT Data'!P732</f>
        <v>CLAY</v>
      </c>
      <c r="D724">
        <f>'CPT Data'!Q732</f>
        <v>14.205350833600276</v>
      </c>
      <c r="E724">
        <f t="shared" si="11"/>
        <v>14.055712556766872</v>
      </c>
      <c r="F724">
        <f>IF(C724="CLAY", INDEX(D$4:D724, MATCH("CLAY", C$4:C724, 0)), "")</f>
        <v>0.75203252561341039</v>
      </c>
    </row>
    <row r="725" spans="1:6" x14ac:dyDescent="0.2">
      <c r="A725" s="239">
        <f>'CPT Data'!B733</f>
        <v>6.9880000000000004</v>
      </c>
      <c r="B725" s="3">
        <f>'CPT Data'!C733</f>
        <v>6.9810000000000008</v>
      </c>
      <c r="C725" t="str">
        <f>'CPT Data'!P733</f>
        <v>CLAY</v>
      </c>
      <c r="D725">
        <f>'CPT Data'!Q733</f>
        <v>14.336440707724172</v>
      </c>
      <c r="E725">
        <f t="shared" si="11"/>
        <v>14.205350833600276</v>
      </c>
      <c r="F725">
        <f>IF(C725="CLAY", INDEX(D$4:D725, MATCH("CLAY", C$4:C725, 0)), "")</f>
        <v>0.75203252561341039</v>
      </c>
    </row>
    <row r="726" spans="1:6" x14ac:dyDescent="0.2">
      <c r="A726" s="239">
        <f>'CPT Data'!B734</f>
        <v>6.9980000000000002</v>
      </c>
      <c r="B726" s="3">
        <f>'CPT Data'!C734</f>
        <v>6.9910000000000005</v>
      </c>
      <c r="C726" t="str">
        <f>'CPT Data'!P734</f>
        <v>CLAY</v>
      </c>
      <c r="D726">
        <f>'CPT Data'!Q734</f>
        <v>14.643906407394875</v>
      </c>
      <c r="E726">
        <f t="shared" si="11"/>
        <v>14.336440707724172</v>
      </c>
      <c r="F726">
        <f>IF(C726="CLAY", INDEX(D$4:D726, MATCH("CLAY", C$4:C726, 0)), "")</f>
        <v>0.75203252561341039</v>
      </c>
    </row>
    <row r="727" spans="1:6" x14ac:dyDescent="0.2">
      <c r="A727" s="239">
        <f>'CPT Data'!B735</f>
        <v>7.008</v>
      </c>
      <c r="B727" s="3">
        <f>'CPT Data'!C735</f>
        <v>7.0010000000000003</v>
      </c>
      <c r="C727" t="str">
        <f>'CPT Data'!P735</f>
        <v>CLAY</v>
      </c>
      <c r="D727">
        <f>'CPT Data'!Q735</f>
        <v>15.034144545226802</v>
      </c>
      <c r="E727">
        <f t="shared" si="11"/>
        <v>14.643906407394875</v>
      </c>
      <c r="F727">
        <f>IF(C727="CLAY", INDEX(D$4:D727, MATCH("CLAY", C$4:C727, 0)), "")</f>
        <v>0.75203252561341039</v>
      </c>
    </row>
    <row r="728" spans="1:6" x14ac:dyDescent="0.2">
      <c r="A728" s="239">
        <f>'CPT Data'!B736</f>
        <v>7.0190000000000001</v>
      </c>
      <c r="B728" s="3">
        <f>'CPT Data'!C736</f>
        <v>7.0120000000000005</v>
      </c>
      <c r="C728" t="str">
        <f>'CPT Data'!P736</f>
        <v>CLAY</v>
      </c>
      <c r="D728">
        <f>'CPT Data'!Q736</f>
        <v>15.062306112700808</v>
      </c>
      <c r="E728">
        <f t="shared" si="11"/>
        <v>15.034144545226802</v>
      </c>
      <c r="F728">
        <f>IF(C728="CLAY", INDEX(D$4:D728, MATCH("CLAY", C$4:C728, 0)), "")</f>
        <v>0.75203252561341039</v>
      </c>
    </row>
    <row r="729" spans="1:6" x14ac:dyDescent="0.2">
      <c r="A729" s="239">
        <f>'CPT Data'!B737</f>
        <v>7.0279999999999996</v>
      </c>
      <c r="B729" s="3">
        <f>'CPT Data'!C737</f>
        <v>7.0209999999999999</v>
      </c>
      <c r="C729" t="str">
        <f>'CPT Data'!P737</f>
        <v>CLAY</v>
      </c>
      <c r="D729">
        <f>'CPT Data'!Q737</f>
        <v>15.175452993763273</v>
      </c>
      <c r="E729">
        <f t="shared" si="11"/>
        <v>15.062306112700808</v>
      </c>
      <c r="F729">
        <f>IF(C729="CLAY", INDEX(D$4:D729, MATCH("CLAY", C$4:C729, 0)), "")</f>
        <v>0.75203252561341039</v>
      </c>
    </row>
    <row r="730" spans="1:6" x14ac:dyDescent="0.2">
      <c r="A730" s="239">
        <f>'CPT Data'!B738</f>
        <v>7.0380000000000003</v>
      </c>
      <c r="B730" s="3">
        <f>'CPT Data'!C738</f>
        <v>7.0310000000000006</v>
      </c>
      <c r="C730" t="str">
        <f>'CPT Data'!P738</f>
        <v>CLAY</v>
      </c>
      <c r="D730">
        <f>'CPT Data'!Q738</f>
        <v>15.186103476460682</v>
      </c>
      <c r="E730">
        <f t="shared" si="11"/>
        <v>15.175452993763273</v>
      </c>
      <c r="F730">
        <f>IF(C730="CLAY", INDEX(D$4:D730, MATCH("CLAY", C$4:C730, 0)), "")</f>
        <v>0.75203252561341039</v>
      </c>
    </row>
    <row r="731" spans="1:6" x14ac:dyDescent="0.2">
      <c r="A731" s="239">
        <f>'CPT Data'!B739</f>
        <v>7.0869999999999997</v>
      </c>
      <c r="B731" s="3">
        <f>'CPT Data'!C739</f>
        <v>7.08</v>
      </c>
      <c r="C731" t="str">
        <f>'CPT Data'!P739</f>
        <v>CLAY</v>
      </c>
      <c r="D731">
        <f>'CPT Data'!Q739</f>
        <v>15.123389254530636</v>
      </c>
      <c r="E731">
        <f t="shared" ref="E731:E794" si="12">IF(C731="SAND",#N/A,IF(C731=C730,D730,IF(C731="CLAY",D731,#N/A)))</f>
        <v>15.186103476460682</v>
      </c>
      <c r="F731">
        <f>IF(C731="CLAY", INDEX(D$4:D731, MATCH("CLAY", C$4:C731, 0)), "")</f>
        <v>0.75203252561341039</v>
      </c>
    </row>
    <row r="732" spans="1:6" x14ac:dyDescent="0.2">
      <c r="A732" s="239">
        <f>'CPT Data'!B740</f>
        <v>7.0970000000000004</v>
      </c>
      <c r="B732" s="3">
        <f>'CPT Data'!C740</f>
        <v>7.0900000000000007</v>
      </c>
      <c r="C732" t="str">
        <f>'CPT Data'!P740</f>
        <v>CLAY</v>
      </c>
      <c r="D732">
        <f>'CPT Data'!Q740</f>
        <v>14.774695333929772</v>
      </c>
      <c r="E732">
        <f t="shared" si="12"/>
        <v>15.123389254530636</v>
      </c>
      <c r="F732">
        <f>IF(C732="CLAY", INDEX(D$4:D732, MATCH("CLAY", C$4:C732, 0)), "")</f>
        <v>0.75203252561341039</v>
      </c>
    </row>
    <row r="733" spans="1:6" x14ac:dyDescent="0.2">
      <c r="A733" s="239">
        <f>'CPT Data'!B741</f>
        <v>7.1070000000000002</v>
      </c>
      <c r="B733" s="3">
        <f>'CPT Data'!C741</f>
        <v>7.1000000000000005</v>
      </c>
      <c r="C733" t="str">
        <f>'CPT Data'!P741</f>
        <v>CLAY</v>
      </c>
      <c r="D733">
        <f>'CPT Data'!Q741</f>
        <v>14.444082602958957</v>
      </c>
      <c r="E733">
        <f t="shared" si="12"/>
        <v>14.774695333929772</v>
      </c>
      <c r="F733">
        <f>IF(C733="CLAY", INDEX(D$4:D733, MATCH("CLAY", C$4:C733, 0)), "")</f>
        <v>0.75203252561341039</v>
      </c>
    </row>
    <row r="734" spans="1:6" x14ac:dyDescent="0.2">
      <c r="A734" s="239">
        <f>'CPT Data'!B742</f>
        <v>7.1159999999999997</v>
      </c>
      <c r="B734" s="3">
        <f>'CPT Data'!C742</f>
        <v>7.109</v>
      </c>
      <c r="C734" t="str">
        <f>'CPT Data'!P742</f>
        <v>CLAY</v>
      </c>
      <c r="D734">
        <f>'CPT Data'!Q742</f>
        <v>14.304053108404082</v>
      </c>
      <c r="E734">
        <f t="shared" si="12"/>
        <v>14.444082602958957</v>
      </c>
      <c r="F734">
        <f>IF(C734="CLAY", INDEX(D$4:D734, MATCH("CLAY", C$4:C734, 0)), "")</f>
        <v>0.75203252561341039</v>
      </c>
    </row>
    <row r="735" spans="1:6" x14ac:dyDescent="0.2">
      <c r="A735" s="239">
        <f>'CPT Data'!B743</f>
        <v>7.1269999999999998</v>
      </c>
      <c r="B735" s="3">
        <f>'CPT Data'!C743</f>
        <v>7.12</v>
      </c>
      <c r="C735" t="str">
        <f>'CPT Data'!P743</f>
        <v>CLAY</v>
      </c>
      <c r="D735">
        <f>'CPT Data'!Q743</f>
        <v>14.143369790936196</v>
      </c>
      <c r="E735">
        <f t="shared" si="12"/>
        <v>14.304053108404082</v>
      </c>
      <c r="F735">
        <f>IF(C735="CLAY", INDEX(D$4:D735, MATCH("CLAY", C$4:C735, 0)), "")</f>
        <v>0.75203252561341039</v>
      </c>
    </row>
    <row r="736" spans="1:6" x14ac:dyDescent="0.2">
      <c r="A736" s="239">
        <f>'CPT Data'!B744</f>
        <v>7.1369999999999996</v>
      </c>
      <c r="B736" s="3">
        <f>'CPT Data'!C744</f>
        <v>7.13</v>
      </c>
      <c r="C736" t="str">
        <f>'CPT Data'!P744</f>
        <v>CLAY</v>
      </c>
      <c r="D736">
        <f>'CPT Data'!Q744</f>
        <v>13.795888736326267</v>
      </c>
      <c r="E736">
        <f t="shared" si="12"/>
        <v>14.143369790936196</v>
      </c>
      <c r="F736">
        <f>IF(C736="CLAY", INDEX(D$4:D736, MATCH("CLAY", C$4:C736, 0)), "")</f>
        <v>0.75203252561341039</v>
      </c>
    </row>
    <row r="737" spans="1:6" x14ac:dyDescent="0.2">
      <c r="A737" s="239">
        <f>'CPT Data'!B745</f>
        <v>7.1479999999999997</v>
      </c>
      <c r="B737" s="3">
        <f>'CPT Data'!C745</f>
        <v>7.141</v>
      </c>
      <c r="C737" t="str">
        <f>'CPT Data'!P745</f>
        <v>CLAY</v>
      </c>
      <c r="D737">
        <f>'CPT Data'!Q745</f>
        <v>13.522410479543405</v>
      </c>
      <c r="E737">
        <f t="shared" si="12"/>
        <v>13.795888736326267</v>
      </c>
      <c r="F737">
        <f>IF(C737="CLAY", INDEX(D$4:D737, MATCH("CLAY", C$4:C737, 0)), "")</f>
        <v>0.75203252561341039</v>
      </c>
    </row>
    <row r="738" spans="1:6" x14ac:dyDescent="0.2">
      <c r="A738" s="239">
        <f>'CPT Data'!B746</f>
        <v>7.157</v>
      </c>
      <c r="B738" s="3">
        <f>'CPT Data'!C746</f>
        <v>7.15</v>
      </c>
      <c r="C738" t="str">
        <f>'CPT Data'!P746</f>
        <v>CLAY</v>
      </c>
      <c r="D738">
        <f>'CPT Data'!Q746</f>
        <v>13.421935422526088</v>
      </c>
      <c r="E738">
        <f t="shared" si="12"/>
        <v>13.522410479543405</v>
      </c>
      <c r="F738">
        <f>IF(C738="CLAY", INDEX(D$4:D738, MATCH("CLAY", C$4:C738, 0)), "")</f>
        <v>0.75203252561341039</v>
      </c>
    </row>
    <row r="739" spans="1:6" x14ac:dyDescent="0.2">
      <c r="A739" s="239">
        <f>'CPT Data'!B747</f>
        <v>7.1680000000000001</v>
      </c>
      <c r="B739" s="3">
        <f>'CPT Data'!C747</f>
        <v>7.1610000000000005</v>
      </c>
      <c r="C739" t="str">
        <f>'CPT Data'!P747</f>
        <v>CLAY</v>
      </c>
      <c r="D739">
        <f>'CPT Data'!Q747</f>
        <v>13.403413758963671</v>
      </c>
      <c r="E739">
        <f t="shared" si="12"/>
        <v>13.421935422526088</v>
      </c>
      <c r="F739">
        <f>IF(C739="CLAY", INDEX(D$4:D739, MATCH("CLAY", C$4:C739, 0)), "")</f>
        <v>0.75203252561341039</v>
      </c>
    </row>
    <row r="740" spans="1:6" x14ac:dyDescent="0.2">
      <c r="A740" s="239">
        <f>'CPT Data'!B748</f>
        <v>7.1779999999999999</v>
      </c>
      <c r="B740" s="3">
        <f>'CPT Data'!C748</f>
        <v>7.1710000000000003</v>
      </c>
      <c r="C740" t="str">
        <f>'CPT Data'!P748</f>
        <v>CLAY</v>
      </c>
      <c r="D740">
        <f>'CPT Data'!Q748</f>
        <v>13.159852120679693</v>
      </c>
      <c r="E740">
        <f t="shared" si="12"/>
        <v>13.403413758963671</v>
      </c>
      <c r="F740">
        <f>IF(C740="CLAY", INDEX(D$4:D740, MATCH("CLAY", C$4:C740, 0)), "")</f>
        <v>0.75203252561341039</v>
      </c>
    </row>
    <row r="741" spans="1:6" x14ac:dyDescent="0.2">
      <c r="A741" s="239">
        <f>'CPT Data'!B749</f>
        <v>7.1879999999999997</v>
      </c>
      <c r="B741" s="3">
        <f>'CPT Data'!C749</f>
        <v>7.181</v>
      </c>
      <c r="C741" t="str">
        <f>'CPT Data'!P749</f>
        <v>CLAY</v>
      </c>
      <c r="D741">
        <f>'CPT Data'!Q749</f>
        <v>12.668585351398535</v>
      </c>
      <c r="E741">
        <f t="shared" si="12"/>
        <v>13.159852120679693</v>
      </c>
      <c r="F741">
        <f>IF(C741="CLAY", INDEX(D$4:D741, MATCH("CLAY", C$4:C741, 0)), "")</f>
        <v>0.75203252561341039</v>
      </c>
    </row>
    <row r="742" spans="1:6" x14ac:dyDescent="0.2">
      <c r="A742" s="239">
        <f>'CPT Data'!B750</f>
        <v>7.1980000000000004</v>
      </c>
      <c r="B742" s="3">
        <f>'CPT Data'!C750</f>
        <v>7.1910000000000007</v>
      </c>
      <c r="C742" t="str">
        <f>'CPT Data'!P750</f>
        <v>CLAY</v>
      </c>
      <c r="D742">
        <f>'CPT Data'!Q750</f>
        <v>12.51832723195051</v>
      </c>
      <c r="E742">
        <f t="shared" si="12"/>
        <v>12.668585351398535</v>
      </c>
      <c r="F742">
        <f>IF(C742="CLAY", INDEX(D$4:D742, MATCH("CLAY", C$4:C742, 0)), "")</f>
        <v>0.75203252561341039</v>
      </c>
    </row>
    <row r="743" spans="1:6" x14ac:dyDescent="0.2">
      <c r="A743" s="239">
        <f>'CPT Data'!B751</f>
        <v>7.2080000000000002</v>
      </c>
      <c r="B743" s="3">
        <f>'CPT Data'!C751</f>
        <v>7.2010000000000005</v>
      </c>
      <c r="C743" t="str">
        <f>'CPT Data'!P751</f>
        <v>CLAY</v>
      </c>
      <c r="D743">
        <f>'CPT Data'!Q751</f>
        <v>12.765840248738234</v>
      </c>
      <c r="E743">
        <f t="shared" si="12"/>
        <v>12.51832723195051</v>
      </c>
      <c r="F743">
        <f>IF(C743="CLAY", INDEX(D$4:D743, MATCH("CLAY", C$4:C743, 0)), "")</f>
        <v>0.75203252561341039</v>
      </c>
    </row>
    <row r="744" spans="1:6" x14ac:dyDescent="0.2">
      <c r="A744" s="239">
        <f>'CPT Data'!B752</f>
        <v>7.2169999999999996</v>
      </c>
      <c r="B744" s="3">
        <f>'CPT Data'!C752</f>
        <v>7.21</v>
      </c>
      <c r="C744" t="str">
        <f>'CPT Data'!P752</f>
        <v>CLAY</v>
      </c>
      <c r="D744">
        <f>'CPT Data'!Q752</f>
        <v>12.720788703600052</v>
      </c>
      <c r="E744">
        <f t="shared" si="12"/>
        <v>12.765840248738234</v>
      </c>
      <c r="F744">
        <f>IF(C744="CLAY", INDEX(D$4:D744, MATCH("CLAY", C$4:C744, 0)), "")</f>
        <v>0.75203252561341039</v>
      </c>
    </row>
    <row r="745" spans="1:6" x14ac:dyDescent="0.2">
      <c r="A745" s="239">
        <f>'CPT Data'!B753</f>
        <v>7.2279999999999998</v>
      </c>
      <c r="B745" s="3">
        <f>'CPT Data'!C753</f>
        <v>7.2210000000000001</v>
      </c>
      <c r="C745" t="str">
        <f>'CPT Data'!P753</f>
        <v>CLAY</v>
      </c>
      <c r="D745">
        <f>'CPT Data'!Q753</f>
        <v>12.654381513011581</v>
      </c>
      <c r="E745">
        <f t="shared" si="12"/>
        <v>12.720788703600052</v>
      </c>
      <c r="F745">
        <f>IF(C745="CLAY", INDEX(D$4:D745, MATCH("CLAY", C$4:C745, 0)), "")</f>
        <v>0.75203252561341039</v>
      </c>
    </row>
    <row r="746" spans="1:6" x14ac:dyDescent="0.2">
      <c r="A746" s="239">
        <f>'CPT Data'!B754</f>
        <v>7.2370000000000001</v>
      </c>
      <c r="B746" s="3">
        <f>'CPT Data'!C754</f>
        <v>7.23</v>
      </c>
      <c r="C746" t="str">
        <f>'CPT Data'!P754</f>
        <v>CLAY</v>
      </c>
      <c r="D746">
        <f>'CPT Data'!Q754</f>
        <v>12.539357914196827</v>
      </c>
      <c r="E746">
        <f t="shared" si="12"/>
        <v>12.654381513011581</v>
      </c>
      <c r="F746">
        <f>IF(C746="CLAY", INDEX(D$4:D746, MATCH("CLAY", C$4:C746, 0)), "")</f>
        <v>0.75203252561341039</v>
      </c>
    </row>
    <row r="747" spans="1:6" x14ac:dyDescent="0.2">
      <c r="A747" s="239">
        <f>'CPT Data'!B755</f>
        <v>7.2480000000000002</v>
      </c>
      <c r="B747" s="3">
        <f>'CPT Data'!C755</f>
        <v>7.2410000000000005</v>
      </c>
      <c r="C747" t="str">
        <f>'CPT Data'!P755</f>
        <v>CLAY</v>
      </c>
      <c r="D747">
        <f>'CPT Data'!Q755</f>
        <v>12.364739003643047</v>
      </c>
      <c r="E747">
        <f t="shared" si="12"/>
        <v>12.539357914196827</v>
      </c>
      <c r="F747">
        <f>IF(C747="CLAY", INDEX(D$4:D747, MATCH("CLAY", C$4:C747, 0)), "")</f>
        <v>0.75203252561341039</v>
      </c>
    </row>
    <row r="748" spans="1:6" x14ac:dyDescent="0.2">
      <c r="A748" s="239">
        <f>'CPT Data'!B756</f>
        <v>7.258</v>
      </c>
      <c r="B748" s="3">
        <f>'CPT Data'!C756</f>
        <v>7.2510000000000003</v>
      </c>
      <c r="C748" t="str">
        <f>'CPT Data'!P756</f>
        <v>CLAY</v>
      </c>
      <c r="D748">
        <f>'CPT Data'!Q756</f>
        <v>12.326664617275073</v>
      </c>
      <c r="E748">
        <f t="shared" si="12"/>
        <v>12.364739003643047</v>
      </c>
      <c r="F748">
        <f>IF(C748="CLAY", INDEX(D$4:D748, MATCH("CLAY", C$4:C748, 0)), "")</f>
        <v>0.75203252561341039</v>
      </c>
    </row>
    <row r="749" spans="1:6" x14ac:dyDescent="0.2">
      <c r="A749" s="239">
        <f>'CPT Data'!B757</f>
        <v>7.2679999999999998</v>
      </c>
      <c r="B749" s="3">
        <f>'CPT Data'!C757</f>
        <v>7.2610000000000001</v>
      </c>
      <c r="C749" t="str">
        <f>'CPT Data'!P757</f>
        <v>CLAY</v>
      </c>
      <c r="D749">
        <f>'CPT Data'!Q757</f>
        <v>12.357080929469708</v>
      </c>
      <c r="E749">
        <f t="shared" si="12"/>
        <v>12.326664617275073</v>
      </c>
      <c r="F749">
        <f>IF(C749="CLAY", INDEX(D$4:D749, MATCH("CLAY", C$4:C749, 0)), "")</f>
        <v>0.75203252561341039</v>
      </c>
    </row>
    <row r="750" spans="1:6" x14ac:dyDescent="0.2">
      <c r="A750" s="239">
        <f>'CPT Data'!B758</f>
        <v>7.2770000000000001</v>
      </c>
      <c r="B750" s="3">
        <f>'CPT Data'!C758</f>
        <v>7.2700000000000005</v>
      </c>
      <c r="C750" t="str">
        <f>'CPT Data'!P758</f>
        <v>CLAY</v>
      </c>
      <c r="D750">
        <f>'CPT Data'!Q758</f>
        <v>12.354127793460572</v>
      </c>
      <c r="E750">
        <f t="shared" si="12"/>
        <v>12.357080929469708</v>
      </c>
      <c r="F750">
        <f>IF(C750="CLAY", INDEX(D$4:D750, MATCH("CLAY", C$4:C750, 0)), "")</f>
        <v>0.75203252561341039</v>
      </c>
    </row>
    <row r="751" spans="1:6" x14ac:dyDescent="0.2">
      <c r="A751" s="239">
        <f>'CPT Data'!B759</f>
        <v>7.2880000000000003</v>
      </c>
      <c r="B751" s="3">
        <f>'CPT Data'!C759</f>
        <v>7.2810000000000006</v>
      </c>
      <c r="C751" t="str">
        <f>'CPT Data'!P759</f>
        <v>CLAY</v>
      </c>
      <c r="D751">
        <f>'CPT Data'!Q759</f>
        <v>12.31504829243544</v>
      </c>
      <c r="E751">
        <f t="shared" si="12"/>
        <v>12.354127793460572</v>
      </c>
      <c r="F751">
        <f>IF(C751="CLAY", INDEX(D$4:D751, MATCH("CLAY", C$4:C751, 0)), "")</f>
        <v>0.75203252561341039</v>
      </c>
    </row>
    <row r="752" spans="1:6" x14ac:dyDescent="0.2">
      <c r="A752" s="239">
        <f>'CPT Data'!B760</f>
        <v>7.298</v>
      </c>
      <c r="B752" s="3">
        <f>'CPT Data'!C760</f>
        <v>7.2910000000000004</v>
      </c>
      <c r="C752" t="str">
        <f>'CPT Data'!P760</f>
        <v>CLAY</v>
      </c>
      <c r="D752">
        <f>'CPT Data'!Q760</f>
        <v>12.392466273186471</v>
      </c>
      <c r="E752">
        <f t="shared" si="12"/>
        <v>12.31504829243544</v>
      </c>
      <c r="F752">
        <f>IF(C752="CLAY", INDEX(D$4:D752, MATCH("CLAY", C$4:C752, 0)), "")</f>
        <v>0.75203252561341039</v>
      </c>
    </row>
    <row r="753" spans="1:6" x14ac:dyDescent="0.2">
      <c r="A753" s="239">
        <f>'CPT Data'!B761</f>
        <v>7.3079999999999998</v>
      </c>
      <c r="B753" s="3">
        <f>'CPT Data'!C761</f>
        <v>7.3010000000000002</v>
      </c>
      <c r="C753" t="str">
        <f>'CPT Data'!P761</f>
        <v>CLAY</v>
      </c>
      <c r="D753">
        <f>'CPT Data'!Q761</f>
        <v>12.324337729326572</v>
      </c>
      <c r="E753">
        <f t="shared" si="12"/>
        <v>12.392466273186471</v>
      </c>
      <c r="F753">
        <f>IF(C753="CLAY", INDEX(D$4:D753, MATCH("CLAY", C$4:C753, 0)), "")</f>
        <v>0.75203252561341039</v>
      </c>
    </row>
    <row r="754" spans="1:6" x14ac:dyDescent="0.2">
      <c r="A754" s="239">
        <f>'CPT Data'!B762</f>
        <v>7.3179999999999996</v>
      </c>
      <c r="B754" s="3">
        <f>'CPT Data'!C762</f>
        <v>7.3109999999999999</v>
      </c>
      <c r="C754" t="str">
        <f>'CPT Data'!P762</f>
        <v>CLAY</v>
      </c>
      <c r="D754">
        <f>'CPT Data'!Q762</f>
        <v>11.930694145371783</v>
      </c>
      <c r="E754">
        <f t="shared" si="12"/>
        <v>12.324337729326572</v>
      </c>
      <c r="F754">
        <f>IF(C754="CLAY", INDEX(D$4:D754, MATCH("CLAY", C$4:C754, 0)), "")</f>
        <v>0.75203252561341039</v>
      </c>
    </row>
    <row r="755" spans="1:6" x14ac:dyDescent="0.2">
      <c r="A755" s="239">
        <f>'CPT Data'!B763</f>
        <v>7.3289999999999997</v>
      </c>
      <c r="B755" s="3">
        <f>'CPT Data'!C763</f>
        <v>7.3220000000000001</v>
      </c>
      <c r="C755" t="str">
        <f>'CPT Data'!P763</f>
        <v>CLAY</v>
      </c>
      <c r="D755">
        <f>'CPT Data'!Q763</f>
        <v>11.656082823865171</v>
      </c>
      <c r="E755">
        <f t="shared" si="12"/>
        <v>11.930694145371783</v>
      </c>
      <c r="F755">
        <f>IF(C755="CLAY", INDEX(D$4:D755, MATCH("CLAY", C$4:C755, 0)), "")</f>
        <v>0.75203252561341039</v>
      </c>
    </row>
    <row r="756" spans="1:6" x14ac:dyDescent="0.2">
      <c r="A756" s="239">
        <f>'CPT Data'!B764</f>
        <v>7.3380000000000001</v>
      </c>
      <c r="B756" s="3">
        <f>'CPT Data'!C764</f>
        <v>7.3310000000000004</v>
      </c>
      <c r="C756" t="str">
        <f>'CPT Data'!P764</f>
        <v>CLAY</v>
      </c>
      <c r="D756">
        <f>'CPT Data'!Q764</f>
        <v>11.424756247817873</v>
      </c>
      <c r="E756">
        <f t="shared" si="12"/>
        <v>11.656082823865171</v>
      </c>
      <c r="F756">
        <f>IF(C756="CLAY", INDEX(D$4:D756, MATCH("CLAY", C$4:C756, 0)), "")</f>
        <v>0.75203252561341039</v>
      </c>
    </row>
    <row r="757" spans="1:6" x14ac:dyDescent="0.2">
      <c r="A757" s="239">
        <f>'CPT Data'!B765</f>
        <v>7.3490000000000002</v>
      </c>
      <c r="B757" s="3">
        <f>'CPT Data'!C765</f>
        <v>7.3420000000000005</v>
      </c>
      <c r="C757" t="str">
        <f>'CPT Data'!P765</f>
        <v>CLAY</v>
      </c>
      <c r="D757">
        <f>'CPT Data'!Q765</f>
        <v>11.572527609022989</v>
      </c>
      <c r="E757">
        <f t="shared" si="12"/>
        <v>11.424756247817873</v>
      </c>
      <c r="F757">
        <f>IF(C757="CLAY", INDEX(D$4:D757, MATCH("CLAY", C$4:C757, 0)), "")</f>
        <v>0.75203252561341039</v>
      </c>
    </row>
    <row r="758" spans="1:6" x14ac:dyDescent="0.2">
      <c r="A758" s="239">
        <f>'CPT Data'!B766</f>
        <v>7.359</v>
      </c>
      <c r="B758" s="3">
        <f>'CPT Data'!C766</f>
        <v>7.3520000000000003</v>
      </c>
      <c r="C758" t="str">
        <f>'CPT Data'!P766</f>
        <v>CLAY</v>
      </c>
      <c r="D758">
        <f>'CPT Data'!Q766</f>
        <v>11.505706282447179</v>
      </c>
      <c r="E758">
        <f t="shared" si="12"/>
        <v>11.572527609022989</v>
      </c>
      <c r="F758">
        <f>IF(C758="CLAY", INDEX(D$4:D758, MATCH("CLAY", C$4:C758, 0)), "")</f>
        <v>0.75203252561341039</v>
      </c>
    </row>
    <row r="759" spans="1:6" x14ac:dyDescent="0.2">
      <c r="A759" s="239">
        <f>'CPT Data'!B767</f>
        <v>7.3689999999999998</v>
      </c>
      <c r="B759" s="3">
        <f>'CPT Data'!C767</f>
        <v>7.3620000000000001</v>
      </c>
      <c r="C759" t="str">
        <f>'CPT Data'!P767</f>
        <v>CLAY</v>
      </c>
      <c r="D759">
        <f>'CPT Data'!Q767</f>
        <v>11.766727600284064</v>
      </c>
      <c r="E759">
        <f t="shared" si="12"/>
        <v>11.505706282447179</v>
      </c>
      <c r="F759">
        <f>IF(C759="CLAY", INDEX(D$4:D759, MATCH("CLAY", C$4:C759, 0)), "")</f>
        <v>0.75203252561341039</v>
      </c>
    </row>
    <row r="760" spans="1:6" x14ac:dyDescent="0.2">
      <c r="A760" s="239">
        <f>'CPT Data'!B768</f>
        <v>7.3789999999999996</v>
      </c>
      <c r="B760" s="3">
        <f>'CPT Data'!C768</f>
        <v>7.3719999999999999</v>
      </c>
      <c r="C760" t="str">
        <f>'CPT Data'!P768</f>
        <v>CLAY</v>
      </c>
      <c r="D760">
        <f>'CPT Data'!Q768</f>
        <v>11.94617973747639</v>
      </c>
      <c r="E760">
        <f t="shared" si="12"/>
        <v>11.766727600284064</v>
      </c>
      <c r="F760">
        <f>IF(C760="CLAY", INDEX(D$4:D760, MATCH("CLAY", C$4:C760, 0)), "")</f>
        <v>0.75203252561341039</v>
      </c>
    </row>
    <row r="761" spans="1:6" x14ac:dyDescent="0.2">
      <c r="A761" s="239">
        <f>'CPT Data'!B769</f>
        <v>7.3879999999999999</v>
      </c>
      <c r="B761" s="3">
        <f>'CPT Data'!C769</f>
        <v>7.3810000000000002</v>
      </c>
      <c r="C761" t="str">
        <f>'CPT Data'!P769</f>
        <v>CLAY</v>
      </c>
      <c r="D761">
        <f>'CPT Data'!Q769</f>
        <v>12.031394146210941</v>
      </c>
      <c r="E761">
        <f t="shared" si="12"/>
        <v>11.94617973747639</v>
      </c>
      <c r="F761">
        <f>IF(C761="CLAY", INDEX(D$4:D761, MATCH("CLAY", C$4:C761, 0)), "")</f>
        <v>0.75203252561341039</v>
      </c>
    </row>
    <row r="762" spans="1:6" x14ac:dyDescent="0.2">
      <c r="A762" s="239">
        <f>'CPT Data'!B770</f>
        <v>7.399</v>
      </c>
      <c r="B762" s="3">
        <f>'CPT Data'!C770</f>
        <v>7.3920000000000003</v>
      </c>
      <c r="C762" t="str">
        <f>'CPT Data'!P770</f>
        <v>CLAY</v>
      </c>
      <c r="D762">
        <f>'CPT Data'!Q770</f>
        <v>12.334081049226683</v>
      </c>
      <c r="E762">
        <f t="shared" si="12"/>
        <v>12.031394146210941</v>
      </c>
      <c r="F762">
        <f>IF(C762="CLAY", INDEX(D$4:D762, MATCH("CLAY", C$4:C762, 0)), "")</f>
        <v>0.75203252561341039</v>
      </c>
    </row>
    <row r="763" spans="1:6" x14ac:dyDescent="0.2">
      <c r="A763" s="239">
        <f>'CPT Data'!B771</f>
        <v>7.4080000000000004</v>
      </c>
      <c r="B763" s="3">
        <f>'CPT Data'!C771</f>
        <v>7.4010000000000007</v>
      </c>
      <c r="C763" t="str">
        <f>'CPT Data'!P771</f>
        <v>CLAY</v>
      </c>
      <c r="D763">
        <f>'CPT Data'!Q771</f>
        <v>12.745623105428095</v>
      </c>
      <c r="E763">
        <f t="shared" si="12"/>
        <v>12.334081049226683</v>
      </c>
      <c r="F763">
        <f>IF(C763="CLAY", INDEX(D$4:D763, MATCH("CLAY", C$4:C763, 0)), "")</f>
        <v>0.75203252561341039</v>
      </c>
    </row>
    <row r="764" spans="1:6" x14ac:dyDescent="0.2">
      <c r="A764" s="239">
        <f>'CPT Data'!B772</f>
        <v>7.4189999999999996</v>
      </c>
      <c r="B764" s="3">
        <f>'CPT Data'!C772</f>
        <v>7.4119999999999999</v>
      </c>
      <c r="C764" t="str">
        <f>'CPT Data'!P772</f>
        <v>CLAY</v>
      </c>
      <c r="D764">
        <f>'CPT Data'!Q772</f>
        <v>12.851119963027713</v>
      </c>
      <c r="E764">
        <f t="shared" si="12"/>
        <v>12.745623105428095</v>
      </c>
      <c r="F764">
        <f>IF(C764="CLAY", INDEX(D$4:D764, MATCH("CLAY", C$4:C764, 0)), "")</f>
        <v>0.75203252561341039</v>
      </c>
    </row>
    <row r="765" spans="1:6" x14ac:dyDescent="0.2">
      <c r="A765" s="239">
        <f>'CPT Data'!B773</f>
        <v>7.4279999999999999</v>
      </c>
      <c r="B765" s="3">
        <f>'CPT Data'!C773</f>
        <v>7.4210000000000003</v>
      </c>
      <c r="C765" t="str">
        <f>'CPT Data'!P773</f>
        <v>CLAY</v>
      </c>
      <c r="D765">
        <f>'CPT Data'!Q773</f>
        <v>12.805313704628217</v>
      </c>
      <c r="E765">
        <f t="shared" si="12"/>
        <v>12.851119963027713</v>
      </c>
      <c r="F765">
        <f>IF(C765="CLAY", INDEX(D$4:D765, MATCH("CLAY", C$4:C765, 0)), "")</f>
        <v>0.75203252561341039</v>
      </c>
    </row>
    <row r="766" spans="1:6" x14ac:dyDescent="0.2">
      <c r="A766" s="239">
        <f>'CPT Data'!B774</f>
        <v>7.4379999999999997</v>
      </c>
      <c r="B766" s="3">
        <f>'CPT Data'!C774</f>
        <v>7.431</v>
      </c>
      <c r="C766" t="str">
        <f>'CPT Data'!P774</f>
        <v>CLAY</v>
      </c>
      <c r="D766">
        <f>'CPT Data'!Q774</f>
        <v>12.845348332492335</v>
      </c>
      <c r="E766">
        <f t="shared" si="12"/>
        <v>12.805313704628217</v>
      </c>
      <c r="F766">
        <f>IF(C766="CLAY", INDEX(D$4:D766, MATCH("CLAY", C$4:C766, 0)), "")</f>
        <v>0.75203252561341039</v>
      </c>
    </row>
    <row r="767" spans="1:6" x14ac:dyDescent="0.2">
      <c r="A767" s="239">
        <f>'CPT Data'!B775</f>
        <v>7.4480000000000004</v>
      </c>
      <c r="B767" s="3">
        <f>'CPT Data'!C775</f>
        <v>7.4410000000000007</v>
      </c>
      <c r="C767" t="str">
        <f>'CPT Data'!P775</f>
        <v>CLAY</v>
      </c>
      <c r="D767">
        <f>'CPT Data'!Q775</f>
        <v>12.922209819804342</v>
      </c>
      <c r="E767">
        <f t="shared" si="12"/>
        <v>12.845348332492335</v>
      </c>
      <c r="F767">
        <f>IF(C767="CLAY", INDEX(D$4:D767, MATCH("CLAY", C$4:C767, 0)), "")</f>
        <v>0.75203252561341039</v>
      </c>
    </row>
    <row r="768" spans="1:6" x14ac:dyDescent="0.2">
      <c r="A768" s="239">
        <f>'CPT Data'!B776</f>
        <v>7.4589999999999996</v>
      </c>
      <c r="B768" s="3">
        <f>'CPT Data'!C776</f>
        <v>7.452</v>
      </c>
      <c r="C768" t="str">
        <f>'CPT Data'!P776</f>
        <v>CLAY</v>
      </c>
      <c r="D768">
        <f>'CPT Data'!Q776</f>
        <v>13.326949611046615</v>
      </c>
      <c r="E768">
        <f t="shared" si="12"/>
        <v>12.922209819804342</v>
      </c>
      <c r="F768">
        <f>IF(C768="CLAY", INDEX(D$4:D768, MATCH("CLAY", C$4:C768, 0)), "")</f>
        <v>0.75203252561341039</v>
      </c>
    </row>
    <row r="769" spans="1:6" x14ac:dyDescent="0.2">
      <c r="A769" s="239">
        <f>'CPT Data'!B777</f>
        <v>7.468</v>
      </c>
      <c r="B769" s="3">
        <f>'CPT Data'!C777</f>
        <v>7.4610000000000003</v>
      </c>
      <c r="C769" t="str">
        <f>'CPT Data'!P777</f>
        <v>CLAY</v>
      </c>
      <c r="D769">
        <f>'CPT Data'!Q777</f>
        <v>13.688547886831856</v>
      </c>
      <c r="E769">
        <f t="shared" si="12"/>
        <v>13.326949611046615</v>
      </c>
      <c r="F769">
        <f>IF(C769="CLAY", INDEX(D$4:D769, MATCH("CLAY", C$4:C769, 0)), "")</f>
        <v>0.75203252561341039</v>
      </c>
    </row>
    <row r="770" spans="1:6" x14ac:dyDescent="0.2">
      <c r="A770" s="239">
        <f>'CPT Data'!B778</f>
        <v>7.4790000000000001</v>
      </c>
      <c r="B770" s="3">
        <f>'CPT Data'!C778</f>
        <v>7.4720000000000004</v>
      </c>
      <c r="C770" t="str">
        <f>'CPT Data'!P778</f>
        <v>CLAY</v>
      </c>
      <c r="D770">
        <f>'CPT Data'!Q778</f>
        <v>13.830247038437614</v>
      </c>
      <c r="E770">
        <f t="shared" si="12"/>
        <v>13.688547886831856</v>
      </c>
      <c r="F770">
        <f>IF(C770="CLAY", INDEX(D$4:D770, MATCH("CLAY", C$4:C770, 0)), "")</f>
        <v>0.75203252561341039</v>
      </c>
    </row>
    <row r="771" spans="1:6" x14ac:dyDescent="0.2">
      <c r="A771" s="239">
        <f>'CPT Data'!B779</f>
        <v>7.4889999999999999</v>
      </c>
      <c r="B771" s="3">
        <f>'CPT Data'!C779</f>
        <v>7.4820000000000002</v>
      </c>
      <c r="C771" t="str">
        <f>'CPT Data'!P779</f>
        <v>CLAY</v>
      </c>
      <c r="D771">
        <f>'CPT Data'!Q779</f>
        <v>13.957671957451595</v>
      </c>
      <c r="E771">
        <f t="shared" si="12"/>
        <v>13.830247038437614</v>
      </c>
      <c r="F771">
        <f>IF(C771="CLAY", INDEX(D$4:D771, MATCH("CLAY", C$4:C771, 0)), "")</f>
        <v>0.75203252561341039</v>
      </c>
    </row>
    <row r="772" spans="1:6" x14ac:dyDescent="0.2">
      <c r="A772" s="239">
        <f>'CPT Data'!B780</f>
        <v>7.4989999999999997</v>
      </c>
      <c r="B772" s="3">
        <f>'CPT Data'!C780</f>
        <v>7.492</v>
      </c>
      <c r="C772" t="str">
        <f>'CPT Data'!P780</f>
        <v>CLAY</v>
      </c>
      <c r="D772">
        <f>'CPT Data'!Q780</f>
        <v>14.159035680924745</v>
      </c>
      <c r="E772">
        <f t="shared" si="12"/>
        <v>13.957671957451595</v>
      </c>
      <c r="F772">
        <f>IF(C772="CLAY", INDEX(D$4:D772, MATCH("CLAY", C$4:C772, 0)), "")</f>
        <v>0.75203252561341039</v>
      </c>
    </row>
    <row r="773" spans="1:6" x14ac:dyDescent="0.2">
      <c r="A773" s="239">
        <f>'CPT Data'!B781</f>
        <v>7.51</v>
      </c>
      <c r="B773" s="3">
        <f>'CPT Data'!C781</f>
        <v>7.5030000000000001</v>
      </c>
      <c r="C773" t="str">
        <f>'CPT Data'!P781</f>
        <v>CLAY</v>
      </c>
      <c r="D773">
        <f>'CPT Data'!Q781</f>
        <v>13.945908656819505</v>
      </c>
      <c r="E773">
        <f t="shared" si="12"/>
        <v>14.159035680924745</v>
      </c>
      <c r="F773">
        <f>IF(C773="CLAY", INDEX(D$4:D773, MATCH("CLAY", C$4:C773, 0)), "")</f>
        <v>0.75203252561341039</v>
      </c>
    </row>
    <row r="774" spans="1:6" x14ac:dyDescent="0.2">
      <c r="A774" s="239">
        <f>'CPT Data'!B782</f>
        <v>7.52</v>
      </c>
      <c r="B774" s="3">
        <f>'CPT Data'!C782</f>
        <v>7.5129999999999999</v>
      </c>
      <c r="C774" t="str">
        <f>'CPT Data'!P782</f>
        <v>CLAY</v>
      </c>
      <c r="D774">
        <f>'CPT Data'!Q782</f>
        <v>14.009004670259083</v>
      </c>
      <c r="E774">
        <f t="shared" si="12"/>
        <v>13.945908656819505</v>
      </c>
      <c r="F774">
        <f>IF(C774="CLAY", INDEX(D$4:D774, MATCH("CLAY", C$4:C774, 0)), "")</f>
        <v>0.75203252561341039</v>
      </c>
    </row>
    <row r="775" spans="1:6" x14ac:dyDescent="0.2">
      <c r="A775" s="239">
        <f>'CPT Data'!B783</f>
        <v>7.5289999999999999</v>
      </c>
      <c r="B775" s="3">
        <f>'CPT Data'!C783</f>
        <v>7.5220000000000002</v>
      </c>
      <c r="C775" t="str">
        <f>'CPT Data'!P783</f>
        <v>CLAY</v>
      </c>
      <c r="D775">
        <f>'CPT Data'!Q783</f>
        <v>13.96987990820474</v>
      </c>
      <c r="E775">
        <f t="shared" si="12"/>
        <v>14.009004670259083</v>
      </c>
      <c r="F775">
        <f>IF(C775="CLAY", INDEX(D$4:D775, MATCH("CLAY", C$4:C775, 0)), "")</f>
        <v>0.75203252561341039</v>
      </c>
    </row>
    <row r="776" spans="1:6" x14ac:dyDescent="0.2">
      <c r="A776" s="239">
        <f>'CPT Data'!B784</f>
        <v>7.54</v>
      </c>
      <c r="B776" s="3">
        <f>'CPT Data'!C784</f>
        <v>7.5330000000000004</v>
      </c>
      <c r="C776" t="str">
        <f>'CPT Data'!P784</f>
        <v>CLAY</v>
      </c>
      <c r="D776">
        <f>'CPT Data'!Q784</f>
        <v>14.340592873502935</v>
      </c>
      <c r="E776">
        <f t="shared" si="12"/>
        <v>13.96987990820474</v>
      </c>
      <c r="F776">
        <f>IF(C776="CLAY", INDEX(D$4:D776, MATCH("CLAY", C$4:C776, 0)), "")</f>
        <v>0.75203252561341039</v>
      </c>
    </row>
    <row r="777" spans="1:6" x14ac:dyDescent="0.2">
      <c r="A777" s="239">
        <f>'CPT Data'!B785</f>
        <v>7.55</v>
      </c>
      <c r="B777" s="3">
        <f>'CPT Data'!C785</f>
        <v>7.5430000000000001</v>
      </c>
      <c r="C777" t="str">
        <f>'CPT Data'!P785</f>
        <v>CLAY</v>
      </c>
      <c r="D777">
        <f>'CPT Data'!Q785</f>
        <v>14.760281682543621</v>
      </c>
      <c r="E777">
        <f t="shared" si="12"/>
        <v>14.340592873502935</v>
      </c>
      <c r="F777">
        <f>IF(C777="CLAY", INDEX(D$4:D777, MATCH("CLAY", C$4:C777, 0)), "")</f>
        <v>0.75203252561341039</v>
      </c>
    </row>
    <row r="778" spans="1:6" x14ac:dyDescent="0.2">
      <c r="A778" s="239">
        <f>'CPT Data'!B786</f>
        <v>7.5590000000000002</v>
      </c>
      <c r="B778" s="3">
        <f>'CPT Data'!C786</f>
        <v>7.5520000000000005</v>
      </c>
      <c r="C778" t="str">
        <f>'CPT Data'!P786</f>
        <v>CLAY</v>
      </c>
      <c r="D778">
        <f>'CPT Data'!Q786</f>
        <v>14.731187255731358</v>
      </c>
      <c r="E778">
        <f t="shared" si="12"/>
        <v>14.760281682543621</v>
      </c>
      <c r="F778">
        <f>IF(C778="CLAY", INDEX(D$4:D778, MATCH("CLAY", C$4:C778, 0)), "")</f>
        <v>0.75203252561341039</v>
      </c>
    </row>
    <row r="779" spans="1:6" x14ac:dyDescent="0.2">
      <c r="A779" s="239">
        <f>'CPT Data'!B787</f>
        <v>7.57</v>
      </c>
      <c r="B779" s="3">
        <f>'CPT Data'!C787</f>
        <v>7.5630000000000006</v>
      </c>
      <c r="C779" t="str">
        <f>'CPT Data'!P787</f>
        <v>CLAY</v>
      </c>
      <c r="D779">
        <f>'CPT Data'!Q787</f>
        <v>14.506825653062814</v>
      </c>
      <c r="E779">
        <f t="shared" si="12"/>
        <v>14.731187255731358</v>
      </c>
      <c r="F779">
        <f>IF(C779="CLAY", INDEX(D$4:D779, MATCH("CLAY", C$4:C779, 0)), "")</f>
        <v>0.75203252561341039</v>
      </c>
    </row>
    <row r="780" spans="1:6" x14ac:dyDescent="0.2">
      <c r="A780" s="239">
        <f>'CPT Data'!B788</f>
        <v>7.58</v>
      </c>
      <c r="B780" s="3">
        <f>'CPT Data'!C788</f>
        <v>7.5730000000000004</v>
      </c>
      <c r="C780" t="str">
        <f>'CPT Data'!P788</f>
        <v>CLAY</v>
      </c>
      <c r="D780">
        <f>'CPT Data'!Q788</f>
        <v>14.525472309615145</v>
      </c>
      <c r="E780">
        <f t="shared" si="12"/>
        <v>14.506825653062814</v>
      </c>
      <c r="F780">
        <f>IF(C780="CLAY", INDEX(D$4:D780, MATCH("CLAY", C$4:C780, 0)), "")</f>
        <v>0.75203252561341039</v>
      </c>
    </row>
    <row r="781" spans="1:6" x14ac:dyDescent="0.2">
      <c r="A781" s="239">
        <f>'CPT Data'!B789</f>
        <v>7.59</v>
      </c>
      <c r="B781" s="3">
        <f>'CPT Data'!C789</f>
        <v>7.5830000000000002</v>
      </c>
      <c r="C781" t="str">
        <f>'CPT Data'!P789</f>
        <v>CLAY</v>
      </c>
      <c r="D781">
        <f>'CPT Data'!Q789</f>
        <v>14.705383507375522</v>
      </c>
      <c r="E781">
        <f t="shared" si="12"/>
        <v>14.525472309615145</v>
      </c>
      <c r="F781">
        <f>IF(C781="CLAY", INDEX(D$4:D781, MATCH("CLAY", C$4:C781, 0)), "")</f>
        <v>0.75203252561341039</v>
      </c>
    </row>
    <row r="782" spans="1:6" x14ac:dyDescent="0.2">
      <c r="A782" s="239">
        <f>'CPT Data'!B790</f>
        <v>7.6</v>
      </c>
      <c r="B782" s="3">
        <f>'CPT Data'!C790</f>
        <v>7.593</v>
      </c>
      <c r="C782" t="str">
        <f>'CPT Data'!P790</f>
        <v>CLAY</v>
      </c>
      <c r="D782">
        <f>'CPT Data'!Q790</f>
        <v>14.638548340424117</v>
      </c>
      <c r="E782">
        <f t="shared" si="12"/>
        <v>14.705383507375522</v>
      </c>
      <c r="F782">
        <f>IF(C782="CLAY", INDEX(D$4:D782, MATCH("CLAY", C$4:C782, 0)), "")</f>
        <v>0.75203252561341039</v>
      </c>
    </row>
    <row r="783" spans="1:6" x14ac:dyDescent="0.2">
      <c r="A783" s="239">
        <f>'CPT Data'!B791</f>
        <v>7.609</v>
      </c>
      <c r="B783" s="3">
        <f>'CPT Data'!C791</f>
        <v>7.6020000000000003</v>
      </c>
      <c r="C783" t="str">
        <f>'CPT Data'!P791</f>
        <v>CLAY</v>
      </c>
      <c r="D783">
        <f>'CPT Data'!Q791</f>
        <v>14.33049669489097</v>
      </c>
      <c r="E783">
        <f t="shared" si="12"/>
        <v>14.638548340424117</v>
      </c>
      <c r="F783">
        <f>IF(C783="CLAY", INDEX(D$4:D783, MATCH("CLAY", C$4:C783, 0)), "")</f>
        <v>0.75203252561341039</v>
      </c>
    </row>
    <row r="784" spans="1:6" x14ac:dyDescent="0.2">
      <c r="A784" s="239">
        <f>'CPT Data'!B792</f>
        <v>7.62</v>
      </c>
      <c r="B784" s="3">
        <f>'CPT Data'!C792</f>
        <v>7.6130000000000004</v>
      </c>
      <c r="C784" t="str">
        <f>'CPT Data'!P792</f>
        <v>CLAY</v>
      </c>
      <c r="D784">
        <f>'CPT Data'!Q792</f>
        <v>14.057029961232056</v>
      </c>
      <c r="E784">
        <f t="shared" si="12"/>
        <v>14.33049669489097</v>
      </c>
      <c r="F784">
        <f>IF(C784="CLAY", INDEX(D$4:D784, MATCH("CLAY", C$4:C784, 0)), "")</f>
        <v>0.75203252561341039</v>
      </c>
    </row>
    <row r="785" spans="1:6" x14ac:dyDescent="0.2">
      <c r="A785" s="239">
        <f>'CPT Data'!B793</f>
        <v>7.6289999999999996</v>
      </c>
      <c r="B785" s="3">
        <f>'CPT Data'!C793</f>
        <v>7.6219999999999999</v>
      </c>
      <c r="C785" t="str">
        <f>'CPT Data'!P793</f>
        <v>CLAY</v>
      </c>
      <c r="D785">
        <f>'CPT Data'!Q793</f>
        <v>13.836240159881351</v>
      </c>
      <c r="E785">
        <f t="shared" si="12"/>
        <v>14.057029961232056</v>
      </c>
      <c r="F785">
        <f>IF(C785="CLAY", INDEX(D$4:D785, MATCH("CLAY", C$4:C785, 0)), "")</f>
        <v>0.75203252561341039</v>
      </c>
    </row>
    <row r="786" spans="1:6" x14ac:dyDescent="0.2">
      <c r="A786" s="239">
        <f>'CPT Data'!B794</f>
        <v>7.64</v>
      </c>
      <c r="B786" s="3">
        <f>'CPT Data'!C794</f>
        <v>7.633</v>
      </c>
      <c r="C786" t="str">
        <f>'CPT Data'!P794</f>
        <v>CLAY</v>
      </c>
      <c r="D786">
        <f>'CPT Data'!Q794</f>
        <v>13.639518357199156</v>
      </c>
      <c r="E786">
        <f t="shared" si="12"/>
        <v>13.836240159881351</v>
      </c>
      <c r="F786">
        <f>IF(C786="CLAY", INDEX(D$4:D786, MATCH("CLAY", C$4:C786, 0)), "")</f>
        <v>0.75203252561341039</v>
      </c>
    </row>
    <row r="787" spans="1:6" x14ac:dyDescent="0.2">
      <c r="A787" s="239">
        <f>'CPT Data'!B795</f>
        <v>7.65</v>
      </c>
      <c r="B787" s="3">
        <f>'CPT Data'!C795</f>
        <v>7.6430000000000007</v>
      </c>
      <c r="C787" t="str">
        <f>'CPT Data'!P795</f>
        <v>CLAY</v>
      </c>
      <c r="D787">
        <f>'CPT Data'!Q795</f>
        <v>13.493564947731231</v>
      </c>
      <c r="E787">
        <f t="shared" si="12"/>
        <v>13.639518357199156</v>
      </c>
      <c r="F787">
        <f>IF(C787="CLAY", INDEX(D$4:D787, MATCH("CLAY", C$4:C787, 0)), "")</f>
        <v>0.75203252561341039</v>
      </c>
    </row>
    <row r="788" spans="1:6" x14ac:dyDescent="0.2">
      <c r="A788" s="239">
        <f>'CPT Data'!B796</f>
        <v>7.66</v>
      </c>
      <c r="B788" s="3">
        <f>'CPT Data'!C796</f>
        <v>7.6530000000000005</v>
      </c>
      <c r="C788" t="str">
        <f>'CPT Data'!P796</f>
        <v>CLAY</v>
      </c>
      <c r="D788">
        <f>'CPT Data'!Q796</f>
        <v>13.580287974334276</v>
      </c>
      <c r="E788">
        <f t="shared" si="12"/>
        <v>13.493564947731231</v>
      </c>
      <c r="F788">
        <f>IF(C788="CLAY", INDEX(D$4:D788, MATCH("CLAY", C$4:C788, 0)), "")</f>
        <v>0.75203252561341039</v>
      </c>
    </row>
    <row r="789" spans="1:6" x14ac:dyDescent="0.2">
      <c r="A789" s="239">
        <f>'CPT Data'!B797</f>
        <v>7.6710000000000003</v>
      </c>
      <c r="B789" s="3">
        <f>'CPT Data'!C797</f>
        <v>7.6640000000000006</v>
      </c>
      <c r="C789" t="str">
        <f>'CPT Data'!P797</f>
        <v>CLAY</v>
      </c>
      <c r="D789">
        <f>'CPT Data'!Q797</f>
        <v>13.335577027733834</v>
      </c>
      <c r="E789">
        <f t="shared" si="12"/>
        <v>13.580287974334276</v>
      </c>
      <c r="F789">
        <f>IF(C789="CLAY", INDEX(D$4:D789, MATCH("CLAY", C$4:C789, 0)), "")</f>
        <v>0.75203252561341039</v>
      </c>
    </row>
    <row r="790" spans="1:6" x14ac:dyDescent="0.2">
      <c r="A790" s="239">
        <f>'CPT Data'!B798</f>
        <v>7.68</v>
      </c>
      <c r="B790" s="3">
        <f>'CPT Data'!C798</f>
        <v>7.673</v>
      </c>
      <c r="C790" t="str">
        <f>'CPT Data'!P798</f>
        <v>CLAY</v>
      </c>
      <c r="D790">
        <f>'CPT Data'!Q798</f>
        <v>13.570023507531284</v>
      </c>
      <c r="E790">
        <f t="shared" si="12"/>
        <v>13.335577027733834</v>
      </c>
      <c r="F790">
        <f>IF(C790="CLAY", INDEX(D$4:D790, MATCH("CLAY", C$4:C790, 0)), "")</f>
        <v>0.75203252561341039</v>
      </c>
    </row>
    <row r="791" spans="1:6" x14ac:dyDescent="0.2">
      <c r="A791" s="239">
        <f>'CPT Data'!B799</f>
        <v>7.69</v>
      </c>
      <c r="B791" s="3">
        <f>'CPT Data'!C799</f>
        <v>7.6830000000000007</v>
      </c>
      <c r="C791" t="str">
        <f>'CPT Data'!P799</f>
        <v>CLAY</v>
      </c>
      <c r="D791">
        <f>'CPT Data'!Q799</f>
        <v>13.699277655188729</v>
      </c>
      <c r="E791">
        <f t="shared" si="12"/>
        <v>13.570023507531284</v>
      </c>
      <c r="F791">
        <f>IF(C791="CLAY", INDEX(D$4:D791, MATCH("CLAY", C$4:C791, 0)), "")</f>
        <v>0.75203252561341039</v>
      </c>
    </row>
    <row r="792" spans="1:6" x14ac:dyDescent="0.2">
      <c r="A792" s="239">
        <f>'CPT Data'!B800</f>
        <v>7.7009999999999996</v>
      </c>
      <c r="B792" s="3">
        <f>'CPT Data'!C800</f>
        <v>7.694</v>
      </c>
      <c r="C792" t="str">
        <f>'CPT Data'!P800</f>
        <v>CLAY</v>
      </c>
      <c r="D792">
        <f>'CPT Data'!Q800</f>
        <v>13.738456832478372</v>
      </c>
      <c r="E792">
        <f t="shared" si="12"/>
        <v>13.699277655188729</v>
      </c>
      <c r="F792">
        <f>IF(C792="CLAY", INDEX(D$4:D792, MATCH("CLAY", C$4:C792, 0)), "")</f>
        <v>0.75203252561341039</v>
      </c>
    </row>
    <row r="793" spans="1:6" x14ac:dyDescent="0.2">
      <c r="A793" s="239">
        <f>'CPT Data'!B801</f>
        <v>7.7110000000000003</v>
      </c>
      <c r="B793" s="3">
        <f>'CPT Data'!C801</f>
        <v>7.7040000000000006</v>
      </c>
      <c r="C793" t="str">
        <f>'CPT Data'!P801</f>
        <v>CLAY</v>
      </c>
      <c r="D793">
        <f>'CPT Data'!Q801</f>
        <v>13.767239351252599</v>
      </c>
      <c r="E793">
        <f t="shared" si="12"/>
        <v>13.738456832478372</v>
      </c>
      <c r="F793">
        <f>IF(C793="CLAY", INDEX(D$4:D793, MATCH("CLAY", C$4:C793, 0)), "")</f>
        <v>0.75203252561341039</v>
      </c>
    </row>
    <row r="794" spans="1:6" x14ac:dyDescent="0.2">
      <c r="A794" s="239">
        <f>'CPT Data'!B802</f>
        <v>7.7210000000000001</v>
      </c>
      <c r="B794" s="3">
        <f>'CPT Data'!C802</f>
        <v>7.7140000000000004</v>
      </c>
      <c r="C794" t="str">
        <f>'CPT Data'!P802</f>
        <v>CLAY</v>
      </c>
      <c r="D794">
        <f>'CPT Data'!Q802</f>
        <v>13.616167561128615</v>
      </c>
      <c r="E794">
        <f t="shared" si="12"/>
        <v>13.767239351252599</v>
      </c>
      <c r="F794">
        <f>IF(C794="CLAY", INDEX(D$4:D794, MATCH("CLAY", C$4:C794, 0)), "")</f>
        <v>0.75203252561341039</v>
      </c>
    </row>
    <row r="795" spans="1:6" x14ac:dyDescent="0.2">
      <c r="A795" s="239">
        <f>'CPT Data'!B803</f>
        <v>7.7309999999999999</v>
      </c>
      <c r="B795" s="3">
        <f>'CPT Data'!C803</f>
        <v>7.7240000000000002</v>
      </c>
      <c r="C795" t="str">
        <f>'CPT Data'!P803</f>
        <v>CLAY</v>
      </c>
      <c r="D795">
        <f>'CPT Data'!Q803</f>
        <v>13.638338750993256</v>
      </c>
      <c r="E795">
        <f t="shared" ref="E795:E858" si="13">IF(C795="SAND",#N/A,IF(C795=C794,D794,IF(C795="CLAY",D795,#N/A)))</f>
        <v>13.616167561128615</v>
      </c>
      <c r="F795">
        <f>IF(C795="CLAY", INDEX(D$4:D795, MATCH("CLAY", C$4:C795, 0)), "")</f>
        <v>0.75203252561341039</v>
      </c>
    </row>
    <row r="796" spans="1:6" x14ac:dyDescent="0.2">
      <c r="A796" s="239">
        <f>'CPT Data'!B804</f>
        <v>7.7409999999999997</v>
      </c>
      <c r="B796" s="3">
        <f>'CPT Data'!C804</f>
        <v>7.734</v>
      </c>
      <c r="C796" t="str">
        <f>'CPT Data'!P804</f>
        <v>CLAY</v>
      </c>
      <c r="D796">
        <f>'CPT Data'!Q804</f>
        <v>14.201331592982692</v>
      </c>
      <c r="E796">
        <f t="shared" si="13"/>
        <v>13.638338750993256</v>
      </c>
      <c r="F796">
        <f>IF(C796="CLAY", INDEX(D$4:D796, MATCH("CLAY", C$4:C796, 0)), "")</f>
        <v>0.75203252561341039</v>
      </c>
    </row>
    <row r="797" spans="1:6" x14ac:dyDescent="0.2">
      <c r="A797" s="239">
        <f>'CPT Data'!B805</f>
        <v>7.75</v>
      </c>
      <c r="B797" s="3">
        <f>'CPT Data'!C805</f>
        <v>7.7430000000000003</v>
      </c>
      <c r="C797" t="str">
        <f>'CPT Data'!P805</f>
        <v>CLAY</v>
      </c>
      <c r="D797">
        <f>'CPT Data'!Q805</f>
        <v>14.902613796001688</v>
      </c>
      <c r="E797">
        <f t="shared" si="13"/>
        <v>14.201331592982692</v>
      </c>
      <c r="F797">
        <f>IF(C797="CLAY", INDEX(D$4:D797, MATCH("CLAY", C$4:C797, 0)), "")</f>
        <v>0.75203252561341039</v>
      </c>
    </row>
    <row r="798" spans="1:6" x14ac:dyDescent="0.2">
      <c r="A798" s="239">
        <f>'CPT Data'!B806</f>
        <v>7.7610000000000001</v>
      </c>
      <c r="B798" s="3">
        <f>'CPT Data'!C806</f>
        <v>7.7540000000000004</v>
      </c>
      <c r="C798" t="str">
        <f>'CPT Data'!P806</f>
        <v>CLAY</v>
      </c>
      <c r="D798">
        <f>'CPT Data'!Q806</f>
        <v>15.42195347590293</v>
      </c>
      <c r="E798">
        <f t="shared" si="13"/>
        <v>14.902613796001688</v>
      </c>
      <c r="F798">
        <f>IF(C798="CLAY", INDEX(D$4:D798, MATCH("CLAY", C$4:C798, 0)), "")</f>
        <v>0.75203252561341039</v>
      </c>
    </row>
    <row r="799" spans="1:6" x14ac:dyDescent="0.2">
      <c r="A799" s="239">
        <f>'CPT Data'!B807</f>
        <v>7.7709999999999999</v>
      </c>
      <c r="B799" s="3">
        <f>'CPT Data'!C807</f>
        <v>7.7640000000000002</v>
      </c>
      <c r="C799" t="str">
        <f>'CPT Data'!P807</f>
        <v>CLAY</v>
      </c>
      <c r="D799">
        <f>'CPT Data'!Q807</f>
        <v>15.682133652089439</v>
      </c>
      <c r="E799">
        <f t="shared" si="13"/>
        <v>15.42195347590293</v>
      </c>
      <c r="F799">
        <f>IF(C799="CLAY", INDEX(D$4:D799, MATCH("CLAY", C$4:C799, 0)), "")</f>
        <v>0.75203252561341039</v>
      </c>
    </row>
    <row r="800" spans="1:6" x14ac:dyDescent="0.2">
      <c r="A800" s="239">
        <f>'CPT Data'!B808</f>
        <v>7.78</v>
      </c>
      <c r="B800" s="3">
        <f>'CPT Data'!C808</f>
        <v>7.7730000000000006</v>
      </c>
      <c r="C800" t="str">
        <f>'CPT Data'!P808</f>
        <v>CLAY</v>
      </c>
      <c r="D800">
        <f>'CPT Data'!Q808</f>
        <v>15.81448631214216</v>
      </c>
      <c r="E800">
        <f t="shared" si="13"/>
        <v>15.682133652089439</v>
      </c>
      <c r="F800">
        <f>IF(C800="CLAY", INDEX(D$4:D800, MATCH("CLAY", C$4:C800, 0)), "")</f>
        <v>0.75203252561341039</v>
      </c>
    </row>
    <row r="801" spans="1:6" x14ac:dyDescent="0.2">
      <c r="A801" s="239">
        <f>'CPT Data'!B809</f>
        <v>7.7910000000000004</v>
      </c>
      <c r="B801" s="3">
        <f>'CPT Data'!C809</f>
        <v>7.7840000000000007</v>
      </c>
      <c r="C801" t="str">
        <f>'CPT Data'!P809</f>
        <v>CLAY</v>
      </c>
      <c r="D801">
        <f>'CPT Data'!Q809</f>
        <v>15.820592758954064</v>
      </c>
      <c r="E801">
        <f t="shared" si="13"/>
        <v>15.81448631214216</v>
      </c>
      <c r="F801">
        <f>IF(C801="CLAY", INDEX(D$4:D801, MATCH("CLAY", C$4:C801, 0)), "")</f>
        <v>0.75203252561341039</v>
      </c>
    </row>
    <row r="802" spans="1:6" x14ac:dyDescent="0.2">
      <c r="A802" s="239">
        <f>'CPT Data'!B810</f>
        <v>7.8010000000000002</v>
      </c>
      <c r="B802" s="3">
        <f>'CPT Data'!C810</f>
        <v>7.7940000000000005</v>
      </c>
      <c r="C802" t="str">
        <f>'CPT Data'!P810</f>
        <v>CLAY</v>
      </c>
      <c r="D802">
        <f>'CPT Data'!Q810</f>
        <v>15.74334675265316</v>
      </c>
      <c r="E802">
        <f t="shared" si="13"/>
        <v>15.820592758954064</v>
      </c>
      <c r="F802">
        <f>IF(C802="CLAY", INDEX(D$4:D802, MATCH("CLAY", C$4:C802, 0)), "")</f>
        <v>0.75203252561341039</v>
      </c>
    </row>
    <row r="803" spans="1:6" x14ac:dyDescent="0.2">
      <c r="A803" s="239">
        <f>'CPT Data'!B811</f>
        <v>7.8109999999999999</v>
      </c>
      <c r="B803" s="3">
        <f>'CPT Data'!C811</f>
        <v>7.8040000000000003</v>
      </c>
      <c r="C803" t="str">
        <f>'CPT Data'!P811</f>
        <v>CLAY</v>
      </c>
      <c r="D803">
        <f>'CPT Data'!Q811</f>
        <v>15.767182879627507</v>
      </c>
      <c r="E803">
        <f t="shared" si="13"/>
        <v>15.74334675265316</v>
      </c>
      <c r="F803">
        <f>IF(C803="CLAY", INDEX(D$4:D803, MATCH("CLAY", C$4:C803, 0)), "")</f>
        <v>0.75203252561341039</v>
      </c>
    </row>
    <row r="804" spans="1:6" x14ac:dyDescent="0.2">
      <c r="A804" s="239">
        <f>'CPT Data'!B812</f>
        <v>7.8209999999999997</v>
      </c>
      <c r="B804" s="3">
        <f>'CPT Data'!C812</f>
        <v>7.8140000000000001</v>
      </c>
      <c r="C804" t="str">
        <f>'CPT Data'!P812</f>
        <v>CLAY</v>
      </c>
      <c r="D804">
        <f>'CPT Data'!Q812</f>
        <v>15.663679315861032</v>
      </c>
      <c r="E804">
        <f t="shared" si="13"/>
        <v>15.767182879627507</v>
      </c>
      <c r="F804">
        <f>IF(C804="CLAY", INDEX(D$4:D804, MATCH("CLAY", C$4:C804, 0)), "")</f>
        <v>0.75203252561341039</v>
      </c>
    </row>
    <row r="805" spans="1:6" x14ac:dyDescent="0.2">
      <c r="A805" s="239">
        <f>'CPT Data'!B813</f>
        <v>7.8310000000000004</v>
      </c>
      <c r="B805" s="3">
        <f>'CPT Data'!C813</f>
        <v>7.8240000000000007</v>
      </c>
      <c r="C805" t="str">
        <f>'CPT Data'!P813</f>
        <v>CLAY</v>
      </c>
      <c r="D805">
        <f>'CPT Data'!Q813</f>
        <v>15.778127579745055</v>
      </c>
      <c r="E805">
        <f t="shared" si="13"/>
        <v>15.663679315861032</v>
      </c>
      <c r="F805">
        <f>IF(C805="CLAY", INDEX(D$4:D805, MATCH("CLAY", C$4:C805, 0)), "")</f>
        <v>0.75203252561341039</v>
      </c>
    </row>
    <row r="806" spans="1:6" x14ac:dyDescent="0.2">
      <c r="A806" s="239">
        <f>'CPT Data'!B814</f>
        <v>7.8410000000000002</v>
      </c>
      <c r="B806" s="3">
        <f>'CPT Data'!C814</f>
        <v>7.8340000000000005</v>
      </c>
      <c r="C806" t="str">
        <f>'CPT Data'!P814</f>
        <v>CLAY</v>
      </c>
      <c r="D806">
        <f>'CPT Data'!Q814</f>
        <v>15.816821668951187</v>
      </c>
      <c r="E806">
        <f t="shared" si="13"/>
        <v>15.778127579745055</v>
      </c>
      <c r="F806">
        <f>IF(C806="CLAY", INDEX(D$4:D806, MATCH("CLAY", C$4:C806, 0)), "")</f>
        <v>0.75203252561341039</v>
      </c>
    </row>
    <row r="807" spans="1:6" x14ac:dyDescent="0.2">
      <c r="A807" s="239">
        <f>'CPT Data'!B815</f>
        <v>7.8520000000000003</v>
      </c>
      <c r="B807" s="3">
        <f>'CPT Data'!C815</f>
        <v>7.8450000000000006</v>
      </c>
      <c r="C807" t="str">
        <f>'CPT Data'!P815</f>
        <v>CLAY</v>
      </c>
      <c r="D807">
        <f>'CPT Data'!Q815</f>
        <v>15.476563756366758</v>
      </c>
      <c r="E807">
        <f t="shared" si="13"/>
        <v>15.816821668951187</v>
      </c>
      <c r="F807">
        <f>IF(C807="CLAY", INDEX(D$4:D807, MATCH("CLAY", C$4:C807, 0)), "")</f>
        <v>0.75203252561341039</v>
      </c>
    </row>
    <row r="808" spans="1:6" x14ac:dyDescent="0.2">
      <c r="A808" s="239">
        <f>'CPT Data'!B816</f>
        <v>7.8609999999999998</v>
      </c>
      <c r="B808" s="3">
        <f>'CPT Data'!C816</f>
        <v>7.8540000000000001</v>
      </c>
      <c r="C808" t="str">
        <f>'CPT Data'!P816</f>
        <v>CLAY</v>
      </c>
      <c r="D808">
        <f>'CPT Data'!Q816</f>
        <v>15.437061394670664</v>
      </c>
      <c r="E808">
        <f t="shared" si="13"/>
        <v>15.476563756366758</v>
      </c>
      <c r="F808">
        <f>IF(C808="CLAY", INDEX(D$4:D808, MATCH("CLAY", C$4:C808, 0)), "")</f>
        <v>0.75203252561341039</v>
      </c>
    </row>
    <row r="809" spans="1:6" x14ac:dyDescent="0.2">
      <c r="A809" s="239">
        <f>'CPT Data'!B817</f>
        <v>7.8710000000000004</v>
      </c>
      <c r="B809" s="3">
        <f>'CPT Data'!C817</f>
        <v>7.8640000000000008</v>
      </c>
      <c r="C809" t="str">
        <f>'CPT Data'!P817</f>
        <v>CLAY</v>
      </c>
      <c r="D809">
        <f>'CPT Data'!Q817</f>
        <v>15.172169477725078</v>
      </c>
      <c r="E809">
        <f t="shared" si="13"/>
        <v>15.437061394670664</v>
      </c>
      <c r="F809">
        <f>IF(C809="CLAY", INDEX(D$4:D809, MATCH("CLAY", C$4:C809, 0)), "")</f>
        <v>0.75203252561341039</v>
      </c>
    </row>
    <row r="810" spans="1:6" x14ac:dyDescent="0.2">
      <c r="A810" s="239">
        <f>'CPT Data'!B818</f>
        <v>7.8819999999999997</v>
      </c>
      <c r="B810" s="3">
        <f>'CPT Data'!C818</f>
        <v>7.875</v>
      </c>
      <c r="C810" t="str">
        <f>'CPT Data'!P818</f>
        <v>CLAY</v>
      </c>
      <c r="D810">
        <f>'CPT Data'!Q818</f>
        <v>14.853282593001367</v>
      </c>
      <c r="E810">
        <f t="shared" si="13"/>
        <v>15.172169477725078</v>
      </c>
      <c r="F810">
        <f>IF(C810="CLAY", INDEX(D$4:D810, MATCH("CLAY", C$4:C810, 0)), "")</f>
        <v>0.75203252561341039</v>
      </c>
    </row>
    <row r="811" spans="1:6" x14ac:dyDescent="0.2">
      <c r="A811" s="239">
        <f>'CPT Data'!B819</f>
        <v>7.891</v>
      </c>
      <c r="B811" s="3">
        <f>'CPT Data'!C819</f>
        <v>7.8840000000000003</v>
      </c>
      <c r="C811" t="str">
        <f>'CPT Data'!P819</f>
        <v>CLAY</v>
      </c>
      <c r="D811">
        <f>'CPT Data'!Q819</f>
        <v>15.176883894772297</v>
      </c>
      <c r="E811">
        <f t="shared" si="13"/>
        <v>14.853282593001367</v>
      </c>
      <c r="F811">
        <f>IF(C811="CLAY", INDEX(D$4:D811, MATCH("CLAY", C$4:C811, 0)), "")</f>
        <v>0.75203252561341039</v>
      </c>
    </row>
    <row r="812" spans="1:6" x14ac:dyDescent="0.2">
      <c r="A812" s="239">
        <f>'CPT Data'!B820</f>
        <v>7.9009999999999998</v>
      </c>
      <c r="B812" s="3">
        <f>'CPT Data'!C820</f>
        <v>7.8940000000000001</v>
      </c>
      <c r="C812" t="str">
        <f>'CPT Data'!P820</f>
        <v>CLAY</v>
      </c>
      <c r="D812">
        <f>'CPT Data'!Q820</f>
        <v>14.404023282253638</v>
      </c>
      <c r="E812">
        <f t="shared" si="13"/>
        <v>15.176883894772297</v>
      </c>
      <c r="F812">
        <f>IF(C812="CLAY", INDEX(D$4:D812, MATCH("CLAY", C$4:C812, 0)), "")</f>
        <v>0.75203252561341039</v>
      </c>
    </row>
    <row r="813" spans="1:6" x14ac:dyDescent="0.2">
      <c r="A813" s="239">
        <f>'CPT Data'!B821</f>
        <v>7.9119999999999999</v>
      </c>
      <c r="B813" s="3">
        <f>'CPT Data'!C821</f>
        <v>7.9050000000000002</v>
      </c>
      <c r="C813" t="str">
        <f>'CPT Data'!P821</f>
        <v>CLAY</v>
      </c>
      <c r="D813">
        <f>'CPT Data'!Q821</f>
        <v>14.3968759892443</v>
      </c>
      <c r="E813">
        <f t="shared" si="13"/>
        <v>14.404023282253638</v>
      </c>
      <c r="F813">
        <f>IF(C813="CLAY", INDEX(D$4:D813, MATCH("CLAY", C$4:C813, 0)), "")</f>
        <v>0.75203252561341039</v>
      </c>
    </row>
    <row r="814" spans="1:6" x14ac:dyDescent="0.2">
      <c r="A814" s="239">
        <f>'CPT Data'!B822</f>
        <v>7.9210000000000003</v>
      </c>
      <c r="B814" s="3">
        <f>'CPT Data'!C822</f>
        <v>7.9140000000000006</v>
      </c>
      <c r="C814" t="str">
        <f>'CPT Data'!P822</f>
        <v>CLAY</v>
      </c>
      <c r="D814">
        <f>'CPT Data'!Q822</f>
        <v>14.41869710377666</v>
      </c>
      <c r="E814">
        <f t="shared" si="13"/>
        <v>14.3968759892443</v>
      </c>
      <c r="F814">
        <f>IF(C814="CLAY", INDEX(D$4:D814, MATCH("CLAY", C$4:C814, 0)), "")</f>
        <v>0.75203252561341039</v>
      </c>
    </row>
    <row r="815" spans="1:6" x14ac:dyDescent="0.2">
      <c r="A815" s="239">
        <f>'CPT Data'!B823</f>
        <v>7.9320000000000004</v>
      </c>
      <c r="B815" s="3">
        <f>'CPT Data'!C823</f>
        <v>7.9250000000000007</v>
      </c>
      <c r="C815" t="str">
        <f>'CPT Data'!P823</f>
        <v>CLAY</v>
      </c>
      <c r="D815">
        <f>'CPT Data'!Q823</f>
        <v>14.514411092214255</v>
      </c>
      <c r="E815">
        <f t="shared" si="13"/>
        <v>14.41869710377666</v>
      </c>
      <c r="F815">
        <f>IF(C815="CLAY", INDEX(D$4:D815, MATCH("CLAY", C$4:C815, 0)), "")</f>
        <v>0.75203252561341039</v>
      </c>
    </row>
    <row r="816" spans="1:6" x14ac:dyDescent="0.2">
      <c r="A816" s="239">
        <f>'CPT Data'!B824</f>
        <v>7.9409999999999998</v>
      </c>
      <c r="B816" s="3">
        <f>'CPT Data'!C824</f>
        <v>7.9340000000000002</v>
      </c>
      <c r="C816" t="str">
        <f>'CPT Data'!P824</f>
        <v>CLAY</v>
      </c>
      <c r="D816">
        <f>'CPT Data'!Q824</f>
        <v>14.771547788532445</v>
      </c>
      <c r="E816">
        <f t="shared" si="13"/>
        <v>14.514411092214255</v>
      </c>
      <c r="F816">
        <f>IF(C816="CLAY", INDEX(D$4:D816, MATCH("CLAY", C$4:C816, 0)), "")</f>
        <v>0.75203252561341039</v>
      </c>
    </row>
    <row r="817" spans="1:6" x14ac:dyDescent="0.2">
      <c r="A817" s="239">
        <f>'CPT Data'!B825</f>
        <v>7.952</v>
      </c>
      <c r="B817" s="3">
        <f>'CPT Data'!C825</f>
        <v>7.9450000000000003</v>
      </c>
      <c r="C817" t="str">
        <f>'CPT Data'!P825</f>
        <v>CLAY</v>
      </c>
      <c r="D817">
        <f>'CPT Data'!Q825</f>
        <v>14.797137080913041</v>
      </c>
      <c r="E817">
        <f t="shared" si="13"/>
        <v>14.771547788532445</v>
      </c>
      <c r="F817">
        <f>IF(C817="CLAY", INDEX(D$4:D817, MATCH("CLAY", C$4:C817, 0)), "")</f>
        <v>0.75203252561341039</v>
      </c>
    </row>
    <row r="818" spans="1:6" x14ac:dyDescent="0.2">
      <c r="A818" s="239">
        <f>'CPT Data'!B826</f>
        <v>7.9610000000000003</v>
      </c>
      <c r="B818" s="3">
        <f>'CPT Data'!C826</f>
        <v>7.9540000000000006</v>
      </c>
      <c r="C818" t="str">
        <f>'CPT Data'!P826</f>
        <v>CLAY</v>
      </c>
      <c r="D818">
        <f>'CPT Data'!Q826</f>
        <v>14.807313797610746</v>
      </c>
      <c r="E818">
        <f t="shared" si="13"/>
        <v>14.797137080913041</v>
      </c>
      <c r="F818">
        <f>IF(C818="CLAY", INDEX(D$4:D818, MATCH("CLAY", C$4:C818, 0)), "")</f>
        <v>0.75203252561341039</v>
      </c>
    </row>
    <row r="819" spans="1:6" x14ac:dyDescent="0.2">
      <c r="A819" s="239">
        <f>'CPT Data'!B827</f>
        <v>7.9720000000000004</v>
      </c>
      <c r="B819" s="3">
        <f>'CPT Data'!C827</f>
        <v>7.9650000000000007</v>
      </c>
      <c r="C819" t="str">
        <f>'CPT Data'!P827</f>
        <v>CLAY</v>
      </c>
      <c r="D819">
        <f>'CPT Data'!Q827</f>
        <v>14.942163347916102</v>
      </c>
      <c r="E819">
        <f t="shared" si="13"/>
        <v>14.807313797610746</v>
      </c>
      <c r="F819">
        <f>IF(C819="CLAY", INDEX(D$4:D819, MATCH("CLAY", C$4:C819, 0)), "")</f>
        <v>0.75203252561341039</v>
      </c>
    </row>
    <row r="820" spans="1:6" x14ac:dyDescent="0.2">
      <c r="A820" s="239">
        <f>'CPT Data'!B828</f>
        <v>7.9820000000000002</v>
      </c>
      <c r="B820" s="3">
        <f>'CPT Data'!C828</f>
        <v>7.9750000000000005</v>
      </c>
      <c r="C820" t="str">
        <f>'CPT Data'!P828</f>
        <v>CLAY</v>
      </c>
      <c r="D820">
        <f>'CPT Data'!Q828</f>
        <v>15.043267290516672</v>
      </c>
      <c r="E820">
        <f t="shared" si="13"/>
        <v>14.942163347916102</v>
      </c>
      <c r="F820">
        <f>IF(C820="CLAY", INDEX(D$4:D820, MATCH("CLAY", C$4:C820, 0)), "")</f>
        <v>0.75203252561341039</v>
      </c>
    </row>
    <row r="821" spans="1:6" x14ac:dyDescent="0.2">
      <c r="A821" s="239">
        <f>'CPT Data'!B829</f>
        <v>7.9930000000000003</v>
      </c>
      <c r="B821" s="3">
        <f>'CPT Data'!C829</f>
        <v>7.9860000000000007</v>
      </c>
      <c r="C821" t="str">
        <f>'CPT Data'!P829</f>
        <v>CLAY</v>
      </c>
      <c r="D821">
        <f>'CPT Data'!Q829</f>
        <v>15.090523592178544</v>
      </c>
      <c r="E821">
        <f t="shared" si="13"/>
        <v>15.043267290516672</v>
      </c>
      <c r="F821">
        <f>IF(C821="CLAY", INDEX(D$4:D821, MATCH("CLAY", C$4:C821, 0)), "")</f>
        <v>0.75203252561341039</v>
      </c>
    </row>
    <row r="822" spans="1:6" x14ac:dyDescent="0.2">
      <c r="A822" s="239">
        <f>'CPT Data'!B830</f>
        <v>8.0030000000000001</v>
      </c>
      <c r="B822" s="3">
        <f>'CPT Data'!C830</f>
        <v>7.9960000000000004</v>
      </c>
      <c r="C822" t="str">
        <f>'CPT Data'!P830</f>
        <v>CLAY</v>
      </c>
      <c r="D822">
        <f>'CPT Data'!Q830</f>
        <v>15.386484149206202</v>
      </c>
      <c r="E822">
        <f t="shared" si="13"/>
        <v>15.090523592178544</v>
      </c>
      <c r="F822">
        <f>IF(C822="CLAY", INDEX(D$4:D822, MATCH("CLAY", C$4:C822, 0)), "")</f>
        <v>0.75203252561341039</v>
      </c>
    </row>
    <row r="823" spans="1:6" x14ac:dyDescent="0.2">
      <c r="A823" s="239">
        <f>'CPT Data'!B831</f>
        <v>8.0120000000000005</v>
      </c>
      <c r="B823" s="3">
        <f>'CPT Data'!C831</f>
        <v>8.0050000000000008</v>
      </c>
      <c r="C823" t="str">
        <f>'CPT Data'!P831</f>
        <v>CLAY</v>
      </c>
      <c r="D823">
        <f>'CPT Data'!Q831</f>
        <v>15.543486350202336</v>
      </c>
      <c r="E823">
        <f t="shared" si="13"/>
        <v>15.386484149206202</v>
      </c>
      <c r="F823">
        <f>IF(C823="CLAY", INDEX(D$4:D823, MATCH("CLAY", C$4:C823, 0)), "")</f>
        <v>0.75203252561341039</v>
      </c>
    </row>
    <row r="824" spans="1:6" x14ac:dyDescent="0.2">
      <c r="A824" s="239">
        <f>'CPT Data'!B832</f>
        <v>8.0229999999999997</v>
      </c>
      <c r="B824" s="3">
        <f>'CPT Data'!C832</f>
        <v>8.016</v>
      </c>
      <c r="C824" t="str">
        <f>'CPT Data'!P832</f>
        <v>CLAY</v>
      </c>
      <c r="D824">
        <f>'CPT Data'!Q832</f>
        <v>15.402705528659817</v>
      </c>
      <c r="E824">
        <f t="shared" si="13"/>
        <v>15.543486350202336</v>
      </c>
      <c r="F824">
        <f>IF(C824="CLAY", INDEX(D$4:D824, MATCH("CLAY", C$4:C824, 0)), "")</f>
        <v>0.75203252561341039</v>
      </c>
    </row>
    <row r="825" spans="1:6" x14ac:dyDescent="0.2">
      <c r="A825" s="239">
        <f>'CPT Data'!B833</f>
        <v>8.032</v>
      </c>
      <c r="B825" s="3">
        <f>'CPT Data'!C833</f>
        <v>8.0250000000000004</v>
      </c>
      <c r="C825" t="str">
        <f>'CPT Data'!P833</f>
        <v>CLAY</v>
      </c>
      <c r="D825">
        <f>'CPT Data'!Q833</f>
        <v>15.149003563773894</v>
      </c>
      <c r="E825">
        <f t="shared" si="13"/>
        <v>15.402705528659817</v>
      </c>
      <c r="F825">
        <f>IF(C825="CLAY", INDEX(D$4:D825, MATCH("CLAY", C$4:C825, 0)), "")</f>
        <v>0.75203252561341039</v>
      </c>
    </row>
    <row r="826" spans="1:6" x14ac:dyDescent="0.2">
      <c r="A826" s="239">
        <f>'CPT Data'!B834</f>
        <v>8.0429999999999993</v>
      </c>
      <c r="B826" s="3">
        <f>'CPT Data'!C834</f>
        <v>8.0359999999999996</v>
      </c>
      <c r="C826" t="str">
        <f>'CPT Data'!P834</f>
        <v>CLAY</v>
      </c>
      <c r="D826">
        <f>'CPT Data'!Q834</f>
        <v>15.354838023481284</v>
      </c>
      <c r="E826">
        <f t="shared" si="13"/>
        <v>15.149003563773894</v>
      </c>
      <c r="F826">
        <f>IF(C826="CLAY", INDEX(D$4:D826, MATCH("CLAY", C$4:C826, 0)), "")</f>
        <v>0.75203252561341039</v>
      </c>
    </row>
    <row r="827" spans="1:6" x14ac:dyDescent="0.2">
      <c r="A827" s="239">
        <f>'CPT Data'!B835</f>
        <v>8.0519999999999996</v>
      </c>
      <c r="B827" s="3">
        <f>'CPT Data'!C835</f>
        <v>8.0449999999999999</v>
      </c>
      <c r="C827" t="str">
        <f>'CPT Data'!P835</f>
        <v>CLAY</v>
      </c>
      <c r="D827">
        <f>'CPT Data'!Q835</f>
        <v>15.752651498515151</v>
      </c>
      <c r="E827">
        <f t="shared" si="13"/>
        <v>15.354838023481284</v>
      </c>
      <c r="F827">
        <f>IF(C827="CLAY", INDEX(D$4:D827, MATCH("CLAY", C$4:C827, 0)), "")</f>
        <v>0.75203252561341039</v>
      </c>
    </row>
    <row r="828" spans="1:6" x14ac:dyDescent="0.2">
      <c r="A828" s="239">
        <f>'CPT Data'!B836</f>
        <v>8.0630000000000006</v>
      </c>
      <c r="B828" s="3">
        <f>'CPT Data'!C836</f>
        <v>8.0560000000000009</v>
      </c>
      <c r="C828" t="str">
        <f>'CPT Data'!P836</f>
        <v>CLAY</v>
      </c>
      <c r="D828">
        <f>'CPT Data'!Q836</f>
        <v>15.829354651768016</v>
      </c>
      <c r="E828">
        <f t="shared" si="13"/>
        <v>15.752651498515151</v>
      </c>
      <c r="F828">
        <f>IF(C828="CLAY", INDEX(D$4:D828, MATCH("CLAY", C$4:C828, 0)), "")</f>
        <v>0.75203252561341039</v>
      </c>
    </row>
    <row r="829" spans="1:6" x14ac:dyDescent="0.2">
      <c r="A829" s="239">
        <f>'CPT Data'!B837</f>
        <v>8.0719999999999992</v>
      </c>
      <c r="B829" s="3">
        <f>'CPT Data'!C837</f>
        <v>8.0649999999999995</v>
      </c>
      <c r="C829" t="str">
        <f>'CPT Data'!P837</f>
        <v>CLAY</v>
      </c>
      <c r="D829">
        <f>'CPT Data'!Q837</f>
        <v>15.760279858944051</v>
      </c>
      <c r="E829">
        <f t="shared" si="13"/>
        <v>15.829354651768016</v>
      </c>
      <c r="F829">
        <f>IF(C829="CLAY", INDEX(D$4:D829, MATCH("CLAY", C$4:C829, 0)), "")</f>
        <v>0.75203252561341039</v>
      </c>
    </row>
    <row r="830" spans="1:6" x14ac:dyDescent="0.2">
      <c r="A830" s="239">
        <f>'CPT Data'!B838</f>
        <v>8.0830000000000002</v>
      </c>
      <c r="B830" s="3">
        <f>'CPT Data'!C838</f>
        <v>8.0760000000000005</v>
      </c>
      <c r="C830" t="str">
        <f>'CPT Data'!P838</f>
        <v>CLAY</v>
      </c>
      <c r="D830">
        <f>'CPT Data'!Q838</f>
        <v>15.510599648009547</v>
      </c>
      <c r="E830">
        <f t="shared" si="13"/>
        <v>15.760279858944051</v>
      </c>
      <c r="F830">
        <f>IF(C830="CLAY", INDEX(D$4:D830, MATCH("CLAY", C$4:C830, 0)), "")</f>
        <v>0.75203252561341039</v>
      </c>
    </row>
    <row r="831" spans="1:6" x14ac:dyDescent="0.2">
      <c r="A831" s="239">
        <f>'CPT Data'!B839</f>
        <v>8.0920000000000005</v>
      </c>
      <c r="B831" s="3">
        <f>'CPT Data'!C839</f>
        <v>8.0850000000000009</v>
      </c>
      <c r="C831" t="str">
        <f>'CPT Data'!P839</f>
        <v>CLAY</v>
      </c>
      <c r="D831">
        <f>'CPT Data'!Q839</f>
        <v>15.448190978060223</v>
      </c>
      <c r="E831">
        <f t="shared" si="13"/>
        <v>15.510599648009547</v>
      </c>
      <c r="F831">
        <f>IF(C831="CLAY", INDEX(D$4:D831, MATCH("CLAY", C$4:C831, 0)), "")</f>
        <v>0.75203252561341039</v>
      </c>
    </row>
    <row r="832" spans="1:6" x14ac:dyDescent="0.2">
      <c r="A832" s="239">
        <f>'CPT Data'!B840</f>
        <v>8.1029999999999998</v>
      </c>
      <c r="B832" s="3">
        <f>'CPT Data'!C840</f>
        <v>8.0960000000000001</v>
      </c>
      <c r="C832" t="str">
        <f>'CPT Data'!P840</f>
        <v>CLAY</v>
      </c>
      <c r="D832">
        <f>'CPT Data'!Q840</f>
        <v>15.350287630496553</v>
      </c>
      <c r="E832">
        <f t="shared" si="13"/>
        <v>15.448190978060223</v>
      </c>
      <c r="F832">
        <f>IF(C832="CLAY", INDEX(D$4:D832, MATCH("CLAY", C$4:C832, 0)), "")</f>
        <v>0.75203252561341039</v>
      </c>
    </row>
    <row r="833" spans="1:6" x14ac:dyDescent="0.2">
      <c r="A833" s="239">
        <f>'CPT Data'!B841</f>
        <v>8.1140000000000008</v>
      </c>
      <c r="B833" s="3">
        <f>'CPT Data'!C841</f>
        <v>8.1070000000000011</v>
      </c>
      <c r="C833" t="str">
        <f>'CPT Data'!P841</f>
        <v>CLAY</v>
      </c>
      <c r="D833">
        <f>'CPT Data'!Q841</f>
        <v>15.338291750638041</v>
      </c>
      <c r="E833">
        <f t="shared" si="13"/>
        <v>15.350287630496553</v>
      </c>
      <c r="F833">
        <f>IF(C833="CLAY", INDEX(D$4:D833, MATCH("CLAY", C$4:C833, 0)), "")</f>
        <v>0.75203252561341039</v>
      </c>
    </row>
    <row r="834" spans="1:6" x14ac:dyDescent="0.2">
      <c r="A834" s="239">
        <f>'CPT Data'!B842</f>
        <v>8.1229999999999993</v>
      </c>
      <c r="B834" s="3">
        <f>'CPT Data'!C842</f>
        <v>8.1159999999999997</v>
      </c>
      <c r="C834" t="str">
        <f>'CPT Data'!P842</f>
        <v>CLAY</v>
      </c>
      <c r="D834">
        <f>'CPT Data'!Q842</f>
        <v>15.164004831572683</v>
      </c>
      <c r="E834">
        <f t="shared" si="13"/>
        <v>15.338291750638041</v>
      </c>
      <c r="F834">
        <f>IF(C834="CLAY", INDEX(D$4:D834, MATCH("CLAY", C$4:C834, 0)), "")</f>
        <v>0.75203252561341039</v>
      </c>
    </row>
    <row r="835" spans="1:6" x14ac:dyDescent="0.2">
      <c r="A835" s="239">
        <f>'CPT Data'!B843</f>
        <v>8.1329999999999991</v>
      </c>
      <c r="B835" s="3">
        <f>'CPT Data'!C843</f>
        <v>8.1259999999999994</v>
      </c>
      <c r="C835" t="str">
        <f>'CPT Data'!P843</f>
        <v>CLAY</v>
      </c>
      <c r="D835">
        <f>'CPT Data'!Q843</f>
        <v>14.872109225911425</v>
      </c>
      <c r="E835">
        <f t="shared" si="13"/>
        <v>15.164004831572683</v>
      </c>
      <c r="F835">
        <f>IF(C835="CLAY", INDEX(D$4:D835, MATCH("CLAY", C$4:C835, 0)), "")</f>
        <v>0.75203252561341039</v>
      </c>
    </row>
    <row r="836" spans="1:6" x14ac:dyDescent="0.2">
      <c r="A836" s="239">
        <f>'CPT Data'!B844</f>
        <v>8.1440000000000001</v>
      </c>
      <c r="B836" s="3">
        <f>'CPT Data'!C844</f>
        <v>8.1370000000000005</v>
      </c>
      <c r="C836" t="str">
        <f>'CPT Data'!P844</f>
        <v>CLAY</v>
      </c>
      <c r="D836">
        <f>'CPT Data'!Q844</f>
        <v>14.81281340505627</v>
      </c>
      <c r="E836">
        <f t="shared" si="13"/>
        <v>14.872109225911425</v>
      </c>
      <c r="F836">
        <f>IF(C836="CLAY", INDEX(D$4:D836, MATCH("CLAY", C$4:C836, 0)), "")</f>
        <v>0.75203252561341039</v>
      </c>
    </row>
    <row r="837" spans="1:6" x14ac:dyDescent="0.2">
      <c r="A837" s="239">
        <f>'CPT Data'!B845</f>
        <v>8.1530000000000005</v>
      </c>
      <c r="B837" s="3">
        <f>'CPT Data'!C845</f>
        <v>8.1460000000000008</v>
      </c>
      <c r="C837" t="str">
        <f>'CPT Data'!P845</f>
        <v>CLAY</v>
      </c>
      <c r="D837">
        <f>'CPT Data'!Q845</f>
        <v>14.755299804260204</v>
      </c>
      <c r="E837">
        <f t="shared" si="13"/>
        <v>14.81281340505627</v>
      </c>
      <c r="F837">
        <f>IF(C837="CLAY", INDEX(D$4:D837, MATCH("CLAY", C$4:C837, 0)), "")</f>
        <v>0.75203252561341039</v>
      </c>
    </row>
    <row r="838" spans="1:6" x14ac:dyDescent="0.2">
      <c r="A838" s="239">
        <f>'CPT Data'!B846</f>
        <v>8.1639999999999997</v>
      </c>
      <c r="B838" s="3">
        <f>'CPT Data'!C846</f>
        <v>8.157</v>
      </c>
      <c r="C838" t="str">
        <f>'CPT Data'!P846</f>
        <v>CLAY</v>
      </c>
      <c r="D838">
        <f>'CPT Data'!Q846</f>
        <v>14.814838601664386</v>
      </c>
      <c r="E838">
        <f t="shared" si="13"/>
        <v>14.755299804260204</v>
      </c>
      <c r="F838">
        <f>IF(C838="CLAY", INDEX(D$4:D838, MATCH("CLAY", C$4:C838, 0)), "")</f>
        <v>0.75203252561341039</v>
      </c>
    </row>
    <row r="839" spans="1:6" x14ac:dyDescent="0.2">
      <c r="A839" s="239">
        <f>'CPT Data'!B847</f>
        <v>8.1739999999999995</v>
      </c>
      <c r="B839" s="3">
        <f>'CPT Data'!C847</f>
        <v>8.1669999999999998</v>
      </c>
      <c r="C839" t="str">
        <f>'CPT Data'!P847</f>
        <v>CLAY</v>
      </c>
      <c r="D839">
        <f>'CPT Data'!Q847</f>
        <v>14.976193051977882</v>
      </c>
      <c r="E839">
        <f t="shared" si="13"/>
        <v>14.814838601664386</v>
      </c>
      <c r="F839">
        <f>IF(C839="CLAY", INDEX(D$4:D839, MATCH("CLAY", C$4:C839, 0)), "")</f>
        <v>0.75203252561341039</v>
      </c>
    </row>
    <row r="840" spans="1:6" x14ac:dyDescent="0.2">
      <c r="A840" s="239">
        <f>'CPT Data'!B848</f>
        <v>8.1850000000000005</v>
      </c>
      <c r="B840" s="3">
        <f>'CPT Data'!C848</f>
        <v>8.1780000000000008</v>
      </c>
      <c r="C840" t="str">
        <f>'CPT Data'!P848</f>
        <v>CLAY</v>
      </c>
      <c r="D840">
        <f>'CPT Data'!Q848</f>
        <v>14.940219357112241</v>
      </c>
      <c r="E840">
        <f t="shared" si="13"/>
        <v>14.976193051977882</v>
      </c>
      <c r="F840">
        <f>IF(C840="CLAY", INDEX(D$4:D840, MATCH("CLAY", C$4:C840, 0)), "")</f>
        <v>0.75203252561341039</v>
      </c>
    </row>
    <row r="841" spans="1:6" x14ac:dyDescent="0.2">
      <c r="A841" s="239">
        <f>'CPT Data'!B849</f>
        <v>8.1940000000000008</v>
      </c>
      <c r="B841" s="3">
        <f>'CPT Data'!C849</f>
        <v>8.1870000000000012</v>
      </c>
      <c r="C841" t="str">
        <f>'CPT Data'!P849</f>
        <v>CLAY</v>
      </c>
      <c r="D841">
        <f>'CPT Data'!Q849</f>
        <v>14.817895761159207</v>
      </c>
      <c r="E841">
        <f t="shared" si="13"/>
        <v>14.940219357112241</v>
      </c>
      <c r="F841">
        <f>IF(C841="CLAY", INDEX(D$4:D841, MATCH("CLAY", C$4:C841, 0)), "")</f>
        <v>0.75203252561341039</v>
      </c>
    </row>
    <row r="842" spans="1:6" x14ac:dyDescent="0.2">
      <c r="A842" s="239">
        <f>'CPT Data'!B850</f>
        <v>8.2050000000000001</v>
      </c>
      <c r="B842" s="3">
        <f>'CPT Data'!C850</f>
        <v>8.1980000000000004</v>
      </c>
      <c r="C842" t="str">
        <f>'CPT Data'!P850</f>
        <v>CLAY</v>
      </c>
      <c r="D842">
        <f>'CPT Data'!Q850</f>
        <v>14.888160613121423</v>
      </c>
      <c r="E842">
        <f t="shared" si="13"/>
        <v>14.817895761159207</v>
      </c>
      <c r="F842">
        <f>IF(C842="CLAY", INDEX(D$4:D842, MATCH("CLAY", C$4:C842, 0)), "")</f>
        <v>0.75203252561341039</v>
      </c>
    </row>
    <row r="843" spans="1:6" x14ac:dyDescent="0.2">
      <c r="A843" s="239">
        <f>'CPT Data'!B851</f>
        <v>8.2140000000000004</v>
      </c>
      <c r="B843" s="3">
        <f>'CPT Data'!C851</f>
        <v>8.2070000000000007</v>
      </c>
      <c r="C843" t="str">
        <f>'CPT Data'!P851</f>
        <v>CLAY</v>
      </c>
      <c r="D843">
        <f>'CPT Data'!Q851</f>
        <v>15.069453642406486</v>
      </c>
      <c r="E843">
        <f t="shared" si="13"/>
        <v>14.888160613121423</v>
      </c>
      <c r="F843">
        <f>IF(C843="CLAY", INDEX(D$4:D843, MATCH("CLAY", C$4:C843, 0)), "")</f>
        <v>0.75203252561341039</v>
      </c>
    </row>
    <row r="844" spans="1:6" x14ac:dyDescent="0.2">
      <c r="A844" s="239">
        <f>'CPT Data'!B852</f>
        <v>8.2249999999999996</v>
      </c>
      <c r="B844" s="3">
        <f>'CPT Data'!C852</f>
        <v>8.218</v>
      </c>
      <c r="C844" t="str">
        <f>'CPT Data'!P852</f>
        <v>CLAY</v>
      </c>
      <c r="D844">
        <f>'CPT Data'!Q852</f>
        <v>15.426706130474178</v>
      </c>
      <c r="E844">
        <f t="shared" si="13"/>
        <v>15.069453642406486</v>
      </c>
      <c r="F844">
        <f>IF(C844="CLAY", INDEX(D$4:D844, MATCH("CLAY", C$4:C844, 0)), "")</f>
        <v>0.75203252561341039</v>
      </c>
    </row>
    <row r="845" spans="1:6" x14ac:dyDescent="0.2">
      <c r="A845" s="239">
        <f>'CPT Data'!B853</f>
        <v>8.234</v>
      </c>
      <c r="B845" s="3">
        <f>'CPT Data'!C853</f>
        <v>8.2270000000000003</v>
      </c>
      <c r="C845" t="str">
        <f>'CPT Data'!P853</f>
        <v>CLAY</v>
      </c>
      <c r="D845">
        <f>'CPT Data'!Q853</f>
        <v>15.71049707735313</v>
      </c>
      <c r="E845">
        <f t="shared" si="13"/>
        <v>15.426706130474178</v>
      </c>
      <c r="F845">
        <f>IF(C845="CLAY", INDEX(D$4:D845, MATCH("CLAY", C$4:C845, 0)), "")</f>
        <v>0.75203252561341039</v>
      </c>
    </row>
    <row r="846" spans="1:6" x14ac:dyDescent="0.2">
      <c r="A846" s="239">
        <f>'CPT Data'!B854</f>
        <v>8.2439999999999998</v>
      </c>
      <c r="B846" s="3">
        <f>'CPT Data'!C854</f>
        <v>8.2370000000000001</v>
      </c>
      <c r="C846" t="str">
        <f>'CPT Data'!P854</f>
        <v>CLAY</v>
      </c>
      <c r="D846">
        <f>'CPT Data'!Q854</f>
        <v>15.952006574693144</v>
      </c>
      <c r="E846">
        <f t="shared" si="13"/>
        <v>15.71049707735313</v>
      </c>
      <c r="F846">
        <f>IF(C846="CLAY", INDEX(D$4:D846, MATCH("CLAY", C$4:C846, 0)), "")</f>
        <v>0.75203252561341039</v>
      </c>
    </row>
    <row r="847" spans="1:6" x14ac:dyDescent="0.2">
      <c r="A847" s="239">
        <f>'CPT Data'!B855</f>
        <v>8.2550000000000008</v>
      </c>
      <c r="B847" s="3">
        <f>'CPT Data'!C855</f>
        <v>8.2480000000000011</v>
      </c>
      <c r="C847" t="str">
        <f>'CPT Data'!P855</f>
        <v>CLAY</v>
      </c>
      <c r="D847">
        <f>'CPT Data'!Q855</f>
        <v>16.113288203437595</v>
      </c>
      <c r="E847">
        <f t="shared" si="13"/>
        <v>15.952006574693144</v>
      </c>
      <c r="F847">
        <f>IF(C847="CLAY", INDEX(D$4:D847, MATCH("CLAY", C$4:C847, 0)), "")</f>
        <v>0.75203252561341039</v>
      </c>
    </row>
    <row r="848" spans="1:6" x14ac:dyDescent="0.2">
      <c r="A848" s="239">
        <f>'CPT Data'!B856</f>
        <v>8.2639999999999993</v>
      </c>
      <c r="B848" s="3">
        <f>'CPT Data'!C856</f>
        <v>8.2569999999999997</v>
      </c>
      <c r="C848" t="str">
        <f>'CPT Data'!P856</f>
        <v>CLAY</v>
      </c>
      <c r="D848">
        <f>'CPT Data'!Q856</f>
        <v>16.20735941380288</v>
      </c>
      <c r="E848">
        <f t="shared" si="13"/>
        <v>16.113288203437595</v>
      </c>
      <c r="F848">
        <f>IF(C848="CLAY", INDEX(D$4:D848, MATCH("CLAY", C$4:C848, 0)), "")</f>
        <v>0.75203252561341039</v>
      </c>
    </row>
    <row r="849" spans="1:6" x14ac:dyDescent="0.2">
      <c r="A849" s="239">
        <f>'CPT Data'!B857</f>
        <v>8.2750000000000004</v>
      </c>
      <c r="B849" s="3">
        <f>'CPT Data'!C857</f>
        <v>8.2680000000000007</v>
      </c>
      <c r="C849" t="str">
        <f>'CPT Data'!P857</f>
        <v>CLAY</v>
      </c>
      <c r="D849">
        <f>'CPT Data'!Q857</f>
        <v>16.412905936268636</v>
      </c>
      <c r="E849">
        <f t="shared" si="13"/>
        <v>16.20735941380288</v>
      </c>
      <c r="F849">
        <f>IF(C849="CLAY", INDEX(D$4:D849, MATCH("CLAY", C$4:C849, 0)), "")</f>
        <v>0.75203252561341039</v>
      </c>
    </row>
    <row r="850" spans="1:6" x14ac:dyDescent="0.2">
      <c r="A850" s="239">
        <f>'CPT Data'!B858</f>
        <v>8.2840000000000007</v>
      </c>
      <c r="B850" s="3">
        <f>'CPT Data'!C858</f>
        <v>8.277000000000001</v>
      </c>
      <c r="C850" t="str">
        <f>'CPT Data'!P858</f>
        <v>CLAY</v>
      </c>
      <c r="D850">
        <f>'CPT Data'!Q858</f>
        <v>16.802637374311029</v>
      </c>
      <c r="E850">
        <f t="shared" si="13"/>
        <v>16.412905936268636</v>
      </c>
      <c r="F850">
        <f>IF(C850="CLAY", INDEX(D$4:D850, MATCH("CLAY", C$4:C850, 0)), "")</f>
        <v>0.75203252561341039</v>
      </c>
    </row>
    <row r="851" spans="1:6" x14ac:dyDescent="0.2">
      <c r="A851" s="239">
        <f>'CPT Data'!B859</f>
        <v>8.2949999999999999</v>
      </c>
      <c r="B851" s="3">
        <f>'CPT Data'!C859</f>
        <v>8.2880000000000003</v>
      </c>
      <c r="C851" t="str">
        <f>'CPT Data'!P859</f>
        <v>CLAY</v>
      </c>
      <c r="D851">
        <f>'CPT Data'!Q859</f>
        <v>17.001967477362815</v>
      </c>
      <c r="E851">
        <f t="shared" si="13"/>
        <v>16.802637374311029</v>
      </c>
      <c r="F851">
        <f>IF(C851="CLAY", INDEX(D$4:D851, MATCH("CLAY", C$4:C851, 0)), "")</f>
        <v>0.75203252561341039</v>
      </c>
    </row>
    <row r="852" spans="1:6" x14ac:dyDescent="0.2">
      <c r="A852" s="239">
        <f>'CPT Data'!B860</f>
        <v>8.3049999999999997</v>
      </c>
      <c r="B852" s="3">
        <f>'CPT Data'!C860</f>
        <v>8.298</v>
      </c>
      <c r="C852" t="str">
        <f>'CPT Data'!P860</f>
        <v>CLAY</v>
      </c>
      <c r="D852">
        <f>'CPT Data'!Q860</f>
        <v>17.000971191844084</v>
      </c>
      <c r="E852">
        <f t="shared" si="13"/>
        <v>17.001967477362815</v>
      </c>
      <c r="F852">
        <f>IF(C852="CLAY", INDEX(D$4:D852, MATCH("CLAY", C$4:C852, 0)), "")</f>
        <v>0.75203252561341039</v>
      </c>
    </row>
    <row r="853" spans="1:6" x14ac:dyDescent="0.2">
      <c r="A853" s="239">
        <f>'CPT Data'!B861</f>
        <v>8.3149999999999995</v>
      </c>
      <c r="B853" s="3">
        <f>'CPT Data'!C861</f>
        <v>8.3079999999999998</v>
      </c>
      <c r="C853" t="str">
        <f>'CPT Data'!P861</f>
        <v>CLAY</v>
      </c>
      <c r="D853">
        <f>'CPT Data'!Q861</f>
        <v>16.971620820467002</v>
      </c>
      <c r="E853">
        <f t="shared" si="13"/>
        <v>17.000971191844084</v>
      </c>
      <c r="F853">
        <f>IF(C853="CLAY", INDEX(D$4:D853, MATCH("CLAY", C$4:C853, 0)), "")</f>
        <v>0.75203252561341039</v>
      </c>
    </row>
    <row r="854" spans="1:6" x14ac:dyDescent="0.2">
      <c r="A854" s="239">
        <f>'CPT Data'!B862</f>
        <v>8.3239999999999998</v>
      </c>
      <c r="B854" s="3">
        <f>'CPT Data'!C862</f>
        <v>8.3170000000000002</v>
      </c>
      <c r="C854" t="str">
        <f>'CPT Data'!P862</f>
        <v>CLAY</v>
      </c>
      <c r="D854">
        <f>'CPT Data'!Q862</f>
        <v>17.070738035479124</v>
      </c>
      <c r="E854">
        <f t="shared" si="13"/>
        <v>16.971620820467002</v>
      </c>
      <c r="F854">
        <f>IF(C854="CLAY", INDEX(D$4:D854, MATCH("CLAY", C$4:C854, 0)), "")</f>
        <v>0.75203252561341039</v>
      </c>
    </row>
    <row r="855" spans="1:6" x14ac:dyDescent="0.2">
      <c r="A855" s="239">
        <f>'CPT Data'!B863</f>
        <v>8.3350000000000009</v>
      </c>
      <c r="B855" s="3">
        <f>'CPT Data'!C863</f>
        <v>8.3280000000000012</v>
      </c>
      <c r="C855" t="str">
        <f>'CPT Data'!P863</f>
        <v>CLAY</v>
      </c>
      <c r="D855">
        <f>'CPT Data'!Q863</f>
        <v>17.258249210628342</v>
      </c>
      <c r="E855">
        <f t="shared" si="13"/>
        <v>17.070738035479124</v>
      </c>
      <c r="F855">
        <f>IF(C855="CLAY", INDEX(D$4:D855, MATCH("CLAY", C$4:C855, 0)), "")</f>
        <v>0.75203252561341039</v>
      </c>
    </row>
    <row r="856" spans="1:6" x14ac:dyDescent="0.2">
      <c r="A856" s="239">
        <f>'CPT Data'!B864</f>
        <v>8.3450000000000006</v>
      </c>
      <c r="B856" s="3">
        <f>'CPT Data'!C864</f>
        <v>8.338000000000001</v>
      </c>
      <c r="C856" t="str">
        <f>'CPT Data'!P864</f>
        <v>CLAY</v>
      </c>
      <c r="D856">
        <f>'CPT Data'!Q864</f>
        <v>17.415650504982342</v>
      </c>
      <c r="E856">
        <f t="shared" si="13"/>
        <v>17.258249210628342</v>
      </c>
      <c r="F856">
        <f>IF(C856="CLAY", INDEX(D$4:D856, MATCH("CLAY", C$4:C856, 0)), "")</f>
        <v>0.75203252561341039</v>
      </c>
    </row>
    <row r="857" spans="1:6" x14ac:dyDescent="0.2">
      <c r="A857" s="239">
        <f>'CPT Data'!B865</f>
        <v>8.3550000000000004</v>
      </c>
      <c r="B857" s="3">
        <f>'CPT Data'!C865</f>
        <v>8.3480000000000008</v>
      </c>
      <c r="C857" t="str">
        <f>'CPT Data'!P865</f>
        <v>CLAY</v>
      </c>
      <c r="D857">
        <f>'CPT Data'!Q865</f>
        <v>17.664031247832529</v>
      </c>
      <c r="E857">
        <f t="shared" si="13"/>
        <v>17.415650504982342</v>
      </c>
      <c r="F857">
        <f>IF(C857="CLAY", INDEX(D$4:D857, MATCH("CLAY", C$4:C857, 0)), "")</f>
        <v>0.75203252561341039</v>
      </c>
    </row>
    <row r="858" spans="1:6" x14ac:dyDescent="0.2">
      <c r="A858" s="239">
        <f>'CPT Data'!B866</f>
        <v>8.3650000000000002</v>
      </c>
      <c r="B858" s="3">
        <f>'CPT Data'!C866</f>
        <v>8.3580000000000005</v>
      </c>
      <c r="C858" t="str">
        <f>'CPT Data'!P866</f>
        <v>CLAY</v>
      </c>
      <c r="D858">
        <f>'CPT Data'!Q866</f>
        <v>17.678238249311107</v>
      </c>
      <c r="E858">
        <f t="shared" si="13"/>
        <v>17.664031247832529</v>
      </c>
      <c r="F858">
        <f>IF(C858="CLAY", INDEX(D$4:D858, MATCH("CLAY", C$4:C858, 0)), "")</f>
        <v>0.75203252561341039</v>
      </c>
    </row>
    <row r="859" spans="1:6" x14ac:dyDescent="0.2">
      <c r="A859" s="239">
        <f>'CPT Data'!B867</f>
        <v>8.3759999999999994</v>
      </c>
      <c r="B859" s="3">
        <f>'CPT Data'!C867</f>
        <v>8.3689999999999998</v>
      </c>
      <c r="C859" t="str">
        <f>'CPT Data'!P867</f>
        <v>CLAY</v>
      </c>
      <c r="D859">
        <f>'CPT Data'!Q867</f>
        <v>17.565009588729549</v>
      </c>
      <c r="E859">
        <f t="shared" ref="E859:E922" si="14">IF(C859="SAND",#N/A,IF(C859=C858,D858,IF(C859="CLAY",D859,#N/A)))</f>
        <v>17.678238249311107</v>
      </c>
      <c r="F859">
        <f>IF(C859="CLAY", INDEX(D$4:D859, MATCH("CLAY", C$4:C859, 0)), "")</f>
        <v>0.75203252561341039</v>
      </c>
    </row>
    <row r="860" spans="1:6" x14ac:dyDescent="0.2">
      <c r="A860" s="239">
        <f>'CPT Data'!B868</f>
        <v>8.3849999999999998</v>
      </c>
      <c r="B860" s="3">
        <f>'CPT Data'!C868</f>
        <v>8.3780000000000001</v>
      </c>
      <c r="C860" t="str">
        <f>'CPT Data'!P868</f>
        <v>CLAY</v>
      </c>
      <c r="D860">
        <f>'CPT Data'!Q868</f>
        <v>17.424735723565448</v>
      </c>
      <c r="E860">
        <f t="shared" si="14"/>
        <v>17.565009588729549</v>
      </c>
      <c r="F860">
        <f>IF(C860="CLAY", INDEX(D$4:D860, MATCH("CLAY", C$4:C860, 0)), "")</f>
        <v>0.75203252561341039</v>
      </c>
    </row>
    <row r="861" spans="1:6" x14ac:dyDescent="0.2">
      <c r="A861" s="239">
        <f>'CPT Data'!B869</f>
        <v>8.3949999999999996</v>
      </c>
      <c r="B861" s="3">
        <f>'CPT Data'!C869</f>
        <v>8.3879999999999999</v>
      </c>
      <c r="C861" t="str">
        <f>'CPT Data'!P869</f>
        <v>CLAY</v>
      </c>
      <c r="D861">
        <f>'CPT Data'!Q869</f>
        <v>17.479819429609822</v>
      </c>
      <c r="E861">
        <f t="shared" si="14"/>
        <v>17.424735723565448</v>
      </c>
      <c r="F861">
        <f>IF(C861="CLAY", INDEX(D$4:D861, MATCH("CLAY", C$4:C861, 0)), "")</f>
        <v>0.75203252561341039</v>
      </c>
    </row>
    <row r="862" spans="1:6" x14ac:dyDescent="0.2">
      <c r="A862" s="239">
        <f>'CPT Data'!B870</f>
        <v>8.4049999999999994</v>
      </c>
      <c r="B862" s="3">
        <f>'CPT Data'!C870</f>
        <v>8.3979999999999997</v>
      </c>
      <c r="C862" t="str">
        <f>'CPT Data'!P870</f>
        <v>CLAY</v>
      </c>
      <c r="D862">
        <f>'CPT Data'!Q870</f>
        <v>17.455671002142168</v>
      </c>
      <c r="E862">
        <f t="shared" si="14"/>
        <v>17.479819429609822</v>
      </c>
      <c r="F862">
        <f>IF(C862="CLAY", INDEX(D$4:D862, MATCH("CLAY", C$4:C862, 0)), "")</f>
        <v>0.75203252561341039</v>
      </c>
    </row>
    <row r="863" spans="1:6" x14ac:dyDescent="0.2">
      <c r="A863" s="239">
        <f>'CPT Data'!B871</f>
        <v>8.4149999999999991</v>
      </c>
      <c r="B863" s="3">
        <f>'CPT Data'!C871</f>
        <v>8.4079999999999995</v>
      </c>
      <c r="C863" t="str">
        <f>'CPT Data'!P871</f>
        <v>CLAY</v>
      </c>
      <c r="D863">
        <f>'CPT Data'!Q871</f>
        <v>17.759952672026575</v>
      </c>
      <c r="E863">
        <f t="shared" si="14"/>
        <v>17.455671002142168</v>
      </c>
      <c r="F863">
        <f>IF(C863="CLAY", INDEX(D$4:D863, MATCH("CLAY", C$4:C863, 0)), "")</f>
        <v>0.75203252561341039</v>
      </c>
    </row>
    <row r="864" spans="1:6" x14ac:dyDescent="0.2">
      <c r="A864" s="239">
        <f>'CPT Data'!B872</f>
        <v>8.4239999999999995</v>
      </c>
      <c r="B864" s="3">
        <f>'CPT Data'!C872</f>
        <v>8.4169999999999998</v>
      </c>
      <c r="C864" t="str">
        <f>'CPT Data'!P872</f>
        <v>CLAY</v>
      </c>
      <c r="D864">
        <f>'CPT Data'!Q872</f>
        <v>17.84268252287087</v>
      </c>
      <c r="E864">
        <f t="shared" si="14"/>
        <v>17.759952672026575</v>
      </c>
      <c r="F864">
        <f>IF(C864="CLAY", INDEX(D$4:D864, MATCH("CLAY", C$4:C864, 0)), "")</f>
        <v>0.75203252561341039</v>
      </c>
    </row>
    <row r="865" spans="1:6" x14ac:dyDescent="0.2">
      <c r="A865" s="239">
        <f>'CPT Data'!B873</f>
        <v>8.4350000000000005</v>
      </c>
      <c r="B865" s="3">
        <f>'CPT Data'!C873</f>
        <v>8.4280000000000008</v>
      </c>
      <c r="C865" t="str">
        <f>'CPT Data'!P873</f>
        <v>CLAY</v>
      </c>
      <c r="D865">
        <f>'CPT Data'!Q873</f>
        <v>17.54996264776841</v>
      </c>
      <c r="E865">
        <f t="shared" si="14"/>
        <v>17.84268252287087</v>
      </c>
      <c r="F865">
        <f>IF(C865="CLAY", INDEX(D$4:D865, MATCH("CLAY", C$4:C865, 0)), "")</f>
        <v>0.75203252561341039</v>
      </c>
    </row>
    <row r="866" spans="1:6" x14ac:dyDescent="0.2">
      <c r="A866" s="239">
        <f>'CPT Data'!B874</f>
        <v>8.4440000000000008</v>
      </c>
      <c r="B866" s="3">
        <f>'CPT Data'!C874</f>
        <v>8.4370000000000012</v>
      </c>
      <c r="C866" t="str">
        <f>'CPT Data'!P874</f>
        <v>CLAY</v>
      </c>
      <c r="D866">
        <f>'CPT Data'!Q874</f>
        <v>17.050160386505194</v>
      </c>
      <c r="E866">
        <f t="shared" si="14"/>
        <v>17.54996264776841</v>
      </c>
      <c r="F866">
        <f>IF(C866="CLAY", INDEX(D$4:D866, MATCH("CLAY", C$4:C866, 0)), "")</f>
        <v>0.75203252561341039</v>
      </c>
    </row>
    <row r="867" spans="1:6" x14ac:dyDescent="0.2">
      <c r="A867" s="239">
        <f>'CPT Data'!B875</f>
        <v>8.4550000000000001</v>
      </c>
      <c r="B867" s="3">
        <f>'CPT Data'!C875</f>
        <v>8.4480000000000004</v>
      </c>
      <c r="C867" t="str">
        <f>'CPT Data'!P875</f>
        <v>CLAY</v>
      </c>
      <c r="D867">
        <f>'CPT Data'!Q875</f>
        <v>16.749223009256962</v>
      </c>
      <c r="E867">
        <f t="shared" si="14"/>
        <v>17.050160386505194</v>
      </c>
      <c r="F867">
        <f>IF(C867="CLAY", INDEX(D$4:D867, MATCH("CLAY", C$4:C867, 0)), "")</f>
        <v>0.75203252561341039</v>
      </c>
    </row>
    <row r="868" spans="1:6" x14ac:dyDescent="0.2">
      <c r="A868" s="239">
        <f>'CPT Data'!B876</f>
        <v>8.4649999999999999</v>
      </c>
      <c r="B868" s="3">
        <f>'CPT Data'!C876</f>
        <v>8.4580000000000002</v>
      </c>
      <c r="C868" t="str">
        <f>'CPT Data'!P876</f>
        <v>CLAY</v>
      </c>
      <c r="D868">
        <f>'CPT Data'!Q876</f>
        <v>16.678901501059652</v>
      </c>
      <c r="E868">
        <f t="shared" si="14"/>
        <v>16.749223009256962</v>
      </c>
      <c r="F868">
        <f>IF(C868="CLAY", INDEX(D$4:D868, MATCH("CLAY", C$4:C868, 0)), "")</f>
        <v>0.75203252561341039</v>
      </c>
    </row>
    <row r="869" spans="1:6" x14ac:dyDescent="0.2">
      <c r="A869" s="239">
        <f>'CPT Data'!B877</f>
        <v>8.4760000000000009</v>
      </c>
      <c r="B869" s="3">
        <f>'CPT Data'!C877</f>
        <v>8.4690000000000012</v>
      </c>
      <c r="C869" t="str">
        <f>'CPT Data'!P877</f>
        <v>CLAY</v>
      </c>
      <c r="D869">
        <f>'CPT Data'!Q877</f>
        <v>16.544633572742331</v>
      </c>
      <c r="E869">
        <f t="shared" si="14"/>
        <v>16.678901501059652</v>
      </c>
      <c r="F869">
        <f>IF(C869="CLAY", INDEX(D$4:D869, MATCH("CLAY", C$4:C869, 0)), "")</f>
        <v>0.75203252561341039</v>
      </c>
    </row>
    <row r="870" spans="1:6" x14ac:dyDescent="0.2">
      <c r="A870" s="239">
        <f>'CPT Data'!B878</f>
        <v>8.4849999999999994</v>
      </c>
      <c r="B870" s="3">
        <f>'CPT Data'!C878</f>
        <v>8.4779999999999998</v>
      </c>
      <c r="C870" t="str">
        <f>'CPT Data'!P878</f>
        <v>CLAY</v>
      </c>
      <c r="D870">
        <f>'CPT Data'!Q878</f>
        <v>16.353874354303041</v>
      </c>
      <c r="E870">
        <f t="shared" si="14"/>
        <v>16.544633572742331</v>
      </c>
      <c r="F870">
        <f>IF(C870="CLAY", INDEX(D$4:D870, MATCH("CLAY", C$4:C870, 0)), "")</f>
        <v>0.75203252561341039</v>
      </c>
    </row>
    <row r="871" spans="1:6" x14ac:dyDescent="0.2">
      <c r="A871" s="239">
        <f>'CPT Data'!B879</f>
        <v>8.4960000000000004</v>
      </c>
      <c r="B871" s="3">
        <f>'CPT Data'!C879</f>
        <v>8.4890000000000008</v>
      </c>
      <c r="C871" t="str">
        <f>'CPT Data'!P879</f>
        <v>CLAY</v>
      </c>
      <c r="D871">
        <f>'CPT Data'!Q879</f>
        <v>16.276988568024496</v>
      </c>
      <c r="E871">
        <f t="shared" si="14"/>
        <v>16.353874354303041</v>
      </c>
      <c r="F871">
        <f>IF(C871="CLAY", INDEX(D$4:D871, MATCH("CLAY", C$4:C871, 0)), "")</f>
        <v>0.75203252561341039</v>
      </c>
    </row>
    <row r="872" spans="1:6" x14ac:dyDescent="0.2">
      <c r="A872" s="239">
        <f>'CPT Data'!B880</f>
        <v>8.5050000000000008</v>
      </c>
      <c r="B872" s="3">
        <f>'CPT Data'!C880</f>
        <v>8.4980000000000011</v>
      </c>
      <c r="C872" t="str">
        <f>'CPT Data'!P880</f>
        <v>CLAY</v>
      </c>
      <c r="D872">
        <f>'CPT Data'!Q880</f>
        <v>15.859706921188973</v>
      </c>
      <c r="E872">
        <f t="shared" si="14"/>
        <v>16.276988568024496</v>
      </c>
      <c r="F872">
        <f>IF(C872="CLAY", INDEX(D$4:D872, MATCH("CLAY", C$4:C872, 0)), "")</f>
        <v>0.75203252561341039</v>
      </c>
    </row>
    <row r="873" spans="1:6" x14ac:dyDescent="0.2">
      <c r="A873" s="239">
        <f>'CPT Data'!B881</f>
        <v>8.516</v>
      </c>
      <c r="B873" s="3">
        <f>'CPT Data'!C881</f>
        <v>8.5090000000000003</v>
      </c>
      <c r="C873" t="str">
        <f>'CPT Data'!P881</f>
        <v>CLAY</v>
      </c>
      <c r="D873">
        <f>'CPT Data'!Q881</f>
        <v>16.037163160675558</v>
      </c>
      <c r="E873">
        <f t="shared" si="14"/>
        <v>15.859706921188973</v>
      </c>
      <c r="F873">
        <f>IF(C873="CLAY", INDEX(D$4:D873, MATCH("CLAY", C$4:C873, 0)), "")</f>
        <v>0.75203252561341039</v>
      </c>
    </row>
    <row r="874" spans="1:6" x14ac:dyDescent="0.2">
      <c r="A874" s="239">
        <f>'CPT Data'!B882</f>
        <v>8.5250000000000004</v>
      </c>
      <c r="B874" s="3">
        <f>'CPT Data'!C882</f>
        <v>8.5180000000000007</v>
      </c>
      <c r="C874" t="str">
        <f>'CPT Data'!P882</f>
        <v>CLAY</v>
      </c>
      <c r="D874">
        <f>'CPT Data'!Q882</f>
        <v>16.07034847169545</v>
      </c>
      <c r="E874">
        <f t="shared" si="14"/>
        <v>16.037163160675558</v>
      </c>
      <c r="F874">
        <f>IF(C874="CLAY", INDEX(D$4:D874, MATCH("CLAY", C$4:C874, 0)), "")</f>
        <v>0.75203252561341039</v>
      </c>
    </row>
    <row r="875" spans="1:6" x14ac:dyDescent="0.2">
      <c r="A875" s="239">
        <f>'CPT Data'!B883</f>
        <v>8.5359999999999996</v>
      </c>
      <c r="B875" s="3">
        <f>'CPT Data'!C883</f>
        <v>8.5289999999999999</v>
      </c>
      <c r="C875" t="str">
        <f>'CPT Data'!P883</f>
        <v>CLAY</v>
      </c>
      <c r="D875">
        <f>'CPT Data'!Q883</f>
        <v>16.366531394804987</v>
      </c>
      <c r="E875">
        <f t="shared" si="14"/>
        <v>16.07034847169545</v>
      </c>
      <c r="F875">
        <f>IF(C875="CLAY", INDEX(D$4:D875, MATCH("CLAY", C$4:C875, 0)), "")</f>
        <v>0.75203252561341039</v>
      </c>
    </row>
    <row r="876" spans="1:6" x14ac:dyDescent="0.2">
      <c r="A876" s="239">
        <f>'CPT Data'!B884</f>
        <v>8.5449999999999999</v>
      </c>
      <c r="B876" s="3">
        <f>'CPT Data'!C884</f>
        <v>8.5380000000000003</v>
      </c>
      <c r="C876" t="str">
        <f>'CPT Data'!P884</f>
        <v>CLAY</v>
      </c>
      <c r="D876">
        <f>'CPT Data'!Q884</f>
        <v>16.130859136071368</v>
      </c>
      <c r="E876">
        <f t="shared" si="14"/>
        <v>16.366531394804987</v>
      </c>
      <c r="F876">
        <f>IF(C876="CLAY", INDEX(D$4:D876, MATCH("CLAY", C$4:C876, 0)), "")</f>
        <v>0.75203252561341039</v>
      </c>
    </row>
    <row r="877" spans="1:6" x14ac:dyDescent="0.2">
      <c r="A877" s="239">
        <f>'CPT Data'!B885</f>
        <v>8.5559999999999992</v>
      </c>
      <c r="B877" s="3">
        <f>'CPT Data'!C885</f>
        <v>8.5489999999999995</v>
      </c>
      <c r="C877" t="str">
        <f>'CPT Data'!P885</f>
        <v>CLAY</v>
      </c>
      <c r="D877">
        <f>'CPT Data'!Q885</f>
        <v>16.201563820007234</v>
      </c>
      <c r="E877">
        <f t="shared" si="14"/>
        <v>16.130859136071368</v>
      </c>
      <c r="F877">
        <f>IF(C877="CLAY", INDEX(D$4:D877, MATCH("CLAY", C$4:C877, 0)), "")</f>
        <v>0.75203252561341039</v>
      </c>
    </row>
    <row r="878" spans="1:6" x14ac:dyDescent="0.2">
      <c r="A878" s="239">
        <f>'CPT Data'!B886</f>
        <v>8.5649999999999995</v>
      </c>
      <c r="B878" s="3">
        <f>'CPT Data'!C886</f>
        <v>8.5579999999999998</v>
      </c>
      <c r="C878" t="str">
        <f>'CPT Data'!P886</f>
        <v>CLAY</v>
      </c>
      <c r="D878">
        <f>'CPT Data'!Q886</f>
        <v>16.607274742081277</v>
      </c>
      <c r="E878">
        <f t="shared" si="14"/>
        <v>16.201563820007234</v>
      </c>
      <c r="F878">
        <f>IF(C878="CLAY", INDEX(D$4:D878, MATCH("CLAY", C$4:C878, 0)), "")</f>
        <v>0.75203252561341039</v>
      </c>
    </row>
    <row r="879" spans="1:6" x14ac:dyDescent="0.2">
      <c r="A879" s="239">
        <f>'CPT Data'!B887</f>
        <v>8.5749999999999993</v>
      </c>
      <c r="B879" s="3">
        <f>'CPT Data'!C887</f>
        <v>8.5679999999999996</v>
      </c>
      <c r="C879" t="str">
        <f>'CPT Data'!P887</f>
        <v>CLAY</v>
      </c>
      <c r="D879">
        <f>'CPT Data'!Q887</f>
        <v>16.928267797369475</v>
      </c>
      <c r="E879">
        <f t="shared" si="14"/>
        <v>16.607274742081277</v>
      </c>
      <c r="F879">
        <f>IF(C879="CLAY", INDEX(D$4:D879, MATCH("CLAY", C$4:C879, 0)), "")</f>
        <v>0.75203252561341039</v>
      </c>
    </row>
    <row r="880" spans="1:6" x14ac:dyDescent="0.2">
      <c r="A880" s="239">
        <f>'CPT Data'!B888</f>
        <v>8.5850000000000009</v>
      </c>
      <c r="B880" s="3">
        <f>'CPT Data'!C888</f>
        <v>8.5780000000000012</v>
      </c>
      <c r="C880" t="str">
        <f>'CPT Data'!P888</f>
        <v>CLAY</v>
      </c>
      <c r="D880">
        <f>'CPT Data'!Q888</f>
        <v>16.562299201239949</v>
      </c>
      <c r="E880">
        <f t="shared" si="14"/>
        <v>16.928267797369475</v>
      </c>
      <c r="F880">
        <f>IF(C880="CLAY", INDEX(D$4:D880, MATCH("CLAY", C$4:C880, 0)), "")</f>
        <v>0.75203252561341039</v>
      </c>
    </row>
    <row r="881" spans="1:6" x14ac:dyDescent="0.2">
      <c r="A881" s="239">
        <f>'CPT Data'!B889</f>
        <v>8.5950000000000006</v>
      </c>
      <c r="B881" s="3">
        <f>'CPT Data'!C889</f>
        <v>8.588000000000001</v>
      </c>
      <c r="C881" t="str">
        <f>'CPT Data'!P889</f>
        <v>CLAY</v>
      </c>
      <c r="D881">
        <f>'CPT Data'!Q889</f>
        <v>16.802469793388983</v>
      </c>
      <c r="E881">
        <f t="shared" si="14"/>
        <v>16.562299201239949</v>
      </c>
      <c r="F881">
        <f>IF(C881="CLAY", INDEX(D$4:D881, MATCH("CLAY", C$4:C881, 0)), "")</f>
        <v>0.75203252561341039</v>
      </c>
    </row>
    <row r="882" spans="1:6" x14ac:dyDescent="0.2">
      <c r="A882" s="239">
        <f>'CPT Data'!B890</f>
        <v>8.6039999999999992</v>
      </c>
      <c r="B882" s="3">
        <f>'CPT Data'!C890</f>
        <v>8.5969999999999995</v>
      </c>
      <c r="C882" t="str">
        <f>'CPT Data'!P890</f>
        <v>CLAY</v>
      </c>
      <c r="D882">
        <f>'CPT Data'!Q890</f>
        <v>17.114521470786507</v>
      </c>
      <c r="E882">
        <f t="shared" si="14"/>
        <v>16.802469793388983</v>
      </c>
      <c r="F882">
        <f>IF(C882="CLAY", INDEX(D$4:D882, MATCH("CLAY", C$4:C882, 0)), "")</f>
        <v>0.75203252561341039</v>
      </c>
    </row>
    <row r="883" spans="1:6" x14ac:dyDescent="0.2">
      <c r="A883" s="239">
        <f>'CPT Data'!B891</f>
        <v>8.6150000000000002</v>
      </c>
      <c r="B883" s="3">
        <f>'CPT Data'!C891</f>
        <v>8.6080000000000005</v>
      </c>
      <c r="C883" t="str">
        <f>'CPT Data'!P891</f>
        <v>CLAY</v>
      </c>
      <c r="D883">
        <f>'CPT Data'!Q891</f>
        <v>17.048436960267082</v>
      </c>
      <c r="E883">
        <f t="shared" si="14"/>
        <v>17.114521470786507</v>
      </c>
      <c r="F883">
        <f>IF(C883="CLAY", INDEX(D$4:D883, MATCH("CLAY", C$4:C883, 0)), "")</f>
        <v>0.75203252561341039</v>
      </c>
    </row>
    <row r="884" spans="1:6" x14ac:dyDescent="0.2">
      <c r="A884" s="239">
        <f>'CPT Data'!B892</f>
        <v>8.6240000000000006</v>
      </c>
      <c r="B884" s="3">
        <f>'CPT Data'!C892</f>
        <v>8.6170000000000009</v>
      </c>
      <c r="C884" t="str">
        <f>'CPT Data'!P892</f>
        <v>CLAY</v>
      </c>
      <c r="D884">
        <f>'CPT Data'!Q892</f>
        <v>16.728638084961428</v>
      </c>
      <c r="E884">
        <f t="shared" si="14"/>
        <v>17.048436960267082</v>
      </c>
      <c r="F884">
        <f>IF(C884="CLAY", INDEX(D$4:D884, MATCH("CLAY", C$4:C884, 0)), "")</f>
        <v>0.75203252561341039</v>
      </c>
    </row>
    <row r="885" spans="1:6" x14ac:dyDescent="0.2">
      <c r="A885" s="239">
        <f>'CPT Data'!B893</f>
        <v>8.6349999999999998</v>
      </c>
      <c r="B885" s="3">
        <f>'CPT Data'!C893</f>
        <v>8.6280000000000001</v>
      </c>
      <c r="C885" t="str">
        <f>'CPT Data'!P893</f>
        <v>CLAY</v>
      </c>
      <c r="D885">
        <f>'CPT Data'!Q893</f>
        <v>16.268536377368097</v>
      </c>
      <c r="E885">
        <f t="shared" si="14"/>
        <v>16.728638084961428</v>
      </c>
      <c r="F885">
        <f>IF(C885="CLAY", INDEX(D$4:D885, MATCH("CLAY", C$4:C885, 0)), "")</f>
        <v>0.75203252561341039</v>
      </c>
    </row>
    <row r="886" spans="1:6" x14ac:dyDescent="0.2">
      <c r="A886" s="239">
        <f>'CPT Data'!B894</f>
        <v>8.6440000000000001</v>
      </c>
      <c r="B886" s="3">
        <f>'CPT Data'!C894</f>
        <v>8.6370000000000005</v>
      </c>
      <c r="C886" t="str">
        <f>'CPT Data'!P894</f>
        <v>CLAY</v>
      </c>
      <c r="D886">
        <f>'CPT Data'!Q894</f>
        <v>16.286159900924989</v>
      </c>
      <c r="E886">
        <f t="shared" si="14"/>
        <v>16.268536377368097</v>
      </c>
      <c r="F886">
        <f>IF(C886="CLAY", INDEX(D$4:D886, MATCH("CLAY", C$4:C886, 0)), "")</f>
        <v>0.75203252561341039</v>
      </c>
    </row>
    <row r="887" spans="1:6" x14ac:dyDescent="0.2">
      <c r="A887" s="239">
        <f>'CPT Data'!B895</f>
        <v>8.6539999999999999</v>
      </c>
      <c r="B887" s="3">
        <f>'CPT Data'!C895</f>
        <v>8.6470000000000002</v>
      </c>
      <c r="C887" t="str">
        <f>'CPT Data'!P895</f>
        <v>CLAY</v>
      </c>
      <c r="D887">
        <f>'CPT Data'!Q895</f>
        <v>16.119601588228761</v>
      </c>
      <c r="E887">
        <f t="shared" si="14"/>
        <v>16.286159900924989</v>
      </c>
      <c r="F887">
        <f>IF(C887="CLAY", INDEX(D$4:D887, MATCH("CLAY", C$4:C887, 0)), "")</f>
        <v>0.75203252561341039</v>
      </c>
    </row>
    <row r="888" spans="1:6" x14ac:dyDescent="0.2">
      <c r="A888" s="239">
        <f>'CPT Data'!B896</f>
        <v>8.6639999999999997</v>
      </c>
      <c r="B888" s="3">
        <f>'CPT Data'!C896</f>
        <v>8.657</v>
      </c>
      <c r="C888" t="str">
        <f>'CPT Data'!P896</f>
        <v>CLAY</v>
      </c>
      <c r="D888">
        <f>'CPT Data'!Q896</f>
        <v>16.040039190042471</v>
      </c>
      <c r="E888">
        <f t="shared" si="14"/>
        <v>16.119601588228761</v>
      </c>
      <c r="F888">
        <f>IF(C888="CLAY", INDEX(D$4:D888, MATCH("CLAY", C$4:C888, 0)), "")</f>
        <v>0.75203252561341039</v>
      </c>
    </row>
    <row r="889" spans="1:6" x14ac:dyDescent="0.2">
      <c r="A889" s="239">
        <f>'CPT Data'!B897</f>
        <v>8.6739999999999995</v>
      </c>
      <c r="B889" s="3">
        <f>'CPT Data'!C897</f>
        <v>8.6669999999999998</v>
      </c>
      <c r="C889" t="str">
        <f>'CPT Data'!P897</f>
        <v>CLAY</v>
      </c>
      <c r="D889">
        <f>'CPT Data'!Q897</f>
        <v>16.100587575780519</v>
      </c>
      <c r="E889">
        <f t="shared" si="14"/>
        <v>16.040039190042471</v>
      </c>
      <c r="F889">
        <f>IF(C889="CLAY", INDEX(D$4:D889, MATCH("CLAY", C$4:C889, 0)), "")</f>
        <v>0.75203252561341039</v>
      </c>
    </row>
    <row r="890" spans="1:6" x14ac:dyDescent="0.2">
      <c r="A890" s="239">
        <f>'CPT Data'!B898</f>
        <v>8.6839999999999993</v>
      </c>
      <c r="B890" s="3">
        <f>'CPT Data'!C898</f>
        <v>8.6769999999999996</v>
      </c>
      <c r="C890" t="str">
        <f>'CPT Data'!P898</f>
        <v>CLAY</v>
      </c>
      <c r="D890">
        <f>'CPT Data'!Q898</f>
        <v>16.129715364052842</v>
      </c>
      <c r="E890">
        <f t="shared" si="14"/>
        <v>16.100587575780519</v>
      </c>
      <c r="F890">
        <f>IF(C890="CLAY", INDEX(D$4:D890, MATCH("CLAY", C$4:C890, 0)), "")</f>
        <v>0.75203252561341039</v>
      </c>
    </row>
    <row r="891" spans="1:6" x14ac:dyDescent="0.2">
      <c r="A891" s="239">
        <f>'CPT Data'!B899</f>
        <v>8.6950000000000003</v>
      </c>
      <c r="B891" s="3">
        <f>'CPT Data'!C899</f>
        <v>8.6880000000000006</v>
      </c>
      <c r="C891" t="str">
        <f>'CPT Data'!P899</f>
        <v>CLAY</v>
      </c>
      <c r="D891">
        <f>'CPT Data'!Q899</f>
        <v>15.70806184878402</v>
      </c>
      <c r="E891">
        <f t="shared" si="14"/>
        <v>16.129715364052842</v>
      </c>
      <c r="F891">
        <f>IF(C891="CLAY", INDEX(D$4:D891, MATCH("CLAY", C$4:C891, 0)), "")</f>
        <v>0.75203252561341039</v>
      </c>
    </row>
    <row r="892" spans="1:6" x14ac:dyDescent="0.2">
      <c r="A892" s="239">
        <f>'CPT Data'!B900</f>
        <v>8.7040000000000006</v>
      </c>
      <c r="B892" s="3">
        <f>'CPT Data'!C900</f>
        <v>8.697000000000001</v>
      </c>
      <c r="C892" t="str">
        <f>'CPT Data'!P900</f>
        <v>CLAY</v>
      </c>
      <c r="D892">
        <f>'CPT Data'!Q900</f>
        <v>15.751154771440975</v>
      </c>
      <c r="E892">
        <f t="shared" si="14"/>
        <v>15.70806184878402</v>
      </c>
      <c r="F892">
        <f>IF(C892="CLAY", INDEX(D$4:D892, MATCH("CLAY", C$4:C892, 0)), "")</f>
        <v>0.75203252561341039</v>
      </c>
    </row>
    <row r="893" spans="1:6" x14ac:dyDescent="0.2">
      <c r="A893" s="239">
        <f>'CPT Data'!B901</f>
        <v>8.7140000000000004</v>
      </c>
      <c r="B893" s="3">
        <f>'CPT Data'!C901</f>
        <v>8.7070000000000007</v>
      </c>
      <c r="C893" t="str">
        <f>'CPT Data'!P901</f>
        <v>CLAY</v>
      </c>
      <c r="D893">
        <f>'CPT Data'!Q901</f>
        <v>16.871309890901447</v>
      </c>
      <c r="E893">
        <f t="shared" si="14"/>
        <v>15.751154771440975</v>
      </c>
      <c r="F893">
        <f>IF(C893="CLAY", INDEX(D$4:D893, MATCH("CLAY", C$4:C893, 0)), "")</f>
        <v>0.75203252561341039</v>
      </c>
    </row>
    <row r="894" spans="1:6" x14ac:dyDescent="0.2">
      <c r="A894" s="239">
        <f>'CPT Data'!B902</f>
        <v>8.7240000000000002</v>
      </c>
      <c r="B894" s="3">
        <f>'CPT Data'!C902</f>
        <v>8.7170000000000005</v>
      </c>
      <c r="C894" t="str">
        <f>'CPT Data'!P902</f>
        <v>CLAY</v>
      </c>
      <c r="D894">
        <f>'CPT Data'!Q902</f>
        <v>16.579717883284111</v>
      </c>
      <c r="E894">
        <f t="shared" si="14"/>
        <v>16.871309890901447</v>
      </c>
      <c r="F894">
        <f>IF(C894="CLAY", INDEX(D$4:D894, MATCH("CLAY", C$4:C894, 0)), "")</f>
        <v>0.75203252561341039</v>
      </c>
    </row>
    <row r="895" spans="1:6" x14ac:dyDescent="0.2">
      <c r="A895" s="239">
        <f>'CPT Data'!B903</f>
        <v>8.734</v>
      </c>
      <c r="B895" s="3">
        <f>'CPT Data'!C903</f>
        <v>8.7270000000000003</v>
      </c>
      <c r="C895" t="str">
        <f>'CPT Data'!P903</f>
        <v>CLAY</v>
      </c>
      <c r="D895">
        <f>'CPT Data'!Q903</f>
        <v>16.439039536861586</v>
      </c>
      <c r="E895">
        <f t="shared" si="14"/>
        <v>16.579717883284111</v>
      </c>
      <c r="F895">
        <f>IF(C895="CLAY", INDEX(D$4:D895, MATCH("CLAY", C$4:C895, 0)), "")</f>
        <v>0.75203252561341039</v>
      </c>
    </row>
    <row r="896" spans="1:6" x14ac:dyDescent="0.2">
      <c r="A896" s="239">
        <f>'CPT Data'!B904</f>
        <v>8.7430000000000003</v>
      </c>
      <c r="B896" s="3">
        <f>'CPT Data'!C904</f>
        <v>8.7360000000000007</v>
      </c>
      <c r="C896" t="str">
        <f>'CPT Data'!P904</f>
        <v>CLAY</v>
      </c>
      <c r="D896">
        <f>'CPT Data'!Q904</f>
        <v>16.383738749284003</v>
      </c>
      <c r="E896">
        <f t="shared" si="14"/>
        <v>16.439039536861586</v>
      </c>
      <c r="F896">
        <f>IF(C896="CLAY", INDEX(D$4:D896, MATCH("CLAY", C$4:C896, 0)), "")</f>
        <v>0.75203252561341039</v>
      </c>
    </row>
    <row r="897" spans="1:6" x14ac:dyDescent="0.2">
      <c r="A897" s="239">
        <f>'CPT Data'!B905</f>
        <v>8.7539999999999996</v>
      </c>
      <c r="B897" s="3">
        <f>'CPT Data'!C905</f>
        <v>8.7469999999999999</v>
      </c>
      <c r="C897" t="str">
        <f>'CPT Data'!P905</f>
        <v>CLAY</v>
      </c>
      <c r="D897">
        <f>'CPT Data'!Q905</f>
        <v>16.785599297545932</v>
      </c>
      <c r="E897">
        <f t="shared" si="14"/>
        <v>16.383738749284003</v>
      </c>
      <c r="F897">
        <f>IF(C897="CLAY", INDEX(D$4:D897, MATCH("CLAY", C$4:C897, 0)), "")</f>
        <v>0.75203252561341039</v>
      </c>
    </row>
    <row r="898" spans="1:6" x14ac:dyDescent="0.2">
      <c r="A898" s="239">
        <f>'CPT Data'!B906</f>
        <v>8.7629999999999999</v>
      </c>
      <c r="B898" s="3">
        <f>'CPT Data'!C906</f>
        <v>8.7560000000000002</v>
      </c>
      <c r="C898" t="str">
        <f>'CPT Data'!P906</f>
        <v>CLAY</v>
      </c>
      <c r="D898">
        <f>'CPT Data'!Q906</f>
        <v>17.034943455080253</v>
      </c>
      <c r="E898">
        <f t="shared" si="14"/>
        <v>16.785599297545932</v>
      </c>
      <c r="F898">
        <f>IF(C898="CLAY", INDEX(D$4:D898, MATCH("CLAY", C$4:C898, 0)), "")</f>
        <v>0.75203252561341039</v>
      </c>
    </row>
    <row r="899" spans="1:6" x14ac:dyDescent="0.2">
      <c r="A899" s="239">
        <f>'CPT Data'!B907</f>
        <v>8.7739999999999991</v>
      </c>
      <c r="B899" s="3">
        <f>'CPT Data'!C907</f>
        <v>8.7669999999999995</v>
      </c>
      <c r="C899" t="str">
        <f>'CPT Data'!P907</f>
        <v>CLAY</v>
      </c>
      <c r="D899">
        <f>'CPT Data'!Q907</f>
        <v>17.34935545207054</v>
      </c>
      <c r="E899">
        <f t="shared" si="14"/>
        <v>17.034943455080253</v>
      </c>
      <c r="F899">
        <f>IF(C899="CLAY", INDEX(D$4:D899, MATCH("CLAY", C$4:C899, 0)), "")</f>
        <v>0.75203252561341039</v>
      </c>
    </row>
    <row r="900" spans="1:6" x14ac:dyDescent="0.2">
      <c r="A900" s="239">
        <f>'CPT Data'!B908</f>
        <v>8.7829999999999995</v>
      </c>
      <c r="B900" s="3">
        <f>'CPT Data'!C908</f>
        <v>8.7759999999999998</v>
      </c>
      <c r="C900" t="str">
        <f>'CPT Data'!P908</f>
        <v>CLAY</v>
      </c>
      <c r="D900">
        <f>'CPT Data'!Q908</f>
        <v>16.905791497446728</v>
      </c>
      <c r="E900">
        <f t="shared" si="14"/>
        <v>17.34935545207054</v>
      </c>
      <c r="F900">
        <f>IF(C900="CLAY", INDEX(D$4:D900, MATCH("CLAY", C$4:C900, 0)), "")</f>
        <v>0.75203252561341039</v>
      </c>
    </row>
    <row r="901" spans="1:6" x14ac:dyDescent="0.2">
      <c r="A901" s="239">
        <f>'CPT Data'!B909</f>
        <v>8.7940000000000005</v>
      </c>
      <c r="B901" s="3">
        <f>'CPT Data'!C909</f>
        <v>8.7870000000000008</v>
      </c>
      <c r="C901" t="str">
        <f>'CPT Data'!P909</f>
        <v>CLAY</v>
      </c>
      <c r="D901">
        <f>'CPT Data'!Q909</f>
        <v>16.089267047533237</v>
      </c>
      <c r="E901">
        <f t="shared" si="14"/>
        <v>16.905791497446728</v>
      </c>
      <c r="F901">
        <f>IF(C901="CLAY", INDEX(D$4:D901, MATCH("CLAY", C$4:C901, 0)), "")</f>
        <v>0.75203252561341039</v>
      </c>
    </row>
    <row r="902" spans="1:6" x14ac:dyDescent="0.2">
      <c r="A902" s="239">
        <f>'CPT Data'!B910</f>
        <v>8.8040000000000003</v>
      </c>
      <c r="B902" s="3">
        <f>'CPT Data'!C910</f>
        <v>8.7970000000000006</v>
      </c>
      <c r="C902" t="str">
        <f>'CPT Data'!P910</f>
        <v>CLAY</v>
      </c>
      <c r="D902">
        <f>'CPT Data'!Q910</f>
        <v>15.908465177494202</v>
      </c>
      <c r="E902">
        <f t="shared" si="14"/>
        <v>16.089267047533237</v>
      </c>
      <c r="F902">
        <f>IF(C902="CLAY", INDEX(D$4:D902, MATCH("CLAY", C$4:C902, 0)), "")</f>
        <v>0.75203252561341039</v>
      </c>
    </row>
    <row r="903" spans="1:6" x14ac:dyDescent="0.2">
      <c r="A903" s="239">
        <f>'CPT Data'!B911</f>
        <v>8.8140000000000001</v>
      </c>
      <c r="B903" s="3">
        <f>'CPT Data'!C911</f>
        <v>8.8070000000000004</v>
      </c>
      <c r="C903" t="str">
        <f>'CPT Data'!P911</f>
        <v>CLAY</v>
      </c>
      <c r="D903">
        <f>'CPT Data'!Q911</f>
        <v>16.718329003492723</v>
      </c>
      <c r="E903">
        <f t="shared" si="14"/>
        <v>15.908465177494202</v>
      </c>
      <c r="F903">
        <f>IF(C903="CLAY", INDEX(D$4:D903, MATCH("CLAY", C$4:C903, 0)), "")</f>
        <v>0.75203252561341039</v>
      </c>
    </row>
    <row r="904" spans="1:6" x14ac:dyDescent="0.2">
      <c r="A904" s="239">
        <f>'CPT Data'!B912</f>
        <v>8.8230000000000004</v>
      </c>
      <c r="B904" s="3">
        <f>'CPT Data'!C912</f>
        <v>8.8160000000000007</v>
      </c>
      <c r="C904" t="str">
        <f>'CPT Data'!P912</f>
        <v>CLAY</v>
      </c>
      <c r="D904">
        <f>'CPT Data'!Q912</f>
        <v>16.977081250768816</v>
      </c>
      <c r="E904">
        <f t="shared" si="14"/>
        <v>16.718329003492723</v>
      </c>
      <c r="F904">
        <f>IF(C904="CLAY", INDEX(D$4:D904, MATCH("CLAY", C$4:C904, 0)), "")</f>
        <v>0.75203252561341039</v>
      </c>
    </row>
    <row r="905" spans="1:6" x14ac:dyDescent="0.2">
      <c r="A905" s="239">
        <f>'CPT Data'!B913</f>
        <v>8.8339999999999996</v>
      </c>
      <c r="B905" s="3">
        <f>'CPT Data'!C913</f>
        <v>8.827</v>
      </c>
      <c r="C905" t="str">
        <f>'CPT Data'!P913</f>
        <v>CLAY</v>
      </c>
      <c r="D905">
        <f>'CPT Data'!Q913</f>
        <v>20.837639626838865</v>
      </c>
      <c r="E905">
        <f t="shared" si="14"/>
        <v>16.977081250768816</v>
      </c>
      <c r="F905">
        <f>IF(C905="CLAY", INDEX(D$4:D905, MATCH("CLAY", C$4:C905, 0)), "")</f>
        <v>0.75203252561341039</v>
      </c>
    </row>
    <row r="906" spans="1:6" x14ac:dyDescent="0.2">
      <c r="A906" s="239">
        <f>'CPT Data'!B914</f>
        <v>8.843</v>
      </c>
      <c r="B906" s="3">
        <f>'CPT Data'!C914</f>
        <v>8.8360000000000003</v>
      </c>
      <c r="C906" t="str">
        <f>'CPT Data'!P914</f>
        <v>CLAY</v>
      </c>
      <c r="D906">
        <f>'CPT Data'!Q914</f>
        <v>21.011215787221047</v>
      </c>
      <c r="E906">
        <f t="shared" si="14"/>
        <v>20.837639626838865</v>
      </c>
      <c r="F906">
        <f>IF(C906="CLAY", INDEX(D$4:D906, MATCH("CLAY", C$4:C906, 0)), "")</f>
        <v>0.75203252561341039</v>
      </c>
    </row>
    <row r="907" spans="1:6" x14ac:dyDescent="0.2">
      <c r="A907" s="239">
        <f>'CPT Data'!B915</f>
        <v>8.8539999999999992</v>
      </c>
      <c r="B907" s="3">
        <f>'CPT Data'!C915</f>
        <v>8.8469999999999995</v>
      </c>
      <c r="C907" t="str">
        <f>'CPT Data'!P915</f>
        <v>CLAY</v>
      </c>
      <c r="D907">
        <f>'CPT Data'!Q915</f>
        <v>22.917392831925099</v>
      </c>
      <c r="E907">
        <f t="shared" si="14"/>
        <v>21.011215787221047</v>
      </c>
      <c r="F907">
        <f>IF(C907="CLAY", INDEX(D$4:D907, MATCH("CLAY", C$4:C907, 0)), "")</f>
        <v>0.75203252561341039</v>
      </c>
    </row>
    <row r="908" spans="1:6" x14ac:dyDescent="0.2">
      <c r="A908" s="239">
        <f>'CPT Data'!B916</f>
        <v>8.8640000000000008</v>
      </c>
      <c r="B908" s="3">
        <f>'CPT Data'!C916</f>
        <v>8.8570000000000011</v>
      </c>
      <c r="C908" t="str">
        <f>'CPT Data'!P916</f>
        <v>CLAY</v>
      </c>
      <c r="D908">
        <f>'CPT Data'!Q916</f>
        <v>25.376879411455089</v>
      </c>
      <c r="E908">
        <f t="shared" si="14"/>
        <v>22.917392831925099</v>
      </c>
      <c r="F908">
        <f>IF(C908="CLAY", INDEX(D$4:D908, MATCH("CLAY", C$4:C908, 0)), "")</f>
        <v>0.75203252561341039</v>
      </c>
    </row>
    <row r="909" spans="1:6" x14ac:dyDescent="0.2">
      <c r="A909" s="239">
        <f>'CPT Data'!B917</f>
        <v>8.8740000000000006</v>
      </c>
      <c r="B909" s="3">
        <f>'CPT Data'!C917</f>
        <v>8.8670000000000009</v>
      </c>
      <c r="C909" t="str">
        <f>'CPT Data'!P917</f>
        <v>CLAY</v>
      </c>
      <c r="D909">
        <f>'CPT Data'!Q917</f>
        <v>26.055504042376526</v>
      </c>
      <c r="E909">
        <f t="shared" si="14"/>
        <v>25.376879411455089</v>
      </c>
      <c r="F909">
        <f>IF(C909="CLAY", INDEX(D$4:D909, MATCH("CLAY", C$4:C909, 0)), "")</f>
        <v>0.75203252561341039</v>
      </c>
    </row>
    <row r="910" spans="1:6" x14ac:dyDescent="0.2">
      <c r="A910" s="239">
        <f>'CPT Data'!B918</f>
        <v>8.8849999999999998</v>
      </c>
      <c r="B910" s="3">
        <f>'CPT Data'!C918</f>
        <v>8.8780000000000001</v>
      </c>
      <c r="C910" t="str">
        <f>'CPT Data'!P918</f>
        <v>CLAY</v>
      </c>
      <c r="D910">
        <f>'CPT Data'!Q918</f>
        <v>19.363014795043146</v>
      </c>
      <c r="E910">
        <f t="shared" si="14"/>
        <v>26.055504042376526</v>
      </c>
      <c r="F910">
        <f>IF(C910="CLAY", INDEX(D$4:D910, MATCH("CLAY", C$4:C910, 0)), "")</f>
        <v>0.75203252561341039</v>
      </c>
    </row>
    <row r="911" spans="1:6" x14ac:dyDescent="0.2">
      <c r="A911" s="239">
        <f>'CPT Data'!B919</f>
        <v>8.8940000000000001</v>
      </c>
      <c r="B911" s="3">
        <f>'CPT Data'!C919</f>
        <v>8.8870000000000005</v>
      </c>
      <c r="C911" t="str">
        <f>'CPT Data'!P919</f>
        <v>CLAY</v>
      </c>
      <c r="D911">
        <f>'CPT Data'!Q919</f>
        <v>17.482153195122248</v>
      </c>
      <c r="E911">
        <f t="shared" si="14"/>
        <v>19.363014795043146</v>
      </c>
      <c r="F911">
        <f>IF(C911="CLAY", INDEX(D$4:D911, MATCH("CLAY", C$4:C911, 0)), "")</f>
        <v>0.75203252561341039</v>
      </c>
    </row>
    <row r="912" spans="1:6" x14ac:dyDescent="0.2">
      <c r="A912" s="239">
        <f>'CPT Data'!B920</f>
        <v>8.9039999999999999</v>
      </c>
      <c r="B912" s="3">
        <f>'CPT Data'!C920</f>
        <v>8.8970000000000002</v>
      </c>
      <c r="C912" t="str">
        <f>'CPT Data'!P920</f>
        <v>CLAY</v>
      </c>
      <c r="D912">
        <f>'CPT Data'!Q920</f>
        <v>17.923336793145854</v>
      </c>
      <c r="E912">
        <f t="shared" si="14"/>
        <v>17.482153195122248</v>
      </c>
      <c r="F912">
        <f>IF(C912="CLAY", INDEX(D$4:D912, MATCH("CLAY", C$4:C912, 0)), "")</f>
        <v>0.75203252561341039</v>
      </c>
    </row>
    <row r="913" spans="1:6" x14ac:dyDescent="0.2">
      <c r="A913" s="239">
        <f>'CPT Data'!B921</f>
        <v>8.9130000000000003</v>
      </c>
      <c r="B913" s="3">
        <f>'CPT Data'!C921</f>
        <v>8.9060000000000006</v>
      </c>
      <c r="C913" t="str">
        <f>'CPT Data'!P921</f>
        <v>CLAY</v>
      </c>
      <c r="D913">
        <f>'CPT Data'!Q921</f>
        <v>16.109907519597403</v>
      </c>
      <c r="E913">
        <f t="shared" si="14"/>
        <v>17.923336793145854</v>
      </c>
      <c r="F913">
        <f>IF(C913="CLAY", INDEX(D$4:D913, MATCH("CLAY", C$4:C913, 0)), "")</f>
        <v>0.75203252561341039</v>
      </c>
    </row>
    <row r="914" spans="1:6" x14ac:dyDescent="0.2">
      <c r="A914" s="239">
        <f>'CPT Data'!B922</f>
        <v>8.9239999999999995</v>
      </c>
      <c r="B914" s="3">
        <f>'CPT Data'!C922</f>
        <v>8.9169999999999998</v>
      </c>
      <c r="C914" t="str">
        <f>'CPT Data'!P922</f>
        <v>CLAY</v>
      </c>
      <c r="D914">
        <f>'CPT Data'!Q922</f>
        <v>16.05807366518874</v>
      </c>
      <c r="E914">
        <f t="shared" si="14"/>
        <v>16.109907519597403</v>
      </c>
      <c r="F914">
        <f>IF(C914="CLAY", INDEX(D$4:D914, MATCH("CLAY", C$4:C914, 0)), "")</f>
        <v>0.75203252561341039</v>
      </c>
    </row>
    <row r="915" spans="1:6" x14ac:dyDescent="0.2">
      <c r="A915" s="239">
        <f>'CPT Data'!B923</f>
        <v>8.9329999999999998</v>
      </c>
      <c r="B915" s="3">
        <f>'CPT Data'!C923</f>
        <v>8.9260000000000002</v>
      </c>
      <c r="C915" t="str">
        <f>'CPT Data'!P923</f>
        <v>CLAY</v>
      </c>
      <c r="D915">
        <f>'CPT Data'!Q923</f>
        <v>16.157341100051102</v>
      </c>
      <c r="E915">
        <f t="shared" si="14"/>
        <v>16.05807366518874</v>
      </c>
      <c r="F915">
        <f>IF(C915="CLAY", INDEX(D$4:D915, MATCH("CLAY", C$4:C915, 0)), "")</f>
        <v>0.75203252561341039</v>
      </c>
    </row>
    <row r="916" spans="1:6" x14ac:dyDescent="0.2">
      <c r="A916" s="239">
        <f>'CPT Data'!B924</f>
        <v>8.9440000000000008</v>
      </c>
      <c r="B916" s="3">
        <f>'CPT Data'!C924</f>
        <v>8.9370000000000012</v>
      </c>
      <c r="C916" t="str">
        <f>'CPT Data'!P924</f>
        <v>CLAY</v>
      </c>
      <c r="D916">
        <f>'CPT Data'!Q924</f>
        <v>16.818304408432692</v>
      </c>
      <c r="E916">
        <f t="shared" si="14"/>
        <v>16.157341100051102</v>
      </c>
      <c r="F916">
        <f>IF(C916="CLAY", INDEX(D$4:D916, MATCH("CLAY", C$4:C916, 0)), "")</f>
        <v>0.75203252561341039</v>
      </c>
    </row>
    <row r="917" spans="1:6" x14ac:dyDescent="0.2">
      <c r="A917" s="239">
        <f>'CPT Data'!B925</f>
        <v>8.9529999999999994</v>
      </c>
      <c r="B917" s="3">
        <f>'CPT Data'!C925</f>
        <v>8.9459999999999997</v>
      </c>
      <c r="C917" t="str">
        <f>'CPT Data'!P925</f>
        <v>CLAY</v>
      </c>
      <c r="D917">
        <f>'CPT Data'!Q925</f>
        <v>16.79209708435766</v>
      </c>
      <c r="E917">
        <f t="shared" si="14"/>
        <v>16.818304408432692</v>
      </c>
      <c r="F917">
        <f>IF(C917="CLAY", INDEX(D$4:D917, MATCH("CLAY", C$4:C917, 0)), "")</f>
        <v>0.75203252561341039</v>
      </c>
    </row>
    <row r="918" spans="1:6" x14ac:dyDescent="0.2">
      <c r="A918" s="239">
        <f>'CPT Data'!B926</f>
        <v>9.0129999999999999</v>
      </c>
      <c r="B918" s="3">
        <f>'CPT Data'!C926</f>
        <v>9.0060000000000002</v>
      </c>
      <c r="C918" t="str">
        <f>'CPT Data'!P926</f>
        <v>CLAY</v>
      </c>
      <c r="D918">
        <f>'CPT Data'!Q926</f>
        <v>17.879912091725604</v>
      </c>
      <c r="E918">
        <f t="shared" si="14"/>
        <v>16.79209708435766</v>
      </c>
      <c r="F918">
        <f>IF(C918="CLAY", INDEX(D$4:D918, MATCH("CLAY", C$4:C918, 0)), "")</f>
        <v>0.75203252561341039</v>
      </c>
    </row>
    <row r="919" spans="1:6" x14ac:dyDescent="0.2">
      <c r="A919" s="239">
        <f>'CPT Data'!B927</f>
        <v>9.0229999999999997</v>
      </c>
      <c r="B919" s="3">
        <f>'CPT Data'!C927</f>
        <v>9.016</v>
      </c>
      <c r="C919" t="str">
        <f>'CPT Data'!P927</f>
        <v>CLAY</v>
      </c>
      <c r="D919">
        <f>'CPT Data'!Q927</f>
        <v>17.039343472776981</v>
      </c>
      <c r="E919">
        <f t="shared" si="14"/>
        <v>17.879912091725604</v>
      </c>
      <c r="F919">
        <f>IF(C919="CLAY", INDEX(D$4:D919, MATCH("CLAY", C$4:C919, 0)), "")</f>
        <v>0.75203252561341039</v>
      </c>
    </row>
    <row r="920" spans="1:6" x14ac:dyDescent="0.2">
      <c r="A920" s="239">
        <f>'CPT Data'!B928</f>
        <v>9.032</v>
      </c>
      <c r="B920" s="3">
        <f>'CPT Data'!C928</f>
        <v>9.0250000000000004</v>
      </c>
      <c r="C920" t="str">
        <f>'CPT Data'!P928</f>
        <v>CLAY</v>
      </c>
      <c r="D920">
        <f>'CPT Data'!Q928</f>
        <v>17.054332791887457</v>
      </c>
      <c r="E920">
        <f t="shared" si="14"/>
        <v>17.039343472776981</v>
      </c>
      <c r="F920">
        <f>IF(C920="CLAY", INDEX(D$4:D920, MATCH("CLAY", C$4:C920, 0)), "")</f>
        <v>0.75203252561341039</v>
      </c>
    </row>
    <row r="921" spans="1:6" x14ac:dyDescent="0.2">
      <c r="A921" s="239">
        <f>'CPT Data'!B929</f>
        <v>9.0429999999999993</v>
      </c>
      <c r="B921" s="3">
        <f>'CPT Data'!C929</f>
        <v>9.0359999999999996</v>
      </c>
      <c r="C921" t="str">
        <f>'CPT Data'!P929</f>
        <v>CLAY</v>
      </c>
      <c r="D921">
        <f>'CPT Data'!Q929</f>
        <v>16.715932834995883</v>
      </c>
      <c r="E921">
        <f t="shared" si="14"/>
        <v>17.054332791887457</v>
      </c>
      <c r="F921">
        <f>IF(C921="CLAY", INDEX(D$4:D921, MATCH("CLAY", C$4:C921, 0)), "")</f>
        <v>0.75203252561341039</v>
      </c>
    </row>
    <row r="922" spans="1:6" x14ac:dyDescent="0.2">
      <c r="A922" s="239">
        <f>'CPT Data'!B930</f>
        <v>9.0519999999999996</v>
      </c>
      <c r="B922" s="3">
        <f>'CPT Data'!C930</f>
        <v>9.0449999999999999</v>
      </c>
      <c r="C922" t="str">
        <f>'CPT Data'!P930</f>
        <v>CLAY</v>
      </c>
      <c r="D922">
        <f>'CPT Data'!Q930</f>
        <v>17.287916599781365</v>
      </c>
      <c r="E922">
        <f t="shared" si="14"/>
        <v>16.715932834995883</v>
      </c>
      <c r="F922">
        <f>IF(C922="CLAY", INDEX(D$4:D922, MATCH("CLAY", C$4:C922, 0)), "")</f>
        <v>0.75203252561341039</v>
      </c>
    </row>
    <row r="923" spans="1:6" x14ac:dyDescent="0.2">
      <c r="A923" s="239">
        <f>'CPT Data'!B931</f>
        <v>9.0609999999999999</v>
      </c>
      <c r="B923" s="3">
        <f>'CPT Data'!C931</f>
        <v>9.0540000000000003</v>
      </c>
      <c r="C923" t="str">
        <f>'CPT Data'!P931</f>
        <v>CLAY</v>
      </c>
      <c r="D923">
        <f>'CPT Data'!Q931</f>
        <v>18.259560259653046</v>
      </c>
      <c r="E923">
        <f t="shared" ref="E923:E986" si="15">IF(C923="SAND",#N/A,IF(C923=C922,D922,IF(C923="CLAY",D923,#N/A)))</f>
        <v>17.287916599781365</v>
      </c>
      <c r="F923">
        <f>IF(C923="CLAY", INDEX(D$4:D923, MATCH("CLAY", C$4:C923, 0)), "")</f>
        <v>0.75203252561341039</v>
      </c>
    </row>
    <row r="924" spans="1:6" x14ac:dyDescent="0.2">
      <c r="A924" s="239">
        <f>'CPT Data'!B932</f>
        <v>9.0719999999999992</v>
      </c>
      <c r="B924" s="3">
        <f>'CPT Data'!C932</f>
        <v>9.0649999999999995</v>
      </c>
      <c r="C924" t="str">
        <f>'CPT Data'!P932</f>
        <v>CLAY</v>
      </c>
      <c r="D924">
        <f>'CPT Data'!Q932</f>
        <v>18.032593910999196</v>
      </c>
      <c r="E924">
        <f t="shared" si="15"/>
        <v>18.259560259653046</v>
      </c>
      <c r="F924">
        <f>IF(C924="CLAY", INDEX(D$4:D924, MATCH("CLAY", C$4:C924, 0)), "")</f>
        <v>0.75203252561341039</v>
      </c>
    </row>
    <row r="925" spans="1:6" x14ac:dyDescent="0.2">
      <c r="A925" s="239">
        <f>'CPT Data'!B933</f>
        <v>9.0820000000000007</v>
      </c>
      <c r="B925" s="3">
        <f>'CPT Data'!C933</f>
        <v>9.0750000000000011</v>
      </c>
      <c r="C925" t="str">
        <f>'CPT Data'!P933</f>
        <v>CLAY</v>
      </c>
      <c r="D925">
        <f>'CPT Data'!Q933</f>
        <v>17.543234215124006</v>
      </c>
      <c r="E925">
        <f t="shared" si="15"/>
        <v>18.032593910999196</v>
      </c>
      <c r="F925">
        <f>IF(C925="CLAY", INDEX(D$4:D925, MATCH("CLAY", C$4:C925, 0)), "")</f>
        <v>0.75203252561341039</v>
      </c>
    </row>
    <row r="926" spans="1:6" x14ac:dyDescent="0.2">
      <c r="A926" s="239">
        <f>'CPT Data'!B934</f>
        <v>9.0920000000000005</v>
      </c>
      <c r="B926" s="3">
        <f>'CPT Data'!C934</f>
        <v>9.0850000000000009</v>
      </c>
      <c r="C926" t="str">
        <f>'CPT Data'!P934</f>
        <v>CLAY</v>
      </c>
      <c r="D926">
        <f>'CPT Data'!Q934</f>
        <v>17.756630784167523</v>
      </c>
      <c r="E926">
        <f t="shared" si="15"/>
        <v>17.543234215124006</v>
      </c>
      <c r="F926">
        <f>IF(C926="CLAY", INDEX(D$4:D926, MATCH("CLAY", C$4:C926, 0)), "")</f>
        <v>0.75203252561341039</v>
      </c>
    </row>
    <row r="927" spans="1:6" x14ac:dyDescent="0.2">
      <c r="A927" s="239">
        <f>'CPT Data'!B935</f>
        <v>9.1010000000000009</v>
      </c>
      <c r="B927" s="3">
        <f>'CPT Data'!C935</f>
        <v>9.0940000000000012</v>
      </c>
      <c r="C927" t="str">
        <f>'CPT Data'!P935</f>
        <v>CLAY</v>
      </c>
      <c r="D927">
        <f>'CPT Data'!Q935</f>
        <v>17.988018391545793</v>
      </c>
      <c r="E927">
        <f t="shared" si="15"/>
        <v>17.756630784167523</v>
      </c>
      <c r="F927">
        <f>IF(C927="CLAY", INDEX(D$4:D927, MATCH("CLAY", C$4:C927, 0)), "")</f>
        <v>0.75203252561341039</v>
      </c>
    </row>
    <row r="928" spans="1:6" x14ac:dyDescent="0.2">
      <c r="A928" s="239">
        <f>'CPT Data'!B936</f>
        <v>9.1120000000000001</v>
      </c>
      <c r="B928" s="3">
        <f>'CPT Data'!C936</f>
        <v>9.1050000000000004</v>
      </c>
      <c r="C928" t="str">
        <f>'CPT Data'!P936</f>
        <v>CLAY</v>
      </c>
      <c r="D928">
        <f>'CPT Data'!Q936</f>
        <v>18.531250964001618</v>
      </c>
      <c r="E928">
        <f t="shared" si="15"/>
        <v>17.988018391545793</v>
      </c>
      <c r="F928">
        <f>IF(C928="CLAY", INDEX(D$4:D928, MATCH("CLAY", C$4:C928, 0)), "")</f>
        <v>0.75203252561341039</v>
      </c>
    </row>
    <row r="929" spans="1:6" x14ac:dyDescent="0.2">
      <c r="A929" s="239">
        <f>'CPT Data'!B937</f>
        <v>9.1219999999999999</v>
      </c>
      <c r="B929" s="3">
        <f>'CPT Data'!C937</f>
        <v>9.1150000000000002</v>
      </c>
      <c r="C929" t="str">
        <f>'CPT Data'!P937</f>
        <v>CLAY</v>
      </c>
      <c r="D929">
        <f>'CPT Data'!Q937</f>
        <v>19.060026141453339</v>
      </c>
      <c r="E929">
        <f t="shared" si="15"/>
        <v>18.531250964001618</v>
      </c>
      <c r="F929">
        <f>IF(C929="CLAY", INDEX(D$4:D929, MATCH("CLAY", C$4:C929, 0)), "")</f>
        <v>0.75203252561341039</v>
      </c>
    </row>
    <row r="930" spans="1:6" x14ac:dyDescent="0.2">
      <c r="A930" s="239">
        <f>'CPT Data'!B938</f>
        <v>9.1319999999999997</v>
      </c>
      <c r="B930" s="3">
        <f>'CPT Data'!C938</f>
        <v>9.125</v>
      </c>
      <c r="C930" t="str">
        <f>'CPT Data'!P938</f>
        <v>CLAY</v>
      </c>
      <c r="D930">
        <f>'CPT Data'!Q938</f>
        <v>20.384499287214691</v>
      </c>
      <c r="E930">
        <f t="shared" si="15"/>
        <v>19.060026141453339</v>
      </c>
      <c r="F930">
        <f>IF(C930="CLAY", INDEX(D$4:D930, MATCH("CLAY", C$4:C930, 0)), "")</f>
        <v>0.75203252561341039</v>
      </c>
    </row>
    <row r="931" spans="1:6" x14ac:dyDescent="0.2">
      <c r="A931" s="239">
        <f>'CPT Data'!B939</f>
        <v>9.1419999999999995</v>
      </c>
      <c r="B931" s="3">
        <f>'CPT Data'!C939</f>
        <v>9.1349999999999998</v>
      </c>
      <c r="C931" t="str">
        <f>'CPT Data'!P939</f>
        <v>CLAY</v>
      </c>
      <c r="D931">
        <f>'CPT Data'!Q939</f>
        <v>20.531438448485037</v>
      </c>
      <c r="E931">
        <f t="shared" si="15"/>
        <v>20.384499287214691</v>
      </c>
      <c r="F931">
        <f>IF(C931="CLAY", INDEX(D$4:D931, MATCH("CLAY", C$4:C931, 0)), "")</f>
        <v>0.75203252561341039</v>
      </c>
    </row>
    <row r="932" spans="1:6" x14ac:dyDescent="0.2">
      <c r="A932" s="239">
        <f>'CPT Data'!B940</f>
        <v>9.1519999999999992</v>
      </c>
      <c r="B932" s="3">
        <f>'CPT Data'!C940</f>
        <v>9.1449999999999996</v>
      </c>
      <c r="C932" t="str">
        <f>'CPT Data'!P940</f>
        <v>CLAY</v>
      </c>
      <c r="D932">
        <f>'CPT Data'!Q940</f>
        <v>20.064322644814641</v>
      </c>
      <c r="E932">
        <f t="shared" si="15"/>
        <v>20.531438448485037</v>
      </c>
      <c r="F932">
        <f>IF(C932="CLAY", INDEX(D$4:D932, MATCH("CLAY", C$4:C932, 0)), "")</f>
        <v>0.75203252561341039</v>
      </c>
    </row>
    <row r="933" spans="1:6" x14ac:dyDescent="0.2">
      <c r="A933" s="239">
        <f>'CPT Data'!B941</f>
        <v>9.1620000000000008</v>
      </c>
      <c r="B933" s="3">
        <f>'CPT Data'!C941</f>
        <v>9.1550000000000011</v>
      </c>
      <c r="C933" t="str">
        <f>'CPT Data'!P941</f>
        <v>CLAY</v>
      </c>
      <c r="D933">
        <f>'CPT Data'!Q941</f>
        <v>19.458863145714997</v>
      </c>
      <c r="E933">
        <f t="shared" si="15"/>
        <v>20.064322644814641</v>
      </c>
      <c r="F933">
        <f>IF(C933="CLAY", INDEX(D$4:D933, MATCH("CLAY", C$4:C933, 0)), "")</f>
        <v>0.75203252561341039</v>
      </c>
    </row>
    <row r="934" spans="1:6" x14ac:dyDescent="0.2">
      <c r="A934" s="239">
        <f>'CPT Data'!B942</f>
        <v>9.173</v>
      </c>
      <c r="B934" s="3">
        <f>'CPT Data'!C942</f>
        <v>9.1660000000000004</v>
      </c>
      <c r="C934" t="str">
        <f>'CPT Data'!P942</f>
        <v>CLAY</v>
      </c>
      <c r="D934">
        <f>'CPT Data'!Q942</f>
        <v>18.757833026312696</v>
      </c>
      <c r="E934">
        <f t="shared" si="15"/>
        <v>19.458863145714997</v>
      </c>
      <c r="F934">
        <f>IF(C934="CLAY", INDEX(D$4:D934, MATCH("CLAY", C$4:C934, 0)), "")</f>
        <v>0.75203252561341039</v>
      </c>
    </row>
    <row r="935" spans="1:6" x14ac:dyDescent="0.2">
      <c r="A935" s="239">
        <f>'CPT Data'!B943</f>
        <v>9.1820000000000004</v>
      </c>
      <c r="B935" s="3">
        <f>'CPT Data'!C943</f>
        <v>9.1750000000000007</v>
      </c>
      <c r="C935" t="str">
        <f>'CPT Data'!P943</f>
        <v>CLAY</v>
      </c>
      <c r="D935">
        <f>'CPT Data'!Q943</f>
        <v>18.236682557100337</v>
      </c>
      <c r="E935">
        <f t="shared" si="15"/>
        <v>18.757833026312696</v>
      </c>
      <c r="F935">
        <f>IF(C935="CLAY", INDEX(D$4:D935, MATCH("CLAY", C$4:C935, 0)), "")</f>
        <v>0.75203252561341039</v>
      </c>
    </row>
    <row r="936" spans="1:6" x14ac:dyDescent="0.2">
      <c r="A936" s="239">
        <f>'CPT Data'!B944</f>
        <v>9.1920000000000002</v>
      </c>
      <c r="B936" s="3">
        <f>'CPT Data'!C944</f>
        <v>9.1850000000000005</v>
      </c>
      <c r="C936" t="str">
        <f>'CPT Data'!P944</f>
        <v>CLAY</v>
      </c>
      <c r="D936">
        <f>'CPT Data'!Q944</f>
        <v>17.628095012202643</v>
      </c>
      <c r="E936">
        <f t="shared" si="15"/>
        <v>18.236682557100337</v>
      </c>
      <c r="F936">
        <f>IF(C936="CLAY", INDEX(D$4:D936, MATCH("CLAY", C$4:C936, 0)), "")</f>
        <v>0.75203252561341039</v>
      </c>
    </row>
    <row r="937" spans="1:6" x14ac:dyDescent="0.2">
      <c r="A937" s="239">
        <f>'CPT Data'!B945</f>
        <v>9.2029999999999994</v>
      </c>
      <c r="B937" s="3">
        <f>'CPT Data'!C945</f>
        <v>9.1959999999999997</v>
      </c>
      <c r="C937" t="str">
        <f>'CPT Data'!P945</f>
        <v>CLAY</v>
      </c>
      <c r="D937">
        <f>'CPT Data'!Q945</f>
        <v>17.189966583131913</v>
      </c>
      <c r="E937">
        <f t="shared" si="15"/>
        <v>17.628095012202643</v>
      </c>
      <c r="F937">
        <f>IF(C937="CLAY", INDEX(D$4:D937, MATCH("CLAY", C$4:C937, 0)), "")</f>
        <v>0.75203252561341039</v>
      </c>
    </row>
    <row r="938" spans="1:6" x14ac:dyDescent="0.2">
      <c r="A938" s="239">
        <f>'CPT Data'!B946</f>
        <v>9.2119999999999997</v>
      </c>
      <c r="B938" s="3">
        <f>'CPT Data'!C946</f>
        <v>9.2050000000000001</v>
      </c>
      <c r="C938" t="str">
        <f>'CPT Data'!P946</f>
        <v>CLAY</v>
      </c>
      <c r="D938">
        <f>'CPT Data'!Q946</f>
        <v>17.284215530381069</v>
      </c>
      <c r="E938">
        <f t="shared" si="15"/>
        <v>17.189966583131913</v>
      </c>
      <c r="F938">
        <f>IF(C938="CLAY", INDEX(D$4:D938, MATCH("CLAY", C$4:C938, 0)), "")</f>
        <v>0.75203252561341039</v>
      </c>
    </row>
    <row r="939" spans="1:6" x14ac:dyDescent="0.2">
      <c r="A939" s="239">
        <f>'CPT Data'!B947</f>
        <v>9.2230000000000008</v>
      </c>
      <c r="B939" s="3">
        <f>'CPT Data'!C947</f>
        <v>9.2160000000000011</v>
      </c>
      <c r="C939" t="str">
        <f>'CPT Data'!P947</f>
        <v>CLAY</v>
      </c>
      <c r="D939">
        <f>'CPT Data'!Q947</f>
        <v>17.404139543525023</v>
      </c>
      <c r="E939">
        <f t="shared" si="15"/>
        <v>17.284215530381069</v>
      </c>
      <c r="F939">
        <f>IF(C939="CLAY", INDEX(D$4:D939, MATCH("CLAY", C$4:C939, 0)), "")</f>
        <v>0.75203252561341039</v>
      </c>
    </row>
    <row r="940" spans="1:6" x14ac:dyDescent="0.2">
      <c r="A940" s="239">
        <f>'CPT Data'!B948</f>
        <v>9.2330000000000005</v>
      </c>
      <c r="B940" s="3">
        <f>'CPT Data'!C948</f>
        <v>9.2260000000000009</v>
      </c>
      <c r="C940" t="str">
        <f>'CPT Data'!P948</f>
        <v>CLAY</v>
      </c>
      <c r="D940">
        <f>'CPT Data'!Q948</f>
        <v>17.538748032004968</v>
      </c>
      <c r="E940">
        <f t="shared" si="15"/>
        <v>17.404139543525023</v>
      </c>
      <c r="F940">
        <f>IF(C940="CLAY", INDEX(D$4:D940, MATCH("CLAY", C$4:C940, 0)), "")</f>
        <v>0.75203252561341039</v>
      </c>
    </row>
    <row r="941" spans="1:6" x14ac:dyDescent="0.2">
      <c r="A941" s="239">
        <f>'CPT Data'!B949</f>
        <v>9.2420000000000009</v>
      </c>
      <c r="B941" s="3">
        <f>'CPT Data'!C949</f>
        <v>9.2350000000000012</v>
      </c>
      <c r="C941" t="str">
        <f>'CPT Data'!P949</f>
        <v>CLAY</v>
      </c>
      <c r="D941">
        <f>'CPT Data'!Q949</f>
        <v>17.561829900411556</v>
      </c>
      <c r="E941">
        <f t="shared" si="15"/>
        <v>17.538748032004968</v>
      </c>
      <c r="F941">
        <f>IF(C941="CLAY", INDEX(D$4:D941, MATCH("CLAY", C$4:C941, 0)), "")</f>
        <v>0.75203252561341039</v>
      </c>
    </row>
    <row r="942" spans="1:6" x14ac:dyDescent="0.2">
      <c r="A942" s="239">
        <f>'CPT Data'!B950</f>
        <v>9.2530000000000001</v>
      </c>
      <c r="B942" s="3">
        <f>'CPT Data'!C950</f>
        <v>9.2460000000000004</v>
      </c>
      <c r="C942" t="str">
        <f>'CPT Data'!P950</f>
        <v>CLAY</v>
      </c>
      <c r="D942">
        <f>'CPT Data'!Q950</f>
        <v>17.836735212786035</v>
      </c>
      <c r="E942">
        <f t="shared" si="15"/>
        <v>17.561829900411556</v>
      </c>
      <c r="F942">
        <f>IF(C942="CLAY", INDEX(D$4:D942, MATCH("CLAY", C$4:C942, 0)), "")</f>
        <v>0.75203252561341039</v>
      </c>
    </row>
    <row r="943" spans="1:6" x14ac:dyDescent="0.2">
      <c r="A943" s="239">
        <f>'CPT Data'!B951</f>
        <v>9.2620000000000005</v>
      </c>
      <c r="B943" s="3">
        <f>'CPT Data'!C951</f>
        <v>9.2550000000000008</v>
      </c>
      <c r="C943" t="str">
        <f>'CPT Data'!P951</f>
        <v>CLAY</v>
      </c>
      <c r="D943">
        <f>'CPT Data'!Q951</f>
        <v>18.151127151422564</v>
      </c>
      <c r="E943">
        <f t="shared" si="15"/>
        <v>17.836735212786035</v>
      </c>
      <c r="F943">
        <f>IF(C943="CLAY", INDEX(D$4:D943, MATCH("CLAY", C$4:C943, 0)), "")</f>
        <v>0.75203252561341039</v>
      </c>
    </row>
    <row r="944" spans="1:6" x14ac:dyDescent="0.2">
      <c r="A944" s="239">
        <f>'CPT Data'!B952</f>
        <v>9.2720000000000002</v>
      </c>
      <c r="B944" s="3">
        <f>'CPT Data'!C952</f>
        <v>9.2650000000000006</v>
      </c>
      <c r="C944" t="str">
        <f>'CPT Data'!P952</f>
        <v>CLAY</v>
      </c>
      <c r="D944">
        <f>'CPT Data'!Q952</f>
        <v>18.143592434189141</v>
      </c>
      <c r="E944">
        <f t="shared" si="15"/>
        <v>18.151127151422564</v>
      </c>
      <c r="F944">
        <f>IF(C944="CLAY", INDEX(D$4:D944, MATCH("CLAY", C$4:C944, 0)), "")</f>
        <v>0.75203252561341039</v>
      </c>
    </row>
    <row r="945" spans="1:6" x14ac:dyDescent="0.2">
      <c r="A945" s="239">
        <f>'CPT Data'!B953</f>
        <v>9.2829999999999995</v>
      </c>
      <c r="B945" s="3">
        <f>'CPT Data'!C953</f>
        <v>9.2759999999999998</v>
      </c>
      <c r="C945" t="str">
        <f>'CPT Data'!P953</f>
        <v>CLAY</v>
      </c>
      <c r="D945">
        <f>'CPT Data'!Q953</f>
        <v>18.157905388186549</v>
      </c>
      <c r="E945">
        <f t="shared" si="15"/>
        <v>18.143592434189141</v>
      </c>
      <c r="F945">
        <f>IF(C945="CLAY", INDEX(D$4:D945, MATCH("CLAY", C$4:C945, 0)), "")</f>
        <v>0.75203252561341039</v>
      </c>
    </row>
    <row r="946" spans="1:6" x14ac:dyDescent="0.2">
      <c r="A946" s="239">
        <f>'CPT Data'!B954</f>
        <v>9.2919999999999998</v>
      </c>
      <c r="B946" s="3">
        <f>'CPT Data'!C954</f>
        <v>9.2850000000000001</v>
      </c>
      <c r="C946" t="str">
        <f>'CPT Data'!P954</f>
        <v>CLAY</v>
      </c>
      <c r="D946">
        <f>'CPT Data'!Q954</f>
        <v>17.658723240241905</v>
      </c>
      <c r="E946">
        <f t="shared" si="15"/>
        <v>18.157905388186549</v>
      </c>
      <c r="F946">
        <f>IF(C946="CLAY", INDEX(D$4:D946, MATCH("CLAY", C$4:C946, 0)), "")</f>
        <v>0.75203252561341039</v>
      </c>
    </row>
    <row r="947" spans="1:6" x14ac:dyDescent="0.2">
      <c r="A947" s="239">
        <f>'CPT Data'!B955</f>
        <v>9.3030000000000008</v>
      </c>
      <c r="B947" s="3">
        <f>'CPT Data'!C955</f>
        <v>9.2960000000000012</v>
      </c>
      <c r="C947" t="str">
        <f>'CPT Data'!P955</f>
        <v>CLAY</v>
      </c>
      <c r="D947">
        <f>'CPT Data'!Q955</f>
        <v>17.39646617180264</v>
      </c>
      <c r="E947">
        <f t="shared" si="15"/>
        <v>17.658723240241905</v>
      </c>
      <c r="F947">
        <f>IF(C947="CLAY", INDEX(D$4:D947, MATCH("CLAY", C$4:C947, 0)), "")</f>
        <v>0.75203252561341039</v>
      </c>
    </row>
    <row r="948" spans="1:6" x14ac:dyDescent="0.2">
      <c r="A948" s="239">
        <f>'CPT Data'!B956</f>
        <v>9.3119999999999994</v>
      </c>
      <c r="B948" s="3">
        <f>'CPT Data'!C956</f>
        <v>9.3049999999999997</v>
      </c>
      <c r="C948" t="str">
        <f>'CPT Data'!P956</f>
        <v>CLAY</v>
      </c>
      <c r="D948">
        <f>'CPT Data'!Q956</f>
        <v>17.390215840866823</v>
      </c>
      <c r="E948">
        <f t="shared" si="15"/>
        <v>17.39646617180264</v>
      </c>
      <c r="F948">
        <f>IF(C948="CLAY", INDEX(D$4:D948, MATCH("CLAY", C$4:C948, 0)), "")</f>
        <v>0.75203252561341039</v>
      </c>
    </row>
    <row r="949" spans="1:6" x14ac:dyDescent="0.2">
      <c r="A949" s="239">
        <f>'CPT Data'!B957</f>
        <v>9.3230000000000004</v>
      </c>
      <c r="B949" s="3">
        <f>'CPT Data'!C957</f>
        <v>9.3160000000000007</v>
      </c>
      <c r="C949" t="str">
        <f>'CPT Data'!P957</f>
        <v>CLAY</v>
      </c>
      <c r="D949">
        <f>'CPT Data'!Q957</f>
        <v>17.729388865097665</v>
      </c>
      <c r="E949">
        <f t="shared" si="15"/>
        <v>17.390215840866823</v>
      </c>
      <c r="F949">
        <f>IF(C949="CLAY", INDEX(D$4:D949, MATCH("CLAY", C$4:C949, 0)), "")</f>
        <v>0.75203252561341039</v>
      </c>
    </row>
    <row r="950" spans="1:6" x14ac:dyDescent="0.2">
      <c r="A950" s="239">
        <f>'CPT Data'!B958</f>
        <v>9.3320000000000007</v>
      </c>
      <c r="B950" s="3">
        <f>'CPT Data'!C958</f>
        <v>9.3250000000000011</v>
      </c>
      <c r="C950" t="str">
        <f>'CPT Data'!P958</f>
        <v>CLAY</v>
      </c>
      <c r="D950">
        <f>'CPT Data'!Q958</f>
        <v>18.198133766499886</v>
      </c>
      <c r="E950">
        <f t="shared" si="15"/>
        <v>17.729388865097665</v>
      </c>
      <c r="F950">
        <f>IF(C950="CLAY", INDEX(D$4:D950, MATCH("CLAY", C$4:C950, 0)), "")</f>
        <v>0.75203252561341039</v>
      </c>
    </row>
    <row r="951" spans="1:6" x14ac:dyDescent="0.2">
      <c r="A951" s="239">
        <f>'CPT Data'!B959</f>
        <v>9.343</v>
      </c>
      <c r="B951" s="3">
        <f>'CPT Data'!C959</f>
        <v>9.3360000000000003</v>
      </c>
      <c r="C951" t="str">
        <f>'CPT Data'!P959</f>
        <v>CLAY</v>
      </c>
      <c r="D951">
        <f>'CPT Data'!Q959</f>
        <v>17.790809563554749</v>
      </c>
      <c r="E951">
        <f t="shared" si="15"/>
        <v>18.198133766499886</v>
      </c>
      <c r="F951">
        <f>IF(C951="CLAY", INDEX(D$4:D951, MATCH("CLAY", C$4:C951, 0)), "")</f>
        <v>0.75203252561341039</v>
      </c>
    </row>
    <row r="952" spans="1:6" x14ac:dyDescent="0.2">
      <c r="A952" s="239">
        <f>'CPT Data'!B960</f>
        <v>9.3520000000000003</v>
      </c>
      <c r="B952" s="3">
        <f>'CPT Data'!C960</f>
        <v>9.3450000000000006</v>
      </c>
      <c r="C952" t="str">
        <f>'CPT Data'!P960</f>
        <v>CLAY</v>
      </c>
      <c r="D952">
        <f>'CPT Data'!Q960</f>
        <v>17.460058513938232</v>
      </c>
      <c r="E952">
        <f t="shared" si="15"/>
        <v>17.790809563554749</v>
      </c>
      <c r="F952">
        <f>IF(C952="CLAY", INDEX(D$4:D952, MATCH("CLAY", C$4:C952, 0)), "")</f>
        <v>0.75203252561341039</v>
      </c>
    </row>
    <row r="953" spans="1:6" x14ac:dyDescent="0.2">
      <c r="A953" s="239">
        <f>'CPT Data'!B961</f>
        <v>9.3629999999999995</v>
      </c>
      <c r="B953" s="3">
        <f>'CPT Data'!C961</f>
        <v>9.3559999999999999</v>
      </c>
      <c r="C953" t="str">
        <f>'CPT Data'!P961</f>
        <v>CLAY</v>
      </c>
      <c r="D953">
        <f>'CPT Data'!Q961</f>
        <v>17.409818217606432</v>
      </c>
      <c r="E953">
        <f t="shared" si="15"/>
        <v>17.460058513938232</v>
      </c>
      <c r="F953">
        <f>IF(C953="CLAY", INDEX(D$4:D953, MATCH("CLAY", C$4:C953, 0)), "")</f>
        <v>0.75203252561341039</v>
      </c>
    </row>
    <row r="954" spans="1:6" x14ac:dyDescent="0.2">
      <c r="A954" s="239">
        <f>'CPT Data'!B962</f>
        <v>9.3729999999999993</v>
      </c>
      <c r="B954" s="3">
        <f>'CPT Data'!C962</f>
        <v>9.3659999999999997</v>
      </c>
      <c r="C954" t="str">
        <f>'CPT Data'!P962</f>
        <v>CLAY</v>
      </c>
      <c r="D954">
        <f>'CPT Data'!Q962</f>
        <v>17.602169894931453</v>
      </c>
      <c r="E954">
        <f t="shared" si="15"/>
        <v>17.409818217606432</v>
      </c>
      <c r="F954">
        <f>IF(C954="CLAY", INDEX(D$4:D954, MATCH("CLAY", C$4:C954, 0)), "")</f>
        <v>0.75203252561341039</v>
      </c>
    </row>
    <row r="955" spans="1:6" x14ac:dyDescent="0.2">
      <c r="A955" s="239">
        <f>'CPT Data'!B963</f>
        <v>9.3840000000000003</v>
      </c>
      <c r="B955" s="3">
        <f>'CPT Data'!C963</f>
        <v>9.3770000000000007</v>
      </c>
      <c r="C955" t="str">
        <f>'CPT Data'!P963</f>
        <v>CLAY</v>
      </c>
      <c r="D955">
        <f>'CPT Data'!Q963</f>
        <v>18.005497629979718</v>
      </c>
      <c r="E955">
        <f t="shared" si="15"/>
        <v>17.602169894931453</v>
      </c>
      <c r="F955">
        <f>IF(C955="CLAY", INDEX(D$4:D955, MATCH("CLAY", C$4:C955, 0)), "")</f>
        <v>0.75203252561341039</v>
      </c>
    </row>
    <row r="956" spans="1:6" x14ac:dyDescent="0.2">
      <c r="A956" s="239">
        <f>'CPT Data'!B964</f>
        <v>9.3930000000000007</v>
      </c>
      <c r="B956" s="3">
        <f>'CPT Data'!C964</f>
        <v>9.386000000000001</v>
      </c>
      <c r="C956" t="str">
        <f>'CPT Data'!P964</f>
        <v>CLAY</v>
      </c>
      <c r="D956">
        <f>'CPT Data'!Q964</f>
        <v>17.917612720820568</v>
      </c>
      <c r="E956">
        <f t="shared" si="15"/>
        <v>18.005497629979718</v>
      </c>
      <c r="F956">
        <f>IF(C956="CLAY", INDEX(D$4:D956, MATCH("CLAY", C$4:C956, 0)), "")</f>
        <v>0.75203252561341039</v>
      </c>
    </row>
    <row r="957" spans="1:6" x14ac:dyDescent="0.2">
      <c r="A957" s="239">
        <f>'CPT Data'!B965</f>
        <v>9.4019999999999992</v>
      </c>
      <c r="B957" s="3">
        <f>'CPT Data'!C965</f>
        <v>9.3949999999999996</v>
      </c>
      <c r="C957" t="str">
        <f>'CPT Data'!P965</f>
        <v>CLAY</v>
      </c>
      <c r="D957">
        <f>'CPT Data'!Q965</f>
        <v>17.615290213592498</v>
      </c>
      <c r="E957">
        <f t="shared" si="15"/>
        <v>17.917612720820568</v>
      </c>
      <c r="F957">
        <f>IF(C957="CLAY", INDEX(D$4:D957, MATCH("CLAY", C$4:C957, 0)), "")</f>
        <v>0.75203252561341039</v>
      </c>
    </row>
    <row r="958" spans="1:6" x14ac:dyDescent="0.2">
      <c r="A958" s="239">
        <f>'CPT Data'!B966</f>
        <v>9.4120000000000008</v>
      </c>
      <c r="B958" s="3">
        <f>'CPT Data'!C966</f>
        <v>9.4050000000000011</v>
      </c>
      <c r="C958" t="str">
        <f>'CPT Data'!P966</f>
        <v>CLAY</v>
      </c>
      <c r="D958">
        <f>'CPT Data'!Q966</f>
        <v>17.756552482104059</v>
      </c>
      <c r="E958">
        <f t="shared" si="15"/>
        <v>17.615290213592498</v>
      </c>
      <c r="F958">
        <f>IF(C958="CLAY", INDEX(D$4:D958, MATCH("CLAY", C$4:C958, 0)), "")</f>
        <v>0.75203252561341039</v>
      </c>
    </row>
    <row r="959" spans="1:6" x14ac:dyDescent="0.2">
      <c r="A959" s="239">
        <f>'CPT Data'!B967</f>
        <v>9.4220000000000006</v>
      </c>
      <c r="B959" s="3">
        <f>'CPT Data'!C967</f>
        <v>9.4150000000000009</v>
      </c>
      <c r="C959" t="str">
        <f>'CPT Data'!P967</f>
        <v>CLAY</v>
      </c>
      <c r="D959">
        <f>'CPT Data'!Q967</f>
        <v>17.117078836876633</v>
      </c>
      <c r="E959">
        <f t="shared" si="15"/>
        <v>17.756552482104059</v>
      </c>
      <c r="F959">
        <f>IF(C959="CLAY", INDEX(D$4:D959, MATCH("CLAY", C$4:C959, 0)), "")</f>
        <v>0.75203252561341039</v>
      </c>
    </row>
    <row r="960" spans="1:6" x14ac:dyDescent="0.2">
      <c r="A960" s="239">
        <f>'CPT Data'!B968</f>
        <v>9.4329999999999998</v>
      </c>
      <c r="B960" s="3">
        <f>'CPT Data'!C968</f>
        <v>9.4260000000000002</v>
      </c>
      <c r="C960" t="str">
        <f>'CPT Data'!P968</f>
        <v>CLAY</v>
      </c>
      <c r="D960">
        <f>'CPT Data'!Q968</f>
        <v>15.970026792689547</v>
      </c>
      <c r="E960">
        <f t="shared" si="15"/>
        <v>17.117078836876633</v>
      </c>
      <c r="F960">
        <f>IF(C960="CLAY", INDEX(D$4:D960, MATCH("CLAY", C$4:C960, 0)), "")</f>
        <v>0.75203252561341039</v>
      </c>
    </row>
    <row r="961" spans="1:6" x14ac:dyDescent="0.2">
      <c r="A961" s="239">
        <f>'CPT Data'!B969</f>
        <v>9.4420000000000002</v>
      </c>
      <c r="B961" s="3">
        <f>'CPT Data'!C969</f>
        <v>9.4350000000000005</v>
      </c>
      <c r="C961" t="str">
        <f>'CPT Data'!P969</f>
        <v>CLAY</v>
      </c>
      <c r="D961">
        <f>'CPT Data'!Q969</f>
        <v>15.596157980429107</v>
      </c>
      <c r="E961">
        <f t="shared" si="15"/>
        <v>15.970026792689547</v>
      </c>
      <c r="F961">
        <f>IF(C961="CLAY", INDEX(D$4:D961, MATCH("CLAY", C$4:C961, 0)), "")</f>
        <v>0.75203252561341039</v>
      </c>
    </row>
    <row r="962" spans="1:6" x14ac:dyDescent="0.2">
      <c r="A962" s="239">
        <f>'CPT Data'!B970</f>
        <v>9.4529999999999994</v>
      </c>
      <c r="B962" s="3">
        <f>'CPT Data'!C970</f>
        <v>9.4459999999999997</v>
      </c>
      <c r="C962" t="str">
        <f>'CPT Data'!P970</f>
        <v>CLAY</v>
      </c>
      <c r="D962">
        <f>'CPT Data'!Q970</f>
        <v>14.995732457892226</v>
      </c>
      <c r="E962">
        <f t="shared" si="15"/>
        <v>15.596157980429107</v>
      </c>
      <c r="F962">
        <f>IF(C962="CLAY", INDEX(D$4:D962, MATCH("CLAY", C$4:C962, 0)), "")</f>
        <v>0.75203252561341039</v>
      </c>
    </row>
    <row r="963" spans="1:6" x14ac:dyDescent="0.2">
      <c r="A963" s="239">
        <f>'CPT Data'!B971</f>
        <v>9.4629999999999992</v>
      </c>
      <c r="B963" s="3">
        <f>'CPT Data'!C971</f>
        <v>9.4559999999999995</v>
      </c>
      <c r="C963" t="str">
        <f>'CPT Data'!P971</f>
        <v>CLAY</v>
      </c>
      <c r="D963">
        <f>'CPT Data'!Q971</f>
        <v>14.914041414306148</v>
      </c>
      <c r="E963">
        <f t="shared" si="15"/>
        <v>14.995732457892226</v>
      </c>
      <c r="F963">
        <f>IF(C963="CLAY", INDEX(D$4:D963, MATCH("CLAY", C$4:C963, 0)), "")</f>
        <v>0.75203252561341039</v>
      </c>
    </row>
    <row r="964" spans="1:6" x14ac:dyDescent="0.2">
      <c r="A964" s="239">
        <f>'CPT Data'!B972</f>
        <v>9.4730000000000008</v>
      </c>
      <c r="B964" s="3">
        <f>'CPT Data'!C972</f>
        <v>9.4660000000000011</v>
      </c>
      <c r="C964" t="str">
        <f>'CPT Data'!P972</f>
        <v>CLAY</v>
      </c>
      <c r="D964">
        <f>'CPT Data'!Q972</f>
        <v>14.808520229419578</v>
      </c>
      <c r="E964">
        <f t="shared" si="15"/>
        <v>14.914041414306148</v>
      </c>
      <c r="F964">
        <f>IF(C964="CLAY", INDEX(D$4:D964, MATCH("CLAY", C$4:C964, 0)), "")</f>
        <v>0.75203252561341039</v>
      </c>
    </row>
    <row r="965" spans="1:6" x14ac:dyDescent="0.2">
      <c r="A965" s="239">
        <f>'CPT Data'!B973</f>
        <v>9.4830000000000005</v>
      </c>
      <c r="B965" s="3">
        <f>'CPT Data'!C973</f>
        <v>9.4760000000000009</v>
      </c>
      <c r="C965" t="str">
        <f>'CPT Data'!P973</f>
        <v>CLAY</v>
      </c>
      <c r="D965">
        <f>'CPT Data'!Q973</f>
        <v>15.039901014918229</v>
      </c>
      <c r="E965">
        <f t="shared" si="15"/>
        <v>14.808520229419578</v>
      </c>
      <c r="F965">
        <f>IF(C965="CLAY", INDEX(D$4:D965, MATCH("CLAY", C$4:C965, 0)), "")</f>
        <v>0.75203252561341039</v>
      </c>
    </row>
    <row r="966" spans="1:6" x14ac:dyDescent="0.2">
      <c r="A966" s="239">
        <f>'CPT Data'!B974</f>
        <v>9.4930000000000003</v>
      </c>
      <c r="B966" s="3">
        <f>'CPT Data'!C974</f>
        <v>9.4860000000000007</v>
      </c>
      <c r="C966" t="str">
        <f>'CPT Data'!P974</f>
        <v>CLAY</v>
      </c>
      <c r="D966">
        <f>'CPT Data'!Q974</f>
        <v>15.491795813390617</v>
      </c>
      <c r="E966">
        <f t="shared" si="15"/>
        <v>15.039901014918229</v>
      </c>
      <c r="F966">
        <f>IF(C966="CLAY", INDEX(D$4:D966, MATCH("CLAY", C$4:C966, 0)), "")</f>
        <v>0.75203252561341039</v>
      </c>
    </row>
    <row r="967" spans="1:6" x14ac:dyDescent="0.2">
      <c r="A967" s="239">
        <f>'CPT Data'!B975</f>
        <v>9.5030000000000001</v>
      </c>
      <c r="B967" s="3">
        <f>'CPT Data'!C975</f>
        <v>9.4960000000000004</v>
      </c>
      <c r="C967" t="str">
        <f>'CPT Data'!P975</f>
        <v>CLAY</v>
      </c>
      <c r="D967">
        <f>'CPT Data'!Q975</f>
        <v>16.456637435632917</v>
      </c>
      <c r="E967">
        <f t="shared" si="15"/>
        <v>15.491795813390617</v>
      </c>
      <c r="F967">
        <f>IF(C967="CLAY", INDEX(D$4:D967, MATCH("CLAY", C$4:C967, 0)), "")</f>
        <v>0.75203252561341039</v>
      </c>
    </row>
    <row r="968" spans="1:6" x14ac:dyDescent="0.2">
      <c r="A968" s="239">
        <f>'CPT Data'!B976</f>
        <v>9.5129999999999999</v>
      </c>
      <c r="B968" s="3">
        <f>'CPT Data'!C976</f>
        <v>9.5060000000000002</v>
      </c>
      <c r="C968" t="str">
        <f>'CPT Data'!P976</f>
        <v>CLAY</v>
      </c>
      <c r="D968">
        <f>'CPT Data'!Q976</f>
        <v>17.342981208914029</v>
      </c>
      <c r="E968">
        <f t="shared" si="15"/>
        <v>16.456637435632917</v>
      </c>
      <c r="F968">
        <f>IF(C968="CLAY", INDEX(D$4:D968, MATCH("CLAY", C$4:C968, 0)), "")</f>
        <v>0.75203252561341039</v>
      </c>
    </row>
    <row r="969" spans="1:6" x14ac:dyDescent="0.2">
      <c r="A969" s="239">
        <f>'CPT Data'!B977</f>
        <v>9.5229999999999997</v>
      </c>
      <c r="B969" s="3">
        <f>'CPT Data'!C977</f>
        <v>9.516</v>
      </c>
      <c r="C969" t="str">
        <f>'CPT Data'!P977</f>
        <v>CLAY</v>
      </c>
      <c r="D969">
        <f>'CPT Data'!Q977</f>
        <v>18.028620381960177</v>
      </c>
      <c r="E969">
        <f t="shared" si="15"/>
        <v>17.342981208914029</v>
      </c>
      <c r="F969">
        <f>IF(C969="CLAY", INDEX(D$4:D969, MATCH("CLAY", C$4:C969, 0)), "")</f>
        <v>0.75203252561341039</v>
      </c>
    </row>
    <row r="970" spans="1:6" x14ac:dyDescent="0.2">
      <c r="A970" s="239">
        <f>'CPT Data'!B978</f>
        <v>9.5340000000000007</v>
      </c>
      <c r="B970" s="3">
        <f>'CPT Data'!C978</f>
        <v>9.527000000000001</v>
      </c>
      <c r="C970" t="str">
        <f>'CPT Data'!P978</f>
        <v>CLAY</v>
      </c>
      <c r="D970">
        <f>'CPT Data'!Q978</f>
        <v>18.19311484392848</v>
      </c>
      <c r="E970">
        <f t="shared" si="15"/>
        <v>18.028620381960177</v>
      </c>
      <c r="F970">
        <f>IF(C970="CLAY", INDEX(D$4:D970, MATCH("CLAY", C$4:C970, 0)), "")</f>
        <v>0.75203252561341039</v>
      </c>
    </row>
    <row r="971" spans="1:6" x14ac:dyDescent="0.2">
      <c r="A971" s="239">
        <f>'CPT Data'!B979</f>
        <v>9.5429999999999993</v>
      </c>
      <c r="B971" s="3">
        <f>'CPT Data'!C979</f>
        <v>9.5359999999999996</v>
      </c>
      <c r="C971" t="str">
        <f>'CPT Data'!P979</f>
        <v>CLAY</v>
      </c>
      <c r="D971">
        <f>'CPT Data'!Q979</f>
        <v>17.974005630358302</v>
      </c>
      <c r="E971">
        <f t="shared" si="15"/>
        <v>18.19311484392848</v>
      </c>
      <c r="F971">
        <f>IF(C971="CLAY", INDEX(D$4:D971, MATCH("CLAY", C$4:C971, 0)), "")</f>
        <v>0.75203252561341039</v>
      </c>
    </row>
    <row r="972" spans="1:6" x14ac:dyDescent="0.2">
      <c r="A972" s="239">
        <f>'CPT Data'!B980</f>
        <v>9.5530000000000008</v>
      </c>
      <c r="B972" s="3">
        <f>'CPT Data'!C980</f>
        <v>9.5460000000000012</v>
      </c>
      <c r="C972" t="str">
        <f>'CPT Data'!P980</f>
        <v>CLAY</v>
      </c>
      <c r="D972">
        <f>'CPT Data'!Q980</f>
        <v>17.817602350292344</v>
      </c>
      <c r="E972">
        <f t="shared" si="15"/>
        <v>17.974005630358302</v>
      </c>
      <c r="F972">
        <f>IF(C972="CLAY", INDEX(D$4:D972, MATCH("CLAY", C$4:C972, 0)), "")</f>
        <v>0.75203252561341039</v>
      </c>
    </row>
    <row r="973" spans="1:6" x14ac:dyDescent="0.2">
      <c r="A973" s="239">
        <f>'CPT Data'!B981</f>
        <v>9.5630000000000006</v>
      </c>
      <c r="B973" s="3">
        <f>'CPT Data'!C981</f>
        <v>9.5560000000000009</v>
      </c>
      <c r="C973" t="str">
        <f>'CPT Data'!P981</f>
        <v>CLAY</v>
      </c>
      <c r="D973">
        <f>'CPT Data'!Q981</f>
        <v>17.252647474734061</v>
      </c>
      <c r="E973">
        <f t="shared" si="15"/>
        <v>17.817602350292344</v>
      </c>
      <c r="F973">
        <f>IF(C973="CLAY", INDEX(D$4:D973, MATCH("CLAY", C$4:C973, 0)), "")</f>
        <v>0.75203252561341039</v>
      </c>
    </row>
    <row r="974" spans="1:6" x14ac:dyDescent="0.2">
      <c r="A974" s="239">
        <f>'CPT Data'!B982</f>
        <v>9.5730000000000004</v>
      </c>
      <c r="B974" s="3">
        <f>'CPT Data'!C982</f>
        <v>9.5660000000000007</v>
      </c>
      <c r="C974" t="str">
        <f>'CPT Data'!P982</f>
        <v>CLAY</v>
      </c>
      <c r="D974">
        <f>'CPT Data'!Q982</f>
        <v>17.231160821465199</v>
      </c>
      <c r="E974">
        <f t="shared" si="15"/>
        <v>17.252647474734061</v>
      </c>
      <c r="F974">
        <f>IF(C974="CLAY", INDEX(D$4:D974, MATCH("CLAY", C$4:C974, 0)), "")</f>
        <v>0.75203252561341039</v>
      </c>
    </row>
    <row r="975" spans="1:6" x14ac:dyDescent="0.2">
      <c r="A975" s="239">
        <f>'CPT Data'!B983</f>
        <v>9.5830000000000002</v>
      </c>
      <c r="B975" s="3">
        <f>'CPT Data'!C983</f>
        <v>9.5760000000000005</v>
      </c>
      <c r="C975" t="str">
        <f>'CPT Data'!P983</f>
        <v>CLAY</v>
      </c>
      <c r="D975">
        <f>'CPT Data'!Q983</f>
        <v>16.964799786011081</v>
      </c>
      <c r="E975">
        <f t="shared" si="15"/>
        <v>17.231160821465199</v>
      </c>
      <c r="F975">
        <f>IF(C975="CLAY", INDEX(D$4:D975, MATCH("CLAY", C$4:C975, 0)), "")</f>
        <v>0.75203252561341039</v>
      </c>
    </row>
    <row r="976" spans="1:6" x14ac:dyDescent="0.2">
      <c r="A976" s="239">
        <f>'CPT Data'!B984</f>
        <v>9.593</v>
      </c>
      <c r="B976" s="3">
        <f>'CPT Data'!C984</f>
        <v>9.5860000000000003</v>
      </c>
      <c r="C976" t="str">
        <f>'CPT Data'!P984</f>
        <v>CLAY</v>
      </c>
      <c r="D976">
        <f>'CPT Data'!Q984</f>
        <v>17.102271309446362</v>
      </c>
      <c r="E976">
        <f t="shared" si="15"/>
        <v>16.964799786011081</v>
      </c>
      <c r="F976">
        <f>IF(C976="CLAY", INDEX(D$4:D976, MATCH("CLAY", C$4:C976, 0)), "")</f>
        <v>0.75203252561341039</v>
      </c>
    </row>
    <row r="977" spans="1:6" x14ac:dyDescent="0.2">
      <c r="A977" s="239">
        <f>'CPT Data'!B985</f>
        <v>9.6020000000000003</v>
      </c>
      <c r="B977" s="3">
        <f>'CPT Data'!C985</f>
        <v>9.5950000000000006</v>
      </c>
      <c r="C977" t="str">
        <f>'CPT Data'!P985</f>
        <v>CLAY</v>
      </c>
      <c r="D977">
        <f>'CPT Data'!Q985</f>
        <v>16.512998904446558</v>
      </c>
      <c r="E977">
        <f t="shared" si="15"/>
        <v>17.102271309446362</v>
      </c>
      <c r="F977">
        <f>IF(C977="CLAY", INDEX(D$4:D977, MATCH("CLAY", C$4:C977, 0)), "")</f>
        <v>0.75203252561341039</v>
      </c>
    </row>
    <row r="978" spans="1:6" x14ac:dyDescent="0.2">
      <c r="A978" s="239">
        <f>'CPT Data'!B986</f>
        <v>9.6129999999999995</v>
      </c>
      <c r="B978" s="3">
        <f>'CPT Data'!C986</f>
        <v>9.6059999999999999</v>
      </c>
      <c r="C978" t="str">
        <f>'CPT Data'!P986</f>
        <v>CLAY</v>
      </c>
      <c r="D978">
        <f>'CPT Data'!Q986</f>
        <v>15.937585178550124</v>
      </c>
      <c r="E978">
        <f t="shared" si="15"/>
        <v>16.512998904446558</v>
      </c>
      <c r="F978">
        <f>IF(C978="CLAY", INDEX(D$4:D978, MATCH("CLAY", C$4:C978, 0)), "")</f>
        <v>0.75203252561341039</v>
      </c>
    </row>
    <row r="979" spans="1:6" x14ac:dyDescent="0.2">
      <c r="A979" s="239">
        <f>'CPT Data'!B987</f>
        <v>9.6219999999999999</v>
      </c>
      <c r="B979" s="3">
        <f>'CPT Data'!C987</f>
        <v>9.6150000000000002</v>
      </c>
      <c r="C979" t="str">
        <f>'CPT Data'!P987</f>
        <v>CLAY</v>
      </c>
      <c r="D979">
        <f>'CPT Data'!Q987</f>
        <v>15.625948831715535</v>
      </c>
      <c r="E979">
        <f t="shared" si="15"/>
        <v>15.937585178550124</v>
      </c>
      <c r="F979">
        <f>IF(C979="CLAY", INDEX(D$4:D979, MATCH("CLAY", C$4:C979, 0)), "")</f>
        <v>0.75203252561341039</v>
      </c>
    </row>
    <row r="980" spans="1:6" x14ac:dyDescent="0.2">
      <c r="A980" s="239">
        <f>'CPT Data'!B988</f>
        <v>9.6329999999999991</v>
      </c>
      <c r="B980" s="3">
        <f>'CPT Data'!C988</f>
        <v>9.6259999999999994</v>
      </c>
      <c r="C980" t="str">
        <f>'CPT Data'!P988</f>
        <v>CLAY</v>
      </c>
      <c r="D980">
        <f>'CPT Data'!Q988</f>
        <v>15.36260115130392</v>
      </c>
      <c r="E980">
        <f t="shared" si="15"/>
        <v>15.625948831715535</v>
      </c>
      <c r="F980">
        <f>IF(C980="CLAY", INDEX(D$4:D980, MATCH("CLAY", C$4:C980, 0)), "")</f>
        <v>0.75203252561341039</v>
      </c>
    </row>
    <row r="981" spans="1:6" x14ac:dyDescent="0.2">
      <c r="A981" s="239">
        <f>'CPT Data'!B989</f>
        <v>9.6430000000000007</v>
      </c>
      <c r="B981" s="3">
        <f>'CPT Data'!C989</f>
        <v>9.636000000000001</v>
      </c>
      <c r="C981" t="str">
        <f>'CPT Data'!P989</f>
        <v>CLAY</v>
      </c>
      <c r="D981">
        <f>'CPT Data'!Q989</f>
        <v>15.030439534241589</v>
      </c>
      <c r="E981">
        <f t="shared" si="15"/>
        <v>15.36260115130392</v>
      </c>
      <c r="F981">
        <f>IF(C981="CLAY", INDEX(D$4:D981, MATCH("CLAY", C$4:C981, 0)), "")</f>
        <v>0.75203252561341039</v>
      </c>
    </row>
    <row r="982" spans="1:6" x14ac:dyDescent="0.2">
      <c r="A982" s="239">
        <f>'CPT Data'!B990</f>
        <v>9.6539999999999999</v>
      </c>
      <c r="B982" s="3">
        <f>'CPT Data'!C990</f>
        <v>9.6470000000000002</v>
      </c>
      <c r="C982" t="str">
        <f>'CPT Data'!P990</f>
        <v>CLAY</v>
      </c>
      <c r="D982">
        <f>'CPT Data'!Q990</f>
        <v>15.086895373381884</v>
      </c>
      <c r="E982">
        <f t="shared" si="15"/>
        <v>15.030439534241589</v>
      </c>
      <c r="F982">
        <f>IF(C982="CLAY", INDEX(D$4:D982, MATCH("CLAY", C$4:C982, 0)), "")</f>
        <v>0.75203252561341039</v>
      </c>
    </row>
    <row r="983" spans="1:6" x14ac:dyDescent="0.2">
      <c r="A983" s="239">
        <f>'CPT Data'!B991</f>
        <v>9.6630000000000003</v>
      </c>
      <c r="B983" s="3">
        <f>'CPT Data'!C991</f>
        <v>9.6560000000000006</v>
      </c>
      <c r="C983" t="str">
        <f>'CPT Data'!P991</f>
        <v>CLAY</v>
      </c>
      <c r="D983">
        <f>'CPT Data'!Q991</f>
        <v>15.343737151281283</v>
      </c>
      <c r="E983">
        <f t="shared" si="15"/>
        <v>15.086895373381884</v>
      </c>
      <c r="F983">
        <f>IF(C983="CLAY", INDEX(D$4:D983, MATCH("CLAY", C$4:C983, 0)), "")</f>
        <v>0.75203252561341039</v>
      </c>
    </row>
    <row r="984" spans="1:6" x14ac:dyDescent="0.2">
      <c r="A984" s="239">
        <f>'CPT Data'!B992</f>
        <v>9.6739999999999995</v>
      </c>
      <c r="B984" s="3">
        <f>'CPT Data'!C992</f>
        <v>9.6669999999999998</v>
      </c>
      <c r="C984" t="str">
        <f>'CPT Data'!P992</f>
        <v>CLAY</v>
      </c>
      <c r="D984">
        <f>'CPT Data'!Q992</f>
        <v>15.440074429974898</v>
      </c>
      <c r="E984">
        <f t="shared" si="15"/>
        <v>15.343737151281283</v>
      </c>
      <c r="F984">
        <f>IF(C984="CLAY", INDEX(D$4:D984, MATCH("CLAY", C$4:C984, 0)), "")</f>
        <v>0.75203252561341039</v>
      </c>
    </row>
    <row r="985" spans="1:6" x14ac:dyDescent="0.2">
      <c r="A985" s="239">
        <f>'CPT Data'!B993</f>
        <v>9.6829999999999998</v>
      </c>
      <c r="B985" s="3">
        <f>'CPT Data'!C993</f>
        <v>9.6760000000000002</v>
      </c>
      <c r="C985" t="str">
        <f>'CPT Data'!P993</f>
        <v>CLAY</v>
      </c>
      <c r="D985">
        <f>'CPT Data'!Q993</f>
        <v>15.239364342044851</v>
      </c>
      <c r="E985">
        <f t="shared" si="15"/>
        <v>15.440074429974898</v>
      </c>
      <c r="F985">
        <f>IF(C985="CLAY", INDEX(D$4:D985, MATCH("CLAY", C$4:C985, 0)), "")</f>
        <v>0.75203252561341039</v>
      </c>
    </row>
    <row r="986" spans="1:6" x14ac:dyDescent="0.2">
      <c r="A986" s="239">
        <f>'CPT Data'!B994</f>
        <v>9.6940000000000008</v>
      </c>
      <c r="B986" s="3">
        <f>'CPT Data'!C994</f>
        <v>9.6870000000000012</v>
      </c>
      <c r="C986" t="str">
        <f>'CPT Data'!P994</f>
        <v>CLAY</v>
      </c>
      <c r="D986">
        <f>'CPT Data'!Q994</f>
        <v>15.347403538243034</v>
      </c>
      <c r="E986">
        <f t="shared" si="15"/>
        <v>15.239364342044851</v>
      </c>
      <c r="F986">
        <f>IF(C986="CLAY", INDEX(D$4:D986, MATCH("CLAY", C$4:C986, 0)), "")</f>
        <v>0.75203252561341039</v>
      </c>
    </row>
    <row r="987" spans="1:6" x14ac:dyDescent="0.2">
      <c r="A987" s="239">
        <f>'CPT Data'!B995</f>
        <v>9.7029999999999994</v>
      </c>
      <c r="B987" s="3">
        <f>'CPT Data'!C995</f>
        <v>9.6959999999999997</v>
      </c>
      <c r="C987" t="str">
        <f>'CPT Data'!P995</f>
        <v>CLAY</v>
      </c>
      <c r="D987">
        <f>'CPT Data'!Q995</f>
        <v>15.668766062547894</v>
      </c>
      <c r="E987">
        <f t="shared" ref="E987:E1050" si="16">IF(C987="SAND",#N/A,IF(C987=C986,D986,IF(C987="CLAY",D987,#N/A)))</f>
        <v>15.347403538243034</v>
      </c>
      <c r="F987">
        <f>IF(C987="CLAY", INDEX(D$4:D987, MATCH("CLAY", C$4:C987, 0)), "")</f>
        <v>0.75203252561341039</v>
      </c>
    </row>
    <row r="988" spans="1:6" x14ac:dyDescent="0.2">
      <c r="A988" s="239">
        <f>'CPT Data'!B996</f>
        <v>9.7129999999999992</v>
      </c>
      <c r="B988" s="3">
        <f>'CPT Data'!C996</f>
        <v>9.7059999999999995</v>
      </c>
      <c r="C988" t="str">
        <f>'CPT Data'!P996</f>
        <v>CLAY</v>
      </c>
      <c r="D988">
        <f>'CPT Data'!Q996</f>
        <v>15.910278725406409</v>
      </c>
      <c r="E988">
        <f t="shared" si="16"/>
        <v>15.668766062547894</v>
      </c>
      <c r="F988">
        <f>IF(C988="CLAY", INDEX(D$4:D988, MATCH("CLAY", C$4:C988, 0)), "")</f>
        <v>0.75203252561341039</v>
      </c>
    </row>
    <row r="989" spans="1:6" x14ac:dyDescent="0.2">
      <c r="A989" s="239">
        <f>'CPT Data'!B997</f>
        <v>9.7230000000000008</v>
      </c>
      <c r="B989" s="3">
        <f>'CPT Data'!C997</f>
        <v>9.7160000000000011</v>
      </c>
      <c r="C989" t="str">
        <f>'CPT Data'!P997</f>
        <v>CLAY</v>
      </c>
      <c r="D989">
        <f>'CPT Data'!Q997</f>
        <v>16.199280543375149</v>
      </c>
      <c r="E989">
        <f t="shared" si="16"/>
        <v>15.910278725406409</v>
      </c>
      <c r="F989">
        <f>IF(C989="CLAY", INDEX(D$4:D989, MATCH("CLAY", C$4:C989, 0)), "")</f>
        <v>0.75203252561341039</v>
      </c>
    </row>
    <row r="990" spans="1:6" x14ac:dyDescent="0.2">
      <c r="A990" s="239">
        <f>'CPT Data'!B998</f>
        <v>9.7330000000000005</v>
      </c>
      <c r="B990" s="3">
        <f>'CPT Data'!C998</f>
        <v>9.7260000000000009</v>
      </c>
      <c r="C990" t="str">
        <f>'CPT Data'!P998</f>
        <v>CLAY</v>
      </c>
      <c r="D990">
        <f>'CPT Data'!Q998</f>
        <v>16.466412931963202</v>
      </c>
      <c r="E990">
        <f t="shared" si="16"/>
        <v>16.199280543375149</v>
      </c>
      <c r="F990">
        <f>IF(C990="CLAY", INDEX(D$4:D990, MATCH("CLAY", C$4:C990, 0)), "")</f>
        <v>0.75203252561341039</v>
      </c>
    </row>
    <row r="991" spans="1:6" x14ac:dyDescent="0.2">
      <c r="A991" s="239">
        <f>'CPT Data'!B999</f>
        <v>9.7430000000000003</v>
      </c>
      <c r="B991" s="3">
        <f>'CPT Data'!C999</f>
        <v>9.7360000000000007</v>
      </c>
      <c r="C991" t="str">
        <f>'CPT Data'!P999</f>
        <v>CLAY</v>
      </c>
      <c r="D991">
        <f>'CPT Data'!Q999</f>
        <v>16.585010680974964</v>
      </c>
      <c r="E991">
        <f t="shared" si="16"/>
        <v>16.466412931963202</v>
      </c>
      <c r="F991">
        <f>IF(C991="CLAY", INDEX(D$4:D991, MATCH("CLAY", C$4:C991, 0)), "")</f>
        <v>0.75203252561341039</v>
      </c>
    </row>
    <row r="992" spans="1:6" x14ac:dyDescent="0.2">
      <c r="A992" s="239">
        <f>'CPT Data'!B1000</f>
        <v>9.7539999999999996</v>
      </c>
      <c r="B992" s="3">
        <f>'CPT Data'!C1000</f>
        <v>9.7469999999999999</v>
      </c>
      <c r="C992" t="str">
        <f>'CPT Data'!P1000</f>
        <v>CLAY</v>
      </c>
      <c r="D992">
        <f>'CPT Data'!Q1000</f>
        <v>16.520076844549486</v>
      </c>
      <c r="E992">
        <f t="shared" si="16"/>
        <v>16.585010680974964</v>
      </c>
      <c r="F992">
        <f>IF(C992="CLAY", INDEX(D$4:D992, MATCH("CLAY", C$4:C992, 0)), "")</f>
        <v>0.75203252561341039</v>
      </c>
    </row>
    <row r="993" spans="1:6" x14ac:dyDescent="0.2">
      <c r="A993" s="239">
        <f>'CPT Data'!B1001</f>
        <v>9.7629999999999999</v>
      </c>
      <c r="B993" s="3">
        <f>'CPT Data'!C1001</f>
        <v>9.7560000000000002</v>
      </c>
      <c r="C993" t="str">
        <f>'CPT Data'!P1001</f>
        <v>CLAY</v>
      </c>
      <c r="D993">
        <f>'CPT Data'!Q1001</f>
        <v>16.541191256416099</v>
      </c>
      <c r="E993">
        <f t="shared" si="16"/>
        <v>16.520076844549486</v>
      </c>
      <c r="F993">
        <f>IF(C993="CLAY", INDEX(D$4:D993, MATCH("CLAY", C$4:C993, 0)), "")</f>
        <v>0.75203252561341039</v>
      </c>
    </row>
    <row r="994" spans="1:6" x14ac:dyDescent="0.2">
      <c r="A994" s="239">
        <f>'CPT Data'!B1002</f>
        <v>9.7729999999999997</v>
      </c>
      <c r="B994" s="3">
        <f>'CPT Data'!C1002</f>
        <v>9.766</v>
      </c>
      <c r="C994" t="str">
        <f>'CPT Data'!P1002</f>
        <v>CLAY</v>
      </c>
      <c r="D994">
        <f>'CPT Data'!Q1002</f>
        <v>16.661762852659574</v>
      </c>
      <c r="E994">
        <f t="shared" si="16"/>
        <v>16.541191256416099</v>
      </c>
      <c r="F994">
        <f>IF(C994="CLAY", INDEX(D$4:D994, MATCH("CLAY", C$4:C994, 0)), "")</f>
        <v>0.75203252561341039</v>
      </c>
    </row>
    <row r="995" spans="1:6" x14ac:dyDescent="0.2">
      <c r="A995" s="239">
        <f>'CPT Data'!B1003</f>
        <v>9.7829999999999995</v>
      </c>
      <c r="B995" s="3">
        <f>'CPT Data'!C1003</f>
        <v>9.7759999999999998</v>
      </c>
      <c r="C995" t="str">
        <f>'CPT Data'!P1003</f>
        <v>CLAY</v>
      </c>
      <c r="D995">
        <f>'CPT Data'!Q1003</f>
        <v>16.620958773899986</v>
      </c>
      <c r="E995">
        <f t="shared" si="16"/>
        <v>16.661762852659574</v>
      </c>
      <c r="F995">
        <f>IF(C995="CLAY", INDEX(D$4:D995, MATCH("CLAY", C$4:C995, 0)), "")</f>
        <v>0.75203252561341039</v>
      </c>
    </row>
    <row r="996" spans="1:6" x14ac:dyDescent="0.2">
      <c r="A996" s="239">
        <f>'CPT Data'!B1004</f>
        <v>9.7929999999999993</v>
      </c>
      <c r="B996" s="3">
        <f>'CPT Data'!C1004</f>
        <v>9.7859999999999996</v>
      </c>
      <c r="C996" t="str">
        <f>'CPT Data'!P1004</f>
        <v>CLAY</v>
      </c>
      <c r="D996">
        <f>'CPT Data'!Q1004</f>
        <v>16.38252679970395</v>
      </c>
      <c r="E996">
        <f t="shared" si="16"/>
        <v>16.620958773899986</v>
      </c>
      <c r="F996">
        <f>IF(C996="CLAY", INDEX(D$4:D996, MATCH("CLAY", C$4:C996, 0)), "")</f>
        <v>0.75203252561341039</v>
      </c>
    </row>
    <row r="997" spans="1:6" x14ac:dyDescent="0.2">
      <c r="A997" s="239">
        <f>'CPT Data'!B1005</f>
        <v>9.8030000000000008</v>
      </c>
      <c r="B997" s="3">
        <f>'CPT Data'!C1005</f>
        <v>9.7960000000000012</v>
      </c>
      <c r="C997" t="str">
        <f>'CPT Data'!P1005</f>
        <v>CLAY</v>
      </c>
      <c r="D997">
        <f>'CPT Data'!Q1005</f>
        <v>16.368403017232961</v>
      </c>
      <c r="E997">
        <f t="shared" si="16"/>
        <v>16.38252679970395</v>
      </c>
      <c r="F997">
        <f>IF(C997="CLAY", INDEX(D$4:D997, MATCH("CLAY", C$4:C997, 0)), "")</f>
        <v>0.75203252561341039</v>
      </c>
    </row>
    <row r="998" spans="1:6" x14ac:dyDescent="0.2">
      <c r="A998" s="239">
        <f>'CPT Data'!B1006</f>
        <v>9.8130000000000006</v>
      </c>
      <c r="B998" s="3">
        <f>'CPT Data'!C1006</f>
        <v>9.8060000000000009</v>
      </c>
      <c r="C998" t="str">
        <f>'CPT Data'!P1006</f>
        <v>CLAY</v>
      </c>
      <c r="D998">
        <f>'CPT Data'!Q1006</f>
        <v>16.581414648520127</v>
      </c>
      <c r="E998">
        <f t="shared" si="16"/>
        <v>16.368403017232961</v>
      </c>
      <c r="F998">
        <f>IF(C998="CLAY", INDEX(D$4:D998, MATCH("CLAY", C$4:C998, 0)), "")</f>
        <v>0.75203252561341039</v>
      </c>
    </row>
    <row r="999" spans="1:6" x14ac:dyDescent="0.2">
      <c r="A999" s="239">
        <f>'CPT Data'!B1007</f>
        <v>9.8230000000000004</v>
      </c>
      <c r="B999" s="3">
        <f>'CPT Data'!C1007</f>
        <v>9.8160000000000007</v>
      </c>
      <c r="C999" t="str">
        <f>'CPT Data'!P1007</f>
        <v>CLAY</v>
      </c>
      <c r="D999">
        <f>'CPT Data'!Q1007</f>
        <v>16.679259564167371</v>
      </c>
      <c r="E999">
        <f t="shared" si="16"/>
        <v>16.581414648520127</v>
      </c>
      <c r="F999">
        <f>IF(C999="CLAY", INDEX(D$4:D999, MATCH("CLAY", C$4:C999, 0)), "")</f>
        <v>0.75203252561341039</v>
      </c>
    </row>
    <row r="1000" spans="1:6" x14ac:dyDescent="0.2">
      <c r="A1000" s="239">
        <f>'CPT Data'!B1008</f>
        <v>9.8330000000000002</v>
      </c>
      <c r="B1000" s="3">
        <f>'CPT Data'!C1008</f>
        <v>9.8260000000000005</v>
      </c>
      <c r="C1000" t="str">
        <f>'CPT Data'!P1008</f>
        <v>CLAY</v>
      </c>
      <c r="D1000">
        <f>'CPT Data'!Q1008</f>
        <v>16.584222023530824</v>
      </c>
      <c r="E1000">
        <f t="shared" si="16"/>
        <v>16.679259564167371</v>
      </c>
      <c r="F1000">
        <f>IF(C1000="CLAY", INDEX(D$4:D1000, MATCH("CLAY", C$4:C1000, 0)), "")</f>
        <v>0.75203252561341039</v>
      </c>
    </row>
    <row r="1001" spans="1:6" x14ac:dyDescent="0.2">
      <c r="A1001" s="239">
        <f>'CPT Data'!B1009</f>
        <v>9.843</v>
      </c>
      <c r="B1001" s="3">
        <f>'CPT Data'!C1009</f>
        <v>9.8360000000000003</v>
      </c>
      <c r="C1001" t="str">
        <f>'CPT Data'!P1009</f>
        <v>CLAY</v>
      </c>
      <c r="D1001">
        <f>'CPT Data'!Q1009</f>
        <v>16.635882337930081</v>
      </c>
      <c r="E1001">
        <f t="shared" si="16"/>
        <v>16.584222023530824</v>
      </c>
      <c r="F1001">
        <f>IF(C1001="CLAY", INDEX(D$4:D1001, MATCH("CLAY", C$4:C1001, 0)), "")</f>
        <v>0.75203252561341039</v>
      </c>
    </row>
    <row r="1002" spans="1:6" x14ac:dyDescent="0.2">
      <c r="A1002" s="239">
        <f>'CPT Data'!B1010</f>
        <v>9.8529999999999998</v>
      </c>
      <c r="B1002" s="3">
        <f>'CPT Data'!C1010</f>
        <v>9.8460000000000001</v>
      </c>
      <c r="C1002" t="str">
        <f>'CPT Data'!P1010</f>
        <v>CLAY</v>
      </c>
      <c r="D1002">
        <f>'CPT Data'!Q1010</f>
        <v>17.081518440294662</v>
      </c>
      <c r="E1002">
        <f t="shared" si="16"/>
        <v>16.635882337930081</v>
      </c>
      <c r="F1002">
        <f>IF(C1002="CLAY", INDEX(D$4:D1002, MATCH("CLAY", C$4:C1002, 0)), "")</f>
        <v>0.75203252561341039</v>
      </c>
    </row>
    <row r="1003" spans="1:6" x14ac:dyDescent="0.2">
      <c r="A1003" s="239">
        <f>'CPT Data'!B1011</f>
        <v>9.8629999999999995</v>
      </c>
      <c r="B1003" s="3">
        <f>'CPT Data'!C1011</f>
        <v>9.8559999999999999</v>
      </c>
      <c r="C1003" t="str">
        <f>'CPT Data'!P1011</f>
        <v>CLAY</v>
      </c>
      <c r="D1003">
        <f>'CPT Data'!Q1011</f>
        <v>17.362346462619378</v>
      </c>
      <c r="E1003">
        <f t="shared" si="16"/>
        <v>17.081518440294662</v>
      </c>
      <c r="F1003">
        <f>IF(C1003="CLAY", INDEX(D$4:D1003, MATCH("CLAY", C$4:C1003, 0)), "")</f>
        <v>0.75203252561341039</v>
      </c>
    </row>
    <row r="1004" spans="1:6" x14ac:dyDescent="0.2">
      <c r="A1004" s="239">
        <f>'CPT Data'!B1012</f>
        <v>9.8740000000000006</v>
      </c>
      <c r="B1004" s="3">
        <f>'CPT Data'!C1012</f>
        <v>9.8670000000000009</v>
      </c>
      <c r="C1004" t="str">
        <f>'CPT Data'!P1012</f>
        <v>CLAY</v>
      </c>
      <c r="D1004">
        <f>'CPT Data'!Q1012</f>
        <v>17.448915687157676</v>
      </c>
      <c r="E1004">
        <f t="shared" si="16"/>
        <v>17.362346462619378</v>
      </c>
      <c r="F1004">
        <f>IF(C1004="CLAY", INDEX(D$4:D1004, MATCH("CLAY", C$4:C1004, 0)), "")</f>
        <v>0.75203252561341039</v>
      </c>
    </row>
    <row r="1005" spans="1:6" x14ac:dyDescent="0.2">
      <c r="A1005" s="239">
        <f>'CPT Data'!B1013</f>
        <v>9.8829999999999991</v>
      </c>
      <c r="B1005" s="3">
        <f>'CPT Data'!C1013</f>
        <v>9.8759999999999994</v>
      </c>
      <c r="C1005" t="str">
        <f>'CPT Data'!P1013</f>
        <v>CLAY</v>
      </c>
      <c r="D1005">
        <f>'CPT Data'!Q1013</f>
        <v>17.782264614690476</v>
      </c>
      <c r="E1005">
        <f t="shared" si="16"/>
        <v>17.448915687157676</v>
      </c>
      <c r="F1005">
        <f>IF(C1005="CLAY", INDEX(D$4:D1005, MATCH("CLAY", C$4:C1005, 0)), "")</f>
        <v>0.75203252561341039</v>
      </c>
    </row>
    <row r="1006" spans="1:6" x14ac:dyDescent="0.2">
      <c r="A1006" s="239">
        <f>'CPT Data'!B1014</f>
        <v>9.8919999999999995</v>
      </c>
      <c r="B1006" s="3">
        <f>'CPT Data'!C1014</f>
        <v>9.8849999999999998</v>
      </c>
      <c r="C1006" t="str">
        <f>'CPT Data'!P1014</f>
        <v>CLAY</v>
      </c>
      <c r="D1006">
        <f>'CPT Data'!Q1014</f>
        <v>18.102347418595222</v>
      </c>
      <c r="E1006">
        <f t="shared" si="16"/>
        <v>17.782264614690476</v>
      </c>
      <c r="F1006">
        <f>IF(C1006="CLAY", INDEX(D$4:D1006, MATCH("CLAY", C$4:C1006, 0)), "")</f>
        <v>0.75203252561341039</v>
      </c>
    </row>
    <row r="1007" spans="1:6" x14ac:dyDescent="0.2">
      <c r="A1007" s="239">
        <f>'CPT Data'!B1015</f>
        <v>9.9030000000000005</v>
      </c>
      <c r="B1007" s="3">
        <f>'CPT Data'!C1015</f>
        <v>9.8960000000000008</v>
      </c>
      <c r="C1007" t="str">
        <f>'CPT Data'!P1015</f>
        <v>CLAY</v>
      </c>
      <c r="D1007">
        <f>'CPT Data'!Q1015</f>
        <v>18.205532881427132</v>
      </c>
      <c r="E1007">
        <f t="shared" si="16"/>
        <v>18.102347418595222</v>
      </c>
      <c r="F1007">
        <f>IF(C1007="CLAY", INDEX(D$4:D1007, MATCH("CLAY", C$4:C1007, 0)), "")</f>
        <v>0.75203252561341039</v>
      </c>
    </row>
    <row r="1008" spans="1:6" x14ac:dyDescent="0.2">
      <c r="A1008" s="239">
        <f>'CPT Data'!B1016</f>
        <v>9.9120000000000008</v>
      </c>
      <c r="B1008" s="3">
        <f>'CPT Data'!C1016</f>
        <v>9.9050000000000011</v>
      </c>
      <c r="C1008" t="str">
        <f>'CPT Data'!P1016</f>
        <v>CLAY</v>
      </c>
      <c r="D1008">
        <f>'CPT Data'!Q1016</f>
        <v>18.218123738804127</v>
      </c>
      <c r="E1008">
        <f t="shared" si="16"/>
        <v>18.205532881427132</v>
      </c>
      <c r="F1008">
        <f>IF(C1008="CLAY", INDEX(D$4:D1008, MATCH("CLAY", C$4:C1008, 0)), "")</f>
        <v>0.75203252561341039</v>
      </c>
    </row>
    <row r="1009" spans="1:6" x14ac:dyDescent="0.2">
      <c r="A1009" s="239">
        <f>'CPT Data'!B1017</f>
        <v>9.923</v>
      </c>
      <c r="B1009" s="3">
        <f>'CPT Data'!C1017</f>
        <v>9.9160000000000004</v>
      </c>
      <c r="C1009" t="str">
        <f>'CPT Data'!P1017</f>
        <v>CLAY</v>
      </c>
      <c r="D1009">
        <f>'CPT Data'!Q1017</f>
        <v>18.437534904253479</v>
      </c>
      <c r="E1009">
        <f t="shared" si="16"/>
        <v>18.218123738804127</v>
      </c>
      <c r="F1009">
        <f>IF(C1009="CLAY", INDEX(D$4:D1009, MATCH("CLAY", C$4:C1009, 0)), "")</f>
        <v>0.75203252561341039</v>
      </c>
    </row>
    <row r="1010" spans="1:6" x14ac:dyDescent="0.2">
      <c r="A1010" s="239">
        <f>'CPT Data'!B1018</f>
        <v>9.9329999999999998</v>
      </c>
      <c r="B1010" s="3">
        <f>'CPT Data'!C1018</f>
        <v>9.9260000000000002</v>
      </c>
      <c r="C1010" t="str">
        <f>'CPT Data'!P1018</f>
        <v>CLAY</v>
      </c>
      <c r="D1010">
        <f>'CPT Data'!Q1018</f>
        <v>18.245170935300536</v>
      </c>
      <c r="E1010">
        <f t="shared" si="16"/>
        <v>18.437534904253479</v>
      </c>
      <c r="F1010">
        <f>IF(C1010="CLAY", INDEX(D$4:D1010, MATCH("CLAY", C$4:C1010, 0)), "")</f>
        <v>0.75203252561341039</v>
      </c>
    </row>
    <row r="1011" spans="1:6" x14ac:dyDescent="0.2">
      <c r="A1011" s="239">
        <f>'CPT Data'!B1019</f>
        <v>9.9429999999999996</v>
      </c>
      <c r="B1011" s="3">
        <f>'CPT Data'!C1019</f>
        <v>9.9359999999999999</v>
      </c>
      <c r="C1011" t="str">
        <f>'CPT Data'!P1019</f>
        <v>CLAY</v>
      </c>
      <c r="D1011">
        <f>'CPT Data'!Q1019</f>
        <v>17.981248352968748</v>
      </c>
      <c r="E1011">
        <f t="shared" si="16"/>
        <v>18.245170935300536</v>
      </c>
      <c r="F1011">
        <f>IF(C1011="CLAY", INDEX(D$4:D1011, MATCH("CLAY", C$4:C1011, 0)), "")</f>
        <v>0.75203252561341039</v>
      </c>
    </row>
    <row r="1012" spans="1:6" x14ac:dyDescent="0.2">
      <c r="A1012" s="239">
        <f>'CPT Data'!B1020</f>
        <v>9.9529999999999994</v>
      </c>
      <c r="B1012" s="3">
        <f>'CPT Data'!C1020</f>
        <v>9.9459999999999997</v>
      </c>
      <c r="C1012" t="str">
        <f>'CPT Data'!P1020</f>
        <v>CLAY</v>
      </c>
      <c r="D1012">
        <f>'CPT Data'!Q1020</f>
        <v>17.484565183332702</v>
      </c>
      <c r="E1012">
        <f t="shared" si="16"/>
        <v>17.981248352968748</v>
      </c>
      <c r="F1012">
        <f>IF(C1012="CLAY", INDEX(D$4:D1012, MATCH("CLAY", C$4:C1012, 0)), "")</f>
        <v>0.75203252561341039</v>
      </c>
    </row>
    <row r="1013" spans="1:6" x14ac:dyDescent="0.2">
      <c r="A1013" s="239">
        <f>'CPT Data'!B1021</f>
        <v>9.9629999999999992</v>
      </c>
      <c r="B1013" s="3">
        <f>'CPT Data'!C1021</f>
        <v>9.9559999999999995</v>
      </c>
      <c r="C1013" t="str">
        <f>'CPT Data'!P1021</f>
        <v>CLAY</v>
      </c>
      <c r="D1013">
        <f>'CPT Data'!Q1021</f>
        <v>17.191942895891021</v>
      </c>
      <c r="E1013">
        <f t="shared" si="16"/>
        <v>17.484565183332702</v>
      </c>
      <c r="F1013">
        <f>IF(C1013="CLAY", INDEX(D$4:D1013, MATCH("CLAY", C$4:C1013, 0)), "")</f>
        <v>0.75203252561341039</v>
      </c>
    </row>
    <row r="1014" spans="1:6" x14ac:dyDescent="0.2">
      <c r="A1014" s="239">
        <f>'CPT Data'!B1022</f>
        <v>9.9730000000000008</v>
      </c>
      <c r="B1014" s="3">
        <f>'CPT Data'!C1022</f>
        <v>9.9660000000000011</v>
      </c>
      <c r="C1014" t="str">
        <f>'CPT Data'!P1022</f>
        <v>CLAY</v>
      </c>
      <c r="D1014">
        <f>'CPT Data'!Q1022</f>
        <v>17.172299566412541</v>
      </c>
      <c r="E1014">
        <f t="shared" si="16"/>
        <v>17.191942895891021</v>
      </c>
      <c r="F1014">
        <f>IF(C1014="CLAY", INDEX(D$4:D1014, MATCH("CLAY", C$4:C1014, 0)), "")</f>
        <v>0.75203252561341039</v>
      </c>
    </row>
    <row r="1015" spans="1:6" x14ac:dyDescent="0.2">
      <c r="A1015" s="239">
        <f>'CPT Data'!B1023</f>
        <v>9.984</v>
      </c>
      <c r="B1015" s="3">
        <f>'CPT Data'!C1023</f>
        <v>9.9770000000000003</v>
      </c>
      <c r="C1015" t="str">
        <f>'CPT Data'!P1023</f>
        <v>CLAY</v>
      </c>
      <c r="D1015">
        <f>'CPT Data'!Q1023</f>
        <v>17.472079032551033</v>
      </c>
      <c r="E1015">
        <f t="shared" si="16"/>
        <v>17.172299566412541</v>
      </c>
      <c r="F1015">
        <f>IF(C1015="CLAY", INDEX(D$4:D1015, MATCH("CLAY", C$4:C1015, 0)), "")</f>
        <v>0.75203252561341039</v>
      </c>
    </row>
    <row r="1016" spans="1:6" x14ac:dyDescent="0.2">
      <c r="A1016" s="239">
        <f>'CPT Data'!B1024</f>
        <v>9.9930000000000003</v>
      </c>
      <c r="B1016" s="3">
        <f>'CPT Data'!C1024</f>
        <v>9.9860000000000007</v>
      </c>
      <c r="C1016" t="str">
        <f>'CPT Data'!P1024</f>
        <v>CLAY</v>
      </c>
      <c r="D1016">
        <f>'CPT Data'!Q1024</f>
        <v>17.40122630115086</v>
      </c>
      <c r="E1016">
        <f t="shared" si="16"/>
        <v>17.472079032551033</v>
      </c>
      <c r="F1016">
        <f>IF(C1016="CLAY", INDEX(D$4:D1016, MATCH("CLAY", C$4:C1016, 0)), "")</f>
        <v>0.75203252561341039</v>
      </c>
    </row>
    <row r="1017" spans="1:6" x14ac:dyDescent="0.2">
      <c r="A1017" s="239">
        <f>'CPT Data'!B1025</f>
        <v>10.004</v>
      </c>
      <c r="B1017" s="3">
        <f>'CPT Data'!C1025</f>
        <v>9.9969999999999999</v>
      </c>
      <c r="C1017" t="str">
        <f>'CPT Data'!P1025</f>
        <v>CLAY</v>
      </c>
      <c r="D1017">
        <f>'CPT Data'!Q1025</f>
        <v>17.427722915301601</v>
      </c>
      <c r="E1017">
        <f t="shared" si="16"/>
        <v>17.40122630115086</v>
      </c>
      <c r="F1017">
        <f>IF(C1017="CLAY", INDEX(D$4:D1017, MATCH("CLAY", C$4:C1017, 0)), "")</f>
        <v>0.75203252561341039</v>
      </c>
    </row>
    <row r="1018" spans="1:6" x14ac:dyDescent="0.2">
      <c r="A1018" s="239">
        <f>'CPT Data'!B1026</f>
        <v>10.013</v>
      </c>
      <c r="B1018" s="3">
        <f>'CPT Data'!C1026</f>
        <v>10.006</v>
      </c>
      <c r="C1018" t="str">
        <f>'CPT Data'!P1026</f>
        <v>CLAY</v>
      </c>
      <c r="D1018">
        <f>'CPT Data'!Q1026</f>
        <v>17.714016256797855</v>
      </c>
      <c r="E1018">
        <f t="shared" si="16"/>
        <v>17.427722915301601</v>
      </c>
      <c r="F1018">
        <f>IF(C1018="CLAY", INDEX(D$4:D1018, MATCH("CLAY", C$4:C1018, 0)), "")</f>
        <v>0.75203252561341039</v>
      </c>
    </row>
    <row r="1019" spans="1:6" x14ac:dyDescent="0.2">
      <c r="A1019" s="239">
        <f>'CPT Data'!B1027</f>
        <v>10.023</v>
      </c>
      <c r="B1019" s="3">
        <f>'CPT Data'!C1027</f>
        <v>10.016</v>
      </c>
      <c r="C1019" t="str">
        <f>'CPT Data'!P1027</f>
        <v>CLAY</v>
      </c>
      <c r="D1019">
        <f>'CPT Data'!Q1027</f>
        <v>17.853865415977296</v>
      </c>
      <c r="E1019">
        <f t="shared" si="16"/>
        <v>17.714016256797855</v>
      </c>
      <c r="F1019">
        <f>IF(C1019="CLAY", INDEX(D$4:D1019, MATCH("CLAY", C$4:C1019, 0)), "")</f>
        <v>0.75203252561341039</v>
      </c>
    </row>
    <row r="1020" spans="1:6" x14ac:dyDescent="0.2">
      <c r="A1020" s="239">
        <f>'CPT Data'!B1028</f>
        <v>10.034000000000001</v>
      </c>
      <c r="B1020" s="3">
        <f>'CPT Data'!C1028</f>
        <v>10.027000000000001</v>
      </c>
      <c r="C1020" t="str">
        <f>'CPT Data'!P1028</f>
        <v>CLAY</v>
      </c>
      <c r="D1020">
        <f>'CPT Data'!Q1028</f>
        <v>17.826095244758058</v>
      </c>
      <c r="E1020">
        <f t="shared" si="16"/>
        <v>17.853865415977296</v>
      </c>
      <c r="F1020">
        <f>IF(C1020="CLAY", INDEX(D$4:D1020, MATCH("CLAY", C$4:C1020, 0)), "")</f>
        <v>0.75203252561341039</v>
      </c>
    </row>
    <row r="1021" spans="1:6" x14ac:dyDescent="0.2">
      <c r="A1021" s="239">
        <f>'CPT Data'!B1029</f>
        <v>10.042999999999999</v>
      </c>
      <c r="B1021" s="3">
        <f>'CPT Data'!C1029</f>
        <v>10.036</v>
      </c>
      <c r="C1021" t="str">
        <f>'CPT Data'!P1029</f>
        <v>CLAY</v>
      </c>
      <c r="D1021">
        <f>'CPT Data'!Q1029</f>
        <v>17.576789857769935</v>
      </c>
      <c r="E1021">
        <f t="shared" si="16"/>
        <v>17.826095244758058</v>
      </c>
      <c r="F1021">
        <f>IF(C1021="CLAY", INDEX(D$4:D1021, MATCH("CLAY", C$4:C1021, 0)), "")</f>
        <v>0.75203252561341039</v>
      </c>
    </row>
    <row r="1022" spans="1:6" x14ac:dyDescent="0.2">
      <c r="A1022" s="239">
        <f>'CPT Data'!B1030</f>
        <v>10.054</v>
      </c>
      <c r="B1022" s="3">
        <f>'CPT Data'!C1030</f>
        <v>10.047000000000001</v>
      </c>
      <c r="C1022" t="str">
        <f>'CPT Data'!P1030</f>
        <v>CLAY</v>
      </c>
      <c r="D1022">
        <f>'CPT Data'!Q1030</f>
        <v>17.149656807132086</v>
      </c>
      <c r="E1022">
        <f t="shared" si="16"/>
        <v>17.576789857769935</v>
      </c>
      <c r="F1022">
        <f>IF(C1022="CLAY", INDEX(D$4:D1022, MATCH("CLAY", C$4:C1022, 0)), "")</f>
        <v>0.75203252561341039</v>
      </c>
    </row>
    <row r="1023" spans="1:6" x14ac:dyDescent="0.2">
      <c r="A1023" s="239">
        <f>'CPT Data'!B1031</f>
        <v>10.063000000000001</v>
      </c>
      <c r="B1023" s="3">
        <f>'CPT Data'!C1031</f>
        <v>10.056000000000001</v>
      </c>
      <c r="C1023" t="str">
        <f>'CPT Data'!P1031</f>
        <v>CLAY</v>
      </c>
      <c r="D1023">
        <f>'CPT Data'!Q1031</f>
        <v>16.809401774519252</v>
      </c>
      <c r="E1023">
        <f t="shared" si="16"/>
        <v>17.149656807132086</v>
      </c>
      <c r="F1023">
        <f>IF(C1023="CLAY", INDEX(D$4:D1023, MATCH("CLAY", C$4:C1023, 0)), "")</f>
        <v>0.75203252561341039</v>
      </c>
    </row>
    <row r="1024" spans="1:6" x14ac:dyDescent="0.2">
      <c r="A1024" s="239">
        <f>'CPT Data'!B1032</f>
        <v>10.074</v>
      </c>
      <c r="B1024" s="3">
        <f>'CPT Data'!C1032</f>
        <v>10.067</v>
      </c>
      <c r="C1024" t="str">
        <f>'CPT Data'!P1032</f>
        <v>CLAY</v>
      </c>
      <c r="D1024">
        <f>'CPT Data'!Q1032</f>
        <v>16.466908195715423</v>
      </c>
      <c r="E1024">
        <f t="shared" si="16"/>
        <v>16.809401774519252</v>
      </c>
      <c r="F1024">
        <f>IF(C1024="CLAY", INDEX(D$4:D1024, MATCH("CLAY", C$4:C1024, 0)), "")</f>
        <v>0.75203252561341039</v>
      </c>
    </row>
    <row r="1025" spans="1:6" x14ac:dyDescent="0.2">
      <c r="A1025" s="239">
        <f>'CPT Data'!B1033</f>
        <v>10.083</v>
      </c>
      <c r="B1025" s="3">
        <f>'CPT Data'!C1033</f>
        <v>10.076000000000001</v>
      </c>
      <c r="C1025" t="str">
        <f>'CPT Data'!P1033</f>
        <v>CLAY</v>
      </c>
      <c r="D1025">
        <f>'CPT Data'!Q1033</f>
        <v>16.063416893883073</v>
      </c>
      <c r="E1025">
        <f t="shared" si="16"/>
        <v>16.466908195715423</v>
      </c>
      <c r="F1025">
        <f>IF(C1025="CLAY", INDEX(D$4:D1025, MATCH("CLAY", C$4:C1025, 0)), "")</f>
        <v>0.75203252561341039</v>
      </c>
    </row>
    <row r="1026" spans="1:6" x14ac:dyDescent="0.2">
      <c r="A1026" s="239">
        <f>'CPT Data'!B1034</f>
        <v>10.093</v>
      </c>
      <c r="B1026" s="3">
        <f>'CPT Data'!C1034</f>
        <v>10.086</v>
      </c>
      <c r="C1026" t="str">
        <f>'CPT Data'!P1034</f>
        <v>CLAY</v>
      </c>
      <c r="D1026">
        <f>'CPT Data'!Q1034</f>
        <v>15.682447125798797</v>
      </c>
      <c r="E1026">
        <f t="shared" si="16"/>
        <v>16.063416893883073</v>
      </c>
      <c r="F1026">
        <f>IF(C1026="CLAY", INDEX(D$4:D1026, MATCH("CLAY", C$4:C1026, 0)), "")</f>
        <v>0.75203252561341039</v>
      </c>
    </row>
    <row r="1027" spans="1:6" x14ac:dyDescent="0.2">
      <c r="A1027" s="239">
        <f>'CPT Data'!B1035</f>
        <v>10.103999999999999</v>
      </c>
      <c r="B1027" s="3">
        <f>'CPT Data'!C1035</f>
        <v>10.097</v>
      </c>
      <c r="C1027" t="str">
        <f>'CPT Data'!P1035</f>
        <v>CLAY</v>
      </c>
      <c r="D1027">
        <f>'CPT Data'!Q1035</f>
        <v>15.504889937438476</v>
      </c>
      <c r="E1027">
        <f t="shared" si="16"/>
        <v>15.682447125798797</v>
      </c>
      <c r="F1027">
        <f>IF(C1027="CLAY", INDEX(D$4:D1027, MATCH("CLAY", C$4:C1027, 0)), "")</f>
        <v>0.75203252561341039</v>
      </c>
    </row>
    <row r="1028" spans="1:6" x14ac:dyDescent="0.2">
      <c r="A1028" s="239">
        <f>'CPT Data'!B1036</f>
        <v>10.113</v>
      </c>
      <c r="B1028" s="3">
        <f>'CPT Data'!C1036</f>
        <v>10.106</v>
      </c>
      <c r="C1028" t="str">
        <f>'CPT Data'!P1036</f>
        <v>CLAY</v>
      </c>
      <c r="D1028">
        <f>'CPT Data'!Q1036</f>
        <v>15.260297599728856</v>
      </c>
      <c r="E1028">
        <f t="shared" si="16"/>
        <v>15.504889937438476</v>
      </c>
      <c r="F1028">
        <f>IF(C1028="CLAY", INDEX(D$4:D1028, MATCH("CLAY", C$4:C1028, 0)), "")</f>
        <v>0.75203252561341039</v>
      </c>
    </row>
    <row r="1029" spans="1:6" x14ac:dyDescent="0.2">
      <c r="A1029" s="239">
        <f>'CPT Data'!B1037</f>
        <v>10.122999999999999</v>
      </c>
      <c r="B1029" s="3">
        <f>'CPT Data'!C1037</f>
        <v>10.116</v>
      </c>
      <c r="C1029" t="str">
        <f>'CPT Data'!P1037</f>
        <v>CLAY</v>
      </c>
      <c r="D1029">
        <f>'CPT Data'!Q1037</f>
        <v>15.105227793788304</v>
      </c>
      <c r="E1029">
        <f t="shared" si="16"/>
        <v>15.260297599728856</v>
      </c>
      <c r="F1029">
        <f>IF(C1029="CLAY", INDEX(D$4:D1029, MATCH("CLAY", C$4:C1029, 0)), "")</f>
        <v>0.75203252561341039</v>
      </c>
    </row>
    <row r="1030" spans="1:6" x14ac:dyDescent="0.2">
      <c r="A1030" s="239">
        <f>'CPT Data'!B1038</f>
        <v>10.135</v>
      </c>
      <c r="B1030" s="3">
        <f>'CPT Data'!C1038</f>
        <v>10.128</v>
      </c>
      <c r="C1030" t="str">
        <f>'CPT Data'!P1038</f>
        <v>CLAY</v>
      </c>
      <c r="D1030">
        <f>'CPT Data'!Q1038</f>
        <v>14.886883420469013</v>
      </c>
      <c r="E1030">
        <f t="shared" si="16"/>
        <v>15.105227793788304</v>
      </c>
      <c r="F1030">
        <f>IF(C1030="CLAY", INDEX(D$4:D1030, MATCH("CLAY", C$4:C1030, 0)), "")</f>
        <v>0.75203252561341039</v>
      </c>
    </row>
    <row r="1031" spans="1:6" x14ac:dyDescent="0.2">
      <c r="A1031" s="239">
        <f>'CPT Data'!B1039</f>
        <v>10.144</v>
      </c>
      <c r="B1031" s="3">
        <f>'CPT Data'!C1039</f>
        <v>10.137</v>
      </c>
      <c r="C1031" t="str">
        <f>'CPT Data'!P1039</f>
        <v>CLAY</v>
      </c>
      <c r="D1031">
        <f>'CPT Data'!Q1039</f>
        <v>14.91011973161922</v>
      </c>
      <c r="E1031">
        <f t="shared" si="16"/>
        <v>14.886883420469013</v>
      </c>
      <c r="F1031">
        <f>IF(C1031="CLAY", INDEX(D$4:D1031, MATCH("CLAY", C$4:C1031, 0)), "")</f>
        <v>0.75203252561341039</v>
      </c>
    </row>
    <row r="1032" spans="1:6" x14ac:dyDescent="0.2">
      <c r="A1032" s="239">
        <f>'CPT Data'!B1040</f>
        <v>10.154</v>
      </c>
      <c r="B1032" s="3">
        <f>'CPT Data'!C1040</f>
        <v>10.147</v>
      </c>
      <c r="C1032" t="str">
        <f>'CPT Data'!P1040</f>
        <v>CLAY</v>
      </c>
      <c r="D1032">
        <f>'CPT Data'!Q1040</f>
        <v>15.004555354668033</v>
      </c>
      <c r="E1032">
        <f t="shared" si="16"/>
        <v>14.91011973161922</v>
      </c>
      <c r="F1032">
        <f>IF(C1032="CLAY", INDEX(D$4:D1032, MATCH("CLAY", C$4:C1032, 0)), "")</f>
        <v>0.75203252561341039</v>
      </c>
    </row>
    <row r="1033" spans="1:6" x14ac:dyDescent="0.2">
      <c r="A1033" s="239">
        <f>'CPT Data'!B1041</f>
        <v>10.164</v>
      </c>
      <c r="B1033" s="3">
        <f>'CPT Data'!C1041</f>
        <v>10.157</v>
      </c>
      <c r="C1033" t="str">
        <f>'CPT Data'!P1041</f>
        <v>CLAY</v>
      </c>
      <c r="D1033">
        <f>'CPT Data'!Q1041</f>
        <v>15.215926911297698</v>
      </c>
      <c r="E1033">
        <f t="shared" si="16"/>
        <v>15.004555354668033</v>
      </c>
      <c r="F1033">
        <f>IF(C1033="CLAY", INDEX(D$4:D1033, MATCH("CLAY", C$4:C1033, 0)), "")</f>
        <v>0.75203252561341039</v>
      </c>
    </row>
    <row r="1034" spans="1:6" x14ac:dyDescent="0.2">
      <c r="A1034" s="239">
        <f>'CPT Data'!B1042</f>
        <v>10.175000000000001</v>
      </c>
      <c r="B1034" s="3">
        <f>'CPT Data'!C1042</f>
        <v>10.168000000000001</v>
      </c>
      <c r="C1034" t="str">
        <f>'CPT Data'!P1042</f>
        <v>CLAY</v>
      </c>
      <c r="D1034">
        <f>'CPT Data'!Q1042</f>
        <v>15.477115005142025</v>
      </c>
      <c r="E1034">
        <f t="shared" si="16"/>
        <v>15.215926911297698</v>
      </c>
      <c r="F1034">
        <f>IF(C1034="CLAY", INDEX(D$4:D1034, MATCH("CLAY", C$4:C1034, 0)), "")</f>
        <v>0.75203252561341039</v>
      </c>
    </row>
    <row r="1035" spans="1:6" x14ac:dyDescent="0.2">
      <c r="A1035" s="239">
        <f>'CPT Data'!B1043</f>
        <v>10.183999999999999</v>
      </c>
      <c r="B1035" s="3">
        <f>'CPT Data'!C1043</f>
        <v>10.177</v>
      </c>
      <c r="C1035" t="str">
        <f>'CPT Data'!P1043</f>
        <v>CLAY</v>
      </c>
      <c r="D1035">
        <f>'CPT Data'!Q1043</f>
        <v>15.65794754038081</v>
      </c>
      <c r="E1035">
        <f t="shared" si="16"/>
        <v>15.477115005142025</v>
      </c>
      <c r="F1035">
        <f>IF(C1035="CLAY", INDEX(D$4:D1035, MATCH("CLAY", C$4:C1035, 0)), "")</f>
        <v>0.75203252561341039</v>
      </c>
    </row>
    <row r="1036" spans="1:6" x14ac:dyDescent="0.2">
      <c r="A1036" s="239">
        <f>'CPT Data'!B1044</f>
        <v>10.195</v>
      </c>
      <c r="B1036" s="3">
        <f>'CPT Data'!C1044</f>
        <v>10.188000000000001</v>
      </c>
      <c r="C1036" t="str">
        <f>'CPT Data'!P1044</f>
        <v>CLAY</v>
      </c>
      <c r="D1036">
        <f>'CPT Data'!Q1044</f>
        <v>15.762660621686869</v>
      </c>
      <c r="E1036">
        <f t="shared" si="16"/>
        <v>15.65794754038081</v>
      </c>
      <c r="F1036">
        <f>IF(C1036="CLAY", INDEX(D$4:D1036, MATCH("CLAY", C$4:C1036, 0)), "")</f>
        <v>0.75203252561341039</v>
      </c>
    </row>
    <row r="1037" spans="1:6" x14ac:dyDescent="0.2">
      <c r="A1037" s="239">
        <f>'CPT Data'!B1045</f>
        <v>10.204000000000001</v>
      </c>
      <c r="B1037" s="3">
        <f>'CPT Data'!C1045</f>
        <v>10.197000000000001</v>
      </c>
      <c r="C1037" t="str">
        <f>'CPT Data'!P1045</f>
        <v>CLAY</v>
      </c>
      <c r="D1037">
        <f>'CPT Data'!Q1045</f>
        <v>15.76997808623724</v>
      </c>
      <c r="E1037">
        <f t="shared" si="16"/>
        <v>15.762660621686869</v>
      </c>
      <c r="F1037">
        <f>IF(C1037="CLAY", INDEX(D$4:D1037, MATCH("CLAY", C$4:C1037, 0)), "")</f>
        <v>0.75203252561341039</v>
      </c>
    </row>
    <row r="1038" spans="1:6" x14ac:dyDescent="0.2">
      <c r="A1038" s="239">
        <f>'CPT Data'!B1046</f>
        <v>10.215</v>
      </c>
      <c r="B1038" s="3">
        <f>'CPT Data'!C1046</f>
        <v>10.208</v>
      </c>
      <c r="C1038" t="str">
        <f>'CPT Data'!P1046</f>
        <v>CLAY</v>
      </c>
      <c r="D1038">
        <f>'CPT Data'!Q1046</f>
        <v>15.836817960571429</v>
      </c>
      <c r="E1038">
        <f t="shared" si="16"/>
        <v>15.76997808623724</v>
      </c>
      <c r="F1038">
        <f>IF(C1038="CLAY", INDEX(D$4:D1038, MATCH("CLAY", C$4:C1038, 0)), "")</f>
        <v>0.75203252561341039</v>
      </c>
    </row>
    <row r="1039" spans="1:6" x14ac:dyDescent="0.2">
      <c r="A1039" s="239">
        <f>'CPT Data'!B1047</f>
        <v>10.224</v>
      </c>
      <c r="B1039" s="3">
        <f>'CPT Data'!C1047</f>
        <v>10.217000000000001</v>
      </c>
      <c r="C1039" t="str">
        <f>'CPT Data'!P1047</f>
        <v>CLAY</v>
      </c>
      <c r="D1039">
        <f>'CPT Data'!Q1047</f>
        <v>16.019856279852402</v>
      </c>
      <c r="E1039">
        <f t="shared" si="16"/>
        <v>15.836817960571429</v>
      </c>
      <c r="F1039">
        <f>IF(C1039="CLAY", INDEX(D$4:D1039, MATCH("CLAY", C$4:C1039, 0)), "")</f>
        <v>0.75203252561341039</v>
      </c>
    </row>
    <row r="1040" spans="1:6" x14ac:dyDescent="0.2">
      <c r="A1040" s="239">
        <f>'CPT Data'!B1048</f>
        <v>10.234999999999999</v>
      </c>
      <c r="B1040" s="3">
        <f>'CPT Data'!C1048</f>
        <v>10.228</v>
      </c>
      <c r="C1040" t="str">
        <f>'CPT Data'!P1048</f>
        <v>CLAY</v>
      </c>
      <c r="D1040">
        <f>'CPT Data'!Q1048</f>
        <v>15.902184862007344</v>
      </c>
      <c r="E1040">
        <f t="shared" si="16"/>
        <v>16.019856279852402</v>
      </c>
      <c r="F1040">
        <f>IF(C1040="CLAY", INDEX(D$4:D1040, MATCH("CLAY", C$4:C1040, 0)), "")</f>
        <v>0.75203252561341039</v>
      </c>
    </row>
    <row r="1041" spans="1:6" x14ac:dyDescent="0.2">
      <c r="A1041" s="239">
        <f>'CPT Data'!B1049</f>
        <v>10.244</v>
      </c>
      <c r="B1041" s="3">
        <f>'CPT Data'!C1049</f>
        <v>10.237</v>
      </c>
      <c r="C1041" t="str">
        <f>'CPT Data'!P1049</f>
        <v>CLAY</v>
      </c>
      <c r="D1041">
        <f>'CPT Data'!Q1049</f>
        <v>15.878676415526755</v>
      </c>
      <c r="E1041">
        <f t="shared" si="16"/>
        <v>15.902184862007344</v>
      </c>
      <c r="F1041">
        <f>IF(C1041="CLAY", INDEX(D$4:D1041, MATCH("CLAY", C$4:C1041, 0)), "")</f>
        <v>0.75203252561341039</v>
      </c>
    </row>
    <row r="1042" spans="1:6" x14ac:dyDescent="0.2">
      <c r="A1042" s="239">
        <f>'CPT Data'!B1050</f>
        <v>10.255000000000001</v>
      </c>
      <c r="B1042" s="3">
        <f>'CPT Data'!C1050</f>
        <v>10.248000000000001</v>
      </c>
      <c r="C1042" t="str">
        <f>'CPT Data'!P1050</f>
        <v>CLAY</v>
      </c>
      <c r="D1042">
        <f>'CPT Data'!Q1050</f>
        <v>16.182740117567469</v>
      </c>
      <c r="E1042">
        <f t="shared" si="16"/>
        <v>15.878676415526755</v>
      </c>
      <c r="F1042">
        <f>IF(C1042="CLAY", INDEX(D$4:D1042, MATCH("CLAY", C$4:C1042, 0)), "")</f>
        <v>0.75203252561341039</v>
      </c>
    </row>
    <row r="1043" spans="1:6" x14ac:dyDescent="0.2">
      <c r="A1043" s="239">
        <f>'CPT Data'!B1051</f>
        <v>10.263999999999999</v>
      </c>
      <c r="B1043" s="3">
        <f>'CPT Data'!C1051</f>
        <v>10.257</v>
      </c>
      <c r="C1043" t="str">
        <f>'CPT Data'!P1051</f>
        <v>CLAY</v>
      </c>
      <c r="D1043">
        <f>'CPT Data'!Q1051</f>
        <v>16.282674834591251</v>
      </c>
      <c r="E1043">
        <f t="shared" si="16"/>
        <v>16.182740117567469</v>
      </c>
      <c r="F1043">
        <f>IF(C1043="CLAY", INDEX(D$4:D1043, MATCH("CLAY", C$4:C1043, 0)), "")</f>
        <v>0.75203252561341039</v>
      </c>
    </row>
    <row r="1044" spans="1:6" x14ac:dyDescent="0.2">
      <c r="A1044" s="239">
        <f>'CPT Data'!B1052</f>
        <v>10.275</v>
      </c>
      <c r="B1044" s="3">
        <f>'CPT Data'!C1052</f>
        <v>10.268000000000001</v>
      </c>
      <c r="C1044" t="str">
        <f>'CPT Data'!P1052</f>
        <v>CLAY</v>
      </c>
      <c r="D1044">
        <f>'CPT Data'!Q1052</f>
        <v>16.723528482642823</v>
      </c>
      <c r="E1044">
        <f t="shared" si="16"/>
        <v>16.282674834591251</v>
      </c>
      <c r="F1044">
        <f>IF(C1044="CLAY", INDEX(D$4:D1044, MATCH("CLAY", C$4:C1044, 0)), "")</f>
        <v>0.75203252561341039</v>
      </c>
    </row>
    <row r="1045" spans="1:6" x14ac:dyDescent="0.2">
      <c r="A1045" s="239">
        <f>'CPT Data'!B1053</f>
        <v>10.285</v>
      </c>
      <c r="B1045" s="3">
        <f>'CPT Data'!C1053</f>
        <v>10.278</v>
      </c>
      <c r="C1045" t="str">
        <f>'CPT Data'!P1053</f>
        <v>CLAY</v>
      </c>
      <c r="D1045">
        <f>'CPT Data'!Q1053</f>
        <v>17.004497659439679</v>
      </c>
      <c r="E1045">
        <f t="shared" si="16"/>
        <v>16.723528482642823</v>
      </c>
      <c r="F1045">
        <f>IF(C1045="CLAY", INDEX(D$4:D1045, MATCH("CLAY", C$4:C1045, 0)), "")</f>
        <v>0.75203252561341039</v>
      </c>
    </row>
    <row r="1046" spans="1:6" x14ac:dyDescent="0.2">
      <c r="A1046" s="239">
        <f>'CPT Data'!B1054</f>
        <v>10.294</v>
      </c>
      <c r="B1046" s="3">
        <f>'CPT Data'!C1054</f>
        <v>10.287000000000001</v>
      </c>
      <c r="C1046" t="str">
        <f>'CPT Data'!P1054</f>
        <v>CLAY</v>
      </c>
      <c r="D1046">
        <f>'CPT Data'!Q1054</f>
        <v>17.082591910264558</v>
      </c>
      <c r="E1046">
        <f t="shared" si="16"/>
        <v>17.004497659439679</v>
      </c>
      <c r="F1046">
        <f>IF(C1046="CLAY", INDEX(D$4:D1046, MATCH("CLAY", C$4:C1046, 0)), "")</f>
        <v>0.75203252561341039</v>
      </c>
    </row>
    <row r="1047" spans="1:6" x14ac:dyDescent="0.2">
      <c r="A1047" s="239">
        <f>'CPT Data'!B1055</f>
        <v>10.304</v>
      </c>
      <c r="B1047" s="3">
        <f>'CPT Data'!C1055</f>
        <v>10.297000000000001</v>
      </c>
      <c r="C1047" t="str">
        <f>'CPT Data'!P1055</f>
        <v>CLAY</v>
      </c>
      <c r="D1047">
        <f>'CPT Data'!Q1055</f>
        <v>17.072735331181196</v>
      </c>
      <c r="E1047">
        <f t="shared" si="16"/>
        <v>17.082591910264558</v>
      </c>
      <c r="F1047">
        <f>IF(C1047="CLAY", INDEX(D$4:D1047, MATCH("CLAY", C$4:C1047, 0)), "")</f>
        <v>0.75203252561341039</v>
      </c>
    </row>
    <row r="1048" spans="1:6" x14ac:dyDescent="0.2">
      <c r="A1048" s="239">
        <f>'CPT Data'!B1056</f>
        <v>10.315</v>
      </c>
      <c r="B1048" s="3">
        <f>'CPT Data'!C1056</f>
        <v>10.308</v>
      </c>
      <c r="C1048" t="str">
        <f>'CPT Data'!P1056</f>
        <v>CLAY</v>
      </c>
      <c r="D1048">
        <f>'CPT Data'!Q1056</f>
        <v>16.684720127932732</v>
      </c>
      <c r="E1048">
        <f t="shared" si="16"/>
        <v>17.072735331181196</v>
      </c>
      <c r="F1048">
        <f>IF(C1048="CLAY", INDEX(D$4:D1048, MATCH("CLAY", C$4:C1048, 0)), "")</f>
        <v>0.75203252561341039</v>
      </c>
    </row>
    <row r="1049" spans="1:6" x14ac:dyDescent="0.2">
      <c r="A1049" s="239">
        <f>'CPT Data'!B1057</f>
        <v>10.324</v>
      </c>
      <c r="B1049" s="3">
        <f>'CPT Data'!C1057</f>
        <v>10.317</v>
      </c>
      <c r="C1049" t="str">
        <f>'CPT Data'!P1057</f>
        <v>CLAY</v>
      </c>
      <c r="D1049">
        <f>'CPT Data'!Q1057</f>
        <v>16.516439357304428</v>
      </c>
      <c r="E1049">
        <f t="shared" si="16"/>
        <v>16.684720127932732</v>
      </c>
      <c r="F1049">
        <f>IF(C1049="CLAY", INDEX(D$4:D1049, MATCH("CLAY", C$4:C1049, 0)), "")</f>
        <v>0.75203252561341039</v>
      </c>
    </row>
    <row r="1050" spans="1:6" x14ac:dyDescent="0.2">
      <c r="A1050" s="239">
        <f>'CPT Data'!B1058</f>
        <v>10.335000000000001</v>
      </c>
      <c r="B1050" s="3">
        <f>'CPT Data'!C1058</f>
        <v>10.328000000000001</v>
      </c>
      <c r="C1050" t="str">
        <f>'CPT Data'!P1058</f>
        <v>CLAY</v>
      </c>
      <c r="D1050">
        <f>'CPT Data'!Q1058</f>
        <v>16.657209208934223</v>
      </c>
      <c r="E1050">
        <f t="shared" si="16"/>
        <v>16.516439357304428</v>
      </c>
      <c r="F1050">
        <f>IF(C1050="CLAY", INDEX(D$4:D1050, MATCH("CLAY", C$4:C1050, 0)), "")</f>
        <v>0.75203252561341039</v>
      </c>
    </row>
    <row r="1051" spans="1:6" x14ac:dyDescent="0.2">
      <c r="A1051" s="239">
        <f>'CPT Data'!B1059</f>
        <v>10.343999999999999</v>
      </c>
      <c r="B1051" s="3">
        <f>'CPT Data'!C1059</f>
        <v>10.337</v>
      </c>
      <c r="C1051" t="str">
        <f>'CPT Data'!P1059</f>
        <v>CLAY</v>
      </c>
      <c r="D1051">
        <f>'CPT Data'!Q1059</f>
        <v>17.176636291023573</v>
      </c>
      <c r="E1051">
        <f t="shared" ref="E1051:E1114" si="17">IF(C1051="SAND",#N/A,IF(C1051=C1050,D1050,IF(C1051="CLAY",D1051,#N/A)))</f>
        <v>16.657209208934223</v>
      </c>
      <c r="F1051">
        <f>IF(C1051="CLAY", INDEX(D$4:D1051, MATCH("CLAY", C$4:C1051, 0)), "")</f>
        <v>0.75203252561341039</v>
      </c>
    </row>
    <row r="1052" spans="1:6" x14ac:dyDescent="0.2">
      <c r="A1052" s="239">
        <f>'CPT Data'!B1060</f>
        <v>10.355</v>
      </c>
      <c r="B1052" s="3">
        <f>'CPT Data'!C1060</f>
        <v>10.348000000000001</v>
      </c>
      <c r="C1052" t="str">
        <f>'CPT Data'!P1060</f>
        <v>CLAY</v>
      </c>
      <c r="D1052">
        <f>'CPT Data'!Q1060</f>
        <v>17.688286736329594</v>
      </c>
      <c r="E1052">
        <f t="shared" si="17"/>
        <v>17.176636291023573</v>
      </c>
      <c r="F1052">
        <f>IF(C1052="CLAY", INDEX(D$4:D1052, MATCH("CLAY", C$4:C1052, 0)), "")</f>
        <v>0.75203252561341039</v>
      </c>
    </row>
    <row r="1053" spans="1:6" x14ac:dyDescent="0.2">
      <c r="A1053" s="239">
        <f>'CPT Data'!B1061</f>
        <v>10.366</v>
      </c>
      <c r="B1053" s="3">
        <f>'CPT Data'!C1061</f>
        <v>10.359</v>
      </c>
      <c r="C1053" t="str">
        <f>'CPT Data'!P1061</f>
        <v>CLAY</v>
      </c>
      <c r="D1053">
        <f>'CPT Data'!Q1061</f>
        <v>18.299758798940715</v>
      </c>
      <c r="E1053">
        <f t="shared" si="17"/>
        <v>17.688286736329594</v>
      </c>
      <c r="F1053">
        <f>IF(C1053="CLAY", INDEX(D$4:D1053, MATCH("CLAY", C$4:C1053, 0)), "")</f>
        <v>0.75203252561341039</v>
      </c>
    </row>
    <row r="1054" spans="1:6" x14ac:dyDescent="0.2">
      <c r="A1054" s="239">
        <f>'CPT Data'!B1062</f>
        <v>10.375</v>
      </c>
      <c r="B1054" s="3">
        <f>'CPT Data'!C1062</f>
        <v>10.368</v>
      </c>
      <c r="C1054" t="str">
        <f>'CPT Data'!P1062</f>
        <v>CLAY</v>
      </c>
      <c r="D1054">
        <f>'CPT Data'!Q1062</f>
        <v>18.903403334809529</v>
      </c>
      <c r="E1054">
        <f t="shared" si="17"/>
        <v>18.299758798940715</v>
      </c>
      <c r="F1054">
        <f>IF(C1054="CLAY", INDEX(D$4:D1054, MATCH("CLAY", C$4:C1054, 0)), "")</f>
        <v>0.75203252561341039</v>
      </c>
    </row>
    <row r="1055" spans="1:6" x14ac:dyDescent="0.2">
      <c r="A1055" s="239">
        <f>'CPT Data'!B1063</f>
        <v>10.385</v>
      </c>
      <c r="B1055" s="3">
        <f>'CPT Data'!C1063</f>
        <v>10.378</v>
      </c>
      <c r="C1055" t="str">
        <f>'CPT Data'!P1063</f>
        <v>CLAY</v>
      </c>
      <c r="D1055">
        <f>'CPT Data'!Q1063</f>
        <v>20.336262923511665</v>
      </c>
      <c r="E1055">
        <f t="shared" si="17"/>
        <v>18.903403334809529</v>
      </c>
      <c r="F1055">
        <f>IF(C1055="CLAY", INDEX(D$4:D1055, MATCH("CLAY", C$4:C1055, 0)), "")</f>
        <v>0.75203252561341039</v>
      </c>
    </row>
    <row r="1056" spans="1:6" x14ac:dyDescent="0.2">
      <c r="A1056" s="239">
        <f>'CPT Data'!B1064</f>
        <v>10.396000000000001</v>
      </c>
      <c r="B1056" s="3">
        <f>'CPT Data'!C1064</f>
        <v>10.389000000000001</v>
      </c>
      <c r="C1056" t="str">
        <f>'CPT Data'!P1064</f>
        <v>CLAY</v>
      </c>
      <c r="D1056">
        <f>'CPT Data'!Q1064</f>
        <v>22.16072442518804</v>
      </c>
      <c r="E1056">
        <f t="shared" si="17"/>
        <v>20.336262923511665</v>
      </c>
      <c r="F1056">
        <f>IF(C1056="CLAY", INDEX(D$4:D1056, MATCH("CLAY", C$4:C1056, 0)), "")</f>
        <v>0.75203252561341039</v>
      </c>
    </row>
    <row r="1057" spans="1:6" x14ac:dyDescent="0.2">
      <c r="A1057" s="239">
        <f>'CPT Data'!B1065</f>
        <v>10.404999999999999</v>
      </c>
      <c r="B1057" s="3">
        <f>'CPT Data'!C1065</f>
        <v>10.398</v>
      </c>
      <c r="C1057" t="str">
        <f>'CPT Data'!P1065</f>
        <v>CLAY</v>
      </c>
      <c r="D1057">
        <f>'CPT Data'!Q1065</f>
        <v>23.04819090971057</v>
      </c>
      <c r="E1057">
        <f t="shared" si="17"/>
        <v>22.16072442518804</v>
      </c>
      <c r="F1057">
        <f>IF(C1057="CLAY", INDEX(D$4:D1057, MATCH("CLAY", C$4:C1057, 0)), "")</f>
        <v>0.75203252561341039</v>
      </c>
    </row>
    <row r="1058" spans="1:6" x14ac:dyDescent="0.2">
      <c r="A1058" s="239">
        <f>'CPT Data'!B1066</f>
        <v>10.416</v>
      </c>
      <c r="B1058" s="3">
        <f>'CPT Data'!C1066</f>
        <v>10.409000000000001</v>
      </c>
      <c r="C1058" t="str">
        <f>'CPT Data'!P1066</f>
        <v>CLAY</v>
      </c>
      <c r="D1058">
        <f>'CPT Data'!Q1066</f>
        <v>23.666004989757948</v>
      </c>
      <c r="E1058">
        <f t="shared" si="17"/>
        <v>23.04819090971057</v>
      </c>
      <c r="F1058">
        <f>IF(C1058="CLAY", INDEX(D$4:D1058, MATCH("CLAY", C$4:C1058, 0)), "")</f>
        <v>0.75203252561341039</v>
      </c>
    </row>
    <row r="1059" spans="1:6" x14ac:dyDescent="0.2">
      <c r="A1059" s="239">
        <f>'CPT Data'!B1067</f>
        <v>10.425000000000001</v>
      </c>
      <c r="B1059" s="3">
        <f>'CPT Data'!C1067</f>
        <v>10.418000000000001</v>
      </c>
      <c r="C1059" t="str">
        <f>'CPT Data'!P1067</f>
        <v>CLAY</v>
      </c>
      <c r="D1059">
        <f>'CPT Data'!Q1067</f>
        <v>24.400415648711839</v>
      </c>
      <c r="E1059">
        <f t="shared" si="17"/>
        <v>23.666004989757948</v>
      </c>
      <c r="F1059">
        <f>IF(C1059="CLAY", INDEX(D$4:D1059, MATCH("CLAY", C$4:C1059, 0)), "")</f>
        <v>0.75203252561341039</v>
      </c>
    </row>
    <row r="1060" spans="1:6" x14ac:dyDescent="0.2">
      <c r="A1060" s="239">
        <f>'CPT Data'!B1068</f>
        <v>10.436</v>
      </c>
      <c r="B1060" s="3">
        <f>'CPT Data'!C1068</f>
        <v>10.429</v>
      </c>
      <c r="C1060" t="str">
        <f>'CPT Data'!P1068</f>
        <v>CLAY</v>
      </c>
      <c r="D1060">
        <f>'CPT Data'!Q1068</f>
        <v>24.65406503194896</v>
      </c>
      <c r="E1060">
        <f t="shared" si="17"/>
        <v>24.400415648711839</v>
      </c>
      <c r="F1060">
        <f>IF(C1060="CLAY", INDEX(D$4:D1060, MATCH("CLAY", C$4:C1060, 0)), "")</f>
        <v>0.75203252561341039</v>
      </c>
    </row>
    <row r="1061" spans="1:6" x14ac:dyDescent="0.2">
      <c r="A1061" s="239">
        <f>'CPT Data'!B1069</f>
        <v>10.445</v>
      </c>
      <c r="B1061" s="3">
        <f>'CPT Data'!C1069</f>
        <v>10.438000000000001</v>
      </c>
      <c r="C1061" t="str">
        <f>'CPT Data'!P1069</f>
        <v>CLAY</v>
      </c>
      <c r="D1061">
        <f>'CPT Data'!Q1069</f>
        <v>23.059165428978009</v>
      </c>
      <c r="E1061">
        <f t="shared" si="17"/>
        <v>24.65406503194896</v>
      </c>
      <c r="F1061">
        <f>IF(C1061="CLAY", INDEX(D$4:D1061, MATCH("CLAY", C$4:C1061, 0)), "")</f>
        <v>0.75203252561341039</v>
      </c>
    </row>
    <row r="1062" spans="1:6" x14ac:dyDescent="0.2">
      <c r="A1062" s="239">
        <f>'CPT Data'!B1070</f>
        <v>10.456</v>
      </c>
      <c r="B1062" s="3">
        <f>'CPT Data'!C1070</f>
        <v>10.449</v>
      </c>
      <c r="C1062" t="str">
        <f>'CPT Data'!P1070</f>
        <v>CLAY</v>
      </c>
      <c r="D1062">
        <f>'CPT Data'!Q1070</f>
        <v>22.541000256334907</v>
      </c>
      <c r="E1062">
        <f t="shared" si="17"/>
        <v>23.059165428978009</v>
      </c>
      <c r="F1062">
        <f>IF(C1062="CLAY", INDEX(D$4:D1062, MATCH("CLAY", C$4:C1062, 0)), "")</f>
        <v>0.75203252561341039</v>
      </c>
    </row>
    <row r="1063" spans="1:6" x14ac:dyDescent="0.2">
      <c r="A1063" s="239">
        <f>'CPT Data'!B1071</f>
        <v>10.465999999999999</v>
      </c>
      <c r="B1063" s="3">
        <f>'CPT Data'!C1071</f>
        <v>10.459</v>
      </c>
      <c r="C1063" t="str">
        <f>'CPT Data'!P1071</f>
        <v>CLAY</v>
      </c>
      <c r="D1063">
        <f>'CPT Data'!Q1071</f>
        <v>21.979825978869766</v>
      </c>
      <c r="E1063">
        <f t="shared" si="17"/>
        <v>22.541000256334907</v>
      </c>
      <c r="F1063">
        <f>IF(C1063="CLAY", INDEX(D$4:D1063, MATCH("CLAY", C$4:C1063, 0)), "")</f>
        <v>0.75203252561341039</v>
      </c>
    </row>
    <row r="1064" spans="1:6" x14ac:dyDescent="0.2">
      <c r="A1064" s="239">
        <f>'CPT Data'!B1072</f>
        <v>10.475</v>
      </c>
      <c r="B1064" s="3">
        <f>'CPT Data'!C1072</f>
        <v>10.468</v>
      </c>
      <c r="C1064" t="str">
        <f>'CPT Data'!P1072</f>
        <v>CLAY</v>
      </c>
      <c r="D1064">
        <f>'CPT Data'!Q1072</f>
        <v>21.603616663812506</v>
      </c>
      <c r="E1064">
        <f t="shared" si="17"/>
        <v>21.979825978869766</v>
      </c>
      <c r="F1064">
        <f>IF(C1064="CLAY", INDEX(D$4:D1064, MATCH("CLAY", C$4:C1064, 0)), "")</f>
        <v>0.75203252561341039</v>
      </c>
    </row>
    <row r="1065" spans="1:6" x14ac:dyDescent="0.2">
      <c r="A1065" s="239">
        <f>'CPT Data'!B1073</f>
        <v>10.486000000000001</v>
      </c>
      <c r="B1065" s="3">
        <f>'CPT Data'!C1073</f>
        <v>10.479000000000001</v>
      </c>
      <c r="C1065" t="str">
        <f>'CPT Data'!P1073</f>
        <v>CLAY</v>
      </c>
      <c r="D1065">
        <f>'CPT Data'!Q1073</f>
        <v>21.48069860203961</v>
      </c>
      <c r="E1065">
        <f t="shared" si="17"/>
        <v>21.603616663812506</v>
      </c>
      <c r="F1065">
        <f>IF(C1065="CLAY", INDEX(D$4:D1065, MATCH("CLAY", C$4:C1065, 0)), "")</f>
        <v>0.75203252561341039</v>
      </c>
    </row>
    <row r="1066" spans="1:6" x14ac:dyDescent="0.2">
      <c r="A1066" s="239">
        <f>'CPT Data'!B1074</f>
        <v>10.496</v>
      </c>
      <c r="B1066" s="3">
        <f>'CPT Data'!C1074</f>
        <v>10.489000000000001</v>
      </c>
      <c r="C1066" t="str">
        <f>'CPT Data'!P1074</f>
        <v>CLAY</v>
      </c>
      <c r="D1066">
        <f>'CPT Data'!Q1074</f>
        <v>22.589283915832578</v>
      </c>
      <c r="E1066">
        <f t="shared" si="17"/>
        <v>21.48069860203961</v>
      </c>
      <c r="F1066">
        <f>IF(C1066="CLAY", INDEX(D$4:D1066, MATCH("CLAY", C$4:C1066, 0)), "")</f>
        <v>0.75203252561341039</v>
      </c>
    </row>
    <row r="1067" spans="1:6" x14ac:dyDescent="0.2">
      <c r="A1067" s="239">
        <f>'CPT Data'!B1075</f>
        <v>10.506</v>
      </c>
      <c r="B1067" s="3">
        <f>'CPT Data'!C1075</f>
        <v>10.499000000000001</v>
      </c>
      <c r="C1067" t="str">
        <f>'CPT Data'!P1075</f>
        <v>CLAY</v>
      </c>
      <c r="D1067">
        <f>'CPT Data'!Q1075</f>
        <v>23.567907234157598</v>
      </c>
      <c r="E1067">
        <f t="shared" si="17"/>
        <v>22.589283915832578</v>
      </c>
      <c r="F1067">
        <f>IF(C1067="CLAY", INDEX(D$4:D1067, MATCH("CLAY", C$4:C1067, 0)), "")</f>
        <v>0.75203252561341039</v>
      </c>
    </row>
    <row r="1068" spans="1:6" x14ac:dyDescent="0.2">
      <c r="A1068" s="239">
        <f>'CPT Data'!B1076</f>
        <v>10.516</v>
      </c>
      <c r="B1068" s="3">
        <f>'CPT Data'!C1076</f>
        <v>10.509</v>
      </c>
      <c r="C1068" t="str">
        <f>'CPT Data'!P1076</f>
        <v>CLAY</v>
      </c>
      <c r="D1068">
        <f>'CPT Data'!Q1076</f>
        <v>24.469370281967045</v>
      </c>
      <c r="E1068">
        <f t="shared" si="17"/>
        <v>23.567907234157598</v>
      </c>
      <c r="F1068">
        <f>IF(C1068="CLAY", INDEX(D$4:D1068, MATCH("CLAY", C$4:C1068, 0)), "")</f>
        <v>0.75203252561341039</v>
      </c>
    </row>
    <row r="1069" spans="1:6" x14ac:dyDescent="0.2">
      <c r="A1069" s="239">
        <f>'CPT Data'!B1077</f>
        <v>10.526999999999999</v>
      </c>
      <c r="B1069" s="3">
        <f>'CPT Data'!C1077</f>
        <v>10.52</v>
      </c>
      <c r="C1069" t="str">
        <f>'CPT Data'!P1077</f>
        <v>CLAY</v>
      </c>
      <c r="D1069">
        <f>'CPT Data'!Q1077</f>
        <v>23.520711385337933</v>
      </c>
      <c r="E1069">
        <f t="shared" si="17"/>
        <v>24.469370281967045</v>
      </c>
      <c r="F1069">
        <f>IF(C1069="CLAY", INDEX(D$4:D1069, MATCH("CLAY", C$4:C1069, 0)), "")</f>
        <v>0.75203252561341039</v>
      </c>
    </row>
    <row r="1070" spans="1:6" x14ac:dyDescent="0.2">
      <c r="A1070" s="239">
        <f>'CPT Data'!B1078</f>
        <v>10.536</v>
      </c>
      <c r="B1070" s="3">
        <f>'CPT Data'!C1078</f>
        <v>10.529</v>
      </c>
      <c r="C1070" t="str">
        <f>'CPT Data'!P1078</f>
        <v>CLAY</v>
      </c>
      <c r="D1070">
        <f>'CPT Data'!Q1078</f>
        <v>23.011165714693032</v>
      </c>
      <c r="E1070">
        <f t="shared" si="17"/>
        <v>23.520711385337933</v>
      </c>
      <c r="F1070">
        <f>IF(C1070="CLAY", INDEX(D$4:D1070, MATCH("CLAY", C$4:C1070, 0)), "")</f>
        <v>0.75203252561341039</v>
      </c>
    </row>
    <row r="1071" spans="1:6" x14ac:dyDescent="0.2">
      <c r="A1071" s="239">
        <f>'CPT Data'!B1079</f>
        <v>10.545999999999999</v>
      </c>
      <c r="B1071" s="3">
        <f>'CPT Data'!C1079</f>
        <v>10.539</v>
      </c>
      <c r="C1071" t="str">
        <f>'CPT Data'!P1079</f>
        <v>CLAY</v>
      </c>
      <c r="D1071">
        <f>'CPT Data'!Q1079</f>
        <v>22.83497442342609</v>
      </c>
      <c r="E1071">
        <f t="shared" si="17"/>
        <v>23.011165714693032</v>
      </c>
      <c r="F1071">
        <f>IF(C1071="CLAY", INDEX(D$4:D1071, MATCH("CLAY", C$4:C1071, 0)), "")</f>
        <v>0.75203252561341039</v>
      </c>
    </row>
    <row r="1072" spans="1:6" x14ac:dyDescent="0.2">
      <c r="A1072" s="239">
        <f>'CPT Data'!B1080</f>
        <v>10.555999999999999</v>
      </c>
      <c r="B1072" s="3">
        <f>'CPT Data'!C1080</f>
        <v>10.548999999999999</v>
      </c>
      <c r="C1072" t="str">
        <f>'CPT Data'!P1080</f>
        <v>CLAY</v>
      </c>
      <c r="D1072">
        <f>'CPT Data'!Q1080</f>
        <v>21.607082455915332</v>
      </c>
      <c r="E1072">
        <f t="shared" si="17"/>
        <v>22.83497442342609</v>
      </c>
      <c r="F1072">
        <f>IF(C1072="CLAY", INDEX(D$4:D1072, MATCH("CLAY", C$4:C1072, 0)), "")</f>
        <v>0.75203252561341039</v>
      </c>
    </row>
    <row r="1073" spans="1:6" x14ac:dyDescent="0.2">
      <c r="A1073" s="239">
        <f>'CPT Data'!B1081</f>
        <v>10.566000000000001</v>
      </c>
      <c r="B1073" s="3">
        <f>'CPT Data'!C1081</f>
        <v>10.559000000000001</v>
      </c>
      <c r="C1073" t="str">
        <f>'CPT Data'!P1081</f>
        <v>CLAY</v>
      </c>
      <c r="D1073">
        <f>'CPT Data'!Q1081</f>
        <v>21.452764803291284</v>
      </c>
      <c r="E1073">
        <f t="shared" si="17"/>
        <v>21.607082455915332</v>
      </c>
      <c r="F1073">
        <f>IF(C1073="CLAY", INDEX(D$4:D1073, MATCH("CLAY", C$4:C1073, 0)), "")</f>
        <v>0.75203252561341039</v>
      </c>
    </row>
    <row r="1074" spans="1:6" x14ac:dyDescent="0.2">
      <c r="A1074" s="239">
        <f>'CPT Data'!B1082</f>
        <v>10.574999999999999</v>
      </c>
      <c r="B1074" s="3">
        <f>'CPT Data'!C1082</f>
        <v>10.568</v>
      </c>
      <c r="C1074" t="str">
        <f>'CPT Data'!P1082</f>
        <v>CLAY</v>
      </c>
      <c r="D1074">
        <f>'CPT Data'!Q1082</f>
        <v>22.216013915310821</v>
      </c>
      <c r="E1074">
        <f t="shared" si="17"/>
        <v>21.452764803291284</v>
      </c>
      <c r="F1074">
        <f>IF(C1074="CLAY", INDEX(D$4:D1074, MATCH("CLAY", C$4:C1074, 0)), "")</f>
        <v>0.75203252561341039</v>
      </c>
    </row>
    <row r="1075" spans="1:6" x14ac:dyDescent="0.2">
      <c r="A1075" s="239">
        <f>'CPT Data'!B1083</f>
        <v>10.586</v>
      </c>
      <c r="B1075" s="3">
        <f>'CPT Data'!C1083</f>
        <v>10.579000000000001</v>
      </c>
      <c r="C1075" t="str">
        <f>'CPT Data'!P1083</f>
        <v>CLAY</v>
      </c>
      <c r="D1075">
        <f>'CPT Data'!Q1083</f>
        <v>24.858390222136933</v>
      </c>
      <c r="E1075">
        <f t="shared" si="17"/>
        <v>22.216013915310821</v>
      </c>
      <c r="F1075">
        <f>IF(C1075="CLAY", INDEX(D$4:D1075, MATCH("CLAY", C$4:C1075, 0)), "")</f>
        <v>0.75203252561341039</v>
      </c>
    </row>
    <row r="1076" spans="1:6" x14ac:dyDescent="0.2">
      <c r="A1076" s="239">
        <f>'CPT Data'!B1084</f>
        <v>10.595000000000001</v>
      </c>
      <c r="B1076" s="3">
        <f>'CPT Data'!C1084</f>
        <v>10.588000000000001</v>
      </c>
      <c r="C1076" t="str">
        <f>'CPT Data'!P1084</f>
        <v>CLAY</v>
      </c>
      <c r="D1076">
        <f>'CPT Data'!Q1084</f>
        <v>26.678822151750875</v>
      </c>
      <c r="E1076">
        <f t="shared" si="17"/>
        <v>24.858390222136933</v>
      </c>
      <c r="F1076">
        <f>IF(C1076="CLAY", INDEX(D$4:D1076, MATCH("CLAY", C$4:C1076, 0)), "")</f>
        <v>0.75203252561341039</v>
      </c>
    </row>
    <row r="1077" spans="1:6" x14ac:dyDescent="0.2">
      <c r="A1077" s="239">
        <f>'CPT Data'!B1085</f>
        <v>10.606</v>
      </c>
      <c r="B1077" s="3">
        <f>'CPT Data'!C1085</f>
        <v>10.599</v>
      </c>
      <c r="C1077" t="str">
        <f>'CPT Data'!P1085</f>
        <v>CLAY</v>
      </c>
      <c r="D1077">
        <f>'CPT Data'!Q1085</f>
        <v>28.816511580546024</v>
      </c>
      <c r="E1077">
        <f t="shared" si="17"/>
        <v>26.678822151750875</v>
      </c>
      <c r="F1077">
        <f>IF(C1077="CLAY", INDEX(D$4:D1077, MATCH("CLAY", C$4:C1077, 0)), "")</f>
        <v>0.75203252561341039</v>
      </c>
    </row>
    <row r="1078" spans="1:6" x14ac:dyDescent="0.2">
      <c r="A1078" s="239">
        <f>'CPT Data'!B1086</f>
        <v>10.616</v>
      </c>
      <c r="B1078" s="3">
        <f>'CPT Data'!C1086</f>
        <v>10.609</v>
      </c>
      <c r="C1078" t="str">
        <f>'CPT Data'!P1086</f>
        <v>CLAY</v>
      </c>
      <c r="D1078">
        <f>'CPT Data'!Q1086</f>
        <v>30.207663922812497</v>
      </c>
      <c r="E1078">
        <f t="shared" si="17"/>
        <v>28.816511580546024</v>
      </c>
      <c r="F1078">
        <f>IF(C1078="CLAY", INDEX(D$4:D1078, MATCH("CLAY", C$4:C1078, 0)), "")</f>
        <v>0.75203252561341039</v>
      </c>
    </row>
    <row r="1079" spans="1:6" x14ac:dyDescent="0.2">
      <c r="A1079" s="239">
        <f>'CPT Data'!B1087</f>
        <v>10.627000000000001</v>
      </c>
      <c r="B1079" s="3">
        <f>'CPT Data'!C1087</f>
        <v>10.620000000000001</v>
      </c>
      <c r="C1079" t="str">
        <f>'CPT Data'!P1087</f>
        <v>CLAY</v>
      </c>
      <c r="D1079">
        <f>'CPT Data'!Q1087</f>
        <v>30.477250350827234</v>
      </c>
      <c r="E1079">
        <f t="shared" si="17"/>
        <v>30.207663922812497</v>
      </c>
      <c r="F1079">
        <f>IF(C1079="CLAY", INDEX(D$4:D1079, MATCH("CLAY", C$4:C1079, 0)), "")</f>
        <v>0.75203252561341039</v>
      </c>
    </row>
    <row r="1080" spans="1:6" x14ac:dyDescent="0.2">
      <c r="A1080" s="239">
        <f>'CPT Data'!B1088</f>
        <v>10.635999999999999</v>
      </c>
      <c r="B1080" s="3">
        <f>'CPT Data'!C1088</f>
        <v>10.629</v>
      </c>
      <c r="C1080" t="str">
        <f>'CPT Data'!P1088</f>
        <v>CLAY</v>
      </c>
      <c r="D1080">
        <f>'CPT Data'!Q1088</f>
        <v>27.315662883634133</v>
      </c>
      <c r="E1080">
        <f t="shared" si="17"/>
        <v>30.477250350827234</v>
      </c>
      <c r="F1080">
        <f>IF(C1080="CLAY", INDEX(D$4:D1080, MATCH("CLAY", C$4:C1080, 0)), "")</f>
        <v>0.75203252561341039</v>
      </c>
    </row>
    <row r="1081" spans="1:6" x14ac:dyDescent="0.2">
      <c r="A1081" s="239">
        <f>'CPT Data'!B1089</f>
        <v>10.646000000000001</v>
      </c>
      <c r="B1081" s="3">
        <f>'CPT Data'!C1089</f>
        <v>10.639000000000001</v>
      </c>
      <c r="C1081" t="str">
        <f>'CPT Data'!P1089</f>
        <v>CLAY</v>
      </c>
      <c r="D1081">
        <f>'CPT Data'!Q1089</f>
        <v>22.923544560686967</v>
      </c>
      <c r="E1081">
        <f t="shared" si="17"/>
        <v>27.315662883634133</v>
      </c>
      <c r="F1081">
        <f>IF(C1081="CLAY", INDEX(D$4:D1081, MATCH("CLAY", C$4:C1081, 0)), "")</f>
        <v>0.75203252561341039</v>
      </c>
    </row>
    <row r="1082" spans="1:6" x14ac:dyDescent="0.2">
      <c r="A1082" s="239">
        <f>'CPT Data'!B1090</f>
        <v>10.656000000000001</v>
      </c>
      <c r="B1082" s="3">
        <f>'CPT Data'!C1090</f>
        <v>10.649000000000001</v>
      </c>
      <c r="C1082" t="str">
        <f>'CPT Data'!P1090</f>
        <v>CLAY</v>
      </c>
      <c r="D1082">
        <f>'CPT Data'!Q1090</f>
        <v>21.452442898547933</v>
      </c>
      <c r="E1082">
        <f t="shared" si="17"/>
        <v>22.923544560686967</v>
      </c>
      <c r="F1082">
        <f>IF(C1082="CLAY", INDEX(D$4:D1082, MATCH("CLAY", C$4:C1082, 0)), "")</f>
        <v>0.75203252561341039</v>
      </c>
    </row>
    <row r="1083" spans="1:6" x14ac:dyDescent="0.2">
      <c r="A1083" s="239">
        <f>'CPT Data'!B1091</f>
        <v>10.667</v>
      </c>
      <c r="B1083" s="3">
        <f>'CPT Data'!C1091</f>
        <v>10.66</v>
      </c>
      <c r="C1083" t="str">
        <f>'CPT Data'!P1091</f>
        <v>CLAY</v>
      </c>
      <c r="D1083">
        <f>'CPT Data'!Q1091</f>
        <v>20.90018996316315</v>
      </c>
      <c r="E1083">
        <f t="shared" si="17"/>
        <v>21.452442898547933</v>
      </c>
      <c r="F1083">
        <f>IF(C1083="CLAY", INDEX(D$4:D1083, MATCH("CLAY", C$4:C1083, 0)), "")</f>
        <v>0.75203252561341039</v>
      </c>
    </row>
    <row r="1084" spans="1:6" x14ac:dyDescent="0.2">
      <c r="A1084" s="239">
        <f>'CPT Data'!B1092</f>
        <v>10.676</v>
      </c>
      <c r="B1084" s="3">
        <f>'CPT Data'!C1092</f>
        <v>10.669</v>
      </c>
      <c r="C1084" t="str">
        <f>'CPT Data'!P1092</f>
        <v>CLAY</v>
      </c>
      <c r="D1084">
        <f>'CPT Data'!Q1092</f>
        <v>21.065735085951275</v>
      </c>
      <c r="E1084">
        <f t="shared" si="17"/>
        <v>20.90018996316315</v>
      </c>
      <c r="F1084">
        <f>IF(C1084="CLAY", INDEX(D$4:D1084, MATCH("CLAY", C$4:C1084, 0)), "")</f>
        <v>0.75203252561341039</v>
      </c>
    </row>
    <row r="1085" spans="1:6" x14ac:dyDescent="0.2">
      <c r="A1085" s="239">
        <f>'CPT Data'!B1093</f>
        <v>10.686999999999999</v>
      </c>
      <c r="B1085" s="3">
        <f>'CPT Data'!C1093</f>
        <v>10.68</v>
      </c>
      <c r="C1085" t="str">
        <f>'CPT Data'!P1093</f>
        <v>CLAY</v>
      </c>
      <c r="D1085">
        <f>'CPT Data'!Q1093</f>
        <v>21.161161686033207</v>
      </c>
      <c r="E1085">
        <f t="shared" si="17"/>
        <v>21.065735085951275</v>
      </c>
      <c r="F1085">
        <f>IF(C1085="CLAY", INDEX(D$4:D1085, MATCH("CLAY", C$4:C1085, 0)), "")</f>
        <v>0.75203252561341039</v>
      </c>
    </row>
    <row r="1086" spans="1:6" x14ac:dyDescent="0.2">
      <c r="A1086" s="239">
        <f>'CPT Data'!B1094</f>
        <v>10.696</v>
      </c>
      <c r="B1086" s="3">
        <f>'CPT Data'!C1094</f>
        <v>10.689</v>
      </c>
      <c r="C1086" t="str">
        <f>'CPT Data'!P1094</f>
        <v>CLAY</v>
      </c>
      <c r="D1086">
        <f>'CPT Data'!Q1094</f>
        <v>21.38081381685144</v>
      </c>
      <c r="E1086">
        <f t="shared" si="17"/>
        <v>21.161161686033207</v>
      </c>
      <c r="F1086">
        <f>IF(C1086="CLAY", INDEX(D$4:D1086, MATCH("CLAY", C$4:C1086, 0)), "")</f>
        <v>0.75203252561341039</v>
      </c>
    </row>
    <row r="1087" spans="1:6" x14ac:dyDescent="0.2">
      <c r="A1087" s="239">
        <f>'CPT Data'!B1095</f>
        <v>10.707000000000001</v>
      </c>
      <c r="B1087" s="3">
        <f>'CPT Data'!C1095</f>
        <v>10.700000000000001</v>
      </c>
      <c r="C1087" t="str">
        <f>'CPT Data'!P1095</f>
        <v>CLAY</v>
      </c>
      <c r="D1087">
        <f>'CPT Data'!Q1095</f>
        <v>21.64434702925762</v>
      </c>
      <c r="E1087">
        <f t="shared" si="17"/>
        <v>21.38081381685144</v>
      </c>
      <c r="F1087">
        <f>IF(C1087="CLAY", INDEX(D$4:D1087, MATCH("CLAY", C$4:C1087, 0)), "")</f>
        <v>0.75203252561341039</v>
      </c>
    </row>
    <row r="1088" spans="1:6" x14ac:dyDescent="0.2">
      <c r="A1088" s="239">
        <f>'CPT Data'!B1096</f>
        <v>10.715999999999999</v>
      </c>
      <c r="B1088" s="3">
        <f>'CPT Data'!C1096</f>
        <v>10.709</v>
      </c>
      <c r="C1088" t="str">
        <f>'CPT Data'!P1096</f>
        <v>CLAY</v>
      </c>
      <c r="D1088">
        <f>'CPT Data'!Q1096</f>
        <v>21.956181872423077</v>
      </c>
      <c r="E1088">
        <f t="shared" si="17"/>
        <v>21.64434702925762</v>
      </c>
      <c r="F1088">
        <f>IF(C1088="CLAY", INDEX(D$4:D1088, MATCH("CLAY", C$4:C1088, 0)), "")</f>
        <v>0.75203252561341039</v>
      </c>
    </row>
    <row r="1089" spans="1:6" x14ac:dyDescent="0.2">
      <c r="A1089" s="239">
        <f>'CPT Data'!B1097</f>
        <v>10.727</v>
      </c>
      <c r="B1089" s="3">
        <f>'CPT Data'!C1097</f>
        <v>10.72</v>
      </c>
      <c r="C1089" t="str">
        <f>'CPT Data'!P1097</f>
        <v>CLAY</v>
      </c>
      <c r="D1089">
        <f>'CPT Data'!Q1097</f>
        <v>22.111954931407855</v>
      </c>
      <c r="E1089">
        <f t="shared" si="17"/>
        <v>21.956181872423077</v>
      </c>
      <c r="F1089">
        <f>IF(C1089="CLAY", INDEX(D$4:D1089, MATCH("CLAY", C$4:C1089, 0)), "")</f>
        <v>0.75203252561341039</v>
      </c>
    </row>
    <row r="1090" spans="1:6" x14ac:dyDescent="0.2">
      <c r="A1090" s="239">
        <f>'CPT Data'!B1098</f>
        <v>10.736000000000001</v>
      </c>
      <c r="B1090" s="3">
        <f>'CPT Data'!C1098</f>
        <v>10.729000000000001</v>
      </c>
      <c r="C1090" t="str">
        <f>'CPT Data'!P1098</f>
        <v>CLAY</v>
      </c>
      <c r="D1090">
        <f>'CPT Data'!Q1098</f>
        <v>22.503054594893374</v>
      </c>
      <c r="E1090">
        <f t="shared" si="17"/>
        <v>22.111954931407855</v>
      </c>
      <c r="F1090">
        <f>IF(C1090="CLAY", INDEX(D$4:D1090, MATCH("CLAY", C$4:C1090, 0)), "")</f>
        <v>0.75203252561341039</v>
      </c>
    </row>
    <row r="1091" spans="1:6" x14ac:dyDescent="0.2">
      <c r="A1091" s="239">
        <f>'CPT Data'!B1099</f>
        <v>10.746</v>
      </c>
      <c r="B1091" s="3">
        <f>'CPT Data'!C1099</f>
        <v>10.739000000000001</v>
      </c>
      <c r="C1091" t="str">
        <f>'CPT Data'!P1099</f>
        <v>CLAY</v>
      </c>
      <c r="D1091">
        <f>'CPT Data'!Q1099</f>
        <v>22.864746676021941</v>
      </c>
      <c r="E1091">
        <f t="shared" si="17"/>
        <v>22.503054594893374</v>
      </c>
      <c r="F1091">
        <f>IF(C1091="CLAY", INDEX(D$4:D1091, MATCH("CLAY", C$4:C1091, 0)), "")</f>
        <v>0.75203252561341039</v>
      </c>
    </row>
    <row r="1092" spans="1:6" x14ac:dyDescent="0.2">
      <c r="A1092" s="239">
        <f>'CPT Data'!B1100</f>
        <v>10.756</v>
      </c>
      <c r="B1092" s="3">
        <f>'CPT Data'!C1100</f>
        <v>10.749000000000001</v>
      </c>
      <c r="C1092" t="str">
        <f>'CPT Data'!P1100</f>
        <v>CLAY</v>
      </c>
      <c r="D1092">
        <f>'CPT Data'!Q1100</f>
        <v>22.661982686622036</v>
      </c>
      <c r="E1092">
        <f t="shared" si="17"/>
        <v>22.864746676021941</v>
      </c>
      <c r="F1092">
        <f>IF(C1092="CLAY", INDEX(D$4:D1092, MATCH("CLAY", C$4:C1092, 0)), "")</f>
        <v>0.75203252561341039</v>
      </c>
    </row>
    <row r="1093" spans="1:6" x14ac:dyDescent="0.2">
      <c r="A1093" s="239">
        <f>'CPT Data'!B1101</f>
        <v>10.766999999999999</v>
      </c>
      <c r="B1093" s="3">
        <f>'CPT Data'!C1101</f>
        <v>10.76</v>
      </c>
      <c r="C1093" t="str">
        <f>'CPT Data'!P1101</f>
        <v>CLAY</v>
      </c>
      <c r="D1093">
        <f>'CPT Data'!Q1101</f>
        <v>22.682491346837036</v>
      </c>
      <c r="E1093">
        <f t="shared" si="17"/>
        <v>22.661982686622036</v>
      </c>
      <c r="F1093">
        <f>IF(C1093="CLAY", INDEX(D$4:D1093, MATCH("CLAY", C$4:C1093, 0)), "")</f>
        <v>0.75203252561341039</v>
      </c>
    </row>
    <row r="1094" spans="1:6" x14ac:dyDescent="0.2">
      <c r="A1094" s="239">
        <f>'CPT Data'!B1102</f>
        <v>10.776</v>
      </c>
      <c r="B1094" s="3">
        <f>'CPT Data'!C1102</f>
        <v>10.769</v>
      </c>
      <c r="C1094" t="str">
        <f>'CPT Data'!P1102</f>
        <v>CLAY</v>
      </c>
      <c r="D1094">
        <f>'CPT Data'!Q1102</f>
        <v>22.680698188055533</v>
      </c>
      <c r="E1094">
        <f t="shared" si="17"/>
        <v>22.682491346837036</v>
      </c>
      <c r="F1094">
        <f>IF(C1094="CLAY", INDEX(D$4:D1094, MATCH("CLAY", C$4:C1094, 0)), "")</f>
        <v>0.75203252561341039</v>
      </c>
    </row>
    <row r="1095" spans="1:6" x14ac:dyDescent="0.2">
      <c r="A1095" s="239">
        <f>'CPT Data'!B1103</f>
        <v>10.786</v>
      </c>
      <c r="B1095" s="3">
        <f>'CPT Data'!C1103</f>
        <v>10.779</v>
      </c>
      <c r="C1095" t="str">
        <f>'CPT Data'!P1103</f>
        <v>CLAY</v>
      </c>
      <c r="D1095">
        <f>'CPT Data'!Q1103</f>
        <v>22.616643789452599</v>
      </c>
      <c r="E1095">
        <f t="shared" si="17"/>
        <v>22.680698188055533</v>
      </c>
      <c r="F1095">
        <f>IF(C1095="CLAY", INDEX(D$4:D1095, MATCH("CLAY", C$4:C1095, 0)), "")</f>
        <v>0.75203252561341039</v>
      </c>
    </row>
    <row r="1096" spans="1:6" x14ac:dyDescent="0.2">
      <c r="A1096" s="239">
        <f>'CPT Data'!B1104</f>
        <v>10.797000000000001</v>
      </c>
      <c r="B1096" s="3">
        <f>'CPT Data'!C1104</f>
        <v>10.790000000000001</v>
      </c>
      <c r="C1096" t="str">
        <f>'CPT Data'!P1104</f>
        <v>CLAY</v>
      </c>
      <c r="D1096">
        <f>'CPT Data'!Q1104</f>
        <v>22.642092992805882</v>
      </c>
      <c r="E1096">
        <f t="shared" si="17"/>
        <v>22.616643789452599</v>
      </c>
      <c r="F1096">
        <f>IF(C1096="CLAY", INDEX(D$4:D1096, MATCH("CLAY", C$4:C1096, 0)), "")</f>
        <v>0.75203252561341039</v>
      </c>
    </row>
    <row r="1097" spans="1:6" x14ac:dyDescent="0.2">
      <c r="A1097" s="239">
        <f>'CPT Data'!B1105</f>
        <v>10.805999999999999</v>
      </c>
      <c r="B1097" s="3">
        <f>'CPT Data'!C1105</f>
        <v>10.798999999999999</v>
      </c>
      <c r="C1097" t="str">
        <f>'CPT Data'!P1105</f>
        <v>CLAY</v>
      </c>
      <c r="D1097">
        <f>'CPT Data'!Q1105</f>
        <v>22.530386992901196</v>
      </c>
      <c r="E1097">
        <f t="shared" si="17"/>
        <v>22.642092992805882</v>
      </c>
      <c r="F1097">
        <f>IF(C1097="CLAY", INDEX(D$4:D1097, MATCH("CLAY", C$4:C1097, 0)), "")</f>
        <v>0.75203252561341039</v>
      </c>
    </row>
    <row r="1098" spans="1:6" x14ac:dyDescent="0.2">
      <c r="A1098" s="239">
        <f>'CPT Data'!B1106</f>
        <v>10.817</v>
      </c>
      <c r="B1098" s="3">
        <f>'CPT Data'!C1106</f>
        <v>10.81</v>
      </c>
      <c r="C1098" t="str">
        <f>'CPT Data'!P1106</f>
        <v>CLAY</v>
      </c>
      <c r="D1098">
        <f>'CPT Data'!Q1106</f>
        <v>22.382511292153712</v>
      </c>
      <c r="E1098">
        <f t="shared" si="17"/>
        <v>22.530386992901196</v>
      </c>
      <c r="F1098">
        <f>IF(C1098="CLAY", INDEX(D$4:D1098, MATCH("CLAY", C$4:C1098, 0)), "")</f>
        <v>0.75203252561341039</v>
      </c>
    </row>
    <row r="1099" spans="1:6" x14ac:dyDescent="0.2">
      <c r="A1099" s="239">
        <f>'CPT Data'!B1107</f>
        <v>10.826000000000001</v>
      </c>
      <c r="B1099" s="3">
        <f>'CPT Data'!C1107</f>
        <v>10.819000000000001</v>
      </c>
      <c r="C1099" t="str">
        <f>'CPT Data'!P1107</f>
        <v>CLAY</v>
      </c>
      <c r="D1099">
        <f>'CPT Data'!Q1107</f>
        <v>22.022017700726376</v>
      </c>
      <c r="E1099">
        <f t="shared" si="17"/>
        <v>22.382511292153712</v>
      </c>
      <c r="F1099">
        <f>IF(C1099="CLAY", INDEX(D$4:D1099, MATCH("CLAY", C$4:C1099, 0)), "")</f>
        <v>0.75203252561341039</v>
      </c>
    </row>
    <row r="1100" spans="1:6" x14ac:dyDescent="0.2">
      <c r="A1100" s="239">
        <f>'CPT Data'!B1108</f>
        <v>10.837</v>
      </c>
      <c r="B1100" s="3">
        <f>'CPT Data'!C1108</f>
        <v>10.83</v>
      </c>
      <c r="C1100" t="str">
        <f>'CPT Data'!P1108</f>
        <v>CLAY</v>
      </c>
      <c r="D1100">
        <f>'CPT Data'!Q1108</f>
        <v>21.88899418073629</v>
      </c>
      <c r="E1100">
        <f t="shared" si="17"/>
        <v>22.022017700726376</v>
      </c>
      <c r="F1100">
        <f>IF(C1100="CLAY", INDEX(D$4:D1100, MATCH("CLAY", C$4:C1100, 0)), "")</f>
        <v>0.75203252561341039</v>
      </c>
    </row>
    <row r="1101" spans="1:6" x14ac:dyDescent="0.2">
      <c r="A1101" s="239">
        <f>'CPT Data'!B1109</f>
        <v>10.847</v>
      </c>
      <c r="B1101" s="3">
        <f>'CPT Data'!C1109</f>
        <v>10.84</v>
      </c>
      <c r="C1101" t="str">
        <f>'CPT Data'!P1109</f>
        <v>CLAY</v>
      </c>
      <c r="D1101">
        <f>'CPT Data'!Q1109</f>
        <v>21.583846881948162</v>
      </c>
      <c r="E1101">
        <f t="shared" si="17"/>
        <v>21.88899418073629</v>
      </c>
      <c r="F1101">
        <f>IF(C1101="CLAY", INDEX(D$4:D1101, MATCH("CLAY", C$4:C1101, 0)), "")</f>
        <v>0.75203252561341039</v>
      </c>
    </row>
    <row r="1102" spans="1:6" x14ac:dyDescent="0.2">
      <c r="A1102" s="239">
        <f>'CPT Data'!B1110</f>
        <v>10.858000000000001</v>
      </c>
      <c r="B1102" s="3">
        <f>'CPT Data'!C1110</f>
        <v>10.851000000000001</v>
      </c>
      <c r="C1102" t="str">
        <f>'CPT Data'!P1110</f>
        <v>CLAY</v>
      </c>
      <c r="D1102">
        <f>'CPT Data'!Q1110</f>
        <v>20.959149009228707</v>
      </c>
      <c r="E1102">
        <f t="shared" si="17"/>
        <v>21.583846881948162</v>
      </c>
      <c r="F1102">
        <f>IF(C1102="CLAY", INDEX(D$4:D1102, MATCH("CLAY", C$4:C1102, 0)), "")</f>
        <v>0.75203252561341039</v>
      </c>
    </row>
    <row r="1103" spans="1:6" x14ac:dyDescent="0.2">
      <c r="A1103" s="239">
        <f>'CPT Data'!B1111</f>
        <v>10.867000000000001</v>
      </c>
      <c r="B1103" s="3">
        <f>'CPT Data'!C1111</f>
        <v>10.860000000000001</v>
      </c>
      <c r="C1103" t="str">
        <f>'CPT Data'!P1111</f>
        <v>CLAY</v>
      </c>
      <c r="D1103">
        <f>'CPT Data'!Q1111</f>
        <v>20.318959018557209</v>
      </c>
      <c r="E1103">
        <f t="shared" si="17"/>
        <v>20.959149009228707</v>
      </c>
      <c r="F1103">
        <f>IF(C1103="CLAY", INDEX(D$4:D1103, MATCH("CLAY", C$4:C1103, 0)), "")</f>
        <v>0.75203252561341039</v>
      </c>
    </row>
    <row r="1104" spans="1:6" x14ac:dyDescent="0.2">
      <c r="A1104" s="239">
        <f>'CPT Data'!B1112</f>
        <v>10.877000000000001</v>
      </c>
      <c r="B1104" s="3">
        <f>'CPT Data'!C1112</f>
        <v>10.870000000000001</v>
      </c>
      <c r="C1104" t="str">
        <f>'CPT Data'!P1112</f>
        <v>CLAY</v>
      </c>
      <c r="D1104">
        <f>'CPT Data'!Q1112</f>
        <v>19.748809540736065</v>
      </c>
      <c r="E1104">
        <f t="shared" si="17"/>
        <v>20.318959018557209</v>
      </c>
      <c r="F1104">
        <f>IF(C1104="CLAY", INDEX(D$4:D1104, MATCH("CLAY", C$4:C1104, 0)), "")</f>
        <v>0.75203252561341039</v>
      </c>
    </row>
    <row r="1105" spans="1:6" x14ac:dyDescent="0.2">
      <c r="A1105" s="239">
        <f>'CPT Data'!B1113</f>
        <v>10.888</v>
      </c>
      <c r="B1105" s="3">
        <f>'CPT Data'!C1113</f>
        <v>10.881</v>
      </c>
      <c r="C1105" t="str">
        <f>'CPT Data'!P1113</f>
        <v>CLAY</v>
      </c>
      <c r="D1105">
        <f>'CPT Data'!Q1113</f>
        <v>19.57791403371392</v>
      </c>
      <c r="E1105">
        <f t="shared" si="17"/>
        <v>19.748809540736065</v>
      </c>
      <c r="F1105">
        <f>IF(C1105="CLAY", INDEX(D$4:D1105, MATCH("CLAY", C$4:C1105, 0)), "")</f>
        <v>0.75203252561341039</v>
      </c>
    </row>
    <row r="1106" spans="1:6" x14ac:dyDescent="0.2">
      <c r="A1106" s="239">
        <f>'CPT Data'!B1114</f>
        <v>10.897</v>
      </c>
      <c r="B1106" s="3">
        <f>'CPT Data'!C1114</f>
        <v>10.89</v>
      </c>
      <c r="C1106" t="str">
        <f>'CPT Data'!P1114</f>
        <v>CLAY</v>
      </c>
      <c r="D1106">
        <f>'CPT Data'!Q1114</f>
        <v>19.478875042731875</v>
      </c>
      <c r="E1106">
        <f t="shared" si="17"/>
        <v>19.57791403371392</v>
      </c>
      <c r="F1106">
        <f>IF(C1106="CLAY", INDEX(D$4:D1106, MATCH("CLAY", C$4:C1106, 0)), "")</f>
        <v>0.75203252561341039</v>
      </c>
    </row>
    <row r="1107" spans="1:6" x14ac:dyDescent="0.2">
      <c r="A1107" s="239">
        <f>'CPT Data'!B1115</f>
        <v>10.907</v>
      </c>
      <c r="B1107" s="3">
        <f>'CPT Data'!C1115</f>
        <v>10.9</v>
      </c>
      <c r="C1107" t="str">
        <f>'CPT Data'!P1115</f>
        <v>CLAY</v>
      </c>
      <c r="D1107">
        <f>'CPT Data'!Q1115</f>
        <v>19.051914768463273</v>
      </c>
      <c r="E1107">
        <f t="shared" si="17"/>
        <v>19.478875042731875</v>
      </c>
      <c r="F1107">
        <f>IF(C1107="CLAY", INDEX(D$4:D1107, MATCH("CLAY", C$4:C1107, 0)), "")</f>
        <v>0.75203252561341039</v>
      </c>
    </row>
    <row r="1108" spans="1:6" x14ac:dyDescent="0.2">
      <c r="A1108" s="239">
        <f>'CPT Data'!B1116</f>
        <v>10.917</v>
      </c>
      <c r="B1108" s="3">
        <f>'CPT Data'!C1116</f>
        <v>10.91</v>
      </c>
      <c r="C1108" t="str">
        <f>'CPT Data'!P1116</f>
        <v>CLAY</v>
      </c>
      <c r="D1108">
        <f>'CPT Data'!Q1116</f>
        <v>18.595729890495246</v>
      </c>
      <c r="E1108">
        <f t="shared" si="17"/>
        <v>19.051914768463273</v>
      </c>
      <c r="F1108">
        <f>IF(C1108="CLAY", INDEX(D$4:D1108, MATCH("CLAY", C$4:C1108, 0)), "")</f>
        <v>0.75203252561341039</v>
      </c>
    </row>
    <row r="1109" spans="1:6" x14ac:dyDescent="0.2">
      <c r="A1109" s="239">
        <f>'CPT Data'!B1117</f>
        <v>10.927</v>
      </c>
      <c r="B1109" s="3">
        <f>'CPT Data'!C1117</f>
        <v>10.92</v>
      </c>
      <c r="C1109" t="str">
        <f>'CPT Data'!P1117</f>
        <v>CLAY</v>
      </c>
      <c r="D1109">
        <f>'CPT Data'!Q1117</f>
        <v>18.783301601453715</v>
      </c>
      <c r="E1109">
        <f t="shared" si="17"/>
        <v>18.595729890495246</v>
      </c>
      <c r="F1109">
        <f>IF(C1109="CLAY", INDEX(D$4:D1109, MATCH("CLAY", C$4:C1109, 0)), "")</f>
        <v>0.75203252561341039</v>
      </c>
    </row>
    <row r="1110" spans="1:6" x14ac:dyDescent="0.2">
      <c r="A1110" s="239">
        <f>'CPT Data'!B1118</f>
        <v>10.938000000000001</v>
      </c>
      <c r="B1110" s="3">
        <f>'CPT Data'!C1118</f>
        <v>10.931000000000001</v>
      </c>
      <c r="C1110" t="str">
        <f>'CPT Data'!P1118</f>
        <v>CLAY</v>
      </c>
      <c r="D1110">
        <f>'CPT Data'!Q1118</f>
        <v>18.814847070893297</v>
      </c>
      <c r="E1110">
        <f t="shared" si="17"/>
        <v>18.783301601453715</v>
      </c>
      <c r="F1110">
        <f>IF(C1110="CLAY", INDEX(D$4:D1110, MATCH("CLAY", C$4:C1110, 0)), "")</f>
        <v>0.75203252561341039</v>
      </c>
    </row>
    <row r="1111" spans="1:6" x14ac:dyDescent="0.2">
      <c r="A1111" s="239">
        <f>'CPT Data'!B1119</f>
        <v>10.946999999999999</v>
      </c>
      <c r="B1111" s="3">
        <f>'CPT Data'!C1119</f>
        <v>10.94</v>
      </c>
      <c r="C1111" t="str">
        <f>'CPT Data'!P1119</f>
        <v>CLAY</v>
      </c>
      <c r="D1111">
        <f>'CPT Data'!Q1119</f>
        <v>18.720736843209931</v>
      </c>
      <c r="E1111">
        <f t="shared" si="17"/>
        <v>18.814847070893297</v>
      </c>
      <c r="F1111">
        <f>IF(C1111="CLAY", INDEX(D$4:D1111, MATCH("CLAY", C$4:C1111, 0)), "")</f>
        <v>0.75203252561341039</v>
      </c>
    </row>
    <row r="1112" spans="1:6" x14ac:dyDescent="0.2">
      <c r="A1112" s="239">
        <f>'CPT Data'!B1120</f>
        <v>10.957000000000001</v>
      </c>
      <c r="B1112" s="3">
        <f>'CPT Data'!C1120</f>
        <v>10.950000000000001</v>
      </c>
      <c r="C1112" t="str">
        <f>'CPT Data'!P1120</f>
        <v>CLAY</v>
      </c>
      <c r="D1112">
        <f>'CPT Data'!Q1120</f>
        <v>18.94614156889288</v>
      </c>
      <c r="E1112">
        <f t="shared" si="17"/>
        <v>18.720736843209931</v>
      </c>
      <c r="F1112">
        <f>IF(C1112="CLAY", INDEX(D$4:D1112, MATCH("CLAY", C$4:C1112, 0)), "")</f>
        <v>0.75203252561341039</v>
      </c>
    </row>
    <row r="1113" spans="1:6" x14ac:dyDescent="0.2">
      <c r="A1113" s="239">
        <f>'CPT Data'!B1121</f>
        <v>10.967000000000001</v>
      </c>
      <c r="B1113" s="3">
        <f>'CPT Data'!C1121</f>
        <v>10.96</v>
      </c>
      <c r="C1113" t="str">
        <f>'CPT Data'!P1121</f>
        <v>CLAY</v>
      </c>
      <c r="D1113">
        <f>'CPT Data'!Q1121</f>
        <v>19.27974384737465</v>
      </c>
      <c r="E1113">
        <f t="shared" si="17"/>
        <v>18.94614156889288</v>
      </c>
      <c r="F1113">
        <f>IF(C1113="CLAY", INDEX(D$4:D1113, MATCH("CLAY", C$4:C1113, 0)), "")</f>
        <v>0.75203252561341039</v>
      </c>
    </row>
    <row r="1114" spans="1:6" x14ac:dyDescent="0.2">
      <c r="A1114" s="239">
        <f>'CPT Data'!B1122</f>
        <v>10.978</v>
      </c>
      <c r="B1114" s="3">
        <f>'CPT Data'!C1122</f>
        <v>10.971</v>
      </c>
      <c r="C1114" t="str">
        <f>'CPT Data'!P1122</f>
        <v>CLAY</v>
      </c>
      <c r="D1114">
        <f>'CPT Data'!Q1122</f>
        <v>19.367467168684328</v>
      </c>
      <c r="E1114">
        <f t="shared" si="17"/>
        <v>19.27974384737465</v>
      </c>
      <c r="F1114">
        <f>IF(C1114="CLAY", INDEX(D$4:D1114, MATCH("CLAY", C$4:C1114, 0)), "")</f>
        <v>0.75203252561341039</v>
      </c>
    </row>
    <row r="1115" spans="1:6" x14ac:dyDescent="0.2">
      <c r="A1115" s="239">
        <f>'CPT Data'!B1123</f>
        <v>10.988</v>
      </c>
      <c r="B1115" s="3">
        <f>'CPT Data'!C1123</f>
        <v>10.981</v>
      </c>
      <c r="C1115" t="str">
        <f>'CPT Data'!P1123</f>
        <v>CLAY</v>
      </c>
      <c r="D1115">
        <f>'CPT Data'!Q1123</f>
        <v>19.212989986854506</v>
      </c>
      <c r="E1115">
        <f t="shared" ref="E1115:E1178" si="18">IF(C1115="SAND",#N/A,IF(C1115=C1114,D1114,IF(C1115="CLAY",D1115,#N/A)))</f>
        <v>19.367467168684328</v>
      </c>
      <c r="F1115">
        <f>IF(C1115="CLAY", INDEX(D$4:D1115, MATCH("CLAY", C$4:C1115, 0)), "")</f>
        <v>0.75203252561341039</v>
      </c>
    </row>
    <row r="1116" spans="1:6" x14ac:dyDescent="0.2">
      <c r="A1116" s="239">
        <f>'CPT Data'!B1124</f>
        <v>10.997999999999999</v>
      </c>
      <c r="B1116" s="3">
        <f>'CPT Data'!C1124</f>
        <v>10.991</v>
      </c>
      <c r="C1116" t="str">
        <f>'CPT Data'!P1124</f>
        <v>CLAY</v>
      </c>
      <c r="D1116">
        <f>'CPT Data'!Q1124</f>
        <v>19.555385299770744</v>
      </c>
      <c r="E1116">
        <f t="shared" si="18"/>
        <v>19.212989986854506</v>
      </c>
      <c r="F1116">
        <f>IF(C1116="CLAY", INDEX(D$4:D1116, MATCH("CLAY", C$4:C1116, 0)), "")</f>
        <v>0.75203252561341039</v>
      </c>
    </row>
    <row r="1117" spans="1:6" x14ac:dyDescent="0.2">
      <c r="A1117" s="239">
        <f>'CPT Data'!B1125</f>
        <v>11.007999999999999</v>
      </c>
      <c r="B1117" s="3">
        <f>'CPT Data'!C1125</f>
        <v>11.000999999999999</v>
      </c>
      <c r="C1117" t="str">
        <f>'CPT Data'!P1125</f>
        <v>CLAY</v>
      </c>
      <c r="D1117">
        <f>'CPT Data'!Q1125</f>
        <v>20.161526102394941</v>
      </c>
      <c r="E1117">
        <f t="shared" si="18"/>
        <v>19.555385299770744</v>
      </c>
      <c r="F1117">
        <f>IF(C1117="CLAY", INDEX(D$4:D1117, MATCH("CLAY", C$4:C1117, 0)), "")</f>
        <v>0.75203252561341039</v>
      </c>
    </row>
    <row r="1118" spans="1:6" x14ac:dyDescent="0.2">
      <c r="A1118" s="239">
        <f>'CPT Data'!B1126</f>
        <v>11.052</v>
      </c>
      <c r="B1118" s="3">
        <f>'CPT Data'!C1126</f>
        <v>11.045</v>
      </c>
      <c r="C1118" t="str">
        <f>'CPT Data'!P1126</f>
        <v>CLAY</v>
      </c>
      <c r="D1118">
        <f>'CPT Data'!Q1126</f>
        <v>19.791396840597653</v>
      </c>
      <c r="E1118">
        <f t="shared" si="18"/>
        <v>20.161526102394941</v>
      </c>
      <c r="F1118">
        <f>IF(C1118="CLAY", INDEX(D$4:D1118, MATCH("CLAY", C$4:C1118, 0)), "")</f>
        <v>0.75203252561341039</v>
      </c>
    </row>
    <row r="1119" spans="1:6" x14ac:dyDescent="0.2">
      <c r="A1119" s="239">
        <f>'CPT Data'!B1127</f>
        <v>11.061</v>
      </c>
      <c r="B1119" s="3">
        <f>'CPT Data'!C1127</f>
        <v>11.054</v>
      </c>
      <c r="C1119" t="str">
        <f>'CPT Data'!P1127</f>
        <v>CLAY</v>
      </c>
      <c r="D1119">
        <f>'CPT Data'!Q1127</f>
        <v>19.519785390953729</v>
      </c>
      <c r="E1119">
        <f t="shared" si="18"/>
        <v>19.791396840597653</v>
      </c>
      <c r="F1119">
        <f>IF(C1119="CLAY", INDEX(D$4:D1119, MATCH("CLAY", C$4:C1119, 0)), "")</f>
        <v>0.75203252561341039</v>
      </c>
    </row>
    <row r="1120" spans="1:6" x14ac:dyDescent="0.2">
      <c r="A1120" s="239">
        <f>'CPT Data'!B1128</f>
        <v>11.071</v>
      </c>
      <c r="B1120" s="3">
        <f>'CPT Data'!C1128</f>
        <v>11.064</v>
      </c>
      <c r="C1120" t="str">
        <f>'CPT Data'!P1128</f>
        <v>CLAY</v>
      </c>
      <c r="D1120">
        <f>'CPT Data'!Q1128</f>
        <v>19.534292748395838</v>
      </c>
      <c r="E1120">
        <f t="shared" si="18"/>
        <v>19.519785390953729</v>
      </c>
      <c r="F1120">
        <f>IF(C1120="CLAY", INDEX(D$4:D1120, MATCH("CLAY", C$4:C1120, 0)), "")</f>
        <v>0.75203252561341039</v>
      </c>
    </row>
    <row r="1121" spans="1:6" x14ac:dyDescent="0.2">
      <c r="A1121" s="239">
        <f>'CPT Data'!B1129</f>
        <v>11.081</v>
      </c>
      <c r="B1121" s="3">
        <f>'CPT Data'!C1129</f>
        <v>11.074</v>
      </c>
      <c r="C1121" t="str">
        <f>'CPT Data'!P1129</f>
        <v>CLAY</v>
      </c>
      <c r="D1121">
        <f>'CPT Data'!Q1129</f>
        <v>19.422356817174158</v>
      </c>
      <c r="E1121">
        <f t="shared" si="18"/>
        <v>19.534292748395838</v>
      </c>
      <c r="F1121">
        <f>IF(C1121="CLAY", INDEX(D$4:D1121, MATCH("CLAY", C$4:C1121, 0)), "")</f>
        <v>0.75203252561341039</v>
      </c>
    </row>
    <row r="1122" spans="1:6" x14ac:dyDescent="0.2">
      <c r="A1122" s="239">
        <f>'CPT Data'!B1130</f>
        <v>11.090999999999999</v>
      </c>
      <c r="B1122" s="3">
        <f>'CPT Data'!C1130</f>
        <v>11.084</v>
      </c>
      <c r="C1122" t="str">
        <f>'CPT Data'!P1130</f>
        <v>CLAY</v>
      </c>
      <c r="D1122">
        <f>'CPT Data'!Q1130</f>
        <v>19.328811438215023</v>
      </c>
      <c r="E1122">
        <f t="shared" si="18"/>
        <v>19.422356817174158</v>
      </c>
      <c r="F1122">
        <f>IF(C1122="CLAY", INDEX(D$4:D1122, MATCH("CLAY", C$4:C1122, 0)), "")</f>
        <v>0.75203252561341039</v>
      </c>
    </row>
    <row r="1123" spans="1:6" x14ac:dyDescent="0.2">
      <c r="A1123" s="239">
        <f>'CPT Data'!B1131</f>
        <v>11.101000000000001</v>
      </c>
      <c r="B1123" s="3">
        <f>'CPT Data'!C1131</f>
        <v>11.094000000000001</v>
      </c>
      <c r="C1123" t="str">
        <f>'CPT Data'!P1131</f>
        <v>CLAY</v>
      </c>
      <c r="D1123">
        <f>'CPT Data'!Q1131</f>
        <v>19.527255942656115</v>
      </c>
      <c r="E1123">
        <f t="shared" si="18"/>
        <v>19.328811438215023</v>
      </c>
      <c r="F1123">
        <f>IF(C1123="CLAY", INDEX(D$4:D1123, MATCH("CLAY", C$4:C1123, 0)), "")</f>
        <v>0.75203252561341039</v>
      </c>
    </row>
    <row r="1124" spans="1:6" x14ac:dyDescent="0.2">
      <c r="A1124" s="239">
        <f>'CPT Data'!B1132</f>
        <v>11.11</v>
      </c>
      <c r="B1124" s="3">
        <f>'CPT Data'!C1132</f>
        <v>11.103</v>
      </c>
      <c r="C1124" t="str">
        <f>'CPT Data'!P1132</f>
        <v>CLAY</v>
      </c>
      <c r="D1124">
        <f>'CPT Data'!Q1132</f>
        <v>19.631066733763234</v>
      </c>
      <c r="E1124">
        <f t="shared" si="18"/>
        <v>19.527255942656115</v>
      </c>
      <c r="F1124">
        <f>IF(C1124="CLAY", INDEX(D$4:D1124, MATCH("CLAY", C$4:C1124, 0)), "")</f>
        <v>0.75203252561341039</v>
      </c>
    </row>
    <row r="1125" spans="1:6" x14ac:dyDescent="0.2">
      <c r="A1125" s="239">
        <f>'CPT Data'!B1133</f>
        <v>11.121</v>
      </c>
      <c r="B1125" s="3">
        <f>'CPT Data'!C1133</f>
        <v>11.114000000000001</v>
      </c>
      <c r="C1125" t="str">
        <f>'CPT Data'!P1133</f>
        <v>CLAY</v>
      </c>
      <c r="D1125">
        <f>'CPT Data'!Q1133</f>
        <v>19.626440612143096</v>
      </c>
      <c r="E1125">
        <f t="shared" si="18"/>
        <v>19.631066733763234</v>
      </c>
      <c r="F1125">
        <f>IF(C1125="CLAY", INDEX(D$4:D1125, MATCH("CLAY", C$4:C1125, 0)), "")</f>
        <v>0.75203252561341039</v>
      </c>
    </row>
    <row r="1126" spans="1:6" x14ac:dyDescent="0.2">
      <c r="A1126" s="239">
        <f>'CPT Data'!B1134</f>
        <v>11.131</v>
      </c>
      <c r="B1126" s="3">
        <f>'CPT Data'!C1134</f>
        <v>11.124000000000001</v>
      </c>
      <c r="C1126" t="str">
        <f>'CPT Data'!P1134</f>
        <v>CLAY</v>
      </c>
      <c r="D1126">
        <f>'CPT Data'!Q1134</f>
        <v>19.633314056594006</v>
      </c>
      <c r="E1126">
        <f t="shared" si="18"/>
        <v>19.626440612143096</v>
      </c>
      <c r="F1126">
        <f>IF(C1126="CLAY", INDEX(D$4:D1126, MATCH("CLAY", C$4:C1126, 0)), "")</f>
        <v>0.75203252561341039</v>
      </c>
    </row>
    <row r="1127" spans="1:6" x14ac:dyDescent="0.2">
      <c r="A1127" s="239">
        <f>'CPT Data'!B1135</f>
        <v>11.141</v>
      </c>
      <c r="B1127" s="3">
        <f>'CPT Data'!C1135</f>
        <v>11.134</v>
      </c>
      <c r="C1127" t="str">
        <f>'CPT Data'!P1135</f>
        <v>CLAY</v>
      </c>
      <c r="D1127">
        <f>'CPT Data'!Q1135</f>
        <v>19.204908529295448</v>
      </c>
      <c r="E1127">
        <f t="shared" si="18"/>
        <v>19.633314056594006</v>
      </c>
      <c r="F1127">
        <f>IF(C1127="CLAY", INDEX(D$4:D1127, MATCH("CLAY", C$4:C1127, 0)), "")</f>
        <v>0.75203252561341039</v>
      </c>
    </row>
    <row r="1128" spans="1:6" x14ac:dyDescent="0.2">
      <c r="A1128" s="239">
        <f>'CPT Data'!B1136</f>
        <v>11.15</v>
      </c>
      <c r="B1128" s="3">
        <f>'CPT Data'!C1136</f>
        <v>11.143000000000001</v>
      </c>
      <c r="C1128" t="str">
        <f>'CPT Data'!P1136</f>
        <v>CLAY</v>
      </c>
      <c r="D1128">
        <f>'CPT Data'!Q1136</f>
        <v>18.811680771465795</v>
      </c>
      <c r="E1128">
        <f t="shared" si="18"/>
        <v>19.204908529295448</v>
      </c>
      <c r="F1128">
        <f>IF(C1128="CLAY", INDEX(D$4:D1128, MATCH("CLAY", C$4:C1128, 0)), "")</f>
        <v>0.75203252561341039</v>
      </c>
    </row>
    <row r="1129" spans="1:6" x14ac:dyDescent="0.2">
      <c r="A1129" s="239">
        <f>'CPT Data'!B1137</f>
        <v>11.161</v>
      </c>
      <c r="B1129" s="3">
        <f>'CPT Data'!C1137</f>
        <v>11.154</v>
      </c>
      <c r="C1129" t="str">
        <f>'CPT Data'!P1137</f>
        <v>CLAY</v>
      </c>
      <c r="D1129">
        <f>'CPT Data'!Q1137</f>
        <v>18.872372273679492</v>
      </c>
      <c r="E1129">
        <f t="shared" si="18"/>
        <v>18.811680771465795</v>
      </c>
      <c r="F1129">
        <f>IF(C1129="CLAY", INDEX(D$4:D1129, MATCH("CLAY", C$4:C1129, 0)), "")</f>
        <v>0.75203252561341039</v>
      </c>
    </row>
    <row r="1130" spans="1:6" x14ac:dyDescent="0.2">
      <c r="A1130" s="239">
        <f>'CPT Data'!B1138</f>
        <v>11.172000000000001</v>
      </c>
      <c r="B1130" s="3">
        <f>'CPT Data'!C1138</f>
        <v>11.165000000000001</v>
      </c>
      <c r="C1130" t="str">
        <f>'CPT Data'!P1138</f>
        <v>CLAY</v>
      </c>
      <c r="D1130">
        <f>'CPT Data'!Q1138</f>
        <v>19.005594306039324</v>
      </c>
      <c r="E1130">
        <f t="shared" si="18"/>
        <v>18.872372273679492</v>
      </c>
      <c r="F1130">
        <f>IF(C1130="CLAY", INDEX(D$4:D1130, MATCH("CLAY", C$4:C1130, 0)), "")</f>
        <v>0.75203252561341039</v>
      </c>
    </row>
    <row r="1131" spans="1:6" x14ac:dyDescent="0.2">
      <c r="A1131" s="239">
        <f>'CPT Data'!B1139</f>
        <v>11.180999999999999</v>
      </c>
      <c r="B1131" s="3">
        <f>'CPT Data'!C1139</f>
        <v>11.173999999999999</v>
      </c>
      <c r="C1131" t="str">
        <f>'CPT Data'!P1139</f>
        <v>CLAY</v>
      </c>
      <c r="D1131">
        <f>'CPT Data'!Q1139</f>
        <v>18.933054890547886</v>
      </c>
      <c r="E1131">
        <f t="shared" si="18"/>
        <v>19.005594306039324</v>
      </c>
      <c r="F1131">
        <f>IF(C1131="CLAY", INDEX(D$4:D1131, MATCH("CLAY", C$4:C1131, 0)), "")</f>
        <v>0.75203252561341039</v>
      </c>
    </row>
    <row r="1132" spans="1:6" x14ac:dyDescent="0.2">
      <c r="A1132" s="239">
        <f>'CPT Data'!B1140</f>
        <v>11.191000000000001</v>
      </c>
      <c r="B1132" s="3">
        <f>'CPT Data'!C1140</f>
        <v>11.184000000000001</v>
      </c>
      <c r="C1132" t="str">
        <f>'CPT Data'!P1140</f>
        <v>CLAY</v>
      </c>
      <c r="D1132">
        <f>'CPT Data'!Q1140</f>
        <v>19.027780489118655</v>
      </c>
      <c r="E1132">
        <f t="shared" si="18"/>
        <v>18.933054890547886</v>
      </c>
      <c r="F1132">
        <f>IF(C1132="CLAY", INDEX(D$4:D1132, MATCH("CLAY", C$4:C1132, 0)), "")</f>
        <v>0.75203252561341039</v>
      </c>
    </row>
    <row r="1133" spans="1:6" x14ac:dyDescent="0.2">
      <c r="A1133" s="239">
        <f>'CPT Data'!B1141</f>
        <v>11.201000000000001</v>
      </c>
      <c r="B1133" s="3">
        <f>'CPT Data'!C1141</f>
        <v>11.194000000000001</v>
      </c>
      <c r="C1133" t="str">
        <f>'CPT Data'!P1141</f>
        <v>CLAY</v>
      </c>
      <c r="D1133">
        <f>'CPT Data'!Q1141</f>
        <v>19.279248298346079</v>
      </c>
      <c r="E1133">
        <f t="shared" si="18"/>
        <v>19.027780489118655</v>
      </c>
      <c r="F1133">
        <f>IF(C1133="CLAY", INDEX(D$4:D1133, MATCH("CLAY", C$4:C1133, 0)), "")</f>
        <v>0.75203252561341039</v>
      </c>
    </row>
    <row r="1134" spans="1:6" x14ac:dyDescent="0.2">
      <c r="A1134" s="239">
        <f>'CPT Data'!B1142</f>
        <v>11.211</v>
      </c>
      <c r="B1134" s="3">
        <f>'CPT Data'!C1142</f>
        <v>11.204000000000001</v>
      </c>
      <c r="C1134" t="str">
        <f>'CPT Data'!P1142</f>
        <v>CLAY</v>
      </c>
      <c r="D1134">
        <f>'CPT Data'!Q1142</f>
        <v>19.647973234846031</v>
      </c>
      <c r="E1134">
        <f t="shared" si="18"/>
        <v>19.279248298346079</v>
      </c>
      <c r="F1134">
        <f>IF(C1134="CLAY", INDEX(D$4:D1134, MATCH("CLAY", C$4:C1134, 0)), "")</f>
        <v>0.75203252561341039</v>
      </c>
    </row>
    <row r="1135" spans="1:6" x14ac:dyDescent="0.2">
      <c r="A1135" s="239">
        <f>'CPT Data'!B1143</f>
        <v>11.222</v>
      </c>
      <c r="B1135" s="3">
        <f>'CPT Data'!C1143</f>
        <v>11.215</v>
      </c>
      <c r="C1135" t="str">
        <f>'CPT Data'!P1143</f>
        <v>CLAY</v>
      </c>
      <c r="D1135">
        <f>'CPT Data'!Q1143</f>
        <v>19.983123651513964</v>
      </c>
      <c r="E1135">
        <f t="shared" si="18"/>
        <v>19.647973234846031</v>
      </c>
      <c r="F1135">
        <f>IF(C1135="CLAY", INDEX(D$4:D1135, MATCH("CLAY", C$4:C1135, 0)), "")</f>
        <v>0.75203252561341039</v>
      </c>
    </row>
    <row r="1136" spans="1:6" x14ac:dyDescent="0.2">
      <c r="A1136" s="239">
        <f>'CPT Data'!B1144</f>
        <v>11.231999999999999</v>
      </c>
      <c r="B1136" s="3">
        <f>'CPT Data'!C1144</f>
        <v>11.225</v>
      </c>
      <c r="C1136" t="str">
        <f>'CPT Data'!P1144</f>
        <v>CLAY</v>
      </c>
      <c r="D1136">
        <f>'CPT Data'!Q1144</f>
        <v>20.624999490165546</v>
      </c>
      <c r="E1136">
        <f t="shared" si="18"/>
        <v>19.983123651513964</v>
      </c>
      <c r="F1136">
        <f>IF(C1136="CLAY", INDEX(D$4:D1136, MATCH("CLAY", C$4:C1136, 0)), "")</f>
        <v>0.75203252561341039</v>
      </c>
    </row>
    <row r="1137" spans="1:6" x14ac:dyDescent="0.2">
      <c r="A1137" s="239">
        <f>'CPT Data'!B1145</f>
        <v>11.242000000000001</v>
      </c>
      <c r="B1137" s="3">
        <f>'CPT Data'!C1145</f>
        <v>11.235000000000001</v>
      </c>
      <c r="C1137" t="str">
        <f>'CPT Data'!P1145</f>
        <v>CLAY</v>
      </c>
      <c r="D1137">
        <f>'CPT Data'!Q1145</f>
        <v>21.417491734058284</v>
      </c>
      <c r="E1137">
        <f t="shared" si="18"/>
        <v>20.624999490165546</v>
      </c>
      <c r="F1137">
        <f>IF(C1137="CLAY", INDEX(D$4:D1137, MATCH("CLAY", C$4:C1137, 0)), "")</f>
        <v>0.75203252561341039</v>
      </c>
    </row>
    <row r="1138" spans="1:6" x14ac:dyDescent="0.2">
      <c r="A1138" s="239">
        <f>'CPT Data'!B1146</f>
        <v>11.250999999999999</v>
      </c>
      <c r="B1138" s="3">
        <f>'CPT Data'!C1146</f>
        <v>11.244</v>
      </c>
      <c r="C1138" t="str">
        <f>'CPT Data'!P1146</f>
        <v>CLAY</v>
      </c>
      <c r="D1138">
        <f>'CPT Data'!Q1146</f>
        <v>21.835114632400121</v>
      </c>
      <c r="E1138">
        <f t="shared" si="18"/>
        <v>21.417491734058284</v>
      </c>
      <c r="F1138">
        <f>IF(C1138="CLAY", INDEX(D$4:D1138, MATCH("CLAY", C$4:C1138, 0)), "")</f>
        <v>0.75203252561341039</v>
      </c>
    </row>
    <row r="1139" spans="1:6" x14ac:dyDescent="0.2">
      <c r="A1139" s="239">
        <f>'CPT Data'!B1147</f>
        <v>11.260999999999999</v>
      </c>
      <c r="B1139" s="3">
        <f>'CPT Data'!C1147</f>
        <v>11.254</v>
      </c>
      <c r="C1139" t="str">
        <f>'CPT Data'!P1147</f>
        <v>CLAY</v>
      </c>
      <c r="D1139">
        <f>'CPT Data'!Q1147</f>
        <v>22.161555122613979</v>
      </c>
      <c r="E1139">
        <f t="shared" si="18"/>
        <v>21.835114632400121</v>
      </c>
      <c r="F1139">
        <f>IF(C1139="CLAY", INDEX(D$4:D1139, MATCH("CLAY", C$4:C1139, 0)), "")</f>
        <v>0.75203252561341039</v>
      </c>
    </row>
    <row r="1140" spans="1:6" x14ac:dyDescent="0.2">
      <c r="A1140" s="239">
        <f>'CPT Data'!B1148</f>
        <v>11.272</v>
      </c>
      <c r="B1140" s="3">
        <f>'CPT Data'!C1148</f>
        <v>11.265000000000001</v>
      </c>
      <c r="C1140" t="str">
        <f>'CPT Data'!P1148</f>
        <v>CLAY</v>
      </c>
      <c r="D1140">
        <f>'CPT Data'!Q1148</f>
        <v>22.749615259716403</v>
      </c>
      <c r="E1140">
        <f t="shared" si="18"/>
        <v>22.161555122613979</v>
      </c>
      <c r="F1140">
        <f>IF(C1140="CLAY", INDEX(D$4:D1140, MATCH("CLAY", C$4:C1140, 0)), "")</f>
        <v>0.75203252561341039</v>
      </c>
    </row>
    <row r="1141" spans="1:6" x14ac:dyDescent="0.2">
      <c r="A1141" s="239">
        <f>'CPT Data'!B1149</f>
        <v>11.281000000000001</v>
      </c>
      <c r="B1141" s="3">
        <f>'CPT Data'!C1149</f>
        <v>11.274000000000001</v>
      </c>
      <c r="C1141" t="str">
        <f>'CPT Data'!P1149</f>
        <v>CLAY</v>
      </c>
      <c r="D1141">
        <f>'CPT Data'!Q1149</f>
        <v>23.074101836171707</v>
      </c>
      <c r="E1141">
        <f t="shared" si="18"/>
        <v>22.749615259716403</v>
      </c>
      <c r="F1141">
        <f>IF(C1141="CLAY", INDEX(D$4:D1141, MATCH("CLAY", C$4:C1141, 0)), "")</f>
        <v>0.75203252561341039</v>
      </c>
    </row>
    <row r="1142" spans="1:6" x14ac:dyDescent="0.2">
      <c r="A1142" s="239">
        <f>'CPT Data'!B1150</f>
        <v>11.291</v>
      </c>
      <c r="B1142" s="3">
        <f>'CPT Data'!C1150</f>
        <v>11.284000000000001</v>
      </c>
      <c r="C1142" t="str">
        <f>'CPT Data'!P1150</f>
        <v>CLAY</v>
      </c>
      <c r="D1142">
        <f>'CPT Data'!Q1150</f>
        <v>23.216427770129304</v>
      </c>
      <c r="E1142">
        <f t="shared" si="18"/>
        <v>23.074101836171707</v>
      </c>
      <c r="F1142">
        <f>IF(C1142="CLAY", INDEX(D$4:D1142, MATCH("CLAY", C$4:C1142, 0)), "")</f>
        <v>0.75203252561341039</v>
      </c>
    </row>
    <row r="1143" spans="1:6" x14ac:dyDescent="0.2">
      <c r="A1143" s="239">
        <f>'CPT Data'!B1151</f>
        <v>11.302</v>
      </c>
      <c r="B1143" s="3">
        <f>'CPT Data'!C1151</f>
        <v>11.295</v>
      </c>
      <c r="C1143" t="str">
        <f>'CPT Data'!P1151</f>
        <v>CLAY</v>
      </c>
      <c r="D1143">
        <f>'CPT Data'!Q1151</f>
        <v>23.196538113470066</v>
      </c>
      <c r="E1143">
        <f t="shared" si="18"/>
        <v>23.216427770129304</v>
      </c>
      <c r="F1143">
        <f>IF(C1143="CLAY", INDEX(D$4:D1143, MATCH("CLAY", C$4:C1143, 0)), "")</f>
        <v>0.75203252561341039</v>
      </c>
    </row>
    <row r="1144" spans="1:6" x14ac:dyDescent="0.2">
      <c r="A1144" s="239">
        <f>'CPT Data'!B1152</f>
        <v>11.311</v>
      </c>
      <c r="B1144" s="3">
        <f>'CPT Data'!C1152</f>
        <v>11.304</v>
      </c>
      <c r="C1144" t="str">
        <f>'CPT Data'!P1152</f>
        <v>CLAY</v>
      </c>
      <c r="D1144">
        <f>'CPT Data'!Q1152</f>
        <v>23.38819617104711</v>
      </c>
      <c r="E1144">
        <f t="shared" si="18"/>
        <v>23.196538113470066</v>
      </c>
      <c r="F1144">
        <f>IF(C1144="CLAY", INDEX(D$4:D1144, MATCH("CLAY", C$4:C1144, 0)), "")</f>
        <v>0.75203252561341039</v>
      </c>
    </row>
    <row r="1145" spans="1:6" x14ac:dyDescent="0.2">
      <c r="A1145" s="239">
        <f>'CPT Data'!B1153</f>
        <v>11.321</v>
      </c>
      <c r="B1145" s="3">
        <f>'CPT Data'!C1153</f>
        <v>11.314</v>
      </c>
      <c r="C1145" t="str">
        <f>'CPT Data'!P1153</f>
        <v>CLAY</v>
      </c>
      <c r="D1145">
        <f>'CPT Data'!Q1153</f>
        <v>23.587573247835568</v>
      </c>
      <c r="E1145">
        <f t="shared" si="18"/>
        <v>23.38819617104711</v>
      </c>
      <c r="F1145">
        <f>IF(C1145="CLAY", INDEX(D$4:D1145, MATCH("CLAY", C$4:C1145, 0)), "")</f>
        <v>0.75203252561341039</v>
      </c>
    </row>
    <row r="1146" spans="1:6" x14ac:dyDescent="0.2">
      <c r="A1146" s="239">
        <f>'CPT Data'!B1154</f>
        <v>11.332000000000001</v>
      </c>
      <c r="B1146" s="3">
        <f>'CPT Data'!C1154</f>
        <v>11.325000000000001</v>
      </c>
      <c r="C1146" t="str">
        <f>'CPT Data'!P1154</f>
        <v>CLAY</v>
      </c>
      <c r="D1146">
        <f>'CPT Data'!Q1154</f>
        <v>23.365296366573943</v>
      </c>
      <c r="E1146">
        <f t="shared" si="18"/>
        <v>23.587573247835568</v>
      </c>
      <c r="F1146">
        <f>IF(C1146="CLAY", INDEX(D$4:D1146, MATCH("CLAY", C$4:C1146, 0)), "")</f>
        <v>0.75203252561341039</v>
      </c>
    </row>
    <row r="1147" spans="1:6" x14ac:dyDescent="0.2">
      <c r="A1147" s="239">
        <f>'CPT Data'!B1155</f>
        <v>11.342000000000001</v>
      </c>
      <c r="B1147" s="3">
        <f>'CPT Data'!C1155</f>
        <v>11.335000000000001</v>
      </c>
      <c r="C1147" t="str">
        <f>'CPT Data'!P1155</f>
        <v>CLAY</v>
      </c>
      <c r="D1147">
        <f>'CPT Data'!Q1155</f>
        <v>23.227898308122999</v>
      </c>
      <c r="E1147">
        <f t="shared" si="18"/>
        <v>23.365296366573943</v>
      </c>
      <c r="F1147">
        <f>IF(C1147="CLAY", INDEX(D$4:D1147, MATCH("CLAY", C$4:C1147, 0)), "")</f>
        <v>0.75203252561341039</v>
      </c>
    </row>
    <row r="1148" spans="1:6" x14ac:dyDescent="0.2">
      <c r="A1148" s="239">
        <f>'CPT Data'!B1156</f>
        <v>11.352</v>
      </c>
      <c r="B1148" s="3">
        <f>'CPT Data'!C1156</f>
        <v>11.345000000000001</v>
      </c>
      <c r="C1148" t="str">
        <f>'CPT Data'!P1156</f>
        <v>CLAY</v>
      </c>
      <c r="D1148">
        <f>'CPT Data'!Q1156</f>
        <v>23.177697784239669</v>
      </c>
      <c r="E1148">
        <f t="shared" si="18"/>
        <v>23.227898308122999</v>
      </c>
      <c r="F1148">
        <f>IF(C1148="CLAY", INDEX(D$4:D1148, MATCH("CLAY", C$4:C1148, 0)), "")</f>
        <v>0.75203252561341039</v>
      </c>
    </row>
    <row r="1149" spans="1:6" x14ac:dyDescent="0.2">
      <c r="A1149" s="239">
        <f>'CPT Data'!B1157</f>
        <v>11.362</v>
      </c>
      <c r="B1149" s="3">
        <f>'CPT Data'!C1157</f>
        <v>11.355</v>
      </c>
      <c r="C1149" t="str">
        <f>'CPT Data'!P1157</f>
        <v>CLAY</v>
      </c>
      <c r="D1149">
        <f>'CPT Data'!Q1157</f>
        <v>23.126104326635531</v>
      </c>
      <c r="E1149">
        <f t="shared" si="18"/>
        <v>23.177697784239669</v>
      </c>
      <c r="F1149">
        <f>IF(C1149="CLAY", INDEX(D$4:D1149, MATCH("CLAY", C$4:C1149, 0)), "")</f>
        <v>0.75203252561341039</v>
      </c>
    </row>
    <row r="1150" spans="1:6" x14ac:dyDescent="0.2">
      <c r="A1150" s="239">
        <f>'CPT Data'!B1158</f>
        <v>11.371</v>
      </c>
      <c r="B1150" s="3">
        <f>'CPT Data'!C1158</f>
        <v>11.364000000000001</v>
      </c>
      <c r="C1150" t="str">
        <f>'CPT Data'!P1158</f>
        <v>CLAY</v>
      </c>
      <c r="D1150">
        <f>'CPT Data'!Q1158</f>
        <v>23.092073553942981</v>
      </c>
      <c r="E1150">
        <f t="shared" si="18"/>
        <v>23.126104326635531</v>
      </c>
      <c r="F1150">
        <f>IF(C1150="CLAY", INDEX(D$4:D1150, MATCH("CLAY", C$4:C1150, 0)), "")</f>
        <v>0.75203252561341039</v>
      </c>
    </row>
    <row r="1151" spans="1:6" x14ac:dyDescent="0.2">
      <c r="A1151" s="239">
        <f>'CPT Data'!B1159</f>
        <v>11.382</v>
      </c>
      <c r="B1151" s="3">
        <f>'CPT Data'!C1159</f>
        <v>11.375</v>
      </c>
      <c r="C1151" t="str">
        <f>'CPT Data'!P1159</f>
        <v>CLAY</v>
      </c>
      <c r="D1151">
        <f>'CPT Data'!Q1159</f>
        <v>22.748672655597932</v>
      </c>
      <c r="E1151">
        <f t="shared" si="18"/>
        <v>23.092073553942981</v>
      </c>
      <c r="F1151">
        <f>IF(C1151="CLAY", INDEX(D$4:D1151, MATCH("CLAY", C$4:C1151, 0)), "")</f>
        <v>0.75203252561341039</v>
      </c>
    </row>
    <row r="1152" spans="1:6" x14ac:dyDescent="0.2">
      <c r="A1152" s="239">
        <f>'CPT Data'!B1160</f>
        <v>11.391999999999999</v>
      </c>
      <c r="B1152" s="3">
        <f>'CPT Data'!C1160</f>
        <v>11.385</v>
      </c>
      <c r="C1152" t="str">
        <f>'CPT Data'!P1160</f>
        <v>CLAY</v>
      </c>
      <c r="D1152">
        <f>'CPT Data'!Q1160</f>
        <v>22.451944004111692</v>
      </c>
      <c r="E1152">
        <f t="shared" si="18"/>
        <v>22.748672655597932</v>
      </c>
      <c r="F1152">
        <f>IF(C1152="CLAY", INDEX(D$4:D1152, MATCH("CLAY", C$4:C1152, 0)), "")</f>
        <v>0.75203252561341039</v>
      </c>
    </row>
    <row r="1153" spans="1:6" x14ac:dyDescent="0.2">
      <c r="A1153" s="239">
        <f>'CPT Data'!B1161</f>
        <v>11.401999999999999</v>
      </c>
      <c r="B1153" s="3">
        <f>'CPT Data'!C1161</f>
        <v>11.395</v>
      </c>
      <c r="C1153" t="str">
        <f>'CPT Data'!P1161</f>
        <v>CLAY</v>
      </c>
      <c r="D1153">
        <f>'CPT Data'!Q1161</f>
        <v>22.257540966138084</v>
      </c>
      <c r="E1153">
        <f t="shared" si="18"/>
        <v>22.451944004111692</v>
      </c>
      <c r="F1153">
        <f>IF(C1153="CLAY", INDEX(D$4:D1153, MATCH("CLAY", C$4:C1153, 0)), "")</f>
        <v>0.75203252561341039</v>
      </c>
    </row>
    <row r="1154" spans="1:6" x14ac:dyDescent="0.2">
      <c r="A1154" s="239">
        <f>'CPT Data'!B1162</f>
        <v>11.412000000000001</v>
      </c>
      <c r="B1154" s="3">
        <f>'CPT Data'!C1162</f>
        <v>11.405000000000001</v>
      </c>
      <c r="C1154" t="str">
        <f>'CPT Data'!P1162</f>
        <v>CLAY</v>
      </c>
      <c r="D1154">
        <f>'CPT Data'!Q1162</f>
        <v>21.613260040643052</v>
      </c>
      <c r="E1154">
        <f t="shared" si="18"/>
        <v>22.257540966138084</v>
      </c>
      <c r="F1154">
        <f>IF(C1154="CLAY", INDEX(D$4:D1154, MATCH("CLAY", C$4:C1154, 0)), "")</f>
        <v>0.75203252561341039</v>
      </c>
    </row>
    <row r="1155" spans="1:6" x14ac:dyDescent="0.2">
      <c r="A1155" s="239">
        <f>'CPT Data'!B1163</f>
        <v>11.422000000000001</v>
      </c>
      <c r="B1155" s="3">
        <f>'CPT Data'!C1163</f>
        <v>11.415000000000001</v>
      </c>
      <c r="C1155" t="str">
        <f>'CPT Data'!P1163</f>
        <v>CLAY</v>
      </c>
      <c r="D1155">
        <f>'CPT Data'!Q1163</f>
        <v>21.489018158604761</v>
      </c>
      <c r="E1155">
        <f t="shared" si="18"/>
        <v>21.613260040643052</v>
      </c>
      <c r="F1155">
        <f>IF(C1155="CLAY", INDEX(D$4:D1155, MATCH("CLAY", C$4:C1155, 0)), "")</f>
        <v>0.75203252561341039</v>
      </c>
    </row>
    <row r="1156" spans="1:6" x14ac:dyDescent="0.2">
      <c r="A1156" s="239">
        <f>'CPT Data'!B1164</f>
        <v>11.430999999999999</v>
      </c>
      <c r="B1156" s="3">
        <f>'CPT Data'!C1164</f>
        <v>11.423999999999999</v>
      </c>
      <c r="C1156" t="str">
        <f>'CPT Data'!P1164</f>
        <v>CLAY</v>
      </c>
      <c r="D1156">
        <f>'CPT Data'!Q1164</f>
        <v>21.827068397021446</v>
      </c>
      <c r="E1156">
        <f t="shared" si="18"/>
        <v>21.489018158604761</v>
      </c>
      <c r="F1156">
        <f>IF(C1156="CLAY", INDEX(D$4:D1156, MATCH("CLAY", C$4:C1156, 0)), "")</f>
        <v>0.75203252561341039</v>
      </c>
    </row>
    <row r="1157" spans="1:6" x14ac:dyDescent="0.2">
      <c r="A1157" s="239">
        <f>'CPT Data'!B1165</f>
        <v>11.441000000000001</v>
      </c>
      <c r="B1157" s="3">
        <f>'CPT Data'!C1165</f>
        <v>11.434000000000001</v>
      </c>
      <c r="C1157" t="str">
        <f>'CPT Data'!P1165</f>
        <v>CLAY</v>
      </c>
      <c r="D1157">
        <f>'CPT Data'!Q1165</f>
        <v>21.878399067176975</v>
      </c>
      <c r="E1157">
        <f t="shared" si="18"/>
        <v>21.827068397021446</v>
      </c>
      <c r="F1157">
        <f>IF(C1157="CLAY", INDEX(D$4:D1157, MATCH("CLAY", C$4:C1157, 0)), "")</f>
        <v>0.75203252561341039</v>
      </c>
    </row>
    <row r="1158" spans="1:6" x14ac:dyDescent="0.2">
      <c r="A1158" s="239">
        <f>'CPT Data'!B1166</f>
        <v>11.452</v>
      </c>
      <c r="B1158" s="3">
        <f>'CPT Data'!C1166</f>
        <v>11.445</v>
      </c>
      <c r="C1158" t="str">
        <f>'CPT Data'!P1166</f>
        <v>CLAY</v>
      </c>
      <c r="D1158">
        <f>'CPT Data'!Q1166</f>
        <v>22.017580420444506</v>
      </c>
      <c r="E1158">
        <f t="shared" si="18"/>
        <v>21.878399067176975</v>
      </c>
      <c r="F1158">
        <f>IF(C1158="CLAY", INDEX(D$4:D1158, MATCH("CLAY", C$4:C1158, 0)), "")</f>
        <v>0.75203252561341039</v>
      </c>
    </row>
    <row r="1159" spans="1:6" x14ac:dyDescent="0.2">
      <c r="A1159" s="239">
        <f>'CPT Data'!B1167</f>
        <v>11.461</v>
      </c>
      <c r="B1159" s="3">
        <f>'CPT Data'!C1167</f>
        <v>11.454000000000001</v>
      </c>
      <c r="C1159" t="str">
        <f>'CPT Data'!P1167</f>
        <v>CLAY</v>
      </c>
      <c r="D1159">
        <f>'CPT Data'!Q1167</f>
        <v>22.045663698853105</v>
      </c>
      <c r="E1159">
        <f t="shared" si="18"/>
        <v>22.017580420444506</v>
      </c>
      <c r="F1159">
        <f>IF(C1159="CLAY", INDEX(D$4:D1159, MATCH("CLAY", C$4:C1159, 0)), "")</f>
        <v>0.75203252561341039</v>
      </c>
    </row>
    <row r="1160" spans="1:6" x14ac:dyDescent="0.2">
      <c r="A1160" s="239">
        <f>'CPT Data'!B1168</f>
        <v>11.472</v>
      </c>
      <c r="B1160" s="3">
        <f>'CPT Data'!C1168</f>
        <v>11.465</v>
      </c>
      <c r="C1160" t="str">
        <f>'CPT Data'!P1168</f>
        <v>CLAY</v>
      </c>
      <c r="D1160">
        <f>'CPT Data'!Q1168</f>
        <v>22.091094805603699</v>
      </c>
      <c r="E1160">
        <f t="shared" si="18"/>
        <v>22.045663698853105</v>
      </c>
      <c r="F1160">
        <f>IF(C1160="CLAY", INDEX(D$4:D1160, MATCH("CLAY", C$4:C1160, 0)), "")</f>
        <v>0.75203252561341039</v>
      </c>
    </row>
    <row r="1161" spans="1:6" x14ac:dyDescent="0.2">
      <c r="A1161" s="239">
        <f>'CPT Data'!B1169</f>
        <v>11.481999999999999</v>
      </c>
      <c r="B1161" s="3">
        <f>'CPT Data'!C1169</f>
        <v>11.475</v>
      </c>
      <c r="C1161" t="str">
        <f>'CPT Data'!P1169</f>
        <v>CLAY</v>
      </c>
      <c r="D1161">
        <f>'CPT Data'!Q1169</f>
        <v>22.090125684811266</v>
      </c>
      <c r="E1161">
        <f t="shared" si="18"/>
        <v>22.091094805603699</v>
      </c>
      <c r="F1161">
        <f>IF(C1161="CLAY", INDEX(D$4:D1161, MATCH("CLAY", C$4:C1161, 0)), "")</f>
        <v>0.75203252561341039</v>
      </c>
    </row>
    <row r="1162" spans="1:6" x14ac:dyDescent="0.2">
      <c r="A1162" s="239">
        <f>'CPT Data'!B1170</f>
        <v>11.492000000000001</v>
      </c>
      <c r="B1162" s="3">
        <f>'CPT Data'!C1170</f>
        <v>11.485000000000001</v>
      </c>
      <c r="C1162" t="str">
        <f>'CPT Data'!P1170</f>
        <v>CLAY</v>
      </c>
      <c r="D1162">
        <f>'CPT Data'!Q1170</f>
        <v>21.910201680625804</v>
      </c>
      <c r="E1162">
        <f t="shared" si="18"/>
        <v>22.090125684811266</v>
      </c>
      <c r="F1162">
        <f>IF(C1162="CLAY", INDEX(D$4:D1162, MATCH("CLAY", C$4:C1162, 0)), "")</f>
        <v>0.75203252561341039</v>
      </c>
    </row>
    <row r="1163" spans="1:6" x14ac:dyDescent="0.2">
      <c r="A1163" s="239">
        <f>'CPT Data'!B1171</f>
        <v>11.503</v>
      </c>
      <c r="B1163" s="3">
        <f>'CPT Data'!C1171</f>
        <v>11.496</v>
      </c>
      <c r="C1163" t="str">
        <f>'CPT Data'!P1171</f>
        <v>CLAY</v>
      </c>
      <c r="D1163">
        <f>'CPT Data'!Q1171</f>
        <v>21.758274884101805</v>
      </c>
      <c r="E1163">
        <f t="shared" si="18"/>
        <v>21.910201680625804</v>
      </c>
      <c r="F1163">
        <f>IF(C1163="CLAY", INDEX(D$4:D1163, MATCH("CLAY", C$4:C1163, 0)), "")</f>
        <v>0.75203252561341039</v>
      </c>
    </row>
    <row r="1164" spans="1:6" x14ac:dyDescent="0.2">
      <c r="A1164" s="239">
        <f>'CPT Data'!B1172</f>
        <v>11.512</v>
      </c>
      <c r="B1164" s="3">
        <f>'CPT Data'!C1172</f>
        <v>11.505000000000001</v>
      </c>
      <c r="C1164" t="str">
        <f>'CPT Data'!P1172</f>
        <v>CLAY</v>
      </c>
      <c r="D1164">
        <f>'CPT Data'!Q1172</f>
        <v>21.989669523136399</v>
      </c>
      <c r="E1164">
        <f t="shared" si="18"/>
        <v>21.758274884101805</v>
      </c>
      <c r="F1164">
        <f>IF(C1164="CLAY", INDEX(D$4:D1164, MATCH("CLAY", C$4:C1164, 0)), "")</f>
        <v>0.75203252561341039</v>
      </c>
    </row>
    <row r="1165" spans="1:6" x14ac:dyDescent="0.2">
      <c r="A1165" s="239">
        <f>'CPT Data'!B1173</f>
        <v>11.522</v>
      </c>
      <c r="B1165" s="3">
        <f>'CPT Data'!C1173</f>
        <v>11.515000000000001</v>
      </c>
      <c r="C1165" t="str">
        <f>'CPT Data'!P1173</f>
        <v>CLAY</v>
      </c>
      <c r="D1165">
        <f>'CPT Data'!Q1173</f>
        <v>22.337735042341127</v>
      </c>
      <c r="E1165">
        <f t="shared" si="18"/>
        <v>21.989669523136399</v>
      </c>
      <c r="F1165">
        <f>IF(C1165="CLAY", INDEX(D$4:D1165, MATCH("CLAY", C$4:C1165, 0)), "")</f>
        <v>0.75203252561341039</v>
      </c>
    </row>
    <row r="1166" spans="1:6" x14ac:dyDescent="0.2">
      <c r="A1166" s="239">
        <f>'CPT Data'!B1174</f>
        <v>11.532999999999999</v>
      </c>
      <c r="B1166" s="3">
        <f>'CPT Data'!C1174</f>
        <v>11.526</v>
      </c>
      <c r="C1166" t="str">
        <f>'CPT Data'!P1174</f>
        <v>CLAY</v>
      </c>
      <c r="D1166">
        <f>'CPT Data'!Q1174</f>
        <v>22.273885624664207</v>
      </c>
      <c r="E1166">
        <f t="shared" si="18"/>
        <v>22.337735042341127</v>
      </c>
      <c r="F1166">
        <f>IF(C1166="CLAY", INDEX(D$4:D1166, MATCH("CLAY", C$4:C1166, 0)), "")</f>
        <v>0.75203252561341039</v>
      </c>
    </row>
    <row r="1167" spans="1:6" x14ac:dyDescent="0.2">
      <c r="A1167" s="239">
        <f>'CPT Data'!B1175</f>
        <v>11.542</v>
      </c>
      <c r="B1167" s="3">
        <f>'CPT Data'!C1175</f>
        <v>11.535</v>
      </c>
      <c r="C1167" t="str">
        <f>'CPT Data'!P1175</f>
        <v>CLAY</v>
      </c>
      <c r="D1167">
        <f>'CPT Data'!Q1175</f>
        <v>21.875097464029722</v>
      </c>
      <c r="E1167">
        <f t="shared" si="18"/>
        <v>22.273885624664207</v>
      </c>
      <c r="F1167">
        <f>IF(C1167="CLAY", INDEX(D$4:D1167, MATCH("CLAY", C$4:C1167, 0)), "")</f>
        <v>0.75203252561341039</v>
      </c>
    </row>
    <row r="1168" spans="1:6" x14ac:dyDescent="0.2">
      <c r="A1168" s="239">
        <f>'CPT Data'!B1176</f>
        <v>11.552</v>
      </c>
      <c r="B1168" s="3">
        <f>'CPT Data'!C1176</f>
        <v>11.545</v>
      </c>
      <c r="C1168" t="str">
        <f>'CPT Data'!P1176</f>
        <v>CLAY</v>
      </c>
      <c r="D1168">
        <f>'CPT Data'!Q1176</f>
        <v>21.527794956265961</v>
      </c>
      <c r="E1168">
        <f t="shared" si="18"/>
        <v>21.875097464029722</v>
      </c>
      <c r="F1168">
        <f>IF(C1168="CLAY", INDEX(D$4:D1168, MATCH("CLAY", C$4:C1168, 0)), "")</f>
        <v>0.75203252561341039</v>
      </c>
    </row>
    <row r="1169" spans="1:6" x14ac:dyDescent="0.2">
      <c r="A1169" s="239">
        <f>'CPT Data'!B1177</f>
        <v>11.561999999999999</v>
      </c>
      <c r="B1169" s="3">
        <f>'CPT Data'!C1177</f>
        <v>11.555</v>
      </c>
      <c r="C1169" t="str">
        <f>'CPT Data'!P1177</f>
        <v>CLAY</v>
      </c>
      <c r="D1169">
        <f>'CPT Data'!Q1177</f>
        <v>21.244392959244603</v>
      </c>
      <c r="E1169">
        <f t="shared" si="18"/>
        <v>21.527794956265961</v>
      </c>
      <c r="F1169">
        <f>IF(C1169="CLAY", INDEX(D$4:D1169, MATCH("CLAY", C$4:C1169, 0)), "")</f>
        <v>0.75203252561341039</v>
      </c>
    </row>
    <row r="1170" spans="1:6" x14ac:dyDescent="0.2">
      <c r="A1170" s="239">
        <f>'CPT Data'!B1178</f>
        <v>11.573</v>
      </c>
      <c r="B1170" s="3">
        <f>'CPT Data'!C1178</f>
        <v>11.566000000000001</v>
      </c>
      <c r="C1170" t="str">
        <f>'CPT Data'!P1178</f>
        <v>CLAY</v>
      </c>
      <c r="D1170">
        <f>'CPT Data'!Q1178</f>
        <v>21.121915813541964</v>
      </c>
      <c r="E1170">
        <f t="shared" si="18"/>
        <v>21.244392959244603</v>
      </c>
      <c r="F1170">
        <f>IF(C1170="CLAY", INDEX(D$4:D1170, MATCH("CLAY", C$4:C1170, 0)), "")</f>
        <v>0.75203252561341039</v>
      </c>
    </row>
    <row r="1171" spans="1:6" x14ac:dyDescent="0.2">
      <c r="A1171" s="239">
        <f>'CPT Data'!B1179</f>
        <v>11.582000000000001</v>
      </c>
      <c r="B1171" s="3">
        <f>'CPT Data'!C1179</f>
        <v>11.575000000000001</v>
      </c>
      <c r="C1171" t="str">
        <f>'CPT Data'!P1179</f>
        <v>CLAY</v>
      </c>
      <c r="D1171">
        <f>'CPT Data'!Q1179</f>
        <v>21.119237820039881</v>
      </c>
      <c r="E1171">
        <f t="shared" si="18"/>
        <v>21.121915813541964</v>
      </c>
      <c r="F1171">
        <f>IF(C1171="CLAY", INDEX(D$4:D1171, MATCH("CLAY", C$4:C1171, 0)), "")</f>
        <v>0.75203252561341039</v>
      </c>
    </row>
    <row r="1172" spans="1:6" x14ac:dyDescent="0.2">
      <c r="A1172" s="239">
        <f>'CPT Data'!B1180</f>
        <v>11.592000000000001</v>
      </c>
      <c r="B1172" s="3">
        <f>'CPT Data'!C1180</f>
        <v>11.585000000000001</v>
      </c>
      <c r="C1172" t="str">
        <f>'CPT Data'!P1180</f>
        <v>CLAY</v>
      </c>
      <c r="D1172">
        <f>'CPT Data'!Q1180</f>
        <v>21.011626018450951</v>
      </c>
      <c r="E1172">
        <f t="shared" si="18"/>
        <v>21.119237820039881</v>
      </c>
      <c r="F1172">
        <f>IF(C1172="CLAY", INDEX(D$4:D1172, MATCH("CLAY", C$4:C1172, 0)), "")</f>
        <v>0.75203252561341039</v>
      </c>
    </row>
    <row r="1173" spans="1:6" x14ac:dyDescent="0.2">
      <c r="A1173" s="239">
        <f>'CPT Data'!B1181</f>
        <v>11.602</v>
      </c>
      <c r="B1173" s="3">
        <f>'CPT Data'!C1181</f>
        <v>11.595000000000001</v>
      </c>
      <c r="C1173" t="str">
        <f>'CPT Data'!P1181</f>
        <v>CLAY</v>
      </c>
      <c r="D1173">
        <f>'CPT Data'!Q1181</f>
        <v>20.867458051225505</v>
      </c>
      <c r="E1173">
        <f t="shared" si="18"/>
        <v>21.011626018450951</v>
      </c>
      <c r="F1173">
        <f>IF(C1173="CLAY", INDEX(D$4:D1173, MATCH("CLAY", C$4:C1173, 0)), "")</f>
        <v>0.75203252561341039</v>
      </c>
    </row>
    <row r="1174" spans="1:6" x14ac:dyDescent="0.2">
      <c r="A1174" s="239">
        <f>'CPT Data'!B1182</f>
        <v>11.612</v>
      </c>
      <c r="B1174" s="3">
        <f>'CPT Data'!C1182</f>
        <v>11.605</v>
      </c>
      <c r="C1174" t="str">
        <f>'CPT Data'!P1182</f>
        <v>CLAY</v>
      </c>
      <c r="D1174">
        <f>'CPT Data'!Q1182</f>
        <v>20.801265537495837</v>
      </c>
      <c r="E1174">
        <f t="shared" si="18"/>
        <v>20.867458051225505</v>
      </c>
      <c r="F1174">
        <f>IF(C1174="CLAY", INDEX(D$4:D1174, MATCH("CLAY", C$4:C1174, 0)), "")</f>
        <v>0.75203252561341039</v>
      </c>
    </row>
    <row r="1175" spans="1:6" x14ac:dyDescent="0.2">
      <c r="A1175" s="239">
        <f>'CPT Data'!B1183</f>
        <v>11.621</v>
      </c>
      <c r="B1175" s="3">
        <f>'CPT Data'!C1183</f>
        <v>11.614000000000001</v>
      </c>
      <c r="C1175" t="str">
        <f>'CPT Data'!P1183</f>
        <v>CLAY</v>
      </c>
      <c r="D1175">
        <f>'CPT Data'!Q1183</f>
        <v>20.752306466512767</v>
      </c>
      <c r="E1175">
        <f t="shared" si="18"/>
        <v>20.801265537495837</v>
      </c>
      <c r="F1175">
        <f>IF(C1175="CLAY", INDEX(D$4:D1175, MATCH("CLAY", C$4:C1175, 0)), "")</f>
        <v>0.75203252561341039</v>
      </c>
    </row>
    <row r="1176" spans="1:6" x14ac:dyDescent="0.2">
      <c r="A1176" s="239">
        <f>'CPT Data'!B1184</f>
        <v>11.632</v>
      </c>
      <c r="B1176" s="3">
        <f>'CPT Data'!C1184</f>
        <v>11.625</v>
      </c>
      <c r="C1176" t="str">
        <f>'CPT Data'!P1184</f>
        <v>CLAY</v>
      </c>
      <c r="D1176">
        <f>'CPT Data'!Q1184</f>
        <v>20.891284423601071</v>
      </c>
      <c r="E1176">
        <f t="shared" si="18"/>
        <v>20.752306466512767</v>
      </c>
      <c r="F1176">
        <f>IF(C1176="CLAY", INDEX(D$4:D1176, MATCH("CLAY", C$4:C1176, 0)), "")</f>
        <v>0.75203252561341039</v>
      </c>
    </row>
    <row r="1177" spans="1:6" x14ac:dyDescent="0.2">
      <c r="A1177" s="239">
        <f>'CPT Data'!B1185</f>
        <v>11.641999999999999</v>
      </c>
      <c r="B1177" s="3">
        <f>'CPT Data'!C1185</f>
        <v>11.635</v>
      </c>
      <c r="C1177" t="str">
        <f>'CPT Data'!P1185</f>
        <v>CLAY</v>
      </c>
      <c r="D1177">
        <f>'CPT Data'!Q1185</f>
        <v>21.181744647228886</v>
      </c>
      <c r="E1177">
        <f t="shared" si="18"/>
        <v>20.891284423601071</v>
      </c>
      <c r="F1177">
        <f>IF(C1177="CLAY", INDEX(D$4:D1177, MATCH("CLAY", C$4:C1177, 0)), "")</f>
        <v>0.75203252561341039</v>
      </c>
    </row>
    <row r="1178" spans="1:6" x14ac:dyDescent="0.2">
      <c r="A1178" s="239">
        <f>'CPT Data'!B1186</f>
        <v>11.651999999999999</v>
      </c>
      <c r="B1178" s="3">
        <f>'CPT Data'!C1186</f>
        <v>11.645</v>
      </c>
      <c r="C1178" t="str">
        <f>'CPT Data'!P1186</f>
        <v>CLAY</v>
      </c>
      <c r="D1178">
        <f>'CPT Data'!Q1186</f>
        <v>21.384804623537224</v>
      </c>
      <c r="E1178">
        <f t="shared" si="18"/>
        <v>21.181744647228886</v>
      </c>
      <c r="F1178">
        <f>IF(C1178="CLAY", INDEX(D$4:D1178, MATCH("CLAY", C$4:C1178, 0)), "")</f>
        <v>0.75203252561341039</v>
      </c>
    </row>
    <row r="1179" spans="1:6" x14ac:dyDescent="0.2">
      <c r="A1179" s="239">
        <f>'CPT Data'!B1187</f>
        <v>11.662000000000001</v>
      </c>
      <c r="B1179" s="3">
        <f>'CPT Data'!C1187</f>
        <v>11.655000000000001</v>
      </c>
      <c r="C1179" t="str">
        <f>'CPT Data'!P1187</f>
        <v>CLAY</v>
      </c>
      <c r="D1179">
        <f>'CPT Data'!Q1187</f>
        <v>21.488894769832644</v>
      </c>
      <c r="E1179">
        <f t="shared" ref="E1179:E1242" si="19">IF(C1179="SAND",#N/A,IF(C1179=C1178,D1178,IF(C1179="CLAY",D1179,#N/A)))</f>
        <v>21.384804623537224</v>
      </c>
      <c r="F1179">
        <f>IF(C1179="CLAY", INDEX(D$4:D1179, MATCH("CLAY", C$4:C1179, 0)), "")</f>
        <v>0.75203252561341039</v>
      </c>
    </row>
    <row r="1180" spans="1:6" x14ac:dyDescent="0.2">
      <c r="A1180" s="239">
        <f>'CPT Data'!B1188</f>
        <v>11.673</v>
      </c>
      <c r="B1180" s="3">
        <f>'CPT Data'!C1188</f>
        <v>11.666</v>
      </c>
      <c r="C1180" t="str">
        <f>'CPT Data'!P1188</f>
        <v>CLAY</v>
      </c>
      <c r="D1180">
        <f>'CPT Data'!Q1188</f>
        <v>21.597472022168301</v>
      </c>
      <c r="E1180">
        <f t="shared" si="19"/>
        <v>21.488894769832644</v>
      </c>
      <c r="F1180">
        <f>IF(C1180="CLAY", INDEX(D$4:D1180, MATCH("CLAY", C$4:C1180, 0)), "")</f>
        <v>0.75203252561341039</v>
      </c>
    </row>
    <row r="1181" spans="1:6" x14ac:dyDescent="0.2">
      <c r="A1181" s="239">
        <f>'CPT Data'!B1189</f>
        <v>11.682</v>
      </c>
      <c r="B1181" s="3">
        <f>'CPT Data'!C1189</f>
        <v>11.675000000000001</v>
      </c>
      <c r="C1181" t="str">
        <f>'CPT Data'!P1189</f>
        <v>CLAY</v>
      </c>
      <c r="D1181">
        <f>'CPT Data'!Q1189</f>
        <v>21.444479681985516</v>
      </c>
      <c r="E1181">
        <f t="shared" si="19"/>
        <v>21.597472022168301</v>
      </c>
      <c r="F1181">
        <f>IF(C1181="CLAY", INDEX(D$4:D1181, MATCH("CLAY", C$4:C1181, 0)), "")</f>
        <v>0.75203252561341039</v>
      </c>
    </row>
    <row r="1182" spans="1:6" x14ac:dyDescent="0.2">
      <c r="A1182" s="239">
        <f>'CPT Data'!B1190</f>
        <v>11.692</v>
      </c>
      <c r="B1182" s="3">
        <f>'CPT Data'!C1190</f>
        <v>11.685</v>
      </c>
      <c r="C1182" t="str">
        <f>'CPT Data'!P1190</f>
        <v>CLAY</v>
      </c>
      <c r="D1182">
        <f>'CPT Data'!Q1190</f>
        <v>21.522984482373474</v>
      </c>
      <c r="E1182">
        <f t="shared" si="19"/>
        <v>21.444479681985516</v>
      </c>
      <c r="F1182">
        <f>IF(C1182="CLAY", INDEX(D$4:D1182, MATCH("CLAY", C$4:C1182, 0)), "")</f>
        <v>0.75203252561341039</v>
      </c>
    </row>
    <row r="1183" spans="1:6" x14ac:dyDescent="0.2">
      <c r="A1183" s="239">
        <f>'CPT Data'!B1191</f>
        <v>11.702</v>
      </c>
      <c r="B1183" s="3">
        <f>'CPT Data'!C1191</f>
        <v>11.695</v>
      </c>
      <c r="C1183" t="str">
        <f>'CPT Data'!P1191</f>
        <v>CLAY</v>
      </c>
      <c r="D1183">
        <f>'CPT Data'!Q1191</f>
        <v>21.878959334488481</v>
      </c>
      <c r="E1183">
        <f t="shared" si="19"/>
        <v>21.522984482373474</v>
      </c>
      <c r="F1183">
        <f>IF(C1183="CLAY", INDEX(D$4:D1183, MATCH("CLAY", C$4:C1183, 0)), "")</f>
        <v>0.75203252561341039</v>
      </c>
    </row>
    <row r="1184" spans="1:6" x14ac:dyDescent="0.2">
      <c r="A1184" s="239">
        <f>'CPT Data'!B1192</f>
        <v>11.712</v>
      </c>
      <c r="B1184" s="3">
        <f>'CPT Data'!C1192</f>
        <v>11.705</v>
      </c>
      <c r="C1184" t="str">
        <f>'CPT Data'!P1192</f>
        <v>CLAY</v>
      </c>
      <c r="D1184">
        <f>'CPT Data'!Q1192</f>
        <v>21.880488954417292</v>
      </c>
      <c r="E1184">
        <f t="shared" si="19"/>
        <v>21.878959334488481</v>
      </c>
      <c r="F1184">
        <f>IF(C1184="CLAY", INDEX(D$4:D1184, MATCH("CLAY", C$4:C1184, 0)), "")</f>
        <v>0.75203252561341039</v>
      </c>
    </row>
    <row r="1185" spans="1:6" x14ac:dyDescent="0.2">
      <c r="A1185" s="239">
        <f>'CPT Data'!B1193</f>
        <v>11.722</v>
      </c>
      <c r="B1185" s="3">
        <f>'CPT Data'!C1193</f>
        <v>11.715</v>
      </c>
      <c r="C1185" t="str">
        <f>'CPT Data'!P1193</f>
        <v>CLAY</v>
      </c>
      <c r="D1185">
        <f>'CPT Data'!Q1193</f>
        <v>22.053116375790513</v>
      </c>
      <c r="E1185">
        <f t="shared" si="19"/>
        <v>21.880488954417292</v>
      </c>
      <c r="F1185">
        <f>IF(C1185="CLAY", INDEX(D$4:D1185, MATCH("CLAY", C$4:C1185, 0)), "")</f>
        <v>0.75203252561341039</v>
      </c>
    </row>
    <row r="1186" spans="1:6" x14ac:dyDescent="0.2">
      <c r="A1186" s="239">
        <f>'CPT Data'!B1194</f>
        <v>11.731999999999999</v>
      </c>
      <c r="B1186" s="3">
        <f>'CPT Data'!C1194</f>
        <v>11.725</v>
      </c>
      <c r="C1186" t="str">
        <f>'CPT Data'!P1194</f>
        <v>CLAY</v>
      </c>
      <c r="D1186">
        <f>'CPT Data'!Q1194</f>
        <v>25.143463999862121</v>
      </c>
      <c r="E1186">
        <f t="shared" si="19"/>
        <v>22.053116375790513</v>
      </c>
      <c r="F1186">
        <f>IF(C1186="CLAY", INDEX(D$4:D1186, MATCH("CLAY", C$4:C1186, 0)), "")</f>
        <v>0.75203252561341039</v>
      </c>
    </row>
    <row r="1187" spans="1:6" x14ac:dyDescent="0.2">
      <c r="A1187" s="239">
        <f>'CPT Data'!B1195</f>
        <v>11.742000000000001</v>
      </c>
      <c r="B1187" s="3">
        <f>'CPT Data'!C1195</f>
        <v>11.735000000000001</v>
      </c>
      <c r="C1187" t="str">
        <f>'CPT Data'!P1195</f>
        <v>CLAY</v>
      </c>
      <c r="D1187">
        <f>'CPT Data'!Q1195</f>
        <v>26.572386091941837</v>
      </c>
      <c r="E1187">
        <f t="shared" si="19"/>
        <v>25.143463999862121</v>
      </c>
      <c r="F1187">
        <f>IF(C1187="CLAY", INDEX(D$4:D1187, MATCH("CLAY", C$4:C1187, 0)), "")</f>
        <v>0.75203252561341039</v>
      </c>
    </row>
    <row r="1188" spans="1:6" x14ac:dyDescent="0.2">
      <c r="A1188" s="239">
        <f>'CPT Data'!B1196</f>
        <v>11.752000000000001</v>
      </c>
      <c r="B1188" s="3">
        <f>'CPT Data'!C1196</f>
        <v>11.745000000000001</v>
      </c>
      <c r="C1188" t="str">
        <f>'CPT Data'!P1196</f>
        <v>CLAY</v>
      </c>
      <c r="D1188">
        <f>'CPT Data'!Q1196</f>
        <v>22.091991548455173</v>
      </c>
      <c r="E1188">
        <f t="shared" si="19"/>
        <v>26.572386091941837</v>
      </c>
      <c r="F1188">
        <f>IF(C1188="CLAY", INDEX(D$4:D1188, MATCH("CLAY", C$4:C1188, 0)), "")</f>
        <v>0.75203252561341039</v>
      </c>
    </row>
    <row r="1189" spans="1:6" x14ac:dyDescent="0.2">
      <c r="A1189" s="239">
        <f>'CPT Data'!B1197</f>
        <v>11.762</v>
      </c>
      <c r="B1189" s="3">
        <f>'CPT Data'!C1197</f>
        <v>11.755000000000001</v>
      </c>
      <c r="C1189" t="str">
        <f>'CPT Data'!P1197</f>
        <v>CLAY</v>
      </c>
      <c r="D1189">
        <f>'CPT Data'!Q1197</f>
        <v>21.24919903415201</v>
      </c>
      <c r="E1189">
        <f t="shared" si="19"/>
        <v>22.091991548455173</v>
      </c>
      <c r="F1189">
        <f>IF(C1189="CLAY", INDEX(D$4:D1189, MATCH("CLAY", C$4:C1189, 0)), "")</f>
        <v>0.75203252561341039</v>
      </c>
    </row>
    <row r="1190" spans="1:6" x14ac:dyDescent="0.2">
      <c r="A1190" s="239">
        <f>'CPT Data'!B1198</f>
        <v>11.771000000000001</v>
      </c>
      <c r="B1190" s="3">
        <f>'CPT Data'!C1198</f>
        <v>11.764000000000001</v>
      </c>
      <c r="C1190" t="str">
        <f>'CPT Data'!P1198</f>
        <v>CLAY</v>
      </c>
      <c r="D1190">
        <f>'CPT Data'!Q1198</f>
        <v>21.48987678560697</v>
      </c>
      <c r="E1190">
        <f t="shared" si="19"/>
        <v>21.24919903415201</v>
      </c>
      <c r="F1190">
        <f>IF(C1190="CLAY", INDEX(D$4:D1190, MATCH("CLAY", C$4:C1190, 0)), "")</f>
        <v>0.75203252561341039</v>
      </c>
    </row>
    <row r="1191" spans="1:6" x14ac:dyDescent="0.2">
      <c r="A1191" s="239">
        <f>'CPT Data'!B1199</f>
        <v>11.782</v>
      </c>
      <c r="B1191" s="3">
        <f>'CPT Data'!C1199</f>
        <v>11.775</v>
      </c>
      <c r="C1191" t="str">
        <f>'CPT Data'!P1199</f>
        <v>CLAY</v>
      </c>
      <c r="D1191">
        <f>'CPT Data'!Q1199</f>
        <v>21.672174181268293</v>
      </c>
      <c r="E1191">
        <f t="shared" si="19"/>
        <v>21.48987678560697</v>
      </c>
      <c r="F1191">
        <f>IF(C1191="CLAY", INDEX(D$4:D1191, MATCH("CLAY", C$4:C1191, 0)), "")</f>
        <v>0.75203252561341039</v>
      </c>
    </row>
    <row r="1192" spans="1:6" x14ac:dyDescent="0.2">
      <c r="A1192" s="239">
        <f>'CPT Data'!B1200</f>
        <v>11.792</v>
      </c>
      <c r="B1192" s="3">
        <f>'CPT Data'!C1200</f>
        <v>11.785</v>
      </c>
      <c r="C1192" t="str">
        <f>'CPT Data'!P1200</f>
        <v>CLAY</v>
      </c>
      <c r="D1192">
        <f>'CPT Data'!Q1200</f>
        <v>21.81324493603293</v>
      </c>
      <c r="E1192">
        <f t="shared" si="19"/>
        <v>21.672174181268293</v>
      </c>
      <c r="F1192">
        <f>IF(C1192="CLAY", INDEX(D$4:D1192, MATCH("CLAY", C$4:C1192, 0)), "")</f>
        <v>0.75203252561341039</v>
      </c>
    </row>
    <row r="1193" spans="1:6" x14ac:dyDescent="0.2">
      <c r="A1193" s="239">
        <f>'CPT Data'!B1201</f>
        <v>11.801</v>
      </c>
      <c r="B1193" s="3">
        <f>'CPT Data'!C1201</f>
        <v>11.794</v>
      </c>
      <c r="C1193" t="str">
        <f>'CPT Data'!P1201</f>
        <v>CLAY</v>
      </c>
      <c r="D1193">
        <f>'CPT Data'!Q1201</f>
        <v>21.865924341652782</v>
      </c>
      <c r="E1193">
        <f t="shared" si="19"/>
        <v>21.81324493603293</v>
      </c>
      <c r="F1193">
        <f>IF(C1193="CLAY", INDEX(D$4:D1193, MATCH("CLAY", C$4:C1193, 0)), "")</f>
        <v>0.75203252561341039</v>
      </c>
    </row>
    <row r="1194" spans="1:6" x14ac:dyDescent="0.2">
      <c r="A1194" s="239">
        <f>'CPT Data'!B1202</f>
        <v>11.813000000000001</v>
      </c>
      <c r="B1194" s="3">
        <f>'CPT Data'!C1202</f>
        <v>11.806000000000001</v>
      </c>
      <c r="C1194" t="str">
        <f>'CPT Data'!P1202</f>
        <v>CLAY</v>
      </c>
      <c r="D1194">
        <f>'CPT Data'!Q1202</f>
        <v>21.374469697217332</v>
      </c>
      <c r="E1194">
        <f t="shared" si="19"/>
        <v>21.865924341652782</v>
      </c>
      <c r="F1194">
        <f>IF(C1194="CLAY", INDEX(D$4:D1194, MATCH("CLAY", C$4:C1194, 0)), "")</f>
        <v>0.75203252561341039</v>
      </c>
    </row>
    <row r="1195" spans="1:6" x14ac:dyDescent="0.2">
      <c r="A1195" s="239">
        <f>'CPT Data'!B1203</f>
        <v>11.821999999999999</v>
      </c>
      <c r="B1195" s="3">
        <f>'CPT Data'!C1203</f>
        <v>11.815</v>
      </c>
      <c r="C1195" t="str">
        <f>'CPT Data'!P1203</f>
        <v>CLAY</v>
      </c>
      <c r="D1195">
        <f>'CPT Data'!Q1203</f>
        <v>21.394995919524245</v>
      </c>
      <c r="E1195">
        <f t="shared" si="19"/>
        <v>21.374469697217332</v>
      </c>
      <c r="F1195">
        <f>IF(C1195="CLAY", INDEX(D$4:D1195, MATCH("CLAY", C$4:C1195, 0)), "")</f>
        <v>0.75203252561341039</v>
      </c>
    </row>
    <row r="1196" spans="1:6" x14ac:dyDescent="0.2">
      <c r="A1196" s="239">
        <f>'CPT Data'!B1204</f>
        <v>11.832000000000001</v>
      </c>
      <c r="B1196" s="3">
        <f>'CPT Data'!C1204</f>
        <v>11.825000000000001</v>
      </c>
      <c r="C1196" t="str">
        <f>'CPT Data'!P1204</f>
        <v>CLAY</v>
      </c>
      <c r="D1196">
        <f>'CPT Data'!Q1204</f>
        <v>21.687147890092888</v>
      </c>
      <c r="E1196">
        <f t="shared" si="19"/>
        <v>21.394995919524245</v>
      </c>
      <c r="F1196">
        <f>IF(C1196="CLAY", INDEX(D$4:D1196, MATCH("CLAY", C$4:C1196, 0)), "")</f>
        <v>0.75203252561341039</v>
      </c>
    </row>
    <row r="1197" spans="1:6" x14ac:dyDescent="0.2">
      <c r="A1197" s="239">
        <f>'CPT Data'!B1205</f>
        <v>11.843</v>
      </c>
      <c r="B1197" s="3">
        <f>'CPT Data'!C1205</f>
        <v>11.836</v>
      </c>
      <c r="C1197" t="str">
        <f>'CPT Data'!P1205</f>
        <v>CLAY</v>
      </c>
      <c r="D1197">
        <f>'CPT Data'!Q1205</f>
        <v>22.040280175834855</v>
      </c>
      <c r="E1197">
        <f t="shared" si="19"/>
        <v>21.687147890092888</v>
      </c>
      <c r="F1197">
        <f>IF(C1197="CLAY", INDEX(D$4:D1197, MATCH("CLAY", C$4:C1197, 0)), "")</f>
        <v>0.75203252561341039</v>
      </c>
    </row>
    <row r="1198" spans="1:6" x14ac:dyDescent="0.2">
      <c r="A1198" s="239">
        <f>'CPT Data'!B1206</f>
        <v>11.852</v>
      </c>
      <c r="B1198" s="3">
        <f>'CPT Data'!C1206</f>
        <v>11.845000000000001</v>
      </c>
      <c r="C1198" t="str">
        <f>'CPT Data'!P1206</f>
        <v>CLAY</v>
      </c>
      <c r="D1198">
        <f>'CPT Data'!Q1206</f>
        <v>22.206785081809471</v>
      </c>
      <c r="E1198">
        <f t="shared" si="19"/>
        <v>22.040280175834855</v>
      </c>
      <c r="F1198">
        <f>IF(C1198="CLAY", INDEX(D$4:D1198, MATCH("CLAY", C$4:C1198, 0)), "")</f>
        <v>0.75203252561341039</v>
      </c>
    </row>
    <row r="1199" spans="1:6" x14ac:dyDescent="0.2">
      <c r="A1199" s="239">
        <f>'CPT Data'!B1207</f>
        <v>11.862</v>
      </c>
      <c r="B1199" s="3">
        <f>'CPT Data'!C1207</f>
        <v>11.855</v>
      </c>
      <c r="C1199" t="str">
        <f>'CPT Data'!P1207</f>
        <v>CLAY</v>
      </c>
      <c r="D1199">
        <f>'CPT Data'!Q1207</f>
        <v>22.589756087623169</v>
      </c>
      <c r="E1199">
        <f t="shared" si="19"/>
        <v>22.206785081809471</v>
      </c>
      <c r="F1199">
        <f>IF(C1199="CLAY", INDEX(D$4:D1199, MATCH("CLAY", C$4:C1199, 0)), "")</f>
        <v>0.75203252561341039</v>
      </c>
    </row>
    <row r="1200" spans="1:6" x14ac:dyDescent="0.2">
      <c r="A1200" s="239">
        <f>'CPT Data'!B1208</f>
        <v>11.872</v>
      </c>
      <c r="B1200" s="3">
        <f>'CPT Data'!C1208</f>
        <v>11.865</v>
      </c>
      <c r="C1200" t="str">
        <f>'CPT Data'!P1208</f>
        <v>CLAY</v>
      </c>
      <c r="D1200">
        <f>'CPT Data'!Q1208</f>
        <v>22.789633059875314</v>
      </c>
      <c r="E1200">
        <f t="shared" si="19"/>
        <v>22.589756087623169</v>
      </c>
      <c r="F1200">
        <f>IF(C1200="CLAY", INDEX(D$4:D1200, MATCH("CLAY", C$4:C1200, 0)), "")</f>
        <v>0.75203252561341039</v>
      </c>
    </row>
    <row r="1201" spans="1:6" x14ac:dyDescent="0.2">
      <c r="A1201" s="239">
        <f>'CPT Data'!B1209</f>
        <v>11.882</v>
      </c>
      <c r="B1201" s="3">
        <f>'CPT Data'!C1209</f>
        <v>11.875</v>
      </c>
      <c r="C1201" t="str">
        <f>'CPT Data'!P1209</f>
        <v>CLAY</v>
      </c>
      <c r="D1201">
        <f>'CPT Data'!Q1209</f>
        <v>22.585324884962898</v>
      </c>
      <c r="E1201">
        <f t="shared" si="19"/>
        <v>22.789633059875314</v>
      </c>
      <c r="F1201">
        <f>IF(C1201="CLAY", INDEX(D$4:D1201, MATCH("CLAY", C$4:C1201, 0)), "")</f>
        <v>0.75203252561341039</v>
      </c>
    </row>
    <row r="1202" spans="1:6" x14ac:dyDescent="0.2">
      <c r="A1202" s="239">
        <f>'CPT Data'!B1210</f>
        <v>11.891999999999999</v>
      </c>
      <c r="B1202" s="3">
        <f>'CPT Data'!C1210</f>
        <v>11.885</v>
      </c>
      <c r="C1202" t="str">
        <f>'CPT Data'!P1210</f>
        <v>CLAY</v>
      </c>
      <c r="D1202">
        <f>'CPT Data'!Q1210</f>
        <v>22.658674915181987</v>
      </c>
      <c r="E1202">
        <f t="shared" si="19"/>
        <v>22.585324884962898</v>
      </c>
      <c r="F1202">
        <f>IF(C1202="CLAY", INDEX(D$4:D1202, MATCH("CLAY", C$4:C1202, 0)), "")</f>
        <v>0.75203252561341039</v>
      </c>
    </row>
    <row r="1203" spans="1:6" x14ac:dyDescent="0.2">
      <c r="A1203" s="239">
        <f>'CPT Data'!B1211</f>
        <v>11.901999999999999</v>
      </c>
      <c r="B1203" s="3">
        <f>'CPT Data'!C1211</f>
        <v>11.895</v>
      </c>
      <c r="C1203" t="str">
        <f>'CPT Data'!P1211</f>
        <v>CLAY</v>
      </c>
      <c r="D1203">
        <f>'CPT Data'!Q1211</f>
        <v>22.910485227095744</v>
      </c>
      <c r="E1203">
        <f t="shared" si="19"/>
        <v>22.658674915181987</v>
      </c>
      <c r="F1203">
        <f>IF(C1203="CLAY", INDEX(D$4:D1203, MATCH("CLAY", C$4:C1203, 0)), "")</f>
        <v>0.75203252561341039</v>
      </c>
    </row>
    <row r="1204" spans="1:6" x14ac:dyDescent="0.2">
      <c r="A1204" s="239">
        <f>'CPT Data'!B1212</f>
        <v>11.912000000000001</v>
      </c>
      <c r="B1204" s="3">
        <f>'CPT Data'!C1212</f>
        <v>11.905000000000001</v>
      </c>
      <c r="C1204" t="str">
        <f>'CPT Data'!P1212</f>
        <v>CLAY</v>
      </c>
      <c r="D1204">
        <f>'CPT Data'!Q1212</f>
        <v>23.189578484669166</v>
      </c>
      <c r="E1204">
        <f t="shared" si="19"/>
        <v>22.910485227095744</v>
      </c>
      <c r="F1204">
        <f>IF(C1204="CLAY", INDEX(D$4:D1204, MATCH("CLAY", C$4:C1204, 0)), "")</f>
        <v>0.75203252561341039</v>
      </c>
    </row>
    <row r="1205" spans="1:6" x14ac:dyDescent="0.2">
      <c r="A1205" s="239">
        <f>'CPT Data'!B1213</f>
        <v>11.922000000000001</v>
      </c>
      <c r="B1205" s="3">
        <f>'CPT Data'!C1213</f>
        <v>11.915000000000001</v>
      </c>
      <c r="C1205" t="str">
        <f>'CPT Data'!P1213</f>
        <v>CLAY</v>
      </c>
      <c r="D1205">
        <f>'CPT Data'!Q1213</f>
        <v>23.489948543577412</v>
      </c>
      <c r="E1205">
        <f t="shared" si="19"/>
        <v>23.189578484669166</v>
      </c>
      <c r="F1205">
        <f>IF(C1205="CLAY", INDEX(D$4:D1205, MATCH("CLAY", C$4:C1205, 0)), "")</f>
        <v>0.75203252561341039</v>
      </c>
    </row>
    <row r="1206" spans="1:6" x14ac:dyDescent="0.2">
      <c r="A1206" s="239">
        <f>'CPT Data'!B1214</f>
        <v>11.930999999999999</v>
      </c>
      <c r="B1206" s="3">
        <f>'CPT Data'!C1214</f>
        <v>11.923999999999999</v>
      </c>
      <c r="C1206" t="str">
        <f>'CPT Data'!P1214</f>
        <v>CLAY</v>
      </c>
      <c r="D1206">
        <f>'CPT Data'!Q1214</f>
        <v>23.826566107343165</v>
      </c>
      <c r="E1206">
        <f t="shared" si="19"/>
        <v>23.489948543577412</v>
      </c>
      <c r="F1206">
        <f>IF(C1206="CLAY", INDEX(D$4:D1206, MATCH("CLAY", C$4:C1206, 0)), "")</f>
        <v>0.75203252561341039</v>
      </c>
    </row>
    <row r="1207" spans="1:6" x14ac:dyDescent="0.2">
      <c r="A1207" s="239">
        <f>'CPT Data'!B1215</f>
        <v>11.942</v>
      </c>
      <c r="B1207" s="3">
        <f>'CPT Data'!C1215</f>
        <v>11.935</v>
      </c>
      <c r="C1207" t="str">
        <f>'CPT Data'!P1215</f>
        <v>CLAY</v>
      </c>
      <c r="D1207">
        <f>'CPT Data'!Q1215</f>
        <v>24.038727343624505</v>
      </c>
      <c r="E1207">
        <f t="shared" si="19"/>
        <v>23.826566107343165</v>
      </c>
      <c r="F1207">
        <f>IF(C1207="CLAY", INDEX(D$4:D1207, MATCH("CLAY", C$4:C1207, 0)), "")</f>
        <v>0.75203252561341039</v>
      </c>
    </row>
    <row r="1208" spans="1:6" x14ac:dyDescent="0.2">
      <c r="A1208" s="239">
        <f>'CPT Data'!B1216</f>
        <v>11.951000000000001</v>
      </c>
      <c r="B1208" s="3">
        <f>'CPT Data'!C1216</f>
        <v>11.944000000000001</v>
      </c>
      <c r="C1208" t="str">
        <f>'CPT Data'!P1216</f>
        <v>CLAY</v>
      </c>
      <c r="D1208">
        <f>'CPT Data'!Q1216</f>
        <v>24.036431602908603</v>
      </c>
      <c r="E1208">
        <f t="shared" si="19"/>
        <v>24.038727343624505</v>
      </c>
      <c r="F1208">
        <f>IF(C1208="CLAY", INDEX(D$4:D1208, MATCH("CLAY", C$4:C1208, 0)), "")</f>
        <v>0.75203252561341039</v>
      </c>
    </row>
    <row r="1209" spans="1:6" x14ac:dyDescent="0.2">
      <c r="A1209" s="239">
        <f>'CPT Data'!B1217</f>
        <v>11.962</v>
      </c>
      <c r="B1209" s="3">
        <f>'CPT Data'!C1217</f>
        <v>11.955</v>
      </c>
      <c r="C1209" t="str">
        <f>'CPT Data'!P1217</f>
        <v>CLAY</v>
      </c>
      <c r="D1209">
        <f>'CPT Data'!Q1217</f>
        <v>24.177959700479018</v>
      </c>
      <c r="E1209">
        <f t="shared" si="19"/>
        <v>24.036431602908603</v>
      </c>
      <c r="F1209">
        <f>IF(C1209="CLAY", INDEX(D$4:D1209, MATCH("CLAY", C$4:C1209, 0)), "")</f>
        <v>0.75203252561341039</v>
      </c>
    </row>
    <row r="1210" spans="1:6" x14ac:dyDescent="0.2">
      <c r="A1210" s="239">
        <f>'CPT Data'!B1218</f>
        <v>11.973000000000001</v>
      </c>
      <c r="B1210" s="3">
        <f>'CPT Data'!C1218</f>
        <v>11.966000000000001</v>
      </c>
      <c r="C1210" t="str">
        <f>'CPT Data'!P1218</f>
        <v>CLAY</v>
      </c>
      <c r="D1210">
        <f>'CPT Data'!Q1218</f>
        <v>24.17814841660449</v>
      </c>
      <c r="E1210">
        <f t="shared" si="19"/>
        <v>24.177959700479018</v>
      </c>
      <c r="F1210">
        <f>IF(C1210="CLAY", INDEX(D$4:D1210, MATCH("CLAY", C$4:C1210, 0)), "")</f>
        <v>0.75203252561341039</v>
      </c>
    </row>
    <row r="1211" spans="1:6" x14ac:dyDescent="0.2">
      <c r="A1211" s="239">
        <f>'CPT Data'!B1219</f>
        <v>11.983000000000001</v>
      </c>
      <c r="B1211" s="3">
        <f>'CPT Data'!C1219</f>
        <v>11.976000000000001</v>
      </c>
      <c r="C1211" t="str">
        <f>'CPT Data'!P1219</f>
        <v>CLAY</v>
      </c>
      <c r="D1211">
        <f>'CPT Data'!Q1219</f>
        <v>24.063018010032863</v>
      </c>
      <c r="E1211">
        <f t="shared" si="19"/>
        <v>24.17814841660449</v>
      </c>
      <c r="F1211">
        <f>IF(C1211="CLAY", INDEX(D$4:D1211, MATCH("CLAY", C$4:C1211, 0)), "")</f>
        <v>0.75203252561341039</v>
      </c>
    </row>
    <row r="1212" spans="1:6" x14ac:dyDescent="0.2">
      <c r="A1212" s="239">
        <f>'CPT Data'!B1220</f>
        <v>11.993</v>
      </c>
      <c r="B1212" s="3">
        <f>'CPT Data'!C1220</f>
        <v>11.986000000000001</v>
      </c>
      <c r="C1212" t="str">
        <f>'CPT Data'!P1220</f>
        <v>CLAY</v>
      </c>
      <c r="D1212">
        <f>'CPT Data'!Q1220</f>
        <v>23.710367915535727</v>
      </c>
      <c r="E1212">
        <f t="shared" si="19"/>
        <v>24.063018010032863</v>
      </c>
      <c r="F1212">
        <f>IF(C1212="CLAY", INDEX(D$4:D1212, MATCH("CLAY", C$4:C1212, 0)), "")</f>
        <v>0.75203252561341039</v>
      </c>
    </row>
    <row r="1213" spans="1:6" x14ac:dyDescent="0.2">
      <c r="A1213" s="239">
        <f>'CPT Data'!B1221</f>
        <v>12.003</v>
      </c>
      <c r="B1213" s="3">
        <f>'CPT Data'!C1221</f>
        <v>11.996</v>
      </c>
      <c r="C1213" t="str">
        <f>'CPT Data'!P1221</f>
        <v>CLAY</v>
      </c>
      <c r="D1213">
        <f>'CPT Data'!Q1221</f>
        <v>23.617329189514482</v>
      </c>
      <c r="E1213">
        <f t="shared" si="19"/>
        <v>23.710367915535727</v>
      </c>
      <c r="F1213">
        <f>IF(C1213="CLAY", INDEX(D$4:D1213, MATCH("CLAY", C$4:C1213, 0)), "")</f>
        <v>0.75203252561341039</v>
      </c>
    </row>
    <row r="1214" spans="1:6" x14ac:dyDescent="0.2">
      <c r="A1214" s="239">
        <f>'CPT Data'!B1222</f>
        <v>12.013</v>
      </c>
      <c r="B1214" s="3">
        <f>'CPT Data'!C1222</f>
        <v>12.006</v>
      </c>
      <c r="C1214" t="str">
        <f>'CPT Data'!P1222</f>
        <v>CLAY</v>
      </c>
      <c r="D1214">
        <f>'CPT Data'!Q1222</f>
        <v>23.689967952419938</v>
      </c>
      <c r="E1214">
        <f t="shared" si="19"/>
        <v>23.617329189514482</v>
      </c>
      <c r="F1214">
        <f>IF(C1214="CLAY", INDEX(D$4:D1214, MATCH("CLAY", C$4:C1214, 0)), "")</f>
        <v>0.75203252561341039</v>
      </c>
    </row>
    <row r="1215" spans="1:6" x14ac:dyDescent="0.2">
      <c r="A1215" s="239">
        <f>'CPT Data'!B1223</f>
        <v>12.023</v>
      </c>
      <c r="B1215" s="3">
        <f>'CPT Data'!C1223</f>
        <v>12.016</v>
      </c>
      <c r="C1215" t="str">
        <f>'CPT Data'!P1223</f>
        <v>CLAY</v>
      </c>
      <c r="D1215">
        <f>'CPT Data'!Q1223</f>
        <v>24.122982937026467</v>
      </c>
      <c r="E1215">
        <f t="shared" si="19"/>
        <v>23.689967952419938</v>
      </c>
      <c r="F1215">
        <f>IF(C1215="CLAY", INDEX(D$4:D1215, MATCH("CLAY", C$4:C1215, 0)), "")</f>
        <v>0.75203252561341039</v>
      </c>
    </row>
    <row r="1216" spans="1:6" x14ac:dyDescent="0.2">
      <c r="A1216" s="239">
        <f>'CPT Data'!B1224</f>
        <v>12.032999999999999</v>
      </c>
      <c r="B1216" s="3">
        <f>'CPT Data'!C1224</f>
        <v>12.026</v>
      </c>
      <c r="C1216" t="str">
        <f>'CPT Data'!P1224</f>
        <v>CLAY</v>
      </c>
      <c r="D1216">
        <f>'CPT Data'!Q1224</f>
        <v>24.20300733452434</v>
      </c>
      <c r="E1216">
        <f t="shared" si="19"/>
        <v>24.122982937026467</v>
      </c>
      <c r="F1216">
        <f>IF(C1216="CLAY", INDEX(D$4:D1216, MATCH("CLAY", C$4:C1216, 0)), "")</f>
        <v>0.75203252561341039</v>
      </c>
    </row>
    <row r="1217" spans="1:6" x14ac:dyDescent="0.2">
      <c r="A1217" s="239">
        <f>'CPT Data'!B1225</f>
        <v>12.042999999999999</v>
      </c>
      <c r="B1217" s="3">
        <f>'CPT Data'!C1225</f>
        <v>12.036</v>
      </c>
      <c r="C1217" t="str">
        <f>'CPT Data'!P1225</f>
        <v>CLAY</v>
      </c>
      <c r="D1217">
        <f>'CPT Data'!Q1225</f>
        <v>24.187714336365037</v>
      </c>
      <c r="E1217">
        <f t="shared" si="19"/>
        <v>24.20300733452434</v>
      </c>
      <c r="F1217">
        <f>IF(C1217="CLAY", INDEX(D$4:D1217, MATCH("CLAY", C$4:C1217, 0)), "")</f>
        <v>0.75203252561341039</v>
      </c>
    </row>
    <row r="1218" spans="1:6" x14ac:dyDescent="0.2">
      <c r="A1218" s="239">
        <f>'CPT Data'!B1226</f>
        <v>12.053000000000001</v>
      </c>
      <c r="B1218" s="3">
        <f>'CPT Data'!C1226</f>
        <v>12.046000000000001</v>
      </c>
      <c r="C1218" t="str">
        <f>'CPT Data'!P1226</f>
        <v>CLAY</v>
      </c>
      <c r="D1218">
        <f>'CPT Data'!Q1226</f>
        <v>24.012975265907215</v>
      </c>
      <c r="E1218">
        <f t="shared" si="19"/>
        <v>24.187714336365037</v>
      </c>
      <c r="F1218">
        <f>IF(C1218="CLAY", INDEX(D$4:D1218, MATCH("CLAY", C$4:C1218, 0)), "")</f>
        <v>0.75203252561341039</v>
      </c>
    </row>
    <row r="1219" spans="1:6" x14ac:dyDescent="0.2">
      <c r="A1219" s="239">
        <f>'CPT Data'!B1227</f>
        <v>12.063000000000001</v>
      </c>
      <c r="B1219" s="3">
        <f>'CPT Data'!C1227</f>
        <v>12.056000000000001</v>
      </c>
      <c r="C1219" t="str">
        <f>'CPT Data'!P1227</f>
        <v>CLAY</v>
      </c>
      <c r="D1219">
        <f>'CPT Data'!Q1227</f>
        <v>23.74860830487475</v>
      </c>
      <c r="E1219">
        <f t="shared" si="19"/>
        <v>24.012975265907215</v>
      </c>
      <c r="F1219">
        <f>IF(C1219="CLAY", INDEX(D$4:D1219, MATCH("CLAY", C$4:C1219, 0)), "")</f>
        <v>0.75203252561341039</v>
      </c>
    </row>
    <row r="1220" spans="1:6" x14ac:dyDescent="0.2">
      <c r="A1220" s="239">
        <f>'CPT Data'!B1228</f>
        <v>12.073</v>
      </c>
      <c r="B1220" s="3">
        <f>'CPT Data'!C1228</f>
        <v>12.066000000000001</v>
      </c>
      <c r="C1220" t="str">
        <f>'CPT Data'!P1228</f>
        <v>CLAY</v>
      </c>
      <c r="D1220">
        <f>'CPT Data'!Q1228</f>
        <v>23.494262574168371</v>
      </c>
      <c r="E1220">
        <f t="shared" si="19"/>
        <v>23.74860830487475</v>
      </c>
      <c r="F1220">
        <f>IF(C1220="CLAY", INDEX(D$4:D1220, MATCH("CLAY", C$4:C1220, 0)), "")</f>
        <v>0.75203252561341039</v>
      </c>
    </row>
    <row r="1221" spans="1:6" x14ac:dyDescent="0.2">
      <c r="A1221" s="239">
        <f>'CPT Data'!B1229</f>
        <v>12.082000000000001</v>
      </c>
      <c r="B1221" s="3">
        <f>'CPT Data'!C1229</f>
        <v>12.075000000000001</v>
      </c>
      <c r="C1221" t="str">
        <f>'CPT Data'!P1229</f>
        <v>CLAY</v>
      </c>
      <c r="D1221">
        <f>'CPT Data'!Q1229</f>
        <v>23.374979366112683</v>
      </c>
      <c r="E1221">
        <f t="shared" si="19"/>
        <v>23.494262574168371</v>
      </c>
      <c r="F1221">
        <f>IF(C1221="CLAY", INDEX(D$4:D1221, MATCH("CLAY", C$4:C1221, 0)), "")</f>
        <v>0.75203252561341039</v>
      </c>
    </row>
    <row r="1222" spans="1:6" x14ac:dyDescent="0.2">
      <c r="A1222" s="239">
        <f>'CPT Data'!B1230</f>
        <v>12.093</v>
      </c>
      <c r="B1222" s="3">
        <f>'CPT Data'!C1230</f>
        <v>12.086</v>
      </c>
      <c r="C1222" t="str">
        <f>'CPT Data'!P1230</f>
        <v>CLAY</v>
      </c>
      <c r="D1222">
        <f>'CPT Data'!Q1230</f>
        <v>23.347147067442847</v>
      </c>
      <c r="E1222">
        <f t="shared" si="19"/>
        <v>23.374979366112683</v>
      </c>
      <c r="F1222">
        <f>IF(C1222="CLAY", INDEX(D$4:D1222, MATCH("CLAY", C$4:C1222, 0)), "")</f>
        <v>0.75203252561341039</v>
      </c>
    </row>
    <row r="1223" spans="1:6" x14ac:dyDescent="0.2">
      <c r="A1223" s="239">
        <f>'CPT Data'!B1231</f>
        <v>12.102</v>
      </c>
      <c r="B1223" s="3">
        <f>'CPT Data'!C1231</f>
        <v>12.095000000000001</v>
      </c>
      <c r="C1223" t="str">
        <f>'CPT Data'!P1231</f>
        <v>CLAY</v>
      </c>
      <c r="D1223">
        <f>'CPT Data'!Q1231</f>
        <v>23.470705111575217</v>
      </c>
      <c r="E1223">
        <f t="shared" si="19"/>
        <v>23.347147067442847</v>
      </c>
      <c r="F1223">
        <f>IF(C1223="CLAY", INDEX(D$4:D1223, MATCH("CLAY", C$4:C1223, 0)), "")</f>
        <v>0.75203252561341039</v>
      </c>
    </row>
    <row r="1224" spans="1:6" x14ac:dyDescent="0.2">
      <c r="A1224" s="239">
        <f>'CPT Data'!B1232</f>
        <v>12.113</v>
      </c>
      <c r="B1224" s="3">
        <f>'CPT Data'!C1232</f>
        <v>12.106</v>
      </c>
      <c r="C1224" t="str">
        <f>'CPT Data'!P1232</f>
        <v>CLAY</v>
      </c>
      <c r="D1224">
        <f>'CPT Data'!Q1232</f>
        <v>23.631344738502502</v>
      </c>
      <c r="E1224">
        <f t="shared" si="19"/>
        <v>23.470705111575217</v>
      </c>
      <c r="F1224">
        <f>IF(C1224="CLAY", INDEX(D$4:D1224, MATCH("CLAY", C$4:C1224, 0)), "")</f>
        <v>0.75203252561341039</v>
      </c>
    </row>
    <row r="1225" spans="1:6" x14ac:dyDescent="0.2">
      <c r="A1225" s="239">
        <f>'CPT Data'!B1233</f>
        <v>12.122</v>
      </c>
      <c r="B1225" s="3">
        <f>'CPT Data'!C1233</f>
        <v>12.115</v>
      </c>
      <c r="C1225" t="str">
        <f>'CPT Data'!P1233</f>
        <v>CLAY</v>
      </c>
      <c r="D1225">
        <f>'CPT Data'!Q1233</f>
        <v>23.636071064219987</v>
      </c>
      <c r="E1225">
        <f t="shared" si="19"/>
        <v>23.631344738502502</v>
      </c>
      <c r="F1225">
        <f>IF(C1225="CLAY", INDEX(D$4:D1225, MATCH("CLAY", C$4:C1225, 0)), "")</f>
        <v>0.75203252561341039</v>
      </c>
    </row>
    <row r="1226" spans="1:6" x14ac:dyDescent="0.2">
      <c r="A1226" s="239">
        <f>'CPT Data'!B1234</f>
        <v>12.132999999999999</v>
      </c>
      <c r="B1226" s="3">
        <f>'CPT Data'!C1234</f>
        <v>12.125999999999999</v>
      </c>
      <c r="C1226" t="str">
        <f>'CPT Data'!P1234</f>
        <v>CLAY</v>
      </c>
      <c r="D1226">
        <f>'CPT Data'!Q1234</f>
        <v>23.466584376076238</v>
      </c>
      <c r="E1226">
        <f t="shared" si="19"/>
        <v>23.636071064219987</v>
      </c>
      <c r="F1226">
        <f>IF(C1226="CLAY", INDEX(D$4:D1226, MATCH("CLAY", C$4:C1226, 0)), "")</f>
        <v>0.75203252561341039</v>
      </c>
    </row>
    <row r="1227" spans="1:6" x14ac:dyDescent="0.2">
      <c r="A1227" s="239">
        <f>'CPT Data'!B1235</f>
        <v>12.141999999999999</v>
      </c>
      <c r="B1227" s="3">
        <f>'CPT Data'!C1235</f>
        <v>12.135</v>
      </c>
      <c r="C1227" t="str">
        <f>'CPT Data'!P1235</f>
        <v>CLAY</v>
      </c>
      <c r="D1227">
        <f>'CPT Data'!Q1235</f>
        <v>23.365625082733441</v>
      </c>
      <c r="E1227">
        <f t="shared" si="19"/>
        <v>23.466584376076238</v>
      </c>
      <c r="F1227">
        <f>IF(C1227="CLAY", INDEX(D$4:D1227, MATCH("CLAY", C$4:C1227, 0)), "")</f>
        <v>0.75203252561341039</v>
      </c>
    </row>
    <row r="1228" spans="1:6" x14ac:dyDescent="0.2">
      <c r="A1228" s="239">
        <f>'CPT Data'!B1236</f>
        <v>12.153</v>
      </c>
      <c r="B1228" s="3">
        <f>'CPT Data'!C1236</f>
        <v>12.146000000000001</v>
      </c>
      <c r="C1228" t="str">
        <f>'CPT Data'!P1236</f>
        <v>CLAY</v>
      </c>
      <c r="D1228">
        <f>'CPT Data'!Q1236</f>
        <v>23.354577493515745</v>
      </c>
      <c r="E1228">
        <f t="shared" si="19"/>
        <v>23.365625082733441</v>
      </c>
      <c r="F1228">
        <f>IF(C1228="CLAY", INDEX(D$4:D1228, MATCH("CLAY", C$4:C1228, 0)), "")</f>
        <v>0.75203252561341039</v>
      </c>
    </row>
    <row r="1229" spans="1:6" x14ac:dyDescent="0.2">
      <c r="A1229" s="239">
        <f>'CPT Data'!B1237</f>
        <v>12.163</v>
      </c>
      <c r="B1229" s="3">
        <f>'CPT Data'!C1237</f>
        <v>12.156000000000001</v>
      </c>
      <c r="C1229" t="str">
        <f>'CPT Data'!P1237</f>
        <v>CLAY</v>
      </c>
      <c r="D1229">
        <f>'CPT Data'!Q1237</f>
        <v>23.359818910881511</v>
      </c>
      <c r="E1229">
        <f t="shared" si="19"/>
        <v>23.354577493515745</v>
      </c>
      <c r="F1229">
        <f>IF(C1229="CLAY", INDEX(D$4:D1229, MATCH("CLAY", C$4:C1229, 0)), "")</f>
        <v>0.75203252561341039</v>
      </c>
    </row>
    <row r="1230" spans="1:6" x14ac:dyDescent="0.2">
      <c r="A1230" s="239">
        <f>'CPT Data'!B1238</f>
        <v>12.173</v>
      </c>
      <c r="B1230" s="3">
        <f>'CPT Data'!C1238</f>
        <v>12.166</v>
      </c>
      <c r="C1230" t="str">
        <f>'CPT Data'!P1238</f>
        <v>CLAY</v>
      </c>
      <c r="D1230">
        <f>'CPT Data'!Q1238</f>
        <v>23.308657852041261</v>
      </c>
      <c r="E1230">
        <f t="shared" si="19"/>
        <v>23.359818910881511</v>
      </c>
      <c r="F1230">
        <f>IF(C1230="CLAY", INDEX(D$4:D1230, MATCH("CLAY", C$4:C1230, 0)), "")</f>
        <v>0.75203252561341039</v>
      </c>
    </row>
    <row r="1231" spans="1:6" x14ac:dyDescent="0.2">
      <c r="A1231" s="239">
        <f>'CPT Data'!B1239</f>
        <v>12.183</v>
      </c>
      <c r="B1231" s="3">
        <f>'CPT Data'!C1239</f>
        <v>12.176</v>
      </c>
      <c r="C1231" t="str">
        <f>'CPT Data'!P1239</f>
        <v>CLAY</v>
      </c>
      <c r="D1231">
        <f>'CPT Data'!Q1239</f>
        <v>23.147117698221127</v>
      </c>
      <c r="E1231">
        <f t="shared" si="19"/>
        <v>23.308657852041261</v>
      </c>
      <c r="F1231">
        <f>IF(C1231="CLAY", INDEX(D$4:D1231, MATCH("CLAY", C$4:C1231, 0)), "")</f>
        <v>0.75203252561341039</v>
      </c>
    </row>
    <row r="1232" spans="1:6" x14ac:dyDescent="0.2">
      <c r="A1232" s="239">
        <f>'CPT Data'!B1240</f>
        <v>12.193</v>
      </c>
      <c r="B1232" s="3">
        <f>'CPT Data'!C1240</f>
        <v>12.186</v>
      </c>
      <c r="C1232" t="str">
        <f>'CPT Data'!P1240</f>
        <v>CLAY</v>
      </c>
      <c r="D1232">
        <f>'CPT Data'!Q1240</f>
        <v>23.216476365283196</v>
      </c>
      <c r="E1232">
        <f t="shared" si="19"/>
        <v>23.147117698221127</v>
      </c>
      <c r="F1232">
        <f>IF(C1232="CLAY", INDEX(D$4:D1232, MATCH("CLAY", C$4:C1232, 0)), "")</f>
        <v>0.75203252561341039</v>
      </c>
    </row>
    <row r="1233" spans="1:6" x14ac:dyDescent="0.2">
      <c r="A1233" s="239">
        <f>'CPT Data'!B1241</f>
        <v>12.202999999999999</v>
      </c>
      <c r="B1233" s="3">
        <f>'CPT Data'!C1241</f>
        <v>12.196</v>
      </c>
      <c r="C1233" t="str">
        <f>'CPT Data'!P1241</f>
        <v>CLAY</v>
      </c>
      <c r="D1233">
        <f>'CPT Data'!Q1241</f>
        <v>23.201756814349512</v>
      </c>
      <c r="E1233">
        <f t="shared" si="19"/>
        <v>23.216476365283196</v>
      </c>
      <c r="F1233">
        <f>IF(C1233="CLAY", INDEX(D$4:D1233, MATCH("CLAY", C$4:C1233, 0)), "")</f>
        <v>0.75203252561341039</v>
      </c>
    </row>
    <row r="1234" spans="1:6" x14ac:dyDescent="0.2">
      <c r="A1234" s="239">
        <f>'CPT Data'!B1242</f>
        <v>12.214</v>
      </c>
      <c r="B1234" s="3">
        <f>'CPT Data'!C1242</f>
        <v>12.207000000000001</v>
      </c>
      <c r="C1234" t="str">
        <f>'CPT Data'!P1242</f>
        <v>CLAY</v>
      </c>
      <c r="D1234">
        <f>'CPT Data'!Q1242</f>
        <v>22.895410387894231</v>
      </c>
      <c r="E1234">
        <f t="shared" si="19"/>
        <v>23.201756814349512</v>
      </c>
      <c r="F1234">
        <f>IF(C1234="CLAY", INDEX(D$4:D1234, MATCH("CLAY", C$4:C1234, 0)), "")</f>
        <v>0.75203252561341039</v>
      </c>
    </row>
    <row r="1235" spans="1:6" x14ac:dyDescent="0.2">
      <c r="A1235" s="239">
        <f>'CPT Data'!B1243</f>
        <v>12.224</v>
      </c>
      <c r="B1235" s="3">
        <f>'CPT Data'!C1243</f>
        <v>12.217000000000001</v>
      </c>
      <c r="C1235" t="str">
        <f>'CPT Data'!P1243</f>
        <v>CLAY</v>
      </c>
      <c r="D1235">
        <f>'CPT Data'!Q1243</f>
        <v>22.834482824309408</v>
      </c>
      <c r="E1235">
        <f t="shared" si="19"/>
        <v>22.895410387894231</v>
      </c>
      <c r="F1235">
        <f>IF(C1235="CLAY", INDEX(D$4:D1235, MATCH("CLAY", C$4:C1235, 0)), "")</f>
        <v>0.75203252561341039</v>
      </c>
    </row>
    <row r="1236" spans="1:6" x14ac:dyDescent="0.2">
      <c r="A1236" s="239">
        <f>'CPT Data'!B1244</f>
        <v>12.233000000000001</v>
      </c>
      <c r="B1236" s="3">
        <f>'CPT Data'!C1244</f>
        <v>12.226000000000001</v>
      </c>
      <c r="C1236" t="str">
        <f>'CPT Data'!P1244</f>
        <v>CLAY</v>
      </c>
      <c r="D1236">
        <f>'CPT Data'!Q1244</f>
        <v>22.642924940638611</v>
      </c>
      <c r="E1236">
        <f t="shared" si="19"/>
        <v>22.834482824309408</v>
      </c>
      <c r="F1236">
        <f>IF(C1236="CLAY", INDEX(D$4:D1236, MATCH("CLAY", C$4:C1236, 0)), "")</f>
        <v>0.75203252561341039</v>
      </c>
    </row>
    <row r="1237" spans="1:6" x14ac:dyDescent="0.2">
      <c r="A1237" s="239">
        <f>'CPT Data'!B1245</f>
        <v>12.244</v>
      </c>
      <c r="B1237" s="3">
        <f>'CPT Data'!C1245</f>
        <v>12.237</v>
      </c>
      <c r="C1237" t="str">
        <f>'CPT Data'!P1245</f>
        <v>CLAY</v>
      </c>
      <c r="D1237">
        <f>'CPT Data'!Q1245</f>
        <v>22.569527647438765</v>
      </c>
      <c r="E1237">
        <f t="shared" si="19"/>
        <v>22.642924940638611</v>
      </c>
      <c r="F1237">
        <f>IF(C1237="CLAY", INDEX(D$4:D1237, MATCH("CLAY", C$4:C1237, 0)), "")</f>
        <v>0.75203252561341039</v>
      </c>
    </row>
    <row r="1238" spans="1:6" x14ac:dyDescent="0.2">
      <c r="A1238" s="239">
        <f>'CPT Data'!B1246</f>
        <v>12.253</v>
      </c>
      <c r="B1238" s="3">
        <f>'CPT Data'!C1246</f>
        <v>12.246</v>
      </c>
      <c r="C1238" t="str">
        <f>'CPT Data'!P1246</f>
        <v>CLAY</v>
      </c>
      <c r="D1238">
        <f>'CPT Data'!Q1246</f>
        <v>22.660892879672378</v>
      </c>
      <c r="E1238">
        <f t="shared" si="19"/>
        <v>22.569527647438765</v>
      </c>
      <c r="F1238">
        <f>IF(C1238="CLAY", INDEX(D$4:D1238, MATCH("CLAY", C$4:C1238, 0)), "")</f>
        <v>0.75203252561341039</v>
      </c>
    </row>
    <row r="1239" spans="1:6" x14ac:dyDescent="0.2">
      <c r="A1239" s="239">
        <f>'CPT Data'!B1247</f>
        <v>12.263999999999999</v>
      </c>
      <c r="B1239" s="3">
        <f>'CPT Data'!C1247</f>
        <v>12.257</v>
      </c>
      <c r="C1239" t="str">
        <f>'CPT Data'!P1247</f>
        <v>CLAY</v>
      </c>
      <c r="D1239">
        <f>'CPT Data'!Q1247</f>
        <v>22.658109619653491</v>
      </c>
      <c r="E1239">
        <f t="shared" si="19"/>
        <v>22.660892879672378</v>
      </c>
      <c r="F1239">
        <f>IF(C1239="CLAY", INDEX(D$4:D1239, MATCH("CLAY", C$4:C1239, 0)), "")</f>
        <v>0.75203252561341039</v>
      </c>
    </row>
    <row r="1240" spans="1:6" x14ac:dyDescent="0.2">
      <c r="A1240" s="239">
        <f>'CPT Data'!B1248</f>
        <v>12.273</v>
      </c>
      <c r="B1240" s="3">
        <f>'CPT Data'!C1248</f>
        <v>12.266</v>
      </c>
      <c r="C1240" t="str">
        <f>'CPT Data'!P1248</f>
        <v>CLAY</v>
      </c>
      <c r="D1240">
        <f>'CPT Data'!Q1248</f>
        <v>22.689270895841741</v>
      </c>
      <c r="E1240">
        <f t="shared" si="19"/>
        <v>22.658109619653491</v>
      </c>
      <c r="F1240">
        <f>IF(C1240="CLAY", INDEX(D$4:D1240, MATCH("CLAY", C$4:C1240, 0)), "")</f>
        <v>0.75203252561341039</v>
      </c>
    </row>
    <row r="1241" spans="1:6" x14ac:dyDescent="0.2">
      <c r="A1241" s="239">
        <f>'CPT Data'!B1249</f>
        <v>12.282999999999999</v>
      </c>
      <c r="B1241" s="3">
        <f>'CPT Data'!C1249</f>
        <v>12.276</v>
      </c>
      <c r="C1241" t="str">
        <f>'CPT Data'!P1249</f>
        <v>CLAY</v>
      </c>
      <c r="D1241">
        <f>'CPT Data'!Q1249</f>
        <v>22.583366460392948</v>
      </c>
      <c r="E1241">
        <f t="shared" si="19"/>
        <v>22.689270895841741</v>
      </c>
      <c r="F1241">
        <f>IF(C1241="CLAY", INDEX(D$4:D1241, MATCH("CLAY", C$4:C1241, 0)), "")</f>
        <v>0.75203252561341039</v>
      </c>
    </row>
    <row r="1242" spans="1:6" x14ac:dyDescent="0.2">
      <c r="A1242" s="239">
        <f>'CPT Data'!B1250</f>
        <v>12.292999999999999</v>
      </c>
      <c r="B1242" s="3">
        <f>'CPT Data'!C1250</f>
        <v>12.286</v>
      </c>
      <c r="C1242" t="str">
        <f>'CPT Data'!P1250</f>
        <v>CLAY</v>
      </c>
      <c r="D1242">
        <f>'CPT Data'!Q1250</f>
        <v>22.87104923952764</v>
      </c>
      <c r="E1242">
        <f t="shared" si="19"/>
        <v>22.583366460392948</v>
      </c>
      <c r="F1242">
        <f>IF(C1242="CLAY", INDEX(D$4:D1242, MATCH("CLAY", C$4:C1242, 0)), "")</f>
        <v>0.75203252561341039</v>
      </c>
    </row>
    <row r="1243" spans="1:6" x14ac:dyDescent="0.2">
      <c r="A1243" s="239">
        <f>'CPT Data'!B1251</f>
        <v>12.303000000000001</v>
      </c>
      <c r="B1243" s="3">
        <f>'CPT Data'!C1251</f>
        <v>12.296000000000001</v>
      </c>
      <c r="C1243" t="str">
        <f>'CPT Data'!P1251</f>
        <v>CLAY</v>
      </c>
      <c r="D1243">
        <f>'CPT Data'!Q1251</f>
        <v>22.698732864078977</v>
      </c>
      <c r="E1243">
        <f t="shared" ref="E1243:E1306" si="20">IF(C1243="SAND",#N/A,IF(C1243=C1242,D1242,IF(C1243="CLAY",D1243,#N/A)))</f>
        <v>22.87104923952764</v>
      </c>
      <c r="F1243">
        <f>IF(C1243="CLAY", INDEX(D$4:D1243, MATCH("CLAY", C$4:C1243, 0)), "")</f>
        <v>0.75203252561341039</v>
      </c>
    </row>
    <row r="1244" spans="1:6" x14ac:dyDescent="0.2">
      <c r="A1244" s="239">
        <f>'CPT Data'!B1252</f>
        <v>12.313000000000001</v>
      </c>
      <c r="B1244" s="3">
        <f>'CPT Data'!C1252</f>
        <v>12.306000000000001</v>
      </c>
      <c r="C1244" t="str">
        <f>'CPT Data'!P1252</f>
        <v>CLAY</v>
      </c>
      <c r="D1244">
        <f>'CPT Data'!Q1252</f>
        <v>22.623008052637147</v>
      </c>
      <c r="E1244">
        <f t="shared" si="20"/>
        <v>22.698732864078977</v>
      </c>
      <c r="F1244">
        <f>IF(C1244="CLAY", INDEX(D$4:D1244, MATCH("CLAY", C$4:C1244, 0)), "")</f>
        <v>0.75203252561341039</v>
      </c>
    </row>
    <row r="1245" spans="1:6" x14ac:dyDescent="0.2">
      <c r="A1245" s="239">
        <f>'CPT Data'!B1253</f>
        <v>12.323</v>
      </c>
      <c r="B1245" s="3">
        <f>'CPT Data'!C1253</f>
        <v>12.316000000000001</v>
      </c>
      <c r="C1245" t="str">
        <f>'CPT Data'!P1253</f>
        <v>CLAY</v>
      </c>
      <c r="D1245">
        <f>'CPT Data'!Q1253</f>
        <v>22.420287479983745</v>
      </c>
      <c r="E1245">
        <f t="shared" si="20"/>
        <v>22.623008052637147</v>
      </c>
      <c r="F1245">
        <f>IF(C1245="CLAY", INDEX(D$4:D1245, MATCH("CLAY", C$4:C1245, 0)), "")</f>
        <v>0.75203252561341039</v>
      </c>
    </row>
    <row r="1246" spans="1:6" x14ac:dyDescent="0.2">
      <c r="A1246" s="239">
        <f>'CPT Data'!B1254</f>
        <v>12.333</v>
      </c>
      <c r="B1246" s="3">
        <f>'CPT Data'!C1254</f>
        <v>12.326000000000001</v>
      </c>
      <c r="C1246" t="str">
        <f>'CPT Data'!P1254</f>
        <v>CLAY</v>
      </c>
      <c r="D1246">
        <f>'CPT Data'!Q1254</f>
        <v>22.382943047726865</v>
      </c>
      <c r="E1246">
        <f t="shared" si="20"/>
        <v>22.420287479983745</v>
      </c>
      <c r="F1246">
        <f>IF(C1246="CLAY", INDEX(D$4:D1246, MATCH("CLAY", C$4:C1246, 0)), "")</f>
        <v>0.75203252561341039</v>
      </c>
    </row>
    <row r="1247" spans="1:6" x14ac:dyDescent="0.2">
      <c r="A1247" s="239">
        <f>'CPT Data'!B1255</f>
        <v>12.343999999999999</v>
      </c>
      <c r="B1247" s="3">
        <f>'CPT Data'!C1255</f>
        <v>12.337</v>
      </c>
      <c r="C1247" t="str">
        <f>'CPT Data'!P1255</f>
        <v>CLAY</v>
      </c>
      <c r="D1247">
        <f>'CPT Data'!Q1255</f>
        <v>22.209202652965573</v>
      </c>
      <c r="E1247">
        <f t="shared" si="20"/>
        <v>22.382943047726865</v>
      </c>
      <c r="F1247">
        <f>IF(C1247="CLAY", INDEX(D$4:D1247, MATCH("CLAY", C$4:C1247, 0)), "")</f>
        <v>0.75203252561341039</v>
      </c>
    </row>
    <row r="1248" spans="1:6" x14ac:dyDescent="0.2">
      <c r="A1248" s="239">
        <f>'CPT Data'!B1256</f>
        <v>12.353999999999999</v>
      </c>
      <c r="B1248" s="3">
        <f>'CPT Data'!C1256</f>
        <v>12.347</v>
      </c>
      <c r="C1248" t="str">
        <f>'CPT Data'!P1256</f>
        <v>CLAY</v>
      </c>
      <c r="D1248">
        <f>'CPT Data'!Q1256</f>
        <v>22.285234344029607</v>
      </c>
      <c r="E1248">
        <f t="shared" si="20"/>
        <v>22.209202652965573</v>
      </c>
      <c r="F1248">
        <f>IF(C1248="CLAY", INDEX(D$4:D1248, MATCH("CLAY", C$4:C1248, 0)), "")</f>
        <v>0.75203252561341039</v>
      </c>
    </row>
    <row r="1249" spans="1:6" x14ac:dyDescent="0.2">
      <c r="A1249" s="239">
        <f>'CPT Data'!B1257</f>
        <v>12.364000000000001</v>
      </c>
      <c r="B1249" s="3">
        <f>'CPT Data'!C1257</f>
        <v>12.357000000000001</v>
      </c>
      <c r="C1249" t="str">
        <f>'CPT Data'!P1257</f>
        <v>CLAY</v>
      </c>
      <c r="D1249">
        <f>'CPT Data'!Q1257</f>
        <v>22.526906510625498</v>
      </c>
      <c r="E1249">
        <f t="shared" si="20"/>
        <v>22.285234344029607</v>
      </c>
      <c r="F1249">
        <f>IF(C1249="CLAY", INDEX(D$4:D1249, MATCH("CLAY", C$4:C1249, 0)), "")</f>
        <v>0.75203252561341039</v>
      </c>
    </row>
    <row r="1250" spans="1:6" x14ac:dyDescent="0.2">
      <c r="A1250" s="239">
        <f>'CPT Data'!B1258</f>
        <v>12.375</v>
      </c>
      <c r="B1250" s="3">
        <f>'CPT Data'!C1258</f>
        <v>12.368</v>
      </c>
      <c r="C1250" t="str">
        <f>'CPT Data'!P1258</f>
        <v>CLAY</v>
      </c>
      <c r="D1250">
        <f>'CPT Data'!Q1258</f>
        <v>22.611546126483614</v>
      </c>
      <c r="E1250">
        <f t="shared" si="20"/>
        <v>22.526906510625498</v>
      </c>
      <c r="F1250">
        <f>IF(C1250="CLAY", INDEX(D$4:D1250, MATCH("CLAY", C$4:C1250, 0)), "")</f>
        <v>0.75203252561341039</v>
      </c>
    </row>
    <row r="1251" spans="1:6" x14ac:dyDescent="0.2">
      <c r="A1251" s="239">
        <f>'CPT Data'!B1259</f>
        <v>12.384</v>
      </c>
      <c r="B1251" s="3">
        <f>'CPT Data'!C1259</f>
        <v>12.377000000000001</v>
      </c>
      <c r="C1251" t="str">
        <f>'CPT Data'!P1259</f>
        <v>CLAY</v>
      </c>
      <c r="D1251">
        <f>'CPT Data'!Q1259</f>
        <v>22.480292483770835</v>
      </c>
      <c r="E1251">
        <f t="shared" si="20"/>
        <v>22.611546126483614</v>
      </c>
      <c r="F1251">
        <f>IF(C1251="CLAY", INDEX(D$4:D1251, MATCH("CLAY", C$4:C1251, 0)), "")</f>
        <v>0.75203252561341039</v>
      </c>
    </row>
    <row r="1252" spans="1:6" x14ac:dyDescent="0.2">
      <c r="A1252" s="239">
        <f>'CPT Data'!B1260</f>
        <v>12.394</v>
      </c>
      <c r="B1252" s="3">
        <f>'CPT Data'!C1260</f>
        <v>12.387</v>
      </c>
      <c r="C1252" t="str">
        <f>'CPT Data'!P1260</f>
        <v>CLAY</v>
      </c>
      <c r="D1252">
        <f>'CPT Data'!Q1260</f>
        <v>22.107770653294988</v>
      </c>
      <c r="E1252">
        <f t="shared" si="20"/>
        <v>22.480292483770835</v>
      </c>
      <c r="F1252">
        <f>IF(C1252="CLAY", INDEX(D$4:D1252, MATCH("CLAY", C$4:C1252, 0)), "")</f>
        <v>0.75203252561341039</v>
      </c>
    </row>
    <row r="1253" spans="1:6" x14ac:dyDescent="0.2">
      <c r="A1253" s="239">
        <f>'CPT Data'!B1261</f>
        <v>12.404</v>
      </c>
      <c r="B1253" s="3">
        <f>'CPT Data'!C1261</f>
        <v>12.397</v>
      </c>
      <c r="C1253" t="str">
        <f>'CPT Data'!P1261</f>
        <v>CLAY</v>
      </c>
      <c r="D1253">
        <f>'CPT Data'!Q1261</f>
        <v>21.869620911065727</v>
      </c>
      <c r="E1253">
        <f t="shared" si="20"/>
        <v>22.107770653294988</v>
      </c>
      <c r="F1253">
        <f>IF(C1253="CLAY", INDEX(D$4:D1253, MATCH("CLAY", C$4:C1253, 0)), "")</f>
        <v>0.75203252561341039</v>
      </c>
    </row>
    <row r="1254" spans="1:6" x14ac:dyDescent="0.2">
      <c r="A1254" s="239">
        <f>'CPT Data'!B1262</f>
        <v>12.413</v>
      </c>
      <c r="B1254" s="3">
        <f>'CPT Data'!C1262</f>
        <v>12.406000000000001</v>
      </c>
      <c r="C1254" t="str">
        <f>'CPT Data'!P1262</f>
        <v>CLAY</v>
      </c>
      <c r="D1254">
        <f>'CPT Data'!Q1262</f>
        <v>21.686687897126557</v>
      </c>
      <c r="E1254">
        <f t="shared" si="20"/>
        <v>21.869620911065727</v>
      </c>
      <c r="F1254">
        <f>IF(C1254="CLAY", INDEX(D$4:D1254, MATCH("CLAY", C$4:C1254, 0)), "")</f>
        <v>0.75203252561341039</v>
      </c>
    </row>
    <row r="1255" spans="1:6" x14ac:dyDescent="0.2">
      <c r="A1255" s="239">
        <f>'CPT Data'!B1263</f>
        <v>12.423999999999999</v>
      </c>
      <c r="B1255" s="3">
        <f>'CPT Data'!C1263</f>
        <v>12.417</v>
      </c>
      <c r="C1255" t="str">
        <f>'CPT Data'!P1263</f>
        <v>CLAY</v>
      </c>
      <c r="D1255">
        <f>'CPT Data'!Q1263</f>
        <v>21.803471293156559</v>
      </c>
      <c r="E1255">
        <f t="shared" si="20"/>
        <v>21.686687897126557</v>
      </c>
      <c r="F1255">
        <f>IF(C1255="CLAY", INDEX(D$4:D1255, MATCH("CLAY", C$4:C1255, 0)), "")</f>
        <v>0.75203252561341039</v>
      </c>
    </row>
    <row r="1256" spans="1:6" x14ac:dyDescent="0.2">
      <c r="A1256" s="239">
        <f>'CPT Data'!B1264</f>
        <v>12.433</v>
      </c>
      <c r="B1256" s="3">
        <f>'CPT Data'!C1264</f>
        <v>12.426</v>
      </c>
      <c r="C1256" t="str">
        <f>'CPT Data'!P1264</f>
        <v>CLAY</v>
      </c>
      <c r="D1256">
        <f>'CPT Data'!Q1264</f>
        <v>21.907221233327533</v>
      </c>
      <c r="E1256">
        <f t="shared" si="20"/>
        <v>21.803471293156559</v>
      </c>
      <c r="F1256">
        <f>IF(C1256="CLAY", INDEX(D$4:D1256, MATCH("CLAY", C$4:C1256, 0)), "")</f>
        <v>0.75203252561341039</v>
      </c>
    </row>
    <row r="1257" spans="1:6" x14ac:dyDescent="0.2">
      <c r="A1257" s="239">
        <f>'CPT Data'!B1265</f>
        <v>12.444000000000001</v>
      </c>
      <c r="B1257" s="3">
        <f>'CPT Data'!C1265</f>
        <v>12.437000000000001</v>
      </c>
      <c r="C1257" t="str">
        <f>'CPT Data'!P1265</f>
        <v>CLAY</v>
      </c>
      <c r="D1257">
        <f>'CPT Data'!Q1265</f>
        <v>22.062601107267451</v>
      </c>
      <c r="E1257">
        <f t="shared" si="20"/>
        <v>21.907221233327533</v>
      </c>
      <c r="F1257">
        <f>IF(C1257="CLAY", INDEX(D$4:D1257, MATCH("CLAY", C$4:C1257, 0)), "")</f>
        <v>0.75203252561341039</v>
      </c>
    </row>
    <row r="1258" spans="1:6" x14ac:dyDescent="0.2">
      <c r="A1258" s="239">
        <f>'CPT Data'!B1266</f>
        <v>12.454000000000001</v>
      </c>
      <c r="B1258" s="3">
        <f>'CPT Data'!C1266</f>
        <v>12.447000000000001</v>
      </c>
      <c r="C1258" t="str">
        <f>'CPT Data'!P1266</f>
        <v>CLAY</v>
      </c>
      <c r="D1258">
        <f>'CPT Data'!Q1266</f>
        <v>22.125492641381765</v>
      </c>
      <c r="E1258">
        <f t="shared" si="20"/>
        <v>22.062601107267451</v>
      </c>
      <c r="F1258">
        <f>IF(C1258="CLAY", INDEX(D$4:D1258, MATCH("CLAY", C$4:C1258, 0)), "")</f>
        <v>0.75203252561341039</v>
      </c>
    </row>
    <row r="1259" spans="1:6" x14ac:dyDescent="0.2">
      <c r="A1259" s="239">
        <f>'CPT Data'!B1267</f>
        <v>12.464</v>
      </c>
      <c r="B1259" s="3">
        <f>'CPT Data'!C1267</f>
        <v>12.457000000000001</v>
      </c>
      <c r="C1259" t="str">
        <f>'CPT Data'!P1267</f>
        <v>CLAY</v>
      </c>
      <c r="D1259">
        <f>'CPT Data'!Q1267</f>
        <v>22.427501423095077</v>
      </c>
      <c r="E1259">
        <f t="shared" si="20"/>
        <v>22.125492641381765</v>
      </c>
      <c r="F1259">
        <f>IF(C1259="CLAY", INDEX(D$4:D1259, MATCH("CLAY", C$4:C1259, 0)), "")</f>
        <v>0.75203252561341039</v>
      </c>
    </row>
    <row r="1260" spans="1:6" x14ac:dyDescent="0.2">
      <c r="A1260" s="239">
        <f>'CPT Data'!B1268</f>
        <v>12.474</v>
      </c>
      <c r="B1260" s="3">
        <f>'CPT Data'!C1268</f>
        <v>12.467000000000001</v>
      </c>
      <c r="C1260" t="str">
        <f>'CPT Data'!P1268</f>
        <v>CLAY</v>
      </c>
      <c r="D1260">
        <f>'CPT Data'!Q1268</f>
        <v>22.371659207493668</v>
      </c>
      <c r="E1260">
        <f t="shared" si="20"/>
        <v>22.427501423095077</v>
      </c>
      <c r="F1260">
        <f>IF(C1260="CLAY", INDEX(D$4:D1260, MATCH("CLAY", C$4:C1260, 0)), "")</f>
        <v>0.75203252561341039</v>
      </c>
    </row>
    <row r="1261" spans="1:6" x14ac:dyDescent="0.2">
      <c r="A1261" s="239">
        <f>'CPT Data'!B1269</f>
        <v>12.484999999999999</v>
      </c>
      <c r="B1261" s="3">
        <f>'CPT Data'!C1269</f>
        <v>12.478</v>
      </c>
      <c r="C1261" t="str">
        <f>'CPT Data'!P1269</f>
        <v>CLAY</v>
      </c>
      <c r="D1261">
        <f>'CPT Data'!Q1269</f>
        <v>22.349141524297224</v>
      </c>
      <c r="E1261">
        <f t="shared" si="20"/>
        <v>22.371659207493668</v>
      </c>
      <c r="F1261">
        <f>IF(C1261="CLAY", INDEX(D$4:D1261, MATCH("CLAY", C$4:C1261, 0)), "")</f>
        <v>0.75203252561341039</v>
      </c>
    </row>
    <row r="1262" spans="1:6" x14ac:dyDescent="0.2">
      <c r="A1262" s="239">
        <f>'CPT Data'!B1270</f>
        <v>12.494</v>
      </c>
      <c r="B1262" s="3">
        <f>'CPT Data'!C1270</f>
        <v>12.487</v>
      </c>
      <c r="C1262" t="str">
        <f>'CPT Data'!P1270</f>
        <v>CLAY</v>
      </c>
      <c r="D1262">
        <f>'CPT Data'!Q1270</f>
        <v>22.264924642843312</v>
      </c>
      <c r="E1262">
        <f t="shared" si="20"/>
        <v>22.349141524297224</v>
      </c>
      <c r="F1262">
        <f>IF(C1262="CLAY", INDEX(D$4:D1262, MATCH("CLAY", C$4:C1262, 0)), "")</f>
        <v>0.75203252561341039</v>
      </c>
    </row>
    <row r="1263" spans="1:6" x14ac:dyDescent="0.2">
      <c r="A1263" s="239">
        <f>'CPT Data'!B1271</f>
        <v>12.504</v>
      </c>
      <c r="B1263" s="3">
        <f>'CPT Data'!C1271</f>
        <v>12.497</v>
      </c>
      <c r="C1263" t="str">
        <f>'CPT Data'!P1271</f>
        <v>CLAY</v>
      </c>
      <c r="D1263">
        <f>'CPT Data'!Q1271</f>
        <v>22.547018549706412</v>
      </c>
      <c r="E1263">
        <f t="shared" si="20"/>
        <v>22.264924642843312</v>
      </c>
      <c r="F1263">
        <f>IF(C1263="CLAY", INDEX(D$4:D1263, MATCH("CLAY", C$4:C1263, 0)), "")</f>
        <v>0.75203252561341039</v>
      </c>
    </row>
    <row r="1264" spans="1:6" x14ac:dyDescent="0.2">
      <c r="A1264" s="239">
        <f>'CPT Data'!B1272</f>
        <v>12.513999999999999</v>
      </c>
      <c r="B1264" s="3">
        <f>'CPT Data'!C1272</f>
        <v>12.507</v>
      </c>
      <c r="C1264" t="str">
        <f>'CPT Data'!P1272</f>
        <v>CLAY</v>
      </c>
      <c r="D1264">
        <f>'CPT Data'!Q1272</f>
        <v>22.619861388875254</v>
      </c>
      <c r="E1264">
        <f t="shared" si="20"/>
        <v>22.547018549706412</v>
      </c>
      <c r="F1264">
        <f>IF(C1264="CLAY", INDEX(D$4:D1264, MATCH("CLAY", C$4:C1264, 0)), "")</f>
        <v>0.75203252561341039</v>
      </c>
    </row>
    <row r="1265" spans="1:6" x14ac:dyDescent="0.2">
      <c r="A1265" s="239">
        <f>'CPT Data'!B1273</f>
        <v>12.523999999999999</v>
      </c>
      <c r="B1265" s="3">
        <f>'CPT Data'!C1273</f>
        <v>12.516999999999999</v>
      </c>
      <c r="C1265" t="str">
        <f>'CPT Data'!P1273</f>
        <v>CLAY</v>
      </c>
      <c r="D1265">
        <f>'CPT Data'!Q1273</f>
        <v>22.776813916383443</v>
      </c>
      <c r="E1265">
        <f t="shared" si="20"/>
        <v>22.619861388875254</v>
      </c>
      <c r="F1265">
        <f>IF(C1265="CLAY", INDEX(D$4:D1265, MATCH("CLAY", C$4:C1265, 0)), "")</f>
        <v>0.75203252561341039</v>
      </c>
    </row>
    <row r="1266" spans="1:6" x14ac:dyDescent="0.2">
      <c r="A1266" s="239">
        <f>'CPT Data'!B1274</f>
        <v>12.535</v>
      </c>
      <c r="B1266" s="3">
        <f>'CPT Data'!C1274</f>
        <v>12.528</v>
      </c>
      <c r="C1266" t="str">
        <f>'CPT Data'!P1274</f>
        <v>CLAY</v>
      </c>
      <c r="D1266">
        <f>'CPT Data'!Q1274</f>
        <v>22.724676718761</v>
      </c>
      <c r="E1266">
        <f t="shared" si="20"/>
        <v>22.776813916383443</v>
      </c>
      <c r="F1266">
        <f>IF(C1266="CLAY", INDEX(D$4:D1266, MATCH("CLAY", C$4:C1266, 0)), "")</f>
        <v>0.75203252561341039</v>
      </c>
    </row>
    <row r="1267" spans="1:6" x14ac:dyDescent="0.2">
      <c r="A1267" s="239">
        <f>'CPT Data'!B1275</f>
        <v>12.544</v>
      </c>
      <c r="B1267" s="3">
        <f>'CPT Data'!C1275</f>
        <v>12.537000000000001</v>
      </c>
      <c r="C1267" t="str">
        <f>'CPT Data'!P1275</f>
        <v>CLAY</v>
      </c>
      <c r="D1267">
        <f>'CPT Data'!Q1275</f>
        <v>22.509066207629644</v>
      </c>
      <c r="E1267">
        <f t="shared" si="20"/>
        <v>22.724676718761</v>
      </c>
      <c r="F1267">
        <f>IF(C1267="CLAY", INDEX(D$4:D1267, MATCH("CLAY", C$4:C1267, 0)), "")</f>
        <v>0.75203252561341039</v>
      </c>
    </row>
    <row r="1268" spans="1:6" x14ac:dyDescent="0.2">
      <c r="A1268" s="239">
        <f>'CPT Data'!B1276</f>
        <v>12.554</v>
      </c>
      <c r="B1268" s="3">
        <f>'CPT Data'!C1276</f>
        <v>12.547000000000001</v>
      </c>
      <c r="C1268" t="str">
        <f>'CPT Data'!P1276</f>
        <v>CLAY</v>
      </c>
      <c r="D1268">
        <f>'CPT Data'!Q1276</f>
        <v>22.337468250066696</v>
      </c>
      <c r="E1268">
        <f t="shared" si="20"/>
        <v>22.509066207629644</v>
      </c>
      <c r="F1268">
        <f>IF(C1268="CLAY", INDEX(D$4:D1268, MATCH("CLAY", C$4:C1268, 0)), "")</f>
        <v>0.75203252561341039</v>
      </c>
    </row>
    <row r="1269" spans="1:6" x14ac:dyDescent="0.2">
      <c r="A1269" s="239">
        <f>'CPT Data'!B1277</f>
        <v>12.563000000000001</v>
      </c>
      <c r="B1269" s="3">
        <f>'CPT Data'!C1277</f>
        <v>12.556000000000001</v>
      </c>
      <c r="C1269" t="str">
        <f>'CPT Data'!P1277</f>
        <v>CLAY</v>
      </c>
      <c r="D1269">
        <f>'CPT Data'!Q1277</f>
        <v>22.370124875543894</v>
      </c>
      <c r="E1269">
        <f t="shared" si="20"/>
        <v>22.337468250066696</v>
      </c>
      <c r="F1269">
        <f>IF(C1269="CLAY", INDEX(D$4:D1269, MATCH("CLAY", C$4:C1269, 0)), "")</f>
        <v>0.75203252561341039</v>
      </c>
    </row>
    <row r="1270" spans="1:6" x14ac:dyDescent="0.2">
      <c r="A1270" s="239">
        <f>'CPT Data'!B1278</f>
        <v>12.574</v>
      </c>
      <c r="B1270" s="3">
        <f>'CPT Data'!C1278</f>
        <v>12.567</v>
      </c>
      <c r="C1270" t="str">
        <f>'CPT Data'!P1278</f>
        <v>CLAY</v>
      </c>
      <c r="D1270">
        <f>'CPT Data'!Q1278</f>
        <v>22.281643588500817</v>
      </c>
      <c r="E1270">
        <f t="shared" si="20"/>
        <v>22.370124875543894</v>
      </c>
      <c r="F1270">
        <f>IF(C1270="CLAY", INDEX(D$4:D1270, MATCH("CLAY", C$4:C1270, 0)), "")</f>
        <v>0.75203252561341039</v>
      </c>
    </row>
    <row r="1271" spans="1:6" x14ac:dyDescent="0.2">
      <c r="A1271" s="239">
        <f>'CPT Data'!B1279</f>
        <v>12.583</v>
      </c>
      <c r="B1271" s="3">
        <f>'CPT Data'!C1279</f>
        <v>12.576000000000001</v>
      </c>
      <c r="C1271" t="str">
        <f>'CPT Data'!P1279</f>
        <v>CLAY</v>
      </c>
      <c r="D1271">
        <f>'CPT Data'!Q1279</f>
        <v>22.354015199876816</v>
      </c>
      <c r="E1271">
        <f t="shared" si="20"/>
        <v>22.281643588500817</v>
      </c>
      <c r="F1271">
        <f>IF(C1271="CLAY", INDEX(D$4:D1271, MATCH("CLAY", C$4:C1271, 0)), "")</f>
        <v>0.75203252561341039</v>
      </c>
    </row>
    <row r="1272" spans="1:6" x14ac:dyDescent="0.2">
      <c r="A1272" s="239">
        <f>'CPT Data'!B1280</f>
        <v>12.593</v>
      </c>
      <c r="B1272" s="3">
        <f>'CPT Data'!C1280</f>
        <v>12.586</v>
      </c>
      <c r="C1272" t="str">
        <f>'CPT Data'!P1280</f>
        <v>CLAY</v>
      </c>
      <c r="D1272">
        <f>'CPT Data'!Q1280</f>
        <v>22.411956658864373</v>
      </c>
      <c r="E1272">
        <f t="shared" si="20"/>
        <v>22.354015199876816</v>
      </c>
      <c r="F1272">
        <f>IF(C1272="CLAY", INDEX(D$4:D1272, MATCH("CLAY", C$4:C1272, 0)), "")</f>
        <v>0.75203252561341039</v>
      </c>
    </row>
    <row r="1273" spans="1:6" x14ac:dyDescent="0.2">
      <c r="A1273" s="239">
        <f>'CPT Data'!B1281</f>
        <v>12.603</v>
      </c>
      <c r="B1273" s="3">
        <f>'CPT Data'!C1281</f>
        <v>12.596</v>
      </c>
      <c r="C1273" t="str">
        <f>'CPT Data'!P1281</f>
        <v>CLAY</v>
      </c>
      <c r="D1273">
        <f>'CPT Data'!Q1281</f>
        <v>22.374369470054393</v>
      </c>
      <c r="E1273">
        <f t="shared" si="20"/>
        <v>22.411956658864373</v>
      </c>
      <c r="F1273">
        <f>IF(C1273="CLAY", INDEX(D$4:D1273, MATCH("CLAY", C$4:C1273, 0)), "")</f>
        <v>0.75203252561341039</v>
      </c>
    </row>
    <row r="1274" spans="1:6" x14ac:dyDescent="0.2">
      <c r="A1274" s="239">
        <f>'CPT Data'!B1282</f>
        <v>12.613</v>
      </c>
      <c r="B1274" s="3">
        <f>'CPT Data'!C1282</f>
        <v>12.606</v>
      </c>
      <c r="C1274" t="str">
        <f>'CPT Data'!P1282</f>
        <v>CLAY</v>
      </c>
      <c r="D1274">
        <f>'CPT Data'!Q1282</f>
        <v>22.47836861714697</v>
      </c>
      <c r="E1274">
        <f t="shared" si="20"/>
        <v>22.374369470054393</v>
      </c>
      <c r="F1274">
        <f>IF(C1274="CLAY", INDEX(D$4:D1274, MATCH("CLAY", C$4:C1274, 0)), "")</f>
        <v>0.75203252561341039</v>
      </c>
    </row>
    <row r="1275" spans="1:6" x14ac:dyDescent="0.2">
      <c r="A1275" s="239">
        <f>'CPT Data'!B1283</f>
        <v>12.622999999999999</v>
      </c>
      <c r="B1275" s="3">
        <f>'CPT Data'!C1283</f>
        <v>12.616</v>
      </c>
      <c r="C1275" t="str">
        <f>'CPT Data'!P1283</f>
        <v>CLAY</v>
      </c>
      <c r="D1275">
        <f>'CPT Data'!Q1283</f>
        <v>22.707824399820765</v>
      </c>
      <c r="E1275">
        <f t="shared" si="20"/>
        <v>22.47836861714697</v>
      </c>
      <c r="F1275">
        <f>IF(C1275="CLAY", INDEX(D$4:D1275, MATCH("CLAY", C$4:C1275, 0)), "")</f>
        <v>0.75203252561341039</v>
      </c>
    </row>
    <row r="1276" spans="1:6" x14ac:dyDescent="0.2">
      <c r="A1276" s="239">
        <f>'CPT Data'!B1284</f>
        <v>12.634</v>
      </c>
      <c r="B1276" s="3">
        <f>'CPT Data'!C1284</f>
        <v>12.627000000000001</v>
      </c>
      <c r="C1276" t="str">
        <f>'CPT Data'!P1284</f>
        <v>CLAY</v>
      </c>
      <c r="D1276">
        <f>'CPT Data'!Q1284</f>
        <v>22.962364163678654</v>
      </c>
      <c r="E1276">
        <f t="shared" si="20"/>
        <v>22.707824399820765</v>
      </c>
      <c r="F1276">
        <f>IF(C1276="CLAY", INDEX(D$4:D1276, MATCH("CLAY", C$4:C1276, 0)), "")</f>
        <v>0.75203252561341039</v>
      </c>
    </row>
    <row r="1277" spans="1:6" x14ac:dyDescent="0.2">
      <c r="A1277" s="239">
        <f>'CPT Data'!B1285</f>
        <v>12.643000000000001</v>
      </c>
      <c r="B1277" s="3">
        <f>'CPT Data'!C1285</f>
        <v>12.636000000000001</v>
      </c>
      <c r="C1277" t="str">
        <f>'CPT Data'!P1285</f>
        <v>CLAY</v>
      </c>
      <c r="D1277">
        <f>'CPT Data'!Q1285</f>
        <v>22.885103172242946</v>
      </c>
      <c r="E1277">
        <f t="shared" si="20"/>
        <v>22.962364163678654</v>
      </c>
      <c r="F1277">
        <f>IF(C1277="CLAY", INDEX(D$4:D1277, MATCH("CLAY", C$4:C1277, 0)), "")</f>
        <v>0.75203252561341039</v>
      </c>
    </row>
    <row r="1278" spans="1:6" x14ac:dyDescent="0.2">
      <c r="A1278" s="239">
        <f>'CPT Data'!B1286</f>
        <v>12.654</v>
      </c>
      <c r="B1278" s="3">
        <f>'CPT Data'!C1286</f>
        <v>12.647</v>
      </c>
      <c r="C1278" t="str">
        <f>'CPT Data'!P1286</f>
        <v>CLAY</v>
      </c>
      <c r="D1278">
        <f>'CPT Data'!Q1286</f>
        <v>22.508379562010322</v>
      </c>
      <c r="E1278">
        <f t="shared" si="20"/>
        <v>22.885103172242946</v>
      </c>
      <c r="F1278">
        <f>IF(C1278="CLAY", INDEX(D$4:D1278, MATCH("CLAY", C$4:C1278, 0)), "")</f>
        <v>0.75203252561341039</v>
      </c>
    </row>
    <row r="1279" spans="1:6" x14ac:dyDescent="0.2">
      <c r="A1279" s="239">
        <f>'CPT Data'!B1287</f>
        <v>12.663</v>
      </c>
      <c r="B1279" s="3">
        <f>'CPT Data'!C1287</f>
        <v>12.656000000000001</v>
      </c>
      <c r="C1279" t="str">
        <f>'CPT Data'!P1287</f>
        <v>CLAY</v>
      </c>
      <c r="D1279">
        <f>'CPT Data'!Q1287</f>
        <v>22.120966347073875</v>
      </c>
      <c r="E1279">
        <f t="shared" si="20"/>
        <v>22.508379562010322</v>
      </c>
      <c r="F1279">
        <f>IF(C1279="CLAY", INDEX(D$4:D1279, MATCH("CLAY", C$4:C1279, 0)), "")</f>
        <v>0.75203252561341039</v>
      </c>
    </row>
    <row r="1280" spans="1:6" x14ac:dyDescent="0.2">
      <c r="A1280" s="239">
        <f>'CPT Data'!B1288</f>
        <v>12.673</v>
      </c>
      <c r="B1280" s="3">
        <f>'CPT Data'!C1288</f>
        <v>12.666</v>
      </c>
      <c r="C1280" t="str">
        <f>'CPT Data'!P1288</f>
        <v>CLAY</v>
      </c>
      <c r="D1280">
        <f>'CPT Data'!Q1288</f>
        <v>22.094738940614494</v>
      </c>
      <c r="E1280">
        <f t="shared" si="20"/>
        <v>22.120966347073875</v>
      </c>
      <c r="F1280">
        <f>IF(C1280="CLAY", INDEX(D$4:D1280, MATCH("CLAY", C$4:C1280, 0)), "")</f>
        <v>0.75203252561341039</v>
      </c>
    </row>
    <row r="1281" spans="1:6" x14ac:dyDescent="0.2">
      <c r="A1281" s="239">
        <f>'CPT Data'!B1289</f>
        <v>12.683</v>
      </c>
      <c r="B1281" s="3">
        <f>'CPT Data'!C1289</f>
        <v>12.676</v>
      </c>
      <c r="C1281" t="str">
        <f>'CPT Data'!P1289</f>
        <v>CLAY</v>
      </c>
      <c r="D1281">
        <f>'CPT Data'!Q1289</f>
        <v>22.438776128594668</v>
      </c>
      <c r="E1281">
        <f t="shared" si="20"/>
        <v>22.094738940614494</v>
      </c>
      <c r="F1281">
        <f>IF(C1281="CLAY", INDEX(D$4:D1281, MATCH("CLAY", C$4:C1281, 0)), "")</f>
        <v>0.75203252561341039</v>
      </c>
    </row>
    <row r="1282" spans="1:6" x14ac:dyDescent="0.2">
      <c r="A1282" s="239">
        <f>'CPT Data'!B1290</f>
        <v>12.693</v>
      </c>
      <c r="B1282" s="3">
        <f>'CPT Data'!C1290</f>
        <v>12.686</v>
      </c>
      <c r="C1282" t="str">
        <f>'CPT Data'!P1290</f>
        <v>CLAY</v>
      </c>
      <c r="D1282">
        <f>'CPT Data'!Q1290</f>
        <v>22.432907203787192</v>
      </c>
      <c r="E1282">
        <f t="shared" si="20"/>
        <v>22.438776128594668</v>
      </c>
      <c r="F1282">
        <f>IF(C1282="CLAY", INDEX(D$4:D1282, MATCH("CLAY", C$4:C1282, 0)), "")</f>
        <v>0.75203252561341039</v>
      </c>
    </row>
    <row r="1283" spans="1:6" x14ac:dyDescent="0.2">
      <c r="A1283" s="239">
        <f>'CPT Data'!B1291</f>
        <v>12.704000000000001</v>
      </c>
      <c r="B1283" s="3">
        <f>'CPT Data'!C1291</f>
        <v>12.697000000000001</v>
      </c>
      <c r="C1283" t="str">
        <f>'CPT Data'!P1291</f>
        <v>CLAY</v>
      </c>
      <c r="D1283">
        <f>'CPT Data'!Q1291</f>
        <v>22.536989228491112</v>
      </c>
      <c r="E1283">
        <f t="shared" si="20"/>
        <v>22.432907203787192</v>
      </c>
      <c r="F1283">
        <f>IF(C1283="CLAY", INDEX(D$4:D1283, MATCH("CLAY", C$4:C1283, 0)), "")</f>
        <v>0.75203252561341039</v>
      </c>
    </row>
    <row r="1284" spans="1:6" x14ac:dyDescent="0.2">
      <c r="A1284" s="239">
        <f>'CPT Data'!B1292</f>
        <v>12.712999999999999</v>
      </c>
      <c r="B1284" s="3">
        <f>'CPT Data'!C1292</f>
        <v>12.706</v>
      </c>
      <c r="C1284" t="str">
        <f>'CPT Data'!P1292</f>
        <v>CLAY</v>
      </c>
      <c r="D1284">
        <f>'CPT Data'!Q1292</f>
        <v>22.502203130350932</v>
      </c>
      <c r="E1284">
        <f t="shared" si="20"/>
        <v>22.536989228491112</v>
      </c>
      <c r="F1284">
        <f>IF(C1284="CLAY", INDEX(D$4:D1284, MATCH("CLAY", C$4:C1284, 0)), "")</f>
        <v>0.75203252561341039</v>
      </c>
    </row>
    <row r="1285" spans="1:6" x14ac:dyDescent="0.2">
      <c r="A1285" s="239">
        <f>'CPT Data'!B1293</f>
        <v>12.723000000000001</v>
      </c>
      <c r="B1285" s="3">
        <f>'CPT Data'!C1293</f>
        <v>12.716000000000001</v>
      </c>
      <c r="C1285" t="str">
        <f>'CPT Data'!P1293</f>
        <v>CLAY</v>
      </c>
      <c r="D1285">
        <f>'CPT Data'!Q1293</f>
        <v>22.525300080966193</v>
      </c>
      <c r="E1285">
        <f t="shared" si="20"/>
        <v>22.502203130350932</v>
      </c>
      <c r="F1285">
        <f>IF(C1285="CLAY", INDEX(D$4:D1285, MATCH("CLAY", C$4:C1285, 0)), "")</f>
        <v>0.75203252561341039</v>
      </c>
    </row>
    <row r="1286" spans="1:6" x14ac:dyDescent="0.2">
      <c r="A1286" s="239">
        <f>'CPT Data'!B1294</f>
        <v>12.733000000000001</v>
      </c>
      <c r="B1286" s="3">
        <f>'CPT Data'!C1294</f>
        <v>12.726000000000001</v>
      </c>
      <c r="C1286" t="str">
        <f>'CPT Data'!P1294</f>
        <v>CLAY</v>
      </c>
      <c r="D1286">
        <f>'CPT Data'!Q1294</f>
        <v>22.974969951390239</v>
      </c>
      <c r="E1286">
        <f t="shared" si="20"/>
        <v>22.525300080966193</v>
      </c>
      <c r="F1286">
        <f>IF(C1286="CLAY", INDEX(D$4:D1286, MATCH("CLAY", C$4:C1286, 0)), "")</f>
        <v>0.75203252561341039</v>
      </c>
    </row>
    <row r="1287" spans="1:6" x14ac:dyDescent="0.2">
      <c r="A1287" s="239">
        <f>'CPT Data'!B1295</f>
        <v>12.742000000000001</v>
      </c>
      <c r="B1287" s="3">
        <f>'CPT Data'!C1295</f>
        <v>12.735000000000001</v>
      </c>
      <c r="C1287" t="str">
        <f>'CPT Data'!P1295</f>
        <v>CLAY</v>
      </c>
      <c r="D1287">
        <f>'CPT Data'!Q1295</f>
        <v>23.428347504125743</v>
      </c>
      <c r="E1287">
        <f t="shared" si="20"/>
        <v>22.974969951390239</v>
      </c>
      <c r="F1287">
        <f>IF(C1287="CLAY", INDEX(D$4:D1287, MATCH("CLAY", C$4:C1287, 0)), "")</f>
        <v>0.75203252561341039</v>
      </c>
    </row>
    <row r="1288" spans="1:6" x14ac:dyDescent="0.2">
      <c r="A1288" s="239">
        <f>'CPT Data'!B1296</f>
        <v>12.753</v>
      </c>
      <c r="B1288" s="3">
        <f>'CPT Data'!C1296</f>
        <v>12.746</v>
      </c>
      <c r="C1288" t="str">
        <f>'CPT Data'!P1296</f>
        <v>CLAY</v>
      </c>
      <c r="D1288">
        <f>'CPT Data'!Q1296</f>
        <v>23.497714528190272</v>
      </c>
      <c r="E1288">
        <f t="shared" si="20"/>
        <v>23.428347504125743</v>
      </c>
      <c r="F1288">
        <f>IF(C1288="CLAY", INDEX(D$4:D1288, MATCH("CLAY", C$4:C1288, 0)), "")</f>
        <v>0.75203252561341039</v>
      </c>
    </row>
    <row r="1289" spans="1:6" x14ac:dyDescent="0.2">
      <c r="A1289" s="239">
        <f>'CPT Data'!B1297</f>
        <v>12.763</v>
      </c>
      <c r="B1289" s="3">
        <f>'CPT Data'!C1297</f>
        <v>12.756</v>
      </c>
      <c r="C1289" t="str">
        <f>'CPT Data'!P1297</f>
        <v>CLAY</v>
      </c>
      <c r="D1289">
        <f>'CPT Data'!Q1297</f>
        <v>23.337624619087862</v>
      </c>
      <c r="E1289">
        <f t="shared" si="20"/>
        <v>23.497714528190272</v>
      </c>
      <c r="F1289">
        <f>IF(C1289="CLAY", INDEX(D$4:D1289, MATCH("CLAY", C$4:C1289, 0)), "")</f>
        <v>0.75203252561341039</v>
      </c>
    </row>
    <row r="1290" spans="1:6" x14ac:dyDescent="0.2">
      <c r="A1290" s="239">
        <f>'CPT Data'!B1298</f>
        <v>12.772</v>
      </c>
      <c r="B1290" s="3">
        <f>'CPT Data'!C1298</f>
        <v>12.765000000000001</v>
      </c>
      <c r="C1290" t="str">
        <f>'CPT Data'!P1298</f>
        <v>CLAY</v>
      </c>
      <c r="D1290">
        <f>'CPT Data'!Q1298</f>
        <v>23.386942903156967</v>
      </c>
      <c r="E1290">
        <f t="shared" si="20"/>
        <v>23.337624619087862</v>
      </c>
      <c r="F1290">
        <f>IF(C1290="CLAY", INDEX(D$4:D1290, MATCH("CLAY", C$4:C1290, 0)), "")</f>
        <v>0.75203252561341039</v>
      </c>
    </row>
    <row r="1291" spans="1:6" x14ac:dyDescent="0.2">
      <c r="A1291" s="239">
        <f>'CPT Data'!B1299</f>
        <v>12.782</v>
      </c>
      <c r="B1291" s="3">
        <f>'CPT Data'!C1299</f>
        <v>12.775</v>
      </c>
      <c r="C1291" t="str">
        <f>'CPT Data'!P1299</f>
        <v>CLAY</v>
      </c>
      <c r="D1291">
        <f>'CPT Data'!Q1299</f>
        <v>23.556890800140977</v>
      </c>
      <c r="E1291">
        <f t="shared" si="20"/>
        <v>23.386942903156967</v>
      </c>
      <c r="F1291">
        <f>IF(C1291="CLAY", INDEX(D$4:D1291, MATCH("CLAY", C$4:C1291, 0)), "")</f>
        <v>0.75203252561341039</v>
      </c>
    </row>
    <row r="1292" spans="1:6" x14ac:dyDescent="0.2">
      <c r="A1292" s="239">
        <f>'CPT Data'!B1300</f>
        <v>12.792</v>
      </c>
      <c r="B1292" s="3">
        <f>'CPT Data'!C1300</f>
        <v>12.785</v>
      </c>
      <c r="C1292" t="str">
        <f>'CPT Data'!P1300</f>
        <v>CLAY</v>
      </c>
      <c r="D1292">
        <f>'CPT Data'!Q1300</f>
        <v>23.552138565908496</v>
      </c>
      <c r="E1292">
        <f t="shared" si="20"/>
        <v>23.556890800140977</v>
      </c>
      <c r="F1292">
        <f>IF(C1292="CLAY", INDEX(D$4:D1292, MATCH("CLAY", C$4:C1292, 0)), "")</f>
        <v>0.75203252561341039</v>
      </c>
    </row>
    <row r="1293" spans="1:6" x14ac:dyDescent="0.2">
      <c r="A1293" s="239">
        <f>'CPT Data'!B1301</f>
        <v>12.803000000000001</v>
      </c>
      <c r="B1293" s="3">
        <f>'CPT Data'!C1301</f>
        <v>12.796000000000001</v>
      </c>
      <c r="C1293" t="str">
        <f>'CPT Data'!P1301</f>
        <v>CLAY</v>
      </c>
      <c r="D1293">
        <f>'CPT Data'!Q1301</f>
        <v>23.160252184089206</v>
      </c>
      <c r="E1293">
        <f t="shared" si="20"/>
        <v>23.552138565908496</v>
      </c>
      <c r="F1293">
        <f>IF(C1293="CLAY", INDEX(D$4:D1293, MATCH("CLAY", C$4:C1293, 0)), "")</f>
        <v>0.75203252561341039</v>
      </c>
    </row>
    <row r="1294" spans="1:6" x14ac:dyDescent="0.2">
      <c r="A1294" s="239">
        <f>'CPT Data'!B1302</f>
        <v>12.811999999999999</v>
      </c>
      <c r="B1294" s="3">
        <f>'CPT Data'!C1302</f>
        <v>12.805</v>
      </c>
      <c r="C1294" t="str">
        <f>'CPT Data'!P1302</f>
        <v>CLAY</v>
      </c>
      <c r="D1294">
        <f>'CPT Data'!Q1302</f>
        <v>22.921549126700281</v>
      </c>
      <c r="E1294">
        <f t="shared" si="20"/>
        <v>23.160252184089206</v>
      </c>
      <c r="F1294">
        <f>IF(C1294="CLAY", INDEX(D$4:D1294, MATCH("CLAY", C$4:C1294, 0)), "")</f>
        <v>0.75203252561341039</v>
      </c>
    </row>
    <row r="1295" spans="1:6" x14ac:dyDescent="0.2">
      <c r="A1295" s="239">
        <f>'CPT Data'!B1303</f>
        <v>12.823</v>
      </c>
      <c r="B1295" s="3">
        <f>'CPT Data'!C1303</f>
        <v>12.816000000000001</v>
      </c>
      <c r="C1295" t="str">
        <f>'CPT Data'!P1303</f>
        <v>CLAY</v>
      </c>
      <c r="D1295">
        <f>'CPT Data'!Q1303</f>
        <v>22.636213909541183</v>
      </c>
      <c r="E1295">
        <f t="shared" si="20"/>
        <v>22.921549126700281</v>
      </c>
      <c r="F1295">
        <f>IF(C1295="CLAY", INDEX(D$4:D1295, MATCH("CLAY", C$4:C1295, 0)), "")</f>
        <v>0.75203252561341039</v>
      </c>
    </row>
    <row r="1296" spans="1:6" x14ac:dyDescent="0.2">
      <c r="A1296" s="239">
        <f>'CPT Data'!B1304</f>
        <v>12.832000000000001</v>
      </c>
      <c r="B1296" s="3">
        <f>'CPT Data'!C1304</f>
        <v>12.825000000000001</v>
      </c>
      <c r="C1296" t="str">
        <f>'CPT Data'!P1304</f>
        <v>CLAY</v>
      </c>
      <c r="D1296">
        <f>'CPT Data'!Q1304</f>
        <v>22.56913259002668</v>
      </c>
      <c r="E1296">
        <f t="shared" si="20"/>
        <v>22.636213909541183</v>
      </c>
      <c r="F1296">
        <f>IF(C1296="CLAY", INDEX(D$4:D1296, MATCH("CLAY", C$4:C1296, 0)), "")</f>
        <v>0.75203252561341039</v>
      </c>
    </row>
    <row r="1297" spans="1:6" x14ac:dyDescent="0.2">
      <c r="A1297" s="239">
        <f>'CPT Data'!B1305</f>
        <v>12.843</v>
      </c>
      <c r="B1297" s="3">
        <f>'CPT Data'!C1305</f>
        <v>12.836</v>
      </c>
      <c r="C1297" t="str">
        <f>'CPT Data'!P1305</f>
        <v>CLAY</v>
      </c>
      <c r="D1297">
        <f>'CPT Data'!Q1305</f>
        <v>22.394831795371726</v>
      </c>
      <c r="E1297">
        <f t="shared" si="20"/>
        <v>22.56913259002668</v>
      </c>
      <c r="F1297">
        <f>IF(C1297="CLAY", INDEX(D$4:D1297, MATCH("CLAY", C$4:C1297, 0)), "")</f>
        <v>0.75203252561341039</v>
      </c>
    </row>
    <row r="1298" spans="1:6" x14ac:dyDescent="0.2">
      <c r="A1298" s="239">
        <f>'CPT Data'!B1306</f>
        <v>12.852</v>
      </c>
      <c r="B1298" s="3">
        <f>'CPT Data'!C1306</f>
        <v>12.845000000000001</v>
      </c>
      <c r="C1298" t="str">
        <f>'CPT Data'!P1306</f>
        <v>CLAY</v>
      </c>
      <c r="D1298">
        <f>'CPT Data'!Q1306</f>
        <v>22.242111650131886</v>
      </c>
      <c r="E1298">
        <f t="shared" si="20"/>
        <v>22.394831795371726</v>
      </c>
      <c r="F1298">
        <f>IF(C1298="CLAY", INDEX(D$4:D1298, MATCH("CLAY", C$4:C1298, 0)), "")</f>
        <v>0.75203252561341039</v>
      </c>
    </row>
    <row r="1299" spans="1:6" x14ac:dyDescent="0.2">
      <c r="A1299" s="239">
        <f>'CPT Data'!B1307</f>
        <v>12.862</v>
      </c>
      <c r="B1299" s="3">
        <f>'CPT Data'!C1307</f>
        <v>12.855</v>
      </c>
      <c r="C1299" t="str">
        <f>'CPT Data'!P1307</f>
        <v>CLAY</v>
      </c>
      <c r="D1299">
        <f>'CPT Data'!Q1307</f>
        <v>22.448346984504809</v>
      </c>
      <c r="E1299">
        <f t="shared" si="20"/>
        <v>22.242111650131886</v>
      </c>
      <c r="F1299">
        <f>IF(C1299="CLAY", INDEX(D$4:D1299, MATCH("CLAY", C$4:C1299, 0)), "")</f>
        <v>0.75203252561341039</v>
      </c>
    </row>
    <row r="1300" spans="1:6" x14ac:dyDescent="0.2">
      <c r="A1300" s="239">
        <f>'CPT Data'!B1308</f>
        <v>12.872</v>
      </c>
      <c r="B1300" s="3">
        <f>'CPT Data'!C1308</f>
        <v>12.865</v>
      </c>
      <c r="C1300" t="str">
        <f>'CPT Data'!P1308</f>
        <v>CLAY</v>
      </c>
      <c r="D1300">
        <f>'CPT Data'!Q1308</f>
        <v>22.882998681450733</v>
      </c>
      <c r="E1300">
        <f t="shared" si="20"/>
        <v>22.448346984504809</v>
      </c>
      <c r="F1300">
        <f>IF(C1300="CLAY", INDEX(D$4:D1300, MATCH("CLAY", C$4:C1300, 0)), "")</f>
        <v>0.75203252561341039</v>
      </c>
    </row>
    <row r="1301" spans="1:6" x14ac:dyDescent="0.2">
      <c r="A1301" s="239">
        <f>'CPT Data'!B1309</f>
        <v>12.882999999999999</v>
      </c>
      <c r="B1301" s="3">
        <f>'CPT Data'!C1309</f>
        <v>12.875999999999999</v>
      </c>
      <c r="C1301" t="str">
        <f>'CPT Data'!P1309</f>
        <v>CLAY</v>
      </c>
      <c r="D1301">
        <f>'CPT Data'!Q1309</f>
        <v>22.987436993993878</v>
      </c>
      <c r="E1301">
        <f t="shared" si="20"/>
        <v>22.882998681450733</v>
      </c>
      <c r="F1301">
        <f>IF(C1301="CLAY", INDEX(D$4:D1301, MATCH("CLAY", C$4:C1301, 0)), "")</f>
        <v>0.75203252561341039</v>
      </c>
    </row>
    <row r="1302" spans="1:6" x14ac:dyDescent="0.2">
      <c r="A1302" s="239">
        <f>'CPT Data'!B1310</f>
        <v>12.891999999999999</v>
      </c>
      <c r="B1302" s="3">
        <f>'CPT Data'!C1310</f>
        <v>12.885</v>
      </c>
      <c r="C1302" t="str">
        <f>'CPT Data'!P1310</f>
        <v>CLAY</v>
      </c>
      <c r="D1302">
        <f>'CPT Data'!Q1310</f>
        <v>22.948662177600358</v>
      </c>
      <c r="E1302">
        <f t="shared" si="20"/>
        <v>22.987436993993878</v>
      </c>
      <c r="F1302">
        <f>IF(C1302="CLAY", INDEX(D$4:D1302, MATCH("CLAY", C$4:C1302, 0)), "")</f>
        <v>0.75203252561341039</v>
      </c>
    </row>
    <row r="1303" spans="1:6" x14ac:dyDescent="0.2">
      <c r="A1303" s="239">
        <f>'CPT Data'!B1311</f>
        <v>12.903</v>
      </c>
      <c r="B1303" s="3">
        <f>'CPT Data'!C1311</f>
        <v>12.896000000000001</v>
      </c>
      <c r="C1303" t="str">
        <f>'CPT Data'!P1311</f>
        <v>CLAY</v>
      </c>
      <c r="D1303">
        <f>'CPT Data'!Q1311</f>
        <v>23.041460751673046</v>
      </c>
      <c r="E1303">
        <f t="shared" si="20"/>
        <v>22.948662177600358</v>
      </c>
      <c r="F1303">
        <f>IF(C1303="CLAY", INDEX(D$4:D1303, MATCH("CLAY", C$4:C1303, 0)), "")</f>
        <v>0.75203252561341039</v>
      </c>
    </row>
    <row r="1304" spans="1:6" x14ac:dyDescent="0.2">
      <c r="A1304" s="239">
        <f>'CPT Data'!B1312</f>
        <v>12.912000000000001</v>
      </c>
      <c r="B1304" s="3">
        <f>'CPT Data'!C1312</f>
        <v>12.905000000000001</v>
      </c>
      <c r="C1304" t="str">
        <f>'CPT Data'!P1312</f>
        <v>CLAY</v>
      </c>
      <c r="D1304">
        <f>'CPT Data'!Q1312</f>
        <v>23.064315294114525</v>
      </c>
      <c r="E1304">
        <f t="shared" si="20"/>
        <v>23.041460751673046</v>
      </c>
      <c r="F1304">
        <f>IF(C1304="CLAY", INDEX(D$4:D1304, MATCH("CLAY", C$4:C1304, 0)), "")</f>
        <v>0.75203252561341039</v>
      </c>
    </row>
    <row r="1305" spans="1:6" x14ac:dyDescent="0.2">
      <c r="A1305" s="239">
        <f>'CPT Data'!B1313</f>
        <v>12.923</v>
      </c>
      <c r="B1305" s="3">
        <f>'CPT Data'!C1313</f>
        <v>12.916</v>
      </c>
      <c r="C1305" t="str">
        <f>'CPT Data'!P1313</f>
        <v>CLAY</v>
      </c>
      <c r="D1305">
        <f>'CPT Data'!Q1313</f>
        <v>23.027495339248148</v>
      </c>
      <c r="E1305">
        <f t="shared" si="20"/>
        <v>23.064315294114525</v>
      </c>
      <c r="F1305">
        <f>IF(C1305="CLAY", INDEX(D$4:D1305, MATCH("CLAY", C$4:C1305, 0)), "")</f>
        <v>0.75203252561341039</v>
      </c>
    </row>
    <row r="1306" spans="1:6" x14ac:dyDescent="0.2">
      <c r="A1306" s="239">
        <f>'CPT Data'!B1314</f>
        <v>12.932</v>
      </c>
      <c r="B1306" s="3">
        <f>'CPT Data'!C1314</f>
        <v>12.925000000000001</v>
      </c>
      <c r="C1306" t="str">
        <f>'CPT Data'!P1314</f>
        <v>CLAY</v>
      </c>
      <c r="D1306">
        <f>'CPT Data'!Q1314</f>
        <v>22.8953635103111</v>
      </c>
      <c r="E1306">
        <f t="shared" si="20"/>
        <v>23.027495339248148</v>
      </c>
      <c r="F1306">
        <f>IF(C1306="CLAY", INDEX(D$4:D1306, MATCH("CLAY", C$4:C1306, 0)), "")</f>
        <v>0.75203252561341039</v>
      </c>
    </row>
    <row r="1307" spans="1:6" x14ac:dyDescent="0.2">
      <c r="A1307" s="239">
        <f>'CPT Data'!B1315</f>
        <v>12.943</v>
      </c>
      <c r="B1307" s="3">
        <f>'CPT Data'!C1315</f>
        <v>12.936</v>
      </c>
      <c r="C1307" t="str">
        <f>'CPT Data'!P1315</f>
        <v>CLAY</v>
      </c>
      <c r="D1307">
        <f>'CPT Data'!Q1315</f>
        <v>22.734243274267829</v>
      </c>
      <c r="E1307">
        <f t="shared" ref="E1307:E1370" si="21">IF(C1307="SAND",#N/A,IF(C1307=C1306,D1306,IF(C1307="CLAY",D1307,#N/A)))</f>
        <v>22.8953635103111</v>
      </c>
      <c r="F1307">
        <f>IF(C1307="CLAY", INDEX(D$4:D1307, MATCH("CLAY", C$4:C1307, 0)), "")</f>
        <v>0.75203252561341039</v>
      </c>
    </row>
    <row r="1308" spans="1:6" x14ac:dyDescent="0.2">
      <c r="A1308" s="239">
        <f>'CPT Data'!B1316</f>
        <v>12.952</v>
      </c>
      <c r="B1308" s="3">
        <f>'CPT Data'!C1316</f>
        <v>12.945</v>
      </c>
      <c r="C1308" t="str">
        <f>'CPT Data'!P1316</f>
        <v>CLAY</v>
      </c>
      <c r="D1308">
        <f>'CPT Data'!Q1316</f>
        <v>22.824124005142011</v>
      </c>
      <c r="E1308">
        <f t="shared" si="21"/>
        <v>22.734243274267829</v>
      </c>
      <c r="F1308">
        <f>IF(C1308="CLAY", INDEX(D$4:D1308, MATCH("CLAY", C$4:C1308, 0)), "")</f>
        <v>0.75203252561341039</v>
      </c>
    </row>
    <row r="1309" spans="1:6" x14ac:dyDescent="0.2">
      <c r="A1309" s="239">
        <f>'CPT Data'!B1317</f>
        <v>12.962999999999999</v>
      </c>
      <c r="B1309" s="3">
        <f>'CPT Data'!C1317</f>
        <v>12.956</v>
      </c>
      <c r="C1309" t="str">
        <f>'CPT Data'!P1317</f>
        <v>CLAY</v>
      </c>
      <c r="D1309">
        <f>'CPT Data'!Q1317</f>
        <v>22.895520523260377</v>
      </c>
      <c r="E1309">
        <f t="shared" si="21"/>
        <v>22.824124005142011</v>
      </c>
      <c r="F1309">
        <f>IF(C1309="CLAY", INDEX(D$4:D1309, MATCH("CLAY", C$4:C1309, 0)), "")</f>
        <v>0.75203252561341039</v>
      </c>
    </row>
    <row r="1310" spans="1:6" x14ac:dyDescent="0.2">
      <c r="A1310" s="239">
        <f>'CPT Data'!B1318</f>
        <v>12.972</v>
      </c>
      <c r="B1310" s="3">
        <f>'CPT Data'!C1318</f>
        <v>12.965</v>
      </c>
      <c r="C1310" t="str">
        <f>'CPT Data'!P1318</f>
        <v>CLAY</v>
      </c>
      <c r="D1310">
        <f>'CPT Data'!Q1318</f>
        <v>22.851989279531693</v>
      </c>
      <c r="E1310">
        <f t="shared" si="21"/>
        <v>22.895520523260377</v>
      </c>
      <c r="F1310">
        <f>IF(C1310="CLAY", INDEX(D$4:D1310, MATCH("CLAY", C$4:C1310, 0)), "")</f>
        <v>0.75203252561341039</v>
      </c>
    </row>
    <row r="1311" spans="1:6" x14ac:dyDescent="0.2">
      <c r="A1311" s="239">
        <f>'CPT Data'!B1319</f>
        <v>12.983000000000001</v>
      </c>
      <c r="B1311" s="3">
        <f>'CPT Data'!C1319</f>
        <v>12.976000000000001</v>
      </c>
      <c r="C1311" t="str">
        <f>'CPT Data'!P1319</f>
        <v>CLAY</v>
      </c>
      <c r="D1311">
        <f>'CPT Data'!Q1319</f>
        <v>22.857436949754696</v>
      </c>
      <c r="E1311">
        <f t="shared" si="21"/>
        <v>22.851989279531693</v>
      </c>
      <c r="F1311">
        <f>IF(C1311="CLAY", INDEX(D$4:D1311, MATCH("CLAY", C$4:C1311, 0)), "")</f>
        <v>0.75203252561341039</v>
      </c>
    </row>
    <row r="1312" spans="1:6" x14ac:dyDescent="0.2">
      <c r="A1312" s="239">
        <f>'CPT Data'!B1320</f>
        <v>12.987</v>
      </c>
      <c r="B1312" s="3">
        <f>'CPT Data'!C1320</f>
        <v>12.98</v>
      </c>
      <c r="C1312" t="str">
        <f>'CPT Data'!P1320</f>
        <v>CLAY</v>
      </c>
      <c r="D1312">
        <f>'CPT Data'!Q1320</f>
        <v>22.954458768783837</v>
      </c>
      <c r="E1312">
        <f t="shared" si="21"/>
        <v>22.857436949754696</v>
      </c>
      <c r="F1312">
        <f>IF(C1312="CLAY", INDEX(D$4:D1312, MATCH("CLAY", C$4:C1312, 0)), "")</f>
        <v>0.75203252561341039</v>
      </c>
    </row>
    <row r="1313" spans="1:6" x14ac:dyDescent="0.2">
      <c r="A1313" s="239">
        <f>'CPT Data'!B1321</f>
        <v>12.987</v>
      </c>
      <c r="B1313" s="3">
        <f>'CPT Data'!C1321</f>
        <v>12.98</v>
      </c>
      <c r="C1313" t="str">
        <f>'CPT Data'!P1321</f>
        <v>CLAY</v>
      </c>
      <c r="D1313">
        <f>'CPT Data'!Q1321</f>
        <v>23.025811115467246</v>
      </c>
      <c r="E1313">
        <f t="shared" si="21"/>
        <v>22.954458768783837</v>
      </c>
      <c r="F1313">
        <f>IF(C1313="CLAY", INDEX(D$4:D1313, MATCH("CLAY", C$4:C1313, 0)), "")</f>
        <v>0.75203252561341039</v>
      </c>
    </row>
    <row r="1314" spans="1:6" x14ac:dyDescent="0.2">
      <c r="A1314" s="239">
        <f>'CPT Data'!B1322</f>
        <v>12.987</v>
      </c>
      <c r="B1314" s="3">
        <f>'CPT Data'!C1322</f>
        <v>12.98</v>
      </c>
      <c r="C1314" t="str">
        <f>'CPT Data'!P1322</f>
        <v>CLAY</v>
      </c>
      <c r="D1314">
        <f>'CPT Data'!Q1322</f>
        <v>17.694581751683099</v>
      </c>
      <c r="E1314">
        <f t="shared" si="21"/>
        <v>23.025811115467246</v>
      </c>
      <c r="F1314">
        <f>IF(C1314="CLAY", INDEX(D$4:D1314, MATCH("CLAY", C$4:C1314, 0)), "")</f>
        <v>0.75203252561341039</v>
      </c>
    </row>
    <row r="1315" spans="1:6" x14ac:dyDescent="0.2">
      <c r="A1315" s="239">
        <f>'CPT Data'!B1323</f>
        <v>13.031000000000001</v>
      </c>
      <c r="B1315" s="3">
        <f>'CPT Data'!C1323</f>
        <v>13.024000000000001</v>
      </c>
      <c r="C1315" t="str">
        <f>'CPT Data'!P1323</f>
        <v>CLAY</v>
      </c>
      <c r="D1315">
        <f>'CPT Data'!Q1323</f>
        <v>22.721937979308439</v>
      </c>
      <c r="E1315">
        <f t="shared" si="21"/>
        <v>17.694581751683099</v>
      </c>
      <c r="F1315">
        <f>IF(C1315="CLAY", INDEX(D$4:D1315, MATCH("CLAY", C$4:C1315, 0)), "")</f>
        <v>0.75203252561341039</v>
      </c>
    </row>
    <row r="1316" spans="1:6" x14ac:dyDescent="0.2">
      <c r="A1316" s="239">
        <f>'CPT Data'!B1324</f>
        <v>13.041</v>
      </c>
      <c r="B1316" s="3">
        <f>'CPT Data'!C1324</f>
        <v>13.034000000000001</v>
      </c>
      <c r="C1316" t="str">
        <f>'CPT Data'!P1324</f>
        <v>CLAY</v>
      </c>
      <c r="D1316">
        <f>'CPT Data'!Q1324</f>
        <v>22.791227076036922</v>
      </c>
      <c r="E1316">
        <f t="shared" si="21"/>
        <v>22.721937979308439</v>
      </c>
      <c r="F1316">
        <f>IF(C1316="CLAY", INDEX(D$4:D1316, MATCH("CLAY", C$4:C1316, 0)), "")</f>
        <v>0.75203252561341039</v>
      </c>
    </row>
    <row r="1317" spans="1:6" x14ac:dyDescent="0.2">
      <c r="A1317" s="239">
        <f>'CPT Data'!B1325</f>
        <v>13.051</v>
      </c>
      <c r="B1317" s="3">
        <f>'CPT Data'!C1325</f>
        <v>13.044</v>
      </c>
      <c r="C1317" t="str">
        <f>'CPT Data'!P1325</f>
        <v>CLAY</v>
      </c>
      <c r="D1317">
        <f>'CPT Data'!Q1325</f>
        <v>22.725192394090147</v>
      </c>
      <c r="E1317">
        <f t="shared" si="21"/>
        <v>22.791227076036922</v>
      </c>
      <c r="F1317">
        <f>IF(C1317="CLAY", INDEX(D$4:D1317, MATCH("CLAY", C$4:C1317, 0)), "")</f>
        <v>0.75203252561341039</v>
      </c>
    </row>
    <row r="1318" spans="1:6" x14ac:dyDescent="0.2">
      <c r="A1318" s="239">
        <f>'CPT Data'!B1326</f>
        <v>13.061</v>
      </c>
      <c r="B1318" s="3">
        <f>'CPT Data'!C1326</f>
        <v>13.054</v>
      </c>
      <c r="C1318" t="str">
        <f>'CPT Data'!P1326</f>
        <v>CLAY</v>
      </c>
      <c r="D1318">
        <f>'CPT Data'!Q1326</f>
        <v>22.730182905796131</v>
      </c>
      <c r="E1318">
        <f t="shared" si="21"/>
        <v>22.725192394090147</v>
      </c>
      <c r="F1318">
        <f>IF(C1318="CLAY", INDEX(D$4:D1318, MATCH("CLAY", C$4:C1318, 0)), "")</f>
        <v>0.75203252561341039</v>
      </c>
    </row>
    <row r="1319" spans="1:6" x14ac:dyDescent="0.2">
      <c r="A1319" s="239">
        <f>'CPT Data'!B1327</f>
        <v>13.071</v>
      </c>
      <c r="B1319" s="3">
        <f>'CPT Data'!C1327</f>
        <v>13.064</v>
      </c>
      <c r="C1319" t="str">
        <f>'CPT Data'!P1327</f>
        <v>CLAY</v>
      </c>
      <c r="D1319">
        <f>'CPT Data'!Q1327</f>
        <v>22.642843697298748</v>
      </c>
      <c r="E1319">
        <f t="shared" si="21"/>
        <v>22.730182905796131</v>
      </c>
      <c r="F1319">
        <f>IF(C1319="CLAY", INDEX(D$4:D1319, MATCH("CLAY", C$4:C1319, 0)), "")</f>
        <v>0.75203252561341039</v>
      </c>
    </row>
    <row r="1320" spans="1:6" x14ac:dyDescent="0.2">
      <c r="A1320" s="239">
        <f>'CPT Data'!B1328</f>
        <v>13.081</v>
      </c>
      <c r="B1320" s="3">
        <f>'CPT Data'!C1328</f>
        <v>13.074</v>
      </c>
      <c r="C1320" t="str">
        <f>'CPT Data'!P1328</f>
        <v>CLAY</v>
      </c>
      <c r="D1320">
        <f>'CPT Data'!Q1328</f>
        <v>22.474696574549796</v>
      </c>
      <c r="E1320">
        <f t="shared" si="21"/>
        <v>22.642843697298748</v>
      </c>
      <c r="F1320">
        <f>IF(C1320="CLAY", INDEX(D$4:D1320, MATCH("CLAY", C$4:C1320, 0)), "")</f>
        <v>0.75203252561341039</v>
      </c>
    </row>
    <row r="1321" spans="1:6" x14ac:dyDescent="0.2">
      <c r="A1321" s="239">
        <f>'CPT Data'!B1329</f>
        <v>13.09</v>
      </c>
      <c r="B1321" s="3">
        <f>'CPT Data'!C1329</f>
        <v>13.083</v>
      </c>
      <c r="C1321" t="str">
        <f>'CPT Data'!P1329</f>
        <v>CLAY</v>
      </c>
      <c r="D1321">
        <f>'CPT Data'!Q1329</f>
        <v>22.311210058496044</v>
      </c>
      <c r="E1321">
        <f t="shared" si="21"/>
        <v>22.474696574549796</v>
      </c>
      <c r="F1321">
        <f>IF(C1321="CLAY", INDEX(D$4:D1321, MATCH("CLAY", C$4:C1321, 0)), "")</f>
        <v>0.75203252561341039</v>
      </c>
    </row>
    <row r="1322" spans="1:6" x14ac:dyDescent="0.2">
      <c r="A1322" s="239">
        <f>'CPT Data'!B1330</f>
        <v>13.1</v>
      </c>
      <c r="B1322" s="3">
        <f>'CPT Data'!C1330</f>
        <v>13.093</v>
      </c>
      <c r="C1322" t="str">
        <f>'CPT Data'!P1330</f>
        <v>CLAY</v>
      </c>
      <c r="D1322">
        <f>'CPT Data'!Q1330</f>
        <v>22.230621800770951</v>
      </c>
      <c r="E1322">
        <f t="shared" si="21"/>
        <v>22.311210058496044</v>
      </c>
      <c r="F1322">
        <f>IF(C1322="CLAY", INDEX(D$4:D1322, MATCH("CLAY", C$4:C1322, 0)), "")</f>
        <v>0.75203252561341039</v>
      </c>
    </row>
    <row r="1323" spans="1:6" x14ac:dyDescent="0.2">
      <c r="A1323" s="239">
        <f>'CPT Data'!B1331</f>
        <v>13.11</v>
      </c>
      <c r="B1323" s="3">
        <f>'CPT Data'!C1331</f>
        <v>13.103</v>
      </c>
      <c r="C1323" t="str">
        <f>'CPT Data'!P1331</f>
        <v>CLAY</v>
      </c>
      <c r="D1323">
        <f>'CPT Data'!Q1331</f>
        <v>22.10044421354625</v>
      </c>
      <c r="E1323">
        <f t="shared" si="21"/>
        <v>22.230621800770951</v>
      </c>
      <c r="F1323">
        <f>IF(C1323="CLAY", INDEX(D$4:D1323, MATCH("CLAY", C$4:C1323, 0)), "")</f>
        <v>0.75203252561341039</v>
      </c>
    </row>
    <row r="1324" spans="1:6" x14ac:dyDescent="0.2">
      <c r="A1324" s="239">
        <f>'CPT Data'!B1332</f>
        <v>13.12</v>
      </c>
      <c r="B1324" s="3">
        <f>'CPT Data'!C1332</f>
        <v>13.113</v>
      </c>
      <c r="C1324" t="str">
        <f>'CPT Data'!P1332</f>
        <v>CLAY</v>
      </c>
      <c r="D1324">
        <f>'CPT Data'!Q1332</f>
        <v>22.141720458072133</v>
      </c>
      <c r="E1324">
        <f t="shared" si="21"/>
        <v>22.10044421354625</v>
      </c>
      <c r="F1324">
        <f>IF(C1324="CLAY", INDEX(D$4:D1324, MATCH("CLAY", C$4:C1324, 0)), "")</f>
        <v>0.75203252561341039</v>
      </c>
    </row>
    <row r="1325" spans="1:6" x14ac:dyDescent="0.2">
      <c r="A1325" s="239">
        <f>'CPT Data'!B1333</f>
        <v>13.13</v>
      </c>
      <c r="B1325" s="3">
        <f>'CPT Data'!C1333</f>
        <v>13.123000000000001</v>
      </c>
      <c r="C1325" t="str">
        <f>'CPT Data'!P1333</f>
        <v>CLAY</v>
      </c>
      <c r="D1325">
        <f>'CPT Data'!Q1333</f>
        <v>22.184474508117592</v>
      </c>
      <c r="E1325">
        <f t="shared" si="21"/>
        <v>22.141720458072133</v>
      </c>
      <c r="F1325">
        <f>IF(C1325="CLAY", INDEX(D$4:D1325, MATCH("CLAY", C$4:C1325, 0)), "")</f>
        <v>0.75203252561341039</v>
      </c>
    </row>
    <row r="1326" spans="1:6" x14ac:dyDescent="0.2">
      <c r="A1326" s="239">
        <f>'CPT Data'!B1334</f>
        <v>13.138999999999999</v>
      </c>
      <c r="B1326" s="3">
        <f>'CPT Data'!C1334</f>
        <v>13.132</v>
      </c>
      <c r="C1326" t="str">
        <f>'CPT Data'!P1334</f>
        <v>CLAY</v>
      </c>
      <c r="D1326">
        <f>'CPT Data'!Q1334</f>
        <v>22.19096500871721</v>
      </c>
      <c r="E1326">
        <f t="shared" si="21"/>
        <v>22.184474508117592</v>
      </c>
      <c r="F1326">
        <f>IF(C1326="CLAY", INDEX(D$4:D1326, MATCH("CLAY", C$4:C1326, 0)), "")</f>
        <v>0.75203252561341039</v>
      </c>
    </row>
    <row r="1327" spans="1:6" x14ac:dyDescent="0.2">
      <c r="A1327" s="239">
        <f>'CPT Data'!B1335</f>
        <v>13.151</v>
      </c>
      <c r="B1327" s="3">
        <f>'CPT Data'!C1335</f>
        <v>13.144</v>
      </c>
      <c r="C1327" t="str">
        <f>'CPT Data'!P1335</f>
        <v>CLAY</v>
      </c>
      <c r="D1327">
        <f>'CPT Data'!Q1335</f>
        <v>22.142240757060335</v>
      </c>
      <c r="E1327">
        <f t="shared" si="21"/>
        <v>22.19096500871721</v>
      </c>
      <c r="F1327">
        <f>IF(C1327="CLAY", INDEX(D$4:D1327, MATCH("CLAY", C$4:C1327, 0)), "")</f>
        <v>0.75203252561341039</v>
      </c>
    </row>
    <row r="1328" spans="1:6" x14ac:dyDescent="0.2">
      <c r="A1328" s="239">
        <f>'CPT Data'!B1336</f>
        <v>13.16</v>
      </c>
      <c r="B1328" s="3">
        <f>'CPT Data'!C1336</f>
        <v>13.153</v>
      </c>
      <c r="C1328" t="str">
        <f>'CPT Data'!P1336</f>
        <v>CLAY</v>
      </c>
      <c r="D1328">
        <f>'CPT Data'!Q1336</f>
        <v>22.29229259762764</v>
      </c>
      <c r="E1328">
        <f t="shared" si="21"/>
        <v>22.142240757060335</v>
      </c>
      <c r="F1328">
        <f>IF(C1328="CLAY", INDEX(D$4:D1328, MATCH("CLAY", C$4:C1328, 0)), "")</f>
        <v>0.75203252561341039</v>
      </c>
    </row>
    <row r="1329" spans="1:6" x14ac:dyDescent="0.2">
      <c r="A1329" s="239">
        <f>'CPT Data'!B1337</f>
        <v>13.170999999999999</v>
      </c>
      <c r="B1329" s="3">
        <f>'CPT Data'!C1337</f>
        <v>13.164</v>
      </c>
      <c r="C1329" t="str">
        <f>'CPT Data'!P1337</f>
        <v>CLAY</v>
      </c>
      <c r="D1329">
        <f>'CPT Data'!Q1337</f>
        <v>22.502502494818231</v>
      </c>
      <c r="E1329">
        <f t="shared" si="21"/>
        <v>22.29229259762764</v>
      </c>
      <c r="F1329">
        <f>IF(C1329="CLAY", INDEX(D$4:D1329, MATCH("CLAY", C$4:C1329, 0)), "")</f>
        <v>0.75203252561341039</v>
      </c>
    </row>
    <row r="1330" spans="1:6" x14ac:dyDescent="0.2">
      <c r="A1330" s="239">
        <f>'CPT Data'!B1338</f>
        <v>13.18</v>
      </c>
      <c r="B1330" s="3">
        <f>'CPT Data'!C1338</f>
        <v>13.173</v>
      </c>
      <c r="C1330" t="str">
        <f>'CPT Data'!P1338</f>
        <v>CLAY</v>
      </c>
      <c r="D1330">
        <f>'CPT Data'!Q1338</f>
        <v>22.56445018877135</v>
      </c>
      <c r="E1330">
        <f t="shared" si="21"/>
        <v>22.502502494818231</v>
      </c>
      <c r="F1330">
        <f>IF(C1330="CLAY", INDEX(D$4:D1330, MATCH("CLAY", C$4:C1330, 0)), "")</f>
        <v>0.75203252561341039</v>
      </c>
    </row>
    <row r="1331" spans="1:6" x14ac:dyDescent="0.2">
      <c r="A1331" s="239">
        <f>'CPT Data'!B1339</f>
        <v>13.19</v>
      </c>
      <c r="B1331" s="3">
        <f>'CPT Data'!C1339</f>
        <v>13.183</v>
      </c>
      <c r="C1331" t="str">
        <f>'CPT Data'!P1339</f>
        <v>CLAY</v>
      </c>
      <c r="D1331">
        <f>'CPT Data'!Q1339</f>
        <v>22.766672138009</v>
      </c>
      <c r="E1331">
        <f t="shared" si="21"/>
        <v>22.56445018877135</v>
      </c>
      <c r="F1331">
        <f>IF(C1331="CLAY", INDEX(D$4:D1331, MATCH("CLAY", C$4:C1331, 0)), "")</f>
        <v>0.75203252561341039</v>
      </c>
    </row>
    <row r="1332" spans="1:6" x14ac:dyDescent="0.2">
      <c r="A1332" s="239">
        <f>'CPT Data'!B1340</f>
        <v>13.201000000000001</v>
      </c>
      <c r="B1332" s="3">
        <f>'CPT Data'!C1340</f>
        <v>13.194000000000001</v>
      </c>
      <c r="C1332" t="str">
        <f>'CPT Data'!P1340</f>
        <v>CLAY</v>
      </c>
      <c r="D1332">
        <f>'CPT Data'!Q1340</f>
        <v>23.21394358501944</v>
      </c>
      <c r="E1332">
        <f t="shared" si="21"/>
        <v>22.766672138009</v>
      </c>
      <c r="F1332">
        <f>IF(C1332="CLAY", INDEX(D$4:D1332, MATCH("CLAY", C$4:C1332, 0)), "")</f>
        <v>0.75203252561341039</v>
      </c>
    </row>
    <row r="1333" spans="1:6" x14ac:dyDescent="0.2">
      <c r="A1333" s="239">
        <f>'CPT Data'!B1341</f>
        <v>13.211</v>
      </c>
      <c r="B1333" s="3">
        <f>'CPT Data'!C1341</f>
        <v>13.204000000000001</v>
      </c>
      <c r="C1333" t="str">
        <f>'CPT Data'!P1341</f>
        <v>CLAY</v>
      </c>
      <c r="D1333">
        <f>'CPT Data'!Q1341</f>
        <v>23.611290698224423</v>
      </c>
      <c r="E1333">
        <f t="shared" si="21"/>
        <v>23.21394358501944</v>
      </c>
      <c r="F1333">
        <f>IF(C1333="CLAY", INDEX(D$4:D1333, MATCH("CLAY", C$4:C1333, 0)), "")</f>
        <v>0.75203252561341039</v>
      </c>
    </row>
    <row r="1334" spans="1:6" x14ac:dyDescent="0.2">
      <c r="A1334" s="239">
        <f>'CPT Data'!B1342</f>
        <v>13.22</v>
      </c>
      <c r="B1334" s="3">
        <f>'CPT Data'!C1342</f>
        <v>13.213000000000001</v>
      </c>
      <c r="C1334" t="str">
        <f>'CPT Data'!P1342</f>
        <v>CLAY</v>
      </c>
      <c r="D1334">
        <f>'CPT Data'!Q1342</f>
        <v>23.642384107559351</v>
      </c>
      <c r="E1334">
        <f t="shared" si="21"/>
        <v>23.611290698224423</v>
      </c>
      <c r="F1334">
        <f>IF(C1334="CLAY", INDEX(D$4:D1334, MATCH("CLAY", C$4:C1334, 0)), "")</f>
        <v>0.75203252561341039</v>
      </c>
    </row>
    <row r="1335" spans="1:6" x14ac:dyDescent="0.2">
      <c r="A1335" s="239">
        <f>'CPT Data'!B1343</f>
        <v>13.23</v>
      </c>
      <c r="B1335" s="3">
        <f>'CPT Data'!C1343</f>
        <v>13.223000000000001</v>
      </c>
      <c r="C1335" t="str">
        <f>'CPT Data'!P1343</f>
        <v>CLAY</v>
      </c>
      <c r="D1335">
        <f>'CPT Data'!Q1343</f>
        <v>23.570862285251234</v>
      </c>
      <c r="E1335">
        <f t="shared" si="21"/>
        <v>23.642384107559351</v>
      </c>
      <c r="F1335">
        <f>IF(C1335="CLAY", INDEX(D$4:D1335, MATCH("CLAY", C$4:C1335, 0)), "")</f>
        <v>0.75203252561341039</v>
      </c>
    </row>
    <row r="1336" spans="1:6" x14ac:dyDescent="0.2">
      <c r="A1336" s="239">
        <f>'CPT Data'!B1344</f>
        <v>13.24</v>
      </c>
      <c r="B1336" s="3">
        <f>'CPT Data'!C1344</f>
        <v>13.233000000000001</v>
      </c>
      <c r="C1336" t="str">
        <f>'CPT Data'!P1344</f>
        <v>CLAY</v>
      </c>
      <c r="D1336">
        <f>'CPT Data'!Q1344</f>
        <v>23.430800592724378</v>
      </c>
      <c r="E1336">
        <f t="shared" si="21"/>
        <v>23.570862285251234</v>
      </c>
      <c r="F1336">
        <f>IF(C1336="CLAY", INDEX(D$4:D1336, MATCH("CLAY", C$4:C1336, 0)), "")</f>
        <v>0.75203252561341039</v>
      </c>
    </row>
    <row r="1337" spans="1:6" x14ac:dyDescent="0.2">
      <c r="A1337" s="239">
        <f>'CPT Data'!B1345</f>
        <v>13.25</v>
      </c>
      <c r="B1337" s="3">
        <f>'CPT Data'!C1345</f>
        <v>13.243</v>
      </c>
      <c r="C1337" t="str">
        <f>'CPT Data'!P1345</f>
        <v>CLAY</v>
      </c>
      <c r="D1337">
        <f>'CPT Data'!Q1345</f>
        <v>23.733014264909333</v>
      </c>
      <c r="E1337">
        <f t="shared" si="21"/>
        <v>23.430800592724378</v>
      </c>
      <c r="F1337">
        <f>IF(C1337="CLAY", INDEX(D$4:D1337, MATCH("CLAY", C$4:C1337, 0)), "")</f>
        <v>0.75203252561341039</v>
      </c>
    </row>
    <row r="1338" spans="1:6" x14ac:dyDescent="0.2">
      <c r="A1338" s="239">
        <f>'CPT Data'!B1346</f>
        <v>13.259</v>
      </c>
      <c r="B1338" s="3">
        <f>'CPT Data'!C1346</f>
        <v>13.252000000000001</v>
      </c>
      <c r="C1338" t="str">
        <f>'CPT Data'!P1346</f>
        <v>CLAY</v>
      </c>
      <c r="D1338">
        <f>'CPT Data'!Q1346</f>
        <v>23.901023089189994</v>
      </c>
      <c r="E1338">
        <f t="shared" si="21"/>
        <v>23.733014264909333</v>
      </c>
      <c r="F1338">
        <f>IF(C1338="CLAY", INDEX(D$4:D1338, MATCH("CLAY", C$4:C1338, 0)), "")</f>
        <v>0.75203252561341039</v>
      </c>
    </row>
    <row r="1339" spans="1:6" x14ac:dyDescent="0.2">
      <c r="A1339" s="239">
        <f>'CPT Data'!B1347</f>
        <v>13.27</v>
      </c>
      <c r="B1339" s="3">
        <f>'CPT Data'!C1347</f>
        <v>13.263</v>
      </c>
      <c r="C1339" t="str">
        <f>'CPT Data'!P1347</f>
        <v>CLAY</v>
      </c>
      <c r="D1339">
        <f>'CPT Data'!Q1347</f>
        <v>23.992040944440536</v>
      </c>
      <c r="E1339">
        <f t="shared" si="21"/>
        <v>23.901023089189994</v>
      </c>
      <c r="F1339">
        <f>IF(C1339="CLAY", INDEX(D$4:D1339, MATCH("CLAY", C$4:C1339, 0)), "")</f>
        <v>0.75203252561341039</v>
      </c>
    </row>
    <row r="1340" spans="1:6" x14ac:dyDescent="0.2">
      <c r="A1340" s="239">
        <f>'CPT Data'!B1348</f>
        <v>13.28</v>
      </c>
      <c r="B1340" s="3">
        <f>'CPT Data'!C1348</f>
        <v>13.273</v>
      </c>
      <c r="C1340" t="str">
        <f>'CPT Data'!P1348</f>
        <v>CLAY</v>
      </c>
      <c r="D1340">
        <f>'CPT Data'!Q1348</f>
        <v>23.995484621838234</v>
      </c>
      <c r="E1340">
        <f t="shared" si="21"/>
        <v>23.992040944440536</v>
      </c>
      <c r="F1340">
        <f>IF(C1340="CLAY", INDEX(D$4:D1340, MATCH("CLAY", C$4:C1340, 0)), "")</f>
        <v>0.75203252561341039</v>
      </c>
    </row>
    <row r="1341" spans="1:6" x14ac:dyDescent="0.2">
      <c r="A1341" s="239">
        <f>'CPT Data'!B1349</f>
        <v>13.289</v>
      </c>
      <c r="B1341" s="3">
        <f>'CPT Data'!C1349</f>
        <v>13.282</v>
      </c>
      <c r="C1341" t="str">
        <f>'CPT Data'!P1349</f>
        <v>CLAY</v>
      </c>
      <c r="D1341">
        <f>'CPT Data'!Q1349</f>
        <v>23.921500048102828</v>
      </c>
      <c r="E1341">
        <f t="shared" si="21"/>
        <v>23.995484621838234</v>
      </c>
      <c r="F1341">
        <f>IF(C1341="CLAY", INDEX(D$4:D1341, MATCH("CLAY", C$4:C1341, 0)), "")</f>
        <v>0.75203252561341039</v>
      </c>
    </row>
    <row r="1342" spans="1:6" x14ac:dyDescent="0.2">
      <c r="A1342" s="239">
        <f>'CPT Data'!B1350</f>
        <v>13.301</v>
      </c>
      <c r="B1342" s="3">
        <f>'CPT Data'!C1350</f>
        <v>13.294</v>
      </c>
      <c r="C1342" t="str">
        <f>'CPT Data'!P1350</f>
        <v>CLAY</v>
      </c>
      <c r="D1342">
        <f>'CPT Data'!Q1350</f>
        <v>23.767196269672013</v>
      </c>
      <c r="E1342">
        <f t="shared" si="21"/>
        <v>23.921500048102828</v>
      </c>
      <c r="F1342">
        <f>IF(C1342="CLAY", INDEX(D$4:D1342, MATCH("CLAY", C$4:C1342, 0)), "")</f>
        <v>0.75203252561341039</v>
      </c>
    </row>
    <row r="1343" spans="1:6" x14ac:dyDescent="0.2">
      <c r="A1343" s="239">
        <f>'CPT Data'!B1351</f>
        <v>13.31</v>
      </c>
      <c r="B1343" s="3">
        <f>'CPT Data'!C1351</f>
        <v>13.303000000000001</v>
      </c>
      <c r="C1343" t="str">
        <f>'CPT Data'!P1351</f>
        <v>CLAY</v>
      </c>
      <c r="D1343">
        <f>'CPT Data'!Q1351</f>
        <v>23.56409067706997</v>
      </c>
      <c r="E1343">
        <f t="shared" si="21"/>
        <v>23.767196269672013</v>
      </c>
      <c r="F1343">
        <f>IF(C1343="CLAY", INDEX(D$4:D1343, MATCH("CLAY", C$4:C1343, 0)), "")</f>
        <v>0.75203252561341039</v>
      </c>
    </row>
    <row r="1344" spans="1:6" x14ac:dyDescent="0.2">
      <c r="A1344" s="239">
        <f>'CPT Data'!B1352</f>
        <v>13.32</v>
      </c>
      <c r="B1344" s="3">
        <f>'CPT Data'!C1352</f>
        <v>13.313000000000001</v>
      </c>
      <c r="C1344" t="str">
        <f>'CPT Data'!P1352</f>
        <v>CLAY</v>
      </c>
      <c r="D1344">
        <f>'CPT Data'!Q1352</f>
        <v>23.307344780673017</v>
      </c>
      <c r="E1344">
        <f t="shared" si="21"/>
        <v>23.56409067706997</v>
      </c>
      <c r="F1344">
        <f>IF(C1344="CLAY", INDEX(D$4:D1344, MATCH("CLAY", C$4:C1344, 0)), "")</f>
        <v>0.75203252561341039</v>
      </c>
    </row>
    <row r="1345" spans="1:6" x14ac:dyDescent="0.2">
      <c r="A1345" s="239">
        <f>'CPT Data'!B1353</f>
        <v>13.33</v>
      </c>
      <c r="B1345" s="3">
        <f>'CPT Data'!C1353</f>
        <v>13.323</v>
      </c>
      <c r="C1345" t="str">
        <f>'CPT Data'!P1353</f>
        <v>CLAY</v>
      </c>
      <c r="D1345">
        <f>'CPT Data'!Q1353</f>
        <v>23.256289980370521</v>
      </c>
      <c r="E1345">
        <f t="shared" si="21"/>
        <v>23.307344780673017</v>
      </c>
      <c r="F1345">
        <f>IF(C1345="CLAY", INDEX(D$4:D1345, MATCH("CLAY", C$4:C1345, 0)), "")</f>
        <v>0.75203252561341039</v>
      </c>
    </row>
    <row r="1346" spans="1:6" x14ac:dyDescent="0.2">
      <c r="A1346" s="239">
        <f>'CPT Data'!B1354</f>
        <v>13.339</v>
      </c>
      <c r="B1346" s="3">
        <f>'CPT Data'!C1354</f>
        <v>13.332000000000001</v>
      </c>
      <c r="C1346" t="str">
        <f>'CPT Data'!P1354</f>
        <v>CLAY</v>
      </c>
      <c r="D1346">
        <f>'CPT Data'!Q1354</f>
        <v>23.439625349694769</v>
      </c>
      <c r="E1346">
        <f t="shared" si="21"/>
        <v>23.256289980370521</v>
      </c>
      <c r="F1346">
        <f>IF(C1346="CLAY", INDEX(D$4:D1346, MATCH("CLAY", C$4:C1346, 0)), "")</f>
        <v>0.75203252561341039</v>
      </c>
    </row>
    <row r="1347" spans="1:6" x14ac:dyDescent="0.2">
      <c r="A1347" s="239">
        <f>'CPT Data'!B1355</f>
        <v>13.351000000000001</v>
      </c>
      <c r="B1347" s="3">
        <f>'CPT Data'!C1355</f>
        <v>13.344000000000001</v>
      </c>
      <c r="C1347" t="str">
        <f>'CPT Data'!P1355</f>
        <v>CLAY</v>
      </c>
      <c r="D1347">
        <f>'CPT Data'!Q1355</f>
        <v>23.443667124024575</v>
      </c>
      <c r="E1347">
        <f t="shared" si="21"/>
        <v>23.439625349694769</v>
      </c>
      <c r="F1347">
        <f>IF(C1347="CLAY", INDEX(D$4:D1347, MATCH("CLAY", C$4:C1347, 0)), "")</f>
        <v>0.75203252561341039</v>
      </c>
    </row>
    <row r="1348" spans="1:6" x14ac:dyDescent="0.2">
      <c r="A1348" s="239">
        <f>'CPT Data'!B1356</f>
        <v>13.36</v>
      </c>
      <c r="B1348" s="3">
        <f>'CPT Data'!C1356</f>
        <v>13.353</v>
      </c>
      <c r="C1348" t="str">
        <f>'CPT Data'!P1356</f>
        <v>CLAY</v>
      </c>
      <c r="D1348">
        <f>'CPT Data'!Q1356</f>
        <v>23.105376429554155</v>
      </c>
      <c r="E1348">
        <f t="shared" si="21"/>
        <v>23.443667124024575</v>
      </c>
      <c r="F1348">
        <f>IF(C1348="CLAY", INDEX(D$4:D1348, MATCH("CLAY", C$4:C1348, 0)), "")</f>
        <v>0.75203252561341039</v>
      </c>
    </row>
    <row r="1349" spans="1:6" x14ac:dyDescent="0.2">
      <c r="A1349" s="239">
        <f>'CPT Data'!B1357</f>
        <v>13.37</v>
      </c>
      <c r="B1349" s="3">
        <f>'CPT Data'!C1357</f>
        <v>13.363</v>
      </c>
      <c r="C1349" t="str">
        <f>'CPT Data'!P1357</f>
        <v>CLAY</v>
      </c>
      <c r="D1349">
        <f>'CPT Data'!Q1357</f>
        <v>22.845986938161825</v>
      </c>
      <c r="E1349">
        <f t="shared" si="21"/>
        <v>23.105376429554155</v>
      </c>
      <c r="F1349">
        <f>IF(C1349="CLAY", INDEX(D$4:D1349, MATCH("CLAY", C$4:C1349, 0)), "")</f>
        <v>0.75203252561341039</v>
      </c>
    </row>
    <row r="1350" spans="1:6" x14ac:dyDescent="0.2">
      <c r="A1350" s="239">
        <f>'CPT Data'!B1358</f>
        <v>13.38</v>
      </c>
      <c r="B1350" s="3">
        <f>'CPT Data'!C1358</f>
        <v>13.373000000000001</v>
      </c>
      <c r="C1350" t="str">
        <f>'CPT Data'!P1358</f>
        <v>CLAY</v>
      </c>
      <c r="D1350">
        <f>'CPT Data'!Q1358</f>
        <v>22.774653625746936</v>
      </c>
      <c r="E1350">
        <f t="shared" si="21"/>
        <v>22.845986938161825</v>
      </c>
      <c r="F1350">
        <f>IF(C1350="CLAY", INDEX(D$4:D1350, MATCH("CLAY", C$4:C1350, 0)), "")</f>
        <v>0.75203252561341039</v>
      </c>
    </row>
    <row r="1351" spans="1:6" x14ac:dyDescent="0.2">
      <c r="A1351" s="239">
        <f>'CPT Data'!B1359</f>
        <v>13.391</v>
      </c>
      <c r="B1351" s="3">
        <f>'CPT Data'!C1359</f>
        <v>13.384</v>
      </c>
      <c r="C1351" t="str">
        <f>'CPT Data'!P1359</f>
        <v>CLAY</v>
      </c>
      <c r="D1351">
        <f>'CPT Data'!Q1359</f>
        <v>22.426787845193331</v>
      </c>
      <c r="E1351">
        <f t="shared" si="21"/>
        <v>22.774653625746936</v>
      </c>
      <c r="F1351">
        <f>IF(C1351="CLAY", INDEX(D$4:D1351, MATCH("CLAY", C$4:C1351, 0)), "")</f>
        <v>0.75203252561341039</v>
      </c>
    </row>
    <row r="1352" spans="1:6" x14ac:dyDescent="0.2">
      <c r="A1352" s="239">
        <f>'CPT Data'!B1360</f>
        <v>13.4</v>
      </c>
      <c r="B1352" s="3">
        <f>'CPT Data'!C1360</f>
        <v>13.393000000000001</v>
      </c>
      <c r="C1352" t="str">
        <f>'CPT Data'!P1360</f>
        <v>CLAY</v>
      </c>
      <c r="D1352">
        <f>'CPT Data'!Q1360</f>
        <v>22.275777042729544</v>
      </c>
      <c r="E1352">
        <f t="shared" si="21"/>
        <v>22.426787845193331</v>
      </c>
      <c r="F1352">
        <f>IF(C1352="CLAY", INDEX(D$4:D1352, MATCH("CLAY", C$4:C1352, 0)), "")</f>
        <v>0.75203252561341039</v>
      </c>
    </row>
    <row r="1353" spans="1:6" x14ac:dyDescent="0.2">
      <c r="A1353" s="239">
        <f>'CPT Data'!B1361</f>
        <v>13.41</v>
      </c>
      <c r="B1353" s="3">
        <f>'CPT Data'!C1361</f>
        <v>13.403</v>
      </c>
      <c r="C1353" t="str">
        <f>'CPT Data'!P1361</f>
        <v>CLAY</v>
      </c>
      <c r="D1353">
        <f>'CPT Data'!Q1361</f>
        <v>22.322679315612344</v>
      </c>
      <c r="E1353">
        <f t="shared" si="21"/>
        <v>22.275777042729544</v>
      </c>
      <c r="F1353">
        <f>IF(C1353="CLAY", INDEX(D$4:D1353, MATCH("CLAY", C$4:C1353, 0)), "")</f>
        <v>0.75203252561341039</v>
      </c>
    </row>
    <row r="1354" spans="1:6" x14ac:dyDescent="0.2">
      <c r="A1354" s="239">
        <f>'CPT Data'!B1362</f>
        <v>13.419</v>
      </c>
      <c r="B1354" s="3">
        <f>'CPT Data'!C1362</f>
        <v>13.412000000000001</v>
      </c>
      <c r="C1354" t="str">
        <f>'CPT Data'!P1362</f>
        <v>CLAY</v>
      </c>
      <c r="D1354">
        <f>'CPT Data'!Q1362</f>
        <v>22.057077158037071</v>
      </c>
      <c r="E1354">
        <f t="shared" si="21"/>
        <v>22.322679315612344</v>
      </c>
      <c r="F1354">
        <f>IF(C1354="CLAY", INDEX(D$4:D1354, MATCH("CLAY", C$4:C1354, 0)), "")</f>
        <v>0.75203252561341039</v>
      </c>
    </row>
    <row r="1355" spans="1:6" x14ac:dyDescent="0.2">
      <c r="A1355" s="239">
        <f>'CPT Data'!B1363</f>
        <v>13.43</v>
      </c>
      <c r="B1355" s="3">
        <f>'CPT Data'!C1363</f>
        <v>13.423</v>
      </c>
      <c r="C1355" t="str">
        <f>'CPT Data'!P1363</f>
        <v>CLAY</v>
      </c>
      <c r="D1355">
        <f>'CPT Data'!Q1363</f>
        <v>22.535304473855792</v>
      </c>
      <c r="E1355">
        <f t="shared" si="21"/>
        <v>22.057077158037071</v>
      </c>
      <c r="F1355">
        <f>IF(C1355="CLAY", INDEX(D$4:D1355, MATCH("CLAY", C$4:C1355, 0)), "")</f>
        <v>0.75203252561341039</v>
      </c>
    </row>
    <row r="1356" spans="1:6" x14ac:dyDescent="0.2">
      <c r="A1356" s="239">
        <f>'CPT Data'!B1364</f>
        <v>13.439</v>
      </c>
      <c r="B1356" s="3">
        <f>'CPT Data'!C1364</f>
        <v>13.432</v>
      </c>
      <c r="C1356" t="str">
        <f>'CPT Data'!P1364</f>
        <v>CLAY</v>
      </c>
      <c r="D1356">
        <f>'CPT Data'!Q1364</f>
        <v>22.698550731441951</v>
      </c>
      <c r="E1356">
        <f t="shared" si="21"/>
        <v>22.535304473855792</v>
      </c>
      <c r="F1356">
        <f>IF(C1356="CLAY", INDEX(D$4:D1356, MATCH("CLAY", C$4:C1356, 0)), "")</f>
        <v>0.75203252561341039</v>
      </c>
    </row>
    <row r="1357" spans="1:6" x14ac:dyDescent="0.2">
      <c r="A1357" s="239">
        <f>'CPT Data'!B1365</f>
        <v>13.449</v>
      </c>
      <c r="B1357" s="3">
        <f>'CPT Data'!C1365</f>
        <v>13.442</v>
      </c>
      <c r="C1357" t="str">
        <f>'CPT Data'!P1365</f>
        <v>CLAY</v>
      </c>
      <c r="D1357">
        <f>'CPT Data'!Q1365</f>
        <v>22.504519602243381</v>
      </c>
      <c r="E1357">
        <f t="shared" si="21"/>
        <v>22.698550731441951</v>
      </c>
      <c r="F1357">
        <f>IF(C1357="CLAY", INDEX(D$4:D1357, MATCH("CLAY", C$4:C1357, 0)), "")</f>
        <v>0.75203252561341039</v>
      </c>
    </row>
    <row r="1358" spans="1:6" x14ac:dyDescent="0.2">
      <c r="A1358" s="239">
        <f>'CPT Data'!B1366</f>
        <v>13.459</v>
      </c>
      <c r="B1358" s="3">
        <f>'CPT Data'!C1366</f>
        <v>13.452</v>
      </c>
      <c r="C1358" t="str">
        <f>'CPT Data'!P1366</f>
        <v>CLAY</v>
      </c>
      <c r="D1358">
        <f>'CPT Data'!Q1366</f>
        <v>22.8067977567197</v>
      </c>
      <c r="E1358">
        <f t="shared" si="21"/>
        <v>22.504519602243381</v>
      </c>
      <c r="F1358">
        <f>IF(C1358="CLAY", INDEX(D$4:D1358, MATCH("CLAY", C$4:C1358, 0)), "")</f>
        <v>0.75203252561341039</v>
      </c>
    </row>
    <row r="1359" spans="1:6" x14ac:dyDescent="0.2">
      <c r="A1359" s="239">
        <f>'CPT Data'!B1367</f>
        <v>13.468999999999999</v>
      </c>
      <c r="B1359" s="3">
        <f>'CPT Data'!C1367</f>
        <v>13.462</v>
      </c>
      <c r="C1359" t="str">
        <f>'CPT Data'!P1367</f>
        <v>CLAY</v>
      </c>
      <c r="D1359">
        <f>'CPT Data'!Q1367</f>
        <v>23.269342772362823</v>
      </c>
      <c r="E1359">
        <f t="shared" si="21"/>
        <v>22.8067977567197</v>
      </c>
      <c r="F1359">
        <f>IF(C1359="CLAY", INDEX(D$4:D1359, MATCH("CLAY", C$4:C1359, 0)), "")</f>
        <v>0.75203252561341039</v>
      </c>
    </row>
    <row r="1360" spans="1:6" x14ac:dyDescent="0.2">
      <c r="A1360" s="239">
        <f>'CPT Data'!B1368</f>
        <v>13.48</v>
      </c>
      <c r="B1360" s="3">
        <f>'CPT Data'!C1368</f>
        <v>13.473000000000001</v>
      </c>
      <c r="C1360" t="str">
        <f>'CPT Data'!P1368</f>
        <v>CLAY</v>
      </c>
      <c r="D1360">
        <f>'CPT Data'!Q1368</f>
        <v>23.602555887685526</v>
      </c>
      <c r="E1360">
        <f t="shared" si="21"/>
        <v>23.269342772362823</v>
      </c>
      <c r="F1360">
        <f>IF(C1360="CLAY", INDEX(D$4:D1360, MATCH("CLAY", C$4:C1360, 0)), "")</f>
        <v>0.75203252561341039</v>
      </c>
    </row>
    <row r="1361" spans="1:6" x14ac:dyDescent="0.2">
      <c r="A1361" s="239">
        <f>'CPT Data'!B1369</f>
        <v>13.489000000000001</v>
      </c>
      <c r="B1361" s="3">
        <f>'CPT Data'!C1369</f>
        <v>13.482000000000001</v>
      </c>
      <c r="C1361" t="str">
        <f>'CPT Data'!P1369</f>
        <v>CLAY</v>
      </c>
      <c r="D1361">
        <f>'CPT Data'!Q1369</f>
        <v>23.323061640174263</v>
      </c>
      <c r="E1361">
        <f t="shared" si="21"/>
        <v>23.602555887685526</v>
      </c>
      <c r="F1361">
        <f>IF(C1361="CLAY", INDEX(D$4:D1361, MATCH("CLAY", C$4:C1361, 0)), "")</f>
        <v>0.75203252561341039</v>
      </c>
    </row>
    <row r="1362" spans="1:6" x14ac:dyDescent="0.2">
      <c r="A1362" s="239">
        <f>'CPT Data'!B1370</f>
        <v>13.499000000000001</v>
      </c>
      <c r="B1362" s="3">
        <f>'CPT Data'!C1370</f>
        <v>13.492000000000001</v>
      </c>
      <c r="C1362" t="str">
        <f>'CPT Data'!P1370</f>
        <v>CLAY</v>
      </c>
      <c r="D1362">
        <f>'CPT Data'!Q1370</f>
        <v>22.640449904696538</v>
      </c>
      <c r="E1362">
        <f t="shared" si="21"/>
        <v>23.323061640174263</v>
      </c>
      <c r="F1362">
        <f>IF(C1362="CLAY", INDEX(D$4:D1362, MATCH("CLAY", C$4:C1362, 0)), "")</f>
        <v>0.75203252561341039</v>
      </c>
    </row>
    <row r="1363" spans="1:6" x14ac:dyDescent="0.2">
      <c r="A1363" s="239">
        <f>'CPT Data'!B1371</f>
        <v>13.51</v>
      </c>
      <c r="B1363" s="3">
        <f>'CPT Data'!C1371</f>
        <v>13.503</v>
      </c>
      <c r="C1363" t="str">
        <f>'CPT Data'!P1371</f>
        <v>CLAY</v>
      </c>
      <c r="D1363">
        <f>'CPT Data'!Q1371</f>
        <v>22.079856930965907</v>
      </c>
      <c r="E1363">
        <f t="shared" si="21"/>
        <v>22.640449904696538</v>
      </c>
      <c r="F1363">
        <f>IF(C1363="CLAY", INDEX(D$4:D1363, MATCH("CLAY", C$4:C1363, 0)), "")</f>
        <v>0.75203252561341039</v>
      </c>
    </row>
    <row r="1364" spans="1:6" x14ac:dyDescent="0.2">
      <c r="A1364" s="239">
        <f>'CPT Data'!B1372</f>
        <v>13.519</v>
      </c>
      <c r="B1364" s="3">
        <f>'CPT Data'!C1372</f>
        <v>13.512</v>
      </c>
      <c r="C1364" t="str">
        <f>'CPT Data'!P1372</f>
        <v>CLAY</v>
      </c>
      <c r="D1364">
        <f>'CPT Data'!Q1372</f>
        <v>21.426556355893496</v>
      </c>
      <c r="E1364">
        <f t="shared" si="21"/>
        <v>22.079856930965907</v>
      </c>
      <c r="F1364">
        <f>IF(C1364="CLAY", INDEX(D$4:D1364, MATCH("CLAY", C$4:C1364, 0)), "")</f>
        <v>0.75203252561341039</v>
      </c>
    </row>
    <row r="1365" spans="1:6" x14ac:dyDescent="0.2">
      <c r="A1365" s="239">
        <f>'CPT Data'!B1373</f>
        <v>13.529</v>
      </c>
      <c r="B1365" s="3">
        <f>'CPT Data'!C1373</f>
        <v>13.522</v>
      </c>
      <c r="C1365" t="str">
        <f>'CPT Data'!P1373</f>
        <v>CLAY</v>
      </c>
      <c r="D1365">
        <f>'CPT Data'!Q1373</f>
        <v>21.162752057506285</v>
      </c>
      <c r="E1365">
        <f t="shared" si="21"/>
        <v>21.426556355893496</v>
      </c>
      <c r="F1365">
        <f>IF(C1365="CLAY", INDEX(D$4:D1365, MATCH("CLAY", C$4:C1365, 0)), "")</f>
        <v>0.75203252561341039</v>
      </c>
    </row>
    <row r="1366" spans="1:6" x14ac:dyDescent="0.2">
      <c r="A1366" s="239">
        <f>'CPT Data'!B1374</f>
        <v>13.538</v>
      </c>
      <c r="B1366" s="3">
        <f>'CPT Data'!C1374</f>
        <v>13.531000000000001</v>
      </c>
      <c r="C1366" t="str">
        <f>'CPT Data'!P1374</f>
        <v>CLAY</v>
      </c>
      <c r="D1366">
        <f>'CPT Data'!Q1374</f>
        <v>20.133375159554621</v>
      </c>
      <c r="E1366">
        <f t="shared" si="21"/>
        <v>21.162752057506285</v>
      </c>
      <c r="F1366">
        <f>IF(C1366="CLAY", INDEX(D$4:D1366, MATCH("CLAY", C$4:C1366, 0)), "")</f>
        <v>0.75203252561341039</v>
      </c>
    </row>
    <row r="1367" spans="1:6" x14ac:dyDescent="0.2">
      <c r="A1367" s="239">
        <f>'CPT Data'!B1375</f>
        <v>13.548999999999999</v>
      </c>
      <c r="B1367" s="3">
        <f>'CPT Data'!C1375</f>
        <v>13.542</v>
      </c>
      <c r="C1367" t="str">
        <f>'CPT Data'!P1375</f>
        <v>CLAY</v>
      </c>
      <c r="D1367">
        <f>'CPT Data'!Q1375</f>
        <v>19.153593851272024</v>
      </c>
      <c r="E1367">
        <f t="shared" si="21"/>
        <v>20.133375159554621</v>
      </c>
      <c r="F1367">
        <f>IF(C1367="CLAY", INDEX(D$4:D1367, MATCH("CLAY", C$4:C1367, 0)), "")</f>
        <v>0.75203252561341039</v>
      </c>
    </row>
    <row r="1368" spans="1:6" x14ac:dyDescent="0.2">
      <c r="A1368" s="239">
        <f>'CPT Data'!B1376</f>
        <v>13.558999999999999</v>
      </c>
      <c r="B1368" s="3">
        <f>'CPT Data'!C1376</f>
        <v>13.552</v>
      </c>
      <c r="C1368" t="str">
        <f>'CPT Data'!P1376</f>
        <v>CLAY</v>
      </c>
      <c r="D1368">
        <f>'CPT Data'!Q1376</f>
        <v>18.81048638876965</v>
      </c>
      <c r="E1368">
        <f t="shared" si="21"/>
        <v>19.153593851272024</v>
      </c>
      <c r="F1368">
        <f>IF(C1368="CLAY", INDEX(D$4:D1368, MATCH("CLAY", C$4:C1368, 0)), "")</f>
        <v>0.75203252561341039</v>
      </c>
    </row>
    <row r="1369" spans="1:6" x14ac:dyDescent="0.2">
      <c r="A1369" s="239">
        <f>'CPT Data'!B1377</f>
        <v>13.568</v>
      </c>
      <c r="B1369" s="3">
        <f>'CPT Data'!C1377</f>
        <v>13.561</v>
      </c>
      <c r="C1369" t="str">
        <f>'CPT Data'!P1377</f>
        <v>CLAY</v>
      </c>
      <c r="D1369">
        <f>'CPT Data'!Q1377</f>
        <v>17.977363439023609</v>
      </c>
      <c r="E1369">
        <f t="shared" si="21"/>
        <v>18.81048638876965</v>
      </c>
      <c r="F1369">
        <f>IF(C1369="CLAY", INDEX(D$4:D1369, MATCH("CLAY", C$4:C1369, 0)), "")</f>
        <v>0.75203252561341039</v>
      </c>
    </row>
    <row r="1370" spans="1:6" x14ac:dyDescent="0.2">
      <c r="A1370" s="239">
        <f>'CPT Data'!B1378</f>
        <v>13.579000000000001</v>
      </c>
      <c r="B1370" s="3">
        <f>'CPT Data'!C1378</f>
        <v>13.572000000000001</v>
      </c>
      <c r="C1370" t="str">
        <f>'CPT Data'!P1378</f>
        <v>CLAY</v>
      </c>
      <c r="D1370">
        <f>'CPT Data'!Q1378</f>
        <v>17.652282847374064</v>
      </c>
      <c r="E1370">
        <f t="shared" si="21"/>
        <v>17.977363439023609</v>
      </c>
      <c r="F1370">
        <f>IF(C1370="CLAY", INDEX(D$4:D1370, MATCH("CLAY", C$4:C1370, 0)), "")</f>
        <v>0.75203252561341039</v>
      </c>
    </row>
    <row r="1371" spans="1:6" x14ac:dyDescent="0.2">
      <c r="A1371" s="239">
        <f>'CPT Data'!B1379</f>
        <v>13.587999999999999</v>
      </c>
      <c r="B1371" s="3">
        <f>'CPT Data'!C1379</f>
        <v>13.581</v>
      </c>
      <c r="C1371" t="str">
        <f>'CPT Data'!P1379</f>
        <v>CLAY</v>
      </c>
      <c r="D1371">
        <f>'CPT Data'!Q1379</f>
        <v>17.343657413794748</v>
      </c>
      <c r="E1371">
        <f t="shared" ref="E1371:E1434" si="22">IF(C1371="SAND",#N/A,IF(C1371=C1370,D1370,IF(C1371="CLAY",D1371,#N/A)))</f>
        <v>17.652282847374064</v>
      </c>
      <c r="F1371">
        <f>IF(C1371="CLAY", INDEX(D$4:D1371, MATCH("CLAY", C$4:C1371, 0)), "")</f>
        <v>0.75203252561341039</v>
      </c>
    </row>
    <row r="1372" spans="1:6" x14ac:dyDescent="0.2">
      <c r="A1372" s="239">
        <f>'CPT Data'!B1380</f>
        <v>13.599</v>
      </c>
      <c r="B1372" s="3">
        <f>'CPT Data'!C1380</f>
        <v>13.592000000000001</v>
      </c>
      <c r="C1372" t="str">
        <f>'CPT Data'!P1380</f>
        <v>CLAY</v>
      </c>
      <c r="D1372">
        <f>'CPT Data'!Q1380</f>
        <v>17.15658077727031</v>
      </c>
      <c r="E1372">
        <f t="shared" si="22"/>
        <v>17.343657413794748</v>
      </c>
      <c r="F1372">
        <f>IF(C1372="CLAY", INDEX(D$4:D1372, MATCH("CLAY", C$4:C1372, 0)), "")</f>
        <v>0.75203252561341039</v>
      </c>
    </row>
    <row r="1373" spans="1:6" x14ac:dyDescent="0.2">
      <c r="A1373" s="239">
        <f>'CPT Data'!B1381</f>
        <v>13.61</v>
      </c>
      <c r="B1373" s="3">
        <f>'CPT Data'!C1381</f>
        <v>13.603</v>
      </c>
      <c r="C1373" t="str">
        <f>'CPT Data'!P1381</f>
        <v>CLAY</v>
      </c>
      <c r="D1373">
        <f>'CPT Data'!Q1381</f>
        <v>17.392512323062924</v>
      </c>
      <c r="E1373">
        <f t="shared" si="22"/>
        <v>17.15658077727031</v>
      </c>
      <c r="F1373">
        <f>IF(C1373="CLAY", INDEX(D$4:D1373, MATCH("CLAY", C$4:C1373, 0)), "")</f>
        <v>0.75203252561341039</v>
      </c>
    </row>
    <row r="1374" spans="1:6" x14ac:dyDescent="0.2">
      <c r="A1374" s="239">
        <f>'CPT Data'!B1382</f>
        <v>13.619</v>
      </c>
      <c r="B1374" s="3">
        <f>'CPT Data'!C1382</f>
        <v>13.612</v>
      </c>
      <c r="C1374" t="str">
        <f>'CPT Data'!P1382</f>
        <v>CLAY</v>
      </c>
      <c r="D1374">
        <f>'CPT Data'!Q1382</f>
        <v>17.60306433014485</v>
      </c>
      <c r="E1374">
        <f t="shared" si="22"/>
        <v>17.392512323062924</v>
      </c>
      <c r="F1374">
        <f>IF(C1374="CLAY", INDEX(D$4:D1374, MATCH("CLAY", C$4:C1374, 0)), "")</f>
        <v>0.75203252561341039</v>
      </c>
    </row>
    <row r="1375" spans="1:6" x14ac:dyDescent="0.2">
      <c r="A1375" s="239">
        <f>'CPT Data'!B1383</f>
        <v>13.63</v>
      </c>
      <c r="B1375" s="3">
        <f>'CPT Data'!C1383</f>
        <v>13.623000000000001</v>
      </c>
      <c r="C1375" t="str">
        <f>'CPT Data'!P1383</f>
        <v>CLAY</v>
      </c>
      <c r="D1375">
        <f>'CPT Data'!Q1383</f>
        <v>17.551333799840894</v>
      </c>
      <c r="E1375">
        <f t="shared" si="22"/>
        <v>17.60306433014485</v>
      </c>
      <c r="F1375">
        <f>IF(C1375="CLAY", INDEX(D$4:D1375, MATCH("CLAY", C$4:C1375, 0)), "")</f>
        <v>0.75203252561341039</v>
      </c>
    </row>
    <row r="1376" spans="1:6" x14ac:dyDescent="0.2">
      <c r="A1376" s="239">
        <f>'CPT Data'!B1384</f>
        <v>13.638999999999999</v>
      </c>
      <c r="B1376" s="3">
        <f>'CPT Data'!C1384</f>
        <v>13.632</v>
      </c>
      <c r="C1376" t="str">
        <f>'CPT Data'!P1384</f>
        <v>CLAY</v>
      </c>
      <c r="D1376">
        <f>'CPT Data'!Q1384</f>
        <v>17.289618053229038</v>
      </c>
      <c r="E1376">
        <f t="shared" si="22"/>
        <v>17.551333799840894</v>
      </c>
      <c r="F1376">
        <f>IF(C1376="CLAY", INDEX(D$4:D1376, MATCH("CLAY", C$4:C1376, 0)), "")</f>
        <v>0.75203252561341039</v>
      </c>
    </row>
    <row r="1377" spans="1:6" x14ac:dyDescent="0.2">
      <c r="A1377" s="239">
        <f>'CPT Data'!B1385</f>
        <v>13.65</v>
      </c>
      <c r="B1377" s="3">
        <f>'CPT Data'!C1385</f>
        <v>13.643000000000001</v>
      </c>
      <c r="C1377" t="str">
        <f>'CPT Data'!P1385</f>
        <v>CLAY</v>
      </c>
      <c r="D1377">
        <f>'CPT Data'!Q1385</f>
        <v>17.04520830697696</v>
      </c>
      <c r="E1377">
        <f t="shared" si="22"/>
        <v>17.289618053229038</v>
      </c>
      <c r="F1377">
        <f>IF(C1377="CLAY", INDEX(D$4:D1377, MATCH("CLAY", C$4:C1377, 0)), "")</f>
        <v>0.75203252561341039</v>
      </c>
    </row>
    <row r="1378" spans="1:6" x14ac:dyDescent="0.2">
      <c r="A1378" s="239">
        <f>'CPT Data'!B1386</f>
        <v>13.66</v>
      </c>
      <c r="B1378" s="3">
        <f>'CPT Data'!C1386</f>
        <v>13.653</v>
      </c>
      <c r="C1378" t="str">
        <f>'CPT Data'!P1386</f>
        <v>CLAY</v>
      </c>
      <c r="D1378">
        <f>'CPT Data'!Q1386</f>
        <v>16.901354120628543</v>
      </c>
      <c r="E1378">
        <f t="shared" si="22"/>
        <v>17.04520830697696</v>
      </c>
      <c r="F1378">
        <f>IF(C1378="CLAY", INDEX(D$4:D1378, MATCH("CLAY", C$4:C1378, 0)), "")</f>
        <v>0.75203252561341039</v>
      </c>
    </row>
    <row r="1379" spans="1:6" x14ac:dyDescent="0.2">
      <c r="A1379" s="239">
        <f>'CPT Data'!B1387</f>
        <v>13.669</v>
      </c>
      <c r="B1379" s="3">
        <f>'CPT Data'!C1387</f>
        <v>13.662000000000001</v>
      </c>
      <c r="C1379" t="str">
        <f>'CPT Data'!P1387</f>
        <v>CLAY</v>
      </c>
      <c r="D1379">
        <f>'CPT Data'!Q1387</f>
        <v>17.020031081664364</v>
      </c>
      <c r="E1379">
        <f t="shared" si="22"/>
        <v>16.901354120628543</v>
      </c>
      <c r="F1379">
        <f>IF(C1379="CLAY", INDEX(D$4:D1379, MATCH("CLAY", C$4:C1379, 0)), "")</f>
        <v>0.75203252561341039</v>
      </c>
    </row>
    <row r="1380" spans="1:6" x14ac:dyDescent="0.2">
      <c r="A1380" s="239">
        <f>'CPT Data'!B1388</f>
        <v>13.679</v>
      </c>
      <c r="B1380" s="3">
        <f>'CPT Data'!C1388</f>
        <v>13.672000000000001</v>
      </c>
      <c r="C1380" t="str">
        <f>'CPT Data'!P1388</f>
        <v>CLAY</v>
      </c>
      <c r="D1380">
        <f>'CPT Data'!Q1388</f>
        <v>17.040494888066462</v>
      </c>
      <c r="E1380">
        <f t="shared" si="22"/>
        <v>17.020031081664364</v>
      </c>
      <c r="F1380">
        <f>IF(C1380="CLAY", INDEX(D$4:D1380, MATCH("CLAY", C$4:C1380, 0)), "")</f>
        <v>0.75203252561341039</v>
      </c>
    </row>
    <row r="1381" spans="1:6" x14ac:dyDescent="0.2">
      <c r="A1381" s="239">
        <f>'CPT Data'!B1389</f>
        <v>13.69</v>
      </c>
      <c r="B1381" s="3">
        <f>'CPT Data'!C1389</f>
        <v>13.683</v>
      </c>
      <c r="C1381" t="str">
        <f>'CPT Data'!P1389</f>
        <v>CLAY</v>
      </c>
      <c r="D1381">
        <f>'CPT Data'!Q1389</f>
        <v>17.206664897028951</v>
      </c>
      <c r="E1381">
        <f t="shared" si="22"/>
        <v>17.040494888066462</v>
      </c>
      <c r="F1381">
        <f>IF(C1381="CLAY", INDEX(D$4:D1381, MATCH("CLAY", C$4:C1381, 0)), "")</f>
        <v>0.75203252561341039</v>
      </c>
    </row>
    <row r="1382" spans="1:6" x14ac:dyDescent="0.2">
      <c r="A1382" s="239">
        <f>'CPT Data'!B1390</f>
        <v>13.699</v>
      </c>
      <c r="B1382" s="3">
        <f>'CPT Data'!C1390</f>
        <v>13.692</v>
      </c>
      <c r="C1382" t="str">
        <f>'CPT Data'!P1390</f>
        <v>CLAY</v>
      </c>
      <c r="D1382">
        <f>'CPT Data'!Q1390</f>
        <v>17.371043882077025</v>
      </c>
      <c r="E1382">
        <f t="shared" si="22"/>
        <v>17.206664897028951</v>
      </c>
      <c r="F1382">
        <f>IF(C1382="CLAY", INDEX(D$4:D1382, MATCH("CLAY", C$4:C1382, 0)), "")</f>
        <v>0.75203252561341039</v>
      </c>
    </row>
    <row r="1383" spans="1:6" x14ac:dyDescent="0.2">
      <c r="A1383" s="239">
        <f>'CPT Data'!B1391</f>
        <v>13.709</v>
      </c>
      <c r="B1383" s="3">
        <f>'CPT Data'!C1391</f>
        <v>13.702</v>
      </c>
      <c r="C1383" t="str">
        <f>'CPT Data'!P1391</f>
        <v>CLAY</v>
      </c>
      <c r="D1383">
        <f>'CPT Data'!Q1391</f>
        <v>17.682241743505656</v>
      </c>
      <c r="E1383">
        <f t="shared" si="22"/>
        <v>17.371043882077025</v>
      </c>
      <c r="F1383">
        <f>IF(C1383="CLAY", INDEX(D$4:D1383, MATCH("CLAY", C$4:C1383, 0)), "")</f>
        <v>0.75203252561341039</v>
      </c>
    </row>
    <row r="1384" spans="1:6" x14ac:dyDescent="0.2">
      <c r="A1384" s="239">
        <f>'CPT Data'!B1392</f>
        <v>13.718999999999999</v>
      </c>
      <c r="B1384" s="3">
        <f>'CPT Data'!C1392</f>
        <v>13.712</v>
      </c>
      <c r="C1384" t="str">
        <f>'CPT Data'!P1392</f>
        <v>CLAY</v>
      </c>
      <c r="D1384">
        <f>'CPT Data'!Q1392</f>
        <v>17.817368329324626</v>
      </c>
      <c r="E1384">
        <f t="shared" si="22"/>
        <v>17.682241743505656</v>
      </c>
      <c r="F1384">
        <f>IF(C1384="CLAY", INDEX(D$4:D1384, MATCH("CLAY", C$4:C1384, 0)), "")</f>
        <v>0.75203252561341039</v>
      </c>
    </row>
    <row r="1385" spans="1:6" x14ac:dyDescent="0.2">
      <c r="A1385" s="239">
        <f>'CPT Data'!B1393</f>
        <v>13.728999999999999</v>
      </c>
      <c r="B1385" s="3">
        <f>'CPT Data'!C1393</f>
        <v>13.722</v>
      </c>
      <c r="C1385" t="str">
        <f>'CPT Data'!P1393</f>
        <v>CLAY</v>
      </c>
      <c r="D1385">
        <f>'CPT Data'!Q1393</f>
        <v>17.856596012801852</v>
      </c>
      <c r="E1385">
        <f t="shared" si="22"/>
        <v>17.817368329324626</v>
      </c>
      <c r="F1385">
        <f>IF(C1385="CLAY", INDEX(D$4:D1385, MATCH("CLAY", C$4:C1385, 0)), "")</f>
        <v>0.75203252561341039</v>
      </c>
    </row>
    <row r="1386" spans="1:6" x14ac:dyDescent="0.2">
      <c r="A1386" s="239">
        <f>'CPT Data'!B1394</f>
        <v>13.739000000000001</v>
      </c>
      <c r="B1386" s="3">
        <f>'CPT Data'!C1394</f>
        <v>13.732000000000001</v>
      </c>
      <c r="C1386" t="str">
        <f>'CPT Data'!P1394</f>
        <v>CLAY</v>
      </c>
      <c r="D1386">
        <f>'CPT Data'!Q1394</f>
        <v>17.721489431820547</v>
      </c>
      <c r="E1386">
        <f t="shared" si="22"/>
        <v>17.856596012801852</v>
      </c>
      <c r="F1386">
        <f>IF(C1386="CLAY", INDEX(D$4:D1386, MATCH("CLAY", C$4:C1386, 0)), "")</f>
        <v>0.75203252561341039</v>
      </c>
    </row>
    <row r="1387" spans="1:6" x14ac:dyDescent="0.2">
      <c r="A1387" s="239">
        <f>'CPT Data'!B1395</f>
        <v>13.749000000000001</v>
      </c>
      <c r="B1387" s="3">
        <f>'CPT Data'!C1395</f>
        <v>13.742000000000001</v>
      </c>
      <c r="C1387" t="str">
        <f>'CPT Data'!P1395</f>
        <v>CLAY</v>
      </c>
      <c r="D1387">
        <f>'CPT Data'!Q1395</f>
        <v>17.835006407396268</v>
      </c>
      <c r="E1387">
        <f t="shared" si="22"/>
        <v>17.721489431820547</v>
      </c>
      <c r="F1387">
        <f>IF(C1387="CLAY", INDEX(D$4:D1387, MATCH("CLAY", C$4:C1387, 0)), "")</f>
        <v>0.75203252561341039</v>
      </c>
    </row>
    <row r="1388" spans="1:6" x14ac:dyDescent="0.2">
      <c r="A1388" s="239">
        <f>'CPT Data'!B1396</f>
        <v>13.759</v>
      </c>
      <c r="B1388" s="3">
        <f>'CPT Data'!C1396</f>
        <v>13.752000000000001</v>
      </c>
      <c r="C1388" t="str">
        <f>'CPT Data'!P1396</f>
        <v>CLAY</v>
      </c>
      <c r="D1388">
        <f>'CPT Data'!Q1396</f>
        <v>17.892959293875055</v>
      </c>
      <c r="E1388">
        <f t="shared" si="22"/>
        <v>17.835006407396268</v>
      </c>
      <c r="F1388">
        <f>IF(C1388="CLAY", INDEX(D$4:D1388, MATCH("CLAY", C$4:C1388, 0)), "")</f>
        <v>0.75203252561341039</v>
      </c>
    </row>
    <row r="1389" spans="1:6" x14ac:dyDescent="0.2">
      <c r="A1389" s="239">
        <f>'CPT Data'!B1397</f>
        <v>13.768000000000001</v>
      </c>
      <c r="B1389" s="3">
        <f>'CPT Data'!C1397</f>
        <v>13.761000000000001</v>
      </c>
      <c r="C1389" t="str">
        <f>'CPT Data'!P1397</f>
        <v>CLAY</v>
      </c>
      <c r="D1389">
        <f>'CPT Data'!Q1397</f>
        <v>17.847035618090796</v>
      </c>
      <c r="E1389">
        <f t="shared" si="22"/>
        <v>17.892959293875055</v>
      </c>
      <c r="F1389">
        <f>IF(C1389="CLAY", INDEX(D$4:D1389, MATCH("CLAY", C$4:C1389, 0)), "")</f>
        <v>0.75203252561341039</v>
      </c>
    </row>
    <row r="1390" spans="1:6" x14ac:dyDescent="0.2">
      <c r="A1390" s="239">
        <f>'CPT Data'!B1398</f>
        <v>13.779</v>
      </c>
      <c r="B1390" s="3">
        <f>'CPT Data'!C1398</f>
        <v>13.772</v>
      </c>
      <c r="C1390" t="str">
        <f>'CPT Data'!P1398</f>
        <v>CLAY</v>
      </c>
      <c r="D1390">
        <f>'CPT Data'!Q1398</f>
        <v>18.176200504232124</v>
      </c>
      <c r="E1390">
        <f t="shared" si="22"/>
        <v>17.847035618090796</v>
      </c>
      <c r="F1390">
        <f>IF(C1390="CLAY", INDEX(D$4:D1390, MATCH("CLAY", C$4:C1390, 0)), "")</f>
        <v>0.75203252561341039</v>
      </c>
    </row>
    <row r="1391" spans="1:6" x14ac:dyDescent="0.2">
      <c r="A1391" s="239">
        <f>'CPT Data'!B1399</f>
        <v>13.789</v>
      </c>
      <c r="B1391" s="3">
        <f>'CPT Data'!C1399</f>
        <v>13.782</v>
      </c>
      <c r="C1391" t="str">
        <f>'CPT Data'!P1399</f>
        <v>CLAY</v>
      </c>
      <c r="D1391">
        <f>'CPT Data'!Q1399</f>
        <v>18.233991429216882</v>
      </c>
      <c r="E1391">
        <f t="shared" si="22"/>
        <v>18.176200504232124</v>
      </c>
      <c r="F1391">
        <f>IF(C1391="CLAY", INDEX(D$4:D1391, MATCH("CLAY", C$4:C1391, 0)), "")</f>
        <v>0.75203252561341039</v>
      </c>
    </row>
    <row r="1392" spans="1:6" x14ac:dyDescent="0.2">
      <c r="A1392" s="239">
        <f>'CPT Data'!B1400</f>
        <v>13.798</v>
      </c>
      <c r="B1392" s="3">
        <f>'CPT Data'!C1400</f>
        <v>13.791</v>
      </c>
      <c r="C1392" t="str">
        <f>'CPT Data'!P1400</f>
        <v>CLAY</v>
      </c>
      <c r="D1392">
        <f>'CPT Data'!Q1400</f>
        <v>18.420621647137029</v>
      </c>
      <c r="E1392">
        <f t="shared" si="22"/>
        <v>18.233991429216882</v>
      </c>
      <c r="F1392">
        <f>IF(C1392="CLAY", INDEX(D$4:D1392, MATCH("CLAY", C$4:C1392, 0)), "")</f>
        <v>0.75203252561341039</v>
      </c>
    </row>
    <row r="1393" spans="1:6" x14ac:dyDescent="0.2">
      <c r="A1393" s="239">
        <f>'CPT Data'!B1401</f>
        <v>13.81</v>
      </c>
      <c r="B1393" s="3">
        <f>'CPT Data'!C1401</f>
        <v>13.803000000000001</v>
      </c>
      <c r="C1393" t="str">
        <f>'CPT Data'!P1401</f>
        <v>CLAY</v>
      </c>
      <c r="D1393">
        <f>'CPT Data'!Q1401</f>
        <v>18.899855016533973</v>
      </c>
      <c r="E1393">
        <f t="shared" si="22"/>
        <v>18.420621647137029</v>
      </c>
      <c r="F1393">
        <f>IF(C1393="CLAY", INDEX(D$4:D1393, MATCH("CLAY", C$4:C1393, 0)), "")</f>
        <v>0.75203252561341039</v>
      </c>
    </row>
    <row r="1394" spans="1:6" x14ac:dyDescent="0.2">
      <c r="A1394" s="239">
        <f>'CPT Data'!B1402</f>
        <v>13.819000000000001</v>
      </c>
      <c r="B1394" s="3">
        <f>'CPT Data'!C1402</f>
        <v>13.812000000000001</v>
      </c>
      <c r="C1394" t="str">
        <f>'CPT Data'!P1402</f>
        <v>CLAY</v>
      </c>
      <c r="D1394">
        <f>'CPT Data'!Q1402</f>
        <v>19.506101539479662</v>
      </c>
      <c r="E1394">
        <f t="shared" si="22"/>
        <v>18.899855016533973</v>
      </c>
      <c r="F1394">
        <f>IF(C1394="CLAY", INDEX(D$4:D1394, MATCH("CLAY", C$4:C1394, 0)), "")</f>
        <v>0.75203252561341039</v>
      </c>
    </row>
    <row r="1395" spans="1:6" x14ac:dyDescent="0.2">
      <c r="A1395" s="239">
        <f>'CPT Data'!B1403</f>
        <v>13.83</v>
      </c>
      <c r="B1395" s="3">
        <f>'CPT Data'!C1403</f>
        <v>13.823</v>
      </c>
      <c r="C1395" t="str">
        <f>'CPT Data'!P1403</f>
        <v>CLAY</v>
      </c>
      <c r="D1395">
        <f>'CPT Data'!Q1403</f>
        <v>19.929932930445688</v>
      </c>
      <c r="E1395">
        <f t="shared" si="22"/>
        <v>19.506101539479662</v>
      </c>
      <c r="F1395">
        <f>IF(C1395="CLAY", INDEX(D$4:D1395, MATCH("CLAY", C$4:C1395, 0)), "")</f>
        <v>0.75203252561341039</v>
      </c>
    </row>
    <row r="1396" spans="1:6" x14ac:dyDescent="0.2">
      <c r="A1396" s="239">
        <f>'CPT Data'!B1404</f>
        <v>13.84</v>
      </c>
      <c r="B1396" s="3">
        <f>'CPT Data'!C1404</f>
        <v>13.833</v>
      </c>
      <c r="C1396" t="str">
        <f>'CPT Data'!P1404</f>
        <v>CLAY</v>
      </c>
      <c r="D1396">
        <f>'CPT Data'!Q1404</f>
        <v>20.279323290787783</v>
      </c>
      <c r="E1396">
        <f t="shared" si="22"/>
        <v>19.929932930445688</v>
      </c>
      <c r="F1396">
        <f>IF(C1396="CLAY", INDEX(D$4:D1396, MATCH("CLAY", C$4:C1396, 0)), "")</f>
        <v>0.75203252561341039</v>
      </c>
    </row>
    <row r="1397" spans="1:6" x14ac:dyDescent="0.2">
      <c r="A1397" s="239">
        <f>'CPT Data'!B1405</f>
        <v>13.85</v>
      </c>
      <c r="B1397" s="3">
        <f>'CPT Data'!C1405</f>
        <v>13.843</v>
      </c>
      <c r="C1397" t="str">
        <f>'CPT Data'!P1405</f>
        <v>CLAY</v>
      </c>
      <c r="D1397">
        <f>'CPT Data'!Q1405</f>
        <v>21.165768670458714</v>
      </c>
      <c r="E1397">
        <f t="shared" si="22"/>
        <v>20.279323290787783</v>
      </c>
      <c r="F1397">
        <f>IF(C1397="CLAY", INDEX(D$4:D1397, MATCH("CLAY", C$4:C1397, 0)), "")</f>
        <v>0.75203252561341039</v>
      </c>
    </row>
    <row r="1398" spans="1:6" x14ac:dyDescent="0.2">
      <c r="A1398" s="239">
        <f>'CPT Data'!B1406</f>
        <v>13.86</v>
      </c>
      <c r="B1398" s="3">
        <f>'CPT Data'!C1406</f>
        <v>13.853</v>
      </c>
      <c r="C1398" t="str">
        <f>'CPT Data'!P1406</f>
        <v>CLAY</v>
      </c>
      <c r="D1398">
        <f>'CPT Data'!Q1406</f>
        <v>21.876127105219741</v>
      </c>
      <c r="E1398">
        <f t="shared" si="22"/>
        <v>21.165768670458714</v>
      </c>
      <c r="F1398">
        <f>IF(C1398="CLAY", INDEX(D$4:D1398, MATCH("CLAY", C$4:C1398, 0)), "")</f>
        <v>0.75203252561341039</v>
      </c>
    </row>
    <row r="1399" spans="1:6" x14ac:dyDescent="0.2">
      <c r="A1399" s="239">
        <f>'CPT Data'!B1407</f>
        <v>13.869</v>
      </c>
      <c r="B1399" s="3">
        <f>'CPT Data'!C1407</f>
        <v>13.862</v>
      </c>
      <c r="C1399" t="str">
        <f>'CPT Data'!P1407</f>
        <v>CLAY</v>
      </c>
      <c r="D1399">
        <f>'CPT Data'!Q1407</f>
        <v>22.068806591418369</v>
      </c>
      <c r="E1399">
        <f t="shared" si="22"/>
        <v>21.876127105219741</v>
      </c>
      <c r="F1399">
        <f>IF(C1399="CLAY", INDEX(D$4:D1399, MATCH("CLAY", C$4:C1399, 0)), "")</f>
        <v>0.75203252561341039</v>
      </c>
    </row>
    <row r="1400" spans="1:6" x14ac:dyDescent="0.2">
      <c r="A1400" s="239">
        <f>'CPT Data'!B1408</f>
        <v>13.88</v>
      </c>
      <c r="B1400" s="3">
        <f>'CPT Data'!C1408</f>
        <v>13.873000000000001</v>
      </c>
      <c r="C1400" t="str">
        <f>'CPT Data'!P1408</f>
        <v>CLAY</v>
      </c>
      <c r="D1400">
        <f>'CPT Data'!Q1408</f>
        <v>22.185064743098909</v>
      </c>
      <c r="E1400">
        <f t="shared" si="22"/>
        <v>22.068806591418369</v>
      </c>
      <c r="F1400">
        <f>IF(C1400="CLAY", INDEX(D$4:D1400, MATCH("CLAY", C$4:C1400, 0)), "")</f>
        <v>0.75203252561341039</v>
      </c>
    </row>
    <row r="1401" spans="1:6" x14ac:dyDescent="0.2">
      <c r="A1401" s="239">
        <f>'CPT Data'!B1409</f>
        <v>13.888999999999999</v>
      </c>
      <c r="B1401" s="3">
        <f>'CPT Data'!C1409</f>
        <v>13.882</v>
      </c>
      <c r="C1401" t="str">
        <f>'CPT Data'!P1409</f>
        <v>CLAY</v>
      </c>
      <c r="D1401">
        <f>'CPT Data'!Q1409</f>
        <v>22.572234558817001</v>
      </c>
      <c r="E1401">
        <f t="shared" si="22"/>
        <v>22.185064743098909</v>
      </c>
      <c r="F1401">
        <f>IF(C1401="CLAY", INDEX(D$4:D1401, MATCH("CLAY", C$4:C1401, 0)), "")</f>
        <v>0.75203252561341039</v>
      </c>
    </row>
    <row r="1402" spans="1:6" x14ac:dyDescent="0.2">
      <c r="A1402" s="239">
        <f>'CPT Data'!B1410</f>
        <v>13.9</v>
      </c>
      <c r="B1402" s="3">
        <f>'CPT Data'!C1410</f>
        <v>13.893000000000001</v>
      </c>
      <c r="C1402" t="str">
        <f>'CPT Data'!P1410</f>
        <v>CLAY</v>
      </c>
      <c r="D1402">
        <f>'CPT Data'!Q1410</f>
        <v>22.867850964629024</v>
      </c>
      <c r="E1402">
        <f t="shared" si="22"/>
        <v>22.572234558817001</v>
      </c>
      <c r="F1402">
        <f>IF(C1402="CLAY", INDEX(D$4:D1402, MATCH("CLAY", C$4:C1402, 0)), "")</f>
        <v>0.75203252561341039</v>
      </c>
    </row>
    <row r="1403" spans="1:6" x14ac:dyDescent="0.2">
      <c r="A1403" s="239">
        <f>'CPT Data'!B1411</f>
        <v>13.909000000000001</v>
      </c>
      <c r="B1403" s="3">
        <f>'CPT Data'!C1411</f>
        <v>13.902000000000001</v>
      </c>
      <c r="C1403" t="str">
        <f>'CPT Data'!P1411</f>
        <v>CLAY</v>
      </c>
      <c r="D1403">
        <f>'CPT Data'!Q1411</f>
        <v>23.035517448541203</v>
      </c>
      <c r="E1403">
        <f t="shared" si="22"/>
        <v>22.867850964629024</v>
      </c>
      <c r="F1403">
        <f>IF(C1403="CLAY", INDEX(D$4:D1403, MATCH("CLAY", C$4:C1403, 0)), "")</f>
        <v>0.75203252561341039</v>
      </c>
    </row>
    <row r="1404" spans="1:6" x14ac:dyDescent="0.2">
      <c r="A1404" s="239">
        <f>'CPT Data'!B1412</f>
        <v>13.919</v>
      </c>
      <c r="B1404" s="3">
        <f>'CPT Data'!C1412</f>
        <v>13.912000000000001</v>
      </c>
      <c r="C1404" t="str">
        <f>'CPT Data'!P1412</f>
        <v>CLAY</v>
      </c>
      <c r="D1404">
        <f>'CPT Data'!Q1412</f>
        <v>22.746022090372502</v>
      </c>
      <c r="E1404">
        <f t="shared" si="22"/>
        <v>23.035517448541203</v>
      </c>
      <c r="F1404">
        <f>IF(C1404="CLAY", INDEX(D$4:D1404, MATCH("CLAY", C$4:C1404, 0)), "")</f>
        <v>0.75203252561341039</v>
      </c>
    </row>
    <row r="1405" spans="1:6" x14ac:dyDescent="0.2">
      <c r="A1405" s="239">
        <f>'CPT Data'!B1413</f>
        <v>13.929</v>
      </c>
      <c r="B1405" s="3">
        <f>'CPT Data'!C1413</f>
        <v>13.922000000000001</v>
      </c>
      <c r="C1405" t="str">
        <f>'CPT Data'!P1413</f>
        <v>CLAY</v>
      </c>
      <c r="D1405">
        <f>'CPT Data'!Q1413</f>
        <v>21.938407358510485</v>
      </c>
      <c r="E1405">
        <f t="shared" si="22"/>
        <v>22.746022090372502</v>
      </c>
      <c r="F1405">
        <f>IF(C1405="CLAY", INDEX(D$4:D1405, MATCH("CLAY", C$4:C1405, 0)), "")</f>
        <v>0.75203252561341039</v>
      </c>
    </row>
    <row r="1406" spans="1:6" x14ac:dyDescent="0.2">
      <c r="A1406" s="239">
        <f>'CPT Data'!B1414</f>
        <v>13.939</v>
      </c>
      <c r="B1406" s="3">
        <f>'CPT Data'!C1414</f>
        <v>13.932</v>
      </c>
      <c r="C1406" t="str">
        <f>'CPT Data'!P1414</f>
        <v>CLAY</v>
      </c>
      <c r="D1406">
        <f>'CPT Data'!Q1414</f>
        <v>21.457321291769361</v>
      </c>
      <c r="E1406">
        <f t="shared" si="22"/>
        <v>21.938407358510485</v>
      </c>
      <c r="F1406">
        <f>IF(C1406="CLAY", INDEX(D$4:D1406, MATCH("CLAY", C$4:C1406, 0)), "")</f>
        <v>0.75203252561341039</v>
      </c>
    </row>
    <row r="1407" spans="1:6" x14ac:dyDescent="0.2">
      <c r="A1407" s="239">
        <f>'CPT Data'!B1415</f>
        <v>13.949</v>
      </c>
      <c r="B1407" s="3">
        <f>'CPT Data'!C1415</f>
        <v>13.942</v>
      </c>
      <c r="C1407" t="str">
        <f>'CPT Data'!P1415</f>
        <v>CLAY</v>
      </c>
      <c r="D1407">
        <f>'CPT Data'!Q1415</f>
        <v>22.011431743834475</v>
      </c>
      <c r="E1407">
        <f t="shared" si="22"/>
        <v>21.457321291769361</v>
      </c>
      <c r="F1407">
        <f>IF(C1407="CLAY", INDEX(D$4:D1407, MATCH("CLAY", C$4:C1407, 0)), "")</f>
        <v>0.75203252561341039</v>
      </c>
    </row>
    <row r="1408" spans="1:6" x14ac:dyDescent="0.2">
      <c r="A1408" s="239">
        <f>'CPT Data'!B1416</f>
        <v>13.96</v>
      </c>
      <c r="B1408" s="3">
        <f>'CPT Data'!C1416</f>
        <v>13.953000000000001</v>
      </c>
      <c r="C1408" t="str">
        <f>'CPT Data'!P1416</f>
        <v>CLAY</v>
      </c>
      <c r="D1408">
        <f>'CPT Data'!Q1416</f>
        <v>22.239854462757602</v>
      </c>
      <c r="E1408">
        <f t="shared" si="22"/>
        <v>22.011431743834475</v>
      </c>
      <c r="F1408">
        <f>IF(C1408="CLAY", INDEX(D$4:D1408, MATCH("CLAY", C$4:C1408, 0)), "")</f>
        <v>0.75203252561341039</v>
      </c>
    </row>
    <row r="1409" spans="1:6" x14ac:dyDescent="0.2">
      <c r="A1409" s="239">
        <f>'CPT Data'!B1417</f>
        <v>13.968999999999999</v>
      </c>
      <c r="B1409" s="3">
        <f>'CPT Data'!C1417</f>
        <v>13.962</v>
      </c>
      <c r="C1409" t="str">
        <f>'CPT Data'!P1417</f>
        <v>CLAY</v>
      </c>
      <c r="D1409">
        <f>'CPT Data'!Q1417</f>
        <v>22.297983421895879</v>
      </c>
      <c r="E1409">
        <f t="shared" si="22"/>
        <v>22.239854462757602</v>
      </c>
      <c r="F1409">
        <f>IF(C1409="CLAY", INDEX(D$4:D1409, MATCH("CLAY", C$4:C1409, 0)), "")</f>
        <v>0.75203252561341039</v>
      </c>
    </row>
    <row r="1410" spans="1:6" x14ac:dyDescent="0.2">
      <c r="A1410" s="239">
        <f>'CPT Data'!B1418</f>
        <v>13.978999999999999</v>
      </c>
      <c r="B1410" s="3">
        <f>'CPT Data'!C1418</f>
        <v>13.972</v>
      </c>
      <c r="C1410" t="str">
        <f>'CPT Data'!P1418</f>
        <v>CLAY</v>
      </c>
      <c r="D1410">
        <f>'CPT Data'!Q1418</f>
        <v>22.189506205755084</v>
      </c>
      <c r="E1410">
        <f t="shared" si="22"/>
        <v>22.297983421895879</v>
      </c>
      <c r="F1410">
        <f>IF(C1410="CLAY", INDEX(D$4:D1410, MATCH("CLAY", C$4:C1410, 0)), "")</f>
        <v>0.75203252561341039</v>
      </c>
    </row>
    <row r="1411" spans="1:6" x14ac:dyDescent="0.2">
      <c r="A1411" s="239">
        <f>'CPT Data'!B1419</f>
        <v>13.989000000000001</v>
      </c>
      <c r="B1411" s="3">
        <f>'CPT Data'!C1419</f>
        <v>13.982000000000001</v>
      </c>
      <c r="C1411" t="str">
        <f>'CPT Data'!P1419</f>
        <v>CLAY</v>
      </c>
      <c r="D1411">
        <f>'CPT Data'!Q1419</f>
        <v>22.220993300056886</v>
      </c>
      <c r="E1411">
        <f t="shared" si="22"/>
        <v>22.189506205755084</v>
      </c>
      <c r="F1411">
        <f>IF(C1411="CLAY", INDEX(D$4:D1411, MATCH("CLAY", C$4:C1411, 0)), "")</f>
        <v>0.75203252561341039</v>
      </c>
    </row>
    <row r="1412" spans="1:6" x14ac:dyDescent="0.2">
      <c r="A1412" s="239">
        <f>'CPT Data'!B1420</f>
        <v>14</v>
      </c>
      <c r="B1412" s="3">
        <f>'CPT Data'!C1420</f>
        <v>13.993</v>
      </c>
      <c r="C1412" t="str">
        <f>'CPT Data'!P1420</f>
        <v>CLAY</v>
      </c>
      <c r="D1412">
        <f>'CPT Data'!Q1420</f>
        <v>22.66160147515124</v>
      </c>
      <c r="E1412">
        <f t="shared" si="22"/>
        <v>22.220993300056886</v>
      </c>
      <c r="F1412">
        <f>IF(C1412="CLAY", INDEX(D$4:D1412, MATCH("CLAY", C$4:C1412, 0)), "")</f>
        <v>0.75203252561341039</v>
      </c>
    </row>
    <row r="1413" spans="1:6" x14ac:dyDescent="0.2">
      <c r="A1413" s="239">
        <f>'CPT Data'!B1421</f>
        <v>14.01</v>
      </c>
      <c r="B1413" s="3">
        <f>'CPT Data'!C1421</f>
        <v>14.003</v>
      </c>
      <c r="C1413" t="str">
        <f>'CPT Data'!P1421</f>
        <v>CLAY</v>
      </c>
      <c r="D1413">
        <f>'CPT Data'!Q1421</f>
        <v>22.932706693222631</v>
      </c>
      <c r="E1413">
        <f t="shared" si="22"/>
        <v>22.66160147515124</v>
      </c>
      <c r="F1413">
        <f>IF(C1413="CLAY", INDEX(D$4:D1413, MATCH("CLAY", C$4:C1413, 0)), "")</f>
        <v>0.75203252561341039</v>
      </c>
    </row>
    <row r="1414" spans="1:6" x14ac:dyDescent="0.2">
      <c r="A1414" s="239">
        <f>'CPT Data'!B1422</f>
        <v>14.02</v>
      </c>
      <c r="B1414" s="3">
        <f>'CPT Data'!C1422</f>
        <v>14.013</v>
      </c>
      <c r="C1414" t="str">
        <f>'CPT Data'!P1422</f>
        <v>CLAY</v>
      </c>
      <c r="D1414">
        <f>'CPT Data'!Q1422</f>
        <v>23.43701221194047</v>
      </c>
      <c r="E1414">
        <f t="shared" si="22"/>
        <v>22.932706693222631</v>
      </c>
      <c r="F1414">
        <f>IF(C1414="CLAY", INDEX(D$4:D1414, MATCH("CLAY", C$4:C1414, 0)), "")</f>
        <v>0.75203252561341039</v>
      </c>
    </row>
    <row r="1415" spans="1:6" x14ac:dyDescent="0.2">
      <c r="A1415" s="239">
        <f>'CPT Data'!B1423</f>
        <v>14.03</v>
      </c>
      <c r="B1415" s="3">
        <f>'CPT Data'!C1423</f>
        <v>14.023</v>
      </c>
      <c r="C1415" t="str">
        <f>'CPT Data'!P1423</f>
        <v>CLAY</v>
      </c>
      <c r="D1415">
        <f>'CPT Data'!Q1423</f>
        <v>23.776695562988436</v>
      </c>
      <c r="E1415">
        <f t="shared" si="22"/>
        <v>23.43701221194047</v>
      </c>
      <c r="F1415">
        <f>IF(C1415="CLAY", INDEX(D$4:D1415, MATCH("CLAY", C$4:C1415, 0)), "")</f>
        <v>0.75203252561341039</v>
      </c>
    </row>
    <row r="1416" spans="1:6" x14ac:dyDescent="0.2">
      <c r="A1416" s="239">
        <f>'CPT Data'!B1424</f>
        <v>14.04</v>
      </c>
      <c r="B1416" s="3">
        <f>'CPT Data'!C1424</f>
        <v>14.032999999999999</v>
      </c>
      <c r="C1416" t="str">
        <f>'CPT Data'!P1424</f>
        <v>CLAY</v>
      </c>
      <c r="D1416">
        <f>'CPT Data'!Q1424</f>
        <v>23.783982095616039</v>
      </c>
      <c r="E1416">
        <f t="shared" si="22"/>
        <v>23.776695562988436</v>
      </c>
      <c r="F1416">
        <f>IF(C1416="CLAY", INDEX(D$4:D1416, MATCH("CLAY", C$4:C1416, 0)), "")</f>
        <v>0.75203252561341039</v>
      </c>
    </row>
    <row r="1417" spans="1:6" x14ac:dyDescent="0.2">
      <c r="A1417" s="239">
        <f>'CPT Data'!B1425</f>
        <v>14.05</v>
      </c>
      <c r="B1417" s="3">
        <f>'CPT Data'!C1425</f>
        <v>14.043000000000001</v>
      </c>
      <c r="C1417" t="str">
        <f>'CPT Data'!P1425</f>
        <v>CLAY</v>
      </c>
      <c r="D1417">
        <f>'CPT Data'!Q1425</f>
        <v>23.569286581777629</v>
      </c>
      <c r="E1417">
        <f t="shared" si="22"/>
        <v>23.783982095616039</v>
      </c>
      <c r="F1417">
        <f>IF(C1417="CLAY", INDEX(D$4:D1417, MATCH("CLAY", C$4:C1417, 0)), "")</f>
        <v>0.75203252561341039</v>
      </c>
    </row>
    <row r="1418" spans="1:6" x14ac:dyDescent="0.2">
      <c r="A1418" s="239">
        <f>'CPT Data'!B1426</f>
        <v>14.061</v>
      </c>
      <c r="B1418" s="3">
        <f>'CPT Data'!C1426</f>
        <v>14.054</v>
      </c>
      <c r="C1418" t="str">
        <f>'CPT Data'!P1426</f>
        <v>CLAY</v>
      </c>
      <c r="D1418">
        <f>'CPT Data'!Q1426</f>
        <v>23.172523639676569</v>
      </c>
      <c r="E1418">
        <f t="shared" si="22"/>
        <v>23.569286581777629</v>
      </c>
      <c r="F1418">
        <f>IF(C1418="CLAY", INDEX(D$4:D1418, MATCH("CLAY", C$4:C1418, 0)), "")</f>
        <v>0.75203252561341039</v>
      </c>
    </row>
    <row r="1419" spans="1:6" x14ac:dyDescent="0.2">
      <c r="A1419" s="239">
        <f>'CPT Data'!B1427</f>
        <v>14.07</v>
      </c>
      <c r="B1419" s="3">
        <f>'CPT Data'!C1427</f>
        <v>14.063000000000001</v>
      </c>
      <c r="C1419" t="str">
        <f>'CPT Data'!P1427</f>
        <v>CLAY</v>
      </c>
      <c r="D1419">
        <f>'CPT Data'!Q1427</f>
        <v>22.937642267801408</v>
      </c>
      <c r="E1419">
        <f t="shared" si="22"/>
        <v>23.172523639676569</v>
      </c>
      <c r="F1419">
        <f>IF(C1419="CLAY", INDEX(D$4:D1419, MATCH("CLAY", C$4:C1419, 0)), "")</f>
        <v>0.75203252561341039</v>
      </c>
    </row>
    <row r="1420" spans="1:6" x14ac:dyDescent="0.2">
      <c r="A1420" s="239">
        <f>'CPT Data'!B1428</f>
        <v>14.08</v>
      </c>
      <c r="B1420" s="3">
        <f>'CPT Data'!C1428</f>
        <v>14.073</v>
      </c>
      <c r="C1420" t="str">
        <f>'CPT Data'!P1428</f>
        <v>CLAY</v>
      </c>
      <c r="D1420">
        <f>'CPT Data'!Q1428</f>
        <v>23.083446467813662</v>
      </c>
      <c r="E1420">
        <f t="shared" si="22"/>
        <v>22.937642267801408</v>
      </c>
      <c r="F1420">
        <f>IF(C1420="CLAY", INDEX(D$4:D1420, MATCH("CLAY", C$4:C1420, 0)), "")</f>
        <v>0.75203252561341039</v>
      </c>
    </row>
    <row r="1421" spans="1:6" x14ac:dyDescent="0.2">
      <c r="A1421" s="239">
        <f>'CPT Data'!B1429</f>
        <v>14.089</v>
      </c>
      <c r="B1421" s="3">
        <f>'CPT Data'!C1429</f>
        <v>14.082000000000001</v>
      </c>
      <c r="C1421" t="str">
        <f>'CPT Data'!P1429</f>
        <v>CLAY</v>
      </c>
      <c r="D1421">
        <f>'CPT Data'!Q1429</f>
        <v>23.126877584446447</v>
      </c>
      <c r="E1421">
        <f t="shared" si="22"/>
        <v>23.083446467813662</v>
      </c>
      <c r="F1421">
        <f>IF(C1421="CLAY", INDEX(D$4:D1421, MATCH("CLAY", C$4:C1421, 0)), "")</f>
        <v>0.75203252561341039</v>
      </c>
    </row>
    <row r="1422" spans="1:6" x14ac:dyDescent="0.2">
      <c r="A1422" s="239">
        <f>'CPT Data'!B1430</f>
        <v>14.1</v>
      </c>
      <c r="B1422" s="3">
        <f>'CPT Data'!C1430</f>
        <v>14.093</v>
      </c>
      <c r="C1422" t="str">
        <f>'CPT Data'!P1430</f>
        <v>CLAY</v>
      </c>
      <c r="D1422">
        <f>'CPT Data'!Q1430</f>
        <v>23.503385354044514</v>
      </c>
      <c r="E1422">
        <f t="shared" si="22"/>
        <v>23.126877584446447</v>
      </c>
      <c r="F1422">
        <f>IF(C1422="CLAY", INDEX(D$4:D1422, MATCH("CLAY", C$4:C1422, 0)), "")</f>
        <v>0.75203252561341039</v>
      </c>
    </row>
    <row r="1423" spans="1:6" x14ac:dyDescent="0.2">
      <c r="A1423" s="239">
        <f>'CPT Data'!B1431</f>
        <v>14.11</v>
      </c>
      <c r="B1423" s="3">
        <f>'CPT Data'!C1431</f>
        <v>14.103</v>
      </c>
      <c r="C1423" t="str">
        <f>'CPT Data'!P1431</f>
        <v>CLAY</v>
      </c>
      <c r="D1423">
        <f>'CPT Data'!Q1431</f>
        <v>23.570179865354721</v>
      </c>
      <c r="E1423">
        <f t="shared" si="22"/>
        <v>23.503385354044514</v>
      </c>
      <c r="F1423">
        <f>IF(C1423="CLAY", INDEX(D$4:D1423, MATCH("CLAY", C$4:C1423, 0)), "")</f>
        <v>0.75203252561341039</v>
      </c>
    </row>
    <row r="1424" spans="1:6" x14ac:dyDescent="0.2">
      <c r="A1424" s="239">
        <f>'CPT Data'!B1432</f>
        <v>14.12</v>
      </c>
      <c r="B1424" s="3">
        <f>'CPT Data'!C1432</f>
        <v>14.113</v>
      </c>
      <c r="C1424" t="str">
        <f>'CPT Data'!P1432</f>
        <v>CLAY</v>
      </c>
      <c r="D1424">
        <f>'CPT Data'!Q1432</f>
        <v>23.466029205636669</v>
      </c>
      <c r="E1424">
        <f t="shared" si="22"/>
        <v>23.570179865354721</v>
      </c>
      <c r="F1424">
        <f>IF(C1424="CLAY", INDEX(D$4:D1424, MATCH("CLAY", C$4:C1424, 0)), "")</f>
        <v>0.75203252561341039</v>
      </c>
    </row>
    <row r="1425" spans="1:6" x14ac:dyDescent="0.2">
      <c r="A1425" s="239">
        <f>'CPT Data'!B1433</f>
        <v>14.13</v>
      </c>
      <c r="B1425" s="3">
        <f>'CPT Data'!C1433</f>
        <v>14.123000000000001</v>
      </c>
      <c r="C1425" t="str">
        <f>'CPT Data'!P1433</f>
        <v>CLAY</v>
      </c>
      <c r="D1425">
        <f>'CPT Data'!Q1433</f>
        <v>23.227189709606009</v>
      </c>
      <c r="E1425">
        <f t="shared" si="22"/>
        <v>23.466029205636669</v>
      </c>
      <c r="F1425">
        <f>IF(C1425="CLAY", INDEX(D$4:D1425, MATCH("CLAY", C$4:C1425, 0)), "")</f>
        <v>0.75203252561341039</v>
      </c>
    </row>
    <row r="1426" spans="1:6" x14ac:dyDescent="0.2">
      <c r="A1426" s="239">
        <f>'CPT Data'!B1434</f>
        <v>14.14</v>
      </c>
      <c r="B1426" s="3">
        <f>'CPT Data'!C1434</f>
        <v>14.133000000000001</v>
      </c>
      <c r="C1426" t="str">
        <f>'CPT Data'!P1434</f>
        <v>CLAY</v>
      </c>
      <c r="D1426">
        <f>'CPT Data'!Q1434</f>
        <v>22.942669206639689</v>
      </c>
      <c r="E1426">
        <f t="shared" si="22"/>
        <v>23.227189709606009</v>
      </c>
      <c r="F1426">
        <f>IF(C1426="CLAY", INDEX(D$4:D1426, MATCH("CLAY", C$4:C1426, 0)), "")</f>
        <v>0.75203252561341039</v>
      </c>
    </row>
    <row r="1427" spans="1:6" x14ac:dyDescent="0.2">
      <c r="A1427" s="239">
        <f>'CPT Data'!B1435</f>
        <v>14.151</v>
      </c>
      <c r="B1427" s="3">
        <f>'CPT Data'!C1435</f>
        <v>14.144</v>
      </c>
      <c r="C1427" t="str">
        <f>'CPT Data'!P1435</f>
        <v>CLAY</v>
      </c>
      <c r="D1427">
        <f>'CPT Data'!Q1435</f>
        <v>23.020190198651971</v>
      </c>
      <c r="E1427">
        <f t="shared" si="22"/>
        <v>22.942669206639689</v>
      </c>
      <c r="F1427">
        <f>IF(C1427="CLAY", INDEX(D$4:D1427, MATCH("CLAY", C$4:C1427, 0)), "")</f>
        <v>0.75203252561341039</v>
      </c>
    </row>
    <row r="1428" spans="1:6" x14ac:dyDescent="0.2">
      <c r="A1428" s="239">
        <f>'CPT Data'!B1436</f>
        <v>14.161</v>
      </c>
      <c r="B1428" s="3">
        <f>'CPT Data'!C1436</f>
        <v>14.154</v>
      </c>
      <c r="C1428" t="str">
        <f>'CPT Data'!P1436</f>
        <v>CLAY</v>
      </c>
      <c r="D1428">
        <f>'CPT Data'!Q1436</f>
        <v>23.171886158251159</v>
      </c>
      <c r="E1428">
        <f t="shared" si="22"/>
        <v>23.020190198651971</v>
      </c>
      <c r="F1428">
        <f>IF(C1428="CLAY", INDEX(D$4:D1428, MATCH("CLAY", C$4:C1428, 0)), "")</f>
        <v>0.75203252561341039</v>
      </c>
    </row>
    <row r="1429" spans="1:6" x14ac:dyDescent="0.2">
      <c r="A1429" s="239">
        <f>'CPT Data'!B1437</f>
        <v>14.170999999999999</v>
      </c>
      <c r="B1429" s="3">
        <f>'CPT Data'!C1437</f>
        <v>14.164</v>
      </c>
      <c r="C1429" t="str">
        <f>'CPT Data'!P1437</f>
        <v>CLAY</v>
      </c>
      <c r="D1429">
        <f>'CPT Data'!Q1437</f>
        <v>23.206300412660767</v>
      </c>
      <c r="E1429">
        <f t="shared" si="22"/>
        <v>23.171886158251159</v>
      </c>
      <c r="F1429">
        <f>IF(C1429="CLAY", INDEX(D$4:D1429, MATCH("CLAY", C$4:C1429, 0)), "")</f>
        <v>0.75203252561341039</v>
      </c>
    </row>
    <row r="1430" spans="1:6" x14ac:dyDescent="0.2">
      <c r="A1430" s="239">
        <f>'CPT Data'!B1438</f>
        <v>14.180999999999999</v>
      </c>
      <c r="B1430" s="3">
        <f>'CPT Data'!C1438</f>
        <v>14.173999999999999</v>
      </c>
      <c r="C1430" t="str">
        <f>'CPT Data'!P1438</f>
        <v>CLAY</v>
      </c>
      <c r="D1430">
        <f>'CPT Data'!Q1438</f>
        <v>23.087704295992964</v>
      </c>
      <c r="E1430">
        <f t="shared" si="22"/>
        <v>23.206300412660767</v>
      </c>
      <c r="F1430">
        <f>IF(C1430="CLAY", INDEX(D$4:D1430, MATCH("CLAY", C$4:C1430, 0)), "")</f>
        <v>0.75203252561341039</v>
      </c>
    </row>
    <row r="1431" spans="1:6" x14ac:dyDescent="0.2">
      <c r="A1431" s="239">
        <f>'CPT Data'!B1439</f>
        <v>14.19</v>
      </c>
      <c r="B1431" s="3">
        <f>'CPT Data'!C1439</f>
        <v>14.183</v>
      </c>
      <c r="C1431" t="str">
        <f>'CPT Data'!P1439</f>
        <v>CLAY</v>
      </c>
      <c r="D1431">
        <f>'CPT Data'!Q1439</f>
        <v>23.024889840695607</v>
      </c>
      <c r="E1431">
        <f t="shared" si="22"/>
        <v>23.087704295992964</v>
      </c>
      <c r="F1431">
        <f>IF(C1431="CLAY", INDEX(D$4:D1431, MATCH("CLAY", C$4:C1431, 0)), "")</f>
        <v>0.75203252561341039</v>
      </c>
    </row>
    <row r="1432" spans="1:6" x14ac:dyDescent="0.2">
      <c r="A1432" s="239">
        <f>'CPT Data'!B1440</f>
        <v>14.201000000000001</v>
      </c>
      <c r="B1432" s="3">
        <f>'CPT Data'!C1440</f>
        <v>14.194000000000001</v>
      </c>
      <c r="C1432" t="str">
        <f>'CPT Data'!P1440</f>
        <v>CLAY</v>
      </c>
      <c r="D1432">
        <f>'CPT Data'!Q1440</f>
        <v>22.911593452985016</v>
      </c>
      <c r="E1432">
        <f t="shared" si="22"/>
        <v>23.024889840695607</v>
      </c>
      <c r="F1432">
        <f>IF(C1432="CLAY", INDEX(D$4:D1432, MATCH("CLAY", C$4:C1432, 0)), "")</f>
        <v>0.75203252561341039</v>
      </c>
    </row>
    <row r="1433" spans="1:6" x14ac:dyDescent="0.2">
      <c r="A1433" s="239">
        <f>'CPT Data'!B1441</f>
        <v>14.211</v>
      </c>
      <c r="B1433" s="3">
        <f>'CPT Data'!C1441</f>
        <v>14.204000000000001</v>
      </c>
      <c r="C1433" t="str">
        <f>'CPT Data'!P1441</f>
        <v>CLAY</v>
      </c>
      <c r="D1433">
        <f>'CPT Data'!Q1441</f>
        <v>22.870477761213014</v>
      </c>
      <c r="E1433">
        <f t="shared" si="22"/>
        <v>22.911593452985016</v>
      </c>
      <c r="F1433">
        <f>IF(C1433="CLAY", INDEX(D$4:D1433, MATCH("CLAY", C$4:C1433, 0)), "")</f>
        <v>0.75203252561341039</v>
      </c>
    </row>
    <row r="1434" spans="1:6" x14ac:dyDescent="0.2">
      <c r="A1434" s="239">
        <f>'CPT Data'!B1442</f>
        <v>14.221</v>
      </c>
      <c r="B1434" s="3">
        <f>'CPT Data'!C1442</f>
        <v>14.214</v>
      </c>
      <c r="C1434" t="str">
        <f>'CPT Data'!P1442</f>
        <v>CLAY</v>
      </c>
      <c r="D1434">
        <f>'CPT Data'!Q1442</f>
        <v>22.722133762367211</v>
      </c>
      <c r="E1434">
        <f t="shared" si="22"/>
        <v>22.870477761213014</v>
      </c>
      <c r="F1434">
        <f>IF(C1434="CLAY", INDEX(D$4:D1434, MATCH("CLAY", C$4:C1434, 0)), "")</f>
        <v>0.75203252561341039</v>
      </c>
    </row>
    <row r="1435" spans="1:6" x14ac:dyDescent="0.2">
      <c r="A1435" s="239">
        <f>'CPT Data'!B1443</f>
        <v>14.23</v>
      </c>
      <c r="B1435" s="3">
        <f>'CPT Data'!C1443</f>
        <v>14.223000000000001</v>
      </c>
      <c r="C1435" t="str">
        <f>'CPT Data'!P1443</f>
        <v>CLAY</v>
      </c>
      <c r="D1435">
        <f>'CPT Data'!Q1443</f>
        <v>22.502813245528724</v>
      </c>
      <c r="E1435">
        <f t="shared" ref="E1435:E1498" si="23">IF(C1435="SAND",#N/A,IF(C1435=C1434,D1434,IF(C1435="CLAY",D1435,#N/A)))</f>
        <v>22.722133762367211</v>
      </c>
      <c r="F1435">
        <f>IF(C1435="CLAY", INDEX(D$4:D1435, MATCH("CLAY", C$4:C1435, 0)), "")</f>
        <v>0.75203252561341039</v>
      </c>
    </row>
    <row r="1436" spans="1:6" x14ac:dyDescent="0.2">
      <c r="A1436" s="239">
        <f>'CPT Data'!B1444</f>
        <v>14.241</v>
      </c>
      <c r="B1436" s="3">
        <f>'CPT Data'!C1444</f>
        <v>14.234</v>
      </c>
      <c r="C1436" t="str">
        <f>'CPT Data'!P1444</f>
        <v>CLAY</v>
      </c>
      <c r="D1436">
        <f>'CPT Data'!Q1444</f>
        <v>22.196745814320295</v>
      </c>
      <c r="E1436">
        <f t="shared" si="23"/>
        <v>22.502813245528724</v>
      </c>
      <c r="F1436">
        <f>IF(C1436="CLAY", INDEX(D$4:D1436, MATCH("CLAY", C$4:C1436, 0)), "")</f>
        <v>0.75203252561341039</v>
      </c>
    </row>
    <row r="1437" spans="1:6" x14ac:dyDescent="0.2">
      <c r="A1437" s="239">
        <f>'CPT Data'!B1445</f>
        <v>14.25</v>
      </c>
      <c r="B1437" s="3">
        <f>'CPT Data'!C1445</f>
        <v>14.243</v>
      </c>
      <c r="C1437" t="str">
        <f>'CPT Data'!P1445</f>
        <v>CLAY</v>
      </c>
      <c r="D1437">
        <f>'CPT Data'!Q1445</f>
        <v>22.013454023208784</v>
      </c>
      <c r="E1437">
        <f t="shared" si="23"/>
        <v>22.196745814320295</v>
      </c>
      <c r="F1437">
        <f>IF(C1437="CLAY", INDEX(D$4:D1437, MATCH("CLAY", C$4:C1437, 0)), "")</f>
        <v>0.75203252561341039</v>
      </c>
    </row>
    <row r="1438" spans="1:6" x14ac:dyDescent="0.2">
      <c r="A1438" s="239">
        <f>'CPT Data'!B1446</f>
        <v>14.26</v>
      </c>
      <c r="B1438" s="3">
        <f>'CPT Data'!C1446</f>
        <v>14.253</v>
      </c>
      <c r="C1438" t="str">
        <f>'CPT Data'!P1446</f>
        <v>CLAY</v>
      </c>
      <c r="D1438">
        <f>'CPT Data'!Q1446</f>
        <v>22.300393426767258</v>
      </c>
      <c r="E1438">
        <f t="shared" si="23"/>
        <v>22.013454023208784</v>
      </c>
      <c r="F1438">
        <f>IF(C1438="CLAY", INDEX(D$4:D1438, MATCH("CLAY", C$4:C1438, 0)), "")</f>
        <v>0.75203252561341039</v>
      </c>
    </row>
    <row r="1439" spans="1:6" x14ac:dyDescent="0.2">
      <c r="A1439" s="239">
        <f>'CPT Data'!B1447</f>
        <v>14.27</v>
      </c>
      <c r="B1439" s="3">
        <f>'CPT Data'!C1447</f>
        <v>14.263</v>
      </c>
      <c r="C1439" t="str">
        <f>'CPT Data'!P1447</f>
        <v>CLAY</v>
      </c>
      <c r="D1439">
        <f>'CPT Data'!Q1447</f>
        <v>22.627037829671764</v>
      </c>
      <c r="E1439">
        <f t="shared" si="23"/>
        <v>22.300393426767258</v>
      </c>
      <c r="F1439">
        <f>IF(C1439="CLAY", INDEX(D$4:D1439, MATCH("CLAY", C$4:C1439, 0)), "")</f>
        <v>0.75203252561341039</v>
      </c>
    </row>
    <row r="1440" spans="1:6" x14ac:dyDescent="0.2">
      <c r="A1440" s="239">
        <f>'CPT Data'!B1448</f>
        <v>14.28</v>
      </c>
      <c r="B1440" s="3">
        <f>'CPT Data'!C1448</f>
        <v>14.273</v>
      </c>
      <c r="C1440" t="str">
        <f>'CPT Data'!P1448</f>
        <v>CLAY</v>
      </c>
      <c r="D1440">
        <f>'CPT Data'!Q1448</f>
        <v>22.795224455875069</v>
      </c>
      <c r="E1440">
        <f t="shared" si="23"/>
        <v>22.627037829671764</v>
      </c>
      <c r="F1440">
        <f>IF(C1440="CLAY", INDEX(D$4:D1440, MATCH("CLAY", C$4:C1440, 0)), "")</f>
        <v>0.75203252561341039</v>
      </c>
    </row>
    <row r="1441" spans="1:6" x14ac:dyDescent="0.2">
      <c r="A1441" s="239">
        <f>'CPT Data'!B1449</f>
        <v>14.291</v>
      </c>
      <c r="B1441" s="3">
        <f>'CPT Data'!C1449</f>
        <v>14.284000000000001</v>
      </c>
      <c r="C1441" t="str">
        <f>'CPT Data'!P1449</f>
        <v>CLAY</v>
      </c>
      <c r="D1441">
        <f>'CPT Data'!Q1449</f>
        <v>22.843148499990491</v>
      </c>
      <c r="E1441">
        <f t="shared" si="23"/>
        <v>22.795224455875069</v>
      </c>
      <c r="F1441">
        <f>IF(C1441="CLAY", INDEX(D$4:D1441, MATCH("CLAY", C$4:C1441, 0)), "")</f>
        <v>0.75203252561341039</v>
      </c>
    </row>
    <row r="1442" spans="1:6" x14ac:dyDescent="0.2">
      <c r="A1442" s="239">
        <f>'CPT Data'!B1450</f>
        <v>14.3</v>
      </c>
      <c r="B1442" s="3">
        <f>'CPT Data'!C1450</f>
        <v>14.293000000000001</v>
      </c>
      <c r="C1442" t="str">
        <f>'CPT Data'!P1450</f>
        <v>CLAY</v>
      </c>
      <c r="D1442">
        <f>'CPT Data'!Q1450</f>
        <v>22.884095852447</v>
      </c>
      <c r="E1442">
        <f t="shared" si="23"/>
        <v>22.843148499990491</v>
      </c>
      <c r="F1442">
        <f>IF(C1442="CLAY", INDEX(D$4:D1442, MATCH("CLAY", C$4:C1442, 0)), "")</f>
        <v>0.75203252561341039</v>
      </c>
    </row>
    <row r="1443" spans="1:6" x14ac:dyDescent="0.2">
      <c r="A1443" s="239">
        <f>'CPT Data'!B1451</f>
        <v>14.31</v>
      </c>
      <c r="B1443" s="3">
        <f>'CPT Data'!C1451</f>
        <v>14.303000000000001</v>
      </c>
      <c r="C1443" t="str">
        <f>'CPT Data'!P1451</f>
        <v>CLAY</v>
      </c>
      <c r="D1443">
        <f>'CPT Data'!Q1451</f>
        <v>23.189394154745468</v>
      </c>
      <c r="E1443">
        <f t="shared" si="23"/>
        <v>22.884095852447</v>
      </c>
      <c r="F1443">
        <f>IF(C1443="CLAY", INDEX(D$4:D1443, MATCH("CLAY", C$4:C1443, 0)), "")</f>
        <v>0.75203252561341039</v>
      </c>
    </row>
    <row r="1444" spans="1:6" x14ac:dyDescent="0.2">
      <c r="A1444" s="239">
        <f>'CPT Data'!B1452</f>
        <v>14.321</v>
      </c>
      <c r="B1444" s="3">
        <f>'CPT Data'!C1452</f>
        <v>14.314</v>
      </c>
      <c r="C1444" t="str">
        <f>'CPT Data'!P1452</f>
        <v>CLAY</v>
      </c>
      <c r="D1444">
        <f>'CPT Data'!Q1452</f>
        <v>23.350158972233629</v>
      </c>
      <c r="E1444">
        <f t="shared" si="23"/>
        <v>23.189394154745468</v>
      </c>
      <c r="F1444">
        <f>IF(C1444="CLAY", INDEX(D$4:D1444, MATCH("CLAY", C$4:C1444, 0)), "")</f>
        <v>0.75203252561341039</v>
      </c>
    </row>
    <row r="1445" spans="1:6" x14ac:dyDescent="0.2">
      <c r="A1445" s="239">
        <f>'CPT Data'!B1453</f>
        <v>14.33</v>
      </c>
      <c r="B1445" s="3">
        <f>'CPT Data'!C1453</f>
        <v>14.323</v>
      </c>
      <c r="C1445" t="str">
        <f>'CPT Data'!P1453</f>
        <v>CLAY</v>
      </c>
      <c r="D1445">
        <f>'CPT Data'!Q1453</f>
        <v>23.480733601734983</v>
      </c>
      <c r="E1445">
        <f t="shared" si="23"/>
        <v>23.350158972233629</v>
      </c>
      <c r="F1445">
        <f>IF(C1445="CLAY", INDEX(D$4:D1445, MATCH("CLAY", C$4:C1445, 0)), "")</f>
        <v>0.75203252561341039</v>
      </c>
    </row>
    <row r="1446" spans="1:6" x14ac:dyDescent="0.2">
      <c r="A1446" s="239">
        <f>'CPT Data'!B1454</f>
        <v>14.340999999999999</v>
      </c>
      <c r="B1446" s="3">
        <f>'CPT Data'!C1454</f>
        <v>14.334</v>
      </c>
      <c r="C1446" t="str">
        <f>'CPT Data'!P1454</f>
        <v>CLAY</v>
      </c>
      <c r="D1446">
        <f>'CPT Data'!Q1454</f>
        <v>23.57348742613884</v>
      </c>
      <c r="E1446">
        <f t="shared" si="23"/>
        <v>23.480733601734983</v>
      </c>
      <c r="F1446">
        <f>IF(C1446="CLAY", INDEX(D$4:D1446, MATCH("CLAY", C$4:C1446, 0)), "")</f>
        <v>0.75203252561341039</v>
      </c>
    </row>
    <row r="1447" spans="1:6" x14ac:dyDescent="0.2">
      <c r="A1447" s="239">
        <f>'CPT Data'!B1455</f>
        <v>14.35</v>
      </c>
      <c r="B1447" s="3">
        <f>'CPT Data'!C1455</f>
        <v>14.343</v>
      </c>
      <c r="C1447" t="str">
        <f>'CPT Data'!P1455</f>
        <v>CLAY</v>
      </c>
      <c r="D1447">
        <f>'CPT Data'!Q1455</f>
        <v>23.799076855124273</v>
      </c>
      <c r="E1447">
        <f t="shared" si="23"/>
        <v>23.57348742613884</v>
      </c>
      <c r="F1447">
        <f>IF(C1447="CLAY", INDEX(D$4:D1447, MATCH("CLAY", C$4:C1447, 0)), "")</f>
        <v>0.75203252561341039</v>
      </c>
    </row>
    <row r="1448" spans="1:6" x14ac:dyDescent="0.2">
      <c r="A1448" s="239">
        <f>'CPT Data'!B1456</f>
        <v>14.361000000000001</v>
      </c>
      <c r="B1448" s="3">
        <f>'CPT Data'!C1456</f>
        <v>14.354000000000001</v>
      </c>
      <c r="C1448" t="str">
        <f>'CPT Data'!P1456</f>
        <v>CLAY</v>
      </c>
      <c r="D1448">
        <f>'CPT Data'!Q1456</f>
        <v>23.899198781898832</v>
      </c>
      <c r="E1448">
        <f t="shared" si="23"/>
        <v>23.799076855124273</v>
      </c>
      <c r="F1448">
        <f>IF(C1448="CLAY", INDEX(D$4:D1448, MATCH("CLAY", C$4:C1448, 0)), "")</f>
        <v>0.75203252561341039</v>
      </c>
    </row>
    <row r="1449" spans="1:6" x14ac:dyDescent="0.2">
      <c r="A1449" s="239">
        <f>'CPT Data'!B1457</f>
        <v>14.371</v>
      </c>
      <c r="B1449" s="3">
        <f>'CPT Data'!C1457</f>
        <v>14.364000000000001</v>
      </c>
      <c r="C1449" t="str">
        <f>'CPT Data'!P1457</f>
        <v>CLAY</v>
      </c>
      <c r="D1449">
        <f>'CPT Data'!Q1457</f>
        <v>23.753481592512713</v>
      </c>
      <c r="E1449">
        <f t="shared" si="23"/>
        <v>23.899198781898832</v>
      </c>
      <c r="F1449">
        <f>IF(C1449="CLAY", INDEX(D$4:D1449, MATCH("CLAY", C$4:C1449, 0)), "")</f>
        <v>0.75203252561341039</v>
      </c>
    </row>
    <row r="1450" spans="1:6" x14ac:dyDescent="0.2">
      <c r="A1450" s="239">
        <f>'CPT Data'!B1458</f>
        <v>14.381</v>
      </c>
      <c r="B1450" s="3">
        <f>'CPT Data'!C1458</f>
        <v>14.374000000000001</v>
      </c>
      <c r="C1450" t="str">
        <f>'CPT Data'!P1458</f>
        <v>CLAY</v>
      </c>
      <c r="D1450">
        <f>'CPT Data'!Q1458</f>
        <v>23.868323998228039</v>
      </c>
      <c r="E1450">
        <f t="shared" si="23"/>
        <v>23.753481592512713</v>
      </c>
      <c r="F1450">
        <f>IF(C1450="CLAY", INDEX(D$4:D1450, MATCH("CLAY", C$4:C1450, 0)), "")</f>
        <v>0.75203252561341039</v>
      </c>
    </row>
    <row r="1451" spans="1:6" x14ac:dyDescent="0.2">
      <c r="A1451" s="239">
        <f>'CPT Data'!B1459</f>
        <v>14.391</v>
      </c>
      <c r="B1451" s="3">
        <f>'CPT Data'!C1459</f>
        <v>14.384</v>
      </c>
      <c r="C1451" t="str">
        <f>'CPT Data'!P1459</f>
        <v>CLAY</v>
      </c>
      <c r="D1451">
        <f>'CPT Data'!Q1459</f>
        <v>24.177805351717939</v>
      </c>
      <c r="E1451">
        <f t="shared" si="23"/>
        <v>23.868323998228039</v>
      </c>
      <c r="F1451">
        <f>IF(C1451="CLAY", INDEX(D$4:D1451, MATCH("CLAY", C$4:C1451, 0)), "")</f>
        <v>0.75203252561341039</v>
      </c>
    </row>
    <row r="1452" spans="1:6" x14ac:dyDescent="0.2">
      <c r="A1452" s="239">
        <f>'CPT Data'!B1460</f>
        <v>14.401</v>
      </c>
      <c r="B1452" s="3">
        <f>'CPT Data'!C1460</f>
        <v>14.394</v>
      </c>
      <c r="C1452" t="str">
        <f>'CPT Data'!P1460</f>
        <v>CLAY</v>
      </c>
      <c r="D1452">
        <f>'CPT Data'!Q1460</f>
        <v>24.291641641610781</v>
      </c>
      <c r="E1452">
        <f t="shared" si="23"/>
        <v>24.177805351717939</v>
      </c>
      <c r="F1452">
        <f>IF(C1452="CLAY", INDEX(D$4:D1452, MATCH("CLAY", C$4:C1452, 0)), "")</f>
        <v>0.75203252561341039</v>
      </c>
    </row>
    <row r="1453" spans="1:6" x14ac:dyDescent="0.2">
      <c r="A1453" s="239">
        <f>'CPT Data'!B1461</f>
        <v>14.41</v>
      </c>
      <c r="B1453" s="3">
        <f>'CPT Data'!C1461</f>
        <v>14.403</v>
      </c>
      <c r="C1453" t="str">
        <f>'CPT Data'!P1461</f>
        <v>CLAY</v>
      </c>
      <c r="D1453">
        <f>'CPT Data'!Q1461</f>
        <v>24.166645178379952</v>
      </c>
      <c r="E1453">
        <f t="shared" si="23"/>
        <v>24.291641641610781</v>
      </c>
      <c r="F1453">
        <f>IF(C1453="CLAY", INDEX(D$4:D1453, MATCH("CLAY", C$4:C1453, 0)), "")</f>
        <v>0.75203252561341039</v>
      </c>
    </row>
    <row r="1454" spans="1:6" x14ac:dyDescent="0.2">
      <c r="A1454" s="239">
        <f>'CPT Data'!B1462</f>
        <v>14.42</v>
      </c>
      <c r="B1454" s="3">
        <f>'CPT Data'!C1462</f>
        <v>14.413</v>
      </c>
      <c r="C1454" t="str">
        <f>'CPT Data'!P1462</f>
        <v>CLAY</v>
      </c>
      <c r="D1454">
        <f>'CPT Data'!Q1462</f>
        <v>24.06892972301581</v>
      </c>
      <c r="E1454">
        <f t="shared" si="23"/>
        <v>24.166645178379952</v>
      </c>
      <c r="F1454">
        <f>IF(C1454="CLAY", INDEX(D$4:D1454, MATCH("CLAY", C$4:C1454, 0)), "")</f>
        <v>0.75203252561341039</v>
      </c>
    </row>
    <row r="1455" spans="1:6" x14ac:dyDescent="0.2">
      <c r="A1455" s="239">
        <f>'CPT Data'!B1463</f>
        <v>14.430999999999999</v>
      </c>
      <c r="B1455" s="3">
        <f>'CPT Data'!C1463</f>
        <v>14.423999999999999</v>
      </c>
      <c r="C1455" t="str">
        <f>'CPT Data'!P1463</f>
        <v>CLAY</v>
      </c>
      <c r="D1455">
        <f>'CPT Data'!Q1463</f>
        <v>24.221578168069485</v>
      </c>
      <c r="E1455">
        <f t="shared" si="23"/>
        <v>24.06892972301581</v>
      </c>
      <c r="F1455">
        <f>IF(C1455="CLAY", INDEX(D$4:D1455, MATCH("CLAY", C$4:C1455, 0)), "")</f>
        <v>0.75203252561341039</v>
      </c>
    </row>
    <row r="1456" spans="1:6" x14ac:dyDescent="0.2">
      <c r="A1456" s="239">
        <f>'CPT Data'!B1464</f>
        <v>14.44</v>
      </c>
      <c r="B1456" s="3">
        <f>'CPT Data'!C1464</f>
        <v>14.433</v>
      </c>
      <c r="C1456" t="str">
        <f>'CPT Data'!P1464</f>
        <v>CLAY</v>
      </c>
      <c r="D1456">
        <f>'CPT Data'!Q1464</f>
        <v>24.062071721665319</v>
      </c>
      <c r="E1456">
        <f t="shared" si="23"/>
        <v>24.221578168069485</v>
      </c>
      <c r="F1456">
        <f>IF(C1456="CLAY", INDEX(D$4:D1456, MATCH("CLAY", C$4:C1456, 0)), "")</f>
        <v>0.75203252561341039</v>
      </c>
    </row>
    <row r="1457" spans="1:6" x14ac:dyDescent="0.2">
      <c r="A1457" s="239">
        <f>'CPT Data'!B1465</f>
        <v>14.45</v>
      </c>
      <c r="B1457" s="3">
        <f>'CPT Data'!C1465</f>
        <v>14.443</v>
      </c>
      <c r="C1457" t="str">
        <f>'CPT Data'!P1465</f>
        <v>CLAY</v>
      </c>
      <c r="D1457">
        <f>'CPT Data'!Q1465</f>
        <v>24.081930651968573</v>
      </c>
      <c r="E1457">
        <f t="shared" si="23"/>
        <v>24.062071721665319</v>
      </c>
      <c r="F1457">
        <f>IF(C1457="CLAY", INDEX(D$4:D1457, MATCH("CLAY", C$4:C1457, 0)), "")</f>
        <v>0.75203252561341039</v>
      </c>
    </row>
    <row r="1458" spans="1:6" x14ac:dyDescent="0.2">
      <c r="A1458" s="239">
        <f>'CPT Data'!B1466</f>
        <v>14.46</v>
      </c>
      <c r="B1458" s="3">
        <f>'CPT Data'!C1466</f>
        <v>14.453000000000001</v>
      </c>
      <c r="C1458" t="str">
        <f>'CPT Data'!P1466</f>
        <v>CLAY</v>
      </c>
      <c r="D1458">
        <f>'CPT Data'!Q1466</f>
        <v>24.019040583989476</v>
      </c>
      <c r="E1458">
        <f t="shared" si="23"/>
        <v>24.081930651968573</v>
      </c>
      <c r="F1458">
        <f>IF(C1458="CLAY", INDEX(D$4:D1458, MATCH("CLAY", C$4:C1458, 0)), "")</f>
        <v>0.75203252561341039</v>
      </c>
    </row>
    <row r="1459" spans="1:6" x14ac:dyDescent="0.2">
      <c r="A1459" s="239">
        <f>'CPT Data'!B1467</f>
        <v>14.471</v>
      </c>
      <c r="B1459" s="3">
        <f>'CPT Data'!C1467</f>
        <v>14.464</v>
      </c>
      <c r="C1459" t="str">
        <f>'CPT Data'!P1467</f>
        <v>CLAY</v>
      </c>
      <c r="D1459">
        <f>'CPT Data'!Q1467</f>
        <v>23.519752468380272</v>
      </c>
      <c r="E1459">
        <f t="shared" si="23"/>
        <v>24.019040583989476</v>
      </c>
      <c r="F1459">
        <f>IF(C1459="CLAY", INDEX(D$4:D1459, MATCH("CLAY", C$4:C1459, 0)), "")</f>
        <v>0.75203252561341039</v>
      </c>
    </row>
    <row r="1460" spans="1:6" x14ac:dyDescent="0.2">
      <c r="A1460" s="239">
        <f>'CPT Data'!B1468</f>
        <v>14.481</v>
      </c>
      <c r="B1460" s="3">
        <f>'CPT Data'!C1468</f>
        <v>14.474</v>
      </c>
      <c r="C1460" t="str">
        <f>'CPT Data'!P1468</f>
        <v>CLAY</v>
      </c>
      <c r="D1460">
        <f>'CPT Data'!Q1468</f>
        <v>23.104472277230673</v>
      </c>
      <c r="E1460">
        <f t="shared" si="23"/>
        <v>23.519752468380272</v>
      </c>
      <c r="F1460">
        <f>IF(C1460="CLAY", INDEX(D$4:D1460, MATCH("CLAY", C$4:C1460, 0)), "")</f>
        <v>0.75203252561341039</v>
      </c>
    </row>
    <row r="1461" spans="1:6" x14ac:dyDescent="0.2">
      <c r="A1461" s="239">
        <f>'CPT Data'!B1469</f>
        <v>14.491</v>
      </c>
      <c r="B1461" s="3">
        <f>'CPT Data'!C1469</f>
        <v>14.484</v>
      </c>
      <c r="C1461" t="str">
        <f>'CPT Data'!P1469</f>
        <v>CLAY</v>
      </c>
      <c r="D1461">
        <f>'CPT Data'!Q1469</f>
        <v>22.73248140605212</v>
      </c>
      <c r="E1461">
        <f t="shared" si="23"/>
        <v>23.104472277230673</v>
      </c>
      <c r="F1461">
        <f>IF(C1461="CLAY", INDEX(D$4:D1461, MATCH("CLAY", C$4:C1461, 0)), "")</f>
        <v>0.75203252561341039</v>
      </c>
    </row>
    <row r="1462" spans="1:6" x14ac:dyDescent="0.2">
      <c r="A1462" s="239">
        <f>'CPT Data'!B1470</f>
        <v>14.5</v>
      </c>
      <c r="B1462" s="3">
        <f>'CPT Data'!C1470</f>
        <v>14.493</v>
      </c>
      <c r="C1462" t="str">
        <f>'CPT Data'!P1470</f>
        <v>CLAY</v>
      </c>
      <c r="D1462">
        <f>'CPT Data'!Q1470</f>
        <v>22.631659439308603</v>
      </c>
      <c r="E1462">
        <f t="shared" si="23"/>
        <v>22.73248140605212</v>
      </c>
      <c r="F1462">
        <f>IF(C1462="CLAY", INDEX(D$4:D1462, MATCH("CLAY", C$4:C1462, 0)), "")</f>
        <v>0.75203252561341039</v>
      </c>
    </row>
    <row r="1463" spans="1:6" x14ac:dyDescent="0.2">
      <c r="A1463" s="239">
        <f>'CPT Data'!B1471</f>
        <v>14.510999999999999</v>
      </c>
      <c r="B1463" s="3">
        <f>'CPT Data'!C1471</f>
        <v>14.504</v>
      </c>
      <c r="C1463" t="str">
        <f>'CPT Data'!P1471</f>
        <v>CLAY</v>
      </c>
      <c r="D1463">
        <f>'CPT Data'!Q1471</f>
        <v>22.506789564816732</v>
      </c>
      <c r="E1463">
        <f t="shared" si="23"/>
        <v>22.631659439308603</v>
      </c>
      <c r="F1463">
        <f>IF(C1463="CLAY", INDEX(D$4:D1463, MATCH("CLAY", C$4:C1463, 0)), "")</f>
        <v>0.75203252561341039</v>
      </c>
    </row>
    <row r="1464" spans="1:6" x14ac:dyDescent="0.2">
      <c r="A1464" s="239">
        <f>'CPT Data'!B1472</f>
        <v>14.521000000000001</v>
      </c>
      <c r="B1464" s="3">
        <f>'CPT Data'!C1472</f>
        <v>14.514000000000001</v>
      </c>
      <c r="C1464" t="str">
        <f>'CPT Data'!P1472</f>
        <v>CLAY</v>
      </c>
      <c r="D1464">
        <f>'CPT Data'!Q1472</f>
        <v>22.588974908165795</v>
      </c>
      <c r="E1464">
        <f t="shared" si="23"/>
        <v>22.506789564816732</v>
      </c>
      <c r="F1464">
        <f>IF(C1464="CLAY", INDEX(D$4:D1464, MATCH("CLAY", C$4:C1464, 0)), "")</f>
        <v>0.75203252561341039</v>
      </c>
    </row>
    <row r="1465" spans="1:6" x14ac:dyDescent="0.2">
      <c r="A1465" s="239">
        <f>'CPT Data'!B1473</f>
        <v>14.53</v>
      </c>
      <c r="B1465" s="3">
        <f>'CPT Data'!C1473</f>
        <v>14.523</v>
      </c>
      <c r="C1465" t="str">
        <f>'CPT Data'!P1473</f>
        <v>CLAY</v>
      </c>
      <c r="D1465">
        <f>'CPT Data'!Q1473</f>
        <v>23.096134477647912</v>
      </c>
      <c r="E1465">
        <f t="shared" si="23"/>
        <v>22.588974908165795</v>
      </c>
      <c r="F1465">
        <f>IF(C1465="CLAY", INDEX(D$4:D1465, MATCH("CLAY", C$4:C1465, 0)), "")</f>
        <v>0.75203252561341039</v>
      </c>
    </row>
    <row r="1466" spans="1:6" x14ac:dyDescent="0.2">
      <c r="A1466" s="239">
        <f>'CPT Data'!B1474</f>
        <v>14.541</v>
      </c>
      <c r="B1466" s="3">
        <f>'CPT Data'!C1474</f>
        <v>14.534000000000001</v>
      </c>
      <c r="C1466" t="str">
        <f>'CPT Data'!P1474</f>
        <v>CLAY</v>
      </c>
      <c r="D1466">
        <f>'CPT Data'!Q1474</f>
        <v>23.238249152475976</v>
      </c>
      <c r="E1466">
        <f t="shared" si="23"/>
        <v>23.096134477647912</v>
      </c>
      <c r="F1466">
        <f>IF(C1466="CLAY", INDEX(D$4:D1466, MATCH("CLAY", C$4:C1466, 0)), "")</f>
        <v>0.75203252561341039</v>
      </c>
    </row>
    <row r="1467" spans="1:6" x14ac:dyDescent="0.2">
      <c r="A1467" s="239">
        <f>'CPT Data'!B1475</f>
        <v>14.551</v>
      </c>
      <c r="B1467" s="3">
        <f>'CPT Data'!C1475</f>
        <v>14.544</v>
      </c>
      <c r="C1467" t="str">
        <f>'CPT Data'!P1475</f>
        <v>CLAY</v>
      </c>
      <c r="D1467">
        <f>'CPT Data'!Q1475</f>
        <v>22.956463204425287</v>
      </c>
      <c r="E1467">
        <f t="shared" si="23"/>
        <v>23.238249152475976</v>
      </c>
      <c r="F1467">
        <f>IF(C1467="CLAY", INDEX(D$4:D1467, MATCH("CLAY", C$4:C1467, 0)), "")</f>
        <v>0.75203252561341039</v>
      </c>
    </row>
    <row r="1468" spans="1:6" x14ac:dyDescent="0.2">
      <c r="A1468" s="239">
        <f>'CPT Data'!B1476</f>
        <v>14.561</v>
      </c>
      <c r="B1468" s="3">
        <f>'CPT Data'!C1476</f>
        <v>14.554</v>
      </c>
      <c r="C1468" t="str">
        <f>'CPT Data'!P1476</f>
        <v>CLAY</v>
      </c>
      <c r="D1468">
        <f>'CPT Data'!Q1476</f>
        <v>22.737418631606953</v>
      </c>
      <c r="E1468">
        <f t="shared" si="23"/>
        <v>22.956463204425287</v>
      </c>
      <c r="F1468">
        <f>IF(C1468="CLAY", INDEX(D$4:D1468, MATCH("CLAY", C$4:C1468, 0)), "")</f>
        <v>0.75203252561341039</v>
      </c>
    </row>
    <row r="1469" spans="1:6" x14ac:dyDescent="0.2">
      <c r="A1469" s="239">
        <f>'CPT Data'!B1477</f>
        <v>14.57</v>
      </c>
      <c r="B1469" s="3">
        <f>'CPT Data'!C1477</f>
        <v>14.563000000000001</v>
      </c>
      <c r="C1469" t="str">
        <f>'CPT Data'!P1477</f>
        <v>CLAY</v>
      </c>
      <c r="D1469">
        <f>'CPT Data'!Q1477</f>
        <v>22.529505110631334</v>
      </c>
      <c r="E1469">
        <f t="shared" si="23"/>
        <v>22.737418631606953</v>
      </c>
      <c r="F1469">
        <f>IF(C1469="CLAY", INDEX(D$4:D1469, MATCH("CLAY", C$4:C1469, 0)), "")</f>
        <v>0.75203252561341039</v>
      </c>
    </row>
    <row r="1470" spans="1:6" x14ac:dyDescent="0.2">
      <c r="A1470" s="239">
        <f>'CPT Data'!B1478</f>
        <v>14.581</v>
      </c>
      <c r="B1470" s="3">
        <f>'CPT Data'!C1478</f>
        <v>14.574</v>
      </c>
      <c r="C1470" t="str">
        <f>'CPT Data'!P1478</f>
        <v>CLAY</v>
      </c>
      <c r="D1470">
        <f>'CPT Data'!Q1478</f>
        <v>22.337044698463007</v>
      </c>
      <c r="E1470">
        <f t="shared" si="23"/>
        <v>22.529505110631334</v>
      </c>
      <c r="F1470">
        <f>IF(C1470="CLAY", INDEX(D$4:D1470, MATCH("CLAY", C$4:C1470, 0)), "")</f>
        <v>0.75203252561341039</v>
      </c>
    </row>
    <row r="1471" spans="1:6" x14ac:dyDescent="0.2">
      <c r="A1471" s="239">
        <f>'CPT Data'!B1479</f>
        <v>14.59</v>
      </c>
      <c r="B1471" s="3">
        <f>'CPT Data'!C1479</f>
        <v>14.583</v>
      </c>
      <c r="C1471" t="str">
        <f>'CPT Data'!P1479</f>
        <v>CLAY</v>
      </c>
      <c r="D1471">
        <f>'CPT Data'!Q1479</f>
        <v>22.353307330716252</v>
      </c>
      <c r="E1471">
        <f t="shared" si="23"/>
        <v>22.337044698463007</v>
      </c>
      <c r="F1471">
        <f>IF(C1471="CLAY", INDEX(D$4:D1471, MATCH("CLAY", C$4:C1471, 0)), "")</f>
        <v>0.75203252561341039</v>
      </c>
    </row>
    <row r="1472" spans="1:6" x14ac:dyDescent="0.2">
      <c r="A1472" s="239">
        <f>'CPT Data'!B1480</f>
        <v>14.6</v>
      </c>
      <c r="B1472" s="3">
        <f>'CPT Data'!C1480</f>
        <v>14.593</v>
      </c>
      <c r="C1472" t="str">
        <f>'CPT Data'!P1480</f>
        <v>CLAY</v>
      </c>
      <c r="D1472">
        <f>'CPT Data'!Q1480</f>
        <v>22.303934833575465</v>
      </c>
      <c r="E1472">
        <f t="shared" si="23"/>
        <v>22.353307330716252</v>
      </c>
      <c r="F1472">
        <f>IF(C1472="CLAY", INDEX(D$4:D1472, MATCH("CLAY", C$4:C1472, 0)), "")</f>
        <v>0.75203252561341039</v>
      </c>
    </row>
    <row r="1473" spans="1:6" x14ac:dyDescent="0.2">
      <c r="A1473" s="239">
        <f>'CPT Data'!B1481</f>
        <v>14.61</v>
      </c>
      <c r="B1473" s="3">
        <f>'CPT Data'!C1481</f>
        <v>14.603</v>
      </c>
      <c r="C1473" t="str">
        <f>'CPT Data'!P1481</f>
        <v>CLAY</v>
      </c>
      <c r="D1473">
        <f>'CPT Data'!Q1481</f>
        <v>22.159572709297795</v>
      </c>
      <c r="E1473">
        <f t="shared" si="23"/>
        <v>22.303934833575465</v>
      </c>
      <c r="F1473">
        <f>IF(C1473="CLAY", INDEX(D$4:D1473, MATCH("CLAY", C$4:C1473, 0)), "")</f>
        <v>0.75203252561341039</v>
      </c>
    </row>
    <row r="1474" spans="1:6" x14ac:dyDescent="0.2">
      <c r="A1474" s="239">
        <f>'CPT Data'!B1482</f>
        <v>14.619</v>
      </c>
      <c r="B1474" s="3">
        <f>'CPT Data'!C1482</f>
        <v>14.612</v>
      </c>
      <c r="C1474" t="str">
        <f>'CPT Data'!P1482</f>
        <v>CLAY</v>
      </c>
      <c r="D1474">
        <f>'CPT Data'!Q1482</f>
        <v>22.154850985465398</v>
      </c>
      <c r="E1474">
        <f t="shared" si="23"/>
        <v>22.159572709297795</v>
      </c>
      <c r="F1474">
        <f>IF(C1474="CLAY", INDEX(D$4:D1474, MATCH("CLAY", C$4:C1474, 0)), "")</f>
        <v>0.75203252561341039</v>
      </c>
    </row>
    <row r="1475" spans="1:6" x14ac:dyDescent="0.2">
      <c r="A1475" s="239">
        <f>'CPT Data'!B1483</f>
        <v>14.63</v>
      </c>
      <c r="B1475" s="3">
        <f>'CPT Data'!C1483</f>
        <v>14.623000000000001</v>
      </c>
      <c r="C1475" t="str">
        <f>'CPT Data'!P1483</f>
        <v>CLAY</v>
      </c>
      <c r="D1475">
        <f>'CPT Data'!Q1483</f>
        <v>22.092669198312635</v>
      </c>
      <c r="E1475">
        <f t="shared" si="23"/>
        <v>22.154850985465398</v>
      </c>
      <c r="F1475">
        <f>IF(C1475="CLAY", INDEX(D$4:D1475, MATCH("CLAY", C$4:C1475, 0)), "")</f>
        <v>0.75203252561341039</v>
      </c>
    </row>
    <row r="1476" spans="1:6" x14ac:dyDescent="0.2">
      <c r="A1476" s="239">
        <f>'CPT Data'!B1484</f>
        <v>14.64</v>
      </c>
      <c r="B1476" s="3">
        <f>'CPT Data'!C1484</f>
        <v>14.633000000000001</v>
      </c>
      <c r="C1476" t="str">
        <f>'CPT Data'!P1484</f>
        <v>CLAY</v>
      </c>
      <c r="D1476">
        <f>'CPT Data'!Q1484</f>
        <v>22.330622814654976</v>
      </c>
      <c r="E1476">
        <f t="shared" si="23"/>
        <v>22.092669198312635</v>
      </c>
      <c r="F1476">
        <f>IF(C1476="CLAY", INDEX(D$4:D1476, MATCH("CLAY", C$4:C1476, 0)), "")</f>
        <v>0.75203252561341039</v>
      </c>
    </row>
    <row r="1477" spans="1:6" x14ac:dyDescent="0.2">
      <c r="A1477" s="239">
        <f>'CPT Data'!B1485</f>
        <v>14.65</v>
      </c>
      <c r="B1477" s="3">
        <f>'CPT Data'!C1485</f>
        <v>14.643000000000001</v>
      </c>
      <c r="C1477" t="str">
        <f>'CPT Data'!P1485</f>
        <v>CLAY</v>
      </c>
      <c r="D1477">
        <f>'CPT Data'!Q1485</f>
        <v>22.460869878688879</v>
      </c>
      <c r="E1477">
        <f t="shared" si="23"/>
        <v>22.330622814654976</v>
      </c>
      <c r="F1477">
        <f>IF(C1477="CLAY", INDEX(D$4:D1477, MATCH("CLAY", C$4:C1477, 0)), "")</f>
        <v>0.75203252561341039</v>
      </c>
    </row>
    <row r="1478" spans="1:6" x14ac:dyDescent="0.2">
      <c r="A1478" s="239">
        <f>'CPT Data'!B1486</f>
        <v>14.66</v>
      </c>
      <c r="B1478" s="3">
        <f>'CPT Data'!C1486</f>
        <v>14.653</v>
      </c>
      <c r="C1478" t="str">
        <f>'CPT Data'!P1486</f>
        <v>CLAY</v>
      </c>
      <c r="D1478">
        <f>'CPT Data'!Q1486</f>
        <v>22.358813019893045</v>
      </c>
      <c r="E1478">
        <f t="shared" si="23"/>
        <v>22.460869878688879</v>
      </c>
      <c r="F1478">
        <f>IF(C1478="CLAY", INDEX(D$4:D1478, MATCH("CLAY", C$4:C1478, 0)), "")</f>
        <v>0.75203252561341039</v>
      </c>
    </row>
    <row r="1479" spans="1:6" x14ac:dyDescent="0.2">
      <c r="A1479" s="239">
        <f>'CPT Data'!B1487</f>
        <v>14.670999999999999</v>
      </c>
      <c r="B1479" s="3">
        <f>'CPT Data'!C1487</f>
        <v>14.664</v>
      </c>
      <c r="C1479" t="str">
        <f>'CPT Data'!P1487</f>
        <v>CLAY</v>
      </c>
      <c r="D1479">
        <f>'CPT Data'!Q1487</f>
        <v>22.495988407947845</v>
      </c>
      <c r="E1479">
        <f t="shared" si="23"/>
        <v>22.358813019893045</v>
      </c>
      <c r="F1479">
        <f>IF(C1479="CLAY", INDEX(D$4:D1479, MATCH("CLAY", C$4:C1479, 0)), "")</f>
        <v>0.75203252561341039</v>
      </c>
    </row>
    <row r="1480" spans="1:6" x14ac:dyDescent="0.2">
      <c r="A1480" s="239">
        <f>'CPT Data'!B1488</f>
        <v>14.68</v>
      </c>
      <c r="B1480" s="3">
        <f>'CPT Data'!C1488</f>
        <v>14.673</v>
      </c>
      <c r="C1480" t="str">
        <f>'CPT Data'!P1488</f>
        <v>CLAY</v>
      </c>
      <c r="D1480">
        <f>'CPT Data'!Q1488</f>
        <v>22.330148182199853</v>
      </c>
      <c r="E1480">
        <f t="shared" si="23"/>
        <v>22.495988407947845</v>
      </c>
      <c r="F1480">
        <f>IF(C1480="CLAY", INDEX(D$4:D1480, MATCH("CLAY", C$4:C1480, 0)), "")</f>
        <v>0.75203252561341039</v>
      </c>
    </row>
    <row r="1481" spans="1:6" x14ac:dyDescent="0.2">
      <c r="A1481" s="239">
        <f>'CPT Data'!B1489</f>
        <v>14.691000000000001</v>
      </c>
      <c r="B1481" s="3">
        <f>'CPT Data'!C1489</f>
        <v>14.684000000000001</v>
      </c>
      <c r="C1481" t="str">
        <f>'CPT Data'!P1489</f>
        <v>CLAY</v>
      </c>
      <c r="D1481">
        <f>'CPT Data'!Q1489</f>
        <v>22.134687201330681</v>
      </c>
      <c r="E1481">
        <f t="shared" si="23"/>
        <v>22.330148182199853</v>
      </c>
      <c r="F1481">
        <f>IF(C1481="CLAY", INDEX(D$4:D1481, MATCH("CLAY", C$4:C1481, 0)), "")</f>
        <v>0.75203252561341039</v>
      </c>
    </row>
    <row r="1482" spans="1:6" x14ac:dyDescent="0.2">
      <c r="A1482" s="239">
        <f>'CPT Data'!B1490</f>
        <v>14.7</v>
      </c>
      <c r="B1482" s="3">
        <f>'CPT Data'!C1490</f>
        <v>14.693</v>
      </c>
      <c r="C1482" t="str">
        <f>'CPT Data'!P1490</f>
        <v>CLAY</v>
      </c>
      <c r="D1482">
        <f>'CPT Data'!Q1490</f>
        <v>22.199767723369103</v>
      </c>
      <c r="E1482">
        <f t="shared" si="23"/>
        <v>22.134687201330681</v>
      </c>
      <c r="F1482">
        <f>IF(C1482="CLAY", INDEX(D$4:D1482, MATCH("CLAY", C$4:C1482, 0)), "")</f>
        <v>0.75203252561341039</v>
      </c>
    </row>
    <row r="1483" spans="1:6" x14ac:dyDescent="0.2">
      <c r="A1483" s="239">
        <f>'CPT Data'!B1491</f>
        <v>14.71</v>
      </c>
      <c r="B1483" s="3">
        <f>'CPT Data'!C1491</f>
        <v>14.703000000000001</v>
      </c>
      <c r="C1483" t="str">
        <f>'CPT Data'!P1491</f>
        <v>CLAY</v>
      </c>
      <c r="D1483">
        <f>'CPT Data'!Q1491</f>
        <v>22.129001397456751</v>
      </c>
      <c r="E1483">
        <f t="shared" si="23"/>
        <v>22.199767723369103</v>
      </c>
      <c r="F1483">
        <f>IF(C1483="CLAY", INDEX(D$4:D1483, MATCH("CLAY", C$4:C1483, 0)), "")</f>
        <v>0.75203252561341039</v>
      </c>
    </row>
    <row r="1484" spans="1:6" x14ac:dyDescent="0.2">
      <c r="A1484" s="239">
        <f>'CPT Data'!B1492</f>
        <v>14.72</v>
      </c>
      <c r="B1484" s="3">
        <f>'CPT Data'!C1492</f>
        <v>14.713000000000001</v>
      </c>
      <c r="C1484" t="str">
        <f>'CPT Data'!P1492</f>
        <v>CLAY</v>
      </c>
      <c r="D1484">
        <f>'CPT Data'!Q1492</f>
        <v>22.34381768567124</v>
      </c>
      <c r="E1484">
        <f t="shared" si="23"/>
        <v>22.129001397456751</v>
      </c>
      <c r="F1484">
        <f>IF(C1484="CLAY", INDEX(D$4:D1484, MATCH("CLAY", C$4:C1484, 0)), "")</f>
        <v>0.75203252561341039</v>
      </c>
    </row>
    <row r="1485" spans="1:6" x14ac:dyDescent="0.2">
      <c r="A1485" s="239">
        <f>'CPT Data'!B1493</f>
        <v>14.73</v>
      </c>
      <c r="B1485" s="3">
        <f>'CPT Data'!C1493</f>
        <v>14.723000000000001</v>
      </c>
      <c r="C1485" t="str">
        <f>'CPT Data'!P1493</f>
        <v>CLAY</v>
      </c>
      <c r="D1485">
        <f>'CPT Data'!Q1493</f>
        <v>22.430627799347917</v>
      </c>
      <c r="E1485">
        <f t="shared" si="23"/>
        <v>22.34381768567124</v>
      </c>
      <c r="F1485">
        <f>IF(C1485="CLAY", INDEX(D$4:D1485, MATCH("CLAY", C$4:C1485, 0)), "")</f>
        <v>0.75203252561341039</v>
      </c>
    </row>
    <row r="1486" spans="1:6" x14ac:dyDescent="0.2">
      <c r="A1486" s="239">
        <f>'CPT Data'!B1494</f>
        <v>14.741</v>
      </c>
      <c r="B1486" s="3">
        <f>'CPT Data'!C1494</f>
        <v>14.734</v>
      </c>
      <c r="C1486" t="str">
        <f>'CPT Data'!P1494</f>
        <v>CLAY</v>
      </c>
      <c r="D1486">
        <f>'CPT Data'!Q1494</f>
        <v>22.203218509243637</v>
      </c>
      <c r="E1486">
        <f t="shared" si="23"/>
        <v>22.430627799347917</v>
      </c>
      <c r="F1486">
        <f>IF(C1486="CLAY", INDEX(D$4:D1486, MATCH("CLAY", C$4:C1486, 0)), "")</f>
        <v>0.75203252561341039</v>
      </c>
    </row>
    <row r="1487" spans="1:6" x14ac:dyDescent="0.2">
      <c r="A1487" s="239">
        <f>'CPT Data'!B1495</f>
        <v>14.75</v>
      </c>
      <c r="B1487" s="3">
        <f>'CPT Data'!C1495</f>
        <v>14.743</v>
      </c>
      <c r="C1487" t="str">
        <f>'CPT Data'!P1495</f>
        <v>CLAY</v>
      </c>
      <c r="D1487">
        <f>'CPT Data'!Q1495</f>
        <v>21.947035244244329</v>
      </c>
      <c r="E1487">
        <f t="shared" si="23"/>
        <v>22.203218509243637</v>
      </c>
      <c r="F1487">
        <f>IF(C1487="CLAY", INDEX(D$4:D1487, MATCH("CLAY", C$4:C1487, 0)), "")</f>
        <v>0.75203252561341039</v>
      </c>
    </row>
    <row r="1488" spans="1:6" x14ac:dyDescent="0.2">
      <c r="A1488" s="239">
        <f>'CPT Data'!B1496</f>
        <v>14.76</v>
      </c>
      <c r="B1488" s="3">
        <f>'CPT Data'!C1496</f>
        <v>14.753</v>
      </c>
      <c r="C1488" t="str">
        <f>'CPT Data'!P1496</f>
        <v>CLAY</v>
      </c>
      <c r="D1488">
        <f>'CPT Data'!Q1496</f>
        <v>21.694956818134397</v>
      </c>
      <c r="E1488">
        <f t="shared" si="23"/>
        <v>21.947035244244329</v>
      </c>
      <c r="F1488">
        <f>IF(C1488="CLAY", INDEX(D$4:D1488, MATCH("CLAY", C$4:C1488, 0)), "")</f>
        <v>0.75203252561341039</v>
      </c>
    </row>
    <row r="1489" spans="1:6" x14ac:dyDescent="0.2">
      <c r="A1489" s="239">
        <f>'CPT Data'!B1497</f>
        <v>14.771000000000001</v>
      </c>
      <c r="B1489" s="3">
        <f>'CPT Data'!C1497</f>
        <v>14.764000000000001</v>
      </c>
      <c r="C1489" t="str">
        <f>'CPT Data'!P1497</f>
        <v>CLAY</v>
      </c>
      <c r="D1489">
        <f>'CPT Data'!Q1497</f>
        <v>21.471308591936644</v>
      </c>
      <c r="E1489">
        <f t="shared" si="23"/>
        <v>21.694956818134397</v>
      </c>
      <c r="F1489">
        <f>IF(C1489="CLAY", INDEX(D$4:D1489, MATCH("CLAY", C$4:C1489, 0)), "")</f>
        <v>0.75203252561341039</v>
      </c>
    </row>
    <row r="1490" spans="1:6" x14ac:dyDescent="0.2">
      <c r="A1490" s="239">
        <f>'CPT Data'!B1498</f>
        <v>14.78</v>
      </c>
      <c r="B1490" s="3">
        <f>'CPT Data'!C1498</f>
        <v>14.773</v>
      </c>
      <c r="C1490" t="str">
        <f>'CPT Data'!P1498</f>
        <v>CLAY</v>
      </c>
      <c r="D1490">
        <f>'CPT Data'!Q1498</f>
        <v>21.304767828311981</v>
      </c>
      <c r="E1490">
        <f t="shared" si="23"/>
        <v>21.471308591936644</v>
      </c>
      <c r="F1490">
        <f>IF(C1490="CLAY", INDEX(D$4:D1490, MATCH("CLAY", C$4:C1490, 0)), "")</f>
        <v>0.75203252561341039</v>
      </c>
    </row>
    <row r="1491" spans="1:6" x14ac:dyDescent="0.2">
      <c r="A1491" s="239">
        <f>'CPT Data'!B1499</f>
        <v>14.79</v>
      </c>
      <c r="B1491" s="3">
        <f>'CPT Data'!C1499</f>
        <v>14.782999999999999</v>
      </c>
      <c r="C1491" t="str">
        <f>'CPT Data'!P1499</f>
        <v>CLAY</v>
      </c>
      <c r="D1491">
        <f>'CPT Data'!Q1499</f>
        <v>21.420077867651994</v>
      </c>
      <c r="E1491">
        <f t="shared" si="23"/>
        <v>21.304767828311981</v>
      </c>
      <c r="F1491">
        <f>IF(C1491="CLAY", INDEX(D$4:D1491, MATCH("CLAY", C$4:C1491, 0)), "")</f>
        <v>0.75203252561341039</v>
      </c>
    </row>
    <row r="1492" spans="1:6" x14ac:dyDescent="0.2">
      <c r="A1492" s="239">
        <f>'CPT Data'!B1500</f>
        <v>14.801</v>
      </c>
      <c r="B1492" s="3">
        <f>'CPT Data'!C1500</f>
        <v>14.794</v>
      </c>
      <c r="C1492" t="str">
        <f>'CPT Data'!P1500</f>
        <v>CLAY</v>
      </c>
      <c r="D1492">
        <f>'CPT Data'!Q1500</f>
        <v>21.74648445607632</v>
      </c>
      <c r="E1492">
        <f t="shared" si="23"/>
        <v>21.420077867651994</v>
      </c>
      <c r="F1492">
        <f>IF(C1492="CLAY", INDEX(D$4:D1492, MATCH("CLAY", C$4:C1492, 0)), "")</f>
        <v>0.75203252561341039</v>
      </c>
    </row>
    <row r="1493" spans="1:6" x14ac:dyDescent="0.2">
      <c r="A1493" s="239">
        <f>'CPT Data'!B1501</f>
        <v>14.81</v>
      </c>
      <c r="B1493" s="3">
        <f>'CPT Data'!C1501</f>
        <v>14.803000000000001</v>
      </c>
      <c r="C1493" t="str">
        <f>'CPT Data'!P1501</f>
        <v>CLAY</v>
      </c>
      <c r="D1493">
        <f>'CPT Data'!Q1501</f>
        <v>22.336349714145211</v>
      </c>
      <c r="E1493">
        <f t="shared" si="23"/>
        <v>21.74648445607632</v>
      </c>
      <c r="F1493">
        <f>IF(C1493="CLAY", INDEX(D$4:D1493, MATCH("CLAY", C$4:C1493, 0)), "")</f>
        <v>0.75203252561341039</v>
      </c>
    </row>
    <row r="1494" spans="1:6" x14ac:dyDescent="0.2">
      <c r="A1494" s="239">
        <f>'CPT Data'!B1502</f>
        <v>14.82</v>
      </c>
      <c r="B1494" s="3">
        <f>'CPT Data'!C1502</f>
        <v>14.813000000000001</v>
      </c>
      <c r="C1494" t="str">
        <f>'CPT Data'!P1502</f>
        <v>CLAY</v>
      </c>
      <c r="D1494">
        <f>'CPT Data'!Q1502</f>
        <v>22.480140894654451</v>
      </c>
      <c r="E1494">
        <f t="shared" si="23"/>
        <v>22.336349714145211</v>
      </c>
      <c r="F1494">
        <f>IF(C1494="CLAY", INDEX(D$4:D1494, MATCH("CLAY", C$4:C1494, 0)), "")</f>
        <v>0.75203252561341039</v>
      </c>
    </row>
    <row r="1495" spans="1:6" x14ac:dyDescent="0.2">
      <c r="A1495" s="239">
        <f>'CPT Data'!B1503</f>
        <v>14.83</v>
      </c>
      <c r="B1495" s="3">
        <f>'CPT Data'!C1503</f>
        <v>14.823</v>
      </c>
      <c r="C1495" t="str">
        <f>'CPT Data'!P1503</f>
        <v>CLAY</v>
      </c>
      <c r="D1495">
        <f>'CPT Data'!Q1503</f>
        <v>22.30679854473938</v>
      </c>
      <c r="E1495">
        <f t="shared" si="23"/>
        <v>22.480140894654451</v>
      </c>
      <c r="F1495">
        <f>IF(C1495="CLAY", INDEX(D$4:D1495, MATCH("CLAY", C$4:C1495, 0)), "")</f>
        <v>0.75203252561341039</v>
      </c>
    </row>
    <row r="1496" spans="1:6" x14ac:dyDescent="0.2">
      <c r="A1496" s="239">
        <f>'CPT Data'!B1504</f>
        <v>14.840999999999999</v>
      </c>
      <c r="B1496" s="3">
        <f>'CPT Data'!C1504</f>
        <v>14.834</v>
      </c>
      <c r="C1496" t="str">
        <f>'CPT Data'!P1504</f>
        <v>CLAY</v>
      </c>
      <c r="D1496">
        <f>'CPT Data'!Q1504</f>
        <v>22.495026521739565</v>
      </c>
      <c r="E1496">
        <f t="shared" si="23"/>
        <v>22.30679854473938</v>
      </c>
      <c r="F1496">
        <f>IF(C1496="CLAY", INDEX(D$4:D1496, MATCH("CLAY", C$4:C1496, 0)), "")</f>
        <v>0.75203252561341039</v>
      </c>
    </row>
    <row r="1497" spans="1:6" x14ac:dyDescent="0.2">
      <c r="A1497" s="239">
        <f>'CPT Data'!B1505</f>
        <v>14.85</v>
      </c>
      <c r="B1497" s="3">
        <f>'CPT Data'!C1505</f>
        <v>14.843</v>
      </c>
      <c r="C1497" t="str">
        <f>'CPT Data'!P1505</f>
        <v>CLAY</v>
      </c>
      <c r="D1497">
        <f>'CPT Data'!Q1505</f>
        <v>22.700860803183989</v>
      </c>
      <c r="E1497">
        <f t="shared" si="23"/>
        <v>22.495026521739565</v>
      </c>
      <c r="F1497">
        <f>IF(C1497="CLAY", INDEX(D$4:D1497, MATCH("CLAY", C$4:C1497, 0)), "")</f>
        <v>0.75203252561341039</v>
      </c>
    </row>
    <row r="1498" spans="1:6" x14ac:dyDescent="0.2">
      <c r="A1498" s="239">
        <f>'CPT Data'!B1506</f>
        <v>14.86</v>
      </c>
      <c r="B1498" s="3">
        <f>'CPT Data'!C1506</f>
        <v>14.853</v>
      </c>
      <c r="C1498" t="str">
        <f>'CPT Data'!P1506</f>
        <v>CLAY</v>
      </c>
      <c r="D1498">
        <f>'CPT Data'!Q1506</f>
        <v>22.873035968046821</v>
      </c>
      <c r="E1498">
        <f t="shared" si="23"/>
        <v>22.700860803183989</v>
      </c>
      <c r="F1498">
        <f>IF(C1498="CLAY", INDEX(D$4:D1498, MATCH("CLAY", C$4:C1498, 0)), "")</f>
        <v>0.75203252561341039</v>
      </c>
    </row>
    <row r="1499" spans="1:6" x14ac:dyDescent="0.2">
      <c r="A1499" s="239">
        <f>'CPT Data'!B1507</f>
        <v>14.871</v>
      </c>
      <c r="B1499" s="3">
        <f>'CPT Data'!C1507</f>
        <v>14.864000000000001</v>
      </c>
      <c r="C1499" t="str">
        <f>'CPT Data'!P1507</f>
        <v>CLAY</v>
      </c>
      <c r="D1499">
        <f>'CPT Data'!Q1507</f>
        <v>22.72498171343101</v>
      </c>
      <c r="E1499">
        <f t="shared" ref="E1499:E1562" si="24">IF(C1499="SAND",#N/A,IF(C1499=C1498,D1498,IF(C1499="CLAY",D1499,#N/A)))</f>
        <v>22.873035968046821</v>
      </c>
      <c r="F1499">
        <f>IF(C1499="CLAY", INDEX(D$4:D1499, MATCH("CLAY", C$4:C1499, 0)), "")</f>
        <v>0.75203252561341039</v>
      </c>
    </row>
    <row r="1500" spans="1:6" x14ac:dyDescent="0.2">
      <c r="A1500" s="239">
        <f>'CPT Data'!B1508</f>
        <v>14.88</v>
      </c>
      <c r="B1500" s="3">
        <f>'CPT Data'!C1508</f>
        <v>14.873000000000001</v>
      </c>
      <c r="C1500" t="str">
        <f>'CPT Data'!P1508</f>
        <v>CLAY</v>
      </c>
      <c r="D1500">
        <f>'CPT Data'!Q1508</f>
        <v>22.826838441094093</v>
      </c>
      <c r="E1500">
        <f t="shared" si="24"/>
        <v>22.72498171343101</v>
      </c>
      <c r="F1500">
        <f>IF(C1500="CLAY", INDEX(D$4:D1500, MATCH("CLAY", C$4:C1500, 0)), "")</f>
        <v>0.75203252561341039</v>
      </c>
    </row>
    <row r="1501" spans="1:6" x14ac:dyDescent="0.2">
      <c r="A1501" s="239">
        <f>'CPT Data'!B1509</f>
        <v>14.888999999999999</v>
      </c>
      <c r="B1501" s="3">
        <f>'CPT Data'!C1509</f>
        <v>14.882</v>
      </c>
      <c r="C1501" t="str">
        <f>'CPT Data'!P1509</f>
        <v>CLAY</v>
      </c>
      <c r="D1501">
        <f>'CPT Data'!Q1509</f>
        <v>22.880999169994638</v>
      </c>
      <c r="E1501">
        <f t="shared" si="24"/>
        <v>22.826838441094093</v>
      </c>
      <c r="F1501">
        <f>IF(C1501="CLAY", INDEX(D$4:D1501, MATCH("CLAY", C$4:C1501, 0)), "")</f>
        <v>0.75203252561341039</v>
      </c>
    </row>
    <row r="1502" spans="1:6" x14ac:dyDescent="0.2">
      <c r="A1502" s="239">
        <f>'CPT Data'!B1510</f>
        <v>14.9</v>
      </c>
      <c r="B1502" s="3">
        <f>'CPT Data'!C1510</f>
        <v>14.893000000000001</v>
      </c>
      <c r="C1502" t="str">
        <f>'CPT Data'!P1510</f>
        <v>CLAY</v>
      </c>
      <c r="D1502">
        <f>'CPT Data'!Q1510</f>
        <v>22.980384822188721</v>
      </c>
      <c r="E1502">
        <f t="shared" si="24"/>
        <v>22.880999169994638</v>
      </c>
      <c r="F1502">
        <f>IF(C1502="CLAY", INDEX(D$4:D1502, MATCH("CLAY", C$4:C1502, 0)), "")</f>
        <v>0.75203252561341039</v>
      </c>
    </row>
    <row r="1503" spans="1:6" x14ac:dyDescent="0.2">
      <c r="A1503" s="239">
        <f>'CPT Data'!B1511</f>
        <v>14.909000000000001</v>
      </c>
      <c r="B1503" s="3">
        <f>'CPT Data'!C1511</f>
        <v>14.902000000000001</v>
      </c>
      <c r="C1503" t="str">
        <f>'CPT Data'!P1511</f>
        <v>CLAY</v>
      </c>
      <c r="D1503">
        <f>'CPT Data'!Q1511</f>
        <v>22.683802148850919</v>
      </c>
      <c r="E1503">
        <f t="shared" si="24"/>
        <v>22.980384822188721</v>
      </c>
      <c r="F1503">
        <f>IF(C1503="CLAY", INDEX(D$4:D1503, MATCH("CLAY", C$4:C1503, 0)), "")</f>
        <v>0.75203252561341039</v>
      </c>
    </row>
    <row r="1504" spans="1:6" x14ac:dyDescent="0.2">
      <c r="A1504" s="239">
        <f>'CPT Data'!B1512</f>
        <v>14.919</v>
      </c>
      <c r="B1504" s="3">
        <f>'CPT Data'!C1512</f>
        <v>14.912000000000001</v>
      </c>
      <c r="C1504" t="str">
        <f>'CPT Data'!P1512</f>
        <v>CLAY</v>
      </c>
      <c r="D1504">
        <f>'CPT Data'!Q1512</f>
        <v>22.353117868970429</v>
      </c>
      <c r="E1504">
        <f t="shared" si="24"/>
        <v>22.683802148850919</v>
      </c>
      <c r="F1504">
        <f>IF(C1504="CLAY", INDEX(D$4:D1504, MATCH("CLAY", C$4:C1504, 0)), "")</f>
        <v>0.75203252561341039</v>
      </c>
    </row>
    <row r="1505" spans="1:6" x14ac:dyDescent="0.2">
      <c r="A1505" s="239">
        <f>'CPT Data'!B1513</f>
        <v>14.929</v>
      </c>
      <c r="B1505" s="3">
        <f>'CPT Data'!C1513</f>
        <v>14.922000000000001</v>
      </c>
      <c r="C1505" t="str">
        <f>'CPT Data'!P1513</f>
        <v>CLAY</v>
      </c>
      <c r="D1505">
        <f>'CPT Data'!Q1513</f>
        <v>22.507562601069594</v>
      </c>
      <c r="E1505">
        <f t="shared" si="24"/>
        <v>22.353117868970429</v>
      </c>
      <c r="F1505">
        <f>IF(C1505="CLAY", INDEX(D$4:D1505, MATCH("CLAY", C$4:C1505, 0)), "")</f>
        <v>0.75203252561341039</v>
      </c>
    </row>
    <row r="1506" spans="1:6" x14ac:dyDescent="0.2">
      <c r="A1506" s="239">
        <f>'CPT Data'!B1514</f>
        <v>14.939</v>
      </c>
      <c r="B1506" s="3">
        <f>'CPT Data'!C1514</f>
        <v>14.932</v>
      </c>
      <c r="C1506" t="str">
        <f>'CPT Data'!P1514</f>
        <v>CLAY</v>
      </c>
      <c r="D1506">
        <f>'CPT Data'!Q1514</f>
        <v>22.41381186545259</v>
      </c>
      <c r="E1506">
        <f t="shared" si="24"/>
        <v>22.507562601069594</v>
      </c>
      <c r="F1506">
        <f>IF(C1506="CLAY", INDEX(D$4:D1506, MATCH("CLAY", C$4:C1506, 0)), "")</f>
        <v>0.75203252561341039</v>
      </c>
    </row>
    <row r="1507" spans="1:6" x14ac:dyDescent="0.2">
      <c r="A1507" s="239">
        <f>'CPT Data'!B1515</f>
        <v>14.949</v>
      </c>
      <c r="B1507" s="3">
        <f>'CPT Data'!C1515</f>
        <v>14.942</v>
      </c>
      <c r="C1507" t="str">
        <f>'CPT Data'!P1515</f>
        <v>CLAY</v>
      </c>
      <c r="D1507">
        <f>'CPT Data'!Q1515</f>
        <v>21.949424218683081</v>
      </c>
      <c r="E1507">
        <f t="shared" si="24"/>
        <v>22.41381186545259</v>
      </c>
      <c r="F1507">
        <f>IF(C1507="CLAY", INDEX(D$4:D1507, MATCH("CLAY", C$4:C1507, 0)), "")</f>
        <v>0.75203252561341039</v>
      </c>
    </row>
    <row r="1508" spans="1:6" x14ac:dyDescent="0.2">
      <c r="A1508" s="239">
        <f>'CPT Data'!B1516</f>
        <v>14.96</v>
      </c>
      <c r="B1508" s="3">
        <f>'CPT Data'!C1516</f>
        <v>14.953000000000001</v>
      </c>
      <c r="C1508" t="str">
        <f>'CPT Data'!P1516</f>
        <v>CLAY</v>
      </c>
      <c r="D1508">
        <f>'CPT Data'!Q1516</f>
        <v>21.623797540743293</v>
      </c>
      <c r="E1508">
        <f t="shared" si="24"/>
        <v>21.949424218683081</v>
      </c>
      <c r="F1508">
        <f>IF(C1508="CLAY", INDEX(D$4:D1508, MATCH("CLAY", C$4:C1508, 0)), "")</f>
        <v>0.75203252561341039</v>
      </c>
    </row>
    <row r="1509" spans="1:6" x14ac:dyDescent="0.2">
      <c r="A1509" s="239">
        <f>'CPT Data'!B1517</f>
        <v>14.97</v>
      </c>
      <c r="B1509" s="3">
        <f>'CPT Data'!C1517</f>
        <v>14.963000000000001</v>
      </c>
      <c r="C1509" t="str">
        <f>'CPT Data'!P1517</f>
        <v>CLAY</v>
      </c>
      <c r="D1509">
        <f>'CPT Data'!Q1517</f>
        <v>21.199159565771041</v>
      </c>
      <c r="E1509">
        <f t="shared" si="24"/>
        <v>21.623797540743293</v>
      </c>
      <c r="F1509">
        <f>IF(C1509="CLAY", INDEX(D$4:D1509, MATCH("CLAY", C$4:C1509, 0)), "")</f>
        <v>0.75203252561341039</v>
      </c>
    </row>
    <row r="1510" spans="1:6" x14ac:dyDescent="0.2">
      <c r="A1510" s="239">
        <f>'CPT Data'!B1518</f>
        <v>14.981</v>
      </c>
      <c r="B1510" s="3">
        <f>'CPT Data'!C1518</f>
        <v>14.974</v>
      </c>
      <c r="C1510" t="str">
        <f>'CPT Data'!P1518</f>
        <v>CLAY</v>
      </c>
      <c r="D1510">
        <f>'CPT Data'!Q1518</f>
        <v>20.673917478075051</v>
      </c>
      <c r="E1510">
        <f t="shared" si="24"/>
        <v>21.199159565771041</v>
      </c>
      <c r="F1510">
        <f>IF(C1510="CLAY", INDEX(D$4:D1510, MATCH("CLAY", C$4:C1510, 0)), "")</f>
        <v>0.75203252561341039</v>
      </c>
    </row>
    <row r="1511" spans="1:6" x14ac:dyDescent="0.2">
      <c r="A1511" s="239">
        <f>'CPT Data'!B1519</f>
        <v>14.99</v>
      </c>
      <c r="B1511" s="3">
        <f>'CPT Data'!C1519</f>
        <v>14.983000000000001</v>
      </c>
      <c r="C1511" t="str">
        <f>'CPT Data'!P1519</f>
        <v>CLAY</v>
      </c>
      <c r="D1511">
        <f>'CPT Data'!Q1519</f>
        <v>20.462930586090877</v>
      </c>
      <c r="E1511">
        <f t="shared" si="24"/>
        <v>20.673917478075051</v>
      </c>
      <c r="F1511">
        <f>IF(C1511="CLAY", INDEX(D$4:D1511, MATCH("CLAY", C$4:C1511, 0)), "")</f>
        <v>0.75203252561341039</v>
      </c>
    </row>
    <row r="1512" spans="1:6" x14ac:dyDescent="0.2">
      <c r="A1512" s="239">
        <f>'CPT Data'!B1520</f>
        <v>15</v>
      </c>
      <c r="B1512" s="3">
        <f>'CPT Data'!C1520</f>
        <v>14.993</v>
      </c>
      <c r="C1512" t="str">
        <f>'CPT Data'!P1520</f>
        <v>CLAY</v>
      </c>
      <c r="D1512">
        <f>'CPT Data'!Q1520</f>
        <v>20.248816375193162</v>
      </c>
      <c r="E1512">
        <f t="shared" si="24"/>
        <v>20.462930586090877</v>
      </c>
      <c r="F1512">
        <f>IF(C1512="CLAY", INDEX(D$4:D1512, MATCH("CLAY", C$4:C1512, 0)), "")</f>
        <v>0.75203252561341039</v>
      </c>
    </row>
    <row r="1513" spans="1:6" x14ac:dyDescent="0.2">
      <c r="A1513" s="239">
        <f>'CPT Data'!B1521</f>
        <v>15.057</v>
      </c>
      <c r="B1513" s="3">
        <f>'CPT Data'!C1521</f>
        <v>15.05</v>
      </c>
      <c r="C1513" t="str">
        <f>'CPT Data'!P1521</f>
        <v>CLAY</v>
      </c>
      <c r="D1513">
        <f>'CPT Data'!Q1521</f>
        <v>21.234779590642241</v>
      </c>
      <c r="E1513">
        <f t="shared" si="24"/>
        <v>20.248816375193162</v>
      </c>
      <c r="F1513">
        <f>IF(C1513="CLAY", INDEX(D$4:D1513, MATCH("CLAY", C$4:C1513, 0)), "")</f>
        <v>0.75203252561341039</v>
      </c>
    </row>
    <row r="1514" spans="1:6" x14ac:dyDescent="0.2">
      <c r="A1514" s="239">
        <f>'CPT Data'!B1522</f>
        <v>15.067</v>
      </c>
      <c r="B1514" s="3">
        <f>'CPT Data'!C1522</f>
        <v>15.06</v>
      </c>
      <c r="C1514" t="str">
        <f>'CPT Data'!P1522</f>
        <v>CLAY</v>
      </c>
      <c r="D1514">
        <f>'CPT Data'!Q1522</f>
        <v>20.550512715384421</v>
      </c>
      <c r="E1514">
        <f t="shared" si="24"/>
        <v>21.234779590642241</v>
      </c>
      <c r="F1514">
        <f>IF(C1514="CLAY", INDEX(D$4:D1514, MATCH("CLAY", C$4:C1514, 0)), "")</f>
        <v>0.75203252561341039</v>
      </c>
    </row>
    <row r="1515" spans="1:6" x14ac:dyDescent="0.2">
      <c r="A1515" s="239">
        <f>'CPT Data'!B1523</f>
        <v>15.077</v>
      </c>
      <c r="B1515" s="3">
        <f>'CPT Data'!C1523</f>
        <v>15.07</v>
      </c>
      <c r="C1515" t="str">
        <f>'CPT Data'!P1523</f>
        <v>CLAY</v>
      </c>
      <c r="D1515">
        <f>'CPT Data'!Q1523</f>
        <v>20.067326869493325</v>
      </c>
      <c r="E1515">
        <f t="shared" si="24"/>
        <v>20.550512715384421</v>
      </c>
      <c r="F1515">
        <f>IF(C1515="CLAY", INDEX(D$4:D1515, MATCH("CLAY", C$4:C1515, 0)), "")</f>
        <v>0.75203252561341039</v>
      </c>
    </row>
    <row r="1516" spans="1:6" x14ac:dyDescent="0.2">
      <c r="A1516" s="239">
        <f>'CPT Data'!B1524</f>
        <v>15.086</v>
      </c>
      <c r="B1516" s="3">
        <f>'CPT Data'!C1524</f>
        <v>15.079000000000001</v>
      </c>
      <c r="C1516" t="str">
        <f>'CPT Data'!P1524</f>
        <v>CLAY</v>
      </c>
      <c r="D1516">
        <f>'CPT Data'!Q1524</f>
        <v>20.323867796973428</v>
      </c>
      <c r="E1516">
        <f t="shared" si="24"/>
        <v>20.067326869493325</v>
      </c>
      <c r="F1516">
        <f>IF(C1516="CLAY", INDEX(D$4:D1516, MATCH("CLAY", C$4:C1516, 0)), "")</f>
        <v>0.75203252561341039</v>
      </c>
    </row>
    <row r="1517" spans="1:6" x14ac:dyDescent="0.2">
      <c r="A1517" s="239">
        <f>'CPT Data'!B1525</f>
        <v>15.097</v>
      </c>
      <c r="B1517" s="3">
        <f>'CPT Data'!C1525</f>
        <v>15.09</v>
      </c>
      <c r="C1517" t="str">
        <f>'CPT Data'!P1525</f>
        <v>CLAY</v>
      </c>
      <c r="D1517">
        <f>'CPT Data'!Q1525</f>
        <v>20.340681638769254</v>
      </c>
      <c r="E1517">
        <f t="shared" si="24"/>
        <v>20.323867796973428</v>
      </c>
      <c r="F1517">
        <f>IF(C1517="CLAY", INDEX(D$4:D1517, MATCH("CLAY", C$4:C1517, 0)), "")</f>
        <v>0.75203252561341039</v>
      </c>
    </row>
    <row r="1518" spans="1:6" x14ac:dyDescent="0.2">
      <c r="A1518" s="239">
        <f>'CPT Data'!B1526</f>
        <v>15.106999999999999</v>
      </c>
      <c r="B1518" s="3">
        <f>'CPT Data'!C1526</f>
        <v>15.1</v>
      </c>
      <c r="C1518" t="str">
        <f>'CPT Data'!P1526</f>
        <v>CLAY</v>
      </c>
      <c r="D1518">
        <f>'CPT Data'!Q1526</f>
        <v>20.030901287161232</v>
      </c>
      <c r="E1518">
        <f t="shared" si="24"/>
        <v>20.340681638769254</v>
      </c>
      <c r="F1518">
        <f>IF(C1518="CLAY", INDEX(D$4:D1518, MATCH("CLAY", C$4:C1518, 0)), "")</f>
        <v>0.75203252561341039</v>
      </c>
    </row>
    <row r="1519" spans="1:6" x14ac:dyDescent="0.2">
      <c r="A1519" s="239">
        <f>'CPT Data'!B1527</f>
        <v>15.116</v>
      </c>
      <c r="B1519" s="3">
        <f>'CPT Data'!C1527</f>
        <v>15.109</v>
      </c>
      <c r="C1519" t="str">
        <f>'CPT Data'!P1527</f>
        <v>CLAY</v>
      </c>
      <c r="D1519">
        <f>'CPT Data'!Q1527</f>
        <v>19.81508515274512</v>
      </c>
      <c r="E1519">
        <f t="shared" si="24"/>
        <v>20.030901287161232</v>
      </c>
      <c r="F1519">
        <f>IF(C1519="CLAY", INDEX(D$4:D1519, MATCH("CLAY", C$4:C1519, 0)), "")</f>
        <v>0.75203252561341039</v>
      </c>
    </row>
    <row r="1520" spans="1:6" x14ac:dyDescent="0.2">
      <c r="A1520" s="239">
        <f>'CPT Data'!B1528</f>
        <v>15.127000000000001</v>
      </c>
      <c r="B1520" s="3">
        <f>'CPT Data'!C1528</f>
        <v>15.120000000000001</v>
      </c>
      <c r="C1520" t="str">
        <f>'CPT Data'!P1528</f>
        <v>CLAY</v>
      </c>
      <c r="D1520">
        <f>'CPT Data'!Q1528</f>
        <v>20.266569562826295</v>
      </c>
      <c r="E1520">
        <f t="shared" si="24"/>
        <v>19.81508515274512</v>
      </c>
      <c r="F1520">
        <f>IF(C1520="CLAY", INDEX(D$4:D1520, MATCH("CLAY", C$4:C1520, 0)), "")</f>
        <v>0.75203252561341039</v>
      </c>
    </row>
    <row r="1521" spans="1:6" x14ac:dyDescent="0.2">
      <c r="A1521" s="239">
        <f>'CPT Data'!B1529</f>
        <v>15.137</v>
      </c>
      <c r="B1521" s="3">
        <f>'CPT Data'!C1529</f>
        <v>15.13</v>
      </c>
      <c r="C1521" t="str">
        <f>'CPT Data'!P1529</f>
        <v>CLAY</v>
      </c>
      <c r="D1521">
        <f>'CPT Data'!Q1529</f>
        <v>21.020716425521751</v>
      </c>
      <c r="E1521">
        <f t="shared" si="24"/>
        <v>20.266569562826295</v>
      </c>
      <c r="F1521">
        <f>IF(C1521="CLAY", INDEX(D$4:D1521, MATCH("CLAY", C$4:C1521, 0)), "")</f>
        <v>0.75203252561341039</v>
      </c>
    </row>
    <row r="1522" spans="1:6" x14ac:dyDescent="0.2">
      <c r="A1522" s="239">
        <f>'CPT Data'!B1530</f>
        <v>15.146000000000001</v>
      </c>
      <c r="B1522" s="3">
        <f>'CPT Data'!C1530</f>
        <v>15.139000000000001</v>
      </c>
      <c r="C1522" t="str">
        <f>'CPT Data'!P1530</f>
        <v>CLAY</v>
      </c>
      <c r="D1522">
        <f>'CPT Data'!Q1530</f>
        <v>22.634658295031102</v>
      </c>
      <c r="E1522">
        <f t="shared" si="24"/>
        <v>21.020716425521751</v>
      </c>
      <c r="F1522">
        <f>IF(C1522="CLAY", INDEX(D$4:D1522, MATCH("CLAY", C$4:C1522, 0)), "")</f>
        <v>0.75203252561341039</v>
      </c>
    </row>
    <row r="1523" spans="1:6" x14ac:dyDescent="0.2">
      <c r="A1523" s="239">
        <f>'CPT Data'!B1531</f>
        <v>15.157</v>
      </c>
      <c r="B1523" s="3">
        <f>'CPT Data'!C1531</f>
        <v>15.15</v>
      </c>
      <c r="C1523" t="str">
        <f>'CPT Data'!P1531</f>
        <v>CLAY</v>
      </c>
      <c r="D1523">
        <f>'CPT Data'!Q1531</f>
        <v>24.880920587521093</v>
      </c>
      <c r="E1523">
        <f t="shared" si="24"/>
        <v>22.634658295031102</v>
      </c>
      <c r="F1523">
        <f>IF(C1523="CLAY", INDEX(D$4:D1523, MATCH("CLAY", C$4:C1523, 0)), "")</f>
        <v>0.75203252561341039</v>
      </c>
    </row>
    <row r="1524" spans="1:6" x14ac:dyDescent="0.2">
      <c r="A1524" s="239">
        <f>'CPT Data'!B1532</f>
        <v>15.167</v>
      </c>
      <c r="B1524" s="3">
        <f>'CPT Data'!C1532</f>
        <v>15.16</v>
      </c>
      <c r="C1524" t="str">
        <f>'CPT Data'!P1532</f>
        <v>CLAY</v>
      </c>
      <c r="D1524">
        <f>'CPT Data'!Q1532</f>
        <v>29.680312241397885</v>
      </c>
      <c r="E1524">
        <f t="shared" si="24"/>
        <v>24.880920587521093</v>
      </c>
      <c r="F1524">
        <f>IF(C1524="CLAY", INDEX(D$4:D1524, MATCH("CLAY", C$4:C1524, 0)), "")</f>
        <v>0.75203252561341039</v>
      </c>
    </row>
    <row r="1525" spans="1:6" x14ac:dyDescent="0.2">
      <c r="A1525" s="239">
        <f>'CPT Data'!B1533</f>
        <v>15.176</v>
      </c>
      <c r="B1525" s="3">
        <f>'CPT Data'!C1533</f>
        <v>15.169</v>
      </c>
      <c r="C1525" t="str">
        <f>'CPT Data'!P1533</f>
        <v>CLAY</v>
      </c>
      <c r="D1525">
        <f>'CPT Data'!Q1533</f>
        <v>33.908326179100392</v>
      </c>
      <c r="E1525">
        <f t="shared" si="24"/>
        <v>29.680312241397885</v>
      </c>
      <c r="F1525">
        <f>IF(C1525="CLAY", INDEX(D$4:D1525, MATCH("CLAY", C$4:C1525, 0)), "")</f>
        <v>0.75203252561341039</v>
      </c>
    </row>
    <row r="1526" spans="1:6" x14ac:dyDescent="0.2">
      <c r="A1526" s="239">
        <f>'CPT Data'!B1534</f>
        <v>15.186</v>
      </c>
      <c r="B1526" s="3">
        <f>'CPT Data'!C1534</f>
        <v>15.179</v>
      </c>
      <c r="C1526" t="str">
        <f>'CPT Data'!P1534</f>
        <v>CLAY</v>
      </c>
      <c r="D1526">
        <f>'CPT Data'!Q1534</f>
        <v>37.686722501318478</v>
      </c>
      <c r="E1526">
        <f t="shared" si="24"/>
        <v>33.908326179100392</v>
      </c>
      <c r="F1526">
        <f>IF(C1526="CLAY", INDEX(D$4:D1526, MATCH("CLAY", C$4:C1526, 0)), "")</f>
        <v>0.75203252561341039</v>
      </c>
    </row>
    <row r="1527" spans="1:6" x14ac:dyDescent="0.2">
      <c r="A1527" s="239">
        <f>'CPT Data'!B1535</f>
        <v>15.196999999999999</v>
      </c>
      <c r="B1527" s="3">
        <f>'CPT Data'!C1535</f>
        <v>15.19</v>
      </c>
      <c r="C1527" t="str">
        <f>'CPT Data'!P1535</f>
        <v>CLAY</v>
      </c>
      <c r="D1527">
        <f>'CPT Data'!Q1535</f>
        <v>41.439493567319658</v>
      </c>
      <c r="E1527">
        <f t="shared" si="24"/>
        <v>37.686722501318478</v>
      </c>
      <c r="F1527">
        <f>IF(C1527="CLAY", INDEX(D$4:D1527, MATCH("CLAY", C$4:C1527, 0)), "")</f>
        <v>0.75203252561341039</v>
      </c>
    </row>
    <row r="1528" spans="1:6" x14ac:dyDescent="0.2">
      <c r="A1528" s="239">
        <f>'CPT Data'!B1536</f>
        <v>15.206</v>
      </c>
      <c r="B1528" s="3">
        <f>'CPT Data'!C1536</f>
        <v>15.199</v>
      </c>
      <c r="C1528" t="str">
        <f>'CPT Data'!P1536</f>
        <v>CLAY</v>
      </c>
      <c r="D1528">
        <f>'CPT Data'!Q1536</f>
        <v>45.707687177260787</v>
      </c>
      <c r="E1528">
        <f t="shared" si="24"/>
        <v>41.439493567319658</v>
      </c>
      <c r="F1528">
        <f>IF(C1528="CLAY", INDEX(D$4:D1528, MATCH("CLAY", C$4:C1528, 0)), "")</f>
        <v>0.75203252561341039</v>
      </c>
    </row>
    <row r="1529" spans="1:6" x14ac:dyDescent="0.2">
      <c r="A1529" s="239">
        <f>'CPT Data'!B1537</f>
        <v>15.217000000000001</v>
      </c>
      <c r="B1529" s="3">
        <f>'CPT Data'!C1537</f>
        <v>15.21</v>
      </c>
      <c r="C1529" t="str">
        <f>'CPT Data'!P1537</f>
        <v>CLAY</v>
      </c>
      <c r="D1529">
        <f>'CPT Data'!Q1537</f>
        <v>48.03738641346542</v>
      </c>
      <c r="E1529">
        <f t="shared" si="24"/>
        <v>45.707687177260787</v>
      </c>
      <c r="F1529">
        <f>IF(C1529="CLAY", INDEX(D$4:D1529, MATCH("CLAY", C$4:C1529, 0)), "")</f>
        <v>0.75203252561341039</v>
      </c>
    </row>
    <row r="1530" spans="1:6" x14ac:dyDescent="0.2">
      <c r="A1530" s="239">
        <f>'CPT Data'!B1538</f>
        <v>15.227</v>
      </c>
      <c r="B1530" s="3">
        <f>'CPT Data'!C1538</f>
        <v>15.22</v>
      </c>
      <c r="C1530" t="str">
        <f>'CPT Data'!P1538</f>
        <v>CLAY</v>
      </c>
      <c r="D1530">
        <f>'CPT Data'!Q1538</f>
        <v>49.91048474490421</v>
      </c>
      <c r="E1530">
        <f t="shared" si="24"/>
        <v>48.03738641346542</v>
      </c>
      <c r="F1530">
        <f>IF(C1530="CLAY", INDEX(D$4:D1530, MATCH("CLAY", C$4:C1530, 0)), "")</f>
        <v>0.75203252561341039</v>
      </c>
    </row>
    <row r="1531" spans="1:6" x14ac:dyDescent="0.2">
      <c r="A1531" s="239">
        <f>'CPT Data'!B1539</f>
        <v>15.236000000000001</v>
      </c>
      <c r="B1531" s="3">
        <f>'CPT Data'!C1539</f>
        <v>15.229000000000001</v>
      </c>
      <c r="C1531" t="str">
        <f>'CPT Data'!P1539</f>
        <v>CLAY</v>
      </c>
      <c r="D1531">
        <f>'CPT Data'!Q1539</f>
        <v>50.306129781252373</v>
      </c>
      <c r="E1531">
        <f t="shared" si="24"/>
        <v>49.91048474490421</v>
      </c>
      <c r="F1531">
        <f>IF(C1531="CLAY", INDEX(D$4:D1531, MATCH("CLAY", C$4:C1531, 0)), "")</f>
        <v>0.75203252561341039</v>
      </c>
    </row>
    <row r="1532" spans="1:6" x14ac:dyDescent="0.2">
      <c r="A1532" s="239">
        <f>'CPT Data'!B1540</f>
        <v>15.247</v>
      </c>
      <c r="B1532" s="3">
        <f>'CPT Data'!C1540</f>
        <v>15.24</v>
      </c>
      <c r="C1532" t="str">
        <f>'CPT Data'!P1540</f>
        <v>CLAY</v>
      </c>
      <c r="D1532">
        <f>'CPT Data'!Q1540</f>
        <v>49.929469687789684</v>
      </c>
      <c r="E1532">
        <f t="shared" si="24"/>
        <v>50.306129781252373</v>
      </c>
      <c r="F1532">
        <f>IF(C1532="CLAY", INDEX(D$4:D1532, MATCH("CLAY", C$4:C1532, 0)), "")</f>
        <v>0.75203252561341039</v>
      </c>
    </row>
    <row r="1533" spans="1:6" x14ac:dyDescent="0.2">
      <c r="A1533" s="239">
        <f>'CPT Data'!B1541</f>
        <v>15.256</v>
      </c>
      <c r="B1533" s="3">
        <f>'CPT Data'!C1541</f>
        <v>15.249000000000001</v>
      </c>
      <c r="C1533" t="str">
        <f>'CPT Data'!P1541</f>
        <v>CLAY</v>
      </c>
      <c r="D1533">
        <f>'CPT Data'!Q1541</f>
        <v>48.825265014557829</v>
      </c>
      <c r="E1533">
        <f t="shared" si="24"/>
        <v>49.929469687789684</v>
      </c>
      <c r="F1533">
        <f>IF(C1533="CLAY", INDEX(D$4:D1533, MATCH("CLAY", C$4:C1533, 0)), "")</f>
        <v>0.75203252561341039</v>
      </c>
    </row>
    <row r="1534" spans="1:6" x14ac:dyDescent="0.2">
      <c r="A1534" s="239">
        <f>'CPT Data'!B1542</f>
        <v>15.266</v>
      </c>
      <c r="B1534" s="3">
        <f>'CPT Data'!C1542</f>
        <v>15.259</v>
      </c>
      <c r="C1534" t="str">
        <f>'CPT Data'!P1542</f>
        <v>CLAY</v>
      </c>
      <c r="D1534">
        <f>'CPT Data'!Q1542</f>
        <v>49.350929574502459</v>
      </c>
      <c r="E1534">
        <f t="shared" si="24"/>
        <v>48.825265014557829</v>
      </c>
      <c r="F1534">
        <f>IF(C1534="CLAY", INDEX(D$4:D1534, MATCH("CLAY", C$4:C1534, 0)), "")</f>
        <v>0.75203252561341039</v>
      </c>
    </row>
    <row r="1535" spans="1:6" x14ac:dyDescent="0.2">
      <c r="A1535" s="239">
        <f>'CPT Data'!B1543</f>
        <v>15.276999999999999</v>
      </c>
      <c r="B1535" s="3">
        <f>'CPT Data'!C1543</f>
        <v>15.27</v>
      </c>
      <c r="C1535" t="str">
        <f>'CPT Data'!P1543</f>
        <v>CLAY</v>
      </c>
      <c r="D1535">
        <f>'CPT Data'!Q1543</f>
        <v>51.273915756599074</v>
      </c>
      <c r="E1535">
        <f t="shared" si="24"/>
        <v>49.350929574502459</v>
      </c>
      <c r="F1535">
        <f>IF(C1535="CLAY", INDEX(D$4:D1535, MATCH("CLAY", C$4:C1535, 0)), "")</f>
        <v>0.75203252561341039</v>
      </c>
    </row>
    <row r="1536" spans="1:6" x14ac:dyDescent="0.2">
      <c r="A1536" s="239">
        <f>'CPT Data'!B1544</f>
        <v>15.287000000000001</v>
      </c>
      <c r="B1536" s="3">
        <f>'CPT Data'!C1544</f>
        <v>15.280000000000001</v>
      </c>
      <c r="C1536" t="str">
        <f>'CPT Data'!P1544</f>
        <v>CLAY</v>
      </c>
      <c r="D1536">
        <f>'CPT Data'!Q1544</f>
        <v>50.976505533476121</v>
      </c>
      <c r="E1536">
        <f t="shared" si="24"/>
        <v>51.273915756599074</v>
      </c>
      <c r="F1536">
        <f>IF(C1536="CLAY", INDEX(D$4:D1536, MATCH("CLAY", C$4:C1536, 0)), "")</f>
        <v>0.75203252561341039</v>
      </c>
    </row>
    <row r="1537" spans="1:6" x14ac:dyDescent="0.2">
      <c r="A1537" s="239">
        <f>'CPT Data'!B1545</f>
        <v>15.295999999999999</v>
      </c>
      <c r="B1537" s="3">
        <f>'CPT Data'!C1545</f>
        <v>15.289</v>
      </c>
      <c r="C1537" t="str">
        <f>'CPT Data'!P1545</f>
        <v>CLAY</v>
      </c>
      <c r="D1537">
        <f>'CPT Data'!Q1545</f>
        <v>49.789683236203246</v>
      </c>
      <c r="E1537">
        <f t="shared" si="24"/>
        <v>50.976505533476121</v>
      </c>
      <c r="F1537">
        <f>IF(C1537="CLAY", INDEX(D$4:D1537, MATCH("CLAY", C$4:C1537, 0)), "")</f>
        <v>0.75203252561341039</v>
      </c>
    </row>
    <row r="1538" spans="1:6" x14ac:dyDescent="0.2">
      <c r="A1538" s="239">
        <f>'CPT Data'!B1546</f>
        <v>15.307</v>
      </c>
      <c r="B1538" s="3">
        <f>'CPT Data'!C1546</f>
        <v>15.3</v>
      </c>
      <c r="C1538" t="str">
        <f>'CPT Data'!P1546</f>
        <v>CLAY</v>
      </c>
      <c r="D1538">
        <f>'CPT Data'!Q1546</f>
        <v>48.061444135049612</v>
      </c>
      <c r="E1538">
        <f t="shared" si="24"/>
        <v>49.789683236203246</v>
      </c>
      <c r="F1538">
        <f>IF(C1538="CLAY", INDEX(D$4:D1538, MATCH("CLAY", C$4:C1538, 0)), "")</f>
        <v>0.75203252561341039</v>
      </c>
    </row>
    <row r="1539" spans="1:6" x14ac:dyDescent="0.2">
      <c r="A1539" s="239">
        <f>'CPT Data'!B1547</f>
        <v>15.317</v>
      </c>
      <c r="B1539" s="3">
        <f>'CPT Data'!C1547</f>
        <v>15.31</v>
      </c>
      <c r="C1539" t="str">
        <f>'CPT Data'!P1547</f>
        <v>CLAY</v>
      </c>
      <c r="D1539">
        <f>'CPT Data'!Q1547</f>
        <v>46.578400695458576</v>
      </c>
      <c r="E1539">
        <f t="shared" si="24"/>
        <v>48.061444135049612</v>
      </c>
      <c r="F1539">
        <f>IF(C1539="CLAY", INDEX(D$4:D1539, MATCH("CLAY", C$4:C1539, 0)), "")</f>
        <v>0.75203252561341039</v>
      </c>
    </row>
    <row r="1540" spans="1:6" x14ac:dyDescent="0.2">
      <c r="A1540" s="239">
        <f>'CPT Data'!B1548</f>
        <v>15.326000000000001</v>
      </c>
      <c r="B1540" s="3">
        <f>'CPT Data'!C1548</f>
        <v>15.319000000000001</v>
      </c>
      <c r="C1540" t="str">
        <f>'CPT Data'!P1548</f>
        <v>CLAY</v>
      </c>
      <c r="D1540">
        <f>'CPT Data'!Q1548</f>
        <v>45.481345478880037</v>
      </c>
      <c r="E1540">
        <f t="shared" si="24"/>
        <v>46.578400695458576</v>
      </c>
      <c r="F1540">
        <f>IF(C1540="CLAY", INDEX(D$4:D1540, MATCH("CLAY", C$4:C1540, 0)), "")</f>
        <v>0.75203252561341039</v>
      </c>
    </row>
    <row r="1541" spans="1:6" x14ac:dyDescent="0.2">
      <c r="A1541" s="239">
        <f>'CPT Data'!B1549</f>
        <v>15.337</v>
      </c>
      <c r="B1541" s="3">
        <f>'CPT Data'!C1549</f>
        <v>15.33</v>
      </c>
      <c r="C1541" t="str">
        <f>'CPT Data'!P1549</f>
        <v>CLAY</v>
      </c>
      <c r="D1541">
        <f>'CPT Data'!Q1549</f>
        <v>45.672180956894088</v>
      </c>
      <c r="E1541">
        <f t="shared" si="24"/>
        <v>45.481345478880037</v>
      </c>
      <c r="F1541">
        <f>IF(C1541="CLAY", INDEX(D$4:D1541, MATCH("CLAY", C$4:C1541, 0)), "")</f>
        <v>0.75203252561341039</v>
      </c>
    </row>
    <row r="1542" spans="1:6" x14ac:dyDescent="0.2">
      <c r="A1542" s="239">
        <f>'CPT Data'!B1550</f>
        <v>15.348000000000001</v>
      </c>
      <c r="B1542" s="3">
        <f>'CPT Data'!C1550</f>
        <v>15.341000000000001</v>
      </c>
      <c r="C1542" t="str">
        <f>'CPT Data'!P1550</f>
        <v>CLAY</v>
      </c>
      <c r="D1542">
        <f>'CPT Data'!Q1550</f>
        <v>47.300187956551248</v>
      </c>
      <c r="E1542">
        <f t="shared" si="24"/>
        <v>45.672180956894088</v>
      </c>
      <c r="F1542">
        <f>IF(C1542="CLAY", INDEX(D$4:D1542, MATCH("CLAY", C$4:C1542, 0)), "")</f>
        <v>0.75203252561341039</v>
      </c>
    </row>
    <row r="1543" spans="1:6" x14ac:dyDescent="0.2">
      <c r="A1543" s="239">
        <f>'CPT Data'!B1551</f>
        <v>15.356999999999999</v>
      </c>
      <c r="B1543" s="3">
        <f>'CPT Data'!C1551</f>
        <v>15.35</v>
      </c>
      <c r="C1543" t="str">
        <f>'CPT Data'!P1551</f>
        <v>CLAY</v>
      </c>
      <c r="D1543">
        <f>'CPT Data'!Q1551</f>
        <v>48.193335523222913</v>
      </c>
      <c r="E1543">
        <f t="shared" si="24"/>
        <v>47.300187956551248</v>
      </c>
      <c r="F1543">
        <f>IF(C1543="CLAY", INDEX(D$4:D1543, MATCH("CLAY", C$4:C1543, 0)), "")</f>
        <v>0.75203252561341039</v>
      </c>
    </row>
    <row r="1544" spans="1:6" x14ac:dyDescent="0.2">
      <c r="A1544" s="239">
        <f>'CPT Data'!B1552</f>
        <v>15.368</v>
      </c>
      <c r="B1544" s="3">
        <f>'CPT Data'!C1552</f>
        <v>15.361000000000001</v>
      </c>
      <c r="C1544" t="str">
        <f>'CPT Data'!P1552</f>
        <v>CLAY</v>
      </c>
      <c r="D1544">
        <f>'CPT Data'!Q1552</f>
        <v>49.740437963593855</v>
      </c>
      <c r="E1544">
        <f t="shared" si="24"/>
        <v>48.193335523222913</v>
      </c>
      <c r="F1544">
        <f>IF(C1544="CLAY", INDEX(D$4:D1544, MATCH("CLAY", C$4:C1544, 0)), "")</f>
        <v>0.75203252561341039</v>
      </c>
    </row>
    <row r="1545" spans="1:6" x14ac:dyDescent="0.2">
      <c r="A1545" s="239">
        <f>'CPT Data'!B1553</f>
        <v>15.377000000000001</v>
      </c>
      <c r="B1545" s="3">
        <f>'CPT Data'!C1553</f>
        <v>15.370000000000001</v>
      </c>
      <c r="C1545" t="str">
        <f>'CPT Data'!P1553</f>
        <v>CLAY</v>
      </c>
      <c r="D1545">
        <f>'CPT Data'!Q1553</f>
        <v>51.189410015255284</v>
      </c>
      <c r="E1545">
        <f t="shared" si="24"/>
        <v>49.740437963593855</v>
      </c>
      <c r="F1545">
        <f>IF(C1545="CLAY", INDEX(D$4:D1545, MATCH("CLAY", C$4:C1545, 0)), "")</f>
        <v>0.75203252561341039</v>
      </c>
    </row>
    <row r="1546" spans="1:6" x14ac:dyDescent="0.2">
      <c r="A1546" s="239">
        <f>'CPT Data'!B1554</f>
        <v>15.387</v>
      </c>
      <c r="B1546" s="3">
        <f>'CPT Data'!C1554</f>
        <v>15.38</v>
      </c>
      <c r="C1546" t="str">
        <f>'CPT Data'!P1554</f>
        <v>CLAY</v>
      </c>
      <c r="D1546">
        <f>'CPT Data'!Q1554</f>
        <v>51.9710085262818</v>
      </c>
      <c r="E1546">
        <f t="shared" si="24"/>
        <v>51.189410015255284</v>
      </c>
      <c r="F1546">
        <f>IF(C1546="CLAY", INDEX(D$4:D1546, MATCH("CLAY", C$4:C1546, 0)), "")</f>
        <v>0.75203252561341039</v>
      </c>
    </row>
    <row r="1547" spans="1:6" x14ac:dyDescent="0.2">
      <c r="A1547" s="239">
        <f>'CPT Data'!B1555</f>
        <v>15.396000000000001</v>
      </c>
      <c r="B1547" s="3">
        <f>'CPT Data'!C1555</f>
        <v>15.389000000000001</v>
      </c>
      <c r="C1547" t="str">
        <f>'CPT Data'!P1555</f>
        <v>CLAY</v>
      </c>
      <c r="D1547">
        <f>'CPT Data'!Q1555</f>
        <v>51.824038726707705</v>
      </c>
      <c r="E1547">
        <f t="shared" si="24"/>
        <v>51.9710085262818</v>
      </c>
      <c r="F1547">
        <f>IF(C1547="CLAY", INDEX(D$4:D1547, MATCH("CLAY", C$4:C1547, 0)), "")</f>
        <v>0.75203252561341039</v>
      </c>
    </row>
    <row r="1548" spans="1:6" x14ac:dyDescent="0.2">
      <c r="A1548" s="239">
        <f>'CPT Data'!B1556</f>
        <v>15.407</v>
      </c>
      <c r="B1548" s="3">
        <f>'CPT Data'!C1556</f>
        <v>15.4</v>
      </c>
      <c r="C1548" t="str">
        <f>'CPT Data'!P1556</f>
        <v>CLAY</v>
      </c>
      <c r="D1548">
        <f>'CPT Data'!Q1556</f>
        <v>50.738215318783709</v>
      </c>
      <c r="E1548">
        <f t="shared" si="24"/>
        <v>51.824038726707705</v>
      </c>
      <c r="F1548">
        <f>IF(C1548="CLAY", INDEX(D$4:D1548, MATCH("CLAY", C$4:C1548, 0)), "")</f>
        <v>0.75203252561341039</v>
      </c>
    </row>
    <row r="1549" spans="1:6" x14ac:dyDescent="0.2">
      <c r="A1549" s="239">
        <f>'CPT Data'!B1557</f>
        <v>15.417</v>
      </c>
      <c r="B1549" s="3">
        <f>'CPT Data'!C1557</f>
        <v>15.41</v>
      </c>
      <c r="C1549" t="str">
        <f>'CPT Data'!P1557</f>
        <v>CLAY</v>
      </c>
      <c r="D1549">
        <f>'CPT Data'!Q1557</f>
        <v>49.96009718270772</v>
      </c>
      <c r="E1549">
        <f t="shared" si="24"/>
        <v>50.738215318783709</v>
      </c>
      <c r="F1549">
        <f>IF(C1549="CLAY", INDEX(D$4:D1549, MATCH("CLAY", C$4:C1549, 0)), "")</f>
        <v>0.75203252561341039</v>
      </c>
    </row>
    <row r="1550" spans="1:6" x14ac:dyDescent="0.2">
      <c r="A1550" s="239">
        <f>'CPT Data'!B1558</f>
        <v>15.428000000000001</v>
      </c>
      <c r="B1550" s="3">
        <f>'CPT Data'!C1558</f>
        <v>15.421000000000001</v>
      </c>
      <c r="C1550" t="str">
        <f>'CPT Data'!P1558</f>
        <v>CLAY</v>
      </c>
      <c r="D1550">
        <f>'CPT Data'!Q1558</f>
        <v>49.48151842555103</v>
      </c>
      <c r="E1550">
        <f t="shared" si="24"/>
        <v>49.96009718270772</v>
      </c>
      <c r="F1550">
        <f>IF(C1550="CLAY", INDEX(D$4:D1550, MATCH("CLAY", C$4:C1550, 0)), "")</f>
        <v>0.75203252561341039</v>
      </c>
    </row>
    <row r="1551" spans="1:6" x14ac:dyDescent="0.2">
      <c r="A1551" s="239">
        <f>'CPT Data'!B1559</f>
        <v>15.436999999999999</v>
      </c>
      <c r="B1551" s="3">
        <f>'CPT Data'!C1559</f>
        <v>15.43</v>
      </c>
      <c r="C1551" t="str">
        <f>'CPT Data'!P1559</f>
        <v>CLAY</v>
      </c>
      <c r="D1551">
        <f>'CPT Data'!Q1559</f>
        <v>46.811148422109312</v>
      </c>
      <c r="E1551">
        <f t="shared" si="24"/>
        <v>49.48151842555103</v>
      </c>
      <c r="F1551">
        <f>IF(C1551="CLAY", INDEX(D$4:D1551, MATCH("CLAY", C$4:C1551, 0)), "")</f>
        <v>0.75203252561341039</v>
      </c>
    </row>
    <row r="1552" spans="1:6" x14ac:dyDescent="0.2">
      <c r="A1552" s="239">
        <f>'CPT Data'!B1560</f>
        <v>15.448</v>
      </c>
      <c r="B1552" s="3">
        <f>'CPT Data'!C1560</f>
        <v>15.441000000000001</v>
      </c>
      <c r="C1552" t="str">
        <f>'CPT Data'!P1560</f>
        <v>CLAY</v>
      </c>
      <c r="D1552">
        <f>'CPT Data'!Q1560</f>
        <v>44.267179563831405</v>
      </c>
      <c r="E1552">
        <f t="shared" si="24"/>
        <v>46.811148422109312</v>
      </c>
      <c r="F1552">
        <f>IF(C1552="CLAY", INDEX(D$4:D1552, MATCH("CLAY", C$4:C1552, 0)), "")</f>
        <v>0.75203252561341039</v>
      </c>
    </row>
    <row r="1553" spans="1:6" x14ac:dyDescent="0.2">
      <c r="A1553" s="239">
        <f>'CPT Data'!B1561</f>
        <v>15.457000000000001</v>
      </c>
      <c r="B1553" s="3">
        <f>'CPT Data'!C1561</f>
        <v>15.450000000000001</v>
      </c>
      <c r="C1553" t="str">
        <f>'CPT Data'!P1561</f>
        <v>CLAY</v>
      </c>
      <c r="D1553">
        <f>'CPT Data'!Q1561</f>
        <v>40.557055312876734</v>
      </c>
      <c r="E1553">
        <f t="shared" si="24"/>
        <v>44.267179563831405</v>
      </c>
      <c r="F1553">
        <f>IF(C1553="CLAY", INDEX(D$4:D1553, MATCH("CLAY", C$4:C1553, 0)), "")</f>
        <v>0.75203252561341039</v>
      </c>
    </row>
    <row r="1554" spans="1:6" x14ac:dyDescent="0.2">
      <c r="A1554" s="239">
        <f>'CPT Data'!B1562</f>
        <v>15.468</v>
      </c>
      <c r="B1554" s="3">
        <f>'CPT Data'!C1562</f>
        <v>15.461</v>
      </c>
      <c r="C1554" t="str">
        <f>'CPT Data'!P1562</f>
        <v>CLAY</v>
      </c>
      <c r="D1554">
        <f>'CPT Data'!Q1562</f>
        <v>36.140969512725952</v>
      </c>
      <c r="E1554">
        <f t="shared" si="24"/>
        <v>40.557055312876734</v>
      </c>
      <c r="F1554">
        <f>IF(C1554="CLAY", INDEX(D$4:D1554, MATCH("CLAY", C$4:C1554, 0)), "")</f>
        <v>0.75203252561341039</v>
      </c>
    </row>
    <row r="1555" spans="1:6" x14ac:dyDescent="0.2">
      <c r="A1555" s="239">
        <f>'CPT Data'!B1563</f>
        <v>15.477</v>
      </c>
      <c r="B1555" s="3">
        <f>'CPT Data'!C1563</f>
        <v>15.47</v>
      </c>
      <c r="C1555" t="str">
        <f>'CPT Data'!P1563</f>
        <v>CLAY</v>
      </c>
      <c r="D1555">
        <f>'CPT Data'!Q1563</f>
        <v>34.660556993570758</v>
      </c>
      <c r="E1555">
        <f t="shared" si="24"/>
        <v>36.140969512725952</v>
      </c>
      <c r="F1555">
        <f>IF(C1555="CLAY", INDEX(D$4:D1555, MATCH("CLAY", C$4:C1555, 0)), "")</f>
        <v>0.75203252561341039</v>
      </c>
    </row>
    <row r="1556" spans="1:6" x14ac:dyDescent="0.2">
      <c r="A1556" s="239">
        <f>'CPT Data'!B1564</f>
        <v>15.488</v>
      </c>
      <c r="B1556" s="3">
        <f>'CPT Data'!C1564</f>
        <v>15.481</v>
      </c>
      <c r="C1556" t="str">
        <f>'CPT Data'!P1564</f>
        <v>CLAY</v>
      </c>
      <c r="D1556">
        <f>'CPT Data'!Q1564</f>
        <v>35.753228332215656</v>
      </c>
      <c r="E1556">
        <f t="shared" si="24"/>
        <v>34.660556993570758</v>
      </c>
      <c r="F1556">
        <f>IF(C1556="CLAY", INDEX(D$4:D1556, MATCH("CLAY", C$4:C1556, 0)), "")</f>
        <v>0.75203252561341039</v>
      </c>
    </row>
    <row r="1557" spans="1:6" x14ac:dyDescent="0.2">
      <c r="A1557" s="239">
        <f>'CPT Data'!B1565</f>
        <v>15.497999999999999</v>
      </c>
      <c r="B1557" s="3">
        <f>'CPT Data'!C1565</f>
        <v>15.491</v>
      </c>
      <c r="C1557" t="str">
        <f>'CPT Data'!P1565</f>
        <v>CLAY</v>
      </c>
      <c r="D1557">
        <f>'CPT Data'!Q1565</f>
        <v>35.905268424164774</v>
      </c>
      <c r="E1557">
        <f t="shared" si="24"/>
        <v>35.753228332215656</v>
      </c>
      <c r="F1557">
        <f>IF(C1557="CLAY", INDEX(D$4:D1557, MATCH("CLAY", C$4:C1557, 0)), "")</f>
        <v>0.75203252561341039</v>
      </c>
    </row>
    <row r="1558" spans="1:6" x14ac:dyDescent="0.2">
      <c r="A1558" s="239">
        <f>'CPT Data'!B1566</f>
        <v>15.507</v>
      </c>
      <c r="B1558" s="3">
        <f>'CPT Data'!C1566</f>
        <v>15.5</v>
      </c>
      <c r="C1558" t="str">
        <f>'CPT Data'!P1566</f>
        <v>CLAY</v>
      </c>
      <c r="D1558">
        <f>'CPT Data'!Q1566</f>
        <v>35.137917905355842</v>
      </c>
      <c r="E1558">
        <f t="shared" si="24"/>
        <v>35.905268424164774</v>
      </c>
      <c r="F1558">
        <f>IF(C1558="CLAY", INDEX(D$4:D1558, MATCH("CLAY", C$4:C1558, 0)), "")</f>
        <v>0.75203252561341039</v>
      </c>
    </row>
    <row r="1559" spans="1:6" x14ac:dyDescent="0.2">
      <c r="A1559" s="239">
        <f>'CPT Data'!B1567</f>
        <v>15.518000000000001</v>
      </c>
      <c r="B1559" s="3">
        <f>'CPT Data'!C1567</f>
        <v>15.511000000000001</v>
      </c>
      <c r="C1559" t="str">
        <f>'CPT Data'!P1567</f>
        <v>CLAY</v>
      </c>
      <c r="D1559">
        <f>'CPT Data'!Q1567</f>
        <v>35.683464373352365</v>
      </c>
      <c r="E1559">
        <f t="shared" si="24"/>
        <v>35.137917905355842</v>
      </c>
      <c r="F1559">
        <f>IF(C1559="CLAY", INDEX(D$4:D1559, MATCH("CLAY", C$4:C1559, 0)), "")</f>
        <v>0.75203252561341039</v>
      </c>
    </row>
    <row r="1560" spans="1:6" x14ac:dyDescent="0.2">
      <c r="A1560" s="239">
        <f>'CPT Data'!B1568</f>
        <v>15.526999999999999</v>
      </c>
      <c r="B1560" s="3">
        <f>'CPT Data'!C1568</f>
        <v>15.52</v>
      </c>
      <c r="C1560" t="str">
        <f>'CPT Data'!P1568</f>
        <v>CLAY</v>
      </c>
      <c r="D1560">
        <f>'CPT Data'!Q1568</f>
        <v>36.528773374334889</v>
      </c>
      <c r="E1560">
        <f t="shared" si="24"/>
        <v>35.683464373352365</v>
      </c>
      <c r="F1560">
        <f>IF(C1560="CLAY", INDEX(D$4:D1560, MATCH("CLAY", C$4:C1560, 0)), "")</f>
        <v>0.75203252561341039</v>
      </c>
    </row>
    <row r="1561" spans="1:6" x14ac:dyDescent="0.2">
      <c r="A1561" s="239">
        <f>'CPT Data'!B1569</f>
        <v>15.538</v>
      </c>
      <c r="B1561" s="3">
        <f>'CPT Data'!C1569</f>
        <v>15.531000000000001</v>
      </c>
      <c r="C1561" t="str">
        <f>'CPT Data'!P1569</f>
        <v>CLAY</v>
      </c>
      <c r="D1561">
        <f>'CPT Data'!Q1569</f>
        <v>36.335804597641079</v>
      </c>
      <c r="E1561">
        <f t="shared" si="24"/>
        <v>36.528773374334889</v>
      </c>
      <c r="F1561">
        <f>IF(C1561="CLAY", INDEX(D$4:D1561, MATCH("CLAY", C$4:C1561, 0)), "")</f>
        <v>0.75203252561341039</v>
      </c>
    </row>
    <row r="1562" spans="1:6" x14ac:dyDescent="0.2">
      <c r="A1562" s="239">
        <f>'CPT Data'!B1570</f>
        <v>15.547000000000001</v>
      </c>
      <c r="B1562" s="3">
        <f>'CPT Data'!C1570</f>
        <v>15.540000000000001</v>
      </c>
      <c r="C1562" t="str">
        <f>'CPT Data'!P1570</f>
        <v>CLAY</v>
      </c>
      <c r="D1562">
        <f>'CPT Data'!Q1570</f>
        <v>37.293971607534615</v>
      </c>
      <c r="E1562">
        <f t="shared" si="24"/>
        <v>36.335804597641079</v>
      </c>
      <c r="F1562">
        <f>IF(C1562="CLAY", INDEX(D$4:D1562, MATCH("CLAY", C$4:C1562, 0)), "")</f>
        <v>0.75203252561341039</v>
      </c>
    </row>
    <row r="1563" spans="1:6" x14ac:dyDescent="0.2">
      <c r="A1563" s="239">
        <f>'CPT Data'!B1571</f>
        <v>15.558</v>
      </c>
      <c r="B1563" s="3">
        <f>'CPT Data'!C1571</f>
        <v>15.551</v>
      </c>
      <c r="C1563" t="str">
        <f>'CPT Data'!P1571</f>
        <v>CLAY</v>
      </c>
      <c r="D1563">
        <f>'CPT Data'!Q1571</f>
        <v>38.601308362248204</v>
      </c>
      <c r="E1563">
        <f t="shared" ref="E1563:E1626" si="25">IF(C1563="SAND",#N/A,IF(C1563=C1562,D1562,IF(C1563="CLAY",D1563,#N/A)))</f>
        <v>37.293971607534615</v>
      </c>
      <c r="F1563">
        <f>IF(C1563="CLAY", INDEX(D$4:D1563, MATCH("CLAY", C$4:C1563, 0)), "")</f>
        <v>0.75203252561341039</v>
      </c>
    </row>
    <row r="1564" spans="1:6" x14ac:dyDescent="0.2">
      <c r="A1564" s="239">
        <f>'CPT Data'!B1572</f>
        <v>15.567</v>
      </c>
      <c r="B1564" s="3">
        <f>'CPT Data'!C1572</f>
        <v>15.56</v>
      </c>
      <c r="C1564" t="str">
        <f>'CPT Data'!P1572</f>
        <v>CLAY</v>
      </c>
      <c r="D1564">
        <f>'CPT Data'!Q1572</f>
        <v>41.50172223260256</v>
      </c>
      <c r="E1564">
        <f t="shared" si="25"/>
        <v>38.601308362248204</v>
      </c>
      <c r="F1564">
        <f>IF(C1564="CLAY", INDEX(D$4:D1564, MATCH("CLAY", C$4:C1564, 0)), "")</f>
        <v>0.75203252561341039</v>
      </c>
    </row>
    <row r="1565" spans="1:6" x14ac:dyDescent="0.2">
      <c r="A1565" s="239">
        <f>'CPT Data'!B1573</f>
        <v>15.577999999999999</v>
      </c>
      <c r="B1565" s="3">
        <f>'CPT Data'!C1573</f>
        <v>15.571</v>
      </c>
      <c r="C1565" t="str">
        <f>'CPT Data'!P1573</f>
        <v>CLAY</v>
      </c>
      <c r="D1565">
        <f>'CPT Data'!Q1573</f>
        <v>45.475211813666419</v>
      </c>
      <c r="E1565">
        <f t="shared" si="25"/>
        <v>41.50172223260256</v>
      </c>
      <c r="F1565">
        <f>IF(C1565="CLAY", INDEX(D$4:D1565, MATCH("CLAY", C$4:C1565, 0)), "")</f>
        <v>0.75203252561341039</v>
      </c>
    </row>
    <row r="1566" spans="1:6" x14ac:dyDescent="0.2">
      <c r="A1566" s="239">
        <f>'CPT Data'!B1574</f>
        <v>15.587</v>
      </c>
      <c r="B1566" s="3">
        <f>'CPT Data'!C1574</f>
        <v>15.58</v>
      </c>
      <c r="C1566" t="str">
        <f>'CPT Data'!P1574</f>
        <v>CLAY</v>
      </c>
      <c r="D1566">
        <f>'CPT Data'!Q1574</f>
        <v>50.788698579160645</v>
      </c>
      <c r="E1566">
        <f t="shared" si="25"/>
        <v>45.475211813666419</v>
      </c>
      <c r="F1566">
        <f>IF(C1566="CLAY", INDEX(D$4:D1566, MATCH("CLAY", C$4:C1566, 0)), "")</f>
        <v>0.75203252561341039</v>
      </c>
    </row>
    <row r="1567" spans="1:6" x14ac:dyDescent="0.2">
      <c r="A1567" s="239">
        <f>'CPT Data'!B1575</f>
        <v>15.597</v>
      </c>
      <c r="B1567" s="3">
        <f>'CPT Data'!C1575</f>
        <v>15.59</v>
      </c>
      <c r="C1567" t="str">
        <f>'CPT Data'!P1575</f>
        <v>CLAY</v>
      </c>
      <c r="D1567">
        <f>'CPT Data'!Q1575</f>
        <v>59.302522066323093</v>
      </c>
      <c r="E1567">
        <f t="shared" si="25"/>
        <v>50.788698579160645</v>
      </c>
      <c r="F1567">
        <f>IF(C1567="CLAY", INDEX(D$4:D1567, MATCH("CLAY", C$4:C1567, 0)), "")</f>
        <v>0.75203252561341039</v>
      </c>
    </row>
    <row r="1568" spans="1:6" x14ac:dyDescent="0.2">
      <c r="A1568" s="239">
        <f>'CPT Data'!B1576</f>
        <v>15.606</v>
      </c>
      <c r="B1568" s="3">
        <f>'CPT Data'!C1576</f>
        <v>15.599</v>
      </c>
      <c r="C1568" t="str">
        <f>'CPT Data'!P1576</f>
        <v>CLAY</v>
      </c>
      <c r="D1568">
        <f>'CPT Data'!Q1576</f>
        <v>69.726502929675931</v>
      </c>
      <c r="E1568">
        <f t="shared" si="25"/>
        <v>59.302522066323093</v>
      </c>
      <c r="F1568">
        <f>IF(C1568="CLAY", INDEX(D$4:D1568, MATCH("CLAY", C$4:C1568, 0)), "")</f>
        <v>0.75203252561341039</v>
      </c>
    </row>
    <row r="1569" spans="1:6" x14ac:dyDescent="0.2">
      <c r="A1569" s="239">
        <f>'CPT Data'!B1577</f>
        <v>15.617000000000001</v>
      </c>
      <c r="B1569" s="3">
        <f>'CPT Data'!C1577</f>
        <v>15.610000000000001</v>
      </c>
      <c r="C1569" t="str">
        <f>'CPT Data'!P1577</f>
        <v>CLAY</v>
      </c>
      <c r="D1569">
        <f>'CPT Data'!Q1577</f>
        <v>78.004534745390302</v>
      </c>
      <c r="E1569">
        <f t="shared" si="25"/>
        <v>69.726502929675931</v>
      </c>
      <c r="F1569">
        <f>IF(C1569="CLAY", INDEX(D$4:D1569, MATCH("CLAY", C$4:C1569, 0)), "")</f>
        <v>0.75203252561341039</v>
      </c>
    </row>
    <row r="1570" spans="1:6" x14ac:dyDescent="0.2">
      <c r="A1570" s="239">
        <f>'CPT Data'!B1578</f>
        <v>15.625999999999999</v>
      </c>
      <c r="B1570" s="3">
        <f>'CPT Data'!C1578</f>
        <v>15.619</v>
      </c>
      <c r="C1570" t="str">
        <f>'CPT Data'!P1578</f>
        <v>CLAY</v>
      </c>
      <c r="D1570">
        <f>'CPT Data'!Q1578</f>
        <v>81.961168694313173</v>
      </c>
      <c r="E1570">
        <f t="shared" si="25"/>
        <v>78.004534745390302</v>
      </c>
      <c r="F1570">
        <f>IF(C1570="CLAY", INDEX(D$4:D1570, MATCH("CLAY", C$4:C1570, 0)), "")</f>
        <v>0.75203252561341039</v>
      </c>
    </row>
    <row r="1571" spans="1:6" x14ac:dyDescent="0.2">
      <c r="A1571" s="239">
        <f>'CPT Data'!B1579</f>
        <v>15.637</v>
      </c>
      <c r="B1571" s="3">
        <f>'CPT Data'!C1579</f>
        <v>15.63</v>
      </c>
      <c r="C1571" t="str">
        <f>'CPT Data'!P1579</f>
        <v>CLAY</v>
      </c>
      <c r="D1571">
        <f>'CPT Data'!Q1579</f>
        <v>82.443742994763582</v>
      </c>
      <c r="E1571">
        <f t="shared" si="25"/>
        <v>81.961168694313173</v>
      </c>
      <c r="F1571">
        <f>IF(C1571="CLAY", INDEX(D$4:D1571, MATCH("CLAY", C$4:C1571, 0)), "")</f>
        <v>0.75203252561341039</v>
      </c>
    </row>
    <row r="1572" spans="1:6" x14ac:dyDescent="0.2">
      <c r="A1572" s="239">
        <f>'CPT Data'!B1580</f>
        <v>15.647</v>
      </c>
      <c r="B1572" s="3">
        <f>'CPT Data'!C1580</f>
        <v>15.64</v>
      </c>
      <c r="C1572" t="str">
        <f>'CPT Data'!P1580</f>
        <v>CLAY</v>
      </c>
      <c r="D1572">
        <f>'CPT Data'!Q1580</f>
        <v>80.822551503777106</v>
      </c>
      <c r="E1572">
        <f t="shared" si="25"/>
        <v>82.443742994763582</v>
      </c>
      <c r="F1572">
        <f>IF(C1572="CLAY", INDEX(D$4:D1572, MATCH("CLAY", C$4:C1572, 0)), "")</f>
        <v>0.75203252561341039</v>
      </c>
    </row>
    <row r="1573" spans="1:6" x14ac:dyDescent="0.2">
      <c r="A1573" s="239">
        <f>'CPT Data'!B1581</f>
        <v>15.657</v>
      </c>
      <c r="B1573" s="3">
        <f>'CPT Data'!C1581</f>
        <v>15.65</v>
      </c>
      <c r="C1573" t="str">
        <f>'CPT Data'!P1581</f>
        <v>CLAY</v>
      </c>
      <c r="D1573">
        <f>'CPT Data'!Q1581</f>
        <v>78.184395433987078</v>
      </c>
      <c r="E1573">
        <f t="shared" si="25"/>
        <v>80.822551503777106</v>
      </c>
      <c r="F1573">
        <f>IF(C1573="CLAY", INDEX(D$4:D1573, MATCH("CLAY", C$4:C1573, 0)), "")</f>
        <v>0.75203252561341039</v>
      </c>
    </row>
    <row r="1574" spans="1:6" x14ac:dyDescent="0.2">
      <c r="A1574" s="239">
        <f>'CPT Data'!B1582</f>
        <v>15.667</v>
      </c>
      <c r="B1574" s="3">
        <f>'CPT Data'!C1582</f>
        <v>15.66</v>
      </c>
      <c r="C1574" t="str">
        <f>'CPT Data'!P1582</f>
        <v>CLAY</v>
      </c>
      <c r="D1574">
        <f>'CPT Data'!Q1582</f>
        <v>74.805921242331124</v>
      </c>
      <c r="E1574">
        <f t="shared" si="25"/>
        <v>78.184395433987078</v>
      </c>
      <c r="F1574">
        <f>IF(C1574="CLAY", INDEX(D$4:D1574, MATCH("CLAY", C$4:C1574, 0)), "")</f>
        <v>0.75203252561341039</v>
      </c>
    </row>
    <row r="1575" spans="1:6" x14ac:dyDescent="0.2">
      <c r="A1575" s="239">
        <f>'CPT Data'!B1583</f>
        <v>15.677</v>
      </c>
      <c r="B1575" s="3">
        <f>'CPT Data'!C1583</f>
        <v>15.67</v>
      </c>
      <c r="C1575" t="str">
        <f>'CPT Data'!P1583</f>
        <v>CLAY</v>
      </c>
      <c r="D1575">
        <f>'CPT Data'!Q1583</f>
        <v>72.959461486143439</v>
      </c>
      <c r="E1575">
        <f t="shared" si="25"/>
        <v>74.805921242331124</v>
      </c>
      <c r="F1575">
        <f>IF(C1575="CLAY", INDEX(D$4:D1575, MATCH("CLAY", C$4:C1575, 0)), "")</f>
        <v>0.75203252561341039</v>
      </c>
    </row>
    <row r="1576" spans="1:6" x14ac:dyDescent="0.2">
      <c r="A1576" s="239">
        <f>'CPT Data'!B1584</f>
        <v>15.686999999999999</v>
      </c>
      <c r="B1576" s="3">
        <f>'CPT Data'!C1584</f>
        <v>15.68</v>
      </c>
      <c r="C1576" t="str">
        <f>'CPT Data'!P1584</f>
        <v>CLAY</v>
      </c>
      <c r="D1576">
        <f>'CPT Data'!Q1584</f>
        <v>69.96084827679482</v>
      </c>
      <c r="E1576">
        <f t="shared" si="25"/>
        <v>72.959461486143439</v>
      </c>
      <c r="F1576">
        <f>IF(C1576="CLAY", INDEX(D$4:D1576, MATCH("CLAY", C$4:C1576, 0)), "")</f>
        <v>0.75203252561341039</v>
      </c>
    </row>
    <row r="1577" spans="1:6" x14ac:dyDescent="0.2">
      <c r="A1577" s="239">
        <f>'CPT Data'!B1585</f>
        <v>15.696999999999999</v>
      </c>
      <c r="B1577" s="3">
        <f>'CPT Data'!C1585</f>
        <v>15.69</v>
      </c>
      <c r="C1577" t="str">
        <f>'CPT Data'!P1585</f>
        <v>CLAY</v>
      </c>
      <c r="D1577">
        <f>'CPT Data'!Q1585</f>
        <v>66.675123666364357</v>
      </c>
      <c r="E1577">
        <f t="shared" si="25"/>
        <v>69.96084827679482</v>
      </c>
      <c r="F1577">
        <f>IF(C1577="CLAY", INDEX(D$4:D1577, MATCH("CLAY", C$4:C1577, 0)), "")</f>
        <v>0.75203252561341039</v>
      </c>
    </row>
    <row r="1578" spans="1:6" x14ac:dyDescent="0.2">
      <c r="A1578" s="239">
        <f>'CPT Data'!B1586</f>
        <v>15.708</v>
      </c>
      <c r="B1578" s="3">
        <f>'CPT Data'!C1586</f>
        <v>15.701000000000001</v>
      </c>
      <c r="C1578" t="str">
        <f>'CPT Data'!P1586</f>
        <v>CLAY</v>
      </c>
      <c r="D1578">
        <f>'CPT Data'!Q1586</f>
        <v>63.218636257916586</v>
      </c>
      <c r="E1578">
        <f t="shared" si="25"/>
        <v>66.675123666364357</v>
      </c>
      <c r="F1578">
        <f>IF(C1578="CLAY", INDEX(D$4:D1578, MATCH("CLAY", C$4:C1578, 0)), "")</f>
        <v>0.75203252561341039</v>
      </c>
    </row>
    <row r="1579" spans="1:6" x14ac:dyDescent="0.2">
      <c r="A1579" s="239">
        <f>'CPT Data'!B1587</f>
        <v>15.717000000000001</v>
      </c>
      <c r="B1579" s="3">
        <f>'CPT Data'!C1587</f>
        <v>15.71</v>
      </c>
      <c r="C1579" t="str">
        <f>'CPT Data'!P1587</f>
        <v>CLAY</v>
      </c>
      <c r="D1579">
        <f>'CPT Data'!Q1587</f>
        <v>59.209827521728847</v>
      </c>
      <c r="E1579">
        <f t="shared" si="25"/>
        <v>63.218636257916586</v>
      </c>
      <c r="F1579">
        <f>IF(C1579="CLAY", INDEX(D$4:D1579, MATCH("CLAY", C$4:C1579, 0)), "")</f>
        <v>0.75203252561341039</v>
      </c>
    </row>
    <row r="1580" spans="1:6" x14ac:dyDescent="0.2">
      <c r="A1580" s="239">
        <f>'CPT Data'!B1588</f>
        <v>15.727</v>
      </c>
      <c r="B1580" s="3">
        <f>'CPT Data'!C1588</f>
        <v>15.72</v>
      </c>
      <c r="C1580" t="str">
        <f>'CPT Data'!P1588</f>
        <v>CLAY</v>
      </c>
      <c r="D1580">
        <f>'CPT Data'!Q1588</f>
        <v>54.046755415539593</v>
      </c>
      <c r="E1580">
        <f t="shared" si="25"/>
        <v>59.209827521728847</v>
      </c>
      <c r="F1580">
        <f>IF(C1580="CLAY", INDEX(D$4:D1580, MATCH("CLAY", C$4:C1580, 0)), "")</f>
        <v>0.75203252561341039</v>
      </c>
    </row>
    <row r="1581" spans="1:6" x14ac:dyDescent="0.2">
      <c r="A1581" s="239">
        <f>'CPT Data'!B1589</f>
        <v>15.736000000000001</v>
      </c>
      <c r="B1581" s="3">
        <f>'CPT Data'!C1589</f>
        <v>15.729000000000001</v>
      </c>
      <c r="C1581" t="str">
        <f>'CPT Data'!P1589</f>
        <v>CLAY</v>
      </c>
      <c r="D1581">
        <f>'CPT Data'!Q1589</f>
        <v>50.536591270299539</v>
      </c>
      <c r="E1581">
        <f t="shared" si="25"/>
        <v>54.046755415539593</v>
      </c>
      <c r="F1581">
        <f>IF(C1581="CLAY", INDEX(D$4:D1581, MATCH("CLAY", C$4:C1581, 0)), "")</f>
        <v>0.75203252561341039</v>
      </c>
    </row>
    <row r="1582" spans="1:6" x14ac:dyDescent="0.2">
      <c r="A1582" s="239">
        <f>'CPT Data'!B1590</f>
        <v>15.747</v>
      </c>
      <c r="B1582" s="3">
        <f>'CPT Data'!C1590</f>
        <v>15.74</v>
      </c>
      <c r="C1582" t="str">
        <f>'CPT Data'!P1590</f>
        <v>CLAY</v>
      </c>
      <c r="D1582">
        <f>'CPT Data'!Q1590</f>
        <v>48.63235146936799</v>
      </c>
      <c r="E1582">
        <f t="shared" si="25"/>
        <v>50.536591270299539</v>
      </c>
      <c r="F1582">
        <f>IF(C1582="CLAY", INDEX(D$4:D1582, MATCH("CLAY", C$4:C1582, 0)), "")</f>
        <v>0.75203252561341039</v>
      </c>
    </row>
    <row r="1583" spans="1:6" x14ac:dyDescent="0.2">
      <c r="A1583" s="239">
        <f>'CPT Data'!B1591</f>
        <v>15.757</v>
      </c>
      <c r="B1583" s="3">
        <f>'CPT Data'!C1591</f>
        <v>15.75</v>
      </c>
      <c r="C1583" t="str">
        <f>'CPT Data'!P1591</f>
        <v>CLAY</v>
      </c>
      <c r="D1583">
        <f>'CPT Data'!Q1591</f>
        <v>48.642538240042903</v>
      </c>
      <c r="E1583">
        <f t="shared" si="25"/>
        <v>48.63235146936799</v>
      </c>
      <c r="F1583">
        <f>IF(C1583="CLAY", INDEX(D$4:D1583, MATCH("CLAY", C$4:C1583, 0)), "")</f>
        <v>0.75203252561341039</v>
      </c>
    </row>
    <row r="1584" spans="1:6" x14ac:dyDescent="0.2">
      <c r="A1584" s="239">
        <f>'CPT Data'!B1592</f>
        <v>15.766999999999999</v>
      </c>
      <c r="B1584" s="3">
        <f>'CPT Data'!C1592</f>
        <v>15.76</v>
      </c>
      <c r="C1584" t="str">
        <f>'CPT Data'!P1592</f>
        <v>CLAY</v>
      </c>
      <c r="D1584">
        <f>'CPT Data'!Q1592</f>
        <v>47.391579118030052</v>
      </c>
      <c r="E1584">
        <f t="shared" si="25"/>
        <v>48.642538240042903</v>
      </c>
      <c r="F1584">
        <f>IF(C1584="CLAY", INDEX(D$4:D1584, MATCH("CLAY", C$4:C1584, 0)), "")</f>
        <v>0.75203252561341039</v>
      </c>
    </row>
    <row r="1585" spans="1:6" x14ac:dyDescent="0.2">
      <c r="A1585" s="239">
        <f>'CPT Data'!B1593</f>
        <v>15.776</v>
      </c>
      <c r="B1585" s="3">
        <f>'CPT Data'!C1593</f>
        <v>15.769</v>
      </c>
      <c r="C1585" t="str">
        <f>'CPT Data'!P1593</f>
        <v>CLAY</v>
      </c>
      <c r="D1585">
        <f>'CPT Data'!Q1593</f>
        <v>46.995745656662848</v>
      </c>
      <c r="E1585">
        <f t="shared" si="25"/>
        <v>47.391579118030052</v>
      </c>
      <c r="F1585">
        <f>IF(C1585="CLAY", INDEX(D$4:D1585, MATCH("CLAY", C$4:C1585, 0)), "")</f>
        <v>0.75203252561341039</v>
      </c>
    </row>
    <row r="1586" spans="1:6" x14ac:dyDescent="0.2">
      <c r="A1586" s="239">
        <f>'CPT Data'!B1594</f>
        <v>15.787000000000001</v>
      </c>
      <c r="B1586" s="3">
        <f>'CPT Data'!C1594</f>
        <v>15.780000000000001</v>
      </c>
      <c r="C1586" t="str">
        <f>'CPT Data'!P1594</f>
        <v>CLAY</v>
      </c>
      <c r="D1586">
        <f>'CPT Data'!Q1594</f>
        <v>50.175698615076008</v>
      </c>
      <c r="E1586">
        <f t="shared" si="25"/>
        <v>46.995745656662848</v>
      </c>
      <c r="F1586">
        <f>IF(C1586="CLAY", INDEX(D$4:D1586, MATCH("CLAY", C$4:C1586, 0)), "")</f>
        <v>0.75203252561341039</v>
      </c>
    </row>
    <row r="1587" spans="1:6" x14ac:dyDescent="0.2">
      <c r="A1587" s="239">
        <f>'CPT Data'!B1595</f>
        <v>15.797000000000001</v>
      </c>
      <c r="B1587" s="3">
        <f>'CPT Data'!C1595</f>
        <v>15.790000000000001</v>
      </c>
      <c r="C1587" t="str">
        <f>'CPT Data'!P1595</f>
        <v>CLAY</v>
      </c>
      <c r="D1587">
        <f>'CPT Data'!Q1595</f>
        <v>53.675780313847433</v>
      </c>
      <c r="E1587">
        <f t="shared" si="25"/>
        <v>50.175698615076008</v>
      </c>
      <c r="F1587">
        <f>IF(C1587="CLAY", INDEX(D$4:D1587, MATCH("CLAY", C$4:C1587, 0)), "")</f>
        <v>0.75203252561341039</v>
      </c>
    </row>
    <row r="1588" spans="1:6" x14ac:dyDescent="0.2">
      <c r="A1588" s="239">
        <f>'CPT Data'!B1596</f>
        <v>15.805999999999999</v>
      </c>
      <c r="B1588" s="3">
        <f>'CPT Data'!C1596</f>
        <v>15.798999999999999</v>
      </c>
      <c r="C1588" t="str">
        <f>'CPT Data'!P1596</f>
        <v>CLAY</v>
      </c>
      <c r="D1588">
        <f>'CPT Data'!Q1596</f>
        <v>61.48556952597022</v>
      </c>
      <c r="E1588">
        <f t="shared" si="25"/>
        <v>53.675780313847433</v>
      </c>
      <c r="F1588">
        <f>IF(C1588="CLAY", INDEX(D$4:D1588, MATCH("CLAY", C$4:C1588, 0)), "")</f>
        <v>0.75203252561341039</v>
      </c>
    </row>
    <row r="1589" spans="1:6" x14ac:dyDescent="0.2">
      <c r="A1589" s="239">
        <f>'CPT Data'!B1597</f>
        <v>15.816000000000001</v>
      </c>
      <c r="B1589" s="3">
        <f>'CPT Data'!C1597</f>
        <v>15.809000000000001</v>
      </c>
      <c r="C1589" t="str">
        <f>'CPT Data'!P1597</f>
        <v>CLAY</v>
      </c>
      <c r="D1589">
        <f>'CPT Data'!Q1597</f>
        <v>76.84307062144012</v>
      </c>
      <c r="E1589">
        <f t="shared" si="25"/>
        <v>61.48556952597022</v>
      </c>
      <c r="F1589">
        <f>IF(C1589="CLAY", INDEX(D$4:D1589, MATCH("CLAY", C$4:C1589, 0)), "")</f>
        <v>0.75203252561341039</v>
      </c>
    </row>
    <row r="1590" spans="1:6" x14ac:dyDescent="0.2">
      <c r="A1590" s="239">
        <f>'CPT Data'!B1598</f>
        <v>15.826000000000001</v>
      </c>
      <c r="B1590" s="3">
        <f>'CPT Data'!C1598</f>
        <v>15.819000000000001</v>
      </c>
      <c r="C1590" t="str">
        <f>'CPT Data'!P1598</f>
        <v>CLAY</v>
      </c>
      <c r="D1590">
        <f>'CPT Data'!Q1598</f>
        <v>94.493903372039483</v>
      </c>
      <c r="E1590">
        <f t="shared" si="25"/>
        <v>76.84307062144012</v>
      </c>
      <c r="F1590">
        <f>IF(C1590="CLAY", INDEX(D$4:D1590, MATCH("CLAY", C$4:C1590, 0)), "")</f>
        <v>0.75203252561341039</v>
      </c>
    </row>
    <row r="1591" spans="1:6" x14ac:dyDescent="0.2">
      <c r="A1591" s="239">
        <f>'CPT Data'!B1599</f>
        <v>15.836</v>
      </c>
      <c r="B1591" s="3">
        <f>'CPT Data'!C1599</f>
        <v>15.829000000000001</v>
      </c>
      <c r="C1591" t="str">
        <f>'CPT Data'!P1599</f>
        <v>SAND</v>
      </c>
      <c r="D1591" t="e">
        <f>'CPT Data'!Q1599</f>
        <v>#N/A</v>
      </c>
      <c r="E1591" t="e">
        <f t="shared" si="25"/>
        <v>#N/A</v>
      </c>
      <c r="F1591" t="str">
        <f>IF(C1591="CLAY", INDEX(D$4:D1591, MATCH("CLAY", C$4:C1591, 0)), "")</f>
        <v/>
      </c>
    </row>
    <row r="1592" spans="1:6" x14ac:dyDescent="0.2">
      <c r="A1592" s="239">
        <f>'CPT Data'!B1600</f>
        <v>15.847</v>
      </c>
      <c r="B1592" s="3">
        <f>'CPT Data'!C1600</f>
        <v>15.84</v>
      </c>
      <c r="C1592" t="str">
        <f>'CPT Data'!P1600</f>
        <v>SAND</v>
      </c>
      <c r="D1592" t="e">
        <f>'CPT Data'!Q1600</f>
        <v>#N/A</v>
      </c>
      <c r="E1592" t="e">
        <f t="shared" si="25"/>
        <v>#N/A</v>
      </c>
      <c r="F1592" t="str">
        <f>IF(C1592="CLAY", INDEX(D$4:D1592, MATCH("CLAY", C$4:C1592, 0)), "")</f>
        <v/>
      </c>
    </row>
    <row r="1593" spans="1:6" x14ac:dyDescent="0.2">
      <c r="A1593" s="239">
        <f>'CPT Data'!B1601</f>
        <v>15.856999999999999</v>
      </c>
      <c r="B1593" s="3">
        <f>'CPT Data'!C1601</f>
        <v>15.85</v>
      </c>
      <c r="C1593" t="str">
        <f>'CPT Data'!P1601</f>
        <v>SAND</v>
      </c>
      <c r="D1593" t="e">
        <f>'CPT Data'!Q1601</f>
        <v>#N/A</v>
      </c>
      <c r="E1593" t="e">
        <f t="shared" si="25"/>
        <v>#N/A</v>
      </c>
      <c r="F1593" t="str">
        <f>IF(C1593="CLAY", INDEX(D$4:D1593, MATCH("CLAY", C$4:C1593, 0)), "")</f>
        <v/>
      </c>
    </row>
    <row r="1594" spans="1:6" x14ac:dyDescent="0.2">
      <c r="A1594" s="239">
        <f>'CPT Data'!B1602</f>
        <v>15.867000000000001</v>
      </c>
      <c r="B1594" s="3">
        <f>'CPT Data'!C1602</f>
        <v>15.860000000000001</v>
      </c>
      <c r="C1594" t="str">
        <f>'CPT Data'!P1602</f>
        <v>SAND</v>
      </c>
      <c r="D1594" t="e">
        <f>'CPT Data'!Q1602</f>
        <v>#N/A</v>
      </c>
      <c r="E1594" t="e">
        <f t="shared" si="25"/>
        <v>#N/A</v>
      </c>
      <c r="F1594" t="str">
        <f>IF(C1594="CLAY", INDEX(D$4:D1594, MATCH("CLAY", C$4:C1594, 0)), "")</f>
        <v/>
      </c>
    </row>
    <row r="1595" spans="1:6" x14ac:dyDescent="0.2">
      <c r="A1595" s="239">
        <f>'CPT Data'!B1603</f>
        <v>15.877000000000001</v>
      </c>
      <c r="B1595" s="3">
        <f>'CPT Data'!C1603</f>
        <v>15.870000000000001</v>
      </c>
      <c r="C1595" t="str">
        <f>'CPT Data'!P1603</f>
        <v>SAND</v>
      </c>
      <c r="D1595" t="e">
        <f>'CPT Data'!Q1603</f>
        <v>#N/A</v>
      </c>
      <c r="E1595" t="e">
        <f t="shared" si="25"/>
        <v>#N/A</v>
      </c>
      <c r="F1595" t="str">
        <f>IF(C1595="CLAY", INDEX(D$4:D1595, MATCH("CLAY", C$4:C1595, 0)), "")</f>
        <v/>
      </c>
    </row>
    <row r="1596" spans="1:6" x14ac:dyDescent="0.2">
      <c r="A1596" s="239">
        <f>'CPT Data'!B1604</f>
        <v>15.887</v>
      </c>
      <c r="B1596" s="3">
        <f>'CPT Data'!C1604</f>
        <v>15.88</v>
      </c>
      <c r="C1596" t="str">
        <f>'CPT Data'!P1604</f>
        <v>SAND</v>
      </c>
      <c r="D1596" t="e">
        <f>'CPT Data'!Q1604</f>
        <v>#N/A</v>
      </c>
      <c r="E1596" t="e">
        <f t="shared" si="25"/>
        <v>#N/A</v>
      </c>
      <c r="F1596" t="str">
        <f>IF(C1596="CLAY", INDEX(D$4:D1596, MATCH("CLAY", C$4:C1596, 0)), "")</f>
        <v/>
      </c>
    </row>
    <row r="1597" spans="1:6" x14ac:dyDescent="0.2">
      <c r="A1597" s="239">
        <f>'CPT Data'!B1605</f>
        <v>15.896000000000001</v>
      </c>
      <c r="B1597" s="3">
        <f>'CPT Data'!C1605</f>
        <v>15.889000000000001</v>
      </c>
      <c r="C1597" t="str">
        <f>'CPT Data'!P1605</f>
        <v>SAND</v>
      </c>
      <c r="D1597" t="e">
        <f>'CPT Data'!Q1605</f>
        <v>#N/A</v>
      </c>
      <c r="E1597" t="e">
        <f t="shared" si="25"/>
        <v>#N/A</v>
      </c>
      <c r="F1597" t="str">
        <f>IF(C1597="CLAY", INDEX(D$4:D1597, MATCH("CLAY", C$4:C1597, 0)), "")</f>
        <v/>
      </c>
    </row>
    <row r="1598" spans="1:6" x14ac:dyDescent="0.2">
      <c r="A1598" s="239">
        <f>'CPT Data'!B1606</f>
        <v>15.906000000000001</v>
      </c>
      <c r="B1598" s="3">
        <f>'CPT Data'!C1606</f>
        <v>15.899000000000001</v>
      </c>
      <c r="C1598" t="str">
        <f>'CPT Data'!P1606</f>
        <v>SAND</v>
      </c>
      <c r="D1598" t="e">
        <f>'CPT Data'!Q1606</f>
        <v>#N/A</v>
      </c>
      <c r="E1598" t="e">
        <f t="shared" si="25"/>
        <v>#N/A</v>
      </c>
      <c r="F1598" t="str">
        <f>IF(C1598="CLAY", INDEX(D$4:D1598, MATCH("CLAY", C$4:C1598, 0)), "")</f>
        <v/>
      </c>
    </row>
    <row r="1599" spans="1:6" x14ac:dyDescent="0.2">
      <c r="A1599" s="239">
        <f>'CPT Data'!B1607</f>
        <v>15.917</v>
      </c>
      <c r="B1599" s="3">
        <f>'CPT Data'!C1607</f>
        <v>15.91</v>
      </c>
      <c r="C1599" t="str">
        <f>'CPT Data'!P1607</f>
        <v>CLAY</v>
      </c>
      <c r="D1599">
        <f>'CPT Data'!Q1607</f>
        <v>85.163542249687666</v>
      </c>
      <c r="E1599">
        <f t="shared" si="25"/>
        <v>85.163542249687666</v>
      </c>
      <c r="F1599">
        <f>IF(C1599="CLAY", INDEX(D$4:D1599, MATCH("CLAY", C$4:C1599, 0)), "")</f>
        <v>0.75203252561341039</v>
      </c>
    </row>
    <row r="1600" spans="1:6" x14ac:dyDescent="0.2">
      <c r="A1600" s="239">
        <f>'CPT Data'!B1608</f>
        <v>15.926</v>
      </c>
      <c r="B1600" s="3">
        <f>'CPT Data'!C1608</f>
        <v>15.919</v>
      </c>
      <c r="C1600" t="str">
        <f>'CPT Data'!P1608</f>
        <v>CLAY</v>
      </c>
      <c r="D1600">
        <f>'CPT Data'!Q1608</f>
        <v>77.353235434409228</v>
      </c>
      <c r="E1600">
        <f t="shared" si="25"/>
        <v>85.163542249687666</v>
      </c>
      <c r="F1600">
        <f>IF(C1600="CLAY", INDEX(D$4:D1600, MATCH("CLAY", C$4:C1600, 0)), "")</f>
        <v>0.75203252561341039</v>
      </c>
    </row>
    <row r="1601" spans="1:6" x14ac:dyDescent="0.2">
      <c r="A1601" s="239">
        <f>'CPT Data'!B1609</f>
        <v>15.936</v>
      </c>
      <c r="B1601" s="3">
        <f>'CPT Data'!C1609</f>
        <v>15.929</v>
      </c>
      <c r="C1601" t="str">
        <f>'CPT Data'!P1609</f>
        <v>CLAY</v>
      </c>
      <c r="D1601">
        <f>'CPT Data'!Q1609</f>
        <v>71.638494169029983</v>
      </c>
      <c r="E1601">
        <f t="shared" si="25"/>
        <v>77.353235434409228</v>
      </c>
      <c r="F1601">
        <f>IF(C1601="CLAY", INDEX(D$4:D1601, MATCH("CLAY", C$4:C1601, 0)), "")</f>
        <v>0.75203252561341039</v>
      </c>
    </row>
    <row r="1602" spans="1:6" x14ac:dyDescent="0.2">
      <c r="A1602" s="239">
        <f>'CPT Data'!B1610</f>
        <v>15.946</v>
      </c>
      <c r="B1602" s="3">
        <f>'CPT Data'!C1610</f>
        <v>15.939</v>
      </c>
      <c r="C1602" t="str">
        <f>'CPT Data'!P1610</f>
        <v>CLAY</v>
      </c>
      <c r="D1602">
        <f>'CPT Data'!Q1610</f>
        <v>67.814275744879083</v>
      </c>
      <c r="E1602">
        <f t="shared" si="25"/>
        <v>71.638494169029983</v>
      </c>
      <c r="F1602">
        <f>IF(C1602="CLAY", INDEX(D$4:D1602, MATCH("CLAY", C$4:C1602, 0)), "")</f>
        <v>0.75203252561341039</v>
      </c>
    </row>
    <row r="1603" spans="1:6" x14ac:dyDescent="0.2">
      <c r="A1603" s="239">
        <f>'CPT Data'!B1611</f>
        <v>15.957000000000001</v>
      </c>
      <c r="B1603" s="3">
        <f>'CPT Data'!C1611</f>
        <v>15.950000000000001</v>
      </c>
      <c r="C1603" t="str">
        <f>'CPT Data'!P1611</f>
        <v>CLAY</v>
      </c>
      <c r="D1603">
        <f>'CPT Data'!Q1611</f>
        <v>64.322520470825324</v>
      </c>
      <c r="E1603">
        <f t="shared" si="25"/>
        <v>67.814275744879083</v>
      </c>
      <c r="F1603">
        <f>IF(C1603="CLAY", INDEX(D$4:D1603, MATCH("CLAY", C$4:C1603, 0)), "")</f>
        <v>0.75203252561341039</v>
      </c>
    </row>
    <row r="1604" spans="1:6" x14ac:dyDescent="0.2">
      <c r="A1604" s="239">
        <f>'CPT Data'!B1612</f>
        <v>15.967000000000001</v>
      </c>
      <c r="B1604" s="3">
        <f>'CPT Data'!C1612</f>
        <v>15.96</v>
      </c>
      <c r="C1604" t="str">
        <f>'CPT Data'!P1612</f>
        <v>CLAY</v>
      </c>
      <c r="D1604">
        <f>'CPT Data'!Q1612</f>
        <v>59.422409949815851</v>
      </c>
      <c r="E1604">
        <f t="shared" si="25"/>
        <v>64.322520470825324</v>
      </c>
      <c r="F1604">
        <f>IF(C1604="CLAY", INDEX(D$4:D1604, MATCH("CLAY", C$4:C1604, 0)), "")</f>
        <v>0.75203252561341039</v>
      </c>
    </row>
    <row r="1605" spans="1:6" x14ac:dyDescent="0.2">
      <c r="A1605" s="239">
        <f>'CPT Data'!B1613</f>
        <v>15.976000000000001</v>
      </c>
      <c r="B1605" s="3">
        <f>'CPT Data'!C1613</f>
        <v>15.969000000000001</v>
      </c>
      <c r="C1605" t="str">
        <f>'CPT Data'!P1613</f>
        <v>CLAY</v>
      </c>
      <c r="D1605">
        <f>'CPT Data'!Q1613</f>
        <v>54.74850538685785</v>
      </c>
      <c r="E1605">
        <f t="shared" si="25"/>
        <v>59.422409949815851</v>
      </c>
      <c r="F1605">
        <f>IF(C1605="CLAY", INDEX(D$4:D1605, MATCH("CLAY", C$4:C1605, 0)), "")</f>
        <v>0.75203252561341039</v>
      </c>
    </row>
    <row r="1606" spans="1:6" x14ac:dyDescent="0.2">
      <c r="A1606" s="239">
        <f>'CPT Data'!B1614</f>
        <v>15.986000000000001</v>
      </c>
      <c r="B1606" s="3">
        <f>'CPT Data'!C1614</f>
        <v>15.979000000000001</v>
      </c>
      <c r="C1606" t="str">
        <f>'CPT Data'!P1614</f>
        <v>CLAY</v>
      </c>
      <c r="D1606">
        <f>'CPT Data'!Q1614</f>
        <v>50.830970831047502</v>
      </c>
      <c r="E1606">
        <f t="shared" si="25"/>
        <v>54.74850538685785</v>
      </c>
      <c r="F1606">
        <f>IF(C1606="CLAY", INDEX(D$4:D1606, MATCH("CLAY", C$4:C1606, 0)), "")</f>
        <v>0.75203252561341039</v>
      </c>
    </row>
    <row r="1607" spans="1:6" x14ac:dyDescent="0.2">
      <c r="A1607" s="239">
        <f>'CPT Data'!B1615</f>
        <v>15.997</v>
      </c>
      <c r="B1607" s="3">
        <f>'CPT Data'!C1615</f>
        <v>15.99</v>
      </c>
      <c r="C1607" t="str">
        <f>'CPT Data'!P1615</f>
        <v>CLAY</v>
      </c>
      <c r="D1607">
        <f>'CPT Data'!Q1615</f>
        <v>47.286778585437766</v>
      </c>
      <c r="E1607">
        <f t="shared" si="25"/>
        <v>50.830970831047502</v>
      </c>
      <c r="F1607">
        <f>IF(C1607="CLAY", INDEX(D$4:D1607, MATCH("CLAY", C$4:C1607, 0)), "")</f>
        <v>0.75203252561341039</v>
      </c>
    </row>
    <row r="1608" spans="1:6" x14ac:dyDescent="0.2">
      <c r="A1608" s="239">
        <f>'CPT Data'!B1616</f>
        <v>16.007000000000001</v>
      </c>
      <c r="B1608" s="3">
        <f>'CPT Data'!C1616</f>
        <v>16</v>
      </c>
      <c r="C1608" t="str">
        <f>'CPT Data'!P1616</f>
        <v>CLAY</v>
      </c>
      <c r="D1608">
        <f>'CPT Data'!Q1616</f>
        <v>42.134561594533004</v>
      </c>
      <c r="E1608">
        <f t="shared" si="25"/>
        <v>47.286778585437766</v>
      </c>
      <c r="F1608">
        <f>IF(C1608="CLAY", INDEX(D$4:D1608, MATCH("CLAY", C$4:C1608, 0)), "")</f>
        <v>0.75203252561341039</v>
      </c>
    </row>
    <row r="1609" spans="1:6" x14ac:dyDescent="0.2">
      <c r="A1609" s="239">
        <f>'CPT Data'!B1617</f>
        <v>16.016999999999999</v>
      </c>
      <c r="B1609" s="3">
        <f>'CPT Data'!C1617</f>
        <v>16.009999999999998</v>
      </c>
      <c r="C1609" t="str">
        <f>'CPT Data'!P1617</f>
        <v>CLAY</v>
      </c>
      <c r="D1609">
        <f>'CPT Data'!Q1617</f>
        <v>37.92841435607135</v>
      </c>
      <c r="E1609">
        <f t="shared" si="25"/>
        <v>42.134561594533004</v>
      </c>
      <c r="F1609">
        <f>IF(C1609="CLAY", INDEX(D$4:D1609, MATCH("CLAY", C$4:C1609, 0)), "")</f>
        <v>0.75203252561341039</v>
      </c>
    </row>
    <row r="1610" spans="1:6" x14ac:dyDescent="0.2">
      <c r="A1610" s="239">
        <f>'CPT Data'!B1618</f>
        <v>16.027000000000001</v>
      </c>
      <c r="B1610" s="3">
        <f>'CPT Data'!C1618</f>
        <v>16.02</v>
      </c>
      <c r="C1610" t="str">
        <f>'CPT Data'!P1618</f>
        <v>CLAY</v>
      </c>
      <c r="D1610">
        <f>'CPT Data'!Q1618</f>
        <v>34.337192893384376</v>
      </c>
      <c r="E1610">
        <f t="shared" si="25"/>
        <v>37.92841435607135</v>
      </c>
      <c r="F1610">
        <f>IF(C1610="CLAY", INDEX(D$4:D1610, MATCH("CLAY", C$4:C1610, 0)), "")</f>
        <v>0.75203252561341039</v>
      </c>
    </row>
    <row r="1611" spans="1:6" x14ac:dyDescent="0.2">
      <c r="A1611" s="239">
        <f>'CPT Data'!B1619</f>
        <v>16.036999999999999</v>
      </c>
      <c r="B1611" s="3">
        <f>'CPT Data'!C1619</f>
        <v>16.029999999999998</v>
      </c>
      <c r="C1611" t="str">
        <f>'CPT Data'!P1619</f>
        <v>CLAY</v>
      </c>
      <c r="D1611">
        <f>'CPT Data'!Q1619</f>
        <v>31.149428650293583</v>
      </c>
      <c r="E1611">
        <f t="shared" si="25"/>
        <v>34.337192893384376</v>
      </c>
      <c r="F1611">
        <f>IF(C1611="CLAY", INDEX(D$4:D1611, MATCH("CLAY", C$4:C1611, 0)), "")</f>
        <v>0.75203252561341039</v>
      </c>
    </row>
    <row r="1612" spans="1:6" x14ac:dyDescent="0.2">
      <c r="A1612" s="239">
        <f>'CPT Data'!B1620</f>
        <v>16.047000000000001</v>
      </c>
      <c r="B1612" s="3">
        <f>'CPT Data'!C1620</f>
        <v>16.04</v>
      </c>
      <c r="C1612" t="str">
        <f>'CPT Data'!P1620</f>
        <v>CLAY</v>
      </c>
      <c r="D1612">
        <f>'CPT Data'!Q1620</f>
        <v>30.645082866901742</v>
      </c>
      <c r="E1612">
        <f t="shared" si="25"/>
        <v>31.149428650293583</v>
      </c>
      <c r="F1612">
        <f>IF(C1612="CLAY", INDEX(D$4:D1612, MATCH("CLAY", C$4:C1612, 0)), "")</f>
        <v>0.75203252561341039</v>
      </c>
    </row>
    <row r="1613" spans="1:6" x14ac:dyDescent="0.2">
      <c r="A1613" s="239">
        <f>'CPT Data'!B1621</f>
        <v>16.056999999999999</v>
      </c>
      <c r="B1613" s="3">
        <f>'CPT Data'!C1621</f>
        <v>16.049999999999997</v>
      </c>
      <c r="C1613" t="str">
        <f>'CPT Data'!P1621</f>
        <v>CLAY</v>
      </c>
      <c r="D1613">
        <f>'CPT Data'!Q1621</f>
        <v>31.564257568903145</v>
      </c>
      <c r="E1613">
        <f t="shared" si="25"/>
        <v>30.645082866901742</v>
      </c>
      <c r="F1613">
        <f>IF(C1613="CLAY", INDEX(D$4:D1613, MATCH("CLAY", C$4:C1613, 0)), "")</f>
        <v>0.75203252561341039</v>
      </c>
    </row>
    <row r="1614" spans="1:6" x14ac:dyDescent="0.2">
      <c r="A1614" s="239">
        <f>'CPT Data'!B1622</f>
        <v>16.065999999999999</v>
      </c>
      <c r="B1614" s="3">
        <f>'CPT Data'!C1622</f>
        <v>16.058999999999997</v>
      </c>
      <c r="C1614" t="str">
        <f>'CPT Data'!P1622</f>
        <v>CLAY</v>
      </c>
      <c r="D1614">
        <f>'CPT Data'!Q1622</f>
        <v>32.679350127204827</v>
      </c>
      <c r="E1614">
        <f t="shared" si="25"/>
        <v>31.564257568903145</v>
      </c>
      <c r="F1614">
        <f>IF(C1614="CLAY", INDEX(D$4:D1614, MATCH("CLAY", C$4:C1614, 0)), "")</f>
        <v>0.75203252561341039</v>
      </c>
    </row>
    <row r="1615" spans="1:6" x14ac:dyDescent="0.2">
      <c r="A1615" s="239">
        <f>'CPT Data'!B1623</f>
        <v>16.076000000000001</v>
      </c>
      <c r="B1615" s="3">
        <f>'CPT Data'!C1623</f>
        <v>16.068999999999999</v>
      </c>
      <c r="C1615" t="str">
        <f>'CPT Data'!P1623</f>
        <v>CLAY</v>
      </c>
      <c r="D1615">
        <f>'CPT Data'!Q1623</f>
        <v>32.808783590424497</v>
      </c>
      <c r="E1615">
        <f t="shared" si="25"/>
        <v>32.679350127204827</v>
      </c>
      <c r="F1615">
        <f>IF(C1615="CLAY", INDEX(D$4:D1615, MATCH("CLAY", C$4:C1615, 0)), "")</f>
        <v>0.75203252561341039</v>
      </c>
    </row>
    <row r="1616" spans="1:6" x14ac:dyDescent="0.2">
      <c r="A1616" s="239">
        <f>'CPT Data'!B1624</f>
        <v>16.085999999999999</v>
      </c>
      <c r="B1616" s="3">
        <f>'CPT Data'!C1624</f>
        <v>16.078999999999997</v>
      </c>
      <c r="C1616" t="str">
        <f>'CPT Data'!P1624</f>
        <v>CLAY</v>
      </c>
      <c r="D1616">
        <f>'CPT Data'!Q1624</f>
        <v>31.502462179308367</v>
      </c>
      <c r="E1616">
        <f t="shared" si="25"/>
        <v>32.808783590424497</v>
      </c>
      <c r="F1616">
        <f>IF(C1616="CLAY", INDEX(D$4:D1616, MATCH("CLAY", C$4:C1616, 0)), "")</f>
        <v>0.75203252561341039</v>
      </c>
    </row>
    <row r="1617" spans="1:6" x14ac:dyDescent="0.2">
      <c r="A1617" s="239">
        <f>'CPT Data'!B1625</f>
        <v>16.097000000000001</v>
      </c>
      <c r="B1617" s="3">
        <f>'CPT Data'!C1625</f>
        <v>16.09</v>
      </c>
      <c r="C1617" t="str">
        <f>'CPT Data'!P1625</f>
        <v>CLAY</v>
      </c>
      <c r="D1617">
        <f>'CPT Data'!Q1625</f>
        <v>29.887700524969869</v>
      </c>
      <c r="E1617">
        <f t="shared" si="25"/>
        <v>31.502462179308367</v>
      </c>
      <c r="F1617">
        <f>IF(C1617="CLAY", INDEX(D$4:D1617, MATCH("CLAY", C$4:C1617, 0)), "")</f>
        <v>0.75203252561341039</v>
      </c>
    </row>
    <row r="1618" spans="1:6" x14ac:dyDescent="0.2">
      <c r="A1618" s="239">
        <f>'CPT Data'!B1626</f>
        <v>16.106000000000002</v>
      </c>
      <c r="B1618" s="3">
        <f>'CPT Data'!C1626</f>
        <v>16.099</v>
      </c>
      <c r="C1618" t="str">
        <f>'CPT Data'!P1626</f>
        <v>CLAY</v>
      </c>
      <c r="D1618">
        <f>'CPT Data'!Q1626</f>
        <v>28.12704442819593</v>
      </c>
      <c r="E1618">
        <f t="shared" si="25"/>
        <v>29.887700524969869</v>
      </c>
      <c r="F1618">
        <f>IF(C1618="CLAY", INDEX(D$4:D1618, MATCH("CLAY", C$4:C1618, 0)), "")</f>
        <v>0.75203252561341039</v>
      </c>
    </row>
    <row r="1619" spans="1:6" x14ac:dyDescent="0.2">
      <c r="A1619" s="239">
        <f>'CPT Data'!B1627</f>
        <v>16.116</v>
      </c>
      <c r="B1619" s="3">
        <f>'CPT Data'!C1627</f>
        <v>16.108999999999998</v>
      </c>
      <c r="C1619" t="str">
        <f>'CPT Data'!P1627</f>
        <v>CLAY</v>
      </c>
      <c r="D1619">
        <f>'CPT Data'!Q1627</f>
        <v>26.386790452833907</v>
      </c>
      <c r="E1619">
        <f t="shared" si="25"/>
        <v>28.12704442819593</v>
      </c>
      <c r="F1619">
        <f>IF(C1619="CLAY", INDEX(D$4:D1619, MATCH("CLAY", C$4:C1619, 0)), "")</f>
        <v>0.75203252561341039</v>
      </c>
    </row>
    <row r="1620" spans="1:6" x14ac:dyDescent="0.2">
      <c r="A1620" s="239">
        <f>'CPT Data'!B1628</f>
        <v>16.126999999999999</v>
      </c>
      <c r="B1620" s="3">
        <f>'CPT Data'!C1628</f>
        <v>16.119999999999997</v>
      </c>
      <c r="C1620" t="str">
        <f>'CPT Data'!P1628</f>
        <v>CLAY</v>
      </c>
      <c r="D1620">
        <f>'CPT Data'!Q1628</f>
        <v>23.86944690914051</v>
      </c>
      <c r="E1620">
        <f t="shared" si="25"/>
        <v>26.386790452833907</v>
      </c>
      <c r="F1620">
        <f>IF(C1620="CLAY", INDEX(D$4:D1620, MATCH("CLAY", C$4:C1620, 0)), "")</f>
        <v>0.75203252561341039</v>
      </c>
    </row>
    <row r="1621" spans="1:6" x14ac:dyDescent="0.2">
      <c r="A1621" s="239">
        <f>'CPT Data'!B1629</f>
        <v>16.137</v>
      </c>
      <c r="B1621" s="3">
        <f>'CPT Data'!C1629</f>
        <v>16.13</v>
      </c>
      <c r="C1621" t="str">
        <f>'CPT Data'!P1629</f>
        <v>CLAY</v>
      </c>
      <c r="D1621">
        <f>'CPT Data'!Q1629</f>
        <v>21.957776843039159</v>
      </c>
      <c r="E1621">
        <f t="shared" si="25"/>
        <v>23.86944690914051</v>
      </c>
      <c r="F1621">
        <f>IF(C1621="CLAY", INDEX(D$4:D1621, MATCH("CLAY", C$4:C1621, 0)), "")</f>
        <v>0.75203252561341039</v>
      </c>
    </row>
    <row r="1622" spans="1:6" x14ac:dyDescent="0.2">
      <c r="A1622" s="239">
        <f>'CPT Data'!B1630</f>
        <v>16.146000000000001</v>
      </c>
      <c r="B1622" s="3">
        <f>'CPT Data'!C1630</f>
        <v>16.138999999999999</v>
      </c>
      <c r="C1622" t="str">
        <f>'CPT Data'!P1630</f>
        <v>CLAY</v>
      </c>
      <c r="D1622">
        <f>'CPT Data'!Q1630</f>
        <v>21.004669677738047</v>
      </c>
      <c r="E1622">
        <f t="shared" si="25"/>
        <v>21.957776843039159</v>
      </c>
      <c r="F1622">
        <f>IF(C1622="CLAY", INDEX(D$4:D1622, MATCH("CLAY", C$4:C1622, 0)), "")</f>
        <v>0.75203252561341039</v>
      </c>
    </row>
    <row r="1623" spans="1:6" x14ac:dyDescent="0.2">
      <c r="A1623" s="239">
        <f>'CPT Data'!B1631</f>
        <v>16.155999999999999</v>
      </c>
      <c r="B1623" s="3">
        <f>'CPT Data'!C1631</f>
        <v>16.148999999999997</v>
      </c>
      <c r="C1623" t="str">
        <f>'CPT Data'!P1631</f>
        <v>CLAY</v>
      </c>
      <c r="D1623">
        <f>'CPT Data'!Q1631</f>
        <v>21.681685047692923</v>
      </c>
      <c r="E1623">
        <f t="shared" si="25"/>
        <v>21.004669677738047</v>
      </c>
      <c r="F1623">
        <f>IF(C1623="CLAY", INDEX(D$4:D1623, MATCH("CLAY", C$4:C1623, 0)), "")</f>
        <v>0.75203252561341039</v>
      </c>
    </row>
    <row r="1624" spans="1:6" x14ac:dyDescent="0.2">
      <c r="A1624" s="239">
        <f>'CPT Data'!B1632</f>
        <v>16.167000000000002</v>
      </c>
      <c r="B1624" s="3">
        <f>'CPT Data'!C1632</f>
        <v>16.16</v>
      </c>
      <c r="C1624" t="str">
        <f>'CPT Data'!P1632</f>
        <v>CLAY</v>
      </c>
      <c r="D1624">
        <f>'CPT Data'!Q1632</f>
        <v>23.859257472623984</v>
      </c>
      <c r="E1624">
        <f t="shared" si="25"/>
        <v>21.681685047692923</v>
      </c>
      <c r="F1624">
        <f>IF(C1624="CLAY", INDEX(D$4:D1624, MATCH("CLAY", C$4:C1624, 0)), "")</f>
        <v>0.75203252561341039</v>
      </c>
    </row>
    <row r="1625" spans="1:6" x14ac:dyDescent="0.2">
      <c r="A1625" s="239">
        <f>'CPT Data'!B1633</f>
        <v>16.175999999999998</v>
      </c>
      <c r="B1625" s="3">
        <f>'CPT Data'!C1633</f>
        <v>16.168999999999997</v>
      </c>
      <c r="C1625" t="str">
        <f>'CPT Data'!P1633</f>
        <v>CLAY</v>
      </c>
      <c r="D1625">
        <f>'CPT Data'!Q1633</f>
        <v>25.713571991736018</v>
      </c>
      <c r="E1625">
        <f t="shared" si="25"/>
        <v>23.859257472623984</v>
      </c>
      <c r="F1625">
        <f>IF(C1625="CLAY", INDEX(D$4:D1625, MATCH("CLAY", C$4:C1625, 0)), "")</f>
        <v>0.75203252561341039</v>
      </c>
    </row>
    <row r="1626" spans="1:6" x14ac:dyDescent="0.2">
      <c r="A1626" s="239">
        <f>'CPT Data'!B1634</f>
        <v>16.186</v>
      </c>
      <c r="B1626" s="3">
        <f>'CPT Data'!C1634</f>
        <v>16.178999999999998</v>
      </c>
      <c r="C1626" t="str">
        <f>'CPT Data'!P1634</f>
        <v>CLAY</v>
      </c>
      <c r="D1626">
        <f>'CPT Data'!Q1634</f>
        <v>27.634406852499676</v>
      </c>
      <c r="E1626">
        <f t="shared" si="25"/>
        <v>25.713571991736018</v>
      </c>
      <c r="F1626">
        <f>IF(C1626="CLAY", INDEX(D$4:D1626, MATCH("CLAY", C$4:C1626, 0)), "")</f>
        <v>0.75203252561341039</v>
      </c>
    </row>
    <row r="1627" spans="1:6" x14ac:dyDescent="0.2">
      <c r="A1627" s="239">
        <f>'CPT Data'!B1635</f>
        <v>16.196999999999999</v>
      </c>
      <c r="B1627" s="3">
        <f>'CPT Data'!C1635</f>
        <v>16.189999999999998</v>
      </c>
      <c r="C1627" t="str">
        <f>'CPT Data'!P1635</f>
        <v>CLAY</v>
      </c>
      <c r="D1627">
        <f>'CPT Data'!Q1635</f>
        <v>29.047193732958988</v>
      </c>
      <c r="E1627">
        <f t="shared" ref="E1627:E1690" si="26">IF(C1627="SAND",#N/A,IF(C1627=C1626,D1626,IF(C1627="CLAY",D1627,#N/A)))</f>
        <v>27.634406852499676</v>
      </c>
      <c r="F1627">
        <f>IF(C1627="CLAY", INDEX(D$4:D1627, MATCH("CLAY", C$4:C1627, 0)), "")</f>
        <v>0.75203252561341039</v>
      </c>
    </row>
    <row r="1628" spans="1:6" x14ac:dyDescent="0.2">
      <c r="A1628" s="239">
        <f>'CPT Data'!B1636</f>
        <v>16.206</v>
      </c>
      <c r="B1628" s="3">
        <f>'CPT Data'!C1636</f>
        <v>16.198999999999998</v>
      </c>
      <c r="C1628" t="str">
        <f>'CPT Data'!P1636</f>
        <v>CLAY</v>
      </c>
      <c r="D1628">
        <f>'CPT Data'!Q1636</f>
        <v>28.587629607693572</v>
      </c>
      <c r="E1628">
        <f t="shared" si="26"/>
        <v>29.047193732958988</v>
      </c>
      <c r="F1628">
        <f>IF(C1628="CLAY", INDEX(D$4:D1628, MATCH("CLAY", C$4:C1628, 0)), "")</f>
        <v>0.75203252561341039</v>
      </c>
    </row>
    <row r="1629" spans="1:6" x14ac:dyDescent="0.2">
      <c r="A1629" s="239">
        <f>'CPT Data'!B1637</f>
        <v>16.216999999999999</v>
      </c>
      <c r="B1629" s="3">
        <f>'CPT Data'!C1637</f>
        <v>16.209999999999997</v>
      </c>
      <c r="C1629" t="str">
        <f>'CPT Data'!P1637</f>
        <v>CLAY</v>
      </c>
      <c r="D1629">
        <f>'CPT Data'!Q1637</f>
        <v>28.685647552134554</v>
      </c>
      <c r="E1629">
        <f t="shared" si="26"/>
        <v>28.587629607693572</v>
      </c>
      <c r="F1629">
        <f>IF(C1629="CLAY", INDEX(D$4:D1629, MATCH("CLAY", C$4:C1629, 0)), "")</f>
        <v>0.75203252561341039</v>
      </c>
    </row>
    <row r="1630" spans="1:6" x14ac:dyDescent="0.2">
      <c r="A1630" s="239">
        <f>'CPT Data'!B1638</f>
        <v>16.225999999999999</v>
      </c>
      <c r="B1630" s="3">
        <f>'CPT Data'!C1638</f>
        <v>16.218999999999998</v>
      </c>
      <c r="C1630" t="str">
        <f>'CPT Data'!P1638</f>
        <v>CLAY</v>
      </c>
      <c r="D1630">
        <f>'CPT Data'!Q1638</f>
        <v>28.644588941909443</v>
      </c>
      <c r="E1630">
        <f t="shared" si="26"/>
        <v>28.685647552134554</v>
      </c>
      <c r="F1630">
        <f>IF(C1630="CLAY", INDEX(D$4:D1630, MATCH("CLAY", C$4:C1630, 0)), "")</f>
        <v>0.75203252561341039</v>
      </c>
    </row>
    <row r="1631" spans="1:6" x14ac:dyDescent="0.2">
      <c r="A1631" s="239">
        <f>'CPT Data'!B1639</f>
        <v>16.236000000000001</v>
      </c>
      <c r="B1631" s="3">
        <f>'CPT Data'!C1639</f>
        <v>16.228999999999999</v>
      </c>
      <c r="C1631" t="str">
        <f>'CPT Data'!P1639</f>
        <v>CLAY</v>
      </c>
      <c r="D1631">
        <f>'CPT Data'!Q1639</f>
        <v>28.38980697130313</v>
      </c>
      <c r="E1631">
        <f t="shared" si="26"/>
        <v>28.644588941909443</v>
      </c>
      <c r="F1631">
        <f>IF(C1631="CLAY", INDEX(D$4:D1631, MATCH("CLAY", C$4:C1631, 0)), "")</f>
        <v>0.75203252561341039</v>
      </c>
    </row>
    <row r="1632" spans="1:6" x14ac:dyDescent="0.2">
      <c r="A1632" s="239">
        <f>'CPT Data'!B1640</f>
        <v>16.245999999999999</v>
      </c>
      <c r="B1632" s="3">
        <f>'CPT Data'!C1640</f>
        <v>16.238999999999997</v>
      </c>
      <c r="C1632" t="str">
        <f>'CPT Data'!P1640</f>
        <v>CLAY</v>
      </c>
      <c r="D1632">
        <f>'CPT Data'!Q1640</f>
        <v>27.274760165238035</v>
      </c>
      <c r="E1632">
        <f t="shared" si="26"/>
        <v>28.38980697130313</v>
      </c>
      <c r="F1632">
        <f>IF(C1632="CLAY", INDEX(D$4:D1632, MATCH("CLAY", C$4:C1632, 0)), "")</f>
        <v>0.75203252561341039</v>
      </c>
    </row>
    <row r="1633" spans="1:6" x14ac:dyDescent="0.2">
      <c r="A1633" s="239">
        <f>'CPT Data'!B1641</f>
        <v>16.254999999999999</v>
      </c>
      <c r="B1633" s="3">
        <f>'CPT Data'!C1641</f>
        <v>16.247999999999998</v>
      </c>
      <c r="C1633" t="str">
        <f>'CPT Data'!P1641</f>
        <v>CLAY</v>
      </c>
      <c r="D1633">
        <f>'CPT Data'!Q1641</f>
        <v>25.993444600850953</v>
      </c>
      <c r="E1633">
        <f t="shared" si="26"/>
        <v>27.274760165238035</v>
      </c>
      <c r="F1633">
        <f>IF(C1633="CLAY", INDEX(D$4:D1633, MATCH("CLAY", C$4:C1633, 0)), "")</f>
        <v>0.75203252561341039</v>
      </c>
    </row>
    <row r="1634" spans="1:6" x14ac:dyDescent="0.2">
      <c r="A1634" s="239">
        <f>'CPT Data'!B1642</f>
        <v>16.265999999999998</v>
      </c>
      <c r="B1634" s="3">
        <f>'CPT Data'!C1642</f>
        <v>16.258999999999997</v>
      </c>
      <c r="C1634" t="str">
        <f>'CPT Data'!P1642</f>
        <v>CLAY</v>
      </c>
      <c r="D1634">
        <f>'CPT Data'!Q1642</f>
        <v>24.698478834896104</v>
      </c>
      <c r="E1634">
        <f t="shared" si="26"/>
        <v>25.993444600850953</v>
      </c>
      <c r="F1634">
        <f>IF(C1634="CLAY", INDEX(D$4:D1634, MATCH("CLAY", C$4:C1634, 0)), "")</f>
        <v>0.75203252561341039</v>
      </c>
    </row>
    <row r="1635" spans="1:6" x14ac:dyDescent="0.2">
      <c r="A1635" s="239">
        <f>'CPT Data'!B1643</f>
        <v>16.276</v>
      </c>
      <c r="B1635" s="3">
        <f>'CPT Data'!C1643</f>
        <v>16.268999999999998</v>
      </c>
      <c r="C1635" t="str">
        <f>'CPT Data'!P1643</f>
        <v>CLAY</v>
      </c>
      <c r="D1635">
        <f>'CPT Data'!Q1643</f>
        <v>23.670981363662221</v>
      </c>
      <c r="E1635">
        <f t="shared" si="26"/>
        <v>24.698478834896104</v>
      </c>
      <c r="F1635">
        <f>IF(C1635="CLAY", INDEX(D$4:D1635, MATCH("CLAY", C$4:C1635, 0)), "")</f>
        <v>0.75203252561341039</v>
      </c>
    </row>
    <row r="1636" spans="1:6" x14ac:dyDescent="0.2">
      <c r="A1636" s="239">
        <f>'CPT Data'!B1644</f>
        <v>16.285</v>
      </c>
      <c r="B1636" s="3">
        <f>'CPT Data'!C1644</f>
        <v>16.277999999999999</v>
      </c>
      <c r="C1636" t="str">
        <f>'CPT Data'!P1644</f>
        <v>CLAY</v>
      </c>
      <c r="D1636">
        <f>'CPT Data'!Q1644</f>
        <v>23.397548351456084</v>
      </c>
      <c r="E1636">
        <f t="shared" si="26"/>
        <v>23.670981363662221</v>
      </c>
      <c r="F1636">
        <f>IF(C1636="CLAY", INDEX(D$4:D1636, MATCH("CLAY", C$4:C1636, 0)), "")</f>
        <v>0.75203252561341039</v>
      </c>
    </row>
    <row r="1637" spans="1:6" x14ac:dyDescent="0.2">
      <c r="A1637" s="239">
        <f>'CPT Data'!B1645</f>
        <v>16.295999999999999</v>
      </c>
      <c r="B1637" s="3">
        <f>'CPT Data'!C1645</f>
        <v>16.288999999999998</v>
      </c>
      <c r="C1637" t="str">
        <f>'CPT Data'!P1645</f>
        <v>CLAY</v>
      </c>
      <c r="D1637">
        <f>'CPT Data'!Q1645</f>
        <v>24.190381280622049</v>
      </c>
      <c r="E1637">
        <f t="shared" si="26"/>
        <v>23.397548351456084</v>
      </c>
      <c r="F1637">
        <f>IF(C1637="CLAY", INDEX(D$4:D1637, MATCH("CLAY", C$4:C1637, 0)), "")</f>
        <v>0.75203252561341039</v>
      </c>
    </row>
    <row r="1638" spans="1:6" x14ac:dyDescent="0.2">
      <c r="A1638" s="239">
        <f>'CPT Data'!B1646</f>
        <v>16.306000000000001</v>
      </c>
      <c r="B1638" s="3">
        <f>'CPT Data'!C1646</f>
        <v>16.298999999999999</v>
      </c>
      <c r="C1638" t="str">
        <f>'CPT Data'!P1646</f>
        <v>CLAY</v>
      </c>
      <c r="D1638">
        <f>'CPT Data'!Q1646</f>
        <v>24.701524671770688</v>
      </c>
      <c r="E1638">
        <f t="shared" si="26"/>
        <v>24.190381280622049</v>
      </c>
      <c r="F1638">
        <f>IF(C1638="CLAY", INDEX(D$4:D1638, MATCH("CLAY", C$4:C1638, 0)), "")</f>
        <v>0.75203252561341039</v>
      </c>
    </row>
    <row r="1639" spans="1:6" x14ac:dyDescent="0.2">
      <c r="A1639" s="239">
        <f>'CPT Data'!B1647</f>
        <v>16.315999999999999</v>
      </c>
      <c r="B1639" s="3">
        <f>'CPT Data'!C1647</f>
        <v>16.308999999999997</v>
      </c>
      <c r="C1639" t="str">
        <f>'CPT Data'!P1647</f>
        <v>CLAY</v>
      </c>
      <c r="D1639">
        <f>'CPT Data'!Q1647</f>
        <v>25.953960250446112</v>
      </c>
      <c r="E1639">
        <f t="shared" si="26"/>
        <v>24.701524671770688</v>
      </c>
      <c r="F1639">
        <f>IF(C1639="CLAY", INDEX(D$4:D1639, MATCH("CLAY", C$4:C1639, 0)), "")</f>
        <v>0.75203252561341039</v>
      </c>
    </row>
    <row r="1640" spans="1:6" x14ac:dyDescent="0.2">
      <c r="A1640" s="239">
        <f>'CPT Data'!B1648</f>
        <v>16.326000000000001</v>
      </c>
      <c r="B1640" s="3">
        <f>'CPT Data'!C1648</f>
        <v>16.318999999999999</v>
      </c>
      <c r="C1640" t="str">
        <f>'CPT Data'!P1648</f>
        <v>CLAY</v>
      </c>
      <c r="D1640">
        <f>'CPT Data'!Q1648</f>
        <v>28.283257249983631</v>
      </c>
      <c r="E1640">
        <f t="shared" si="26"/>
        <v>25.953960250446112</v>
      </c>
      <c r="F1640">
        <f>IF(C1640="CLAY", INDEX(D$4:D1640, MATCH("CLAY", C$4:C1640, 0)), "")</f>
        <v>0.75203252561341039</v>
      </c>
    </row>
    <row r="1641" spans="1:6" x14ac:dyDescent="0.2">
      <c r="A1641" s="239">
        <f>'CPT Data'!B1649</f>
        <v>16.335999999999999</v>
      </c>
      <c r="B1641" s="3">
        <f>'CPT Data'!C1649</f>
        <v>16.328999999999997</v>
      </c>
      <c r="C1641" t="str">
        <f>'CPT Data'!P1649</f>
        <v>CLAY</v>
      </c>
      <c r="D1641">
        <f>'CPT Data'!Q1649</f>
        <v>29.888006522602041</v>
      </c>
      <c r="E1641">
        <f t="shared" si="26"/>
        <v>28.283257249983631</v>
      </c>
      <c r="F1641">
        <f>IF(C1641="CLAY", INDEX(D$4:D1641, MATCH("CLAY", C$4:C1641, 0)), "")</f>
        <v>0.75203252561341039</v>
      </c>
    </row>
    <row r="1642" spans="1:6" x14ac:dyDescent="0.2">
      <c r="A1642" s="239">
        <f>'CPT Data'!B1650</f>
        <v>16.346</v>
      </c>
      <c r="B1642" s="3">
        <f>'CPT Data'!C1650</f>
        <v>16.338999999999999</v>
      </c>
      <c r="C1642" t="str">
        <f>'CPT Data'!P1650</f>
        <v>CLAY</v>
      </c>
      <c r="D1642">
        <f>'CPT Data'!Q1650</f>
        <v>31.07424545520443</v>
      </c>
      <c r="E1642">
        <f t="shared" si="26"/>
        <v>29.888006522602041</v>
      </c>
      <c r="F1642">
        <f>IF(C1642="CLAY", INDEX(D$4:D1642, MATCH("CLAY", C$4:C1642, 0)), "")</f>
        <v>0.75203252561341039</v>
      </c>
    </row>
    <row r="1643" spans="1:6" x14ac:dyDescent="0.2">
      <c r="A1643" s="239">
        <f>'CPT Data'!B1651</f>
        <v>16.356000000000002</v>
      </c>
      <c r="B1643" s="3">
        <f>'CPT Data'!C1651</f>
        <v>16.349</v>
      </c>
      <c r="C1643" t="str">
        <f>'CPT Data'!P1651</f>
        <v>CLAY</v>
      </c>
      <c r="D1643">
        <f>'CPT Data'!Q1651</f>
        <v>31.743764359143928</v>
      </c>
      <c r="E1643">
        <f t="shared" si="26"/>
        <v>31.07424545520443</v>
      </c>
      <c r="F1643">
        <f>IF(C1643="CLAY", INDEX(D$4:D1643, MATCH("CLAY", C$4:C1643, 0)), "")</f>
        <v>0.75203252561341039</v>
      </c>
    </row>
    <row r="1644" spans="1:6" x14ac:dyDescent="0.2">
      <c r="A1644" s="239">
        <f>'CPT Data'!B1652</f>
        <v>16.366</v>
      </c>
      <c r="B1644" s="3">
        <f>'CPT Data'!C1652</f>
        <v>16.358999999999998</v>
      </c>
      <c r="C1644" t="str">
        <f>'CPT Data'!P1652</f>
        <v>CLAY</v>
      </c>
      <c r="D1644">
        <f>'CPT Data'!Q1652</f>
        <v>32.351192454246991</v>
      </c>
      <c r="E1644">
        <f t="shared" si="26"/>
        <v>31.743764359143928</v>
      </c>
      <c r="F1644">
        <f>IF(C1644="CLAY", INDEX(D$4:D1644, MATCH("CLAY", C$4:C1644, 0)), "")</f>
        <v>0.75203252561341039</v>
      </c>
    </row>
    <row r="1645" spans="1:6" x14ac:dyDescent="0.2">
      <c r="A1645" s="239">
        <f>'CPT Data'!B1653</f>
        <v>16.376000000000001</v>
      </c>
      <c r="B1645" s="3">
        <f>'CPT Data'!C1653</f>
        <v>16.369</v>
      </c>
      <c r="C1645" t="str">
        <f>'CPT Data'!P1653</f>
        <v>CLAY</v>
      </c>
      <c r="D1645">
        <f>'CPT Data'!Q1653</f>
        <v>32.249987380670234</v>
      </c>
      <c r="E1645">
        <f t="shared" si="26"/>
        <v>32.351192454246991</v>
      </c>
      <c r="F1645">
        <f>IF(C1645="CLAY", INDEX(D$4:D1645, MATCH("CLAY", C$4:C1645, 0)), "")</f>
        <v>0.75203252561341039</v>
      </c>
    </row>
    <row r="1646" spans="1:6" x14ac:dyDescent="0.2">
      <c r="A1646" s="239">
        <f>'CPT Data'!B1654</f>
        <v>16.385000000000002</v>
      </c>
      <c r="B1646" s="3">
        <f>'CPT Data'!C1654</f>
        <v>16.378</v>
      </c>
      <c r="C1646" t="str">
        <f>'CPT Data'!P1654</f>
        <v>CLAY</v>
      </c>
      <c r="D1646">
        <f>'CPT Data'!Q1654</f>
        <v>32.430499674818456</v>
      </c>
      <c r="E1646">
        <f t="shared" si="26"/>
        <v>32.249987380670234</v>
      </c>
      <c r="F1646">
        <f>IF(C1646="CLAY", INDEX(D$4:D1646, MATCH("CLAY", C$4:C1646, 0)), "")</f>
        <v>0.75203252561341039</v>
      </c>
    </row>
    <row r="1647" spans="1:6" x14ac:dyDescent="0.2">
      <c r="A1647" s="239">
        <f>'CPT Data'!B1655</f>
        <v>16.395</v>
      </c>
      <c r="B1647" s="3">
        <f>'CPT Data'!C1655</f>
        <v>16.387999999999998</v>
      </c>
      <c r="C1647" t="str">
        <f>'CPT Data'!P1655</f>
        <v>CLAY</v>
      </c>
      <c r="D1647">
        <f>'CPT Data'!Q1655</f>
        <v>31.762746674753796</v>
      </c>
      <c r="E1647">
        <f t="shared" si="26"/>
        <v>32.430499674818456</v>
      </c>
      <c r="F1647">
        <f>IF(C1647="CLAY", INDEX(D$4:D1647, MATCH("CLAY", C$4:C1647, 0)), "")</f>
        <v>0.75203252561341039</v>
      </c>
    </row>
    <row r="1648" spans="1:6" x14ac:dyDescent="0.2">
      <c r="A1648" s="239">
        <f>'CPT Data'!B1656</f>
        <v>16.405000000000001</v>
      </c>
      <c r="B1648" s="3">
        <f>'CPT Data'!C1656</f>
        <v>16.398</v>
      </c>
      <c r="C1648" t="str">
        <f>'CPT Data'!P1656</f>
        <v>CLAY</v>
      </c>
      <c r="D1648">
        <f>'CPT Data'!Q1656</f>
        <v>29.931627655920895</v>
      </c>
      <c r="E1648">
        <f t="shared" si="26"/>
        <v>31.762746674753796</v>
      </c>
      <c r="F1648">
        <f>IF(C1648="CLAY", INDEX(D$4:D1648, MATCH("CLAY", C$4:C1648, 0)), "")</f>
        <v>0.75203252561341039</v>
      </c>
    </row>
    <row r="1649" spans="1:6" x14ac:dyDescent="0.2">
      <c r="A1649" s="239">
        <f>'CPT Data'!B1657</f>
        <v>16.414999999999999</v>
      </c>
      <c r="B1649" s="3">
        <f>'CPT Data'!C1657</f>
        <v>16.407999999999998</v>
      </c>
      <c r="C1649" t="str">
        <f>'CPT Data'!P1657</f>
        <v>CLAY</v>
      </c>
      <c r="D1649">
        <f>'CPT Data'!Q1657</f>
        <v>27.594083238665856</v>
      </c>
      <c r="E1649">
        <f t="shared" si="26"/>
        <v>29.931627655920895</v>
      </c>
      <c r="F1649">
        <f>IF(C1649="CLAY", INDEX(D$4:D1649, MATCH("CLAY", C$4:C1649, 0)), "")</f>
        <v>0.75203252561341039</v>
      </c>
    </row>
    <row r="1650" spans="1:6" x14ac:dyDescent="0.2">
      <c r="A1650" s="239">
        <f>'CPT Data'!B1658</f>
        <v>16.425000000000001</v>
      </c>
      <c r="B1650" s="3">
        <f>'CPT Data'!C1658</f>
        <v>16.417999999999999</v>
      </c>
      <c r="C1650" t="str">
        <f>'CPT Data'!P1658</f>
        <v>CLAY</v>
      </c>
      <c r="D1650">
        <f>'CPT Data'!Q1658</f>
        <v>25.314071865239331</v>
      </c>
      <c r="E1650">
        <f t="shared" si="26"/>
        <v>27.594083238665856</v>
      </c>
      <c r="F1650">
        <f>IF(C1650="CLAY", INDEX(D$4:D1650, MATCH("CLAY", C$4:C1650, 0)), "")</f>
        <v>0.75203252561341039</v>
      </c>
    </row>
    <row r="1651" spans="1:6" x14ac:dyDescent="0.2">
      <c r="A1651" s="239">
        <f>'CPT Data'!B1659</f>
        <v>16.434999999999999</v>
      </c>
      <c r="B1651" s="3">
        <f>'CPT Data'!C1659</f>
        <v>16.427999999999997</v>
      </c>
      <c r="C1651" t="str">
        <f>'CPT Data'!P1659</f>
        <v>CLAY</v>
      </c>
      <c r="D1651">
        <f>'CPT Data'!Q1659</f>
        <v>25.843201209460201</v>
      </c>
      <c r="E1651">
        <f t="shared" si="26"/>
        <v>25.314071865239331</v>
      </c>
      <c r="F1651">
        <f>IF(C1651="CLAY", INDEX(D$4:D1651, MATCH("CLAY", C$4:C1651, 0)), "")</f>
        <v>0.75203252561341039</v>
      </c>
    </row>
    <row r="1652" spans="1:6" x14ac:dyDescent="0.2">
      <c r="A1652" s="239">
        <f>'CPT Data'!B1660</f>
        <v>16.443999999999999</v>
      </c>
      <c r="B1652" s="3">
        <f>'CPT Data'!C1660</f>
        <v>16.436999999999998</v>
      </c>
      <c r="C1652" t="str">
        <f>'CPT Data'!P1660</f>
        <v>CLAY</v>
      </c>
      <c r="D1652">
        <f>'CPT Data'!Q1660</f>
        <v>27.193130945443684</v>
      </c>
      <c r="E1652">
        <f t="shared" si="26"/>
        <v>25.843201209460201</v>
      </c>
      <c r="F1652">
        <f>IF(C1652="CLAY", INDEX(D$4:D1652, MATCH("CLAY", C$4:C1652, 0)), "")</f>
        <v>0.75203252561341039</v>
      </c>
    </row>
    <row r="1653" spans="1:6" x14ac:dyDescent="0.2">
      <c r="A1653" s="239">
        <f>'CPT Data'!B1661</f>
        <v>16.454999999999998</v>
      </c>
      <c r="B1653" s="3">
        <f>'CPT Data'!C1661</f>
        <v>16.447999999999997</v>
      </c>
      <c r="C1653" t="str">
        <f>'CPT Data'!P1661</f>
        <v>CLAY</v>
      </c>
      <c r="D1653">
        <f>'CPT Data'!Q1661</f>
        <v>27.929455256278164</v>
      </c>
      <c r="E1653">
        <f t="shared" si="26"/>
        <v>27.193130945443684</v>
      </c>
      <c r="F1653">
        <f>IF(C1653="CLAY", INDEX(D$4:D1653, MATCH("CLAY", C$4:C1653, 0)), "")</f>
        <v>0.75203252561341039</v>
      </c>
    </row>
    <row r="1654" spans="1:6" x14ac:dyDescent="0.2">
      <c r="A1654" s="239">
        <f>'CPT Data'!B1662</f>
        <v>16.465</v>
      </c>
      <c r="B1654" s="3">
        <f>'CPT Data'!C1662</f>
        <v>16.457999999999998</v>
      </c>
      <c r="C1654" t="str">
        <f>'CPT Data'!P1662</f>
        <v>CLAY</v>
      </c>
      <c r="D1654">
        <f>'CPT Data'!Q1662</f>
        <v>28.898606612848685</v>
      </c>
      <c r="E1654">
        <f t="shared" si="26"/>
        <v>27.929455256278164</v>
      </c>
      <c r="F1654">
        <f>IF(C1654="CLAY", INDEX(D$4:D1654, MATCH("CLAY", C$4:C1654, 0)), "")</f>
        <v>0.75203252561341039</v>
      </c>
    </row>
    <row r="1655" spans="1:6" x14ac:dyDescent="0.2">
      <c r="A1655" s="239">
        <f>'CPT Data'!B1663</f>
        <v>16.475000000000001</v>
      </c>
      <c r="B1655" s="3">
        <f>'CPT Data'!C1663</f>
        <v>16.468</v>
      </c>
      <c r="C1655" t="str">
        <f>'CPT Data'!P1663</f>
        <v>CLAY</v>
      </c>
      <c r="D1655">
        <f>'CPT Data'!Q1663</f>
        <v>29.599348500258412</v>
      </c>
      <c r="E1655">
        <f t="shared" si="26"/>
        <v>28.898606612848685</v>
      </c>
      <c r="F1655">
        <f>IF(C1655="CLAY", INDEX(D$4:D1655, MATCH("CLAY", C$4:C1655, 0)), "")</f>
        <v>0.75203252561341039</v>
      </c>
    </row>
    <row r="1656" spans="1:6" x14ac:dyDescent="0.2">
      <c r="A1656" s="239">
        <f>'CPT Data'!B1664</f>
        <v>16.484000000000002</v>
      </c>
      <c r="B1656" s="3">
        <f>'CPT Data'!C1664</f>
        <v>16.477</v>
      </c>
      <c r="C1656" t="str">
        <f>'CPT Data'!P1664</f>
        <v>CLAY</v>
      </c>
      <c r="D1656">
        <f>'CPT Data'!Q1664</f>
        <v>28.995735940909857</v>
      </c>
      <c r="E1656">
        <f t="shared" si="26"/>
        <v>29.599348500258412</v>
      </c>
      <c r="F1656">
        <f>IF(C1656="CLAY", INDEX(D$4:D1656, MATCH("CLAY", C$4:C1656, 0)), "")</f>
        <v>0.75203252561341039</v>
      </c>
    </row>
    <row r="1657" spans="1:6" x14ac:dyDescent="0.2">
      <c r="A1657" s="239">
        <f>'CPT Data'!B1665</f>
        <v>16.495000000000001</v>
      </c>
      <c r="B1657" s="3">
        <f>'CPT Data'!C1665</f>
        <v>16.488</v>
      </c>
      <c r="C1657" t="str">
        <f>'CPT Data'!P1665</f>
        <v>CLAY</v>
      </c>
      <c r="D1657">
        <f>'CPT Data'!Q1665</f>
        <v>27.87272914335767</v>
      </c>
      <c r="E1657">
        <f t="shared" si="26"/>
        <v>28.995735940909857</v>
      </c>
      <c r="F1657">
        <f>IF(C1657="CLAY", INDEX(D$4:D1657, MATCH("CLAY", C$4:C1657, 0)), "")</f>
        <v>0.75203252561341039</v>
      </c>
    </row>
    <row r="1658" spans="1:6" x14ac:dyDescent="0.2">
      <c r="A1658" s="239">
        <f>'CPT Data'!B1666</f>
        <v>16.504999999999999</v>
      </c>
      <c r="B1658" s="3">
        <f>'CPT Data'!C1666</f>
        <v>16.497999999999998</v>
      </c>
      <c r="C1658" t="str">
        <f>'CPT Data'!P1666</f>
        <v>CLAY</v>
      </c>
      <c r="D1658">
        <f>'CPT Data'!Q1666</f>
        <v>27.40100447776604</v>
      </c>
      <c r="E1658">
        <f t="shared" si="26"/>
        <v>27.87272914335767</v>
      </c>
      <c r="F1658">
        <f>IF(C1658="CLAY", INDEX(D$4:D1658, MATCH("CLAY", C$4:C1658, 0)), "")</f>
        <v>0.75203252561341039</v>
      </c>
    </row>
    <row r="1659" spans="1:6" x14ac:dyDescent="0.2">
      <c r="A1659" s="239">
        <f>'CPT Data'!B1667</f>
        <v>16.515999999999998</v>
      </c>
      <c r="B1659" s="3">
        <f>'CPT Data'!C1667</f>
        <v>16.508999999999997</v>
      </c>
      <c r="C1659" t="str">
        <f>'CPT Data'!P1667</f>
        <v>CLAY</v>
      </c>
      <c r="D1659">
        <f>'CPT Data'!Q1667</f>
        <v>27.455959456639278</v>
      </c>
      <c r="E1659">
        <f t="shared" si="26"/>
        <v>27.40100447776604</v>
      </c>
      <c r="F1659">
        <f>IF(C1659="CLAY", INDEX(D$4:D1659, MATCH("CLAY", C$4:C1659, 0)), "")</f>
        <v>0.75203252561341039</v>
      </c>
    </row>
    <row r="1660" spans="1:6" x14ac:dyDescent="0.2">
      <c r="A1660" s="239">
        <f>'CPT Data'!B1668</f>
        <v>16.524999999999999</v>
      </c>
      <c r="B1660" s="3">
        <f>'CPT Data'!C1668</f>
        <v>16.517999999999997</v>
      </c>
      <c r="C1660" t="str">
        <f>'CPT Data'!P1668</f>
        <v>CLAY</v>
      </c>
      <c r="D1660">
        <f>'CPT Data'!Q1668</f>
        <v>27.89721513466635</v>
      </c>
      <c r="E1660">
        <f t="shared" si="26"/>
        <v>27.455959456639278</v>
      </c>
      <c r="F1660">
        <f>IF(C1660="CLAY", INDEX(D$4:D1660, MATCH("CLAY", C$4:C1660, 0)), "")</f>
        <v>0.75203252561341039</v>
      </c>
    </row>
    <row r="1661" spans="1:6" x14ac:dyDescent="0.2">
      <c r="A1661" s="239">
        <f>'CPT Data'!B1669</f>
        <v>16.535</v>
      </c>
      <c r="B1661" s="3">
        <f>'CPT Data'!C1669</f>
        <v>16.527999999999999</v>
      </c>
      <c r="C1661" t="str">
        <f>'CPT Data'!P1669</f>
        <v>CLAY</v>
      </c>
      <c r="D1661">
        <f>'CPT Data'!Q1669</f>
        <v>27.515998553937237</v>
      </c>
      <c r="E1661">
        <f t="shared" si="26"/>
        <v>27.89721513466635</v>
      </c>
      <c r="F1661">
        <f>IF(C1661="CLAY", INDEX(D$4:D1661, MATCH("CLAY", C$4:C1661, 0)), "")</f>
        <v>0.75203252561341039</v>
      </c>
    </row>
    <row r="1662" spans="1:6" x14ac:dyDescent="0.2">
      <c r="A1662" s="239">
        <f>'CPT Data'!B1670</f>
        <v>16.545999999999999</v>
      </c>
      <c r="B1662" s="3">
        <f>'CPT Data'!C1670</f>
        <v>16.538999999999998</v>
      </c>
      <c r="C1662" t="str">
        <f>'CPT Data'!P1670</f>
        <v>CLAY</v>
      </c>
      <c r="D1662">
        <f>'CPT Data'!Q1670</f>
        <v>25.99699083484272</v>
      </c>
      <c r="E1662">
        <f t="shared" si="26"/>
        <v>27.515998553937237</v>
      </c>
      <c r="F1662">
        <f>IF(C1662="CLAY", INDEX(D$4:D1662, MATCH("CLAY", C$4:C1662, 0)), "")</f>
        <v>0.75203252561341039</v>
      </c>
    </row>
    <row r="1663" spans="1:6" x14ac:dyDescent="0.2">
      <c r="A1663" s="239">
        <f>'CPT Data'!B1671</f>
        <v>16.555</v>
      </c>
      <c r="B1663" s="3">
        <f>'CPT Data'!C1671</f>
        <v>16.547999999999998</v>
      </c>
      <c r="C1663" t="str">
        <f>'CPT Data'!P1671</f>
        <v>CLAY</v>
      </c>
      <c r="D1663">
        <f>'CPT Data'!Q1671</f>
        <v>25.184615867953749</v>
      </c>
      <c r="E1663">
        <f t="shared" si="26"/>
        <v>25.99699083484272</v>
      </c>
      <c r="F1663">
        <f>IF(C1663="CLAY", INDEX(D$4:D1663, MATCH("CLAY", C$4:C1663, 0)), "")</f>
        <v>0.75203252561341039</v>
      </c>
    </row>
    <row r="1664" spans="1:6" x14ac:dyDescent="0.2">
      <c r="A1664" s="239">
        <f>'CPT Data'!B1672</f>
        <v>16.564</v>
      </c>
      <c r="B1664" s="3">
        <f>'CPT Data'!C1672</f>
        <v>16.556999999999999</v>
      </c>
      <c r="C1664" t="str">
        <f>'CPT Data'!P1672</f>
        <v>CLAY</v>
      </c>
      <c r="D1664">
        <f>'CPT Data'!Q1672</f>
        <v>26.987698671670216</v>
      </c>
      <c r="E1664">
        <f t="shared" si="26"/>
        <v>25.184615867953749</v>
      </c>
      <c r="F1664">
        <f>IF(C1664="CLAY", INDEX(D$4:D1664, MATCH("CLAY", C$4:C1664, 0)), "")</f>
        <v>0.75203252561341039</v>
      </c>
    </row>
    <row r="1665" spans="1:6" x14ac:dyDescent="0.2">
      <c r="A1665" s="239">
        <f>'CPT Data'!B1673</f>
        <v>16.574999999999999</v>
      </c>
      <c r="B1665" s="3">
        <f>'CPT Data'!C1673</f>
        <v>16.567999999999998</v>
      </c>
      <c r="C1665" t="str">
        <f>'CPT Data'!P1673</f>
        <v>CLAY</v>
      </c>
      <c r="D1665">
        <f>'CPT Data'!Q1673</f>
        <v>34.464944943578352</v>
      </c>
      <c r="E1665">
        <f t="shared" si="26"/>
        <v>26.987698671670216</v>
      </c>
      <c r="F1665">
        <f>IF(C1665="CLAY", INDEX(D$4:D1665, MATCH("CLAY", C$4:C1665, 0)), "")</f>
        <v>0.75203252561341039</v>
      </c>
    </row>
    <row r="1666" spans="1:6" x14ac:dyDescent="0.2">
      <c r="A1666" s="239">
        <f>'CPT Data'!B1674</f>
        <v>16.584</v>
      </c>
      <c r="B1666" s="3">
        <f>'CPT Data'!C1674</f>
        <v>16.576999999999998</v>
      </c>
      <c r="C1666" t="str">
        <f>'CPT Data'!P1674</f>
        <v>CLAY</v>
      </c>
      <c r="D1666">
        <f>'CPT Data'!Q1674</f>
        <v>42.687973783416489</v>
      </c>
      <c r="E1666">
        <f t="shared" si="26"/>
        <v>34.464944943578352</v>
      </c>
      <c r="F1666">
        <f>IF(C1666="CLAY", INDEX(D$4:D1666, MATCH("CLAY", C$4:C1666, 0)), "")</f>
        <v>0.75203252561341039</v>
      </c>
    </row>
    <row r="1667" spans="1:6" x14ac:dyDescent="0.2">
      <c r="A1667" s="239">
        <f>'CPT Data'!B1675</f>
        <v>16.594999999999999</v>
      </c>
      <c r="B1667" s="3">
        <f>'CPT Data'!C1675</f>
        <v>16.587999999999997</v>
      </c>
      <c r="C1667" t="str">
        <f>'CPT Data'!P1675</f>
        <v>CLAY</v>
      </c>
      <c r="D1667">
        <f>'CPT Data'!Q1675</f>
        <v>48.232999711237312</v>
      </c>
      <c r="E1667">
        <f t="shared" si="26"/>
        <v>42.687973783416489</v>
      </c>
      <c r="F1667">
        <f>IF(C1667="CLAY", INDEX(D$4:D1667, MATCH("CLAY", C$4:C1667, 0)), "")</f>
        <v>0.75203252561341039</v>
      </c>
    </row>
    <row r="1668" spans="1:6" x14ac:dyDescent="0.2">
      <c r="A1668" s="239">
        <f>'CPT Data'!B1676</f>
        <v>16.603999999999999</v>
      </c>
      <c r="B1668" s="3">
        <f>'CPT Data'!C1676</f>
        <v>16.596999999999998</v>
      </c>
      <c r="C1668" t="str">
        <f>'CPT Data'!P1676</f>
        <v>CLAY</v>
      </c>
      <c r="D1668">
        <f>'CPT Data'!Q1676</f>
        <v>54.964194839034008</v>
      </c>
      <c r="E1668">
        <f t="shared" si="26"/>
        <v>48.232999711237312</v>
      </c>
      <c r="F1668">
        <f>IF(C1668="CLAY", INDEX(D$4:D1668, MATCH("CLAY", C$4:C1668, 0)), "")</f>
        <v>0.75203252561341039</v>
      </c>
    </row>
    <row r="1669" spans="1:6" x14ac:dyDescent="0.2">
      <c r="A1669" s="239">
        <f>'CPT Data'!B1677</f>
        <v>16.614000000000001</v>
      </c>
      <c r="B1669" s="3">
        <f>'CPT Data'!C1677</f>
        <v>16.606999999999999</v>
      </c>
      <c r="C1669" t="str">
        <f>'CPT Data'!P1677</f>
        <v>CLAY</v>
      </c>
      <c r="D1669">
        <f>'CPT Data'!Q1677</f>
        <v>55.531552687752814</v>
      </c>
      <c r="E1669">
        <f t="shared" si="26"/>
        <v>54.964194839034008</v>
      </c>
      <c r="F1669">
        <f>IF(C1669="CLAY", INDEX(D$4:D1669, MATCH("CLAY", C$4:C1669, 0)), "")</f>
        <v>0.75203252561341039</v>
      </c>
    </row>
    <row r="1670" spans="1:6" x14ac:dyDescent="0.2">
      <c r="A1670" s="239">
        <f>'CPT Data'!B1678</f>
        <v>16.623999999999999</v>
      </c>
      <c r="B1670" s="3">
        <f>'CPT Data'!C1678</f>
        <v>16.616999999999997</v>
      </c>
      <c r="C1670" t="str">
        <f>'CPT Data'!P1678</f>
        <v>CLAY</v>
      </c>
      <c r="D1670">
        <f>'CPT Data'!Q1678</f>
        <v>51.38862249849916</v>
      </c>
      <c r="E1670">
        <f t="shared" si="26"/>
        <v>55.531552687752814</v>
      </c>
      <c r="F1670">
        <f>IF(C1670="CLAY", INDEX(D$4:D1670, MATCH("CLAY", C$4:C1670, 0)), "")</f>
        <v>0.75203252561341039</v>
      </c>
    </row>
    <row r="1671" spans="1:6" x14ac:dyDescent="0.2">
      <c r="A1671" s="239">
        <f>'CPT Data'!B1679</f>
        <v>16.635000000000002</v>
      </c>
      <c r="B1671" s="3">
        <f>'CPT Data'!C1679</f>
        <v>16.628</v>
      </c>
      <c r="C1671" t="str">
        <f>'CPT Data'!P1679</f>
        <v>CLAY</v>
      </c>
      <c r="D1671">
        <f>'CPT Data'!Q1679</f>
        <v>46.490181171069459</v>
      </c>
      <c r="E1671">
        <f t="shared" si="26"/>
        <v>51.38862249849916</v>
      </c>
      <c r="F1671">
        <f>IF(C1671="CLAY", INDEX(D$4:D1671, MATCH("CLAY", C$4:C1671, 0)), "")</f>
        <v>0.75203252561341039</v>
      </c>
    </row>
    <row r="1672" spans="1:6" x14ac:dyDescent="0.2">
      <c r="A1672" s="239">
        <f>'CPT Data'!B1680</f>
        <v>16.643999999999998</v>
      </c>
      <c r="B1672" s="3">
        <f>'CPT Data'!C1680</f>
        <v>16.636999999999997</v>
      </c>
      <c r="C1672" t="str">
        <f>'CPT Data'!P1680</f>
        <v>CLAY</v>
      </c>
      <c r="D1672">
        <f>'CPT Data'!Q1680</f>
        <v>41.333612983848965</v>
      </c>
      <c r="E1672">
        <f t="shared" si="26"/>
        <v>46.490181171069459</v>
      </c>
      <c r="F1672">
        <f>IF(C1672="CLAY", INDEX(D$4:D1672, MATCH("CLAY", C$4:C1672, 0)), "")</f>
        <v>0.75203252561341039</v>
      </c>
    </row>
    <row r="1673" spans="1:6" x14ac:dyDescent="0.2">
      <c r="A1673" s="239">
        <f>'CPT Data'!B1681</f>
        <v>16.654</v>
      </c>
      <c r="B1673" s="3">
        <f>'CPT Data'!C1681</f>
        <v>16.646999999999998</v>
      </c>
      <c r="C1673" t="str">
        <f>'CPT Data'!P1681</f>
        <v>CLAY</v>
      </c>
      <c r="D1673">
        <f>'CPT Data'!Q1681</f>
        <v>36.58485574312828</v>
      </c>
      <c r="E1673">
        <f t="shared" si="26"/>
        <v>41.333612983848965</v>
      </c>
      <c r="F1673">
        <f>IF(C1673="CLAY", INDEX(D$4:D1673, MATCH("CLAY", C$4:C1673, 0)), "")</f>
        <v>0.75203252561341039</v>
      </c>
    </row>
    <row r="1674" spans="1:6" x14ac:dyDescent="0.2">
      <c r="A1674" s="239">
        <f>'CPT Data'!B1682</f>
        <v>16.664000000000001</v>
      </c>
      <c r="B1674" s="3">
        <f>'CPT Data'!C1682</f>
        <v>16.657</v>
      </c>
      <c r="C1674" t="str">
        <f>'CPT Data'!P1682</f>
        <v>CLAY</v>
      </c>
      <c r="D1674">
        <f>'CPT Data'!Q1682</f>
        <v>32.477314005792699</v>
      </c>
      <c r="E1674">
        <f t="shared" si="26"/>
        <v>36.58485574312828</v>
      </c>
      <c r="F1674">
        <f>IF(C1674="CLAY", INDEX(D$4:D1674, MATCH("CLAY", C$4:C1674, 0)), "")</f>
        <v>0.75203252561341039</v>
      </c>
    </row>
    <row r="1675" spans="1:6" x14ac:dyDescent="0.2">
      <c r="A1675" s="239">
        <f>'CPT Data'!B1683</f>
        <v>16.673999999999999</v>
      </c>
      <c r="B1675" s="3">
        <f>'CPT Data'!C1683</f>
        <v>16.666999999999998</v>
      </c>
      <c r="C1675" t="str">
        <f>'CPT Data'!P1683</f>
        <v>CLAY</v>
      </c>
      <c r="D1675">
        <f>'CPT Data'!Q1683</f>
        <v>27.823006040118141</v>
      </c>
      <c r="E1675">
        <f t="shared" si="26"/>
        <v>32.477314005792699</v>
      </c>
      <c r="F1675">
        <f>IF(C1675="CLAY", INDEX(D$4:D1675, MATCH("CLAY", C$4:C1675, 0)), "")</f>
        <v>0.75203252561341039</v>
      </c>
    </row>
    <row r="1676" spans="1:6" x14ac:dyDescent="0.2">
      <c r="A1676" s="239">
        <f>'CPT Data'!B1684</f>
        <v>16.684000000000001</v>
      </c>
      <c r="B1676" s="3">
        <f>'CPT Data'!C1684</f>
        <v>16.677</v>
      </c>
      <c r="C1676" t="str">
        <f>'CPT Data'!P1684</f>
        <v>CLAY</v>
      </c>
      <c r="D1676">
        <f>'CPT Data'!Q1684</f>
        <v>24.803628731577675</v>
      </c>
      <c r="E1676">
        <f t="shared" si="26"/>
        <v>27.823006040118141</v>
      </c>
      <c r="F1676">
        <f>IF(C1676="CLAY", INDEX(D$4:D1676, MATCH("CLAY", C$4:C1676, 0)), "")</f>
        <v>0.75203252561341039</v>
      </c>
    </row>
    <row r="1677" spans="1:6" x14ac:dyDescent="0.2">
      <c r="A1677" s="239">
        <f>'CPT Data'!B1685</f>
        <v>16.693999999999999</v>
      </c>
      <c r="B1677" s="3">
        <f>'CPT Data'!C1685</f>
        <v>16.686999999999998</v>
      </c>
      <c r="C1677" t="str">
        <f>'CPT Data'!P1685</f>
        <v>CLAY</v>
      </c>
      <c r="D1677">
        <f>'CPT Data'!Q1685</f>
        <v>24.060717127277712</v>
      </c>
      <c r="E1677">
        <f t="shared" si="26"/>
        <v>24.803628731577675</v>
      </c>
      <c r="F1677">
        <f>IF(C1677="CLAY", INDEX(D$4:D1677, MATCH("CLAY", C$4:C1677, 0)), "")</f>
        <v>0.75203252561341039</v>
      </c>
    </row>
    <row r="1678" spans="1:6" x14ac:dyDescent="0.2">
      <c r="A1678" s="239">
        <f>'CPT Data'!B1686</f>
        <v>16.704999999999998</v>
      </c>
      <c r="B1678" s="3">
        <f>'CPT Data'!C1686</f>
        <v>16.697999999999997</v>
      </c>
      <c r="C1678" t="str">
        <f>'CPT Data'!P1686</f>
        <v>CLAY</v>
      </c>
      <c r="D1678">
        <f>'CPT Data'!Q1686</f>
        <v>23.19267629036338</v>
      </c>
      <c r="E1678">
        <f t="shared" si="26"/>
        <v>24.060717127277712</v>
      </c>
      <c r="F1678">
        <f>IF(C1678="CLAY", INDEX(D$4:D1678, MATCH("CLAY", C$4:C1678, 0)), "")</f>
        <v>0.75203252561341039</v>
      </c>
    </row>
    <row r="1679" spans="1:6" x14ac:dyDescent="0.2">
      <c r="A1679" s="239">
        <f>'CPT Data'!B1687</f>
        <v>16.713999999999999</v>
      </c>
      <c r="B1679" s="3">
        <f>'CPT Data'!C1687</f>
        <v>16.706999999999997</v>
      </c>
      <c r="C1679" t="str">
        <f>'CPT Data'!P1687</f>
        <v>CLAY</v>
      </c>
      <c r="D1679">
        <f>'CPT Data'!Q1687</f>
        <v>22.475182570476864</v>
      </c>
      <c r="E1679">
        <f t="shared" si="26"/>
        <v>23.19267629036338</v>
      </c>
      <c r="F1679">
        <f>IF(C1679="CLAY", INDEX(D$4:D1679, MATCH("CLAY", C$4:C1679, 0)), "")</f>
        <v>0.75203252561341039</v>
      </c>
    </row>
    <row r="1680" spans="1:6" x14ac:dyDescent="0.2">
      <c r="A1680" s="239">
        <f>'CPT Data'!B1688</f>
        <v>16.724</v>
      </c>
      <c r="B1680" s="3">
        <f>'CPT Data'!C1688</f>
        <v>16.716999999999999</v>
      </c>
      <c r="C1680" t="str">
        <f>'CPT Data'!P1688</f>
        <v>CLAY</v>
      </c>
      <c r="D1680">
        <f>'CPT Data'!Q1688</f>
        <v>22.513321862189979</v>
      </c>
      <c r="E1680">
        <f t="shared" si="26"/>
        <v>22.475182570476864</v>
      </c>
      <c r="F1680">
        <f>IF(C1680="CLAY", INDEX(D$4:D1680, MATCH("CLAY", C$4:C1680, 0)), "")</f>
        <v>0.75203252561341039</v>
      </c>
    </row>
    <row r="1681" spans="1:6" x14ac:dyDescent="0.2">
      <c r="A1681" s="239">
        <f>'CPT Data'!B1689</f>
        <v>16.734000000000002</v>
      </c>
      <c r="B1681" s="3">
        <f>'CPT Data'!C1689</f>
        <v>16.727</v>
      </c>
      <c r="C1681" t="str">
        <f>'CPT Data'!P1689</f>
        <v>CLAY</v>
      </c>
      <c r="D1681">
        <f>'CPT Data'!Q1689</f>
        <v>22.688197687476194</v>
      </c>
      <c r="E1681">
        <f t="shared" si="26"/>
        <v>22.513321862189979</v>
      </c>
      <c r="F1681">
        <f>IF(C1681="CLAY", INDEX(D$4:D1681, MATCH("CLAY", C$4:C1681, 0)), "")</f>
        <v>0.75203252561341039</v>
      </c>
    </row>
    <row r="1682" spans="1:6" x14ac:dyDescent="0.2">
      <c r="A1682" s="239">
        <f>'CPT Data'!B1690</f>
        <v>16.744</v>
      </c>
      <c r="B1682" s="3">
        <f>'CPT Data'!C1690</f>
        <v>16.736999999999998</v>
      </c>
      <c r="C1682" t="str">
        <f>'CPT Data'!P1690</f>
        <v>CLAY</v>
      </c>
      <c r="D1682">
        <f>'CPT Data'!Q1690</f>
        <v>22.69264700537963</v>
      </c>
      <c r="E1682">
        <f t="shared" si="26"/>
        <v>22.688197687476194</v>
      </c>
      <c r="F1682">
        <f>IF(C1682="CLAY", INDEX(D$4:D1682, MATCH("CLAY", C$4:C1682, 0)), "")</f>
        <v>0.75203252561341039</v>
      </c>
    </row>
    <row r="1683" spans="1:6" x14ac:dyDescent="0.2">
      <c r="A1683" s="239">
        <f>'CPT Data'!B1691</f>
        <v>16.754000000000001</v>
      </c>
      <c r="B1683" s="3">
        <f>'CPT Data'!C1691</f>
        <v>16.747</v>
      </c>
      <c r="C1683" t="str">
        <f>'CPT Data'!P1691</f>
        <v>CLAY</v>
      </c>
      <c r="D1683">
        <f>'CPT Data'!Q1691</f>
        <v>22.638628586298157</v>
      </c>
      <c r="E1683">
        <f t="shared" si="26"/>
        <v>22.69264700537963</v>
      </c>
      <c r="F1683">
        <f>IF(C1683="CLAY", INDEX(D$4:D1683, MATCH("CLAY", C$4:C1683, 0)), "")</f>
        <v>0.75203252561341039</v>
      </c>
    </row>
    <row r="1684" spans="1:6" x14ac:dyDescent="0.2">
      <c r="A1684" s="239">
        <f>'CPT Data'!B1692</f>
        <v>16.763999999999999</v>
      </c>
      <c r="B1684" s="3">
        <f>'CPT Data'!C1692</f>
        <v>16.756999999999998</v>
      </c>
      <c r="C1684" t="str">
        <f>'CPT Data'!P1692</f>
        <v>CLAY</v>
      </c>
      <c r="D1684">
        <f>'CPT Data'!Q1692</f>
        <v>22.748898499787717</v>
      </c>
      <c r="E1684">
        <f t="shared" si="26"/>
        <v>22.638628586298157</v>
      </c>
      <c r="F1684">
        <f>IF(C1684="CLAY", INDEX(D$4:D1684, MATCH("CLAY", C$4:C1684, 0)), "")</f>
        <v>0.75203252561341039</v>
      </c>
    </row>
    <row r="1685" spans="1:6" x14ac:dyDescent="0.2">
      <c r="A1685" s="239">
        <f>'CPT Data'!B1693</f>
        <v>16.773</v>
      </c>
      <c r="B1685" s="3">
        <f>'CPT Data'!C1693</f>
        <v>16.765999999999998</v>
      </c>
      <c r="C1685" t="str">
        <f>'CPT Data'!P1693</f>
        <v>CLAY</v>
      </c>
      <c r="D1685">
        <f>'CPT Data'!Q1693</f>
        <v>23.165165372578006</v>
      </c>
      <c r="E1685">
        <f t="shared" si="26"/>
        <v>22.748898499787717</v>
      </c>
      <c r="F1685">
        <f>IF(C1685="CLAY", INDEX(D$4:D1685, MATCH("CLAY", C$4:C1685, 0)), "")</f>
        <v>0.75203252561341039</v>
      </c>
    </row>
    <row r="1686" spans="1:6" x14ac:dyDescent="0.2">
      <c r="A1686" s="239">
        <f>'CPT Data'!B1694</f>
        <v>16.783999999999999</v>
      </c>
      <c r="B1686" s="3">
        <f>'CPT Data'!C1694</f>
        <v>16.776999999999997</v>
      </c>
      <c r="C1686" t="str">
        <f>'CPT Data'!P1694</f>
        <v>CLAY</v>
      </c>
      <c r="D1686">
        <f>'CPT Data'!Q1694</f>
        <v>23.208958485902659</v>
      </c>
      <c r="E1686">
        <f t="shared" si="26"/>
        <v>23.165165372578006</v>
      </c>
      <c r="F1686">
        <f>IF(C1686="CLAY", INDEX(D$4:D1686, MATCH("CLAY", C$4:C1686, 0)), "")</f>
        <v>0.75203252561341039</v>
      </c>
    </row>
    <row r="1687" spans="1:6" x14ac:dyDescent="0.2">
      <c r="A1687" s="239">
        <f>'CPT Data'!B1695</f>
        <v>16.794</v>
      </c>
      <c r="B1687" s="3">
        <f>'CPT Data'!C1695</f>
        <v>16.786999999999999</v>
      </c>
      <c r="C1687" t="str">
        <f>'CPT Data'!P1695</f>
        <v>CLAY</v>
      </c>
      <c r="D1687">
        <f>'CPT Data'!Q1695</f>
        <v>23.269775711825119</v>
      </c>
      <c r="E1687">
        <f t="shared" si="26"/>
        <v>23.208958485902659</v>
      </c>
      <c r="F1687">
        <f>IF(C1687="CLAY", INDEX(D$4:D1687, MATCH("CLAY", C$4:C1687, 0)), "")</f>
        <v>0.75203252561341039</v>
      </c>
    </row>
    <row r="1688" spans="1:6" x14ac:dyDescent="0.2">
      <c r="A1688" s="239">
        <f>'CPT Data'!B1696</f>
        <v>16.803999999999998</v>
      </c>
      <c r="B1688" s="3">
        <f>'CPT Data'!C1696</f>
        <v>16.796999999999997</v>
      </c>
      <c r="C1688" t="str">
        <f>'CPT Data'!P1696</f>
        <v>CLAY</v>
      </c>
      <c r="D1688">
        <f>'CPT Data'!Q1696</f>
        <v>23.491747548482369</v>
      </c>
      <c r="E1688">
        <f t="shared" si="26"/>
        <v>23.269775711825119</v>
      </c>
      <c r="F1688">
        <f>IF(C1688="CLAY", INDEX(D$4:D1688, MATCH("CLAY", C$4:C1688, 0)), "")</f>
        <v>0.75203252561341039</v>
      </c>
    </row>
    <row r="1689" spans="1:6" x14ac:dyDescent="0.2">
      <c r="A1689" s="239">
        <f>'CPT Data'!B1697</f>
        <v>16.815000000000001</v>
      </c>
      <c r="B1689" s="3">
        <f>'CPT Data'!C1697</f>
        <v>16.808</v>
      </c>
      <c r="C1689" t="str">
        <f>'CPT Data'!P1697</f>
        <v>CLAY</v>
      </c>
      <c r="D1689">
        <f>'CPT Data'!Q1697</f>
        <v>23.838074060881301</v>
      </c>
      <c r="E1689">
        <f t="shared" si="26"/>
        <v>23.491747548482369</v>
      </c>
      <c r="F1689">
        <f>IF(C1689="CLAY", INDEX(D$4:D1689, MATCH("CLAY", C$4:C1689, 0)), "")</f>
        <v>0.75203252561341039</v>
      </c>
    </row>
    <row r="1690" spans="1:6" x14ac:dyDescent="0.2">
      <c r="A1690" s="239">
        <f>'CPT Data'!B1698</f>
        <v>16.824000000000002</v>
      </c>
      <c r="B1690" s="3">
        <f>'CPT Data'!C1698</f>
        <v>16.817</v>
      </c>
      <c r="C1690" t="str">
        <f>'CPT Data'!P1698</f>
        <v>CLAY</v>
      </c>
      <c r="D1690">
        <f>'CPT Data'!Q1698</f>
        <v>24.101544924323875</v>
      </c>
      <c r="E1690">
        <f t="shared" si="26"/>
        <v>23.838074060881301</v>
      </c>
      <c r="F1690">
        <f>IF(C1690="CLAY", INDEX(D$4:D1690, MATCH("CLAY", C$4:C1690, 0)), "")</f>
        <v>0.75203252561341039</v>
      </c>
    </row>
    <row r="1691" spans="1:6" x14ac:dyDescent="0.2">
      <c r="A1691" s="239">
        <f>'CPT Data'!B1699</f>
        <v>16.834</v>
      </c>
      <c r="B1691" s="3">
        <f>'CPT Data'!C1699</f>
        <v>16.826999999999998</v>
      </c>
      <c r="C1691" t="str">
        <f>'CPT Data'!P1699</f>
        <v>CLAY</v>
      </c>
      <c r="D1691">
        <f>'CPT Data'!Q1699</f>
        <v>24.170898141628459</v>
      </c>
      <c r="E1691">
        <f t="shared" ref="E1691:E1754" si="27">IF(C1691="SAND",#N/A,IF(C1691=C1690,D1690,IF(C1691="CLAY",D1691,#N/A)))</f>
        <v>24.101544924323875</v>
      </c>
      <c r="F1691">
        <f>IF(C1691="CLAY", INDEX(D$4:D1691, MATCH("CLAY", C$4:C1691, 0)), "")</f>
        <v>0.75203252561341039</v>
      </c>
    </row>
    <row r="1692" spans="1:6" x14ac:dyDescent="0.2">
      <c r="A1692" s="239">
        <f>'CPT Data'!B1700</f>
        <v>16.844999999999999</v>
      </c>
      <c r="B1692" s="3">
        <f>'CPT Data'!C1700</f>
        <v>16.837999999999997</v>
      </c>
      <c r="C1692" t="str">
        <f>'CPT Data'!P1700</f>
        <v>CLAY</v>
      </c>
      <c r="D1692">
        <f>'CPT Data'!Q1700</f>
        <v>23.646604724899159</v>
      </c>
      <c r="E1692">
        <f t="shared" si="27"/>
        <v>24.170898141628459</v>
      </c>
      <c r="F1692">
        <f>IF(C1692="CLAY", INDEX(D$4:D1692, MATCH("CLAY", C$4:C1692, 0)), "")</f>
        <v>0.75203252561341039</v>
      </c>
    </row>
    <row r="1693" spans="1:6" x14ac:dyDescent="0.2">
      <c r="A1693" s="239">
        <f>'CPT Data'!B1701</f>
        <v>16.853999999999999</v>
      </c>
      <c r="B1693" s="3">
        <f>'CPT Data'!C1701</f>
        <v>16.846999999999998</v>
      </c>
      <c r="C1693" t="str">
        <f>'CPT Data'!P1701</f>
        <v>CLAY</v>
      </c>
      <c r="D1693">
        <f>'CPT Data'!Q1701</f>
        <v>23.313299633085506</v>
      </c>
      <c r="E1693">
        <f t="shared" si="27"/>
        <v>23.646604724899159</v>
      </c>
      <c r="F1693">
        <f>IF(C1693="CLAY", INDEX(D$4:D1693, MATCH("CLAY", C$4:C1693, 0)), "")</f>
        <v>0.75203252561341039</v>
      </c>
    </row>
    <row r="1694" spans="1:6" x14ac:dyDescent="0.2">
      <c r="A1694" s="239">
        <f>'CPT Data'!B1702</f>
        <v>16.864999999999998</v>
      </c>
      <c r="B1694" s="3">
        <f>'CPT Data'!C1702</f>
        <v>16.857999999999997</v>
      </c>
      <c r="C1694" t="str">
        <f>'CPT Data'!P1702</f>
        <v>CLAY</v>
      </c>
      <c r="D1694">
        <f>'CPT Data'!Q1702</f>
        <v>23.445106118877252</v>
      </c>
      <c r="E1694">
        <f t="shared" si="27"/>
        <v>23.313299633085506</v>
      </c>
      <c r="F1694">
        <f>IF(C1694="CLAY", INDEX(D$4:D1694, MATCH("CLAY", C$4:C1694, 0)), "")</f>
        <v>0.75203252561341039</v>
      </c>
    </row>
    <row r="1695" spans="1:6" x14ac:dyDescent="0.2">
      <c r="A1695" s="239">
        <f>'CPT Data'!B1703</f>
        <v>16.873999999999999</v>
      </c>
      <c r="B1695" s="3">
        <f>'CPT Data'!C1703</f>
        <v>16.866999999999997</v>
      </c>
      <c r="C1695" t="str">
        <f>'CPT Data'!P1703</f>
        <v>CLAY</v>
      </c>
      <c r="D1695">
        <f>'CPT Data'!Q1703</f>
        <v>23.285635917445408</v>
      </c>
      <c r="E1695">
        <f t="shared" si="27"/>
        <v>23.445106118877252</v>
      </c>
      <c r="F1695">
        <f>IF(C1695="CLAY", INDEX(D$4:D1695, MATCH("CLAY", C$4:C1695, 0)), "")</f>
        <v>0.75203252561341039</v>
      </c>
    </row>
    <row r="1696" spans="1:6" x14ac:dyDescent="0.2">
      <c r="A1696" s="239">
        <f>'CPT Data'!B1704</f>
        <v>16.884</v>
      </c>
      <c r="B1696" s="3">
        <f>'CPT Data'!C1704</f>
        <v>16.876999999999999</v>
      </c>
      <c r="C1696" t="str">
        <f>'CPT Data'!P1704</f>
        <v>CLAY</v>
      </c>
      <c r="D1696">
        <f>'CPT Data'!Q1704</f>
        <v>23.275955009219945</v>
      </c>
      <c r="E1696">
        <f t="shared" si="27"/>
        <v>23.285635917445408</v>
      </c>
      <c r="F1696">
        <f>IF(C1696="CLAY", INDEX(D$4:D1696, MATCH("CLAY", C$4:C1696, 0)), "")</f>
        <v>0.75203252561341039</v>
      </c>
    </row>
    <row r="1697" spans="1:6" x14ac:dyDescent="0.2">
      <c r="A1697" s="239">
        <f>'CPT Data'!B1705</f>
        <v>16.895</v>
      </c>
      <c r="B1697" s="3">
        <f>'CPT Data'!C1705</f>
        <v>16.887999999999998</v>
      </c>
      <c r="C1697" t="str">
        <f>'CPT Data'!P1705</f>
        <v>CLAY</v>
      </c>
      <c r="D1697">
        <f>'CPT Data'!Q1705</f>
        <v>23.449047589525051</v>
      </c>
      <c r="E1697">
        <f t="shared" si="27"/>
        <v>23.275955009219945</v>
      </c>
      <c r="F1697">
        <f>IF(C1697="CLAY", INDEX(D$4:D1697, MATCH("CLAY", C$4:C1697, 0)), "")</f>
        <v>0.75203252561341039</v>
      </c>
    </row>
    <row r="1698" spans="1:6" x14ac:dyDescent="0.2">
      <c r="A1698" s="239">
        <f>'CPT Data'!B1706</f>
        <v>16.904</v>
      </c>
      <c r="B1698" s="3">
        <f>'CPT Data'!C1706</f>
        <v>16.896999999999998</v>
      </c>
      <c r="C1698" t="str">
        <f>'CPT Data'!P1706</f>
        <v>CLAY</v>
      </c>
      <c r="D1698">
        <f>'CPT Data'!Q1706</f>
        <v>23.582118074678295</v>
      </c>
      <c r="E1698">
        <f t="shared" si="27"/>
        <v>23.449047589525051</v>
      </c>
      <c r="F1698">
        <f>IF(C1698="CLAY", INDEX(D$4:D1698, MATCH("CLAY", C$4:C1698, 0)), "")</f>
        <v>0.75203252561341039</v>
      </c>
    </row>
    <row r="1699" spans="1:6" x14ac:dyDescent="0.2">
      <c r="A1699" s="239">
        <f>'CPT Data'!B1707</f>
        <v>16.914000000000001</v>
      </c>
      <c r="B1699" s="3">
        <f>'CPT Data'!C1707</f>
        <v>16.907</v>
      </c>
      <c r="C1699" t="str">
        <f>'CPT Data'!P1707</f>
        <v>CLAY</v>
      </c>
      <c r="D1699">
        <f>'CPT Data'!Q1707</f>
        <v>23.4110579862982</v>
      </c>
      <c r="E1699">
        <f t="shared" si="27"/>
        <v>23.582118074678295</v>
      </c>
      <c r="F1699">
        <f>IF(C1699="CLAY", INDEX(D$4:D1699, MATCH("CLAY", C$4:C1699, 0)), "")</f>
        <v>0.75203252561341039</v>
      </c>
    </row>
    <row r="1700" spans="1:6" x14ac:dyDescent="0.2">
      <c r="A1700" s="239">
        <f>'CPT Data'!B1708</f>
        <v>16.923999999999999</v>
      </c>
      <c r="B1700" s="3">
        <f>'CPT Data'!C1708</f>
        <v>16.916999999999998</v>
      </c>
      <c r="C1700" t="str">
        <f>'CPT Data'!P1708</f>
        <v>CLAY</v>
      </c>
      <c r="D1700">
        <f>'CPT Data'!Q1708</f>
        <v>23.253221539147265</v>
      </c>
      <c r="E1700">
        <f t="shared" si="27"/>
        <v>23.4110579862982</v>
      </c>
      <c r="F1700">
        <f>IF(C1700="CLAY", INDEX(D$4:D1700, MATCH("CLAY", C$4:C1700, 0)), "")</f>
        <v>0.75203252561341039</v>
      </c>
    </row>
    <row r="1701" spans="1:6" x14ac:dyDescent="0.2">
      <c r="A1701" s="239">
        <f>'CPT Data'!B1709</f>
        <v>16.934000000000001</v>
      </c>
      <c r="B1701" s="3">
        <f>'CPT Data'!C1709</f>
        <v>16.927</v>
      </c>
      <c r="C1701" t="str">
        <f>'CPT Data'!P1709</f>
        <v>CLAY</v>
      </c>
      <c r="D1701">
        <f>'CPT Data'!Q1709</f>
        <v>23.205869527019598</v>
      </c>
      <c r="E1701">
        <f t="shared" si="27"/>
        <v>23.253221539147265</v>
      </c>
      <c r="F1701">
        <f>IF(C1701="CLAY", INDEX(D$4:D1701, MATCH("CLAY", C$4:C1701, 0)), "")</f>
        <v>0.75203252561341039</v>
      </c>
    </row>
    <row r="1702" spans="1:6" x14ac:dyDescent="0.2">
      <c r="A1702" s="239">
        <f>'CPT Data'!B1710</f>
        <v>16.943999999999999</v>
      </c>
      <c r="B1702" s="3">
        <f>'CPT Data'!C1710</f>
        <v>16.936999999999998</v>
      </c>
      <c r="C1702" t="str">
        <f>'CPT Data'!P1710</f>
        <v>CLAY</v>
      </c>
      <c r="D1702">
        <f>'CPT Data'!Q1710</f>
        <v>23.041392022982681</v>
      </c>
      <c r="E1702">
        <f t="shared" si="27"/>
        <v>23.205869527019598</v>
      </c>
      <c r="F1702">
        <f>IF(C1702="CLAY", INDEX(D$4:D1702, MATCH("CLAY", C$4:C1702, 0)), "")</f>
        <v>0.75203252561341039</v>
      </c>
    </row>
    <row r="1703" spans="1:6" x14ac:dyDescent="0.2">
      <c r="A1703" s="239">
        <f>'CPT Data'!B1711</f>
        <v>16.954000000000001</v>
      </c>
      <c r="B1703" s="3">
        <f>'CPT Data'!C1711</f>
        <v>16.946999999999999</v>
      </c>
      <c r="C1703" t="str">
        <f>'CPT Data'!P1711</f>
        <v>CLAY</v>
      </c>
      <c r="D1703">
        <f>'CPT Data'!Q1711</f>
        <v>22.975695995256018</v>
      </c>
      <c r="E1703">
        <f t="shared" si="27"/>
        <v>23.041392022982681</v>
      </c>
      <c r="F1703">
        <f>IF(C1703="CLAY", INDEX(D$4:D1703, MATCH("CLAY", C$4:C1703, 0)), "")</f>
        <v>0.75203252561341039</v>
      </c>
    </row>
    <row r="1704" spans="1:6" x14ac:dyDescent="0.2">
      <c r="A1704" s="239">
        <f>'CPT Data'!B1712</f>
        <v>16.963999999999999</v>
      </c>
      <c r="B1704" s="3">
        <f>'CPT Data'!C1712</f>
        <v>16.956999999999997</v>
      </c>
      <c r="C1704" t="str">
        <f>'CPT Data'!P1712</f>
        <v>CLAY</v>
      </c>
      <c r="D1704">
        <f>'CPT Data'!Q1712</f>
        <v>23.32651450921421</v>
      </c>
      <c r="E1704">
        <f t="shared" si="27"/>
        <v>22.975695995256018</v>
      </c>
      <c r="F1704">
        <f>IF(C1704="CLAY", INDEX(D$4:D1704, MATCH("CLAY", C$4:C1704, 0)), "")</f>
        <v>0.75203252561341039</v>
      </c>
    </row>
    <row r="1705" spans="1:6" x14ac:dyDescent="0.2">
      <c r="A1705" s="239">
        <f>'CPT Data'!B1713</f>
        <v>16.974</v>
      </c>
      <c r="B1705" s="3">
        <f>'CPT Data'!C1713</f>
        <v>16.966999999999999</v>
      </c>
      <c r="C1705" t="str">
        <f>'CPT Data'!P1713</f>
        <v>CLAY</v>
      </c>
      <c r="D1705">
        <f>'CPT Data'!Q1713</f>
        <v>23.68230372237058</v>
      </c>
      <c r="E1705">
        <f t="shared" si="27"/>
        <v>23.32651450921421</v>
      </c>
      <c r="F1705">
        <f>IF(C1705="CLAY", INDEX(D$4:D1705, MATCH("CLAY", C$4:C1705, 0)), "")</f>
        <v>0.75203252561341039</v>
      </c>
    </row>
    <row r="1706" spans="1:6" x14ac:dyDescent="0.2">
      <c r="A1706" s="239">
        <f>'CPT Data'!B1714</f>
        <v>16.984000000000002</v>
      </c>
      <c r="B1706" s="3">
        <f>'CPT Data'!C1714</f>
        <v>16.977</v>
      </c>
      <c r="C1706" t="str">
        <f>'CPT Data'!P1714</f>
        <v>CLAY</v>
      </c>
      <c r="D1706">
        <f>'CPT Data'!Q1714</f>
        <v>23.687763917424604</v>
      </c>
      <c r="E1706">
        <f t="shared" si="27"/>
        <v>23.68230372237058</v>
      </c>
      <c r="F1706">
        <f>IF(C1706="CLAY", INDEX(D$4:D1706, MATCH("CLAY", C$4:C1706, 0)), "")</f>
        <v>0.75203252561341039</v>
      </c>
    </row>
    <row r="1707" spans="1:6" x14ac:dyDescent="0.2">
      <c r="A1707" s="239">
        <f>'CPT Data'!B1715</f>
        <v>17.027999999999999</v>
      </c>
      <c r="B1707" s="3">
        <f>'CPT Data'!C1715</f>
        <v>17.020999999999997</v>
      </c>
      <c r="C1707" t="str">
        <f>'CPT Data'!P1715</f>
        <v>CLAY</v>
      </c>
      <c r="D1707">
        <f>'CPT Data'!Q1715</f>
        <v>23.652897931697368</v>
      </c>
      <c r="E1707">
        <f t="shared" si="27"/>
        <v>23.687763917424604</v>
      </c>
      <c r="F1707">
        <f>IF(C1707="CLAY", INDEX(D$4:D1707, MATCH("CLAY", C$4:C1707, 0)), "")</f>
        <v>0.75203252561341039</v>
      </c>
    </row>
    <row r="1708" spans="1:6" x14ac:dyDescent="0.2">
      <c r="A1708" s="239">
        <f>'CPT Data'!B1716</f>
        <v>17.038</v>
      </c>
      <c r="B1708" s="3">
        <f>'CPT Data'!C1716</f>
        <v>17.030999999999999</v>
      </c>
      <c r="C1708" t="str">
        <f>'CPT Data'!P1716</f>
        <v>CLAY</v>
      </c>
      <c r="D1708">
        <f>'CPT Data'!Q1716</f>
        <v>23.8954654312965</v>
      </c>
      <c r="E1708">
        <f t="shared" si="27"/>
        <v>23.652897931697368</v>
      </c>
      <c r="F1708">
        <f>IF(C1708="CLAY", INDEX(D$4:D1708, MATCH("CLAY", C$4:C1708, 0)), "")</f>
        <v>0.75203252561341039</v>
      </c>
    </row>
    <row r="1709" spans="1:6" x14ac:dyDescent="0.2">
      <c r="A1709" s="239">
        <f>'CPT Data'!B1717</f>
        <v>17.047999999999998</v>
      </c>
      <c r="B1709" s="3">
        <f>'CPT Data'!C1717</f>
        <v>17.040999999999997</v>
      </c>
      <c r="C1709" t="str">
        <f>'CPT Data'!P1717</f>
        <v>CLAY</v>
      </c>
      <c r="D1709">
        <f>'CPT Data'!Q1717</f>
        <v>23.880743901384957</v>
      </c>
      <c r="E1709">
        <f t="shared" si="27"/>
        <v>23.8954654312965</v>
      </c>
      <c r="F1709">
        <f>IF(C1709="CLAY", INDEX(D$4:D1709, MATCH("CLAY", C$4:C1709, 0)), "")</f>
        <v>0.75203252561341039</v>
      </c>
    </row>
    <row r="1710" spans="1:6" x14ac:dyDescent="0.2">
      <c r="A1710" s="239">
        <f>'CPT Data'!B1718</f>
        <v>17.058</v>
      </c>
      <c r="B1710" s="3">
        <f>'CPT Data'!C1718</f>
        <v>17.050999999999998</v>
      </c>
      <c r="C1710" t="str">
        <f>'CPT Data'!P1718</f>
        <v>CLAY</v>
      </c>
      <c r="D1710">
        <f>'CPT Data'!Q1718</f>
        <v>23.571290190995203</v>
      </c>
      <c r="E1710">
        <f t="shared" si="27"/>
        <v>23.880743901384957</v>
      </c>
      <c r="F1710">
        <f>IF(C1710="CLAY", INDEX(D$4:D1710, MATCH("CLAY", C$4:C1710, 0)), "")</f>
        <v>0.75203252561341039</v>
      </c>
    </row>
    <row r="1711" spans="1:6" x14ac:dyDescent="0.2">
      <c r="A1711" s="239">
        <f>'CPT Data'!B1719</f>
        <v>17.068000000000001</v>
      </c>
      <c r="B1711" s="3">
        <f>'CPT Data'!C1719</f>
        <v>17.061</v>
      </c>
      <c r="C1711" t="str">
        <f>'CPT Data'!P1719</f>
        <v>CLAY</v>
      </c>
      <c r="D1711">
        <f>'CPT Data'!Q1719</f>
        <v>23.510009203554841</v>
      </c>
      <c r="E1711">
        <f t="shared" si="27"/>
        <v>23.571290190995203</v>
      </c>
      <c r="F1711">
        <f>IF(C1711="CLAY", INDEX(D$4:D1711, MATCH("CLAY", C$4:C1711, 0)), "")</f>
        <v>0.75203252561341039</v>
      </c>
    </row>
    <row r="1712" spans="1:6" x14ac:dyDescent="0.2">
      <c r="A1712" s="239">
        <f>'CPT Data'!B1720</f>
        <v>17.077999999999999</v>
      </c>
      <c r="B1712" s="3">
        <f>'CPT Data'!C1720</f>
        <v>17.070999999999998</v>
      </c>
      <c r="C1712" t="str">
        <f>'CPT Data'!P1720</f>
        <v>CLAY</v>
      </c>
      <c r="D1712">
        <f>'CPT Data'!Q1720</f>
        <v>23.510098328723203</v>
      </c>
      <c r="E1712">
        <f t="shared" si="27"/>
        <v>23.510009203554841</v>
      </c>
      <c r="F1712">
        <f>IF(C1712="CLAY", INDEX(D$4:D1712, MATCH("CLAY", C$4:C1712, 0)), "")</f>
        <v>0.75203252561341039</v>
      </c>
    </row>
    <row r="1713" spans="1:6" x14ac:dyDescent="0.2">
      <c r="A1713" s="239">
        <f>'CPT Data'!B1721</f>
        <v>17.087</v>
      </c>
      <c r="B1713" s="3">
        <f>'CPT Data'!C1721</f>
        <v>17.079999999999998</v>
      </c>
      <c r="C1713" t="str">
        <f>'CPT Data'!P1721</f>
        <v>CLAY</v>
      </c>
      <c r="D1713">
        <f>'CPT Data'!Q1721</f>
        <v>23.46258253983002</v>
      </c>
      <c r="E1713">
        <f t="shared" si="27"/>
        <v>23.510098328723203</v>
      </c>
      <c r="F1713">
        <f>IF(C1713="CLAY", INDEX(D$4:D1713, MATCH("CLAY", C$4:C1713, 0)), "")</f>
        <v>0.75203252561341039</v>
      </c>
    </row>
    <row r="1714" spans="1:6" x14ac:dyDescent="0.2">
      <c r="A1714" s="239">
        <f>'CPT Data'!B1722</f>
        <v>17.097999999999999</v>
      </c>
      <c r="B1714" s="3">
        <f>'CPT Data'!C1722</f>
        <v>17.090999999999998</v>
      </c>
      <c r="C1714" t="str">
        <f>'CPT Data'!P1722</f>
        <v>CLAY</v>
      </c>
      <c r="D1714">
        <f>'CPT Data'!Q1722</f>
        <v>23.342834696033091</v>
      </c>
      <c r="E1714">
        <f t="shared" si="27"/>
        <v>23.46258253983002</v>
      </c>
      <c r="F1714">
        <f>IF(C1714="CLAY", INDEX(D$4:D1714, MATCH("CLAY", C$4:C1714, 0)), "")</f>
        <v>0.75203252561341039</v>
      </c>
    </row>
    <row r="1715" spans="1:6" x14ac:dyDescent="0.2">
      <c r="A1715" s="239">
        <f>'CPT Data'!B1723</f>
        <v>17.108000000000001</v>
      </c>
      <c r="B1715" s="3">
        <f>'CPT Data'!C1723</f>
        <v>17.100999999999999</v>
      </c>
      <c r="C1715" t="str">
        <f>'CPT Data'!P1723</f>
        <v>CLAY</v>
      </c>
      <c r="D1715">
        <f>'CPT Data'!Q1723</f>
        <v>23.202880721982527</v>
      </c>
      <c r="E1715">
        <f t="shared" si="27"/>
        <v>23.342834696033091</v>
      </c>
      <c r="F1715">
        <f>IF(C1715="CLAY", INDEX(D$4:D1715, MATCH("CLAY", C$4:C1715, 0)), "")</f>
        <v>0.75203252561341039</v>
      </c>
    </row>
    <row r="1716" spans="1:6" x14ac:dyDescent="0.2">
      <c r="A1716" s="239">
        <f>'CPT Data'!B1724</f>
        <v>17.117999999999999</v>
      </c>
      <c r="B1716" s="3">
        <f>'CPT Data'!C1724</f>
        <v>17.110999999999997</v>
      </c>
      <c r="C1716" t="str">
        <f>'CPT Data'!P1724</f>
        <v>CLAY</v>
      </c>
      <c r="D1716">
        <f>'CPT Data'!Q1724</f>
        <v>23.26304916146977</v>
      </c>
      <c r="E1716">
        <f t="shared" si="27"/>
        <v>23.202880721982527</v>
      </c>
      <c r="F1716">
        <f>IF(C1716="CLAY", INDEX(D$4:D1716, MATCH("CLAY", C$4:C1716, 0)), "")</f>
        <v>0.75203252561341039</v>
      </c>
    </row>
    <row r="1717" spans="1:6" x14ac:dyDescent="0.2">
      <c r="A1717" s="239">
        <f>'CPT Data'!B1725</f>
        <v>17.128</v>
      </c>
      <c r="B1717" s="3">
        <f>'CPT Data'!C1725</f>
        <v>17.120999999999999</v>
      </c>
      <c r="C1717" t="str">
        <f>'CPT Data'!P1725</f>
        <v>CLAY</v>
      </c>
      <c r="D1717">
        <f>'CPT Data'!Q1725</f>
        <v>23.450841018913653</v>
      </c>
      <c r="E1717">
        <f t="shared" si="27"/>
        <v>23.26304916146977</v>
      </c>
      <c r="F1717">
        <f>IF(C1717="CLAY", INDEX(D$4:D1717, MATCH("CLAY", C$4:C1717, 0)), "")</f>
        <v>0.75203252561341039</v>
      </c>
    </row>
    <row r="1718" spans="1:6" x14ac:dyDescent="0.2">
      <c r="A1718" s="239">
        <f>'CPT Data'!B1726</f>
        <v>17.138999999999999</v>
      </c>
      <c r="B1718" s="3">
        <f>'CPT Data'!C1726</f>
        <v>17.131999999999998</v>
      </c>
      <c r="C1718" t="str">
        <f>'CPT Data'!P1726</f>
        <v>CLAY</v>
      </c>
      <c r="D1718">
        <f>'CPT Data'!Q1726</f>
        <v>23.595467670126911</v>
      </c>
      <c r="E1718">
        <f t="shared" si="27"/>
        <v>23.450841018913653</v>
      </c>
      <c r="F1718">
        <f>IF(C1718="CLAY", INDEX(D$4:D1718, MATCH("CLAY", C$4:C1718, 0)), "")</f>
        <v>0.75203252561341039</v>
      </c>
    </row>
    <row r="1719" spans="1:6" x14ac:dyDescent="0.2">
      <c r="A1719" s="239">
        <f>'CPT Data'!B1727</f>
        <v>17.148</v>
      </c>
      <c r="B1719" s="3">
        <f>'CPT Data'!C1727</f>
        <v>17.140999999999998</v>
      </c>
      <c r="C1719" t="str">
        <f>'CPT Data'!P1727</f>
        <v>CLAY</v>
      </c>
      <c r="D1719">
        <f>'CPT Data'!Q1727</f>
        <v>23.973926863086049</v>
      </c>
      <c r="E1719">
        <f t="shared" si="27"/>
        <v>23.595467670126911</v>
      </c>
      <c r="F1719">
        <f>IF(C1719="CLAY", INDEX(D$4:D1719, MATCH("CLAY", C$4:C1719, 0)), "")</f>
        <v>0.75203252561341039</v>
      </c>
    </row>
    <row r="1720" spans="1:6" x14ac:dyDescent="0.2">
      <c r="A1720" s="239">
        <f>'CPT Data'!B1728</f>
        <v>17.158000000000001</v>
      </c>
      <c r="B1720" s="3">
        <f>'CPT Data'!C1728</f>
        <v>17.151</v>
      </c>
      <c r="C1720" t="str">
        <f>'CPT Data'!P1728</f>
        <v>CLAY</v>
      </c>
      <c r="D1720">
        <f>'CPT Data'!Q1728</f>
        <v>23.607945315930554</v>
      </c>
      <c r="E1720">
        <f t="shared" si="27"/>
        <v>23.973926863086049</v>
      </c>
      <c r="F1720">
        <f>IF(C1720="CLAY", INDEX(D$4:D1720, MATCH("CLAY", C$4:C1720, 0)), "")</f>
        <v>0.75203252561341039</v>
      </c>
    </row>
    <row r="1721" spans="1:6" x14ac:dyDescent="0.2">
      <c r="A1721" s="239">
        <f>'CPT Data'!B1729</f>
        <v>17.169</v>
      </c>
      <c r="B1721" s="3">
        <f>'CPT Data'!C1729</f>
        <v>17.161999999999999</v>
      </c>
      <c r="C1721" t="str">
        <f>'CPT Data'!P1729</f>
        <v>CLAY</v>
      </c>
      <c r="D1721">
        <f>'CPT Data'!Q1729</f>
        <v>23.3956387907695</v>
      </c>
      <c r="E1721">
        <f t="shared" si="27"/>
        <v>23.607945315930554</v>
      </c>
      <c r="F1721">
        <f>IF(C1721="CLAY", INDEX(D$4:D1721, MATCH("CLAY", C$4:C1721, 0)), "")</f>
        <v>0.75203252561341039</v>
      </c>
    </row>
    <row r="1722" spans="1:6" x14ac:dyDescent="0.2">
      <c r="A1722" s="239">
        <f>'CPT Data'!B1730</f>
        <v>17.178999999999998</v>
      </c>
      <c r="B1722" s="3">
        <f>'CPT Data'!C1730</f>
        <v>17.171999999999997</v>
      </c>
      <c r="C1722" t="str">
        <f>'CPT Data'!P1730</f>
        <v>CLAY</v>
      </c>
      <c r="D1722">
        <f>'CPT Data'!Q1730</f>
        <v>23.339772355594317</v>
      </c>
      <c r="E1722">
        <f t="shared" si="27"/>
        <v>23.3956387907695</v>
      </c>
      <c r="F1722">
        <f>IF(C1722="CLAY", INDEX(D$4:D1722, MATCH("CLAY", C$4:C1722, 0)), "")</f>
        <v>0.75203252561341039</v>
      </c>
    </row>
    <row r="1723" spans="1:6" x14ac:dyDescent="0.2">
      <c r="A1723" s="239">
        <f>'CPT Data'!B1731</f>
        <v>17.187999999999999</v>
      </c>
      <c r="B1723" s="3">
        <f>'CPT Data'!C1731</f>
        <v>17.180999999999997</v>
      </c>
      <c r="C1723" t="str">
        <f>'CPT Data'!P1731</f>
        <v>CLAY</v>
      </c>
      <c r="D1723">
        <f>'CPT Data'!Q1731</f>
        <v>23.379456973098758</v>
      </c>
      <c r="E1723">
        <f t="shared" si="27"/>
        <v>23.339772355594317</v>
      </c>
      <c r="F1723">
        <f>IF(C1723="CLAY", INDEX(D$4:D1723, MATCH("CLAY", C$4:C1723, 0)), "")</f>
        <v>0.75203252561341039</v>
      </c>
    </row>
    <row r="1724" spans="1:6" x14ac:dyDescent="0.2">
      <c r="A1724" s="239">
        <f>'CPT Data'!B1732</f>
        <v>17.199000000000002</v>
      </c>
      <c r="B1724" s="3">
        <f>'CPT Data'!C1732</f>
        <v>17.192</v>
      </c>
      <c r="C1724" t="str">
        <f>'CPT Data'!P1732</f>
        <v>CLAY</v>
      </c>
      <c r="D1724">
        <f>'CPT Data'!Q1732</f>
        <v>23.839791353480489</v>
      </c>
      <c r="E1724">
        <f t="shared" si="27"/>
        <v>23.379456973098758</v>
      </c>
      <c r="F1724">
        <f>IF(C1724="CLAY", INDEX(D$4:D1724, MATCH("CLAY", C$4:C1724, 0)), "")</f>
        <v>0.75203252561341039</v>
      </c>
    </row>
    <row r="1725" spans="1:6" x14ac:dyDescent="0.2">
      <c r="A1725" s="239">
        <f>'CPT Data'!B1733</f>
        <v>17.207999999999998</v>
      </c>
      <c r="B1725" s="3">
        <f>'CPT Data'!C1733</f>
        <v>17.200999999999997</v>
      </c>
      <c r="C1725" t="str">
        <f>'CPT Data'!P1733</f>
        <v>CLAY</v>
      </c>
      <c r="D1725">
        <f>'CPT Data'!Q1733</f>
        <v>24.182053772917602</v>
      </c>
      <c r="E1725">
        <f t="shared" si="27"/>
        <v>23.839791353480489</v>
      </c>
      <c r="F1725">
        <f>IF(C1725="CLAY", INDEX(D$4:D1725, MATCH("CLAY", C$4:C1725, 0)), "")</f>
        <v>0.75203252561341039</v>
      </c>
    </row>
    <row r="1726" spans="1:6" x14ac:dyDescent="0.2">
      <c r="A1726" s="239">
        <f>'CPT Data'!B1734</f>
        <v>17.218</v>
      </c>
      <c r="B1726" s="3">
        <f>'CPT Data'!C1734</f>
        <v>17.210999999999999</v>
      </c>
      <c r="C1726" t="str">
        <f>'CPT Data'!P1734</f>
        <v>CLAY</v>
      </c>
      <c r="D1726">
        <f>'CPT Data'!Q1734</f>
        <v>24.12782999026518</v>
      </c>
      <c r="E1726">
        <f t="shared" si="27"/>
        <v>24.182053772917602</v>
      </c>
      <c r="F1726">
        <f>IF(C1726="CLAY", INDEX(D$4:D1726, MATCH("CLAY", C$4:C1726, 0)), "")</f>
        <v>0.75203252561341039</v>
      </c>
    </row>
    <row r="1727" spans="1:6" x14ac:dyDescent="0.2">
      <c r="A1727" s="239">
        <f>'CPT Data'!B1735</f>
        <v>17.228000000000002</v>
      </c>
      <c r="B1727" s="3">
        <f>'CPT Data'!C1735</f>
        <v>17.221</v>
      </c>
      <c r="C1727" t="str">
        <f>'CPT Data'!P1735</f>
        <v>CLAY</v>
      </c>
      <c r="D1727">
        <f>'CPT Data'!Q1735</f>
        <v>24.052875859492204</v>
      </c>
      <c r="E1727">
        <f t="shared" si="27"/>
        <v>24.12782999026518</v>
      </c>
      <c r="F1727">
        <f>IF(C1727="CLAY", INDEX(D$4:D1727, MATCH("CLAY", C$4:C1727, 0)), "")</f>
        <v>0.75203252561341039</v>
      </c>
    </row>
    <row r="1728" spans="1:6" x14ac:dyDescent="0.2">
      <c r="A1728" s="239">
        <f>'CPT Data'!B1736</f>
        <v>17.239000000000001</v>
      </c>
      <c r="B1728" s="3">
        <f>'CPT Data'!C1736</f>
        <v>17.231999999999999</v>
      </c>
      <c r="C1728" t="str">
        <f>'CPT Data'!P1736</f>
        <v>CLAY</v>
      </c>
      <c r="D1728">
        <f>'CPT Data'!Q1736</f>
        <v>23.856577331796618</v>
      </c>
      <c r="E1728">
        <f t="shared" si="27"/>
        <v>24.052875859492204</v>
      </c>
      <c r="F1728">
        <f>IF(C1728="CLAY", INDEX(D$4:D1728, MATCH("CLAY", C$4:C1728, 0)), "")</f>
        <v>0.75203252561341039</v>
      </c>
    </row>
    <row r="1729" spans="1:6" x14ac:dyDescent="0.2">
      <c r="A1729" s="239">
        <f>'CPT Data'!B1737</f>
        <v>17.248000000000001</v>
      </c>
      <c r="B1729" s="3">
        <f>'CPT Data'!C1737</f>
        <v>17.241</v>
      </c>
      <c r="C1729" t="str">
        <f>'CPT Data'!P1737</f>
        <v>CLAY</v>
      </c>
      <c r="D1729">
        <f>'CPT Data'!Q1737</f>
        <v>23.59179561281114</v>
      </c>
      <c r="E1729">
        <f t="shared" si="27"/>
        <v>23.856577331796618</v>
      </c>
      <c r="F1729">
        <f>IF(C1729="CLAY", INDEX(D$4:D1729, MATCH("CLAY", C$4:C1729, 0)), "")</f>
        <v>0.75203252561341039</v>
      </c>
    </row>
    <row r="1730" spans="1:6" x14ac:dyDescent="0.2">
      <c r="A1730" s="239">
        <f>'CPT Data'!B1738</f>
        <v>17.257999999999999</v>
      </c>
      <c r="B1730" s="3">
        <f>'CPT Data'!C1738</f>
        <v>17.250999999999998</v>
      </c>
      <c r="C1730" t="str">
        <f>'CPT Data'!P1738</f>
        <v>CLAY</v>
      </c>
      <c r="D1730">
        <f>'CPT Data'!Q1738</f>
        <v>23.538734058370562</v>
      </c>
      <c r="E1730">
        <f t="shared" si="27"/>
        <v>23.59179561281114</v>
      </c>
      <c r="F1730">
        <f>IF(C1730="CLAY", INDEX(D$4:D1730, MATCH("CLAY", C$4:C1730, 0)), "")</f>
        <v>0.75203252561341039</v>
      </c>
    </row>
    <row r="1731" spans="1:6" x14ac:dyDescent="0.2">
      <c r="A1731" s="239">
        <f>'CPT Data'!B1739</f>
        <v>17.268000000000001</v>
      </c>
      <c r="B1731" s="3">
        <f>'CPT Data'!C1739</f>
        <v>17.260999999999999</v>
      </c>
      <c r="C1731" t="str">
        <f>'CPT Data'!P1739</f>
        <v>CLAY</v>
      </c>
      <c r="D1731">
        <f>'CPT Data'!Q1739</f>
        <v>23.425347509633255</v>
      </c>
      <c r="E1731">
        <f t="shared" si="27"/>
        <v>23.538734058370562</v>
      </c>
      <c r="F1731">
        <f>IF(C1731="CLAY", INDEX(D$4:D1731, MATCH("CLAY", C$4:C1731, 0)), "")</f>
        <v>0.75203252561341039</v>
      </c>
    </row>
    <row r="1732" spans="1:6" x14ac:dyDescent="0.2">
      <c r="A1732" s="239">
        <f>'CPT Data'!B1740</f>
        <v>17.277999999999999</v>
      </c>
      <c r="B1732" s="3">
        <f>'CPT Data'!C1740</f>
        <v>17.270999999999997</v>
      </c>
      <c r="C1732" t="str">
        <f>'CPT Data'!P1740</f>
        <v>CLAY</v>
      </c>
      <c r="D1732">
        <f>'CPT Data'!Q1740</f>
        <v>23.649648007179405</v>
      </c>
      <c r="E1732">
        <f t="shared" si="27"/>
        <v>23.425347509633255</v>
      </c>
      <c r="F1732">
        <f>IF(C1732="CLAY", INDEX(D$4:D1732, MATCH("CLAY", C$4:C1732, 0)), "")</f>
        <v>0.75203252561341039</v>
      </c>
    </row>
    <row r="1733" spans="1:6" x14ac:dyDescent="0.2">
      <c r="A1733" s="239">
        <f>'CPT Data'!B1741</f>
        <v>17.288</v>
      </c>
      <c r="B1733" s="3">
        <f>'CPT Data'!C1741</f>
        <v>17.280999999999999</v>
      </c>
      <c r="C1733" t="str">
        <f>'CPT Data'!P1741</f>
        <v>CLAY</v>
      </c>
      <c r="D1733">
        <f>'CPT Data'!Q1741</f>
        <v>23.883058004293165</v>
      </c>
      <c r="E1733">
        <f t="shared" si="27"/>
        <v>23.649648007179405</v>
      </c>
      <c r="F1733">
        <f>IF(C1733="CLAY", INDEX(D$4:D1733, MATCH("CLAY", C$4:C1733, 0)), "")</f>
        <v>0.75203252561341039</v>
      </c>
    </row>
    <row r="1734" spans="1:6" x14ac:dyDescent="0.2">
      <c r="A1734" s="239">
        <f>'CPT Data'!B1742</f>
        <v>17.297999999999998</v>
      </c>
      <c r="B1734" s="3">
        <f>'CPT Data'!C1742</f>
        <v>17.290999999999997</v>
      </c>
      <c r="C1734" t="str">
        <f>'CPT Data'!P1742</f>
        <v>CLAY</v>
      </c>
      <c r="D1734">
        <f>'CPT Data'!Q1742</f>
        <v>23.709586961782311</v>
      </c>
      <c r="E1734">
        <f t="shared" si="27"/>
        <v>23.883058004293165</v>
      </c>
      <c r="F1734">
        <f>IF(C1734="CLAY", INDEX(D$4:D1734, MATCH("CLAY", C$4:C1734, 0)), "")</f>
        <v>0.75203252561341039</v>
      </c>
    </row>
    <row r="1735" spans="1:6" x14ac:dyDescent="0.2">
      <c r="A1735" s="239">
        <f>'CPT Data'!B1743</f>
        <v>17.308</v>
      </c>
      <c r="B1735" s="3">
        <f>'CPT Data'!C1743</f>
        <v>17.300999999999998</v>
      </c>
      <c r="C1735" t="str">
        <f>'CPT Data'!P1743</f>
        <v>CLAY</v>
      </c>
      <c r="D1735">
        <f>'CPT Data'!Q1743</f>
        <v>23.64780909744016</v>
      </c>
      <c r="E1735">
        <f t="shared" si="27"/>
        <v>23.709586961782311</v>
      </c>
      <c r="F1735">
        <f>IF(C1735="CLAY", INDEX(D$4:D1735, MATCH("CLAY", C$4:C1735, 0)), "")</f>
        <v>0.75203252561341039</v>
      </c>
    </row>
    <row r="1736" spans="1:6" x14ac:dyDescent="0.2">
      <c r="A1736" s="239">
        <f>'CPT Data'!B1744</f>
        <v>17.318000000000001</v>
      </c>
      <c r="B1736" s="3">
        <f>'CPT Data'!C1744</f>
        <v>17.311</v>
      </c>
      <c r="C1736" t="str">
        <f>'CPT Data'!P1744</f>
        <v>CLAY</v>
      </c>
      <c r="D1736">
        <f>'CPT Data'!Q1744</f>
        <v>24.350966951421981</v>
      </c>
      <c r="E1736">
        <f t="shared" si="27"/>
        <v>23.64780909744016</v>
      </c>
      <c r="F1736">
        <f>IF(C1736="CLAY", INDEX(D$4:D1736, MATCH("CLAY", C$4:C1736, 0)), "")</f>
        <v>0.75203252561341039</v>
      </c>
    </row>
    <row r="1737" spans="1:6" x14ac:dyDescent="0.2">
      <c r="A1737" s="239">
        <f>'CPT Data'!B1745</f>
        <v>17.329000000000001</v>
      </c>
      <c r="B1737" s="3">
        <f>'CPT Data'!C1745</f>
        <v>17.321999999999999</v>
      </c>
      <c r="C1737" t="str">
        <f>'CPT Data'!P1745</f>
        <v>CLAY</v>
      </c>
      <c r="D1737">
        <f>'CPT Data'!Q1745</f>
        <v>24.462655675508547</v>
      </c>
      <c r="E1737">
        <f t="shared" si="27"/>
        <v>24.350966951421981</v>
      </c>
      <c r="F1737">
        <f>IF(C1737="CLAY", INDEX(D$4:D1737, MATCH("CLAY", C$4:C1737, 0)), "")</f>
        <v>0.75203252561341039</v>
      </c>
    </row>
    <row r="1738" spans="1:6" x14ac:dyDescent="0.2">
      <c r="A1738" s="239">
        <f>'CPT Data'!B1746</f>
        <v>17.338999999999999</v>
      </c>
      <c r="B1738" s="3">
        <f>'CPT Data'!C1746</f>
        <v>17.331999999999997</v>
      </c>
      <c r="C1738" t="str">
        <f>'CPT Data'!P1746</f>
        <v>CLAY</v>
      </c>
      <c r="D1738">
        <f>'CPT Data'!Q1746</f>
        <v>24.55824822849328</v>
      </c>
      <c r="E1738">
        <f t="shared" si="27"/>
        <v>24.462655675508547</v>
      </c>
      <c r="F1738">
        <f>IF(C1738="CLAY", INDEX(D$4:D1738, MATCH("CLAY", C$4:C1738, 0)), "")</f>
        <v>0.75203252561341039</v>
      </c>
    </row>
    <row r="1739" spans="1:6" x14ac:dyDescent="0.2">
      <c r="A1739" s="239">
        <f>'CPT Data'!B1747</f>
        <v>17.349</v>
      </c>
      <c r="B1739" s="3">
        <f>'CPT Data'!C1747</f>
        <v>17.341999999999999</v>
      </c>
      <c r="C1739" t="str">
        <f>'CPT Data'!P1747</f>
        <v>CLAY</v>
      </c>
      <c r="D1739">
        <f>'CPT Data'!Q1747</f>
        <v>24.450728478162358</v>
      </c>
      <c r="E1739">
        <f t="shared" si="27"/>
        <v>24.55824822849328</v>
      </c>
      <c r="F1739">
        <f>IF(C1739="CLAY", INDEX(D$4:D1739, MATCH("CLAY", C$4:C1739, 0)), "")</f>
        <v>0.75203252561341039</v>
      </c>
    </row>
    <row r="1740" spans="1:6" x14ac:dyDescent="0.2">
      <c r="A1740" s="239">
        <f>'CPT Data'!B1748</f>
        <v>17.358000000000001</v>
      </c>
      <c r="B1740" s="3">
        <f>'CPT Data'!C1748</f>
        <v>17.350999999999999</v>
      </c>
      <c r="C1740" t="str">
        <f>'CPT Data'!P1748</f>
        <v>CLAY</v>
      </c>
      <c r="D1740">
        <f>'CPT Data'!Q1748</f>
        <v>24.033870598075037</v>
      </c>
      <c r="E1740">
        <f t="shared" si="27"/>
        <v>24.450728478162358</v>
      </c>
      <c r="F1740">
        <f>IF(C1740="CLAY", INDEX(D$4:D1740, MATCH("CLAY", C$4:C1740, 0)), "")</f>
        <v>0.75203252561341039</v>
      </c>
    </row>
    <row r="1741" spans="1:6" x14ac:dyDescent="0.2">
      <c r="A1741" s="239">
        <f>'CPT Data'!B1749</f>
        <v>17.369</v>
      </c>
      <c r="B1741" s="3">
        <f>'CPT Data'!C1749</f>
        <v>17.361999999999998</v>
      </c>
      <c r="C1741" t="str">
        <f>'CPT Data'!P1749</f>
        <v>CLAY</v>
      </c>
      <c r="D1741">
        <f>'CPT Data'!Q1749</f>
        <v>23.723101640716866</v>
      </c>
      <c r="E1741">
        <f t="shared" si="27"/>
        <v>24.033870598075037</v>
      </c>
      <c r="F1741">
        <f>IF(C1741="CLAY", INDEX(D$4:D1741, MATCH("CLAY", C$4:C1741, 0)), "")</f>
        <v>0.75203252561341039</v>
      </c>
    </row>
    <row r="1742" spans="1:6" x14ac:dyDescent="0.2">
      <c r="A1742" s="239">
        <f>'CPT Data'!B1750</f>
        <v>17.378</v>
      </c>
      <c r="B1742" s="3">
        <f>'CPT Data'!C1750</f>
        <v>17.370999999999999</v>
      </c>
      <c r="C1742" t="str">
        <f>'CPT Data'!P1750</f>
        <v>CLAY</v>
      </c>
      <c r="D1742">
        <f>'CPT Data'!Q1750</f>
        <v>23.596070457714003</v>
      </c>
      <c r="E1742">
        <f t="shared" si="27"/>
        <v>23.723101640716866</v>
      </c>
      <c r="F1742">
        <f>IF(C1742="CLAY", INDEX(D$4:D1742, MATCH("CLAY", C$4:C1742, 0)), "")</f>
        <v>0.75203252561341039</v>
      </c>
    </row>
    <row r="1743" spans="1:6" x14ac:dyDescent="0.2">
      <c r="A1743" s="239">
        <f>'CPT Data'!B1751</f>
        <v>17.388999999999999</v>
      </c>
      <c r="B1743" s="3">
        <f>'CPT Data'!C1751</f>
        <v>17.381999999999998</v>
      </c>
      <c r="C1743" t="str">
        <f>'CPT Data'!P1751</f>
        <v>CLAY</v>
      </c>
      <c r="D1743">
        <f>'CPT Data'!Q1751</f>
        <v>23.613552261017063</v>
      </c>
      <c r="E1743">
        <f t="shared" si="27"/>
        <v>23.596070457714003</v>
      </c>
      <c r="F1743">
        <f>IF(C1743="CLAY", INDEX(D$4:D1743, MATCH("CLAY", C$4:C1743, 0)), "")</f>
        <v>0.75203252561341039</v>
      </c>
    </row>
    <row r="1744" spans="1:6" x14ac:dyDescent="0.2">
      <c r="A1744" s="239">
        <f>'CPT Data'!B1752</f>
        <v>17.399000000000001</v>
      </c>
      <c r="B1744" s="3">
        <f>'CPT Data'!C1752</f>
        <v>17.391999999999999</v>
      </c>
      <c r="C1744" t="str">
        <f>'CPT Data'!P1752</f>
        <v>CLAY</v>
      </c>
      <c r="D1744">
        <f>'CPT Data'!Q1752</f>
        <v>24.16025034097245</v>
      </c>
      <c r="E1744">
        <f t="shared" si="27"/>
        <v>23.613552261017063</v>
      </c>
      <c r="F1744">
        <f>IF(C1744="CLAY", INDEX(D$4:D1744, MATCH("CLAY", C$4:C1744, 0)), "")</f>
        <v>0.75203252561341039</v>
      </c>
    </row>
    <row r="1745" spans="1:6" x14ac:dyDescent="0.2">
      <c r="A1745" s="239">
        <f>'CPT Data'!B1753</f>
        <v>17.408999999999999</v>
      </c>
      <c r="B1745" s="3">
        <f>'CPT Data'!C1753</f>
        <v>17.401999999999997</v>
      </c>
      <c r="C1745" t="str">
        <f>'CPT Data'!P1753</f>
        <v>CLAY</v>
      </c>
      <c r="D1745">
        <f>'CPT Data'!Q1753</f>
        <v>24.166293946883595</v>
      </c>
      <c r="E1745">
        <f t="shared" si="27"/>
        <v>24.16025034097245</v>
      </c>
      <c r="F1745">
        <f>IF(C1745="CLAY", INDEX(D$4:D1745, MATCH("CLAY", C$4:C1745, 0)), "")</f>
        <v>0.75203252561341039</v>
      </c>
    </row>
    <row r="1746" spans="1:6" x14ac:dyDescent="0.2">
      <c r="A1746" s="239">
        <f>'CPT Data'!B1754</f>
        <v>17.417999999999999</v>
      </c>
      <c r="B1746" s="3">
        <f>'CPT Data'!C1754</f>
        <v>17.410999999999998</v>
      </c>
      <c r="C1746" t="str">
        <f>'CPT Data'!P1754</f>
        <v>CLAY</v>
      </c>
      <c r="D1746">
        <f>'CPT Data'!Q1754</f>
        <v>23.753950394230529</v>
      </c>
      <c r="E1746">
        <f t="shared" si="27"/>
        <v>24.166293946883595</v>
      </c>
      <c r="F1746">
        <f>IF(C1746="CLAY", INDEX(D$4:D1746, MATCH("CLAY", C$4:C1746, 0)), "")</f>
        <v>0.75203252561341039</v>
      </c>
    </row>
    <row r="1747" spans="1:6" x14ac:dyDescent="0.2">
      <c r="A1747" s="239">
        <f>'CPT Data'!B1755</f>
        <v>17.428000000000001</v>
      </c>
      <c r="B1747" s="3">
        <f>'CPT Data'!C1755</f>
        <v>17.420999999999999</v>
      </c>
      <c r="C1747" t="str">
        <f>'CPT Data'!P1755</f>
        <v>CLAY</v>
      </c>
      <c r="D1747">
        <f>'CPT Data'!Q1755</f>
        <v>23.597158778950085</v>
      </c>
      <c r="E1747">
        <f t="shared" si="27"/>
        <v>23.753950394230529</v>
      </c>
      <c r="F1747">
        <f>IF(C1747="CLAY", INDEX(D$4:D1747, MATCH("CLAY", C$4:C1747, 0)), "")</f>
        <v>0.75203252561341039</v>
      </c>
    </row>
    <row r="1748" spans="1:6" x14ac:dyDescent="0.2">
      <c r="A1748" s="239">
        <f>'CPT Data'!B1756</f>
        <v>17.439</v>
      </c>
      <c r="B1748" s="3">
        <f>'CPT Data'!C1756</f>
        <v>17.431999999999999</v>
      </c>
      <c r="C1748" t="str">
        <f>'CPT Data'!P1756</f>
        <v>CLAY</v>
      </c>
      <c r="D1748">
        <f>'CPT Data'!Q1756</f>
        <v>23.579583604761414</v>
      </c>
      <c r="E1748">
        <f t="shared" si="27"/>
        <v>23.597158778950085</v>
      </c>
      <c r="F1748">
        <f>IF(C1748="CLAY", INDEX(D$4:D1748, MATCH("CLAY", C$4:C1748, 0)), "")</f>
        <v>0.75203252561341039</v>
      </c>
    </row>
    <row r="1749" spans="1:6" x14ac:dyDescent="0.2">
      <c r="A1749" s="239">
        <f>'CPT Data'!B1757</f>
        <v>17.448</v>
      </c>
      <c r="B1749" s="3">
        <f>'CPT Data'!C1757</f>
        <v>17.440999999999999</v>
      </c>
      <c r="C1749" t="str">
        <f>'CPT Data'!P1757</f>
        <v>CLAY</v>
      </c>
      <c r="D1749">
        <f>'CPT Data'!Q1757</f>
        <v>23.984311396198294</v>
      </c>
      <c r="E1749">
        <f t="shared" si="27"/>
        <v>23.579583604761414</v>
      </c>
      <c r="F1749">
        <f>IF(C1749="CLAY", INDEX(D$4:D1749, MATCH("CLAY", C$4:C1749, 0)), "")</f>
        <v>0.75203252561341039</v>
      </c>
    </row>
    <row r="1750" spans="1:6" x14ac:dyDescent="0.2">
      <c r="A1750" s="239">
        <f>'CPT Data'!B1758</f>
        <v>17.457999999999998</v>
      </c>
      <c r="B1750" s="3">
        <f>'CPT Data'!C1758</f>
        <v>17.450999999999997</v>
      </c>
      <c r="C1750" t="str">
        <f>'CPT Data'!P1758</f>
        <v>CLAY</v>
      </c>
      <c r="D1750">
        <f>'CPT Data'!Q1758</f>
        <v>24.298850608444866</v>
      </c>
      <c r="E1750">
        <f t="shared" si="27"/>
        <v>23.984311396198294</v>
      </c>
      <c r="F1750">
        <f>IF(C1750="CLAY", INDEX(D$4:D1750, MATCH("CLAY", C$4:C1750, 0)), "")</f>
        <v>0.75203252561341039</v>
      </c>
    </row>
    <row r="1751" spans="1:6" x14ac:dyDescent="0.2">
      <c r="A1751" s="239">
        <f>'CPT Data'!B1759</f>
        <v>17.468</v>
      </c>
      <c r="B1751" s="3">
        <f>'CPT Data'!C1759</f>
        <v>17.460999999999999</v>
      </c>
      <c r="C1751" t="str">
        <f>'CPT Data'!P1759</f>
        <v>CLAY</v>
      </c>
      <c r="D1751">
        <f>'CPT Data'!Q1759</f>
        <v>24.59070239026536</v>
      </c>
      <c r="E1751">
        <f t="shared" si="27"/>
        <v>24.298850608444866</v>
      </c>
      <c r="F1751">
        <f>IF(C1751="CLAY", INDEX(D$4:D1751, MATCH("CLAY", C$4:C1751, 0)), "")</f>
        <v>0.75203252561341039</v>
      </c>
    </row>
    <row r="1752" spans="1:6" x14ac:dyDescent="0.2">
      <c r="A1752" s="239">
        <f>'CPT Data'!B1760</f>
        <v>17.478000000000002</v>
      </c>
      <c r="B1752" s="3">
        <f>'CPT Data'!C1760</f>
        <v>17.471</v>
      </c>
      <c r="C1752" t="str">
        <f>'CPT Data'!P1760</f>
        <v>CLAY</v>
      </c>
      <c r="D1752">
        <f>'CPT Data'!Q1760</f>
        <v>24.579755795356267</v>
      </c>
      <c r="E1752">
        <f t="shared" si="27"/>
        <v>24.59070239026536</v>
      </c>
      <c r="F1752">
        <f>IF(C1752="CLAY", INDEX(D$4:D1752, MATCH("CLAY", C$4:C1752, 0)), "")</f>
        <v>0.75203252561341039</v>
      </c>
    </row>
    <row r="1753" spans="1:6" x14ac:dyDescent="0.2">
      <c r="A1753" s="239">
        <f>'CPT Data'!B1761</f>
        <v>17.488</v>
      </c>
      <c r="B1753" s="3">
        <f>'CPT Data'!C1761</f>
        <v>17.480999999999998</v>
      </c>
      <c r="C1753" t="str">
        <f>'CPT Data'!P1761</f>
        <v>CLAY</v>
      </c>
      <c r="D1753">
        <f>'CPT Data'!Q1761</f>
        <v>24.620992751002216</v>
      </c>
      <c r="E1753">
        <f t="shared" si="27"/>
        <v>24.579755795356267</v>
      </c>
      <c r="F1753">
        <f>IF(C1753="CLAY", INDEX(D$4:D1753, MATCH("CLAY", C$4:C1753, 0)), "")</f>
        <v>0.75203252561341039</v>
      </c>
    </row>
    <row r="1754" spans="1:6" x14ac:dyDescent="0.2">
      <c r="A1754" s="239">
        <f>'CPT Data'!B1762</f>
        <v>17.498999999999999</v>
      </c>
      <c r="B1754" s="3">
        <f>'CPT Data'!C1762</f>
        <v>17.491999999999997</v>
      </c>
      <c r="C1754" t="str">
        <f>'CPT Data'!P1762</f>
        <v>CLAY</v>
      </c>
      <c r="D1754">
        <f>'CPT Data'!Q1762</f>
        <v>24.573644594843987</v>
      </c>
      <c r="E1754">
        <f t="shared" si="27"/>
        <v>24.620992751002216</v>
      </c>
      <c r="F1754">
        <f>IF(C1754="CLAY", INDEX(D$4:D1754, MATCH("CLAY", C$4:C1754, 0)), "")</f>
        <v>0.75203252561341039</v>
      </c>
    </row>
    <row r="1755" spans="1:6" x14ac:dyDescent="0.2">
      <c r="A1755" s="239">
        <f>'CPT Data'!B1763</f>
        <v>17.509</v>
      </c>
      <c r="B1755" s="3">
        <f>'CPT Data'!C1763</f>
        <v>17.501999999999999</v>
      </c>
      <c r="C1755" t="str">
        <f>'CPT Data'!P1763</f>
        <v>CLAY</v>
      </c>
      <c r="D1755">
        <f>'CPT Data'!Q1763</f>
        <v>24.443602047431757</v>
      </c>
      <c r="E1755">
        <f t="shared" ref="E1755:E1818" si="28">IF(C1755="SAND",#N/A,IF(C1755=C1754,D1754,IF(C1755="CLAY",D1755,#N/A)))</f>
        <v>24.573644594843987</v>
      </c>
      <c r="F1755">
        <f>IF(C1755="CLAY", INDEX(D$4:D1755, MATCH("CLAY", C$4:C1755, 0)), "")</f>
        <v>0.75203252561341039</v>
      </c>
    </row>
    <row r="1756" spans="1:6" x14ac:dyDescent="0.2">
      <c r="A1756" s="239">
        <f>'CPT Data'!B1764</f>
        <v>17.518000000000001</v>
      </c>
      <c r="B1756" s="3">
        <f>'CPT Data'!C1764</f>
        <v>17.510999999999999</v>
      </c>
      <c r="C1756" t="str">
        <f>'CPT Data'!P1764</f>
        <v>CLAY</v>
      </c>
      <c r="D1756">
        <f>'CPT Data'!Q1764</f>
        <v>24.655769561471246</v>
      </c>
      <c r="E1756">
        <f t="shared" si="28"/>
        <v>24.443602047431757</v>
      </c>
      <c r="F1756">
        <f>IF(C1756="CLAY", INDEX(D$4:D1756, MATCH("CLAY", C$4:C1756, 0)), "")</f>
        <v>0.75203252561341039</v>
      </c>
    </row>
    <row r="1757" spans="1:6" x14ac:dyDescent="0.2">
      <c r="A1757" s="239">
        <f>'CPT Data'!B1765</f>
        <v>17.527999999999999</v>
      </c>
      <c r="B1757" s="3">
        <f>'CPT Data'!C1765</f>
        <v>17.520999999999997</v>
      </c>
      <c r="C1757" t="str">
        <f>'CPT Data'!P1765</f>
        <v>CLAY</v>
      </c>
      <c r="D1757">
        <f>'CPT Data'!Q1765</f>
        <v>24.731052409921148</v>
      </c>
      <c r="E1757">
        <f t="shared" si="28"/>
        <v>24.655769561471246</v>
      </c>
      <c r="F1757">
        <f>IF(C1757="CLAY", INDEX(D$4:D1757, MATCH("CLAY", C$4:C1757, 0)), "")</f>
        <v>0.75203252561341039</v>
      </c>
    </row>
    <row r="1758" spans="1:6" x14ac:dyDescent="0.2">
      <c r="A1758" s="239">
        <f>'CPT Data'!B1766</f>
        <v>17.539000000000001</v>
      </c>
      <c r="B1758" s="3">
        <f>'CPT Data'!C1766</f>
        <v>17.532</v>
      </c>
      <c r="C1758" t="str">
        <f>'CPT Data'!P1766</f>
        <v>CLAY</v>
      </c>
      <c r="D1758">
        <f>'CPT Data'!Q1766</f>
        <v>24.025662114185881</v>
      </c>
      <c r="E1758">
        <f t="shared" si="28"/>
        <v>24.731052409921148</v>
      </c>
      <c r="F1758">
        <f>IF(C1758="CLAY", INDEX(D$4:D1758, MATCH("CLAY", C$4:C1758, 0)), "")</f>
        <v>0.75203252561341039</v>
      </c>
    </row>
    <row r="1759" spans="1:6" x14ac:dyDescent="0.2">
      <c r="A1759" s="239">
        <f>'CPT Data'!B1767</f>
        <v>17.547999999999998</v>
      </c>
      <c r="B1759" s="3">
        <f>'CPT Data'!C1767</f>
        <v>17.540999999999997</v>
      </c>
      <c r="C1759" t="str">
        <f>'CPT Data'!P1767</f>
        <v>CLAY</v>
      </c>
      <c r="D1759">
        <f>'CPT Data'!Q1767</f>
        <v>23.920755022895051</v>
      </c>
      <c r="E1759">
        <f t="shared" si="28"/>
        <v>24.025662114185881</v>
      </c>
      <c r="F1759">
        <f>IF(C1759="CLAY", INDEX(D$4:D1759, MATCH("CLAY", C$4:C1759, 0)), "")</f>
        <v>0.75203252561341039</v>
      </c>
    </row>
    <row r="1760" spans="1:6" x14ac:dyDescent="0.2">
      <c r="A1760" s="239">
        <f>'CPT Data'!B1768</f>
        <v>17.556999999999999</v>
      </c>
      <c r="B1760" s="3">
        <f>'CPT Data'!C1768</f>
        <v>17.549999999999997</v>
      </c>
      <c r="C1760" t="str">
        <f>'CPT Data'!P1768</f>
        <v>CLAY</v>
      </c>
      <c r="D1760">
        <f>'CPT Data'!Q1768</f>
        <v>23.847287589583384</v>
      </c>
      <c r="E1760">
        <f t="shared" si="28"/>
        <v>23.920755022895051</v>
      </c>
      <c r="F1760">
        <f>IF(C1760="CLAY", INDEX(D$4:D1760, MATCH("CLAY", C$4:C1760, 0)), "")</f>
        <v>0.75203252561341039</v>
      </c>
    </row>
    <row r="1761" spans="1:6" x14ac:dyDescent="0.2">
      <c r="A1761" s="239">
        <f>'CPT Data'!B1769</f>
        <v>17.567</v>
      </c>
      <c r="B1761" s="3">
        <f>'CPT Data'!C1769</f>
        <v>17.559999999999999</v>
      </c>
      <c r="C1761" t="str">
        <f>'CPT Data'!P1769</f>
        <v>CLAY</v>
      </c>
      <c r="D1761">
        <f>'CPT Data'!Q1769</f>
        <v>23.688704237933155</v>
      </c>
      <c r="E1761">
        <f t="shared" si="28"/>
        <v>23.847287589583384</v>
      </c>
      <c r="F1761">
        <f>IF(C1761="CLAY", INDEX(D$4:D1761, MATCH("CLAY", C$4:C1761, 0)), "")</f>
        <v>0.75203252561341039</v>
      </c>
    </row>
    <row r="1762" spans="1:6" x14ac:dyDescent="0.2">
      <c r="A1762" s="239">
        <f>'CPT Data'!B1770</f>
        <v>17.577999999999999</v>
      </c>
      <c r="B1762" s="3">
        <f>'CPT Data'!C1770</f>
        <v>17.570999999999998</v>
      </c>
      <c r="C1762" t="str">
        <f>'CPT Data'!P1770</f>
        <v>CLAY</v>
      </c>
      <c r="D1762">
        <f>'CPT Data'!Q1770</f>
        <v>23.687001630574301</v>
      </c>
      <c r="E1762">
        <f t="shared" si="28"/>
        <v>23.688704237933155</v>
      </c>
      <c r="F1762">
        <f>IF(C1762="CLAY", INDEX(D$4:D1762, MATCH("CLAY", C$4:C1762, 0)), "")</f>
        <v>0.75203252561341039</v>
      </c>
    </row>
    <row r="1763" spans="1:6" x14ac:dyDescent="0.2">
      <c r="A1763" s="239">
        <f>'CPT Data'!B1771</f>
        <v>17.587</v>
      </c>
      <c r="B1763" s="3">
        <f>'CPT Data'!C1771</f>
        <v>17.579999999999998</v>
      </c>
      <c r="C1763" t="str">
        <f>'CPT Data'!P1771</f>
        <v>CLAY</v>
      </c>
      <c r="D1763">
        <f>'CPT Data'!Q1771</f>
        <v>23.561606132036303</v>
      </c>
      <c r="E1763">
        <f t="shared" si="28"/>
        <v>23.687001630574301</v>
      </c>
      <c r="F1763">
        <f>IF(C1763="CLAY", INDEX(D$4:D1763, MATCH("CLAY", C$4:C1763, 0)), "")</f>
        <v>0.75203252561341039</v>
      </c>
    </row>
    <row r="1764" spans="1:6" x14ac:dyDescent="0.2">
      <c r="A1764" s="239">
        <f>'CPT Data'!B1772</f>
        <v>17.597000000000001</v>
      </c>
      <c r="B1764" s="3">
        <f>'CPT Data'!C1772</f>
        <v>17.59</v>
      </c>
      <c r="C1764" t="str">
        <f>'CPT Data'!P1772</f>
        <v>CLAY</v>
      </c>
      <c r="D1764">
        <f>'CPT Data'!Q1772</f>
        <v>23.53202710894611</v>
      </c>
      <c r="E1764">
        <f t="shared" si="28"/>
        <v>23.561606132036303</v>
      </c>
      <c r="F1764">
        <f>IF(C1764="CLAY", INDEX(D$4:D1764, MATCH("CLAY", C$4:C1764, 0)), "")</f>
        <v>0.75203252561341039</v>
      </c>
    </row>
    <row r="1765" spans="1:6" x14ac:dyDescent="0.2">
      <c r="A1765" s="239">
        <f>'CPT Data'!B1773</f>
        <v>17.608000000000001</v>
      </c>
      <c r="B1765" s="3">
        <f>'CPT Data'!C1773</f>
        <v>17.600999999999999</v>
      </c>
      <c r="C1765" t="str">
        <f>'CPT Data'!P1773</f>
        <v>CLAY</v>
      </c>
      <c r="D1765">
        <f>'CPT Data'!Q1773</f>
        <v>23.767823750263315</v>
      </c>
      <c r="E1765">
        <f t="shared" si="28"/>
        <v>23.53202710894611</v>
      </c>
      <c r="F1765">
        <f>IF(C1765="CLAY", INDEX(D$4:D1765, MATCH("CLAY", C$4:C1765, 0)), "")</f>
        <v>0.75203252561341039</v>
      </c>
    </row>
    <row r="1766" spans="1:6" x14ac:dyDescent="0.2">
      <c r="A1766" s="239">
        <f>'CPT Data'!B1774</f>
        <v>17.617000000000001</v>
      </c>
      <c r="B1766" s="3">
        <f>'CPT Data'!C1774</f>
        <v>17.61</v>
      </c>
      <c r="C1766" t="str">
        <f>'CPT Data'!P1774</f>
        <v>CLAY</v>
      </c>
      <c r="D1766">
        <f>'CPT Data'!Q1774</f>
        <v>23.907151301156286</v>
      </c>
      <c r="E1766">
        <f t="shared" si="28"/>
        <v>23.767823750263315</v>
      </c>
      <c r="F1766">
        <f>IF(C1766="CLAY", INDEX(D$4:D1766, MATCH("CLAY", C$4:C1766, 0)), "")</f>
        <v>0.75203252561341039</v>
      </c>
    </row>
    <row r="1767" spans="1:6" x14ac:dyDescent="0.2">
      <c r="A1767" s="239">
        <f>'CPT Data'!B1775</f>
        <v>17.626000000000001</v>
      </c>
      <c r="B1767" s="3">
        <f>'CPT Data'!C1775</f>
        <v>17.619</v>
      </c>
      <c r="C1767" t="str">
        <f>'CPT Data'!P1775</f>
        <v>CLAY</v>
      </c>
      <c r="D1767">
        <f>'CPT Data'!Q1775</f>
        <v>23.957895678905356</v>
      </c>
      <c r="E1767">
        <f t="shared" si="28"/>
        <v>23.907151301156286</v>
      </c>
      <c r="F1767">
        <f>IF(C1767="CLAY", INDEX(D$4:D1767, MATCH("CLAY", C$4:C1767, 0)), "")</f>
        <v>0.75203252561341039</v>
      </c>
    </row>
    <row r="1768" spans="1:6" x14ac:dyDescent="0.2">
      <c r="A1768" s="239">
        <f>'CPT Data'!B1776</f>
        <v>17.637</v>
      </c>
      <c r="B1768" s="3">
        <f>'CPT Data'!C1776</f>
        <v>17.63</v>
      </c>
      <c r="C1768" t="str">
        <f>'CPT Data'!P1776</f>
        <v>CLAY</v>
      </c>
      <c r="D1768">
        <f>'CPT Data'!Q1776</f>
        <v>23.754127990970659</v>
      </c>
      <c r="E1768">
        <f t="shared" si="28"/>
        <v>23.957895678905356</v>
      </c>
      <c r="F1768">
        <f>IF(C1768="CLAY", INDEX(D$4:D1768, MATCH("CLAY", C$4:C1768, 0)), "")</f>
        <v>0.75203252561341039</v>
      </c>
    </row>
    <row r="1769" spans="1:6" x14ac:dyDescent="0.2">
      <c r="A1769" s="239">
        <f>'CPT Data'!B1777</f>
        <v>17.646000000000001</v>
      </c>
      <c r="B1769" s="3">
        <f>'CPT Data'!C1777</f>
        <v>17.638999999999999</v>
      </c>
      <c r="C1769" t="str">
        <f>'CPT Data'!P1777</f>
        <v>CLAY</v>
      </c>
      <c r="D1769">
        <f>'CPT Data'!Q1777</f>
        <v>23.447452976822827</v>
      </c>
      <c r="E1769">
        <f t="shared" si="28"/>
        <v>23.754127990970659</v>
      </c>
      <c r="F1769">
        <f>IF(C1769="CLAY", INDEX(D$4:D1769, MATCH("CLAY", C$4:C1769, 0)), "")</f>
        <v>0.75203252561341039</v>
      </c>
    </row>
    <row r="1770" spans="1:6" x14ac:dyDescent="0.2">
      <c r="A1770" s="239">
        <f>'CPT Data'!B1778</f>
        <v>17.657</v>
      </c>
      <c r="B1770" s="3">
        <f>'CPT Data'!C1778</f>
        <v>17.649999999999999</v>
      </c>
      <c r="C1770" t="str">
        <f>'CPT Data'!P1778</f>
        <v>CLAY</v>
      </c>
      <c r="D1770">
        <f>'CPT Data'!Q1778</f>
        <v>23.510371333298853</v>
      </c>
      <c r="E1770">
        <f t="shared" si="28"/>
        <v>23.447452976822827</v>
      </c>
      <c r="F1770">
        <f>IF(C1770="CLAY", INDEX(D$4:D1770, MATCH("CLAY", C$4:C1770, 0)), "")</f>
        <v>0.75203252561341039</v>
      </c>
    </row>
    <row r="1771" spans="1:6" x14ac:dyDescent="0.2">
      <c r="A1771" s="239">
        <f>'CPT Data'!B1779</f>
        <v>17.666</v>
      </c>
      <c r="B1771" s="3">
        <f>'CPT Data'!C1779</f>
        <v>17.658999999999999</v>
      </c>
      <c r="C1771" t="str">
        <f>'CPT Data'!P1779</f>
        <v>CLAY</v>
      </c>
      <c r="D1771">
        <f>'CPT Data'!Q1779</f>
        <v>23.623606038058824</v>
      </c>
      <c r="E1771">
        <f t="shared" si="28"/>
        <v>23.510371333298853</v>
      </c>
      <c r="F1771">
        <f>IF(C1771="CLAY", INDEX(D$4:D1771, MATCH("CLAY", C$4:C1771, 0)), "")</f>
        <v>0.75203252561341039</v>
      </c>
    </row>
    <row r="1772" spans="1:6" x14ac:dyDescent="0.2">
      <c r="A1772" s="239">
        <f>'CPT Data'!B1780</f>
        <v>17.677</v>
      </c>
      <c r="B1772" s="3">
        <f>'CPT Data'!C1780</f>
        <v>17.669999999999998</v>
      </c>
      <c r="C1772" t="str">
        <f>'CPT Data'!P1780</f>
        <v>CLAY</v>
      </c>
      <c r="D1772">
        <f>'CPT Data'!Q1780</f>
        <v>23.838031550412321</v>
      </c>
      <c r="E1772">
        <f t="shared" si="28"/>
        <v>23.623606038058824</v>
      </c>
      <c r="F1772">
        <f>IF(C1772="CLAY", INDEX(D$4:D1772, MATCH("CLAY", C$4:C1772, 0)), "")</f>
        <v>0.75203252561341039</v>
      </c>
    </row>
    <row r="1773" spans="1:6" x14ac:dyDescent="0.2">
      <c r="A1773" s="239">
        <f>'CPT Data'!B1781</f>
        <v>17.687000000000001</v>
      </c>
      <c r="B1773" s="3">
        <f>'CPT Data'!C1781</f>
        <v>17.68</v>
      </c>
      <c r="C1773" t="str">
        <f>'CPT Data'!P1781</f>
        <v>CLAY</v>
      </c>
      <c r="D1773">
        <f>'CPT Data'!Q1781</f>
        <v>24.045727443561848</v>
      </c>
      <c r="E1773">
        <f t="shared" si="28"/>
        <v>23.838031550412321</v>
      </c>
      <c r="F1773">
        <f>IF(C1773="CLAY", INDEX(D$4:D1773, MATCH("CLAY", C$4:C1773, 0)), "")</f>
        <v>0.75203252561341039</v>
      </c>
    </row>
    <row r="1774" spans="1:6" x14ac:dyDescent="0.2">
      <c r="A1774" s="239">
        <f>'CPT Data'!B1782</f>
        <v>17.696999999999999</v>
      </c>
      <c r="B1774" s="3">
        <f>'CPT Data'!C1782</f>
        <v>17.689999999999998</v>
      </c>
      <c r="C1774" t="str">
        <f>'CPT Data'!P1782</f>
        <v>CLAY</v>
      </c>
      <c r="D1774">
        <f>'CPT Data'!Q1782</f>
        <v>23.800150166219709</v>
      </c>
      <c r="E1774">
        <f t="shared" si="28"/>
        <v>24.045727443561848</v>
      </c>
      <c r="F1774">
        <f>IF(C1774="CLAY", INDEX(D$4:D1774, MATCH("CLAY", C$4:C1774, 0)), "")</f>
        <v>0.75203252561341039</v>
      </c>
    </row>
    <row r="1775" spans="1:6" x14ac:dyDescent="0.2">
      <c r="A1775" s="239">
        <f>'CPT Data'!B1783</f>
        <v>17.707000000000001</v>
      </c>
      <c r="B1775" s="3">
        <f>'CPT Data'!C1783</f>
        <v>17.7</v>
      </c>
      <c r="C1775" t="str">
        <f>'CPT Data'!P1783</f>
        <v>CLAY</v>
      </c>
      <c r="D1775">
        <f>'CPT Data'!Q1783</f>
        <v>23.436367124919844</v>
      </c>
      <c r="E1775">
        <f t="shared" si="28"/>
        <v>23.800150166219709</v>
      </c>
      <c r="F1775">
        <f>IF(C1775="CLAY", INDEX(D$4:D1775, MATCH("CLAY", C$4:C1775, 0)), "")</f>
        <v>0.75203252561341039</v>
      </c>
    </row>
    <row r="1776" spans="1:6" x14ac:dyDescent="0.2">
      <c r="A1776" s="239">
        <f>'CPT Data'!B1784</f>
        <v>17.718</v>
      </c>
      <c r="B1776" s="3">
        <f>'CPT Data'!C1784</f>
        <v>17.710999999999999</v>
      </c>
      <c r="C1776" t="str">
        <f>'CPT Data'!P1784</f>
        <v>CLAY</v>
      </c>
      <c r="D1776">
        <f>'CPT Data'!Q1784</f>
        <v>23.26224004143025</v>
      </c>
      <c r="E1776">
        <f t="shared" si="28"/>
        <v>23.436367124919844</v>
      </c>
      <c r="F1776">
        <f>IF(C1776="CLAY", INDEX(D$4:D1776, MATCH("CLAY", C$4:C1776, 0)), "")</f>
        <v>0.75203252561341039</v>
      </c>
    </row>
    <row r="1777" spans="1:6" x14ac:dyDescent="0.2">
      <c r="A1777" s="239">
        <f>'CPT Data'!B1785</f>
        <v>17.727</v>
      </c>
      <c r="B1777" s="3">
        <f>'CPT Data'!C1785</f>
        <v>17.72</v>
      </c>
      <c r="C1777" t="str">
        <f>'CPT Data'!P1785</f>
        <v>CLAY</v>
      </c>
      <c r="D1777">
        <f>'CPT Data'!Q1785</f>
        <v>23.408428814642637</v>
      </c>
      <c r="E1777">
        <f t="shared" si="28"/>
        <v>23.26224004143025</v>
      </c>
      <c r="F1777">
        <f>IF(C1777="CLAY", INDEX(D$4:D1777, MATCH("CLAY", C$4:C1777, 0)), "")</f>
        <v>0.75203252561341039</v>
      </c>
    </row>
    <row r="1778" spans="1:6" x14ac:dyDescent="0.2">
      <c r="A1778" s="239">
        <f>'CPT Data'!B1786</f>
        <v>17.736999999999998</v>
      </c>
      <c r="B1778" s="3">
        <f>'CPT Data'!C1786</f>
        <v>17.729999999999997</v>
      </c>
      <c r="C1778" t="str">
        <f>'CPT Data'!P1786</f>
        <v>CLAY</v>
      </c>
      <c r="D1778">
        <f>'CPT Data'!Q1786</f>
        <v>23.604455645015772</v>
      </c>
      <c r="E1778">
        <f t="shared" si="28"/>
        <v>23.408428814642637</v>
      </c>
      <c r="F1778">
        <f>IF(C1778="CLAY", INDEX(D$4:D1778, MATCH("CLAY", C$4:C1778, 0)), "")</f>
        <v>0.75203252561341039</v>
      </c>
    </row>
    <row r="1779" spans="1:6" x14ac:dyDescent="0.2">
      <c r="A1779" s="239">
        <f>'CPT Data'!B1787</f>
        <v>17.747</v>
      </c>
      <c r="B1779" s="3">
        <f>'CPT Data'!C1787</f>
        <v>17.739999999999998</v>
      </c>
      <c r="C1779" t="str">
        <f>'CPT Data'!P1787</f>
        <v>CLAY</v>
      </c>
      <c r="D1779">
        <f>'CPT Data'!Q1787</f>
        <v>23.747703342888769</v>
      </c>
      <c r="E1779">
        <f t="shared" si="28"/>
        <v>23.604455645015772</v>
      </c>
      <c r="F1779">
        <f>IF(C1779="CLAY", INDEX(D$4:D1779, MATCH("CLAY", C$4:C1779, 0)), "")</f>
        <v>0.75203252561341039</v>
      </c>
    </row>
    <row r="1780" spans="1:6" x14ac:dyDescent="0.2">
      <c r="A1780" s="239">
        <f>'CPT Data'!B1788</f>
        <v>17.757000000000001</v>
      </c>
      <c r="B1780" s="3">
        <f>'CPT Data'!C1788</f>
        <v>17.75</v>
      </c>
      <c r="C1780" t="str">
        <f>'CPT Data'!P1788</f>
        <v>CLAY</v>
      </c>
      <c r="D1780">
        <f>'CPT Data'!Q1788</f>
        <v>23.846506685015072</v>
      </c>
      <c r="E1780">
        <f t="shared" si="28"/>
        <v>23.747703342888769</v>
      </c>
      <c r="F1780">
        <f>IF(C1780="CLAY", INDEX(D$4:D1780, MATCH("CLAY", C$4:C1780, 0)), "")</f>
        <v>0.75203252561341039</v>
      </c>
    </row>
    <row r="1781" spans="1:6" x14ac:dyDescent="0.2">
      <c r="A1781" s="239">
        <f>'CPT Data'!B1789</f>
        <v>17.765999999999998</v>
      </c>
      <c r="B1781" s="3">
        <f>'CPT Data'!C1789</f>
        <v>17.758999999999997</v>
      </c>
      <c r="C1781" t="str">
        <f>'CPT Data'!P1789</f>
        <v>CLAY</v>
      </c>
      <c r="D1781">
        <f>'CPT Data'!Q1789</f>
        <v>23.686378462402541</v>
      </c>
      <c r="E1781">
        <f t="shared" si="28"/>
        <v>23.846506685015072</v>
      </c>
      <c r="F1781">
        <f>IF(C1781="CLAY", INDEX(D$4:D1781, MATCH("CLAY", C$4:C1781, 0)), "")</f>
        <v>0.75203252561341039</v>
      </c>
    </row>
    <row r="1782" spans="1:6" x14ac:dyDescent="0.2">
      <c r="A1782" s="239">
        <f>'CPT Data'!B1790</f>
        <v>17.777000000000001</v>
      </c>
      <c r="B1782" s="3">
        <f>'CPT Data'!C1790</f>
        <v>17.77</v>
      </c>
      <c r="C1782" t="str">
        <f>'CPT Data'!P1790</f>
        <v>CLAY</v>
      </c>
      <c r="D1782">
        <f>'CPT Data'!Q1790</f>
        <v>23.627469203732925</v>
      </c>
      <c r="E1782">
        <f t="shared" si="28"/>
        <v>23.686378462402541</v>
      </c>
      <c r="F1782">
        <f>IF(C1782="CLAY", INDEX(D$4:D1782, MATCH("CLAY", C$4:C1782, 0)), "")</f>
        <v>0.75203252561341039</v>
      </c>
    </row>
    <row r="1783" spans="1:6" x14ac:dyDescent="0.2">
      <c r="A1783" s="239">
        <f>'CPT Data'!B1791</f>
        <v>17.786999999999999</v>
      </c>
      <c r="B1783" s="3">
        <f>'CPT Data'!C1791</f>
        <v>17.779999999999998</v>
      </c>
      <c r="C1783" t="str">
        <f>'CPT Data'!P1791</f>
        <v>CLAY</v>
      </c>
      <c r="D1783">
        <f>'CPT Data'!Q1791</f>
        <v>23.589622144205538</v>
      </c>
      <c r="E1783">
        <f t="shared" si="28"/>
        <v>23.627469203732925</v>
      </c>
      <c r="F1783">
        <f>IF(C1783="CLAY", INDEX(D$4:D1783, MATCH("CLAY", C$4:C1783, 0)), "")</f>
        <v>0.75203252561341039</v>
      </c>
    </row>
    <row r="1784" spans="1:6" x14ac:dyDescent="0.2">
      <c r="A1784" s="239">
        <f>'CPT Data'!B1792</f>
        <v>17.795999999999999</v>
      </c>
      <c r="B1784" s="3">
        <f>'CPT Data'!C1792</f>
        <v>17.788999999999998</v>
      </c>
      <c r="C1784" t="str">
        <f>'CPT Data'!P1792</f>
        <v>CLAY</v>
      </c>
      <c r="D1784">
        <f>'CPT Data'!Q1792</f>
        <v>23.2897389557906</v>
      </c>
      <c r="E1784">
        <f t="shared" si="28"/>
        <v>23.589622144205538</v>
      </c>
      <c r="F1784">
        <f>IF(C1784="CLAY", INDEX(D$4:D1784, MATCH("CLAY", C$4:C1784, 0)), "")</f>
        <v>0.75203252561341039</v>
      </c>
    </row>
    <row r="1785" spans="1:6" x14ac:dyDescent="0.2">
      <c r="A1785" s="239">
        <f>'CPT Data'!B1793</f>
        <v>17.806999999999999</v>
      </c>
      <c r="B1785" s="3">
        <f>'CPT Data'!C1793</f>
        <v>17.799999999999997</v>
      </c>
      <c r="C1785" t="str">
        <f>'CPT Data'!P1793</f>
        <v>CLAY</v>
      </c>
      <c r="D1785">
        <f>'CPT Data'!Q1793</f>
        <v>23.194812495514253</v>
      </c>
      <c r="E1785">
        <f t="shared" si="28"/>
        <v>23.2897389557906</v>
      </c>
      <c r="F1785">
        <f>IF(C1785="CLAY", INDEX(D$4:D1785, MATCH("CLAY", C$4:C1785, 0)), "")</f>
        <v>0.75203252561341039</v>
      </c>
    </row>
    <row r="1786" spans="1:6" x14ac:dyDescent="0.2">
      <c r="A1786" s="239">
        <f>'CPT Data'!B1794</f>
        <v>17.817</v>
      </c>
      <c r="B1786" s="3">
        <f>'CPT Data'!C1794</f>
        <v>17.809999999999999</v>
      </c>
      <c r="C1786" t="str">
        <f>'CPT Data'!P1794</f>
        <v>CLAY</v>
      </c>
      <c r="D1786">
        <f>'CPT Data'!Q1794</f>
        <v>22.878842095350521</v>
      </c>
      <c r="E1786">
        <f t="shared" si="28"/>
        <v>23.194812495514253</v>
      </c>
      <c r="F1786">
        <f>IF(C1786="CLAY", INDEX(D$4:D1786, MATCH("CLAY", C$4:C1786, 0)), "")</f>
        <v>0.75203252561341039</v>
      </c>
    </row>
    <row r="1787" spans="1:6" x14ac:dyDescent="0.2">
      <c r="A1787" s="239">
        <f>'CPT Data'!B1795</f>
        <v>17.826000000000001</v>
      </c>
      <c r="B1787" s="3">
        <f>'CPT Data'!C1795</f>
        <v>17.818999999999999</v>
      </c>
      <c r="C1787" t="str">
        <f>'CPT Data'!P1795</f>
        <v>CLAY</v>
      </c>
      <c r="D1787">
        <f>'CPT Data'!Q1795</f>
        <v>22.669330293320598</v>
      </c>
      <c r="E1787">
        <f t="shared" si="28"/>
        <v>22.878842095350521</v>
      </c>
      <c r="F1787">
        <f>IF(C1787="CLAY", INDEX(D$4:D1787, MATCH("CLAY", C$4:C1787, 0)), "")</f>
        <v>0.75203252561341039</v>
      </c>
    </row>
    <row r="1788" spans="1:6" x14ac:dyDescent="0.2">
      <c r="A1788" s="239">
        <f>'CPT Data'!B1796</f>
        <v>17.837</v>
      </c>
      <c r="B1788" s="3">
        <f>'CPT Data'!C1796</f>
        <v>17.829999999999998</v>
      </c>
      <c r="C1788" t="str">
        <f>'CPT Data'!P1796</f>
        <v>CLAY</v>
      </c>
      <c r="D1788">
        <f>'CPT Data'!Q1796</f>
        <v>22.705832571581098</v>
      </c>
      <c r="E1788">
        <f t="shared" si="28"/>
        <v>22.669330293320598</v>
      </c>
      <c r="F1788">
        <f>IF(C1788="CLAY", INDEX(D$4:D1788, MATCH("CLAY", C$4:C1788, 0)), "")</f>
        <v>0.75203252561341039</v>
      </c>
    </row>
    <row r="1789" spans="1:6" x14ac:dyDescent="0.2">
      <c r="A1789" s="239">
        <f>'CPT Data'!B1797</f>
        <v>17.846</v>
      </c>
      <c r="B1789" s="3">
        <f>'CPT Data'!C1797</f>
        <v>17.838999999999999</v>
      </c>
      <c r="C1789" t="str">
        <f>'CPT Data'!P1797</f>
        <v>CLAY</v>
      </c>
      <c r="D1789">
        <f>'CPT Data'!Q1797</f>
        <v>22.690995377747324</v>
      </c>
      <c r="E1789">
        <f t="shared" si="28"/>
        <v>22.705832571581098</v>
      </c>
      <c r="F1789">
        <f>IF(C1789="CLAY", INDEX(D$4:D1789, MATCH("CLAY", C$4:C1789, 0)), "")</f>
        <v>0.75203252561341039</v>
      </c>
    </row>
    <row r="1790" spans="1:6" x14ac:dyDescent="0.2">
      <c r="A1790" s="239">
        <f>'CPT Data'!B1798</f>
        <v>17.856000000000002</v>
      </c>
      <c r="B1790" s="3">
        <f>'CPT Data'!C1798</f>
        <v>17.849</v>
      </c>
      <c r="C1790" t="str">
        <f>'CPT Data'!P1798</f>
        <v>CLAY</v>
      </c>
      <c r="D1790">
        <f>'CPT Data'!Q1798</f>
        <v>22.601929154730886</v>
      </c>
      <c r="E1790">
        <f t="shared" si="28"/>
        <v>22.690995377747324</v>
      </c>
      <c r="F1790">
        <f>IF(C1790="CLAY", INDEX(D$4:D1790, MATCH("CLAY", C$4:C1790, 0)), "")</f>
        <v>0.75203252561341039</v>
      </c>
    </row>
    <row r="1791" spans="1:6" x14ac:dyDescent="0.2">
      <c r="A1791" s="239">
        <f>'CPT Data'!B1799</f>
        <v>17.867000000000001</v>
      </c>
      <c r="B1791" s="3">
        <f>'CPT Data'!C1799</f>
        <v>17.86</v>
      </c>
      <c r="C1791" t="str">
        <f>'CPT Data'!P1799</f>
        <v>CLAY</v>
      </c>
      <c r="D1791">
        <f>'CPT Data'!Q1799</f>
        <v>23.015359142972329</v>
      </c>
      <c r="E1791">
        <f t="shared" si="28"/>
        <v>22.601929154730886</v>
      </c>
      <c r="F1791">
        <f>IF(C1791="CLAY", INDEX(D$4:D1791, MATCH("CLAY", C$4:C1791, 0)), "")</f>
        <v>0.75203252561341039</v>
      </c>
    </row>
    <row r="1792" spans="1:6" x14ac:dyDescent="0.2">
      <c r="A1792" s="239">
        <f>'CPT Data'!B1800</f>
        <v>17.876000000000001</v>
      </c>
      <c r="B1792" s="3">
        <f>'CPT Data'!C1800</f>
        <v>17.869</v>
      </c>
      <c r="C1792" t="str">
        <f>'CPT Data'!P1800</f>
        <v>CLAY</v>
      </c>
      <c r="D1792">
        <f>'CPT Data'!Q1800</f>
        <v>23.12532034070988</v>
      </c>
      <c r="E1792">
        <f t="shared" si="28"/>
        <v>23.015359142972329</v>
      </c>
      <c r="F1792">
        <f>IF(C1792="CLAY", INDEX(D$4:D1792, MATCH("CLAY", C$4:C1792, 0)), "")</f>
        <v>0.75203252561341039</v>
      </c>
    </row>
    <row r="1793" spans="1:6" x14ac:dyDescent="0.2">
      <c r="A1793" s="239">
        <f>'CPT Data'!B1801</f>
        <v>17.885999999999999</v>
      </c>
      <c r="B1793" s="3">
        <f>'CPT Data'!C1801</f>
        <v>17.878999999999998</v>
      </c>
      <c r="C1793" t="str">
        <f>'CPT Data'!P1801</f>
        <v>CLAY</v>
      </c>
      <c r="D1793">
        <f>'CPT Data'!Q1801</f>
        <v>23.281700840891418</v>
      </c>
      <c r="E1793">
        <f t="shared" si="28"/>
        <v>23.12532034070988</v>
      </c>
      <c r="F1793">
        <f>IF(C1793="CLAY", INDEX(D$4:D1793, MATCH("CLAY", C$4:C1793, 0)), "")</f>
        <v>0.75203252561341039</v>
      </c>
    </row>
    <row r="1794" spans="1:6" x14ac:dyDescent="0.2">
      <c r="A1794" s="239">
        <f>'CPT Data'!B1802</f>
        <v>17.895</v>
      </c>
      <c r="B1794" s="3">
        <f>'CPT Data'!C1802</f>
        <v>17.887999999999998</v>
      </c>
      <c r="C1794" t="str">
        <f>'CPT Data'!P1802</f>
        <v>CLAY</v>
      </c>
      <c r="D1794">
        <f>'CPT Data'!Q1802</f>
        <v>23.658216844366162</v>
      </c>
      <c r="E1794">
        <f t="shared" si="28"/>
        <v>23.281700840891418</v>
      </c>
      <c r="F1794">
        <f>IF(C1794="CLAY", INDEX(D$4:D1794, MATCH("CLAY", C$4:C1794, 0)), "")</f>
        <v>0.75203252561341039</v>
      </c>
    </row>
    <row r="1795" spans="1:6" x14ac:dyDescent="0.2">
      <c r="A1795" s="239">
        <f>'CPT Data'!B1803</f>
        <v>17.905999999999999</v>
      </c>
      <c r="B1795" s="3">
        <f>'CPT Data'!C1803</f>
        <v>17.898999999999997</v>
      </c>
      <c r="C1795" t="str">
        <f>'CPT Data'!P1803</f>
        <v>CLAY</v>
      </c>
      <c r="D1795">
        <f>'CPT Data'!Q1803</f>
        <v>23.963486577093409</v>
      </c>
      <c r="E1795">
        <f t="shared" si="28"/>
        <v>23.658216844366162</v>
      </c>
      <c r="F1795">
        <f>IF(C1795="CLAY", INDEX(D$4:D1795, MATCH("CLAY", C$4:C1795, 0)), "")</f>
        <v>0.75203252561341039</v>
      </c>
    </row>
    <row r="1796" spans="1:6" x14ac:dyDescent="0.2">
      <c r="A1796" s="239">
        <f>'CPT Data'!B1804</f>
        <v>17.916</v>
      </c>
      <c r="B1796" s="3">
        <f>'CPT Data'!C1804</f>
        <v>17.908999999999999</v>
      </c>
      <c r="C1796" t="str">
        <f>'CPT Data'!P1804</f>
        <v>CLAY</v>
      </c>
      <c r="D1796">
        <f>'CPT Data'!Q1804</f>
        <v>23.958290834685801</v>
      </c>
      <c r="E1796">
        <f t="shared" si="28"/>
        <v>23.963486577093409</v>
      </c>
      <c r="F1796">
        <f>IF(C1796="CLAY", INDEX(D$4:D1796, MATCH("CLAY", C$4:C1796, 0)), "")</f>
        <v>0.75203252561341039</v>
      </c>
    </row>
    <row r="1797" spans="1:6" x14ac:dyDescent="0.2">
      <c r="A1797" s="239">
        <f>'CPT Data'!B1805</f>
        <v>17.925000000000001</v>
      </c>
      <c r="B1797" s="3">
        <f>'CPT Data'!C1805</f>
        <v>17.917999999999999</v>
      </c>
      <c r="C1797" t="str">
        <f>'CPT Data'!P1805</f>
        <v>CLAY</v>
      </c>
      <c r="D1797">
        <f>'CPT Data'!Q1805</f>
        <v>24.243072509222738</v>
      </c>
      <c r="E1797">
        <f t="shared" si="28"/>
        <v>23.958290834685801</v>
      </c>
      <c r="F1797">
        <f>IF(C1797="CLAY", INDEX(D$4:D1797, MATCH("CLAY", C$4:C1797, 0)), "")</f>
        <v>0.75203252561341039</v>
      </c>
    </row>
    <row r="1798" spans="1:6" x14ac:dyDescent="0.2">
      <c r="A1798" s="239">
        <f>'CPT Data'!B1806</f>
        <v>17.934999999999999</v>
      </c>
      <c r="B1798" s="3">
        <f>'CPT Data'!C1806</f>
        <v>17.927999999999997</v>
      </c>
      <c r="C1798" t="str">
        <f>'CPT Data'!P1806</f>
        <v>CLAY</v>
      </c>
      <c r="D1798">
        <f>'CPT Data'!Q1806</f>
        <v>24.305358027224568</v>
      </c>
      <c r="E1798">
        <f t="shared" si="28"/>
        <v>24.243072509222738</v>
      </c>
      <c r="F1798">
        <f>IF(C1798="CLAY", INDEX(D$4:D1798, MATCH("CLAY", C$4:C1798, 0)), "")</f>
        <v>0.75203252561341039</v>
      </c>
    </row>
    <row r="1799" spans="1:6" x14ac:dyDescent="0.2">
      <c r="A1799" s="239">
        <f>'CPT Data'!B1807</f>
        <v>17.946000000000002</v>
      </c>
      <c r="B1799" s="3">
        <f>'CPT Data'!C1807</f>
        <v>17.939</v>
      </c>
      <c r="C1799" t="str">
        <f>'CPT Data'!P1807</f>
        <v>CLAY</v>
      </c>
      <c r="D1799">
        <f>'CPT Data'!Q1807</f>
        <v>24.250041782809578</v>
      </c>
      <c r="E1799">
        <f t="shared" si="28"/>
        <v>24.305358027224568</v>
      </c>
      <c r="F1799">
        <f>IF(C1799="CLAY", INDEX(D$4:D1799, MATCH("CLAY", C$4:C1799, 0)), "")</f>
        <v>0.75203252561341039</v>
      </c>
    </row>
    <row r="1800" spans="1:6" x14ac:dyDescent="0.2">
      <c r="A1800" s="239">
        <f>'CPT Data'!B1808</f>
        <v>17.954999999999998</v>
      </c>
      <c r="B1800" s="3">
        <f>'CPT Data'!C1808</f>
        <v>17.947999999999997</v>
      </c>
      <c r="C1800" t="str">
        <f>'CPT Data'!P1808</f>
        <v>CLAY</v>
      </c>
      <c r="D1800">
        <f>'CPT Data'!Q1808</f>
        <v>24.241184300978301</v>
      </c>
      <c r="E1800">
        <f t="shared" si="28"/>
        <v>24.250041782809578</v>
      </c>
      <c r="F1800">
        <f>IF(C1800="CLAY", INDEX(D$4:D1800, MATCH("CLAY", C$4:C1800, 0)), "")</f>
        <v>0.75203252561341039</v>
      </c>
    </row>
    <row r="1801" spans="1:6" x14ac:dyDescent="0.2">
      <c r="A1801" s="239">
        <f>'CPT Data'!B1809</f>
        <v>17.966000000000001</v>
      </c>
      <c r="B1801" s="3">
        <f>'CPT Data'!C1809</f>
        <v>17.959</v>
      </c>
      <c r="C1801" t="str">
        <f>'CPT Data'!P1809</f>
        <v>CLAY</v>
      </c>
      <c r="D1801">
        <f>'CPT Data'!Q1809</f>
        <v>24.393323676274331</v>
      </c>
      <c r="E1801">
        <f t="shared" si="28"/>
        <v>24.241184300978301</v>
      </c>
      <c r="F1801">
        <f>IF(C1801="CLAY", INDEX(D$4:D1801, MATCH("CLAY", C$4:C1801, 0)), "")</f>
        <v>0.75203252561341039</v>
      </c>
    </row>
    <row r="1802" spans="1:6" x14ac:dyDescent="0.2">
      <c r="A1802" s="239">
        <f>'CPT Data'!B1810</f>
        <v>17.975000000000001</v>
      </c>
      <c r="B1802" s="3">
        <f>'CPT Data'!C1810</f>
        <v>17.968</v>
      </c>
      <c r="C1802" t="str">
        <f>'CPT Data'!P1810</f>
        <v>CLAY</v>
      </c>
      <c r="D1802">
        <f>'CPT Data'!Q1810</f>
        <v>24.56884315592475</v>
      </c>
      <c r="E1802">
        <f t="shared" si="28"/>
        <v>24.393323676274331</v>
      </c>
      <c r="F1802">
        <f>IF(C1802="CLAY", INDEX(D$4:D1802, MATCH("CLAY", C$4:C1802, 0)), "")</f>
        <v>0.75203252561341039</v>
      </c>
    </row>
    <row r="1803" spans="1:6" x14ac:dyDescent="0.2">
      <c r="A1803" s="239">
        <f>'CPT Data'!B1811</f>
        <v>17.984999999999999</v>
      </c>
      <c r="B1803" s="3">
        <f>'CPT Data'!C1811</f>
        <v>17.977999999999998</v>
      </c>
      <c r="C1803" t="str">
        <f>'CPT Data'!P1811</f>
        <v>CLAY</v>
      </c>
      <c r="D1803">
        <f>'CPT Data'!Q1811</f>
        <v>24.613311910130605</v>
      </c>
      <c r="E1803">
        <f t="shared" si="28"/>
        <v>24.56884315592475</v>
      </c>
      <c r="F1803">
        <f>IF(C1803="CLAY", INDEX(D$4:D1803, MATCH("CLAY", C$4:C1803, 0)), "")</f>
        <v>0.75203252561341039</v>
      </c>
    </row>
    <row r="1804" spans="1:6" x14ac:dyDescent="0.2">
      <c r="A1804" s="239">
        <f>'CPT Data'!B1812</f>
        <v>17.995999999999999</v>
      </c>
      <c r="B1804" s="3">
        <f>'CPT Data'!C1812</f>
        <v>17.988999999999997</v>
      </c>
      <c r="C1804" t="str">
        <f>'CPT Data'!P1812</f>
        <v>CLAY</v>
      </c>
      <c r="D1804">
        <f>'CPT Data'!Q1812</f>
        <v>24.486685496159421</v>
      </c>
      <c r="E1804">
        <f t="shared" si="28"/>
        <v>24.613311910130605</v>
      </c>
      <c r="F1804">
        <f>IF(C1804="CLAY", INDEX(D$4:D1804, MATCH("CLAY", C$4:C1804, 0)), "")</f>
        <v>0.75203252561341039</v>
      </c>
    </row>
    <row r="1805" spans="1:6" x14ac:dyDescent="0.2">
      <c r="A1805" s="239">
        <f>'CPT Data'!B1813</f>
        <v>18.004999999999999</v>
      </c>
      <c r="B1805" s="3">
        <f>'CPT Data'!C1813</f>
        <v>17.997999999999998</v>
      </c>
      <c r="C1805" t="str">
        <f>'CPT Data'!P1813</f>
        <v>CLAY</v>
      </c>
      <c r="D1805">
        <f>'CPT Data'!Q1813</f>
        <v>24.430384507155694</v>
      </c>
      <c r="E1805">
        <f t="shared" si="28"/>
        <v>24.486685496159421</v>
      </c>
      <c r="F1805">
        <f>IF(C1805="CLAY", INDEX(D$4:D1805, MATCH("CLAY", C$4:C1805, 0)), "")</f>
        <v>0.75203252561341039</v>
      </c>
    </row>
    <row r="1806" spans="1:6" x14ac:dyDescent="0.2">
      <c r="A1806" s="239">
        <f>'CPT Data'!B1814</f>
        <v>18.015000000000001</v>
      </c>
      <c r="B1806" s="3">
        <f>'CPT Data'!C1814</f>
        <v>18.007999999999999</v>
      </c>
      <c r="C1806" t="str">
        <f>'CPT Data'!P1814</f>
        <v>CLAY</v>
      </c>
      <c r="D1806">
        <f>'CPT Data'!Q1814</f>
        <v>24.656162913087119</v>
      </c>
      <c r="E1806">
        <f t="shared" si="28"/>
        <v>24.430384507155694</v>
      </c>
      <c r="F1806">
        <f>IF(C1806="CLAY", INDEX(D$4:D1806, MATCH("CLAY", C$4:C1806, 0)), "")</f>
        <v>0.75203252561341039</v>
      </c>
    </row>
    <row r="1807" spans="1:6" x14ac:dyDescent="0.2">
      <c r="A1807" s="239">
        <f>'CPT Data'!B1815</f>
        <v>18.026</v>
      </c>
      <c r="B1807" s="3">
        <f>'CPT Data'!C1815</f>
        <v>18.018999999999998</v>
      </c>
      <c r="C1807" t="str">
        <f>'CPT Data'!P1815</f>
        <v>CLAY</v>
      </c>
      <c r="D1807">
        <f>'CPT Data'!Q1815</f>
        <v>24.58713226327902</v>
      </c>
      <c r="E1807">
        <f t="shared" si="28"/>
        <v>24.656162913087119</v>
      </c>
      <c r="F1807">
        <f>IF(C1807="CLAY", INDEX(D$4:D1807, MATCH("CLAY", C$4:C1807, 0)), "")</f>
        <v>0.75203252561341039</v>
      </c>
    </row>
    <row r="1808" spans="1:6" x14ac:dyDescent="0.2">
      <c r="A1808" s="239">
        <f>'CPT Data'!B1816</f>
        <v>18.035</v>
      </c>
      <c r="B1808" s="3">
        <f>'CPT Data'!C1816</f>
        <v>18.027999999999999</v>
      </c>
      <c r="C1808" t="str">
        <f>'CPT Data'!P1816</f>
        <v>CLAY</v>
      </c>
      <c r="D1808">
        <f>'CPT Data'!Q1816</f>
        <v>24.415584128227746</v>
      </c>
      <c r="E1808">
        <f t="shared" si="28"/>
        <v>24.58713226327902</v>
      </c>
      <c r="F1808">
        <f>IF(C1808="CLAY", INDEX(D$4:D1808, MATCH("CLAY", C$4:C1808, 0)), "")</f>
        <v>0.75203252561341039</v>
      </c>
    </row>
    <row r="1809" spans="1:6" x14ac:dyDescent="0.2">
      <c r="A1809" s="239">
        <f>'CPT Data'!B1817</f>
        <v>18.045000000000002</v>
      </c>
      <c r="B1809" s="3">
        <f>'CPT Data'!C1817</f>
        <v>18.038</v>
      </c>
      <c r="C1809" t="str">
        <f>'CPT Data'!P1817</f>
        <v>CLAY</v>
      </c>
      <c r="D1809">
        <f>'CPT Data'!Q1817</f>
        <v>24.264129615481142</v>
      </c>
      <c r="E1809">
        <f t="shared" si="28"/>
        <v>24.415584128227746</v>
      </c>
      <c r="F1809">
        <f>IF(C1809="CLAY", INDEX(D$4:D1809, MATCH("CLAY", C$4:C1809, 0)), "")</f>
        <v>0.75203252561341039</v>
      </c>
    </row>
    <row r="1810" spans="1:6" x14ac:dyDescent="0.2">
      <c r="A1810" s="239">
        <f>'CPT Data'!B1818</f>
        <v>18.055</v>
      </c>
      <c r="B1810" s="3">
        <f>'CPT Data'!C1818</f>
        <v>18.047999999999998</v>
      </c>
      <c r="C1810" t="str">
        <f>'CPT Data'!P1818</f>
        <v>CLAY</v>
      </c>
      <c r="D1810">
        <f>'CPT Data'!Q1818</f>
        <v>23.941382823824885</v>
      </c>
      <c r="E1810">
        <f t="shared" si="28"/>
        <v>24.264129615481142</v>
      </c>
      <c r="F1810">
        <f>IF(C1810="CLAY", INDEX(D$4:D1810, MATCH("CLAY", C$4:C1810, 0)), "")</f>
        <v>0.75203252561341039</v>
      </c>
    </row>
    <row r="1811" spans="1:6" x14ac:dyDescent="0.2">
      <c r="A1811" s="239">
        <f>'CPT Data'!B1819</f>
        <v>18.062999999999999</v>
      </c>
      <c r="B1811" s="3">
        <f>'CPT Data'!C1819</f>
        <v>18.055999999999997</v>
      </c>
      <c r="C1811" t="str">
        <f>'CPT Data'!P1819</f>
        <v>CLAY</v>
      </c>
      <c r="D1811">
        <f>'CPT Data'!Q1819</f>
        <v>23.54756339848981</v>
      </c>
      <c r="E1811">
        <f t="shared" si="28"/>
        <v>23.941382823824885</v>
      </c>
      <c r="F1811">
        <f>IF(C1811="CLAY", INDEX(D$4:D1811, MATCH("CLAY", C$4:C1811, 0)), "")</f>
        <v>0.75203252561341039</v>
      </c>
    </row>
    <row r="1812" spans="1:6" x14ac:dyDescent="0.2">
      <c r="A1812" s="239">
        <f>'CPT Data'!B1820</f>
        <v>18.073</v>
      </c>
      <c r="B1812" s="3">
        <f>'CPT Data'!C1820</f>
        <v>18.065999999999999</v>
      </c>
      <c r="C1812" t="str">
        <f>'CPT Data'!P1820</f>
        <v>CLAY</v>
      </c>
      <c r="D1812">
        <f>'CPT Data'!Q1820</f>
        <v>23.494873446669789</v>
      </c>
      <c r="E1812">
        <f t="shared" si="28"/>
        <v>23.54756339848981</v>
      </c>
      <c r="F1812">
        <f>IF(C1812="CLAY", INDEX(D$4:D1812, MATCH("CLAY", C$4:C1812, 0)), "")</f>
        <v>0.75203252561341039</v>
      </c>
    </row>
    <row r="1813" spans="1:6" x14ac:dyDescent="0.2">
      <c r="A1813" s="239">
        <f>'CPT Data'!B1821</f>
        <v>18.082000000000001</v>
      </c>
      <c r="B1813" s="3">
        <f>'CPT Data'!C1821</f>
        <v>18.074999999999999</v>
      </c>
      <c r="C1813" t="str">
        <f>'CPT Data'!P1821</f>
        <v>CLAY</v>
      </c>
      <c r="D1813">
        <f>'CPT Data'!Q1821</f>
        <v>23.348370196870203</v>
      </c>
      <c r="E1813">
        <f t="shared" si="28"/>
        <v>23.494873446669789</v>
      </c>
      <c r="F1813">
        <f>IF(C1813="CLAY", INDEX(D$4:D1813, MATCH("CLAY", C$4:C1813, 0)), "")</f>
        <v>0.75203252561341039</v>
      </c>
    </row>
    <row r="1814" spans="1:6" x14ac:dyDescent="0.2">
      <c r="A1814" s="239">
        <f>'CPT Data'!B1822</f>
        <v>18.091999999999999</v>
      </c>
      <c r="B1814" s="3">
        <f>'CPT Data'!C1822</f>
        <v>18.084999999999997</v>
      </c>
      <c r="C1814" t="str">
        <f>'CPT Data'!P1822</f>
        <v>CLAY</v>
      </c>
      <c r="D1814">
        <f>'CPT Data'!Q1822</f>
        <v>23.15789104968653</v>
      </c>
      <c r="E1814">
        <f t="shared" si="28"/>
        <v>23.348370196870203</v>
      </c>
      <c r="F1814">
        <f>IF(C1814="CLAY", INDEX(D$4:D1814, MATCH("CLAY", C$4:C1814, 0)), "")</f>
        <v>0.75203252561341039</v>
      </c>
    </row>
    <row r="1815" spans="1:6" x14ac:dyDescent="0.2">
      <c r="A1815" s="239">
        <f>'CPT Data'!B1823</f>
        <v>18.100999999999999</v>
      </c>
      <c r="B1815" s="3">
        <f>'CPT Data'!C1823</f>
        <v>18.093999999999998</v>
      </c>
      <c r="C1815" t="str">
        <f>'CPT Data'!P1823</f>
        <v>CLAY</v>
      </c>
      <c r="D1815">
        <f>'CPT Data'!Q1823</f>
        <v>22.964976970791597</v>
      </c>
      <c r="E1815">
        <f t="shared" si="28"/>
        <v>23.15789104968653</v>
      </c>
      <c r="F1815">
        <f>IF(C1815="CLAY", INDEX(D$4:D1815, MATCH("CLAY", C$4:C1815, 0)), "")</f>
        <v>0.75203252561341039</v>
      </c>
    </row>
    <row r="1816" spans="1:6" x14ac:dyDescent="0.2">
      <c r="A1816" s="239">
        <f>'CPT Data'!B1824</f>
        <v>18.111000000000001</v>
      </c>
      <c r="B1816" s="3">
        <f>'CPT Data'!C1824</f>
        <v>18.103999999999999</v>
      </c>
      <c r="C1816" t="str">
        <f>'CPT Data'!P1824</f>
        <v>CLAY</v>
      </c>
      <c r="D1816">
        <f>'CPT Data'!Q1824</f>
        <v>22.592587448725922</v>
      </c>
      <c r="E1816">
        <f t="shared" si="28"/>
        <v>22.964976970791597</v>
      </c>
      <c r="F1816">
        <f>IF(C1816="CLAY", INDEX(D$4:D1816, MATCH("CLAY", C$4:C1816, 0)), "")</f>
        <v>0.75203252561341039</v>
      </c>
    </row>
    <row r="1817" spans="1:6" x14ac:dyDescent="0.2">
      <c r="A1817" s="239">
        <f>'CPT Data'!B1825</f>
        <v>18.122</v>
      </c>
      <c r="B1817" s="3">
        <f>'CPT Data'!C1825</f>
        <v>18.114999999999998</v>
      </c>
      <c r="C1817" t="str">
        <f>'CPT Data'!P1825</f>
        <v>CLAY</v>
      </c>
      <c r="D1817">
        <f>'CPT Data'!Q1825</f>
        <v>22.493869783705136</v>
      </c>
      <c r="E1817">
        <f t="shared" si="28"/>
        <v>22.592587448725922</v>
      </c>
      <c r="F1817">
        <f>IF(C1817="CLAY", INDEX(D$4:D1817, MATCH("CLAY", C$4:C1817, 0)), "")</f>
        <v>0.75203252561341039</v>
      </c>
    </row>
    <row r="1818" spans="1:6" x14ac:dyDescent="0.2">
      <c r="A1818" s="239">
        <f>'CPT Data'!B1826</f>
        <v>18.131</v>
      </c>
      <c r="B1818" s="3">
        <f>'CPT Data'!C1826</f>
        <v>18.123999999999999</v>
      </c>
      <c r="C1818" t="str">
        <f>'CPT Data'!P1826</f>
        <v>CLAY</v>
      </c>
      <c r="D1818">
        <f>'CPT Data'!Q1826</f>
        <v>22.599117602479051</v>
      </c>
      <c r="E1818">
        <f t="shared" si="28"/>
        <v>22.493869783705136</v>
      </c>
      <c r="F1818">
        <f>IF(C1818="CLAY", INDEX(D$4:D1818, MATCH("CLAY", C$4:C1818, 0)), "")</f>
        <v>0.75203252561341039</v>
      </c>
    </row>
    <row r="1819" spans="1:6" x14ac:dyDescent="0.2">
      <c r="A1819" s="239">
        <f>'CPT Data'!B1827</f>
        <v>18.141999999999999</v>
      </c>
      <c r="B1819" s="3">
        <f>'CPT Data'!C1827</f>
        <v>18.134999999999998</v>
      </c>
      <c r="C1819" t="str">
        <f>'CPT Data'!P1827</f>
        <v>CLAY</v>
      </c>
      <c r="D1819">
        <f>'CPT Data'!Q1827</f>
        <v>22.571444451965363</v>
      </c>
      <c r="E1819">
        <f t="shared" ref="E1819:E1882" si="29">IF(C1819="SAND",#N/A,IF(C1819=C1818,D1818,IF(C1819="CLAY",D1819,#N/A)))</f>
        <v>22.599117602479051</v>
      </c>
      <c r="F1819">
        <f>IF(C1819="CLAY", INDEX(D$4:D1819, MATCH("CLAY", C$4:C1819, 0)), "")</f>
        <v>0.75203252561341039</v>
      </c>
    </row>
    <row r="1820" spans="1:6" x14ac:dyDescent="0.2">
      <c r="A1820" s="239">
        <f>'CPT Data'!B1828</f>
        <v>18.151</v>
      </c>
      <c r="B1820" s="3">
        <f>'CPT Data'!C1828</f>
        <v>18.143999999999998</v>
      </c>
      <c r="C1820" t="str">
        <f>'CPT Data'!P1828</f>
        <v>CLAY</v>
      </c>
      <c r="D1820">
        <f>'CPT Data'!Q1828</f>
        <v>22.394345791400472</v>
      </c>
      <c r="E1820">
        <f t="shared" si="29"/>
        <v>22.571444451965363</v>
      </c>
      <c r="F1820">
        <f>IF(C1820="CLAY", INDEX(D$4:D1820, MATCH("CLAY", C$4:C1820, 0)), "")</f>
        <v>0.75203252561341039</v>
      </c>
    </row>
    <row r="1821" spans="1:6" x14ac:dyDescent="0.2">
      <c r="A1821" s="239">
        <f>'CPT Data'!B1829</f>
        <v>18.161999999999999</v>
      </c>
      <c r="B1821" s="3">
        <f>'CPT Data'!C1829</f>
        <v>18.154999999999998</v>
      </c>
      <c r="C1821" t="str">
        <f>'CPT Data'!P1829</f>
        <v>CLAY</v>
      </c>
      <c r="D1821">
        <f>'CPT Data'!Q1829</f>
        <v>22.547109710649053</v>
      </c>
      <c r="E1821">
        <f t="shared" si="29"/>
        <v>22.394345791400472</v>
      </c>
      <c r="F1821">
        <f>IF(C1821="CLAY", INDEX(D$4:D1821, MATCH("CLAY", C$4:C1821, 0)), "")</f>
        <v>0.75203252561341039</v>
      </c>
    </row>
    <row r="1822" spans="1:6" x14ac:dyDescent="0.2">
      <c r="A1822" s="239">
        <f>'CPT Data'!B1830</f>
        <v>18.172999999999998</v>
      </c>
      <c r="B1822" s="3">
        <f>'CPT Data'!C1830</f>
        <v>18.165999999999997</v>
      </c>
      <c r="C1822" t="str">
        <f>'CPT Data'!P1830</f>
        <v>CLAY</v>
      </c>
      <c r="D1822">
        <f>'CPT Data'!Q1830</f>
        <v>22.593083014831986</v>
      </c>
      <c r="E1822">
        <f t="shared" si="29"/>
        <v>22.547109710649053</v>
      </c>
      <c r="F1822">
        <f>IF(C1822="CLAY", INDEX(D$4:D1822, MATCH("CLAY", C$4:C1822, 0)), "")</f>
        <v>0.75203252561341039</v>
      </c>
    </row>
    <row r="1823" spans="1:6" x14ac:dyDescent="0.2">
      <c r="A1823" s="239">
        <f>'CPT Data'!B1831</f>
        <v>18.181999999999999</v>
      </c>
      <c r="B1823" s="3">
        <f>'CPT Data'!C1831</f>
        <v>18.174999999999997</v>
      </c>
      <c r="C1823" t="str">
        <f>'CPT Data'!P1831</f>
        <v>CLAY</v>
      </c>
      <c r="D1823">
        <f>'CPT Data'!Q1831</f>
        <v>22.447930703988835</v>
      </c>
      <c r="E1823">
        <f t="shared" si="29"/>
        <v>22.593083014831986</v>
      </c>
      <c r="F1823">
        <f>IF(C1823="CLAY", INDEX(D$4:D1823, MATCH("CLAY", C$4:C1823, 0)), "")</f>
        <v>0.75203252561341039</v>
      </c>
    </row>
    <row r="1824" spans="1:6" x14ac:dyDescent="0.2">
      <c r="A1824" s="239">
        <f>'CPT Data'!B1832</f>
        <v>18.192</v>
      </c>
      <c r="B1824" s="3">
        <f>'CPT Data'!C1832</f>
        <v>18.184999999999999</v>
      </c>
      <c r="C1824" t="str">
        <f>'CPT Data'!P1832</f>
        <v>CLAY</v>
      </c>
      <c r="D1824">
        <f>'CPT Data'!Q1832</f>
        <v>22.232062647040706</v>
      </c>
      <c r="E1824">
        <f t="shared" si="29"/>
        <v>22.447930703988835</v>
      </c>
      <c r="F1824">
        <f>IF(C1824="CLAY", INDEX(D$4:D1824, MATCH("CLAY", C$4:C1824, 0)), "")</f>
        <v>0.75203252561341039</v>
      </c>
    </row>
    <row r="1825" spans="1:6" x14ac:dyDescent="0.2">
      <c r="A1825" s="239">
        <f>'CPT Data'!B1833</f>
        <v>18.201000000000001</v>
      </c>
      <c r="B1825" s="3">
        <f>'CPT Data'!C1833</f>
        <v>18.193999999999999</v>
      </c>
      <c r="C1825" t="str">
        <f>'CPT Data'!P1833</f>
        <v>CLAY</v>
      </c>
      <c r="D1825">
        <f>'CPT Data'!Q1833</f>
        <v>21.981652279860324</v>
      </c>
      <c r="E1825">
        <f t="shared" si="29"/>
        <v>22.232062647040706</v>
      </c>
      <c r="F1825">
        <f>IF(C1825="CLAY", INDEX(D$4:D1825, MATCH("CLAY", C$4:C1825, 0)), "")</f>
        <v>0.75203252561341039</v>
      </c>
    </row>
    <row r="1826" spans="1:6" x14ac:dyDescent="0.2">
      <c r="A1826" s="239">
        <f>'CPT Data'!B1834</f>
        <v>18.212</v>
      </c>
      <c r="B1826" s="3">
        <f>'CPT Data'!C1834</f>
        <v>18.204999999999998</v>
      </c>
      <c r="C1826" t="str">
        <f>'CPT Data'!P1834</f>
        <v>CLAY</v>
      </c>
      <c r="D1826">
        <f>'CPT Data'!Q1834</f>
        <v>21.993489748547322</v>
      </c>
      <c r="E1826">
        <f t="shared" si="29"/>
        <v>21.981652279860324</v>
      </c>
      <c r="F1826">
        <f>IF(C1826="CLAY", INDEX(D$4:D1826, MATCH("CLAY", C$4:C1826, 0)), "")</f>
        <v>0.75203252561341039</v>
      </c>
    </row>
    <row r="1827" spans="1:6" x14ac:dyDescent="0.2">
      <c r="A1827" s="239">
        <f>'CPT Data'!B1835</f>
        <v>18.221</v>
      </c>
      <c r="B1827" s="3">
        <f>'CPT Data'!C1835</f>
        <v>18.213999999999999</v>
      </c>
      <c r="C1827" t="str">
        <f>'CPT Data'!P1835</f>
        <v>CLAY</v>
      </c>
      <c r="D1827">
        <f>'CPT Data'!Q1835</f>
        <v>21.989968802243666</v>
      </c>
      <c r="E1827">
        <f t="shared" si="29"/>
        <v>21.993489748547322</v>
      </c>
      <c r="F1827">
        <f>IF(C1827="CLAY", INDEX(D$4:D1827, MATCH("CLAY", C$4:C1827, 0)), "")</f>
        <v>0.75203252561341039</v>
      </c>
    </row>
    <row r="1828" spans="1:6" x14ac:dyDescent="0.2">
      <c r="A1828" s="239">
        <f>'CPT Data'!B1836</f>
        <v>18.231000000000002</v>
      </c>
      <c r="B1828" s="3">
        <f>'CPT Data'!C1836</f>
        <v>18.224</v>
      </c>
      <c r="C1828" t="str">
        <f>'CPT Data'!P1836</f>
        <v>CLAY</v>
      </c>
      <c r="D1828">
        <f>'CPT Data'!Q1836</f>
        <v>21.773088817214994</v>
      </c>
      <c r="E1828">
        <f t="shared" si="29"/>
        <v>21.989968802243666</v>
      </c>
      <c r="F1828">
        <f>IF(C1828="CLAY", INDEX(D$4:D1828, MATCH("CLAY", C$4:C1828, 0)), "")</f>
        <v>0.75203252561341039</v>
      </c>
    </row>
    <row r="1829" spans="1:6" x14ac:dyDescent="0.2">
      <c r="A1829" s="239">
        <f>'CPT Data'!B1837</f>
        <v>18.242000000000001</v>
      </c>
      <c r="B1829" s="3">
        <f>'CPT Data'!C1837</f>
        <v>18.234999999999999</v>
      </c>
      <c r="C1829" t="str">
        <f>'CPT Data'!P1837</f>
        <v>CLAY</v>
      </c>
      <c r="D1829">
        <f>'CPT Data'!Q1837</f>
        <v>21.334236164178904</v>
      </c>
      <c r="E1829">
        <f t="shared" si="29"/>
        <v>21.773088817214994</v>
      </c>
      <c r="F1829">
        <f>IF(C1829="CLAY", INDEX(D$4:D1829, MATCH("CLAY", C$4:C1829, 0)), "")</f>
        <v>0.75203252561341039</v>
      </c>
    </row>
    <row r="1830" spans="1:6" x14ac:dyDescent="0.2">
      <c r="A1830" s="239">
        <f>'CPT Data'!B1838</f>
        <v>18.251000000000001</v>
      </c>
      <c r="B1830" s="3">
        <f>'CPT Data'!C1838</f>
        <v>18.244</v>
      </c>
      <c r="C1830" t="str">
        <f>'CPT Data'!P1838</f>
        <v>CLAY</v>
      </c>
      <c r="D1830">
        <f>'CPT Data'!Q1838</f>
        <v>20.935898224051396</v>
      </c>
      <c r="E1830">
        <f t="shared" si="29"/>
        <v>21.334236164178904</v>
      </c>
      <c r="F1830">
        <f>IF(C1830="CLAY", INDEX(D$4:D1830, MATCH("CLAY", C$4:C1830, 0)), "")</f>
        <v>0.75203252561341039</v>
      </c>
    </row>
    <row r="1831" spans="1:6" x14ac:dyDescent="0.2">
      <c r="A1831" s="239">
        <f>'CPT Data'!B1839</f>
        <v>18.262</v>
      </c>
      <c r="B1831" s="3">
        <f>'CPT Data'!C1839</f>
        <v>18.254999999999999</v>
      </c>
      <c r="C1831" t="str">
        <f>'CPT Data'!P1839</f>
        <v>CLAY</v>
      </c>
      <c r="D1831">
        <f>'CPT Data'!Q1839</f>
        <v>20.79121622964891</v>
      </c>
      <c r="E1831">
        <f t="shared" si="29"/>
        <v>20.935898224051396</v>
      </c>
      <c r="F1831">
        <f>IF(C1831="CLAY", INDEX(D$4:D1831, MATCH("CLAY", C$4:C1831, 0)), "")</f>
        <v>0.75203252561341039</v>
      </c>
    </row>
    <row r="1832" spans="1:6" x14ac:dyDescent="0.2">
      <c r="A1832" s="239">
        <f>'CPT Data'!B1840</f>
        <v>18.271000000000001</v>
      </c>
      <c r="B1832" s="3">
        <f>'CPT Data'!C1840</f>
        <v>18.263999999999999</v>
      </c>
      <c r="C1832" t="str">
        <f>'CPT Data'!P1840</f>
        <v>CLAY</v>
      </c>
      <c r="D1832">
        <f>'CPT Data'!Q1840</f>
        <v>20.769825676467786</v>
      </c>
      <c r="E1832">
        <f t="shared" si="29"/>
        <v>20.79121622964891</v>
      </c>
      <c r="F1832">
        <f>IF(C1832="CLAY", INDEX(D$4:D1832, MATCH("CLAY", C$4:C1832, 0)), "")</f>
        <v>0.75203252561341039</v>
      </c>
    </row>
    <row r="1833" spans="1:6" x14ac:dyDescent="0.2">
      <c r="A1833" s="239">
        <f>'CPT Data'!B1841</f>
        <v>18.282</v>
      </c>
      <c r="B1833" s="3">
        <f>'CPT Data'!C1841</f>
        <v>18.274999999999999</v>
      </c>
      <c r="C1833" t="str">
        <f>'CPT Data'!P1841</f>
        <v>CLAY</v>
      </c>
      <c r="D1833">
        <f>'CPT Data'!Q1841</f>
        <v>20.835951771778909</v>
      </c>
      <c r="E1833">
        <f t="shared" si="29"/>
        <v>20.769825676467786</v>
      </c>
      <c r="F1833">
        <f>IF(C1833="CLAY", INDEX(D$4:D1833, MATCH("CLAY", C$4:C1833, 0)), "")</f>
        <v>0.75203252561341039</v>
      </c>
    </row>
    <row r="1834" spans="1:6" x14ac:dyDescent="0.2">
      <c r="A1834" s="239">
        <f>'CPT Data'!B1842</f>
        <v>18.292000000000002</v>
      </c>
      <c r="B1834" s="3">
        <f>'CPT Data'!C1842</f>
        <v>18.285</v>
      </c>
      <c r="C1834" t="str">
        <f>'CPT Data'!P1842</f>
        <v>CLAY</v>
      </c>
      <c r="D1834">
        <f>'CPT Data'!Q1842</f>
        <v>20.660496108311936</v>
      </c>
      <c r="E1834">
        <f t="shared" si="29"/>
        <v>20.835951771778909</v>
      </c>
      <c r="F1834">
        <f>IF(C1834="CLAY", INDEX(D$4:D1834, MATCH("CLAY", C$4:C1834, 0)), "")</f>
        <v>0.75203252561341039</v>
      </c>
    </row>
    <row r="1835" spans="1:6" x14ac:dyDescent="0.2">
      <c r="A1835" s="239">
        <f>'CPT Data'!B1843</f>
        <v>18.302</v>
      </c>
      <c r="B1835" s="3">
        <f>'CPT Data'!C1843</f>
        <v>18.294999999999998</v>
      </c>
      <c r="C1835" t="str">
        <f>'CPT Data'!P1843</f>
        <v>CLAY</v>
      </c>
      <c r="D1835">
        <f>'CPT Data'!Q1843</f>
        <v>20.683389190831978</v>
      </c>
      <c r="E1835">
        <f t="shared" si="29"/>
        <v>20.660496108311936</v>
      </c>
      <c r="F1835">
        <f>IF(C1835="CLAY", INDEX(D$4:D1835, MATCH("CLAY", C$4:C1835, 0)), "")</f>
        <v>0.75203252561341039</v>
      </c>
    </row>
    <row r="1836" spans="1:6" x14ac:dyDescent="0.2">
      <c r="A1836" s="239">
        <f>'CPT Data'!B1844</f>
        <v>18.312000000000001</v>
      </c>
      <c r="B1836" s="3">
        <f>'CPT Data'!C1844</f>
        <v>18.305</v>
      </c>
      <c r="C1836" t="str">
        <f>'CPT Data'!P1844</f>
        <v>CLAY</v>
      </c>
      <c r="D1836">
        <f>'CPT Data'!Q1844</f>
        <v>20.610239421619124</v>
      </c>
      <c r="E1836">
        <f t="shared" si="29"/>
        <v>20.683389190831978</v>
      </c>
      <c r="F1836">
        <f>IF(C1836="CLAY", INDEX(D$4:D1836, MATCH("CLAY", C$4:C1836, 0)), "")</f>
        <v>0.75203252561341039</v>
      </c>
    </row>
    <row r="1837" spans="1:6" x14ac:dyDescent="0.2">
      <c r="A1837" s="239">
        <f>'CPT Data'!B1845</f>
        <v>18.323</v>
      </c>
      <c r="B1837" s="3">
        <f>'CPT Data'!C1845</f>
        <v>18.315999999999999</v>
      </c>
      <c r="C1837" t="str">
        <f>'CPT Data'!P1845</f>
        <v>CLAY</v>
      </c>
      <c r="D1837">
        <f>'CPT Data'!Q1845</f>
        <v>20.855848059593345</v>
      </c>
      <c r="E1837">
        <f t="shared" si="29"/>
        <v>20.610239421619124</v>
      </c>
      <c r="F1837">
        <f>IF(C1837="CLAY", INDEX(D$4:D1837, MATCH("CLAY", C$4:C1837, 0)), "")</f>
        <v>0.75203252561341039</v>
      </c>
    </row>
    <row r="1838" spans="1:6" x14ac:dyDescent="0.2">
      <c r="A1838" s="239">
        <f>'CPT Data'!B1846</f>
        <v>18.335999999999999</v>
      </c>
      <c r="B1838" s="3">
        <f>'CPT Data'!C1846</f>
        <v>18.328999999999997</v>
      </c>
      <c r="C1838" t="str">
        <f>'CPT Data'!P1846</f>
        <v>CLAY</v>
      </c>
      <c r="D1838">
        <f>'CPT Data'!Q1846</f>
        <v>20.82165622743241</v>
      </c>
      <c r="E1838">
        <f t="shared" si="29"/>
        <v>20.855848059593345</v>
      </c>
      <c r="F1838">
        <f>IF(C1838="CLAY", INDEX(D$4:D1838, MATCH("CLAY", C$4:C1838, 0)), "")</f>
        <v>0.75203252561341039</v>
      </c>
    </row>
    <row r="1839" spans="1:6" x14ac:dyDescent="0.2">
      <c r="A1839" s="239">
        <f>'CPT Data'!B1847</f>
        <v>18.346</v>
      </c>
      <c r="B1839" s="3">
        <f>'CPT Data'!C1847</f>
        <v>18.338999999999999</v>
      </c>
      <c r="C1839" t="str">
        <f>'CPT Data'!P1847</f>
        <v>CLAY</v>
      </c>
      <c r="D1839">
        <f>'CPT Data'!Q1847</f>
        <v>20.714761237080697</v>
      </c>
      <c r="E1839">
        <f t="shared" si="29"/>
        <v>20.82165622743241</v>
      </c>
      <c r="F1839">
        <f>IF(C1839="CLAY", INDEX(D$4:D1839, MATCH("CLAY", C$4:C1839, 0)), "")</f>
        <v>0.75203252561341039</v>
      </c>
    </row>
    <row r="1840" spans="1:6" x14ac:dyDescent="0.2">
      <c r="A1840" s="239">
        <f>'CPT Data'!B1848</f>
        <v>18.358000000000001</v>
      </c>
      <c r="B1840" s="3">
        <f>'CPT Data'!C1848</f>
        <v>18.350999999999999</v>
      </c>
      <c r="C1840" t="str">
        <f>'CPT Data'!P1848</f>
        <v>CLAY</v>
      </c>
      <c r="D1840">
        <f>'CPT Data'!Q1848</f>
        <v>20.536282994365539</v>
      </c>
      <c r="E1840">
        <f t="shared" si="29"/>
        <v>20.714761237080697</v>
      </c>
      <c r="F1840">
        <f>IF(C1840="CLAY", INDEX(D$4:D1840, MATCH("CLAY", C$4:C1840, 0)), "")</f>
        <v>0.75203252561341039</v>
      </c>
    </row>
    <row r="1841" spans="1:6" x14ac:dyDescent="0.2">
      <c r="A1841" s="239">
        <f>'CPT Data'!B1849</f>
        <v>18.37</v>
      </c>
      <c r="B1841" s="3">
        <f>'CPT Data'!C1849</f>
        <v>18.363</v>
      </c>
      <c r="C1841" t="str">
        <f>'CPT Data'!P1849</f>
        <v>CLAY</v>
      </c>
      <c r="D1841">
        <f>'CPT Data'!Q1849</f>
        <v>20.390699930574176</v>
      </c>
      <c r="E1841">
        <f t="shared" si="29"/>
        <v>20.536282994365539</v>
      </c>
      <c r="F1841">
        <f>IF(C1841="CLAY", INDEX(D$4:D1841, MATCH("CLAY", C$4:C1841, 0)), "")</f>
        <v>0.75203252561341039</v>
      </c>
    </row>
    <row r="1842" spans="1:6" x14ac:dyDescent="0.2">
      <c r="A1842" s="239">
        <f>'CPT Data'!B1850</f>
        <v>18.38</v>
      </c>
      <c r="B1842" s="3">
        <f>'CPT Data'!C1850</f>
        <v>18.372999999999998</v>
      </c>
      <c r="C1842" t="str">
        <f>'CPT Data'!P1850</f>
        <v>CLAY</v>
      </c>
      <c r="D1842">
        <f>'CPT Data'!Q1850</f>
        <v>20.28405115522996</v>
      </c>
      <c r="E1842">
        <f t="shared" si="29"/>
        <v>20.390699930574176</v>
      </c>
      <c r="F1842">
        <f>IF(C1842="CLAY", INDEX(D$4:D1842, MATCH("CLAY", C$4:C1842, 0)), "")</f>
        <v>0.75203252561341039</v>
      </c>
    </row>
    <row r="1843" spans="1:6" x14ac:dyDescent="0.2">
      <c r="A1843" s="239">
        <f>'CPT Data'!B1851</f>
        <v>18.39</v>
      </c>
      <c r="B1843" s="3">
        <f>'CPT Data'!C1851</f>
        <v>18.382999999999999</v>
      </c>
      <c r="C1843" t="str">
        <f>'CPT Data'!P1851</f>
        <v>CLAY</v>
      </c>
      <c r="D1843">
        <f>'CPT Data'!Q1851</f>
        <v>20.323940662552587</v>
      </c>
      <c r="E1843">
        <f t="shared" si="29"/>
        <v>20.28405115522996</v>
      </c>
      <c r="F1843">
        <f>IF(C1843="CLAY", INDEX(D$4:D1843, MATCH("CLAY", C$4:C1843, 0)), "")</f>
        <v>0.75203252561341039</v>
      </c>
    </row>
    <row r="1844" spans="1:6" x14ac:dyDescent="0.2">
      <c r="A1844" s="239">
        <f>'CPT Data'!B1852</f>
        <v>18.399999999999999</v>
      </c>
      <c r="B1844" s="3">
        <f>'CPT Data'!C1852</f>
        <v>18.392999999999997</v>
      </c>
      <c r="C1844" t="str">
        <f>'CPT Data'!P1852</f>
        <v>CLAY</v>
      </c>
      <c r="D1844">
        <f>'CPT Data'!Q1852</f>
        <v>20.364797911272124</v>
      </c>
      <c r="E1844">
        <f t="shared" si="29"/>
        <v>20.323940662552587</v>
      </c>
      <c r="F1844">
        <f>IF(C1844="CLAY", INDEX(D$4:D1844, MATCH("CLAY", C$4:C1844, 0)), "")</f>
        <v>0.75203252561341039</v>
      </c>
    </row>
    <row r="1845" spans="1:6" x14ac:dyDescent="0.2">
      <c r="A1845" s="239">
        <f>'CPT Data'!B1853</f>
        <v>18.41</v>
      </c>
      <c r="B1845" s="3">
        <f>'CPT Data'!C1853</f>
        <v>18.402999999999999</v>
      </c>
      <c r="C1845" t="str">
        <f>'CPT Data'!P1853</f>
        <v>CLAY</v>
      </c>
      <c r="D1845">
        <f>'CPT Data'!Q1853</f>
        <v>20.954455709564176</v>
      </c>
      <c r="E1845">
        <f t="shared" si="29"/>
        <v>20.364797911272124</v>
      </c>
      <c r="F1845">
        <f>IF(C1845="CLAY", INDEX(D$4:D1845, MATCH("CLAY", C$4:C1845, 0)), "")</f>
        <v>0.75203252561341039</v>
      </c>
    </row>
    <row r="1846" spans="1:6" x14ac:dyDescent="0.2">
      <c r="A1846" s="239">
        <f>'CPT Data'!B1854</f>
        <v>18.419</v>
      </c>
      <c r="B1846" s="3">
        <f>'CPT Data'!C1854</f>
        <v>18.411999999999999</v>
      </c>
      <c r="C1846" t="str">
        <f>'CPT Data'!P1854</f>
        <v>CLAY</v>
      </c>
      <c r="D1846">
        <f>'CPT Data'!Q1854</f>
        <v>21.000269943582129</v>
      </c>
      <c r="E1846">
        <f t="shared" si="29"/>
        <v>20.954455709564176</v>
      </c>
      <c r="F1846">
        <f>IF(C1846="CLAY", INDEX(D$4:D1846, MATCH("CLAY", C$4:C1846, 0)), "")</f>
        <v>0.75203252561341039</v>
      </c>
    </row>
    <row r="1847" spans="1:6" x14ac:dyDescent="0.2">
      <c r="A1847" s="239">
        <f>'CPT Data'!B1855</f>
        <v>18.428999999999998</v>
      </c>
      <c r="B1847" s="3">
        <f>'CPT Data'!C1855</f>
        <v>18.421999999999997</v>
      </c>
      <c r="C1847" t="str">
        <f>'CPT Data'!P1855</f>
        <v>CLAY</v>
      </c>
      <c r="D1847">
        <f>'CPT Data'!Q1855</f>
        <v>21.027451000552642</v>
      </c>
      <c r="E1847">
        <f t="shared" si="29"/>
        <v>21.000269943582129</v>
      </c>
      <c r="F1847">
        <f>IF(C1847="CLAY", INDEX(D$4:D1847, MATCH("CLAY", C$4:C1847, 0)), "")</f>
        <v>0.75203252561341039</v>
      </c>
    </row>
    <row r="1848" spans="1:6" x14ac:dyDescent="0.2">
      <c r="A1848" s="239">
        <f>'CPT Data'!B1856</f>
        <v>18.439</v>
      </c>
      <c r="B1848" s="3">
        <f>'CPT Data'!C1856</f>
        <v>18.431999999999999</v>
      </c>
      <c r="C1848" t="str">
        <f>'CPT Data'!P1856</f>
        <v>CLAY</v>
      </c>
      <c r="D1848">
        <f>'CPT Data'!Q1856</f>
        <v>21.022935060295495</v>
      </c>
      <c r="E1848">
        <f t="shared" si="29"/>
        <v>21.027451000552642</v>
      </c>
      <c r="F1848">
        <f>IF(C1848="CLAY", INDEX(D$4:D1848, MATCH("CLAY", C$4:C1848, 0)), "")</f>
        <v>0.75203252561341039</v>
      </c>
    </row>
    <row r="1849" spans="1:6" x14ac:dyDescent="0.2">
      <c r="A1849" s="239">
        <f>'CPT Data'!B1857</f>
        <v>18.449000000000002</v>
      </c>
      <c r="B1849" s="3">
        <f>'CPT Data'!C1857</f>
        <v>18.442</v>
      </c>
      <c r="C1849" t="str">
        <f>'CPT Data'!P1857</f>
        <v>CLAY</v>
      </c>
      <c r="D1849">
        <f>'CPT Data'!Q1857</f>
        <v>21.282477549568181</v>
      </c>
      <c r="E1849">
        <f t="shared" si="29"/>
        <v>21.022935060295495</v>
      </c>
      <c r="F1849">
        <f>IF(C1849="CLAY", INDEX(D$4:D1849, MATCH("CLAY", C$4:C1849, 0)), "")</f>
        <v>0.75203252561341039</v>
      </c>
    </row>
    <row r="1850" spans="1:6" x14ac:dyDescent="0.2">
      <c r="A1850" s="239">
        <f>'CPT Data'!B1858</f>
        <v>18.46</v>
      </c>
      <c r="B1850" s="3">
        <f>'CPT Data'!C1858</f>
        <v>18.452999999999999</v>
      </c>
      <c r="C1850" t="str">
        <f>'CPT Data'!P1858</f>
        <v>CLAY</v>
      </c>
      <c r="D1850">
        <f>'CPT Data'!Q1858</f>
        <v>21.671051033062852</v>
      </c>
      <c r="E1850">
        <f t="shared" si="29"/>
        <v>21.282477549568181</v>
      </c>
      <c r="F1850">
        <f>IF(C1850="CLAY", INDEX(D$4:D1850, MATCH("CLAY", C$4:C1850, 0)), "")</f>
        <v>0.75203252561341039</v>
      </c>
    </row>
    <row r="1851" spans="1:6" x14ac:dyDescent="0.2">
      <c r="A1851" s="239">
        <f>'CPT Data'!B1859</f>
        <v>18.469000000000001</v>
      </c>
      <c r="B1851" s="3">
        <f>'CPT Data'!C1859</f>
        <v>18.462</v>
      </c>
      <c r="C1851" t="str">
        <f>'CPT Data'!P1859</f>
        <v>CLAY</v>
      </c>
      <c r="D1851">
        <f>'CPT Data'!Q1859</f>
        <v>22.50581119950715</v>
      </c>
      <c r="E1851">
        <f t="shared" si="29"/>
        <v>21.671051033062852</v>
      </c>
      <c r="F1851">
        <f>IF(C1851="CLAY", INDEX(D$4:D1851, MATCH("CLAY", C$4:C1851, 0)), "")</f>
        <v>0.75203252561341039</v>
      </c>
    </row>
    <row r="1852" spans="1:6" x14ac:dyDescent="0.2">
      <c r="A1852" s="239">
        <f>'CPT Data'!B1860</f>
        <v>18.48</v>
      </c>
      <c r="B1852" s="3">
        <f>'CPT Data'!C1860</f>
        <v>18.472999999999999</v>
      </c>
      <c r="C1852" t="str">
        <f>'CPT Data'!P1860</f>
        <v>CLAY</v>
      </c>
      <c r="D1852">
        <f>'CPT Data'!Q1860</f>
        <v>23.077170170360631</v>
      </c>
      <c r="E1852">
        <f t="shared" si="29"/>
        <v>22.50581119950715</v>
      </c>
      <c r="F1852">
        <f>IF(C1852="CLAY", INDEX(D$4:D1852, MATCH("CLAY", C$4:C1852, 0)), "")</f>
        <v>0.75203252561341039</v>
      </c>
    </row>
    <row r="1853" spans="1:6" x14ac:dyDescent="0.2">
      <c r="A1853" s="239">
        <f>'CPT Data'!B1861</f>
        <v>18.491</v>
      </c>
      <c r="B1853" s="3">
        <f>'CPT Data'!C1861</f>
        <v>18.483999999999998</v>
      </c>
      <c r="C1853" t="str">
        <f>'CPT Data'!P1861</f>
        <v>CLAY</v>
      </c>
      <c r="D1853">
        <f>'CPT Data'!Q1861</f>
        <v>24.116016008805332</v>
      </c>
      <c r="E1853">
        <f t="shared" si="29"/>
        <v>23.077170170360631</v>
      </c>
      <c r="F1853">
        <f>IF(C1853="CLAY", INDEX(D$4:D1853, MATCH("CLAY", C$4:C1853, 0)), "")</f>
        <v>0.75203252561341039</v>
      </c>
    </row>
    <row r="1854" spans="1:6" x14ac:dyDescent="0.2">
      <c r="A1854" s="239">
        <f>'CPT Data'!B1862</f>
        <v>18.5</v>
      </c>
      <c r="B1854" s="3">
        <f>'CPT Data'!C1862</f>
        <v>18.492999999999999</v>
      </c>
      <c r="C1854" t="str">
        <f>'CPT Data'!P1862</f>
        <v>CLAY</v>
      </c>
      <c r="D1854">
        <f>'CPT Data'!Q1862</f>
        <v>25.125433859310011</v>
      </c>
      <c r="E1854">
        <f t="shared" si="29"/>
        <v>24.116016008805332</v>
      </c>
      <c r="F1854">
        <f>IF(C1854="CLAY", INDEX(D$4:D1854, MATCH("CLAY", C$4:C1854, 0)), "")</f>
        <v>0.75203252561341039</v>
      </c>
    </row>
    <row r="1855" spans="1:6" x14ac:dyDescent="0.2">
      <c r="A1855" s="239">
        <f>'CPT Data'!B1863</f>
        <v>18.510000000000002</v>
      </c>
      <c r="B1855" s="3">
        <f>'CPT Data'!C1863</f>
        <v>18.503</v>
      </c>
      <c r="C1855" t="str">
        <f>'CPT Data'!P1863</f>
        <v>CLAY</v>
      </c>
      <c r="D1855">
        <f>'CPT Data'!Q1863</f>
        <v>26.612405808242631</v>
      </c>
      <c r="E1855">
        <f t="shared" si="29"/>
        <v>25.125433859310011</v>
      </c>
      <c r="F1855">
        <f>IF(C1855="CLAY", INDEX(D$4:D1855, MATCH("CLAY", C$4:C1855, 0)), "")</f>
        <v>0.75203252561341039</v>
      </c>
    </row>
    <row r="1856" spans="1:6" x14ac:dyDescent="0.2">
      <c r="A1856" s="239">
        <f>'CPT Data'!B1864</f>
        <v>18.521000000000001</v>
      </c>
      <c r="B1856" s="3">
        <f>'CPT Data'!C1864</f>
        <v>18.513999999999999</v>
      </c>
      <c r="C1856" t="str">
        <f>'CPT Data'!P1864</f>
        <v>CLAY</v>
      </c>
      <c r="D1856">
        <f>'CPT Data'!Q1864</f>
        <v>28.530675647083612</v>
      </c>
      <c r="E1856">
        <f t="shared" si="29"/>
        <v>26.612405808242631</v>
      </c>
      <c r="F1856">
        <f>IF(C1856="CLAY", INDEX(D$4:D1856, MATCH("CLAY", C$4:C1856, 0)), "")</f>
        <v>0.75203252561341039</v>
      </c>
    </row>
    <row r="1857" spans="1:6" x14ac:dyDescent="0.2">
      <c r="A1857" s="239">
        <f>'CPT Data'!B1865</f>
        <v>18.53</v>
      </c>
      <c r="B1857" s="3">
        <f>'CPT Data'!C1865</f>
        <v>18.523</v>
      </c>
      <c r="C1857" t="str">
        <f>'CPT Data'!P1865</f>
        <v>CLAY</v>
      </c>
      <c r="D1857">
        <f>'CPT Data'!Q1865</f>
        <v>29.446390121709101</v>
      </c>
      <c r="E1857">
        <f t="shared" si="29"/>
        <v>28.530675647083612</v>
      </c>
      <c r="F1857">
        <f>IF(C1857="CLAY", INDEX(D$4:D1857, MATCH("CLAY", C$4:C1857, 0)), "")</f>
        <v>0.75203252561341039</v>
      </c>
    </row>
    <row r="1858" spans="1:6" x14ac:dyDescent="0.2">
      <c r="A1858" s="239">
        <f>'CPT Data'!B1866</f>
        <v>18.54</v>
      </c>
      <c r="B1858" s="3">
        <f>'CPT Data'!C1866</f>
        <v>18.532999999999998</v>
      </c>
      <c r="C1858" t="str">
        <f>'CPT Data'!P1866</f>
        <v>CLAY</v>
      </c>
      <c r="D1858">
        <f>'CPT Data'!Q1866</f>
        <v>28.527023174534932</v>
      </c>
      <c r="E1858">
        <f t="shared" si="29"/>
        <v>29.446390121709101</v>
      </c>
      <c r="F1858">
        <f>IF(C1858="CLAY", INDEX(D$4:D1858, MATCH("CLAY", C$4:C1858, 0)), "")</f>
        <v>0.75203252561341039</v>
      </c>
    </row>
    <row r="1859" spans="1:6" x14ac:dyDescent="0.2">
      <c r="A1859" s="239">
        <f>'CPT Data'!B1867</f>
        <v>18.55</v>
      </c>
      <c r="B1859" s="3">
        <f>'CPT Data'!C1867</f>
        <v>18.542999999999999</v>
      </c>
      <c r="C1859" t="str">
        <f>'CPT Data'!P1867</f>
        <v>CLAY</v>
      </c>
      <c r="D1859">
        <f>'CPT Data'!Q1867</f>
        <v>27.90944766640315</v>
      </c>
      <c r="E1859">
        <f t="shared" si="29"/>
        <v>28.527023174534932</v>
      </c>
      <c r="F1859">
        <f>IF(C1859="CLAY", INDEX(D$4:D1859, MATCH("CLAY", C$4:C1859, 0)), "")</f>
        <v>0.75203252561341039</v>
      </c>
    </row>
    <row r="1860" spans="1:6" x14ac:dyDescent="0.2">
      <c r="A1860" s="239">
        <f>'CPT Data'!B1868</f>
        <v>18.559000000000001</v>
      </c>
      <c r="B1860" s="3">
        <f>'CPT Data'!C1868</f>
        <v>18.552</v>
      </c>
      <c r="C1860" t="str">
        <f>'CPT Data'!P1868</f>
        <v>CLAY</v>
      </c>
      <c r="D1860">
        <f>'CPT Data'!Q1868</f>
        <v>26.796555922555502</v>
      </c>
      <c r="E1860">
        <f t="shared" si="29"/>
        <v>27.90944766640315</v>
      </c>
      <c r="F1860">
        <f>IF(C1860="CLAY", INDEX(D$4:D1860, MATCH("CLAY", C$4:C1860, 0)), "")</f>
        <v>0.75203252561341039</v>
      </c>
    </row>
    <row r="1861" spans="1:6" x14ac:dyDescent="0.2">
      <c r="A1861" s="239">
        <f>'CPT Data'!B1869</f>
        <v>18.57</v>
      </c>
      <c r="B1861" s="3">
        <f>'CPT Data'!C1869</f>
        <v>18.562999999999999</v>
      </c>
      <c r="C1861" t="str">
        <f>'CPT Data'!P1869</f>
        <v>CLAY</v>
      </c>
      <c r="D1861">
        <f>'CPT Data'!Q1869</f>
        <v>26.302497517242472</v>
      </c>
      <c r="E1861">
        <f t="shared" si="29"/>
        <v>26.796555922555502</v>
      </c>
      <c r="F1861">
        <f>IF(C1861="CLAY", INDEX(D$4:D1861, MATCH("CLAY", C$4:C1861, 0)), "")</f>
        <v>0.75203252561341039</v>
      </c>
    </row>
    <row r="1862" spans="1:6" x14ac:dyDescent="0.2">
      <c r="A1862" s="239">
        <f>'CPT Data'!B1870</f>
        <v>18.579000000000001</v>
      </c>
      <c r="B1862" s="3">
        <f>'CPT Data'!C1870</f>
        <v>18.571999999999999</v>
      </c>
      <c r="C1862" t="str">
        <f>'CPT Data'!P1870</f>
        <v>CLAY</v>
      </c>
      <c r="D1862">
        <f>'CPT Data'!Q1870</f>
        <v>28.462009900684496</v>
      </c>
      <c r="E1862">
        <f t="shared" si="29"/>
        <v>26.302497517242472</v>
      </c>
      <c r="F1862">
        <f>IF(C1862="CLAY", INDEX(D$4:D1862, MATCH("CLAY", C$4:C1862, 0)), "")</f>
        <v>0.75203252561341039</v>
      </c>
    </row>
    <row r="1863" spans="1:6" x14ac:dyDescent="0.2">
      <c r="A1863" s="239">
        <f>'CPT Data'!B1871</f>
        <v>18.59</v>
      </c>
      <c r="B1863" s="3">
        <f>'CPT Data'!C1871</f>
        <v>18.582999999999998</v>
      </c>
      <c r="C1863" t="str">
        <f>'CPT Data'!P1871</f>
        <v>CLAY</v>
      </c>
      <c r="D1863">
        <f>'CPT Data'!Q1871</f>
        <v>35.668030185298754</v>
      </c>
      <c r="E1863">
        <f t="shared" si="29"/>
        <v>28.462009900684496</v>
      </c>
      <c r="F1863">
        <f>IF(C1863="CLAY", INDEX(D$4:D1863, MATCH("CLAY", C$4:C1863, 0)), "")</f>
        <v>0.75203252561341039</v>
      </c>
    </row>
    <row r="1864" spans="1:6" x14ac:dyDescent="0.2">
      <c r="A1864" s="239">
        <f>'CPT Data'!B1872</f>
        <v>18.599</v>
      </c>
      <c r="B1864" s="3">
        <f>'CPT Data'!C1872</f>
        <v>18.591999999999999</v>
      </c>
      <c r="C1864" t="str">
        <f>'CPT Data'!P1872</f>
        <v>CLAY</v>
      </c>
      <c r="D1864">
        <f>'CPT Data'!Q1872</f>
        <v>53.099201037908379</v>
      </c>
      <c r="E1864">
        <f t="shared" si="29"/>
        <v>35.668030185298754</v>
      </c>
      <c r="F1864">
        <f>IF(C1864="CLAY", INDEX(D$4:D1864, MATCH("CLAY", C$4:C1864, 0)), "")</f>
        <v>0.75203252561341039</v>
      </c>
    </row>
    <row r="1865" spans="1:6" x14ac:dyDescent="0.2">
      <c r="A1865" s="239">
        <f>'CPT Data'!B1873</f>
        <v>18.609000000000002</v>
      </c>
      <c r="B1865" s="3">
        <f>'CPT Data'!C1873</f>
        <v>18.602</v>
      </c>
      <c r="C1865" t="str">
        <f>'CPT Data'!P1873</f>
        <v>CLAY</v>
      </c>
      <c r="D1865">
        <f>'CPT Data'!Q1873</f>
        <v>78.787650749175683</v>
      </c>
      <c r="E1865">
        <f t="shared" si="29"/>
        <v>53.099201037908379</v>
      </c>
      <c r="F1865">
        <f>IF(C1865="CLAY", INDEX(D$4:D1865, MATCH("CLAY", C$4:C1865, 0)), "")</f>
        <v>0.75203252561341039</v>
      </c>
    </row>
    <row r="1866" spans="1:6" x14ac:dyDescent="0.2">
      <c r="A1866" s="239">
        <f>'CPT Data'!B1874</f>
        <v>18.619</v>
      </c>
      <c r="B1866" s="3">
        <f>'CPT Data'!C1874</f>
        <v>18.611999999999998</v>
      </c>
      <c r="C1866" t="str">
        <f>'CPT Data'!P1874</f>
        <v>SAND</v>
      </c>
      <c r="D1866" t="e">
        <f>'CPT Data'!Q1874</f>
        <v>#N/A</v>
      </c>
      <c r="E1866" t="e">
        <f t="shared" si="29"/>
        <v>#N/A</v>
      </c>
      <c r="F1866" t="str">
        <f>IF(C1866="CLAY", INDEX(D$4:D1866, MATCH("CLAY", C$4:C1866, 0)), "")</f>
        <v/>
      </c>
    </row>
    <row r="1867" spans="1:6" x14ac:dyDescent="0.2">
      <c r="A1867" s="239">
        <f>'CPT Data'!B1875</f>
        <v>18.629000000000001</v>
      </c>
      <c r="B1867" s="3">
        <f>'CPT Data'!C1875</f>
        <v>18.622</v>
      </c>
      <c r="C1867" t="str">
        <f>'CPT Data'!P1875</f>
        <v>SAND</v>
      </c>
      <c r="D1867" t="e">
        <f>'CPT Data'!Q1875</f>
        <v>#N/A</v>
      </c>
      <c r="E1867" t="e">
        <f t="shared" si="29"/>
        <v>#N/A</v>
      </c>
      <c r="F1867" t="str">
        <f>IF(C1867="CLAY", INDEX(D$4:D1867, MATCH("CLAY", C$4:C1867, 0)), "")</f>
        <v/>
      </c>
    </row>
    <row r="1868" spans="1:6" x14ac:dyDescent="0.2">
      <c r="A1868" s="239">
        <f>'CPT Data'!B1876</f>
        <v>18.638999999999999</v>
      </c>
      <c r="B1868" s="3">
        <f>'CPT Data'!C1876</f>
        <v>18.631999999999998</v>
      </c>
      <c r="C1868" t="str">
        <f>'CPT Data'!P1876</f>
        <v>SAND</v>
      </c>
      <c r="D1868" t="e">
        <f>'CPT Data'!Q1876</f>
        <v>#N/A</v>
      </c>
      <c r="E1868" t="e">
        <f t="shared" si="29"/>
        <v>#N/A</v>
      </c>
      <c r="F1868" t="str">
        <f>IF(C1868="CLAY", INDEX(D$4:D1868, MATCH("CLAY", C$4:C1868, 0)), "")</f>
        <v/>
      </c>
    </row>
    <row r="1869" spans="1:6" x14ac:dyDescent="0.2">
      <c r="A1869" s="239">
        <f>'CPT Data'!B1877</f>
        <v>18.649000000000001</v>
      </c>
      <c r="B1869" s="3">
        <f>'CPT Data'!C1877</f>
        <v>18.641999999999999</v>
      </c>
      <c r="C1869" t="str">
        <f>'CPT Data'!P1877</f>
        <v>SAND</v>
      </c>
      <c r="D1869" t="e">
        <f>'CPT Data'!Q1877</f>
        <v>#N/A</v>
      </c>
      <c r="E1869" t="e">
        <f t="shared" si="29"/>
        <v>#N/A</v>
      </c>
      <c r="F1869" t="str">
        <f>IF(C1869="CLAY", INDEX(D$4:D1869, MATCH("CLAY", C$4:C1869, 0)), "")</f>
        <v/>
      </c>
    </row>
    <row r="1870" spans="1:6" x14ac:dyDescent="0.2">
      <c r="A1870" s="239">
        <f>'CPT Data'!B1878</f>
        <v>18.658999999999999</v>
      </c>
      <c r="B1870" s="3">
        <f>'CPT Data'!C1878</f>
        <v>18.651999999999997</v>
      </c>
      <c r="C1870" t="str">
        <f>'CPT Data'!P1878</f>
        <v>SAND</v>
      </c>
      <c r="D1870" t="e">
        <f>'CPT Data'!Q1878</f>
        <v>#N/A</v>
      </c>
      <c r="E1870" t="e">
        <f t="shared" si="29"/>
        <v>#N/A</v>
      </c>
      <c r="F1870" t="str">
        <f>IF(C1870="CLAY", INDEX(D$4:D1870, MATCH("CLAY", C$4:C1870, 0)), "")</f>
        <v/>
      </c>
    </row>
    <row r="1871" spans="1:6" x14ac:dyDescent="0.2">
      <c r="A1871" s="239">
        <f>'CPT Data'!B1879</f>
        <v>18.669</v>
      </c>
      <c r="B1871" s="3">
        <f>'CPT Data'!C1879</f>
        <v>18.661999999999999</v>
      </c>
      <c r="C1871" t="str">
        <f>'CPT Data'!P1879</f>
        <v>SAND</v>
      </c>
      <c r="D1871" t="e">
        <f>'CPT Data'!Q1879</f>
        <v>#N/A</v>
      </c>
      <c r="E1871" t="e">
        <f t="shared" si="29"/>
        <v>#N/A</v>
      </c>
      <c r="F1871" t="str">
        <f>IF(C1871="CLAY", INDEX(D$4:D1871, MATCH("CLAY", C$4:C1871, 0)), "")</f>
        <v/>
      </c>
    </row>
    <row r="1872" spans="1:6" x14ac:dyDescent="0.2">
      <c r="A1872" s="239">
        <f>'CPT Data'!B1880</f>
        <v>18.678999999999998</v>
      </c>
      <c r="B1872" s="3">
        <f>'CPT Data'!C1880</f>
        <v>18.671999999999997</v>
      </c>
      <c r="C1872" t="str">
        <f>'CPT Data'!P1880</f>
        <v>SAND</v>
      </c>
      <c r="D1872" t="e">
        <f>'CPT Data'!Q1880</f>
        <v>#N/A</v>
      </c>
      <c r="E1872" t="e">
        <f t="shared" si="29"/>
        <v>#N/A</v>
      </c>
      <c r="F1872" t="str">
        <f>IF(C1872="CLAY", INDEX(D$4:D1872, MATCH("CLAY", C$4:C1872, 0)), "")</f>
        <v/>
      </c>
    </row>
    <row r="1873" spans="1:6" x14ac:dyDescent="0.2">
      <c r="A1873" s="239">
        <f>'CPT Data'!B1881</f>
        <v>18.689</v>
      </c>
      <c r="B1873" s="3">
        <f>'CPT Data'!C1881</f>
        <v>18.681999999999999</v>
      </c>
      <c r="C1873" t="str">
        <f>'CPT Data'!P1881</f>
        <v>SAND</v>
      </c>
      <c r="D1873" t="e">
        <f>'CPT Data'!Q1881</f>
        <v>#N/A</v>
      </c>
      <c r="E1873" t="e">
        <f t="shared" si="29"/>
        <v>#N/A</v>
      </c>
      <c r="F1873" t="str">
        <f>IF(C1873="CLAY", INDEX(D$4:D1873, MATCH("CLAY", C$4:C1873, 0)), "")</f>
        <v/>
      </c>
    </row>
    <row r="1874" spans="1:6" x14ac:dyDescent="0.2">
      <c r="A1874" s="239">
        <f>'CPT Data'!B1882</f>
        <v>18.699000000000002</v>
      </c>
      <c r="B1874" s="3">
        <f>'CPT Data'!C1882</f>
        <v>18.692</v>
      </c>
      <c r="C1874" t="str">
        <f>'CPT Data'!P1882</f>
        <v>SAND</v>
      </c>
      <c r="D1874" t="e">
        <f>'CPT Data'!Q1882</f>
        <v>#N/A</v>
      </c>
      <c r="E1874" t="e">
        <f t="shared" si="29"/>
        <v>#N/A</v>
      </c>
      <c r="F1874" t="str">
        <f>IF(C1874="CLAY", INDEX(D$4:D1874, MATCH("CLAY", C$4:C1874, 0)), "")</f>
        <v/>
      </c>
    </row>
    <row r="1875" spans="1:6" x14ac:dyDescent="0.2">
      <c r="A1875" s="239">
        <f>'CPT Data'!B1883</f>
        <v>18.707999999999998</v>
      </c>
      <c r="B1875" s="3">
        <f>'CPT Data'!C1883</f>
        <v>18.700999999999997</v>
      </c>
      <c r="C1875" t="str">
        <f>'CPT Data'!P1883</f>
        <v>SAND</v>
      </c>
      <c r="D1875" t="e">
        <f>'CPT Data'!Q1883</f>
        <v>#N/A</v>
      </c>
      <c r="E1875" t="e">
        <f t="shared" si="29"/>
        <v>#N/A</v>
      </c>
      <c r="F1875" t="str">
        <f>IF(C1875="CLAY", INDEX(D$4:D1875, MATCH("CLAY", C$4:C1875, 0)), "")</f>
        <v/>
      </c>
    </row>
    <row r="1876" spans="1:6" x14ac:dyDescent="0.2">
      <c r="A1876" s="239">
        <f>'CPT Data'!B1884</f>
        <v>18.707999999999998</v>
      </c>
      <c r="B1876" s="3">
        <f>'CPT Data'!C1884</f>
        <v>18.700999999999997</v>
      </c>
      <c r="C1876" t="str">
        <f>'CPT Data'!P1884</f>
        <v>SAND</v>
      </c>
      <c r="D1876" t="e">
        <f>'CPT Data'!Q1884</f>
        <v>#N/A</v>
      </c>
      <c r="E1876" t="e">
        <f t="shared" si="29"/>
        <v>#N/A</v>
      </c>
      <c r="F1876" t="str">
        <f>IF(C1876="CLAY", INDEX(D$4:D1876, MATCH("CLAY", C$4:C1876, 0)), "")</f>
        <v/>
      </c>
    </row>
    <row r="1877" spans="1:6" x14ac:dyDescent="0.2">
      <c r="A1877" s="239">
        <f>'CPT Data'!B1885</f>
        <v>18.707999999999998</v>
      </c>
      <c r="B1877" s="3">
        <f>'CPT Data'!C1885</f>
        <v>18.700999999999997</v>
      </c>
      <c r="C1877" t="str">
        <f>'CPT Data'!P1885</f>
        <v>SAND</v>
      </c>
      <c r="D1877" t="e">
        <f>'CPT Data'!Q1885</f>
        <v>#N/A</v>
      </c>
      <c r="E1877" t="e">
        <f t="shared" si="29"/>
        <v>#N/A</v>
      </c>
      <c r="F1877" t="str">
        <f>IF(C1877="CLAY", INDEX(D$4:D1877, MATCH("CLAY", C$4:C1877, 0)), "")</f>
        <v/>
      </c>
    </row>
    <row r="1878" spans="1:6" x14ac:dyDescent="0.2">
      <c r="A1878" s="239">
        <f>'CPT Data'!B1886</f>
        <v>18.707999999999998</v>
      </c>
      <c r="B1878" s="3">
        <f>'CPT Data'!C1886</f>
        <v>18.700999999999997</v>
      </c>
      <c r="C1878" t="str">
        <f>'CPT Data'!P1886</f>
        <v>SAND</v>
      </c>
      <c r="D1878" t="e">
        <f>'CPT Data'!Q1886</f>
        <v>#N/A</v>
      </c>
      <c r="E1878" t="e">
        <f t="shared" si="29"/>
        <v>#N/A</v>
      </c>
      <c r="F1878" t="str">
        <f>IF(C1878="CLAY", INDEX(D$4:D1878, MATCH("CLAY", C$4:C1878, 0)), "")</f>
        <v/>
      </c>
    </row>
    <row r="1879" spans="1:6" x14ac:dyDescent="0.2">
      <c r="A1879" s="239">
        <f>'CPT Data'!B1887</f>
        <v>18.716000000000001</v>
      </c>
      <c r="B1879" s="3">
        <f>'CPT Data'!C1887</f>
        <v>18.709</v>
      </c>
      <c r="C1879" t="str">
        <f>'CPT Data'!P1887</f>
        <v>SAND</v>
      </c>
      <c r="D1879" t="e">
        <f>'CPT Data'!Q1887</f>
        <v>#N/A</v>
      </c>
      <c r="E1879" t="e">
        <f t="shared" si="29"/>
        <v>#N/A</v>
      </c>
      <c r="F1879" t="str">
        <f>IF(C1879="CLAY", INDEX(D$4:D1879, MATCH("CLAY", C$4:C1879, 0)), "")</f>
        <v/>
      </c>
    </row>
    <row r="1880" spans="1:6" x14ac:dyDescent="0.2">
      <c r="A1880" s="239">
        <f>'CPT Data'!B1888</f>
        <v>18.725999999999999</v>
      </c>
      <c r="B1880" s="3">
        <f>'CPT Data'!C1888</f>
        <v>18.718999999999998</v>
      </c>
      <c r="C1880" t="str">
        <f>'CPT Data'!P1888</f>
        <v>SAND</v>
      </c>
      <c r="D1880" t="e">
        <f>'CPT Data'!Q1888</f>
        <v>#N/A</v>
      </c>
      <c r="E1880" t="e">
        <f t="shared" si="29"/>
        <v>#N/A</v>
      </c>
      <c r="F1880" t="str">
        <f>IF(C1880="CLAY", INDEX(D$4:D1880, MATCH("CLAY", C$4:C1880, 0)), "")</f>
        <v/>
      </c>
    </row>
    <row r="1881" spans="1:6" x14ac:dyDescent="0.2">
      <c r="A1881" s="239">
        <f>'CPT Data'!B1889</f>
        <v>18.734999999999999</v>
      </c>
      <c r="B1881" s="3">
        <f>'CPT Data'!C1889</f>
        <v>18.727999999999998</v>
      </c>
      <c r="C1881" t="str">
        <f>'CPT Data'!P1889</f>
        <v>SAND</v>
      </c>
      <c r="D1881" t="e">
        <f>'CPT Data'!Q1889</f>
        <v>#N/A</v>
      </c>
      <c r="E1881" t="e">
        <f t="shared" si="29"/>
        <v>#N/A</v>
      </c>
      <c r="F1881" t="str">
        <f>IF(C1881="CLAY", INDEX(D$4:D1881, MATCH("CLAY", C$4:C1881, 0)), "")</f>
        <v/>
      </c>
    </row>
    <row r="1882" spans="1:6" x14ac:dyDescent="0.2">
      <c r="A1882" s="239">
        <f>'CPT Data'!B1890</f>
        <v>18.744</v>
      </c>
      <c r="B1882" s="3">
        <f>'CPT Data'!C1890</f>
        <v>18.736999999999998</v>
      </c>
      <c r="C1882" t="str">
        <f>'CPT Data'!P1890</f>
        <v>SAND</v>
      </c>
      <c r="D1882" t="e">
        <f>'CPT Data'!Q1890</f>
        <v>#N/A</v>
      </c>
      <c r="E1882" t="e">
        <f t="shared" si="29"/>
        <v>#N/A</v>
      </c>
      <c r="F1882" t="str">
        <f>IF(C1882="CLAY", INDEX(D$4:D1882, MATCH("CLAY", C$4:C1882, 0)), "")</f>
        <v/>
      </c>
    </row>
    <row r="1883" spans="1:6" x14ac:dyDescent="0.2">
      <c r="A1883" s="239">
        <f>'CPT Data'!B1891</f>
        <v>18.754999999999999</v>
      </c>
      <c r="B1883" s="3">
        <f>'CPT Data'!C1891</f>
        <v>18.747999999999998</v>
      </c>
      <c r="C1883" t="str">
        <f>'CPT Data'!P1891</f>
        <v>SAND</v>
      </c>
      <c r="D1883" t="e">
        <f>'CPT Data'!Q1891</f>
        <v>#N/A</v>
      </c>
      <c r="E1883" t="e">
        <f t="shared" ref="E1883:E1946" si="30">IF(C1883="SAND",#N/A,IF(C1883=C1882,D1882,IF(C1883="CLAY",D1883,#N/A)))</f>
        <v>#N/A</v>
      </c>
      <c r="F1883" t="str">
        <f>IF(C1883="CLAY", INDEX(D$4:D1883, MATCH("CLAY", C$4:C1883, 0)), "")</f>
        <v/>
      </c>
    </row>
    <row r="1884" spans="1:6" x14ac:dyDescent="0.2">
      <c r="A1884" s="239">
        <f>'CPT Data'!B1892</f>
        <v>18.763999999999999</v>
      </c>
      <c r="B1884" s="3">
        <f>'CPT Data'!C1892</f>
        <v>18.756999999999998</v>
      </c>
      <c r="C1884" t="str">
        <f>'CPT Data'!P1892</f>
        <v>SAND</v>
      </c>
      <c r="D1884" t="e">
        <f>'CPT Data'!Q1892</f>
        <v>#N/A</v>
      </c>
      <c r="E1884" t="e">
        <f t="shared" si="30"/>
        <v>#N/A</v>
      </c>
      <c r="F1884" t="str">
        <f>IF(C1884="CLAY", INDEX(D$4:D1884, MATCH("CLAY", C$4:C1884, 0)), "")</f>
        <v/>
      </c>
    </row>
    <row r="1885" spans="1:6" x14ac:dyDescent="0.2">
      <c r="A1885" s="239">
        <f>'CPT Data'!B1893</f>
        <v>18.774000000000001</v>
      </c>
      <c r="B1885" s="3">
        <f>'CPT Data'!C1893</f>
        <v>18.766999999999999</v>
      </c>
      <c r="C1885" t="str">
        <f>'CPT Data'!P1893</f>
        <v>SAND</v>
      </c>
      <c r="D1885" t="e">
        <f>'CPT Data'!Q1893</f>
        <v>#N/A</v>
      </c>
      <c r="E1885" t="e">
        <f t="shared" si="30"/>
        <v>#N/A</v>
      </c>
      <c r="F1885" t="str">
        <f>IF(C1885="CLAY", INDEX(D$4:D1885, MATCH("CLAY", C$4:C1885, 0)), "")</f>
        <v/>
      </c>
    </row>
    <row r="1886" spans="1:6" x14ac:dyDescent="0.2">
      <c r="A1886" s="239">
        <f>'CPT Data'!B1894</f>
        <v>18.785</v>
      </c>
      <c r="B1886" s="3">
        <f>'CPT Data'!C1894</f>
        <v>18.777999999999999</v>
      </c>
      <c r="C1886" t="str">
        <f>'CPT Data'!P1894</f>
        <v>SAND</v>
      </c>
      <c r="D1886" t="e">
        <f>'CPT Data'!Q1894</f>
        <v>#N/A</v>
      </c>
      <c r="E1886" t="e">
        <f t="shared" si="30"/>
        <v>#N/A</v>
      </c>
      <c r="F1886" t="str">
        <f>IF(C1886="CLAY", INDEX(D$4:D1886, MATCH("CLAY", C$4:C1886, 0)), "")</f>
        <v/>
      </c>
    </row>
    <row r="1887" spans="1:6" x14ac:dyDescent="0.2">
      <c r="A1887" s="239">
        <f>'CPT Data'!B1895</f>
        <v>18.794</v>
      </c>
      <c r="B1887" s="3">
        <f>'CPT Data'!C1895</f>
        <v>18.786999999999999</v>
      </c>
      <c r="C1887" t="str">
        <f>'CPT Data'!P1895</f>
        <v>CLAY</v>
      </c>
      <c r="D1887">
        <f>'CPT Data'!Q1895</f>
        <v>143.00793621797069</v>
      </c>
      <c r="E1887">
        <f t="shared" si="30"/>
        <v>143.00793621797069</v>
      </c>
      <c r="F1887">
        <f>IF(C1887="CLAY", INDEX(D$4:D1887, MATCH("CLAY", C$4:C1887, 0)), "")</f>
        <v>0.75203252561341039</v>
      </c>
    </row>
    <row r="1888" spans="1:6" x14ac:dyDescent="0.2">
      <c r="A1888" s="239">
        <f>'CPT Data'!B1896</f>
        <v>18.805</v>
      </c>
      <c r="B1888" s="3">
        <f>'CPT Data'!C1896</f>
        <v>18.797999999999998</v>
      </c>
      <c r="C1888" t="str">
        <f>'CPT Data'!P1896</f>
        <v>CLAY</v>
      </c>
      <c r="D1888">
        <f>'CPT Data'!Q1896</f>
        <v>131.90186525702725</v>
      </c>
      <c r="E1888">
        <f t="shared" si="30"/>
        <v>143.00793621797069</v>
      </c>
      <c r="F1888">
        <f>IF(C1888="CLAY", INDEX(D$4:D1888, MATCH("CLAY", C$4:C1888, 0)), "")</f>
        <v>0.75203252561341039</v>
      </c>
    </row>
    <row r="1889" spans="1:6" x14ac:dyDescent="0.2">
      <c r="A1889" s="239">
        <f>'CPT Data'!B1897</f>
        <v>18.809000000000001</v>
      </c>
      <c r="B1889" s="3">
        <f>'CPT Data'!C1897</f>
        <v>18.802</v>
      </c>
      <c r="C1889" t="str">
        <f>'CPT Data'!P1897</f>
        <v>CLAY</v>
      </c>
      <c r="D1889">
        <f>'CPT Data'!Q1897</f>
        <v>113.9692614051731</v>
      </c>
      <c r="E1889">
        <f t="shared" si="30"/>
        <v>131.90186525702725</v>
      </c>
      <c r="F1889">
        <f>IF(C1889="CLAY", INDEX(D$4:D1889, MATCH("CLAY", C$4:C1889, 0)), "")</f>
        <v>0.75203252561341039</v>
      </c>
    </row>
    <row r="1890" spans="1:6" x14ac:dyDescent="0.2">
      <c r="A1890" s="239">
        <f>'CPT Data'!B1898</f>
        <v>18.809000000000001</v>
      </c>
      <c r="B1890" s="3">
        <f>'CPT Data'!C1898</f>
        <v>18.802</v>
      </c>
      <c r="C1890" t="str">
        <f>'CPT Data'!P1898</f>
        <v>CLAY</v>
      </c>
      <c r="D1890">
        <f>'CPT Data'!Q1898</f>
        <v>92.93036011002512</v>
      </c>
      <c r="E1890">
        <f t="shared" si="30"/>
        <v>113.9692614051731</v>
      </c>
      <c r="F1890">
        <f>IF(C1890="CLAY", INDEX(D$4:D1890, MATCH("CLAY", C$4:C1890, 0)), "")</f>
        <v>0.75203252561341039</v>
      </c>
    </row>
    <row r="1891" spans="1:6" x14ac:dyDescent="0.2">
      <c r="A1891" s="239">
        <f>'CPT Data'!B1899</f>
        <v>18.809000000000001</v>
      </c>
      <c r="B1891" s="3">
        <f>'CPT Data'!C1899</f>
        <v>18.802</v>
      </c>
      <c r="C1891" t="str">
        <f>'CPT Data'!P1899</f>
        <v>CLAY</v>
      </c>
      <c r="D1891">
        <f>'CPT Data'!Q1899</f>
        <v>73.45342184107983</v>
      </c>
      <c r="E1891">
        <f t="shared" si="30"/>
        <v>92.93036011002512</v>
      </c>
      <c r="F1891">
        <f>IF(C1891="CLAY", INDEX(D$4:D1891, MATCH("CLAY", C$4:C1891, 0)), "")</f>
        <v>0.75203252561341039</v>
      </c>
    </row>
    <row r="1892" spans="1:6" x14ac:dyDescent="0.2">
      <c r="A1892" s="239">
        <f>'CPT Data'!B1900</f>
        <v>18.809000000000001</v>
      </c>
      <c r="B1892" s="3">
        <f>'CPT Data'!C1900</f>
        <v>18.802</v>
      </c>
      <c r="C1892" t="str">
        <f>'CPT Data'!P1900</f>
        <v>CLAY</v>
      </c>
      <c r="D1892">
        <f>'CPT Data'!Q1900</f>
        <v>70.834799803941678</v>
      </c>
      <c r="E1892">
        <f t="shared" si="30"/>
        <v>73.45342184107983</v>
      </c>
      <c r="F1892">
        <f>IF(C1892="CLAY", INDEX(D$4:D1892, MATCH("CLAY", C$4:C1892, 0)), "")</f>
        <v>0.75203252561341039</v>
      </c>
    </row>
    <row r="1893" spans="1:6" x14ac:dyDescent="0.2">
      <c r="A1893" s="239">
        <f>'CPT Data'!B1901</f>
        <v>18.812000000000001</v>
      </c>
      <c r="B1893" s="3">
        <f>'CPT Data'!C1901</f>
        <v>18.805</v>
      </c>
      <c r="C1893" t="str">
        <f>'CPT Data'!P1901</f>
        <v>CLAY</v>
      </c>
      <c r="D1893">
        <f>'CPT Data'!Q1901</f>
        <v>68.53286179865124</v>
      </c>
      <c r="E1893">
        <f t="shared" si="30"/>
        <v>70.834799803941678</v>
      </c>
      <c r="F1893">
        <f>IF(C1893="CLAY", INDEX(D$4:D1893, MATCH("CLAY", C$4:C1893, 0)), "")</f>
        <v>0.75203252561341039</v>
      </c>
    </row>
    <row r="1894" spans="1:6" x14ac:dyDescent="0.2">
      <c r="A1894" s="239">
        <f>'CPT Data'!B1902</f>
        <v>18.821000000000002</v>
      </c>
      <c r="B1894" s="3">
        <f>'CPT Data'!C1902</f>
        <v>18.814</v>
      </c>
      <c r="C1894" t="str">
        <f>'CPT Data'!P1902</f>
        <v>CLAY</v>
      </c>
      <c r="D1894">
        <f>'CPT Data'!Q1902</f>
        <v>69.316105612837532</v>
      </c>
      <c r="E1894">
        <f t="shared" si="30"/>
        <v>68.53286179865124</v>
      </c>
      <c r="F1894">
        <f>IF(C1894="CLAY", INDEX(D$4:D1894, MATCH("CLAY", C$4:C1894, 0)), "")</f>
        <v>0.75203252561341039</v>
      </c>
    </row>
    <row r="1895" spans="1:6" x14ac:dyDescent="0.2">
      <c r="A1895" s="239">
        <f>'CPT Data'!B1903</f>
        <v>18.832000000000001</v>
      </c>
      <c r="B1895" s="3">
        <f>'CPT Data'!C1903</f>
        <v>18.824999999999999</v>
      </c>
      <c r="C1895" t="str">
        <f>'CPT Data'!P1903</f>
        <v>CLAY</v>
      </c>
      <c r="D1895">
        <f>'CPT Data'!Q1903</f>
        <v>93.125210699584969</v>
      </c>
      <c r="E1895">
        <f t="shared" si="30"/>
        <v>69.316105612837532</v>
      </c>
      <c r="F1895">
        <f>IF(C1895="CLAY", INDEX(D$4:D1895, MATCH("CLAY", C$4:C1895, 0)), "")</f>
        <v>0.75203252561341039</v>
      </c>
    </row>
    <row r="1896" spans="1:6" x14ac:dyDescent="0.2">
      <c r="A1896" s="239">
        <f>'CPT Data'!B1904</f>
        <v>18.841999999999999</v>
      </c>
      <c r="B1896" s="3">
        <f>'CPT Data'!C1904</f>
        <v>18.834999999999997</v>
      </c>
      <c r="C1896" t="str">
        <f>'CPT Data'!P1904</f>
        <v>CLAY</v>
      </c>
      <c r="D1896">
        <f>'CPT Data'!Q1904</f>
        <v>80.186355069182795</v>
      </c>
      <c r="E1896">
        <f t="shared" si="30"/>
        <v>93.125210699584969</v>
      </c>
      <c r="F1896">
        <f>IF(C1896="CLAY", INDEX(D$4:D1896, MATCH("CLAY", C$4:C1896, 0)), "")</f>
        <v>0.75203252561341039</v>
      </c>
    </row>
    <row r="1897" spans="1:6" x14ac:dyDescent="0.2">
      <c r="A1897" s="239">
        <f>'CPT Data'!B1905</f>
        <v>18.853000000000002</v>
      </c>
      <c r="B1897" s="3">
        <f>'CPT Data'!C1905</f>
        <v>18.846</v>
      </c>
      <c r="C1897" t="str">
        <f>'CPT Data'!P1905</f>
        <v>CLAY</v>
      </c>
      <c r="D1897">
        <f>'CPT Data'!Q1905</f>
        <v>67.638584629571071</v>
      </c>
      <c r="E1897">
        <f t="shared" si="30"/>
        <v>80.186355069182795</v>
      </c>
      <c r="F1897">
        <f>IF(C1897="CLAY", INDEX(D$4:D1897, MATCH("CLAY", C$4:C1897, 0)), "")</f>
        <v>0.75203252561341039</v>
      </c>
    </row>
    <row r="1898" spans="1:6" x14ac:dyDescent="0.2">
      <c r="A1898" s="239">
        <f>'CPT Data'!B1906</f>
        <v>18.861999999999998</v>
      </c>
      <c r="B1898" s="3">
        <f>'CPT Data'!C1906</f>
        <v>18.854999999999997</v>
      </c>
      <c r="C1898" t="str">
        <f>'CPT Data'!P1906</f>
        <v>CLAY</v>
      </c>
      <c r="D1898">
        <f>'CPT Data'!Q1906</f>
        <v>87.033840033402427</v>
      </c>
      <c r="E1898">
        <f t="shared" si="30"/>
        <v>67.638584629571071</v>
      </c>
      <c r="F1898">
        <f>IF(C1898="CLAY", INDEX(D$4:D1898, MATCH("CLAY", C$4:C1898, 0)), "")</f>
        <v>0.75203252561341039</v>
      </c>
    </row>
    <row r="1899" spans="1:6" x14ac:dyDescent="0.2">
      <c r="A1899" s="239">
        <f>'CPT Data'!B1907</f>
        <v>18.870999999999999</v>
      </c>
      <c r="B1899" s="3">
        <f>'CPT Data'!C1907</f>
        <v>18.863999999999997</v>
      </c>
      <c r="C1899" t="str">
        <f>'CPT Data'!P1907</f>
        <v>CLAY</v>
      </c>
      <c r="D1899">
        <f>'CPT Data'!Q1907</f>
        <v>84.87607978009035</v>
      </c>
      <c r="E1899">
        <f t="shared" si="30"/>
        <v>87.033840033402427</v>
      </c>
      <c r="F1899">
        <f>IF(C1899="CLAY", INDEX(D$4:D1899, MATCH("CLAY", C$4:C1899, 0)), "")</f>
        <v>0.75203252561341039</v>
      </c>
    </row>
    <row r="1900" spans="1:6" x14ac:dyDescent="0.2">
      <c r="A1900" s="239">
        <f>'CPT Data'!B1908</f>
        <v>18.882000000000001</v>
      </c>
      <c r="B1900" s="3">
        <f>'CPT Data'!C1908</f>
        <v>18.875</v>
      </c>
      <c r="C1900" t="str">
        <f>'CPT Data'!P1908</f>
        <v>CLAY</v>
      </c>
      <c r="D1900">
        <f>'CPT Data'!Q1908</f>
        <v>75.321735550793136</v>
      </c>
      <c r="E1900">
        <f t="shared" si="30"/>
        <v>84.87607978009035</v>
      </c>
      <c r="F1900">
        <f>IF(C1900="CLAY", INDEX(D$4:D1900, MATCH("CLAY", C$4:C1900, 0)), "")</f>
        <v>0.75203252561341039</v>
      </c>
    </row>
    <row r="1901" spans="1:6" x14ac:dyDescent="0.2">
      <c r="A1901" s="239">
        <f>'CPT Data'!B1909</f>
        <v>18.891999999999999</v>
      </c>
      <c r="B1901" s="3">
        <f>'CPT Data'!C1909</f>
        <v>18.884999999999998</v>
      </c>
      <c r="C1901" t="str">
        <f>'CPT Data'!P1909</f>
        <v>CLAY</v>
      </c>
      <c r="D1901">
        <f>'CPT Data'!Q1909</f>
        <v>63.112963042246605</v>
      </c>
      <c r="E1901">
        <f t="shared" si="30"/>
        <v>75.321735550793136</v>
      </c>
      <c r="F1901">
        <f>IF(C1901="CLAY", INDEX(D$4:D1901, MATCH("CLAY", C$4:C1901, 0)), "")</f>
        <v>0.75203252561341039</v>
      </c>
    </row>
    <row r="1902" spans="1:6" x14ac:dyDescent="0.2">
      <c r="A1902" s="239">
        <f>'CPT Data'!B1910</f>
        <v>18.901</v>
      </c>
      <c r="B1902" s="3">
        <f>'CPT Data'!C1910</f>
        <v>18.893999999999998</v>
      </c>
      <c r="C1902" t="str">
        <f>'CPT Data'!P1910</f>
        <v>CLAY</v>
      </c>
      <c r="D1902">
        <f>'CPT Data'!Q1910</f>
        <v>53.163550551387686</v>
      </c>
      <c r="E1902">
        <f t="shared" si="30"/>
        <v>63.112963042246605</v>
      </c>
      <c r="F1902">
        <f>IF(C1902="CLAY", INDEX(D$4:D1902, MATCH("CLAY", C$4:C1902, 0)), "")</f>
        <v>0.75203252561341039</v>
      </c>
    </row>
    <row r="1903" spans="1:6" x14ac:dyDescent="0.2">
      <c r="A1903" s="239">
        <f>'CPT Data'!B1911</f>
        <v>18.911999999999999</v>
      </c>
      <c r="B1903" s="3">
        <f>'CPT Data'!C1911</f>
        <v>18.904999999999998</v>
      </c>
      <c r="C1903" t="str">
        <f>'CPT Data'!P1911</f>
        <v>CLAY</v>
      </c>
      <c r="D1903">
        <f>'CPT Data'!Q1911</f>
        <v>51.862763783293495</v>
      </c>
      <c r="E1903">
        <f t="shared" si="30"/>
        <v>53.163550551387686</v>
      </c>
      <c r="F1903">
        <f>IF(C1903="CLAY", INDEX(D$4:D1903, MATCH("CLAY", C$4:C1903, 0)), "")</f>
        <v>0.75203252561341039</v>
      </c>
    </row>
    <row r="1904" spans="1:6" x14ac:dyDescent="0.2">
      <c r="A1904" s="239">
        <f>'CPT Data'!B1912</f>
        <v>18.920999999999999</v>
      </c>
      <c r="B1904" s="3">
        <f>'CPT Data'!C1912</f>
        <v>18.913999999999998</v>
      </c>
      <c r="C1904" t="str">
        <f>'CPT Data'!P1912</f>
        <v>CLAY</v>
      </c>
      <c r="D1904">
        <f>'CPT Data'!Q1912</f>
        <v>57.493351095075319</v>
      </c>
      <c r="E1904">
        <f t="shared" si="30"/>
        <v>51.862763783293495</v>
      </c>
      <c r="F1904">
        <f>IF(C1904="CLAY", INDEX(D$4:D1904, MATCH("CLAY", C$4:C1904, 0)), "")</f>
        <v>0.75203252561341039</v>
      </c>
    </row>
    <row r="1905" spans="1:6" x14ac:dyDescent="0.2">
      <c r="A1905" s="239">
        <f>'CPT Data'!B1913</f>
        <v>18.931000000000001</v>
      </c>
      <c r="B1905" s="3">
        <f>'CPT Data'!C1913</f>
        <v>18.923999999999999</v>
      </c>
      <c r="C1905" t="str">
        <f>'CPT Data'!P1913</f>
        <v>CLAY</v>
      </c>
      <c r="D1905">
        <f>'CPT Data'!Q1913</f>
        <v>63.457369476490804</v>
      </c>
      <c r="E1905">
        <f t="shared" si="30"/>
        <v>57.493351095075319</v>
      </c>
      <c r="F1905">
        <f>IF(C1905="CLAY", INDEX(D$4:D1905, MATCH("CLAY", C$4:C1905, 0)), "")</f>
        <v>0.75203252561341039</v>
      </c>
    </row>
    <row r="1906" spans="1:6" x14ac:dyDescent="0.2">
      <c r="A1906" s="239">
        <f>'CPT Data'!B1914</f>
        <v>18.942</v>
      </c>
      <c r="B1906" s="3">
        <f>'CPT Data'!C1914</f>
        <v>18.934999999999999</v>
      </c>
      <c r="C1906" t="str">
        <f>'CPT Data'!P1914</f>
        <v>CLAY</v>
      </c>
      <c r="D1906">
        <f>'CPT Data'!Q1914</f>
        <v>50.129965580352405</v>
      </c>
      <c r="E1906">
        <f t="shared" si="30"/>
        <v>63.457369476490804</v>
      </c>
      <c r="F1906">
        <f>IF(C1906="CLAY", INDEX(D$4:D1906, MATCH("CLAY", C$4:C1906, 0)), "")</f>
        <v>0.75203252561341039</v>
      </c>
    </row>
    <row r="1907" spans="1:6" x14ac:dyDescent="0.2">
      <c r="A1907" s="239">
        <f>'CPT Data'!B1915</f>
        <v>18.986000000000001</v>
      </c>
      <c r="B1907" s="3">
        <f>'CPT Data'!C1915</f>
        <v>18.978999999999999</v>
      </c>
      <c r="C1907" t="str">
        <f>'CPT Data'!P1915</f>
        <v>CLAY</v>
      </c>
      <c r="D1907">
        <f>'CPT Data'!Q1915</f>
        <v>45.464313404299425</v>
      </c>
      <c r="E1907">
        <f t="shared" si="30"/>
        <v>50.129965580352405</v>
      </c>
      <c r="F1907">
        <f>IF(C1907="CLAY", INDEX(D$4:D1907, MATCH("CLAY", C$4:C1907, 0)), "")</f>
        <v>0.75203252561341039</v>
      </c>
    </row>
    <row r="1908" spans="1:6" x14ac:dyDescent="0.2">
      <c r="A1908" s="239">
        <f>'CPT Data'!B1916</f>
        <v>18.995000000000001</v>
      </c>
      <c r="B1908" s="3">
        <f>'CPT Data'!C1916</f>
        <v>18.988</v>
      </c>
      <c r="C1908" t="str">
        <f>'CPT Data'!P1916</f>
        <v>CLAY</v>
      </c>
      <c r="D1908">
        <f>'CPT Data'!Q1916</f>
        <v>41.942043742752169</v>
      </c>
      <c r="E1908">
        <f t="shared" si="30"/>
        <v>45.464313404299425</v>
      </c>
      <c r="F1908">
        <f>IF(C1908="CLAY", INDEX(D$4:D1908, MATCH("CLAY", C$4:C1908, 0)), "")</f>
        <v>0.75203252561341039</v>
      </c>
    </row>
    <row r="1909" spans="1:6" x14ac:dyDescent="0.2">
      <c r="A1909" s="239">
        <f>'CPT Data'!B1917</f>
        <v>19.004999999999999</v>
      </c>
      <c r="B1909" s="3">
        <f>'CPT Data'!C1917</f>
        <v>18.997999999999998</v>
      </c>
      <c r="C1909" t="str">
        <f>'CPT Data'!P1917</f>
        <v>CLAY</v>
      </c>
      <c r="D1909">
        <f>'CPT Data'!Q1917</f>
        <v>37.95021349453414</v>
      </c>
      <c r="E1909">
        <f t="shared" si="30"/>
        <v>41.942043742752169</v>
      </c>
      <c r="F1909">
        <f>IF(C1909="CLAY", INDEX(D$4:D1909, MATCH("CLAY", C$4:C1909, 0)), "")</f>
        <v>0.75203252561341039</v>
      </c>
    </row>
    <row r="1910" spans="1:6" x14ac:dyDescent="0.2">
      <c r="A1910" s="239">
        <f>'CPT Data'!B1918</f>
        <v>19.015000000000001</v>
      </c>
      <c r="B1910" s="3">
        <f>'CPT Data'!C1918</f>
        <v>19.007999999999999</v>
      </c>
      <c r="C1910" t="str">
        <f>'CPT Data'!P1918</f>
        <v>CLAY</v>
      </c>
      <c r="D1910">
        <f>'CPT Data'!Q1918</f>
        <v>36.204539975826712</v>
      </c>
      <c r="E1910">
        <f t="shared" si="30"/>
        <v>37.95021349453414</v>
      </c>
      <c r="F1910">
        <f>IF(C1910="CLAY", INDEX(D$4:D1910, MATCH("CLAY", C$4:C1910, 0)), "")</f>
        <v>0.75203252561341039</v>
      </c>
    </row>
    <row r="1911" spans="1:6" x14ac:dyDescent="0.2">
      <c r="A1911" s="239">
        <f>'CPT Data'!B1919</f>
        <v>19.024999999999999</v>
      </c>
      <c r="B1911" s="3">
        <f>'CPT Data'!C1919</f>
        <v>19.017999999999997</v>
      </c>
      <c r="C1911" t="str">
        <f>'CPT Data'!P1919</f>
        <v>CLAY</v>
      </c>
      <c r="D1911">
        <f>'CPT Data'!Q1919</f>
        <v>33.805214437446544</v>
      </c>
      <c r="E1911">
        <f t="shared" si="30"/>
        <v>36.204539975826712</v>
      </c>
      <c r="F1911">
        <f>IF(C1911="CLAY", INDEX(D$4:D1911, MATCH("CLAY", C$4:C1911, 0)), "")</f>
        <v>0.75203252561341039</v>
      </c>
    </row>
    <row r="1912" spans="1:6" x14ac:dyDescent="0.2">
      <c r="A1912" s="239">
        <f>'CPT Data'!B1920</f>
        <v>19.035</v>
      </c>
      <c r="B1912" s="3">
        <f>'CPT Data'!C1920</f>
        <v>19.027999999999999</v>
      </c>
      <c r="C1912" t="str">
        <f>'CPT Data'!P1920</f>
        <v>CLAY</v>
      </c>
      <c r="D1912">
        <f>'CPT Data'!Q1920</f>
        <v>32.312135802310699</v>
      </c>
      <c r="E1912">
        <f t="shared" si="30"/>
        <v>33.805214437446544</v>
      </c>
      <c r="F1912">
        <f>IF(C1912="CLAY", INDEX(D$4:D1912, MATCH("CLAY", C$4:C1912, 0)), "")</f>
        <v>0.75203252561341039</v>
      </c>
    </row>
    <row r="1913" spans="1:6" x14ac:dyDescent="0.2">
      <c r="A1913" s="239">
        <f>'CPT Data'!B1921</f>
        <v>19.045000000000002</v>
      </c>
      <c r="B1913" s="3">
        <f>'CPT Data'!C1921</f>
        <v>19.038</v>
      </c>
      <c r="C1913" t="str">
        <f>'CPT Data'!P1921</f>
        <v>CLAY</v>
      </c>
      <c r="D1913">
        <f>'CPT Data'!Q1921</f>
        <v>32.522806564769922</v>
      </c>
      <c r="E1913">
        <f t="shared" si="30"/>
        <v>32.312135802310699</v>
      </c>
      <c r="F1913">
        <f>IF(C1913="CLAY", INDEX(D$4:D1913, MATCH("CLAY", C$4:C1913, 0)), "")</f>
        <v>0.75203252561341039</v>
      </c>
    </row>
    <row r="1914" spans="1:6" x14ac:dyDescent="0.2">
      <c r="A1914" s="239">
        <f>'CPT Data'!B1922</f>
        <v>19.055</v>
      </c>
      <c r="B1914" s="3">
        <f>'CPT Data'!C1922</f>
        <v>19.047999999999998</v>
      </c>
      <c r="C1914" t="str">
        <f>'CPT Data'!P1922</f>
        <v>CLAY</v>
      </c>
      <c r="D1914">
        <f>'CPT Data'!Q1922</f>
        <v>33.117505601843497</v>
      </c>
      <c r="E1914">
        <f t="shared" si="30"/>
        <v>32.522806564769922</v>
      </c>
      <c r="F1914">
        <f>IF(C1914="CLAY", INDEX(D$4:D1914, MATCH("CLAY", C$4:C1914, 0)), "")</f>
        <v>0.75203252561341039</v>
      </c>
    </row>
    <row r="1915" spans="1:6" x14ac:dyDescent="0.2">
      <c r="A1915" s="239">
        <f>'CPT Data'!B1923</f>
        <v>19.065000000000001</v>
      </c>
      <c r="B1915" s="3">
        <f>'CPT Data'!C1923</f>
        <v>19.058</v>
      </c>
      <c r="C1915" t="str">
        <f>'CPT Data'!P1923</f>
        <v>CLAY</v>
      </c>
      <c r="D1915">
        <f>'CPT Data'!Q1923</f>
        <v>33.905456439743645</v>
      </c>
      <c r="E1915">
        <f t="shared" si="30"/>
        <v>33.117505601843497</v>
      </c>
      <c r="F1915">
        <f>IF(C1915="CLAY", INDEX(D$4:D1915, MATCH("CLAY", C$4:C1915, 0)), "")</f>
        <v>0.75203252561341039</v>
      </c>
    </row>
    <row r="1916" spans="1:6" x14ac:dyDescent="0.2">
      <c r="A1916" s="239">
        <f>'CPT Data'!B1924</f>
        <v>19.074999999999999</v>
      </c>
      <c r="B1916" s="3">
        <f>'CPT Data'!C1924</f>
        <v>19.067999999999998</v>
      </c>
      <c r="C1916" t="str">
        <f>'CPT Data'!P1924</f>
        <v>CLAY</v>
      </c>
      <c r="D1916">
        <f>'CPT Data'!Q1924</f>
        <v>34.791817725590654</v>
      </c>
      <c r="E1916">
        <f t="shared" si="30"/>
        <v>33.905456439743645</v>
      </c>
      <c r="F1916">
        <f>IF(C1916="CLAY", INDEX(D$4:D1916, MATCH("CLAY", C$4:C1916, 0)), "")</f>
        <v>0.75203252561341039</v>
      </c>
    </row>
    <row r="1917" spans="1:6" x14ac:dyDescent="0.2">
      <c r="A1917" s="239">
        <f>'CPT Data'!B1925</f>
        <v>19.085000000000001</v>
      </c>
      <c r="B1917" s="3">
        <f>'CPT Data'!C1925</f>
        <v>19.077999999999999</v>
      </c>
      <c r="C1917" t="str">
        <f>'CPT Data'!P1925</f>
        <v>CLAY</v>
      </c>
      <c r="D1917">
        <f>'CPT Data'!Q1925</f>
        <v>35.611112972395546</v>
      </c>
      <c r="E1917">
        <f t="shared" si="30"/>
        <v>34.791817725590654</v>
      </c>
      <c r="F1917">
        <f>IF(C1917="CLAY", INDEX(D$4:D1917, MATCH("CLAY", C$4:C1917, 0)), "")</f>
        <v>0.75203252561341039</v>
      </c>
    </row>
    <row r="1918" spans="1:6" x14ac:dyDescent="0.2">
      <c r="A1918" s="239">
        <f>'CPT Data'!B1926</f>
        <v>19.094999999999999</v>
      </c>
      <c r="B1918" s="3">
        <f>'CPT Data'!C1926</f>
        <v>19.087999999999997</v>
      </c>
      <c r="C1918" t="str">
        <f>'CPT Data'!P1926</f>
        <v>CLAY</v>
      </c>
      <c r="D1918">
        <f>'CPT Data'!Q1926</f>
        <v>35.255503741360663</v>
      </c>
      <c r="E1918">
        <f t="shared" si="30"/>
        <v>35.611112972395546</v>
      </c>
      <c r="F1918">
        <f>IF(C1918="CLAY", INDEX(D$4:D1918, MATCH("CLAY", C$4:C1918, 0)), "")</f>
        <v>0.75203252561341039</v>
      </c>
    </row>
    <row r="1919" spans="1:6" x14ac:dyDescent="0.2">
      <c r="A1919" s="239">
        <f>'CPT Data'!B1927</f>
        <v>19.103999999999999</v>
      </c>
      <c r="B1919" s="3">
        <f>'CPT Data'!C1927</f>
        <v>19.096999999999998</v>
      </c>
      <c r="C1919" t="str">
        <f>'CPT Data'!P1927</f>
        <v>CLAY</v>
      </c>
      <c r="D1919">
        <f>'CPT Data'!Q1927</f>
        <v>34.712341924119976</v>
      </c>
      <c r="E1919">
        <f t="shared" si="30"/>
        <v>35.255503741360663</v>
      </c>
      <c r="F1919">
        <f>IF(C1919="CLAY", INDEX(D$4:D1919, MATCH("CLAY", C$4:C1919, 0)), "")</f>
        <v>0.75203252561341039</v>
      </c>
    </row>
    <row r="1920" spans="1:6" x14ac:dyDescent="0.2">
      <c r="A1920" s="239">
        <f>'CPT Data'!B1928</f>
        <v>19.114000000000001</v>
      </c>
      <c r="B1920" s="3">
        <f>'CPT Data'!C1928</f>
        <v>19.106999999999999</v>
      </c>
      <c r="C1920" t="str">
        <f>'CPT Data'!P1928</f>
        <v>CLAY</v>
      </c>
      <c r="D1920">
        <f>'CPT Data'!Q1928</f>
        <v>33.147450339145188</v>
      </c>
      <c r="E1920">
        <f t="shared" si="30"/>
        <v>34.712341924119976</v>
      </c>
      <c r="F1920">
        <f>IF(C1920="CLAY", INDEX(D$4:D1920, MATCH("CLAY", C$4:C1920, 0)), "")</f>
        <v>0.75203252561341039</v>
      </c>
    </row>
    <row r="1921" spans="1:6" x14ac:dyDescent="0.2">
      <c r="A1921" s="239">
        <f>'CPT Data'!B1929</f>
        <v>19.123999999999999</v>
      </c>
      <c r="B1921" s="3">
        <f>'CPT Data'!C1929</f>
        <v>19.116999999999997</v>
      </c>
      <c r="C1921" t="str">
        <f>'CPT Data'!P1929</f>
        <v>CLAY</v>
      </c>
      <c r="D1921">
        <f>'CPT Data'!Q1929</f>
        <v>31.343164444895887</v>
      </c>
      <c r="E1921">
        <f t="shared" si="30"/>
        <v>33.147450339145188</v>
      </c>
      <c r="F1921">
        <f>IF(C1921="CLAY", INDEX(D$4:D1921, MATCH("CLAY", C$4:C1921, 0)), "")</f>
        <v>0.75203252561341039</v>
      </c>
    </row>
    <row r="1922" spans="1:6" x14ac:dyDescent="0.2">
      <c r="A1922" s="239">
        <f>'CPT Data'!B1930</f>
        <v>19.134</v>
      </c>
      <c r="B1922" s="3">
        <f>'CPT Data'!C1930</f>
        <v>19.126999999999999</v>
      </c>
      <c r="C1922" t="str">
        <f>'CPT Data'!P1930</f>
        <v>CLAY</v>
      </c>
      <c r="D1922">
        <f>'CPT Data'!Q1930</f>
        <v>29.243329870035243</v>
      </c>
      <c r="E1922">
        <f t="shared" si="30"/>
        <v>31.343164444895887</v>
      </c>
      <c r="F1922">
        <f>IF(C1922="CLAY", INDEX(D$4:D1922, MATCH("CLAY", C$4:C1922, 0)), "")</f>
        <v>0.75203252561341039</v>
      </c>
    </row>
    <row r="1923" spans="1:6" x14ac:dyDescent="0.2">
      <c r="A1923" s="239">
        <f>'CPT Data'!B1931</f>
        <v>19.143999999999998</v>
      </c>
      <c r="B1923" s="3">
        <f>'CPT Data'!C1931</f>
        <v>19.136999999999997</v>
      </c>
      <c r="C1923" t="str">
        <f>'CPT Data'!P1931</f>
        <v>CLAY</v>
      </c>
      <c r="D1923">
        <f>'CPT Data'!Q1931</f>
        <v>28.491587805354055</v>
      </c>
      <c r="E1923">
        <f t="shared" si="30"/>
        <v>29.243329870035243</v>
      </c>
      <c r="F1923">
        <f>IF(C1923="CLAY", INDEX(D$4:D1923, MATCH("CLAY", C$4:C1923, 0)), "")</f>
        <v>0.75203252561341039</v>
      </c>
    </row>
    <row r="1924" spans="1:6" x14ac:dyDescent="0.2">
      <c r="A1924" s="239">
        <f>'CPT Data'!B1932</f>
        <v>19.152999999999999</v>
      </c>
      <c r="B1924" s="3">
        <f>'CPT Data'!C1932</f>
        <v>19.145999999999997</v>
      </c>
      <c r="C1924" t="str">
        <f>'CPT Data'!P1932</f>
        <v>CLAY</v>
      </c>
      <c r="D1924">
        <f>'CPT Data'!Q1932</f>
        <v>28.325745795466656</v>
      </c>
      <c r="E1924">
        <f t="shared" si="30"/>
        <v>28.491587805354055</v>
      </c>
      <c r="F1924">
        <f>IF(C1924="CLAY", INDEX(D$4:D1924, MATCH("CLAY", C$4:C1924, 0)), "")</f>
        <v>0.75203252561341039</v>
      </c>
    </row>
    <row r="1925" spans="1:6" x14ac:dyDescent="0.2">
      <c r="A1925" s="239">
        <f>'CPT Data'!B1933</f>
        <v>19.164000000000001</v>
      </c>
      <c r="B1925" s="3">
        <f>'CPT Data'!C1933</f>
        <v>19.157</v>
      </c>
      <c r="C1925" t="str">
        <f>'CPT Data'!P1933</f>
        <v>CLAY</v>
      </c>
      <c r="D1925">
        <f>'CPT Data'!Q1933</f>
        <v>30.067040685500075</v>
      </c>
      <c r="E1925">
        <f t="shared" si="30"/>
        <v>28.325745795466656</v>
      </c>
      <c r="F1925">
        <f>IF(C1925="CLAY", INDEX(D$4:D1925, MATCH("CLAY", C$4:C1925, 0)), "")</f>
        <v>0.75203252561341039</v>
      </c>
    </row>
    <row r="1926" spans="1:6" x14ac:dyDescent="0.2">
      <c r="A1926" s="239">
        <f>'CPT Data'!B1934</f>
        <v>19.172999999999998</v>
      </c>
      <c r="B1926" s="3">
        <f>'CPT Data'!C1934</f>
        <v>19.165999999999997</v>
      </c>
      <c r="C1926" t="str">
        <f>'CPT Data'!P1934</f>
        <v>CLAY</v>
      </c>
      <c r="D1926">
        <f>'CPT Data'!Q1934</f>
        <v>32.639177794210653</v>
      </c>
      <c r="E1926">
        <f t="shared" si="30"/>
        <v>30.067040685500075</v>
      </c>
      <c r="F1926">
        <f>IF(C1926="CLAY", INDEX(D$4:D1926, MATCH("CLAY", C$4:C1926, 0)), "")</f>
        <v>0.75203252561341039</v>
      </c>
    </row>
    <row r="1927" spans="1:6" x14ac:dyDescent="0.2">
      <c r="A1927" s="239">
        <f>'CPT Data'!B1935</f>
        <v>19.183</v>
      </c>
      <c r="B1927" s="3">
        <f>'CPT Data'!C1935</f>
        <v>19.175999999999998</v>
      </c>
      <c r="C1927" t="str">
        <f>'CPT Data'!P1935</f>
        <v>CLAY</v>
      </c>
      <c r="D1927">
        <f>'CPT Data'!Q1935</f>
        <v>35.461028937484464</v>
      </c>
      <c r="E1927">
        <f t="shared" si="30"/>
        <v>32.639177794210653</v>
      </c>
      <c r="F1927">
        <f>IF(C1927="CLAY", INDEX(D$4:D1927, MATCH("CLAY", C$4:C1927, 0)), "")</f>
        <v>0.75203252561341039</v>
      </c>
    </row>
    <row r="1928" spans="1:6" x14ac:dyDescent="0.2">
      <c r="A1928" s="239">
        <f>'CPT Data'!B1936</f>
        <v>19.193999999999999</v>
      </c>
      <c r="B1928" s="3">
        <f>'CPT Data'!C1936</f>
        <v>19.186999999999998</v>
      </c>
      <c r="C1928" t="str">
        <f>'CPT Data'!P1936</f>
        <v>CLAY</v>
      </c>
      <c r="D1928">
        <f>'CPT Data'!Q1936</f>
        <v>37.894584363981842</v>
      </c>
      <c r="E1928">
        <f t="shared" si="30"/>
        <v>35.461028937484464</v>
      </c>
      <c r="F1928">
        <f>IF(C1928="CLAY", INDEX(D$4:D1928, MATCH("CLAY", C$4:C1928, 0)), "")</f>
        <v>0.75203252561341039</v>
      </c>
    </row>
    <row r="1929" spans="1:6" x14ac:dyDescent="0.2">
      <c r="A1929" s="239">
        <f>'CPT Data'!B1937</f>
        <v>19.202999999999999</v>
      </c>
      <c r="B1929" s="3">
        <f>'CPT Data'!C1937</f>
        <v>19.195999999999998</v>
      </c>
      <c r="C1929" t="str">
        <f>'CPT Data'!P1937</f>
        <v>CLAY</v>
      </c>
      <c r="D1929">
        <f>'CPT Data'!Q1937</f>
        <v>39.619809024072872</v>
      </c>
      <c r="E1929">
        <f t="shared" si="30"/>
        <v>37.894584363981842</v>
      </c>
      <c r="F1929">
        <f>IF(C1929="CLAY", INDEX(D$4:D1929, MATCH("CLAY", C$4:C1929, 0)), "")</f>
        <v>0.75203252561341039</v>
      </c>
    </row>
    <row r="1930" spans="1:6" x14ac:dyDescent="0.2">
      <c r="A1930" s="239">
        <f>'CPT Data'!B1938</f>
        <v>19.213000000000001</v>
      </c>
      <c r="B1930" s="3">
        <f>'CPT Data'!C1938</f>
        <v>19.206</v>
      </c>
      <c r="C1930" t="str">
        <f>'CPT Data'!P1938</f>
        <v>CLAY</v>
      </c>
      <c r="D1930">
        <f>'CPT Data'!Q1938</f>
        <v>41.332461155334578</v>
      </c>
      <c r="E1930">
        <f t="shared" si="30"/>
        <v>39.619809024072872</v>
      </c>
      <c r="F1930">
        <f>IF(C1930="CLAY", INDEX(D$4:D1930, MATCH("CLAY", C$4:C1930, 0)), "")</f>
        <v>0.75203252561341039</v>
      </c>
    </row>
    <row r="1931" spans="1:6" x14ac:dyDescent="0.2">
      <c r="A1931" s="239">
        <f>'CPT Data'!B1939</f>
        <v>19.222999999999999</v>
      </c>
      <c r="B1931" s="3">
        <f>'CPT Data'!C1939</f>
        <v>19.215999999999998</v>
      </c>
      <c r="C1931" t="str">
        <f>'CPT Data'!P1939</f>
        <v>CLAY</v>
      </c>
      <c r="D1931">
        <f>'CPT Data'!Q1939</f>
        <v>41.340523012429273</v>
      </c>
      <c r="E1931">
        <f t="shared" si="30"/>
        <v>41.332461155334578</v>
      </c>
      <c r="F1931">
        <f>IF(C1931="CLAY", INDEX(D$4:D1931, MATCH("CLAY", C$4:C1931, 0)), "")</f>
        <v>0.75203252561341039</v>
      </c>
    </row>
    <row r="1932" spans="1:6" x14ac:dyDescent="0.2">
      <c r="A1932" s="239">
        <f>'CPT Data'!B1940</f>
        <v>19.233000000000001</v>
      </c>
      <c r="B1932" s="3">
        <f>'CPT Data'!C1940</f>
        <v>19.225999999999999</v>
      </c>
      <c r="C1932" t="str">
        <f>'CPT Data'!P1940</f>
        <v>CLAY</v>
      </c>
      <c r="D1932">
        <f>'CPT Data'!Q1940</f>
        <v>40.430411052277478</v>
      </c>
      <c r="E1932">
        <f t="shared" si="30"/>
        <v>41.340523012429273</v>
      </c>
      <c r="F1932">
        <f>IF(C1932="CLAY", INDEX(D$4:D1932, MATCH("CLAY", C$4:C1932, 0)), "")</f>
        <v>0.75203252561341039</v>
      </c>
    </row>
    <row r="1933" spans="1:6" x14ac:dyDescent="0.2">
      <c r="A1933" s="239">
        <f>'CPT Data'!B1941</f>
        <v>19.291</v>
      </c>
      <c r="B1933" s="3">
        <f>'CPT Data'!C1941</f>
        <v>19.283999999999999</v>
      </c>
      <c r="C1933" t="str">
        <f>'CPT Data'!P1941</f>
        <v>CLAY</v>
      </c>
      <c r="D1933">
        <f>'CPT Data'!Q1941</f>
        <v>45.139438615512482</v>
      </c>
      <c r="E1933">
        <f t="shared" si="30"/>
        <v>40.430411052277478</v>
      </c>
      <c r="F1933">
        <f>IF(C1933="CLAY", INDEX(D$4:D1933, MATCH("CLAY", C$4:C1933, 0)), "")</f>
        <v>0.75203252561341039</v>
      </c>
    </row>
    <row r="1934" spans="1:6" x14ac:dyDescent="0.2">
      <c r="A1934" s="239">
        <f>'CPT Data'!B1942</f>
        <v>19.309999999999999</v>
      </c>
      <c r="B1934" s="3">
        <f>'CPT Data'!C1942</f>
        <v>19.302999999999997</v>
      </c>
      <c r="C1934" t="str">
        <f>'CPT Data'!P1942</f>
        <v>CLAY</v>
      </c>
      <c r="D1934">
        <f>'CPT Data'!Q1942</f>
        <v>43.608328723673935</v>
      </c>
      <c r="E1934">
        <f t="shared" si="30"/>
        <v>45.139438615512482</v>
      </c>
      <c r="F1934">
        <f>IF(C1934="CLAY", INDEX(D$4:D1934, MATCH("CLAY", C$4:C1934, 0)), "")</f>
        <v>0.75203252561341039</v>
      </c>
    </row>
    <row r="1935" spans="1:6" x14ac:dyDescent="0.2">
      <c r="A1935" s="239">
        <f>'CPT Data'!B1943</f>
        <v>19.327000000000002</v>
      </c>
      <c r="B1935" s="3">
        <f>'CPT Data'!C1943</f>
        <v>19.32</v>
      </c>
      <c r="C1935" t="str">
        <f>'CPT Data'!P1943</f>
        <v>CLAY</v>
      </c>
      <c r="D1935">
        <f>'CPT Data'!Q1943</f>
        <v>42.945107336753154</v>
      </c>
      <c r="E1935">
        <f t="shared" si="30"/>
        <v>43.608328723673935</v>
      </c>
      <c r="F1935">
        <f>IF(C1935="CLAY", INDEX(D$4:D1935, MATCH("CLAY", C$4:C1935, 0)), "")</f>
        <v>0.75203252561341039</v>
      </c>
    </row>
    <row r="1936" spans="1:6" x14ac:dyDescent="0.2">
      <c r="A1936" s="239">
        <f>'CPT Data'!B1944</f>
        <v>19.343</v>
      </c>
      <c r="B1936" s="3">
        <f>'CPT Data'!C1944</f>
        <v>19.335999999999999</v>
      </c>
      <c r="C1936" t="str">
        <f>'CPT Data'!P1944</f>
        <v>CLAY</v>
      </c>
      <c r="D1936">
        <f>'CPT Data'!Q1944</f>
        <v>40.584911392168273</v>
      </c>
      <c r="E1936">
        <f t="shared" si="30"/>
        <v>42.945107336753154</v>
      </c>
      <c r="F1936">
        <f>IF(C1936="CLAY", INDEX(D$4:D1936, MATCH("CLAY", C$4:C1936, 0)), "")</f>
        <v>0.75203252561341039</v>
      </c>
    </row>
    <row r="1937" spans="1:6" x14ac:dyDescent="0.2">
      <c r="A1937" s="239">
        <f>'CPT Data'!B1945</f>
        <v>19.359000000000002</v>
      </c>
      <c r="B1937" s="3">
        <f>'CPT Data'!C1945</f>
        <v>19.352</v>
      </c>
      <c r="C1937" t="str">
        <f>'CPT Data'!P1945</f>
        <v>CLAY</v>
      </c>
      <c r="D1937">
        <f>'CPT Data'!Q1945</f>
        <v>38.843749511296615</v>
      </c>
      <c r="E1937">
        <f t="shared" si="30"/>
        <v>40.584911392168273</v>
      </c>
      <c r="F1937">
        <f>IF(C1937="CLAY", INDEX(D$4:D1937, MATCH("CLAY", C$4:C1937, 0)), "")</f>
        <v>0.75203252561341039</v>
      </c>
    </row>
    <row r="1938" spans="1:6" x14ac:dyDescent="0.2">
      <c r="A1938" s="239">
        <f>'CPT Data'!B1946</f>
        <v>19.375</v>
      </c>
      <c r="B1938" s="3">
        <f>'CPT Data'!C1946</f>
        <v>19.367999999999999</v>
      </c>
      <c r="C1938" t="str">
        <f>'CPT Data'!P1946</f>
        <v>CLAY</v>
      </c>
      <c r="D1938">
        <f>'CPT Data'!Q1946</f>
        <v>38.703568634072923</v>
      </c>
      <c r="E1938">
        <f t="shared" si="30"/>
        <v>38.843749511296615</v>
      </c>
      <c r="F1938">
        <f>IF(C1938="CLAY", INDEX(D$4:D1938, MATCH("CLAY", C$4:C1938, 0)), "")</f>
        <v>0.75203252561341039</v>
      </c>
    </row>
    <row r="1939" spans="1:6" x14ac:dyDescent="0.2">
      <c r="A1939" s="239">
        <f>'CPT Data'!B1947</f>
        <v>19.393000000000001</v>
      </c>
      <c r="B1939" s="3">
        <f>'CPT Data'!C1947</f>
        <v>19.385999999999999</v>
      </c>
      <c r="C1939" t="str">
        <f>'CPT Data'!P1947</f>
        <v>CLAY</v>
      </c>
      <c r="D1939">
        <f>'CPT Data'!Q1947</f>
        <v>39.007545970786062</v>
      </c>
      <c r="E1939">
        <f t="shared" si="30"/>
        <v>38.703568634072923</v>
      </c>
      <c r="F1939">
        <f>IF(C1939="CLAY", INDEX(D$4:D1939, MATCH("CLAY", C$4:C1939, 0)), "")</f>
        <v>0.75203252561341039</v>
      </c>
    </row>
    <row r="1940" spans="1:6" x14ac:dyDescent="0.2">
      <c r="A1940" s="239">
        <f>'CPT Data'!B1948</f>
        <v>19.408999999999999</v>
      </c>
      <c r="B1940" s="3">
        <f>'CPT Data'!C1948</f>
        <v>19.401999999999997</v>
      </c>
      <c r="C1940" t="str">
        <f>'CPT Data'!P1948</f>
        <v>CLAY</v>
      </c>
      <c r="D1940">
        <f>'CPT Data'!Q1948</f>
        <v>39.405828823364047</v>
      </c>
      <c r="E1940">
        <f t="shared" si="30"/>
        <v>39.007545970786062</v>
      </c>
      <c r="F1940">
        <f>IF(C1940="CLAY", INDEX(D$4:D1940, MATCH("CLAY", C$4:C1940, 0)), "")</f>
        <v>0.75203252561341039</v>
      </c>
    </row>
    <row r="1941" spans="1:6" x14ac:dyDescent="0.2">
      <c r="A1941" s="239">
        <f>'CPT Data'!B1949</f>
        <v>19.423999999999999</v>
      </c>
      <c r="B1941" s="3">
        <f>'CPT Data'!C1949</f>
        <v>19.416999999999998</v>
      </c>
      <c r="C1941" t="str">
        <f>'CPT Data'!P1949</f>
        <v>CLAY</v>
      </c>
      <c r="D1941">
        <f>'CPT Data'!Q1949</f>
        <v>43.497533162748539</v>
      </c>
      <c r="E1941">
        <f t="shared" si="30"/>
        <v>39.405828823364047</v>
      </c>
      <c r="F1941">
        <f>IF(C1941="CLAY", INDEX(D$4:D1941, MATCH("CLAY", C$4:C1941, 0)), "")</f>
        <v>0.75203252561341039</v>
      </c>
    </row>
    <row r="1942" spans="1:6" x14ac:dyDescent="0.2">
      <c r="A1942" s="239">
        <f>'CPT Data'!B1950</f>
        <v>19.439</v>
      </c>
      <c r="B1942" s="3">
        <f>'CPT Data'!C1950</f>
        <v>19.431999999999999</v>
      </c>
      <c r="C1942" t="str">
        <f>'CPT Data'!P1950</f>
        <v>CLAY</v>
      </c>
      <c r="D1942">
        <f>'CPT Data'!Q1950</f>
        <v>46.943935089913758</v>
      </c>
      <c r="E1942">
        <f t="shared" si="30"/>
        <v>43.497533162748539</v>
      </c>
      <c r="F1942">
        <f>IF(C1942="CLAY", INDEX(D$4:D1942, MATCH("CLAY", C$4:C1942, 0)), "")</f>
        <v>0.75203252561341039</v>
      </c>
    </row>
    <row r="1943" spans="1:6" x14ac:dyDescent="0.2">
      <c r="A1943" s="239">
        <f>'CPT Data'!B1951</f>
        <v>19.457999999999998</v>
      </c>
      <c r="B1943" s="3">
        <f>'CPT Data'!C1951</f>
        <v>19.450999999999997</v>
      </c>
      <c r="C1943" t="str">
        <f>'CPT Data'!P1951</f>
        <v>CLAY</v>
      </c>
      <c r="D1943">
        <f>'CPT Data'!Q1951</f>
        <v>47.082740811234281</v>
      </c>
      <c r="E1943">
        <f t="shared" si="30"/>
        <v>46.943935089913758</v>
      </c>
      <c r="F1943">
        <f>IF(C1943="CLAY", INDEX(D$4:D1943, MATCH("CLAY", C$4:C1943, 0)), "")</f>
        <v>0.75203252561341039</v>
      </c>
    </row>
    <row r="1944" spans="1:6" x14ac:dyDescent="0.2">
      <c r="A1944" s="239">
        <f>'CPT Data'!B1952</f>
        <v>19.474</v>
      </c>
      <c r="B1944" s="3">
        <f>'CPT Data'!C1952</f>
        <v>19.466999999999999</v>
      </c>
      <c r="C1944" t="str">
        <f>'CPT Data'!P1952</f>
        <v>CLAY</v>
      </c>
      <c r="D1944">
        <f>'CPT Data'!Q1952</f>
        <v>47.212513520397671</v>
      </c>
      <c r="E1944">
        <f t="shared" si="30"/>
        <v>47.082740811234281</v>
      </c>
      <c r="F1944">
        <f>IF(C1944="CLAY", INDEX(D$4:D1944, MATCH("CLAY", C$4:C1944, 0)), "")</f>
        <v>0.75203252561341039</v>
      </c>
    </row>
    <row r="1945" spans="1:6" x14ac:dyDescent="0.2">
      <c r="A1945" s="239">
        <f>'CPT Data'!B1953</f>
        <v>19.489999999999998</v>
      </c>
      <c r="B1945" s="3">
        <f>'CPT Data'!C1953</f>
        <v>19.482999999999997</v>
      </c>
      <c r="C1945" t="str">
        <f>'CPT Data'!P1953</f>
        <v>CLAY</v>
      </c>
      <c r="D1945">
        <f>'CPT Data'!Q1953</f>
        <v>42.360868530784316</v>
      </c>
      <c r="E1945">
        <f t="shared" si="30"/>
        <v>47.212513520397671</v>
      </c>
      <c r="F1945">
        <f>IF(C1945="CLAY", INDEX(D$4:D1945, MATCH("CLAY", C$4:C1945, 0)), "")</f>
        <v>0.75203252561341039</v>
      </c>
    </row>
    <row r="1946" spans="1:6" x14ac:dyDescent="0.2">
      <c r="A1946" s="239">
        <f>'CPT Data'!B1954</f>
        <v>19.507999999999999</v>
      </c>
      <c r="B1946" s="3">
        <f>'CPT Data'!C1954</f>
        <v>19.500999999999998</v>
      </c>
      <c r="C1946" t="str">
        <f>'CPT Data'!P1954</f>
        <v>CLAY</v>
      </c>
      <c r="D1946">
        <f>'CPT Data'!Q1954</f>
        <v>36.055507614389178</v>
      </c>
      <c r="E1946">
        <f t="shared" si="30"/>
        <v>42.360868530784316</v>
      </c>
      <c r="F1946">
        <f>IF(C1946="CLAY", INDEX(D$4:D1946, MATCH("CLAY", C$4:C1946, 0)), "")</f>
        <v>0.75203252561341039</v>
      </c>
    </row>
    <row r="1947" spans="1:6" x14ac:dyDescent="0.2">
      <c r="A1947" s="239">
        <f>'CPT Data'!B1955</f>
        <v>19.524999999999999</v>
      </c>
      <c r="B1947" s="3">
        <f>'CPT Data'!C1955</f>
        <v>19.517999999999997</v>
      </c>
      <c r="C1947" t="str">
        <f>'CPT Data'!P1955</f>
        <v>CLAY</v>
      </c>
      <c r="D1947">
        <f>'CPT Data'!Q1955</f>
        <v>32.507667868096441</v>
      </c>
      <c r="E1947">
        <f t="shared" ref="E1947:E2010" si="31">IF(C1947="SAND",#N/A,IF(C1947=C1946,D1946,IF(C1947="CLAY",D1947,#N/A)))</f>
        <v>36.055507614389178</v>
      </c>
      <c r="F1947">
        <f>IF(C1947="CLAY", INDEX(D$4:D1947, MATCH("CLAY", C$4:C1947, 0)), "")</f>
        <v>0.75203252561341039</v>
      </c>
    </row>
    <row r="1948" spans="1:6" x14ac:dyDescent="0.2">
      <c r="A1948" s="239">
        <f>'CPT Data'!B1956</f>
        <v>19.588000000000001</v>
      </c>
      <c r="B1948" s="3">
        <f>'CPT Data'!C1956</f>
        <v>19.581</v>
      </c>
      <c r="C1948" t="str">
        <f>'CPT Data'!P1956</f>
        <v>CLAY</v>
      </c>
      <c r="D1948">
        <f>'CPT Data'!Q1956</f>
        <v>27.501631204293847</v>
      </c>
      <c r="E1948">
        <f t="shared" si="31"/>
        <v>32.507667868096441</v>
      </c>
      <c r="F1948">
        <f>IF(C1948="CLAY", INDEX(D$4:D1948, MATCH("CLAY", C$4:C1948, 0)), "")</f>
        <v>0.75203252561341039</v>
      </c>
    </row>
    <row r="1949" spans="1:6" x14ac:dyDescent="0.2">
      <c r="A1949" s="239">
        <f>'CPT Data'!B1957</f>
        <v>19.599</v>
      </c>
      <c r="B1949" s="3">
        <f>'CPT Data'!C1957</f>
        <v>19.591999999999999</v>
      </c>
      <c r="C1949" t="str">
        <f>'CPT Data'!P1957</f>
        <v>CLAY</v>
      </c>
      <c r="D1949">
        <f>'CPT Data'!Q1957</f>
        <v>27.210578401270727</v>
      </c>
      <c r="E1949">
        <f t="shared" si="31"/>
        <v>27.501631204293847</v>
      </c>
      <c r="F1949">
        <f>IF(C1949="CLAY", INDEX(D$4:D1949, MATCH("CLAY", C$4:C1949, 0)), "")</f>
        <v>0.75203252561341039</v>
      </c>
    </row>
    <row r="1950" spans="1:6" x14ac:dyDescent="0.2">
      <c r="A1950" s="239">
        <f>'CPT Data'!B1958</f>
        <v>19.608000000000001</v>
      </c>
      <c r="B1950" s="3">
        <f>'CPT Data'!C1958</f>
        <v>19.600999999999999</v>
      </c>
      <c r="C1950" t="str">
        <f>'CPT Data'!P1958</f>
        <v>CLAY</v>
      </c>
      <c r="D1950">
        <f>'CPT Data'!Q1958</f>
        <v>26.587779581996738</v>
      </c>
      <c r="E1950">
        <f t="shared" si="31"/>
        <v>27.210578401270727</v>
      </c>
      <c r="F1950">
        <f>IF(C1950="CLAY", INDEX(D$4:D1950, MATCH("CLAY", C$4:C1950, 0)), "")</f>
        <v>0.75203252561341039</v>
      </c>
    </row>
    <row r="1951" spans="1:6" x14ac:dyDescent="0.2">
      <c r="A1951" s="239">
        <f>'CPT Data'!B1959</f>
        <v>19.664000000000001</v>
      </c>
      <c r="B1951" s="3">
        <f>'CPT Data'!C1959</f>
        <v>19.657</v>
      </c>
      <c r="C1951" t="str">
        <f>'CPT Data'!P1959</f>
        <v>CLAY</v>
      </c>
      <c r="D1951">
        <f>'CPT Data'!Q1959</f>
        <v>25.916252501829494</v>
      </c>
      <c r="E1951">
        <f t="shared" si="31"/>
        <v>26.587779581996738</v>
      </c>
      <c r="F1951">
        <f>IF(C1951="CLAY", INDEX(D$4:D1951, MATCH("CLAY", C$4:C1951, 0)), "")</f>
        <v>0.75203252561341039</v>
      </c>
    </row>
    <row r="1952" spans="1:6" x14ac:dyDescent="0.2">
      <c r="A1952" s="239">
        <f>'CPT Data'!B1960</f>
        <v>19.672999999999998</v>
      </c>
      <c r="B1952" s="3">
        <f>'CPT Data'!C1960</f>
        <v>19.665999999999997</v>
      </c>
      <c r="C1952" t="str">
        <f>'CPT Data'!P1960</f>
        <v>CLAY</v>
      </c>
      <c r="D1952">
        <f>'CPT Data'!Q1960</f>
        <v>25.937623780454942</v>
      </c>
      <c r="E1952">
        <f t="shared" si="31"/>
        <v>25.916252501829494</v>
      </c>
      <c r="F1952">
        <f>IF(C1952="CLAY", INDEX(D$4:D1952, MATCH("CLAY", C$4:C1952, 0)), "")</f>
        <v>0.75203252561341039</v>
      </c>
    </row>
    <row r="1953" spans="1:6" x14ac:dyDescent="0.2">
      <c r="A1953" s="239">
        <f>'CPT Data'!B1961</f>
        <v>19.683</v>
      </c>
      <c r="B1953" s="3">
        <f>'CPT Data'!C1961</f>
        <v>19.675999999999998</v>
      </c>
      <c r="C1953" t="str">
        <f>'CPT Data'!P1961</f>
        <v>CLAY</v>
      </c>
      <c r="D1953">
        <f>'CPT Data'!Q1961</f>
        <v>25.95848709943532</v>
      </c>
      <c r="E1953">
        <f t="shared" si="31"/>
        <v>25.937623780454942</v>
      </c>
      <c r="F1953">
        <f>IF(C1953="CLAY", INDEX(D$4:D1953, MATCH("CLAY", C$4:C1953, 0)), "")</f>
        <v>0.75203252561341039</v>
      </c>
    </row>
    <row r="1954" spans="1:6" x14ac:dyDescent="0.2">
      <c r="A1954" s="239">
        <f>'CPT Data'!B1962</f>
        <v>19.693000000000001</v>
      </c>
      <c r="B1954" s="3">
        <f>'CPT Data'!C1962</f>
        <v>19.686</v>
      </c>
      <c r="C1954" t="str">
        <f>'CPT Data'!P1962</f>
        <v>CLAY</v>
      </c>
      <c r="D1954">
        <f>'CPT Data'!Q1962</f>
        <v>25.750286704311907</v>
      </c>
      <c r="E1954">
        <f t="shared" si="31"/>
        <v>25.95848709943532</v>
      </c>
      <c r="F1954">
        <f>IF(C1954="CLAY", INDEX(D$4:D1954, MATCH("CLAY", C$4:C1954, 0)), "")</f>
        <v>0.75203252561341039</v>
      </c>
    </row>
    <row r="1955" spans="1:6" x14ac:dyDescent="0.2">
      <c r="A1955" s="239">
        <f>'CPT Data'!B1963</f>
        <v>19.702999999999999</v>
      </c>
      <c r="B1955" s="3">
        <f>'CPT Data'!C1963</f>
        <v>19.695999999999998</v>
      </c>
      <c r="C1955" t="str">
        <f>'CPT Data'!P1963</f>
        <v>CLAY</v>
      </c>
      <c r="D1955">
        <f>'CPT Data'!Q1963</f>
        <v>25.65658199866623</v>
      </c>
      <c r="E1955">
        <f t="shared" si="31"/>
        <v>25.750286704311907</v>
      </c>
      <c r="F1955">
        <f>IF(C1955="CLAY", INDEX(D$4:D1955, MATCH("CLAY", C$4:C1955, 0)), "")</f>
        <v>0.75203252561341039</v>
      </c>
    </row>
    <row r="1956" spans="1:6" x14ac:dyDescent="0.2">
      <c r="A1956" s="239">
        <f>'CPT Data'!B1964</f>
        <v>19.713000000000001</v>
      </c>
      <c r="B1956" s="3">
        <f>'CPT Data'!C1964</f>
        <v>19.706</v>
      </c>
      <c r="C1956" t="str">
        <f>'CPT Data'!P1964</f>
        <v>CLAY</v>
      </c>
      <c r="D1956">
        <f>'CPT Data'!Q1964</f>
        <v>25.655951559598673</v>
      </c>
      <c r="E1956">
        <f t="shared" si="31"/>
        <v>25.65658199866623</v>
      </c>
      <c r="F1956">
        <f>IF(C1956="CLAY", INDEX(D$4:D1956, MATCH("CLAY", C$4:C1956, 0)), "")</f>
        <v>0.75203252561341039</v>
      </c>
    </row>
    <row r="1957" spans="1:6" x14ac:dyDescent="0.2">
      <c r="A1957" s="239">
        <f>'CPT Data'!B1965</f>
        <v>19.722999999999999</v>
      </c>
      <c r="B1957" s="3">
        <f>'CPT Data'!C1965</f>
        <v>19.715999999999998</v>
      </c>
      <c r="C1957" t="str">
        <f>'CPT Data'!P1965</f>
        <v>CLAY</v>
      </c>
      <c r="D1957">
        <f>'CPT Data'!Q1965</f>
        <v>26.36318565420288</v>
      </c>
      <c r="E1957">
        <f t="shared" si="31"/>
        <v>25.655951559598673</v>
      </c>
      <c r="F1957">
        <f>IF(C1957="CLAY", INDEX(D$4:D1957, MATCH("CLAY", C$4:C1957, 0)), "")</f>
        <v>0.75203252561341039</v>
      </c>
    </row>
    <row r="1958" spans="1:6" x14ac:dyDescent="0.2">
      <c r="A1958" s="239">
        <f>'CPT Data'!B1966</f>
        <v>19.733000000000001</v>
      </c>
      <c r="B1958" s="3">
        <f>'CPT Data'!C1966</f>
        <v>19.725999999999999</v>
      </c>
      <c r="C1958" t="str">
        <f>'CPT Data'!P1966</f>
        <v>CLAY</v>
      </c>
      <c r="D1958">
        <f>'CPT Data'!Q1966</f>
        <v>27.55667297734789</v>
      </c>
      <c r="E1958">
        <f t="shared" si="31"/>
        <v>26.36318565420288</v>
      </c>
      <c r="F1958">
        <f>IF(C1958="CLAY", INDEX(D$4:D1958, MATCH("CLAY", C$4:C1958, 0)), "")</f>
        <v>0.75203252561341039</v>
      </c>
    </row>
    <row r="1959" spans="1:6" x14ac:dyDescent="0.2">
      <c r="A1959" s="239">
        <f>'CPT Data'!B1967</f>
        <v>19.742999999999999</v>
      </c>
      <c r="B1959" s="3">
        <f>'CPT Data'!C1967</f>
        <v>19.735999999999997</v>
      </c>
      <c r="C1959" t="str">
        <f>'CPT Data'!P1967</f>
        <v>CLAY</v>
      </c>
      <c r="D1959">
        <f>'CPT Data'!Q1967</f>
        <v>29.771299816034524</v>
      </c>
      <c r="E1959">
        <f t="shared" si="31"/>
        <v>27.55667297734789</v>
      </c>
      <c r="F1959">
        <f>IF(C1959="CLAY", INDEX(D$4:D1959, MATCH("CLAY", C$4:C1959, 0)), "")</f>
        <v>0.75203252561341039</v>
      </c>
    </row>
    <row r="1960" spans="1:6" x14ac:dyDescent="0.2">
      <c r="A1960" s="239">
        <f>'CPT Data'!B1968</f>
        <v>19.753</v>
      </c>
      <c r="B1960" s="3">
        <f>'CPT Data'!C1968</f>
        <v>19.745999999999999</v>
      </c>
      <c r="C1960" t="str">
        <f>'CPT Data'!P1968</f>
        <v>CLAY</v>
      </c>
      <c r="D1960">
        <f>'CPT Data'!Q1968</f>
        <v>32.743421170304522</v>
      </c>
      <c r="E1960">
        <f t="shared" si="31"/>
        <v>29.771299816034524</v>
      </c>
      <c r="F1960">
        <f>IF(C1960="CLAY", INDEX(D$4:D1960, MATCH("CLAY", C$4:C1960, 0)), "")</f>
        <v>0.75203252561341039</v>
      </c>
    </row>
    <row r="1961" spans="1:6" x14ac:dyDescent="0.2">
      <c r="A1961" s="239">
        <f>'CPT Data'!B1969</f>
        <v>19.763000000000002</v>
      </c>
      <c r="B1961" s="3">
        <f>'CPT Data'!C1969</f>
        <v>19.756</v>
      </c>
      <c r="C1961" t="str">
        <f>'CPT Data'!P1969</f>
        <v>CLAY</v>
      </c>
      <c r="D1961">
        <f>'CPT Data'!Q1969</f>
        <v>38.222492373426519</v>
      </c>
      <c r="E1961">
        <f t="shared" si="31"/>
        <v>32.743421170304522</v>
      </c>
      <c r="F1961">
        <f>IF(C1961="CLAY", INDEX(D$4:D1961, MATCH("CLAY", C$4:C1961, 0)), "")</f>
        <v>0.75203252561341039</v>
      </c>
    </row>
    <row r="1962" spans="1:6" x14ac:dyDescent="0.2">
      <c r="A1962" s="239">
        <f>'CPT Data'!B1970</f>
        <v>19.771999999999998</v>
      </c>
      <c r="B1962" s="3">
        <f>'CPT Data'!C1970</f>
        <v>19.764999999999997</v>
      </c>
      <c r="C1962" t="str">
        <f>'CPT Data'!P1970</f>
        <v>CLAY</v>
      </c>
      <c r="D1962">
        <f>'CPT Data'!Q1970</f>
        <v>45.279930301513083</v>
      </c>
      <c r="E1962">
        <f t="shared" si="31"/>
        <v>38.222492373426519</v>
      </c>
      <c r="F1962">
        <f>IF(C1962="CLAY", INDEX(D$4:D1962, MATCH("CLAY", C$4:C1962, 0)), "")</f>
        <v>0.75203252561341039</v>
      </c>
    </row>
    <row r="1963" spans="1:6" x14ac:dyDescent="0.2">
      <c r="A1963" s="239">
        <f>'CPT Data'!B1971</f>
        <v>19.782</v>
      </c>
      <c r="B1963" s="3">
        <f>'CPT Data'!C1971</f>
        <v>19.774999999999999</v>
      </c>
      <c r="C1963" t="str">
        <f>'CPT Data'!P1971</f>
        <v>CLAY</v>
      </c>
      <c r="D1963">
        <f>'CPT Data'!Q1971</f>
        <v>53.206018853189185</v>
      </c>
      <c r="E1963">
        <f t="shared" si="31"/>
        <v>45.279930301513083</v>
      </c>
      <c r="F1963">
        <f>IF(C1963="CLAY", INDEX(D$4:D1963, MATCH("CLAY", C$4:C1963, 0)), "")</f>
        <v>0.75203252561341039</v>
      </c>
    </row>
    <row r="1964" spans="1:6" x14ac:dyDescent="0.2">
      <c r="A1964" s="239">
        <f>'CPT Data'!B1972</f>
        <v>19.792000000000002</v>
      </c>
      <c r="B1964" s="3">
        <f>'CPT Data'!C1972</f>
        <v>19.785</v>
      </c>
      <c r="C1964" t="str">
        <f>'CPT Data'!P1972</f>
        <v>CLAY</v>
      </c>
      <c r="D1964">
        <f>'CPT Data'!Q1972</f>
        <v>61.709732324464937</v>
      </c>
      <c r="E1964">
        <f t="shared" si="31"/>
        <v>53.206018853189185</v>
      </c>
      <c r="F1964">
        <f>IF(C1964="CLAY", INDEX(D$4:D1964, MATCH("CLAY", C$4:C1964, 0)), "")</f>
        <v>0.75203252561341039</v>
      </c>
    </row>
    <row r="1965" spans="1:6" x14ac:dyDescent="0.2">
      <c r="A1965" s="239">
        <f>'CPT Data'!B1973</f>
        <v>19.802</v>
      </c>
      <c r="B1965" s="3">
        <f>'CPT Data'!C1973</f>
        <v>19.794999999999998</v>
      </c>
      <c r="C1965" t="str">
        <f>'CPT Data'!P1973</f>
        <v>CLAY</v>
      </c>
      <c r="D1965">
        <f>'CPT Data'!Q1973</f>
        <v>68.927239592843605</v>
      </c>
      <c r="E1965">
        <f t="shared" si="31"/>
        <v>61.709732324464937</v>
      </c>
      <c r="F1965">
        <f>IF(C1965="CLAY", INDEX(D$4:D1965, MATCH("CLAY", C$4:C1965, 0)), "")</f>
        <v>0.75203252561341039</v>
      </c>
    </row>
    <row r="1966" spans="1:6" x14ac:dyDescent="0.2">
      <c r="A1966" s="239">
        <f>'CPT Data'!B1974</f>
        <v>19.812000000000001</v>
      </c>
      <c r="B1966" s="3">
        <f>'CPT Data'!C1974</f>
        <v>19.805</v>
      </c>
      <c r="C1966" t="str">
        <f>'CPT Data'!P1974</f>
        <v>CLAY</v>
      </c>
      <c r="D1966">
        <f>'CPT Data'!Q1974</f>
        <v>72.408455032515761</v>
      </c>
      <c r="E1966">
        <f t="shared" si="31"/>
        <v>68.927239592843605</v>
      </c>
      <c r="F1966">
        <f>IF(C1966="CLAY", INDEX(D$4:D1966, MATCH("CLAY", C$4:C1966, 0)), "")</f>
        <v>0.75203252561341039</v>
      </c>
    </row>
    <row r="1967" spans="1:6" x14ac:dyDescent="0.2">
      <c r="A1967" s="239">
        <f>'CPT Data'!B1975</f>
        <v>19.821999999999999</v>
      </c>
      <c r="B1967" s="3">
        <f>'CPT Data'!C1975</f>
        <v>19.814999999999998</v>
      </c>
      <c r="C1967" t="str">
        <f>'CPT Data'!P1975</f>
        <v>CLAY</v>
      </c>
      <c r="D1967">
        <f>'CPT Data'!Q1975</f>
        <v>72.094852683337407</v>
      </c>
      <c r="E1967">
        <f t="shared" si="31"/>
        <v>72.408455032515761</v>
      </c>
      <c r="F1967">
        <f>IF(C1967="CLAY", INDEX(D$4:D1967, MATCH("CLAY", C$4:C1967, 0)), "")</f>
        <v>0.75203252561341039</v>
      </c>
    </row>
    <row r="1968" spans="1:6" x14ac:dyDescent="0.2">
      <c r="A1968" s="239">
        <f>'CPT Data'!B1976</f>
        <v>19.832000000000001</v>
      </c>
      <c r="B1968" s="3">
        <f>'CPT Data'!C1976</f>
        <v>19.824999999999999</v>
      </c>
      <c r="C1968" t="str">
        <f>'CPT Data'!P1976</f>
        <v>CLAY</v>
      </c>
      <c r="D1968">
        <f>'CPT Data'!Q1976</f>
        <v>68.815342884058154</v>
      </c>
      <c r="E1968">
        <f t="shared" si="31"/>
        <v>72.094852683337407</v>
      </c>
      <c r="F1968">
        <f>IF(C1968="CLAY", INDEX(D$4:D1968, MATCH("CLAY", C$4:C1968, 0)), "")</f>
        <v>0.75203252561341039</v>
      </c>
    </row>
    <row r="1969" spans="1:6" x14ac:dyDescent="0.2">
      <c r="A1969" s="239">
        <f>'CPT Data'!B1977</f>
        <v>19.841999999999999</v>
      </c>
      <c r="B1969" s="3">
        <f>'CPT Data'!C1977</f>
        <v>19.834999999999997</v>
      </c>
      <c r="C1969" t="str">
        <f>'CPT Data'!P1977</f>
        <v>CLAY</v>
      </c>
      <c r="D1969">
        <f>'CPT Data'!Q1977</f>
        <v>63.645001225677447</v>
      </c>
      <c r="E1969">
        <f t="shared" si="31"/>
        <v>68.815342884058154</v>
      </c>
      <c r="F1969">
        <f>IF(C1969="CLAY", INDEX(D$4:D1969, MATCH("CLAY", C$4:C1969, 0)), "")</f>
        <v>0.75203252561341039</v>
      </c>
    </row>
    <row r="1970" spans="1:6" x14ac:dyDescent="0.2">
      <c r="A1970" s="239">
        <f>'CPT Data'!B1978</f>
        <v>19.853000000000002</v>
      </c>
      <c r="B1970" s="3">
        <f>'CPT Data'!C1978</f>
        <v>19.846</v>
      </c>
      <c r="C1970" t="str">
        <f>'CPT Data'!P1978</f>
        <v>CLAY</v>
      </c>
      <c r="D1970">
        <f>'CPT Data'!Q1978</f>
        <v>57.198072699685348</v>
      </c>
      <c r="E1970">
        <f t="shared" si="31"/>
        <v>63.645001225677447</v>
      </c>
      <c r="F1970">
        <f>IF(C1970="CLAY", INDEX(D$4:D1970, MATCH("CLAY", C$4:C1970, 0)), "")</f>
        <v>0.75203252561341039</v>
      </c>
    </row>
    <row r="1971" spans="1:6" x14ac:dyDescent="0.2">
      <c r="A1971" s="239">
        <f>'CPT Data'!B1979</f>
        <v>19.863</v>
      </c>
      <c r="B1971" s="3">
        <f>'CPT Data'!C1979</f>
        <v>19.855999999999998</v>
      </c>
      <c r="C1971" t="str">
        <f>'CPT Data'!P1979</f>
        <v>CLAY</v>
      </c>
      <c r="D1971">
        <f>'CPT Data'!Q1979</f>
        <v>50.349669742514429</v>
      </c>
      <c r="E1971">
        <f t="shared" si="31"/>
        <v>57.198072699685348</v>
      </c>
      <c r="F1971">
        <f>IF(C1971="CLAY", INDEX(D$4:D1971, MATCH("CLAY", C$4:C1971, 0)), "")</f>
        <v>0.75203252561341039</v>
      </c>
    </row>
    <row r="1972" spans="1:6" x14ac:dyDescent="0.2">
      <c r="A1972" s="239">
        <f>'CPT Data'!B1980</f>
        <v>19.873000000000001</v>
      </c>
      <c r="B1972" s="3">
        <f>'CPT Data'!C1980</f>
        <v>19.866</v>
      </c>
      <c r="C1972" t="str">
        <f>'CPT Data'!P1980</f>
        <v>CLAY</v>
      </c>
      <c r="D1972">
        <f>'CPT Data'!Q1980</f>
        <v>44.749643216847552</v>
      </c>
      <c r="E1972">
        <f t="shared" si="31"/>
        <v>50.349669742514429</v>
      </c>
      <c r="F1972">
        <f>IF(C1972="CLAY", INDEX(D$4:D1972, MATCH("CLAY", C$4:C1972, 0)), "")</f>
        <v>0.75203252561341039</v>
      </c>
    </row>
    <row r="1973" spans="1:6" x14ac:dyDescent="0.2">
      <c r="A1973" s="239">
        <f>'CPT Data'!B1981</f>
        <v>19.882999999999999</v>
      </c>
      <c r="B1973" s="3">
        <f>'CPT Data'!C1981</f>
        <v>19.875999999999998</v>
      </c>
      <c r="C1973" t="str">
        <f>'CPT Data'!P1981</f>
        <v>CLAY</v>
      </c>
      <c r="D1973">
        <f>'CPT Data'!Q1981</f>
        <v>41.48199915524534</v>
      </c>
      <c r="E1973">
        <f t="shared" si="31"/>
        <v>44.749643216847552</v>
      </c>
      <c r="F1973">
        <f>IF(C1973="CLAY", INDEX(D$4:D1973, MATCH("CLAY", C$4:C1973, 0)), "")</f>
        <v>0.75203252561341039</v>
      </c>
    </row>
    <row r="1974" spans="1:6" x14ac:dyDescent="0.2">
      <c r="A1974" s="239">
        <f>'CPT Data'!B1982</f>
        <v>19.891999999999999</v>
      </c>
      <c r="B1974" s="3">
        <f>'CPT Data'!C1982</f>
        <v>19.884999999999998</v>
      </c>
      <c r="C1974" t="str">
        <f>'CPT Data'!P1982</f>
        <v>CLAY</v>
      </c>
      <c r="D1974">
        <f>'CPT Data'!Q1982</f>
        <v>41.173666110321619</v>
      </c>
      <c r="E1974">
        <f t="shared" si="31"/>
        <v>41.48199915524534</v>
      </c>
      <c r="F1974">
        <f>IF(C1974="CLAY", INDEX(D$4:D1974, MATCH("CLAY", C$4:C1974, 0)), "")</f>
        <v>0.75203252561341039</v>
      </c>
    </row>
    <row r="1975" spans="1:6" x14ac:dyDescent="0.2">
      <c r="A1975" s="239">
        <f>'CPT Data'!B1983</f>
        <v>19.902000000000001</v>
      </c>
      <c r="B1975" s="3">
        <f>'CPT Data'!C1983</f>
        <v>19.895</v>
      </c>
      <c r="C1975" t="str">
        <f>'CPT Data'!P1983</f>
        <v>CLAY</v>
      </c>
      <c r="D1975">
        <f>'CPT Data'!Q1983</f>
        <v>44.977553919266718</v>
      </c>
      <c r="E1975">
        <f t="shared" si="31"/>
        <v>41.173666110321619</v>
      </c>
      <c r="F1975">
        <f>IF(C1975="CLAY", INDEX(D$4:D1975, MATCH("CLAY", C$4:C1975, 0)), "")</f>
        <v>0.75203252561341039</v>
      </c>
    </row>
    <row r="1976" spans="1:6" x14ac:dyDescent="0.2">
      <c r="A1976" s="239">
        <f>'CPT Data'!B1984</f>
        <v>19.913</v>
      </c>
      <c r="B1976" s="3">
        <f>'CPT Data'!C1984</f>
        <v>19.905999999999999</v>
      </c>
      <c r="C1976" t="str">
        <f>'CPT Data'!P1984</f>
        <v>CLAY</v>
      </c>
      <c r="D1976">
        <f>'CPT Data'!Q1984</f>
        <v>49.902458095302258</v>
      </c>
      <c r="E1976">
        <f t="shared" si="31"/>
        <v>44.977553919266718</v>
      </c>
      <c r="F1976">
        <f>IF(C1976="CLAY", INDEX(D$4:D1976, MATCH("CLAY", C$4:C1976, 0)), "")</f>
        <v>0.75203252561341039</v>
      </c>
    </row>
    <row r="1977" spans="1:6" x14ac:dyDescent="0.2">
      <c r="A1977" s="239">
        <f>'CPT Data'!B1985</f>
        <v>19.922000000000001</v>
      </c>
      <c r="B1977" s="3">
        <f>'CPT Data'!C1985</f>
        <v>19.914999999999999</v>
      </c>
      <c r="C1977" t="str">
        <f>'CPT Data'!P1985</f>
        <v>CLAY</v>
      </c>
      <c r="D1977">
        <f>'CPT Data'!Q1985</f>
        <v>53.600429663000853</v>
      </c>
      <c r="E1977">
        <f t="shared" si="31"/>
        <v>49.902458095302258</v>
      </c>
      <c r="F1977">
        <f>IF(C1977="CLAY", INDEX(D$4:D1977, MATCH("CLAY", C$4:C1977, 0)), "")</f>
        <v>0.75203252561341039</v>
      </c>
    </row>
    <row r="1978" spans="1:6" x14ac:dyDescent="0.2">
      <c r="A1978" s="239">
        <f>'CPT Data'!B1986</f>
        <v>19.933</v>
      </c>
      <c r="B1978" s="3">
        <f>'CPT Data'!C1986</f>
        <v>19.925999999999998</v>
      </c>
      <c r="C1978" t="str">
        <f>'CPT Data'!P1986</f>
        <v>CLAY</v>
      </c>
      <c r="D1978">
        <f>'CPT Data'!Q1986</f>
        <v>56.184112618656805</v>
      </c>
      <c r="E1978">
        <f t="shared" si="31"/>
        <v>53.600429663000853</v>
      </c>
      <c r="F1978">
        <f>IF(C1978="CLAY", INDEX(D$4:D1978, MATCH("CLAY", C$4:C1978, 0)), "")</f>
        <v>0.75203252561341039</v>
      </c>
    </row>
    <row r="1979" spans="1:6" x14ac:dyDescent="0.2">
      <c r="A1979" s="239">
        <f>'CPT Data'!B1987</f>
        <v>19.942</v>
      </c>
      <c r="B1979" s="3">
        <f>'CPT Data'!C1987</f>
        <v>19.934999999999999</v>
      </c>
      <c r="C1979" t="str">
        <f>'CPT Data'!P1987</f>
        <v>CLAY</v>
      </c>
      <c r="D1979">
        <f>'CPT Data'!Q1987</f>
        <v>56.566736856604358</v>
      </c>
      <c r="E1979">
        <f t="shared" si="31"/>
        <v>56.184112618656805</v>
      </c>
      <c r="F1979">
        <f>IF(C1979="CLAY", INDEX(D$4:D1979, MATCH("CLAY", C$4:C1979, 0)), "")</f>
        <v>0.75203252561341039</v>
      </c>
    </row>
    <row r="1980" spans="1:6" x14ac:dyDescent="0.2">
      <c r="A1980" s="239">
        <f>'CPT Data'!B1988</f>
        <v>19.952000000000002</v>
      </c>
      <c r="B1980" s="3">
        <f>'CPT Data'!C1988</f>
        <v>19.945</v>
      </c>
      <c r="C1980" t="str">
        <f>'CPT Data'!P1988</f>
        <v>CLAY</v>
      </c>
      <c r="D1980">
        <f>'CPT Data'!Q1988</f>
        <v>56.583036920564403</v>
      </c>
      <c r="E1980">
        <f t="shared" si="31"/>
        <v>56.566736856604358</v>
      </c>
      <c r="F1980">
        <f>IF(C1980="CLAY", INDEX(D$4:D1980, MATCH("CLAY", C$4:C1980, 0)), "")</f>
        <v>0.75203252561341039</v>
      </c>
    </row>
    <row r="1981" spans="1:6" x14ac:dyDescent="0.2">
      <c r="A1981" s="239">
        <f>'CPT Data'!B1989</f>
        <v>19.962</v>
      </c>
      <c r="B1981" s="3">
        <f>'CPT Data'!C1989</f>
        <v>19.954999999999998</v>
      </c>
      <c r="C1981" t="str">
        <f>'CPT Data'!P1989</f>
        <v>CLAY</v>
      </c>
      <c r="D1981">
        <f>'CPT Data'!Q1989</f>
        <v>57.085614212701778</v>
      </c>
      <c r="E1981">
        <f t="shared" si="31"/>
        <v>56.583036920564403</v>
      </c>
      <c r="F1981">
        <f>IF(C1981="CLAY", INDEX(D$4:D1981, MATCH("CLAY", C$4:C1981, 0)), "")</f>
        <v>0.75203252561341039</v>
      </c>
    </row>
    <row r="1982" spans="1:6" x14ac:dyDescent="0.2">
      <c r="A1982" s="239">
        <f>'CPT Data'!B1990</f>
        <v>19.972000000000001</v>
      </c>
      <c r="B1982" s="3">
        <f>'CPT Data'!C1990</f>
        <v>19.965</v>
      </c>
      <c r="C1982" t="str">
        <f>'CPT Data'!P1990</f>
        <v>CLAY</v>
      </c>
      <c r="D1982">
        <f>'CPT Data'!Q1990</f>
        <v>56.677324978780149</v>
      </c>
      <c r="E1982">
        <f t="shared" si="31"/>
        <v>57.085614212701778</v>
      </c>
      <c r="F1982">
        <f>IF(C1982="CLAY", INDEX(D$4:D1982, MATCH("CLAY", C$4:C1982, 0)), "")</f>
        <v>0.75203252561341039</v>
      </c>
    </row>
    <row r="1983" spans="1:6" x14ac:dyDescent="0.2">
      <c r="A1983" s="239">
        <f>'CPT Data'!B1991</f>
        <v>19.981999999999999</v>
      </c>
      <c r="B1983" s="3">
        <f>'CPT Data'!C1991</f>
        <v>19.974999999999998</v>
      </c>
      <c r="C1983" t="str">
        <f>'CPT Data'!P1991</f>
        <v>CLAY</v>
      </c>
      <c r="D1983">
        <f>'CPT Data'!Q1991</f>
        <v>56.176122137633747</v>
      </c>
      <c r="E1983">
        <f t="shared" si="31"/>
        <v>56.677324978780149</v>
      </c>
      <c r="F1983">
        <f>IF(C1983="CLAY", INDEX(D$4:D1983, MATCH("CLAY", C$4:C1983, 0)), "")</f>
        <v>0.75203252561341039</v>
      </c>
    </row>
    <row r="1984" spans="1:6" x14ac:dyDescent="0.2">
      <c r="A1984" s="239">
        <f>'CPT Data'!B1992</f>
        <v>19.992999999999999</v>
      </c>
      <c r="B1984" s="3">
        <f>'CPT Data'!C1992</f>
        <v>19.985999999999997</v>
      </c>
      <c r="C1984" t="str">
        <f>'CPT Data'!P1992</f>
        <v>CLAY</v>
      </c>
      <c r="D1984">
        <f>'CPT Data'!Q1992</f>
        <v>56.429381789070646</v>
      </c>
      <c r="E1984">
        <f t="shared" si="31"/>
        <v>56.176122137633747</v>
      </c>
      <c r="F1984">
        <f>IF(C1984="CLAY", INDEX(D$4:D1984, MATCH("CLAY", C$4:C1984, 0)), "")</f>
        <v>0.75203252561341039</v>
      </c>
    </row>
    <row r="1985" spans="1:6" x14ac:dyDescent="0.2">
      <c r="A1985" s="239">
        <f>'CPT Data'!B1993</f>
        <v>20.001999999999999</v>
      </c>
      <c r="B1985" s="3">
        <f>'CPT Data'!C1993</f>
        <v>19.994999999999997</v>
      </c>
      <c r="C1985" t="str">
        <f>'CPT Data'!P1993</f>
        <v>CLAY</v>
      </c>
      <c r="D1985">
        <f>'CPT Data'!Q1993</f>
        <v>57.900649574139571</v>
      </c>
      <c r="E1985">
        <f t="shared" si="31"/>
        <v>56.429381789070646</v>
      </c>
      <c r="F1985">
        <f>IF(C1985="CLAY", INDEX(D$4:D1985, MATCH("CLAY", C$4:C1985, 0)), "")</f>
        <v>0.75203252561341039</v>
      </c>
    </row>
    <row r="1986" spans="1:6" x14ac:dyDescent="0.2">
      <c r="A1986" s="239">
        <f>'CPT Data'!B1994</f>
        <v>20.012</v>
      </c>
      <c r="B1986" s="3">
        <f>'CPT Data'!C1994</f>
        <v>20.004999999999999</v>
      </c>
      <c r="C1986" t="str">
        <f>'CPT Data'!P1994</f>
        <v>CLAY</v>
      </c>
      <c r="D1986">
        <f>'CPT Data'!Q1994</f>
        <v>60.063910748933303</v>
      </c>
      <c r="E1986">
        <f t="shared" si="31"/>
        <v>57.900649574139571</v>
      </c>
      <c r="F1986">
        <f>IF(C1986="CLAY", INDEX(D$4:D1986, MATCH("CLAY", C$4:C1986, 0)), "")</f>
        <v>0.75203252561341039</v>
      </c>
    </row>
    <row r="1987" spans="1:6" x14ac:dyDescent="0.2">
      <c r="A1987" s="239">
        <f>'CPT Data'!B1995</f>
        <v>20.021999999999998</v>
      </c>
      <c r="B1987" s="3">
        <f>'CPT Data'!C1995</f>
        <v>20.014999999999997</v>
      </c>
      <c r="C1987" t="str">
        <f>'CPT Data'!P1995</f>
        <v>CLAY</v>
      </c>
      <c r="D1987">
        <f>'CPT Data'!Q1995</f>
        <v>62.494173727269619</v>
      </c>
      <c r="E1987">
        <f t="shared" si="31"/>
        <v>60.063910748933303</v>
      </c>
      <c r="F1987">
        <f>IF(C1987="CLAY", INDEX(D$4:D1987, MATCH("CLAY", C$4:C1987, 0)), "")</f>
        <v>0.75203252561341039</v>
      </c>
    </row>
    <row r="1988" spans="1:6" x14ac:dyDescent="0.2">
      <c r="A1988" s="239">
        <f>'CPT Data'!B1996</f>
        <v>20.033000000000001</v>
      </c>
      <c r="B1988" s="3">
        <f>'CPT Data'!C1996</f>
        <v>20.026</v>
      </c>
      <c r="C1988" t="str">
        <f>'CPT Data'!P1996</f>
        <v>CLAY</v>
      </c>
      <c r="D1988">
        <f>'CPT Data'!Q1996</f>
        <v>64.375583475963836</v>
      </c>
      <c r="E1988">
        <f t="shared" si="31"/>
        <v>62.494173727269619</v>
      </c>
      <c r="F1988">
        <f>IF(C1988="CLAY", INDEX(D$4:D1988, MATCH("CLAY", C$4:C1988, 0)), "")</f>
        <v>0.75203252561341039</v>
      </c>
    </row>
    <row r="1989" spans="1:6" x14ac:dyDescent="0.2">
      <c r="A1989" s="239">
        <f>'CPT Data'!B1997</f>
        <v>20.042999999999999</v>
      </c>
      <c r="B1989" s="3">
        <f>'CPT Data'!C1997</f>
        <v>20.035999999999998</v>
      </c>
      <c r="C1989" t="str">
        <f>'CPT Data'!P1997</f>
        <v>CLAY</v>
      </c>
      <c r="D1989">
        <f>'CPT Data'!Q1997</f>
        <v>66.778623279647093</v>
      </c>
      <c r="E1989">
        <f t="shared" si="31"/>
        <v>64.375583475963836</v>
      </c>
      <c r="F1989">
        <f>IF(C1989="CLAY", INDEX(D$4:D1989, MATCH("CLAY", C$4:C1989, 0)), "")</f>
        <v>0.75203252561341039</v>
      </c>
    </row>
    <row r="1990" spans="1:6" x14ac:dyDescent="0.2">
      <c r="A1990" s="239">
        <f>'CPT Data'!B1998</f>
        <v>20.053000000000001</v>
      </c>
      <c r="B1990" s="3">
        <f>'CPT Data'!C1998</f>
        <v>20.045999999999999</v>
      </c>
      <c r="C1990" t="str">
        <f>'CPT Data'!P1998</f>
        <v>CLAY</v>
      </c>
      <c r="D1990">
        <f>'CPT Data'!Q1998</f>
        <v>68.922127788468075</v>
      </c>
      <c r="E1990">
        <f t="shared" si="31"/>
        <v>66.778623279647093</v>
      </c>
      <c r="F1990">
        <f>IF(C1990="CLAY", INDEX(D$4:D1990, MATCH("CLAY", C$4:C1990, 0)), "")</f>
        <v>0.75203252561341039</v>
      </c>
    </row>
    <row r="1991" spans="1:6" x14ac:dyDescent="0.2">
      <c r="A1991" s="239">
        <f>'CPT Data'!B1999</f>
        <v>20.062000000000001</v>
      </c>
      <c r="B1991" s="3">
        <f>'CPT Data'!C1999</f>
        <v>20.055</v>
      </c>
      <c r="C1991" t="str">
        <f>'CPT Data'!P1999</f>
        <v>CLAY</v>
      </c>
      <c r="D1991">
        <f>'CPT Data'!Q1999</f>
        <v>72.216355517324857</v>
      </c>
      <c r="E1991">
        <f t="shared" si="31"/>
        <v>68.922127788468075</v>
      </c>
      <c r="F1991">
        <f>IF(C1991="CLAY", INDEX(D$4:D1991, MATCH("CLAY", C$4:C1991, 0)), "")</f>
        <v>0.75203252561341039</v>
      </c>
    </row>
    <row r="1992" spans="1:6" x14ac:dyDescent="0.2">
      <c r="A1992" s="239">
        <f>'CPT Data'!B2000</f>
        <v>20.071999999999999</v>
      </c>
      <c r="B1992" s="3">
        <f>'CPT Data'!C2000</f>
        <v>20.064999999999998</v>
      </c>
      <c r="C1992" t="str">
        <f>'CPT Data'!P2000</f>
        <v>CLAY</v>
      </c>
      <c r="D1992">
        <f>'CPT Data'!Q2000</f>
        <v>76.63355258778283</v>
      </c>
      <c r="E1992">
        <f t="shared" si="31"/>
        <v>72.216355517324857</v>
      </c>
      <c r="F1992">
        <f>IF(C1992="CLAY", INDEX(D$4:D1992, MATCH("CLAY", C$4:C1992, 0)), "")</f>
        <v>0.75203252561341039</v>
      </c>
    </row>
    <row r="1993" spans="1:6" x14ac:dyDescent="0.2">
      <c r="A1993" s="239">
        <f>'CPT Data'!B2001</f>
        <v>20.082000000000001</v>
      </c>
      <c r="B1993" s="3">
        <f>'CPT Data'!C2001</f>
        <v>20.074999999999999</v>
      </c>
      <c r="C1993" t="str">
        <f>'CPT Data'!P2001</f>
        <v>CLAY</v>
      </c>
      <c r="D1993">
        <f>'CPT Data'!Q2001</f>
        <v>82.088763985772957</v>
      </c>
      <c r="E1993">
        <f t="shared" si="31"/>
        <v>76.63355258778283</v>
      </c>
      <c r="F1993">
        <f>IF(C1993="CLAY", INDEX(D$4:D1993, MATCH("CLAY", C$4:C1993, 0)), "")</f>
        <v>0.75203252561341039</v>
      </c>
    </row>
    <row r="1994" spans="1:6" x14ac:dyDescent="0.2">
      <c r="A1994" s="239">
        <f>'CPT Data'!B2002</f>
        <v>20.091999999999999</v>
      </c>
      <c r="B1994" s="3">
        <f>'CPT Data'!C2002</f>
        <v>20.084999999999997</v>
      </c>
      <c r="C1994" t="str">
        <f>'CPT Data'!P2002</f>
        <v>CLAY</v>
      </c>
      <c r="D1994">
        <f>'CPT Data'!Q2002</f>
        <v>88.533382728310002</v>
      </c>
      <c r="E1994">
        <f t="shared" si="31"/>
        <v>82.088763985772957</v>
      </c>
      <c r="F1994">
        <f>IF(C1994="CLAY", INDEX(D$4:D1994, MATCH("CLAY", C$4:C1994, 0)), "")</f>
        <v>0.75203252561341039</v>
      </c>
    </row>
    <row r="1995" spans="1:6" x14ac:dyDescent="0.2">
      <c r="A1995" s="239">
        <f>'CPT Data'!B2003</f>
        <v>20.102</v>
      </c>
      <c r="B1995" s="3">
        <f>'CPT Data'!C2003</f>
        <v>20.094999999999999</v>
      </c>
      <c r="C1995" t="str">
        <f>'CPT Data'!P2003</f>
        <v>CLAY</v>
      </c>
      <c r="D1995">
        <f>'CPT Data'!Q2003</f>
        <v>97.227356800077814</v>
      </c>
      <c r="E1995">
        <f t="shared" si="31"/>
        <v>88.533382728310002</v>
      </c>
      <c r="F1995">
        <f>IF(C1995="CLAY", INDEX(D$4:D1995, MATCH("CLAY", C$4:C1995, 0)), "")</f>
        <v>0.75203252561341039</v>
      </c>
    </row>
    <row r="1996" spans="1:6" x14ac:dyDescent="0.2">
      <c r="A1996" s="239">
        <f>'CPT Data'!B2004</f>
        <v>20.111999999999998</v>
      </c>
      <c r="B1996" s="3">
        <f>'CPT Data'!C2004</f>
        <v>20.104999999999997</v>
      </c>
      <c r="C1996" t="str">
        <f>'CPT Data'!P2004</f>
        <v>CLAY</v>
      </c>
      <c r="D1996">
        <f>'CPT Data'!Q2004</f>
        <v>107.8576587140726</v>
      </c>
      <c r="E1996">
        <f t="shared" si="31"/>
        <v>97.227356800077814</v>
      </c>
      <c r="F1996">
        <f>IF(C1996="CLAY", INDEX(D$4:D1996, MATCH("CLAY", C$4:C1996, 0)), "")</f>
        <v>0.75203252561341039</v>
      </c>
    </row>
    <row r="1997" spans="1:6" x14ac:dyDescent="0.2">
      <c r="A1997" s="239">
        <f>'CPT Data'!B2005</f>
        <v>20.122</v>
      </c>
      <c r="B1997" s="3">
        <f>'CPT Data'!C2005</f>
        <v>20.114999999999998</v>
      </c>
      <c r="C1997" t="str">
        <f>'CPT Data'!P2005</f>
        <v>CLAY</v>
      </c>
      <c r="D1997">
        <f>'CPT Data'!Q2005</f>
        <v>120.76311020755965</v>
      </c>
      <c r="E1997">
        <f t="shared" si="31"/>
        <v>107.8576587140726</v>
      </c>
      <c r="F1997">
        <f>IF(C1997="CLAY", INDEX(D$4:D1997, MATCH("CLAY", C$4:C1997, 0)), "")</f>
        <v>0.75203252561341039</v>
      </c>
    </row>
    <row r="1998" spans="1:6" x14ac:dyDescent="0.2">
      <c r="A1998" s="239">
        <f>'CPT Data'!B2006</f>
        <v>20.131</v>
      </c>
      <c r="B1998" s="3">
        <f>'CPT Data'!C2006</f>
        <v>20.123999999999999</v>
      </c>
      <c r="C1998" t="str">
        <f>'CPT Data'!P2006</f>
        <v>CLAY</v>
      </c>
      <c r="D1998">
        <f>'CPT Data'!Q2006</f>
        <v>135.80014508941318</v>
      </c>
      <c r="E1998">
        <f t="shared" si="31"/>
        <v>120.76311020755965</v>
      </c>
      <c r="F1998">
        <f>IF(C1998="CLAY", INDEX(D$4:D1998, MATCH("CLAY", C$4:C1998, 0)), "")</f>
        <v>0.75203252561341039</v>
      </c>
    </row>
    <row r="1999" spans="1:6" x14ac:dyDescent="0.2">
      <c r="A1999" s="239">
        <f>'CPT Data'!B2007</f>
        <v>20.140999999999998</v>
      </c>
      <c r="B1999" s="3">
        <f>'CPT Data'!C2007</f>
        <v>20.133999999999997</v>
      </c>
      <c r="C1999" t="str">
        <f>'CPT Data'!P2007</f>
        <v>CLAY</v>
      </c>
      <c r="D1999">
        <f>'CPT Data'!Q2007</f>
        <v>151.54457221741171</v>
      </c>
      <c r="E1999">
        <f t="shared" si="31"/>
        <v>135.80014508941318</v>
      </c>
      <c r="F1999">
        <f>IF(C1999="CLAY", INDEX(D$4:D1999, MATCH("CLAY", C$4:C1999, 0)), "")</f>
        <v>0.75203252561341039</v>
      </c>
    </row>
    <row r="2000" spans="1:6" x14ac:dyDescent="0.2">
      <c r="A2000" s="239">
        <f>'CPT Data'!B2008</f>
        <v>20.152000000000001</v>
      </c>
      <c r="B2000" s="3">
        <f>'CPT Data'!C2008</f>
        <v>20.145</v>
      </c>
      <c r="C2000" t="str">
        <f>'CPT Data'!P2008</f>
        <v>CLAY</v>
      </c>
      <c r="D2000">
        <f>'CPT Data'!Q2008</f>
        <v>165.48268616858206</v>
      </c>
      <c r="E2000">
        <f t="shared" si="31"/>
        <v>151.54457221741171</v>
      </c>
      <c r="F2000">
        <f>IF(C2000="CLAY", INDEX(D$4:D2000, MATCH("CLAY", C$4:C2000, 0)), "")</f>
        <v>0.75203252561341039</v>
      </c>
    </row>
    <row r="2001" spans="1:6" x14ac:dyDescent="0.2">
      <c r="A2001" s="239">
        <f>'CPT Data'!B2009</f>
        <v>20.161999999999999</v>
      </c>
      <c r="B2001" s="3">
        <f>'CPT Data'!C2009</f>
        <v>20.154999999999998</v>
      </c>
      <c r="C2001" t="str">
        <f>'CPT Data'!P2009</f>
        <v>CLAY</v>
      </c>
      <c r="D2001">
        <f>'CPT Data'!Q2009</f>
        <v>178.19669764450404</v>
      </c>
      <c r="E2001">
        <f t="shared" si="31"/>
        <v>165.48268616858206</v>
      </c>
      <c r="F2001">
        <f>IF(C2001="CLAY", INDEX(D$4:D2001, MATCH("CLAY", C$4:C2001, 0)), "")</f>
        <v>0.75203252561341039</v>
      </c>
    </row>
    <row r="2002" spans="1:6" x14ac:dyDescent="0.2">
      <c r="A2002" s="239">
        <f>'CPT Data'!B2010</f>
        <v>20.172000000000001</v>
      </c>
      <c r="B2002" s="3">
        <f>'CPT Data'!C2010</f>
        <v>20.164999999999999</v>
      </c>
      <c r="C2002" t="str">
        <f>'CPT Data'!P2010</f>
        <v>CLAY</v>
      </c>
      <c r="D2002">
        <f>'CPT Data'!Q2010</f>
        <v>188.64619502803362</v>
      </c>
      <c r="E2002">
        <f t="shared" si="31"/>
        <v>178.19669764450404</v>
      </c>
      <c r="F2002">
        <f>IF(C2002="CLAY", INDEX(D$4:D2002, MATCH("CLAY", C$4:C2002, 0)), "")</f>
        <v>0.75203252561341039</v>
      </c>
    </row>
    <row r="2003" spans="1:6" x14ac:dyDescent="0.2">
      <c r="A2003" s="239">
        <f>'CPT Data'!B2011</f>
        <v>20.181999999999999</v>
      </c>
      <c r="B2003" s="3">
        <f>'CPT Data'!C2011</f>
        <v>20.174999999999997</v>
      </c>
      <c r="C2003" t="str">
        <f>'CPT Data'!P2011</f>
        <v>CLAY</v>
      </c>
      <c r="D2003">
        <f>'CPT Data'!Q2011</f>
        <v>194.89507217904281</v>
      </c>
      <c r="E2003">
        <f t="shared" si="31"/>
        <v>188.64619502803362</v>
      </c>
      <c r="F2003">
        <f>IF(C2003="CLAY", INDEX(D$4:D2003, MATCH("CLAY", C$4:C2003, 0)), "")</f>
        <v>0.75203252561341039</v>
      </c>
    </row>
    <row r="2004" spans="1:6" x14ac:dyDescent="0.2">
      <c r="A2004" s="239">
        <f>'CPT Data'!B2012</f>
        <v>20.190999999999999</v>
      </c>
      <c r="B2004" s="3">
        <f>'CPT Data'!C2012</f>
        <v>20.183999999999997</v>
      </c>
      <c r="C2004" t="str">
        <f>'CPT Data'!P2012</f>
        <v>CLAY</v>
      </c>
      <c r="D2004">
        <f>'CPT Data'!Q2012</f>
        <v>199.40232622891395</v>
      </c>
      <c r="E2004">
        <f t="shared" si="31"/>
        <v>194.89507217904281</v>
      </c>
      <c r="F2004">
        <f>IF(C2004="CLAY", INDEX(D$4:D2004, MATCH("CLAY", C$4:C2004, 0)), "")</f>
        <v>0.75203252561341039</v>
      </c>
    </row>
    <row r="2005" spans="1:6" x14ac:dyDescent="0.2">
      <c r="A2005" s="239">
        <f>'CPT Data'!B2013</f>
        <v>20.201000000000001</v>
      </c>
      <c r="B2005" s="3">
        <f>'CPT Data'!C2013</f>
        <v>20.193999999999999</v>
      </c>
      <c r="C2005" t="str">
        <f>'CPT Data'!P2013</f>
        <v>SAND</v>
      </c>
      <c r="D2005" t="e">
        <f>'CPT Data'!Q2013</f>
        <v>#N/A</v>
      </c>
      <c r="E2005" t="e">
        <f t="shared" si="31"/>
        <v>#N/A</v>
      </c>
      <c r="F2005" t="str">
        <f>IF(C2005="CLAY", INDEX(D$4:D2005, MATCH("CLAY", C$4:C2005, 0)), "")</f>
        <v/>
      </c>
    </row>
    <row r="2006" spans="1:6" x14ac:dyDescent="0.2">
      <c r="A2006" s="239">
        <f>'CPT Data'!B2014</f>
        <v>20.212</v>
      </c>
      <c r="B2006" s="3">
        <f>'CPT Data'!C2014</f>
        <v>20.204999999999998</v>
      </c>
      <c r="C2006" t="str">
        <f>'CPT Data'!P2014</f>
        <v>SAND</v>
      </c>
      <c r="D2006" t="e">
        <f>'CPT Data'!Q2014</f>
        <v>#N/A</v>
      </c>
      <c r="E2006" t="e">
        <f t="shared" si="31"/>
        <v>#N/A</v>
      </c>
      <c r="F2006" t="str">
        <f>IF(C2006="CLAY", INDEX(D$4:D2006, MATCH("CLAY", C$4:C2006, 0)), "")</f>
        <v/>
      </c>
    </row>
    <row r="2007" spans="1:6" x14ac:dyDescent="0.2">
      <c r="A2007" s="239">
        <f>'CPT Data'!B2015</f>
        <v>20.222000000000001</v>
      </c>
      <c r="B2007" s="3">
        <f>'CPT Data'!C2015</f>
        <v>20.215</v>
      </c>
      <c r="C2007" t="str">
        <f>'CPT Data'!P2015</f>
        <v>SAND</v>
      </c>
      <c r="D2007" t="e">
        <f>'CPT Data'!Q2015</f>
        <v>#N/A</v>
      </c>
      <c r="E2007" t="e">
        <f t="shared" si="31"/>
        <v>#N/A</v>
      </c>
      <c r="F2007" t="str">
        <f>IF(C2007="CLAY", INDEX(D$4:D2007, MATCH("CLAY", C$4:C2007, 0)), "")</f>
        <v/>
      </c>
    </row>
    <row r="2008" spans="1:6" x14ac:dyDescent="0.2">
      <c r="A2008" s="239">
        <f>'CPT Data'!B2016</f>
        <v>20.231000000000002</v>
      </c>
      <c r="B2008" s="3">
        <f>'CPT Data'!C2016</f>
        <v>20.224</v>
      </c>
      <c r="C2008" t="str">
        <f>'CPT Data'!P2016</f>
        <v>SAND</v>
      </c>
      <c r="D2008" t="e">
        <f>'CPT Data'!Q2016</f>
        <v>#N/A</v>
      </c>
      <c r="E2008" t="e">
        <f t="shared" si="31"/>
        <v>#N/A</v>
      </c>
      <c r="F2008" t="str">
        <f>IF(C2008="CLAY", INDEX(D$4:D2008, MATCH("CLAY", C$4:C2008, 0)), "")</f>
        <v/>
      </c>
    </row>
    <row r="2009" spans="1:6" x14ac:dyDescent="0.2">
      <c r="A2009" s="239">
        <f>'CPT Data'!B2017</f>
        <v>20.241</v>
      </c>
      <c r="B2009" s="3">
        <f>'CPT Data'!C2017</f>
        <v>20.233999999999998</v>
      </c>
      <c r="C2009" t="str">
        <f>'CPT Data'!P2017</f>
        <v>SAND</v>
      </c>
      <c r="D2009" t="e">
        <f>'CPT Data'!Q2017</f>
        <v>#N/A</v>
      </c>
      <c r="E2009" t="e">
        <f t="shared" si="31"/>
        <v>#N/A</v>
      </c>
      <c r="F2009" t="str">
        <f>IF(C2009="CLAY", INDEX(D$4:D2009, MATCH("CLAY", C$4:C2009, 0)), "")</f>
        <v/>
      </c>
    </row>
    <row r="2010" spans="1:6" x14ac:dyDescent="0.2">
      <c r="A2010" s="239">
        <f>'CPT Data'!B2018</f>
        <v>20.251000000000001</v>
      </c>
      <c r="B2010" s="3">
        <f>'CPT Data'!C2018</f>
        <v>20.244</v>
      </c>
      <c r="C2010" t="str">
        <f>'CPT Data'!P2018</f>
        <v>SAND</v>
      </c>
      <c r="D2010" t="e">
        <f>'CPT Data'!Q2018</f>
        <v>#N/A</v>
      </c>
      <c r="E2010" t="e">
        <f t="shared" si="31"/>
        <v>#N/A</v>
      </c>
      <c r="F2010" t="str">
        <f>IF(C2010="CLAY", INDEX(D$4:D2010, MATCH("CLAY", C$4:C2010, 0)), "")</f>
        <v/>
      </c>
    </row>
    <row r="2011" spans="1:6" x14ac:dyDescent="0.2">
      <c r="A2011" s="239">
        <f>'CPT Data'!B2019</f>
        <v>20.260999999999999</v>
      </c>
      <c r="B2011" s="3">
        <f>'CPT Data'!C2019</f>
        <v>20.253999999999998</v>
      </c>
      <c r="C2011" t="str">
        <f>'CPT Data'!P2019</f>
        <v>SAND</v>
      </c>
      <c r="D2011" t="e">
        <f>'CPT Data'!Q2019</f>
        <v>#N/A</v>
      </c>
      <c r="E2011" t="e">
        <f t="shared" ref="E2011:E2074" si="32">IF(C2011="SAND",#N/A,IF(C2011=C2010,D2010,IF(C2011="CLAY",D2011,#N/A)))</f>
        <v>#N/A</v>
      </c>
      <c r="F2011" t="str">
        <f>IF(C2011="CLAY", INDEX(D$4:D2011, MATCH("CLAY", C$4:C2011, 0)), "")</f>
        <v/>
      </c>
    </row>
    <row r="2012" spans="1:6" x14ac:dyDescent="0.2">
      <c r="A2012" s="239">
        <f>'CPT Data'!B2020</f>
        <v>20.271000000000001</v>
      </c>
      <c r="B2012" s="3">
        <f>'CPT Data'!C2020</f>
        <v>20.263999999999999</v>
      </c>
      <c r="C2012" t="str">
        <f>'CPT Data'!P2020</f>
        <v>SAND</v>
      </c>
      <c r="D2012" t="e">
        <f>'CPT Data'!Q2020</f>
        <v>#N/A</v>
      </c>
      <c r="E2012" t="e">
        <f t="shared" si="32"/>
        <v>#N/A</v>
      </c>
      <c r="F2012" t="str">
        <f>IF(C2012="CLAY", INDEX(D$4:D2012, MATCH("CLAY", C$4:C2012, 0)), "")</f>
        <v/>
      </c>
    </row>
    <row r="2013" spans="1:6" x14ac:dyDescent="0.2">
      <c r="A2013" s="239">
        <f>'CPT Data'!B2021</f>
        <v>20.280999999999999</v>
      </c>
      <c r="B2013" s="3">
        <f>'CPT Data'!C2021</f>
        <v>20.273999999999997</v>
      </c>
      <c r="C2013" t="str">
        <f>'CPT Data'!P2021</f>
        <v>SAND</v>
      </c>
      <c r="D2013" t="e">
        <f>'CPT Data'!Q2021</f>
        <v>#N/A</v>
      </c>
      <c r="E2013" t="e">
        <f t="shared" si="32"/>
        <v>#N/A</v>
      </c>
      <c r="F2013" t="str">
        <f>IF(C2013="CLAY", INDEX(D$4:D2013, MATCH("CLAY", C$4:C2013, 0)), "")</f>
        <v/>
      </c>
    </row>
    <row r="2014" spans="1:6" x14ac:dyDescent="0.2">
      <c r="A2014" s="239">
        <f>'CPT Data'!B2022</f>
        <v>20.291</v>
      </c>
      <c r="B2014" s="3">
        <f>'CPT Data'!C2022</f>
        <v>20.283999999999999</v>
      </c>
      <c r="C2014" t="str">
        <f>'CPT Data'!P2022</f>
        <v>SAND</v>
      </c>
      <c r="D2014" t="e">
        <f>'CPT Data'!Q2022</f>
        <v>#N/A</v>
      </c>
      <c r="E2014" t="e">
        <f t="shared" si="32"/>
        <v>#N/A</v>
      </c>
      <c r="F2014" t="str">
        <f>IF(C2014="CLAY", INDEX(D$4:D2014, MATCH("CLAY", C$4:C2014, 0)), "")</f>
        <v/>
      </c>
    </row>
    <row r="2015" spans="1:6" x14ac:dyDescent="0.2">
      <c r="A2015" s="239">
        <f>'CPT Data'!B2023</f>
        <v>20.300999999999998</v>
      </c>
      <c r="B2015" s="3">
        <f>'CPT Data'!C2023</f>
        <v>20.293999999999997</v>
      </c>
      <c r="C2015" t="str">
        <f>'CPT Data'!P2023</f>
        <v>SAND</v>
      </c>
      <c r="D2015" t="e">
        <f>'CPT Data'!Q2023</f>
        <v>#N/A</v>
      </c>
      <c r="E2015" t="e">
        <f t="shared" si="32"/>
        <v>#N/A</v>
      </c>
      <c r="F2015" t="str">
        <f>IF(C2015="CLAY", INDEX(D$4:D2015, MATCH("CLAY", C$4:C2015, 0)), "")</f>
        <v/>
      </c>
    </row>
    <row r="2016" spans="1:6" x14ac:dyDescent="0.2">
      <c r="A2016" s="239">
        <f>'CPT Data'!B2024</f>
        <v>20.311</v>
      </c>
      <c r="B2016" s="3">
        <f>'CPT Data'!C2024</f>
        <v>20.303999999999998</v>
      </c>
      <c r="C2016" t="str">
        <f>'CPT Data'!P2024</f>
        <v>SAND</v>
      </c>
      <c r="D2016" t="e">
        <f>'CPT Data'!Q2024</f>
        <v>#N/A</v>
      </c>
      <c r="E2016" t="e">
        <f t="shared" si="32"/>
        <v>#N/A</v>
      </c>
      <c r="F2016" t="str">
        <f>IF(C2016="CLAY", INDEX(D$4:D2016, MATCH("CLAY", C$4:C2016, 0)), "")</f>
        <v/>
      </c>
    </row>
    <row r="2017" spans="1:6" x14ac:dyDescent="0.2">
      <c r="A2017" s="239">
        <f>'CPT Data'!B2025</f>
        <v>20.32</v>
      </c>
      <c r="B2017" s="3">
        <f>'CPT Data'!C2025</f>
        <v>20.312999999999999</v>
      </c>
      <c r="C2017" t="str">
        <f>'CPT Data'!P2025</f>
        <v>SAND</v>
      </c>
      <c r="D2017" t="e">
        <f>'CPT Data'!Q2025</f>
        <v>#N/A</v>
      </c>
      <c r="E2017" t="e">
        <f t="shared" si="32"/>
        <v>#N/A</v>
      </c>
      <c r="F2017" t="str">
        <f>IF(C2017="CLAY", INDEX(D$4:D2017, MATCH("CLAY", C$4:C2017, 0)), "")</f>
        <v/>
      </c>
    </row>
    <row r="2018" spans="1:6" x14ac:dyDescent="0.2">
      <c r="A2018" s="239">
        <f>'CPT Data'!B2026</f>
        <v>20.329999999999998</v>
      </c>
      <c r="B2018" s="3">
        <f>'CPT Data'!C2026</f>
        <v>20.322999999999997</v>
      </c>
      <c r="C2018" t="str">
        <f>'CPT Data'!P2026</f>
        <v>SAND</v>
      </c>
      <c r="D2018" t="e">
        <f>'CPT Data'!Q2026</f>
        <v>#N/A</v>
      </c>
      <c r="E2018" t="e">
        <f t="shared" si="32"/>
        <v>#N/A</v>
      </c>
      <c r="F2018" t="str">
        <f>IF(C2018="CLAY", INDEX(D$4:D2018, MATCH("CLAY", C$4:C2018, 0)), "")</f>
        <v/>
      </c>
    </row>
    <row r="2019" spans="1:6" x14ac:dyDescent="0.2">
      <c r="A2019" s="239">
        <f>'CPT Data'!B2027</f>
        <v>20.341000000000001</v>
      </c>
      <c r="B2019" s="3">
        <f>'CPT Data'!C2027</f>
        <v>20.334</v>
      </c>
      <c r="C2019" t="str">
        <f>'CPT Data'!P2027</f>
        <v>SAND</v>
      </c>
      <c r="D2019" t="e">
        <f>'CPT Data'!Q2027</f>
        <v>#N/A</v>
      </c>
      <c r="E2019" t="e">
        <f t="shared" si="32"/>
        <v>#N/A</v>
      </c>
      <c r="F2019" t="str">
        <f>IF(C2019="CLAY", INDEX(D$4:D2019, MATCH("CLAY", C$4:C2019, 0)), "")</f>
        <v/>
      </c>
    </row>
    <row r="2020" spans="1:6" x14ac:dyDescent="0.2">
      <c r="A2020" s="239">
        <f>'CPT Data'!B2028</f>
        <v>20.350999999999999</v>
      </c>
      <c r="B2020" s="3">
        <f>'CPT Data'!C2028</f>
        <v>20.343999999999998</v>
      </c>
      <c r="C2020" t="str">
        <f>'CPT Data'!P2028</f>
        <v>SAND</v>
      </c>
      <c r="D2020" t="e">
        <f>'CPT Data'!Q2028</f>
        <v>#N/A</v>
      </c>
      <c r="E2020" t="e">
        <f t="shared" si="32"/>
        <v>#N/A</v>
      </c>
      <c r="F2020" t="str">
        <f>IF(C2020="CLAY", INDEX(D$4:D2020, MATCH("CLAY", C$4:C2020, 0)), "")</f>
        <v/>
      </c>
    </row>
    <row r="2021" spans="1:6" x14ac:dyDescent="0.2">
      <c r="A2021" s="239">
        <f>'CPT Data'!B2029</f>
        <v>20.36</v>
      </c>
      <c r="B2021" s="3">
        <f>'CPT Data'!C2029</f>
        <v>20.352999999999998</v>
      </c>
      <c r="C2021" t="str">
        <f>'CPT Data'!P2029</f>
        <v>SAND</v>
      </c>
      <c r="D2021" t="e">
        <f>'CPT Data'!Q2029</f>
        <v>#N/A</v>
      </c>
      <c r="E2021" t="e">
        <f t="shared" si="32"/>
        <v>#N/A</v>
      </c>
      <c r="F2021" t="str">
        <f>IF(C2021="CLAY", INDEX(D$4:D2021, MATCH("CLAY", C$4:C2021, 0)), "")</f>
        <v/>
      </c>
    </row>
    <row r="2022" spans="1:6" x14ac:dyDescent="0.2">
      <c r="A2022" s="239">
        <f>'CPT Data'!B2030</f>
        <v>20.37</v>
      </c>
      <c r="B2022" s="3">
        <f>'CPT Data'!C2030</f>
        <v>20.363</v>
      </c>
      <c r="C2022" t="str">
        <f>'CPT Data'!P2030</f>
        <v>SAND</v>
      </c>
      <c r="D2022" t="e">
        <f>'CPT Data'!Q2030</f>
        <v>#N/A</v>
      </c>
      <c r="E2022" t="e">
        <f t="shared" si="32"/>
        <v>#N/A</v>
      </c>
      <c r="F2022" t="str">
        <f>IF(C2022="CLAY", INDEX(D$4:D2022, MATCH("CLAY", C$4:C2022, 0)), "")</f>
        <v/>
      </c>
    </row>
    <row r="2023" spans="1:6" x14ac:dyDescent="0.2">
      <c r="A2023" s="239">
        <f>'CPT Data'!B2031</f>
        <v>20.379000000000001</v>
      </c>
      <c r="B2023" s="3">
        <f>'CPT Data'!C2031</f>
        <v>20.372</v>
      </c>
      <c r="C2023" t="str">
        <f>'CPT Data'!P2031</f>
        <v>SAND</v>
      </c>
      <c r="D2023" t="e">
        <f>'CPT Data'!Q2031</f>
        <v>#N/A</v>
      </c>
      <c r="E2023" t="e">
        <f t="shared" si="32"/>
        <v>#N/A</v>
      </c>
      <c r="F2023" t="str">
        <f>IF(C2023="CLAY", INDEX(D$4:D2023, MATCH("CLAY", C$4:C2023, 0)), "")</f>
        <v/>
      </c>
    </row>
    <row r="2024" spans="1:6" x14ac:dyDescent="0.2">
      <c r="A2024" s="239">
        <f>'CPT Data'!B2032</f>
        <v>20.388999999999999</v>
      </c>
      <c r="B2024" s="3">
        <f>'CPT Data'!C2032</f>
        <v>20.381999999999998</v>
      </c>
      <c r="C2024" t="str">
        <f>'CPT Data'!P2032</f>
        <v>SAND</v>
      </c>
      <c r="D2024" t="e">
        <f>'CPT Data'!Q2032</f>
        <v>#N/A</v>
      </c>
      <c r="E2024" t="e">
        <f t="shared" si="32"/>
        <v>#N/A</v>
      </c>
      <c r="F2024" t="str">
        <f>IF(C2024="CLAY", INDEX(D$4:D2024, MATCH("CLAY", C$4:C2024, 0)), "")</f>
        <v/>
      </c>
    </row>
    <row r="2025" spans="1:6" x14ac:dyDescent="0.2">
      <c r="A2025" s="239">
        <f>'CPT Data'!B2033</f>
        <v>20.399999999999999</v>
      </c>
      <c r="B2025" s="3">
        <f>'CPT Data'!C2033</f>
        <v>20.392999999999997</v>
      </c>
      <c r="C2025" t="str">
        <f>'CPT Data'!P2033</f>
        <v>SAND</v>
      </c>
      <c r="D2025" t="e">
        <f>'CPT Data'!Q2033</f>
        <v>#N/A</v>
      </c>
      <c r="E2025" t="e">
        <f t="shared" si="32"/>
        <v>#N/A</v>
      </c>
      <c r="F2025" t="str">
        <f>IF(C2025="CLAY", INDEX(D$4:D2025, MATCH("CLAY", C$4:C2025, 0)), "")</f>
        <v/>
      </c>
    </row>
    <row r="2026" spans="1:6" x14ac:dyDescent="0.2">
      <c r="A2026" s="239">
        <f>'CPT Data'!B2034</f>
        <v>20.408999999999999</v>
      </c>
      <c r="B2026" s="3">
        <f>'CPT Data'!C2034</f>
        <v>20.401999999999997</v>
      </c>
      <c r="C2026" t="str">
        <f>'CPT Data'!P2034</f>
        <v>SAND</v>
      </c>
      <c r="D2026" t="e">
        <f>'CPT Data'!Q2034</f>
        <v>#N/A</v>
      </c>
      <c r="E2026" t="e">
        <f t="shared" si="32"/>
        <v>#N/A</v>
      </c>
      <c r="F2026" t="str">
        <f>IF(C2026="CLAY", INDEX(D$4:D2026, MATCH("CLAY", C$4:C2026, 0)), "")</f>
        <v/>
      </c>
    </row>
    <row r="2027" spans="1:6" x14ac:dyDescent="0.2">
      <c r="A2027" s="239">
        <f>'CPT Data'!B2035</f>
        <v>20.419</v>
      </c>
      <c r="B2027" s="3">
        <f>'CPT Data'!C2035</f>
        <v>20.411999999999999</v>
      </c>
      <c r="C2027" t="str">
        <f>'CPT Data'!P2035</f>
        <v>SAND</v>
      </c>
      <c r="D2027" t="e">
        <f>'CPT Data'!Q2035</f>
        <v>#N/A</v>
      </c>
      <c r="E2027" t="e">
        <f t="shared" si="32"/>
        <v>#N/A</v>
      </c>
      <c r="F2027" t="str">
        <f>IF(C2027="CLAY", INDEX(D$4:D2027, MATCH("CLAY", C$4:C2027, 0)), "")</f>
        <v/>
      </c>
    </row>
    <row r="2028" spans="1:6" x14ac:dyDescent="0.2">
      <c r="A2028" s="239">
        <f>'CPT Data'!B2036</f>
        <v>20.428999999999998</v>
      </c>
      <c r="B2028" s="3">
        <f>'CPT Data'!C2036</f>
        <v>20.421999999999997</v>
      </c>
      <c r="C2028" t="str">
        <f>'CPT Data'!P2036</f>
        <v>SAND</v>
      </c>
      <c r="D2028" t="e">
        <f>'CPT Data'!Q2036</f>
        <v>#N/A</v>
      </c>
      <c r="E2028" t="e">
        <f t="shared" si="32"/>
        <v>#N/A</v>
      </c>
      <c r="F2028" t="str">
        <f>IF(C2028="CLAY", INDEX(D$4:D2028, MATCH("CLAY", C$4:C2028, 0)), "")</f>
        <v/>
      </c>
    </row>
    <row r="2029" spans="1:6" x14ac:dyDescent="0.2">
      <c r="A2029" s="239">
        <f>'CPT Data'!B2037</f>
        <v>20.437999999999999</v>
      </c>
      <c r="B2029" s="3">
        <f>'CPT Data'!C2037</f>
        <v>20.430999999999997</v>
      </c>
      <c r="C2029" t="str">
        <f>'CPT Data'!P2037</f>
        <v>SAND</v>
      </c>
      <c r="D2029" t="e">
        <f>'CPT Data'!Q2037</f>
        <v>#N/A</v>
      </c>
      <c r="E2029" t="e">
        <f t="shared" si="32"/>
        <v>#N/A</v>
      </c>
      <c r="F2029" t="str">
        <f>IF(C2029="CLAY", INDEX(D$4:D2029, MATCH("CLAY", C$4:C2029, 0)), "")</f>
        <v/>
      </c>
    </row>
    <row r="2030" spans="1:6" x14ac:dyDescent="0.2">
      <c r="A2030" s="239">
        <f>'CPT Data'!B2038</f>
        <v>20.448</v>
      </c>
      <c r="B2030" s="3">
        <f>'CPT Data'!C2038</f>
        <v>20.440999999999999</v>
      </c>
      <c r="C2030" t="str">
        <f>'CPT Data'!P2038</f>
        <v>SAND</v>
      </c>
      <c r="D2030" t="e">
        <f>'CPT Data'!Q2038</f>
        <v>#N/A</v>
      </c>
      <c r="E2030" t="e">
        <f t="shared" si="32"/>
        <v>#N/A</v>
      </c>
      <c r="F2030" t="str">
        <f>IF(C2030="CLAY", INDEX(D$4:D2030, MATCH("CLAY", C$4:C2030, 0)), "")</f>
        <v/>
      </c>
    </row>
    <row r="2031" spans="1:6" x14ac:dyDescent="0.2">
      <c r="A2031" s="239">
        <f>'CPT Data'!B2039</f>
        <v>20.457999999999998</v>
      </c>
      <c r="B2031" s="3">
        <f>'CPT Data'!C2039</f>
        <v>20.450999999999997</v>
      </c>
      <c r="C2031" t="str">
        <f>'CPT Data'!P2039</f>
        <v>SAND</v>
      </c>
      <c r="D2031" t="e">
        <f>'CPT Data'!Q2039</f>
        <v>#N/A</v>
      </c>
      <c r="E2031" t="e">
        <f t="shared" si="32"/>
        <v>#N/A</v>
      </c>
      <c r="F2031" t="str">
        <f>IF(C2031="CLAY", INDEX(D$4:D2031, MATCH("CLAY", C$4:C2031, 0)), "")</f>
        <v/>
      </c>
    </row>
    <row r="2032" spans="1:6" x14ac:dyDescent="0.2">
      <c r="A2032" s="239">
        <f>'CPT Data'!B2040</f>
        <v>20.468</v>
      </c>
      <c r="B2032" s="3">
        <f>'CPT Data'!C2040</f>
        <v>20.460999999999999</v>
      </c>
      <c r="C2032" t="str">
        <f>'CPT Data'!P2040</f>
        <v>SAND</v>
      </c>
      <c r="D2032" t="e">
        <f>'CPT Data'!Q2040</f>
        <v>#N/A</v>
      </c>
      <c r="E2032" t="e">
        <f t="shared" si="32"/>
        <v>#N/A</v>
      </c>
      <c r="F2032" t="str">
        <f>IF(C2032="CLAY", INDEX(D$4:D2032, MATCH("CLAY", C$4:C2032, 0)), "")</f>
        <v/>
      </c>
    </row>
    <row r="2033" spans="1:6" x14ac:dyDescent="0.2">
      <c r="A2033" s="239">
        <f>'CPT Data'!B2041</f>
        <v>20.478000000000002</v>
      </c>
      <c r="B2033" s="3">
        <f>'CPT Data'!C2041</f>
        <v>20.471</v>
      </c>
      <c r="C2033" t="str">
        <f>'CPT Data'!P2041</f>
        <v>SAND</v>
      </c>
      <c r="D2033" t="e">
        <f>'CPT Data'!Q2041</f>
        <v>#N/A</v>
      </c>
      <c r="E2033" t="e">
        <f t="shared" si="32"/>
        <v>#N/A</v>
      </c>
      <c r="F2033" t="str">
        <f>IF(C2033="CLAY", INDEX(D$4:D2033, MATCH("CLAY", C$4:C2033, 0)), "")</f>
        <v/>
      </c>
    </row>
    <row r="2034" spans="1:6" x14ac:dyDescent="0.2">
      <c r="A2034" s="239">
        <f>'CPT Data'!B2042</f>
        <v>20.486999999999998</v>
      </c>
      <c r="B2034" s="3">
        <f>'CPT Data'!C2042</f>
        <v>20.479999999999997</v>
      </c>
      <c r="C2034" t="str">
        <f>'CPT Data'!P2042</f>
        <v>SAND</v>
      </c>
      <c r="D2034" t="e">
        <f>'CPT Data'!Q2042</f>
        <v>#N/A</v>
      </c>
      <c r="E2034" t="e">
        <f t="shared" si="32"/>
        <v>#N/A</v>
      </c>
      <c r="F2034" t="str">
        <f>IF(C2034="CLAY", INDEX(D$4:D2034, MATCH("CLAY", C$4:C2034, 0)), "")</f>
        <v/>
      </c>
    </row>
    <row r="2035" spans="1:6" x14ac:dyDescent="0.2">
      <c r="A2035" s="239">
        <f>'CPT Data'!B2043</f>
        <v>20.497</v>
      </c>
      <c r="B2035" s="3">
        <f>'CPT Data'!C2043</f>
        <v>20.49</v>
      </c>
      <c r="C2035" t="str">
        <f>'CPT Data'!P2043</f>
        <v>SAND</v>
      </c>
      <c r="D2035" t="e">
        <f>'CPT Data'!Q2043</f>
        <v>#N/A</v>
      </c>
      <c r="E2035" t="e">
        <f t="shared" si="32"/>
        <v>#N/A</v>
      </c>
      <c r="F2035" t="str">
        <f>IF(C2035="CLAY", INDEX(D$4:D2035, MATCH("CLAY", C$4:C2035, 0)), "")</f>
        <v/>
      </c>
    </row>
    <row r="2036" spans="1:6" x14ac:dyDescent="0.2">
      <c r="A2036" s="239">
        <f>'CPT Data'!B2044</f>
        <v>20.507999999999999</v>
      </c>
      <c r="B2036" s="3">
        <f>'CPT Data'!C2044</f>
        <v>20.500999999999998</v>
      </c>
      <c r="C2036" t="str">
        <f>'CPT Data'!P2044</f>
        <v>SAND</v>
      </c>
      <c r="D2036" t="e">
        <f>'CPT Data'!Q2044</f>
        <v>#N/A</v>
      </c>
      <c r="E2036" t="e">
        <f t="shared" si="32"/>
        <v>#N/A</v>
      </c>
      <c r="F2036" t="str">
        <f>IF(C2036="CLAY", INDEX(D$4:D2036, MATCH("CLAY", C$4:C2036, 0)), "")</f>
        <v/>
      </c>
    </row>
    <row r="2037" spans="1:6" x14ac:dyDescent="0.2">
      <c r="A2037" s="239">
        <f>'CPT Data'!B2045</f>
        <v>20.516999999999999</v>
      </c>
      <c r="B2037" s="3">
        <f>'CPT Data'!C2045</f>
        <v>20.509999999999998</v>
      </c>
      <c r="C2037" t="str">
        <f>'CPT Data'!P2045</f>
        <v>SAND</v>
      </c>
      <c r="D2037" t="e">
        <f>'CPT Data'!Q2045</f>
        <v>#N/A</v>
      </c>
      <c r="E2037" t="e">
        <f t="shared" si="32"/>
        <v>#N/A</v>
      </c>
      <c r="F2037" t="str">
        <f>IF(C2037="CLAY", INDEX(D$4:D2037, MATCH("CLAY", C$4:C2037, 0)), "")</f>
        <v/>
      </c>
    </row>
    <row r="2038" spans="1:6" x14ac:dyDescent="0.2">
      <c r="A2038" s="239">
        <f>'CPT Data'!B2046</f>
        <v>20.527000000000001</v>
      </c>
      <c r="B2038" s="3">
        <f>'CPT Data'!C2046</f>
        <v>20.52</v>
      </c>
      <c r="C2038" t="str">
        <f>'CPT Data'!P2046</f>
        <v>SAND</v>
      </c>
      <c r="D2038" t="e">
        <f>'CPT Data'!Q2046</f>
        <v>#N/A</v>
      </c>
      <c r="E2038" t="e">
        <f t="shared" si="32"/>
        <v>#N/A</v>
      </c>
      <c r="F2038" t="str">
        <f>IF(C2038="CLAY", INDEX(D$4:D2038, MATCH("CLAY", C$4:C2038, 0)), "")</f>
        <v/>
      </c>
    </row>
    <row r="2039" spans="1:6" x14ac:dyDescent="0.2">
      <c r="A2039" s="239">
        <f>'CPT Data'!B2047</f>
        <v>20.536999999999999</v>
      </c>
      <c r="B2039" s="3">
        <f>'CPT Data'!C2047</f>
        <v>20.529999999999998</v>
      </c>
      <c r="C2039" t="str">
        <f>'CPT Data'!P2047</f>
        <v>SAND</v>
      </c>
      <c r="D2039" t="e">
        <f>'CPT Data'!Q2047</f>
        <v>#N/A</v>
      </c>
      <c r="E2039" t="e">
        <f t="shared" si="32"/>
        <v>#N/A</v>
      </c>
      <c r="F2039" t="str">
        <f>IF(C2039="CLAY", INDEX(D$4:D2039, MATCH("CLAY", C$4:C2039, 0)), "")</f>
        <v/>
      </c>
    </row>
    <row r="2040" spans="1:6" x14ac:dyDescent="0.2">
      <c r="A2040" s="239">
        <f>'CPT Data'!B2048</f>
        <v>20.544</v>
      </c>
      <c r="B2040" s="3">
        <f>'CPT Data'!C2048</f>
        <v>20.536999999999999</v>
      </c>
      <c r="C2040" t="str">
        <f>'CPT Data'!P2048</f>
        <v>SAND</v>
      </c>
      <c r="D2040" t="e">
        <f>'CPT Data'!Q2048</f>
        <v>#N/A</v>
      </c>
      <c r="E2040" t="e">
        <f t="shared" si="32"/>
        <v>#N/A</v>
      </c>
      <c r="F2040" t="str">
        <f>IF(C2040="CLAY", INDEX(D$4:D2040, MATCH("CLAY", C$4:C2040, 0)), "")</f>
        <v/>
      </c>
    </row>
    <row r="2041" spans="1:6" x14ac:dyDescent="0.2">
      <c r="A2041" s="239">
        <f>'CPT Data'!B2049</f>
        <v>20.544</v>
      </c>
      <c r="B2041" s="3">
        <f>'CPT Data'!C2049</f>
        <v>20.536999999999999</v>
      </c>
      <c r="C2041" t="str">
        <f>'CPT Data'!P2049</f>
        <v>SAND</v>
      </c>
      <c r="D2041" t="e">
        <f>'CPT Data'!Q2049</f>
        <v>#N/A</v>
      </c>
      <c r="E2041" t="e">
        <f t="shared" si="32"/>
        <v>#N/A</v>
      </c>
      <c r="F2041" t="str">
        <f>IF(C2041="CLAY", INDEX(D$4:D2041, MATCH("CLAY", C$4:C2041, 0)), "")</f>
        <v/>
      </c>
    </row>
    <row r="2042" spans="1:6" x14ac:dyDescent="0.2">
      <c r="A2042" s="239">
        <f>'CPT Data'!B2050</f>
        <v>20.544</v>
      </c>
      <c r="B2042" s="3">
        <f>'CPT Data'!C2050</f>
        <v>20.536999999999999</v>
      </c>
      <c r="C2042" t="str">
        <f>'CPT Data'!P2050</f>
        <v>SAND</v>
      </c>
      <c r="D2042" t="e">
        <f>'CPT Data'!Q2050</f>
        <v>#N/A</v>
      </c>
      <c r="E2042" t="e">
        <f t="shared" si="32"/>
        <v>#N/A</v>
      </c>
      <c r="F2042" t="str">
        <f>IF(C2042="CLAY", INDEX(D$4:D2042, MATCH("CLAY", C$4:C2042, 0)), "")</f>
        <v/>
      </c>
    </row>
    <row r="2043" spans="1:6" x14ac:dyDescent="0.2">
      <c r="A2043" s="239">
        <f>'CPT Data'!B2051</f>
        <v>20.544</v>
      </c>
      <c r="B2043" s="3">
        <f>'CPT Data'!C2051</f>
        <v>20.536999999999999</v>
      </c>
      <c r="C2043" t="str">
        <f>'CPT Data'!P2051</f>
        <v>SAND</v>
      </c>
      <c r="D2043" t="e">
        <f>'CPT Data'!Q2051</f>
        <v>#N/A</v>
      </c>
      <c r="E2043" t="e">
        <f t="shared" si="32"/>
        <v>#N/A</v>
      </c>
      <c r="F2043" t="str">
        <f>IF(C2043="CLAY", INDEX(D$4:D2043, MATCH("CLAY", C$4:C2043, 0)), "")</f>
        <v/>
      </c>
    </row>
    <row r="2044" spans="1:6" x14ac:dyDescent="0.2">
      <c r="A2044" s="239">
        <f>'CPT Data'!B2052</f>
        <v>20.547999999999998</v>
      </c>
      <c r="B2044" s="3">
        <f>'CPT Data'!C2052</f>
        <v>20.540999999999997</v>
      </c>
      <c r="C2044" t="str">
        <f>'CPT Data'!P2052</f>
        <v>SAND</v>
      </c>
      <c r="D2044" t="e">
        <f>'CPT Data'!Q2052</f>
        <v>#N/A</v>
      </c>
      <c r="E2044" t="e">
        <f t="shared" si="32"/>
        <v>#N/A</v>
      </c>
      <c r="F2044" t="str">
        <f>IF(C2044="CLAY", INDEX(D$4:D2044, MATCH("CLAY", C$4:C2044, 0)), "")</f>
        <v/>
      </c>
    </row>
    <row r="2045" spans="1:6" x14ac:dyDescent="0.2">
      <c r="A2045" s="239">
        <f>'CPT Data'!B2053</f>
        <v>20.556999999999999</v>
      </c>
      <c r="B2045" s="3">
        <f>'CPT Data'!C2053</f>
        <v>20.549999999999997</v>
      </c>
      <c r="C2045" t="str">
        <f>'CPT Data'!P2053</f>
        <v>SAND</v>
      </c>
      <c r="D2045" t="e">
        <f>'CPT Data'!Q2053</f>
        <v>#N/A</v>
      </c>
      <c r="E2045" t="e">
        <f t="shared" si="32"/>
        <v>#N/A</v>
      </c>
      <c r="F2045" t="str">
        <f>IF(C2045="CLAY", INDEX(D$4:D2045, MATCH("CLAY", C$4:C2045, 0)), "")</f>
        <v/>
      </c>
    </row>
    <row r="2046" spans="1:6" x14ac:dyDescent="0.2">
      <c r="A2046" s="239">
        <f>'CPT Data'!B2054</f>
        <v>20.565999999999999</v>
      </c>
      <c r="B2046" s="3">
        <f>'CPT Data'!C2054</f>
        <v>20.558999999999997</v>
      </c>
      <c r="C2046" t="str">
        <f>'CPT Data'!P2054</f>
        <v>SAND</v>
      </c>
      <c r="D2046" t="e">
        <f>'CPT Data'!Q2054</f>
        <v>#N/A</v>
      </c>
      <c r="E2046" t="e">
        <f t="shared" si="32"/>
        <v>#N/A</v>
      </c>
      <c r="F2046" t="str">
        <f>IF(C2046="CLAY", INDEX(D$4:D2046, MATCH("CLAY", C$4:C2046, 0)), "")</f>
        <v/>
      </c>
    </row>
    <row r="2047" spans="1:6" x14ac:dyDescent="0.2">
      <c r="A2047" s="239">
        <f>'CPT Data'!B2055</f>
        <v>20.576000000000001</v>
      </c>
      <c r="B2047" s="3">
        <f>'CPT Data'!C2055</f>
        <v>20.568999999999999</v>
      </c>
      <c r="C2047" t="str">
        <f>'CPT Data'!P2055</f>
        <v>SAND</v>
      </c>
      <c r="D2047" t="e">
        <f>'CPT Data'!Q2055</f>
        <v>#N/A</v>
      </c>
      <c r="E2047" t="e">
        <f t="shared" si="32"/>
        <v>#N/A</v>
      </c>
      <c r="F2047" t="str">
        <f>IF(C2047="CLAY", INDEX(D$4:D2047, MATCH("CLAY", C$4:C2047, 0)), "")</f>
        <v/>
      </c>
    </row>
    <row r="2048" spans="1:6" x14ac:dyDescent="0.2">
      <c r="A2048" s="239">
        <f>'CPT Data'!B2056</f>
        <v>20.585000000000001</v>
      </c>
      <c r="B2048" s="3">
        <f>'CPT Data'!C2056</f>
        <v>20.577999999999999</v>
      </c>
      <c r="C2048" t="str">
        <f>'CPT Data'!P2056</f>
        <v>SAND</v>
      </c>
      <c r="D2048" t="e">
        <f>'CPT Data'!Q2056</f>
        <v>#N/A</v>
      </c>
      <c r="E2048" t="e">
        <f t="shared" si="32"/>
        <v>#N/A</v>
      </c>
      <c r="F2048" t="str">
        <f>IF(C2048="CLAY", INDEX(D$4:D2048, MATCH("CLAY", C$4:C2048, 0)), "")</f>
        <v/>
      </c>
    </row>
    <row r="2049" spans="1:6" x14ac:dyDescent="0.2">
      <c r="A2049" s="239">
        <f>'CPT Data'!B2057</f>
        <v>20.594999999999999</v>
      </c>
      <c r="B2049" s="3">
        <f>'CPT Data'!C2057</f>
        <v>20.587999999999997</v>
      </c>
      <c r="C2049" t="str">
        <f>'CPT Data'!P2057</f>
        <v>SAND</v>
      </c>
      <c r="D2049" t="e">
        <f>'CPT Data'!Q2057</f>
        <v>#N/A</v>
      </c>
      <c r="E2049" t="e">
        <f t="shared" si="32"/>
        <v>#N/A</v>
      </c>
      <c r="F2049" t="str">
        <f>IF(C2049="CLAY", INDEX(D$4:D2049, MATCH("CLAY", C$4:C2049, 0)), "")</f>
        <v/>
      </c>
    </row>
    <row r="2050" spans="1:6" x14ac:dyDescent="0.2">
      <c r="A2050" s="239">
        <f>'CPT Data'!B2058</f>
        <v>20.603999999999999</v>
      </c>
      <c r="B2050" s="3">
        <f>'CPT Data'!C2058</f>
        <v>20.596999999999998</v>
      </c>
      <c r="C2050" t="str">
        <f>'CPT Data'!P2058</f>
        <v>SAND</v>
      </c>
      <c r="D2050" t="e">
        <f>'CPT Data'!Q2058</f>
        <v>#N/A</v>
      </c>
      <c r="E2050" t="e">
        <f t="shared" si="32"/>
        <v>#N/A</v>
      </c>
      <c r="F2050" t="str">
        <f>IF(C2050="CLAY", INDEX(D$4:D2050, MATCH("CLAY", C$4:C2050, 0)), "")</f>
        <v/>
      </c>
    </row>
    <row r="2051" spans="1:6" x14ac:dyDescent="0.2">
      <c r="A2051" s="239">
        <f>'CPT Data'!B2059</f>
        <v>20.661000000000001</v>
      </c>
      <c r="B2051" s="3">
        <f>'CPT Data'!C2059</f>
        <v>20.654</v>
      </c>
      <c r="C2051" t="str">
        <f>'CPT Data'!P2059</f>
        <v>SAND</v>
      </c>
      <c r="D2051" t="e">
        <f>'CPT Data'!Q2059</f>
        <v>#N/A</v>
      </c>
      <c r="E2051" t="e">
        <f t="shared" si="32"/>
        <v>#N/A</v>
      </c>
      <c r="F2051" t="str">
        <f>IF(C2051="CLAY", INDEX(D$4:D2051, MATCH("CLAY", C$4:C2051, 0)), "")</f>
        <v/>
      </c>
    </row>
    <row r="2052" spans="1:6" x14ac:dyDescent="0.2">
      <c r="A2052" s="239">
        <f>'CPT Data'!B2060</f>
        <v>20.670999999999999</v>
      </c>
      <c r="B2052" s="3">
        <f>'CPT Data'!C2060</f>
        <v>20.663999999999998</v>
      </c>
      <c r="C2052" t="str">
        <f>'CPT Data'!P2060</f>
        <v>SAND</v>
      </c>
      <c r="D2052" t="e">
        <f>'CPT Data'!Q2060</f>
        <v>#N/A</v>
      </c>
      <c r="E2052" t="e">
        <f t="shared" si="32"/>
        <v>#N/A</v>
      </c>
      <c r="F2052" t="str">
        <f>IF(C2052="CLAY", INDEX(D$4:D2052, MATCH("CLAY", C$4:C2052, 0)), "")</f>
        <v/>
      </c>
    </row>
    <row r="2053" spans="1:6" x14ac:dyDescent="0.2">
      <c r="A2053" s="239">
        <f>'CPT Data'!B2061</f>
        <v>20.681000000000001</v>
      </c>
      <c r="B2053" s="3">
        <f>'CPT Data'!C2061</f>
        <v>20.673999999999999</v>
      </c>
      <c r="C2053" t="str">
        <f>'CPT Data'!P2061</f>
        <v>SAND</v>
      </c>
      <c r="D2053" t="e">
        <f>'CPT Data'!Q2061</f>
        <v>#N/A</v>
      </c>
      <c r="E2053" t="e">
        <f t="shared" si="32"/>
        <v>#N/A</v>
      </c>
      <c r="F2053" t="str">
        <f>IF(C2053="CLAY", INDEX(D$4:D2053, MATCH("CLAY", C$4:C2053, 0)), "")</f>
        <v/>
      </c>
    </row>
    <row r="2054" spans="1:6" x14ac:dyDescent="0.2">
      <c r="A2054" s="239">
        <f>'CPT Data'!B2062</f>
        <v>20.69</v>
      </c>
      <c r="B2054" s="3">
        <f>'CPT Data'!C2062</f>
        <v>20.683</v>
      </c>
      <c r="C2054" t="str">
        <f>'CPT Data'!P2062</f>
        <v>SAND</v>
      </c>
      <c r="D2054" t="e">
        <f>'CPT Data'!Q2062</f>
        <v>#N/A</v>
      </c>
      <c r="E2054" t="e">
        <f t="shared" si="32"/>
        <v>#N/A</v>
      </c>
      <c r="F2054" t="str">
        <f>IF(C2054="CLAY", INDEX(D$4:D2054, MATCH("CLAY", C$4:C2054, 0)), "")</f>
        <v/>
      </c>
    </row>
    <row r="2055" spans="1:6" x14ac:dyDescent="0.2">
      <c r="A2055" s="239">
        <f>'CPT Data'!B2063</f>
        <v>20.701000000000001</v>
      </c>
      <c r="B2055" s="3">
        <f>'CPT Data'!C2063</f>
        <v>20.693999999999999</v>
      </c>
      <c r="C2055" t="str">
        <f>'CPT Data'!P2063</f>
        <v>SAND</v>
      </c>
      <c r="D2055" t="e">
        <f>'CPT Data'!Q2063</f>
        <v>#N/A</v>
      </c>
      <c r="E2055" t="e">
        <f t="shared" si="32"/>
        <v>#N/A</v>
      </c>
      <c r="F2055" t="str">
        <f>IF(C2055="CLAY", INDEX(D$4:D2055, MATCH("CLAY", C$4:C2055, 0)), "")</f>
        <v/>
      </c>
    </row>
    <row r="2056" spans="1:6" x14ac:dyDescent="0.2">
      <c r="A2056" s="239">
        <f>'CPT Data'!B2064</f>
        <v>20.71</v>
      </c>
      <c r="B2056" s="3">
        <f>'CPT Data'!C2064</f>
        <v>20.702999999999999</v>
      </c>
      <c r="C2056" t="str">
        <f>'CPT Data'!P2064</f>
        <v>SAND</v>
      </c>
      <c r="D2056" t="e">
        <f>'CPT Data'!Q2064</f>
        <v>#N/A</v>
      </c>
      <c r="E2056" t="e">
        <f t="shared" si="32"/>
        <v>#N/A</v>
      </c>
      <c r="F2056" t="str">
        <f>IF(C2056="CLAY", INDEX(D$4:D2056, MATCH("CLAY", C$4:C2056, 0)), "")</f>
        <v/>
      </c>
    </row>
    <row r="2057" spans="1:6" x14ac:dyDescent="0.2">
      <c r="A2057" s="239">
        <f>'CPT Data'!B2065</f>
        <v>20.719000000000001</v>
      </c>
      <c r="B2057" s="3">
        <f>'CPT Data'!C2065</f>
        <v>20.712</v>
      </c>
      <c r="C2057" t="str">
        <f>'CPT Data'!P2065</f>
        <v>SAND</v>
      </c>
      <c r="D2057" t="e">
        <f>'CPT Data'!Q2065</f>
        <v>#N/A</v>
      </c>
      <c r="E2057" t="e">
        <f t="shared" si="32"/>
        <v>#N/A</v>
      </c>
      <c r="F2057" t="str">
        <f>IF(C2057="CLAY", INDEX(D$4:D2057, MATCH("CLAY", C$4:C2057, 0)), "")</f>
        <v/>
      </c>
    </row>
    <row r="2058" spans="1:6" x14ac:dyDescent="0.2">
      <c r="A2058" s="239">
        <f>'CPT Data'!B2066</f>
        <v>20.73</v>
      </c>
      <c r="B2058" s="3">
        <f>'CPT Data'!C2066</f>
        <v>20.722999999999999</v>
      </c>
      <c r="C2058" t="str">
        <f>'CPT Data'!P2066</f>
        <v>SAND</v>
      </c>
      <c r="D2058" t="e">
        <f>'CPT Data'!Q2066</f>
        <v>#N/A</v>
      </c>
      <c r="E2058" t="e">
        <f t="shared" si="32"/>
        <v>#N/A</v>
      </c>
      <c r="F2058" t="str">
        <f>IF(C2058="CLAY", INDEX(D$4:D2058, MATCH("CLAY", C$4:C2058, 0)), "")</f>
        <v/>
      </c>
    </row>
    <row r="2059" spans="1:6" x14ac:dyDescent="0.2">
      <c r="A2059" s="239">
        <f>'CPT Data'!B2067</f>
        <v>20.739000000000001</v>
      </c>
      <c r="B2059" s="3">
        <f>'CPT Data'!C2067</f>
        <v>20.731999999999999</v>
      </c>
      <c r="C2059" t="str">
        <f>'CPT Data'!P2067</f>
        <v>SAND</v>
      </c>
      <c r="D2059" t="e">
        <f>'CPT Data'!Q2067</f>
        <v>#N/A</v>
      </c>
      <c r="E2059" t="e">
        <f t="shared" si="32"/>
        <v>#N/A</v>
      </c>
      <c r="F2059" t="str">
        <f>IF(C2059="CLAY", INDEX(D$4:D2059, MATCH("CLAY", C$4:C2059, 0)), "")</f>
        <v/>
      </c>
    </row>
    <row r="2060" spans="1:6" x14ac:dyDescent="0.2">
      <c r="A2060" s="239">
        <f>'CPT Data'!B2068</f>
        <v>20.748999999999999</v>
      </c>
      <c r="B2060" s="3">
        <f>'CPT Data'!C2068</f>
        <v>20.741999999999997</v>
      </c>
      <c r="C2060" t="str">
        <f>'CPT Data'!P2068</f>
        <v>SAND</v>
      </c>
      <c r="D2060" t="e">
        <f>'CPT Data'!Q2068</f>
        <v>#N/A</v>
      </c>
      <c r="E2060" t="e">
        <f t="shared" si="32"/>
        <v>#N/A</v>
      </c>
      <c r="F2060" t="str">
        <f>IF(C2060="CLAY", INDEX(D$4:D2060, MATCH("CLAY", C$4:C2060, 0)), "")</f>
        <v/>
      </c>
    </row>
    <row r="2061" spans="1:6" x14ac:dyDescent="0.2">
      <c r="A2061" s="239">
        <f>'CPT Data'!B2069</f>
        <v>20.757999999999999</v>
      </c>
      <c r="B2061" s="3">
        <f>'CPT Data'!C2069</f>
        <v>20.750999999999998</v>
      </c>
      <c r="C2061" t="str">
        <f>'CPT Data'!P2069</f>
        <v>SAND</v>
      </c>
      <c r="D2061" t="e">
        <f>'CPT Data'!Q2069</f>
        <v>#N/A</v>
      </c>
      <c r="E2061" t="e">
        <f t="shared" si="32"/>
        <v>#N/A</v>
      </c>
      <c r="F2061" t="str">
        <f>IF(C2061="CLAY", INDEX(D$4:D2061, MATCH("CLAY", C$4:C2061, 0)), "")</f>
        <v/>
      </c>
    </row>
    <row r="2062" spans="1:6" x14ac:dyDescent="0.2">
      <c r="A2062" s="239">
        <f>'CPT Data'!B2070</f>
        <v>20.768000000000001</v>
      </c>
      <c r="B2062" s="3">
        <f>'CPT Data'!C2070</f>
        <v>20.760999999999999</v>
      </c>
      <c r="C2062" t="str">
        <f>'CPT Data'!P2070</f>
        <v>SAND</v>
      </c>
      <c r="D2062" t="e">
        <f>'CPT Data'!Q2070</f>
        <v>#N/A</v>
      </c>
      <c r="E2062" t="e">
        <f t="shared" si="32"/>
        <v>#N/A</v>
      </c>
      <c r="F2062" t="str">
        <f>IF(C2062="CLAY", INDEX(D$4:D2062, MATCH("CLAY", C$4:C2062, 0)), "")</f>
        <v/>
      </c>
    </row>
    <row r="2063" spans="1:6" x14ac:dyDescent="0.2">
      <c r="A2063" s="239">
        <f>'CPT Data'!B2071</f>
        <v>20.773</v>
      </c>
      <c r="B2063" s="3">
        <f>'CPT Data'!C2071</f>
        <v>20.765999999999998</v>
      </c>
      <c r="C2063" t="str">
        <f>'CPT Data'!P2071</f>
        <v>SAND</v>
      </c>
      <c r="D2063" t="e">
        <f>'CPT Data'!Q2071</f>
        <v>#N/A</v>
      </c>
      <c r="E2063" t="e">
        <f t="shared" si="32"/>
        <v>#N/A</v>
      </c>
      <c r="F2063" t="str">
        <f>IF(C2063="CLAY", INDEX(D$4:D2063, MATCH("CLAY", C$4:C2063, 0)), "")</f>
        <v/>
      </c>
    </row>
    <row r="2064" spans="1:6" x14ac:dyDescent="0.2">
      <c r="A2064" s="239">
        <f>'CPT Data'!B2072</f>
        <v>20.773</v>
      </c>
      <c r="B2064" s="3">
        <f>'CPT Data'!C2072</f>
        <v>20.765999999999998</v>
      </c>
      <c r="C2064" t="str">
        <f>'CPT Data'!P2072</f>
        <v>SAND</v>
      </c>
      <c r="D2064" t="e">
        <f>'CPT Data'!Q2072</f>
        <v>#N/A</v>
      </c>
      <c r="E2064" t="e">
        <f t="shared" si="32"/>
        <v>#N/A</v>
      </c>
      <c r="F2064" t="str">
        <f>IF(C2064="CLAY", INDEX(D$4:D2064, MATCH("CLAY", C$4:C2064, 0)), "")</f>
        <v/>
      </c>
    </row>
    <row r="2065" spans="1:6" x14ac:dyDescent="0.2">
      <c r="A2065" s="239">
        <f>'CPT Data'!B2073</f>
        <v>20.777000000000001</v>
      </c>
      <c r="B2065" s="3">
        <f>'CPT Data'!C2073</f>
        <v>20.77</v>
      </c>
      <c r="C2065" t="str">
        <f>'CPT Data'!P2073</f>
        <v>SAND</v>
      </c>
      <c r="D2065" t="e">
        <f>'CPT Data'!Q2073</f>
        <v>#N/A</v>
      </c>
      <c r="E2065" t="e">
        <f t="shared" si="32"/>
        <v>#N/A</v>
      </c>
      <c r="F2065" t="str">
        <f>IF(C2065="CLAY", INDEX(D$4:D2065, MATCH("CLAY", C$4:C2065, 0)), "")</f>
        <v/>
      </c>
    </row>
    <row r="2066" spans="1:6" x14ac:dyDescent="0.2">
      <c r="A2066" s="239">
        <f>'CPT Data'!B2074</f>
        <v>20.786000000000001</v>
      </c>
      <c r="B2066" s="3">
        <f>'CPT Data'!C2074</f>
        <v>20.779</v>
      </c>
      <c r="C2066" t="str">
        <f>'CPT Data'!P2074</f>
        <v>SAND</v>
      </c>
      <c r="D2066" t="e">
        <f>'CPT Data'!Q2074</f>
        <v>#N/A</v>
      </c>
      <c r="E2066" t="e">
        <f t="shared" si="32"/>
        <v>#N/A</v>
      </c>
      <c r="F2066" t="str">
        <f>IF(C2066="CLAY", INDEX(D$4:D2066, MATCH("CLAY", C$4:C2066, 0)), "")</f>
        <v/>
      </c>
    </row>
    <row r="2067" spans="1:6" x14ac:dyDescent="0.2">
      <c r="A2067" s="239">
        <f>'CPT Data'!B2075</f>
        <v>20.795000000000002</v>
      </c>
      <c r="B2067" s="3">
        <f>'CPT Data'!C2075</f>
        <v>20.788</v>
      </c>
      <c r="C2067" t="str">
        <f>'CPT Data'!P2075</f>
        <v>SAND</v>
      </c>
      <c r="D2067" t="e">
        <f>'CPT Data'!Q2075</f>
        <v>#N/A</v>
      </c>
      <c r="E2067" t="e">
        <f t="shared" si="32"/>
        <v>#N/A</v>
      </c>
      <c r="F2067" t="str">
        <f>IF(C2067="CLAY", INDEX(D$4:D2067, MATCH("CLAY", C$4:C2067, 0)), "")</f>
        <v/>
      </c>
    </row>
    <row r="2068" spans="1:6" x14ac:dyDescent="0.2">
      <c r="A2068" s="239">
        <f>'CPT Data'!B2076</f>
        <v>20.805</v>
      </c>
      <c r="B2068" s="3">
        <f>'CPT Data'!C2076</f>
        <v>20.797999999999998</v>
      </c>
      <c r="C2068" t="str">
        <f>'CPT Data'!P2076</f>
        <v>SAND</v>
      </c>
      <c r="D2068" t="e">
        <f>'CPT Data'!Q2076</f>
        <v>#N/A</v>
      </c>
      <c r="E2068" t="e">
        <f t="shared" si="32"/>
        <v>#N/A</v>
      </c>
      <c r="F2068" t="str">
        <f>IF(C2068="CLAY", INDEX(D$4:D2068, MATCH("CLAY", C$4:C2068, 0)), "")</f>
        <v/>
      </c>
    </row>
    <row r="2069" spans="1:6" x14ac:dyDescent="0.2">
      <c r="A2069" s="239">
        <f>'CPT Data'!B2077</f>
        <v>20.815000000000001</v>
      </c>
      <c r="B2069" s="3">
        <f>'CPT Data'!C2077</f>
        <v>20.808</v>
      </c>
      <c r="C2069" t="str">
        <f>'CPT Data'!P2077</f>
        <v>SAND</v>
      </c>
      <c r="D2069" t="e">
        <f>'CPT Data'!Q2077</f>
        <v>#N/A</v>
      </c>
      <c r="E2069" t="e">
        <f t="shared" si="32"/>
        <v>#N/A</v>
      </c>
      <c r="F2069" t="str">
        <f>IF(C2069="CLAY", INDEX(D$4:D2069, MATCH("CLAY", C$4:C2069, 0)), "")</f>
        <v/>
      </c>
    </row>
    <row r="2070" spans="1:6" x14ac:dyDescent="0.2">
      <c r="A2070" s="239">
        <f>'CPT Data'!B2078</f>
        <v>20.824999999999999</v>
      </c>
      <c r="B2070" s="3">
        <f>'CPT Data'!C2078</f>
        <v>20.817999999999998</v>
      </c>
      <c r="C2070" t="str">
        <f>'CPT Data'!P2078</f>
        <v>SAND</v>
      </c>
      <c r="D2070" t="e">
        <f>'CPT Data'!Q2078</f>
        <v>#N/A</v>
      </c>
      <c r="E2070" t="e">
        <f t="shared" si="32"/>
        <v>#N/A</v>
      </c>
      <c r="F2070" t="str">
        <f>IF(C2070="CLAY", INDEX(D$4:D2070, MATCH("CLAY", C$4:C2070, 0)), "")</f>
        <v/>
      </c>
    </row>
    <row r="2071" spans="1:6" x14ac:dyDescent="0.2">
      <c r="A2071" s="239">
        <f>'CPT Data'!B2079</f>
        <v>20.834</v>
      </c>
      <c r="B2071" s="3">
        <f>'CPT Data'!C2079</f>
        <v>20.826999999999998</v>
      </c>
      <c r="C2071" t="str">
        <f>'CPT Data'!P2079</f>
        <v>SAND</v>
      </c>
      <c r="D2071" t="e">
        <f>'CPT Data'!Q2079</f>
        <v>#N/A</v>
      </c>
      <c r="E2071" t="e">
        <f t="shared" si="32"/>
        <v>#N/A</v>
      </c>
      <c r="F2071" t="str">
        <f>IF(C2071="CLAY", INDEX(D$4:D2071, MATCH("CLAY", C$4:C2071, 0)), "")</f>
        <v/>
      </c>
    </row>
    <row r="2072" spans="1:6" x14ac:dyDescent="0.2">
      <c r="A2072" s="239">
        <f>'CPT Data'!B2080</f>
        <v>20.844000000000001</v>
      </c>
      <c r="B2072" s="3">
        <f>'CPT Data'!C2080</f>
        <v>20.837</v>
      </c>
      <c r="C2072" t="str">
        <f>'CPT Data'!P2080</f>
        <v>SAND</v>
      </c>
      <c r="D2072" t="e">
        <f>'CPT Data'!Q2080</f>
        <v>#N/A</v>
      </c>
      <c r="E2072" t="e">
        <f t="shared" si="32"/>
        <v>#N/A</v>
      </c>
      <c r="F2072" t="str">
        <f>IF(C2072="CLAY", INDEX(D$4:D2072, MATCH("CLAY", C$4:C2072, 0)), "")</f>
        <v/>
      </c>
    </row>
    <row r="2073" spans="1:6" x14ac:dyDescent="0.2">
      <c r="A2073" s="239">
        <f>'CPT Data'!B2081</f>
        <v>20.853000000000002</v>
      </c>
      <c r="B2073" s="3">
        <f>'CPT Data'!C2081</f>
        <v>20.846</v>
      </c>
      <c r="C2073" t="str">
        <f>'CPT Data'!P2081</f>
        <v>SAND</v>
      </c>
      <c r="D2073" t="e">
        <f>'CPT Data'!Q2081</f>
        <v>#N/A</v>
      </c>
      <c r="E2073" t="e">
        <f t="shared" si="32"/>
        <v>#N/A</v>
      </c>
      <c r="F2073" t="str">
        <f>IF(C2073="CLAY", INDEX(D$4:D2073, MATCH("CLAY", C$4:C2073, 0)), "")</f>
        <v/>
      </c>
    </row>
    <row r="2074" spans="1:6" x14ac:dyDescent="0.2">
      <c r="A2074" s="239">
        <f>'CPT Data'!B2082</f>
        <v>20.864000000000001</v>
      </c>
      <c r="B2074" s="3">
        <f>'CPT Data'!C2082</f>
        <v>20.856999999999999</v>
      </c>
      <c r="C2074" t="str">
        <f>'CPT Data'!P2082</f>
        <v>SAND</v>
      </c>
      <c r="D2074" t="e">
        <f>'CPT Data'!Q2082</f>
        <v>#N/A</v>
      </c>
      <c r="E2074" t="e">
        <f t="shared" si="32"/>
        <v>#N/A</v>
      </c>
      <c r="F2074" t="str">
        <f>IF(C2074="CLAY", INDEX(D$4:D2074, MATCH("CLAY", C$4:C2074, 0)), "")</f>
        <v/>
      </c>
    </row>
    <row r="2075" spans="1:6" x14ac:dyDescent="0.2">
      <c r="A2075" s="239">
        <f>'CPT Data'!B2083</f>
        <v>20.873999999999999</v>
      </c>
      <c r="B2075" s="3">
        <f>'CPT Data'!C2083</f>
        <v>20.866999999999997</v>
      </c>
      <c r="C2075" t="str">
        <f>'CPT Data'!P2083</f>
        <v>SAND</v>
      </c>
      <c r="D2075" t="e">
        <f>'CPT Data'!Q2083</f>
        <v>#N/A</v>
      </c>
      <c r="E2075" t="e">
        <f t="shared" ref="E2075:E2138" si="33">IF(C2075="SAND",#N/A,IF(C2075=C2074,D2074,IF(C2075="CLAY",D2075,#N/A)))</f>
        <v>#N/A</v>
      </c>
      <c r="F2075" t="str">
        <f>IF(C2075="CLAY", INDEX(D$4:D2075, MATCH("CLAY", C$4:C2075, 0)), "")</f>
        <v/>
      </c>
    </row>
    <row r="2076" spans="1:6" x14ac:dyDescent="0.2">
      <c r="A2076" s="239">
        <f>'CPT Data'!B2084</f>
        <v>20.882999999999999</v>
      </c>
      <c r="B2076" s="3">
        <f>'CPT Data'!C2084</f>
        <v>20.875999999999998</v>
      </c>
      <c r="C2076" t="str">
        <f>'CPT Data'!P2084</f>
        <v>SAND</v>
      </c>
      <c r="D2076" t="e">
        <f>'CPT Data'!Q2084</f>
        <v>#N/A</v>
      </c>
      <c r="E2076" t="e">
        <f t="shared" si="33"/>
        <v>#N/A</v>
      </c>
      <c r="F2076" t="str">
        <f>IF(C2076="CLAY", INDEX(D$4:D2076, MATCH("CLAY", C$4:C2076, 0)), "")</f>
        <v/>
      </c>
    </row>
    <row r="2077" spans="1:6" x14ac:dyDescent="0.2">
      <c r="A2077" s="239">
        <f>'CPT Data'!B2085</f>
        <v>20.893000000000001</v>
      </c>
      <c r="B2077" s="3">
        <f>'CPT Data'!C2085</f>
        <v>20.885999999999999</v>
      </c>
      <c r="C2077" t="str">
        <f>'CPT Data'!P2085</f>
        <v>SAND</v>
      </c>
      <c r="D2077" t="e">
        <f>'CPT Data'!Q2085</f>
        <v>#N/A</v>
      </c>
      <c r="E2077" t="e">
        <f t="shared" si="33"/>
        <v>#N/A</v>
      </c>
      <c r="F2077" t="str">
        <f>IF(C2077="CLAY", INDEX(D$4:D2077, MATCH("CLAY", C$4:C2077, 0)), "")</f>
        <v/>
      </c>
    </row>
    <row r="2078" spans="1:6" x14ac:dyDescent="0.2">
      <c r="A2078" s="239">
        <f>'CPT Data'!B2086</f>
        <v>20.902000000000001</v>
      </c>
      <c r="B2078" s="3">
        <f>'CPT Data'!C2086</f>
        <v>20.895</v>
      </c>
      <c r="C2078" t="str">
        <f>'CPT Data'!P2086</f>
        <v>SAND</v>
      </c>
      <c r="D2078" t="e">
        <f>'CPT Data'!Q2086</f>
        <v>#N/A</v>
      </c>
      <c r="E2078" t="e">
        <f t="shared" si="33"/>
        <v>#N/A</v>
      </c>
      <c r="F2078" t="str">
        <f>IF(C2078="CLAY", INDEX(D$4:D2078, MATCH("CLAY", C$4:C2078, 0)), "")</f>
        <v/>
      </c>
    </row>
    <row r="2079" spans="1:6" x14ac:dyDescent="0.2">
      <c r="A2079" s="239">
        <f>'CPT Data'!B2087</f>
        <v>20.904</v>
      </c>
      <c r="B2079" s="3">
        <f>'CPT Data'!C2087</f>
        <v>20.896999999999998</v>
      </c>
      <c r="C2079" t="str">
        <f>'CPT Data'!P2087</f>
        <v>SAND</v>
      </c>
      <c r="D2079" t="e">
        <f>'CPT Data'!Q2087</f>
        <v>#N/A</v>
      </c>
      <c r="E2079" t="e">
        <f t="shared" si="33"/>
        <v>#N/A</v>
      </c>
      <c r="F2079" t="str">
        <f>IF(C2079="CLAY", INDEX(D$4:D2079, MATCH("CLAY", C$4:C2079, 0)), "")</f>
        <v/>
      </c>
    </row>
    <row r="2080" spans="1:6" x14ac:dyDescent="0.2">
      <c r="A2080" s="239">
        <f>'CPT Data'!B2088</f>
        <v>20.904</v>
      </c>
      <c r="B2080" s="3">
        <f>'CPT Data'!C2088</f>
        <v>20.896999999999998</v>
      </c>
      <c r="C2080" t="str">
        <f>'CPT Data'!P2088</f>
        <v>SAND</v>
      </c>
      <c r="D2080" t="e">
        <f>'CPT Data'!Q2088</f>
        <v>#N/A</v>
      </c>
      <c r="E2080" t="e">
        <f t="shared" si="33"/>
        <v>#N/A</v>
      </c>
      <c r="F2080" t="str">
        <f>IF(C2080="CLAY", INDEX(D$4:D2080, MATCH("CLAY", C$4:C2080, 0)), "")</f>
        <v/>
      </c>
    </row>
    <row r="2081" spans="1:6" x14ac:dyDescent="0.2">
      <c r="A2081" s="239">
        <f>'CPT Data'!B2089</f>
        <v>20.908999999999999</v>
      </c>
      <c r="B2081" s="3">
        <f>'CPT Data'!C2089</f>
        <v>20.901999999999997</v>
      </c>
      <c r="C2081" t="str">
        <f>'CPT Data'!P2089</f>
        <v>SAND</v>
      </c>
      <c r="D2081" t="e">
        <f>'CPT Data'!Q2089</f>
        <v>#N/A</v>
      </c>
      <c r="E2081" t="e">
        <f t="shared" si="33"/>
        <v>#N/A</v>
      </c>
      <c r="F2081" t="str">
        <f>IF(C2081="CLAY", INDEX(D$4:D2081, MATCH("CLAY", C$4:C2081, 0)), "")</f>
        <v/>
      </c>
    </row>
    <row r="2082" spans="1:6" x14ac:dyDescent="0.2">
      <c r="A2082" s="239">
        <f>'CPT Data'!B2090</f>
        <v>20.917000000000002</v>
      </c>
      <c r="B2082" s="3">
        <f>'CPT Data'!C2090</f>
        <v>20.91</v>
      </c>
      <c r="C2082" t="str">
        <f>'CPT Data'!P2090</f>
        <v>SAND</v>
      </c>
      <c r="D2082" t="e">
        <f>'CPT Data'!Q2090</f>
        <v>#N/A</v>
      </c>
      <c r="E2082" t="e">
        <f t="shared" si="33"/>
        <v>#N/A</v>
      </c>
      <c r="F2082" t="str">
        <f>IF(C2082="CLAY", INDEX(D$4:D2082, MATCH("CLAY", C$4:C2082, 0)), "")</f>
        <v/>
      </c>
    </row>
    <row r="2083" spans="1:6" x14ac:dyDescent="0.2">
      <c r="A2083" s="239">
        <f>'CPT Data'!B2091</f>
        <v>20.928000000000001</v>
      </c>
      <c r="B2083" s="3">
        <f>'CPT Data'!C2091</f>
        <v>20.920999999999999</v>
      </c>
      <c r="C2083" t="str">
        <f>'CPT Data'!P2091</f>
        <v>SAND</v>
      </c>
      <c r="D2083" t="e">
        <f>'CPT Data'!Q2091</f>
        <v>#N/A</v>
      </c>
      <c r="E2083" t="e">
        <f t="shared" si="33"/>
        <v>#N/A</v>
      </c>
      <c r="F2083" t="str">
        <f>IF(C2083="CLAY", INDEX(D$4:D2083, MATCH("CLAY", C$4:C2083, 0)), "")</f>
        <v/>
      </c>
    </row>
    <row r="2084" spans="1:6" x14ac:dyDescent="0.2">
      <c r="A2084" s="239">
        <f>'CPT Data'!B2092</f>
        <v>20.937000000000001</v>
      </c>
      <c r="B2084" s="3">
        <f>'CPT Data'!C2092</f>
        <v>20.93</v>
      </c>
      <c r="C2084" t="str">
        <f>'CPT Data'!P2092</f>
        <v>SAND</v>
      </c>
      <c r="D2084" t="e">
        <f>'CPT Data'!Q2092</f>
        <v>#N/A</v>
      </c>
      <c r="E2084" t="e">
        <f t="shared" si="33"/>
        <v>#N/A</v>
      </c>
      <c r="F2084" t="str">
        <f>IF(C2084="CLAY", INDEX(D$4:D2084, MATCH("CLAY", C$4:C2084, 0)), "")</f>
        <v/>
      </c>
    </row>
    <row r="2085" spans="1:6" x14ac:dyDescent="0.2">
      <c r="A2085" s="239">
        <f>'CPT Data'!B2093</f>
        <v>20.946000000000002</v>
      </c>
      <c r="B2085" s="3">
        <f>'CPT Data'!C2093</f>
        <v>20.939</v>
      </c>
      <c r="C2085" t="str">
        <f>'CPT Data'!P2093</f>
        <v>SAND</v>
      </c>
      <c r="D2085" t="e">
        <f>'CPT Data'!Q2093</f>
        <v>#N/A</v>
      </c>
      <c r="E2085" t="e">
        <f t="shared" si="33"/>
        <v>#N/A</v>
      </c>
      <c r="F2085" t="str">
        <f>IF(C2085="CLAY", INDEX(D$4:D2085, MATCH("CLAY", C$4:C2085, 0)), "")</f>
        <v/>
      </c>
    </row>
    <row r="2086" spans="1:6" x14ac:dyDescent="0.2">
      <c r="A2086" s="239">
        <f>'CPT Data'!B2094</f>
        <v>20.956</v>
      </c>
      <c r="B2086" s="3">
        <f>'CPT Data'!C2094</f>
        <v>20.948999999999998</v>
      </c>
      <c r="C2086" t="str">
        <f>'CPT Data'!P2094</f>
        <v>SAND</v>
      </c>
      <c r="D2086" t="e">
        <f>'CPT Data'!Q2094</f>
        <v>#N/A</v>
      </c>
      <c r="E2086" t="e">
        <f t="shared" si="33"/>
        <v>#N/A</v>
      </c>
      <c r="F2086" t="str">
        <f>IF(C2086="CLAY", INDEX(D$4:D2086, MATCH("CLAY", C$4:C2086, 0)), "")</f>
        <v/>
      </c>
    </row>
    <row r="2087" spans="1:6" x14ac:dyDescent="0.2">
      <c r="A2087" s="239">
        <f>'CPT Data'!B2095</f>
        <v>20.965</v>
      </c>
      <c r="B2087" s="3">
        <f>'CPT Data'!C2095</f>
        <v>20.957999999999998</v>
      </c>
      <c r="C2087" t="str">
        <f>'CPT Data'!P2095</f>
        <v>SAND</v>
      </c>
      <c r="D2087" t="e">
        <f>'CPT Data'!Q2095</f>
        <v>#N/A</v>
      </c>
      <c r="E2087" t="e">
        <f t="shared" si="33"/>
        <v>#N/A</v>
      </c>
      <c r="F2087" t="str">
        <f>IF(C2087="CLAY", INDEX(D$4:D2087, MATCH("CLAY", C$4:C2087, 0)), "")</f>
        <v/>
      </c>
    </row>
    <row r="2088" spans="1:6" x14ac:dyDescent="0.2">
      <c r="A2088" s="239">
        <f>'CPT Data'!B2096</f>
        <v>20.975000000000001</v>
      </c>
      <c r="B2088" s="3">
        <f>'CPT Data'!C2096</f>
        <v>20.968</v>
      </c>
      <c r="C2088" t="str">
        <f>'CPT Data'!P2096</f>
        <v>SAND</v>
      </c>
      <c r="D2088" t="e">
        <f>'CPT Data'!Q2096</f>
        <v>#N/A</v>
      </c>
      <c r="E2088" t="e">
        <f t="shared" si="33"/>
        <v>#N/A</v>
      </c>
      <c r="F2088" t="str">
        <f>IF(C2088="CLAY", INDEX(D$4:D2088, MATCH("CLAY", C$4:C2088, 0)), "")</f>
        <v/>
      </c>
    </row>
    <row r="2089" spans="1:6" x14ac:dyDescent="0.2">
      <c r="A2089" s="239">
        <f>'CPT Data'!B2097</f>
        <v>20.984999999999999</v>
      </c>
      <c r="B2089" s="3">
        <f>'CPT Data'!C2097</f>
        <v>20.977999999999998</v>
      </c>
      <c r="C2089" t="str">
        <f>'CPT Data'!P2097</f>
        <v>SAND</v>
      </c>
      <c r="D2089" t="e">
        <f>'CPT Data'!Q2097</f>
        <v>#N/A</v>
      </c>
      <c r="E2089" t="e">
        <f t="shared" si="33"/>
        <v>#N/A</v>
      </c>
      <c r="F2089" t="str">
        <f>IF(C2089="CLAY", INDEX(D$4:D2089, MATCH("CLAY", C$4:C2089, 0)), "")</f>
        <v/>
      </c>
    </row>
    <row r="2090" spans="1:6" x14ac:dyDescent="0.2">
      <c r="A2090" s="239">
        <f>'CPT Data'!B2098</f>
        <v>20.995000000000001</v>
      </c>
      <c r="B2090" s="3">
        <f>'CPT Data'!C2098</f>
        <v>20.988</v>
      </c>
      <c r="C2090" t="str">
        <f>'CPT Data'!P2098</f>
        <v>SAND</v>
      </c>
      <c r="D2090" t="e">
        <f>'CPT Data'!Q2098</f>
        <v>#N/A</v>
      </c>
      <c r="E2090" t="e">
        <f t="shared" si="33"/>
        <v>#N/A</v>
      </c>
      <c r="F2090" t="str">
        <f>IF(C2090="CLAY", INDEX(D$4:D2090, MATCH("CLAY", C$4:C2090, 0)), "")</f>
        <v/>
      </c>
    </row>
    <row r="2091" spans="1:6" x14ac:dyDescent="0.2">
      <c r="A2091" s="239">
        <f>'CPT Data'!B2099</f>
        <v>21.006</v>
      </c>
      <c r="B2091" s="3">
        <f>'CPT Data'!C2099</f>
        <v>20.998999999999999</v>
      </c>
      <c r="C2091" t="str">
        <f>'CPT Data'!P2099</f>
        <v>SAND</v>
      </c>
      <c r="D2091" t="e">
        <f>'CPT Data'!Q2099</f>
        <v>#N/A</v>
      </c>
      <c r="E2091" t="e">
        <f t="shared" si="33"/>
        <v>#N/A</v>
      </c>
      <c r="F2091" t="str">
        <f>IF(C2091="CLAY", INDEX(D$4:D2091, MATCH("CLAY", C$4:C2091, 0)), "")</f>
        <v/>
      </c>
    </row>
    <row r="2092" spans="1:6" x14ac:dyDescent="0.2">
      <c r="A2092" s="239">
        <f>'CPT Data'!B2100</f>
        <v>21.015000000000001</v>
      </c>
      <c r="B2092" s="3">
        <f>'CPT Data'!C2100</f>
        <v>21.007999999999999</v>
      </c>
      <c r="C2092" t="str">
        <f>'CPT Data'!P2100</f>
        <v>SAND</v>
      </c>
      <c r="D2092" t="e">
        <f>'CPT Data'!Q2100</f>
        <v>#N/A</v>
      </c>
      <c r="E2092" t="e">
        <f t="shared" si="33"/>
        <v>#N/A</v>
      </c>
      <c r="F2092" t="str">
        <f>IF(C2092="CLAY", INDEX(D$4:D2092, MATCH("CLAY", C$4:C2092, 0)), "")</f>
        <v/>
      </c>
    </row>
    <row r="2093" spans="1:6" x14ac:dyDescent="0.2">
      <c r="A2093" s="239">
        <f>'CPT Data'!B2101</f>
        <v>21.024999999999999</v>
      </c>
      <c r="B2093" s="3">
        <f>'CPT Data'!C2101</f>
        <v>21.017999999999997</v>
      </c>
      <c r="C2093" t="str">
        <f>'CPT Data'!P2101</f>
        <v>SAND</v>
      </c>
      <c r="D2093" t="e">
        <f>'CPT Data'!Q2101</f>
        <v>#N/A</v>
      </c>
      <c r="E2093" t="e">
        <f t="shared" si="33"/>
        <v>#N/A</v>
      </c>
      <c r="F2093" t="str">
        <f>IF(C2093="CLAY", INDEX(D$4:D2093, MATCH("CLAY", C$4:C2093, 0)), "")</f>
        <v/>
      </c>
    </row>
    <row r="2094" spans="1:6" x14ac:dyDescent="0.2">
      <c r="A2094" s="239">
        <f>'CPT Data'!B2102</f>
        <v>21.035</v>
      </c>
      <c r="B2094" s="3">
        <f>'CPT Data'!C2102</f>
        <v>21.027999999999999</v>
      </c>
      <c r="C2094" t="str">
        <f>'CPT Data'!P2102</f>
        <v>SAND</v>
      </c>
      <c r="D2094" t="e">
        <f>'CPT Data'!Q2102</f>
        <v>#N/A</v>
      </c>
      <c r="E2094" t="e">
        <f t="shared" si="33"/>
        <v>#N/A</v>
      </c>
      <c r="F2094" t="str">
        <f>IF(C2094="CLAY", INDEX(D$4:D2094, MATCH("CLAY", C$4:C2094, 0)), "")</f>
        <v/>
      </c>
    </row>
    <row r="2095" spans="1:6" x14ac:dyDescent="0.2">
      <c r="A2095" s="239">
        <f>'CPT Data'!B2103</f>
        <v>21.045000000000002</v>
      </c>
      <c r="B2095" s="3">
        <f>'CPT Data'!C2103</f>
        <v>21.038</v>
      </c>
      <c r="C2095" t="str">
        <f>'CPT Data'!P2103</f>
        <v>SAND</v>
      </c>
      <c r="D2095" t="e">
        <f>'CPT Data'!Q2103</f>
        <v>#N/A</v>
      </c>
      <c r="E2095" t="e">
        <f t="shared" si="33"/>
        <v>#N/A</v>
      </c>
      <c r="F2095" t="str">
        <f>IF(C2095="CLAY", INDEX(D$4:D2095, MATCH("CLAY", C$4:C2095, 0)), "")</f>
        <v/>
      </c>
    </row>
    <row r="2096" spans="1:6" x14ac:dyDescent="0.2">
      <c r="A2096" s="239">
        <f>'CPT Data'!B2104</f>
        <v>21.053999999999998</v>
      </c>
      <c r="B2096" s="3">
        <f>'CPT Data'!C2104</f>
        <v>21.046999999999997</v>
      </c>
      <c r="C2096" t="str">
        <f>'CPT Data'!P2104</f>
        <v>SAND</v>
      </c>
      <c r="D2096" t="e">
        <f>'CPT Data'!Q2104</f>
        <v>#N/A</v>
      </c>
      <c r="E2096" t="e">
        <f t="shared" si="33"/>
        <v>#N/A</v>
      </c>
      <c r="F2096" t="str">
        <f>IF(C2096="CLAY", INDEX(D$4:D2096, MATCH("CLAY", C$4:C2096, 0)), "")</f>
        <v/>
      </c>
    </row>
    <row r="2097" spans="1:6" x14ac:dyDescent="0.2">
      <c r="A2097" s="239">
        <f>'CPT Data'!B2105</f>
        <v>21.064</v>
      </c>
      <c r="B2097" s="3">
        <f>'CPT Data'!C2105</f>
        <v>21.056999999999999</v>
      </c>
      <c r="C2097" t="str">
        <f>'CPT Data'!P2105</f>
        <v>SAND</v>
      </c>
      <c r="D2097" t="e">
        <f>'CPT Data'!Q2105</f>
        <v>#N/A</v>
      </c>
      <c r="E2097" t="e">
        <f t="shared" si="33"/>
        <v>#N/A</v>
      </c>
      <c r="F2097" t="str">
        <f>IF(C2097="CLAY", INDEX(D$4:D2097, MATCH("CLAY", C$4:C2097, 0)), "")</f>
        <v/>
      </c>
    </row>
    <row r="2098" spans="1:6" x14ac:dyDescent="0.2">
      <c r="A2098" s="239">
        <f>'CPT Data'!B2106</f>
        <v>21.074000000000002</v>
      </c>
      <c r="B2098" s="3">
        <f>'CPT Data'!C2106</f>
        <v>21.067</v>
      </c>
      <c r="C2098" t="str">
        <f>'CPT Data'!P2106</f>
        <v>SAND</v>
      </c>
      <c r="D2098" t="e">
        <f>'CPT Data'!Q2106</f>
        <v>#N/A</v>
      </c>
      <c r="E2098" t="e">
        <f t="shared" si="33"/>
        <v>#N/A</v>
      </c>
      <c r="F2098" t="str">
        <f>IF(C2098="CLAY", INDEX(D$4:D2098, MATCH("CLAY", C$4:C2098, 0)), "")</f>
        <v/>
      </c>
    </row>
    <row r="2099" spans="1:6" x14ac:dyDescent="0.2">
      <c r="A2099" s="239">
        <f>'CPT Data'!B2107</f>
        <v>21.082999999999998</v>
      </c>
      <c r="B2099" s="3">
        <f>'CPT Data'!C2107</f>
        <v>21.075999999999997</v>
      </c>
      <c r="C2099" t="str">
        <f>'CPT Data'!P2107</f>
        <v>SAND</v>
      </c>
      <c r="D2099" t="e">
        <f>'CPT Data'!Q2107</f>
        <v>#N/A</v>
      </c>
      <c r="E2099" t="e">
        <f t="shared" si="33"/>
        <v>#N/A</v>
      </c>
      <c r="F2099" t="str">
        <f>IF(C2099="CLAY", INDEX(D$4:D2099, MATCH("CLAY", C$4:C2099, 0)), "")</f>
        <v/>
      </c>
    </row>
    <row r="2100" spans="1:6" x14ac:dyDescent="0.2">
      <c r="A2100" s="239">
        <f>'CPT Data'!B2108</f>
        <v>21.091999999999999</v>
      </c>
      <c r="B2100" s="3">
        <f>'CPT Data'!C2108</f>
        <v>21.084999999999997</v>
      </c>
      <c r="C2100" t="str">
        <f>'CPT Data'!P2108</f>
        <v>SAND</v>
      </c>
      <c r="D2100" t="e">
        <f>'CPT Data'!Q2108</f>
        <v>#N/A</v>
      </c>
      <c r="E2100" t="e">
        <f t="shared" si="33"/>
        <v>#N/A</v>
      </c>
      <c r="F2100" t="str">
        <f>IF(C2100="CLAY", INDEX(D$4:D2100, MATCH("CLAY", C$4:C2100, 0)), "")</f>
        <v/>
      </c>
    </row>
    <row r="2101" spans="1:6" x14ac:dyDescent="0.2">
      <c r="A2101" s="239">
        <f>'CPT Data'!B2109</f>
        <v>21.102</v>
      </c>
      <c r="B2101" s="3">
        <f>'CPT Data'!C2109</f>
        <v>21.094999999999999</v>
      </c>
      <c r="C2101" t="str">
        <f>'CPT Data'!P2109</f>
        <v>SAND</v>
      </c>
      <c r="D2101" t="e">
        <f>'CPT Data'!Q2109</f>
        <v>#N/A</v>
      </c>
      <c r="E2101" t="e">
        <f t="shared" si="33"/>
        <v>#N/A</v>
      </c>
      <c r="F2101" t="str">
        <f>IF(C2101="CLAY", INDEX(D$4:D2101, MATCH("CLAY", C$4:C2101, 0)), "")</f>
        <v/>
      </c>
    </row>
    <row r="2102" spans="1:6" x14ac:dyDescent="0.2">
      <c r="A2102" s="239">
        <f>'CPT Data'!B2110</f>
        <v>21.113</v>
      </c>
      <c r="B2102" s="3">
        <f>'CPT Data'!C2110</f>
        <v>21.105999999999998</v>
      </c>
      <c r="C2102" t="str">
        <f>'CPT Data'!P2110</f>
        <v>SAND</v>
      </c>
      <c r="D2102" t="e">
        <f>'CPT Data'!Q2110</f>
        <v>#N/A</v>
      </c>
      <c r="E2102" t="e">
        <f t="shared" si="33"/>
        <v>#N/A</v>
      </c>
      <c r="F2102" t="str">
        <f>IF(C2102="CLAY", INDEX(D$4:D2102, MATCH("CLAY", C$4:C2102, 0)), "")</f>
        <v/>
      </c>
    </row>
    <row r="2103" spans="1:6" x14ac:dyDescent="0.2">
      <c r="A2103" s="239">
        <f>'CPT Data'!B2111</f>
        <v>21.122</v>
      </c>
      <c r="B2103" s="3">
        <f>'CPT Data'!C2111</f>
        <v>21.114999999999998</v>
      </c>
      <c r="C2103" t="str">
        <f>'CPT Data'!P2111</f>
        <v>SAND</v>
      </c>
      <c r="D2103" t="e">
        <f>'CPT Data'!Q2111</f>
        <v>#N/A</v>
      </c>
      <c r="E2103" t="e">
        <f t="shared" si="33"/>
        <v>#N/A</v>
      </c>
      <c r="F2103" t="str">
        <f>IF(C2103="CLAY", INDEX(D$4:D2103, MATCH("CLAY", C$4:C2103, 0)), "")</f>
        <v/>
      </c>
    </row>
    <row r="2104" spans="1:6" x14ac:dyDescent="0.2">
      <c r="A2104" s="239">
        <f>'CPT Data'!B2112</f>
        <v>21.131</v>
      </c>
      <c r="B2104" s="3">
        <f>'CPT Data'!C2112</f>
        <v>21.123999999999999</v>
      </c>
      <c r="C2104" t="str">
        <f>'CPT Data'!P2112</f>
        <v>SAND</v>
      </c>
      <c r="D2104" t="e">
        <f>'CPT Data'!Q2112</f>
        <v>#N/A</v>
      </c>
      <c r="E2104" t="e">
        <f t="shared" si="33"/>
        <v>#N/A</v>
      </c>
      <c r="F2104" t="str">
        <f>IF(C2104="CLAY", INDEX(D$4:D2104, MATCH("CLAY", C$4:C2104, 0)), "")</f>
        <v/>
      </c>
    </row>
    <row r="2105" spans="1:6" x14ac:dyDescent="0.2">
      <c r="A2105" s="239">
        <f>'CPT Data'!B2113</f>
        <v>21.14</v>
      </c>
      <c r="B2105" s="3">
        <f>'CPT Data'!C2113</f>
        <v>21.132999999999999</v>
      </c>
      <c r="C2105" t="str">
        <f>'CPT Data'!P2113</f>
        <v>SAND</v>
      </c>
      <c r="D2105" t="e">
        <f>'CPT Data'!Q2113</f>
        <v>#N/A</v>
      </c>
      <c r="E2105" t="e">
        <f t="shared" si="33"/>
        <v>#N/A</v>
      </c>
      <c r="F2105" t="str">
        <f>IF(C2105="CLAY", INDEX(D$4:D2105, MATCH("CLAY", C$4:C2105, 0)), "")</f>
        <v/>
      </c>
    </row>
    <row r="2106" spans="1:6" x14ac:dyDescent="0.2">
      <c r="A2106" s="239">
        <f>'CPT Data'!B2114</f>
        <v>21.151</v>
      </c>
      <c r="B2106" s="3">
        <f>'CPT Data'!C2114</f>
        <v>21.143999999999998</v>
      </c>
      <c r="C2106" t="str">
        <f>'CPT Data'!P2114</f>
        <v>SAND</v>
      </c>
      <c r="D2106" t="e">
        <f>'CPT Data'!Q2114</f>
        <v>#N/A</v>
      </c>
      <c r="E2106" t="e">
        <f t="shared" si="33"/>
        <v>#N/A</v>
      </c>
      <c r="F2106" t="str">
        <f>IF(C2106="CLAY", INDEX(D$4:D2106, MATCH("CLAY", C$4:C2106, 0)), "")</f>
        <v/>
      </c>
    </row>
    <row r="2107" spans="1:6" x14ac:dyDescent="0.2">
      <c r="A2107" s="239">
        <f>'CPT Data'!B2115</f>
        <v>21.161000000000001</v>
      </c>
      <c r="B2107" s="3">
        <f>'CPT Data'!C2115</f>
        <v>21.154</v>
      </c>
      <c r="C2107" t="str">
        <f>'CPT Data'!P2115</f>
        <v>SAND</v>
      </c>
      <c r="D2107" t="e">
        <f>'CPT Data'!Q2115</f>
        <v>#N/A</v>
      </c>
      <c r="E2107" t="e">
        <f t="shared" si="33"/>
        <v>#N/A</v>
      </c>
      <c r="F2107" t="str">
        <f>IF(C2107="CLAY", INDEX(D$4:D2107, MATCH("CLAY", C$4:C2107, 0)), "")</f>
        <v/>
      </c>
    </row>
    <row r="2108" spans="1:6" x14ac:dyDescent="0.2">
      <c r="A2108" s="239">
        <f>'CPT Data'!B2116</f>
        <v>21.17</v>
      </c>
      <c r="B2108" s="3">
        <f>'CPT Data'!C2116</f>
        <v>21.163</v>
      </c>
      <c r="C2108" t="str">
        <f>'CPT Data'!P2116</f>
        <v>SAND</v>
      </c>
      <c r="D2108" t="e">
        <f>'CPT Data'!Q2116</f>
        <v>#N/A</v>
      </c>
      <c r="E2108" t="e">
        <f t="shared" si="33"/>
        <v>#N/A</v>
      </c>
      <c r="F2108" t="str">
        <f>IF(C2108="CLAY", INDEX(D$4:D2108, MATCH("CLAY", C$4:C2108, 0)), "")</f>
        <v/>
      </c>
    </row>
    <row r="2109" spans="1:6" x14ac:dyDescent="0.2">
      <c r="A2109" s="239">
        <f>'CPT Data'!B2117</f>
        <v>21.18</v>
      </c>
      <c r="B2109" s="3">
        <f>'CPT Data'!C2117</f>
        <v>21.172999999999998</v>
      </c>
      <c r="C2109" t="str">
        <f>'CPT Data'!P2117</f>
        <v>SAND</v>
      </c>
      <c r="D2109" t="e">
        <f>'CPT Data'!Q2117</f>
        <v>#N/A</v>
      </c>
      <c r="E2109" t="e">
        <f t="shared" si="33"/>
        <v>#N/A</v>
      </c>
      <c r="F2109" t="str">
        <f>IF(C2109="CLAY", INDEX(D$4:D2109, MATCH("CLAY", C$4:C2109, 0)), "")</f>
        <v/>
      </c>
    </row>
    <row r="2110" spans="1:6" x14ac:dyDescent="0.2">
      <c r="A2110" s="239">
        <f>'CPT Data'!B2118</f>
        <v>21.19</v>
      </c>
      <c r="B2110" s="3">
        <f>'CPT Data'!C2118</f>
        <v>21.183</v>
      </c>
      <c r="C2110" t="str">
        <f>'CPT Data'!P2118</f>
        <v>SAND</v>
      </c>
      <c r="D2110" t="e">
        <f>'CPT Data'!Q2118</f>
        <v>#N/A</v>
      </c>
      <c r="E2110" t="e">
        <f t="shared" si="33"/>
        <v>#N/A</v>
      </c>
      <c r="F2110" t="str">
        <f>IF(C2110="CLAY", INDEX(D$4:D2110, MATCH("CLAY", C$4:C2110, 0)), "")</f>
        <v/>
      </c>
    </row>
    <row r="2111" spans="1:6" x14ac:dyDescent="0.2">
      <c r="A2111" s="239">
        <f>'CPT Data'!B2119</f>
        <v>21.2</v>
      </c>
      <c r="B2111" s="3">
        <f>'CPT Data'!C2119</f>
        <v>21.192999999999998</v>
      </c>
      <c r="C2111" t="str">
        <f>'CPT Data'!P2119</f>
        <v>SAND</v>
      </c>
      <c r="D2111" t="e">
        <f>'CPT Data'!Q2119</f>
        <v>#N/A</v>
      </c>
      <c r="E2111" t="e">
        <f t="shared" si="33"/>
        <v>#N/A</v>
      </c>
      <c r="F2111" t="str">
        <f>IF(C2111="CLAY", INDEX(D$4:D2111, MATCH("CLAY", C$4:C2111, 0)), "")</f>
        <v/>
      </c>
    </row>
    <row r="2112" spans="1:6" x14ac:dyDescent="0.2">
      <c r="A2112" s="239">
        <f>'CPT Data'!B2120</f>
        <v>21.209</v>
      </c>
      <c r="B2112" s="3">
        <f>'CPT Data'!C2120</f>
        <v>21.201999999999998</v>
      </c>
      <c r="C2112" t="str">
        <f>'CPT Data'!P2120</f>
        <v>SAND</v>
      </c>
      <c r="D2112" t="e">
        <f>'CPT Data'!Q2120</f>
        <v>#N/A</v>
      </c>
      <c r="E2112" t="e">
        <f t="shared" si="33"/>
        <v>#N/A</v>
      </c>
      <c r="F2112" t="str">
        <f>IF(C2112="CLAY", INDEX(D$4:D2112, MATCH("CLAY", C$4:C2112, 0)), "")</f>
        <v/>
      </c>
    </row>
    <row r="2113" spans="1:6" x14ac:dyDescent="0.2">
      <c r="A2113" s="239">
        <f>'CPT Data'!B2121</f>
        <v>21.219000000000001</v>
      </c>
      <c r="B2113" s="3">
        <f>'CPT Data'!C2121</f>
        <v>21.212</v>
      </c>
      <c r="C2113" t="str">
        <f>'CPT Data'!P2121</f>
        <v>SAND</v>
      </c>
      <c r="D2113" t="e">
        <f>'CPT Data'!Q2121</f>
        <v>#N/A</v>
      </c>
      <c r="E2113" t="e">
        <f t="shared" si="33"/>
        <v>#N/A</v>
      </c>
      <c r="F2113" t="str">
        <f>IF(C2113="CLAY", INDEX(D$4:D2113, MATCH("CLAY", C$4:C2113, 0)), "")</f>
        <v/>
      </c>
    </row>
    <row r="2114" spans="1:6" x14ac:dyDescent="0.2">
      <c r="A2114" s="239">
        <f>'CPT Data'!B2122</f>
        <v>21.228999999999999</v>
      </c>
      <c r="B2114" s="3">
        <f>'CPT Data'!C2122</f>
        <v>21.221999999999998</v>
      </c>
      <c r="C2114" t="str">
        <f>'CPT Data'!P2122</f>
        <v>SAND</v>
      </c>
      <c r="D2114" t="e">
        <f>'CPT Data'!Q2122</f>
        <v>#N/A</v>
      </c>
      <c r="E2114" t="e">
        <f t="shared" si="33"/>
        <v>#N/A</v>
      </c>
      <c r="F2114" t="str">
        <f>IF(C2114="CLAY", INDEX(D$4:D2114, MATCH("CLAY", C$4:C2114, 0)), "")</f>
        <v/>
      </c>
    </row>
    <row r="2115" spans="1:6" x14ac:dyDescent="0.2">
      <c r="A2115" s="239">
        <f>'CPT Data'!B2123</f>
        <v>21.239000000000001</v>
      </c>
      <c r="B2115" s="3">
        <f>'CPT Data'!C2123</f>
        <v>21.231999999999999</v>
      </c>
      <c r="C2115" t="str">
        <f>'CPT Data'!P2123</f>
        <v>SAND</v>
      </c>
      <c r="D2115" t="e">
        <f>'CPT Data'!Q2123</f>
        <v>#N/A</v>
      </c>
      <c r="E2115" t="e">
        <f t="shared" si="33"/>
        <v>#N/A</v>
      </c>
      <c r="F2115" t="str">
        <f>IF(C2115="CLAY", INDEX(D$4:D2115, MATCH("CLAY", C$4:C2115, 0)), "")</f>
        <v/>
      </c>
    </row>
    <row r="2116" spans="1:6" x14ac:dyDescent="0.2">
      <c r="A2116" s="239">
        <f>'CPT Data'!B2124</f>
        <v>21.248000000000001</v>
      </c>
      <c r="B2116" s="3">
        <f>'CPT Data'!C2124</f>
        <v>21.241</v>
      </c>
      <c r="C2116" t="str">
        <f>'CPT Data'!P2124</f>
        <v>SAND</v>
      </c>
      <c r="D2116" t="e">
        <f>'CPT Data'!Q2124</f>
        <v>#N/A</v>
      </c>
      <c r="E2116" t="e">
        <f t="shared" si="33"/>
        <v>#N/A</v>
      </c>
      <c r="F2116" t="str">
        <f>IF(C2116="CLAY", INDEX(D$4:D2116, MATCH("CLAY", C$4:C2116, 0)), "")</f>
        <v/>
      </c>
    </row>
    <row r="2117" spans="1:6" x14ac:dyDescent="0.2">
      <c r="A2117" s="239">
        <f>'CPT Data'!B2125</f>
        <v>21.257999999999999</v>
      </c>
      <c r="B2117" s="3">
        <f>'CPT Data'!C2125</f>
        <v>21.250999999999998</v>
      </c>
      <c r="C2117" t="str">
        <f>'CPT Data'!P2125</f>
        <v>SAND</v>
      </c>
      <c r="D2117" t="e">
        <f>'CPT Data'!Q2125</f>
        <v>#N/A</v>
      </c>
      <c r="E2117" t="e">
        <f t="shared" si="33"/>
        <v>#N/A</v>
      </c>
      <c r="F2117" t="str">
        <f>IF(C2117="CLAY", INDEX(D$4:D2117, MATCH("CLAY", C$4:C2117, 0)), "")</f>
        <v/>
      </c>
    </row>
    <row r="2118" spans="1:6" x14ac:dyDescent="0.2">
      <c r="A2118" s="239">
        <f>'CPT Data'!B2126</f>
        <v>21.266999999999999</v>
      </c>
      <c r="B2118" s="3">
        <f>'CPT Data'!C2126</f>
        <v>21.259999999999998</v>
      </c>
      <c r="C2118" t="str">
        <f>'CPT Data'!P2126</f>
        <v>SAND</v>
      </c>
      <c r="D2118" t="e">
        <f>'CPT Data'!Q2126</f>
        <v>#N/A</v>
      </c>
      <c r="E2118" t="e">
        <f t="shared" si="33"/>
        <v>#N/A</v>
      </c>
      <c r="F2118" t="str">
        <f>IF(C2118="CLAY", INDEX(D$4:D2118, MATCH("CLAY", C$4:C2118, 0)), "")</f>
        <v/>
      </c>
    </row>
    <row r="2119" spans="1:6" x14ac:dyDescent="0.2">
      <c r="A2119" s="239">
        <f>'CPT Data'!B2127</f>
        <v>21.277000000000001</v>
      </c>
      <c r="B2119" s="3">
        <f>'CPT Data'!C2127</f>
        <v>21.27</v>
      </c>
      <c r="C2119" t="str">
        <f>'CPT Data'!P2127</f>
        <v>SAND</v>
      </c>
      <c r="D2119" t="e">
        <f>'CPT Data'!Q2127</f>
        <v>#N/A</v>
      </c>
      <c r="E2119" t="e">
        <f t="shared" si="33"/>
        <v>#N/A</v>
      </c>
      <c r="F2119" t="str">
        <f>IF(C2119="CLAY", INDEX(D$4:D2119, MATCH("CLAY", C$4:C2119, 0)), "")</f>
        <v/>
      </c>
    </row>
    <row r="2120" spans="1:6" x14ac:dyDescent="0.2">
      <c r="A2120" s="239">
        <f>'CPT Data'!B2128</f>
        <v>21.288</v>
      </c>
      <c r="B2120" s="3">
        <f>'CPT Data'!C2128</f>
        <v>21.280999999999999</v>
      </c>
      <c r="C2120" t="str">
        <f>'CPT Data'!P2128</f>
        <v>SAND</v>
      </c>
      <c r="D2120" t="e">
        <f>'CPT Data'!Q2128</f>
        <v>#N/A</v>
      </c>
      <c r="E2120" t="e">
        <f t="shared" si="33"/>
        <v>#N/A</v>
      </c>
      <c r="F2120" t="str">
        <f>IF(C2120="CLAY", INDEX(D$4:D2120, MATCH("CLAY", C$4:C2120, 0)), "")</f>
        <v/>
      </c>
    </row>
    <row r="2121" spans="1:6" x14ac:dyDescent="0.2">
      <c r="A2121" s="239">
        <f>'CPT Data'!B2129</f>
        <v>21.297000000000001</v>
      </c>
      <c r="B2121" s="3">
        <f>'CPT Data'!C2129</f>
        <v>21.29</v>
      </c>
      <c r="C2121" t="str">
        <f>'CPT Data'!P2129</f>
        <v>SAND</v>
      </c>
      <c r="D2121" t="e">
        <f>'CPT Data'!Q2129</f>
        <v>#N/A</v>
      </c>
      <c r="E2121" t="e">
        <f t="shared" si="33"/>
        <v>#N/A</v>
      </c>
      <c r="F2121" t="str">
        <f>IF(C2121="CLAY", INDEX(D$4:D2121, MATCH("CLAY", C$4:C2121, 0)), "")</f>
        <v/>
      </c>
    </row>
    <row r="2122" spans="1:6" x14ac:dyDescent="0.2">
      <c r="A2122" s="239">
        <f>'CPT Data'!B2130</f>
        <v>21.306999999999999</v>
      </c>
      <c r="B2122" s="3">
        <f>'CPT Data'!C2130</f>
        <v>21.299999999999997</v>
      </c>
      <c r="C2122" t="str">
        <f>'CPT Data'!P2130</f>
        <v>SAND</v>
      </c>
      <c r="D2122" t="e">
        <f>'CPT Data'!Q2130</f>
        <v>#N/A</v>
      </c>
      <c r="E2122" t="e">
        <f t="shared" si="33"/>
        <v>#N/A</v>
      </c>
      <c r="F2122" t="str">
        <f>IF(C2122="CLAY", INDEX(D$4:D2122, MATCH("CLAY", C$4:C2122, 0)), "")</f>
        <v/>
      </c>
    </row>
    <row r="2123" spans="1:6" x14ac:dyDescent="0.2">
      <c r="A2123" s="239">
        <f>'CPT Data'!B2131</f>
        <v>21.317</v>
      </c>
      <c r="B2123" s="3">
        <f>'CPT Data'!C2131</f>
        <v>21.31</v>
      </c>
      <c r="C2123" t="str">
        <f>'CPT Data'!P2131</f>
        <v>SAND</v>
      </c>
      <c r="D2123" t="e">
        <f>'CPT Data'!Q2131</f>
        <v>#N/A</v>
      </c>
      <c r="E2123" t="e">
        <f t="shared" si="33"/>
        <v>#N/A</v>
      </c>
      <c r="F2123" t="str">
        <f>IF(C2123="CLAY", INDEX(D$4:D2123, MATCH("CLAY", C$4:C2123, 0)), "")</f>
        <v/>
      </c>
    </row>
    <row r="2124" spans="1:6" x14ac:dyDescent="0.2">
      <c r="A2124" s="239">
        <f>'CPT Data'!B2132</f>
        <v>21.327000000000002</v>
      </c>
      <c r="B2124" s="3">
        <f>'CPT Data'!C2132</f>
        <v>21.32</v>
      </c>
      <c r="C2124" t="str">
        <f>'CPT Data'!P2132</f>
        <v>SAND</v>
      </c>
      <c r="D2124" t="e">
        <f>'CPT Data'!Q2132</f>
        <v>#N/A</v>
      </c>
      <c r="E2124" t="e">
        <f t="shared" si="33"/>
        <v>#N/A</v>
      </c>
      <c r="F2124" t="str">
        <f>IF(C2124="CLAY", INDEX(D$4:D2124, MATCH("CLAY", C$4:C2124, 0)), "")</f>
        <v/>
      </c>
    </row>
    <row r="2125" spans="1:6" x14ac:dyDescent="0.2">
      <c r="A2125" s="239">
        <f>'CPT Data'!B2133</f>
        <v>21.335999999999999</v>
      </c>
      <c r="B2125" s="3">
        <f>'CPT Data'!C2133</f>
        <v>21.328999999999997</v>
      </c>
      <c r="C2125" t="str">
        <f>'CPT Data'!P2133</f>
        <v>SAND</v>
      </c>
      <c r="D2125" t="e">
        <f>'CPT Data'!Q2133</f>
        <v>#N/A</v>
      </c>
      <c r="E2125" t="e">
        <f t="shared" si="33"/>
        <v>#N/A</v>
      </c>
      <c r="F2125" t="str">
        <f>IF(C2125="CLAY", INDEX(D$4:D2125, MATCH("CLAY", C$4:C2125, 0)), "")</f>
        <v/>
      </c>
    </row>
    <row r="2126" spans="1:6" x14ac:dyDescent="0.2">
      <c r="A2126" s="239">
        <f>'CPT Data'!B2134</f>
        <v>21.347000000000001</v>
      </c>
      <c r="B2126" s="3">
        <f>'CPT Data'!C2134</f>
        <v>21.34</v>
      </c>
      <c r="C2126" t="str">
        <f>'CPT Data'!P2134</f>
        <v>SAND</v>
      </c>
      <c r="D2126" t="e">
        <f>'CPT Data'!Q2134</f>
        <v>#N/A</v>
      </c>
      <c r="E2126" t="e">
        <f t="shared" si="33"/>
        <v>#N/A</v>
      </c>
      <c r="F2126" t="str">
        <f>IF(C2126="CLAY", INDEX(D$4:D2126, MATCH("CLAY", C$4:C2126, 0)), "")</f>
        <v/>
      </c>
    </row>
    <row r="2127" spans="1:6" x14ac:dyDescent="0.2">
      <c r="A2127" s="239">
        <f>'CPT Data'!B2135</f>
        <v>21.356999999999999</v>
      </c>
      <c r="B2127" s="3">
        <f>'CPT Data'!C2135</f>
        <v>21.349999999999998</v>
      </c>
      <c r="C2127" t="str">
        <f>'CPT Data'!P2135</f>
        <v>SAND</v>
      </c>
      <c r="D2127" t="e">
        <f>'CPT Data'!Q2135</f>
        <v>#N/A</v>
      </c>
      <c r="E2127" t="e">
        <f t="shared" si="33"/>
        <v>#N/A</v>
      </c>
      <c r="F2127" t="str">
        <f>IF(C2127="CLAY", INDEX(D$4:D2127, MATCH("CLAY", C$4:C2127, 0)), "")</f>
        <v/>
      </c>
    </row>
    <row r="2128" spans="1:6" x14ac:dyDescent="0.2">
      <c r="A2128" s="239">
        <f>'CPT Data'!B2136</f>
        <v>21.367000000000001</v>
      </c>
      <c r="B2128" s="3">
        <f>'CPT Data'!C2136</f>
        <v>21.36</v>
      </c>
      <c r="C2128" t="str">
        <f>'CPT Data'!P2136</f>
        <v>SAND</v>
      </c>
      <c r="D2128" t="e">
        <f>'CPT Data'!Q2136</f>
        <v>#N/A</v>
      </c>
      <c r="E2128" t="e">
        <f t="shared" si="33"/>
        <v>#N/A</v>
      </c>
      <c r="F2128" t="str">
        <f>IF(C2128="CLAY", INDEX(D$4:D2128, MATCH("CLAY", C$4:C2128, 0)), "")</f>
        <v/>
      </c>
    </row>
    <row r="2129" spans="1:6" x14ac:dyDescent="0.2">
      <c r="A2129" s="239">
        <f>'CPT Data'!B2137</f>
        <v>21.376999999999999</v>
      </c>
      <c r="B2129" s="3">
        <f>'CPT Data'!C2137</f>
        <v>21.369999999999997</v>
      </c>
      <c r="C2129" t="str">
        <f>'CPT Data'!P2137</f>
        <v>SAND</v>
      </c>
      <c r="D2129" t="e">
        <f>'CPT Data'!Q2137</f>
        <v>#N/A</v>
      </c>
      <c r="E2129" t="e">
        <f t="shared" si="33"/>
        <v>#N/A</v>
      </c>
      <c r="F2129" t="str">
        <f>IF(C2129="CLAY", INDEX(D$4:D2129, MATCH("CLAY", C$4:C2129, 0)), "")</f>
        <v/>
      </c>
    </row>
    <row r="2130" spans="1:6" x14ac:dyDescent="0.2">
      <c r="A2130" s="239">
        <f>'CPT Data'!B2138</f>
        <v>21.385999999999999</v>
      </c>
      <c r="B2130" s="3">
        <f>'CPT Data'!C2138</f>
        <v>21.378999999999998</v>
      </c>
      <c r="C2130" t="str">
        <f>'CPT Data'!P2138</f>
        <v>SAND</v>
      </c>
      <c r="D2130" t="e">
        <f>'CPT Data'!Q2138</f>
        <v>#N/A</v>
      </c>
      <c r="E2130" t="e">
        <f t="shared" si="33"/>
        <v>#N/A</v>
      </c>
      <c r="F2130" t="str">
        <f>IF(C2130="CLAY", INDEX(D$4:D2130, MATCH("CLAY", C$4:C2130, 0)), "")</f>
        <v/>
      </c>
    </row>
    <row r="2131" spans="1:6" x14ac:dyDescent="0.2">
      <c r="A2131" s="239">
        <f>'CPT Data'!B2139</f>
        <v>21.396000000000001</v>
      </c>
      <c r="B2131" s="3">
        <f>'CPT Data'!C2139</f>
        <v>21.388999999999999</v>
      </c>
      <c r="C2131" t="str">
        <f>'CPT Data'!P2139</f>
        <v>SAND</v>
      </c>
      <c r="D2131" t="e">
        <f>'CPT Data'!Q2139</f>
        <v>#N/A</v>
      </c>
      <c r="E2131" t="e">
        <f t="shared" si="33"/>
        <v>#N/A</v>
      </c>
      <c r="F2131" t="str">
        <f>IF(C2131="CLAY", INDEX(D$4:D2131, MATCH("CLAY", C$4:C2131, 0)), "")</f>
        <v/>
      </c>
    </row>
    <row r="2132" spans="1:6" x14ac:dyDescent="0.2">
      <c r="A2132" s="239">
        <f>'CPT Data'!B2140</f>
        <v>21.405000000000001</v>
      </c>
      <c r="B2132" s="3">
        <f>'CPT Data'!C2140</f>
        <v>21.398</v>
      </c>
      <c r="C2132" t="str">
        <f>'CPT Data'!P2140</f>
        <v>SAND</v>
      </c>
      <c r="D2132" t="e">
        <f>'CPT Data'!Q2140</f>
        <v>#N/A</v>
      </c>
      <c r="E2132" t="e">
        <f t="shared" si="33"/>
        <v>#N/A</v>
      </c>
      <c r="F2132" t="str">
        <f>IF(C2132="CLAY", INDEX(D$4:D2132, MATCH("CLAY", C$4:C2132, 0)), "")</f>
        <v/>
      </c>
    </row>
    <row r="2133" spans="1:6" x14ac:dyDescent="0.2">
      <c r="A2133" s="239">
        <f>'CPT Data'!B2141</f>
        <v>21.416</v>
      </c>
      <c r="B2133" s="3">
        <f>'CPT Data'!C2141</f>
        <v>21.408999999999999</v>
      </c>
      <c r="C2133" t="str">
        <f>'CPT Data'!P2141</f>
        <v>SAND</v>
      </c>
      <c r="D2133" t="e">
        <f>'CPT Data'!Q2141</f>
        <v>#N/A</v>
      </c>
      <c r="E2133" t="e">
        <f t="shared" si="33"/>
        <v>#N/A</v>
      </c>
      <c r="F2133" t="str">
        <f>IF(C2133="CLAY", INDEX(D$4:D2133, MATCH("CLAY", C$4:C2133, 0)), "")</f>
        <v/>
      </c>
    </row>
    <row r="2134" spans="1:6" x14ac:dyDescent="0.2">
      <c r="A2134" s="239">
        <f>'CPT Data'!B2142</f>
        <v>21.425999999999998</v>
      </c>
      <c r="B2134" s="3">
        <f>'CPT Data'!C2142</f>
        <v>21.418999999999997</v>
      </c>
      <c r="C2134" t="str">
        <f>'CPT Data'!P2142</f>
        <v>SAND</v>
      </c>
      <c r="D2134" t="e">
        <f>'CPT Data'!Q2142</f>
        <v>#N/A</v>
      </c>
      <c r="E2134" t="e">
        <f t="shared" si="33"/>
        <v>#N/A</v>
      </c>
      <c r="F2134" t="str">
        <f>IF(C2134="CLAY", INDEX(D$4:D2134, MATCH("CLAY", C$4:C2134, 0)), "")</f>
        <v/>
      </c>
    </row>
    <row r="2135" spans="1:6" x14ac:dyDescent="0.2">
      <c r="A2135" s="239">
        <f>'CPT Data'!B2143</f>
        <v>21.436</v>
      </c>
      <c r="B2135" s="3">
        <f>'CPT Data'!C2143</f>
        <v>21.428999999999998</v>
      </c>
      <c r="C2135" t="str">
        <f>'CPT Data'!P2143</f>
        <v>SAND</v>
      </c>
      <c r="D2135" t="e">
        <f>'CPT Data'!Q2143</f>
        <v>#N/A</v>
      </c>
      <c r="E2135" t="e">
        <f t="shared" si="33"/>
        <v>#N/A</v>
      </c>
      <c r="F2135" t="str">
        <f>IF(C2135="CLAY", INDEX(D$4:D2135, MATCH("CLAY", C$4:C2135, 0)), "")</f>
        <v/>
      </c>
    </row>
    <row r="2136" spans="1:6" x14ac:dyDescent="0.2">
      <c r="A2136" s="239">
        <f>'CPT Data'!B2144</f>
        <v>21.446000000000002</v>
      </c>
      <c r="B2136" s="3">
        <f>'CPT Data'!C2144</f>
        <v>21.439</v>
      </c>
      <c r="C2136" t="str">
        <f>'CPT Data'!P2144</f>
        <v>SAND</v>
      </c>
      <c r="D2136" t="e">
        <f>'CPT Data'!Q2144</f>
        <v>#N/A</v>
      </c>
      <c r="E2136" t="e">
        <f t="shared" si="33"/>
        <v>#N/A</v>
      </c>
      <c r="F2136" t="str">
        <f>IF(C2136="CLAY", INDEX(D$4:D2136, MATCH("CLAY", C$4:C2136, 0)), "")</f>
        <v/>
      </c>
    </row>
    <row r="2137" spans="1:6" x14ac:dyDescent="0.2">
      <c r="A2137" s="239">
        <f>'CPT Data'!B2145</f>
        <v>21.454999999999998</v>
      </c>
      <c r="B2137" s="3">
        <f>'CPT Data'!C2145</f>
        <v>21.447999999999997</v>
      </c>
      <c r="C2137" t="str">
        <f>'CPT Data'!P2145</f>
        <v>SAND</v>
      </c>
      <c r="D2137" t="e">
        <f>'CPT Data'!Q2145</f>
        <v>#N/A</v>
      </c>
      <c r="E2137" t="e">
        <f t="shared" si="33"/>
        <v>#N/A</v>
      </c>
      <c r="F2137" t="str">
        <f>IF(C2137="CLAY", INDEX(D$4:D2137, MATCH("CLAY", C$4:C2137, 0)), "")</f>
        <v/>
      </c>
    </row>
    <row r="2138" spans="1:6" x14ac:dyDescent="0.2">
      <c r="A2138" s="239">
        <f>'CPT Data'!B2146</f>
        <v>21.463999999999999</v>
      </c>
      <c r="B2138" s="3">
        <f>'CPT Data'!C2146</f>
        <v>21.456999999999997</v>
      </c>
      <c r="C2138" t="str">
        <f>'CPT Data'!P2146</f>
        <v>SAND</v>
      </c>
      <c r="D2138" t="e">
        <f>'CPT Data'!Q2146</f>
        <v>#N/A</v>
      </c>
      <c r="E2138" t="e">
        <f t="shared" si="33"/>
        <v>#N/A</v>
      </c>
      <c r="F2138" t="str">
        <f>IF(C2138="CLAY", INDEX(D$4:D2138, MATCH("CLAY", C$4:C2138, 0)), "")</f>
        <v/>
      </c>
    </row>
    <row r="2139" spans="1:6" x14ac:dyDescent="0.2">
      <c r="A2139" s="239">
        <f>'CPT Data'!B2147</f>
        <v>21.474</v>
      </c>
      <c r="B2139" s="3">
        <f>'CPT Data'!C2147</f>
        <v>21.466999999999999</v>
      </c>
      <c r="C2139" t="str">
        <f>'CPT Data'!P2147</f>
        <v>SAND</v>
      </c>
      <c r="D2139" t="e">
        <f>'CPT Data'!Q2147</f>
        <v>#N/A</v>
      </c>
      <c r="E2139" t="e">
        <f t="shared" ref="E2139:E2202" si="34">IF(C2139="SAND",#N/A,IF(C2139=C2138,D2138,IF(C2139="CLAY",D2139,#N/A)))</f>
        <v>#N/A</v>
      </c>
      <c r="F2139" t="str">
        <f>IF(C2139="CLAY", INDEX(D$4:D2139, MATCH("CLAY", C$4:C2139, 0)), "")</f>
        <v/>
      </c>
    </row>
    <row r="2140" spans="1:6" x14ac:dyDescent="0.2">
      <c r="A2140" s="239">
        <f>'CPT Data'!B2148</f>
        <v>21.484000000000002</v>
      </c>
      <c r="B2140" s="3">
        <f>'CPT Data'!C2148</f>
        <v>21.477</v>
      </c>
      <c r="C2140" t="str">
        <f>'CPT Data'!P2148</f>
        <v>SAND</v>
      </c>
      <c r="D2140" t="e">
        <f>'CPT Data'!Q2148</f>
        <v>#N/A</v>
      </c>
      <c r="E2140" t="e">
        <f t="shared" si="34"/>
        <v>#N/A</v>
      </c>
      <c r="F2140" t="str">
        <f>IF(C2140="CLAY", INDEX(D$4:D2140, MATCH("CLAY", C$4:C2140, 0)), "")</f>
        <v/>
      </c>
    </row>
    <row r="2141" spans="1:6" x14ac:dyDescent="0.2">
      <c r="A2141" s="239">
        <f>'CPT Data'!B2149</f>
        <v>21.494</v>
      </c>
      <c r="B2141" s="3">
        <f>'CPT Data'!C2149</f>
        <v>21.486999999999998</v>
      </c>
      <c r="C2141" t="str">
        <f>'CPT Data'!P2149</f>
        <v>SAND</v>
      </c>
      <c r="D2141" t="e">
        <f>'CPT Data'!Q2149</f>
        <v>#N/A</v>
      </c>
      <c r="E2141" t="e">
        <f t="shared" si="34"/>
        <v>#N/A</v>
      </c>
      <c r="F2141" t="str">
        <f>IF(C2141="CLAY", INDEX(D$4:D2141, MATCH("CLAY", C$4:C2141, 0)), "")</f>
        <v/>
      </c>
    </row>
    <row r="2142" spans="1:6" x14ac:dyDescent="0.2">
      <c r="A2142" s="239">
        <f>'CPT Data'!B2150</f>
        <v>21.504999999999999</v>
      </c>
      <c r="B2142" s="3">
        <f>'CPT Data'!C2150</f>
        <v>21.497999999999998</v>
      </c>
      <c r="C2142" t="str">
        <f>'CPT Data'!P2150</f>
        <v>SAND</v>
      </c>
      <c r="D2142" t="e">
        <f>'CPT Data'!Q2150</f>
        <v>#N/A</v>
      </c>
      <c r="E2142" t="e">
        <f t="shared" si="34"/>
        <v>#N/A</v>
      </c>
      <c r="F2142" t="str">
        <f>IF(C2142="CLAY", INDEX(D$4:D2142, MATCH("CLAY", C$4:C2142, 0)), "")</f>
        <v/>
      </c>
    </row>
    <row r="2143" spans="1:6" x14ac:dyDescent="0.2">
      <c r="A2143" s="239">
        <f>'CPT Data'!B2151</f>
        <v>21.515000000000001</v>
      </c>
      <c r="B2143" s="3">
        <f>'CPT Data'!C2151</f>
        <v>21.507999999999999</v>
      </c>
      <c r="C2143" t="str">
        <f>'CPT Data'!P2151</f>
        <v>SAND</v>
      </c>
      <c r="D2143" t="e">
        <f>'CPT Data'!Q2151</f>
        <v>#N/A</v>
      </c>
      <c r="E2143" t="e">
        <f t="shared" si="34"/>
        <v>#N/A</v>
      </c>
      <c r="F2143" t="str">
        <f>IF(C2143="CLAY", INDEX(D$4:D2143, MATCH("CLAY", C$4:C2143, 0)), "")</f>
        <v/>
      </c>
    </row>
    <row r="2144" spans="1:6" x14ac:dyDescent="0.2">
      <c r="A2144" s="239">
        <f>'CPT Data'!B2152</f>
        <v>21.524000000000001</v>
      </c>
      <c r="B2144" s="3">
        <f>'CPT Data'!C2152</f>
        <v>21.516999999999999</v>
      </c>
      <c r="C2144" t="str">
        <f>'CPT Data'!P2152</f>
        <v>SAND</v>
      </c>
      <c r="D2144" t="e">
        <f>'CPT Data'!Q2152</f>
        <v>#N/A</v>
      </c>
      <c r="E2144" t="e">
        <f t="shared" si="34"/>
        <v>#N/A</v>
      </c>
      <c r="F2144" t="str">
        <f>IF(C2144="CLAY", INDEX(D$4:D2144, MATCH("CLAY", C$4:C2144, 0)), "")</f>
        <v/>
      </c>
    </row>
    <row r="2145" spans="1:6" x14ac:dyDescent="0.2">
      <c r="A2145" s="239">
        <f>'CPT Data'!B2153</f>
        <v>21.533999999999999</v>
      </c>
      <c r="B2145" s="3">
        <f>'CPT Data'!C2153</f>
        <v>21.526999999999997</v>
      </c>
      <c r="C2145" t="str">
        <f>'CPT Data'!P2153</f>
        <v>SAND</v>
      </c>
      <c r="D2145" t="e">
        <f>'CPT Data'!Q2153</f>
        <v>#N/A</v>
      </c>
      <c r="E2145" t="e">
        <f t="shared" si="34"/>
        <v>#N/A</v>
      </c>
      <c r="F2145" t="str">
        <f>IF(C2145="CLAY", INDEX(D$4:D2145, MATCH("CLAY", C$4:C2145, 0)), "")</f>
        <v/>
      </c>
    </row>
    <row r="2146" spans="1:6" x14ac:dyDescent="0.2">
      <c r="A2146" s="239">
        <f>'CPT Data'!B2154</f>
        <v>21.544</v>
      </c>
      <c r="B2146" s="3">
        <f>'CPT Data'!C2154</f>
        <v>21.536999999999999</v>
      </c>
      <c r="C2146" t="str">
        <f>'CPT Data'!P2154</f>
        <v>SAND</v>
      </c>
      <c r="D2146" t="e">
        <f>'CPT Data'!Q2154</f>
        <v>#N/A</v>
      </c>
      <c r="E2146" t="e">
        <f t="shared" si="34"/>
        <v>#N/A</v>
      </c>
      <c r="F2146" t="str">
        <f>IF(C2146="CLAY", INDEX(D$4:D2146, MATCH("CLAY", C$4:C2146, 0)), "")</f>
        <v/>
      </c>
    </row>
    <row r="2147" spans="1:6" x14ac:dyDescent="0.2">
      <c r="A2147" s="239">
        <f>'CPT Data'!B2155</f>
        <v>21.553000000000001</v>
      </c>
      <c r="B2147" s="3">
        <f>'CPT Data'!C2155</f>
        <v>21.545999999999999</v>
      </c>
      <c r="C2147" t="str">
        <f>'CPT Data'!P2155</f>
        <v>SAND</v>
      </c>
      <c r="D2147" t="e">
        <f>'CPT Data'!Q2155</f>
        <v>#N/A</v>
      </c>
      <c r="E2147" t="e">
        <f t="shared" si="34"/>
        <v>#N/A</v>
      </c>
      <c r="F2147" t="str">
        <f>IF(C2147="CLAY", INDEX(D$4:D2147, MATCH("CLAY", C$4:C2147, 0)), "")</f>
        <v/>
      </c>
    </row>
    <row r="2148" spans="1:6" x14ac:dyDescent="0.2">
      <c r="A2148" s="239">
        <f>'CPT Data'!B2156</f>
        <v>21.562999999999999</v>
      </c>
      <c r="B2148" s="3">
        <f>'CPT Data'!C2156</f>
        <v>21.555999999999997</v>
      </c>
      <c r="C2148" t="str">
        <f>'CPT Data'!P2156</f>
        <v>SAND</v>
      </c>
      <c r="D2148" t="e">
        <f>'CPT Data'!Q2156</f>
        <v>#N/A</v>
      </c>
      <c r="E2148" t="e">
        <f t="shared" si="34"/>
        <v>#N/A</v>
      </c>
      <c r="F2148" t="str">
        <f>IF(C2148="CLAY", INDEX(D$4:D2148, MATCH("CLAY", C$4:C2148, 0)), "")</f>
        <v/>
      </c>
    </row>
    <row r="2149" spans="1:6" x14ac:dyDescent="0.2">
      <c r="A2149" s="239">
        <f>'CPT Data'!B2157</f>
        <v>21.573</v>
      </c>
      <c r="B2149" s="3">
        <f>'CPT Data'!C2157</f>
        <v>21.565999999999999</v>
      </c>
      <c r="C2149" t="str">
        <f>'CPT Data'!P2157</f>
        <v>SAND</v>
      </c>
      <c r="D2149" t="e">
        <f>'CPT Data'!Q2157</f>
        <v>#N/A</v>
      </c>
      <c r="E2149" t="e">
        <f t="shared" si="34"/>
        <v>#N/A</v>
      </c>
      <c r="F2149" t="str">
        <f>IF(C2149="CLAY", INDEX(D$4:D2149, MATCH("CLAY", C$4:C2149, 0)), "")</f>
        <v/>
      </c>
    </row>
    <row r="2150" spans="1:6" x14ac:dyDescent="0.2">
      <c r="A2150" s="239">
        <f>'CPT Data'!B2158</f>
        <v>21.582000000000001</v>
      </c>
      <c r="B2150" s="3">
        <f>'CPT Data'!C2158</f>
        <v>21.574999999999999</v>
      </c>
      <c r="C2150" t="str">
        <f>'CPT Data'!P2158</f>
        <v>SAND</v>
      </c>
      <c r="D2150" t="e">
        <f>'CPT Data'!Q2158</f>
        <v>#N/A</v>
      </c>
      <c r="E2150" t="e">
        <f t="shared" si="34"/>
        <v>#N/A</v>
      </c>
      <c r="F2150" t="str">
        <f>IF(C2150="CLAY", INDEX(D$4:D2150, MATCH("CLAY", C$4:C2150, 0)), "")</f>
        <v/>
      </c>
    </row>
    <row r="2151" spans="1:6" x14ac:dyDescent="0.2">
      <c r="A2151" s="239">
        <f>'CPT Data'!B2159</f>
        <v>21.593</v>
      </c>
      <c r="B2151" s="3">
        <f>'CPT Data'!C2159</f>
        <v>21.585999999999999</v>
      </c>
      <c r="C2151" t="str">
        <f>'CPT Data'!P2159</f>
        <v>SAND</v>
      </c>
      <c r="D2151" t="e">
        <f>'CPT Data'!Q2159</f>
        <v>#N/A</v>
      </c>
      <c r="E2151" t="e">
        <f t="shared" si="34"/>
        <v>#N/A</v>
      </c>
      <c r="F2151" t="str">
        <f>IF(C2151="CLAY", INDEX(D$4:D2151, MATCH("CLAY", C$4:C2151, 0)), "")</f>
        <v/>
      </c>
    </row>
    <row r="2152" spans="1:6" x14ac:dyDescent="0.2">
      <c r="A2152" s="239">
        <f>'CPT Data'!B2160</f>
        <v>21.603000000000002</v>
      </c>
      <c r="B2152" s="3">
        <f>'CPT Data'!C2160</f>
        <v>21.596</v>
      </c>
      <c r="C2152" t="str">
        <f>'CPT Data'!P2160</f>
        <v>SAND</v>
      </c>
      <c r="D2152" t="e">
        <f>'CPT Data'!Q2160</f>
        <v>#N/A</v>
      </c>
      <c r="E2152" t="e">
        <f t="shared" si="34"/>
        <v>#N/A</v>
      </c>
      <c r="F2152" t="str">
        <f>IF(C2152="CLAY", INDEX(D$4:D2152, MATCH("CLAY", C$4:C2152, 0)), "")</f>
        <v/>
      </c>
    </row>
    <row r="2153" spans="1:6" x14ac:dyDescent="0.2">
      <c r="A2153" s="239">
        <f>'CPT Data'!B2161</f>
        <v>21.611999999999998</v>
      </c>
      <c r="B2153" s="3">
        <f>'CPT Data'!C2161</f>
        <v>21.604999999999997</v>
      </c>
      <c r="C2153" t="str">
        <f>'CPT Data'!P2161</f>
        <v>SAND</v>
      </c>
      <c r="D2153" t="e">
        <f>'CPT Data'!Q2161</f>
        <v>#N/A</v>
      </c>
      <c r="E2153" t="e">
        <f t="shared" si="34"/>
        <v>#N/A</v>
      </c>
      <c r="F2153" t="str">
        <f>IF(C2153="CLAY", INDEX(D$4:D2153, MATCH("CLAY", C$4:C2153, 0)), "")</f>
        <v/>
      </c>
    </row>
    <row r="2154" spans="1:6" x14ac:dyDescent="0.2">
      <c r="A2154" s="239">
        <f>'CPT Data'!B2162</f>
        <v>21.622</v>
      </c>
      <c r="B2154" s="3">
        <f>'CPT Data'!C2162</f>
        <v>21.614999999999998</v>
      </c>
      <c r="C2154" t="str">
        <f>'CPT Data'!P2162</f>
        <v>SAND</v>
      </c>
      <c r="D2154" t="e">
        <f>'CPT Data'!Q2162</f>
        <v>#N/A</v>
      </c>
      <c r="E2154" t="e">
        <f t="shared" si="34"/>
        <v>#N/A</v>
      </c>
      <c r="F2154" t="str">
        <f>IF(C2154="CLAY", INDEX(D$4:D2154, MATCH("CLAY", C$4:C2154, 0)), "")</f>
        <v/>
      </c>
    </row>
    <row r="2155" spans="1:6" x14ac:dyDescent="0.2">
      <c r="A2155" s="239">
        <f>'CPT Data'!B2163</f>
        <v>21.632000000000001</v>
      </c>
      <c r="B2155" s="3">
        <f>'CPT Data'!C2163</f>
        <v>21.625</v>
      </c>
      <c r="C2155" t="str">
        <f>'CPT Data'!P2163</f>
        <v>SAND</v>
      </c>
      <c r="D2155" t="e">
        <f>'CPT Data'!Q2163</f>
        <v>#N/A</v>
      </c>
      <c r="E2155" t="e">
        <f t="shared" si="34"/>
        <v>#N/A</v>
      </c>
      <c r="F2155" t="str">
        <f>IF(C2155="CLAY", INDEX(D$4:D2155, MATCH("CLAY", C$4:C2155, 0)), "")</f>
        <v/>
      </c>
    </row>
    <row r="2156" spans="1:6" x14ac:dyDescent="0.2">
      <c r="A2156" s="239">
        <f>'CPT Data'!B2164</f>
        <v>21.641999999999999</v>
      </c>
      <c r="B2156" s="3">
        <f>'CPT Data'!C2164</f>
        <v>21.634999999999998</v>
      </c>
      <c r="C2156" t="str">
        <f>'CPT Data'!P2164</f>
        <v>SAND</v>
      </c>
      <c r="D2156" t="e">
        <f>'CPT Data'!Q2164</f>
        <v>#N/A</v>
      </c>
      <c r="E2156" t="e">
        <f t="shared" si="34"/>
        <v>#N/A</v>
      </c>
      <c r="F2156" t="str">
        <f>IF(C2156="CLAY", INDEX(D$4:D2156, MATCH("CLAY", C$4:C2156, 0)), "")</f>
        <v/>
      </c>
    </row>
    <row r="2157" spans="1:6" x14ac:dyDescent="0.2">
      <c r="A2157" s="239">
        <f>'CPT Data'!B2165</f>
        <v>21.651</v>
      </c>
      <c r="B2157" s="3">
        <f>'CPT Data'!C2165</f>
        <v>21.643999999999998</v>
      </c>
      <c r="C2157" t="str">
        <f>'CPT Data'!P2165</f>
        <v>SAND</v>
      </c>
      <c r="D2157" t="e">
        <f>'CPT Data'!Q2165</f>
        <v>#N/A</v>
      </c>
      <c r="E2157" t="e">
        <f t="shared" si="34"/>
        <v>#N/A</v>
      </c>
      <c r="F2157" t="str">
        <f>IF(C2157="CLAY", INDEX(D$4:D2157, MATCH("CLAY", C$4:C2157, 0)), "")</f>
        <v/>
      </c>
    </row>
    <row r="2158" spans="1:6" x14ac:dyDescent="0.2">
      <c r="A2158" s="239">
        <f>'CPT Data'!B2166</f>
        <v>21.661999999999999</v>
      </c>
      <c r="B2158" s="3">
        <f>'CPT Data'!C2166</f>
        <v>21.654999999999998</v>
      </c>
      <c r="C2158" t="str">
        <f>'CPT Data'!P2166</f>
        <v>SAND</v>
      </c>
      <c r="D2158" t="e">
        <f>'CPT Data'!Q2166</f>
        <v>#N/A</v>
      </c>
      <c r="E2158" t="e">
        <f t="shared" si="34"/>
        <v>#N/A</v>
      </c>
      <c r="F2158" t="str">
        <f>IF(C2158="CLAY", INDEX(D$4:D2158, MATCH("CLAY", C$4:C2158, 0)), "")</f>
        <v/>
      </c>
    </row>
    <row r="2159" spans="1:6" x14ac:dyDescent="0.2">
      <c r="A2159" s="239">
        <f>'CPT Data'!B2167</f>
        <v>21.672000000000001</v>
      </c>
      <c r="B2159" s="3">
        <f>'CPT Data'!C2167</f>
        <v>21.664999999999999</v>
      </c>
      <c r="C2159" t="str">
        <f>'CPT Data'!P2167</f>
        <v>SAND</v>
      </c>
      <c r="D2159" t="e">
        <f>'CPT Data'!Q2167</f>
        <v>#N/A</v>
      </c>
      <c r="E2159" t="e">
        <f t="shared" si="34"/>
        <v>#N/A</v>
      </c>
      <c r="F2159" t="str">
        <f>IF(C2159="CLAY", INDEX(D$4:D2159, MATCH("CLAY", C$4:C2159, 0)), "")</f>
        <v/>
      </c>
    </row>
    <row r="2160" spans="1:6" x14ac:dyDescent="0.2">
      <c r="A2160" s="239">
        <f>'CPT Data'!B2168</f>
        <v>21.681000000000001</v>
      </c>
      <c r="B2160" s="3">
        <f>'CPT Data'!C2168</f>
        <v>21.673999999999999</v>
      </c>
      <c r="C2160" t="str">
        <f>'CPT Data'!P2168</f>
        <v>SAND</v>
      </c>
      <c r="D2160" t="e">
        <f>'CPT Data'!Q2168</f>
        <v>#N/A</v>
      </c>
      <c r="E2160" t="e">
        <f t="shared" si="34"/>
        <v>#N/A</v>
      </c>
      <c r="F2160" t="str">
        <f>IF(C2160="CLAY", INDEX(D$4:D2160, MATCH("CLAY", C$4:C2160, 0)), "")</f>
        <v/>
      </c>
    </row>
    <row r="2161" spans="1:6" x14ac:dyDescent="0.2">
      <c r="A2161" s="239">
        <f>'CPT Data'!B2169</f>
        <v>21.692</v>
      </c>
      <c r="B2161" s="3">
        <f>'CPT Data'!C2169</f>
        <v>21.684999999999999</v>
      </c>
      <c r="C2161" t="str">
        <f>'CPT Data'!P2169</f>
        <v>SAND</v>
      </c>
      <c r="D2161" t="e">
        <f>'CPT Data'!Q2169</f>
        <v>#N/A</v>
      </c>
      <c r="E2161" t="e">
        <f t="shared" si="34"/>
        <v>#N/A</v>
      </c>
      <c r="F2161" t="str">
        <f>IF(C2161="CLAY", INDEX(D$4:D2161, MATCH("CLAY", C$4:C2161, 0)), "")</f>
        <v/>
      </c>
    </row>
    <row r="2162" spans="1:6" x14ac:dyDescent="0.2">
      <c r="A2162" s="239">
        <f>'CPT Data'!B2170</f>
        <v>21.701000000000001</v>
      </c>
      <c r="B2162" s="3">
        <f>'CPT Data'!C2170</f>
        <v>21.693999999999999</v>
      </c>
      <c r="C2162" t="str">
        <f>'CPT Data'!P2170</f>
        <v>SAND</v>
      </c>
      <c r="D2162" t="e">
        <f>'CPT Data'!Q2170</f>
        <v>#N/A</v>
      </c>
      <c r="E2162" t="e">
        <f t="shared" si="34"/>
        <v>#N/A</v>
      </c>
      <c r="F2162" t="str">
        <f>IF(C2162="CLAY", INDEX(D$4:D2162, MATCH("CLAY", C$4:C2162, 0)), "")</f>
        <v/>
      </c>
    </row>
    <row r="2163" spans="1:6" x14ac:dyDescent="0.2">
      <c r="A2163" s="239">
        <f>'CPT Data'!B2171</f>
        <v>21.71</v>
      </c>
      <c r="B2163" s="3">
        <f>'CPT Data'!C2171</f>
        <v>21.702999999999999</v>
      </c>
      <c r="C2163" t="str">
        <f>'CPT Data'!P2171</f>
        <v>SAND</v>
      </c>
      <c r="D2163" t="e">
        <f>'CPT Data'!Q2171</f>
        <v>#N/A</v>
      </c>
      <c r="E2163" t="e">
        <f t="shared" si="34"/>
        <v>#N/A</v>
      </c>
      <c r="F2163" t="str">
        <f>IF(C2163="CLAY", INDEX(D$4:D2163, MATCH("CLAY", C$4:C2163, 0)), "")</f>
        <v/>
      </c>
    </row>
    <row r="2164" spans="1:6" x14ac:dyDescent="0.2">
      <c r="A2164" s="239">
        <f>'CPT Data'!B2172</f>
        <v>21.72</v>
      </c>
      <c r="B2164" s="3">
        <f>'CPT Data'!C2172</f>
        <v>21.712999999999997</v>
      </c>
      <c r="C2164" t="str">
        <f>'CPT Data'!P2172</f>
        <v>SAND</v>
      </c>
      <c r="D2164" t="e">
        <f>'CPT Data'!Q2172</f>
        <v>#N/A</v>
      </c>
      <c r="E2164" t="e">
        <f t="shared" si="34"/>
        <v>#N/A</v>
      </c>
      <c r="F2164" t="str">
        <f>IF(C2164="CLAY", INDEX(D$4:D2164, MATCH("CLAY", C$4:C2164, 0)), "")</f>
        <v/>
      </c>
    </row>
    <row r="2165" spans="1:6" x14ac:dyDescent="0.2">
      <c r="A2165" s="239">
        <f>'CPT Data'!B2173</f>
        <v>21.728999999999999</v>
      </c>
      <c r="B2165" s="3">
        <f>'CPT Data'!C2173</f>
        <v>21.721999999999998</v>
      </c>
      <c r="C2165" t="str">
        <f>'CPT Data'!P2173</f>
        <v>SAND</v>
      </c>
      <c r="D2165" t="e">
        <f>'CPT Data'!Q2173</f>
        <v>#N/A</v>
      </c>
      <c r="E2165" t="e">
        <f t="shared" si="34"/>
        <v>#N/A</v>
      </c>
      <c r="F2165" t="str">
        <f>IF(C2165="CLAY", INDEX(D$4:D2165, MATCH("CLAY", C$4:C2165, 0)), "")</f>
        <v/>
      </c>
    </row>
    <row r="2166" spans="1:6" x14ac:dyDescent="0.2">
      <c r="A2166" s="239">
        <f>'CPT Data'!B2174</f>
        <v>21.74</v>
      </c>
      <c r="B2166" s="3">
        <f>'CPT Data'!C2174</f>
        <v>21.732999999999997</v>
      </c>
      <c r="C2166" t="str">
        <f>'CPT Data'!P2174</f>
        <v>SAND</v>
      </c>
      <c r="D2166" t="e">
        <f>'CPT Data'!Q2174</f>
        <v>#N/A</v>
      </c>
      <c r="E2166" t="e">
        <f t="shared" si="34"/>
        <v>#N/A</v>
      </c>
      <c r="F2166" t="str">
        <f>IF(C2166="CLAY", INDEX(D$4:D2166, MATCH("CLAY", C$4:C2166, 0)), "")</f>
        <v/>
      </c>
    </row>
    <row r="2167" spans="1:6" x14ac:dyDescent="0.2">
      <c r="A2167" s="239">
        <f>'CPT Data'!B2175</f>
        <v>21.748999999999999</v>
      </c>
      <c r="B2167" s="3">
        <f>'CPT Data'!C2175</f>
        <v>21.741999999999997</v>
      </c>
      <c r="C2167" t="str">
        <f>'CPT Data'!P2175</f>
        <v>SAND</v>
      </c>
      <c r="D2167" t="e">
        <f>'CPT Data'!Q2175</f>
        <v>#N/A</v>
      </c>
      <c r="E2167" t="e">
        <f t="shared" si="34"/>
        <v>#N/A</v>
      </c>
      <c r="F2167" t="str">
        <f>IF(C2167="CLAY", INDEX(D$4:D2167, MATCH("CLAY", C$4:C2167, 0)), "")</f>
        <v/>
      </c>
    </row>
    <row r="2168" spans="1:6" x14ac:dyDescent="0.2">
      <c r="A2168" s="239">
        <f>'CPT Data'!B2176</f>
        <v>21.759</v>
      </c>
      <c r="B2168" s="3">
        <f>'CPT Data'!C2176</f>
        <v>21.751999999999999</v>
      </c>
      <c r="C2168" t="str">
        <f>'CPT Data'!P2176</f>
        <v>SAND</v>
      </c>
      <c r="D2168" t="e">
        <f>'CPT Data'!Q2176</f>
        <v>#N/A</v>
      </c>
      <c r="E2168" t="e">
        <f t="shared" si="34"/>
        <v>#N/A</v>
      </c>
      <c r="F2168" t="str">
        <f>IF(C2168="CLAY", INDEX(D$4:D2168, MATCH("CLAY", C$4:C2168, 0)), "")</f>
        <v/>
      </c>
    </row>
    <row r="2169" spans="1:6" x14ac:dyDescent="0.2">
      <c r="A2169" s="239">
        <f>'CPT Data'!B2177</f>
        <v>21.768999999999998</v>
      </c>
      <c r="B2169" s="3">
        <f>'CPT Data'!C2177</f>
        <v>21.761999999999997</v>
      </c>
      <c r="C2169" t="str">
        <f>'CPT Data'!P2177</f>
        <v>SAND</v>
      </c>
      <c r="D2169" t="e">
        <f>'CPT Data'!Q2177</f>
        <v>#N/A</v>
      </c>
      <c r="E2169" t="e">
        <f t="shared" si="34"/>
        <v>#N/A</v>
      </c>
      <c r="F2169" t="str">
        <f>IF(C2169="CLAY", INDEX(D$4:D2169, MATCH("CLAY", C$4:C2169, 0)), "")</f>
        <v/>
      </c>
    </row>
    <row r="2170" spans="1:6" x14ac:dyDescent="0.2">
      <c r="A2170" s="239">
        <f>'CPT Data'!B2178</f>
        <v>21.779</v>
      </c>
      <c r="B2170" s="3">
        <f>'CPT Data'!C2178</f>
        <v>21.771999999999998</v>
      </c>
      <c r="C2170" t="str">
        <f>'CPT Data'!P2178</f>
        <v>SAND</v>
      </c>
      <c r="D2170" t="e">
        <f>'CPT Data'!Q2178</f>
        <v>#N/A</v>
      </c>
      <c r="E2170" t="e">
        <f t="shared" si="34"/>
        <v>#N/A</v>
      </c>
      <c r="F2170" t="str">
        <f>IF(C2170="CLAY", INDEX(D$4:D2170, MATCH("CLAY", C$4:C2170, 0)), "")</f>
        <v/>
      </c>
    </row>
    <row r="2171" spans="1:6" x14ac:dyDescent="0.2">
      <c r="A2171" s="239">
        <f>'CPT Data'!B2179</f>
        <v>21.789000000000001</v>
      </c>
      <c r="B2171" s="3">
        <f>'CPT Data'!C2179</f>
        <v>21.782</v>
      </c>
      <c r="C2171" t="str">
        <f>'CPT Data'!P2179</f>
        <v>SAND</v>
      </c>
      <c r="D2171" t="e">
        <f>'CPT Data'!Q2179</f>
        <v>#N/A</v>
      </c>
      <c r="E2171" t="e">
        <f t="shared" si="34"/>
        <v>#N/A</v>
      </c>
      <c r="F2171" t="str">
        <f>IF(C2171="CLAY", INDEX(D$4:D2171, MATCH("CLAY", C$4:C2171, 0)), "")</f>
        <v/>
      </c>
    </row>
    <row r="2172" spans="1:6" x14ac:dyDescent="0.2">
      <c r="A2172" s="239">
        <f>'CPT Data'!B2180</f>
        <v>21.797999999999998</v>
      </c>
      <c r="B2172" s="3">
        <f>'CPT Data'!C2180</f>
        <v>21.790999999999997</v>
      </c>
      <c r="C2172" t="str">
        <f>'CPT Data'!P2180</f>
        <v>SAND</v>
      </c>
      <c r="D2172" t="e">
        <f>'CPT Data'!Q2180</f>
        <v>#N/A</v>
      </c>
      <c r="E2172" t="e">
        <f t="shared" si="34"/>
        <v>#N/A</v>
      </c>
      <c r="F2172" t="str">
        <f>IF(C2172="CLAY", INDEX(D$4:D2172, MATCH("CLAY", C$4:C2172, 0)), "")</f>
        <v/>
      </c>
    </row>
    <row r="2173" spans="1:6" x14ac:dyDescent="0.2">
      <c r="A2173" s="239">
        <f>'CPT Data'!B2181</f>
        <v>21.809000000000001</v>
      </c>
      <c r="B2173" s="3">
        <f>'CPT Data'!C2181</f>
        <v>21.802</v>
      </c>
      <c r="C2173" t="str">
        <f>'CPT Data'!P2181</f>
        <v>SAND</v>
      </c>
      <c r="D2173" t="e">
        <f>'CPT Data'!Q2181</f>
        <v>#N/A</v>
      </c>
      <c r="E2173" t="e">
        <f t="shared" si="34"/>
        <v>#N/A</v>
      </c>
      <c r="F2173" t="str">
        <f>IF(C2173="CLAY", INDEX(D$4:D2173, MATCH("CLAY", C$4:C2173, 0)), "")</f>
        <v/>
      </c>
    </row>
    <row r="2174" spans="1:6" x14ac:dyDescent="0.2">
      <c r="A2174" s="239">
        <f>'CPT Data'!B2182</f>
        <v>21.818000000000001</v>
      </c>
      <c r="B2174" s="3">
        <f>'CPT Data'!C2182</f>
        <v>21.811</v>
      </c>
      <c r="C2174" t="str">
        <f>'CPT Data'!P2182</f>
        <v>SAND</v>
      </c>
      <c r="D2174" t="e">
        <f>'CPT Data'!Q2182</f>
        <v>#N/A</v>
      </c>
      <c r="E2174" t="e">
        <f t="shared" si="34"/>
        <v>#N/A</v>
      </c>
      <c r="F2174" t="str">
        <f>IF(C2174="CLAY", INDEX(D$4:D2174, MATCH("CLAY", C$4:C2174, 0)), "")</f>
        <v/>
      </c>
    </row>
    <row r="2175" spans="1:6" x14ac:dyDescent="0.2">
      <c r="A2175" s="239">
        <f>'CPT Data'!B2183</f>
        <v>21.827999999999999</v>
      </c>
      <c r="B2175" s="3">
        <f>'CPT Data'!C2183</f>
        <v>21.820999999999998</v>
      </c>
      <c r="C2175" t="str">
        <f>'CPT Data'!P2183</f>
        <v>SAND</v>
      </c>
      <c r="D2175" t="e">
        <f>'CPT Data'!Q2183</f>
        <v>#N/A</v>
      </c>
      <c r="E2175" t="e">
        <f t="shared" si="34"/>
        <v>#N/A</v>
      </c>
      <c r="F2175" t="str">
        <f>IF(C2175="CLAY", INDEX(D$4:D2175, MATCH("CLAY", C$4:C2175, 0)), "")</f>
        <v/>
      </c>
    </row>
    <row r="2176" spans="1:6" x14ac:dyDescent="0.2">
      <c r="A2176" s="239">
        <f>'CPT Data'!B2184</f>
        <v>21.838000000000001</v>
      </c>
      <c r="B2176" s="3">
        <f>'CPT Data'!C2184</f>
        <v>21.831</v>
      </c>
      <c r="C2176" t="str">
        <f>'CPT Data'!P2184</f>
        <v>SAND</v>
      </c>
      <c r="D2176" t="e">
        <f>'CPT Data'!Q2184</f>
        <v>#N/A</v>
      </c>
      <c r="E2176" t="e">
        <f t="shared" si="34"/>
        <v>#N/A</v>
      </c>
      <c r="F2176" t="str">
        <f>IF(C2176="CLAY", INDEX(D$4:D2176, MATCH("CLAY", C$4:C2176, 0)), "")</f>
        <v/>
      </c>
    </row>
    <row r="2177" spans="1:6" x14ac:dyDescent="0.2">
      <c r="A2177" s="239">
        <f>'CPT Data'!B2185</f>
        <v>21.847999999999999</v>
      </c>
      <c r="B2177" s="3">
        <f>'CPT Data'!C2185</f>
        <v>21.840999999999998</v>
      </c>
      <c r="C2177" t="str">
        <f>'CPT Data'!P2185</f>
        <v>SAND</v>
      </c>
      <c r="D2177" t="e">
        <f>'CPT Data'!Q2185</f>
        <v>#N/A</v>
      </c>
      <c r="E2177" t="e">
        <f t="shared" si="34"/>
        <v>#N/A</v>
      </c>
      <c r="F2177" t="str">
        <f>IF(C2177="CLAY", INDEX(D$4:D2177, MATCH("CLAY", C$4:C2177, 0)), "")</f>
        <v/>
      </c>
    </row>
    <row r="2178" spans="1:6" x14ac:dyDescent="0.2">
      <c r="A2178" s="239">
        <f>'CPT Data'!B2186</f>
        <v>21.856999999999999</v>
      </c>
      <c r="B2178" s="3">
        <f>'CPT Data'!C2186</f>
        <v>21.849999999999998</v>
      </c>
      <c r="C2178" t="str">
        <f>'CPT Data'!P2186</f>
        <v>SAND</v>
      </c>
      <c r="D2178" t="e">
        <f>'CPT Data'!Q2186</f>
        <v>#N/A</v>
      </c>
      <c r="E2178" t="e">
        <f t="shared" si="34"/>
        <v>#N/A</v>
      </c>
      <c r="F2178" t="str">
        <f>IF(C2178="CLAY", INDEX(D$4:D2178, MATCH("CLAY", C$4:C2178, 0)), "")</f>
        <v/>
      </c>
    </row>
    <row r="2179" spans="1:6" x14ac:dyDescent="0.2">
      <c r="A2179" s="239">
        <f>'CPT Data'!B2187</f>
        <v>21.867999999999999</v>
      </c>
      <c r="B2179" s="3">
        <f>'CPT Data'!C2187</f>
        <v>21.860999999999997</v>
      </c>
      <c r="C2179" t="str">
        <f>'CPT Data'!P2187</f>
        <v>SAND</v>
      </c>
      <c r="D2179" t="e">
        <f>'CPT Data'!Q2187</f>
        <v>#N/A</v>
      </c>
      <c r="E2179" t="e">
        <f t="shared" si="34"/>
        <v>#N/A</v>
      </c>
      <c r="F2179" t="str">
        <f>IF(C2179="CLAY", INDEX(D$4:D2179, MATCH("CLAY", C$4:C2179, 0)), "")</f>
        <v/>
      </c>
    </row>
    <row r="2180" spans="1:6" x14ac:dyDescent="0.2">
      <c r="A2180" s="239">
        <f>'CPT Data'!B2188</f>
        <v>21.878</v>
      </c>
      <c r="B2180" s="3">
        <f>'CPT Data'!C2188</f>
        <v>21.870999999999999</v>
      </c>
      <c r="C2180" t="str">
        <f>'CPT Data'!P2188</f>
        <v>SAND</v>
      </c>
      <c r="D2180" t="e">
        <f>'CPT Data'!Q2188</f>
        <v>#N/A</v>
      </c>
      <c r="E2180" t="e">
        <f t="shared" si="34"/>
        <v>#N/A</v>
      </c>
      <c r="F2180" t="str">
        <f>IF(C2180="CLAY", INDEX(D$4:D2180, MATCH("CLAY", C$4:C2180, 0)), "")</f>
        <v/>
      </c>
    </row>
    <row r="2181" spans="1:6" x14ac:dyDescent="0.2">
      <c r="A2181" s="239">
        <f>'CPT Data'!B2189</f>
        <v>21.888000000000002</v>
      </c>
      <c r="B2181" s="3">
        <f>'CPT Data'!C2189</f>
        <v>21.881</v>
      </c>
      <c r="C2181" t="str">
        <f>'CPT Data'!P2189</f>
        <v>SAND</v>
      </c>
      <c r="D2181" t="e">
        <f>'CPT Data'!Q2189</f>
        <v>#N/A</v>
      </c>
      <c r="E2181" t="e">
        <f t="shared" si="34"/>
        <v>#N/A</v>
      </c>
      <c r="F2181" t="str">
        <f>IF(C2181="CLAY", INDEX(D$4:D2181, MATCH("CLAY", C$4:C2181, 0)), "")</f>
        <v/>
      </c>
    </row>
    <row r="2182" spans="1:6" x14ac:dyDescent="0.2">
      <c r="A2182" s="239">
        <f>'CPT Data'!B2190</f>
        <v>21.896999999999998</v>
      </c>
      <c r="B2182" s="3">
        <f>'CPT Data'!C2190</f>
        <v>21.889999999999997</v>
      </c>
      <c r="C2182" t="str">
        <f>'CPT Data'!P2190</f>
        <v>SAND</v>
      </c>
      <c r="D2182" t="e">
        <f>'CPT Data'!Q2190</f>
        <v>#N/A</v>
      </c>
      <c r="E2182" t="e">
        <f t="shared" si="34"/>
        <v>#N/A</v>
      </c>
      <c r="F2182" t="str">
        <f>IF(C2182="CLAY", INDEX(D$4:D2182, MATCH("CLAY", C$4:C2182, 0)), "")</f>
        <v/>
      </c>
    </row>
    <row r="2183" spans="1:6" x14ac:dyDescent="0.2">
      <c r="A2183" s="239">
        <f>'CPT Data'!B2191</f>
        <v>21.907</v>
      </c>
      <c r="B2183" s="3">
        <f>'CPT Data'!C2191</f>
        <v>21.9</v>
      </c>
      <c r="C2183" t="str">
        <f>'CPT Data'!P2191</f>
        <v>SAND</v>
      </c>
      <c r="D2183" t="e">
        <f>'CPT Data'!Q2191</f>
        <v>#N/A</v>
      </c>
      <c r="E2183" t="e">
        <f t="shared" si="34"/>
        <v>#N/A</v>
      </c>
      <c r="F2183" t="str">
        <f>IF(C2183="CLAY", INDEX(D$4:D2183, MATCH("CLAY", C$4:C2183, 0)), "")</f>
        <v/>
      </c>
    </row>
    <row r="2184" spans="1:6" x14ac:dyDescent="0.2">
      <c r="A2184" s="239">
        <f>'CPT Data'!B2192</f>
        <v>21.916</v>
      </c>
      <c r="B2184" s="3">
        <f>'CPT Data'!C2192</f>
        <v>21.908999999999999</v>
      </c>
      <c r="C2184" t="str">
        <f>'CPT Data'!P2192</f>
        <v>SAND</v>
      </c>
      <c r="D2184" t="e">
        <f>'CPT Data'!Q2192</f>
        <v>#N/A</v>
      </c>
      <c r="E2184" t="e">
        <f t="shared" si="34"/>
        <v>#N/A</v>
      </c>
      <c r="F2184" t="str">
        <f>IF(C2184="CLAY", INDEX(D$4:D2184, MATCH("CLAY", C$4:C2184, 0)), "")</f>
        <v/>
      </c>
    </row>
    <row r="2185" spans="1:6" x14ac:dyDescent="0.2">
      <c r="A2185" s="239">
        <f>'CPT Data'!B2193</f>
        <v>21.925999999999998</v>
      </c>
      <c r="B2185" s="3">
        <f>'CPT Data'!C2193</f>
        <v>21.918999999999997</v>
      </c>
      <c r="C2185" t="str">
        <f>'CPT Data'!P2193</f>
        <v>SAND</v>
      </c>
      <c r="D2185" t="e">
        <f>'CPT Data'!Q2193</f>
        <v>#N/A</v>
      </c>
      <c r="E2185" t="e">
        <f t="shared" si="34"/>
        <v>#N/A</v>
      </c>
      <c r="F2185" t="str">
        <f>IF(C2185="CLAY", INDEX(D$4:D2185, MATCH("CLAY", C$4:C2185, 0)), "")</f>
        <v/>
      </c>
    </row>
    <row r="2186" spans="1:6" x14ac:dyDescent="0.2">
      <c r="A2186" s="239">
        <f>'CPT Data'!B2194</f>
        <v>21.937000000000001</v>
      </c>
      <c r="B2186" s="3">
        <f>'CPT Data'!C2194</f>
        <v>21.93</v>
      </c>
      <c r="C2186" t="str">
        <f>'CPT Data'!P2194</f>
        <v>SAND</v>
      </c>
      <c r="D2186" t="e">
        <f>'CPT Data'!Q2194</f>
        <v>#N/A</v>
      </c>
      <c r="E2186" t="e">
        <f t="shared" si="34"/>
        <v>#N/A</v>
      </c>
      <c r="F2186" t="str">
        <f>IF(C2186="CLAY", INDEX(D$4:D2186, MATCH("CLAY", C$4:C2186, 0)), "")</f>
        <v/>
      </c>
    </row>
    <row r="2187" spans="1:6" x14ac:dyDescent="0.2">
      <c r="A2187" s="239">
        <f>'CPT Data'!B2195</f>
        <v>21.946000000000002</v>
      </c>
      <c r="B2187" s="3">
        <f>'CPT Data'!C2195</f>
        <v>21.939</v>
      </c>
      <c r="C2187" t="str">
        <f>'CPT Data'!P2195</f>
        <v>SAND</v>
      </c>
      <c r="D2187" t="e">
        <f>'CPT Data'!Q2195</f>
        <v>#N/A</v>
      </c>
      <c r="E2187" t="e">
        <f t="shared" si="34"/>
        <v>#N/A</v>
      </c>
      <c r="F2187" t="str">
        <f>IF(C2187="CLAY", INDEX(D$4:D2187, MATCH("CLAY", C$4:C2187, 0)), "")</f>
        <v/>
      </c>
    </row>
    <row r="2188" spans="1:6" x14ac:dyDescent="0.2">
      <c r="A2188" s="239">
        <f>'CPT Data'!B2196</f>
        <v>21.954999999999998</v>
      </c>
      <c r="B2188" s="3">
        <f>'CPT Data'!C2196</f>
        <v>21.947999999999997</v>
      </c>
      <c r="C2188" t="str">
        <f>'CPT Data'!P2196</f>
        <v>SAND</v>
      </c>
      <c r="D2188" t="e">
        <f>'CPT Data'!Q2196</f>
        <v>#N/A</v>
      </c>
      <c r="E2188" t="e">
        <f t="shared" si="34"/>
        <v>#N/A</v>
      </c>
      <c r="F2188" t="str">
        <f>IF(C2188="CLAY", INDEX(D$4:D2188, MATCH("CLAY", C$4:C2188, 0)), "")</f>
        <v/>
      </c>
    </row>
    <row r="2189" spans="1:6" x14ac:dyDescent="0.2">
      <c r="A2189" s="239">
        <f>'CPT Data'!B2197</f>
        <v>21.966000000000001</v>
      </c>
      <c r="B2189" s="3">
        <f>'CPT Data'!C2197</f>
        <v>21.959</v>
      </c>
      <c r="C2189" t="str">
        <f>'CPT Data'!P2197</f>
        <v>SAND</v>
      </c>
      <c r="D2189" t="e">
        <f>'CPT Data'!Q2197</f>
        <v>#N/A</v>
      </c>
      <c r="E2189" t="e">
        <f t="shared" si="34"/>
        <v>#N/A</v>
      </c>
      <c r="F2189" t="str">
        <f>IF(C2189="CLAY", INDEX(D$4:D2189, MATCH("CLAY", C$4:C2189, 0)), "")</f>
        <v/>
      </c>
    </row>
    <row r="2190" spans="1:6" x14ac:dyDescent="0.2">
      <c r="A2190" s="239">
        <f>'CPT Data'!B2198</f>
        <v>21.975000000000001</v>
      </c>
      <c r="B2190" s="3">
        <f>'CPT Data'!C2198</f>
        <v>21.968</v>
      </c>
      <c r="C2190" t="str">
        <f>'CPT Data'!P2198</f>
        <v>SAND</v>
      </c>
      <c r="D2190" t="e">
        <f>'CPT Data'!Q2198</f>
        <v>#N/A</v>
      </c>
      <c r="E2190" t="e">
        <f t="shared" si="34"/>
        <v>#N/A</v>
      </c>
      <c r="F2190" t="str">
        <f>IF(C2190="CLAY", INDEX(D$4:D2190, MATCH("CLAY", C$4:C2190, 0)), "")</f>
        <v/>
      </c>
    </row>
    <row r="2191" spans="1:6" x14ac:dyDescent="0.2">
      <c r="A2191" s="239">
        <f>'CPT Data'!B2199</f>
        <v>21.984999999999999</v>
      </c>
      <c r="B2191" s="3">
        <f>'CPT Data'!C2199</f>
        <v>21.977999999999998</v>
      </c>
      <c r="C2191" t="str">
        <f>'CPT Data'!P2199</f>
        <v>SAND</v>
      </c>
      <c r="D2191" t="e">
        <f>'CPT Data'!Q2199</f>
        <v>#N/A</v>
      </c>
      <c r="E2191" t="e">
        <f t="shared" si="34"/>
        <v>#N/A</v>
      </c>
      <c r="F2191" t="str">
        <f>IF(C2191="CLAY", INDEX(D$4:D2191, MATCH("CLAY", C$4:C2191, 0)), "")</f>
        <v/>
      </c>
    </row>
    <row r="2192" spans="1:6" x14ac:dyDescent="0.2">
      <c r="A2192" s="239">
        <f>'CPT Data'!B2200</f>
        <v>21.995999999999999</v>
      </c>
      <c r="B2192" s="3">
        <f>'CPT Data'!C2200</f>
        <v>21.988999999999997</v>
      </c>
      <c r="C2192" t="str">
        <f>'CPT Data'!P2200</f>
        <v>SAND</v>
      </c>
      <c r="D2192" t="e">
        <f>'CPT Data'!Q2200</f>
        <v>#N/A</v>
      </c>
      <c r="E2192" t="e">
        <f t="shared" si="34"/>
        <v>#N/A</v>
      </c>
      <c r="F2192" t="str">
        <f>IF(C2192="CLAY", INDEX(D$4:D2192, MATCH("CLAY", C$4:C2192, 0)), "")</f>
        <v/>
      </c>
    </row>
    <row r="2193" spans="1:6" x14ac:dyDescent="0.2">
      <c r="A2193" s="239">
        <f>'CPT Data'!B2201</f>
        <v>22.004999999999999</v>
      </c>
      <c r="B2193" s="3">
        <f>'CPT Data'!C2201</f>
        <v>21.997999999999998</v>
      </c>
      <c r="C2193" t="str">
        <f>'CPT Data'!P2201</f>
        <v>SAND</v>
      </c>
      <c r="D2193" t="e">
        <f>'CPT Data'!Q2201</f>
        <v>#N/A</v>
      </c>
      <c r="E2193" t="e">
        <f t="shared" si="34"/>
        <v>#N/A</v>
      </c>
      <c r="F2193" t="str">
        <f>IF(C2193="CLAY", INDEX(D$4:D2193, MATCH("CLAY", C$4:C2193, 0)), "")</f>
        <v/>
      </c>
    </row>
    <row r="2194" spans="1:6" x14ac:dyDescent="0.2">
      <c r="A2194" s="239">
        <f>'CPT Data'!B2202</f>
        <v>22.015000000000001</v>
      </c>
      <c r="B2194" s="3">
        <f>'CPT Data'!C2202</f>
        <v>22.007999999999999</v>
      </c>
      <c r="C2194" t="str">
        <f>'CPT Data'!P2202</f>
        <v>SAND</v>
      </c>
      <c r="D2194" t="e">
        <f>'CPT Data'!Q2202</f>
        <v>#N/A</v>
      </c>
      <c r="E2194" t="e">
        <f t="shared" si="34"/>
        <v>#N/A</v>
      </c>
      <c r="F2194" t="str">
        <f>IF(C2194="CLAY", INDEX(D$4:D2194, MATCH("CLAY", C$4:C2194, 0)), "")</f>
        <v/>
      </c>
    </row>
    <row r="2195" spans="1:6" x14ac:dyDescent="0.2">
      <c r="A2195" s="239">
        <f>'CPT Data'!B2203</f>
        <v>22.024999999999999</v>
      </c>
      <c r="B2195" s="3">
        <f>'CPT Data'!C2203</f>
        <v>22.017999999999997</v>
      </c>
      <c r="C2195" t="str">
        <f>'CPT Data'!P2203</f>
        <v>SAND</v>
      </c>
      <c r="D2195" t="e">
        <f>'CPT Data'!Q2203</f>
        <v>#N/A</v>
      </c>
      <c r="E2195" t="e">
        <f t="shared" si="34"/>
        <v>#N/A</v>
      </c>
      <c r="F2195" t="str">
        <f>IF(C2195="CLAY", INDEX(D$4:D2195, MATCH("CLAY", C$4:C2195, 0)), "")</f>
        <v/>
      </c>
    </row>
    <row r="2196" spans="1:6" x14ac:dyDescent="0.2">
      <c r="A2196" s="239">
        <f>'CPT Data'!B2204</f>
        <v>22.035</v>
      </c>
      <c r="B2196" s="3">
        <f>'CPT Data'!C2204</f>
        <v>22.027999999999999</v>
      </c>
      <c r="C2196" t="str">
        <f>'CPT Data'!P2204</f>
        <v>SAND</v>
      </c>
      <c r="D2196" t="e">
        <f>'CPT Data'!Q2204</f>
        <v>#N/A</v>
      </c>
      <c r="E2196" t="e">
        <f t="shared" si="34"/>
        <v>#N/A</v>
      </c>
      <c r="F2196" t="str">
        <f>IF(C2196="CLAY", INDEX(D$4:D2196, MATCH("CLAY", C$4:C2196, 0)), "")</f>
        <v/>
      </c>
    </row>
    <row r="2197" spans="1:6" x14ac:dyDescent="0.2">
      <c r="A2197" s="239">
        <f>'CPT Data'!B2205</f>
        <v>22.045000000000002</v>
      </c>
      <c r="B2197" s="3">
        <f>'CPT Data'!C2205</f>
        <v>22.038</v>
      </c>
      <c r="C2197" t="str">
        <f>'CPT Data'!P2205</f>
        <v>SAND</v>
      </c>
      <c r="D2197" t="e">
        <f>'CPT Data'!Q2205</f>
        <v>#N/A</v>
      </c>
      <c r="E2197" t="e">
        <f t="shared" si="34"/>
        <v>#N/A</v>
      </c>
      <c r="F2197" t="str">
        <f>IF(C2197="CLAY", INDEX(D$4:D2197, MATCH("CLAY", C$4:C2197, 0)), "")</f>
        <v/>
      </c>
    </row>
    <row r="2198" spans="1:6" x14ac:dyDescent="0.2">
      <c r="A2198" s="239">
        <f>'CPT Data'!B2206</f>
        <v>22.053999999999998</v>
      </c>
      <c r="B2198" s="3">
        <f>'CPT Data'!C2206</f>
        <v>22.046999999999997</v>
      </c>
      <c r="C2198" t="str">
        <f>'CPT Data'!P2206</f>
        <v>SAND</v>
      </c>
      <c r="D2198" t="e">
        <f>'CPT Data'!Q2206</f>
        <v>#N/A</v>
      </c>
      <c r="E2198" t="e">
        <f t="shared" si="34"/>
        <v>#N/A</v>
      </c>
      <c r="F2198" t="str">
        <f>IF(C2198="CLAY", INDEX(D$4:D2198, MATCH("CLAY", C$4:C2198, 0)), "")</f>
        <v/>
      </c>
    </row>
    <row r="2199" spans="1:6" x14ac:dyDescent="0.2">
      <c r="A2199" s="239">
        <f>'CPT Data'!B2207</f>
        <v>22.064</v>
      </c>
      <c r="B2199" s="3">
        <f>'CPT Data'!C2207</f>
        <v>22.056999999999999</v>
      </c>
      <c r="C2199" t="str">
        <f>'CPT Data'!P2207</f>
        <v>SAND</v>
      </c>
      <c r="D2199" t="e">
        <f>'CPT Data'!Q2207</f>
        <v>#N/A</v>
      </c>
      <c r="E2199" t="e">
        <f t="shared" si="34"/>
        <v>#N/A</v>
      </c>
      <c r="F2199" t="str">
        <f>IF(C2199="CLAY", INDEX(D$4:D2199, MATCH("CLAY", C$4:C2199, 0)), "")</f>
        <v/>
      </c>
    </row>
    <row r="2200" spans="1:6" x14ac:dyDescent="0.2">
      <c r="A2200" s="239">
        <f>'CPT Data'!B2208</f>
        <v>22.073</v>
      </c>
      <c r="B2200" s="3">
        <f>'CPT Data'!C2208</f>
        <v>22.065999999999999</v>
      </c>
      <c r="C2200" t="str">
        <f>'CPT Data'!P2208</f>
        <v>SAND</v>
      </c>
      <c r="D2200" t="e">
        <f>'CPT Data'!Q2208</f>
        <v>#N/A</v>
      </c>
      <c r="E2200" t="e">
        <f t="shared" si="34"/>
        <v>#N/A</v>
      </c>
      <c r="F2200" t="str">
        <f>IF(C2200="CLAY", INDEX(D$4:D2200, MATCH("CLAY", C$4:C2200, 0)), "")</f>
        <v/>
      </c>
    </row>
    <row r="2201" spans="1:6" x14ac:dyDescent="0.2">
      <c r="A2201" s="239">
        <f>'CPT Data'!B2209</f>
        <v>22.084</v>
      </c>
      <c r="B2201" s="3">
        <f>'CPT Data'!C2209</f>
        <v>22.076999999999998</v>
      </c>
      <c r="C2201" t="str">
        <f>'CPT Data'!P2209</f>
        <v>SAND</v>
      </c>
      <c r="D2201" t="e">
        <f>'CPT Data'!Q2209</f>
        <v>#N/A</v>
      </c>
      <c r="E2201" t="e">
        <f t="shared" si="34"/>
        <v>#N/A</v>
      </c>
      <c r="F2201" t="str">
        <f>IF(C2201="CLAY", INDEX(D$4:D2201, MATCH("CLAY", C$4:C2201, 0)), "")</f>
        <v/>
      </c>
    </row>
    <row r="2202" spans="1:6" x14ac:dyDescent="0.2">
      <c r="A2202" s="239">
        <f>'CPT Data'!B2210</f>
        <v>22.093</v>
      </c>
      <c r="B2202" s="3">
        <f>'CPT Data'!C2210</f>
        <v>22.085999999999999</v>
      </c>
      <c r="C2202" t="str">
        <f>'CPT Data'!P2210</f>
        <v>SAND</v>
      </c>
      <c r="D2202" t="e">
        <f>'CPT Data'!Q2210</f>
        <v>#N/A</v>
      </c>
      <c r="E2202" t="e">
        <f t="shared" si="34"/>
        <v>#N/A</v>
      </c>
      <c r="F2202" t="str">
        <f>IF(C2202="CLAY", INDEX(D$4:D2202, MATCH("CLAY", C$4:C2202, 0)), "")</f>
        <v/>
      </c>
    </row>
    <row r="2203" spans="1:6" x14ac:dyDescent="0.2">
      <c r="A2203" s="239">
        <f>'CPT Data'!B2211</f>
        <v>22.103999999999999</v>
      </c>
      <c r="B2203" s="3">
        <f>'CPT Data'!C2211</f>
        <v>22.096999999999998</v>
      </c>
      <c r="C2203" t="str">
        <f>'CPT Data'!P2211</f>
        <v>SAND</v>
      </c>
      <c r="D2203" t="e">
        <f>'CPT Data'!Q2211</f>
        <v>#N/A</v>
      </c>
      <c r="E2203" t="e">
        <f t="shared" ref="E2203:E2266" si="35">IF(C2203="SAND",#N/A,IF(C2203=C2202,D2202,IF(C2203="CLAY",D2203,#N/A)))</f>
        <v>#N/A</v>
      </c>
      <c r="F2203" t="str">
        <f>IF(C2203="CLAY", INDEX(D$4:D2203, MATCH("CLAY", C$4:C2203, 0)), "")</f>
        <v/>
      </c>
    </row>
    <row r="2204" spans="1:6" x14ac:dyDescent="0.2">
      <c r="A2204" s="239">
        <f>'CPT Data'!B2212</f>
        <v>22.113</v>
      </c>
      <c r="B2204" s="3">
        <f>'CPT Data'!C2212</f>
        <v>22.105999999999998</v>
      </c>
      <c r="C2204" t="str">
        <f>'CPT Data'!P2212</f>
        <v>SAND</v>
      </c>
      <c r="D2204" t="e">
        <f>'CPT Data'!Q2212</f>
        <v>#N/A</v>
      </c>
      <c r="E2204" t="e">
        <f t="shared" si="35"/>
        <v>#N/A</v>
      </c>
      <c r="F2204" t="str">
        <f>IF(C2204="CLAY", INDEX(D$4:D2204, MATCH("CLAY", C$4:C2204, 0)), "")</f>
        <v/>
      </c>
    </row>
    <row r="2205" spans="1:6" x14ac:dyDescent="0.2">
      <c r="A2205" s="239">
        <f>'CPT Data'!B2213</f>
        <v>22.123999999999999</v>
      </c>
      <c r="B2205" s="3">
        <f>'CPT Data'!C2213</f>
        <v>22.116999999999997</v>
      </c>
      <c r="C2205" t="str">
        <f>'CPT Data'!P2213</f>
        <v>SAND</v>
      </c>
      <c r="D2205" t="e">
        <f>'CPT Data'!Q2213</f>
        <v>#N/A</v>
      </c>
      <c r="E2205" t="e">
        <f t="shared" si="35"/>
        <v>#N/A</v>
      </c>
      <c r="F2205" t="str">
        <f>IF(C2205="CLAY", INDEX(D$4:D2205, MATCH("CLAY", C$4:C2205, 0)), "")</f>
        <v/>
      </c>
    </row>
    <row r="2206" spans="1:6" x14ac:dyDescent="0.2">
      <c r="A2206" s="239">
        <f>'CPT Data'!B2214</f>
        <v>22.132999999999999</v>
      </c>
      <c r="B2206" s="3">
        <f>'CPT Data'!C2214</f>
        <v>22.125999999999998</v>
      </c>
      <c r="C2206" t="str">
        <f>'CPT Data'!P2214</f>
        <v>SAND</v>
      </c>
      <c r="D2206" t="e">
        <f>'CPT Data'!Q2214</f>
        <v>#N/A</v>
      </c>
      <c r="E2206" t="e">
        <f t="shared" si="35"/>
        <v>#N/A</v>
      </c>
      <c r="F2206" t="str">
        <f>IF(C2206="CLAY", INDEX(D$4:D2206, MATCH("CLAY", C$4:C2206, 0)), "")</f>
        <v/>
      </c>
    </row>
    <row r="2207" spans="1:6" x14ac:dyDescent="0.2">
      <c r="A2207" s="239">
        <f>'CPT Data'!B2215</f>
        <v>22.143999999999998</v>
      </c>
      <c r="B2207" s="3">
        <f>'CPT Data'!C2215</f>
        <v>22.136999999999997</v>
      </c>
      <c r="C2207" t="str">
        <f>'CPT Data'!P2215</f>
        <v>SAND</v>
      </c>
      <c r="D2207" t="e">
        <f>'CPT Data'!Q2215</f>
        <v>#N/A</v>
      </c>
      <c r="E2207" t="e">
        <f t="shared" si="35"/>
        <v>#N/A</v>
      </c>
      <c r="F2207" t="str">
        <f>IF(C2207="CLAY", INDEX(D$4:D2207, MATCH("CLAY", C$4:C2207, 0)), "")</f>
        <v/>
      </c>
    </row>
    <row r="2208" spans="1:6" x14ac:dyDescent="0.2">
      <c r="A2208" s="239">
        <f>'CPT Data'!B2216</f>
        <v>22.152999999999999</v>
      </c>
      <c r="B2208" s="3">
        <f>'CPT Data'!C2216</f>
        <v>22.145999999999997</v>
      </c>
      <c r="C2208" t="str">
        <f>'CPT Data'!P2216</f>
        <v>SAND</v>
      </c>
      <c r="D2208" t="e">
        <f>'CPT Data'!Q2216</f>
        <v>#N/A</v>
      </c>
      <c r="E2208" t="e">
        <f t="shared" si="35"/>
        <v>#N/A</v>
      </c>
      <c r="F2208" t="str">
        <f>IF(C2208="CLAY", INDEX(D$4:D2208, MATCH("CLAY", C$4:C2208, 0)), "")</f>
        <v/>
      </c>
    </row>
    <row r="2209" spans="1:6" x14ac:dyDescent="0.2">
      <c r="A2209" s="239">
        <f>'CPT Data'!B2217</f>
        <v>22.163</v>
      </c>
      <c r="B2209" s="3">
        <f>'CPT Data'!C2217</f>
        <v>22.155999999999999</v>
      </c>
      <c r="C2209" t="str">
        <f>'CPT Data'!P2217</f>
        <v>SAND</v>
      </c>
      <c r="D2209" t="e">
        <f>'CPT Data'!Q2217</f>
        <v>#N/A</v>
      </c>
      <c r="E2209" t="e">
        <f t="shared" si="35"/>
        <v>#N/A</v>
      </c>
      <c r="F2209" t="str">
        <f>IF(C2209="CLAY", INDEX(D$4:D2209, MATCH("CLAY", C$4:C2209, 0)), "")</f>
        <v/>
      </c>
    </row>
    <row r="2210" spans="1:6" x14ac:dyDescent="0.2">
      <c r="A2210" s="239">
        <f>'CPT Data'!B2218</f>
        <v>22.172999999999998</v>
      </c>
      <c r="B2210" s="3">
        <f>'CPT Data'!C2218</f>
        <v>22.165999999999997</v>
      </c>
      <c r="C2210" t="str">
        <f>'CPT Data'!P2218</f>
        <v>SAND</v>
      </c>
      <c r="D2210" t="e">
        <f>'CPT Data'!Q2218</f>
        <v>#N/A</v>
      </c>
      <c r="E2210" t="e">
        <f t="shared" si="35"/>
        <v>#N/A</v>
      </c>
      <c r="F2210" t="str">
        <f>IF(C2210="CLAY", INDEX(D$4:D2210, MATCH("CLAY", C$4:C2210, 0)), "")</f>
        <v/>
      </c>
    </row>
    <row r="2211" spans="1:6" x14ac:dyDescent="0.2">
      <c r="A2211" s="239">
        <f>'CPT Data'!B2219</f>
        <v>22.181999999999999</v>
      </c>
      <c r="B2211" s="3">
        <f>'CPT Data'!C2219</f>
        <v>22.174999999999997</v>
      </c>
      <c r="C2211" t="str">
        <f>'CPT Data'!P2219</f>
        <v>SAND</v>
      </c>
      <c r="D2211" t="e">
        <f>'CPT Data'!Q2219</f>
        <v>#N/A</v>
      </c>
      <c r="E2211" t="e">
        <f t="shared" si="35"/>
        <v>#N/A</v>
      </c>
      <c r="F2211" t="str">
        <f>IF(C2211="CLAY", INDEX(D$4:D2211, MATCH("CLAY", C$4:C2211, 0)), "")</f>
        <v/>
      </c>
    </row>
    <row r="2212" spans="1:6" x14ac:dyDescent="0.2">
      <c r="A2212" s="239">
        <f>'CPT Data'!B2220</f>
        <v>22.193000000000001</v>
      </c>
      <c r="B2212" s="3">
        <f>'CPT Data'!C2220</f>
        <v>22.186</v>
      </c>
      <c r="C2212" t="str">
        <f>'CPT Data'!P2220</f>
        <v>SAND</v>
      </c>
      <c r="D2212" t="e">
        <f>'CPT Data'!Q2220</f>
        <v>#N/A</v>
      </c>
      <c r="E2212" t="e">
        <f t="shared" si="35"/>
        <v>#N/A</v>
      </c>
      <c r="F2212" t="str">
        <f>IF(C2212="CLAY", INDEX(D$4:D2212, MATCH("CLAY", C$4:C2212, 0)), "")</f>
        <v/>
      </c>
    </row>
    <row r="2213" spans="1:6" x14ac:dyDescent="0.2">
      <c r="A2213" s="239">
        <f>'CPT Data'!B2221</f>
        <v>22.202000000000002</v>
      </c>
      <c r="B2213" s="3">
        <f>'CPT Data'!C2221</f>
        <v>22.195</v>
      </c>
      <c r="C2213" t="str">
        <f>'CPT Data'!P2221</f>
        <v>SAND</v>
      </c>
      <c r="D2213" t="e">
        <f>'CPT Data'!Q2221</f>
        <v>#N/A</v>
      </c>
      <c r="E2213" t="e">
        <f t="shared" si="35"/>
        <v>#N/A</v>
      </c>
      <c r="F2213" t="str">
        <f>IF(C2213="CLAY", INDEX(D$4:D2213, MATCH("CLAY", C$4:C2213, 0)), "")</f>
        <v/>
      </c>
    </row>
    <row r="2214" spans="1:6" x14ac:dyDescent="0.2">
      <c r="A2214" s="239">
        <f>'CPT Data'!B2222</f>
        <v>22.212</v>
      </c>
      <c r="B2214" s="3">
        <f>'CPT Data'!C2222</f>
        <v>22.204999999999998</v>
      </c>
      <c r="C2214" t="str">
        <f>'CPT Data'!P2222</f>
        <v>SAND</v>
      </c>
      <c r="D2214" t="e">
        <f>'CPT Data'!Q2222</f>
        <v>#N/A</v>
      </c>
      <c r="E2214" t="e">
        <f t="shared" si="35"/>
        <v>#N/A</v>
      </c>
      <c r="F2214" t="str">
        <f>IF(C2214="CLAY", INDEX(D$4:D2214, MATCH("CLAY", C$4:C2214, 0)), "")</f>
        <v/>
      </c>
    </row>
    <row r="2215" spans="1:6" x14ac:dyDescent="0.2">
      <c r="A2215" s="239">
        <f>'CPT Data'!B2223</f>
        <v>22.222000000000001</v>
      </c>
      <c r="B2215" s="3">
        <f>'CPT Data'!C2223</f>
        <v>22.215</v>
      </c>
      <c r="C2215" t="str">
        <f>'CPT Data'!P2223</f>
        <v>SAND</v>
      </c>
      <c r="D2215" t="e">
        <f>'CPT Data'!Q2223</f>
        <v>#N/A</v>
      </c>
      <c r="E2215" t="e">
        <f t="shared" si="35"/>
        <v>#N/A</v>
      </c>
      <c r="F2215" t="str">
        <f>IF(C2215="CLAY", INDEX(D$4:D2215, MATCH("CLAY", C$4:C2215, 0)), "")</f>
        <v/>
      </c>
    </row>
    <row r="2216" spans="1:6" x14ac:dyDescent="0.2">
      <c r="A2216" s="239">
        <f>'CPT Data'!B2224</f>
        <v>22.231999999999999</v>
      </c>
      <c r="B2216" s="3">
        <f>'CPT Data'!C2224</f>
        <v>22.224999999999998</v>
      </c>
      <c r="C2216" t="str">
        <f>'CPT Data'!P2224</f>
        <v>SAND</v>
      </c>
      <c r="D2216" t="e">
        <f>'CPT Data'!Q2224</f>
        <v>#N/A</v>
      </c>
      <c r="E2216" t="e">
        <f t="shared" si="35"/>
        <v>#N/A</v>
      </c>
      <c r="F2216" t="str">
        <f>IF(C2216="CLAY", INDEX(D$4:D2216, MATCH("CLAY", C$4:C2216, 0)), "")</f>
        <v/>
      </c>
    </row>
    <row r="2217" spans="1:6" x14ac:dyDescent="0.2">
      <c r="A2217" s="239">
        <f>'CPT Data'!B2225</f>
        <v>22.241</v>
      </c>
      <c r="B2217" s="3">
        <f>'CPT Data'!C2225</f>
        <v>22.233999999999998</v>
      </c>
      <c r="C2217" t="str">
        <f>'CPT Data'!P2225</f>
        <v>SAND</v>
      </c>
      <c r="D2217" t="e">
        <f>'CPT Data'!Q2225</f>
        <v>#N/A</v>
      </c>
      <c r="E2217" t="e">
        <f t="shared" si="35"/>
        <v>#N/A</v>
      </c>
      <c r="F2217" t="str">
        <f>IF(C2217="CLAY", INDEX(D$4:D2217, MATCH("CLAY", C$4:C2217, 0)), "")</f>
        <v/>
      </c>
    </row>
    <row r="2218" spans="1:6" x14ac:dyDescent="0.2">
      <c r="A2218" s="239">
        <f>'CPT Data'!B2226</f>
        <v>22.251000000000001</v>
      </c>
      <c r="B2218" s="3">
        <f>'CPT Data'!C2226</f>
        <v>22.244</v>
      </c>
      <c r="C2218" t="str">
        <f>'CPT Data'!P2226</f>
        <v>SAND</v>
      </c>
      <c r="D2218" t="e">
        <f>'CPT Data'!Q2226</f>
        <v>#N/A</v>
      </c>
      <c r="E2218" t="e">
        <f t="shared" si="35"/>
        <v>#N/A</v>
      </c>
      <c r="F2218" t="str">
        <f>IF(C2218="CLAY", INDEX(D$4:D2218, MATCH("CLAY", C$4:C2218, 0)), "")</f>
        <v/>
      </c>
    </row>
    <row r="2219" spans="1:6" x14ac:dyDescent="0.2">
      <c r="A2219" s="239">
        <f>'CPT Data'!B2227</f>
        <v>22.260999999999999</v>
      </c>
      <c r="B2219" s="3">
        <f>'CPT Data'!C2227</f>
        <v>22.253999999999998</v>
      </c>
      <c r="C2219" t="str">
        <f>'CPT Data'!P2227</f>
        <v>SAND</v>
      </c>
      <c r="D2219" t="e">
        <f>'CPT Data'!Q2227</f>
        <v>#N/A</v>
      </c>
      <c r="E2219" t="e">
        <f t="shared" si="35"/>
        <v>#N/A</v>
      </c>
      <c r="F2219" t="str">
        <f>IF(C2219="CLAY", INDEX(D$4:D2219, MATCH("CLAY", C$4:C2219, 0)), "")</f>
        <v/>
      </c>
    </row>
    <row r="2220" spans="1:6" x14ac:dyDescent="0.2">
      <c r="A2220" s="239">
        <f>'CPT Data'!B2228</f>
        <v>22.271000000000001</v>
      </c>
      <c r="B2220" s="3">
        <f>'CPT Data'!C2228</f>
        <v>22.263999999999999</v>
      </c>
      <c r="C2220" t="str">
        <f>'CPT Data'!P2228</f>
        <v>SAND</v>
      </c>
      <c r="D2220" t="e">
        <f>'CPT Data'!Q2228</f>
        <v>#N/A</v>
      </c>
      <c r="E2220" t="e">
        <f t="shared" si="35"/>
        <v>#N/A</v>
      </c>
      <c r="F2220" t="str">
        <f>IF(C2220="CLAY", INDEX(D$4:D2220, MATCH("CLAY", C$4:C2220, 0)), "")</f>
        <v/>
      </c>
    </row>
    <row r="2221" spans="1:6" x14ac:dyDescent="0.2">
      <c r="A2221" s="239">
        <f>'CPT Data'!B2229</f>
        <v>22.28</v>
      </c>
      <c r="B2221" s="3">
        <f>'CPT Data'!C2229</f>
        <v>22.273</v>
      </c>
      <c r="C2221" t="str">
        <f>'CPT Data'!P2229</f>
        <v>SAND</v>
      </c>
      <c r="D2221" t="e">
        <f>'CPT Data'!Q2229</f>
        <v>#N/A</v>
      </c>
      <c r="E2221" t="e">
        <f t="shared" si="35"/>
        <v>#N/A</v>
      </c>
      <c r="F2221" t="str">
        <f>IF(C2221="CLAY", INDEX(D$4:D2221, MATCH("CLAY", C$4:C2221, 0)), "")</f>
        <v/>
      </c>
    </row>
    <row r="2222" spans="1:6" x14ac:dyDescent="0.2">
      <c r="A2222" s="239">
        <f>'CPT Data'!B2230</f>
        <v>22.29</v>
      </c>
      <c r="B2222" s="3">
        <f>'CPT Data'!C2230</f>
        <v>22.282999999999998</v>
      </c>
      <c r="C2222" t="str">
        <f>'CPT Data'!P2230</f>
        <v>SAND</v>
      </c>
      <c r="D2222" t="e">
        <f>'CPT Data'!Q2230</f>
        <v>#N/A</v>
      </c>
      <c r="E2222" t="e">
        <f t="shared" si="35"/>
        <v>#N/A</v>
      </c>
      <c r="F2222" t="str">
        <f>IF(C2222="CLAY", INDEX(D$4:D2222, MATCH("CLAY", C$4:C2222, 0)), "")</f>
        <v/>
      </c>
    </row>
    <row r="2223" spans="1:6" x14ac:dyDescent="0.2">
      <c r="A2223" s="239">
        <f>'CPT Data'!B2231</f>
        <v>22.298999999999999</v>
      </c>
      <c r="B2223" s="3">
        <f>'CPT Data'!C2231</f>
        <v>22.291999999999998</v>
      </c>
      <c r="C2223" t="str">
        <f>'CPT Data'!P2231</f>
        <v>SAND</v>
      </c>
      <c r="D2223" t="e">
        <f>'CPT Data'!Q2231</f>
        <v>#N/A</v>
      </c>
      <c r="E2223" t="e">
        <f t="shared" si="35"/>
        <v>#N/A</v>
      </c>
      <c r="F2223" t="str">
        <f>IF(C2223="CLAY", INDEX(D$4:D2223, MATCH("CLAY", C$4:C2223, 0)), "")</f>
        <v/>
      </c>
    </row>
    <row r="2224" spans="1:6" x14ac:dyDescent="0.2">
      <c r="A2224" s="239">
        <f>'CPT Data'!B2232</f>
        <v>22.309000000000001</v>
      </c>
      <c r="B2224" s="3">
        <f>'CPT Data'!C2232</f>
        <v>22.302</v>
      </c>
      <c r="C2224" t="str">
        <f>'CPT Data'!P2232</f>
        <v>SAND</v>
      </c>
      <c r="D2224" t="e">
        <f>'CPT Data'!Q2232</f>
        <v>#N/A</v>
      </c>
      <c r="E2224" t="e">
        <f t="shared" si="35"/>
        <v>#N/A</v>
      </c>
      <c r="F2224" t="str">
        <f>IF(C2224="CLAY", INDEX(D$4:D2224, MATCH("CLAY", C$4:C2224, 0)), "")</f>
        <v/>
      </c>
    </row>
    <row r="2225" spans="1:6" x14ac:dyDescent="0.2">
      <c r="A2225" s="239">
        <f>'CPT Data'!B2233</f>
        <v>22.32</v>
      </c>
      <c r="B2225" s="3">
        <f>'CPT Data'!C2233</f>
        <v>22.312999999999999</v>
      </c>
      <c r="C2225" t="str">
        <f>'CPT Data'!P2233</f>
        <v>SAND</v>
      </c>
      <c r="D2225" t="e">
        <f>'CPT Data'!Q2233</f>
        <v>#N/A</v>
      </c>
      <c r="E2225" t="e">
        <f t="shared" si="35"/>
        <v>#N/A</v>
      </c>
      <c r="F2225" t="str">
        <f>IF(C2225="CLAY", INDEX(D$4:D2225, MATCH("CLAY", C$4:C2225, 0)), "")</f>
        <v/>
      </c>
    </row>
    <row r="2226" spans="1:6" x14ac:dyDescent="0.2">
      <c r="A2226" s="239">
        <f>'CPT Data'!B2234</f>
        <v>22.329000000000001</v>
      </c>
      <c r="B2226" s="3">
        <f>'CPT Data'!C2234</f>
        <v>22.321999999999999</v>
      </c>
      <c r="C2226" t="str">
        <f>'CPT Data'!P2234</f>
        <v>SAND</v>
      </c>
      <c r="D2226" t="e">
        <f>'CPT Data'!Q2234</f>
        <v>#N/A</v>
      </c>
      <c r="E2226" t="e">
        <f t="shared" si="35"/>
        <v>#N/A</v>
      </c>
      <c r="F2226" t="str">
        <f>IF(C2226="CLAY", INDEX(D$4:D2226, MATCH("CLAY", C$4:C2226, 0)), "")</f>
        <v/>
      </c>
    </row>
    <row r="2227" spans="1:6" x14ac:dyDescent="0.2">
      <c r="A2227" s="239">
        <f>'CPT Data'!B2235</f>
        <v>22.338999999999999</v>
      </c>
      <c r="B2227" s="3">
        <f>'CPT Data'!C2235</f>
        <v>22.331999999999997</v>
      </c>
      <c r="C2227" t="str">
        <f>'CPT Data'!P2235</f>
        <v>SAND</v>
      </c>
      <c r="D2227" t="e">
        <f>'CPT Data'!Q2235</f>
        <v>#N/A</v>
      </c>
      <c r="E2227" t="e">
        <f t="shared" si="35"/>
        <v>#N/A</v>
      </c>
      <c r="F2227" t="str">
        <f>IF(C2227="CLAY", INDEX(D$4:D2227, MATCH("CLAY", C$4:C2227, 0)), "")</f>
        <v/>
      </c>
    </row>
    <row r="2228" spans="1:6" x14ac:dyDescent="0.2">
      <c r="A2228" s="239">
        <f>'CPT Data'!B2236</f>
        <v>22.349</v>
      </c>
      <c r="B2228" s="3">
        <f>'CPT Data'!C2236</f>
        <v>22.341999999999999</v>
      </c>
      <c r="C2228" t="str">
        <f>'CPT Data'!P2236</f>
        <v>SAND</v>
      </c>
      <c r="D2228" t="e">
        <f>'CPT Data'!Q2236</f>
        <v>#N/A</v>
      </c>
      <c r="E2228" t="e">
        <f t="shared" si="35"/>
        <v>#N/A</v>
      </c>
      <c r="F2228" t="str">
        <f>IF(C2228="CLAY", INDEX(D$4:D2228, MATCH("CLAY", C$4:C2228, 0)), "")</f>
        <v/>
      </c>
    </row>
    <row r="2229" spans="1:6" x14ac:dyDescent="0.2">
      <c r="A2229" s="239">
        <f>'CPT Data'!B2237</f>
        <v>22.358000000000001</v>
      </c>
      <c r="B2229" s="3">
        <f>'CPT Data'!C2237</f>
        <v>22.350999999999999</v>
      </c>
      <c r="C2229" t="str">
        <f>'CPT Data'!P2237</f>
        <v>SAND</v>
      </c>
      <c r="D2229" t="e">
        <f>'CPT Data'!Q2237</f>
        <v>#N/A</v>
      </c>
      <c r="E2229" t="e">
        <f t="shared" si="35"/>
        <v>#N/A</v>
      </c>
      <c r="F2229" t="str">
        <f>IF(C2229="CLAY", INDEX(D$4:D2229, MATCH("CLAY", C$4:C2229, 0)), "")</f>
        <v/>
      </c>
    </row>
    <row r="2230" spans="1:6" x14ac:dyDescent="0.2">
      <c r="A2230" s="239">
        <f>'CPT Data'!B2238</f>
        <v>22.369</v>
      </c>
      <c r="B2230" s="3">
        <f>'CPT Data'!C2238</f>
        <v>22.361999999999998</v>
      </c>
      <c r="C2230" t="str">
        <f>'CPT Data'!P2238</f>
        <v>SAND</v>
      </c>
      <c r="D2230" t="e">
        <f>'CPT Data'!Q2238</f>
        <v>#N/A</v>
      </c>
      <c r="E2230" t="e">
        <f t="shared" si="35"/>
        <v>#N/A</v>
      </c>
      <c r="F2230" t="str">
        <f>IF(C2230="CLAY", INDEX(D$4:D2230, MATCH("CLAY", C$4:C2230, 0)), "")</f>
        <v/>
      </c>
    </row>
    <row r="2231" spans="1:6" x14ac:dyDescent="0.2">
      <c r="A2231" s="239">
        <f>'CPT Data'!B2239</f>
        <v>22.378</v>
      </c>
      <c r="B2231" s="3">
        <f>'CPT Data'!C2239</f>
        <v>22.370999999999999</v>
      </c>
      <c r="C2231" t="str">
        <f>'CPT Data'!P2239</f>
        <v>SAND</v>
      </c>
      <c r="D2231" t="e">
        <f>'CPT Data'!Q2239</f>
        <v>#N/A</v>
      </c>
      <c r="E2231" t="e">
        <f t="shared" si="35"/>
        <v>#N/A</v>
      </c>
      <c r="F2231" t="str">
        <f>IF(C2231="CLAY", INDEX(D$4:D2231, MATCH("CLAY", C$4:C2231, 0)), "")</f>
        <v/>
      </c>
    </row>
    <row r="2232" spans="1:6" x14ac:dyDescent="0.2">
      <c r="A2232" s="239">
        <f>'CPT Data'!B2240</f>
        <v>22.387</v>
      </c>
      <c r="B2232" s="3">
        <f>'CPT Data'!C2240</f>
        <v>22.38</v>
      </c>
      <c r="C2232" t="str">
        <f>'CPT Data'!P2240</f>
        <v>SAND</v>
      </c>
      <c r="D2232" t="e">
        <f>'CPT Data'!Q2240</f>
        <v>#N/A</v>
      </c>
      <c r="E2232" t="e">
        <f t="shared" si="35"/>
        <v>#N/A</v>
      </c>
      <c r="F2232" t="str">
        <f>IF(C2232="CLAY", INDEX(D$4:D2232, MATCH("CLAY", C$4:C2232, 0)), "")</f>
        <v/>
      </c>
    </row>
    <row r="2233" spans="1:6" x14ac:dyDescent="0.2">
      <c r="A2233" s="239">
        <f>'CPT Data'!B2241</f>
        <v>22.398</v>
      </c>
      <c r="B2233" s="3">
        <f>'CPT Data'!C2241</f>
        <v>22.390999999999998</v>
      </c>
      <c r="C2233" t="str">
        <f>'CPT Data'!P2241</f>
        <v>SAND</v>
      </c>
      <c r="D2233" t="e">
        <f>'CPT Data'!Q2241</f>
        <v>#N/A</v>
      </c>
      <c r="E2233" t="e">
        <f t="shared" si="35"/>
        <v>#N/A</v>
      </c>
      <c r="F2233" t="str">
        <f>IF(C2233="CLAY", INDEX(D$4:D2233, MATCH("CLAY", C$4:C2233, 0)), "")</f>
        <v/>
      </c>
    </row>
    <row r="2234" spans="1:6" x14ac:dyDescent="0.2">
      <c r="A2234" s="239">
        <f>'CPT Data'!B2242</f>
        <v>22.407</v>
      </c>
      <c r="B2234" s="3">
        <f>'CPT Data'!C2242</f>
        <v>22.4</v>
      </c>
      <c r="C2234" t="str">
        <f>'CPT Data'!P2242</f>
        <v>SAND</v>
      </c>
      <c r="D2234" t="e">
        <f>'CPT Data'!Q2242</f>
        <v>#N/A</v>
      </c>
      <c r="E2234" t="e">
        <f t="shared" si="35"/>
        <v>#N/A</v>
      </c>
      <c r="F2234" t="str">
        <f>IF(C2234="CLAY", INDEX(D$4:D2234, MATCH("CLAY", C$4:C2234, 0)), "")</f>
        <v/>
      </c>
    </row>
    <row r="2235" spans="1:6" x14ac:dyDescent="0.2">
      <c r="A2235" s="239">
        <f>'CPT Data'!B2243</f>
        <v>22.416</v>
      </c>
      <c r="B2235" s="3">
        <f>'CPT Data'!C2243</f>
        <v>22.408999999999999</v>
      </c>
      <c r="C2235" t="str">
        <f>'CPT Data'!P2243</f>
        <v>SAND</v>
      </c>
      <c r="D2235" t="e">
        <f>'CPT Data'!Q2243</f>
        <v>#N/A</v>
      </c>
      <c r="E2235" t="e">
        <f t="shared" si="35"/>
        <v>#N/A</v>
      </c>
      <c r="F2235" t="str">
        <f>IF(C2235="CLAY", INDEX(D$4:D2235, MATCH("CLAY", C$4:C2235, 0)), "")</f>
        <v/>
      </c>
    </row>
    <row r="2236" spans="1:6" x14ac:dyDescent="0.2">
      <c r="A2236" s="239">
        <f>'CPT Data'!B2244</f>
        <v>22.427</v>
      </c>
      <c r="B2236" s="3">
        <f>'CPT Data'!C2244</f>
        <v>22.419999999999998</v>
      </c>
      <c r="C2236" t="str">
        <f>'CPT Data'!P2244</f>
        <v>SAND</v>
      </c>
      <c r="D2236" t="e">
        <f>'CPT Data'!Q2244</f>
        <v>#N/A</v>
      </c>
      <c r="E2236" t="e">
        <f t="shared" si="35"/>
        <v>#N/A</v>
      </c>
      <c r="F2236" t="str">
        <f>IF(C2236="CLAY", INDEX(D$4:D2236, MATCH("CLAY", C$4:C2236, 0)), "")</f>
        <v/>
      </c>
    </row>
    <row r="2237" spans="1:6" x14ac:dyDescent="0.2">
      <c r="A2237" s="239">
        <f>'CPT Data'!B2245</f>
        <v>22.436</v>
      </c>
      <c r="B2237" s="3">
        <f>'CPT Data'!C2245</f>
        <v>22.428999999999998</v>
      </c>
      <c r="C2237" t="str">
        <f>'CPT Data'!P2245</f>
        <v>SAND</v>
      </c>
      <c r="D2237" t="e">
        <f>'CPT Data'!Q2245</f>
        <v>#N/A</v>
      </c>
      <c r="E2237" t="e">
        <f t="shared" si="35"/>
        <v>#N/A</v>
      </c>
      <c r="F2237" t="str">
        <f>IF(C2237="CLAY", INDEX(D$4:D2237, MATCH("CLAY", C$4:C2237, 0)), "")</f>
        <v/>
      </c>
    </row>
    <row r="2238" spans="1:6" x14ac:dyDescent="0.2">
      <c r="A2238" s="239">
        <f>'CPT Data'!B2246</f>
        <v>22.445</v>
      </c>
      <c r="B2238" s="3">
        <f>'CPT Data'!C2246</f>
        <v>22.437999999999999</v>
      </c>
      <c r="C2238" t="str">
        <f>'CPT Data'!P2246</f>
        <v>SAND</v>
      </c>
      <c r="D2238" t="e">
        <f>'CPT Data'!Q2246</f>
        <v>#N/A</v>
      </c>
      <c r="E2238" t="e">
        <f t="shared" si="35"/>
        <v>#N/A</v>
      </c>
      <c r="F2238" t="str">
        <f>IF(C2238="CLAY", INDEX(D$4:D2238, MATCH("CLAY", C$4:C2238, 0)), "")</f>
        <v/>
      </c>
    </row>
    <row r="2239" spans="1:6" x14ac:dyDescent="0.2">
      <c r="A2239" s="239">
        <f>'CPT Data'!B2247</f>
        <v>22.456</v>
      </c>
      <c r="B2239" s="3">
        <f>'CPT Data'!C2247</f>
        <v>22.448999999999998</v>
      </c>
      <c r="C2239" t="str">
        <f>'CPT Data'!P2247</f>
        <v>SAND</v>
      </c>
      <c r="D2239" t="e">
        <f>'CPT Data'!Q2247</f>
        <v>#N/A</v>
      </c>
      <c r="E2239" t="e">
        <f t="shared" si="35"/>
        <v>#N/A</v>
      </c>
      <c r="F2239" t="str">
        <f>IF(C2239="CLAY", INDEX(D$4:D2239, MATCH("CLAY", C$4:C2239, 0)), "")</f>
        <v/>
      </c>
    </row>
    <row r="2240" spans="1:6" x14ac:dyDescent="0.2">
      <c r="A2240" s="239">
        <f>'CPT Data'!B2248</f>
        <v>22.465</v>
      </c>
      <c r="B2240" s="3">
        <f>'CPT Data'!C2248</f>
        <v>22.457999999999998</v>
      </c>
      <c r="C2240" t="str">
        <f>'CPT Data'!P2248</f>
        <v>SAND</v>
      </c>
      <c r="D2240" t="e">
        <f>'CPT Data'!Q2248</f>
        <v>#N/A</v>
      </c>
      <c r="E2240" t="e">
        <f t="shared" si="35"/>
        <v>#N/A</v>
      </c>
      <c r="F2240" t="str">
        <f>IF(C2240="CLAY", INDEX(D$4:D2240, MATCH("CLAY", C$4:C2240, 0)), "")</f>
        <v/>
      </c>
    </row>
    <row r="2241" spans="1:6" x14ac:dyDescent="0.2">
      <c r="A2241" s="239">
        <f>'CPT Data'!B2249</f>
        <v>22.474</v>
      </c>
      <c r="B2241" s="3">
        <f>'CPT Data'!C2249</f>
        <v>22.466999999999999</v>
      </c>
      <c r="C2241" t="str">
        <f>'CPT Data'!P2249</f>
        <v>SAND</v>
      </c>
      <c r="D2241" t="e">
        <f>'CPT Data'!Q2249</f>
        <v>#N/A</v>
      </c>
      <c r="E2241" t="e">
        <f t="shared" si="35"/>
        <v>#N/A</v>
      </c>
      <c r="F2241" t="str">
        <f>IF(C2241="CLAY", INDEX(D$4:D2241, MATCH("CLAY", C$4:C2241, 0)), "")</f>
        <v/>
      </c>
    </row>
    <row r="2242" spans="1:6" x14ac:dyDescent="0.2">
      <c r="A2242" s="239">
        <f>'CPT Data'!B2250</f>
        <v>22.484000000000002</v>
      </c>
      <c r="B2242" s="3">
        <f>'CPT Data'!C2250</f>
        <v>22.477</v>
      </c>
      <c r="C2242" t="str">
        <f>'CPT Data'!P2250</f>
        <v>SAND</v>
      </c>
      <c r="D2242" t="e">
        <f>'CPT Data'!Q2250</f>
        <v>#N/A</v>
      </c>
      <c r="E2242" t="e">
        <f t="shared" si="35"/>
        <v>#N/A</v>
      </c>
      <c r="F2242" t="str">
        <f>IF(C2242="CLAY", INDEX(D$4:D2242, MATCH("CLAY", C$4:C2242, 0)), "")</f>
        <v/>
      </c>
    </row>
    <row r="2243" spans="1:6" x14ac:dyDescent="0.2">
      <c r="A2243" s="239">
        <f>'CPT Data'!B2251</f>
        <v>22.495000000000001</v>
      </c>
      <c r="B2243" s="3">
        <f>'CPT Data'!C2251</f>
        <v>22.488</v>
      </c>
      <c r="C2243" t="str">
        <f>'CPT Data'!P2251</f>
        <v>SAND</v>
      </c>
      <c r="D2243" t="e">
        <f>'CPT Data'!Q2251</f>
        <v>#N/A</v>
      </c>
      <c r="E2243" t="e">
        <f t="shared" si="35"/>
        <v>#N/A</v>
      </c>
      <c r="F2243" t="str">
        <f>IF(C2243="CLAY", INDEX(D$4:D2243, MATCH("CLAY", C$4:C2243, 0)), "")</f>
        <v/>
      </c>
    </row>
    <row r="2244" spans="1:6" x14ac:dyDescent="0.2">
      <c r="A2244" s="239">
        <f>'CPT Data'!B2252</f>
        <v>22.504000000000001</v>
      </c>
      <c r="B2244" s="3">
        <f>'CPT Data'!C2252</f>
        <v>22.497</v>
      </c>
      <c r="C2244" t="str">
        <f>'CPT Data'!P2252</f>
        <v>SAND</v>
      </c>
      <c r="D2244" t="e">
        <f>'CPT Data'!Q2252</f>
        <v>#N/A</v>
      </c>
      <c r="E2244" t="e">
        <f t="shared" si="35"/>
        <v>#N/A</v>
      </c>
      <c r="F2244" t="str">
        <f>IF(C2244="CLAY", INDEX(D$4:D2244, MATCH("CLAY", C$4:C2244, 0)), "")</f>
        <v/>
      </c>
    </row>
    <row r="2245" spans="1:6" x14ac:dyDescent="0.2">
      <c r="A2245" s="239">
        <f>'CPT Data'!B2253</f>
        <v>22.513999999999999</v>
      </c>
      <c r="B2245" s="3">
        <f>'CPT Data'!C2253</f>
        <v>22.506999999999998</v>
      </c>
      <c r="C2245" t="str">
        <f>'CPT Data'!P2253</f>
        <v>SAND</v>
      </c>
      <c r="D2245" t="e">
        <f>'CPT Data'!Q2253</f>
        <v>#N/A</v>
      </c>
      <c r="E2245" t="e">
        <f t="shared" si="35"/>
        <v>#N/A</v>
      </c>
      <c r="F2245" t="str">
        <f>IF(C2245="CLAY", INDEX(D$4:D2245, MATCH("CLAY", C$4:C2245, 0)), "")</f>
        <v/>
      </c>
    </row>
    <row r="2246" spans="1:6" x14ac:dyDescent="0.2">
      <c r="A2246" s="239">
        <f>'CPT Data'!B2254</f>
        <v>22.524000000000001</v>
      </c>
      <c r="B2246" s="3">
        <f>'CPT Data'!C2254</f>
        <v>22.516999999999999</v>
      </c>
      <c r="C2246" t="str">
        <f>'CPT Data'!P2254</f>
        <v>SAND</v>
      </c>
      <c r="D2246" t="e">
        <f>'CPT Data'!Q2254</f>
        <v>#N/A</v>
      </c>
      <c r="E2246" t="e">
        <f t="shared" si="35"/>
        <v>#N/A</v>
      </c>
      <c r="F2246" t="str">
        <f>IF(C2246="CLAY", INDEX(D$4:D2246, MATCH("CLAY", C$4:C2246, 0)), "")</f>
        <v/>
      </c>
    </row>
    <row r="2247" spans="1:6" x14ac:dyDescent="0.2">
      <c r="A2247" s="239">
        <f>'CPT Data'!B2255</f>
        <v>22.533000000000001</v>
      </c>
      <c r="B2247" s="3">
        <f>'CPT Data'!C2255</f>
        <v>22.526</v>
      </c>
      <c r="C2247" t="str">
        <f>'CPT Data'!P2255</f>
        <v>SAND</v>
      </c>
      <c r="D2247" t="e">
        <f>'CPT Data'!Q2255</f>
        <v>#N/A</v>
      </c>
      <c r="E2247" t="e">
        <f t="shared" si="35"/>
        <v>#N/A</v>
      </c>
      <c r="F2247" t="str">
        <f>IF(C2247="CLAY", INDEX(D$4:D2247, MATCH("CLAY", C$4:C2247, 0)), "")</f>
        <v/>
      </c>
    </row>
    <row r="2248" spans="1:6" x14ac:dyDescent="0.2">
      <c r="A2248" s="239">
        <f>'CPT Data'!B2256</f>
        <v>22.542999999999999</v>
      </c>
      <c r="B2248" s="3">
        <f>'CPT Data'!C2256</f>
        <v>22.535999999999998</v>
      </c>
      <c r="C2248" t="str">
        <f>'CPT Data'!P2256</f>
        <v>SAND</v>
      </c>
      <c r="D2248" t="e">
        <f>'CPT Data'!Q2256</f>
        <v>#N/A</v>
      </c>
      <c r="E2248" t="e">
        <f t="shared" si="35"/>
        <v>#N/A</v>
      </c>
      <c r="F2248" t="str">
        <f>IF(C2248="CLAY", INDEX(D$4:D2248, MATCH("CLAY", C$4:C2248, 0)), "")</f>
        <v/>
      </c>
    </row>
    <row r="2249" spans="1:6" x14ac:dyDescent="0.2">
      <c r="A2249" s="239">
        <f>'CPT Data'!B2257</f>
        <v>22.553000000000001</v>
      </c>
      <c r="B2249" s="3">
        <f>'CPT Data'!C2257</f>
        <v>22.545999999999999</v>
      </c>
      <c r="C2249" t="str">
        <f>'CPT Data'!P2257</f>
        <v>SAND</v>
      </c>
      <c r="D2249" t="e">
        <f>'CPT Data'!Q2257</f>
        <v>#N/A</v>
      </c>
      <c r="E2249" t="e">
        <f t="shared" si="35"/>
        <v>#N/A</v>
      </c>
      <c r="F2249" t="str">
        <f>IF(C2249="CLAY", INDEX(D$4:D2249, MATCH("CLAY", C$4:C2249, 0)), "")</f>
        <v/>
      </c>
    </row>
    <row r="2250" spans="1:6" x14ac:dyDescent="0.2">
      <c r="A2250" s="239">
        <f>'CPT Data'!B2258</f>
        <v>22.562000000000001</v>
      </c>
      <c r="B2250" s="3">
        <f>'CPT Data'!C2258</f>
        <v>22.555</v>
      </c>
      <c r="C2250" t="str">
        <f>'CPT Data'!P2258</f>
        <v>SAND</v>
      </c>
      <c r="D2250" t="e">
        <f>'CPT Data'!Q2258</f>
        <v>#N/A</v>
      </c>
      <c r="E2250" t="e">
        <f t="shared" si="35"/>
        <v>#N/A</v>
      </c>
      <c r="F2250" t="str">
        <f>IF(C2250="CLAY", INDEX(D$4:D2250, MATCH("CLAY", C$4:C2250, 0)), "")</f>
        <v/>
      </c>
    </row>
    <row r="2251" spans="1:6" x14ac:dyDescent="0.2">
      <c r="A2251" s="239">
        <f>'CPT Data'!B2259</f>
        <v>22.571999999999999</v>
      </c>
      <c r="B2251" s="3">
        <f>'CPT Data'!C2259</f>
        <v>22.564999999999998</v>
      </c>
      <c r="C2251" t="str">
        <f>'CPT Data'!P2259</f>
        <v>SAND</v>
      </c>
      <c r="D2251" t="e">
        <f>'CPT Data'!Q2259</f>
        <v>#N/A</v>
      </c>
      <c r="E2251" t="e">
        <f t="shared" si="35"/>
        <v>#N/A</v>
      </c>
      <c r="F2251" t="str">
        <f>IF(C2251="CLAY", INDEX(D$4:D2251, MATCH("CLAY", C$4:C2251, 0)), "")</f>
        <v/>
      </c>
    </row>
    <row r="2252" spans="1:6" x14ac:dyDescent="0.2">
      <c r="A2252" s="239">
        <f>'CPT Data'!B2260</f>
        <v>22.581</v>
      </c>
      <c r="B2252" s="3">
        <f>'CPT Data'!C2260</f>
        <v>22.573999999999998</v>
      </c>
      <c r="C2252" t="str">
        <f>'CPT Data'!P2260</f>
        <v>SAND</v>
      </c>
      <c r="D2252" t="e">
        <f>'CPT Data'!Q2260</f>
        <v>#N/A</v>
      </c>
      <c r="E2252" t="e">
        <f t="shared" si="35"/>
        <v>#N/A</v>
      </c>
      <c r="F2252" t="str">
        <f>IF(C2252="CLAY", INDEX(D$4:D2252, MATCH("CLAY", C$4:C2252, 0)), "")</f>
        <v/>
      </c>
    </row>
    <row r="2253" spans="1:6" x14ac:dyDescent="0.2">
      <c r="A2253" s="239">
        <f>'CPT Data'!B2261</f>
        <v>22.591999999999999</v>
      </c>
      <c r="B2253" s="3">
        <f>'CPT Data'!C2261</f>
        <v>22.584999999999997</v>
      </c>
      <c r="C2253" t="str">
        <f>'CPT Data'!P2261</f>
        <v>SAND</v>
      </c>
      <c r="D2253" t="e">
        <f>'CPT Data'!Q2261</f>
        <v>#N/A</v>
      </c>
      <c r="E2253" t="e">
        <f t="shared" si="35"/>
        <v>#N/A</v>
      </c>
      <c r="F2253" t="str">
        <f>IF(C2253="CLAY", INDEX(D$4:D2253, MATCH("CLAY", C$4:C2253, 0)), "")</f>
        <v/>
      </c>
    </row>
    <row r="2254" spans="1:6" x14ac:dyDescent="0.2">
      <c r="A2254" s="239">
        <f>'CPT Data'!B2262</f>
        <v>22.600999999999999</v>
      </c>
      <c r="B2254" s="3">
        <f>'CPT Data'!C2262</f>
        <v>22.593999999999998</v>
      </c>
      <c r="C2254" t="str">
        <f>'CPT Data'!P2262</f>
        <v>SAND</v>
      </c>
      <c r="D2254" t="e">
        <f>'CPT Data'!Q2262</f>
        <v>#N/A</v>
      </c>
      <c r="E2254" t="e">
        <f t="shared" si="35"/>
        <v>#N/A</v>
      </c>
      <c r="F2254" t="str">
        <f>IF(C2254="CLAY", INDEX(D$4:D2254, MATCH("CLAY", C$4:C2254, 0)), "")</f>
        <v/>
      </c>
    </row>
    <row r="2255" spans="1:6" x14ac:dyDescent="0.2">
      <c r="A2255" s="239">
        <f>'CPT Data'!B2263</f>
        <v>22.611000000000001</v>
      </c>
      <c r="B2255" s="3">
        <f>'CPT Data'!C2263</f>
        <v>22.603999999999999</v>
      </c>
      <c r="C2255" t="str">
        <f>'CPT Data'!P2263</f>
        <v>SAND</v>
      </c>
      <c r="D2255" t="e">
        <f>'CPT Data'!Q2263</f>
        <v>#N/A</v>
      </c>
      <c r="E2255" t="e">
        <f t="shared" si="35"/>
        <v>#N/A</v>
      </c>
      <c r="F2255" t="str">
        <f>IF(C2255="CLAY", INDEX(D$4:D2255, MATCH("CLAY", C$4:C2255, 0)), "")</f>
        <v/>
      </c>
    </row>
    <row r="2256" spans="1:6" x14ac:dyDescent="0.2">
      <c r="A2256" s="239">
        <f>'CPT Data'!B2264</f>
        <v>22.620999999999999</v>
      </c>
      <c r="B2256" s="3">
        <f>'CPT Data'!C2264</f>
        <v>22.613999999999997</v>
      </c>
      <c r="C2256" t="str">
        <f>'CPT Data'!P2264</f>
        <v>SAND</v>
      </c>
      <c r="D2256" t="e">
        <f>'CPT Data'!Q2264</f>
        <v>#N/A</v>
      </c>
      <c r="E2256" t="e">
        <f t="shared" si="35"/>
        <v>#N/A</v>
      </c>
      <c r="F2256" t="str">
        <f>IF(C2256="CLAY", INDEX(D$4:D2256, MATCH("CLAY", C$4:C2256, 0)), "")</f>
        <v/>
      </c>
    </row>
    <row r="2257" spans="1:6" x14ac:dyDescent="0.2">
      <c r="A2257" s="239">
        <f>'CPT Data'!B2265</f>
        <v>22.63</v>
      </c>
      <c r="B2257" s="3">
        <f>'CPT Data'!C2265</f>
        <v>22.622999999999998</v>
      </c>
      <c r="C2257" t="str">
        <f>'CPT Data'!P2265</f>
        <v>SAND</v>
      </c>
      <c r="D2257" t="e">
        <f>'CPT Data'!Q2265</f>
        <v>#N/A</v>
      </c>
      <c r="E2257" t="e">
        <f t="shared" si="35"/>
        <v>#N/A</v>
      </c>
      <c r="F2257" t="str">
        <f>IF(C2257="CLAY", INDEX(D$4:D2257, MATCH("CLAY", C$4:C2257, 0)), "")</f>
        <v/>
      </c>
    </row>
    <row r="2258" spans="1:6" x14ac:dyDescent="0.2">
      <c r="A2258" s="239">
        <f>'CPT Data'!B2266</f>
        <v>22.640999999999998</v>
      </c>
      <c r="B2258" s="3">
        <f>'CPT Data'!C2266</f>
        <v>22.633999999999997</v>
      </c>
      <c r="C2258" t="str">
        <f>'CPT Data'!P2266</f>
        <v>SAND</v>
      </c>
      <c r="D2258" t="e">
        <f>'CPT Data'!Q2266</f>
        <v>#N/A</v>
      </c>
      <c r="E2258" t="e">
        <f t="shared" si="35"/>
        <v>#N/A</v>
      </c>
      <c r="F2258" t="str">
        <f>IF(C2258="CLAY", INDEX(D$4:D2258, MATCH("CLAY", C$4:C2258, 0)), "")</f>
        <v/>
      </c>
    </row>
    <row r="2259" spans="1:6" x14ac:dyDescent="0.2">
      <c r="A2259" s="239">
        <f>'CPT Data'!B2267</f>
        <v>22.651</v>
      </c>
      <c r="B2259" s="3">
        <f>'CPT Data'!C2267</f>
        <v>22.643999999999998</v>
      </c>
      <c r="C2259" t="str">
        <f>'CPT Data'!P2267</f>
        <v>SAND</v>
      </c>
      <c r="D2259" t="e">
        <f>'CPT Data'!Q2267</f>
        <v>#N/A</v>
      </c>
      <c r="E2259" t="e">
        <f t="shared" si="35"/>
        <v>#N/A</v>
      </c>
      <c r="F2259" t="str">
        <f>IF(C2259="CLAY", INDEX(D$4:D2259, MATCH("CLAY", C$4:C2259, 0)), "")</f>
        <v/>
      </c>
    </row>
    <row r="2260" spans="1:6" x14ac:dyDescent="0.2">
      <c r="A2260" s="239">
        <f>'CPT Data'!B2268</f>
        <v>22.66</v>
      </c>
      <c r="B2260" s="3">
        <f>'CPT Data'!C2268</f>
        <v>22.652999999999999</v>
      </c>
      <c r="C2260" t="str">
        <f>'CPT Data'!P2268</f>
        <v>SAND</v>
      </c>
      <c r="D2260" t="e">
        <f>'CPT Data'!Q2268</f>
        <v>#N/A</v>
      </c>
      <c r="E2260" t="e">
        <f t="shared" si="35"/>
        <v>#N/A</v>
      </c>
      <c r="F2260" t="str">
        <f>IF(C2260="CLAY", INDEX(D$4:D2260, MATCH("CLAY", C$4:C2260, 0)), "")</f>
        <v/>
      </c>
    </row>
    <row r="2261" spans="1:6" x14ac:dyDescent="0.2">
      <c r="A2261" s="239">
        <f>'CPT Data'!B2269</f>
        <v>22.670999999999999</v>
      </c>
      <c r="B2261" s="3">
        <f>'CPT Data'!C2269</f>
        <v>22.663999999999998</v>
      </c>
      <c r="C2261" t="str">
        <f>'CPT Data'!P2269</f>
        <v>SAND</v>
      </c>
      <c r="D2261" t="e">
        <f>'CPT Data'!Q2269</f>
        <v>#N/A</v>
      </c>
      <c r="E2261" t="e">
        <f t="shared" si="35"/>
        <v>#N/A</v>
      </c>
      <c r="F2261" t="str">
        <f>IF(C2261="CLAY", INDEX(D$4:D2261, MATCH("CLAY", C$4:C2261, 0)), "")</f>
        <v/>
      </c>
    </row>
    <row r="2262" spans="1:6" x14ac:dyDescent="0.2">
      <c r="A2262" s="239">
        <f>'CPT Data'!B2270</f>
        <v>22.68</v>
      </c>
      <c r="B2262" s="3">
        <f>'CPT Data'!C2270</f>
        <v>22.672999999999998</v>
      </c>
      <c r="C2262" t="str">
        <f>'CPT Data'!P2270</f>
        <v>SAND</v>
      </c>
      <c r="D2262" t="e">
        <f>'CPT Data'!Q2270</f>
        <v>#N/A</v>
      </c>
      <c r="E2262" t="e">
        <f t="shared" si="35"/>
        <v>#N/A</v>
      </c>
      <c r="F2262" t="str">
        <f>IF(C2262="CLAY", INDEX(D$4:D2262, MATCH("CLAY", C$4:C2262, 0)), "")</f>
        <v/>
      </c>
    </row>
    <row r="2263" spans="1:6" x14ac:dyDescent="0.2">
      <c r="A2263" s="239">
        <f>'CPT Data'!B2271</f>
        <v>22.689</v>
      </c>
      <c r="B2263" s="3">
        <f>'CPT Data'!C2271</f>
        <v>22.681999999999999</v>
      </c>
      <c r="C2263" t="str">
        <f>'CPT Data'!P2271</f>
        <v>SAND</v>
      </c>
      <c r="D2263" t="e">
        <f>'CPT Data'!Q2271</f>
        <v>#N/A</v>
      </c>
      <c r="E2263" t="e">
        <f t="shared" si="35"/>
        <v>#N/A</v>
      </c>
      <c r="F2263" t="str">
        <f>IF(C2263="CLAY", INDEX(D$4:D2263, MATCH("CLAY", C$4:C2263, 0)), "")</f>
        <v/>
      </c>
    </row>
    <row r="2264" spans="1:6" x14ac:dyDescent="0.2">
      <c r="A2264" s="239">
        <f>'CPT Data'!B2272</f>
        <v>22.7</v>
      </c>
      <c r="B2264" s="3">
        <f>'CPT Data'!C2272</f>
        <v>22.692999999999998</v>
      </c>
      <c r="C2264" t="str">
        <f>'CPT Data'!P2272</f>
        <v>SAND</v>
      </c>
      <c r="D2264" t="e">
        <f>'CPT Data'!Q2272</f>
        <v>#N/A</v>
      </c>
      <c r="E2264" t="e">
        <f t="shared" si="35"/>
        <v>#N/A</v>
      </c>
      <c r="F2264" t="str">
        <f>IF(C2264="CLAY", INDEX(D$4:D2264, MATCH("CLAY", C$4:C2264, 0)), "")</f>
        <v/>
      </c>
    </row>
    <row r="2265" spans="1:6" x14ac:dyDescent="0.2">
      <c r="A2265" s="239">
        <f>'CPT Data'!B2273</f>
        <v>22.709</v>
      </c>
      <c r="B2265" s="3">
        <f>'CPT Data'!C2273</f>
        <v>22.701999999999998</v>
      </c>
      <c r="C2265" t="str">
        <f>'CPT Data'!P2273</f>
        <v>SAND</v>
      </c>
      <c r="D2265" t="e">
        <f>'CPT Data'!Q2273</f>
        <v>#N/A</v>
      </c>
      <c r="E2265" t="e">
        <f t="shared" si="35"/>
        <v>#N/A</v>
      </c>
      <c r="F2265" t="str">
        <f>IF(C2265="CLAY", INDEX(D$4:D2265, MATCH("CLAY", C$4:C2265, 0)), "")</f>
        <v/>
      </c>
    </row>
    <row r="2266" spans="1:6" x14ac:dyDescent="0.2">
      <c r="A2266" s="239">
        <f>'CPT Data'!B2274</f>
        <v>22.719000000000001</v>
      </c>
      <c r="B2266" s="3">
        <f>'CPT Data'!C2274</f>
        <v>22.712</v>
      </c>
      <c r="C2266" t="str">
        <f>'CPT Data'!P2274</f>
        <v>SAND</v>
      </c>
      <c r="D2266" t="e">
        <f>'CPT Data'!Q2274</f>
        <v>#N/A</v>
      </c>
      <c r="E2266" t="e">
        <f t="shared" si="35"/>
        <v>#N/A</v>
      </c>
      <c r="F2266" t="str">
        <f>IF(C2266="CLAY", INDEX(D$4:D2266, MATCH("CLAY", C$4:C2266, 0)), "")</f>
        <v/>
      </c>
    </row>
    <row r="2267" spans="1:6" x14ac:dyDescent="0.2">
      <c r="A2267" s="239">
        <f>'CPT Data'!B2275</f>
        <v>22.728000000000002</v>
      </c>
      <c r="B2267" s="3">
        <f>'CPT Data'!C2275</f>
        <v>22.721</v>
      </c>
      <c r="C2267" t="str">
        <f>'CPT Data'!P2275</f>
        <v>SAND</v>
      </c>
      <c r="D2267" t="e">
        <f>'CPT Data'!Q2275</f>
        <v>#N/A</v>
      </c>
      <c r="E2267" t="e">
        <f t="shared" ref="E2267:E2330" si="36">IF(C2267="SAND",#N/A,IF(C2267=C2266,D2266,IF(C2267="CLAY",D2267,#N/A)))</f>
        <v>#N/A</v>
      </c>
      <c r="F2267" t="str">
        <f>IF(C2267="CLAY", INDEX(D$4:D2267, MATCH("CLAY", C$4:C2267, 0)), "")</f>
        <v/>
      </c>
    </row>
    <row r="2268" spans="1:6" x14ac:dyDescent="0.2">
      <c r="A2268" s="239">
        <f>'CPT Data'!B2276</f>
        <v>22.739000000000001</v>
      </c>
      <c r="B2268" s="3">
        <f>'CPT Data'!C2276</f>
        <v>22.731999999999999</v>
      </c>
      <c r="C2268" t="str">
        <f>'CPT Data'!P2276</f>
        <v>SAND</v>
      </c>
      <c r="D2268" t="e">
        <f>'CPT Data'!Q2276</f>
        <v>#N/A</v>
      </c>
      <c r="E2268" t="e">
        <f t="shared" si="36"/>
        <v>#N/A</v>
      </c>
      <c r="F2268" t="str">
        <f>IF(C2268="CLAY", INDEX(D$4:D2268, MATCH("CLAY", C$4:C2268, 0)), "")</f>
        <v/>
      </c>
    </row>
    <row r="2269" spans="1:6" x14ac:dyDescent="0.2">
      <c r="A2269" s="239">
        <f>'CPT Data'!B2277</f>
        <v>22.748999999999999</v>
      </c>
      <c r="B2269" s="3">
        <f>'CPT Data'!C2277</f>
        <v>22.741999999999997</v>
      </c>
      <c r="C2269" t="str">
        <f>'CPT Data'!P2277</f>
        <v>CLAY</v>
      </c>
      <c r="D2269">
        <f>'CPT Data'!Q2277</f>
        <v>336.4466160746141</v>
      </c>
      <c r="E2269">
        <f t="shared" si="36"/>
        <v>336.4466160746141</v>
      </c>
      <c r="F2269">
        <f>IF(C2269="CLAY", INDEX(D$4:D2269, MATCH("CLAY", C$4:C2269, 0)), "")</f>
        <v>0.75203252561341039</v>
      </c>
    </row>
    <row r="2270" spans="1:6" x14ac:dyDescent="0.2">
      <c r="A2270" s="239">
        <f>'CPT Data'!B2278</f>
        <v>22.759</v>
      </c>
      <c r="B2270" s="3">
        <f>'CPT Data'!C2278</f>
        <v>22.751999999999999</v>
      </c>
      <c r="C2270" t="str">
        <f>'CPT Data'!P2278</f>
        <v>CLAY</v>
      </c>
      <c r="D2270">
        <f>'CPT Data'!Q2278</f>
        <v>311.28184333761686</v>
      </c>
      <c r="E2270">
        <f t="shared" si="36"/>
        <v>336.4466160746141</v>
      </c>
      <c r="F2270">
        <f>IF(C2270="CLAY", INDEX(D$4:D2270, MATCH("CLAY", C$4:C2270, 0)), "")</f>
        <v>0.75203252561341039</v>
      </c>
    </row>
    <row r="2271" spans="1:6" x14ac:dyDescent="0.2">
      <c r="A2271" s="239">
        <f>'CPT Data'!B2279</f>
        <v>22.768000000000001</v>
      </c>
      <c r="B2271" s="3">
        <f>'CPT Data'!C2279</f>
        <v>22.760999999999999</v>
      </c>
      <c r="C2271" t="str">
        <f>'CPT Data'!P2279</f>
        <v>CLAY</v>
      </c>
      <c r="D2271">
        <f>'CPT Data'!Q2279</f>
        <v>285.65965317400173</v>
      </c>
      <c r="E2271">
        <f t="shared" si="36"/>
        <v>311.28184333761686</v>
      </c>
      <c r="F2271">
        <f>IF(C2271="CLAY", INDEX(D$4:D2271, MATCH("CLAY", C$4:C2271, 0)), "")</f>
        <v>0.75203252561341039</v>
      </c>
    </row>
    <row r="2272" spans="1:6" x14ac:dyDescent="0.2">
      <c r="A2272" s="239">
        <f>'CPT Data'!B2280</f>
        <v>22.777999999999999</v>
      </c>
      <c r="B2272" s="3">
        <f>'CPT Data'!C2280</f>
        <v>22.770999999999997</v>
      </c>
      <c r="C2272" t="str">
        <f>'CPT Data'!P2280</f>
        <v>CLAY</v>
      </c>
      <c r="D2272">
        <f>'CPT Data'!Q2280</f>
        <v>264.80242074049653</v>
      </c>
      <c r="E2272">
        <f t="shared" si="36"/>
        <v>285.65965317400173</v>
      </c>
      <c r="F2272">
        <f>IF(C2272="CLAY", INDEX(D$4:D2272, MATCH("CLAY", C$4:C2272, 0)), "")</f>
        <v>0.75203252561341039</v>
      </c>
    </row>
    <row r="2273" spans="1:6" x14ac:dyDescent="0.2">
      <c r="A2273" s="239">
        <f>'CPT Data'!B2281</f>
        <v>22.789000000000001</v>
      </c>
      <c r="B2273" s="3">
        <f>'CPT Data'!C2281</f>
        <v>22.782</v>
      </c>
      <c r="C2273" t="str">
        <f>'CPT Data'!P2281</f>
        <v>CLAY</v>
      </c>
      <c r="D2273">
        <f>'CPT Data'!Q2281</f>
        <v>250.05043822167025</v>
      </c>
      <c r="E2273">
        <f t="shared" si="36"/>
        <v>264.80242074049653</v>
      </c>
      <c r="F2273">
        <f>IF(C2273="CLAY", INDEX(D$4:D2273, MATCH("CLAY", C$4:C2273, 0)), "")</f>
        <v>0.75203252561341039</v>
      </c>
    </row>
    <row r="2274" spans="1:6" x14ac:dyDescent="0.2">
      <c r="A2274" s="239">
        <f>'CPT Data'!B2282</f>
        <v>22.797999999999998</v>
      </c>
      <c r="B2274" s="3">
        <f>'CPT Data'!C2282</f>
        <v>22.790999999999997</v>
      </c>
      <c r="C2274" t="str">
        <f>'CPT Data'!P2282</f>
        <v>CLAY</v>
      </c>
      <c r="D2274">
        <f>'CPT Data'!Q2282</f>
        <v>231.89051890143674</v>
      </c>
      <c r="E2274">
        <f t="shared" si="36"/>
        <v>250.05043822167025</v>
      </c>
      <c r="F2274">
        <f>IF(C2274="CLAY", INDEX(D$4:D2274, MATCH("CLAY", C$4:C2274, 0)), "")</f>
        <v>0.75203252561341039</v>
      </c>
    </row>
    <row r="2275" spans="1:6" x14ac:dyDescent="0.2">
      <c r="A2275" s="239">
        <f>'CPT Data'!B2283</f>
        <v>22.808</v>
      </c>
      <c r="B2275" s="3">
        <f>'CPT Data'!C2283</f>
        <v>22.800999999999998</v>
      </c>
      <c r="C2275" t="str">
        <f>'CPT Data'!P2283</f>
        <v>CLAY</v>
      </c>
      <c r="D2275">
        <f>'CPT Data'!Q2283</f>
        <v>207.2250924180926</v>
      </c>
      <c r="E2275">
        <f t="shared" si="36"/>
        <v>231.89051890143674</v>
      </c>
      <c r="F2275">
        <f>IF(C2275="CLAY", INDEX(D$4:D2275, MATCH("CLAY", C$4:C2275, 0)), "")</f>
        <v>0.75203252561341039</v>
      </c>
    </row>
    <row r="2276" spans="1:6" x14ac:dyDescent="0.2">
      <c r="A2276" s="239">
        <f>'CPT Data'!B2284</f>
        <v>22.818999999999999</v>
      </c>
      <c r="B2276" s="3">
        <f>'CPT Data'!C2284</f>
        <v>22.811999999999998</v>
      </c>
      <c r="C2276" t="str">
        <f>'CPT Data'!P2284</f>
        <v>CLAY</v>
      </c>
      <c r="D2276">
        <f>'CPT Data'!Q2284</f>
        <v>192.15843584766537</v>
      </c>
      <c r="E2276">
        <f t="shared" si="36"/>
        <v>207.2250924180926</v>
      </c>
      <c r="F2276">
        <f>IF(C2276="CLAY", INDEX(D$4:D2276, MATCH("CLAY", C$4:C2276, 0)), "")</f>
        <v>0.75203252561341039</v>
      </c>
    </row>
    <row r="2277" spans="1:6" x14ac:dyDescent="0.2">
      <c r="A2277" s="239">
        <f>'CPT Data'!B2285</f>
        <v>22.827999999999999</v>
      </c>
      <c r="B2277" s="3">
        <f>'CPT Data'!C2285</f>
        <v>22.820999999999998</v>
      </c>
      <c r="C2277" t="str">
        <f>'CPT Data'!P2285</f>
        <v>CLAY</v>
      </c>
      <c r="D2277">
        <f>'CPT Data'!Q2285</f>
        <v>185.66272610664183</v>
      </c>
      <c r="E2277">
        <f t="shared" si="36"/>
        <v>192.15843584766537</v>
      </c>
      <c r="F2277">
        <f>IF(C2277="CLAY", INDEX(D$4:D2277, MATCH("CLAY", C$4:C2277, 0)), "")</f>
        <v>0.75203252561341039</v>
      </c>
    </row>
    <row r="2278" spans="1:6" x14ac:dyDescent="0.2">
      <c r="A2278" s="239">
        <f>'CPT Data'!B2286</f>
        <v>22.838999999999999</v>
      </c>
      <c r="B2278" s="3">
        <f>'CPT Data'!C2286</f>
        <v>22.831999999999997</v>
      </c>
      <c r="C2278" t="str">
        <f>'CPT Data'!P2286</f>
        <v>CLAY</v>
      </c>
      <c r="D2278">
        <f>'CPT Data'!Q2286</f>
        <v>195.38233785587011</v>
      </c>
      <c r="E2278">
        <f t="shared" si="36"/>
        <v>185.66272610664183</v>
      </c>
      <c r="F2278">
        <f>IF(C2278="CLAY", INDEX(D$4:D2278, MATCH("CLAY", C$4:C2278, 0)), "")</f>
        <v>0.75203252561341039</v>
      </c>
    </row>
    <row r="2279" spans="1:6" x14ac:dyDescent="0.2">
      <c r="A2279" s="239">
        <f>'CPT Data'!B2287</f>
        <v>22.847999999999999</v>
      </c>
      <c r="B2279" s="3">
        <f>'CPT Data'!C2287</f>
        <v>22.840999999999998</v>
      </c>
      <c r="C2279" t="str">
        <f>'CPT Data'!P2287</f>
        <v>CLAY</v>
      </c>
      <c r="D2279">
        <f>'CPT Data'!Q2287</f>
        <v>230.37961681328531</v>
      </c>
      <c r="E2279">
        <f t="shared" si="36"/>
        <v>195.38233785587011</v>
      </c>
      <c r="F2279">
        <f>IF(C2279="CLAY", INDEX(D$4:D2279, MATCH("CLAY", C$4:C2279, 0)), "")</f>
        <v>0.75203252561341039</v>
      </c>
    </row>
    <row r="2280" spans="1:6" x14ac:dyDescent="0.2">
      <c r="A2280" s="239">
        <f>'CPT Data'!B2288</f>
        <v>22.856999999999999</v>
      </c>
      <c r="B2280" s="3">
        <f>'CPT Data'!C2288</f>
        <v>22.849999999999998</v>
      </c>
      <c r="C2280" t="str">
        <f>'CPT Data'!P2288</f>
        <v>CLAY</v>
      </c>
      <c r="D2280">
        <f>'CPT Data'!Q2288</f>
        <v>284.06023805270985</v>
      </c>
      <c r="E2280">
        <f t="shared" si="36"/>
        <v>230.37961681328531</v>
      </c>
      <c r="F2280">
        <f>IF(C2280="CLAY", INDEX(D$4:D2280, MATCH("CLAY", C$4:C2280, 0)), "")</f>
        <v>0.75203252561341039</v>
      </c>
    </row>
    <row r="2281" spans="1:6" x14ac:dyDescent="0.2">
      <c r="A2281" s="239">
        <f>'CPT Data'!B2289</f>
        <v>22.867000000000001</v>
      </c>
      <c r="B2281" s="3">
        <f>'CPT Data'!C2289</f>
        <v>22.86</v>
      </c>
      <c r="C2281" t="str">
        <f>'CPT Data'!P2289</f>
        <v>CLAY</v>
      </c>
      <c r="D2281">
        <f>'CPT Data'!Q2289</f>
        <v>356.0880164147473</v>
      </c>
      <c r="E2281">
        <f t="shared" si="36"/>
        <v>284.06023805270985</v>
      </c>
      <c r="F2281">
        <f>IF(C2281="CLAY", INDEX(D$4:D2281, MATCH("CLAY", C$4:C2281, 0)), "")</f>
        <v>0.75203252561341039</v>
      </c>
    </row>
    <row r="2282" spans="1:6" x14ac:dyDescent="0.2">
      <c r="A2282" s="239">
        <f>'CPT Data'!B2290</f>
        <v>22.876999999999999</v>
      </c>
      <c r="B2282" s="3">
        <f>'CPT Data'!C2290</f>
        <v>22.869999999999997</v>
      </c>
      <c r="C2282" t="str">
        <f>'CPT Data'!P2290</f>
        <v>CLAY</v>
      </c>
      <c r="D2282">
        <f>'CPT Data'!Q2290</f>
        <v>439.29751916575742</v>
      </c>
      <c r="E2282">
        <f t="shared" si="36"/>
        <v>356.0880164147473</v>
      </c>
      <c r="F2282">
        <f>IF(C2282="CLAY", INDEX(D$4:D2282, MATCH("CLAY", C$4:C2282, 0)), "")</f>
        <v>0.75203252561341039</v>
      </c>
    </row>
    <row r="2283" spans="1:6" x14ac:dyDescent="0.2">
      <c r="A2283" s="239">
        <f>'CPT Data'!B2291</f>
        <v>22.887</v>
      </c>
      <c r="B2283" s="3">
        <f>'CPT Data'!C2291</f>
        <v>22.88</v>
      </c>
      <c r="C2283" t="str">
        <f>'CPT Data'!P2291</f>
        <v>SAND</v>
      </c>
      <c r="D2283" t="e">
        <f>'CPT Data'!Q2291</f>
        <v>#N/A</v>
      </c>
      <c r="E2283" t="e">
        <f t="shared" si="36"/>
        <v>#N/A</v>
      </c>
      <c r="F2283" t="str">
        <f>IF(C2283="CLAY", INDEX(D$4:D2283, MATCH("CLAY", C$4:C2283, 0)), "")</f>
        <v/>
      </c>
    </row>
    <row r="2284" spans="1:6" x14ac:dyDescent="0.2">
      <c r="A2284" s="239">
        <f>'CPT Data'!B2292</f>
        <v>22.896000000000001</v>
      </c>
      <c r="B2284" s="3">
        <f>'CPT Data'!C2292</f>
        <v>22.888999999999999</v>
      </c>
      <c r="C2284" t="str">
        <f>'CPT Data'!P2292</f>
        <v>SAND</v>
      </c>
      <c r="D2284" t="e">
        <f>'CPT Data'!Q2292</f>
        <v>#N/A</v>
      </c>
      <c r="E2284" t="e">
        <f t="shared" si="36"/>
        <v>#N/A</v>
      </c>
      <c r="F2284" t="str">
        <f>IF(C2284="CLAY", INDEX(D$4:D2284, MATCH("CLAY", C$4:C2284, 0)), "")</f>
        <v/>
      </c>
    </row>
    <row r="2285" spans="1:6" x14ac:dyDescent="0.2">
      <c r="A2285" s="239">
        <f>'CPT Data'!B2293</f>
        <v>22.905999999999999</v>
      </c>
      <c r="B2285" s="3">
        <f>'CPT Data'!C2293</f>
        <v>22.898999999999997</v>
      </c>
      <c r="C2285" t="str">
        <f>'CPT Data'!P2293</f>
        <v>SAND</v>
      </c>
      <c r="D2285" t="e">
        <f>'CPT Data'!Q2293</f>
        <v>#N/A</v>
      </c>
      <c r="E2285" t="e">
        <f t="shared" si="36"/>
        <v>#N/A</v>
      </c>
      <c r="F2285" t="str">
        <f>IF(C2285="CLAY", INDEX(D$4:D2285, MATCH("CLAY", C$4:C2285, 0)), "")</f>
        <v/>
      </c>
    </row>
    <row r="2286" spans="1:6" x14ac:dyDescent="0.2">
      <c r="A2286" s="239">
        <f>'CPT Data'!B2294</f>
        <v>22.914999999999999</v>
      </c>
      <c r="B2286" s="3">
        <f>'CPT Data'!C2294</f>
        <v>22.907999999999998</v>
      </c>
      <c r="C2286" t="str">
        <f>'CPT Data'!P2294</f>
        <v>SAND</v>
      </c>
      <c r="D2286" t="e">
        <f>'CPT Data'!Q2294</f>
        <v>#N/A</v>
      </c>
      <c r="E2286" t="e">
        <f t="shared" si="36"/>
        <v>#N/A</v>
      </c>
      <c r="F2286" t="str">
        <f>IF(C2286="CLAY", INDEX(D$4:D2286, MATCH("CLAY", C$4:C2286, 0)), "")</f>
        <v/>
      </c>
    </row>
    <row r="2287" spans="1:6" x14ac:dyDescent="0.2">
      <c r="A2287" s="239">
        <f>'CPT Data'!B2295</f>
        <v>22.923999999999999</v>
      </c>
      <c r="B2287" s="3">
        <f>'CPT Data'!C2295</f>
        <v>22.916999999999998</v>
      </c>
      <c r="C2287" t="str">
        <f>'CPT Data'!P2295</f>
        <v>SAND</v>
      </c>
      <c r="D2287" t="e">
        <f>'CPT Data'!Q2295</f>
        <v>#N/A</v>
      </c>
      <c r="E2287" t="e">
        <f t="shared" si="36"/>
        <v>#N/A</v>
      </c>
      <c r="F2287" t="str">
        <f>IF(C2287="CLAY", INDEX(D$4:D2287, MATCH("CLAY", C$4:C2287, 0)), "")</f>
        <v/>
      </c>
    </row>
    <row r="2288" spans="1:6" x14ac:dyDescent="0.2">
      <c r="A2288" s="239">
        <f>'CPT Data'!B2296</f>
        <v>22.934999999999999</v>
      </c>
      <c r="B2288" s="3">
        <f>'CPT Data'!C2296</f>
        <v>22.927999999999997</v>
      </c>
      <c r="C2288" t="str">
        <f>'CPT Data'!P2296</f>
        <v>SAND</v>
      </c>
      <c r="D2288" t="e">
        <f>'CPT Data'!Q2296</f>
        <v>#N/A</v>
      </c>
      <c r="E2288" t="e">
        <f t="shared" si="36"/>
        <v>#N/A</v>
      </c>
      <c r="F2288" t="str">
        <f>IF(C2288="CLAY", INDEX(D$4:D2288, MATCH("CLAY", C$4:C2288, 0)), "")</f>
        <v/>
      </c>
    </row>
    <row r="2289" spans="1:6" x14ac:dyDescent="0.2">
      <c r="A2289" s="239">
        <f>'CPT Data'!B2297</f>
        <v>22.943999999999999</v>
      </c>
      <c r="B2289" s="3">
        <f>'CPT Data'!C2297</f>
        <v>22.936999999999998</v>
      </c>
      <c r="C2289" t="str">
        <f>'CPT Data'!P2297</f>
        <v>SAND</v>
      </c>
      <c r="D2289" t="e">
        <f>'CPT Data'!Q2297</f>
        <v>#N/A</v>
      </c>
      <c r="E2289" t="e">
        <f t="shared" si="36"/>
        <v>#N/A</v>
      </c>
      <c r="F2289" t="str">
        <f>IF(C2289="CLAY", INDEX(D$4:D2289, MATCH("CLAY", C$4:C2289, 0)), "")</f>
        <v/>
      </c>
    </row>
    <row r="2290" spans="1:6" x14ac:dyDescent="0.2">
      <c r="A2290" s="239">
        <f>'CPT Data'!B2298</f>
        <v>22.954000000000001</v>
      </c>
      <c r="B2290" s="3">
        <f>'CPT Data'!C2298</f>
        <v>22.946999999999999</v>
      </c>
      <c r="C2290" t="str">
        <f>'CPT Data'!P2298</f>
        <v>SAND</v>
      </c>
      <c r="D2290" t="e">
        <f>'CPT Data'!Q2298</f>
        <v>#N/A</v>
      </c>
      <c r="E2290" t="e">
        <f t="shared" si="36"/>
        <v>#N/A</v>
      </c>
      <c r="F2290" t="str">
        <f>IF(C2290="CLAY", INDEX(D$4:D2290, MATCH("CLAY", C$4:C2290, 0)), "")</f>
        <v/>
      </c>
    </row>
    <row r="2291" spans="1:6" x14ac:dyDescent="0.2">
      <c r="A2291" s="239">
        <f>'CPT Data'!B2299</f>
        <v>22.963999999999999</v>
      </c>
      <c r="B2291" s="3">
        <f>'CPT Data'!C2299</f>
        <v>22.956999999999997</v>
      </c>
      <c r="C2291" t="str">
        <f>'CPT Data'!P2299</f>
        <v>SAND</v>
      </c>
      <c r="D2291" t="e">
        <f>'CPT Data'!Q2299</f>
        <v>#N/A</v>
      </c>
      <c r="E2291" t="e">
        <f t="shared" si="36"/>
        <v>#N/A</v>
      </c>
      <c r="F2291" t="str">
        <f>IF(C2291="CLAY", INDEX(D$4:D2291, MATCH("CLAY", C$4:C2291, 0)), "")</f>
        <v/>
      </c>
    </row>
    <row r="2292" spans="1:6" x14ac:dyDescent="0.2">
      <c r="A2292" s="239">
        <f>'CPT Data'!B2300</f>
        <v>22.974</v>
      </c>
      <c r="B2292" s="3">
        <f>'CPT Data'!C2300</f>
        <v>22.966999999999999</v>
      </c>
      <c r="C2292" t="str">
        <f>'CPT Data'!P2300</f>
        <v>SAND</v>
      </c>
      <c r="D2292" t="e">
        <f>'CPT Data'!Q2300</f>
        <v>#N/A</v>
      </c>
      <c r="E2292" t="e">
        <f t="shared" si="36"/>
        <v>#N/A</v>
      </c>
      <c r="F2292" t="str">
        <f>IF(C2292="CLAY", INDEX(D$4:D2292, MATCH("CLAY", C$4:C2292, 0)), "")</f>
        <v/>
      </c>
    </row>
    <row r="2293" spans="1:6" x14ac:dyDescent="0.2">
      <c r="A2293" s="239">
        <f>'CPT Data'!B2301</f>
        <v>22.983000000000001</v>
      </c>
      <c r="B2293" s="3">
        <f>'CPT Data'!C2301</f>
        <v>22.975999999999999</v>
      </c>
      <c r="C2293" t="str">
        <f>'CPT Data'!P2301</f>
        <v>SAND</v>
      </c>
      <c r="D2293" t="e">
        <f>'CPT Data'!Q2301</f>
        <v>#N/A</v>
      </c>
      <c r="E2293" t="e">
        <f t="shared" si="36"/>
        <v>#N/A</v>
      </c>
      <c r="F2293" t="str">
        <f>IF(C2293="CLAY", INDEX(D$4:D2293, MATCH("CLAY", C$4:C2293, 0)), "")</f>
        <v/>
      </c>
    </row>
    <row r="2294" spans="1:6" x14ac:dyDescent="0.2">
      <c r="A2294" s="239">
        <f>'CPT Data'!B2302</f>
        <v>22.994</v>
      </c>
      <c r="B2294" s="3">
        <f>'CPT Data'!C2302</f>
        <v>22.986999999999998</v>
      </c>
      <c r="C2294" t="str">
        <f>'CPT Data'!P2302</f>
        <v>SAND</v>
      </c>
      <c r="D2294" t="e">
        <f>'CPT Data'!Q2302</f>
        <v>#N/A</v>
      </c>
      <c r="E2294" t="e">
        <f t="shared" si="36"/>
        <v>#N/A</v>
      </c>
      <c r="F2294" t="str">
        <f>IF(C2294="CLAY", INDEX(D$4:D2294, MATCH("CLAY", C$4:C2294, 0)), "")</f>
        <v/>
      </c>
    </row>
    <row r="2295" spans="1:6" x14ac:dyDescent="0.2">
      <c r="A2295" s="239">
        <f>'CPT Data'!B2303</f>
        <v>23.003</v>
      </c>
      <c r="B2295" s="3">
        <f>'CPT Data'!C2303</f>
        <v>22.995999999999999</v>
      </c>
      <c r="C2295" t="str">
        <f>'CPT Data'!P2303</f>
        <v>SAND</v>
      </c>
      <c r="D2295" t="e">
        <f>'CPT Data'!Q2303</f>
        <v>#N/A</v>
      </c>
      <c r="E2295" t="e">
        <f t="shared" si="36"/>
        <v>#N/A</v>
      </c>
      <c r="F2295" t="str">
        <f>IF(C2295="CLAY", INDEX(D$4:D2295, MATCH("CLAY", C$4:C2295, 0)), "")</f>
        <v/>
      </c>
    </row>
    <row r="2296" spans="1:6" x14ac:dyDescent="0.2">
      <c r="A2296" s="239">
        <f>'CPT Data'!B2304</f>
        <v>23.012</v>
      </c>
      <c r="B2296" s="3">
        <f>'CPT Data'!C2304</f>
        <v>23.004999999999999</v>
      </c>
      <c r="C2296" t="str">
        <f>'CPT Data'!P2304</f>
        <v>SAND</v>
      </c>
      <c r="D2296" t="e">
        <f>'CPT Data'!Q2304</f>
        <v>#N/A</v>
      </c>
      <c r="E2296" t="e">
        <f t="shared" si="36"/>
        <v>#N/A</v>
      </c>
      <c r="F2296" t="str">
        <f>IF(C2296="CLAY", INDEX(D$4:D2296, MATCH("CLAY", C$4:C2296, 0)), "")</f>
        <v/>
      </c>
    </row>
    <row r="2297" spans="1:6" x14ac:dyDescent="0.2">
      <c r="A2297" s="239">
        <f>'CPT Data'!B2305</f>
        <v>23.023</v>
      </c>
      <c r="B2297" s="3">
        <f>'CPT Data'!C2305</f>
        <v>23.015999999999998</v>
      </c>
      <c r="C2297" t="str">
        <f>'CPT Data'!P2305</f>
        <v>SAND</v>
      </c>
      <c r="D2297" t="e">
        <f>'CPT Data'!Q2305</f>
        <v>#N/A</v>
      </c>
      <c r="E2297" t="e">
        <f t="shared" si="36"/>
        <v>#N/A</v>
      </c>
      <c r="F2297" t="str">
        <f>IF(C2297="CLAY", INDEX(D$4:D2297, MATCH("CLAY", C$4:C2297, 0)), "")</f>
        <v/>
      </c>
    </row>
    <row r="2298" spans="1:6" x14ac:dyDescent="0.2">
      <c r="A2298" s="239">
        <f>'CPT Data'!B2306</f>
        <v>23.032</v>
      </c>
      <c r="B2298" s="3">
        <f>'CPT Data'!C2306</f>
        <v>23.024999999999999</v>
      </c>
      <c r="C2298" t="str">
        <f>'CPT Data'!P2306</f>
        <v>SAND</v>
      </c>
      <c r="D2298" t="e">
        <f>'CPT Data'!Q2306</f>
        <v>#N/A</v>
      </c>
      <c r="E2298" t="e">
        <f t="shared" si="36"/>
        <v>#N/A</v>
      </c>
      <c r="F2298" t="str">
        <f>IF(C2298="CLAY", INDEX(D$4:D2298, MATCH("CLAY", C$4:C2298, 0)), "")</f>
        <v/>
      </c>
    </row>
    <row r="2299" spans="1:6" x14ac:dyDescent="0.2">
      <c r="A2299" s="239">
        <f>'CPT Data'!B2307</f>
        <v>23.042000000000002</v>
      </c>
      <c r="B2299" s="3">
        <f>'CPT Data'!C2307</f>
        <v>23.035</v>
      </c>
      <c r="C2299" t="str">
        <f>'CPT Data'!P2307</f>
        <v>SAND</v>
      </c>
      <c r="D2299" t="e">
        <f>'CPT Data'!Q2307</f>
        <v>#N/A</v>
      </c>
      <c r="E2299" t="e">
        <f t="shared" si="36"/>
        <v>#N/A</v>
      </c>
      <c r="F2299" t="str">
        <f>IF(C2299="CLAY", INDEX(D$4:D2299, MATCH("CLAY", C$4:C2299, 0)), "")</f>
        <v/>
      </c>
    </row>
    <row r="2300" spans="1:6" x14ac:dyDescent="0.2">
      <c r="A2300" s="239">
        <f>'CPT Data'!B2308</f>
        <v>23.050999999999998</v>
      </c>
      <c r="B2300" s="3">
        <f>'CPT Data'!C2308</f>
        <v>23.043999999999997</v>
      </c>
      <c r="C2300" t="str">
        <f>'CPT Data'!P2308</f>
        <v>SAND</v>
      </c>
      <c r="D2300" t="e">
        <f>'CPT Data'!Q2308</f>
        <v>#N/A</v>
      </c>
      <c r="E2300" t="e">
        <f t="shared" si="36"/>
        <v>#N/A</v>
      </c>
      <c r="F2300" t="str">
        <f>IF(C2300="CLAY", INDEX(D$4:D2300, MATCH("CLAY", C$4:C2300, 0)), "")</f>
        <v/>
      </c>
    </row>
    <row r="2301" spans="1:6" x14ac:dyDescent="0.2">
      <c r="A2301" s="239">
        <f>'CPT Data'!B2309</f>
        <v>23.059000000000001</v>
      </c>
      <c r="B2301" s="3">
        <f>'CPT Data'!C2309</f>
        <v>23.052</v>
      </c>
      <c r="C2301" t="str">
        <f>'CPT Data'!P2309</f>
        <v>SAND</v>
      </c>
      <c r="D2301" t="e">
        <f>'CPT Data'!Q2309</f>
        <v>#N/A</v>
      </c>
      <c r="E2301" t="e">
        <f t="shared" si="36"/>
        <v>#N/A</v>
      </c>
      <c r="F2301" t="str">
        <f>IF(C2301="CLAY", INDEX(D$4:D2301, MATCH("CLAY", C$4:C2301, 0)), "")</f>
        <v/>
      </c>
    </row>
    <row r="2302" spans="1:6" x14ac:dyDescent="0.2">
      <c r="A2302" s="239">
        <f>'CPT Data'!B2310</f>
        <v>23.07</v>
      </c>
      <c r="B2302" s="3">
        <f>'CPT Data'!C2310</f>
        <v>23.062999999999999</v>
      </c>
      <c r="C2302" t="str">
        <f>'CPT Data'!P2310</f>
        <v>SAND</v>
      </c>
      <c r="D2302" t="e">
        <f>'CPT Data'!Q2310</f>
        <v>#N/A</v>
      </c>
      <c r="E2302" t="e">
        <f t="shared" si="36"/>
        <v>#N/A</v>
      </c>
      <c r="F2302" t="str">
        <f>IF(C2302="CLAY", INDEX(D$4:D2302, MATCH("CLAY", C$4:C2302, 0)), "")</f>
        <v/>
      </c>
    </row>
    <row r="2303" spans="1:6" x14ac:dyDescent="0.2">
      <c r="A2303" s="239">
        <f>'CPT Data'!B2311</f>
        <v>23.079000000000001</v>
      </c>
      <c r="B2303" s="3">
        <f>'CPT Data'!C2311</f>
        <v>23.071999999999999</v>
      </c>
      <c r="C2303" t="str">
        <f>'CPT Data'!P2311</f>
        <v>SAND</v>
      </c>
      <c r="D2303" t="e">
        <f>'CPT Data'!Q2311</f>
        <v>#N/A</v>
      </c>
      <c r="E2303" t="e">
        <f t="shared" si="36"/>
        <v>#N/A</v>
      </c>
      <c r="F2303" t="str">
        <f>IF(C2303="CLAY", INDEX(D$4:D2303, MATCH("CLAY", C$4:C2303, 0)), "")</f>
        <v/>
      </c>
    </row>
    <row r="2304" spans="1:6" x14ac:dyDescent="0.2">
      <c r="A2304" s="239">
        <f>'CPT Data'!B2312</f>
        <v>23.088999999999999</v>
      </c>
      <c r="B2304" s="3">
        <f>'CPT Data'!C2312</f>
        <v>23.081999999999997</v>
      </c>
      <c r="C2304" t="str">
        <f>'CPT Data'!P2312</f>
        <v>SAND</v>
      </c>
      <c r="D2304" t="e">
        <f>'CPT Data'!Q2312</f>
        <v>#N/A</v>
      </c>
      <c r="E2304" t="e">
        <f t="shared" si="36"/>
        <v>#N/A</v>
      </c>
      <c r="F2304" t="str">
        <f>IF(C2304="CLAY", INDEX(D$4:D2304, MATCH("CLAY", C$4:C2304, 0)), "")</f>
        <v/>
      </c>
    </row>
    <row r="2305" spans="1:6" x14ac:dyDescent="0.2">
      <c r="A2305" s="239">
        <f>'CPT Data'!B2313</f>
        <v>23.099</v>
      </c>
      <c r="B2305" s="3">
        <f>'CPT Data'!C2313</f>
        <v>23.091999999999999</v>
      </c>
      <c r="C2305" t="str">
        <f>'CPT Data'!P2313</f>
        <v>SAND</v>
      </c>
      <c r="D2305" t="e">
        <f>'CPT Data'!Q2313</f>
        <v>#N/A</v>
      </c>
      <c r="E2305" t="e">
        <f t="shared" si="36"/>
        <v>#N/A</v>
      </c>
      <c r="F2305" t="str">
        <f>IF(C2305="CLAY", INDEX(D$4:D2305, MATCH("CLAY", C$4:C2305, 0)), "")</f>
        <v/>
      </c>
    </row>
    <row r="2306" spans="1:6" x14ac:dyDescent="0.2">
      <c r="A2306" s="239">
        <f>'CPT Data'!B2314</f>
        <v>23.108000000000001</v>
      </c>
      <c r="B2306" s="3">
        <f>'CPT Data'!C2314</f>
        <v>23.100999999999999</v>
      </c>
      <c r="C2306" t="str">
        <f>'CPT Data'!P2314</f>
        <v>SAND</v>
      </c>
      <c r="D2306" t="e">
        <f>'CPT Data'!Q2314</f>
        <v>#N/A</v>
      </c>
      <c r="E2306" t="e">
        <f t="shared" si="36"/>
        <v>#N/A</v>
      </c>
      <c r="F2306" t="str">
        <f>IF(C2306="CLAY", INDEX(D$4:D2306, MATCH("CLAY", C$4:C2306, 0)), "")</f>
        <v/>
      </c>
    </row>
    <row r="2307" spans="1:6" x14ac:dyDescent="0.2">
      <c r="A2307" s="239">
        <f>'CPT Data'!B2315</f>
        <v>23.117000000000001</v>
      </c>
      <c r="B2307" s="3">
        <f>'CPT Data'!C2315</f>
        <v>23.11</v>
      </c>
      <c r="C2307" t="str">
        <f>'CPT Data'!P2315</f>
        <v>SAND</v>
      </c>
      <c r="D2307" t="e">
        <f>'CPT Data'!Q2315</f>
        <v>#N/A</v>
      </c>
      <c r="E2307" t="e">
        <f t="shared" si="36"/>
        <v>#N/A</v>
      </c>
      <c r="F2307" t="str">
        <f>IF(C2307="CLAY", INDEX(D$4:D2307, MATCH("CLAY", C$4:C2307, 0)), "")</f>
        <v/>
      </c>
    </row>
    <row r="2308" spans="1:6" x14ac:dyDescent="0.2">
      <c r="A2308" s="239">
        <f>'CPT Data'!B2316</f>
        <v>23.126999999999999</v>
      </c>
      <c r="B2308" s="3">
        <f>'CPT Data'!C2316</f>
        <v>23.119999999999997</v>
      </c>
      <c r="C2308" t="str">
        <f>'CPT Data'!P2316</f>
        <v>SAND</v>
      </c>
      <c r="D2308" t="e">
        <f>'CPT Data'!Q2316</f>
        <v>#N/A</v>
      </c>
      <c r="E2308" t="e">
        <f t="shared" si="36"/>
        <v>#N/A</v>
      </c>
      <c r="F2308" t="str">
        <f>IF(C2308="CLAY", INDEX(D$4:D2308, MATCH("CLAY", C$4:C2308, 0)), "")</f>
        <v/>
      </c>
    </row>
    <row r="2309" spans="1:6" x14ac:dyDescent="0.2">
      <c r="A2309" s="239">
        <f>'CPT Data'!B2317</f>
        <v>23.137</v>
      </c>
      <c r="B2309" s="3">
        <f>'CPT Data'!C2317</f>
        <v>23.13</v>
      </c>
      <c r="C2309" t="str">
        <f>'CPT Data'!P2317</f>
        <v>SAND</v>
      </c>
      <c r="D2309" t="e">
        <f>'CPT Data'!Q2317</f>
        <v>#N/A</v>
      </c>
      <c r="E2309" t="e">
        <f t="shared" si="36"/>
        <v>#N/A</v>
      </c>
      <c r="F2309" t="str">
        <f>IF(C2309="CLAY", INDEX(D$4:D2309, MATCH("CLAY", C$4:C2309, 0)), "")</f>
        <v/>
      </c>
    </row>
    <row r="2310" spans="1:6" x14ac:dyDescent="0.2">
      <c r="A2310" s="239">
        <f>'CPT Data'!B2318</f>
        <v>23.148</v>
      </c>
      <c r="B2310" s="3">
        <f>'CPT Data'!C2318</f>
        <v>23.140999999999998</v>
      </c>
      <c r="C2310" t="str">
        <f>'CPT Data'!P2318</f>
        <v>SAND</v>
      </c>
      <c r="D2310" t="e">
        <f>'CPT Data'!Q2318</f>
        <v>#N/A</v>
      </c>
      <c r="E2310" t="e">
        <f t="shared" si="36"/>
        <v>#N/A</v>
      </c>
      <c r="F2310" t="str">
        <f>IF(C2310="CLAY", INDEX(D$4:D2310, MATCH("CLAY", C$4:C2310, 0)), "")</f>
        <v/>
      </c>
    </row>
    <row r="2311" spans="1:6" x14ac:dyDescent="0.2">
      <c r="A2311" s="239">
        <f>'CPT Data'!B2319</f>
        <v>23.157</v>
      </c>
      <c r="B2311" s="3">
        <f>'CPT Data'!C2319</f>
        <v>23.15</v>
      </c>
      <c r="C2311" t="str">
        <f>'CPT Data'!P2319</f>
        <v>SAND</v>
      </c>
      <c r="D2311" t="e">
        <f>'CPT Data'!Q2319</f>
        <v>#N/A</v>
      </c>
      <c r="E2311" t="e">
        <f t="shared" si="36"/>
        <v>#N/A</v>
      </c>
      <c r="F2311" t="str">
        <f>IF(C2311="CLAY", INDEX(D$4:D2311, MATCH("CLAY", C$4:C2311, 0)), "")</f>
        <v/>
      </c>
    </row>
    <row r="2312" spans="1:6" x14ac:dyDescent="0.2">
      <c r="A2312" s="239">
        <f>'CPT Data'!B2320</f>
        <v>23.164999999999999</v>
      </c>
      <c r="B2312" s="3">
        <f>'CPT Data'!C2320</f>
        <v>23.157999999999998</v>
      </c>
      <c r="C2312" t="str">
        <f>'CPT Data'!P2320</f>
        <v>SAND</v>
      </c>
      <c r="D2312" t="e">
        <f>'CPT Data'!Q2320</f>
        <v>#N/A</v>
      </c>
      <c r="E2312" t="e">
        <f t="shared" si="36"/>
        <v>#N/A</v>
      </c>
      <c r="F2312" t="str">
        <f>IF(C2312="CLAY", INDEX(D$4:D2312, MATCH("CLAY", C$4:C2312, 0)), "")</f>
        <v/>
      </c>
    </row>
    <row r="2313" spans="1:6" x14ac:dyDescent="0.2">
      <c r="A2313" s="239">
        <f>'CPT Data'!B2321</f>
        <v>23.175999999999998</v>
      </c>
      <c r="B2313" s="3">
        <f>'CPT Data'!C2321</f>
        <v>23.168999999999997</v>
      </c>
      <c r="C2313" t="str">
        <f>'CPT Data'!P2321</f>
        <v>SAND</v>
      </c>
      <c r="D2313" t="e">
        <f>'CPT Data'!Q2321</f>
        <v>#N/A</v>
      </c>
      <c r="E2313" t="e">
        <f t="shared" si="36"/>
        <v>#N/A</v>
      </c>
      <c r="F2313" t="str">
        <f>IF(C2313="CLAY", INDEX(D$4:D2313, MATCH("CLAY", C$4:C2313, 0)), "")</f>
        <v/>
      </c>
    </row>
    <row r="2314" spans="1:6" x14ac:dyDescent="0.2">
      <c r="A2314" s="239">
        <f>'CPT Data'!B2322</f>
        <v>23.186</v>
      </c>
      <c r="B2314" s="3">
        <f>'CPT Data'!C2322</f>
        <v>23.178999999999998</v>
      </c>
      <c r="C2314" t="str">
        <f>'CPT Data'!P2322</f>
        <v>SAND</v>
      </c>
      <c r="D2314" t="e">
        <f>'CPT Data'!Q2322</f>
        <v>#N/A</v>
      </c>
      <c r="E2314" t="e">
        <f t="shared" si="36"/>
        <v>#N/A</v>
      </c>
      <c r="F2314" t="str">
        <f>IF(C2314="CLAY", INDEX(D$4:D2314, MATCH("CLAY", C$4:C2314, 0)), "")</f>
        <v/>
      </c>
    </row>
    <row r="2315" spans="1:6" x14ac:dyDescent="0.2">
      <c r="A2315" s="239">
        <f>'CPT Data'!B2323</f>
        <v>23.195</v>
      </c>
      <c r="B2315" s="3">
        <f>'CPT Data'!C2323</f>
        <v>23.187999999999999</v>
      </c>
      <c r="C2315" t="str">
        <f>'CPT Data'!P2323</f>
        <v>SAND</v>
      </c>
      <c r="D2315" t="e">
        <f>'CPT Data'!Q2323</f>
        <v>#N/A</v>
      </c>
      <c r="E2315" t="e">
        <f t="shared" si="36"/>
        <v>#N/A</v>
      </c>
      <c r="F2315" t="str">
        <f>IF(C2315="CLAY", INDEX(D$4:D2315, MATCH("CLAY", C$4:C2315, 0)), "")</f>
        <v/>
      </c>
    </row>
    <row r="2316" spans="1:6" x14ac:dyDescent="0.2">
      <c r="A2316" s="239">
        <f>'CPT Data'!B2324</f>
        <v>23.206</v>
      </c>
      <c r="B2316" s="3">
        <f>'CPT Data'!C2324</f>
        <v>23.198999999999998</v>
      </c>
      <c r="C2316" t="str">
        <f>'CPT Data'!P2324</f>
        <v>SAND</v>
      </c>
      <c r="D2316" t="e">
        <f>'CPT Data'!Q2324</f>
        <v>#N/A</v>
      </c>
      <c r="E2316" t="e">
        <f t="shared" si="36"/>
        <v>#N/A</v>
      </c>
      <c r="F2316" t="str">
        <f>IF(C2316="CLAY", INDEX(D$4:D2316, MATCH("CLAY", C$4:C2316, 0)), "")</f>
        <v/>
      </c>
    </row>
    <row r="2317" spans="1:6" x14ac:dyDescent="0.2">
      <c r="A2317" s="239">
        <f>'CPT Data'!B2325</f>
        <v>23.215</v>
      </c>
      <c r="B2317" s="3">
        <f>'CPT Data'!C2325</f>
        <v>23.207999999999998</v>
      </c>
      <c r="C2317" t="str">
        <f>'CPT Data'!P2325</f>
        <v>SAND</v>
      </c>
      <c r="D2317" t="e">
        <f>'CPT Data'!Q2325</f>
        <v>#N/A</v>
      </c>
      <c r="E2317" t="e">
        <f t="shared" si="36"/>
        <v>#N/A</v>
      </c>
      <c r="F2317" t="str">
        <f>IF(C2317="CLAY", INDEX(D$4:D2317, MATCH("CLAY", C$4:C2317, 0)), "")</f>
        <v/>
      </c>
    </row>
    <row r="2318" spans="1:6" x14ac:dyDescent="0.2">
      <c r="A2318" s="239">
        <f>'CPT Data'!B2326</f>
        <v>23.224</v>
      </c>
      <c r="B2318" s="3">
        <f>'CPT Data'!C2326</f>
        <v>23.216999999999999</v>
      </c>
      <c r="C2318" t="str">
        <f>'CPT Data'!P2326</f>
        <v>SAND</v>
      </c>
      <c r="D2318" t="e">
        <f>'CPT Data'!Q2326</f>
        <v>#N/A</v>
      </c>
      <c r="E2318" t="e">
        <f t="shared" si="36"/>
        <v>#N/A</v>
      </c>
      <c r="F2318" t="str">
        <f>IF(C2318="CLAY", INDEX(D$4:D2318, MATCH("CLAY", C$4:C2318, 0)), "")</f>
        <v/>
      </c>
    </row>
    <row r="2319" spans="1:6" x14ac:dyDescent="0.2">
      <c r="A2319" s="239">
        <f>'CPT Data'!B2327</f>
        <v>23.234000000000002</v>
      </c>
      <c r="B2319" s="3">
        <f>'CPT Data'!C2327</f>
        <v>23.227</v>
      </c>
      <c r="C2319" t="str">
        <f>'CPT Data'!P2327</f>
        <v>SAND</v>
      </c>
      <c r="D2319" t="e">
        <f>'CPT Data'!Q2327</f>
        <v>#N/A</v>
      </c>
      <c r="E2319" t="e">
        <f t="shared" si="36"/>
        <v>#N/A</v>
      </c>
      <c r="F2319" t="str">
        <f>IF(C2319="CLAY", INDEX(D$4:D2319, MATCH("CLAY", C$4:C2319, 0)), "")</f>
        <v/>
      </c>
    </row>
    <row r="2320" spans="1:6" x14ac:dyDescent="0.2">
      <c r="A2320" s="239">
        <f>'CPT Data'!B2328</f>
        <v>23.244</v>
      </c>
      <c r="B2320" s="3">
        <f>'CPT Data'!C2328</f>
        <v>23.236999999999998</v>
      </c>
      <c r="C2320" t="str">
        <f>'CPT Data'!P2328</f>
        <v>SAND</v>
      </c>
      <c r="D2320" t="e">
        <f>'CPT Data'!Q2328</f>
        <v>#N/A</v>
      </c>
      <c r="E2320" t="e">
        <f t="shared" si="36"/>
        <v>#N/A</v>
      </c>
      <c r="F2320" t="str">
        <f>IF(C2320="CLAY", INDEX(D$4:D2320, MATCH("CLAY", C$4:C2320, 0)), "")</f>
        <v/>
      </c>
    </row>
    <row r="2321" spans="1:6" x14ac:dyDescent="0.2">
      <c r="A2321" s="239">
        <f>'CPT Data'!B2329</f>
        <v>23.254000000000001</v>
      </c>
      <c r="B2321" s="3">
        <f>'CPT Data'!C2329</f>
        <v>23.247</v>
      </c>
      <c r="C2321" t="str">
        <f>'CPT Data'!P2329</f>
        <v>SAND</v>
      </c>
      <c r="D2321" t="e">
        <f>'CPT Data'!Q2329</f>
        <v>#N/A</v>
      </c>
      <c r="E2321" t="e">
        <f t="shared" si="36"/>
        <v>#N/A</v>
      </c>
      <c r="F2321" t="str">
        <f>IF(C2321="CLAY", INDEX(D$4:D2321, MATCH("CLAY", C$4:C2321, 0)), "")</f>
        <v/>
      </c>
    </row>
    <row r="2322" spans="1:6" x14ac:dyDescent="0.2">
      <c r="A2322" s="239">
        <f>'CPT Data'!B2330</f>
        <v>23.263999999999999</v>
      </c>
      <c r="B2322" s="3">
        <f>'CPT Data'!C2330</f>
        <v>23.256999999999998</v>
      </c>
      <c r="C2322" t="str">
        <f>'CPT Data'!P2330</f>
        <v>SAND</v>
      </c>
      <c r="D2322" t="e">
        <f>'CPT Data'!Q2330</f>
        <v>#N/A</v>
      </c>
      <c r="E2322" t="e">
        <f t="shared" si="36"/>
        <v>#N/A</v>
      </c>
      <c r="F2322" t="str">
        <f>IF(C2322="CLAY", INDEX(D$4:D2322, MATCH("CLAY", C$4:C2322, 0)), "")</f>
        <v/>
      </c>
    </row>
    <row r="2323" spans="1:6" x14ac:dyDescent="0.2">
      <c r="A2323" s="239">
        <f>'CPT Data'!B2331</f>
        <v>23.274000000000001</v>
      </c>
      <c r="B2323" s="3">
        <f>'CPT Data'!C2331</f>
        <v>23.266999999999999</v>
      </c>
      <c r="C2323" t="str">
        <f>'CPT Data'!P2331</f>
        <v>SAND</v>
      </c>
      <c r="D2323" t="e">
        <f>'CPT Data'!Q2331</f>
        <v>#N/A</v>
      </c>
      <c r="E2323" t="e">
        <f t="shared" si="36"/>
        <v>#N/A</v>
      </c>
      <c r="F2323" t="str">
        <f>IF(C2323="CLAY", INDEX(D$4:D2323, MATCH("CLAY", C$4:C2323, 0)), "")</f>
        <v/>
      </c>
    </row>
    <row r="2324" spans="1:6" x14ac:dyDescent="0.2">
      <c r="A2324" s="239">
        <f>'CPT Data'!B2332</f>
        <v>23.283999999999999</v>
      </c>
      <c r="B2324" s="3">
        <f>'CPT Data'!C2332</f>
        <v>23.276999999999997</v>
      </c>
      <c r="C2324" t="str">
        <f>'CPT Data'!P2332</f>
        <v>SAND</v>
      </c>
      <c r="D2324" t="e">
        <f>'CPT Data'!Q2332</f>
        <v>#N/A</v>
      </c>
      <c r="E2324" t="e">
        <f t="shared" si="36"/>
        <v>#N/A</v>
      </c>
      <c r="F2324" t="str">
        <f>IF(C2324="CLAY", INDEX(D$4:D2324, MATCH("CLAY", C$4:C2324, 0)), "")</f>
        <v/>
      </c>
    </row>
    <row r="2325" spans="1:6" x14ac:dyDescent="0.2">
      <c r="A2325" s="239">
        <f>'CPT Data'!B2333</f>
        <v>23.292999999999999</v>
      </c>
      <c r="B2325" s="3">
        <f>'CPT Data'!C2333</f>
        <v>23.285999999999998</v>
      </c>
      <c r="C2325" t="str">
        <f>'CPT Data'!P2333</f>
        <v>SAND</v>
      </c>
      <c r="D2325" t="e">
        <f>'CPT Data'!Q2333</f>
        <v>#N/A</v>
      </c>
      <c r="E2325" t="e">
        <f t="shared" si="36"/>
        <v>#N/A</v>
      </c>
      <c r="F2325" t="str">
        <f>IF(C2325="CLAY", INDEX(D$4:D2325, MATCH("CLAY", C$4:C2325, 0)), "")</f>
        <v/>
      </c>
    </row>
    <row r="2326" spans="1:6" x14ac:dyDescent="0.2">
      <c r="A2326" s="239">
        <f>'CPT Data'!B2334</f>
        <v>23.303999999999998</v>
      </c>
      <c r="B2326" s="3">
        <f>'CPT Data'!C2334</f>
        <v>23.296999999999997</v>
      </c>
      <c r="C2326" t="str">
        <f>'CPT Data'!P2334</f>
        <v>SAND</v>
      </c>
      <c r="D2326" t="e">
        <f>'CPT Data'!Q2334</f>
        <v>#N/A</v>
      </c>
      <c r="E2326" t="e">
        <f t="shared" si="36"/>
        <v>#N/A</v>
      </c>
      <c r="F2326" t="str">
        <f>IF(C2326="CLAY", INDEX(D$4:D2326, MATCH("CLAY", C$4:C2326, 0)), "")</f>
        <v/>
      </c>
    </row>
    <row r="2327" spans="1:6" x14ac:dyDescent="0.2">
      <c r="A2327" s="239">
        <f>'CPT Data'!B2335</f>
        <v>23.314</v>
      </c>
      <c r="B2327" s="3">
        <f>'CPT Data'!C2335</f>
        <v>23.306999999999999</v>
      </c>
      <c r="C2327" t="str">
        <f>'CPT Data'!P2335</f>
        <v>SAND</v>
      </c>
      <c r="D2327" t="e">
        <f>'CPT Data'!Q2335</f>
        <v>#N/A</v>
      </c>
      <c r="E2327" t="e">
        <f t="shared" si="36"/>
        <v>#N/A</v>
      </c>
      <c r="F2327" t="str">
        <f>IF(C2327="CLAY", INDEX(D$4:D2327, MATCH("CLAY", C$4:C2327, 0)), "")</f>
        <v/>
      </c>
    </row>
    <row r="2328" spans="1:6" x14ac:dyDescent="0.2">
      <c r="A2328" s="239">
        <f>'CPT Data'!B2336</f>
        <v>23.324000000000002</v>
      </c>
      <c r="B2328" s="3">
        <f>'CPT Data'!C2336</f>
        <v>23.317</v>
      </c>
      <c r="C2328" t="str">
        <f>'CPT Data'!P2336</f>
        <v>SAND</v>
      </c>
      <c r="D2328" t="e">
        <f>'CPT Data'!Q2336</f>
        <v>#N/A</v>
      </c>
      <c r="E2328" t="e">
        <f t="shared" si="36"/>
        <v>#N/A</v>
      </c>
      <c r="F2328" t="str">
        <f>IF(C2328="CLAY", INDEX(D$4:D2328, MATCH("CLAY", C$4:C2328, 0)), "")</f>
        <v/>
      </c>
    </row>
    <row r="2329" spans="1:6" x14ac:dyDescent="0.2">
      <c r="A2329" s="239">
        <f>'CPT Data'!B2337</f>
        <v>23.334</v>
      </c>
      <c r="B2329" s="3">
        <f>'CPT Data'!C2337</f>
        <v>23.326999999999998</v>
      </c>
      <c r="C2329" t="str">
        <f>'CPT Data'!P2337</f>
        <v>SAND</v>
      </c>
      <c r="D2329" t="e">
        <f>'CPT Data'!Q2337</f>
        <v>#N/A</v>
      </c>
      <c r="E2329" t="e">
        <f t="shared" si="36"/>
        <v>#N/A</v>
      </c>
      <c r="F2329" t="str">
        <f>IF(C2329="CLAY", INDEX(D$4:D2329, MATCH("CLAY", C$4:C2329, 0)), "")</f>
        <v/>
      </c>
    </row>
    <row r="2330" spans="1:6" x14ac:dyDescent="0.2">
      <c r="A2330" s="239">
        <f>'CPT Data'!B2338</f>
        <v>23.343</v>
      </c>
      <c r="B2330" s="3">
        <f>'CPT Data'!C2338</f>
        <v>23.335999999999999</v>
      </c>
      <c r="C2330" t="str">
        <f>'CPT Data'!P2338</f>
        <v>SAND</v>
      </c>
      <c r="D2330" t="e">
        <f>'CPT Data'!Q2338</f>
        <v>#N/A</v>
      </c>
      <c r="E2330" t="e">
        <f t="shared" si="36"/>
        <v>#N/A</v>
      </c>
      <c r="F2330" t="str">
        <f>IF(C2330="CLAY", INDEX(D$4:D2330, MATCH("CLAY", C$4:C2330, 0)), "")</f>
        <v/>
      </c>
    </row>
    <row r="2331" spans="1:6" x14ac:dyDescent="0.2">
      <c r="A2331" s="239">
        <f>'CPT Data'!B2339</f>
        <v>23.352</v>
      </c>
      <c r="B2331" s="3">
        <f>'CPT Data'!C2339</f>
        <v>23.344999999999999</v>
      </c>
      <c r="C2331" t="str">
        <f>'CPT Data'!P2339</f>
        <v>SAND</v>
      </c>
      <c r="D2331" t="e">
        <f>'CPT Data'!Q2339</f>
        <v>#N/A</v>
      </c>
      <c r="E2331" t="e">
        <f t="shared" ref="E2331:E2394" si="37">IF(C2331="SAND",#N/A,IF(C2331=C2330,D2330,IF(C2331="CLAY",D2331,#N/A)))</f>
        <v>#N/A</v>
      </c>
      <c r="F2331" t="str">
        <f>IF(C2331="CLAY", INDEX(D$4:D2331, MATCH("CLAY", C$4:C2331, 0)), "")</f>
        <v/>
      </c>
    </row>
    <row r="2332" spans="1:6" x14ac:dyDescent="0.2">
      <c r="A2332" s="239">
        <f>'CPT Data'!B2340</f>
        <v>23.363</v>
      </c>
      <c r="B2332" s="3">
        <f>'CPT Data'!C2340</f>
        <v>23.355999999999998</v>
      </c>
      <c r="C2332" t="str">
        <f>'CPT Data'!P2340</f>
        <v>SAND</v>
      </c>
      <c r="D2332" t="e">
        <f>'CPT Data'!Q2340</f>
        <v>#N/A</v>
      </c>
      <c r="E2332" t="e">
        <f t="shared" si="37"/>
        <v>#N/A</v>
      </c>
      <c r="F2332" t="str">
        <f>IF(C2332="CLAY", INDEX(D$4:D2332, MATCH("CLAY", C$4:C2332, 0)), "")</f>
        <v/>
      </c>
    </row>
    <row r="2333" spans="1:6" x14ac:dyDescent="0.2">
      <c r="A2333" s="239">
        <f>'CPT Data'!B2341</f>
        <v>23.372</v>
      </c>
      <c r="B2333" s="3">
        <f>'CPT Data'!C2341</f>
        <v>23.364999999999998</v>
      </c>
      <c r="C2333" t="str">
        <f>'CPT Data'!P2341</f>
        <v>SAND</v>
      </c>
      <c r="D2333" t="e">
        <f>'CPT Data'!Q2341</f>
        <v>#N/A</v>
      </c>
      <c r="E2333" t="e">
        <f t="shared" si="37"/>
        <v>#N/A</v>
      </c>
      <c r="F2333" t="str">
        <f>IF(C2333="CLAY", INDEX(D$4:D2333, MATCH("CLAY", C$4:C2333, 0)), "")</f>
        <v/>
      </c>
    </row>
    <row r="2334" spans="1:6" x14ac:dyDescent="0.2">
      <c r="A2334" s="239">
        <f>'CPT Data'!B2342</f>
        <v>23.382000000000001</v>
      </c>
      <c r="B2334" s="3">
        <f>'CPT Data'!C2342</f>
        <v>23.375</v>
      </c>
      <c r="C2334" t="str">
        <f>'CPT Data'!P2342</f>
        <v>SAND</v>
      </c>
      <c r="D2334" t="e">
        <f>'CPT Data'!Q2342</f>
        <v>#N/A</v>
      </c>
      <c r="E2334" t="e">
        <f t="shared" si="37"/>
        <v>#N/A</v>
      </c>
      <c r="F2334" t="str">
        <f>IF(C2334="CLAY", INDEX(D$4:D2334, MATCH("CLAY", C$4:C2334, 0)), "")</f>
        <v/>
      </c>
    </row>
    <row r="2335" spans="1:6" x14ac:dyDescent="0.2">
      <c r="A2335" s="239">
        <f>'CPT Data'!B2343</f>
        <v>23.390999999999998</v>
      </c>
      <c r="B2335" s="3">
        <f>'CPT Data'!C2343</f>
        <v>23.383999999999997</v>
      </c>
      <c r="C2335" t="str">
        <f>'CPT Data'!P2343</f>
        <v>SAND</v>
      </c>
      <c r="D2335" t="e">
        <f>'CPT Data'!Q2343</f>
        <v>#N/A</v>
      </c>
      <c r="E2335" t="e">
        <f t="shared" si="37"/>
        <v>#N/A</v>
      </c>
      <c r="F2335" t="str">
        <f>IF(C2335="CLAY", INDEX(D$4:D2335, MATCH("CLAY", C$4:C2335, 0)), "")</f>
        <v/>
      </c>
    </row>
    <row r="2336" spans="1:6" x14ac:dyDescent="0.2">
      <c r="A2336" s="239">
        <f>'CPT Data'!B2344</f>
        <v>23.402000000000001</v>
      </c>
      <c r="B2336" s="3">
        <f>'CPT Data'!C2344</f>
        <v>23.395</v>
      </c>
      <c r="C2336" t="str">
        <f>'CPT Data'!P2344</f>
        <v>SAND</v>
      </c>
      <c r="D2336" t="e">
        <f>'CPT Data'!Q2344</f>
        <v>#N/A</v>
      </c>
      <c r="E2336" t="e">
        <f t="shared" si="37"/>
        <v>#N/A</v>
      </c>
      <c r="F2336" t="str">
        <f>IF(C2336="CLAY", INDEX(D$4:D2336, MATCH("CLAY", C$4:C2336, 0)), "")</f>
        <v/>
      </c>
    </row>
    <row r="2337" spans="1:6" x14ac:dyDescent="0.2">
      <c r="A2337" s="239">
        <f>'CPT Data'!B2345</f>
        <v>23.411000000000001</v>
      </c>
      <c r="B2337" s="3">
        <f>'CPT Data'!C2345</f>
        <v>23.404</v>
      </c>
      <c r="C2337" t="str">
        <f>'CPT Data'!P2345</f>
        <v>SAND</v>
      </c>
      <c r="D2337" t="e">
        <f>'CPT Data'!Q2345</f>
        <v>#N/A</v>
      </c>
      <c r="E2337" t="e">
        <f t="shared" si="37"/>
        <v>#N/A</v>
      </c>
      <c r="F2337" t="str">
        <f>IF(C2337="CLAY", INDEX(D$4:D2337, MATCH("CLAY", C$4:C2337, 0)), "")</f>
        <v/>
      </c>
    </row>
    <row r="2338" spans="1:6" x14ac:dyDescent="0.2">
      <c r="A2338" s="239">
        <f>'CPT Data'!B2346</f>
        <v>23.420999999999999</v>
      </c>
      <c r="B2338" s="3">
        <f>'CPT Data'!C2346</f>
        <v>23.413999999999998</v>
      </c>
      <c r="C2338" t="str">
        <f>'CPT Data'!P2346</f>
        <v>SAND</v>
      </c>
      <c r="D2338" t="e">
        <f>'CPT Data'!Q2346</f>
        <v>#N/A</v>
      </c>
      <c r="E2338" t="e">
        <f t="shared" si="37"/>
        <v>#N/A</v>
      </c>
      <c r="F2338" t="str">
        <f>IF(C2338="CLAY", INDEX(D$4:D2338, MATCH("CLAY", C$4:C2338, 0)), "")</f>
        <v/>
      </c>
    </row>
    <row r="2339" spans="1:6" x14ac:dyDescent="0.2">
      <c r="A2339" s="239">
        <f>'CPT Data'!B2347</f>
        <v>23.43</v>
      </c>
      <c r="B2339" s="3">
        <f>'CPT Data'!C2347</f>
        <v>23.422999999999998</v>
      </c>
      <c r="C2339" t="str">
        <f>'CPT Data'!P2347</f>
        <v>SAND</v>
      </c>
      <c r="D2339" t="e">
        <f>'CPT Data'!Q2347</f>
        <v>#N/A</v>
      </c>
      <c r="E2339" t="e">
        <f t="shared" si="37"/>
        <v>#N/A</v>
      </c>
      <c r="F2339" t="str">
        <f>IF(C2339="CLAY", INDEX(D$4:D2339, MATCH("CLAY", C$4:C2339, 0)), "")</f>
        <v/>
      </c>
    </row>
    <row r="2340" spans="1:6" x14ac:dyDescent="0.2">
      <c r="A2340" s="239">
        <f>'CPT Data'!B2348</f>
        <v>23.440999999999999</v>
      </c>
      <c r="B2340" s="3">
        <f>'CPT Data'!C2348</f>
        <v>23.433999999999997</v>
      </c>
      <c r="C2340" t="str">
        <f>'CPT Data'!P2348</f>
        <v>SAND</v>
      </c>
      <c r="D2340" t="e">
        <f>'CPT Data'!Q2348</f>
        <v>#N/A</v>
      </c>
      <c r="E2340" t="e">
        <f t="shared" si="37"/>
        <v>#N/A</v>
      </c>
      <c r="F2340" t="str">
        <f>IF(C2340="CLAY", INDEX(D$4:D2340, MATCH("CLAY", C$4:C2340, 0)), "")</f>
        <v/>
      </c>
    </row>
    <row r="2341" spans="1:6" x14ac:dyDescent="0.2">
      <c r="A2341" s="239">
        <f>'CPT Data'!B2349</f>
        <v>23.45</v>
      </c>
      <c r="B2341" s="3">
        <f>'CPT Data'!C2349</f>
        <v>23.442999999999998</v>
      </c>
      <c r="C2341" t="str">
        <f>'CPT Data'!P2349</f>
        <v>SAND</v>
      </c>
      <c r="D2341" t="e">
        <f>'CPT Data'!Q2349</f>
        <v>#N/A</v>
      </c>
      <c r="E2341" t="e">
        <f t="shared" si="37"/>
        <v>#N/A</v>
      </c>
      <c r="F2341" t="str">
        <f>IF(C2341="CLAY", INDEX(D$4:D2341, MATCH("CLAY", C$4:C2341, 0)), "")</f>
        <v/>
      </c>
    </row>
    <row r="2342" spans="1:6" x14ac:dyDescent="0.2">
      <c r="A2342" s="239">
        <f>'CPT Data'!B2350</f>
        <v>23.46</v>
      </c>
      <c r="B2342" s="3">
        <f>'CPT Data'!C2350</f>
        <v>23.452999999999999</v>
      </c>
      <c r="C2342" t="str">
        <f>'CPT Data'!P2350</f>
        <v>SAND</v>
      </c>
      <c r="D2342" t="e">
        <f>'CPT Data'!Q2350</f>
        <v>#N/A</v>
      </c>
      <c r="E2342" t="e">
        <f t="shared" si="37"/>
        <v>#N/A</v>
      </c>
      <c r="F2342" t="str">
        <f>IF(C2342="CLAY", INDEX(D$4:D2342, MATCH("CLAY", C$4:C2342, 0)), "")</f>
        <v/>
      </c>
    </row>
    <row r="2343" spans="1:6" x14ac:dyDescent="0.2">
      <c r="A2343" s="239">
        <f>'CPT Data'!B2351</f>
        <v>23.47</v>
      </c>
      <c r="B2343" s="3">
        <f>'CPT Data'!C2351</f>
        <v>23.462999999999997</v>
      </c>
      <c r="C2343" t="str">
        <f>'CPT Data'!P2351</f>
        <v>SAND</v>
      </c>
      <c r="D2343" t="e">
        <f>'CPT Data'!Q2351</f>
        <v>#N/A</v>
      </c>
      <c r="E2343" t="e">
        <f t="shared" si="37"/>
        <v>#N/A</v>
      </c>
      <c r="F2343" t="str">
        <f>IF(C2343="CLAY", INDEX(D$4:D2343, MATCH("CLAY", C$4:C2343, 0)), "")</f>
        <v/>
      </c>
    </row>
    <row r="2344" spans="1:6" x14ac:dyDescent="0.2">
      <c r="A2344" s="239">
        <f>'CPT Data'!B2352</f>
        <v>23.48</v>
      </c>
      <c r="B2344" s="3">
        <f>'CPT Data'!C2352</f>
        <v>23.472999999999999</v>
      </c>
      <c r="C2344" t="str">
        <f>'CPT Data'!P2352</f>
        <v>SAND</v>
      </c>
      <c r="D2344" t="e">
        <f>'CPT Data'!Q2352</f>
        <v>#N/A</v>
      </c>
      <c r="E2344" t="e">
        <f t="shared" si="37"/>
        <v>#N/A</v>
      </c>
      <c r="F2344" t="str">
        <f>IF(C2344="CLAY", INDEX(D$4:D2344, MATCH("CLAY", C$4:C2344, 0)), "")</f>
        <v/>
      </c>
    </row>
    <row r="2345" spans="1:6" x14ac:dyDescent="0.2">
      <c r="A2345" s="239">
        <f>'CPT Data'!B2353</f>
        <v>23.489000000000001</v>
      </c>
      <c r="B2345" s="3">
        <f>'CPT Data'!C2353</f>
        <v>23.481999999999999</v>
      </c>
      <c r="C2345" t="str">
        <f>'CPT Data'!P2353</f>
        <v>SAND</v>
      </c>
      <c r="D2345" t="e">
        <f>'CPT Data'!Q2353</f>
        <v>#N/A</v>
      </c>
      <c r="E2345" t="e">
        <f t="shared" si="37"/>
        <v>#N/A</v>
      </c>
      <c r="F2345" t="str">
        <f>IF(C2345="CLAY", INDEX(D$4:D2345, MATCH("CLAY", C$4:C2345, 0)), "")</f>
        <v/>
      </c>
    </row>
    <row r="2346" spans="1:6" x14ac:dyDescent="0.2">
      <c r="A2346" s="239">
        <f>'CPT Data'!B2354</f>
        <v>23.5</v>
      </c>
      <c r="B2346" s="3">
        <f>'CPT Data'!C2354</f>
        <v>23.492999999999999</v>
      </c>
      <c r="C2346" t="str">
        <f>'CPT Data'!P2354</f>
        <v>SAND</v>
      </c>
      <c r="D2346" t="e">
        <f>'CPT Data'!Q2354</f>
        <v>#N/A</v>
      </c>
      <c r="E2346" t="e">
        <f t="shared" si="37"/>
        <v>#N/A</v>
      </c>
      <c r="F2346" t="str">
        <f>IF(C2346="CLAY", INDEX(D$4:D2346, MATCH("CLAY", C$4:C2346, 0)), "")</f>
        <v/>
      </c>
    </row>
    <row r="2347" spans="1:6" x14ac:dyDescent="0.2">
      <c r="A2347" s="239">
        <f>'CPT Data'!B2355</f>
        <v>23.509</v>
      </c>
      <c r="B2347" s="3">
        <f>'CPT Data'!C2355</f>
        <v>23.501999999999999</v>
      </c>
      <c r="C2347" t="str">
        <f>'CPT Data'!P2355</f>
        <v>SAND</v>
      </c>
      <c r="D2347" t="e">
        <f>'CPT Data'!Q2355</f>
        <v>#N/A</v>
      </c>
      <c r="E2347" t="e">
        <f t="shared" si="37"/>
        <v>#N/A</v>
      </c>
      <c r="F2347" t="str">
        <f>IF(C2347="CLAY", INDEX(D$4:D2347, MATCH("CLAY", C$4:C2347, 0)), "")</f>
        <v/>
      </c>
    </row>
    <row r="2348" spans="1:6" x14ac:dyDescent="0.2">
      <c r="A2348" s="239">
        <f>'CPT Data'!B2356</f>
        <v>23.518999999999998</v>
      </c>
      <c r="B2348" s="3">
        <f>'CPT Data'!C2356</f>
        <v>23.511999999999997</v>
      </c>
      <c r="C2348" t="str">
        <f>'CPT Data'!P2356</f>
        <v>SAND</v>
      </c>
      <c r="D2348" t="e">
        <f>'CPT Data'!Q2356</f>
        <v>#N/A</v>
      </c>
      <c r="E2348" t="e">
        <f t="shared" si="37"/>
        <v>#N/A</v>
      </c>
      <c r="F2348" t="str">
        <f>IF(C2348="CLAY", INDEX(D$4:D2348, MATCH("CLAY", C$4:C2348, 0)), "")</f>
        <v/>
      </c>
    </row>
    <row r="2349" spans="1:6" x14ac:dyDescent="0.2">
      <c r="A2349" s="239">
        <f>'CPT Data'!B2357</f>
        <v>23.529</v>
      </c>
      <c r="B2349" s="3">
        <f>'CPT Data'!C2357</f>
        <v>23.521999999999998</v>
      </c>
      <c r="C2349" t="str">
        <f>'CPT Data'!P2357</f>
        <v>SAND</v>
      </c>
      <c r="D2349" t="e">
        <f>'CPT Data'!Q2357</f>
        <v>#N/A</v>
      </c>
      <c r="E2349" t="e">
        <f t="shared" si="37"/>
        <v>#N/A</v>
      </c>
      <c r="F2349" t="str">
        <f>IF(C2349="CLAY", INDEX(D$4:D2349, MATCH("CLAY", C$4:C2349, 0)), "")</f>
        <v/>
      </c>
    </row>
    <row r="2350" spans="1:6" x14ac:dyDescent="0.2">
      <c r="A2350" s="239">
        <f>'CPT Data'!B2358</f>
        <v>23.538</v>
      </c>
      <c r="B2350" s="3">
        <f>'CPT Data'!C2358</f>
        <v>23.530999999999999</v>
      </c>
      <c r="C2350" t="str">
        <f>'CPT Data'!P2358</f>
        <v>SAND</v>
      </c>
      <c r="D2350" t="e">
        <f>'CPT Data'!Q2358</f>
        <v>#N/A</v>
      </c>
      <c r="E2350" t="e">
        <f t="shared" si="37"/>
        <v>#N/A</v>
      </c>
      <c r="F2350" t="str">
        <f>IF(C2350="CLAY", INDEX(D$4:D2350, MATCH("CLAY", C$4:C2350, 0)), "")</f>
        <v/>
      </c>
    </row>
    <row r="2351" spans="1:6" x14ac:dyDescent="0.2">
      <c r="A2351" s="239">
        <f>'CPT Data'!B2359</f>
        <v>23.547999999999998</v>
      </c>
      <c r="B2351" s="3">
        <f>'CPT Data'!C2359</f>
        <v>23.540999999999997</v>
      </c>
      <c r="C2351" t="str">
        <f>'CPT Data'!P2359</f>
        <v>SAND</v>
      </c>
      <c r="D2351" t="e">
        <f>'CPT Data'!Q2359</f>
        <v>#N/A</v>
      </c>
      <c r="E2351" t="e">
        <f t="shared" si="37"/>
        <v>#N/A</v>
      </c>
      <c r="F2351" t="str">
        <f>IF(C2351="CLAY", INDEX(D$4:D2351, MATCH("CLAY", C$4:C2351, 0)), "")</f>
        <v/>
      </c>
    </row>
    <row r="2352" spans="1:6" x14ac:dyDescent="0.2">
      <c r="A2352" s="239">
        <f>'CPT Data'!B2360</f>
        <v>23.556999999999999</v>
      </c>
      <c r="B2352" s="3">
        <f>'CPT Data'!C2360</f>
        <v>23.549999999999997</v>
      </c>
      <c r="C2352" t="str">
        <f>'CPT Data'!P2360</f>
        <v>SAND</v>
      </c>
      <c r="D2352" t="e">
        <f>'CPT Data'!Q2360</f>
        <v>#N/A</v>
      </c>
      <c r="E2352" t="e">
        <f t="shared" si="37"/>
        <v>#N/A</v>
      </c>
      <c r="F2352" t="str">
        <f>IF(C2352="CLAY", INDEX(D$4:D2352, MATCH("CLAY", C$4:C2352, 0)), "")</f>
        <v/>
      </c>
    </row>
    <row r="2353" spans="1:6" x14ac:dyDescent="0.2">
      <c r="A2353" s="239">
        <f>'CPT Data'!B2361</f>
        <v>23.567</v>
      </c>
      <c r="B2353" s="3">
        <f>'CPT Data'!C2361</f>
        <v>23.56</v>
      </c>
      <c r="C2353" t="str">
        <f>'CPT Data'!P2361</f>
        <v>SAND</v>
      </c>
      <c r="D2353" t="e">
        <f>'CPT Data'!Q2361</f>
        <v>#N/A</v>
      </c>
      <c r="E2353" t="e">
        <f t="shared" si="37"/>
        <v>#N/A</v>
      </c>
      <c r="F2353" t="str">
        <f>IF(C2353="CLAY", INDEX(D$4:D2353, MATCH("CLAY", C$4:C2353, 0)), "")</f>
        <v/>
      </c>
    </row>
    <row r="2354" spans="1:6" x14ac:dyDescent="0.2">
      <c r="A2354" s="239">
        <f>'CPT Data'!B2362</f>
        <v>23.576000000000001</v>
      </c>
      <c r="B2354" s="3">
        <f>'CPT Data'!C2362</f>
        <v>23.568999999999999</v>
      </c>
      <c r="C2354" t="str">
        <f>'CPT Data'!P2362</f>
        <v>SAND</v>
      </c>
      <c r="D2354" t="e">
        <f>'CPT Data'!Q2362</f>
        <v>#N/A</v>
      </c>
      <c r="E2354" t="e">
        <f t="shared" si="37"/>
        <v>#N/A</v>
      </c>
      <c r="F2354" t="str">
        <f>IF(C2354="CLAY", INDEX(D$4:D2354, MATCH("CLAY", C$4:C2354, 0)), "")</f>
        <v/>
      </c>
    </row>
    <row r="2355" spans="1:6" x14ac:dyDescent="0.2">
      <c r="A2355" s="239">
        <f>'CPT Data'!B2363</f>
        <v>23.585999999999999</v>
      </c>
      <c r="B2355" s="3">
        <f>'CPT Data'!C2363</f>
        <v>23.578999999999997</v>
      </c>
      <c r="C2355" t="str">
        <f>'CPT Data'!P2363</f>
        <v>SAND</v>
      </c>
      <c r="D2355" t="e">
        <f>'CPT Data'!Q2363</f>
        <v>#N/A</v>
      </c>
      <c r="E2355" t="e">
        <f t="shared" si="37"/>
        <v>#N/A</v>
      </c>
      <c r="F2355" t="str">
        <f>IF(C2355="CLAY", INDEX(D$4:D2355, MATCH("CLAY", C$4:C2355, 0)), "")</f>
        <v/>
      </c>
    </row>
    <row r="2356" spans="1:6" x14ac:dyDescent="0.2">
      <c r="A2356" s="239">
        <f>'CPT Data'!B2364</f>
        <v>23.594999999999999</v>
      </c>
      <c r="B2356" s="3">
        <f>'CPT Data'!C2364</f>
        <v>23.587999999999997</v>
      </c>
      <c r="C2356" t="str">
        <f>'CPT Data'!P2364</f>
        <v>SAND</v>
      </c>
      <c r="D2356" t="e">
        <f>'CPT Data'!Q2364</f>
        <v>#N/A</v>
      </c>
      <c r="E2356" t="e">
        <f t="shared" si="37"/>
        <v>#N/A</v>
      </c>
      <c r="F2356" t="str">
        <f>IF(C2356="CLAY", INDEX(D$4:D2356, MATCH("CLAY", C$4:C2356, 0)), "")</f>
        <v/>
      </c>
    </row>
    <row r="2357" spans="1:6" x14ac:dyDescent="0.2">
      <c r="A2357" s="239">
        <f>'CPT Data'!B2365</f>
        <v>23.606000000000002</v>
      </c>
      <c r="B2357" s="3">
        <f>'CPT Data'!C2365</f>
        <v>23.599</v>
      </c>
      <c r="C2357" t="str">
        <f>'CPT Data'!P2365</f>
        <v>SAND</v>
      </c>
      <c r="D2357" t="e">
        <f>'CPT Data'!Q2365</f>
        <v>#N/A</v>
      </c>
      <c r="E2357" t="e">
        <f t="shared" si="37"/>
        <v>#N/A</v>
      </c>
      <c r="F2357" t="str">
        <f>IF(C2357="CLAY", INDEX(D$4:D2357, MATCH("CLAY", C$4:C2357, 0)), "")</f>
        <v/>
      </c>
    </row>
    <row r="2358" spans="1:6" x14ac:dyDescent="0.2">
      <c r="A2358" s="239">
        <f>'CPT Data'!B2366</f>
        <v>23.614999999999998</v>
      </c>
      <c r="B2358" s="3">
        <f>'CPT Data'!C2366</f>
        <v>23.607999999999997</v>
      </c>
      <c r="C2358" t="str">
        <f>'CPT Data'!P2366</f>
        <v>SAND</v>
      </c>
      <c r="D2358" t="e">
        <f>'CPT Data'!Q2366</f>
        <v>#N/A</v>
      </c>
      <c r="E2358" t="e">
        <f t="shared" si="37"/>
        <v>#N/A</v>
      </c>
      <c r="F2358" t="str">
        <f>IF(C2358="CLAY", INDEX(D$4:D2358, MATCH("CLAY", C$4:C2358, 0)), "")</f>
        <v/>
      </c>
    </row>
    <row r="2359" spans="1:6" x14ac:dyDescent="0.2">
      <c r="A2359" s="239">
        <f>'CPT Data'!B2367</f>
        <v>23.623999999999999</v>
      </c>
      <c r="B2359" s="3">
        <f>'CPT Data'!C2367</f>
        <v>23.616999999999997</v>
      </c>
      <c r="C2359" t="str">
        <f>'CPT Data'!P2367</f>
        <v>SAND</v>
      </c>
      <c r="D2359" t="e">
        <f>'CPT Data'!Q2367</f>
        <v>#N/A</v>
      </c>
      <c r="E2359" t="e">
        <f t="shared" si="37"/>
        <v>#N/A</v>
      </c>
      <c r="F2359" t="str">
        <f>IF(C2359="CLAY", INDEX(D$4:D2359, MATCH("CLAY", C$4:C2359, 0)), "")</f>
        <v/>
      </c>
    </row>
    <row r="2360" spans="1:6" x14ac:dyDescent="0.2">
      <c r="A2360" s="239">
        <f>'CPT Data'!B2368</f>
        <v>23.635000000000002</v>
      </c>
      <c r="B2360" s="3">
        <f>'CPT Data'!C2368</f>
        <v>23.628</v>
      </c>
      <c r="C2360" t="str">
        <f>'CPT Data'!P2368</f>
        <v>SAND</v>
      </c>
      <c r="D2360" t="e">
        <f>'CPT Data'!Q2368</f>
        <v>#N/A</v>
      </c>
      <c r="E2360" t="e">
        <f t="shared" si="37"/>
        <v>#N/A</v>
      </c>
      <c r="F2360" t="str">
        <f>IF(C2360="CLAY", INDEX(D$4:D2360, MATCH("CLAY", C$4:C2360, 0)), "")</f>
        <v/>
      </c>
    </row>
    <row r="2361" spans="1:6" x14ac:dyDescent="0.2">
      <c r="A2361" s="239">
        <f>'CPT Data'!B2369</f>
        <v>23.643999999999998</v>
      </c>
      <c r="B2361" s="3">
        <f>'CPT Data'!C2369</f>
        <v>23.636999999999997</v>
      </c>
      <c r="C2361" t="str">
        <f>'CPT Data'!P2369</f>
        <v>SAND</v>
      </c>
      <c r="D2361" t="e">
        <f>'CPT Data'!Q2369</f>
        <v>#N/A</v>
      </c>
      <c r="E2361" t="e">
        <f t="shared" si="37"/>
        <v>#N/A</v>
      </c>
      <c r="F2361" t="str">
        <f>IF(C2361="CLAY", INDEX(D$4:D2361, MATCH("CLAY", C$4:C2361, 0)), "")</f>
        <v/>
      </c>
    </row>
    <row r="2362" spans="1:6" x14ac:dyDescent="0.2">
      <c r="A2362" s="239">
        <f>'CPT Data'!B2370</f>
        <v>23.652999999999999</v>
      </c>
      <c r="B2362" s="3">
        <f>'CPT Data'!C2370</f>
        <v>23.645999999999997</v>
      </c>
      <c r="C2362" t="str">
        <f>'CPT Data'!P2370</f>
        <v>SAND</v>
      </c>
      <c r="D2362" t="e">
        <f>'CPT Data'!Q2370</f>
        <v>#N/A</v>
      </c>
      <c r="E2362" t="e">
        <f t="shared" si="37"/>
        <v>#N/A</v>
      </c>
      <c r="F2362" t="str">
        <f>IF(C2362="CLAY", INDEX(D$4:D2362, MATCH("CLAY", C$4:C2362, 0)), "")</f>
        <v/>
      </c>
    </row>
    <row r="2363" spans="1:6" x14ac:dyDescent="0.2">
      <c r="A2363" s="239">
        <f>'CPT Data'!B2371</f>
        <v>23.664000000000001</v>
      </c>
      <c r="B2363" s="3">
        <f>'CPT Data'!C2371</f>
        <v>23.657</v>
      </c>
      <c r="C2363" t="str">
        <f>'CPT Data'!P2371</f>
        <v>SAND</v>
      </c>
      <c r="D2363" t="e">
        <f>'CPT Data'!Q2371</f>
        <v>#N/A</v>
      </c>
      <c r="E2363" t="e">
        <f t="shared" si="37"/>
        <v>#N/A</v>
      </c>
      <c r="F2363" t="str">
        <f>IF(C2363="CLAY", INDEX(D$4:D2363, MATCH("CLAY", C$4:C2363, 0)), "")</f>
        <v/>
      </c>
    </row>
    <row r="2364" spans="1:6" x14ac:dyDescent="0.2">
      <c r="A2364" s="239">
        <f>'CPT Data'!B2372</f>
        <v>23.672999999999998</v>
      </c>
      <c r="B2364" s="3">
        <f>'CPT Data'!C2372</f>
        <v>23.665999999999997</v>
      </c>
      <c r="C2364" t="str">
        <f>'CPT Data'!P2372</f>
        <v>SAND</v>
      </c>
      <c r="D2364" t="e">
        <f>'CPT Data'!Q2372</f>
        <v>#N/A</v>
      </c>
      <c r="E2364" t="e">
        <f t="shared" si="37"/>
        <v>#N/A</v>
      </c>
      <c r="F2364" t="str">
        <f>IF(C2364="CLAY", INDEX(D$4:D2364, MATCH("CLAY", C$4:C2364, 0)), "")</f>
        <v/>
      </c>
    </row>
    <row r="2365" spans="1:6" x14ac:dyDescent="0.2">
      <c r="A2365" s="239">
        <f>'CPT Data'!B2373</f>
        <v>23.683</v>
      </c>
      <c r="B2365" s="3">
        <f>'CPT Data'!C2373</f>
        <v>23.675999999999998</v>
      </c>
      <c r="C2365" t="str">
        <f>'CPT Data'!P2373</f>
        <v>SAND</v>
      </c>
      <c r="D2365" t="e">
        <f>'CPT Data'!Q2373</f>
        <v>#N/A</v>
      </c>
      <c r="E2365" t="e">
        <f t="shared" si="37"/>
        <v>#N/A</v>
      </c>
      <c r="F2365" t="str">
        <f>IF(C2365="CLAY", INDEX(D$4:D2365, MATCH("CLAY", C$4:C2365, 0)), "")</f>
        <v/>
      </c>
    </row>
    <row r="2366" spans="1:6" x14ac:dyDescent="0.2">
      <c r="A2366" s="239">
        <f>'CPT Data'!B2374</f>
        <v>23.692</v>
      </c>
      <c r="B2366" s="3">
        <f>'CPT Data'!C2374</f>
        <v>23.684999999999999</v>
      </c>
      <c r="C2366" t="str">
        <f>'CPT Data'!P2374</f>
        <v>SAND</v>
      </c>
      <c r="D2366" t="e">
        <f>'CPT Data'!Q2374</f>
        <v>#N/A</v>
      </c>
      <c r="E2366" t="e">
        <f t="shared" si="37"/>
        <v>#N/A</v>
      </c>
      <c r="F2366" t="str">
        <f>IF(C2366="CLAY", INDEX(D$4:D2366, MATCH("CLAY", C$4:C2366, 0)), "")</f>
        <v/>
      </c>
    </row>
    <row r="2367" spans="1:6" x14ac:dyDescent="0.2">
      <c r="A2367" s="239">
        <f>'CPT Data'!B2375</f>
        <v>23.702999999999999</v>
      </c>
      <c r="B2367" s="3">
        <f>'CPT Data'!C2375</f>
        <v>23.695999999999998</v>
      </c>
      <c r="C2367" t="str">
        <f>'CPT Data'!P2375</f>
        <v>SAND</v>
      </c>
      <c r="D2367" t="e">
        <f>'CPT Data'!Q2375</f>
        <v>#N/A</v>
      </c>
      <c r="E2367" t="e">
        <f t="shared" si="37"/>
        <v>#N/A</v>
      </c>
      <c r="F2367" t="str">
        <f>IF(C2367="CLAY", INDEX(D$4:D2367, MATCH("CLAY", C$4:C2367, 0)), "")</f>
        <v/>
      </c>
    </row>
    <row r="2368" spans="1:6" x14ac:dyDescent="0.2">
      <c r="A2368" s="239">
        <f>'CPT Data'!B2376</f>
        <v>23.712</v>
      </c>
      <c r="B2368" s="3">
        <f>'CPT Data'!C2376</f>
        <v>23.704999999999998</v>
      </c>
      <c r="C2368" t="str">
        <f>'CPT Data'!P2376</f>
        <v>SAND</v>
      </c>
      <c r="D2368" t="e">
        <f>'CPT Data'!Q2376</f>
        <v>#N/A</v>
      </c>
      <c r="E2368" t="e">
        <f t="shared" si="37"/>
        <v>#N/A</v>
      </c>
      <c r="F2368" t="str">
        <f>IF(C2368="CLAY", INDEX(D$4:D2368, MATCH("CLAY", C$4:C2368, 0)), "")</f>
        <v/>
      </c>
    </row>
    <row r="2369" spans="1:6" x14ac:dyDescent="0.2">
      <c r="A2369" s="239">
        <f>'CPT Data'!B2377</f>
        <v>23.722000000000001</v>
      </c>
      <c r="B2369" s="3">
        <f>'CPT Data'!C2377</f>
        <v>23.715</v>
      </c>
      <c r="C2369" t="str">
        <f>'CPT Data'!P2377</f>
        <v>SAND</v>
      </c>
      <c r="D2369" t="e">
        <f>'CPT Data'!Q2377</f>
        <v>#N/A</v>
      </c>
      <c r="E2369" t="e">
        <f t="shared" si="37"/>
        <v>#N/A</v>
      </c>
      <c r="F2369" t="str">
        <f>IF(C2369="CLAY", INDEX(D$4:D2369, MATCH("CLAY", C$4:C2369, 0)), "")</f>
        <v/>
      </c>
    </row>
    <row r="2370" spans="1:6" x14ac:dyDescent="0.2">
      <c r="A2370" s="239">
        <f>'CPT Data'!B2378</f>
        <v>23.731999999999999</v>
      </c>
      <c r="B2370" s="3">
        <f>'CPT Data'!C2378</f>
        <v>23.724999999999998</v>
      </c>
      <c r="C2370" t="str">
        <f>'CPT Data'!P2378</f>
        <v>SAND</v>
      </c>
      <c r="D2370" t="e">
        <f>'CPT Data'!Q2378</f>
        <v>#N/A</v>
      </c>
      <c r="E2370" t="e">
        <f t="shared" si="37"/>
        <v>#N/A</v>
      </c>
      <c r="F2370" t="str">
        <f>IF(C2370="CLAY", INDEX(D$4:D2370, MATCH("CLAY", C$4:C2370, 0)), "")</f>
        <v/>
      </c>
    </row>
    <row r="2371" spans="1:6" x14ac:dyDescent="0.2">
      <c r="A2371" s="239">
        <f>'CPT Data'!B2379</f>
        <v>23.742000000000001</v>
      </c>
      <c r="B2371" s="3">
        <f>'CPT Data'!C2379</f>
        <v>23.734999999999999</v>
      </c>
      <c r="C2371" t="str">
        <f>'CPT Data'!P2379</f>
        <v>SAND</v>
      </c>
      <c r="D2371" t="e">
        <f>'CPT Data'!Q2379</f>
        <v>#N/A</v>
      </c>
      <c r="E2371" t="e">
        <f t="shared" si="37"/>
        <v>#N/A</v>
      </c>
      <c r="F2371" t="str">
        <f>IF(C2371="CLAY", INDEX(D$4:D2371, MATCH("CLAY", C$4:C2371, 0)), "")</f>
        <v/>
      </c>
    </row>
    <row r="2372" spans="1:6" x14ac:dyDescent="0.2">
      <c r="A2372" s="239">
        <f>'CPT Data'!B2380</f>
        <v>23.751000000000001</v>
      </c>
      <c r="B2372" s="3">
        <f>'CPT Data'!C2380</f>
        <v>23.744</v>
      </c>
      <c r="C2372" t="str">
        <f>'CPT Data'!P2380</f>
        <v>SAND</v>
      </c>
      <c r="D2372" t="e">
        <f>'CPT Data'!Q2380</f>
        <v>#N/A</v>
      </c>
      <c r="E2372" t="e">
        <f t="shared" si="37"/>
        <v>#N/A</v>
      </c>
      <c r="F2372" t="str">
        <f>IF(C2372="CLAY", INDEX(D$4:D2372, MATCH("CLAY", C$4:C2372, 0)), "")</f>
        <v/>
      </c>
    </row>
    <row r="2373" spans="1:6" x14ac:dyDescent="0.2">
      <c r="A2373" s="239">
        <f>'CPT Data'!B2381</f>
        <v>23.760999999999999</v>
      </c>
      <c r="B2373" s="3">
        <f>'CPT Data'!C2381</f>
        <v>23.753999999999998</v>
      </c>
      <c r="C2373" t="str">
        <f>'CPT Data'!P2381</f>
        <v>SAND</v>
      </c>
      <c r="D2373" t="e">
        <f>'CPT Data'!Q2381</f>
        <v>#N/A</v>
      </c>
      <c r="E2373" t="e">
        <f t="shared" si="37"/>
        <v>#N/A</v>
      </c>
      <c r="F2373" t="str">
        <f>IF(C2373="CLAY", INDEX(D$4:D2373, MATCH("CLAY", C$4:C2373, 0)), "")</f>
        <v/>
      </c>
    </row>
    <row r="2374" spans="1:6" x14ac:dyDescent="0.2">
      <c r="A2374" s="239">
        <f>'CPT Data'!B2382</f>
        <v>23.77</v>
      </c>
      <c r="B2374" s="3">
        <f>'CPT Data'!C2382</f>
        <v>23.762999999999998</v>
      </c>
      <c r="C2374" t="str">
        <f>'CPT Data'!P2382</f>
        <v>SAND</v>
      </c>
      <c r="D2374" t="e">
        <f>'CPT Data'!Q2382</f>
        <v>#N/A</v>
      </c>
      <c r="E2374" t="e">
        <f t="shared" si="37"/>
        <v>#N/A</v>
      </c>
      <c r="F2374" t="str">
        <f>IF(C2374="CLAY", INDEX(D$4:D2374, MATCH("CLAY", C$4:C2374, 0)), "")</f>
        <v/>
      </c>
    </row>
    <row r="2375" spans="1:6" x14ac:dyDescent="0.2">
      <c r="A2375" s="239">
        <f>'CPT Data'!B2383</f>
        <v>23.780999999999999</v>
      </c>
      <c r="B2375" s="3">
        <f>'CPT Data'!C2383</f>
        <v>23.773999999999997</v>
      </c>
      <c r="C2375" t="str">
        <f>'CPT Data'!P2383</f>
        <v>SAND</v>
      </c>
      <c r="D2375" t="e">
        <f>'CPT Data'!Q2383</f>
        <v>#N/A</v>
      </c>
      <c r="E2375" t="e">
        <f t="shared" si="37"/>
        <v>#N/A</v>
      </c>
      <c r="F2375" t="str">
        <f>IF(C2375="CLAY", INDEX(D$4:D2375, MATCH("CLAY", C$4:C2375, 0)), "")</f>
        <v/>
      </c>
    </row>
    <row r="2376" spans="1:6" x14ac:dyDescent="0.2">
      <c r="A2376" s="239">
        <f>'CPT Data'!B2384</f>
        <v>23.79</v>
      </c>
      <c r="B2376" s="3">
        <f>'CPT Data'!C2384</f>
        <v>23.782999999999998</v>
      </c>
      <c r="C2376" t="str">
        <f>'CPT Data'!P2384</f>
        <v>SAND</v>
      </c>
      <c r="D2376" t="e">
        <f>'CPT Data'!Q2384</f>
        <v>#N/A</v>
      </c>
      <c r="E2376" t="e">
        <f t="shared" si="37"/>
        <v>#N/A</v>
      </c>
      <c r="F2376" t="str">
        <f>IF(C2376="CLAY", INDEX(D$4:D2376, MATCH("CLAY", C$4:C2376, 0)), "")</f>
        <v/>
      </c>
    </row>
    <row r="2377" spans="1:6" x14ac:dyDescent="0.2">
      <c r="A2377" s="239">
        <f>'CPT Data'!B2385</f>
        <v>23.798999999999999</v>
      </c>
      <c r="B2377" s="3">
        <f>'CPT Data'!C2385</f>
        <v>23.791999999999998</v>
      </c>
      <c r="C2377" t="str">
        <f>'CPT Data'!P2385</f>
        <v>SAND</v>
      </c>
      <c r="D2377" t="e">
        <f>'CPT Data'!Q2385</f>
        <v>#N/A</v>
      </c>
      <c r="E2377" t="e">
        <f t="shared" si="37"/>
        <v>#N/A</v>
      </c>
      <c r="F2377" t="str">
        <f>IF(C2377="CLAY", INDEX(D$4:D2377, MATCH("CLAY", C$4:C2377, 0)), "")</f>
        <v/>
      </c>
    </row>
    <row r="2378" spans="1:6" x14ac:dyDescent="0.2">
      <c r="A2378" s="239">
        <f>'CPT Data'!B2386</f>
        <v>23.81</v>
      </c>
      <c r="B2378" s="3">
        <f>'CPT Data'!C2386</f>
        <v>23.802999999999997</v>
      </c>
      <c r="C2378" t="str">
        <f>'CPT Data'!P2386</f>
        <v>SAND</v>
      </c>
      <c r="D2378" t="e">
        <f>'CPT Data'!Q2386</f>
        <v>#N/A</v>
      </c>
      <c r="E2378" t="e">
        <f t="shared" si="37"/>
        <v>#N/A</v>
      </c>
      <c r="F2378" t="str">
        <f>IF(C2378="CLAY", INDEX(D$4:D2378, MATCH("CLAY", C$4:C2378, 0)), "")</f>
        <v/>
      </c>
    </row>
    <row r="2379" spans="1:6" x14ac:dyDescent="0.2">
      <c r="A2379" s="239">
        <f>'CPT Data'!B2387</f>
        <v>23.818999999999999</v>
      </c>
      <c r="B2379" s="3">
        <f>'CPT Data'!C2387</f>
        <v>23.811999999999998</v>
      </c>
      <c r="C2379" t="str">
        <f>'CPT Data'!P2387</f>
        <v>SAND</v>
      </c>
      <c r="D2379" t="e">
        <f>'CPT Data'!Q2387</f>
        <v>#N/A</v>
      </c>
      <c r="E2379" t="e">
        <f t="shared" si="37"/>
        <v>#N/A</v>
      </c>
      <c r="F2379" t="str">
        <f>IF(C2379="CLAY", INDEX(D$4:D2379, MATCH("CLAY", C$4:C2379, 0)), "")</f>
        <v/>
      </c>
    </row>
    <row r="2380" spans="1:6" x14ac:dyDescent="0.2">
      <c r="A2380" s="239">
        <f>'CPT Data'!B2388</f>
        <v>23.829000000000001</v>
      </c>
      <c r="B2380" s="3">
        <f>'CPT Data'!C2388</f>
        <v>23.821999999999999</v>
      </c>
      <c r="C2380" t="str">
        <f>'CPT Data'!P2388</f>
        <v>SAND</v>
      </c>
      <c r="D2380" t="e">
        <f>'CPT Data'!Q2388</f>
        <v>#N/A</v>
      </c>
      <c r="E2380" t="e">
        <f t="shared" si="37"/>
        <v>#N/A</v>
      </c>
      <c r="F2380" t="str">
        <f>IF(C2380="CLAY", INDEX(D$4:D2380, MATCH("CLAY", C$4:C2380, 0)), "")</f>
        <v/>
      </c>
    </row>
    <row r="2381" spans="1:6" x14ac:dyDescent="0.2">
      <c r="A2381" s="239">
        <f>'CPT Data'!B2389</f>
        <v>23.838999999999999</v>
      </c>
      <c r="B2381" s="3">
        <f>'CPT Data'!C2389</f>
        <v>23.831999999999997</v>
      </c>
      <c r="C2381" t="str">
        <f>'CPT Data'!P2389</f>
        <v>SAND</v>
      </c>
      <c r="D2381" t="e">
        <f>'CPT Data'!Q2389</f>
        <v>#N/A</v>
      </c>
      <c r="E2381" t="e">
        <f t="shared" si="37"/>
        <v>#N/A</v>
      </c>
      <c r="F2381" t="str">
        <f>IF(C2381="CLAY", INDEX(D$4:D2381, MATCH("CLAY", C$4:C2381, 0)), "")</f>
        <v/>
      </c>
    </row>
    <row r="2382" spans="1:6" x14ac:dyDescent="0.2">
      <c r="A2382" s="239">
        <f>'CPT Data'!B2390</f>
        <v>23.849</v>
      </c>
      <c r="B2382" s="3">
        <f>'CPT Data'!C2390</f>
        <v>23.841999999999999</v>
      </c>
      <c r="C2382" t="str">
        <f>'CPT Data'!P2390</f>
        <v>SAND</v>
      </c>
      <c r="D2382" t="e">
        <f>'CPT Data'!Q2390</f>
        <v>#N/A</v>
      </c>
      <c r="E2382" t="e">
        <f t="shared" si="37"/>
        <v>#N/A</v>
      </c>
      <c r="F2382" t="str">
        <f>IF(C2382="CLAY", INDEX(D$4:D2382, MATCH("CLAY", C$4:C2382, 0)), "")</f>
        <v/>
      </c>
    </row>
    <row r="2383" spans="1:6" x14ac:dyDescent="0.2">
      <c r="A2383" s="239">
        <f>'CPT Data'!B2391</f>
        <v>23.859000000000002</v>
      </c>
      <c r="B2383" s="3">
        <f>'CPT Data'!C2391</f>
        <v>23.852</v>
      </c>
      <c r="C2383" t="str">
        <f>'CPT Data'!P2391</f>
        <v>SAND</v>
      </c>
      <c r="D2383" t="e">
        <f>'CPT Data'!Q2391</f>
        <v>#N/A</v>
      </c>
      <c r="E2383" t="e">
        <f t="shared" si="37"/>
        <v>#N/A</v>
      </c>
      <c r="F2383" t="str">
        <f>IF(C2383="CLAY", INDEX(D$4:D2383, MATCH("CLAY", C$4:C2383, 0)), "")</f>
        <v/>
      </c>
    </row>
    <row r="2384" spans="1:6" x14ac:dyDescent="0.2">
      <c r="A2384" s="239">
        <f>'CPT Data'!B2392</f>
        <v>23.867999999999999</v>
      </c>
      <c r="B2384" s="3">
        <f>'CPT Data'!C2392</f>
        <v>23.860999999999997</v>
      </c>
      <c r="C2384" t="str">
        <f>'CPT Data'!P2392</f>
        <v>SAND</v>
      </c>
      <c r="D2384" t="e">
        <f>'CPT Data'!Q2392</f>
        <v>#N/A</v>
      </c>
      <c r="E2384" t="e">
        <f t="shared" si="37"/>
        <v>#N/A</v>
      </c>
      <c r="F2384" t="str">
        <f>IF(C2384="CLAY", INDEX(D$4:D2384, MATCH("CLAY", C$4:C2384, 0)), "")</f>
        <v/>
      </c>
    </row>
    <row r="2385" spans="1:6" x14ac:dyDescent="0.2">
      <c r="A2385" s="239">
        <f>'CPT Data'!B2393</f>
        <v>23.876999999999999</v>
      </c>
      <c r="B2385" s="3">
        <f>'CPT Data'!C2393</f>
        <v>23.869999999999997</v>
      </c>
      <c r="C2385" t="str">
        <f>'CPT Data'!P2393</f>
        <v>SAND</v>
      </c>
      <c r="D2385" t="e">
        <f>'CPT Data'!Q2393</f>
        <v>#N/A</v>
      </c>
      <c r="E2385" t="e">
        <f t="shared" si="37"/>
        <v>#N/A</v>
      </c>
      <c r="F2385" t="str">
        <f>IF(C2385="CLAY", INDEX(D$4:D2385, MATCH("CLAY", C$4:C2385, 0)), "")</f>
        <v/>
      </c>
    </row>
    <row r="2386" spans="1:6" x14ac:dyDescent="0.2">
      <c r="A2386" s="239">
        <f>'CPT Data'!B2394</f>
        <v>23.887</v>
      </c>
      <c r="B2386" s="3">
        <f>'CPT Data'!C2394</f>
        <v>23.88</v>
      </c>
      <c r="C2386" t="str">
        <f>'CPT Data'!P2394</f>
        <v>SAND</v>
      </c>
      <c r="D2386" t="e">
        <f>'CPT Data'!Q2394</f>
        <v>#N/A</v>
      </c>
      <c r="E2386" t="e">
        <f t="shared" si="37"/>
        <v>#N/A</v>
      </c>
      <c r="F2386" t="str">
        <f>IF(C2386="CLAY", INDEX(D$4:D2386, MATCH("CLAY", C$4:C2386, 0)), "")</f>
        <v/>
      </c>
    </row>
    <row r="2387" spans="1:6" x14ac:dyDescent="0.2">
      <c r="A2387" s="239">
        <f>'CPT Data'!B2395</f>
        <v>23.898</v>
      </c>
      <c r="B2387" s="3">
        <f>'CPT Data'!C2395</f>
        <v>23.890999999999998</v>
      </c>
      <c r="C2387" t="str">
        <f>'CPT Data'!P2395</f>
        <v>SAND</v>
      </c>
      <c r="D2387" t="e">
        <f>'CPT Data'!Q2395</f>
        <v>#N/A</v>
      </c>
      <c r="E2387" t="e">
        <f t="shared" si="37"/>
        <v>#N/A</v>
      </c>
      <c r="F2387" t="str">
        <f>IF(C2387="CLAY", INDEX(D$4:D2387, MATCH("CLAY", C$4:C2387, 0)), "")</f>
        <v/>
      </c>
    </row>
    <row r="2388" spans="1:6" x14ac:dyDescent="0.2">
      <c r="A2388" s="239">
        <f>'CPT Data'!B2396</f>
        <v>23.907</v>
      </c>
      <c r="B2388" s="3">
        <f>'CPT Data'!C2396</f>
        <v>23.9</v>
      </c>
      <c r="C2388" t="str">
        <f>'CPT Data'!P2396</f>
        <v>SAND</v>
      </c>
      <c r="D2388" t="e">
        <f>'CPT Data'!Q2396</f>
        <v>#N/A</v>
      </c>
      <c r="E2388" t="e">
        <f t="shared" si="37"/>
        <v>#N/A</v>
      </c>
      <c r="F2388" t="str">
        <f>IF(C2388="CLAY", INDEX(D$4:D2388, MATCH("CLAY", C$4:C2388, 0)), "")</f>
        <v/>
      </c>
    </row>
    <row r="2389" spans="1:6" x14ac:dyDescent="0.2">
      <c r="A2389" s="239">
        <f>'CPT Data'!B2397</f>
        <v>23.916</v>
      </c>
      <c r="B2389" s="3">
        <f>'CPT Data'!C2397</f>
        <v>23.908999999999999</v>
      </c>
      <c r="C2389" t="str">
        <f>'CPT Data'!P2397</f>
        <v>SAND</v>
      </c>
      <c r="D2389" t="e">
        <f>'CPT Data'!Q2397</f>
        <v>#N/A</v>
      </c>
      <c r="E2389" t="e">
        <f t="shared" si="37"/>
        <v>#N/A</v>
      </c>
      <c r="F2389" t="str">
        <f>IF(C2389="CLAY", INDEX(D$4:D2389, MATCH("CLAY", C$4:C2389, 0)), "")</f>
        <v/>
      </c>
    </row>
    <row r="2390" spans="1:6" x14ac:dyDescent="0.2">
      <c r="A2390" s="239">
        <f>'CPT Data'!B2398</f>
        <v>23.925999999999998</v>
      </c>
      <c r="B2390" s="3">
        <f>'CPT Data'!C2398</f>
        <v>23.918999999999997</v>
      </c>
      <c r="C2390" t="str">
        <f>'CPT Data'!P2398</f>
        <v>SAND</v>
      </c>
      <c r="D2390" t="e">
        <f>'CPT Data'!Q2398</f>
        <v>#N/A</v>
      </c>
      <c r="E2390" t="e">
        <f t="shared" si="37"/>
        <v>#N/A</v>
      </c>
      <c r="F2390" t="str">
        <f>IF(C2390="CLAY", INDEX(D$4:D2390, MATCH("CLAY", C$4:C2390, 0)), "")</f>
        <v/>
      </c>
    </row>
    <row r="2391" spans="1:6" x14ac:dyDescent="0.2">
      <c r="A2391" s="239">
        <f>'CPT Data'!B2399</f>
        <v>23.936</v>
      </c>
      <c r="B2391" s="3">
        <f>'CPT Data'!C2399</f>
        <v>23.928999999999998</v>
      </c>
      <c r="C2391" t="str">
        <f>'CPT Data'!P2399</f>
        <v>SAND</v>
      </c>
      <c r="D2391" t="e">
        <f>'CPT Data'!Q2399</f>
        <v>#N/A</v>
      </c>
      <c r="E2391" t="e">
        <f t="shared" si="37"/>
        <v>#N/A</v>
      </c>
      <c r="F2391" t="str">
        <f>IF(C2391="CLAY", INDEX(D$4:D2391, MATCH("CLAY", C$4:C2391, 0)), "")</f>
        <v/>
      </c>
    </row>
    <row r="2392" spans="1:6" x14ac:dyDescent="0.2">
      <c r="A2392" s="239">
        <f>'CPT Data'!B2400</f>
        <v>23.945</v>
      </c>
      <c r="B2392" s="3">
        <f>'CPT Data'!C2400</f>
        <v>23.937999999999999</v>
      </c>
      <c r="C2392" t="str">
        <f>'CPT Data'!P2400</f>
        <v>SAND</v>
      </c>
      <c r="D2392" t="e">
        <f>'CPT Data'!Q2400</f>
        <v>#N/A</v>
      </c>
      <c r="E2392" t="e">
        <f t="shared" si="37"/>
        <v>#N/A</v>
      </c>
      <c r="F2392" t="str">
        <f>IF(C2392="CLAY", INDEX(D$4:D2392, MATCH("CLAY", C$4:C2392, 0)), "")</f>
        <v/>
      </c>
    </row>
    <row r="2393" spans="1:6" x14ac:dyDescent="0.2">
      <c r="A2393" s="239">
        <f>'CPT Data'!B2401</f>
        <v>23.954999999999998</v>
      </c>
      <c r="B2393" s="3">
        <f>'CPT Data'!C2401</f>
        <v>23.947999999999997</v>
      </c>
      <c r="C2393" t="str">
        <f>'CPT Data'!P2401</f>
        <v>SAND</v>
      </c>
      <c r="D2393" t="e">
        <f>'CPT Data'!Q2401</f>
        <v>#N/A</v>
      </c>
      <c r="E2393" t="e">
        <f t="shared" si="37"/>
        <v>#N/A</v>
      </c>
      <c r="F2393" t="str">
        <f>IF(C2393="CLAY", INDEX(D$4:D2393, MATCH("CLAY", C$4:C2393, 0)), "")</f>
        <v/>
      </c>
    </row>
    <row r="2394" spans="1:6" x14ac:dyDescent="0.2">
      <c r="A2394" s="239">
        <f>'CPT Data'!B2402</f>
        <v>23.963999999999999</v>
      </c>
      <c r="B2394" s="3">
        <f>'CPT Data'!C2402</f>
        <v>23.956999999999997</v>
      </c>
      <c r="C2394" t="str">
        <f>'CPT Data'!P2402</f>
        <v>SAND</v>
      </c>
      <c r="D2394" t="e">
        <f>'CPT Data'!Q2402</f>
        <v>#N/A</v>
      </c>
      <c r="E2394" t="e">
        <f t="shared" si="37"/>
        <v>#N/A</v>
      </c>
      <c r="F2394" t="str">
        <f>IF(C2394="CLAY", INDEX(D$4:D2394, MATCH("CLAY", C$4:C2394, 0)), "")</f>
        <v/>
      </c>
    </row>
    <row r="2395" spans="1:6" x14ac:dyDescent="0.2">
      <c r="A2395" s="239">
        <f>'CPT Data'!B2403</f>
        <v>23.975000000000001</v>
      </c>
      <c r="B2395" s="3">
        <f>'CPT Data'!C2403</f>
        <v>23.968</v>
      </c>
      <c r="C2395" t="str">
        <f>'CPT Data'!P2403</f>
        <v>SAND</v>
      </c>
      <c r="D2395" t="e">
        <f>'CPT Data'!Q2403</f>
        <v>#N/A</v>
      </c>
      <c r="E2395" t="e">
        <f t="shared" ref="E2395:E2458" si="38">IF(C2395="SAND",#N/A,IF(C2395=C2394,D2394,IF(C2395="CLAY",D2395,#N/A)))</f>
        <v>#N/A</v>
      </c>
      <c r="F2395" t="str">
        <f>IF(C2395="CLAY", INDEX(D$4:D2395, MATCH("CLAY", C$4:C2395, 0)), "")</f>
        <v/>
      </c>
    </row>
    <row r="2396" spans="1:6" x14ac:dyDescent="0.2">
      <c r="A2396" s="239">
        <f>'CPT Data'!B2404</f>
        <v>23.984000000000002</v>
      </c>
      <c r="B2396" s="3">
        <f>'CPT Data'!C2404</f>
        <v>23.977</v>
      </c>
      <c r="C2396" t="str">
        <f>'CPT Data'!P2404</f>
        <v>SAND</v>
      </c>
      <c r="D2396" t="e">
        <f>'CPT Data'!Q2404</f>
        <v>#N/A</v>
      </c>
      <c r="E2396" t="e">
        <f t="shared" si="38"/>
        <v>#N/A</v>
      </c>
      <c r="F2396" t="str">
        <f>IF(C2396="CLAY", INDEX(D$4:D2396, MATCH("CLAY", C$4:C2396, 0)), "")</f>
        <v/>
      </c>
    </row>
    <row r="2397" spans="1:6" x14ac:dyDescent="0.2">
      <c r="A2397" s="239">
        <f>'CPT Data'!B2405</f>
        <v>23.992999999999999</v>
      </c>
      <c r="B2397" s="3">
        <f>'CPT Data'!C2405</f>
        <v>23.985999999999997</v>
      </c>
      <c r="C2397" t="str">
        <f>'CPT Data'!P2405</f>
        <v>SAND</v>
      </c>
      <c r="D2397" t="e">
        <f>'CPT Data'!Q2405</f>
        <v>#N/A</v>
      </c>
      <c r="E2397" t="e">
        <f t="shared" si="38"/>
        <v>#N/A</v>
      </c>
      <c r="F2397" t="str">
        <f>IF(C2397="CLAY", INDEX(D$4:D2397, MATCH("CLAY", C$4:C2397, 0)), "")</f>
        <v/>
      </c>
    </row>
    <row r="2398" spans="1:6" x14ac:dyDescent="0.2">
      <c r="A2398" s="239">
        <f>'CPT Data'!B2406</f>
        <v>24.004000000000001</v>
      </c>
      <c r="B2398" s="3">
        <f>'CPT Data'!C2406</f>
        <v>23.997</v>
      </c>
      <c r="C2398" t="str">
        <f>'CPT Data'!P2406</f>
        <v>SAND</v>
      </c>
      <c r="D2398" t="e">
        <f>'CPT Data'!Q2406</f>
        <v>#N/A</v>
      </c>
      <c r="E2398" t="e">
        <f t="shared" si="38"/>
        <v>#N/A</v>
      </c>
      <c r="F2398" t="str">
        <f>IF(C2398="CLAY", INDEX(D$4:D2398, MATCH("CLAY", C$4:C2398, 0)), "")</f>
        <v/>
      </c>
    </row>
    <row r="2399" spans="1:6" x14ac:dyDescent="0.2">
      <c r="A2399" s="239">
        <f>'CPT Data'!B2407</f>
        <v>24.013000000000002</v>
      </c>
      <c r="B2399" s="3">
        <f>'CPT Data'!C2407</f>
        <v>24.006</v>
      </c>
      <c r="C2399" t="str">
        <f>'CPT Data'!P2407</f>
        <v>SAND</v>
      </c>
      <c r="D2399" t="e">
        <f>'CPT Data'!Q2407</f>
        <v>#N/A</v>
      </c>
      <c r="E2399" t="e">
        <f t="shared" si="38"/>
        <v>#N/A</v>
      </c>
      <c r="F2399" t="str">
        <f>IF(C2399="CLAY", INDEX(D$4:D2399, MATCH("CLAY", C$4:C2399, 0)), "")</f>
        <v/>
      </c>
    </row>
    <row r="2400" spans="1:6" x14ac:dyDescent="0.2">
      <c r="A2400" s="239">
        <f>'CPT Data'!B2408</f>
        <v>24.023</v>
      </c>
      <c r="B2400" s="3">
        <f>'CPT Data'!C2408</f>
        <v>24.015999999999998</v>
      </c>
      <c r="C2400" t="str">
        <f>'CPT Data'!P2408</f>
        <v>SAND</v>
      </c>
      <c r="D2400" t="e">
        <f>'CPT Data'!Q2408</f>
        <v>#N/A</v>
      </c>
      <c r="E2400" t="e">
        <f t="shared" si="38"/>
        <v>#N/A</v>
      </c>
      <c r="F2400" t="str">
        <f>IF(C2400="CLAY", INDEX(D$4:D2400, MATCH("CLAY", C$4:C2400, 0)), "")</f>
        <v/>
      </c>
    </row>
    <row r="2401" spans="1:6" x14ac:dyDescent="0.2">
      <c r="A2401" s="239">
        <f>'CPT Data'!B2409</f>
        <v>24.032</v>
      </c>
      <c r="B2401" s="3">
        <f>'CPT Data'!C2409</f>
        <v>24.024999999999999</v>
      </c>
      <c r="C2401" t="str">
        <f>'CPT Data'!P2409</f>
        <v>SAND</v>
      </c>
      <c r="D2401" t="e">
        <f>'CPT Data'!Q2409</f>
        <v>#N/A</v>
      </c>
      <c r="E2401" t="e">
        <f t="shared" si="38"/>
        <v>#N/A</v>
      </c>
      <c r="F2401" t="str">
        <f>IF(C2401="CLAY", INDEX(D$4:D2401, MATCH("CLAY", C$4:C2401, 0)), "")</f>
        <v/>
      </c>
    </row>
    <row r="2402" spans="1:6" x14ac:dyDescent="0.2">
      <c r="A2402" s="239">
        <f>'CPT Data'!B2410</f>
        <v>24.042000000000002</v>
      </c>
      <c r="B2402" s="3">
        <f>'CPT Data'!C2410</f>
        <v>24.035</v>
      </c>
      <c r="C2402" t="str">
        <f>'CPT Data'!P2410</f>
        <v>SAND</v>
      </c>
      <c r="D2402" t="e">
        <f>'CPT Data'!Q2410</f>
        <v>#N/A</v>
      </c>
      <c r="E2402" t="e">
        <f t="shared" si="38"/>
        <v>#N/A</v>
      </c>
      <c r="F2402" t="str">
        <f>IF(C2402="CLAY", INDEX(D$4:D2402, MATCH("CLAY", C$4:C2402, 0)), "")</f>
        <v/>
      </c>
    </row>
    <row r="2403" spans="1:6" x14ac:dyDescent="0.2">
      <c r="A2403" s="239">
        <f>'CPT Data'!B2411</f>
        <v>24.052</v>
      </c>
      <c r="B2403" s="3">
        <f>'CPT Data'!C2411</f>
        <v>24.044999999999998</v>
      </c>
      <c r="C2403" t="str">
        <f>'CPT Data'!P2411</f>
        <v>SAND</v>
      </c>
      <c r="D2403" t="e">
        <f>'CPT Data'!Q2411</f>
        <v>#N/A</v>
      </c>
      <c r="E2403" t="e">
        <f t="shared" si="38"/>
        <v>#N/A</v>
      </c>
      <c r="F2403" t="str">
        <f>IF(C2403="CLAY", INDEX(D$4:D2403, MATCH("CLAY", C$4:C2403, 0)), "")</f>
        <v/>
      </c>
    </row>
    <row r="2404" spans="1:6" x14ac:dyDescent="0.2">
      <c r="A2404" s="239">
        <f>'CPT Data'!B2412</f>
        <v>24.062000000000001</v>
      </c>
      <c r="B2404" s="3">
        <f>'CPT Data'!C2412</f>
        <v>24.055</v>
      </c>
      <c r="C2404" t="str">
        <f>'CPT Data'!P2412</f>
        <v>SAND</v>
      </c>
      <c r="D2404" t="e">
        <f>'CPT Data'!Q2412</f>
        <v>#N/A</v>
      </c>
      <c r="E2404" t="e">
        <f t="shared" si="38"/>
        <v>#N/A</v>
      </c>
      <c r="F2404" t="str">
        <f>IF(C2404="CLAY", INDEX(D$4:D2404, MATCH("CLAY", C$4:C2404, 0)), "")</f>
        <v/>
      </c>
    </row>
    <row r="2405" spans="1:6" x14ac:dyDescent="0.2">
      <c r="A2405" s="239">
        <f>'CPT Data'!B2413</f>
        <v>24.071999999999999</v>
      </c>
      <c r="B2405" s="3">
        <f>'CPT Data'!C2413</f>
        <v>24.064999999999998</v>
      </c>
      <c r="C2405" t="str">
        <f>'CPT Data'!P2413</f>
        <v>SAND</v>
      </c>
      <c r="D2405" t="e">
        <f>'CPT Data'!Q2413</f>
        <v>#N/A</v>
      </c>
      <c r="E2405" t="e">
        <f t="shared" si="38"/>
        <v>#N/A</v>
      </c>
      <c r="F2405" t="str">
        <f>IF(C2405="CLAY", INDEX(D$4:D2405, MATCH("CLAY", C$4:C2405, 0)), "")</f>
        <v/>
      </c>
    </row>
    <row r="2406" spans="1:6" x14ac:dyDescent="0.2">
      <c r="A2406" s="239">
        <f>'CPT Data'!B2414</f>
        <v>24.081</v>
      </c>
      <c r="B2406" s="3">
        <f>'CPT Data'!C2414</f>
        <v>24.073999999999998</v>
      </c>
      <c r="C2406" t="str">
        <f>'CPT Data'!P2414</f>
        <v>SAND</v>
      </c>
      <c r="D2406" t="e">
        <f>'CPT Data'!Q2414</f>
        <v>#N/A</v>
      </c>
      <c r="E2406" t="e">
        <f t="shared" si="38"/>
        <v>#N/A</v>
      </c>
      <c r="F2406" t="str">
        <f>IF(C2406="CLAY", INDEX(D$4:D2406, MATCH("CLAY", C$4:C2406, 0)), "")</f>
        <v/>
      </c>
    </row>
    <row r="2407" spans="1:6" x14ac:dyDescent="0.2">
      <c r="A2407" s="239">
        <f>'CPT Data'!B2415</f>
        <v>24.091000000000001</v>
      </c>
      <c r="B2407" s="3">
        <f>'CPT Data'!C2415</f>
        <v>24.084</v>
      </c>
      <c r="C2407" t="str">
        <f>'CPT Data'!P2415</f>
        <v>SAND</v>
      </c>
      <c r="D2407" t="e">
        <f>'CPT Data'!Q2415</f>
        <v>#N/A</v>
      </c>
      <c r="E2407" t="e">
        <f t="shared" si="38"/>
        <v>#N/A</v>
      </c>
      <c r="F2407" t="str">
        <f>IF(C2407="CLAY", INDEX(D$4:D2407, MATCH("CLAY", C$4:C2407, 0)), "")</f>
        <v/>
      </c>
    </row>
    <row r="2408" spans="1:6" x14ac:dyDescent="0.2">
      <c r="A2408" s="239">
        <f>'CPT Data'!B2416</f>
        <v>24.1</v>
      </c>
      <c r="B2408" s="3">
        <f>'CPT Data'!C2416</f>
        <v>24.093</v>
      </c>
      <c r="C2408" t="str">
        <f>'CPT Data'!P2416</f>
        <v>SAND</v>
      </c>
      <c r="D2408" t="e">
        <f>'CPT Data'!Q2416</f>
        <v>#N/A</v>
      </c>
      <c r="E2408" t="e">
        <f t="shared" si="38"/>
        <v>#N/A</v>
      </c>
      <c r="F2408" t="str">
        <f>IF(C2408="CLAY", INDEX(D$4:D2408, MATCH("CLAY", C$4:C2408, 0)), "")</f>
        <v/>
      </c>
    </row>
    <row r="2409" spans="1:6" x14ac:dyDescent="0.2">
      <c r="A2409" s="239">
        <f>'CPT Data'!B2417</f>
        <v>24.111000000000001</v>
      </c>
      <c r="B2409" s="3">
        <f>'CPT Data'!C2417</f>
        <v>24.103999999999999</v>
      </c>
      <c r="C2409" t="str">
        <f>'CPT Data'!P2417</f>
        <v>SAND</v>
      </c>
      <c r="D2409" t="e">
        <f>'CPT Data'!Q2417</f>
        <v>#N/A</v>
      </c>
      <c r="E2409" t="e">
        <f t="shared" si="38"/>
        <v>#N/A</v>
      </c>
      <c r="F2409" t="str">
        <f>IF(C2409="CLAY", INDEX(D$4:D2409, MATCH("CLAY", C$4:C2409, 0)), "")</f>
        <v/>
      </c>
    </row>
    <row r="2410" spans="1:6" x14ac:dyDescent="0.2">
      <c r="A2410" s="239">
        <f>'CPT Data'!B2418</f>
        <v>24.12</v>
      </c>
      <c r="B2410" s="3">
        <f>'CPT Data'!C2418</f>
        <v>24.113</v>
      </c>
      <c r="C2410" t="str">
        <f>'CPT Data'!P2418</f>
        <v>SAND</v>
      </c>
      <c r="D2410" t="e">
        <f>'CPT Data'!Q2418</f>
        <v>#N/A</v>
      </c>
      <c r="E2410" t="e">
        <f t="shared" si="38"/>
        <v>#N/A</v>
      </c>
      <c r="F2410" t="str">
        <f>IF(C2410="CLAY", INDEX(D$4:D2410, MATCH("CLAY", C$4:C2410, 0)), "")</f>
        <v/>
      </c>
    </row>
    <row r="2411" spans="1:6" x14ac:dyDescent="0.2">
      <c r="A2411" s="239">
        <f>'CPT Data'!B2419</f>
        <v>24.129000000000001</v>
      </c>
      <c r="B2411" s="3">
        <f>'CPT Data'!C2419</f>
        <v>24.122</v>
      </c>
      <c r="C2411" t="str">
        <f>'CPT Data'!P2419</f>
        <v>SAND</v>
      </c>
      <c r="D2411" t="e">
        <f>'CPT Data'!Q2419</f>
        <v>#N/A</v>
      </c>
      <c r="E2411" t="e">
        <f t="shared" si="38"/>
        <v>#N/A</v>
      </c>
      <c r="F2411" t="str">
        <f>IF(C2411="CLAY", INDEX(D$4:D2411, MATCH("CLAY", C$4:C2411, 0)), "")</f>
        <v/>
      </c>
    </row>
    <row r="2412" spans="1:6" x14ac:dyDescent="0.2">
      <c r="A2412" s="239">
        <f>'CPT Data'!B2420</f>
        <v>24.138999999999999</v>
      </c>
      <c r="B2412" s="3">
        <f>'CPT Data'!C2420</f>
        <v>24.131999999999998</v>
      </c>
      <c r="C2412" t="str">
        <f>'CPT Data'!P2420</f>
        <v>SAND</v>
      </c>
      <c r="D2412" t="e">
        <f>'CPT Data'!Q2420</f>
        <v>#N/A</v>
      </c>
      <c r="E2412" t="e">
        <f t="shared" si="38"/>
        <v>#N/A</v>
      </c>
      <c r="F2412" t="str">
        <f>IF(C2412="CLAY", INDEX(D$4:D2412, MATCH("CLAY", C$4:C2412, 0)), "")</f>
        <v/>
      </c>
    </row>
    <row r="2413" spans="1:6" x14ac:dyDescent="0.2">
      <c r="A2413" s="239">
        <f>'CPT Data'!B2421</f>
        <v>24.149000000000001</v>
      </c>
      <c r="B2413" s="3">
        <f>'CPT Data'!C2421</f>
        <v>24.141999999999999</v>
      </c>
      <c r="C2413" t="str">
        <f>'CPT Data'!P2421</f>
        <v>SAND</v>
      </c>
      <c r="D2413" t="e">
        <f>'CPT Data'!Q2421</f>
        <v>#N/A</v>
      </c>
      <c r="E2413" t="e">
        <f t="shared" si="38"/>
        <v>#N/A</v>
      </c>
      <c r="F2413" t="str">
        <f>IF(C2413="CLAY", INDEX(D$4:D2413, MATCH("CLAY", C$4:C2413, 0)), "")</f>
        <v/>
      </c>
    </row>
    <row r="2414" spans="1:6" x14ac:dyDescent="0.2">
      <c r="A2414" s="239">
        <f>'CPT Data'!B2422</f>
        <v>24.158000000000001</v>
      </c>
      <c r="B2414" s="3">
        <f>'CPT Data'!C2422</f>
        <v>24.151</v>
      </c>
      <c r="C2414" t="str">
        <f>'CPT Data'!P2422</f>
        <v>SAND</v>
      </c>
      <c r="D2414" t="e">
        <f>'CPT Data'!Q2422</f>
        <v>#N/A</v>
      </c>
      <c r="E2414" t="e">
        <f t="shared" si="38"/>
        <v>#N/A</v>
      </c>
      <c r="F2414" t="str">
        <f>IF(C2414="CLAY", INDEX(D$4:D2414, MATCH("CLAY", C$4:C2414, 0)), "")</f>
        <v/>
      </c>
    </row>
    <row r="2415" spans="1:6" x14ac:dyDescent="0.2">
      <c r="A2415" s="239">
        <f>'CPT Data'!B2423</f>
        <v>24.169</v>
      </c>
      <c r="B2415" s="3">
        <f>'CPT Data'!C2423</f>
        <v>24.161999999999999</v>
      </c>
      <c r="C2415" t="str">
        <f>'CPT Data'!P2423</f>
        <v>SAND</v>
      </c>
      <c r="D2415" t="e">
        <f>'CPT Data'!Q2423</f>
        <v>#N/A</v>
      </c>
      <c r="E2415" t="e">
        <f t="shared" si="38"/>
        <v>#N/A</v>
      </c>
      <c r="F2415" t="str">
        <f>IF(C2415="CLAY", INDEX(D$4:D2415, MATCH("CLAY", C$4:C2415, 0)), "")</f>
        <v/>
      </c>
    </row>
    <row r="2416" spans="1:6" x14ac:dyDescent="0.2">
      <c r="A2416" s="239">
        <f>'CPT Data'!B2424</f>
        <v>24.178000000000001</v>
      </c>
      <c r="B2416" s="3">
        <f>'CPT Data'!C2424</f>
        <v>24.170999999999999</v>
      </c>
      <c r="C2416" t="str">
        <f>'CPT Data'!P2424</f>
        <v>SAND</v>
      </c>
      <c r="D2416" t="e">
        <f>'CPT Data'!Q2424</f>
        <v>#N/A</v>
      </c>
      <c r="E2416" t="e">
        <f t="shared" si="38"/>
        <v>#N/A</v>
      </c>
      <c r="F2416" t="str">
        <f>IF(C2416="CLAY", INDEX(D$4:D2416, MATCH("CLAY", C$4:C2416, 0)), "")</f>
        <v/>
      </c>
    </row>
    <row r="2417" spans="1:6" x14ac:dyDescent="0.2">
      <c r="A2417" s="239">
        <f>'CPT Data'!B2425</f>
        <v>24.187000000000001</v>
      </c>
      <c r="B2417" s="3">
        <f>'CPT Data'!C2425</f>
        <v>24.18</v>
      </c>
      <c r="C2417" t="str">
        <f>'CPT Data'!P2425</f>
        <v>SAND</v>
      </c>
      <c r="D2417" t="e">
        <f>'CPT Data'!Q2425</f>
        <v>#N/A</v>
      </c>
      <c r="E2417" t="e">
        <f t="shared" si="38"/>
        <v>#N/A</v>
      </c>
      <c r="F2417" t="str">
        <f>IF(C2417="CLAY", INDEX(D$4:D2417, MATCH("CLAY", C$4:C2417, 0)), "")</f>
        <v/>
      </c>
    </row>
    <row r="2418" spans="1:6" x14ac:dyDescent="0.2">
      <c r="A2418" s="239">
        <f>'CPT Data'!B2426</f>
        <v>24.198</v>
      </c>
      <c r="B2418" s="3">
        <f>'CPT Data'!C2426</f>
        <v>24.190999999999999</v>
      </c>
      <c r="C2418" t="str">
        <f>'CPT Data'!P2426</f>
        <v>SAND</v>
      </c>
      <c r="D2418" t="e">
        <f>'CPT Data'!Q2426</f>
        <v>#N/A</v>
      </c>
      <c r="E2418" t="e">
        <f t="shared" si="38"/>
        <v>#N/A</v>
      </c>
      <c r="F2418" t="str">
        <f>IF(C2418="CLAY", INDEX(D$4:D2418, MATCH("CLAY", C$4:C2418, 0)), "")</f>
        <v/>
      </c>
    </row>
    <row r="2419" spans="1:6" x14ac:dyDescent="0.2">
      <c r="A2419" s="239">
        <f>'CPT Data'!B2427</f>
        <v>24.207000000000001</v>
      </c>
      <c r="B2419" s="3">
        <f>'CPT Data'!C2427</f>
        <v>24.2</v>
      </c>
      <c r="C2419" t="str">
        <f>'CPT Data'!P2427</f>
        <v>SAND</v>
      </c>
      <c r="D2419" t="e">
        <f>'CPT Data'!Q2427</f>
        <v>#N/A</v>
      </c>
      <c r="E2419" t="e">
        <f t="shared" si="38"/>
        <v>#N/A</v>
      </c>
      <c r="F2419" t="str">
        <f>IF(C2419="CLAY", INDEX(D$4:D2419, MATCH("CLAY", C$4:C2419, 0)), "")</f>
        <v/>
      </c>
    </row>
    <row r="2420" spans="1:6" x14ac:dyDescent="0.2">
      <c r="A2420" s="239">
        <f>'CPT Data'!B2428</f>
        <v>24.216999999999999</v>
      </c>
      <c r="B2420" s="3">
        <f>'CPT Data'!C2428</f>
        <v>24.209999999999997</v>
      </c>
      <c r="C2420" t="str">
        <f>'CPT Data'!P2428</f>
        <v>SAND</v>
      </c>
      <c r="D2420" t="e">
        <f>'CPT Data'!Q2428</f>
        <v>#N/A</v>
      </c>
      <c r="E2420" t="e">
        <f t="shared" si="38"/>
        <v>#N/A</v>
      </c>
      <c r="F2420" t="str">
        <f>IF(C2420="CLAY", INDEX(D$4:D2420, MATCH("CLAY", C$4:C2420, 0)), "")</f>
        <v/>
      </c>
    </row>
    <row r="2421" spans="1:6" x14ac:dyDescent="0.2">
      <c r="A2421" s="239">
        <f>'CPT Data'!B2429</f>
        <v>24.225999999999999</v>
      </c>
      <c r="B2421" s="3">
        <f>'CPT Data'!C2429</f>
        <v>24.218999999999998</v>
      </c>
      <c r="C2421" t="str">
        <f>'CPT Data'!P2429</f>
        <v>SAND</v>
      </c>
      <c r="D2421" t="e">
        <f>'CPT Data'!Q2429</f>
        <v>#N/A</v>
      </c>
      <c r="E2421" t="e">
        <f t="shared" si="38"/>
        <v>#N/A</v>
      </c>
      <c r="F2421" t="str">
        <f>IF(C2421="CLAY", INDEX(D$4:D2421, MATCH("CLAY", C$4:C2421, 0)), "")</f>
        <v/>
      </c>
    </row>
    <row r="2422" spans="1:6" x14ac:dyDescent="0.2">
      <c r="A2422" s="239">
        <f>'CPT Data'!B2430</f>
        <v>24.236000000000001</v>
      </c>
      <c r="B2422" s="3">
        <f>'CPT Data'!C2430</f>
        <v>24.228999999999999</v>
      </c>
      <c r="C2422" t="str">
        <f>'CPT Data'!P2430</f>
        <v>SAND</v>
      </c>
      <c r="D2422" t="e">
        <f>'CPT Data'!Q2430</f>
        <v>#N/A</v>
      </c>
      <c r="E2422" t="e">
        <f t="shared" si="38"/>
        <v>#N/A</v>
      </c>
      <c r="F2422" t="str">
        <f>IF(C2422="CLAY", INDEX(D$4:D2422, MATCH("CLAY", C$4:C2422, 0)), "")</f>
        <v/>
      </c>
    </row>
    <row r="2423" spans="1:6" x14ac:dyDescent="0.2">
      <c r="A2423" s="239">
        <f>'CPT Data'!B2431</f>
        <v>24.247</v>
      </c>
      <c r="B2423" s="3">
        <f>'CPT Data'!C2431</f>
        <v>24.24</v>
      </c>
      <c r="C2423" t="str">
        <f>'CPT Data'!P2431</f>
        <v>SAND</v>
      </c>
      <c r="D2423" t="e">
        <f>'CPT Data'!Q2431</f>
        <v>#N/A</v>
      </c>
      <c r="E2423" t="e">
        <f t="shared" si="38"/>
        <v>#N/A</v>
      </c>
      <c r="F2423" t="str">
        <f>IF(C2423="CLAY", INDEX(D$4:D2423, MATCH("CLAY", C$4:C2423, 0)), "")</f>
        <v/>
      </c>
    </row>
    <row r="2424" spans="1:6" x14ac:dyDescent="0.2">
      <c r="A2424" s="239">
        <f>'CPT Data'!B2432</f>
        <v>24.256</v>
      </c>
      <c r="B2424" s="3">
        <f>'CPT Data'!C2432</f>
        <v>24.248999999999999</v>
      </c>
      <c r="C2424" t="str">
        <f>'CPT Data'!P2432</f>
        <v>SAND</v>
      </c>
      <c r="D2424" t="e">
        <f>'CPT Data'!Q2432</f>
        <v>#N/A</v>
      </c>
      <c r="E2424" t="e">
        <f t="shared" si="38"/>
        <v>#N/A</v>
      </c>
      <c r="F2424" t="str">
        <f>IF(C2424="CLAY", INDEX(D$4:D2424, MATCH("CLAY", C$4:C2424, 0)), "")</f>
        <v/>
      </c>
    </row>
    <row r="2425" spans="1:6" x14ac:dyDescent="0.2">
      <c r="A2425" s="239">
        <f>'CPT Data'!B2433</f>
        <v>24.265999999999998</v>
      </c>
      <c r="B2425" s="3">
        <f>'CPT Data'!C2433</f>
        <v>24.258999999999997</v>
      </c>
      <c r="C2425" t="str">
        <f>'CPT Data'!P2433</f>
        <v>SAND</v>
      </c>
      <c r="D2425" t="e">
        <f>'CPT Data'!Q2433</f>
        <v>#N/A</v>
      </c>
      <c r="E2425" t="e">
        <f t="shared" si="38"/>
        <v>#N/A</v>
      </c>
      <c r="F2425" t="str">
        <f>IF(C2425="CLAY", INDEX(D$4:D2425, MATCH("CLAY", C$4:C2425, 0)), "")</f>
        <v/>
      </c>
    </row>
    <row r="2426" spans="1:6" x14ac:dyDescent="0.2">
      <c r="A2426" s="239">
        <f>'CPT Data'!B2434</f>
        <v>24.274999999999999</v>
      </c>
      <c r="B2426" s="3">
        <f>'CPT Data'!C2434</f>
        <v>24.267999999999997</v>
      </c>
      <c r="C2426" t="str">
        <f>'CPT Data'!P2434</f>
        <v>SAND</v>
      </c>
      <c r="D2426" t="e">
        <f>'CPT Data'!Q2434</f>
        <v>#N/A</v>
      </c>
      <c r="E2426" t="e">
        <f t="shared" si="38"/>
        <v>#N/A</v>
      </c>
      <c r="F2426" t="str">
        <f>IF(C2426="CLAY", INDEX(D$4:D2426, MATCH("CLAY", C$4:C2426, 0)), "")</f>
        <v/>
      </c>
    </row>
    <row r="2427" spans="1:6" x14ac:dyDescent="0.2">
      <c r="A2427" s="239">
        <f>'CPT Data'!B2435</f>
        <v>24.286000000000001</v>
      </c>
      <c r="B2427" s="3">
        <f>'CPT Data'!C2435</f>
        <v>24.279</v>
      </c>
      <c r="C2427" t="str">
        <f>'CPT Data'!P2435</f>
        <v>SAND</v>
      </c>
      <c r="D2427" t="e">
        <f>'CPT Data'!Q2435</f>
        <v>#N/A</v>
      </c>
      <c r="E2427" t="e">
        <f t="shared" si="38"/>
        <v>#N/A</v>
      </c>
      <c r="F2427" t="str">
        <f>IF(C2427="CLAY", INDEX(D$4:D2427, MATCH("CLAY", C$4:C2427, 0)), "")</f>
        <v/>
      </c>
    </row>
    <row r="2428" spans="1:6" x14ac:dyDescent="0.2">
      <c r="A2428" s="239">
        <f>'CPT Data'!B2436</f>
        <v>24.295999999999999</v>
      </c>
      <c r="B2428" s="3">
        <f>'CPT Data'!C2436</f>
        <v>24.288999999999998</v>
      </c>
      <c r="C2428" t="str">
        <f>'CPT Data'!P2436</f>
        <v>SAND</v>
      </c>
      <c r="D2428" t="e">
        <f>'CPT Data'!Q2436</f>
        <v>#N/A</v>
      </c>
      <c r="E2428" t="e">
        <f t="shared" si="38"/>
        <v>#N/A</v>
      </c>
      <c r="F2428" t="str">
        <f>IF(C2428="CLAY", INDEX(D$4:D2428, MATCH("CLAY", C$4:C2428, 0)), "")</f>
        <v/>
      </c>
    </row>
    <row r="2429" spans="1:6" x14ac:dyDescent="0.2">
      <c r="A2429" s="239">
        <f>'CPT Data'!B2437</f>
        <v>24.305</v>
      </c>
      <c r="B2429" s="3">
        <f>'CPT Data'!C2437</f>
        <v>24.297999999999998</v>
      </c>
      <c r="C2429" t="str">
        <f>'CPT Data'!P2437</f>
        <v>CLAY</v>
      </c>
      <c r="D2429">
        <f>'CPT Data'!Q2437</f>
        <v>508.30770944082133</v>
      </c>
      <c r="E2429">
        <f t="shared" si="38"/>
        <v>508.30770944082133</v>
      </c>
      <c r="F2429">
        <f>IF(C2429="CLAY", INDEX(D$4:D2429, MATCH("CLAY", C$4:C2429, 0)), "")</f>
        <v>0.75203252561341039</v>
      </c>
    </row>
    <row r="2430" spans="1:6" x14ac:dyDescent="0.2">
      <c r="A2430" s="239">
        <f>'CPT Data'!B2438</f>
        <v>24.314</v>
      </c>
      <c r="B2430" s="3">
        <f>'CPT Data'!C2438</f>
        <v>24.306999999999999</v>
      </c>
      <c r="C2430" t="str">
        <f>'CPT Data'!P2438</f>
        <v>CLAY</v>
      </c>
      <c r="D2430">
        <f>'CPT Data'!Q2438</f>
        <v>505.91462806964813</v>
      </c>
      <c r="E2430">
        <f t="shared" si="38"/>
        <v>508.30770944082133</v>
      </c>
      <c r="F2430">
        <f>IF(C2430="CLAY", INDEX(D$4:D2430, MATCH("CLAY", C$4:C2430, 0)), "")</f>
        <v>0.75203252561341039</v>
      </c>
    </row>
    <row r="2431" spans="1:6" x14ac:dyDescent="0.2">
      <c r="A2431" s="239">
        <f>'CPT Data'!B2439</f>
        <v>24.324999999999999</v>
      </c>
      <c r="B2431" s="3">
        <f>'CPT Data'!C2439</f>
        <v>24.317999999999998</v>
      </c>
      <c r="C2431" t="str">
        <f>'CPT Data'!P2439</f>
        <v>CLAY</v>
      </c>
      <c r="D2431">
        <f>'CPT Data'!Q2439</f>
        <v>498.32259670662046</v>
      </c>
      <c r="E2431">
        <f t="shared" si="38"/>
        <v>505.91462806964813</v>
      </c>
      <c r="F2431">
        <f>IF(C2431="CLAY", INDEX(D$4:D2431, MATCH("CLAY", C$4:C2431, 0)), "")</f>
        <v>0.75203252561341039</v>
      </c>
    </row>
    <row r="2432" spans="1:6" x14ac:dyDescent="0.2">
      <c r="A2432" s="239">
        <f>'CPT Data'!B2440</f>
        <v>24.334</v>
      </c>
      <c r="B2432" s="3">
        <f>'CPT Data'!C2440</f>
        <v>24.326999999999998</v>
      </c>
      <c r="C2432" t="str">
        <f>'CPT Data'!P2440</f>
        <v>CLAY</v>
      </c>
      <c r="D2432">
        <f>'CPT Data'!Q2440</f>
        <v>478.00353470248712</v>
      </c>
      <c r="E2432">
        <f t="shared" si="38"/>
        <v>498.32259670662046</v>
      </c>
      <c r="F2432">
        <f>IF(C2432="CLAY", INDEX(D$4:D2432, MATCH("CLAY", C$4:C2432, 0)), "")</f>
        <v>0.75203252561341039</v>
      </c>
    </row>
    <row r="2433" spans="1:6" x14ac:dyDescent="0.2">
      <c r="A2433" s="239">
        <f>'CPT Data'!B2441</f>
        <v>24.344000000000001</v>
      </c>
      <c r="B2433" s="3">
        <f>'CPT Data'!C2441</f>
        <v>24.337</v>
      </c>
      <c r="C2433" t="str">
        <f>'CPT Data'!P2441</f>
        <v>CLAY</v>
      </c>
      <c r="D2433">
        <f>'CPT Data'!Q2441</f>
        <v>459.44021962121889</v>
      </c>
      <c r="E2433">
        <f t="shared" si="38"/>
        <v>478.00353470248712</v>
      </c>
      <c r="F2433">
        <f>IF(C2433="CLAY", INDEX(D$4:D2433, MATCH("CLAY", C$4:C2433, 0)), "")</f>
        <v>0.75203252561341039</v>
      </c>
    </row>
    <row r="2434" spans="1:6" x14ac:dyDescent="0.2">
      <c r="A2434" s="239">
        <f>'CPT Data'!B2442</f>
        <v>24.353999999999999</v>
      </c>
      <c r="B2434" s="3">
        <f>'CPT Data'!C2442</f>
        <v>24.346999999999998</v>
      </c>
      <c r="C2434" t="str">
        <f>'CPT Data'!P2442</f>
        <v>CLAY</v>
      </c>
      <c r="D2434">
        <f>'CPT Data'!Q2442</f>
        <v>434.79655793129081</v>
      </c>
      <c r="E2434">
        <f t="shared" si="38"/>
        <v>459.44021962121889</v>
      </c>
      <c r="F2434">
        <f>IF(C2434="CLAY", INDEX(D$4:D2434, MATCH("CLAY", C$4:C2434, 0)), "")</f>
        <v>0.75203252561341039</v>
      </c>
    </row>
    <row r="2435" spans="1:6" x14ac:dyDescent="0.2">
      <c r="A2435" s="239">
        <f>'CPT Data'!B2443</f>
        <v>24.364000000000001</v>
      </c>
      <c r="B2435" s="3">
        <f>'CPT Data'!C2443</f>
        <v>24.356999999999999</v>
      </c>
      <c r="C2435" t="str">
        <f>'CPT Data'!P2443</f>
        <v>CLAY</v>
      </c>
      <c r="D2435">
        <f>'CPT Data'!Q2443</f>
        <v>406.26545469609829</v>
      </c>
      <c r="E2435">
        <f t="shared" si="38"/>
        <v>434.79655793129081</v>
      </c>
      <c r="F2435">
        <f>IF(C2435="CLAY", INDEX(D$4:D2435, MATCH("CLAY", C$4:C2435, 0)), "")</f>
        <v>0.75203252561341039</v>
      </c>
    </row>
    <row r="2436" spans="1:6" x14ac:dyDescent="0.2">
      <c r="A2436" s="239">
        <f>'CPT Data'!B2444</f>
        <v>24.373999999999999</v>
      </c>
      <c r="B2436" s="3">
        <f>'CPT Data'!C2444</f>
        <v>24.366999999999997</v>
      </c>
      <c r="C2436" t="str">
        <f>'CPT Data'!P2444</f>
        <v>CLAY</v>
      </c>
      <c r="D2436">
        <f>'CPT Data'!Q2444</f>
        <v>381.53319672807089</v>
      </c>
      <c r="E2436">
        <f t="shared" si="38"/>
        <v>406.26545469609829</v>
      </c>
      <c r="F2436">
        <f>IF(C2436="CLAY", INDEX(D$4:D2436, MATCH("CLAY", C$4:C2436, 0)), "")</f>
        <v>0.75203252561341039</v>
      </c>
    </row>
    <row r="2437" spans="1:6" x14ac:dyDescent="0.2">
      <c r="A2437" s="239">
        <f>'CPT Data'!B2445</f>
        <v>24.382999999999999</v>
      </c>
      <c r="B2437" s="3">
        <f>'CPT Data'!C2445</f>
        <v>24.375999999999998</v>
      </c>
      <c r="C2437" t="str">
        <f>'CPT Data'!P2445</f>
        <v>CLAY</v>
      </c>
      <c r="D2437">
        <f>'CPT Data'!Q2445</f>
        <v>357.36520013972455</v>
      </c>
      <c r="E2437">
        <f t="shared" si="38"/>
        <v>381.53319672807089</v>
      </c>
      <c r="F2437">
        <f>IF(C2437="CLAY", INDEX(D$4:D2437, MATCH("CLAY", C$4:C2437, 0)), "")</f>
        <v>0.75203252561341039</v>
      </c>
    </row>
    <row r="2438" spans="1:6" x14ac:dyDescent="0.2">
      <c r="A2438" s="239">
        <f>'CPT Data'!B2446</f>
        <v>24.393000000000001</v>
      </c>
      <c r="B2438" s="3">
        <f>'CPT Data'!C2446</f>
        <v>24.385999999999999</v>
      </c>
      <c r="C2438" t="str">
        <f>'CPT Data'!P2446</f>
        <v>CLAY</v>
      </c>
      <c r="D2438">
        <f>'CPT Data'!Q2446</f>
        <v>341.19695674508137</v>
      </c>
      <c r="E2438">
        <f t="shared" si="38"/>
        <v>357.36520013972455</v>
      </c>
      <c r="F2438">
        <f>IF(C2438="CLAY", INDEX(D$4:D2438, MATCH("CLAY", C$4:C2438, 0)), "")</f>
        <v>0.75203252561341039</v>
      </c>
    </row>
    <row r="2439" spans="1:6" x14ac:dyDescent="0.2">
      <c r="A2439" s="239">
        <f>'CPT Data'!B2447</f>
        <v>24.402999999999999</v>
      </c>
      <c r="B2439" s="3">
        <f>'CPT Data'!C2447</f>
        <v>24.395999999999997</v>
      </c>
      <c r="C2439" t="str">
        <f>'CPT Data'!P2447</f>
        <v>CLAY</v>
      </c>
      <c r="D2439">
        <f>'CPT Data'!Q2447</f>
        <v>329.12315936674469</v>
      </c>
      <c r="E2439">
        <f t="shared" si="38"/>
        <v>341.19695674508137</v>
      </c>
      <c r="F2439">
        <f>IF(C2439="CLAY", INDEX(D$4:D2439, MATCH("CLAY", C$4:C2439, 0)), "")</f>
        <v>0.75203252561341039</v>
      </c>
    </row>
    <row r="2440" spans="1:6" x14ac:dyDescent="0.2">
      <c r="A2440" s="239">
        <f>'CPT Data'!B2448</f>
        <v>24.413</v>
      </c>
      <c r="B2440" s="3">
        <f>'CPT Data'!C2448</f>
        <v>24.405999999999999</v>
      </c>
      <c r="C2440" t="str">
        <f>'CPT Data'!P2448</f>
        <v>CLAY</v>
      </c>
      <c r="D2440">
        <f>'CPT Data'!Q2448</f>
        <v>315.6768299112029</v>
      </c>
      <c r="E2440">
        <f t="shared" si="38"/>
        <v>329.12315936674469</v>
      </c>
      <c r="F2440">
        <f>IF(C2440="CLAY", INDEX(D$4:D2440, MATCH("CLAY", C$4:C2440, 0)), "")</f>
        <v>0.75203252561341039</v>
      </c>
    </row>
    <row r="2441" spans="1:6" x14ac:dyDescent="0.2">
      <c r="A2441" s="239">
        <f>'CPT Data'!B2449</f>
        <v>24.422000000000001</v>
      </c>
      <c r="B2441" s="3">
        <f>'CPT Data'!C2449</f>
        <v>24.414999999999999</v>
      </c>
      <c r="C2441" t="str">
        <f>'CPT Data'!P2449</f>
        <v>CLAY</v>
      </c>
      <c r="D2441">
        <f>'CPT Data'!Q2449</f>
        <v>306.1821381382145</v>
      </c>
      <c r="E2441">
        <f t="shared" si="38"/>
        <v>315.6768299112029</v>
      </c>
      <c r="F2441">
        <f>IF(C2441="CLAY", INDEX(D$4:D2441, MATCH("CLAY", C$4:C2441, 0)), "")</f>
        <v>0.75203252561341039</v>
      </c>
    </row>
    <row r="2442" spans="1:6" x14ac:dyDescent="0.2">
      <c r="A2442" s="239">
        <f>'CPT Data'!B2450</f>
        <v>24.433</v>
      </c>
      <c r="B2442" s="3">
        <f>'CPT Data'!C2450</f>
        <v>24.425999999999998</v>
      </c>
      <c r="C2442" t="str">
        <f>'CPT Data'!P2450</f>
        <v>CLAY</v>
      </c>
      <c r="D2442">
        <f>'CPT Data'!Q2450</f>
        <v>313.06983173851597</v>
      </c>
      <c r="E2442">
        <f t="shared" si="38"/>
        <v>306.1821381382145</v>
      </c>
      <c r="F2442">
        <f>IF(C2442="CLAY", INDEX(D$4:D2442, MATCH("CLAY", C$4:C2442, 0)), "")</f>
        <v>0.75203252561341039</v>
      </c>
    </row>
    <row r="2443" spans="1:6" x14ac:dyDescent="0.2">
      <c r="A2443" s="239">
        <f>'CPT Data'!B2451</f>
        <v>24.442</v>
      </c>
      <c r="B2443" s="3">
        <f>'CPT Data'!C2451</f>
        <v>24.434999999999999</v>
      </c>
      <c r="C2443" t="str">
        <f>'CPT Data'!P2451</f>
        <v>CLAY</v>
      </c>
      <c r="D2443">
        <f>'CPT Data'!Q2451</f>
        <v>332.05256646381667</v>
      </c>
      <c r="E2443">
        <f t="shared" si="38"/>
        <v>313.06983173851597</v>
      </c>
      <c r="F2443">
        <f>IF(C2443="CLAY", INDEX(D$4:D2443, MATCH("CLAY", C$4:C2443, 0)), "")</f>
        <v>0.75203252561341039</v>
      </c>
    </row>
    <row r="2444" spans="1:6" x14ac:dyDescent="0.2">
      <c r="A2444" s="239">
        <f>'CPT Data'!B2452</f>
        <v>24.452000000000002</v>
      </c>
      <c r="B2444" s="3">
        <f>'CPT Data'!C2452</f>
        <v>24.445</v>
      </c>
      <c r="C2444" t="str">
        <f>'CPT Data'!P2452</f>
        <v>CLAY</v>
      </c>
      <c r="D2444">
        <f>'CPT Data'!Q2452</f>
        <v>364.22147424177319</v>
      </c>
      <c r="E2444">
        <f t="shared" si="38"/>
        <v>332.05256646381667</v>
      </c>
      <c r="F2444">
        <f>IF(C2444="CLAY", INDEX(D$4:D2444, MATCH("CLAY", C$4:C2444, 0)), "")</f>
        <v>0.75203252561341039</v>
      </c>
    </row>
    <row r="2445" spans="1:6" x14ac:dyDescent="0.2">
      <c r="A2445" s="239">
        <f>'CPT Data'!B2453</f>
        <v>24.462</v>
      </c>
      <c r="B2445" s="3">
        <f>'CPT Data'!C2453</f>
        <v>24.454999999999998</v>
      </c>
      <c r="C2445" t="str">
        <f>'CPT Data'!P2453</f>
        <v>CLAY</v>
      </c>
      <c r="D2445">
        <f>'CPT Data'!Q2453</f>
        <v>403.30241654688211</v>
      </c>
      <c r="E2445">
        <f t="shared" si="38"/>
        <v>364.22147424177319</v>
      </c>
      <c r="F2445">
        <f>IF(C2445="CLAY", INDEX(D$4:D2445, MATCH("CLAY", C$4:C2445, 0)), "")</f>
        <v>0.75203252561341039</v>
      </c>
    </row>
    <row r="2446" spans="1:6" x14ac:dyDescent="0.2">
      <c r="A2446" s="239">
        <f>'CPT Data'!B2454</f>
        <v>24.471</v>
      </c>
      <c r="B2446" s="3">
        <f>'CPT Data'!C2454</f>
        <v>24.463999999999999</v>
      </c>
      <c r="C2446" t="str">
        <f>'CPT Data'!P2454</f>
        <v>CLAY</v>
      </c>
      <c r="D2446">
        <f>'CPT Data'!Q2454</f>
        <v>441.63370661752111</v>
      </c>
      <c r="E2446">
        <f t="shared" si="38"/>
        <v>403.30241654688211</v>
      </c>
      <c r="F2446">
        <f>IF(C2446="CLAY", INDEX(D$4:D2446, MATCH("CLAY", C$4:C2446, 0)), "")</f>
        <v>0.75203252561341039</v>
      </c>
    </row>
    <row r="2447" spans="1:6" x14ac:dyDescent="0.2">
      <c r="A2447" s="239">
        <f>'CPT Data'!B2455</f>
        <v>24.481000000000002</v>
      </c>
      <c r="B2447" s="3">
        <f>'CPT Data'!C2455</f>
        <v>24.474</v>
      </c>
      <c r="C2447" t="str">
        <f>'CPT Data'!P2455</f>
        <v>CLAY</v>
      </c>
      <c r="D2447">
        <f>'CPT Data'!Q2455</f>
        <v>482.88553777944054</v>
      </c>
      <c r="E2447">
        <f t="shared" si="38"/>
        <v>441.63370661752111</v>
      </c>
      <c r="F2447">
        <f>IF(C2447="CLAY", INDEX(D$4:D2447, MATCH("CLAY", C$4:C2447, 0)), "")</f>
        <v>0.75203252561341039</v>
      </c>
    </row>
    <row r="2448" spans="1:6" x14ac:dyDescent="0.2">
      <c r="A2448" s="239">
        <f>'CPT Data'!B2456</f>
        <v>24.49</v>
      </c>
      <c r="B2448" s="3">
        <f>'CPT Data'!C2456</f>
        <v>24.482999999999997</v>
      </c>
      <c r="C2448" t="str">
        <f>'CPT Data'!P2456</f>
        <v>CLAY</v>
      </c>
      <c r="D2448">
        <f>'CPT Data'!Q2456</f>
        <v>529.62308410992898</v>
      </c>
      <c r="E2448">
        <f t="shared" si="38"/>
        <v>482.88553777944054</v>
      </c>
      <c r="F2448">
        <f>IF(C2448="CLAY", INDEX(D$4:D2448, MATCH("CLAY", C$4:C2448, 0)), "")</f>
        <v>0.75203252561341039</v>
      </c>
    </row>
    <row r="2449" spans="1:6" x14ac:dyDescent="0.2">
      <c r="A2449" s="239">
        <f>'CPT Data'!B2457</f>
        <v>24.501000000000001</v>
      </c>
      <c r="B2449" s="3">
        <f>'CPT Data'!C2457</f>
        <v>24.494</v>
      </c>
      <c r="C2449" t="str">
        <f>'CPT Data'!P2457</f>
        <v>SAND</v>
      </c>
      <c r="D2449" t="e">
        <f>'CPT Data'!Q2457</f>
        <v>#N/A</v>
      </c>
      <c r="E2449" t="e">
        <f t="shared" si="38"/>
        <v>#N/A</v>
      </c>
      <c r="F2449" t="str">
        <f>IF(C2449="CLAY", INDEX(D$4:D2449, MATCH("CLAY", C$4:C2449, 0)), "")</f>
        <v/>
      </c>
    </row>
    <row r="2450" spans="1:6" x14ac:dyDescent="0.2">
      <c r="A2450" s="239">
        <f>'CPT Data'!B2458</f>
        <v>24.51</v>
      </c>
      <c r="B2450" s="3">
        <f>'CPT Data'!C2458</f>
        <v>24.503</v>
      </c>
      <c r="C2450" t="str">
        <f>'CPT Data'!P2458</f>
        <v>SAND</v>
      </c>
      <c r="D2450" t="e">
        <f>'CPT Data'!Q2458</f>
        <v>#N/A</v>
      </c>
      <c r="E2450" t="e">
        <f t="shared" si="38"/>
        <v>#N/A</v>
      </c>
      <c r="F2450" t="str">
        <f>IF(C2450="CLAY", INDEX(D$4:D2450, MATCH("CLAY", C$4:C2450, 0)), "")</f>
        <v/>
      </c>
    </row>
    <row r="2451" spans="1:6" x14ac:dyDescent="0.2">
      <c r="A2451" s="239">
        <f>'CPT Data'!B2459</f>
        <v>24.52</v>
      </c>
      <c r="B2451" s="3">
        <f>'CPT Data'!C2459</f>
        <v>24.512999999999998</v>
      </c>
      <c r="C2451" t="str">
        <f>'CPT Data'!P2459</f>
        <v>SAND</v>
      </c>
      <c r="D2451" t="e">
        <f>'CPT Data'!Q2459</f>
        <v>#N/A</v>
      </c>
      <c r="E2451" t="e">
        <f t="shared" si="38"/>
        <v>#N/A</v>
      </c>
      <c r="F2451" t="str">
        <f>IF(C2451="CLAY", INDEX(D$4:D2451, MATCH("CLAY", C$4:C2451, 0)), "")</f>
        <v/>
      </c>
    </row>
    <row r="2452" spans="1:6" x14ac:dyDescent="0.2">
      <c r="A2452" s="239">
        <f>'CPT Data'!B2460</f>
        <v>24.529</v>
      </c>
      <c r="B2452" s="3">
        <f>'CPT Data'!C2460</f>
        <v>24.521999999999998</v>
      </c>
      <c r="C2452" t="str">
        <f>'CPT Data'!P2460</f>
        <v>SAND</v>
      </c>
      <c r="D2452" t="e">
        <f>'CPT Data'!Q2460</f>
        <v>#N/A</v>
      </c>
      <c r="E2452" t="e">
        <f t="shared" si="38"/>
        <v>#N/A</v>
      </c>
      <c r="F2452" t="str">
        <f>IF(C2452="CLAY", INDEX(D$4:D2452, MATCH("CLAY", C$4:C2452, 0)), "")</f>
        <v/>
      </c>
    </row>
    <row r="2453" spans="1:6" x14ac:dyDescent="0.2">
      <c r="A2453" s="239">
        <f>'CPT Data'!B2461</f>
        <v>24.538</v>
      </c>
      <c r="B2453" s="3">
        <f>'CPT Data'!C2461</f>
        <v>24.530999999999999</v>
      </c>
      <c r="C2453" t="str">
        <f>'CPT Data'!P2461</f>
        <v>SAND</v>
      </c>
      <c r="D2453" t="e">
        <f>'CPT Data'!Q2461</f>
        <v>#N/A</v>
      </c>
      <c r="E2453" t="e">
        <f t="shared" si="38"/>
        <v>#N/A</v>
      </c>
      <c r="F2453" t="str">
        <f>IF(C2453="CLAY", INDEX(D$4:D2453, MATCH("CLAY", C$4:C2453, 0)), "")</f>
        <v/>
      </c>
    </row>
    <row r="2454" spans="1:6" x14ac:dyDescent="0.2">
      <c r="A2454" s="239">
        <f>'CPT Data'!B2462</f>
        <v>24.547999999999998</v>
      </c>
      <c r="B2454" s="3">
        <f>'CPT Data'!C2462</f>
        <v>24.540999999999997</v>
      </c>
      <c r="C2454" t="str">
        <f>'CPT Data'!P2462</f>
        <v>SAND</v>
      </c>
      <c r="D2454" t="e">
        <f>'CPT Data'!Q2462</f>
        <v>#N/A</v>
      </c>
      <c r="E2454" t="e">
        <f t="shared" si="38"/>
        <v>#N/A</v>
      </c>
      <c r="F2454" t="str">
        <f>IF(C2454="CLAY", INDEX(D$4:D2454, MATCH("CLAY", C$4:C2454, 0)), "")</f>
        <v/>
      </c>
    </row>
    <row r="2455" spans="1:6" x14ac:dyDescent="0.2">
      <c r="A2455" s="239">
        <f>'CPT Data'!B2463</f>
        <v>24.558</v>
      </c>
      <c r="B2455" s="3">
        <f>'CPT Data'!C2463</f>
        <v>24.550999999999998</v>
      </c>
      <c r="C2455" t="str">
        <f>'CPT Data'!P2463</f>
        <v>SAND</v>
      </c>
      <c r="D2455" t="e">
        <f>'CPT Data'!Q2463</f>
        <v>#N/A</v>
      </c>
      <c r="E2455" t="e">
        <f t="shared" si="38"/>
        <v>#N/A</v>
      </c>
      <c r="F2455" t="str">
        <f>IF(C2455="CLAY", INDEX(D$4:D2455, MATCH("CLAY", C$4:C2455, 0)), "")</f>
        <v/>
      </c>
    </row>
    <row r="2456" spans="1:6" x14ac:dyDescent="0.2">
      <c r="A2456" s="239">
        <f>'CPT Data'!B2464</f>
        <v>24.567</v>
      </c>
      <c r="B2456" s="3">
        <f>'CPT Data'!C2464</f>
        <v>24.56</v>
      </c>
      <c r="C2456" t="str">
        <f>'CPT Data'!P2464</f>
        <v>SAND</v>
      </c>
      <c r="D2456" t="e">
        <f>'CPT Data'!Q2464</f>
        <v>#N/A</v>
      </c>
      <c r="E2456" t="e">
        <f t="shared" si="38"/>
        <v>#N/A</v>
      </c>
      <c r="F2456" t="str">
        <f>IF(C2456="CLAY", INDEX(D$4:D2456, MATCH("CLAY", C$4:C2456, 0)), "")</f>
        <v/>
      </c>
    </row>
    <row r="2457" spans="1:6" x14ac:dyDescent="0.2">
      <c r="A2457" s="239">
        <f>'CPT Data'!B2465</f>
        <v>24.577000000000002</v>
      </c>
      <c r="B2457" s="3">
        <f>'CPT Data'!C2465</f>
        <v>24.57</v>
      </c>
      <c r="C2457" t="str">
        <f>'CPT Data'!P2465</f>
        <v>SAND</v>
      </c>
      <c r="D2457" t="e">
        <f>'CPT Data'!Q2465</f>
        <v>#N/A</v>
      </c>
      <c r="E2457" t="e">
        <f t="shared" si="38"/>
        <v>#N/A</v>
      </c>
      <c r="F2457" t="str">
        <f>IF(C2457="CLAY", INDEX(D$4:D2457, MATCH("CLAY", C$4:C2457, 0)), "")</f>
        <v/>
      </c>
    </row>
    <row r="2458" spans="1:6" x14ac:dyDescent="0.2">
      <c r="A2458" s="239">
        <f>'CPT Data'!B2466</f>
        <v>24.587</v>
      </c>
      <c r="B2458" s="3">
        <f>'CPT Data'!C2466</f>
        <v>24.58</v>
      </c>
      <c r="C2458" t="str">
        <f>'CPT Data'!P2466</f>
        <v>SAND</v>
      </c>
      <c r="D2458" t="e">
        <f>'CPT Data'!Q2466</f>
        <v>#N/A</v>
      </c>
      <c r="E2458" t="e">
        <f t="shared" si="38"/>
        <v>#N/A</v>
      </c>
      <c r="F2458" t="str">
        <f>IF(C2458="CLAY", INDEX(D$4:D2458, MATCH("CLAY", C$4:C2458, 0)), "")</f>
        <v/>
      </c>
    </row>
    <row r="2459" spans="1:6" x14ac:dyDescent="0.2">
      <c r="A2459" s="239">
        <f>'CPT Data'!B2467</f>
        <v>24.596</v>
      </c>
      <c r="B2459" s="3">
        <f>'CPT Data'!C2467</f>
        <v>24.588999999999999</v>
      </c>
      <c r="C2459" t="str">
        <f>'CPT Data'!P2467</f>
        <v>SAND</v>
      </c>
      <c r="D2459" t="e">
        <f>'CPT Data'!Q2467</f>
        <v>#N/A</v>
      </c>
      <c r="E2459" t="e">
        <f t="shared" ref="E2459:E2522" si="39">IF(C2459="SAND",#N/A,IF(C2459=C2458,D2458,IF(C2459="CLAY",D2459,#N/A)))</f>
        <v>#N/A</v>
      </c>
      <c r="F2459" t="str">
        <f>IF(C2459="CLAY", INDEX(D$4:D2459, MATCH("CLAY", C$4:C2459, 0)), "")</f>
        <v/>
      </c>
    </row>
    <row r="2460" spans="1:6" x14ac:dyDescent="0.2">
      <c r="A2460" s="239">
        <f>'CPT Data'!B2468</f>
        <v>24.606000000000002</v>
      </c>
      <c r="B2460" s="3">
        <f>'CPT Data'!C2468</f>
        <v>24.599</v>
      </c>
      <c r="C2460" t="str">
        <f>'CPT Data'!P2468</f>
        <v>SAND</v>
      </c>
      <c r="D2460" t="e">
        <f>'CPT Data'!Q2468</f>
        <v>#N/A</v>
      </c>
      <c r="E2460" t="e">
        <f t="shared" si="39"/>
        <v>#N/A</v>
      </c>
      <c r="F2460" t="str">
        <f>IF(C2460="CLAY", INDEX(D$4:D2460, MATCH("CLAY", C$4:C2460, 0)), "")</f>
        <v/>
      </c>
    </row>
    <row r="2461" spans="1:6" x14ac:dyDescent="0.2">
      <c r="A2461" s="239">
        <f>'CPT Data'!B2469</f>
        <v>24.614999999999998</v>
      </c>
      <c r="B2461" s="3">
        <f>'CPT Data'!C2469</f>
        <v>24.607999999999997</v>
      </c>
      <c r="C2461" t="str">
        <f>'CPT Data'!P2469</f>
        <v>SAND</v>
      </c>
      <c r="D2461" t="e">
        <f>'CPT Data'!Q2469</f>
        <v>#N/A</v>
      </c>
      <c r="E2461" t="e">
        <f t="shared" si="39"/>
        <v>#N/A</v>
      </c>
      <c r="F2461" t="str">
        <f>IF(C2461="CLAY", INDEX(D$4:D2461, MATCH("CLAY", C$4:C2461, 0)), "")</f>
        <v/>
      </c>
    </row>
    <row r="2462" spans="1:6" x14ac:dyDescent="0.2">
      <c r="A2462" s="239">
        <f>'CPT Data'!B2470</f>
        <v>24.626000000000001</v>
      </c>
      <c r="B2462" s="3">
        <f>'CPT Data'!C2470</f>
        <v>24.619</v>
      </c>
      <c r="C2462" t="str">
        <f>'CPT Data'!P2470</f>
        <v>SAND</v>
      </c>
      <c r="D2462" t="e">
        <f>'CPT Data'!Q2470</f>
        <v>#N/A</v>
      </c>
      <c r="E2462" t="e">
        <f t="shared" si="39"/>
        <v>#N/A</v>
      </c>
      <c r="F2462" t="str">
        <f>IF(C2462="CLAY", INDEX(D$4:D2462, MATCH("CLAY", C$4:C2462, 0)), "")</f>
        <v/>
      </c>
    </row>
    <row r="2463" spans="1:6" x14ac:dyDescent="0.2">
      <c r="A2463" s="239">
        <f>'CPT Data'!B2471</f>
        <v>24.635000000000002</v>
      </c>
      <c r="B2463" s="3">
        <f>'CPT Data'!C2471</f>
        <v>24.628</v>
      </c>
      <c r="C2463" t="str">
        <f>'CPT Data'!P2471</f>
        <v>SAND</v>
      </c>
      <c r="D2463" t="e">
        <f>'CPT Data'!Q2471</f>
        <v>#N/A</v>
      </c>
      <c r="E2463" t="e">
        <f t="shared" si="39"/>
        <v>#N/A</v>
      </c>
      <c r="F2463" t="str">
        <f>IF(C2463="CLAY", INDEX(D$4:D2463, MATCH("CLAY", C$4:C2463, 0)), "")</f>
        <v/>
      </c>
    </row>
    <row r="2464" spans="1:6" x14ac:dyDescent="0.2">
      <c r="A2464" s="239">
        <f>'CPT Data'!B2472</f>
        <v>24.645</v>
      </c>
      <c r="B2464" s="3">
        <f>'CPT Data'!C2472</f>
        <v>24.637999999999998</v>
      </c>
      <c r="C2464" t="str">
        <f>'CPT Data'!P2472</f>
        <v>SAND</v>
      </c>
      <c r="D2464" t="e">
        <f>'CPT Data'!Q2472</f>
        <v>#N/A</v>
      </c>
      <c r="E2464" t="e">
        <f t="shared" si="39"/>
        <v>#N/A</v>
      </c>
      <c r="F2464" t="str">
        <f>IF(C2464="CLAY", INDEX(D$4:D2464, MATCH("CLAY", C$4:C2464, 0)), "")</f>
        <v/>
      </c>
    </row>
    <row r="2465" spans="1:6" x14ac:dyDescent="0.2">
      <c r="A2465" s="239">
        <f>'CPT Data'!B2473</f>
        <v>24.654</v>
      </c>
      <c r="B2465" s="3">
        <f>'CPT Data'!C2473</f>
        <v>24.646999999999998</v>
      </c>
      <c r="C2465" t="str">
        <f>'CPT Data'!P2473</f>
        <v>SAND</v>
      </c>
      <c r="D2465" t="e">
        <f>'CPT Data'!Q2473</f>
        <v>#N/A</v>
      </c>
      <c r="E2465" t="e">
        <f t="shared" si="39"/>
        <v>#N/A</v>
      </c>
      <c r="F2465" t="str">
        <f>IF(C2465="CLAY", INDEX(D$4:D2465, MATCH("CLAY", C$4:C2465, 0)), "")</f>
        <v/>
      </c>
    </row>
    <row r="2466" spans="1:6" x14ac:dyDescent="0.2">
      <c r="A2466" s="239">
        <f>'CPT Data'!B2474</f>
        <v>24.664999999999999</v>
      </c>
      <c r="B2466" s="3">
        <f>'CPT Data'!C2474</f>
        <v>24.657999999999998</v>
      </c>
      <c r="C2466" t="str">
        <f>'CPT Data'!P2474</f>
        <v>SAND</v>
      </c>
      <c r="D2466" t="e">
        <f>'CPT Data'!Q2474</f>
        <v>#N/A</v>
      </c>
      <c r="E2466" t="e">
        <f t="shared" si="39"/>
        <v>#N/A</v>
      </c>
      <c r="F2466" t="str">
        <f>IF(C2466="CLAY", INDEX(D$4:D2466, MATCH("CLAY", C$4:C2466, 0)), "")</f>
        <v/>
      </c>
    </row>
    <row r="2467" spans="1:6" x14ac:dyDescent="0.2">
      <c r="A2467" s="239">
        <f>'CPT Data'!B2475</f>
        <v>24.673999999999999</v>
      </c>
      <c r="B2467" s="3">
        <f>'CPT Data'!C2475</f>
        <v>24.666999999999998</v>
      </c>
      <c r="C2467" t="str">
        <f>'CPT Data'!P2475</f>
        <v>SAND</v>
      </c>
      <c r="D2467" t="e">
        <f>'CPT Data'!Q2475</f>
        <v>#N/A</v>
      </c>
      <c r="E2467" t="e">
        <f t="shared" si="39"/>
        <v>#N/A</v>
      </c>
      <c r="F2467" t="str">
        <f>IF(C2467="CLAY", INDEX(D$4:D2467, MATCH("CLAY", C$4:C2467, 0)), "")</f>
        <v/>
      </c>
    </row>
    <row r="2468" spans="1:6" x14ac:dyDescent="0.2">
      <c r="A2468" s="239">
        <f>'CPT Data'!B2476</f>
        <v>24.684000000000001</v>
      </c>
      <c r="B2468" s="3">
        <f>'CPT Data'!C2476</f>
        <v>24.677</v>
      </c>
      <c r="C2468" t="str">
        <f>'CPT Data'!P2476</f>
        <v>SAND</v>
      </c>
      <c r="D2468" t="e">
        <f>'CPT Data'!Q2476</f>
        <v>#N/A</v>
      </c>
      <c r="E2468" t="e">
        <f t="shared" si="39"/>
        <v>#N/A</v>
      </c>
      <c r="F2468" t="str">
        <f>IF(C2468="CLAY", INDEX(D$4:D2468, MATCH("CLAY", C$4:C2468, 0)), "")</f>
        <v/>
      </c>
    </row>
    <row r="2469" spans="1:6" x14ac:dyDescent="0.2">
      <c r="A2469" s="239">
        <f>'CPT Data'!B2477</f>
        <v>24.693000000000001</v>
      </c>
      <c r="B2469" s="3">
        <f>'CPT Data'!C2477</f>
        <v>24.686</v>
      </c>
      <c r="C2469" t="str">
        <f>'CPT Data'!P2477</f>
        <v>SAND</v>
      </c>
      <c r="D2469" t="e">
        <f>'CPT Data'!Q2477</f>
        <v>#N/A</v>
      </c>
      <c r="E2469" t="e">
        <f t="shared" si="39"/>
        <v>#N/A</v>
      </c>
      <c r="F2469" t="str">
        <f>IF(C2469="CLAY", INDEX(D$4:D2469, MATCH("CLAY", C$4:C2469, 0)), "")</f>
        <v/>
      </c>
    </row>
    <row r="2470" spans="1:6" x14ac:dyDescent="0.2">
      <c r="A2470" s="239">
        <f>'CPT Data'!B2478</f>
        <v>24.702999999999999</v>
      </c>
      <c r="B2470" s="3">
        <f>'CPT Data'!C2478</f>
        <v>24.695999999999998</v>
      </c>
      <c r="C2470" t="str">
        <f>'CPT Data'!P2478</f>
        <v>SAND</v>
      </c>
      <c r="D2470" t="e">
        <f>'CPT Data'!Q2478</f>
        <v>#N/A</v>
      </c>
      <c r="E2470" t="e">
        <f t="shared" si="39"/>
        <v>#N/A</v>
      </c>
      <c r="F2470" t="str">
        <f>IF(C2470="CLAY", INDEX(D$4:D2470, MATCH("CLAY", C$4:C2470, 0)), "")</f>
        <v/>
      </c>
    </row>
    <row r="2471" spans="1:6" x14ac:dyDescent="0.2">
      <c r="A2471" s="239">
        <f>'CPT Data'!B2479</f>
        <v>24.713000000000001</v>
      </c>
      <c r="B2471" s="3">
        <f>'CPT Data'!C2479</f>
        <v>24.706</v>
      </c>
      <c r="C2471" t="str">
        <f>'CPT Data'!P2479</f>
        <v>SAND</v>
      </c>
      <c r="D2471" t="e">
        <f>'CPT Data'!Q2479</f>
        <v>#N/A</v>
      </c>
      <c r="E2471" t="e">
        <f t="shared" si="39"/>
        <v>#N/A</v>
      </c>
      <c r="F2471" t="str">
        <f>IF(C2471="CLAY", INDEX(D$4:D2471, MATCH("CLAY", C$4:C2471, 0)), "")</f>
        <v/>
      </c>
    </row>
    <row r="2472" spans="1:6" x14ac:dyDescent="0.2">
      <c r="A2472" s="239">
        <f>'CPT Data'!B2480</f>
        <v>24.722000000000001</v>
      </c>
      <c r="B2472" s="3">
        <f>'CPT Data'!C2480</f>
        <v>24.715</v>
      </c>
      <c r="C2472" t="str">
        <f>'CPT Data'!P2480</f>
        <v>SAND</v>
      </c>
      <c r="D2472" t="e">
        <f>'CPT Data'!Q2480</f>
        <v>#N/A</v>
      </c>
      <c r="E2472" t="e">
        <f t="shared" si="39"/>
        <v>#N/A</v>
      </c>
      <c r="F2472" t="str">
        <f>IF(C2472="CLAY", INDEX(D$4:D2472, MATCH("CLAY", C$4:C2472, 0)), "")</f>
        <v/>
      </c>
    </row>
    <row r="2473" spans="1:6" x14ac:dyDescent="0.2">
      <c r="A2473" s="239">
        <f>'CPT Data'!B2481</f>
        <v>24.731999999999999</v>
      </c>
      <c r="B2473" s="3">
        <f>'CPT Data'!C2481</f>
        <v>24.724999999999998</v>
      </c>
      <c r="C2473" t="str">
        <f>'CPT Data'!P2481</f>
        <v>SAND</v>
      </c>
      <c r="D2473" t="e">
        <f>'CPT Data'!Q2481</f>
        <v>#N/A</v>
      </c>
      <c r="E2473" t="e">
        <f t="shared" si="39"/>
        <v>#N/A</v>
      </c>
      <c r="F2473" t="str">
        <f>IF(C2473="CLAY", INDEX(D$4:D2473, MATCH("CLAY", C$4:C2473, 0)), "")</f>
        <v/>
      </c>
    </row>
    <row r="2474" spans="1:6" x14ac:dyDescent="0.2">
      <c r="A2474" s="239">
        <f>'CPT Data'!B2482</f>
        <v>24.741</v>
      </c>
      <c r="B2474" s="3">
        <f>'CPT Data'!C2482</f>
        <v>24.733999999999998</v>
      </c>
      <c r="C2474" t="str">
        <f>'CPT Data'!P2482</f>
        <v>SAND</v>
      </c>
      <c r="D2474" t="e">
        <f>'CPT Data'!Q2482</f>
        <v>#N/A</v>
      </c>
      <c r="E2474" t="e">
        <f t="shared" si="39"/>
        <v>#N/A</v>
      </c>
      <c r="F2474" t="str">
        <f>IF(C2474="CLAY", INDEX(D$4:D2474, MATCH("CLAY", C$4:C2474, 0)), "")</f>
        <v/>
      </c>
    </row>
    <row r="2475" spans="1:6" x14ac:dyDescent="0.2">
      <c r="A2475" s="239">
        <f>'CPT Data'!B2483</f>
        <v>24.751000000000001</v>
      </c>
      <c r="B2475" s="3">
        <f>'CPT Data'!C2483</f>
        <v>24.744</v>
      </c>
      <c r="C2475" t="str">
        <f>'CPT Data'!P2483</f>
        <v>SAND</v>
      </c>
      <c r="D2475" t="e">
        <f>'CPT Data'!Q2483</f>
        <v>#N/A</v>
      </c>
      <c r="E2475" t="e">
        <f t="shared" si="39"/>
        <v>#N/A</v>
      </c>
      <c r="F2475" t="str">
        <f>IF(C2475="CLAY", INDEX(D$4:D2475, MATCH("CLAY", C$4:C2475, 0)), "")</f>
        <v/>
      </c>
    </row>
    <row r="2476" spans="1:6" x14ac:dyDescent="0.2">
      <c r="A2476" s="239">
        <f>'CPT Data'!B2484</f>
        <v>24.76</v>
      </c>
      <c r="B2476" s="3">
        <f>'CPT Data'!C2484</f>
        <v>24.753</v>
      </c>
      <c r="C2476" t="str">
        <f>'CPT Data'!P2484</f>
        <v>SAND</v>
      </c>
      <c r="D2476" t="e">
        <f>'CPT Data'!Q2484</f>
        <v>#N/A</v>
      </c>
      <c r="E2476" t="e">
        <f t="shared" si="39"/>
        <v>#N/A</v>
      </c>
      <c r="F2476" t="str">
        <f>IF(C2476="CLAY", INDEX(D$4:D2476, MATCH("CLAY", C$4:C2476, 0)), "")</f>
        <v/>
      </c>
    </row>
    <row r="2477" spans="1:6" x14ac:dyDescent="0.2">
      <c r="A2477" s="239">
        <f>'CPT Data'!B2485</f>
        <v>24.771000000000001</v>
      </c>
      <c r="B2477" s="3">
        <f>'CPT Data'!C2485</f>
        <v>24.763999999999999</v>
      </c>
      <c r="C2477" t="str">
        <f>'CPT Data'!P2485</f>
        <v>SAND</v>
      </c>
      <c r="D2477" t="e">
        <f>'CPT Data'!Q2485</f>
        <v>#N/A</v>
      </c>
      <c r="E2477" t="e">
        <f t="shared" si="39"/>
        <v>#N/A</v>
      </c>
      <c r="F2477" t="str">
        <f>IF(C2477="CLAY", INDEX(D$4:D2477, MATCH("CLAY", C$4:C2477, 0)), "")</f>
        <v/>
      </c>
    </row>
    <row r="2478" spans="1:6" x14ac:dyDescent="0.2">
      <c r="A2478" s="239">
        <f>'CPT Data'!B2486</f>
        <v>24.78</v>
      </c>
      <c r="B2478" s="3">
        <f>'CPT Data'!C2486</f>
        <v>24.773</v>
      </c>
      <c r="C2478" t="str">
        <f>'CPT Data'!P2486</f>
        <v>SAND</v>
      </c>
      <c r="D2478" t="e">
        <f>'CPT Data'!Q2486</f>
        <v>#N/A</v>
      </c>
      <c r="E2478" t="e">
        <f t="shared" si="39"/>
        <v>#N/A</v>
      </c>
      <c r="F2478" t="str">
        <f>IF(C2478="CLAY", INDEX(D$4:D2478, MATCH("CLAY", C$4:C2478, 0)), "")</f>
        <v/>
      </c>
    </row>
    <row r="2479" spans="1:6" x14ac:dyDescent="0.2">
      <c r="A2479" s="239">
        <f>'CPT Data'!B2487</f>
        <v>24.789000000000001</v>
      </c>
      <c r="B2479" s="3">
        <f>'CPT Data'!C2487</f>
        <v>24.782</v>
      </c>
      <c r="C2479" t="str">
        <f>'CPT Data'!P2487</f>
        <v>SAND</v>
      </c>
      <c r="D2479" t="e">
        <f>'CPT Data'!Q2487</f>
        <v>#N/A</v>
      </c>
      <c r="E2479" t="e">
        <f t="shared" si="39"/>
        <v>#N/A</v>
      </c>
      <c r="F2479" t="str">
        <f>IF(C2479="CLAY", INDEX(D$4:D2479, MATCH("CLAY", C$4:C2479, 0)), "")</f>
        <v/>
      </c>
    </row>
    <row r="2480" spans="1:6" x14ac:dyDescent="0.2">
      <c r="A2480" s="239">
        <f>'CPT Data'!B2488</f>
        <v>24.798999999999999</v>
      </c>
      <c r="B2480" s="3">
        <f>'CPT Data'!C2488</f>
        <v>24.791999999999998</v>
      </c>
      <c r="C2480" t="str">
        <f>'CPT Data'!P2488</f>
        <v>SAND</v>
      </c>
      <c r="D2480" t="e">
        <f>'CPT Data'!Q2488</f>
        <v>#N/A</v>
      </c>
      <c r="E2480" t="e">
        <f t="shared" si="39"/>
        <v>#N/A</v>
      </c>
      <c r="F2480" t="str">
        <f>IF(C2480="CLAY", INDEX(D$4:D2480, MATCH("CLAY", C$4:C2480, 0)), "")</f>
        <v/>
      </c>
    </row>
    <row r="2481" spans="1:6" x14ac:dyDescent="0.2">
      <c r="A2481" s="239">
        <f>'CPT Data'!B2489</f>
        <v>24.809000000000001</v>
      </c>
      <c r="B2481" s="3">
        <f>'CPT Data'!C2489</f>
        <v>24.802</v>
      </c>
      <c r="C2481" t="str">
        <f>'CPT Data'!P2489</f>
        <v>SAND</v>
      </c>
      <c r="D2481" t="e">
        <f>'CPT Data'!Q2489</f>
        <v>#N/A</v>
      </c>
      <c r="E2481" t="e">
        <f t="shared" si="39"/>
        <v>#N/A</v>
      </c>
      <c r="F2481" t="str">
        <f>IF(C2481="CLAY", INDEX(D$4:D2481, MATCH("CLAY", C$4:C2481, 0)), "")</f>
        <v/>
      </c>
    </row>
    <row r="2482" spans="1:6" x14ac:dyDescent="0.2">
      <c r="A2482" s="239">
        <f>'CPT Data'!B2490</f>
        <v>24.818999999999999</v>
      </c>
      <c r="B2482" s="3">
        <f>'CPT Data'!C2490</f>
        <v>24.811999999999998</v>
      </c>
      <c r="C2482" t="str">
        <f>'CPT Data'!P2490</f>
        <v>SAND</v>
      </c>
      <c r="D2482" t="e">
        <f>'CPT Data'!Q2490</f>
        <v>#N/A</v>
      </c>
      <c r="E2482" t="e">
        <f t="shared" si="39"/>
        <v>#N/A</v>
      </c>
      <c r="F2482" t="str">
        <f>IF(C2482="CLAY", INDEX(D$4:D2482, MATCH("CLAY", C$4:C2482, 0)), "")</f>
        <v/>
      </c>
    </row>
    <row r="2483" spans="1:6" x14ac:dyDescent="0.2">
      <c r="A2483" s="239">
        <f>'CPT Data'!B2491</f>
        <v>24.829000000000001</v>
      </c>
      <c r="B2483" s="3">
        <f>'CPT Data'!C2491</f>
        <v>24.821999999999999</v>
      </c>
      <c r="C2483" t="str">
        <f>'CPT Data'!P2491</f>
        <v>SAND</v>
      </c>
      <c r="D2483" t="e">
        <f>'CPT Data'!Q2491</f>
        <v>#N/A</v>
      </c>
      <c r="E2483" t="e">
        <f t="shared" si="39"/>
        <v>#N/A</v>
      </c>
      <c r="F2483" t="str">
        <f>IF(C2483="CLAY", INDEX(D$4:D2483, MATCH("CLAY", C$4:C2483, 0)), "")</f>
        <v/>
      </c>
    </row>
    <row r="2484" spans="1:6" x14ac:dyDescent="0.2">
      <c r="A2484" s="239">
        <f>'CPT Data'!B2492</f>
        <v>24.838999999999999</v>
      </c>
      <c r="B2484" s="3">
        <f>'CPT Data'!C2492</f>
        <v>24.831999999999997</v>
      </c>
      <c r="C2484" t="str">
        <f>'CPT Data'!P2492</f>
        <v>SAND</v>
      </c>
      <c r="D2484" t="e">
        <f>'CPT Data'!Q2492</f>
        <v>#N/A</v>
      </c>
      <c r="E2484" t="e">
        <f t="shared" si="39"/>
        <v>#N/A</v>
      </c>
      <c r="F2484" t="str">
        <f>IF(C2484="CLAY", INDEX(D$4:D2484, MATCH("CLAY", C$4:C2484, 0)), "")</f>
        <v/>
      </c>
    </row>
    <row r="2485" spans="1:6" x14ac:dyDescent="0.2">
      <c r="A2485" s="239">
        <f>'CPT Data'!B2493</f>
        <v>24.847999999999999</v>
      </c>
      <c r="B2485" s="3">
        <f>'CPT Data'!C2493</f>
        <v>24.840999999999998</v>
      </c>
      <c r="C2485" t="str">
        <f>'CPT Data'!P2493</f>
        <v>SAND</v>
      </c>
      <c r="D2485" t="e">
        <f>'CPT Data'!Q2493</f>
        <v>#N/A</v>
      </c>
      <c r="E2485" t="e">
        <f t="shared" si="39"/>
        <v>#N/A</v>
      </c>
      <c r="F2485" t="str">
        <f>IF(C2485="CLAY", INDEX(D$4:D2485, MATCH("CLAY", C$4:C2485, 0)), "")</f>
        <v/>
      </c>
    </row>
    <row r="2486" spans="1:6" x14ac:dyDescent="0.2">
      <c r="A2486" s="239">
        <f>'CPT Data'!B2494</f>
        <v>24.858000000000001</v>
      </c>
      <c r="B2486" s="3">
        <f>'CPT Data'!C2494</f>
        <v>24.850999999999999</v>
      </c>
      <c r="C2486" t="str">
        <f>'CPT Data'!P2494</f>
        <v>SAND</v>
      </c>
      <c r="D2486" t="e">
        <f>'CPT Data'!Q2494</f>
        <v>#N/A</v>
      </c>
      <c r="E2486" t="e">
        <f t="shared" si="39"/>
        <v>#N/A</v>
      </c>
      <c r="F2486" t="str">
        <f>IF(C2486="CLAY", INDEX(D$4:D2486, MATCH("CLAY", C$4:C2486, 0)), "")</f>
        <v/>
      </c>
    </row>
    <row r="2487" spans="1:6" x14ac:dyDescent="0.2">
      <c r="A2487" s="239">
        <f>'CPT Data'!B2495</f>
        <v>24.867000000000001</v>
      </c>
      <c r="B2487" s="3">
        <f>'CPT Data'!C2495</f>
        <v>24.86</v>
      </c>
      <c r="C2487" t="str">
        <f>'CPT Data'!P2495</f>
        <v>SAND</v>
      </c>
      <c r="D2487" t="e">
        <f>'CPT Data'!Q2495</f>
        <v>#N/A</v>
      </c>
      <c r="E2487" t="e">
        <f t="shared" si="39"/>
        <v>#N/A</v>
      </c>
      <c r="F2487" t="str">
        <f>IF(C2487="CLAY", INDEX(D$4:D2487, MATCH("CLAY", C$4:C2487, 0)), "")</f>
        <v/>
      </c>
    </row>
    <row r="2488" spans="1:6" x14ac:dyDescent="0.2">
      <c r="A2488" s="239">
        <f>'CPT Data'!B2496</f>
        <v>24.878</v>
      </c>
      <c r="B2488" s="3">
        <f>'CPT Data'!C2496</f>
        <v>24.870999999999999</v>
      </c>
      <c r="C2488" t="str">
        <f>'CPT Data'!P2496</f>
        <v>SAND</v>
      </c>
      <c r="D2488" t="e">
        <f>'CPT Data'!Q2496</f>
        <v>#N/A</v>
      </c>
      <c r="E2488" t="e">
        <f t="shared" si="39"/>
        <v>#N/A</v>
      </c>
      <c r="F2488" t="str">
        <f>IF(C2488="CLAY", INDEX(D$4:D2488, MATCH("CLAY", C$4:C2488, 0)), "")</f>
        <v/>
      </c>
    </row>
    <row r="2489" spans="1:6" x14ac:dyDescent="0.2">
      <c r="A2489" s="239">
        <f>'CPT Data'!B2497</f>
        <v>24.887</v>
      </c>
      <c r="B2489" s="3">
        <f>'CPT Data'!C2497</f>
        <v>24.88</v>
      </c>
      <c r="C2489" t="str">
        <f>'CPT Data'!P2497</f>
        <v>SAND</v>
      </c>
      <c r="D2489" t="e">
        <f>'CPT Data'!Q2497</f>
        <v>#N/A</v>
      </c>
      <c r="E2489" t="e">
        <f t="shared" si="39"/>
        <v>#N/A</v>
      </c>
      <c r="F2489" t="str">
        <f>IF(C2489="CLAY", INDEX(D$4:D2489, MATCH("CLAY", C$4:C2489, 0)), "")</f>
        <v/>
      </c>
    </row>
    <row r="2490" spans="1:6" x14ac:dyDescent="0.2">
      <c r="A2490" s="239">
        <f>'CPT Data'!B2498</f>
        <v>24.896999999999998</v>
      </c>
      <c r="B2490" s="3">
        <f>'CPT Data'!C2498</f>
        <v>24.889999999999997</v>
      </c>
      <c r="C2490" t="str">
        <f>'CPT Data'!P2498</f>
        <v>SAND</v>
      </c>
      <c r="D2490" t="e">
        <f>'CPT Data'!Q2498</f>
        <v>#N/A</v>
      </c>
      <c r="E2490" t="e">
        <f t="shared" si="39"/>
        <v>#N/A</v>
      </c>
      <c r="F2490" t="str">
        <f>IF(C2490="CLAY", INDEX(D$4:D2490, MATCH("CLAY", C$4:C2490, 0)), "")</f>
        <v/>
      </c>
    </row>
    <row r="2491" spans="1:6" x14ac:dyDescent="0.2">
      <c r="A2491" s="239">
        <f>'CPT Data'!B2499</f>
        <v>24.907</v>
      </c>
      <c r="B2491" s="3">
        <f>'CPT Data'!C2499</f>
        <v>24.9</v>
      </c>
      <c r="C2491" t="str">
        <f>'CPT Data'!P2499</f>
        <v>SAND</v>
      </c>
      <c r="D2491" t="e">
        <f>'CPT Data'!Q2499</f>
        <v>#N/A</v>
      </c>
      <c r="E2491" t="e">
        <f t="shared" si="39"/>
        <v>#N/A</v>
      </c>
      <c r="F2491" t="str">
        <f>IF(C2491="CLAY", INDEX(D$4:D2491, MATCH("CLAY", C$4:C2491, 0)), "")</f>
        <v/>
      </c>
    </row>
    <row r="2492" spans="1:6" x14ac:dyDescent="0.2">
      <c r="A2492" s="239">
        <f>'CPT Data'!B2500</f>
        <v>24.916</v>
      </c>
      <c r="B2492" s="3">
        <f>'CPT Data'!C2500</f>
        <v>24.908999999999999</v>
      </c>
      <c r="C2492" t="str">
        <f>'CPT Data'!P2500</f>
        <v>SAND</v>
      </c>
      <c r="D2492" t="e">
        <f>'CPT Data'!Q2500</f>
        <v>#N/A</v>
      </c>
      <c r="E2492" t="e">
        <f t="shared" si="39"/>
        <v>#N/A</v>
      </c>
      <c r="F2492" t="str">
        <f>IF(C2492="CLAY", INDEX(D$4:D2492, MATCH("CLAY", C$4:C2492, 0)), "")</f>
        <v/>
      </c>
    </row>
    <row r="2493" spans="1:6" x14ac:dyDescent="0.2">
      <c r="A2493" s="239">
        <f>'CPT Data'!B2501</f>
        <v>24.925999999999998</v>
      </c>
      <c r="B2493" s="3">
        <f>'CPT Data'!C2501</f>
        <v>24.918999999999997</v>
      </c>
      <c r="C2493" t="str">
        <f>'CPT Data'!P2501</f>
        <v>SAND</v>
      </c>
      <c r="D2493" t="e">
        <f>'CPT Data'!Q2501</f>
        <v>#N/A</v>
      </c>
      <c r="E2493" t="e">
        <f t="shared" si="39"/>
        <v>#N/A</v>
      </c>
      <c r="F2493" t="str">
        <f>IF(C2493="CLAY", INDEX(D$4:D2493, MATCH("CLAY", C$4:C2493, 0)), "")</f>
        <v/>
      </c>
    </row>
    <row r="2494" spans="1:6" x14ac:dyDescent="0.2">
      <c r="A2494" s="239">
        <f>'CPT Data'!B2502</f>
        <v>24.934999999999999</v>
      </c>
      <c r="B2494" s="3">
        <f>'CPT Data'!C2502</f>
        <v>24.927999999999997</v>
      </c>
      <c r="C2494" t="str">
        <f>'CPT Data'!P2502</f>
        <v>SAND</v>
      </c>
      <c r="D2494" t="e">
        <f>'CPT Data'!Q2502</f>
        <v>#N/A</v>
      </c>
      <c r="E2494" t="e">
        <f t="shared" si="39"/>
        <v>#N/A</v>
      </c>
      <c r="F2494" t="str">
        <f>IF(C2494="CLAY", INDEX(D$4:D2494, MATCH("CLAY", C$4:C2494, 0)), "")</f>
        <v/>
      </c>
    </row>
    <row r="2495" spans="1:6" x14ac:dyDescent="0.2">
      <c r="A2495" s="239">
        <f>'CPT Data'!B2503</f>
        <v>24.945</v>
      </c>
      <c r="B2495" s="3">
        <f>'CPT Data'!C2503</f>
        <v>24.937999999999999</v>
      </c>
      <c r="C2495" t="str">
        <f>'CPT Data'!P2503</f>
        <v>SAND</v>
      </c>
      <c r="D2495" t="e">
        <f>'CPT Data'!Q2503</f>
        <v>#N/A</v>
      </c>
      <c r="E2495" t="e">
        <f t="shared" si="39"/>
        <v>#N/A</v>
      </c>
      <c r="F2495" t="str">
        <f>IF(C2495="CLAY", INDEX(D$4:D2495, MATCH("CLAY", C$4:C2495, 0)), "")</f>
        <v/>
      </c>
    </row>
    <row r="2496" spans="1:6" x14ac:dyDescent="0.2">
      <c r="A2496" s="239">
        <f>'CPT Data'!B2504</f>
        <v>24.998000000000001</v>
      </c>
      <c r="B2496" s="3">
        <f>'CPT Data'!C2504</f>
        <v>24.991</v>
      </c>
      <c r="C2496" t="str">
        <f>'CPT Data'!P2504</f>
        <v>SAND</v>
      </c>
      <c r="D2496" t="e">
        <f>'CPT Data'!Q2504</f>
        <v>#N/A</v>
      </c>
      <c r="E2496" t="e">
        <f t="shared" si="39"/>
        <v>#N/A</v>
      </c>
      <c r="F2496" t="str">
        <f>IF(C2496="CLAY", INDEX(D$4:D2496, MATCH("CLAY", C$4:C2496, 0)), "")</f>
        <v/>
      </c>
    </row>
    <row r="2497" spans="1:6" x14ac:dyDescent="0.2">
      <c r="A2497" s="239">
        <f>'CPT Data'!B2505</f>
        <v>25.009</v>
      </c>
      <c r="B2497" s="3">
        <f>'CPT Data'!C2505</f>
        <v>25.001999999999999</v>
      </c>
      <c r="C2497" t="str">
        <f>'CPT Data'!P2505</f>
        <v>SAND</v>
      </c>
      <c r="D2497" t="e">
        <f>'CPT Data'!Q2505</f>
        <v>#N/A</v>
      </c>
      <c r="E2497" t="e">
        <f t="shared" si="39"/>
        <v>#N/A</v>
      </c>
      <c r="F2497" t="str">
        <f>IF(C2497="CLAY", INDEX(D$4:D2497, MATCH("CLAY", C$4:C2497, 0)), "")</f>
        <v/>
      </c>
    </row>
    <row r="2498" spans="1:6" x14ac:dyDescent="0.2">
      <c r="A2498" s="239">
        <f>'CPT Data'!B2506</f>
        <v>25.018999999999998</v>
      </c>
      <c r="B2498" s="3">
        <f>'CPT Data'!C2506</f>
        <v>25.011999999999997</v>
      </c>
      <c r="C2498" t="str">
        <f>'CPT Data'!P2506</f>
        <v>SAND</v>
      </c>
      <c r="D2498" t="e">
        <f>'CPT Data'!Q2506</f>
        <v>#N/A</v>
      </c>
      <c r="E2498" t="e">
        <f t="shared" si="39"/>
        <v>#N/A</v>
      </c>
      <c r="F2498" t="str">
        <f>IF(C2498="CLAY", INDEX(D$4:D2498, MATCH("CLAY", C$4:C2498, 0)), "")</f>
        <v/>
      </c>
    </row>
    <row r="2499" spans="1:6" x14ac:dyDescent="0.2">
      <c r="A2499" s="239">
        <f>'CPT Data'!B2507</f>
        <v>25.027999999999999</v>
      </c>
      <c r="B2499" s="3">
        <f>'CPT Data'!C2507</f>
        <v>25.020999999999997</v>
      </c>
      <c r="C2499" t="str">
        <f>'CPT Data'!P2507</f>
        <v>SAND</v>
      </c>
      <c r="D2499" t="e">
        <f>'CPT Data'!Q2507</f>
        <v>#N/A</v>
      </c>
      <c r="E2499" t="e">
        <f t="shared" si="39"/>
        <v>#N/A</v>
      </c>
      <c r="F2499" t="str">
        <f>IF(C2499="CLAY", INDEX(D$4:D2499, MATCH("CLAY", C$4:C2499, 0)), "")</f>
        <v/>
      </c>
    </row>
    <row r="2500" spans="1:6" x14ac:dyDescent="0.2">
      <c r="A2500" s="239">
        <f>'CPT Data'!B2508</f>
        <v>25.039000000000001</v>
      </c>
      <c r="B2500" s="3">
        <f>'CPT Data'!C2508</f>
        <v>25.032</v>
      </c>
      <c r="C2500" t="str">
        <f>'CPT Data'!P2508</f>
        <v>SAND</v>
      </c>
      <c r="D2500" t="e">
        <f>'CPT Data'!Q2508</f>
        <v>#N/A</v>
      </c>
      <c r="E2500" t="e">
        <f t="shared" si="39"/>
        <v>#N/A</v>
      </c>
      <c r="F2500" t="str">
        <f>IF(C2500="CLAY", INDEX(D$4:D2500, MATCH("CLAY", C$4:C2500, 0)), "")</f>
        <v/>
      </c>
    </row>
    <row r="2501" spans="1:6" x14ac:dyDescent="0.2">
      <c r="A2501" s="239">
        <f>'CPT Data'!B2509</f>
        <v>25.047999999999998</v>
      </c>
      <c r="B2501" s="3">
        <f>'CPT Data'!C2509</f>
        <v>25.040999999999997</v>
      </c>
      <c r="C2501" t="str">
        <f>'CPT Data'!P2509</f>
        <v>SAND</v>
      </c>
      <c r="D2501" t="e">
        <f>'CPT Data'!Q2509</f>
        <v>#N/A</v>
      </c>
      <c r="E2501" t="e">
        <f t="shared" si="39"/>
        <v>#N/A</v>
      </c>
      <c r="F2501" t="str">
        <f>IF(C2501="CLAY", INDEX(D$4:D2501, MATCH("CLAY", C$4:C2501, 0)), "")</f>
        <v/>
      </c>
    </row>
    <row r="2502" spans="1:6" x14ac:dyDescent="0.2">
      <c r="A2502" s="239">
        <f>'CPT Data'!B2510</f>
        <v>25.058</v>
      </c>
      <c r="B2502" s="3">
        <f>'CPT Data'!C2510</f>
        <v>25.050999999999998</v>
      </c>
      <c r="C2502" t="str">
        <f>'CPT Data'!P2510</f>
        <v>SAND</v>
      </c>
      <c r="D2502" t="e">
        <f>'CPT Data'!Q2510</f>
        <v>#N/A</v>
      </c>
      <c r="E2502" t="e">
        <f t="shared" si="39"/>
        <v>#N/A</v>
      </c>
      <c r="F2502" t="str">
        <f>IF(C2502="CLAY", INDEX(D$4:D2502, MATCH("CLAY", C$4:C2502, 0)), "")</f>
        <v/>
      </c>
    </row>
    <row r="2503" spans="1:6" x14ac:dyDescent="0.2">
      <c r="A2503" s="239">
        <f>'CPT Data'!B2511</f>
        <v>25.068000000000001</v>
      </c>
      <c r="B2503" s="3">
        <f>'CPT Data'!C2511</f>
        <v>25.061</v>
      </c>
      <c r="C2503" t="str">
        <f>'CPT Data'!P2511</f>
        <v>SAND</v>
      </c>
      <c r="D2503" t="e">
        <f>'CPT Data'!Q2511</f>
        <v>#N/A</v>
      </c>
      <c r="E2503" t="e">
        <f t="shared" si="39"/>
        <v>#N/A</v>
      </c>
      <c r="F2503" t="str">
        <f>IF(C2503="CLAY", INDEX(D$4:D2503, MATCH("CLAY", C$4:C2503, 0)), "")</f>
        <v/>
      </c>
    </row>
    <row r="2504" spans="1:6" x14ac:dyDescent="0.2">
      <c r="A2504" s="239">
        <f>'CPT Data'!B2512</f>
        <v>25.077999999999999</v>
      </c>
      <c r="B2504" s="3">
        <f>'CPT Data'!C2512</f>
        <v>25.070999999999998</v>
      </c>
      <c r="C2504" t="str">
        <f>'CPT Data'!P2512</f>
        <v>SAND</v>
      </c>
      <c r="D2504" t="e">
        <f>'CPT Data'!Q2512</f>
        <v>#N/A</v>
      </c>
      <c r="E2504" t="e">
        <f t="shared" si="39"/>
        <v>#N/A</v>
      </c>
      <c r="F2504" t="str">
        <f>IF(C2504="CLAY", INDEX(D$4:D2504, MATCH("CLAY", C$4:C2504, 0)), "")</f>
        <v/>
      </c>
    </row>
    <row r="2505" spans="1:6" x14ac:dyDescent="0.2">
      <c r="A2505" s="239">
        <f>'CPT Data'!B2513</f>
        <v>25.088000000000001</v>
      </c>
      <c r="B2505" s="3">
        <f>'CPT Data'!C2513</f>
        <v>25.081</v>
      </c>
      <c r="C2505" t="str">
        <f>'CPT Data'!P2513</f>
        <v>SAND</v>
      </c>
      <c r="D2505" t="e">
        <f>'CPT Data'!Q2513</f>
        <v>#N/A</v>
      </c>
      <c r="E2505" t="e">
        <f t="shared" si="39"/>
        <v>#N/A</v>
      </c>
      <c r="F2505" t="str">
        <f>IF(C2505="CLAY", INDEX(D$4:D2505, MATCH("CLAY", C$4:C2505, 0)), "")</f>
        <v/>
      </c>
    </row>
    <row r="2506" spans="1:6" x14ac:dyDescent="0.2">
      <c r="A2506" s="239">
        <f>'CPT Data'!B2514</f>
        <v>25.097999999999999</v>
      </c>
      <c r="B2506" s="3">
        <f>'CPT Data'!C2514</f>
        <v>25.090999999999998</v>
      </c>
      <c r="C2506" t="str">
        <f>'CPT Data'!P2514</f>
        <v>SAND</v>
      </c>
      <c r="D2506" t="e">
        <f>'CPT Data'!Q2514</f>
        <v>#N/A</v>
      </c>
      <c r="E2506" t="e">
        <f t="shared" si="39"/>
        <v>#N/A</v>
      </c>
      <c r="F2506" t="str">
        <f>IF(C2506="CLAY", INDEX(D$4:D2506, MATCH("CLAY", C$4:C2506, 0)), "")</f>
        <v/>
      </c>
    </row>
    <row r="2507" spans="1:6" x14ac:dyDescent="0.2">
      <c r="A2507" s="239">
        <f>'CPT Data'!B2515</f>
        <v>25.106999999999999</v>
      </c>
      <c r="B2507" s="3">
        <f>'CPT Data'!C2515</f>
        <v>25.099999999999998</v>
      </c>
      <c r="C2507" t="str">
        <f>'CPT Data'!P2515</f>
        <v>CLAY</v>
      </c>
      <c r="D2507">
        <f>'CPT Data'!Q2515</f>
        <v>421.89673600922998</v>
      </c>
      <c r="E2507">
        <f t="shared" si="39"/>
        <v>421.89673600922998</v>
      </c>
      <c r="F2507">
        <f>IF(C2507="CLAY", INDEX(D$4:D2507, MATCH("CLAY", C$4:C2507, 0)), "")</f>
        <v>0.75203252561341039</v>
      </c>
    </row>
    <row r="2508" spans="1:6" x14ac:dyDescent="0.2">
      <c r="A2508" s="239">
        <f>'CPT Data'!B2516</f>
        <v>25.117000000000001</v>
      </c>
      <c r="B2508" s="3">
        <f>'CPT Data'!C2516</f>
        <v>25.11</v>
      </c>
      <c r="C2508" t="str">
        <f>'CPT Data'!P2516</f>
        <v>CLAY</v>
      </c>
      <c r="D2508">
        <f>'CPT Data'!Q2516</f>
        <v>372.57430353379272</v>
      </c>
      <c r="E2508">
        <f t="shared" si="39"/>
        <v>421.89673600922998</v>
      </c>
      <c r="F2508">
        <f>IF(C2508="CLAY", INDEX(D$4:D2508, MATCH("CLAY", C$4:C2508, 0)), "")</f>
        <v>0.75203252561341039</v>
      </c>
    </row>
    <row r="2509" spans="1:6" x14ac:dyDescent="0.2">
      <c r="A2509" s="239">
        <f>'CPT Data'!B2517</f>
        <v>25.128</v>
      </c>
      <c r="B2509" s="3">
        <f>'CPT Data'!C2517</f>
        <v>25.120999999999999</v>
      </c>
      <c r="C2509" t="str">
        <f>'CPT Data'!P2517</f>
        <v>CLAY</v>
      </c>
      <c r="D2509">
        <f>'CPT Data'!Q2517</f>
        <v>332.08460133810036</v>
      </c>
      <c r="E2509">
        <f t="shared" si="39"/>
        <v>372.57430353379272</v>
      </c>
      <c r="F2509">
        <f>IF(C2509="CLAY", INDEX(D$4:D2509, MATCH("CLAY", C$4:C2509, 0)), "")</f>
        <v>0.75203252561341039</v>
      </c>
    </row>
    <row r="2510" spans="1:6" x14ac:dyDescent="0.2">
      <c r="A2510" s="239">
        <f>'CPT Data'!B2518</f>
        <v>25.137</v>
      </c>
      <c r="B2510" s="3">
        <f>'CPT Data'!C2518</f>
        <v>25.13</v>
      </c>
      <c r="C2510" t="str">
        <f>'CPT Data'!P2518</f>
        <v>CLAY</v>
      </c>
      <c r="D2510">
        <f>'CPT Data'!Q2518</f>
        <v>302.23317262470579</v>
      </c>
      <c r="E2510">
        <f t="shared" si="39"/>
        <v>332.08460133810036</v>
      </c>
      <c r="F2510">
        <f>IF(C2510="CLAY", INDEX(D$4:D2510, MATCH("CLAY", C$4:C2510, 0)), "")</f>
        <v>0.75203252561341039</v>
      </c>
    </row>
    <row r="2511" spans="1:6" x14ac:dyDescent="0.2">
      <c r="A2511" s="239">
        <f>'CPT Data'!B2519</f>
        <v>25.146999999999998</v>
      </c>
      <c r="B2511" s="3">
        <f>'CPT Data'!C2519</f>
        <v>25.139999999999997</v>
      </c>
      <c r="C2511" t="str">
        <f>'CPT Data'!P2519</f>
        <v>CLAY</v>
      </c>
      <c r="D2511">
        <f>'CPT Data'!Q2519</f>
        <v>282.02737610396963</v>
      </c>
      <c r="E2511">
        <f t="shared" si="39"/>
        <v>302.23317262470579</v>
      </c>
      <c r="F2511">
        <f>IF(C2511="CLAY", INDEX(D$4:D2511, MATCH("CLAY", C$4:C2511, 0)), "")</f>
        <v>0.75203252561341039</v>
      </c>
    </row>
    <row r="2512" spans="1:6" x14ac:dyDescent="0.2">
      <c r="A2512" s="239">
        <f>'CPT Data'!B2520</f>
        <v>25.157</v>
      </c>
      <c r="B2512" s="3">
        <f>'CPT Data'!C2520</f>
        <v>25.15</v>
      </c>
      <c r="C2512" t="str">
        <f>'CPT Data'!P2520</f>
        <v>CLAY</v>
      </c>
      <c r="D2512">
        <f>'CPT Data'!Q2520</f>
        <v>271.13769658964725</v>
      </c>
      <c r="E2512">
        <f t="shared" si="39"/>
        <v>282.02737610396963</v>
      </c>
      <c r="F2512">
        <f>IF(C2512="CLAY", INDEX(D$4:D2512, MATCH("CLAY", C$4:C2512, 0)), "")</f>
        <v>0.75203252561341039</v>
      </c>
    </row>
    <row r="2513" spans="1:6" x14ac:dyDescent="0.2">
      <c r="A2513" s="239">
        <f>'CPT Data'!B2521</f>
        <v>25.166</v>
      </c>
      <c r="B2513" s="3">
        <f>'CPT Data'!C2521</f>
        <v>25.158999999999999</v>
      </c>
      <c r="C2513" t="str">
        <f>'CPT Data'!P2521</f>
        <v>CLAY</v>
      </c>
      <c r="D2513">
        <f>'CPT Data'!Q2521</f>
        <v>272.2537687112706</v>
      </c>
      <c r="E2513">
        <f t="shared" si="39"/>
        <v>271.13769658964725</v>
      </c>
      <c r="F2513">
        <f>IF(C2513="CLAY", INDEX(D$4:D2513, MATCH("CLAY", C$4:C2513, 0)), "")</f>
        <v>0.75203252561341039</v>
      </c>
    </row>
    <row r="2514" spans="1:6" x14ac:dyDescent="0.2">
      <c r="A2514" s="239">
        <f>'CPT Data'!B2522</f>
        <v>25.175999999999998</v>
      </c>
      <c r="B2514" s="3">
        <f>'CPT Data'!C2522</f>
        <v>25.168999999999997</v>
      </c>
      <c r="C2514" t="str">
        <f>'CPT Data'!P2522</f>
        <v>CLAY</v>
      </c>
      <c r="D2514">
        <f>'CPT Data'!Q2522</f>
        <v>272.4771897891091</v>
      </c>
      <c r="E2514">
        <f t="shared" si="39"/>
        <v>272.2537687112706</v>
      </c>
      <c r="F2514">
        <f>IF(C2514="CLAY", INDEX(D$4:D2514, MATCH("CLAY", C$4:C2514, 0)), "")</f>
        <v>0.75203252561341039</v>
      </c>
    </row>
    <row r="2515" spans="1:6" x14ac:dyDescent="0.2">
      <c r="A2515" s="239">
        <f>'CPT Data'!B2523</f>
        <v>25.184999999999999</v>
      </c>
      <c r="B2515" s="3">
        <f>'CPT Data'!C2523</f>
        <v>25.177999999999997</v>
      </c>
      <c r="C2515" t="str">
        <f>'CPT Data'!P2523</f>
        <v>CLAY</v>
      </c>
      <c r="D2515">
        <f>'CPT Data'!Q2523</f>
        <v>281.5574506967917</v>
      </c>
      <c r="E2515">
        <f t="shared" si="39"/>
        <v>272.4771897891091</v>
      </c>
      <c r="F2515">
        <f>IF(C2515="CLAY", INDEX(D$4:D2515, MATCH("CLAY", C$4:C2515, 0)), "")</f>
        <v>0.75203252561341039</v>
      </c>
    </row>
    <row r="2516" spans="1:6" x14ac:dyDescent="0.2">
      <c r="A2516" s="239">
        <f>'CPT Data'!B2524</f>
        <v>25.196000000000002</v>
      </c>
      <c r="B2516" s="3">
        <f>'CPT Data'!C2524</f>
        <v>25.189</v>
      </c>
      <c r="C2516" t="str">
        <f>'CPT Data'!P2524</f>
        <v>CLAY</v>
      </c>
      <c r="D2516">
        <f>'CPT Data'!Q2524</f>
        <v>334.06775763627007</v>
      </c>
      <c r="E2516">
        <f t="shared" si="39"/>
        <v>281.5574506967917</v>
      </c>
      <c r="F2516">
        <f>IF(C2516="CLAY", INDEX(D$4:D2516, MATCH("CLAY", C$4:C2516, 0)), "")</f>
        <v>0.75203252561341039</v>
      </c>
    </row>
    <row r="2517" spans="1:6" x14ac:dyDescent="0.2">
      <c r="A2517" s="239">
        <f>'CPT Data'!B2525</f>
        <v>25.204999999999998</v>
      </c>
      <c r="B2517" s="3">
        <f>'CPT Data'!C2525</f>
        <v>25.197999999999997</v>
      </c>
      <c r="C2517" t="str">
        <f>'CPT Data'!P2525</f>
        <v>CLAY</v>
      </c>
      <c r="D2517">
        <f>'CPT Data'!Q2525</f>
        <v>397.57312787204063</v>
      </c>
      <c r="E2517">
        <f t="shared" si="39"/>
        <v>334.06775763627007</v>
      </c>
      <c r="F2517">
        <f>IF(C2517="CLAY", INDEX(D$4:D2517, MATCH("CLAY", C$4:C2517, 0)), "")</f>
        <v>0.75203252561341039</v>
      </c>
    </row>
    <row r="2518" spans="1:6" x14ac:dyDescent="0.2">
      <c r="A2518" s="239">
        <f>'CPT Data'!B2526</f>
        <v>25.215</v>
      </c>
      <c r="B2518" s="3">
        <f>'CPT Data'!C2526</f>
        <v>25.207999999999998</v>
      </c>
      <c r="C2518" t="str">
        <f>'CPT Data'!P2526</f>
        <v>CLAY</v>
      </c>
      <c r="D2518">
        <f>'CPT Data'!Q2526</f>
        <v>454.6149682927059</v>
      </c>
      <c r="E2518">
        <f t="shared" si="39"/>
        <v>397.57312787204063</v>
      </c>
      <c r="F2518">
        <f>IF(C2518="CLAY", INDEX(D$4:D2518, MATCH("CLAY", C$4:C2518, 0)), "")</f>
        <v>0.75203252561341039</v>
      </c>
    </row>
    <row r="2519" spans="1:6" x14ac:dyDescent="0.2">
      <c r="A2519" s="239">
        <f>'CPT Data'!B2527</f>
        <v>25.225000000000001</v>
      </c>
      <c r="B2519" s="3">
        <f>'CPT Data'!C2527</f>
        <v>25.218</v>
      </c>
      <c r="C2519" t="str">
        <f>'CPT Data'!P2527</f>
        <v>CLAY</v>
      </c>
      <c r="D2519">
        <f>'CPT Data'!Q2527</f>
        <v>508.56846952500928</v>
      </c>
      <c r="E2519">
        <f t="shared" si="39"/>
        <v>454.6149682927059</v>
      </c>
      <c r="F2519">
        <f>IF(C2519="CLAY", INDEX(D$4:D2519, MATCH("CLAY", C$4:C2519, 0)), "")</f>
        <v>0.75203252561341039</v>
      </c>
    </row>
    <row r="2520" spans="1:6" x14ac:dyDescent="0.2">
      <c r="A2520" s="239">
        <f>'CPT Data'!B2528</f>
        <v>25.234000000000002</v>
      </c>
      <c r="B2520" s="3">
        <f>'CPT Data'!C2528</f>
        <v>25.227</v>
      </c>
      <c r="C2520" t="str">
        <f>'CPT Data'!P2528</f>
        <v>CLAY</v>
      </c>
      <c r="D2520">
        <f>'CPT Data'!Q2528</f>
        <v>564.81168966523421</v>
      </c>
      <c r="E2520">
        <f t="shared" si="39"/>
        <v>508.56846952500928</v>
      </c>
      <c r="F2520">
        <f>IF(C2520="CLAY", INDEX(D$4:D2520, MATCH("CLAY", C$4:C2520, 0)), "")</f>
        <v>0.75203252561341039</v>
      </c>
    </row>
    <row r="2521" spans="1:6" x14ac:dyDescent="0.2">
      <c r="A2521" s="239">
        <f>'CPT Data'!B2529</f>
        <v>25.244</v>
      </c>
      <c r="B2521" s="3">
        <f>'CPT Data'!C2529</f>
        <v>25.236999999999998</v>
      </c>
      <c r="C2521" t="str">
        <f>'CPT Data'!P2529</f>
        <v>SAND</v>
      </c>
      <c r="D2521" t="e">
        <f>'CPT Data'!Q2529</f>
        <v>#N/A</v>
      </c>
      <c r="E2521" t="e">
        <f t="shared" si="39"/>
        <v>#N/A</v>
      </c>
      <c r="F2521" t="str">
        <f>IF(C2521="CLAY", INDEX(D$4:D2521, MATCH("CLAY", C$4:C2521, 0)), "")</f>
        <v/>
      </c>
    </row>
    <row r="2522" spans="1:6" x14ac:dyDescent="0.2">
      <c r="A2522" s="239">
        <f>'CPT Data'!B2530</f>
        <v>25.253</v>
      </c>
      <c r="B2522" s="3">
        <f>'CPT Data'!C2530</f>
        <v>25.245999999999999</v>
      </c>
      <c r="C2522" t="str">
        <f>'CPT Data'!P2530</f>
        <v>SAND</v>
      </c>
      <c r="D2522" t="e">
        <f>'CPT Data'!Q2530</f>
        <v>#N/A</v>
      </c>
      <c r="E2522" t="e">
        <f t="shared" si="39"/>
        <v>#N/A</v>
      </c>
      <c r="F2522" t="str">
        <f>IF(C2522="CLAY", INDEX(D$4:D2522, MATCH("CLAY", C$4:C2522, 0)), "")</f>
        <v/>
      </c>
    </row>
    <row r="2523" spans="1:6" x14ac:dyDescent="0.2">
      <c r="A2523" s="239">
        <f>'CPT Data'!B2531</f>
        <v>25.263999999999999</v>
      </c>
      <c r="B2523" s="3">
        <f>'CPT Data'!C2531</f>
        <v>25.256999999999998</v>
      </c>
      <c r="C2523" t="str">
        <f>'CPT Data'!P2531</f>
        <v>SAND</v>
      </c>
      <c r="D2523" t="e">
        <f>'CPT Data'!Q2531</f>
        <v>#N/A</v>
      </c>
      <c r="E2523" t="e">
        <f t="shared" ref="E2523:E2586" si="40">IF(C2523="SAND",#N/A,IF(C2523=C2522,D2522,IF(C2523="CLAY",D2523,#N/A)))</f>
        <v>#N/A</v>
      </c>
      <c r="F2523" t="str">
        <f>IF(C2523="CLAY", INDEX(D$4:D2523, MATCH("CLAY", C$4:C2523, 0)), "")</f>
        <v/>
      </c>
    </row>
    <row r="2524" spans="1:6" x14ac:dyDescent="0.2">
      <c r="A2524" s="239">
        <f>'CPT Data'!B2532</f>
        <v>25.273</v>
      </c>
      <c r="B2524" s="3">
        <f>'CPT Data'!C2532</f>
        <v>25.265999999999998</v>
      </c>
      <c r="C2524" t="str">
        <f>'CPT Data'!P2532</f>
        <v>SAND</v>
      </c>
      <c r="D2524" t="e">
        <f>'CPT Data'!Q2532</f>
        <v>#N/A</v>
      </c>
      <c r="E2524" t="e">
        <f t="shared" si="40"/>
        <v>#N/A</v>
      </c>
      <c r="F2524" t="str">
        <f>IF(C2524="CLAY", INDEX(D$4:D2524, MATCH("CLAY", C$4:C2524, 0)), "")</f>
        <v/>
      </c>
    </row>
    <row r="2525" spans="1:6" x14ac:dyDescent="0.2">
      <c r="A2525" s="239">
        <f>'CPT Data'!B2533</f>
        <v>25.282</v>
      </c>
      <c r="B2525" s="3">
        <f>'CPT Data'!C2533</f>
        <v>25.274999999999999</v>
      </c>
      <c r="C2525" t="str">
        <f>'CPT Data'!P2533</f>
        <v>SAND</v>
      </c>
      <c r="D2525" t="e">
        <f>'CPT Data'!Q2533</f>
        <v>#N/A</v>
      </c>
      <c r="E2525" t="e">
        <f t="shared" si="40"/>
        <v>#N/A</v>
      </c>
      <c r="F2525" t="str">
        <f>IF(C2525="CLAY", INDEX(D$4:D2525, MATCH("CLAY", C$4:C2525, 0)), "")</f>
        <v/>
      </c>
    </row>
    <row r="2526" spans="1:6" x14ac:dyDescent="0.2">
      <c r="A2526" s="239">
        <f>'CPT Data'!B2534</f>
        <v>25.292000000000002</v>
      </c>
      <c r="B2526" s="3">
        <f>'CPT Data'!C2534</f>
        <v>25.285</v>
      </c>
      <c r="C2526" t="str">
        <f>'CPT Data'!P2534</f>
        <v>SAND</v>
      </c>
      <c r="D2526" t="e">
        <f>'CPT Data'!Q2534</f>
        <v>#N/A</v>
      </c>
      <c r="E2526" t="e">
        <f t="shared" si="40"/>
        <v>#N/A</v>
      </c>
      <c r="F2526" t="str">
        <f>IF(C2526="CLAY", INDEX(D$4:D2526, MATCH("CLAY", C$4:C2526, 0)), "")</f>
        <v/>
      </c>
    </row>
    <row r="2527" spans="1:6" x14ac:dyDescent="0.2">
      <c r="A2527" s="239">
        <f>'CPT Data'!B2535</f>
        <v>25.302</v>
      </c>
      <c r="B2527" s="3">
        <f>'CPT Data'!C2535</f>
        <v>25.294999999999998</v>
      </c>
      <c r="C2527" t="str">
        <f>'CPT Data'!P2535</f>
        <v>SAND</v>
      </c>
      <c r="D2527" t="e">
        <f>'CPT Data'!Q2535</f>
        <v>#N/A</v>
      </c>
      <c r="E2527" t="e">
        <f t="shared" si="40"/>
        <v>#N/A</v>
      </c>
      <c r="F2527" t="str">
        <f>IF(C2527="CLAY", INDEX(D$4:D2527, MATCH("CLAY", C$4:C2527, 0)), "")</f>
        <v/>
      </c>
    </row>
    <row r="2528" spans="1:6" x14ac:dyDescent="0.2">
      <c r="A2528" s="239">
        <f>'CPT Data'!B2536</f>
        <v>25.311</v>
      </c>
      <c r="B2528" s="3">
        <f>'CPT Data'!C2536</f>
        <v>25.303999999999998</v>
      </c>
      <c r="C2528" t="str">
        <f>'CPT Data'!P2536</f>
        <v>SAND</v>
      </c>
      <c r="D2528" t="e">
        <f>'CPT Data'!Q2536</f>
        <v>#N/A</v>
      </c>
      <c r="E2528" t="e">
        <f t="shared" si="40"/>
        <v>#N/A</v>
      </c>
      <c r="F2528" t="str">
        <f>IF(C2528="CLAY", INDEX(D$4:D2528, MATCH("CLAY", C$4:C2528, 0)), "")</f>
        <v/>
      </c>
    </row>
    <row r="2529" spans="1:6" x14ac:dyDescent="0.2">
      <c r="A2529" s="239">
        <f>'CPT Data'!B2537</f>
        <v>25.321000000000002</v>
      </c>
      <c r="B2529" s="3">
        <f>'CPT Data'!C2537</f>
        <v>25.314</v>
      </c>
      <c r="C2529" t="str">
        <f>'CPT Data'!P2537</f>
        <v>SAND</v>
      </c>
      <c r="D2529" t="e">
        <f>'CPT Data'!Q2537</f>
        <v>#N/A</v>
      </c>
      <c r="E2529" t="e">
        <f t="shared" si="40"/>
        <v>#N/A</v>
      </c>
      <c r="F2529" t="str">
        <f>IF(C2529="CLAY", INDEX(D$4:D2529, MATCH("CLAY", C$4:C2529, 0)), "")</f>
        <v/>
      </c>
    </row>
    <row r="2530" spans="1:6" x14ac:dyDescent="0.2">
      <c r="A2530" s="239">
        <f>'CPT Data'!B2538</f>
        <v>25.331</v>
      </c>
      <c r="B2530" s="3">
        <f>'CPT Data'!C2538</f>
        <v>25.323999999999998</v>
      </c>
      <c r="C2530" t="str">
        <f>'CPT Data'!P2538</f>
        <v>SAND</v>
      </c>
      <c r="D2530" t="e">
        <f>'CPT Data'!Q2538</f>
        <v>#N/A</v>
      </c>
      <c r="E2530" t="e">
        <f t="shared" si="40"/>
        <v>#N/A</v>
      </c>
      <c r="F2530" t="str">
        <f>IF(C2530="CLAY", INDEX(D$4:D2530, MATCH("CLAY", C$4:C2530, 0)), "")</f>
        <v/>
      </c>
    </row>
    <row r="2531" spans="1:6" x14ac:dyDescent="0.2">
      <c r="A2531" s="239">
        <f>'CPT Data'!B2539</f>
        <v>25.341000000000001</v>
      </c>
      <c r="B2531" s="3">
        <f>'CPT Data'!C2539</f>
        <v>25.334</v>
      </c>
      <c r="C2531" t="str">
        <f>'CPT Data'!P2539</f>
        <v>SAND</v>
      </c>
      <c r="D2531" t="e">
        <f>'CPT Data'!Q2539</f>
        <v>#N/A</v>
      </c>
      <c r="E2531" t="e">
        <f t="shared" si="40"/>
        <v>#N/A</v>
      </c>
      <c r="F2531" t="str">
        <f>IF(C2531="CLAY", INDEX(D$4:D2531, MATCH("CLAY", C$4:C2531, 0)), "")</f>
        <v/>
      </c>
    </row>
    <row r="2532" spans="1:6" x14ac:dyDescent="0.2">
      <c r="A2532" s="239">
        <f>'CPT Data'!B2540</f>
        <v>25.35</v>
      </c>
      <c r="B2532" s="3">
        <f>'CPT Data'!C2540</f>
        <v>25.343</v>
      </c>
      <c r="C2532" t="str">
        <f>'CPT Data'!P2540</f>
        <v>SAND</v>
      </c>
      <c r="D2532" t="e">
        <f>'CPT Data'!Q2540</f>
        <v>#N/A</v>
      </c>
      <c r="E2532" t="e">
        <f t="shared" si="40"/>
        <v>#N/A</v>
      </c>
      <c r="F2532" t="str">
        <f>IF(C2532="CLAY", INDEX(D$4:D2532, MATCH("CLAY", C$4:C2532, 0)), "")</f>
        <v/>
      </c>
    </row>
    <row r="2533" spans="1:6" x14ac:dyDescent="0.2">
      <c r="A2533" s="239">
        <f>'CPT Data'!B2541</f>
        <v>25.36</v>
      </c>
      <c r="B2533" s="3">
        <f>'CPT Data'!C2541</f>
        <v>25.352999999999998</v>
      </c>
      <c r="C2533" t="str">
        <f>'CPT Data'!P2541</f>
        <v>SAND</v>
      </c>
      <c r="D2533" t="e">
        <f>'CPT Data'!Q2541</f>
        <v>#N/A</v>
      </c>
      <c r="E2533" t="e">
        <f t="shared" si="40"/>
        <v>#N/A</v>
      </c>
      <c r="F2533" t="str">
        <f>IF(C2533="CLAY", INDEX(D$4:D2533, MATCH("CLAY", C$4:C2533, 0)), "")</f>
        <v/>
      </c>
    </row>
    <row r="2534" spans="1:6" x14ac:dyDescent="0.2">
      <c r="A2534" s="239">
        <f>'CPT Data'!B2542</f>
        <v>25.37</v>
      </c>
      <c r="B2534" s="3">
        <f>'CPT Data'!C2542</f>
        <v>25.363</v>
      </c>
      <c r="C2534" t="str">
        <f>'CPT Data'!P2542</f>
        <v>SAND</v>
      </c>
      <c r="D2534" t="e">
        <f>'CPT Data'!Q2542</f>
        <v>#N/A</v>
      </c>
      <c r="E2534" t="e">
        <f t="shared" si="40"/>
        <v>#N/A</v>
      </c>
      <c r="F2534" t="str">
        <f>IF(C2534="CLAY", INDEX(D$4:D2534, MATCH("CLAY", C$4:C2534, 0)), "")</f>
        <v/>
      </c>
    </row>
    <row r="2535" spans="1:6" x14ac:dyDescent="0.2">
      <c r="A2535" s="239">
        <f>'CPT Data'!B2543</f>
        <v>25.38</v>
      </c>
      <c r="B2535" s="3">
        <f>'CPT Data'!C2543</f>
        <v>25.372999999999998</v>
      </c>
      <c r="C2535" t="str">
        <f>'CPT Data'!P2543</f>
        <v>SAND</v>
      </c>
      <c r="D2535" t="e">
        <f>'CPT Data'!Q2543</f>
        <v>#N/A</v>
      </c>
      <c r="E2535" t="e">
        <f t="shared" si="40"/>
        <v>#N/A</v>
      </c>
      <c r="F2535" t="str">
        <f>IF(C2535="CLAY", INDEX(D$4:D2535, MATCH("CLAY", C$4:C2535, 0)), "")</f>
        <v/>
      </c>
    </row>
    <row r="2536" spans="1:6" x14ac:dyDescent="0.2">
      <c r="A2536" s="239">
        <f>'CPT Data'!B2544</f>
        <v>25.388999999999999</v>
      </c>
      <c r="B2536" s="3">
        <f>'CPT Data'!C2544</f>
        <v>25.381999999999998</v>
      </c>
      <c r="C2536" t="str">
        <f>'CPT Data'!P2544</f>
        <v>SAND</v>
      </c>
      <c r="D2536" t="e">
        <f>'CPT Data'!Q2544</f>
        <v>#N/A</v>
      </c>
      <c r="E2536" t="e">
        <f t="shared" si="40"/>
        <v>#N/A</v>
      </c>
      <c r="F2536" t="str">
        <f>IF(C2536="CLAY", INDEX(D$4:D2536, MATCH("CLAY", C$4:C2536, 0)), "")</f>
        <v/>
      </c>
    </row>
    <row r="2537" spans="1:6" x14ac:dyDescent="0.2">
      <c r="A2537" s="239">
        <f>'CPT Data'!B2545</f>
        <v>25.4</v>
      </c>
      <c r="B2537" s="3">
        <f>'CPT Data'!C2545</f>
        <v>25.392999999999997</v>
      </c>
      <c r="C2537" t="str">
        <f>'CPT Data'!P2545</f>
        <v>SAND</v>
      </c>
      <c r="D2537" t="e">
        <f>'CPT Data'!Q2545</f>
        <v>#N/A</v>
      </c>
      <c r="E2537" t="e">
        <f t="shared" si="40"/>
        <v>#N/A</v>
      </c>
      <c r="F2537" t="str">
        <f>IF(C2537="CLAY", INDEX(D$4:D2537, MATCH("CLAY", C$4:C2537, 0)), "")</f>
        <v/>
      </c>
    </row>
    <row r="2538" spans="1:6" x14ac:dyDescent="0.2">
      <c r="A2538" s="239">
        <f>'CPT Data'!B2546</f>
        <v>25.408999999999999</v>
      </c>
      <c r="B2538" s="3">
        <f>'CPT Data'!C2546</f>
        <v>25.401999999999997</v>
      </c>
      <c r="C2538" t="str">
        <f>'CPT Data'!P2546</f>
        <v>SAND</v>
      </c>
      <c r="D2538" t="e">
        <f>'CPT Data'!Q2546</f>
        <v>#N/A</v>
      </c>
      <c r="E2538" t="e">
        <f t="shared" si="40"/>
        <v>#N/A</v>
      </c>
      <c r="F2538" t="str">
        <f>IF(C2538="CLAY", INDEX(D$4:D2538, MATCH("CLAY", C$4:C2538, 0)), "")</f>
        <v/>
      </c>
    </row>
    <row r="2539" spans="1:6" x14ac:dyDescent="0.2">
      <c r="A2539" s="239">
        <f>'CPT Data'!B2547</f>
        <v>25.417999999999999</v>
      </c>
      <c r="B2539" s="3">
        <f>'CPT Data'!C2547</f>
        <v>25.410999999999998</v>
      </c>
      <c r="C2539" t="str">
        <f>'CPT Data'!P2547</f>
        <v>SAND</v>
      </c>
      <c r="D2539" t="e">
        <f>'CPT Data'!Q2547</f>
        <v>#N/A</v>
      </c>
      <c r="E2539" t="e">
        <f t="shared" si="40"/>
        <v>#N/A</v>
      </c>
      <c r="F2539" t="str">
        <f>IF(C2539="CLAY", INDEX(D$4:D2539, MATCH("CLAY", C$4:C2539, 0)), "")</f>
        <v/>
      </c>
    </row>
    <row r="2540" spans="1:6" x14ac:dyDescent="0.2">
      <c r="A2540" s="239">
        <f>'CPT Data'!B2548</f>
        <v>25.428000000000001</v>
      </c>
      <c r="B2540" s="3">
        <f>'CPT Data'!C2548</f>
        <v>25.420999999999999</v>
      </c>
      <c r="C2540" t="str">
        <f>'CPT Data'!P2548</f>
        <v>SAND</v>
      </c>
      <c r="D2540" t="e">
        <f>'CPT Data'!Q2548</f>
        <v>#N/A</v>
      </c>
      <c r="E2540" t="e">
        <f t="shared" si="40"/>
        <v>#N/A</v>
      </c>
      <c r="F2540" t="str">
        <f>IF(C2540="CLAY", INDEX(D$4:D2540, MATCH("CLAY", C$4:C2540, 0)), "")</f>
        <v/>
      </c>
    </row>
    <row r="2541" spans="1:6" x14ac:dyDescent="0.2">
      <c r="A2541" s="239">
        <f>'CPT Data'!B2549</f>
        <v>25.437999999999999</v>
      </c>
      <c r="B2541" s="3">
        <f>'CPT Data'!C2549</f>
        <v>25.430999999999997</v>
      </c>
      <c r="C2541" t="str">
        <f>'CPT Data'!P2549</f>
        <v>SAND</v>
      </c>
      <c r="D2541" t="e">
        <f>'CPT Data'!Q2549</f>
        <v>#N/A</v>
      </c>
      <c r="E2541" t="e">
        <f t="shared" si="40"/>
        <v>#N/A</v>
      </c>
      <c r="F2541" t="str">
        <f>IF(C2541="CLAY", INDEX(D$4:D2541, MATCH("CLAY", C$4:C2541, 0)), "")</f>
        <v/>
      </c>
    </row>
    <row r="2542" spans="1:6" x14ac:dyDescent="0.2">
      <c r="A2542" s="239">
        <f>'CPT Data'!B2550</f>
        <v>25.448</v>
      </c>
      <c r="B2542" s="3">
        <f>'CPT Data'!C2550</f>
        <v>25.440999999999999</v>
      </c>
      <c r="C2542" t="str">
        <f>'CPT Data'!P2550</f>
        <v>SAND</v>
      </c>
      <c r="D2542" t="e">
        <f>'CPT Data'!Q2550</f>
        <v>#N/A</v>
      </c>
      <c r="E2542" t="e">
        <f t="shared" si="40"/>
        <v>#N/A</v>
      </c>
      <c r="F2542" t="str">
        <f>IF(C2542="CLAY", INDEX(D$4:D2542, MATCH("CLAY", C$4:C2542, 0)), "")</f>
        <v/>
      </c>
    </row>
    <row r="2543" spans="1:6" x14ac:dyDescent="0.2">
      <c r="A2543" s="239">
        <f>'CPT Data'!B2551</f>
        <v>25.457000000000001</v>
      </c>
      <c r="B2543" s="3">
        <f>'CPT Data'!C2551</f>
        <v>25.45</v>
      </c>
      <c r="C2543" t="str">
        <f>'CPT Data'!P2551</f>
        <v>SAND</v>
      </c>
      <c r="D2543" t="e">
        <f>'CPT Data'!Q2551</f>
        <v>#N/A</v>
      </c>
      <c r="E2543" t="e">
        <f t="shared" si="40"/>
        <v>#N/A</v>
      </c>
      <c r="F2543" t="str">
        <f>IF(C2543="CLAY", INDEX(D$4:D2543, MATCH("CLAY", C$4:C2543, 0)), "")</f>
        <v/>
      </c>
    </row>
    <row r="2544" spans="1:6" x14ac:dyDescent="0.2">
      <c r="A2544" s="239">
        <f>'CPT Data'!B2552</f>
        <v>25.466999999999999</v>
      </c>
      <c r="B2544" s="3">
        <f>'CPT Data'!C2552</f>
        <v>25.459999999999997</v>
      </c>
      <c r="C2544" t="str">
        <f>'CPT Data'!P2552</f>
        <v>SAND</v>
      </c>
      <c r="D2544" t="e">
        <f>'CPT Data'!Q2552</f>
        <v>#N/A</v>
      </c>
      <c r="E2544" t="e">
        <f t="shared" si="40"/>
        <v>#N/A</v>
      </c>
      <c r="F2544" t="str">
        <f>IF(C2544="CLAY", INDEX(D$4:D2544, MATCH("CLAY", C$4:C2544, 0)), "")</f>
        <v/>
      </c>
    </row>
    <row r="2545" spans="1:6" x14ac:dyDescent="0.2">
      <c r="A2545" s="239">
        <f>'CPT Data'!B2553</f>
        <v>25.475999999999999</v>
      </c>
      <c r="B2545" s="3">
        <f>'CPT Data'!C2553</f>
        <v>25.468999999999998</v>
      </c>
      <c r="C2545" t="str">
        <f>'CPT Data'!P2553</f>
        <v>SAND</v>
      </c>
      <c r="D2545" t="e">
        <f>'CPT Data'!Q2553</f>
        <v>#N/A</v>
      </c>
      <c r="E2545" t="e">
        <f t="shared" si="40"/>
        <v>#N/A</v>
      </c>
      <c r="F2545" t="str">
        <f>IF(C2545="CLAY", INDEX(D$4:D2545, MATCH("CLAY", C$4:C2545, 0)), "")</f>
        <v/>
      </c>
    </row>
    <row r="2546" spans="1:6" x14ac:dyDescent="0.2">
      <c r="A2546" s="239">
        <f>'CPT Data'!B2554</f>
        <v>25.486000000000001</v>
      </c>
      <c r="B2546" s="3">
        <f>'CPT Data'!C2554</f>
        <v>25.478999999999999</v>
      </c>
      <c r="C2546" t="str">
        <f>'CPT Data'!P2554</f>
        <v>SAND</v>
      </c>
      <c r="D2546" t="e">
        <f>'CPT Data'!Q2554</f>
        <v>#N/A</v>
      </c>
      <c r="E2546" t="e">
        <f t="shared" si="40"/>
        <v>#N/A</v>
      </c>
      <c r="F2546" t="str">
        <f>IF(C2546="CLAY", INDEX(D$4:D2546, MATCH("CLAY", C$4:C2546, 0)), "")</f>
        <v/>
      </c>
    </row>
    <row r="2547" spans="1:6" x14ac:dyDescent="0.2">
      <c r="A2547" s="239">
        <f>'CPT Data'!B2555</f>
        <v>25.495999999999999</v>
      </c>
      <c r="B2547" s="3">
        <f>'CPT Data'!C2555</f>
        <v>25.488999999999997</v>
      </c>
      <c r="C2547" t="str">
        <f>'CPT Data'!P2555</f>
        <v>SAND</v>
      </c>
      <c r="D2547" t="e">
        <f>'CPT Data'!Q2555</f>
        <v>#N/A</v>
      </c>
      <c r="E2547" t="e">
        <f t="shared" si="40"/>
        <v>#N/A</v>
      </c>
      <c r="F2547" t="str">
        <f>IF(C2547="CLAY", INDEX(D$4:D2547, MATCH("CLAY", C$4:C2547, 0)), "")</f>
        <v/>
      </c>
    </row>
    <row r="2548" spans="1:6" x14ac:dyDescent="0.2">
      <c r="A2548" s="239">
        <f>'CPT Data'!B2556</f>
        <v>25.504999999999999</v>
      </c>
      <c r="B2548" s="3">
        <f>'CPT Data'!C2556</f>
        <v>25.497999999999998</v>
      </c>
      <c r="C2548" t="str">
        <f>'CPT Data'!P2556</f>
        <v>SAND</v>
      </c>
      <c r="D2548" t="e">
        <f>'CPT Data'!Q2556</f>
        <v>#N/A</v>
      </c>
      <c r="E2548" t="e">
        <f t="shared" si="40"/>
        <v>#N/A</v>
      </c>
      <c r="F2548" t="str">
        <f>IF(C2548="CLAY", INDEX(D$4:D2548, MATCH("CLAY", C$4:C2548, 0)), "")</f>
        <v/>
      </c>
    </row>
    <row r="2549" spans="1:6" x14ac:dyDescent="0.2">
      <c r="A2549" s="239">
        <f>'CPT Data'!B2557</f>
        <v>25.515999999999998</v>
      </c>
      <c r="B2549" s="3">
        <f>'CPT Data'!C2557</f>
        <v>25.508999999999997</v>
      </c>
      <c r="C2549" t="str">
        <f>'CPT Data'!P2557</f>
        <v>SAND</v>
      </c>
      <c r="D2549" t="e">
        <f>'CPT Data'!Q2557</f>
        <v>#N/A</v>
      </c>
      <c r="E2549" t="e">
        <f t="shared" si="40"/>
        <v>#N/A</v>
      </c>
      <c r="F2549" t="str">
        <f>IF(C2549="CLAY", INDEX(D$4:D2549, MATCH("CLAY", C$4:C2549, 0)), "")</f>
        <v/>
      </c>
    </row>
    <row r="2550" spans="1:6" x14ac:dyDescent="0.2">
      <c r="A2550" s="239">
        <f>'CPT Data'!B2558</f>
        <v>25.524999999999999</v>
      </c>
      <c r="B2550" s="3">
        <f>'CPT Data'!C2558</f>
        <v>25.517999999999997</v>
      </c>
      <c r="C2550" t="str">
        <f>'CPT Data'!P2558</f>
        <v>SAND</v>
      </c>
      <c r="D2550" t="e">
        <f>'CPT Data'!Q2558</f>
        <v>#N/A</v>
      </c>
      <c r="E2550" t="e">
        <f t="shared" si="40"/>
        <v>#N/A</v>
      </c>
      <c r="F2550" t="str">
        <f>IF(C2550="CLAY", INDEX(D$4:D2550, MATCH("CLAY", C$4:C2550, 0)), "")</f>
        <v/>
      </c>
    </row>
    <row r="2551" spans="1:6" x14ac:dyDescent="0.2">
      <c r="A2551" s="239">
        <f>'CPT Data'!B2559</f>
        <v>25.535</v>
      </c>
      <c r="B2551" s="3">
        <f>'CPT Data'!C2559</f>
        <v>25.527999999999999</v>
      </c>
      <c r="C2551" t="str">
        <f>'CPT Data'!P2559</f>
        <v>SAND</v>
      </c>
      <c r="D2551" t="e">
        <f>'CPT Data'!Q2559</f>
        <v>#N/A</v>
      </c>
      <c r="E2551" t="e">
        <f t="shared" si="40"/>
        <v>#N/A</v>
      </c>
      <c r="F2551" t="str">
        <f>IF(C2551="CLAY", INDEX(D$4:D2551, MATCH("CLAY", C$4:C2551, 0)), "")</f>
        <v/>
      </c>
    </row>
    <row r="2552" spans="1:6" x14ac:dyDescent="0.2">
      <c r="A2552" s="239">
        <f>'CPT Data'!B2560</f>
        <v>25.545000000000002</v>
      </c>
      <c r="B2552" s="3">
        <f>'CPT Data'!C2560</f>
        <v>25.538</v>
      </c>
      <c r="C2552" t="str">
        <f>'CPT Data'!P2560</f>
        <v>SAND</v>
      </c>
      <c r="D2552" t="e">
        <f>'CPT Data'!Q2560</f>
        <v>#N/A</v>
      </c>
      <c r="E2552" t="e">
        <f t="shared" si="40"/>
        <v>#N/A</v>
      </c>
      <c r="F2552" t="str">
        <f>IF(C2552="CLAY", INDEX(D$4:D2552, MATCH("CLAY", C$4:C2552, 0)), "")</f>
        <v/>
      </c>
    </row>
    <row r="2553" spans="1:6" x14ac:dyDescent="0.2">
      <c r="A2553" s="239">
        <f>'CPT Data'!B2561</f>
        <v>25.555</v>
      </c>
      <c r="B2553" s="3">
        <f>'CPT Data'!C2561</f>
        <v>25.547999999999998</v>
      </c>
      <c r="C2553" t="str">
        <f>'CPT Data'!P2561</f>
        <v>SAND</v>
      </c>
      <c r="D2553" t="e">
        <f>'CPT Data'!Q2561</f>
        <v>#N/A</v>
      </c>
      <c r="E2553" t="e">
        <f t="shared" si="40"/>
        <v>#N/A</v>
      </c>
      <c r="F2553" t="str">
        <f>IF(C2553="CLAY", INDEX(D$4:D2553, MATCH("CLAY", C$4:C2553, 0)), "")</f>
        <v/>
      </c>
    </row>
    <row r="2554" spans="1:6" x14ac:dyDescent="0.2">
      <c r="A2554" s="239">
        <f>'CPT Data'!B2562</f>
        <v>25.564</v>
      </c>
      <c r="B2554" s="3">
        <f>'CPT Data'!C2562</f>
        <v>25.556999999999999</v>
      </c>
      <c r="C2554" t="str">
        <f>'CPT Data'!P2562</f>
        <v>SAND</v>
      </c>
      <c r="D2554" t="e">
        <f>'CPT Data'!Q2562</f>
        <v>#N/A</v>
      </c>
      <c r="E2554" t="e">
        <f t="shared" si="40"/>
        <v>#N/A</v>
      </c>
      <c r="F2554" t="str">
        <f>IF(C2554="CLAY", INDEX(D$4:D2554, MATCH("CLAY", C$4:C2554, 0)), "")</f>
        <v/>
      </c>
    </row>
    <row r="2555" spans="1:6" x14ac:dyDescent="0.2">
      <c r="A2555" s="239">
        <f>'CPT Data'!B2563</f>
        <v>25.574999999999999</v>
      </c>
      <c r="B2555" s="3">
        <f>'CPT Data'!C2563</f>
        <v>25.567999999999998</v>
      </c>
      <c r="C2555" t="str">
        <f>'CPT Data'!P2563</f>
        <v>SAND</v>
      </c>
      <c r="D2555" t="e">
        <f>'CPT Data'!Q2563</f>
        <v>#N/A</v>
      </c>
      <c r="E2555" t="e">
        <f t="shared" si="40"/>
        <v>#N/A</v>
      </c>
      <c r="F2555" t="str">
        <f>IF(C2555="CLAY", INDEX(D$4:D2555, MATCH("CLAY", C$4:C2555, 0)), "")</f>
        <v/>
      </c>
    </row>
    <row r="2556" spans="1:6" x14ac:dyDescent="0.2">
      <c r="A2556" s="239">
        <f>'CPT Data'!B2564</f>
        <v>25.584</v>
      </c>
      <c r="B2556" s="3">
        <f>'CPT Data'!C2564</f>
        <v>25.576999999999998</v>
      </c>
      <c r="C2556" t="str">
        <f>'CPT Data'!P2564</f>
        <v>SAND</v>
      </c>
      <c r="D2556" t="e">
        <f>'CPT Data'!Q2564</f>
        <v>#N/A</v>
      </c>
      <c r="E2556" t="e">
        <f t="shared" si="40"/>
        <v>#N/A</v>
      </c>
      <c r="F2556" t="str">
        <f>IF(C2556="CLAY", INDEX(D$4:D2556, MATCH("CLAY", C$4:C2556, 0)), "")</f>
        <v/>
      </c>
    </row>
    <row r="2557" spans="1:6" x14ac:dyDescent="0.2">
      <c r="A2557" s="239">
        <f>'CPT Data'!B2565</f>
        <v>25.594000000000001</v>
      </c>
      <c r="B2557" s="3">
        <f>'CPT Data'!C2565</f>
        <v>25.587</v>
      </c>
      <c r="C2557" t="str">
        <f>'CPT Data'!P2565</f>
        <v>CLAY</v>
      </c>
      <c r="D2557">
        <f>'CPT Data'!Q2565</f>
        <v>423.0655347400463</v>
      </c>
      <c r="E2557">
        <f t="shared" si="40"/>
        <v>423.0655347400463</v>
      </c>
      <c r="F2557">
        <f>IF(C2557="CLAY", INDEX(D$4:D2557, MATCH("CLAY", C$4:C2557, 0)), "")</f>
        <v>0.75203252561341039</v>
      </c>
    </row>
    <row r="2558" spans="1:6" x14ac:dyDescent="0.2">
      <c r="A2558" s="239">
        <f>'CPT Data'!B2566</f>
        <v>25.603999999999999</v>
      </c>
      <c r="B2558" s="3">
        <f>'CPT Data'!C2566</f>
        <v>25.596999999999998</v>
      </c>
      <c r="C2558" t="str">
        <f>'CPT Data'!P2566</f>
        <v>CLAY</v>
      </c>
      <c r="D2558">
        <f>'CPT Data'!Q2566</f>
        <v>372.48837285940095</v>
      </c>
      <c r="E2558">
        <f t="shared" si="40"/>
        <v>423.0655347400463</v>
      </c>
      <c r="F2558">
        <f>IF(C2558="CLAY", INDEX(D$4:D2558, MATCH("CLAY", C$4:C2558, 0)), "")</f>
        <v>0.75203252561341039</v>
      </c>
    </row>
    <row r="2559" spans="1:6" x14ac:dyDescent="0.2">
      <c r="A2559" s="239">
        <f>'CPT Data'!B2567</f>
        <v>25.614000000000001</v>
      </c>
      <c r="B2559" s="3">
        <f>'CPT Data'!C2567</f>
        <v>25.606999999999999</v>
      </c>
      <c r="C2559" t="str">
        <f>'CPT Data'!P2567</f>
        <v>CLAY</v>
      </c>
      <c r="D2559">
        <f>'CPT Data'!Q2567</f>
        <v>322.74300595527598</v>
      </c>
      <c r="E2559">
        <f t="shared" si="40"/>
        <v>372.48837285940095</v>
      </c>
      <c r="F2559">
        <f>IF(C2559="CLAY", INDEX(D$4:D2559, MATCH("CLAY", C$4:C2559, 0)), "")</f>
        <v>0.75203252561341039</v>
      </c>
    </row>
    <row r="2560" spans="1:6" x14ac:dyDescent="0.2">
      <c r="A2560" s="239">
        <f>'CPT Data'!B2568</f>
        <v>25.623999999999999</v>
      </c>
      <c r="B2560" s="3">
        <f>'CPT Data'!C2568</f>
        <v>25.616999999999997</v>
      </c>
      <c r="C2560" t="str">
        <f>'CPT Data'!P2568</f>
        <v>CLAY</v>
      </c>
      <c r="D2560">
        <f>'CPT Data'!Q2568</f>
        <v>275.58545116027625</v>
      </c>
      <c r="E2560">
        <f t="shared" si="40"/>
        <v>322.74300595527598</v>
      </c>
      <c r="F2560">
        <f>IF(C2560="CLAY", INDEX(D$4:D2560, MATCH("CLAY", C$4:C2560, 0)), "")</f>
        <v>0.75203252561341039</v>
      </c>
    </row>
    <row r="2561" spans="1:6" x14ac:dyDescent="0.2">
      <c r="A2561" s="239">
        <f>'CPT Data'!B2569</f>
        <v>25.632999999999999</v>
      </c>
      <c r="B2561" s="3">
        <f>'CPT Data'!C2569</f>
        <v>25.625999999999998</v>
      </c>
      <c r="C2561" t="str">
        <f>'CPT Data'!P2569</f>
        <v>CLAY</v>
      </c>
      <c r="D2561">
        <f>'CPT Data'!Q2569</f>
        <v>238.59537862548856</v>
      </c>
      <c r="E2561">
        <f t="shared" si="40"/>
        <v>275.58545116027625</v>
      </c>
      <c r="F2561">
        <f>IF(C2561="CLAY", INDEX(D$4:D2561, MATCH("CLAY", C$4:C2561, 0)), "")</f>
        <v>0.75203252561341039</v>
      </c>
    </row>
    <row r="2562" spans="1:6" x14ac:dyDescent="0.2">
      <c r="A2562" s="239">
        <f>'CPT Data'!B2570</f>
        <v>25.643000000000001</v>
      </c>
      <c r="B2562" s="3">
        <f>'CPT Data'!C2570</f>
        <v>25.635999999999999</v>
      </c>
      <c r="C2562" t="str">
        <f>'CPT Data'!P2570</f>
        <v>CLAY</v>
      </c>
      <c r="D2562">
        <f>'CPT Data'!Q2570</f>
        <v>213.79077027226552</v>
      </c>
      <c r="E2562">
        <f t="shared" si="40"/>
        <v>238.59537862548856</v>
      </c>
      <c r="F2562">
        <f>IF(C2562="CLAY", INDEX(D$4:D2562, MATCH("CLAY", C$4:C2562, 0)), "")</f>
        <v>0.75203252561341039</v>
      </c>
    </row>
    <row r="2563" spans="1:6" x14ac:dyDescent="0.2">
      <c r="A2563" s="239">
        <f>'CPT Data'!B2571</f>
        <v>25.652999999999999</v>
      </c>
      <c r="B2563" s="3">
        <f>'CPT Data'!C2571</f>
        <v>25.645999999999997</v>
      </c>
      <c r="C2563" t="str">
        <f>'CPT Data'!P2571</f>
        <v>CLAY</v>
      </c>
      <c r="D2563">
        <f>'CPT Data'!Q2571</f>
        <v>198.07129140697654</v>
      </c>
      <c r="E2563">
        <f t="shared" si="40"/>
        <v>213.79077027226552</v>
      </c>
      <c r="F2563">
        <f>IF(C2563="CLAY", INDEX(D$4:D2563, MATCH("CLAY", C$4:C2563, 0)), "")</f>
        <v>0.75203252561341039</v>
      </c>
    </row>
    <row r="2564" spans="1:6" x14ac:dyDescent="0.2">
      <c r="A2564" s="239">
        <f>'CPT Data'!B2572</f>
        <v>25.663</v>
      </c>
      <c r="B2564" s="3">
        <f>'CPT Data'!C2572</f>
        <v>25.655999999999999</v>
      </c>
      <c r="C2564" t="str">
        <f>'CPT Data'!P2572</f>
        <v>CLAY</v>
      </c>
      <c r="D2564">
        <f>'CPT Data'!Q2572</f>
        <v>189.92433797565084</v>
      </c>
      <c r="E2564">
        <f t="shared" si="40"/>
        <v>198.07129140697654</v>
      </c>
      <c r="F2564">
        <f>IF(C2564="CLAY", INDEX(D$4:D2564, MATCH("CLAY", C$4:C2564, 0)), "")</f>
        <v>0.75203252561341039</v>
      </c>
    </row>
    <row r="2565" spans="1:6" x14ac:dyDescent="0.2">
      <c r="A2565" s="239">
        <f>'CPT Data'!B2573</f>
        <v>25.672999999999998</v>
      </c>
      <c r="B2565" s="3">
        <f>'CPT Data'!C2573</f>
        <v>25.665999999999997</v>
      </c>
      <c r="C2565" t="str">
        <f>'CPT Data'!P2573</f>
        <v>CLAY</v>
      </c>
      <c r="D2565">
        <f>'CPT Data'!Q2573</f>
        <v>185.20009067767955</v>
      </c>
      <c r="E2565">
        <f t="shared" si="40"/>
        <v>189.92433797565084</v>
      </c>
      <c r="F2565">
        <f>IF(C2565="CLAY", INDEX(D$4:D2565, MATCH("CLAY", C$4:C2565, 0)), "")</f>
        <v>0.75203252561341039</v>
      </c>
    </row>
    <row r="2566" spans="1:6" x14ac:dyDescent="0.2">
      <c r="A2566" s="239">
        <f>'CPT Data'!B2574</f>
        <v>25.684000000000001</v>
      </c>
      <c r="B2566" s="3">
        <f>'CPT Data'!C2574</f>
        <v>25.677</v>
      </c>
      <c r="C2566" t="str">
        <f>'CPT Data'!P2574</f>
        <v>CLAY</v>
      </c>
      <c r="D2566">
        <f>'CPT Data'!Q2574</f>
        <v>168.37337308990615</v>
      </c>
      <c r="E2566">
        <f t="shared" si="40"/>
        <v>185.20009067767955</v>
      </c>
      <c r="F2566">
        <f>IF(C2566="CLAY", INDEX(D$4:D2566, MATCH("CLAY", C$4:C2566, 0)), "")</f>
        <v>0.75203252561341039</v>
      </c>
    </row>
    <row r="2567" spans="1:6" x14ac:dyDescent="0.2">
      <c r="A2567" s="239">
        <f>'CPT Data'!B2575</f>
        <v>25.693000000000001</v>
      </c>
      <c r="B2567" s="3">
        <f>'CPT Data'!C2575</f>
        <v>25.686</v>
      </c>
      <c r="C2567" t="str">
        <f>'CPT Data'!P2575</f>
        <v>CLAY</v>
      </c>
      <c r="D2567">
        <f>'CPT Data'!Q2575</f>
        <v>148.86219338009369</v>
      </c>
      <c r="E2567">
        <f t="shared" si="40"/>
        <v>168.37337308990615</v>
      </c>
      <c r="F2567">
        <f>IF(C2567="CLAY", INDEX(D$4:D2567, MATCH("CLAY", C$4:C2567, 0)), "")</f>
        <v>0.75203252561341039</v>
      </c>
    </row>
    <row r="2568" spans="1:6" x14ac:dyDescent="0.2">
      <c r="A2568" s="239">
        <f>'CPT Data'!B2576</f>
        <v>25.702999999999999</v>
      </c>
      <c r="B2568" s="3">
        <f>'CPT Data'!C2576</f>
        <v>25.695999999999998</v>
      </c>
      <c r="C2568" t="str">
        <f>'CPT Data'!P2576</f>
        <v>CLAY</v>
      </c>
      <c r="D2568">
        <f>'CPT Data'!Q2576</f>
        <v>135.71179726220421</v>
      </c>
      <c r="E2568">
        <f t="shared" si="40"/>
        <v>148.86219338009369</v>
      </c>
      <c r="F2568">
        <f>IF(C2568="CLAY", INDEX(D$4:D2568, MATCH("CLAY", C$4:C2568, 0)), "")</f>
        <v>0.75203252561341039</v>
      </c>
    </row>
    <row r="2569" spans="1:6" x14ac:dyDescent="0.2">
      <c r="A2569" s="239">
        <f>'CPT Data'!B2577</f>
        <v>25.713000000000001</v>
      </c>
      <c r="B2569" s="3">
        <f>'CPT Data'!C2577</f>
        <v>25.706</v>
      </c>
      <c r="C2569" t="str">
        <f>'CPT Data'!P2577</f>
        <v>CLAY</v>
      </c>
      <c r="D2569">
        <f>'CPT Data'!Q2577</f>
        <v>125.72285942750047</v>
      </c>
      <c r="E2569">
        <f t="shared" si="40"/>
        <v>135.71179726220421</v>
      </c>
      <c r="F2569">
        <f>IF(C2569="CLAY", INDEX(D$4:D2569, MATCH("CLAY", C$4:C2569, 0)), "")</f>
        <v>0.75203252561341039</v>
      </c>
    </row>
    <row r="2570" spans="1:6" x14ac:dyDescent="0.2">
      <c r="A2570" s="239">
        <f>'CPT Data'!B2578</f>
        <v>25.722999999999999</v>
      </c>
      <c r="B2570" s="3">
        <f>'CPT Data'!C2578</f>
        <v>25.715999999999998</v>
      </c>
      <c r="C2570" t="str">
        <f>'CPT Data'!P2578</f>
        <v>CLAY</v>
      </c>
      <c r="D2570">
        <f>'CPT Data'!Q2578</f>
        <v>113.34192730952788</v>
      </c>
      <c r="E2570">
        <f t="shared" si="40"/>
        <v>125.72285942750047</v>
      </c>
      <c r="F2570">
        <f>IF(C2570="CLAY", INDEX(D$4:D2570, MATCH("CLAY", C$4:C2570, 0)), "")</f>
        <v>0.75203252561341039</v>
      </c>
    </row>
    <row r="2571" spans="1:6" x14ac:dyDescent="0.2">
      <c r="A2571" s="239">
        <f>'CPT Data'!B2579</f>
        <v>25.733000000000001</v>
      </c>
      <c r="B2571" s="3">
        <f>'CPT Data'!C2579</f>
        <v>25.725999999999999</v>
      </c>
      <c r="C2571" t="str">
        <f>'CPT Data'!P2579</f>
        <v>CLAY</v>
      </c>
      <c r="D2571">
        <f>'CPT Data'!Q2579</f>
        <v>103.32067427936975</v>
      </c>
      <c r="E2571">
        <f t="shared" si="40"/>
        <v>113.34192730952788</v>
      </c>
      <c r="F2571">
        <f>IF(C2571="CLAY", INDEX(D$4:D2571, MATCH("CLAY", C$4:C2571, 0)), "")</f>
        <v>0.75203252561341039</v>
      </c>
    </row>
    <row r="2572" spans="1:6" x14ac:dyDescent="0.2">
      <c r="A2572" s="239">
        <f>'CPT Data'!B2580</f>
        <v>25.742000000000001</v>
      </c>
      <c r="B2572" s="3">
        <f>'CPT Data'!C2580</f>
        <v>25.734999999999999</v>
      </c>
      <c r="C2572" t="str">
        <f>'CPT Data'!P2580</f>
        <v>CLAY</v>
      </c>
      <c r="D2572">
        <f>'CPT Data'!Q2580</f>
        <v>103.20134994548432</v>
      </c>
      <c r="E2572">
        <f t="shared" si="40"/>
        <v>103.32067427936975</v>
      </c>
      <c r="F2572">
        <f>IF(C2572="CLAY", INDEX(D$4:D2572, MATCH("CLAY", C$4:C2572, 0)), "")</f>
        <v>0.75203252561341039</v>
      </c>
    </row>
    <row r="2573" spans="1:6" x14ac:dyDescent="0.2">
      <c r="A2573" s="239">
        <f>'CPT Data'!B2581</f>
        <v>25.751999999999999</v>
      </c>
      <c r="B2573" s="3">
        <f>'CPT Data'!C2581</f>
        <v>25.744999999999997</v>
      </c>
      <c r="C2573" t="str">
        <f>'CPT Data'!P2581</f>
        <v>CLAY</v>
      </c>
      <c r="D2573">
        <f>'CPT Data'!Q2581</f>
        <v>123.3556688964245</v>
      </c>
      <c r="E2573">
        <f t="shared" si="40"/>
        <v>103.20134994548432</v>
      </c>
      <c r="F2573">
        <f>IF(C2573="CLAY", INDEX(D$4:D2573, MATCH("CLAY", C$4:C2573, 0)), "")</f>
        <v>0.75203252561341039</v>
      </c>
    </row>
    <row r="2574" spans="1:6" x14ac:dyDescent="0.2">
      <c r="A2574" s="239">
        <f>'CPT Data'!B2582</f>
        <v>25.762</v>
      </c>
      <c r="B2574" s="3">
        <f>'CPT Data'!C2582</f>
        <v>25.754999999999999</v>
      </c>
      <c r="C2574" t="str">
        <f>'CPT Data'!P2582</f>
        <v>CLAY</v>
      </c>
      <c r="D2574">
        <f>'CPT Data'!Q2582</f>
        <v>171.43747686545646</v>
      </c>
      <c r="E2574">
        <f t="shared" si="40"/>
        <v>123.3556688964245</v>
      </c>
      <c r="F2574">
        <f>IF(C2574="CLAY", INDEX(D$4:D2574, MATCH("CLAY", C$4:C2574, 0)), "")</f>
        <v>0.75203252561341039</v>
      </c>
    </row>
    <row r="2575" spans="1:6" x14ac:dyDescent="0.2">
      <c r="A2575" s="239">
        <f>'CPT Data'!B2583</f>
        <v>25.771000000000001</v>
      </c>
      <c r="B2575" s="3">
        <f>'CPT Data'!C2583</f>
        <v>25.763999999999999</v>
      </c>
      <c r="C2575" t="str">
        <f>'CPT Data'!P2583</f>
        <v>CLAY</v>
      </c>
      <c r="D2575">
        <f>'CPT Data'!Q2583</f>
        <v>247.0222867814241</v>
      </c>
      <c r="E2575">
        <f t="shared" si="40"/>
        <v>171.43747686545646</v>
      </c>
      <c r="F2575">
        <f>IF(C2575="CLAY", INDEX(D$4:D2575, MATCH("CLAY", C$4:C2575, 0)), "")</f>
        <v>0.75203252561341039</v>
      </c>
    </row>
    <row r="2576" spans="1:6" x14ac:dyDescent="0.2">
      <c r="A2576" s="239">
        <f>'CPT Data'!B2584</f>
        <v>25.780999999999999</v>
      </c>
      <c r="B2576" s="3">
        <f>'CPT Data'!C2584</f>
        <v>25.773999999999997</v>
      </c>
      <c r="C2576" t="str">
        <f>'CPT Data'!P2584</f>
        <v>CLAY</v>
      </c>
      <c r="D2576">
        <f>'CPT Data'!Q2584</f>
        <v>339.20970286267618</v>
      </c>
      <c r="E2576">
        <f t="shared" si="40"/>
        <v>247.0222867814241</v>
      </c>
      <c r="F2576">
        <f>IF(C2576="CLAY", INDEX(D$4:D2576, MATCH("CLAY", C$4:C2576, 0)), "")</f>
        <v>0.75203252561341039</v>
      </c>
    </row>
    <row r="2577" spans="1:6" x14ac:dyDescent="0.2">
      <c r="A2577" s="239">
        <f>'CPT Data'!B2585</f>
        <v>25.79</v>
      </c>
      <c r="B2577" s="3">
        <f>'CPT Data'!C2585</f>
        <v>25.782999999999998</v>
      </c>
      <c r="C2577" t="str">
        <f>'CPT Data'!P2585</f>
        <v>CLAY</v>
      </c>
      <c r="D2577">
        <f>'CPT Data'!Q2585</f>
        <v>421.42928161518256</v>
      </c>
      <c r="E2577">
        <f t="shared" si="40"/>
        <v>339.20970286267618</v>
      </c>
      <c r="F2577">
        <f>IF(C2577="CLAY", INDEX(D$4:D2577, MATCH("CLAY", C$4:C2577, 0)), "")</f>
        <v>0.75203252561341039</v>
      </c>
    </row>
    <row r="2578" spans="1:6" x14ac:dyDescent="0.2">
      <c r="A2578" s="239">
        <f>'CPT Data'!B2586</f>
        <v>25.800999999999998</v>
      </c>
      <c r="B2578" s="3">
        <f>'CPT Data'!C2586</f>
        <v>25.793999999999997</v>
      </c>
      <c r="C2578" t="str">
        <f>'CPT Data'!P2586</f>
        <v>SAND</v>
      </c>
      <c r="D2578" t="e">
        <f>'CPT Data'!Q2586</f>
        <v>#N/A</v>
      </c>
      <c r="E2578" t="e">
        <f t="shared" si="40"/>
        <v>#N/A</v>
      </c>
      <c r="F2578" t="str">
        <f>IF(C2578="CLAY", INDEX(D$4:D2578, MATCH("CLAY", C$4:C2578, 0)), "")</f>
        <v/>
      </c>
    </row>
    <row r="2579" spans="1:6" x14ac:dyDescent="0.2">
      <c r="A2579" s="239">
        <f>'CPT Data'!B2587</f>
        <v>25.81</v>
      </c>
      <c r="B2579" s="3">
        <f>'CPT Data'!C2587</f>
        <v>25.802999999999997</v>
      </c>
      <c r="C2579" t="str">
        <f>'CPT Data'!P2587</f>
        <v>SAND</v>
      </c>
      <c r="D2579" t="e">
        <f>'CPT Data'!Q2587</f>
        <v>#N/A</v>
      </c>
      <c r="E2579" t="e">
        <f t="shared" si="40"/>
        <v>#N/A</v>
      </c>
      <c r="F2579" t="str">
        <f>IF(C2579="CLAY", INDEX(D$4:D2579, MATCH("CLAY", C$4:C2579, 0)), "")</f>
        <v/>
      </c>
    </row>
    <row r="2580" spans="1:6" x14ac:dyDescent="0.2">
      <c r="A2580" s="239">
        <f>'CPT Data'!B2588</f>
        <v>25.82</v>
      </c>
      <c r="B2580" s="3">
        <f>'CPT Data'!C2588</f>
        <v>25.812999999999999</v>
      </c>
      <c r="C2580" t="str">
        <f>'CPT Data'!P2588</f>
        <v>SAND</v>
      </c>
      <c r="D2580" t="e">
        <f>'CPT Data'!Q2588</f>
        <v>#N/A</v>
      </c>
      <c r="E2580" t="e">
        <f t="shared" si="40"/>
        <v>#N/A</v>
      </c>
      <c r="F2580" t="str">
        <f>IF(C2580="CLAY", INDEX(D$4:D2580, MATCH("CLAY", C$4:C2580, 0)), "")</f>
        <v/>
      </c>
    </row>
    <row r="2581" spans="1:6" x14ac:dyDescent="0.2">
      <c r="A2581" s="239">
        <f>'CPT Data'!B2589</f>
        <v>25.83</v>
      </c>
      <c r="B2581" s="3">
        <f>'CPT Data'!C2589</f>
        <v>25.822999999999997</v>
      </c>
      <c r="C2581" t="str">
        <f>'CPT Data'!P2589</f>
        <v>SAND</v>
      </c>
      <c r="D2581" t="e">
        <f>'CPT Data'!Q2589</f>
        <v>#N/A</v>
      </c>
      <c r="E2581" t="e">
        <f t="shared" si="40"/>
        <v>#N/A</v>
      </c>
      <c r="F2581" t="str">
        <f>IF(C2581="CLAY", INDEX(D$4:D2581, MATCH("CLAY", C$4:C2581, 0)), "")</f>
        <v/>
      </c>
    </row>
    <row r="2582" spans="1:6" x14ac:dyDescent="0.2">
      <c r="A2582" s="239">
        <f>'CPT Data'!B2590</f>
        <v>25.838999999999999</v>
      </c>
      <c r="B2582" s="3">
        <f>'CPT Data'!C2590</f>
        <v>25.831999999999997</v>
      </c>
      <c r="C2582" t="str">
        <f>'CPT Data'!P2590</f>
        <v>SAND</v>
      </c>
      <c r="D2582" t="e">
        <f>'CPT Data'!Q2590</f>
        <v>#N/A</v>
      </c>
      <c r="E2582" t="e">
        <f t="shared" si="40"/>
        <v>#N/A</v>
      </c>
      <c r="F2582" t="str">
        <f>IF(C2582="CLAY", INDEX(D$4:D2582, MATCH("CLAY", C$4:C2582, 0)), "")</f>
        <v/>
      </c>
    </row>
    <row r="2583" spans="1:6" x14ac:dyDescent="0.2">
      <c r="A2583" s="239">
        <f>'CPT Data'!B2591</f>
        <v>25.85</v>
      </c>
      <c r="B2583" s="3">
        <f>'CPT Data'!C2591</f>
        <v>25.843</v>
      </c>
      <c r="C2583" t="str">
        <f>'CPT Data'!P2591</f>
        <v>SAND</v>
      </c>
      <c r="D2583" t="e">
        <f>'CPT Data'!Q2591</f>
        <v>#N/A</v>
      </c>
      <c r="E2583" t="e">
        <f t="shared" si="40"/>
        <v>#N/A</v>
      </c>
      <c r="F2583" t="str">
        <f>IF(C2583="CLAY", INDEX(D$4:D2583, MATCH("CLAY", C$4:C2583, 0)), "")</f>
        <v/>
      </c>
    </row>
    <row r="2584" spans="1:6" x14ac:dyDescent="0.2">
      <c r="A2584" s="239">
        <f>'CPT Data'!B2592</f>
        <v>25.859000000000002</v>
      </c>
      <c r="B2584" s="3">
        <f>'CPT Data'!C2592</f>
        <v>25.852</v>
      </c>
      <c r="C2584" t="str">
        <f>'CPT Data'!P2592</f>
        <v>SAND</v>
      </c>
      <c r="D2584" t="e">
        <f>'CPT Data'!Q2592</f>
        <v>#N/A</v>
      </c>
      <c r="E2584" t="e">
        <f t="shared" si="40"/>
        <v>#N/A</v>
      </c>
      <c r="F2584" t="str">
        <f>IF(C2584="CLAY", INDEX(D$4:D2584, MATCH("CLAY", C$4:C2584, 0)), "")</f>
        <v/>
      </c>
    </row>
    <row r="2585" spans="1:6" x14ac:dyDescent="0.2">
      <c r="A2585" s="239">
        <f>'CPT Data'!B2593</f>
        <v>25.867999999999999</v>
      </c>
      <c r="B2585" s="3">
        <f>'CPT Data'!C2593</f>
        <v>25.860999999999997</v>
      </c>
      <c r="C2585" t="str">
        <f>'CPT Data'!P2593</f>
        <v>SAND</v>
      </c>
      <c r="D2585" t="e">
        <f>'CPT Data'!Q2593</f>
        <v>#N/A</v>
      </c>
      <c r="E2585" t="e">
        <f t="shared" si="40"/>
        <v>#N/A</v>
      </c>
      <c r="F2585" t="str">
        <f>IF(C2585="CLAY", INDEX(D$4:D2585, MATCH("CLAY", C$4:C2585, 0)), "")</f>
        <v/>
      </c>
    </row>
    <row r="2586" spans="1:6" x14ac:dyDescent="0.2">
      <c r="A2586" s="239">
        <f>'CPT Data'!B2594</f>
        <v>25.878</v>
      </c>
      <c r="B2586" s="3">
        <f>'CPT Data'!C2594</f>
        <v>25.870999999999999</v>
      </c>
      <c r="C2586" t="str">
        <f>'CPT Data'!P2594</f>
        <v>SAND</v>
      </c>
      <c r="D2586" t="e">
        <f>'CPT Data'!Q2594</f>
        <v>#N/A</v>
      </c>
      <c r="E2586" t="e">
        <f t="shared" si="40"/>
        <v>#N/A</v>
      </c>
      <c r="F2586" t="str">
        <f>IF(C2586="CLAY", INDEX(D$4:D2586, MATCH("CLAY", C$4:C2586, 0)), "")</f>
        <v/>
      </c>
    </row>
    <row r="2587" spans="1:6" x14ac:dyDescent="0.2">
      <c r="A2587" s="239">
        <f>'CPT Data'!B2595</f>
        <v>25.888000000000002</v>
      </c>
      <c r="B2587" s="3">
        <f>'CPT Data'!C2595</f>
        <v>25.881</v>
      </c>
      <c r="C2587" t="str">
        <f>'CPT Data'!P2595</f>
        <v>SAND</v>
      </c>
      <c r="D2587" t="e">
        <f>'CPT Data'!Q2595</f>
        <v>#N/A</v>
      </c>
      <c r="E2587" t="e">
        <f t="shared" ref="E2587:E2650" si="41">IF(C2587="SAND",#N/A,IF(C2587=C2586,D2586,IF(C2587="CLAY",D2587,#N/A)))</f>
        <v>#N/A</v>
      </c>
      <c r="F2587" t="str">
        <f>IF(C2587="CLAY", INDEX(D$4:D2587, MATCH("CLAY", C$4:C2587, 0)), "")</f>
        <v/>
      </c>
    </row>
    <row r="2588" spans="1:6" x14ac:dyDescent="0.2">
      <c r="A2588" s="239">
        <f>'CPT Data'!B2596</f>
        <v>25.898</v>
      </c>
      <c r="B2588" s="3">
        <f>'CPT Data'!C2596</f>
        <v>25.890999999999998</v>
      </c>
      <c r="C2588" t="str">
        <f>'CPT Data'!P2596</f>
        <v>SAND</v>
      </c>
      <c r="D2588" t="e">
        <f>'CPT Data'!Q2596</f>
        <v>#N/A</v>
      </c>
      <c r="E2588" t="e">
        <f t="shared" si="41"/>
        <v>#N/A</v>
      </c>
      <c r="F2588" t="str">
        <f>IF(C2588="CLAY", INDEX(D$4:D2588, MATCH("CLAY", C$4:C2588, 0)), "")</f>
        <v/>
      </c>
    </row>
    <row r="2589" spans="1:6" x14ac:dyDescent="0.2">
      <c r="A2589" s="239">
        <f>'CPT Data'!B2597</f>
        <v>25.907</v>
      </c>
      <c r="B2589" s="3">
        <f>'CPT Data'!C2597</f>
        <v>25.9</v>
      </c>
      <c r="C2589" t="str">
        <f>'CPT Data'!P2597</f>
        <v>SAND</v>
      </c>
      <c r="D2589" t="e">
        <f>'CPT Data'!Q2597</f>
        <v>#N/A</v>
      </c>
      <c r="E2589" t="e">
        <f t="shared" si="41"/>
        <v>#N/A</v>
      </c>
      <c r="F2589" t="str">
        <f>IF(C2589="CLAY", INDEX(D$4:D2589, MATCH("CLAY", C$4:C2589, 0)), "")</f>
        <v/>
      </c>
    </row>
    <row r="2590" spans="1:6" x14ac:dyDescent="0.2">
      <c r="A2590" s="239">
        <f>'CPT Data'!B2598</f>
        <v>25.916</v>
      </c>
      <c r="B2590" s="3">
        <f>'CPT Data'!C2598</f>
        <v>25.908999999999999</v>
      </c>
      <c r="C2590" t="str">
        <f>'CPT Data'!P2598</f>
        <v>SAND</v>
      </c>
      <c r="D2590" t="e">
        <f>'CPT Data'!Q2598</f>
        <v>#N/A</v>
      </c>
      <c r="E2590" t="e">
        <f t="shared" si="41"/>
        <v>#N/A</v>
      </c>
      <c r="F2590" t="str">
        <f>IF(C2590="CLAY", INDEX(D$4:D2590, MATCH("CLAY", C$4:C2590, 0)), "")</f>
        <v/>
      </c>
    </row>
    <row r="2591" spans="1:6" x14ac:dyDescent="0.2">
      <c r="A2591" s="239">
        <f>'CPT Data'!B2599</f>
        <v>25.925999999999998</v>
      </c>
      <c r="B2591" s="3">
        <f>'CPT Data'!C2599</f>
        <v>25.918999999999997</v>
      </c>
      <c r="C2591" t="str">
        <f>'CPT Data'!P2599</f>
        <v>SAND</v>
      </c>
      <c r="D2591" t="e">
        <f>'CPT Data'!Q2599</f>
        <v>#N/A</v>
      </c>
      <c r="E2591" t="e">
        <f t="shared" si="41"/>
        <v>#N/A</v>
      </c>
      <c r="F2591" t="str">
        <f>IF(C2591="CLAY", INDEX(D$4:D2591, MATCH("CLAY", C$4:C2591, 0)), "")</f>
        <v/>
      </c>
    </row>
    <row r="2592" spans="1:6" x14ac:dyDescent="0.2">
      <c r="A2592" s="239">
        <f>'CPT Data'!B2600</f>
        <v>25.936</v>
      </c>
      <c r="B2592" s="3">
        <f>'CPT Data'!C2600</f>
        <v>25.928999999999998</v>
      </c>
      <c r="C2592" t="str">
        <f>'CPT Data'!P2600</f>
        <v>SAND</v>
      </c>
      <c r="D2592" t="e">
        <f>'CPT Data'!Q2600</f>
        <v>#N/A</v>
      </c>
      <c r="E2592" t="e">
        <f t="shared" si="41"/>
        <v>#N/A</v>
      </c>
      <c r="F2592" t="str">
        <f>IF(C2592="CLAY", INDEX(D$4:D2592, MATCH("CLAY", C$4:C2592, 0)), "")</f>
        <v/>
      </c>
    </row>
    <row r="2593" spans="1:6" x14ac:dyDescent="0.2">
      <c r="A2593" s="239">
        <f>'CPT Data'!B2601</f>
        <v>25.945</v>
      </c>
      <c r="B2593" s="3">
        <f>'CPT Data'!C2601</f>
        <v>25.937999999999999</v>
      </c>
      <c r="C2593" t="str">
        <f>'CPT Data'!P2601</f>
        <v>SAND</v>
      </c>
      <c r="D2593" t="e">
        <f>'CPT Data'!Q2601</f>
        <v>#N/A</v>
      </c>
      <c r="E2593" t="e">
        <f t="shared" si="41"/>
        <v>#N/A</v>
      </c>
      <c r="F2593" t="str">
        <f>IF(C2593="CLAY", INDEX(D$4:D2593, MATCH("CLAY", C$4:C2593, 0)), "")</f>
        <v/>
      </c>
    </row>
    <row r="2594" spans="1:6" x14ac:dyDescent="0.2">
      <c r="A2594" s="239">
        <f>'CPT Data'!B2602</f>
        <v>25.954999999999998</v>
      </c>
      <c r="B2594" s="3">
        <f>'CPT Data'!C2602</f>
        <v>25.947999999999997</v>
      </c>
      <c r="C2594" t="str">
        <f>'CPT Data'!P2602</f>
        <v>SAND</v>
      </c>
      <c r="D2594" t="e">
        <f>'CPT Data'!Q2602</f>
        <v>#N/A</v>
      </c>
      <c r="E2594" t="e">
        <f t="shared" si="41"/>
        <v>#N/A</v>
      </c>
      <c r="F2594" t="str">
        <f>IF(C2594="CLAY", INDEX(D$4:D2594, MATCH("CLAY", C$4:C2594, 0)), "")</f>
        <v/>
      </c>
    </row>
    <row r="2595" spans="1:6" x14ac:dyDescent="0.2">
      <c r="A2595" s="239">
        <f>'CPT Data'!B2603</f>
        <v>25.966000000000001</v>
      </c>
      <c r="B2595" s="3">
        <f>'CPT Data'!C2603</f>
        <v>25.959</v>
      </c>
      <c r="C2595" t="str">
        <f>'CPT Data'!P2603</f>
        <v>SAND</v>
      </c>
      <c r="D2595" t="e">
        <f>'CPT Data'!Q2603</f>
        <v>#N/A</v>
      </c>
      <c r="E2595" t="e">
        <f t="shared" si="41"/>
        <v>#N/A</v>
      </c>
      <c r="F2595" t="str">
        <f>IF(C2595="CLAY", INDEX(D$4:D2595, MATCH("CLAY", C$4:C2595, 0)), "")</f>
        <v/>
      </c>
    </row>
    <row r="2596" spans="1:6" x14ac:dyDescent="0.2">
      <c r="A2596" s="239">
        <f>'CPT Data'!B2604</f>
        <v>25.975000000000001</v>
      </c>
      <c r="B2596" s="3">
        <f>'CPT Data'!C2604</f>
        <v>25.968</v>
      </c>
      <c r="C2596" t="str">
        <f>'CPT Data'!P2604</f>
        <v>SAND</v>
      </c>
      <c r="D2596" t="e">
        <f>'CPT Data'!Q2604</f>
        <v>#N/A</v>
      </c>
      <c r="E2596" t="e">
        <f t="shared" si="41"/>
        <v>#N/A</v>
      </c>
      <c r="F2596" t="str">
        <f>IF(C2596="CLAY", INDEX(D$4:D2596, MATCH("CLAY", C$4:C2596, 0)), "")</f>
        <v/>
      </c>
    </row>
    <row r="2597" spans="1:6" x14ac:dyDescent="0.2">
      <c r="A2597" s="239">
        <f>'CPT Data'!B2605</f>
        <v>25.984000000000002</v>
      </c>
      <c r="B2597" s="3">
        <f>'CPT Data'!C2605</f>
        <v>25.977</v>
      </c>
      <c r="C2597" t="str">
        <f>'CPT Data'!P2605</f>
        <v>SAND</v>
      </c>
      <c r="D2597" t="e">
        <f>'CPT Data'!Q2605</f>
        <v>#N/A</v>
      </c>
      <c r="E2597" t="e">
        <f t="shared" si="41"/>
        <v>#N/A</v>
      </c>
      <c r="F2597" t="str">
        <f>IF(C2597="CLAY", INDEX(D$4:D2597, MATCH("CLAY", C$4:C2597, 0)), "")</f>
        <v/>
      </c>
    </row>
    <row r="2598" spans="1:6" x14ac:dyDescent="0.2">
      <c r="A2598" s="239">
        <f>'CPT Data'!B2606</f>
        <v>25.994</v>
      </c>
      <c r="B2598" s="3">
        <f>'CPT Data'!C2606</f>
        <v>25.986999999999998</v>
      </c>
      <c r="C2598" t="str">
        <f>'CPT Data'!P2606</f>
        <v>SAND</v>
      </c>
      <c r="D2598" t="e">
        <f>'CPT Data'!Q2606</f>
        <v>#N/A</v>
      </c>
      <c r="E2598" t="e">
        <f t="shared" si="41"/>
        <v>#N/A</v>
      </c>
      <c r="F2598" t="str">
        <f>IF(C2598="CLAY", INDEX(D$4:D2598, MATCH("CLAY", C$4:C2598, 0)), "")</f>
        <v/>
      </c>
    </row>
    <row r="2599" spans="1:6" x14ac:dyDescent="0.2">
      <c r="A2599" s="239">
        <f>'CPT Data'!B2607</f>
        <v>26.004000000000001</v>
      </c>
      <c r="B2599" s="3">
        <f>'CPT Data'!C2607</f>
        <v>25.997</v>
      </c>
      <c r="C2599" t="str">
        <f>'CPT Data'!P2607</f>
        <v>SAND</v>
      </c>
      <c r="D2599" t="e">
        <f>'CPT Data'!Q2607</f>
        <v>#N/A</v>
      </c>
      <c r="E2599" t="e">
        <f t="shared" si="41"/>
        <v>#N/A</v>
      </c>
      <c r="F2599" t="str">
        <f>IF(C2599="CLAY", INDEX(D$4:D2599, MATCH("CLAY", C$4:C2599, 0)), "")</f>
        <v/>
      </c>
    </row>
    <row r="2600" spans="1:6" x14ac:dyDescent="0.2">
      <c r="A2600" s="239">
        <f>'CPT Data'!B2608</f>
        <v>26.013999999999999</v>
      </c>
      <c r="B2600" s="3">
        <f>'CPT Data'!C2608</f>
        <v>26.006999999999998</v>
      </c>
      <c r="C2600" t="str">
        <f>'CPT Data'!P2608</f>
        <v>SAND</v>
      </c>
      <c r="D2600" t="e">
        <f>'CPT Data'!Q2608</f>
        <v>#N/A</v>
      </c>
      <c r="E2600" t="e">
        <f t="shared" si="41"/>
        <v>#N/A</v>
      </c>
      <c r="F2600" t="str">
        <f>IF(C2600="CLAY", INDEX(D$4:D2600, MATCH("CLAY", C$4:C2600, 0)), "")</f>
        <v/>
      </c>
    </row>
    <row r="2601" spans="1:6" x14ac:dyDescent="0.2">
      <c r="A2601" s="239">
        <f>'CPT Data'!B2609</f>
        <v>26.024000000000001</v>
      </c>
      <c r="B2601" s="3">
        <f>'CPT Data'!C2609</f>
        <v>26.016999999999999</v>
      </c>
      <c r="C2601" t="str">
        <f>'CPT Data'!P2609</f>
        <v>SAND</v>
      </c>
      <c r="D2601" t="e">
        <f>'CPT Data'!Q2609</f>
        <v>#N/A</v>
      </c>
      <c r="E2601" t="e">
        <f t="shared" si="41"/>
        <v>#N/A</v>
      </c>
      <c r="F2601" t="str">
        <f>IF(C2601="CLAY", INDEX(D$4:D2601, MATCH("CLAY", C$4:C2601, 0)), "")</f>
        <v/>
      </c>
    </row>
    <row r="2602" spans="1:6" x14ac:dyDescent="0.2">
      <c r="A2602" s="239">
        <f>'CPT Data'!B2610</f>
        <v>26.033000000000001</v>
      </c>
      <c r="B2602" s="3">
        <f>'CPT Data'!C2610</f>
        <v>26.026</v>
      </c>
      <c r="C2602" t="str">
        <f>'CPT Data'!P2610</f>
        <v>SAND</v>
      </c>
      <c r="D2602" t="e">
        <f>'CPT Data'!Q2610</f>
        <v>#N/A</v>
      </c>
      <c r="E2602" t="e">
        <f t="shared" si="41"/>
        <v>#N/A</v>
      </c>
      <c r="F2602" t="str">
        <f>IF(C2602="CLAY", INDEX(D$4:D2602, MATCH("CLAY", C$4:C2602, 0)), "")</f>
        <v/>
      </c>
    </row>
    <row r="2603" spans="1:6" x14ac:dyDescent="0.2">
      <c r="A2603" s="239">
        <f>'CPT Data'!B2611</f>
        <v>26.042999999999999</v>
      </c>
      <c r="B2603" s="3">
        <f>'CPT Data'!C2611</f>
        <v>26.035999999999998</v>
      </c>
      <c r="C2603" t="str">
        <f>'CPT Data'!P2611</f>
        <v>SAND</v>
      </c>
      <c r="D2603" t="e">
        <f>'CPT Data'!Q2611</f>
        <v>#N/A</v>
      </c>
      <c r="E2603" t="e">
        <f t="shared" si="41"/>
        <v>#N/A</v>
      </c>
      <c r="F2603" t="str">
        <f>IF(C2603="CLAY", INDEX(D$4:D2603, MATCH("CLAY", C$4:C2603, 0)), "")</f>
        <v/>
      </c>
    </row>
    <row r="2604" spans="1:6" x14ac:dyDescent="0.2">
      <c r="A2604" s="239">
        <f>'CPT Data'!B2612</f>
        <v>26.052</v>
      </c>
      <c r="B2604" s="3">
        <f>'CPT Data'!C2612</f>
        <v>26.044999999999998</v>
      </c>
      <c r="C2604" t="str">
        <f>'CPT Data'!P2612</f>
        <v>SAND</v>
      </c>
      <c r="D2604" t="e">
        <f>'CPT Data'!Q2612</f>
        <v>#N/A</v>
      </c>
      <c r="E2604" t="e">
        <f t="shared" si="41"/>
        <v>#N/A</v>
      </c>
      <c r="F2604" t="str">
        <f>IF(C2604="CLAY", INDEX(D$4:D2604, MATCH("CLAY", C$4:C2604, 0)), "")</f>
        <v/>
      </c>
    </row>
    <row r="2605" spans="1:6" x14ac:dyDescent="0.2">
      <c r="A2605" s="239">
        <f>'CPT Data'!B2613</f>
        <v>26.061</v>
      </c>
      <c r="B2605" s="3">
        <f>'CPT Data'!C2613</f>
        <v>26.053999999999998</v>
      </c>
      <c r="C2605" t="str">
        <f>'CPT Data'!P2613</f>
        <v>SAND</v>
      </c>
      <c r="D2605" t="e">
        <f>'CPT Data'!Q2613</f>
        <v>#N/A</v>
      </c>
      <c r="E2605" t="e">
        <f t="shared" si="41"/>
        <v>#N/A</v>
      </c>
      <c r="F2605" t="str">
        <f>IF(C2605="CLAY", INDEX(D$4:D2605, MATCH("CLAY", C$4:C2605, 0)), "")</f>
        <v/>
      </c>
    </row>
    <row r="2606" spans="1:6" x14ac:dyDescent="0.2">
      <c r="A2606" s="239">
        <f>'CPT Data'!B2614</f>
        <v>26.071999999999999</v>
      </c>
      <c r="B2606" s="3">
        <f>'CPT Data'!C2614</f>
        <v>26.064999999999998</v>
      </c>
      <c r="C2606" t="str">
        <f>'CPT Data'!P2614</f>
        <v>SAND</v>
      </c>
      <c r="D2606" t="e">
        <f>'CPT Data'!Q2614</f>
        <v>#N/A</v>
      </c>
      <c r="E2606" t="e">
        <f t="shared" si="41"/>
        <v>#N/A</v>
      </c>
      <c r="F2606" t="str">
        <f>IF(C2606="CLAY", INDEX(D$4:D2606, MATCH("CLAY", C$4:C2606, 0)), "")</f>
        <v/>
      </c>
    </row>
    <row r="2607" spans="1:6" x14ac:dyDescent="0.2">
      <c r="A2607" s="239">
        <f>'CPT Data'!B2615</f>
        <v>26.081</v>
      </c>
      <c r="B2607" s="3">
        <f>'CPT Data'!C2615</f>
        <v>26.073999999999998</v>
      </c>
      <c r="C2607" t="str">
        <f>'CPT Data'!P2615</f>
        <v>SAND</v>
      </c>
      <c r="D2607" t="e">
        <f>'CPT Data'!Q2615</f>
        <v>#N/A</v>
      </c>
      <c r="E2607" t="e">
        <f t="shared" si="41"/>
        <v>#N/A</v>
      </c>
      <c r="F2607" t="str">
        <f>IF(C2607="CLAY", INDEX(D$4:D2607, MATCH("CLAY", C$4:C2607, 0)), "")</f>
        <v/>
      </c>
    </row>
    <row r="2608" spans="1:6" x14ac:dyDescent="0.2">
      <c r="A2608" s="239">
        <f>'CPT Data'!B2616</f>
        <v>26.091999999999999</v>
      </c>
      <c r="B2608" s="3">
        <f>'CPT Data'!C2616</f>
        <v>26.084999999999997</v>
      </c>
      <c r="C2608" t="str">
        <f>'CPT Data'!P2616</f>
        <v>SAND</v>
      </c>
      <c r="D2608" t="e">
        <f>'CPT Data'!Q2616</f>
        <v>#N/A</v>
      </c>
      <c r="E2608" t="e">
        <f t="shared" si="41"/>
        <v>#N/A</v>
      </c>
      <c r="F2608" t="str">
        <f>IF(C2608="CLAY", INDEX(D$4:D2608, MATCH("CLAY", C$4:C2608, 0)), "")</f>
        <v/>
      </c>
    </row>
    <row r="2609" spans="1:6" x14ac:dyDescent="0.2">
      <c r="A2609" s="239">
        <f>'CPT Data'!B2617</f>
        <v>26.100999999999999</v>
      </c>
      <c r="B2609" s="3">
        <f>'CPT Data'!C2617</f>
        <v>26.093999999999998</v>
      </c>
      <c r="C2609" t="str">
        <f>'CPT Data'!P2617</f>
        <v>SAND</v>
      </c>
      <c r="D2609" t="e">
        <f>'CPT Data'!Q2617</f>
        <v>#N/A</v>
      </c>
      <c r="E2609" t="e">
        <f t="shared" si="41"/>
        <v>#N/A</v>
      </c>
      <c r="F2609" t="str">
        <f>IF(C2609="CLAY", INDEX(D$4:D2609, MATCH("CLAY", C$4:C2609, 0)), "")</f>
        <v/>
      </c>
    </row>
    <row r="2610" spans="1:6" x14ac:dyDescent="0.2">
      <c r="A2610" s="239">
        <f>'CPT Data'!B2618</f>
        <v>26.111000000000001</v>
      </c>
      <c r="B2610" s="3">
        <f>'CPT Data'!C2618</f>
        <v>26.103999999999999</v>
      </c>
      <c r="C2610" t="str">
        <f>'CPT Data'!P2618</f>
        <v>SAND</v>
      </c>
      <c r="D2610" t="e">
        <f>'CPT Data'!Q2618</f>
        <v>#N/A</v>
      </c>
      <c r="E2610" t="e">
        <f t="shared" si="41"/>
        <v>#N/A</v>
      </c>
      <c r="F2610" t="str">
        <f>IF(C2610="CLAY", INDEX(D$4:D2610, MATCH("CLAY", C$4:C2610, 0)), "")</f>
        <v/>
      </c>
    </row>
    <row r="2611" spans="1:6" x14ac:dyDescent="0.2">
      <c r="A2611" s="239">
        <f>'CPT Data'!B2619</f>
        <v>26.12</v>
      </c>
      <c r="B2611" s="3">
        <f>'CPT Data'!C2619</f>
        <v>26.113</v>
      </c>
      <c r="C2611" t="str">
        <f>'CPT Data'!P2619</f>
        <v>SAND</v>
      </c>
      <c r="D2611" t="e">
        <f>'CPT Data'!Q2619</f>
        <v>#N/A</v>
      </c>
      <c r="E2611" t="e">
        <f t="shared" si="41"/>
        <v>#N/A</v>
      </c>
      <c r="F2611" t="str">
        <f>IF(C2611="CLAY", INDEX(D$4:D2611, MATCH("CLAY", C$4:C2611, 0)), "")</f>
        <v/>
      </c>
    </row>
    <row r="2612" spans="1:6" x14ac:dyDescent="0.2">
      <c r="A2612" s="239">
        <f>'CPT Data'!B2620</f>
        <v>26.129000000000001</v>
      </c>
      <c r="B2612" s="3">
        <f>'CPT Data'!C2620</f>
        <v>26.122</v>
      </c>
      <c r="C2612" t="str">
        <f>'CPT Data'!P2620</f>
        <v>SAND</v>
      </c>
      <c r="D2612" t="e">
        <f>'CPT Data'!Q2620</f>
        <v>#N/A</v>
      </c>
      <c r="E2612" t="e">
        <f t="shared" si="41"/>
        <v>#N/A</v>
      </c>
      <c r="F2612" t="str">
        <f>IF(C2612="CLAY", INDEX(D$4:D2612, MATCH("CLAY", C$4:C2612, 0)), "")</f>
        <v/>
      </c>
    </row>
    <row r="2613" spans="1:6" x14ac:dyDescent="0.2">
      <c r="A2613" s="239">
        <f>'CPT Data'!B2621</f>
        <v>26.14</v>
      </c>
      <c r="B2613" s="3">
        <f>'CPT Data'!C2621</f>
        <v>26.132999999999999</v>
      </c>
      <c r="C2613" t="str">
        <f>'CPT Data'!P2621</f>
        <v>SAND</v>
      </c>
      <c r="D2613" t="e">
        <f>'CPT Data'!Q2621</f>
        <v>#N/A</v>
      </c>
      <c r="E2613" t="e">
        <f t="shared" si="41"/>
        <v>#N/A</v>
      </c>
      <c r="F2613" t="str">
        <f>IF(C2613="CLAY", INDEX(D$4:D2613, MATCH("CLAY", C$4:C2613, 0)), "")</f>
        <v/>
      </c>
    </row>
    <row r="2614" spans="1:6" x14ac:dyDescent="0.2">
      <c r="A2614" s="239">
        <f>'CPT Data'!B2622</f>
        <v>26.149000000000001</v>
      </c>
      <c r="B2614" s="3">
        <f>'CPT Data'!C2622</f>
        <v>26.141999999999999</v>
      </c>
      <c r="C2614" t="str">
        <f>'CPT Data'!P2622</f>
        <v>SAND</v>
      </c>
      <c r="D2614" t="e">
        <f>'CPT Data'!Q2622</f>
        <v>#N/A</v>
      </c>
      <c r="E2614" t="e">
        <f t="shared" si="41"/>
        <v>#N/A</v>
      </c>
      <c r="F2614" t="str">
        <f>IF(C2614="CLAY", INDEX(D$4:D2614, MATCH("CLAY", C$4:C2614, 0)), "")</f>
        <v/>
      </c>
    </row>
    <row r="2615" spans="1:6" x14ac:dyDescent="0.2">
      <c r="A2615" s="239">
        <f>'CPT Data'!B2623</f>
        <v>26.158000000000001</v>
      </c>
      <c r="B2615" s="3">
        <f>'CPT Data'!C2623</f>
        <v>26.151</v>
      </c>
      <c r="C2615" t="str">
        <f>'CPT Data'!P2623</f>
        <v>SAND</v>
      </c>
      <c r="D2615" t="e">
        <f>'CPT Data'!Q2623</f>
        <v>#N/A</v>
      </c>
      <c r="E2615" t="e">
        <f t="shared" si="41"/>
        <v>#N/A</v>
      </c>
      <c r="F2615" t="str">
        <f>IF(C2615="CLAY", INDEX(D$4:D2615, MATCH("CLAY", C$4:C2615, 0)), "")</f>
        <v/>
      </c>
    </row>
    <row r="2616" spans="1:6" x14ac:dyDescent="0.2">
      <c r="A2616" s="239">
        <f>'CPT Data'!B2624</f>
        <v>26.167999999999999</v>
      </c>
      <c r="B2616" s="3">
        <f>'CPT Data'!C2624</f>
        <v>26.160999999999998</v>
      </c>
      <c r="C2616" t="str">
        <f>'CPT Data'!P2624</f>
        <v>SAND</v>
      </c>
      <c r="D2616" t="e">
        <f>'CPT Data'!Q2624</f>
        <v>#N/A</v>
      </c>
      <c r="E2616" t="e">
        <f t="shared" si="41"/>
        <v>#N/A</v>
      </c>
      <c r="F2616" t="str">
        <f>IF(C2616="CLAY", INDEX(D$4:D2616, MATCH("CLAY", C$4:C2616, 0)), "")</f>
        <v/>
      </c>
    </row>
    <row r="2617" spans="1:6" x14ac:dyDescent="0.2">
      <c r="A2617" s="239">
        <f>'CPT Data'!B2625</f>
        <v>26.178000000000001</v>
      </c>
      <c r="B2617" s="3">
        <f>'CPT Data'!C2625</f>
        <v>26.170999999999999</v>
      </c>
      <c r="C2617" t="str">
        <f>'CPT Data'!P2625</f>
        <v>SAND</v>
      </c>
      <c r="D2617" t="e">
        <f>'CPT Data'!Q2625</f>
        <v>#N/A</v>
      </c>
      <c r="E2617" t="e">
        <f t="shared" si="41"/>
        <v>#N/A</v>
      </c>
      <c r="F2617" t="str">
        <f>IF(C2617="CLAY", INDEX(D$4:D2617, MATCH("CLAY", C$4:C2617, 0)), "")</f>
        <v/>
      </c>
    </row>
    <row r="2618" spans="1:6" x14ac:dyDescent="0.2">
      <c r="A2618" s="239">
        <f>'CPT Data'!B2626</f>
        <v>26.187000000000001</v>
      </c>
      <c r="B2618" s="3">
        <f>'CPT Data'!C2626</f>
        <v>26.18</v>
      </c>
      <c r="C2618" t="str">
        <f>'CPT Data'!P2626</f>
        <v>SAND</v>
      </c>
      <c r="D2618" t="e">
        <f>'CPT Data'!Q2626</f>
        <v>#N/A</v>
      </c>
      <c r="E2618" t="e">
        <f t="shared" si="41"/>
        <v>#N/A</v>
      </c>
      <c r="F2618" t="str">
        <f>IF(C2618="CLAY", INDEX(D$4:D2618, MATCH("CLAY", C$4:C2618, 0)), "")</f>
        <v/>
      </c>
    </row>
    <row r="2619" spans="1:6" x14ac:dyDescent="0.2">
      <c r="A2619" s="239">
        <f>'CPT Data'!B2627</f>
        <v>26.198</v>
      </c>
      <c r="B2619" s="3">
        <f>'CPT Data'!C2627</f>
        <v>26.190999999999999</v>
      </c>
      <c r="C2619" t="str">
        <f>'CPT Data'!P2627</f>
        <v>SAND</v>
      </c>
      <c r="D2619" t="e">
        <f>'CPT Data'!Q2627</f>
        <v>#N/A</v>
      </c>
      <c r="E2619" t="e">
        <f t="shared" si="41"/>
        <v>#N/A</v>
      </c>
      <c r="F2619" t="str">
        <f>IF(C2619="CLAY", INDEX(D$4:D2619, MATCH("CLAY", C$4:C2619, 0)), "")</f>
        <v/>
      </c>
    </row>
    <row r="2620" spans="1:6" x14ac:dyDescent="0.2">
      <c r="A2620" s="239">
        <f>'CPT Data'!B2628</f>
        <v>26.207000000000001</v>
      </c>
      <c r="B2620" s="3">
        <f>'CPT Data'!C2628</f>
        <v>26.2</v>
      </c>
      <c r="C2620" t="str">
        <f>'CPT Data'!P2628</f>
        <v>SAND</v>
      </c>
      <c r="D2620" t="e">
        <f>'CPT Data'!Q2628</f>
        <v>#N/A</v>
      </c>
      <c r="E2620" t="e">
        <f t="shared" si="41"/>
        <v>#N/A</v>
      </c>
      <c r="F2620" t="str">
        <f>IF(C2620="CLAY", INDEX(D$4:D2620, MATCH("CLAY", C$4:C2620, 0)), "")</f>
        <v/>
      </c>
    </row>
    <row r="2621" spans="1:6" x14ac:dyDescent="0.2">
      <c r="A2621" s="239">
        <f>'CPT Data'!B2629</f>
        <v>26.216999999999999</v>
      </c>
      <c r="B2621" s="3">
        <f>'CPT Data'!C2629</f>
        <v>26.209999999999997</v>
      </c>
      <c r="C2621" t="str">
        <f>'CPT Data'!P2629</f>
        <v>SAND</v>
      </c>
      <c r="D2621" t="e">
        <f>'CPT Data'!Q2629</f>
        <v>#N/A</v>
      </c>
      <c r="E2621" t="e">
        <f t="shared" si="41"/>
        <v>#N/A</v>
      </c>
      <c r="F2621" t="str">
        <f>IF(C2621="CLAY", INDEX(D$4:D2621, MATCH("CLAY", C$4:C2621, 0)), "")</f>
        <v/>
      </c>
    </row>
    <row r="2622" spans="1:6" x14ac:dyDescent="0.2">
      <c r="A2622" s="239">
        <f>'CPT Data'!B2630</f>
        <v>26.227</v>
      </c>
      <c r="B2622" s="3">
        <f>'CPT Data'!C2630</f>
        <v>26.22</v>
      </c>
      <c r="C2622" t="str">
        <f>'CPT Data'!P2630</f>
        <v>SAND</v>
      </c>
      <c r="D2622" t="e">
        <f>'CPT Data'!Q2630</f>
        <v>#N/A</v>
      </c>
      <c r="E2622" t="e">
        <f t="shared" si="41"/>
        <v>#N/A</v>
      </c>
      <c r="F2622" t="str">
        <f>IF(C2622="CLAY", INDEX(D$4:D2622, MATCH("CLAY", C$4:C2622, 0)), "")</f>
        <v/>
      </c>
    </row>
    <row r="2623" spans="1:6" x14ac:dyDescent="0.2">
      <c r="A2623" s="239">
        <f>'CPT Data'!B2631</f>
        <v>26.236000000000001</v>
      </c>
      <c r="B2623" s="3">
        <f>'CPT Data'!C2631</f>
        <v>26.228999999999999</v>
      </c>
      <c r="C2623" t="str">
        <f>'CPT Data'!P2631</f>
        <v>SAND</v>
      </c>
      <c r="D2623" t="e">
        <f>'CPT Data'!Q2631</f>
        <v>#N/A</v>
      </c>
      <c r="E2623" t="e">
        <f t="shared" si="41"/>
        <v>#N/A</v>
      </c>
      <c r="F2623" t="str">
        <f>IF(C2623="CLAY", INDEX(D$4:D2623, MATCH("CLAY", C$4:C2623, 0)), "")</f>
        <v/>
      </c>
    </row>
    <row r="2624" spans="1:6" x14ac:dyDescent="0.2">
      <c r="A2624" s="239">
        <f>'CPT Data'!B2632</f>
        <v>26.245000000000001</v>
      </c>
      <c r="B2624" s="3">
        <f>'CPT Data'!C2632</f>
        <v>26.238</v>
      </c>
      <c r="C2624" t="str">
        <f>'CPT Data'!P2632</f>
        <v>SAND</v>
      </c>
      <c r="D2624" t="e">
        <f>'CPT Data'!Q2632</f>
        <v>#N/A</v>
      </c>
      <c r="E2624" t="e">
        <f t="shared" si="41"/>
        <v>#N/A</v>
      </c>
      <c r="F2624" t="str">
        <f>IF(C2624="CLAY", INDEX(D$4:D2624, MATCH("CLAY", C$4:C2624, 0)), "")</f>
        <v/>
      </c>
    </row>
    <row r="2625" spans="1:6" x14ac:dyDescent="0.2">
      <c r="A2625" s="239">
        <f>'CPT Data'!B2633</f>
        <v>26.254999999999999</v>
      </c>
      <c r="B2625" s="3">
        <f>'CPT Data'!C2633</f>
        <v>26.247999999999998</v>
      </c>
      <c r="C2625" t="str">
        <f>'CPT Data'!P2633</f>
        <v>SAND</v>
      </c>
      <c r="D2625" t="e">
        <f>'CPT Data'!Q2633</f>
        <v>#N/A</v>
      </c>
      <c r="E2625" t="e">
        <f t="shared" si="41"/>
        <v>#N/A</v>
      </c>
      <c r="F2625" t="str">
        <f>IF(C2625="CLAY", INDEX(D$4:D2625, MATCH("CLAY", C$4:C2625, 0)), "")</f>
        <v/>
      </c>
    </row>
    <row r="2626" spans="1:6" x14ac:dyDescent="0.2">
      <c r="A2626" s="239">
        <f>'CPT Data'!B2634</f>
        <v>26.263999999999999</v>
      </c>
      <c r="B2626" s="3">
        <f>'CPT Data'!C2634</f>
        <v>26.256999999999998</v>
      </c>
      <c r="C2626" t="str">
        <f>'CPT Data'!P2634</f>
        <v>SAND</v>
      </c>
      <c r="D2626" t="e">
        <f>'CPT Data'!Q2634</f>
        <v>#N/A</v>
      </c>
      <c r="E2626" t="e">
        <f t="shared" si="41"/>
        <v>#N/A</v>
      </c>
      <c r="F2626" t="str">
        <f>IF(C2626="CLAY", INDEX(D$4:D2626, MATCH("CLAY", C$4:C2626, 0)), "")</f>
        <v/>
      </c>
    </row>
    <row r="2627" spans="1:6" x14ac:dyDescent="0.2">
      <c r="A2627" s="239">
        <f>'CPT Data'!B2635</f>
        <v>26.274999999999999</v>
      </c>
      <c r="B2627" s="3">
        <f>'CPT Data'!C2635</f>
        <v>26.267999999999997</v>
      </c>
      <c r="C2627" t="str">
        <f>'CPT Data'!P2635</f>
        <v>SAND</v>
      </c>
      <c r="D2627" t="e">
        <f>'CPT Data'!Q2635</f>
        <v>#N/A</v>
      </c>
      <c r="E2627" t="e">
        <f t="shared" si="41"/>
        <v>#N/A</v>
      </c>
      <c r="F2627" t="str">
        <f>IF(C2627="CLAY", INDEX(D$4:D2627, MATCH("CLAY", C$4:C2627, 0)), "")</f>
        <v/>
      </c>
    </row>
    <row r="2628" spans="1:6" x14ac:dyDescent="0.2">
      <c r="A2628" s="239">
        <f>'CPT Data'!B2636</f>
        <v>26.283999999999999</v>
      </c>
      <c r="B2628" s="3">
        <f>'CPT Data'!C2636</f>
        <v>26.276999999999997</v>
      </c>
      <c r="C2628" t="str">
        <f>'CPT Data'!P2636</f>
        <v>SAND</v>
      </c>
      <c r="D2628" t="e">
        <f>'CPT Data'!Q2636</f>
        <v>#N/A</v>
      </c>
      <c r="E2628" t="e">
        <f t="shared" si="41"/>
        <v>#N/A</v>
      </c>
      <c r="F2628" t="str">
        <f>IF(C2628="CLAY", INDEX(D$4:D2628, MATCH("CLAY", C$4:C2628, 0)), "")</f>
        <v/>
      </c>
    </row>
    <row r="2629" spans="1:6" x14ac:dyDescent="0.2">
      <c r="A2629" s="239">
        <f>'CPT Data'!B2637</f>
        <v>26.292999999999999</v>
      </c>
      <c r="B2629" s="3">
        <f>'CPT Data'!C2637</f>
        <v>26.285999999999998</v>
      </c>
      <c r="C2629" t="str">
        <f>'CPT Data'!P2637</f>
        <v>SAND</v>
      </c>
      <c r="D2629" t="e">
        <f>'CPT Data'!Q2637</f>
        <v>#N/A</v>
      </c>
      <c r="E2629" t="e">
        <f t="shared" si="41"/>
        <v>#N/A</v>
      </c>
      <c r="F2629" t="str">
        <f>IF(C2629="CLAY", INDEX(D$4:D2629, MATCH("CLAY", C$4:C2629, 0)), "")</f>
        <v/>
      </c>
    </row>
    <row r="2630" spans="1:6" x14ac:dyDescent="0.2">
      <c r="A2630" s="239">
        <f>'CPT Data'!B2638</f>
        <v>26.303999999999998</v>
      </c>
      <c r="B2630" s="3">
        <f>'CPT Data'!C2638</f>
        <v>26.296999999999997</v>
      </c>
      <c r="C2630" t="str">
        <f>'CPT Data'!P2638</f>
        <v>SAND</v>
      </c>
      <c r="D2630" t="e">
        <f>'CPT Data'!Q2638</f>
        <v>#N/A</v>
      </c>
      <c r="E2630" t="e">
        <f t="shared" si="41"/>
        <v>#N/A</v>
      </c>
      <c r="F2630" t="str">
        <f>IF(C2630="CLAY", INDEX(D$4:D2630, MATCH("CLAY", C$4:C2630, 0)), "")</f>
        <v/>
      </c>
    </row>
    <row r="2631" spans="1:6" x14ac:dyDescent="0.2">
      <c r="A2631" s="239">
        <f>'CPT Data'!B2639</f>
        <v>26.312999999999999</v>
      </c>
      <c r="B2631" s="3">
        <f>'CPT Data'!C2639</f>
        <v>26.305999999999997</v>
      </c>
      <c r="C2631" t="str">
        <f>'CPT Data'!P2639</f>
        <v>SAND</v>
      </c>
      <c r="D2631" t="e">
        <f>'CPT Data'!Q2639</f>
        <v>#N/A</v>
      </c>
      <c r="E2631" t="e">
        <f t="shared" si="41"/>
        <v>#N/A</v>
      </c>
      <c r="F2631" t="str">
        <f>IF(C2631="CLAY", INDEX(D$4:D2631, MATCH("CLAY", C$4:C2631, 0)), "")</f>
        <v/>
      </c>
    </row>
    <row r="2632" spans="1:6" x14ac:dyDescent="0.2">
      <c r="A2632" s="239">
        <f>'CPT Data'!B2640</f>
        <v>26.323</v>
      </c>
      <c r="B2632" s="3">
        <f>'CPT Data'!C2640</f>
        <v>26.315999999999999</v>
      </c>
      <c r="C2632" t="str">
        <f>'CPT Data'!P2640</f>
        <v>SAND</v>
      </c>
      <c r="D2632" t="e">
        <f>'CPT Data'!Q2640</f>
        <v>#N/A</v>
      </c>
      <c r="E2632" t="e">
        <f t="shared" si="41"/>
        <v>#N/A</v>
      </c>
      <c r="F2632" t="str">
        <f>IF(C2632="CLAY", INDEX(D$4:D2632, MATCH("CLAY", C$4:C2632, 0)), "")</f>
        <v/>
      </c>
    </row>
    <row r="2633" spans="1:6" x14ac:dyDescent="0.2">
      <c r="A2633" s="239">
        <f>'CPT Data'!B2641</f>
        <v>26.332000000000001</v>
      </c>
      <c r="B2633" s="3">
        <f>'CPT Data'!C2641</f>
        <v>26.324999999999999</v>
      </c>
      <c r="C2633" t="str">
        <f>'CPT Data'!P2641</f>
        <v>SAND</v>
      </c>
      <c r="D2633" t="e">
        <f>'CPT Data'!Q2641</f>
        <v>#N/A</v>
      </c>
      <c r="E2633" t="e">
        <f t="shared" si="41"/>
        <v>#N/A</v>
      </c>
      <c r="F2633" t="str">
        <f>IF(C2633="CLAY", INDEX(D$4:D2633, MATCH("CLAY", C$4:C2633, 0)), "")</f>
        <v/>
      </c>
    </row>
    <row r="2634" spans="1:6" x14ac:dyDescent="0.2">
      <c r="A2634" s="239">
        <f>'CPT Data'!B2642</f>
        <v>26.341000000000001</v>
      </c>
      <c r="B2634" s="3">
        <f>'CPT Data'!C2642</f>
        <v>26.334</v>
      </c>
      <c r="C2634" t="str">
        <f>'CPT Data'!P2642</f>
        <v>SAND</v>
      </c>
      <c r="D2634" t="e">
        <f>'CPT Data'!Q2642</f>
        <v>#N/A</v>
      </c>
      <c r="E2634" t="e">
        <f t="shared" si="41"/>
        <v>#N/A</v>
      </c>
      <c r="F2634" t="str">
        <f>IF(C2634="CLAY", INDEX(D$4:D2634, MATCH("CLAY", C$4:C2634, 0)), "")</f>
        <v/>
      </c>
    </row>
    <row r="2635" spans="1:6" x14ac:dyDescent="0.2">
      <c r="A2635" s="239">
        <f>'CPT Data'!B2643</f>
        <v>26.350999999999999</v>
      </c>
      <c r="B2635" s="3">
        <f>'CPT Data'!C2643</f>
        <v>26.343999999999998</v>
      </c>
      <c r="C2635" t="str">
        <f>'CPT Data'!P2643</f>
        <v>SAND</v>
      </c>
      <c r="D2635" t="e">
        <f>'CPT Data'!Q2643</f>
        <v>#N/A</v>
      </c>
      <c r="E2635" t="e">
        <f t="shared" si="41"/>
        <v>#N/A</v>
      </c>
      <c r="F2635" t="str">
        <f>IF(C2635="CLAY", INDEX(D$4:D2635, MATCH("CLAY", C$4:C2635, 0)), "")</f>
        <v/>
      </c>
    </row>
    <row r="2636" spans="1:6" x14ac:dyDescent="0.2">
      <c r="A2636" s="239">
        <f>'CPT Data'!B2644</f>
        <v>26.361000000000001</v>
      </c>
      <c r="B2636" s="3">
        <f>'CPT Data'!C2644</f>
        <v>26.353999999999999</v>
      </c>
      <c r="C2636" t="str">
        <f>'CPT Data'!P2644</f>
        <v>SAND</v>
      </c>
      <c r="D2636" t="e">
        <f>'CPT Data'!Q2644</f>
        <v>#N/A</v>
      </c>
      <c r="E2636" t="e">
        <f t="shared" si="41"/>
        <v>#N/A</v>
      </c>
      <c r="F2636" t="str">
        <f>IF(C2636="CLAY", INDEX(D$4:D2636, MATCH("CLAY", C$4:C2636, 0)), "")</f>
        <v/>
      </c>
    </row>
    <row r="2637" spans="1:6" x14ac:dyDescent="0.2">
      <c r="A2637" s="239">
        <f>'CPT Data'!B2645</f>
        <v>26.370999999999999</v>
      </c>
      <c r="B2637" s="3">
        <f>'CPT Data'!C2645</f>
        <v>26.363999999999997</v>
      </c>
      <c r="C2637" t="str">
        <f>'CPT Data'!P2645</f>
        <v>SAND</v>
      </c>
      <c r="D2637" t="e">
        <f>'CPT Data'!Q2645</f>
        <v>#N/A</v>
      </c>
      <c r="E2637" t="e">
        <f t="shared" si="41"/>
        <v>#N/A</v>
      </c>
      <c r="F2637" t="str">
        <f>IF(C2637="CLAY", INDEX(D$4:D2637, MATCH("CLAY", C$4:C2637, 0)), "")</f>
        <v/>
      </c>
    </row>
    <row r="2638" spans="1:6" x14ac:dyDescent="0.2">
      <c r="A2638" s="239">
        <f>'CPT Data'!B2646</f>
        <v>26.38</v>
      </c>
      <c r="B2638" s="3">
        <f>'CPT Data'!C2646</f>
        <v>26.372999999999998</v>
      </c>
      <c r="C2638" t="str">
        <f>'CPT Data'!P2646</f>
        <v>SAND</v>
      </c>
      <c r="D2638" t="e">
        <f>'CPT Data'!Q2646</f>
        <v>#N/A</v>
      </c>
      <c r="E2638" t="e">
        <f t="shared" si="41"/>
        <v>#N/A</v>
      </c>
      <c r="F2638" t="str">
        <f>IF(C2638="CLAY", INDEX(D$4:D2638, MATCH("CLAY", C$4:C2638, 0)), "")</f>
        <v/>
      </c>
    </row>
    <row r="2639" spans="1:6" x14ac:dyDescent="0.2">
      <c r="A2639" s="239">
        <f>'CPT Data'!B2647</f>
        <v>26.39</v>
      </c>
      <c r="B2639" s="3">
        <f>'CPT Data'!C2647</f>
        <v>26.382999999999999</v>
      </c>
      <c r="C2639" t="str">
        <f>'CPT Data'!P2647</f>
        <v>SAND</v>
      </c>
      <c r="D2639" t="e">
        <f>'CPT Data'!Q2647</f>
        <v>#N/A</v>
      </c>
      <c r="E2639" t="e">
        <f t="shared" si="41"/>
        <v>#N/A</v>
      </c>
      <c r="F2639" t="str">
        <f>IF(C2639="CLAY", INDEX(D$4:D2639, MATCH("CLAY", C$4:C2639, 0)), "")</f>
        <v/>
      </c>
    </row>
    <row r="2640" spans="1:6" x14ac:dyDescent="0.2">
      <c r="A2640" s="239">
        <f>'CPT Data'!B2648</f>
        <v>26.4</v>
      </c>
      <c r="B2640" s="3">
        <f>'CPT Data'!C2648</f>
        <v>26.392999999999997</v>
      </c>
      <c r="C2640" t="str">
        <f>'CPT Data'!P2648</f>
        <v>SAND</v>
      </c>
      <c r="D2640" t="e">
        <f>'CPT Data'!Q2648</f>
        <v>#N/A</v>
      </c>
      <c r="E2640" t="e">
        <f t="shared" si="41"/>
        <v>#N/A</v>
      </c>
      <c r="F2640" t="str">
        <f>IF(C2640="CLAY", INDEX(D$4:D2640, MATCH("CLAY", C$4:C2640, 0)), "")</f>
        <v/>
      </c>
    </row>
    <row r="2641" spans="1:6" x14ac:dyDescent="0.2">
      <c r="A2641" s="239">
        <f>'CPT Data'!B2649</f>
        <v>26.41</v>
      </c>
      <c r="B2641" s="3">
        <f>'CPT Data'!C2649</f>
        <v>26.402999999999999</v>
      </c>
      <c r="C2641" t="str">
        <f>'CPT Data'!P2649</f>
        <v>SAND</v>
      </c>
      <c r="D2641" t="e">
        <f>'CPT Data'!Q2649</f>
        <v>#N/A</v>
      </c>
      <c r="E2641" t="e">
        <f t="shared" si="41"/>
        <v>#N/A</v>
      </c>
      <c r="F2641" t="str">
        <f>IF(C2641="CLAY", INDEX(D$4:D2641, MATCH("CLAY", C$4:C2641, 0)), "")</f>
        <v/>
      </c>
    </row>
    <row r="2642" spans="1:6" x14ac:dyDescent="0.2">
      <c r="A2642" s="239">
        <f>'CPT Data'!B2650</f>
        <v>26.419</v>
      </c>
      <c r="B2642" s="3">
        <f>'CPT Data'!C2650</f>
        <v>26.411999999999999</v>
      </c>
      <c r="C2642" t="str">
        <f>'CPT Data'!P2650</f>
        <v>SAND</v>
      </c>
      <c r="D2642" t="e">
        <f>'CPT Data'!Q2650</f>
        <v>#N/A</v>
      </c>
      <c r="E2642" t="e">
        <f t="shared" si="41"/>
        <v>#N/A</v>
      </c>
      <c r="F2642" t="str">
        <f>IF(C2642="CLAY", INDEX(D$4:D2642, MATCH("CLAY", C$4:C2642, 0)), "")</f>
        <v/>
      </c>
    </row>
    <row r="2643" spans="1:6" x14ac:dyDescent="0.2">
      <c r="A2643" s="239">
        <f>'CPT Data'!B2651</f>
        <v>26.43</v>
      </c>
      <c r="B2643" s="3">
        <f>'CPT Data'!C2651</f>
        <v>26.422999999999998</v>
      </c>
      <c r="C2643" t="str">
        <f>'CPT Data'!P2651</f>
        <v>SAND</v>
      </c>
      <c r="D2643" t="e">
        <f>'CPT Data'!Q2651</f>
        <v>#N/A</v>
      </c>
      <c r="E2643" t="e">
        <f t="shared" si="41"/>
        <v>#N/A</v>
      </c>
      <c r="F2643" t="str">
        <f>IF(C2643="CLAY", INDEX(D$4:D2643, MATCH("CLAY", C$4:C2643, 0)), "")</f>
        <v/>
      </c>
    </row>
    <row r="2644" spans="1:6" x14ac:dyDescent="0.2">
      <c r="A2644" s="239">
        <f>'CPT Data'!B2652</f>
        <v>26.439</v>
      </c>
      <c r="B2644" s="3">
        <f>'CPT Data'!C2652</f>
        <v>26.431999999999999</v>
      </c>
      <c r="C2644" t="str">
        <f>'CPT Data'!P2652</f>
        <v>SAND</v>
      </c>
      <c r="D2644" t="e">
        <f>'CPT Data'!Q2652</f>
        <v>#N/A</v>
      </c>
      <c r="E2644" t="e">
        <f t="shared" si="41"/>
        <v>#N/A</v>
      </c>
      <c r="F2644" t="str">
        <f>IF(C2644="CLAY", INDEX(D$4:D2644, MATCH("CLAY", C$4:C2644, 0)), "")</f>
        <v/>
      </c>
    </row>
    <row r="2645" spans="1:6" x14ac:dyDescent="0.2">
      <c r="A2645" s="239">
        <f>'CPT Data'!B2653</f>
        <v>26.449000000000002</v>
      </c>
      <c r="B2645" s="3">
        <f>'CPT Data'!C2653</f>
        <v>26.442</v>
      </c>
      <c r="C2645" t="str">
        <f>'CPT Data'!P2653</f>
        <v>SAND</v>
      </c>
      <c r="D2645" t="e">
        <f>'CPT Data'!Q2653</f>
        <v>#N/A</v>
      </c>
      <c r="E2645" t="e">
        <f t="shared" si="41"/>
        <v>#N/A</v>
      </c>
      <c r="F2645" t="str">
        <f>IF(C2645="CLAY", INDEX(D$4:D2645, MATCH("CLAY", C$4:C2645, 0)), "")</f>
        <v/>
      </c>
    </row>
    <row r="2646" spans="1:6" x14ac:dyDescent="0.2">
      <c r="A2646" s="239">
        <f>'CPT Data'!B2654</f>
        <v>26.46</v>
      </c>
      <c r="B2646" s="3">
        <f>'CPT Data'!C2654</f>
        <v>26.452999999999999</v>
      </c>
      <c r="C2646" t="str">
        <f>'CPT Data'!P2654</f>
        <v>SAND</v>
      </c>
      <c r="D2646" t="e">
        <f>'CPT Data'!Q2654</f>
        <v>#N/A</v>
      </c>
      <c r="E2646" t="e">
        <f t="shared" si="41"/>
        <v>#N/A</v>
      </c>
      <c r="F2646" t="str">
        <f>IF(C2646="CLAY", INDEX(D$4:D2646, MATCH("CLAY", C$4:C2646, 0)), "")</f>
        <v/>
      </c>
    </row>
    <row r="2647" spans="1:6" x14ac:dyDescent="0.2">
      <c r="A2647" s="239">
        <f>'CPT Data'!B2655</f>
        <v>26.47</v>
      </c>
      <c r="B2647" s="3">
        <f>'CPT Data'!C2655</f>
        <v>26.462999999999997</v>
      </c>
      <c r="C2647" t="str">
        <f>'CPT Data'!P2655</f>
        <v>SAND</v>
      </c>
      <c r="D2647" t="e">
        <f>'CPT Data'!Q2655</f>
        <v>#N/A</v>
      </c>
      <c r="E2647" t="e">
        <f t="shared" si="41"/>
        <v>#N/A</v>
      </c>
      <c r="F2647" t="str">
        <f>IF(C2647="CLAY", INDEX(D$4:D2647, MATCH("CLAY", C$4:C2647, 0)), "")</f>
        <v/>
      </c>
    </row>
    <row r="2648" spans="1:6" x14ac:dyDescent="0.2">
      <c r="A2648" s="239">
        <f>'CPT Data'!B2656</f>
        <v>26.48</v>
      </c>
      <c r="B2648" s="3">
        <f>'CPT Data'!C2656</f>
        <v>26.472999999999999</v>
      </c>
      <c r="C2648" t="str">
        <f>'CPT Data'!P2656</f>
        <v>SAND</v>
      </c>
      <c r="D2648" t="e">
        <f>'CPT Data'!Q2656</f>
        <v>#N/A</v>
      </c>
      <c r="E2648" t="e">
        <f t="shared" si="41"/>
        <v>#N/A</v>
      </c>
      <c r="F2648" t="str">
        <f>IF(C2648="CLAY", INDEX(D$4:D2648, MATCH("CLAY", C$4:C2648, 0)), "")</f>
        <v/>
      </c>
    </row>
    <row r="2649" spans="1:6" x14ac:dyDescent="0.2">
      <c r="A2649" s="239">
        <f>'CPT Data'!B2657</f>
        <v>26.49</v>
      </c>
      <c r="B2649" s="3">
        <f>'CPT Data'!C2657</f>
        <v>26.482999999999997</v>
      </c>
      <c r="C2649" t="str">
        <f>'CPT Data'!P2657</f>
        <v>SAND</v>
      </c>
      <c r="D2649" t="e">
        <f>'CPT Data'!Q2657</f>
        <v>#N/A</v>
      </c>
      <c r="E2649" t="e">
        <f t="shared" si="41"/>
        <v>#N/A</v>
      </c>
      <c r="F2649" t="str">
        <f>IF(C2649="CLAY", INDEX(D$4:D2649, MATCH("CLAY", C$4:C2649, 0)), "")</f>
        <v/>
      </c>
    </row>
    <row r="2650" spans="1:6" x14ac:dyDescent="0.2">
      <c r="A2650" s="239">
        <f>'CPT Data'!B2658</f>
        <v>26.5</v>
      </c>
      <c r="B2650" s="3">
        <f>'CPT Data'!C2658</f>
        <v>26.492999999999999</v>
      </c>
      <c r="C2650" t="str">
        <f>'CPT Data'!P2658</f>
        <v>SAND</v>
      </c>
      <c r="D2650" t="e">
        <f>'CPT Data'!Q2658</f>
        <v>#N/A</v>
      </c>
      <c r="E2650" t="e">
        <f t="shared" si="41"/>
        <v>#N/A</v>
      </c>
      <c r="F2650" t="str">
        <f>IF(C2650="CLAY", INDEX(D$4:D2650, MATCH("CLAY", C$4:C2650, 0)), "")</f>
        <v/>
      </c>
    </row>
    <row r="2651" spans="1:6" x14ac:dyDescent="0.2">
      <c r="A2651" s="239">
        <f>'CPT Data'!B2659</f>
        <v>26.51</v>
      </c>
      <c r="B2651" s="3">
        <f>'CPT Data'!C2659</f>
        <v>26.503</v>
      </c>
      <c r="C2651" t="str">
        <f>'CPT Data'!P2659</f>
        <v>SAND</v>
      </c>
      <c r="D2651" t="e">
        <f>'CPT Data'!Q2659</f>
        <v>#N/A</v>
      </c>
      <c r="E2651" t="e">
        <f t="shared" ref="E2651:E2714" si="42">IF(C2651="SAND",#N/A,IF(C2651=C2650,D2650,IF(C2651="CLAY",D2651,#N/A)))</f>
        <v>#N/A</v>
      </c>
      <c r="F2651" t="str">
        <f>IF(C2651="CLAY", INDEX(D$4:D2651, MATCH("CLAY", C$4:C2651, 0)), "")</f>
        <v/>
      </c>
    </row>
    <row r="2652" spans="1:6" x14ac:dyDescent="0.2">
      <c r="A2652" s="239">
        <f>'CPT Data'!B2660</f>
        <v>26.52</v>
      </c>
      <c r="B2652" s="3">
        <f>'CPT Data'!C2660</f>
        <v>26.512999999999998</v>
      </c>
      <c r="C2652" t="str">
        <f>'CPT Data'!P2660</f>
        <v>SAND</v>
      </c>
      <c r="D2652" t="e">
        <f>'CPT Data'!Q2660</f>
        <v>#N/A</v>
      </c>
      <c r="E2652" t="e">
        <f t="shared" si="42"/>
        <v>#N/A</v>
      </c>
      <c r="F2652" t="str">
        <f>IF(C2652="CLAY", INDEX(D$4:D2652, MATCH("CLAY", C$4:C2652, 0)), "")</f>
        <v/>
      </c>
    </row>
    <row r="2653" spans="1:6" x14ac:dyDescent="0.2">
      <c r="A2653" s="239">
        <f>'CPT Data'!B2661</f>
        <v>26.530999999999999</v>
      </c>
      <c r="B2653" s="3">
        <f>'CPT Data'!C2661</f>
        <v>26.523999999999997</v>
      </c>
      <c r="C2653" t="str">
        <f>'CPT Data'!P2661</f>
        <v>SAND</v>
      </c>
      <c r="D2653" t="e">
        <f>'CPT Data'!Q2661</f>
        <v>#N/A</v>
      </c>
      <c r="E2653" t="e">
        <f t="shared" si="42"/>
        <v>#N/A</v>
      </c>
      <c r="F2653" t="str">
        <f>IF(C2653="CLAY", INDEX(D$4:D2653, MATCH("CLAY", C$4:C2653, 0)), "")</f>
        <v/>
      </c>
    </row>
    <row r="2654" spans="1:6" x14ac:dyDescent="0.2">
      <c r="A2654" s="239">
        <f>'CPT Data'!B2662</f>
        <v>26.541</v>
      </c>
      <c r="B2654" s="3">
        <f>'CPT Data'!C2662</f>
        <v>26.533999999999999</v>
      </c>
      <c r="C2654" t="str">
        <f>'CPT Data'!P2662</f>
        <v>SAND</v>
      </c>
      <c r="D2654" t="e">
        <f>'CPT Data'!Q2662</f>
        <v>#N/A</v>
      </c>
      <c r="E2654" t="e">
        <f t="shared" si="42"/>
        <v>#N/A</v>
      </c>
      <c r="F2654" t="str">
        <f>IF(C2654="CLAY", INDEX(D$4:D2654, MATCH("CLAY", C$4:C2654, 0)), "")</f>
        <v/>
      </c>
    </row>
    <row r="2655" spans="1:6" x14ac:dyDescent="0.2">
      <c r="A2655" s="239">
        <f>'CPT Data'!B2663</f>
        <v>26.55</v>
      </c>
      <c r="B2655" s="3">
        <f>'CPT Data'!C2663</f>
        <v>26.542999999999999</v>
      </c>
      <c r="C2655" t="str">
        <f>'CPT Data'!P2663</f>
        <v>SAND</v>
      </c>
      <c r="D2655" t="e">
        <f>'CPT Data'!Q2663</f>
        <v>#N/A</v>
      </c>
      <c r="E2655" t="e">
        <f t="shared" si="42"/>
        <v>#N/A</v>
      </c>
      <c r="F2655" t="str">
        <f>IF(C2655="CLAY", INDEX(D$4:D2655, MATCH("CLAY", C$4:C2655, 0)), "")</f>
        <v/>
      </c>
    </row>
    <row r="2656" spans="1:6" x14ac:dyDescent="0.2">
      <c r="A2656" s="239">
        <f>'CPT Data'!B2664</f>
        <v>26.562000000000001</v>
      </c>
      <c r="B2656" s="3">
        <f>'CPT Data'!C2664</f>
        <v>26.555</v>
      </c>
      <c r="C2656" t="str">
        <f>'CPT Data'!P2664</f>
        <v>SAND</v>
      </c>
      <c r="D2656" t="e">
        <f>'CPT Data'!Q2664</f>
        <v>#N/A</v>
      </c>
      <c r="E2656" t="e">
        <f t="shared" si="42"/>
        <v>#N/A</v>
      </c>
      <c r="F2656" t="str">
        <f>IF(C2656="CLAY", INDEX(D$4:D2656, MATCH("CLAY", C$4:C2656, 0)), "")</f>
        <v/>
      </c>
    </row>
    <row r="2657" spans="1:6" x14ac:dyDescent="0.2">
      <c r="A2657" s="239">
        <f>'CPT Data'!B2665</f>
        <v>26.571000000000002</v>
      </c>
      <c r="B2657" s="3">
        <f>'CPT Data'!C2665</f>
        <v>26.564</v>
      </c>
      <c r="C2657" t="str">
        <f>'CPT Data'!P2665</f>
        <v>SAND</v>
      </c>
      <c r="D2657" t="e">
        <f>'CPT Data'!Q2665</f>
        <v>#N/A</v>
      </c>
      <c r="E2657" t="e">
        <f t="shared" si="42"/>
        <v>#N/A</v>
      </c>
      <c r="F2657" t="str">
        <f>IF(C2657="CLAY", INDEX(D$4:D2657, MATCH("CLAY", C$4:C2657, 0)), "")</f>
        <v/>
      </c>
    </row>
    <row r="2658" spans="1:6" x14ac:dyDescent="0.2">
      <c r="A2658" s="239">
        <f>'CPT Data'!B2666</f>
        <v>26.582000000000001</v>
      </c>
      <c r="B2658" s="3">
        <f>'CPT Data'!C2666</f>
        <v>26.574999999999999</v>
      </c>
      <c r="C2658" t="str">
        <f>'CPT Data'!P2666</f>
        <v>SAND</v>
      </c>
      <c r="D2658" t="e">
        <f>'CPT Data'!Q2666</f>
        <v>#N/A</v>
      </c>
      <c r="E2658" t="e">
        <f t="shared" si="42"/>
        <v>#N/A</v>
      </c>
      <c r="F2658" t="str">
        <f>IF(C2658="CLAY", INDEX(D$4:D2658, MATCH("CLAY", C$4:C2658, 0)), "")</f>
        <v/>
      </c>
    </row>
    <row r="2659" spans="1:6" x14ac:dyDescent="0.2">
      <c r="A2659" s="239">
        <f>'CPT Data'!B2667</f>
        <v>26.591999999999999</v>
      </c>
      <c r="B2659" s="3">
        <f>'CPT Data'!C2667</f>
        <v>26.584999999999997</v>
      </c>
      <c r="C2659" t="str">
        <f>'CPT Data'!P2667</f>
        <v>SAND</v>
      </c>
      <c r="D2659" t="e">
        <f>'CPT Data'!Q2667</f>
        <v>#N/A</v>
      </c>
      <c r="E2659" t="e">
        <f t="shared" si="42"/>
        <v>#N/A</v>
      </c>
      <c r="F2659" t="str">
        <f>IF(C2659="CLAY", INDEX(D$4:D2659, MATCH("CLAY", C$4:C2659, 0)), "")</f>
        <v/>
      </c>
    </row>
    <row r="2660" spans="1:6" x14ac:dyDescent="0.2">
      <c r="A2660" s="239">
        <f>'CPT Data'!B2668</f>
        <v>26.603000000000002</v>
      </c>
      <c r="B2660" s="3">
        <f>'CPT Data'!C2668</f>
        <v>26.596</v>
      </c>
      <c r="C2660" t="str">
        <f>'CPT Data'!P2668</f>
        <v>SAND</v>
      </c>
      <c r="D2660" t="e">
        <f>'CPT Data'!Q2668</f>
        <v>#N/A</v>
      </c>
      <c r="E2660" t="e">
        <f t="shared" si="42"/>
        <v>#N/A</v>
      </c>
      <c r="F2660" t="str">
        <f>IF(C2660="CLAY", INDEX(D$4:D2660, MATCH("CLAY", C$4:C2660, 0)), "")</f>
        <v/>
      </c>
    </row>
    <row r="2661" spans="1:6" x14ac:dyDescent="0.2">
      <c r="A2661" s="239">
        <f>'CPT Data'!B2669</f>
        <v>26.611999999999998</v>
      </c>
      <c r="B2661" s="3">
        <f>'CPT Data'!C2669</f>
        <v>26.604999999999997</v>
      </c>
      <c r="C2661" t="str">
        <f>'CPT Data'!P2669</f>
        <v>SAND</v>
      </c>
      <c r="D2661" t="e">
        <f>'CPT Data'!Q2669</f>
        <v>#N/A</v>
      </c>
      <c r="E2661" t="e">
        <f t="shared" si="42"/>
        <v>#N/A</v>
      </c>
      <c r="F2661" t="str">
        <f>IF(C2661="CLAY", INDEX(D$4:D2661, MATCH("CLAY", C$4:C2661, 0)), "")</f>
        <v/>
      </c>
    </row>
    <row r="2662" spans="1:6" x14ac:dyDescent="0.2">
      <c r="A2662" s="239">
        <f>'CPT Data'!B2670</f>
        <v>26.622</v>
      </c>
      <c r="B2662" s="3">
        <f>'CPT Data'!C2670</f>
        <v>26.614999999999998</v>
      </c>
      <c r="C2662" t="str">
        <f>'CPT Data'!P2670</f>
        <v>SAND</v>
      </c>
      <c r="D2662" t="e">
        <f>'CPT Data'!Q2670</f>
        <v>#N/A</v>
      </c>
      <c r="E2662" t="e">
        <f t="shared" si="42"/>
        <v>#N/A</v>
      </c>
      <c r="F2662" t="str">
        <f>IF(C2662="CLAY", INDEX(D$4:D2662, MATCH("CLAY", C$4:C2662, 0)), "")</f>
        <v/>
      </c>
    </row>
    <row r="2663" spans="1:6" x14ac:dyDescent="0.2">
      <c r="A2663" s="239">
        <f>'CPT Data'!B2671</f>
        <v>26.632000000000001</v>
      </c>
      <c r="B2663" s="3">
        <f>'CPT Data'!C2671</f>
        <v>26.625</v>
      </c>
      <c r="C2663" t="str">
        <f>'CPT Data'!P2671</f>
        <v>SAND</v>
      </c>
      <c r="D2663" t="e">
        <f>'CPT Data'!Q2671</f>
        <v>#N/A</v>
      </c>
      <c r="E2663" t="e">
        <f t="shared" si="42"/>
        <v>#N/A</v>
      </c>
      <c r="F2663" t="str">
        <f>IF(C2663="CLAY", INDEX(D$4:D2663, MATCH("CLAY", C$4:C2663, 0)), "")</f>
        <v/>
      </c>
    </row>
    <row r="2664" spans="1:6" x14ac:dyDescent="0.2">
      <c r="A2664" s="239">
        <f>'CPT Data'!B2672</f>
        <v>26.641999999999999</v>
      </c>
      <c r="B2664" s="3">
        <f>'CPT Data'!C2672</f>
        <v>26.634999999999998</v>
      </c>
      <c r="C2664" t="str">
        <f>'CPT Data'!P2672</f>
        <v>SAND</v>
      </c>
      <c r="D2664" t="e">
        <f>'CPT Data'!Q2672</f>
        <v>#N/A</v>
      </c>
      <c r="E2664" t="e">
        <f t="shared" si="42"/>
        <v>#N/A</v>
      </c>
      <c r="F2664" t="str">
        <f>IF(C2664="CLAY", INDEX(D$4:D2664, MATCH("CLAY", C$4:C2664, 0)), "")</f>
        <v/>
      </c>
    </row>
    <row r="2665" spans="1:6" x14ac:dyDescent="0.2">
      <c r="A2665" s="239">
        <f>'CPT Data'!B2673</f>
        <v>26.652000000000001</v>
      </c>
      <c r="B2665" s="3">
        <f>'CPT Data'!C2673</f>
        <v>26.645</v>
      </c>
      <c r="C2665" t="str">
        <f>'CPT Data'!P2673</f>
        <v>SAND</v>
      </c>
      <c r="D2665" t="e">
        <f>'CPT Data'!Q2673</f>
        <v>#N/A</v>
      </c>
      <c r="E2665" t="e">
        <f t="shared" si="42"/>
        <v>#N/A</v>
      </c>
      <c r="F2665" t="str">
        <f>IF(C2665="CLAY", INDEX(D$4:D2665, MATCH("CLAY", C$4:C2665, 0)), "")</f>
        <v/>
      </c>
    </row>
    <row r="2666" spans="1:6" x14ac:dyDescent="0.2">
      <c r="A2666" s="239">
        <f>'CPT Data'!B2674</f>
        <v>26.661000000000001</v>
      </c>
      <c r="B2666" s="3">
        <f>'CPT Data'!C2674</f>
        <v>26.654</v>
      </c>
      <c r="C2666" t="str">
        <f>'CPT Data'!P2674</f>
        <v>CLAY</v>
      </c>
      <c r="D2666">
        <f>'CPT Data'!Q2674</f>
        <v>597.74337215373384</v>
      </c>
      <c r="E2666">
        <f t="shared" si="42"/>
        <v>597.74337215373384</v>
      </c>
      <c r="F2666">
        <f>IF(C2666="CLAY", INDEX(D$4:D2666, MATCH("CLAY", C$4:C2666, 0)), "")</f>
        <v>0.75203252561341039</v>
      </c>
    </row>
    <row r="2667" spans="1:6" x14ac:dyDescent="0.2">
      <c r="A2667" s="239">
        <f>'CPT Data'!B2675</f>
        <v>26.672000000000001</v>
      </c>
      <c r="B2667" s="3">
        <f>'CPT Data'!C2675</f>
        <v>26.664999999999999</v>
      </c>
      <c r="C2667" t="str">
        <f>'CPT Data'!P2675</f>
        <v>CLAY</v>
      </c>
      <c r="D2667">
        <f>'CPT Data'!Q2675</f>
        <v>535.7170703705367</v>
      </c>
      <c r="E2667">
        <f t="shared" si="42"/>
        <v>597.74337215373384</v>
      </c>
      <c r="F2667">
        <f>IF(C2667="CLAY", INDEX(D$4:D2667, MATCH("CLAY", C$4:C2667, 0)), "")</f>
        <v>0.75203252561341039</v>
      </c>
    </row>
    <row r="2668" spans="1:6" x14ac:dyDescent="0.2">
      <c r="A2668" s="239">
        <f>'CPT Data'!B2676</f>
        <v>26.681000000000001</v>
      </c>
      <c r="B2668" s="3">
        <f>'CPT Data'!C2676</f>
        <v>26.673999999999999</v>
      </c>
      <c r="C2668" t="str">
        <f>'CPT Data'!P2676</f>
        <v>CLAY</v>
      </c>
      <c r="D2668">
        <f>'CPT Data'!Q2676</f>
        <v>493.69468501273792</v>
      </c>
      <c r="E2668">
        <f t="shared" si="42"/>
        <v>535.7170703705367</v>
      </c>
      <c r="F2668">
        <f>IF(C2668="CLAY", INDEX(D$4:D2668, MATCH("CLAY", C$4:C2668, 0)), "")</f>
        <v>0.75203252561341039</v>
      </c>
    </row>
    <row r="2669" spans="1:6" x14ac:dyDescent="0.2">
      <c r="A2669" s="239">
        <f>'CPT Data'!B2677</f>
        <v>26.69</v>
      </c>
      <c r="B2669" s="3">
        <f>'CPT Data'!C2677</f>
        <v>26.683</v>
      </c>
      <c r="C2669" t="str">
        <f>'CPT Data'!P2677</f>
        <v>CLAY</v>
      </c>
      <c r="D2669">
        <f>'CPT Data'!Q2677</f>
        <v>471.72265717506093</v>
      </c>
      <c r="E2669">
        <f t="shared" si="42"/>
        <v>493.69468501273792</v>
      </c>
      <c r="F2669">
        <f>IF(C2669="CLAY", INDEX(D$4:D2669, MATCH("CLAY", C$4:C2669, 0)), "")</f>
        <v>0.75203252561341039</v>
      </c>
    </row>
    <row r="2670" spans="1:6" x14ac:dyDescent="0.2">
      <c r="A2670" s="239">
        <f>'CPT Data'!B2678</f>
        <v>26.7</v>
      </c>
      <c r="B2670" s="3">
        <f>'CPT Data'!C2678</f>
        <v>26.692999999999998</v>
      </c>
      <c r="C2670" t="str">
        <f>'CPT Data'!P2678</f>
        <v>CLAY</v>
      </c>
      <c r="D2670">
        <f>'CPT Data'!Q2678</f>
        <v>467.33665364474626</v>
      </c>
      <c r="E2670">
        <f t="shared" si="42"/>
        <v>471.72265717506093</v>
      </c>
      <c r="F2670">
        <f>IF(C2670="CLAY", INDEX(D$4:D2670, MATCH("CLAY", C$4:C2670, 0)), "")</f>
        <v>0.75203252561341039</v>
      </c>
    </row>
    <row r="2671" spans="1:6" x14ac:dyDescent="0.2">
      <c r="A2671" s="239">
        <f>'CPT Data'!B2679</f>
        <v>26.709</v>
      </c>
      <c r="B2671" s="3">
        <f>'CPT Data'!C2679</f>
        <v>26.701999999999998</v>
      </c>
      <c r="C2671" t="str">
        <f>'CPT Data'!P2679</f>
        <v>CLAY</v>
      </c>
      <c r="D2671">
        <f>'CPT Data'!Q2679</f>
        <v>481.21893534672881</v>
      </c>
      <c r="E2671">
        <f t="shared" si="42"/>
        <v>467.33665364474626</v>
      </c>
      <c r="F2671">
        <f>IF(C2671="CLAY", INDEX(D$4:D2671, MATCH("CLAY", C$4:C2671, 0)), "")</f>
        <v>0.75203252561341039</v>
      </c>
    </row>
    <row r="2672" spans="1:6" x14ac:dyDescent="0.2">
      <c r="A2672" s="239">
        <f>'CPT Data'!B2680</f>
        <v>26.719000000000001</v>
      </c>
      <c r="B2672" s="3">
        <f>'CPT Data'!C2680</f>
        <v>26.712</v>
      </c>
      <c r="C2672" t="str">
        <f>'CPT Data'!P2680</f>
        <v>CLAY</v>
      </c>
      <c r="D2672">
        <f>'CPT Data'!Q2680</f>
        <v>503.00896251907875</v>
      </c>
      <c r="E2672">
        <f t="shared" si="42"/>
        <v>481.21893534672881</v>
      </c>
      <c r="F2672">
        <f>IF(C2672="CLAY", INDEX(D$4:D2672, MATCH("CLAY", C$4:C2672, 0)), "")</f>
        <v>0.75203252561341039</v>
      </c>
    </row>
    <row r="2673" spans="1:6" x14ac:dyDescent="0.2">
      <c r="A2673" s="239">
        <f>'CPT Data'!B2681</f>
        <v>26.728000000000002</v>
      </c>
      <c r="B2673" s="3">
        <f>'CPT Data'!C2681</f>
        <v>26.721</v>
      </c>
      <c r="C2673" t="str">
        <f>'CPT Data'!P2681</f>
        <v>CLAY</v>
      </c>
      <c r="D2673">
        <f>'CPT Data'!Q2681</f>
        <v>561.37327174719042</v>
      </c>
      <c r="E2673">
        <f t="shared" si="42"/>
        <v>503.00896251907875</v>
      </c>
      <c r="F2673">
        <f>IF(C2673="CLAY", INDEX(D$4:D2673, MATCH("CLAY", C$4:C2673, 0)), "")</f>
        <v>0.75203252561341039</v>
      </c>
    </row>
    <row r="2674" spans="1:6" x14ac:dyDescent="0.2">
      <c r="A2674" s="239">
        <f>'CPT Data'!B2682</f>
        <v>26.738</v>
      </c>
      <c r="B2674" s="3">
        <f>'CPT Data'!C2682</f>
        <v>26.730999999999998</v>
      </c>
      <c r="C2674" t="str">
        <f>'CPT Data'!P2682</f>
        <v>CLAY</v>
      </c>
      <c r="D2674">
        <f>'CPT Data'!Q2682</f>
        <v>624.29192121145297</v>
      </c>
      <c r="E2674">
        <f t="shared" si="42"/>
        <v>561.37327174719042</v>
      </c>
      <c r="F2674">
        <f>IF(C2674="CLAY", INDEX(D$4:D2674, MATCH("CLAY", C$4:C2674, 0)), "")</f>
        <v>0.75203252561341039</v>
      </c>
    </row>
    <row r="2675" spans="1:6" x14ac:dyDescent="0.2">
      <c r="A2675" s="239">
        <f>'CPT Data'!B2683</f>
        <v>26.748000000000001</v>
      </c>
      <c r="B2675" s="3">
        <f>'CPT Data'!C2683</f>
        <v>26.741</v>
      </c>
      <c r="C2675" t="str">
        <f>'CPT Data'!P2683</f>
        <v>CLAY</v>
      </c>
      <c r="D2675">
        <f>'CPT Data'!Q2683</f>
        <v>674.18670725039317</v>
      </c>
      <c r="E2675">
        <f t="shared" si="42"/>
        <v>624.29192121145297</v>
      </c>
      <c r="F2675">
        <f>IF(C2675="CLAY", INDEX(D$4:D2675, MATCH("CLAY", C$4:C2675, 0)), "")</f>
        <v>0.75203252561341039</v>
      </c>
    </row>
    <row r="2676" spans="1:6" x14ac:dyDescent="0.2">
      <c r="A2676" s="239">
        <f>'CPT Data'!B2684</f>
        <v>26.757999999999999</v>
      </c>
      <c r="B2676" s="3">
        <f>'CPT Data'!C2684</f>
        <v>26.750999999999998</v>
      </c>
      <c r="C2676" t="str">
        <f>'CPT Data'!P2684</f>
        <v>SAND</v>
      </c>
      <c r="D2676" t="e">
        <f>'CPT Data'!Q2684</f>
        <v>#N/A</v>
      </c>
      <c r="E2676" t="e">
        <f t="shared" si="42"/>
        <v>#N/A</v>
      </c>
      <c r="F2676" t="str">
        <f>IF(C2676="CLAY", INDEX(D$4:D2676, MATCH("CLAY", C$4:C2676, 0)), "")</f>
        <v/>
      </c>
    </row>
    <row r="2677" spans="1:6" x14ac:dyDescent="0.2">
      <c r="A2677" s="239">
        <f>'CPT Data'!B2685</f>
        <v>26.766999999999999</v>
      </c>
      <c r="B2677" s="3">
        <f>'CPT Data'!C2685</f>
        <v>26.759999999999998</v>
      </c>
      <c r="C2677" t="str">
        <f>'CPT Data'!P2685</f>
        <v>SAND</v>
      </c>
      <c r="D2677" t="e">
        <f>'CPT Data'!Q2685</f>
        <v>#N/A</v>
      </c>
      <c r="E2677" t="e">
        <f t="shared" si="42"/>
        <v>#N/A</v>
      </c>
      <c r="F2677" t="str">
        <f>IF(C2677="CLAY", INDEX(D$4:D2677, MATCH("CLAY", C$4:C2677, 0)), "")</f>
        <v/>
      </c>
    </row>
    <row r="2678" spans="1:6" x14ac:dyDescent="0.2">
      <c r="A2678" s="239">
        <f>'CPT Data'!B2686</f>
        <v>26.777999999999999</v>
      </c>
      <c r="B2678" s="3">
        <f>'CPT Data'!C2686</f>
        <v>26.770999999999997</v>
      </c>
      <c r="C2678" t="str">
        <f>'CPT Data'!P2686</f>
        <v>SAND</v>
      </c>
      <c r="D2678" t="e">
        <f>'CPT Data'!Q2686</f>
        <v>#N/A</v>
      </c>
      <c r="E2678" t="e">
        <f t="shared" si="42"/>
        <v>#N/A</v>
      </c>
      <c r="F2678" t="str">
        <f>IF(C2678="CLAY", INDEX(D$4:D2678, MATCH("CLAY", C$4:C2678, 0)), "")</f>
        <v/>
      </c>
    </row>
    <row r="2679" spans="1:6" x14ac:dyDescent="0.2">
      <c r="A2679" s="239">
        <f>'CPT Data'!B2687</f>
        <v>26.786999999999999</v>
      </c>
      <c r="B2679" s="3">
        <f>'CPT Data'!C2687</f>
        <v>26.779999999999998</v>
      </c>
      <c r="C2679" t="str">
        <f>'CPT Data'!P2687</f>
        <v>SAND</v>
      </c>
      <c r="D2679" t="e">
        <f>'CPT Data'!Q2687</f>
        <v>#N/A</v>
      </c>
      <c r="E2679" t="e">
        <f t="shared" si="42"/>
        <v>#N/A</v>
      </c>
      <c r="F2679" t="str">
        <f>IF(C2679="CLAY", INDEX(D$4:D2679, MATCH("CLAY", C$4:C2679, 0)), "")</f>
        <v/>
      </c>
    </row>
    <row r="2680" spans="1:6" x14ac:dyDescent="0.2">
      <c r="A2680" s="239">
        <f>'CPT Data'!B2688</f>
        <v>26.797000000000001</v>
      </c>
      <c r="B2680" s="3">
        <f>'CPT Data'!C2688</f>
        <v>26.79</v>
      </c>
      <c r="C2680" t="str">
        <f>'CPT Data'!P2688</f>
        <v>SAND</v>
      </c>
      <c r="D2680" t="e">
        <f>'CPT Data'!Q2688</f>
        <v>#N/A</v>
      </c>
      <c r="E2680" t="e">
        <f t="shared" si="42"/>
        <v>#N/A</v>
      </c>
      <c r="F2680" t="str">
        <f>IF(C2680="CLAY", INDEX(D$4:D2680, MATCH("CLAY", C$4:C2680, 0)), "")</f>
        <v/>
      </c>
    </row>
    <row r="2681" spans="1:6" x14ac:dyDescent="0.2">
      <c r="A2681" s="239">
        <f>'CPT Data'!B2689</f>
        <v>26.806999999999999</v>
      </c>
      <c r="B2681" s="3">
        <f>'CPT Data'!C2689</f>
        <v>26.799999999999997</v>
      </c>
      <c r="C2681" t="str">
        <f>'CPT Data'!P2689</f>
        <v>CLAY</v>
      </c>
      <c r="D2681">
        <f>'CPT Data'!Q2689</f>
        <v>572.86274200638877</v>
      </c>
      <c r="E2681">
        <f t="shared" si="42"/>
        <v>572.86274200638877</v>
      </c>
      <c r="F2681">
        <f>IF(C2681="CLAY", INDEX(D$4:D2681, MATCH("CLAY", C$4:C2681, 0)), "")</f>
        <v>0.75203252561341039</v>
      </c>
    </row>
    <row r="2682" spans="1:6" x14ac:dyDescent="0.2">
      <c r="A2682" s="239">
        <f>'CPT Data'!B2690</f>
        <v>26.815999999999999</v>
      </c>
      <c r="B2682" s="3">
        <f>'CPT Data'!C2690</f>
        <v>26.808999999999997</v>
      </c>
      <c r="C2682" t="str">
        <f>'CPT Data'!P2690</f>
        <v>CLAY</v>
      </c>
      <c r="D2682">
        <f>'CPT Data'!Q2690</f>
        <v>508.38624567190095</v>
      </c>
      <c r="E2682">
        <f t="shared" si="42"/>
        <v>572.86274200638877</v>
      </c>
      <c r="F2682">
        <f>IF(C2682="CLAY", INDEX(D$4:D2682, MATCH("CLAY", C$4:C2682, 0)), "")</f>
        <v>0.75203252561341039</v>
      </c>
    </row>
    <row r="2683" spans="1:6" x14ac:dyDescent="0.2">
      <c r="A2683" s="239">
        <f>'CPT Data'!B2691</f>
        <v>26.826000000000001</v>
      </c>
      <c r="B2683" s="3">
        <f>'CPT Data'!C2691</f>
        <v>26.818999999999999</v>
      </c>
      <c r="C2683" t="str">
        <f>'CPT Data'!P2691</f>
        <v>CLAY</v>
      </c>
      <c r="D2683">
        <f>'CPT Data'!Q2691</f>
        <v>445.60317373274637</v>
      </c>
      <c r="E2683">
        <f t="shared" si="42"/>
        <v>508.38624567190095</v>
      </c>
      <c r="F2683">
        <f>IF(C2683="CLAY", INDEX(D$4:D2683, MATCH("CLAY", C$4:C2683, 0)), "")</f>
        <v>0.75203252561341039</v>
      </c>
    </row>
    <row r="2684" spans="1:6" x14ac:dyDescent="0.2">
      <c r="A2684" s="239">
        <f>'CPT Data'!B2692</f>
        <v>26.837</v>
      </c>
      <c r="B2684" s="3">
        <f>'CPT Data'!C2692</f>
        <v>26.83</v>
      </c>
      <c r="C2684" t="str">
        <f>'CPT Data'!P2692</f>
        <v>CLAY</v>
      </c>
      <c r="D2684">
        <f>'CPT Data'!Q2692</f>
        <v>389.5977966710621</v>
      </c>
      <c r="E2684">
        <f t="shared" si="42"/>
        <v>445.60317373274637</v>
      </c>
      <c r="F2684">
        <f>IF(C2684="CLAY", INDEX(D$4:D2684, MATCH("CLAY", C$4:C2684, 0)), "")</f>
        <v>0.75203252561341039</v>
      </c>
    </row>
    <row r="2685" spans="1:6" x14ac:dyDescent="0.2">
      <c r="A2685" s="239">
        <f>'CPT Data'!B2693</f>
        <v>26.846</v>
      </c>
      <c r="B2685" s="3">
        <f>'CPT Data'!C2693</f>
        <v>26.838999999999999</v>
      </c>
      <c r="C2685" t="str">
        <f>'CPT Data'!P2693</f>
        <v>CLAY</v>
      </c>
      <c r="D2685">
        <f>'CPT Data'!Q2693</f>
        <v>350.59411256889069</v>
      </c>
      <c r="E2685">
        <f t="shared" si="42"/>
        <v>389.5977966710621</v>
      </c>
      <c r="F2685">
        <f>IF(C2685="CLAY", INDEX(D$4:D2685, MATCH("CLAY", C$4:C2685, 0)), "")</f>
        <v>0.75203252561341039</v>
      </c>
    </row>
    <row r="2686" spans="1:6" x14ac:dyDescent="0.2">
      <c r="A2686" s="239">
        <f>'CPT Data'!B2694</f>
        <v>26.855</v>
      </c>
      <c r="B2686" s="3">
        <f>'CPT Data'!C2694</f>
        <v>26.847999999999999</v>
      </c>
      <c r="C2686" t="str">
        <f>'CPT Data'!P2694</f>
        <v>CLAY</v>
      </c>
      <c r="D2686">
        <f>'CPT Data'!Q2694</f>
        <v>325.07451102963313</v>
      </c>
      <c r="E2686">
        <f t="shared" si="42"/>
        <v>350.59411256889069</v>
      </c>
      <c r="F2686">
        <f>IF(C2686="CLAY", INDEX(D$4:D2686, MATCH("CLAY", C$4:C2686, 0)), "")</f>
        <v>0.75203252561341039</v>
      </c>
    </row>
    <row r="2687" spans="1:6" x14ac:dyDescent="0.2">
      <c r="A2687" s="239">
        <f>'CPT Data'!B2695</f>
        <v>26.866</v>
      </c>
      <c r="B2687" s="3">
        <f>'CPT Data'!C2695</f>
        <v>26.858999999999998</v>
      </c>
      <c r="C2687" t="str">
        <f>'CPT Data'!P2695</f>
        <v>CLAY</v>
      </c>
      <c r="D2687">
        <f>'CPT Data'!Q2695</f>
        <v>304.63815029426002</v>
      </c>
      <c r="E2687">
        <f t="shared" si="42"/>
        <v>325.07451102963313</v>
      </c>
      <c r="F2687">
        <f>IF(C2687="CLAY", INDEX(D$4:D2687, MATCH("CLAY", C$4:C2687, 0)), "")</f>
        <v>0.75203252561341039</v>
      </c>
    </row>
    <row r="2688" spans="1:6" x14ac:dyDescent="0.2">
      <c r="A2688" s="239">
        <f>'CPT Data'!B2696</f>
        <v>26.875</v>
      </c>
      <c r="B2688" s="3">
        <f>'CPT Data'!C2696</f>
        <v>26.867999999999999</v>
      </c>
      <c r="C2688" t="str">
        <f>'CPT Data'!P2696</f>
        <v>CLAY</v>
      </c>
      <c r="D2688">
        <f>'CPT Data'!Q2696</f>
        <v>277.66404509317249</v>
      </c>
      <c r="E2688">
        <f t="shared" si="42"/>
        <v>304.63815029426002</v>
      </c>
      <c r="F2688">
        <f>IF(C2688="CLAY", INDEX(D$4:D2688, MATCH("CLAY", C$4:C2688, 0)), "")</f>
        <v>0.75203252561341039</v>
      </c>
    </row>
    <row r="2689" spans="1:6" x14ac:dyDescent="0.2">
      <c r="A2689" s="239">
        <f>'CPT Data'!B2697</f>
        <v>26.885000000000002</v>
      </c>
      <c r="B2689" s="3">
        <f>'CPT Data'!C2697</f>
        <v>26.878</v>
      </c>
      <c r="C2689" t="str">
        <f>'CPT Data'!P2697</f>
        <v>CLAY</v>
      </c>
      <c r="D2689">
        <f>'CPT Data'!Q2697</f>
        <v>247.52553336080825</v>
      </c>
      <c r="E2689">
        <f t="shared" si="42"/>
        <v>277.66404509317249</v>
      </c>
      <c r="F2689">
        <f>IF(C2689="CLAY", INDEX(D$4:D2689, MATCH("CLAY", C$4:C2689, 0)), "")</f>
        <v>0.75203252561341039</v>
      </c>
    </row>
    <row r="2690" spans="1:6" x14ac:dyDescent="0.2">
      <c r="A2690" s="239">
        <f>'CPT Data'!B2698</f>
        <v>26.893999999999998</v>
      </c>
      <c r="B2690" s="3">
        <f>'CPT Data'!C2698</f>
        <v>26.886999999999997</v>
      </c>
      <c r="C2690" t="str">
        <f>'CPT Data'!P2698</f>
        <v>CLAY</v>
      </c>
      <c r="D2690">
        <f>'CPT Data'!Q2698</f>
        <v>223.17227703098646</v>
      </c>
      <c r="E2690">
        <f t="shared" si="42"/>
        <v>247.52553336080825</v>
      </c>
      <c r="F2690">
        <f>IF(C2690="CLAY", INDEX(D$4:D2690, MATCH("CLAY", C$4:C2690, 0)), "")</f>
        <v>0.75203252561341039</v>
      </c>
    </row>
    <row r="2691" spans="1:6" x14ac:dyDescent="0.2">
      <c r="A2691" s="239">
        <f>'CPT Data'!B2699</f>
        <v>26.904</v>
      </c>
      <c r="B2691" s="3">
        <f>'CPT Data'!C2699</f>
        <v>26.896999999999998</v>
      </c>
      <c r="C2691" t="str">
        <f>'CPT Data'!P2699</f>
        <v>CLAY</v>
      </c>
      <c r="D2691">
        <f>'CPT Data'!Q2699</f>
        <v>217.20848460586424</v>
      </c>
      <c r="E2691">
        <f t="shared" si="42"/>
        <v>223.17227703098646</v>
      </c>
      <c r="F2691">
        <f>IF(C2691="CLAY", INDEX(D$4:D2691, MATCH("CLAY", C$4:C2691, 0)), "")</f>
        <v>0.75203252561341039</v>
      </c>
    </row>
    <row r="2692" spans="1:6" x14ac:dyDescent="0.2">
      <c r="A2692" s="239">
        <f>'CPT Data'!B2700</f>
        <v>26.913</v>
      </c>
      <c r="B2692" s="3">
        <f>'CPT Data'!C2700</f>
        <v>26.905999999999999</v>
      </c>
      <c r="C2692" t="str">
        <f>'CPT Data'!P2700</f>
        <v>CLAY</v>
      </c>
      <c r="D2692">
        <f>'CPT Data'!Q2700</f>
        <v>226.69754600931785</v>
      </c>
      <c r="E2692">
        <f t="shared" si="42"/>
        <v>217.20848460586424</v>
      </c>
      <c r="F2692">
        <f>IF(C2692="CLAY", INDEX(D$4:D2692, MATCH("CLAY", C$4:C2692, 0)), "")</f>
        <v>0.75203252561341039</v>
      </c>
    </row>
    <row r="2693" spans="1:6" x14ac:dyDescent="0.2">
      <c r="A2693" s="239">
        <f>'CPT Data'!B2701</f>
        <v>26.922999999999998</v>
      </c>
      <c r="B2693" s="3">
        <f>'CPT Data'!C2701</f>
        <v>26.915999999999997</v>
      </c>
      <c r="C2693" t="str">
        <f>'CPT Data'!P2701</f>
        <v>CLAY</v>
      </c>
      <c r="D2693">
        <f>'CPT Data'!Q2701</f>
        <v>263.24235786281264</v>
      </c>
      <c r="E2693">
        <f t="shared" si="42"/>
        <v>226.69754600931785</v>
      </c>
      <c r="F2693">
        <f>IF(C2693="CLAY", INDEX(D$4:D2693, MATCH("CLAY", C$4:C2693, 0)), "")</f>
        <v>0.75203252561341039</v>
      </c>
    </row>
    <row r="2694" spans="1:6" x14ac:dyDescent="0.2">
      <c r="A2694" s="239">
        <f>'CPT Data'!B2702</f>
        <v>26.933</v>
      </c>
      <c r="B2694" s="3">
        <f>'CPT Data'!C2702</f>
        <v>26.925999999999998</v>
      </c>
      <c r="C2694" t="str">
        <f>'CPT Data'!P2702</f>
        <v>CLAY</v>
      </c>
      <c r="D2694">
        <f>'CPT Data'!Q2702</f>
        <v>336.95194960172608</v>
      </c>
      <c r="E2694">
        <f t="shared" si="42"/>
        <v>263.24235786281264</v>
      </c>
      <c r="F2694">
        <f>IF(C2694="CLAY", INDEX(D$4:D2694, MATCH("CLAY", C$4:C2694, 0)), "")</f>
        <v>0.75203252561341039</v>
      </c>
    </row>
    <row r="2695" spans="1:6" x14ac:dyDescent="0.2">
      <c r="A2695" s="239">
        <f>'CPT Data'!B2703</f>
        <v>26.942</v>
      </c>
      <c r="B2695" s="3">
        <f>'CPT Data'!C2703</f>
        <v>26.934999999999999</v>
      </c>
      <c r="C2695" t="str">
        <f>'CPT Data'!P2703</f>
        <v>CLAY</v>
      </c>
      <c r="D2695">
        <f>'CPT Data'!Q2703</f>
        <v>399.06796333684866</v>
      </c>
      <c r="E2695">
        <f t="shared" si="42"/>
        <v>336.95194960172608</v>
      </c>
      <c r="F2695">
        <f>IF(C2695="CLAY", INDEX(D$4:D2695, MATCH("CLAY", C$4:C2695, 0)), "")</f>
        <v>0.75203252561341039</v>
      </c>
    </row>
    <row r="2696" spans="1:6" x14ac:dyDescent="0.2">
      <c r="A2696" s="239">
        <f>'CPT Data'!B2704</f>
        <v>26.952000000000002</v>
      </c>
      <c r="B2696" s="3">
        <f>'CPT Data'!C2704</f>
        <v>26.945</v>
      </c>
      <c r="C2696" t="str">
        <f>'CPT Data'!P2704</f>
        <v>CLAY</v>
      </c>
      <c r="D2696">
        <f>'CPT Data'!Q2704</f>
        <v>450.03357092238645</v>
      </c>
      <c r="E2696">
        <f t="shared" si="42"/>
        <v>399.06796333684866</v>
      </c>
      <c r="F2696">
        <f>IF(C2696="CLAY", INDEX(D$4:D2696, MATCH("CLAY", C$4:C2696, 0)), "")</f>
        <v>0.75203252561341039</v>
      </c>
    </row>
    <row r="2697" spans="1:6" x14ac:dyDescent="0.2">
      <c r="A2697" s="239">
        <f>'CPT Data'!B2705</f>
        <v>26.960999999999999</v>
      </c>
      <c r="B2697" s="3">
        <f>'CPT Data'!C2705</f>
        <v>26.953999999999997</v>
      </c>
      <c r="C2697" t="str">
        <f>'CPT Data'!P2705</f>
        <v>CLAY</v>
      </c>
      <c r="D2697">
        <f>'CPT Data'!Q2705</f>
        <v>509.27477909669557</v>
      </c>
      <c r="E2697">
        <f t="shared" si="42"/>
        <v>450.03357092238645</v>
      </c>
      <c r="F2697">
        <f>IF(C2697="CLAY", INDEX(D$4:D2697, MATCH("CLAY", C$4:C2697, 0)), "")</f>
        <v>0.75203252561341039</v>
      </c>
    </row>
    <row r="2698" spans="1:6" x14ac:dyDescent="0.2">
      <c r="A2698" s="239">
        <f>'CPT Data'!B2706</f>
        <v>26.97</v>
      </c>
      <c r="B2698" s="3">
        <f>'CPT Data'!C2706</f>
        <v>26.962999999999997</v>
      </c>
      <c r="C2698" t="str">
        <f>'CPT Data'!P2706</f>
        <v>CLAY</v>
      </c>
      <c r="D2698">
        <f>'CPT Data'!Q2706</f>
        <v>572.16913708119557</v>
      </c>
      <c r="E2698">
        <f t="shared" si="42"/>
        <v>509.27477909669557</v>
      </c>
      <c r="F2698">
        <f>IF(C2698="CLAY", INDEX(D$4:D2698, MATCH("CLAY", C$4:C2698, 0)), "")</f>
        <v>0.75203252561341039</v>
      </c>
    </row>
    <row r="2699" spans="1:6" x14ac:dyDescent="0.2">
      <c r="A2699" s="239">
        <f>'CPT Data'!B2707</f>
        <v>26.98</v>
      </c>
      <c r="B2699" s="3">
        <f>'CPT Data'!C2707</f>
        <v>26.972999999999999</v>
      </c>
      <c r="C2699" t="str">
        <f>'CPT Data'!P2707</f>
        <v>SAND</v>
      </c>
      <c r="D2699" t="e">
        <f>'CPT Data'!Q2707</f>
        <v>#N/A</v>
      </c>
      <c r="E2699" t="e">
        <f t="shared" si="42"/>
        <v>#N/A</v>
      </c>
      <c r="F2699" t="str">
        <f>IF(C2699="CLAY", INDEX(D$4:D2699, MATCH("CLAY", C$4:C2699, 0)), "")</f>
        <v/>
      </c>
    </row>
    <row r="2700" spans="1:6" x14ac:dyDescent="0.2">
      <c r="A2700" s="239">
        <f>'CPT Data'!B2708</f>
        <v>26.989000000000001</v>
      </c>
      <c r="B2700" s="3">
        <f>'CPT Data'!C2708</f>
        <v>26.981999999999999</v>
      </c>
      <c r="C2700" t="str">
        <f>'CPT Data'!P2708</f>
        <v>SAND</v>
      </c>
      <c r="D2700" t="e">
        <f>'CPT Data'!Q2708</f>
        <v>#N/A</v>
      </c>
      <c r="E2700" t="e">
        <f t="shared" si="42"/>
        <v>#N/A</v>
      </c>
      <c r="F2700" t="str">
        <f>IF(C2700="CLAY", INDEX(D$4:D2700, MATCH("CLAY", C$4:C2700, 0)), "")</f>
        <v/>
      </c>
    </row>
    <row r="2701" spans="1:6" x14ac:dyDescent="0.2">
      <c r="A2701" s="239">
        <f>'CPT Data'!B2709</f>
        <v>27</v>
      </c>
      <c r="B2701" s="3">
        <f>'CPT Data'!C2709</f>
        <v>26.992999999999999</v>
      </c>
      <c r="C2701" t="str">
        <f>'CPT Data'!P2709</f>
        <v>SAND</v>
      </c>
      <c r="D2701" t="e">
        <f>'CPT Data'!Q2709</f>
        <v>#N/A</v>
      </c>
      <c r="E2701" t="e">
        <f t="shared" si="42"/>
        <v>#N/A</v>
      </c>
      <c r="F2701" t="str">
        <f>IF(C2701="CLAY", INDEX(D$4:D2701, MATCH("CLAY", C$4:C2701, 0)), "")</f>
        <v/>
      </c>
    </row>
    <row r="2702" spans="1:6" x14ac:dyDescent="0.2">
      <c r="A2702" s="239">
        <f>'CPT Data'!B2710</f>
        <v>27.009</v>
      </c>
      <c r="B2702" s="3">
        <f>'CPT Data'!C2710</f>
        <v>27.001999999999999</v>
      </c>
      <c r="C2702" t="str">
        <f>'CPT Data'!P2710</f>
        <v>SAND</v>
      </c>
      <c r="D2702" t="e">
        <f>'CPT Data'!Q2710</f>
        <v>#N/A</v>
      </c>
      <c r="E2702" t="e">
        <f t="shared" si="42"/>
        <v>#N/A</v>
      </c>
      <c r="F2702" t="str">
        <f>IF(C2702="CLAY", INDEX(D$4:D2702, MATCH("CLAY", C$4:C2702, 0)), "")</f>
        <v/>
      </c>
    </row>
    <row r="2703" spans="1:6" x14ac:dyDescent="0.2">
      <c r="A2703" s="239">
        <f>'CPT Data'!B2711</f>
        <v>27.018999999999998</v>
      </c>
      <c r="B2703" s="3">
        <f>'CPT Data'!C2711</f>
        <v>27.011999999999997</v>
      </c>
      <c r="C2703" t="str">
        <f>'CPT Data'!P2711</f>
        <v>SAND</v>
      </c>
      <c r="D2703" t="e">
        <f>'CPT Data'!Q2711</f>
        <v>#N/A</v>
      </c>
      <c r="E2703" t="e">
        <f t="shared" si="42"/>
        <v>#N/A</v>
      </c>
      <c r="F2703" t="str">
        <f>IF(C2703="CLAY", INDEX(D$4:D2703, MATCH("CLAY", C$4:C2703, 0)), "")</f>
        <v/>
      </c>
    </row>
    <row r="2704" spans="1:6" x14ac:dyDescent="0.2">
      <c r="A2704" s="239">
        <f>'CPT Data'!B2712</f>
        <v>27.03</v>
      </c>
      <c r="B2704" s="3">
        <f>'CPT Data'!C2712</f>
        <v>27.023</v>
      </c>
      <c r="C2704" t="str">
        <f>'CPT Data'!P2712</f>
        <v>SAND</v>
      </c>
      <c r="D2704" t="e">
        <f>'CPT Data'!Q2712</f>
        <v>#N/A</v>
      </c>
      <c r="E2704" t="e">
        <f t="shared" si="42"/>
        <v>#N/A</v>
      </c>
      <c r="F2704" t="str">
        <f>IF(C2704="CLAY", INDEX(D$4:D2704, MATCH("CLAY", C$4:C2704, 0)), "")</f>
        <v/>
      </c>
    </row>
    <row r="2705" spans="1:6" x14ac:dyDescent="0.2">
      <c r="A2705" s="239">
        <f>'CPT Data'!B2713</f>
        <v>27.04</v>
      </c>
      <c r="B2705" s="3">
        <f>'CPT Data'!C2713</f>
        <v>27.032999999999998</v>
      </c>
      <c r="C2705" t="str">
        <f>'CPT Data'!P2713</f>
        <v>SAND</v>
      </c>
      <c r="D2705" t="e">
        <f>'CPT Data'!Q2713</f>
        <v>#N/A</v>
      </c>
      <c r="E2705" t="e">
        <f t="shared" si="42"/>
        <v>#N/A</v>
      </c>
      <c r="F2705" t="str">
        <f>IF(C2705="CLAY", INDEX(D$4:D2705, MATCH("CLAY", C$4:C2705, 0)), "")</f>
        <v/>
      </c>
    </row>
    <row r="2706" spans="1:6" x14ac:dyDescent="0.2">
      <c r="A2706" s="239">
        <f>'CPT Data'!B2714</f>
        <v>27.048999999999999</v>
      </c>
      <c r="B2706" s="3">
        <f>'CPT Data'!C2714</f>
        <v>27.041999999999998</v>
      </c>
      <c r="C2706" t="str">
        <f>'CPT Data'!P2714</f>
        <v>SAND</v>
      </c>
      <c r="D2706" t="e">
        <f>'CPT Data'!Q2714</f>
        <v>#N/A</v>
      </c>
      <c r="E2706" t="e">
        <f t="shared" si="42"/>
        <v>#N/A</v>
      </c>
      <c r="F2706" t="str">
        <f>IF(C2706="CLAY", INDEX(D$4:D2706, MATCH("CLAY", C$4:C2706, 0)), "")</f>
        <v/>
      </c>
    </row>
    <row r="2707" spans="1:6" x14ac:dyDescent="0.2">
      <c r="A2707" s="239">
        <f>'CPT Data'!B2715</f>
        <v>27.059000000000001</v>
      </c>
      <c r="B2707" s="3">
        <f>'CPT Data'!C2715</f>
        <v>27.052</v>
      </c>
      <c r="C2707" t="str">
        <f>'CPT Data'!P2715</f>
        <v>SAND</v>
      </c>
      <c r="D2707" t="e">
        <f>'CPT Data'!Q2715</f>
        <v>#N/A</v>
      </c>
      <c r="E2707" t="e">
        <f t="shared" si="42"/>
        <v>#N/A</v>
      </c>
      <c r="F2707" t="str">
        <f>IF(C2707="CLAY", INDEX(D$4:D2707, MATCH("CLAY", C$4:C2707, 0)), "")</f>
        <v/>
      </c>
    </row>
    <row r="2708" spans="1:6" x14ac:dyDescent="0.2">
      <c r="A2708" s="239">
        <f>'CPT Data'!B2716</f>
        <v>27.068999999999999</v>
      </c>
      <c r="B2708" s="3">
        <f>'CPT Data'!C2716</f>
        <v>27.061999999999998</v>
      </c>
      <c r="C2708" t="str">
        <f>'CPT Data'!P2716</f>
        <v>SAND</v>
      </c>
      <c r="D2708" t="e">
        <f>'CPT Data'!Q2716</f>
        <v>#N/A</v>
      </c>
      <c r="E2708" t="e">
        <f t="shared" si="42"/>
        <v>#N/A</v>
      </c>
      <c r="F2708" t="str">
        <f>IF(C2708="CLAY", INDEX(D$4:D2708, MATCH("CLAY", C$4:C2708, 0)), "")</f>
        <v/>
      </c>
    </row>
    <row r="2709" spans="1:6" x14ac:dyDescent="0.2">
      <c r="A2709" s="239">
        <f>'CPT Data'!B2717</f>
        <v>27.079000000000001</v>
      </c>
      <c r="B2709" s="3">
        <f>'CPT Data'!C2717</f>
        <v>27.071999999999999</v>
      </c>
      <c r="C2709" t="str">
        <f>'CPT Data'!P2717</f>
        <v>SAND</v>
      </c>
      <c r="D2709" t="e">
        <f>'CPT Data'!Q2717</f>
        <v>#N/A</v>
      </c>
      <c r="E2709" t="e">
        <f t="shared" si="42"/>
        <v>#N/A</v>
      </c>
      <c r="F2709" t="str">
        <f>IF(C2709="CLAY", INDEX(D$4:D2709, MATCH("CLAY", C$4:C2709, 0)), "")</f>
        <v/>
      </c>
    </row>
    <row r="2710" spans="1:6" x14ac:dyDescent="0.2">
      <c r="A2710" s="239">
        <f>'CPT Data'!B2718</f>
        <v>27.09</v>
      </c>
      <c r="B2710" s="3">
        <f>'CPT Data'!C2718</f>
        <v>27.082999999999998</v>
      </c>
      <c r="C2710" t="str">
        <f>'CPT Data'!P2718</f>
        <v>SAND</v>
      </c>
      <c r="D2710" t="e">
        <f>'CPT Data'!Q2718</f>
        <v>#N/A</v>
      </c>
      <c r="E2710" t="e">
        <f t="shared" si="42"/>
        <v>#N/A</v>
      </c>
      <c r="F2710" t="str">
        <f>IF(C2710="CLAY", INDEX(D$4:D2710, MATCH("CLAY", C$4:C2710, 0)), "")</f>
        <v/>
      </c>
    </row>
    <row r="2711" spans="1:6" x14ac:dyDescent="0.2">
      <c r="A2711" s="239">
        <f>'CPT Data'!B2719</f>
        <v>27.1</v>
      </c>
      <c r="B2711" s="3">
        <f>'CPT Data'!C2719</f>
        <v>27.093</v>
      </c>
      <c r="C2711" t="str">
        <f>'CPT Data'!P2719</f>
        <v>SAND</v>
      </c>
      <c r="D2711" t="e">
        <f>'CPT Data'!Q2719</f>
        <v>#N/A</v>
      </c>
      <c r="E2711" t="e">
        <f t="shared" si="42"/>
        <v>#N/A</v>
      </c>
      <c r="F2711" t="str">
        <f>IF(C2711="CLAY", INDEX(D$4:D2711, MATCH("CLAY", C$4:C2711, 0)), "")</f>
        <v/>
      </c>
    </row>
    <row r="2712" spans="1:6" x14ac:dyDescent="0.2">
      <c r="A2712" s="239">
        <f>'CPT Data'!B2720</f>
        <v>27.111000000000001</v>
      </c>
      <c r="B2712" s="3">
        <f>'CPT Data'!C2720</f>
        <v>27.103999999999999</v>
      </c>
      <c r="C2712" t="str">
        <f>'CPT Data'!P2720</f>
        <v>SAND</v>
      </c>
      <c r="D2712" t="e">
        <f>'CPT Data'!Q2720</f>
        <v>#N/A</v>
      </c>
      <c r="E2712" t="e">
        <f t="shared" si="42"/>
        <v>#N/A</v>
      </c>
      <c r="F2712" t="str">
        <f>IF(C2712="CLAY", INDEX(D$4:D2712, MATCH("CLAY", C$4:C2712, 0)), "")</f>
        <v/>
      </c>
    </row>
    <row r="2713" spans="1:6" x14ac:dyDescent="0.2">
      <c r="A2713" s="239">
        <f>'CPT Data'!B2721</f>
        <v>27.122</v>
      </c>
      <c r="B2713" s="3">
        <f>'CPT Data'!C2721</f>
        <v>27.114999999999998</v>
      </c>
      <c r="C2713" t="str">
        <f>'CPT Data'!P2721</f>
        <v>SAND</v>
      </c>
      <c r="D2713" t="e">
        <f>'CPT Data'!Q2721</f>
        <v>#N/A</v>
      </c>
      <c r="E2713" t="e">
        <f t="shared" si="42"/>
        <v>#N/A</v>
      </c>
      <c r="F2713" t="str">
        <f>IF(C2713="CLAY", INDEX(D$4:D2713, MATCH("CLAY", C$4:C2713, 0)), "")</f>
        <v/>
      </c>
    </row>
    <row r="2714" spans="1:6" x14ac:dyDescent="0.2">
      <c r="A2714" s="239">
        <f>'CPT Data'!B2722</f>
        <v>27.131</v>
      </c>
      <c r="B2714" s="3">
        <f>'CPT Data'!C2722</f>
        <v>27.123999999999999</v>
      </c>
      <c r="C2714" t="str">
        <f>'CPT Data'!P2722</f>
        <v>SAND</v>
      </c>
      <c r="D2714" t="e">
        <f>'CPT Data'!Q2722</f>
        <v>#N/A</v>
      </c>
      <c r="E2714" t="e">
        <f t="shared" si="42"/>
        <v>#N/A</v>
      </c>
      <c r="F2714" t="str">
        <f>IF(C2714="CLAY", INDEX(D$4:D2714, MATCH("CLAY", C$4:C2714, 0)), "")</f>
        <v/>
      </c>
    </row>
    <row r="2715" spans="1:6" x14ac:dyDescent="0.2">
      <c r="A2715" s="239">
        <f>'CPT Data'!B2723</f>
        <v>27.143000000000001</v>
      </c>
      <c r="B2715" s="3">
        <f>'CPT Data'!C2723</f>
        <v>27.135999999999999</v>
      </c>
      <c r="C2715" t="str">
        <f>'CPT Data'!P2723</f>
        <v>SAND</v>
      </c>
      <c r="D2715" t="e">
        <f>'CPT Data'!Q2723</f>
        <v>#N/A</v>
      </c>
      <c r="E2715" t="e">
        <f t="shared" ref="E2715:E2778" si="43">IF(C2715="SAND",#N/A,IF(C2715=C2714,D2714,IF(C2715="CLAY",D2715,#N/A)))</f>
        <v>#N/A</v>
      </c>
      <c r="F2715" t="str">
        <f>IF(C2715="CLAY", INDEX(D$4:D2715, MATCH("CLAY", C$4:C2715, 0)), "")</f>
        <v/>
      </c>
    </row>
    <row r="2716" spans="1:6" x14ac:dyDescent="0.2">
      <c r="A2716" s="239">
        <f>'CPT Data'!B2724</f>
        <v>27.152000000000001</v>
      </c>
      <c r="B2716" s="3">
        <f>'CPT Data'!C2724</f>
        <v>27.145</v>
      </c>
      <c r="C2716" t="str">
        <f>'CPT Data'!P2724</f>
        <v>SAND</v>
      </c>
      <c r="D2716" t="e">
        <f>'CPT Data'!Q2724</f>
        <v>#N/A</v>
      </c>
      <c r="E2716" t="e">
        <f t="shared" si="43"/>
        <v>#N/A</v>
      </c>
      <c r="F2716" t="str">
        <f>IF(C2716="CLAY", INDEX(D$4:D2716, MATCH("CLAY", C$4:C2716, 0)), "")</f>
        <v/>
      </c>
    </row>
    <row r="2717" spans="1:6" x14ac:dyDescent="0.2">
      <c r="A2717" s="239">
        <f>'CPT Data'!B2725</f>
        <v>27.161999999999999</v>
      </c>
      <c r="B2717" s="3">
        <f>'CPT Data'!C2725</f>
        <v>27.154999999999998</v>
      </c>
      <c r="C2717" t="str">
        <f>'CPT Data'!P2725</f>
        <v>SAND</v>
      </c>
      <c r="D2717" t="e">
        <f>'CPT Data'!Q2725</f>
        <v>#N/A</v>
      </c>
      <c r="E2717" t="e">
        <f t="shared" si="43"/>
        <v>#N/A</v>
      </c>
      <c r="F2717" t="str">
        <f>IF(C2717="CLAY", INDEX(D$4:D2717, MATCH("CLAY", C$4:C2717, 0)), "")</f>
        <v/>
      </c>
    </row>
    <row r="2718" spans="1:6" x14ac:dyDescent="0.2">
      <c r="A2718" s="239">
        <f>'CPT Data'!B2726</f>
        <v>27.172000000000001</v>
      </c>
      <c r="B2718" s="3">
        <f>'CPT Data'!C2726</f>
        <v>27.164999999999999</v>
      </c>
      <c r="C2718" t="str">
        <f>'CPT Data'!P2726</f>
        <v>SAND</v>
      </c>
      <c r="D2718" t="e">
        <f>'CPT Data'!Q2726</f>
        <v>#N/A</v>
      </c>
      <c r="E2718" t="e">
        <f t="shared" si="43"/>
        <v>#N/A</v>
      </c>
      <c r="F2718" t="str">
        <f>IF(C2718="CLAY", INDEX(D$4:D2718, MATCH("CLAY", C$4:C2718, 0)), "")</f>
        <v/>
      </c>
    </row>
    <row r="2719" spans="1:6" x14ac:dyDescent="0.2">
      <c r="A2719" s="239">
        <f>'CPT Data'!B2727</f>
        <v>27.181000000000001</v>
      </c>
      <c r="B2719" s="3">
        <f>'CPT Data'!C2727</f>
        <v>27.173999999999999</v>
      </c>
      <c r="C2719" t="str">
        <f>'CPT Data'!P2727</f>
        <v>SAND</v>
      </c>
      <c r="D2719" t="e">
        <f>'CPT Data'!Q2727</f>
        <v>#N/A</v>
      </c>
      <c r="E2719" t="e">
        <f t="shared" si="43"/>
        <v>#N/A</v>
      </c>
      <c r="F2719" t="str">
        <f>IF(C2719="CLAY", INDEX(D$4:D2719, MATCH("CLAY", C$4:C2719, 0)), "")</f>
        <v/>
      </c>
    </row>
    <row r="2720" spans="1:6" x14ac:dyDescent="0.2">
      <c r="A2720" s="239">
        <f>'CPT Data'!B2728</f>
        <v>27.19</v>
      </c>
      <c r="B2720" s="3">
        <f>'CPT Data'!C2728</f>
        <v>27.183</v>
      </c>
      <c r="C2720" t="str">
        <f>'CPT Data'!P2728</f>
        <v>SAND</v>
      </c>
      <c r="D2720" t="e">
        <f>'CPT Data'!Q2728</f>
        <v>#N/A</v>
      </c>
      <c r="E2720" t="e">
        <f t="shared" si="43"/>
        <v>#N/A</v>
      </c>
      <c r="F2720" t="str">
        <f>IF(C2720="CLAY", INDEX(D$4:D2720, MATCH("CLAY", C$4:C2720, 0)), "")</f>
        <v/>
      </c>
    </row>
    <row r="2721" spans="1:6" x14ac:dyDescent="0.2">
      <c r="A2721" s="239">
        <f>'CPT Data'!B2729</f>
        <v>27.2</v>
      </c>
      <c r="B2721" s="3">
        <f>'CPT Data'!C2729</f>
        <v>27.192999999999998</v>
      </c>
      <c r="C2721" t="str">
        <f>'CPT Data'!P2729</f>
        <v>SAND</v>
      </c>
      <c r="D2721" t="e">
        <f>'CPT Data'!Q2729</f>
        <v>#N/A</v>
      </c>
      <c r="E2721" t="e">
        <f t="shared" si="43"/>
        <v>#N/A</v>
      </c>
      <c r="F2721" t="str">
        <f>IF(C2721="CLAY", INDEX(D$4:D2721, MATCH("CLAY", C$4:C2721, 0)), "")</f>
        <v/>
      </c>
    </row>
    <row r="2722" spans="1:6" x14ac:dyDescent="0.2">
      <c r="A2722" s="239">
        <f>'CPT Data'!B2730</f>
        <v>27.21</v>
      </c>
      <c r="B2722" s="3">
        <f>'CPT Data'!C2730</f>
        <v>27.202999999999999</v>
      </c>
      <c r="C2722" t="str">
        <f>'CPT Data'!P2730</f>
        <v>SAND</v>
      </c>
      <c r="D2722" t="e">
        <f>'CPT Data'!Q2730</f>
        <v>#N/A</v>
      </c>
      <c r="E2722" t="e">
        <f t="shared" si="43"/>
        <v>#N/A</v>
      </c>
      <c r="F2722" t="str">
        <f>IF(C2722="CLAY", INDEX(D$4:D2722, MATCH("CLAY", C$4:C2722, 0)), "")</f>
        <v/>
      </c>
    </row>
    <row r="2723" spans="1:6" x14ac:dyDescent="0.2">
      <c r="A2723" s="239">
        <f>'CPT Data'!B2731</f>
        <v>27.22</v>
      </c>
      <c r="B2723" s="3">
        <f>'CPT Data'!C2731</f>
        <v>27.212999999999997</v>
      </c>
      <c r="C2723" t="str">
        <f>'CPT Data'!P2731</f>
        <v>SAND</v>
      </c>
      <c r="D2723" t="e">
        <f>'CPT Data'!Q2731</f>
        <v>#N/A</v>
      </c>
      <c r="E2723" t="e">
        <f t="shared" si="43"/>
        <v>#N/A</v>
      </c>
      <c r="F2723" t="str">
        <f>IF(C2723="CLAY", INDEX(D$4:D2723, MATCH("CLAY", C$4:C2723, 0)), "")</f>
        <v/>
      </c>
    </row>
    <row r="2724" spans="1:6" x14ac:dyDescent="0.2">
      <c r="A2724" s="239">
        <f>'CPT Data'!B2732</f>
        <v>27.23</v>
      </c>
      <c r="B2724" s="3">
        <f>'CPT Data'!C2732</f>
        <v>27.222999999999999</v>
      </c>
      <c r="C2724" t="str">
        <f>'CPT Data'!P2732</f>
        <v>SAND</v>
      </c>
      <c r="D2724" t="e">
        <f>'CPT Data'!Q2732</f>
        <v>#N/A</v>
      </c>
      <c r="E2724" t="e">
        <f t="shared" si="43"/>
        <v>#N/A</v>
      </c>
      <c r="F2724" t="str">
        <f>IF(C2724="CLAY", INDEX(D$4:D2724, MATCH("CLAY", C$4:C2724, 0)), "")</f>
        <v/>
      </c>
    </row>
    <row r="2725" spans="1:6" x14ac:dyDescent="0.2">
      <c r="A2725" s="239">
        <f>'CPT Data'!B2733</f>
        <v>27.239000000000001</v>
      </c>
      <c r="B2725" s="3">
        <f>'CPT Data'!C2733</f>
        <v>27.231999999999999</v>
      </c>
      <c r="C2725" t="str">
        <f>'CPT Data'!P2733</f>
        <v>SAND</v>
      </c>
      <c r="D2725" t="e">
        <f>'CPT Data'!Q2733</f>
        <v>#N/A</v>
      </c>
      <c r="E2725" t="e">
        <f t="shared" si="43"/>
        <v>#N/A</v>
      </c>
      <c r="F2725" t="str">
        <f>IF(C2725="CLAY", INDEX(D$4:D2725, MATCH("CLAY", C$4:C2725, 0)), "")</f>
        <v/>
      </c>
    </row>
    <row r="2726" spans="1:6" x14ac:dyDescent="0.2">
      <c r="A2726" s="239">
        <f>'CPT Data'!B2734</f>
        <v>27.248999999999999</v>
      </c>
      <c r="B2726" s="3">
        <f>'CPT Data'!C2734</f>
        <v>27.241999999999997</v>
      </c>
      <c r="C2726" t="str">
        <f>'CPT Data'!P2734</f>
        <v>SAND</v>
      </c>
      <c r="D2726" t="e">
        <f>'CPT Data'!Q2734</f>
        <v>#N/A</v>
      </c>
      <c r="E2726" t="e">
        <f t="shared" si="43"/>
        <v>#N/A</v>
      </c>
      <c r="F2726" t="str">
        <f>IF(C2726="CLAY", INDEX(D$4:D2726, MATCH("CLAY", C$4:C2726, 0)), "")</f>
        <v/>
      </c>
    </row>
    <row r="2727" spans="1:6" x14ac:dyDescent="0.2">
      <c r="A2727" s="239">
        <f>'CPT Data'!B2735</f>
        <v>27.257999999999999</v>
      </c>
      <c r="B2727" s="3">
        <f>'CPT Data'!C2735</f>
        <v>27.250999999999998</v>
      </c>
      <c r="C2727" t="str">
        <f>'CPT Data'!P2735</f>
        <v>SAND</v>
      </c>
      <c r="D2727" t="e">
        <f>'CPT Data'!Q2735</f>
        <v>#N/A</v>
      </c>
      <c r="E2727" t="e">
        <f t="shared" si="43"/>
        <v>#N/A</v>
      </c>
      <c r="F2727" t="str">
        <f>IF(C2727="CLAY", INDEX(D$4:D2727, MATCH("CLAY", C$4:C2727, 0)), "")</f>
        <v/>
      </c>
    </row>
    <row r="2728" spans="1:6" x14ac:dyDescent="0.2">
      <c r="A2728" s="239">
        <f>'CPT Data'!B2736</f>
        <v>27.268000000000001</v>
      </c>
      <c r="B2728" s="3">
        <f>'CPT Data'!C2736</f>
        <v>27.260999999999999</v>
      </c>
      <c r="C2728" t="str">
        <f>'CPT Data'!P2736</f>
        <v>SAND</v>
      </c>
      <c r="D2728" t="e">
        <f>'CPT Data'!Q2736</f>
        <v>#N/A</v>
      </c>
      <c r="E2728" t="e">
        <f t="shared" si="43"/>
        <v>#N/A</v>
      </c>
      <c r="F2728" t="str">
        <f>IF(C2728="CLAY", INDEX(D$4:D2728, MATCH("CLAY", C$4:C2728, 0)), "")</f>
        <v/>
      </c>
    </row>
    <row r="2729" spans="1:6" x14ac:dyDescent="0.2">
      <c r="A2729" s="239">
        <f>'CPT Data'!B2737</f>
        <v>27.277999999999999</v>
      </c>
      <c r="B2729" s="3">
        <f>'CPT Data'!C2737</f>
        <v>27.270999999999997</v>
      </c>
      <c r="C2729" t="str">
        <f>'CPT Data'!P2737</f>
        <v>SAND</v>
      </c>
      <c r="D2729" t="e">
        <f>'CPT Data'!Q2737</f>
        <v>#N/A</v>
      </c>
      <c r="E2729" t="e">
        <f t="shared" si="43"/>
        <v>#N/A</v>
      </c>
      <c r="F2729" t="str">
        <f>IF(C2729="CLAY", INDEX(D$4:D2729, MATCH("CLAY", C$4:C2729, 0)), "")</f>
        <v/>
      </c>
    </row>
    <row r="2730" spans="1:6" x14ac:dyDescent="0.2">
      <c r="A2730" s="239">
        <f>'CPT Data'!B2738</f>
        <v>27.288</v>
      </c>
      <c r="B2730" s="3">
        <f>'CPT Data'!C2738</f>
        <v>27.280999999999999</v>
      </c>
      <c r="C2730" t="str">
        <f>'CPT Data'!P2738</f>
        <v>SAND</v>
      </c>
      <c r="D2730" t="e">
        <f>'CPT Data'!Q2738</f>
        <v>#N/A</v>
      </c>
      <c r="E2730" t="e">
        <f t="shared" si="43"/>
        <v>#N/A</v>
      </c>
      <c r="F2730" t="str">
        <f>IF(C2730="CLAY", INDEX(D$4:D2730, MATCH("CLAY", C$4:C2730, 0)), "")</f>
        <v/>
      </c>
    </row>
    <row r="2731" spans="1:6" x14ac:dyDescent="0.2">
      <c r="A2731" s="239">
        <f>'CPT Data'!B2739</f>
        <v>27.297999999999998</v>
      </c>
      <c r="B2731" s="3">
        <f>'CPT Data'!C2739</f>
        <v>27.290999999999997</v>
      </c>
      <c r="C2731" t="str">
        <f>'CPT Data'!P2739</f>
        <v>SAND</v>
      </c>
      <c r="D2731" t="e">
        <f>'CPT Data'!Q2739</f>
        <v>#N/A</v>
      </c>
      <c r="E2731" t="e">
        <f t="shared" si="43"/>
        <v>#N/A</v>
      </c>
      <c r="F2731" t="str">
        <f>IF(C2731="CLAY", INDEX(D$4:D2731, MATCH("CLAY", C$4:C2731, 0)), "")</f>
        <v/>
      </c>
    </row>
    <row r="2732" spans="1:6" x14ac:dyDescent="0.2">
      <c r="A2732" s="239">
        <f>'CPT Data'!B2740</f>
        <v>27.306000000000001</v>
      </c>
      <c r="B2732" s="3">
        <f>'CPT Data'!C2740</f>
        <v>27.298999999999999</v>
      </c>
      <c r="C2732" t="str">
        <f>'CPT Data'!P2740</f>
        <v>SAND</v>
      </c>
      <c r="D2732" t="e">
        <f>'CPT Data'!Q2740</f>
        <v>#N/A</v>
      </c>
      <c r="E2732" t="e">
        <f t="shared" si="43"/>
        <v>#N/A</v>
      </c>
      <c r="F2732" t="str">
        <f>IF(C2732="CLAY", INDEX(D$4:D2732, MATCH("CLAY", C$4:C2732, 0)), "")</f>
        <v/>
      </c>
    </row>
    <row r="2733" spans="1:6" x14ac:dyDescent="0.2">
      <c r="A2733" s="239">
        <f>'CPT Data'!B2741</f>
        <v>27.317</v>
      </c>
      <c r="B2733" s="3">
        <f>'CPT Data'!C2741</f>
        <v>27.31</v>
      </c>
      <c r="C2733" t="str">
        <f>'CPT Data'!P2741</f>
        <v>SAND</v>
      </c>
      <c r="D2733" t="e">
        <f>'CPT Data'!Q2741</f>
        <v>#N/A</v>
      </c>
      <c r="E2733" t="e">
        <f t="shared" si="43"/>
        <v>#N/A</v>
      </c>
      <c r="F2733" t="str">
        <f>IF(C2733="CLAY", INDEX(D$4:D2733, MATCH("CLAY", C$4:C2733, 0)), "")</f>
        <v/>
      </c>
    </row>
    <row r="2734" spans="1:6" x14ac:dyDescent="0.2">
      <c r="A2734" s="239">
        <f>'CPT Data'!B2742</f>
        <v>27.326000000000001</v>
      </c>
      <c r="B2734" s="3">
        <f>'CPT Data'!C2742</f>
        <v>27.318999999999999</v>
      </c>
      <c r="C2734" t="str">
        <f>'CPT Data'!P2742</f>
        <v>SAND</v>
      </c>
      <c r="D2734" t="e">
        <f>'CPT Data'!Q2742</f>
        <v>#N/A</v>
      </c>
      <c r="E2734" t="e">
        <f t="shared" si="43"/>
        <v>#N/A</v>
      </c>
      <c r="F2734" t="str">
        <f>IF(C2734="CLAY", INDEX(D$4:D2734, MATCH("CLAY", C$4:C2734, 0)), "")</f>
        <v/>
      </c>
    </row>
    <row r="2735" spans="1:6" x14ac:dyDescent="0.2">
      <c r="A2735" s="239">
        <f>'CPT Data'!B2743</f>
        <v>27.337</v>
      </c>
      <c r="B2735" s="3">
        <f>'CPT Data'!C2743</f>
        <v>27.33</v>
      </c>
      <c r="C2735" t="str">
        <f>'CPT Data'!P2743</f>
        <v>SAND</v>
      </c>
      <c r="D2735" t="e">
        <f>'CPT Data'!Q2743</f>
        <v>#N/A</v>
      </c>
      <c r="E2735" t="e">
        <f t="shared" si="43"/>
        <v>#N/A</v>
      </c>
      <c r="F2735" t="str">
        <f>IF(C2735="CLAY", INDEX(D$4:D2735, MATCH("CLAY", C$4:C2735, 0)), "")</f>
        <v/>
      </c>
    </row>
    <row r="2736" spans="1:6" x14ac:dyDescent="0.2">
      <c r="A2736" s="239">
        <f>'CPT Data'!B2744</f>
        <v>27.346</v>
      </c>
      <c r="B2736" s="3">
        <f>'CPT Data'!C2744</f>
        <v>27.338999999999999</v>
      </c>
      <c r="C2736" t="str">
        <f>'CPT Data'!P2744</f>
        <v>SAND</v>
      </c>
      <c r="D2736" t="e">
        <f>'CPT Data'!Q2744</f>
        <v>#N/A</v>
      </c>
      <c r="E2736" t="e">
        <f t="shared" si="43"/>
        <v>#N/A</v>
      </c>
      <c r="F2736" t="str">
        <f>IF(C2736="CLAY", INDEX(D$4:D2736, MATCH("CLAY", C$4:C2736, 0)), "")</f>
        <v/>
      </c>
    </row>
    <row r="2737" spans="1:6" x14ac:dyDescent="0.2">
      <c r="A2737" s="239">
        <f>'CPT Data'!B2745</f>
        <v>27.356000000000002</v>
      </c>
      <c r="B2737" s="3">
        <f>'CPT Data'!C2745</f>
        <v>27.349</v>
      </c>
      <c r="C2737" t="str">
        <f>'CPT Data'!P2745</f>
        <v>SAND</v>
      </c>
      <c r="D2737" t="e">
        <f>'CPT Data'!Q2745</f>
        <v>#N/A</v>
      </c>
      <c r="E2737" t="e">
        <f t="shared" si="43"/>
        <v>#N/A</v>
      </c>
      <c r="F2737" t="str">
        <f>IF(C2737="CLAY", INDEX(D$4:D2737, MATCH("CLAY", C$4:C2737, 0)), "")</f>
        <v/>
      </c>
    </row>
    <row r="2738" spans="1:6" x14ac:dyDescent="0.2">
      <c r="A2738" s="239">
        <f>'CPT Data'!B2746</f>
        <v>27.366</v>
      </c>
      <c r="B2738" s="3">
        <f>'CPT Data'!C2746</f>
        <v>27.358999999999998</v>
      </c>
      <c r="C2738" t="str">
        <f>'CPT Data'!P2746</f>
        <v>SAND</v>
      </c>
      <c r="D2738" t="e">
        <f>'CPT Data'!Q2746</f>
        <v>#N/A</v>
      </c>
      <c r="E2738" t="e">
        <f t="shared" si="43"/>
        <v>#N/A</v>
      </c>
      <c r="F2738" t="str">
        <f>IF(C2738="CLAY", INDEX(D$4:D2738, MATCH("CLAY", C$4:C2738, 0)), "")</f>
        <v/>
      </c>
    </row>
    <row r="2739" spans="1:6" x14ac:dyDescent="0.2">
      <c r="A2739" s="239">
        <f>'CPT Data'!B2747</f>
        <v>27.375</v>
      </c>
      <c r="B2739" s="3">
        <f>'CPT Data'!C2747</f>
        <v>27.367999999999999</v>
      </c>
      <c r="C2739" t="str">
        <f>'CPT Data'!P2747</f>
        <v>SAND</v>
      </c>
      <c r="D2739" t="e">
        <f>'CPT Data'!Q2747</f>
        <v>#N/A</v>
      </c>
      <c r="E2739" t="e">
        <f t="shared" si="43"/>
        <v>#N/A</v>
      </c>
      <c r="F2739" t="str">
        <f>IF(C2739="CLAY", INDEX(D$4:D2739, MATCH("CLAY", C$4:C2739, 0)), "")</f>
        <v/>
      </c>
    </row>
    <row r="2740" spans="1:6" x14ac:dyDescent="0.2">
      <c r="A2740" s="239">
        <f>'CPT Data'!B2748</f>
        <v>27.384</v>
      </c>
      <c r="B2740" s="3">
        <f>'CPT Data'!C2748</f>
        <v>27.376999999999999</v>
      </c>
      <c r="C2740" t="str">
        <f>'CPT Data'!P2748</f>
        <v>SAND</v>
      </c>
      <c r="D2740" t="e">
        <f>'CPT Data'!Q2748</f>
        <v>#N/A</v>
      </c>
      <c r="E2740" t="e">
        <f t="shared" si="43"/>
        <v>#N/A</v>
      </c>
      <c r="F2740" t="str">
        <f>IF(C2740="CLAY", INDEX(D$4:D2740, MATCH("CLAY", C$4:C2740, 0)), "")</f>
        <v/>
      </c>
    </row>
    <row r="2741" spans="1:6" x14ac:dyDescent="0.2">
      <c r="A2741" s="239">
        <f>'CPT Data'!B2749</f>
        <v>27.395</v>
      </c>
      <c r="B2741" s="3">
        <f>'CPT Data'!C2749</f>
        <v>27.387999999999998</v>
      </c>
      <c r="C2741" t="str">
        <f>'CPT Data'!P2749</f>
        <v>SAND</v>
      </c>
      <c r="D2741" t="e">
        <f>'CPT Data'!Q2749</f>
        <v>#N/A</v>
      </c>
      <c r="E2741" t="e">
        <f t="shared" si="43"/>
        <v>#N/A</v>
      </c>
      <c r="F2741" t="str">
        <f>IF(C2741="CLAY", INDEX(D$4:D2741, MATCH("CLAY", C$4:C2741, 0)), "")</f>
        <v/>
      </c>
    </row>
    <row r="2742" spans="1:6" x14ac:dyDescent="0.2">
      <c r="A2742" s="239">
        <f>'CPT Data'!B2750</f>
        <v>27.404</v>
      </c>
      <c r="B2742" s="3">
        <f>'CPT Data'!C2750</f>
        <v>27.396999999999998</v>
      </c>
      <c r="C2742" t="str">
        <f>'CPT Data'!P2750</f>
        <v>SAND</v>
      </c>
      <c r="D2742" t="e">
        <f>'CPT Data'!Q2750</f>
        <v>#N/A</v>
      </c>
      <c r="E2742" t="e">
        <f t="shared" si="43"/>
        <v>#N/A</v>
      </c>
      <c r="F2742" t="str">
        <f>IF(C2742="CLAY", INDEX(D$4:D2742, MATCH("CLAY", C$4:C2742, 0)), "")</f>
        <v/>
      </c>
    </row>
    <row r="2743" spans="1:6" x14ac:dyDescent="0.2">
      <c r="A2743" s="239">
        <f>'CPT Data'!B2751</f>
        <v>27.413</v>
      </c>
      <c r="B2743" s="3">
        <f>'CPT Data'!C2751</f>
        <v>27.405999999999999</v>
      </c>
      <c r="C2743" t="str">
        <f>'CPT Data'!P2751</f>
        <v>SAND</v>
      </c>
      <c r="D2743" t="e">
        <f>'CPT Data'!Q2751</f>
        <v>#N/A</v>
      </c>
      <c r="E2743" t="e">
        <f t="shared" si="43"/>
        <v>#N/A</v>
      </c>
      <c r="F2743" t="str">
        <f>IF(C2743="CLAY", INDEX(D$4:D2743, MATCH("CLAY", C$4:C2743, 0)), "")</f>
        <v/>
      </c>
    </row>
    <row r="2744" spans="1:6" x14ac:dyDescent="0.2">
      <c r="A2744" s="239">
        <f>'CPT Data'!B2752</f>
        <v>27.423999999999999</v>
      </c>
      <c r="B2744" s="3">
        <f>'CPT Data'!C2752</f>
        <v>27.416999999999998</v>
      </c>
      <c r="C2744" t="str">
        <f>'CPT Data'!P2752</f>
        <v>SAND</v>
      </c>
      <c r="D2744" t="e">
        <f>'CPT Data'!Q2752</f>
        <v>#N/A</v>
      </c>
      <c r="E2744" t="e">
        <f t="shared" si="43"/>
        <v>#N/A</v>
      </c>
      <c r="F2744" t="str">
        <f>IF(C2744="CLAY", INDEX(D$4:D2744, MATCH("CLAY", C$4:C2744, 0)), "")</f>
        <v/>
      </c>
    </row>
    <row r="2745" spans="1:6" x14ac:dyDescent="0.2">
      <c r="A2745" s="239">
        <f>'CPT Data'!B2753</f>
        <v>27.433</v>
      </c>
      <c r="B2745" s="3">
        <f>'CPT Data'!C2753</f>
        <v>27.425999999999998</v>
      </c>
      <c r="C2745" t="str">
        <f>'CPT Data'!P2753</f>
        <v>SAND</v>
      </c>
      <c r="D2745" t="e">
        <f>'CPT Data'!Q2753</f>
        <v>#N/A</v>
      </c>
      <c r="E2745" t="e">
        <f t="shared" si="43"/>
        <v>#N/A</v>
      </c>
      <c r="F2745" t="str">
        <f>IF(C2745="CLAY", INDEX(D$4:D2745, MATCH("CLAY", C$4:C2745, 0)), "")</f>
        <v/>
      </c>
    </row>
    <row r="2746" spans="1:6" x14ac:dyDescent="0.2">
      <c r="A2746" s="239">
        <f>'CPT Data'!B2754</f>
        <v>27.443000000000001</v>
      </c>
      <c r="B2746" s="3">
        <f>'CPT Data'!C2754</f>
        <v>27.436</v>
      </c>
      <c r="C2746" t="str">
        <f>'CPT Data'!P2754</f>
        <v>SAND</v>
      </c>
      <c r="D2746" t="e">
        <f>'CPT Data'!Q2754</f>
        <v>#N/A</v>
      </c>
      <c r="E2746" t="e">
        <f t="shared" si="43"/>
        <v>#N/A</v>
      </c>
      <c r="F2746" t="str">
        <f>IF(C2746="CLAY", INDEX(D$4:D2746, MATCH("CLAY", C$4:C2746, 0)), "")</f>
        <v/>
      </c>
    </row>
    <row r="2747" spans="1:6" x14ac:dyDescent="0.2">
      <c r="A2747" s="239">
        <f>'CPT Data'!B2755</f>
        <v>27.452000000000002</v>
      </c>
      <c r="B2747" s="3">
        <f>'CPT Data'!C2755</f>
        <v>27.445</v>
      </c>
      <c r="C2747" t="str">
        <f>'CPT Data'!P2755</f>
        <v>SAND</v>
      </c>
      <c r="D2747" t="e">
        <f>'CPT Data'!Q2755</f>
        <v>#N/A</v>
      </c>
      <c r="E2747" t="e">
        <f t="shared" si="43"/>
        <v>#N/A</v>
      </c>
      <c r="F2747" t="str">
        <f>IF(C2747="CLAY", INDEX(D$4:D2747, MATCH("CLAY", C$4:C2747, 0)), "")</f>
        <v/>
      </c>
    </row>
    <row r="2748" spans="1:6" x14ac:dyDescent="0.2">
      <c r="A2748" s="239">
        <f>'CPT Data'!B2756</f>
        <v>27.460999999999999</v>
      </c>
      <c r="B2748" s="3">
        <f>'CPT Data'!C2756</f>
        <v>27.453999999999997</v>
      </c>
      <c r="C2748" t="str">
        <f>'CPT Data'!P2756</f>
        <v>SAND</v>
      </c>
      <c r="D2748" t="e">
        <f>'CPT Data'!Q2756</f>
        <v>#N/A</v>
      </c>
      <c r="E2748" t="e">
        <f t="shared" si="43"/>
        <v>#N/A</v>
      </c>
      <c r="F2748" t="str">
        <f>IF(C2748="CLAY", INDEX(D$4:D2748, MATCH("CLAY", C$4:C2748, 0)), "")</f>
        <v/>
      </c>
    </row>
    <row r="2749" spans="1:6" x14ac:dyDescent="0.2">
      <c r="A2749" s="239">
        <f>'CPT Data'!B2757</f>
        <v>27.472000000000001</v>
      </c>
      <c r="B2749" s="3">
        <f>'CPT Data'!C2757</f>
        <v>27.465</v>
      </c>
      <c r="C2749" t="str">
        <f>'CPT Data'!P2757</f>
        <v>SAND</v>
      </c>
      <c r="D2749" t="e">
        <f>'CPT Data'!Q2757</f>
        <v>#N/A</v>
      </c>
      <c r="E2749" t="e">
        <f t="shared" si="43"/>
        <v>#N/A</v>
      </c>
      <c r="F2749" t="str">
        <f>IF(C2749="CLAY", INDEX(D$4:D2749, MATCH("CLAY", C$4:C2749, 0)), "")</f>
        <v/>
      </c>
    </row>
    <row r="2750" spans="1:6" x14ac:dyDescent="0.2">
      <c r="A2750" s="239">
        <f>'CPT Data'!B2758</f>
        <v>27.481000000000002</v>
      </c>
      <c r="B2750" s="3">
        <f>'CPT Data'!C2758</f>
        <v>27.474</v>
      </c>
      <c r="C2750" t="str">
        <f>'CPT Data'!P2758</f>
        <v>SAND</v>
      </c>
      <c r="D2750" t="e">
        <f>'CPT Data'!Q2758</f>
        <v>#N/A</v>
      </c>
      <c r="E2750" t="e">
        <f t="shared" si="43"/>
        <v>#N/A</v>
      </c>
      <c r="F2750" t="str">
        <f>IF(C2750="CLAY", INDEX(D$4:D2750, MATCH("CLAY", C$4:C2750, 0)), "")</f>
        <v/>
      </c>
    </row>
    <row r="2751" spans="1:6" x14ac:dyDescent="0.2">
      <c r="A2751" s="239">
        <f>'CPT Data'!B2759</f>
        <v>27.492000000000001</v>
      </c>
      <c r="B2751" s="3">
        <f>'CPT Data'!C2759</f>
        <v>27.484999999999999</v>
      </c>
      <c r="C2751" t="str">
        <f>'CPT Data'!P2759</f>
        <v>SAND</v>
      </c>
      <c r="D2751" t="e">
        <f>'CPT Data'!Q2759</f>
        <v>#N/A</v>
      </c>
      <c r="E2751" t="e">
        <f t="shared" si="43"/>
        <v>#N/A</v>
      </c>
      <c r="F2751" t="str">
        <f>IF(C2751="CLAY", INDEX(D$4:D2751, MATCH("CLAY", C$4:C2751, 0)), "")</f>
        <v/>
      </c>
    </row>
    <row r="2752" spans="1:6" x14ac:dyDescent="0.2">
      <c r="A2752" s="239">
        <f>'CPT Data'!B2760</f>
        <v>27.501000000000001</v>
      </c>
      <c r="B2752" s="3">
        <f>'CPT Data'!C2760</f>
        <v>27.494</v>
      </c>
      <c r="C2752" t="str">
        <f>'CPT Data'!P2760</f>
        <v>SAND</v>
      </c>
      <c r="D2752" t="e">
        <f>'CPT Data'!Q2760</f>
        <v>#N/A</v>
      </c>
      <c r="E2752" t="e">
        <f t="shared" si="43"/>
        <v>#N/A</v>
      </c>
      <c r="F2752" t="str">
        <f>IF(C2752="CLAY", INDEX(D$4:D2752, MATCH("CLAY", C$4:C2752, 0)), "")</f>
        <v/>
      </c>
    </row>
    <row r="2753" spans="1:6" x14ac:dyDescent="0.2">
      <c r="A2753" s="239">
        <f>'CPT Data'!B2761</f>
        <v>27.510999999999999</v>
      </c>
      <c r="B2753" s="3">
        <f>'CPT Data'!C2761</f>
        <v>27.503999999999998</v>
      </c>
      <c r="C2753" t="str">
        <f>'CPT Data'!P2761</f>
        <v>SAND</v>
      </c>
      <c r="D2753" t="e">
        <f>'CPT Data'!Q2761</f>
        <v>#N/A</v>
      </c>
      <c r="E2753" t="e">
        <f t="shared" si="43"/>
        <v>#N/A</v>
      </c>
      <c r="F2753" t="str">
        <f>IF(C2753="CLAY", INDEX(D$4:D2753, MATCH("CLAY", C$4:C2753, 0)), "")</f>
        <v/>
      </c>
    </row>
    <row r="2754" spans="1:6" x14ac:dyDescent="0.2">
      <c r="A2754" s="239">
        <f>'CPT Data'!B2762</f>
        <v>27.521000000000001</v>
      </c>
      <c r="B2754" s="3">
        <f>'CPT Data'!C2762</f>
        <v>27.513999999999999</v>
      </c>
      <c r="C2754" t="str">
        <f>'CPT Data'!P2762</f>
        <v>SAND</v>
      </c>
      <c r="D2754" t="e">
        <f>'CPT Data'!Q2762</f>
        <v>#N/A</v>
      </c>
      <c r="E2754" t="e">
        <f t="shared" si="43"/>
        <v>#N/A</v>
      </c>
      <c r="F2754" t="str">
        <f>IF(C2754="CLAY", INDEX(D$4:D2754, MATCH("CLAY", C$4:C2754, 0)), "")</f>
        <v/>
      </c>
    </row>
    <row r="2755" spans="1:6" x14ac:dyDescent="0.2">
      <c r="A2755" s="239">
        <f>'CPT Data'!B2763</f>
        <v>27.53</v>
      </c>
      <c r="B2755" s="3">
        <f>'CPT Data'!C2763</f>
        <v>27.523</v>
      </c>
      <c r="C2755" t="str">
        <f>'CPT Data'!P2763</f>
        <v>SAND</v>
      </c>
      <c r="D2755" t="e">
        <f>'CPT Data'!Q2763</f>
        <v>#N/A</v>
      </c>
      <c r="E2755" t="e">
        <f t="shared" si="43"/>
        <v>#N/A</v>
      </c>
      <c r="F2755" t="str">
        <f>IF(C2755="CLAY", INDEX(D$4:D2755, MATCH("CLAY", C$4:C2755, 0)), "")</f>
        <v/>
      </c>
    </row>
    <row r="2756" spans="1:6" x14ac:dyDescent="0.2">
      <c r="A2756" s="239">
        <f>'CPT Data'!B2764</f>
        <v>27.54</v>
      </c>
      <c r="B2756" s="3">
        <f>'CPT Data'!C2764</f>
        <v>27.532999999999998</v>
      </c>
      <c r="C2756" t="str">
        <f>'CPT Data'!P2764</f>
        <v>SAND</v>
      </c>
      <c r="D2756" t="e">
        <f>'CPT Data'!Q2764</f>
        <v>#N/A</v>
      </c>
      <c r="E2756" t="e">
        <f t="shared" si="43"/>
        <v>#N/A</v>
      </c>
      <c r="F2756" t="str">
        <f>IF(C2756="CLAY", INDEX(D$4:D2756, MATCH("CLAY", C$4:C2756, 0)), "")</f>
        <v/>
      </c>
    </row>
    <row r="2757" spans="1:6" x14ac:dyDescent="0.2">
      <c r="A2757" s="239">
        <f>'CPT Data'!B2765</f>
        <v>27.55</v>
      </c>
      <c r="B2757" s="3">
        <f>'CPT Data'!C2765</f>
        <v>27.542999999999999</v>
      </c>
      <c r="C2757" t="str">
        <f>'CPT Data'!P2765</f>
        <v>SAND</v>
      </c>
      <c r="D2757" t="e">
        <f>'CPT Data'!Q2765</f>
        <v>#N/A</v>
      </c>
      <c r="E2757" t="e">
        <f t="shared" si="43"/>
        <v>#N/A</v>
      </c>
      <c r="F2757" t="str">
        <f>IF(C2757="CLAY", INDEX(D$4:D2757, MATCH("CLAY", C$4:C2757, 0)), "")</f>
        <v/>
      </c>
    </row>
    <row r="2758" spans="1:6" x14ac:dyDescent="0.2">
      <c r="A2758" s="239">
        <f>'CPT Data'!B2766</f>
        <v>27.561</v>
      </c>
      <c r="B2758" s="3">
        <f>'CPT Data'!C2766</f>
        <v>27.553999999999998</v>
      </c>
      <c r="C2758" t="str">
        <f>'CPT Data'!P2766</f>
        <v>SAND</v>
      </c>
      <c r="D2758" t="e">
        <f>'CPT Data'!Q2766</f>
        <v>#N/A</v>
      </c>
      <c r="E2758" t="e">
        <f t="shared" si="43"/>
        <v>#N/A</v>
      </c>
      <c r="F2758" t="str">
        <f>IF(C2758="CLAY", INDEX(D$4:D2758, MATCH("CLAY", C$4:C2758, 0)), "")</f>
        <v/>
      </c>
    </row>
    <row r="2759" spans="1:6" x14ac:dyDescent="0.2">
      <c r="A2759" s="239">
        <f>'CPT Data'!B2767</f>
        <v>27.571000000000002</v>
      </c>
      <c r="B2759" s="3">
        <f>'CPT Data'!C2767</f>
        <v>27.564</v>
      </c>
      <c r="C2759" t="str">
        <f>'CPT Data'!P2767</f>
        <v>SAND</v>
      </c>
      <c r="D2759" t="e">
        <f>'CPT Data'!Q2767</f>
        <v>#N/A</v>
      </c>
      <c r="E2759" t="e">
        <f t="shared" si="43"/>
        <v>#N/A</v>
      </c>
      <c r="F2759" t="str">
        <f>IF(C2759="CLAY", INDEX(D$4:D2759, MATCH("CLAY", C$4:C2759, 0)), "")</f>
        <v/>
      </c>
    </row>
    <row r="2760" spans="1:6" x14ac:dyDescent="0.2">
      <c r="A2760" s="239">
        <f>'CPT Data'!B2768</f>
        <v>27.581</v>
      </c>
      <c r="B2760" s="3">
        <f>'CPT Data'!C2768</f>
        <v>27.573999999999998</v>
      </c>
      <c r="C2760" t="str">
        <f>'CPT Data'!P2768</f>
        <v>SAND</v>
      </c>
      <c r="D2760" t="e">
        <f>'CPT Data'!Q2768</f>
        <v>#N/A</v>
      </c>
      <c r="E2760" t="e">
        <f t="shared" si="43"/>
        <v>#N/A</v>
      </c>
      <c r="F2760" t="str">
        <f>IF(C2760="CLAY", INDEX(D$4:D2760, MATCH("CLAY", C$4:C2760, 0)), "")</f>
        <v/>
      </c>
    </row>
    <row r="2761" spans="1:6" x14ac:dyDescent="0.2">
      <c r="A2761" s="239">
        <f>'CPT Data'!B2769</f>
        <v>27.591000000000001</v>
      </c>
      <c r="B2761" s="3">
        <f>'CPT Data'!C2769</f>
        <v>27.584</v>
      </c>
      <c r="C2761" t="str">
        <f>'CPT Data'!P2769</f>
        <v>SAND</v>
      </c>
      <c r="D2761" t="e">
        <f>'CPT Data'!Q2769</f>
        <v>#N/A</v>
      </c>
      <c r="E2761" t="e">
        <f t="shared" si="43"/>
        <v>#N/A</v>
      </c>
      <c r="F2761" t="str">
        <f>IF(C2761="CLAY", INDEX(D$4:D2761, MATCH("CLAY", C$4:C2761, 0)), "")</f>
        <v/>
      </c>
    </row>
    <row r="2762" spans="1:6" x14ac:dyDescent="0.2">
      <c r="A2762" s="239">
        <f>'CPT Data'!B2770</f>
        <v>27.600999999999999</v>
      </c>
      <c r="B2762" s="3">
        <f>'CPT Data'!C2770</f>
        <v>27.593999999999998</v>
      </c>
      <c r="C2762" t="str">
        <f>'CPT Data'!P2770</f>
        <v>SAND</v>
      </c>
      <c r="D2762" t="e">
        <f>'CPT Data'!Q2770</f>
        <v>#N/A</v>
      </c>
      <c r="E2762" t="e">
        <f t="shared" si="43"/>
        <v>#N/A</v>
      </c>
      <c r="F2762" t="str">
        <f>IF(C2762="CLAY", INDEX(D$4:D2762, MATCH("CLAY", C$4:C2762, 0)), "")</f>
        <v/>
      </c>
    </row>
    <row r="2763" spans="1:6" x14ac:dyDescent="0.2">
      <c r="A2763" s="239">
        <f>'CPT Data'!B2771</f>
        <v>27.611000000000001</v>
      </c>
      <c r="B2763" s="3">
        <f>'CPT Data'!C2771</f>
        <v>27.603999999999999</v>
      </c>
      <c r="C2763" t="str">
        <f>'CPT Data'!P2771</f>
        <v>SAND</v>
      </c>
      <c r="D2763" t="e">
        <f>'CPT Data'!Q2771</f>
        <v>#N/A</v>
      </c>
      <c r="E2763" t="e">
        <f t="shared" si="43"/>
        <v>#N/A</v>
      </c>
      <c r="F2763" t="str">
        <f>IF(C2763="CLAY", INDEX(D$4:D2763, MATCH("CLAY", C$4:C2763, 0)), "")</f>
        <v/>
      </c>
    </row>
    <row r="2764" spans="1:6" x14ac:dyDescent="0.2">
      <c r="A2764" s="239">
        <f>'CPT Data'!B2772</f>
        <v>27.622</v>
      </c>
      <c r="B2764" s="3">
        <f>'CPT Data'!C2772</f>
        <v>27.614999999999998</v>
      </c>
      <c r="C2764" t="str">
        <f>'CPT Data'!P2772</f>
        <v>SAND</v>
      </c>
      <c r="D2764" t="e">
        <f>'CPT Data'!Q2772</f>
        <v>#N/A</v>
      </c>
      <c r="E2764" t="e">
        <f t="shared" si="43"/>
        <v>#N/A</v>
      </c>
      <c r="F2764" t="str">
        <f>IF(C2764="CLAY", INDEX(D$4:D2764, MATCH("CLAY", C$4:C2764, 0)), "")</f>
        <v/>
      </c>
    </row>
    <row r="2765" spans="1:6" x14ac:dyDescent="0.2">
      <c r="A2765" s="239">
        <f>'CPT Data'!B2773</f>
        <v>27.632999999999999</v>
      </c>
      <c r="B2765" s="3">
        <f>'CPT Data'!C2773</f>
        <v>27.625999999999998</v>
      </c>
      <c r="C2765" t="str">
        <f>'CPT Data'!P2773</f>
        <v>SAND</v>
      </c>
      <c r="D2765" t="e">
        <f>'CPT Data'!Q2773</f>
        <v>#N/A</v>
      </c>
      <c r="E2765" t="e">
        <f t="shared" si="43"/>
        <v>#N/A</v>
      </c>
      <c r="F2765" t="str">
        <f>IF(C2765="CLAY", INDEX(D$4:D2765, MATCH("CLAY", C$4:C2765, 0)), "")</f>
        <v/>
      </c>
    </row>
    <row r="2766" spans="1:6" x14ac:dyDescent="0.2">
      <c r="A2766" s="239">
        <f>'CPT Data'!B2774</f>
        <v>27.641999999999999</v>
      </c>
      <c r="B2766" s="3">
        <f>'CPT Data'!C2774</f>
        <v>27.634999999999998</v>
      </c>
      <c r="C2766" t="str">
        <f>'CPT Data'!P2774</f>
        <v>SAND</v>
      </c>
      <c r="D2766" t="e">
        <f>'CPT Data'!Q2774</f>
        <v>#N/A</v>
      </c>
      <c r="E2766" t="e">
        <f t="shared" si="43"/>
        <v>#N/A</v>
      </c>
      <c r="F2766" t="str">
        <f>IF(C2766="CLAY", INDEX(D$4:D2766, MATCH("CLAY", C$4:C2766, 0)), "")</f>
        <v/>
      </c>
    </row>
    <row r="2767" spans="1:6" x14ac:dyDescent="0.2">
      <c r="A2767" s="239">
        <f>'CPT Data'!B2775</f>
        <v>27.652999999999999</v>
      </c>
      <c r="B2767" s="3">
        <f>'CPT Data'!C2775</f>
        <v>27.645999999999997</v>
      </c>
      <c r="C2767" t="str">
        <f>'CPT Data'!P2775</f>
        <v>SAND</v>
      </c>
      <c r="D2767" t="e">
        <f>'CPT Data'!Q2775</f>
        <v>#N/A</v>
      </c>
      <c r="E2767" t="e">
        <f t="shared" si="43"/>
        <v>#N/A</v>
      </c>
      <c r="F2767" t="str">
        <f>IF(C2767="CLAY", INDEX(D$4:D2767, MATCH("CLAY", C$4:C2767, 0)), "")</f>
        <v/>
      </c>
    </row>
    <row r="2768" spans="1:6" x14ac:dyDescent="0.2">
      <c r="A2768" s="239">
        <f>'CPT Data'!B2776</f>
        <v>27.663</v>
      </c>
      <c r="B2768" s="3">
        <f>'CPT Data'!C2776</f>
        <v>27.655999999999999</v>
      </c>
      <c r="C2768" t="str">
        <f>'CPT Data'!P2776</f>
        <v>SAND</v>
      </c>
      <c r="D2768" t="e">
        <f>'CPT Data'!Q2776</f>
        <v>#N/A</v>
      </c>
      <c r="E2768" t="e">
        <f t="shared" si="43"/>
        <v>#N/A</v>
      </c>
      <c r="F2768" t="str">
        <f>IF(C2768="CLAY", INDEX(D$4:D2768, MATCH("CLAY", C$4:C2768, 0)), "")</f>
        <v/>
      </c>
    </row>
    <row r="2769" spans="1:6" x14ac:dyDescent="0.2">
      <c r="A2769" s="239">
        <f>'CPT Data'!B2777</f>
        <v>27.673999999999999</v>
      </c>
      <c r="B2769" s="3">
        <f>'CPT Data'!C2777</f>
        <v>27.666999999999998</v>
      </c>
      <c r="C2769" t="str">
        <f>'CPT Data'!P2777</f>
        <v>SAND</v>
      </c>
      <c r="D2769" t="e">
        <f>'CPT Data'!Q2777</f>
        <v>#N/A</v>
      </c>
      <c r="E2769" t="e">
        <f t="shared" si="43"/>
        <v>#N/A</v>
      </c>
      <c r="F2769" t="str">
        <f>IF(C2769="CLAY", INDEX(D$4:D2769, MATCH("CLAY", C$4:C2769, 0)), "")</f>
        <v/>
      </c>
    </row>
    <row r="2770" spans="1:6" x14ac:dyDescent="0.2">
      <c r="A2770" s="239">
        <f>'CPT Data'!B2778</f>
        <v>27.684000000000001</v>
      </c>
      <c r="B2770" s="3">
        <f>'CPT Data'!C2778</f>
        <v>27.677</v>
      </c>
      <c r="C2770" t="str">
        <f>'CPT Data'!P2778</f>
        <v>SAND</v>
      </c>
      <c r="D2770" t="e">
        <f>'CPT Data'!Q2778</f>
        <v>#N/A</v>
      </c>
      <c r="E2770" t="e">
        <f t="shared" si="43"/>
        <v>#N/A</v>
      </c>
      <c r="F2770" t="str">
        <f>IF(C2770="CLAY", INDEX(D$4:D2770, MATCH("CLAY", C$4:C2770, 0)), "")</f>
        <v/>
      </c>
    </row>
    <row r="2771" spans="1:6" x14ac:dyDescent="0.2">
      <c r="A2771" s="239">
        <f>'CPT Data'!B2779</f>
        <v>27.693999999999999</v>
      </c>
      <c r="B2771" s="3">
        <f>'CPT Data'!C2779</f>
        <v>27.686999999999998</v>
      </c>
      <c r="C2771" t="str">
        <f>'CPT Data'!P2779</f>
        <v>SAND</v>
      </c>
      <c r="D2771" t="e">
        <f>'CPT Data'!Q2779</f>
        <v>#N/A</v>
      </c>
      <c r="E2771" t="e">
        <f t="shared" si="43"/>
        <v>#N/A</v>
      </c>
      <c r="F2771" t="str">
        <f>IF(C2771="CLAY", INDEX(D$4:D2771, MATCH("CLAY", C$4:C2771, 0)), "")</f>
        <v/>
      </c>
    </row>
    <row r="2772" spans="1:6" x14ac:dyDescent="0.2">
      <c r="A2772" s="239">
        <f>'CPT Data'!B2780</f>
        <v>27.704999999999998</v>
      </c>
      <c r="B2772" s="3">
        <f>'CPT Data'!C2780</f>
        <v>27.697999999999997</v>
      </c>
      <c r="C2772" t="str">
        <f>'CPT Data'!P2780</f>
        <v>SAND</v>
      </c>
      <c r="D2772" t="e">
        <f>'CPT Data'!Q2780</f>
        <v>#N/A</v>
      </c>
      <c r="E2772" t="e">
        <f t="shared" si="43"/>
        <v>#N/A</v>
      </c>
      <c r="F2772" t="str">
        <f>IF(C2772="CLAY", INDEX(D$4:D2772, MATCH("CLAY", C$4:C2772, 0)), "")</f>
        <v/>
      </c>
    </row>
    <row r="2773" spans="1:6" x14ac:dyDescent="0.2">
      <c r="A2773" s="239">
        <f>'CPT Data'!B2781</f>
        <v>27.713999999999999</v>
      </c>
      <c r="B2773" s="3">
        <f>'CPT Data'!C2781</f>
        <v>27.706999999999997</v>
      </c>
      <c r="C2773" t="str">
        <f>'CPT Data'!P2781</f>
        <v>SAND</v>
      </c>
      <c r="D2773" t="e">
        <f>'CPT Data'!Q2781</f>
        <v>#N/A</v>
      </c>
      <c r="E2773" t="e">
        <f t="shared" si="43"/>
        <v>#N/A</v>
      </c>
      <c r="F2773" t="str">
        <f>IF(C2773="CLAY", INDEX(D$4:D2773, MATCH("CLAY", C$4:C2773, 0)), "")</f>
        <v/>
      </c>
    </row>
    <row r="2774" spans="1:6" x14ac:dyDescent="0.2">
      <c r="A2774" s="239">
        <f>'CPT Data'!B2782</f>
        <v>27.725000000000001</v>
      </c>
      <c r="B2774" s="3">
        <f>'CPT Data'!C2782</f>
        <v>27.718</v>
      </c>
      <c r="C2774" t="str">
        <f>'CPT Data'!P2782</f>
        <v>SAND</v>
      </c>
      <c r="D2774" t="e">
        <f>'CPT Data'!Q2782</f>
        <v>#N/A</v>
      </c>
      <c r="E2774" t="e">
        <f t="shared" si="43"/>
        <v>#N/A</v>
      </c>
      <c r="F2774" t="str">
        <f>IF(C2774="CLAY", INDEX(D$4:D2774, MATCH("CLAY", C$4:C2774, 0)), "")</f>
        <v/>
      </c>
    </row>
    <row r="2775" spans="1:6" x14ac:dyDescent="0.2">
      <c r="A2775" s="239">
        <f>'CPT Data'!B2783</f>
        <v>27.734999999999999</v>
      </c>
      <c r="B2775" s="3">
        <f>'CPT Data'!C2783</f>
        <v>27.727999999999998</v>
      </c>
      <c r="C2775" t="str">
        <f>'CPT Data'!P2783</f>
        <v>SAND</v>
      </c>
      <c r="D2775" t="e">
        <f>'CPT Data'!Q2783</f>
        <v>#N/A</v>
      </c>
      <c r="E2775" t="e">
        <f t="shared" si="43"/>
        <v>#N/A</v>
      </c>
      <c r="F2775" t="str">
        <f>IF(C2775="CLAY", INDEX(D$4:D2775, MATCH("CLAY", C$4:C2775, 0)), "")</f>
        <v/>
      </c>
    </row>
    <row r="2776" spans="1:6" x14ac:dyDescent="0.2">
      <c r="A2776" s="239">
        <f>'CPT Data'!B2784</f>
        <v>27.744</v>
      </c>
      <c r="B2776" s="3">
        <f>'CPT Data'!C2784</f>
        <v>27.736999999999998</v>
      </c>
      <c r="C2776" t="str">
        <f>'CPT Data'!P2784</f>
        <v>SAND</v>
      </c>
      <c r="D2776" t="e">
        <f>'CPT Data'!Q2784</f>
        <v>#N/A</v>
      </c>
      <c r="E2776" t="e">
        <f t="shared" si="43"/>
        <v>#N/A</v>
      </c>
      <c r="F2776" t="str">
        <f>IF(C2776="CLAY", INDEX(D$4:D2776, MATCH("CLAY", C$4:C2776, 0)), "")</f>
        <v/>
      </c>
    </row>
    <row r="2777" spans="1:6" x14ac:dyDescent="0.2">
      <c r="A2777" s="239">
        <f>'CPT Data'!B2785</f>
        <v>27.754999999999999</v>
      </c>
      <c r="B2777" s="3">
        <f>'CPT Data'!C2785</f>
        <v>27.747999999999998</v>
      </c>
      <c r="C2777" t="str">
        <f>'CPT Data'!P2785</f>
        <v>SAND</v>
      </c>
      <c r="D2777" t="e">
        <f>'CPT Data'!Q2785</f>
        <v>#N/A</v>
      </c>
      <c r="E2777" t="e">
        <f t="shared" si="43"/>
        <v>#N/A</v>
      </c>
      <c r="F2777" t="str">
        <f>IF(C2777="CLAY", INDEX(D$4:D2777, MATCH("CLAY", C$4:C2777, 0)), "")</f>
        <v/>
      </c>
    </row>
    <row r="2778" spans="1:6" x14ac:dyDescent="0.2">
      <c r="A2778" s="239">
        <f>'CPT Data'!B2786</f>
        <v>27.765000000000001</v>
      </c>
      <c r="B2778" s="3">
        <f>'CPT Data'!C2786</f>
        <v>27.757999999999999</v>
      </c>
      <c r="C2778" t="str">
        <f>'CPT Data'!P2786</f>
        <v>SAND</v>
      </c>
      <c r="D2778" t="e">
        <f>'CPT Data'!Q2786</f>
        <v>#N/A</v>
      </c>
      <c r="E2778" t="e">
        <f t="shared" si="43"/>
        <v>#N/A</v>
      </c>
      <c r="F2778" t="str">
        <f>IF(C2778="CLAY", INDEX(D$4:D2778, MATCH("CLAY", C$4:C2778, 0)), "")</f>
        <v/>
      </c>
    </row>
    <row r="2779" spans="1:6" x14ac:dyDescent="0.2">
      <c r="A2779" s="239">
        <f>'CPT Data'!B2787</f>
        <v>27.776</v>
      </c>
      <c r="B2779" s="3">
        <f>'CPT Data'!C2787</f>
        <v>27.768999999999998</v>
      </c>
      <c r="C2779" t="str">
        <f>'CPT Data'!P2787</f>
        <v>SAND</v>
      </c>
      <c r="D2779" t="e">
        <f>'CPT Data'!Q2787</f>
        <v>#N/A</v>
      </c>
      <c r="E2779" t="e">
        <f t="shared" ref="E2779:E2842" si="44">IF(C2779="SAND",#N/A,IF(C2779=C2778,D2778,IF(C2779="CLAY",D2779,#N/A)))</f>
        <v>#N/A</v>
      </c>
      <c r="F2779" t="str">
        <f>IF(C2779="CLAY", INDEX(D$4:D2779, MATCH("CLAY", C$4:C2779, 0)), "")</f>
        <v/>
      </c>
    </row>
    <row r="2780" spans="1:6" x14ac:dyDescent="0.2">
      <c r="A2780" s="239">
        <f>'CPT Data'!B2788</f>
        <v>27.786000000000001</v>
      </c>
      <c r="B2780" s="3">
        <f>'CPT Data'!C2788</f>
        <v>27.779</v>
      </c>
      <c r="C2780" t="str">
        <f>'CPT Data'!P2788</f>
        <v>SAND</v>
      </c>
      <c r="D2780" t="e">
        <f>'CPT Data'!Q2788</f>
        <v>#N/A</v>
      </c>
      <c r="E2780" t="e">
        <f t="shared" si="44"/>
        <v>#N/A</v>
      </c>
      <c r="F2780" t="str">
        <f>IF(C2780="CLAY", INDEX(D$4:D2780, MATCH("CLAY", C$4:C2780, 0)), "")</f>
        <v/>
      </c>
    </row>
    <row r="2781" spans="1:6" x14ac:dyDescent="0.2">
      <c r="A2781" s="239">
        <f>'CPT Data'!B2789</f>
        <v>27.795999999999999</v>
      </c>
      <c r="B2781" s="3">
        <f>'CPT Data'!C2789</f>
        <v>27.788999999999998</v>
      </c>
      <c r="C2781" t="str">
        <f>'CPT Data'!P2789</f>
        <v>SAND</v>
      </c>
      <c r="D2781" t="e">
        <f>'CPT Data'!Q2789</f>
        <v>#N/A</v>
      </c>
      <c r="E2781" t="e">
        <f t="shared" si="44"/>
        <v>#N/A</v>
      </c>
      <c r="F2781" t="str">
        <f>IF(C2781="CLAY", INDEX(D$4:D2781, MATCH("CLAY", C$4:C2781, 0)), "")</f>
        <v/>
      </c>
    </row>
    <row r="2782" spans="1:6" x14ac:dyDescent="0.2">
      <c r="A2782" s="239">
        <f>'CPT Data'!B2790</f>
        <v>27.806000000000001</v>
      </c>
      <c r="B2782" s="3">
        <f>'CPT Data'!C2790</f>
        <v>27.798999999999999</v>
      </c>
      <c r="C2782" t="str">
        <f>'CPT Data'!P2790</f>
        <v>SAND</v>
      </c>
      <c r="D2782" t="e">
        <f>'CPT Data'!Q2790</f>
        <v>#N/A</v>
      </c>
      <c r="E2782" t="e">
        <f t="shared" si="44"/>
        <v>#N/A</v>
      </c>
      <c r="F2782" t="str">
        <f>IF(C2782="CLAY", INDEX(D$4:D2782, MATCH("CLAY", C$4:C2782, 0)), "")</f>
        <v/>
      </c>
    </row>
    <row r="2783" spans="1:6" x14ac:dyDescent="0.2">
      <c r="A2783" s="239">
        <f>'CPT Data'!B2791</f>
        <v>27.817</v>
      </c>
      <c r="B2783" s="3">
        <f>'CPT Data'!C2791</f>
        <v>27.81</v>
      </c>
      <c r="C2783" t="str">
        <f>'CPT Data'!P2791</f>
        <v>SAND</v>
      </c>
      <c r="D2783" t="e">
        <f>'CPT Data'!Q2791</f>
        <v>#N/A</v>
      </c>
      <c r="E2783" t="e">
        <f t="shared" si="44"/>
        <v>#N/A</v>
      </c>
      <c r="F2783" t="str">
        <f>IF(C2783="CLAY", INDEX(D$4:D2783, MATCH("CLAY", C$4:C2783, 0)), "")</f>
        <v/>
      </c>
    </row>
    <row r="2784" spans="1:6" x14ac:dyDescent="0.2">
      <c r="A2784" s="239">
        <f>'CPT Data'!B2792</f>
        <v>27.826000000000001</v>
      </c>
      <c r="B2784" s="3">
        <f>'CPT Data'!C2792</f>
        <v>27.818999999999999</v>
      </c>
      <c r="C2784" t="str">
        <f>'CPT Data'!P2792</f>
        <v>SAND</v>
      </c>
      <c r="D2784" t="e">
        <f>'CPT Data'!Q2792</f>
        <v>#N/A</v>
      </c>
      <c r="E2784" t="e">
        <f t="shared" si="44"/>
        <v>#N/A</v>
      </c>
      <c r="F2784" t="str">
        <f>IF(C2784="CLAY", INDEX(D$4:D2784, MATCH("CLAY", C$4:C2784, 0)), "")</f>
        <v/>
      </c>
    </row>
    <row r="2785" spans="1:6" x14ac:dyDescent="0.2">
      <c r="A2785" s="239">
        <f>'CPT Data'!B2793</f>
        <v>27.835999999999999</v>
      </c>
      <c r="B2785" s="3">
        <f>'CPT Data'!C2793</f>
        <v>27.828999999999997</v>
      </c>
      <c r="C2785" t="str">
        <f>'CPT Data'!P2793</f>
        <v>SAND</v>
      </c>
      <c r="D2785" t="e">
        <f>'CPT Data'!Q2793</f>
        <v>#N/A</v>
      </c>
      <c r="E2785" t="e">
        <f t="shared" si="44"/>
        <v>#N/A</v>
      </c>
      <c r="F2785" t="str">
        <f>IF(C2785="CLAY", INDEX(D$4:D2785, MATCH("CLAY", C$4:C2785, 0)), "")</f>
        <v/>
      </c>
    </row>
    <row r="2786" spans="1:6" x14ac:dyDescent="0.2">
      <c r="A2786" s="239">
        <f>'CPT Data'!B2794</f>
        <v>27.847000000000001</v>
      </c>
      <c r="B2786" s="3">
        <f>'CPT Data'!C2794</f>
        <v>27.84</v>
      </c>
      <c r="C2786" t="str">
        <f>'CPT Data'!P2794</f>
        <v>SAND</v>
      </c>
      <c r="D2786" t="e">
        <f>'CPT Data'!Q2794</f>
        <v>#N/A</v>
      </c>
      <c r="E2786" t="e">
        <f t="shared" si="44"/>
        <v>#N/A</v>
      </c>
      <c r="F2786" t="str">
        <f>IF(C2786="CLAY", INDEX(D$4:D2786, MATCH("CLAY", C$4:C2786, 0)), "")</f>
        <v/>
      </c>
    </row>
    <row r="2787" spans="1:6" x14ac:dyDescent="0.2">
      <c r="A2787" s="239">
        <f>'CPT Data'!B2795</f>
        <v>27.856000000000002</v>
      </c>
      <c r="B2787" s="3">
        <f>'CPT Data'!C2795</f>
        <v>27.849</v>
      </c>
      <c r="C2787" t="str">
        <f>'CPT Data'!P2795</f>
        <v>SAND</v>
      </c>
      <c r="D2787" t="e">
        <f>'CPT Data'!Q2795</f>
        <v>#N/A</v>
      </c>
      <c r="E2787" t="e">
        <f t="shared" si="44"/>
        <v>#N/A</v>
      </c>
      <c r="F2787" t="str">
        <f>IF(C2787="CLAY", INDEX(D$4:D2787, MATCH("CLAY", C$4:C2787, 0)), "")</f>
        <v/>
      </c>
    </row>
    <row r="2788" spans="1:6" x14ac:dyDescent="0.2">
      <c r="A2788" s="239">
        <f>'CPT Data'!B2796</f>
        <v>27.867000000000001</v>
      </c>
      <c r="B2788" s="3">
        <f>'CPT Data'!C2796</f>
        <v>27.86</v>
      </c>
      <c r="C2788" t="str">
        <f>'CPT Data'!P2796</f>
        <v>SAND</v>
      </c>
      <c r="D2788" t="e">
        <f>'CPT Data'!Q2796</f>
        <v>#N/A</v>
      </c>
      <c r="E2788" t="e">
        <f t="shared" si="44"/>
        <v>#N/A</v>
      </c>
      <c r="F2788" t="str">
        <f>IF(C2788="CLAY", INDEX(D$4:D2788, MATCH("CLAY", C$4:C2788, 0)), "")</f>
        <v/>
      </c>
    </row>
    <row r="2789" spans="1:6" x14ac:dyDescent="0.2">
      <c r="A2789" s="239">
        <f>'CPT Data'!B2797</f>
        <v>27.876000000000001</v>
      </c>
      <c r="B2789" s="3">
        <f>'CPT Data'!C2797</f>
        <v>27.869</v>
      </c>
      <c r="C2789" t="str">
        <f>'CPT Data'!P2797</f>
        <v>SAND</v>
      </c>
      <c r="D2789" t="e">
        <f>'CPT Data'!Q2797</f>
        <v>#N/A</v>
      </c>
      <c r="E2789" t="e">
        <f t="shared" si="44"/>
        <v>#N/A</v>
      </c>
      <c r="F2789" t="str">
        <f>IF(C2789="CLAY", INDEX(D$4:D2789, MATCH("CLAY", C$4:C2789, 0)), "")</f>
        <v/>
      </c>
    </row>
    <row r="2790" spans="1:6" x14ac:dyDescent="0.2">
      <c r="A2790" s="239">
        <f>'CPT Data'!B2798</f>
        <v>27.887</v>
      </c>
      <c r="B2790" s="3">
        <f>'CPT Data'!C2798</f>
        <v>27.88</v>
      </c>
      <c r="C2790" t="str">
        <f>'CPT Data'!P2798</f>
        <v>SAND</v>
      </c>
      <c r="D2790" t="e">
        <f>'CPT Data'!Q2798</f>
        <v>#N/A</v>
      </c>
      <c r="E2790" t="e">
        <f t="shared" si="44"/>
        <v>#N/A</v>
      </c>
      <c r="F2790" t="str">
        <f>IF(C2790="CLAY", INDEX(D$4:D2790, MATCH("CLAY", C$4:C2790, 0)), "")</f>
        <v/>
      </c>
    </row>
    <row r="2791" spans="1:6" x14ac:dyDescent="0.2">
      <c r="A2791" s="239">
        <f>'CPT Data'!B2799</f>
        <v>27.896999999999998</v>
      </c>
      <c r="B2791" s="3">
        <f>'CPT Data'!C2799</f>
        <v>27.889999999999997</v>
      </c>
      <c r="C2791" t="str">
        <f>'CPT Data'!P2799</f>
        <v>SAND</v>
      </c>
      <c r="D2791" t="e">
        <f>'CPT Data'!Q2799</f>
        <v>#N/A</v>
      </c>
      <c r="E2791" t="e">
        <f t="shared" si="44"/>
        <v>#N/A</v>
      </c>
      <c r="F2791" t="str">
        <f>IF(C2791="CLAY", INDEX(D$4:D2791, MATCH("CLAY", C$4:C2791, 0)), "")</f>
        <v/>
      </c>
    </row>
    <row r="2792" spans="1:6" x14ac:dyDescent="0.2">
      <c r="A2792" s="239">
        <f>'CPT Data'!B2800</f>
        <v>27.907</v>
      </c>
      <c r="B2792" s="3">
        <f>'CPT Data'!C2800</f>
        <v>27.9</v>
      </c>
      <c r="C2792" t="str">
        <f>'CPT Data'!P2800</f>
        <v>SAND</v>
      </c>
      <c r="D2792" t="e">
        <f>'CPT Data'!Q2800</f>
        <v>#N/A</v>
      </c>
      <c r="E2792" t="e">
        <f t="shared" si="44"/>
        <v>#N/A</v>
      </c>
      <c r="F2792" t="str">
        <f>IF(C2792="CLAY", INDEX(D$4:D2792, MATCH("CLAY", C$4:C2792, 0)), "")</f>
        <v/>
      </c>
    </row>
    <row r="2793" spans="1:6" x14ac:dyDescent="0.2">
      <c r="A2793" s="239">
        <f>'CPT Data'!B2801</f>
        <v>27.917999999999999</v>
      </c>
      <c r="B2793" s="3">
        <f>'CPT Data'!C2801</f>
        <v>27.910999999999998</v>
      </c>
      <c r="C2793" t="str">
        <f>'CPT Data'!P2801</f>
        <v>SAND</v>
      </c>
      <c r="D2793" t="e">
        <f>'CPT Data'!Q2801</f>
        <v>#N/A</v>
      </c>
      <c r="E2793" t="e">
        <f t="shared" si="44"/>
        <v>#N/A</v>
      </c>
      <c r="F2793" t="str">
        <f>IF(C2793="CLAY", INDEX(D$4:D2793, MATCH("CLAY", C$4:C2793, 0)), "")</f>
        <v/>
      </c>
    </row>
    <row r="2794" spans="1:6" x14ac:dyDescent="0.2">
      <c r="A2794" s="239">
        <f>'CPT Data'!B2802</f>
        <v>27.928000000000001</v>
      </c>
      <c r="B2794" s="3">
        <f>'CPT Data'!C2802</f>
        <v>27.920999999999999</v>
      </c>
      <c r="C2794" t="str">
        <f>'CPT Data'!P2802</f>
        <v>SAND</v>
      </c>
      <c r="D2794" t="e">
        <f>'CPT Data'!Q2802</f>
        <v>#N/A</v>
      </c>
      <c r="E2794" t="e">
        <f t="shared" si="44"/>
        <v>#N/A</v>
      </c>
      <c r="F2794" t="str">
        <f>IF(C2794="CLAY", INDEX(D$4:D2794, MATCH("CLAY", C$4:C2794, 0)), "")</f>
        <v/>
      </c>
    </row>
    <row r="2795" spans="1:6" x14ac:dyDescent="0.2">
      <c r="A2795" s="239">
        <f>'CPT Data'!B2803</f>
        <v>27.937999999999999</v>
      </c>
      <c r="B2795" s="3">
        <f>'CPT Data'!C2803</f>
        <v>27.930999999999997</v>
      </c>
      <c r="C2795" t="str">
        <f>'CPT Data'!P2803</f>
        <v>SAND</v>
      </c>
      <c r="D2795" t="e">
        <f>'CPT Data'!Q2803</f>
        <v>#N/A</v>
      </c>
      <c r="E2795" t="e">
        <f t="shared" si="44"/>
        <v>#N/A</v>
      </c>
      <c r="F2795" t="str">
        <f>IF(C2795="CLAY", INDEX(D$4:D2795, MATCH("CLAY", C$4:C2795, 0)), "")</f>
        <v/>
      </c>
    </row>
    <row r="2796" spans="1:6" x14ac:dyDescent="0.2">
      <c r="A2796" s="239">
        <f>'CPT Data'!B2804</f>
        <v>27.946999999999999</v>
      </c>
      <c r="B2796" s="3">
        <f>'CPT Data'!C2804</f>
        <v>27.939999999999998</v>
      </c>
      <c r="C2796" t="str">
        <f>'CPT Data'!P2804</f>
        <v>SAND</v>
      </c>
      <c r="D2796" t="e">
        <f>'CPT Data'!Q2804</f>
        <v>#N/A</v>
      </c>
      <c r="E2796" t="e">
        <f t="shared" si="44"/>
        <v>#N/A</v>
      </c>
      <c r="F2796" t="str">
        <f>IF(C2796="CLAY", INDEX(D$4:D2796, MATCH("CLAY", C$4:C2796, 0)), "")</f>
        <v/>
      </c>
    </row>
    <row r="2797" spans="1:6" x14ac:dyDescent="0.2">
      <c r="A2797" s="239">
        <f>'CPT Data'!B2805</f>
        <v>27.959</v>
      </c>
      <c r="B2797" s="3">
        <f>'CPT Data'!C2805</f>
        <v>27.951999999999998</v>
      </c>
      <c r="C2797" t="str">
        <f>'CPT Data'!P2805</f>
        <v>SAND</v>
      </c>
      <c r="D2797" t="e">
        <f>'CPT Data'!Q2805</f>
        <v>#N/A</v>
      </c>
      <c r="E2797" t="e">
        <f t="shared" si="44"/>
        <v>#N/A</v>
      </c>
      <c r="F2797" t="str">
        <f>IF(C2797="CLAY", INDEX(D$4:D2797, MATCH("CLAY", C$4:C2797, 0)), "")</f>
        <v/>
      </c>
    </row>
    <row r="2798" spans="1:6" x14ac:dyDescent="0.2">
      <c r="A2798" s="239">
        <f>'CPT Data'!B2806</f>
        <v>27.969000000000001</v>
      </c>
      <c r="B2798" s="3">
        <f>'CPT Data'!C2806</f>
        <v>27.962</v>
      </c>
      <c r="C2798" t="str">
        <f>'CPT Data'!P2806</f>
        <v>SAND</v>
      </c>
      <c r="D2798" t="e">
        <f>'CPT Data'!Q2806</f>
        <v>#N/A</v>
      </c>
      <c r="E2798" t="e">
        <f t="shared" si="44"/>
        <v>#N/A</v>
      </c>
      <c r="F2798" t="str">
        <f>IF(C2798="CLAY", INDEX(D$4:D2798, MATCH("CLAY", C$4:C2798, 0)), "")</f>
        <v/>
      </c>
    </row>
    <row r="2799" spans="1:6" x14ac:dyDescent="0.2">
      <c r="A2799" s="239">
        <f>'CPT Data'!B2807</f>
        <v>27.978000000000002</v>
      </c>
      <c r="B2799" s="3">
        <f>'CPT Data'!C2807</f>
        <v>27.971</v>
      </c>
      <c r="C2799" t="str">
        <f>'CPT Data'!P2807</f>
        <v>SAND</v>
      </c>
      <c r="D2799" t="e">
        <f>'CPT Data'!Q2807</f>
        <v>#N/A</v>
      </c>
      <c r="E2799" t="e">
        <f t="shared" si="44"/>
        <v>#N/A</v>
      </c>
      <c r="F2799" t="str">
        <f>IF(C2799="CLAY", INDEX(D$4:D2799, MATCH("CLAY", C$4:C2799, 0)), "")</f>
        <v/>
      </c>
    </row>
    <row r="2800" spans="1:6" x14ac:dyDescent="0.2">
      <c r="A2800" s="239">
        <f>'CPT Data'!B2808</f>
        <v>27.99</v>
      </c>
      <c r="B2800" s="3">
        <f>'CPT Data'!C2808</f>
        <v>27.982999999999997</v>
      </c>
      <c r="C2800" t="str">
        <f>'CPT Data'!P2808</f>
        <v>SAND</v>
      </c>
      <c r="D2800" t="e">
        <f>'CPT Data'!Q2808</f>
        <v>#N/A</v>
      </c>
      <c r="E2800" t="e">
        <f t="shared" si="44"/>
        <v>#N/A</v>
      </c>
      <c r="F2800" t="str">
        <f>IF(C2800="CLAY", INDEX(D$4:D2800, MATCH("CLAY", C$4:C2800, 0)), "")</f>
        <v/>
      </c>
    </row>
    <row r="2801" spans="1:6" x14ac:dyDescent="0.2">
      <c r="A2801" s="239">
        <f>'CPT Data'!B2809</f>
        <v>27.998999999999999</v>
      </c>
      <c r="B2801" s="3">
        <f>'CPT Data'!C2809</f>
        <v>27.991999999999997</v>
      </c>
      <c r="C2801" t="str">
        <f>'CPT Data'!P2809</f>
        <v>SAND</v>
      </c>
      <c r="D2801" t="e">
        <f>'CPT Data'!Q2809</f>
        <v>#N/A</v>
      </c>
      <c r="E2801" t="e">
        <f t="shared" si="44"/>
        <v>#N/A</v>
      </c>
      <c r="F2801" t="str">
        <f>IF(C2801="CLAY", INDEX(D$4:D2801, MATCH("CLAY", C$4:C2801, 0)), "")</f>
        <v/>
      </c>
    </row>
    <row r="2802" spans="1:6" x14ac:dyDescent="0.2">
      <c r="A2802" s="239">
        <f>'CPT Data'!B2810</f>
        <v>28.01</v>
      </c>
      <c r="B2802" s="3">
        <f>'CPT Data'!C2810</f>
        <v>28.003</v>
      </c>
      <c r="C2802" t="str">
        <f>'CPT Data'!P2810</f>
        <v>SAND</v>
      </c>
      <c r="D2802" t="e">
        <f>'CPT Data'!Q2810</f>
        <v>#N/A</v>
      </c>
      <c r="E2802" t="e">
        <f t="shared" si="44"/>
        <v>#N/A</v>
      </c>
      <c r="F2802" t="str">
        <f>IF(C2802="CLAY", INDEX(D$4:D2802, MATCH("CLAY", C$4:C2802, 0)), "")</f>
        <v/>
      </c>
    </row>
    <row r="2803" spans="1:6" x14ac:dyDescent="0.2">
      <c r="A2803" s="239">
        <f>'CPT Data'!B2811</f>
        <v>28.021000000000001</v>
      </c>
      <c r="B2803" s="3">
        <f>'CPT Data'!C2811</f>
        <v>28.013999999999999</v>
      </c>
      <c r="C2803" t="str">
        <f>'CPT Data'!P2811</f>
        <v>SAND</v>
      </c>
      <c r="D2803" t="e">
        <f>'CPT Data'!Q2811</f>
        <v>#N/A</v>
      </c>
      <c r="E2803" t="e">
        <f t="shared" si="44"/>
        <v>#N/A</v>
      </c>
      <c r="F2803" t="str">
        <f>IF(C2803="CLAY", INDEX(D$4:D2803, MATCH("CLAY", C$4:C2803, 0)), "")</f>
        <v/>
      </c>
    </row>
    <row r="2804" spans="1:6" x14ac:dyDescent="0.2">
      <c r="A2804" s="239">
        <f>'CPT Data'!B2812</f>
        <v>28.030999999999999</v>
      </c>
      <c r="B2804" s="3">
        <f>'CPT Data'!C2812</f>
        <v>28.023999999999997</v>
      </c>
      <c r="C2804" t="str">
        <f>'CPT Data'!P2812</f>
        <v>SAND</v>
      </c>
      <c r="D2804" t="e">
        <f>'CPT Data'!Q2812</f>
        <v>#N/A</v>
      </c>
      <c r="E2804" t="e">
        <f t="shared" si="44"/>
        <v>#N/A</v>
      </c>
      <c r="F2804" t="str">
        <f>IF(C2804="CLAY", INDEX(D$4:D2804, MATCH("CLAY", C$4:C2804, 0)), "")</f>
        <v/>
      </c>
    </row>
    <row r="2805" spans="1:6" x14ac:dyDescent="0.2">
      <c r="A2805" s="239">
        <f>'CPT Data'!B2813</f>
        <v>28.041</v>
      </c>
      <c r="B2805" s="3">
        <f>'CPT Data'!C2813</f>
        <v>28.033999999999999</v>
      </c>
      <c r="C2805" t="str">
        <f>'CPT Data'!P2813</f>
        <v>SAND</v>
      </c>
      <c r="D2805" t="e">
        <f>'CPT Data'!Q2813</f>
        <v>#N/A</v>
      </c>
      <c r="E2805" t="e">
        <f t="shared" si="44"/>
        <v>#N/A</v>
      </c>
      <c r="F2805" t="str">
        <f>IF(C2805="CLAY", INDEX(D$4:D2805, MATCH("CLAY", C$4:C2805, 0)), "")</f>
        <v/>
      </c>
    </row>
    <row r="2806" spans="1:6" x14ac:dyDescent="0.2">
      <c r="A2806" s="239">
        <f>'CPT Data'!B2814</f>
        <v>28.05</v>
      </c>
      <c r="B2806" s="3">
        <f>'CPT Data'!C2814</f>
        <v>28.042999999999999</v>
      </c>
      <c r="C2806" t="str">
        <f>'CPT Data'!P2814</f>
        <v>SAND</v>
      </c>
      <c r="D2806" t="e">
        <f>'CPT Data'!Q2814</f>
        <v>#N/A</v>
      </c>
      <c r="E2806" t="e">
        <f t="shared" si="44"/>
        <v>#N/A</v>
      </c>
      <c r="F2806" t="str">
        <f>IF(C2806="CLAY", INDEX(D$4:D2806, MATCH("CLAY", C$4:C2806, 0)), "")</f>
        <v/>
      </c>
    </row>
    <row r="2807" spans="1:6" x14ac:dyDescent="0.2">
      <c r="A2807" s="239">
        <f>'CPT Data'!B2815</f>
        <v>28.062000000000001</v>
      </c>
      <c r="B2807" s="3">
        <f>'CPT Data'!C2815</f>
        <v>28.055</v>
      </c>
      <c r="C2807" t="str">
        <f>'CPT Data'!P2815</f>
        <v>SAND</v>
      </c>
      <c r="D2807" t="e">
        <f>'CPT Data'!Q2815</f>
        <v>#N/A</v>
      </c>
      <c r="E2807" t="e">
        <f t="shared" si="44"/>
        <v>#N/A</v>
      </c>
      <c r="F2807" t="str">
        <f>IF(C2807="CLAY", INDEX(D$4:D2807, MATCH("CLAY", C$4:C2807, 0)), "")</f>
        <v/>
      </c>
    </row>
    <row r="2808" spans="1:6" x14ac:dyDescent="0.2">
      <c r="A2808" s="239">
        <f>'CPT Data'!B2816</f>
        <v>28.071999999999999</v>
      </c>
      <c r="B2808" s="3">
        <f>'CPT Data'!C2816</f>
        <v>28.064999999999998</v>
      </c>
      <c r="C2808" t="str">
        <f>'CPT Data'!P2816</f>
        <v>SAND</v>
      </c>
      <c r="D2808" t="e">
        <f>'CPT Data'!Q2816</f>
        <v>#N/A</v>
      </c>
      <c r="E2808" t="e">
        <f t="shared" si="44"/>
        <v>#N/A</v>
      </c>
      <c r="F2808" t="str">
        <f>IF(C2808="CLAY", INDEX(D$4:D2808, MATCH("CLAY", C$4:C2808, 0)), "")</f>
        <v/>
      </c>
    </row>
    <row r="2809" spans="1:6" x14ac:dyDescent="0.2">
      <c r="A2809" s="239">
        <f>'CPT Data'!B2817</f>
        <v>28.082000000000001</v>
      </c>
      <c r="B2809" s="3">
        <f>'CPT Data'!C2817</f>
        <v>28.074999999999999</v>
      </c>
      <c r="C2809" t="str">
        <f>'CPT Data'!P2817</f>
        <v>SAND</v>
      </c>
      <c r="D2809" t="e">
        <f>'CPT Data'!Q2817</f>
        <v>#N/A</v>
      </c>
      <c r="E2809" t="e">
        <f t="shared" si="44"/>
        <v>#N/A</v>
      </c>
      <c r="F2809" t="str">
        <f>IF(C2809="CLAY", INDEX(D$4:D2809, MATCH("CLAY", C$4:C2809, 0)), "")</f>
        <v/>
      </c>
    </row>
    <row r="2810" spans="1:6" x14ac:dyDescent="0.2">
      <c r="A2810" s="239">
        <f>'CPT Data'!B2818</f>
        <v>28.093</v>
      </c>
      <c r="B2810" s="3">
        <f>'CPT Data'!C2818</f>
        <v>28.085999999999999</v>
      </c>
      <c r="C2810" t="str">
        <f>'CPT Data'!P2818</f>
        <v>SAND</v>
      </c>
      <c r="D2810" t="e">
        <f>'CPT Data'!Q2818</f>
        <v>#N/A</v>
      </c>
      <c r="E2810" t="e">
        <f t="shared" si="44"/>
        <v>#N/A</v>
      </c>
      <c r="F2810" t="str">
        <f>IF(C2810="CLAY", INDEX(D$4:D2810, MATCH("CLAY", C$4:C2810, 0)), "")</f>
        <v/>
      </c>
    </row>
    <row r="2811" spans="1:6" x14ac:dyDescent="0.2">
      <c r="A2811" s="239">
        <f>'CPT Data'!B2819</f>
        <v>28.102</v>
      </c>
      <c r="B2811" s="3">
        <f>'CPT Data'!C2819</f>
        <v>28.094999999999999</v>
      </c>
      <c r="C2811" t="str">
        <f>'CPT Data'!P2819</f>
        <v>SAND</v>
      </c>
      <c r="D2811" t="e">
        <f>'CPT Data'!Q2819</f>
        <v>#N/A</v>
      </c>
      <c r="E2811" t="e">
        <f t="shared" si="44"/>
        <v>#N/A</v>
      </c>
      <c r="F2811" t="str">
        <f>IF(C2811="CLAY", INDEX(D$4:D2811, MATCH("CLAY", C$4:C2811, 0)), "")</f>
        <v/>
      </c>
    </row>
    <row r="2812" spans="1:6" x14ac:dyDescent="0.2">
      <c r="A2812" s="239">
        <f>'CPT Data'!B2820</f>
        <v>28.113</v>
      </c>
      <c r="B2812" s="3">
        <f>'CPT Data'!C2820</f>
        <v>28.105999999999998</v>
      </c>
      <c r="C2812" t="str">
        <f>'CPT Data'!P2820</f>
        <v>SAND</v>
      </c>
      <c r="D2812" t="e">
        <f>'CPT Data'!Q2820</f>
        <v>#N/A</v>
      </c>
      <c r="E2812" t="e">
        <f t="shared" si="44"/>
        <v>#N/A</v>
      </c>
      <c r="F2812" t="str">
        <f>IF(C2812="CLAY", INDEX(D$4:D2812, MATCH("CLAY", C$4:C2812, 0)), "")</f>
        <v/>
      </c>
    </row>
    <row r="2813" spans="1:6" x14ac:dyDescent="0.2">
      <c r="A2813" s="239">
        <f>'CPT Data'!B2821</f>
        <v>28.123000000000001</v>
      </c>
      <c r="B2813" s="3">
        <f>'CPT Data'!C2821</f>
        <v>28.116</v>
      </c>
      <c r="C2813" t="str">
        <f>'CPT Data'!P2821</f>
        <v>SAND</v>
      </c>
      <c r="D2813" t="e">
        <f>'CPT Data'!Q2821</f>
        <v>#N/A</v>
      </c>
      <c r="E2813" t="e">
        <f t="shared" si="44"/>
        <v>#N/A</v>
      </c>
      <c r="F2813" t="str">
        <f>IF(C2813="CLAY", INDEX(D$4:D2813, MATCH("CLAY", C$4:C2813, 0)), "")</f>
        <v/>
      </c>
    </row>
    <row r="2814" spans="1:6" x14ac:dyDescent="0.2">
      <c r="A2814" s="239">
        <f>'CPT Data'!B2822</f>
        <v>28.135000000000002</v>
      </c>
      <c r="B2814" s="3">
        <f>'CPT Data'!C2822</f>
        <v>28.128</v>
      </c>
      <c r="C2814" t="str">
        <f>'CPT Data'!P2822</f>
        <v>SAND</v>
      </c>
      <c r="D2814" t="e">
        <f>'CPT Data'!Q2822</f>
        <v>#N/A</v>
      </c>
      <c r="E2814" t="e">
        <f t="shared" si="44"/>
        <v>#N/A</v>
      </c>
      <c r="F2814" t="str">
        <f>IF(C2814="CLAY", INDEX(D$4:D2814, MATCH("CLAY", C$4:C2814, 0)), "")</f>
        <v/>
      </c>
    </row>
    <row r="2815" spans="1:6" x14ac:dyDescent="0.2">
      <c r="A2815" s="239">
        <f>'CPT Data'!B2823</f>
        <v>28.143999999999998</v>
      </c>
      <c r="B2815" s="3">
        <f>'CPT Data'!C2823</f>
        <v>28.136999999999997</v>
      </c>
      <c r="C2815" t="str">
        <f>'CPT Data'!P2823</f>
        <v>SAND</v>
      </c>
      <c r="D2815" t="e">
        <f>'CPT Data'!Q2823</f>
        <v>#N/A</v>
      </c>
      <c r="E2815" t="e">
        <f t="shared" si="44"/>
        <v>#N/A</v>
      </c>
      <c r="F2815" t="str">
        <f>IF(C2815="CLAY", INDEX(D$4:D2815, MATCH("CLAY", C$4:C2815, 0)), "")</f>
        <v/>
      </c>
    </row>
    <row r="2816" spans="1:6" x14ac:dyDescent="0.2">
      <c r="A2816" s="239">
        <f>'CPT Data'!B2824</f>
        <v>28.154</v>
      </c>
      <c r="B2816" s="3">
        <f>'CPT Data'!C2824</f>
        <v>28.146999999999998</v>
      </c>
      <c r="C2816" t="str">
        <f>'CPT Data'!P2824</f>
        <v>SAND</v>
      </c>
      <c r="D2816" t="e">
        <f>'CPT Data'!Q2824</f>
        <v>#N/A</v>
      </c>
      <c r="E2816" t="e">
        <f t="shared" si="44"/>
        <v>#N/A</v>
      </c>
      <c r="F2816" t="str">
        <f>IF(C2816="CLAY", INDEX(D$4:D2816, MATCH("CLAY", C$4:C2816, 0)), "")</f>
        <v/>
      </c>
    </row>
    <row r="2817" spans="1:6" x14ac:dyDescent="0.2">
      <c r="A2817" s="239">
        <f>'CPT Data'!B2825</f>
        <v>28.164999999999999</v>
      </c>
      <c r="B2817" s="3">
        <f>'CPT Data'!C2825</f>
        <v>28.157999999999998</v>
      </c>
      <c r="C2817" t="str">
        <f>'CPT Data'!P2825</f>
        <v>SAND</v>
      </c>
      <c r="D2817" t="e">
        <f>'CPT Data'!Q2825</f>
        <v>#N/A</v>
      </c>
      <c r="E2817" t="e">
        <f t="shared" si="44"/>
        <v>#N/A</v>
      </c>
      <c r="F2817" t="str">
        <f>IF(C2817="CLAY", INDEX(D$4:D2817, MATCH("CLAY", C$4:C2817, 0)), "")</f>
        <v/>
      </c>
    </row>
    <row r="2818" spans="1:6" x14ac:dyDescent="0.2">
      <c r="A2818" s="239">
        <f>'CPT Data'!B2826</f>
        <v>28.175000000000001</v>
      </c>
      <c r="B2818" s="3">
        <f>'CPT Data'!C2826</f>
        <v>28.167999999999999</v>
      </c>
      <c r="C2818" t="str">
        <f>'CPT Data'!P2826</f>
        <v>SAND</v>
      </c>
      <c r="D2818" t="e">
        <f>'CPT Data'!Q2826</f>
        <v>#N/A</v>
      </c>
      <c r="E2818" t="e">
        <f t="shared" si="44"/>
        <v>#N/A</v>
      </c>
      <c r="F2818" t="str">
        <f>IF(C2818="CLAY", INDEX(D$4:D2818, MATCH("CLAY", C$4:C2818, 0)), "")</f>
        <v/>
      </c>
    </row>
    <row r="2819" spans="1:6" x14ac:dyDescent="0.2">
      <c r="A2819" s="239">
        <f>'CPT Data'!B2827</f>
        <v>28.186</v>
      </c>
      <c r="B2819" s="3">
        <f>'CPT Data'!C2827</f>
        <v>28.178999999999998</v>
      </c>
      <c r="C2819" t="str">
        <f>'CPT Data'!P2827</f>
        <v>SAND</v>
      </c>
      <c r="D2819" t="e">
        <f>'CPT Data'!Q2827</f>
        <v>#N/A</v>
      </c>
      <c r="E2819" t="e">
        <f t="shared" si="44"/>
        <v>#N/A</v>
      </c>
      <c r="F2819" t="str">
        <f>IF(C2819="CLAY", INDEX(D$4:D2819, MATCH("CLAY", C$4:C2819, 0)), "")</f>
        <v/>
      </c>
    </row>
    <row r="2820" spans="1:6" x14ac:dyDescent="0.2">
      <c r="A2820" s="239">
        <f>'CPT Data'!B2828</f>
        <v>28.196000000000002</v>
      </c>
      <c r="B2820" s="3">
        <f>'CPT Data'!C2828</f>
        <v>28.189</v>
      </c>
      <c r="C2820" t="str">
        <f>'CPT Data'!P2828</f>
        <v>SAND</v>
      </c>
      <c r="D2820" t="e">
        <f>'CPT Data'!Q2828</f>
        <v>#N/A</v>
      </c>
      <c r="E2820" t="e">
        <f t="shared" si="44"/>
        <v>#N/A</v>
      </c>
      <c r="F2820" t="str">
        <f>IF(C2820="CLAY", INDEX(D$4:D2820, MATCH("CLAY", C$4:C2820, 0)), "")</f>
        <v/>
      </c>
    </row>
    <row r="2821" spans="1:6" x14ac:dyDescent="0.2">
      <c r="A2821" s="239">
        <f>'CPT Data'!B2829</f>
        <v>28.206</v>
      </c>
      <c r="B2821" s="3">
        <f>'CPT Data'!C2829</f>
        <v>28.198999999999998</v>
      </c>
      <c r="C2821" t="str">
        <f>'CPT Data'!P2829</f>
        <v>SAND</v>
      </c>
      <c r="D2821" t="e">
        <f>'CPT Data'!Q2829</f>
        <v>#N/A</v>
      </c>
      <c r="E2821" t="e">
        <f t="shared" si="44"/>
        <v>#N/A</v>
      </c>
      <c r="F2821" t="str">
        <f>IF(C2821="CLAY", INDEX(D$4:D2821, MATCH("CLAY", C$4:C2821, 0)), "")</f>
        <v/>
      </c>
    </row>
    <row r="2822" spans="1:6" x14ac:dyDescent="0.2">
      <c r="A2822" s="239">
        <f>'CPT Data'!B2830</f>
        <v>28.216999999999999</v>
      </c>
      <c r="B2822" s="3">
        <f>'CPT Data'!C2830</f>
        <v>28.209999999999997</v>
      </c>
      <c r="C2822" t="str">
        <f>'CPT Data'!P2830</f>
        <v>SAND</v>
      </c>
      <c r="D2822" t="e">
        <f>'CPT Data'!Q2830</f>
        <v>#N/A</v>
      </c>
      <c r="E2822" t="e">
        <f t="shared" si="44"/>
        <v>#N/A</v>
      </c>
      <c r="F2822" t="str">
        <f>IF(C2822="CLAY", INDEX(D$4:D2822, MATCH("CLAY", C$4:C2822, 0)), "")</f>
        <v/>
      </c>
    </row>
    <row r="2823" spans="1:6" x14ac:dyDescent="0.2">
      <c r="A2823" s="239">
        <f>'CPT Data'!B2831</f>
        <v>28.225999999999999</v>
      </c>
      <c r="B2823" s="3">
        <f>'CPT Data'!C2831</f>
        <v>28.218999999999998</v>
      </c>
      <c r="C2823" t="str">
        <f>'CPT Data'!P2831</f>
        <v>SAND</v>
      </c>
      <c r="D2823" t="e">
        <f>'CPT Data'!Q2831</f>
        <v>#N/A</v>
      </c>
      <c r="E2823" t="e">
        <f t="shared" si="44"/>
        <v>#N/A</v>
      </c>
      <c r="F2823" t="str">
        <f>IF(C2823="CLAY", INDEX(D$4:D2823, MATCH("CLAY", C$4:C2823, 0)), "")</f>
        <v/>
      </c>
    </row>
    <row r="2824" spans="1:6" x14ac:dyDescent="0.2">
      <c r="A2824" s="239">
        <f>'CPT Data'!B2832</f>
        <v>28.236999999999998</v>
      </c>
      <c r="B2824" s="3">
        <f>'CPT Data'!C2832</f>
        <v>28.229999999999997</v>
      </c>
      <c r="C2824" t="str">
        <f>'CPT Data'!P2832</f>
        <v>SAND</v>
      </c>
      <c r="D2824" t="e">
        <f>'CPT Data'!Q2832</f>
        <v>#N/A</v>
      </c>
      <c r="E2824" t="e">
        <f t="shared" si="44"/>
        <v>#N/A</v>
      </c>
      <c r="F2824" t="str">
        <f>IF(C2824="CLAY", INDEX(D$4:D2824, MATCH("CLAY", C$4:C2824, 0)), "")</f>
        <v/>
      </c>
    </row>
    <row r="2825" spans="1:6" x14ac:dyDescent="0.2">
      <c r="A2825" s="239">
        <f>'CPT Data'!B2833</f>
        <v>28.247</v>
      </c>
      <c r="B2825" s="3">
        <f>'CPT Data'!C2833</f>
        <v>28.24</v>
      </c>
      <c r="C2825" t="str">
        <f>'CPT Data'!P2833</f>
        <v>SAND</v>
      </c>
      <c r="D2825" t="e">
        <f>'CPT Data'!Q2833</f>
        <v>#N/A</v>
      </c>
      <c r="E2825" t="e">
        <f t="shared" si="44"/>
        <v>#N/A</v>
      </c>
      <c r="F2825" t="str">
        <f>IF(C2825="CLAY", INDEX(D$4:D2825, MATCH("CLAY", C$4:C2825, 0)), "")</f>
        <v/>
      </c>
    </row>
    <row r="2826" spans="1:6" x14ac:dyDescent="0.2">
      <c r="A2826" s="239">
        <f>'CPT Data'!B2834</f>
        <v>28.257000000000001</v>
      </c>
      <c r="B2826" s="3">
        <f>'CPT Data'!C2834</f>
        <v>28.25</v>
      </c>
      <c r="C2826" t="str">
        <f>'CPT Data'!P2834</f>
        <v>SAND</v>
      </c>
      <c r="D2826" t="e">
        <f>'CPT Data'!Q2834</f>
        <v>#N/A</v>
      </c>
      <c r="E2826" t="e">
        <f t="shared" si="44"/>
        <v>#N/A</v>
      </c>
      <c r="F2826" t="str">
        <f>IF(C2826="CLAY", INDEX(D$4:D2826, MATCH("CLAY", C$4:C2826, 0)), "")</f>
        <v/>
      </c>
    </row>
    <row r="2827" spans="1:6" x14ac:dyDescent="0.2">
      <c r="A2827" s="239">
        <f>'CPT Data'!B2835</f>
        <v>28.268000000000001</v>
      </c>
      <c r="B2827" s="3">
        <f>'CPT Data'!C2835</f>
        <v>28.260999999999999</v>
      </c>
      <c r="C2827" t="str">
        <f>'CPT Data'!P2835</f>
        <v>SAND</v>
      </c>
      <c r="D2827" t="e">
        <f>'CPT Data'!Q2835</f>
        <v>#N/A</v>
      </c>
      <c r="E2827" t="e">
        <f t="shared" si="44"/>
        <v>#N/A</v>
      </c>
      <c r="F2827" t="str">
        <f>IF(C2827="CLAY", INDEX(D$4:D2827, MATCH("CLAY", C$4:C2827, 0)), "")</f>
        <v/>
      </c>
    </row>
    <row r="2828" spans="1:6" x14ac:dyDescent="0.2">
      <c r="A2828" s="239">
        <f>'CPT Data'!B2836</f>
        <v>28.277000000000001</v>
      </c>
      <c r="B2828" s="3">
        <f>'CPT Data'!C2836</f>
        <v>28.27</v>
      </c>
      <c r="C2828" t="str">
        <f>'CPT Data'!P2836</f>
        <v>SAND</v>
      </c>
      <c r="D2828" t="e">
        <f>'CPT Data'!Q2836</f>
        <v>#N/A</v>
      </c>
      <c r="E2828" t="e">
        <f t="shared" si="44"/>
        <v>#N/A</v>
      </c>
      <c r="F2828" t="str">
        <f>IF(C2828="CLAY", INDEX(D$4:D2828, MATCH("CLAY", C$4:C2828, 0)), "")</f>
        <v/>
      </c>
    </row>
    <row r="2829" spans="1:6" x14ac:dyDescent="0.2">
      <c r="A2829" s="239">
        <f>'CPT Data'!B2837</f>
        <v>28.288</v>
      </c>
      <c r="B2829" s="3">
        <f>'CPT Data'!C2837</f>
        <v>28.280999999999999</v>
      </c>
      <c r="C2829" t="str">
        <f>'CPT Data'!P2837</f>
        <v>SAND</v>
      </c>
      <c r="D2829" t="e">
        <f>'CPT Data'!Q2837</f>
        <v>#N/A</v>
      </c>
      <c r="E2829" t="e">
        <f t="shared" si="44"/>
        <v>#N/A</v>
      </c>
      <c r="F2829" t="str">
        <f>IF(C2829="CLAY", INDEX(D$4:D2829, MATCH("CLAY", C$4:C2829, 0)), "")</f>
        <v/>
      </c>
    </row>
    <row r="2830" spans="1:6" x14ac:dyDescent="0.2">
      <c r="A2830" s="239">
        <f>'CPT Data'!B2838</f>
        <v>28.297999999999998</v>
      </c>
      <c r="B2830" s="3">
        <f>'CPT Data'!C2838</f>
        <v>28.290999999999997</v>
      </c>
      <c r="C2830" t="str">
        <f>'CPT Data'!P2838</f>
        <v>SAND</v>
      </c>
      <c r="D2830" t="e">
        <f>'CPT Data'!Q2838</f>
        <v>#N/A</v>
      </c>
      <c r="E2830" t="e">
        <f t="shared" si="44"/>
        <v>#N/A</v>
      </c>
      <c r="F2830" t="str">
        <f>IF(C2830="CLAY", INDEX(D$4:D2830, MATCH("CLAY", C$4:C2830, 0)), "")</f>
        <v/>
      </c>
    </row>
    <row r="2831" spans="1:6" x14ac:dyDescent="0.2">
      <c r="A2831" s="239">
        <f>'CPT Data'!B2839</f>
        <v>28.308</v>
      </c>
      <c r="B2831" s="3">
        <f>'CPT Data'!C2839</f>
        <v>28.300999999999998</v>
      </c>
      <c r="C2831" t="str">
        <f>'CPT Data'!P2839</f>
        <v>SAND</v>
      </c>
      <c r="D2831" t="e">
        <f>'CPT Data'!Q2839</f>
        <v>#N/A</v>
      </c>
      <c r="E2831" t="e">
        <f t="shared" si="44"/>
        <v>#N/A</v>
      </c>
      <c r="F2831" t="str">
        <f>IF(C2831="CLAY", INDEX(D$4:D2831, MATCH("CLAY", C$4:C2831, 0)), "")</f>
        <v/>
      </c>
    </row>
    <row r="2832" spans="1:6" x14ac:dyDescent="0.2">
      <c r="A2832" s="239">
        <f>'CPT Data'!B2840</f>
        <v>28.318000000000001</v>
      </c>
      <c r="B2832" s="3">
        <f>'CPT Data'!C2840</f>
        <v>28.311</v>
      </c>
      <c r="C2832" t="str">
        <f>'CPT Data'!P2840</f>
        <v>SAND</v>
      </c>
      <c r="D2832" t="e">
        <f>'CPT Data'!Q2840</f>
        <v>#N/A</v>
      </c>
      <c r="E2832" t="e">
        <f t="shared" si="44"/>
        <v>#N/A</v>
      </c>
      <c r="F2832" t="str">
        <f>IF(C2832="CLAY", INDEX(D$4:D2832, MATCH("CLAY", C$4:C2832, 0)), "")</f>
        <v/>
      </c>
    </row>
    <row r="2833" spans="1:6" x14ac:dyDescent="0.2">
      <c r="A2833" s="239">
        <f>'CPT Data'!B2841</f>
        <v>28.33</v>
      </c>
      <c r="B2833" s="3">
        <f>'CPT Data'!C2841</f>
        <v>28.322999999999997</v>
      </c>
      <c r="C2833" t="str">
        <f>'CPT Data'!P2841</f>
        <v>SAND</v>
      </c>
      <c r="D2833" t="e">
        <f>'CPT Data'!Q2841</f>
        <v>#N/A</v>
      </c>
      <c r="E2833" t="e">
        <f t="shared" si="44"/>
        <v>#N/A</v>
      </c>
      <c r="F2833" t="str">
        <f>IF(C2833="CLAY", INDEX(D$4:D2833, MATCH("CLAY", C$4:C2833, 0)), "")</f>
        <v/>
      </c>
    </row>
    <row r="2834" spans="1:6" x14ac:dyDescent="0.2">
      <c r="A2834" s="239">
        <f>'CPT Data'!B2842</f>
        <v>28.338999999999999</v>
      </c>
      <c r="B2834" s="3">
        <f>'CPT Data'!C2842</f>
        <v>28.331999999999997</v>
      </c>
      <c r="C2834" t="str">
        <f>'CPT Data'!P2842</f>
        <v>SAND</v>
      </c>
      <c r="D2834" t="e">
        <f>'CPT Data'!Q2842</f>
        <v>#N/A</v>
      </c>
      <c r="E2834" t="e">
        <f t="shared" si="44"/>
        <v>#N/A</v>
      </c>
      <c r="F2834" t="str">
        <f>IF(C2834="CLAY", INDEX(D$4:D2834, MATCH("CLAY", C$4:C2834, 0)), "")</f>
        <v/>
      </c>
    </row>
    <row r="2835" spans="1:6" x14ac:dyDescent="0.2">
      <c r="A2835" s="239">
        <f>'CPT Data'!B2843</f>
        <v>28.35</v>
      </c>
      <c r="B2835" s="3">
        <f>'CPT Data'!C2843</f>
        <v>28.343</v>
      </c>
      <c r="C2835" t="str">
        <f>'CPT Data'!P2843</f>
        <v>SAND</v>
      </c>
      <c r="D2835" t="e">
        <f>'CPT Data'!Q2843</f>
        <v>#N/A</v>
      </c>
      <c r="E2835" t="e">
        <f t="shared" si="44"/>
        <v>#N/A</v>
      </c>
      <c r="F2835" t="str">
        <f>IF(C2835="CLAY", INDEX(D$4:D2835, MATCH("CLAY", C$4:C2835, 0)), "")</f>
        <v/>
      </c>
    </row>
    <row r="2836" spans="1:6" x14ac:dyDescent="0.2">
      <c r="A2836" s="239">
        <f>'CPT Data'!B2844</f>
        <v>28.36</v>
      </c>
      <c r="B2836" s="3">
        <f>'CPT Data'!C2844</f>
        <v>28.352999999999998</v>
      </c>
      <c r="C2836" t="str">
        <f>'CPT Data'!P2844</f>
        <v>SAND</v>
      </c>
      <c r="D2836" t="e">
        <f>'CPT Data'!Q2844</f>
        <v>#N/A</v>
      </c>
      <c r="E2836" t="e">
        <f t="shared" si="44"/>
        <v>#N/A</v>
      </c>
      <c r="F2836" t="str">
        <f>IF(C2836="CLAY", INDEX(D$4:D2836, MATCH("CLAY", C$4:C2836, 0)), "")</f>
        <v/>
      </c>
    </row>
    <row r="2837" spans="1:6" x14ac:dyDescent="0.2">
      <c r="A2837" s="239">
        <f>'CPT Data'!B2845</f>
        <v>28.370999999999999</v>
      </c>
      <c r="B2837" s="3">
        <f>'CPT Data'!C2845</f>
        <v>28.363999999999997</v>
      </c>
      <c r="C2837" t="str">
        <f>'CPT Data'!P2845</f>
        <v>SAND</v>
      </c>
      <c r="D2837" t="e">
        <f>'CPT Data'!Q2845</f>
        <v>#N/A</v>
      </c>
      <c r="E2837" t="e">
        <f t="shared" si="44"/>
        <v>#N/A</v>
      </c>
      <c r="F2837" t="str">
        <f>IF(C2837="CLAY", INDEX(D$4:D2837, MATCH("CLAY", C$4:C2837, 0)), "")</f>
        <v/>
      </c>
    </row>
    <row r="2838" spans="1:6" x14ac:dyDescent="0.2">
      <c r="A2838" s="239">
        <f>'CPT Data'!B2846</f>
        <v>28.38</v>
      </c>
      <c r="B2838" s="3">
        <f>'CPT Data'!C2846</f>
        <v>28.372999999999998</v>
      </c>
      <c r="C2838" t="str">
        <f>'CPT Data'!P2846</f>
        <v>SAND</v>
      </c>
      <c r="D2838" t="e">
        <f>'CPT Data'!Q2846</f>
        <v>#N/A</v>
      </c>
      <c r="E2838" t="e">
        <f t="shared" si="44"/>
        <v>#N/A</v>
      </c>
      <c r="F2838" t="str">
        <f>IF(C2838="CLAY", INDEX(D$4:D2838, MATCH("CLAY", C$4:C2838, 0)), "")</f>
        <v/>
      </c>
    </row>
    <row r="2839" spans="1:6" x14ac:dyDescent="0.2">
      <c r="A2839" s="239">
        <f>'CPT Data'!B2847</f>
        <v>28.39</v>
      </c>
      <c r="B2839" s="3">
        <f>'CPT Data'!C2847</f>
        <v>28.382999999999999</v>
      </c>
      <c r="C2839" t="str">
        <f>'CPT Data'!P2847</f>
        <v>SAND</v>
      </c>
      <c r="D2839" t="e">
        <f>'CPT Data'!Q2847</f>
        <v>#N/A</v>
      </c>
      <c r="E2839" t="e">
        <f t="shared" si="44"/>
        <v>#N/A</v>
      </c>
      <c r="F2839" t="str">
        <f>IF(C2839="CLAY", INDEX(D$4:D2839, MATCH("CLAY", C$4:C2839, 0)), "")</f>
        <v/>
      </c>
    </row>
    <row r="2840" spans="1:6" x14ac:dyDescent="0.2">
      <c r="A2840" s="239">
        <f>'CPT Data'!B2848</f>
        <v>28.401</v>
      </c>
      <c r="B2840" s="3">
        <f>'CPT Data'!C2848</f>
        <v>28.393999999999998</v>
      </c>
      <c r="C2840" t="str">
        <f>'CPT Data'!P2848</f>
        <v>SAND</v>
      </c>
      <c r="D2840" t="e">
        <f>'CPT Data'!Q2848</f>
        <v>#N/A</v>
      </c>
      <c r="E2840" t="e">
        <f t="shared" si="44"/>
        <v>#N/A</v>
      </c>
      <c r="F2840" t="str">
        <f>IF(C2840="CLAY", INDEX(D$4:D2840, MATCH("CLAY", C$4:C2840, 0)), "")</f>
        <v/>
      </c>
    </row>
    <row r="2841" spans="1:6" x14ac:dyDescent="0.2">
      <c r="A2841" s="239">
        <f>'CPT Data'!B2849</f>
        <v>28.411000000000001</v>
      </c>
      <c r="B2841" s="3">
        <f>'CPT Data'!C2849</f>
        <v>28.404</v>
      </c>
      <c r="C2841" t="str">
        <f>'CPT Data'!P2849</f>
        <v>SAND</v>
      </c>
      <c r="D2841" t="e">
        <f>'CPT Data'!Q2849</f>
        <v>#N/A</v>
      </c>
      <c r="E2841" t="e">
        <f t="shared" si="44"/>
        <v>#N/A</v>
      </c>
      <c r="F2841" t="str">
        <f>IF(C2841="CLAY", INDEX(D$4:D2841, MATCH("CLAY", C$4:C2841, 0)), "")</f>
        <v/>
      </c>
    </row>
    <row r="2842" spans="1:6" x14ac:dyDescent="0.2">
      <c r="A2842" s="239">
        <f>'CPT Data'!B2850</f>
        <v>28.420999999999999</v>
      </c>
      <c r="B2842" s="3">
        <f>'CPT Data'!C2850</f>
        <v>28.413999999999998</v>
      </c>
      <c r="C2842" t="str">
        <f>'CPT Data'!P2850</f>
        <v>SAND</v>
      </c>
      <c r="D2842" t="e">
        <f>'CPT Data'!Q2850</f>
        <v>#N/A</v>
      </c>
      <c r="E2842" t="e">
        <f t="shared" si="44"/>
        <v>#N/A</v>
      </c>
      <c r="F2842" t="str">
        <f>IF(C2842="CLAY", INDEX(D$4:D2842, MATCH("CLAY", C$4:C2842, 0)), "")</f>
        <v/>
      </c>
    </row>
    <row r="2843" spans="1:6" x14ac:dyDescent="0.2">
      <c r="A2843" s="239">
        <f>'CPT Data'!B2851</f>
        <v>28.431999999999999</v>
      </c>
      <c r="B2843" s="3">
        <f>'CPT Data'!C2851</f>
        <v>28.424999999999997</v>
      </c>
      <c r="C2843" t="str">
        <f>'CPT Data'!P2851</f>
        <v>SAND</v>
      </c>
      <c r="D2843" t="e">
        <f>'CPT Data'!Q2851</f>
        <v>#N/A</v>
      </c>
      <c r="E2843" t="e">
        <f t="shared" ref="E2843:E2906" si="45">IF(C2843="SAND",#N/A,IF(C2843=C2842,D2842,IF(C2843="CLAY",D2843,#N/A)))</f>
        <v>#N/A</v>
      </c>
      <c r="F2843" t="str">
        <f>IF(C2843="CLAY", INDEX(D$4:D2843, MATCH("CLAY", C$4:C2843, 0)), "")</f>
        <v/>
      </c>
    </row>
    <row r="2844" spans="1:6" x14ac:dyDescent="0.2">
      <c r="A2844" s="239">
        <f>'CPT Data'!B2852</f>
        <v>28.442</v>
      </c>
      <c r="B2844" s="3">
        <f>'CPT Data'!C2852</f>
        <v>28.434999999999999</v>
      </c>
      <c r="C2844" t="str">
        <f>'CPT Data'!P2852</f>
        <v>SAND</v>
      </c>
      <c r="D2844" t="e">
        <f>'CPT Data'!Q2852</f>
        <v>#N/A</v>
      </c>
      <c r="E2844" t="e">
        <f t="shared" si="45"/>
        <v>#N/A</v>
      </c>
      <c r="F2844" t="str">
        <f>IF(C2844="CLAY", INDEX(D$4:D2844, MATCH("CLAY", C$4:C2844, 0)), "")</f>
        <v/>
      </c>
    </row>
    <row r="2845" spans="1:6" x14ac:dyDescent="0.2">
      <c r="A2845" s="239">
        <f>'CPT Data'!B2853</f>
        <v>28.452000000000002</v>
      </c>
      <c r="B2845" s="3">
        <f>'CPT Data'!C2853</f>
        <v>28.445</v>
      </c>
      <c r="C2845" t="str">
        <f>'CPT Data'!P2853</f>
        <v>SAND</v>
      </c>
      <c r="D2845" t="e">
        <f>'CPT Data'!Q2853</f>
        <v>#N/A</v>
      </c>
      <c r="E2845" t="e">
        <f t="shared" si="45"/>
        <v>#N/A</v>
      </c>
      <c r="F2845" t="str">
        <f>IF(C2845="CLAY", INDEX(D$4:D2845, MATCH("CLAY", C$4:C2845, 0)), "")</f>
        <v/>
      </c>
    </row>
    <row r="2846" spans="1:6" x14ac:dyDescent="0.2">
      <c r="A2846" s="239">
        <f>'CPT Data'!B2854</f>
        <v>28.463000000000001</v>
      </c>
      <c r="B2846" s="3">
        <f>'CPT Data'!C2854</f>
        <v>28.456</v>
      </c>
      <c r="C2846" t="str">
        <f>'CPT Data'!P2854</f>
        <v>SAND</v>
      </c>
      <c r="D2846" t="e">
        <f>'CPT Data'!Q2854</f>
        <v>#N/A</v>
      </c>
      <c r="E2846" t="e">
        <f t="shared" si="45"/>
        <v>#N/A</v>
      </c>
      <c r="F2846" t="str">
        <f>IF(C2846="CLAY", INDEX(D$4:D2846, MATCH("CLAY", C$4:C2846, 0)), "")</f>
        <v/>
      </c>
    </row>
    <row r="2847" spans="1:6" x14ac:dyDescent="0.2">
      <c r="A2847" s="239">
        <f>'CPT Data'!B2855</f>
        <v>28.474</v>
      </c>
      <c r="B2847" s="3">
        <f>'CPT Data'!C2855</f>
        <v>28.466999999999999</v>
      </c>
      <c r="C2847" t="str">
        <f>'CPT Data'!P2855</f>
        <v>SAND</v>
      </c>
      <c r="D2847" t="e">
        <f>'CPT Data'!Q2855</f>
        <v>#N/A</v>
      </c>
      <c r="E2847" t="e">
        <f t="shared" si="45"/>
        <v>#N/A</v>
      </c>
      <c r="F2847" t="str">
        <f>IF(C2847="CLAY", INDEX(D$4:D2847, MATCH("CLAY", C$4:C2847, 0)), "")</f>
        <v/>
      </c>
    </row>
    <row r="2848" spans="1:6" x14ac:dyDescent="0.2">
      <c r="A2848" s="239">
        <f>'CPT Data'!B2856</f>
        <v>28.484999999999999</v>
      </c>
      <c r="B2848" s="3">
        <f>'CPT Data'!C2856</f>
        <v>28.477999999999998</v>
      </c>
      <c r="C2848" t="str">
        <f>'CPT Data'!P2856</f>
        <v>SAND</v>
      </c>
      <c r="D2848" t="e">
        <f>'CPT Data'!Q2856</f>
        <v>#N/A</v>
      </c>
      <c r="E2848" t="e">
        <f t="shared" si="45"/>
        <v>#N/A</v>
      </c>
      <c r="F2848" t="str">
        <f>IF(C2848="CLAY", INDEX(D$4:D2848, MATCH("CLAY", C$4:C2848, 0)), "")</f>
        <v/>
      </c>
    </row>
    <row r="2849" spans="1:6" x14ac:dyDescent="0.2">
      <c r="A2849" s="239">
        <f>'CPT Data'!B2857</f>
        <v>28.495000000000001</v>
      </c>
      <c r="B2849" s="3">
        <f>'CPT Data'!C2857</f>
        <v>28.488</v>
      </c>
      <c r="C2849" t="str">
        <f>'CPT Data'!P2857</f>
        <v>SAND</v>
      </c>
      <c r="D2849" t="e">
        <f>'CPT Data'!Q2857</f>
        <v>#N/A</v>
      </c>
      <c r="E2849" t="e">
        <f t="shared" si="45"/>
        <v>#N/A</v>
      </c>
      <c r="F2849" t="str">
        <f>IF(C2849="CLAY", INDEX(D$4:D2849, MATCH("CLAY", C$4:C2849, 0)), "")</f>
        <v/>
      </c>
    </row>
    <row r="2850" spans="1:6" x14ac:dyDescent="0.2">
      <c r="A2850" s="239">
        <f>'CPT Data'!B2858</f>
        <v>28.506</v>
      </c>
      <c r="B2850" s="3">
        <f>'CPT Data'!C2858</f>
        <v>28.498999999999999</v>
      </c>
      <c r="C2850" t="str">
        <f>'CPT Data'!P2858</f>
        <v>SAND</v>
      </c>
      <c r="D2850" t="e">
        <f>'CPT Data'!Q2858</f>
        <v>#N/A</v>
      </c>
      <c r="E2850" t="e">
        <f t="shared" si="45"/>
        <v>#N/A</v>
      </c>
      <c r="F2850" t="str">
        <f>IF(C2850="CLAY", INDEX(D$4:D2850, MATCH("CLAY", C$4:C2850, 0)), "")</f>
        <v/>
      </c>
    </row>
    <row r="2851" spans="1:6" x14ac:dyDescent="0.2">
      <c r="A2851" s="239">
        <f>'CPT Data'!B2859</f>
        <v>28.515999999999998</v>
      </c>
      <c r="B2851" s="3">
        <f>'CPT Data'!C2859</f>
        <v>28.508999999999997</v>
      </c>
      <c r="C2851" t="str">
        <f>'CPT Data'!P2859</f>
        <v>SAND</v>
      </c>
      <c r="D2851" t="e">
        <f>'CPT Data'!Q2859</f>
        <v>#N/A</v>
      </c>
      <c r="E2851" t="e">
        <f t="shared" si="45"/>
        <v>#N/A</v>
      </c>
      <c r="F2851" t="str">
        <f>IF(C2851="CLAY", INDEX(D$4:D2851, MATCH("CLAY", C$4:C2851, 0)), "")</f>
        <v/>
      </c>
    </row>
    <row r="2852" spans="1:6" x14ac:dyDescent="0.2">
      <c r="A2852" s="239">
        <f>'CPT Data'!B2860</f>
        <v>28.526</v>
      </c>
      <c r="B2852" s="3">
        <f>'CPT Data'!C2860</f>
        <v>28.518999999999998</v>
      </c>
      <c r="C2852" t="str">
        <f>'CPT Data'!P2860</f>
        <v>SAND</v>
      </c>
      <c r="D2852" t="e">
        <f>'CPT Data'!Q2860</f>
        <v>#N/A</v>
      </c>
      <c r="E2852" t="e">
        <f t="shared" si="45"/>
        <v>#N/A</v>
      </c>
      <c r="F2852" t="str">
        <f>IF(C2852="CLAY", INDEX(D$4:D2852, MATCH("CLAY", C$4:C2852, 0)), "")</f>
        <v/>
      </c>
    </row>
    <row r="2853" spans="1:6" x14ac:dyDescent="0.2">
      <c r="A2853" s="239">
        <f>'CPT Data'!B2861</f>
        <v>28.536999999999999</v>
      </c>
      <c r="B2853" s="3">
        <f>'CPT Data'!C2861</f>
        <v>28.529999999999998</v>
      </c>
      <c r="C2853" t="str">
        <f>'CPT Data'!P2861</f>
        <v>SAND</v>
      </c>
      <c r="D2853" t="e">
        <f>'CPT Data'!Q2861</f>
        <v>#N/A</v>
      </c>
      <c r="E2853" t="e">
        <f t="shared" si="45"/>
        <v>#N/A</v>
      </c>
      <c r="F2853" t="str">
        <f>IF(C2853="CLAY", INDEX(D$4:D2853, MATCH("CLAY", C$4:C2853, 0)), "")</f>
        <v/>
      </c>
    </row>
    <row r="2854" spans="1:6" x14ac:dyDescent="0.2">
      <c r="A2854" s="239">
        <f>'CPT Data'!B2862</f>
        <v>28.545999999999999</v>
      </c>
      <c r="B2854" s="3">
        <f>'CPT Data'!C2862</f>
        <v>28.538999999999998</v>
      </c>
      <c r="C2854" t="str">
        <f>'CPT Data'!P2862</f>
        <v>CLAY</v>
      </c>
      <c r="D2854">
        <f>'CPT Data'!Q2862</f>
        <v>586.54174387825685</v>
      </c>
      <c r="E2854">
        <f t="shared" si="45"/>
        <v>586.54174387825685</v>
      </c>
      <c r="F2854">
        <f>IF(C2854="CLAY", INDEX(D$4:D2854, MATCH("CLAY", C$4:C2854, 0)), "")</f>
        <v>0.75203252561341039</v>
      </c>
    </row>
    <row r="2855" spans="1:6" x14ac:dyDescent="0.2">
      <c r="A2855" s="239">
        <f>'CPT Data'!B2863</f>
        <v>28.556000000000001</v>
      </c>
      <c r="B2855" s="3">
        <f>'CPT Data'!C2863</f>
        <v>28.548999999999999</v>
      </c>
      <c r="C2855" t="str">
        <f>'CPT Data'!P2863</f>
        <v>CLAY</v>
      </c>
      <c r="D2855">
        <f>'CPT Data'!Q2863</f>
        <v>527.74847901698615</v>
      </c>
      <c r="E2855">
        <f t="shared" si="45"/>
        <v>586.54174387825685</v>
      </c>
      <c r="F2855">
        <f>IF(C2855="CLAY", INDEX(D$4:D2855, MATCH("CLAY", C$4:C2855, 0)), "")</f>
        <v>0.75203252561341039</v>
      </c>
    </row>
    <row r="2856" spans="1:6" x14ac:dyDescent="0.2">
      <c r="A2856" s="239">
        <f>'CPT Data'!B2864</f>
        <v>28.565000000000001</v>
      </c>
      <c r="B2856" s="3">
        <f>'CPT Data'!C2864</f>
        <v>28.558</v>
      </c>
      <c r="C2856" t="str">
        <f>'CPT Data'!P2864</f>
        <v>CLAY</v>
      </c>
      <c r="D2856">
        <f>'CPT Data'!Q2864</f>
        <v>470.62538331862083</v>
      </c>
      <c r="E2856">
        <f t="shared" si="45"/>
        <v>527.74847901698615</v>
      </c>
      <c r="F2856">
        <f>IF(C2856="CLAY", INDEX(D$4:D2856, MATCH("CLAY", C$4:C2856, 0)), "")</f>
        <v>0.75203252561341039</v>
      </c>
    </row>
    <row r="2857" spans="1:6" x14ac:dyDescent="0.2">
      <c r="A2857" s="239">
        <f>'CPT Data'!B2865</f>
        <v>28.574999999999999</v>
      </c>
      <c r="B2857" s="3">
        <f>'CPT Data'!C2865</f>
        <v>28.567999999999998</v>
      </c>
      <c r="C2857" t="str">
        <f>'CPT Data'!P2865</f>
        <v>CLAY</v>
      </c>
      <c r="D2857">
        <f>'CPT Data'!Q2865</f>
        <v>420.91038352558684</v>
      </c>
      <c r="E2857">
        <f t="shared" si="45"/>
        <v>470.62538331862083</v>
      </c>
      <c r="F2857">
        <f>IF(C2857="CLAY", INDEX(D$4:D2857, MATCH("CLAY", C$4:C2857, 0)), "")</f>
        <v>0.75203252561341039</v>
      </c>
    </row>
    <row r="2858" spans="1:6" x14ac:dyDescent="0.2">
      <c r="A2858" s="239">
        <f>'CPT Data'!B2866</f>
        <v>28.584</v>
      </c>
      <c r="B2858" s="3">
        <f>'CPT Data'!C2866</f>
        <v>28.576999999999998</v>
      </c>
      <c r="C2858" t="str">
        <f>'CPT Data'!P2866</f>
        <v>CLAY</v>
      </c>
      <c r="D2858">
        <f>'CPT Data'!Q2866</f>
        <v>370.52579660042784</v>
      </c>
      <c r="E2858">
        <f t="shared" si="45"/>
        <v>420.91038352558684</v>
      </c>
      <c r="F2858">
        <f>IF(C2858="CLAY", INDEX(D$4:D2858, MATCH("CLAY", C$4:C2858, 0)), "")</f>
        <v>0.75203252561341039</v>
      </c>
    </row>
    <row r="2859" spans="1:6" x14ac:dyDescent="0.2">
      <c r="A2859" s="239">
        <f>'CPT Data'!B2867</f>
        <v>28.594000000000001</v>
      </c>
      <c r="B2859" s="3">
        <f>'CPT Data'!C2867</f>
        <v>28.587</v>
      </c>
      <c r="C2859" t="str">
        <f>'CPT Data'!P2867</f>
        <v>CLAY</v>
      </c>
      <c r="D2859">
        <f>'CPT Data'!Q2867</f>
        <v>327.65161212878849</v>
      </c>
      <c r="E2859">
        <f t="shared" si="45"/>
        <v>370.52579660042784</v>
      </c>
      <c r="F2859">
        <f>IF(C2859="CLAY", INDEX(D$4:D2859, MATCH("CLAY", C$4:C2859, 0)), "")</f>
        <v>0.75203252561341039</v>
      </c>
    </row>
    <row r="2860" spans="1:6" x14ac:dyDescent="0.2">
      <c r="A2860" s="239">
        <f>'CPT Data'!B2868</f>
        <v>28.603999999999999</v>
      </c>
      <c r="B2860" s="3">
        <f>'CPT Data'!C2868</f>
        <v>28.596999999999998</v>
      </c>
      <c r="C2860" t="str">
        <f>'CPT Data'!P2868</f>
        <v>CLAY</v>
      </c>
      <c r="D2860">
        <f>'CPT Data'!Q2868</f>
        <v>295.72761665800402</v>
      </c>
      <c r="E2860">
        <f t="shared" si="45"/>
        <v>327.65161212878849</v>
      </c>
      <c r="F2860">
        <f>IF(C2860="CLAY", INDEX(D$4:D2860, MATCH("CLAY", C$4:C2860, 0)), "")</f>
        <v>0.75203252561341039</v>
      </c>
    </row>
    <row r="2861" spans="1:6" x14ac:dyDescent="0.2">
      <c r="A2861" s="239">
        <f>'CPT Data'!B2869</f>
        <v>28.613</v>
      </c>
      <c r="B2861" s="3">
        <f>'CPT Data'!C2869</f>
        <v>28.605999999999998</v>
      </c>
      <c r="C2861" t="str">
        <f>'CPT Data'!P2869</f>
        <v>CLAY</v>
      </c>
      <c r="D2861">
        <f>'CPT Data'!Q2869</f>
        <v>266.47122038185881</v>
      </c>
      <c r="E2861">
        <f t="shared" si="45"/>
        <v>295.72761665800402</v>
      </c>
      <c r="F2861">
        <f>IF(C2861="CLAY", INDEX(D$4:D2861, MATCH("CLAY", C$4:C2861, 0)), "")</f>
        <v>0.75203252561341039</v>
      </c>
    </row>
    <row r="2862" spans="1:6" x14ac:dyDescent="0.2">
      <c r="A2862" s="239">
        <f>'CPT Data'!B2870</f>
        <v>28.623999999999999</v>
      </c>
      <c r="B2862" s="3">
        <f>'CPT Data'!C2870</f>
        <v>28.616999999999997</v>
      </c>
      <c r="C2862" t="str">
        <f>'CPT Data'!P2870</f>
        <v>CLAY</v>
      </c>
      <c r="D2862">
        <f>'CPT Data'!Q2870</f>
        <v>244.64996190472382</v>
      </c>
      <c r="E2862">
        <f t="shared" si="45"/>
        <v>266.47122038185881</v>
      </c>
      <c r="F2862">
        <f>IF(C2862="CLAY", INDEX(D$4:D2862, MATCH("CLAY", C$4:C2862, 0)), "")</f>
        <v>0.75203252561341039</v>
      </c>
    </row>
    <row r="2863" spans="1:6" x14ac:dyDescent="0.2">
      <c r="A2863" s="239">
        <f>'CPT Data'!B2871</f>
        <v>28.634</v>
      </c>
      <c r="B2863" s="3">
        <f>'CPT Data'!C2871</f>
        <v>28.626999999999999</v>
      </c>
      <c r="C2863" t="str">
        <f>'CPT Data'!P2871</f>
        <v>CLAY</v>
      </c>
      <c r="D2863">
        <f>'CPT Data'!Q2871</f>
        <v>233.81280419766782</v>
      </c>
      <c r="E2863">
        <f t="shared" si="45"/>
        <v>244.64996190472382</v>
      </c>
      <c r="F2863">
        <f>IF(C2863="CLAY", INDEX(D$4:D2863, MATCH("CLAY", C$4:C2863, 0)), "")</f>
        <v>0.75203252561341039</v>
      </c>
    </row>
    <row r="2864" spans="1:6" x14ac:dyDescent="0.2">
      <c r="A2864" s="239">
        <f>'CPT Data'!B2872</f>
        <v>28.643999999999998</v>
      </c>
      <c r="B2864" s="3">
        <f>'CPT Data'!C2872</f>
        <v>28.636999999999997</v>
      </c>
      <c r="C2864" t="str">
        <f>'CPT Data'!P2872</f>
        <v>CLAY</v>
      </c>
      <c r="D2864">
        <f>'CPT Data'!Q2872</f>
        <v>225.98565955899798</v>
      </c>
      <c r="E2864">
        <f t="shared" si="45"/>
        <v>233.81280419766782</v>
      </c>
      <c r="F2864">
        <f>IF(C2864="CLAY", INDEX(D$4:D2864, MATCH("CLAY", C$4:C2864, 0)), "")</f>
        <v>0.75203252561341039</v>
      </c>
    </row>
    <row r="2865" spans="1:6" x14ac:dyDescent="0.2">
      <c r="A2865" s="239">
        <f>'CPT Data'!B2873</f>
        <v>28.652999999999999</v>
      </c>
      <c r="B2865" s="3">
        <f>'CPT Data'!C2873</f>
        <v>28.645999999999997</v>
      </c>
      <c r="C2865" t="str">
        <f>'CPT Data'!P2873</f>
        <v>CLAY</v>
      </c>
      <c r="D2865">
        <f>'CPT Data'!Q2873</f>
        <v>212.83822457873598</v>
      </c>
      <c r="E2865">
        <f t="shared" si="45"/>
        <v>225.98565955899798</v>
      </c>
      <c r="F2865">
        <f>IF(C2865="CLAY", INDEX(D$4:D2865, MATCH("CLAY", C$4:C2865, 0)), "")</f>
        <v>0.75203252561341039</v>
      </c>
    </row>
    <row r="2866" spans="1:6" x14ac:dyDescent="0.2">
      <c r="A2866" s="239">
        <f>'CPT Data'!B2874</f>
        <v>28.661999999999999</v>
      </c>
      <c r="B2866" s="3">
        <f>'CPT Data'!C2874</f>
        <v>28.654999999999998</v>
      </c>
      <c r="C2866" t="str">
        <f>'CPT Data'!P2874</f>
        <v>CLAY</v>
      </c>
      <c r="D2866">
        <f>'CPT Data'!Q2874</f>
        <v>201.12188944546187</v>
      </c>
      <c r="E2866">
        <f t="shared" si="45"/>
        <v>212.83822457873598</v>
      </c>
      <c r="F2866">
        <f>IF(C2866="CLAY", INDEX(D$4:D2866, MATCH("CLAY", C$4:C2866, 0)), "")</f>
        <v>0.75203252561341039</v>
      </c>
    </row>
    <row r="2867" spans="1:6" x14ac:dyDescent="0.2">
      <c r="A2867" s="239">
        <f>'CPT Data'!B2875</f>
        <v>28.672000000000001</v>
      </c>
      <c r="B2867" s="3">
        <f>'CPT Data'!C2875</f>
        <v>28.664999999999999</v>
      </c>
      <c r="C2867" t="str">
        <f>'CPT Data'!P2875</f>
        <v>CLAY</v>
      </c>
      <c r="D2867">
        <f>'CPT Data'!Q2875</f>
        <v>190.09667053668954</v>
      </c>
      <c r="E2867">
        <f t="shared" si="45"/>
        <v>201.12188944546187</v>
      </c>
      <c r="F2867">
        <f>IF(C2867="CLAY", INDEX(D$4:D2867, MATCH("CLAY", C$4:C2867, 0)), "")</f>
        <v>0.75203252561341039</v>
      </c>
    </row>
    <row r="2868" spans="1:6" x14ac:dyDescent="0.2">
      <c r="A2868" s="239">
        <f>'CPT Data'!B2876</f>
        <v>28.681000000000001</v>
      </c>
      <c r="B2868" s="3">
        <f>'CPT Data'!C2876</f>
        <v>28.673999999999999</v>
      </c>
      <c r="C2868" t="str">
        <f>'CPT Data'!P2876</f>
        <v>CLAY</v>
      </c>
      <c r="D2868">
        <f>'CPT Data'!Q2876</f>
        <v>235.70551327126216</v>
      </c>
      <c r="E2868">
        <f t="shared" si="45"/>
        <v>190.09667053668954</v>
      </c>
      <c r="F2868">
        <f>IF(C2868="CLAY", INDEX(D$4:D2868, MATCH("CLAY", C$4:C2868, 0)), "")</f>
        <v>0.75203252561341039</v>
      </c>
    </row>
    <row r="2869" spans="1:6" x14ac:dyDescent="0.2">
      <c r="A2869" s="239">
        <f>'CPT Data'!B2877</f>
        <v>28.690999999999999</v>
      </c>
      <c r="B2869" s="3">
        <f>'CPT Data'!C2877</f>
        <v>28.683999999999997</v>
      </c>
      <c r="C2869" t="str">
        <f>'CPT Data'!P2877</f>
        <v>CLAY</v>
      </c>
      <c r="D2869">
        <f>'CPT Data'!Q2877</f>
        <v>308.84174083438069</v>
      </c>
      <c r="E2869">
        <f t="shared" si="45"/>
        <v>235.70551327126216</v>
      </c>
      <c r="F2869">
        <f>IF(C2869="CLAY", INDEX(D$4:D2869, MATCH("CLAY", C$4:C2869, 0)), "")</f>
        <v>0.75203252561341039</v>
      </c>
    </row>
    <row r="2870" spans="1:6" x14ac:dyDescent="0.2">
      <c r="A2870" s="239">
        <f>'CPT Data'!B2878</f>
        <v>28.701000000000001</v>
      </c>
      <c r="B2870" s="3">
        <f>'CPT Data'!C2878</f>
        <v>28.693999999999999</v>
      </c>
      <c r="C2870" t="str">
        <f>'CPT Data'!P2878</f>
        <v>CLAY</v>
      </c>
      <c r="D2870">
        <f>'CPT Data'!Q2878</f>
        <v>411.23146126252783</v>
      </c>
      <c r="E2870">
        <f t="shared" si="45"/>
        <v>308.84174083438069</v>
      </c>
      <c r="F2870">
        <f>IF(C2870="CLAY", INDEX(D$4:D2870, MATCH("CLAY", C$4:C2870, 0)), "")</f>
        <v>0.75203252561341039</v>
      </c>
    </row>
    <row r="2871" spans="1:6" x14ac:dyDescent="0.2">
      <c r="A2871" s="239">
        <f>'CPT Data'!B2879</f>
        <v>28.710999999999999</v>
      </c>
      <c r="B2871" s="3">
        <f>'CPT Data'!C2879</f>
        <v>28.703999999999997</v>
      </c>
      <c r="C2871" t="str">
        <f>'CPT Data'!P2879</f>
        <v>CLAY</v>
      </c>
      <c r="D2871">
        <f>'CPT Data'!Q2879</f>
        <v>533.61510748076819</v>
      </c>
      <c r="E2871">
        <f t="shared" si="45"/>
        <v>411.23146126252783</v>
      </c>
      <c r="F2871">
        <f>IF(C2871="CLAY", INDEX(D$4:D2871, MATCH("CLAY", C$4:C2871, 0)), "")</f>
        <v>0.75203252561341039</v>
      </c>
    </row>
    <row r="2872" spans="1:6" x14ac:dyDescent="0.2">
      <c r="A2872" s="239">
        <f>'CPT Data'!B2880</f>
        <v>28.72</v>
      </c>
      <c r="B2872" s="3">
        <f>'CPT Data'!C2880</f>
        <v>28.712999999999997</v>
      </c>
      <c r="C2872" t="str">
        <f>'CPT Data'!P2880</f>
        <v>SAND</v>
      </c>
      <c r="D2872" t="e">
        <f>'CPT Data'!Q2880</f>
        <v>#N/A</v>
      </c>
      <c r="E2872" t="e">
        <f t="shared" si="45"/>
        <v>#N/A</v>
      </c>
      <c r="F2872" t="str">
        <f>IF(C2872="CLAY", INDEX(D$4:D2872, MATCH("CLAY", C$4:C2872, 0)), "")</f>
        <v/>
      </c>
    </row>
    <row r="2873" spans="1:6" x14ac:dyDescent="0.2">
      <c r="A2873" s="239">
        <f>'CPT Data'!B2881</f>
        <v>28.728999999999999</v>
      </c>
      <c r="B2873" s="3">
        <f>'CPT Data'!C2881</f>
        <v>28.721999999999998</v>
      </c>
      <c r="C2873" t="str">
        <f>'CPT Data'!P2881</f>
        <v>SAND</v>
      </c>
      <c r="D2873" t="e">
        <f>'CPT Data'!Q2881</f>
        <v>#N/A</v>
      </c>
      <c r="E2873" t="e">
        <f t="shared" si="45"/>
        <v>#N/A</v>
      </c>
      <c r="F2873" t="str">
        <f>IF(C2873="CLAY", INDEX(D$4:D2873, MATCH("CLAY", C$4:C2873, 0)), "")</f>
        <v/>
      </c>
    </row>
    <row r="2874" spans="1:6" x14ac:dyDescent="0.2">
      <c r="A2874" s="239">
        <f>'CPT Data'!B2882</f>
        <v>28.74</v>
      </c>
      <c r="B2874" s="3">
        <f>'CPT Data'!C2882</f>
        <v>28.732999999999997</v>
      </c>
      <c r="C2874" t="str">
        <f>'CPT Data'!P2882</f>
        <v>SAND</v>
      </c>
      <c r="D2874" t="e">
        <f>'CPT Data'!Q2882</f>
        <v>#N/A</v>
      </c>
      <c r="E2874" t="e">
        <f t="shared" si="45"/>
        <v>#N/A</v>
      </c>
      <c r="F2874" t="str">
        <f>IF(C2874="CLAY", INDEX(D$4:D2874, MATCH("CLAY", C$4:C2874, 0)), "")</f>
        <v/>
      </c>
    </row>
    <row r="2875" spans="1:6" x14ac:dyDescent="0.2">
      <c r="A2875" s="239">
        <f>'CPT Data'!B2883</f>
        <v>28.748999999999999</v>
      </c>
      <c r="B2875" s="3">
        <f>'CPT Data'!C2883</f>
        <v>28.741999999999997</v>
      </c>
      <c r="C2875" t="str">
        <f>'CPT Data'!P2883</f>
        <v>SAND</v>
      </c>
      <c r="D2875" t="e">
        <f>'CPT Data'!Q2883</f>
        <v>#N/A</v>
      </c>
      <c r="E2875" t="e">
        <f t="shared" si="45"/>
        <v>#N/A</v>
      </c>
      <c r="F2875" t="str">
        <f>IF(C2875="CLAY", INDEX(D$4:D2875, MATCH("CLAY", C$4:C2875, 0)), "")</f>
        <v/>
      </c>
    </row>
    <row r="2876" spans="1:6" x14ac:dyDescent="0.2">
      <c r="A2876" s="239">
        <f>'CPT Data'!B2884</f>
        <v>28.759</v>
      </c>
      <c r="B2876" s="3">
        <f>'CPT Data'!C2884</f>
        <v>28.751999999999999</v>
      </c>
      <c r="C2876" t="str">
        <f>'CPT Data'!P2884</f>
        <v>SAND</v>
      </c>
      <c r="D2876" t="e">
        <f>'CPT Data'!Q2884</f>
        <v>#N/A</v>
      </c>
      <c r="E2876" t="e">
        <f t="shared" si="45"/>
        <v>#N/A</v>
      </c>
      <c r="F2876" t="str">
        <f>IF(C2876="CLAY", INDEX(D$4:D2876, MATCH("CLAY", C$4:C2876, 0)), "")</f>
        <v/>
      </c>
    </row>
    <row r="2877" spans="1:6" x14ac:dyDescent="0.2">
      <c r="A2877" s="239">
        <f>'CPT Data'!B2885</f>
        <v>28.768999999999998</v>
      </c>
      <c r="B2877" s="3">
        <f>'CPT Data'!C2885</f>
        <v>28.761999999999997</v>
      </c>
      <c r="C2877" t="str">
        <f>'CPT Data'!P2885</f>
        <v>SAND</v>
      </c>
      <c r="D2877" t="e">
        <f>'CPT Data'!Q2885</f>
        <v>#N/A</v>
      </c>
      <c r="E2877" t="e">
        <f t="shared" si="45"/>
        <v>#N/A</v>
      </c>
      <c r="F2877" t="str">
        <f>IF(C2877="CLAY", INDEX(D$4:D2877, MATCH("CLAY", C$4:C2877, 0)), "")</f>
        <v/>
      </c>
    </row>
    <row r="2878" spans="1:6" x14ac:dyDescent="0.2">
      <c r="A2878" s="239">
        <f>'CPT Data'!B2886</f>
        <v>28.78</v>
      </c>
      <c r="B2878" s="3">
        <f>'CPT Data'!C2886</f>
        <v>28.773</v>
      </c>
      <c r="C2878" t="str">
        <f>'CPT Data'!P2886</f>
        <v>SAND</v>
      </c>
      <c r="D2878" t="e">
        <f>'CPT Data'!Q2886</f>
        <v>#N/A</v>
      </c>
      <c r="E2878" t="e">
        <f t="shared" si="45"/>
        <v>#N/A</v>
      </c>
      <c r="F2878" t="str">
        <f>IF(C2878="CLAY", INDEX(D$4:D2878, MATCH("CLAY", C$4:C2878, 0)), "")</f>
        <v/>
      </c>
    </row>
    <row r="2879" spans="1:6" x14ac:dyDescent="0.2">
      <c r="A2879" s="239">
        <f>'CPT Data'!B2887</f>
        <v>28.791</v>
      </c>
      <c r="B2879" s="3">
        <f>'CPT Data'!C2887</f>
        <v>28.783999999999999</v>
      </c>
      <c r="C2879" t="str">
        <f>'CPT Data'!P2887</f>
        <v>SAND</v>
      </c>
      <c r="D2879" t="e">
        <f>'CPT Data'!Q2887</f>
        <v>#N/A</v>
      </c>
      <c r="E2879" t="e">
        <f t="shared" si="45"/>
        <v>#N/A</v>
      </c>
      <c r="F2879" t="str">
        <f>IF(C2879="CLAY", INDEX(D$4:D2879, MATCH("CLAY", C$4:C2879, 0)), "")</f>
        <v/>
      </c>
    </row>
    <row r="2880" spans="1:6" x14ac:dyDescent="0.2">
      <c r="A2880" s="239">
        <f>'CPT Data'!B2888</f>
        <v>28.8</v>
      </c>
      <c r="B2880" s="3">
        <f>'CPT Data'!C2888</f>
        <v>28.792999999999999</v>
      </c>
      <c r="C2880" t="str">
        <f>'CPT Data'!P2888</f>
        <v>SAND</v>
      </c>
      <c r="D2880" t="e">
        <f>'CPT Data'!Q2888</f>
        <v>#N/A</v>
      </c>
      <c r="E2880" t="e">
        <f t="shared" si="45"/>
        <v>#N/A</v>
      </c>
      <c r="F2880" t="str">
        <f>IF(C2880="CLAY", INDEX(D$4:D2880, MATCH("CLAY", C$4:C2880, 0)), "")</f>
        <v/>
      </c>
    </row>
    <row r="2881" spans="1:6" x14ac:dyDescent="0.2">
      <c r="A2881" s="239">
        <f>'CPT Data'!B2889</f>
        <v>28.811</v>
      </c>
      <c r="B2881" s="3">
        <f>'CPT Data'!C2889</f>
        <v>28.803999999999998</v>
      </c>
      <c r="C2881" t="str">
        <f>'CPT Data'!P2889</f>
        <v>SAND</v>
      </c>
      <c r="D2881" t="e">
        <f>'CPT Data'!Q2889</f>
        <v>#N/A</v>
      </c>
      <c r="E2881" t="e">
        <f t="shared" si="45"/>
        <v>#N/A</v>
      </c>
      <c r="F2881" t="str">
        <f>IF(C2881="CLAY", INDEX(D$4:D2881, MATCH("CLAY", C$4:C2881, 0)), "")</f>
        <v/>
      </c>
    </row>
    <row r="2882" spans="1:6" x14ac:dyDescent="0.2">
      <c r="A2882" s="239">
        <f>'CPT Data'!B2890</f>
        <v>28.821000000000002</v>
      </c>
      <c r="B2882" s="3">
        <f>'CPT Data'!C2890</f>
        <v>28.814</v>
      </c>
      <c r="C2882" t="str">
        <f>'CPT Data'!P2890</f>
        <v>SAND</v>
      </c>
      <c r="D2882" t="e">
        <f>'CPT Data'!Q2890</f>
        <v>#N/A</v>
      </c>
      <c r="E2882" t="e">
        <f t="shared" si="45"/>
        <v>#N/A</v>
      </c>
      <c r="F2882" t="str">
        <f>IF(C2882="CLAY", INDEX(D$4:D2882, MATCH("CLAY", C$4:C2882, 0)), "")</f>
        <v/>
      </c>
    </row>
    <row r="2883" spans="1:6" x14ac:dyDescent="0.2">
      <c r="A2883" s="239">
        <f>'CPT Data'!B2891</f>
        <v>28.832000000000001</v>
      </c>
      <c r="B2883" s="3">
        <f>'CPT Data'!C2891</f>
        <v>28.824999999999999</v>
      </c>
      <c r="C2883" t="str">
        <f>'CPT Data'!P2891</f>
        <v>SAND</v>
      </c>
      <c r="D2883" t="e">
        <f>'CPT Data'!Q2891</f>
        <v>#N/A</v>
      </c>
      <c r="E2883" t="e">
        <f t="shared" si="45"/>
        <v>#N/A</v>
      </c>
      <c r="F2883" t="str">
        <f>IF(C2883="CLAY", INDEX(D$4:D2883, MATCH("CLAY", C$4:C2883, 0)), "")</f>
        <v/>
      </c>
    </row>
    <row r="2884" spans="1:6" x14ac:dyDescent="0.2">
      <c r="A2884" s="239">
        <f>'CPT Data'!B2892</f>
        <v>28.841999999999999</v>
      </c>
      <c r="B2884" s="3">
        <f>'CPT Data'!C2892</f>
        <v>28.834999999999997</v>
      </c>
      <c r="C2884" t="str">
        <f>'CPT Data'!P2892</f>
        <v>SAND</v>
      </c>
      <c r="D2884" t="e">
        <f>'CPT Data'!Q2892</f>
        <v>#N/A</v>
      </c>
      <c r="E2884" t="e">
        <f t="shared" si="45"/>
        <v>#N/A</v>
      </c>
      <c r="F2884" t="str">
        <f>IF(C2884="CLAY", INDEX(D$4:D2884, MATCH("CLAY", C$4:C2884, 0)), "")</f>
        <v/>
      </c>
    </row>
    <row r="2885" spans="1:6" x14ac:dyDescent="0.2">
      <c r="A2885" s="239">
        <f>'CPT Data'!B2893</f>
        <v>28.853000000000002</v>
      </c>
      <c r="B2885" s="3">
        <f>'CPT Data'!C2893</f>
        <v>28.846</v>
      </c>
      <c r="C2885" t="str">
        <f>'CPT Data'!P2893</f>
        <v>SAND</v>
      </c>
      <c r="D2885" t="e">
        <f>'CPT Data'!Q2893</f>
        <v>#N/A</v>
      </c>
      <c r="E2885" t="e">
        <f t="shared" si="45"/>
        <v>#N/A</v>
      </c>
      <c r="F2885" t="str">
        <f>IF(C2885="CLAY", INDEX(D$4:D2885, MATCH("CLAY", C$4:C2885, 0)), "")</f>
        <v/>
      </c>
    </row>
    <row r="2886" spans="1:6" x14ac:dyDescent="0.2">
      <c r="A2886" s="239">
        <f>'CPT Data'!B2894</f>
        <v>28.864000000000001</v>
      </c>
      <c r="B2886" s="3">
        <f>'CPT Data'!C2894</f>
        <v>28.856999999999999</v>
      </c>
      <c r="C2886" t="str">
        <f>'CPT Data'!P2894</f>
        <v>SAND</v>
      </c>
      <c r="D2886" t="e">
        <f>'CPT Data'!Q2894</f>
        <v>#N/A</v>
      </c>
      <c r="E2886" t="e">
        <f t="shared" si="45"/>
        <v>#N/A</v>
      </c>
      <c r="F2886" t="str">
        <f>IF(C2886="CLAY", INDEX(D$4:D2886, MATCH("CLAY", C$4:C2886, 0)), "")</f>
        <v/>
      </c>
    </row>
    <row r="2887" spans="1:6" x14ac:dyDescent="0.2">
      <c r="A2887" s="239">
        <f>'CPT Data'!B2895</f>
        <v>28.873000000000001</v>
      </c>
      <c r="B2887" s="3">
        <f>'CPT Data'!C2895</f>
        <v>28.866</v>
      </c>
      <c r="C2887" t="str">
        <f>'CPT Data'!P2895</f>
        <v>SAND</v>
      </c>
      <c r="D2887" t="e">
        <f>'CPT Data'!Q2895</f>
        <v>#N/A</v>
      </c>
      <c r="E2887" t="e">
        <f t="shared" si="45"/>
        <v>#N/A</v>
      </c>
      <c r="F2887" t="str">
        <f>IF(C2887="CLAY", INDEX(D$4:D2887, MATCH("CLAY", C$4:C2887, 0)), "")</f>
        <v/>
      </c>
    </row>
    <row r="2888" spans="1:6" x14ac:dyDescent="0.2">
      <c r="A2888" s="239">
        <f>'CPT Data'!B2896</f>
        <v>28.884</v>
      </c>
      <c r="B2888" s="3">
        <f>'CPT Data'!C2896</f>
        <v>28.876999999999999</v>
      </c>
      <c r="C2888" t="str">
        <f>'CPT Data'!P2896</f>
        <v>SAND</v>
      </c>
      <c r="D2888" t="e">
        <f>'CPT Data'!Q2896</f>
        <v>#N/A</v>
      </c>
      <c r="E2888" t="e">
        <f t="shared" si="45"/>
        <v>#N/A</v>
      </c>
      <c r="F2888" t="str">
        <f>IF(C2888="CLAY", INDEX(D$4:D2888, MATCH("CLAY", C$4:C2888, 0)), "")</f>
        <v/>
      </c>
    </row>
    <row r="2889" spans="1:6" x14ac:dyDescent="0.2">
      <c r="A2889" s="239">
        <f>'CPT Data'!B2897</f>
        <v>28.893000000000001</v>
      </c>
      <c r="B2889" s="3">
        <f>'CPT Data'!C2897</f>
        <v>28.885999999999999</v>
      </c>
      <c r="C2889" t="str">
        <f>'CPT Data'!P2897</f>
        <v>SAND</v>
      </c>
      <c r="D2889" t="e">
        <f>'CPT Data'!Q2897</f>
        <v>#N/A</v>
      </c>
      <c r="E2889" t="e">
        <f t="shared" si="45"/>
        <v>#N/A</v>
      </c>
      <c r="F2889" t="str">
        <f>IF(C2889="CLAY", INDEX(D$4:D2889, MATCH("CLAY", C$4:C2889, 0)), "")</f>
        <v/>
      </c>
    </row>
    <row r="2890" spans="1:6" x14ac:dyDescent="0.2">
      <c r="A2890" s="239">
        <f>'CPT Data'!B2898</f>
        <v>28.902000000000001</v>
      </c>
      <c r="B2890" s="3">
        <f>'CPT Data'!C2898</f>
        <v>28.895</v>
      </c>
      <c r="C2890" t="str">
        <f>'CPT Data'!P2898</f>
        <v>CLAY</v>
      </c>
      <c r="D2890">
        <f>'CPT Data'!Q2898</f>
        <v>467.44181308767764</v>
      </c>
      <c r="E2890">
        <f t="shared" si="45"/>
        <v>467.44181308767764</v>
      </c>
      <c r="F2890">
        <f>IF(C2890="CLAY", INDEX(D$4:D2890, MATCH("CLAY", C$4:C2890, 0)), "")</f>
        <v>0.75203252561341039</v>
      </c>
    </row>
    <row r="2891" spans="1:6" x14ac:dyDescent="0.2">
      <c r="A2891" s="239">
        <f>'CPT Data'!B2899</f>
        <v>28.913</v>
      </c>
      <c r="B2891" s="3">
        <f>'CPT Data'!C2899</f>
        <v>28.905999999999999</v>
      </c>
      <c r="C2891" t="str">
        <f>'CPT Data'!P2899</f>
        <v>CLAY</v>
      </c>
      <c r="D2891">
        <f>'CPT Data'!Q2899</f>
        <v>425.7011971570102</v>
      </c>
      <c r="E2891">
        <f t="shared" si="45"/>
        <v>467.44181308767764</v>
      </c>
      <c r="F2891">
        <f>IF(C2891="CLAY", INDEX(D$4:D2891, MATCH("CLAY", C$4:C2891, 0)), "")</f>
        <v>0.75203252561341039</v>
      </c>
    </row>
    <row r="2892" spans="1:6" x14ac:dyDescent="0.2">
      <c r="A2892" s="239">
        <f>'CPT Data'!B2900</f>
        <v>28.922000000000001</v>
      </c>
      <c r="B2892" s="3">
        <f>'CPT Data'!C2900</f>
        <v>28.914999999999999</v>
      </c>
      <c r="C2892" t="str">
        <f>'CPT Data'!P2900</f>
        <v>CLAY</v>
      </c>
      <c r="D2892">
        <f>'CPT Data'!Q2900</f>
        <v>389.78632308526159</v>
      </c>
      <c r="E2892">
        <f t="shared" si="45"/>
        <v>425.7011971570102</v>
      </c>
      <c r="F2892">
        <f>IF(C2892="CLAY", INDEX(D$4:D2892, MATCH("CLAY", C$4:C2892, 0)), "")</f>
        <v>0.75203252561341039</v>
      </c>
    </row>
    <row r="2893" spans="1:6" x14ac:dyDescent="0.2">
      <c r="A2893" s="239">
        <f>'CPT Data'!B2901</f>
        <v>28.931999999999999</v>
      </c>
      <c r="B2893" s="3">
        <f>'CPT Data'!C2901</f>
        <v>28.924999999999997</v>
      </c>
      <c r="C2893" t="str">
        <f>'CPT Data'!P2901</f>
        <v>CLAY</v>
      </c>
      <c r="D2893">
        <f>'CPT Data'!Q2901</f>
        <v>362.61984468678992</v>
      </c>
      <c r="E2893">
        <f t="shared" si="45"/>
        <v>389.78632308526159</v>
      </c>
      <c r="F2893">
        <f>IF(C2893="CLAY", INDEX(D$4:D2893, MATCH("CLAY", C$4:C2893, 0)), "")</f>
        <v>0.75203252561341039</v>
      </c>
    </row>
    <row r="2894" spans="1:6" x14ac:dyDescent="0.2">
      <c r="A2894" s="239">
        <f>'CPT Data'!B2902</f>
        <v>28.942</v>
      </c>
      <c r="B2894" s="3">
        <f>'CPT Data'!C2902</f>
        <v>28.934999999999999</v>
      </c>
      <c r="C2894" t="str">
        <f>'CPT Data'!P2902</f>
        <v>CLAY</v>
      </c>
      <c r="D2894">
        <f>'CPT Data'!Q2902</f>
        <v>346.53796546430135</v>
      </c>
      <c r="E2894">
        <f t="shared" si="45"/>
        <v>362.61984468678992</v>
      </c>
      <c r="F2894">
        <f>IF(C2894="CLAY", INDEX(D$4:D2894, MATCH("CLAY", C$4:C2894, 0)), "")</f>
        <v>0.75203252561341039</v>
      </c>
    </row>
    <row r="2895" spans="1:6" x14ac:dyDescent="0.2">
      <c r="A2895" s="239">
        <f>'CPT Data'!B2903</f>
        <v>28.952000000000002</v>
      </c>
      <c r="B2895" s="3">
        <f>'CPT Data'!C2903</f>
        <v>28.945</v>
      </c>
      <c r="C2895" t="str">
        <f>'CPT Data'!P2903</f>
        <v>CLAY</v>
      </c>
      <c r="D2895">
        <f>'CPT Data'!Q2903</f>
        <v>334.26734448614326</v>
      </c>
      <c r="E2895">
        <f t="shared" si="45"/>
        <v>346.53796546430135</v>
      </c>
      <c r="F2895">
        <f>IF(C2895="CLAY", INDEX(D$4:D2895, MATCH("CLAY", C$4:C2895, 0)), "")</f>
        <v>0.75203252561341039</v>
      </c>
    </row>
    <row r="2896" spans="1:6" x14ac:dyDescent="0.2">
      <c r="A2896" s="239">
        <f>'CPT Data'!B2904</f>
        <v>28.960999999999999</v>
      </c>
      <c r="B2896" s="3">
        <f>'CPT Data'!C2904</f>
        <v>28.953999999999997</v>
      </c>
      <c r="C2896" t="str">
        <f>'CPT Data'!P2904</f>
        <v>CLAY</v>
      </c>
      <c r="D2896">
        <f>'CPT Data'!Q2904</f>
        <v>327.28928954638076</v>
      </c>
      <c r="E2896">
        <f t="shared" si="45"/>
        <v>334.26734448614326</v>
      </c>
      <c r="F2896">
        <f>IF(C2896="CLAY", INDEX(D$4:D2896, MATCH("CLAY", C$4:C2896, 0)), "")</f>
        <v>0.75203252561341039</v>
      </c>
    </row>
    <row r="2897" spans="1:6" x14ac:dyDescent="0.2">
      <c r="A2897" s="239">
        <f>'CPT Data'!B2905</f>
        <v>28.972000000000001</v>
      </c>
      <c r="B2897" s="3">
        <f>'CPT Data'!C2905</f>
        <v>28.965</v>
      </c>
      <c r="C2897" t="str">
        <f>'CPT Data'!P2905</f>
        <v>CLAY</v>
      </c>
      <c r="D2897">
        <f>'CPT Data'!Q2905</f>
        <v>314.50440028597444</v>
      </c>
      <c r="E2897">
        <f t="shared" si="45"/>
        <v>327.28928954638076</v>
      </c>
      <c r="F2897">
        <f>IF(C2897="CLAY", INDEX(D$4:D2897, MATCH("CLAY", C$4:C2897, 0)), "")</f>
        <v>0.75203252561341039</v>
      </c>
    </row>
    <row r="2898" spans="1:6" x14ac:dyDescent="0.2">
      <c r="A2898" s="239">
        <f>'CPT Data'!B2906</f>
        <v>28.981999999999999</v>
      </c>
      <c r="B2898" s="3">
        <f>'CPT Data'!C2906</f>
        <v>28.974999999999998</v>
      </c>
      <c r="C2898" t="str">
        <f>'CPT Data'!P2906</f>
        <v>CLAY</v>
      </c>
      <c r="D2898">
        <f>'CPT Data'!Q2906</f>
        <v>298.3904547704272</v>
      </c>
      <c r="E2898">
        <f t="shared" si="45"/>
        <v>314.50440028597444</v>
      </c>
      <c r="F2898">
        <f>IF(C2898="CLAY", INDEX(D$4:D2898, MATCH("CLAY", C$4:C2898, 0)), "")</f>
        <v>0.75203252561341039</v>
      </c>
    </row>
    <row r="2899" spans="1:6" x14ac:dyDescent="0.2">
      <c r="A2899" s="239">
        <f>'CPT Data'!B2907</f>
        <v>28.991</v>
      </c>
      <c r="B2899" s="3">
        <f>'CPT Data'!C2907</f>
        <v>28.983999999999998</v>
      </c>
      <c r="C2899" t="str">
        <f>'CPT Data'!P2907</f>
        <v>CLAY</v>
      </c>
      <c r="D2899">
        <f>'CPT Data'!Q2907</f>
        <v>289.20330686295546</v>
      </c>
      <c r="E2899">
        <f t="shared" si="45"/>
        <v>298.3904547704272</v>
      </c>
      <c r="F2899">
        <f>IF(C2899="CLAY", INDEX(D$4:D2899, MATCH("CLAY", C$4:C2899, 0)), "")</f>
        <v>0.75203252561341039</v>
      </c>
    </row>
    <row r="2900" spans="1:6" x14ac:dyDescent="0.2">
      <c r="A2900" s="239">
        <f>'CPT Data'!B2908</f>
        <v>29.001000000000001</v>
      </c>
      <c r="B2900" s="3">
        <f>'CPT Data'!C2908</f>
        <v>28.994</v>
      </c>
      <c r="C2900" t="str">
        <f>'CPT Data'!P2908</f>
        <v>CLAY</v>
      </c>
      <c r="D2900">
        <f>'CPT Data'!Q2908</f>
        <v>297.4522182391504</v>
      </c>
      <c r="E2900">
        <f t="shared" si="45"/>
        <v>289.20330686295546</v>
      </c>
      <c r="F2900">
        <f>IF(C2900="CLAY", INDEX(D$4:D2900, MATCH("CLAY", C$4:C2900, 0)), "")</f>
        <v>0.75203252561341039</v>
      </c>
    </row>
    <row r="2901" spans="1:6" x14ac:dyDescent="0.2">
      <c r="A2901" s="239">
        <f>'CPT Data'!B2909</f>
        <v>29.010999999999999</v>
      </c>
      <c r="B2901" s="3">
        <f>'CPT Data'!C2909</f>
        <v>29.003999999999998</v>
      </c>
      <c r="C2901" t="str">
        <f>'CPT Data'!P2909</f>
        <v>CLAY</v>
      </c>
      <c r="D2901">
        <f>'CPT Data'!Q2909</f>
        <v>306.84863034364656</v>
      </c>
      <c r="E2901">
        <f t="shared" si="45"/>
        <v>297.4522182391504</v>
      </c>
      <c r="F2901">
        <f>IF(C2901="CLAY", INDEX(D$4:D2901, MATCH("CLAY", C$4:C2901, 0)), "")</f>
        <v>0.75203252561341039</v>
      </c>
    </row>
    <row r="2902" spans="1:6" x14ac:dyDescent="0.2">
      <c r="A2902" s="239">
        <f>'CPT Data'!B2910</f>
        <v>29.02</v>
      </c>
      <c r="B2902" s="3">
        <f>'CPT Data'!C2910</f>
        <v>29.012999999999998</v>
      </c>
      <c r="C2902" t="str">
        <f>'CPT Data'!P2910</f>
        <v>CLAY</v>
      </c>
      <c r="D2902">
        <f>'CPT Data'!Q2910</f>
        <v>301.47087407812944</v>
      </c>
      <c r="E2902">
        <f t="shared" si="45"/>
        <v>306.84863034364656</v>
      </c>
      <c r="F2902">
        <f>IF(C2902="CLAY", INDEX(D$4:D2902, MATCH("CLAY", C$4:C2902, 0)), "")</f>
        <v>0.75203252561341039</v>
      </c>
    </row>
    <row r="2903" spans="1:6" x14ac:dyDescent="0.2">
      <c r="A2903" s="239">
        <f>'CPT Data'!B2911</f>
        <v>29.03</v>
      </c>
      <c r="B2903" s="3">
        <f>'CPT Data'!C2911</f>
        <v>29.023</v>
      </c>
      <c r="C2903" t="str">
        <f>'CPT Data'!P2911</f>
        <v>CLAY</v>
      </c>
      <c r="D2903">
        <f>'CPT Data'!Q2911</f>
        <v>293.90026894721888</v>
      </c>
      <c r="E2903">
        <f t="shared" si="45"/>
        <v>301.47087407812944</v>
      </c>
      <c r="F2903">
        <f>IF(C2903="CLAY", INDEX(D$4:D2903, MATCH("CLAY", C$4:C2903, 0)), "")</f>
        <v>0.75203252561341039</v>
      </c>
    </row>
    <row r="2904" spans="1:6" x14ac:dyDescent="0.2">
      <c r="A2904" s="239">
        <f>'CPT Data'!B2912</f>
        <v>29.04</v>
      </c>
      <c r="B2904" s="3">
        <f>'CPT Data'!C2912</f>
        <v>29.032999999999998</v>
      </c>
      <c r="C2904" t="str">
        <f>'CPT Data'!P2912</f>
        <v>CLAY</v>
      </c>
      <c r="D2904">
        <f>'CPT Data'!Q2912</f>
        <v>276.85785461159821</v>
      </c>
      <c r="E2904">
        <f t="shared" si="45"/>
        <v>293.90026894721888</v>
      </c>
      <c r="F2904">
        <f>IF(C2904="CLAY", INDEX(D$4:D2904, MATCH("CLAY", C$4:C2904, 0)), "")</f>
        <v>0.75203252561341039</v>
      </c>
    </row>
    <row r="2905" spans="1:6" x14ac:dyDescent="0.2">
      <c r="A2905" s="239">
        <f>'CPT Data'!B2913</f>
        <v>29.05</v>
      </c>
      <c r="B2905" s="3">
        <f>'CPT Data'!C2913</f>
        <v>29.042999999999999</v>
      </c>
      <c r="C2905" t="str">
        <f>'CPT Data'!P2913</f>
        <v>CLAY</v>
      </c>
      <c r="D2905">
        <f>'CPT Data'!Q2913</f>
        <v>270.90201190238417</v>
      </c>
      <c r="E2905">
        <f t="shared" si="45"/>
        <v>276.85785461159821</v>
      </c>
      <c r="F2905">
        <f>IF(C2905="CLAY", INDEX(D$4:D2905, MATCH("CLAY", C$4:C2905, 0)), "")</f>
        <v>0.75203252561341039</v>
      </c>
    </row>
    <row r="2906" spans="1:6" x14ac:dyDescent="0.2">
      <c r="A2906" s="239">
        <f>'CPT Data'!B2914</f>
        <v>29.06</v>
      </c>
      <c r="B2906" s="3">
        <f>'CPT Data'!C2914</f>
        <v>29.052999999999997</v>
      </c>
      <c r="C2906" t="str">
        <f>'CPT Data'!P2914</f>
        <v>CLAY</v>
      </c>
      <c r="D2906">
        <f>'CPT Data'!Q2914</f>
        <v>260.30969490511524</v>
      </c>
      <c r="E2906">
        <f t="shared" si="45"/>
        <v>270.90201190238417</v>
      </c>
      <c r="F2906">
        <f>IF(C2906="CLAY", INDEX(D$4:D2906, MATCH("CLAY", C$4:C2906, 0)), "")</f>
        <v>0.75203252561341039</v>
      </c>
    </row>
    <row r="2907" spans="1:6" x14ac:dyDescent="0.2">
      <c r="A2907" s="239">
        <f>'CPT Data'!B2915</f>
        <v>29.07</v>
      </c>
      <c r="B2907" s="3">
        <f>'CPT Data'!C2915</f>
        <v>29.062999999999999</v>
      </c>
      <c r="C2907" t="str">
        <f>'CPT Data'!P2915</f>
        <v>CLAY</v>
      </c>
      <c r="D2907">
        <f>'CPT Data'!Q2915</f>
        <v>259.42337598155018</v>
      </c>
      <c r="E2907">
        <f t="shared" ref="E2907:E2970" si="46">IF(C2907="SAND",#N/A,IF(C2907=C2906,D2906,IF(C2907="CLAY",D2907,#N/A)))</f>
        <v>260.30969490511524</v>
      </c>
      <c r="F2907">
        <f>IF(C2907="CLAY", INDEX(D$4:D2907, MATCH("CLAY", C$4:C2907, 0)), "")</f>
        <v>0.75203252561341039</v>
      </c>
    </row>
    <row r="2908" spans="1:6" x14ac:dyDescent="0.2">
      <c r="A2908" s="239">
        <f>'CPT Data'!B2916</f>
        <v>29.079000000000001</v>
      </c>
      <c r="B2908" s="3">
        <f>'CPT Data'!C2916</f>
        <v>29.071999999999999</v>
      </c>
      <c r="C2908" t="str">
        <f>'CPT Data'!P2916</f>
        <v>CLAY</v>
      </c>
      <c r="D2908">
        <f>'CPT Data'!Q2916</f>
        <v>261.10990133155207</v>
      </c>
      <c r="E2908">
        <f t="shared" si="46"/>
        <v>259.42337598155018</v>
      </c>
      <c r="F2908">
        <f>IF(C2908="CLAY", INDEX(D$4:D2908, MATCH("CLAY", C$4:C2908, 0)), "")</f>
        <v>0.75203252561341039</v>
      </c>
    </row>
    <row r="2909" spans="1:6" x14ac:dyDescent="0.2">
      <c r="A2909" s="239">
        <f>'CPT Data'!B2917</f>
        <v>29.088000000000001</v>
      </c>
      <c r="B2909" s="3">
        <f>'CPT Data'!C2917</f>
        <v>29.081</v>
      </c>
      <c r="C2909" t="str">
        <f>'CPT Data'!P2917</f>
        <v>CLAY</v>
      </c>
      <c r="D2909">
        <f>'CPT Data'!Q2917</f>
        <v>263.52683322016111</v>
      </c>
      <c r="E2909">
        <f t="shared" si="46"/>
        <v>261.10990133155207</v>
      </c>
      <c r="F2909">
        <f>IF(C2909="CLAY", INDEX(D$4:D2909, MATCH("CLAY", C$4:C2909, 0)), "")</f>
        <v>0.75203252561341039</v>
      </c>
    </row>
    <row r="2910" spans="1:6" x14ac:dyDescent="0.2">
      <c r="A2910" s="239">
        <f>'CPT Data'!B2918</f>
        <v>29.099</v>
      </c>
      <c r="B2910" s="3">
        <f>'CPT Data'!C2918</f>
        <v>29.091999999999999</v>
      </c>
      <c r="C2910" t="str">
        <f>'CPT Data'!P2918</f>
        <v>CLAY</v>
      </c>
      <c r="D2910">
        <f>'CPT Data'!Q2918</f>
        <v>263.25138993970751</v>
      </c>
      <c r="E2910">
        <f t="shared" si="46"/>
        <v>263.52683322016111</v>
      </c>
      <c r="F2910">
        <f>IF(C2910="CLAY", INDEX(D$4:D2910, MATCH("CLAY", C$4:C2910, 0)), "")</f>
        <v>0.75203252561341039</v>
      </c>
    </row>
    <row r="2911" spans="1:6" x14ac:dyDescent="0.2">
      <c r="A2911" s="239">
        <f>'CPT Data'!B2919</f>
        <v>29.108000000000001</v>
      </c>
      <c r="B2911" s="3">
        <f>'CPT Data'!C2919</f>
        <v>29.100999999999999</v>
      </c>
      <c r="C2911" t="str">
        <f>'CPT Data'!P2919</f>
        <v>CLAY</v>
      </c>
      <c r="D2911">
        <f>'CPT Data'!Q2919</f>
        <v>257.44432426352392</v>
      </c>
      <c r="E2911">
        <f t="shared" si="46"/>
        <v>263.25138993970751</v>
      </c>
      <c r="F2911">
        <f>IF(C2911="CLAY", INDEX(D$4:D2911, MATCH("CLAY", C$4:C2911, 0)), "")</f>
        <v>0.75203252561341039</v>
      </c>
    </row>
    <row r="2912" spans="1:6" x14ac:dyDescent="0.2">
      <c r="A2912" s="239">
        <f>'CPT Data'!B2920</f>
        <v>29.119</v>
      </c>
      <c r="B2912" s="3">
        <f>'CPT Data'!C2920</f>
        <v>29.111999999999998</v>
      </c>
      <c r="C2912" t="str">
        <f>'CPT Data'!P2920</f>
        <v>CLAY</v>
      </c>
      <c r="D2912">
        <f>'CPT Data'!Q2920</f>
        <v>248.40172320227643</v>
      </c>
      <c r="E2912">
        <f t="shared" si="46"/>
        <v>257.44432426352392</v>
      </c>
      <c r="F2912">
        <f>IF(C2912="CLAY", INDEX(D$4:D2912, MATCH("CLAY", C$4:C2912, 0)), "")</f>
        <v>0.75203252561341039</v>
      </c>
    </row>
    <row r="2913" spans="1:6" x14ac:dyDescent="0.2">
      <c r="A2913" s="239">
        <f>'CPT Data'!B2921</f>
        <v>29.128</v>
      </c>
      <c r="B2913" s="3">
        <f>'CPT Data'!C2921</f>
        <v>29.120999999999999</v>
      </c>
      <c r="C2913" t="str">
        <f>'CPT Data'!P2921</f>
        <v>CLAY</v>
      </c>
      <c r="D2913">
        <f>'CPT Data'!Q2921</f>
        <v>240.60476144872538</v>
      </c>
      <c r="E2913">
        <f t="shared" si="46"/>
        <v>248.40172320227643</v>
      </c>
      <c r="F2913">
        <f>IF(C2913="CLAY", INDEX(D$4:D2913, MATCH("CLAY", C$4:C2913, 0)), "")</f>
        <v>0.75203252561341039</v>
      </c>
    </row>
    <row r="2914" spans="1:6" x14ac:dyDescent="0.2">
      <c r="A2914" s="239">
        <f>'CPT Data'!B2922</f>
        <v>29.137</v>
      </c>
      <c r="B2914" s="3">
        <f>'CPT Data'!C2922</f>
        <v>29.13</v>
      </c>
      <c r="C2914" t="str">
        <f>'CPT Data'!P2922</f>
        <v>CLAY</v>
      </c>
      <c r="D2914">
        <f>'CPT Data'!Q2922</f>
        <v>228.3822329907612</v>
      </c>
      <c r="E2914">
        <f t="shared" si="46"/>
        <v>240.60476144872538</v>
      </c>
      <c r="F2914">
        <f>IF(C2914="CLAY", INDEX(D$4:D2914, MATCH("CLAY", C$4:C2914, 0)), "")</f>
        <v>0.75203252561341039</v>
      </c>
    </row>
    <row r="2915" spans="1:6" x14ac:dyDescent="0.2">
      <c r="A2915" s="239">
        <f>'CPT Data'!B2923</f>
        <v>29.148</v>
      </c>
      <c r="B2915" s="3">
        <f>'CPT Data'!C2923</f>
        <v>29.140999999999998</v>
      </c>
      <c r="C2915" t="str">
        <f>'CPT Data'!P2923</f>
        <v>CLAY</v>
      </c>
      <c r="D2915">
        <f>'CPT Data'!Q2923</f>
        <v>218.60505180742871</v>
      </c>
      <c r="E2915">
        <f t="shared" si="46"/>
        <v>228.3822329907612</v>
      </c>
      <c r="F2915">
        <f>IF(C2915="CLAY", INDEX(D$4:D2915, MATCH("CLAY", C$4:C2915, 0)), "")</f>
        <v>0.75203252561341039</v>
      </c>
    </row>
    <row r="2916" spans="1:6" x14ac:dyDescent="0.2">
      <c r="A2916" s="239">
        <f>'CPT Data'!B2924</f>
        <v>29.157</v>
      </c>
      <c r="B2916" s="3">
        <f>'CPT Data'!C2924</f>
        <v>29.15</v>
      </c>
      <c r="C2916" t="str">
        <f>'CPT Data'!P2924</f>
        <v>CLAY</v>
      </c>
      <c r="D2916">
        <f>'CPT Data'!Q2924</f>
        <v>210.67229840700588</v>
      </c>
      <c r="E2916">
        <f t="shared" si="46"/>
        <v>218.60505180742871</v>
      </c>
      <c r="F2916">
        <f>IF(C2916="CLAY", INDEX(D$4:D2916, MATCH("CLAY", C$4:C2916, 0)), "")</f>
        <v>0.75203252561341039</v>
      </c>
    </row>
    <row r="2917" spans="1:6" x14ac:dyDescent="0.2">
      <c r="A2917" s="239">
        <f>'CPT Data'!B2925</f>
        <v>29.167000000000002</v>
      </c>
      <c r="B2917" s="3">
        <f>'CPT Data'!C2925</f>
        <v>29.16</v>
      </c>
      <c r="C2917" t="str">
        <f>'CPT Data'!P2925</f>
        <v>CLAY</v>
      </c>
      <c r="D2917">
        <f>'CPT Data'!Q2925</f>
        <v>197.8596978374724</v>
      </c>
      <c r="E2917">
        <f t="shared" si="46"/>
        <v>210.67229840700588</v>
      </c>
      <c r="F2917">
        <f>IF(C2917="CLAY", INDEX(D$4:D2917, MATCH("CLAY", C$4:C2917, 0)), "")</f>
        <v>0.75203252561341039</v>
      </c>
    </row>
    <row r="2918" spans="1:6" x14ac:dyDescent="0.2">
      <c r="A2918" s="239">
        <f>'CPT Data'!B2926</f>
        <v>29.177</v>
      </c>
      <c r="B2918" s="3">
        <f>'CPT Data'!C2926</f>
        <v>29.169999999999998</v>
      </c>
      <c r="C2918" t="str">
        <f>'CPT Data'!P2926</f>
        <v>CLAY</v>
      </c>
      <c r="D2918">
        <f>'CPT Data'!Q2926</f>
        <v>179.36745674572185</v>
      </c>
      <c r="E2918">
        <f t="shared" si="46"/>
        <v>197.8596978374724</v>
      </c>
      <c r="F2918">
        <f>IF(C2918="CLAY", INDEX(D$4:D2918, MATCH("CLAY", C$4:C2918, 0)), "")</f>
        <v>0.75203252561341039</v>
      </c>
    </row>
    <row r="2919" spans="1:6" x14ac:dyDescent="0.2">
      <c r="A2919" s="239">
        <f>'CPT Data'!B2927</f>
        <v>29.187000000000001</v>
      </c>
      <c r="B2919" s="3">
        <f>'CPT Data'!C2927</f>
        <v>29.18</v>
      </c>
      <c r="C2919" t="str">
        <f>'CPT Data'!P2927</f>
        <v>CLAY</v>
      </c>
      <c r="D2919">
        <f>'CPT Data'!Q2927</f>
        <v>165.87428572857661</v>
      </c>
      <c r="E2919">
        <f t="shared" si="46"/>
        <v>179.36745674572185</v>
      </c>
      <c r="F2919">
        <f>IF(C2919="CLAY", INDEX(D$4:D2919, MATCH("CLAY", C$4:C2919, 0)), "")</f>
        <v>0.75203252561341039</v>
      </c>
    </row>
    <row r="2920" spans="1:6" x14ac:dyDescent="0.2">
      <c r="A2920" s="239">
        <f>'CPT Data'!B2928</f>
        <v>29.196999999999999</v>
      </c>
      <c r="B2920" s="3">
        <f>'CPT Data'!C2928</f>
        <v>29.189999999999998</v>
      </c>
      <c r="C2920" t="str">
        <f>'CPT Data'!P2928</f>
        <v>CLAY</v>
      </c>
      <c r="D2920">
        <f>'CPT Data'!Q2928</f>
        <v>153.31114922244839</v>
      </c>
      <c r="E2920">
        <f t="shared" si="46"/>
        <v>165.87428572857661</v>
      </c>
      <c r="F2920">
        <f>IF(C2920="CLAY", INDEX(D$4:D2920, MATCH("CLAY", C$4:C2920, 0)), "")</f>
        <v>0.75203252561341039</v>
      </c>
    </row>
    <row r="2921" spans="1:6" x14ac:dyDescent="0.2">
      <c r="A2921" s="239">
        <f>'CPT Data'!B2929</f>
        <v>29.207000000000001</v>
      </c>
      <c r="B2921" s="3">
        <f>'CPT Data'!C2929</f>
        <v>29.2</v>
      </c>
      <c r="C2921" t="str">
        <f>'CPT Data'!P2929</f>
        <v>CLAY</v>
      </c>
      <c r="D2921">
        <f>'CPT Data'!Q2929</f>
        <v>144.24072026997979</v>
      </c>
      <c r="E2921">
        <f t="shared" si="46"/>
        <v>153.31114922244839</v>
      </c>
      <c r="F2921">
        <f>IF(C2921="CLAY", INDEX(D$4:D2921, MATCH("CLAY", C$4:C2921, 0)), "")</f>
        <v>0.75203252561341039</v>
      </c>
    </row>
    <row r="2922" spans="1:6" x14ac:dyDescent="0.2">
      <c r="A2922" s="239">
        <f>'CPT Data'!B2930</f>
        <v>29.216000000000001</v>
      </c>
      <c r="B2922" s="3">
        <f>'CPT Data'!C2930</f>
        <v>29.209</v>
      </c>
      <c r="C2922" t="str">
        <f>'CPT Data'!P2930</f>
        <v>CLAY</v>
      </c>
      <c r="D2922">
        <f>'CPT Data'!Q2930</f>
        <v>146.75629131730645</v>
      </c>
      <c r="E2922">
        <f t="shared" si="46"/>
        <v>144.24072026997979</v>
      </c>
      <c r="F2922">
        <f>IF(C2922="CLAY", INDEX(D$4:D2922, MATCH("CLAY", C$4:C2922, 0)), "")</f>
        <v>0.75203252561341039</v>
      </c>
    </row>
    <row r="2923" spans="1:6" x14ac:dyDescent="0.2">
      <c r="A2923" s="239">
        <f>'CPT Data'!B2931</f>
        <v>29.227</v>
      </c>
      <c r="B2923" s="3">
        <f>'CPT Data'!C2931</f>
        <v>29.22</v>
      </c>
      <c r="C2923" t="str">
        <f>'CPT Data'!P2931</f>
        <v>CLAY</v>
      </c>
      <c r="D2923">
        <f>'CPT Data'!Q2931</f>
        <v>154.70129812761661</v>
      </c>
      <c r="E2923">
        <f t="shared" si="46"/>
        <v>146.75629131730645</v>
      </c>
      <c r="F2923">
        <f>IF(C2923="CLAY", INDEX(D$4:D2923, MATCH("CLAY", C$4:C2923, 0)), "")</f>
        <v>0.75203252561341039</v>
      </c>
    </row>
    <row r="2924" spans="1:6" x14ac:dyDescent="0.2">
      <c r="A2924" s="239">
        <f>'CPT Data'!B2932</f>
        <v>29.236000000000001</v>
      </c>
      <c r="B2924" s="3">
        <f>'CPT Data'!C2932</f>
        <v>29.228999999999999</v>
      </c>
      <c r="C2924" t="str">
        <f>'CPT Data'!P2932</f>
        <v>CLAY</v>
      </c>
      <c r="D2924">
        <f>'CPT Data'!Q2932</f>
        <v>177.48406531980018</v>
      </c>
      <c r="E2924">
        <f t="shared" si="46"/>
        <v>154.70129812761661</v>
      </c>
      <c r="F2924">
        <f>IF(C2924="CLAY", INDEX(D$4:D2924, MATCH("CLAY", C$4:C2924, 0)), "")</f>
        <v>0.75203252561341039</v>
      </c>
    </row>
    <row r="2925" spans="1:6" x14ac:dyDescent="0.2">
      <c r="A2925" s="239">
        <f>'CPT Data'!B2933</f>
        <v>29.245999999999999</v>
      </c>
      <c r="B2925" s="3">
        <f>'CPT Data'!C2933</f>
        <v>29.238999999999997</v>
      </c>
      <c r="C2925" t="str">
        <f>'CPT Data'!P2933</f>
        <v>CLAY</v>
      </c>
      <c r="D2925">
        <f>'CPT Data'!Q2933</f>
        <v>205.7389137554735</v>
      </c>
      <c r="E2925">
        <f t="shared" si="46"/>
        <v>177.48406531980018</v>
      </c>
      <c r="F2925">
        <f>IF(C2925="CLAY", INDEX(D$4:D2925, MATCH("CLAY", C$4:C2925, 0)), "")</f>
        <v>0.75203252561341039</v>
      </c>
    </row>
    <row r="2926" spans="1:6" x14ac:dyDescent="0.2">
      <c r="A2926" s="239">
        <f>'CPT Data'!B2934</f>
        <v>29.254999999999999</v>
      </c>
      <c r="B2926" s="3">
        <f>'CPT Data'!C2934</f>
        <v>29.247999999999998</v>
      </c>
      <c r="C2926" t="str">
        <f>'CPT Data'!P2934</f>
        <v>CLAY</v>
      </c>
      <c r="D2926">
        <f>'CPT Data'!Q2934</f>
        <v>231.63494333742707</v>
      </c>
      <c r="E2926">
        <f t="shared" si="46"/>
        <v>205.7389137554735</v>
      </c>
      <c r="F2926">
        <f>IF(C2926="CLAY", INDEX(D$4:D2926, MATCH("CLAY", C$4:C2926, 0)), "")</f>
        <v>0.75203252561341039</v>
      </c>
    </row>
    <row r="2927" spans="1:6" x14ac:dyDescent="0.2">
      <c r="A2927" s="239">
        <f>'CPT Data'!B2935</f>
        <v>29.265000000000001</v>
      </c>
      <c r="B2927" s="3">
        <f>'CPT Data'!C2935</f>
        <v>29.257999999999999</v>
      </c>
      <c r="C2927" t="str">
        <f>'CPT Data'!P2935</f>
        <v>CLAY</v>
      </c>
      <c r="D2927">
        <f>'CPT Data'!Q2935</f>
        <v>260.02070311480014</v>
      </c>
      <c r="E2927">
        <f t="shared" si="46"/>
        <v>231.63494333742707</v>
      </c>
      <c r="F2927">
        <f>IF(C2927="CLAY", INDEX(D$4:D2927, MATCH("CLAY", C$4:C2927, 0)), "")</f>
        <v>0.75203252561341039</v>
      </c>
    </row>
    <row r="2928" spans="1:6" x14ac:dyDescent="0.2">
      <c r="A2928" s="239">
        <f>'CPT Data'!B2936</f>
        <v>29.274999999999999</v>
      </c>
      <c r="B2928" s="3">
        <f>'CPT Data'!C2936</f>
        <v>29.267999999999997</v>
      </c>
      <c r="C2928" t="str">
        <f>'CPT Data'!P2936</f>
        <v>CLAY</v>
      </c>
      <c r="D2928">
        <f>'CPT Data'!Q2936</f>
        <v>285.5251267104494</v>
      </c>
      <c r="E2928">
        <f t="shared" si="46"/>
        <v>260.02070311480014</v>
      </c>
      <c r="F2928">
        <f>IF(C2928="CLAY", INDEX(D$4:D2928, MATCH("CLAY", C$4:C2928, 0)), "")</f>
        <v>0.75203252561341039</v>
      </c>
    </row>
    <row r="2929" spans="1:6" x14ac:dyDescent="0.2">
      <c r="A2929" s="239">
        <f>'CPT Data'!B2937</f>
        <v>29.285</v>
      </c>
      <c r="B2929" s="3">
        <f>'CPT Data'!C2937</f>
        <v>29.277999999999999</v>
      </c>
      <c r="C2929" t="str">
        <f>'CPT Data'!P2937</f>
        <v>CLAY</v>
      </c>
      <c r="D2929">
        <f>'CPT Data'!Q2937</f>
        <v>301.09258671293753</v>
      </c>
      <c r="E2929">
        <f t="shared" si="46"/>
        <v>285.5251267104494</v>
      </c>
      <c r="F2929">
        <f>IF(C2929="CLAY", INDEX(D$4:D2929, MATCH("CLAY", C$4:C2929, 0)), "")</f>
        <v>0.75203252561341039</v>
      </c>
    </row>
    <row r="2930" spans="1:6" x14ac:dyDescent="0.2">
      <c r="A2930" s="239">
        <f>'CPT Data'!B2938</f>
        <v>29.295000000000002</v>
      </c>
      <c r="B2930" s="3">
        <f>'CPT Data'!C2938</f>
        <v>29.288</v>
      </c>
      <c r="C2930" t="str">
        <f>'CPT Data'!P2938</f>
        <v>CLAY</v>
      </c>
      <c r="D2930">
        <f>'CPT Data'!Q2938</f>
        <v>312.39240317234766</v>
      </c>
      <c r="E2930">
        <f t="shared" si="46"/>
        <v>301.09258671293753</v>
      </c>
      <c r="F2930">
        <f>IF(C2930="CLAY", INDEX(D$4:D2930, MATCH("CLAY", C$4:C2930, 0)), "")</f>
        <v>0.75203252561341039</v>
      </c>
    </row>
    <row r="2931" spans="1:6" x14ac:dyDescent="0.2">
      <c r="A2931" s="239">
        <f>'CPT Data'!B2939</f>
        <v>29.305</v>
      </c>
      <c r="B2931" s="3">
        <f>'CPT Data'!C2939</f>
        <v>29.297999999999998</v>
      </c>
      <c r="C2931" t="str">
        <f>'CPT Data'!P2939</f>
        <v>CLAY</v>
      </c>
      <c r="D2931">
        <f>'CPT Data'!Q2939</f>
        <v>319.78226619586871</v>
      </c>
      <c r="E2931">
        <f t="shared" si="46"/>
        <v>312.39240317234766</v>
      </c>
      <c r="F2931">
        <f>IF(C2931="CLAY", INDEX(D$4:D2931, MATCH("CLAY", C$4:C2931, 0)), "")</f>
        <v>0.75203252561341039</v>
      </c>
    </row>
    <row r="2932" spans="1:6" x14ac:dyDescent="0.2">
      <c r="A2932" s="239">
        <f>'CPT Data'!B2940</f>
        <v>29.314</v>
      </c>
      <c r="B2932" s="3">
        <f>'CPT Data'!C2940</f>
        <v>29.306999999999999</v>
      </c>
      <c r="C2932" t="str">
        <f>'CPT Data'!P2940</f>
        <v>CLAY</v>
      </c>
      <c r="D2932">
        <f>'CPT Data'!Q2940</f>
        <v>331.91325914424789</v>
      </c>
      <c r="E2932">
        <f t="shared" si="46"/>
        <v>319.78226619586871</v>
      </c>
      <c r="F2932">
        <f>IF(C2932="CLAY", INDEX(D$4:D2932, MATCH("CLAY", C$4:C2932, 0)), "")</f>
        <v>0.75203252561341039</v>
      </c>
    </row>
    <row r="2933" spans="1:6" x14ac:dyDescent="0.2">
      <c r="A2933" s="239">
        <f>'CPT Data'!B2941</f>
        <v>29.324000000000002</v>
      </c>
      <c r="B2933" s="3">
        <f>'CPT Data'!C2941</f>
        <v>29.317</v>
      </c>
      <c r="C2933" t="str">
        <f>'CPT Data'!P2941</f>
        <v>CLAY</v>
      </c>
      <c r="D2933">
        <f>'CPT Data'!Q2941</f>
        <v>343.6142916343502</v>
      </c>
      <c r="E2933">
        <f t="shared" si="46"/>
        <v>331.91325914424789</v>
      </c>
      <c r="F2933">
        <f>IF(C2933="CLAY", INDEX(D$4:D2933, MATCH("CLAY", C$4:C2933, 0)), "")</f>
        <v>0.75203252561341039</v>
      </c>
    </row>
    <row r="2934" spans="1:6" x14ac:dyDescent="0.2">
      <c r="A2934" s="239">
        <f>'CPT Data'!B2942</f>
        <v>29.334</v>
      </c>
      <c r="B2934" s="3">
        <f>'CPT Data'!C2942</f>
        <v>29.326999999999998</v>
      </c>
      <c r="C2934" t="str">
        <f>'CPT Data'!P2942</f>
        <v>CLAY</v>
      </c>
      <c r="D2934">
        <f>'CPT Data'!Q2942</f>
        <v>358.58174385030458</v>
      </c>
      <c r="E2934">
        <f t="shared" si="46"/>
        <v>343.6142916343502</v>
      </c>
      <c r="F2934">
        <f>IF(C2934="CLAY", INDEX(D$4:D2934, MATCH("CLAY", C$4:C2934, 0)), "")</f>
        <v>0.75203252561341039</v>
      </c>
    </row>
    <row r="2935" spans="1:6" x14ac:dyDescent="0.2">
      <c r="A2935" s="239">
        <f>'CPT Data'!B2943</f>
        <v>29.344000000000001</v>
      </c>
      <c r="B2935" s="3">
        <f>'CPT Data'!C2943</f>
        <v>29.337</v>
      </c>
      <c r="C2935" t="str">
        <f>'CPT Data'!P2943</f>
        <v>CLAY</v>
      </c>
      <c r="D2935">
        <f>'CPT Data'!Q2943</f>
        <v>375.32533844930293</v>
      </c>
      <c r="E2935">
        <f t="shared" si="46"/>
        <v>358.58174385030458</v>
      </c>
      <c r="F2935">
        <f>IF(C2935="CLAY", INDEX(D$4:D2935, MATCH("CLAY", C$4:C2935, 0)), "")</f>
        <v>0.75203252561341039</v>
      </c>
    </row>
    <row r="2936" spans="1:6" x14ac:dyDescent="0.2">
      <c r="A2936" s="239">
        <f>'CPT Data'!B2944</f>
        <v>29.353999999999999</v>
      </c>
      <c r="B2936" s="3">
        <f>'CPT Data'!C2944</f>
        <v>29.346999999999998</v>
      </c>
      <c r="C2936" t="str">
        <f>'CPT Data'!P2944</f>
        <v>CLAY</v>
      </c>
      <c r="D2936">
        <f>'CPT Data'!Q2944</f>
        <v>396.25975591092146</v>
      </c>
      <c r="E2936">
        <f t="shared" si="46"/>
        <v>375.32533844930293</v>
      </c>
      <c r="F2936">
        <f>IF(C2936="CLAY", INDEX(D$4:D2936, MATCH("CLAY", C$4:C2936, 0)), "")</f>
        <v>0.75203252561341039</v>
      </c>
    </row>
    <row r="2937" spans="1:6" x14ac:dyDescent="0.2">
      <c r="A2937" s="239">
        <f>'CPT Data'!B2945</f>
        <v>29.361999999999998</v>
      </c>
      <c r="B2937" s="3">
        <f>'CPT Data'!C2945</f>
        <v>29.354999999999997</v>
      </c>
      <c r="C2937" t="str">
        <f>'CPT Data'!P2945</f>
        <v>CLAY</v>
      </c>
      <c r="D2937">
        <f>'CPT Data'!Q2945</f>
        <v>420.92127633954402</v>
      </c>
      <c r="E2937">
        <f t="shared" si="46"/>
        <v>396.25975591092146</v>
      </c>
      <c r="F2937">
        <f>IF(C2937="CLAY", INDEX(D$4:D2937, MATCH("CLAY", C$4:C2937, 0)), "")</f>
        <v>0.75203252561341039</v>
      </c>
    </row>
    <row r="2938" spans="1:6" x14ac:dyDescent="0.2">
      <c r="A2938" s="239">
        <f>'CPT Data'!B2946</f>
        <v>29.372</v>
      </c>
      <c r="B2938" s="3">
        <f>'CPT Data'!C2946</f>
        <v>29.364999999999998</v>
      </c>
      <c r="C2938" t="str">
        <f>'CPT Data'!P2946</f>
        <v>SAND</v>
      </c>
      <c r="D2938" t="e">
        <f>'CPT Data'!Q2946</f>
        <v>#N/A</v>
      </c>
      <c r="E2938" t="e">
        <f t="shared" si="46"/>
        <v>#N/A</v>
      </c>
      <c r="F2938" t="str">
        <f>IF(C2938="CLAY", INDEX(D$4:D2938, MATCH("CLAY", C$4:C2938, 0)), "")</f>
        <v/>
      </c>
    </row>
    <row r="2939" spans="1:6" x14ac:dyDescent="0.2">
      <c r="A2939" s="239">
        <f>'CPT Data'!B2947</f>
        <v>29.382000000000001</v>
      </c>
      <c r="B2939" s="3">
        <f>'CPT Data'!C2947</f>
        <v>29.375</v>
      </c>
      <c r="C2939" t="str">
        <f>'CPT Data'!P2947</f>
        <v>SAND</v>
      </c>
      <c r="D2939" t="e">
        <f>'CPT Data'!Q2947</f>
        <v>#N/A</v>
      </c>
      <c r="E2939" t="e">
        <f t="shared" si="46"/>
        <v>#N/A</v>
      </c>
      <c r="F2939" t="str">
        <f>IF(C2939="CLAY", INDEX(D$4:D2939, MATCH("CLAY", C$4:C2939, 0)), "")</f>
        <v/>
      </c>
    </row>
    <row r="2940" spans="1:6" x14ac:dyDescent="0.2">
      <c r="A2940" s="239">
        <f>'CPT Data'!B2948</f>
        <v>29.390999999999998</v>
      </c>
      <c r="B2940" s="3">
        <f>'CPT Data'!C2948</f>
        <v>29.383999999999997</v>
      </c>
      <c r="C2940" t="str">
        <f>'CPT Data'!P2948</f>
        <v>SAND</v>
      </c>
      <c r="D2940" t="e">
        <f>'CPT Data'!Q2948</f>
        <v>#N/A</v>
      </c>
      <c r="E2940" t="e">
        <f t="shared" si="46"/>
        <v>#N/A</v>
      </c>
      <c r="F2940" t="str">
        <f>IF(C2940="CLAY", INDEX(D$4:D2940, MATCH("CLAY", C$4:C2940, 0)), "")</f>
        <v/>
      </c>
    </row>
    <row r="2941" spans="1:6" x14ac:dyDescent="0.2">
      <c r="A2941" s="239">
        <f>'CPT Data'!B2949</f>
        <v>29.402000000000001</v>
      </c>
      <c r="B2941" s="3">
        <f>'CPT Data'!C2949</f>
        <v>29.395</v>
      </c>
      <c r="C2941" t="str">
        <f>'CPT Data'!P2949</f>
        <v>SAND</v>
      </c>
      <c r="D2941" t="e">
        <f>'CPT Data'!Q2949</f>
        <v>#N/A</v>
      </c>
      <c r="E2941" t="e">
        <f t="shared" si="46"/>
        <v>#N/A</v>
      </c>
      <c r="F2941" t="str">
        <f>IF(C2941="CLAY", INDEX(D$4:D2941, MATCH("CLAY", C$4:C2941, 0)), "")</f>
        <v/>
      </c>
    </row>
    <row r="2942" spans="1:6" x14ac:dyDescent="0.2">
      <c r="A2942" s="239">
        <f>'CPT Data'!B2950</f>
        <v>29.411000000000001</v>
      </c>
      <c r="B2942" s="3">
        <f>'CPT Data'!C2950</f>
        <v>29.404</v>
      </c>
      <c r="C2942" t="str">
        <f>'CPT Data'!P2950</f>
        <v>SAND</v>
      </c>
      <c r="D2942" t="e">
        <f>'CPT Data'!Q2950</f>
        <v>#N/A</v>
      </c>
      <c r="E2942" t="e">
        <f t="shared" si="46"/>
        <v>#N/A</v>
      </c>
      <c r="F2942" t="str">
        <f>IF(C2942="CLAY", INDEX(D$4:D2942, MATCH("CLAY", C$4:C2942, 0)), "")</f>
        <v/>
      </c>
    </row>
    <row r="2943" spans="1:6" x14ac:dyDescent="0.2">
      <c r="A2943" s="239">
        <f>'CPT Data'!B2951</f>
        <v>29.420999999999999</v>
      </c>
      <c r="B2943" s="3">
        <f>'CPT Data'!C2951</f>
        <v>29.413999999999998</v>
      </c>
      <c r="C2943" t="str">
        <f>'CPT Data'!P2951</f>
        <v>SAND</v>
      </c>
      <c r="D2943" t="e">
        <f>'CPT Data'!Q2951</f>
        <v>#N/A</v>
      </c>
      <c r="E2943" t="e">
        <f t="shared" si="46"/>
        <v>#N/A</v>
      </c>
      <c r="F2943" t="str">
        <f>IF(C2943="CLAY", INDEX(D$4:D2943, MATCH("CLAY", C$4:C2943, 0)), "")</f>
        <v/>
      </c>
    </row>
    <row r="2944" spans="1:6" x14ac:dyDescent="0.2">
      <c r="A2944" s="239">
        <f>'CPT Data'!B2952</f>
        <v>29.43</v>
      </c>
      <c r="B2944" s="3">
        <f>'CPT Data'!C2952</f>
        <v>29.422999999999998</v>
      </c>
      <c r="C2944" t="str">
        <f>'CPT Data'!P2952</f>
        <v>SAND</v>
      </c>
      <c r="D2944" t="e">
        <f>'CPT Data'!Q2952</f>
        <v>#N/A</v>
      </c>
      <c r="E2944" t="e">
        <f t="shared" si="46"/>
        <v>#N/A</v>
      </c>
      <c r="F2944" t="str">
        <f>IF(C2944="CLAY", INDEX(D$4:D2944, MATCH("CLAY", C$4:C2944, 0)), "")</f>
        <v/>
      </c>
    </row>
    <row r="2945" spans="1:6" x14ac:dyDescent="0.2">
      <c r="A2945" s="239">
        <f>'CPT Data'!B2953</f>
        <v>29.44</v>
      </c>
      <c r="B2945" s="3">
        <f>'CPT Data'!C2953</f>
        <v>29.433</v>
      </c>
      <c r="C2945" t="str">
        <f>'CPT Data'!P2953</f>
        <v>SAND</v>
      </c>
      <c r="D2945" t="e">
        <f>'CPT Data'!Q2953</f>
        <v>#N/A</v>
      </c>
      <c r="E2945" t="e">
        <f t="shared" si="46"/>
        <v>#N/A</v>
      </c>
      <c r="F2945" t="str">
        <f>IF(C2945="CLAY", INDEX(D$4:D2945, MATCH("CLAY", C$4:C2945, 0)), "")</f>
        <v/>
      </c>
    </row>
    <row r="2946" spans="1:6" x14ac:dyDescent="0.2">
      <c r="A2946" s="239">
        <f>'CPT Data'!B2954</f>
        <v>29.45</v>
      </c>
      <c r="B2946" s="3">
        <f>'CPT Data'!C2954</f>
        <v>29.442999999999998</v>
      </c>
      <c r="C2946" t="str">
        <f>'CPT Data'!P2954</f>
        <v>SAND</v>
      </c>
      <c r="D2946" t="e">
        <f>'CPT Data'!Q2954</f>
        <v>#N/A</v>
      </c>
      <c r="E2946" t="e">
        <f t="shared" si="46"/>
        <v>#N/A</v>
      </c>
      <c r="F2946" t="str">
        <f>IF(C2946="CLAY", INDEX(D$4:D2946, MATCH("CLAY", C$4:C2946, 0)), "")</f>
        <v/>
      </c>
    </row>
    <row r="2947" spans="1:6" x14ac:dyDescent="0.2">
      <c r="A2947" s="239">
        <f>'CPT Data'!B2955</f>
        <v>29.46</v>
      </c>
      <c r="B2947" s="3">
        <f>'CPT Data'!C2955</f>
        <v>29.452999999999999</v>
      </c>
      <c r="C2947" t="str">
        <f>'CPT Data'!P2955</f>
        <v>SAND</v>
      </c>
      <c r="D2947" t="e">
        <f>'CPT Data'!Q2955</f>
        <v>#N/A</v>
      </c>
      <c r="E2947" t="e">
        <f t="shared" si="46"/>
        <v>#N/A</v>
      </c>
      <c r="F2947" t="str">
        <f>IF(C2947="CLAY", INDEX(D$4:D2947, MATCH("CLAY", C$4:C2947, 0)), "")</f>
        <v/>
      </c>
    </row>
    <row r="2948" spans="1:6" x14ac:dyDescent="0.2">
      <c r="A2948" s="239">
        <f>'CPT Data'!B2956</f>
        <v>29.47</v>
      </c>
      <c r="B2948" s="3">
        <f>'CPT Data'!C2956</f>
        <v>29.462999999999997</v>
      </c>
      <c r="C2948" t="str">
        <f>'CPT Data'!P2956</f>
        <v>SAND</v>
      </c>
      <c r="D2948" t="e">
        <f>'CPT Data'!Q2956</f>
        <v>#N/A</v>
      </c>
      <c r="E2948" t="e">
        <f t="shared" si="46"/>
        <v>#N/A</v>
      </c>
      <c r="F2948" t="str">
        <f>IF(C2948="CLAY", INDEX(D$4:D2948, MATCH("CLAY", C$4:C2948, 0)), "")</f>
        <v/>
      </c>
    </row>
    <row r="2949" spans="1:6" x14ac:dyDescent="0.2">
      <c r="A2949" s="239">
        <f>'CPT Data'!B2957</f>
        <v>29.48</v>
      </c>
      <c r="B2949" s="3">
        <f>'CPT Data'!C2957</f>
        <v>29.472999999999999</v>
      </c>
      <c r="C2949" t="str">
        <f>'CPT Data'!P2957</f>
        <v>SAND</v>
      </c>
      <c r="D2949" t="e">
        <f>'CPT Data'!Q2957</f>
        <v>#N/A</v>
      </c>
      <c r="E2949" t="e">
        <f t="shared" si="46"/>
        <v>#N/A</v>
      </c>
      <c r="F2949" t="str">
        <f>IF(C2949="CLAY", INDEX(D$4:D2949, MATCH("CLAY", C$4:C2949, 0)), "")</f>
        <v/>
      </c>
    </row>
    <row r="2950" spans="1:6" x14ac:dyDescent="0.2">
      <c r="A2950" s="239">
        <f>'CPT Data'!B2958</f>
        <v>29.49</v>
      </c>
      <c r="B2950" s="3">
        <f>'CPT Data'!C2958</f>
        <v>29.482999999999997</v>
      </c>
      <c r="C2950" t="str">
        <f>'CPT Data'!P2958</f>
        <v>SAND</v>
      </c>
      <c r="D2950" t="e">
        <f>'CPT Data'!Q2958</f>
        <v>#N/A</v>
      </c>
      <c r="E2950" t="e">
        <f t="shared" si="46"/>
        <v>#N/A</v>
      </c>
      <c r="F2950" t="str">
        <f>IF(C2950="CLAY", INDEX(D$4:D2950, MATCH("CLAY", C$4:C2950, 0)), "")</f>
        <v/>
      </c>
    </row>
    <row r="2951" spans="1:6" x14ac:dyDescent="0.2">
      <c r="A2951" s="239">
        <f>'CPT Data'!B2959</f>
        <v>29.498999999999999</v>
      </c>
      <c r="B2951" s="3">
        <f>'CPT Data'!C2959</f>
        <v>29.491999999999997</v>
      </c>
      <c r="C2951" t="str">
        <f>'CPT Data'!P2959</f>
        <v>SAND</v>
      </c>
      <c r="D2951" t="e">
        <f>'CPT Data'!Q2959</f>
        <v>#N/A</v>
      </c>
      <c r="E2951" t="e">
        <f t="shared" si="46"/>
        <v>#N/A</v>
      </c>
      <c r="F2951" t="str">
        <f>IF(C2951="CLAY", INDEX(D$4:D2951, MATCH("CLAY", C$4:C2951, 0)), "")</f>
        <v/>
      </c>
    </row>
    <row r="2952" spans="1:6" x14ac:dyDescent="0.2">
      <c r="A2952" s="239">
        <f>'CPT Data'!B2960</f>
        <v>29.51</v>
      </c>
      <c r="B2952" s="3">
        <f>'CPT Data'!C2960</f>
        <v>29.503</v>
      </c>
      <c r="C2952" t="str">
        <f>'CPT Data'!P2960</f>
        <v>SAND</v>
      </c>
      <c r="D2952" t="e">
        <f>'CPT Data'!Q2960</f>
        <v>#N/A</v>
      </c>
      <c r="E2952" t="e">
        <f t="shared" si="46"/>
        <v>#N/A</v>
      </c>
      <c r="F2952" t="str">
        <f>IF(C2952="CLAY", INDEX(D$4:D2952, MATCH("CLAY", C$4:C2952, 0)), "")</f>
        <v/>
      </c>
    </row>
    <row r="2953" spans="1:6" x14ac:dyDescent="0.2">
      <c r="A2953" s="239">
        <f>'CPT Data'!B2961</f>
        <v>29.518999999999998</v>
      </c>
      <c r="B2953" s="3">
        <f>'CPT Data'!C2961</f>
        <v>29.511999999999997</v>
      </c>
      <c r="C2953" t="str">
        <f>'CPT Data'!P2961</f>
        <v>SAND</v>
      </c>
      <c r="D2953" t="e">
        <f>'CPT Data'!Q2961</f>
        <v>#N/A</v>
      </c>
      <c r="E2953" t="e">
        <f t="shared" si="46"/>
        <v>#N/A</v>
      </c>
      <c r="F2953" t="str">
        <f>IF(C2953="CLAY", INDEX(D$4:D2953, MATCH("CLAY", C$4:C2953, 0)), "")</f>
        <v/>
      </c>
    </row>
    <row r="2954" spans="1:6" x14ac:dyDescent="0.2">
      <c r="A2954" s="239">
        <f>'CPT Data'!B2962</f>
        <v>29.527999999999999</v>
      </c>
      <c r="B2954" s="3">
        <f>'CPT Data'!C2962</f>
        <v>29.520999999999997</v>
      </c>
      <c r="C2954" t="str">
        <f>'CPT Data'!P2962</f>
        <v>SAND</v>
      </c>
      <c r="D2954" t="e">
        <f>'CPT Data'!Q2962</f>
        <v>#N/A</v>
      </c>
      <c r="E2954" t="e">
        <f t="shared" si="46"/>
        <v>#N/A</v>
      </c>
      <c r="F2954" t="str">
        <f>IF(C2954="CLAY", INDEX(D$4:D2954, MATCH("CLAY", C$4:C2954, 0)), "")</f>
        <v/>
      </c>
    </row>
    <row r="2955" spans="1:6" x14ac:dyDescent="0.2">
      <c r="A2955" s="239">
        <f>'CPT Data'!B2963</f>
        <v>29.539000000000001</v>
      </c>
      <c r="B2955" s="3">
        <f>'CPT Data'!C2963</f>
        <v>29.532</v>
      </c>
      <c r="C2955" t="str">
        <f>'CPT Data'!P2963</f>
        <v>SAND</v>
      </c>
      <c r="D2955" t="e">
        <f>'CPT Data'!Q2963</f>
        <v>#N/A</v>
      </c>
      <c r="E2955" t="e">
        <f t="shared" si="46"/>
        <v>#N/A</v>
      </c>
      <c r="F2955" t="str">
        <f>IF(C2955="CLAY", INDEX(D$4:D2955, MATCH("CLAY", C$4:C2955, 0)), "")</f>
        <v/>
      </c>
    </row>
    <row r="2956" spans="1:6" x14ac:dyDescent="0.2">
      <c r="A2956" s="239">
        <f>'CPT Data'!B2964</f>
        <v>29.547999999999998</v>
      </c>
      <c r="B2956" s="3">
        <f>'CPT Data'!C2964</f>
        <v>29.540999999999997</v>
      </c>
      <c r="C2956" t="str">
        <f>'CPT Data'!P2964</f>
        <v>SAND</v>
      </c>
      <c r="D2956" t="e">
        <f>'CPT Data'!Q2964</f>
        <v>#N/A</v>
      </c>
      <c r="E2956" t="e">
        <f t="shared" si="46"/>
        <v>#N/A</v>
      </c>
      <c r="F2956" t="str">
        <f>IF(C2956="CLAY", INDEX(D$4:D2956, MATCH("CLAY", C$4:C2956, 0)), "")</f>
        <v/>
      </c>
    </row>
    <row r="2957" spans="1:6" x14ac:dyDescent="0.2">
      <c r="A2957" s="239">
        <f>'CPT Data'!B2965</f>
        <v>29.558</v>
      </c>
      <c r="B2957" s="3">
        <f>'CPT Data'!C2965</f>
        <v>29.550999999999998</v>
      </c>
      <c r="C2957" t="str">
        <f>'CPT Data'!P2965</f>
        <v>SAND</v>
      </c>
      <c r="D2957" t="e">
        <f>'CPT Data'!Q2965</f>
        <v>#N/A</v>
      </c>
      <c r="E2957" t="e">
        <f t="shared" si="46"/>
        <v>#N/A</v>
      </c>
      <c r="F2957" t="str">
        <f>IF(C2957="CLAY", INDEX(D$4:D2957, MATCH("CLAY", C$4:C2957, 0)), "")</f>
        <v/>
      </c>
    </row>
    <row r="2958" spans="1:6" x14ac:dyDescent="0.2">
      <c r="A2958" s="239">
        <f>'CPT Data'!B2966</f>
        <v>29.568000000000001</v>
      </c>
      <c r="B2958" s="3">
        <f>'CPT Data'!C2966</f>
        <v>29.561</v>
      </c>
      <c r="C2958" t="str">
        <f>'CPT Data'!P2966</f>
        <v>SAND</v>
      </c>
      <c r="D2958" t="e">
        <f>'CPT Data'!Q2966</f>
        <v>#N/A</v>
      </c>
      <c r="E2958" t="e">
        <f t="shared" si="46"/>
        <v>#N/A</v>
      </c>
      <c r="F2958" t="str">
        <f>IF(C2958="CLAY", INDEX(D$4:D2958, MATCH("CLAY", C$4:C2958, 0)), "")</f>
        <v/>
      </c>
    </row>
    <row r="2959" spans="1:6" x14ac:dyDescent="0.2">
      <c r="A2959" s="239">
        <f>'CPT Data'!B2967</f>
        <v>29.577000000000002</v>
      </c>
      <c r="B2959" s="3">
        <f>'CPT Data'!C2967</f>
        <v>29.57</v>
      </c>
      <c r="C2959" t="str">
        <f>'CPT Data'!P2967</f>
        <v>SAND</v>
      </c>
      <c r="D2959" t="e">
        <f>'CPT Data'!Q2967</f>
        <v>#N/A</v>
      </c>
      <c r="E2959" t="e">
        <f t="shared" si="46"/>
        <v>#N/A</v>
      </c>
      <c r="F2959" t="str">
        <f>IF(C2959="CLAY", INDEX(D$4:D2959, MATCH("CLAY", C$4:C2959, 0)), "")</f>
        <v/>
      </c>
    </row>
    <row r="2960" spans="1:6" x14ac:dyDescent="0.2">
      <c r="A2960" s="239">
        <f>'CPT Data'!B2968</f>
        <v>29.588000000000001</v>
      </c>
      <c r="B2960" s="3">
        <f>'CPT Data'!C2968</f>
        <v>29.581</v>
      </c>
      <c r="C2960" t="str">
        <f>'CPT Data'!P2968</f>
        <v>SAND</v>
      </c>
      <c r="D2960" t="e">
        <f>'CPT Data'!Q2968</f>
        <v>#N/A</v>
      </c>
      <c r="E2960" t="e">
        <f t="shared" si="46"/>
        <v>#N/A</v>
      </c>
      <c r="F2960" t="str">
        <f>IF(C2960="CLAY", INDEX(D$4:D2960, MATCH("CLAY", C$4:C2960, 0)), "")</f>
        <v/>
      </c>
    </row>
    <row r="2961" spans="1:6" x14ac:dyDescent="0.2">
      <c r="A2961" s="239">
        <f>'CPT Data'!B2969</f>
        <v>29.597999999999999</v>
      </c>
      <c r="B2961" s="3">
        <f>'CPT Data'!C2969</f>
        <v>29.590999999999998</v>
      </c>
      <c r="C2961" t="str">
        <f>'CPT Data'!P2969</f>
        <v>SAND</v>
      </c>
      <c r="D2961" t="e">
        <f>'CPT Data'!Q2969</f>
        <v>#N/A</v>
      </c>
      <c r="E2961" t="e">
        <f t="shared" si="46"/>
        <v>#N/A</v>
      </c>
      <c r="F2961" t="str">
        <f>IF(C2961="CLAY", INDEX(D$4:D2961, MATCH("CLAY", C$4:C2961, 0)), "")</f>
        <v/>
      </c>
    </row>
    <row r="2962" spans="1:6" x14ac:dyDescent="0.2">
      <c r="A2962" s="239">
        <f>'CPT Data'!B2970</f>
        <v>29.606999999999999</v>
      </c>
      <c r="B2962" s="3">
        <f>'CPT Data'!C2970</f>
        <v>29.599999999999998</v>
      </c>
      <c r="C2962" t="str">
        <f>'CPT Data'!P2970</f>
        <v>SAND</v>
      </c>
      <c r="D2962" t="e">
        <f>'CPT Data'!Q2970</f>
        <v>#N/A</v>
      </c>
      <c r="E2962" t="e">
        <f t="shared" si="46"/>
        <v>#N/A</v>
      </c>
      <c r="F2962" t="str">
        <f>IF(C2962="CLAY", INDEX(D$4:D2962, MATCH("CLAY", C$4:C2962, 0)), "")</f>
        <v/>
      </c>
    </row>
    <row r="2963" spans="1:6" x14ac:dyDescent="0.2">
      <c r="A2963" s="239">
        <f>'CPT Data'!B2971</f>
        <v>29.617000000000001</v>
      </c>
      <c r="B2963" s="3">
        <f>'CPT Data'!C2971</f>
        <v>29.61</v>
      </c>
      <c r="C2963" t="str">
        <f>'CPT Data'!P2971</f>
        <v>SAND</v>
      </c>
      <c r="D2963" t="e">
        <f>'CPT Data'!Q2971</f>
        <v>#N/A</v>
      </c>
      <c r="E2963" t="e">
        <f t="shared" si="46"/>
        <v>#N/A</v>
      </c>
      <c r="F2963" t="str">
        <f>IF(C2963="CLAY", INDEX(D$4:D2963, MATCH("CLAY", C$4:C2963, 0)), "")</f>
        <v/>
      </c>
    </row>
    <row r="2964" spans="1:6" x14ac:dyDescent="0.2">
      <c r="A2964" s="239">
        <f>'CPT Data'!B2972</f>
        <v>29.626999999999999</v>
      </c>
      <c r="B2964" s="3">
        <f>'CPT Data'!C2972</f>
        <v>29.619999999999997</v>
      </c>
      <c r="C2964" t="str">
        <f>'CPT Data'!P2972</f>
        <v>CLAY</v>
      </c>
      <c r="D2964">
        <f>'CPT Data'!Q2972</f>
        <v>497.75861345811171</v>
      </c>
      <c r="E2964">
        <f t="shared" si="46"/>
        <v>497.75861345811171</v>
      </c>
      <c r="F2964">
        <f>IF(C2964="CLAY", INDEX(D$4:D2964, MATCH("CLAY", C$4:C2964, 0)), "")</f>
        <v>0.75203252561341039</v>
      </c>
    </row>
    <row r="2965" spans="1:6" x14ac:dyDescent="0.2">
      <c r="A2965" s="239">
        <f>'CPT Data'!B2973</f>
        <v>29.635999999999999</v>
      </c>
      <c r="B2965" s="3">
        <f>'CPT Data'!C2973</f>
        <v>29.628999999999998</v>
      </c>
      <c r="C2965" t="str">
        <f>'CPT Data'!P2973</f>
        <v>CLAY</v>
      </c>
      <c r="D2965">
        <f>'CPT Data'!Q2973</f>
        <v>497.08614182202336</v>
      </c>
      <c r="E2965">
        <f t="shared" si="46"/>
        <v>497.75861345811171</v>
      </c>
      <c r="F2965">
        <f>IF(C2965="CLAY", INDEX(D$4:D2965, MATCH("CLAY", C$4:C2965, 0)), "")</f>
        <v>0.75203252561341039</v>
      </c>
    </row>
    <row r="2966" spans="1:6" x14ac:dyDescent="0.2">
      <c r="A2966" s="239">
        <f>'CPT Data'!B2974</f>
        <v>29.646999999999998</v>
      </c>
      <c r="B2966" s="3">
        <f>'CPT Data'!C2974</f>
        <v>29.639999999999997</v>
      </c>
      <c r="C2966" t="str">
        <f>'CPT Data'!P2974</f>
        <v>CLAY</v>
      </c>
      <c r="D2966">
        <f>'CPT Data'!Q2974</f>
        <v>489.49302823271137</v>
      </c>
      <c r="E2966">
        <f t="shared" si="46"/>
        <v>497.08614182202336</v>
      </c>
      <c r="F2966">
        <f>IF(C2966="CLAY", INDEX(D$4:D2966, MATCH("CLAY", C$4:C2966, 0)), "")</f>
        <v>0.75203252561341039</v>
      </c>
    </row>
    <row r="2967" spans="1:6" x14ac:dyDescent="0.2">
      <c r="A2967" s="239">
        <f>'CPT Data'!B2975</f>
        <v>29.655999999999999</v>
      </c>
      <c r="B2967" s="3">
        <f>'CPT Data'!C2975</f>
        <v>29.648999999999997</v>
      </c>
      <c r="C2967" t="str">
        <f>'CPT Data'!P2975</f>
        <v>CLAY</v>
      </c>
      <c r="D2967">
        <f>'CPT Data'!Q2975</f>
        <v>487.47139010188857</v>
      </c>
      <c r="E2967">
        <f t="shared" si="46"/>
        <v>489.49302823271137</v>
      </c>
      <c r="F2967">
        <f>IF(C2967="CLAY", INDEX(D$4:D2967, MATCH("CLAY", C$4:C2967, 0)), "")</f>
        <v>0.75203252561341039</v>
      </c>
    </row>
    <row r="2968" spans="1:6" x14ac:dyDescent="0.2">
      <c r="A2968" s="239">
        <f>'CPT Data'!B2976</f>
        <v>29.666</v>
      </c>
      <c r="B2968" s="3">
        <f>'CPT Data'!C2976</f>
        <v>29.658999999999999</v>
      </c>
      <c r="C2968" t="str">
        <f>'CPT Data'!P2976</f>
        <v>CLAY</v>
      </c>
      <c r="D2968">
        <f>'CPT Data'!Q2976</f>
        <v>480.97941975952239</v>
      </c>
      <c r="E2968">
        <f t="shared" si="46"/>
        <v>487.47139010188857</v>
      </c>
      <c r="F2968">
        <f>IF(C2968="CLAY", INDEX(D$4:D2968, MATCH("CLAY", C$4:C2968, 0)), "")</f>
        <v>0.75203252561341039</v>
      </c>
    </row>
    <row r="2969" spans="1:6" x14ac:dyDescent="0.2">
      <c r="A2969" s="239">
        <f>'CPT Data'!B2977</f>
        <v>29.675999999999998</v>
      </c>
      <c r="B2969" s="3">
        <f>'CPT Data'!C2977</f>
        <v>29.668999999999997</v>
      </c>
      <c r="C2969" t="str">
        <f>'CPT Data'!P2977</f>
        <v>CLAY</v>
      </c>
      <c r="D2969">
        <f>'CPT Data'!Q2977</f>
        <v>475.41352585239292</v>
      </c>
      <c r="E2969">
        <f t="shared" si="46"/>
        <v>480.97941975952239</v>
      </c>
      <c r="F2969">
        <f>IF(C2969="CLAY", INDEX(D$4:D2969, MATCH("CLAY", C$4:C2969, 0)), "")</f>
        <v>0.75203252561341039</v>
      </c>
    </row>
    <row r="2970" spans="1:6" x14ac:dyDescent="0.2">
      <c r="A2970" s="239">
        <f>'CPT Data'!B2978</f>
        <v>29.686</v>
      </c>
      <c r="B2970" s="3">
        <f>'CPT Data'!C2978</f>
        <v>29.678999999999998</v>
      </c>
      <c r="C2970" t="str">
        <f>'CPT Data'!P2978</f>
        <v>CLAY</v>
      </c>
      <c r="D2970">
        <f>'CPT Data'!Q2978</f>
        <v>459.58593334099942</v>
      </c>
      <c r="E2970">
        <f t="shared" si="46"/>
        <v>475.41352585239292</v>
      </c>
      <c r="F2970">
        <f>IF(C2970="CLAY", INDEX(D$4:D2970, MATCH("CLAY", C$4:C2970, 0)), "")</f>
        <v>0.75203252561341039</v>
      </c>
    </row>
    <row r="2971" spans="1:6" x14ac:dyDescent="0.2">
      <c r="A2971" s="239">
        <f>'CPT Data'!B2979</f>
        <v>29.696000000000002</v>
      </c>
      <c r="B2971" s="3">
        <f>'CPT Data'!C2979</f>
        <v>29.689</v>
      </c>
      <c r="C2971" t="str">
        <f>'CPT Data'!P2979</f>
        <v>CLAY</v>
      </c>
      <c r="D2971">
        <f>'CPT Data'!Q2979</f>
        <v>439.7150333598309</v>
      </c>
      <c r="E2971">
        <f t="shared" ref="E2971:E3034" si="47">IF(C2971="SAND",#N/A,IF(C2971=C2970,D2970,IF(C2971="CLAY",D2971,#N/A)))</f>
        <v>459.58593334099942</v>
      </c>
      <c r="F2971">
        <f>IF(C2971="CLAY", INDEX(D$4:D2971, MATCH("CLAY", C$4:C2971, 0)), "")</f>
        <v>0.75203252561341039</v>
      </c>
    </row>
    <row r="2972" spans="1:6" x14ac:dyDescent="0.2">
      <c r="A2972" s="239">
        <f>'CPT Data'!B2980</f>
        <v>29.704999999999998</v>
      </c>
      <c r="B2972" s="3">
        <f>'CPT Data'!C2980</f>
        <v>29.697999999999997</v>
      </c>
      <c r="C2972" t="str">
        <f>'CPT Data'!P2980</f>
        <v>CLAY</v>
      </c>
      <c r="D2972">
        <f>'CPT Data'!Q2980</f>
        <v>421.08722076661644</v>
      </c>
      <c r="E2972">
        <f t="shared" si="47"/>
        <v>439.7150333598309</v>
      </c>
      <c r="F2972">
        <f>IF(C2972="CLAY", INDEX(D$4:D2972, MATCH("CLAY", C$4:C2972, 0)), "")</f>
        <v>0.75203252561341039</v>
      </c>
    </row>
    <row r="2973" spans="1:6" x14ac:dyDescent="0.2">
      <c r="A2973" s="239">
        <f>'CPT Data'!B2981</f>
        <v>29.716000000000001</v>
      </c>
      <c r="B2973" s="3">
        <f>'CPT Data'!C2981</f>
        <v>29.709</v>
      </c>
      <c r="C2973" t="str">
        <f>'CPT Data'!P2981</f>
        <v>CLAY</v>
      </c>
      <c r="D2973">
        <f>'CPT Data'!Q2981</f>
        <v>395.64444437035132</v>
      </c>
      <c r="E2973">
        <f t="shared" si="47"/>
        <v>421.08722076661644</v>
      </c>
      <c r="F2973">
        <f>IF(C2973="CLAY", INDEX(D$4:D2973, MATCH("CLAY", C$4:C2973, 0)), "")</f>
        <v>0.75203252561341039</v>
      </c>
    </row>
    <row r="2974" spans="1:6" x14ac:dyDescent="0.2">
      <c r="A2974" s="239">
        <f>'CPT Data'!B2982</f>
        <v>29.725000000000001</v>
      </c>
      <c r="B2974" s="3">
        <f>'CPT Data'!C2982</f>
        <v>29.718</v>
      </c>
      <c r="C2974" t="str">
        <f>'CPT Data'!P2982</f>
        <v>CLAY</v>
      </c>
      <c r="D2974">
        <f>'CPT Data'!Q2982</f>
        <v>370.10705755014669</v>
      </c>
      <c r="E2974">
        <f t="shared" si="47"/>
        <v>395.64444437035132</v>
      </c>
      <c r="F2974">
        <f>IF(C2974="CLAY", INDEX(D$4:D2974, MATCH("CLAY", C$4:C2974, 0)), "")</f>
        <v>0.75203252561341039</v>
      </c>
    </row>
    <row r="2975" spans="1:6" x14ac:dyDescent="0.2">
      <c r="A2975" s="239">
        <f>'CPT Data'!B2983</f>
        <v>29.734999999999999</v>
      </c>
      <c r="B2975" s="3">
        <f>'CPT Data'!C2983</f>
        <v>29.727999999999998</v>
      </c>
      <c r="C2975" t="str">
        <f>'CPT Data'!P2983</f>
        <v>CLAY</v>
      </c>
      <c r="D2975">
        <f>'CPT Data'!Q2983</f>
        <v>338.63885110151949</v>
      </c>
      <c r="E2975">
        <f t="shared" si="47"/>
        <v>370.10705755014669</v>
      </c>
      <c r="F2975">
        <f>IF(C2975="CLAY", INDEX(D$4:D2975, MATCH("CLAY", C$4:C2975, 0)), "")</f>
        <v>0.75203252561341039</v>
      </c>
    </row>
    <row r="2976" spans="1:6" x14ac:dyDescent="0.2">
      <c r="A2976" s="239">
        <f>'CPT Data'!B2984</f>
        <v>29.745000000000001</v>
      </c>
      <c r="B2976" s="3">
        <f>'CPT Data'!C2984</f>
        <v>29.738</v>
      </c>
      <c r="C2976" t="str">
        <f>'CPT Data'!P2984</f>
        <v>CLAY</v>
      </c>
      <c r="D2976">
        <f>'CPT Data'!Q2984</f>
        <v>322.60203499213725</v>
      </c>
      <c r="E2976">
        <f t="shared" si="47"/>
        <v>338.63885110151949</v>
      </c>
      <c r="F2976">
        <f>IF(C2976="CLAY", INDEX(D$4:D2976, MATCH("CLAY", C$4:C2976, 0)), "")</f>
        <v>0.75203252561341039</v>
      </c>
    </row>
    <row r="2977" spans="1:6" x14ac:dyDescent="0.2">
      <c r="A2977" s="239">
        <f>'CPT Data'!B2985</f>
        <v>29.754999999999999</v>
      </c>
      <c r="B2977" s="3">
        <f>'CPT Data'!C2985</f>
        <v>29.747999999999998</v>
      </c>
      <c r="C2977" t="str">
        <f>'CPT Data'!P2985</f>
        <v>CLAY</v>
      </c>
      <c r="D2977">
        <f>'CPT Data'!Q2985</f>
        <v>312.51484480960443</v>
      </c>
      <c r="E2977">
        <f t="shared" si="47"/>
        <v>322.60203499213725</v>
      </c>
      <c r="F2977">
        <f>IF(C2977="CLAY", INDEX(D$4:D2977, MATCH("CLAY", C$4:C2977, 0)), "")</f>
        <v>0.75203252561341039</v>
      </c>
    </row>
    <row r="2978" spans="1:6" x14ac:dyDescent="0.2">
      <c r="A2978" s="239">
        <f>'CPT Data'!B2986</f>
        <v>29.765000000000001</v>
      </c>
      <c r="B2978" s="3">
        <f>'CPT Data'!C2986</f>
        <v>29.757999999999999</v>
      </c>
      <c r="C2978" t="str">
        <f>'CPT Data'!P2986</f>
        <v>CLAY</v>
      </c>
      <c r="D2978">
        <f>'CPT Data'!Q2986</f>
        <v>325.41569403326156</v>
      </c>
      <c r="E2978">
        <f t="shared" si="47"/>
        <v>312.51484480960443</v>
      </c>
      <c r="F2978">
        <f>IF(C2978="CLAY", INDEX(D$4:D2978, MATCH("CLAY", C$4:C2978, 0)), "")</f>
        <v>0.75203252561341039</v>
      </c>
    </row>
    <row r="2979" spans="1:6" x14ac:dyDescent="0.2">
      <c r="A2979" s="239">
        <f>'CPT Data'!B2987</f>
        <v>29.774000000000001</v>
      </c>
      <c r="B2979" s="3">
        <f>'CPT Data'!C2987</f>
        <v>29.766999999999999</v>
      </c>
      <c r="C2979" t="str">
        <f>'CPT Data'!P2987</f>
        <v>CLAY</v>
      </c>
      <c r="D2979">
        <f>'CPT Data'!Q2987</f>
        <v>365.66202589209962</v>
      </c>
      <c r="E2979">
        <f t="shared" si="47"/>
        <v>325.41569403326156</v>
      </c>
      <c r="F2979">
        <f>IF(C2979="CLAY", INDEX(D$4:D2979, MATCH("CLAY", C$4:C2979, 0)), "")</f>
        <v>0.75203252561341039</v>
      </c>
    </row>
    <row r="2980" spans="1:6" x14ac:dyDescent="0.2">
      <c r="A2980" s="239">
        <f>'CPT Data'!B2988</f>
        <v>29.785</v>
      </c>
      <c r="B2980" s="3">
        <f>'CPT Data'!C2988</f>
        <v>29.777999999999999</v>
      </c>
      <c r="C2980" t="str">
        <f>'CPT Data'!P2988</f>
        <v>CLAY</v>
      </c>
      <c r="D2980">
        <f>'CPT Data'!Q2988</f>
        <v>435.60399785683893</v>
      </c>
      <c r="E2980">
        <f t="shared" si="47"/>
        <v>365.66202589209962</v>
      </c>
      <c r="F2980">
        <f>IF(C2980="CLAY", INDEX(D$4:D2980, MATCH("CLAY", C$4:C2980, 0)), "")</f>
        <v>0.75203252561341039</v>
      </c>
    </row>
    <row r="2981" spans="1:6" x14ac:dyDescent="0.2">
      <c r="A2981" s="239">
        <f>'CPT Data'!B2989</f>
        <v>29.794</v>
      </c>
      <c r="B2981" s="3">
        <f>'CPT Data'!C2989</f>
        <v>29.786999999999999</v>
      </c>
      <c r="C2981" t="str">
        <f>'CPT Data'!P2989</f>
        <v>CLAY</v>
      </c>
      <c r="D2981">
        <f>'CPT Data'!Q2989</f>
        <v>517.33703988242735</v>
      </c>
      <c r="E2981">
        <f t="shared" si="47"/>
        <v>435.60399785683893</v>
      </c>
      <c r="F2981">
        <f>IF(C2981="CLAY", INDEX(D$4:D2981, MATCH("CLAY", C$4:C2981, 0)), "")</f>
        <v>0.75203252561341039</v>
      </c>
    </row>
    <row r="2982" spans="1:6" x14ac:dyDescent="0.2">
      <c r="A2982" s="239">
        <f>'CPT Data'!B2990</f>
        <v>29.803999999999998</v>
      </c>
      <c r="B2982" s="3">
        <f>'CPT Data'!C2990</f>
        <v>29.796999999999997</v>
      </c>
      <c r="C2982" t="str">
        <f>'CPT Data'!P2990</f>
        <v>CLAY</v>
      </c>
      <c r="D2982">
        <f>'CPT Data'!Q2990</f>
        <v>595.9279905665926</v>
      </c>
      <c r="E2982">
        <f t="shared" si="47"/>
        <v>517.33703988242735</v>
      </c>
      <c r="F2982">
        <f>IF(C2982="CLAY", INDEX(D$4:D2982, MATCH("CLAY", C$4:C2982, 0)), "")</f>
        <v>0.75203252561341039</v>
      </c>
    </row>
    <row r="2983" spans="1:6" x14ac:dyDescent="0.2">
      <c r="A2983" s="239">
        <f>'CPT Data'!B2991</f>
        <v>29.814</v>
      </c>
      <c r="B2983" s="3">
        <f>'CPT Data'!C2991</f>
        <v>29.806999999999999</v>
      </c>
      <c r="C2983" t="str">
        <f>'CPT Data'!P2991</f>
        <v>SAND</v>
      </c>
      <c r="D2983" t="e">
        <f>'CPT Data'!Q2991</f>
        <v>#N/A</v>
      </c>
      <c r="E2983" t="e">
        <f t="shared" si="47"/>
        <v>#N/A</v>
      </c>
      <c r="F2983" t="str">
        <f>IF(C2983="CLAY", INDEX(D$4:D2983, MATCH("CLAY", C$4:C2983, 0)), "")</f>
        <v/>
      </c>
    </row>
    <row r="2984" spans="1:6" x14ac:dyDescent="0.2">
      <c r="A2984" s="239">
        <f>'CPT Data'!B2992</f>
        <v>29.823</v>
      </c>
      <c r="B2984" s="3">
        <f>'CPT Data'!C2992</f>
        <v>29.815999999999999</v>
      </c>
      <c r="C2984" t="str">
        <f>'CPT Data'!P2992</f>
        <v>SAND</v>
      </c>
      <c r="D2984" t="e">
        <f>'CPT Data'!Q2992</f>
        <v>#N/A</v>
      </c>
      <c r="E2984" t="e">
        <f t="shared" si="47"/>
        <v>#N/A</v>
      </c>
      <c r="F2984" t="str">
        <f>IF(C2984="CLAY", INDEX(D$4:D2984, MATCH("CLAY", C$4:C2984, 0)), "")</f>
        <v/>
      </c>
    </row>
    <row r="2985" spans="1:6" x14ac:dyDescent="0.2">
      <c r="A2985" s="239">
        <f>'CPT Data'!B2993</f>
        <v>29.832999999999998</v>
      </c>
      <c r="B2985" s="3">
        <f>'CPT Data'!C2993</f>
        <v>29.825999999999997</v>
      </c>
      <c r="C2985" t="str">
        <f>'CPT Data'!P2993</f>
        <v>SAND</v>
      </c>
      <c r="D2985" t="e">
        <f>'CPT Data'!Q2993</f>
        <v>#N/A</v>
      </c>
      <c r="E2985" t="e">
        <f t="shared" si="47"/>
        <v>#N/A</v>
      </c>
      <c r="F2985" t="str">
        <f>IF(C2985="CLAY", INDEX(D$4:D2985, MATCH("CLAY", C$4:C2985, 0)), "")</f>
        <v/>
      </c>
    </row>
    <row r="2986" spans="1:6" x14ac:dyDescent="0.2">
      <c r="A2986" s="239">
        <f>'CPT Data'!B2994</f>
        <v>29.843</v>
      </c>
      <c r="B2986" s="3">
        <f>'CPT Data'!C2994</f>
        <v>29.835999999999999</v>
      </c>
      <c r="C2986" t="str">
        <f>'CPT Data'!P2994</f>
        <v>SAND</v>
      </c>
      <c r="D2986" t="e">
        <f>'CPT Data'!Q2994</f>
        <v>#N/A</v>
      </c>
      <c r="E2986" t="e">
        <f t="shared" si="47"/>
        <v>#N/A</v>
      </c>
      <c r="F2986" t="str">
        <f>IF(C2986="CLAY", INDEX(D$4:D2986, MATCH("CLAY", C$4:C2986, 0)), "")</f>
        <v/>
      </c>
    </row>
    <row r="2987" spans="1:6" x14ac:dyDescent="0.2">
      <c r="A2987" s="239">
        <f>'CPT Data'!B2995</f>
        <v>29.853000000000002</v>
      </c>
      <c r="B2987" s="3">
        <f>'CPT Data'!C2995</f>
        <v>29.846</v>
      </c>
      <c r="C2987" t="str">
        <f>'CPT Data'!P2995</f>
        <v>SAND</v>
      </c>
      <c r="D2987" t="e">
        <f>'CPT Data'!Q2995</f>
        <v>#N/A</v>
      </c>
      <c r="E2987" t="e">
        <f t="shared" si="47"/>
        <v>#N/A</v>
      </c>
      <c r="F2987" t="str">
        <f>IF(C2987="CLAY", INDEX(D$4:D2987, MATCH("CLAY", C$4:C2987, 0)), "")</f>
        <v/>
      </c>
    </row>
    <row r="2988" spans="1:6" x14ac:dyDescent="0.2">
      <c r="A2988" s="239">
        <f>'CPT Data'!B2996</f>
        <v>29.861999999999998</v>
      </c>
      <c r="B2988" s="3">
        <f>'CPT Data'!C2996</f>
        <v>29.854999999999997</v>
      </c>
      <c r="C2988" t="str">
        <f>'CPT Data'!P2996</f>
        <v>SAND</v>
      </c>
      <c r="D2988" t="e">
        <f>'CPT Data'!Q2996</f>
        <v>#N/A</v>
      </c>
      <c r="E2988" t="e">
        <f t="shared" si="47"/>
        <v>#N/A</v>
      </c>
      <c r="F2988" t="str">
        <f>IF(C2988="CLAY", INDEX(D$4:D2988, MATCH("CLAY", C$4:C2988, 0)), "")</f>
        <v/>
      </c>
    </row>
    <row r="2989" spans="1:6" x14ac:dyDescent="0.2">
      <c r="A2989" s="239">
        <f>'CPT Data'!B2997</f>
        <v>29.873000000000001</v>
      </c>
      <c r="B2989" s="3">
        <f>'CPT Data'!C2997</f>
        <v>29.866</v>
      </c>
      <c r="C2989" t="str">
        <f>'CPT Data'!P2997</f>
        <v>CLAY</v>
      </c>
      <c r="D2989">
        <f>'CPT Data'!Q2997</f>
        <v>530.76462861573646</v>
      </c>
      <c r="E2989">
        <f t="shared" si="47"/>
        <v>530.76462861573646</v>
      </c>
      <c r="F2989">
        <f>IF(C2989="CLAY", INDEX(D$4:D2989, MATCH("CLAY", C$4:C2989, 0)), "")</f>
        <v>0.75203252561341039</v>
      </c>
    </row>
    <row r="2990" spans="1:6" x14ac:dyDescent="0.2">
      <c r="A2990" s="239">
        <f>'CPT Data'!B2998</f>
        <v>29.882000000000001</v>
      </c>
      <c r="B2990" s="3">
        <f>'CPT Data'!C2998</f>
        <v>29.875</v>
      </c>
      <c r="C2990" t="str">
        <f>'CPT Data'!P2998</f>
        <v>CLAY</v>
      </c>
      <c r="D2990">
        <f>'CPT Data'!Q2998</f>
        <v>484.12034847971648</v>
      </c>
      <c r="E2990">
        <f t="shared" si="47"/>
        <v>530.76462861573646</v>
      </c>
      <c r="F2990">
        <f>IF(C2990="CLAY", INDEX(D$4:D2990, MATCH("CLAY", C$4:C2990, 0)), "")</f>
        <v>0.75203252561341039</v>
      </c>
    </row>
    <row r="2991" spans="1:6" x14ac:dyDescent="0.2">
      <c r="A2991" s="239">
        <f>'CPT Data'!B2999</f>
        <v>29.893000000000001</v>
      </c>
      <c r="B2991" s="3">
        <f>'CPT Data'!C2999</f>
        <v>29.885999999999999</v>
      </c>
      <c r="C2991" t="str">
        <f>'CPT Data'!P2999</f>
        <v>CLAY</v>
      </c>
      <c r="D2991">
        <f>'CPT Data'!Q2999</f>
        <v>440.36167508818835</v>
      </c>
      <c r="E2991">
        <f t="shared" si="47"/>
        <v>484.12034847971648</v>
      </c>
      <c r="F2991">
        <f>IF(C2991="CLAY", INDEX(D$4:D2991, MATCH("CLAY", C$4:C2991, 0)), "")</f>
        <v>0.75203252561341039</v>
      </c>
    </row>
    <row r="2992" spans="1:6" x14ac:dyDescent="0.2">
      <c r="A2992" s="239">
        <f>'CPT Data'!B3000</f>
        <v>29.902000000000001</v>
      </c>
      <c r="B2992" s="3">
        <f>'CPT Data'!C3000</f>
        <v>29.895</v>
      </c>
      <c r="C2992" t="str">
        <f>'CPT Data'!P3000</f>
        <v>CLAY</v>
      </c>
      <c r="D2992">
        <f>'CPT Data'!Q3000</f>
        <v>408.88770650388136</v>
      </c>
      <c r="E2992">
        <f t="shared" si="47"/>
        <v>440.36167508818835</v>
      </c>
      <c r="F2992">
        <f>IF(C2992="CLAY", INDEX(D$4:D2992, MATCH("CLAY", C$4:C2992, 0)), "")</f>
        <v>0.75203252561341039</v>
      </c>
    </row>
    <row r="2993" spans="1:6" x14ac:dyDescent="0.2">
      <c r="A2993" s="239">
        <f>'CPT Data'!B3001</f>
        <v>29.911999999999999</v>
      </c>
      <c r="B2993" s="3">
        <f>'CPT Data'!C3001</f>
        <v>29.904999999999998</v>
      </c>
      <c r="C2993" t="str">
        <f>'CPT Data'!P3001</f>
        <v>CLAY</v>
      </c>
      <c r="D2993">
        <f>'CPT Data'!Q3001</f>
        <v>389.10015811192631</v>
      </c>
      <c r="E2993">
        <f t="shared" si="47"/>
        <v>408.88770650388136</v>
      </c>
      <c r="F2993">
        <f>IF(C2993="CLAY", INDEX(D$4:D2993, MATCH("CLAY", C$4:C2993, 0)), "")</f>
        <v>0.75203252561341039</v>
      </c>
    </row>
    <row r="2994" spans="1:6" x14ac:dyDescent="0.2">
      <c r="A2994" s="239">
        <f>'CPT Data'!B3002</f>
        <v>29.922000000000001</v>
      </c>
      <c r="B2994" s="3">
        <f>'CPT Data'!C3002</f>
        <v>29.914999999999999</v>
      </c>
      <c r="C2994" t="str">
        <f>'CPT Data'!P3002</f>
        <v>CLAY</v>
      </c>
      <c r="D2994">
        <f>'CPT Data'!Q3002</f>
        <v>382.45875443375525</v>
      </c>
      <c r="E2994">
        <f t="shared" si="47"/>
        <v>389.10015811192631</v>
      </c>
      <c r="F2994">
        <f>IF(C2994="CLAY", INDEX(D$4:D2994, MATCH("CLAY", C$4:C2994, 0)), "")</f>
        <v>0.75203252561341039</v>
      </c>
    </row>
    <row r="2995" spans="1:6" x14ac:dyDescent="0.2">
      <c r="A2995" s="239">
        <f>'CPT Data'!B3003</f>
        <v>29.931999999999999</v>
      </c>
      <c r="B2995" s="3">
        <f>'CPT Data'!C3003</f>
        <v>29.924999999999997</v>
      </c>
      <c r="C2995" t="str">
        <f>'CPT Data'!P3003</f>
        <v>CLAY</v>
      </c>
      <c r="D2995">
        <f>'CPT Data'!Q3003</f>
        <v>376.47505154279088</v>
      </c>
      <c r="E2995">
        <f t="shared" si="47"/>
        <v>382.45875443375525</v>
      </c>
      <c r="F2995">
        <f>IF(C2995="CLAY", INDEX(D$4:D2995, MATCH("CLAY", C$4:C2995, 0)), "")</f>
        <v>0.75203252561341039</v>
      </c>
    </row>
    <row r="2996" spans="1:6" x14ac:dyDescent="0.2">
      <c r="A2996" s="239">
        <f>'CPT Data'!B3004</f>
        <v>29.940999999999999</v>
      </c>
      <c r="B2996" s="3">
        <f>'CPT Data'!C3004</f>
        <v>29.933999999999997</v>
      </c>
      <c r="C2996" t="str">
        <f>'CPT Data'!P3004</f>
        <v>CLAY</v>
      </c>
      <c r="D2996">
        <f>'CPT Data'!Q3004</f>
        <v>372.24870071154629</v>
      </c>
      <c r="E2996">
        <f t="shared" si="47"/>
        <v>376.47505154279088</v>
      </c>
      <c r="F2996">
        <f>IF(C2996="CLAY", INDEX(D$4:D2996, MATCH("CLAY", C$4:C2996, 0)), "")</f>
        <v>0.75203252561341039</v>
      </c>
    </row>
    <row r="2997" spans="1:6" x14ac:dyDescent="0.2">
      <c r="A2997" s="239">
        <f>'CPT Data'!B3005</f>
        <v>29.952000000000002</v>
      </c>
      <c r="B2997" s="3">
        <f>'CPT Data'!C3005</f>
        <v>29.945</v>
      </c>
      <c r="C2997" t="str">
        <f>'CPT Data'!P3005</f>
        <v>CLAY</v>
      </c>
      <c r="D2997">
        <f>'CPT Data'!Q3005</f>
        <v>368.11339357796345</v>
      </c>
      <c r="E2997">
        <f t="shared" si="47"/>
        <v>372.24870071154629</v>
      </c>
      <c r="F2997">
        <f>IF(C2997="CLAY", INDEX(D$4:D2997, MATCH("CLAY", C$4:C2997, 0)), "")</f>
        <v>0.75203252561341039</v>
      </c>
    </row>
    <row r="2998" spans="1:6" x14ac:dyDescent="0.2">
      <c r="A2998" s="239">
        <f>'CPT Data'!B3006</f>
        <v>29.960999999999999</v>
      </c>
      <c r="B2998" s="3">
        <f>'CPT Data'!C3006</f>
        <v>29.953999999999997</v>
      </c>
      <c r="C2998" t="str">
        <f>'CPT Data'!P3006</f>
        <v>CLAY</v>
      </c>
      <c r="D2998">
        <f>'CPT Data'!Q3006</f>
        <v>352.86602785061774</v>
      </c>
      <c r="E2998">
        <f t="shared" si="47"/>
        <v>368.11339357796345</v>
      </c>
      <c r="F2998">
        <f>IF(C2998="CLAY", INDEX(D$4:D2998, MATCH("CLAY", C$4:C2998, 0)), "")</f>
        <v>0.75203252561341039</v>
      </c>
    </row>
    <row r="2999" spans="1:6" x14ac:dyDescent="0.2">
      <c r="A2999" s="239">
        <f>'CPT Data'!B3007</f>
        <v>29.971</v>
      </c>
      <c r="B2999" s="3">
        <f>'CPT Data'!C3007</f>
        <v>29.963999999999999</v>
      </c>
      <c r="C2999" t="str">
        <f>'CPT Data'!P3007</f>
        <v>CLAY</v>
      </c>
      <c r="D2999">
        <f>'CPT Data'!Q3007</f>
        <v>333.48783739954996</v>
      </c>
      <c r="E2999">
        <f t="shared" si="47"/>
        <v>352.86602785061774</v>
      </c>
      <c r="F2999">
        <f>IF(C2999="CLAY", INDEX(D$4:D2999, MATCH("CLAY", C$4:C2999, 0)), "")</f>
        <v>0.75203252561341039</v>
      </c>
    </row>
    <row r="3000" spans="1:6" x14ac:dyDescent="0.2">
      <c r="A3000" s="239">
        <f>'CPT Data'!B3008</f>
        <v>29.981000000000002</v>
      </c>
      <c r="B3000" s="3">
        <f>'CPT Data'!C3008</f>
        <v>29.974</v>
      </c>
      <c r="C3000" t="str">
        <f>'CPT Data'!P3008</f>
        <v>CLAY</v>
      </c>
      <c r="D3000">
        <f>'CPT Data'!Q3008</f>
        <v>306.76709720659454</v>
      </c>
      <c r="E3000">
        <f t="shared" si="47"/>
        <v>333.48783739954996</v>
      </c>
      <c r="F3000">
        <f>IF(C3000="CLAY", INDEX(D$4:D3000, MATCH("CLAY", C$4:C3000, 0)), "")</f>
        <v>0.75203252561341039</v>
      </c>
    </row>
    <row r="3001" spans="1:6" x14ac:dyDescent="0.2">
      <c r="A3001" s="239">
        <f>'CPT Data'!B3009</f>
        <v>29.991</v>
      </c>
      <c r="B3001" s="3">
        <f>'CPT Data'!C3009</f>
        <v>29.983999999999998</v>
      </c>
      <c r="C3001" t="str">
        <f>'CPT Data'!P3009</f>
        <v>CLAY</v>
      </c>
      <c r="D3001">
        <f>'CPT Data'!Q3009</f>
        <v>284.10647098010719</v>
      </c>
      <c r="E3001">
        <f t="shared" si="47"/>
        <v>306.76709720659454</v>
      </c>
      <c r="F3001">
        <f>IF(C3001="CLAY", INDEX(D$4:D3001, MATCH("CLAY", C$4:C3001, 0)), "")</f>
        <v>0.75203252561341039</v>
      </c>
    </row>
    <row r="3002" spans="1:6" x14ac:dyDescent="0.2">
      <c r="A3002" s="239">
        <f>'CPT Data'!B3010</f>
        <v>30</v>
      </c>
      <c r="B3002" s="3">
        <f>'CPT Data'!C3010</f>
        <v>29.992999999999999</v>
      </c>
      <c r="C3002" t="str">
        <f>'CPT Data'!P3010</f>
        <v>CLAY</v>
      </c>
      <c r="D3002">
        <f>'CPT Data'!Q3010</f>
        <v>261.04777669049622</v>
      </c>
      <c r="E3002">
        <f t="shared" si="47"/>
        <v>284.10647098010719</v>
      </c>
      <c r="F3002">
        <f>IF(C3002="CLAY", INDEX(D$4:D3002, MATCH("CLAY", C$4:C3002, 0)), "")</f>
        <v>0.75203252561341039</v>
      </c>
    </row>
    <row r="3003" spans="1:6" x14ac:dyDescent="0.2">
      <c r="A3003" s="239">
        <f>'CPT Data'!B3011</f>
        <v>30.01</v>
      </c>
      <c r="B3003" s="3">
        <f>'CPT Data'!C3011</f>
        <v>30.003</v>
      </c>
      <c r="C3003" t="str">
        <f>'CPT Data'!P3011</f>
        <v>CLAY</v>
      </c>
      <c r="D3003">
        <f>'CPT Data'!Q3011</f>
        <v>236.92925672884417</v>
      </c>
      <c r="E3003">
        <f t="shared" si="47"/>
        <v>261.04777669049622</v>
      </c>
      <c r="F3003">
        <f>IF(C3003="CLAY", INDEX(D$4:D3003, MATCH("CLAY", C$4:C3003, 0)), "")</f>
        <v>0.75203252561341039</v>
      </c>
    </row>
    <row r="3004" spans="1:6" x14ac:dyDescent="0.2">
      <c r="A3004" s="239">
        <f>'CPT Data'!B3012</f>
        <v>30.021000000000001</v>
      </c>
      <c r="B3004" s="3">
        <f>'CPT Data'!C3012</f>
        <v>30.013999999999999</v>
      </c>
      <c r="C3004" t="str">
        <f>'CPT Data'!P3012</f>
        <v>CLAY</v>
      </c>
      <c r="D3004">
        <f>'CPT Data'!Q3012</f>
        <v>212.04992053239525</v>
      </c>
      <c r="E3004">
        <f t="shared" si="47"/>
        <v>236.92925672884417</v>
      </c>
      <c r="F3004">
        <f>IF(C3004="CLAY", INDEX(D$4:D3004, MATCH("CLAY", C$4:C3004, 0)), "")</f>
        <v>0.75203252561341039</v>
      </c>
    </row>
    <row r="3005" spans="1:6" x14ac:dyDescent="0.2">
      <c r="A3005" s="239">
        <f>'CPT Data'!B3013</f>
        <v>30.03</v>
      </c>
      <c r="B3005" s="3">
        <f>'CPT Data'!C3013</f>
        <v>30.023</v>
      </c>
      <c r="C3005" t="str">
        <f>'CPT Data'!P3013</f>
        <v>CLAY</v>
      </c>
      <c r="D3005">
        <f>'CPT Data'!Q3013</f>
        <v>189.91206629845377</v>
      </c>
      <c r="E3005">
        <f t="shared" si="47"/>
        <v>212.04992053239525</v>
      </c>
      <c r="F3005">
        <f>IF(C3005="CLAY", INDEX(D$4:D3005, MATCH("CLAY", C$4:C3005, 0)), "")</f>
        <v>0.75203252561341039</v>
      </c>
    </row>
    <row r="3006" spans="1:6" x14ac:dyDescent="0.2">
      <c r="A3006" s="239">
        <f>'CPT Data'!B3014</f>
        <v>30.04</v>
      </c>
      <c r="B3006" s="3">
        <f>'CPT Data'!C3014</f>
        <v>30.032999999999998</v>
      </c>
      <c r="C3006" t="str">
        <f>'CPT Data'!P3014</f>
        <v>CLAY</v>
      </c>
      <c r="D3006">
        <f>'CPT Data'!Q3014</f>
        <v>175.61060278741581</v>
      </c>
      <c r="E3006">
        <f t="shared" si="47"/>
        <v>189.91206629845377</v>
      </c>
      <c r="F3006">
        <f>IF(C3006="CLAY", INDEX(D$4:D3006, MATCH("CLAY", C$4:C3006, 0)), "")</f>
        <v>0.75203252561341039</v>
      </c>
    </row>
    <row r="3007" spans="1:6" x14ac:dyDescent="0.2">
      <c r="A3007" s="239">
        <f>'CPT Data'!B3015</f>
        <v>30.050999999999998</v>
      </c>
      <c r="B3007" s="3">
        <f>'CPT Data'!C3015</f>
        <v>30.043999999999997</v>
      </c>
      <c r="C3007" t="str">
        <f>'CPT Data'!P3015</f>
        <v>CLAY</v>
      </c>
      <c r="D3007">
        <f>'CPT Data'!Q3015</f>
        <v>168.65098502314035</v>
      </c>
      <c r="E3007">
        <f t="shared" si="47"/>
        <v>175.61060278741581</v>
      </c>
      <c r="F3007">
        <f>IF(C3007="CLAY", INDEX(D$4:D3007, MATCH("CLAY", C$4:C3007, 0)), "")</f>
        <v>0.75203252561341039</v>
      </c>
    </row>
    <row r="3008" spans="1:6" x14ac:dyDescent="0.2">
      <c r="A3008" s="239">
        <f>'CPT Data'!B3016</f>
        <v>30.06</v>
      </c>
      <c r="B3008" s="3">
        <f>'CPT Data'!C3016</f>
        <v>30.052999999999997</v>
      </c>
      <c r="C3008" t="str">
        <f>'CPT Data'!P3016</f>
        <v>CLAY</v>
      </c>
      <c r="D3008">
        <f>'CPT Data'!Q3016</f>
        <v>161.8411707701857</v>
      </c>
      <c r="E3008">
        <f t="shared" si="47"/>
        <v>168.65098502314035</v>
      </c>
      <c r="F3008">
        <f>IF(C3008="CLAY", INDEX(D$4:D3008, MATCH("CLAY", C$4:C3008, 0)), "")</f>
        <v>0.75203252561341039</v>
      </c>
    </row>
    <row r="3009" spans="1:6" x14ac:dyDescent="0.2">
      <c r="A3009" s="239">
        <f>'CPT Data'!B3017</f>
        <v>30.068999999999999</v>
      </c>
      <c r="B3009" s="3">
        <f>'CPT Data'!C3017</f>
        <v>30.061999999999998</v>
      </c>
      <c r="C3009" t="str">
        <f>'CPT Data'!P3017</f>
        <v>CLAY</v>
      </c>
      <c r="D3009">
        <f>'CPT Data'!Q3017</f>
        <v>154.83760328110444</v>
      </c>
      <c r="E3009">
        <f t="shared" si="47"/>
        <v>161.8411707701857</v>
      </c>
      <c r="F3009">
        <f>IF(C3009="CLAY", INDEX(D$4:D3009, MATCH("CLAY", C$4:C3009, 0)), "")</f>
        <v>0.75203252561341039</v>
      </c>
    </row>
    <row r="3010" spans="1:6" x14ac:dyDescent="0.2">
      <c r="A3010" s="239">
        <f>'CPT Data'!B3018</f>
        <v>30.08</v>
      </c>
      <c r="B3010" s="3">
        <f>'CPT Data'!C3018</f>
        <v>30.072999999999997</v>
      </c>
      <c r="C3010" t="str">
        <f>'CPT Data'!P3018</f>
        <v>CLAY</v>
      </c>
      <c r="D3010">
        <f>'CPT Data'!Q3018</f>
        <v>146.27861751589859</v>
      </c>
      <c r="E3010">
        <f t="shared" si="47"/>
        <v>154.83760328110444</v>
      </c>
      <c r="F3010">
        <f>IF(C3010="CLAY", INDEX(D$4:D3010, MATCH("CLAY", C$4:C3010, 0)), "")</f>
        <v>0.75203252561341039</v>
      </c>
    </row>
    <row r="3011" spans="1:6" x14ac:dyDescent="0.2">
      <c r="A3011" s="239">
        <f>'CPT Data'!B3019</f>
        <v>30.09</v>
      </c>
      <c r="B3011" s="3">
        <f>'CPT Data'!C3019</f>
        <v>30.082999999999998</v>
      </c>
      <c r="C3011" t="str">
        <f>'CPT Data'!P3019</f>
        <v>CLAY</v>
      </c>
      <c r="D3011">
        <f>'CPT Data'!Q3019</f>
        <v>140.97080304153815</v>
      </c>
      <c r="E3011">
        <f t="shared" si="47"/>
        <v>146.27861751589859</v>
      </c>
      <c r="F3011">
        <f>IF(C3011="CLAY", INDEX(D$4:D3011, MATCH("CLAY", C$4:C3011, 0)), "")</f>
        <v>0.75203252561341039</v>
      </c>
    </row>
    <row r="3012" spans="1:6" x14ac:dyDescent="0.2">
      <c r="A3012" s="239">
        <f>'CPT Data'!B3020</f>
        <v>30.099</v>
      </c>
      <c r="B3012" s="3">
        <f>'CPT Data'!C3020</f>
        <v>30.091999999999999</v>
      </c>
      <c r="C3012" t="str">
        <f>'CPT Data'!P3020</f>
        <v>CLAY</v>
      </c>
      <c r="D3012">
        <f>'CPT Data'!Q3020</f>
        <v>126.39845851634527</v>
      </c>
      <c r="E3012">
        <f t="shared" si="47"/>
        <v>140.97080304153815</v>
      </c>
      <c r="F3012">
        <f>IF(C3012="CLAY", INDEX(D$4:D3012, MATCH("CLAY", C$4:C3012, 0)), "")</f>
        <v>0.75203252561341039</v>
      </c>
    </row>
    <row r="3013" spans="1:6" x14ac:dyDescent="0.2">
      <c r="A3013" s="239">
        <f>'CPT Data'!B3021</f>
        <v>30.11</v>
      </c>
      <c r="B3013" s="3">
        <f>'CPT Data'!C3021</f>
        <v>30.102999999999998</v>
      </c>
      <c r="C3013" t="str">
        <f>'CPT Data'!P3021</f>
        <v>CLAY</v>
      </c>
      <c r="D3013">
        <f>'CPT Data'!Q3021</f>
        <v>116.77830088787402</v>
      </c>
      <c r="E3013">
        <f t="shared" si="47"/>
        <v>126.39845851634527</v>
      </c>
      <c r="F3013">
        <f>IF(C3013="CLAY", INDEX(D$4:D3013, MATCH("CLAY", C$4:C3013, 0)), "")</f>
        <v>0.75203252561341039</v>
      </c>
    </row>
    <row r="3014" spans="1:6" x14ac:dyDescent="0.2">
      <c r="A3014" s="239">
        <f>'CPT Data'!B3022</f>
        <v>30.12</v>
      </c>
      <c r="B3014" s="3">
        <f>'CPT Data'!C3022</f>
        <v>30.113</v>
      </c>
      <c r="C3014" t="str">
        <f>'CPT Data'!P3022</f>
        <v>CLAY</v>
      </c>
      <c r="D3014">
        <f>'CPT Data'!Q3022</f>
        <v>111.67756776510028</v>
      </c>
      <c r="E3014">
        <f t="shared" si="47"/>
        <v>116.77830088787402</v>
      </c>
      <c r="F3014">
        <f>IF(C3014="CLAY", INDEX(D$4:D3014, MATCH("CLAY", C$4:C3014, 0)), "")</f>
        <v>0.75203252561341039</v>
      </c>
    </row>
    <row r="3015" spans="1:6" x14ac:dyDescent="0.2">
      <c r="A3015" s="239">
        <f>'CPT Data'!B3023</f>
        <v>30.13</v>
      </c>
      <c r="B3015" s="3">
        <f>'CPT Data'!C3023</f>
        <v>30.122999999999998</v>
      </c>
      <c r="C3015" t="str">
        <f>'CPT Data'!P3023</f>
        <v>CLAY</v>
      </c>
      <c r="D3015">
        <f>'CPT Data'!Q3023</f>
        <v>106.77542297762382</v>
      </c>
      <c r="E3015">
        <f t="shared" si="47"/>
        <v>111.67756776510028</v>
      </c>
      <c r="F3015">
        <f>IF(C3015="CLAY", INDEX(D$4:D3015, MATCH("CLAY", C$4:C3015, 0)), "")</f>
        <v>0.75203252561341039</v>
      </c>
    </row>
    <row r="3016" spans="1:6" x14ac:dyDescent="0.2">
      <c r="A3016" s="239">
        <f>'CPT Data'!B3024</f>
        <v>30.138999999999999</v>
      </c>
      <c r="B3016" s="3">
        <f>'CPT Data'!C3024</f>
        <v>30.131999999999998</v>
      </c>
      <c r="C3016" t="str">
        <f>'CPT Data'!P3024</f>
        <v>CLAY</v>
      </c>
      <c r="D3016">
        <f>'CPT Data'!Q3024</f>
        <v>102.24552133430761</v>
      </c>
      <c r="E3016">
        <f t="shared" si="47"/>
        <v>106.77542297762382</v>
      </c>
      <c r="F3016">
        <f>IF(C3016="CLAY", INDEX(D$4:D3016, MATCH("CLAY", C$4:C3016, 0)), "")</f>
        <v>0.75203252561341039</v>
      </c>
    </row>
    <row r="3017" spans="1:6" x14ac:dyDescent="0.2">
      <c r="A3017" s="239">
        <f>'CPT Data'!B3025</f>
        <v>30.149000000000001</v>
      </c>
      <c r="B3017" s="3">
        <f>'CPT Data'!C3025</f>
        <v>30.141999999999999</v>
      </c>
      <c r="C3017" t="str">
        <f>'CPT Data'!P3025</f>
        <v>CLAY</v>
      </c>
      <c r="D3017">
        <f>'CPT Data'!Q3025</f>
        <v>100.44810897210715</v>
      </c>
      <c r="E3017">
        <f t="shared" si="47"/>
        <v>102.24552133430761</v>
      </c>
      <c r="F3017">
        <f>IF(C3017="CLAY", INDEX(D$4:D3017, MATCH("CLAY", C$4:C3017, 0)), "")</f>
        <v>0.75203252561341039</v>
      </c>
    </row>
    <row r="3018" spans="1:6" x14ac:dyDescent="0.2">
      <c r="A3018" s="239">
        <f>'CPT Data'!B3026</f>
        <v>30.16</v>
      </c>
      <c r="B3018" s="3">
        <f>'CPT Data'!C3026</f>
        <v>30.152999999999999</v>
      </c>
      <c r="C3018" t="str">
        <f>'CPT Data'!P3026</f>
        <v>CLAY</v>
      </c>
      <c r="D3018">
        <f>'CPT Data'!Q3026</f>
        <v>102.4956752817556</v>
      </c>
      <c r="E3018">
        <f t="shared" si="47"/>
        <v>100.44810897210715</v>
      </c>
      <c r="F3018">
        <f>IF(C3018="CLAY", INDEX(D$4:D3018, MATCH("CLAY", C$4:C3018, 0)), "")</f>
        <v>0.75203252561341039</v>
      </c>
    </row>
    <row r="3019" spans="1:6" x14ac:dyDescent="0.2">
      <c r="A3019" s="239">
        <f>'CPT Data'!B3027</f>
        <v>30.169</v>
      </c>
      <c r="B3019" s="3">
        <f>'CPT Data'!C3027</f>
        <v>30.161999999999999</v>
      </c>
      <c r="C3019" t="str">
        <f>'CPT Data'!P3027</f>
        <v>CLAY</v>
      </c>
      <c r="D3019">
        <f>'CPT Data'!Q3027</f>
        <v>105.999961132726</v>
      </c>
      <c r="E3019">
        <f t="shared" si="47"/>
        <v>102.4956752817556</v>
      </c>
      <c r="F3019">
        <f>IF(C3019="CLAY", INDEX(D$4:D3019, MATCH("CLAY", C$4:C3019, 0)), "")</f>
        <v>0.75203252561341039</v>
      </c>
    </row>
    <row r="3020" spans="1:6" x14ac:dyDescent="0.2">
      <c r="A3020" s="239">
        <f>'CPT Data'!B3028</f>
        <v>30.178999999999998</v>
      </c>
      <c r="B3020" s="3">
        <f>'CPT Data'!C3028</f>
        <v>30.171999999999997</v>
      </c>
      <c r="C3020" t="str">
        <f>'CPT Data'!P3028</f>
        <v>CLAY</v>
      </c>
      <c r="D3020">
        <f>'CPT Data'!Q3028</f>
        <v>106.7259554235106</v>
      </c>
      <c r="E3020">
        <f t="shared" si="47"/>
        <v>105.999961132726</v>
      </c>
      <c r="F3020">
        <f>IF(C3020="CLAY", INDEX(D$4:D3020, MATCH("CLAY", C$4:C3020, 0)), "")</f>
        <v>0.75203252561341039</v>
      </c>
    </row>
    <row r="3021" spans="1:6" x14ac:dyDescent="0.2">
      <c r="A3021" s="239">
        <f>'CPT Data'!B3029</f>
        <v>30.189</v>
      </c>
      <c r="B3021" s="3">
        <f>'CPT Data'!C3029</f>
        <v>30.181999999999999</v>
      </c>
      <c r="C3021" t="str">
        <f>'CPT Data'!P3029</f>
        <v>CLAY</v>
      </c>
      <c r="D3021">
        <f>'CPT Data'!Q3029</f>
        <v>103.71159294699571</v>
      </c>
      <c r="E3021">
        <f t="shared" si="47"/>
        <v>106.7259554235106</v>
      </c>
      <c r="F3021">
        <f>IF(C3021="CLAY", INDEX(D$4:D3021, MATCH("CLAY", C$4:C3021, 0)), "")</f>
        <v>0.75203252561341039</v>
      </c>
    </row>
    <row r="3022" spans="1:6" x14ac:dyDescent="0.2">
      <c r="A3022" s="239">
        <f>'CPT Data'!B3030</f>
        <v>30.199000000000002</v>
      </c>
      <c r="B3022" s="3">
        <f>'CPT Data'!C3030</f>
        <v>30.192</v>
      </c>
      <c r="C3022" t="str">
        <f>'CPT Data'!P3030</f>
        <v>CLAY</v>
      </c>
      <c r="D3022">
        <f>'CPT Data'!Q3030</f>
        <v>103.5299029489981</v>
      </c>
      <c r="E3022">
        <f t="shared" si="47"/>
        <v>103.71159294699571</v>
      </c>
      <c r="F3022">
        <f>IF(C3022="CLAY", INDEX(D$4:D3022, MATCH("CLAY", C$4:C3022, 0)), "")</f>
        <v>0.75203252561341039</v>
      </c>
    </row>
    <row r="3023" spans="1:6" x14ac:dyDescent="0.2">
      <c r="A3023" s="239">
        <f>'CPT Data'!B3031</f>
        <v>30.209</v>
      </c>
      <c r="B3023" s="3">
        <f>'CPT Data'!C3031</f>
        <v>30.201999999999998</v>
      </c>
      <c r="C3023" t="str">
        <f>'CPT Data'!P3031</f>
        <v>CLAY</v>
      </c>
      <c r="D3023">
        <f>'CPT Data'!Q3031</f>
        <v>102.1713191008273</v>
      </c>
      <c r="E3023">
        <f t="shared" si="47"/>
        <v>103.5299029489981</v>
      </c>
      <c r="F3023">
        <f>IF(C3023="CLAY", INDEX(D$4:D3023, MATCH("CLAY", C$4:C3023, 0)), "")</f>
        <v>0.75203252561341039</v>
      </c>
    </row>
    <row r="3024" spans="1:6" x14ac:dyDescent="0.2">
      <c r="A3024" s="239">
        <f>'CPT Data'!B3032</f>
        <v>30.219000000000001</v>
      </c>
      <c r="B3024" s="3">
        <f>'CPT Data'!C3032</f>
        <v>30.212</v>
      </c>
      <c r="C3024" t="str">
        <f>'CPT Data'!P3032</f>
        <v>CLAY</v>
      </c>
      <c r="D3024">
        <f>'CPT Data'!Q3032</f>
        <v>101.49121035226187</v>
      </c>
      <c r="E3024">
        <f t="shared" si="47"/>
        <v>102.1713191008273</v>
      </c>
      <c r="F3024">
        <f>IF(C3024="CLAY", INDEX(D$4:D3024, MATCH("CLAY", C$4:C3024, 0)), "")</f>
        <v>0.75203252561341039</v>
      </c>
    </row>
    <row r="3025" spans="1:6" x14ac:dyDescent="0.2">
      <c r="A3025" s="239">
        <f>'CPT Data'!B3033</f>
        <v>30.228999999999999</v>
      </c>
      <c r="B3025" s="3">
        <f>'CPT Data'!C3033</f>
        <v>30.221999999999998</v>
      </c>
      <c r="C3025" t="str">
        <f>'CPT Data'!P3033</f>
        <v>CLAY</v>
      </c>
      <c r="D3025">
        <f>'CPT Data'!Q3033</f>
        <v>95.946199135908344</v>
      </c>
      <c r="E3025">
        <f t="shared" si="47"/>
        <v>101.49121035226187</v>
      </c>
      <c r="F3025">
        <f>IF(C3025="CLAY", INDEX(D$4:D3025, MATCH("CLAY", C$4:C3025, 0)), "")</f>
        <v>0.75203252561341039</v>
      </c>
    </row>
    <row r="3026" spans="1:6" x14ac:dyDescent="0.2">
      <c r="A3026" s="239">
        <f>'CPT Data'!B3034</f>
        <v>30.238</v>
      </c>
      <c r="B3026" s="3">
        <f>'CPT Data'!C3034</f>
        <v>30.230999999999998</v>
      </c>
      <c r="C3026" t="str">
        <f>'CPT Data'!P3034</f>
        <v>CLAY</v>
      </c>
      <c r="D3026">
        <f>'CPT Data'!Q3034</f>
        <v>96.068893352924533</v>
      </c>
      <c r="E3026">
        <f t="shared" si="47"/>
        <v>95.946199135908344</v>
      </c>
      <c r="F3026">
        <f>IF(C3026="CLAY", INDEX(D$4:D3026, MATCH("CLAY", C$4:C3026, 0)), "")</f>
        <v>0.75203252561341039</v>
      </c>
    </row>
    <row r="3027" spans="1:6" x14ac:dyDescent="0.2">
      <c r="A3027" s="239">
        <f>'CPT Data'!B3035</f>
        <v>30.248999999999999</v>
      </c>
      <c r="B3027" s="3">
        <f>'CPT Data'!C3035</f>
        <v>30.241999999999997</v>
      </c>
      <c r="C3027" t="str">
        <f>'CPT Data'!P3035</f>
        <v>CLAY</v>
      </c>
      <c r="D3027">
        <f>'CPT Data'!Q3035</f>
        <v>98.845526015519383</v>
      </c>
      <c r="E3027">
        <f t="shared" si="47"/>
        <v>96.068893352924533</v>
      </c>
      <c r="F3027">
        <f>IF(C3027="CLAY", INDEX(D$4:D3027, MATCH("CLAY", C$4:C3027, 0)), "")</f>
        <v>0.75203252561341039</v>
      </c>
    </row>
    <row r="3028" spans="1:6" x14ac:dyDescent="0.2">
      <c r="A3028" s="239">
        <f>'CPT Data'!B3036</f>
        <v>30.259</v>
      </c>
      <c r="B3028" s="3">
        <f>'CPT Data'!C3036</f>
        <v>30.251999999999999</v>
      </c>
      <c r="C3028" t="str">
        <f>'CPT Data'!P3036</f>
        <v>CLAY</v>
      </c>
      <c r="D3028">
        <f>'CPT Data'!Q3036</f>
        <v>96.654818361406384</v>
      </c>
      <c r="E3028">
        <f t="shared" si="47"/>
        <v>98.845526015519383</v>
      </c>
      <c r="F3028">
        <f>IF(C3028="CLAY", INDEX(D$4:D3028, MATCH("CLAY", C$4:C3028, 0)), "")</f>
        <v>0.75203252561341039</v>
      </c>
    </row>
    <row r="3029" spans="1:6" x14ac:dyDescent="0.2">
      <c r="A3029" s="239">
        <f>'CPT Data'!B3037</f>
        <v>30.268000000000001</v>
      </c>
      <c r="B3029" s="3">
        <f>'CPT Data'!C3037</f>
        <v>30.260999999999999</v>
      </c>
      <c r="C3029" t="str">
        <f>'CPT Data'!P3037</f>
        <v>CLAY</v>
      </c>
      <c r="D3029">
        <f>'CPT Data'!Q3037</f>
        <v>91.755577172069295</v>
      </c>
      <c r="E3029">
        <f t="shared" si="47"/>
        <v>96.654818361406384</v>
      </c>
      <c r="F3029">
        <f>IF(C3029="CLAY", INDEX(D$4:D3029, MATCH("CLAY", C$4:C3029, 0)), "")</f>
        <v>0.75203252561341039</v>
      </c>
    </row>
    <row r="3030" spans="1:6" x14ac:dyDescent="0.2">
      <c r="A3030" s="239">
        <f>'CPT Data'!B3038</f>
        <v>30.277999999999999</v>
      </c>
      <c r="B3030" s="3">
        <f>'CPT Data'!C3038</f>
        <v>30.270999999999997</v>
      </c>
      <c r="C3030" t="str">
        <f>'CPT Data'!P3038</f>
        <v>CLAY</v>
      </c>
      <c r="D3030">
        <f>'CPT Data'!Q3038</f>
        <v>88.721757240426811</v>
      </c>
      <c r="E3030">
        <f t="shared" si="47"/>
        <v>91.755577172069295</v>
      </c>
      <c r="F3030">
        <f>IF(C3030="CLAY", INDEX(D$4:D3030, MATCH("CLAY", C$4:C3030, 0)), "")</f>
        <v>0.75203252561341039</v>
      </c>
    </row>
    <row r="3031" spans="1:6" x14ac:dyDescent="0.2">
      <c r="A3031" s="239">
        <f>'CPT Data'!B3039</f>
        <v>30.288</v>
      </c>
      <c r="B3031" s="3">
        <f>'CPT Data'!C3039</f>
        <v>30.280999999999999</v>
      </c>
      <c r="C3031" t="str">
        <f>'CPT Data'!P3039</f>
        <v>CLAY</v>
      </c>
      <c r="D3031">
        <f>'CPT Data'!Q3039</f>
        <v>86.97007282830748</v>
      </c>
      <c r="E3031">
        <f t="shared" si="47"/>
        <v>88.721757240426811</v>
      </c>
      <c r="F3031">
        <f>IF(C3031="CLAY", INDEX(D$4:D3031, MATCH("CLAY", C$4:C3031, 0)), "")</f>
        <v>0.75203252561341039</v>
      </c>
    </row>
    <row r="3032" spans="1:6" x14ac:dyDescent="0.2">
      <c r="A3032" s="239">
        <f>'CPT Data'!B3040</f>
        <v>30.297999999999998</v>
      </c>
      <c r="B3032" s="3">
        <f>'CPT Data'!C3040</f>
        <v>30.290999999999997</v>
      </c>
      <c r="C3032" t="str">
        <f>'CPT Data'!P3040</f>
        <v>CLAY</v>
      </c>
      <c r="D3032">
        <f>'CPT Data'!Q3040</f>
        <v>88.279285543412712</v>
      </c>
      <c r="E3032">
        <f t="shared" si="47"/>
        <v>86.97007282830748</v>
      </c>
      <c r="F3032">
        <f>IF(C3032="CLAY", INDEX(D$4:D3032, MATCH("CLAY", C$4:C3032, 0)), "")</f>
        <v>0.75203252561341039</v>
      </c>
    </row>
    <row r="3033" spans="1:6" x14ac:dyDescent="0.2">
      <c r="A3033" s="239">
        <f>'CPT Data'!B3041</f>
        <v>30.309000000000001</v>
      </c>
      <c r="B3033" s="3">
        <f>'CPT Data'!C3041</f>
        <v>30.302</v>
      </c>
      <c r="C3033" t="str">
        <f>'CPT Data'!P3041</f>
        <v>CLAY</v>
      </c>
      <c r="D3033">
        <f>'CPT Data'!Q3041</f>
        <v>89.360714328897146</v>
      </c>
      <c r="E3033">
        <f t="shared" si="47"/>
        <v>88.279285543412712</v>
      </c>
      <c r="F3033">
        <f>IF(C3033="CLAY", INDEX(D$4:D3033, MATCH("CLAY", C$4:C3033, 0)), "")</f>
        <v>0.75203252561341039</v>
      </c>
    </row>
    <row r="3034" spans="1:6" x14ac:dyDescent="0.2">
      <c r="A3034" s="239">
        <f>'CPT Data'!B3042</f>
        <v>30.318000000000001</v>
      </c>
      <c r="B3034" s="3">
        <f>'CPT Data'!C3042</f>
        <v>30.311</v>
      </c>
      <c r="C3034" t="str">
        <f>'CPT Data'!P3042</f>
        <v>CLAY</v>
      </c>
      <c r="D3034">
        <f>'CPT Data'!Q3042</f>
        <v>91.516168722658492</v>
      </c>
      <c r="E3034">
        <f t="shared" si="47"/>
        <v>89.360714328897146</v>
      </c>
      <c r="F3034">
        <f>IF(C3034="CLAY", INDEX(D$4:D3034, MATCH("CLAY", C$4:C3034, 0)), "")</f>
        <v>0.75203252561341039</v>
      </c>
    </row>
    <row r="3035" spans="1:6" x14ac:dyDescent="0.2">
      <c r="A3035" s="239">
        <f>'CPT Data'!B3043</f>
        <v>30.327000000000002</v>
      </c>
      <c r="B3035" s="3">
        <f>'CPT Data'!C3043</f>
        <v>30.32</v>
      </c>
      <c r="C3035" t="str">
        <f>'CPT Data'!P3043</f>
        <v>CLAY</v>
      </c>
      <c r="D3035">
        <f>'CPT Data'!Q3043</f>
        <v>90.364048053754061</v>
      </c>
      <c r="E3035">
        <f t="shared" ref="E3035:E3098" si="48">IF(C3035="SAND",#N/A,IF(C3035=C3034,D3034,IF(C3035="CLAY",D3035,#N/A)))</f>
        <v>91.516168722658492</v>
      </c>
      <c r="F3035">
        <f>IF(C3035="CLAY", INDEX(D$4:D3035, MATCH("CLAY", C$4:C3035, 0)), "")</f>
        <v>0.75203252561341039</v>
      </c>
    </row>
    <row r="3036" spans="1:6" x14ac:dyDescent="0.2">
      <c r="A3036" s="239">
        <f>'CPT Data'!B3044</f>
        <v>30.338000000000001</v>
      </c>
      <c r="B3036" s="3">
        <f>'CPT Data'!C3044</f>
        <v>30.331</v>
      </c>
      <c r="C3036" t="str">
        <f>'CPT Data'!P3044</f>
        <v>CLAY</v>
      </c>
      <c r="D3036">
        <f>'CPT Data'!Q3044</f>
        <v>90.718949570960831</v>
      </c>
      <c r="E3036">
        <f t="shared" si="48"/>
        <v>90.364048053754061</v>
      </c>
      <c r="F3036">
        <f>IF(C3036="CLAY", INDEX(D$4:D3036, MATCH("CLAY", C$4:C3036, 0)), "")</f>
        <v>0.75203252561341039</v>
      </c>
    </row>
    <row r="3037" spans="1:6" x14ac:dyDescent="0.2">
      <c r="A3037" s="239">
        <f>'CPT Data'!B3045</f>
        <v>30.347999999999999</v>
      </c>
      <c r="B3037" s="3">
        <f>'CPT Data'!C3045</f>
        <v>30.340999999999998</v>
      </c>
      <c r="C3037" t="str">
        <f>'CPT Data'!P3045</f>
        <v>CLAY</v>
      </c>
      <c r="D3037">
        <f>'CPT Data'!Q3045</f>
        <v>90.780931577759745</v>
      </c>
      <c r="E3037">
        <f t="shared" si="48"/>
        <v>90.718949570960831</v>
      </c>
      <c r="F3037">
        <f>IF(C3037="CLAY", INDEX(D$4:D3037, MATCH("CLAY", C$4:C3037, 0)), "")</f>
        <v>0.75203252561341039</v>
      </c>
    </row>
    <row r="3038" spans="1:6" x14ac:dyDescent="0.2">
      <c r="A3038" s="239">
        <f>'CPT Data'!B3046</f>
        <v>30.356999999999999</v>
      </c>
      <c r="B3038" s="3">
        <f>'CPT Data'!C3046</f>
        <v>30.349999999999998</v>
      </c>
      <c r="C3038" t="str">
        <f>'CPT Data'!P3046</f>
        <v>CLAY</v>
      </c>
      <c r="D3038">
        <f>'CPT Data'!Q3046</f>
        <v>89.970442966912799</v>
      </c>
      <c r="E3038">
        <f t="shared" si="48"/>
        <v>90.780931577759745</v>
      </c>
      <c r="F3038">
        <f>IF(C3038="CLAY", INDEX(D$4:D3038, MATCH("CLAY", C$4:C3038, 0)), "")</f>
        <v>0.75203252561341039</v>
      </c>
    </row>
    <row r="3039" spans="1:6" x14ac:dyDescent="0.2">
      <c r="A3039" s="239">
        <f>'CPT Data'!B3047</f>
        <v>30.367999999999999</v>
      </c>
      <c r="B3039" s="3">
        <f>'CPT Data'!C3047</f>
        <v>30.360999999999997</v>
      </c>
      <c r="C3039" t="str">
        <f>'CPT Data'!P3047</f>
        <v>CLAY</v>
      </c>
      <c r="D3039">
        <f>'CPT Data'!Q3047</f>
        <v>91.607968926128422</v>
      </c>
      <c r="E3039">
        <f t="shared" si="48"/>
        <v>89.970442966912799</v>
      </c>
      <c r="F3039">
        <f>IF(C3039="CLAY", INDEX(D$4:D3039, MATCH("CLAY", C$4:C3039, 0)), "")</f>
        <v>0.75203252561341039</v>
      </c>
    </row>
    <row r="3040" spans="1:6" x14ac:dyDescent="0.2">
      <c r="A3040" s="239">
        <f>'CPT Data'!B3048</f>
        <v>30.378</v>
      </c>
      <c r="B3040" s="3">
        <f>'CPT Data'!C3048</f>
        <v>30.370999999999999</v>
      </c>
      <c r="C3040" t="str">
        <f>'CPT Data'!P3048</f>
        <v>CLAY</v>
      </c>
      <c r="D3040">
        <f>'CPT Data'!Q3048</f>
        <v>94.869894957744634</v>
      </c>
      <c r="E3040">
        <f t="shared" si="48"/>
        <v>91.607968926128422</v>
      </c>
      <c r="F3040">
        <f>IF(C3040="CLAY", INDEX(D$4:D3040, MATCH("CLAY", C$4:C3040, 0)), "")</f>
        <v>0.75203252561341039</v>
      </c>
    </row>
    <row r="3041" spans="1:6" x14ac:dyDescent="0.2">
      <c r="A3041" s="239">
        <f>'CPT Data'!B3049</f>
        <v>30.387</v>
      </c>
      <c r="B3041" s="3">
        <f>'CPT Data'!C3049</f>
        <v>30.38</v>
      </c>
      <c r="C3041" t="str">
        <f>'CPT Data'!P3049</f>
        <v>CLAY</v>
      </c>
      <c r="D3041">
        <f>'CPT Data'!Q3049</f>
        <v>97.686284002288971</v>
      </c>
      <c r="E3041">
        <f t="shared" si="48"/>
        <v>94.869894957744634</v>
      </c>
      <c r="F3041">
        <f>IF(C3041="CLAY", INDEX(D$4:D3041, MATCH("CLAY", C$4:C3041, 0)), "")</f>
        <v>0.75203252561341039</v>
      </c>
    </row>
    <row r="3042" spans="1:6" x14ac:dyDescent="0.2">
      <c r="A3042" s="239">
        <f>'CPT Data'!B3050</f>
        <v>30.398</v>
      </c>
      <c r="B3042" s="3">
        <f>'CPT Data'!C3050</f>
        <v>30.390999999999998</v>
      </c>
      <c r="C3042" t="str">
        <f>'CPT Data'!P3050</f>
        <v>CLAY</v>
      </c>
      <c r="D3042">
        <f>'CPT Data'!Q3050</f>
        <v>98.720222693899998</v>
      </c>
      <c r="E3042">
        <f t="shared" si="48"/>
        <v>97.686284002288971</v>
      </c>
      <c r="F3042">
        <f>IF(C3042="CLAY", INDEX(D$4:D3042, MATCH("CLAY", C$4:C3042, 0)), "")</f>
        <v>0.75203252561341039</v>
      </c>
    </row>
    <row r="3043" spans="1:6" x14ac:dyDescent="0.2">
      <c r="A3043" s="239">
        <f>'CPT Data'!B3051</f>
        <v>30.407</v>
      </c>
      <c r="B3043" s="3">
        <f>'CPT Data'!C3051</f>
        <v>30.4</v>
      </c>
      <c r="C3043" t="str">
        <f>'CPT Data'!P3051</f>
        <v>CLAY</v>
      </c>
      <c r="D3043">
        <f>'CPT Data'!Q3051</f>
        <v>98.724475400304769</v>
      </c>
      <c r="E3043">
        <f t="shared" si="48"/>
        <v>98.720222693899998</v>
      </c>
      <c r="F3043">
        <f>IF(C3043="CLAY", INDEX(D$4:D3043, MATCH("CLAY", C$4:C3043, 0)), "")</f>
        <v>0.75203252561341039</v>
      </c>
    </row>
    <row r="3044" spans="1:6" x14ac:dyDescent="0.2">
      <c r="A3044" s="239">
        <f>'CPT Data'!B3052</f>
        <v>30.416</v>
      </c>
      <c r="B3044" s="3">
        <f>'CPT Data'!C3052</f>
        <v>30.408999999999999</v>
      </c>
      <c r="C3044" t="str">
        <f>'CPT Data'!P3052</f>
        <v>CLAY</v>
      </c>
      <c r="D3044">
        <f>'CPT Data'!Q3052</f>
        <v>98.532621508583432</v>
      </c>
      <c r="E3044">
        <f t="shared" si="48"/>
        <v>98.724475400304769</v>
      </c>
      <c r="F3044">
        <f>IF(C3044="CLAY", INDEX(D$4:D3044, MATCH("CLAY", C$4:C3044, 0)), "")</f>
        <v>0.75203252561341039</v>
      </c>
    </row>
    <row r="3045" spans="1:6" x14ac:dyDescent="0.2">
      <c r="A3045" s="239">
        <f>'CPT Data'!B3053</f>
        <v>30.427</v>
      </c>
      <c r="B3045" s="3">
        <f>'CPT Data'!C3053</f>
        <v>30.419999999999998</v>
      </c>
      <c r="C3045" t="str">
        <f>'CPT Data'!P3053</f>
        <v>CLAY</v>
      </c>
      <c r="D3045">
        <f>'CPT Data'!Q3053</f>
        <v>101.30776247411806</v>
      </c>
      <c r="E3045">
        <f t="shared" si="48"/>
        <v>98.532621508583432</v>
      </c>
      <c r="F3045">
        <f>IF(C3045="CLAY", INDEX(D$4:D3045, MATCH("CLAY", C$4:C3045, 0)), "")</f>
        <v>0.75203252561341039</v>
      </c>
    </row>
    <row r="3046" spans="1:6" x14ac:dyDescent="0.2">
      <c r="A3046" s="239">
        <f>'CPT Data'!B3054</f>
        <v>30.437000000000001</v>
      </c>
      <c r="B3046" s="3">
        <f>'CPT Data'!C3054</f>
        <v>30.43</v>
      </c>
      <c r="C3046" t="str">
        <f>'CPT Data'!P3054</f>
        <v>CLAY</v>
      </c>
      <c r="D3046">
        <f>'CPT Data'!Q3054</f>
        <v>100.09841357700181</v>
      </c>
      <c r="E3046">
        <f t="shared" si="48"/>
        <v>101.30776247411806</v>
      </c>
      <c r="F3046">
        <f>IF(C3046="CLAY", INDEX(D$4:D3046, MATCH("CLAY", C$4:C3046, 0)), "")</f>
        <v>0.75203252561341039</v>
      </c>
    </row>
    <row r="3047" spans="1:6" x14ac:dyDescent="0.2">
      <c r="A3047" s="239">
        <f>'CPT Data'!B3055</f>
        <v>30.446000000000002</v>
      </c>
      <c r="B3047" s="3">
        <f>'CPT Data'!C3055</f>
        <v>30.439</v>
      </c>
      <c r="C3047" t="str">
        <f>'CPT Data'!P3055</f>
        <v>CLAY</v>
      </c>
      <c r="D3047">
        <f>'CPT Data'!Q3055</f>
        <v>100.38322030491791</v>
      </c>
      <c r="E3047">
        <f t="shared" si="48"/>
        <v>100.09841357700181</v>
      </c>
      <c r="F3047">
        <f>IF(C3047="CLAY", INDEX(D$4:D3047, MATCH("CLAY", C$4:C3047, 0)), "")</f>
        <v>0.75203252561341039</v>
      </c>
    </row>
    <row r="3048" spans="1:6" x14ac:dyDescent="0.2">
      <c r="A3048" s="239">
        <f>'CPT Data'!B3056</f>
        <v>30.457000000000001</v>
      </c>
      <c r="B3048" s="3">
        <f>'CPT Data'!C3056</f>
        <v>30.45</v>
      </c>
      <c r="C3048" t="str">
        <f>'CPT Data'!P3056</f>
        <v>CLAY</v>
      </c>
      <c r="D3048">
        <f>'CPT Data'!Q3056</f>
        <v>101.26463318555189</v>
      </c>
      <c r="E3048">
        <f t="shared" si="48"/>
        <v>100.38322030491791</v>
      </c>
      <c r="F3048">
        <f>IF(C3048="CLAY", INDEX(D$4:D3048, MATCH("CLAY", C$4:C3048, 0)), "")</f>
        <v>0.75203252561341039</v>
      </c>
    </row>
    <row r="3049" spans="1:6" x14ac:dyDescent="0.2">
      <c r="A3049" s="239">
        <f>'CPT Data'!B3057</f>
        <v>30.466999999999999</v>
      </c>
      <c r="B3049" s="3">
        <f>'CPT Data'!C3057</f>
        <v>30.459999999999997</v>
      </c>
      <c r="C3049" t="str">
        <f>'CPT Data'!P3057</f>
        <v>CLAY</v>
      </c>
      <c r="D3049">
        <f>'CPT Data'!Q3057</f>
        <v>101.12541263042277</v>
      </c>
      <c r="E3049">
        <f t="shared" si="48"/>
        <v>101.26463318555189</v>
      </c>
      <c r="F3049">
        <f>IF(C3049="CLAY", INDEX(D$4:D3049, MATCH("CLAY", C$4:C3049, 0)), "")</f>
        <v>0.75203252561341039</v>
      </c>
    </row>
    <row r="3050" spans="1:6" x14ac:dyDescent="0.2">
      <c r="A3050" s="239">
        <f>'CPT Data'!B3058</f>
        <v>30.475999999999999</v>
      </c>
      <c r="B3050" s="3">
        <f>'CPT Data'!C3058</f>
        <v>30.468999999999998</v>
      </c>
      <c r="C3050" t="str">
        <f>'CPT Data'!P3058</f>
        <v>CLAY</v>
      </c>
      <c r="D3050">
        <f>'CPT Data'!Q3058</f>
        <v>102.00779109475957</v>
      </c>
      <c r="E3050">
        <f t="shared" si="48"/>
        <v>101.12541263042277</v>
      </c>
      <c r="F3050">
        <f>IF(C3050="CLAY", INDEX(D$4:D3050, MATCH("CLAY", C$4:C3050, 0)), "")</f>
        <v>0.75203252561341039</v>
      </c>
    </row>
    <row r="3051" spans="1:6" x14ac:dyDescent="0.2">
      <c r="A3051" s="239">
        <f>'CPT Data'!B3059</f>
        <v>30.486999999999998</v>
      </c>
      <c r="B3051" s="3">
        <f>'CPT Data'!C3059</f>
        <v>30.479999999999997</v>
      </c>
      <c r="C3051" t="str">
        <f>'CPT Data'!P3059</f>
        <v>CLAY</v>
      </c>
      <c r="D3051">
        <f>'CPT Data'!Q3059</f>
        <v>108.76044446885145</v>
      </c>
      <c r="E3051">
        <f t="shared" si="48"/>
        <v>102.00779109475957</v>
      </c>
      <c r="F3051">
        <f>IF(C3051="CLAY", INDEX(D$4:D3051, MATCH("CLAY", C$4:C3051, 0)), "")</f>
        <v>0.75203252561341039</v>
      </c>
    </row>
    <row r="3052" spans="1:6" x14ac:dyDescent="0.2">
      <c r="A3052" s="239">
        <f>'CPT Data'!B3060</f>
        <v>30.497</v>
      </c>
      <c r="B3052" s="3">
        <f>'CPT Data'!C3060</f>
        <v>30.49</v>
      </c>
      <c r="C3052" t="str">
        <f>'CPT Data'!P3060</f>
        <v>CLAY</v>
      </c>
      <c r="D3052">
        <f>'CPT Data'!Q3060</f>
        <v>121.19347558276934</v>
      </c>
      <c r="E3052">
        <f t="shared" si="48"/>
        <v>108.76044446885145</v>
      </c>
      <c r="F3052">
        <f>IF(C3052="CLAY", INDEX(D$4:D3052, MATCH("CLAY", C$4:C3052, 0)), "")</f>
        <v>0.75203252561341039</v>
      </c>
    </row>
    <row r="3053" spans="1:6" x14ac:dyDescent="0.2">
      <c r="A3053" s="239">
        <f>'CPT Data'!B3061</f>
        <v>30.507000000000001</v>
      </c>
      <c r="B3053" s="3">
        <f>'CPT Data'!C3061</f>
        <v>30.5</v>
      </c>
      <c r="C3053" t="str">
        <f>'CPT Data'!P3061</f>
        <v>CLAY</v>
      </c>
      <c r="D3053">
        <f>'CPT Data'!Q3061</f>
        <v>130.57321229211939</v>
      </c>
      <c r="E3053">
        <f t="shared" si="48"/>
        <v>121.19347558276934</v>
      </c>
      <c r="F3053">
        <f>IF(C3053="CLAY", INDEX(D$4:D3053, MATCH("CLAY", C$4:C3053, 0)), "")</f>
        <v>0.75203252561341039</v>
      </c>
    </row>
    <row r="3054" spans="1:6" x14ac:dyDescent="0.2">
      <c r="A3054" s="239">
        <f>'CPT Data'!B3062</f>
        <v>30.516999999999999</v>
      </c>
      <c r="B3054" s="3">
        <f>'CPT Data'!C3062</f>
        <v>30.509999999999998</v>
      </c>
      <c r="C3054" t="str">
        <f>'CPT Data'!P3062</f>
        <v>CLAY</v>
      </c>
      <c r="D3054">
        <f>'CPT Data'!Q3062</f>
        <v>138.50567056736188</v>
      </c>
      <c r="E3054">
        <f t="shared" si="48"/>
        <v>130.57321229211939</v>
      </c>
      <c r="F3054">
        <f>IF(C3054="CLAY", INDEX(D$4:D3054, MATCH("CLAY", C$4:C3054, 0)), "")</f>
        <v>0.75203252561341039</v>
      </c>
    </row>
    <row r="3055" spans="1:6" x14ac:dyDescent="0.2">
      <c r="A3055" s="239">
        <f>'CPT Data'!B3063</f>
        <v>30.526</v>
      </c>
      <c r="B3055" s="3">
        <f>'CPT Data'!C3063</f>
        <v>30.518999999999998</v>
      </c>
      <c r="C3055" t="str">
        <f>'CPT Data'!P3063</f>
        <v>CLAY</v>
      </c>
      <c r="D3055">
        <f>'CPT Data'!Q3063</f>
        <v>141.56801333365081</v>
      </c>
      <c r="E3055">
        <f t="shared" si="48"/>
        <v>138.50567056736188</v>
      </c>
      <c r="F3055">
        <f>IF(C3055="CLAY", INDEX(D$4:D3055, MATCH("CLAY", C$4:C3055, 0)), "")</f>
        <v>0.75203252561341039</v>
      </c>
    </row>
    <row r="3056" spans="1:6" x14ac:dyDescent="0.2">
      <c r="A3056" s="239">
        <f>'CPT Data'!B3064</f>
        <v>30.536999999999999</v>
      </c>
      <c r="B3056" s="3">
        <f>'CPT Data'!C3064</f>
        <v>30.529999999999998</v>
      </c>
      <c r="C3056" t="str">
        <f>'CPT Data'!P3064</f>
        <v>CLAY</v>
      </c>
      <c r="D3056">
        <f>'CPT Data'!Q3064</f>
        <v>146.93262795377606</v>
      </c>
      <c r="E3056">
        <f t="shared" si="48"/>
        <v>141.56801333365081</v>
      </c>
      <c r="F3056">
        <f>IF(C3056="CLAY", INDEX(D$4:D3056, MATCH("CLAY", C$4:C3056, 0)), "")</f>
        <v>0.75203252561341039</v>
      </c>
    </row>
    <row r="3057" spans="1:6" x14ac:dyDescent="0.2">
      <c r="A3057" s="239">
        <f>'CPT Data'!B3065</f>
        <v>30.547000000000001</v>
      </c>
      <c r="B3057" s="3">
        <f>'CPT Data'!C3065</f>
        <v>30.54</v>
      </c>
      <c r="C3057" t="str">
        <f>'CPT Data'!P3065</f>
        <v>CLAY</v>
      </c>
      <c r="D3057">
        <f>'CPT Data'!Q3065</f>
        <v>153.36667821581693</v>
      </c>
      <c r="E3057">
        <f t="shared" si="48"/>
        <v>146.93262795377606</v>
      </c>
      <c r="F3057">
        <f>IF(C3057="CLAY", INDEX(D$4:D3057, MATCH("CLAY", C$4:C3057, 0)), "")</f>
        <v>0.75203252561341039</v>
      </c>
    </row>
    <row r="3058" spans="1:6" x14ac:dyDescent="0.2">
      <c r="A3058" s="239">
        <f>'CPT Data'!B3066</f>
        <v>30.556000000000001</v>
      </c>
      <c r="B3058" s="3">
        <f>'CPT Data'!C3066</f>
        <v>30.548999999999999</v>
      </c>
      <c r="C3058" t="str">
        <f>'CPT Data'!P3066</f>
        <v>CLAY</v>
      </c>
      <c r="D3058">
        <f>'CPT Data'!Q3066</f>
        <v>160.15743686460624</v>
      </c>
      <c r="E3058">
        <f t="shared" si="48"/>
        <v>153.36667821581693</v>
      </c>
      <c r="F3058">
        <f>IF(C3058="CLAY", INDEX(D$4:D3058, MATCH("CLAY", C$4:C3058, 0)), "")</f>
        <v>0.75203252561341039</v>
      </c>
    </row>
    <row r="3059" spans="1:6" x14ac:dyDescent="0.2">
      <c r="A3059" s="239">
        <f>'CPT Data'!B3067</f>
        <v>30.565999999999999</v>
      </c>
      <c r="B3059" s="3">
        <f>'CPT Data'!C3067</f>
        <v>30.558999999999997</v>
      </c>
      <c r="C3059" t="str">
        <f>'CPT Data'!P3067</f>
        <v>CLAY</v>
      </c>
      <c r="D3059">
        <f>'CPT Data'!Q3067</f>
        <v>162.913286992113</v>
      </c>
      <c r="E3059">
        <f t="shared" si="48"/>
        <v>160.15743686460624</v>
      </c>
      <c r="F3059">
        <f>IF(C3059="CLAY", INDEX(D$4:D3059, MATCH("CLAY", C$4:C3059, 0)), "")</f>
        <v>0.75203252561341039</v>
      </c>
    </row>
    <row r="3060" spans="1:6" x14ac:dyDescent="0.2">
      <c r="A3060" s="239">
        <f>'CPT Data'!B3068</f>
        <v>30.576000000000001</v>
      </c>
      <c r="B3060" s="3">
        <f>'CPT Data'!C3068</f>
        <v>30.568999999999999</v>
      </c>
      <c r="C3060" t="str">
        <f>'CPT Data'!P3068</f>
        <v>CLAY</v>
      </c>
      <c r="D3060">
        <f>'CPT Data'!Q3068</f>
        <v>165.98121317941619</v>
      </c>
      <c r="E3060">
        <f t="shared" si="48"/>
        <v>162.913286992113</v>
      </c>
      <c r="F3060">
        <f>IF(C3060="CLAY", INDEX(D$4:D3060, MATCH("CLAY", C$4:C3060, 0)), "")</f>
        <v>0.75203252561341039</v>
      </c>
    </row>
    <row r="3061" spans="1:6" x14ac:dyDescent="0.2">
      <c r="A3061" s="239">
        <f>'CPT Data'!B3069</f>
        <v>30.585999999999999</v>
      </c>
      <c r="B3061" s="3">
        <f>'CPT Data'!C3069</f>
        <v>30.578999999999997</v>
      </c>
      <c r="C3061" t="str">
        <f>'CPT Data'!P3069</f>
        <v>CLAY</v>
      </c>
      <c r="D3061">
        <f>'CPT Data'!Q3069</f>
        <v>169.70567521914595</v>
      </c>
      <c r="E3061">
        <f t="shared" si="48"/>
        <v>165.98121317941619</v>
      </c>
      <c r="F3061">
        <f>IF(C3061="CLAY", INDEX(D$4:D3061, MATCH("CLAY", C$4:C3061, 0)), "")</f>
        <v>0.75203252561341039</v>
      </c>
    </row>
    <row r="3062" spans="1:6" x14ac:dyDescent="0.2">
      <c r="A3062" s="239">
        <f>'CPT Data'!B3070</f>
        <v>30.596</v>
      </c>
      <c r="B3062" s="3">
        <f>'CPT Data'!C3070</f>
        <v>30.588999999999999</v>
      </c>
      <c r="C3062" t="str">
        <f>'CPT Data'!P3070</f>
        <v>CLAY</v>
      </c>
      <c r="D3062">
        <f>'CPT Data'!Q3070</f>
        <v>174.68647898144036</v>
      </c>
      <c r="E3062">
        <f t="shared" si="48"/>
        <v>169.70567521914595</v>
      </c>
      <c r="F3062">
        <f>IF(C3062="CLAY", INDEX(D$4:D3062, MATCH("CLAY", C$4:C3062, 0)), "")</f>
        <v>0.75203252561341039</v>
      </c>
    </row>
    <row r="3063" spans="1:6" x14ac:dyDescent="0.2">
      <c r="A3063" s="239">
        <f>'CPT Data'!B3071</f>
        <v>30.606000000000002</v>
      </c>
      <c r="B3063" s="3">
        <f>'CPT Data'!C3071</f>
        <v>30.599</v>
      </c>
      <c r="C3063" t="str">
        <f>'CPT Data'!P3071</f>
        <v>CLAY</v>
      </c>
      <c r="D3063">
        <f>'CPT Data'!Q3071</f>
        <v>185.01436617741183</v>
      </c>
      <c r="E3063">
        <f t="shared" si="48"/>
        <v>174.68647898144036</v>
      </c>
      <c r="F3063">
        <f>IF(C3063="CLAY", INDEX(D$4:D3063, MATCH("CLAY", C$4:C3063, 0)), "")</f>
        <v>0.75203252561341039</v>
      </c>
    </row>
    <row r="3064" spans="1:6" x14ac:dyDescent="0.2">
      <c r="A3064" s="239">
        <f>'CPT Data'!B3072</f>
        <v>30.616</v>
      </c>
      <c r="B3064" s="3">
        <f>'CPT Data'!C3072</f>
        <v>30.608999999999998</v>
      </c>
      <c r="C3064" t="str">
        <f>'CPT Data'!P3072</f>
        <v>CLAY</v>
      </c>
      <c r="D3064">
        <f>'CPT Data'!Q3072</f>
        <v>204.79035733654882</v>
      </c>
      <c r="E3064">
        <f t="shared" si="48"/>
        <v>185.01436617741183</v>
      </c>
      <c r="F3064">
        <f>IF(C3064="CLAY", INDEX(D$4:D3064, MATCH("CLAY", C$4:C3064, 0)), "")</f>
        <v>0.75203252561341039</v>
      </c>
    </row>
    <row r="3065" spans="1:6" x14ac:dyDescent="0.2">
      <c r="A3065" s="239">
        <f>'CPT Data'!B3073</f>
        <v>30.625</v>
      </c>
      <c r="B3065" s="3">
        <f>'CPT Data'!C3073</f>
        <v>30.617999999999999</v>
      </c>
      <c r="C3065" t="str">
        <f>'CPT Data'!P3073</f>
        <v>CLAY</v>
      </c>
      <c r="D3065">
        <f>'CPT Data'!Q3073</f>
        <v>234.56914401953813</v>
      </c>
      <c r="E3065">
        <f t="shared" si="48"/>
        <v>204.79035733654882</v>
      </c>
      <c r="F3065">
        <f>IF(C3065="CLAY", INDEX(D$4:D3065, MATCH("CLAY", C$4:C3065, 0)), "")</f>
        <v>0.75203252561341039</v>
      </c>
    </row>
    <row r="3066" spans="1:6" x14ac:dyDescent="0.2">
      <c r="A3066" s="239">
        <f>'CPT Data'!B3074</f>
        <v>30.635999999999999</v>
      </c>
      <c r="B3066" s="3">
        <f>'CPT Data'!C3074</f>
        <v>30.628999999999998</v>
      </c>
      <c r="C3066" t="str">
        <f>'CPT Data'!P3074</f>
        <v>CLAY</v>
      </c>
      <c r="D3066">
        <f>'CPT Data'!Q3074</f>
        <v>275.4254983709946</v>
      </c>
      <c r="E3066">
        <f t="shared" si="48"/>
        <v>234.56914401953813</v>
      </c>
      <c r="F3066">
        <f>IF(C3066="CLAY", INDEX(D$4:D3066, MATCH("CLAY", C$4:C3066, 0)), "")</f>
        <v>0.75203252561341039</v>
      </c>
    </row>
    <row r="3067" spans="1:6" x14ac:dyDescent="0.2">
      <c r="A3067" s="239">
        <f>'CPT Data'!B3075</f>
        <v>30.645</v>
      </c>
      <c r="B3067" s="3">
        <f>'CPT Data'!C3075</f>
        <v>30.637999999999998</v>
      </c>
      <c r="C3067" t="str">
        <f>'CPT Data'!P3075</f>
        <v>CLAY</v>
      </c>
      <c r="D3067">
        <f>'CPT Data'!Q3075</f>
        <v>323.4437145505679</v>
      </c>
      <c r="E3067">
        <f t="shared" si="48"/>
        <v>275.4254983709946</v>
      </c>
      <c r="F3067">
        <f>IF(C3067="CLAY", INDEX(D$4:D3067, MATCH("CLAY", C$4:C3067, 0)), "")</f>
        <v>0.75203252561341039</v>
      </c>
    </row>
    <row r="3068" spans="1:6" x14ac:dyDescent="0.2">
      <c r="A3068" s="239">
        <f>'CPT Data'!B3076</f>
        <v>30.655000000000001</v>
      </c>
      <c r="B3068" s="3">
        <f>'CPT Data'!C3076</f>
        <v>30.648</v>
      </c>
      <c r="C3068" t="str">
        <f>'CPT Data'!P3076</f>
        <v>SAND</v>
      </c>
      <c r="D3068" t="e">
        <f>'CPT Data'!Q3076</f>
        <v>#N/A</v>
      </c>
      <c r="E3068" t="e">
        <f t="shared" si="48"/>
        <v>#N/A</v>
      </c>
      <c r="F3068" t="str">
        <f>IF(C3068="CLAY", INDEX(D$4:D3068, MATCH("CLAY", C$4:C3068, 0)), "")</f>
        <v/>
      </c>
    </row>
    <row r="3069" spans="1:6" x14ac:dyDescent="0.2">
      <c r="A3069" s="239">
        <f>'CPT Data'!B3077</f>
        <v>30.664000000000001</v>
      </c>
      <c r="B3069" s="3">
        <f>'CPT Data'!C3077</f>
        <v>30.657</v>
      </c>
      <c r="C3069" t="str">
        <f>'CPT Data'!P3077</f>
        <v>SAND</v>
      </c>
      <c r="D3069" t="e">
        <f>'CPT Data'!Q3077</f>
        <v>#N/A</v>
      </c>
      <c r="E3069" t="e">
        <f t="shared" si="48"/>
        <v>#N/A</v>
      </c>
      <c r="F3069" t="str">
        <f>IF(C3069="CLAY", INDEX(D$4:D3069, MATCH("CLAY", C$4:C3069, 0)), "")</f>
        <v/>
      </c>
    </row>
    <row r="3070" spans="1:6" x14ac:dyDescent="0.2">
      <c r="A3070" s="239">
        <f>'CPT Data'!B3078</f>
        <v>30.675000000000001</v>
      </c>
      <c r="B3070" s="3">
        <f>'CPT Data'!C3078</f>
        <v>30.667999999999999</v>
      </c>
      <c r="C3070" t="str">
        <f>'CPT Data'!P3078</f>
        <v>SAND</v>
      </c>
      <c r="D3070" t="e">
        <f>'CPT Data'!Q3078</f>
        <v>#N/A</v>
      </c>
      <c r="E3070" t="e">
        <f t="shared" si="48"/>
        <v>#N/A</v>
      </c>
      <c r="F3070" t="str">
        <f>IF(C3070="CLAY", INDEX(D$4:D3070, MATCH("CLAY", C$4:C3070, 0)), "")</f>
        <v/>
      </c>
    </row>
    <row r="3071" spans="1:6" x14ac:dyDescent="0.2">
      <c r="A3071" s="239">
        <f>'CPT Data'!B3079</f>
        <v>30.684000000000001</v>
      </c>
      <c r="B3071" s="3">
        <f>'CPT Data'!C3079</f>
        <v>30.677</v>
      </c>
      <c r="C3071" t="str">
        <f>'CPT Data'!P3079</f>
        <v>SAND</v>
      </c>
      <c r="D3071" t="e">
        <f>'CPT Data'!Q3079</f>
        <v>#N/A</v>
      </c>
      <c r="E3071" t="e">
        <f t="shared" si="48"/>
        <v>#N/A</v>
      </c>
      <c r="F3071" t="str">
        <f>IF(C3071="CLAY", INDEX(D$4:D3071, MATCH("CLAY", C$4:C3071, 0)), "")</f>
        <v/>
      </c>
    </row>
    <row r="3072" spans="1:6" x14ac:dyDescent="0.2">
      <c r="A3072" s="239">
        <f>'CPT Data'!B3080</f>
        <v>30.695</v>
      </c>
      <c r="B3072" s="3">
        <f>'CPT Data'!C3080</f>
        <v>30.687999999999999</v>
      </c>
      <c r="C3072" t="str">
        <f>'CPT Data'!P3080</f>
        <v>SAND</v>
      </c>
      <c r="D3072" t="e">
        <f>'CPT Data'!Q3080</f>
        <v>#N/A</v>
      </c>
      <c r="E3072" t="e">
        <f t="shared" si="48"/>
        <v>#N/A</v>
      </c>
      <c r="F3072" t="str">
        <f>IF(C3072="CLAY", INDEX(D$4:D3072, MATCH("CLAY", C$4:C3072, 0)), "")</f>
        <v/>
      </c>
    </row>
    <row r="3073" spans="1:6" x14ac:dyDescent="0.2">
      <c r="A3073" s="239">
        <f>'CPT Data'!B3081</f>
        <v>30.704000000000001</v>
      </c>
      <c r="B3073" s="3">
        <f>'CPT Data'!C3081</f>
        <v>30.696999999999999</v>
      </c>
      <c r="C3073" t="str">
        <f>'CPT Data'!P3081</f>
        <v>SAND</v>
      </c>
      <c r="D3073" t="e">
        <f>'CPT Data'!Q3081</f>
        <v>#N/A</v>
      </c>
      <c r="E3073" t="e">
        <f t="shared" si="48"/>
        <v>#N/A</v>
      </c>
      <c r="F3073" t="str">
        <f>IF(C3073="CLAY", INDEX(D$4:D3073, MATCH("CLAY", C$4:C3073, 0)), "")</f>
        <v/>
      </c>
    </row>
    <row r="3074" spans="1:6" x14ac:dyDescent="0.2">
      <c r="A3074" s="239">
        <f>'CPT Data'!B3082</f>
        <v>30.713000000000001</v>
      </c>
      <c r="B3074" s="3">
        <f>'CPT Data'!C3082</f>
        <v>30.706</v>
      </c>
      <c r="C3074" t="str">
        <f>'CPT Data'!P3082</f>
        <v>SAND</v>
      </c>
      <c r="D3074" t="e">
        <f>'CPT Data'!Q3082</f>
        <v>#N/A</v>
      </c>
      <c r="E3074" t="e">
        <f t="shared" si="48"/>
        <v>#N/A</v>
      </c>
      <c r="F3074" t="str">
        <f>IF(C3074="CLAY", INDEX(D$4:D3074, MATCH("CLAY", C$4:C3074, 0)), "")</f>
        <v/>
      </c>
    </row>
    <row r="3075" spans="1:6" x14ac:dyDescent="0.2">
      <c r="A3075" s="239">
        <f>'CPT Data'!B3083</f>
        <v>30.724</v>
      </c>
      <c r="B3075" s="3">
        <f>'CPT Data'!C3083</f>
        <v>30.716999999999999</v>
      </c>
      <c r="C3075" t="str">
        <f>'CPT Data'!P3083</f>
        <v>SAND</v>
      </c>
      <c r="D3075" t="e">
        <f>'CPT Data'!Q3083</f>
        <v>#N/A</v>
      </c>
      <c r="E3075" t="e">
        <f t="shared" si="48"/>
        <v>#N/A</v>
      </c>
      <c r="F3075" t="str">
        <f>IF(C3075="CLAY", INDEX(D$4:D3075, MATCH("CLAY", C$4:C3075, 0)), "")</f>
        <v/>
      </c>
    </row>
    <row r="3076" spans="1:6" x14ac:dyDescent="0.2">
      <c r="A3076" s="239">
        <f>'CPT Data'!B3084</f>
        <v>30.734000000000002</v>
      </c>
      <c r="B3076" s="3">
        <f>'CPT Data'!C3084</f>
        <v>30.727</v>
      </c>
      <c r="C3076" t="str">
        <f>'CPT Data'!P3084</f>
        <v>SAND</v>
      </c>
      <c r="D3076" t="e">
        <f>'CPT Data'!Q3084</f>
        <v>#N/A</v>
      </c>
      <c r="E3076" t="e">
        <f t="shared" si="48"/>
        <v>#N/A</v>
      </c>
      <c r="F3076" t="str">
        <f>IF(C3076="CLAY", INDEX(D$4:D3076, MATCH("CLAY", C$4:C3076, 0)), "")</f>
        <v/>
      </c>
    </row>
    <row r="3077" spans="1:6" x14ac:dyDescent="0.2">
      <c r="A3077" s="239">
        <f>'CPT Data'!B3085</f>
        <v>30.742999999999999</v>
      </c>
      <c r="B3077" s="3">
        <f>'CPT Data'!C3085</f>
        <v>30.735999999999997</v>
      </c>
      <c r="C3077" t="str">
        <f>'CPT Data'!P3085</f>
        <v>SAND</v>
      </c>
      <c r="D3077" t="e">
        <f>'CPT Data'!Q3085</f>
        <v>#N/A</v>
      </c>
      <c r="E3077" t="e">
        <f t="shared" si="48"/>
        <v>#N/A</v>
      </c>
      <c r="F3077" t="str">
        <f>IF(C3077="CLAY", INDEX(D$4:D3077, MATCH("CLAY", C$4:C3077, 0)), "")</f>
        <v/>
      </c>
    </row>
    <row r="3078" spans="1:6" x14ac:dyDescent="0.2">
      <c r="A3078" s="239">
        <f>'CPT Data'!B3086</f>
        <v>30.754000000000001</v>
      </c>
      <c r="B3078" s="3">
        <f>'CPT Data'!C3086</f>
        <v>30.747</v>
      </c>
      <c r="C3078" t="str">
        <f>'CPT Data'!P3086</f>
        <v>SAND</v>
      </c>
      <c r="D3078" t="e">
        <f>'CPT Data'!Q3086</f>
        <v>#N/A</v>
      </c>
      <c r="E3078" t="e">
        <f t="shared" si="48"/>
        <v>#N/A</v>
      </c>
      <c r="F3078" t="str">
        <f>IF(C3078="CLAY", INDEX(D$4:D3078, MATCH("CLAY", C$4:C3078, 0)), "")</f>
        <v/>
      </c>
    </row>
    <row r="3079" spans="1:6" x14ac:dyDescent="0.2">
      <c r="A3079" s="239">
        <f>'CPT Data'!B3087</f>
        <v>30.763000000000002</v>
      </c>
      <c r="B3079" s="3">
        <f>'CPT Data'!C3087</f>
        <v>30.756</v>
      </c>
      <c r="C3079" t="str">
        <f>'CPT Data'!P3087</f>
        <v>SAND</v>
      </c>
      <c r="D3079" t="e">
        <f>'CPT Data'!Q3087</f>
        <v>#N/A</v>
      </c>
      <c r="E3079" t="e">
        <f t="shared" si="48"/>
        <v>#N/A</v>
      </c>
      <c r="F3079" t="str">
        <f>IF(C3079="CLAY", INDEX(D$4:D3079, MATCH("CLAY", C$4:C3079, 0)), "")</f>
        <v/>
      </c>
    </row>
    <row r="3080" spans="1:6" x14ac:dyDescent="0.2">
      <c r="A3080" s="239">
        <f>'CPT Data'!B3088</f>
        <v>30.773</v>
      </c>
      <c r="B3080" s="3">
        <f>'CPT Data'!C3088</f>
        <v>30.765999999999998</v>
      </c>
      <c r="C3080" t="str">
        <f>'CPT Data'!P3088</f>
        <v>SAND</v>
      </c>
      <c r="D3080" t="e">
        <f>'CPT Data'!Q3088</f>
        <v>#N/A</v>
      </c>
      <c r="E3080" t="e">
        <f t="shared" si="48"/>
        <v>#N/A</v>
      </c>
      <c r="F3080" t="str">
        <f>IF(C3080="CLAY", INDEX(D$4:D3080, MATCH("CLAY", C$4:C3080, 0)), "")</f>
        <v/>
      </c>
    </row>
    <row r="3081" spans="1:6" x14ac:dyDescent="0.2">
      <c r="A3081" s="239">
        <f>'CPT Data'!B3089</f>
        <v>30.783000000000001</v>
      </c>
      <c r="B3081" s="3">
        <f>'CPT Data'!C3089</f>
        <v>30.776</v>
      </c>
      <c r="C3081" t="str">
        <f>'CPT Data'!P3089</f>
        <v>SAND</v>
      </c>
      <c r="D3081" t="e">
        <f>'CPT Data'!Q3089</f>
        <v>#N/A</v>
      </c>
      <c r="E3081" t="e">
        <f t="shared" si="48"/>
        <v>#N/A</v>
      </c>
      <c r="F3081" t="str">
        <f>IF(C3081="CLAY", INDEX(D$4:D3081, MATCH("CLAY", C$4:C3081, 0)), "")</f>
        <v/>
      </c>
    </row>
    <row r="3082" spans="1:6" x14ac:dyDescent="0.2">
      <c r="A3082" s="239">
        <f>'CPT Data'!B3090</f>
        <v>30.792999999999999</v>
      </c>
      <c r="B3082" s="3">
        <f>'CPT Data'!C3090</f>
        <v>30.785999999999998</v>
      </c>
      <c r="C3082" t="str">
        <f>'CPT Data'!P3090</f>
        <v>SAND</v>
      </c>
      <c r="D3082" t="e">
        <f>'CPT Data'!Q3090</f>
        <v>#N/A</v>
      </c>
      <c r="E3082" t="e">
        <f t="shared" si="48"/>
        <v>#N/A</v>
      </c>
      <c r="F3082" t="str">
        <f>IF(C3082="CLAY", INDEX(D$4:D3082, MATCH("CLAY", C$4:C3082, 0)), "")</f>
        <v/>
      </c>
    </row>
    <row r="3083" spans="1:6" x14ac:dyDescent="0.2">
      <c r="A3083" s="239">
        <f>'CPT Data'!B3091</f>
        <v>30.803000000000001</v>
      </c>
      <c r="B3083" s="3">
        <f>'CPT Data'!C3091</f>
        <v>30.795999999999999</v>
      </c>
      <c r="C3083" t="str">
        <f>'CPT Data'!P3091</f>
        <v>CLAY</v>
      </c>
      <c r="D3083">
        <f>'CPT Data'!Q3091</f>
        <v>314.27564101269519</v>
      </c>
      <c r="E3083">
        <f t="shared" si="48"/>
        <v>314.27564101269519</v>
      </c>
      <c r="F3083">
        <f>IF(C3083="CLAY", INDEX(D$4:D3083, MATCH("CLAY", C$4:C3083, 0)), "")</f>
        <v>0.75203252561341039</v>
      </c>
    </row>
    <row r="3084" spans="1:6" x14ac:dyDescent="0.2">
      <c r="A3084" s="239">
        <f>'CPT Data'!B3092</f>
        <v>30.812999999999999</v>
      </c>
      <c r="B3084" s="3">
        <f>'CPT Data'!C3092</f>
        <v>30.805999999999997</v>
      </c>
      <c r="C3084" t="str">
        <f>'CPT Data'!P3092</f>
        <v>CLAY</v>
      </c>
      <c r="D3084">
        <f>'CPT Data'!Q3092</f>
        <v>279.96480251716804</v>
      </c>
      <c r="E3084">
        <f t="shared" si="48"/>
        <v>314.27564101269519</v>
      </c>
      <c r="F3084">
        <f>IF(C3084="CLAY", INDEX(D$4:D3084, MATCH("CLAY", C$4:C3084, 0)), "")</f>
        <v>0.75203252561341039</v>
      </c>
    </row>
    <row r="3085" spans="1:6" x14ac:dyDescent="0.2">
      <c r="A3085" s="239">
        <f>'CPT Data'!B3093</f>
        <v>30.824000000000002</v>
      </c>
      <c r="B3085" s="3">
        <f>'CPT Data'!C3093</f>
        <v>30.817</v>
      </c>
      <c r="C3085" t="str">
        <f>'CPT Data'!P3093</f>
        <v>CLAY</v>
      </c>
      <c r="D3085">
        <f>'CPT Data'!Q3093</f>
        <v>245.70951414482806</v>
      </c>
      <c r="E3085">
        <f t="shared" si="48"/>
        <v>279.96480251716804</v>
      </c>
      <c r="F3085">
        <f>IF(C3085="CLAY", INDEX(D$4:D3085, MATCH("CLAY", C$4:C3085, 0)), "")</f>
        <v>0.75203252561341039</v>
      </c>
    </row>
    <row r="3086" spans="1:6" x14ac:dyDescent="0.2">
      <c r="A3086" s="239">
        <f>'CPT Data'!B3094</f>
        <v>30.832999999999998</v>
      </c>
      <c r="B3086" s="3">
        <f>'CPT Data'!C3094</f>
        <v>30.825999999999997</v>
      </c>
      <c r="C3086" t="str">
        <f>'CPT Data'!P3094</f>
        <v>CLAY</v>
      </c>
      <c r="D3086">
        <f>'CPT Data'!Q3094</f>
        <v>209.97102207951616</v>
      </c>
      <c r="E3086">
        <f t="shared" si="48"/>
        <v>245.70951414482806</v>
      </c>
      <c r="F3086">
        <f>IF(C3086="CLAY", INDEX(D$4:D3086, MATCH("CLAY", C$4:C3086, 0)), "")</f>
        <v>0.75203252561341039</v>
      </c>
    </row>
    <row r="3087" spans="1:6" x14ac:dyDescent="0.2">
      <c r="A3087" s="239">
        <f>'CPT Data'!B3095</f>
        <v>30.844000000000001</v>
      </c>
      <c r="B3087" s="3">
        <f>'CPT Data'!C3095</f>
        <v>30.837</v>
      </c>
      <c r="C3087" t="str">
        <f>'CPT Data'!P3095</f>
        <v>CLAY</v>
      </c>
      <c r="D3087">
        <f>'CPT Data'!Q3095</f>
        <v>184.39479484148356</v>
      </c>
      <c r="E3087">
        <f t="shared" si="48"/>
        <v>209.97102207951616</v>
      </c>
      <c r="F3087">
        <f>IF(C3087="CLAY", INDEX(D$4:D3087, MATCH("CLAY", C$4:C3087, 0)), "")</f>
        <v>0.75203252561341039</v>
      </c>
    </row>
    <row r="3088" spans="1:6" x14ac:dyDescent="0.2">
      <c r="A3088" s="239">
        <f>'CPT Data'!B3096</f>
        <v>30.853000000000002</v>
      </c>
      <c r="B3088" s="3">
        <f>'CPT Data'!C3096</f>
        <v>30.846</v>
      </c>
      <c r="C3088" t="str">
        <f>'CPT Data'!P3096</f>
        <v>CLAY</v>
      </c>
      <c r="D3088">
        <f>'CPT Data'!Q3096</f>
        <v>158.90303381030824</v>
      </c>
      <c r="E3088">
        <f t="shared" si="48"/>
        <v>184.39479484148356</v>
      </c>
      <c r="F3088">
        <f>IF(C3088="CLAY", INDEX(D$4:D3088, MATCH("CLAY", C$4:C3088, 0)), "")</f>
        <v>0.75203252561341039</v>
      </c>
    </row>
    <row r="3089" spans="1:6" x14ac:dyDescent="0.2">
      <c r="A3089" s="239">
        <f>'CPT Data'!B3097</f>
        <v>30.863</v>
      </c>
      <c r="B3089" s="3">
        <f>'CPT Data'!C3097</f>
        <v>30.855999999999998</v>
      </c>
      <c r="C3089" t="str">
        <f>'CPT Data'!P3097</f>
        <v>CLAY</v>
      </c>
      <c r="D3089">
        <f>'CPT Data'!Q3097</f>
        <v>135.40643856157712</v>
      </c>
      <c r="E3089">
        <f t="shared" si="48"/>
        <v>158.90303381030824</v>
      </c>
      <c r="F3089">
        <f>IF(C3089="CLAY", INDEX(D$4:D3089, MATCH("CLAY", C$4:C3089, 0)), "")</f>
        <v>0.75203252561341039</v>
      </c>
    </row>
    <row r="3090" spans="1:6" x14ac:dyDescent="0.2">
      <c r="A3090" s="239">
        <f>'CPT Data'!B3098</f>
        <v>30.873000000000001</v>
      </c>
      <c r="B3090" s="3">
        <f>'CPT Data'!C3098</f>
        <v>30.866</v>
      </c>
      <c r="C3090" t="str">
        <f>'CPT Data'!P3098</f>
        <v>CLAY</v>
      </c>
      <c r="D3090">
        <f>'CPT Data'!Q3098</f>
        <v>116.72370064439542</v>
      </c>
      <c r="E3090">
        <f t="shared" si="48"/>
        <v>135.40643856157712</v>
      </c>
      <c r="F3090">
        <f>IF(C3090="CLAY", INDEX(D$4:D3090, MATCH("CLAY", C$4:C3090, 0)), "")</f>
        <v>0.75203252561341039</v>
      </c>
    </row>
    <row r="3091" spans="1:6" x14ac:dyDescent="0.2">
      <c r="A3091" s="239">
        <f>'CPT Data'!B3099</f>
        <v>30.882999999999999</v>
      </c>
      <c r="B3091" s="3">
        <f>'CPT Data'!C3099</f>
        <v>30.875999999999998</v>
      </c>
      <c r="C3091" t="str">
        <f>'CPT Data'!P3099</f>
        <v>CLAY</v>
      </c>
      <c r="D3091">
        <f>'CPT Data'!Q3099</f>
        <v>102.79418918574578</v>
      </c>
      <c r="E3091">
        <f t="shared" si="48"/>
        <v>116.72370064439542</v>
      </c>
      <c r="F3091">
        <f>IF(C3091="CLAY", INDEX(D$4:D3091, MATCH("CLAY", C$4:C3091, 0)), "")</f>
        <v>0.75203252561341039</v>
      </c>
    </row>
    <row r="3092" spans="1:6" x14ac:dyDescent="0.2">
      <c r="A3092" s="239">
        <f>'CPT Data'!B3100</f>
        <v>30.891999999999999</v>
      </c>
      <c r="B3092" s="3">
        <f>'CPT Data'!C3100</f>
        <v>30.884999999999998</v>
      </c>
      <c r="C3092" t="str">
        <f>'CPT Data'!P3100</f>
        <v>CLAY</v>
      </c>
      <c r="D3092">
        <f>'CPT Data'!Q3100</f>
        <v>89.773743313481603</v>
      </c>
      <c r="E3092">
        <f t="shared" si="48"/>
        <v>102.79418918574578</v>
      </c>
      <c r="F3092">
        <f>IF(C3092="CLAY", INDEX(D$4:D3092, MATCH("CLAY", C$4:C3092, 0)), "")</f>
        <v>0.75203252561341039</v>
      </c>
    </row>
    <row r="3093" spans="1:6" x14ac:dyDescent="0.2">
      <c r="A3093" s="239">
        <f>'CPT Data'!B3101</f>
        <v>30.902999999999999</v>
      </c>
      <c r="B3093" s="3">
        <f>'CPT Data'!C3101</f>
        <v>30.895999999999997</v>
      </c>
      <c r="C3093" t="str">
        <f>'CPT Data'!P3101</f>
        <v>CLAY</v>
      </c>
      <c r="D3093">
        <f>'CPT Data'!Q3101</f>
        <v>83.157077908255829</v>
      </c>
      <c r="E3093">
        <f t="shared" si="48"/>
        <v>89.773743313481603</v>
      </c>
      <c r="F3093">
        <f>IF(C3093="CLAY", INDEX(D$4:D3093, MATCH("CLAY", C$4:C3093, 0)), "")</f>
        <v>0.75203252561341039</v>
      </c>
    </row>
    <row r="3094" spans="1:6" x14ac:dyDescent="0.2">
      <c r="A3094" s="239">
        <f>'CPT Data'!B3102</f>
        <v>30.911999999999999</v>
      </c>
      <c r="B3094" s="3">
        <f>'CPT Data'!C3102</f>
        <v>30.904999999999998</v>
      </c>
      <c r="C3094" t="str">
        <f>'CPT Data'!P3102</f>
        <v>CLAY</v>
      </c>
      <c r="D3094">
        <f>'CPT Data'!Q3102</f>
        <v>78.530721578855236</v>
      </c>
      <c r="E3094">
        <f t="shared" si="48"/>
        <v>83.157077908255829</v>
      </c>
      <c r="F3094">
        <f>IF(C3094="CLAY", INDEX(D$4:D3094, MATCH("CLAY", C$4:C3094, 0)), "")</f>
        <v>0.75203252561341039</v>
      </c>
    </row>
    <row r="3095" spans="1:6" x14ac:dyDescent="0.2">
      <c r="A3095" s="239">
        <f>'CPT Data'!B3103</f>
        <v>30.922000000000001</v>
      </c>
      <c r="B3095" s="3">
        <f>'CPT Data'!C3103</f>
        <v>30.914999999999999</v>
      </c>
      <c r="C3095" t="str">
        <f>'CPT Data'!P3103</f>
        <v>CLAY</v>
      </c>
      <c r="D3095">
        <f>'CPT Data'!Q3103</f>
        <v>77.232384479094506</v>
      </c>
      <c r="E3095">
        <f t="shared" si="48"/>
        <v>78.530721578855236</v>
      </c>
      <c r="F3095">
        <f>IF(C3095="CLAY", INDEX(D$4:D3095, MATCH("CLAY", C$4:C3095, 0)), "")</f>
        <v>0.75203252561341039</v>
      </c>
    </row>
    <row r="3096" spans="1:6" x14ac:dyDescent="0.2">
      <c r="A3096" s="239">
        <f>'CPT Data'!B3104</f>
        <v>30.931999999999999</v>
      </c>
      <c r="B3096" s="3">
        <f>'CPT Data'!C3104</f>
        <v>30.924999999999997</v>
      </c>
      <c r="C3096" t="str">
        <f>'CPT Data'!P3104</f>
        <v>CLAY</v>
      </c>
      <c r="D3096">
        <f>'CPT Data'!Q3104</f>
        <v>78.346866136600198</v>
      </c>
      <c r="E3096">
        <f t="shared" si="48"/>
        <v>77.232384479094506</v>
      </c>
      <c r="F3096">
        <f>IF(C3096="CLAY", INDEX(D$4:D3096, MATCH("CLAY", C$4:C3096, 0)), "")</f>
        <v>0.75203252561341039</v>
      </c>
    </row>
    <row r="3097" spans="1:6" x14ac:dyDescent="0.2">
      <c r="A3097" s="239">
        <f>'CPT Data'!B3105</f>
        <v>30.940999999999999</v>
      </c>
      <c r="B3097" s="3">
        <f>'CPT Data'!C3105</f>
        <v>30.933999999999997</v>
      </c>
      <c r="C3097" t="str">
        <f>'CPT Data'!P3105</f>
        <v>CLAY</v>
      </c>
      <c r="D3097">
        <f>'CPT Data'!Q3105</f>
        <v>76.348583314243399</v>
      </c>
      <c r="E3097">
        <f t="shared" si="48"/>
        <v>78.346866136600198</v>
      </c>
      <c r="F3097">
        <f>IF(C3097="CLAY", INDEX(D$4:D3097, MATCH("CLAY", C$4:C3097, 0)), "")</f>
        <v>0.75203252561341039</v>
      </c>
    </row>
    <row r="3098" spans="1:6" x14ac:dyDescent="0.2">
      <c r="A3098" s="239">
        <f>'CPT Data'!B3106</f>
        <v>30.952000000000002</v>
      </c>
      <c r="B3098" s="3">
        <f>'CPT Data'!C3106</f>
        <v>30.945</v>
      </c>
      <c r="C3098" t="str">
        <f>'CPT Data'!P3106</f>
        <v>CLAY</v>
      </c>
      <c r="D3098">
        <f>'CPT Data'!Q3106</f>
        <v>77.865942933598916</v>
      </c>
      <c r="E3098">
        <f t="shared" si="48"/>
        <v>76.348583314243399</v>
      </c>
      <c r="F3098">
        <f>IF(C3098="CLAY", INDEX(D$4:D3098, MATCH("CLAY", C$4:C3098, 0)), "")</f>
        <v>0.75203252561341039</v>
      </c>
    </row>
    <row r="3099" spans="1:6" x14ac:dyDescent="0.2">
      <c r="A3099" s="239">
        <f>'CPT Data'!B3107</f>
        <v>30.962</v>
      </c>
      <c r="B3099" s="3">
        <f>'CPT Data'!C3107</f>
        <v>30.954999999999998</v>
      </c>
      <c r="C3099" t="str">
        <f>'CPT Data'!P3107</f>
        <v>CLAY</v>
      </c>
      <c r="D3099">
        <f>'CPT Data'!Q3107</f>
        <v>77.485575273995252</v>
      </c>
      <c r="E3099">
        <f t="shared" ref="E3099:E3162" si="49">IF(C3099="SAND",#N/A,IF(C3099=C3098,D3098,IF(C3099="CLAY",D3099,#N/A)))</f>
        <v>77.865942933598916</v>
      </c>
      <c r="F3099">
        <f>IF(C3099="CLAY", INDEX(D$4:D3099, MATCH("CLAY", C$4:C3099, 0)), "")</f>
        <v>0.75203252561341039</v>
      </c>
    </row>
    <row r="3100" spans="1:6" x14ac:dyDescent="0.2">
      <c r="A3100" s="239">
        <f>'CPT Data'!B3108</f>
        <v>30.972999999999999</v>
      </c>
      <c r="B3100" s="3">
        <f>'CPT Data'!C3108</f>
        <v>30.965999999999998</v>
      </c>
      <c r="C3100" t="str">
        <f>'CPT Data'!P3108</f>
        <v>CLAY</v>
      </c>
      <c r="D3100">
        <f>'CPT Data'!Q3108</f>
        <v>77.92674232277102</v>
      </c>
      <c r="E3100">
        <f t="shared" si="49"/>
        <v>77.485575273995252</v>
      </c>
      <c r="F3100">
        <f>IF(C3100="CLAY", INDEX(D$4:D3100, MATCH("CLAY", C$4:C3100, 0)), "")</f>
        <v>0.75203252561341039</v>
      </c>
    </row>
    <row r="3101" spans="1:6" x14ac:dyDescent="0.2">
      <c r="A3101" s="239">
        <f>'CPT Data'!B3109</f>
        <v>30.981999999999999</v>
      </c>
      <c r="B3101" s="3">
        <f>'CPT Data'!C3109</f>
        <v>30.974999999999998</v>
      </c>
      <c r="C3101" t="str">
        <f>'CPT Data'!P3109</f>
        <v>CLAY</v>
      </c>
      <c r="D3101">
        <f>'CPT Data'!Q3109</f>
        <v>81.88078856587849</v>
      </c>
      <c r="E3101">
        <f t="shared" si="49"/>
        <v>77.92674232277102</v>
      </c>
      <c r="F3101">
        <f>IF(C3101="CLAY", INDEX(D$4:D3101, MATCH("CLAY", C$4:C3101, 0)), "")</f>
        <v>0.75203252561341039</v>
      </c>
    </row>
    <row r="3102" spans="1:6" x14ac:dyDescent="0.2">
      <c r="A3102" s="239">
        <f>'CPT Data'!B3110</f>
        <v>30.991</v>
      </c>
      <c r="B3102" s="3">
        <f>'CPT Data'!C3110</f>
        <v>30.983999999999998</v>
      </c>
      <c r="C3102" t="str">
        <f>'CPT Data'!P3110</f>
        <v>CLAY</v>
      </c>
      <c r="D3102">
        <f>'CPT Data'!Q3110</f>
        <v>85.535302155269449</v>
      </c>
      <c r="E3102">
        <f t="shared" si="49"/>
        <v>81.88078856587849</v>
      </c>
      <c r="F3102">
        <f>IF(C3102="CLAY", INDEX(D$4:D3102, MATCH("CLAY", C$4:C3102, 0)), "")</f>
        <v>0.75203252561341039</v>
      </c>
    </row>
    <row r="3103" spans="1:6" x14ac:dyDescent="0.2">
      <c r="A3103" s="239">
        <f>'CPT Data'!B3111</f>
        <v>31.001999999999999</v>
      </c>
      <c r="B3103" s="3">
        <f>'CPT Data'!C3111</f>
        <v>30.994999999999997</v>
      </c>
      <c r="C3103" t="str">
        <f>'CPT Data'!P3111</f>
        <v>CLAY</v>
      </c>
      <c r="D3103">
        <f>'CPT Data'!Q3111</f>
        <v>88.206809819024855</v>
      </c>
      <c r="E3103">
        <f t="shared" si="49"/>
        <v>85.535302155269449</v>
      </c>
      <c r="F3103">
        <f>IF(C3103="CLAY", INDEX(D$4:D3103, MATCH("CLAY", C$4:C3103, 0)), "")</f>
        <v>0.75203252561341039</v>
      </c>
    </row>
    <row r="3104" spans="1:6" x14ac:dyDescent="0.2">
      <c r="A3104" s="239">
        <f>'CPT Data'!B3112</f>
        <v>31.012</v>
      </c>
      <c r="B3104" s="3">
        <f>'CPT Data'!C3112</f>
        <v>31.004999999999999</v>
      </c>
      <c r="C3104" t="str">
        <f>'CPT Data'!P3112</f>
        <v>CLAY</v>
      </c>
      <c r="D3104">
        <f>'CPT Data'!Q3112</f>
        <v>89.473514835806327</v>
      </c>
      <c r="E3104">
        <f t="shared" si="49"/>
        <v>88.206809819024855</v>
      </c>
      <c r="F3104">
        <f>IF(C3104="CLAY", INDEX(D$4:D3104, MATCH("CLAY", C$4:C3104, 0)), "")</f>
        <v>0.75203252561341039</v>
      </c>
    </row>
    <row r="3105" spans="1:6" x14ac:dyDescent="0.2">
      <c r="A3105" s="239">
        <f>'CPT Data'!B3113</f>
        <v>31.023</v>
      </c>
      <c r="B3105" s="3">
        <f>'CPT Data'!C3113</f>
        <v>31.015999999999998</v>
      </c>
      <c r="C3105" t="str">
        <f>'CPT Data'!P3113</f>
        <v>CLAY</v>
      </c>
      <c r="D3105">
        <f>'CPT Data'!Q3113</f>
        <v>95.505832765048353</v>
      </c>
      <c r="E3105">
        <f t="shared" si="49"/>
        <v>89.473514835806327</v>
      </c>
      <c r="F3105">
        <f>IF(C3105="CLAY", INDEX(D$4:D3105, MATCH("CLAY", C$4:C3105, 0)), "")</f>
        <v>0.75203252561341039</v>
      </c>
    </row>
    <row r="3106" spans="1:6" x14ac:dyDescent="0.2">
      <c r="A3106" s="239">
        <f>'CPT Data'!B3114</f>
        <v>31.032</v>
      </c>
      <c r="B3106" s="3">
        <f>'CPT Data'!C3114</f>
        <v>31.024999999999999</v>
      </c>
      <c r="C3106" t="str">
        <f>'CPT Data'!P3114</f>
        <v>CLAY</v>
      </c>
      <c r="D3106">
        <f>'CPT Data'!Q3114</f>
        <v>103.58552392775466</v>
      </c>
      <c r="E3106">
        <f t="shared" si="49"/>
        <v>95.505832765048353</v>
      </c>
      <c r="F3106">
        <f>IF(C3106="CLAY", INDEX(D$4:D3106, MATCH("CLAY", C$4:C3106, 0)), "")</f>
        <v>0.75203252561341039</v>
      </c>
    </row>
    <row r="3107" spans="1:6" x14ac:dyDescent="0.2">
      <c r="A3107" s="239">
        <f>'CPT Data'!B3115</f>
        <v>31.041</v>
      </c>
      <c r="B3107" s="3">
        <f>'CPT Data'!C3115</f>
        <v>31.033999999999999</v>
      </c>
      <c r="C3107" t="str">
        <f>'CPT Data'!P3115</f>
        <v>CLAY</v>
      </c>
      <c r="D3107">
        <f>'CPT Data'!Q3115</f>
        <v>111.90646472769906</v>
      </c>
      <c r="E3107">
        <f t="shared" si="49"/>
        <v>103.58552392775466</v>
      </c>
      <c r="F3107">
        <f>IF(C3107="CLAY", INDEX(D$4:D3107, MATCH("CLAY", C$4:C3107, 0)), "")</f>
        <v>0.75203252561341039</v>
      </c>
    </row>
    <row r="3108" spans="1:6" x14ac:dyDescent="0.2">
      <c r="A3108" s="239">
        <f>'CPT Data'!B3116</f>
        <v>31.053000000000001</v>
      </c>
      <c r="B3108" s="3">
        <f>'CPT Data'!C3116</f>
        <v>31.045999999999999</v>
      </c>
      <c r="C3108" t="str">
        <f>'CPT Data'!P3116</f>
        <v>CLAY</v>
      </c>
      <c r="D3108">
        <f>'CPT Data'!Q3116</f>
        <v>117.23661596557368</v>
      </c>
      <c r="E3108">
        <f t="shared" si="49"/>
        <v>111.90646472769906</v>
      </c>
      <c r="F3108">
        <f>IF(C3108="CLAY", INDEX(D$4:D3108, MATCH("CLAY", C$4:C3108, 0)), "")</f>
        <v>0.75203252561341039</v>
      </c>
    </row>
    <row r="3109" spans="1:6" x14ac:dyDescent="0.2">
      <c r="A3109" s="239">
        <f>'CPT Data'!B3117</f>
        <v>31.062000000000001</v>
      </c>
      <c r="B3109" s="3">
        <f>'CPT Data'!C3117</f>
        <v>31.055</v>
      </c>
      <c r="C3109" t="str">
        <f>'CPT Data'!P3117</f>
        <v>CLAY</v>
      </c>
      <c r="D3109">
        <f>'CPT Data'!Q3117</f>
        <v>126.23241441469651</v>
      </c>
      <c r="E3109">
        <f t="shared" si="49"/>
        <v>117.23661596557368</v>
      </c>
      <c r="F3109">
        <f>IF(C3109="CLAY", INDEX(D$4:D3109, MATCH("CLAY", C$4:C3109, 0)), "")</f>
        <v>0.75203252561341039</v>
      </c>
    </row>
    <row r="3110" spans="1:6" x14ac:dyDescent="0.2">
      <c r="A3110" s="239">
        <f>'CPT Data'!B3118</f>
        <v>31.071000000000002</v>
      </c>
      <c r="B3110" s="3">
        <f>'CPT Data'!C3118</f>
        <v>31.064</v>
      </c>
      <c r="C3110" t="str">
        <f>'CPT Data'!P3118</f>
        <v>CLAY</v>
      </c>
      <c r="D3110">
        <f>'CPT Data'!Q3118</f>
        <v>132.74516804678578</v>
      </c>
      <c r="E3110">
        <f t="shared" si="49"/>
        <v>126.23241441469651</v>
      </c>
      <c r="F3110">
        <f>IF(C3110="CLAY", INDEX(D$4:D3110, MATCH("CLAY", C$4:C3110, 0)), "")</f>
        <v>0.75203252561341039</v>
      </c>
    </row>
    <row r="3111" spans="1:6" x14ac:dyDescent="0.2">
      <c r="A3111" s="239">
        <f>'CPT Data'!B3119</f>
        <v>31.082000000000001</v>
      </c>
      <c r="B3111" s="3">
        <f>'CPT Data'!C3119</f>
        <v>31.074999999999999</v>
      </c>
      <c r="C3111" t="str">
        <f>'CPT Data'!P3119</f>
        <v>CLAY</v>
      </c>
      <c r="D3111">
        <f>'CPT Data'!Q3119</f>
        <v>137.04753126590808</v>
      </c>
      <c r="E3111">
        <f t="shared" si="49"/>
        <v>132.74516804678578</v>
      </c>
      <c r="F3111">
        <f>IF(C3111="CLAY", INDEX(D$4:D3111, MATCH("CLAY", C$4:C3111, 0)), "")</f>
        <v>0.75203252561341039</v>
      </c>
    </row>
    <row r="3112" spans="1:6" x14ac:dyDescent="0.2">
      <c r="A3112" s="239">
        <f>'CPT Data'!B3120</f>
        <v>31.091000000000001</v>
      </c>
      <c r="B3112" s="3">
        <f>'CPT Data'!C3120</f>
        <v>31.084</v>
      </c>
      <c r="C3112" t="str">
        <f>'CPT Data'!P3120</f>
        <v>CLAY</v>
      </c>
      <c r="D3112">
        <f>'CPT Data'!Q3120</f>
        <v>132.4068811572574</v>
      </c>
      <c r="E3112">
        <f t="shared" si="49"/>
        <v>137.04753126590808</v>
      </c>
      <c r="F3112">
        <f>IF(C3112="CLAY", INDEX(D$4:D3112, MATCH("CLAY", C$4:C3112, 0)), "")</f>
        <v>0.75203252561341039</v>
      </c>
    </row>
    <row r="3113" spans="1:6" x14ac:dyDescent="0.2">
      <c r="A3113" s="239">
        <f>'CPT Data'!B3121</f>
        <v>31.102</v>
      </c>
      <c r="B3113" s="3">
        <f>'CPT Data'!C3121</f>
        <v>31.094999999999999</v>
      </c>
      <c r="C3113" t="str">
        <f>'CPT Data'!P3121</f>
        <v>CLAY</v>
      </c>
      <c r="D3113">
        <f>'CPT Data'!Q3121</f>
        <v>134.33300264801844</v>
      </c>
      <c r="E3113">
        <f t="shared" si="49"/>
        <v>132.4068811572574</v>
      </c>
      <c r="F3113">
        <f>IF(C3113="CLAY", INDEX(D$4:D3113, MATCH("CLAY", C$4:C3113, 0)), "")</f>
        <v>0.75203252561341039</v>
      </c>
    </row>
    <row r="3114" spans="1:6" x14ac:dyDescent="0.2">
      <c r="A3114" s="239">
        <f>'CPT Data'!B3122</f>
        <v>31.111999999999998</v>
      </c>
      <c r="B3114" s="3">
        <f>'CPT Data'!C3122</f>
        <v>31.104999999999997</v>
      </c>
      <c r="C3114" t="str">
        <f>'CPT Data'!P3122</f>
        <v>CLAY</v>
      </c>
      <c r="D3114">
        <f>'CPT Data'!Q3122</f>
        <v>138.89645923282896</v>
      </c>
      <c r="E3114">
        <f t="shared" si="49"/>
        <v>134.33300264801844</v>
      </c>
      <c r="F3114">
        <f>IF(C3114="CLAY", INDEX(D$4:D3114, MATCH("CLAY", C$4:C3114, 0)), "")</f>
        <v>0.75203252561341039</v>
      </c>
    </row>
    <row r="3115" spans="1:6" x14ac:dyDescent="0.2">
      <c r="A3115" s="239">
        <f>'CPT Data'!B3123</f>
        <v>31.120999999999999</v>
      </c>
      <c r="B3115" s="3">
        <f>'CPT Data'!C3123</f>
        <v>31.113999999999997</v>
      </c>
      <c r="C3115" t="str">
        <f>'CPT Data'!P3123</f>
        <v>CLAY</v>
      </c>
      <c r="D3115">
        <f>'CPT Data'!Q3123</f>
        <v>151.06097878187248</v>
      </c>
      <c r="E3115">
        <f t="shared" si="49"/>
        <v>138.89645923282896</v>
      </c>
      <c r="F3115">
        <f>IF(C3115="CLAY", INDEX(D$4:D3115, MATCH("CLAY", C$4:C3115, 0)), "")</f>
        <v>0.75203252561341039</v>
      </c>
    </row>
    <row r="3116" spans="1:6" x14ac:dyDescent="0.2">
      <c r="A3116" s="239">
        <f>'CPT Data'!B3124</f>
        <v>31.131</v>
      </c>
      <c r="B3116" s="3">
        <f>'CPT Data'!C3124</f>
        <v>31.123999999999999</v>
      </c>
      <c r="C3116" t="str">
        <f>'CPT Data'!P3124</f>
        <v>CLAY</v>
      </c>
      <c r="D3116">
        <f>'CPT Data'!Q3124</f>
        <v>166.79953313803333</v>
      </c>
      <c r="E3116">
        <f t="shared" si="49"/>
        <v>151.06097878187248</v>
      </c>
      <c r="F3116">
        <f>IF(C3116="CLAY", INDEX(D$4:D3116, MATCH("CLAY", C$4:C3116, 0)), "")</f>
        <v>0.75203252561341039</v>
      </c>
    </row>
    <row r="3117" spans="1:6" x14ac:dyDescent="0.2">
      <c r="A3117" s="239">
        <f>'CPT Data'!B3125</f>
        <v>31.140999999999998</v>
      </c>
      <c r="B3117" s="3">
        <f>'CPT Data'!C3125</f>
        <v>31.133999999999997</v>
      </c>
      <c r="C3117" t="str">
        <f>'CPT Data'!P3125</f>
        <v>CLAY</v>
      </c>
      <c r="D3117">
        <f>'CPT Data'!Q3125</f>
        <v>193.05560100641586</v>
      </c>
      <c r="E3117">
        <f t="shared" si="49"/>
        <v>166.79953313803333</v>
      </c>
      <c r="F3117">
        <f>IF(C3117="CLAY", INDEX(D$4:D3117, MATCH("CLAY", C$4:C3117, 0)), "")</f>
        <v>0.75203252561341039</v>
      </c>
    </row>
    <row r="3118" spans="1:6" x14ac:dyDescent="0.2">
      <c r="A3118" s="239">
        <f>'CPT Data'!B3126</f>
        <v>31.15</v>
      </c>
      <c r="B3118" s="3">
        <f>'CPT Data'!C3126</f>
        <v>31.142999999999997</v>
      </c>
      <c r="C3118" t="str">
        <f>'CPT Data'!P3126</f>
        <v>CLAY</v>
      </c>
      <c r="D3118">
        <f>'CPT Data'!Q3126</f>
        <v>221.3344212306225</v>
      </c>
      <c r="E3118">
        <f t="shared" si="49"/>
        <v>193.05560100641586</v>
      </c>
      <c r="F3118">
        <f>IF(C3118="CLAY", INDEX(D$4:D3118, MATCH("CLAY", C$4:C3118, 0)), "")</f>
        <v>0.75203252561341039</v>
      </c>
    </row>
    <row r="3119" spans="1:6" x14ac:dyDescent="0.2">
      <c r="A3119" s="239">
        <f>'CPT Data'!B3127</f>
        <v>31.16</v>
      </c>
      <c r="B3119" s="3">
        <f>'CPT Data'!C3127</f>
        <v>31.152999999999999</v>
      </c>
      <c r="C3119" t="str">
        <f>'CPT Data'!P3127</f>
        <v>CLAY</v>
      </c>
      <c r="D3119">
        <f>'CPT Data'!Q3127</f>
        <v>252.96542978265666</v>
      </c>
      <c r="E3119">
        <f t="shared" si="49"/>
        <v>221.3344212306225</v>
      </c>
      <c r="F3119">
        <f>IF(C3119="CLAY", INDEX(D$4:D3119, MATCH("CLAY", C$4:C3119, 0)), "")</f>
        <v>0.75203252561341039</v>
      </c>
    </row>
    <row r="3120" spans="1:6" x14ac:dyDescent="0.2">
      <c r="A3120" s="239">
        <f>'CPT Data'!B3128</f>
        <v>31.169</v>
      </c>
      <c r="B3120" s="3">
        <f>'CPT Data'!C3128</f>
        <v>31.161999999999999</v>
      </c>
      <c r="C3120" t="str">
        <f>'CPT Data'!P3128</f>
        <v>CLAY</v>
      </c>
      <c r="D3120">
        <f>'CPT Data'!Q3128</f>
        <v>287.77818867714456</v>
      </c>
      <c r="E3120">
        <f t="shared" si="49"/>
        <v>252.96542978265666</v>
      </c>
      <c r="F3120">
        <f>IF(C3120="CLAY", INDEX(D$4:D3120, MATCH("CLAY", C$4:C3120, 0)), "")</f>
        <v>0.75203252561341039</v>
      </c>
    </row>
    <row r="3121" spans="1:6" x14ac:dyDescent="0.2">
      <c r="A3121" s="239">
        <f>'CPT Data'!B3129</f>
        <v>31.18</v>
      </c>
      <c r="B3121" s="3">
        <f>'CPT Data'!C3129</f>
        <v>31.172999999999998</v>
      </c>
      <c r="C3121" t="str">
        <f>'CPT Data'!P3129</f>
        <v>CLAY</v>
      </c>
      <c r="D3121">
        <f>'CPT Data'!Q3129</f>
        <v>316.75384926595018</v>
      </c>
      <c r="E3121">
        <f t="shared" si="49"/>
        <v>287.77818867714456</v>
      </c>
      <c r="F3121">
        <f>IF(C3121="CLAY", INDEX(D$4:D3121, MATCH("CLAY", C$4:C3121, 0)), "")</f>
        <v>0.75203252561341039</v>
      </c>
    </row>
    <row r="3122" spans="1:6" x14ac:dyDescent="0.2">
      <c r="A3122" s="239">
        <f>'CPT Data'!B3130</f>
        <v>31.19</v>
      </c>
      <c r="B3122" s="3">
        <f>'CPT Data'!C3130</f>
        <v>31.183</v>
      </c>
      <c r="C3122" t="str">
        <f>'CPT Data'!P3130</f>
        <v>SAND</v>
      </c>
      <c r="D3122" t="e">
        <f>'CPT Data'!Q3130</f>
        <v>#N/A</v>
      </c>
      <c r="E3122" t="e">
        <f t="shared" si="49"/>
        <v>#N/A</v>
      </c>
      <c r="F3122" t="str">
        <f>IF(C3122="CLAY", INDEX(D$4:D3122, MATCH("CLAY", C$4:C3122, 0)), "")</f>
        <v/>
      </c>
    </row>
    <row r="3123" spans="1:6" x14ac:dyDescent="0.2">
      <c r="A3123" s="239">
        <f>'CPT Data'!B3131</f>
        <v>31.2</v>
      </c>
      <c r="B3123" s="3">
        <f>'CPT Data'!C3131</f>
        <v>31.192999999999998</v>
      </c>
      <c r="C3123" t="str">
        <f>'CPT Data'!P3131</f>
        <v>SAND</v>
      </c>
      <c r="D3123" t="e">
        <f>'CPT Data'!Q3131</f>
        <v>#N/A</v>
      </c>
      <c r="E3123" t="e">
        <f t="shared" si="49"/>
        <v>#N/A</v>
      </c>
      <c r="F3123" t="str">
        <f>IF(C3123="CLAY", INDEX(D$4:D3123, MATCH("CLAY", C$4:C3123, 0)), "")</f>
        <v/>
      </c>
    </row>
    <row r="3124" spans="1:6" x14ac:dyDescent="0.2">
      <c r="A3124" s="239">
        <f>'CPT Data'!B3132</f>
        <v>31.209</v>
      </c>
      <c r="B3124" s="3">
        <f>'CPT Data'!C3132</f>
        <v>31.201999999999998</v>
      </c>
      <c r="C3124" t="str">
        <f>'CPT Data'!P3132</f>
        <v>SAND</v>
      </c>
      <c r="D3124" t="e">
        <f>'CPT Data'!Q3132</f>
        <v>#N/A</v>
      </c>
      <c r="E3124" t="e">
        <f t="shared" si="49"/>
        <v>#N/A</v>
      </c>
      <c r="F3124" t="str">
        <f>IF(C3124="CLAY", INDEX(D$4:D3124, MATCH("CLAY", C$4:C3124, 0)), "")</f>
        <v/>
      </c>
    </row>
    <row r="3125" spans="1:6" x14ac:dyDescent="0.2">
      <c r="A3125" s="239">
        <f>'CPT Data'!B3133</f>
        <v>31.218</v>
      </c>
      <c r="B3125" s="3">
        <f>'CPT Data'!C3133</f>
        <v>31.210999999999999</v>
      </c>
      <c r="C3125" t="str">
        <f>'CPT Data'!P3133</f>
        <v>SAND</v>
      </c>
      <c r="D3125" t="e">
        <f>'CPT Data'!Q3133</f>
        <v>#N/A</v>
      </c>
      <c r="E3125" t="e">
        <f t="shared" si="49"/>
        <v>#N/A</v>
      </c>
      <c r="F3125" t="str">
        <f>IF(C3125="CLAY", INDEX(D$4:D3125, MATCH("CLAY", C$4:C3125, 0)), "")</f>
        <v/>
      </c>
    </row>
    <row r="3126" spans="1:6" x14ac:dyDescent="0.2">
      <c r="A3126" s="239">
        <f>'CPT Data'!B3134</f>
        <v>31.227</v>
      </c>
      <c r="B3126" s="3">
        <f>'CPT Data'!C3134</f>
        <v>31.22</v>
      </c>
      <c r="C3126" t="str">
        <f>'CPT Data'!P3134</f>
        <v>SAND</v>
      </c>
      <c r="D3126" t="e">
        <f>'CPT Data'!Q3134</f>
        <v>#N/A</v>
      </c>
      <c r="E3126" t="e">
        <f t="shared" si="49"/>
        <v>#N/A</v>
      </c>
      <c r="F3126" t="str">
        <f>IF(C3126="CLAY", INDEX(D$4:D3126, MATCH("CLAY", C$4:C3126, 0)), "")</f>
        <v/>
      </c>
    </row>
    <row r="3127" spans="1:6" x14ac:dyDescent="0.2">
      <c r="A3127" s="239">
        <f>'CPT Data'!B3135</f>
        <v>31.238</v>
      </c>
      <c r="B3127" s="3">
        <f>'CPT Data'!C3135</f>
        <v>31.230999999999998</v>
      </c>
      <c r="C3127" t="str">
        <f>'CPT Data'!P3135</f>
        <v>SAND</v>
      </c>
      <c r="D3127" t="e">
        <f>'CPT Data'!Q3135</f>
        <v>#N/A</v>
      </c>
      <c r="E3127" t="e">
        <f t="shared" si="49"/>
        <v>#N/A</v>
      </c>
      <c r="F3127" t="str">
        <f>IF(C3127="CLAY", INDEX(D$4:D3127, MATCH("CLAY", C$4:C3127, 0)), "")</f>
        <v/>
      </c>
    </row>
    <row r="3128" spans="1:6" x14ac:dyDescent="0.2">
      <c r="A3128" s="239">
        <f>'CPT Data'!B3136</f>
        <v>31.248000000000001</v>
      </c>
      <c r="B3128" s="3">
        <f>'CPT Data'!C3136</f>
        <v>31.241</v>
      </c>
      <c r="C3128" t="str">
        <f>'CPT Data'!P3136</f>
        <v>SAND</v>
      </c>
      <c r="D3128" t="e">
        <f>'CPT Data'!Q3136</f>
        <v>#N/A</v>
      </c>
      <c r="E3128" t="e">
        <f t="shared" si="49"/>
        <v>#N/A</v>
      </c>
      <c r="F3128" t="str">
        <f>IF(C3128="CLAY", INDEX(D$4:D3128, MATCH("CLAY", C$4:C3128, 0)), "")</f>
        <v/>
      </c>
    </row>
    <row r="3129" spans="1:6" x14ac:dyDescent="0.2">
      <c r="A3129" s="239">
        <f>'CPT Data'!B3137</f>
        <v>31.257000000000001</v>
      </c>
      <c r="B3129" s="3">
        <f>'CPT Data'!C3137</f>
        <v>31.25</v>
      </c>
      <c r="C3129" t="str">
        <f>'CPT Data'!P3137</f>
        <v>SAND</v>
      </c>
      <c r="D3129" t="e">
        <f>'CPT Data'!Q3137</f>
        <v>#N/A</v>
      </c>
      <c r="E3129" t="e">
        <f t="shared" si="49"/>
        <v>#N/A</v>
      </c>
      <c r="F3129" t="str">
        <f>IF(C3129="CLAY", INDEX(D$4:D3129, MATCH("CLAY", C$4:C3129, 0)), "")</f>
        <v/>
      </c>
    </row>
    <row r="3130" spans="1:6" x14ac:dyDescent="0.2">
      <c r="A3130" s="239">
        <f>'CPT Data'!B3138</f>
        <v>31.268000000000001</v>
      </c>
      <c r="B3130" s="3">
        <f>'CPT Data'!C3138</f>
        <v>31.260999999999999</v>
      </c>
      <c r="C3130" t="str">
        <f>'CPT Data'!P3138</f>
        <v>SAND</v>
      </c>
      <c r="D3130" t="e">
        <f>'CPT Data'!Q3138</f>
        <v>#N/A</v>
      </c>
      <c r="E3130" t="e">
        <f t="shared" si="49"/>
        <v>#N/A</v>
      </c>
      <c r="F3130" t="str">
        <f>IF(C3130="CLAY", INDEX(D$4:D3130, MATCH("CLAY", C$4:C3130, 0)), "")</f>
        <v/>
      </c>
    </row>
    <row r="3131" spans="1:6" x14ac:dyDescent="0.2">
      <c r="A3131" s="239">
        <f>'CPT Data'!B3139</f>
        <v>31.277000000000001</v>
      </c>
      <c r="B3131" s="3">
        <f>'CPT Data'!C3139</f>
        <v>31.27</v>
      </c>
      <c r="C3131" t="str">
        <f>'CPT Data'!P3139</f>
        <v>SAND</v>
      </c>
      <c r="D3131" t="e">
        <f>'CPT Data'!Q3139</f>
        <v>#N/A</v>
      </c>
      <c r="E3131" t="e">
        <f t="shared" si="49"/>
        <v>#N/A</v>
      </c>
      <c r="F3131" t="str">
        <f>IF(C3131="CLAY", INDEX(D$4:D3131, MATCH("CLAY", C$4:C3131, 0)), "")</f>
        <v/>
      </c>
    </row>
    <row r="3132" spans="1:6" x14ac:dyDescent="0.2">
      <c r="A3132" s="239">
        <f>'CPT Data'!B3140</f>
        <v>31.286999999999999</v>
      </c>
      <c r="B3132" s="3">
        <f>'CPT Data'!C3140</f>
        <v>31.279999999999998</v>
      </c>
      <c r="C3132" t="str">
        <f>'CPT Data'!P3140</f>
        <v>SAND</v>
      </c>
      <c r="D3132" t="e">
        <f>'CPT Data'!Q3140</f>
        <v>#N/A</v>
      </c>
      <c r="E3132" t="e">
        <f t="shared" si="49"/>
        <v>#N/A</v>
      </c>
      <c r="F3132" t="str">
        <f>IF(C3132="CLAY", INDEX(D$4:D3132, MATCH("CLAY", C$4:C3132, 0)), "")</f>
        <v/>
      </c>
    </row>
    <row r="3133" spans="1:6" x14ac:dyDescent="0.2">
      <c r="A3133" s="239">
        <f>'CPT Data'!B3141</f>
        <v>31.297999999999998</v>
      </c>
      <c r="B3133" s="3">
        <f>'CPT Data'!C3141</f>
        <v>31.290999999999997</v>
      </c>
      <c r="C3133" t="str">
        <f>'CPT Data'!P3141</f>
        <v>SAND</v>
      </c>
      <c r="D3133" t="e">
        <f>'CPT Data'!Q3141</f>
        <v>#N/A</v>
      </c>
      <c r="E3133" t="e">
        <f t="shared" si="49"/>
        <v>#N/A</v>
      </c>
      <c r="F3133" t="str">
        <f>IF(C3133="CLAY", INDEX(D$4:D3133, MATCH("CLAY", C$4:C3133, 0)), "")</f>
        <v/>
      </c>
    </row>
    <row r="3134" spans="1:6" x14ac:dyDescent="0.2">
      <c r="A3134" s="239">
        <f>'CPT Data'!B3142</f>
        <v>31.306999999999999</v>
      </c>
      <c r="B3134" s="3">
        <f>'CPT Data'!C3142</f>
        <v>31.299999999999997</v>
      </c>
      <c r="C3134" t="str">
        <f>'CPT Data'!P3142</f>
        <v>SAND</v>
      </c>
      <c r="D3134" t="e">
        <f>'CPT Data'!Q3142</f>
        <v>#N/A</v>
      </c>
      <c r="E3134" t="e">
        <f t="shared" si="49"/>
        <v>#N/A</v>
      </c>
      <c r="F3134" t="str">
        <f>IF(C3134="CLAY", INDEX(D$4:D3134, MATCH("CLAY", C$4:C3134, 0)), "")</f>
        <v/>
      </c>
    </row>
    <row r="3135" spans="1:6" x14ac:dyDescent="0.2">
      <c r="A3135" s="239">
        <f>'CPT Data'!B3143</f>
        <v>31.317</v>
      </c>
      <c r="B3135" s="3">
        <f>'CPT Data'!C3143</f>
        <v>31.31</v>
      </c>
      <c r="C3135" t="str">
        <f>'CPT Data'!P3143</f>
        <v>SAND</v>
      </c>
      <c r="D3135" t="e">
        <f>'CPT Data'!Q3143</f>
        <v>#N/A</v>
      </c>
      <c r="E3135" t="e">
        <f t="shared" si="49"/>
        <v>#N/A</v>
      </c>
      <c r="F3135" t="str">
        <f>IF(C3135="CLAY", INDEX(D$4:D3135, MATCH("CLAY", C$4:C3135, 0)), "")</f>
        <v/>
      </c>
    </row>
    <row r="3136" spans="1:6" x14ac:dyDescent="0.2">
      <c r="A3136" s="239">
        <f>'CPT Data'!B3144</f>
        <v>31.327000000000002</v>
      </c>
      <c r="B3136" s="3">
        <f>'CPT Data'!C3144</f>
        <v>31.32</v>
      </c>
      <c r="C3136" t="str">
        <f>'CPT Data'!P3144</f>
        <v>SAND</v>
      </c>
      <c r="D3136" t="e">
        <f>'CPT Data'!Q3144</f>
        <v>#N/A</v>
      </c>
      <c r="E3136" t="e">
        <f t="shared" si="49"/>
        <v>#N/A</v>
      </c>
      <c r="F3136" t="str">
        <f>IF(C3136="CLAY", INDEX(D$4:D3136, MATCH("CLAY", C$4:C3136, 0)), "")</f>
        <v/>
      </c>
    </row>
    <row r="3137" spans="1:6" x14ac:dyDescent="0.2">
      <c r="A3137" s="239">
        <f>'CPT Data'!B3145</f>
        <v>31.335999999999999</v>
      </c>
      <c r="B3137" s="3">
        <f>'CPT Data'!C3145</f>
        <v>31.328999999999997</v>
      </c>
      <c r="C3137" t="str">
        <f>'CPT Data'!P3145</f>
        <v>SAND</v>
      </c>
      <c r="D3137" t="e">
        <f>'CPT Data'!Q3145</f>
        <v>#N/A</v>
      </c>
      <c r="E3137" t="e">
        <f t="shared" si="49"/>
        <v>#N/A</v>
      </c>
      <c r="F3137" t="str">
        <f>IF(C3137="CLAY", INDEX(D$4:D3137, MATCH("CLAY", C$4:C3137, 0)), "")</f>
        <v/>
      </c>
    </row>
    <row r="3138" spans="1:6" x14ac:dyDescent="0.2">
      <c r="A3138" s="239">
        <f>'CPT Data'!B3146</f>
        <v>31.344999999999999</v>
      </c>
      <c r="B3138" s="3">
        <f>'CPT Data'!C3146</f>
        <v>31.337999999999997</v>
      </c>
      <c r="C3138" t="str">
        <f>'CPT Data'!P3146</f>
        <v>SAND</v>
      </c>
      <c r="D3138" t="e">
        <f>'CPT Data'!Q3146</f>
        <v>#N/A</v>
      </c>
      <c r="E3138" t="e">
        <f t="shared" si="49"/>
        <v>#N/A</v>
      </c>
      <c r="F3138" t="str">
        <f>IF(C3138="CLAY", INDEX(D$4:D3138, MATCH("CLAY", C$4:C3138, 0)), "")</f>
        <v/>
      </c>
    </row>
    <row r="3139" spans="1:6" x14ac:dyDescent="0.2">
      <c r="A3139" s="239">
        <f>'CPT Data'!B3147</f>
        <v>31.356000000000002</v>
      </c>
      <c r="B3139" s="3">
        <f>'CPT Data'!C3147</f>
        <v>31.349</v>
      </c>
      <c r="C3139" t="str">
        <f>'CPT Data'!P3147</f>
        <v>SAND</v>
      </c>
      <c r="D3139" t="e">
        <f>'CPT Data'!Q3147</f>
        <v>#N/A</v>
      </c>
      <c r="E3139" t="e">
        <f t="shared" si="49"/>
        <v>#N/A</v>
      </c>
      <c r="F3139" t="str">
        <f>IF(C3139="CLAY", INDEX(D$4:D3139, MATCH("CLAY", C$4:C3139, 0)), "")</f>
        <v/>
      </c>
    </row>
    <row r="3140" spans="1:6" x14ac:dyDescent="0.2">
      <c r="A3140" s="239">
        <f>'CPT Data'!B3148</f>
        <v>31.364999999999998</v>
      </c>
      <c r="B3140" s="3">
        <f>'CPT Data'!C3148</f>
        <v>31.357999999999997</v>
      </c>
      <c r="C3140" t="str">
        <f>'CPT Data'!P3148</f>
        <v>SAND</v>
      </c>
      <c r="D3140" t="e">
        <f>'CPT Data'!Q3148</f>
        <v>#N/A</v>
      </c>
      <c r="E3140" t="e">
        <f t="shared" si="49"/>
        <v>#N/A</v>
      </c>
      <c r="F3140" t="str">
        <f>IF(C3140="CLAY", INDEX(D$4:D3140, MATCH("CLAY", C$4:C3140, 0)), "")</f>
        <v/>
      </c>
    </row>
    <row r="3141" spans="1:6" x14ac:dyDescent="0.2">
      <c r="A3141" s="239">
        <f>'CPT Data'!B3149</f>
        <v>31.376000000000001</v>
      </c>
      <c r="B3141" s="3">
        <f>'CPT Data'!C3149</f>
        <v>31.369</v>
      </c>
      <c r="C3141" t="str">
        <f>'CPT Data'!P3149</f>
        <v>SAND</v>
      </c>
      <c r="D3141" t="e">
        <f>'CPT Data'!Q3149</f>
        <v>#N/A</v>
      </c>
      <c r="E3141" t="e">
        <f t="shared" si="49"/>
        <v>#N/A</v>
      </c>
      <c r="F3141" t="str">
        <f>IF(C3141="CLAY", INDEX(D$4:D3141, MATCH("CLAY", C$4:C3141, 0)), "")</f>
        <v/>
      </c>
    </row>
    <row r="3142" spans="1:6" x14ac:dyDescent="0.2">
      <c r="A3142" s="239">
        <f>'CPT Data'!B3150</f>
        <v>31.385000000000002</v>
      </c>
      <c r="B3142" s="3">
        <f>'CPT Data'!C3150</f>
        <v>31.378</v>
      </c>
      <c r="C3142" t="str">
        <f>'CPT Data'!P3150</f>
        <v>SAND</v>
      </c>
      <c r="D3142" t="e">
        <f>'CPT Data'!Q3150</f>
        <v>#N/A</v>
      </c>
      <c r="E3142" t="e">
        <f t="shared" si="49"/>
        <v>#N/A</v>
      </c>
      <c r="F3142" t="str">
        <f>IF(C3142="CLAY", INDEX(D$4:D3142, MATCH("CLAY", C$4:C3142, 0)), "")</f>
        <v/>
      </c>
    </row>
    <row r="3143" spans="1:6" x14ac:dyDescent="0.2">
      <c r="A3143" s="239">
        <f>'CPT Data'!B3151</f>
        <v>31.395</v>
      </c>
      <c r="B3143" s="3">
        <f>'CPT Data'!C3151</f>
        <v>31.387999999999998</v>
      </c>
      <c r="C3143" t="str">
        <f>'CPT Data'!P3151</f>
        <v>SAND</v>
      </c>
      <c r="D3143" t="e">
        <f>'CPT Data'!Q3151</f>
        <v>#N/A</v>
      </c>
      <c r="E3143" t="e">
        <f t="shared" si="49"/>
        <v>#N/A</v>
      </c>
      <c r="F3143" t="str">
        <f>IF(C3143="CLAY", INDEX(D$4:D3143, MATCH("CLAY", C$4:C3143, 0)), "")</f>
        <v/>
      </c>
    </row>
    <row r="3144" spans="1:6" x14ac:dyDescent="0.2">
      <c r="A3144" s="239">
        <f>'CPT Data'!B3152</f>
        <v>31.405000000000001</v>
      </c>
      <c r="B3144" s="3">
        <f>'CPT Data'!C3152</f>
        <v>31.398</v>
      </c>
      <c r="C3144" t="str">
        <f>'CPT Data'!P3152</f>
        <v>SAND</v>
      </c>
      <c r="D3144" t="e">
        <f>'CPT Data'!Q3152</f>
        <v>#N/A</v>
      </c>
      <c r="E3144" t="e">
        <f t="shared" si="49"/>
        <v>#N/A</v>
      </c>
      <c r="F3144" t="str">
        <f>IF(C3144="CLAY", INDEX(D$4:D3144, MATCH("CLAY", C$4:C3144, 0)), "")</f>
        <v/>
      </c>
    </row>
    <row r="3145" spans="1:6" x14ac:dyDescent="0.2">
      <c r="A3145" s="239">
        <f>'CPT Data'!B3153</f>
        <v>31.414999999999999</v>
      </c>
      <c r="B3145" s="3">
        <f>'CPT Data'!C3153</f>
        <v>31.407999999999998</v>
      </c>
      <c r="C3145" t="str">
        <f>'CPT Data'!P3153</f>
        <v>SAND</v>
      </c>
      <c r="D3145" t="e">
        <f>'CPT Data'!Q3153</f>
        <v>#N/A</v>
      </c>
      <c r="E3145" t="e">
        <f t="shared" si="49"/>
        <v>#N/A</v>
      </c>
      <c r="F3145" t="str">
        <f>IF(C3145="CLAY", INDEX(D$4:D3145, MATCH("CLAY", C$4:C3145, 0)), "")</f>
        <v/>
      </c>
    </row>
    <row r="3146" spans="1:6" x14ac:dyDescent="0.2">
      <c r="A3146" s="239">
        <f>'CPT Data'!B3154</f>
        <v>31.425000000000001</v>
      </c>
      <c r="B3146" s="3">
        <f>'CPT Data'!C3154</f>
        <v>31.417999999999999</v>
      </c>
      <c r="C3146" t="str">
        <f>'CPT Data'!P3154</f>
        <v>SAND</v>
      </c>
      <c r="D3146" t="e">
        <f>'CPT Data'!Q3154</f>
        <v>#N/A</v>
      </c>
      <c r="E3146" t="e">
        <f t="shared" si="49"/>
        <v>#N/A</v>
      </c>
      <c r="F3146" t="str">
        <f>IF(C3146="CLAY", INDEX(D$4:D3146, MATCH("CLAY", C$4:C3146, 0)), "")</f>
        <v/>
      </c>
    </row>
    <row r="3147" spans="1:6" x14ac:dyDescent="0.2">
      <c r="A3147" s="239">
        <f>'CPT Data'!B3155</f>
        <v>31.434999999999999</v>
      </c>
      <c r="B3147" s="3">
        <f>'CPT Data'!C3155</f>
        <v>31.427999999999997</v>
      </c>
      <c r="C3147" t="str">
        <f>'CPT Data'!P3155</f>
        <v>SAND</v>
      </c>
      <c r="D3147" t="e">
        <f>'CPT Data'!Q3155</f>
        <v>#N/A</v>
      </c>
      <c r="E3147" t="e">
        <f t="shared" si="49"/>
        <v>#N/A</v>
      </c>
      <c r="F3147" t="str">
        <f>IF(C3147="CLAY", INDEX(D$4:D3147, MATCH("CLAY", C$4:C3147, 0)), "")</f>
        <v/>
      </c>
    </row>
    <row r="3148" spans="1:6" x14ac:dyDescent="0.2">
      <c r="A3148" s="239">
        <f>'CPT Data'!B3156</f>
        <v>31.443999999999999</v>
      </c>
      <c r="B3148" s="3">
        <f>'CPT Data'!C3156</f>
        <v>31.436999999999998</v>
      </c>
      <c r="C3148" t="str">
        <f>'CPT Data'!P3156</f>
        <v>SAND</v>
      </c>
      <c r="D3148" t="e">
        <f>'CPT Data'!Q3156</f>
        <v>#N/A</v>
      </c>
      <c r="E3148" t="e">
        <f t="shared" si="49"/>
        <v>#N/A</v>
      </c>
      <c r="F3148" t="str">
        <f>IF(C3148="CLAY", INDEX(D$4:D3148, MATCH("CLAY", C$4:C3148, 0)), "")</f>
        <v/>
      </c>
    </row>
    <row r="3149" spans="1:6" x14ac:dyDescent="0.2">
      <c r="A3149" s="239">
        <f>'CPT Data'!B3157</f>
        <v>31.454999999999998</v>
      </c>
      <c r="B3149" s="3">
        <f>'CPT Data'!C3157</f>
        <v>31.447999999999997</v>
      </c>
      <c r="C3149" t="str">
        <f>'CPT Data'!P3157</f>
        <v>SAND</v>
      </c>
      <c r="D3149" t="e">
        <f>'CPT Data'!Q3157</f>
        <v>#N/A</v>
      </c>
      <c r="E3149" t="e">
        <f t="shared" si="49"/>
        <v>#N/A</v>
      </c>
      <c r="F3149" t="str">
        <f>IF(C3149="CLAY", INDEX(D$4:D3149, MATCH("CLAY", C$4:C3149, 0)), "")</f>
        <v/>
      </c>
    </row>
    <row r="3150" spans="1:6" x14ac:dyDescent="0.2">
      <c r="A3150" s="239">
        <f>'CPT Data'!B3158</f>
        <v>31.463999999999999</v>
      </c>
      <c r="B3150" s="3">
        <f>'CPT Data'!C3158</f>
        <v>31.456999999999997</v>
      </c>
      <c r="C3150" t="str">
        <f>'CPT Data'!P3158</f>
        <v>SAND</v>
      </c>
      <c r="D3150" t="e">
        <f>'CPT Data'!Q3158</f>
        <v>#N/A</v>
      </c>
      <c r="E3150" t="e">
        <f t="shared" si="49"/>
        <v>#N/A</v>
      </c>
      <c r="F3150" t="str">
        <f>IF(C3150="CLAY", INDEX(D$4:D3150, MATCH("CLAY", C$4:C3150, 0)), "")</f>
        <v/>
      </c>
    </row>
    <row r="3151" spans="1:6" x14ac:dyDescent="0.2">
      <c r="A3151" s="239">
        <f>'CPT Data'!B3159</f>
        <v>31.474</v>
      </c>
      <c r="B3151" s="3">
        <f>'CPT Data'!C3159</f>
        <v>31.466999999999999</v>
      </c>
      <c r="C3151" t="str">
        <f>'CPT Data'!P3159</f>
        <v>SAND</v>
      </c>
      <c r="D3151" t="e">
        <f>'CPT Data'!Q3159</f>
        <v>#N/A</v>
      </c>
      <c r="E3151" t="e">
        <f t="shared" si="49"/>
        <v>#N/A</v>
      </c>
      <c r="F3151" t="str">
        <f>IF(C3151="CLAY", INDEX(D$4:D3151, MATCH("CLAY", C$4:C3151, 0)), "")</f>
        <v/>
      </c>
    </row>
    <row r="3152" spans="1:6" x14ac:dyDescent="0.2">
      <c r="A3152" s="239">
        <f>'CPT Data'!B3160</f>
        <v>31.483000000000001</v>
      </c>
      <c r="B3152" s="3">
        <f>'CPT Data'!C3160</f>
        <v>31.475999999999999</v>
      </c>
      <c r="C3152" t="str">
        <f>'CPT Data'!P3160</f>
        <v>SAND</v>
      </c>
      <c r="D3152" t="e">
        <f>'CPT Data'!Q3160</f>
        <v>#N/A</v>
      </c>
      <c r="E3152" t="e">
        <f t="shared" si="49"/>
        <v>#N/A</v>
      </c>
      <c r="F3152" t="str">
        <f>IF(C3152="CLAY", INDEX(D$4:D3152, MATCH("CLAY", C$4:C3152, 0)), "")</f>
        <v/>
      </c>
    </row>
    <row r="3153" spans="1:6" x14ac:dyDescent="0.2">
      <c r="A3153" s="239">
        <f>'CPT Data'!B3161</f>
        <v>31.494</v>
      </c>
      <c r="B3153" s="3">
        <f>'CPT Data'!C3161</f>
        <v>31.486999999999998</v>
      </c>
      <c r="C3153" t="str">
        <f>'CPT Data'!P3161</f>
        <v>SAND</v>
      </c>
      <c r="D3153" t="e">
        <f>'CPT Data'!Q3161</f>
        <v>#N/A</v>
      </c>
      <c r="E3153" t="e">
        <f t="shared" si="49"/>
        <v>#N/A</v>
      </c>
      <c r="F3153" t="str">
        <f>IF(C3153="CLAY", INDEX(D$4:D3153, MATCH("CLAY", C$4:C3153, 0)), "")</f>
        <v/>
      </c>
    </row>
    <row r="3154" spans="1:6" x14ac:dyDescent="0.2">
      <c r="A3154" s="239">
        <f>'CPT Data'!B3162</f>
        <v>31.504999999999999</v>
      </c>
      <c r="B3154" s="3">
        <f>'CPT Data'!C3162</f>
        <v>31.497999999999998</v>
      </c>
      <c r="C3154" t="str">
        <f>'CPT Data'!P3162</f>
        <v>SAND</v>
      </c>
      <c r="D3154" t="e">
        <f>'CPT Data'!Q3162</f>
        <v>#N/A</v>
      </c>
      <c r="E3154" t="e">
        <f t="shared" si="49"/>
        <v>#N/A</v>
      </c>
      <c r="F3154" t="str">
        <f>IF(C3154="CLAY", INDEX(D$4:D3154, MATCH("CLAY", C$4:C3154, 0)), "")</f>
        <v/>
      </c>
    </row>
    <row r="3155" spans="1:6" x14ac:dyDescent="0.2">
      <c r="A3155" s="239">
        <f>'CPT Data'!B3163</f>
        <v>31.513000000000002</v>
      </c>
      <c r="B3155" s="3">
        <f>'CPT Data'!C3163</f>
        <v>31.506</v>
      </c>
      <c r="C3155" t="str">
        <f>'CPT Data'!P3163</f>
        <v>SAND</v>
      </c>
      <c r="D3155" t="e">
        <f>'CPT Data'!Q3163</f>
        <v>#N/A</v>
      </c>
      <c r="E3155" t="e">
        <f t="shared" si="49"/>
        <v>#N/A</v>
      </c>
      <c r="F3155" t="str">
        <f>IF(C3155="CLAY", INDEX(D$4:D3155, MATCH("CLAY", C$4:C3155, 0)), "")</f>
        <v/>
      </c>
    </row>
    <row r="3156" spans="1:6" x14ac:dyDescent="0.2">
      <c r="A3156" s="239">
        <f>'CPT Data'!B3164</f>
        <v>31.524000000000001</v>
      </c>
      <c r="B3156" s="3">
        <f>'CPT Data'!C3164</f>
        <v>31.516999999999999</v>
      </c>
      <c r="C3156" t="str">
        <f>'CPT Data'!P3164</f>
        <v>SAND</v>
      </c>
      <c r="D3156" t="e">
        <f>'CPT Data'!Q3164</f>
        <v>#N/A</v>
      </c>
      <c r="E3156" t="e">
        <f t="shared" si="49"/>
        <v>#N/A</v>
      </c>
      <c r="F3156" t="str">
        <f>IF(C3156="CLAY", INDEX(D$4:D3156, MATCH("CLAY", C$4:C3156, 0)), "")</f>
        <v/>
      </c>
    </row>
    <row r="3157" spans="1:6" x14ac:dyDescent="0.2">
      <c r="A3157" s="239">
        <f>'CPT Data'!B3165</f>
        <v>31.533999999999999</v>
      </c>
      <c r="B3157" s="3">
        <f>'CPT Data'!C3165</f>
        <v>31.526999999999997</v>
      </c>
      <c r="C3157" t="str">
        <f>'CPT Data'!P3165</f>
        <v>SAND</v>
      </c>
      <c r="D3157" t="e">
        <f>'CPT Data'!Q3165</f>
        <v>#N/A</v>
      </c>
      <c r="E3157" t="e">
        <f t="shared" si="49"/>
        <v>#N/A</v>
      </c>
      <c r="F3157" t="str">
        <f>IF(C3157="CLAY", INDEX(D$4:D3157, MATCH("CLAY", C$4:C3157, 0)), "")</f>
        <v/>
      </c>
    </row>
    <row r="3158" spans="1:6" x14ac:dyDescent="0.2">
      <c r="A3158" s="239">
        <f>'CPT Data'!B3166</f>
        <v>31.542999999999999</v>
      </c>
      <c r="B3158" s="3">
        <f>'CPT Data'!C3166</f>
        <v>31.535999999999998</v>
      </c>
      <c r="C3158" t="str">
        <f>'CPT Data'!P3166</f>
        <v>SAND</v>
      </c>
      <c r="D3158" t="e">
        <f>'CPT Data'!Q3166</f>
        <v>#N/A</v>
      </c>
      <c r="E3158" t="e">
        <f t="shared" si="49"/>
        <v>#N/A</v>
      </c>
      <c r="F3158" t="str">
        <f>IF(C3158="CLAY", INDEX(D$4:D3158, MATCH("CLAY", C$4:C3158, 0)), "")</f>
        <v/>
      </c>
    </row>
    <row r="3159" spans="1:6" x14ac:dyDescent="0.2">
      <c r="A3159" s="239">
        <f>'CPT Data'!B3167</f>
        <v>31.553999999999998</v>
      </c>
      <c r="B3159" s="3">
        <f>'CPT Data'!C3167</f>
        <v>31.546999999999997</v>
      </c>
      <c r="C3159" t="str">
        <f>'CPT Data'!P3167</f>
        <v>SAND</v>
      </c>
      <c r="D3159" t="e">
        <f>'CPT Data'!Q3167</f>
        <v>#N/A</v>
      </c>
      <c r="E3159" t="e">
        <f t="shared" si="49"/>
        <v>#N/A</v>
      </c>
      <c r="F3159" t="str">
        <f>IF(C3159="CLAY", INDEX(D$4:D3159, MATCH("CLAY", C$4:C3159, 0)), "")</f>
        <v/>
      </c>
    </row>
    <row r="3160" spans="1:6" x14ac:dyDescent="0.2">
      <c r="A3160" s="239">
        <f>'CPT Data'!B3168</f>
        <v>31.562999999999999</v>
      </c>
      <c r="B3160" s="3">
        <f>'CPT Data'!C3168</f>
        <v>31.555999999999997</v>
      </c>
      <c r="C3160" t="str">
        <f>'CPT Data'!P3168</f>
        <v>SAND</v>
      </c>
      <c r="D3160" t="e">
        <f>'CPT Data'!Q3168</f>
        <v>#N/A</v>
      </c>
      <c r="E3160" t="e">
        <f t="shared" si="49"/>
        <v>#N/A</v>
      </c>
      <c r="F3160" t="str">
        <f>IF(C3160="CLAY", INDEX(D$4:D3160, MATCH("CLAY", C$4:C3160, 0)), "")</f>
        <v/>
      </c>
    </row>
    <row r="3161" spans="1:6" x14ac:dyDescent="0.2">
      <c r="A3161" s="239">
        <f>'CPT Data'!B3169</f>
        <v>31.574000000000002</v>
      </c>
      <c r="B3161" s="3">
        <f>'CPT Data'!C3169</f>
        <v>31.567</v>
      </c>
      <c r="C3161" t="str">
        <f>'CPT Data'!P3169</f>
        <v>SAND</v>
      </c>
      <c r="D3161" t="e">
        <f>'CPT Data'!Q3169</f>
        <v>#N/A</v>
      </c>
      <c r="E3161" t="e">
        <f t="shared" si="49"/>
        <v>#N/A</v>
      </c>
      <c r="F3161" t="str">
        <f>IF(C3161="CLAY", INDEX(D$4:D3161, MATCH("CLAY", C$4:C3161, 0)), "")</f>
        <v/>
      </c>
    </row>
    <row r="3162" spans="1:6" x14ac:dyDescent="0.2">
      <c r="A3162" s="239">
        <f>'CPT Data'!B3170</f>
        <v>31.582999999999998</v>
      </c>
      <c r="B3162" s="3">
        <f>'CPT Data'!C3170</f>
        <v>31.575999999999997</v>
      </c>
      <c r="C3162" t="str">
        <f>'CPT Data'!P3170</f>
        <v>SAND</v>
      </c>
      <c r="D3162" t="e">
        <f>'CPT Data'!Q3170</f>
        <v>#N/A</v>
      </c>
      <c r="E3162" t="e">
        <f t="shared" si="49"/>
        <v>#N/A</v>
      </c>
      <c r="F3162" t="str">
        <f>IF(C3162="CLAY", INDEX(D$4:D3162, MATCH("CLAY", C$4:C3162, 0)), "")</f>
        <v/>
      </c>
    </row>
    <row r="3163" spans="1:6" x14ac:dyDescent="0.2">
      <c r="A3163" s="239">
        <f>'CPT Data'!B3171</f>
        <v>31.593</v>
      </c>
      <c r="B3163" s="3">
        <f>'CPT Data'!C3171</f>
        <v>31.585999999999999</v>
      </c>
      <c r="C3163" t="str">
        <f>'CPT Data'!P3171</f>
        <v>SAND</v>
      </c>
      <c r="D3163" t="e">
        <f>'CPT Data'!Q3171</f>
        <v>#N/A</v>
      </c>
      <c r="E3163" t="e">
        <f t="shared" ref="E3163:E3226" si="50">IF(C3163="SAND",#N/A,IF(C3163=C3162,D3162,IF(C3163="CLAY",D3163,#N/A)))</f>
        <v>#N/A</v>
      </c>
      <c r="F3163" t="str">
        <f>IF(C3163="CLAY", INDEX(D$4:D3163, MATCH("CLAY", C$4:C3163, 0)), "")</f>
        <v/>
      </c>
    </row>
    <row r="3164" spans="1:6" x14ac:dyDescent="0.2">
      <c r="A3164" s="239">
        <f>'CPT Data'!B3172</f>
        <v>31.602</v>
      </c>
      <c r="B3164" s="3">
        <f>'CPT Data'!C3172</f>
        <v>31.594999999999999</v>
      </c>
      <c r="C3164" t="str">
        <f>'CPT Data'!P3172</f>
        <v>SAND</v>
      </c>
      <c r="D3164" t="e">
        <f>'CPT Data'!Q3172</f>
        <v>#N/A</v>
      </c>
      <c r="E3164" t="e">
        <f t="shared" si="50"/>
        <v>#N/A</v>
      </c>
      <c r="F3164" t="str">
        <f>IF(C3164="CLAY", INDEX(D$4:D3164, MATCH("CLAY", C$4:C3164, 0)), "")</f>
        <v/>
      </c>
    </row>
    <row r="3165" spans="1:6" x14ac:dyDescent="0.2">
      <c r="A3165" s="239">
        <f>'CPT Data'!B3173</f>
        <v>31.611999999999998</v>
      </c>
      <c r="B3165" s="3">
        <f>'CPT Data'!C3173</f>
        <v>31.604999999999997</v>
      </c>
      <c r="C3165" t="str">
        <f>'CPT Data'!P3173</f>
        <v>SAND</v>
      </c>
      <c r="D3165" t="e">
        <f>'CPT Data'!Q3173</f>
        <v>#N/A</v>
      </c>
      <c r="E3165" t="e">
        <f t="shared" si="50"/>
        <v>#N/A</v>
      </c>
      <c r="F3165" t="str">
        <f>IF(C3165="CLAY", INDEX(D$4:D3165, MATCH("CLAY", C$4:C3165, 0)), "")</f>
        <v/>
      </c>
    </row>
    <row r="3166" spans="1:6" x14ac:dyDescent="0.2">
      <c r="A3166" s="239">
        <f>'CPT Data'!B3174</f>
        <v>31.620999999999999</v>
      </c>
      <c r="B3166" s="3">
        <f>'CPT Data'!C3174</f>
        <v>31.613999999999997</v>
      </c>
      <c r="C3166" t="str">
        <f>'CPT Data'!P3174</f>
        <v>SAND</v>
      </c>
      <c r="D3166" t="e">
        <f>'CPT Data'!Q3174</f>
        <v>#N/A</v>
      </c>
      <c r="E3166" t="e">
        <f t="shared" si="50"/>
        <v>#N/A</v>
      </c>
      <c r="F3166" t="str">
        <f>IF(C3166="CLAY", INDEX(D$4:D3166, MATCH("CLAY", C$4:C3166, 0)), "")</f>
        <v/>
      </c>
    </row>
    <row r="3167" spans="1:6" x14ac:dyDescent="0.2">
      <c r="A3167" s="239">
        <f>'CPT Data'!B3175</f>
        <v>31.632000000000001</v>
      </c>
      <c r="B3167" s="3">
        <f>'CPT Data'!C3175</f>
        <v>31.625</v>
      </c>
      <c r="C3167" t="str">
        <f>'CPT Data'!P3175</f>
        <v>SAND</v>
      </c>
      <c r="D3167" t="e">
        <f>'CPT Data'!Q3175</f>
        <v>#N/A</v>
      </c>
      <c r="E3167" t="e">
        <f t="shared" si="50"/>
        <v>#N/A</v>
      </c>
      <c r="F3167" t="str">
        <f>IF(C3167="CLAY", INDEX(D$4:D3167, MATCH("CLAY", C$4:C3167, 0)), "")</f>
        <v/>
      </c>
    </row>
    <row r="3168" spans="1:6" x14ac:dyDescent="0.2">
      <c r="A3168" s="239">
        <f>'CPT Data'!B3176</f>
        <v>31.640999999999998</v>
      </c>
      <c r="B3168" s="3">
        <f>'CPT Data'!C3176</f>
        <v>31.633999999999997</v>
      </c>
      <c r="C3168" t="str">
        <f>'CPT Data'!P3176</f>
        <v>SAND</v>
      </c>
      <c r="D3168" t="e">
        <f>'CPT Data'!Q3176</f>
        <v>#N/A</v>
      </c>
      <c r="E3168" t="e">
        <f t="shared" si="50"/>
        <v>#N/A</v>
      </c>
      <c r="F3168" t="str">
        <f>IF(C3168="CLAY", INDEX(D$4:D3168, MATCH("CLAY", C$4:C3168, 0)), "")</f>
        <v/>
      </c>
    </row>
    <row r="3169" spans="1:6" x14ac:dyDescent="0.2">
      <c r="A3169" s="239">
        <f>'CPT Data'!B3177</f>
        <v>31.651</v>
      </c>
      <c r="B3169" s="3">
        <f>'CPT Data'!C3177</f>
        <v>31.643999999999998</v>
      </c>
      <c r="C3169" t="str">
        <f>'CPT Data'!P3177</f>
        <v>SAND</v>
      </c>
      <c r="D3169" t="e">
        <f>'CPT Data'!Q3177</f>
        <v>#N/A</v>
      </c>
      <c r="E3169" t="e">
        <f t="shared" si="50"/>
        <v>#N/A</v>
      </c>
      <c r="F3169" t="str">
        <f>IF(C3169="CLAY", INDEX(D$4:D3169, MATCH("CLAY", C$4:C3169, 0)), "")</f>
        <v/>
      </c>
    </row>
    <row r="3170" spans="1:6" x14ac:dyDescent="0.2">
      <c r="A3170" s="239">
        <f>'CPT Data'!B3178</f>
        <v>31.66</v>
      </c>
      <c r="B3170" s="3">
        <f>'CPT Data'!C3178</f>
        <v>31.652999999999999</v>
      </c>
      <c r="C3170" t="str">
        <f>'CPT Data'!P3178</f>
        <v>SAND</v>
      </c>
      <c r="D3170" t="e">
        <f>'CPT Data'!Q3178</f>
        <v>#N/A</v>
      </c>
      <c r="E3170" t="e">
        <f t="shared" si="50"/>
        <v>#N/A</v>
      </c>
      <c r="F3170" t="str">
        <f>IF(C3170="CLAY", INDEX(D$4:D3170, MATCH("CLAY", C$4:C3170, 0)), "")</f>
        <v/>
      </c>
    </row>
    <row r="3171" spans="1:6" x14ac:dyDescent="0.2">
      <c r="A3171" s="239">
        <f>'CPT Data'!B3179</f>
        <v>31.670999999999999</v>
      </c>
      <c r="B3171" s="3">
        <f>'CPT Data'!C3179</f>
        <v>31.663999999999998</v>
      </c>
      <c r="C3171" t="str">
        <f>'CPT Data'!P3179</f>
        <v>SAND</v>
      </c>
      <c r="D3171" t="e">
        <f>'CPT Data'!Q3179</f>
        <v>#N/A</v>
      </c>
      <c r="E3171" t="e">
        <f t="shared" si="50"/>
        <v>#N/A</v>
      </c>
      <c r="F3171" t="str">
        <f>IF(C3171="CLAY", INDEX(D$4:D3171, MATCH("CLAY", C$4:C3171, 0)), "")</f>
        <v/>
      </c>
    </row>
    <row r="3172" spans="1:6" x14ac:dyDescent="0.2">
      <c r="A3172" s="239">
        <f>'CPT Data'!B3180</f>
        <v>31.68</v>
      </c>
      <c r="B3172" s="3">
        <f>'CPT Data'!C3180</f>
        <v>31.672999999999998</v>
      </c>
      <c r="C3172" t="str">
        <f>'CPT Data'!P3180</f>
        <v>SAND</v>
      </c>
      <c r="D3172" t="e">
        <f>'CPT Data'!Q3180</f>
        <v>#N/A</v>
      </c>
      <c r="E3172" t="e">
        <f t="shared" si="50"/>
        <v>#N/A</v>
      </c>
      <c r="F3172" t="str">
        <f>IF(C3172="CLAY", INDEX(D$4:D3172, MATCH("CLAY", C$4:C3172, 0)), "")</f>
        <v/>
      </c>
    </row>
    <row r="3173" spans="1:6" x14ac:dyDescent="0.2">
      <c r="A3173" s="239">
        <f>'CPT Data'!B3181</f>
        <v>31.69</v>
      </c>
      <c r="B3173" s="3">
        <f>'CPT Data'!C3181</f>
        <v>31.683</v>
      </c>
      <c r="C3173" t="str">
        <f>'CPT Data'!P3181</f>
        <v>SAND</v>
      </c>
      <c r="D3173" t="e">
        <f>'CPT Data'!Q3181</f>
        <v>#N/A</v>
      </c>
      <c r="E3173" t="e">
        <f t="shared" si="50"/>
        <v>#N/A</v>
      </c>
      <c r="F3173" t="str">
        <f>IF(C3173="CLAY", INDEX(D$4:D3173, MATCH("CLAY", C$4:C3173, 0)), "")</f>
        <v/>
      </c>
    </row>
    <row r="3174" spans="1:6" x14ac:dyDescent="0.2">
      <c r="A3174" s="239">
        <f>'CPT Data'!B3182</f>
        <v>31.7</v>
      </c>
      <c r="B3174" s="3">
        <f>'CPT Data'!C3182</f>
        <v>31.692999999999998</v>
      </c>
      <c r="C3174" t="str">
        <f>'CPT Data'!P3182</f>
        <v>SAND</v>
      </c>
      <c r="D3174" t="e">
        <f>'CPT Data'!Q3182</f>
        <v>#N/A</v>
      </c>
      <c r="E3174" t="e">
        <f t="shared" si="50"/>
        <v>#N/A</v>
      </c>
      <c r="F3174" t="str">
        <f>IF(C3174="CLAY", INDEX(D$4:D3174, MATCH("CLAY", C$4:C3174, 0)), "")</f>
        <v/>
      </c>
    </row>
    <row r="3175" spans="1:6" x14ac:dyDescent="0.2">
      <c r="A3175" s="239">
        <f>'CPT Data'!B3183</f>
        <v>31.71</v>
      </c>
      <c r="B3175" s="3">
        <f>'CPT Data'!C3183</f>
        <v>31.702999999999999</v>
      </c>
      <c r="C3175" t="str">
        <f>'CPT Data'!P3183</f>
        <v>SAND</v>
      </c>
      <c r="D3175" t="e">
        <f>'CPT Data'!Q3183</f>
        <v>#N/A</v>
      </c>
      <c r="E3175" t="e">
        <f t="shared" si="50"/>
        <v>#N/A</v>
      </c>
      <c r="F3175" t="str">
        <f>IF(C3175="CLAY", INDEX(D$4:D3175, MATCH("CLAY", C$4:C3175, 0)), "")</f>
        <v/>
      </c>
    </row>
    <row r="3176" spans="1:6" x14ac:dyDescent="0.2">
      <c r="A3176" s="239">
        <f>'CPT Data'!B3184</f>
        <v>31.72</v>
      </c>
      <c r="B3176" s="3">
        <f>'CPT Data'!C3184</f>
        <v>31.712999999999997</v>
      </c>
      <c r="C3176" t="str">
        <f>'CPT Data'!P3184</f>
        <v>SAND</v>
      </c>
      <c r="D3176" t="e">
        <f>'CPT Data'!Q3184</f>
        <v>#N/A</v>
      </c>
      <c r="E3176" t="e">
        <f t="shared" si="50"/>
        <v>#N/A</v>
      </c>
      <c r="F3176" t="str">
        <f>IF(C3176="CLAY", INDEX(D$4:D3176, MATCH("CLAY", C$4:C3176, 0)), "")</f>
        <v/>
      </c>
    </row>
    <row r="3177" spans="1:6" x14ac:dyDescent="0.2">
      <c r="A3177" s="239">
        <f>'CPT Data'!B3185</f>
        <v>31.728999999999999</v>
      </c>
      <c r="B3177" s="3">
        <f>'CPT Data'!C3185</f>
        <v>31.721999999999998</v>
      </c>
      <c r="C3177" t="str">
        <f>'CPT Data'!P3185</f>
        <v>SAND</v>
      </c>
      <c r="D3177" t="e">
        <f>'CPT Data'!Q3185</f>
        <v>#N/A</v>
      </c>
      <c r="E3177" t="e">
        <f t="shared" si="50"/>
        <v>#N/A</v>
      </c>
      <c r="F3177" t="str">
        <f>IF(C3177="CLAY", INDEX(D$4:D3177, MATCH("CLAY", C$4:C3177, 0)), "")</f>
        <v/>
      </c>
    </row>
    <row r="3178" spans="1:6" x14ac:dyDescent="0.2">
      <c r="A3178" s="239">
        <f>'CPT Data'!B3186</f>
        <v>31.738</v>
      </c>
      <c r="B3178" s="3">
        <f>'CPT Data'!C3186</f>
        <v>31.730999999999998</v>
      </c>
      <c r="C3178" t="str">
        <f>'CPT Data'!P3186</f>
        <v>SAND</v>
      </c>
      <c r="D3178" t="e">
        <f>'CPT Data'!Q3186</f>
        <v>#N/A</v>
      </c>
      <c r="E3178" t="e">
        <f t="shared" si="50"/>
        <v>#N/A</v>
      </c>
      <c r="F3178" t="str">
        <f>IF(C3178="CLAY", INDEX(D$4:D3178, MATCH("CLAY", C$4:C3178, 0)), "")</f>
        <v/>
      </c>
    </row>
    <row r="3179" spans="1:6" x14ac:dyDescent="0.2">
      <c r="A3179" s="239">
        <f>'CPT Data'!B3187</f>
        <v>31.748999999999999</v>
      </c>
      <c r="B3179" s="3">
        <f>'CPT Data'!C3187</f>
        <v>31.741999999999997</v>
      </c>
      <c r="C3179" t="str">
        <f>'CPT Data'!P3187</f>
        <v>SAND</v>
      </c>
      <c r="D3179" t="e">
        <f>'CPT Data'!Q3187</f>
        <v>#N/A</v>
      </c>
      <c r="E3179" t="e">
        <f t="shared" si="50"/>
        <v>#N/A</v>
      </c>
      <c r="F3179" t="str">
        <f>IF(C3179="CLAY", INDEX(D$4:D3179, MATCH("CLAY", C$4:C3179, 0)), "")</f>
        <v/>
      </c>
    </row>
    <row r="3180" spans="1:6" x14ac:dyDescent="0.2">
      <c r="A3180" s="239">
        <f>'CPT Data'!B3188</f>
        <v>31.757999999999999</v>
      </c>
      <c r="B3180" s="3">
        <f>'CPT Data'!C3188</f>
        <v>31.750999999999998</v>
      </c>
      <c r="C3180" t="str">
        <f>'CPT Data'!P3188</f>
        <v>SAND</v>
      </c>
      <c r="D3180" t="e">
        <f>'CPT Data'!Q3188</f>
        <v>#N/A</v>
      </c>
      <c r="E3180" t="e">
        <f t="shared" si="50"/>
        <v>#N/A</v>
      </c>
      <c r="F3180" t="str">
        <f>IF(C3180="CLAY", INDEX(D$4:D3180, MATCH("CLAY", C$4:C3180, 0)), "")</f>
        <v/>
      </c>
    </row>
    <row r="3181" spans="1:6" x14ac:dyDescent="0.2">
      <c r="A3181" s="239">
        <f>'CPT Data'!B3189</f>
        <v>31.768999999999998</v>
      </c>
      <c r="B3181" s="3">
        <f>'CPT Data'!C3189</f>
        <v>31.761999999999997</v>
      </c>
      <c r="C3181" t="str">
        <f>'CPT Data'!P3189</f>
        <v>SAND</v>
      </c>
      <c r="D3181" t="e">
        <f>'CPT Data'!Q3189</f>
        <v>#N/A</v>
      </c>
      <c r="E3181" t="e">
        <f t="shared" si="50"/>
        <v>#N/A</v>
      </c>
      <c r="F3181" t="str">
        <f>IF(C3181="CLAY", INDEX(D$4:D3181, MATCH("CLAY", C$4:C3181, 0)), "")</f>
        <v/>
      </c>
    </row>
    <row r="3182" spans="1:6" x14ac:dyDescent="0.2">
      <c r="A3182" s="239">
        <f>'CPT Data'!B3190</f>
        <v>31.777999999999999</v>
      </c>
      <c r="B3182" s="3">
        <f>'CPT Data'!C3190</f>
        <v>31.770999999999997</v>
      </c>
      <c r="C3182" t="str">
        <f>'CPT Data'!P3190</f>
        <v>SAND</v>
      </c>
      <c r="D3182" t="e">
        <f>'CPT Data'!Q3190</f>
        <v>#N/A</v>
      </c>
      <c r="E3182" t="e">
        <f t="shared" si="50"/>
        <v>#N/A</v>
      </c>
      <c r="F3182" t="str">
        <f>IF(C3182="CLAY", INDEX(D$4:D3182, MATCH("CLAY", C$4:C3182, 0)), "")</f>
        <v/>
      </c>
    </row>
    <row r="3183" spans="1:6" x14ac:dyDescent="0.2">
      <c r="A3183" s="239">
        <f>'CPT Data'!B3191</f>
        <v>31.788</v>
      </c>
      <c r="B3183" s="3">
        <f>'CPT Data'!C3191</f>
        <v>31.780999999999999</v>
      </c>
      <c r="C3183" t="str">
        <f>'CPT Data'!P3191</f>
        <v>SAND</v>
      </c>
      <c r="D3183" t="e">
        <f>'CPT Data'!Q3191</f>
        <v>#N/A</v>
      </c>
      <c r="E3183" t="e">
        <f t="shared" si="50"/>
        <v>#N/A</v>
      </c>
      <c r="F3183" t="str">
        <f>IF(C3183="CLAY", INDEX(D$4:D3183, MATCH("CLAY", C$4:C3183, 0)), "")</f>
        <v/>
      </c>
    </row>
    <row r="3184" spans="1:6" x14ac:dyDescent="0.2">
      <c r="A3184" s="239">
        <f>'CPT Data'!B3192</f>
        <v>31.797999999999998</v>
      </c>
      <c r="B3184" s="3">
        <f>'CPT Data'!C3192</f>
        <v>31.790999999999997</v>
      </c>
      <c r="C3184" t="str">
        <f>'CPT Data'!P3192</f>
        <v>SAND</v>
      </c>
      <c r="D3184" t="e">
        <f>'CPT Data'!Q3192</f>
        <v>#N/A</v>
      </c>
      <c r="E3184" t="e">
        <f t="shared" si="50"/>
        <v>#N/A</v>
      </c>
      <c r="F3184" t="str">
        <f>IF(C3184="CLAY", INDEX(D$4:D3184, MATCH("CLAY", C$4:C3184, 0)), "")</f>
        <v/>
      </c>
    </row>
    <row r="3185" spans="1:6" x14ac:dyDescent="0.2">
      <c r="A3185" s="239">
        <f>'CPT Data'!B3193</f>
        <v>31.806999999999999</v>
      </c>
      <c r="B3185" s="3">
        <f>'CPT Data'!C3193</f>
        <v>31.799999999999997</v>
      </c>
      <c r="C3185" t="str">
        <f>'CPT Data'!P3193</f>
        <v>SAND</v>
      </c>
      <c r="D3185" t="e">
        <f>'CPT Data'!Q3193</f>
        <v>#N/A</v>
      </c>
      <c r="E3185" t="e">
        <f t="shared" si="50"/>
        <v>#N/A</v>
      </c>
      <c r="F3185" t="str">
        <f>IF(C3185="CLAY", INDEX(D$4:D3185, MATCH("CLAY", C$4:C3185, 0)), "")</f>
        <v/>
      </c>
    </row>
    <row r="3186" spans="1:6" x14ac:dyDescent="0.2">
      <c r="A3186" s="239">
        <f>'CPT Data'!B3194</f>
        <v>31.818000000000001</v>
      </c>
      <c r="B3186" s="3">
        <f>'CPT Data'!C3194</f>
        <v>31.811</v>
      </c>
      <c r="C3186" t="str">
        <f>'CPT Data'!P3194</f>
        <v>CLAY</v>
      </c>
      <c r="D3186">
        <f>'CPT Data'!Q3194</f>
        <v>437.79556732412237</v>
      </c>
      <c r="E3186">
        <f t="shared" si="50"/>
        <v>437.79556732412237</v>
      </c>
      <c r="F3186">
        <f>IF(C3186="CLAY", INDEX(D$4:D3186, MATCH("CLAY", C$4:C3186, 0)), "")</f>
        <v>0.75203252561341039</v>
      </c>
    </row>
    <row r="3187" spans="1:6" x14ac:dyDescent="0.2">
      <c r="A3187" s="239">
        <f>'CPT Data'!B3195</f>
        <v>31.827999999999999</v>
      </c>
      <c r="B3187" s="3">
        <f>'CPT Data'!C3195</f>
        <v>31.820999999999998</v>
      </c>
      <c r="C3187" t="str">
        <f>'CPT Data'!P3195</f>
        <v>CLAY</v>
      </c>
      <c r="D3187">
        <f>'CPT Data'!Q3195</f>
        <v>429.77728991497833</v>
      </c>
      <c r="E3187">
        <f t="shared" si="50"/>
        <v>437.79556732412237</v>
      </c>
      <c r="F3187">
        <f>IF(C3187="CLAY", INDEX(D$4:D3187, MATCH("CLAY", C$4:C3187, 0)), "")</f>
        <v>0.75203252561341039</v>
      </c>
    </row>
    <row r="3188" spans="1:6" x14ac:dyDescent="0.2">
      <c r="A3188" s="239">
        <f>'CPT Data'!B3196</f>
        <v>31.837</v>
      </c>
      <c r="B3188" s="3">
        <f>'CPT Data'!C3196</f>
        <v>31.83</v>
      </c>
      <c r="C3188" t="str">
        <f>'CPT Data'!P3196</f>
        <v>CLAY</v>
      </c>
      <c r="D3188">
        <f>'CPT Data'!Q3196</f>
        <v>404.94764307627628</v>
      </c>
      <c r="E3188">
        <f t="shared" si="50"/>
        <v>429.77728991497833</v>
      </c>
      <c r="F3188">
        <f>IF(C3188="CLAY", INDEX(D$4:D3188, MATCH("CLAY", C$4:C3188, 0)), "")</f>
        <v>0.75203252561341039</v>
      </c>
    </row>
    <row r="3189" spans="1:6" x14ac:dyDescent="0.2">
      <c r="A3189" s="239">
        <f>'CPT Data'!B3197</f>
        <v>31.847000000000001</v>
      </c>
      <c r="B3189" s="3">
        <f>'CPT Data'!C3197</f>
        <v>31.84</v>
      </c>
      <c r="C3189" t="str">
        <f>'CPT Data'!P3197</f>
        <v>CLAY</v>
      </c>
      <c r="D3189">
        <f>'CPT Data'!Q3197</f>
        <v>389.15164323016671</v>
      </c>
      <c r="E3189">
        <f t="shared" si="50"/>
        <v>404.94764307627628</v>
      </c>
      <c r="F3189">
        <f>IF(C3189="CLAY", INDEX(D$4:D3189, MATCH("CLAY", C$4:C3189, 0)), "")</f>
        <v>0.75203252561341039</v>
      </c>
    </row>
    <row r="3190" spans="1:6" x14ac:dyDescent="0.2">
      <c r="A3190" s="239">
        <f>'CPT Data'!B3198</f>
        <v>31.856999999999999</v>
      </c>
      <c r="B3190" s="3">
        <f>'CPT Data'!C3198</f>
        <v>31.849999999999998</v>
      </c>
      <c r="C3190" t="str">
        <f>'CPT Data'!P3198</f>
        <v>CLAY</v>
      </c>
      <c r="D3190">
        <f>'CPT Data'!Q3198</f>
        <v>391.10609954818182</v>
      </c>
      <c r="E3190">
        <f t="shared" si="50"/>
        <v>389.15164323016671</v>
      </c>
      <c r="F3190">
        <f>IF(C3190="CLAY", INDEX(D$4:D3190, MATCH("CLAY", C$4:C3190, 0)), "")</f>
        <v>0.75203252561341039</v>
      </c>
    </row>
    <row r="3191" spans="1:6" x14ac:dyDescent="0.2">
      <c r="A3191" s="239">
        <f>'CPT Data'!B3199</f>
        <v>31.867000000000001</v>
      </c>
      <c r="B3191" s="3">
        <f>'CPT Data'!C3199</f>
        <v>31.86</v>
      </c>
      <c r="C3191" t="str">
        <f>'CPT Data'!P3199</f>
        <v>CLAY</v>
      </c>
      <c r="D3191">
        <f>'CPT Data'!Q3199</f>
        <v>390.62152986031191</v>
      </c>
      <c r="E3191">
        <f t="shared" si="50"/>
        <v>391.10609954818182</v>
      </c>
      <c r="F3191">
        <f>IF(C3191="CLAY", INDEX(D$4:D3191, MATCH("CLAY", C$4:C3191, 0)), "")</f>
        <v>0.75203252561341039</v>
      </c>
    </row>
    <row r="3192" spans="1:6" x14ac:dyDescent="0.2">
      <c r="A3192" s="239">
        <f>'CPT Data'!B3200</f>
        <v>31.876999999999999</v>
      </c>
      <c r="B3192" s="3">
        <f>'CPT Data'!C3200</f>
        <v>31.869999999999997</v>
      </c>
      <c r="C3192" t="str">
        <f>'CPT Data'!P3200</f>
        <v>CLAY</v>
      </c>
      <c r="D3192">
        <f>'CPT Data'!Q3200</f>
        <v>388.62671047569097</v>
      </c>
      <c r="E3192">
        <f t="shared" si="50"/>
        <v>390.62152986031191</v>
      </c>
      <c r="F3192">
        <f>IF(C3192="CLAY", INDEX(D$4:D3192, MATCH("CLAY", C$4:C3192, 0)), "")</f>
        <v>0.75203252561341039</v>
      </c>
    </row>
    <row r="3193" spans="1:6" x14ac:dyDescent="0.2">
      <c r="A3193" s="239">
        <f>'CPT Data'!B3201</f>
        <v>31.887</v>
      </c>
      <c r="B3193" s="3">
        <f>'CPT Data'!C3201</f>
        <v>31.88</v>
      </c>
      <c r="C3193" t="str">
        <f>'CPT Data'!P3201</f>
        <v>CLAY</v>
      </c>
      <c r="D3193">
        <f>'CPT Data'!Q3201</f>
        <v>395.02125137716342</v>
      </c>
      <c r="E3193">
        <f t="shared" si="50"/>
        <v>388.62671047569097</v>
      </c>
      <c r="F3193">
        <f>IF(C3193="CLAY", INDEX(D$4:D3193, MATCH("CLAY", C$4:C3193, 0)), "")</f>
        <v>0.75203252561341039</v>
      </c>
    </row>
    <row r="3194" spans="1:6" x14ac:dyDescent="0.2">
      <c r="A3194" s="239">
        <f>'CPT Data'!B3202</f>
        <v>31.896000000000001</v>
      </c>
      <c r="B3194" s="3">
        <f>'CPT Data'!C3202</f>
        <v>31.888999999999999</v>
      </c>
      <c r="C3194" t="str">
        <f>'CPT Data'!P3202</f>
        <v>CLAY</v>
      </c>
      <c r="D3194">
        <f>'CPT Data'!Q3202</f>
        <v>405.92968113659714</v>
      </c>
      <c r="E3194">
        <f t="shared" si="50"/>
        <v>395.02125137716342</v>
      </c>
      <c r="F3194">
        <f>IF(C3194="CLAY", INDEX(D$4:D3194, MATCH("CLAY", C$4:C3194, 0)), "")</f>
        <v>0.75203252561341039</v>
      </c>
    </row>
    <row r="3195" spans="1:6" x14ac:dyDescent="0.2">
      <c r="A3195" s="239">
        <f>'CPT Data'!B3203</f>
        <v>31.905999999999999</v>
      </c>
      <c r="B3195" s="3">
        <f>'CPT Data'!C3203</f>
        <v>31.898999999999997</v>
      </c>
      <c r="C3195" t="str">
        <f>'CPT Data'!P3203</f>
        <v>CLAY</v>
      </c>
      <c r="D3195">
        <f>'CPT Data'!Q3203</f>
        <v>425.03730301130309</v>
      </c>
      <c r="E3195">
        <f t="shared" si="50"/>
        <v>405.92968113659714</v>
      </c>
      <c r="F3195">
        <f>IF(C3195="CLAY", INDEX(D$4:D3195, MATCH("CLAY", C$4:C3195, 0)), "")</f>
        <v>0.75203252561341039</v>
      </c>
    </row>
    <row r="3196" spans="1:6" x14ac:dyDescent="0.2">
      <c r="A3196" s="239">
        <f>'CPT Data'!B3204</f>
        <v>31.914999999999999</v>
      </c>
      <c r="B3196" s="3">
        <f>'CPT Data'!C3204</f>
        <v>31.907999999999998</v>
      </c>
      <c r="C3196" t="str">
        <f>'CPT Data'!P3204</f>
        <v>CLAY</v>
      </c>
      <c r="D3196">
        <f>'CPT Data'!Q3204</f>
        <v>441.12197397042843</v>
      </c>
      <c r="E3196">
        <f t="shared" si="50"/>
        <v>425.03730301130309</v>
      </c>
      <c r="F3196">
        <f>IF(C3196="CLAY", INDEX(D$4:D3196, MATCH("CLAY", C$4:C3196, 0)), "")</f>
        <v>0.75203252561341039</v>
      </c>
    </row>
    <row r="3197" spans="1:6" x14ac:dyDescent="0.2">
      <c r="A3197" s="239">
        <f>'CPT Data'!B3205</f>
        <v>31.925999999999998</v>
      </c>
      <c r="B3197" s="3">
        <f>'CPT Data'!C3205</f>
        <v>31.918999999999997</v>
      </c>
      <c r="C3197" t="str">
        <f>'CPT Data'!P3205</f>
        <v>CLAY</v>
      </c>
      <c r="D3197">
        <f>'CPT Data'!Q3205</f>
        <v>452.8099945780055</v>
      </c>
      <c r="E3197">
        <f t="shared" si="50"/>
        <v>441.12197397042843</v>
      </c>
      <c r="F3197">
        <f>IF(C3197="CLAY", INDEX(D$4:D3197, MATCH("CLAY", C$4:C3197, 0)), "")</f>
        <v>0.75203252561341039</v>
      </c>
    </row>
    <row r="3198" spans="1:6" x14ac:dyDescent="0.2">
      <c r="A3198" s="239">
        <f>'CPT Data'!B3206</f>
        <v>31.936</v>
      </c>
      <c r="B3198" s="3">
        <f>'CPT Data'!C3206</f>
        <v>31.928999999999998</v>
      </c>
      <c r="C3198" t="str">
        <f>'CPT Data'!P3206</f>
        <v>CLAY</v>
      </c>
      <c r="D3198">
        <f>'CPT Data'!Q3206</f>
        <v>456.42333084739579</v>
      </c>
      <c r="E3198">
        <f t="shared" si="50"/>
        <v>452.8099945780055</v>
      </c>
      <c r="F3198">
        <f>IF(C3198="CLAY", INDEX(D$4:D3198, MATCH("CLAY", C$4:C3198, 0)), "")</f>
        <v>0.75203252561341039</v>
      </c>
    </row>
    <row r="3199" spans="1:6" x14ac:dyDescent="0.2">
      <c r="A3199" s="239">
        <f>'CPT Data'!B3207</f>
        <v>31.945</v>
      </c>
      <c r="B3199" s="3">
        <f>'CPT Data'!C3207</f>
        <v>31.937999999999999</v>
      </c>
      <c r="C3199" t="str">
        <f>'CPT Data'!P3207</f>
        <v>CLAY</v>
      </c>
      <c r="D3199">
        <f>'CPT Data'!Q3207</f>
        <v>458.19367519409826</v>
      </c>
      <c r="E3199">
        <f t="shared" si="50"/>
        <v>456.42333084739579</v>
      </c>
      <c r="F3199">
        <f>IF(C3199="CLAY", INDEX(D$4:D3199, MATCH("CLAY", C$4:C3199, 0)), "")</f>
        <v>0.75203252561341039</v>
      </c>
    </row>
    <row r="3200" spans="1:6" x14ac:dyDescent="0.2">
      <c r="A3200" s="239">
        <f>'CPT Data'!B3208</f>
        <v>31.954999999999998</v>
      </c>
      <c r="B3200" s="3">
        <f>'CPT Data'!C3208</f>
        <v>31.947999999999997</v>
      </c>
      <c r="C3200" t="str">
        <f>'CPT Data'!P3208</f>
        <v>CLAY</v>
      </c>
      <c r="D3200">
        <f>'CPT Data'!Q3208</f>
        <v>457.69713643140199</v>
      </c>
      <c r="E3200">
        <f t="shared" si="50"/>
        <v>458.19367519409826</v>
      </c>
      <c r="F3200">
        <f>IF(C3200="CLAY", INDEX(D$4:D3200, MATCH("CLAY", C$4:C3200, 0)), "")</f>
        <v>0.75203252561341039</v>
      </c>
    </row>
    <row r="3201" spans="1:6" x14ac:dyDescent="0.2">
      <c r="A3201" s="239">
        <f>'CPT Data'!B3209</f>
        <v>31.966000000000001</v>
      </c>
      <c r="B3201" s="3">
        <f>'CPT Data'!C3209</f>
        <v>31.959</v>
      </c>
      <c r="C3201" t="str">
        <f>'CPT Data'!P3209</f>
        <v>CLAY</v>
      </c>
      <c r="D3201">
        <f>'CPT Data'!Q3209</f>
        <v>465.66676091826434</v>
      </c>
      <c r="E3201">
        <f t="shared" si="50"/>
        <v>457.69713643140199</v>
      </c>
      <c r="F3201">
        <f>IF(C3201="CLAY", INDEX(D$4:D3201, MATCH("CLAY", C$4:C3201, 0)), "")</f>
        <v>0.75203252561341039</v>
      </c>
    </row>
    <row r="3202" spans="1:6" x14ac:dyDescent="0.2">
      <c r="A3202" s="239">
        <f>'CPT Data'!B3210</f>
        <v>31.975000000000001</v>
      </c>
      <c r="B3202" s="3">
        <f>'CPT Data'!C3210</f>
        <v>31.968</v>
      </c>
      <c r="C3202" t="str">
        <f>'CPT Data'!P3210</f>
        <v>CLAY</v>
      </c>
      <c r="D3202">
        <f>'CPT Data'!Q3210</f>
        <v>479.09381224473941</v>
      </c>
      <c r="E3202">
        <f t="shared" si="50"/>
        <v>465.66676091826434</v>
      </c>
      <c r="F3202">
        <f>IF(C3202="CLAY", INDEX(D$4:D3202, MATCH("CLAY", C$4:C3202, 0)), "")</f>
        <v>0.75203252561341039</v>
      </c>
    </row>
    <row r="3203" spans="1:6" x14ac:dyDescent="0.2">
      <c r="A3203" s="239">
        <f>'CPT Data'!B3211</f>
        <v>31.986000000000001</v>
      </c>
      <c r="B3203" s="3">
        <f>'CPT Data'!C3211</f>
        <v>31.978999999999999</v>
      </c>
      <c r="C3203" t="str">
        <f>'CPT Data'!P3211</f>
        <v>SAND</v>
      </c>
      <c r="D3203" t="e">
        <f>'CPT Data'!Q3211</f>
        <v>#N/A</v>
      </c>
      <c r="E3203" t="e">
        <f t="shared" si="50"/>
        <v>#N/A</v>
      </c>
      <c r="F3203" t="str">
        <f>IF(C3203="CLAY", INDEX(D$4:D3203, MATCH("CLAY", C$4:C3203, 0)), "")</f>
        <v/>
      </c>
    </row>
    <row r="3204" spans="1:6" x14ac:dyDescent="0.2">
      <c r="A3204" s="239">
        <f>'CPT Data'!B3212</f>
        <v>31.995000000000001</v>
      </c>
      <c r="B3204" s="3">
        <f>'CPT Data'!C3212</f>
        <v>31.988</v>
      </c>
      <c r="C3204" t="str">
        <f>'CPT Data'!P3212</f>
        <v>SAND</v>
      </c>
      <c r="D3204" t="e">
        <f>'CPT Data'!Q3212</f>
        <v>#N/A</v>
      </c>
      <c r="E3204" t="e">
        <f t="shared" si="50"/>
        <v>#N/A</v>
      </c>
      <c r="F3204" t="str">
        <f>IF(C3204="CLAY", INDEX(D$4:D3204, MATCH("CLAY", C$4:C3204, 0)), "")</f>
        <v/>
      </c>
    </row>
    <row r="3205" spans="1:6" x14ac:dyDescent="0.2">
      <c r="A3205" s="239">
        <f>'CPT Data'!B3213</f>
        <v>32.005000000000003</v>
      </c>
      <c r="B3205" s="3">
        <f>'CPT Data'!C3213</f>
        <v>31.998000000000001</v>
      </c>
      <c r="C3205" t="str">
        <f>'CPT Data'!P3213</f>
        <v>SAND</v>
      </c>
      <c r="D3205" t="e">
        <f>'CPT Data'!Q3213</f>
        <v>#N/A</v>
      </c>
      <c r="E3205" t="e">
        <f t="shared" si="50"/>
        <v>#N/A</v>
      </c>
      <c r="F3205" t="str">
        <f>IF(C3205="CLAY", INDEX(D$4:D3205, MATCH("CLAY", C$4:C3205, 0)), "")</f>
        <v/>
      </c>
    </row>
    <row r="3206" spans="1:6" x14ac:dyDescent="0.2">
      <c r="A3206" s="239">
        <f>'CPT Data'!B3214</f>
        <v>32.015000000000001</v>
      </c>
      <c r="B3206" s="3">
        <f>'CPT Data'!C3214</f>
        <v>32.008000000000003</v>
      </c>
      <c r="C3206" t="str">
        <f>'CPT Data'!P3214</f>
        <v>SAND</v>
      </c>
      <c r="D3206" t="e">
        <f>'CPT Data'!Q3214</f>
        <v>#N/A</v>
      </c>
      <c r="E3206" t="e">
        <f t="shared" si="50"/>
        <v>#N/A</v>
      </c>
      <c r="F3206" t="str">
        <f>IF(C3206="CLAY", INDEX(D$4:D3206, MATCH("CLAY", C$4:C3206, 0)), "")</f>
        <v/>
      </c>
    </row>
    <row r="3207" spans="1:6" x14ac:dyDescent="0.2">
      <c r="A3207" s="239">
        <f>'CPT Data'!B3215</f>
        <v>32.024000000000001</v>
      </c>
      <c r="B3207" s="3">
        <f>'CPT Data'!C3215</f>
        <v>32.017000000000003</v>
      </c>
      <c r="C3207" t="str">
        <f>'CPT Data'!P3215</f>
        <v>SAND</v>
      </c>
      <c r="D3207" t="e">
        <f>'CPT Data'!Q3215</f>
        <v>#N/A</v>
      </c>
      <c r="E3207" t="e">
        <f t="shared" si="50"/>
        <v>#N/A</v>
      </c>
      <c r="F3207" t="str">
        <f>IF(C3207="CLAY", INDEX(D$4:D3207, MATCH("CLAY", C$4:C3207, 0)), "")</f>
        <v/>
      </c>
    </row>
    <row r="3208" spans="1:6" x14ac:dyDescent="0.2">
      <c r="A3208" s="239">
        <f>'CPT Data'!B3216</f>
        <v>32.034999999999997</v>
      </c>
      <c r="B3208" s="3">
        <f>'CPT Data'!C3216</f>
        <v>32.027999999999999</v>
      </c>
      <c r="C3208" t="str">
        <f>'CPT Data'!P3216</f>
        <v>SAND</v>
      </c>
      <c r="D3208" t="e">
        <f>'CPT Data'!Q3216</f>
        <v>#N/A</v>
      </c>
      <c r="E3208" t="e">
        <f t="shared" si="50"/>
        <v>#N/A</v>
      </c>
      <c r="F3208" t="str">
        <f>IF(C3208="CLAY", INDEX(D$4:D3208, MATCH("CLAY", C$4:C3208, 0)), "")</f>
        <v/>
      </c>
    </row>
    <row r="3209" spans="1:6" x14ac:dyDescent="0.2">
      <c r="A3209" s="239">
        <f>'CPT Data'!B3217</f>
        <v>32.043999999999997</v>
      </c>
      <c r="B3209" s="3">
        <f>'CPT Data'!C3217</f>
        <v>32.036999999999999</v>
      </c>
      <c r="C3209" t="str">
        <f>'CPT Data'!P3217</f>
        <v>SAND</v>
      </c>
      <c r="D3209" t="e">
        <f>'CPT Data'!Q3217</f>
        <v>#N/A</v>
      </c>
      <c r="E3209" t="e">
        <f t="shared" si="50"/>
        <v>#N/A</v>
      </c>
      <c r="F3209" t="str">
        <f>IF(C3209="CLAY", INDEX(D$4:D3209, MATCH("CLAY", C$4:C3209, 0)), "")</f>
        <v/>
      </c>
    </row>
    <row r="3210" spans="1:6" x14ac:dyDescent="0.2">
      <c r="A3210" s="239">
        <f>'CPT Data'!B3218</f>
        <v>32.052999999999997</v>
      </c>
      <c r="B3210" s="3">
        <f>'CPT Data'!C3218</f>
        <v>32.045999999999999</v>
      </c>
      <c r="C3210" t="str">
        <f>'CPT Data'!P3218</f>
        <v>SAND</v>
      </c>
      <c r="D3210" t="e">
        <f>'CPT Data'!Q3218</f>
        <v>#N/A</v>
      </c>
      <c r="E3210" t="e">
        <f t="shared" si="50"/>
        <v>#N/A</v>
      </c>
      <c r="F3210" t="str">
        <f>IF(C3210="CLAY", INDEX(D$4:D3210, MATCH("CLAY", C$4:C3210, 0)), "")</f>
        <v/>
      </c>
    </row>
    <row r="3211" spans="1:6" x14ac:dyDescent="0.2">
      <c r="A3211" s="239">
        <f>'CPT Data'!B3219</f>
        <v>32.064</v>
      </c>
      <c r="B3211" s="3">
        <f>'CPT Data'!C3219</f>
        <v>32.057000000000002</v>
      </c>
      <c r="C3211" t="str">
        <f>'CPT Data'!P3219</f>
        <v>SAND</v>
      </c>
      <c r="D3211" t="e">
        <f>'CPT Data'!Q3219</f>
        <v>#N/A</v>
      </c>
      <c r="E3211" t="e">
        <f t="shared" si="50"/>
        <v>#N/A</v>
      </c>
      <c r="F3211" t="str">
        <f>IF(C3211="CLAY", INDEX(D$4:D3211, MATCH("CLAY", C$4:C3211, 0)), "")</f>
        <v/>
      </c>
    </row>
    <row r="3212" spans="1:6" x14ac:dyDescent="0.2">
      <c r="A3212" s="239">
        <f>'CPT Data'!B3220</f>
        <v>32.073</v>
      </c>
      <c r="B3212" s="3">
        <f>'CPT Data'!C3220</f>
        <v>32.066000000000003</v>
      </c>
      <c r="C3212" t="str">
        <f>'CPT Data'!P3220</f>
        <v>SAND</v>
      </c>
      <c r="D3212" t="e">
        <f>'CPT Data'!Q3220</f>
        <v>#N/A</v>
      </c>
      <c r="E3212" t="e">
        <f t="shared" si="50"/>
        <v>#N/A</v>
      </c>
      <c r="F3212" t="str">
        <f>IF(C3212="CLAY", INDEX(D$4:D3212, MATCH("CLAY", C$4:C3212, 0)), "")</f>
        <v/>
      </c>
    </row>
    <row r="3213" spans="1:6" x14ac:dyDescent="0.2">
      <c r="A3213" s="239">
        <f>'CPT Data'!B3221</f>
        <v>32.082999999999998</v>
      </c>
      <c r="B3213" s="3">
        <f>'CPT Data'!C3221</f>
        <v>32.076000000000001</v>
      </c>
      <c r="C3213" t="str">
        <f>'CPT Data'!P3221</f>
        <v>SAND</v>
      </c>
      <c r="D3213" t="e">
        <f>'CPT Data'!Q3221</f>
        <v>#N/A</v>
      </c>
      <c r="E3213" t="e">
        <f t="shared" si="50"/>
        <v>#N/A</v>
      </c>
      <c r="F3213" t="str">
        <f>IF(C3213="CLAY", INDEX(D$4:D3213, MATCH("CLAY", C$4:C3213, 0)), "")</f>
        <v/>
      </c>
    </row>
    <row r="3214" spans="1:6" x14ac:dyDescent="0.2">
      <c r="A3214" s="239">
        <f>'CPT Data'!B3222</f>
        <v>32.091999999999999</v>
      </c>
      <c r="B3214" s="3">
        <f>'CPT Data'!C3222</f>
        <v>32.085000000000001</v>
      </c>
      <c r="C3214" t="str">
        <f>'CPT Data'!P3222</f>
        <v>SAND</v>
      </c>
      <c r="D3214" t="e">
        <f>'CPT Data'!Q3222</f>
        <v>#N/A</v>
      </c>
      <c r="E3214" t="e">
        <f t="shared" si="50"/>
        <v>#N/A</v>
      </c>
      <c r="F3214" t="str">
        <f>IF(C3214="CLAY", INDEX(D$4:D3214, MATCH("CLAY", C$4:C3214, 0)), "")</f>
        <v/>
      </c>
    </row>
    <row r="3215" spans="1:6" x14ac:dyDescent="0.2">
      <c r="A3215" s="239">
        <f>'CPT Data'!B3223</f>
        <v>32.103000000000002</v>
      </c>
      <c r="B3215" s="3">
        <f>'CPT Data'!C3223</f>
        <v>32.096000000000004</v>
      </c>
      <c r="C3215" t="str">
        <f>'CPT Data'!P3223</f>
        <v>SAND</v>
      </c>
      <c r="D3215" t="e">
        <f>'CPT Data'!Q3223</f>
        <v>#N/A</v>
      </c>
      <c r="E3215" t="e">
        <f t="shared" si="50"/>
        <v>#N/A</v>
      </c>
      <c r="F3215" t="str">
        <f>IF(C3215="CLAY", INDEX(D$4:D3215, MATCH("CLAY", C$4:C3215, 0)), "")</f>
        <v/>
      </c>
    </row>
    <row r="3216" spans="1:6" x14ac:dyDescent="0.2">
      <c r="A3216" s="239">
        <f>'CPT Data'!B3224</f>
        <v>32.112000000000002</v>
      </c>
      <c r="B3216" s="3">
        <f>'CPT Data'!C3224</f>
        <v>32.105000000000004</v>
      </c>
      <c r="C3216" t="str">
        <f>'CPT Data'!P3224</f>
        <v>CLAY</v>
      </c>
      <c r="D3216">
        <f>'CPT Data'!Q3224</f>
        <v>321.66388458417481</v>
      </c>
      <c r="E3216">
        <f t="shared" si="50"/>
        <v>321.66388458417481</v>
      </c>
      <c r="F3216">
        <f>IF(C3216="CLAY", INDEX(D$4:D3216, MATCH("CLAY", C$4:C3216, 0)), "")</f>
        <v>0.75203252561341039</v>
      </c>
    </row>
    <row r="3217" spans="1:6" x14ac:dyDescent="0.2">
      <c r="A3217" s="239">
        <f>'CPT Data'!B3225</f>
        <v>32.122</v>
      </c>
      <c r="B3217" s="3">
        <f>'CPT Data'!C3225</f>
        <v>32.115000000000002</v>
      </c>
      <c r="C3217" t="str">
        <f>'CPT Data'!P3225</f>
        <v>CLAY</v>
      </c>
      <c r="D3217">
        <f>'CPT Data'!Q3225</f>
        <v>300.27659412934622</v>
      </c>
      <c r="E3217">
        <f t="shared" si="50"/>
        <v>321.66388458417481</v>
      </c>
      <c r="F3217">
        <f>IF(C3217="CLAY", INDEX(D$4:D3217, MATCH("CLAY", C$4:C3217, 0)), "")</f>
        <v>0.75203252561341039</v>
      </c>
    </row>
    <row r="3218" spans="1:6" x14ac:dyDescent="0.2">
      <c r="A3218" s="239">
        <f>'CPT Data'!B3226</f>
        <v>32.133000000000003</v>
      </c>
      <c r="B3218" s="3">
        <f>'CPT Data'!C3226</f>
        <v>32.126000000000005</v>
      </c>
      <c r="C3218" t="str">
        <f>'CPT Data'!P3226</f>
        <v>CLAY</v>
      </c>
      <c r="D3218">
        <f>'CPT Data'!Q3226</f>
        <v>286.14165974174983</v>
      </c>
      <c r="E3218">
        <f t="shared" si="50"/>
        <v>300.27659412934622</v>
      </c>
      <c r="F3218">
        <f>IF(C3218="CLAY", INDEX(D$4:D3218, MATCH("CLAY", C$4:C3218, 0)), "")</f>
        <v>0.75203252561341039</v>
      </c>
    </row>
    <row r="3219" spans="1:6" x14ac:dyDescent="0.2">
      <c r="A3219" s="239">
        <f>'CPT Data'!B3227</f>
        <v>32.143000000000001</v>
      </c>
      <c r="B3219" s="3">
        <f>'CPT Data'!C3227</f>
        <v>32.136000000000003</v>
      </c>
      <c r="C3219" t="str">
        <f>'CPT Data'!P3227</f>
        <v>CLAY</v>
      </c>
      <c r="D3219">
        <f>'CPT Data'!Q3227</f>
        <v>272.55320011553084</v>
      </c>
      <c r="E3219">
        <f t="shared" si="50"/>
        <v>286.14165974174983</v>
      </c>
      <c r="F3219">
        <f>IF(C3219="CLAY", INDEX(D$4:D3219, MATCH("CLAY", C$4:C3219, 0)), "")</f>
        <v>0.75203252561341039</v>
      </c>
    </row>
    <row r="3220" spans="1:6" x14ac:dyDescent="0.2">
      <c r="A3220" s="239">
        <f>'CPT Data'!B3228</f>
        <v>32.152000000000001</v>
      </c>
      <c r="B3220" s="3">
        <f>'CPT Data'!C3228</f>
        <v>32.145000000000003</v>
      </c>
      <c r="C3220" t="str">
        <f>'CPT Data'!P3228</f>
        <v>CLAY</v>
      </c>
      <c r="D3220">
        <f>'CPT Data'!Q3228</f>
        <v>255.48854724671477</v>
      </c>
      <c r="E3220">
        <f t="shared" si="50"/>
        <v>272.55320011553084</v>
      </c>
      <c r="F3220">
        <f>IF(C3220="CLAY", INDEX(D$4:D3220, MATCH("CLAY", C$4:C3220, 0)), "")</f>
        <v>0.75203252561341039</v>
      </c>
    </row>
    <row r="3221" spans="1:6" x14ac:dyDescent="0.2">
      <c r="A3221" s="239">
        <f>'CPT Data'!B3229</f>
        <v>32.161999999999999</v>
      </c>
      <c r="B3221" s="3">
        <f>'CPT Data'!C3229</f>
        <v>32.155000000000001</v>
      </c>
      <c r="C3221" t="str">
        <f>'CPT Data'!P3229</f>
        <v>CLAY</v>
      </c>
      <c r="D3221">
        <f>'CPT Data'!Q3229</f>
        <v>241.19170834126308</v>
      </c>
      <c r="E3221">
        <f t="shared" si="50"/>
        <v>255.48854724671477</v>
      </c>
      <c r="F3221">
        <f>IF(C3221="CLAY", INDEX(D$4:D3221, MATCH("CLAY", C$4:C3221, 0)), "")</f>
        <v>0.75203252561341039</v>
      </c>
    </row>
    <row r="3222" spans="1:6" x14ac:dyDescent="0.2">
      <c r="A3222" s="239">
        <f>'CPT Data'!B3230</f>
        <v>32.171999999999997</v>
      </c>
      <c r="B3222" s="3">
        <f>'CPT Data'!C3230</f>
        <v>32.164999999999999</v>
      </c>
      <c r="C3222" t="str">
        <f>'CPT Data'!P3230</f>
        <v>CLAY</v>
      </c>
      <c r="D3222">
        <f>'CPT Data'!Q3230</f>
        <v>245.41870550657339</v>
      </c>
      <c r="E3222">
        <f t="shared" si="50"/>
        <v>241.19170834126308</v>
      </c>
      <c r="F3222">
        <f>IF(C3222="CLAY", INDEX(D$4:D3222, MATCH("CLAY", C$4:C3222, 0)), "")</f>
        <v>0.75203252561341039</v>
      </c>
    </row>
    <row r="3223" spans="1:6" x14ac:dyDescent="0.2">
      <c r="A3223" s="239">
        <f>'CPT Data'!B3231</f>
        <v>32.182000000000002</v>
      </c>
      <c r="B3223" s="3">
        <f>'CPT Data'!C3231</f>
        <v>32.175000000000004</v>
      </c>
      <c r="C3223" t="str">
        <f>'CPT Data'!P3231</f>
        <v>CLAY</v>
      </c>
      <c r="D3223">
        <f>'CPT Data'!Q3231</f>
        <v>246.66535313480324</v>
      </c>
      <c r="E3223">
        <f t="shared" si="50"/>
        <v>245.41870550657339</v>
      </c>
      <c r="F3223">
        <f>IF(C3223="CLAY", INDEX(D$4:D3223, MATCH("CLAY", C$4:C3223, 0)), "")</f>
        <v>0.75203252561341039</v>
      </c>
    </row>
    <row r="3224" spans="1:6" x14ac:dyDescent="0.2">
      <c r="A3224" s="239">
        <f>'CPT Data'!B3232</f>
        <v>32.192</v>
      </c>
      <c r="B3224" s="3">
        <f>'CPT Data'!C3232</f>
        <v>32.185000000000002</v>
      </c>
      <c r="C3224" t="str">
        <f>'CPT Data'!P3232</f>
        <v>CLAY</v>
      </c>
      <c r="D3224">
        <f>'CPT Data'!Q3232</f>
        <v>250.22950101147839</v>
      </c>
      <c r="E3224">
        <f t="shared" si="50"/>
        <v>246.66535313480324</v>
      </c>
      <c r="F3224">
        <f>IF(C3224="CLAY", INDEX(D$4:D3224, MATCH("CLAY", C$4:C3224, 0)), "")</f>
        <v>0.75203252561341039</v>
      </c>
    </row>
    <row r="3225" spans="1:6" x14ac:dyDescent="0.2">
      <c r="A3225" s="239">
        <f>'CPT Data'!B3233</f>
        <v>32.201999999999998</v>
      </c>
      <c r="B3225" s="3">
        <f>'CPT Data'!C3233</f>
        <v>32.195</v>
      </c>
      <c r="C3225" t="str">
        <f>'CPT Data'!P3233</f>
        <v>CLAY</v>
      </c>
      <c r="D3225">
        <f>'CPT Data'!Q3233</f>
        <v>251.88429357675798</v>
      </c>
      <c r="E3225">
        <f t="shared" si="50"/>
        <v>250.22950101147839</v>
      </c>
      <c r="F3225">
        <f>IF(C3225="CLAY", INDEX(D$4:D3225, MATCH("CLAY", C$4:C3225, 0)), "")</f>
        <v>0.75203252561341039</v>
      </c>
    </row>
    <row r="3226" spans="1:6" x14ac:dyDescent="0.2">
      <c r="A3226" s="239">
        <f>'CPT Data'!B3234</f>
        <v>32.212000000000003</v>
      </c>
      <c r="B3226" s="3">
        <f>'CPT Data'!C3234</f>
        <v>32.205000000000005</v>
      </c>
      <c r="C3226" t="str">
        <f>'CPT Data'!P3234</f>
        <v>CLAY</v>
      </c>
      <c r="D3226">
        <f>'CPT Data'!Q3234</f>
        <v>252.30911736762201</v>
      </c>
      <c r="E3226">
        <f t="shared" si="50"/>
        <v>251.88429357675798</v>
      </c>
      <c r="F3226">
        <f>IF(C3226="CLAY", INDEX(D$4:D3226, MATCH("CLAY", C$4:C3226, 0)), "")</f>
        <v>0.75203252561341039</v>
      </c>
    </row>
    <row r="3227" spans="1:6" x14ac:dyDescent="0.2">
      <c r="A3227" s="239">
        <f>'CPT Data'!B3235</f>
        <v>32.222000000000001</v>
      </c>
      <c r="B3227" s="3">
        <f>'CPT Data'!C3235</f>
        <v>32.215000000000003</v>
      </c>
      <c r="C3227" t="str">
        <f>'CPT Data'!P3235</f>
        <v>CLAY</v>
      </c>
      <c r="D3227">
        <f>'CPT Data'!Q3235</f>
        <v>250.07920316651135</v>
      </c>
      <c r="E3227">
        <f t="shared" ref="E3227:E3290" si="51">IF(C3227="SAND",#N/A,IF(C3227=C3226,D3226,IF(C3227="CLAY",D3227,#N/A)))</f>
        <v>252.30911736762201</v>
      </c>
      <c r="F3227">
        <f>IF(C3227="CLAY", INDEX(D$4:D3227, MATCH("CLAY", C$4:C3227, 0)), "")</f>
        <v>0.75203252561341039</v>
      </c>
    </row>
    <row r="3228" spans="1:6" x14ac:dyDescent="0.2">
      <c r="A3228" s="239">
        <f>'CPT Data'!B3236</f>
        <v>32.231000000000002</v>
      </c>
      <c r="B3228" s="3">
        <f>'CPT Data'!C3236</f>
        <v>32.224000000000004</v>
      </c>
      <c r="C3228" t="str">
        <f>'CPT Data'!P3236</f>
        <v>CLAY</v>
      </c>
      <c r="D3228">
        <f>'CPT Data'!Q3236</f>
        <v>259.84976193432504</v>
      </c>
      <c r="E3228">
        <f t="shared" si="51"/>
        <v>250.07920316651135</v>
      </c>
      <c r="F3228">
        <f>IF(C3228="CLAY", INDEX(D$4:D3228, MATCH("CLAY", C$4:C3228, 0)), "")</f>
        <v>0.75203252561341039</v>
      </c>
    </row>
    <row r="3229" spans="1:6" x14ac:dyDescent="0.2">
      <c r="A3229" s="239">
        <f>'CPT Data'!B3237</f>
        <v>32.241</v>
      </c>
      <c r="B3229" s="3">
        <f>'CPT Data'!C3237</f>
        <v>32.234000000000002</v>
      </c>
      <c r="C3229" t="str">
        <f>'CPT Data'!P3237</f>
        <v>CLAY</v>
      </c>
      <c r="D3229">
        <f>'CPT Data'!Q3237</f>
        <v>265.69490006888083</v>
      </c>
      <c r="E3229">
        <f t="shared" si="51"/>
        <v>259.84976193432504</v>
      </c>
      <c r="F3229">
        <f>IF(C3229="CLAY", INDEX(D$4:D3229, MATCH("CLAY", C$4:C3229, 0)), "")</f>
        <v>0.75203252561341039</v>
      </c>
    </row>
    <row r="3230" spans="1:6" x14ac:dyDescent="0.2">
      <c r="A3230" s="239">
        <f>'CPT Data'!B3238</f>
        <v>32.252000000000002</v>
      </c>
      <c r="B3230" s="3">
        <f>'CPT Data'!C3238</f>
        <v>32.245000000000005</v>
      </c>
      <c r="C3230" t="str">
        <f>'CPT Data'!P3238</f>
        <v>CLAY</v>
      </c>
      <c r="D3230">
        <f>'CPT Data'!Q3238</f>
        <v>263.57065254617993</v>
      </c>
      <c r="E3230">
        <f t="shared" si="51"/>
        <v>265.69490006888083</v>
      </c>
      <c r="F3230">
        <f>IF(C3230="CLAY", INDEX(D$4:D3230, MATCH("CLAY", C$4:C3230, 0)), "")</f>
        <v>0.75203252561341039</v>
      </c>
    </row>
    <row r="3231" spans="1:6" x14ac:dyDescent="0.2">
      <c r="A3231" s="239">
        <f>'CPT Data'!B3239</f>
        <v>32.261000000000003</v>
      </c>
      <c r="B3231" s="3">
        <f>'CPT Data'!C3239</f>
        <v>32.254000000000005</v>
      </c>
      <c r="C3231" t="str">
        <f>'CPT Data'!P3239</f>
        <v>CLAY</v>
      </c>
      <c r="D3231">
        <f>'CPT Data'!Q3239</f>
        <v>262.69041671481949</v>
      </c>
      <c r="E3231">
        <f t="shared" si="51"/>
        <v>263.57065254617993</v>
      </c>
      <c r="F3231">
        <f>IF(C3231="CLAY", INDEX(D$4:D3231, MATCH("CLAY", C$4:C3231, 0)), "")</f>
        <v>0.75203252561341039</v>
      </c>
    </row>
    <row r="3232" spans="1:6" x14ac:dyDescent="0.2">
      <c r="A3232" s="239">
        <f>'CPT Data'!B3240</f>
        <v>32.270000000000003</v>
      </c>
      <c r="B3232" s="3">
        <f>'CPT Data'!C3240</f>
        <v>32.263000000000005</v>
      </c>
      <c r="C3232" t="str">
        <f>'CPT Data'!P3240</f>
        <v>CLAY</v>
      </c>
      <c r="D3232">
        <f>'CPT Data'!Q3240</f>
        <v>262.34456803535841</v>
      </c>
      <c r="E3232">
        <f t="shared" si="51"/>
        <v>262.69041671481949</v>
      </c>
      <c r="F3232">
        <f>IF(C3232="CLAY", INDEX(D$4:D3232, MATCH("CLAY", C$4:C3232, 0)), "")</f>
        <v>0.75203252561341039</v>
      </c>
    </row>
    <row r="3233" spans="1:6" x14ac:dyDescent="0.2">
      <c r="A3233" s="239">
        <f>'CPT Data'!B3241</f>
        <v>32.28</v>
      </c>
      <c r="B3233" s="3">
        <f>'CPT Data'!C3241</f>
        <v>32.273000000000003</v>
      </c>
      <c r="C3233" t="str">
        <f>'CPT Data'!P3241</f>
        <v>CLAY</v>
      </c>
      <c r="D3233">
        <f>'CPT Data'!Q3241</f>
        <v>262.18916007738773</v>
      </c>
      <c r="E3233">
        <f t="shared" si="51"/>
        <v>262.34456803535841</v>
      </c>
      <c r="F3233">
        <f>IF(C3233="CLAY", INDEX(D$4:D3233, MATCH("CLAY", C$4:C3233, 0)), "")</f>
        <v>0.75203252561341039</v>
      </c>
    </row>
    <row r="3234" spans="1:6" x14ac:dyDescent="0.2">
      <c r="A3234" s="239">
        <f>'CPT Data'!B3242</f>
        <v>32.29</v>
      </c>
      <c r="B3234" s="3">
        <f>'CPT Data'!C3242</f>
        <v>32.283000000000001</v>
      </c>
      <c r="C3234" t="str">
        <f>'CPT Data'!P3242</f>
        <v>CLAY</v>
      </c>
      <c r="D3234">
        <f>'CPT Data'!Q3242</f>
        <v>261.14418510063803</v>
      </c>
      <c r="E3234">
        <f t="shared" si="51"/>
        <v>262.18916007738773</v>
      </c>
      <c r="F3234">
        <f>IF(C3234="CLAY", INDEX(D$4:D3234, MATCH("CLAY", C$4:C3234, 0)), "")</f>
        <v>0.75203252561341039</v>
      </c>
    </row>
    <row r="3235" spans="1:6" x14ac:dyDescent="0.2">
      <c r="A3235" s="239">
        <f>'CPT Data'!B3243</f>
        <v>32.298999999999999</v>
      </c>
      <c r="B3235" s="3">
        <f>'CPT Data'!C3243</f>
        <v>32.292000000000002</v>
      </c>
      <c r="C3235" t="str">
        <f>'CPT Data'!P3243</f>
        <v>CLAY</v>
      </c>
      <c r="D3235">
        <f>'CPT Data'!Q3243</f>
        <v>260.54100026904223</v>
      </c>
      <c r="E3235">
        <f t="shared" si="51"/>
        <v>261.14418510063803</v>
      </c>
      <c r="F3235">
        <f>IF(C3235="CLAY", INDEX(D$4:D3235, MATCH("CLAY", C$4:C3235, 0)), "")</f>
        <v>0.75203252561341039</v>
      </c>
    </row>
    <row r="3236" spans="1:6" x14ac:dyDescent="0.2">
      <c r="A3236" s="239">
        <f>'CPT Data'!B3244</f>
        <v>32.31</v>
      </c>
      <c r="B3236" s="3">
        <f>'CPT Data'!C3244</f>
        <v>32.303000000000004</v>
      </c>
      <c r="C3236" t="str">
        <f>'CPT Data'!P3244</f>
        <v>CLAY</v>
      </c>
      <c r="D3236">
        <f>'CPT Data'!Q3244</f>
        <v>262.3386108062117</v>
      </c>
      <c r="E3236">
        <f t="shared" si="51"/>
        <v>260.54100026904223</v>
      </c>
      <c r="F3236">
        <f>IF(C3236="CLAY", INDEX(D$4:D3236, MATCH("CLAY", C$4:C3236, 0)), "")</f>
        <v>0.75203252561341039</v>
      </c>
    </row>
    <row r="3237" spans="1:6" x14ac:dyDescent="0.2">
      <c r="A3237" s="239">
        <f>'CPT Data'!B3245</f>
        <v>32.32</v>
      </c>
      <c r="B3237" s="3">
        <f>'CPT Data'!C3245</f>
        <v>32.313000000000002</v>
      </c>
      <c r="C3237" t="str">
        <f>'CPT Data'!P3245</f>
        <v>CLAY</v>
      </c>
      <c r="D3237">
        <f>'CPT Data'!Q3245</f>
        <v>262.14887793863841</v>
      </c>
      <c r="E3237">
        <f t="shared" si="51"/>
        <v>262.3386108062117</v>
      </c>
      <c r="F3237">
        <f>IF(C3237="CLAY", INDEX(D$4:D3237, MATCH("CLAY", C$4:C3237, 0)), "")</f>
        <v>0.75203252561341039</v>
      </c>
    </row>
    <row r="3238" spans="1:6" x14ac:dyDescent="0.2">
      <c r="A3238" s="239">
        <f>'CPT Data'!B3246</f>
        <v>32.33</v>
      </c>
      <c r="B3238" s="3">
        <f>'CPT Data'!C3246</f>
        <v>32.323</v>
      </c>
      <c r="C3238" t="str">
        <f>'CPT Data'!P3246</f>
        <v>CLAY</v>
      </c>
      <c r="D3238">
        <f>'CPT Data'!Q3246</f>
        <v>265.75237109386916</v>
      </c>
      <c r="E3238">
        <f t="shared" si="51"/>
        <v>262.14887793863841</v>
      </c>
      <c r="F3238">
        <f>IF(C3238="CLAY", INDEX(D$4:D3238, MATCH("CLAY", C$4:C3238, 0)), "")</f>
        <v>0.75203252561341039</v>
      </c>
    </row>
    <row r="3239" spans="1:6" x14ac:dyDescent="0.2">
      <c r="A3239" s="239">
        <f>'CPT Data'!B3247</f>
        <v>32.338999999999999</v>
      </c>
      <c r="B3239" s="3">
        <f>'CPT Data'!C3247</f>
        <v>32.332000000000001</v>
      </c>
      <c r="C3239" t="str">
        <f>'CPT Data'!P3247</f>
        <v>CLAY</v>
      </c>
      <c r="D3239">
        <f>'CPT Data'!Q3247</f>
        <v>264.23062661010459</v>
      </c>
      <c r="E3239">
        <f t="shared" si="51"/>
        <v>265.75237109386916</v>
      </c>
      <c r="F3239">
        <f>IF(C3239="CLAY", INDEX(D$4:D3239, MATCH("CLAY", C$4:C3239, 0)), "")</f>
        <v>0.75203252561341039</v>
      </c>
    </row>
    <row r="3240" spans="1:6" x14ac:dyDescent="0.2">
      <c r="A3240" s="239">
        <f>'CPT Data'!B3248</f>
        <v>32.35</v>
      </c>
      <c r="B3240" s="3">
        <f>'CPT Data'!C3248</f>
        <v>32.343000000000004</v>
      </c>
      <c r="C3240" t="str">
        <f>'CPT Data'!P3248</f>
        <v>CLAY</v>
      </c>
      <c r="D3240">
        <f>'CPT Data'!Q3248</f>
        <v>262.79743958434551</v>
      </c>
      <c r="E3240">
        <f t="shared" si="51"/>
        <v>264.23062661010459</v>
      </c>
      <c r="F3240">
        <f>IF(C3240="CLAY", INDEX(D$4:D3240, MATCH("CLAY", C$4:C3240, 0)), "")</f>
        <v>0.75203252561341039</v>
      </c>
    </row>
    <row r="3241" spans="1:6" x14ac:dyDescent="0.2">
      <c r="A3241" s="239">
        <f>'CPT Data'!B3249</f>
        <v>32.36</v>
      </c>
      <c r="B3241" s="3">
        <f>'CPT Data'!C3249</f>
        <v>32.353000000000002</v>
      </c>
      <c r="C3241" t="str">
        <f>'CPT Data'!P3249</f>
        <v>CLAY</v>
      </c>
      <c r="D3241">
        <f>'CPT Data'!Q3249</f>
        <v>256.51627947269691</v>
      </c>
      <c r="E3241">
        <f t="shared" si="51"/>
        <v>262.79743958434551</v>
      </c>
      <c r="F3241">
        <f>IF(C3241="CLAY", INDEX(D$4:D3241, MATCH("CLAY", C$4:C3241, 0)), "")</f>
        <v>0.75203252561341039</v>
      </c>
    </row>
    <row r="3242" spans="1:6" x14ac:dyDescent="0.2">
      <c r="A3242" s="239">
        <f>'CPT Data'!B3250</f>
        <v>32.369</v>
      </c>
      <c r="B3242" s="3">
        <f>'CPT Data'!C3250</f>
        <v>32.362000000000002</v>
      </c>
      <c r="C3242" t="str">
        <f>'CPT Data'!P3250</f>
        <v>CLAY</v>
      </c>
      <c r="D3242">
        <f>'CPT Data'!Q3250</f>
        <v>252.12144431374529</v>
      </c>
      <c r="E3242">
        <f t="shared" si="51"/>
        <v>256.51627947269691</v>
      </c>
      <c r="F3242">
        <f>IF(C3242="CLAY", INDEX(D$4:D3242, MATCH("CLAY", C$4:C3242, 0)), "")</f>
        <v>0.75203252561341039</v>
      </c>
    </row>
    <row r="3243" spans="1:6" x14ac:dyDescent="0.2">
      <c r="A3243" s="239">
        <f>'CPT Data'!B3251</f>
        <v>32.380000000000003</v>
      </c>
      <c r="B3243" s="3">
        <f>'CPT Data'!C3251</f>
        <v>32.373000000000005</v>
      </c>
      <c r="C3243" t="str">
        <f>'CPT Data'!P3251</f>
        <v>CLAY</v>
      </c>
      <c r="D3243">
        <f>'CPT Data'!Q3251</f>
        <v>265.25690592193013</v>
      </c>
      <c r="E3243">
        <f t="shared" si="51"/>
        <v>252.12144431374529</v>
      </c>
      <c r="F3243">
        <f>IF(C3243="CLAY", INDEX(D$4:D3243, MATCH("CLAY", C$4:C3243, 0)), "")</f>
        <v>0.75203252561341039</v>
      </c>
    </row>
    <row r="3244" spans="1:6" x14ac:dyDescent="0.2">
      <c r="A3244" s="239">
        <f>'CPT Data'!B3252</f>
        <v>32.389000000000003</v>
      </c>
      <c r="B3244" s="3">
        <f>'CPT Data'!C3252</f>
        <v>32.382000000000005</v>
      </c>
      <c r="C3244" t="str">
        <f>'CPT Data'!P3252</f>
        <v>CLAY</v>
      </c>
      <c r="D3244">
        <f>'CPT Data'!Q3252</f>
        <v>286.42827809006559</v>
      </c>
      <c r="E3244">
        <f t="shared" si="51"/>
        <v>265.25690592193013</v>
      </c>
      <c r="F3244">
        <f>IF(C3244="CLAY", INDEX(D$4:D3244, MATCH("CLAY", C$4:C3244, 0)), "")</f>
        <v>0.75203252561341039</v>
      </c>
    </row>
    <row r="3245" spans="1:6" x14ac:dyDescent="0.2">
      <c r="A3245" s="239">
        <f>'CPT Data'!B3253</f>
        <v>32.399000000000001</v>
      </c>
      <c r="B3245" s="3">
        <f>'CPT Data'!C3253</f>
        <v>32.392000000000003</v>
      </c>
      <c r="C3245" t="str">
        <f>'CPT Data'!P3253</f>
        <v>CLAY</v>
      </c>
      <c r="D3245">
        <f>'CPT Data'!Q3253</f>
        <v>310.78347788787681</v>
      </c>
      <c r="E3245">
        <f t="shared" si="51"/>
        <v>286.42827809006559</v>
      </c>
      <c r="F3245">
        <f>IF(C3245="CLAY", INDEX(D$4:D3245, MATCH("CLAY", C$4:C3245, 0)), "")</f>
        <v>0.75203252561341039</v>
      </c>
    </row>
    <row r="3246" spans="1:6" x14ac:dyDescent="0.2">
      <c r="A3246" s="239">
        <f>'CPT Data'!B3254</f>
        <v>32.408999999999999</v>
      </c>
      <c r="B3246" s="3">
        <f>'CPT Data'!C3254</f>
        <v>32.402000000000001</v>
      </c>
      <c r="C3246" t="str">
        <f>'CPT Data'!P3254</f>
        <v>SAND</v>
      </c>
      <c r="D3246" t="e">
        <f>'CPT Data'!Q3254</f>
        <v>#N/A</v>
      </c>
      <c r="E3246" t="e">
        <f t="shared" si="51"/>
        <v>#N/A</v>
      </c>
      <c r="F3246" t="str">
        <f>IF(C3246="CLAY", INDEX(D$4:D3246, MATCH("CLAY", C$4:C3246, 0)), "")</f>
        <v/>
      </c>
    </row>
    <row r="3247" spans="1:6" x14ac:dyDescent="0.2">
      <c r="A3247" s="239">
        <f>'CPT Data'!B3255</f>
        <v>32.417999999999999</v>
      </c>
      <c r="B3247" s="3">
        <f>'CPT Data'!C3255</f>
        <v>32.411000000000001</v>
      </c>
      <c r="C3247" t="str">
        <f>'CPT Data'!P3255</f>
        <v>SAND</v>
      </c>
      <c r="D3247" t="e">
        <f>'CPT Data'!Q3255</f>
        <v>#N/A</v>
      </c>
      <c r="E3247" t="e">
        <f t="shared" si="51"/>
        <v>#N/A</v>
      </c>
      <c r="F3247" t="str">
        <f>IF(C3247="CLAY", INDEX(D$4:D3247, MATCH("CLAY", C$4:C3247, 0)), "")</f>
        <v/>
      </c>
    </row>
    <row r="3248" spans="1:6" x14ac:dyDescent="0.2">
      <c r="A3248" s="239">
        <f>'CPT Data'!B3256</f>
        <v>32.429000000000002</v>
      </c>
      <c r="B3248" s="3">
        <f>'CPT Data'!C3256</f>
        <v>32.422000000000004</v>
      </c>
      <c r="C3248" t="str">
        <f>'CPT Data'!P3256</f>
        <v>SAND</v>
      </c>
      <c r="D3248" t="e">
        <f>'CPT Data'!Q3256</f>
        <v>#N/A</v>
      </c>
      <c r="E3248" t="e">
        <f t="shared" si="51"/>
        <v>#N/A</v>
      </c>
      <c r="F3248" t="str">
        <f>IF(C3248="CLAY", INDEX(D$4:D3248, MATCH("CLAY", C$4:C3248, 0)), "")</f>
        <v/>
      </c>
    </row>
    <row r="3249" spans="1:6" x14ac:dyDescent="0.2">
      <c r="A3249" s="239">
        <f>'CPT Data'!B3257</f>
        <v>32.438000000000002</v>
      </c>
      <c r="B3249" s="3">
        <f>'CPT Data'!C3257</f>
        <v>32.431000000000004</v>
      </c>
      <c r="C3249" t="str">
        <f>'CPT Data'!P3257</f>
        <v>SAND</v>
      </c>
      <c r="D3249" t="e">
        <f>'CPT Data'!Q3257</f>
        <v>#N/A</v>
      </c>
      <c r="E3249" t="e">
        <f t="shared" si="51"/>
        <v>#N/A</v>
      </c>
      <c r="F3249" t="str">
        <f>IF(C3249="CLAY", INDEX(D$4:D3249, MATCH("CLAY", C$4:C3249, 0)), "")</f>
        <v/>
      </c>
    </row>
    <row r="3250" spans="1:6" x14ac:dyDescent="0.2">
      <c r="A3250" s="239">
        <f>'CPT Data'!B3258</f>
        <v>32.447000000000003</v>
      </c>
      <c r="B3250" s="3">
        <f>'CPT Data'!C3258</f>
        <v>32.440000000000005</v>
      </c>
      <c r="C3250" t="str">
        <f>'CPT Data'!P3258</f>
        <v>SAND</v>
      </c>
      <c r="D3250" t="e">
        <f>'CPT Data'!Q3258</f>
        <v>#N/A</v>
      </c>
      <c r="E3250" t="e">
        <f t="shared" si="51"/>
        <v>#N/A</v>
      </c>
      <c r="F3250" t="str">
        <f>IF(C3250="CLAY", INDEX(D$4:D3250, MATCH("CLAY", C$4:C3250, 0)), "")</f>
        <v/>
      </c>
    </row>
    <row r="3251" spans="1:6" x14ac:dyDescent="0.2">
      <c r="A3251" s="239">
        <f>'CPT Data'!B3259</f>
        <v>32.457999999999998</v>
      </c>
      <c r="B3251" s="3">
        <f>'CPT Data'!C3259</f>
        <v>32.451000000000001</v>
      </c>
      <c r="C3251" t="str">
        <f>'CPT Data'!P3259</f>
        <v>SAND</v>
      </c>
      <c r="D3251" t="e">
        <f>'CPT Data'!Q3259</f>
        <v>#N/A</v>
      </c>
      <c r="E3251" t="e">
        <f t="shared" si="51"/>
        <v>#N/A</v>
      </c>
      <c r="F3251" t="str">
        <f>IF(C3251="CLAY", INDEX(D$4:D3251, MATCH("CLAY", C$4:C3251, 0)), "")</f>
        <v/>
      </c>
    </row>
    <row r="3252" spans="1:6" x14ac:dyDescent="0.2">
      <c r="A3252" s="239">
        <f>'CPT Data'!B3260</f>
        <v>32.466999999999999</v>
      </c>
      <c r="B3252" s="3">
        <f>'CPT Data'!C3260</f>
        <v>32.46</v>
      </c>
      <c r="C3252" t="str">
        <f>'CPT Data'!P3260</f>
        <v>SAND</v>
      </c>
      <c r="D3252" t="e">
        <f>'CPT Data'!Q3260</f>
        <v>#N/A</v>
      </c>
      <c r="E3252" t="e">
        <f t="shared" si="51"/>
        <v>#N/A</v>
      </c>
      <c r="F3252" t="str">
        <f>IF(C3252="CLAY", INDEX(D$4:D3252, MATCH("CLAY", C$4:C3252, 0)), "")</f>
        <v/>
      </c>
    </row>
    <row r="3253" spans="1:6" x14ac:dyDescent="0.2">
      <c r="A3253" s="239">
        <f>'CPT Data'!B3261</f>
        <v>32.476999999999997</v>
      </c>
      <c r="B3253" s="3">
        <f>'CPT Data'!C3261</f>
        <v>32.47</v>
      </c>
      <c r="C3253" t="str">
        <f>'CPT Data'!P3261</f>
        <v>SAND</v>
      </c>
      <c r="D3253" t="e">
        <f>'CPT Data'!Q3261</f>
        <v>#N/A</v>
      </c>
      <c r="E3253" t="e">
        <f t="shared" si="51"/>
        <v>#N/A</v>
      </c>
      <c r="F3253" t="str">
        <f>IF(C3253="CLAY", INDEX(D$4:D3253, MATCH("CLAY", C$4:C3253, 0)), "")</f>
        <v/>
      </c>
    </row>
    <row r="3254" spans="1:6" x14ac:dyDescent="0.2">
      <c r="A3254" s="239">
        <f>'CPT Data'!B3262</f>
        <v>32.488</v>
      </c>
      <c r="B3254" s="3">
        <f>'CPT Data'!C3262</f>
        <v>32.481000000000002</v>
      </c>
      <c r="C3254" t="str">
        <f>'CPT Data'!P3262</f>
        <v>SAND</v>
      </c>
      <c r="D3254" t="e">
        <f>'CPT Data'!Q3262</f>
        <v>#N/A</v>
      </c>
      <c r="E3254" t="e">
        <f t="shared" si="51"/>
        <v>#N/A</v>
      </c>
      <c r="F3254" t="str">
        <f>IF(C3254="CLAY", INDEX(D$4:D3254, MATCH("CLAY", C$4:C3254, 0)), "")</f>
        <v/>
      </c>
    </row>
    <row r="3255" spans="1:6" x14ac:dyDescent="0.2">
      <c r="A3255" s="239">
        <f>'CPT Data'!B3263</f>
        <v>32.497</v>
      </c>
      <c r="B3255" s="3">
        <f>'CPT Data'!C3263</f>
        <v>32.49</v>
      </c>
      <c r="C3255" t="str">
        <f>'CPT Data'!P3263</f>
        <v>SAND</v>
      </c>
      <c r="D3255" t="e">
        <f>'CPT Data'!Q3263</f>
        <v>#N/A</v>
      </c>
      <c r="E3255" t="e">
        <f t="shared" si="51"/>
        <v>#N/A</v>
      </c>
      <c r="F3255" t="str">
        <f>IF(C3255="CLAY", INDEX(D$4:D3255, MATCH("CLAY", C$4:C3255, 0)), "")</f>
        <v/>
      </c>
    </row>
    <row r="3256" spans="1:6" x14ac:dyDescent="0.2">
      <c r="A3256" s="239">
        <f>'CPT Data'!B3264</f>
        <v>32.506999999999998</v>
      </c>
      <c r="B3256" s="3">
        <f>'CPT Data'!C3264</f>
        <v>32.5</v>
      </c>
      <c r="C3256" t="str">
        <f>'CPT Data'!P3264</f>
        <v>SAND</v>
      </c>
      <c r="D3256" t="e">
        <f>'CPT Data'!Q3264</f>
        <v>#N/A</v>
      </c>
      <c r="E3256" t="e">
        <f t="shared" si="51"/>
        <v>#N/A</v>
      </c>
      <c r="F3256" t="str">
        <f>IF(C3256="CLAY", INDEX(D$4:D3256, MATCH("CLAY", C$4:C3256, 0)), "")</f>
        <v/>
      </c>
    </row>
    <row r="3257" spans="1:6" x14ac:dyDescent="0.2">
      <c r="A3257" s="239">
        <f>'CPT Data'!B3265</f>
        <v>32.515999999999998</v>
      </c>
      <c r="B3257" s="3">
        <f>'CPT Data'!C3265</f>
        <v>32.509</v>
      </c>
      <c r="C3257" t="str">
        <f>'CPT Data'!P3265</f>
        <v>SAND</v>
      </c>
      <c r="D3257" t="e">
        <f>'CPT Data'!Q3265</f>
        <v>#N/A</v>
      </c>
      <c r="E3257" t="e">
        <f t="shared" si="51"/>
        <v>#N/A</v>
      </c>
      <c r="F3257" t="str">
        <f>IF(C3257="CLAY", INDEX(D$4:D3257, MATCH("CLAY", C$4:C3257, 0)), "")</f>
        <v/>
      </c>
    </row>
    <row r="3258" spans="1:6" x14ac:dyDescent="0.2">
      <c r="A3258" s="239">
        <f>'CPT Data'!B3266</f>
        <v>32.527000000000001</v>
      </c>
      <c r="B3258" s="3">
        <f>'CPT Data'!C3266</f>
        <v>32.520000000000003</v>
      </c>
      <c r="C3258" t="str">
        <f>'CPT Data'!P3266</f>
        <v>SAND</v>
      </c>
      <c r="D3258" t="e">
        <f>'CPT Data'!Q3266</f>
        <v>#N/A</v>
      </c>
      <c r="E3258" t="e">
        <f t="shared" si="51"/>
        <v>#N/A</v>
      </c>
      <c r="F3258" t="str">
        <f>IF(C3258="CLAY", INDEX(D$4:D3258, MATCH("CLAY", C$4:C3258, 0)), "")</f>
        <v/>
      </c>
    </row>
    <row r="3259" spans="1:6" x14ac:dyDescent="0.2">
      <c r="A3259" s="239">
        <f>'CPT Data'!B3267</f>
        <v>32.536999999999999</v>
      </c>
      <c r="B3259" s="3">
        <f>'CPT Data'!C3267</f>
        <v>32.53</v>
      </c>
      <c r="C3259" t="str">
        <f>'CPT Data'!P3267</f>
        <v>SAND</v>
      </c>
      <c r="D3259" t="e">
        <f>'CPT Data'!Q3267</f>
        <v>#N/A</v>
      </c>
      <c r="E3259" t="e">
        <f t="shared" si="51"/>
        <v>#N/A</v>
      </c>
      <c r="F3259" t="str">
        <f>IF(C3259="CLAY", INDEX(D$4:D3259, MATCH("CLAY", C$4:C3259, 0)), "")</f>
        <v/>
      </c>
    </row>
    <row r="3260" spans="1:6" x14ac:dyDescent="0.2">
      <c r="A3260" s="239">
        <f>'CPT Data'!B3268</f>
        <v>32.546999999999997</v>
      </c>
      <c r="B3260" s="3">
        <f>'CPT Data'!C3268</f>
        <v>32.54</v>
      </c>
      <c r="C3260" t="str">
        <f>'CPT Data'!P3268</f>
        <v>SAND</v>
      </c>
      <c r="D3260" t="e">
        <f>'CPT Data'!Q3268</f>
        <v>#N/A</v>
      </c>
      <c r="E3260" t="e">
        <f t="shared" si="51"/>
        <v>#N/A</v>
      </c>
      <c r="F3260" t="str">
        <f>IF(C3260="CLAY", INDEX(D$4:D3260, MATCH("CLAY", C$4:C3260, 0)), "")</f>
        <v/>
      </c>
    </row>
    <row r="3261" spans="1:6" x14ac:dyDescent="0.2">
      <c r="A3261" s="239">
        <f>'CPT Data'!B3269</f>
        <v>32.555999999999997</v>
      </c>
      <c r="B3261" s="3">
        <f>'CPT Data'!C3269</f>
        <v>32.548999999999999</v>
      </c>
      <c r="C3261" t="str">
        <f>'CPT Data'!P3269</f>
        <v>SAND</v>
      </c>
      <c r="D3261" t="e">
        <f>'CPT Data'!Q3269</f>
        <v>#N/A</v>
      </c>
      <c r="E3261" t="e">
        <f t="shared" si="51"/>
        <v>#N/A</v>
      </c>
      <c r="F3261" t="str">
        <f>IF(C3261="CLAY", INDEX(D$4:D3261, MATCH("CLAY", C$4:C3261, 0)), "")</f>
        <v/>
      </c>
    </row>
    <row r="3262" spans="1:6" x14ac:dyDescent="0.2">
      <c r="A3262" s="239">
        <f>'CPT Data'!B3270</f>
        <v>32.566000000000003</v>
      </c>
      <c r="B3262" s="3">
        <f>'CPT Data'!C3270</f>
        <v>32.559000000000005</v>
      </c>
      <c r="C3262" t="str">
        <f>'CPT Data'!P3270</f>
        <v>SAND</v>
      </c>
      <c r="D3262" t="e">
        <f>'CPT Data'!Q3270</f>
        <v>#N/A</v>
      </c>
      <c r="E3262" t="e">
        <f t="shared" si="51"/>
        <v>#N/A</v>
      </c>
      <c r="F3262" t="str">
        <f>IF(C3262="CLAY", INDEX(D$4:D3262, MATCH("CLAY", C$4:C3262, 0)), "")</f>
        <v/>
      </c>
    </row>
    <row r="3263" spans="1:6" x14ac:dyDescent="0.2">
      <c r="A3263" s="239">
        <f>'CPT Data'!B3271</f>
        <v>32.576000000000001</v>
      </c>
      <c r="B3263" s="3">
        <f>'CPT Data'!C3271</f>
        <v>32.569000000000003</v>
      </c>
      <c r="C3263" t="str">
        <f>'CPT Data'!P3271</f>
        <v>SAND</v>
      </c>
      <c r="D3263" t="e">
        <f>'CPT Data'!Q3271</f>
        <v>#N/A</v>
      </c>
      <c r="E3263" t="e">
        <f t="shared" si="51"/>
        <v>#N/A</v>
      </c>
      <c r="F3263" t="str">
        <f>IF(C3263="CLAY", INDEX(D$4:D3263, MATCH("CLAY", C$4:C3263, 0)), "")</f>
        <v/>
      </c>
    </row>
    <row r="3264" spans="1:6" x14ac:dyDescent="0.2">
      <c r="A3264" s="239">
        <f>'CPT Data'!B3272</f>
        <v>32.585000000000001</v>
      </c>
      <c r="B3264" s="3">
        <f>'CPT Data'!C3272</f>
        <v>32.578000000000003</v>
      </c>
      <c r="C3264" t="str">
        <f>'CPT Data'!P3272</f>
        <v>SAND</v>
      </c>
      <c r="D3264" t="e">
        <f>'CPT Data'!Q3272</f>
        <v>#N/A</v>
      </c>
      <c r="E3264" t="e">
        <f t="shared" si="51"/>
        <v>#N/A</v>
      </c>
      <c r="F3264" t="str">
        <f>IF(C3264="CLAY", INDEX(D$4:D3264, MATCH("CLAY", C$4:C3264, 0)), "")</f>
        <v/>
      </c>
    </row>
    <row r="3265" spans="1:6" x14ac:dyDescent="0.2">
      <c r="A3265" s="239">
        <f>'CPT Data'!B3273</f>
        <v>32.595999999999997</v>
      </c>
      <c r="B3265" s="3">
        <f>'CPT Data'!C3273</f>
        <v>32.588999999999999</v>
      </c>
      <c r="C3265" t="str">
        <f>'CPT Data'!P3273</f>
        <v>CLAY</v>
      </c>
      <c r="D3265">
        <f>'CPT Data'!Q3273</f>
        <v>411.96149981527259</v>
      </c>
      <c r="E3265">
        <f t="shared" si="51"/>
        <v>411.96149981527259</v>
      </c>
      <c r="F3265">
        <f>IF(C3265="CLAY", INDEX(D$4:D3265, MATCH("CLAY", C$4:C3265, 0)), "")</f>
        <v>0.75203252561341039</v>
      </c>
    </row>
    <row r="3266" spans="1:6" x14ac:dyDescent="0.2">
      <c r="A3266" s="239">
        <f>'CPT Data'!B3274</f>
        <v>32.604999999999997</v>
      </c>
      <c r="B3266" s="3">
        <f>'CPT Data'!C3274</f>
        <v>32.597999999999999</v>
      </c>
      <c r="C3266" t="str">
        <f>'CPT Data'!P3274</f>
        <v>CLAY</v>
      </c>
      <c r="D3266">
        <f>'CPT Data'!Q3274</f>
        <v>404.61183599993416</v>
      </c>
      <c r="E3266">
        <f t="shared" si="51"/>
        <v>411.96149981527259</v>
      </c>
      <c r="F3266">
        <f>IF(C3266="CLAY", INDEX(D$4:D3266, MATCH("CLAY", C$4:C3266, 0)), "")</f>
        <v>0.75203252561341039</v>
      </c>
    </row>
    <row r="3267" spans="1:6" x14ac:dyDescent="0.2">
      <c r="A3267" s="239">
        <f>'CPT Data'!B3275</f>
        <v>32.613999999999997</v>
      </c>
      <c r="B3267" s="3">
        <f>'CPT Data'!C3275</f>
        <v>32.606999999999999</v>
      </c>
      <c r="C3267" t="str">
        <f>'CPT Data'!P3275</f>
        <v>CLAY</v>
      </c>
      <c r="D3267">
        <f>'CPT Data'!Q3275</f>
        <v>412.82869661186078</v>
      </c>
      <c r="E3267">
        <f t="shared" si="51"/>
        <v>404.61183599993416</v>
      </c>
      <c r="F3267">
        <f>IF(C3267="CLAY", INDEX(D$4:D3267, MATCH("CLAY", C$4:C3267, 0)), "")</f>
        <v>0.75203252561341039</v>
      </c>
    </row>
    <row r="3268" spans="1:6" x14ac:dyDescent="0.2">
      <c r="A3268" s="239">
        <f>'CPT Data'!B3276</f>
        <v>32.625</v>
      </c>
      <c r="B3268" s="3">
        <f>'CPT Data'!C3276</f>
        <v>32.618000000000002</v>
      </c>
      <c r="C3268" t="str">
        <f>'CPT Data'!P3276</f>
        <v>CLAY</v>
      </c>
      <c r="D3268">
        <f>'CPT Data'!Q3276</f>
        <v>426.80292869845044</v>
      </c>
      <c r="E3268">
        <f t="shared" si="51"/>
        <v>412.82869661186078</v>
      </c>
      <c r="F3268">
        <f>IF(C3268="CLAY", INDEX(D$4:D3268, MATCH("CLAY", C$4:C3268, 0)), "")</f>
        <v>0.75203252561341039</v>
      </c>
    </row>
    <row r="3269" spans="1:6" x14ac:dyDescent="0.2">
      <c r="A3269" s="239">
        <f>'CPT Data'!B3277</f>
        <v>32.634</v>
      </c>
      <c r="B3269" s="3">
        <f>'CPT Data'!C3277</f>
        <v>32.627000000000002</v>
      </c>
      <c r="C3269" t="str">
        <f>'CPT Data'!P3277</f>
        <v>SAND</v>
      </c>
      <c r="D3269" t="e">
        <f>'CPT Data'!Q3277</f>
        <v>#N/A</v>
      </c>
      <c r="E3269" t="e">
        <f t="shared" si="51"/>
        <v>#N/A</v>
      </c>
      <c r="F3269" t="str">
        <f>IF(C3269="CLAY", INDEX(D$4:D3269, MATCH("CLAY", C$4:C3269, 0)), "")</f>
        <v/>
      </c>
    </row>
    <row r="3270" spans="1:6" x14ac:dyDescent="0.2">
      <c r="A3270" s="239">
        <f>'CPT Data'!B3278</f>
        <v>32.643999999999998</v>
      </c>
      <c r="B3270" s="3">
        <f>'CPT Data'!C3278</f>
        <v>32.637</v>
      </c>
      <c r="C3270" t="str">
        <f>'CPT Data'!P3278</f>
        <v>SAND</v>
      </c>
      <c r="D3270" t="e">
        <f>'CPT Data'!Q3278</f>
        <v>#N/A</v>
      </c>
      <c r="E3270" t="e">
        <f t="shared" si="51"/>
        <v>#N/A</v>
      </c>
      <c r="F3270" t="str">
        <f>IF(C3270="CLAY", INDEX(D$4:D3270, MATCH("CLAY", C$4:C3270, 0)), "")</f>
        <v/>
      </c>
    </row>
    <row r="3271" spans="1:6" x14ac:dyDescent="0.2">
      <c r="A3271" s="239">
        <f>'CPT Data'!B3279</f>
        <v>32.654000000000003</v>
      </c>
      <c r="B3271" s="3">
        <f>'CPT Data'!C3279</f>
        <v>32.647000000000006</v>
      </c>
      <c r="C3271" t="str">
        <f>'CPT Data'!P3279</f>
        <v>SAND</v>
      </c>
      <c r="D3271" t="e">
        <f>'CPT Data'!Q3279</f>
        <v>#N/A</v>
      </c>
      <c r="E3271" t="e">
        <f t="shared" si="51"/>
        <v>#N/A</v>
      </c>
      <c r="F3271" t="str">
        <f>IF(C3271="CLAY", INDEX(D$4:D3271, MATCH("CLAY", C$4:C3271, 0)), "")</f>
        <v/>
      </c>
    </row>
    <row r="3272" spans="1:6" x14ac:dyDescent="0.2">
      <c r="A3272" s="239">
        <f>'CPT Data'!B3280</f>
        <v>32.664000000000001</v>
      </c>
      <c r="B3272" s="3">
        <f>'CPT Data'!C3280</f>
        <v>32.657000000000004</v>
      </c>
      <c r="C3272" t="str">
        <f>'CPT Data'!P3280</f>
        <v>SAND</v>
      </c>
      <c r="D3272" t="e">
        <f>'CPT Data'!Q3280</f>
        <v>#N/A</v>
      </c>
      <c r="E3272" t="e">
        <f t="shared" si="51"/>
        <v>#N/A</v>
      </c>
      <c r="F3272" t="str">
        <f>IF(C3272="CLAY", INDEX(D$4:D3272, MATCH("CLAY", C$4:C3272, 0)), "")</f>
        <v/>
      </c>
    </row>
    <row r="3273" spans="1:6" x14ac:dyDescent="0.2">
      <c r="A3273" s="239">
        <f>'CPT Data'!B3281</f>
        <v>32.673000000000002</v>
      </c>
      <c r="B3273" s="3">
        <f>'CPT Data'!C3281</f>
        <v>32.666000000000004</v>
      </c>
      <c r="C3273" t="str">
        <f>'CPT Data'!P3281</f>
        <v>SAND</v>
      </c>
      <c r="D3273" t="e">
        <f>'CPT Data'!Q3281</f>
        <v>#N/A</v>
      </c>
      <c r="E3273" t="e">
        <f t="shared" si="51"/>
        <v>#N/A</v>
      </c>
      <c r="F3273" t="str">
        <f>IF(C3273="CLAY", INDEX(D$4:D3273, MATCH("CLAY", C$4:C3273, 0)), "")</f>
        <v/>
      </c>
    </row>
    <row r="3274" spans="1:6" x14ac:dyDescent="0.2">
      <c r="A3274" s="239">
        <f>'CPT Data'!B3282</f>
        <v>32.683</v>
      </c>
      <c r="B3274" s="3">
        <f>'CPT Data'!C3282</f>
        <v>32.676000000000002</v>
      </c>
      <c r="C3274" t="str">
        <f>'CPT Data'!P3282</f>
        <v>SAND</v>
      </c>
      <c r="D3274" t="e">
        <f>'CPT Data'!Q3282</f>
        <v>#N/A</v>
      </c>
      <c r="E3274" t="e">
        <f t="shared" si="51"/>
        <v>#N/A</v>
      </c>
      <c r="F3274" t="str">
        <f>IF(C3274="CLAY", INDEX(D$4:D3274, MATCH("CLAY", C$4:C3274, 0)), "")</f>
        <v/>
      </c>
    </row>
    <row r="3275" spans="1:6" x14ac:dyDescent="0.2">
      <c r="A3275" s="239">
        <f>'CPT Data'!B3283</f>
        <v>32.692</v>
      </c>
      <c r="B3275" s="3">
        <f>'CPT Data'!C3283</f>
        <v>32.685000000000002</v>
      </c>
      <c r="C3275" t="str">
        <f>'CPT Data'!P3283</f>
        <v>SAND</v>
      </c>
      <c r="D3275" t="e">
        <f>'CPT Data'!Q3283</f>
        <v>#N/A</v>
      </c>
      <c r="E3275" t="e">
        <f t="shared" si="51"/>
        <v>#N/A</v>
      </c>
      <c r="F3275" t="str">
        <f>IF(C3275="CLAY", INDEX(D$4:D3275, MATCH("CLAY", C$4:C3275, 0)), "")</f>
        <v/>
      </c>
    </row>
    <row r="3276" spans="1:6" x14ac:dyDescent="0.2">
      <c r="A3276" s="239">
        <f>'CPT Data'!B3284</f>
        <v>32.703000000000003</v>
      </c>
      <c r="B3276" s="3">
        <f>'CPT Data'!C3284</f>
        <v>32.696000000000005</v>
      </c>
      <c r="C3276" t="str">
        <f>'CPT Data'!P3284</f>
        <v>SAND</v>
      </c>
      <c r="D3276" t="e">
        <f>'CPT Data'!Q3284</f>
        <v>#N/A</v>
      </c>
      <c r="E3276" t="e">
        <f t="shared" si="51"/>
        <v>#N/A</v>
      </c>
      <c r="F3276" t="str">
        <f>IF(C3276="CLAY", INDEX(D$4:D3276, MATCH("CLAY", C$4:C3276, 0)), "")</f>
        <v/>
      </c>
    </row>
    <row r="3277" spans="1:6" x14ac:dyDescent="0.2">
      <c r="A3277" s="239">
        <f>'CPT Data'!B3285</f>
        <v>32.712000000000003</v>
      </c>
      <c r="B3277" s="3">
        <f>'CPT Data'!C3285</f>
        <v>32.705000000000005</v>
      </c>
      <c r="C3277" t="str">
        <f>'CPT Data'!P3285</f>
        <v>SAND</v>
      </c>
      <c r="D3277" t="e">
        <f>'CPT Data'!Q3285</f>
        <v>#N/A</v>
      </c>
      <c r="E3277" t="e">
        <f t="shared" si="51"/>
        <v>#N/A</v>
      </c>
      <c r="F3277" t="str">
        <f>IF(C3277="CLAY", INDEX(D$4:D3277, MATCH("CLAY", C$4:C3277, 0)), "")</f>
        <v/>
      </c>
    </row>
    <row r="3278" spans="1:6" x14ac:dyDescent="0.2">
      <c r="A3278" s="239">
        <f>'CPT Data'!B3286</f>
        <v>32.722000000000001</v>
      </c>
      <c r="B3278" s="3">
        <f>'CPT Data'!C3286</f>
        <v>32.715000000000003</v>
      </c>
      <c r="C3278" t="str">
        <f>'CPT Data'!P3286</f>
        <v>SAND</v>
      </c>
      <c r="D3278" t="e">
        <f>'CPT Data'!Q3286</f>
        <v>#N/A</v>
      </c>
      <c r="E3278" t="e">
        <f t="shared" si="51"/>
        <v>#N/A</v>
      </c>
      <c r="F3278" t="str">
        <f>IF(C3278="CLAY", INDEX(D$4:D3278, MATCH("CLAY", C$4:C3278, 0)), "")</f>
        <v/>
      </c>
    </row>
    <row r="3279" spans="1:6" x14ac:dyDescent="0.2">
      <c r="A3279" s="239">
        <f>'CPT Data'!B3287</f>
        <v>32.731000000000002</v>
      </c>
      <c r="B3279" s="3">
        <f>'CPT Data'!C3287</f>
        <v>32.724000000000004</v>
      </c>
      <c r="C3279" t="str">
        <f>'CPT Data'!P3287</f>
        <v>SAND</v>
      </c>
      <c r="D3279" t="e">
        <f>'CPT Data'!Q3287</f>
        <v>#N/A</v>
      </c>
      <c r="E3279" t="e">
        <f t="shared" si="51"/>
        <v>#N/A</v>
      </c>
      <c r="F3279" t="str">
        <f>IF(C3279="CLAY", INDEX(D$4:D3279, MATCH("CLAY", C$4:C3279, 0)), "")</f>
        <v/>
      </c>
    </row>
    <row r="3280" spans="1:6" x14ac:dyDescent="0.2">
      <c r="A3280" s="239">
        <f>'CPT Data'!B3288</f>
        <v>32.74</v>
      </c>
      <c r="B3280" s="3">
        <f>'CPT Data'!C3288</f>
        <v>32.733000000000004</v>
      </c>
      <c r="C3280" t="str">
        <f>'CPT Data'!P3288</f>
        <v>SAND</v>
      </c>
      <c r="D3280" t="e">
        <f>'CPT Data'!Q3288</f>
        <v>#N/A</v>
      </c>
      <c r="E3280" t="e">
        <f t="shared" si="51"/>
        <v>#N/A</v>
      </c>
      <c r="F3280" t="str">
        <f>IF(C3280="CLAY", INDEX(D$4:D3280, MATCH("CLAY", C$4:C3280, 0)), "")</f>
        <v/>
      </c>
    </row>
    <row r="3281" spans="1:6" x14ac:dyDescent="0.2">
      <c r="A3281" s="239">
        <f>'CPT Data'!B3289</f>
        <v>32.749000000000002</v>
      </c>
      <c r="B3281" s="3">
        <f>'CPT Data'!C3289</f>
        <v>32.742000000000004</v>
      </c>
      <c r="C3281" t="str">
        <f>'CPT Data'!P3289</f>
        <v>SAND</v>
      </c>
      <c r="D3281" t="e">
        <f>'CPT Data'!Q3289</f>
        <v>#N/A</v>
      </c>
      <c r="E3281" t="e">
        <f t="shared" si="51"/>
        <v>#N/A</v>
      </c>
      <c r="F3281" t="str">
        <f>IF(C3281="CLAY", INDEX(D$4:D3281, MATCH("CLAY", C$4:C3281, 0)), "")</f>
        <v/>
      </c>
    </row>
    <row r="3282" spans="1:6" x14ac:dyDescent="0.2">
      <c r="A3282" s="239">
        <f>'CPT Data'!B3290</f>
        <v>32.759</v>
      </c>
      <c r="B3282" s="3">
        <f>'CPT Data'!C3290</f>
        <v>32.752000000000002</v>
      </c>
      <c r="C3282" t="str">
        <f>'CPT Data'!P3290</f>
        <v>SAND</v>
      </c>
      <c r="D3282" t="e">
        <f>'CPT Data'!Q3290</f>
        <v>#N/A</v>
      </c>
      <c r="E3282" t="e">
        <f t="shared" si="51"/>
        <v>#N/A</v>
      </c>
      <c r="F3282" t="str">
        <f>IF(C3282="CLAY", INDEX(D$4:D3282, MATCH("CLAY", C$4:C3282, 0)), "")</f>
        <v/>
      </c>
    </row>
    <row r="3283" spans="1:6" x14ac:dyDescent="0.2">
      <c r="A3283" s="239">
        <f>'CPT Data'!B3291</f>
        <v>32.768999999999998</v>
      </c>
      <c r="B3283" s="3">
        <f>'CPT Data'!C3291</f>
        <v>32.762</v>
      </c>
      <c r="C3283" t="str">
        <f>'CPT Data'!P3291</f>
        <v>SAND</v>
      </c>
      <c r="D3283" t="e">
        <f>'CPT Data'!Q3291</f>
        <v>#N/A</v>
      </c>
      <c r="E3283" t="e">
        <f t="shared" si="51"/>
        <v>#N/A</v>
      </c>
      <c r="F3283" t="str">
        <f>IF(C3283="CLAY", INDEX(D$4:D3283, MATCH("CLAY", C$4:C3283, 0)), "")</f>
        <v/>
      </c>
    </row>
    <row r="3284" spans="1:6" x14ac:dyDescent="0.2">
      <c r="A3284" s="239">
        <f>'CPT Data'!B3292</f>
        <v>32.779000000000003</v>
      </c>
      <c r="B3284" s="3">
        <f>'CPT Data'!C3292</f>
        <v>32.772000000000006</v>
      </c>
      <c r="C3284" t="str">
        <f>'CPT Data'!P3292</f>
        <v>SAND</v>
      </c>
      <c r="D3284" t="e">
        <f>'CPT Data'!Q3292</f>
        <v>#N/A</v>
      </c>
      <c r="E3284" t="e">
        <f t="shared" si="51"/>
        <v>#N/A</v>
      </c>
      <c r="F3284" t="str">
        <f>IF(C3284="CLAY", INDEX(D$4:D3284, MATCH("CLAY", C$4:C3284, 0)), "")</f>
        <v/>
      </c>
    </row>
    <row r="3285" spans="1:6" x14ac:dyDescent="0.2">
      <c r="A3285" s="239">
        <f>'CPT Data'!B3293</f>
        <v>32.787999999999997</v>
      </c>
      <c r="B3285" s="3">
        <f>'CPT Data'!C3293</f>
        <v>32.780999999999999</v>
      </c>
      <c r="C3285" t="str">
        <f>'CPT Data'!P3293</f>
        <v>SAND</v>
      </c>
      <c r="D3285" t="e">
        <f>'CPT Data'!Q3293</f>
        <v>#N/A</v>
      </c>
      <c r="E3285" t="e">
        <f t="shared" si="51"/>
        <v>#N/A</v>
      </c>
      <c r="F3285" t="str">
        <f>IF(C3285="CLAY", INDEX(D$4:D3285, MATCH("CLAY", C$4:C3285, 0)), "")</f>
        <v/>
      </c>
    </row>
    <row r="3286" spans="1:6" x14ac:dyDescent="0.2">
      <c r="A3286" s="239">
        <f>'CPT Data'!B3294</f>
        <v>32.798000000000002</v>
      </c>
      <c r="B3286" s="3">
        <f>'CPT Data'!C3294</f>
        <v>32.791000000000004</v>
      </c>
      <c r="C3286" t="str">
        <f>'CPT Data'!P3294</f>
        <v>SAND</v>
      </c>
      <c r="D3286" t="e">
        <f>'CPT Data'!Q3294</f>
        <v>#N/A</v>
      </c>
      <c r="E3286" t="e">
        <f t="shared" si="51"/>
        <v>#N/A</v>
      </c>
      <c r="F3286" t="str">
        <f>IF(C3286="CLAY", INDEX(D$4:D3286, MATCH("CLAY", C$4:C3286, 0)), "")</f>
        <v/>
      </c>
    </row>
    <row r="3287" spans="1:6" x14ac:dyDescent="0.2">
      <c r="A3287" s="239">
        <f>'CPT Data'!B3295</f>
        <v>32.807000000000002</v>
      </c>
      <c r="B3287" s="3">
        <f>'CPT Data'!C3295</f>
        <v>32.800000000000004</v>
      </c>
      <c r="C3287" t="str">
        <f>'CPT Data'!P3295</f>
        <v>SAND</v>
      </c>
      <c r="D3287" t="e">
        <f>'CPT Data'!Q3295</f>
        <v>#N/A</v>
      </c>
      <c r="E3287" t="e">
        <f t="shared" si="51"/>
        <v>#N/A</v>
      </c>
      <c r="F3287" t="str">
        <f>IF(C3287="CLAY", INDEX(D$4:D3287, MATCH("CLAY", C$4:C3287, 0)), "")</f>
        <v/>
      </c>
    </row>
    <row r="3288" spans="1:6" x14ac:dyDescent="0.2">
      <c r="A3288" s="239">
        <f>'CPT Data'!B3296</f>
        <v>32.817</v>
      </c>
      <c r="B3288" s="3">
        <f>'CPT Data'!C3296</f>
        <v>32.81</v>
      </c>
      <c r="C3288" t="str">
        <f>'CPT Data'!P3296</f>
        <v>SAND</v>
      </c>
      <c r="D3288" t="e">
        <f>'CPT Data'!Q3296</f>
        <v>#N/A</v>
      </c>
      <c r="E3288" t="e">
        <f t="shared" si="51"/>
        <v>#N/A</v>
      </c>
      <c r="F3288" t="str">
        <f>IF(C3288="CLAY", INDEX(D$4:D3288, MATCH("CLAY", C$4:C3288, 0)), "")</f>
        <v/>
      </c>
    </row>
    <row r="3289" spans="1:6" x14ac:dyDescent="0.2">
      <c r="A3289" s="239">
        <f>'CPT Data'!B3297</f>
        <v>32.828000000000003</v>
      </c>
      <c r="B3289" s="3">
        <f>'CPT Data'!C3297</f>
        <v>32.821000000000005</v>
      </c>
      <c r="C3289" t="str">
        <f>'CPT Data'!P3297</f>
        <v>SAND</v>
      </c>
      <c r="D3289" t="e">
        <f>'CPT Data'!Q3297</f>
        <v>#N/A</v>
      </c>
      <c r="E3289" t="e">
        <f t="shared" si="51"/>
        <v>#N/A</v>
      </c>
      <c r="F3289" t="str">
        <f>IF(C3289="CLAY", INDEX(D$4:D3289, MATCH("CLAY", C$4:C3289, 0)), "")</f>
        <v/>
      </c>
    </row>
    <row r="3290" spans="1:6" x14ac:dyDescent="0.2">
      <c r="A3290" s="239">
        <f>'CPT Data'!B3298</f>
        <v>32.838000000000001</v>
      </c>
      <c r="B3290" s="3">
        <f>'CPT Data'!C3298</f>
        <v>32.831000000000003</v>
      </c>
      <c r="C3290" t="str">
        <f>'CPT Data'!P3298</f>
        <v>SAND</v>
      </c>
      <c r="D3290" t="e">
        <f>'CPT Data'!Q3298</f>
        <v>#N/A</v>
      </c>
      <c r="E3290" t="e">
        <f t="shared" si="51"/>
        <v>#N/A</v>
      </c>
      <c r="F3290" t="str">
        <f>IF(C3290="CLAY", INDEX(D$4:D3290, MATCH("CLAY", C$4:C3290, 0)), "")</f>
        <v/>
      </c>
    </row>
    <row r="3291" spans="1:6" x14ac:dyDescent="0.2">
      <c r="A3291" s="239">
        <f>'CPT Data'!B3299</f>
        <v>32.847999999999999</v>
      </c>
      <c r="B3291" s="3">
        <f>'CPT Data'!C3299</f>
        <v>32.841000000000001</v>
      </c>
      <c r="C3291" t="str">
        <f>'CPT Data'!P3299</f>
        <v>SAND</v>
      </c>
      <c r="D3291" t="e">
        <f>'CPT Data'!Q3299</f>
        <v>#N/A</v>
      </c>
      <c r="E3291" t="e">
        <f t="shared" ref="E3291:E3354" si="52">IF(C3291="SAND",#N/A,IF(C3291=C3290,D3290,IF(C3291="CLAY",D3291,#N/A)))</f>
        <v>#N/A</v>
      </c>
      <c r="F3291" t="str">
        <f>IF(C3291="CLAY", INDEX(D$4:D3291, MATCH("CLAY", C$4:C3291, 0)), "")</f>
        <v/>
      </c>
    </row>
    <row r="3292" spans="1:6" x14ac:dyDescent="0.2">
      <c r="A3292" s="239">
        <f>'CPT Data'!B3300</f>
        <v>32.859000000000002</v>
      </c>
      <c r="B3292" s="3">
        <f>'CPT Data'!C3300</f>
        <v>32.852000000000004</v>
      </c>
      <c r="C3292" t="str">
        <f>'CPT Data'!P3300</f>
        <v>SAND</v>
      </c>
      <c r="D3292" t="e">
        <f>'CPT Data'!Q3300</f>
        <v>#N/A</v>
      </c>
      <c r="E3292" t="e">
        <f t="shared" si="52"/>
        <v>#N/A</v>
      </c>
      <c r="F3292" t="str">
        <f>IF(C3292="CLAY", INDEX(D$4:D3292, MATCH("CLAY", C$4:C3292, 0)), "")</f>
        <v/>
      </c>
    </row>
    <row r="3293" spans="1:6" x14ac:dyDescent="0.2">
      <c r="A3293" s="239">
        <f>'CPT Data'!B3301</f>
        <v>32.868000000000002</v>
      </c>
      <c r="B3293" s="3">
        <f>'CPT Data'!C3301</f>
        <v>32.861000000000004</v>
      </c>
      <c r="C3293" t="str">
        <f>'CPT Data'!P3301</f>
        <v>SAND</v>
      </c>
      <c r="D3293" t="e">
        <f>'CPT Data'!Q3301</f>
        <v>#N/A</v>
      </c>
      <c r="E3293" t="e">
        <f t="shared" si="52"/>
        <v>#N/A</v>
      </c>
      <c r="F3293" t="str">
        <f>IF(C3293="CLAY", INDEX(D$4:D3293, MATCH("CLAY", C$4:C3293, 0)), "")</f>
        <v/>
      </c>
    </row>
    <row r="3294" spans="1:6" x14ac:dyDescent="0.2">
      <c r="A3294" s="239">
        <f>'CPT Data'!B3302</f>
        <v>32.878999999999998</v>
      </c>
      <c r="B3294" s="3">
        <f>'CPT Data'!C3302</f>
        <v>32.872</v>
      </c>
      <c r="C3294" t="str">
        <f>'CPT Data'!P3302</f>
        <v>SAND</v>
      </c>
      <c r="D3294" t="e">
        <f>'CPT Data'!Q3302</f>
        <v>#N/A</v>
      </c>
      <c r="E3294" t="e">
        <f t="shared" si="52"/>
        <v>#N/A</v>
      </c>
      <c r="F3294" t="str">
        <f>IF(C3294="CLAY", INDEX(D$4:D3294, MATCH("CLAY", C$4:C3294, 0)), "")</f>
        <v/>
      </c>
    </row>
    <row r="3295" spans="1:6" x14ac:dyDescent="0.2">
      <c r="A3295" s="239">
        <f>'CPT Data'!B3303</f>
        <v>32.889000000000003</v>
      </c>
      <c r="B3295" s="3">
        <f>'CPT Data'!C3303</f>
        <v>32.882000000000005</v>
      </c>
      <c r="C3295" t="str">
        <f>'CPT Data'!P3303</f>
        <v>SAND</v>
      </c>
      <c r="D3295" t="e">
        <f>'CPT Data'!Q3303</f>
        <v>#N/A</v>
      </c>
      <c r="E3295" t="e">
        <f t="shared" si="52"/>
        <v>#N/A</v>
      </c>
      <c r="F3295" t="str">
        <f>IF(C3295="CLAY", INDEX(D$4:D3295, MATCH("CLAY", C$4:C3295, 0)), "")</f>
        <v/>
      </c>
    </row>
    <row r="3296" spans="1:6" x14ac:dyDescent="0.2">
      <c r="A3296" s="239">
        <f>'CPT Data'!B3304</f>
        <v>32.899000000000001</v>
      </c>
      <c r="B3296" s="3">
        <f>'CPT Data'!C3304</f>
        <v>32.892000000000003</v>
      </c>
      <c r="C3296" t="str">
        <f>'CPT Data'!P3304</f>
        <v>SAND</v>
      </c>
      <c r="D3296" t="e">
        <f>'CPT Data'!Q3304</f>
        <v>#N/A</v>
      </c>
      <c r="E3296" t="e">
        <f t="shared" si="52"/>
        <v>#N/A</v>
      </c>
      <c r="F3296" t="str">
        <f>IF(C3296="CLAY", INDEX(D$4:D3296, MATCH("CLAY", C$4:C3296, 0)), "")</f>
        <v/>
      </c>
    </row>
    <row r="3297" spans="1:6" x14ac:dyDescent="0.2">
      <c r="A3297" s="239">
        <f>'CPT Data'!B3305</f>
        <v>32.909999999999997</v>
      </c>
      <c r="B3297" s="3">
        <f>'CPT Data'!C3305</f>
        <v>32.902999999999999</v>
      </c>
      <c r="C3297" t="str">
        <f>'CPT Data'!P3305</f>
        <v>SAND</v>
      </c>
      <c r="D3297" t="e">
        <f>'CPT Data'!Q3305</f>
        <v>#N/A</v>
      </c>
      <c r="E3297" t="e">
        <f t="shared" si="52"/>
        <v>#N/A</v>
      </c>
      <c r="F3297" t="str">
        <f>IF(C3297="CLAY", INDEX(D$4:D3297, MATCH("CLAY", C$4:C3297, 0)), "")</f>
        <v/>
      </c>
    </row>
    <row r="3298" spans="1:6" x14ac:dyDescent="0.2">
      <c r="A3298" s="239">
        <f>'CPT Data'!B3306</f>
        <v>32.918999999999997</v>
      </c>
      <c r="B3298" s="3">
        <f>'CPT Data'!C3306</f>
        <v>32.911999999999999</v>
      </c>
      <c r="C3298" t="str">
        <f>'CPT Data'!P3306</f>
        <v>SAND</v>
      </c>
      <c r="D3298" t="e">
        <f>'CPT Data'!Q3306</f>
        <v>#N/A</v>
      </c>
      <c r="E3298" t="e">
        <f t="shared" si="52"/>
        <v>#N/A</v>
      </c>
      <c r="F3298" t="str">
        <f>IF(C3298="CLAY", INDEX(D$4:D3298, MATCH("CLAY", C$4:C3298, 0)), "")</f>
        <v/>
      </c>
    </row>
    <row r="3299" spans="1:6" x14ac:dyDescent="0.2">
      <c r="A3299" s="239">
        <f>'CPT Data'!B3307</f>
        <v>32.93</v>
      </c>
      <c r="B3299" s="3">
        <f>'CPT Data'!C3307</f>
        <v>32.923000000000002</v>
      </c>
      <c r="C3299" t="str">
        <f>'CPT Data'!P3307</f>
        <v>SAND</v>
      </c>
      <c r="D3299" t="e">
        <f>'CPT Data'!Q3307</f>
        <v>#N/A</v>
      </c>
      <c r="E3299" t="e">
        <f t="shared" si="52"/>
        <v>#N/A</v>
      </c>
      <c r="F3299" t="str">
        <f>IF(C3299="CLAY", INDEX(D$4:D3299, MATCH("CLAY", C$4:C3299, 0)), "")</f>
        <v/>
      </c>
    </row>
    <row r="3300" spans="1:6" x14ac:dyDescent="0.2">
      <c r="A3300" s="239">
        <f>'CPT Data'!B3308</f>
        <v>32.94</v>
      </c>
      <c r="B3300" s="3">
        <f>'CPT Data'!C3308</f>
        <v>32.933</v>
      </c>
      <c r="C3300" t="str">
        <f>'CPT Data'!P3308</f>
        <v>SAND</v>
      </c>
      <c r="D3300" t="e">
        <f>'CPT Data'!Q3308</f>
        <v>#N/A</v>
      </c>
      <c r="E3300" t="e">
        <f t="shared" si="52"/>
        <v>#N/A</v>
      </c>
      <c r="F3300" t="str">
        <f>IF(C3300="CLAY", INDEX(D$4:D3300, MATCH("CLAY", C$4:C3300, 0)), "")</f>
        <v/>
      </c>
    </row>
    <row r="3301" spans="1:6" x14ac:dyDescent="0.2">
      <c r="A3301" s="239">
        <f>'CPT Data'!B3309</f>
        <v>32.951000000000001</v>
      </c>
      <c r="B3301" s="3">
        <f>'CPT Data'!C3309</f>
        <v>32.944000000000003</v>
      </c>
      <c r="C3301" t="str">
        <f>'CPT Data'!P3309</f>
        <v>SAND</v>
      </c>
      <c r="D3301" t="e">
        <f>'CPT Data'!Q3309</f>
        <v>#N/A</v>
      </c>
      <c r="E3301" t="e">
        <f t="shared" si="52"/>
        <v>#N/A</v>
      </c>
      <c r="F3301" t="str">
        <f>IF(C3301="CLAY", INDEX(D$4:D3301, MATCH("CLAY", C$4:C3301, 0)), "")</f>
        <v/>
      </c>
    </row>
    <row r="3302" spans="1:6" x14ac:dyDescent="0.2">
      <c r="A3302" s="239">
        <f>'CPT Data'!B3310</f>
        <v>32.96</v>
      </c>
      <c r="B3302" s="3">
        <f>'CPT Data'!C3310</f>
        <v>32.953000000000003</v>
      </c>
      <c r="C3302" t="str">
        <f>'CPT Data'!P3310</f>
        <v>SAND</v>
      </c>
      <c r="D3302" t="e">
        <f>'CPT Data'!Q3310</f>
        <v>#N/A</v>
      </c>
      <c r="E3302" t="e">
        <f t="shared" si="52"/>
        <v>#N/A</v>
      </c>
      <c r="F3302" t="str">
        <f>IF(C3302="CLAY", INDEX(D$4:D3302, MATCH("CLAY", C$4:C3302, 0)), "")</f>
        <v/>
      </c>
    </row>
    <row r="3303" spans="1:6" x14ac:dyDescent="0.2">
      <c r="A3303" s="239">
        <f>'CPT Data'!B3311</f>
        <v>32.970999999999997</v>
      </c>
      <c r="B3303" s="3">
        <f>'CPT Data'!C3311</f>
        <v>32.963999999999999</v>
      </c>
      <c r="C3303" t="str">
        <f>'CPT Data'!P3311</f>
        <v>SAND</v>
      </c>
      <c r="D3303" t="e">
        <f>'CPT Data'!Q3311</f>
        <v>#N/A</v>
      </c>
      <c r="E3303" t="e">
        <f t="shared" si="52"/>
        <v>#N/A</v>
      </c>
      <c r="F3303" t="str">
        <f>IF(C3303="CLAY", INDEX(D$4:D3303, MATCH("CLAY", C$4:C3303, 0)), "")</f>
        <v/>
      </c>
    </row>
    <row r="3304" spans="1:6" x14ac:dyDescent="0.2">
      <c r="A3304" s="239">
        <f>'CPT Data'!B3312</f>
        <v>32.981000000000002</v>
      </c>
      <c r="B3304" s="3">
        <f>'CPT Data'!C3312</f>
        <v>32.974000000000004</v>
      </c>
      <c r="C3304" t="str">
        <f>'CPT Data'!P3312</f>
        <v>SAND</v>
      </c>
      <c r="D3304" t="e">
        <f>'CPT Data'!Q3312</f>
        <v>#N/A</v>
      </c>
      <c r="E3304" t="e">
        <f t="shared" si="52"/>
        <v>#N/A</v>
      </c>
      <c r="F3304" t="str">
        <f>IF(C3304="CLAY", INDEX(D$4:D3304, MATCH("CLAY", C$4:C3304, 0)), "")</f>
        <v/>
      </c>
    </row>
    <row r="3305" spans="1:6" x14ac:dyDescent="0.2">
      <c r="A3305" s="239">
        <f>'CPT Data'!B3313</f>
        <v>32.993000000000002</v>
      </c>
      <c r="B3305" s="3">
        <f>'CPT Data'!C3313</f>
        <v>32.986000000000004</v>
      </c>
      <c r="C3305" t="str">
        <f>'CPT Data'!P3313</f>
        <v>SAND</v>
      </c>
      <c r="D3305" t="e">
        <f>'CPT Data'!Q3313</f>
        <v>#N/A</v>
      </c>
      <c r="E3305" t="e">
        <f t="shared" si="52"/>
        <v>#N/A</v>
      </c>
      <c r="F3305" t="str">
        <f>IF(C3305="CLAY", INDEX(D$4:D3305, MATCH("CLAY", C$4:C3305, 0)), "")</f>
        <v/>
      </c>
    </row>
    <row r="3306" spans="1:6" x14ac:dyDescent="0.2">
      <c r="A3306" s="239">
        <f>'CPT Data'!B3314</f>
        <v>33.003</v>
      </c>
      <c r="B3306" s="3">
        <f>'CPT Data'!C3314</f>
        <v>32.996000000000002</v>
      </c>
      <c r="C3306" t="str">
        <f>'CPT Data'!P3314</f>
        <v>SAND</v>
      </c>
      <c r="D3306" t="e">
        <f>'CPT Data'!Q3314</f>
        <v>#N/A</v>
      </c>
      <c r="E3306" t="e">
        <f t="shared" si="52"/>
        <v>#N/A</v>
      </c>
      <c r="F3306" t="str">
        <f>IF(C3306="CLAY", INDEX(D$4:D3306, MATCH("CLAY", C$4:C3306, 0)), "")</f>
        <v/>
      </c>
    </row>
    <row r="3307" spans="1:6" x14ac:dyDescent="0.2">
      <c r="A3307" s="239">
        <f>'CPT Data'!B3315</f>
        <v>33.012999999999998</v>
      </c>
      <c r="B3307" s="3">
        <f>'CPT Data'!C3315</f>
        <v>33.006</v>
      </c>
      <c r="C3307" t="str">
        <f>'CPT Data'!P3315</f>
        <v>SAND</v>
      </c>
      <c r="D3307" t="e">
        <f>'CPT Data'!Q3315</f>
        <v>#N/A</v>
      </c>
      <c r="E3307" t="e">
        <f t="shared" si="52"/>
        <v>#N/A</v>
      </c>
      <c r="F3307" t="str">
        <f>IF(C3307="CLAY", INDEX(D$4:D3307, MATCH("CLAY", C$4:C3307, 0)), "")</f>
        <v/>
      </c>
    </row>
    <row r="3308" spans="1:6" x14ac:dyDescent="0.2">
      <c r="A3308" s="239">
        <f>'CPT Data'!B3316</f>
        <v>33.024000000000001</v>
      </c>
      <c r="B3308" s="3">
        <f>'CPT Data'!C3316</f>
        <v>33.017000000000003</v>
      </c>
      <c r="C3308" t="str">
        <f>'CPT Data'!P3316</f>
        <v>SAND</v>
      </c>
      <c r="D3308" t="e">
        <f>'CPT Data'!Q3316</f>
        <v>#N/A</v>
      </c>
      <c r="E3308" t="e">
        <f t="shared" si="52"/>
        <v>#N/A</v>
      </c>
      <c r="F3308" t="str">
        <f>IF(C3308="CLAY", INDEX(D$4:D3308, MATCH("CLAY", C$4:C3308, 0)), "")</f>
        <v/>
      </c>
    </row>
    <row r="3309" spans="1:6" x14ac:dyDescent="0.2">
      <c r="A3309" s="239">
        <f>'CPT Data'!B3317</f>
        <v>33.033999999999999</v>
      </c>
      <c r="B3309" s="3">
        <f>'CPT Data'!C3317</f>
        <v>33.027000000000001</v>
      </c>
      <c r="C3309" t="str">
        <f>'CPT Data'!P3317</f>
        <v>SAND</v>
      </c>
      <c r="D3309" t="e">
        <f>'CPT Data'!Q3317</f>
        <v>#N/A</v>
      </c>
      <c r="E3309" t="e">
        <f t="shared" si="52"/>
        <v>#N/A</v>
      </c>
      <c r="F3309" t="str">
        <f>IF(C3309="CLAY", INDEX(D$4:D3309, MATCH("CLAY", C$4:C3309, 0)), "")</f>
        <v/>
      </c>
    </row>
    <row r="3310" spans="1:6" x14ac:dyDescent="0.2">
      <c r="A3310" s="239">
        <f>'CPT Data'!B3318</f>
        <v>33.042999999999999</v>
      </c>
      <c r="B3310" s="3">
        <f>'CPT Data'!C3318</f>
        <v>33.036000000000001</v>
      </c>
      <c r="C3310" t="str">
        <f>'CPT Data'!P3318</f>
        <v>SAND</v>
      </c>
      <c r="D3310" t="e">
        <f>'CPT Data'!Q3318</f>
        <v>#N/A</v>
      </c>
      <c r="E3310" t="e">
        <f t="shared" si="52"/>
        <v>#N/A</v>
      </c>
      <c r="F3310" t="str">
        <f>IF(C3310="CLAY", INDEX(D$4:D3310, MATCH("CLAY", C$4:C3310, 0)), "")</f>
        <v/>
      </c>
    </row>
    <row r="3311" spans="1:6" x14ac:dyDescent="0.2">
      <c r="A3311" s="239">
        <f>'CPT Data'!B3319</f>
        <v>33.052999999999997</v>
      </c>
      <c r="B3311" s="3">
        <f>'CPT Data'!C3319</f>
        <v>33.045999999999999</v>
      </c>
      <c r="C3311" t="str">
        <f>'CPT Data'!P3319</f>
        <v>SAND</v>
      </c>
      <c r="D3311" t="e">
        <f>'CPT Data'!Q3319</f>
        <v>#N/A</v>
      </c>
      <c r="E3311" t="e">
        <f t="shared" si="52"/>
        <v>#N/A</v>
      </c>
      <c r="F3311" t="str">
        <f>IF(C3311="CLAY", INDEX(D$4:D3311, MATCH("CLAY", C$4:C3311, 0)), "")</f>
        <v/>
      </c>
    </row>
    <row r="3312" spans="1:6" x14ac:dyDescent="0.2">
      <c r="A3312" s="239">
        <f>'CPT Data'!B3320</f>
        <v>33.064</v>
      </c>
      <c r="B3312" s="3">
        <f>'CPT Data'!C3320</f>
        <v>33.057000000000002</v>
      </c>
      <c r="C3312" t="str">
        <f>'CPT Data'!P3320</f>
        <v>SAND</v>
      </c>
      <c r="D3312" t="e">
        <f>'CPT Data'!Q3320</f>
        <v>#N/A</v>
      </c>
      <c r="E3312" t="e">
        <f t="shared" si="52"/>
        <v>#N/A</v>
      </c>
      <c r="F3312" t="str">
        <f>IF(C3312="CLAY", INDEX(D$4:D3312, MATCH("CLAY", C$4:C3312, 0)), "")</f>
        <v/>
      </c>
    </row>
    <row r="3313" spans="1:6" x14ac:dyDescent="0.2">
      <c r="A3313" s="239">
        <f>'CPT Data'!B3321</f>
        <v>33.073999999999998</v>
      </c>
      <c r="B3313" s="3">
        <f>'CPT Data'!C3321</f>
        <v>33.067</v>
      </c>
      <c r="C3313" t="str">
        <f>'CPT Data'!P3321</f>
        <v>SAND</v>
      </c>
      <c r="D3313" t="e">
        <f>'CPT Data'!Q3321</f>
        <v>#N/A</v>
      </c>
      <c r="E3313" t="e">
        <f t="shared" si="52"/>
        <v>#N/A</v>
      </c>
      <c r="F3313" t="str">
        <f>IF(C3313="CLAY", INDEX(D$4:D3313, MATCH("CLAY", C$4:C3313, 0)), "")</f>
        <v/>
      </c>
    </row>
    <row r="3314" spans="1:6" x14ac:dyDescent="0.2">
      <c r="A3314" s="239">
        <f>'CPT Data'!B3322</f>
        <v>33.082999999999998</v>
      </c>
      <c r="B3314" s="3">
        <f>'CPT Data'!C3322</f>
        <v>33.076000000000001</v>
      </c>
      <c r="C3314" t="str">
        <f>'CPT Data'!P3322</f>
        <v>SAND</v>
      </c>
      <c r="D3314" t="e">
        <f>'CPT Data'!Q3322</f>
        <v>#N/A</v>
      </c>
      <c r="E3314" t="e">
        <f t="shared" si="52"/>
        <v>#N/A</v>
      </c>
      <c r="F3314" t="str">
        <f>IF(C3314="CLAY", INDEX(D$4:D3314, MATCH("CLAY", C$4:C3314, 0)), "")</f>
        <v/>
      </c>
    </row>
    <row r="3315" spans="1:6" x14ac:dyDescent="0.2">
      <c r="A3315" s="239">
        <f>'CPT Data'!B3323</f>
        <v>33.091999999999999</v>
      </c>
      <c r="B3315" s="3">
        <f>'CPT Data'!C3323</f>
        <v>33.085000000000001</v>
      </c>
      <c r="C3315" t="str">
        <f>'CPT Data'!P3323</f>
        <v>SAND</v>
      </c>
      <c r="D3315" t="e">
        <f>'CPT Data'!Q3323</f>
        <v>#N/A</v>
      </c>
      <c r="E3315" t="e">
        <f t="shared" si="52"/>
        <v>#N/A</v>
      </c>
      <c r="F3315" t="str">
        <f>IF(C3315="CLAY", INDEX(D$4:D3315, MATCH("CLAY", C$4:C3315, 0)), "")</f>
        <v/>
      </c>
    </row>
    <row r="3316" spans="1:6" x14ac:dyDescent="0.2">
      <c r="A3316" s="239">
        <f>'CPT Data'!B3324</f>
        <v>33.103000000000002</v>
      </c>
      <c r="B3316" s="3">
        <f>'CPT Data'!C3324</f>
        <v>33.096000000000004</v>
      </c>
      <c r="C3316" t="str">
        <f>'CPT Data'!P3324</f>
        <v>SAND</v>
      </c>
      <c r="D3316" t="e">
        <f>'CPT Data'!Q3324</f>
        <v>#N/A</v>
      </c>
      <c r="E3316" t="e">
        <f t="shared" si="52"/>
        <v>#N/A</v>
      </c>
      <c r="F3316" t="str">
        <f>IF(C3316="CLAY", INDEX(D$4:D3316, MATCH("CLAY", C$4:C3316, 0)), "")</f>
        <v/>
      </c>
    </row>
    <row r="3317" spans="1:6" x14ac:dyDescent="0.2">
      <c r="A3317" s="239">
        <f>'CPT Data'!B3325</f>
        <v>33.112000000000002</v>
      </c>
      <c r="B3317" s="3">
        <f>'CPT Data'!C3325</f>
        <v>33.105000000000004</v>
      </c>
      <c r="C3317" t="str">
        <f>'CPT Data'!P3325</f>
        <v>SAND</v>
      </c>
      <c r="D3317" t="e">
        <f>'CPT Data'!Q3325</f>
        <v>#N/A</v>
      </c>
      <c r="E3317" t="e">
        <f t="shared" si="52"/>
        <v>#N/A</v>
      </c>
      <c r="F3317" t="str">
        <f>IF(C3317="CLAY", INDEX(D$4:D3317, MATCH("CLAY", C$4:C3317, 0)), "")</f>
        <v/>
      </c>
    </row>
    <row r="3318" spans="1:6" x14ac:dyDescent="0.2">
      <c r="A3318" s="239">
        <f>'CPT Data'!B3326</f>
        <v>33.121000000000002</v>
      </c>
      <c r="B3318" s="3">
        <f>'CPT Data'!C3326</f>
        <v>33.114000000000004</v>
      </c>
      <c r="C3318" t="str">
        <f>'CPT Data'!P3326</f>
        <v>SAND</v>
      </c>
      <c r="D3318" t="e">
        <f>'CPT Data'!Q3326</f>
        <v>#N/A</v>
      </c>
      <c r="E3318" t="e">
        <f t="shared" si="52"/>
        <v>#N/A</v>
      </c>
      <c r="F3318" t="str">
        <f>IF(C3318="CLAY", INDEX(D$4:D3318, MATCH("CLAY", C$4:C3318, 0)), "")</f>
        <v/>
      </c>
    </row>
    <row r="3319" spans="1:6" x14ac:dyDescent="0.2">
      <c r="A3319" s="239">
        <f>'CPT Data'!B3327</f>
        <v>33.131</v>
      </c>
      <c r="B3319" s="3">
        <f>'CPT Data'!C3327</f>
        <v>33.124000000000002</v>
      </c>
      <c r="C3319" t="str">
        <f>'CPT Data'!P3327</f>
        <v>SAND</v>
      </c>
      <c r="D3319" t="e">
        <f>'CPT Data'!Q3327</f>
        <v>#N/A</v>
      </c>
      <c r="E3319" t="e">
        <f t="shared" si="52"/>
        <v>#N/A</v>
      </c>
      <c r="F3319" t="str">
        <f>IF(C3319="CLAY", INDEX(D$4:D3319, MATCH("CLAY", C$4:C3319, 0)), "")</f>
        <v/>
      </c>
    </row>
    <row r="3320" spans="1:6" x14ac:dyDescent="0.2">
      <c r="A3320" s="239">
        <f>'CPT Data'!B3328</f>
        <v>33.140999999999998</v>
      </c>
      <c r="B3320" s="3">
        <f>'CPT Data'!C3328</f>
        <v>33.134</v>
      </c>
      <c r="C3320" t="str">
        <f>'CPT Data'!P3328</f>
        <v>SAND</v>
      </c>
      <c r="D3320" t="e">
        <f>'CPT Data'!Q3328</f>
        <v>#N/A</v>
      </c>
      <c r="E3320" t="e">
        <f t="shared" si="52"/>
        <v>#N/A</v>
      </c>
      <c r="F3320" t="str">
        <f>IF(C3320="CLAY", INDEX(D$4:D3320, MATCH("CLAY", C$4:C3320, 0)), "")</f>
        <v/>
      </c>
    </row>
    <row r="3321" spans="1:6" x14ac:dyDescent="0.2">
      <c r="A3321" s="239">
        <f>'CPT Data'!B3329</f>
        <v>33.151000000000003</v>
      </c>
      <c r="B3321" s="3">
        <f>'CPT Data'!C3329</f>
        <v>33.144000000000005</v>
      </c>
      <c r="C3321" t="str">
        <f>'CPT Data'!P3329</f>
        <v>SAND</v>
      </c>
      <c r="D3321" t="e">
        <f>'CPT Data'!Q3329</f>
        <v>#N/A</v>
      </c>
      <c r="E3321" t="e">
        <f t="shared" si="52"/>
        <v>#N/A</v>
      </c>
      <c r="F3321" t="str">
        <f>IF(C3321="CLAY", INDEX(D$4:D3321, MATCH("CLAY", C$4:C3321, 0)), "")</f>
        <v/>
      </c>
    </row>
    <row r="3322" spans="1:6" x14ac:dyDescent="0.2">
      <c r="A3322" s="239">
        <f>'CPT Data'!B3330</f>
        <v>33.161000000000001</v>
      </c>
      <c r="B3322" s="3">
        <f>'CPT Data'!C3330</f>
        <v>33.154000000000003</v>
      </c>
      <c r="C3322" t="str">
        <f>'CPT Data'!P3330</f>
        <v>SAND</v>
      </c>
      <c r="D3322" t="e">
        <f>'CPT Data'!Q3330</f>
        <v>#N/A</v>
      </c>
      <c r="E3322" t="e">
        <f t="shared" si="52"/>
        <v>#N/A</v>
      </c>
      <c r="F3322" t="str">
        <f>IF(C3322="CLAY", INDEX(D$4:D3322, MATCH("CLAY", C$4:C3322, 0)), "")</f>
        <v/>
      </c>
    </row>
    <row r="3323" spans="1:6" x14ac:dyDescent="0.2">
      <c r="A3323" s="239">
        <f>'CPT Data'!B3331</f>
        <v>33.170999999999999</v>
      </c>
      <c r="B3323" s="3">
        <f>'CPT Data'!C3331</f>
        <v>33.164000000000001</v>
      </c>
      <c r="C3323" t="str">
        <f>'CPT Data'!P3331</f>
        <v>SAND</v>
      </c>
      <c r="D3323" t="e">
        <f>'CPT Data'!Q3331</f>
        <v>#N/A</v>
      </c>
      <c r="E3323" t="e">
        <f t="shared" si="52"/>
        <v>#N/A</v>
      </c>
      <c r="F3323" t="str">
        <f>IF(C3323="CLAY", INDEX(D$4:D3323, MATCH("CLAY", C$4:C3323, 0)), "")</f>
        <v/>
      </c>
    </row>
    <row r="3324" spans="1:6" x14ac:dyDescent="0.2">
      <c r="A3324" s="239">
        <f>'CPT Data'!B3332</f>
        <v>33.18</v>
      </c>
      <c r="B3324" s="3">
        <f>'CPT Data'!C3332</f>
        <v>33.173000000000002</v>
      </c>
      <c r="C3324" t="str">
        <f>'CPT Data'!P3332</f>
        <v>SAND</v>
      </c>
      <c r="D3324" t="e">
        <f>'CPT Data'!Q3332</f>
        <v>#N/A</v>
      </c>
      <c r="E3324" t="e">
        <f t="shared" si="52"/>
        <v>#N/A</v>
      </c>
      <c r="F3324" t="str">
        <f>IF(C3324="CLAY", INDEX(D$4:D3324, MATCH("CLAY", C$4:C3324, 0)), "")</f>
        <v/>
      </c>
    </row>
    <row r="3325" spans="1:6" x14ac:dyDescent="0.2">
      <c r="A3325" s="239">
        <f>'CPT Data'!B3333</f>
        <v>33.19</v>
      </c>
      <c r="B3325" s="3">
        <f>'CPT Data'!C3333</f>
        <v>33.183</v>
      </c>
      <c r="C3325" t="str">
        <f>'CPT Data'!P3333</f>
        <v>SAND</v>
      </c>
      <c r="D3325" t="e">
        <f>'CPT Data'!Q3333</f>
        <v>#N/A</v>
      </c>
      <c r="E3325" t="e">
        <f t="shared" si="52"/>
        <v>#N/A</v>
      </c>
      <c r="F3325" t="str">
        <f>IF(C3325="CLAY", INDEX(D$4:D3325, MATCH("CLAY", C$4:C3325, 0)), "")</f>
        <v/>
      </c>
    </row>
    <row r="3326" spans="1:6" x14ac:dyDescent="0.2">
      <c r="A3326" s="239">
        <f>'CPT Data'!B3334</f>
        <v>33.200000000000003</v>
      </c>
      <c r="B3326" s="3">
        <f>'CPT Data'!C3334</f>
        <v>33.193000000000005</v>
      </c>
      <c r="C3326" t="str">
        <f>'CPT Data'!P3334</f>
        <v>SAND</v>
      </c>
      <c r="D3326" t="e">
        <f>'CPT Data'!Q3334</f>
        <v>#N/A</v>
      </c>
      <c r="E3326" t="e">
        <f t="shared" si="52"/>
        <v>#N/A</v>
      </c>
      <c r="F3326" t="str">
        <f>IF(C3326="CLAY", INDEX(D$4:D3326, MATCH("CLAY", C$4:C3326, 0)), "")</f>
        <v/>
      </c>
    </row>
    <row r="3327" spans="1:6" x14ac:dyDescent="0.2">
      <c r="A3327" s="239">
        <f>'CPT Data'!B3335</f>
        <v>33.209000000000003</v>
      </c>
      <c r="B3327" s="3">
        <f>'CPT Data'!C3335</f>
        <v>33.202000000000005</v>
      </c>
      <c r="C3327" t="str">
        <f>'CPT Data'!P3335</f>
        <v>SAND</v>
      </c>
      <c r="D3327" t="e">
        <f>'CPT Data'!Q3335</f>
        <v>#N/A</v>
      </c>
      <c r="E3327" t="e">
        <f t="shared" si="52"/>
        <v>#N/A</v>
      </c>
      <c r="F3327" t="str">
        <f>IF(C3327="CLAY", INDEX(D$4:D3327, MATCH("CLAY", C$4:C3327, 0)), "")</f>
        <v/>
      </c>
    </row>
    <row r="3328" spans="1:6" x14ac:dyDescent="0.2">
      <c r="A3328" s="239">
        <f>'CPT Data'!B3336</f>
        <v>33.219000000000001</v>
      </c>
      <c r="B3328" s="3">
        <f>'CPT Data'!C3336</f>
        <v>33.212000000000003</v>
      </c>
      <c r="C3328" t="str">
        <f>'CPT Data'!P3336</f>
        <v>SAND</v>
      </c>
      <c r="D3328" t="e">
        <f>'CPT Data'!Q3336</f>
        <v>#N/A</v>
      </c>
      <c r="E3328" t="e">
        <f t="shared" si="52"/>
        <v>#N/A</v>
      </c>
      <c r="F3328" t="str">
        <f>IF(C3328="CLAY", INDEX(D$4:D3328, MATCH("CLAY", C$4:C3328, 0)), "")</f>
        <v/>
      </c>
    </row>
    <row r="3329" spans="1:6" x14ac:dyDescent="0.2">
      <c r="A3329" s="239">
        <f>'CPT Data'!B3337</f>
        <v>33.228999999999999</v>
      </c>
      <c r="B3329" s="3">
        <f>'CPT Data'!C3337</f>
        <v>33.222000000000001</v>
      </c>
      <c r="C3329" t="str">
        <f>'CPT Data'!P3337</f>
        <v>SAND</v>
      </c>
      <c r="D3329" t="e">
        <f>'CPT Data'!Q3337</f>
        <v>#N/A</v>
      </c>
      <c r="E3329" t="e">
        <f t="shared" si="52"/>
        <v>#N/A</v>
      </c>
      <c r="F3329" t="str">
        <f>IF(C3329="CLAY", INDEX(D$4:D3329, MATCH("CLAY", C$4:C3329, 0)), "")</f>
        <v/>
      </c>
    </row>
    <row r="3330" spans="1:6" x14ac:dyDescent="0.2">
      <c r="A3330" s="239">
        <f>'CPT Data'!B3338</f>
        <v>33.238</v>
      </c>
      <c r="B3330" s="3">
        <f>'CPT Data'!C3338</f>
        <v>33.231000000000002</v>
      </c>
      <c r="C3330" t="str">
        <f>'CPT Data'!P3338</f>
        <v>SAND</v>
      </c>
      <c r="D3330" t="e">
        <f>'CPT Data'!Q3338</f>
        <v>#N/A</v>
      </c>
      <c r="E3330" t="e">
        <f t="shared" si="52"/>
        <v>#N/A</v>
      </c>
      <c r="F3330" t="str">
        <f>IF(C3330="CLAY", INDEX(D$4:D3330, MATCH("CLAY", C$4:C3330, 0)), "")</f>
        <v/>
      </c>
    </row>
    <row r="3331" spans="1:6" x14ac:dyDescent="0.2">
      <c r="A3331" s="239">
        <f>'CPT Data'!B3339</f>
        <v>33.247</v>
      </c>
      <c r="B3331" s="3">
        <f>'CPT Data'!C3339</f>
        <v>33.24</v>
      </c>
      <c r="C3331" t="str">
        <f>'CPT Data'!P3339</f>
        <v>SAND</v>
      </c>
      <c r="D3331" t="e">
        <f>'CPT Data'!Q3339</f>
        <v>#N/A</v>
      </c>
      <c r="E3331" t="e">
        <f t="shared" si="52"/>
        <v>#N/A</v>
      </c>
      <c r="F3331" t="str">
        <f>IF(C3331="CLAY", INDEX(D$4:D3331, MATCH("CLAY", C$4:C3331, 0)), "")</f>
        <v/>
      </c>
    </row>
    <row r="3332" spans="1:6" x14ac:dyDescent="0.2">
      <c r="A3332" s="239">
        <f>'CPT Data'!B3340</f>
        <v>33.256999999999998</v>
      </c>
      <c r="B3332" s="3">
        <f>'CPT Data'!C3340</f>
        <v>33.25</v>
      </c>
      <c r="C3332" t="str">
        <f>'CPT Data'!P3340</f>
        <v>SAND</v>
      </c>
      <c r="D3332" t="e">
        <f>'CPT Data'!Q3340</f>
        <v>#N/A</v>
      </c>
      <c r="E3332" t="e">
        <f t="shared" si="52"/>
        <v>#N/A</v>
      </c>
      <c r="F3332" t="str">
        <f>IF(C3332="CLAY", INDEX(D$4:D3332, MATCH("CLAY", C$4:C3332, 0)), "")</f>
        <v/>
      </c>
    </row>
    <row r="3333" spans="1:6" x14ac:dyDescent="0.2">
      <c r="A3333" s="239">
        <f>'CPT Data'!B3341</f>
        <v>33.268000000000001</v>
      </c>
      <c r="B3333" s="3">
        <f>'CPT Data'!C3341</f>
        <v>33.261000000000003</v>
      </c>
      <c r="C3333" t="str">
        <f>'CPT Data'!P3341</f>
        <v>SAND</v>
      </c>
      <c r="D3333" t="e">
        <f>'CPT Data'!Q3341</f>
        <v>#N/A</v>
      </c>
      <c r="E3333" t="e">
        <f t="shared" si="52"/>
        <v>#N/A</v>
      </c>
      <c r="F3333" t="str">
        <f>IF(C3333="CLAY", INDEX(D$4:D3333, MATCH("CLAY", C$4:C3333, 0)), "")</f>
        <v/>
      </c>
    </row>
    <row r="3334" spans="1:6" x14ac:dyDescent="0.2">
      <c r="A3334" s="239">
        <f>'CPT Data'!B3342</f>
        <v>33.277000000000001</v>
      </c>
      <c r="B3334" s="3">
        <f>'CPT Data'!C3342</f>
        <v>33.270000000000003</v>
      </c>
      <c r="C3334" t="str">
        <f>'CPT Data'!P3342</f>
        <v>SAND</v>
      </c>
      <c r="D3334" t="e">
        <f>'CPT Data'!Q3342</f>
        <v>#N/A</v>
      </c>
      <c r="E3334" t="e">
        <f t="shared" si="52"/>
        <v>#N/A</v>
      </c>
      <c r="F3334" t="str">
        <f>IF(C3334="CLAY", INDEX(D$4:D3334, MATCH("CLAY", C$4:C3334, 0)), "")</f>
        <v/>
      </c>
    </row>
    <row r="3335" spans="1:6" x14ac:dyDescent="0.2">
      <c r="A3335" s="239">
        <f>'CPT Data'!B3343</f>
        <v>33.286999999999999</v>
      </c>
      <c r="B3335" s="3">
        <f>'CPT Data'!C3343</f>
        <v>33.28</v>
      </c>
      <c r="C3335" t="str">
        <f>'CPT Data'!P3343</f>
        <v>SAND</v>
      </c>
      <c r="D3335" t="e">
        <f>'CPT Data'!Q3343</f>
        <v>#N/A</v>
      </c>
      <c r="E3335" t="e">
        <f t="shared" si="52"/>
        <v>#N/A</v>
      </c>
      <c r="F3335" t="str">
        <f>IF(C3335="CLAY", INDEX(D$4:D3335, MATCH("CLAY", C$4:C3335, 0)), "")</f>
        <v/>
      </c>
    </row>
    <row r="3336" spans="1:6" x14ac:dyDescent="0.2">
      <c r="A3336" s="239">
        <f>'CPT Data'!B3344</f>
        <v>33.298000000000002</v>
      </c>
      <c r="B3336" s="3">
        <f>'CPT Data'!C3344</f>
        <v>33.291000000000004</v>
      </c>
      <c r="C3336" t="str">
        <f>'CPT Data'!P3344</f>
        <v>SAND</v>
      </c>
      <c r="D3336" t="e">
        <f>'CPT Data'!Q3344</f>
        <v>#N/A</v>
      </c>
      <c r="E3336" t="e">
        <f t="shared" si="52"/>
        <v>#N/A</v>
      </c>
      <c r="F3336" t="str">
        <f>IF(C3336="CLAY", INDEX(D$4:D3336, MATCH("CLAY", C$4:C3336, 0)), "")</f>
        <v/>
      </c>
    </row>
    <row r="3337" spans="1:6" x14ac:dyDescent="0.2">
      <c r="A3337" s="239">
        <f>'CPT Data'!B3345</f>
        <v>33.307000000000002</v>
      </c>
      <c r="B3337" s="3">
        <f>'CPT Data'!C3345</f>
        <v>33.300000000000004</v>
      </c>
      <c r="C3337" t="str">
        <f>'CPT Data'!P3345</f>
        <v>SAND</v>
      </c>
      <c r="D3337" t="e">
        <f>'CPT Data'!Q3345</f>
        <v>#N/A</v>
      </c>
      <c r="E3337" t="e">
        <f t="shared" si="52"/>
        <v>#N/A</v>
      </c>
      <c r="F3337" t="str">
        <f>IF(C3337="CLAY", INDEX(D$4:D3337, MATCH("CLAY", C$4:C3337, 0)), "")</f>
        <v/>
      </c>
    </row>
    <row r="3338" spans="1:6" x14ac:dyDescent="0.2">
      <c r="A3338" s="239">
        <f>'CPT Data'!B3346</f>
        <v>33.317999999999998</v>
      </c>
      <c r="B3338" s="3">
        <f>'CPT Data'!C3346</f>
        <v>33.311</v>
      </c>
      <c r="C3338" t="str">
        <f>'CPT Data'!P3346</f>
        <v>SAND</v>
      </c>
      <c r="D3338" t="e">
        <f>'CPT Data'!Q3346</f>
        <v>#N/A</v>
      </c>
      <c r="E3338" t="e">
        <f t="shared" si="52"/>
        <v>#N/A</v>
      </c>
      <c r="F3338" t="str">
        <f>IF(C3338="CLAY", INDEX(D$4:D3338, MATCH("CLAY", C$4:C3338, 0)), "")</f>
        <v/>
      </c>
    </row>
    <row r="3339" spans="1:6" x14ac:dyDescent="0.2">
      <c r="A3339" s="239">
        <f>'CPT Data'!B3347</f>
        <v>33.326999999999998</v>
      </c>
      <c r="B3339" s="3">
        <f>'CPT Data'!C3347</f>
        <v>33.32</v>
      </c>
      <c r="C3339" t="str">
        <f>'CPT Data'!P3347</f>
        <v>SAND</v>
      </c>
      <c r="D3339" t="e">
        <f>'CPT Data'!Q3347</f>
        <v>#N/A</v>
      </c>
      <c r="E3339" t="e">
        <f t="shared" si="52"/>
        <v>#N/A</v>
      </c>
      <c r="F3339" t="str">
        <f>IF(C3339="CLAY", INDEX(D$4:D3339, MATCH("CLAY", C$4:C3339, 0)), "")</f>
        <v/>
      </c>
    </row>
    <row r="3340" spans="1:6" x14ac:dyDescent="0.2">
      <c r="A3340" s="239">
        <f>'CPT Data'!B3348</f>
        <v>33.335999999999999</v>
      </c>
      <c r="B3340" s="3">
        <f>'CPT Data'!C3348</f>
        <v>33.329000000000001</v>
      </c>
      <c r="C3340" t="str">
        <f>'CPT Data'!P3348</f>
        <v>SAND</v>
      </c>
      <c r="D3340" t="e">
        <f>'CPT Data'!Q3348</f>
        <v>#N/A</v>
      </c>
      <c r="E3340" t="e">
        <f t="shared" si="52"/>
        <v>#N/A</v>
      </c>
      <c r="F3340" t="str">
        <f>IF(C3340="CLAY", INDEX(D$4:D3340, MATCH("CLAY", C$4:C3340, 0)), "")</f>
        <v/>
      </c>
    </row>
    <row r="3341" spans="1:6" x14ac:dyDescent="0.2">
      <c r="A3341" s="239">
        <f>'CPT Data'!B3349</f>
        <v>33.347000000000001</v>
      </c>
      <c r="B3341" s="3">
        <f>'CPT Data'!C3349</f>
        <v>33.340000000000003</v>
      </c>
      <c r="C3341" t="str">
        <f>'CPT Data'!P3349</f>
        <v>SAND</v>
      </c>
      <c r="D3341" t="e">
        <f>'CPT Data'!Q3349</f>
        <v>#N/A</v>
      </c>
      <c r="E3341" t="e">
        <f t="shared" si="52"/>
        <v>#N/A</v>
      </c>
      <c r="F3341" t="str">
        <f>IF(C3341="CLAY", INDEX(D$4:D3341, MATCH("CLAY", C$4:C3341, 0)), "")</f>
        <v/>
      </c>
    </row>
    <row r="3342" spans="1:6" x14ac:dyDescent="0.2">
      <c r="A3342" s="239">
        <f>'CPT Data'!B3350</f>
        <v>33.356000000000002</v>
      </c>
      <c r="B3342" s="3">
        <f>'CPT Data'!C3350</f>
        <v>33.349000000000004</v>
      </c>
      <c r="C3342" t="str">
        <f>'CPT Data'!P3350</f>
        <v>SAND</v>
      </c>
      <c r="D3342" t="e">
        <f>'CPT Data'!Q3350</f>
        <v>#N/A</v>
      </c>
      <c r="E3342" t="e">
        <f t="shared" si="52"/>
        <v>#N/A</v>
      </c>
      <c r="F3342" t="str">
        <f>IF(C3342="CLAY", INDEX(D$4:D3342, MATCH("CLAY", C$4:C3342, 0)), "")</f>
        <v/>
      </c>
    </row>
    <row r="3343" spans="1:6" x14ac:dyDescent="0.2">
      <c r="A3343" s="239">
        <f>'CPT Data'!B3351</f>
        <v>33.366999999999997</v>
      </c>
      <c r="B3343" s="3">
        <f>'CPT Data'!C3351</f>
        <v>33.36</v>
      </c>
      <c r="C3343" t="str">
        <f>'CPT Data'!P3351</f>
        <v>CLAY</v>
      </c>
      <c r="D3343">
        <f>'CPT Data'!Q3351</f>
        <v>414.2592943178916</v>
      </c>
      <c r="E3343">
        <f t="shared" si="52"/>
        <v>414.2592943178916</v>
      </c>
      <c r="F3343">
        <f>IF(C3343="CLAY", INDEX(D$4:D3343, MATCH("CLAY", C$4:C3343, 0)), "")</f>
        <v>0.75203252561341039</v>
      </c>
    </row>
    <row r="3344" spans="1:6" x14ac:dyDescent="0.2">
      <c r="A3344" s="239">
        <f>'CPT Data'!B3352</f>
        <v>33.375999999999998</v>
      </c>
      <c r="B3344" s="3">
        <f>'CPT Data'!C3352</f>
        <v>33.369</v>
      </c>
      <c r="C3344" t="str">
        <f>'CPT Data'!P3352</f>
        <v>CLAY</v>
      </c>
      <c r="D3344">
        <f>'CPT Data'!Q3352</f>
        <v>376.09596501237888</v>
      </c>
      <c r="E3344">
        <f t="shared" si="52"/>
        <v>414.2592943178916</v>
      </c>
      <c r="F3344">
        <f>IF(C3344="CLAY", INDEX(D$4:D3344, MATCH("CLAY", C$4:C3344, 0)), "")</f>
        <v>0.75203252561341039</v>
      </c>
    </row>
    <row r="3345" spans="1:6" x14ac:dyDescent="0.2">
      <c r="A3345" s="239">
        <f>'CPT Data'!B3353</f>
        <v>33.386000000000003</v>
      </c>
      <c r="B3345" s="3">
        <f>'CPT Data'!C3353</f>
        <v>33.379000000000005</v>
      </c>
      <c r="C3345" t="str">
        <f>'CPT Data'!P3353</f>
        <v>CLAY</v>
      </c>
      <c r="D3345">
        <f>'CPT Data'!Q3353</f>
        <v>344.40991862059246</v>
      </c>
      <c r="E3345">
        <f t="shared" si="52"/>
        <v>376.09596501237888</v>
      </c>
      <c r="F3345">
        <f>IF(C3345="CLAY", INDEX(D$4:D3345, MATCH("CLAY", C$4:C3345, 0)), "")</f>
        <v>0.75203252561341039</v>
      </c>
    </row>
    <row r="3346" spans="1:6" x14ac:dyDescent="0.2">
      <c r="A3346" s="239">
        <f>'CPT Data'!B3354</f>
        <v>33.395000000000003</v>
      </c>
      <c r="B3346" s="3">
        <f>'CPT Data'!C3354</f>
        <v>33.388000000000005</v>
      </c>
      <c r="C3346" t="str">
        <f>'CPT Data'!P3354</f>
        <v>CLAY</v>
      </c>
      <c r="D3346">
        <f>'CPT Data'!Q3354</f>
        <v>326.1252219583817</v>
      </c>
      <c r="E3346">
        <f t="shared" si="52"/>
        <v>344.40991862059246</v>
      </c>
      <c r="F3346">
        <f>IF(C3346="CLAY", INDEX(D$4:D3346, MATCH("CLAY", C$4:C3346, 0)), "")</f>
        <v>0.75203252561341039</v>
      </c>
    </row>
    <row r="3347" spans="1:6" x14ac:dyDescent="0.2">
      <c r="A3347" s="239">
        <f>'CPT Data'!B3355</f>
        <v>33.405999999999999</v>
      </c>
      <c r="B3347" s="3">
        <f>'CPT Data'!C3355</f>
        <v>33.399000000000001</v>
      </c>
      <c r="C3347" t="str">
        <f>'CPT Data'!P3355</f>
        <v>CLAY</v>
      </c>
      <c r="D3347">
        <f>'CPT Data'!Q3355</f>
        <v>321.42088974297371</v>
      </c>
      <c r="E3347">
        <f t="shared" si="52"/>
        <v>326.1252219583817</v>
      </c>
      <c r="F3347">
        <f>IF(C3347="CLAY", INDEX(D$4:D3347, MATCH("CLAY", C$4:C3347, 0)), "")</f>
        <v>0.75203252561341039</v>
      </c>
    </row>
    <row r="3348" spans="1:6" x14ac:dyDescent="0.2">
      <c r="A3348" s="239">
        <f>'CPT Data'!B3356</f>
        <v>33.414999999999999</v>
      </c>
      <c r="B3348" s="3">
        <f>'CPT Data'!C3356</f>
        <v>33.408000000000001</v>
      </c>
      <c r="C3348" t="str">
        <f>'CPT Data'!P3356</f>
        <v>CLAY</v>
      </c>
      <c r="D3348">
        <f>'CPT Data'!Q3356</f>
        <v>321.3056392692842</v>
      </c>
      <c r="E3348">
        <f t="shared" si="52"/>
        <v>321.42088974297371</v>
      </c>
      <c r="F3348">
        <f>IF(C3348="CLAY", INDEX(D$4:D3348, MATCH("CLAY", C$4:C3348, 0)), "")</f>
        <v>0.75203252561341039</v>
      </c>
    </row>
    <row r="3349" spans="1:6" x14ac:dyDescent="0.2">
      <c r="A3349" s="239">
        <f>'CPT Data'!B3357</f>
        <v>33.423999999999999</v>
      </c>
      <c r="B3349" s="3">
        <f>'CPT Data'!C3357</f>
        <v>33.417000000000002</v>
      </c>
      <c r="C3349" t="str">
        <f>'CPT Data'!P3357</f>
        <v>CLAY</v>
      </c>
      <c r="D3349">
        <f>'CPT Data'!Q3357</f>
        <v>333.96026957870987</v>
      </c>
      <c r="E3349">
        <f t="shared" si="52"/>
        <v>321.3056392692842</v>
      </c>
      <c r="F3349">
        <f>IF(C3349="CLAY", INDEX(D$4:D3349, MATCH("CLAY", C$4:C3349, 0)), "")</f>
        <v>0.75203252561341039</v>
      </c>
    </row>
    <row r="3350" spans="1:6" x14ac:dyDescent="0.2">
      <c r="A3350" s="239">
        <f>'CPT Data'!B3358</f>
        <v>33.435000000000002</v>
      </c>
      <c r="B3350" s="3">
        <f>'CPT Data'!C3358</f>
        <v>33.428000000000004</v>
      </c>
      <c r="C3350" t="str">
        <f>'CPT Data'!P3358</f>
        <v>CLAY</v>
      </c>
      <c r="D3350">
        <f>'CPT Data'!Q3358</f>
        <v>351.85777474641441</v>
      </c>
      <c r="E3350">
        <f t="shared" si="52"/>
        <v>333.96026957870987</v>
      </c>
      <c r="F3350">
        <f>IF(C3350="CLAY", INDEX(D$4:D3350, MATCH("CLAY", C$4:C3350, 0)), "")</f>
        <v>0.75203252561341039</v>
      </c>
    </row>
    <row r="3351" spans="1:6" x14ac:dyDescent="0.2">
      <c r="A3351" s="239">
        <f>'CPT Data'!B3359</f>
        <v>33.444000000000003</v>
      </c>
      <c r="B3351" s="3">
        <f>'CPT Data'!C3359</f>
        <v>33.437000000000005</v>
      </c>
      <c r="C3351" t="str">
        <f>'CPT Data'!P3359</f>
        <v>CLAY</v>
      </c>
      <c r="D3351">
        <f>'CPT Data'!Q3359</f>
        <v>361.31917314876097</v>
      </c>
      <c r="E3351">
        <f t="shared" si="52"/>
        <v>351.85777474641441</v>
      </c>
      <c r="F3351">
        <f>IF(C3351="CLAY", INDEX(D$4:D3351, MATCH("CLAY", C$4:C3351, 0)), "")</f>
        <v>0.75203252561341039</v>
      </c>
    </row>
    <row r="3352" spans="1:6" x14ac:dyDescent="0.2">
      <c r="A3352" s="239">
        <f>'CPT Data'!B3360</f>
        <v>33.453000000000003</v>
      </c>
      <c r="B3352" s="3">
        <f>'CPT Data'!C3360</f>
        <v>33.446000000000005</v>
      </c>
      <c r="C3352" t="str">
        <f>'CPT Data'!P3360</f>
        <v>CLAY</v>
      </c>
      <c r="D3352">
        <f>'CPT Data'!Q3360</f>
        <v>363.14858815246976</v>
      </c>
      <c r="E3352">
        <f t="shared" si="52"/>
        <v>361.31917314876097</v>
      </c>
      <c r="F3352">
        <f>IF(C3352="CLAY", INDEX(D$4:D3352, MATCH("CLAY", C$4:C3352, 0)), "")</f>
        <v>0.75203252561341039</v>
      </c>
    </row>
    <row r="3353" spans="1:6" x14ac:dyDescent="0.2">
      <c r="A3353" s="239">
        <f>'CPT Data'!B3361</f>
        <v>33.463999999999999</v>
      </c>
      <c r="B3353" s="3">
        <f>'CPT Data'!C3361</f>
        <v>33.457000000000001</v>
      </c>
      <c r="C3353" t="str">
        <f>'CPT Data'!P3361</f>
        <v>CLAY</v>
      </c>
      <c r="D3353">
        <f>'CPT Data'!Q3361</f>
        <v>385.65081124114926</v>
      </c>
      <c r="E3353">
        <f t="shared" si="52"/>
        <v>363.14858815246976</v>
      </c>
      <c r="F3353">
        <f>IF(C3353="CLAY", INDEX(D$4:D3353, MATCH("CLAY", C$4:C3353, 0)), "")</f>
        <v>0.75203252561341039</v>
      </c>
    </row>
    <row r="3354" spans="1:6" x14ac:dyDescent="0.2">
      <c r="A3354" s="239">
        <f>'CPT Data'!B3362</f>
        <v>33.472999999999999</v>
      </c>
      <c r="B3354" s="3">
        <f>'CPT Data'!C3362</f>
        <v>33.466000000000001</v>
      </c>
      <c r="C3354" t="str">
        <f>'CPT Data'!P3362</f>
        <v>CLAY</v>
      </c>
      <c r="D3354">
        <f>'CPT Data'!Q3362</f>
        <v>435.60243604607325</v>
      </c>
      <c r="E3354">
        <f t="shared" si="52"/>
        <v>385.65081124114926</v>
      </c>
      <c r="F3354">
        <f>IF(C3354="CLAY", INDEX(D$4:D3354, MATCH("CLAY", C$4:C3354, 0)), "")</f>
        <v>0.75203252561341039</v>
      </c>
    </row>
    <row r="3355" spans="1:6" x14ac:dyDescent="0.2">
      <c r="A3355" s="239">
        <f>'CPT Data'!B3363</f>
        <v>33.481999999999999</v>
      </c>
      <c r="B3355" s="3">
        <f>'CPT Data'!C3363</f>
        <v>33.475000000000001</v>
      </c>
      <c r="C3355" t="str">
        <f>'CPT Data'!P3363</f>
        <v>CLAY</v>
      </c>
      <c r="D3355">
        <f>'CPT Data'!Q3363</f>
        <v>514.21861355467024</v>
      </c>
      <c r="E3355">
        <f t="shared" ref="E3355:E3418" si="53">IF(C3355="SAND",#N/A,IF(C3355=C3354,D3354,IF(C3355="CLAY",D3355,#N/A)))</f>
        <v>435.60243604607325</v>
      </c>
      <c r="F3355">
        <f>IF(C3355="CLAY", INDEX(D$4:D3355, MATCH("CLAY", C$4:C3355, 0)), "")</f>
        <v>0.75203252561341039</v>
      </c>
    </row>
    <row r="3356" spans="1:6" x14ac:dyDescent="0.2">
      <c r="A3356" s="239">
        <f>'CPT Data'!B3364</f>
        <v>33.493000000000002</v>
      </c>
      <c r="B3356" s="3">
        <f>'CPT Data'!C3364</f>
        <v>33.486000000000004</v>
      </c>
      <c r="C3356" t="str">
        <f>'CPT Data'!P3364</f>
        <v>SAND</v>
      </c>
      <c r="D3356" t="e">
        <f>'CPT Data'!Q3364</f>
        <v>#N/A</v>
      </c>
      <c r="E3356" t="e">
        <f t="shared" si="53"/>
        <v>#N/A</v>
      </c>
      <c r="F3356" t="str">
        <f>IF(C3356="CLAY", INDEX(D$4:D3356, MATCH("CLAY", C$4:C3356, 0)), "")</f>
        <v/>
      </c>
    </row>
    <row r="3357" spans="1:6" x14ac:dyDescent="0.2">
      <c r="A3357" s="239">
        <f>'CPT Data'!B3365</f>
        <v>33.502000000000002</v>
      </c>
      <c r="B3357" s="3">
        <f>'CPT Data'!C3365</f>
        <v>33.495000000000005</v>
      </c>
      <c r="C3357" t="str">
        <f>'CPT Data'!P3365</f>
        <v>SAND</v>
      </c>
      <c r="D3357" t="e">
        <f>'CPT Data'!Q3365</f>
        <v>#N/A</v>
      </c>
      <c r="E3357" t="e">
        <f t="shared" si="53"/>
        <v>#N/A</v>
      </c>
      <c r="F3357" t="str">
        <f>IF(C3357="CLAY", INDEX(D$4:D3357, MATCH("CLAY", C$4:C3357, 0)), "")</f>
        <v/>
      </c>
    </row>
    <row r="3358" spans="1:6" x14ac:dyDescent="0.2">
      <c r="A3358" s="239">
        <f>'CPT Data'!B3366</f>
        <v>33.511000000000003</v>
      </c>
      <c r="B3358" s="3">
        <f>'CPT Data'!C3366</f>
        <v>33.504000000000005</v>
      </c>
      <c r="C3358" t="str">
        <f>'CPT Data'!P3366</f>
        <v>SAND</v>
      </c>
      <c r="D3358" t="e">
        <f>'CPT Data'!Q3366</f>
        <v>#N/A</v>
      </c>
      <c r="E3358" t="e">
        <f t="shared" si="53"/>
        <v>#N/A</v>
      </c>
      <c r="F3358" t="str">
        <f>IF(C3358="CLAY", INDEX(D$4:D3358, MATCH("CLAY", C$4:C3358, 0)), "")</f>
        <v/>
      </c>
    </row>
    <row r="3359" spans="1:6" x14ac:dyDescent="0.2">
      <c r="A3359" s="239">
        <f>'CPT Data'!B3367</f>
        <v>33.521999999999998</v>
      </c>
      <c r="B3359" s="3">
        <f>'CPT Data'!C3367</f>
        <v>33.515000000000001</v>
      </c>
      <c r="C3359" t="str">
        <f>'CPT Data'!P3367</f>
        <v>SAND</v>
      </c>
      <c r="D3359" t="e">
        <f>'CPT Data'!Q3367</f>
        <v>#N/A</v>
      </c>
      <c r="E3359" t="e">
        <f t="shared" si="53"/>
        <v>#N/A</v>
      </c>
      <c r="F3359" t="str">
        <f>IF(C3359="CLAY", INDEX(D$4:D3359, MATCH("CLAY", C$4:C3359, 0)), "")</f>
        <v/>
      </c>
    </row>
    <row r="3360" spans="1:6" x14ac:dyDescent="0.2">
      <c r="A3360" s="239">
        <f>'CPT Data'!B3368</f>
        <v>33.530999999999999</v>
      </c>
      <c r="B3360" s="3">
        <f>'CPT Data'!C3368</f>
        <v>33.524000000000001</v>
      </c>
      <c r="C3360" t="str">
        <f>'CPT Data'!P3368</f>
        <v>SAND</v>
      </c>
      <c r="D3360" t="e">
        <f>'CPT Data'!Q3368</f>
        <v>#N/A</v>
      </c>
      <c r="E3360" t="e">
        <f t="shared" si="53"/>
        <v>#N/A</v>
      </c>
      <c r="F3360" t="str">
        <f>IF(C3360="CLAY", INDEX(D$4:D3360, MATCH("CLAY", C$4:C3360, 0)), "")</f>
        <v/>
      </c>
    </row>
    <row r="3361" spans="1:6" x14ac:dyDescent="0.2">
      <c r="A3361" s="239">
        <f>'CPT Data'!B3369</f>
        <v>33.540999999999997</v>
      </c>
      <c r="B3361" s="3">
        <f>'CPT Data'!C3369</f>
        <v>33.533999999999999</v>
      </c>
      <c r="C3361" t="str">
        <f>'CPT Data'!P3369</f>
        <v>SAND</v>
      </c>
      <c r="D3361" t="e">
        <f>'CPT Data'!Q3369</f>
        <v>#N/A</v>
      </c>
      <c r="E3361" t="e">
        <f t="shared" si="53"/>
        <v>#N/A</v>
      </c>
      <c r="F3361" t="str">
        <f>IF(C3361="CLAY", INDEX(D$4:D3361, MATCH("CLAY", C$4:C3361, 0)), "")</f>
        <v/>
      </c>
    </row>
    <row r="3362" spans="1:6" x14ac:dyDescent="0.2">
      <c r="A3362" s="239">
        <f>'CPT Data'!B3370</f>
        <v>33.549999999999997</v>
      </c>
      <c r="B3362" s="3">
        <f>'CPT Data'!C3370</f>
        <v>33.542999999999999</v>
      </c>
      <c r="C3362" t="str">
        <f>'CPT Data'!P3370</f>
        <v>SAND</v>
      </c>
      <c r="D3362" t="e">
        <f>'CPT Data'!Q3370</f>
        <v>#N/A</v>
      </c>
      <c r="E3362" t="e">
        <f t="shared" si="53"/>
        <v>#N/A</v>
      </c>
      <c r="F3362" t="str">
        <f>IF(C3362="CLAY", INDEX(D$4:D3362, MATCH("CLAY", C$4:C3362, 0)), "")</f>
        <v/>
      </c>
    </row>
    <row r="3363" spans="1:6" x14ac:dyDescent="0.2">
      <c r="A3363" s="239">
        <f>'CPT Data'!B3371</f>
        <v>33.56</v>
      </c>
      <c r="B3363" s="3">
        <f>'CPT Data'!C3371</f>
        <v>33.553000000000004</v>
      </c>
      <c r="C3363" t="str">
        <f>'CPT Data'!P3371</f>
        <v>SAND</v>
      </c>
      <c r="D3363" t="e">
        <f>'CPT Data'!Q3371</f>
        <v>#N/A</v>
      </c>
      <c r="E3363" t="e">
        <f t="shared" si="53"/>
        <v>#N/A</v>
      </c>
      <c r="F3363" t="str">
        <f>IF(C3363="CLAY", INDEX(D$4:D3363, MATCH("CLAY", C$4:C3363, 0)), "")</f>
        <v/>
      </c>
    </row>
    <row r="3364" spans="1:6" x14ac:dyDescent="0.2">
      <c r="A3364" s="239">
        <f>'CPT Data'!B3372</f>
        <v>33.569000000000003</v>
      </c>
      <c r="B3364" s="3">
        <f>'CPT Data'!C3372</f>
        <v>33.562000000000005</v>
      </c>
      <c r="C3364" t="str">
        <f>'CPT Data'!P3372</f>
        <v>SAND</v>
      </c>
      <c r="D3364" t="e">
        <f>'CPT Data'!Q3372</f>
        <v>#N/A</v>
      </c>
      <c r="E3364" t="e">
        <f t="shared" si="53"/>
        <v>#N/A</v>
      </c>
      <c r="F3364" t="str">
        <f>IF(C3364="CLAY", INDEX(D$4:D3364, MATCH("CLAY", C$4:C3364, 0)), "")</f>
        <v/>
      </c>
    </row>
    <row r="3365" spans="1:6" x14ac:dyDescent="0.2">
      <c r="A3365" s="239">
        <f>'CPT Data'!B3373</f>
        <v>33.58</v>
      </c>
      <c r="B3365" s="3">
        <f>'CPT Data'!C3373</f>
        <v>33.573</v>
      </c>
      <c r="C3365" t="str">
        <f>'CPT Data'!P3373</f>
        <v>SAND</v>
      </c>
      <c r="D3365" t="e">
        <f>'CPT Data'!Q3373</f>
        <v>#N/A</v>
      </c>
      <c r="E3365" t="e">
        <f t="shared" si="53"/>
        <v>#N/A</v>
      </c>
      <c r="F3365" t="str">
        <f>IF(C3365="CLAY", INDEX(D$4:D3365, MATCH("CLAY", C$4:C3365, 0)), "")</f>
        <v/>
      </c>
    </row>
    <row r="3366" spans="1:6" x14ac:dyDescent="0.2">
      <c r="A3366" s="239">
        <f>'CPT Data'!B3374</f>
        <v>33.588999999999999</v>
      </c>
      <c r="B3366" s="3">
        <f>'CPT Data'!C3374</f>
        <v>33.582000000000001</v>
      </c>
      <c r="C3366" t="str">
        <f>'CPT Data'!P3374</f>
        <v>SAND</v>
      </c>
      <c r="D3366" t="e">
        <f>'CPT Data'!Q3374</f>
        <v>#N/A</v>
      </c>
      <c r="E3366" t="e">
        <f t="shared" si="53"/>
        <v>#N/A</v>
      </c>
      <c r="F3366" t="str">
        <f>IF(C3366="CLAY", INDEX(D$4:D3366, MATCH("CLAY", C$4:C3366, 0)), "")</f>
        <v/>
      </c>
    </row>
    <row r="3367" spans="1:6" x14ac:dyDescent="0.2">
      <c r="A3367" s="239">
        <f>'CPT Data'!B3375</f>
        <v>33.598999999999997</v>
      </c>
      <c r="B3367" s="3">
        <f>'CPT Data'!C3375</f>
        <v>33.591999999999999</v>
      </c>
      <c r="C3367" t="str">
        <f>'CPT Data'!P3375</f>
        <v>SAND</v>
      </c>
      <c r="D3367" t="e">
        <f>'CPT Data'!Q3375</f>
        <v>#N/A</v>
      </c>
      <c r="E3367" t="e">
        <f t="shared" si="53"/>
        <v>#N/A</v>
      </c>
      <c r="F3367" t="str">
        <f>IF(C3367="CLAY", INDEX(D$4:D3367, MATCH("CLAY", C$4:C3367, 0)), "")</f>
        <v/>
      </c>
    </row>
    <row r="3368" spans="1:6" x14ac:dyDescent="0.2">
      <c r="A3368" s="239">
        <f>'CPT Data'!B3376</f>
        <v>33.609000000000002</v>
      </c>
      <c r="B3368" s="3">
        <f>'CPT Data'!C3376</f>
        <v>33.602000000000004</v>
      </c>
      <c r="C3368" t="str">
        <f>'CPT Data'!P3376</f>
        <v>SAND</v>
      </c>
      <c r="D3368" t="e">
        <f>'CPT Data'!Q3376</f>
        <v>#N/A</v>
      </c>
      <c r="E3368" t="e">
        <f t="shared" si="53"/>
        <v>#N/A</v>
      </c>
      <c r="F3368" t="str">
        <f>IF(C3368="CLAY", INDEX(D$4:D3368, MATCH("CLAY", C$4:C3368, 0)), "")</f>
        <v/>
      </c>
    </row>
    <row r="3369" spans="1:6" x14ac:dyDescent="0.2">
      <c r="A3369" s="239">
        <f>'CPT Data'!B3377</f>
        <v>33.618000000000002</v>
      </c>
      <c r="B3369" s="3">
        <f>'CPT Data'!C3377</f>
        <v>33.611000000000004</v>
      </c>
      <c r="C3369" t="str">
        <f>'CPT Data'!P3377</f>
        <v>SAND</v>
      </c>
      <c r="D3369" t="e">
        <f>'CPT Data'!Q3377</f>
        <v>#N/A</v>
      </c>
      <c r="E3369" t="e">
        <f t="shared" si="53"/>
        <v>#N/A</v>
      </c>
      <c r="F3369" t="str">
        <f>IF(C3369="CLAY", INDEX(D$4:D3369, MATCH("CLAY", C$4:C3369, 0)), "")</f>
        <v/>
      </c>
    </row>
    <row r="3370" spans="1:6" x14ac:dyDescent="0.2">
      <c r="A3370" s="239">
        <f>'CPT Data'!B3378</f>
        <v>33.628</v>
      </c>
      <c r="B3370" s="3">
        <f>'CPT Data'!C3378</f>
        <v>33.621000000000002</v>
      </c>
      <c r="C3370" t="str">
        <f>'CPT Data'!P3378</f>
        <v>SAND</v>
      </c>
      <c r="D3370" t="e">
        <f>'CPT Data'!Q3378</f>
        <v>#N/A</v>
      </c>
      <c r="E3370" t="e">
        <f t="shared" si="53"/>
        <v>#N/A</v>
      </c>
      <c r="F3370" t="str">
        <f>IF(C3370="CLAY", INDEX(D$4:D3370, MATCH("CLAY", C$4:C3370, 0)), "")</f>
        <v/>
      </c>
    </row>
    <row r="3371" spans="1:6" x14ac:dyDescent="0.2">
      <c r="A3371" s="239">
        <f>'CPT Data'!B3379</f>
        <v>33.637</v>
      </c>
      <c r="B3371" s="3">
        <f>'CPT Data'!C3379</f>
        <v>33.630000000000003</v>
      </c>
      <c r="C3371" t="str">
        <f>'CPT Data'!P3379</f>
        <v>SAND</v>
      </c>
      <c r="D3371" t="e">
        <f>'CPT Data'!Q3379</f>
        <v>#N/A</v>
      </c>
      <c r="E3371" t="e">
        <f t="shared" si="53"/>
        <v>#N/A</v>
      </c>
      <c r="F3371" t="str">
        <f>IF(C3371="CLAY", INDEX(D$4:D3371, MATCH("CLAY", C$4:C3371, 0)), "")</f>
        <v/>
      </c>
    </row>
    <row r="3372" spans="1:6" x14ac:dyDescent="0.2">
      <c r="A3372" s="239">
        <f>'CPT Data'!B3380</f>
        <v>33.648000000000003</v>
      </c>
      <c r="B3372" s="3">
        <f>'CPT Data'!C3380</f>
        <v>33.641000000000005</v>
      </c>
      <c r="C3372" t="str">
        <f>'CPT Data'!P3380</f>
        <v>SAND</v>
      </c>
      <c r="D3372" t="e">
        <f>'CPT Data'!Q3380</f>
        <v>#N/A</v>
      </c>
      <c r="E3372" t="e">
        <f t="shared" si="53"/>
        <v>#N/A</v>
      </c>
      <c r="F3372" t="str">
        <f>IF(C3372="CLAY", INDEX(D$4:D3372, MATCH("CLAY", C$4:C3372, 0)), "")</f>
        <v/>
      </c>
    </row>
    <row r="3373" spans="1:6" x14ac:dyDescent="0.2">
      <c r="A3373" s="239">
        <f>'CPT Data'!B3381</f>
        <v>33.656999999999996</v>
      </c>
      <c r="B3373" s="3">
        <f>'CPT Data'!C3381</f>
        <v>33.65</v>
      </c>
      <c r="C3373" t="str">
        <f>'CPT Data'!P3381</f>
        <v>SAND</v>
      </c>
      <c r="D3373" t="e">
        <f>'CPT Data'!Q3381</f>
        <v>#N/A</v>
      </c>
      <c r="E3373" t="e">
        <f t="shared" si="53"/>
        <v>#N/A</v>
      </c>
      <c r="F3373" t="str">
        <f>IF(C3373="CLAY", INDEX(D$4:D3373, MATCH("CLAY", C$4:C3373, 0)), "")</f>
        <v/>
      </c>
    </row>
    <row r="3374" spans="1:6" x14ac:dyDescent="0.2">
      <c r="A3374" s="239">
        <f>'CPT Data'!B3382</f>
        <v>33.667999999999999</v>
      </c>
      <c r="B3374" s="3">
        <f>'CPT Data'!C3382</f>
        <v>33.661000000000001</v>
      </c>
      <c r="C3374" t="str">
        <f>'CPT Data'!P3382</f>
        <v>SAND</v>
      </c>
      <c r="D3374" t="e">
        <f>'CPT Data'!Q3382</f>
        <v>#N/A</v>
      </c>
      <c r="E3374" t="e">
        <f t="shared" si="53"/>
        <v>#N/A</v>
      </c>
      <c r="F3374" t="str">
        <f>IF(C3374="CLAY", INDEX(D$4:D3374, MATCH("CLAY", C$4:C3374, 0)), "")</f>
        <v/>
      </c>
    </row>
    <row r="3375" spans="1:6" x14ac:dyDescent="0.2">
      <c r="A3375" s="239">
        <f>'CPT Data'!B3383</f>
        <v>33.677</v>
      </c>
      <c r="B3375" s="3">
        <f>'CPT Data'!C3383</f>
        <v>33.67</v>
      </c>
      <c r="C3375" t="str">
        <f>'CPT Data'!P3383</f>
        <v>SAND</v>
      </c>
      <c r="D3375" t="e">
        <f>'CPT Data'!Q3383</f>
        <v>#N/A</v>
      </c>
      <c r="E3375" t="e">
        <f t="shared" si="53"/>
        <v>#N/A</v>
      </c>
      <c r="F3375" t="str">
        <f>IF(C3375="CLAY", INDEX(D$4:D3375, MATCH("CLAY", C$4:C3375, 0)), "")</f>
        <v/>
      </c>
    </row>
    <row r="3376" spans="1:6" x14ac:dyDescent="0.2">
      <c r="A3376" s="239">
        <f>'CPT Data'!B3384</f>
        <v>33.686</v>
      </c>
      <c r="B3376" s="3">
        <f>'CPT Data'!C3384</f>
        <v>33.679000000000002</v>
      </c>
      <c r="C3376" t="str">
        <f>'CPT Data'!P3384</f>
        <v>SAND</v>
      </c>
      <c r="D3376" t="e">
        <f>'CPT Data'!Q3384</f>
        <v>#N/A</v>
      </c>
      <c r="E3376" t="e">
        <f t="shared" si="53"/>
        <v>#N/A</v>
      </c>
      <c r="F3376" t="str">
        <f>IF(C3376="CLAY", INDEX(D$4:D3376, MATCH("CLAY", C$4:C3376, 0)), "")</f>
        <v/>
      </c>
    </row>
    <row r="3377" spans="1:6" x14ac:dyDescent="0.2">
      <c r="A3377" s="239">
        <f>'CPT Data'!B3385</f>
        <v>33.697000000000003</v>
      </c>
      <c r="B3377" s="3">
        <f>'CPT Data'!C3385</f>
        <v>33.690000000000005</v>
      </c>
      <c r="C3377" t="str">
        <f>'CPT Data'!P3385</f>
        <v>SAND</v>
      </c>
      <c r="D3377" t="e">
        <f>'CPT Data'!Q3385</f>
        <v>#N/A</v>
      </c>
      <c r="E3377" t="e">
        <f t="shared" si="53"/>
        <v>#N/A</v>
      </c>
      <c r="F3377" t="str">
        <f>IF(C3377="CLAY", INDEX(D$4:D3377, MATCH("CLAY", C$4:C3377, 0)), "")</f>
        <v/>
      </c>
    </row>
    <row r="3378" spans="1:6" x14ac:dyDescent="0.2">
      <c r="A3378" s="239">
        <f>'CPT Data'!B3386</f>
        <v>33.706000000000003</v>
      </c>
      <c r="B3378" s="3">
        <f>'CPT Data'!C3386</f>
        <v>33.699000000000005</v>
      </c>
      <c r="C3378" t="str">
        <f>'CPT Data'!P3386</f>
        <v>SAND</v>
      </c>
      <c r="D3378" t="e">
        <f>'CPT Data'!Q3386</f>
        <v>#N/A</v>
      </c>
      <c r="E3378" t="e">
        <f t="shared" si="53"/>
        <v>#N/A</v>
      </c>
      <c r="F3378" t="str">
        <f>IF(C3378="CLAY", INDEX(D$4:D3378, MATCH("CLAY", C$4:C3378, 0)), "")</f>
        <v/>
      </c>
    </row>
    <row r="3379" spans="1:6" x14ac:dyDescent="0.2">
      <c r="A3379" s="239">
        <f>'CPT Data'!B3387</f>
        <v>33.715000000000003</v>
      </c>
      <c r="B3379" s="3">
        <f>'CPT Data'!C3387</f>
        <v>33.708000000000006</v>
      </c>
      <c r="C3379" t="str">
        <f>'CPT Data'!P3387</f>
        <v>SAND</v>
      </c>
      <c r="D3379" t="e">
        <f>'CPT Data'!Q3387</f>
        <v>#N/A</v>
      </c>
      <c r="E3379" t="e">
        <f t="shared" si="53"/>
        <v>#N/A</v>
      </c>
      <c r="F3379" t="str">
        <f>IF(C3379="CLAY", INDEX(D$4:D3379, MATCH("CLAY", C$4:C3379, 0)), "")</f>
        <v/>
      </c>
    </row>
    <row r="3380" spans="1:6" x14ac:dyDescent="0.2">
      <c r="A3380" s="239">
        <f>'CPT Data'!B3388</f>
        <v>33.725000000000001</v>
      </c>
      <c r="B3380" s="3">
        <f>'CPT Data'!C3388</f>
        <v>33.718000000000004</v>
      </c>
      <c r="C3380" t="str">
        <f>'CPT Data'!P3388</f>
        <v>SAND</v>
      </c>
      <c r="D3380" t="e">
        <f>'CPT Data'!Q3388</f>
        <v>#N/A</v>
      </c>
      <c r="E3380" t="e">
        <f t="shared" si="53"/>
        <v>#N/A</v>
      </c>
      <c r="F3380" t="str">
        <f>IF(C3380="CLAY", INDEX(D$4:D3380, MATCH("CLAY", C$4:C3380, 0)), "")</f>
        <v/>
      </c>
    </row>
    <row r="3381" spans="1:6" x14ac:dyDescent="0.2">
      <c r="A3381" s="239">
        <f>'CPT Data'!B3389</f>
        <v>33.734999999999999</v>
      </c>
      <c r="B3381" s="3">
        <f>'CPT Data'!C3389</f>
        <v>33.728000000000002</v>
      </c>
      <c r="C3381" t="str">
        <f>'CPT Data'!P3389</f>
        <v>SAND</v>
      </c>
      <c r="D3381" t="e">
        <f>'CPT Data'!Q3389</f>
        <v>#N/A</v>
      </c>
      <c r="E3381" t="e">
        <f t="shared" si="53"/>
        <v>#N/A</v>
      </c>
      <c r="F3381" t="str">
        <f>IF(C3381="CLAY", INDEX(D$4:D3381, MATCH("CLAY", C$4:C3381, 0)), "")</f>
        <v/>
      </c>
    </row>
    <row r="3382" spans="1:6" x14ac:dyDescent="0.2">
      <c r="A3382" s="239">
        <f>'CPT Data'!B3390</f>
        <v>33.744999999999997</v>
      </c>
      <c r="B3382" s="3">
        <f>'CPT Data'!C3390</f>
        <v>33.738</v>
      </c>
      <c r="C3382" t="str">
        <f>'CPT Data'!P3390</f>
        <v>SAND</v>
      </c>
      <c r="D3382" t="e">
        <f>'CPT Data'!Q3390</f>
        <v>#N/A</v>
      </c>
      <c r="E3382" t="e">
        <f t="shared" si="53"/>
        <v>#N/A</v>
      </c>
      <c r="F3382" t="str">
        <f>IF(C3382="CLAY", INDEX(D$4:D3382, MATCH("CLAY", C$4:C3382, 0)), "")</f>
        <v/>
      </c>
    </row>
    <row r="3383" spans="1:6" x14ac:dyDescent="0.2">
      <c r="A3383" s="239">
        <f>'CPT Data'!B3391</f>
        <v>33.753999999999998</v>
      </c>
      <c r="B3383" s="3">
        <f>'CPT Data'!C3391</f>
        <v>33.747</v>
      </c>
      <c r="C3383" t="str">
        <f>'CPT Data'!P3391</f>
        <v>SAND</v>
      </c>
      <c r="D3383" t="e">
        <f>'CPT Data'!Q3391</f>
        <v>#N/A</v>
      </c>
      <c r="E3383" t="e">
        <f t="shared" si="53"/>
        <v>#N/A</v>
      </c>
      <c r="F3383" t="str">
        <f>IF(C3383="CLAY", INDEX(D$4:D3383, MATCH("CLAY", C$4:C3383, 0)), "")</f>
        <v/>
      </c>
    </row>
    <row r="3384" spans="1:6" x14ac:dyDescent="0.2">
      <c r="A3384" s="239">
        <f>'CPT Data'!B3392</f>
        <v>33.764000000000003</v>
      </c>
      <c r="B3384" s="3">
        <f>'CPT Data'!C3392</f>
        <v>33.757000000000005</v>
      </c>
      <c r="C3384" t="str">
        <f>'CPT Data'!P3392</f>
        <v>SAND</v>
      </c>
      <c r="D3384" t="e">
        <f>'CPT Data'!Q3392</f>
        <v>#N/A</v>
      </c>
      <c r="E3384" t="e">
        <f t="shared" si="53"/>
        <v>#N/A</v>
      </c>
      <c r="F3384" t="str">
        <f>IF(C3384="CLAY", INDEX(D$4:D3384, MATCH("CLAY", C$4:C3384, 0)), "")</f>
        <v/>
      </c>
    </row>
    <row r="3385" spans="1:6" x14ac:dyDescent="0.2">
      <c r="A3385" s="239">
        <f>'CPT Data'!B3393</f>
        <v>33.774000000000001</v>
      </c>
      <c r="B3385" s="3">
        <f>'CPT Data'!C3393</f>
        <v>33.767000000000003</v>
      </c>
      <c r="C3385" t="str">
        <f>'CPT Data'!P3393</f>
        <v>SAND</v>
      </c>
      <c r="D3385" t="e">
        <f>'CPT Data'!Q3393</f>
        <v>#N/A</v>
      </c>
      <c r="E3385" t="e">
        <f t="shared" si="53"/>
        <v>#N/A</v>
      </c>
      <c r="F3385" t="str">
        <f>IF(C3385="CLAY", INDEX(D$4:D3385, MATCH("CLAY", C$4:C3385, 0)), "")</f>
        <v/>
      </c>
    </row>
    <row r="3386" spans="1:6" x14ac:dyDescent="0.2">
      <c r="A3386" s="239">
        <f>'CPT Data'!B3394</f>
        <v>33.783999999999999</v>
      </c>
      <c r="B3386" s="3">
        <f>'CPT Data'!C3394</f>
        <v>33.777000000000001</v>
      </c>
      <c r="C3386" t="str">
        <f>'CPT Data'!P3394</f>
        <v>SAND</v>
      </c>
      <c r="D3386" t="e">
        <f>'CPT Data'!Q3394</f>
        <v>#N/A</v>
      </c>
      <c r="E3386" t="e">
        <f t="shared" si="53"/>
        <v>#N/A</v>
      </c>
      <c r="F3386" t="str">
        <f>IF(C3386="CLAY", INDEX(D$4:D3386, MATCH("CLAY", C$4:C3386, 0)), "")</f>
        <v/>
      </c>
    </row>
    <row r="3387" spans="1:6" x14ac:dyDescent="0.2">
      <c r="A3387" s="239">
        <f>'CPT Data'!B3395</f>
        <v>33.793999999999997</v>
      </c>
      <c r="B3387" s="3">
        <f>'CPT Data'!C3395</f>
        <v>33.786999999999999</v>
      </c>
      <c r="C3387" t="str">
        <f>'CPT Data'!P3395</f>
        <v>SAND</v>
      </c>
      <c r="D3387" t="e">
        <f>'CPT Data'!Q3395</f>
        <v>#N/A</v>
      </c>
      <c r="E3387" t="e">
        <f t="shared" si="53"/>
        <v>#N/A</v>
      </c>
      <c r="F3387" t="str">
        <f>IF(C3387="CLAY", INDEX(D$4:D3387, MATCH("CLAY", C$4:C3387, 0)), "")</f>
        <v/>
      </c>
    </row>
    <row r="3388" spans="1:6" x14ac:dyDescent="0.2">
      <c r="A3388" s="239">
        <f>'CPT Data'!B3396</f>
        <v>33.802999999999997</v>
      </c>
      <c r="B3388" s="3">
        <f>'CPT Data'!C3396</f>
        <v>33.795999999999999</v>
      </c>
      <c r="C3388" t="str">
        <f>'CPT Data'!P3396</f>
        <v>SAND</v>
      </c>
      <c r="D3388" t="e">
        <f>'CPT Data'!Q3396</f>
        <v>#N/A</v>
      </c>
      <c r="E3388" t="e">
        <f t="shared" si="53"/>
        <v>#N/A</v>
      </c>
      <c r="F3388" t="str">
        <f>IF(C3388="CLAY", INDEX(D$4:D3388, MATCH("CLAY", C$4:C3388, 0)), "")</f>
        <v/>
      </c>
    </row>
    <row r="3389" spans="1:6" x14ac:dyDescent="0.2">
      <c r="A3389" s="239">
        <f>'CPT Data'!B3397</f>
        <v>33.814</v>
      </c>
      <c r="B3389" s="3">
        <f>'CPT Data'!C3397</f>
        <v>33.807000000000002</v>
      </c>
      <c r="C3389" t="str">
        <f>'CPT Data'!P3397</f>
        <v>SAND</v>
      </c>
      <c r="D3389" t="e">
        <f>'CPT Data'!Q3397</f>
        <v>#N/A</v>
      </c>
      <c r="E3389" t="e">
        <f t="shared" si="53"/>
        <v>#N/A</v>
      </c>
      <c r="F3389" t="str">
        <f>IF(C3389="CLAY", INDEX(D$4:D3389, MATCH("CLAY", C$4:C3389, 0)), "")</f>
        <v/>
      </c>
    </row>
    <row r="3390" spans="1:6" x14ac:dyDescent="0.2">
      <c r="A3390" s="239">
        <f>'CPT Data'!B3398</f>
        <v>33.823999999999998</v>
      </c>
      <c r="B3390" s="3">
        <f>'CPT Data'!C3398</f>
        <v>33.817</v>
      </c>
      <c r="C3390" t="str">
        <f>'CPT Data'!P3398</f>
        <v>CLAY</v>
      </c>
      <c r="D3390">
        <f>'CPT Data'!Q3398</f>
        <v>569.31320146943176</v>
      </c>
      <c r="E3390">
        <f t="shared" si="53"/>
        <v>569.31320146943176</v>
      </c>
      <c r="F3390">
        <f>IF(C3390="CLAY", INDEX(D$4:D3390, MATCH("CLAY", C$4:C3390, 0)), "")</f>
        <v>0.75203252561341039</v>
      </c>
    </row>
    <row r="3391" spans="1:6" x14ac:dyDescent="0.2">
      <c r="A3391" s="239">
        <f>'CPT Data'!B3399</f>
        <v>33.834000000000003</v>
      </c>
      <c r="B3391" s="3">
        <f>'CPT Data'!C3399</f>
        <v>33.827000000000005</v>
      </c>
      <c r="C3391" t="str">
        <f>'CPT Data'!P3399</f>
        <v>CLAY</v>
      </c>
      <c r="D3391">
        <f>'CPT Data'!Q3399</f>
        <v>547.3993820087403</v>
      </c>
      <c r="E3391">
        <f t="shared" si="53"/>
        <v>569.31320146943176</v>
      </c>
      <c r="F3391">
        <f>IF(C3391="CLAY", INDEX(D$4:D3391, MATCH("CLAY", C$4:C3391, 0)), "")</f>
        <v>0.75203252561341039</v>
      </c>
    </row>
    <row r="3392" spans="1:6" x14ac:dyDescent="0.2">
      <c r="A3392" s="239">
        <f>'CPT Data'!B3400</f>
        <v>33.843000000000004</v>
      </c>
      <c r="B3392" s="3">
        <f>'CPT Data'!C3400</f>
        <v>33.836000000000006</v>
      </c>
      <c r="C3392" t="str">
        <f>'CPT Data'!P3400</f>
        <v>CLAY</v>
      </c>
      <c r="D3392">
        <f>'CPT Data'!Q3400</f>
        <v>522.48737260220196</v>
      </c>
      <c r="E3392">
        <f t="shared" si="53"/>
        <v>547.3993820087403</v>
      </c>
      <c r="F3392">
        <f>IF(C3392="CLAY", INDEX(D$4:D3392, MATCH("CLAY", C$4:C3392, 0)), "")</f>
        <v>0.75203252561341039</v>
      </c>
    </row>
    <row r="3393" spans="1:6" x14ac:dyDescent="0.2">
      <c r="A3393" s="239">
        <f>'CPT Data'!B3401</f>
        <v>33.853000000000002</v>
      </c>
      <c r="B3393" s="3">
        <f>'CPT Data'!C3401</f>
        <v>33.846000000000004</v>
      </c>
      <c r="C3393" t="str">
        <f>'CPT Data'!P3401</f>
        <v>CLAY</v>
      </c>
      <c r="D3393">
        <f>'CPT Data'!Q3401</f>
        <v>517.33109999631381</v>
      </c>
      <c r="E3393">
        <f t="shared" si="53"/>
        <v>522.48737260220196</v>
      </c>
      <c r="F3393">
        <f>IF(C3393="CLAY", INDEX(D$4:D3393, MATCH("CLAY", C$4:C3393, 0)), "")</f>
        <v>0.75203252561341039</v>
      </c>
    </row>
    <row r="3394" spans="1:6" x14ac:dyDescent="0.2">
      <c r="A3394" s="239">
        <f>'CPT Data'!B3402</f>
        <v>33.863</v>
      </c>
      <c r="B3394" s="3">
        <f>'CPT Data'!C3402</f>
        <v>33.856000000000002</v>
      </c>
      <c r="C3394" t="str">
        <f>'CPT Data'!P3402</f>
        <v>CLAY</v>
      </c>
      <c r="D3394">
        <f>'CPT Data'!Q3402</f>
        <v>513.5076760375797</v>
      </c>
      <c r="E3394">
        <f t="shared" si="53"/>
        <v>517.33109999631381</v>
      </c>
      <c r="F3394">
        <f>IF(C3394="CLAY", INDEX(D$4:D3394, MATCH("CLAY", C$4:C3394, 0)), "")</f>
        <v>0.75203252561341039</v>
      </c>
    </row>
    <row r="3395" spans="1:6" x14ac:dyDescent="0.2">
      <c r="A3395" s="239">
        <f>'CPT Data'!B3403</f>
        <v>33.872</v>
      </c>
      <c r="B3395" s="3">
        <f>'CPT Data'!C3403</f>
        <v>33.865000000000002</v>
      </c>
      <c r="C3395" t="str">
        <f>'CPT Data'!P3403</f>
        <v>CLAY</v>
      </c>
      <c r="D3395">
        <f>'CPT Data'!Q3403</f>
        <v>498.81669049287558</v>
      </c>
      <c r="E3395">
        <f t="shared" si="53"/>
        <v>513.5076760375797</v>
      </c>
      <c r="F3395">
        <f>IF(C3395="CLAY", INDEX(D$4:D3395, MATCH("CLAY", C$4:C3395, 0)), "")</f>
        <v>0.75203252561341039</v>
      </c>
    </row>
    <row r="3396" spans="1:6" x14ac:dyDescent="0.2">
      <c r="A3396" s="239">
        <f>'CPT Data'!B3404</f>
        <v>33.881999999999998</v>
      </c>
      <c r="B3396" s="3">
        <f>'CPT Data'!C3404</f>
        <v>33.875</v>
      </c>
      <c r="C3396" t="str">
        <f>'CPT Data'!P3404</f>
        <v>CLAY</v>
      </c>
      <c r="D3396">
        <f>'CPT Data'!Q3404</f>
        <v>484.11043154447242</v>
      </c>
      <c r="E3396">
        <f t="shared" si="53"/>
        <v>498.81669049287558</v>
      </c>
      <c r="F3396">
        <f>IF(C3396="CLAY", INDEX(D$4:D3396, MATCH("CLAY", C$4:C3396, 0)), "")</f>
        <v>0.75203252561341039</v>
      </c>
    </row>
    <row r="3397" spans="1:6" x14ac:dyDescent="0.2">
      <c r="A3397" s="239">
        <f>'CPT Data'!B3405</f>
        <v>33.892000000000003</v>
      </c>
      <c r="B3397" s="3">
        <f>'CPT Data'!C3405</f>
        <v>33.885000000000005</v>
      </c>
      <c r="C3397" t="str">
        <f>'CPT Data'!P3405</f>
        <v>CLAY</v>
      </c>
      <c r="D3397">
        <f>'CPT Data'!Q3405</f>
        <v>466.34632510803766</v>
      </c>
      <c r="E3397">
        <f t="shared" si="53"/>
        <v>484.11043154447242</v>
      </c>
      <c r="F3397">
        <f>IF(C3397="CLAY", INDEX(D$4:D3397, MATCH("CLAY", C$4:C3397, 0)), "")</f>
        <v>0.75203252561341039</v>
      </c>
    </row>
    <row r="3398" spans="1:6" x14ac:dyDescent="0.2">
      <c r="A3398" s="239">
        <f>'CPT Data'!B3406</f>
        <v>33.901000000000003</v>
      </c>
      <c r="B3398" s="3">
        <f>'CPT Data'!C3406</f>
        <v>33.894000000000005</v>
      </c>
      <c r="C3398" t="str">
        <f>'CPT Data'!P3406</f>
        <v>CLAY</v>
      </c>
      <c r="D3398">
        <f>'CPT Data'!Q3406</f>
        <v>454.63231708778011</v>
      </c>
      <c r="E3398">
        <f t="shared" si="53"/>
        <v>466.34632510803766</v>
      </c>
      <c r="F3398">
        <f>IF(C3398="CLAY", INDEX(D$4:D3398, MATCH("CLAY", C$4:C3398, 0)), "")</f>
        <v>0.75203252561341039</v>
      </c>
    </row>
    <row r="3399" spans="1:6" x14ac:dyDescent="0.2">
      <c r="A3399" s="239">
        <f>'CPT Data'!B3407</f>
        <v>33.911999999999999</v>
      </c>
      <c r="B3399" s="3">
        <f>'CPT Data'!C3407</f>
        <v>33.905000000000001</v>
      </c>
      <c r="C3399" t="str">
        <f>'CPT Data'!P3407</f>
        <v>CLAY</v>
      </c>
      <c r="D3399">
        <f>'CPT Data'!Q3407</f>
        <v>439.26073041889163</v>
      </c>
      <c r="E3399">
        <f t="shared" si="53"/>
        <v>454.63231708778011</v>
      </c>
      <c r="F3399">
        <f>IF(C3399="CLAY", INDEX(D$4:D3399, MATCH("CLAY", C$4:C3399, 0)), "")</f>
        <v>0.75203252561341039</v>
      </c>
    </row>
    <row r="3400" spans="1:6" x14ac:dyDescent="0.2">
      <c r="A3400" s="239">
        <f>'CPT Data'!B3408</f>
        <v>33.920999999999999</v>
      </c>
      <c r="B3400" s="3">
        <f>'CPT Data'!C3408</f>
        <v>33.914000000000001</v>
      </c>
      <c r="C3400" t="str">
        <f>'CPT Data'!P3408</f>
        <v>CLAY</v>
      </c>
      <c r="D3400">
        <f>'CPT Data'!Q3408</f>
        <v>434.47396635089552</v>
      </c>
      <c r="E3400">
        <f t="shared" si="53"/>
        <v>439.26073041889163</v>
      </c>
      <c r="F3400">
        <f>IF(C3400="CLAY", INDEX(D$4:D3400, MATCH("CLAY", C$4:C3400, 0)), "")</f>
        <v>0.75203252561341039</v>
      </c>
    </row>
    <row r="3401" spans="1:6" x14ac:dyDescent="0.2">
      <c r="A3401" s="239">
        <f>'CPT Data'!B3409</f>
        <v>33.930999999999997</v>
      </c>
      <c r="B3401" s="3">
        <f>'CPT Data'!C3409</f>
        <v>33.923999999999999</v>
      </c>
      <c r="C3401" t="str">
        <f>'CPT Data'!P3409</f>
        <v>CLAY</v>
      </c>
      <c r="D3401">
        <f>'CPT Data'!Q3409</f>
        <v>442.59331329978403</v>
      </c>
      <c r="E3401">
        <f t="shared" si="53"/>
        <v>434.47396635089552</v>
      </c>
      <c r="F3401">
        <f>IF(C3401="CLAY", INDEX(D$4:D3401, MATCH("CLAY", C$4:C3401, 0)), "")</f>
        <v>0.75203252561341039</v>
      </c>
    </row>
    <row r="3402" spans="1:6" x14ac:dyDescent="0.2">
      <c r="A3402" s="239">
        <f>'CPT Data'!B3410</f>
        <v>33.941000000000003</v>
      </c>
      <c r="B3402" s="3">
        <f>'CPT Data'!C3410</f>
        <v>33.934000000000005</v>
      </c>
      <c r="C3402" t="str">
        <f>'CPT Data'!P3410</f>
        <v>CLAY</v>
      </c>
      <c r="D3402">
        <f>'CPT Data'!Q3410</f>
        <v>444.30091850102804</v>
      </c>
      <c r="E3402">
        <f t="shared" si="53"/>
        <v>442.59331329978403</v>
      </c>
      <c r="F3402">
        <f>IF(C3402="CLAY", INDEX(D$4:D3402, MATCH("CLAY", C$4:C3402, 0)), "")</f>
        <v>0.75203252561341039</v>
      </c>
    </row>
    <row r="3403" spans="1:6" x14ac:dyDescent="0.2">
      <c r="A3403" s="239">
        <f>'CPT Data'!B3411</f>
        <v>33.951000000000001</v>
      </c>
      <c r="B3403" s="3">
        <f>'CPT Data'!C3411</f>
        <v>33.944000000000003</v>
      </c>
      <c r="C3403" t="str">
        <f>'CPT Data'!P3411</f>
        <v>CLAY</v>
      </c>
      <c r="D3403">
        <f>'CPT Data'!Q3411</f>
        <v>442.93746477940726</v>
      </c>
      <c r="E3403">
        <f t="shared" si="53"/>
        <v>444.30091850102804</v>
      </c>
      <c r="F3403">
        <f>IF(C3403="CLAY", INDEX(D$4:D3403, MATCH("CLAY", C$4:C3403, 0)), "")</f>
        <v>0.75203252561341039</v>
      </c>
    </row>
    <row r="3404" spans="1:6" x14ac:dyDescent="0.2">
      <c r="A3404" s="239">
        <f>'CPT Data'!B3412</f>
        <v>33.960999999999999</v>
      </c>
      <c r="B3404" s="3">
        <f>'CPT Data'!C3412</f>
        <v>33.954000000000001</v>
      </c>
      <c r="C3404" t="str">
        <f>'CPT Data'!P3412</f>
        <v>CLAY</v>
      </c>
      <c r="D3404">
        <f>'CPT Data'!Q3412</f>
        <v>436.02353521392865</v>
      </c>
      <c r="E3404">
        <f t="shared" si="53"/>
        <v>442.93746477940726</v>
      </c>
      <c r="F3404">
        <f>IF(C3404="CLAY", INDEX(D$4:D3404, MATCH("CLAY", C$4:C3404, 0)), "")</f>
        <v>0.75203252561341039</v>
      </c>
    </row>
    <row r="3405" spans="1:6" x14ac:dyDescent="0.2">
      <c r="A3405" s="239">
        <f>'CPT Data'!B3413</f>
        <v>33.970999999999997</v>
      </c>
      <c r="B3405" s="3">
        <f>'CPT Data'!C3413</f>
        <v>33.963999999999999</v>
      </c>
      <c r="C3405" t="str">
        <f>'CPT Data'!P3413</f>
        <v>CLAY</v>
      </c>
      <c r="D3405">
        <f>'CPT Data'!Q3413</f>
        <v>421.08834020420562</v>
      </c>
      <c r="E3405">
        <f t="shared" si="53"/>
        <v>436.02353521392865</v>
      </c>
      <c r="F3405">
        <f>IF(C3405="CLAY", INDEX(D$4:D3405, MATCH("CLAY", C$4:C3405, 0)), "")</f>
        <v>0.75203252561341039</v>
      </c>
    </row>
    <row r="3406" spans="1:6" x14ac:dyDescent="0.2">
      <c r="A3406" s="239">
        <f>'CPT Data'!B3414</f>
        <v>33.979999999999997</v>
      </c>
      <c r="B3406" s="3">
        <f>'CPT Data'!C3414</f>
        <v>33.972999999999999</v>
      </c>
      <c r="C3406" t="str">
        <f>'CPT Data'!P3414</f>
        <v>CLAY</v>
      </c>
      <c r="D3406">
        <f>'CPT Data'!Q3414</f>
        <v>396.40434545274138</v>
      </c>
      <c r="E3406">
        <f t="shared" si="53"/>
        <v>421.08834020420562</v>
      </c>
      <c r="F3406">
        <f>IF(C3406="CLAY", INDEX(D$4:D3406, MATCH("CLAY", C$4:C3406, 0)), "")</f>
        <v>0.75203252561341039</v>
      </c>
    </row>
    <row r="3407" spans="1:6" x14ac:dyDescent="0.2">
      <c r="A3407" s="239">
        <f>'CPT Data'!B3415</f>
        <v>33.99</v>
      </c>
      <c r="B3407" s="3">
        <f>'CPT Data'!C3415</f>
        <v>33.983000000000004</v>
      </c>
      <c r="C3407" t="str">
        <f>'CPT Data'!P3415</f>
        <v>CLAY</v>
      </c>
      <c r="D3407">
        <f>'CPT Data'!Q3415</f>
        <v>366.32430839851662</v>
      </c>
      <c r="E3407">
        <f t="shared" si="53"/>
        <v>396.40434545274138</v>
      </c>
      <c r="F3407">
        <f>IF(C3407="CLAY", INDEX(D$4:D3407, MATCH("CLAY", C$4:C3407, 0)), "")</f>
        <v>0.75203252561341039</v>
      </c>
    </row>
    <row r="3408" spans="1:6" x14ac:dyDescent="0.2">
      <c r="A3408" s="239">
        <f>'CPT Data'!B3416</f>
        <v>34</v>
      </c>
      <c r="B3408" s="3">
        <f>'CPT Data'!C3416</f>
        <v>33.993000000000002</v>
      </c>
      <c r="C3408" t="str">
        <f>'CPT Data'!P3416</f>
        <v>CLAY</v>
      </c>
      <c r="D3408">
        <f>'CPT Data'!Q3416</f>
        <v>345.0420479975175</v>
      </c>
      <c r="E3408">
        <f t="shared" si="53"/>
        <v>366.32430839851662</v>
      </c>
      <c r="F3408">
        <f>IF(C3408="CLAY", INDEX(D$4:D3408, MATCH("CLAY", C$4:C3408, 0)), "")</f>
        <v>0.75203252561341039</v>
      </c>
    </row>
    <row r="3409" spans="1:6" x14ac:dyDescent="0.2">
      <c r="A3409" s="239">
        <f>'CPT Data'!B3417</f>
        <v>34.01</v>
      </c>
      <c r="B3409" s="3">
        <f>'CPT Data'!C3417</f>
        <v>34.003</v>
      </c>
      <c r="C3409" t="str">
        <f>'CPT Data'!P3417</f>
        <v>CLAY</v>
      </c>
      <c r="D3409">
        <f>'CPT Data'!Q3417</f>
        <v>328.88269637238119</v>
      </c>
      <c r="E3409">
        <f t="shared" si="53"/>
        <v>345.0420479975175</v>
      </c>
      <c r="F3409">
        <f>IF(C3409="CLAY", INDEX(D$4:D3409, MATCH("CLAY", C$4:C3409, 0)), "")</f>
        <v>0.75203252561341039</v>
      </c>
    </row>
    <row r="3410" spans="1:6" x14ac:dyDescent="0.2">
      <c r="A3410" s="239">
        <f>'CPT Data'!B3418</f>
        <v>34.020000000000003</v>
      </c>
      <c r="B3410" s="3">
        <f>'CPT Data'!C3418</f>
        <v>34.013000000000005</v>
      </c>
      <c r="C3410" t="str">
        <f>'CPT Data'!P3418</f>
        <v>CLAY</v>
      </c>
      <c r="D3410">
        <f>'CPT Data'!Q3418</f>
        <v>320.62082927702943</v>
      </c>
      <c r="E3410">
        <f t="shared" si="53"/>
        <v>328.88269637238119</v>
      </c>
      <c r="F3410">
        <f>IF(C3410="CLAY", INDEX(D$4:D3410, MATCH("CLAY", C$4:C3410, 0)), "")</f>
        <v>0.75203252561341039</v>
      </c>
    </row>
    <row r="3411" spans="1:6" x14ac:dyDescent="0.2">
      <c r="A3411" s="239">
        <f>'CPT Data'!B3419</f>
        <v>34.030999999999999</v>
      </c>
      <c r="B3411" s="3">
        <f>'CPT Data'!C3419</f>
        <v>34.024000000000001</v>
      </c>
      <c r="C3411" t="str">
        <f>'CPT Data'!P3419</f>
        <v>CLAY</v>
      </c>
      <c r="D3411">
        <f>'CPT Data'!Q3419</f>
        <v>318.99863772235193</v>
      </c>
      <c r="E3411">
        <f t="shared" si="53"/>
        <v>320.62082927702943</v>
      </c>
      <c r="F3411">
        <f>IF(C3411="CLAY", INDEX(D$4:D3411, MATCH("CLAY", C$4:C3411, 0)), "")</f>
        <v>0.75203252561341039</v>
      </c>
    </row>
    <row r="3412" spans="1:6" x14ac:dyDescent="0.2">
      <c r="A3412" s="239">
        <f>'CPT Data'!B3420</f>
        <v>34.04</v>
      </c>
      <c r="B3412" s="3">
        <f>'CPT Data'!C3420</f>
        <v>34.033000000000001</v>
      </c>
      <c r="C3412" t="str">
        <f>'CPT Data'!P3420</f>
        <v>CLAY</v>
      </c>
      <c r="D3412">
        <f>'CPT Data'!Q3420</f>
        <v>320.2132315376154</v>
      </c>
      <c r="E3412">
        <f t="shared" si="53"/>
        <v>318.99863772235193</v>
      </c>
      <c r="F3412">
        <f>IF(C3412="CLAY", INDEX(D$4:D3412, MATCH("CLAY", C$4:C3412, 0)), "")</f>
        <v>0.75203252561341039</v>
      </c>
    </row>
    <row r="3413" spans="1:6" x14ac:dyDescent="0.2">
      <c r="A3413" s="239">
        <f>'CPT Data'!B3421</f>
        <v>34.048999999999999</v>
      </c>
      <c r="B3413" s="3">
        <f>'CPT Data'!C3421</f>
        <v>34.042000000000002</v>
      </c>
      <c r="C3413" t="str">
        <f>'CPT Data'!P3421</f>
        <v>CLAY</v>
      </c>
      <c r="D3413">
        <f>'CPT Data'!Q3421</f>
        <v>329.90863368461072</v>
      </c>
      <c r="E3413">
        <f t="shared" si="53"/>
        <v>320.2132315376154</v>
      </c>
      <c r="F3413">
        <f>IF(C3413="CLAY", INDEX(D$4:D3413, MATCH("CLAY", C$4:C3413, 0)), "")</f>
        <v>0.75203252561341039</v>
      </c>
    </row>
    <row r="3414" spans="1:6" x14ac:dyDescent="0.2">
      <c r="A3414" s="239">
        <f>'CPT Data'!B3422</f>
        <v>34.058999999999997</v>
      </c>
      <c r="B3414" s="3">
        <f>'CPT Data'!C3422</f>
        <v>34.052</v>
      </c>
      <c r="C3414" t="str">
        <f>'CPT Data'!P3422</f>
        <v>CLAY</v>
      </c>
      <c r="D3414">
        <f>'CPT Data'!Q3422</f>
        <v>332.93439638407295</v>
      </c>
      <c r="E3414">
        <f t="shared" si="53"/>
        <v>329.90863368461072</v>
      </c>
      <c r="F3414">
        <f>IF(C3414="CLAY", INDEX(D$4:D3414, MATCH("CLAY", C$4:C3414, 0)), "")</f>
        <v>0.75203252561341039</v>
      </c>
    </row>
    <row r="3415" spans="1:6" x14ac:dyDescent="0.2">
      <c r="A3415" s="239">
        <f>'CPT Data'!B3423</f>
        <v>34.069000000000003</v>
      </c>
      <c r="B3415" s="3">
        <f>'CPT Data'!C3423</f>
        <v>34.062000000000005</v>
      </c>
      <c r="C3415" t="str">
        <f>'CPT Data'!P3423</f>
        <v>CLAY</v>
      </c>
      <c r="D3415">
        <f>'CPT Data'!Q3423</f>
        <v>322.52137336840894</v>
      </c>
      <c r="E3415">
        <f t="shared" si="53"/>
        <v>332.93439638407295</v>
      </c>
      <c r="F3415">
        <f>IF(C3415="CLAY", INDEX(D$4:D3415, MATCH("CLAY", C$4:C3415, 0)), "")</f>
        <v>0.75203252561341039</v>
      </c>
    </row>
    <row r="3416" spans="1:6" x14ac:dyDescent="0.2">
      <c r="A3416" s="239">
        <f>'CPT Data'!B3424</f>
        <v>34.079000000000001</v>
      </c>
      <c r="B3416" s="3">
        <f>'CPT Data'!C3424</f>
        <v>34.072000000000003</v>
      </c>
      <c r="C3416" t="str">
        <f>'CPT Data'!P3424</f>
        <v>CLAY</v>
      </c>
      <c r="D3416">
        <f>'CPT Data'!Q3424</f>
        <v>305.22235297427795</v>
      </c>
      <c r="E3416">
        <f t="shared" si="53"/>
        <v>322.52137336840894</v>
      </c>
      <c r="F3416">
        <f>IF(C3416="CLAY", INDEX(D$4:D3416, MATCH("CLAY", C$4:C3416, 0)), "")</f>
        <v>0.75203252561341039</v>
      </c>
    </row>
    <row r="3417" spans="1:6" x14ac:dyDescent="0.2">
      <c r="A3417" s="239">
        <f>'CPT Data'!B3425</f>
        <v>34.088999999999999</v>
      </c>
      <c r="B3417" s="3">
        <f>'CPT Data'!C3425</f>
        <v>34.082000000000001</v>
      </c>
      <c r="C3417" t="str">
        <f>'CPT Data'!P3425</f>
        <v>CLAY</v>
      </c>
      <c r="D3417">
        <f>'CPT Data'!Q3425</f>
        <v>281.43712880297534</v>
      </c>
      <c r="E3417">
        <f t="shared" si="53"/>
        <v>305.22235297427795</v>
      </c>
      <c r="F3417">
        <f>IF(C3417="CLAY", INDEX(D$4:D3417, MATCH("CLAY", C$4:C3417, 0)), "")</f>
        <v>0.75203252561341039</v>
      </c>
    </row>
    <row r="3418" spans="1:6" x14ac:dyDescent="0.2">
      <c r="A3418" s="239">
        <f>'CPT Data'!B3426</f>
        <v>34.097999999999999</v>
      </c>
      <c r="B3418" s="3">
        <f>'CPT Data'!C3426</f>
        <v>34.091000000000001</v>
      </c>
      <c r="C3418" t="str">
        <f>'CPT Data'!P3426</f>
        <v>CLAY</v>
      </c>
      <c r="D3418">
        <f>'CPT Data'!Q3426</f>
        <v>269.19468283416808</v>
      </c>
      <c r="E3418">
        <f t="shared" si="53"/>
        <v>281.43712880297534</v>
      </c>
      <c r="F3418">
        <f>IF(C3418="CLAY", INDEX(D$4:D3418, MATCH("CLAY", C$4:C3418, 0)), "")</f>
        <v>0.75203252561341039</v>
      </c>
    </row>
    <row r="3419" spans="1:6" x14ac:dyDescent="0.2">
      <c r="A3419" s="239">
        <f>'CPT Data'!B3427</f>
        <v>34.107999999999997</v>
      </c>
      <c r="B3419" s="3">
        <f>'CPT Data'!C3427</f>
        <v>34.100999999999999</v>
      </c>
      <c r="C3419" t="str">
        <f>'CPT Data'!P3427</f>
        <v>CLAY</v>
      </c>
      <c r="D3419">
        <f>'CPT Data'!Q3427</f>
        <v>259.62221250251861</v>
      </c>
      <c r="E3419">
        <f t="shared" ref="E3419:E3482" si="54">IF(C3419="SAND",#N/A,IF(C3419=C3418,D3418,IF(C3419="CLAY",D3419,#N/A)))</f>
        <v>269.19468283416808</v>
      </c>
      <c r="F3419">
        <f>IF(C3419="CLAY", INDEX(D$4:D3419, MATCH("CLAY", C$4:C3419, 0)), "")</f>
        <v>0.75203252561341039</v>
      </c>
    </row>
    <row r="3420" spans="1:6" x14ac:dyDescent="0.2">
      <c r="A3420" s="239">
        <f>'CPT Data'!B3428</f>
        <v>34.118000000000002</v>
      </c>
      <c r="B3420" s="3">
        <f>'CPT Data'!C3428</f>
        <v>34.111000000000004</v>
      </c>
      <c r="C3420" t="str">
        <f>'CPT Data'!P3428</f>
        <v>CLAY</v>
      </c>
      <c r="D3420">
        <f>'CPT Data'!Q3428</f>
        <v>232.1522591895324</v>
      </c>
      <c r="E3420">
        <f t="shared" si="54"/>
        <v>259.62221250251861</v>
      </c>
      <c r="F3420">
        <f>IF(C3420="CLAY", INDEX(D$4:D3420, MATCH("CLAY", C$4:C3420, 0)), "")</f>
        <v>0.75203252561341039</v>
      </c>
    </row>
    <row r="3421" spans="1:6" x14ac:dyDescent="0.2">
      <c r="A3421" s="239">
        <f>'CPT Data'!B3429</f>
        <v>34.127000000000002</v>
      </c>
      <c r="B3421" s="3">
        <f>'CPT Data'!C3429</f>
        <v>34.120000000000005</v>
      </c>
      <c r="C3421" t="str">
        <f>'CPT Data'!P3429</f>
        <v>CLAY</v>
      </c>
      <c r="D3421">
        <f>'CPT Data'!Q3429</f>
        <v>203.72367560421915</v>
      </c>
      <c r="E3421">
        <f t="shared" si="54"/>
        <v>232.1522591895324</v>
      </c>
      <c r="F3421">
        <f>IF(C3421="CLAY", INDEX(D$4:D3421, MATCH("CLAY", C$4:C3421, 0)), "")</f>
        <v>0.75203252561341039</v>
      </c>
    </row>
    <row r="3422" spans="1:6" x14ac:dyDescent="0.2">
      <c r="A3422" s="239">
        <f>'CPT Data'!B3430</f>
        <v>34.137999999999998</v>
      </c>
      <c r="B3422" s="3">
        <f>'CPT Data'!C3430</f>
        <v>34.131</v>
      </c>
      <c r="C3422" t="str">
        <f>'CPT Data'!P3430</f>
        <v>CLAY</v>
      </c>
      <c r="D3422">
        <f>'CPT Data'!Q3430</f>
        <v>183.26594495359143</v>
      </c>
      <c r="E3422">
        <f t="shared" si="54"/>
        <v>203.72367560421915</v>
      </c>
      <c r="F3422">
        <f>IF(C3422="CLAY", INDEX(D$4:D3422, MATCH("CLAY", C$4:C3422, 0)), "")</f>
        <v>0.75203252561341039</v>
      </c>
    </row>
    <row r="3423" spans="1:6" x14ac:dyDescent="0.2">
      <c r="A3423" s="239">
        <f>'CPT Data'!B3431</f>
        <v>34.146999999999998</v>
      </c>
      <c r="B3423" s="3">
        <f>'CPT Data'!C3431</f>
        <v>34.14</v>
      </c>
      <c r="C3423" t="str">
        <f>'CPT Data'!P3431</f>
        <v>CLAY</v>
      </c>
      <c r="D3423">
        <f>'CPT Data'!Q3431</f>
        <v>184.91872133338461</v>
      </c>
      <c r="E3423">
        <f t="shared" si="54"/>
        <v>183.26594495359143</v>
      </c>
      <c r="F3423">
        <f>IF(C3423="CLAY", INDEX(D$4:D3423, MATCH("CLAY", C$4:C3423, 0)), "")</f>
        <v>0.75203252561341039</v>
      </c>
    </row>
    <row r="3424" spans="1:6" x14ac:dyDescent="0.2">
      <c r="A3424" s="239">
        <f>'CPT Data'!B3432</f>
        <v>34.156999999999996</v>
      </c>
      <c r="B3424" s="3">
        <f>'CPT Data'!C3432</f>
        <v>34.15</v>
      </c>
      <c r="C3424" t="str">
        <f>'CPT Data'!P3432</f>
        <v>CLAY</v>
      </c>
      <c r="D3424">
        <f>'CPT Data'!Q3432</f>
        <v>212.3473737156684</v>
      </c>
      <c r="E3424">
        <f t="shared" si="54"/>
        <v>184.91872133338461</v>
      </c>
      <c r="F3424">
        <f>IF(C3424="CLAY", INDEX(D$4:D3424, MATCH("CLAY", C$4:C3424, 0)), "")</f>
        <v>0.75203252561341039</v>
      </c>
    </row>
    <row r="3425" spans="1:6" x14ac:dyDescent="0.2">
      <c r="A3425" s="239">
        <f>'CPT Data'!B3433</f>
        <v>34.167000000000002</v>
      </c>
      <c r="B3425" s="3">
        <f>'CPT Data'!C3433</f>
        <v>34.160000000000004</v>
      </c>
      <c r="C3425" t="str">
        <f>'CPT Data'!P3433</f>
        <v>CLAY</v>
      </c>
      <c r="D3425">
        <f>'CPT Data'!Q3433</f>
        <v>241.41819275863645</v>
      </c>
      <c r="E3425">
        <f t="shared" si="54"/>
        <v>212.3473737156684</v>
      </c>
      <c r="F3425">
        <f>IF(C3425="CLAY", INDEX(D$4:D3425, MATCH("CLAY", C$4:C3425, 0)), "")</f>
        <v>0.75203252561341039</v>
      </c>
    </row>
    <row r="3426" spans="1:6" x14ac:dyDescent="0.2">
      <c r="A3426" s="239">
        <f>'CPT Data'!B3434</f>
        <v>34.176000000000002</v>
      </c>
      <c r="B3426" s="3">
        <f>'CPT Data'!C3434</f>
        <v>34.169000000000004</v>
      </c>
      <c r="C3426" t="str">
        <f>'CPT Data'!P3434</f>
        <v>CLAY</v>
      </c>
      <c r="D3426">
        <f>'CPT Data'!Q3434</f>
        <v>280.80034492167255</v>
      </c>
      <c r="E3426">
        <f t="shared" si="54"/>
        <v>241.41819275863645</v>
      </c>
      <c r="F3426">
        <f>IF(C3426="CLAY", INDEX(D$4:D3426, MATCH("CLAY", C$4:C3426, 0)), "")</f>
        <v>0.75203252561341039</v>
      </c>
    </row>
    <row r="3427" spans="1:6" x14ac:dyDescent="0.2">
      <c r="A3427" s="239">
        <f>'CPT Data'!B3435</f>
        <v>34.186</v>
      </c>
      <c r="B3427" s="3">
        <f>'CPT Data'!C3435</f>
        <v>34.179000000000002</v>
      </c>
      <c r="C3427" t="str">
        <f>'CPT Data'!P3435</f>
        <v>CLAY</v>
      </c>
      <c r="D3427">
        <f>'CPT Data'!Q3435</f>
        <v>342.02661394113301</v>
      </c>
      <c r="E3427">
        <f t="shared" si="54"/>
        <v>280.80034492167255</v>
      </c>
      <c r="F3427">
        <f>IF(C3427="CLAY", INDEX(D$4:D3427, MATCH("CLAY", C$4:C3427, 0)), "")</f>
        <v>0.75203252561341039</v>
      </c>
    </row>
    <row r="3428" spans="1:6" x14ac:dyDescent="0.2">
      <c r="A3428" s="239">
        <f>'CPT Data'!B3436</f>
        <v>34.195999999999998</v>
      </c>
      <c r="B3428" s="3">
        <f>'CPT Data'!C3436</f>
        <v>34.189</v>
      </c>
      <c r="C3428" t="str">
        <f>'CPT Data'!P3436</f>
        <v>CLAY</v>
      </c>
      <c r="D3428">
        <f>'CPT Data'!Q3436</f>
        <v>393.24504682220419</v>
      </c>
      <c r="E3428">
        <f t="shared" si="54"/>
        <v>342.02661394113301</v>
      </c>
      <c r="F3428">
        <f>IF(C3428="CLAY", INDEX(D$4:D3428, MATCH("CLAY", C$4:C3428, 0)), "")</f>
        <v>0.75203252561341039</v>
      </c>
    </row>
    <row r="3429" spans="1:6" x14ac:dyDescent="0.2">
      <c r="A3429" s="239">
        <f>'CPT Data'!B3437</f>
        <v>34.206000000000003</v>
      </c>
      <c r="B3429" s="3">
        <f>'CPT Data'!C3437</f>
        <v>34.199000000000005</v>
      </c>
      <c r="C3429" t="str">
        <f>'CPT Data'!P3437</f>
        <v>CLAY</v>
      </c>
      <c r="D3429">
        <f>'CPT Data'!Q3437</f>
        <v>389.39002970287743</v>
      </c>
      <c r="E3429">
        <f t="shared" si="54"/>
        <v>393.24504682220419</v>
      </c>
      <c r="F3429">
        <f>IF(C3429="CLAY", INDEX(D$4:D3429, MATCH("CLAY", C$4:C3429, 0)), "")</f>
        <v>0.75203252561341039</v>
      </c>
    </row>
    <row r="3430" spans="1:6" x14ac:dyDescent="0.2">
      <c r="A3430" s="239">
        <f>'CPT Data'!B3438</f>
        <v>34.216000000000001</v>
      </c>
      <c r="B3430" s="3">
        <f>'CPT Data'!C3438</f>
        <v>34.209000000000003</v>
      </c>
      <c r="C3430" t="str">
        <f>'CPT Data'!P3438</f>
        <v>CLAY</v>
      </c>
      <c r="D3430">
        <f>'CPT Data'!Q3438</f>
        <v>384.81044421997348</v>
      </c>
      <c r="E3430">
        <f t="shared" si="54"/>
        <v>389.39002970287743</v>
      </c>
      <c r="F3430">
        <f>IF(C3430="CLAY", INDEX(D$4:D3430, MATCH("CLAY", C$4:C3430, 0)), "")</f>
        <v>0.75203252561341039</v>
      </c>
    </row>
    <row r="3431" spans="1:6" x14ac:dyDescent="0.2">
      <c r="A3431" s="239">
        <f>'CPT Data'!B3439</f>
        <v>34.225999999999999</v>
      </c>
      <c r="B3431" s="3">
        <f>'CPT Data'!C3439</f>
        <v>34.219000000000001</v>
      </c>
      <c r="C3431" t="str">
        <f>'CPT Data'!P3439</f>
        <v>CLAY</v>
      </c>
      <c r="D3431">
        <f>'CPT Data'!Q3439</f>
        <v>373.26822375347518</v>
      </c>
      <c r="E3431">
        <f t="shared" si="54"/>
        <v>384.81044421997348</v>
      </c>
      <c r="F3431">
        <f>IF(C3431="CLAY", INDEX(D$4:D3431, MATCH("CLAY", C$4:C3431, 0)), "")</f>
        <v>0.75203252561341039</v>
      </c>
    </row>
    <row r="3432" spans="1:6" x14ac:dyDescent="0.2">
      <c r="A3432" s="239">
        <f>'CPT Data'!B3440</f>
        <v>34.235999999999997</v>
      </c>
      <c r="B3432" s="3">
        <f>'CPT Data'!C3440</f>
        <v>34.228999999999999</v>
      </c>
      <c r="C3432" t="str">
        <f>'CPT Data'!P3440</f>
        <v>CLAY</v>
      </c>
      <c r="D3432">
        <f>'CPT Data'!Q3440</f>
        <v>358.26697822432556</v>
      </c>
      <c r="E3432">
        <f t="shared" si="54"/>
        <v>373.26822375347518</v>
      </c>
      <c r="F3432">
        <f>IF(C3432="CLAY", INDEX(D$4:D3432, MATCH("CLAY", C$4:C3432, 0)), "")</f>
        <v>0.75203252561341039</v>
      </c>
    </row>
    <row r="3433" spans="1:6" x14ac:dyDescent="0.2">
      <c r="A3433" s="239">
        <f>'CPT Data'!B3441</f>
        <v>34.244999999999997</v>
      </c>
      <c r="B3433" s="3">
        <f>'CPT Data'!C3441</f>
        <v>34.238</v>
      </c>
      <c r="C3433" t="str">
        <f>'CPT Data'!P3441</f>
        <v>CLAY</v>
      </c>
      <c r="D3433">
        <f>'CPT Data'!Q3441</f>
        <v>354.22021337592395</v>
      </c>
      <c r="E3433">
        <f t="shared" si="54"/>
        <v>358.26697822432556</v>
      </c>
      <c r="F3433">
        <f>IF(C3433="CLAY", INDEX(D$4:D3433, MATCH("CLAY", C$4:C3433, 0)), "")</f>
        <v>0.75203252561341039</v>
      </c>
    </row>
    <row r="3434" spans="1:6" x14ac:dyDescent="0.2">
      <c r="A3434" s="239">
        <f>'CPT Data'!B3442</f>
        <v>34.253999999999998</v>
      </c>
      <c r="B3434" s="3">
        <f>'CPT Data'!C3442</f>
        <v>34.247</v>
      </c>
      <c r="C3434" t="str">
        <f>'CPT Data'!P3442</f>
        <v>CLAY</v>
      </c>
      <c r="D3434">
        <f>'CPT Data'!Q3442</f>
        <v>363.03408684225832</v>
      </c>
      <c r="E3434">
        <f t="shared" si="54"/>
        <v>354.22021337592395</v>
      </c>
      <c r="F3434">
        <f>IF(C3434="CLAY", INDEX(D$4:D3434, MATCH("CLAY", C$4:C3434, 0)), "")</f>
        <v>0.75203252561341039</v>
      </c>
    </row>
    <row r="3435" spans="1:6" x14ac:dyDescent="0.2">
      <c r="A3435" s="239">
        <f>'CPT Data'!B3443</f>
        <v>34.265000000000001</v>
      </c>
      <c r="B3435" s="3">
        <f>'CPT Data'!C3443</f>
        <v>34.258000000000003</v>
      </c>
      <c r="C3435" t="str">
        <f>'CPT Data'!P3443</f>
        <v>CLAY</v>
      </c>
      <c r="D3435">
        <f>'CPT Data'!Q3443</f>
        <v>383.31624566078216</v>
      </c>
      <c r="E3435">
        <f t="shared" si="54"/>
        <v>363.03408684225832</v>
      </c>
      <c r="F3435">
        <f>IF(C3435="CLAY", INDEX(D$4:D3435, MATCH("CLAY", C$4:C3435, 0)), "")</f>
        <v>0.75203252561341039</v>
      </c>
    </row>
    <row r="3436" spans="1:6" x14ac:dyDescent="0.2">
      <c r="A3436" s="239">
        <f>'CPT Data'!B3444</f>
        <v>34.274000000000001</v>
      </c>
      <c r="B3436" s="3">
        <f>'CPT Data'!C3444</f>
        <v>34.267000000000003</v>
      </c>
      <c r="C3436" t="str">
        <f>'CPT Data'!P3444</f>
        <v>CLAY</v>
      </c>
      <c r="D3436">
        <f>'CPT Data'!Q3444</f>
        <v>370.5551930700272</v>
      </c>
      <c r="E3436">
        <f t="shared" si="54"/>
        <v>383.31624566078216</v>
      </c>
      <c r="F3436">
        <f>IF(C3436="CLAY", INDEX(D$4:D3436, MATCH("CLAY", C$4:C3436, 0)), "")</f>
        <v>0.75203252561341039</v>
      </c>
    </row>
    <row r="3437" spans="1:6" x14ac:dyDescent="0.2">
      <c r="A3437" s="239">
        <f>'CPT Data'!B3445</f>
        <v>34.283999999999999</v>
      </c>
      <c r="B3437" s="3">
        <f>'CPT Data'!C3445</f>
        <v>34.277000000000001</v>
      </c>
      <c r="C3437" t="str">
        <f>'CPT Data'!P3445</f>
        <v>CLAY</v>
      </c>
      <c r="D3437">
        <f>'CPT Data'!Q3445</f>
        <v>353.2543127549763</v>
      </c>
      <c r="E3437">
        <f t="shared" si="54"/>
        <v>370.5551930700272</v>
      </c>
      <c r="F3437">
        <f>IF(C3437="CLAY", INDEX(D$4:D3437, MATCH("CLAY", C$4:C3437, 0)), "")</f>
        <v>0.75203252561341039</v>
      </c>
    </row>
    <row r="3438" spans="1:6" x14ac:dyDescent="0.2">
      <c r="A3438" s="239">
        <f>'CPT Data'!B3446</f>
        <v>34.295000000000002</v>
      </c>
      <c r="B3438" s="3">
        <f>'CPT Data'!C3446</f>
        <v>34.288000000000004</v>
      </c>
      <c r="C3438" t="str">
        <f>'CPT Data'!P3446</f>
        <v>CLAY</v>
      </c>
      <c r="D3438">
        <f>'CPT Data'!Q3446</f>
        <v>344.67496697982216</v>
      </c>
      <c r="E3438">
        <f t="shared" si="54"/>
        <v>353.2543127549763</v>
      </c>
      <c r="F3438">
        <f>IF(C3438="CLAY", INDEX(D$4:D3438, MATCH("CLAY", C$4:C3438, 0)), "")</f>
        <v>0.75203252561341039</v>
      </c>
    </row>
    <row r="3439" spans="1:6" x14ac:dyDescent="0.2">
      <c r="A3439" s="239">
        <f>'CPT Data'!B3447</f>
        <v>34.304000000000002</v>
      </c>
      <c r="B3439" s="3">
        <f>'CPT Data'!C3447</f>
        <v>34.297000000000004</v>
      </c>
      <c r="C3439" t="str">
        <f>'CPT Data'!P3447</f>
        <v>CLAY</v>
      </c>
      <c r="D3439">
        <f>'CPT Data'!Q3447</f>
        <v>328.68735685949684</v>
      </c>
      <c r="E3439">
        <f t="shared" si="54"/>
        <v>344.67496697982216</v>
      </c>
      <c r="F3439">
        <f>IF(C3439="CLAY", INDEX(D$4:D3439, MATCH("CLAY", C$4:C3439, 0)), "")</f>
        <v>0.75203252561341039</v>
      </c>
    </row>
    <row r="3440" spans="1:6" x14ac:dyDescent="0.2">
      <c r="A3440" s="239">
        <f>'CPT Data'!B3448</f>
        <v>34.314</v>
      </c>
      <c r="B3440" s="3">
        <f>'CPT Data'!C3448</f>
        <v>34.307000000000002</v>
      </c>
      <c r="C3440" t="str">
        <f>'CPT Data'!P3448</f>
        <v>CLAY</v>
      </c>
      <c r="D3440">
        <f>'CPT Data'!Q3448</f>
        <v>303.77273436667798</v>
      </c>
      <c r="E3440">
        <f t="shared" si="54"/>
        <v>328.68735685949684</v>
      </c>
      <c r="F3440">
        <f>IF(C3440="CLAY", INDEX(D$4:D3440, MATCH("CLAY", C$4:C3440, 0)), "")</f>
        <v>0.75203252561341039</v>
      </c>
    </row>
    <row r="3441" spans="1:6" x14ac:dyDescent="0.2">
      <c r="A3441" s="239">
        <f>'CPT Data'!B3449</f>
        <v>34.323999999999998</v>
      </c>
      <c r="B3441" s="3">
        <f>'CPT Data'!C3449</f>
        <v>34.317</v>
      </c>
      <c r="C3441" t="str">
        <f>'CPT Data'!P3449</f>
        <v>CLAY</v>
      </c>
      <c r="D3441">
        <f>'CPT Data'!Q3449</f>
        <v>286.19877497700162</v>
      </c>
      <c r="E3441">
        <f t="shared" si="54"/>
        <v>303.77273436667798</v>
      </c>
      <c r="F3441">
        <f>IF(C3441="CLAY", INDEX(D$4:D3441, MATCH("CLAY", C$4:C3441, 0)), "")</f>
        <v>0.75203252561341039</v>
      </c>
    </row>
    <row r="3442" spans="1:6" x14ac:dyDescent="0.2">
      <c r="A3442" s="239">
        <f>'CPT Data'!B3450</f>
        <v>34.334000000000003</v>
      </c>
      <c r="B3442" s="3">
        <f>'CPT Data'!C3450</f>
        <v>34.327000000000005</v>
      </c>
      <c r="C3442" t="str">
        <f>'CPT Data'!P3450</f>
        <v>CLAY</v>
      </c>
      <c r="D3442">
        <f>'CPT Data'!Q3450</f>
        <v>276.14682634006118</v>
      </c>
      <c r="E3442">
        <f t="shared" si="54"/>
        <v>286.19877497700162</v>
      </c>
      <c r="F3442">
        <f>IF(C3442="CLAY", INDEX(D$4:D3442, MATCH("CLAY", C$4:C3442, 0)), "")</f>
        <v>0.75203252561341039</v>
      </c>
    </row>
    <row r="3443" spans="1:6" x14ac:dyDescent="0.2">
      <c r="A3443" s="239">
        <f>'CPT Data'!B3451</f>
        <v>34.344000000000001</v>
      </c>
      <c r="B3443" s="3">
        <f>'CPT Data'!C3451</f>
        <v>34.337000000000003</v>
      </c>
      <c r="C3443" t="str">
        <f>'CPT Data'!P3451</f>
        <v>CLAY</v>
      </c>
      <c r="D3443">
        <f>'CPT Data'!Q3451</f>
        <v>258.33321373489764</v>
      </c>
      <c r="E3443">
        <f t="shared" si="54"/>
        <v>276.14682634006118</v>
      </c>
      <c r="F3443">
        <f>IF(C3443="CLAY", INDEX(D$4:D3443, MATCH("CLAY", C$4:C3443, 0)), "")</f>
        <v>0.75203252561341039</v>
      </c>
    </row>
    <row r="3444" spans="1:6" x14ac:dyDescent="0.2">
      <c r="A3444" s="239">
        <f>'CPT Data'!B3452</f>
        <v>34.353000000000002</v>
      </c>
      <c r="B3444" s="3">
        <f>'CPT Data'!C3452</f>
        <v>34.346000000000004</v>
      </c>
      <c r="C3444" t="str">
        <f>'CPT Data'!P3452</f>
        <v>CLAY</v>
      </c>
      <c r="D3444">
        <f>'CPT Data'!Q3452</f>
        <v>238.12441867336216</v>
      </c>
      <c r="E3444">
        <f t="shared" si="54"/>
        <v>258.33321373489764</v>
      </c>
      <c r="F3444">
        <f>IF(C3444="CLAY", INDEX(D$4:D3444, MATCH("CLAY", C$4:C3444, 0)), "")</f>
        <v>0.75203252561341039</v>
      </c>
    </row>
    <row r="3445" spans="1:6" x14ac:dyDescent="0.2">
      <c r="A3445" s="239">
        <f>'CPT Data'!B3453</f>
        <v>34.363</v>
      </c>
      <c r="B3445" s="3">
        <f>'CPT Data'!C3453</f>
        <v>34.356000000000002</v>
      </c>
      <c r="C3445" t="str">
        <f>'CPT Data'!P3453</f>
        <v>CLAY</v>
      </c>
      <c r="D3445">
        <f>'CPT Data'!Q3453</f>
        <v>254.59425576622689</v>
      </c>
      <c r="E3445">
        <f t="shared" si="54"/>
        <v>238.12441867336216</v>
      </c>
      <c r="F3445">
        <f>IF(C3445="CLAY", INDEX(D$4:D3445, MATCH("CLAY", C$4:C3445, 0)), "")</f>
        <v>0.75203252561341039</v>
      </c>
    </row>
    <row r="3446" spans="1:6" x14ac:dyDescent="0.2">
      <c r="A3446" s="239">
        <f>'CPT Data'!B3454</f>
        <v>34.372999999999998</v>
      </c>
      <c r="B3446" s="3">
        <f>'CPT Data'!C3454</f>
        <v>34.366</v>
      </c>
      <c r="C3446" t="str">
        <f>'CPT Data'!P3454</f>
        <v>CLAY</v>
      </c>
      <c r="D3446">
        <f>'CPT Data'!Q3454</f>
        <v>289.26939636876091</v>
      </c>
      <c r="E3446">
        <f t="shared" si="54"/>
        <v>254.59425576622689</v>
      </c>
      <c r="F3446">
        <f>IF(C3446="CLAY", INDEX(D$4:D3446, MATCH("CLAY", C$4:C3446, 0)), "")</f>
        <v>0.75203252561341039</v>
      </c>
    </row>
    <row r="3447" spans="1:6" x14ac:dyDescent="0.2">
      <c r="A3447" s="239">
        <f>'CPT Data'!B3455</f>
        <v>34.381999999999998</v>
      </c>
      <c r="B3447" s="3">
        <f>'CPT Data'!C3455</f>
        <v>34.375</v>
      </c>
      <c r="C3447" t="str">
        <f>'CPT Data'!P3455</f>
        <v>CLAY</v>
      </c>
      <c r="D3447">
        <f>'CPT Data'!Q3455</f>
        <v>352.55631771192219</v>
      </c>
      <c r="E3447">
        <f t="shared" si="54"/>
        <v>289.26939636876091</v>
      </c>
      <c r="F3447">
        <f>IF(C3447="CLAY", INDEX(D$4:D3447, MATCH("CLAY", C$4:C3447, 0)), "")</f>
        <v>0.75203252561341039</v>
      </c>
    </row>
    <row r="3448" spans="1:6" x14ac:dyDescent="0.2">
      <c r="A3448" s="239">
        <f>'CPT Data'!B3456</f>
        <v>34.392000000000003</v>
      </c>
      <c r="B3448" s="3">
        <f>'CPT Data'!C3456</f>
        <v>34.385000000000005</v>
      </c>
      <c r="C3448" t="str">
        <f>'CPT Data'!P3456</f>
        <v>CLAY</v>
      </c>
      <c r="D3448">
        <f>'CPT Data'!Q3456</f>
        <v>423.80290462055603</v>
      </c>
      <c r="E3448">
        <f t="shared" si="54"/>
        <v>352.55631771192219</v>
      </c>
      <c r="F3448">
        <f>IF(C3448="CLAY", INDEX(D$4:D3448, MATCH("CLAY", C$4:C3448, 0)), "")</f>
        <v>0.75203252561341039</v>
      </c>
    </row>
    <row r="3449" spans="1:6" x14ac:dyDescent="0.2">
      <c r="A3449" s="239">
        <f>'CPT Data'!B3457</f>
        <v>34.401000000000003</v>
      </c>
      <c r="B3449" s="3">
        <f>'CPT Data'!C3457</f>
        <v>34.394000000000005</v>
      </c>
      <c r="C3449" t="str">
        <f>'CPT Data'!P3457</f>
        <v>CLAY</v>
      </c>
      <c r="D3449">
        <f>'CPT Data'!Q3457</f>
        <v>519.14001418128692</v>
      </c>
      <c r="E3449">
        <f t="shared" si="54"/>
        <v>423.80290462055603</v>
      </c>
      <c r="F3449">
        <f>IF(C3449="CLAY", INDEX(D$4:D3449, MATCH("CLAY", C$4:C3449, 0)), "")</f>
        <v>0.75203252561341039</v>
      </c>
    </row>
    <row r="3450" spans="1:6" x14ac:dyDescent="0.2">
      <c r="A3450" s="239">
        <f>'CPT Data'!B3458</f>
        <v>34.411000000000001</v>
      </c>
      <c r="B3450" s="3">
        <f>'CPT Data'!C3458</f>
        <v>34.404000000000003</v>
      </c>
      <c r="C3450" t="str">
        <f>'CPT Data'!P3458</f>
        <v>CLAY</v>
      </c>
      <c r="D3450">
        <f>'CPT Data'!Q3458</f>
        <v>591.35670991277959</v>
      </c>
      <c r="E3450">
        <f t="shared" si="54"/>
        <v>519.14001418128692</v>
      </c>
      <c r="F3450">
        <f>IF(C3450="CLAY", INDEX(D$4:D3450, MATCH("CLAY", C$4:C3450, 0)), "")</f>
        <v>0.75203252561341039</v>
      </c>
    </row>
    <row r="3451" spans="1:6" x14ac:dyDescent="0.2">
      <c r="A3451" s="239">
        <f>'CPT Data'!B3459</f>
        <v>34.420999999999999</v>
      </c>
      <c r="B3451" s="3">
        <f>'CPT Data'!C3459</f>
        <v>34.414000000000001</v>
      </c>
      <c r="C3451" t="str">
        <f>'CPT Data'!P3459</f>
        <v>SAND</v>
      </c>
      <c r="D3451" t="e">
        <f>'CPT Data'!Q3459</f>
        <v>#N/A</v>
      </c>
      <c r="E3451" t="e">
        <f t="shared" si="54"/>
        <v>#N/A</v>
      </c>
      <c r="F3451" t="str">
        <f>IF(C3451="CLAY", INDEX(D$4:D3451, MATCH("CLAY", C$4:C3451, 0)), "")</f>
        <v/>
      </c>
    </row>
    <row r="3452" spans="1:6" x14ac:dyDescent="0.2">
      <c r="A3452" s="239">
        <f>'CPT Data'!B3460</f>
        <v>34.43</v>
      </c>
      <c r="B3452" s="3">
        <f>'CPT Data'!C3460</f>
        <v>34.423000000000002</v>
      </c>
      <c r="C3452" t="str">
        <f>'CPT Data'!P3460</f>
        <v>SAND</v>
      </c>
      <c r="D3452" t="e">
        <f>'CPT Data'!Q3460</f>
        <v>#N/A</v>
      </c>
      <c r="E3452" t="e">
        <f t="shared" si="54"/>
        <v>#N/A</v>
      </c>
      <c r="F3452" t="str">
        <f>IF(C3452="CLAY", INDEX(D$4:D3452, MATCH("CLAY", C$4:C3452, 0)), "")</f>
        <v/>
      </c>
    </row>
    <row r="3453" spans="1:6" x14ac:dyDescent="0.2">
      <c r="A3453" s="239">
        <f>'CPT Data'!B3461</f>
        <v>34.441000000000003</v>
      </c>
      <c r="B3453" s="3">
        <f>'CPT Data'!C3461</f>
        <v>34.434000000000005</v>
      </c>
      <c r="C3453" t="str">
        <f>'CPT Data'!P3461</f>
        <v>SAND</v>
      </c>
      <c r="D3453" t="e">
        <f>'CPT Data'!Q3461</f>
        <v>#N/A</v>
      </c>
      <c r="E3453" t="e">
        <f t="shared" si="54"/>
        <v>#N/A</v>
      </c>
      <c r="F3453" t="str">
        <f>IF(C3453="CLAY", INDEX(D$4:D3453, MATCH("CLAY", C$4:C3453, 0)), "")</f>
        <v/>
      </c>
    </row>
    <row r="3454" spans="1:6" x14ac:dyDescent="0.2">
      <c r="A3454" s="239">
        <f>'CPT Data'!B3462</f>
        <v>34.451000000000001</v>
      </c>
      <c r="B3454" s="3">
        <f>'CPT Data'!C3462</f>
        <v>34.444000000000003</v>
      </c>
      <c r="C3454" t="str">
        <f>'CPT Data'!P3462</f>
        <v>SAND</v>
      </c>
      <c r="D3454" t="e">
        <f>'CPT Data'!Q3462</f>
        <v>#N/A</v>
      </c>
      <c r="E3454" t="e">
        <f t="shared" si="54"/>
        <v>#N/A</v>
      </c>
      <c r="F3454" t="str">
        <f>IF(C3454="CLAY", INDEX(D$4:D3454, MATCH("CLAY", C$4:C3454, 0)), "")</f>
        <v/>
      </c>
    </row>
    <row r="3455" spans="1:6" x14ac:dyDescent="0.2">
      <c r="A3455" s="239">
        <f>'CPT Data'!B3463</f>
        <v>34.46</v>
      </c>
      <c r="B3455" s="3">
        <f>'CPT Data'!C3463</f>
        <v>34.453000000000003</v>
      </c>
      <c r="C3455" t="str">
        <f>'CPT Data'!P3463</f>
        <v>SAND</v>
      </c>
      <c r="D3455" t="e">
        <f>'CPT Data'!Q3463</f>
        <v>#N/A</v>
      </c>
      <c r="E3455" t="e">
        <f t="shared" si="54"/>
        <v>#N/A</v>
      </c>
      <c r="F3455" t="str">
        <f>IF(C3455="CLAY", INDEX(D$4:D3455, MATCH("CLAY", C$4:C3455, 0)), "")</f>
        <v/>
      </c>
    </row>
    <row r="3456" spans="1:6" x14ac:dyDescent="0.2">
      <c r="A3456" s="239">
        <f>'CPT Data'!B3464</f>
        <v>34.47</v>
      </c>
      <c r="B3456" s="3">
        <f>'CPT Data'!C3464</f>
        <v>34.463000000000001</v>
      </c>
      <c r="C3456" t="str">
        <f>'CPT Data'!P3464</f>
        <v>SAND</v>
      </c>
      <c r="D3456" t="e">
        <f>'CPT Data'!Q3464</f>
        <v>#N/A</v>
      </c>
      <c r="E3456" t="e">
        <f t="shared" si="54"/>
        <v>#N/A</v>
      </c>
      <c r="F3456" t="str">
        <f>IF(C3456="CLAY", INDEX(D$4:D3456, MATCH("CLAY", C$4:C3456, 0)), "")</f>
        <v/>
      </c>
    </row>
    <row r="3457" spans="1:6" x14ac:dyDescent="0.2">
      <c r="A3457" s="239">
        <f>'CPT Data'!B3465</f>
        <v>34.479999999999997</v>
      </c>
      <c r="B3457" s="3">
        <f>'CPT Data'!C3465</f>
        <v>34.472999999999999</v>
      </c>
      <c r="C3457" t="str">
        <f>'CPT Data'!P3465</f>
        <v>SAND</v>
      </c>
      <c r="D3457" t="e">
        <f>'CPT Data'!Q3465</f>
        <v>#N/A</v>
      </c>
      <c r="E3457" t="e">
        <f t="shared" si="54"/>
        <v>#N/A</v>
      </c>
      <c r="F3457" t="str">
        <f>IF(C3457="CLAY", INDEX(D$4:D3457, MATCH("CLAY", C$4:C3457, 0)), "")</f>
        <v/>
      </c>
    </row>
    <row r="3458" spans="1:6" x14ac:dyDescent="0.2">
      <c r="A3458" s="239">
        <f>'CPT Data'!B3466</f>
        <v>34.488999999999997</v>
      </c>
      <c r="B3458" s="3">
        <f>'CPT Data'!C3466</f>
        <v>34.481999999999999</v>
      </c>
      <c r="C3458" t="str">
        <f>'CPT Data'!P3466</f>
        <v>SAND</v>
      </c>
      <c r="D3458" t="e">
        <f>'CPT Data'!Q3466</f>
        <v>#N/A</v>
      </c>
      <c r="E3458" t="e">
        <f t="shared" si="54"/>
        <v>#N/A</v>
      </c>
      <c r="F3458" t="str">
        <f>IF(C3458="CLAY", INDEX(D$4:D3458, MATCH("CLAY", C$4:C3458, 0)), "")</f>
        <v/>
      </c>
    </row>
    <row r="3459" spans="1:6" x14ac:dyDescent="0.2">
      <c r="A3459" s="239">
        <f>'CPT Data'!B3467</f>
        <v>34.5</v>
      </c>
      <c r="B3459" s="3">
        <f>'CPT Data'!C3467</f>
        <v>34.493000000000002</v>
      </c>
      <c r="C3459" t="str">
        <f>'CPT Data'!P3467</f>
        <v>SAND</v>
      </c>
      <c r="D3459" t="e">
        <f>'CPT Data'!Q3467</f>
        <v>#N/A</v>
      </c>
      <c r="E3459" t="e">
        <f t="shared" si="54"/>
        <v>#N/A</v>
      </c>
      <c r="F3459" t="str">
        <f>IF(C3459="CLAY", INDEX(D$4:D3459, MATCH("CLAY", C$4:C3459, 0)), "")</f>
        <v/>
      </c>
    </row>
    <row r="3460" spans="1:6" x14ac:dyDescent="0.2">
      <c r="A3460" s="239">
        <f>'CPT Data'!B3468</f>
        <v>34.51</v>
      </c>
      <c r="B3460" s="3">
        <f>'CPT Data'!C3468</f>
        <v>34.503</v>
      </c>
      <c r="C3460" t="str">
        <f>'CPT Data'!P3468</f>
        <v>SAND</v>
      </c>
      <c r="D3460" t="e">
        <f>'CPT Data'!Q3468</f>
        <v>#N/A</v>
      </c>
      <c r="E3460" t="e">
        <f t="shared" si="54"/>
        <v>#N/A</v>
      </c>
      <c r="F3460" t="str">
        <f>IF(C3460="CLAY", INDEX(D$4:D3460, MATCH("CLAY", C$4:C3460, 0)), "")</f>
        <v/>
      </c>
    </row>
    <row r="3461" spans="1:6" x14ac:dyDescent="0.2">
      <c r="A3461" s="239">
        <f>'CPT Data'!B3469</f>
        <v>34.518999999999998</v>
      </c>
      <c r="B3461" s="3">
        <f>'CPT Data'!C3469</f>
        <v>34.512</v>
      </c>
      <c r="C3461" t="str">
        <f>'CPT Data'!P3469</f>
        <v>SAND</v>
      </c>
      <c r="D3461" t="e">
        <f>'CPT Data'!Q3469</f>
        <v>#N/A</v>
      </c>
      <c r="E3461" t="e">
        <f t="shared" si="54"/>
        <v>#N/A</v>
      </c>
      <c r="F3461" t="str">
        <f>IF(C3461="CLAY", INDEX(D$4:D3461, MATCH("CLAY", C$4:C3461, 0)), "")</f>
        <v/>
      </c>
    </row>
    <row r="3462" spans="1:6" x14ac:dyDescent="0.2">
      <c r="A3462" s="239">
        <f>'CPT Data'!B3470</f>
        <v>34.529000000000003</v>
      </c>
      <c r="B3462" s="3">
        <f>'CPT Data'!C3470</f>
        <v>34.522000000000006</v>
      </c>
      <c r="C3462" t="str">
        <f>'CPT Data'!P3470</f>
        <v>SAND</v>
      </c>
      <c r="D3462" t="e">
        <f>'CPT Data'!Q3470</f>
        <v>#N/A</v>
      </c>
      <c r="E3462" t="e">
        <f t="shared" si="54"/>
        <v>#N/A</v>
      </c>
      <c r="F3462" t="str">
        <f>IF(C3462="CLAY", INDEX(D$4:D3462, MATCH("CLAY", C$4:C3462, 0)), "")</f>
        <v/>
      </c>
    </row>
    <row r="3463" spans="1:6" x14ac:dyDescent="0.2">
      <c r="A3463" s="239">
        <f>'CPT Data'!B3471</f>
        <v>34.54</v>
      </c>
      <c r="B3463" s="3">
        <f>'CPT Data'!C3471</f>
        <v>34.533000000000001</v>
      </c>
      <c r="C3463" t="str">
        <f>'CPT Data'!P3471</f>
        <v>SAND</v>
      </c>
      <c r="D3463" t="e">
        <f>'CPT Data'!Q3471</f>
        <v>#N/A</v>
      </c>
      <c r="E3463" t="e">
        <f t="shared" si="54"/>
        <v>#N/A</v>
      </c>
      <c r="F3463" t="str">
        <f>IF(C3463="CLAY", INDEX(D$4:D3463, MATCH("CLAY", C$4:C3463, 0)), "")</f>
        <v/>
      </c>
    </row>
    <row r="3464" spans="1:6" x14ac:dyDescent="0.2">
      <c r="A3464" s="239">
        <f>'CPT Data'!B3472</f>
        <v>34.548999999999999</v>
      </c>
      <c r="B3464" s="3">
        <f>'CPT Data'!C3472</f>
        <v>34.542000000000002</v>
      </c>
      <c r="C3464" t="str">
        <f>'CPT Data'!P3472</f>
        <v>CLAY</v>
      </c>
      <c r="D3464">
        <f>'CPT Data'!Q3472</f>
        <v>451.21027018374053</v>
      </c>
      <c r="E3464">
        <f t="shared" si="54"/>
        <v>451.21027018374053</v>
      </c>
      <c r="F3464">
        <f>IF(C3464="CLAY", INDEX(D$4:D3464, MATCH("CLAY", C$4:C3464, 0)), "")</f>
        <v>0.75203252561341039</v>
      </c>
    </row>
    <row r="3465" spans="1:6" x14ac:dyDescent="0.2">
      <c r="A3465" s="239">
        <f>'CPT Data'!B3473</f>
        <v>34.558999999999997</v>
      </c>
      <c r="B3465" s="3">
        <f>'CPT Data'!C3473</f>
        <v>34.552</v>
      </c>
      <c r="C3465" t="str">
        <f>'CPT Data'!P3473</f>
        <v>CLAY</v>
      </c>
      <c r="D3465">
        <f>'CPT Data'!Q3473</f>
        <v>435.11476190261783</v>
      </c>
      <c r="E3465">
        <f t="shared" si="54"/>
        <v>451.21027018374053</v>
      </c>
      <c r="F3465">
        <f>IF(C3465="CLAY", INDEX(D$4:D3465, MATCH("CLAY", C$4:C3465, 0)), "")</f>
        <v>0.75203252561341039</v>
      </c>
    </row>
    <row r="3466" spans="1:6" x14ac:dyDescent="0.2">
      <c r="A3466" s="239">
        <f>'CPT Data'!B3474</f>
        <v>34.567999999999998</v>
      </c>
      <c r="B3466" s="3">
        <f>'CPT Data'!C3474</f>
        <v>34.561</v>
      </c>
      <c r="C3466" t="str">
        <f>'CPT Data'!P3474</f>
        <v>CLAY</v>
      </c>
      <c r="D3466">
        <f>'CPT Data'!Q3474</f>
        <v>405.30925093407444</v>
      </c>
      <c r="E3466">
        <f t="shared" si="54"/>
        <v>435.11476190261783</v>
      </c>
      <c r="F3466">
        <f>IF(C3466="CLAY", INDEX(D$4:D3466, MATCH("CLAY", C$4:C3466, 0)), "")</f>
        <v>0.75203252561341039</v>
      </c>
    </row>
    <row r="3467" spans="1:6" x14ac:dyDescent="0.2">
      <c r="A3467" s="239">
        <f>'CPT Data'!B3475</f>
        <v>34.579000000000001</v>
      </c>
      <c r="B3467" s="3">
        <f>'CPT Data'!C3475</f>
        <v>34.572000000000003</v>
      </c>
      <c r="C3467" t="str">
        <f>'CPT Data'!P3475</f>
        <v>CLAY</v>
      </c>
      <c r="D3467">
        <f>'CPT Data'!Q3475</f>
        <v>375.58327688206697</v>
      </c>
      <c r="E3467">
        <f t="shared" si="54"/>
        <v>405.30925093407444</v>
      </c>
      <c r="F3467">
        <f>IF(C3467="CLAY", INDEX(D$4:D3467, MATCH("CLAY", C$4:C3467, 0)), "")</f>
        <v>0.75203252561341039</v>
      </c>
    </row>
    <row r="3468" spans="1:6" x14ac:dyDescent="0.2">
      <c r="A3468" s="239">
        <f>'CPT Data'!B3476</f>
        <v>34.588000000000001</v>
      </c>
      <c r="B3468" s="3">
        <f>'CPT Data'!C3476</f>
        <v>34.581000000000003</v>
      </c>
      <c r="C3468" t="str">
        <f>'CPT Data'!P3476</f>
        <v>CLAY</v>
      </c>
      <c r="D3468">
        <f>'CPT Data'!Q3476</f>
        <v>359.29937058885162</v>
      </c>
      <c r="E3468">
        <f t="shared" si="54"/>
        <v>375.58327688206697</v>
      </c>
      <c r="F3468">
        <f>IF(C3468="CLAY", INDEX(D$4:D3468, MATCH("CLAY", C$4:C3468, 0)), "")</f>
        <v>0.75203252561341039</v>
      </c>
    </row>
    <row r="3469" spans="1:6" x14ac:dyDescent="0.2">
      <c r="A3469" s="239">
        <f>'CPT Data'!B3477</f>
        <v>34.597999999999999</v>
      </c>
      <c r="B3469" s="3">
        <f>'CPT Data'!C3477</f>
        <v>34.591000000000001</v>
      </c>
      <c r="C3469" t="str">
        <f>'CPT Data'!P3477</f>
        <v>CLAY</v>
      </c>
      <c r="D3469">
        <f>'CPT Data'!Q3477</f>
        <v>342.36187324902016</v>
      </c>
      <c r="E3469">
        <f t="shared" si="54"/>
        <v>359.29937058885162</v>
      </c>
      <c r="F3469">
        <f>IF(C3469="CLAY", INDEX(D$4:D3469, MATCH("CLAY", C$4:C3469, 0)), "")</f>
        <v>0.75203252561341039</v>
      </c>
    </row>
    <row r="3470" spans="1:6" x14ac:dyDescent="0.2">
      <c r="A3470" s="239">
        <f>'CPT Data'!B3478</f>
        <v>34.607999999999997</v>
      </c>
      <c r="B3470" s="3">
        <f>'CPT Data'!C3478</f>
        <v>34.600999999999999</v>
      </c>
      <c r="C3470" t="str">
        <f>'CPT Data'!P3478</f>
        <v>CLAY</v>
      </c>
      <c r="D3470">
        <f>'CPT Data'!Q3478</f>
        <v>335.01007255394461</v>
      </c>
      <c r="E3470">
        <f t="shared" si="54"/>
        <v>342.36187324902016</v>
      </c>
      <c r="F3470">
        <f>IF(C3470="CLAY", INDEX(D$4:D3470, MATCH("CLAY", C$4:C3470, 0)), "")</f>
        <v>0.75203252561341039</v>
      </c>
    </row>
    <row r="3471" spans="1:6" x14ac:dyDescent="0.2">
      <c r="A3471" s="239">
        <f>'CPT Data'!B3479</f>
        <v>34.616999999999997</v>
      </c>
      <c r="B3471" s="3">
        <f>'CPT Data'!C3479</f>
        <v>34.61</v>
      </c>
      <c r="C3471" t="str">
        <f>'CPT Data'!P3479</f>
        <v>CLAY</v>
      </c>
      <c r="D3471">
        <f>'CPT Data'!Q3479</f>
        <v>324.18332910015005</v>
      </c>
      <c r="E3471">
        <f t="shared" si="54"/>
        <v>335.01007255394461</v>
      </c>
      <c r="F3471">
        <f>IF(C3471="CLAY", INDEX(D$4:D3471, MATCH("CLAY", C$4:C3471, 0)), "")</f>
        <v>0.75203252561341039</v>
      </c>
    </row>
    <row r="3472" spans="1:6" x14ac:dyDescent="0.2">
      <c r="A3472" s="239">
        <f>'CPT Data'!B3480</f>
        <v>34.627000000000002</v>
      </c>
      <c r="B3472" s="3">
        <f>'CPT Data'!C3480</f>
        <v>34.620000000000005</v>
      </c>
      <c r="C3472" t="str">
        <f>'CPT Data'!P3480</f>
        <v>CLAY</v>
      </c>
      <c r="D3472">
        <f>'CPT Data'!Q3480</f>
        <v>325.51699036280644</v>
      </c>
      <c r="E3472">
        <f t="shared" si="54"/>
        <v>324.18332910015005</v>
      </c>
      <c r="F3472">
        <f>IF(C3472="CLAY", INDEX(D$4:D3472, MATCH("CLAY", C$4:C3472, 0)), "")</f>
        <v>0.75203252561341039</v>
      </c>
    </row>
    <row r="3473" spans="1:6" x14ac:dyDescent="0.2">
      <c r="A3473" s="239">
        <f>'CPT Data'!B3481</f>
        <v>34.637999999999998</v>
      </c>
      <c r="B3473" s="3">
        <f>'CPT Data'!C3481</f>
        <v>34.631</v>
      </c>
      <c r="C3473" t="str">
        <f>'CPT Data'!P3481</f>
        <v>CLAY</v>
      </c>
      <c r="D3473">
        <f>'CPT Data'!Q3481</f>
        <v>350.37919497356143</v>
      </c>
      <c r="E3473">
        <f t="shared" si="54"/>
        <v>325.51699036280644</v>
      </c>
      <c r="F3473">
        <f>IF(C3473="CLAY", INDEX(D$4:D3473, MATCH("CLAY", C$4:C3473, 0)), "")</f>
        <v>0.75203252561341039</v>
      </c>
    </row>
    <row r="3474" spans="1:6" x14ac:dyDescent="0.2">
      <c r="A3474" s="239">
        <f>'CPT Data'!B3482</f>
        <v>34.646999999999998</v>
      </c>
      <c r="B3474" s="3">
        <f>'CPT Data'!C3482</f>
        <v>34.64</v>
      </c>
      <c r="C3474" t="str">
        <f>'CPT Data'!P3482</f>
        <v>CLAY</v>
      </c>
      <c r="D3474">
        <f>'CPT Data'!Q3482</f>
        <v>370.6039225088403</v>
      </c>
      <c r="E3474">
        <f t="shared" si="54"/>
        <v>350.37919497356143</v>
      </c>
      <c r="F3474">
        <f>IF(C3474="CLAY", INDEX(D$4:D3474, MATCH("CLAY", C$4:C3474, 0)), "")</f>
        <v>0.75203252561341039</v>
      </c>
    </row>
    <row r="3475" spans="1:6" x14ac:dyDescent="0.2">
      <c r="A3475" s="239">
        <f>'CPT Data'!B3483</f>
        <v>34.656999999999996</v>
      </c>
      <c r="B3475" s="3">
        <f>'CPT Data'!C3483</f>
        <v>34.65</v>
      </c>
      <c r="C3475" t="str">
        <f>'CPT Data'!P3483</f>
        <v>CLAY</v>
      </c>
      <c r="D3475">
        <f>'CPT Data'!Q3483</f>
        <v>408.01353326740383</v>
      </c>
      <c r="E3475">
        <f t="shared" si="54"/>
        <v>370.6039225088403</v>
      </c>
      <c r="F3475">
        <f>IF(C3475="CLAY", INDEX(D$4:D3475, MATCH("CLAY", C$4:C3475, 0)), "")</f>
        <v>0.75203252561341039</v>
      </c>
    </row>
    <row r="3476" spans="1:6" x14ac:dyDescent="0.2">
      <c r="A3476" s="239">
        <f>'CPT Data'!B3484</f>
        <v>34.665999999999997</v>
      </c>
      <c r="B3476" s="3">
        <f>'CPT Data'!C3484</f>
        <v>34.658999999999999</v>
      </c>
      <c r="C3476" t="str">
        <f>'CPT Data'!P3484</f>
        <v>CLAY</v>
      </c>
      <c r="D3476">
        <f>'CPT Data'!Q3484</f>
        <v>431.54602561811998</v>
      </c>
      <c r="E3476">
        <f t="shared" si="54"/>
        <v>408.01353326740383</v>
      </c>
      <c r="F3476">
        <f>IF(C3476="CLAY", INDEX(D$4:D3476, MATCH("CLAY", C$4:C3476, 0)), "")</f>
        <v>0.75203252561341039</v>
      </c>
    </row>
    <row r="3477" spans="1:6" x14ac:dyDescent="0.2">
      <c r="A3477" s="239">
        <f>'CPT Data'!B3485</f>
        <v>34.677</v>
      </c>
      <c r="B3477" s="3">
        <f>'CPT Data'!C3485</f>
        <v>34.67</v>
      </c>
      <c r="C3477" t="str">
        <f>'CPT Data'!P3485</f>
        <v>CLAY</v>
      </c>
      <c r="D3477">
        <f>'CPT Data'!Q3485</f>
        <v>440.54789757985492</v>
      </c>
      <c r="E3477">
        <f t="shared" si="54"/>
        <v>431.54602561811998</v>
      </c>
      <c r="F3477">
        <f>IF(C3477="CLAY", INDEX(D$4:D3477, MATCH("CLAY", C$4:C3477, 0)), "")</f>
        <v>0.75203252561341039</v>
      </c>
    </row>
    <row r="3478" spans="1:6" x14ac:dyDescent="0.2">
      <c r="A3478" s="239">
        <f>'CPT Data'!B3486</f>
        <v>34.686999999999998</v>
      </c>
      <c r="B3478" s="3">
        <f>'CPT Data'!C3486</f>
        <v>34.68</v>
      </c>
      <c r="C3478" t="str">
        <f>'CPT Data'!P3486</f>
        <v>CLAY</v>
      </c>
      <c r="D3478">
        <f>'CPT Data'!Q3486</f>
        <v>431.69522350148122</v>
      </c>
      <c r="E3478">
        <f t="shared" si="54"/>
        <v>440.54789757985492</v>
      </c>
      <c r="F3478">
        <f>IF(C3478="CLAY", INDEX(D$4:D3478, MATCH("CLAY", C$4:C3478, 0)), "")</f>
        <v>0.75203252561341039</v>
      </c>
    </row>
    <row r="3479" spans="1:6" x14ac:dyDescent="0.2">
      <c r="A3479" s="239">
        <f>'CPT Data'!B3487</f>
        <v>34.695999999999998</v>
      </c>
      <c r="B3479" s="3">
        <f>'CPT Data'!C3487</f>
        <v>34.689</v>
      </c>
      <c r="C3479" t="str">
        <f>'CPT Data'!P3487</f>
        <v>CLAY</v>
      </c>
      <c r="D3479">
        <f>'CPT Data'!Q3487</f>
        <v>416.72258505275551</v>
      </c>
      <c r="E3479">
        <f t="shared" si="54"/>
        <v>431.69522350148122</v>
      </c>
      <c r="F3479">
        <f>IF(C3479="CLAY", INDEX(D$4:D3479, MATCH("CLAY", C$4:C3479, 0)), "")</f>
        <v>0.75203252561341039</v>
      </c>
    </row>
    <row r="3480" spans="1:6" x14ac:dyDescent="0.2">
      <c r="A3480" s="239">
        <f>'CPT Data'!B3488</f>
        <v>34.707000000000001</v>
      </c>
      <c r="B3480" s="3">
        <f>'CPT Data'!C3488</f>
        <v>34.700000000000003</v>
      </c>
      <c r="C3480" t="str">
        <f>'CPT Data'!P3488</f>
        <v>CLAY</v>
      </c>
      <c r="D3480">
        <f>'CPT Data'!Q3488</f>
        <v>400.65568185692678</v>
      </c>
      <c r="E3480">
        <f t="shared" si="54"/>
        <v>416.72258505275551</v>
      </c>
      <c r="F3480">
        <f>IF(C3480="CLAY", INDEX(D$4:D3480, MATCH("CLAY", C$4:C3480, 0)), "")</f>
        <v>0.75203252561341039</v>
      </c>
    </row>
    <row r="3481" spans="1:6" x14ac:dyDescent="0.2">
      <c r="A3481" s="239">
        <f>'CPT Data'!B3489</f>
        <v>34.716000000000001</v>
      </c>
      <c r="B3481" s="3">
        <f>'CPT Data'!C3489</f>
        <v>34.709000000000003</v>
      </c>
      <c r="C3481" t="str">
        <f>'CPT Data'!P3489</f>
        <v>CLAY</v>
      </c>
      <c r="D3481">
        <f>'CPT Data'!Q3489</f>
        <v>374.55463440046015</v>
      </c>
      <c r="E3481">
        <f t="shared" si="54"/>
        <v>400.65568185692678</v>
      </c>
      <c r="F3481">
        <f>IF(C3481="CLAY", INDEX(D$4:D3481, MATCH("CLAY", C$4:C3481, 0)), "")</f>
        <v>0.75203252561341039</v>
      </c>
    </row>
    <row r="3482" spans="1:6" x14ac:dyDescent="0.2">
      <c r="A3482" s="239">
        <f>'CPT Data'!B3490</f>
        <v>34.725999999999999</v>
      </c>
      <c r="B3482" s="3">
        <f>'CPT Data'!C3490</f>
        <v>34.719000000000001</v>
      </c>
      <c r="C3482" t="str">
        <f>'CPT Data'!P3490</f>
        <v>CLAY</v>
      </c>
      <c r="D3482">
        <f>'CPT Data'!Q3490</f>
        <v>336.79310831501505</v>
      </c>
      <c r="E3482">
        <f t="shared" si="54"/>
        <v>374.55463440046015</v>
      </c>
      <c r="F3482">
        <f>IF(C3482="CLAY", INDEX(D$4:D3482, MATCH("CLAY", C$4:C3482, 0)), "")</f>
        <v>0.75203252561341039</v>
      </c>
    </row>
    <row r="3483" spans="1:6" x14ac:dyDescent="0.2">
      <c r="A3483" s="239">
        <f>'CPT Data'!B3491</f>
        <v>34.735999999999997</v>
      </c>
      <c r="B3483" s="3">
        <f>'CPT Data'!C3491</f>
        <v>34.728999999999999</v>
      </c>
      <c r="C3483" t="str">
        <f>'CPT Data'!P3491</f>
        <v>CLAY</v>
      </c>
      <c r="D3483">
        <f>'CPT Data'!Q3491</f>
        <v>318.03776838342782</v>
      </c>
      <c r="E3483">
        <f t="shared" ref="E3483:E3546" si="55">IF(C3483="SAND",#N/A,IF(C3483=C3482,D3482,IF(C3483="CLAY",D3483,#N/A)))</f>
        <v>336.79310831501505</v>
      </c>
      <c r="F3483">
        <f>IF(C3483="CLAY", INDEX(D$4:D3483, MATCH("CLAY", C$4:C3483, 0)), "")</f>
        <v>0.75203252561341039</v>
      </c>
    </row>
    <row r="3484" spans="1:6" x14ac:dyDescent="0.2">
      <c r="A3484" s="239">
        <f>'CPT Data'!B3492</f>
        <v>34.746000000000002</v>
      </c>
      <c r="B3484" s="3">
        <f>'CPT Data'!C3492</f>
        <v>34.739000000000004</v>
      </c>
      <c r="C3484" t="str">
        <f>'CPT Data'!P3492</f>
        <v>CLAY</v>
      </c>
      <c r="D3484">
        <f>'CPT Data'!Q3492</f>
        <v>347.49404225450854</v>
      </c>
      <c r="E3484">
        <f t="shared" si="55"/>
        <v>318.03776838342782</v>
      </c>
      <c r="F3484">
        <f>IF(C3484="CLAY", INDEX(D$4:D3484, MATCH("CLAY", C$4:C3484, 0)), "")</f>
        <v>0.75203252561341039</v>
      </c>
    </row>
    <row r="3485" spans="1:6" x14ac:dyDescent="0.2">
      <c r="A3485" s="239">
        <f>'CPT Data'!B3493</f>
        <v>34.755000000000003</v>
      </c>
      <c r="B3485" s="3">
        <f>'CPT Data'!C3493</f>
        <v>34.748000000000005</v>
      </c>
      <c r="C3485" t="str">
        <f>'CPT Data'!P3493</f>
        <v>CLAY</v>
      </c>
      <c r="D3485">
        <f>'CPT Data'!Q3493</f>
        <v>384.99978335342121</v>
      </c>
      <c r="E3485">
        <f t="shared" si="55"/>
        <v>347.49404225450854</v>
      </c>
      <c r="F3485">
        <f>IF(C3485="CLAY", INDEX(D$4:D3485, MATCH("CLAY", C$4:C3485, 0)), "")</f>
        <v>0.75203252561341039</v>
      </c>
    </row>
    <row r="3486" spans="1:6" x14ac:dyDescent="0.2">
      <c r="A3486" s="239">
        <f>'CPT Data'!B3494</f>
        <v>34.765000000000001</v>
      </c>
      <c r="B3486" s="3">
        <f>'CPT Data'!C3494</f>
        <v>34.758000000000003</v>
      </c>
      <c r="C3486" t="str">
        <f>'CPT Data'!P3494</f>
        <v>CLAY</v>
      </c>
      <c r="D3486">
        <f>'CPT Data'!Q3494</f>
        <v>433.59000605841561</v>
      </c>
      <c r="E3486">
        <f t="shared" si="55"/>
        <v>384.99978335342121</v>
      </c>
      <c r="F3486">
        <f>IF(C3486="CLAY", INDEX(D$4:D3486, MATCH("CLAY", C$4:C3486, 0)), "")</f>
        <v>0.75203252561341039</v>
      </c>
    </row>
    <row r="3487" spans="1:6" x14ac:dyDescent="0.2">
      <c r="A3487" s="239">
        <f>'CPT Data'!B3495</f>
        <v>34.774999999999999</v>
      </c>
      <c r="B3487" s="3">
        <f>'CPT Data'!C3495</f>
        <v>34.768000000000001</v>
      </c>
      <c r="C3487" t="str">
        <f>'CPT Data'!P3495</f>
        <v>CLAY</v>
      </c>
      <c r="D3487">
        <f>'CPT Data'!Q3495</f>
        <v>484.0223825144306</v>
      </c>
      <c r="E3487">
        <f t="shared" si="55"/>
        <v>433.59000605841561</v>
      </c>
      <c r="F3487">
        <f>IF(C3487="CLAY", INDEX(D$4:D3487, MATCH("CLAY", C$4:C3487, 0)), "")</f>
        <v>0.75203252561341039</v>
      </c>
    </row>
    <row r="3488" spans="1:6" x14ac:dyDescent="0.2">
      <c r="A3488" s="239">
        <f>'CPT Data'!B3496</f>
        <v>34.784999999999997</v>
      </c>
      <c r="B3488" s="3">
        <f>'CPT Data'!C3496</f>
        <v>34.777999999999999</v>
      </c>
      <c r="C3488" t="str">
        <f>'CPT Data'!P3496</f>
        <v>CLAY</v>
      </c>
      <c r="D3488">
        <f>'CPT Data'!Q3496</f>
        <v>495.64385322077942</v>
      </c>
      <c r="E3488">
        <f t="shared" si="55"/>
        <v>484.0223825144306</v>
      </c>
      <c r="F3488">
        <f>IF(C3488="CLAY", INDEX(D$4:D3488, MATCH("CLAY", C$4:C3488, 0)), "")</f>
        <v>0.75203252561341039</v>
      </c>
    </row>
    <row r="3489" spans="1:6" x14ac:dyDescent="0.2">
      <c r="A3489" s="239">
        <f>'CPT Data'!B3497</f>
        <v>34.793999999999997</v>
      </c>
      <c r="B3489" s="3">
        <f>'CPT Data'!C3497</f>
        <v>34.786999999999999</v>
      </c>
      <c r="C3489" t="str">
        <f>'CPT Data'!P3497</f>
        <v>CLAY</v>
      </c>
      <c r="D3489">
        <f>'CPT Data'!Q3497</f>
        <v>473.3264863409434</v>
      </c>
      <c r="E3489">
        <f t="shared" si="55"/>
        <v>495.64385322077942</v>
      </c>
      <c r="F3489">
        <f>IF(C3489="CLAY", INDEX(D$4:D3489, MATCH("CLAY", C$4:C3489, 0)), "")</f>
        <v>0.75203252561341039</v>
      </c>
    </row>
    <row r="3490" spans="1:6" x14ac:dyDescent="0.2">
      <c r="A3490" s="239">
        <f>'CPT Data'!B3498</f>
        <v>34.805</v>
      </c>
      <c r="B3490" s="3">
        <f>'CPT Data'!C3498</f>
        <v>34.798000000000002</v>
      </c>
      <c r="C3490" t="str">
        <f>'CPT Data'!P3498</f>
        <v>CLAY</v>
      </c>
      <c r="D3490">
        <f>'CPT Data'!Q3498</f>
        <v>424.75497966976894</v>
      </c>
      <c r="E3490">
        <f t="shared" si="55"/>
        <v>473.3264863409434</v>
      </c>
      <c r="F3490">
        <f>IF(C3490="CLAY", INDEX(D$4:D3490, MATCH("CLAY", C$4:C3490, 0)), "")</f>
        <v>0.75203252561341039</v>
      </c>
    </row>
    <row r="3491" spans="1:6" x14ac:dyDescent="0.2">
      <c r="A3491" s="239">
        <f>'CPT Data'!B3499</f>
        <v>34.814999999999998</v>
      </c>
      <c r="B3491" s="3">
        <f>'CPT Data'!C3499</f>
        <v>34.808</v>
      </c>
      <c r="C3491" t="str">
        <f>'CPT Data'!P3499</f>
        <v>CLAY</v>
      </c>
      <c r="D3491">
        <f>'CPT Data'!Q3499</f>
        <v>371.12037269485222</v>
      </c>
      <c r="E3491">
        <f t="shared" si="55"/>
        <v>424.75497966976894</v>
      </c>
      <c r="F3491">
        <f>IF(C3491="CLAY", INDEX(D$4:D3491, MATCH("CLAY", C$4:C3491, 0)), "")</f>
        <v>0.75203252561341039</v>
      </c>
    </row>
    <row r="3492" spans="1:6" x14ac:dyDescent="0.2">
      <c r="A3492" s="239">
        <f>'CPT Data'!B3500</f>
        <v>34.823999999999998</v>
      </c>
      <c r="B3492" s="3">
        <f>'CPT Data'!C3500</f>
        <v>34.817</v>
      </c>
      <c r="C3492" t="str">
        <f>'CPT Data'!P3500</f>
        <v>CLAY</v>
      </c>
      <c r="D3492">
        <f>'CPT Data'!Q3500</f>
        <v>326.85835599242915</v>
      </c>
      <c r="E3492">
        <f t="shared" si="55"/>
        <v>371.12037269485222</v>
      </c>
      <c r="F3492">
        <f>IF(C3492="CLAY", INDEX(D$4:D3492, MATCH("CLAY", C$4:C3492, 0)), "")</f>
        <v>0.75203252561341039</v>
      </c>
    </row>
    <row r="3493" spans="1:6" x14ac:dyDescent="0.2">
      <c r="A3493" s="239">
        <f>'CPT Data'!B3501</f>
        <v>34.835000000000001</v>
      </c>
      <c r="B3493" s="3">
        <f>'CPT Data'!C3501</f>
        <v>34.828000000000003</v>
      </c>
      <c r="C3493" t="str">
        <f>'CPT Data'!P3501</f>
        <v>CLAY</v>
      </c>
      <c r="D3493">
        <f>'CPT Data'!Q3501</f>
        <v>300.9848178665215</v>
      </c>
      <c r="E3493">
        <f t="shared" si="55"/>
        <v>326.85835599242915</v>
      </c>
      <c r="F3493">
        <f>IF(C3493="CLAY", INDEX(D$4:D3493, MATCH("CLAY", C$4:C3493, 0)), "")</f>
        <v>0.75203252561341039</v>
      </c>
    </row>
    <row r="3494" spans="1:6" x14ac:dyDescent="0.2">
      <c r="A3494" s="239">
        <f>'CPT Data'!B3502</f>
        <v>34.844000000000001</v>
      </c>
      <c r="B3494" s="3">
        <f>'CPT Data'!C3502</f>
        <v>34.837000000000003</v>
      </c>
      <c r="C3494" t="str">
        <f>'CPT Data'!P3502</f>
        <v>CLAY</v>
      </c>
      <c r="D3494">
        <f>'CPT Data'!Q3502</f>
        <v>282.59842105125671</v>
      </c>
      <c r="E3494">
        <f t="shared" si="55"/>
        <v>300.9848178665215</v>
      </c>
      <c r="F3494">
        <f>IF(C3494="CLAY", INDEX(D$4:D3494, MATCH("CLAY", C$4:C3494, 0)), "")</f>
        <v>0.75203252561341039</v>
      </c>
    </row>
    <row r="3495" spans="1:6" x14ac:dyDescent="0.2">
      <c r="A3495" s="239">
        <f>'CPT Data'!B3503</f>
        <v>34.853999999999999</v>
      </c>
      <c r="B3495" s="3">
        <f>'CPT Data'!C3503</f>
        <v>34.847000000000001</v>
      </c>
      <c r="C3495" t="str">
        <f>'CPT Data'!P3503</f>
        <v>CLAY</v>
      </c>
      <c r="D3495">
        <f>'CPT Data'!Q3503</f>
        <v>259.3444324975066</v>
      </c>
      <c r="E3495">
        <f t="shared" si="55"/>
        <v>282.59842105125671</v>
      </c>
      <c r="F3495">
        <f>IF(C3495="CLAY", INDEX(D$4:D3495, MATCH("CLAY", C$4:C3495, 0)), "")</f>
        <v>0.75203252561341039</v>
      </c>
    </row>
    <row r="3496" spans="1:6" x14ac:dyDescent="0.2">
      <c r="A3496" s="239">
        <f>'CPT Data'!B3504</f>
        <v>34.863999999999997</v>
      </c>
      <c r="B3496" s="3">
        <f>'CPT Data'!C3504</f>
        <v>34.856999999999999</v>
      </c>
      <c r="C3496" t="str">
        <f>'CPT Data'!P3504</f>
        <v>CLAY</v>
      </c>
      <c r="D3496">
        <f>'CPT Data'!Q3504</f>
        <v>243.74507304468804</v>
      </c>
      <c r="E3496">
        <f t="shared" si="55"/>
        <v>259.3444324975066</v>
      </c>
      <c r="F3496">
        <f>IF(C3496="CLAY", INDEX(D$4:D3496, MATCH("CLAY", C$4:C3496, 0)), "")</f>
        <v>0.75203252561341039</v>
      </c>
    </row>
    <row r="3497" spans="1:6" x14ac:dyDescent="0.2">
      <c r="A3497" s="239">
        <f>'CPT Data'!B3505</f>
        <v>34.872999999999998</v>
      </c>
      <c r="B3497" s="3">
        <f>'CPT Data'!C3505</f>
        <v>34.866</v>
      </c>
      <c r="C3497" t="str">
        <f>'CPT Data'!P3505</f>
        <v>CLAY</v>
      </c>
      <c r="D3497">
        <f>'CPT Data'!Q3505</f>
        <v>225.56373311243161</v>
      </c>
      <c r="E3497">
        <f t="shared" si="55"/>
        <v>243.74507304468804</v>
      </c>
      <c r="F3497">
        <f>IF(C3497="CLAY", INDEX(D$4:D3497, MATCH("CLAY", C$4:C3497, 0)), "")</f>
        <v>0.75203252561341039</v>
      </c>
    </row>
    <row r="3498" spans="1:6" x14ac:dyDescent="0.2">
      <c r="A3498" s="239">
        <f>'CPT Data'!B3506</f>
        <v>34.884</v>
      </c>
      <c r="B3498" s="3">
        <f>'CPT Data'!C3506</f>
        <v>34.877000000000002</v>
      </c>
      <c r="C3498" t="str">
        <f>'CPT Data'!P3506</f>
        <v>CLAY</v>
      </c>
      <c r="D3498">
        <f>'CPT Data'!Q3506</f>
        <v>230.78920739493833</v>
      </c>
      <c r="E3498">
        <f t="shared" si="55"/>
        <v>225.56373311243161</v>
      </c>
      <c r="F3498">
        <f>IF(C3498="CLAY", INDEX(D$4:D3498, MATCH("CLAY", C$4:C3498, 0)), "")</f>
        <v>0.75203252561341039</v>
      </c>
    </row>
    <row r="3499" spans="1:6" x14ac:dyDescent="0.2">
      <c r="A3499" s="239">
        <f>'CPT Data'!B3507</f>
        <v>34.893000000000001</v>
      </c>
      <c r="B3499" s="3">
        <f>'CPT Data'!C3507</f>
        <v>34.886000000000003</v>
      </c>
      <c r="C3499" t="str">
        <f>'CPT Data'!P3507</f>
        <v>CLAY</v>
      </c>
      <c r="D3499">
        <f>'CPT Data'!Q3507</f>
        <v>243.20023830206924</v>
      </c>
      <c r="E3499">
        <f t="shared" si="55"/>
        <v>230.78920739493833</v>
      </c>
      <c r="F3499">
        <f>IF(C3499="CLAY", INDEX(D$4:D3499, MATCH("CLAY", C$4:C3499, 0)), "")</f>
        <v>0.75203252561341039</v>
      </c>
    </row>
    <row r="3500" spans="1:6" x14ac:dyDescent="0.2">
      <c r="A3500" s="239">
        <f>'CPT Data'!B3508</f>
        <v>34.902999999999999</v>
      </c>
      <c r="B3500" s="3">
        <f>'CPT Data'!C3508</f>
        <v>34.896000000000001</v>
      </c>
      <c r="C3500" t="str">
        <f>'CPT Data'!P3508</f>
        <v>CLAY</v>
      </c>
      <c r="D3500">
        <f>'CPT Data'!Q3508</f>
        <v>282.26312992728214</v>
      </c>
      <c r="E3500">
        <f t="shared" si="55"/>
        <v>243.20023830206924</v>
      </c>
      <c r="F3500">
        <f>IF(C3500="CLAY", INDEX(D$4:D3500, MATCH("CLAY", C$4:C3500, 0)), "")</f>
        <v>0.75203252561341039</v>
      </c>
    </row>
    <row r="3501" spans="1:6" x14ac:dyDescent="0.2">
      <c r="A3501" s="239">
        <f>'CPT Data'!B3509</f>
        <v>34.912999999999997</v>
      </c>
      <c r="B3501" s="3">
        <f>'CPT Data'!C3509</f>
        <v>34.905999999999999</v>
      </c>
      <c r="C3501" t="str">
        <f>'CPT Data'!P3509</f>
        <v>CLAY</v>
      </c>
      <c r="D3501">
        <f>'CPT Data'!Q3509</f>
        <v>333.32357110468075</v>
      </c>
      <c r="E3501">
        <f t="shared" si="55"/>
        <v>282.26312992728214</v>
      </c>
      <c r="F3501">
        <f>IF(C3501="CLAY", INDEX(D$4:D3501, MATCH("CLAY", C$4:C3501, 0)), "")</f>
        <v>0.75203252561341039</v>
      </c>
    </row>
    <row r="3502" spans="1:6" x14ac:dyDescent="0.2">
      <c r="A3502" s="239">
        <f>'CPT Data'!B3510</f>
        <v>34.921999999999997</v>
      </c>
      <c r="B3502" s="3">
        <f>'CPT Data'!C3510</f>
        <v>34.914999999999999</v>
      </c>
      <c r="C3502" t="str">
        <f>'CPT Data'!P3510</f>
        <v>CLAY</v>
      </c>
      <c r="D3502">
        <f>'CPT Data'!Q3510</f>
        <v>354.04519112029357</v>
      </c>
      <c r="E3502">
        <f t="shared" si="55"/>
        <v>333.32357110468075</v>
      </c>
      <c r="F3502">
        <f>IF(C3502="CLAY", INDEX(D$4:D3502, MATCH("CLAY", C$4:C3502, 0)), "")</f>
        <v>0.75203252561341039</v>
      </c>
    </row>
    <row r="3503" spans="1:6" x14ac:dyDescent="0.2">
      <c r="A3503" s="239">
        <f>'CPT Data'!B3511</f>
        <v>34.932000000000002</v>
      </c>
      <c r="B3503" s="3">
        <f>'CPT Data'!C3511</f>
        <v>34.925000000000004</v>
      </c>
      <c r="C3503" t="str">
        <f>'CPT Data'!P3511</f>
        <v>CLAY</v>
      </c>
      <c r="D3503">
        <f>'CPT Data'!Q3511</f>
        <v>366.21501055665209</v>
      </c>
      <c r="E3503">
        <f t="shared" si="55"/>
        <v>354.04519112029357</v>
      </c>
      <c r="F3503">
        <f>IF(C3503="CLAY", INDEX(D$4:D3503, MATCH("CLAY", C$4:C3503, 0)), "")</f>
        <v>0.75203252561341039</v>
      </c>
    </row>
    <row r="3504" spans="1:6" x14ac:dyDescent="0.2">
      <c r="A3504" s="239">
        <f>'CPT Data'!B3512</f>
        <v>34.942</v>
      </c>
      <c r="B3504" s="3">
        <f>'CPT Data'!C3512</f>
        <v>34.935000000000002</v>
      </c>
      <c r="C3504" t="str">
        <f>'CPT Data'!P3512</f>
        <v>CLAY</v>
      </c>
      <c r="D3504">
        <f>'CPT Data'!Q3512</f>
        <v>379.10676794403918</v>
      </c>
      <c r="E3504">
        <f t="shared" si="55"/>
        <v>366.21501055665209</v>
      </c>
      <c r="F3504">
        <f>IF(C3504="CLAY", INDEX(D$4:D3504, MATCH("CLAY", C$4:C3504, 0)), "")</f>
        <v>0.75203252561341039</v>
      </c>
    </row>
    <row r="3505" spans="1:6" x14ac:dyDescent="0.2">
      <c r="A3505" s="239">
        <f>'CPT Data'!B3513</f>
        <v>34.951999999999998</v>
      </c>
      <c r="B3505" s="3">
        <f>'CPT Data'!C3513</f>
        <v>34.945</v>
      </c>
      <c r="C3505" t="str">
        <f>'CPT Data'!P3513</f>
        <v>CLAY</v>
      </c>
      <c r="D3505">
        <f>'CPT Data'!Q3513</f>
        <v>397.1932979948254</v>
      </c>
      <c r="E3505">
        <f t="shared" si="55"/>
        <v>379.10676794403918</v>
      </c>
      <c r="F3505">
        <f>IF(C3505="CLAY", INDEX(D$4:D3505, MATCH("CLAY", C$4:C3505, 0)), "")</f>
        <v>0.75203252561341039</v>
      </c>
    </row>
    <row r="3506" spans="1:6" x14ac:dyDescent="0.2">
      <c r="A3506" s="239">
        <f>'CPT Data'!B3514</f>
        <v>34.962000000000003</v>
      </c>
      <c r="B3506" s="3">
        <f>'CPT Data'!C3514</f>
        <v>34.955000000000005</v>
      </c>
      <c r="C3506" t="str">
        <f>'CPT Data'!P3514</f>
        <v>CLAY</v>
      </c>
      <c r="D3506">
        <f>'CPT Data'!Q3514</f>
        <v>421.45249945499069</v>
      </c>
      <c r="E3506">
        <f t="shared" si="55"/>
        <v>397.1932979948254</v>
      </c>
      <c r="F3506">
        <f>IF(C3506="CLAY", INDEX(D$4:D3506, MATCH("CLAY", C$4:C3506, 0)), "")</f>
        <v>0.75203252561341039</v>
      </c>
    </row>
    <row r="3507" spans="1:6" x14ac:dyDescent="0.2">
      <c r="A3507" s="239">
        <f>'CPT Data'!B3515</f>
        <v>34.970999999999997</v>
      </c>
      <c r="B3507" s="3">
        <f>'CPT Data'!C3515</f>
        <v>34.963999999999999</v>
      </c>
      <c r="C3507" t="str">
        <f>'CPT Data'!P3515</f>
        <v>CLAY</v>
      </c>
      <c r="D3507">
        <f>'CPT Data'!Q3515</f>
        <v>442.32023875903292</v>
      </c>
      <c r="E3507">
        <f t="shared" si="55"/>
        <v>421.45249945499069</v>
      </c>
      <c r="F3507">
        <f>IF(C3507="CLAY", INDEX(D$4:D3507, MATCH("CLAY", C$4:C3507, 0)), "")</f>
        <v>0.75203252561341039</v>
      </c>
    </row>
    <row r="3508" spans="1:6" x14ac:dyDescent="0.2">
      <c r="A3508" s="239">
        <f>'CPT Data'!B3516</f>
        <v>34.981999999999999</v>
      </c>
      <c r="B3508" s="3">
        <f>'CPT Data'!C3516</f>
        <v>34.975000000000001</v>
      </c>
      <c r="C3508" t="str">
        <f>'CPT Data'!P3516</f>
        <v>CLAY</v>
      </c>
      <c r="D3508">
        <f>'CPT Data'!Q3516</f>
        <v>464.51675781150726</v>
      </c>
      <c r="E3508">
        <f t="shared" si="55"/>
        <v>442.32023875903292</v>
      </c>
      <c r="F3508">
        <f>IF(C3508="CLAY", INDEX(D$4:D3508, MATCH("CLAY", C$4:C3508, 0)), "")</f>
        <v>0.75203252561341039</v>
      </c>
    </row>
    <row r="3509" spans="1:6" x14ac:dyDescent="0.2">
      <c r="A3509" s="239">
        <f>'CPT Data'!B3517</f>
        <v>34.991</v>
      </c>
      <c r="B3509" s="3">
        <f>'CPT Data'!C3517</f>
        <v>34.984000000000002</v>
      </c>
      <c r="C3509" t="str">
        <f>'CPT Data'!P3517</f>
        <v>CLAY</v>
      </c>
      <c r="D3509">
        <f>'CPT Data'!Q3517</f>
        <v>503.16580378310488</v>
      </c>
      <c r="E3509">
        <f t="shared" si="55"/>
        <v>464.51675781150726</v>
      </c>
      <c r="F3509">
        <f>IF(C3509="CLAY", INDEX(D$4:D3509, MATCH("CLAY", C$4:C3509, 0)), "")</f>
        <v>0.75203252561341039</v>
      </c>
    </row>
    <row r="3510" spans="1:6" x14ac:dyDescent="0.2">
      <c r="A3510" s="239">
        <f>'CPT Data'!B3518</f>
        <v>35.000999999999998</v>
      </c>
      <c r="B3510" s="3">
        <f>'CPT Data'!C3518</f>
        <v>34.994</v>
      </c>
      <c r="C3510" t="str">
        <f>'CPT Data'!P3518</f>
        <v>CLAY</v>
      </c>
      <c r="D3510">
        <f>'CPT Data'!Q3518</f>
        <v>520.21566051459024</v>
      </c>
      <c r="E3510">
        <f t="shared" si="55"/>
        <v>503.16580378310488</v>
      </c>
      <c r="F3510">
        <f>IF(C3510="CLAY", INDEX(D$4:D3510, MATCH("CLAY", C$4:C3510, 0)), "")</f>
        <v>0.75203252561341039</v>
      </c>
    </row>
    <row r="3511" spans="1:6" x14ac:dyDescent="0.2">
      <c r="A3511" s="239">
        <f>'CPT Data'!B3519</f>
        <v>35.011000000000003</v>
      </c>
      <c r="B3511" s="3">
        <f>'CPT Data'!C3519</f>
        <v>35.004000000000005</v>
      </c>
      <c r="C3511" t="str">
        <f>'CPT Data'!P3519</f>
        <v>CLAY</v>
      </c>
      <c r="D3511">
        <f>'CPT Data'!Q3519</f>
        <v>551.27348040859056</v>
      </c>
      <c r="E3511">
        <f t="shared" si="55"/>
        <v>520.21566051459024</v>
      </c>
      <c r="F3511">
        <f>IF(C3511="CLAY", INDEX(D$4:D3511, MATCH("CLAY", C$4:C3511, 0)), "")</f>
        <v>0.75203252561341039</v>
      </c>
    </row>
    <row r="3512" spans="1:6" x14ac:dyDescent="0.2">
      <c r="A3512" s="239">
        <f>'CPT Data'!B3520</f>
        <v>35.020000000000003</v>
      </c>
      <c r="B3512" s="3">
        <f>'CPT Data'!C3520</f>
        <v>35.013000000000005</v>
      </c>
      <c r="C3512" t="str">
        <f>'CPT Data'!P3520</f>
        <v>CLAY</v>
      </c>
      <c r="D3512">
        <f>'CPT Data'!Q3520</f>
        <v>574.15306223195284</v>
      </c>
      <c r="E3512">
        <f t="shared" si="55"/>
        <v>551.27348040859056</v>
      </c>
      <c r="F3512">
        <f>IF(C3512="CLAY", INDEX(D$4:D3512, MATCH("CLAY", C$4:C3512, 0)), "")</f>
        <v>0.75203252561341039</v>
      </c>
    </row>
    <row r="3513" spans="1:6" x14ac:dyDescent="0.2">
      <c r="A3513" s="239">
        <f>'CPT Data'!B3521</f>
        <v>35.030999999999999</v>
      </c>
      <c r="B3513" s="3">
        <f>'CPT Data'!C3521</f>
        <v>35.024000000000001</v>
      </c>
      <c r="C3513" t="str">
        <f>'CPT Data'!P3521</f>
        <v>SAND</v>
      </c>
      <c r="D3513" t="e">
        <f>'CPT Data'!Q3521</f>
        <v>#N/A</v>
      </c>
      <c r="E3513" t="e">
        <f t="shared" si="55"/>
        <v>#N/A</v>
      </c>
      <c r="F3513" t="str">
        <f>IF(C3513="CLAY", INDEX(D$4:D3513, MATCH("CLAY", C$4:C3513, 0)), "")</f>
        <v/>
      </c>
    </row>
    <row r="3514" spans="1:6" x14ac:dyDescent="0.2">
      <c r="A3514" s="239">
        <f>'CPT Data'!B3522</f>
        <v>35.04</v>
      </c>
      <c r="B3514" s="3">
        <f>'CPT Data'!C3522</f>
        <v>35.033000000000001</v>
      </c>
      <c r="C3514" t="str">
        <f>'CPT Data'!P3522</f>
        <v>SAND</v>
      </c>
      <c r="D3514" t="e">
        <f>'CPT Data'!Q3522</f>
        <v>#N/A</v>
      </c>
      <c r="E3514" t="e">
        <f t="shared" si="55"/>
        <v>#N/A</v>
      </c>
      <c r="F3514" t="str">
        <f>IF(C3514="CLAY", INDEX(D$4:D3514, MATCH("CLAY", C$4:C3514, 0)), "")</f>
        <v/>
      </c>
    </row>
    <row r="3515" spans="1:6" x14ac:dyDescent="0.2">
      <c r="A3515" s="239">
        <f>'CPT Data'!B3523</f>
        <v>35.049999999999997</v>
      </c>
      <c r="B3515" s="3">
        <f>'CPT Data'!C3523</f>
        <v>35.042999999999999</v>
      </c>
      <c r="C3515" t="str">
        <f>'CPT Data'!P3523</f>
        <v>SAND</v>
      </c>
      <c r="D3515" t="e">
        <f>'CPT Data'!Q3523</f>
        <v>#N/A</v>
      </c>
      <c r="E3515" t="e">
        <f t="shared" si="55"/>
        <v>#N/A</v>
      </c>
      <c r="F3515" t="str">
        <f>IF(C3515="CLAY", INDEX(D$4:D3515, MATCH("CLAY", C$4:C3515, 0)), "")</f>
        <v/>
      </c>
    </row>
    <row r="3516" spans="1:6" x14ac:dyDescent="0.2">
      <c r="A3516" s="239">
        <f>'CPT Data'!B3524</f>
        <v>35.058999999999997</v>
      </c>
      <c r="B3516" s="3">
        <f>'CPT Data'!C3524</f>
        <v>35.052</v>
      </c>
      <c r="C3516" t="str">
        <f>'CPT Data'!P3524</f>
        <v>SAND</v>
      </c>
      <c r="D3516" t="e">
        <f>'CPT Data'!Q3524</f>
        <v>#N/A</v>
      </c>
      <c r="E3516" t="e">
        <f t="shared" si="55"/>
        <v>#N/A</v>
      </c>
      <c r="F3516" t="str">
        <f>IF(C3516="CLAY", INDEX(D$4:D3516, MATCH("CLAY", C$4:C3516, 0)), "")</f>
        <v/>
      </c>
    </row>
    <row r="3517" spans="1:6" x14ac:dyDescent="0.2">
      <c r="A3517" s="239">
        <f>'CPT Data'!B3525</f>
        <v>35.069000000000003</v>
      </c>
      <c r="B3517" s="3">
        <f>'CPT Data'!C3525</f>
        <v>35.062000000000005</v>
      </c>
      <c r="C3517" t="str">
        <f>'CPT Data'!P3525</f>
        <v>SAND</v>
      </c>
      <c r="D3517" t="e">
        <f>'CPT Data'!Q3525</f>
        <v>#N/A</v>
      </c>
      <c r="E3517" t="e">
        <f t="shared" si="55"/>
        <v>#N/A</v>
      </c>
      <c r="F3517" t="str">
        <f>IF(C3517="CLAY", INDEX(D$4:D3517, MATCH("CLAY", C$4:C3517, 0)), "")</f>
        <v/>
      </c>
    </row>
    <row r="3518" spans="1:6" x14ac:dyDescent="0.2">
      <c r="A3518" s="239">
        <f>'CPT Data'!B3526</f>
        <v>35.078000000000003</v>
      </c>
      <c r="B3518" s="3">
        <f>'CPT Data'!C3526</f>
        <v>35.071000000000005</v>
      </c>
      <c r="C3518" t="str">
        <f>'CPT Data'!P3526</f>
        <v>SAND</v>
      </c>
      <c r="D3518" t="e">
        <f>'CPT Data'!Q3526</f>
        <v>#N/A</v>
      </c>
      <c r="E3518" t="e">
        <f t="shared" si="55"/>
        <v>#N/A</v>
      </c>
      <c r="F3518" t="str">
        <f>IF(C3518="CLAY", INDEX(D$4:D3518, MATCH("CLAY", C$4:C3518, 0)), "")</f>
        <v/>
      </c>
    </row>
    <row r="3519" spans="1:6" x14ac:dyDescent="0.2">
      <c r="A3519" s="239">
        <f>'CPT Data'!B3527</f>
        <v>35.088000000000001</v>
      </c>
      <c r="B3519" s="3">
        <f>'CPT Data'!C3527</f>
        <v>35.081000000000003</v>
      </c>
      <c r="C3519" t="str">
        <f>'CPT Data'!P3527</f>
        <v>SAND</v>
      </c>
      <c r="D3519" t="e">
        <f>'CPT Data'!Q3527</f>
        <v>#N/A</v>
      </c>
      <c r="E3519" t="e">
        <f t="shared" si="55"/>
        <v>#N/A</v>
      </c>
      <c r="F3519" t="str">
        <f>IF(C3519="CLAY", INDEX(D$4:D3519, MATCH("CLAY", C$4:C3519, 0)), "")</f>
        <v/>
      </c>
    </row>
    <row r="3520" spans="1:6" x14ac:dyDescent="0.2">
      <c r="A3520" s="239">
        <f>'CPT Data'!B3528</f>
        <v>35.097000000000001</v>
      </c>
      <c r="B3520" s="3">
        <f>'CPT Data'!C3528</f>
        <v>35.090000000000003</v>
      </c>
      <c r="C3520" t="str">
        <f>'CPT Data'!P3528</f>
        <v>SAND</v>
      </c>
      <c r="D3520" t="e">
        <f>'CPT Data'!Q3528</f>
        <v>#N/A</v>
      </c>
      <c r="E3520" t="e">
        <f t="shared" si="55"/>
        <v>#N/A</v>
      </c>
      <c r="F3520" t="str">
        <f>IF(C3520="CLAY", INDEX(D$4:D3520, MATCH("CLAY", C$4:C3520, 0)), "")</f>
        <v/>
      </c>
    </row>
    <row r="3521" spans="1:6" x14ac:dyDescent="0.2">
      <c r="A3521" s="239">
        <f>'CPT Data'!B3529</f>
        <v>35.106999999999999</v>
      </c>
      <c r="B3521" s="3">
        <f>'CPT Data'!C3529</f>
        <v>35.1</v>
      </c>
      <c r="C3521" t="str">
        <f>'CPT Data'!P3529</f>
        <v>SAND</v>
      </c>
      <c r="D3521" t="e">
        <f>'CPT Data'!Q3529</f>
        <v>#N/A</v>
      </c>
      <c r="E3521" t="e">
        <f t="shared" si="55"/>
        <v>#N/A</v>
      </c>
      <c r="F3521" t="str">
        <f>IF(C3521="CLAY", INDEX(D$4:D3521, MATCH("CLAY", C$4:C3521, 0)), "")</f>
        <v/>
      </c>
    </row>
    <row r="3522" spans="1:6" x14ac:dyDescent="0.2">
      <c r="A3522" s="239">
        <f>'CPT Data'!B3530</f>
        <v>35.116</v>
      </c>
      <c r="B3522" s="3">
        <f>'CPT Data'!C3530</f>
        <v>35.109000000000002</v>
      </c>
      <c r="C3522" t="str">
        <f>'CPT Data'!P3530</f>
        <v>SAND</v>
      </c>
      <c r="D3522" t="e">
        <f>'CPT Data'!Q3530</f>
        <v>#N/A</v>
      </c>
      <c r="E3522" t="e">
        <f t="shared" si="55"/>
        <v>#N/A</v>
      </c>
      <c r="F3522" t="str">
        <f>IF(C3522="CLAY", INDEX(D$4:D3522, MATCH("CLAY", C$4:C3522, 0)), "")</f>
        <v/>
      </c>
    </row>
    <row r="3523" spans="1:6" x14ac:dyDescent="0.2">
      <c r="A3523" s="239">
        <f>'CPT Data'!B3531</f>
        <v>35.127000000000002</v>
      </c>
      <c r="B3523" s="3">
        <f>'CPT Data'!C3531</f>
        <v>35.120000000000005</v>
      </c>
      <c r="C3523" t="str">
        <f>'CPT Data'!P3531</f>
        <v>SAND</v>
      </c>
      <c r="D3523" t="e">
        <f>'CPT Data'!Q3531</f>
        <v>#N/A</v>
      </c>
      <c r="E3523" t="e">
        <f t="shared" si="55"/>
        <v>#N/A</v>
      </c>
      <c r="F3523" t="str">
        <f>IF(C3523="CLAY", INDEX(D$4:D3523, MATCH("CLAY", C$4:C3523, 0)), "")</f>
        <v/>
      </c>
    </row>
    <row r="3524" spans="1:6" x14ac:dyDescent="0.2">
      <c r="A3524" s="239">
        <f>'CPT Data'!B3532</f>
        <v>35.137</v>
      </c>
      <c r="B3524" s="3">
        <f>'CPT Data'!C3532</f>
        <v>35.130000000000003</v>
      </c>
      <c r="C3524" t="str">
        <f>'CPT Data'!P3532</f>
        <v>SAND</v>
      </c>
      <c r="D3524" t="e">
        <f>'CPT Data'!Q3532</f>
        <v>#N/A</v>
      </c>
      <c r="E3524" t="e">
        <f t="shared" si="55"/>
        <v>#N/A</v>
      </c>
      <c r="F3524" t="str">
        <f>IF(C3524="CLAY", INDEX(D$4:D3524, MATCH("CLAY", C$4:C3524, 0)), "")</f>
        <v/>
      </c>
    </row>
    <row r="3525" spans="1:6" x14ac:dyDescent="0.2">
      <c r="A3525" s="239">
        <f>'CPT Data'!B3533</f>
        <v>35.146000000000001</v>
      </c>
      <c r="B3525" s="3">
        <f>'CPT Data'!C3533</f>
        <v>35.139000000000003</v>
      </c>
      <c r="C3525" t="str">
        <f>'CPT Data'!P3533</f>
        <v>SAND</v>
      </c>
      <c r="D3525" t="e">
        <f>'CPT Data'!Q3533</f>
        <v>#N/A</v>
      </c>
      <c r="E3525" t="e">
        <f t="shared" si="55"/>
        <v>#N/A</v>
      </c>
      <c r="F3525" t="str">
        <f>IF(C3525="CLAY", INDEX(D$4:D3525, MATCH("CLAY", C$4:C3525, 0)), "")</f>
        <v/>
      </c>
    </row>
    <row r="3526" spans="1:6" x14ac:dyDescent="0.2">
      <c r="A3526" s="239">
        <f>'CPT Data'!B3534</f>
        <v>35.155999999999999</v>
      </c>
      <c r="B3526" s="3">
        <f>'CPT Data'!C3534</f>
        <v>35.149000000000001</v>
      </c>
      <c r="C3526" t="str">
        <f>'CPT Data'!P3534</f>
        <v>SAND</v>
      </c>
      <c r="D3526" t="e">
        <f>'CPT Data'!Q3534</f>
        <v>#N/A</v>
      </c>
      <c r="E3526" t="e">
        <f t="shared" si="55"/>
        <v>#N/A</v>
      </c>
      <c r="F3526" t="str">
        <f>IF(C3526="CLAY", INDEX(D$4:D3526, MATCH("CLAY", C$4:C3526, 0)), "")</f>
        <v/>
      </c>
    </row>
    <row r="3527" spans="1:6" x14ac:dyDescent="0.2">
      <c r="A3527" s="239">
        <f>'CPT Data'!B3535</f>
        <v>35.165999999999997</v>
      </c>
      <c r="B3527" s="3">
        <f>'CPT Data'!C3535</f>
        <v>35.158999999999999</v>
      </c>
      <c r="C3527" t="str">
        <f>'CPT Data'!P3535</f>
        <v>SAND</v>
      </c>
      <c r="D3527" t="e">
        <f>'CPT Data'!Q3535</f>
        <v>#N/A</v>
      </c>
      <c r="E3527" t="e">
        <f t="shared" si="55"/>
        <v>#N/A</v>
      </c>
      <c r="F3527" t="str">
        <f>IF(C3527="CLAY", INDEX(D$4:D3527, MATCH("CLAY", C$4:C3527, 0)), "")</f>
        <v/>
      </c>
    </row>
    <row r="3528" spans="1:6" x14ac:dyDescent="0.2">
      <c r="A3528" s="239">
        <f>'CPT Data'!B3536</f>
        <v>35.176000000000002</v>
      </c>
      <c r="B3528" s="3">
        <f>'CPT Data'!C3536</f>
        <v>35.169000000000004</v>
      </c>
      <c r="C3528" t="str">
        <f>'CPT Data'!P3536</f>
        <v>SAND</v>
      </c>
      <c r="D3528" t="e">
        <f>'CPT Data'!Q3536</f>
        <v>#N/A</v>
      </c>
      <c r="E3528" t="e">
        <f t="shared" si="55"/>
        <v>#N/A</v>
      </c>
      <c r="F3528" t="str">
        <f>IF(C3528="CLAY", INDEX(D$4:D3528, MATCH("CLAY", C$4:C3528, 0)), "")</f>
        <v/>
      </c>
    </row>
    <row r="3529" spans="1:6" x14ac:dyDescent="0.2">
      <c r="A3529" s="239">
        <f>'CPT Data'!B3537</f>
        <v>35.185000000000002</v>
      </c>
      <c r="B3529" s="3">
        <f>'CPT Data'!C3537</f>
        <v>35.178000000000004</v>
      </c>
      <c r="C3529" t="str">
        <f>'CPT Data'!P3537</f>
        <v>SAND</v>
      </c>
      <c r="D3529" t="e">
        <f>'CPT Data'!Q3537</f>
        <v>#N/A</v>
      </c>
      <c r="E3529" t="e">
        <f t="shared" si="55"/>
        <v>#N/A</v>
      </c>
      <c r="F3529" t="str">
        <f>IF(C3529="CLAY", INDEX(D$4:D3529, MATCH("CLAY", C$4:C3529, 0)), "")</f>
        <v/>
      </c>
    </row>
    <row r="3530" spans="1:6" x14ac:dyDescent="0.2">
      <c r="A3530" s="239">
        <f>'CPT Data'!B3538</f>
        <v>35.195999999999998</v>
      </c>
      <c r="B3530" s="3">
        <f>'CPT Data'!C3538</f>
        <v>35.189</v>
      </c>
      <c r="C3530" t="str">
        <f>'CPT Data'!P3538</f>
        <v>CLAY</v>
      </c>
      <c r="D3530">
        <f>'CPT Data'!Q3538</f>
        <v>630.70645286918682</v>
      </c>
      <c r="E3530">
        <f t="shared" si="55"/>
        <v>630.70645286918682</v>
      </c>
      <c r="F3530">
        <f>IF(C3530="CLAY", INDEX(D$4:D3530, MATCH("CLAY", C$4:C3530, 0)), "")</f>
        <v>0.75203252561341039</v>
      </c>
    </row>
    <row r="3531" spans="1:6" x14ac:dyDescent="0.2">
      <c r="A3531" s="239">
        <f>'CPT Data'!B3539</f>
        <v>35.204999999999998</v>
      </c>
      <c r="B3531" s="3">
        <f>'CPT Data'!C3539</f>
        <v>35.198</v>
      </c>
      <c r="C3531" t="str">
        <f>'CPT Data'!P3539</f>
        <v>CLAY</v>
      </c>
      <c r="D3531">
        <f>'CPT Data'!Q3539</f>
        <v>637.55193555845642</v>
      </c>
      <c r="E3531">
        <f t="shared" si="55"/>
        <v>630.70645286918682</v>
      </c>
      <c r="F3531">
        <f>IF(C3531="CLAY", INDEX(D$4:D3531, MATCH("CLAY", C$4:C3531, 0)), "")</f>
        <v>0.75203252561341039</v>
      </c>
    </row>
    <row r="3532" spans="1:6" x14ac:dyDescent="0.2">
      <c r="A3532" s="239">
        <f>'CPT Data'!B3540</f>
        <v>35.215000000000003</v>
      </c>
      <c r="B3532" s="3">
        <f>'CPT Data'!C3540</f>
        <v>35.208000000000006</v>
      </c>
      <c r="C3532" t="str">
        <f>'CPT Data'!P3540</f>
        <v>CLAY</v>
      </c>
      <c r="D3532">
        <f>'CPT Data'!Q3540</f>
        <v>632.95868219552597</v>
      </c>
      <c r="E3532">
        <f t="shared" si="55"/>
        <v>637.55193555845642</v>
      </c>
      <c r="F3532">
        <f>IF(C3532="CLAY", INDEX(D$4:D3532, MATCH("CLAY", C$4:C3532, 0)), "")</f>
        <v>0.75203252561341039</v>
      </c>
    </row>
    <row r="3533" spans="1:6" x14ac:dyDescent="0.2">
      <c r="A3533" s="239">
        <f>'CPT Data'!B3541</f>
        <v>35.225000000000001</v>
      </c>
      <c r="B3533" s="3">
        <f>'CPT Data'!C3541</f>
        <v>35.218000000000004</v>
      </c>
      <c r="C3533" t="str">
        <f>'CPT Data'!P3541</f>
        <v>CLAY</v>
      </c>
      <c r="D3533">
        <f>'CPT Data'!Q3541</f>
        <v>630.351235791558</v>
      </c>
      <c r="E3533">
        <f t="shared" si="55"/>
        <v>632.95868219552597</v>
      </c>
      <c r="F3533">
        <f>IF(C3533="CLAY", INDEX(D$4:D3533, MATCH("CLAY", C$4:C3533, 0)), "")</f>
        <v>0.75203252561341039</v>
      </c>
    </row>
    <row r="3534" spans="1:6" x14ac:dyDescent="0.2">
      <c r="A3534" s="239">
        <f>'CPT Data'!B3542</f>
        <v>35.234000000000002</v>
      </c>
      <c r="B3534" s="3">
        <f>'CPT Data'!C3542</f>
        <v>35.227000000000004</v>
      </c>
      <c r="C3534" t="str">
        <f>'CPT Data'!P3542</f>
        <v>CLAY</v>
      </c>
      <c r="D3534">
        <f>'CPT Data'!Q3542</f>
        <v>621.09595760471575</v>
      </c>
      <c r="E3534">
        <f t="shared" si="55"/>
        <v>630.351235791558</v>
      </c>
      <c r="F3534">
        <f>IF(C3534="CLAY", INDEX(D$4:D3534, MATCH("CLAY", C$4:C3534, 0)), "")</f>
        <v>0.75203252561341039</v>
      </c>
    </row>
    <row r="3535" spans="1:6" x14ac:dyDescent="0.2">
      <c r="A3535" s="239">
        <f>'CPT Data'!B3543</f>
        <v>35.244</v>
      </c>
      <c r="B3535" s="3">
        <f>'CPT Data'!C3543</f>
        <v>35.237000000000002</v>
      </c>
      <c r="C3535" t="str">
        <f>'CPT Data'!P3543</f>
        <v>CLAY</v>
      </c>
      <c r="D3535">
        <f>'CPT Data'!Q3543</f>
        <v>618.88234301929208</v>
      </c>
      <c r="E3535">
        <f t="shared" si="55"/>
        <v>621.09595760471575</v>
      </c>
      <c r="F3535">
        <f>IF(C3535="CLAY", INDEX(D$4:D3535, MATCH("CLAY", C$4:C3535, 0)), "")</f>
        <v>0.75203252561341039</v>
      </c>
    </row>
    <row r="3536" spans="1:6" x14ac:dyDescent="0.2">
      <c r="A3536" s="239">
        <f>'CPT Data'!B3544</f>
        <v>35.253</v>
      </c>
      <c r="B3536" s="3">
        <f>'CPT Data'!C3544</f>
        <v>35.246000000000002</v>
      </c>
      <c r="C3536" t="str">
        <f>'CPT Data'!P3544</f>
        <v>CLAY</v>
      </c>
      <c r="D3536">
        <f>'CPT Data'!Q3544</f>
        <v>629.81126226243896</v>
      </c>
      <c r="E3536">
        <f t="shared" si="55"/>
        <v>618.88234301929208</v>
      </c>
      <c r="F3536">
        <f>IF(C3536="CLAY", INDEX(D$4:D3536, MATCH("CLAY", C$4:C3536, 0)), "")</f>
        <v>0.75203252561341039</v>
      </c>
    </row>
    <row r="3537" spans="1:6" x14ac:dyDescent="0.2">
      <c r="A3537" s="239">
        <f>'CPT Data'!B3545</f>
        <v>35.264000000000003</v>
      </c>
      <c r="B3537" s="3">
        <f>'CPT Data'!C3545</f>
        <v>35.257000000000005</v>
      </c>
      <c r="C3537" t="str">
        <f>'CPT Data'!P3545</f>
        <v>CLAY</v>
      </c>
      <c r="D3537">
        <f>'CPT Data'!Q3545</f>
        <v>645.8654685799678</v>
      </c>
      <c r="E3537">
        <f t="shared" si="55"/>
        <v>629.81126226243896</v>
      </c>
      <c r="F3537">
        <f>IF(C3537="CLAY", INDEX(D$4:D3537, MATCH("CLAY", C$4:C3537, 0)), "")</f>
        <v>0.75203252561341039</v>
      </c>
    </row>
    <row r="3538" spans="1:6" x14ac:dyDescent="0.2">
      <c r="A3538" s="239">
        <f>'CPT Data'!B3546</f>
        <v>35.273000000000003</v>
      </c>
      <c r="B3538" s="3">
        <f>'CPT Data'!C3546</f>
        <v>35.266000000000005</v>
      </c>
      <c r="C3538" t="str">
        <f>'CPT Data'!P3546</f>
        <v>CLAY</v>
      </c>
      <c r="D3538">
        <f>'CPT Data'!Q3546</f>
        <v>651.13361305538672</v>
      </c>
      <c r="E3538">
        <f t="shared" si="55"/>
        <v>645.8654685799678</v>
      </c>
      <c r="F3538">
        <f>IF(C3538="CLAY", INDEX(D$4:D3538, MATCH("CLAY", C$4:C3538, 0)), "")</f>
        <v>0.75203252561341039</v>
      </c>
    </row>
    <row r="3539" spans="1:6" x14ac:dyDescent="0.2">
      <c r="A3539" s="239">
        <f>'CPT Data'!B3547</f>
        <v>35.283000000000001</v>
      </c>
      <c r="B3539" s="3">
        <f>'CPT Data'!C3547</f>
        <v>35.276000000000003</v>
      </c>
      <c r="C3539" t="str">
        <f>'CPT Data'!P3547</f>
        <v>CLAY</v>
      </c>
      <c r="D3539">
        <f>'CPT Data'!Q3547</f>
        <v>632.80330109779618</v>
      </c>
      <c r="E3539">
        <f t="shared" si="55"/>
        <v>651.13361305538672</v>
      </c>
      <c r="F3539">
        <f>IF(C3539="CLAY", INDEX(D$4:D3539, MATCH("CLAY", C$4:C3539, 0)), "")</f>
        <v>0.75203252561341039</v>
      </c>
    </row>
    <row r="3540" spans="1:6" x14ac:dyDescent="0.2">
      <c r="A3540" s="239">
        <f>'CPT Data'!B3548</f>
        <v>35.292999999999999</v>
      </c>
      <c r="B3540" s="3">
        <f>'CPT Data'!C3548</f>
        <v>35.286000000000001</v>
      </c>
      <c r="C3540" t="str">
        <f>'CPT Data'!P3548</f>
        <v>CLAY</v>
      </c>
      <c r="D3540">
        <f>'CPT Data'!Q3548</f>
        <v>610.08771392389133</v>
      </c>
      <c r="E3540">
        <f t="shared" si="55"/>
        <v>632.80330109779618</v>
      </c>
      <c r="F3540">
        <f>IF(C3540="CLAY", INDEX(D$4:D3540, MATCH("CLAY", C$4:C3540, 0)), "")</f>
        <v>0.75203252561341039</v>
      </c>
    </row>
    <row r="3541" spans="1:6" x14ac:dyDescent="0.2">
      <c r="A3541" s="239">
        <f>'CPT Data'!B3549</f>
        <v>35.302999999999997</v>
      </c>
      <c r="B3541" s="3">
        <f>'CPT Data'!C3549</f>
        <v>35.295999999999999</v>
      </c>
      <c r="C3541" t="str">
        <f>'CPT Data'!P3549</f>
        <v>CLAY</v>
      </c>
      <c r="D3541">
        <f>'CPT Data'!Q3549</f>
        <v>572.11993904501685</v>
      </c>
      <c r="E3541">
        <f t="shared" si="55"/>
        <v>610.08771392389133</v>
      </c>
      <c r="F3541">
        <f>IF(C3541="CLAY", INDEX(D$4:D3541, MATCH("CLAY", C$4:C3541, 0)), "")</f>
        <v>0.75203252561341039</v>
      </c>
    </row>
    <row r="3542" spans="1:6" x14ac:dyDescent="0.2">
      <c r="A3542" s="239">
        <f>'CPT Data'!B3550</f>
        <v>35.313000000000002</v>
      </c>
      <c r="B3542" s="3">
        <f>'CPT Data'!C3550</f>
        <v>35.306000000000004</v>
      </c>
      <c r="C3542" t="str">
        <f>'CPT Data'!P3550</f>
        <v>CLAY</v>
      </c>
      <c r="D3542">
        <f>'CPT Data'!Q3550</f>
        <v>534.41674810783593</v>
      </c>
      <c r="E3542">
        <f t="shared" si="55"/>
        <v>572.11993904501685</v>
      </c>
      <c r="F3542">
        <f>IF(C3542="CLAY", INDEX(D$4:D3542, MATCH("CLAY", C$4:C3542, 0)), "")</f>
        <v>0.75203252561341039</v>
      </c>
    </row>
    <row r="3543" spans="1:6" x14ac:dyDescent="0.2">
      <c r="A3543" s="239">
        <f>'CPT Data'!B3551</f>
        <v>35.323</v>
      </c>
      <c r="B3543" s="3">
        <f>'CPT Data'!C3551</f>
        <v>35.316000000000003</v>
      </c>
      <c r="C3543" t="str">
        <f>'CPT Data'!P3551</f>
        <v>CLAY</v>
      </c>
      <c r="D3543">
        <f>'CPT Data'!Q3551</f>
        <v>496.7852053927366</v>
      </c>
      <c r="E3543">
        <f t="shared" si="55"/>
        <v>534.41674810783593</v>
      </c>
      <c r="F3543">
        <f>IF(C3543="CLAY", INDEX(D$4:D3543, MATCH("CLAY", C$4:C3543, 0)), "")</f>
        <v>0.75203252561341039</v>
      </c>
    </row>
    <row r="3544" spans="1:6" x14ac:dyDescent="0.2">
      <c r="A3544" s="239">
        <f>'CPT Data'!B3552</f>
        <v>35.332000000000001</v>
      </c>
      <c r="B3544" s="3">
        <f>'CPT Data'!C3552</f>
        <v>35.325000000000003</v>
      </c>
      <c r="C3544" t="str">
        <f>'CPT Data'!P3552</f>
        <v>CLAY</v>
      </c>
      <c r="D3544">
        <f>'CPT Data'!Q3552</f>
        <v>454.92900710744402</v>
      </c>
      <c r="E3544">
        <f t="shared" si="55"/>
        <v>496.7852053927366</v>
      </c>
      <c r="F3544">
        <f>IF(C3544="CLAY", INDEX(D$4:D3544, MATCH("CLAY", C$4:C3544, 0)), "")</f>
        <v>0.75203252561341039</v>
      </c>
    </row>
    <row r="3545" spans="1:6" x14ac:dyDescent="0.2">
      <c r="A3545" s="239">
        <f>'CPT Data'!B3553</f>
        <v>35.343000000000004</v>
      </c>
      <c r="B3545" s="3">
        <f>'CPT Data'!C3553</f>
        <v>35.336000000000006</v>
      </c>
      <c r="C3545" t="str">
        <f>'CPT Data'!P3553</f>
        <v>CLAY</v>
      </c>
      <c r="D3545">
        <f>'CPT Data'!Q3553</f>
        <v>399.60366264212507</v>
      </c>
      <c r="E3545">
        <f t="shared" si="55"/>
        <v>454.92900710744402</v>
      </c>
      <c r="F3545">
        <f>IF(C3545="CLAY", INDEX(D$4:D3545, MATCH("CLAY", C$4:C3545, 0)), "")</f>
        <v>0.75203252561341039</v>
      </c>
    </row>
    <row r="3546" spans="1:6" x14ac:dyDescent="0.2">
      <c r="A3546" s="239">
        <f>'CPT Data'!B3554</f>
        <v>35.351999999999997</v>
      </c>
      <c r="B3546" s="3">
        <f>'CPT Data'!C3554</f>
        <v>35.344999999999999</v>
      </c>
      <c r="C3546" t="str">
        <f>'CPT Data'!P3554</f>
        <v>CLAY</v>
      </c>
      <c r="D3546">
        <f>'CPT Data'!Q3554</f>
        <v>363.47119224451291</v>
      </c>
      <c r="E3546">
        <f t="shared" si="55"/>
        <v>399.60366264212507</v>
      </c>
      <c r="F3546">
        <f>IF(C3546="CLAY", INDEX(D$4:D3546, MATCH("CLAY", C$4:C3546, 0)), "")</f>
        <v>0.75203252561341039</v>
      </c>
    </row>
    <row r="3547" spans="1:6" x14ac:dyDescent="0.2">
      <c r="A3547" s="239">
        <f>'CPT Data'!B3555</f>
        <v>35.363</v>
      </c>
      <c r="B3547" s="3">
        <f>'CPT Data'!C3555</f>
        <v>35.356000000000002</v>
      </c>
      <c r="C3547" t="str">
        <f>'CPT Data'!P3555</f>
        <v>CLAY</v>
      </c>
      <c r="D3547">
        <f>'CPT Data'!Q3555</f>
        <v>343.24110516938953</v>
      </c>
      <c r="E3547">
        <f t="shared" ref="E3547:E3610" si="56">IF(C3547="SAND",#N/A,IF(C3547=C3546,D3546,IF(C3547="CLAY",D3547,#N/A)))</f>
        <v>363.47119224451291</v>
      </c>
      <c r="F3547">
        <f>IF(C3547="CLAY", INDEX(D$4:D3547, MATCH("CLAY", C$4:C3547, 0)), "")</f>
        <v>0.75203252561341039</v>
      </c>
    </row>
    <row r="3548" spans="1:6" x14ac:dyDescent="0.2">
      <c r="A3548" s="239">
        <f>'CPT Data'!B3556</f>
        <v>35.372</v>
      </c>
      <c r="B3548" s="3">
        <f>'CPT Data'!C3556</f>
        <v>35.365000000000002</v>
      </c>
      <c r="C3548" t="str">
        <f>'CPT Data'!P3556</f>
        <v>CLAY</v>
      </c>
      <c r="D3548">
        <f>'CPT Data'!Q3556</f>
        <v>340.96014353950619</v>
      </c>
      <c r="E3548">
        <f t="shared" si="56"/>
        <v>343.24110516938953</v>
      </c>
      <c r="F3548">
        <f>IF(C3548="CLAY", INDEX(D$4:D3548, MATCH("CLAY", C$4:C3548, 0)), "")</f>
        <v>0.75203252561341039</v>
      </c>
    </row>
    <row r="3549" spans="1:6" x14ac:dyDescent="0.2">
      <c r="A3549" s="239">
        <f>'CPT Data'!B3557</f>
        <v>35.381999999999998</v>
      </c>
      <c r="B3549" s="3">
        <f>'CPT Data'!C3557</f>
        <v>35.375</v>
      </c>
      <c r="C3549" t="str">
        <f>'CPT Data'!P3557</f>
        <v>CLAY</v>
      </c>
      <c r="D3549">
        <f>'CPT Data'!Q3557</f>
        <v>351.08796652303863</v>
      </c>
      <c r="E3549">
        <f t="shared" si="56"/>
        <v>340.96014353950619</v>
      </c>
      <c r="F3549">
        <f>IF(C3549="CLAY", INDEX(D$4:D3549, MATCH("CLAY", C$4:C3549, 0)), "")</f>
        <v>0.75203252561341039</v>
      </c>
    </row>
    <row r="3550" spans="1:6" x14ac:dyDescent="0.2">
      <c r="A3550" s="239">
        <f>'CPT Data'!B3558</f>
        <v>35.392000000000003</v>
      </c>
      <c r="B3550" s="3">
        <f>'CPT Data'!C3558</f>
        <v>35.385000000000005</v>
      </c>
      <c r="C3550" t="str">
        <f>'CPT Data'!P3558</f>
        <v>CLAY</v>
      </c>
      <c r="D3550">
        <f>'CPT Data'!Q3558</f>
        <v>367.88088349007006</v>
      </c>
      <c r="E3550">
        <f t="shared" si="56"/>
        <v>351.08796652303863</v>
      </c>
      <c r="F3550">
        <f>IF(C3550="CLAY", INDEX(D$4:D3550, MATCH("CLAY", C$4:C3550, 0)), "")</f>
        <v>0.75203252561341039</v>
      </c>
    </row>
    <row r="3551" spans="1:6" x14ac:dyDescent="0.2">
      <c r="A3551" s="239">
        <f>'CPT Data'!B3559</f>
        <v>35.402000000000001</v>
      </c>
      <c r="B3551" s="3">
        <f>'CPT Data'!C3559</f>
        <v>35.395000000000003</v>
      </c>
      <c r="C3551" t="str">
        <f>'CPT Data'!P3559</f>
        <v>CLAY</v>
      </c>
      <c r="D3551">
        <f>'CPT Data'!Q3559</f>
        <v>348.51664540526491</v>
      </c>
      <c r="E3551">
        <f t="shared" si="56"/>
        <v>367.88088349007006</v>
      </c>
      <c r="F3551">
        <f>IF(C3551="CLAY", INDEX(D$4:D3551, MATCH("CLAY", C$4:C3551, 0)), "")</f>
        <v>0.75203252561341039</v>
      </c>
    </row>
    <row r="3552" spans="1:6" x14ac:dyDescent="0.2">
      <c r="A3552" s="239">
        <f>'CPT Data'!B3560</f>
        <v>35.411000000000001</v>
      </c>
      <c r="B3552" s="3">
        <f>'CPT Data'!C3560</f>
        <v>35.404000000000003</v>
      </c>
      <c r="C3552" t="str">
        <f>'CPT Data'!P3560</f>
        <v>CLAY</v>
      </c>
      <c r="D3552">
        <f>'CPT Data'!Q3560</f>
        <v>323.47719137621016</v>
      </c>
      <c r="E3552">
        <f t="shared" si="56"/>
        <v>348.51664540526491</v>
      </c>
      <c r="F3552">
        <f>IF(C3552="CLAY", INDEX(D$4:D3552, MATCH("CLAY", C$4:C3552, 0)), "")</f>
        <v>0.75203252561341039</v>
      </c>
    </row>
    <row r="3553" spans="1:6" x14ac:dyDescent="0.2">
      <c r="A3553" s="239">
        <f>'CPT Data'!B3561</f>
        <v>35.421999999999997</v>
      </c>
      <c r="B3553" s="3">
        <f>'CPT Data'!C3561</f>
        <v>35.414999999999999</v>
      </c>
      <c r="C3553" t="str">
        <f>'CPT Data'!P3561</f>
        <v>CLAY</v>
      </c>
      <c r="D3553">
        <f>'CPT Data'!Q3561</f>
        <v>300.69870335007664</v>
      </c>
      <c r="E3553">
        <f t="shared" si="56"/>
        <v>323.47719137621016</v>
      </c>
      <c r="F3553">
        <f>IF(C3553="CLAY", INDEX(D$4:D3553, MATCH("CLAY", C$4:C3553, 0)), "")</f>
        <v>0.75203252561341039</v>
      </c>
    </row>
    <row r="3554" spans="1:6" x14ac:dyDescent="0.2">
      <c r="A3554" s="239">
        <f>'CPT Data'!B3562</f>
        <v>35.430999999999997</v>
      </c>
      <c r="B3554" s="3">
        <f>'CPT Data'!C3562</f>
        <v>35.423999999999999</v>
      </c>
      <c r="C3554" t="str">
        <f>'CPT Data'!P3562</f>
        <v>CLAY</v>
      </c>
      <c r="D3554">
        <f>'CPT Data'!Q3562</f>
        <v>273.20095676359824</v>
      </c>
      <c r="E3554">
        <f t="shared" si="56"/>
        <v>300.69870335007664</v>
      </c>
      <c r="F3554">
        <f>IF(C3554="CLAY", INDEX(D$4:D3554, MATCH("CLAY", C$4:C3554, 0)), "")</f>
        <v>0.75203252561341039</v>
      </c>
    </row>
    <row r="3555" spans="1:6" x14ac:dyDescent="0.2">
      <c r="A3555" s="239">
        <f>'CPT Data'!B3563</f>
        <v>35.441000000000003</v>
      </c>
      <c r="B3555" s="3">
        <f>'CPT Data'!C3563</f>
        <v>35.434000000000005</v>
      </c>
      <c r="C3555" t="str">
        <f>'CPT Data'!P3563</f>
        <v>CLAY</v>
      </c>
      <c r="D3555">
        <f>'CPT Data'!Q3563</f>
        <v>251.66310641604915</v>
      </c>
      <c r="E3555">
        <f t="shared" si="56"/>
        <v>273.20095676359824</v>
      </c>
      <c r="F3555">
        <f>IF(C3555="CLAY", INDEX(D$4:D3555, MATCH("CLAY", C$4:C3555, 0)), "")</f>
        <v>0.75203252561341039</v>
      </c>
    </row>
    <row r="3556" spans="1:6" x14ac:dyDescent="0.2">
      <c r="A3556" s="239">
        <f>'CPT Data'!B3564</f>
        <v>35.451999999999998</v>
      </c>
      <c r="B3556" s="3">
        <f>'CPT Data'!C3564</f>
        <v>35.445</v>
      </c>
      <c r="C3556" t="str">
        <f>'CPT Data'!P3564</f>
        <v>CLAY</v>
      </c>
      <c r="D3556">
        <f>'CPT Data'!Q3564</f>
        <v>226.09163023217101</v>
      </c>
      <c r="E3556">
        <f t="shared" si="56"/>
        <v>251.66310641604915</v>
      </c>
      <c r="F3556">
        <f>IF(C3556="CLAY", INDEX(D$4:D3556, MATCH("CLAY", C$4:C3556, 0)), "")</f>
        <v>0.75203252561341039</v>
      </c>
    </row>
    <row r="3557" spans="1:6" x14ac:dyDescent="0.2">
      <c r="A3557" s="239">
        <f>'CPT Data'!B3565</f>
        <v>35.460999999999999</v>
      </c>
      <c r="B3557" s="3">
        <f>'CPT Data'!C3565</f>
        <v>35.454000000000001</v>
      </c>
      <c r="C3557" t="str">
        <f>'CPT Data'!P3565</f>
        <v>CLAY</v>
      </c>
      <c r="D3557">
        <f>'CPT Data'!Q3565</f>
        <v>203.6157765075684</v>
      </c>
      <c r="E3557">
        <f t="shared" si="56"/>
        <v>226.09163023217101</v>
      </c>
      <c r="F3557">
        <f>IF(C3557="CLAY", INDEX(D$4:D3557, MATCH("CLAY", C$4:C3557, 0)), "")</f>
        <v>0.75203252561341039</v>
      </c>
    </row>
    <row r="3558" spans="1:6" x14ac:dyDescent="0.2">
      <c r="A3558" s="239">
        <f>'CPT Data'!B3566</f>
        <v>35.470999999999997</v>
      </c>
      <c r="B3558" s="3">
        <f>'CPT Data'!C3566</f>
        <v>35.463999999999999</v>
      </c>
      <c r="C3558" t="str">
        <f>'CPT Data'!P3566</f>
        <v>CLAY</v>
      </c>
      <c r="D3558">
        <f>'CPT Data'!Q3566</f>
        <v>181.20154653773076</v>
      </c>
      <c r="E3558">
        <f t="shared" si="56"/>
        <v>203.6157765075684</v>
      </c>
      <c r="F3558">
        <f>IF(C3558="CLAY", INDEX(D$4:D3558, MATCH("CLAY", C$4:C3558, 0)), "")</f>
        <v>0.75203252561341039</v>
      </c>
    </row>
    <row r="3559" spans="1:6" x14ac:dyDescent="0.2">
      <c r="A3559" s="239">
        <f>'CPT Data'!B3567</f>
        <v>35.479999999999997</v>
      </c>
      <c r="B3559" s="3">
        <f>'CPT Data'!C3567</f>
        <v>35.472999999999999</v>
      </c>
      <c r="C3559" t="str">
        <f>'CPT Data'!P3567</f>
        <v>CLAY</v>
      </c>
      <c r="D3559">
        <f>'CPT Data'!Q3567</f>
        <v>166.42194071239581</v>
      </c>
      <c r="E3559">
        <f t="shared" si="56"/>
        <v>181.20154653773076</v>
      </c>
      <c r="F3559">
        <f>IF(C3559="CLAY", INDEX(D$4:D3559, MATCH("CLAY", C$4:C3559, 0)), "")</f>
        <v>0.75203252561341039</v>
      </c>
    </row>
    <row r="3560" spans="1:6" x14ac:dyDescent="0.2">
      <c r="A3560" s="239">
        <f>'CPT Data'!B3568</f>
        <v>35.491</v>
      </c>
      <c r="B3560" s="3">
        <f>'CPT Data'!C3568</f>
        <v>35.484000000000002</v>
      </c>
      <c r="C3560" t="str">
        <f>'CPT Data'!P3568</f>
        <v>CLAY</v>
      </c>
      <c r="D3560">
        <f>'CPT Data'!Q3568</f>
        <v>162.87219950240129</v>
      </c>
      <c r="E3560">
        <f t="shared" si="56"/>
        <v>166.42194071239581</v>
      </c>
      <c r="F3560">
        <f>IF(C3560="CLAY", INDEX(D$4:D3560, MATCH("CLAY", C$4:C3560, 0)), "")</f>
        <v>0.75203252561341039</v>
      </c>
    </row>
    <row r="3561" spans="1:6" x14ac:dyDescent="0.2">
      <c r="A3561" s="239">
        <f>'CPT Data'!B3569</f>
        <v>35.500999999999998</v>
      </c>
      <c r="B3561" s="3">
        <f>'CPT Data'!C3569</f>
        <v>35.494</v>
      </c>
      <c r="C3561" t="str">
        <f>'CPT Data'!P3569</f>
        <v>CLAY</v>
      </c>
      <c r="D3561">
        <f>'CPT Data'!Q3569</f>
        <v>161.23975196195511</v>
      </c>
      <c r="E3561">
        <f t="shared" si="56"/>
        <v>162.87219950240129</v>
      </c>
      <c r="F3561">
        <f>IF(C3561="CLAY", INDEX(D$4:D3561, MATCH("CLAY", C$4:C3561, 0)), "")</f>
        <v>0.75203252561341039</v>
      </c>
    </row>
    <row r="3562" spans="1:6" x14ac:dyDescent="0.2">
      <c r="A3562" s="239">
        <f>'CPT Data'!B3570</f>
        <v>35.51</v>
      </c>
      <c r="B3562" s="3">
        <f>'CPT Data'!C3570</f>
        <v>35.503</v>
      </c>
      <c r="C3562" t="str">
        <f>'CPT Data'!P3570</f>
        <v>CLAY</v>
      </c>
      <c r="D3562">
        <f>'CPT Data'!Q3570</f>
        <v>173.92811729598338</v>
      </c>
      <c r="E3562">
        <f t="shared" si="56"/>
        <v>161.23975196195511</v>
      </c>
      <c r="F3562">
        <f>IF(C3562="CLAY", INDEX(D$4:D3562, MATCH("CLAY", C$4:C3562, 0)), "")</f>
        <v>0.75203252561341039</v>
      </c>
    </row>
    <row r="3563" spans="1:6" x14ac:dyDescent="0.2">
      <c r="A3563" s="239">
        <f>'CPT Data'!B3571</f>
        <v>35.518999999999998</v>
      </c>
      <c r="B3563" s="3">
        <f>'CPT Data'!C3571</f>
        <v>35.512</v>
      </c>
      <c r="C3563" t="str">
        <f>'CPT Data'!P3571</f>
        <v>CLAY</v>
      </c>
      <c r="D3563">
        <f>'CPT Data'!Q3571</f>
        <v>206.98225060985325</v>
      </c>
      <c r="E3563">
        <f t="shared" si="56"/>
        <v>173.92811729598338</v>
      </c>
      <c r="F3563">
        <f>IF(C3563="CLAY", INDEX(D$4:D3563, MATCH("CLAY", C$4:C3563, 0)), "")</f>
        <v>0.75203252561341039</v>
      </c>
    </row>
    <row r="3564" spans="1:6" x14ac:dyDescent="0.2">
      <c r="A3564" s="239">
        <f>'CPT Data'!B3572</f>
        <v>35.53</v>
      </c>
      <c r="B3564" s="3">
        <f>'CPT Data'!C3572</f>
        <v>35.523000000000003</v>
      </c>
      <c r="C3564" t="str">
        <f>'CPT Data'!P3572</f>
        <v>CLAY</v>
      </c>
      <c r="D3564">
        <f>'CPT Data'!Q3572</f>
        <v>238.06860000380971</v>
      </c>
      <c r="E3564">
        <f t="shared" si="56"/>
        <v>206.98225060985325</v>
      </c>
      <c r="F3564">
        <f>IF(C3564="CLAY", INDEX(D$4:D3564, MATCH("CLAY", C$4:C3564, 0)), "")</f>
        <v>0.75203252561341039</v>
      </c>
    </row>
    <row r="3565" spans="1:6" x14ac:dyDescent="0.2">
      <c r="A3565" s="239">
        <f>'CPT Data'!B3573</f>
        <v>35.539000000000001</v>
      </c>
      <c r="B3565" s="3">
        <f>'CPT Data'!C3573</f>
        <v>35.532000000000004</v>
      </c>
      <c r="C3565" t="str">
        <f>'CPT Data'!P3573</f>
        <v>CLAY</v>
      </c>
      <c r="D3565">
        <f>'CPT Data'!Q3573</f>
        <v>269.44203720234816</v>
      </c>
      <c r="E3565">
        <f t="shared" si="56"/>
        <v>238.06860000380971</v>
      </c>
      <c r="F3565">
        <f>IF(C3565="CLAY", INDEX(D$4:D3565, MATCH("CLAY", C$4:C3565, 0)), "")</f>
        <v>0.75203252561341039</v>
      </c>
    </row>
    <row r="3566" spans="1:6" x14ac:dyDescent="0.2">
      <c r="A3566" s="239">
        <f>'CPT Data'!B3574</f>
        <v>35.548999999999999</v>
      </c>
      <c r="B3566" s="3">
        <f>'CPT Data'!C3574</f>
        <v>35.542000000000002</v>
      </c>
      <c r="C3566" t="str">
        <f>'CPT Data'!P3574</f>
        <v>CLAY</v>
      </c>
      <c r="D3566">
        <f>'CPT Data'!Q3574</f>
        <v>315.65359958633849</v>
      </c>
      <c r="E3566">
        <f t="shared" si="56"/>
        <v>269.44203720234816</v>
      </c>
      <c r="F3566">
        <f>IF(C3566="CLAY", INDEX(D$4:D3566, MATCH("CLAY", C$4:C3566, 0)), "")</f>
        <v>0.75203252561341039</v>
      </c>
    </row>
    <row r="3567" spans="1:6" x14ac:dyDescent="0.2">
      <c r="A3567" s="239">
        <f>'CPT Data'!B3575</f>
        <v>35.558999999999997</v>
      </c>
      <c r="B3567" s="3">
        <f>'CPT Data'!C3575</f>
        <v>35.552</v>
      </c>
      <c r="C3567" t="str">
        <f>'CPT Data'!P3575</f>
        <v>CLAY</v>
      </c>
      <c r="D3567">
        <f>'CPT Data'!Q3575</f>
        <v>354.98713676878657</v>
      </c>
      <c r="E3567">
        <f t="shared" si="56"/>
        <v>315.65359958633849</v>
      </c>
      <c r="F3567">
        <f>IF(C3567="CLAY", INDEX(D$4:D3567, MATCH("CLAY", C$4:C3567, 0)), "")</f>
        <v>0.75203252561341039</v>
      </c>
    </row>
    <row r="3568" spans="1:6" x14ac:dyDescent="0.2">
      <c r="A3568" s="239">
        <f>'CPT Data'!B3576</f>
        <v>35.569000000000003</v>
      </c>
      <c r="B3568" s="3">
        <f>'CPT Data'!C3576</f>
        <v>35.562000000000005</v>
      </c>
      <c r="C3568" t="str">
        <f>'CPT Data'!P3576</f>
        <v>CLAY</v>
      </c>
      <c r="D3568">
        <f>'CPT Data'!Q3576</f>
        <v>375.85179922820402</v>
      </c>
      <c r="E3568">
        <f t="shared" si="56"/>
        <v>354.98713676878657</v>
      </c>
      <c r="F3568">
        <f>IF(C3568="CLAY", INDEX(D$4:D3568, MATCH("CLAY", C$4:C3568, 0)), "")</f>
        <v>0.75203252561341039</v>
      </c>
    </row>
    <row r="3569" spans="1:6" x14ac:dyDescent="0.2">
      <c r="A3569" s="239">
        <f>'CPT Data'!B3577</f>
        <v>35.578000000000003</v>
      </c>
      <c r="B3569" s="3">
        <f>'CPT Data'!C3577</f>
        <v>35.571000000000005</v>
      </c>
      <c r="C3569" t="str">
        <f>'CPT Data'!P3577</f>
        <v>CLAY</v>
      </c>
      <c r="D3569">
        <f>'CPT Data'!Q3577</f>
        <v>398.8426531683387</v>
      </c>
      <c r="E3569">
        <f t="shared" si="56"/>
        <v>375.85179922820402</v>
      </c>
      <c r="F3569">
        <f>IF(C3569="CLAY", INDEX(D$4:D3569, MATCH("CLAY", C$4:C3569, 0)), "")</f>
        <v>0.75203252561341039</v>
      </c>
    </row>
    <row r="3570" spans="1:6" x14ac:dyDescent="0.2">
      <c r="A3570" s="239">
        <f>'CPT Data'!B3578</f>
        <v>35.588000000000001</v>
      </c>
      <c r="B3570" s="3">
        <f>'CPT Data'!C3578</f>
        <v>35.581000000000003</v>
      </c>
      <c r="C3570" t="str">
        <f>'CPT Data'!P3578</f>
        <v>CLAY</v>
      </c>
      <c r="D3570">
        <f>'CPT Data'!Q3578</f>
        <v>418.4349287023486</v>
      </c>
      <c r="E3570">
        <f t="shared" si="56"/>
        <v>398.8426531683387</v>
      </c>
      <c r="F3570">
        <f>IF(C3570="CLAY", INDEX(D$4:D3570, MATCH("CLAY", C$4:C3570, 0)), "")</f>
        <v>0.75203252561341039</v>
      </c>
    </row>
    <row r="3571" spans="1:6" x14ac:dyDescent="0.2">
      <c r="A3571" s="239">
        <f>'CPT Data'!B3579</f>
        <v>35.597999999999999</v>
      </c>
      <c r="B3571" s="3">
        <f>'CPT Data'!C3579</f>
        <v>35.591000000000001</v>
      </c>
      <c r="C3571" t="str">
        <f>'CPT Data'!P3579</f>
        <v>CLAY</v>
      </c>
      <c r="D3571">
        <f>'CPT Data'!Q3579</f>
        <v>415.77869356014071</v>
      </c>
      <c r="E3571">
        <f t="shared" si="56"/>
        <v>418.4349287023486</v>
      </c>
      <c r="F3571">
        <f>IF(C3571="CLAY", INDEX(D$4:D3571, MATCH("CLAY", C$4:C3571, 0)), "")</f>
        <v>0.75203252561341039</v>
      </c>
    </row>
    <row r="3572" spans="1:6" x14ac:dyDescent="0.2">
      <c r="A3572" s="239">
        <f>'CPT Data'!B3580</f>
        <v>35.607999999999997</v>
      </c>
      <c r="B3572" s="3">
        <f>'CPT Data'!C3580</f>
        <v>35.600999999999999</v>
      </c>
      <c r="C3572" t="str">
        <f>'CPT Data'!P3580</f>
        <v>CLAY</v>
      </c>
      <c r="D3572">
        <f>'CPT Data'!Q3580</f>
        <v>413.38562442171298</v>
      </c>
      <c r="E3572">
        <f t="shared" si="56"/>
        <v>415.77869356014071</v>
      </c>
      <c r="F3572">
        <f>IF(C3572="CLAY", INDEX(D$4:D3572, MATCH("CLAY", C$4:C3572, 0)), "")</f>
        <v>0.75203252561341039</v>
      </c>
    </row>
    <row r="3573" spans="1:6" x14ac:dyDescent="0.2">
      <c r="A3573" s="239">
        <f>'CPT Data'!B3581</f>
        <v>35.616999999999997</v>
      </c>
      <c r="B3573" s="3">
        <f>'CPT Data'!C3581</f>
        <v>35.61</v>
      </c>
      <c r="C3573" t="str">
        <f>'CPT Data'!P3581</f>
        <v>CLAY</v>
      </c>
      <c r="D3573">
        <f>'CPT Data'!Q3581</f>
        <v>424.57562968955364</v>
      </c>
      <c r="E3573">
        <f t="shared" si="56"/>
        <v>413.38562442171298</v>
      </c>
      <c r="F3573">
        <f>IF(C3573="CLAY", INDEX(D$4:D3573, MATCH("CLAY", C$4:C3573, 0)), "")</f>
        <v>0.75203252561341039</v>
      </c>
    </row>
    <row r="3574" spans="1:6" x14ac:dyDescent="0.2">
      <c r="A3574" s="239">
        <f>'CPT Data'!B3582</f>
        <v>35.628</v>
      </c>
      <c r="B3574" s="3">
        <f>'CPT Data'!C3582</f>
        <v>35.621000000000002</v>
      </c>
      <c r="C3574" t="str">
        <f>'CPT Data'!P3582</f>
        <v>CLAY</v>
      </c>
      <c r="D3574">
        <f>'CPT Data'!Q3582</f>
        <v>442.75854413036978</v>
      </c>
      <c r="E3574">
        <f t="shared" si="56"/>
        <v>424.57562968955364</v>
      </c>
      <c r="F3574">
        <f>IF(C3574="CLAY", INDEX(D$4:D3574, MATCH("CLAY", C$4:C3574, 0)), "")</f>
        <v>0.75203252561341039</v>
      </c>
    </row>
    <row r="3575" spans="1:6" x14ac:dyDescent="0.2">
      <c r="A3575" s="239">
        <f>'CPT Data'!B3583</f>
        <v>35.637</v>
      </c>
      <c r="B3575" s="3">
        <f>'CPT Data'!C3583</f>
        <v>35.630000000000003</v>
      </c>
      <c r="C3575" t="str">
        <f>'CPT Data'!P3583</f>
        <v>CLAY</v>
      </c>
      <c r="D3575">
        <f>'CPT Data'!Q3583</f>
        <v>454.50740988097931</v>
      </c>
      <c r="E3575">
        <f t="shared" si="56"/>
        <v>442.75854413036978</v>
      </c>
      <c r="F3575">
        <f>IF(C3575="CLAY", INDEX(D$4:D3575, MATCH("CLAY", C$4:C3575, 0)), "")</f>
        <v>0.75203252561341039</v>
      </c>
    </row>
    <row r="3576" spans="1:6" x14ac:dyDescent="0.2">
      <c r="A3576" s="239">
        <f>'CPT Data'!B3584</f>
        <v>35.648000000000003</v>
      </c>
      <c r="B3576" s="3">
        <f>'CPT Data'!C3584</f>
        <v>35.641000000000005</v>
      </c>
      <c r="C3576" t="str">
        <f>'CPT Data'!P3584</f>
        <v>CLAY</v>
      </c>
      <c r="D3576">
        <f>'CPT Data'!Q3584</f>
        <v>491.82285663783676</v>
      </c>
      <c r="E3576">
        <f t="shared" si="56"/>
        <v>454.50740988097931</v>
      </c>
      <c r="F3576">
        <f>IF(C3576="CLAY", INDEX(D$4:D3576, MATCH("CLAY", C$4:C3576, 0)), "")</f>
        <v>0.75203252561341039</v>
      </c>
    </row>
    <row r="3577" spans="1:6" x14ac:dyDescent="0.2">
      <c r="A3577" s="239">
        <f>'CPT Data'!B3585</f>
        <v>35.656999999999996</v>
      </c>
      <c r="B3577" s="3">
        <f>'CPT Data'!C3585</f>
        <v>35.65</v>
      </c>
      <c r="C3577" t="str">
        <f>'CPT Data'!P3585</f>
        <v>SAND</v>
      </c>
      <c r="D3577" t="e">
        <f>'CPT Data'!Q3585</f>
        <v>#N/A</v>
      </c>
      <c r="E3577" t="e">
        <f t="shared" si="56"/>
        <v>#N/A</v>
      </c>
      <c r="F3577" t="str">
        <f>IF(C3577="CLAY", INDEX(D$4:D3577, MATCH("CLAY", C$4:C3577, 0)), "")</f>
        <v/>
      </c>
    </row>
    <row r="3578" spans="1:6" x14ac:dyDescent="0.2">
      <c r="A3578" s="239">
        <f>'CPT Data'!B3586</f>
        <v>35.665999999999997</v>
      </c>
      <c r="B3578" s="3">
        <f>'CPT Data'!C3586</f>
        <v>35.658999999999999</v>
      </c>
      <c r="C3578" t="str">
        <f>'CPT Data'!P3586</f>
        <v>SAND</v>
      </c>
      <c r="D3578" t="e">
        <f>'CPT Data'!Q3586</f>
        <v>#N/A</v>
      </c>
      <c r="E3578" t="e">
        <f t="shared" si="56"/>
        <v>#N/A</v>
      </c>
      <c r="F3578" t="str">
        <f>IF(C3578="CLAY", INDEX(D$4:D3578, MATCH("CLAY", C$4:C3578, 0)), "")</f>
        <v/>
      </c>
    </row>
    <row r="3579" spans="1:6" x14ac:dyDescent="0.2">
      <c r="A3579" s="239">
        <f>'CPT Data'!B3587</f>
        <v>35.677</v>
      </c>
      <c r="B3579" s="3">
        <f>'CPT Data'!C3587</f>
        <v>35.67</v>
      </c>
      <c r="C3579" t="str">
        <f>'CPT Data'!P3587</f>
        <v>SAND</v>
      </c>
      <c r="D3579" t="e">
        <f>'CPT Data'!Q3587</f>
        <v>#N/A</v>
      </c>
      <c r="E3579" t="e">
        <f t="shared" si="56"/>
        <v>#N/A</v>
      </c>
      <c r="F3579" t="str">
        <f>IF(C3579="CLAY", INDEX(D$4:D3579, MATCH("CLAY", C$4:C3579, 0)), "")</f>
        <v/>
      </c>
    </row>
    <row r="3580" spans="1:6" x14ac:dyDescent="0.2">
      <c r="A3580" s="239">
        <f>'CPT Data'!B3588</f>
        <v>35.686</v>
      </c>
      <c r="B3580" s="3">
        <f>'CPT Data'!C3588</f>
        <v>35.679000000000002</v>
      </c>
      <c r="C3580" t="str">
        <f>'CPT Data'!P3588</f>
        <v>CLAY</v>
      </c>
      <c r="D3580">
        <f>'CPT Data'!Q3588</f>
        <v>503.05642949694698</v>
      </c>
      <c r="E3580">
        <f t="shared" si="56"/>
        <v>503.05642949694698</v>
      </c>
      <c r="F3580">
        <f>IF(C3580="CLAY", INDEX(D$4:D3580, MATCH("CLAY", C$4:C3580, 0)), "")</f>
        <v>0.75203252561341039</v>
      </c>
    </row>
    <row r="3581" spans="1:6" x14ac:dyDescent="0.2">
      <c r="A3581" s="239">
        <f>'CPT Data'!B3589</f>
        <v>35.695</v>
      </c>
      <c r="B3581" s="3">
        <f>'CPT Data'!C3589</f>
        <v>35.688000000000002</v>
      </c>
      <c r="C3581" t="str">
        <f>'CPT Data'!P3589</f>
        <v>CLAY</v>
      </c>
      <c r="D3581">
        <f>'CPT Data'!Q3589</f>
        <v>480.74861640257495</v>
      </c>
      <c r="E3581">
        <f t="shared" si="56"/>
        <v>503.05642949694698</v>
      </c>
      <c r="F3581">
        <f>IF(C3581="CLAY", INDEX(D$4:D3581, MATCH("CLAY", C$4:C3581, 0)), "")</f>
        <v>0.75203252561341039</v>
      </c>
    </row>
    <row r="3582" spans="1:6" x14ac:dyDescent="0.2">
      <c r="A3582" s="239">
        <f>'CPT Data'!B3590</f>
        <v>35.706000000000003</v>
      </c>
      <c r="B3582" s="3">
        <f>'CPT Data'!C3590</f>
        <v>35.699000000000005</v>
      </c>
      <c r="C3582" t="str">
        <f>'CPT Data'!P3590</f>
        <v>CLAY</v>
      </c>
      <c r="D3582">
        <f>'CPT Data'!Q3590</f>
        <v>476.78924513214196</v>
      </c>
      <c r="E3582">
        <f t="shared" si="56"/>
        <v>480.74861640257495</v>
      </c>
      <c r="F3582">
        <f>IF(C3582="CLAY", INDEX(D$4:D3582, MATCH("CLAY", C$4:C3582, 0)), "")</f>
        <v>0.75203252561341039</v>
      </c>
    </row>
    <row r="3583" spans="1:6" x14ac:dyDescent="0.2">
      <c r="A3583" s="239">
        <f>'CPT Data'!B3591</f>
        <v>35.715000000000003</v>
      </c>
      <c r="B3583" s="3">
        <f>'CPT Data'!C3591</f>
        <v>35.708000000000006</v>
      </c>
      <c r="C3583" t="str">
        <f>'CPT Data'!P3591</f>
        <v>CLAY</v>
      </c>
      <c r="D3583">
        <f>'CPT Data'!Q3591</f>
        <v>502.76039076449342</v>
      </c>
      <c r="E3583">
        <f t="shared" si="56"/>
        <v>476.78924513214196</v>
      </c>
      <c r="F3583">
        <f>IF(C3583="CLAY", INDEX(D$4:D3583, MATCH("CLAY", C$4:C3583, 0)), "")</f>
        <v>0.75203252561341039</v>
      </c>
    </row>
    <row r="3584" spans="1:6" x14ac:dyDescent="0.2">
      <c r="A3584" s="239">
        <f>'CPT Data'!B3592</f>
        <v>35.725000000000001</v>
      </c>
      <c r="B3584" s="3">
        <f>'CPT Data'!C3592</f>
        <v>35.718000000000004</v>
      </c>
      <c r="C3584" t="str">
        <f>'CPT Data'!P3592</f>
        <v>CLAY</v>
      </c>
      <c r="D3584">
        <f>'CPT Data'!Q3592</f>
        <v>536.63453152221587</v>
      </c>
      <c r="E3584">
        <f t="shared" si="56"/>
        <v>502.76039076449342</v>
      </c>
      <c r="F3584">
        <f>IF(C3584="CLAY", INDEX(D$4:D3584, MATCH("CLAY", C$4:C3584, 0)), "")</f>
        <v>0.75203252561341039</v>
      </c>
    </row>
    <row r="3585" spans="1:6" x14ac:dyDescent="0.2">
      <c r="A3585" s="239">
        <f>'CPT Data'!B3593</f>
        <v>35.734999999999999</v>
      </c>
      <c r="B3585" s="3">
        <f>'CPT Data'!C3593</f>
        <v>35.728000000000002</v>
      </c>
      <c r="C3585" t="str">
        <f>'CPT Data'!P3593</f>
        <v>CLAY</v>
      </c>
      <c r="D3585">
        <f>'CPT Data'!Q3593</f>
        <v>566.91019011648916</v>
      </c>
      <c r="E3585">
        <f t="shared" si="56"/>
        <v>536.63453152221587</v>
      </c>
      <c r="F3585">
        <f>IF(C3585="CLAY", INDEX(D$4:D3585, MATCH("CLAY", C$4:C3585, 0)), "")</f>
        <v>0.75203252561341039</v>
      </c>
    </row>
    <row r="3586" spans="1:6" x14ac:dyDescent="0.2">
      <c r="A3586" s="239">
        <f>'CPT Data'!B3594</f>
        <v>35.744999999999997</v>
      </c>
      <c r="B3586" s="3">
        <f>'CPT Data'!C3594</f>
        <v>35.738</v>
      </c>
      <c r="C3586" t="str">
        <f>'CPT Data'!P3594</f>
        <v>CLAY</v>
      </c>
      <c r="D3586">
        <f>'CPT Data'!Q3594</f>
        <v>605.46158123405223</v>
      </c>
      <c r="E3586">
        <f t="shared" si="56"/>
        <v>566.91019011648916</v>
      </c>
      <c r="F3586">
        <f>IF(C3586="CLAY", INDEX(D$4:D3586, MATCH("CLAY", C$4:C3586, 0)), "")</f>
        <v>0.75203252561341039</v>
      </c>
    </row>
    <row r="3587" spans="1:6" x14ac:dyDescent="0.2">
      <c r="A3587" s="239">
        <f>'CPT Data'!B3595</f>
        <v>35.753999999999998</v>
      </c>
      <c r="B3587" s="3">
        <f>'CPT Data'!C3595</f>
        <v>35.747</v>
      </c>
      <c r="C3587" t="str">
        <f>'CPT Data'!P3595</f>
        <v>SAND</v>
      </c>
      <c r="D3587" t="e">
        <f>'CPT Data'!Q3595</f>
        <v>#N/A</v>
      </c>
      <c r="E3587" t="e">
        <f t="shared" si="56"/>
        <v>#N/A</v>
      </c>
      <c r="F3587" t="str">
        <f>IF(C3587="CLAY", INDEX(D$4:D3587, MATCH("CLAY", C$4:C3587, 0)), "")</f>
        <v/>
      </c>
    </row>
    <row r="3588" spans="1:6" x14ac:dyDescent="0.2">
      <c r="A3588" s="239">
        <f>'CPT Data'!B3596</f>
        <v>35.764000000000003</v>
      </c>
      <c r="B3588" s="3">
        <f>'CPT Data'!C3596</f>
        <v>35.757000000000005</v>
      </c>
      <c r="C3588" t="str">
        <f>'CPT Data'!P3596</f>
        <v>SAND</v>
      </c>
      <c r="D3588" t="e">
        <f>'CPT Data'!Q3596</f>
        <v>#N/A</v>
      </c>
      <c r="E3588" t="e">
        <f t="shared" si="56"/>
        <v>#N/A</v>
      </c>
      <c r="F3588" t="str">
        <f>IF(C3588="CLAY", INDEX(D$4:D3588, MATCH("CLAY", C$4:C3588, 0)), "")</f>
        <v/>
      </c>
    </row>
    <row r="3589" spans="1:6" x14ac:dyDescent="0.2">
      <c r="A3589" s="239">
        <f>'CPT Data'!B3597</f>
        <v>35.773000000000003</v>
      </c>
      <c r="B3589" s="3">
        <f>'CPT Data'!C3597</f>
        <v>35.766000000000005</v>
      </c>
      <c r="C3589" t="str">
        <f>'CPT Data'!P3597</f>
        <v>SAND</v>
      </c>
      <c r="D3589" t="e">
        <f>'CPT Data'!Q3597</f>
        <v>#N/A</v>
      </c>
      <c r="E3589" t="e">
        <f t="shared" si="56"/>
        <v>#N/A</v>
      </c>
      <c r="F3589" t="str">
        <f>IF(C3589="CLAY", INDEX(D$4:D3589, MATCH("CLAY", C$4:C3589, 0)), "")</f>
        <v/>
      </c>
    </row>
    <row r="3590" spans="1:6" x14ac:dyDescent="0.2">
      <c r="A3590" s="239">
        <f>'CPT Data'!B3598</f>
        <v>35.783999999999999</v>
      </c>
      <c r="B3590" s="3">
        <f>'CPT Data'!C3598</f>
        <v>35.777000000000001</v>
      </c>
      <c r="C3590" t="str">
        <f>'CPT Data'!P3598</f>
        <v>SAND</v>
      </c>
      <c r="D3590" t="e">
        <f>'CPT Data'!Q3598</f>
        <v>#N/A</v>
      </c>
      <c r="E3590" t="e">
        <f t="shared" si="56"/>
        <v>#N/A</v>
      </c>
      <c r="F3590" t="str">
        <f>IF(C3590="CLAY", INDEX(D$4:D3590, MATCH("CLAY", C$4:C3590, 0)), "")</f>
        <v/>
      </c>
    </row>
    <row r="3591" spans="1:6" x14ac:dyDescent="0.2">
      <c r="A3591" s="239">
        <f>'CPT Data'!B3599</f>
        <v>35.792999999999999</v>
      </c>
      <c r="B3591" s="3">
        <f>'CPT Data'!C3599</f>
        <v>35.786000000000001</v>
      </c>
      <c r="C3591" t="str">
        <f>'CPT Data'!P3599</f>
        <v>SAND</v>
      </c>
      <c r="D3591" t="e">
        <f>'CPT Data'!Q3599</f>
        <v>#N/A</v>
      </c>
      <c r="E3591" t="e">
        <f t="shared" si="56"/>
        <v>#N/A</v>
      </c>
      <c r="F3591" t="str">
        <f>IF(C3591="CLAY", INDEX(D$4:D3591, MATCH("CLAY", C$4:C3591, 0)), "")</f>
        <v/>
      </c>
    </row>
    <row r="3592" spans="1:6" x14ac:dyDescent="0.2">
      <c r="A3592" s="239">
        <f>'CPT Data'!B3600</f>
        <v>35.802999999999997</v>
      </c>
      <c r="B3592" s="3">
        <f>'CPT Data'!C3600</f>
        <v>35.795999999999999</v>
      </c>
      <c r="C3592" t="str">
        <f>'CPT Data'!P3600</f>
        <v>SAND</v>
      </c>
      <c r="D3592" t="e">
        <f>'CPT Data'!Q3600</f>
        <v>#N/A</v>
      </c>
      <c r="E3592" t="e">
        <f t="shared" si="56"/>
        <v>#N/A</v>
      </c>
      <c r="F3592" t="str">
        <f>IF(C3592="CLAY", INDEX(D$4:D3592, MATCH("CLAY", C$4:C3592, 0)), "")</f>
        <v/>
      </c>
    </row>
    <row r="3593" spans="1:6" x14ac:dyDescent="0.2">
      <c r="A3593" s="239">
        <f>'CPT Data'!B3601</f>
        <v>35.814</v>
      </c>
      <c r="B3593" s="3">
        <f>'CPT Data'!C3601</f>
        <v>35.807000000000002</v>
      </c>
      <c r="C3593" t="str">
        <f>'CPT Data'!P3601</f>
        <v>SAND</v>
      </c>
      <c r="D3593" t="e">
        <f>'CPT Data'!Q3601</f>
        <v>#N/A</v>
      </c>
      <c r="E3593" t="e">
        <f t="shared" si="56"/>
        <v>#N/A</v>
      </c>
      <c r="F3593" t="str">
        <f>IF(C3593="CLAY", INDEX(D$4:D3593, MATCH("CLAY", C$4:C3593, 0)), "")</f>
        <v/>
      </c>
    </row>
    <row r="3594" spans="1:6" x14ac:dyDescent="0.2">
      <c r="A3594" s="239">
        <f>'CPT Data'!B3602</f>
        <v>35.823999999999998</v>
      </c>
      <c r="B3594" s="3">
        <f>'CPT Data'!C3602</f>
        <v>35.817</v>
      </c>
      <c r="C3594" t="str">
        <f>'CPT Data'!P3602</f>
        <v>CLAY</v>
      </c>
      <c r="D3594">
        <f>'CPT Data'!Q3602</f>
        <v>510.11112544646539</v>
      </c>
      <c r="E3594">
        <f t="shared" si="56"/>
        <v>510.11112544646539</v>
      </c>
      <c r="F3594">
        <f>IF(C3594="CLAY", INDEX(D$4:D3594, MATCH("CLAY", C$4:C3594, 0)), "")</f>
        <v>0.75203252561341039</v>
      </c>
    </row>
    <row r="3595" spans="1:6" x14ac:dyDescent="0.2">
      <c r="A3595" s="239">
        <f>'CPT Data'!B3603</f>
        <v>35.832999999999998</v>
      </c>
      <c r="B3595" s="3">
        <f>'CPT Data'!C3603</f>
        <v>35.826000000000001</v>
      </c>
      <c r="C3595" t="str">
        <f>'CPT Data'!P3603</f>
        <v>CLAY</v>
      </c>
      <c r="D3595">
        <f>'CPT Data'!Q3603</f>
        <v>497.55309930134598</v>
      </c>
      <c r="E3595">
        <f t="shared" si="56"/>
        <v>510.11112544646539</v>
      </c>
      <c r="F3595">
        <f>IF(C3595="CLAY", INDEX(D$4:D3595, MATCH("CLAY", C$4:C3595, 0)), "")</f>
        <v>0.75203252561341039</v>
      </c>
    </row>
    <row r="3596" spans="1:6" x14ac:dyDescent="0.2">
      <c r="A3596" s="239">
        <f>'CPT Data'!B3604</f>
        <v>35.843000000000004</v>
      </c>
      <c r="B3596" s="3">
        <f>'CPT Data'!C3604</f>
        <v>35.836000000000006</v>
      </c>
      <c r="C3596" t="str">
        <f>'CPT Data'!P3604</f>
        <v>CLAY</v>
      </c>
      <c r="D3596">
        <f>'CPT Data'!Q3604</f>
        <v>492.75219155329683</v>
      </c>
      <c r="E3596">
        <f t="shared" si="56"/>
        <v>497.55309930134598</v>
      </c>
      <c r="F3596">
        <f>IF(C3596="CLAY", INDEX(D$4:D3596, MATCH("CLAY", C$4:C3596, 0)), "")</f>
        <v>0.75203252561341039</v>
      </c>
    </row>
    <row r="3597" spans="1:6" x14ac:dyDescent="0.2">
      <c r="A3597" s="239">
        <f>'CPT Data'!B3605</f>
        <v>35.851999999999997</v>
      </c>
      <c r="B3597" s="3">
        <f>'CPT Data'!C3605</f>
        <v>35.844999999999999</v>
      </c>
      <c r="C3597" t="str">
        <f>'CPT Data'!P3605</f>
        <v>CLAY</v>
      </c>
      <c r="D3597">
        <f>'CPT Data'!Q3605</f>
        <v>486.52667990611099</v>
      </c>
      <c r="E3597">
        <f t="shared" si="56"/>
        <v>492.75219155329683</v>
      </c>
      <c r="F3597">
        <f>IF(C3597="CLAY", INDEX(D$4:D3597, MATCH("CLAY", C$4:C3597, 0)), "")</f>
        <v>0.75203252561341039</v>
      </c>
    </row>
    <row r="3598" spans="1:6" x14ac:dyDescent="0.2">
      <c r="A3598" s="239">
        <f>'CPT Data'!B3606</f>
        <v>35.863</v>
      </c>
      <c r="B3598" s="3">
        <f>'CPT Data'!C3606</f>
        <v>35.856000000000002</v>
      </c>
      <c r="C3598" t="str">
        <f>'CPT Data'!P3606</f>
        <v>CLAY</v>
      </c>
      <c r="D3598">
        <f>'CPT Data'!Q3606</f>
        <v>485.1177551127509</v>
      </c>
      <c r="E3598">
        <f t="shared" si="56"/>
        <v>486.52667990611099</v>
      </c>
      <c r="F3598">
        <f>IF(C3598="CLAY", INDEX(D$4:D3598, MATCH("CLAY", C$4:C3598, 0)), "")</f>
        <v>0.75203252561341039</v>
      </c>
    </row>
    <row r="3599" spans="1:6" x14ac:dyDescent="0.2">
      <c r="A3599" s="239">
        <f>'CPT Data'!B3607</f>
        <v>35.872</v>
      </c>
      <c r="B3599" s="3">
        <f>'CPT Data'!C3607</f>
        <v>35.865000000000002</v>
      </c>
      <c r="C3599" t="str">
        <f>'CPT Data'!P3607</f>
        <v>CLAY</v>
      </c>
      <c r="D3599">
        <f>'CPT Data'!Q3607</f>
        <v>502.08697217713399</v>
      </c>
      <c r="E3599">
        <f t="shared" si="56"/>
        <v>485.1177551127509</v>
      </c>
      <c r="F3599">
        <f>IF(C3599="CLAY", INDEX(D$4:D3599, MATCH("CLAY", C$4:C3599, 0)), "")</f>
        <v>0.75203252561341039</v>
      </c>
    </row>
    <row r="3600" spans="1:6" x14ac:dyDescent="0.2">
      <c r="A3600" s="239">
        <f>'CPT Data'!B3608</f>
        <v>35.881999999999998</v>
      </c>
      <c r="B3600" s="3">
        <f>'CPT Data'!C3608</f>
        <v>35.875</v>
      </c>
      <c r="C3600" t="str">
        <f>'CPT Data'!P3608</f>
        <v>CLAY</v>
      </c>
      <c r="D3600">
        <f>'CPT Data'!Q3608</f>
        <v>529.58984035328706</v>
      </c>
      <c r="E3600">
        <f t="shared" si="56"/>
        <v>502.08697217713399</v>
      </c>
      <c r="F3600">
        <f>IF(C3600="CLAY", INDEX(D$4:D3600, MATCH("CLAY", C$4:C3600, 0)), "")</f>
        <v>0.75203252561341039</v>
      </c>
    </row>
    <row r="3601" spans="1:6" x14ac:dyDescent="0.2">
      <c r="A3601" s="239">
        <f>'CPT Data'!B3609</f>
        <v>35.890999999999998</v>
      </c>
      <c r="B3601" s="3">
        <f>'CPT Data'!C3609</f>
        <v>35.884</v>
      </c>
      <c r="C3601" t="str">
        <f>'CPT Data'!P3609</f>
        <v>CLAY</v>
      </c>
      <c r="D3601">
        <f>'CPT Data'!Q3609</f>
        <v>570.24272082539903</v>
      </c>
      <c r="E3601">
        <f t="shared" si="56"/>
        <v>529.58984035328706</v>
      </c>
      <c r="F3601">
        <f>IF(C3601="CLAY", INDEX(D$4:D3601, MATCH("CLAY", C$4:C3601, 0)), "")</f>
        <v>0.75203252561341039</v>
      </c>
    </row>
    <row r="3602" spans="1:6" x14ac:dyDescent="0.2">
      <c r="A3602" s="239">
        <f>'CPT Data'!B3610</f>
        <v>35.902000000000001</v>
      </c>
      <c r="B3602" s="3">
        <f>'CPT Data'!C3610</f>
        <v>35.895000000000003</v>
      </c>
      <c r="C3602" t="str">
        <f>'CPT Data'!P3610</f>
        <v>SAND</v>
      </c>
      <c r="D3602" t="e">
        <f>'CPT Data'!Q3610</f>
        <v>#N/A</v>
      </c>
      <c r="E3602" t="e">
        <f t="shared" si="56"/>
        <v>#N/A</v>
      </c>
      <c r="F3602" t="str">
        <f>IF(C3602="CLAY", INDEX(D$4:D3602, MATCH("CLAY", C$4:C3602, 0)), "")</f>
        <v/>
      </c>
    </row>
    <row r="3603" spans="1:6" x14ac:dyDescent="0.2">
      <c r="A3603" s="239">
        <f>'CPT Data'!B3611</f>
        <v>35.911000000000001</v>
      </c>
      <c r="B3603" s="3">
        <f>'CPT Data'!C3611</f>
        <v>35.904000000000003</v>
      </c>
      <c r="C3603" t="str">
        <f>'CPT Data'!P3611</f>
        <v>SAND</v>
      </c>
      <c r="D3603" t="e">
        <f>'CPT Data'!Q3611</f>
        <v>#N/A</v>
      </c>
      <c r="E3603" t="e">
        <f t="shared" si="56"/>
        <v>#N/A</v>
      </c>
      <c r="F3603" t="str">
        <f>IF(C3603="CLAY", INDEX(D$4:D3603, MATCH("CLAY", C$4:C3603, 0)), "")</f>
        <v/>
      </c>
    </row>
    <row r="3604" spans="1:6" x14ac:dyDescent="0.2">
      <c r="A3604" s="239">
        <f>'CPT Data'!B3612</f>
        <v>35.92</v>
      </c>
      <c r="B3604" s="3">
        <f>'CPT Data'!C3612</f>
        <v>35.913000000000004</v>
      </c>
      <c r="C3604" t="str">
        <f>'CPT Data'!P3612</f>
        <v>SAND</v>
      </c>
      <c r="D3604" t="e">
        <f>'CPT Data'!Q3612</f>
        <v>#N/A</v>
      </c>
      <c r="E3604" t="e">
        <f t="shared" si="56"/>
        <v>#N/A</v>
      </c>
      <c r="F3604" t="str">
        <f>IF(C3604="CLAY", INDEX(D$4:D3604, MATCH("CLAY", C$4:C3604, 0)), "")</f>
        <v/>
      </c>
    </row>
    <row r="3605" spans="1:6" x14ac:dyDescent="0.2">
      <c r="A3605" s="239">
        <f>'CPT Data'!B3613</f>
        <v>35.930999999999997</v>
      </c>
      <c r="B3605" s="3">
        <f>'CPT Data'!C3613</f>
        <v>35.923999999999999</v>
      </c>
      <c r="C3605" t="str">
        <f>'CPT Data'!P3613</f>
        <v>SAND</v>
      </c>
      <c r="D3605" t="e">
        <f>'CPT Data'!Q3613</f>
        <v>#N/A</v>
      </c>
      <c r="E3605" t="e">
        <f t="shared" si="56"/>
        <v>#N/A</v>
      </c>
      <c r="F3605" t="str">
        <f>IF(C3605="CLAY", INDEX(D$4:D3605, MATCH("CLAY", C$4:C3605, 0)), "")</f>
        <v/>
      </c>
    </row>
    <row r="3606" spans="1:6" x14ac:dyDescent="0.2">
      <c r="A3606" s="239">
        <f>'CPT Data'!B3614</f>
        <v>35.94</v>
      </c>
      <c r="B3606" s="3">
        <f>'CPT Data'!C3614</f>
        <v>35.933</v>
      </c>
      <c r="C3606" t="str">
        <f>'CPT Data'!P3614</f>
        <v>SAND</v>
      </c>
      <c r="D3606" t="e">
        <f>'CPT Data'!Q3614</f>
        <v>#N/A</v>
      </c>
      <c r="E3606" t="e">
        <f t="shared" si="56"/>
        <v>#N/A</v>
      </c>
      <c r="F3606" t="str">
        <f>IF(C3606="CLAY", INDEX(D$4:D3606, MATCH("CLAY", C$4:C3606, 0)), "")</f>
        <v/>
      </c>
    </row>
    <row r="3607" spans="1:6" x14ac:dyDescent="0.2">
      <c r="A3607" s="239">
        <f>'CPT Data'!B3615</f>
        <v>35.951000000000001</v>
      </c>
      <c r="B3607" s="3">
        <f>'CPT Data'!C3615</f>
        <v>35.944000000000003</v>
      </c>
      <c r="C3607" t="str">
        <f>'CPT Data'!P3615</f>
        <v>SAND</v>
      </c>
      <c r="D3607" t="e">
        <f>'CPT Data'!Q3615</f>
        <v>#N/A</v>
      </c>
      <c r="E3607" t="e">
        <f t="shared" si="56"/>
        <v>#N/A</v>
      </c>
      <c r="F3607" t="str">
        <f>IF(C3607="CLAY", INDEX(D$4:D3607, MATCH("CLAY", C$4:C3607, 0)), "")</f>
        <v/>
      </c>
    </row>
    <row r="3608" spans="1:6" x14ac:dyDescent="0.2">
      <c r="A3608" s="239">
        <f>'CPT Data'!B3616</f>
        <v>35.96</v>
      </c>
      <c r="B3608" s="3">
        <f>'CPT Data'!C3616</f>
        <v>35.953000000000003</v>
      </c>
      <c r="C3608" t="str">
        <f>'CPT Data'!P3616</f>
        <v>CLAY</v>
      </c>
      <c r="D3608">
        <f>'CPT Data'!Q3616</f>
        <v>552.38130084041575</v>
      </c>
      <c r="E3608">
        <f t="shared" si="56"/>
        <v>552.38130084041575</v>
      </c>
      <c r="F3608">
        <f>IF(C3608="CLAY", INDEX(D$4:D3608, MATCH("CLAY", C$4:C3608, 0)), "")</f>
        <v>0.75203252561341039</v>
      </c>
    </row>
    <row r="3609" spans="1:6" x14ac:dyDescent="0.2">
      <c r="A3609" s="239">
        <f>'CPT Data'!B3617</f>
        <v>35.97</v>
      </c>
      <c r="B3609" s="3">
        <f>'CPT Data'!C3617</f>
        <v>35.963000000000001</v>
      </c>
      <c r="C3609" t="str">
        <f>'CPT Data'!P3617</f>
        <v>CLAY</v>
      </c>
      <c r="D3609">
        <f>'CPT Data'!Q3617</f>
        <v>499.72429024072386</v>
      </c>
      <c r="E3609">
        <f t="shared" si="56"/>
        <v>552.38130084041575</v>
      </c>
      <c r="F3609">
        <f>IF(C3609="CLAY", INDEX(D$4:D3609, MATCH("CLAY", C$4:C3609, 0)), "")</f>
        <v>0.75203252561341039</v>
      </c>
    </row>
    <row r="3610" spans="1:6" x14ac:dyDescent="0.2">
      <c r="A3610" s="239">
        <f>'CPT Data'!B3618</f>
        <v>35.981000000000002</v>
      </c>
      <c r="B3610" s="3">
        <f>'CPT Data'!C3618</f>
        <v>35.974000000000004</v>
      </c>
      <c r="C3610" t="str">
        <f>'CPT Data'!P3618</f>
        <v>CLAY</v>
      </c>
      <c r="D3610">
        <f>'CPT Data'!Q3618</f>
        <v>459.62402078327892</v>
      </c>
      <c r="E3610">
        <f t="shared" si="56"/>
        <v>499.72429024072386</v>
      </c>
      <c r="F3610">
        <f>IF(C3610="CLAY", INDEX(D$4:D3610, MATCH("CLAY", C$4:C3610, 0)), "")</f>
        <v>0.75203252561341039</v>
      </c>
    </row>
    <row r="3611" spans="1:6" x14ac:dyDescent="0.2">
      <c r="A3611" s="239">
        <f>'CPT Data'!B3619</f>
        <v>35.991</v>
      </c>
      <c r="B3611" s="3">
        <f>'CPT Data'!C3619</f>
        <v>35.984000000000002</v>
      </c>
      <c r="C3611" t="str">
        <f>'CPT Data'!P3619</f>
        <v>CLAY</v>
      </c>
      <c r="D3611">
        <f>'CPT Data'!Q3619</f>
        <v>418.66526632888076</v>
      </c>
      <c r="E3611">
        <f t="shared" ref="E3611:E3674" si="57">IF(C3611="SAND",#N/A,IF(C3611=C3610,D3610,IF(C3611="CLAY",D3611,#N/A)))</f>
        <v>459.62402078327892</v>
      </c>
      <c r="F3611">
        <f>IF(C3611="CLAY", INDEX(D$4:D3611, MATCH("CLAY", C$4:C3611, 0)), "")</f>
        <v>0.75203252561341039</v>
      </c>
    </row>
    <row r="3612" spans="1:6" x14ac:dyDescent="0.2">
      <c r="A3612" s="239">
        <f>'CPT Data'!B3620</f>
        <v>36</v>
      </c>
      <c r="B3612" s="3">
        <f>'CPT Data'!C3620</f>
        <v>35.993000000000002</v>
      </c>
      <c r="C3612" t="str">
        <f>'CPT Data'!P3620</f>
        <v>CLAY</v>
      </c>
      <c r="D3612">
        <f>'CPT Data'!Q3620</f>
        <v>373.52255162315601</v>
      </c>
      <c r="E3612">
        <f t="shared" si="57"/>
        <v>418.66526632888076</v>
      </c>
      <c r="F3612">
        <f>IF(C3612="CLAY", INDEX(D$4:D3612, MATCH("CLAY", C$4:C3612, 0)), "")</f>
        <v>0.75203252561341039</v>
      </c>
    </row>
    <row r="3613" spans="1:6" x14ac:dyDescent="0.2">
      <c r="A3613" s="239">
        <f>'CPT Data'!B3621</f>
        <v>36.01</v>
      </c>
      <c r="B3613" s="3">
        <f>'CPT Data'!C3621</f>
        <v>36.003</v>
      </c>
      <c r="C3613" t="str">
        <f>'CPT Data'!P3621</f>
        <v>CLAY</v>
      </c>
      <c r="D3613">
        <f>'CPT Data'!Q3621</f>
        <v>340.47280656873039</v>
      </c>
      <c r="E3613">
        <f t="shared" si="57"/>
        <v>373.52255162315601</v>
      </c>
      <c r="F3613">
        <f>IF(C3613="CLAY", INDEX(D$4:D3613, MATCH("CLAY", C$4:C3613, 0)), "")</f>
        <v>0.75203252561341039</v>
      </c>
    </row>
    <row r="3614" spans="1:6" x14ac:dyDescent="0.2">
      <c r="A3614" s="239">
        <f>'CPT Data'!B3622</f>
        <v>36.020000000000003</v>
      </c>
      <c r="B3614" s="3">
        <f>'CPT Data'!C3622</f>
        <v>36.013000000000005</v>
      </c>
      <c r="C3614" t="str">
        <f>'CPT Data'!P3622</f>
        <v>CLAY</v>
      </c>
      <c r="D3614">
        <f>'CPT Data'!Q3622</f>
        <v>325.41901827138958</v>
      </c>
      <c r="E3614">
        <f t="shared" si="57"/>
        <v>340.47280656873039</v>
      </c>
      <c r="F3614">
        <f>IF(C3614="CLAY", INDEX(D$4:D3614, MATCH("CLAY", C$4:C3614, 0)), "")</f>
        <v>0.75203252561341039</v>
      </c>
    </row>
    <row r="3615" spans="1:6" x14ac:dyDescent="0.2">
      <c r="A3615" s="239">
        <f>'CPT Data'!B3623</f>
        <v>36.03</v>
      </c>
      <c r="B3615" s="3">
        <f>'CPT Data'!C3623</f>
        <v>36.023000000000003</v>
      </c>
      <c r="C3615" t="str">
        <f>'CPT Data'!P3623</f>
        <v>CLAY</v>
      </c>
      <c r="D3615">
        <f>'CPT Data'!Q3623</f>
        <v>327.60546018066839</v>
      </c>
      <c r="E3615">
        <f t="shared" si="57"/>
        <v>325.41901827138958</v>
      </c>
      <c r="F3615">
        <f>IF(C3615="CLAY", INDEX(D$4:D3615, MATCH("CLAY", C$4:C3615, 0)), "")</f>
        <v>0.75203252561341039</v>
      </c>
    </row>
    <row r="3616" spans="1:6" x14ac:dyDescent="0.2">
      <c r="A3616" s="239">
        <f>'CPT Data'!B3624</f>
        <v>36.039000000000001</v>
      </c>
      <c r="B3616" s="3">
        <f>'CPT Data'!C3624</f>
        <v>36.032000000000004</v>
      </c>
      <c r="C3616" t="str">
        <f>'CPT Data'!P3624</f>
        <v>CLAY</v>
      </c>
      <c r="D3616">
        <f>'CPT Data'!Q3624</f>
        <v>341.8369352241761</v>
      </c>
      <c r="E3616">
        <f t="shared" si="57"/>
        <v>327.60546018066839</v>
      </c>
      <c r="F3616">
        <f>IF(C3616="CLAY", INDEX(D$4:D3616, MATCH("CLAY", C$4:C3616, 0)), "")</f>
        <v>0.75203252561341039</v>
      </c>
    </row>
    <row r="3617" spans="1:6" x14ac:dyDescent="0.2">
      <c r="A3617" s="239">
        <f>'CPT Data'!B3625</f>
        <v>36.048999999999999</v>
      </c>
      <c r="B3617" s="3">
        <f>'CPT Data'!C3625</f>
        <v>36.042000000000002</v>
      </c>
      <c r="C3617" t="str">
        <f>'CPT Data'!P3625</f>
        <v>CLAY</v>
      </c>
      <c r="D3617">
        <f>'CPT Data'!Q3625</f>
        <v>350.34638023289364</v>
      </c>
      <c r="E3617">
        <f t="shared" si="57"/>
        <v>341.8369352241761</v>
      </c>
      <c r="F3617">
        <f>IF(C3617="CLAY", INDEX(D$4:D3617, MATCH("CLAY", C$4:C3617, 0)), "")</f>
        <v>0.75203252561341039</v>
      </c>
    </row>
    <row r="3618" spans="1:6" x14ac:dyDescent="0.2">
      <c r="A3618" s="239">
        <f>'CPT Data'!B3626</f>
        <v>36.058999999999997</v>
      </c>
      <c r="B3618" s="3">
        <f>'CPT Data'!C3626</f>
        <v>36.052</v>
      </c>
      <c r="C3618" t="str">
        <f>'CPT Data'!P3626</f>
        <v>CLAY</v>
      </c>
      <c r="D3618">
        <f>'CPT Data'!Q3626</f>
        <v>369.73071972707248</v>
      </c>
      <c r="E3618">
        <f t="shared" si="57"/>
        <v>350.34638023289364</v>
      </c>
      <c r="F3618">
        <f>IF(C3618="CLAY", INDEX(D$4:D3618, MATCH("CLAY", C$4:C3618, 0)), "")</f>
        <v>0.75203252561341039</v>
      </c>
    </row>
    <row r="3619" spans="1:6" x14ac:dyDescent="0.2">
      <c r="A3619" s="239">
        <f>'CPT Data'!B3627</f>
        <v>36.069000000000003</v>
      </c>
      <c r="B3619" s="3">
        <f>'CPT Data'!C3627</f>
        <v>36.062000000000005</v>
      </c>
      <c r="C3619" t="str">
        <f>'CPT Data'!P3627</f>
        <v>CLAY</v>
      </c>
      <c r="D3619">
        <f>'CPT Data'!Q3627</f>
        <v>402.67246772260381</v>
      </c>
      <c r="E3619">
        <f t="shared" si="57"/>
        <v>369.73071972707248</v>
      </c>
      <c r="F3619">
        <f>IF(C3619="CLAY", INDEX(D$4:D3619, MATCH("CLAY", C$4:C3619, 0)), "")</f>
        <v>0.75203252561341039</v>
      </c>
    </row>
    <row r="3620" spans="1:6" x14ac:dyDescent="0.2">
      <c r="A3620" s="239">
        <f>'CPT Data'!B3628</f>
        <v>36.078000000000003</v>
      </c>
      <c r="B3620" s="3">
        <f>'CPT Data'!C3628</f>
        <v>36.071000000000005</v>
      </c>
      <c r="C3620" t="str">
        <f>'CPT Data'!P3628</f>
        <v>CLAY</v>
      </c>
      <c r="D3620">
        <f>'CPT Data'!Q3628</f>
        <v>425.05248158204063</v>
      </c>
      <c r="E3620">
        <f t="shared" si="57"/>
        <v>402.67246772260381</v>
      </c>
      <c r="F3620">
        <f>IF(C3620="CLAY", INDEX(D$4:D3620, MATCH("CLAY", C$4:C3620, 0)), "")</f>
        <v>0.75203252561341039</v>
      </c>
    </row>
    <row r="3621" spans="1:6" x14ac:dyDescent="0.2">
      <c r="A3621" s="239">
        <f>'CPT Data'!B3629</f>
        <v>36.088000000000001</v>
      </c>
      <c r="B3621" s="3">
        <f>'CPT Data'!C3629</f>
        <v>36.081000000000003</v>
      </c>
      <c r="C3621" t="str">
        <f>'CPT Data'!P3629</f>
        <v>CLAY</v>
      </c>
      <c r="D3621">
        <f>'CPT Data'!Q3629</f>
        <v>437.17699315151822</v>
      </c>
      <c r="E3621">
        <f t="shared" si="57"/>
        <v>425.05248158204063</v>
      </c>
      <c r="F3621">
        <f>IF(C3621="CLAY", INDEX(D$4:D3621, MATCH("CLAY", C$4:C3621, 0)), "")</f>
        <v>0.75203252561341039</v>
      </c>
    </row>
    <row r="3622" spans="1:6" x14ac:dyDescent="0.2">
      <c r="A3622" s="239">
        <f>'CPT Data'!B3630</f>
        <v>36.097999999999999</v>
      </c>
      <c r="B3622" s="3">
        <f>'CPT Data'!C3630</f>
        <v>36.091000000000001</v>
      </c>
      <c r="C3622" t="str">
        <f>'CPT Data'!P3630</f>
        <v>CLAY</v>
      </c>
      <c r="D3622">
        <f>'CPT Data'!Q3630</f>
        <v>456.50784344489347</v>
      </c>
      <c r="E3622">
        <f t="shared" si="57"/>
        <v>437.17699315151822</v>
      </c>
      <c r="F3622">
        <f>IF(C3622="CLAY", INDEX(D$4:D3622, MATCH("CLAY", C$4:C3622, 0)), "")</f>
        <v>0.75203252561341039</v>
      </c>
    </row>
    <row r="3623" spans="1:6" x14ac:dyDescent="0.2">
      <c r="A3623" s="239">
        <f>'CPT Data'!B3631</f>
        <v>36.107999999999997</v>
      </c>
      <c r="B3623" s="3">
        <f>'CPT Data'!C3631</f>
        <v>36.100999999999999</v>
      </c>
      <c r="C3623" t="str">
        <f>'CPT Data'!P3631</f>
        <v>CLAY</v>
      </c>
      <c r="D3623">
        <f>'CPT Data'!Q3631</f>
        <v>467.80416900942845</v>
      </c>
      <c r="E3623">
        <f t="shared" si="57"/>
        <v>456.50784344489347</v>
      </c>
      <c r="F3623">
        <f>IF(C3623="CLAY", INDEX(D$4:D3623, MATCH("CLAY", C$4:C3623, 0)), "")</f>
        <v>0.75203252561341039</v>
      </c>
    </row>
    <row r="3624" spans="1:6" x14ac:dyDescent="0.2">
      <c r="A3624" s="239">
        <f>'CPT Data'!B3632</f>
        <v>36.118000000000002</v>
      </c>
      <c r="B3624" s="3">
        <f>'CPT Data'!C3632</f>
        <v>36.111000000000004</v>
      </c>
      <c r="C3624" t="str">
        <f>'CPT Data'!P3632</f>
        <v>CLAY</v>
      </c>
      <c r="D3624">
        <f>'CPT Data'!Q3632</f>
        <v>480.9826532098694</v>
      </c>
      <c r="E3624">
        <f t="shared" si="57"/>
        <v>467.80416900942845</v>
      </c>
      <c r="F3624">
        <f>IF(C3624="CLAY", INDEX(D$4:D3624, MATCH("CLAY", C$4:C3624, 0)), "")</f>
        <v>0.75203252561341039</v>
      </c>
    </row>
    <row r="3625" spans="1:6" x14ac:dyDescent="0.2">
      <c r="A3625" s="239">
        <f>'CPT Data'!B3633</f>
        <v>36.128</v>
      </c>
      <c r="B3625" s="3">
        <f>'CPT Data'!C3633</f>
        <v>36.121000000000002</v>
      </c>
      <c r="C3625" t="str">
        <f>'CPT Data'!P3633</f>
        <v>CLAY</v>
      </c>
      <c r="D3625">
        <f>'CPT Data'!Q3633</f>
        <v>459.89387089429323</v>
      </c>
      <c r="E3625">
        <f t="shared" si="57"/>
        <v>480.9826532098694</v>
      </c>
      <c r="F3625">
        <f>IF(C3625="CLAY", INDEX(D$4:D3625, MATCH("CLAY", C$4:C3625, 0)), "")</f>
        <v>0.75203252561341039</v>
      </c>
    </row>
    <row r="3626" spans="1:6" x14ac:dyDescent="0.2">
      <c r="A3626" s="239">
        <f>'CPT Data'!B3634</f>
        <v>36.137</v>
      </c>
      <c r="B3626" s="3">
        <f>'CPT Data'!C3634</f>
        <v>36.130000000000003</v>
      </c>
      <c r="C3626" t="str">
        <f>'CPT Data'!P3634</f>
        <v>CLAY</v>
      </c>
      <c r="D3626">
        <f>'CPT Data'!Q3634</f>
        <v>434.57957172256062</v>
      </c>
      <c r="E3626">
        <f t="shared" si="57"/>
        <v>459.89387089429323</v>
      </c>
      <c r="F3626">
        <f>IF(C3626="CLAY", INDEX(D$4:D3626, MATCH("CLAY", C$4:C3626, 0)), "")</f>
        <v>0.75203252561341039</v>
      </c>
    </row>
    <row r="3627" spans="1:6" x14ac:dyDescent="0.2">
      <c r="A3627" s="239">
        <f>'CPT Data'!B3635</f>
        <v>36.146999999999998</v>
      </c>
      <c r="B3627" s="3">
        <f>'CPT Data'!C3635</f>
        <v>36.14</v>
      </c>
      <c r="C3627" t="str">
        <f>'CPT Data'!P3635</f>
        <v>CLAY</v>
      </c>
      <c r="D3627">
        <f>'CPT Data'!Q3635</f>
        <v>423.2162430580052</v>
      </c>
      <c r="E3627">
        <f t="shared" si="57"/>
        <v>434.57957172256062</v>
      </c>
      <c r="F3627">
        <f>IF(C3627="CLAY", INDEX(D$4:D3627, MATCH("CLAY", C$4:C3627, 0)), "")</f>
        <v>0.75203252561341039</v>
      </c>
    </row>
    <row r="3628" spans="1:6" x14ac:dyDescent="0.2">
      <c r="A3628" s="239">
        <f>'CPT Data'!B3636</f>
        <v>36.156999999999996</v>
      </c>
      <c r="B3628" s="3">
        <f>'CPT Data'!C3636</f>
        <v>36.15</v>
      </c>
      <c r="C3628" t="str">
        <f>'CPT Data'!P3636</f>
        <v>CLAY</v>
      </c>
      <c r="D3628">
        <f>'CPT Data'!Q3636</f>
        <v>424.69544599897546</v>
      </c>
      <c r="E3628">
        <f t="shared" si="57"/>
        <v>423.2162430580052</v>
      </c>
      <c r="F3628">
        <f>IF(C3628="CLAY", INDEX(D$4:D3628, MATCH("CLAY", C$4:C3628, 0)), "")</f>
        <v>0.75203252561341039</v>
      </c>
    </row>
    <row r="3629" spans="1:6" x14ac:dyDescent="0.2">
      <c r="A3629" s="239">
        <f>'CPT Data'!B3637</f>
        <v>36.167000000000002</v>
      </c>
      <c r="B3629" s="3">
        <f>'CPT Data'!C3637</f>
        <v>36.160000000000004</v>
      </c>
      <c r="C3629" t="str">
        <f>'CPT Data'!P3637</f>
        <v>CLAY</v>
      </c>
      <c r="D3629">
        <f>'CPT Data'!Q3637</f>
        <v>439.3510830759497</v>
      </c>
      <c r="E3629">
        <f t="shared" si="57"/>
        <v>424.69544599897546</v>
      </c>
      <c r="F3629">
        <f>IF(C3629="CLAY", INDEX(D$4:D3629, MATCH("CLAY", C$4:C3629, 0)), "")</f>
        <v>0.75203252561341039</v>
      </c>
    </row>
    <row r="3630" spans="1:6" x14ac:dyDescent="0.2">
      <c r="A3630" s="239">
        <f>'CPT Data'!B3638</f>
        <v>36.176000000000002</v>
      </c>
      <c r="B3630" s="3">
        <f>'CPT Data'!C3638</f>
        <v>36.169000000000004</v>
      </c>
      <c r="C3630" t="str">
        <f>'CPT Data'!P3638</f>
        <v>CLAY</v>
      </c>
      <c r="D3630">
        <f>'CPT Data'!Q3638</f>
        <v>450.49538855452619</v>
      </c>
      <c r="E3630">
        <f t="shared" si="57"/>
        <v>439.3510830759497</v>
      </c>
      <c r="F3630">
        <f>IF(C3630="CLAY", INDEX(D$4:D3630, MATCH("CLAY", C$4:C3630, 0)), "")</f>
        <v>0.75203252561341039</v>
      </c>
    </row>
    <row r="3631" spans="1:6" x14ac:dyDescent="0.2">
      <c r="A3631" s="239">
        <f>'CPT Data'!B3639</f>
        <v>36.186999999999998</v>
      </c>
      <c r="B3631" s="3">
        <f>'CPT Data'!C3639</f>
        <v>36.18</v>
      </c>
      <c r="C3631" t="str">
        <f>'CPT Data'!P3639</f>
        <v>CLAY</v>
      </c>
      <c r="D3631">
        <f>'CPT Data'!Q3639</f>
        <v>465.99811848604412</v>
      </c>
      <c r="E3631">
        <f t="shared" si="57"/>
        <v>450.49538855452619</v>
      </c>
      <c r="F3631">
        <f>IF(C3631="CLAY", INDEX(D$4:D3631, MATCH("CLAY", C$4:C3631, 0)), "")</f>
        <v>0.75203252561341039</v>
      </c>
    </row>
    <row r="3632" spans="1:6" x14ac:dyDescent="0.2">
      <c r="A3632" s="239">
        <f>'CPT Data'!B3640</f>
        <v>36.195999999999998</v>
      </c>
      <c r="B3632" s="3">
        <f>'CPT Data'!C3640</f>
        <v>36.189</v>
      </c>
      <c r="C3632" t="str">
        <f>'CPT Data'!P3640</f>
        <v>CLAY</v>
      </c>
      <c r="D3632">
        <f>'CPT Data'!Q3640</f>
        <v>475.69154239639869</v>
      </c>
      <c r="E3632">
        <f t="shared" si="57"/>
        <v>465.99811848604412</v>
      </c>
      <c r="F3632">
        <f>IF(C3632="CLAY", INDEX(D$4:D3632, MATCH("CLAY", C$4:C3632, 0)), "")</f>
        <v>0.75203252561341039</v>
      </c>
    </row>
    <row r="3633" spans="1:6" x14ac:dyDescent="0.2">
      <c r="A3633" s="239">
        <f>'CPT Data'!B3641</f>
        <v>36.206000000000003</v>
      </c>
      <c r="B3633" s="3">
        <f>'CPT Data'!C3641</f>
        <v>36.199000000000005</v>
      </c>
      <c r="C3633" t="str">
        <f>'CPT Data'!P3641</f>
        <v>CLAY</v>
      </c>
      <c r="D3633">
        <f>'CPT Data'!Q3641</f>
        <v>477.49352213736535</v>
      </c>
      <c r="E3633">
        <f t="shared" si="57"/>
        <v>475.69154239639869</v>
      </c>
      <c r="F3633">
        <f>IF(C3633="CLAY", INDEX(D$4:D3633, MATCH("CLAY", C$4:C3633, 0)), "")</f>
        <v>0.75203252561341039</v>
      </c>
    </row>
    <row r="3634" spans="1:6" x14ac:dyDescent="0.2">
      <c r="A3634" s="239">
        <f>'CPT Data'!B3642</f>
        <v>36.215000000000003</v>
      </c>
      <c r="B3634" s="3">
        <f>'CPT Data'!C3642</f>
        <v>36.208000000000006</v>
      </c>
      <c r="C3634" t="str">
        <f>'CPT Data'!P3642</f>
        <v>CLAY</v>
      </c>
      <c r="D3634">
        <f>'CPT Data'!Q3642</f>
        <v>476.28360265768202</v>
      </c>
      <c r="E3634">
        <f t="shared" si="57"/>
        <v>477.49352213736535</v>
      </c>
      <c r="F3634">
        <f>IF(C3634="CLAY", INDEX(D$4:D3634, MATCH("CLAY", C$4:C3634, 0)), "")</f>
        <v>0.75203252561341039</v>
      </c>
    </row>
    <row r="3635" spans="1:6" x14ac:dyDescent="0.2">
      <c r="A3635" s="239">
        <f>'CPT Data'!B3643</f>
        <v>36.225000000000001</v>
      </c>
      <c r="B3635" s="3">
        <f>'CPT Data'!C3643</f>
        <v>36.218000000000004</v>
      </c>
      <c r="C3635" t="str">
        <f>'CPT Data'!P3643</f>
        <v>CLAY</v>
      </c>
      <c r="D3635">
        <f>'CPT Data'!Q3643</f>
        <v>502.07326176318355</v>
      </c>
      <c r="E3635">
        <f t="shared" si="57"/>
        <v>476.28360265768202</v>
      </c>
      <c r="F3635">
        <f>IF(C3635="CLAY", INDEX(D$4:D3635, MATCH("CLAY", C$4:C3635, 0)), "")</f>
        <v>0.75203252561341039</v>
      </c>
    </row>
    <row r="3636" spans="1:6" x14ac:dyDescent="0.2">
      <c r="A3636" s="239">
        <f>'CPT Data'!B3644</f>
        <v>36.234999999999999</v>
      </c>
      <c r="B3636" s="3">
        <f>'CPT Data'!C3644</f>
        <v>36.228000000000002</v>
      </c>
      <c r="C3636" t="str">
        <f>'CPT Data'!P3644</f>
        <v>CLAY</v>
      </c>
      <c r="D3636">
        <f>'CPT Data'!Q3644</f>
        <v>557.21044542600703</v>
      </c>
      <c r="E3636">
        <f t="shared" si="57"/>
        <v>502.07326176318355</v>
      </c>
      <c r="F3636">
        <f>IF(C3636="CLAY", INDEX(D$4:D3636, MATCH("CLAY", C$4:C3636, 0)), "")</f>
        <v>0.75203252561341039</v>
      </c>
    </row>
    <row r="3637" spans="1:6" x14ac:dyDescent="0.2">
      <c r="A3637" s="239">
        <f>'CPT Data'!B3645</f>
        <v>36.244</v>
      </c>
      <c r="B3637" s="3">
        <f>'CPT Data'!C3645</f>
        <v>36.237000000000002</v>
      </c>
      <c r="C3637" t="str">
        <f>'CPT Data'!P3645</f>
        <v>CLAY</v>
      </c>
      <c r="D3637">
        <f>'CPT Data'!Q3645</f>
        <v>604.02734535842967</v>
      </c>
      <c r="E3637">
        <f t="shared" si="57"/>
        <v>557.21044542600703</v>
      </c>
      <c r="F3637">
        <f>IF(C3637="CLAY", INDEX(D$4:D3637, MATCH("CLAY", C$4:C3637, 0)), "")</f>
        <v>0.75203252561341039</v>
      </c>
    </row>
    <row r="3638" spans="1:6" x14ac:dyDescent="0.2">
      <c r="A3638" s="239">
        <f>'CPT Data'!B3646</f>
        <v>36.253999999999998</v>
      </c>
      <c r="B3638" s="3">
        <f>'CPT Data'!C3646</f>
        <v>36.247</v>
      </c>
      <c r="C3638" t="str">
        <f>'CPT Data'!P3646</f>
        <v>CLAY</v>
      </c>
      <c r="D3638">
        <f>'CPT Data'!Q3646</f>
        <v>650.4270672266058</v>
      </c>
      <c r="E3638">
        <f t="shared" si="57"/>
        <v>604.02734535842967</v>
      </c>
      <c r="F3638">
        <f>IF(C3638="CLAY", INDEX(D$4:D3638, MATCH("CLAY", C$4:C3638, 0)), "")</f>
        <v>0.75203252561341039</v>
      </c>
    </row>
    <row r="3639" spans="1:6" x14ac:dyDescent="0.2">
      <c r="A3639" s="239">
        <f>'CPT Data'!B3647</f>
        <v>36.262999999999998</v>
      </c>
      <c r="B3639" s="3">
        <f>'CPT Data'!C3647</f>
        <v>36.256</v>
      </c>
      <c r="C3639" t="str">
        <f>'CPT Data'!P3647</f>
        <v>SAND</v>
      </c>
      <c r="D3639" t="e">
        <f>'CPT Data'!Q3647</f>
        <v>#N/A</v>
      </c>
      <c r="E3639" t="e">
        <f t="shared" si="57"/>
        <v>#N/A</v>
      </c>
      <c r="F3639" t="str">
        <f>IF(C3639="CLAY", INDEX(D$4:D3639, MATCH("CLAY", C$4:C3639, 0)), "")</f>
        <v/>
      </c>
    </row>
    <row r="3640" spans="1:6" x14ac:dyDescent="0.2">
      <c r="A3640" s="239">
        <f>'CPT Data'!B3648</f>
        <v>36.273000000000003</v>
      </c>
      <c r="B3640" s="3">
        <f>'CPT Data'!C3648</f>
        <v>36.266000000000005</v>
      </c>
      <c r="C3640" t="str">
        <f>'CPT Data'!P3648</f>
        <v>SAND</v>
      </c>
      <c r="D3640" t="e">
        <f>'CPT Data'!Q3648</f>
        <v>#N/A</v>
      </c>
      <c r="E3640" t="e">
        <f t="shared" si="57"/>
        <v>#N/A</v>
      </c>
      <c r="F3640" t="str">
        <f>IF(C3640="CLAY", INDEX(D$4:D3640, MATCH("CLAY", C$4:C3640, 0)), "")</f>
        <v/>
      </c>
    </row>
    <row r="3641" spans="1:6" x14ac:dyDescent="0.2">
      <c r="A3641" s="239">
        <f>'CPT Data'!B3649</f>
        <v>36.281999999999996</v>
      </c>
      <c r="B3641" s="3">
        <f>'CPT Data'!C3649</f>
        <v>36.274999999999999</v>
      </c>
      <c r="C3641" t="str">
        <f>'CPT Data'!P3649</f>
        <v>SAND</v>
      </c>
      <c r="D3641" t="e">
        <f>'CPT Data'!Q3649</f>
        <v>#N/A</v>
      </c>
      <c r="E3641" t="e">
        <f t="shared" si="57"/>
        <v>#N/A</v>
      </c>
      <c r="F3641" t="str">
        <f>IF(C3641="CLAY", INDEX(D$4:D3641, MATCH("CLAY", C$4:C3641, 0)), "")</f>
        <v/>
      </c>
    </row>
    <row r="3642" spans="1:6" x14ac:dyDescent="0.2">
      <c r="A3642" s="239">
        <f>'CPT Data'!B3650</f>
        <v>36.292000000000002</v>
      </c>
      <c r="B3642" s="3">
        <f>'CPT Data'!C3650</f>
        <v>36.285000000000004</v>
      </c>
      <c r="C3642" t="str">
        <f>'CPT Data'!P3650</f>
        <v>SAND</v>
      </c>
      <c r="D3642" t="e">
        <f>'CPT Data'!Q3650</f>
        <v>#N/A</v>
      </c>
      <c r="E3642" t="e">
        <f t="shared" si="57"/>
        <v>#N/A</v>
      </c>
      <c r="F3642" t="str">
        <f>IF(C3642="CLAY", INDEX(D$4:D3642, MATCH("CLAY", C$4:C3642, 0)), "")</f>
        <v/>
      </c>
    </row>
    <row r="3643" spans="1:6" x14ac:dyDescent="0.2">
      <c r="A3643" s="239">
        <f>'CPT Data'!B3651</f>
        <v>36.301000000000002</v>
      </c>
      <c r="B3643" s="3">
        <f>'CPT Data'!C3651</f>
        <v>36.294000000000004</v>
      </c>
      <c r="C3643" t="str">
        <f>'CPT Data'!P3651</f>
        <v>SAND</v>
      </c>
      <c r="D3643" t="e">
        <f>'CPT Data'!Q3651</f>
        <v>#N/A</v>
      </c>
      <c r="E3643" t="e">
        <f t="shared" si="57"/>
        <v>#N/A</v>
      </c>
      <c r="F3643" t="str">
        <f>IF(C3643="CLAY", INDEX(D$4:D3643, MATCH("CLAY", C$4:C3643, 0)), "")</f>
        <v/>
      </c>
    </row>
    <row r="3644" spans="1:6" x14ac:dyDescent="0.2">
      <c r="A3644" s="239">
        <f>'CPT Data'!B3652</f>
        <v>36.311999999999998</v>
      </c>
      <c r="B3644" s="3">
        <f>'CPT Data'!C3652</f>
        <v>36.305</v>
      </c>
      <c r="C3644" t="str">
        <f>'CPT Data'!P3652</f>
        <v>SAND</v>
      </c>
      <c r="D3644" t="e">
        <f>'CPT Data'!Q3652</f>
        <v>#N/A</v>
      </c>
      <c r="E3644" t="e">
        <f t="shared" si="57"/>
        <v>#N/A</v>
      </c>
      <c r="F3644" t="str">
        <f>IF(C3644="CLAY", INDEX(D$4:D3644, MATCH("CLAY", C$4:C3644, 0)), "")</f>
        <v/>
      </c>
    </row>
    <row r="3645" spans="1:6" x14ac:dyDescent="0.2">
      <c r="A3645" s="239">
        <f>'CPT Data'!B3653</f>
        <v>36.320999999999998</v>
      </c>
      <c r="B3645" s="3">
        <f>'CPT Data'!C3653</f>
        <v>36.314</v>
      </c>
      <c r="C3645" t="str">
        <f>'CPT Data'!P3653</f>
        <v>SAND</v>
      </c>
      <c r="D3645" t="e">
        <f>'CPT Data'!Q3653</f>
        <v>#N/A</v>
      </c>
      <c r="E3645" t="e">
        <f t="shared" si="57"/>
        <v>#N/A</v>
      </c>
      <c r="F3645" t="str">
        <f>IF(C3645="CLAY", INDEX(D$4:D3645, MATCH("CLAY", C$4:C3645, 0)), "")</f>
        <v/>
      </c>
    </row>
    <row r="3646" spans="1:6" x14ac:dyDescent="0.2">
      <c r="A3646" s="239">
        <f>'CPT Data'!B3654</f>
        <v>36.331000000000003</v>
      </c>
      <c r="B3646" s="3">
        <f>'CPT Data'!C3654</f>
        <v>36.324000000000005</v>
      </c>
      <c r="C3646" t="str">
        <f>'CPT Data'!P3654</f>
        <v>SAND</v>
      </c>
      <c r="D3646" t="e">
        <f>'CPT Data'!Q3654</f>
        <v>#N/A</v>
      </c>
      <c r="E3646" t="e">
        <f t="shared" si="57"/>
        <v>#N/A</v>
      </c>
      <c r="F3646" t="str">
        <f>IF(C3646="CLAY", INDEX(D$4:D3646, MATCH("CLAY", C$4:C3646, 0)), "")</f>
        <v/>
      </c>
    </row>
    <row r="3647" spans="1:6" x14ac:dyDescent="0.2">
      <c r="A3647" s="239">
        <f>'CPT Data'!B3655</f>
        <v>36.340000000000003</v>
      </c>
      <c r="B3647" s="3">
        <f>'CPT Data'!C3655</f>
        <v>36.333000000000006</v>
      </c>
      <c r="C3647" t="str">
        <f>'CPT Data'!P3655</f>
        <v>SAND</v>
      </c>
      <c r="D3647" t="e">
        <f>'CPT Data'!Q3655</f>
        <v>#N/A</v>
      </c>
      <c r="E3647" t="e">
        <f t="shared" si="57"/>
        <v>#N/A</v>
      </c>
      <c r="F3647" t="str">
        <f>IF(C3647="CLAY", INDEX(D$4:D3647, MATCH("CLAY", C$4:C3647, 0)), "")</f>
        <v/>
      </c>
    </row>
    <row r="3648" spans="1:6" x14ac:dyDescent="0.2">
      <c r="A3648" s="239">
        <f>'CPT Data'!B3656</f>
        <v>36.350999999999999</v>
      </c>
      <c r="B3648" s="3">
        <f>'CPT Data'!C3656</f>
        <v>36.344000000000001</v>
      </c>
      <c r="C3648" t="str">
        <f>'CPT Data'!P3656</f>
        <v>SAND</v>
      </c>
      <c r="D3648" t="e">
        <f>'CPT Data'!Q3656</f>
        <v>#N/A</v>
      </c>
      <c r="E3648" t="e">
        <f t="shared" si="57"/>
        <v>#N/A</v>
      </c>
      <c r="F3648" t="str">
        <f>IF(C3648="CLAY", INDEX(D$4:D3648, MATCH("CLAY", C$4:C3648, 0)), "")</f>
        <v/>
      </c>
    </row>
    <row r="3649" spans="1:6" x14ac:dyDescent="0.2">
      <c r="A3649" s="239">
        <f>'CPT Data'!B3657</f>
        <v>36.36</v>
      </c>
      <c r="B3649" s="3">
        <f>'CPT Data'!C3657</f>
        <v>36.353000000000002</v>
      </c>
      <c r="C3649" t="str">
        <f>'CPT Data'!P3657</f>
        <v>SAND</v>
      </c>
      <c r="D3649" t="e">
        <f>'CPT Data'!Q3657</f>
        <v>#N/A</v>
      </c>
      <c r="E3649" t="e">
        <f t="shared" si="57"/>
        <v>#N/A</v>
      </c>
      <c r="F3649" t="str">
        <f>IF(C3649="CLAY", INDEX(D$4:D3649, MATCH("CLAY", C$4:C3649, 0)), "")</f>
        <v/>
      </c>
    </row>
    <row r="3650" spans="1:6" x14ac:dyDescent="0.2">
      <c r="A3650" s="239">
        <f>'CPT Data'!B3658</f>
        <v>36.369999999999997</v>
      </c>
      <c r="B3650" s="3">
        <f>'CPT Data'!C3658</f>
        <v>36.363</v>
      </c>
      <c r="C3650" t="str">
        <f>'CPT Data'!P3658</f>
        <v>SAND</v>
      </c>
      <c r="D3650" t="e">
        <f>'CPT Data'!Q3658</f>
        <v>#N/A</v>
      </c>
      <c r="E3650" t="e">
        <f t="shared" si="57"/>
        <v>#N/A</v>
      </c>
      <c r="F3650" t="str">
        <f>IF(C3650="CLAY", INDEX(D$4:D3650, MATCH("CLAY", C$4:C3650, 0)), "")</f>
        <v/>
      </c>
    </row>
    <row r="3651" spans="1:6" x14ac:dyDescent="0.2">
      <c r="A3651" s="239">
        <f>'CPT Data'!B3659</f>
        <v>36.378999999999998</v>
      </c>
      <c r="B3651" s="3">
        <f>'CPT Data'!C3659</f>
        <v>36.372</v>
      </c>
      <c r="C3651" t="str">
        <f>'CPT Data'!P3659</f>
        <v>SAND</v>
      </c>
      <c r="D3651" t="e">
        <f>'CPT Data'!Q3659</f>
        <v>#N/A</v>
      </c>
      <c r="E3651" t="e">
        <f t="shared" si="57"/>
        <v>#N/A</v>
      </c>
      <c r="F3651" t="str">
        <f>IF(C3651="CLAY", INDEX(D$4:D3651, MATCH("CLAY", C$4:C3651, 0)), "")</f>
        <v/>
      </c>
    </row>
    <row r="3652" spans="1:6" x14ac:dyDescent="0.2">
      <c r="A3652" s="239">
        <f>'CPT Data'!B3660</f>
        <v>36.39</v>
      </c>
      <c r="B3652" s="3">
        <f>'CPT Data'!C3660</f>
        <v>36.383000000000003</v>
      </c>
      <c r="C3652" t="str">
        <f>'CPT Data'!P3660</f>
        <v>SAND</v>
      </c>
      <c r="D3652" t="e">
        <f>'CPT Data'!Q3660</f>
        <v>#N/A</v>
      </c>
      <c r="E3652" t="e">
        <f t="shared" si="57"/>
        <v>#N/A</v>
      </c>
      <c r="F3652" t="str">
        <f>IF(C3652="CLAY", INDEX(D$4:D3652, MATCH("CLAY", C$4:C3652, 0)), "")</f>
        <v/>
      </c>
    </row>
    <row r="3653" spans="1:6" x14ac:dyDescent="0.2">
      <c r="A3653" s="239">
        <f>'CPT Data'!B3661</f>
        <v>36.399000000000001</v>
      </c>
      <c r="B3653" s="3">
        <f>'CPT Data'!C3661</f>
        <v>36.392000000000003</v>
      </c>
      <c r="C3653" t="str">
        <f>'CPT Data'!P3661</f>
        <v>SAND</v>
      </c>
      <c r="D3653" t="e">
        <f>'CPT Data'!Q3661</f>
        <v>#N/A</v>
      </c>
      <c r="E3653" t="e">
        <f t="shared" si="57"/>
        <v>#N/A</v>
      </c>
      <c r="F3653" t="str">
        <f>IF(C3653="CLAY", INDEX(D$4:D3653, MATCH("CLAY", C$4:C3653, 0)), "")</f>
        <v/>
      </c>
    </row>
    <row r="3654" spans="1:6" x14ac:dyDescent="0.2">
      <c r="A3654" s="239">
        <f>'CPT Data'!B3662</f>
        <v>36.408999999999999</v>
      </c>
      <c r="B3654" s="3">
        <f>'CPT Data'!C3662</f>
        <v>36.402000000000001</v>
      </c>
      <c r="C3654" t="str">
        <f>'CPT Data'!P3662</f>
        <v>SAND</v>
      </c>
      <c r="D3654" t="e">
        <f>'CPT Data'!Q3662</f>
        <v>#N/A</v>
      </c>
      <c r="E3654" t="e">
        <f t="shared" si="57"/>
        <v>#N/A</v>
      </c>
      <c r="F3654" t="str">
        <f>IF(C3654="CLAY", INDEX(D$4:D3654, MATCH("CLAY", C$4:C3654, 0)), "")</f>
        <v/>
      </c>
    </row>
    <row r="3655" spans="1:6" x14ac:dyDescent="0.2">
      <c r="A3655" s="239">
        <f>'CPT Data'!B3663</f>
        <v>36.417999999999999</v>
      </c>
      <c r="B3655" s="3">
        <f>'CPT Data'!C3663</f>
        <v>36.411000000000001</v>
      </c>
      <c r="C3655" t="str">
        <f>'CPT Data'!P3663</f>
        <v>SAND</v>
      </c>
      <c r="D3655" t="e">
        <f>'CPT Data'!Q3663</f>
        <v>#N/A</v>
      </c>
      <c r="E3655" t="e">
        <f t="shared" si="57"/>
        <v>#N/A</v>
      </c>
      <c r="F3655" t="str">
        <f>IF(C3655="CLAY", INDEX(D$4:D3655, MATCH("CLAY", C$4:C3655, 0)), "")</f>
        <v/>
      </c>
    </row>
    <row r="3656" spans="1:6" x14ac:dyDescent="0.2">
      <c r="A3656" s="239">
        <f>'CPT Data'!B3664</f>
        <v>36.429000000000002</v>
      </c>
      <c r="B3656" s="3">
        <f>'CPT Data'!C3664</f>
        <v>36.422000000000004</v>
      </c>
      <c r="C3656" t="str">
        <f>'CPT Data'!P3664</f>
        <v>SAND</v>
      </c>
      <c r="D3656" t="e">
        <f>'CPT Data'!Q3664</f>
        <v>#N/A</v>
      </c>
      <c r="E3656" t="e">
        <f t="shared" si="57"/>
        <v>#N/A</v>
      </c>
      <c r="F3656" t="str">
        <f>IF(C3656="CLAY", INDEX(D$4:D3656, MATCH("CLAY", C$4:C3656, 0)), "")</f>
        <v/>
      </c>
    </row>
    <row r="3657" spans="1:6" x14ac:dyDescent="0.2">
      <c r="A3657" s="239">
        <f>'CPT Data'!B3665</f>
        <v>36.438000000000002</v>
      </c>
      <c r="B3657" s="3">
        <f>'CPT Data'!C3665</f>
        <v>36.431000000000004</v>
      </c>
      <c r="C3657" t="str">
        <f>'CPT Data'!P3665</f>
        <v>SAND</v>
      </c>
      <c r="D3657" t="e">
        <f>'CPT Data'!Q3665</f>
        <v>#N/A</v>
      </c>
      <c r="E3657" t="e">
        <f t="shared" si="57"/>
        <v>#N/A</v>
      </c>
      <c r="F3657" t="str">
        <f>IF(C3657="CLAY", INDEX(D$4:D3657, MATCH("CLAY", C$4:C3657, 0)), "")</f>
        <v/>
      </c>
    </row>
    <row r="3658" spans="1:6" x14ac:dyDescent="0.2">
      <c r="A3658" s="239">
        <f>'CPT Data'!B3666</f>
        <v>36.448</v>
      </c>
      <c r="B3658" s="3">
        <f>'CPT Data'!C3666</f>
        <v>36.441000000000003</v>
      </c>
      <c r="C3658" t="str">
        <f>'CPT Data'!P3666</f>
        <v>SAND</v>
      </c>
      <c r="D3658" t="e">
        <f>'CPT Data'!Q3666</f>
        <v>#N/A</v>
      </c>
      <c r="E3658" t="e">
        <f t="shared" si="57"/>
        <v>#N/A</v>
      </c>
      <c r="F3658" t="str">
        <f>IF(C3658="CLAY", INDEX(D$4:D3658, MATCH("CLAY", C$4:C3658, 0)), "")</f>
        <v/>
      </c>
    </row>
    <row r="3659" spans="1:6" x14ac:dyDescent="0.2">
      <c r="A3659" s="239">
        <f>'CPT Data'!B3667</f>
        <v>36.459000000000003</v>
      </c>
      <c r="B3659" s="3">
        <f>'CPT Data'!C3667</f>
        <v>36.452000000000005</v>
      </c>
      <c r="C3659" t="str">
        <f>'CPT Data'!P3667</f>
        <v>SAND</v>
      </c>
      <c r="D3659" t="e">
        <f>'CPT Data'!Q3667</f>
        <v>#N/A</v>
      </c>
      <c r="E3659" t="e">
        <f t="shared" si="57"/>
        <v>#N/A</v>
      </c>
      <c r="F3659" t="str">
        <f>IF(C3659="CLAY", INDEX(D$4:D3659, MATCH("CLAY", C$4:C3659, 0)), "")</f>
        <v/>
      </c>
    </row>
    <row r="3660" spans="1:6" x14ac:dyDescent="0.2">
      <c r="A3660" s="239">
        <f>'CPT Data'!B3668</f>
        <v>36.468000000000004</v>
      </c>
      <c r="B3660" s="3">
        <f>'CPT Data'!C3668</f>
        <v>36.461000000000006</v>
      </c>
      <c r="C3660" t="str">
        <f>'CPT Data'!P3668</f>
        <v>SAND</v>
      </c>
      <c r="D3660" t="e">
        <f>'CPT Data'!Q3668</f>
        <v>#N/A</v>
      </c>
      <c r="E3660" t="e">
        <f t="shared" si="57"/>
        <v>#N/A</v>
      </c>
      <c r="F3660" t="str">
        <f>IF(C3660="CLAY", INDEX(D$4:D3660, MATCH("CLAY", C$4:C3660, 0)), "")</f>
        <v/>
      </c>
    </row>
    <row r="3661" spans="1:6" x14ac:dyDescent="0.2">
      <c r="A3661" s="239">
        <f>'CPT Data'!B3669</f>
        <v>36.478000000000002</v>
      </c>
      <c r="B3661" s="3">
        <f>'CPT Data'!C3669</f>
        <v>36.471000000000004</v>
      </c>
      <c r="C3661" t="str">
        <f>'CPT Data'!P3669</f>
        <v>SAND</v>
      </c>
      <c r="D3661" t="e">
        <f>'CPT Data'!Q3669</f>
        <v>#N/A</v>
      </c>
      <c r="E3661" t="e">
        <f t="shared" si="57"/>
        <v>#N/A</v>
      </c>
      <c r="F3661" t="str">
        <f>IF(C3661="CLAY", INDEX(D$4:D3661, MATCH("CLAY", C$4:C3661, 0)), "")</f>
        <v/>
      </c>
    </row>
    <row r="3662" spans="1:6" x14ac:dyDescent="0.2">
      <c r="A3662" s="239">
        <f>'CPT Data'!B3670</f>
        <v>36.488</v>
      </c>
      <c r="B3662" s="3">
        <f>'CPT Data'!C3670</f>
        <v>36.481000000000002</v>
      </c>
      <c r="C3662" t="str">
        <f>'CPT Data'!P3670</f>
        <v>SAND</v>
      </c>
      <c r="D3662" t="e">
        <f>'CPT Data'!Q3670</f>
        <v>#N/A</v>
      </c>
      <c r="E3662" t="e">
        <f t="shared" si="57"/>
        <v>#N/A</v>
      </c>
      <c r="F3662" t="str">
        <f>IF(C3662="CLAY", INDEX(D$4:D3662, MATCH("CLAY", C$4:C3662, 0)), "")</f>
        <v/>
      </c>
    </row>
    <row r="3663" spans="1:6" x14ac:dyDescent="0.2">
      <c r="A3663" s="239">
        <f>'CPT Data'!B3671</f>
        <v>36.497</v>
      </c>
      <c r="B3663" s="3">
        <f>'CPT Data'!C3671</f>
        <v>36.49</v>
      </c>
      <c r="C3663" t="str">
        <f>'CPT Data'!P3671</f>
        <v>SAND</v>
      </c>
      <c r="D3663" t="e">
        <f>'CPT Data'!Q3671</f>
        <v>#N/A</v>
      </c>
      <c r="E3663" t="e">
        <f t="shared" si="57"/>
        <v>#N/A</v>
      </c>
      <c r="F3663" t="str">
        <f>IF(C3663="CLAY", INDEX(D$4:D3663, MATCH("CLAY", C$4:C3663, 0)), "")</f>
        <v/>
      </c>
    </row>
    <row r="3664" spans="1:6" x14ac:dyDescent="0.2">
      <c r="A3664" s="239">
        <f>'CPT Data'!B3672</f>
        <v>36.508000000000003</v>
      </c>
      <c r="B3664" s="3">
        <f>'CPT Data'!C3672</f>
        <v>36.501000000000005</v>
      </c>
      <c r="C3664" t="str">
        <f>'CPT Data'!P3672</f>
        <v>SAND</v>
      </c>
      <c r="D3664" t="e">
        <f>'CPT Data'!Q3672</f>
        <v>#N/A</v>
      </c>
      <c r="E3664" t="e">
        <f t="shared" si="57"/>
        <v>#N/A</v>
      </c>
      <c r="F3664" t="str">
        <f>IF(C3664="CLAY", INDEX(D$4:D3664, MATCH("CLAY", C$4:C3664, 0)), "")</f>
        <v/>
      </c>
    </row>
    <row r="3665" spans="1:6" x14ac:dyDescent="0.2">
      <c r="A3665" s="239">
        <f>'CPT Data'!B3673</f>
        <v>36.517000000000003</v>
      </c>
      <c r="B3665" s="3">
        <f>'CPT Data'!C3673</f>
        <v>36.510000000000005</v>
      </c>
      <c r="C3665" t="str">
        <f>'CPT Data'!P3673</f>
        <v>SAND</v>
      </c>
      <c r="D3665" t="e">
        <f>'CPT Data'!Q3673</f>
        <v>#N/A</v>
      </c>
      <c r="E3665" t="e">
        <f t="shared" si="57"/>
        <v>#N/A</v>
      </c>
      <c r="F3665" t="str">
        <f>IF(C3665="CLAY", INDEX(D$4:D3665, MATCH("CLAY", C$4:C3665, 0)), "")</f>
        <v/>
      </c>
    </row>
    <row r="3666" spans="1:6" x14ac:dyDescent="0.2">
      <c r="A3666" s="239">
        <f>'CPT Data'!B3674</f>
        <v>36.526000000000003</v>
      </c>
      <c r="B3666" s="3">
        <f>'CPT Data'!C3674</f>
        <v>36.519000000000005</v>
      </c>
      <c r="C3666" t="str">
        <f>'CPT Data'!P3674</f>
        <v>CLAY</v>
      </c>
      <c r="D3666">
        <f>'CPT Data'!Q3674</f>
        <v>617.37404511300326</v>
      </c>
      <c r="E3666">
        <f t="shared" si="57"/>
        <v>617.37404511300326</v>
      </c>
      <c r="F3666">
        <f>IF(C3666="CLAY", INDEX(D$4:D3666, MATCH("CLAY", C$4:C3666, 0)), "")</f>
        <v>0.75203252561341039</v>
      </c>
    </row>
    <row r="3667" spans="1:6" x14ac:dyDescent="0.2">
      <c r="A3667" s="239">
        <f>'CPT Data'!B3675</f>
        <v>36.536999999999999</v>
      </c>
      <c r="B3667" s="3">
        <f>'CPT Data'!C3675</f>
        <v>36.53</v>
      </c>
      <c r="C3667" t="str">
        <f>'CPT Data'!P3675</f>
        <v>CLAY</v>
      </c>
      <c r="D3667">
        <f>'CPT Data'!Q3675</f>
        <v>628.42835582081682</v>
      </c>
      <c r="E3667">
        <f t="shared" si="57"/>
        <v>617.37404511300326</v>
      </c>
      <c r="F3667">
        <f>IF(C3667="CLAY", INDEX(D$4:D3667, MATCH("CLAY", C$4:C3667, 0)), "")</f>
        <v>0.75203252561341039</v>
      </c>
    </row>
    <row r="3668" spans="1:6" x14ac:dyDescent="0.2">
      <c r="A3668" s="239">
        <f>'CPT Data'!B3676</f>
        <v>36.545999999999999</v>
      </c>
      <c r="B3668" s="3">
        <f>'CPT Data'!C3676</f>
        <v>36.539000000000001</v>
      </c>
      <c r="C3668" t="str">
        <f>'CPT Data'!P3676</f>
        <v>CLAY</v>
      </c>
      <c r="D3668">
        <f>'CPT Data'!Q3676</f>
        <v>643.6104049112754</v>
      </c>
      <c r="E3668">
        <f t="shared" si="57"/>
        <v>628.42835582081682</v>
      </c>
      <c r="F3668">
        <f>IF(C3668="CLAY", INDEX(D$4:D3668, MATCH("CLAY", C$4:C3668, 0)), "")</f>
        <v>0.75203252561341039</v>
      </c>
    </row>
    <row r="3669" spans="1:6" x14ac:dyDescent="0.2">
      <c r="A3669" s="239">
        <f>'CPT Data'!B3677</f>
        <v>36.555</v>
      </c>
      <c r="B3669" s="3">
        <f>'CPT Data'!C3677</f>
        <v>36.548000000000002</v>
      </c>
      <c r="C3669" t="str">
        <f>'CPT Data'!P3677</f>
        <v>CLAY</v>
      </c>
      <c r="D3669">
        <f>'CPT Data'!Q3677</f>
        <v>663.62533134059424</v>
      </c>
      <c r="E3669">
        <f t="shared" si="57"/>
        <v>643.6104049112754</v>
      </c>
      <c r="F3669">
        <f>IF(C3669="CLAY", INDEX(D$4:D3669, MATCH("CLAY", C$4:C3669, 0)), "")</f>
        <v>0.75203252561341039</v>
      </c>
    </row>
    <row r="3670" spans="1:6" x14ac:dyDescent="0.2">
      <c r="A3670" s="239">
        <f>'CPT Data'!B3678</f>
        <v>36.564999999999998</v>
      </c>
      <c r="B3670" s="3">
        <f>'CPT Data'!C3678</f>
        <v>36.558</v>
      </c>
      <c r="C3670" t="str">
        <f>'CPT Data'!P3678</f>
        <v>CLAY</v>
      </c>
      <c r="D3670">
        <f>'CPT Data'!Q3678</f>
        <v>674.51377496744703</v>
      </c>
      <c r="E3670">
        <f t="shared" si="57"/>
        <v>663.62533134059424</v>
      </c>
      <c r="F3670">
        <f>IF(C3670="CLAY", INDEX(D$4:D3670, MATCH("CLAY", C$4:C3670, 0)), "")</f>
        <v>0.75203252561341039</v>
      </c>
    </row>
    <row r="3671" spans="1:6" x14ac:dyDescent="0.2">
      <c r="A3671" s="239">
        <f>'CPT Data'!B3679</f>
        <v>36.575000000000003</v>
      </c>
      <c r="B3671" s="3">
        <f>'CPT Data'!C3679</f>
        <v>36.568000000000005</v>
      </c>
      <c r="C3671" t="str">
        <f>'CPT Data'!P3679</f>
        <v>CLAY</v>
      </c>
      <c r="D3671">
        <f>'CPT Data'!Q3679</f>
        <v>673.16445723994468</v>
      </c>
      <c r="E3671">
        <f t="shared" si="57"/>
        <v>674.51377496744703</v>
      </c>
      <c r="F3671">
        <f>IF(C3671="CLAY", INDEX(D$4:D3671, MATCH("CLAY", C$4:C3671, 0)), "")</f>
        <v>0.75203252561341039</v>
      </c>
    </row>
    <row r="3672" spans="1:6" x14ac:dyDescent="0.2">
      <c r="A3672" s="239">
        <f>'CPT Data'!B3680</f>
        <v>36.585000000000001</v>
      </c>
      <c r="B3672" s="3">
        <f>'CPT Data'!C3680</f>
        <v>36.578000000000003</v>
      </c>
      <c r="C3672" t="str">
        <f>'CPT Data'!P3680</f>
        <v>CLAY</v>
      </c>
      <c r="D3672">
        <f>'CPT Data'!Q3680</f>
        <v>659.91470055230104</v>
      </c>
      <c r="E3672">
        <f t="shared" si="57"/>
        <v>673.16445723994468</v>
      </c>
      <c r="F3672">
        <f>IF(C3672="CLAY", INDEX(D$4:D3672, MATCH("CLAY", C$4:C3672, 0)), "")</f>
        <v>0.75203252561341039</v>
      </c>
    </row>
    <row r="3673" spans="1:6" x14ac:dyDescent="0.2">
      <c r="A3673" s="239">
        <f>'CPT Data'!B3681</f>
        <v>36.594000000000001</v>
      </c>
      <c r="B3673" s="3">
        <f>'CPT Data'!C3681</f>
        <v>36.587000000000003</v>
      </c>
      <c r="C3673" t="str">
        <f>'CPT Data'!P3681</f>
        <v>CLAY</v>
      </c>
      <c r="D3673">
        <f>'CPT Data'!Q3681</f>
        <v>642.79120717587864</v>
      </c>
      <c r="E3673">
        <f t="shared" si="57"/>
        <v>659.91470055230104</v>
      </c>
      <c r="F3673">
        <f>IF(C3673="CLAY", INDEX(D$4:D3673, MATCH("CLAY", C$4:C3673, 0)), "")</f>
        <v>0.75203252561341039</v>
      </c>
    </row>
    <row r="3674" spans="1:6" x14ac:dyDescent="0.2">
      <c r="A3674" s="239">
        <f>'CPT Data'!B3682</f>
        <v>36.604999999999997</v>
      </c>
      <c r="B3674" s="3">
        <f>'CPT Data'!C3682</f>
        <v>36.597999999999999</v>
      </c>
      <c r="C3674" t="str">
        <f>'CPT Data'!P3682</f>
        <v>CLAY</v>
      </c>
      <c r="D3674">
        <f>'CPT Data'!Q3682</f>
        <v>609.07147798250162</v>
      </c>
      <c r="E3674">
        <f t="shared" si="57"/>
        <v>642.79120717587864</v>
      </c>
      <c r="F3674">
        <f>IF(C3674="CLAY", INDEX(D$4:D3674, MATCH("CLAY", C$4:C3674, 0)), "")</f>
        <v>0.75203252561341039</v>
      </c>
    </row>
    <row r="3675" spans="1:6" x14ac:dyDescent="0.2">
      <c r="A3675" s="239">
        <f>'CPT Data'!B3683</f>
        <v>36.613999999999997</v>
      </c>
      <c r="B3675" s="3">
        <f>'CPT Data'!C3683</f>
        <v>36.606999999999999</v>
      </c>
      <c r="C3675" t="str">
        <f>'CPT Data'!P3683</f>
        <v>CLAY</v>
      </c>
      <c r="D3675">
        <f>'CPT Data'!Q3683</f>
        <v>571.96853764256468</v>
      </c>
      <c r="E3675">
        <f t="shared" ref="E3675:E3738" si="58">IF(C3675="SAND",#N/A,IF(C3675=C3674,D3674,IF(C3675="CLAY",D3675,#N/A)))</f>
        <v>609.07147798250162</v>
      </c>
      <c r="F3675">
        <f>IF(C3675="CLAY", INDEX(D$4:D3675, MATCH("CLAY", C$4:C3675, 0)), "")</f>
        <v>0.75203252561341039</v>
      </c>
    </row>
    <row r="3676" spans="1:6" x14ac:dyDescent="0.2">
      <c r="A3676" s="239">
        <f>'CPT Data'!B3684</f>
        <v>36.624000000000002</v>
      </c>
      <c r="B3676" s="3">
        <f>'CPT Data'!C3684</f>
        <v>36.617000000000004</v>
      </c>
      <c r="C3676" t="str">
        <f>'CPT Data'!P3684</f>
        <v>CLAY</v>
      </c>
      <c r="D3676">
        <f>'CPT Data'!Q3684</f>
        <v>541.21652591396889</v>
      </c>
      <c r="E3676">
        <f t="shared" si="58"/>
        <v>571.96853764256468</v>
      </c>
      <c r="F3676">
        <f>IF(C3676="CLAY", INDEX(D$4:D3676, MATCH("CLAY", C$4:C3676, 0)), "")</f>
        <v>0.75203252561341039</v>
      </c>
    </row>
    <row r="3677" spans="1:6" x14ac:dyDescent="0.2">
      <c r="A3677" s="239">
        <f>'CPT Data'!B3685</f>
        <v>36.633000000000003</v>
      </c>
      <c r="B3677" s="3">
        <f>'CPT Data'!C3685</f>
        <v>36.626000000000005</v>
      </c>
      <c r="C3677" t="str">
        <f>'CPT Data'!P3685</f>
        <v>CLAY</v>
      </c>
      <c r="D3677">
        <f>'CPT Data'!Q3685</f>
        <v>548.05253310755825</v>
      </c>
      <c r="E3677">
        <f t="shared" si="58"/>
        <v>541.21652591396889</v>
      </c>
      <c r="F3677">
        <f>IF(C3677="CLAY", INDEX(D$4:D3677, MATCH("CLAY", C$4:C3677, 0)), "")</f>
        <v>0.75203252561341039</v>
      </c>
    </row>
    <row r="3678" spans="1:6" x14ac:dyDescent="0.2">
      <c r="A3678" s="239">
        <f>'CPT Data'!B3686</f>
        <v>36.643999999999998</v>
      </c>
      <c r="B3678" s="3">
        <f>'CPT Data'!C3686</f>
        <v>36.637</v>
      </c>
      <c r="C3678" t="str">
        <f>'CPT Data'!P3686</f>
        <v>CLAY</v>
      </c>
      <c r="D3678">
        <f>'CPT Data'!Q3686</f>
        <v>548.78486197591076</v>
      </c>
      <c r="E3678">
        <f t="shared" si="58"/>
        <v>548.05253310755825</v>
      </c>
      <c r="F3678">
        <f>IF(C3678="CLAY", INDEX(D$4:D3678, MATCH("CLAY", C$4:C3678, 0)), "")</f>
        <v>0.75203252561341039</v>
      </c>
    </row>
    <row r="3679" spans="1:6" x14ac:dyDescent="0.2">
      <c r="A3679" s="239">
        <f>'CPT Data'!B3687</f>
        <v>36.652999999999999</v>
      </c>
      <c r="B3679" s="3">
        <f>'CPT Data'!C3687</f>
        <v>36.646000000000001</v>
      </c>
      <c r="C3679" t="str">
        <f>'CPT Data'!P3687</f>
        <v>CLAY</v>
      </c>
      <c r="D3679">
        <f>'CPT Data'!Q3687</f>
        <v>555.24935931985362</v>
      </c>
      <c r="E3679">
        <f t="shared" si="58"/>
        <v>548.78486197591076</v>
      </c>
      <c r="F3679">
        <f>IF(C3679="CLAY", INDEX(D$4:D3679, MATCH("CLAY", C$4:C3679, 0)), "")</f>
        <v>0.75203252561341039</v>
      </c>
    </row>
    <row r="3680" spans="1:6" x14ac:dyDescent="0.2">
      <c r="A3680" s="239">
        <f>'CPT Data'!B3688</f>
        <v>36.662999999999997</v>
      </c>
      <c r="B3680" s="3">
        <f>'CPT Data'!C3688</f>
        <v>36.655999999999999</v>
      </c>
      <c r="C3680" t="str">
        <f>'CPT Data'!P3688</f>
        <v>CLAY</v>
      </c>
      <c r="D3680">
        <f>'CPT Data'!Q3688</f>
        <v>591.23185611728093</v>
      </c>
      <c r="E3680">
        <f t="shared" si="58"/>
        <v>555.24935931985362</v>
      </c>
      <c r="F3680">
        <f>IF(C3680="CLAY", INDEX(D$4:D3680, MATCH("CLAY", C$4:C3680, 0)), "")</f>
        <v>0.75203252561341039</v>
      </c>
    </row>
    <row r="3681" spans="1:6" x14ac:dyDescent="0.2">
      <c r="A3681" s="239">
        <f>'CPT Data'!B3689</f>
        <v>36.671999999999997</v>
      </c>
      <c r="B3681" s="3">
        <f>'CPT Data'!C3689</f>
        <v>36.664999999999999</v>
      </c>
      <c r="C3681" t="str">
        <f>'CPT Data'!P3689</f>
        <v>CLAY</v>
      </c>
      <c r="D3681">
        <f>'CPT Data'!Q3689</f>
        <v>620.49607573509309</v>
      </c>
      <c r="E3681">
        <f t="shared" si="58"/>
        <v>591.23185611728093</v>
      </c>
      <c r="F3681">
        <f>IF(C3681="CLAY", INDEX(D$4:D3681, MATCH("CLAY", C$4:C3681, 0)), "")</f>
        <v>0.75203252561341039</v>
      </c>
    </row>
    <row r="3682" spans="1:6" x14ac:dyDescent="0.2">
      <c r="A3682" s="239">
        <f>'CPT Data'!B3690</f>
        <v>36.682000000000002</v>
      </c>
      <c r="B3682" s="3">
        <f>'CPT Data'!C3690</f>
        <v>36.675000000000004</v>
      </c>
      <c r="C3682" t="str">
        <f>'CPT Data'!P3690</f>
        <v>CLAY</v>
      </c>
      <c r="D3682">
        <f>'CPT Data'!Q3690</f>
        <v>590.66797032777401</v>
      </c>
      <c r="E3682">
        <f t="shared" si="58"/>
        <v>620.49607573509309</v>
      </c>
      <c r="F3682">
        <f>IF(C3682="CLAY", INDEX(D$4:D3682, MATCH("CLAY", C$4:C3682, 0)), "")</f>
        <v>0.75203252561341039</v>
      </c>
    </row>
    <row r="3683" spans="1:6" x14ac:dyDescent="0.2">
      <c r="A3683" s="239">
        <f>'CPT Data'!B3691</f>
        <v>36.692999999999998</v>
      </c>
      <c r="B3683" s="3">
        <f>'CPT Data'!C3691</f>
        <v>36.686</v>
      </c>
      <c r="C3683" t="str">
        <f>'CPT Data'!P3691</f>
        <v>CLAY</v>
      </c>
      <c r="D3683">
        <f>'CPT Data'!Q3691</f>
        <v>548.62871186266318</v>
      </c>
      <c r="E3683">
        <f t="shared" si="58"/>
        <v>590.66797032777401</v>
      </c>
      <c r="F3683">
        <f>IF(C3683="CLAY", INDEX(D$4:D3683, MATCH("CLAY", C$4:C3683, 0)), "")</f>
        <v>0.75203252561341039</v>
      </c>
    </row>
    <row r="3684" spans="1:6" x14ac:dyDescent="0.2">
      <c r="A3684" s="239">
        <f>'CPT Data'!B3692</f>
        <v>36.701999999999998</v>
      </c>
      <c r="B3684" s="3">
        <f>'CPT Data'!C3692</f>
        <v>36.695</v>
      </c>
      <c r="C3684" t="str">
        <f>'CPT Data'!P3692</f>
        <v>CLAY</v>
      </c>
      <c r="D3684">
        <f>'CPT Data'!Q3692</f>
        <v>511.87895177768888</v>
      </c>
      <c r="E3684">
        <f t="shared" si="58"/>
        <v>548.62871186266318</v>
      </c>
      <c r="F3684">
        <f>IF(C3684="CLAY", INDEX(D$4:D3684, MATCH("CLAY", C$4:C3684, 0)), "")</f>
        <v>0.75203252561341039</v>
      </c>
    </row>
    <row r="3685" spans="1:6" x14ac:dyDescent="0.2">
      <c r="A3685" s="239">
        <f>'CPT Data'!B3693</f>
        <v>36.712000000000003</v>
      </c>
      <c r="B3685" s="3">
        <f>'CPT Data'!C3693</f>
        <v>36.705000000000005</v>
      </c>
      <c r="C3685" t="str">
        <f>'CPT Data'!P3693</f>
        <v>CLAY</v>
      </c>
      <c r="D3685">
        <f>'CPT Data'!Q3693</f>
        <v>503.25170845472962</v>
      </c>
      <c r="E3685">
        <f t="shared" si="58"/>
        <v>511.87895177768888</v>
      </c>
      <c r="F3685">
        <f>IF(C3685="CLAY", INDEX(D$4:D3685, MATCH("CLAY", C$4:C3685, 0)), "")</f>
        <v>0.75203252561341039</v>
      </c>
    </row>
    <row r="3686" spans="1:6" x14ac:dyDescent="0.2">
      <c r="A3686" s="239">
        <f>'CPT Data'!B3694</f>
        <v>36.722000000000001</v>
      </c>
      <c r="B3686" s="3">
        <f>'CPT Data'!C3694</f>
        <v>36.715000000000003</v>
      </c>
      <c r="C3686" t="str">
        <f>'CPT Data'!P3694</f>
        <v>CLAY</v>
      </c>
      <c r="D3686">
        <f>'CPT Data'!Q3694</f>
        <v>513.54040433392049</v>
      </c>
      <c r="E3686">
        <f t="shared" si="58"/>
        <v>503.25170845472962</v>
      </c>
      <c r="F3686">
        <f>IF(C3686="CLAY", INDEX(D$4:D3686, MATCH("CLAY", C$4:C3686, 0)), "")</f>
        <v>0.75203252561341039</v>
      </c>
    </row>
    <row r="3687" spans="1:6" x14ac:dyDescent="0.2">
      <c r="A3687" s="239">
        <f>'CPT Data'!B3695</f>
        <v>36.731000000000002</v>
      </c>
      <c r="B3687" s="3">
        <f>'CPT Data'!C3695</f>
        <v>36.724000000000004</v>
      </c>
      <c r="C3687" t="str">
        <f>'CPT Data'!P3695</f>
        <v>CLAY</v>
      </c>
      <c r="D3687">
        <f>'CPT Data'!Q3695</f>
        <v>520.27005056717178</v>
      </c>
      <c r="E3687">
        <f t="shared" si="58"/>
        <v>513.54040433392049</v>
      </c>
      <c r="F3687">
        <f>IF(C3687="CLAY", INDEX(D$4:D3687, MATCH("CLAY", C$4:C3687, 0)), "")</f>
        <v>0.75203252561341039</v>
      </c>
    </row>
    <row r="3688" spans="1:6" x14ac:dyDescent="0.2">
      <c r="A3688" s="239">
        <f>'CPT Data'!B3696</f>
        <v>36.74</v>
      </c>
      <c r="B3688" s="3">
        <f>'CPT Data'!C3696</f>
        <v>36.733000000000004</v>
      </c>
      <c r="C3688" t="str">
        <f>'CPT Data'!P3696</f>
        <v>CLAY</v>
      </c>
      <c r="D3688">
        <f>'CPT Data'!Q3696</f>
        <v>543.06082212425883</v>
      </c>
      <c r="E3688">
        <f t="shared" si="58"/>
        <v>520.27005056717178</v>
      </c>
      <c r="F3688">
        <f>IF(C3688="CLAY", INDEX(D$4:D3688, MATCH("CLAY", C$4:C3688, 0)), "")</f>
        <v>0.75203252561341039</v>
      </c>
    </row>
    <row r="3689" spans="1:6" x14ac:dyDescent="0.2">
      <c r="A3689" s="239">
        <f>'CPT Data'!B3697</f>
        <v>36.75</v>
      </c>
      <c r="B3689" s="3">
        <f>'CPT Data'!C3697</f>
        <v>36.743000000000002</v>
      </c>
      <c r="C3689" t="str">
        <f>'CPT Data'!P3697</f>
        <v>CLAY</v>
      </c>
      <c r="D3689">
        <f>'CPT Data'!Q3697</f>
        <v>602.03248843983613</v>
      </c>
      <c r="E3689">
        <f t="shared" si="58"/>
        <v>543.06082212425883</v>
      </c>
      <c r="F3689">
        <f>IF(C3689="CLAY", INDEX(D$4:D3689, MATCH("CLAY", C$4:C3689, 0)), "")</f>
        <v>0.75203252561341039</v>
      </c>
    </row>
    <row r="3690" spans="1:6" x14ac:dyDescent="0.2">
      <c r="A3690" s="239">
        <f>'CPT Data'!B3698</f>
        <v>36.759</v>
      </c>
      <c r="B3690" s="3">
        <f>'CPT Data'!C3698</f>
        <v>36.752000000000002</v>
      </c>
      <c r="C3690" t="str">
        <f>'CPT Data'!P3698</f>
        <v>CLAY</v>
      </c>
      <c r="D3690">
        <f>'CPT Data'!Q3698</f>
        <v>683.7028118406962</v>
      </c>
      <c r="E3690">
        <f t="shared" si="58"/>
        <v>602.03248843983613</v>
      </c>
      <c r="F3690">
        <f>IF(C3690="CLAY", INDEX(D$4:D3690, MATCH("CLAY", C$4:C3690, 0)), "")</f>
        <v>0.75203252561341039</v>
      </c>
    </row>
    <row r="3691" spans="1:6" x14ac:dyDescent="0.2">
      <c r="A3691" s="239">
        <f>'CPT Data'!B3699</f>
        <v>36.770000000000003</v>
      </c>
      <c r="B3691" s="3">
        <f>'CPT Data'!C3699</f>
        <v>36.763000000000005</v>
      </c>
      <c r="C3691" t="str">
        <f>'CPT Data'!P3699</f>
        <v>SAND</v>
      </c>
      <c r="D3691" t="e">
        <f>'CPT Data'!Q3699</f>
        <v>#N/A</v>
      </c>
      <c r="E3691" t="e">
        <f t="shared" si="58"/>
        <v>#N/A</v>
      </c>
      <c r="F3691" t="str">
        <f>IF(C3691="CLAY", INDEX(D$4:D3691, MATCH("CLAY", C$4:C3691, 0)), "")</f>
        <v/>
      </c>
    </row>
    <row r="3692" spans="1:6" x14ac:dyDescent="0.2">
      <c r="A3692" s="239">
        <f>'CPT Data'!B3700</f>
        <v>36.779000000000003</v>
      </c>
      <c r="B3692" s="3">
        <f>'CPT Data'!C3700</f>
        <v>36.772000000000006</v>
      </c>
      <c r="C3692" t="str">
        <f>'CPT Data'!P3700</f>
        <v>SAND</v>
      </c>
      <c r="D3692" t="e">
        <f>'CPT Data'!Q3700</f>
        <v>#N/A</v>
      </c>
      <c r="E3692" t="e">
        <f t="shared" si="58"/>
        <v>#N/A</v>
      </c>
      <c r="F3692" t="str">
        <f>IF(C3692="CLAY", INDEX(D$4:D3692, MATCH("CLAY", C$4:C3692, 0)), "")</f>
        <v/>
      </c>
    </row>
    <row r="3693" spans="1:6" x14ac:dyDescent="0.2">
      <c r="A3693" s="239">
        <f>'CPT Data'!B3701</f>
        <v>36.789000000000001</v>
      </c>
      <c r="B3693" s="3">
        <f>'CPT Data'!C3701</f>
        <v>36.782000000000004</v>
      </c>
      <c r="C3693" t="str">
        <f>'CPT Data'!P3701</f>
        <v>SAND</v>
      </c>
      <c r="D3693" t="e">
        <f>'CPT Data'!Q3701</f>
        <v>#N/A</v>
      </c>
      <c r="E3693" t="e">
        <f t="shared" si="58"/>
        <v>#N/A</v>
      </c>
      <c r="F3693" t="str">
        <f>IF(C3693="CLAY", INDEX(D$4:D3693, MATCH("CLAY", C$4:C3693, 0)), "")</f>
        <v/>
      </c>
    </row>
    <row r="3694" spans="1:6" x14ac:dyDescent="0.2">
      <c r="A3694" s="239">
        <f>'CPT Data'!B3702</f>
        <v>36.798999999999999</v>
      </c>
      <c r="B3694" s="3">
        <f>'CPT Data'!C3702</f>
        <v>36.792000000000002</v>
      </c>
      <c r="C3694" t="str">
        <f>'CPT Data'!P3702</f>
        <v>SAND</v>
      </c>
      <c r="D3694" t="e">
        <f>'CPT Data'!Q3702</f>
        <v>#N/A</v>
      </c>
      <c r="E3694" t="e">
        <f t="shared" si="58"/>
        <v>#N/A</v>
      </c>
      <c r="F3694" t="str">
        <f>IF(C3694="CLAY", INDEX(D$4:D3694, MATCH("CLAY", C$4:C3694, 0)), "")</f>
        <v/>
      </c>
    </row>
    <row r="3695" spans="1:6" x14ac:dyDescent="0.2">
      <c r="A3695" s="239">
        <f>'CPT Data'!B3703</f>
        <v>36.808999999999997</v>
      </c>
      <c r="B3695" s="3">
        <f>'CPT Data'!C3703</f>
        <v>36.802</v>
      </c>
      <c r="C3695" t="str">
        <f>'CPT Data'!P3703</f>
        <v>SAND</v>
      </c>
      <c r="D3695" t="e">
        <f>'CPT Data'!Q3703</f>
        <v>#N/A</v>
      </c>
      <c r="E3695" t="e">
        <f t="shared" si="58"/>
        <v>#N/A</v>
      </c>
      <c r="F3695" t="str">
        <f>IF(C3695="CLAY", INDEX(D$4:D3695, MATCH("CLAY", C$4:C3695, 0)), "")</f>
        <v/>
      </c>
    </row>
    <row r="3696" spans="1:6" x14ac:dyDescent="0.2">
      <c r="A3696" s="239">
        <f>'CPT Data'!B3704</f>
        <v>36.817999999999998</v>
      </c>
      <c r="B3696" s="3">
        <f>'CPT Data'!C3704</f>
        <v>36.811</v>
      </c>
      <c r="C3696" t="str">
        <f>'CPT Data'!P3704</f>
        <v>SAND</v>
      </c>
      <c r="D3696" t="e">
        <f>'CPT Data'!Q3704</f>
        <v>#N/A</v>
      </c>
      <c r="E3696" t="e">
        <f t="shared" si="58"/>
        <v>#N/A</v>
      </c>
      <c r="F3696" t="str">
        <f>IF(C3696="CLAY", INDEX(D$4:D3696, MATCH("CLAY", C$4:C3696, 0)), "")</f>
        <v/>
      </c>
    </row>
    <row r="3697" spans="1:6" x14ac:dyDescent="0.2">
      <c r="A3697" s="239">
        <f>'CPT Data'!B3705</f>
        <v>36.829000000000001</v>
      </c>
      <c r="B3697" s="3">
        <f>'CPT Data'!C3705</f>
        <v>36.822000000000003</v>
      </c>
      <c r="C3697" t="str">
        <f>'CPT Data'!P3705</f>
        <v>SAND</v>
      </c>
      <c r="D3697" t="e">
        <f>'CPT Data'!Q3705</f>
        <v>#N/A</v>
      </c>
      <c r="E3697" t="e">
        <f t="shared" si="58"/>
        <v>#N/A</v>
      </c>
      <c r="F3697" t="str">
        <f>IF(C3697="CLAY", INDEX(D$4:D3697, MATCH("CLAY", C$4:C3697, 0)), "")</f>
        <v/>
      </c>
    </row>
    <row r="3698" spans="1:6" x14ac:dyDescent="0.2">
      <c r="A3698" s="239">
        <f>'CPT Data'!B3706</f>
        <v>36.838000000000001</v>
      </c>
      <c r="B3698" s="3">
        <f>'CPT Data'!C3706</f>
        <v>36.831000000000003</v>
      </c>
      <c r="C3698" t="str">
        <f>'CPT Data'!P3706</f>
        <v>SAND</v>
      </c>
      <c r="D3698" t="e">
        <f>'CPT Data'!Q3706</f>
        <v>#N/A</v>
      </c>
      <c r="E3698" t="e">
        <f t="shared" si="58"/>
        <v>#N/A</v>
      </c>
      <c r="F3698" t="str">
        <f>IF(C3698="CLAY", INDEX(D$4:D3698, MATCH("CLAY", C$4:C3698, 0)), "")</f>
        <v/>
      </c>
    </row>
    <row r="3699" spans="1:6" x14ac:dyDescent="0.2">
      <c r="A3699" s="239">
        <f>'CPT Data'!B3707</f>
        <v>36.847000000000001</v>
      </c>
      <c r="B3699" s="3">
        <f>'CPT Data'!C3707</f>
        <v>36.840000000000003</v>
      </c>
      <c r="C3699" t="str">
        <f>'CPT Data'!P3707</f>
        <v>CLAY</v>
      </c>
      <c r="D3699">
        <f>'CPT Data'!Q3707</f>
        <v>595.90555815272228</v>
      </c>
      <c r="E3699">
        <f t="shared" si="58"/>
        <v>595.90555815272228</v>
      </c>
      <c r="F3699">
        <f>IF(C3699="CLAY", INDEX(D$4:D3699, MATCH("CLAY", C$4:C3699, 0)), "")</f>
        <v>0.75203252561341039</v>
      </c>
    </row>
    <row r="3700" spans="1:6" x14ac:dyDescent="0.2">
      <c r="A3700" s="239">
        <f>'CPT Data'!B3708</f>
        <v>36.857999999999997</v>
      </c>
      <c r="B3700" s="3">
        <f>'CPT Data'!C3708</f>
        <v>36.850999999999999</v>
      </c>
      <c r="C3700" t="str">
        <f>'CPT Data'!P3708</f>
        <v>CLAY</v>
      </c>
      <c r="D3700">
        <f>'CPT Data'!Q3708</f>
        <v>557.60398386490112</v>
      </c>
      <c r="E3700">
        <f t="shared" si="58"/>
        <v>595.90555815272228</v>
      </c>
      <c r="F3700">
        <f>IF(C3700="CLAY", INDEX(D$4:D3700, MATCH("CLAY", C$4:C3700, 0)), "")</f>
        <v>0.75203252561341039</v>
      </c>
    </row>
    <row r="3701" spans="1:6" x14ac:dyDescent="0.2">
      <c r="A3701" s="239">
        <f>'CPT Data'!B3709</f>
        <v>36.866999999999997</v>
      </c>
      <c r="B3701" s="3">
        <f>'CPT Data'!C3709</f>
        <v>36.86</v>
      </c>
      <c r="C3701" t="str">
        <f>'CPT Data'!P3709</f>
        <v>CLAY</v>
      </c>
      <c r="D3701">
        <f>'CPT Data'!Q3709</f>
        <v>543.28042910655449</v>
      </c>
      <c r="E3701">
        <f t="shared" si="58"/>
        <v>557.60398386490112</v>
      </c>
      <c r="F3701">
        <f>IF(C3701="CLAY", INDEX(D$4:D3701, MATCH("CLAY", C$4:C3701, 0)), "")</f>
        <v>0.75203252561341039</v>
      </c>
    </row>
    <row r="3702" spans="1:6" x14ac:dyDescent="0.2">
      <c r="A3702" s="239">
        <f>'CPT Data'!B3710</f>
        <v>36.878</v>
      </c>
      <c r="B3702" s="3">
        <f>'CPT Data'!C3710</f>
        <v>36.871000000000002</v>
      </c>
      <c r="C3702" t="str">
        <f>'CPT Data'!P3710</f>
        <v>CLAY</v>
      </c>
      <c r="D3702">
        <f>'CPT Data'!Q3710</f>
        <v>535.79382317969146</v>
      </c>
      <c r="E3702">
        <f t="shared" si="58"/>
        <v>543.28042910655449</v>
      </c>
      <c r="F3702">
        <f>IF(C3702="CLAY", INDEX(D$4:D3702, MATCH("CLAY", C$4:C3702, 0)), "")</f>
        <v>0.75203252561341039</v>
      </c>
    </row>
    <row r="3703" spans="1:6" x14ac:dyDescent="0.2">
      <c r="A3703" s="239">
        <f>'CPT Data'!B3711</f>
        <v>36.887</v>
      </c>
      <c r="B3703" s="3">
        <f>'CPT Data'!C3711</f>
        <v>36.880000000000003</v>
      </c>
      <c r="C3703" t="str">
        <f>'CPT Data'!P3711</f>
        <v>CLAY</v>
      </c>
      <c r="D3703">
        <f>'CPT Data'!Q3711</f>
        <v>542.20998141707889</v>
      </c>
      <c r="E3703">
        <f t="shared" si="58"/>
        <v>535.79382317969146</v>
      </c>
      <c r="F3703">
        <f>IF(C3703="CLAY", INDEX(D$4:D3703, MATCH("CLAY", C$4:C3703, 0)), "")</f>
        <v>0.75203252561341039</v>
      </c>
    </row>
    <row r="3704" spans="1:6" x14ac:dyDescent="0.2">
      <c r="A3704" s="239">
        <f>'CPT Data'!B3712</f>
        <v>36.896000000000001</v>
      </c>
      <c r="B3704" s="3">
        <f>'CPT Data'!C3712</f>
        <v>36.889000000000003</v>
      </c>
      <c r="C3704" t="str">
        <f>'CPT Data'!P3712</f>
        <v>CLAY</v>
      </c>
      <c r="D3704">
        <f>'CPT Data'!Q3712</f>
        <v>552.05424088381881</v>
      </c>
      <c r="E3704">
        <f t="shared" si="58"/>
        <v>542.20998141707889</v>
      </c>
      <c r="F3704">
        <f>IF(C3704="CLAY", INDEX(D$4:D3704, MATCH("CLAY", C$4:C3704, 0)), "")</f>
        <v>0.75203252561341039</v>
      </c>
    </row>
    <row r="3705" spans="1:6" x14ac:dyDescent="0.2">
      <c r="A3705" s="239">
        <f>'CPT Data'!B3713</f>
        <v>36.905999999999999</v>
      </c>
      <c r="B3705" s="3">
        <f>'CPT Data'!C3713</f>
        <v>36.899000000000001</v>
      </c>
      <c r="C3705" t="str">
        <f>'CPT Data'!P3713</f>
        <v>CLAY</v>
      </c>
      <c r="D3705">
        <f>'CPT Data'!Q3713</f>
        <v>558.17588565150425</v>
      </c>
      <c r="E3705">
        <f t="shared" si="58"/>
        <v>552.05424088381881</v>
      </c>
      <c r="F3705">
        <f>IF(C3705="CLAY", INDEX(D$4:D3705, MATCH("CLAY", C$4:C3705, 0)), "")</f>
        <v>0.75203252561341039</v>
      </c>
    </row>
    <row r="3706" spans="1:6" x14ac:dyDescent="0.2">
      <c r="A3706" s="239">
        <f>'CPT Data'!B3714</f>
        <v>36.914999999999999</v>
      </c>
      <c r="B3706" s="3">
        <f>'CPT Data'!C3714</f>
        <v>36.908000000000001</v>
      </c>
      <c r="C3706" t="str">
        <f>'CPT Data'!P3714</f>
        <v>CLAY</v>
      </c>
      <c r="D3706">
        <f>'CPT Data'!Q3714</f>
        <v>536.62935755810543</v>
      </c>
      <c r="E3706">
        <f t="shared" si="58"/>
        <v>558.17588565150425</v>
      </c>
      <c r="F3706">
        <f>IF(C3706="CLAY", INDEX(D$4:D3706, MATCH("CLAY", C$4:C3706, 0)), "")</f>
        <v>0.75203252561341039</v>
      </c>
    </row>
    <row r="3707" spans="1:6" x14ac:dyDescent="0.2">
      <c r="A3707" s="239">
        <f>'CPT Data'!B3715</f>
        <v>36.924999999999997</v>
      </c>
      <c r="B3707" s="3">
        <f>'CPT Data'!C3715</f>
        <v>36.917999999999999</v>
      </c>
      <c r="C3707" t="str">
        <f>'CPT Data'!P3715</f>
        <v>CLAY</v>
      </c>
      <c r="D3707">
        <f>'CPT Data'!Q3715</f>
        <v>508.80433823516864</v>
      </c>
      <c r="E3707">
        <f t="shared" si="58"/>
        <v>536.62935755810543</v>
      </c>
      <c r="F3707">
        <f>IF(C3707="CLAY", INDEX(D$4:D3707, MATCH("CLAY", C$4:C3707, 0)), "")</f>
        <v>0.75203252561341039</v>
      </c>
    </row>
    <row r="3708" spans="1:6" x14ac:dyDescent="0.2">
      <c r="A3708" s="239">
        <f>'CPT Data'!B3716</f>
        <v>36.935000000000002</v>
      </c>
      <c r="B3708" s="3">
        <f>'CPT Data'!C3716</f>
        <v>36.928000000000004</v>
      </c>
      <c r="C3708" t="str">
        <f>'CPT Data'!P3716</f>
        <v>CLAY</v>
      </c>
      <c r="D3708">
        <f>'CPT Data'!Q3716</f>
        <v>486.30282742210215</v>
      </c>
      <c r="E3708">
        <f t="shared" si="58"/>
        <v>508.80433823516864</v>
      </c>
      <c r="F3708">
        <f>IF(C3708="CLAY", INDEX(D$4:D3708, MATCH("CLAY", C$4:C3708, 0)), "")</f>
        <v>0.75203252561341039</v>
      </c>
    </row>
    <row r="3709" spans="1:6" x14ac:dyDescent="0.2">
      <c r="A3709" s="239">
        <f>'CPT Data'!B3717</f>
        <v>36.945</v>
      </c>
      <c r="B3709" s="3">
        <f>'CPT Data'!C3717</f>
        <v>36.938000000000002</v>
      </c>
      <c r="C3709" t="str">
        <f>'CPT Data'!P3717</f>
        <v>CLAY</v>
      </c>
      <c r="D3709">
        <f>'CPT Data'!Q3717</f>
        <v>504.02383376043031</v>
      </c>
      <c r="E3709">
        <f t="shared" si="58"/>
        <v>486.30282742210215</v>
      </c>
      <c r="F3709">
        <f>IF(C3709="CLAY", INDEX(D$4:D3709, MATCH("CLAY", C$4:C3709, 0)), "")</f>
        <v>0.75203252561341039</v>
      </c>
    </row>
    <row r="3710" spans="1:6" x14ac:dyDescent="0.2">
      <c r="A3710" s="239">
        <f>'CPT Data'!B3718</f>
        <v>36.954000000000001</v>
      </c>
      <c r="B3710" s="3">
        <f>'CPT Data'!C3718</f>
        <v>36.947000000000003</v>
      </c>
      <c r="C3710" t="str">
        <f>'CPT Data'!P3718</f>
        <v>CLAY</v>
      </c>
      <c r="D3710">
        <f>'CPT Data'!Q3718</f>
        <v>577.49698984863892</v>
      </c>
      <c r="E3710">
        <f t="shared" si="58"/>
        <v>504.02383376043031</v>
      </c>
      <c r="F3710">
        <f>IF(C3710="CLAY", INDEX(D$4:D3710, MATCH("CLAY", C$4:C3710, 0)), "")</f>
        <v>0.75203252561341039</v>
      </c>
    </row>
    <row r="3711" spans="1:6" x14ac:dyDescent="0.2">
      <c r="A3711" s="239">
        <f>'CPT Data'!B3719</f>
        <v>36.963999999999999</v>
      </c>
      <c r="B3711" s="3">
        <f>'CPT Data'!C3719</f>
        <v>36.957000000000001</v>
      </c>
      <c r="C3711" t="str">
        <f>'CPT Data'!P3719</f>
        <v>CLAY</v>
      </c>
      <c r="D3711">
        <f>'CPT Data'!Q3719</f>
        <v>660.60343650004268</v>
      </c>
      <c r="E3711">
        <f t="shared" si="58"/>
        <v>577.49698984863892</v>
      </c>
      <c r="F3711">
        <f>IF(C3711="CLAY", INDEX(D$4:D3711, MATCH("CLAY", C$4:C3711, 0)), "")</f>
        <v>0.75203252561341039</v>
      </c>
    </row>
    <row r="3712" spans="1:6" x14ac:dyDescent="0.2">
      <c r="A3712" s="239">
        <f>'CPT Data'!B3720</f>
        <v>36.972999999999999</v>
      </c>
      <c r="B3712" s="3">
        <f>'CPT Data'!C3720</f>
        <v>36.966000000000001</v>
      </c>
      <c r="C3712" t="str">
        <f>'CPT Data'!P3720</f>
        <v>SAND</v>
      </c>
      <c r="D3712" t="e">
        <f>'CPT Data'!Q3720</f>
        <v>#N/A</v>
      </c>
      <c r="E3712" t="e">
        <f t="shared" si="58"/>
        <v>#N/A</v>
      </c>
      <c r="F3712" t="str">
        <f>IF(C3712="CLAY", INDEX(D$4:D3712, MATCH("CLAY", C$4:C3712, 0)), "")</f>
        <v/>
      </c>
    </row>
    <row r="3713" spans="1:6" x14ac:dyDescent="0.2">
      <c r="A3713" s="239">
        <f>'CPT Data'!B3721</f>
        <v>36.982999999999997</v>
      </c>
      <c r="B3713" s="3">
        <f>'CPT Data'!C3721</f>
        <v>36.975999999999999</v>
      </c>
      <c r="C3713" t="str">
        <f>'CPT Data'!P3721</f>
        <v>SAND</v>
      </c>
      <c r="D3713" t="e">
        <f>'CPT Data'!Q3721</f>
        <v>#N/A</v>
      </c>
      <c r="E3713" t="e">
        <f t="shared" si="58"/>
        <v>#N/A</v>
      </c>
      <c r="F3713" t="str">
        <f>IF(C3713="CLAY", INDEX(D$4:D3713, MATCH("CLAY", C$4:C3713, 0)), "")</f>
        <v/>
      </c>
    </row>
    <row r="3714" spans="1:6" x14ac:dyDescent="0.2">
      <c r="A3714" s="239">
        <f>'CPT Data'!B3722</f>
        <v>36.991999999999997</v>
      </c>
      <c r="B3714" s="3">
        <f>'CPT Data'!C3722</f>
        <v>36.984999999999999</v>
      </c>
      <c r="C3714" t="str">
        <f>'CPT Data'!P3722</f>
        <v>SAND</v>
      </c>
      <c r="D3714" t="e">
        <f>'CPT Data'!Q3722</f>
        <v>#N/A</v>
      </c>
      <c r="E3714" t="e">
        <f t="shared" si="58"/>
        <v>#N/A</v>
      </c>
      <c r="F3714" t="str">
        <f>IF(C3714="CLAY", INDEX(D$4:D3714, MATCH("CLAY", C$4:C3714, 0)), "")</f>
        <v/>
      </c>
    </row>
    <row r="3715" spans="1:6" x14ac:dyDescent="0.2">
      <c r="A3715" s="239">
        <f>'CPT Data'!B3723</f>
        <v>37.002000000000002</v>
      </c>
      <c r="B3715" s="3">
        <f>'CPT Data'!C3723</f>
        <v>36.995000000000005</v>
      </c>
      <c r="C3715" t="str">
        <f>'CPT Data'!P3723</f>
        <v>SAND</v>
      </c>
      <c r="D3715" t="e">
        <f>'CPT Data'!Q3723</f>
        <v>#N/A</v>
      </c>
      <c r="E3715" t="e">
        <f t="shared" si="58"/>
        <v>#N/A</v>
      </c>
      <c r="F3715" t="str">
        <f>IF(C3715="CLAY", INDEX(D$4:D3715, MATCH("CLAY", C$4:C3715, 0)), "")</f>
        <v/>
      </c>
    </row>
    <row r="3716" spans="1:6" x14ac:dyDescent="0.2">
      <c r="A3716" s="239">
        <f>'CPT Data'!B3724</f>
        <v>37.012</v>
      </c>
      <c r="B3716" s="3">
        <f>'CPT Data'!C3724</f>
        <v>37.005000000000003</v>
      </c>
      <c r="C3716" t="str">
        <f>'CPT Data'!P3724</f>
        <v>SAND</v>
      </c>
      <c r="D3716" t="e">
        <f>'CPT Data'!Q3724</f>
        <v>#N/A</v>
      </c>
      <c r="E3716" t="e">
        <f t="shared" si="58"/>
        <v>#N/A</v>
      </c>
      <c r="F3716" t="str">
        <f>IF(C3716="CLAY", INDEX(D$4:D3716, MATCH("CLAY", C$4:C3716, 0)), "")</f>
        <v/>
      </c>
    </row>
    <row r="3717" spans="1:6" x14ac:dyDescent="0.2">
      <c r="A3717" s="239">
        <f>'CPT Data'!B3725</f>
        <v>37.021000000000001</v>
      </c>
      <c r="B3717" s="3">
        <f>'CPT Data'!C3725</f>
        <v>37.014000000000003</v>
      </c>
      <c r="C3717" t="str">
        <f>'CPT Data'!P3725</f>
        <v>SAND</v>
      </c>
      <c r="D3717" t="e">
        <f>'CPT Data'!Q3725</f>
        <v>#N/A</v>
      </c>
      <c r="E3717" t="e">
        <f t="shared" si="58"/>
        <v>#N/A</v>
      </c>
      <c r="F3717" t="str">
        <f>IF(C3717="CLAY", INDEX(D$4:D3717, MATCH("CLAY", C$4:C3717, 0)), "")</f>
        <v/>
      </c>
    </row>
    <row r="3718" spans="1:6" x14ac:dyDescent="0.2">
      <c r="A3718" s="239">
        <f>'CPT Data'!B3726</f>
        <v>37.03</v>
      </c>
      <c r="B3718" s="3">
        <f>'CPT Data'!C3726</f>
        <v>37.023000000000003</v>
      </c>
      <c r="C3718" t="str">
        <f>'CPT Data'!P3726</f>
        <v>SAND</v>
      </c>
      <c r="D3718" t="e">
        <f>'CPT Data'!Q3726</f>
        <v>#N/A</v>
      </c>
      <c r="E3718" t="e">
        <f t="shared" si="58"/>
        <v>#N/A</v>
      </c>
      <c r="F3718" t="str">
        <f>IF(C3718="CLAY", INDEX(D$4:D3718, MATCH("CLAY", C$4:C3718, 0)), "")</f>
        <v/>
      </c>
    </row>
    <row r="3719" spans="1:6" x14ac:dyDescent="0.2">
      <c r="A3719" s="239">
        <f>'CPT Data'!B3727</f>
        <v>37.040999999999997</v>
      </c>
      <c r="B3719" s="3">
        <f>'CPT Data'!C3727</f>
        <v>37.033999999999999</v>
      </c>
      <c r="C3719" t="str">
        <f>'CPT Data'!P3727</f>
        <v>SAND</v>
      </c>
      <c r="D3719" t="e">
        <f>'CPT Data'!Q3727</f>
        <v>#N/A</v>
      </c>
      <c r="E3719" t="e">
        <f t="shared" si="58"/>
        <v>#N/A</v>
      </c>
      <c r="F3719" t="str">
        <f>IF(C3719="CLAY", INDEX(D$4:D3719, MATCH("CLAY", C$4:C3719, 0)), "")</f>
        <v/>
      </c>
    </row>
    <row r="3720" spans="1:6" x14ac:dyDescent="0.2">
      <c r="A3720" s="239">
        <f>'CPT Data'!B3728</f>
        <v>37.049999999999997</v>
      </c>
      <c r="B3720" s="3">
        <f>'CPT Data'!C3728</f>
        <v>37.042999999999999</v>
      </c>
      <c r="C3720" t="str">
        <f>'CPT Data'!P3728</f>
        <v>SAND</v>
      </c>
      <c r="D3720" t="e">
        <f>'CPT Data'!Q3728</f>
        <v>#N/A</v>
      </c>
      <c r="E3720" t="e">
        <f t="shared" si="58"/>
        <v>#N/A</v>
      </c>
      <c r="F3720" t="str">
        <f>IF(C3720="CLAY", INDEX(D$4:D3720, MATCH("CLAY", C$4:C3720, 0)), "")</f>
        <v/>
      </c>
    </row>
    <row r="3721" spans="1:6" x14ac:dyDescent="0.2">
      <c r="A3721" s="239">
        <f>'CPT Data'!B3729</f>
        <v>37.061</v>
      </c>
      <c r="B3721" s="3">
        <f>'CPT Data'!C3729</f>
        <v>37.054000000000002</v>
      </c>
      <c r="C3721" t="str">
        <f>'CPT Data'!P3729</f>
        <v>SAND</v>
      </c>
      <c r="D3721" t="e">
        <f>'CPT Data'!Q3729</f>
        <v>#N/A</v>
      </c>
      <c r="E3721" t="e">
        <f t="shared" si="58"/>
        <v>#N/A</v>
      </c>
      <c r="F3721" t="str">
        <f>IF(C3721="CLAY", INDEX(D$4:D3721, MATCH("CLAY", C$4:C3721, 0)), "")</f>
        <v/>
      </c>
    </row>
    <row r="3722" spans="1:6" x14ac:dyDescent="0.2">
      <c r="A3722" s="239">
        <f>'CPT Data'!B3730</f>
        <v>37.07</v>
      </c>
      <c r="B3722" s="3">
        <f>'CPT Data'!C3730</f>
        <v>37.063000000000002</v>
      </c>
      <c r="C3722" t="str">
        <f>'CPT Data'!P3730</f>
        <v>SAND</v>
      </c>
      <c r="D3722" t="e">
        <f>'CPT Data'!Q3730</f>
        <v>#N/A</v>
      </c>
      <c r="E3722" t="e">
        <f t="shared" si="58"/>
        <v>#N/A</v>
      </c>
      <c r="F3722" t="str">
        <f>IF(C3722="CLAY", INDEX(D$4:D3722, MATCH("CLAY", C$4:C3722, 0)), "")</f>
        <v/>
      </c>
    </row>
    <row r="3723" spans="1:6" x14ac:dyDescent="0.2">
      <c r="A3723" s="239">
        <f>'CPT Data'!B3731</f>
        <v>37.08</v>
      </c>
      <c r="B3723" s="3">
        <f>'CPT Data'!C3731</f>
        <v>37.073</v>
      </c>
      <c r="C3723" t="str">
        <f>'CPT Data'!P3731</f>
        <v>SAND</v>
      </c>
      <c r="D3723" t="e">
        <f>'CPT Data'!Q3731</f>
        <v>#N/A</v>
      </c>
      <c r="E3723" t="e">
        <f t="shared" si="58"/>
        <v>#N/A</v>
      </c>
      <c r="F3723" t="str">
        <f>IF(C3723="CLAY", INDEX(D$4:D3723, MATCH("CLAY", C$4:C3723, 0)), "")</f>
        <v/>
      </c>
    </row>
    <row r="3724" spans="1:6" x14ac:dyDescent="0.2">
      <c r="A3724" s="239">
        <f>'CPT Data'!B3732</f>
        <v>37.088999999999999</v>
      </c>
      <c r="B3724" s="3">
        <f>'CPT Data'!C3732</f>
        <v>37.082000000000001</v>
      </c>
      <c r="C3724" t="str">
        <f>'CPT Data'!P3732</f>
        <v>SAND</v>
      </c>
      <c r="D3724" t="e">
        <f>'CPT Data'!Q3732</f>
        <v>#N/A</v>
      </c>
      <c r="E3724" t="e">
        <f t="shared" si="58"/>
        <v>#N/A</v>
      </c>
      <c r="F3724" t="str">
        <f>IF(C3724="CLAY", INDEX(D$4:D3724, MATCH("CLAY", C$4:C3724, 0)), "")</f>
        <v/>
      </c>
    </row>
    <row r="3725" spans="1:6" x14ac:dyDescent="0.2">
      <c r="A3725" s="239">
        <f>'CPT Data'!B3733</f>
        <v>37.097999999999999</v>
      </c>
      <c r="B3725" s="3">
        <f>'CPT Data'!C3733</f>
        <v>37.091000000000001</v>
      </c>
      <c r="C3725" t="str">
        <f>'CPT Data'!P3733</f>
        <v>SAND</v>
      </c>
      <c r="D3725" t="e">
        <f>'CPT Data'!Q3733</f>
        <v>#N/A</v>
      </c>
      <c r="E3725" t="e">
        <f t="shared" si="58"/>
        <v>#N/A</v>
      </c>
      <c r="F3725" t="str">
        <f>IF(C3725="CLAY", INDEX(D$4:D3725, MATCH("CLAY", C$4:C3725, 0)), "")</f>
        <v/>
      </c>
    </row>
    <row r="3726" spans="1:6" x14ac:dyDescent="0.2">
      <c r="A3726" s="239">
        <f>'CPT Data'!B3734</f>
        <v>37.107999999999997</v>
      </c>
      <c r="B3726" s="3">
        <f>'CPT Data'!C3734</f>
        <v>37.100999999999999</v>
      </c>
      <c r="C3726" t="str">
        <f>'CPT Data'!P3734</f>
        <v>SAND</v>
      </c>
      <c r="D3726" t="e">
        <f>'CPT Data'!Q3734</f>
        <v>#N/A</v>
      </c>
      <c r="E3726" t="e">
        <f t="shared" si="58"/>
        <v>#N/A</v>
      </c>
      <c r="F3726" t="str">
        <f>IF(C3726="CLAY", INDEX(D$4:D3726, MATCH("CLAY", C$4:C3726, 0)), "")</f>
        <v/>
      </c>
    </row>
    <row r="3727" spans="1:6" x14ac:dyDescent="0.2">
      <c r="A3727" s="239">
        <f>'CPT Data'!B3735</f>
        <v>37.119</v>
      </c>
      <c r="B3727" s="3">
        <f>'CPT Data'!C3735</f>
        <v>37.112000000000002</v>
      </c>
      <c r="C3727" t="str">
        <f>'CPT Data'!P3735</f>
        <v>SAND</v>
      </c>
      <c r="D3727" t="e">
        <f>'CPT Data'!Q3735</f>
        <v>#N/A</v>
      </c>
      <c r="E3727" t="e">
        <f t="shared" si="58"/>
        <v>#N/A</v>
      </c>
      <c r="F3727" t="str">
        <f>IF(C3727="CLAY", INDEX(D$4:D3727, MATCH("CLAY", C$4:C3727, 0)), "")</f>
        <v/>
      </c>
    </row>
    <row r="3728" spans="1:6" x14ac:dyDescent="0.2">
      <c r="A3728" s="239">
        <f>'CPT Data'!B3736</f>
        <v>37.128</v>
      </c>
      <c r="B3728" s="3">
        <f>'CPT Data'!C3736</f>
        <v>37.121000000000002</v>
      </c>
      <c r="C3728" t="str">
        <f>'CPT Data'!P3736</f>
        <v>SAND</v>
      </c>
      <c r="D3728" t="e">
        <f>'CPT Data'!Q3736</f>
        <v>#N/A</v>
      </c>
      <c r="E3728" t="e">
        <f t="shared" si="58"/>
        <v>#N/A</v>
      </c>
      <c r="F3728" t="str">
        <f>IF(C3728="CLAY", INDEX(D$4:D3728, MATCH("CLAY", C$4:C3728, 0)), "")</f>
        <v/>
      </c>
    </row>
    <row r="3729" spans="1:6" x14ac:dyDescent="0.2">
      <c r="A3729" s="239">
        <f>'CPT Data'!B3737</f>
        <v>37.139000000000003</v>
      </c>
      <c r="B3729" s="3">
        <f>'CPT Data'!C3737</f>
        <v>37.132000000000005</v>
      </c>
      <c r="C3729" t="str">
        <f>'CPT Data'!P3737</f>
        <v>CLAY</v>
      </c>
      <c r="D3729">
        <f>'CPT Data'!Q3737</f>
        <v>553.14889521115003</v>
      </c>
      <c r="E3729">
        <f t="shared" si="58"/>
        <v>553.14889521115003</v>
      </c>
      <c r="F3729">
        <f>IF(C3729="CLAY", INDEX(D$4:D3729, MATCH("CLAY", C$4:C3729, 0)), "")</f>
        <v>0.75203252561341039</v>
      </c>
    </row>
    <row r="3730" spans="1:6" x14ac:dyDescent="0.2">
      <c r="A3730" s="239">
        <f>'CPT Data'!B3738</f>
        <v>37.148000000000003</v>
      </c>
      <c r="B3730" s="3">
        <f>'CPT Data'!C3738</f>
        <v>37.141000000000005</v>
      </c>
      <c r="C3730" t="str">
        <f>'CPT Data'!P3738</f>
        <v>CLAY</v>
      </c>
      <c r="D3730">
        <f>'CPT Data'!Q3738</f>
        <v>508.7091169192031</v>
      </c>
      <c r="E3730">
        <f t="shared" si="58"/>
        <v>553.14889521115003</v>
      </c>
      <c r="F3730">
        <f>IF(C3730="CLAY", INDEX(D$4:D3730, MATCH("CLAY", C$4:C3730, 0)), "")</f>
        <v>0.75203252561341039</v>
      </c>
    </row>
    <row r="3731" spans="1:6" x14ac:dyDescent="0.2">
      <c r="A3731" s="239">
        <f>'CPT Data'!B3739</f>
        <v>37.158999999999999</v>
      </c>
      <c r="B3731" s="3">
        <f>'CPT Data'!C3739</f>
        <v>37.152000000000001</v>
      </c>
      <c r="C3731" t="str">
        <f>'CPT Data'!P3739</f>
        <v>CLAY</v>
      </c>
      <c r="D3731">
        <f>'CPT Data'!Q3739</f>
        <v>464.52842748727335</v>
      </c>
      <c r="E3731">
        <f t="shared" si="58"/>
        <v>508.7091169192031</v>
      </c>
      <c r="F3731">
        <f>IF(C3731="CLAY", INDEX(D$4:D3731, MATCH("CLAY", C$4:C3731, 0)), "")</f>
        <v>0.75203252561341039</v>
      </c>
    </row>
    <row r="3732" spans="1:6" x14ac:dyDescent="0.2">
      <c r="A3732" s="239">
        <f>'CPT Data'!B3740</f>
        <v>37.167999999999999</v>
      </c>
      <c r="B3732" s="3">
        <f>'CPT Data'!C3740</f>
        <v>37.161000000000001</v>
      </c>
      <c r="C3732" t="str">
        <f>'CPT Data'!P3740</f>
        <v>CLAY</v>
      </c>
      <c r="D3732">
        <f>'CPT Data'!Q3740</f>
        <v>413.0667940380863</v>
      </c>
      <c r="E3732">
        <f t="shared" si="58"/>
        <v>464.52842748727335</v>
      </c>
      <c r="F3732">
        <f>IF(C3732="CLAY", INDEX(D$4:D3732, MATCH("CLAY", C$4:C3732, 0)), "")</f>
        <v>0.75203252561341039</v>
      </c>
    </row>
    <row r="3733" spans="1:6" x14ac:dyDescent="0.2">
      <c r="A3733" s="239">
        <f>'CPT Data'!B3741</f>
        <v>37.177999999999997</v>
      </c>
      <c r="B3733" s="3">
        <f>'CPT Data'!C3741</f>
        <v>37.170999999999999</v>
      </c>
      <c r="C3733" t="str">
        <f>'CPT Data'!P3741</f>
        <v>CLAY</v>
      </c>
      <c r="D3733">
        <f>'CPT Data'!Q3741</f>
        <v>369.68102580051851</v>
      </c>
      <c r="E3733">
        <f t="shared" si="58"/>
        <v>413.0667940380863</v>
      </c>
      <c r="F3733">
        <f>IF(C3733="CLAY", INDEX(D$4:D3733, MATCH("CLAY", C$4:C3733, 0)), "")</f>
        <v>0.75203252561341039</v>
      </c>
    </row>
    <row r="3734" spans="1:6" x14ac:dyDescent="0.2">
      <c r="A3734" s="239">
        <f>'CPT Data'!B3742</f>
        <v>37.188000000000002</v>
      </c>
      <c r="B3734" s="3">
        <f>'CPT Data'!C3742</f>
        <v>37.181000000000004</v>
      </c>
      <c r="C3734" t="str">
        <f>'CPT Data'!P3742</f>
        <v>CLAY</v>
      </c>
      <c r="D3734">
        <f>'CPT Data'!Q3742</f>
        <v>336.09778803060584</v>
      </c>
      <c r="E3734">
        <f t="shared" si="58"/>
        <v>369.68102580051851</v>
      </c>
      <c r="F3734">
        <f>IF(C3734="CLAY", INDEX(D$4:D3734, MATCH("CLAY", C$4:C3734, 0)), "")</f>
        <v>0.75203252561341039</v>
      </c>
    </row>
    <row r="3735" spans="1:6" x14ac:dyDescent="0.2">
      <c r="A3735" s="239">
        <f>'CPT Data'!B3743</f>
        <v>37.198</v>
      </c>
      <c r="B3735" s="3">
        <f>'CPT Data'!C3743</f>
        <v>37.191000000000003</v>
      </c>
      <c r="C3735" t="str">
        <f>'CPT Data'!P3743</f>
        <v>CLAY</v>
      </c>
      <c r="D3735">
        <f>'CPT Data'!Q3743</f>
        <v>305.37857749015433</v>
      </c>
      <c r="E3735">
        <f t="shared" si="58"/>
        <v>336.09778803060584</v>
      </c>
      <c r="F3735">
        <f>IF(C3735="CLAY", INDEX(D$4:D3735, MATCH("CLAY", C$4:C3735, 0)), "")</f>
        <v>0.75203252561341039</v>
      </c>
    </row>
    <row r="3736" spans="1:6" x14ac:dyDescent="0.2">
      <c r="A3736" s="239">
        <f>'CPT Data'!B3744</f>
        <v>37.207000000000001</v>
      </c>
      <c r="B3736" s="3">
        <f>'CPT Data'!C3744</f>
        <v>37.200000000000003</v>
      </c>
      <c r="C3736" t="str">
        <f>'CPT Data'!P3744</f>
        <v>CLAY</v>
      </c>
      <c r="D3736">
        <f>'CPT Data'!Q3744</f>
        <v>307.63272669171658</v>
      </c>
      <c r="E3736">
        <f t="shared" si="58"/>
        <v>305.37857749015433</v>
      </c>
      <c r="F3736">
        <f>IF(C3736="CLAY", INDEX(D$4:D3736, MATCH("CLAY", C$4:C3736, 0)), "")</f>
        <v>0.75203252561341039</v>
      </c>
    </row>
    <row r="3737" spans="1:6" x14ac:dyDescent="0.2">
      <c r="A3737" s="239">
        <f>'CPT Data'!B3745</f>
        <v>37.218000000000004</v>
      </c>
      <c r="B3737" s="3">
        <f>'CPT Data'!C3745</f>
        <v>37.211000000000006</v>
      </c>
      <c r="C3737" t="str">
        <f>'CPT Data'!P3745</f>
        <v>CLAY</v>
      </c>
      <c r="D3737">
        <f>'CPT Data'!Q3745</f>
        <v>332.59019820628288</v>
      </c>
      <c r="E3737">
        <f t="shared" si="58"/>
        <v>307.63272669171658</v>
      </c>
      <c r="F3737">
        <f>IF(C3737="CLAY", INDEX(D$4:D3737, MATCH("CLAY", C$4:C3737, 0)), "")</f>
        <v>0.75203252561341039</v>
      </c>
    </row>
    <row r="3738" spans="1:6" x14ac:dyDescent="0.2">
      <c r="A3738" s="239">
        <f>'CPT Data'!B3746</f>
        <v>37.226999999999997</v>
      </c>
      <c r="B3738" s="3">
        <f>'CPT Data'!C3746</f>
        <v>37.22</v>
      </c>
      <c r="C3738" t="str">
        <f>'CPT Data'!P3746</f>
        <v>CLAY</v>
      </c>
      <c r="D3738">
        <f>'CPT Data'!Q3746</f>
        <v>325.08981077789235</v>
      </c>
      <c r="E3738">
        <f t="shared" si="58"/>
        <v>332.59019820628288</v>
      </c>
      <c r="F3738">
        <f>IF(C3738="CLAY", INDEX(D$4:D3738, MATCH("CLAY", C$4:C3738, 0)), "")</f>
        <v>0.75203252561341039</v>
      </c>
    </row>
    <row r="3739" spans="1:6" x14ac:dyDescent="0.2">
      <c r="A3739" s="239">
        <f>'CPT Data'!B3747</f>
        <v>37.237000000000002</v>
      </c>
      <c r="B3739" s="3">
        <f>'CPT Data'!C3747</f>
        <v>37.230000000000004</v>
      </c>
      <c r="C3739" t="str">
        <f>'CPT Data'!P3747</f>
        <v>CLAY</v>
      </c>
      <c r="D3739">
        <f>'CPT Data'!Q3747</f>
        <v>297.99982391231089</v>
      </c>
      <c r="E3739">
        <f t="shared" ref="E3739:E3802" si="59">IF(C3739="SAND",#N/A,IF(C3739=C3738,D3738,IF(C3739="CLAY",D3739,#N/A)))</f>
        <v>325.08981077789235</v>
      </c>
      <c r="F3739">
        <f>IF(C3739="CLAY", INDEX(D$4:D3739, MATCH("CLAY", C$4:C3739, 0)), "")</f>
        <v>0.75203252561341039</v>
      </c>
    </row>
    <row r="3740" spans="1:6" x14ac:dyDescent="0.2">
      <c r="A3740" s="239">
        <f>'CPT Data'!B3748</f>
        <v>37.246000000000002</v>
      </c>
      <c r="B3740" s="3">
        <f>'CPT Data'!C3748</f>
        <v>37.239000000000004</v>
      </c>
      <c r="C3740" t="str">
        <f>'CPT Data'!P3748</f>
        <v>CLAY</v>
      </c>
      <c r="D3740">
        <f>'CPT Data'!Q3748</f>
        <v>274.49455628001681</v>
      </c>
      <c r="E3740">
        <f t="shared" si="59"/>
        <v>297.99982391231089</v>
      </c>
      <c r="F3740">
        <f>IF(C3740="CLAY", INDEX(D$4:D3740, MATCH("CLAY", C$4:C3740, 0)), "")</f>
        <v>0.75203252561341039</v>
      </c>
    </row>
    <row r="3741" spans="1:6" x14ac:dyDescent="0.2">
      <c r="A3741" s="239">
        <f>'CPT Data'!B3749</f>
        <v>37.256</v>
      </c>
      <c r="B3741" s="3">
        <f>'CPT Data'!C3749</f>
        <v>37.249000000000002</v>
      </c>
      <c r="C3741" t="str">
        <f>'CPT Data'!P3749</f>
        <v>CLAY</v>
      </c>
      <c r="D3741">
        <f>'CPT Data'!Q3749</f>
        <v>255.14485471386499</v>
      </c>
      <c r="E3741">
        <f t="shared" si="59"/>
        <v>274.49455628001681</v>
      </c>
      <c r="F3741">
        <f>IF(C3741="CLAY", INDEX(D$4:D3741, MATCH("CLAY", C$4:C3741, 0)), "")</f>
        <v>0.75203252561341039</v>
      </c>
    </row>
    <row r="3742" spans="1:6" x14ac:dyDescent="0.2">
      <c r="A3742" s="239">
        <f>'CPT Data'!B3750</f>
        <v>37.267000000000003</v>
      </c>
      <c r="B3742" s="3">
        <f>'CPT Data'!C3750</f>
        <v>37.260000000000005</v>
      </c>
      <c r="C3742" t="str">
        <f>'CPT Data'!P3750</f>
        <v>CLAY</v>
      </c>
      <c r="D3742">
        <f>'CPT Data'!Q3750</f>
        <v>241.88590030519205</v>
      </c>
      <c r="E3742">
        <f t="shared" si="59"/>
        <v>255.14485471386499</v>
      </c>
      <c r="F3742">
        <f>IF(C3742="CLAY", INDEX(D$4:D3742, MATCH("CLAY", C$4:C3742, 0)), "")</f>
        <v>0.75203252561341039</v>
      </c>
    </row>
    <row r="3743" spans="1:6" x14ac:dyDescent="0.2">
      <c r="A3743" s="239">
        <f>'CPT Data'!B3751</f>
        <v>37.276000000000003</v>
      </c>
      <c r="B3743" s="3">
        <f>'CPT Data'!C3751</f>
        <v>37.269000000000005</v>
      </c>
      <c r="C3743" t="str">
        <f>'CPT Data'!P3751</f>
        <v>CLAY</v>
      </c>
      <c r="D3743">
        <f>'CPT Data'!Q3751</f>
        <v>279.39337311075457</v>
      </c>
      <c r="E3743">
        <f t="shared" si="59"/>
        <v>241.88590030519205</v>
      </c>
      <c r="F3743">
        <f>IF(C3743="CLAY", INDEX(D$4:D3743, MATCH("CLAY", C$4:C3743, 0)), "")</f>
        <v>0.75203252561341039</v>
      </c>
    </row>
    <row r="3744" spans="1:6" x14ac:dyDescent="0.2">
      <c r="A3744" s="239">
        <f>'CPT Data'!B3752</f>
        <v>37.284999999999997</v>
      </c>
      <c r="B3744" s="3">
        <f>'CPT Data'!C3752</f>
        <v>37.277999999999999</v>
      </c>
      <c r="C3744" t="str">
        <f>'CPT Data'!P3752</f>
        <v>CLAY</v>
      </c>
      <c r="D3744">
        <f>'CPT Data'!Q3752</f>
        <v>336.90383827985852</v>
      </c>
      <c r="E3744">
        <f t="shared" si="59"/>
        <v>279.39337311075457</v>
      </c>
      <c r="F3744">
        <f>IF(C3744="CLAY", INDEX(D$4:D3744, MATCH("CLAY", C$4:C3744, 0)), "")</f>
        <v>0.75203252561341039</v>
      </c>
    </row>
    <row r="3745" spans="1:6" x14ac:dyDescent="0.2">
      <c r="A3745" s="239">
        <f>'CPT Data'!B3753</f>
        <v>37.295000000000002</v>
      </c>
      <c r="B3745" s="3">
        <f>'CPT Data'!C3753</f>
        <v>37.288000000000004</v>
      </c>
      <c r="C3745" t="str">
        <f>'CPT Data'!P3753</f>
        <v>CLAY</v>
      </c>
      <c r="D3745">
        <f>'CPT Data'!Q3753</f>
        <v>387.3384465935431</v>
      </c>
      <c r="E3745">
        <f t="shared" si="59"/>
        <v>336.90383827985852</v>
      </c>
      <c r="F3745">
        <f>IF(C3745="CLAY", INDEX(D$4:D3745, MATCH("CLAY", C$4:C3745, 0)), "")</f>
        <v>0.75203252561341039</v>
      </c>
    </row>
    <row r="3746" spans="1:6" x14ac:dyDescent="0.2">
      <c r="A3746" s="239">
        <f>'CPT Data'!B3754</f>
        <v>37.305</v>
      </c>
      <c r="B3746" s="3">
        <f>'CPT Data'!C3754</f>
        <v>37.298000000000002</v>
      </c>
      <c r="C3746" t="str">
        <f>'CPT Data'!P3754</f>
        <v>CLAY</v>
      </c>
      <c r="D3746">
        <f>'CPT Data'!Q3754</f>
        <v>475.02714570402208</v>
      </c>
      <c r="E3746">
        <f t="shared" si="59"/>
        <v>387.3384465935431</v>
      </c>
      <c r="F3746">
        <f>IF(C3746="CLAY", INDEX(D$4:D3746, MATCH("CLAY", C$4:C3746, 0)), "")</f>
        <v>0.75203252561341039</v>
      </c>
    </row>
    <row r="3747" spans="1:6" x14ac:dyDescent="0.2">
      <c r="A3747" s="239">
        <f>'CPT Data'!B3755</f>
        <v>37.314</v>
      </c>
      <c r="B3747" s="3">
        <f>'CPT Data'!C3755</f>
        <v>37.307000000000002</v>
      </c>
      <c r="C3747" t="str">
        <f>'CPT Data'!P3755</f>
        <v>CLAY</v>
      </c>
      <c r="D3747">
        <f>'CPT Data'!Q3755</f>
        <v>568.07204541056547</v>
      </c>
      <c r="E3747">
        <f t="shared" si="59"/>
        <v>475.02714570402208</v>
      </c>
      <c r="F3747">
        <f>IF(C3747="CLAY", INDEX(D$4:D3747, MATCH("CLAY", C$4:C3747, 0)), "")</f>
        <v>0.75203252561341039</v>
      </c>
    </row>
    <row r="3748" spans="1:6" x14ac:dyDescent="0.2">
      <c r="A3748" s="239">
        <f>'CPT Data'!B3756</f>
        <v>37.325000000000003</v>
      </c>
      <c r="B3748" s="3">
        <f>'CPT Data'!C3756</f>
        <v>37.318000000000005</v>
      </c>
      <c r="C3748" t="str">
        <f>'CPT Data'!P3756</f>
        <v>CLAY</v>
      </c>
      <c r="D3748">
        <f>'CPT Data'!Q3756</f>
        <v>600.82573365307724</v>
      </c>
      <c r="E3748">
        <f t="shared" si="59"/>
        <v>568.07204541056547</v>
      </c>
      <c r="F3748">
        <f>IF(C3748="CLAY", INDEX(D$4:D3748, MATCH("CLAY", C$4:C3748, 0)), "")</f>
        <v>0.75203252561341039</v>
      </c>
    </row>
    <row r="3749" spans="1:6" x14ac:dyDescent="0.2">
      <c r="A3749" s="239">
        <f>'CPT Data'!B3757</f>
        <v>37.334000000000003</v>
      </c>
      <c r="B3749" s="3">
        <f>'CPT Data'!C3757</f>
        <v>37.327000000000005</v>
      </c>
      <c r="C3749" t="str">
        <f>'CPT Data'!P3757</f>
        <v>SAND</v>
      </c>
      <c r="D3749" t="e">
        <f>'CPT Data'!Q3757</f>
        <v>#N/A</v>
      </c>
      <c r="E3749" t="e">
        <f t="shared" si="59"/>
        <v>#N/A</v>
      </c>
      <c r="F3749" t="str">
        <f>IF(C3749="CLAY", INDEX(D$4:D3749, MATCH("CLAY", C$4:C3749, 0)), "")</f>
        <v/>
      </c>
    </row>
    <row r="3750" spans="1:6" x14ac:dyDescent="0.2">
      <c r="A3750" s="239">
        <f>'CPT Data'!B3758</f>
        <v>37.344000000000001</v>
      </c>
      <c r="B3750" s="3">
        <f>'CPT Data'!C3758</f>
        <v>37.337000000000003</v>
      </c>
      <c r="C3750" t="str">
        <f>'CPT Data'!P3758</f>
        <v>SAND</v>
      </c>
      <c r="D3750" t="e">
        <f>'CPT Data'!Q3758</f>
        <v>#N/A</v>
      </c>
      <c r="E3750" t="e">
        <f t="shared" si="59"/>
        <v>#N/A</v>
      </c>
      <c r="F3750" t="str">
        <f>IF(C3750="CLAY", INDEX(D$4:D3750, MATCH("CLAY", C$4:C3750, 0)), "")</f>
        <v/>
      </c>
    </row>
    <row r="3751" spans="1:6" x14ac:dyDescent="0.2">
      <c r="A3751" s="239">
        <f>'CPT Data'!B3759</f>
        <v>37.353000000000002</v>
      </c>
      <c r="B3751" s="3">
        <f>'CPT Data'!C3759</f>
        <v>37.346000000000004</v>
      </c>
      <c r="C3751" t="str">
        <f>'CPT Data'!P3759</f>
        <v>SAND</v>
      </c>
      <c r="D3751" t="e">
        <f>'CPT Data'!Q3759</f>
        <v>#N/A</v>
      </c>
      <c r="E3751" t="e">
        <f t="shared" si="59"/>
        <v>#N/A</v>
      </c>
      <c r="F3751" t="str">
        <f>IF(C3751="CLAY", INDEX(D$4:D3751, MATCH("CLAY", C$4:C3751, 0)), "")</f>
        <v/>
      </c>
    </row>
    <row r="3752" spans="1:6" x14ac:dyDescent="0.2">
      <c r="A3752" s="239">
        <f>'CPT Data'!B3760</f>
        <v>37.363</v>
      </c>
      <c r="B3752" s="3">
        <f>'CPT Data'!C3760</f>
        <v>37.356000000000002</v>
      </c>
      <c r="C3752" t="str">
        <f>'CPT Data'!P3760</f>
        <v>SAND</v>
      </c>
      <c r="D3752" t="e">
        <f>'CPT Data'!Q3760</f>
        <v>#N/A</v>
      </c>
      <c r="E3752" t="e">
        <f t="shared" si="59"/>
        <v>#N/A</v>
      </c>
      <c r="F3752" t="str">
        <f>IF(C3752="CLAY", INDEX(D$4:D3752, MATCH("CLAY", C$4:C3752, 0)), "")</f>
        <v/>
      </c>
    </row>
    <row r="3753" spans="1:6" x14ac:dyDescent="0.2">
      <c r="A3753" s="239">
        <f>'CPT Data'!B3761</f>
        <v>37.372999999999998</v>
      </c>
      <c r="B3753" s="3">
        <f>'CPT Data'!C3761</f>
        <v>37.366</v>
      </c>
      <c r="C3753" t="str">
        <f>'CPT Data'!P3761</f>
        <v>SAND</v>
      </c>
      <c r="D3753" t="e">
        <f>'CPT Data'!Q3761</f>
        <v>#N/A</v>
      </c>
      <c r="E3753" t="e">
        <f t="shared" si="59"/>
        <v>#N/A</v>
      </c>
      <c r="F3753" t="str">
        <f>IF(C3753="CLAY", INDEX(D$4:D3753, MATCH("CLAY", C$4:C3753, 0)), "")</f>
        <v/>
      </c>
    </row>
    <row r="3754" spans="1:6" x14ac:dyDescent="0.2">
      <c r="A3754" s="239">
        <f>'CPT Data'!B3762</f>
        <v>37.381999999999998</v>
      </c>
      <c r="B3754" s="3">
        <f>'CPT Data'!C3762</f>
        <v>37.375</v>
      </c>
      <c r="C3754" t="str">
        <f>'CPT Data'!P3762</f>
        <v>SAND</v>
      </c>
      <c r="D3754" t="e">
        <f>'CPT Data'!Q3762</f>
        <v>#N/A</v>
      </c>
      <c r="E3754" t="e">
        <f t="shared" si="59"/>
        <v>#N/A</v>
      </c>
      <c r="F3754" t="str">
        <f>IF(C3754="CLAY", INDEX(D$4:D3754, MATCH("CLAY", C$4:C3754, 0)), "")</f>
        <v/>
      </c>
    </row>
    <row r="3755" spans="1:6" x14ac:dyDescent="0.2">
      <c r="A3755" s="239">
        <f>'CPT Data'!B3763</f>
        <v>37.392000000000003</v>
      </c>
      <c r="B3755" s="3">
        <f>'CPT Data'!C3763</f>
        <v>37.385000000000005</v>
      </c>
      <c r="C3755" t="str">
        <f>'CPT Data'!P3763</f>
        <v>SAND</v>
      </c>
      <c r="D3755" t="e">
        <f>'CPT Data'!Q3763</f>
        <v>#N/A</v>
      </c>
      <c r="E3755" t="e">
        <f t="shared" si="59"/>
        <v>#N/A</v>
      </c>
      <c r="F3755" t="str">
        <f>IF(C3755="CLAY", INDEX(D$4:D3755, MATCH("CLAY", C$4:C3755, 0)), "")</f>
        <v/>
      </c>
    </row>
    <row r="3756" spans="1:6" x14ac:dyDescent="0.2">
      <c r="A3756" s="239">
        <f>'CPT Data'!B3764</f>
        <v>37.402000000000001</v>
      </c>
      <c r="B3756" s="3">
        <f>'CPT Data'!C3764</f>
        <v>37.395000000000003</v>
      </c>
      <c r="C3756" t="str">
        <f>'CPT Data'!P3764</f>
        <v>CLAY</v>
      </c>
      <c r="D3756">
        <f>'CPT Data'!Q3764</f>
        <v>536.27252097470148</v>
      </c>
      <c r="E3756">
        <f t="shared" si="59"/>
        <v>536.27252097470148</v>
      </c>
      <c r="F3756">
        <f>IF(C3756="CLAY", INDEX(D$4:D3756, MATCH("CLAY", C$4:C3756, 0)), "")</f>
        <v>0.75203252561341039</v>
      </c>
    </row>
    <row r="3757" spans="1:6" x14ac:dyDescent="0.2">
      <c r="A3757" s="239">
        <f>'CPT Data'!B3765</f>
        <v>37.411000000000001</v>
      </c>
      <c r="B3757" s="3">
        <f>'CPT Data'!C3765</f>
        <v>37.404000000000003</v>
      </c>
      <c r="C3757" t="str">
        <f>'CPT Data'!P3765</f>
        <v>CLAY</v>
      </c>
      <c r="D3757">
        <f>'CPT Data'!Q3765</f>
        <v>484.34465023569646</v>
      </c>
      <c r="E3757">
        <f t="shared" si="59"/>
        <v>536.27252097470148</v>
      </c>
      <c r="F3757">
        <f>IF(C3757="CLAY", INDEX(D$4:D3757, MATCH("CLAY", C$4:C3757, 0)), "")</f>
        <v>0.75203252561341039</v>
      </c>
    </row>
    <row r="3758" spans="1:6" x14ac:dyDescent="0.2">
      <c r="A3758" s="239">
        <f>'CPT Data'!B3766</f>
        <v>37.420999999999999</v>
      </c>
      <c r="B3758" s="3">
        <f>'CPT Data'!C3766</f>
        <v>37.414000000000001</v>
      </c>
      <c r="C3758" t="str">
        <f>'CPT Data'!P3766</f>
        <v>CLAY</v>
      </c>
      <c r="D3758">
        <f>'CPT Data'!Q3766</f>
        <v>472.19993415041017</v>
      </c>
      <c r="E3758">
        <f t="shared" si="59"/>
        <v>484.34465023569646</v>
      </c>
      <c r="F3758">
        <f>IF(C3758="CLAY", INDEX(D$4:D3758, MATCH("CLAY", C$4:C3758, 0)), "")</f>
        <v>0.75203252561341039</v>
      </c>
    </row>
    <row r="3759" spans="1:6" x14ac:dyDescent="0.2">
      <c r="A3759" s="239">
        <f>'CPT Data'!B3767</f>
        <v>37.430999999999997</v>
      </c>
      <c r="B3759" s="3">
        <f>'CPT Data'!C3767</f>
        <v>37.423999999999999</v>
      </c>
      <c r="C3759" t="str">
        <f>'CPT Data'!P3767</f>
        <v>CLAY</v>
      </c>
      <c r="D3759">
        <f>'CPT Data'!Q3767</f>
        <v>496.83630197553538</v>
      </c>
      <c r="E3759">
        <f t="shared" si="59"/>
        <v>472.19993415041017</v>
      </c>
      <c r="F3759">
        <f>IF(C3759="CLAY", INDEX(D$4:D3759, MATCH("CLAY", C$4:C3759, 0)), "")</f>
        <v>0.75203252561341039</v>
      </c>
    </row>
    <row r="3760" spans="1:6" x14ac:dyDescent="0.2">
      <c r="A3760" s="239">
        <f>'CPT Data'!B3768</f>
        <v>37.441000000000003</v>
      </c>
      <c r="B3760" s="3">
        <f>'CPT Data'!C3768</f>
        <v>37.434000000000005</v>
      </c>
      <c r="C3760" t="str">
        <f>'CPT Data'!P3768</f>
        <v>CLAY</v>
      </c>
      <c r="D3760">
        <f>'CPT Data'!Q3768</f>
        <v>532.46468099702361</v>
      </c>
      <c r="E3760">
        <f t="shared" si="59"/>
        <v>496.83630197553538</v>
      </c>
      <c r="F3760">
        <f>IF(C3760="CLAY", INDEX(D$4:D3760, MATCH("CLAY", C$4:C3760, 0)), "")</f>
        <v>0.75203252561341039</v>
      </c>
    </row>
    <row r="3761" spans="1:6" x14ac:dyDescent="0.2">
      <c r="A3761" s="239">
        <f>'CPT Data'!B3769</f>
        <v>37.451000000000001</v>
      </c>
      <c r="B3761" s="3">
        <f>'CPT Data'!C3769</f>
        <v>37.444000000000003</v>
      </c>
      <c r="C3761" t="str">
        <f>'CPT Data'!P3769</f>
        <v>CLAY</v>
      </c>
      <c r="D3761">
        <f>'CPT Data'!Q3769</f>
        <v>605.75514126344513</v>
      </c>
      <c r="E3761">
        <f t="shared" si="59"/>
        <v>532.46468099702361</v>
      </c>
      <c r="F3761">
        <f>IF(C3761="CLAY", INDEX(D$4:D3761, MATCH("CLAY", C$4:C3761, 0)), "")</f>
        <v>0.75203252561341039</v>
      </c>
    </row>
    <row r="3762" spans="1:6" x14ac:dyDescent="0.2">
      <c r="A3762" s="239">
        <f>'CPT Data'!B3770</f>
        <v>37.46</v>
      </c>
      <c r="B3762" s="3">
        <f>'CPT Data'!C3770</f>
        <v>37.453000000000003</v>
      </c>
      <c r="C3762" t="str">
        <f>'CPT Data'!P3770</f>
        <v>CLAY</v>
      </c>
      <c r="D3762">
        <f>'CPT Data'!Q3770</f>
        <v>703.32860083638343</v>
      </c>
      <c r="E3762">
        <f t="shared" si="59"/>
        <v>605.75514126344513</v>
      </c>
      <c r="F3762">
        <f>IF(C3762="CLAY", INDEX(D$4:D3762, MATCH("CLAY", C$4:C3762, 0)), "")</f>
        <v>0.75203252561341039</v>
      </c>
    </row>
    <row r="3763" spans="1:6" x14ac:dyDescent="0.2">
      <c r="A3763" s="239">
        <f>'CPT Data'!B3771</f>
        <v>37.47</v>
      </c>
      <c r="B3763" s="3">
        <f>'CPT Data'!C3771</f>
        <v>37.463000000000001</v>
      </c>
      <c r="C3763" t="str">
        <f>'CPT Data'!P3771</f>
        <v>SAND</v>
      </c>
      <c r="D3763" t="e">
        <f>'CPT Data'!Q3771</f>
        <v>#N/A</v>
      </c>
      <c r="E3763" t="e">
        <f t="shared" si="59"/>
        <v>#N/A</v>
      </c>
      <c r="F3763" t="str">
        <f>IF(C3763="CLAY", INDEX(D$4:D3763, MATCH("CLAY", C$4:C3763, 0)), "")</f>
        <v/>
      </c>
    </row>
    <row r="3764" spans="1:6" x14ac:dyDescent="0.2">
      <c r="A3764" s="239">
        <f>'CPT Data'!B3772</f>
        <v>37.479999999999997</v>
      </c>
      <c r="B3764" s="3">
        <f>'CPT Data'!C3772</f>
        <v>37.472999999999999</v>
      </c>
      <c r="C3764" t="str">
        <f>'CPT Data'!P3772</f>
        <v>SAND</v>
      </c>
      <c r="D3764" t="e">
        <f>'CPT Data'!Q3772</f>
        <v>#N/A</v>
      </c>
      <c r="E3764" t="e">
        <f t="shared" si="59"/>
        <v>#N/A</v>
      </c>
      <c r="F3764" t="str">
        <f>IF(C3764="CLAY", INDEX(D$4:D3764, MATCH("CLAY", C$4:C3764, 0)), "")</f>
        <v/>
      </c>
    </row>
    <row r="3765" spans="1:6" x14ac:dyDescent="0.2">
      <c r="A3765" s="239">
        <f>'CPT Data'!B3773</f>
        <v>37.488</v>
      </c>
      <c r="B3765" s="3">
        <f>'CPT Data'!C3773</f>
        <v>37.481000000000002</v>
      </c>
      <c r="C3765" t="str">
        <f>'CPT Data'!P3773</f>
        <v>SAND</v>
      </c>
      <c r="D3765" t="e">
        <f>'CPT Data'!Q3773</f>
        <v>#N/A</v>
      </c>
      <c r="E3765" t="e">
        <f t="shared" si="59"/>
        <v>#N/A</v>
      </c>
      <c r="F3765" t="str">
        <f>IF(C3765="CLAY", INDEX(D$4:D3765, MATCH("CLAY", C$4:C3765, 0)), "")</f>
        <v/>
      </c>
    </row>
    <row r="3766" spans="1:6" x14ac:dyDescent="0.2">
      <c r="A3766" s="239">
        <f>'CPT Data'!B3774</f>
        <v>37.499000000000002</v>
      </c>
      <c r="B3766" s="3">
        <f>'CPT Data'!C3774</f>
        <v>37.492000000000004</v>
      </c>
      <c r="C3766" t="str">
        <f>'CPT Data'!P3774</f>
        <v>SAND</v>
      </c>
      <c r="D3766" t="e">
        <f>'CPT Data'!Q3774</f>
        <v>#N/A</v>
      </c>
      <c r="E3766" t="e">
        <f t="shared" si="59"/>
        <v>#N/A</v>
      </c>
      <c r="F3766" t="str">
        <f>IF(C3766="CLAY", INDEX(D$4:D3766, MATCH("CLAY", C$4:C3766, 0)), "")</f>
        <v/>
      </c>
    </row>
    <row r="3767" spans="1:6" x14ac:dyDescent="0.2">
      <c r="A3767" s="239">
        <f>'CPT Data'!B3775</f>
        <v>37.508000000000003</v>
      </c>
      <c r="B3767" s="3">
        <f>'CPT Data'!C3775</f>
        <v>37.501000000000005</v>
      </c>
      <c r="C3767" t="str">
        <f>'CPT Data'!P3775</f>
        <v>SAND</v>
      </c>
      <c r="D3767" t="e">
        <f>'CPT Data'!Q3775</f>
        <v>#N/A</v>
      </c>
      <c r="E3767" t="e">
        <f t="shared" si="59"/>
        <v>#N/A</v>
      </c>
      <c r="F3767" t="str">
        <f>IF(C3767="CLAY", INDEX(D$4:D3767, MATCH("CLAY", C$4:C3767, 0)), "")</f>
        <v/>
      </c>
    </row>
    <row r="3768" spans="1:6" x14ac:dyDescent="0.2">
      <c r="A3768" s="239">
        <f>'CPT Data'!B3776</f>
        <v>37.518000000000001</v>
      </c>
      <c r="B3768" s="3">
        <f>'CPT Data'!C3776</f>
        <v>37.511000000000003</v>
      </c>
      <c r="C3768" t="str">
        <f>'CPT Data'!P3776</f>
        <v>SAND</v>
      </c>
      <c r="D3768" t="e">
        <f>'CPT Data'!Q3776</f>
        <v>#N/A</v>
      </c>
      <c r="E3768" t="e">
        <f t="shared" si="59"/>
        <v>#N/A</v>
      </c>
      <c r="F3768" t="str">
        <f>IF(C3768="CLAY", INDEX(D$4:D3768, MATCH("CLAY", C$4:C3768, 0)), "")</f>
        <v/>
      </c>
    </row>
    <row r="3769" spans="1:6" x14ac:dyDescent="0.2">
      <c r="A3769" s="239">
        <f>'CPT Data'!B3777</f>
        <v>37.527000000000001</v>
      </c>
      <c r="B3769" s="3">
        <f>'CPT Data'!C3777</f>
        <v>37.520000000000003</v>
      </c>
      <c r="C3769" t="str">
        <f>'CPT Data'!P3777</f>
        <v>SAND</v>
      </c>
      <c r="D3769" t="e">
        <f>'CPT Data'!Q3777</f>
        <v>#N/A</v>
      </c>
      <c r="E3769" t="e">
        <f t="shared" si="59"/>
        <v>#N/A</v>
      </c>
      <c r="F3769" t="str">
        <f>IF(C3769="CLAY", INDEX(D$4:D3769, MATCH("CLAY", C$4:C3769, 0)), "")</f>
        <v/>
      </c>
    </row>
    <row r="3770" spans="1:6" x14ac:dyDescent="0.2">
      <c r="A3770" s="239">
        <f>'CPT Data'!B3778</f>
        <v>37.537999999999997</v>
      </c>
      <c r="B3770" s="3">
        <f>'CPT Data'!C3778</f>
        <v>37.530999999999999</v>
      </c>
      <c r="C3770" t="str">
        <f>'CPT Data'!P3778</f>
        <v>SAND</v>
      </c>
      <c r="D3770" t="e">
        <f>'CPT Data'!Q3778</f>
        <v>#N/A</v>
      </c>
      <c r="E3770" t="e">
        <f t="shared" si="59"/>
        <v>#N/A</v>
      </c>
      <c r="F3770" t="str">
        <f>IF(C3770="CLAY", INDEX(D$4:D3770, MATCH("CLAY", C$4:C3770, 0)), "")</f>
        <v/>
      </c>
    </row>
    <row r="3771" spans="1:6" x14ac:dyDescent="0.2">
      <c r="A3771" s="239">
        <f>'CPT Data'!B3779</f>
        <v>37.548000000000002</v>
      </c>
      <c r="B3771" s="3">
        <f>'CPT Data'!C3779</f>
        <v>37.541000000000004</v>
      </c>
      <c r="C3771" t="str">
        <f>'CPT Data'!P3779</f>
        <v>SAND</v>
      </c>
      <c r="D3771" t="e">
        <f>'CPT Data'!Q3779</f>
        <v>#N/A</v>
      </c>
      <c r="E3771" t="e">
        <f t="shared" si="59"/>
        <v>#N/A</v>
      </c>
      <c r="F3771" t="str">
        <f>IF(C3771="CLAY", INDEX(D$4:D3771, MATCH("CLAY", C$4:C3771, 0)), "")</f>
        <v/>
      </c>
    </row>
    <row r="3772" spans="1:6" x14ac:dyDescent="0.2">
      <c r="A3772" s="239">
        <f>'CPT Data'!B3780</f>
        <v>37.555999999999997</v>
      </c>
      <c r="B3772" s="3">
        <f>'CPT Data'!C3780</f>
        <v>37.548999999999999</v>
      </c>
      <c r="C3772" t="str">
        <f>'CPT Data'!P3780</f>
        <v>SAND</v>
      </c>
      <c r="D3772" t="e">
        <f>'CPT Data'!Q3780</f>
        <v>#N/A</v>
      </c>
      <c r="E3772" t="e">
        <f t="shared" si="59"/>
        <v>#N/A</v>
      </c>
      <c r="F3772" t="str">
        <f>IF(C3772="CLAY", INDEX(D$4:D3772, MATCH("CLAY", C$4:C3772, 0)), "")</f>
        <v/>
      </c>
    </row>
    <row r="3773" spans="1:6" x14ac:dyDescent="0.2">
      <c r="A3773" s="239">
        <f>'CPT Data'!B3781</f>
        <v>37.566000000000003</v>
      </c>
      <c r="B3773" s="3">
        <f>'CPT Data'!C3781</f>
        <v>37.559000000000005</v>
      </c>
      <c r="C3773" t="str">
        <f>'CPT Data'!P3781</f>
        <v>SAND</v>
      </c>
      <c r="D3773" t="e">
        <f>'CPT Data'!Q3781</f>
        <v>#N/A</v>
      </c>
      <c r="E3773" t="e">
        <f t="shared" si="59"/>
        <v>#N/A</v>
      </c>
      <c r="F3773" t="str">
        <f>IF(C3773="CLAY", INDEX(D$4:D3773, MATCH("CLAY", C$4:C3773, 0)), "")</f>
        <v/>
      </c>
    </row>
    <row r="3774" spans="1:6" x14ac:dyDescent="0.2">
      <c r="A3774" s="239">
        <f>'CPT Data'!B3782</f>
        <v>37.576000000000001</v>
      </c>
      <c r="B3774" s="3">
        <f>'CPT Data'!C3782</f>
        <v>37.569000000000003</v>
      </c>
      <c r="C3774" t="str">
        <f>'CPT Data'!P3782</f>
        <v>SAND</v>
      </c>
      <c r="D3774" t="e">
        <f>'CPT Data'!Q3782</f>
        <v>#N/A</v>
      </c>
      <c r="E3774" t="e">
        <f t="shared" si="59"/>
        <v>#N/A</v>
      </c>
      <c r="F3774" t="str">
        <f>IF(C3774="CLAY", INDEX(D$4:D3774, MATCH("CLAY", C$4:C3774, 0)), "")</f>
        <v/>
      </c>
    </row>
    <row r="3775" spans="1:6" x14ac:dyDescent="0.2">
      <c r="A3775" s="239">
        <f>'CPT Data'!B3783</f>
        <v>37.585999999999999</v>
      </c>
      <c r="B3775" s="3">
        <f>'CPT Data'!C3783</f>
        <v>37.579000000000001</v>
      </c>
      <c r="C3775" t="str">
        <f>'CPT Data'!P3783</f>
        <v>SAND</v>
      </c>
      <c r="D3775" t="e">
        <f>'CPT Data'!Q3783</f>
        <v>#N/A</v>
      </c>
      <c r="E3775" t="e">
        <f t="shared" si="59"/>
        <v>#N/A</v>
      </c>
      <c r="F3775" t="str">
        <f>IF(C3775="CLAY", INDEX(D$4:D3775, MATCH("CLAY", C$4:C3775, 0)), "")</f>
        <v/>
      </c>
    </row>
    <row r="3776" spans="1:6" x14ac:dyDescent="0.2">
      <c r="A3776" s="239">
        <f>'CPT Data'!B3784</f>
        <v>37.595999999999997</v>
      </c>
      <c r="B3776" s="3">
        <f>'CPT Data'!C3784</f>
        <v>37.588999999999999</v>
      </c>
      <c r="C3776" t="str">
        <f>'CPT Data'!P3784</f>
        <v>SAND</v>
      </c>
      <c r="D3776" t="e">
        <f>'CPT Data'!Q3784</f>
        <v>#N/A</v>
      </c>
      <c r="E3776" t="e">
        <f t="shared" si="59"/>
        <v>#N/A</v>
      </c>
      <c r="F3776" t="str">
        <f>IF(C3776="CLAY", INDEX(D$4:D3776, MATCH("CLAY", C$4:C3776, 0)), "")</f>
        <v/>
      </c>
    </row>
    <row r="3777" spans="1:6" x14ac:dyDescent="0.2">
      <c r="A3777" s="239">
        <f>'CPT Data'!B3785</f>
        <v>37.606999999999999</v>
      </c>
      <c r="B3777" s="3">
        <f>'CPT Data'!C3785</f>
        <v>37.6</v>
      </c>
      <c r="C3777" t="str">
        <f>'CPT Data'!P3785</f>
        <v>SAND</v>
      </c>
      <c r="D3777" t="e">
        <f>'CPT Data'!Q3785</f>
        <v>#N/A</v>
      </c>
      <c r="E3777" t="e">
        <f t="shared" si="59"/>
        <v>#N/A</v>
      </c>
      <c r="F3777" t="str">
        <f>IF(C3777="CLAY", INDEX(D$4:D3777, MATCH("CLAY", C$4:C3777, 0)), "")</f>
        <v/>
      </c>
    </row>
    <row r="3778" spans="1:6" x14ac:dyDescent="0.2">
      <c r="A3778" s="239">
        <f>'CPT Data'!B3786</f>
        <v>37.616</v>
      </c>
      <c r="B3778" s="3">
        <f>'CPT Data'!C3786</f>
        <v>37.609000000000002</v>
      </c>
      <c r="C3778" t="str">
        <f>'CPT Data'!P3786</f>
        <v>SAND</v>
      </c>
      <c r="D3778" t="e">
        <f>'CPT Data'!Q3786</f>
        <v>#N/A</v>
      </c>
      <c r="E3778" t="e">
        <f t="shared" si="59"/>
        <v>#N/A</v>
      </c>
      <c r="F3778" t="str">
        <f>IF(C3778="CLAY", INDEX(D$4:D3778, MATCH("CLAY", C$4:C3778, 0)), "")</f>
        <v/>
      </c>
    </row>
    <row r="3779" spans="1:6" x14ac:dyDescent="0.2">
      <c r="A3779" s="239">
        <f>'CPT Data'!B3787</f>
        <v>37.625999999999998</v>
      </c>
      <c r="B3779" s="3">
        <f>'CPT Data'!C3787</f>
        <v>37.619</v>
      </c>
      <c r="C3779" t="str">
        <f>'CPT Data'!P3787</f>
        <v>CLAY</v>
      </c>
      <c r="D3779">
        <f>'CPT Data'!Q3787</f>
        <v>503.24050928573956</v>
      </c>
      <c r="E3779">
        <f t="shared" si="59"/>
        <v>503.24050928573956</v>
      </c>
      <c r="F3779">
        <f>IF(C3779="CLAY", INDEX(D$4:D3779, MATCH("CLAY", C$4:C3779, 0)), "")</f>
        <v>0.75203252561341039</v>
      </c>
    </row>
    <row r="3780" spans="1:6" x14ac:dyDescent="0.2">
      <c r="A3780" s="239">
        <f>'CPT Data'!B3788</f>
        <v>37.634999999999998</v>
      </c>
      <c r="B3780" s="3">
        <f>'CPT Data'!C3788</f>
        <v>37.628</v>
      </c>
      <c r="C3780" t="str">
        <f>'CPT Data'!P3788</f>
        <v>CLAY</v>
      </c>
      <c r="D3780">
        <f>'CPT Data'!Q3788</f>
        <v>468.46021923932705</v>
      </c>
      <c r="E3780">
        <f t="shared" si="59"/>
        <v>503.24050928573956</v>
      </c>
      <c r="F3780">
        <f>IF(C3780="CLAY", INDEX(D$4:D3780, MATCH("CLAY", C$4:C3780, 0)), "")</f>
        <v>0.75203252561341039</v>
      </c>
    </row>
    <row r="3781" spans="1:6" x14ac:dyDescent="0.2">
      <c r="A3781" s="239">
        <f>'CPT Data'!B3789</f>
        <v>37.646000000000001</v>
      </c>
      <c r="B3781" s="3">
        <f>'CPT Data'!C3789</f>
        <v>37.639000000000003</v>
      </c>
      <c r="C3781" t="str">
        <f>'CPT Data'!P3789</f>
        <v>CLAY</v>
      </c>
      <c r="D3781">
        <f>'CPT Data'!Q3789</f>
        <v>440.59602343515076</v>
      </c>
      <c r="E3781">
        <f t="shared" si="59"/>
        <v>468.46021923932705</v>
      </c>
      <c r="F3781">
        <f>IF(C3781="CLAY", INDEX(D$4:D3781, MATCH("CLAY", C$4:C3781, 0)), "")</f>
        <v>0.75203252561341039</v>
      </c>
    </row>
    <row r="3782" spans="1:6" x14ac:dyDescent="0.2">
      <c r="A3782" s="239">
        <f>'CPT Data'!B3790</f>
        <v>37.655000000000001</v>
      </c>
      <c r="B3782" s="3">
        <f>'CPT Data'!C3790</f>
        <v>37.648000000000003</v>
      </c>
      <c r="C3782" t="str">
        <f>'CPT Data'!P3790</f>
        <v>CLAY</v>
      </c>
      <c r="D3782">
        <f>'CPT Data'!Q3790</f>
        <v>417.22585219101933</v>
      </c>
      <c r="E3782">
        <f t="shared" si="59"/>
        <v>440.59602343515076</v>
      </c>
      <c r="F3782">
        <f>IF(C3782="CLAY", INDEX(D$4:D3782, MATCH("CLAY", C$4:C3782, 0)), "")</f>
        <v>0.75203252561341039</v>
      </c>
    </row>
    <row r="3783" spans="1:6" x14ac:dyDescent="0.2">
      <c r="A3783" s="239">
        <f>'CPT Data'!B3791</f>
        <v>37.664000000000001</v>
      </c>
      <c r="B3783" s="3">
        <f>'CPT Data'!C3791</f>
        <v>37.657000000000004</v>
      </c>
      <c r="C3783" t="str">
        <f>'CPT Data'!P3791</f>
        <v>CLAY</v>
      </c>
      <c r="D3783">
        <f>'CPT Data'!Q3791</f>
        <v>406.55589062680809</v>
      </c>
      <c r="E3783">
        <f t="shared" si="59"/>
        <v>417.22585219101933</v>
      </c>
      <c r="F3783">
        <f>IF(C3783="CLAY", INDEX(D$4:D3783, MATCH("CLAY", C$4:C3783, 0)), "")</f>
        <v>0.75203252561341039</v>
      </c>
    </row>
    <row r="3784" spans="1:6" x14ac:dyDescent="0.2">
      <c r="A3784" s="239">
        <f>'CPT Data'!B3792</f>
        <v>37.673999999999999</v>
      </c>
      <c r="B3784" s="3">
        <f>'CPT Data'!C3792</f>
        <v>37.667000000000002</v>
      </c>
      <c r="C3784" t="str">
        <f>'CPT Data'!P3792</f>
        <v>CLAY</v>
      </c>
      <c r="D3784">
        <f>'CPT Data'!Q3792</f>
        <v>435.88029944123019</v>
      </c>
      <c r="E3784">
        <f t="shared" si="59"/>
        <v>406.55589062680809</v>
      </c>
      <c r="F3784">
        <f>IF(C3784="CLAY", INDEX(D$4:D3784, MATCH("CLAY", C$4:C3784, 0)), "")</f>
        <v>0.75203252561341039</v>
      </c>
    </row>
    <row r="3785" spans="1:6" x14ac:dyDescent="0.2">
      <c r="A3785" s="239">
        <f>'CPT Data'!B3793</f>
        <v>37.685000000000002</v>
      </c>
      <c r="B3785" s="3">
        <f>'CPT Data'!C3793</f>
        <v>37.678000000000004</v>
      </c>
      <c r="C3785" t="str">
        <f>'CPT Data'!P3793</f>
        <v>CLAY</v>
      </c>
      <c r="D3785">
        <f>'CPT Data'!Q3793</f>
        <v>472.50931640264008</v>
      </c>
      <c r="E3785">
        <f t="shared" si="59"/>
        <v>435.88029944123019</v>
      </c>
      <c r="F3785">
        <f>IF(C3785="CLAY", INDEX(D$4:D3785, MATCH("CLAY", C$4:C3785, 0)), "")</f>
        <v>0.75203252561341039</v>
      </c>
    </row>
    <row r="3786" spans="1:6" x14ac:dyDescent="0.2">
      <c r="A3786" s="239">
        <f>'CPT Data'!B3794</f>
        <v>37.694000000000003</v>
      </c>
      <c r="B3786" s="3">
        <f>'CPT Data'!C3794</f>
        <v>37.687000000000005</v>
      </c>
      <c r="C3786" t="str">
        <f>'CPT Data'!P3794</f>
        <v>CLAY</v>
      </c>
      <c r="D3786">
        <f>'CPT Data'!Q3794</f>
        <v>485.17424024788033</v>
      </c>
      <c r="E3786">
        <f t="shared" si="59"/>
        <v>472.50931640264008</v>
      </c>
      <c r="F3786">
        <f>IF(C3786="CLAY", INDEX(D$4:D3786, MATCH("CLAY", C$4:C3786, 0)), "")</f>
        <v>0.75203252561341039</v>
      </c>
    </row>
    <row r="3787" spans="1:6" x14ac:dyDescent="0.2">
      <c r="A3787" s="239">
        <f>'CPT Data'!B3795</f>
        <v>37.704999999999998</v>
      </c>
      <c r="B3787" s="3">
        <f>'CPT Data'!C3795</f>
        <v>37.698</v>
      </c>
      <c r="C3787" t="str">
        <f>'CPT Data'!P3795</f>
        <v>CLAY</v>
      </c>
      <c r="D3787">
        <f>'CPT Data'!Q3795</f>
        <v>486.74694116626171</v>
      </c>
      <c r="E3787">
        <f t="shared" si="59"/>
        <v>485.17424024788033</v>
      </c>
      <c r="F3787">
        <f>IF(C3787="CLAY", INDEX(D$4:D3787, MATCH("CLAY", C$4:C3787, 0)), "")</f>
        <v>0.75203252561341039</v>
      </c>
    </row>
    <row r="3788" spans="1:6" x14ac:dyDescent="0.2">
      <c r="A3788" s="239">
        <f>'CPT Data'!B3796</f>
        <v>37.713999999999999</v>
      </c>
      <c r="B3788" s="3">
        <f>'CPT Data'!C3796</f>
        <v>37.707000000000001</v>
      </c>
      <c r="C3788" t="str">
        <f>'CPT Data'!P3796</f>
        <v>CLAY</v>
      </c>
      <c r="D3788">
        <f>'CPT Data'!Q3796</f>
        <v>488.67483604338776</v>
      </c>
      <c r="E3788">
        <f t="shared" si="59"/>
        <v>486.74694116626171</v>
      </c>
      <c r="F3788">
        <f>IF(C3788="CLAY", INDEX(D$4:D3788, MATCH("CLAY", C$4:C3788, 0)), "")</f>
        <v>0.75203252561341039</v>
      </c>
    </row>
    <row r="3789" spans="1:6" x14ac:dyDescent="0.2">
      <c r="A3789" s="239">
        <f>'CPT Data'!B3797</f>
        <v>37.722999999999999</v>
      </c>
      <c r="B3789" s="3">
        <f>'CPT Data'!C3797</f>
        <v>37.716000000000001</v>
      </c>
      <c r="C3789" t="str">
        <f>'CPT Data'!P3797</f>
        <v>CLAY</v>
      </c>
      <c r="D3789">
        <f>'CPT Data'!Q3797</f>
        <v>481.31844779438035</v>
      </c>
      <c r="E3789">
        <f t="shared" si="59"/>
        <v>488.67483604338776</v>
      </c>
      <c r="F3789">
        <f>IF(C3789="CLAY", INDEX(D$4:D3789, MATCH("CLAY", C$4:C3789, 0)), "")</f>
        <v>0.75203252561341039</v>
      </c>
    </row>
    <row r="3790" spans="1:6" x14ac:dyDescent="0.2">
      <c r="A3790" s="239">
        <f>'CPT Data'!B3798</f>
        <v>37.734000000000002</v>
      </c>
      <c r="B3790" s="3">
        <f>'CPT Data'!C3798</f>
        <v>37.727000000000004</v>
      </c>
      <c r="C3790" t="str">
        <f>'CPT Data'!P3798</f>
        <v>CLAY</v>
      </c>
      <c r="D3790">
        <f>'CPT Data'!Q3798</f>
        <v>476.92039247763506</v>
      </c>
      <c r="E3790">
        <f t="shared" si="59"/>
        <v>481.31844779438035</v>
      </c>
      <c r="F3790">
        <f>IF(C3790="CLAY", INDEX(D$4:D3790, MATCH("CLAY", C$4:C3790, 0)), "")</f>
        <v>0.75203252561341039</v>
      </c>
    </row>
    <row r="3791" spans="1:6" x14ac:dyDescent="0.2">
      <c r="A3791" s="239">
        <f>'CPT Data'!B3799</f>
        <v>37.743000000000002</v>
      </c>
      <c r="B3791" s="3">
        <f>'CPT Data'!C3799</f>
        <v>37.736000000000004</v>
      </c>
      <c r="C3791" t="str">
        <f>'CPT Data'!P3799</f>
        <v>CLAY</v>
      </c>
      <c r="D3791">
        <f>'CPT Data'!Q3799</f>
        <v>452.86829805157862</v>
      </c>
      <c r="E3791">
        <f t="shared" si="59"/>
        <v>476.92039247763506</v>
      </c>
      <c r="F3791">
        <f>IF(C3791="CLAY", INDEX(D$4:D3791, MATCH("CLAY", C$4:C3791, 0)), "")</f>
        <v>0.75203252561341039</v>
      </c>
    </row>
    <row r="3792" spans="1:6" x14ac:dyDescent="0.2">
      <c r="A3792" s="239">
        <f>'CPT Data'!B3800</f>
        <v>37.753999999999998</v>
      </c>
      <c r="B3792" s="3">
        <f>'CPT Data'!C3800</f>
        <v>37.747</v>
      </c>
      <c r="C3792" t="str">
        <f>'CPT Data'!P3800</f>
        <v>CLAY</v>
      </c>
      <c r="D3792">
        <f>'CPT Data'!Q3800</f>
        <v>447.23227066036947</v>
      </c>
      <c r="E3792">
        <f t="shared" si="59"/>
        <v>452.86829805157862</v>
      </c>
      <c r="F3792">
        <f>IF(C3792="CLAY", INDEX(D$4:D3792, MATCH("CLAY", C$4:C3792, 0)), "")</f>
        <v>0.75203252561341039</v>
      </c>
    </row>
    <row r="3793" spans="1:6" x14ac:dyDescent="0.2">
      <c r="A3793" s="239">
        <f>'CPT Data'!B3801</f>
        <v>37.762999999999998</v>
      </c>
      <c r="B3793" s="3">
        <f>'CPT Data'!C3801</f>
        <v>37.756</v>
      </c>
      <c r="C3793" t="str">
        <f>'CPT Data'!P3801</f>
        <v>CLAY</v>
      </c>
      <c r="D3793">
        <f>'CPT Data'!Q3801</f>
        <v>457.68497247579245</v>
      </c>
      <c r="E3793">
        <f t="shared" si="59"/>
        <v>447.23227066036947</v>
      </c>
      <c r="F3793">
        <f>IF(C3793="CLAY", INDEX(D$4:D3793, MATCH("CLAY", C$4:C3793, 0)), "")</f>
        <v>0.75203252561341039</v>
      </c>
    </row>
    <row r="3794" spans="1:6" x14ac:dyDescent="0.2">
      <c r="A3794" s="239">
        <f>'CPT Data'!B3802</f>
        <v>37.771999999999998</v>
      </c>
      <c r="B3794" s="3">
        <f>'CPT Data'!C3802</f>
        <v>37.765000000000001</v>
      </c>
      <c r="C3794" t="str">
        <f>'CPT Data'!P3802</f>
        <v>CLAY</v>
      </c>
      <c r="D3794">
        <f>'CPT Data'!Q3802</f>
        <v>463.36679242767264</v>
      </c>
      <c r="E3794">
        <f t="shared" si="59"/>
        <v>457.68497247579245</v>
      </c>
      <c r="F3794">
        <f>IF(C3794="CLAY", INDEX(D$4:D3794, MATCH("CLAY", C$4:C3794, 0)), "")</f>
        <v>0.75203252561341039</v>
      </c>
    </row>
    <row r="3795" spans="1:6" x14ac:dyDescent="0.2">
      <c r="A3795" s="239">
        <f>'CPT Data'!B3803</f>
        <v>37.783000000000001</v>
      </c>
      <c r="B3795" s="3">
        <f>'CPT Data'!C3803</f>
        <v>37.776000000000003</v>
      </c>
      <c r="C3795" t="str">
        <f>'CPT Data'!P3803</f>
        <v>CLAY</v>
      </c>
      <c r="D3795">
        <f>'CPT Data'!Q3803</f>
        <v>448.92432749270989</v>
      </c>
      <c r="E3795">
        <f t="shared" si="59"/>
        <v>463.36679242767264</v>
      </c>
      <c r="F3795">
        <f>IF(C3795="CLAY", INDEX(D$4:D3795, MATCH("CLAY", C$4:C3795, 0)), "")</f>
        <v>0.75203252561341039</v>
      </c>
    </row>
    <row r="3796" spans="1:6" x14ac:dyDescent="0.2">
      <c r="A3796" s="239">
        <f>'CPT Data'!B3804</f>
        <v>37.792000000000002</v>
      </c>
      <c r="B3796" s="3">
        <f>'CPT Data'!C3804</f>
        <v>37.785000000000004</v>
      </c>
      <c r="C3796" t="str">
        <f>'CPT Data'!P3804</f>
        <v>CLAY</v>
      </c>
      <c r="D3796">
        <f>'CPT Data'!Q3804</f>
        <v>425.88573029005505</v>
      </c>
      <c r="E3796">
        <f t="shared" si="59"/>
        <v>448.92432749270989</v>
      </c>
      <c r="F3796">
        <f>IF(C3796="CLAY", INDEX(D$4:D3796, MATCH("CLAY", C$4:C3796, 0)), "")</f>
        <v>0.75203252561341039</v>
      </c>
    </row>
    <row r="3797" spans="1:6" x14ac:dyDescent="0.2">
      <c r="A3797" s="239">
        <f>'CPT Data'!B3805</f>
        <v>37.802999999999997</v>
      </c>
      <c r="B3797" s="3">
        <f>'CPT Data'!C3805</f>
        <v>37.795999999999999</v>
      </c>
      <c r="C3797" t="str">
        <f>'CPT Data'!P3805</f>
        <v>CLAY</v>
      </c>
      <c r="D3797">
        <f>'CPT Data'!Q3805</f>
        <v>414.97356873235117</v>
      </c>
      <c r="E3797">
        <f t="shared" si="59"/>
        <v>425.88573029005505</v>
      </c>
      <c r="F3797">
        <f>IF(C3797="CLAY", INDEX(D$4:D3797, MATCH("CLAY", C$4:C3797, 0)), "")</f>
        <v>0.75203252561341039</v>
      </c>
    </row>
    <row r="3798" spans="1:6" x14ac:dyDescent="0.2">
      <c r="A3798" s="239">
        <f>'CPT Data'!B3806</f>
        <v>37.811999999999998</v>
      </c>
      <c r="B3798" s="3">
        <f>'CPT Data'!C3806</f>
        <v>37.805</v>
      </c>
      <c r="C3798" t="str">
        <f>'CPT Data'!P3806</f>
        <v>CLAY</v>
      </c>
      <c r="D3798">
        <f>'CPT Data'!Q3806</f>
        <v>417.67337328785442</v>
      </c>
      <c r="E3798">
        <f t="shared" si="59"/>
        <v>414.97356873235117</v>
      </c>
      <c r="F3798">
        <f>IF(C3798="CLAY", INDEX(D$4:D3798, MATCH("CLAY", C$4:C3798, 0)), "")</f>
        <v>0.75203252561341039</v>
      </c>
    </row>
    <row r="3799" spans="1:6" x14ac:dyDescent="0.2">
      <c r="A3799" s="239">
        <f>'CPT Data'!B3807</f>
        <v>37.823</v>
      </c>
      <c r="B3799" s="3">
        <f>'CPT Data'!C3807</f>
        <v>37.816000000000003</v>
      </c>
      <c r="C3799" t="str">
        <f>'CPT Data'!P3807</f>
        <v>CLAY</v>
      </c>
      <c r="D3799">
        <f>'CPT Data'!Q3807</f>
        <v>391.30025648063594</v>
      </c>
      <c r="E3799">
        <f t="shared" si="59"/>
        <v>417.67337328785442</v>
      </c>
      <c r="F3799">
        <f>IF(C3799="CLAY", INDEX(D$4:D3799, MATCH("CLAY", C$4:C3799, 0)), "")</f>
        <v>0.75203252561341039</v>
      </c>
    </row>
    <row r="3800" spans="1:6" x14ac:dyDescent="0.2">
      <c r="A3800" s="239">
        <f>'CPT Data'!B3808</f>
        <v>37.832000000000001</v>
      </c>
      <c r="B3800" s="3">
        <f>'CPT Data'!C3808</f>
        <v>37.825000000000003</v>
      </c>
      <c r="C3800" t="str">
        <f>'CPT Data'!P3808</f>
        <v>CLAY</v>
      </c>
      <c r="D3800">
        <f>'CPT Data'!Q3808</f>
        <v>394.00109046490911</v>
      </c>
      <c r="E3800">
        <f t="shared" si="59"/>
        <v>391.30025648063594</v>
      </c>
      <c r="F3800">
        <f>IF(C3800="CLAY", INDEX(D$4:D3800, MATCH("CLAY", C$4:C3800, 0)), "")</f>
        <v>0.75203252561341039</v>
      </c>
    </row>
    <row r="3801" spans="1:6" x14ac:dyDescent="0.2">
      <c r="A3801" s="239">
        <f>'CPT Data'!B3809</f>
        <v>37.841999999999999</v>
      </c>
      <c r="B3801" s="3">
        <f>'CPT Data'!C3809</f>
        <v>37.835000000000001</v>
      </c>
      <c r="C3801" t="str">
        <f>'CPT Data'!P3809</f>
        <v>CLAY</v>
      </c>
      <c r="D3801">
        <f>'CPT Data'!Q3809</f>
        <v>399.1552050343077</v>
      </c>
      <c r="E3801">
        <f t="shared" si="59"/>
        <v>394.00109046490911</v>
      </c>
      <c r="F3801">
        <f>IF(C3801="CLAY", INDEX(D$4:D3801, MATCH("CLAY", C$4:C3801, 0)), "")</f>
        <v>0.75203252561341039</v>
      </c>
    </row>
    <row r="3802" spans="1:6" x14ac:dyDescent="0.2">
      <c r="A3802" s="239">
        <f>'CPT Data'!B3810</f>
        <v>37.850999999999999</v>
      </c>
      <c r="B3802" s="3">
        <f>'CPT Data'!C3810</f>
        <v>37.844000000000001</v>
      </c>
      <c r="C3802" t="str">
        <f>'CPT Data'!P3810</f>
        <v>CLAY</v>
      </c>
      <c r="D3802">
        <f>'CPT Data'!Q3810</f>
        <v>414.76248769710611</v>
      </c>
      <c r="E3802">
        <f t="shared" si="59"/>
        <v>399.1552050343077</v>
      </c>
      <c r="F3802">
        <f>IF(C3802="CLAY", INDEX(D$4:D3802, MATCH("CLAY", C$4:C3802, 0)), "")</f>
        <v>0.75203252561341039</v>
      </c>
    </row>
    <row r="3803" spans="1:6" x14ac:dyDescent="0.2">
      <c r="A3803" s="239">
        <f>'CPT Data'!B3811</f>
        <v>37.862000000000002</v>
      </c>
      <c r="B3803" s="3">
        <f>'CPT Data'!C3811</f>
        <v>37.855000000000004</v>
      </c>
      <c r="C3803" t="str">
        <f>'CPT Data'!P3811</f>
        <v>CLAY</v>
      </c>
      <c r="D3803">
        <f>'CPT Data'!Q3811</f>
        <v>422.89356013440852</v>
      </c>
      <c r="E3803">
        <f t="shared" ref="E3803:E3866" si="60">IF(C3803="SAND",#N/A,IF(C3803=C3802,D3802,IF(C3803="CLAY",D3803,#N/A)))</f>
        <v>414.76248769710611</v>
      </c>
      <c r="F3803">
        <f>IF(C3803="CLAY", INDEX(D$4:D3803, MATCH("CLAY", C$4:C3803, 0)), "")</f>
        <v>0.75203252561341039</v>
      </c>
    </row>
    <row r="3804" spans="1:6" x14ac:dyDescent="0.2">
      <c r="A3804" s="239">
        <f>'CPT Data'!B3812</f>
        <v>37.871000000000002</v>
      </c>
      <c r="B3804" s="3">
        <f>'CPT Data'!C3812</f>
        <v>37.864000000000004</v>
      </c>
      <c r="C3804" t="str">
        <f>'CPT Data'!P3812</f>
        <v>CLAY</v>
      </c>
      <c r="D3804">
        <f>'CPT Data'!Q3812</f>
        <v>416.84819447403373</v>
      </c>
      <c r="E3804">
        <f t="shared" si="60"/>
        <v>422.89356013440852</v>
      </c>
      <c r="F3804">
        <f>IF(C3804="CLAY", INDEX(D$4:D3804, MATCH("CLAY", C$4:C3804, 0)), "")</f>
        <v>0.75203252561341039</v>
      </c>
    </row>
    <row r="3805" spans="1:6" x14ac:dyDescent="0.2">
      <c r="A3805" s="239">
        <f>'CPT Data'!B3813</f>
        <v>37.880000000000003</v>
      </c>
      <c r="B3805" s="3">
        <f>'CPT Data'!C3813</f>
        <v>37.873000000000005</v>
      </c>
      <c r="C3805" t="str">
        <f>'CPT Data'!P3813</f>
        <v>CLAY</v>
      </c>
      <c r="D3805">
        <f>'CPT Data'!Q3813</f>
        <v>422.27158686651319</v>
      </c>
      <c r="E3805">
        <f t="shared" si="60"/>
        <v>416.84819447403373</v>
      </c>
      <c r="F3805">
        <f>IF(C3805="CLAY", INDEX(D$4:D3805, MATCH("CLAY", C$4:C3805, 0)), "")</f>
        <v>0.75203252561341039</v>
      </c>
    </row>
    <row r="3806" spans="1:6" x14ac:dyDescent="0.2">
      <c r="A3806" s="239">
        <f>'CPT Data'!B3814</f>
        <v>37.890999999999998</v>
      </c>
      <c r="B3806" s="3">
        <f>'CPT Data'!C3814</f>
        <v>37.884</v>
      </c>
      <c r="C3806" t="str">
        <f>'CPT Data'!P3814</f>
        <v>CLAY</v>
      </c>
      <c r="D3806">
        <f>'CPT Data'!Q3814</f>
        <v>419.1922226299244</v>
      </c>
      <c r="E3806">
        <f t="shared" si="60"/>
        <v>422.27158686651319</v>
      </c>
      <c r="F3806">
        <f>IF(C3806="CLAY", INDEX(D$4:D3806, MATCH("CLAY", C$4:C3806, 0)), "")</f>
        <v>0.75203252561341039</v>
      </c>
    </row>
    <row r="3807" spans="1:6" x14ac:dyDescent="0.2">
      <c r="A3807" s="239">
        <f>'CPT Data'!B3815</f>
        <v>37.9</v>
      </c>
      <c r="B3807" s="3">
        <f>'CPT Data'!C3815</f>
        <v>37.893000000000001</v>
      </c>
      <c r="C3807" t="str">
        <f>'CPT Data'!P3815</f>
        <v>CLAY</v>
      </c>
      <c r="D3807">
        <f>'CPT Data'!Q3815</f>
        <v>421.99063060973691</v>
      </c>
      <c r="E3807">
        <f t="shared" si="60"/>
        <v>419.1922226299244</v>
      </c>
      <c r="F3807">
        <f>IF(C3807="CLAY", INDEX(D$4:D3807, MATCH("CLAY", C$4:C3807, 0)), "")</f>
        <v>0.75203252561341039</v>
      </c>
    </row>
    <row r="3808" spans="1:6" x14ac:dyDescent="0.2">
      <c r="A3808" s="239">
        <f>'CPT Data'!B3816</f>
        <v>37.909999999999997</v>
      </c>
      <c r="B3808" s="3">
        <f>'CPT Data'!C3816</f>
        <v>37.902999999999999</v>
      </c>
      <c r="C3808" t="str">
        <f>'CPT Data'!P3816</f>
        <v>CLAY</v>
      </c>
      <c r="D3808">
        <f>'CPT Data'!Q3816</f>
        <v>429.80024413680638</v>
      </c>
      <c r="E3808">
        <f t="shared" si="60"/>
        <v>421.99063060973691</v>
      </c>
      <c r="F3808">
        <f>IF(C3808="CLAY", INDEX(D$4:D3808, MATCH("CLAY", C$4:C3808, 0)), "")</f>
        <v>0.75203252561341039</v>
      </c>
    </row>
    <row r="3809" spans="1:6" x14ac:dyDescent="0.2">
      <c r="A3809" s="239">
        <f>'CPT Data'!B3817</f>
        <v>37.918999999999997</v>
      </c>
      <c r="B3809" s="3">
        <f>'CPT Data'!C3817</f>
        <v>37.911999999999999</v>
      </c>
      <c r="C3809" t="str">
        <f>'CPT Data'!P3817</f>
        <v>CLAY</v>
      </c>
      <c r="D3809">
        <f>'CPT Data'!Q3817</f>
        <v>437.94329494343475</v>
      </c>
      <c r="E3809">
        <f t="shared" si="60"/>
        <v>429.80024413680638</v>
      </c>
      <c r="F3809">
        <f>IF(C3809="CLAY", INDEX(D$4:D3809, MATCH("CLAY", C$4:C3809, 0)), "")</f>
        <v>0.75203252561341039</v>
      </c>
    </row>
    <row r="3810" spans="1:6" x14ac:dyDescent="0.2">
      <c r="A3810" s="239">
        <f>'CPT Data'!B3818</f>
        <v>37.929000000000002</v>
      </c>
      <c r="B3810" s="3">
        <f>'CPT Data'!C3818</f>
        <v>37.922000000000004</v>
      </c>
      <c r="C3810" t="str">
        <f>'CPT Data'!P3818</f>
        <v>CLAY</v>
      </c>
      <c r="D3810">
        <f>'CPT Data'!Q3818</f>
        <v>436.28022427401129</v>
      </c>
      <c r="E3810">
        <f t="shared" si="60"/>
        <v>437.94329494343475</v>
      </c>
      <c r="F3810">
        <f>IF(C3810="CLAY", INDEX(D$4:D3810, MATCH("CLAY", C$4:C3810, 0)), "")</f>
        <v>0.75203252561341039</v>
      </c>
    </row>
    <row r="3811" spans="1:6" x14ac:dyDescent="0.2">
      <c r="A3811" s="239">
        <f>'CPT Data'!B3819</f>
        <v>37.939</v>
      </c>
      <c r="B3811" s="3">
        <f>'CPT Data'!C3819</f>
        <v>37.932000000000002</v>
      </c>
      <c r="C3811" t="str">
        <f>'CPT Data'!P3819</f>
        <v>CLAY</v>
      </c>
      <c r="D3811">
        <f>'CPT Data'!Q3819</f>
        <v>426.92344595422833</v>
      </c>
      <c r="E3811">
        <f t="shared" si="60"/>
        <v>436.28022427401129</v>
      </c>
      <c r="F3811">
        <f>IF(C3811="CLAY", INDEX(D$4:D3811, MATCH("CLAY", C$4:C3811, 0)), "")</f>
        <v>0.75203252561341039</v>
      </c>
    </row>
    <row r="3812" spans="1:6" x14ac:dyDescent="0.2">
      <c r="A3812" s="239">
        <f>'CPT Data'!B3820</f>
        <v>37.948</v>
      </c>
      <c r="B3812" s="3">
        <f>'CPT Data'!C3820</f>
        <v>37.941000000000003</v>
      </c>
      <c r="C3812" t="str">
        <f>'CPT Data'!P3820</f>
        <v>CLAY</v>
      </c>
      <c r="D3812">
        <f>'CPT Data'!Q3820</f>
        <v>434.29555099198723</v>
      </c>
      <c r="E3812">
        <f t="shared" si="60"/>
        <v>426.92344595422833</v>
      </c>
      <c r="F3812">
        <f>IF(C3812="CLAY", INDEX(D$4:D3812, MATCH("CLAY", C$4:C3812, 0)), "")</f>
        <v>0.75203252561341039</v>
      </c>
    </row>
    <row r="3813" spans="1:6" x14ac:dyDescent="0.2">
      <c r="A3813" s="239">
        <f>'CPT Data'!B3821</f>
        <v>37.959000000000003</v>
      </c>
      <c r="B3813" s="3">
        <f>'CPT Data'!C3821</f>
        <v>37.952000000000005</v>
      </c>
      <c r="C3813" t="str">
        <f>'CPT Data'!P3821</f>
        <v>CLAY</v>
      </c>
      <c r="D3813">
        <f>'CPT Data'!Q3821</f>
        <v>441.61856229208689</v>
      </c>
      <c r="E3813">
        <f t="shared" si="60"/>
        <v>434.29555099198723</v>
      </c>
      <c r="F3813">
        <f>IF(C3813="CLAY", INDEX(D$4:D3813, MATCH("CLAY", C$4:C3813, 0)), "")</f>
        <v>0.75203252561341039</v>
      </c>
    </row>
    <row r="3814" spans="1:6" x14ac:dyDescent="0.2">
      <c r="A3814" s="239">
        <f>'CPT Data'!B3822</f>
        <v>37.968000000000004</v>
      </c>
      <c r="B3814" s="3">
        <f>'CPT Data'!C3822</f>
        <v>37.961000000000006</v>
      </c>
      <c r="C3814" t="str">
        <f>'CPT Data'!P3822</f>
        <v>CLAY</v>
      </c>
      <c r="D3814">
        <f>'CPT Data'!Q3822</f>
        <v>460.1239418988489</v>
      </c>
      <c r="E3814">
        <f t="shared" si="60"/>
        <v>441.61856229208689</v>
      </c>
      <c r="F3814">
        <f>IF(C3814="CLAY", INDEX(D$4:D3814, MATCH("CLAY", C$4:C3814, 0)), "")</f>
        <v>0.75203252561341039</v>
      </c>
    </row>
    <row r="3815" spans="1:6" x14ac:dyDescent="0.2">
      <c r="A3815" s="239">
        <f>'CPT Data'!B3823</f>
        <v>37.978999999999999</v>
      </c>
      <c r="B3815" s="3">
        <f>'CPT Data'!C3823</f>
        <v>37.972000000000001</v>
      </c>
      <c r="C3815" t="str">
        <f>'CPT Data'!P3823</f>
        <v>CLAY</v>
      </c>
      <c r="D3815">
        <f>'CPT Data'!Q3823</f>
        <v>482.66116242338899</v>
      </c>
      <c r="E3815">
        <f t="shared" si="60"/>
        <v>460.1239418988489</v>
      </c>
      <c r="F3815">
        <f>IF(C3815="CLAY", INDEX(D$4:D3815, MATCH("CLAY", C$4:C3815, 0)), "")</f>
        <v>0.75203252561341039</v>
      </c>
    </row>
    <row r="3816" spans="1:6" x14ac:dyDescent="0.2">
      <c r="A3816" s="239">
        <f>'CPT Data'!B3824</f>
        <v>37.988</v>
      </c>
      <c r="B3816" s="3">
        <f>'CPT Data'!C3824</f>
        <v>37.981000000000002</v>
      </c>
      <c r="C3816" t="str">
        <f>'CPT Data'!P3824</f>
        <v>CLAY</v>
      </c>
      <c r="D3816">
        <f>'CPT Data'!Q3824</f>
        <v>499.68780469092934</v>
      </c>
      <c r="E3816">
        <f t="shared" si="60"/>
        <v>482.66116242338899</v>
      </c>
      <c r="F3816">
        <f>IF(C3816="CLAY", INDEX(D$4:D3816, MATCH("CLAY", C$4:C3816, 0)), "")</f>
        <v>0.75203252561341039</v>
      </c>
    </row>
    <row r="3817" spans="1:6" x14ac:dyDescent="0.2">
      <c r="A3817" s="239">
        <f>'CPT Data'!B3825</f>
        <v>37.997</v>
      </c>
      <c r="B3817" s="3">
        <f>'CPT Data'!C3825</f>
        <v>37.99</v>
      </c>
      <c r="C3817" t="str">
        <f>'CPT Data'!P3825</f>
        <v>CLAY</v>
      </c>
      <c r="D3817">
        <f>'CPT Data'!Q3825</f>
        <v>516.79607663558011</v>
      </c>
      <c r="E3817">
        <f t="shared" si="60"/>
        <v>499.68780469092934</v>
      </c>
      <c r="F3817">
        <f>IF(C3817="CLAY", INDEX(D$4:D3817, MATCH("CLAY", C$4:C3817, 0)), "")</f>
        <v>0.75203252561341039</v>
      </c>
    </row>
    <row r="3818" spans="1:6" x14ac:dyDescent="0.2">
      <c r="A3818" s="239">
        <f>'CPT Data'!B3826</f>
        <v>38.008000000000003</v>
      </c>
      <c r="B3818" s="3">
        <f>'CPT Data'!C3826</f>
        <v>38.001000000000005</v>
      </c>
      <c r="C3818" t="str">
        <f>'CPT Data'!P3826</f>
        <v>CLAY</v>
      </c>
      <c r="D3818">
        <f>'CPT Data'!Q3826</f>
        <v>545.7751058921807</v>
      </c>
      <c r="E3818">
        <f t="shared" si="60"/>
        <v>516.79607663558011</v>
      </c>
      <c r="F3818">
        <f>IF(C3818="CLAY", INDEX(D$4:D3818, MATCH("CLAY", C$4:C3818, 0)), "")</f>
        <v>0.75203252561341039</v>
      </c>
    </row>
    <row r="3819" spans="1:6" x14ac:dyDescent="0.2">
      <c r="A3819" s="239">
        <f>'CPT Data'!B3827</f>
        <v>38.017000000000003</v>
      </c>
      <c r="B3819" s="3">
        <f>'CPT Data'!C3827</f>
        <v>38.010000000000005</v>
      </c>
      <c r="C3819" t="str">
        <f>'CPT Data'!P3827</f>
        <v>CLAY</v>
      </c>
      <c r="D3819">
        <f>'CPT Data'!Q3827</f>
        <v>579.59356719927428</v>
      </c>
      <c r="E3819">
        <f t="shared" si="60"/>
        <v>545.7751058921807</v>
      </c>
      <c r="F3819">
        <f>IF(C3819="CLAY", INDEX(D$4:D3819, MATCH("CLAY", C$4:C3819, 0)), "")</f>
        <v>0.75203252561341039</v>
      </c>
    </row>
    <row r="3820" spans="1:6" x14ac:dyDescent="0.2">
      <c r="A3820" s="239">
        <f>'CPT Data'!B3828</f>
        <v>38.026000000000003</v>
      </c>
      <c r="B3820" s="3">
        <f>'CPT Data'!C3828</f>
        <v>38.019000000000005</v>
      </c>
      <c r="C3820" t="str">
        <f>'CPT Data'!P3828</f>
        <v>CLAY</v>
      </c>
      <c r="D3820">
        <f>'CPT Data'!Q3828</f>
        <v>621.12439446511542</v>
      </c>
      <c r="E3820">
        <f t="shared" si="60"/>
        <v>579.59356719927428</v>
      </c>
      <c r="F3820">
        <f>IF(C3820="CLAY", INDEX(D$4:D3820, MATCH("CLAY", C$4:C3820, 0)), "")</f>
        <v>0.75203252561341039</v>
      </c>
    </row>
    <row r="3821" spans="1:6" x14ac:dyDescent="0.2">
      <c r="A3821" s="239">
        <f>'CPT Data'!B3829</f>
        <v>38.036999999999999</v>
      </c>
      <c r="B3821" s="3">
        <f>'CPT Data'!C3829</f>
        <v>38.03</v>
      </c>
      <c r="C3821" t="str">
        <f>'CPT Data'!P3829</f>
        <v>CLAY</v>
      </c>
      <c r="D3821">
        <f>'CPT Data'!Q3829</f>
        <v>659.1783181833739</v>
      </c>
      <c r="E3821">
        <f t="shared" si="60"/>
        <v>621.12439446511542</v>
      </c>
      <c r="F3821">
        <f>IF(C3821="CLAY", INDEX(D$4:D3821, MATCH("CLAY", C$4:C3821, 0)), "")</f>
        <v>0.75203252561341039</v>
      </c>
    </row>
    <row r="3822" spans="1:6" x14ac:dyDescent="0.2">
      <c r="A3822" s="239">
        <f>'CPT Data'!B3830</f>
        <v>38.045999999999999</v>
      </c>
      <c r="B3822" s="3">
        <f>'CPT Data'!C3830</f>
        <v>38.039000000000001</v>
      </c>
      <c r="C3822" t="str">
        <f>'CPT Data'!P3830</f>
        <v>CLAY</v>
      </c>
      <c r="D3822">
        <f>'CPT Data'!Q3830</f>
        <v>671.05521563211869</v>
      </c>
      <c r="E3822">
        <f t="shared" si="60"/>
        <v>659.1783181833739</v>
      </c>
      <c r="F3822">
        <f>IF(C3822="CLAY", INDEX(D$4:D3822, MATCH("CLAY", C$4:C3822, 0)), "")</f>
        <v>0.75203252561341039</v>
      </c>
    </row>
    <row r="3823" spans="1:6" x14ac:dyDescent="0.2">
      <c r="A3823" s="239">
        <f>'CPT Data'!B3831</f>
        <v>38.055</v>
      </c>
      <c r="B3823" s="3">
        <f>'CPT Data'!C3831</f>
        <v>38.048000000000002</v>
      </c>
      <c r="C3823" t="str">
        <f>'CPT Data'!P3831</f>
        <v>CLAY</v>
      </c>
      <c r="D3823">
        <f>'CPT Data'!Q3831</f>
        <v>684.33570806627847</v>
      </c>
      <c r="E3823">
        <f t="shared" si="60"/>
        <v>671.05521563211869</v>
      </c>
      <c r="F3823">
        <f>IF(C3823="CLAY", INDEX(D$4:D3823, MATCH("CLAY", C$4:C3823, 0)), "")</f>
        <v>0.75203252561341039</v>
      </c>
    </row>
    <row r="3824" spans="1:6" x14ac:dyDescent="0.2">
      <c r="A3824" s="239">
        <f>'CPT Data'!B3832</f>
        <v>38.064999999999998</v>
      </c>
      <c r="B3824" s="3">
        <f>'CPT Data'!C3832</f>
        <v>38.058</v>
      </c>
      <c r="C3824" t="str">
        <f>'CPT Data'!P3832</f>
        <v>CLAY</v>
      </c>
      <c r="D3824">
        <f>'CPT Data'!Q3832</f>
        <v>698.84320525341866</v>
      </c>
      <c r="E3824">
        <f t="shared" si="60"/>
        <v>684.33570806627847</v>
      </c>
      <c r="F3824">
        <f>IF(C3824="CLAY", INDEX(D$4:D3824, MATCH("CLAY", C$4:C3824, 0)), "")</f>
        <v>0.75203252561341039</v>
      </c>
    </row>
    <row r="3825" spans="1:6" x14ac:dyDescent="0.2">
      <c r="A3825" s="239">
        <f>'CPT Data'!B3833</f>
        <v>38.073999999999998</v>
      </c>
      <c r="B3825" s="3">
        <f>'CPT Data'!C3833</f>
        <v>38.067</v>
      </c>
      <c r="C3825" t="str">
        <f>'CPT Data'!P3833</f>
        <v>CLAY</v>
      </c>
      <c r="D3825">
        <f>'CPT Data'!Q3833</f>
        <v>715.2741948427564</v>
      </c>
      <c r="E3825">
        <f t="shared" si="60"/>
        <v>698.84320525341866</v>
      </c>
      <c r="F3825">
        <f>IF(C3825="CLAY", INDEX(D$4:D3825, MATCH("CLAY", C$4:C3825, 0)), "")</f>
        <v>0.75203252561341039</v>
      </c>
    </row>
    <row r="3826" spans="1:6" x14ac:dyDescent="0.2">
      <c r="A3826" s="239">
        <f>'CPT Data'!B3834</f>
        <v>38.084000000000003</v>
      </c>
      <c r="B3826" s="3">
        <f>'CPT Data'!C3834</f>
        <v>38.077000000000005</v>
      </c>
      <c r="C3826" t="str">
        <f>'CPT Data'!P3834</f>
        <v>CLAY</v>
      </c>
      <c r="D3826">
        <f>'CPT Data'!Q3834</f>
        <v>731.08778299629193</v>
      </c>
      <c r="E3826">
        <f t="shared" si="60"/>
        <v>715.2741948427564</v>
      </c>
      <c r="F3826">
        <f>IF(C3826="CLAY", INDEX(D$4:D3826, MATCH("CLAY", C$4:C3826, 0)), "")</f>
        <v>0.75203252561341039</v>
      </c>
    </row>
    <row r="3827" spans="1:6" x14ac:dyDescent="0.2">
      <c r="A3827" s="239">
        <f>'CPT Data'!B3835</f>
        <v>38.093000000000004</v>
      </c>
      <c r="B3827" s="3">
        <f>'CPT Data'!C3835</f>
        <v>38.086000000000006</v>
      </c>
      <c r="C3827" t="str">
        <f>'CPT Data'!P3835</f>
        <v>CLAY</v>
      </c>
      <c r="D3827">
        <f>'CPT Data'!Q3835</f>
        <v>748.21510479149401</v>
      </c>
      <c r="E3827">
        <f t="shared" si="60"/>
        <v>731.08778299629193</v>
      </c>
      <c r="F3827">
        <f>IF(C3827="CLAY", INDEX(D$4:D3827, MATCH("CLAY", C$4:C3827, 0)), "")</f>
        <v>0.75203252561341039</v>
      </c>
    </row>
    <row r="3828" spans="1:6" x14ac:dyDescent="0.2">
      <c r="A3828" s="239">
        <f>'CPT Data'!B3836</f>
        <v>38.103999999999999</v>
      </c>
      <c r="B3828" s="3">
        <f>'CPT Data'!C3836</f>
        <v>38.097000000000001</v>
      </c>
      <c r="C3828" t="str">
        <f>'CPT Data'!P3836</f>
        <v>CLAY</v>
      </c>
      <c r="D3828">
        <f>'CPT Data'!Q3836</f>
        <v>756.13624641644162</v>
      </c>
      <c r="E3828">
        <f t="shared" si="60"/>
        <v>748.21510479149401</v>
      </c>
      <c r="F3828">
        <f>IF(C3828="CLAY", INDEX(D$4:D3828, MATCH("CLAY", C$4:C3828, 0)), "")</f>
        <v>0.75203252561341039</v>
      </c>
    </row>
    <row r="3829" spans="1:6" x14ac:dyDescent="0.2">
      <c r="A3829" s="239">
        <f>'CPT Data'!B3837</f>
        <v>38.113</v>
      </c>
      <c r="B3829" s="3">
        <f>'CPT Data'!C3837</f>
        <v>38.106000000000002</v>
      </c>
      <c r="C3829" t="str">
        <f>'CPT Data'!P3837</f>
        <v>CLAY</v>
      </c>
      <c r="D3829">
        <f>'CPT Data'!Q3837</f>
        <v>752.17302356872426</v>
      </c>
      <c r="E3829">
        <f t="shared" si="60"/>
        <v>756.13624641644162</v>
      </c>
      <c r="F3829">
        <f>IF(C3829="CLAY", INDEX(D$4:D3829, MATCH("CLAY", C$4:C3829, 0)), "")</f>
        <v>0.75203252561341039</v>
      </c>
    </row>
    <row r="3830" spans="1:6" x14ac:dyDescent="0.2">
      <c r="A3830" s="239">
        <f>'CPT Data'!B3838</f>
        <v>38.122999999999998</v>
      </c>
      <c r="B3830" s="3">
        <f>'CPT Data'!C3838</f>
        <v>38.116</v>
      </c>
      <c r="C3830" t="str">
        <f>'CPT Data'!P3838</f>
        <v>CLAY</v>
      </c>
      <c r="D3830">
        <f>'CPT Data'!Q3838</f>
        <v>731.62760007610984</v>
      </c>
      <c r="E3830">
        <f t="shared" si="60"/>
        <v>752.17302356872426</v>
      </c>
      <c r="F3830">
        <f>IF(C3830="CLAY", INDEX(D$4:D3830, MATCH("CLAY", C$4:C3830, 0)), "")</f>
        <v>0.75203252561341039</v>
      </c>
    </row>
    <row r="3831" spans="1:6" x14ac:dyDescent="0.2">
      <c r="A3831" s="239">
        <f>'CPT Data'!B3839</f>
        <v>38.133000000000003</v>
      </c>
      <c r="B3831" s="3">
        <f>'CPT Data'!C3839</f>
        <v>38.126000000000005</v>
      </c>
      <c r="C3831" t="str">
        <f>'CPT Data'!P3839</f>
        <v>CLAY</v>
      </c>
      <c r="D3831">
        <f>'CPT Data'!Q3839</f>
        <v>683.28510545389861</v>
      </c>
      <c r="E3831">
        <f t="shared" si="60"/>
        <v>731.62760007610984</v>
      </c>
      <c r="F3831">
        <f>IF(C3831="CLAY", INDEX(D$4:D3831, MATCH("CLAY", C$4:C3831, 0)), "")</f>
        <v>0.75203252561341039</v>
      </c>
    </row>
    <row r="3832" spans="1:6" x14ac:dyDescent="0.2">
      <c r="A3832" s="239">
        <f>'CPT Data'!B3840</f>
        <v>38.143000000000001</v>
      </c>
      <c r="B3832" s="3">
        <f>'CPT Data'!C3840</f>
        <v>38.136000000000003</v>
      </c>
      <c r="C3832" t="str">
        <f>'CPT Data'!P3840</f>
        <v>CLAY</v>
      </c>
      <c r="D3832">
        <f>'CPT Data'!Q3840</f>
        <v>610.40478323840159</v>
      </c>
      <c r="E3832">
        <f t="shared" si="60"/>
        <v>683.28510545389861</v>
      </c>
      <c r="F3832">
        <f>IF(C3832="CLAY", INDEX(D$4:D3832, MATCH("CLAY", C$4:C3832, 0)), "")</f>
        <v>0.75203252561341039</v>
      </c>
    </row>
    <row r="3833" spans="1:6" x14ac:dyDescent="0.2">
      <c r="A3833" s="239">
        <f>'CPT Data'!B3841</f>
        <v>38.152999999999999</v>
      </c>
      <c r="B3833" s="3">
        <f>'CPT Data'!C3841</f>
        <v>38.146000000000001</v>
      </c>
      <c r="C3833" t="str">
        <f>'CPT Data'!P3841</f>
        <v>CLAY</v>
      </c>
      <c r="D3833">
        <f>'CPT Data'!Q3841</f>
        <v>531.33933141599346</v>
      </c>
      <c r="E3833">
        <f t="shared" si="60"/>
        <v>610.40478323840159</v>
      </c>
      <c r="F3833">
        <f>IF(C3833="CLAY", INDEX(D$4:D3833, MATCH("CLAY", C$4:C3833, 0)), "")</f>
        <v>0.75203252561341039</v>
      </c>
    </row>
    <row r="3834" spans="1:6" x14ac:dyDescent="0.2">
      <c r="A3834" s="239">
        <f>'CPT Data'!B3842</f>
        <v>38.162999999999997</v>
      </c>
      <c r="B3834" s="3">
        <f>'CPT Data'!C3842</f>
        <v>38.155999999999999</v>
      </c>
      <c r="C3834" t="str">
        <f>'CPT Data'!P3842</f>
        <v>CLAY</v>
      </c>
      <c r="D3834">
        <f>'CPT Data'!Q3842</f>
        <v>453.28726835511839</v>
      </c>
      <c r="E3834">
        <f t="shared" si="60"/>
        <v>531.33933141599346</v>
      </c>
      <c r="F3834">
        <f>IF(C3834="CLAY", INDEX(D$4:D3834, MATCH("CLAY", C$4:C3834, 0)), "")</f>
        <v>0.75203252561341039</v>
      </c>
    </row>
    <row r="3835" spans="1:6" x14ac:dyDescent="0.2">
      <c r="A3835" s="239">
        <f>'CPT Data'!B3843</f>
        <v>38.173999999999999</v>
      </c>
      <c r="B3835" s="3">
        <f>'CPT Data'!C3843</f>
        <v>38.167000000000002</v>
      </c>
      <c r="C3835" t="str">
        <f>'CPT Data'!P3843</f>
        <v>CLAY</v>
      </c>
      <c r="D3835">
        <f>'CPT Data'!Q3843</f>
        <v>395.87933285377625</v>
      </c>
      <c r="E3835">
        <f t="shared" si="60"/>
        <v>453.28726835511839</v>
      </c>
      <c r="F3835">
        <f>IF(C3835="CLAY", INDEX(D$4:D3835, MATCH("CLAY", C$4:C3835, 0)), "")</f>
        <v>0.75203252561341039</v>
      </c>
    </row>
    <row r="3836" spans="1:6" x14ac:dyDescent="0.2">
      <c r="A3836" s="239">
        <f>'CPT Data'!B3844</f>
        <v>38.183</v>
      </c>
      <c r="B3836" s="3">
        <f>'CPT Data'!C3844</f>
        <v>38.176000000000002</v>
      </c>
      <c r="C3836" t="str">
        <f>'CPT Data'!P3844</f>
        <v>CLAY</v>
      </c>
      <c r="D3836">
        <f>'CPT Data'!Q3844</f>
        <v>337.60480112436568</v>
      </c>
      <c r="E3836">
        <f t="shared" si="60"/>
        <v>395.87933285377625</v>
      </c>
      <c r="F3836">
        <f>IF(C3836="CLAY", INDEX(D$4:D3836, MATCH("CLAY", C$4:C3836, 0)), "")</f>
        <v>0.75203252561341039</v>
      </c>
    </row>
    <row r="3837" spans="1:6" x14ac:dyDescent="0.2">
      <c r="A3837" s="239">
        <f>'CPT Data'!B3845</f>
        <v>38.192999999999998</v>
      </c>
      <c r="B3837" s="3">
        <f>'CPT Data'!C3845</f>
        <v>38.186</v>
      </c>
      <c r="C3837" t="str">
        <f>'CPT Data'!P3845</f>
        <v>CLAY</v>
      </c>
      <c r="D3837">
        <f>'CPT Data'!Q3845</f>
        <v>286.54898999527251</v>
      </c>
      <c r="E3837">
        <f t="shared" si="60"/>
        <v>337.60480112436568</v>
      </c>
      <c r="F3837">
        <f>IF(C3837="CLAY", INDEX(D$4:D3837, MATCH("CLAY", C$4:C3837, 0)), "")</f>
        <v>0.75203252561341039</v>
      </c>
    </row>
    <row r="3838" spans="1:6" x14ac:dyDescent="0.2">
      <c r="A3838" s="239">
        <f>'CPT Data'!B3846</f>
        <v>38.201999999999998</v>
      </c>
      <c r="B3838" s="3">
        <f>'CPT Data'!C3846</f>
        <v>38.195</v>
      </c>
      <c r="C3838" t="str">
        <f>'CPT Data'!P3846</f>
        <v>CLAY</v>
      </c>
      <c r="D3838">
        <f>'CPT Data'!Q3846</f>
        <v>250.06373005081403</v>
      </c>
      <c r="E3838">
        <f t="shared" si="60"/>
        <v>286.54898999527251</v>
      </c>
      <c r="F3838">
        <f>IF(C3838="CLAY", INDEX(D$4:D3838, MATCH("CLAY", C$4:C3838, 0)), "")</f>
        <v>0.75203252561341039</v>
      </c>
    </row>
    <row r="3839" spans="1:6" x14ac:dyDescent="0.2">
      <c r="A3839" s="239">
        <f>'CPT Data'!B3847</f>
        <v>38.213000000000001</v>
      </c>
      <c r="B3839" s="3">
        <f>'CPT Data'!C3847</f>
        <v>38.206000000000003</v>
      </c>
      <c r="C3839" t="str">
        <f>'CPT Data'!P3847</f>
        <v>CLAY</v>
      </c>
      <c r="D3839">
        <f>'CPT Data'!Q3847</f>
        <v>207.47003328261371</v>
      </c>
      <c r="E3839">
        <f t="shared" si="60"/>
        <v>250.06373005081403</v>
      </c>
      <c r="F3839">
        <f>IF(C3839="CLAY", INDEX(D$4:D3839, MATCH("CLAY", C$4:C3839, 0)), "")</f>
        <v>0.75203252561341039</v>
      </c>
    </row>
    <row r="3840" spans="1:6" x14ac:dyDescent="0.2">
      <c r="A3840" s="239">
        <f>'CPT Data'!B3848</f>
        <v>38.222000000000001</v>
      </c>
      <c r="B3840" s="3">
        <f>'CPT Data'!C3848</f>
        <v>38.215000000000003</v>
      </c>
      <c r="C3840" t="str">
        <f>'CPT Data'!P3848</f>
        <v>CLAY</v>
      </c>
      <c r="D3840">
        <f>'CPT Data'!Q3848</f>
        <v>187.24225060567809</v>
      </c>
      <c r="E3840">
        <f t="shared" si="60"/>
        <v>207.47003328261371</v>
      </c>
      <c r="F3840">
        <f>IF(C3840="CLAY", INDEX(D$4:D3840, MATCH("CLAY", C$4:C3840, 0)), "")</f>
        <v>0.75203252561341039</v>
      </c>
    </row>
    <row r="3841" spans="1:6" x14ac:dyDescent="0.2">
      <c r="A3841" s="239">
        <f>'CPT Data'!B3849</f>
        <v>38.231999999999999</v>
      </c>
      <c r="B3841" s="3">
        <f>'CPT Data'!C3849</f>
        <v>38.225000000000001</v>
      </c>
      <c r="C3841" t="str">
        <f>'CPT Data'!P3849</f>
        <v>CLAY</v>
      </c>
      <c r="D3841">
        <f>'CPT Data'!Q3849</f>
        <v>167.5835126114645</v>
      </c>
      <c r="E3841">
        <f t="shared" si="60"/>
        <v>187.24225060567809</v>
      </c>
      <c r="F3841">
        <f>IF(C3841="CLAY", INDEX(D$4:D3841, MATCH("CLAY", C$4:C3841, 0)), "")</f>
        <v>0.75203252561341039</v>
      </c>
    </row>
    <row r="3842" spans="1:6" x14ac:dyDescent="0.2">
      <c r="A3842" s="239">
        <f>'CPT Data'!B3850</f>
        <v>38.241999999999997</v>
      </c>
      <c r="B3842" s="3">
        <f>'CPT Data'!C3850</f>
        <v>38.234999999999999</v>
      </c>
      <c r="C3842" t="str">
        <f>'CPT Data'!P3850</f>
        <v>CLAY</v>
      </c>
      <c r="D3842">
        <f>'CPT Data'!Q3850</f>
        <v>164.54658064701263</v>
      </c>
      <c r="E3842">
        <f t="shared" si="60"/>
        <v>167.5835126114645</v>
      </c>
      <c r="F3842">
        <f>IF(C3842="CLAY", INDEX(D$4:D3842, MATCH("CLAY", C$4:C3842, 0)), "")</f>
        <v>0.75203252561341039</v>
      </c>
    </row>
    <row r="3843" spans="1:6" x14ac:dyDescent="0.2">
      <c r="A3843" s="239">
        <f>'CPT Data'!B3851</f>
        <v>38.250999999999998</v>
      </c>
      <c r="B3843" s="3">
        <f>'CPT Data'!C3851</f>
        <v>38.244</v>
      </c>
      <c r="C3843" t="str">
        <f>'CPT Data'!P3851</f>
        <v>CLAY</v>
      </c>
      <c r="D3843">
        <f>'CPT Data'!Q3851</f>
        <v>169.22057077813187</v>
      </c>
      <c r="E3843">
        <f t="shared" si="60"/>
        <v>164.54658064701263</v>
      </c>
      <c r="F3843">
        <f>IF(C3843="CLAY", INDEX(D$4:D3843, MATCH("CLAY", C$4:C3843, 0)), "")</f>
        <v>0.75203252561341039</v>
      </c>
    </row>
    <row r="3844" spans="1:6" x14ac:dyDescent="0.2">
      <c r="A3844" s="239">
        <f>'CPT Data'!B3852</f>
        <v>38.262</v>
      </c>
      <c r="B3844" s="3">
        <f>'CPT Data'!C3852</f>
        <v>38.255000000000003</v>
      </c>
      <c r="C3844" t="str">
        <f>'CPT Data'!P3852</f>
        <v>CLAY</v>
      </c>
      <c r="D3844">
        <f>'CPT Data'!Q3852</f>
        <v>172.11038043580615</v>
      </c>
      <c r="E3844">
        <f t="shared" si="60"/>
        <v>169.22057077813187</v>
      </c>
      <c r="F3844">
        <f>IF(C3844="CLAY", INDEX(D$4:D3844, MATCH("CLAY", C$4:C3844, 0)), "")</f>
        <v>0.75203252561341039</v>
      </c>
    </row>
    <row r="3845" spans="1:6" x14ac:dyDescent="0.2">
      <c r="A3845" s="239">
        <f>'CPT Data'!B3853</f>
        <v>38.271000000000001</v>
      </c>
      <c r="B3845" s="3">
        <f>'CPT Data'!C3853</f>
        <v>38.264000000000003</v>
      </c>
      <c r="C3845" t="str">
        <f>'CPT Data'!P3853</f>
        <v>CLAY</v>
      </c>
      <c r="D3845">
        <f>'CPT Data'!Q3853</f>
        <v>177.48193566708994</v>
      </c>
      <c r="E3845">
        <f t="shared" si="60"/>
        <v>172.11038043580615</v>
      </c>
      <c r="F3845">
        <f>IF(C3845="CLAY", INDEX(D$4:D3845, MATCH("CLAY", C$4:C3845, 0)), "")</f>
        <v>0.75203252561341039</v>
      </c>
    </row>
    <row r="3846" spans="1:6" x14ac:dyDescent="0.2">
      <c r="A3846" s="239">
        <f>'CPT Data'!B3854</f>
        <v>38.280999999999999</v>
      </c>
      <c r="B3846" s="3">
        <f>'CPT Data'!C3854</f>
        <v>38.274000000000001</v>
      </c>
      <c r="C3846" t="str">
        <f>'CPT Data'!P3854</f>
        <v>CLAY</v>
      </c>
      <c r="D3846">
        <f>'CPT Data'!Q3854</f>
        <v>188.07642184009055</v>
      </c>
      <c r="E3846">
        <f t="shared" si="60"/>
        <v>177.48193566708994</v>
      </c>
      <c r="F3846">
        <f>IF(C3846="CLAY", INDEX(D$4:D3846, MATCH("CLAY", C$4:C3846, 0)), "")</f>
        <v>0.75203252561341039</v>
      </c>
    </row>
    <row r="3847" spans="1:6" x14ac:dyDescent="0.2">
      <c r="A3847" s="239">
        <f>'CPT Data'!B3855</f>
        <v>38.290999999999997</v>
      </c>
      <c r="B3847" s="3">
        <f>'CPT Data'!C3855</f>
        <v>38.283999999999999</v>
      </c>
      <c r="C3847" t="str">
        <f>'CPT Data'!P3855</f>
        <v>CLAY</v>
      </c>
      <c r="D3847">
        <f>'CPT Data'!Q3855</f>
        <v>206.63975531810445</v>
      </c>
      <c r="E3847">
        <f t="shared" si="60"/>
        <v>188.07642184009055</v>
      </c>
      <c r="F3847">
        <f>IF(C3847="CLAY", INDEX(D$4:D3847, MATCH("CLAY", C$4:C3847, 0)), "")</f>
        <v>0.75203252561341039</v>
      </c>
    </row>
    <row r="3848" spans="1:6" x14ac:dyDescent="0.2">
      <c r="A3848" s="239">
        <f>'CPT Data'!B3856</f>
        <v>38.301000000000002</v>
      </c>
      <c r="B3848" s="3">
        <f>'CPT Data'!C3856</f>
        <v>38.294000000000004</v>
      </c>
      <c r="C3848" t="str">
        <f>'CPT Data'!P3856</f>
        <v>CLAY</v>
      </c>
      <c r="D3848">
        <f>'CPT Data'!Q3856</f>
        <v>234.73531436860253</v>
      </c>
      <c r="E3848">
        <f t="shared" si="60"/>
        <v>206.63975531810445</v>
      </c>
      <c r="F3848">
        <f>IF(C3848="CLAY", INDEX(D$4:D3848, MATCH("CLAY", C$4:C3848, 0)), "")</f>
        <v>0.75203252561341039</v>
      </c>
    </row>
    <row r="3849" spans="1:6" x14ac:dyDescent="0.2">
      <c r="A3849" s="239">
        <f>'CPT Data'!B3857</f>
        <v>38.311</v>
      </c>
      <c r="B3849" s="3">
        <f>'CPT Data'!C3857</f>
        <v>38.304000000000002</v>
      </c>
      <c r="C3849" t="str">
        <f>'CPT Data'!P3857</f>
        <v>CLAY</v>
      </c>
      <c r="D3849">
        <f>'CPT Data'!Q3857</f>
        <v>253.95615307157288</v>
      </c>
      <c r="E3849">
        <f t="shared" si="60"/>
        <v>234.73531436860253</v>
      </c>
      <c r="F3849">
        <f>IF(C3849="CLAY", INDEX(D$4:D3849, MATCH("CLAY", C$4:C3849, 0)), "")</f>
        <v>0.75203252561341039</v>
      </c>
    </row>
    <row r="3850" spans="1:6" x14ac:dyDescent="0.2">
      <c r="A3850" s="239">
        <f>'CPT Data'!B3858</f>
        <v>38.320999999999998</v>
      </c>
      <c r="B3850" s="3">
        <f>'CPT Data'!C3858</f>
        <v>38.314</v>
      </c>
      <c r="C3850" t="str">
        <f>'CPT Data'!P3858</f>
        <v>CLAY</v>
      </c>
      <c r="D3850">
        <f>'CPT Data'!Q3858</f>
        <v>259.01535770050214</v>
      </c>
      <c r="E3850">
        <f t="shared" si="60"/>
        <v>253.95615307157288</v>
      </c>
      <c r="F3850">
        <f>IF(C3850="CLAY", INDEX(D$4:D3850, MATCH("CLAY", C$4:C3850, 0)), "")</f>
        <v>0.75203252561341039</v>
      </c>
    </row>
    <row r="3851" spans="1:6" x14ac:dyDescent="0.2">
      <c r="A3851" s="239">
        <f>'CPT Data'!B3859</f>
        <v>38.33</v>
      </c>
      <c r="B3851" s="3">
        <f>'CPT Data'!C3859</f>
        <v>38.323</v>
      </c>
      <c r="C3851" t="str">
        <f>'CPT Data'!P3859</f>
        <v>CLAY</v>
      </c>
      <c r="D3851">
        <f>'CPT Data'!Q3859</f>
        <v>250.37716057105033</v>
      </c>
      <c r="E3851">
        <f t="shared" si="60"/>
        <v>259.01535770050214</v>
      </c>
      <c r="F3851">
        <f>IF(C3851="CLAY", INDEX(D$4:D3851, MATCH("CLAY", C$4:C3851, 0)), "")</f>
        <v>0.75203252561341039</v>
      </c>
    </row>
    <row r="3852" spans="1:6" x14ac:dyDescent="0.2">
      <c r="A3852" s="239">
        <f>'CPT Data'!B3860</f>
        <v>38.341000000000001</v>
      </c>
      <c r="B3852" s="3">
        <f>'CPT Data'!C3860</f>
        <v>38.334000000000003</v>
      </c>
      <c r="C3852" t="str">
        <f>'CPT Data'!P3860</f>
        <v>CLAY</v>
      </c>
      <c r="D3852">
        <f>'CPT Data'!Q3860</f>
        <v>240.62778655399634</v>
      </c>
      <c r="E3852">
        <f t="shared" si="60"/>
        <v>250.37716057105033</v>
      </c>
      <c r="F3852">
        <f>IF(C3852="CLAY", INDEX(D$4:D3852, MATCH("CLAY", C$4:C3852, 0)), "")</f>
        <v>0.75203252561341039</v>
      </c>
    </row>
    <row r="3853" spans="1:6" x14ac:dyDescent="0.2">
      <c r="A3853" s="239">
        <f>'CPT Data'!B3861</f>
        <v>38.350999999999999</v>
      </c>
      <c r="B3853" s="3">
        <f>'CPT Data'!C3861</f>
        <v>38.344000000000001</v>
      </c>
      <c r="C3853" t="str">
        <f>'CPT Data'!P3861</f>
        <v>CLAY</v>
      </c>
      <c r="D3853">
        <f>'CPT Data'!Q3861</f>
        <v>234.9675550509717</v>
      </c>
      <c r="E3853">
        <f t="shared" si="60"/>
        <v>240.62778655399634</v>
      </c>
      <c r="F3853">
        <f>IF(C3853="CLAY", INDEX(D$4:D3853, MATCH("CLAY", C$4:C3853, 0)), "")</f>
        <v>0.75203252561341039</v>
      </c>
    </row>
    <row r="3854" spans="1:6" x14ac:dyDescent="0.2">
      <c r="A3854" s="239">
        <f>'CPT Data'!B3862</f>
        <v>38.36</v>
      </c>
      <c r="B3854" s="3">
        <f>'CPT Data'!C3862</f>
        <v>38.353000000000002</v>
      </c>
      <c r="C3854" t="str">
        <f>'CPT Data'!P3862</f>
        <v>CLAY</v>
      </c>
      <c r="D3854">
        <f>'CPT Data'!Q3862</f>
        <v>242.04864415673421</v>
      </c>
      <c r="E3854">
        <f t="shared" si="60"/>
        <v>234.9675550509717</v>
      </c>
      <c r="F3854">
        <f>IF(C3854="CLAY", INDEX(D$4:D3854, MATCH("CLAY", C$4:C3854, 0)), "")</f>
        <v>0.75203252561341039</v>
      </c>
    </row>
    <row r="3855" spans="1:6" x14ac:dyDescent="0.2">
      <c r="A3855" s="239">
        <f>'CPT Data'!B3863</f>
        <v>38.369999999999997</v>
      </c>
      <c r="B3855" s="3">
        <f>'CPT Data'!C3863</f>
        <v>38.363</v>
      </c>
      <c r="C3855" t="str">
        <f>'CPT Data'!P3863</f>
        <v>CLAY</v>
      </c>
      <c r="D3855">
        <f>'CPT Data'!Q3863</f>
        <v>251.27671092304786</v>
      </c>
      <c r="E3855">
        <f t="shared" si="60"/>
        <v>242.04864415673421</v>
      </c>
      <c r="F3855">
        <f>IF(C3855="CLAY", INDEX(D$4:D3855, MATCH("CLAY", C$4:C3855, 0)), "")</f>
        <v>0.75203252561341039</v>
      </c>
    </row>
    <row r="3856" spans="1:6" x14ac:dyDescent="0.2">
      <c r="A3856" s="239">
        <f>'CPT Data'!B3864</f>
        <v>38.380000000000003</v>
      </c>
      <c r="B3856" s="3">
        <f>'CPT Data'!C3864</f>
        <v>38.373000000000005</v>
      </c>
      <c r="C3856" t="str">
        <f>'CPT Data'!P3864</f>
        <v>CLAY</v>
      </c>
      <c r="D3856">
        <f>'CPT Data'!Q3864</f>
        <v>265.65514324898305</v>
      </c>
      <c r="E3856">
        <f t="shared" si="60"/>
        <v>251.27671092304786</v>
      </c>
      <c r="F3856">
        <f>IF(C3856="CLAY", INDEX(D$4:D3856, MATCH("CLAY", C$4:C3856, 0)), "")</f>
        <v>0.75203252561341039</v>
      </c>
    </row>
    <row r="3857" spans="1:6" x14ac:dyDescent="0.2">
      <c r="A3857" s="239">
        <f>'CPT Data'!B3865</f>
        <v>38.39</v>
      </c>
      <c r="B3857" s="3">
        <f>'CPT Data'!C3865</f>
        <v>38.383000000000003</v>
      </c>
      <c r="C3857" t="str">
        <f>'CPT Data'!P3865</f>
        <v>CLAY</v>
      </c>
      <c r="D3857">
        <f>'CPT Data'!Q3865</f>
        <v>299.23758796678226</v>
      </c>
      <c r="E3857">
        <f t="shared" si="60"/>
        <v>265.65514324898305</v>
      </c>
      <c r="F3857">
        <f>IF(C3857="CLAY", INDEX(D$4:D3857, MATCH("CLAY", C$4:C3857, 0)), "")</f>
        <v>0.75203252561341039</v>
      </c>
    </row>
    <row r="3858" spans="1:6" x14ac:dyDescent="0.2">
      <c r="A3858" s="239">
        <f>'CPT Data'!B3866</f>
        <v>38.399000000000001</v>
      </c>
      <c r="B3858" s="3">
        <f>'CPT Data'!C3866</f>
        <v>38.392000000000003</v>
      </c>
      <c r="C3858" t="str">
        <f>'CPT Data'!P3866</f>
        <v>CLAY</v>
      </c>
      <c r="D3858">
        <f>'CPT Data'!Q3866</f>
        <v>333.83541091611949</v>
      </c>
      <c r="E3858">
        <f t="shared" si="60"/>
        <v>299.23758796678226</v>
      </c>
      <c r="F3858">
        <f>IF(C3858="CLAY", INDEX(D$4:D3858, MATCH("CLAY", C$4:C3858, 0)), "")</f>
        <v>0.75203252561341039</v>
      </c>
    </row>
    <row r="3859" spans="1:6" x14ac:dyDescent="0.2">
      <c r="A3859" s="239">
        <f>'CPT Data'!B3867</f>
        <v>38.409999999999997</v>
      </c>
      <c r="B3859" s="3">
        <f>'CPT Data'!C3867</f>
        <v>38.402999999999999</v>
      </c>
      <c r="C3859" t="str">
        <f>'CPT Data'!P3867</f>
        <v>CLAY</v>
      </c>
      <c r="D3859">
        <f>'CPT Data'!Q3867</f>
        <v>319.91953310787778</v>
      </c>
      <c r="E3859">
        <f t="shared" si="60"/>
        <v>333.83541091611949</v>
      </c>
      <c r="F3859">
        <f>IF(C3859="CLAY", INDEX(D$4:D3859, MATCH("CLAY", C$4:C3859, 0)), "")</f>
        <v>0.75203252561341039</v>
      </c>
    </row>
    <row r="3860" spans="1:6" x14ac:dyDescent="0.2">
      <c r="A3860" s="239">
        <f>'CPT Data'!B3868</f>
        <v>38.418999999999997</v>
      </c>
      <c r="B3860" s="3">
        <f>'CPT Data'!C3868</f>
        <v>38.411999999999999</v>
      </c>
      <c r="C3860" t="str">
        <f>'CPT Data'!P3868</f>
        <v>CLAY</v>
      </c>
      <c r="D3860">
        <f>'CPT Data'!Q3868</f>
        <v>317.96739499468964</v>
      </c>
      <c r="E3860">
        <f t="shared" si="60"/>
        <v>319.91953310787778</v>
      </c>
      <c r="F3860">
        <f>IF(C3860="CLAY", INDEX(D$4:D3860, MATCH("CLAY", C$4:C3860, 0)), "")</f>
        <v>0.75203252561341039</v>
      </c>
    </row>
    <row r="3861" spans="1:6" x14ac:dyDescent="0.2">
      <c r="A3861" s="239">
        <f>'CPT Data'!B3869</f>
        <v>38.43</v>
      </c>
      <c r="B3861" s="3">
        <f>'CPT Data'!C3869</f>
        <v>38.423000000000002</v>
      </c>
      <c r="C3861" t="str">
        <f>'CPT Data'!P3869</f>
        <v>CLAY</v>
      </c>
      <c r="D3861">
        <f>'CPT Data'!Q3869</f>
        <v>309.01367346961933</v>
      </c>
      <c r="E3861">
        <f t="shared" si="60"/>
        <v>317.96739499468964</v>
      </c>
      <c r="F3861">
        <f>IF(C3861="CLAY", INDEX(D$4:D3861, MATCH("CLAY", C$4:C3861, 0)), "")</f>
        <v>0.75203252561341039</v>
      </c>
    </row>
    <row r="3862" spans="1:6" x14ac:dyDescent="0.2">
      <c r="A3862" s="239">
        <f>'CPT Data'!B3870</f>
        <v>38.439</v>
      </c>
      <c r="B3862" s="3">
        <f>'CPT Data'!C3870</f>
        <v>38.432000000000002</v>
      </c>
      <c r="C3862" t="str">
        <f>'CPT Data'!P3870</f>
        <v>CLAY</v>
      </c>
      <c r="D3862">
        <f>'CPT Data'!Q3870</f>
        <v>305.16128450795469</v>
      </c>
      <c r="E3862">
        <f t="shared" si="60"/>
        <v>309.01367346961933</v>
      </c>
      <c r="F3862">
        <f>IF(C3862="CLAY", INDEX(D$4:D3862, MATCH("CLAY", C$4:C3862, 0)), "")</f>
        <v>0.75203252561341039</v>
      </c>
    </row>
    <row r="3863" spans="1:6" x14ac:dyDescent="0.2">
      <c r="A3863" s="239">
        <f>'CPT Data'!B3871</f>
        <v>38.448999999999998</v>
      </c>
      <c r="B3863" s="3">
        <f>'CPT Data'!C3871</f>
        <v>38.442</v>
      </c>
      <c r="C3863" t="str">
        <f>'CPT Data'!P3871</f>
        <v>CLAY</v>
      </c>
      <c r="D3863">
        <f>'CPT Data'!Q3871</f>
        <v>280.90982952608067</v>
      </c>
      <c r="E3863">
        <f t="shared" si="60"/>
        <v>305.16128450795469</v>
      </c>
      <c r="F3863">
        <f>IF(C3863="CLAY", INDEX(D$4:D3863, MATCH("CLAY", C$4:C3863, 0)), "")</f>
        <v>0.75203252561341039</v>
      </c>
    </row>
    <row r="3864" spans="1:6" x14ac:dyDescent="0.2">
      <c r="A3864" s="239">
        <f>'CPT Data'!B3872</f>
        <v>38.46</v>
      </c>
      <c r="B3864" s="3">
        <f>'CPT Data'!C3872</f>
        <v>38.453000000000003</v>
      </c>
      <c r="C3864" t="str">
        <f>'CPT Data'!P3872</f>
        <v>CLAY</v>
      </c>
      <c r="D3864">
        <f>'CPT Data'!Q3872</f>
        <v>273.22562060201517</v>
      </c>
      <c r="E3864">
        <f t="shared" si="60"/>
        <v>280.90982952608067</v>
      </c>
      <c r="F3864">
        <f>IF(C3864="CLAY", INDEX(D$4:D3864, MATCH("CLAY", C$4:C3864, 0)), "")</f>
        <v>0.75203252561341039</v>
      </c>
    </row>
    <row r="3865" spans="1:6" x14ac:dyDescent="0.2">
      <c r="A3865" s="239">
        <f>'CPT Data'!B3873</f>
        <v>38.469000000000001</v>
      </c>
      <c r="B3865" s="3">
        <f>'CPT Data'!C3873</f>
        <v>38.462000000000003</v>
      </c>
      <c r="C3865" t="str">
        <f>'CPT Data'!P3873</f>
        <v>CLAY</v>
      </c>
      <c r="D3865">
        <f>'CPT Data'!Q3873</f>
        <v>265.75269424077072</v>
      </c>
      <c r="E3865">
        <f t="shared" si="60"/>
        <v>273.22562060201517</v>
      </c>
      <c r="F3865">
        <f>IF(C3865="CLAY", INDEX(D$4:D3865, MATCH("CLAY", C$4:C3865, 0)), "")</f>
        <v>0.75203252561341039</v>
      </c>
    </row>
    <row r="3866" spans="1:6" x14ac:dyDescent="0.2">
      <c r="A3866" s="239">
        <f>'CPT Data'!B3874</f>
        <v>38.478999999999999</v>
      </c>
      <c r="B3866" s="3">
        <f>'CPT Data'!C3874</f>
        <v>38.472000000000001</v>
      </c>
      <c r="C3866" t="str">
        <f>'CPT Data'!P3874</f>
        <v>CLAY</v>
      </c>
      <c r="D3866">
        <f>'CPT Data'!Q3874</f>
        <v>269.37101673830995</v>
      </c>
      <c r="E3866">
        <f t="shared" si="60"/>
        <v>265.75269424077072</v>
      </c>
      <c r="F3866">
        <f>IF(C3866="CLAY", INDEX(D$4:D3866, MATCH("CLAY", C$4:C3866, 0)), "")</f>
        <v>0.75203252561341039</v>
      </c>
    </row>
    <row r="3867" spans="1:6" x14ac:dyDescent="0.2">
      <c r="A3867" s="239">
        <f>'CPT Data'!B3875</f>
        <v>38.488</v>
      </c>
      <c r="B3867" s="3">
        <f>'CPT Data'!C3875</f>
        <v>38.481000000000002</v>
      </c>
      <c r="C3867" t="str">
        <f>'CPT Data'!P3875</f>
        <v>CLAY</v>
      </c>
      <c r="D3867">
        <f>'CPT Data'!Q3875</f>
        <v>274.49812460976796</v>
      </c>
      <c r="E3867">
        <f t="shared" ref="E3867:E3930" si="61">IF(C3867="SAND",#N/A,IF(C3867=C3866,D3866,IF(C3867="CLAY",D3867,#N/A)))</f>
        <v>269.37101673830995</v>
      </c>
      <c r="F3867">
        <f>IF(C3867="CLAY", INDEX(D$4:D3867, MATCH("CLAY", C$4:C3867, 0)), "")</f>
        <v>0.75203252561341039</v>
      </c>
    </row>
    <row r="3868" spans="1:6" x14ac:dyDescent="0.2">
      <c r="A3868" s="239">
        <f>'CPT Data'!B3876</f>
        <v>38.499000000000002</v>
      </c>
      <c r="B3868" s="3">
        <f>'CPT Data'!C3876</f>
        <v>38.492000000000004</v>
      </c>
      <c r="C3868" t="str">
        <f>'CPT Data'!P3876</f>
        <v>CLAY</v>
      </c>
      <c r="D3868">
        <f>'CPT Data'!Q3876</f>
        <v>255.67487164143236</v>
      </c>
      <c r="E3868">
        <f t="shared" si="61"/>
        <v>274.49812460976796</v>
      </c>
      <c r="F3868">
        <f>IF(C3868="CLAY", INDEX(D$4:D3868, MATCH("CLAY", C$4:C3868, 0)), "")</f>
        <v>0.75203252561341039</v>
      </c>
    </row>
    <row r="3869" spans="1:6" x14ac:dyDescent="0.2">
      <c r="A3869" s="239">
        <f>'CPT Data'!B3877</f>
        <v>38.509</v>
      </c>
      <c r="B3869" s="3">
        <f>'CPT Data'!C3877</f>
        <v>38.502000000000002</v>
      </c>
      <c r="C3869" t="str">
        <f>'CPT Data'!P3877</f>
        <v>CLAY</v>
      </c>
      <c r="D3869">
        <f>'CPT Data'!Q3877</f>
        <v>245.46001595136758</v>
      </c>
      <c r="E3869">
        <f t="shared" si="61"/>
        <v>255.67487164143236</v>
      </c>
      <c r="F3869">
        <f>IF(C3869="CLAY", INDEX(D$4:D3869, MATCH("CLAY", C$4:C3869, 0)), "")</f>
        <v>0.75203252561341039</v>
      </c>
    </row>
    <row r="3870" spans="1:6" x14ac:dyDescent="0.2">
      <c r="A3870" s="239">
        <f>'CPT Data'!B3878</f>
        <v>38.518000000000001</v>
      </c>
      <c r="B3870" s="3">
        <f>'CPT Data'!C3878</f>
        <v>38.511000000000003</v>
      </c>
      <c r="C3870" t="str">
        <f>'CPT Data'!P3878</f>
        <v>CLAY</v>
      </c>
      <c r="D3870">
        <f>'CPT Data'!Q3878</f>
        <v>246.77715468666918</v>
      </c>
      <c r="E3870">
        <f t="shared" si="61"/>
        <v>245.46001595136758</v>
      </c>
      <c r="F3870">
        <f>IF(C3870="CLAY", INDEX(D$4:D3870, MATCH("CLAY", C$4:C3870, 0)), "")</f>
        <v>0.75203252561341039</v>
      </c>
    </row>
    <row r="3871" spans="1:6" x14ac:dyDescent="0.2">
      <c r="A3871" s="239">
        <f>'CPT Data'!B3879</f>
        <v>38.529000000000003</v>
      </c>
      <c r="B3871" s="3">
        <f>'CPT Data'!C3879</f>
        <v>38.522000000000006</v>
      </c>
      <c r="C3871" t="str">
        <f>'CPT Data'!P3879</f>
        <v>CLAY</v>
      </c>
      <c r="D3871">
        <f>'CPT Data'!Q3879</f>
        <v>250.43317486581495</v>
      </c>
      <c r="E3871">
        <f t="shared" si="61"/>
        <v>246.77715468666918</v>
      </c>
      <c r="F3871">
        <f>IF(C3871="CLAY", INDEX(D$4:D3871, MATCH("CLAY", C$4:C3871, 0)), "")</f>
        <v>0.75203252561341039</v>
      </c>
    </row>
    <row r="3872" spans="1:6" x14ac:dyDescent="0.2">
      <c r="A3872" s="239">
        <f>'CPT Data'!B3880</f>
        <v>38.537999999999997</v>
      </c>
      <c r="B3872" s="3">
        <f>'CPT Data'!C3880</f>
        <v>38.530999999999999</v>
      </c>
      <c r="C3872" t="str">
        <f>'CPT Data'!P3880</f>
        <v>CLAY</v>
      </c>
      <c r="D3872">
        <f>'CPT Data'!Q3880</f>
        <v>260.48209923710664</v>
      </c>
      <c r="E3872">
        <f t="shared" si="61"/>
        <v>250.43317486581495</v>
      </c>
      <c r="F3872">
        <f>IF(C3872="CLAY", INDEX(D$4:D3872, MATCH("CLAY", C$4:C3872, 0)), "")</f>
        <v>0.75203252561341039</v>
      </c>
    </row>
    <row r="3873" spans="1:6" x14ac:dyDescent="0.2">
      <c r="A3873" s="239">
        <f>'CPT Data'!B3881</f>
        <v>38.548000000000002</v>
      </c>
      <c r="B3873" s="3">
        <f>'CPT Data'!C3881</f>
        <v>38.541000000000004</v>
      </c>
      <c r="C3873" t="str">
        <f>'CPT Data'!P3881</f>
        <v>CLAY</v>
      </c>
      <c r="D3873">
        <f>'CPT Data'!Q3881</f>
        <v>285.14202788547396</v>
      </c>
      <c r="E3873">
        <f t="shared" si="61"/>
        <v>260.48209923710664</v>
      </c>
      <c r="F3873">
        <f>IF(C3873="CLAY", INDEX(D$4:D3873, MATCH("CLAY", C$4:C3873, 0)), "")</f>
        <v>0.75203252561341039</v>
      </c>
    </row>
    <row r="3874" spans="1:6" x14ac:dyDescent="0.2">
      <c r="A3874" s="239">
        <f>'CPT Data'!B3882</f>
        <v>38.557000000000002</v>
      </c>
      <c r="B3874" s="3">
        <f>'CPT Data'!C3882</f>
        <v>38.550000000000004</v>
      </c>
      <c r="C3874" t="str">
        <f>'CPT Data'!P3882</f>
        <v>CLAY</v>
      </c>
      <c r="D3874">
        <f>'CPT Data'!Q3882</f>
        <v>308.53388754945348</v>
      </c>
      <c r="E3874">
        <f t="shared" si="61"/>
        <v>285.14202788547396</v>
      </c>
      <c r="F3874">
        <f>IF(C3874="CLAY", INDEX(D$4:D3874, MATCH("CLAY", C$4:C3874, 0)), "")</f>
        <v>0.75203252561341039</v>
      </c>
    </row>
    <row r="3875" spans="1:6" x14ac:dyDescent="0.2">
      <c r="A3875" s="239">
        <f>'CPT Data'!B3883</f>
        <v>38.567</v>
      </c>
      <c r="B3875" s="3">
        <f>'CPT Data'!C3883</f>
        <v>38.56</v>
      </c>
      <c r="C3875" t="str">
        <f>'CPT Data'!P3883</f>
        <v>CLAY</v>
      </c>
      <c r="D3875">
        <f>'CPT Data'!Q3883</f>
        <v>319.40567576336321</v>
      </c>
      <c r="E3875">
        <f t="shared" si="61"/>
        <v>308.53388754945348</v>
      </c>
      <c r="F3875">
        <f>IF(C3875="CLAY", INDEX(D$4:D3875, MATCH("CLAY", C$4:C3875, 0)), "")</f>
        <v>0.75203252561341039</v>
      </c>
    </row>
    <row r="3876" spans="1:6" x14ac:dyDescent="0.2">
      <c r="A3876" s="239">
        <f>'CPT Data'!B3884</f>
        <v>38.576999999999998</v>
      </c>
      <c r="B3876" s="3">
        <f>'CPT Data'!C3884</f>
        <v>38.57</v>
      </c>
      <c r="C3876" t="str">
        <f>'CPT Data'!P3884</f>
        <v>CLAY</v>
      </c>
      <c r="D3876">
        <f>'CPT Data'!Q3884</f>
        <v>324.87179162498472</v>
      </c>
      <c r="E3876">
        <f t="shared" si="61"/>
        <v>319.40567576336321</v>
      </c>
      <c r="F3876">
        <f>IF(C3876="CLAY", INDEX(D$4:D3876, MATCH("CLAY", C$4:C3876, 0)), "")</f>
        <v>0.75203252561341039</v>
      </c>
    </row>
    <row r="3877" spans="1:6" x14ac:dyDescent="0.2">
      <c r="A3877" s="239">
        <f>'CPT Data'!B3885</f>
        <v>38.587000000000003</v>
      </c>
      <c r="B3877" s="3">
        <f>'CPT Data'!C3885</f>
        <v>38.580000000000005</v>
      </c>
      <c r="C3877" t="str">
        <f>'CPT Data'!P3885</f>
        <v>CLAY</v>
      </c>
      <c r="D3877">
        <f>'CPT Data'!Q3885</f>
        <v>325.12688604156938</v>
      </c>
      <c r="E3877">
        <f t="shared" si="61"/>
        <v>324.87179162498472</v>
      </c>
      <c r="F3877">
        <f>IF(C3877="CLAY", INDEX(D$4:D3877, MATCH("CLAY", C$4:C3877, 0)), "")</f>
        <v>0.75203252561341039</v>
      </c>
    </row>
    <row r="3878" spans="1:6" x14ac:dyDescent="0.2">
      <c r="A3878" s="239">
        <f>'CPT Data'!B3886</f>
        <v>38.595999999999997</v>
      </c>
      <c r="B3878" s="3">
        <f>'CPT Data'!C3886</f>
        <v>38.588999999999999</v>
      </c>
      <c r="C3878" t="str">
        <f>'CPT Data'!P3886</f>
        <v>CLAY</v>
      </c>
      <c r="D3878">
        <f>'CPT Data'!Q3886</f>
        <v>336.11757058809962</v>
      </c>
      <c r="E3878">
        <f t="shared" si="61"/>
        <v>325.12688604156938</v>
      </c>
      <c r="F3878">
        <f>IF(C3878="CLAY", INDEX(D$4:D3878, MATCH("CLAY", C$4:C3878, 0)), "")</f>
        <v>0.75203252561341039</v>
      </c>
    </row>
    <row r="3879" spans="1:6" x14ac:dyDescent="0.2">
      <c r="A3879" s="239">
        <f>'CPT Data'!B3887</f>
        <v>38.606999999999999</v>
      </c>
      <c r="B3879" s="3">
        <f>'CPT Data'!C3887</f>
        <v>38.6</v>
      </c>
      <c r="C3879" t="str">
        <f>'CPT Data'!P3887</f>
        <v>CLAY</v>
      </c>
      <c r="D3879">
        <f>'CPT Data'!Q3887</f>
        <v>343.21364559391208</v>
      </c>
      <c r="E3879">
        <f t="shared" si="61"/>
        <v>336.11757058809962</v>
      </c>
      <c r="F3879">
        <f>IF(C3879="CLAY", INDEX(D$4:D3879, MATCH("CLAY", C$4:C3879, 0)), "")</f>
        <v>0.75203252561341039</v>
      </c>
    </row>
    <row r="3880" spans="1:6" x14ac:dyDescent="0.2">
      <c r="A3880" s="239">
        <f>'CPT Data'!B3888</f>
        <v>38.615000000000002</v>
      </c>
      <c r="B3880" s="3">
        <f>'CPT Data'!C3888</f>
        <v>38.608000000000004</v>
      </c>
      <c r="C3880" t="str">
        <f>'CPT Data'!P3888</f>
        <v>CLAY</v>
      </c>
      <c r="D3880">
        <f>'CPT Data'!Q3888</f>
        <v>361.22928401641047</v>
      </c>
      <c r="E3880">
        <f t="shared" si="61"/>
        <v>343.21364559391208</v>
      </c>
      <c r="F3880">
        <f>IF(C3880="CLAY", INDEX(D$4:D3880, MATCH("CLAY", C$4:C3880, 0)), "")</f>
        <v>0.75203252561341039</v>
      </c>
    </row>
    <row r="3881" spans="1:6" x14ac:dyDescent="0.2">
      <c r="A3881" s="239">
        <f>'CPT Data'!B3889</f>
        <v>38.625</v>
      </c>
      <c r="B3881" s="3">
        <f>'CPT Data'!C3889</f>
        <v>38.618000000000002</v>
      </c>
      <c r="C3881" t="str">
        <f>'CPT Data'!P3889</f>
        <v>CLAY</v>
      </c>
      <c r="D3881">
        <f>'CPT Data'!Q3889</f>
        <v>376.60459507763017</v>
      </c>
      <c r="E3881">
        <f t="shared" si="61"/>
        <v>361.22928401641047</v>
      </c>
      <c r="F3881">
        <f>IF(C3881="CLAY", INDEX(D$4:D3881, MATCH("CLAY", C$4:C3881, 0)), "")</f>
        <v>0.75203252561341039</v>
      </c>
    </row>
    <row r="3882" spans="1:6" x14ac:dyDescent="0.2">
      <c r="A3882" s="239">
        <f>'CPT Data'!B3890</f>
        <v>38.636000000000003</v>
      </c>
      <c r="B3882" s="3">
        <f>'CPT Data'!C3890</f>
        <v>38.629000000000005</v>
      </c>
      <c r="C3882" t="str">
        <f>'CPT Data'!P3890</f>
        <v>CLAY</v>
      </c>
      <c r="D3882">
        <f>'CPT Data'!Q3890</f>
        <v>398.75996966408803</v>
      </c>
      <c r="E3882">
        <f t="shared" si="61"/>
        <v>376.60459507763017</v>
      </c>
      <c r="F3882">
        <f>IF(C3882="CLAY", INDEX(D$4:D3882, MATCH("CLAY", C$4:C3882, 0)), "")</f>
        <v>0.75203252561341039</v>
      </c>
    </row>
    <row r="3883" spans="1:6" x14ac:dyDescent="0.2">
      <c r="A3883" s="239">
        <f>'CPT Data'!B3891</f>
        <v>38.645000000000003</v>
      </c>
      <c r="B3883" s="3">
        <f>'CPT Data'!C3891</f>
        <v>38.638000000000005</v>
      </c>
      <c r="C3883" t="str">
        <f>'CPT Data'!P3891</f>
        <v>CLAY</v>
      </c>
      <c r="D3883">
        <f>'CPT Data'!Q3891</f>
        <v>419.30762096478225</v>
      </c>
      <c r="E3883">
        <f t="shared" si="61"/>
        <v>398.75996966408803</v>
      </c>
      <c r="F3883">
        <f>IF(C3883="CLAY", INDEX(D$4:D3883, MATCH("CLAY", C$4:C3883, 0)), "")</f>
        <v>0.75203252561341039</v>
      </c>
    </row>
    <row r="3884" spans="1:6" x14ac:dyDescent="0.2">
      <c r="A3884" s="239">
        <f>'CPT Data'!B3892</f>
        <v>38.655000000000001</v>
      </c>
      <c r="B3884" s="3">
        <f>'CPT Data'!C3892</f>
        <v>38.648000000000003</v>
      </c>
      <c r="C3884" t="str">
        <f>'CPT Data'!P3892</f>
        <v>CLAY</v>
      </c>
      <c r="D3884">
        <f>'CPT Data'!Q3892</f>
        <v>437.3498409485083</v>
      </c>
      <c r="E3884">
        <f t="shared" si="61"/>
        <v>419.30762096478225</v>
      </c>
      <c r="F3884">
        <f>IF(C3884="CLAY", INDEX(D$4:D3884, MATCH("CLAY", C$4:C3884, 0)), "")</f>
        <v>0.75203252561341039</v>
      </c>
    </row>
    <row r="3885" spans="1:6" x14ac:dyDescent="0.2">
      <c r="A3885" s="239">
        <f>'CPT Data'!B3893</f>
        <v>38.664999999999999</v>
      </c>
      <c r="B3885" s="3">
        <f>'CPT Data'!C3893</f>
        <v>38.658000000000001</v>
      </c>
      <c r="C3885" t="str">
        <f>'CPT Data'!P3893</f>
        <v>CLAY</v>
      </c>
      <c r="D3885">
        <f>'CPT Data'!Q3893</f>
        <v>452.12022393388912</v>
      </c>
      <c r="E3885">
        <f t="shared" si="61"/>
        <v>437.3498409485083</v>
      </c>
      <c r="F3885">
        <f>IF(C3885="CLAY", INDEX(D$4:D3885, MATCH("CLAY", C$4:C3885, 0)), "")</f>
        <v>0.75203252561341039</v>
      </c>
    </row>
    <row r="3886" spans="1:6" x14ac:dyDescent="0.2">
      <c r="A3886" s="239">
        <f>'CPT Data'!B3894</f>
        <v>38.673999999999999</v>
      </c>
      <c r="B3886" s="3">
        <f>'CPT Data'!C3894</f>
        <v>38.667000000000002</v>
      </c>
      <c r="C3886" t="str">
        <f>'CPT Data'!P3894</f>
        <v>CLAY</v>
      </c>
      <c r="D3886">
        <f>'CPT Data'!Q3894</f>
        <v>457.14472777279411</v>
      </c>
      <c r="E3886">
        <f t="shared" si="61"/>
        <v>452.12022393388912</v>
      </c>
      <c r="F3886">
        <f>IF(C3886="CLAY", INDEX(D$4:D3886, MATCH("CLAY", C$4:C3886, 0)), "")</f>
        <v>0.75203252561341039</v>
      </c>
    </row>
    <row r="3887" spans="1:6" x14ac:dyDescent="0.2">
      <c r="A3887" s="239">
        <f>'CPT Data'!B3895</f>
        <v>38.683999999999997</v>
      </c>
      <c r="B3887" s="3">
        <f>'CPT Data'!C3895</f>
        <v>38.677</v>
      </c>
      <c r="C3887" t="str">
        <f>'CPT Data'!P3895</f>
        <v>CLAY</v>
      </c>
      <c r="D3887">
        <f>'CPT Data'!Q3895</f>
        <v>446.5700045940942</v>
      </c>
      <c r="E3887">
        <f t="shared" si="61"/>
        <v>457.14472777279411</v>
      </c>
      <c r="F3887">
        <f>IF(C3887="CLAY", INDEX(D$4:D3887, MATCH("CLAY", C$4:C3887, 0)), "")</f>
        <v>0.75203252561341039</v>
      </c>
    </row>
    <row r="3888" spans="1:6" x14ac:dyDescent="0.2">
      <c r="A3888" s="239">
        <f>'CPT Data'!B3896</f>
        <v>38.694000000000003</v>
      </c>
      <c r="B3888" s="3">
        <f>'CPT Data'!C3896</f>
        <v>38.687000000000005</v>
      </c>
      <c r="C3888" t="str">
        <f>'CPT Data'!P3896</f>
        <v>CLAY</v>
      </c>
      <c r="D3888">
        <f>'CPT Data'!Q3896</f>
        <v>424.2251246683083</v>
      </c>
      <c r="E3888">
        <f t="shared" si="61"/>
        <v>446.5700045940942</v>
      </c>
      <c r="F3888">
        <f>IF(C3888="CLAY", INDEX(D$4:D3888, MATCH("CLAY", C$4:C3888, 0)), "")</f>
        <v>0.75203252561341039</v>
      </c>
    </row>
    <row r="3889" spans="1:6" x14ac:dyDescent="0.2">
      <c r="A3889" s="239">
        <f>'CPT Data'!B3897</f>
        <v>38.704000000000001</v>
      </c>
      <c r="B3889" s="3">
        <f>'CPT Data'!C3897</f>
        <v>38.697000000000003</v>
      </c>
      <c r="C3889" t="str">
        <f>'CPT Data'!P3897</f>
        <v>CLAY</v>
      </c>
      <c r="D3889">
        <f>'CPT Data'!Q3897</f>
        <v>396.35502065367882</v>
      </c>
      <c r="E3889">
        <f t="shared" si="61"/>
        <v>424.2251246683083</v>
      </c>
      <c r="F3889">
        <f>IF(C3889="CLAY", INDEX(D$4:D3889, MATCH("CLAY", C$4:C3889, 0)), "")</f>
        <v>0.75203252561341039</v>
      </c>
    </row>
    <row r="3890" spans="1:6" x14ac:dyDescent="0.2">
      <c r="A3890" s="239">
        <f>'CPT Data'!B3898</f>
        <v>38.713000000000001</v>
      </c>
      <c r="B3890" s="3">
        <f>'CPT Data'!C3898</f>
        <v>38.706000000000003</v>
      </c>
      <c r="C3890" t="str">
        <f>'CPT Data'!P3898</f>
        <v>CLAY</v>
      </c>
      <c r="D3890">
        <f>'CPT Data'!Q3898</f>
        <v>366.11144663051914</v>
      </c>
      <c r="E3890">
        <f t="shared" si="61"/>
        <v>396.35502065367882</v>
      </c>
      <c r="F3890">
        <f>IF(C3890="CLAY", INDEX(D$4:D3890, MATCH("CLAY", C$4:C3890, 0)), "")</f>
        <v>0.75203252561341039</v>
      </c>
    </row>
    <row r="3891" spans="1:6" x14ac:dyDescent="0.2">
      <c r="A3891" s="239">
        <f>'CPT Data'!B3899</f>
        <v>38.723999999999997</v>
      </c>
      <c r="B3891" s="3">
        <f>'CPT Data'!C3899</f>
        <v>38.716999999999999</v>
      </c>
      <c r="C3891" t="str">
        <f>'CPT Data'!P3899</f>
        <v>CLAY</v>
      </c>
      <c r="D3891">
        <f>'CPT Data'!Q3899</f>
        <v>332.15758999852977</v>
      </c>
      <c r="E3891">
        <f t="shared" si="61"/>
        <v>366.11144663051914</v>
      </c>
      <c r="F3891">
        <f>IF(C3891="CLAY", INDEX(D$4:D3891, MATCH("CLAY", C$4:C3891, 0)), "")</f>
        <v>0.75203252561341039</v>
      </c>
    </row>
    <row r="3892" spans="1:6" x14ac:dyDescent="0.2">
      <c r="A3892" s="239">
        <f>'CPT Data'!B3900</f>
        <v>38.732999999999997</v>
      </c>
      <c r="B3892" s="3">
        <f>'CPT Data'!C3900</f>
        <v>38.725999999999999</v>
      </c>
      <c r="C3892" t="str">
        <f>'CPT Data'!P3900</f>
        <v>CLAY</v>
      </c>
      <c r="D3892">
        <f>'CPT Data'!Q3900</f>
        <v>314.78401429498422</v>
      </c>
      <c r="E3892">
        <f t="shared" si="61"/>
        <v>332.15758999852977</v>
      </c>
      <c r="F3892">
        <f>IF(C3892="CLAY", INDEX(D$4:D3892, MATCH("CLAY", C$4:C3892, 0)), "")</f>
        <v>0.75203252561341039</v>
      </c>
    </row>
    <row r="3893" spans="1:6" x14ac:dyDescent="0.2">
      <c r="A3893" s="239">
        <f>'CPT Data'!B3901</f>
        <v>38.744</v>
      </c>
      <c r="B3893" s="3">
        <f>'CPT Data'!C3901</f>
        <v>38.737000000000002</v>
      </c>
      <c r="C3893" t="str">
        <f>'CPT Data'!P3901</f>
        <v>CLAY</v>
      </c>
      <c r="D3893">
        <f>'CPT Data'!Q3901</f>
        <v>293.75949533961915</v>
      </c>
      <c r="E3893">
        <f t="shared" si="61"/>
        <v>314.78401429498422</v>
      </c>
      <c r="F3893">
        <f>IF(C3893="CLAY", INDEX(D$4:D3893, MATCH("CLAY", C$4:C3893, 0)), "")</f>
        <v>0.75203252561341039</v>
      </c>
    </row>
    <row r="3894" spans="1:6" x14ac:dyDescent="0.2">
      <c r="A3894" s="239">
        <f>'CPT Data'!B3902</f>
        <v>38.753</v>
      </c>
      <c r="B3894" s="3">
        <f>'CPT Data'!C3902</f>
        <v>38.746000000000002</v>
      </c>
      <c r="C3894" t="str">
        <f>'CPT Data'!P3902</f>
        <v>CLAY</v>
      </c>
      <c r="D3894">
        <f>'CPT Data'!Q3902</f>
        <v>284.53017712182503</v>
      </c>
      <c r="E3894">
        <f t="shared" si="61"/>
        <v>293.75949533961915</v>
      </c>
      <c r="F3894">
        <f>IF(C3894="CLAY", INDEX(D$4:D3894, MATCH("CLAY", C$4:C3894, 0)), "")</f>
        <v>0.75203252561341039</v>
      </c>
    </row>
    <row r="3895" spans="1:6" x14ac:dyDescent="0.2">
      <c r="A3895" s="239">
        <f>'CPT Data'!B3903</f>
        <v>38.762999999999998</v>
      </c>
      <c r="B3895" s="3">
        <f>'CPT Data'!C3903</f>
        <v>38.756</v>
      </c>
      <c r="C3895" t="str">
        <f>'CPT Data'!P3903</f>
        <v>CLAY</v>
      </c>
      <c r="D3895">
        <f>'CPT Data'!Q3903</f>
        <v>282.70680427868746</v>
      </c>
      <c r="E3895">
        <f t="shared" si="61"/>
        <v>284.53017712182503</v>
      </c>
      <c r="F3895">
        <f>IF(C3895="CLAY", INDEX(D$4:D3895, MATCH("CLAY", C$4:C3895, 0)), "")</f>
        <v>0.75203252561341039</v>
      </c>
    </row>
    <row r="3896" spans="1:6" x14ac:dyDescent="0.2">
      <c r="A3896" s="239">
        <f>'CPT Data'!B3904</f>
        <v>38.773000000000003</v>
      </c>
      <c r="B3896" s="3">
        <f>'CPT Data'!C3904</f>
        <v>38.766000000000005</v>
      </c>
      <c r="C3896" t="str">
        <f>'CPT Data'!P3904</f>
        <v>CLAY</v>
      </c>
      <c r="D3896">
        <f>'CPT Data'!Q3904</f>
        <v>265.30145787070836</v>
      </c>
      <c r="E3896">
        <f t="shared" si="61"/>
        <v>282.70680427868746</v>
      </c>
      <c r="F3896">
        <f>IF(C3896="CLAY", INDEX(D$4:D3896, MATCH("CLAY", C$4:C3896, 0)), "")</f>
        <v>0.75203252561341039</v>
      </c>
    </row>
    <row r="3897" spans="1:6" x14ac:dyDescent="0.2">
      <c r="A3897" s="239">
        <f>'CPT Data'!B3905</f>
        <v>38.783000000000001</v>
      </c>
      <c r="B3897" s="3">
        <f>'CPT Data'!C3905</f>
        <v>38.776000000000003</v>
      </c>
      <c r="C3897" t="str">
        <f>'CPT Data'!P3905</f>
        <v>CLAY</v>
      </c>
      <c r="D3897">
        <f>'CPT Data'!Q3905</f>
        <v>240.90379552341031</v>
      </c>
      <c r="E3897">
        <f t="shared" si="61"/>
        <v>265.30145787070836</v>
      </c>
      <c r="F3897">
        <f>IF(C3897="CLAY", INDEX(D$4:D3897, MATCH("CLAY", C$4:C3897, 0)), "")</f>
        <v>0.75203252561341039</v>
      </c>
    </row>
    <row r="3898" spans="1:6" x14ac:dyDescent="0.2">
      <c r="A3898" s="239">
        <f>'CPT Data'!B3906</f>
        <v>38.792000000000002</v>
      </c>
      <c r="B3898" s="3">
        <f>'CPT Data'!C3906</f>
        <v>38.785000000000004</v>
      </c>
      <c r="C3898" t="str">
        <f>'CPT Data'!P3906</f>
        <v>CLAY</v>
      </c>
      <c r="D3898">
        <f>'CPT Data'!Q3906</f>
        <v>232.42243539972279</v>
      </c>
      <c r="E3898">
        <f t="shared" si="61"/>
        <v>240.90379552341031</v>
      </c>
      <c r="F3898">
        <f>IF(C3898="CLAY", INDEX(D$4:D3898, MATCH("CLAY", C$4:C3898, 0)), "")</f>
        <v>0.75203252561341039</v>
      </c>
    </row>
    <row r="3899" spans="1:6" x14ac:dyDescent="0.2">
      <c r="A3899" s="239">
        <f>'CPT Data'!B3907</f>
        <v>38.802999999999997</v>
      </c>
      <c r="B3899" s="3">
        <f>'CPT Data'!C3907</f>
        <v>38.795999999999999</v>
      </c>
      <c r="C3899" t="str">
        <f>'CPT Data'!P3907</f>
        <v>CLAY</v>
      </c>
      <c r="D3899">
        <f>'CPT Data'!Q3907</f>
        <v>220.33574641274615</v>
      </c>
      <c r="E3899">
        <f t="shared" si="61"/>
        <v>232.42243539972279</v>
      </c>
      <c r="F3899">
        <f>IF(C3899="CLAY", INDEX(D$4:D3899, MATCH("CLAY", C$4:C3899, 0)), "")</f>
        <v>0.75203252561341039</v>
      </c>
    </row>
    <row r="3900" spans="1:6" x14ac:dyDescent="0.2">
      <c r="A3900" s="239">
        <f>'CPT Data'!B3908</f>
        <v>38.811999999999998</v>
      </c>
      <c r="B3900" s="3">
        <f>'CPT Data'!C3908</f>
        <v>38.805</v>
      </c>
      <c r="C3900" t="str">
        <f>'CPT Data'!P3908</f>
        <v>CLAY</v>
      </c>
      <c r="D3900">
        <f>'CPT Data'!Q3908</f>
        <v>199.4384540822897</v>
      </c>
      <c r="E3900">
        <f t="shared" si="61"/>
        <v>220.33574641274615</v>
      </c>
      <c r="F3900">
        <f>IF(C3900="CLAY", INDEX(D$4:D3900, MATCH("CLAY", C$4:C3900, 0)), "")</f>
        <v>0.75203252561341039</v>
      </c>
    </row>
    <row r="3901" spans="1:6" x14ac:dyDescent="0.2">
      <c r="A3901" s="239">
        <f>'CPT Data'!B3909</f>
        <v>38.823</v>
      </c>
      <c r="B3901" s="3">
        <f>'CPT Data'!C3909</f>
        <v>38.816000000000003</v>
      </c>
      <c r="C3901" t="str">
        <f>'CPT Data'!P3909</f>
        <v>CLAY</v>
      </c>
      <c r="D3901">
        <f>'CPT Data'!Q3909</f>
        <v>186.69334950019268</v>
      </c>
      <c r="E3901">
        <f t="shared" si="61"/>
        <v>199.4384540822897</v>
      </c>
      <c r="F3901">
        <f>IF(C3901="CLAY", INDEX(D$4:D3901, MATCH("CLAY", C$4:C3901, 0)), "")</f>
        <v>0.75203252561341039</v>
      </c>
    </row>
    <row r="3902" spans="1:6" x14ac:dyDescent="0.2">
      <c r="A3902" s="239">
        <f>'CPT Data'!B3910</f>
        <v>38.832000000000001</v>
      </c>
      <c r="B3902" s="3">
        <f>'CPT Data'!C3910</f>
        <v>38.825000000000003</v>
      </c>
      <c r="C3902" t="str">
        <f>'CPT Data'!P3910</f>
        <v>CLAY</v>
      </c>
      <c r="D3902">
        <f>'CPT Data'!Q3910</f>
        <v>172.0978672323366</v>
      </c>
      <c r="E3902">
        <f t="shared" si="61"/>
        <v>186.69334950019268</v>
      </c>
      <c r="F3902">
        <f>IF(C3902="CLAY", INDEX(D$4:D3902, MATCH("CLAY", C$4:C3902, 0)), "")</f>
        <v>0.75203252561341039</v>
      </c>
    </row>
    <row r="3903" spans="1:6" x14ac:dyDescent="0.2">
      <c r="A3903" s="239">
        <f>'CPT Data'!B3911</f>
        <v>38.841999999999999</v>
      </c>
      <c r="B3903" s="3">
        <f>'CPT Data'!C3911</f>
        <v>38.835000000000001</v>
      </c>
      <c r="C3903" t="str">
        <f>'CPT Data'!P3911</f>
        <v>CLAY</v>
      </c>
      <c r="D3903">
        <f>'CPT Data'!Q3911</f>
        <v>156.64702352997173</v>
      </c>
      <c r="E3903">
        <f t="shared" si="61"/>
        <v>172.0978672323366</v>
      </c>
      <c r="F3903">
        <f>IF(C3903="CLAY", INDEX(D$4:D3903, MATCH("CLAY", C$4:C3903, 0)), "")</f>
        <v>0.75203252561341039</v>
      </c>
    </row>
    <row r="3904" spans="1:6" x14ac:dyDescent="0.2">
      <c r="A3904" s="239">
        <f>'CPT Data'!B3912</f>
        <v>38.851999999999997</v>
      </c>
      <c r="B3904" s="3">
        <f>'CPT Data'!C3912</f>
        <v>38.844999999999999</v>
      </c>
      <c r="C3904" t="str">
        <f>'CPT Data'!P3912</f>
        <v>CLAY</v>
      </c>
      <c r="D3904">
        <f>'CPT Data'!Q3912</f>
        <v>163.66859463399157</v>
      </c>
      <c r="E3904">
        <f t="shared" si="61"/>
        <v>156.64702352997173</v>
      </c>
      <c r="F3904">
        <f>IF(C3904="CLAY", INDEX(D$4:D3904, MATCH("CLAY", C$4:C3904, 0)), "")</f>
        <v>0.75203252561341039</v>
      </c>
    </row>
    <row r="3905" spans="1:6" x14ac:dyDescent="0.2">
      <c r="A3905" s="239">
        <f>'CPT Data'!B3913</f>
        <v>38.862000000000002</v>
      </c>
      <c r="B3905" s="3">
        <f>'CPT Data'!C3913</f>
        <v>38.855000000000004</v>
      </c>
      <c r="C3905" t="str">
        <f>'CPT Data'!P3913</f>
        <v>CLAY</v>
      </c>
      <c r="D3905">
        <f>'CPT Data'!Q3913</f>
        <v>176.07172194189852</v>
      </c>
      <c r="E3905">
        <f t="shared" si="61"/>
        <v>163.66859463399157</v>
      </c>
      <c r="F3905">
        <f>IF(C3905="CLAY", INDEX(D$4:D3905, MATCH("CLAY", C$4:C3905, 0)), "")</f>
        <v>0.75203252561341039</v>
      </c>
    </row>
    <row r="3906" spans="1:6" x14ac:dyDescent="0.2">
      <c r="A3906" s="239">
        <f>'CPT Data'!B3914</f>
        <v>38.872</v>
      </c>
      <c r="B3906" s="3">
        <f>'CPT Data'!C3914</f>
        <v>38.865000000000002</v>
      </c>
      <c r="C3906" t="str">
        <f>'CPT Data'!P3914</f>
        <v>CLAY</v>
      </c>
      <c r="D3906">
        <f>'CPT Data'!Q3914</f>
        <v>187.73679555442774</v>
      </c>
      <c r="E3906">
        <f t="shared" si="61"/>
        <v>176.07172194189852</v>
      </c>
      <c r="F3906">
        <f>IF(C3906="CLAY", INDEX(D$4:D3906, MATCH("CLAY", C$4:C3906, 0)), "")</f>
        <v>0.75203252561341039</v>
      </c>
    </row>
    <row r="3907" spans="1:6" x14ac:dyDescent="0.2">
      <c r="A3907" s="239">
        <f>'CPT Data'!B3915</f>
        <v>38.881999999999998</v>
      </c>
      <c r="B3907" s="3">
        <f>'CPT Data'!C3915</f>
        <v>38.875</v>
      </c>
      <c r="C3907" t="str">
        <f>'CPT Data'!P3915</f>
        <v>CLAY</v>
      </c>
      <c r="D3907">
        <f>'CPT Data'!Q3915</f>
        <v>229.36369658281993</v>
      </c>
      <c r="E3907">
        <f t="shared" si="61"/>
        <v>187.73679555442774</v>
      </c>
      <c r="F3907">
        <f>IF(C3907="CLAY", INDEX(D$4:D3907, MATCH("CLAY", C$4:C3907, 0)), "")</f>
        <v>0.75203252561341039</v>
      </c>
    </row>
    <row r="3908" spans="1:6" x14ac:dyDescent="0.2">
      <c r="A3908" s="239">
        <f>'CPT Data'!B3916</f>
        <v>38.890999999999998</v>
      </c>
      <c r="B3908" s="3">
        <f>'CPT Data'!C3916</f>
        <v>38.884</v>
      </c>
      <c r="C3908" t="str">
        <f>'CPT Data'!P3916</f>
        <v>CLAY</v>
      </c>
      <c r="D3908">
        <f>'CPT Data'!Q3916</f>
        <v>279.8646250726386</v>
      </c>
      <c r="E3908">
        <f t="shared" si="61"/>
        <v>229.36369658281993</v>
      </c>
      <c r="F3908">
        <f>IF(C3908="CLAY", INDEX(D$4:D3908, MATCH("CLAY", C$4:C3908, 0)), "")</f>
        <v>0.75203252561341039</v>
      </c>
    </row>
    <row r="3909" spans="1:6" x14ac:dyDescent="0.2">
      <c r="A3909" s="239">
        <f>'CPT Data'!B3917</f>
        <v>38.9</v>
      </c>
      <c r="B3909" s="3">
        <f>'CPT Data'!C3917</f>
        <v>38.893000000000001</v>
      </c>
      <c r="C3909" t="str">
        <f>'CPT Data'!P3917</f>
        <v>CLAY</v>
      </c>
      <c r="D3909">
        <f>'CPT Data'!Q3917</f>
        <v>312.24277064218148</v>
      </c>
      <c r="E3909">
        <f t="shared" si="61"/>
        <v>279.8646250726386</v>
      </c>
      <c r="F3909">
        <f>IF(C3909="CLAY", INDEX(D$4:D3909, MATCH("CLAY", C$4:C3909, 0)), "")</f>
        <v>0.75203252561341039</v>
      </c>
    </row>
    <row r="3910" spans="1:6" x14ac:dyDescent="0.2">
      <c r="A3910" s="239">
        <f>'CPT Data'!B3918</f>
        <v>38.909999999999997</v>
      </c>
      <c r="B3910" s="3">
        <f>'CPT Data'!C3918</f>
        <v>38.902999999999999</v>
      </c>
      <c r="C3910" t="str">
        <f>'CPT Data'!P3918</f>
        <v>CLAY</v>
      </c>
      <c r="D3910">
        <f>'CPT Data'!Q3918</f>
        <v>360.46157865312927</v>
      </c>
      <c r="E3910">
        <f t="shared" si="61"/>
        <v>312.24277064218148</v>
      </c>
      <c r="F3910">
        <f>IF(C3910="CLAY", INDEX(D$4:D3910, MATCH("CLAY", C$4:C3910, 0)), "")</f>
        <v>0.75203252561341039</v>
      </c>
    </row>
    <row r="3911" spans="1:6" x14ac:dyDescent="0.2">
      <c r="A3911" s="239">
        <f>'CPT Data'!B3919</f>
        <v>38.92</v>
      </c>
      <c r="B3911" s="3">
        <f>'CPT Data'!C3919</f>
        <v>38.913000000000004</v>
      </c>
      <c r="C3911" t="str">
        <f>'CPT Data'!P3919</f>
        <v>CLAY</v>
      </c>
      <c r="D3911">
        <f>'CPT Data'!Q3919</f>
        <v>427.61236005627399</v>
      </c>
      <c r="E3911">
        <f t="shared" si="61"/>
        <v>360.46157865312927</v>
      </c>
      <c r="F3911">
        <f>IF(C3911="CLAY", INDEX(D$4:D3911, MATCH("CLAY", C$4:C3911, 0)), "")</f>
        <v>0.75203252561341039</v>
      </c>
    </row>
    <row r="3912" spans="1:6" x14ac:dyDescent="0.2">
      <c r="A3912" s="239">
        <f>'CPT Data'!B3920</f>
        <v>38.93</v>
      </c>
      <c r="B3912" s="3">
        <f>'CPT Data'!C3920</f>
        <v>38.923000000000002</v>
      </c>
      <c r="C3912" t="str">
        <f>'CPT Data'!P3920</f>
        <v>CLAY</v>
      </c>
      <c r="D3912">
        <f>'CPT Data'!Q3920</f>
        <v>471.761916911963</v>
      </c>
      <c r="E3912">
        <f t="shared" si="61"/>
        <v>427.61236005627399</v>
      </c>
      <c r="F3912">
        <f>IF(C3912="CLAY", INDEX(D$4:D3912, MATCH("CLAY", C$4:C3912, 0)), "")</f>
        <v>0.75203252561341039</v>
      </c>
    </row>
    <row r="3913" spans="1:6" x14ac:dyDescent="0.2">
      <c r="A3913" s="239">
        <f>'CPT Data'!B3921</f>
        <v>38.939</v>
      </c>
      <c r="B3913" s="3">
        <f>'CPT Data'!C3921</f>
        <v>38.932000000000002</v>
      </c>
      <c r="C3913" t="str">
        <f>'CPT Data'!P3921</f>
        <v>CLAY</v>
      </c>
      <c r="D3913">
        <f>'CPT Data'!Q3921</f>
        <v>514.97285085494627</v>
      </c>
      <c r="E3913">
        <f t="shared" si="61"/>
        <v>471.761916911963</v>
      </c>
      <c r="F3913">
        <f>IF(C3913="CLAY", INDEX(D$4:D3913, MATCH("CLAY", C$4:C3913, 0)), "")</f>
        <v>0.75203252561341039</v>
      </c>
    </row>
    <row r="3914" spans="1:6" x14ac:dyDescent="0.2">
      <c r="A3914" s="239">
        <f>'CPT Data'!B3922</f>
        <v>38.950000000000003</v>
      </c>
      <c r="B3914" s="3">
        <f>'CPT Data'!C3922</f>
        <v>38.943000000000005</v>
      </c>
      <c r="C3914" t="str">
        <f>'CPT Data'!P3922</f>
        <v>SAND</v>
      </c>
      <c r="D3914" t="e">
        <f>'CPT Data'!Q3922</f>
        <v>#N/A</v>
      </c>
      <c r="E3914" t="e">
        <f t="shared" si="61"/>
        <v>#N/A</v>
      </c>
      <c r="F3914" t="str">
        <f>IF(C3914="CLAY", INDEX(D$4:D3914, MATCH("CLAY", C$4:C3914, 0)), "")</f>
        <v/>
      </c>
    </row>
    <row r="3915" spans="1:6" x14ac:dyDescent="0.2">
      <c r="A3915" s="239">
        <f>'CPT Data'!B3923</f>
        <v>38.959000000000003</v>
      </c>
      <c r="B3915" s="3">
        <f>'CPT Data'!C3923</f>
        <v>38.952000000000005</v>
      </c>
      <c r="C3915" t="str">
        <f>'CPT Data'!P3923</f>
        <v>SAND</v>
      </c>
      <c r="D3915" t="e">
        <f>'CPT Data'!Q3923</f>
        <v>#N/A</v>
      </c>
      <c r="E3915" t="e">
        <f t="shared" si="61"/>
        <v>#N/A</v>
      </c>
      <c r="F3915" t="str">
        <f>IF(C3915="CLAY", INDEX(D$4:D3915, MATCH("CLAY", C$4:C3915, 0)), "")</f>
        <v/>
      </c>
    </row>
    <row r="3916" spans="1:6" x14ac:dyDescent="0.2">
      <c r="A3916" s="239">
        <f>'CPT Data'!B3924</f>
        <v>38.969000000000001</v>
      </c>
      <c r="B3916" s="3">
        <f>'CPT Data'!C3924</f>
        <v>38.962000000000003</v>
      </c>
      <c r="C3916" t="str">
        <f>'CPT Data'!P3924</f>
        <v>SAND</v>
      </c>
      <c r="D3916" t="e">
        <f>'CPT Data'!Q3924</f>
        <v>#N/A</v>
      </c>
      <c r="E3916" t="e">
        <f t="shared" si="61"/>
        <v>#N/A</v>
      </c>
      <c r="F3916" t="str">
        <f>IF(C3916="CLAY", INDEX(D$4:D3916, MATCH("CLAY", C$4:C3916, 0)), "")</f>
        <v/>
      </c>
    </row>
    <row r="3917" spans="1:6" x14ac:dyDescent="0.2">
      <c r="A3917" s="239">
        <f>'CPT Data'!B3925</f>
        <v>38.979999999999997</v>
      </c>
      <c r="B3917" s="3">
        <f>'CPT Data'!C3925</f>
        <v>38.972999999999999</v>
      </c>
      <c r="C3917" t="str">
        <f>'CPT Data'!P3925</f>
        <v>CLAY</v>
      </c>
      <c r="D3917">
        <f>'CPT Data'!Q3925</f>
        <v>518.92797784072286</v>
      </c>
      <c r="E3917">
        <f t="shared" si="61"/>
        <v>518.92797784072286</v>
      </c>
      <c r="F3917">
        <f>IF(C3917="CLAY", INDEX(D$4:D3917, MATCH("CLAY", C$4:C3917, 0)), "")</f>
        <v>0.75203252561341039</v>
      </c>
    </row>
    <row r="3918" spans="1:6" x14ac:dyDescent="0.2">
      <c r="A3918" s="239">
        <f>'CPT Data'!B3926</f>
        <v>38.99</v>
      </c>
      <c r="B3918" s="3">
        <f>'CPT Data'!C3926</f>
        <v>38.983000000000004</v>
      </c>
      <c r="C3918" t="str">
        <f>'CPT Data'!P3926</f>
        <v>CLAY</v>
      </c>
      <c r="D3918">
        <f>'CPT Data'!Q3926</f>
        <v>475.2442896392472</v>
      </c>
      <c r="E3918">
        <f t="shared" si="61"/>
        <v>518.92797784072286</v>
      </c>
      <c r="F3918">
        <f>IF(C3918="CLAY", INDEX(D$4:D3918, MATCH("CLAY", C$4:C3918, 0)), "")</f>
        <v>0.75203252561341039</v>
      </c>
    </row>
    <row r="3919" spans="1:6" x14ac:dyDescent="0.2">
      <c r="A3919" s="239">
        <f>'CPT Data'!B3927</f>
        <v>38.999000000000002</v>
      </c>
      <c r="B3919" s="3">
        <f>'CPT Data'!C3927</f>
        <v>38.992000000000004</v>
      </c>
      <c r="C3919" t="str">
        <f>'CPT Data'!P3927</f>
        <v>CLAY</v>
      </c>
      <c r="D3919">
        <f>'CPT Data'!Q3927</f>
        <v>422.73848252898227</v>
      </c>
      <c r="E3919">
        <f t="shared" si="61"/>
        <v>475.2442896392472</v>
      </c>
      <c r="F3919">
        <f>IF(C3919="CLAY", INDEX(D$4:D3919, MATCH("CLAY", C$4:C3919, 0)), "")</f>
        <v>0.75203252561341039</v>
      </c>
    </row>
    <row r="3920" spans="1:6" x14ac:dyDescent="0.2">
      <c r="A3920" s="239">
        <f>'CPT Data'!B3928</f>
        <v>39.009</v>
      </c>
      <c r="B3920" s="3">
        <f>'CPT Data'!C3928</f>
        <v>39.002000000000002</v>
      </c>
      <c r="C3920" t="str">
        <f>'CPT Data'!P3928</f>
        <v>CLAY</v>
      </c>
      <c r="D3920">
        <f>'CPT Data'!Q3928</f>
        <v>365.89472219184955</v>
      </c>
      <c r="E3920">
        <f t="shared" si="61"/>
        <v>422.73848252898227</v>
      </c>
      <c r="F3920">
        <f>IF(C3920="CLAY", INDEX(D$4:D3920, MATCH("CLAY", C$4:C3920, 0)), "")</f>
        <v>0.75203252561341039</v>
      </c>
    </row>
    <row r="3921" spans="1:6" x14ac:dyDescent="0.2">
      <c r="A3921" s="239">
        <f>'CPT Data'!B3929</f>
        <v>39.018999999999998</v>
      </c>
      <c r="B3921" s="3">
        <f>'CPT Data'!C3929</f>
        <v>39.012</v>
      </c>
      <c r="C3921" t="str">
        <f>'CPT Data'!P3929</f>
        <v>CLAY</v>
      </c>
      <c r="D3921">
        <f>'CPT Data'!Q3929</f>
        <v>321.34747357714701</v>
      </c>
      <c r="E3921">
        <f t="shared" si="61"/>
        <v>365.89472219184955</v>
      </c>
      <c r="F3921">
        <f>IF(C3921="CLAY", INDEX(D$4:D3921, MATCH("CLAY", C$4:C3921, 0)), "")</f>
        <v>0.75203252561341039</v>
      </c>
    </row>
    <row r="3922" spans="1:6" x14ac:dyDescent="0.2">
      <c r="A3922" s="239">
        <f>'CPT Data'!B3930</f>
        <v>39.029000000000003</v>
      </c>
      <c r="B3922" s="3">
        <f>'CPT Data'!C3930</f>
        <v>39.022000000000006</v>
      </c>
      <c r="C3922" t="str">
        <f>'CPT Data'!P3930</f>
        <v>CLAY</v>
      </c>
      <c r="D3922">
        <f>'CPT Data'!Q3930</f>
        <v>278.22077632452846</v>
      </c>
      <c r="E3922">
        <f t="shared" si="61"/>
        <v>321.34747357714701</v>
      </c>
      <c r="F3922">
        <f>IF(C3922="CLAY", INDEX(D$4:D3922, MATCH("CLAY", C$4:C3922, 0)), "")</f>
        <v>0.75203252561341039</v>
      </c>
    </row>
    <row r="3923" spans="1:6" x14ac:dyDescent="0.2">
      <c r="A3923" s="239">
        <f>'CPT Data'!B3931</f>
        <v>39.039000000000001</v>
      </c>
      <c r="B3923" s="3">
        <f>'CPT Data'!C3931</f>
        <v>39.032000000000004</v>
      </c>
      <c r="C3923" t="str">
        <f>'CPT Data'!P3931</f>
        <v>CLAY</v>
      </c>
      <c r="D3923">
        <f>'CPT Data'!Q3931</f>
        <v>225.3422563439311</v>
      </c>
      <c r="E3923">
        <f t="shared" si="61"/>
        <v>278.22077632452846</v>
      </c>
      <c r="F3923">
        <f>IF(C3923="CLAY", INDEX(D$4:D3923, MATCH("CLAY", C$4:C3923, 0)), "")</f>
        <v>0.75203252561341039</v>
      </c>
    </row>
    <row r="3924" spans="1:6" x14ac:dyDescent="0.2">
      <c r="A3924" s="239">
        <f>'CPT Data'!B3932</f>
        <v>39.048999999999999</v>
      </c>
      <c r="B3924" s="3">
        <f>'CPT Data'!C3932</f>
        <v>39.042000000000002</v>
      </c>
      <c r="C3924" t="str">
        <f>'CPT Data'!P3932</f>
        <v>CLAY</v>
      </c>
      <c r="D3924">
        <f>'CPT Data'!Q3932</f>
        <v>185.69973048754991</v>
      </c>
      <c r="E3924">
        <f t="shared" si="61"/>
        <v>225.3422563439311</v>
      </c>
      <c r="F3924">
        <f>IF(C3924="CLAY", INDEX(D$4:D3924, MATCH("CLAY", C$4:C3924, 0)), "")</f>
        <v>0.75203252561341039</v>
      </c>
    </row>
    <row r="3925" spans="1:6" x14ac:dyDescent="0.2">
      <c r="A3925" s="239">
        <f>'CPT Data'!B3933</f>
        <v>39.058999999999997</v>
      </c>
      <c r="B3925" s="3">
        <f>'CPT Data'!C3933</f>
        <v>39.052</v>
      </c>
      <c r="C3925" t="str">
        <f>'CPT Data'!P3933</f>
        <v>CLAY</v>
      </c>
      <c r="D3925">
        <f>'CPT Data'!Q3933</f>
        <v>159.38287513516354</v>
      </c>
      <c r="E3925">
        <f t="shared" si="61"/>
        <v>185.69973048754991</v>
      </c>
      <c r="F3925">
        <f>IF(C3925="CLAY", INDEX(D$4:D3925, MATCH("CLAY", C$4:C3925, 0)), "")</f>
        <v>0.75203252561341039</v>
      </c>
    </row>
    <row r="3926" spans="1:6" x14ac:dyDescent="0.2">
      <c r="A3926" s="239">
        <f>'CPT Data'!B3934</f>
        <v>39.069000000000003</v>
      </c>
      <c r="B3926" s="3">
        <f>'CPT Data'!C3934</f>
        <v>39.062000000000005</v>
      </c>
      <c r="C3926" t="str">
        <f>'CPT Data'!P3934</f>
        <v>CLAY</v>
      </c>
      <c r="D3926">
        <f>'CPT Data'!Q3934</f>
        <v>143.82831399913445</v>
      </c>
      <c r="E3926">
        <f t="shared" si="61"/>
        <v>159.38287513516354</v>
      </c>
      <c r="F3926">
        <f>IF(C3926="CLAY", INDEX(D$4:D3926, MATCH("CLAY", C$4:C3926, 0)), "")</f>
        <v>0.75203252561341039</v>
      </c>
    </row>
    <row r="3927" spans="1:6" x14ac:dyDescent="0.2">
      <c r="A3927" s="239">
        <f>'CPT Data'!B3935</f>
        <v>39.078000000000003</v>
      </c>
      <c r="B3927" s="3">
        <f>'CPT Data'!C3935</f>
        <v>39.071000000000005</v>
      </c>
      <c r="C3927" t="str">
        <f>'CPT Data'!P3935</f>
        <v>CLAY</v>
      </c>
      <c r="D3927">
        <f>'CPT Data'!Q3935</f>
        <v>139.30816880944653</v>
      </c>
      <c r="E3927">
        <f t="shared" si="61"/>
        <v>143.82831399913445</v>
      </c>
      <c r="F3927">
        <f>IF(C3927="CLAY", INDEX(D$4:D3927, MATCH("CLAY", C$4:C3927, 0)), "")</f>
        <v>0.75203252561341039</v>
      </c>
    </row>
    <row r="3928" spans="1:6" x14ac:dyDescent="0.2">
      <c r="A3928" s="239">
        <f>'CPT Data'!B3936</f>
        <v>39.088999999999999</v>
      </c>
      <c r="B3928" s="3">
        <f>'CPT Data'!C3936</f>
        <v>39.082000000000001</v>
      </c>
      <c r="C3928" t="str">
        <f>'CPT Data'!P3936</f>
        <v>CLAY</v>
      </c>
      <c r="D3928">
        <f>'CPT Data'!Q3936</f>
        <v>135.50545362243054</v>
      </c>
      <c r="E3928">
        <f t="shared" si="61"/>
        <v>139.30816880944653</v>
      </c>
      <c r="F3928">
        <f>IF(C3928="CLAY", INDEX(D$4:D3928, MATCH("CLAY", C$4:C3928, 0)), "")</f>
        <v>0.75203252561341039</v>
      </c>
    </row>
    <row r="3929" spans="1:6" x14ac:dyDescent="0.2">
      <c r="A3929" s="239">
        <f>'CPT Data'!B3937</f>
        <v>39.097999999999999</v>
      </c>
      <c r="B3929" s="3">
        <f>'CPT Data'!C3937</f>
        <v>39.091000000000001</v>
      </c>
      <c r="C3929" t="str">
        <f>'CPT Data'!P3937</f>
        <v>CLAY</v>
      </c>
      <c r="D3929">
        <f>'CPT Data'!Q3937</f>
        <v>133.66187510826316</v>
      </c>
      <c r="E3929">
        <f t="shared" si="61"/>
        <v>135.50545362243054</v>
      </c>
      <c r="F3929">
        <f>IF(C3929="CLAY", INDEX(D$4:D3929, MATCH("CLAY", C$4:C3929, 0)), "")</f>
        <v>0.75203252561341039</v>
      </c>
    </row>
    <row r="3930" spans="1:6" x14ac:dyDescent="0.2">
      <c r="A3930" s="239">
        <f>'CPT Data'!B3938</f>
        <v>39.107999999999997</v>
      </c>
      <c r="B3930" s="3">
        <f>'CPT Data'!C3938</f>
        <v>39.100999999999999</v>
      </c>
      <c r="C3930" t="str">
        <f>'CPT Data'!P3938</f>
        <v>CLAY</v>
      </c>
      <c r="D3930">
        <f>'CPT Data'!Q3938</f>
        <v>131.22715241294799</v>
      </c>
      <c r="E3930">
        <f t="shared" si="61"/>
        <v>133.66187510826316</v>
      </c>
      <c r="F3930">
        <f>IF(C3930="CLAY", INDEX(D$4:D3930, MATCH("CLAY", C$4:C3930, 0)), "")</f>
        <v>0.75203252561341039</v>
      </c>
    </row>
    <row r="3931" spans="1:6" x14ac:dyDescent="0.2">
      <c r="A3931" s="239">
        <f>'CPT Data'!B3939</f>
        <v>39.116999999999997</v>
      </c>
      <c r="B3931" s="3">
        <f>'CPT Data'!C3939</f>
        <v>39.11</v>
      </c>
      <c r="C3931" t="str">
        <f>'CPT Data'!P3939</f>
        <v>CLAY</v>
      </c>
      <c r="D3931">
        <f>'CPT Data'!Q3939</f>
        <v>128.02300264491248</v>
      </c>
      <c r="E3931">
        <f t="shared" ref="E3931:E3994" si="62">IF(C3931="SAND",#N/A,IF(C3931=C3930,D3930,IF(C3931="CLAY",D3931,#N/A)))</f>
        <v>131.22715241294799</v>
      </c>
      <c r="F3931">
        <f>IF(C3931="CLAY", INDEX(D$4:D3931, MATCH("CLAY", C$4:C3931, 0)), "")</f>
        <v>0.75203252561341039</v>
      </c>
    </row>
    <row r="3932" spans="1:6" x14ac:dyDescent="0.2">
      <c r="A3932" s="239">
        <f>'CPT Data'!B3940</f>
        <v>39.127000000000002</v>
      </c>
      <c r="B3932" s="3">
        <f>'CPT Data'!C3940</f>
        <v>39.120000000000005</v>
      </c>
      <c r="C3932" t="str">
        <f>'CPT Data'!P3940</f>
        <v>CLAY</v>
      </c>
      <c r="D3932">
        <f>'CPT Data'!Q3940</f>
        <v>127.26391990853261</v>
      </c>
      <c r="E3932">
        <f t="shared" si="62"/>
        <v>128.02300264491248</v>
      </c>
      <c r="F3932">
        <f>IF(C3932="CLAY", INDEX(D$4:D3932, MATCH("CLAY", C$4:C3932, 0)), "")</f>
        <v>0.75203252561341039</v>
      </c>
    </row>
    <row r="3933" spans="1:6" x14ac:dyDescent="0.2">
      <c r="A3933" s="239">
        <f>'CPT Data'!B3941</f>
        <v>39.137</v>
      </c>
      <c r="B3933" s="3">
        <f>'CPT Data'!C3941</f>
        <v>39.130000000000003</v>
      </c>
      <c r="C3933" t="str">
        <f>'CPT Data'!P3941</f>
        <v>CLAY</v>
      </c>
      <c r="D3933">
        <f>'CPT Data'!Q3941</f>
        <v>129.54590537130832</v>
      </c>
      <c r="E3933">
        <f t="shared" si="62"/>
        <v>127.26391990853261</v>
      </c>
      <c r="F3933">
        <f>IF(C3933="CLAY", INDEX(D$4:D3933, MATCH("CLAY", C$4:C3933, 0)), "")</f>
        <v>0.75203252561341039</v>
      </c>
    </row>
    <row r="3934" spans="1:6" x14ac:dyDescent="0.2">
      <c r="A3934" s="239">
        <f>'CPT Data'!B3942</f>
        <v>39.148000000000003</v>
      </c>
      <c r="B3934" s="3">
        <f>'CPT Data'!C3942</f>
        <v>39.141000000000005</v>
      </c>
      <c r="C3934" t="str">
        <f>'CPT Data'!P3942</f>
        <v>CLAY</v>
      </c>
      <c r="D3934">
        <f>'CPT Data'!Q3942</f>
        <v>133.66779305826233</v>
      </c>
      <c r="E3934">
        <f t="shared" si="62"/>
        <v>129.54590537130832</v>
      </c>
      <c r="F3934">
        <f>IF(C3934="CLAY", INDEX(D$4:D3934, MATCH("CLAY", C$4:C3934, 0)), "")</f>
        <v>0.75203252561341039</v>
      </c>
    </row>
    <row r="3935" spans="1:6" x14ac:dyDescent="0.2">
      <c r="A3935" s="239">
        <f>'CPT Data'!B3943</f>
        <v>39.156999999999996</v>
      </c>
      <c r="B3935" s="3">
        <f>'CPT Data'!C3943</f>
        <v>39.15</v>
      </c>
      <c r="C3935" t="str">
        <f>'CPT Data'!P3943</f>
        <v>CLAY</v>
      </c>
      <c r="D3935">
        <f>'CPT Data'!Q3943</f>
        <v>136.43061688171016</v>
      </c>
      <c r="E3935">
        <f t="shared" si="62"/>
        <v>133.66779305826233</v>
      </c>
      <c r="F3935">
        <f>IF(C3935="CLAY", INDEX(D$4:D3935, MATCH("CLAY", C$4:C3935, 0)), "")</f>
        <v>0.75203252561341039</v>
      </c>
    </row>
    <row r="3936" spans="1:6" x14ac:dyDescent="0.2">
      <c r="A3936" s="239">
        <f>'CPT Data'!B3944</f>
        <v>39.167999999999999</v>
      </c>
      <c r="B3936" s="3">
        <f>'CPT Data'!C3944</f>
        <v>39.161000000000001</v>
      </c>
      <c r="C3936" t="str">
        <f>'CPT Data'!P3944</f>
        <v>CLAY</v>
      </c>
      <c r="D3936">
        <f>'CPT Data'!Q3944</f>
        <v>140.65406409050331</v>
      </c>
      <c r="E3936">
        <f t="shared" si="62"/>
        <v>136.43061688171016</v>
      </c>
      <c r="F3936">
        <f>IF(C3936="CLAY", INDEX(D$4:D3936, MATCH("CLAY", C$4:C3936, 0)), "")</f>
        <v>0.75203252561341039</v>
      </c>
    </row>
    <row r="3937" spans="1:6" x14ac:dyDescent="0.2">
      <c r="A3937" s="239">
        <f>'CPT Data'!B3945</f>
        <v>39.177</v>
      </c>
      <c r="B3937" s="3">
        <f>'CPT Data'!C3945</f>
        <v>39.17</v>
      </c>
      <c r="C3937" t="str">
        <f>'CPT Data'!P3945</f>
        <v>CLAY</v>
      </c>
      <c r="D3937">
        <f>'CPT Data'!Q3945</f>
        <v>141.94060614294185</v>
      </c>
      <c r="E3937">
        <f t="shared" si="62"/>
        <v>140.65406409050331</v>
      </c>
      <c r="F3937">
        <f>IF(C3937="CLAY", INDEX(D$4:D3937, MATCH("CLAY", C$4:C3937, 0)), "")</f>
        <v>0.75203252561341039</v>
      </c>
    </row>
    <row r="3938" spans="1:6" x14ac:dyDescent="0.2">
      <c r="A3938" s="239">
        <f>'CPT Data'!B3946</f>
        <v>39.186</v>
      </c>
      <c r="B3938" s="3">
        <f>'CPT Data'!C3946</f>
        <v>39.179000000000002</v>
      </c>
      <c r="C3938" t="str">
        <f>'CPT Data'!P3946</f>
        <v>CLAY</v>
      </c>
      <c r="D3938">
        <f>'CPT Data'!Q3946</f>
        <v>141.77462125439828</v>
      </c>
      <c r="E3938">
        <f t="shared" si="62"/>
        <v>141.94060614294185</v>
      </c>
      <c r="F3938">
        <f>IF(C3938="CLAY", INDEX(D$4:D3938, MATCH("CLAY", C$4:C3938, 0)), "")</f>
        <v>0.75203252561341039</v>
      </c>
    </row>
    <row r="3939" spans="1:6" x14ac:dyDescent="0.2">
      <c r="A3939" s="239">
        <f>'CPT Data'!B3947</f>
        <v>39.197000000000003</v>
      </c>
      <c r="B3939" s="3">
        <f>'CPT Data'!C3947</f>
        <v>39.190000000000005</v>
      </c>
      <c r="C3939" t="str">
        <f>'CPT Data'!P3947</f>
        <v>CLAY</v>
      </c>
      <c r="D3939">
        <f>'CPT Data'!Q3947</f>
        <v>139.48513270732943</v>
      </c>
      <c r="E3939">
        <f t="shared" si="62"/>
        <v>141.77462125439828</v>
      </c>
      <c r="F3939">
        <f>IF(C3939="CLAY", INDEX(D$4:D3939, MATCH("CLAY", C$4:C3939, 0)), "")</f>
        <v>0.75203252561341039</v>
      </c>
    </row>
    <row r="3940" spans="1:6" x14ac:dyDescent="0.2">
      <c r="A3940" s="239">
        <f>'CPT Data'!B3948</f>
        <v>39.207000000000001</v>
      </c>
      <c r="B3940" s="3">
        <f>'CPT Data'!C3948</f>
        <v>39.200000000000003</v>
      </c>
      <c r="C3940" t="str">
        <f>'CPT Data'!P3948</f>
        <v>CLAY</v>
      </c>
      <c r="D3940">
        <f>'CPT Data'!Q3948</f>
        <v>137.39532029092899</v>
      </c>
      <c r="E3940">
        <f t="shared" si="62"/>
        <v>139.48513270732943</v>
      </c>
      <c r="F3940">
        <f>IF(C3940="CLAY", INDEX(D$4:D3940, MATCH("CLAY", C$4:C3940, 0)), "")</f>
        <v>0.75203252561341039</v>
      </c>
    </row>
    <row r="3941" spans="1:6" x14ac:dyDescent="0.2">
      <c r="A3941" s="239">
        <f>'CPT Data'!B3949</f>
        <v>39.216999999999999</v>
      </c>
      <c r="B3941" s="3">
        <f>'CPT Data'!C3949</f>
        <v>39.21</v>
      </c>
      <c r="C3941" t="str">
        <f>'CPT Data'!P3949</f>
        <v>CLAY</v>
      </c>
      <c r="D3941">
        <f>'CPT Data'!Q3949</f>
        <v>136.21115360237289</v>
      </c>
      <c r="E3941">
        <f t="shared" si="62"/>
        <v>137.39532029092899</v>
      </c>
      <c r="F3941">
        <f>IF(C3941="CLAY", INDEX(D$4:D3941, MATCH("CLAY", C$4:C3941, 0)), "")</f>
        <v>0.75203252561341039</v>
      </c>
    </row>
    <row r="3942" spans="1:6" x14ac:dyDescent="0.2">
      <c r="A3942" s="239">
        <f>'CPT Data'!B3950</f>
        <v>39.226999999999997</v>
      </c>
      <c r="B3942" s="3">
        <f>'CPT Data'!C3950</f>
        <v>39.22</v>
      </c>
      <c r="C3942" t="str">
        <f>'CPT Data'!P3950</f>
        <v>CLAY</v>
      </c>
      <c r="D3942">
        <f>'CPT Data'!Q3950</f>
        <v>136.7453101568681</v>
      </c>
      <c r="E3942">
        <f t="shared" si="62"/>
        <v>136.21115360237289</v>
      </c>
      <c r="F3942">
        <f>IF(C3942="CLAY", INDEX(D$4:D3942, MATCH("CLAY", C$4:C3942, 0)), "")</f>
        <v>0.75203252561341039</v>
      </c>
    </row>
    <row r="3943" spans="1:6" x14ac:dyDescent="0.2">
      <c r="A3943" s="239">
        <f>'CPT Data'!B3951</f>
        <v>39.237000000000002</v>
      </c>
      <c r="B3943" s="3">
        <f>'CPT Data'!C3951</f>
        <v>39.230000000000004</v>
      </c>
      <c r="C3943" t="str">
        <f>'CPT Data'!P3951</f>
        <v>CLAY</v>
      </c>
      <c r="D3943">
        <f>'CPT Data'!Q3951</f>
        <v>138.29942092601382</v>
      </c>
      <c r="E3943">
        <f t="shared" si="62"/>
        <v>136.7453101568681</v>
      </c>
      <c r="F3943">
        <f>IF(C3943="CLAY", INDEX(D$4:D3943, MATCH("CLAY", C$4:C3943, 0)), "")</f>
        <v>0.75203252561341039</v>
      </c>
    </row>
    <row r="3944" spans="1:6" x14ac:dyDescent="0.2">
      <c r="A3944" s="239">
        <f>'CPT Data'!B3952</f>
        <v>39.246000000000002</v>
      </c>
      <c r="B3944" s="3">
        <f>'CPT Data'!C3952</f>
        <v>39.239000000000004</v>
      </c>
      <c r="C3944" t="str">
        <f>'CPT Data'!P3952</f>
        <v>CLAY</v>
      </c>
      <c r="D3944">
        <f>'CPT Data'!Q3952</f>
        <v>138.73138435793786</v>
      </c>
      <c r="E3944">
        <f t="shared" si="62"/>
        <v>138.29942092601382</v>
      </c>
      <c r="F3944">
        <f>IF(C3944="CLAY", INDEX(D$4:D3944, MATCH("CLAY", C$4:C3944, 0)), "")</f>
        <v>0.75203252561341039</v>
      </c>
    </row>
    <row r="3945" spans="1:6" x14ac:dyDescent="0.2">
      <c r="A3945" s="239">
        <f>'CPT Data'!B3953</f>
        <v>39.256999999999998</v>
      </c>
      <c r="B3945" s="3">
        <f>'CPT Data'!C3953</f>
        <v>39.25</v>
      </c>
      <c r="C3945" t="str">
        <f>'CPT Data'!P3953</f>
        <v>CLAY</v>
      </c>
      <c r="D3945">
        <f>'CPT Data'!Q3953</f>
        <v>138.81321457296136</v>
      </c>
      <c r="E3945">
        <f t="shared" si="62"/>
        <v>138.73138435793786</v>
      </c>
      <c r="F3945">
        <f>IF(C3945="CLAY", INDEX(D$4:D3945, MATCH("CLAY", C$4:C3945, 0)), "")</f>
        <v>0.75203252561341039</v>
      </c>
    </row>
    <row r="3946" spans="1:6" x14ac:dyDescent="0.2">
      <c r="A3946" s="239">
        <f>'CPT Data'!B3954</f>
        <v>39.265999999999998</v>
      </c>
      <c r="B3946" s="3">
        <f>'CPT Data'!C3954</f>
        <v>39.259</v>
      </c>
      <c r="C3946" t="str">
        <f>'CPT Data'!P3954</f>
        <v>CLAY</v>
      </c>
      <c r="D3946">
        <f>'CPT Data'!Q3954</f>
        <v>140.89983737675263</v>
      </c>
      <c r="E3946">
        <f t="shared" si="62"/>
        <v>138.81321457296136</v>
      </c>
      <c r="F3946">
        <f>IF(C3946="CLAY", INDEX(D$4:D3946, MATCH("CLAY", C$4:C3946, 0)), "")</f>
        <v>0.75203252561341039</v>
      </c>
    </row>
    <row r="3947" spans="1:6" x14ac:dyDescent="0.2">
      <c r="A3947" s="239">
        <f>'CPT Data'!B3955</f>
        <v>39.277000000000001</v>
      </c>
      <c r="B3947" s="3">
        <f>'CPT Data'!C3955</f>
        <v>39.270000000000003</v>
      </c>
      <c r="C3947" t="str">
        <f>'CPT Data'!P3955</f>
        <v>CLAY</v>
      </c>
      <c r="D3947">
        <f>'CPT Data'!Q3955</f>
        <v>143.45068194681519</v>
      </c>
      <c r="E3947">
        <f t="shared" si="62"/>
        <v>140.89983737675263</v>
      </c>
      <c r="F3947">
        <f>IF(C3947="CLAY", INDEX(D$4:D3947, MATCH("CLAY", C$4:C3947, 0)), "")</f>
        <v>0.75203252561341039</v>
      </c>
    </row>
    <row r="3948" spans="1:6" x14ac:dyDescent="0.2">
      <c r="A3948" s="239">
        <f>'CPT Data'!B3956</f>
        <v>39.286000000000001</v>
      </c>
      <c r="B3948" s="3">
        <f>'CPT Data'!C3956</f>
        <v>39.279000000000003</v>
      </c>
      <c r="C3948" t="str">
        <f>'CPT Data'!P3956</f>
        <v>CLAY</v>
      </c>
      <c r="D3948">
        <f>'CPT Data'!Q3956</f>
        <v>144.32163899452271</v>
      </c>
      <c r="E3948">
        <f t="shared" si="62"/>
        <v>143.45068194681519</v>
      </c>
      <c r="F3948">
        <f>IF(C3948="CLAY", INDEX(D$4:D3948, MATCH("CLAY", C$4:C3948, 0)), "")</f>
        <v>0.75203252561341039</v>
      </c>
    </row>
    <row r="3949" spans="1:6" x14ac:dyDescent="0.2">
      <c r="A3949" s="239">
        <f>'CPT Data'!B3957</f>
        <v>39.295999999999999</v>
      </c>
      <c r="B3949" s="3">
        <f>'CPT Data'!C3957</f>
        <v>39.289000000000001</v>
      </c>
      <c r="C3949" t="str">
        <f>'CPT Data'!P3957</f>
        <v>CLAY</v>
      </c>
      <c r="D3949">
        <f>'CPT Data'!Q3957</f>
        <v>145.01297062206291</v>
      </c>
      <c r="E3949">
        <f t="shared" si="62"/>
        <v>144.32163899452271</v>
      </c>
      <c r="F3949">
        <f>IF(C3949="CLAY", INDEX(D$4:D3949, MATCH("CLAY", C$4:C3949, 0)), "")</f>
        <v>0.75203252561341039</v>
      </c>
    </row>
    <row r="3950" spans="1:6" x14ac:dyDescent="0.2">
      <c r="A3950" s="239">
        <f>'CPT Data'!B3958</f>
        <v>39.305999999999997</v>
      </c>
      <c r="B3950" s="3">
        <f>'CPT Data'!C3958</f>
        <v>39.298999999999999</v>
      </c>
      <c r="C3950" t="str">
        <f>'CPT Data'!P3958</f>
        <v>CLAY</v>
      </c>
      <c r="D3950">
        <f>'CPT Data'!Q3958</f>
        <v>144.83100019606448</v>
      </c>
      <c r="E3950">
        <f t="shared" si="62"/>
        <v>145.01297062206291</v>
      </c>
      <c r="F3950">
        <f>IF(C3950="CLAY", INDEX(D$4:D3950, MATCH("CLAY", C$4:C3950, 0)), "")</f>
        <v>0.75203252561341039</v>
      </c>
    </row>
    <row r="3951" spans="1:6" x14ac:dyDescent="0.2">
      <c r="A3951" s="239">
        <f>'CPT Data'!B3959</f>
        <v>39.316000000000003</v>
      </c>
      <c r="B3951" s="3">
        <f>'CPT Data'!C3959</f>
        <v>39.309000000000005</v>
      </c>
      <c r="C3951" t="str">
        <f>'CPT Data'!P3959</f>
        <v>CLAY</v>
      </c>
      <c r="D3951">
        <f>'CPT Data'!Q3959</f>
        <v>143.90705899224821</v>
      </c>
      <c r="E3951">
        <f t="shared" si="62"/>
        <v>144.83100019606448</v>
      </c>
      <c r="F3951">
        <f>IF(C3951="CLAY", INDEX(D$4:D3951, MATCH("CLAY", C$4:C3951, 0)), "")</f>
        <v>0.75203252561341039</v>
      </c>
    </row>
    <row r="3952" spans="1:6" x14ac:dyDescent="0.2">
      <c r="A3952" s="239">
        <f>'CPT Data'!B3960</f>
        <v>39.326000000000001</v>
      </c>
      <c r="B3952" s="3">
        <f>'CPT Data'!C3960</f>
        <v>39.319000000000003</v>
      </c>
      <c r="C3952" t="str">
        <f>'CPT Data'!P3960</f>
        <v>CLAY</v>
      </c>
      <c r="D3952">
        <f>'CPT Data'!Q3960</f>
        <v>143.48933314795187</v>
      </c>
      <c r="E3952">
        <f t="shared" si="62"/>
        <v>143.90705899224821</v>
      </c>
      <c r="F3952">
        <f>IF(C3952="CLAY", INDEX(D$4:D3952, MATCH("CLAY", C$4:C3952, 0)), "")</f>
        <v>0.75203252561341039</v>
      </c>
    </row>
    <row r="3953" spans="1:6" x14ac:dyDescent="0.2">
      <c r="A3953" s="239">
        <f>'CPT Data'!B3961</f>
        <v>39.335999999999999</v>
      </c>
      <c r="B3953" s="3">
        <f>'CPT Data'!C3961</f>
        <v>39.329000000000001</v>
      </c>
      <c r="C3953" t="str">
        <f>'CPT Data'!P3961</f>
        <v>CLAY</v>
      </c>
      <c r="D3953">
        <f>'CPT Data'!Q3961</f>
        <v>144.41409959441998</v>
      </c>
      <c r="E3953">
        <f t="shared" si="62"/>
        <v>143.48933314795187</v>
      </c>
      <c r="F3953">
        <f>IF(C3953="CLAY", INDEX(D$4:D3953, MATCH("CLAY", C$4:C3953, 0)), "")</f>
        <v>0.75203252561341039</v>
      </c>
    </row>
    <row r="3954" spans="1:6" x14ac:dyDescent="0.2">
      <c r="A3954" s="239">
        <f>'CPT Data'!B3962</f>
        <v>39.345999999999997</v>
      </c>
      <c r="B3954" s="3">
        <f>'CPT Data'!C3962</f>
        <v>39.338999999999999</v>
      </c>
      <c r="C3954" t="str">
        <f>'CPT Data'!P3962</f>
        <v>CLAY</v>
      </c>
      <c r="D3954">
        <f>'CPT Data'!Q3962</f>
        <v>145.26230953850407</v>
      </c>
      <c r="E3954">
        <f t="shared" si="62"/>
        <v>144.41409959441998</v>
      </c>
      <c r="F3954">
        <f>IF(C3954="CLAY", INDEX(D$4:D3954, MATCH("CLAY", C$4:C3954, 0)), "")</f>
        <v>0.75203252561341039</v>
      </c>
    </row>
    <row r="3955" spans="1:6" x14ac:dyDescent="0.2">
      <c r="A3955" s="239">
        <f>'CPT Data'!B3963</f>
        <v>39.356000000000002</v>
      </c>
      <c r="B3955" s="3">
        <f>'CPT Data'!C3963</f>
        <v>39.349000000000004</v>
      </c>
      <c r="C3955" t="str">
        <f>'CPT Data'!P3963</f>
        <v>CLAY</v>
      </c>
      <c r="D3955">
        <f>'CPT Data'!Q3963</f>
        <v>144.6510011091369</v>
      </c>
      <c r="E3955">
        <f t="shared" si="62"/>
        <v>145.26230953850407</v>
      </c>
      <c r="F3955">
        <f>IF(C3955="CLAY", INDEX(D$4:D3955, MATCH("CLAY", C$4:C3955, 0)), "")</f>
        <v>0.75203252561341039</v>
      </c>
    </row>
    <row r="3956" spans="1:6" x14ac:dyDescent="0.2">
      <c r="A3956" s="239">
        <f>'CPT Data'!B3964</f>
        <v>39.366</v>
      </c>
      <c r="B3956" s="3">
        <f>'CPT Data'!C3964</f>
        <v>39.359000000000002</v>
      </c>
      <c r="C3956" t="str">
        <f>'CPT Data'!P3964</f>
        <v>CLAY</v>
      </c>
      <c r="D3956">
        <f>'CPT Data'!Q3964</f>
        <v>144.28564859970021</v>
      </c>
      <c r="E3956">
        <f t="shared" si="62"/>
        <v>144.6510011091369</v>
      </c>
      <c r="F3956">
        <f>IF(C3956="CLAY", INDEX(D$4:D3956, MATCH("CLAY", C$4:C3956, 0)), "")</f>
        <v>0.75203252561341039</v>
      </c>
    </row>
    <row r="3957" spans="1:6" x14ac:dyDescent="0.2">
      <c r="A3957" s="239">
        <f>'CPT Data'!B3965</f>
        <v>39.375999999999998</v>
      </c>
      <c r="B3957" s="3">
        <f>'CPT Data'!C3965</f>
        <v>39.369</v>
      </c>
      <c r="C3957" t="str">
        <f>'CPT Data'!P3965</f>
        <v>CLAY</v>
      </c>
      <c r="D3957">
        <f>'CPT Data'!Q3965</f>
        <v>143.91594926701882</v>
      </c>
      <c r="E3957">
        <f t="shared" si="62"/>
        <v>144.28564859970021</v>
      </c>
      <c r="F3957">
        <f>IF(C3957="CLAY", INDEX(D$4:D3957, MATCH("CLAY", C$4:C3957, 0)), "")</f>
        <v>0.75203252561341039</v>
      </c>
    </row>
    <row r="3958" spans="1:6" x14ac:dyDescent="0.2">
      <c r="A3958" s="239">
        <f>'CPT Data'!B3966</f>
        <v>39.386000000000003</v>
      </c>
      <c r="B3958" s="3">
        <f>'CPT Data'!C3966</f>
        <v>39.379000000000005</v>
      </c>
      <c r="C3958" t="str">
        <f>'CPT Data'!P3966</f>
        <v>CLAY</v>
      </c>
      <c r="D3958">
        <f>'CPT Data'!Q3966</f>
        <v>144.93275377253042</v>
      </c>
      <c r="E3958">
        <f t="shared" si="62"/>
        <v>143.91594926701882</v>
      </c>
      <c r="F3958">
        <f>IF(C3958="CLAY", INDEX(D$4:D3958, MATCH("CLAY", C$4:C3958, 0)), "")</f>
        <v>0.75203252561341039</v>
      </c>
    </row>
    <row r="3959" spans="1:6" x14ac:dyDescent="0.2">
      <c r="A3959" s="239">
        <f>'CPT Data'!B3967</f>
        <v>39.395000000000003</v>
      </c>
      <c r="B3959" s="3">
        <f>'CPT Data'!C3967</f>
        <v>39.388000000000005</v>
      </c>
      <c r="C3959" t="str">
        <f>'CPT Data'!P3967</f>
        <v>CLAY</v>
      </c>
      <c r="D3959">
        <f>'CPT Data'!Q3967</f>
        <v>145.30431127007341</v>
      </c>
      <c r="E3959">
        <f t="shared" si="62"/>
        <v>144.93275377253042</v>
      </c>
      <c r="F3959">
        <f>IF(C3959="CLAY", INDEX(D$4:D3959, MATCH("CLAY", C$4:C3959, 0)), "")</f>
        <v>0.75203252561341039</v>
      </c>
    </row>
    <row r="3960" spans="1:6" x14ac:dyDescent="0.2">
      <c r="A3960" s="239">
        <f>'CPT Data'!B3968</f>
        <v>39.405000000000001</v>
      </c>
      <c r="B3960" s="3">
        <f>'CPT Data'!C3968</f>
        <v>39.398000000000003</v>
      </c>
      <c r="C3960" t="str">
        <f>'CPT Data'!P3968</f>
        <v>CLAY</v>
      </c>
      <c r="D3960">
        <f>'CPT Data'!Q3968</f>
        <v>144.30975303766229</v>
      </c>
      <c r="E3960">
        <f t="shared" si="62"/>
        <v>145.30431127007341</v>
      </c>
      <c r="F3960">
        <f>IF(C3960="CLAY", INDEX(D$4:D3960, MATCH("CLAY", C$4:C3960, 0)), "")</f>
        <v>0.75203252561341039</v>
      </c>
    </row>
    <row r="3961" spans="1:6" x14ac:dyDescent="0.2">
      <c r="A3961" s="239">
        <f>'CPT Data'!B3969</f>
        <v>39.414999999999999</v>
      </c>
      <c r="B3961" s="3">
        <f>'CPT Data'!C3969</f>
        <v>39.408000000000001</v>
      </c>
      <c r="C3961" t="str">
        <f>'CPT Data'!P3969</f>
        <v>CLAY</v>
      </c>
      <c r="D3961">
        <f>'CPT Data'!Q3969</f>
        <v>143.90166840245408</v>
      </c>
      <c r="E3961">
        <f t="shared" si="62"/>
        <v>144.30975303766229</v>
      </c>
      <c r="F3961">
        <f>IF(C3961="CLAY", INDEX(D$4:D3961, MATCH("CLAY", C$4:C3961, 0)), "")</f>
        <v>0.75203252561341039</v>
      </c>
    </row>
    <row r="3962" spans="1:6" x14ac:dyDescent="0.2">
      <c r="A3962" s="239">
        <f>'CPT Data'!B3970</f>
        <v>39.424999999999997</v>
      </c>
      <c r="B3962" s="3">
        <f>'CPT Data'!C3970</f>
        <v>39.417999999999999</v>
      </c>
      <c r="C3962" t="str">
        <f>'CPT Data'!P3970</f>
        <v>CLAY</v>
      </c>
      <c r="D3962">
        <f>'CPT Data'!Q3970</f>
        <v>144.1131545664916</v>
      </c>
      <c r="E3962">
        <f t="shared" si="62"/>
        <v>143.90166840245408</v>
      </c>
      <c r="F3962">
        <f>IF(C3962="CLAY", INDEX(D$4:D3962, MATCH("CLAY", C$4:C3962, 0)), "")</f>
        <v>0.75203252561341039</v>
      </c>
    </row>
    <row r="3963" spans="1:6" x14ac:dyDescent="0.2">
      <c r="A3963" s="239">
        <f>'CPT Data'!B3971</f>
        <v>39.433999999999997</v>
      </c>
      <c r="B3963" s="3">
        <f>'CPT Data'!C3971</f>
        <v>39.427</v>
      </c>
      <c r="C3963" t="str">
        <f>'CPT Data'!P3971</f>
        <v>CLAY</v>
      </c>
      <c r="D3963">
        <f>'CPT Data'!Q3971</f>
        <v>144.25799692651597</v>
      </c>
      <c r="E3963">
        <f t="shared" si="62"/>
        <v>144.1131545664916</v>
      </c>
      <c r="F3963">
        <f>IF(C3963="CLAY", INDEX(D$4:D3963, MATCH("CLAY", C$4:C3963, 0)), "")</f>
        <v>0.75203252561341039</v>
      </c>
    </row>
    <row r="3964" spans="1:6" x14ac:dyDescent="0.2">
      <c r="A3964" s="239">
        <f>'CPT Data'!B3972</f>
        <v>39.444000000000003</v>
      </c>
      <c r="B3964" s="3">
        <f>'CPT Data'!C3972</f>
        <v>39.437000000000005</v>
      </c>
      <c r="C3964" t="str">
        <f>'CPT Data'!P3972</f>
        <v>CLAY</v>
      </c>
      <c r="D3964">
        <f>'CPT Data'!Q3972</f>
        <v>144.32661280547859</v>
      </c>
      <c r="E3964">
        <f t="shared" si="62"/>
        <v>144.25799692651597</v>
      </c>
      <c r="F3964">
        <f>IF(C3964="CLAY", INDEX(D$4:D3964, MATCH("CLAY", C$4:C3964, 0)), "")</f>
        <v>0.75203252561341039</v>
      </c>
    </row>
    <row r="3965" spans="1:6" x14ac:dyDescent="0.2">
      <c r="A3965" s="239">
        <f>'CPT Data'!B3973</f>
        <v>39.454000000000001</v>
      </c>
      <c r="B3965" s="3">
        <f>'CPT Data'!C3973</f>
        <v>39.447000000000003</v>
      </c>
      <c r="C3965" t="str">
        <f>'CPT Data'!P3973</f>
        <v>CLAY</v>
      </c>
      <c r="D3965">
        <f>'CPT Data'!Q3973</f>
        <v>144.45486998325143</v>
      </c>
      <c r="E3965">
        <f t="shared" si="62"/>
        <v>144.32661280547859</v>
      </c>
      <c r="F3965">
        <f>IF(C3965="CLAY", INDEX(D$4:D3965, MATCH("CLAY", C$4:C3965, 0)), "")</f>
        <v>0.75203252561341039</v>
      </c>
    </row>
    <row r="3966" spans="1:6" x14ac:dyDescent="0.2">
      <c r="A3966" s="239">
        <f>'CPT Data'!B3974</f>
        <v>39.463999999999999</v>
      </c>
      <c r="B3966" s="3">
        <f>'CPT Data'!C3974</f>
        <v>39.457000000000001</v>
      </c>
      <c r="C3966" t="str">
        <f>'CPT Data'!P3974</f>
        <v>CLAY</v>
      </c>
      <c r="D3966">
        <f>'CPT Data'!Q3974</f>
        <v>146.74199025120058</v>
      </c>
      <c r="E3966">
        <f t="shared" si="62"/>
        <v>144.45486998325143</v>
      </c>
      <c r="F3966">
        <f>IF(C3966="CLAY", INDEX(D$4:D3966, MATCH("CLAY", C$4:C3966, 0)), "")</f>
        <v>0.75203252561341039</v>
      </c>
    </row>
    <row r="3967" spans="1:6" x14ac:dyDescent="0.2">
      <c r="A3967" s="239">
        <f>'CPT Data'!B3975</f>
        <v>39.475000000000001</v>
      </c>
      <c r="B3967" s="3">
        <f>'CPT Data'!C3975</f>
        <v>39.468000000000004</v>
      </c>
      <c r="C3967" t="str">
        <f>'CPT Data'!P3975</f>
        <v>CLAY</v>
      </c>
      <c r="D3967">
        <f>'CPT Data'!Q3975</f>
        <v>149.83755826011677</v>
      </c>
      <c r="E3967">
        <f t="shared" si="62"/>
        <v>146.74199025120058</v>
      </c>
      <c r="F3967">
        <f>IF(C3967="CLAY", INDEX(D$4:D3967, MATCH("CLAY", C$4:C3967, 0)), "")</f>
        <v>0.75203252561341039</v>
      </c>
    </row>
    <row r="3968" spans="1:6" x14ac:dyDescent="0.2">
      <c r="A3968" s="239">
        <f>'CPT Data'!B3976</f>
        <v>39.484000000000002</v>
      </c>
      <c r="B3968" s="3">
        <f>'CPT Data'!C3976</f>
        <v>39.477000000000004</v>
      </c>
      <c r="C3968" t="str">
        <f>'CPT Data'!P3976</f>
        <v>CLAY</v>
      </c>
      <c r="D3968">
        <f>'CPT Data'!Q3976</f>
        <v>155.90197831317633</v>
      </c>
      <c r="E3968">
        <f t="shared" si="62"/>
        <v>149.83755826011677</v>
      </c>
      <c r="F3968">
        <f>IF(C3968="CLAY", INDEX(D$4:D3968, MATCH("CLAY", C$4:C3968, 0)), "")</f>
        <v>0.75203252561341039</v>
      </c>
    </row>
    <row r="3969" spans="1:6" x14ac:dyDescent="0.2">
      <c r="A3969" s="239">
        <f>'CPT Data'!B3977</f>
        <v>39.494</v>
      </c>
      <c r="B3969" s="3">
        <f>'CPT Data'!C3977</f>
        <v>39.487000000000002</v>
      </c>
      <c r="C3969" t="str">
        <f>'CPT Data'!P3977</f>
        <v>CLAY</v>
      </c>
      <c r="D3969">
        <f>'CPT Data'!Q3977</f>
        <v>168.71458446190144</v>
      </c>
      <c r="E3969">
        <f t="shared" si="62"/>
        <v>155.90197831317633</v>
      </c>
      <c r="F3969">
        <f>IF(C3969="CLAY", INDEX(D$4:D3969, MATCH("CLAY", C$4:C3969, 0)), "")</f>
        <v>0.75203252561341039</v>
      </c>
    </row>
    <row r="3970" spans="1:6" x14ac:dyDescent="0.2">
      <c r="A3970" s="239">
        <f>'CPT Data'!B3978</f>
        <v>39.503999999999998</v>
      </c>
      <c r="B3970" s="3">
        <f>'CPT Data'!C3978</f>
        <v>39.497</v>
      </c>
      <c r="C3970" t="str">
        <f>'CPT Data'!P3978</f>
        <v>CLAY</v>
      </c>
      <c r="D3970">
        <f>'CPT Data'!Q3978</f>
        <v>178.84535868854314</v>
      </c>
      <c r="E3970">
        <f t="shared" si="62"/>
        <v>168.71458446190144</v>
      </c>
      <c r="F3970">
        <f>IF(C3970="CLAY", INDEX(D$4:D3970, MATCH("CLAY", C$4:C3970, 0)), "")</f>
        <v>0.75203252561341039</v>
      </c>
    </row>
    <row r="3971" spans="1:6" x14ac:dyDescent="0.2">
      <c r="A3971" s="239">
        <f>'CPT Data'!B3979</f>
        <v>39.514000000000003</v>
      </c>
      <c r="B3971" s="3">
        <f>'CPT Data'!C3979</f>
        <v>39.507000000000005</v>
      </c>
      <c r="C3971" t="str">
        <f>'CPT Data'!P3979</f>
        <v>CLAY</v>
      </c>
      <c r="D3971">
        <f>'CPT Data'!Q3979</f>
        <v>186.34659055051893</v>
      </c>
      <c r="E3971">
        <f t="shared" si="62"/>
        <v>178.84535868854314</v>
      </c>
      <c r="F3971">
        <f>IF(C3971="CLAY", INDEX(D$4:D3971, MATCH("CLAY", C$4:C3971, 0)), "")</f>
        <v>0.75203252561341039</v>
      </c>
    </row>
    <row r="3972" spans="1:6" x14ac:dyDescent="0.2">
      <c r="A3972" s="239">
        <f>'CPT Data'!B3980</f>
        <v>39.524000000000001</v>
      </c>
      <c r="B3972" s="3">
        <f>'CPT Data'!C3980</f>
        <v>39.517000000000003</v>
      </c>
      <c r="C3972" t="str">
        <f>'CPT Data'!P3980</f>
        <v>CLAY</v>
      </c>
      <c r="D3972">
        <f>'CPT Data'!Q3980</f>
        <v>206.24204621946885</v>
      </c>
      <c r="E3972">
        <f t="shared" si="62"/>
        <v>186.34659055051893</v>
      </c>
      <c r="F3972">
        <f>IF(C3972="CLAY", INDEX(D$4:D3972, MATCH("CLAY", C$4:C3972, 0)), "")</f>
        <v>0.75203252561341039</v>
      </c>
    </row>
    <row r="3973" spans="1:6" x14ac:dyDescent="0.2">
      <c r="A3973" s="239">
        <f>'CPT Data'!B3981</f>
        <v>39.533999999999999</v>
      </c>
      <c r="B3973" s="3">
        <f>'CPT Data'!C3981</f>
        <v>39.527000000000001</v>
      </c>
      <c r="C3973" t="str">
        <f>'CPT Data'!P3981</f>
        <v>CLAY</v>
      </c>
      <c r="D3973">
        <f>'CPT Data'!Q3981</f>
        <v>237.53370603077676</v>
      </c>
      <c r="E3973">
        <f t="shared" si="62"/>
        <v>206.24204621946885</v>
      </c>
      <c r="F3973">
        <f>IF(C3973="CLAY", INDEX(D$4:D3973, MATCH("CLAY", C$4:C3973, 0)), "")</f>
        <v>0.75203252561341039</v>
      </c>
    </row>
    <row r="3974" spans="1:6" x14ac:dyDescent="0.2">
      <c r="A3974" s="239">
        <f>'CPT Data'!B3982</f>
        <v>39.543999999999997</v>
      </c>
      <c r="B3974" s="3">
        <f>'CPT Data'!C3982</f>
        <v>39.536999999999999</v>
      </c>
      <c r="C3974" t="str">
        <f>'CPT Data'!P3982</f>
        <v>CLAY</v>
      </c>
      <c r="D3974">
        <f>'CPT Data'!Q3982</f>
        <v>263.08358077834657</v>
      </c>
      <c r="E3974">
        <f t="shared" si="62"/>
        <v>237.53370603077676</v>
      </c>
      <c r="F3974">
        <f>IF(C3974="CLAY", INDEX(D$4:D3974, MATCH("CLAY", C$4:C3974, 0)), "")</f>
        <v>0.75203252561341039</v>
      </c>
    </row>
    <row r="3975" spans="1:6" x14ac:dyDescent="0.2">
      <c r="A3975" s="239">
        <f>'CPT Data'!B3983</f>
        <v>39.552999999999997</v>
      </c>
      <c r="B3975" s="3">
        <f>'CPT Data'!C3983</f>
        <v>39.545999999999999</v>
      </c>
      <c r="C3975" t="str">
        <f>'CPT Data'!P3983</f>
        <v>CLAY</v>
      </c>
      <c r="D3975">
        <f>'CPT Data'!Q3983</f>
        <v>291.29891514368819</v>
      </c>
      <c r="E3975">
        <f t="shared" si="62"/>
        <v>263.08358077834657</v>
      </c>
      <c r="F3975">
        <f>IF(C3975="CLAY", INDEX(D$4:D3975, MATCH("CLAY", C$4:C3975, 0)), "")</f>
        <v>0.75203252561341039</v>
      </c>
    </row>
    <row r="3976" spans="1:6" x14ac:dyDescent="0.2">
      <c r="A3976" s="239">
        <f>'CPT Data'!B3984</f>
        <v>39.564</v>
      </c>
      <c r="B3976" s="3">
        <f>'CPT Data'!C3984</f>
        <v>39.557000000000002</v>
      </c>
      <c r="C3976" t="str">
        <f>'CPT Data'!P3984</f>
        <v>CLAY</v>
      </c>
      <c r="D3976">
        <f>'CPT Data'!Q3984</f>
        <v>268.21539502743514</v>
      </c>
      <c r="E3976">
        <f t="shared" si="62"/>
        <v>291.29891514368819</v>
      </c>
      <c r="F3976">
        <f>IF(C3976="CLAY", INDEX(D$4:D3976, MATCH("CLAY", C$4:C3976, 0)), "")</f>
        <v>0.75203252561341039</v>
      </c>
    </row>
    <row r="3977" spans="1:6" x14ac:dyDescent="0.2">
      <c r="A3977" s="239">
        <f>'CPT Data'!B3985</f>
        <v>39.573</v>
      </c>
      <c r="B3977" s="3">
        <f>'CPT Data'!C3985</f>
        <v>39.566000000000003</v>
      </c>
      <c r="C3977" t="str">
        <f>'CPT Data'!P3985</f>
        <v>CLAY</v>
      </c>
      <c r="D3977">
        <f>'CPT Data'!Q3985</f>
        <v>264.38311321691953</v>
      </c>
      <c r="E3977">
        <f t="shared" si="62"/>
        <v>268.21539502743514</v>
      </c>
      <c r="F3977">
        <f>IF(C3977="CLAY", INDEX(D$4:D3977, MATCH("CLAY", C$4:C3977, 0)), "")</f>
        <v>0.75203252561341039</v>
      </c>
    </row>
    <row r="3978" spans="1:6" x14ac:dyDescent="0.2">
      <c r="A3978" s="239">
        <f>'CPT Data'!B3986</f>
        <v>39.584000000000003</v>
      </c>
      <c r="B3978" s="3">
        <f>'CPT Data'!C3986</f>
        <v>39.577000000000005</v>
      </c>
      <c r="C3978" t="str">
        <f>'CPT Data'!P3986</f>
        <v>CLAY</v>
      </c>
      <c r="D3978">
        <f>'CPT Data'!Q3986</f>
        <v>257.65040163112468</v>
      </c>
      <c r="E3978">
        <f t="shared" si="62"/>
        <v>264.38311321691953</v>
      </c>
      <c r="F3978">
        <f>IF(C3978="CLAY", INDEX(D$4:D3978, MATCH("CLAY", C$4:C3978, 0)), "")</f>
        <v>0.75203252561341039</v>
      </c>
    </row>
    <row r="3979" spans="1:6" x14ac:dyDescent="0.2">
      <c r="A3979" s="239">
        <f>'CPT Data'!B3987</f>
        <v>39.593000000000004</v>
      </c>
      <c r="B3979" s="3">
        <f>'CPT Data'!C3987</f>
        <v>39.586000000000006</v>
      </c>
      <c r="C3979" t="str">
        <f>'CPT Data'!P3987</f>
        <v>CLAY</v>
      </c>
      <c r="D3979">
        <f>'CPT Data'!Q3987</f>
        <v>245.46233049466719</v>
      </c>
      <c r="E3979">
        <f t="shared" si="62"/>
        <v>257.65040163112468</v>
      </c>
      <c r="F3979">
        <f>IF(C3979="CLAY", INDEX(D$4:D3979, MATCH("CLAY", C$4:C3979, 0)), "")</f>
        <v>0.75203252561341039</v>
      </c>
    </row>
    <row r="3980" spans="1:6" x14ac:dyDescent="0.2">
      <c r="A3980" s="239">
        <f>'CPT Data'!B3988</f>
        <v>39.603000000000002</v>
      </c>
      <c r="B3980" s="3">
        <f>'CPT Data'!C3988</f>
        <v>39.596000000000004</v>
      </c>
      <c r="C3980" t="str">
        <f>'CPT Data'!P3988</f>
        <v>CLAY</v>
      </c>
      <c r="D3980">
        <f>'CPT Data'!Q3988</f>
        <v>235.86677425749136</v>
      </c>
      <c r="E3980">
        <f t="shared" si="62"/>
        <v>245.46233049466719</v>
      </c>
      <c r="F3980">
        <f>IF(C3980="CLAY", INDEX(D$4:D3980, MATCH("CLAY", C$4:C3980, 0)), "")</f>
        <v>0.75203252561341039</v>
      </c>
    </row>
    <row r="3981" spans="1:6" x14ac:dyDescent="0.2">
      <c r="A3981" s="239">
        <f>'CPT Data'!B3989</f>
        <v>39.612000000000002</v>
      </c>
      <c r="B3981" s="3">
        <f>'CPT Data'!C3989</f>
        <v>39.605000000000004</v>
      </c>
      <c r="C3981" t="str">
        <f>'CPT Data'!P3989</f>
        <v>CLAY</v>
      </c>
      <c r="D3981">
        <f>'CPT Data'!Q3989</f>
        <v>229.96470732631295</v>
      </c>
      <c r="E3981">
        <f t="shared" si="62"/>
        <v>235.86677425749136</v>
      </c>
      <c r="F3981">
        <f>IF(C3981="CLAY", INDEX(D$4:D3981, MATCH("CLAY", C$4:C3981, 0)), "")</f>
        <v>0.75203252561341039</v>
      </c>
    </row>
    <row r="3982" spans="1:6" x14ac:dyDescent="0.2">
      <c r="A3982" s="239">
        <f>'CPT Data'!B3990</f>
        <v>39.622999999999998</v>
      </c>
      <c r="B3982" s="3">
        <f>'CPT Data'!C3990</f>
        <v>39.616</v>
      </c>
      <c r="C3982" t="str">
        <f>'CPT Data'!P3990</f>
        <v>CLAY</v>
      </c>
      <c r="D3982">
        <f>'CPT Data'!Q3990</f>
        <v>236.32054823959288</v>
      </c>
      <c r="E3982">
        <f t="shared" si="62"/>
        <v>229.96470732631295</v>
      </c>
      <c r="F3982">
        <f>IF(C3982="CLAY", INDEX(D$4:D3982, MATCH("CLAY", C$4:C3982, 0)), "")</f>
        <v>0.75203252561341039</v>
      </c>
    </row>
    <row r="3983" spans="1:6" x14ac:dyDescent="0.2">
      <c r="A3983" s="239">
        <f>'CPT Data'!B3991</f>
        <v>39.633000000000003</v>
      </c>
      <c r="B3983" s="3">
        <f>'CPT Data'!C3991</f>
        <v>39.626000000000005</v>
      </c>
      <c r="C3983" t="str">
        <f>'CPT Data'!P3991</f>
        <v>CLAY</v>
      </c>
      <c r="D3983">
        <f>'CPT Data'!Q3991</f>
        <v>247.34186992360671</v>
      </c>
      <c r="E3983">
        <f t="shared" si="62"/>
        <v>236.32054823959288</v>
      </c>
      <c r="F3983">
        <f>IF(C3983="CLAY", INDEX(D$4:D3983, MATCH("CLAY", C$4:C3983, 0)), "")</f>
        <v>0.75203252561341039</v>
      </c>
    </row>
    <row r="3984" spans="1:6" x14ac:dyDescent="0.2">
      <c r="A3984" s="239">
        <f>'CPT Data'!B3992</f>
        <v>39.643000000000001</v>
      </c>
      <c r="B3984" s="3">
        <f>'CPT Data'!C3992</f>
        <v>39.636000000000003</v>
      </c>
      <c r="C3984" t="str">
        <f>'CPT Data'!P3992</f>
        <v>CLAY</v>
      </c>
      <c r="D3984">
        <f>'CPT Data'!Q3992</f>
        <v>247.55775500752233</v>
      </c>
      <c r="E3984">
        <f t="shared" si="62"/>
        <v>247.34186992360671</v>
      </c>
      <c r="F3984">
        <f>IF(C3984="CLAY", INDEX(D$4:D3984, MATCH("CLAY", C$4:C3984, 0)), "")</f>
        <v>0.75203252561341039</v>
      </c>
    </row>
    <row r="3985" spans="1:6" x14ac:dyDescent="0.2">
      <c r="A3985" s="239">
        <f>'CPT Data'!B3993</f>
        <v>39.652999999999999</v>
      </c>
      <c r="B3985" s="3">
        <f>'CPT Data'!C3993</f>
        <v>39.646000000000001</v>
      </c>
      <c r="C3985" t="str">
        <f>'CPT Data'!P3993</f>
        <v>CLAY</v>
      </c>
      <c r="D3985">
        <f>'CPT Data'!Q3993</f>
        <v>246.78391943082522</v>
      </c>
      <c r="E3985">
        <f t="shared" si="62"/>
        <v>247.55775500752233</v>
      </c>
      <c r="F3985">
        <f>IF(C3985="CLAY", INDEX(D$4:D3985, MATCH("CLAY", C$4:C3985, 0)), "")</f>
        <v>0.75203252561341039</v>
      </c>
    </row>
    <row r="3986" spans="1:6" x14ac:dyDescent="0.2">
      <c r="A3986" s="239">
        <f>'CPT Data'!B3994</f>
        <v>39.662999999999997</v>
      </c>
      <c r="B3986" s="3">
        <f>'CPT Data'!C3994</f>
        <v>39.655999999999999</v>
      </c>
      <c r="C3986" t="str">
        <f>'CPT Data'!P3994</f>
        <v>CLAY</v>
      </c>
      <c r="D3986">
        <f>'CPT Data'!Q3994</f>
        <v>246.93761607000621</v>
      </c>
      <c r="E3986">
        <f t="shared" si="62"/>
        <v>246.78391943082522</v>
      </c>
      <c r="F3986">
        <f>IF(C3986="CLAY", INDEX(D$4:D3986, MATCH("CLAY", C$4:C3986, 0)), "")</f>
        <v>0.75203252561341039</v>
      </c>
    </row>
    <row r="3987" spans="1:6" x14ac:dyDescent="0.2">
      <c r="A3987" s="239">
        <f>'CPT Data'!B3995</f>
        <v>39.671999999999997</v>
      </c>
      <c r="B3987" s="3">
        <f>'CPT Data'!C3995</f>
        <v>39.664999999999999</v>
      </c>
      <c r="C3987" t="str">
        <f>'CPT Data'!P3995</f>
        <v>CLAY</v>
      </c>
      <c r="D3987">
        <f>'CPT Data'!Q3995</f>
        <v>233.3261333123809</v>
      </c>
      <c r="E3987">
        <f t="shared" si="62"/>
        <v>246.93761607000621</v>
      </c>
      <c r="F3987">
        <f>IF(C3987="CLAY", INDEX(D$4:D3987, MATCH("CLAY", C$4:C3987, 0)), "")</f>
        <v>0.75203252561341039</v>
      </c>
    </row>
    <row r="3988" spans="1:6" x14ac:dyDescent="0.2">
      <c r="A3988" s="239">
        <f>'CPT Data'!B3996</f>
        <v>39.682000000000002</v>
      </c>
      <c r="B3988" s="3">
        <f>'CPT Data'!C3996</f>
        <v>39.675000000000004</v>
      </c>
      <c r="C3988" t="str">
        <f>'CPT Data'!P3996</f>
        <v>CLAY</v>
      </c>
      <c r="D3988">
        <f>'CPT Data'!Q3996</f>
        <v>223.80368889317512</v>
      </c>
      <c r="E3988">
        <f t="shared" si="62"/>
        <v>233.3261333123809</v>
      </c>
      <c r="F3988">
        <f>IF(C3988="CLAY", INDEX(D$4:D3988, MATCH("CLAY", C$4:C3988, 0)), "")</f>
        <v>0.75203252561341039</v>
      </c>
    </row>
    <row r="3989" spans="1:6" x14ac:dyDescent="0.2">
      <c r="A3989" s="239">
        <f>'CPT Data'!B3997</f>
        <v>39.692999999999998</v>
      </c>
      <c r="B3989" s="3">
        <f>'CPT Data'!C3997</f>
        <v>39.686</v>
      </c>
      <c r="C3989" t="str">
        <f>'CPT Data'!P3997</f>
        <v>CLAY</v>
      </c>
      <c r="D3989">
        <f>'CPT Data'!Q3997</f>
        <v>214.1822063831693</v>
      </c>
      <c r="E3989">
        <f t="shared" si="62"/>
        <v>223.80368889317512</v>
      </c>
      <c r="F3989">
        <f>IF(C3989="CLAY", INDEX(D$4:D3989, MATCH("CLAY", C$4:C3989, 0)), "")</f>
        <v>0.75203252561341039</v>
      </c>
    </row>
    <row r="3990" spans="1:6" x14ac:dyDescent="0.2">
      <c r="A3990" s="239">
        <f>'CPT Data'!B3998</f>
        <v>39.701999999999998</v>
      </c>
      <c r="B3990" s="3">
        <f>'CPT Data'!C3998</f>
        <v>39.695</v>
      </c>
      <c r="C3990" t="str">
        <f>'CPT Data'!P3998</f>
        <v>CLAY</v>
      </c>
      <c r="D3990">
        <f>'CPT Data'!Q3998</f>
        <v>208.01350371035855</v>
      </c>
      <c r="E3990">
        <f t="shared" si="62"/>
        <v>214.1822063831693</v>
      </c>
      <c r="F3990">
        <f>IF(C3990="CLAY", INDEX(D$4:D3990, MATCH("CLAY", C$4:C3990, 0)), "")</f>
        <v>0.75203252561341039</v>
      </c>
    </row>
    <row r="3991" spans="1:6" x14ac:dyDescent="0.2">
      <c r="A3991" s="239">
        <f>'CPT Data'!B3999</f>
        <v>39.712000000000003</v>
      </c>
      <c r="B3991" s="3">
        <f>'CPT Data'!C3999</f>
        <v>39.705000000000005</v>
      </c>
      <c r="C3991" t="str">
        <f>'CPT Data'!P3999</f>
        <v>CLAY</v>
      </c>
      <c r="D3991">
        <f>'CPT Data'!Q3999</f>
        <v>205.41491744534878</v>
      </c>
      <c r="E3991">
        <f t="shared" si="62"/>
        <v>208.01350371035855</v>
      </c>
      <c r="F3991">
        <f>IF(C3991="CLAY", INDEX(D$4:D3991, MATCH("CLAY", C$4:C3991, 0)), "")</f>
        <v>0.75203252561341039</v>
      </c>
    </row>
    <row r="3992" spans="1:6" x14ac:dyDescent="0.2">
      <c r="A3992" s="239">
        <f>'CPT Data'!B4000</f>
        <v>39.722999999999999</v>
      </c>
      <c r="B3992" s="3">
        <f>'CPT Data'!C4000</f>
        <v>39.716000000000001</v>
      </c>
      <c r="C3992" t="str">
        <f>'CPT Data'!P4000</f>
        <v>CLAY</v>
      </c>
      <c r="D3992">
        <f>'CPT Data'!Q4000</f>
        <v>210.57774280029514</v>
      </c>
      <c r="E3992">
        <f t="shared" si="62"/>
        <v>205.41491744534878</v>
      </c>
      <c r="F3992">
        <f>IF(C3992="CLAY", INDEX(D$4:D3992, MATCH("CLAY", C$4:C3992, 0)), "")</f>
        <v>0.75203252561341039</v>
      </c>
    </row>
    <row r="3993" spans="1:6" x14ac:dyDescent="0.2">
      <c r="A3993" s="239">
        <f>'CPT Data'!B4001</f>
        <v>39.731999999999999</v>
      </c>
      <c r="B3993" s="3">
        <f>'CPT Data'!C4001</f>
        <v>39.725000000000001</v>
      </c>
      <c r="C3993" t="str">
        <f>'CPT Data'!P4001</f>
        <v>CLAY</v>
      </c>
      <c r="D3993">
        <f>'CPT Data'!Q4001</f>
        <v>210.96795679784077</v>
      </c>
      <c r="E3993">
        <f t="shared" si="62"/>
        <v>210.57774280029514</v>
      </c>
      <c r="F3993">
        <f>IF(C3993="CLAY", INDEX(D$4:D3993, MATCH("CLAY", C$4:C3993, 0)), "")</f>
        <v>0.75203252561341039</v>
      </c>
    </row>
    <row r="3994" spans="1:6" x14ac:dyDescent="0.2">
      <c r="A3994" s="239">
        <f>'CPT Data'!B4002</f>
        <v>39.741</v>
      </c>
      <c r="B3994" s="3">
        <f>'CPT Data'!C4002</f>
        <v>39.734000000000002</v>
      </c>
      <c r="C3994" t="str">
        <f>'CPT Data'!P4002</f>
        <v>CLAY</v>
      </c>
      <c r="D3994">
        <f>'CPT Data'!Q4002</f>
        <v>215.00988175043904</v>
      </c>
      <c r="E3994">
        <f t="shared" si="62"/>
        <v>210.96795679784077</v>
      </c>
      <c r="F3994">
        <f>IF(C3994="CLAY", INDEX(D$4:D3994, MATCH("CLAY", C$4:C3994, 0)), "")</f>
        <v>0.75203252561341039</v>
      </c>
    </row>
    <row r="3995" spans="1:6" x14ac:dyDescent="0.2">
      <c r="A3995" s="239">
        <f>'CPT Data'!B4003</f>
        <v>39.752000000000002</v>
      </c>
      <c r="B3995" s="3">
        <f>'CPT Data'!C4003</f>
        <v>39.745000000000005</v>
      </c>
      <c r="C3995" t="str">
        <f>'CPT Data'!P4003</f>
        <v>CLAY</v>
      </c>
      <c r="D3995">
        <f>'CPT Data'!Q4003</f>
        <v>209.13972012351738</v>
      </c>
      <c r="E3995">
        <f t="shared" ref="E3995:E4058" si="63">IF(C3995="SAND",#N/A,IF(C3995=C3994,D3994,IF(C3995="CLAY",D3995,#N/A)))</f>
        <v>215.00988175043904</v>
      </c>
      <c r="F3995">
        <f>IF(C3995="CLAY", INDEX(D$4:D3995, MATCH("CLAY", C$4:C3995, 0)), "")</f>
        <v>0.75203252561341039</v>
      </c>
    </row>
    <row r="3996" spans="1:6" x14ac:dyDescent="0.2">
      <c r="A3996" s="239">
        <f>'CPT Data'!B4004</f>
        <v>39.762</v>
      </c>
      <c r="B3996" s="3">
        <f>'CPT Data'!C4004</f>
        <v>39.755000000000003</v>
      </c>
      <c r="C3996" t="str">
        <f>'CPT Data'!P4004</f>
        <v>CLAY</v>
      </c>
      <c r="D3996">
        <f>'CPT Data'!Q4004</f>
        <v>198.26329803637418</v>
      </c>
      <c r="E3996">
        <f t="shared" si="63"/>
        <v>209.13972012351738</v>
      </c>
      <c r="F3996">
        <f>IF(C3996="CLAY", INDEX(D$4:D3996, MATCH("CLAY", C$4:C3996, 0)), "")</f>
        <v>0.75203252561341039</v>
      </c>
    </row>
    <row r="3997" spans="1:6" x14ac:dyDescent="0.2">
      <c r="A3997" s="239">
        <f>'CPT Data'!B4005</f>
        <v>39.771000000000001</v>
      </c>
      <c r="B3997" s="3">
        <f>'CPT Data'!C4005</f>
        <v>39.764000000000003</v>
      </c>
      <c r="C3997" t="str">
        <f>'CPT Data'!P4005</f>
        <v>CLAY</v>
      </c>
      <c r="D3997">
        <f>'CPT Data'!Q4005</f>
        <v>191.8914611462055</v>
      </c>
      <c r="E3997">
        <f t="shared" si="63"/>
        <v>198.26329803637418</v>
      </c>
      <c r="F3997">
        <f>IF(C3997="CLAY", INDEX(D$4:D3997, MATCH("CLAY", C$4:C3997, 0)), "")</f>
        <v>0.75203252561341039</v>
      </c>
    </row>
    <row r="3998" spans="1:6" x14ac:dyDescent="0.2">
      <c r="A3998" s="239">
        <f>'CPT Data'!B4006</f>
        <v>39.781999999999996</v>
      </c>
      <c r="B3998" s="3">
        <f>'CPT Data'!C4006</f>
        <v>39.774999999999999</v>
      </c>
      <c r="C3998" t="str">
        <f>'CPT Data'!P4006</f>
        <v>CLAY</v>
      </c>
      <c r="D3998">
        <f>'CPT Data'!Q4006</f>
        <v>185.87656259586561</v>
      </c>
      <c r="E3998">
        <f t="shared" si="63"/>
        <v>191.8914611462055</v>
      </c>
      <c r="F3998">
        <f>IF(C3998="CLAY", INDEX(D$4:D3998, MATCH("CLAY", C$4:C3998, 0)), "")</f>
        <v>0.75203252561341039</v>
      </c>
    </row>
    <row r="3999" spans="1:6" x14ac:dyDescent="0.2">
      <c r="A3999" s="239">
        <f>'CPT Data'!B4007</f>
        <v>39.790999999999997</v>
      </c>
      <c r="B3999" s="3">
        <f>'CPT Data'!C4007</f>
        <v>39.783999999999999</v>
      </c>
      <c r="C3999" t="str">
        <f>'CPT Data'!P4007</f>
        <v>CLAY</v>
      </c>
      <c r="D3999">
        <f>'CPT Data'!Q4007</f>
        <v>185.91717974529092</v>
      </c>
      <c r="E3999">
        <f t="shared" si="63"/>
        <v>185.87656259586561</v>
      </c>
      <c r="F3999">
        <f>IF(C3999="CLAY", INDEX(D$4:D3999, MATCH("CLAY", C$4:C3999, 0)), "")</f>
        <v>0.75203252561341039</v>
      </c>
    </row>
    <row r="4000" spans="1:6" x14ac:dyDescent="0.2">
      <c r="A4000" s="239">
        <f>'CPT Data'!B4008</f>
        <v>39.799999999999997</v>
      </c>
      <c r="B4000" s="3">
        <f>'CPT Data'!C4008</f>
        <v>39.792999999999999</v>
      </c>
      <c r="C4000" t="str">
        <f>'CPT Data'!P4008</f>
        <v>CLAY</v>
      </c>
      <c r="D4000">
        <f>'CPT Data'!Q4008</f>
        <v>185.96993538334027</v>
      </c>
      <c r="E4000">
        <f t="shared" si="63"/>
        <v>185.91717974529092</v>
      </c>
      <c r="F4000">
        <f>IF(C4000="CLAY", INDEX(D$4:D4000, MATCH("CLAY", C$4:C4000, 0)), "")</f>
        <v>0.75203252561341039</v>
      </c>
    </row>
    <row r="4001" spans="1:6" x14ac:dyDescent="0.2">
      <c r="A4001" s="239">
        <f>'CPT Data'!B4009</f>
        <v>39.811</v>
      </c>
      <c r="B4001" s="3">
        <f>'CPT Data'!C4009</f>
        <v>39.804000000000002</v>
      </c>
      <c r="C4001" t="str">
        <f>'CPT Data'!P4009</f>
        <v>CLAY</v>
      </c>
      <c r="D4001">
        <f>'CPT Data'!Q4009</f>
        <v>200.14655481452459</v>
      </c>
      <c r="E4001">
        <f t="shared" si="63"/>
        <v>185.96993538334027</v>
      </c>
      <c r="F4001">
        <f>IF(C4001="CLAY", INDEX(D$4:D4001, MATCH("CLAY", C$4:C4001, 0)), "")</f>
        <v>0.75203252561341039</v>
      </c>
    </row>
    <row r="4002" spans="1:6" x14ac:dyDescent="0.2">
      <c r="A4002" s="239">
        <f>'CPT Data'!B4010</f>
        <v>39.820999999999998</v>
      </c>
      <c r="B4002" s="3">
        <f>'CPT Data'!C4010</f>
        <v>39.814</v>
      </c>
      <c r="C4002" t="str">
        <f>'CPT Data'!P4010</f>
        <v>CLAY</v>
      </c>
      <c r="D4002">
        <f>'CPT Data'!Q4010</f>
        <v>215.92221418352176</v>
      </c>
      <c r="E4002">
        <f t="shared" si="63"/>
        <v>200.14655481452459</v>
      </c>
      <c r="F4002">
        <f>IF(C4002="CLAY", INDEX(D$4:D4002, MATCH("CLAY", C$4:C4002, 0)), "")</f>
        <v>0.75203252561341039</v>
      </c>
    </row>
    <row r="4003" spans="1:6" x14ac:dyDescent="0.2">
      <c r="A4003" s="239">
        <f>'CPT Data'!B4011</f>
        <v>39.831000000000003</v>
      </c>
      <c r="B4003" s="3">
        <f>'CPT Data'!C4011</f>
        <v>39.824000000000005</v>
      </c>
      <c r="C4003" t="str">
        <f>'CPT Data'!P4011</f>
        <v>CLAY</v>
      </c>
      <c r="D4003">
        <f>'CPT Data'!Q4011</f>
        <v>225.25344525631775</v>
      </c>
      <c r="E4003">
        <f t="shared" si="63"/>
        <v>215.92221418352176</v>
      </c>
      <c r="F4003">
        <f>IF(C4003="CLAY", INDEX(D$4:D4003, MATCH("CLAY", C$4:C4003, 0)), "")</f>
        <v>0.75203252561341039</v>
      </c>
    </row>
    <row r="4004" spans="1:6" x14ac:dyDescent="0.2">
      <c r="A4004" s="239">
        <f>'CPT Data'!B4012</f>
        <v>39.840000000000003</v>
      </c>
      <c r="B4004" s="3">
        <f>'CPT Data'!C4012</f>
        <v>39.833000000000006</v>
      </c>
      <c r="C4004" t="str">
        <f>'CPT Data'!P4012</f>
        <v>CLAY</v>
      </c>
      <c r="D4004">
        <f>'CPT Data'!Q4012</f>
        <v>231.83661490491352</v>
      </c>
      <c r="E4004">
        <f t="shared" si="63"/>
        <v>225.25344525631775</v>
      </c>
      <c r="F4004">
        <f>IF(C4004="CLAY", INDEX(D$4:D4004, MATCH("CLAY", C$4:C4004, 0)), "")</f>
        <v>0.75203252561341039</v>
      </c>
    </row>
    <row r="4005" spans="1:6" x14ac:dyDescent="0.2">
      <c r="A4005" s="239">
        <f>'CPT Data'!B4013</f>
        <v>39.850999999999999</v>
      </c>
      <c r="B4005" s="3">
        <f>'CPT Data'!C4013</f>
        <v>39.844000000000001</v>
      </c>
      <c r="C4005" t="str">
        <f>'CPT Data'!P4013</f>
        <v>CLAY</v>
      </c>
      <c r="D4005">
        <f>'CPT Data'!Q4013</f>
        <v>231.95216034808243</v>
      </c>
      <c r="E4005">
        <f t="shared" si="63"/>
        <v>231.83661490491352</v>
      </c>
      <c r="F4005">
        <f>IF(C4005="CLAY", INDEX(D$4:D4005, MATCH("CLAY", C$4:C4005, 0)), "")</f>
        <v>0.75203252561341039</v>
      </c>
    </row>
    <row r="4006" spans="1:6" x14ac:dyDescent="0.2">
      <c r="A4006" s="239">
        <f>'CPT Data'!B4014</f>
        <v>39.860999999999997</v>
      </c>
      <c r="B4006" s="3">
        <f>'CPT Data'!C4014</f>
        <v>39.853999999999999</v>
      </c>
      <c r="C4006" t="str">
        <f>'CPT Data'!P4014</f>
        <v>CLAY</v>
      </c>
      <c r="D4006">
        <f>'CPT Data'!Q4014</f>
        <v>222.74428692123593</v>
      </c>
      <c r="E4006">
        <f t="shared" si="63"/>
        <v>231.95216034808243</v>
      </c>
      <c r="F4006">
        <f>IF(C4006="CLAY", INDEX(D$4:D4006, MATCH("CLAY", C$4:C4006, 0)), "")</f>
        <v>0.75203252561341039</v>
      </c>
    </row>
    <row r="4007" spans="1:6" x14ac:dyDescent="0.2">
      <c r="A4007" s="239">
        <f>'CPT Data'!B4015</f>
        <v>39.869999999999997</v>
      </c>
      <c r="B4007" s="3">
        <f>'CPT Data'!C4015</f>
        <v>39.863</v>
      </c>
      <c r="C4007" t="str">
        <f>'CPT Data'!P4015</f>
        <v>CLAY</v>
      </c>
      <c r="D4007">
        <f>'CPT Data'!Q4015</f>
        <v>202.75955144028748</v>
      </c>
      <c r="E4007">
        <f t="shared" si="63"/>
        <v>222.74428692123593</v>
      </c>
      <c r="F4007">
        <f>IF(C4007="CLAY", INDEX(D$4:D4007, MATCH("CLAY", C$4:C4007, 0)), "")</f>
        <v>0.75203252561341039</v>
      </c>
    </row>
    <row r="4008" spans="1:6" x14ac:dyDescent="0.2">
      <c r="A4008" s="239">
        <f>'CPT Data'!B4016</f>
        <v>39.881</v>
      </c>
      <c r="B4008" s="3">
        <f>'CPT Data'!C4016</f>
        <v>39.874000000000002</v>
      </c>
      <c r="C4008" t="str">
        <f>'CPT Data'!P4016</f>
        <v>CLAY</v>
      </c>
      <c r="D4008">
        <f>'CPT Data'!Q4016</f>
        <v>192.78081620321794</v>
      </c>
      <c r="E4008">
        <f t="shared" si="63"/>
        <v>202.75955144028748</v>
      </c>
      <c r="F4008">
        <f>IF(C4008="CLAY", INDEX(D$4:D4008, MATCH("CLAY", C$4:C4008, 0)), "")</f>
        <v>0.75203252561341039</v>
      </c>
    </row>
    <row r="4009" spans="1:6" x14ac:dyDescent="0.2">
      <c r="A4009" s="239">
        <f>'CPT Data'!B4017</f>
        <v>39.89</v>
      </c>
      <c r="B4009" s="3">
        <f>'CPT Data'!C4017</f>
        <v>39.883000000000003</v>
      </c>
      <c r="C4009" t="str">
        <f>'CPT Data'!P4017</f>
        <v>CLAY</v>
      </c>
      <c r="D4009">
        <f>'CPT Data'!Q4017</f>
        <v>199.22872801253166</v>
      </c>
      <c r="E4009">
        <f t="shared" si="63"/>
        <v>192.78081620321794</v>
      </c>
      <c r="F4009">
        <f>IF(C4009="CLAY", INDEX(D$4:D4009, MATCH("CLAY", C$4:C4009, 0)), "")</f>
        <v>0.75203252561341039</v>
      </c>
    </row>
    <row r="4010" spans="1:6" x14ac:dyDescent="0.2">
      <c r="A4010" s="239">
        <f>'CPT Data'!B4018</f>
        <v>39.9</v>
      </c>
      <c r="B4010" s="3">
        <f>'CPT Data'!C4018</f>
        <v>39.893000000000001</v>
      </c>
      <c r="C4010" t="str">
        <f>'CPT Data'!P4018</f>
        <v>CLAY</v>
      </c>
      <c r="D4010">
        <f>'CPT Data'!Q4018</f>
        <v>199.08149569468549</v>
      </c>
      <c r="E4010">
        <f t="shared" si="63"/>
        <v>199.22872801253166</v>
      </c>
      <c r="F4010">
        <f>IF(C4010="CLAY", INDEX(D$4:D4010, MATCH("CLAY", C$4:C4010, 0)), "")</f>
        <v>0.75203252561341039</v>
      </c>
    </row>
    <row r="4011" spans="1:6" x14ac:dyDescent="0.2">
      <c r="A4011" s="239">
        <f>'CPT Data'!B4019</f>
        <v>39.909999999999997</v>
      </c>
      <c r="B4011" s="3">
        <f>'CPT Data'!C4019</f>
        <v>39.902999999999999</v>
      </c>
      <c r="C4011" t="str">
        <f>'CPT Data'!P4019</f>
        <v>CLAY</v>
      </c>
      <c r="D4011">
        <f>'CPT Data'!Q4019</f>
        <v>205.19693746887876</v>
      </c>
      <c r="E4011">
        <f t="shared" si="63"/>
        <v>199.08149569468549</v>
      </c>
      <c r="F4011">
        <f>IF(C4011="CLAY", INDEX(D$4:D4011, MATCH("CLAY", C$4:C4011, 0)), "")</f>
        <v>0.75203252561341039</v>
      </c>
    </row>
    <row r="4012" spans="1:6" x14ac:dyDescent="0.2">
      <c r="A4012" s="239">
        <f>'CPT Data'!B4020</f>
        <v>39.918999999999997</v>
      </c>
      <c r="B4012" s="3">
        <f>'CPT Data'!C4020</f>
        <v>39.911999999999999</v>
      </c>
      <c r="C4012" t="str">
        <f>'CPT Data'!P4020</f>
        <v>CLAY</v>
      </c>
      <c r="D4012">
        <f>'CPT Data'!Q4020</f>
        <v>229.37125652501902</v>
      </c>
      <c r="E4012">
        <f t="shared" si="63"/>
        <v>205.19693746887876</v>
      </c>
      <c r="F4012">
        <f>IF(C4012="CLAY", INDEX(D$4:D4012, MATCH("CLAY", C$4:C4012, 0)), "")</f>
        <v>0.75203252561341039</v>
      </c>
    </row>
    <row r="4013" spans="1:6" x14ac:dyDescent="0.2">
      <c r="A4013" s="239">
        <f>'CPT Data'!B4021</f>
        <v>39.929000000000002</v>
      </c>
      <c r="B4013" s="3">
        <f>'CPT Data'!C4021</f>
        <v>39.922000000000004</v>
      </c>
      <c r="C4013" t="str">
        <f>'CPT Data'!P4021</f>
        <v>CLAY</v>
      </c>
      <c r="D4013">
        <f>'CPT Data'!Q4021</f>
        <v>254.01343784683471</v>
      </c>
      <c r="E4013">
        <f t="shared" si="63"/>
        <v>229.37125652501902</v>
      </c>
      <c r="F4013">
        <f>IF(C4013="CLAY", INDEX(D$4:D4013, MATCH("CLAY", C$4:C4013, 0)), "")</f>
        <v>0.75203252561341039</v>
      </c>
    </row>
    <row r="4014" spans="1:6" x14ac:dyDescent="0.2">
      <c r="A4014" s="239">
        <f>'CPT Data'!B4022</f>
        <v>39.94</v>
      </c>
      <c r="B4014" s="3">
        <f>'CPT Data'!C4022</f>
        <v>39.933</v>
      </c>
      <c r="C4014" t="str">
        <f>'CPT Data'!P4022</f>
        <v>CLAY</v>
      </c>
      <c r="D4014">
        <f>'CPT Data'!Q4022</f>
        <v>264.89995724263025</v>
      </c>
      <c r="E4014">
        <f t="shared" si="63"/>
        <v>254.01343784683471</v>
      </c>
      <c r="F4014">
        <f>IF(C4014="CLAY", INDEX(D$4:D4014, MATCH("CLAY", C$4:C4014, 0)), "")</f>
        <v>0.75203252561341039</v>
      </c>
    </row>
    <row r="4015" spans="1:6" x14ac:dyDescent="0.2">
      <c r="A4015" s="239">
        <f>'CPT Data'!B4023</f>
        <v>39.948999999999998</v>
      </c>
      <c r="B4015" s="3">
        <f>'CPT Data'!C4023</f>
        <v>39.942</v>
      </c>
      <c r="C4015" t="str">
        <f>'CPT Data'!P4023</f>
        <v>CLAY</v>
      </c>
      <c r="D4015">
        <f>'CPT Data'!Q4023</f>
        <v>266.24454181053562</v>
      </c>
      <c r="E4015">
        <f t="shared" si="63"/>
        <v>264.89995724263025</v>
      </c>
      <c r="F4015">
        <f>IF(C4015="CLAY", INDEX(D$4:D4015, MATCH("CLAY", C$4:C4015, 0)), "")</f>
        <v>0.75203252561341039</v>
      </c>
    </row>
    <row r="4016" spans="1:6" x14ac:dyDescent="0.2">
      <c r="A4016" s="239">
        <f>'CPT Data'!B4024</f>
        <v>39.959000000000003</v>
      </c>
      <c r="B4016" s="3">
        <f>'CPT Data'!C4024</f>
        <v>39.952000000000005</v>
      </c>
      <c r="C4016" t="str">
        <f>'CPT Data'!P4024</f>
        <v>CLAY</v>
      </c>
      <c r="D4016">
        <f>'CPT Data'!Q4024</f>
        <v>275.48194860039746</v>
      </c>
      <c r="E4016">
        <f t="shared" si="63"/>
        <v>266.24454181053562</v>
      </c>
      <c r="F4016">
        <f>IF(C4016="CLAY", INDEX(D$4:D4016, MATCH("CLAY", C$4:C4016, 0)), "")</f>
        <v>0.75203252561341039</v>
      </c>
    </row>
    <row r="4017" spans="1:6" x14ac:dyDescent="0.2">
      <c r="A4017" s="239">
        <f>'CPT Data'!B4025</f>
        <v>39.968000000000004</v>
      </c>
      <c r="B4017" s="3">
        <f>'CPT Data'!C4025</f>
        <v>39.961000000000006</v>
      </c>
      <c r="C4017" t="str">
        <f>'CPT Data'!P4025</f>
        <v>CLAY</v>
      </c>
      <c r="D4017">
        <f>'CPT Data'!Q4025</f>
        <v>264.35421906467735</v>
      </c>
      <c r="E4017">
        <f t="shared" si="63"/>
        <v>275.48194860039746</v>
      </c>
      <c r="F4017">
        <f>IF(C4017="CLAY", INDEX(D$4:D4017, MATCH("CLAY", C$4:C4017, 0)), "")</f>
        <v>0.75203252561341039</v>
      </c>
    </row>
    <row r="4018" spans="1:6" x14ac:dyDescent="0.2">
      <c r="A4018" s="239">
        <f>'CPT Data'!B4026</f>
        <v>39.978999999999999</v>
      </c>
      <c r="B4018" s="3">
        <f>'CPT Data'!C4026</f>
        <v>39.972000000000001</v>
      </c>
      <c r="C4018" t="str">
        <f>'CPT Data'!P4026</f>
        <v>CLAY</v>
      </c>
      <c r="D4018">
        <f>'CPT Data'!Q4026</f>
        <v>261.9216620678867</v>
      </c>
      <c r="E4018">
        <f t="shared" si="63"/>
        <v>264.35421906467735</v>
      </c>
      <c r="F4018">
        <f>IF(C4018="CLAY", INDEX(D$4:D4018, MATCH("CLAY", C$4:C4018, 0)), "")</f>
        <v>0.75203252561341039</v>
      </c>
    </row>
    <row r="4019" spans="1:6" x14ac:dyDescent="0.2">
      <c r="A4019" s="239">
        <f>'CPT Data'!B4027</f>
        <v>39.988999999999997</v>
      </c>
      <c r="B4019" s="3">
        <f>'CPT Data'!C4027</f>
        <v>39.981999999999999</v>
      </c>
      <c r="C4019" t="str">
        <f>'CPT Data'!P4027</f>
        <v>CLAY</v>
      </c>
      <c r="D4019">
        <f>'CPT Data'!Q4027</f>
        <v>254.29612105520377</v>
      </c>
      <c r="E4019">
        <f t="shared" si="63"/>
        <v>261.9216620678867</v>
      </c>
      <c r="F4019">
        <f>IF(C4019="CLAY", INDEX(D$4:D4019, MATCH("CLAY", C$4:C4019, 0)), "")</f>
        <v>0.75203252561341039</v>
      </c>
    </row>
    <row r="4020" spans="1:6" x14ac:dyDescent="0.2">
      <c r="A4020" s="239">
        <f>'CPT Data'!B4028</f>
        <v>39.997999999999998</v>
      </c>
      <c r="B4020" s="3">
        <f>'CPT Data'!C4028</f>
        <v>39.991</v>
      </c>
      <c r="C4020" t="str">
        <f>'CPT Data'!P4028</f>
        <v>CLAY</v>
      </c>
      <c r="D4020">
        <f>'CPT Data'!Q4028</f>
        <v>255.19883274243398</v>
      </c>
      <c r="E4020">
        <f t="shared" si="63"/>
        <v>254.29612105520377</v>
      </c>
      <c r="F4020">
        <f>IF(C4020="CLAY", INDEX(D$4:D4020, MATCH("CLAY", C$4:C4020, 0)), "")</f>
        <v>0.75203252561341039</v>
      </c>
    </row>
    <row r="4021" spans="1:6" x14ac:dyDescent="0.2">
      <c r="A4021" s="239">
        <f>'CPT Data'!B4029</f>
        <v>40.009</v>
      </c>
      <c r="B4021" s="3">
        <f>'CPT Data'!C4029</f>
        <v>40.002000000000002</v>
      </c>
      <c r="C4021" t="str">
        <f>'CPT Data'!P4029</f>
        <v>CLAY</v>
      </c>
      <c r="D4021">
        <f>'CPT Data'!Q4029</f>
        <v>254.06508483583477</v>
      </c>
      <c r="E4021">
        <f t="shared" si="63"/>
        <v>255.19883274243398</v>
      </c>
      <c r="F4021">
        <f>IF(C4021="CLAY", INDEX(D$4:D4021, MATCH("CLAY", C$4:C4021, 0)), "")</f>
        <v>0.75203252561341039</v>
      </c>
    </row>
    <row r="4022" spans="1:6" x14ac:dyDescent="0.2">
      <c r="A4022" s="239">
        <f>'CPT Data'!B4030</f>
        <v>40.018000000000001</v>
      </c>
      <c r="B4022" s="3">
        <f>'CPT Data'!C4030</f>
        <v>40.011000000000003</v>
      </c>
      <c r="C4022" t="str">
        <f>'CPT Data'!P4030</f>
        <v>CLAY</v>
      </c>
      <c r="D4022">
        <f>'CPT Data'!Q4030</f>
        <v>257.6140875061069</v>
      </c>
      <c r="E4022">
        <f t="shared" si="63"/>
        <v>254.06508483583477</v>
      </c>
      <c r="F4022">
        <f>IF(C4022="CLAY", INDEX(D$4:D4022, MATCH("CLAY", C$4:C4022, 0)), "")</f>
        <v>0.75203252561341039</v>
      </c>
    </row>
    <row r="4023" spans="1:6" x14ac:dyDescent="0.2">
      <c r="A4023" s="239">
        <f>'CPT Data'!B4031</f>
        <v>40.029000000000003</v>
      </c>
      <c r="B4023" s="3">
        <f>'CPT Data'!C4031</f>
        <v>40.022000000000006</v>
      </c>
      <c r="C4023" t="str">
        <f>'CPT Data'!P4031</f>
        <v>CLAY</v>
      </c>
      <c r="D4023">
        <f>'CPT Data'!Q4031</f>
        <v>265.43534731258325</v>
      </c>
      <c r="E4023">
        <f t="shared" si="63"/>
        <v>257.6140875061069</v>
      </c>
      <c r="F4023">
        <f>IF(C4023="CLAY", INDEX(D$4:D4023, MATCH("CLAY", C$4:C4023, 0)), "")</f>
        <v>0.75203252561341039</v>
      </c>
    </row>
    <row r="4024" spans="1:6" x14ac:dyDescent="0.2">
      <c r="A4024" s="239">
        <f>'CPT Data'!B4032</f>
        <v>40.037999999999997</v>
      </c>
      <c r="B4024" s="3">
        <f>'CPT Data'!C4032</f>
        <v>40.030999999999999</v>
      </c>
      <c r="C4024" t="str">
        <f>'CPT Data'!P4032</f>
        <v>CLAY</v>
      </c>
      <c r="D4024">
        <f>'CPT Data'!Q4032</f>
        <v>283.63386001847067</v>
      </c>
      <c r="E4024">
        <f t="shared" si="63"/>
        <v>265.43534731258325</v>
      </c>
      <c r="F4024">
        <f>IF(C4024="CLAY", INDEX(D$4:D4024, MATCH("CLAY", C$4:C4024, 0)), "")</f>
        <v>0.75203252561341039</v>
      </c>
    </row>
    <row r="4025" spans="1:6" x14ac:dyDescent="0.2">
      <c r="A4025" s="239">
        <f>'CPT Data'!B4033</f>
        <v>40.048000000000002</v>
      </c>
      <c r="B4025" s="3">
        <f>'CPT Data'!C4033</f>
        <v>40.041000000000004</v>
      </c>
      <c r="C4025" t="str">
        <f>'CPT Data'!P4033</f>
        <v>CLAY</v>
      </c>
      <c r="D4025">
        <f>'CPT Data'!Q4033</f>
        <v>286.85785575709292</v>
      </c>
      <c r="E4025">
        <f t="shared" si="63"/>
        <v>283.63386001847067</v>
      </c>
      <c r="F4025">
        <f>IF(C4025="CLAY", INDEX(D$4:D4025, MATCH("CLAY", C$4:C4025, 0)), "")</f>
        <v>0.75203252561341039</v>
      </c>
    </row>
    <row r="4026" spans="1:6" x14ac:dyDescent="0.2">
      <c r="A4026" s="239">
        <f>'CPT Data'!B4034</f>
        <v>40.057000000000002</v>
      </c>
      <c r="B4026" s="3">
        <f>'CPT Data'!C4034</f>
        <v>40.050000000000004</v>
      </c>
      <c r="C4026" t="str">
        <f>'CPT Data'!P4034</f>
        <v>CLAY</v>
      </c>
      <c r="D4026">
        <f>'CPT Data'!Q4034</f>
        <v>287.36668121600809</v>
      </c>
      <c r="E4026">
        <f t="shared" si="63"/>
        <v>286.85785575709292</v>
      </c>
      <c r="F4026">
        <f>IF(C4026="CLAY", INDEX(D$4:D4026, MATCH("CLAY", C$4:C4026, 0)), "")</f>
        <v>0.75203252561341039</v>
      </c>
    </row>
    <row r="4027" spans="1:6" x14ac:dyDescent="0.2">
      <c r="A4027" s="239">
        <f>'CPT Data'!B4035</f>
        <v>40.067</v>
      </c>
      <c r="B4027" s="3">
        <f>'CPT Data'!C4035</f>
        <v>40.06</v>
      </c>
      <c r="C4027" t="str">
        <f>'CPT Data'!P4035</f>
        <v>CLAY</v>
      </c>
      <c r="D4027">
        <f>'CPT Data'!Q4035</f>
        <v>283.63586774911886</v>
      </c>
      <c r="E4027">
        <f t="shared" si="63"/>
        <v>287.36668121600809</v>
      </c>
      <c r="F4027">
        <f>IF(C4027="CLAY", INDEX(D$4:D4027, MATCH("CLAY", C$4:C4027, 0)), "")</f>
        <v>0.75203252561341039</v>
      </c>
    </row>
    <row r="4028" spans="1:6" x14ac:dyDescent="0.2">
      <c r="A4028" s="239">
        <f>'CPT Data'!B4036</f>
        <v>40.078000000000003</v>
      </c>
      <c r="B4028" s="3">
        <f>'CPT Data'!C4036</f>
        <v>40.071000000000005</v>
      </c>
      <c r="C4028" t="str">
        <f>'CPT Data'!P4036</f>
        <v>CLAY</v>
      </c>
      <c r="D4028">
        <f>'CPT Data'!Q4036</f>
        <v>281.50049850334875</v>
      </c>
      <c r="E4028">
        <f t="shared" si="63"/>
        <v>283.63586774911886</v>
      </c>
      <c r="F4028">
        <f>IF(C4028="CLAY", INDEX(D$4:D4028, MATCH("CLAY", C$4:C4028, 0)), "")</f>
        <v>0.75203252561341039</v>
      </c>
    </row>
    <row r="4029" spans="1:6" x14ac:dyDescent="0.2">
      <c r="A4029" s="239">
        <f>'CPT Data'!B4037</f>
        <v>40.087000000000003</v>
      </c>
      <c r="B4029" s="3">
        <f>'CPT Data'!C4037</f>
        <v>40.080000000000005</v>
      </c>
      <c r="C4029" t="str">
        <f>'CPT Data'!P4037</f>
        <v>CLAY</v>
      </c>
      <c r="D4029">
        <f>'CPT Data'!Q4037</f>
        <v>272.66207535507687</v>
      </c>
      <c r="E4029">
        <f t="shared" si="63"/>
        <v>281.50049850334875</v>
      </c>
      <c r="F4029">
        <f>IF(C4029="CLAY", INDEX(D$4:D4029, MATCH("CLAY", C$4:C4029, 0)), "")</f>
        <v>0.75203252561341039</v>
      </c>
    </row>
    <row r="4030" spans="1:6" x14ac:dyDescent="0.2">
      <c r="A4030" s="239">
        <f>'CPT Data'!B4038</f>
        <v>40.097999999999999</v>
      </c>
      <c r="B4030" s="3">
        <f>'CPT Data'!C4038</f>
        <v>40.091000000000001</v>
      </c>
      <c r="C4030" t="str">
        <f>'CPT Data'!P4038</f>
        <v>CLAY</v>
      </c>
      <c r="D4030">
        <f>'CPT Data'!Q4038</f>
        <v>258.60949140627235</v>
      </c>
      <c r="E4030">
        <f t="shared" si="63"/>
        <v>272.66207535507687</v>
      </c>
      <c r="F4030">
        <f>IF(C4030="CLAY", INDEX(D$4:D4030, MATCH("CLAY", C$4:C4030, 0)), "")</f>
        <v>0.75203252561341039</v>
      </c>
    </row>
    <row r="4031" spans="1:6" x14ac:dyDescent="0.2">
      <c r="A4031" s="239">
        <f>'CPT Data'!B4039</f>
        <v>40.106999999999999</v>
      </c>
      <c r="B4031" s="3">
        <f>'CPT Data'!C4039</f>
        <v>40.1</v>
      </c>
      <c r="C4031" t="str">
        <f>'CPT Data'!P4039</f>
        <v>CLAY</v>
      </c>
      <c r="D4031">
        <f>'CPT Data'!Q4039</f>
        <v>241.93728333855543</v>
      </c>
      <c r="E4031">
        <f t="shared" si="63"/>
        <v>258.60949140627235</v>
      </c>
      <c r="F4031">
        <f>IF(C4031="CLAY", INDEX(D$4:D4031, MATCH("CLAY", C$4:C4031, 0)), "")</f>
        <v>0.75203252561341039</v>
      </c>
    </row>
    <row r="4032" spans="1:6" x14ac:dyDescent="0.2">
      <c r="A4032" s="239">
        <f>'CPT Data'!B4040</f>
        <v>40.116999999999997</v>
      </c>
      <c r="B4032" s="3">
        <f>'CPT Data'!C4040</f>
        <v>40.11</v>
      </c>
      <c r="C4032" t="str">
        <f>'CPT Data'!P4040</f>
        <v>CLAY</v>
      </c>
      <c r="D4032">
        <f>'CPT Data'!Q4040</f>
        <v>215.26963896134689</v>
      </c>
      <c r="E4032">
        <f t="shared" si="63"/>
        <v>241.93728333855543</v>
      </c>
      <c r="F4032">
        <f>IF(C4032="CLAY", INDEX(D$4:D4032, MATCH("CLAY", C$4:C4032, 0)), "")</f>
        <v>0.75203252561341039</v>
      </c>
    </row>
    <row r="4033" spans="1:6" x14ac:dyDescent="0.2">
      <c r="A4033" s="239">
        <f>'CPT Data'!B4041</f>
        <v>40.127000000000002</v>
      </c>
      <c r="B4033" s="3">
        <f>'CPT Data'!C4041</f>
        <v>40.120000000000005</v>
      </c>
      <c r="C4033" t="str">
        <f>'CPT Data'!P4041</f>
        <v>CLAY</v>
      </c>
      <c r="D4033">
        <f>'CPT Data'!Q4041</f>
        <v>210.0484068380284</v>
      </c>
      <c r="E4033">
        <f t="shared" si="63"/>
        <v>215.26963896134689</v>
      </c>
      <c r="F4033">
        <f>IF(C4033="CLAY", INDEX(D$4:D4033, MATCH("CLAY", C$4:C4033, 0)), "")</f>
        <v>0.75203252561341039</v>
      </c>
    </row>
    <row r="4034" spans="1:6" x14ac:dyDescent="0.2">
      <c r="A4034" s="239">
        <f>'CPT Data'!B4042</f>
        <v>40.136000000000003</v>
      </c>
      <c r="B4034" s="3">
        <f>'CPT Data'!C4042</f>
        <v>40.129000000000005</v>
      </c>
      <c r="C4034" t="str">
        <f>'CPT Data'!P4042</f>
        <v>CLAY</v>
      </c>
      <c r="D4034">
        <f>'CPT Data'!Q4042</f>
        <v>209.52464206738762</v>
      </c>
      <c r="E4034">
        <f t="shared" si="63"/>
        <v>210.0484068380284</v>
      </c>
      <c r="F4034">
        <f>IF(C4034="CLAY", INDEX(D$4:D4034, MATCH("CLAY", C$4:C4034, 0)), "")</f>
        <v>0.75203252561341039</v>
      </c>
    </row>
    <row r="4035" spans="1:6" x14ac:dyDescent="0.2">
      <c r="A4035" s="239">
        <f>'CPT Data'!B4043</f>
        <v>40.146000000000001</v>
      </c>
      <c r="B4035" s="3">
        <f>'CPT Data'!C4043</f>
        <v>40.139000000000003</v>
      </c>
      <c r="C4035" t="str">
        <f>'CPT Data'!P4043</f>
        <v>CLAY</v>
      </c>
      <c r="D4035">
        <f>'CPT Data'!Q4043</f>
        <v>209.45199694478947</v>
      </c>
      <c r="E4035">
        <f t="shared" si="63"/>
        <v>209.52464206738762</v>
      </c>
      <c r="F4035">
        <f>IF(C4035="CLAY", INDEX(D$4:D4035, MATCH("CLAY", C$4:C4035, 0)), "")</f>
        <v>0.75203252561341039</v>
      </c>
    </row>
    <row r="4036" spans="1:6" x14ac:dyDescent="0.2">
      <c r="A4036" s="239">
        <f>'CPT Data'!B4044</f>
        <v>40.155999999999999</v>
      </c>
      <c r="B4036" s="3">
        <f>'CPT Data'!C4044</f>
        <v>40.149000000000001</v>
      </c>
      <c r="C4036" t="str">
        <f>'CPT Data'!P4044</f>
        <v>CLAY</v>
      </c>
      <c r="D4036">
        <f>'CPT Data'!Q4044</f>
        <v>215.88867372940675</v>
      </c>
      <c r="E4036">
        <f t="shared" si="63"/>
        <v>209.45199694478947</v>
      </c>
      <c r="F4036">
        <f>IF(C4036="CLAY", INDEX(D$4:D4036, MATCH("CLAY", C$4:C4036, 0)), "")</f>
        <v>0.75203252561341039</v>
      </c>
    </row>
    <row r="4037" spans="1:6" x14ac:dyDescent="0.2">
      <c r="A4037" s="239">
        <f>'CPT Data'!B4045</f>
        <v>40.165999999999997</v>
      </c>
      <c r="B4037" s="3">
        <f>'CPT Data'!C4045</f>
        <v>40.158999999999999</v>
      </c>
      <c r="C4037" t="str">
        <f>'CPT Data'!P4045</f>
        <v>CLAY</v>
      </c>
      <c r="D4037">
        <f>'CPT Data'!Q4045</f>
        <v>222.46522410211128</v>
      </c>
      <c r="E4037">
        <f t="shared" si="63"/>
        <v>215.88867372940675</v>
      </c>
      <c r="F4037">
        <f>IF(C4037="CLAY", INDEX(D$4:D4037, MATCH("CLAY", C$4:C4037, 0)), "")</f>
        <v>0.75203252561341039</v>
      </c>
    </row>
    <row r="4038" spans="1:6" x14ac:dyDescent="0.2">
      <c r="A4038" s="239">
        <f>'CPT Data'!B4046</f>
        <v>40.176000000000002</v>
      </c>
      <c r="B4038" s="3">
        <f>'CPT Data'!C4046</f>
        <v>40.169000000000004</v>
      </c>
      <c r="C4038" t="str">
        <f>'CPT Data'!P4046</f>
        <v>CLAY</v>
      </c>
      <c r="D4038">
        <f>'CPT Data'!Q4046</f>
        <v>229.24541742957351</v>
      </c>
      <c r="E4038">
        <f t="shared" si="63"/>
        <v>222.46522410211128</v>
      </c>
      <c r="F4038">
        <f>IF(C4038="CLAY", INDEX(D$4:D4038, MATCH("CLAY", C$4:C4038, 0)), "")</f>
        <v>0.75203252561341039</v>
      </c>
    </row>
    <row r="4039" spans="1:6" x14ac:dyDescent="0.2">
      <c r="A4039" s="239">
        <f>'CPT Data'!B4047</f>
        <v>40.186</v>
      </c>
      <c r="B4039" s="3">
        <f>'CPT Data'!C4047</f>
        <v>40.179000000000002</v>
      </c>
      <c r="C4039" t="str">
        <f>'CPT Data'!P4047</f>
        <v>CLAY</v>
      </c>
      <c r="D4039">
        <f>'CPT Data'!Q4047</f>
        <v>239.42787102793821</v>
      </c>
      <c r="E4039">
        <f t="shared" si="63"/>
        <v>229.24541742957351</v>
      </c>
      <c r="F4039">
        <f>IF(C4039="CLAY", INDEX(D$4:D4039, MATCH("CLAY", C$4:C4039, 0)), "")</f>
        <v>0.75203252561341039</v>
      </c>
    </row>
    <row r="4040" spans="1:6" x14ac:dyDescent="0.2">
      <c r="A4040" s="239">
        <f>'CPT Data'!B4048</f>
        <v>40.195</v>
      </c>
      <c r="B4040" s="3">
        <f>'CPT Data'!C4048</f>
        <v>40.188000000000002</v>
      </c>
      <c r="C4040" t="str">
        <f>'CPT Data'!P4048</f>
        <v>CLAY</v>
      </c>
      <c r="D4040">
        <f>'CPT Data'!Q4048</f>
        <v>259.36783538368871</v>
      </c>
      <c r="E4040">
        <f t="shared" si="63"/>
        <v>239.42787102793821</v>
      </c>
      <c r="F4040">
        <f>IF(C4040="CLAY", INDEX(D$4:D4040, MATCH("CLAY", C$4:C4040, 0)), "")</f>
        <v>0.75203252561341039</v>
      </c>
    </row>
    <row r="4041" spans="1:6" x14ac:dyDescent="0.2">
      <c r="A4041" s="239">
        <f>'CPT Data'!B4049</f>
        <v>40.206000000000003</v>
      </c>
      <c r="B4041" s="3">
        <f>'CPT Data'!C4049</f>
        <v>40.199000000000005</v>
      </c>
      <c r="C4041" t="str">
        <f>'CPT Data'!P4049</f>
        <v>CLAY</v>
      </c>
      <c r="D4041">
        <f>'CPT Data'!Q4049</f>
        <v>278.33725239085965</v>
      </c>
      <c r="E4041">
        <f t="shared" si="63"/>
        <v>259.36783538368871</v>
      </c>
      <c r="F4041">
        <f>IF(C4041="CLAY", INDEX(D$4:D4041, MATCH("CLAY", C$4:C4041, 0)), "")</f>
        <v>0.75203252561341039</v>
      </c>
    </row>
    <row r="4042" spans="1:6" x14ac:dyDescent="0.2">
      <c r="A4042" s="239">
        <f>'CPT Data'!B4050</f>
        <v>40.215000000000003</v>
      </c>
      <c r="B4042" s="3">
        <f>'CPT Data'!C4050</f>
        <v>40.208000000000006</v>
      </c>
      <c r="C4042" t="str">
        <f>'CPT Data'!P4050</f>
        <v>CLAY</v>
      </c>
      <c r="D4042">
        <f>'CPT Data'!Q4050</f>
        <v>280.96107731245536</v>
      </c>
      <c r="E4042">
        <f t="shared" si="63"/>
        <v>278.33725239085965</v>
      </c>
      <c r="F4042">
        <f>IF(C4042="CLAY", INDEX(D$4:D4042, MATCH("CLAY", C$4:C4042, 0)), "")</f>
        <v>0.75203252561341039</v>
      </c>
    </row>
    <row r="4043" spans="1:6" x14ac:dyDescent="0.2">
      <c r="A4043" s="239">
        <f>'CPT Data'!B4051</f>
        <v>40.225000000000001</v>
      </c>
      <c r="B4043" s="3">
        <f>'CPT Data'!C4051</f>
        <v>40.218000000000004</v>
      </c>
      <c r="C4043" t="str">
        <f>'CPT Data'!P4051</f>
        <v>CLAY</v>
      </c>
      <c r="D4043">
        <f>'CPT Data'!Q4051</f>
        <v>289.7141990324962</v>
      </c>
      <c r="E4043">
        <f t="shared" si="63"/>
        <v>280.96107731245536</v>
      </c>
      <c r="F4043">
        <f>IF(C4043="CLAY", INDEX(D$4:D4043, MATCH("CLAY", C$4:C4043, 0)), "")</f>
        <v>0.75203252561341039</v>
      </c>
    </row>
    <row r="4044" spans="1:6" x14ac:dyDescent="0.2">
      <c r="A4044" s="239">
        <f>'CPT Data'!B4052</f>
        <v>40.234999999999999</v>
      </c>
      <c r="B4044" s="3">
        <f>'CPT Data'!C4052</f>
        <v>40.228000000000002</v>
      </c>
      <c r="C4044" t="str">
        <f>'CPT Data'!P4052</f>
        <v>CLAY</v>
      </c>
      <c r="D4044">
        <f>'CPT Data'!Q4052</f>
        <v>297.23949006757931</v>
      </c>
      <c r="E4044">
        <f t="shared" si="63"/>
        <v>289.7141990324962</v>
      </c>
      <c r="F4044">
        <f>IF(C4044="CLAY", INDEX(D$4:D4044, MATCH("CLAY", C$4:C4044, 0)), "")</f>
        <v>0.75203252561341039</v>
      </c>
    </row>
    <row r="4045" spans="1:6" x14ac:dyDescent="0.2">
      <c r="A4045" s="239">
        <f>'CPT Data'!B4053</f>
        <v>40.244</v>
      </c>
      <c r="B4045" s="3">
        <f>'CPT Data'!C4053</f>
        <v>40.237000000000002</v>
      </c>
      <c r="C4045" t="str">
        <f>'CPT Data'!P4053</f>
        <v>CLAY</v>
      </c>
      <c r="D4045">
        <f>'CPT Data'!Q4053</f>
        <v>293.1535787080752</v>
      </c>
      <c r="E4045">
        <f t="shared" si="63"/>
        <v>297.23949006757931</v>
      </c>
      <c r="F4045">
        <f>IF(C4045="CLAY", INDEX(D$4:D4045, MATCH("CLAY", C$4:C4045, 0)), "")</f>
        <v>0.75203252561341039</v>
      </c>
    </row>
    <row r="4046" spans="1:6" x14ac:dyDescent="0.2">
      <c r="A4046" s="239">
        <f>'CPT Data'!B4054</f>
        <v>40.255000000000003</v>
      </c>
      <c r="B4046" s="3">
        <f>'CPT Data'!C4054</f>
        <v>40.248000000000005</v>
      </c>
      <c r="C4046" t="str">
        <f>'CPT Data'!P4054</f>
        <v>CLAY</v>
      </c>
      <c r="D4046">
        <f>'CPT Data'!Q4054</f>
        <v>288.21780470877724</v>
      </c>
      <c r="E4046">
        <f t="shared" si="63"/>
        <v>293.1535787080752</v>
      </c>
      <c r="F4046">
        <f>IF(C4046="CLAY", INDEX(D$4:D4046, MATCH("CLAY", C$4:C4046, 0)), "")</f>
        <v>0.75203252561341039</v>
      </c>
    </row>
    <row r="4047" spans="1:6" x14ac:dyDescent="0.2">
      <c r="A4047" s="239">
        <f>'CPT Data'!B4055</f>
        <v>40.264000000000003</v>
      </c>
      <c r="B4047" s="3">
        <f>'CPT Data'!C4055</f>
        <v>40.257000000000005</v>
      </c>
      <c r="C4047" t="str">
        <f>'CPT Data'!P4055</f>
        <v>CLAY</v>
      </c>
      <c r="D4047">
        <f>'CPT Data'!Q4055</f>
        <v>280.62912822535105</v>
      </c>
      <c r="E4047">
        <f t="shared" si="63"/>
        <v>288.21780470877724</v>
      </c>
      <c r="F4047">
        <f>IF(C4047="CLAY", INDEX(D$4:D4047, MATCH("CLAY", C$4:C4047, 0)), "")</f>
        <v>0.75203252561341039</v>
      </c>
    </row>
    <row r="4048" spans="1:6" x14ac:dyDescent="0.2">
      <c r="A4048" s="239">
        <f>'CPT Data'!B4056</f>
        <v>40.274000000000001</v>
      </c>
      <c r="B4048" s="3">
        <f>'CPT Data'!C4056</f>
        <v>40.267000000000003</v>
      </c>
      <c r="C4048" t="str">
        <f>'CPT Data'!P4056</f>
        <v>CLAY</v>
      </c>
      <c r="D4048">
        <f>'CPT Data'!Q4056</f>
        <v>267.73173680230417</v>
      </c>
      <c r="E4048">
        <f t="shared" si="63"/>
        <v>280.62912822535105</v>
      </c>
      <c r="F4048">
        <f>IF(C4048="CLAY", INDEX(D$4:D4048, MATCH("CLAY", C$4:C4048, 0)), "")</f>
        <v>0.75203252561341039</v>
      </c>
    </row>
    <row r="4049" spans="1:6" x14ac:dyDescent="0.2">
      <c r="A4049" s="239">
        <f>'CPT Data'!B4057</f>
        <v>40.283999999999999</v>
      </c>
      <c r="B4049" s="3">
        <f>'CPT Data'!C4057</f>
        <v>40.277000000000001</v>
      </c>
      <c r="C4049" t="str">
        <f>'CPT Data'!P4057</f>
        <v>CLAY</v>
      </c>
      <c r="D4049">
        <f>'CPT Data'!Q4057</f>
        <v>267.76975628401846</v>
      </c>
      <c r="E4049">
        <f t="shared" si="63"/>
        <v>267.73173680230417</v>
      </c>
      <c r="F4049">
        <f>IF(C4049="CLAY", INDEX(D$4:D4049, MATCH("CLAY", C$4:C4049, 0)), "")</f>
        <v>0.75203252561341039</v>
      </c>
    </row>
    <row r="4050" spans="1:6" x14ac:dyDescent="0.2">
      <c r="A4050" s="239">
        <f>'CPT Data'!B4058</f>
        <v>40.295000000000002</v>
      </c>
      <c r="B4050" s="3">
        <f>'CPT Data'!C4058</f>
        <v>40.288000000000004</v>
      </c>
      <c r="C4050" t="str">
        <f>'CPT Data'!P4058</f>
        <v>CLAY</v>
      </c>
      <c r="D4050">
        <f>'CPT Data'!Q4058</f>
        <v>246.72563747188551</v>
      </c>
      <c r="E4050">
        <f t="shared" si="63"/>
        <v>267.76975628401846</v>
      </c>
      <c r="F4050">
        <f>IF(C4050="CLAY", INDEX(D$4:D4050, MATCH("CLAY", C$4:C4050, 0)), "")</f>
        <v>0.75203252561341039</v>
      </c>
    </row>
    <row r="4051" spans="1:6" x14ac:dyDescent="0.2">
      <c r="A4051" s="239">
        <f>'CPT Data'!B4059</f>
        <v>40.304000000000002</v>
      </c>
      <c r="B4051" s="3">
        <f>'CPT Data'!C4059</f>
        <v>40.297000000000004</v>
      </c>
      <c r="C4051" t="str">
        <f>'CPT Data'!P4059</f>
        <v>CLAY</v>
      </c>
      <c r="D4051">
        <f>'CPT Data'!Q4059</f>
        <v>218.4637306075401</v>
      </c>
      <c r="E4051">
        <f t="shared" si="63"/>
        <v>246.72563747188551</v>
      </c>
      <c r="F4051">
        <f>IF(C4051="CLAY", INDEX(D$4:D4051, MATCH("CLAY", C$4:C4051, 0)), "")</f>
        <v>0.75203252561341039</v>
      </c>
    </row>
    <row r="4052" spans="1:6" x14ac:dyDescent="0.2">
      <c r="A4052" s="239">
        <f>'CPT Data'!B4060</f>
        <v>40.314</v>
      </c>
      <c r="B4052" s="3">
        <f>'CPT Data'!C4060</f>
        <v>40.307000000000002</v>
      </c>
      <c r="C4052" t="str">
        <f>'CPT Data'!P4060</f>
        <v>CLAY</v>
      </c>
      <c r="D4052">
        <f>'CPT Data'!Q4060</f>
        <v>199.42124938439102</v>
      </c>
      <c r="E4052">
        <f t="shared" si="63"/>
        <v>218.4637306075401</v>
      </c>
      <c r="F4052">
        <f>IF(C4052="CLAY", INDEX(D$4:D4052, MATCH("CLAY", C$4:C4052, 0)), "")</f>
        <v>0.75203252561341039</v>
      </c>
    </row>
    <row r="4053" spans="1:6" x14ac:dyDescent="0.2">
      <c r="A4053" s="239">
        <f>'CPT Data'!B4061</f>
        <v>40.323999999999998</v>
      </c>
      <c r="B4053" s="3">
        <f>'CPT Data'!C4061</f>
        <v>40.317</v>
      </c>
      <c r="C4053" t="str">
        <f>'CPT Data'!P4061</f>
        <v>CLAY</v>
      </c>
      <c r="D4053">
        <f>'CPT Data'!Q4061</f>
        <v>195.73642933300917</v>
      </c>
      <c r="E4053">
        <f t="shared" si="63"/>
        <v>199.42124938439102</v>
      </c>
      <c r="F4053">
        <f>IF(C4053="CLAY", INDEX(D$4:D4053, MATCH("CLAY", C$4:C4053, 0)), "")</f>
        <v>0.75203252561341039</v>
      </c>
    </row>
    <row r="4054" spans="1:6" x14ac:dyDescent="0.2">
      <c r="A4054" s="239">
        <f>'CPT Data'!B4062</f>
        <v>40.334000000000003</v>
      </c>
      <c r="B4054" s="3">
        <f>'CPT Data'!C4062</f>
        <v>40.327000000000005</v>
      </c>
      <c r="C4054" t="str">
        <f>'CPT Data'!P4062</f>
        <v>CLAY</v>
      </c>
      <c r="D4054">
        <f>'CPT Data'!Q4062</f>
        <v>191.09742379578606</v>
      </c>
      <c r="E4054">
        <f t="shared" si="63"/>
        <v>195.73642933300917</v>
      </c>
      <c r="F4054">
        <f>IF(C4054="CLAY", INDEX(D$4:D4054, MATCH("CLAY", C$4:C4054, 0)), "")</f>
        <v>0.75203252561341039</v>
      </c>
    </row>
    <row r="4055" spans="1:6" x14ac:dyDescent="0.2">
      <c r="A4055" s="239">
        <f>'CPT Data'!B4063</f>
        <v>40.344000000000001</v>
      </c>
      <c r="B4055" s="3">
        <f>'CPT Data'!C4063</f>
        <v>40.337000000000003</v>
      </c>
      <c r="C4055" t="str">
        <f>'CPT Data'!P4063</f>
        <v>CLAY</v>
      </c>
      <c r="D4055">
        <f>'CPT Data'!Q4063</f>
        <v>196.23562389917061</v>
      </c>
      <c r="E4055">
        <f t="shared" si="63"/>
        <v>191.09742379578606</v>
      </c>
      <c r="F4055">
        <f>IF(C4055="CLAY", INDEX(D$4:D4055, MATCH("CLAY", C$4:C4055, 0)), "")</f>
        <v>0.75203252561341039</v>
      </c>
    </row>
    <row r="4056" spans="1:6" x14ac:dyDescent="0.2">
      <c r="A4056" s="239">
        <f>'CPT Data'!B4064</f>
        <v>40.353000000000002</v>
      </c>
      <c r="B4056" s="3">
        <f>'CPT Data'!C4064</f>
        <v>40.346000000000004</v>
      </c>
      <c r="C4056" t="str">
        <f>'CPT Data'!P4064</f>
        <v>CLAY</v>
      </c>
      <c r="D4056">
        <f>'CPT Data'!Q4064</f>
        <v>208.60562602483176</v>
      </c>
      <c r="E4056">
        <f t="shared" si="63"/>
        <v>196.23562389917061</v>
      </c>
      <c r="F4056">
        <f>IF(C4056="CLAY", INDEX(D$4:D4056, MATCH("CLAY", C$4:C4056, 0)), "")</f>
        <v>0.75203252561341039</v>
      </c>
    </row>
    <row r="4057" spans="1:6" x14ac:dyDescent="0.2">
      <c r="A4057" s="239">
        <f>'CPT Data'!B4065</f>
        <v>40.363999999999997</v>
      </c>
      <c r="B4057" s="3">
        <f>'CPT Data'!C4065</f>
        <v>40.356999999999999</v>
      </c>
      <c r="C4057" t="str">
        <f>'CPT Data'!P4065</f>
        <v>CLAY</v>
      </c>
      <c r="D4057">
        <f>'CPT Data'!Q4065</f>
        <v>229.1371455371733</v>
      </c>
      <c r="E4057">
        <f t="shared" si="63"/>
        <v>208.60562602483176</v>
      </c>
      <c r="F4057">
        <f>IF(C4057="CLAY", INDEX(D$4:D4057, MATCH("CLAY", C$4:C4057, 0)), "")</f>
        <v>0.75203252561341039</v>
      </c>
    </row>
    <row r="4058" spans="1:6" x14ac:dyDescent="0.2">
      <c r="A4058" s="239">
        <f>'CPT Data'!B4066</f>
        <v>40.372999999999998</v>
      </c>
      <c r="B4058" s="3">
        <f>'CPT Data'!C4066</f>
        <v>40.366</v>
      </c>
      <c r="C4058" t="str">
        <f>'CPT Data'!P4066</f>
        <v>CLAY</v>
      </c>
      <c r="D4058">
        <f>'CPT Data'!Q4066</f>
        <v>226.86073899552525</v>
      </c>
      <c r="E4058">
        <f t="shared" si="63"/>
        <v>229.1371455371733</v>
      </c>
      <c r="F4058">
        <f>IF(C4058="CLAY", INDEX(D$4:D4058, MATCH("CLAY", C$4:C4058, 0)), "")</f>
        <v>0.75203252561341039</v>
      </c>
    </row>
    <row r="4059" spans="1:6" x14ac:dyDescent="0.2">
      <c r="A4059" s="239">
        <f>'CPT Data'!B4067</f>
        <v>40.383000000000003</v>
      </c>
      <c r="B4059" s="3">
        <f>'CPT Data'!C4067</f>
        <v>40.376000000000005</v>
      </c>
      <c r="C4059" t="str">
        <f>'CPT Data'!P4067</f>
        <v>CLAY</v>
      </c>
      <c r="D4059">
        <f>'CPT Data'!Q4067</f>
        <v>226.28843646097516</v>
      </c>
      <c r="E4059">
        <f t="shared" ref="E4059:E4122" si="64">IF(C4059="SAND",#N/A,IF(C4059=C4058,D4058,IF(C4059="CLAY",D4059,#N/A)))</f>
        <v>226.86073899552525</v>
      </c>
      <c r="F4059">
        <f>IF(C4059="CLAY", INDEX(D$4:D4059, MATCH("CLAY", C$4:C4059, 0)), "")</f>
        <v>0.75203252561341039</v>
      </c>
    </row>
    <row r="4060" spans="1:6" x14ac:dyDescent="0.2">
      <c r="A4060" s="239">
        <f>'CPT Data'!B4068</f>
        <v>40.392000000000003</v>
      </c>
      <c r="B4060" s="3">
        <f>'CPT Data'!C4068</f>
        <v>40.385000000000005</v>
      </c>
      <c r="C4060" t="str">
        <f>'CPT Data'!P4068</f>
        <v>CLAY</v>
      </c>
      <c r="D4060">
        <f>'CPT Data'!Q4068</f>
        <v>223.08854668310997</v>
      </c>
      <c r="E4060">
        <f t="shared" si="64"/>
        <v>226.28843646097516</v>
      </c>
      <c r="F4060">
        <f>IF(C4060="CLAY", INDEX(D$4:D4060, MATCH("CLAY", C$4:C4060, 0)), "")</f>
        <v>0.75203252561341039</v>
      </c>
    </row>
    <row r="4061" spans="1:6" x14ac:dyDescent="0.2">
      <c r="A4061" s="239">
        <f>'CPT Data'!B4069</f>
        <v>40.402000000000001</v>
      </c>
      <c r="B4061" s="3">
        <f>'CPT Data'!C4069</f>
        <v>40.395000000000003</v>
      </c>
      <c r="C4061" t="str">
        <f>'CPT Data'!P4069</f>
        <v>CLAY</v>
      </c>
      <c r="D4061">
        <f>'CPT Data'!Q4069</f>
        <v>218.4937399586787</v>
      </c>
      <c r="E4061">
        <f t="shared" si="64"/>
        <v>223.08854668310997</v>
      </c>
      <c r="F4061">
        <f>IF(C4061="CLAY", INDEX(D$4:D4061, MATCH("CLAY", C$4:C4061, 0)), "")</f>
        <v>0.75203252561341039</v>
      </c>
    </row>
    <row r="4062" spans="1:6" x14ac:dyDescent="0.2">
      <c r="A4062" s="239">
        <f>'CPT Data'!B4070</f>
        <v>40.411999999999999</v>
      </c>
      <c r="B4062" s="3">
        <f>'CPT Data'!C4070</f>
        <v>40.405000000000001</v>
      </c>
      <c r="C4062" t="str">
        <f>'CPT Data'!P4070</f>
        <v>CLAY</v>
      </c>
      <c r="D4062">
        <f>'CPT Data'!Q4070</f>
        <v>212.47915142132675</v>
      </c>
      <c r="E4062">
        <f t="shared" si="64"/>
        <v>218.4937399586787</v>
      </c>
      <c r="F4062">
        <f>IF(C4062="CLAY", INDEX(D$4:D4062, MATCH("CLAY", C$4:C4062, 0)), "")</f>
        <v>0.75203252561341039</v>
      </c>
    </row>
    <row r="4063" spans="1:6" x14ac:dyDescent="0.2">
      <c r="A4063" s="239">
        <f>'CPT Data'!B4071</f>
        <v>40.421999999999997</v>
      </c>
      <c r="B4063" s="3">
        <f>'CPT Data'!C4071</f>
        <v>40.414999999999999</v>
      </c>
      <c r="C4063" t="str">
        <f>'CPT Data'!P4071</f>
        <v>CLAY</v>
      </c>
      <c r="D4063">
        <f>'CPT Data'!Q4071</f>
        <v>206.23469527602654</v>
      </c>
      <c r="E4063">
        <f t="shared" si="64"/>
        <v>212.47915142132675</v>
      </c>
      <c r="F4063">
        <f>IF(C4063="CLAY", INDEX(D$4:D4063, MATCH("CLAY", C$4:C4063, 0)), "")</f>
        <v>0.75203252561341039</v>
      </c>
    </row>
    <row r="4064" spans="1:6" x14ac:dyDescent="0.2">
      <c r="A4064" s="239">
        <f>'CPT Data'!B4072</f>
        <v>40.432000000000002</v>
      </c>
      <c r="B4064" s="3">
        <f>'CPT Data'!C4072</f>
        <v>40.425000000000004</v>
      </c>
      <c r="C4064" t="str">
        <f>'CPT Data'!P4072</f>
        <v>CLAY</v>
      </c>
      <c r="D4064">
        <f>'CPT Data'!Q4072</f>
        <v>201.13867552422616</v>
      </c>
      <c r="E4064">
        <f t="shared" si="64"/>
        <v>206.23469527602654</v>
      </c>
      <c r="F4064">
        <f>IF(C4064="CLAY", INDEX(D$4:D4064, MATCH("CLAY", C$4:C4064, 0)), "")</f>
        <v>0.75203252561341039</v>
      </c>
    </row>
    <row r="4065" spans="1:6" x14ac:dyDescent="0.2">
      <c r="A4065" s="239">
        <f>'CPT Data'!B4073</f>
        <v>40.442</v>
      </c>
      <c r="B4065" s="3">
        <f>'CPT Data'!C4073</f>
        <v>40.435000000000002</v>
      </c>
      <c r="C4065" t="str">
        <f>'CPT Data'!P4073</f>
        <v>CLAY</v>
      </c>
      <c r="D4065">
        <f>'CPT Data'!Q4073</f>
        <v>205.05546283849165</v>
      </c>
      <c r="E4065">
        <f t="shared" si="64"/>
        <v>201.13867552422616</v>
      </c>
      <c r="F4065">
        <f>IF(C4065="CLAY", INDEX(D$4:D4065, MATCH("CLAY", C$4:C4065, 0)), "")</f>
        <v>0.75203252561341039</v>
      </c>
    </row>
    <row r="4066" spans="1:6" x14ac:dyDescent="0.2">
      <c r="A4066" s="239">
        <f>'CPT Data'!B4074</f>
        <v>40.451999999999998</v>
      </c>
      <c r="B4066" s="3">
        <f>'CPT Data'!C4074</f>
        <v>40.445</v>
      </c>
      <c r="C4066" t="str">
        <f>'CPT Data'!P4074</f>
        <v>CLAY</v>
      </c>
      <c r="D4066">
        <f>'CPT Data'!Q4074</f>
        <v>214.73546494725431</v>
      </c>
      <c r="E4066">
        <f t="shared" si="64"/>
        <v>205.05546283849165</v>
      </c>
      <c r="F4066">
        <f>IF(C4066="CLAY", INDEX(D$4:D4066, MATCH("CLAY", C$4:C4066, 0)), "")</f>
        <v>0.75203252561341039</v>
      </c>
    </row>
    <row r="4067" spans="1:6" x14ac:dyDescent="0.2">
      <c r="A4067" s="239">
        <f>'CPT Data'!B4075</f>
        <v>40.462000000000003</v>
      </c>
      <c r="B4067" s="3">
        <f>'CPT Data'!C4075</f>
        <v>40.455000000000005</v>
      </c>
      <c r="C4067" t="str">
        <f>'CPT Data'!P4075</f>
        <v>CLAY</v>
      </c>
      <c r="D4067">
        <f>'CPT Data'!Q4075</f>
        <v>213.70179011930631</v>
      </c>
      <c r="E4067">
        <f t="shared" si="64"/>
        <v>214.73546494725431</v>
      </c>
      <c r="F4067">
        <f>IF(C4067="CLAY", INDEX(D$4:D4067, MATCH("CLAY", C$4:C4067, 0)), "")</f>
        <v>0.75203252561341039</v>
      </c>
    </row>
    <row r="4068" spans="1:6" x14ac:dyDescent="0.2">
      <c r="A4068" s="239">
        <f>'CPT Data'!B4076</f>
        <v>40.472999999999999</v>
      </c>
      <c r="B4068" s="3">
        <f>'CPT Data'!C4076</f>
        <v>40.466000000000001</v>
      </c>
      <c r="C4068" t="str">
        <f>'CPT Data'!P4076</f>
        <v>CLAY</v>
      </c>
      <c r="D4068">
        <f>'CPT Data'!Q4076</f>
        <v>219.14337073713352</v>
      </c>
      <c r="E4068">
        <f t="shared" si="64"/>
        <v>213.70179011930631</v>
      </c>
      <c r="F4068">
        <f>IF(C4068="CLAY", INDEX(D$4:D4068, MATCH("CLAY", C$4:C4068, 0)), "")</f>
        <v>0.75203252561341039</v>
      </c>
    </row>
    <row r="4069" spans="1:6" x14ac:dyDescent="0.2">
      <c r="A4069" s="239">
        <f>'CPT Data'!B4077</f>
        <v>40.481999999999999</v>
      </c>
      <c r="B4069" s="3">
        <f>'CPT Data'!C4077</f>
        <v>40.475000000000001</v>
      </c>
      <c r="C4069" t="str">
        <f>'CPT Data'!P4077</f>
        <v>CLAY</v>
      </c>
      <c r="D4069">
        <f>'CPT Data'!Q4077</f>
        <v>230.85578719724515</v>
      </c>
      <c r="E4069">
        <f t="shared" si="64"/>
        <v>219.14337073713352</v>
      </c>
      <c r="F4069">
        <f>IF(C4069="CLAY", INDEX(D$4:D4069, MATCH("CLAY", C$4:C4069, 0)), "")</f>
        <v>0.75203252561341039</v>
      </c>
    </row>
    <row r="4070" spans="1:6" x14ac:dyDescent="0.2">
      <c r="A4070" s="239">
        <f>'CPT Data'!B4078</f>
        <v>40.491999999999997</v>
      </c>
      <c r="B4070" s="3">
        <f>'CPT Data'!C4078</f>
        <v>40.484999999999999</v>
      </c>
      <c r="C4070" t="str">
        <f>'CPT Data'!P4078</f>
        <v>CLAY</v>
      </c>
      <c r="D4070">
        <f>'CPT Data'!Q4078</f>
        <v>233.21730145967828</v>
      </c>
      <c r="E4070">
        <f t="shared" si="64"/>
        <v>230.85578719724515</v>
      </c>
      <c r="F4070">
        <f>IF(C4070="CLAY", INDEX(D$4:D4070, MATCH("CLAY", C$4:C4070, 0)), "")</f>
        <v>0.75203252561341039</v>
      </c>
    </row>
    <row r="4071" spans="1:6" x14ac:dyDescent="0.2">
      <c r="A4071" s="239">
        <f>'CPT Data'!B4079</f>
        <v>40.502000000000002</v>
      </c>
      <c r="B4071" s="3">
        <f>'CPT Data'!C4079</f>
        <v>40.495000000000005</v>
      </c>
      <c r="C4071" t="str">
        <f>'CPT Data'!P4079</f>
        <v>CLAY</v>
      </c>
      <c r="D4071">
        <f>'CPT Data'!Q4079</f>
        <v>236.18155280095459</v>
      </c>
      <c r="E4071">
        <f t="shared" si="64"/>
        <v>233.21730145967828</v>
      </c>
      <c r="F4071">
        <f>IF(C4071="CLAY", INDEX(D$4:D4071, MATCH("CLAY", C$4:C4071, 0)), "")</f>
        <v>0.75203252561341039</v>
      </c>
    </row>
    <row r="4072" spans="1:6" x14ac:dyDescent="0.2">
      <c r="A4072" s="239">
        <f>'CPT Data'!B4080</f>
        <v>40.511000000000003</v>
      </c>
      <c r="B4072" s="3">
        <f>'CPT Data'!C4080</f>
        <v>40.504000000000005</v>
      </c>
      <c r="C4072" t="str">
        <f>'CPT Data'!P4080</f>
        <v>CLAY</v>
      </c>
      <c r="D4072">
        <f>'CPT Data'!Q4080</f>
        <v>234.78419638829928</v>
      </c>
      <c r="E4072">
        <f t="shared" si="64"/>
        <v>236.18155280095459</v>
      </c>
      <c r="F4072">
        <f>IF(C4072="CLAY", INDEX(D$4:D4072, MATCH("CLAY", C$4:C4072, 0)), "")</f>
        <v>0.75203252561341039</v>
      </c>
    </row>
    <row r="4073" spans="1:6" x14ac:dyDescent="0.2">
      <c r="A4073" s="239">
        <f>'CPT Data'!B4081</f>
        <v>40.521999999999998</v>
      </c>
      <c r="B4073" s="3">
        <f>'CPT Data'!C4081</f>
        <v>40.515000000000001</v>
      </c>
      <c r="C4073" t="str">
        <f>'CPT Data'!P4081</f>
        <v>CLAY</v>
      </c>
      <c r="D4073">
        <f>'CPT Data'!Q4081</f>
        <v>227.11708099078191</v>
      </c>
      <c r="E4073">
        <f t="shared" si="64"/>
        <v>234.78419638829928</v>
      </c>
      <c r="F4073">
        <f>IF(C4073="CLAY", INDEX(D$4:D4073, MATCH("CLAY", C$4:C4073, 0)), "")</f>
        <v>0.75203252561341039</v>
      </c>
    </row>
    <row r="4074" spans="1:6" x14ac:dyDescent="0.2">
      <c r="A4074" s="239">
        <f>'CPT Data'!B4082</f>
        <v>40.531999999999996</v>
      </c>
      <c r="B4074" s="3">
        <f>'CPT Data'!C4082</f>
        <v>40.524999999999999</v>
      </c>
      <c r="C4074" t="str">
        <f>'CPT Data'!P4082</f>
        <v>CLAY</v>
      </c>
      <c r="D4074">
        <f>'CPT Data'!Q4082</f>
        <v>219.56478555206434</v>
      </c>
      <c r="E4074">
        <f t="shared" si="64"/>
        <v>227.11708099078191</v>
      </c>
      <c r="F4074">
        <f>IF(C4074="CLAY", INDEX(D$4:D4074, MATCH("CLAY", C$4:C4074, 0)), "")</f>
        <v>0.75203252561341039</v>
      </c>
    </row>
    <row r="4075" spans="1:6" x14ac:dyDescent="0.2">
      <c r="A4075" s="239">
        <f>'CPT Data'!B4083</f>
        <v>40.540999999999997</v>
      </c>
      <c r="B4075" s="3">
        <f>'CPT Data'!C4083</f>
        <v>40.533999999999999</v>
      </c>
      <c r="C4075" t="str">
        <f>'CPT Data'!P4083</f>
        <v>CLAY</v>
      </c>
      <c r="D4075">
        <f>'CPT Data'!Q4083</f>
        <v>210.41399489066032</v>
      </c>
      <c r="E4075">
        <f t="shared" si="64"/>
        <v>219.56478555206434</v>
      </c>
      <c r="F4075">
        <f>IF(C4075="CLAY", INDEX(D$4:D4075, MATCH("CLAY", C$4:C4075, 0)), "")</f>
        <v>0.75203252561341039</v>
      </c>
    </row>
    <row r="4076" spans="1:6" x14ac:dyDescent="0.2">
      <c r="A4076" s="239">
        <f>'CPT Data'!B4084</f>
        <v>40.551000000000002</v>
      </c>
      <c r="B4076" s="3">
        <f>'CPT Data'!C4084</f>
        <v>40.544000000000004</v>
      </c>
      <c r="C4076" t="str">
        <f>'CPT Data'!P4084</f>
        <v>CLAY</v>
      </c>
      <c r="D4076">
        <f>'CPT Data'!Q4084</f>
        <v>200.04165822450705</v>
      </c>
      <c r="E4076">
        <f t="shared" si="64"/>
        <v>210.41399489066032</v>
      </c>
      <c r="F4076">
        <f>IF(C4076="CLAY", INDEX(D$4:D4076, MATCH("CLAY", C$4:C4076, 0)), "")</f>
        <v>0.75203252561341039</v>
      </c>
    </row>
    <row r="4077" spans="1:6" x14ac:dyDescent="0.2">
      <c r="A4077" s="239">
        <f>'CPT Data'!B4085</f>
        <v>40.561</v>
      </c>
      <c r="B4077" s="3">
        <f>'CPT Data'!C4085</f>
        <v>40.554000000000002</v>
      </c>
      <c r="C4077" t="str">
        <f>'CPT Data'!P4085</f>
        <v>CLAY</v>
      </c>
      <c r="D4077">
        <f>'CPT Data'!Q4085</f>
        <v>196.71427230301788</v>
      </c>
      <c r="E4077">
        <f t="shared" si="64"/>
        <v>200.04165822450705</v>
      </c>
      <c r="F4077">
        <f>IF(C4077="CLAY", INDEX(D$4:D4077, MATCH("CLAY", C$4:C4077, 0)), "")</f>
        <v>0.75203252561341039</v>
      </c>
    </row>
    <row r="4078" spans="1:6" x14ac:dyDescent="0.2">
      <c r="A4078" s="239">
        <f>'CPT Data'!B4086</f>
        <v>40.57</v>
      </c>
      <c r="B4078" s="3">
        <f>'CPT Data'!C4086</f>
        <v>40.563000000000002</v>
      </c>
      <c r="C4078" t="str">
        <f>'CPT Data'!P4086</f>
        <v>CLAY</v>
      </c>
      <c r="D4078">
        <f>'CPT Data'!Q4086</f>
        <v>195.50716445368414</v>
      </c>
      <c r="E4078">
        <f t="shared" si="64"/>
        <v>196.71427230301788</v>
      </c>
      <c r="F4078">
        <f>IF(C4078="CLAY", INDEX(D$4:D4078, MATCH("CLAY", C$4:C4078, 0)), "")</f>
        <v>0.75203252561341039</v>
      </c>
    </row>
    <row r="4079" spans="1:6" x14ac:dyDescent="0.2">
      <c r="A4079" s="239">
        <f>'CPT Data'!B4087</f>
        <v>40.581000000000003</v>
      </c>
      <c r="B4079" s="3">
        <f>'CPT Data'!C4087</f>
        <v>40.574000000000005</v>
      </c>
      <c r="C4079" t="str">
        <f>'CPT Data'!P4087</f>
        <v>CLAY</v>
      </c>
      <c r="D4079">
        <f>'CPT Data'!Q4087</f>
        <v>196.50239230276748</v>
      </c>
      <c r="E4079">
        <f t="shared" si="64"/>
        <v>195.50716445368414</v>
      </c>
      <c r="F4079">
        <f>IF(C4079="CLAY", INDEX(D$4:D4079, MATCH("CLAY", C$4:C4079, 0)), "")</f>
        <v>0.75203252561341039</v>
      </c>
    </row>
    <row r="4080" spans="1:6" x14ac:dyDescent="0.2">
      <c r="A4080" s="239">
        <f>'CPT Data'!B4088</f>
        <v>40.590000000000003</v>
      </c>
      <c r="B4080" s="3">
        <f>'CPT Data'!C4088</f>
        <v>40.583000000000006</v>
      </c>
      <c r="C4080" t="str">
        <f>'CPT Data'!P4088</f>
        <v>CLAY</v>
      </c>
      <c r="D4080">
        <f>'CPT Data'!Q4088</f>
        <v>195.18166126214976</v>
      </c>
      <c r="E4080">
        <f t="shared" si="64"/>
        <v>196.50239230276748</v>
      </c>
      <c r="F4080">
        <f>IF(C4080="CLAY", INDEX(D$4:D4080, MATCH("CLAY", C$4:C4080, 0)), "")</f>
        <v>0.75203252561341039</v>
      </c>
    </row>
    <row r="4081" spans="1:6" x14ac:dyDescent="0.2">
      <c r="A4081" s="239">
        <f>'CPT Data'!B4089</f>
        <v>40.600999999999999</v>
      </c>
      <c r="B4081" s="3">
        <f>'CPT Data'!C4089</f>
        <v>40.594000000000001</v>
      </c>
      <c r="C4081" t="str">
        <f>'CPT Data'!P4089</f>
        <v>CLAY</v>
      </c>
      <c r="D4081">
        <f>'CPT Data'!Q4089</f>
        <v>191.33720479208151</v>
      </c>
      <c r="E4081">
        <f t="shared" si="64"/>
        <v>195.18166126214976</v>
      </c>
      <c r="F4081">
        <f>IF(C4081="CLAY", INDEX(D$4:D4081, MATCH("CLAY", C$4:C4081, 0)), "")</f>
        <v>0.75203252561341039</v>
      </c>
    </row>
    <row r="4082" spans="1:6" x14ac:dyDescent="0.2">
      <c r="A4082" s="239">
        <f>'CPT Data'!B4090</f>
        <v>40.61</v>
      </c>
      <c r="B4082" s="3">
        <f>'CPT Data'!C4090</f>
        <v>40.603000000000002</v>
      </c>
      <c r="C4082" t="str">
        <f>'CPT Data'!P4090</f>
        <v>CLAY</v>
      </c>
      <c r="D4082">
        <f>'CPT Data'!Q4090</f>
        <v>195.45743018079168</v>
      </c>
      <c r="E4082">
        <f t="shared" si="64"/>
        <v>191.33720479208151</v>
      </c>
      <c r="F4082">
        <f>IF(C4082="CLAY", INDEX(D$4:D4082, MATCH("CLAY", C$4:C4082, 0)), "")</f>
        <v>0.75203252561341039</v>
      </c>
    </row>
    <row r="4083" spans="1:6" x14ac:dyDescent="0.2">
      <c r="A4083" s="239">
        <f>'CPT Data'!B4091</f>
        <v>40.619999999999997</v>
      </c>
      <c r="B4083" s="3">
        <f>'CPT Data'!C4091</f>
        <v>40.613</v>
      </c>
      <c r="C4083" t="str">
        <f>'CPT Data'!P4091</f>
        <v>CLAY</v>
      </c>
      <c r="D4083">
        <f>'CPT Data'!Q4091</f>
        <v>192.24118273539821</v>
      </c>
      <c r="E4083">
        <f t="shared" si="64"/>
        <v>195.45743018079168</v>
      </c>
      <c r="F4083">
        <f>IF(C4083="CLAY", INDEX(D$4:D4083, MATCH("CLAY", C$4:C4083, 0)), "")</f>
        <v>0.75203252561341039</v>
      </c>
    </row>
    <row r="4084" spans="1:6" x14ac:dyDescent="0.2">
      <c r="A4084" s="239">
        <f>'CPT Data'!B4092</f>
        <v>40.628999999999998</v>
      </c>
      <c r="B4084" s="3">
        <f>'CPT Data'!C4092</f>
        <v>40.622</v>
      </c>
      <c r="C4084" t="str">
        <f>'CPT Data'!P4092</f>
        <v>CLAY</v>
      </c>
      <c r="D4084">
        <f>'CPT Data'!Q4092</f>
        <v>193.56356081266208</v>
      </c>
      <c r="E4084">
        <f t="shared" si="64"/>
        <v>192.24118273539821</v>
      </c>
      <c r="F4084">
        <f>IF(C4084="CLAY", INDEX(D$4:D4084, MATCH("CLAY", C$4:C4084, 0)), "")</f>
        <v>0.75203252561341039</v>
      </c>
    </row>
    <row r="4085" spans="1:6" x14ac:dyDescent="0.2">
      <c r="A4085" s="239">
        <f>'CPT Data'!B4093</f>
        <v>40.639000000000003</v>
      </c>
      <c r="B4085" s="3">
        <f>'CPT Data'!C4093</f>
        <v>40.632000000000005</v>
      </c>
      <c r="C4085" t="str">
        <f>'CPT Data'!P4093</f>
        <v>CLAY</v>
      </c>
      <c r="D4085">
        <f>'CPT Data'!Q4093</f>
        <v>192.37319742023715</v>
      </c>
      <c r="E4085">
        <f t="shared" si="64"/>
        <v>193.56356081266208</v>
      </c>
      <c r="F4085">
        <f>IF(C4085="CLAY", INDEX(D$4:D4085, MATCH("CLAY", C$4:C4085, 0)), "")</f>
        <v>0.75203252561341039</v>
      </c>
    </row>
    <row r="4086" spans="1:6" x14ac:dyDescent="0.2">
      <c r="A4086" s="239">
        <f>'CPT Data'!B4094</f>
        <v>40.65</v>
      </c>
      <c r="B4086" s="3">
        <f>'CPT Data'!C4094</f>
        <v>40.643000000000001</v>
      </c>
      <c r="C4086" t="str">
        <f>'CPT Data'!P4094</f>
        <v>CLAY</v>
      </c>
      <c r="D4086">
        <f>'CPT Data'!Q4094</f>
        <v>194.73975136183216</v>
      </c>
      <c r="E4086">
        <f t="shared" si="64"/>
        <v>192.37319742023715</v>
      </c>
      <c r="F4086">
        <f>IF(C4086="CLAY", INDEX(D$4:D4086, MATCH("CLAY", C$4:C4086, 0)), "")</f>
        <v>0.75203252561341039</v>
      </c>
    </row>
    <row r="4087" spans="1:6" x14ac:dyDescent="0.2">
      <c r="A4087" s="239">
        <f>'CPT Data'!B4095</f>
        <v>40.658999999999999</v>
      </c>
      <c r="B4087" s="3">
        <f>'CPT Data'!C4095</f>
        <v>40.652000000000001</v>
      </c>
      <c r="C4087" t="str">
        <f>'CPT Data'!P4095</f>
        <v>CLAY</v>
      </c>
      <c r="D4087">
        <f>'CPT Data'!Q4095</f>
        <v>200.86339478524334</v>
      </c>
      <c r="E4087">
        <f t="shared" si="64"/>
        <v>194.73975136183216</v>
      </c>
      <c r="F4087">
        <f>IF(C4087="CLAY", INDEX(D$4:D4087, MATCH("CLAY", C$4:C4087, 0)), "")</f>
        <v>0.75203252561341039</v>
      </c>
    </row>
    <row r="4088" spans="1:6" x14ac:dyDescent="0.2">
      <c r="A4088" s="239">
        <f>'CPT Data'!B4096</f>
        <v>40.668999999999997</v>
      </c>
      <c r="B4088" s="3">
        <f>'CPT Data'!C4096</f>
        <v>40.661999999999999</v>
      </c>
      <c r="C4088" t="str">
        <f>'CPT Data'!P4096</f>
        <v>CLAY</v>
      </c>
      <c r="D4088">
        <f>'CPT Data'!Q4096</f>
        <v>206.57433351412325</v>
      </c>
      <c r="E4088">
        <f t="shared" si="64"/>
        <v>200.86339478524334</v>
      </c>
      <c r="F4088">
        <f>IF(C4088="CLAY", INDEX(D$4:D4088, MATCH("CLAY", C$4:C4088, 0)), "")</f>
        <v>0.75203252561341039</v>
      </c>
    </row>
    <row r="4089" spans="1:6" x14ac:dyDescent="0.2">
      <c r="A4089" s="239">
        <f>'CPT Data'!B4097</f>
        <v>40.68</v>
      </c>
      <c r="B4089" s="3">
        <f>'CPT Data'!C4097</f>
        <v>40.673000000000002</v>
      </c>
      <c r="C4089" t="str">
        <f>'CPT Data'!P4097</f>
        <v>CLAY</v>
      </c>
      <c r="D4089">
        <f>'CPT Data'!Q4097</f>
        <v>218.30374855731009</v>
      </c>
      <c r="E4089">
        <f t="shared" si="64"/>
        <v>206.57433351412325</v>
      </c>
      <c r="F4089">
        <f>IF(C4089="CLAY", INDEX(D$4:D4089, MATCH("CLAY", C$4:C4089, 0)), "")</f>
        <v>0.75203252561341039</v>
      </c>
    </row>
    <row r="4090" spans="1:6" x14ac:dyDescent="0.2">
      <c r="A4090" s="239">
        <f>'CPT Data'!B4098</f>
        <v>40.689</v>
      </c>
      <c r="B4090" s="3">
        <f>'CPT Data'!C4098</f>
        <v>40.682000000000002</v>
      </c>
      <c r="C4090" t="str">
        <f>'CPT Data'!P4098</f>
        <v>CLAY</v>
      </c>
      <c r="D4090">
        <f>'CPT Data'!Q4098</f>
        <v>229.73476896716139</v>
      </c>
      <c r="E4090">
        <f t="shared" si="64"/>
        <v>218.30374855731009</v>
      </c>
      <c r="F4090">
        <f>IF(C4090="CLAY", INDEX(D$4:D4090, MATCH("CLAY", C$4:C4090, 0)), "")</f>
        <v>0.75203252561341039</v>
      </c>
    </row>
    <row r="4091" spans="1:6" x14ac:dyDescent="0.2">
      <c r="A4091" s="239">
        <f>'CPT Data'!B4099</f>
        <v>40.698999999999998</v>
      </c>
      <c r="B4091" s="3">
        <f>'CPT Data'!C4099</f>
        <v>40.692</v>
      </c>
      <c r="C4091" t="str">
        <f>'CPT Data'!P4099</f>
        <v>CLAY</v>
      </c>
      <c r="D4091">
        <f>'CPT Data'!Q4099</f>
        <v>241.90982810286991</v>
      </c>
      <c r="E4091">
        <f t="shared" si="64"/>
        <v>229.73476896716139</v>
      </c>
      <c r="F4091">
        <f>IF(C4091="CLAY", INDEX(D$4:D4091, MATCH("CLAY", C$4:C4091, 0)), "")</f>
        <v>0.75203252561341039</v>
      </c>
    </row>
    <row r="4092" spans="1:6" x14ac:dyDescent="0.2">
      <c r="A4092" s="239">
        <f>'CPT Data'!B4100</f>
        <v>40.709000000000003</v>
      </c>
      <c r="B4092" s="3">
        <f>'CPT Data'!C4100</f>
        <v>40.702000000000005</v>
      </c>
      <c r="C4092" t="str">
        <f>'CPT Data'!P4100</f>
        <v>CLAY</v>
      </c>
      <c r="D4092">
        <f>'CPT Data'!Q4100</f>
        <v>251.83983520493658</v>
      </c>
      <c r="E4092">
        <f t="shared" si="64"/>
        <v>241.90982810286991</v>
      </c>
      <c r="F4092">
        <f>IF(C4092="CLAY", INDEX(D$4:D4092, MATCH("CLAY", C$4:C4092, 0)), "")</f>
        <v>0.75203252561341039</v>
      </c>
    </row>
    <row r="4093" spans="1:6" x14ac:dyDescent="0.2">
      <c r="A4093" s="239">
        <f>'CPT Data'!B4101</f>
        <v>40.718000000000004</v>
      </c>
      <c r="B4093" s="3">
        <f>'CPT Data'!C4101</f>
        <v>40.711000000000006</v>
      </c>
      <c r="C4093" t="str">
        <f>'CPT Data'!P4101</f>
        <v>CLAY</v>
      </c>
      <c r="D4093">
        <f>'CPT Data'!Q4101</f>
        <v>255.83005398147608</v>
      </c>
      <c r="E4093">
        <f t="shared" si="64"/>
        <v>251.83983520493658</v>
      </c>
      <c r="F4093">
        <f>IF(C4093="CLAY", INDEX(D$4:D4093, MATCH("CLAY", C$4:C4093, 0)), "")</f>
        <v>0.75203252561341039</v>
      </c>
    </row>
    <row r="4094" spans="1:6" x14ac:dyDescent="0.2">
      <c r="A4094" s="239">
        <f>'CPT Data'!B4102</f>
        <v>40.728999999999999</v>
      </c>
      <c r="B4094" s="3">
        <f>'CPT Data'!C4102</f>
        <v>40.722000000000001</v>
      </c>
      <c r="C4094" t="str">
        <f>'CPT Data'!P4102</f>
        <v>CLAY</v>
      </c>
      <c r="D4094">
        <f>'CPT Data'!Q4102</f>
        <v>257.88762443763159</v>
      </c>
      <c r="E4094">
        <f t="shared" si="64"/>
        <v>255.83005398147608</v>
      </c>
      <c r="F4094">
        <f>IF(C4094="CLAY", INDEX(D$4:D4094, MATCH("CLAY", C$4:C4094, 0)), "")</f>
        <v>0.75203252561341039</v>
      </c>
    </row>
    <row r="4095" spans="1:6" x14ac:dyDescent="0.2">
      <c r="A4095" s="239">
        <f>'CPT Data'!B4103</f>
        <v>40.738</v>
      </c>
      <c r="B4095" s="3">
        <f>'CPT Data'!C4103</f>
        <v>40.731000000000002</v>
      </c>
      <c r="C4095" t="str">
        <f>'CPT Data'!P4103</f>
        <v>CLAY</v>
      </c>
      <c r="D4095">
        <f>'CPT Data'!Q4103</f>
        <v>263.60051607233316</v>
      </c>
      <c r="E4095">
        <f t="shared" si="64"/>
        <v>257.88762443763159</v>
      </c>
      <c r="F4095">
        <f>IF(C4095="CLAY", INDEX(D$4:D4095, MATCH("CLAY", C$4:C4095, 0)), "")</f>
        <v>0.75203252561341039</v>
      </c>
    </row>
    <row r="4096" spans="1:6" x14ac:dyDescent="0.2">
      <c r="A4096" s="239">
        <f>'CPT Data'!B4104</f>
        <v>40.747</v>
      </c>
      <c r="B4096" s="3">
        <f>'CPT Data'!C4104</f>
        <v>40.74</v>
      </c>
      <c r="C4096" t="str">
        <f>'CPT Data'!P4104</f>
        <v>CLAY</v>
      </c>
      <c r="D4096">
        <f>'CPT Data'!Q4104</f>
        <v>278.41160743996988</v>
      </c>
      <c r="E4096">
        <f t="shared" si="64"/>
        <v>263.60051607233316</v>
      </c>
      <c r="F4096">
        <f>IF(C4096="CLAY", INDEX(D$4:D4096, MATCH("CLAY", C$4:C4096, 0)), "")</f>
        <v>0.75203252561341039</v>
      </c>
    </row>
    <row r="4097" spans="1:6" x14ac:dyDescent="0.2">
      <c r="A4097" s="239">
        <f>'CPT Data'!B4105</f>
        <v>40.758000000000003</v>
      </c>
      <c r="B4097" s="3">
        <f>'CPT Data'!C4105</f>
        <v>40.751000000000005</v>
      </c>
      <c r="C4097" t="str">
        <f>'CPT Data'!P4105</f>
        <v>CLAY</v>
      </c>
      <c r="D4097">
        <f>'CPT Data'!Q4105</f>
        <v>297.73380600458682</v>
      </c>
      <c r="E4097">
        <f t="shared" si="64"/>
        <v>278.41160743996988</v>
      </c>
      <c r="F4097">
        <f>IF(C4097="CLAY", INDEX(D$4:D4097, MATCH("CLAY", C$4:C4097, 0)), "")</f>
        <v>0.75203252561341039</v>
      </c>
    </row>
    <row r="4098" spans="1:6" x14ac:dyDescent="0.2">
      <c r="A4098" s="239">
        <f>'CPT Data'!B4106</f>
        <v>40.767000000000003</v>
      </c>
      <c r="B4098" s="3">
        <f>'CPT Data'!C4106</f>
        <v>40.760000000000005</v>
      </c>
      <c r="C4098" t="str">
        <f>'CPT Data'!P4106</f>
        <v>CLAY</v>
      </c>
      <c r="D4098">
        <f>'CPT Data'!Q4106</f>
        <v>315.21186799087189</v>
      </c>
      <c r="E4098">
        <f t="shared" si="64"/>
        <v>297.73380600458682</v>
      </c>
      <c r="F4098">
        <f>IF(C4098="CLAY", INDEX(D$4:D4098, MATCH("CLAY", C$4:C4098, 0)), "")</f>
        <v>0.75203252561341039</v>
      </c>
    </row>
    <row r="4099" spans="1:6" x14ac:dyDescent="0.2">
      <c r="A4099" s="239">
        <f>'CPT Data'!B4107</f>
        <v>40.777000000000001</v>
      </c>
      <c r="B4099" s="3">
        <f>'CPT Data'!C4107</f>
        <v>40.770000000000003</v>
      </c>
      <c r="C4099" t="str">
        <f>'CPT Data'!P4107</f>
        <v>CLAY</v>
      </c>
      <c r="D4099">
        <f>'CPT Data'!Q4107</f>
        <v>327.09220749557886</v>
      </c>
      <c r="E4099">
        <f t="shared" si="64"/>
        <v>315.21186799087189</v>
      </c>
      <c r="F4099">
        <f>IF(C4099="CLAY", INDEX(D$4:D4099, MATCH("CLAY", C$4:C4099, 0)), "")</f>
        <v>0.75203252561341039</v>
      </c>
    </row>
    <row r="4100" spans="1:6" x14ac:dyDescent="0.2">
      <c r="A4100" s="239">
        <f>'CPT Data'!B4108</f>
        <v>40.786999999999999</v>
      </c>
      <c r="B4100" s="3">
        <f>'CPT Data'!C4108</f>
        <v>40.78</v>
      </c>
      <c r="C4100" t="str">
        <f>'CPT Data'!P4108</f>
        <v>CLAY</v>
      </c>
      <c r="D4100">
        <f>'CPT Data'!Q4108</f>
        <v>348.1077991213952</v>
      </c>
      <c r="E4100">
        <f t="shared" si="64"/>
        <v>327.09220749557886</v>
      </c>
      <c r="F4100">
        <f>IF(C4100="CLAY", INDEX(D$4:D4100, MATCH("CLAY", C$4:C4100, 0)), "")</f>
        <v>0.75203252561341039</v>
      </c>
    </row>
    <row r="4101" spans="1:6" x14ac:dyDescent="0.2">
      <c r="A4101" s="239">
        <f>'CPT Data'!B4109</f>
        <v>40.796999999999997</v>
      </c>
      <c r="B4101" s="3">
        <f>'CPT Data'!C4109</f>
        <v>40.79</v>
      </c>
      <c r="C4101" t="str">
        <f>'CPT Data'!P4109</f>
        <v>CLAY</v>
      </c>
      <c r="D4101">
        <f>'CPT Data'!Q4109</f>
        <v>355.08641235402411</v>
      </c>
      <c r="E4101">
        <f t="shared" si="64"/>
        <v>348.1077991213952</v>
      </c>
      <c r="F4101">
        <f>IF(C4101="CLAY", INDEX(D$4:D4101, MATCH("CLAY", C$4:C4101, 0)), "")</f>
        <v>0.75203252561341039</v>
      </c>
    </row>
    <row r="4102" spans="1:6" x14ac:dyDescent="0.2">
      <c r="A4102" s="239">
        <f>'CPT Data'!B4110</f>
        <v>40.807000000000002</v>
      </c>
      <c r="B4102" s="3">
        <f>'CPT Data'!C4110</f>
        <v>40.800000000000004</v>
      </c>
      <c r="C4102" t="str">
        <f>'CPT Data'!P4110</f>
        <v>CLAY</v>
      </c>
      <c r="D4102">
        <f>'CPT Data'!Q4110</f>
        <v>373.35079628556042</v>
      </c>
      <c r="E4102">
        <f t="shared" si="64"/>
        <v>355.08641235402411</v>
      </c>
      <c r="F4102">
        <f>IF(C4102="CLAY", INDEX(D$4:D4102, MATCH("CLAY", C$4:C4102, 0)), "")</f>
        <v>0.75203252561341039</v>
      </c>
    </row>
    <row r="4103" spans="1:6" x14ac:dyDescent="0.2">
      <c r="A4103" s="239">
        <f>'CPT Data'!B4111</f>
        <v>40.816000000000003</v>
      </c>
      <c r="B4103" s="3">
        <f>'CPT Data'!C4111</f>
        <v>40.809000000000005</v>
      </c>
      <c r="C4103" t="str">
        <f>'CPT Data'!P4111</f>
        <v>CLAY</v>
      </c>
      <c r="D4103">
        <f>'CPT Data'!Q4111</f>
        <v>390.37861285656066</v>
      </c>
      <c r="E4103">
        <f t="shared" si="64"/>
        <v>373.35079628556042</v>
      </c>
      <c r="F4103">
        <f>IF(C4103="CLAY", INDEX(D$4:D4103, MATCH("CLAY", C$4:C4103, 0)), "")</f>
        <v>0.75203252561341039</v>
      </c>
    </row>
    <row r="4104" spans="1:6" x14ac:dyDescent="0.2">
      <c r="A4104" s="239">
        <f>'CPT Data'!B4112</f>
        <v>40.826999999999998</v>
      </c>
      <c r="B4104" s="3">
        <f>'CPT Data'!C4112</f>
        <v>40.82</v>
      </c>
      <c r="C4104" t="str">
        <f>'CPT Data'!P4112</f>
        <v>CLAY</v>
      </c>
      <c r="D4104">
        <f>'CPT Data'!Q4112</f>
        <v>403.66887297906493</v>
      </c>
      <c r="E4104">
        <f t="shared" si="64"/>
        <v>390.37861285656066</v>
      </c>
      <c r="F4104">
        <f>IF(C4104="CLAY", INDEX(D$4:D4104, MATCH("CLAY", C$4:C4104, 0)), "")</f>
        <v>0.75203252561341039</v>
      </c>
    </row>
    <row r="4105" spans="1:6" x14ac:dyDescent="0.2">
      <c r="A4105" s="239">
        <f>'CPT Data'!B4113</f>
        <v>40.835999999999999</v>
      </c>
      <c r="B4105" s="3">
        <f>'CPT Data'!C4113</f>
        <v>40.829000000000001</v>
      </c>
      <c r="C4105" t="str">
        <f>'CPT Data'!P4113</f>
        <v>CLAY</v>
      </c>
      <c r="D4105">
        <f>'CPT Data'!Q4113</f>
        <v>406.38184922585532</v>
      </c>
      <c r="E4105">
        <f t="shared" si="64"/>
        <v>403.66887297906493</v>
      </c>
      <c r="F4105">
        <f>IF(C4105="CLAY", INDEX(D$4:D4105, MATCH("CLAY", C$4:C4105, 0)), "")</f>
        <v>0.75203252561341039</v>
      </c>
    </row>
    <row r="4106" spans="1:6" x14ac:dyDescent="0.2">
      <c r="A4106" s="239">
        <f>'CPT Data'!B4114</f>
        <v>40.845999999999997</v>
      </c>
      <c r="B4106" s="3">
        <f>'CPT Data'!C4114</f>
        <v>40.838999999999999</v>
      </c>
      <c r="C4106" t="str">
        <f>'CPT Data'!P4114</f>
        <v>CLAY</v>
      </c>
      <c r="D4106">
        <f>'CPT Data'!Q4114</f>
        <v>414.69480625600659</v>
      </c>
      <c r="E4106">
        <f t="shared" si="64"/>
        <v>406.38184922585532</v>
      </c>
      <c r="F4106">
        <f>IF(C4106="CLAY", INDEX(D$4:D4106, MATCH("CLAY", C$4:C4106, 0)), "")</f>
        <v>0.75203252561341039</v>
      </c>
    </row>
    <row r="4107" spans="1:6" x14ac:dyDescent="0.2">
      <c r="A4107" s="239">
        <f>'CPT Data'!B4115</f>
        <v>40.856999999999999</v>
      </c>
      <c r="B4107" s="3">
        <f>'CPT Data'!C4115</f>
        <v>40.85</v>
      </c>
      <c r="C4107" t="str">
        <f>'CPT Data'!P4115</f>
        <v>CLAY</v>
      </c>
      <c r="D4107">
        <f>'CPT Data'!Q4115</f>
        <v>404.98214160837898</v>
      </c>
      <c r="E4107">
        <f t="shared" si="64"/>
        <v>414.69480625600659</v>
      </c>
      <c r="F4107">
        <f>IF(C4107="CLAY", INDEX(D$4:D4107, MATCH("CLAY", C$4:C4107, 0)), "")</f>
        <v>0.75203252561341039</v>
      </c>
    </row>
    <row r="4108" spans="1:6" x14ac:dyDescent="0.2">
      <c r="A4108" s="239">
        <f>'CPT Data'!B4116</f>
        <v>40.866</v>
      </c>
      <c r="B4108" s="3">
        <f>'CPT Data'!C4116</f>
        <v>40.859000000000002</v>
      </c>
      <c r="C4108" t="str">
        <f>'CPT Data'!P4116</f>
        <v>CLAY</v>
      </c>
      <c r="D4108">
        <f>'CPT Data'!Q4116</f>
        <v>398.3026231658535</v>
      </c>
      <c r="E4108">
        <f t="shared" si="64"/>
        <v>404.98214160837898</v>
      </c>
      <c r="F4108">
        <f>IF(C4108="CLAY", INDEX(D$4:D4108, MATCH("CLAY", C$4:C4108, 0)), "")</f>
        <v>0.75203252561341039</v>
      </c>
    </row>
    <row r="4109" spans="1:6" x14ac:dyDescent="0.2">
      <c r="A4109" s="239">
        <f>'CPT Data'!B4117</f>
        <v>40.875999999999998</v>
      </c>
      <c r="B4109" s="3">
        <f>'CPT Data'!C4117</f>
        <v>40.869</v>
      </c>
      <c r="C4109" t="str">
        <f>'CPT Data'!P4117</f>
        <v>CLAY</v>
      </c>
      <c r="D4109">
        <f>'CPT Data'!Q4117</f>
        <v>390.56191426055381</v>
      </c>
      <c r="E4109">
        <f t="shared" si="64"/>
        <v>398.3026231658535</v>
      </c>
      <c r="F4109">
        <f>IF(C4109="CLAY", INDEX(D$4:D4109, MATCH("CLAY", C$4:C4109, 0)), "")</f>
        <v>0.75203252561341039</v>
      </c>
    </row>
    <row r="4110" spans="1:6" x14ac:dyDescent="0.2">
      <c r="A4110" s="239">
        <f>'CPT Data'!B4118</f>
        <v>40.884999999999998</v>
      </c>
      <c r="B4110" s="3">
        <f>'CPT Data'!C4118</f>
        <v>40.878</v>
      </c>
      <c r="C4110" t="str">
        <f>'CPT Data'!P4118</f>
        <v>CLAY</v>
      </c>
      <c r="D4110">
        <f>'CPT Data'!Q4118</f>
        <v>395.25664313694568</v>
      </c>
      <c r="E4110">
        <f t="shared" si="64"/>
        <v>390.56191426055381</v>
      </c>
      <c r="F4110">
        <f>IF(C4110="CLAY", INDEX(D$4:D4110, MATCH("CLAY", C$4:C4110, 0)), "")</f>
        <v>0.75203252561341039</v>
      </c>
    </row>
    <row r="4111" spans="1:6" x14ac:dyDescent="0.2">
      <c r="A4111" s="239">
        <f>'CPT Data'!B4119</f>
        <v>40.895000000000003</v>
      </c>
      <c r="B4111" s="3">
        <f>'CPT Data'!C4119</f>
        <v>40.888000000000005</v>
      </c>
      <c r="C4111" t="str">
        <f>'CPT Data'!P4119</f>
        <v>CLAY</v>
      </c>
      <c r="D4111">
        <f>'CPT Data'!Q4119</f>
        <v>395.89478650191268</v>
      </c>
      <c r="E4111">
        <f t="shared" si="64"/>
        <v>395.25664313694568</v>
      </c>
      <c r="F4111">
        <f>IF(C4111="CLAY", INDEX(D$4:D4111, MATCH("CLAY", C$4:C4111, 0)), "")</f>
        <v>0.75203252561341039</v>
      </c>
    </row>
    <row r="4112" spans="1:6" x14ac:dyDescent="0.2">
      <c r="A4112" s="239">
        <f>'CPT Data'!B4120</f>
        <v>40.905000000000001</v>
      </c>
      <c r="B4112" s="3">
        <f>'CPT Data'!C4120</f>
        <v>40.898000000000003</v>
      </c>
      <c r="C4112" t="str">
        <f>'CPT Data'!P4120</f>
        <v>CLAY</v>
      </c>
      <c r="D4112">
        <f>'CPT Data'!Q4120</f>
        <v>382.25563214876001</v>
      </c>
      <c r="E4112">
        <f t="shared" si="64"/>
        <v>395.89478650191268</v>
      </c>
      <c r="F4112">
        <f>IF(C4112="CLAY", INDEX(D$4:D4112, MATCH("CLAY", C$4:C4112, 0)), "")</f>
        <v>0.75203252561341039</v>
      </c>
    </row>
    <row r="4113" spans="1:6" x14ac:dyDescent="0.2">
      <c r="A4113" s="239">
        <f>'CPT Data'!B4121</f>
        <v>40.912999999999997</v>
      </c>
      <c r="B4113" s="3">
        <f>'CPT Data'!C4121</f>
        <v>40.905999999999999</v>
      </c>
      <c r="C4113" t="str">
        <f>'CPT Data'!P4121</f>
        <v>CLAY</v>
      </c>
      <c r="D4113">
        <f>'CPT Data'!Q4121</f>
        <v>357.04260417209144</v>
      </c>
      <c r="E4113">
        <f t="shared" si="64"/>
        <v>382.25563214876001</v>
      </c>
      <c r="F4113">
        <f>IF(C4113="CLAY", INDEX(D$4:D4113, MATCH("CLAY", C$4:C4113, 0)), "")</f>
        <v>0.75203252561341039</v>
      </c>
    </row>
    <row r="4114" spans="1:6" x14ac:dyDescent="0.2">
      <c r="A4114" s="239">
        <f>'CPT Data'!B4122</f>
        <v>40.923000000000002</v>
      </c>
      <c r="B4114" s="3">
        <f>'CPT Data'!C4122</f>
        <v>40.916000000000004</v>
      </c>
      <c r="C4114" t="str">
        <f>'CPT Data'!P4122</f>
        <v>CLAY</v>
      </c>
      <c r="D4114">
        <f>'CPT Data'!Q4122</f>
        <v>339.00934333443627</v>
      </c>
      <c r="E4114">
        <f t="shared" si="64"/>
        <v>357.04260417209144</v>
      </c>
      <c r="F4114">
        <f>IF(C4114="CLAY", INDEX(D$4:D4114, MATCH("CLAY", C$4:C4114, 0)), "")</f>
        <v>0.75203252561341039</v>
      </c>
    </row>
    <row r="4115" spans="1:6" x14ac:dyDescent="0.2">
      <c r="A4115" s="239">
        <f>'CPT Data'!B4123</f>
        <v>40.933</v>
      </c>
      <c r="B4115" s="3">
        <f>'CPT Data'!C4123</f>
        <v>40.926000000000002</v>
      </c>
      <c r="C4115" t="str">
        <f>'CPT Data'!P4123</f>
        <v>CLAY</v>
      </c>
      <c r="D4115">
        <f>'CPT Data'!Q4123</f>
        <v>347.6021906691692</v>
      </c>
      <c r="E4115">
        <f t="shared" si="64"/>
        <v>339.00934333443627</v>
      </c>
      <c r="F4115">
        <f>IF(C4115="CLAY", INDEX(D$4:D4115, MATCH("CLAY", C$4:C4115, 0)), "")</f>
        <v>0.75203252561341039</v>
      </c>
    </row>
    <row r="4116" spans="1:6" x14ac:dyDescent="0.2">
      <c r="A4116" s="239">
        <f>'CPT Data'!B4124</f>
        <v>40.942999999999998</v>
      </c>
      <c r="B4116" s="3">
        <f>'CPT Data'!C4124</f>
        <v>40.936</v>
      </c>
      <c r="C4116" t="str">
        <f>'CPT Data'!P4124</f>
        <v>CLAY</v>
      </c>
      <c r="D4116">
        <f>'CPT Data'!Q4124</f>
        <v>336.43574556650771</v>
      </c>
      <c r="E4116">
        <f t="shared" si="64"/>
        <v>347.6021906691692</v>
      </c>
      <c r="F4116">
        <f>IF(C4116="CLAY", INDEX(D$4:D4116, MATCH("CLAY", C$4:C4116, 0)), "")</f>
        <v>0.75203252561341039</v>
      </c>
    </row>
    <row r="4117" spans="1:6" x14ac:dyDescent="0.2">
      <c r="A4117" s="239">
        <f>'CPT Data'!B4125</f>
        <v>40.953000000000003</v>
      </c>
      <c r="B4117" s="3">
        <f>'CPT Data'!C4125</f>
        <v>40.946000000000005</v>
      </c>
      <c r="C4117" t="str">
        <f>'CPT Data'!P4125</f>
        <v>CLAY</v>
      </c>
      <c r="D4117">
        <f>'CPT Data'!Q4125</f>
        <v>330.63495609157911</v>
      </c>
      <c r="E4117">
        <f t="shared" si="64"/>
        <v>336.43574556650771</v>
      </c>
      <c r="F4117">
        <f>IF(C4117="CLAY", INDEX(D$4:D4117, MATCH("CLAY", C$4:C4117, 0)), "")</f>
        <v>0.75203252561341039</v>
      </c>
    </row>
    <row r="4118" spans="1:6" x14ac:dyDescent="0.2">
      <c r="A4118" s="239">
        <f>'CPT Data'!B4126</f>
        <v>40.962000000000003</v>
      </c>
      <c r="B4118" s="3">
        <f>'CPT Data'!C4126</f>
        <v>40.955000000000005</v>
      </c>
      <c r="C4118" t="str">
        <f>'CPT Data'!P4126</f>
        <v>CLAY</v>
      </c>
      <c r="D4118">
        <f>'CPT Data'!Q4126</f>
        <v>370.52086441637698</v>
      </c>
      <c r="E4118">
        <f t="shared" si="64"/>
        <v>330.63495609157911</v>
      </c>
      <c r="F4118">
        <f>IF(C4118="CLAY", INDEX(D$4:D4118, MATCH("CLAY", C$4:C4118, 0)), "")</f>
        <v>0.75203252561341039</v>
      </c>
    </row>
    <row r="4119" spans="1:6" x14ac:dyDescent="0.2">
      <c r="A4119" s="239">
        <f>'CPT Data'!B4127</f>
        <v>40.972999999999999</v>
      </c>
      <c r="B4119" s="3">
        <f>'CPT Data'!C4127</f>
        <v>40.966000000000001</v>
      </c>
      <c r="C4119" t="str">
        <f>'CPT Data'!P4127</f>
        <v>CLAY</v>
      </c>
      <c r="D4119">
        <f>'CPT Data'!Q4127</f>
        <v>427.06981476101049</v>
      </c>
      <c r="E4119">
        <f t="shared" si="64"/>
        <v>370.52086441637698</v>
      </c>
      <c r="F4119">
        <f>IF(C4119="CLAY", INDEX(D$4:D4119, MATCH("CLAY", C$4:C4119, 0)), "")</f>
        <v>0.75203252561341039</v>
      </c>
    </row>
    <row r="4120" spans="1:6" x14ac:dyDescent="0.2">
      <c r="A4120" s="239">
        <f>'CPT Data'!B4128</f>
        <v>40.982999999999997</v>
      </c>
      <c r="B4120" s="3">
        <f>'CPT Data'!C4128</f>
        <v>40.975999999999999</v>
      </c>
      <c r="C4120" t="str">
        <f>'CPT Data'!P4128</f>
        <v>CLAY</v>
      </c>
      <c r="D4120">
        <f>'CPT Data'!Q4128</f>
        <v>478.32138622235942</v>
      </c>
      <c r="E4120">
        <f t="shared" si="64"/>
        <v>427.06981476101049</v>
      </c>
      <c r="F4120">
        <f>IF(C4120="CLAY", INDEX(D$4:D4120, MATCH("CLAY", C$4:C4120, 0)), "")</f>
        <v>0.75203252561341039</v>
      </c>
    </row>
    <row r="4121" spans="1:6" x14ac:dyDescent="0.2">
      <c r="A4121" s="239">
        <f>'CPT Data'!B4129</f>
        <v>40.991999999999997</v>
      </c>
      <c r="B4121" s="3">
        <f>'CPT Data'!C4129</f>
        <v>40.984999999999999</v>
      </c>
      <c r="C4121" t="str">
        <f>'CPT Data'!P4129</f>
        <v>CLAY</v>
      </c>
      <c r="D4121">
        <f>'CPT Data'!Q4129</f>
        <v>515.63351185740601</v>
      </c>
      <c r="E4121">
        <f t="shared" si="64"/>
        <v>478.32138622235942</v>
      </c>
      <c r="F4121">
        <f>IF(C4121="CLAY", INDEX(D$4:D4121, MATCH("CLAY", C$4:C4121, 0)), "")</f>
        <v>0.75203252561341039</v>
      </c>
    </row>
    <row r="4122" spans="1:6" x14ac:dyDescent="0.2">
      <c r="A4122" s="239">
        <f>'CPT Data'!B4130</f>
        <v>41.002000000000002</v>
      </c>
      <c r="B4122" s="3">
        <f>'CPT Data'!C4130</f>
        <v>40.995000000000005</v>
      </c>
      <c r="C4122" t="str">
        <f>'CPT Data'!P4130</f>
        <v>CLAY</v>
      </c>
      <c r="D4122">
        <f>'CPT Data'!Q4130</f>
        <v>547.45649436533085</v>
      </c>
      <c r="E4122">
        <f t="shared" si="64"/>
        <v>515.63351185740601</v>
      </c>
      <c r="F4122">
        <f>IF(C4122="CLAY", INDEX(D$4:D4122, MATCH("CLAY", C$4:C4122, 0)), "")</f>
        <v>0.75203252561341039</v>
      </c>
    </row>
    <row r="4123" spans="1:6" x14ac:dyDescent="0.2">
      <c r="A4123" s="239">
        <f>'CPT Data'!B4131</f>
        <v>41.012</v>
      </c>
      <c r="B4123" s="3">
        <f>'CPT Data'!C4131</f>
        <v>41.005000000000003</v>
      </c>
      <c r="C4123" t="str">
        <f>'CPT Data'!P4131</f>
        <v>CLAY</v>
      </c>
      <c r="D4123">
        <f>'CPT Data'!Q4131</f>
        <v>565.2969886861564</v>
      </c>
      <c r="E4123">
        <f t="shared" ref="E4123:E4186" si="65">IF(C4123="SAND",#N/A,IF(C4123=C4122,D4122,IF(C4123="CLAY",D4123,#N/A)))</f>
        <v>547.45649436533085</v>
      </c>
      <c r="F4123">
        <f>IF(C4123="CLAY", INDEX(D$4:D4123, MATCH("CLAY", C$4:C4123, 0)), "")</f>
        <v>0.75203252561341039</v>
      </c>
    </row>
    <row r="4124" spans="1:6" x14ac:dyDescent="0.2">
      <c r="A4124" s="239">
        <f>'CPT Data'!B4132</f>
        <v>41.021999999999998</v>
      </c>
      <c r="B4124" s="3">
        <f>'CPT Data'!C4132</f>
        <v>41.015000000000001</v>
      </c>
      <c r="C4124" t="str">
        <f>'CPT Data'!P4132</f>
        <v>CLAY</v>
      </c>
      <c r="D4124">
        <f>'CPT Data'!Q4132</f>
        <v>551.76272781613261</v>
      </c>
      <c r="E4124">
        <f t="shared" si="65"/>
        <v>565.2969886861564</v>
      </c>
      <c r="F4124">
        <f>IF(C4124="CLAY", INDEX(D$4:D4124, MATCH("CLAY", C$4:C4124, 0)), "")</f>
        <v>0.75203252561341039</v>
      </c>
    </row>
    <row r="4125" spans="1:6" x14ac:dyDescent="0.2">
      <c r="A4125" s="239">
        <f>'CPT Data'!B4133</f>
        <v>41.031999999999996</v>
      </c>
      <c r="B4125" s="3">
        <f>'CPT Data'!C4133</f>
        <v>41.024999999999999</v>
      </c>
      <c r="C4125" t="str">
        <f>'CPT Data'!P4133</f>
        <v>CLAY</v>
      </c>
      <c r="D4125">
        <f>'CPT Data'!Q4133</f>
        <v>527.2985120042199</v>
      </c>
      <c r="E4125">
        <f t="shared" si="65"/>
        <v>551.76272781613261</v>
      </c>
      <c r="F4125">
        <f>IF(C4125="CLAY", INDEX(D$4:D4125, MATCH("CLAY", C$4:C4125, 0)), "")</f>
        <v>0.75203252561341039</v>
      </c>
    </row>
    <row r="4126" spans="1:6" x14ac:dyDescent="0.2">
      <c r="A4126" s="239">
        <f>'CPT Data'!B4134</f>
        <v>41.040999999999997</v>
      </c>
      <c r="B4126" s="3">
        <f>'CPT Data'!C4134</f>
        <v>41.033999999999999</v>
      </c>
      <c r="C4126" t="str">
        <f>'CPT Data'!P4134</f>
        <v>CLAY</v>
      </c>
      <c r="D4126">
        <f>'CPT Data'!Q4134</f>
        <v>508.54801156189234</v>
      </c>
      <c r="E4126">
        <f t="shared" si="65"/>
        <v>527.2985120042199</v>
      </c>
      <c r="F4126">
        <f>IF(C4126="CLAY", INDEX(D$4:D4126, MATCH("CLAY", C$4:C4126, 0)), "")</f>
        <v>0.75203252561341039</v>
      </c>
    </row>
    <row r="4127" spans="1:6" x14ac:dyDescent="0.2">
      <c r="A4127" s="239">
        <f>'CPT Data'!B4135</f>
        <v>41.051000000000002</v>
      </c>
      <c r="B4127" s="3">
        <f>'CPT Data'!C4135</f>
        <v>41.044000000000004</v>
      </c>
      <c r="C4127" t="str">
        <f>'CPT Data'!P4135</f>
        <v>CLAY</v>
      </c>
      <c r="D4127">
        <f>'CPT Data'!Q4135</f>
        <v>488.14843298642808</v>
      </c>
      <c r="E4127">
        <f t="shared" si="65"/>
        <v>508.54801156189234</v>
      </c>
      <c r="F4127">
        <f>IF(C4127="CLAY", INDEX(D$4:D4127, MATCH("CLAY", C$4:C4127, 0)), "")</f>
        <v>0.75203252561341039</v>
      </c>
    </row>
    <row r="4128" spans="1:6" x14ac:dyDescent="0.2">
      <c r="A4128" s="239">
        <f>'CPT Data'!B4136</f>
        <v>41.06</v>
      </c>
      <c r="B4128" s="3">
        <f>'CPT Data'!C4136</f>
        <v>41.053000000000004</v>
      </c>
      <c r="C4128" t="str">
        <f>'CPT Data'!P4136</f>
        <v>CLAY</v>
      </c>
      <c r="D4128">
        <f>'CPT Data'!Q4136</f>
        <v>473.50611168201141</v>
      </c>
      <c r="E4128">
        <f t="shared" si="65"/>
        <v>488.14843298642808</v>
      </c>
      <c r="F4128">
        <f>IF(C4128="CLAY", INDEX(D$4:D4128, MATCH("CLAY", C$4:C4128, 0)), "")</f>
        <v>0.75203252561341039</v>
      </c>
    </row>
    <row r="4129" spans="1:6" x14ac:dyDescent="0.2">
      <c r="A4129" s="239">
        <f>'CPT Data'!B4137</f>
        <v>41.070999999999998</v>
      </c>
      <c r="B4129" s="3">
        <f>'CPT Data'!C4137</f>
        <v>41.064</v>
      </c>
      <c r="C4129" t="str">
        <f>'CPT Data'!P4137</f>
        <v>CLAY</v>
      </c>
      <c r="D4129">
        <f>'CPT Data'!Q4137</f>
        <v>480.58161701809991</v>
      </c>
      <c r="E4129">
        <f t="shared" si="65"/>
        <v>473.50611168201141</v>
      </c>
      <c r="F4129">
        <f>IF(C4129="CLAY", INDEX(D$4:D4129, MATCH("CLAY", C$4:C4129, 0)), "")</f>
        <v>0.75203252561341039</v>
      </c>
    </row>
    <row r="4130" spans="1:6" x14ac:dyDescent="0.2">
      <c r="A4130" s="239">
        <f>'CPT Data'!B4138</f>
        <v>41.08</v>
      </c>
      <c r="B4130" s="3">
        <f>'CPT Data'!C4138</f>
        <v>41.073</v>
      </c>
      <c r="C4130" t="str">
        <f>'CPT Data'!P4138</f>
        <v>CLAY</v>
      </c>
      <c r="D4130">
        <f>'CPT Data'!Q4138</f>
        <v>495.93898075283204</v>
      </c>
      <c r="E4130">
        <f t="shared" si="65"/>
        <v>480.58161701809991</v>
      </c>
      <c r="F4130">
        <f>IF(C4130="CLAY", INDEX(D$4:D4130, MATCH("CLAY", C$4:C4130, 0)), "")</f>
        <v>0.75203252561341039</v>
      </c>
    </row>
    <row r="4131" spans="1:6" x14ac:dyDescent="0.2">
      <c r="A4131" s="239">
        <f>'CPT Data'!B4139</f>
        <v>41.09</v>
      </c>
      <c r="B4131" s="3">
        <f>'CPT Data'!C4139</f>
        <v>41.083000000000006</v>
      </c>
      <c r="C4131" t="str">
        <f>'CPT Data'!P4139</f>
        <v>CLAY</v>
      </c>
      <c r="D4131">
        <f>'CPT Data'!Q4139</f>
        <v>551.28417383091426</v>
      </c>
      <c r="E4131">
        <f t="shared" si="65"/>
        <v>495.93898075283204</v>
      </c>
      <c r="F4131">
        <f>IF(C4131="CLAY", INDEX(D$4:D4131, MATCH("CLAY", C$4:C4131, 0)), "")</f>
        <v>0.75203252561341039</v>
      </c>
    </row>
    <row r="4132" spans="1:6" x14ac:dyDescent="0.2">
      <c r="A4132" s="239">
        <f>'CPT Data'!B4140</f>
        <v>41.098999999999997</v>
      </c>
      <c r="B4132" s="3">
        <f>'CPT Data'!C4140</f>
        <v>41.091999999999999</v>
      </c>
      <c r="C4132" t="str">
        <f>'CPT Data'!P4140</f>
        <v>CLAY</v>
      </c>
      <c r="D4132">
        <f>'CPT Data'!Q4140</f>
        <v>637.17091835840188</v>
      </c>
      <c r="E4132">
        <f t="shared" si="65"/>
        <v>551.28417383091426</v>
      </c>
      <c r="F4132">
        <f>IF(C4132="CLAY", INDEX(D$4:D4132, MATCH("CLAY", C$4:C4132, 0)), "")</f>
        <v>0.75203252561341039</v>
      </c>
    </row>
    <row r="4133" spans="1:6" x14ac:dyDescent="0.2">
      <c r="A4133" s="239">
        <f>'CPT Data'!B4141</f>
        <v>41.109000000000002</v>
      </c>
      <c r="B4133" s="3">
        <f>'CPT Data'!C4141</f>
        <v>41.102000000000004</v>
      </c>
      <c r="C4133" t="str">
        <f>'CPT Data'!P4141</f>
        <v>CLAY</v>
      </c>
      <c r="D4133">
        <f>'CPT Data'!Q4141</f>
        <v>730.39204727523338</v>
      </c>
      <c r="E4133">
        <f t="shared" si="65"/>
        <v>637.17091835840188</v>
      </c>
      <c r="F4133">
        <f>IF(C4133="CLAY", INDEX(D$4:D4133, MATCH("CLAY", C$4:C4133, 0)), "")</f>
        <v>0.75203252561341039</v>
      </c>
    </row>
    <row r="4134" spans="1:6" x14ac:dyDescent="0.2">
      <c r="A4134" s="239">
        <f>'CPT Data'!B4142</f>
        <v>41.118000000000002</v>
      </c>
      <c r="B4134" s="3">
        <f>'CPT Data'!C4142</f>
        <v>41.111000000000004</v>
      </c>
      <c r="C4134" t="str">
        <f>'CPT Data'!P4142</f>
        <v>SAND</v>
      </c>
      <c r="D4134" t="e">
        <f>'CPT Data'!Q4142</f>
        <v>#N/A</v>
      </c>
      <c r="E4134" t="e">
        <f t="shared" si="65"/>
        <v>#N/A</v>
      </c>
      <c r="F4134" t="str">
        <f>IF(C4134="CLAY", INDEX(D$4:D4134, MATCH("CLAY", C$4:C4134, 0)), "")</f>
        <v/>
      </c>
    </row>
    <row r="4135" spans="1:6" x14ac:dyDescent="0.2">
      <c r="A4135" s="239">
        <f>'CPT Data'!B4143</f>
        <v>41.128</v>
      </c>
      <c r="B4135" s="3">
        <f>'CPT Data'!C4143</f>
        <v>41.121000000000002</v>
      </c>
      <c r="C4135" t="str">
        <f>'CPT Data'!P4143</f>
        <v>SAND</v>
      </c>
      <c r="D4135" t="e">
        <f>'CPT Data'!Q4143</f>
        <v>#N/A</v>
      </c>
      <c r="E4135" t="e">
        <f t="shared" si="65"/>
        <v>#N/A</v>
      </c>
      <c r="F4135" t="str">
        <f>IF(C4135="CLAY", INDEX(D$4:D4135, MATCH("CLAY", C$4:C4135, 0)), "")</f>
        <v/>
      </c>
    </row>
    <row r="4136" spans="1:6" x14ac:dyDescent="0.2">
      <c r="A4136" s="239">
        <f>'CPT Data'!B4144</f>
        <v>41.137999999999998</v>
      </c>
      <c r="B4136" s="3">
        <f>'CPT Data'!C4144</f>
        <v>41.131</v>
      </c>
      <c r="C4136" t="str">
        <f>'CPT Data'!P4144</f>
        <v>SAND</v>
      </c>
      <c r="D4136" t="e">
        <f>'CPT Data'!Q4144</f>
        <v>#N/A</v>
      </c>
      <c r="E4136" t="e">
        <f t="shared" si="65"/>
        <v>#N/A</v>
      </c>
      <c r="F4136" t="str">
        <f>IF(C4136="CLAY", INDEX(D$4:D4136, MATCH("CLAY", C$4:C4136, 0)), "")</f>
        <v/>
      </c>
    </row>
    <row r="4137" spans="1:6" x14ac:dyDescent="0.2">
      <c r="A4137" s="239">
        <f>'CPT Data'!B4145</f>
        <v>41.146999999999998</v>
      </c>
      <c r="B4137" s="3">
        <f>'CPT Data'!C4145</f>
        <v>41.14</v>
      </c>
      <c r="C4137" t="str">
        <f>'CPT Data'!P4145</f>
        <v>SAND</v>
      </c>
      <c r="D4137" t="e">
        <f>'CPT Data'!Q4145</f>
        <v>#N/A</v>
      </c>
      <c r="E4137" t="e">
        <f t="shared" si="65"/>
        <v>#N/A</v>
      </c>
      <c r="F4137" t="str">
        <f>IF(C4137="CLAY", INDEX(D$4:D4137, MATCH("CLAY", C$4:C4137, 0)), "")</f>
        <v/>
      </c>
    </row>
    <row r="4138" spans="1:6" x14ac:dyDescent="0.2">
      <c r="A4138" s="239">
        <f>'CPT Data'!B4146</f>
        <v>41.156999999999996</v>
      </c>
      <c r="B4138" s="3">
        <f>'CPT Data'!C4146</f>
        <v>41.15</v>
      </c>
      <c r="C4138" t="str">
        <f>'CPT Data'!P4146</f>
        <v>SAND</v>
      </c>
      <c r="D4138" t="e">
        <f>'CPT Data'!Q4146</f>
        <v>#N/A</v>
      </c>
      <c r="E4138" t="e">
        <f t="shared" si="65"/>
        <v>#N/A</v>
      </c>
      <c r="F4138" t="str">
        <f>IF(C4138="CLAY", INDEX(D$4:D4138, MATCH("CLAY", C$4:C4138, 0)), "")</f>
        <v/>
      </c>
    </row>
    <row r="4139" spans="1:6" x14ac:dyDescent="0.2">
      <c r="A4139" s="239">
        <f>'CPT Data'!B4147</f>
        <v>41.167999999999999</v>
      </c>
      <c r="B4139" s="3">
        <f>'CPT Data'!C4147</f>
        <v>41.161000000000001</v>
      </c>
      <c r="C4139" t="str">
        <f>'CPT Data'!P4147</f>
        <v>SAND</v>
      </c>
      <c r="D4139" t="e">
        <f>'CPT Data'!Q4147</f>
        <v>#N/A</v>
      </c>
      <c r="E4139" t="e">
        <f t="shared" si="65"/>
        <v>#N/A</v>
      </c>
      <c r="F4139" t="str">
        <f>IF(C4139="CLAY", INDEX(D$4:D4139, MATCH("CLAY", C$4:C4139, 0)), "")</f>
        <v/>
      </c>
    </row>
    <row r="4140" spans="1:6" x14ac:dyDescent="0.2">
      <c r="A4140" s="239">
        <f>'CPT Data'!B4148</f>
        <v>41.177</v>
      </c>
      <c r="B4140" s="3">
        <f>'CPT Data'!C4148</f>
        <v>41.17</v>
      </c>
      <c r="C4140" t="str">
        <f>'CPT Data'!P4148</f>
        <v>SAND</v>
      </c>
      <c r="D4140" t="e">
        <f>'CPT Data'!Q4148</f>
        <v>#N/A</v>
      </c>
      <c r="E4140" t="e">
        <f t="shared" si="65"/>
        <v>#N/A</v>
      </c>
      <c r="F4140" t="str">
        <f>IF(C4140="CLAY", INDEX(D$4:D4140, MATCH("CLAY", C$4:C4140, 0)), "")</f>
        <v/>
      </c>
    </row>
    <row r="4141" spans="1:6" x14ac:dyDescent="0.2">
      <c r="A4141" s="239">
        <f>'CPT Data'!B4149</f>
        <v>41.186999999999998</v>
      </c>
      <c r="B4141" s="3">
        <f>'CPT Data'!C4149</f>
        <v>41.18</v>
      </c>
      <c r="C4141" t="str">
        <f>'CPT Data'!P4149</f>
        <v>SAND</v>
      </c>
      <c r="D4141" t="e">
        <f>'CPT Data'!Q4149</f>
        <v>#N/A</v>
      </c>
      <c r="E4141" t="e">
        <f t="shared" si="65"/>
        <v>#N/A</v>
      </c>
      <c r="F4141" t="str">
        <f>IF(C4141="CLAY", INDEX(D$4:D4141, MATCH("CLAY", C$4:C4141, 0)), "")</f>
        <v/>
      </c>
    </row>
    <row r="4142" spans="1:6" x14ac:dyDescent="0.2">
      <c r="A4142" s="239">
        <f>'CPT Data'!B4150</f>
        <v>41.195999999999998</v>
      </c>
      <c r="B4142" s="3">
        <f>'CPT Data'!C4150</f>
        <v>41.189</v>
      </c>
      <c r="C4142" t="str">
        <f>'CPT Data'!P4150</f>
        <v>SAND</v>
      </c>
      <c r="D4142" t="e">
        <f>'CPT Data'!Q4150</f>
        <v>#N/A</v>
      </c>
      <c r="E4142" t="e">
        <f t="shared" si="65"/>
        <v>#N/A</v>
      </c>
      <c r="F4142" t="str">
        <f>IF(C4142="CLAY", INDEX(D$4:D4142, MATCH("CLAY", C$4:C4142, 0)), "")</f>
        <v/>
      </c>
    </row>
    <row r="4143" spans="1:6" x14ac:dyDescent="0.2">
      <c r="A4143" s="239">
        <f>'CPT Data'!B4151</f>
        <v>41.207000000000001</v>
      </c>
      <c r="B4143" s="3">
        <f>'CPT Data'!C4151</f>
        <v>41.2</v>
      </c>
      <c r="C4143" t="str">
        <f>'CPT Data'!P4151</f>
        <v>SAND</v>
      </c>
      <c r="D4143" t="e">
        <f>'CPT Data'!Q4151</f>
        <v>#N/A</v>
      </c>
      <c r="E4143" t="e">
        <f t="shared" si="65"/>
        <v>#N/A</v>
      </c>
      <c r="F4143" t="str">
        <f>IF(C4143="CLAY", INDEX(D$4:D4143, MATCH("CLAY", C$4:C4143, 0)), "")</f>
        <v/>
      </c>
    </row>
    <row r="4144" spans="1:6" x14ac:dyDescent="0.2">
      <c r="A4144" s="239">
        <f>'CPT Data'!B4152</f>
        <v>41.216999999999999</v>
      </c>
      <c r="B4144" s="3">
        <f>'CPT Data'!C4152</f>
        <v>41.21</v>
      </c>
      <c r="C4144" t="str">
        <f>'CPT Data'!P4152</f>
        <v>SAND</v>
      </c>
      <c r="D4144" t="e">
        <f>'CPT Data'!Q4152</f>
        <v>#N/A</v>
      </c>
      <c r="E4144" t="e">
        <f t="shared" si="65"/>
        <v>#N/A</v>
      </c>
      <c r="F4144" t="str">
        <f>IF(C4144="CLAY", INDEX(D$4:D4144, MATCH("CLAY", C$4:C4144, 0)), "")</f>
        <v/>
      </c>
    </row>
    <row r="4145" spans="1:6" x14ac:dyDescent="0.2">
      <c r="A4145" s="239">
        <f>'CPT Data'!B4153</f>
        <v>41.225999999999999</v>
      </c>
      <c r="B4145" s="3">
        <f>'CPT Data'!C4153</f>
        <v>41.219000000000001</v>
      </c>
      <c r="C4145" t="str">
        <f>'CPT Data'!P4153</f>
        <v>CLAY</v>
      </c>
      <c r="D4145">
        <f>'CPT Data'!Q4153</f>
        <v>520.14409092675442</v>
      </c>
      <c r="E4145">
        <f t="shared" si="65"/>
        <v>520.14409092675442</v>
      </c>
      <c r="F4145">
        <f>IF(C4145="CLAY", INDEX(D$4:D4145, MATCH("CLAY", C$4:C4145, 0)), "")</f>
        <v>0.75203252561341039</v>
      </c>
    </row>
    <row r="4146" spans="1:6" x14ac:dyDescent="0.2">
      <c r="A4146" s="239">
        <f>'CPT Data'!B4154</f>
        <v>41.237000000000002</v>
      </c>
      <c r="B4146" s="3">
        <f>'CPT Data'!C4154</f>
        <v>41.230000000000004</v>
      </c>
      <c r="C4146" t="str">
        <f>'CPT Data'!P4154</f>
        <v>CLAY</v>
      </c>
      <c r="D4146">
        <f>'CPT Data'!Q4154</f>
        <v>490.13570754568974</v>
      </c>
      <c r="E4146">
        <f t="shared" si="65"/>
        <v>520.14409092675442</v>
      </c>
      <c r="F4146">
        <f>IF(C4146="CLAY", INDEX(D$4:D4146, MATCH("CLAY", C$4:C4146, 0)), "")</f>
        <v>0.75203252561341039</v>
      </c>
    </row>
    <row r="4147" spans="1:6" x14ac:dyDescent="0.2">
      <c r="A4147" s="239">
        <f>'CPT Data'!B4155</f>
        <v>41.246000000000002</v>
      </c>
      <c r="B4147" s="3">
        <f>'CPT Data'!C4155</f>
        <v>41.239000000000004</v>
      </c>
      <c r="C4147" t="str">
        <f>'CPT Data'!P4155</f>
        <v>CLAY</v>
      </c>
      <c r="D4147">
        <f>'CPT Data'!Q4155</f>
        <v>463.86389778608935</v>
      </c>
      <c r="E4147">
        <f t="shared" si="65"/>
        <v>490.13570754568974</v>
      </c>
      <c r="F4147">
        <f>IF(C4147="CLAY", INDEX(D$4:D4147, MATCH("CLAY", C$4:C4147, 0)), "")</f>
        <v>0.75203252561341039</v>
      </c>
    </row>
    <row r="4148" spans="1:6" x14ac:dyDescent="0.2">
      <c r="A4148" s="239">
        <f>'CPT Data'!B4156</f>
        <v>41.255000000000003</v>
      </c>
      <c r="B4148" s="3">
        <f>'CPT Data'!C4156</f>
        <v>41.248000000000005</v>
      </c>
      <c r="C4148" t="str">
        <f>'CPT Data'!P4156</f>
        <v>CLAY</v>
      </c>
      <c r="D4148">
        <f>'CPT Data'!Q4156</f>
        <v>449.48487374515344</v>
      </c>
      <c r="E4148">
        <f t="shared" si="65"/>
        <v>463.86389778608935</v>
      </c>
      <c r="F4148">
        <f>IF(C4148="CLAY", INDEX(D$4:D4148, MATCH("CLAY", C$4:C4148, 0)), "")</f>
        <v>0.75203252561341039</v>
      </c>
    </row>
    <row r="4149" spans="1:6" x14ac:dyDescent="0.2">
      <c r="A4149" s="239">
        <f>'CPT Data'!B4157</f>
        <v>41.265999999999998</v>
      </c>
      <c r="B4149" s="3">
        <f>'CPT Data'!C4157</f>
        <v>41.259</v>
      </c>
      <c r="C4149" t="str">
        <f>'CPT Data'!P4157</f>
        <v>CLAY</v>
      </c>
      <c r="D4149">
        <f>'CPT Data'!Q4157</f>
        <v>429.37871132917689</v>
      </c>
      <c r="E4149">
        <f t="shared" si="65"/>
        <v>449.48487374515344</v>
      </c>
      <c r="F4149">
        <f>IF(C4149="CLAY", INDEX(D$4:D4149, MATCH("CLAY", C$4:C4149, 0)), "")</f>
        <v>0.75203252561341039</v>
      </c>
    </row>
    <row r="4150" spans="1:6" x14ac:dyDescent="0.2">
      <c r="A4150" s="239">
        <f>'CPT Data'!B4158</f>
        <v>41.274999999999999</v>
      </c>
      <c r="B4150" s="3">
        <f>'CPT Data'!C4158</f>
        <v>41.268000000000001</v>
      </c>
      <c r="C4150" t="str">
        <f>'CPT Data'!P4158</f>
        <v>CLAY</v>
      </c>
      <c r="D4150">
        <f>'CPT Data'!Q4158</f>
        <v>419.71158723688478</v>
      </c>
      <c r="E4150">
        <f t="shared" si="65"/>
        <v>429.37871132917689</v>
      </c>
      <c r="F4150">
        <f>IF(C4150="CLAY", INDEX(D$4:D4150, MATCH("CLAY", C$4:C4150, 0)), "")</f>
        <v>0.75203252561341039</v>
      </c>
    </row>
    <row r="4151" spans="1:6" x14ac:dyDescent="0.2">
      <c r="A4151" s="239">
        <f>'CPT Data'!B4159</f>
        <v>41.284999999999997</v>
      </c>
      <c r="B4151" s="3">
        <f>'CPT Data'!C4159</f>
        <v>41.277999999999999</v>
      </c>
      <c r="C4151" t="str">
        <f>'CPT Data'!P4159</f>
        <v>CLAY</v>
      </c>
      <c r="D4151">
        <f>'CPT Data'!Q4159</f>
        <v>410.88359459088798</v>
      </c>
      <c r="E4151">
        <f t="shared" si="65"/>
        <v>419.71158723688478</v>
      </c>
      <c r="F4151">
        <f>IF(C4151="CLAY", INDEX(D$4:D4151, MATCH("CLAY", C$4:C4151, 0)), "")</f>
        <v>0.75203252561341039</v>
      </c>
    </row>
    <row r="4152" spans="1:6" x14ac:dyDescent="0.2">
      <c r="A4152" s="239">
        <f>'CPT Data'!B4160</f>
        <v>41.293999999999997</v>
      </c>
      <c r="B4152" s="3">
        <f>'CPT Data'!C4160</f>
        <v>41.286999999999999</v>
      </c>
      <c r="C4152" t="str">
        <f>'CPT Data'!P4160</f>
        <v>CLAY</v>
      </c>
      <c r="D4152">
        <f>'CPT Data'!Q4160</f>
        <v>407.79237126735148</v>
      </c>
      <c r="E4152">
        <f t="shared" si="65"/>
        <v>410.88359459088798</v>
      </c>
      <c r="F4152">
        <f>IF(C4152="CLAY", INDEX(D$4:D4152, MATCH("CLAY", C$4:C4152, 0)), "")</f>
        <v>0.75203252561341039</v>
      </c>
    </row>
    <row r="4153" spans="1:6" x14ac:dyDescent="0.2">
      <c r="A4153" s="239">
        <f>'CPT Data'!B4161</f>
        <v>41.305</v>
      </c>
      <c r="B4153" s="3">
        <f>'CPT Data'!C4161</f>
        <v>41.298000000000002</v>
      </c>
      <c r="C4153" t="str">
        <f>'CPT Data'!P4161</f>
        <v>CLAY</v>
      </c>
      <c r="D4153">
        <f>'CPT Data'!Q4161</f>
        <v>390.13225950375562</v>
      </c>
      <c r="E4153">
        <f t="shared" si="65"/>
        <v>407.79237126735148</v>
      </c>
      <c r="F4153">
        <f>IF(C4153="CLAY", INDEX(D$4:D4153, MATCH("CLAY", C$4:C4153, 0)), "")</f>
        <v>0.75203252561341039</v>
      </c>
    </row>
    <row r="4154" spans="1:6" x14ac:dyDescent="0.2">
      <c r="A4154" s="239">
        <f>'CPT Data'!B4162</f>
        <v>41.314999999999998</v>
      </c>
      <c r="B4154" s="3">
        <f>'CPT Data'!C4162</f>
        <v>41.308</v>
      </c>
      <c r="C4154" t="str">
        <f>'CPT Data'!P4162</f>
        <v>CLAY</v>
      </c>
      <c r="D4154">
        <f>'CPT Data'!Q4162</f>
        <v>375.24414872939406</v>
      </c>
      <c r="E4154">
        <f t="shared" si="65"/>
        <v>390.13225950375562</v>
      </c>
      <c r="F4154">
        <f>IF(C4154="CLAY", INDEX(D$4:D4154, MATCH("CLAY", C$4:C4154, 0)), "")</f>
        <v>0.75203252561341039</v>
      </c>
    </row>
    <row r="4155" spans="1:6" x14ac:dyDescent="0.2">
      <c r="A4155" s="239">
        <f>'CPT Data'!B4163</f>
        <v>41.325000000000003</v>
      </c>
      <c r="B4155" s="3">
        <f>'CPT Data'!C4163</f>
        <v>41.318000000000005</v>
      </c>
      <c r="C4155" t="str">
        <f>'CPT Data'!P4163</f>
        <v>CLAY</v>
      </c>
      <c r="D4155">
        <f>'CPT Data'!Q4163</f>
        <v>367.39550986385319</v>
      </c>
      <c r="E4155">
        <f t="shared" si="65"/>
        <v>375.24414872939406</v>
      </c>
      <c r="F4155">
        <f>IF(C4155="CLAY", INDEX(D$4:D4155, MATCH("CLAY", C$4:C4155, 0)), "")</f>
        <v>0.75203252561341039</v>
      </c>
    </row>
    <row r="4156" spans="1:6" x14ac:dyDescent="0.2">
      <c r="A4156" s="239">
        <f>'CPT Data'!B4164</f>
        <v>41.334000000000003</v>
      </c>
      <c r="B4156" s="3">
        <f>'CPT Data'!C4164</f>
        <v>41.327000000000005</v>
      </c>
      <c r="C4156" t="str">
        <f>'CPT Data'!P4164</f>
        <v>CLAY</v>
      </c>
      <c r="D4156">
        <f>'CPT Data'!Q4164</f>
        <v>371.31714174069401</v>
      </c>
      <c r="E4156">
        <f t="shared" si="65"/>
        <v>367.39550986385319</v>
      </c>
      <c r="F4156">
        <f>IF(C4156="CLAY", INDEX(D$4:D4156, MATCH("CLAY", C$4:C4156, 0)), "")</f>
        <v>0.75203252561341039</v>
      </c>
    </row>
    <row r="4157" spans="1:6" x14ac:dyDescent="0.2">
      <c r="A4157" s="239">
        <f>'CPT Data'!B4165</f>
        <v>41.344999999999999</v>
      </c>
      <c r="B4157" s="3">
        <f>'CPT Data'!C4165</f>
        <v>41.338000000000001</v>
      </c>
      <c r="C4157" t="str">
        <f>'CPT Data'!P4165</f>
        <v>CLAY</v>
      </c>
      <c r="D4157">
        <f>'CPT Data'!Q4165</f>
        <v>392.26220876845491</v>
      </c>
      <c r="E4157">
        <f t="shared" si="65"/>
        <v>371.31714174069401</v>
      </c>
      <c r="F4157">
        <f>IF(C4157="CLAY", INDEX(D$4:D4157, MATCH("CLAY", C$4:C4157, 0)), "")</f>
        <v>0.75203252561341039</v>
      </c>
    </row>
    <row r="4158" spans="1:6" x14ac:dyDescent="0.2">
      <c r="A4158" s="239">
        <f>'CPT Data'!B4166</f>
        <v>41.353999999999999</v>
      </c>
      <c r="B4158" s="3">
        <f>'CPT Data'!C4166</f>
        <v>41.347000000000001</v>
      </c>
      <c r="C4158" t="str">
        <f>'CPT Data'!P4166</f>
        <v>CLAY</v>
      </c>
      <c r="D4158">
        <f>'CPT Data'!Q4166</f>
        <v>423.74945379573109</v>
      </c>
      <c r="E4158">
        <f t="shared" si="65"/>
        <v>392.26220876845491</v>
      </c>
      <c r="F4158">
        <f>IF(C4158="CLAY", INDEX(D$4:D4158, MATCH("CLAY", C$4:C4158, 0)), "")</f>
        <v>0.75203252561341039</v>
      </c>
    </row>
    <row r="4159" spans="1:6" x14ac:dyDescent="0.2">
      <c r="A4159" s="239">
        <f>'CPT Data'!B4167</f>
        <v>41.363</v>
      </c>
      <c r="B4159" s="3">
        <f>'CPT Data'!C4167</f>
        <v>41.356000000000002</v>
      </c>
      <c r="C4159" t="str">
        <f>'CPT Data'!P4167</f>
        <v>CLAY</v>
      </c>
      <c r="D4159">
        <f>'CPT Data'!Q4167</f>
        <v>465.77291099673022</v>
      </c>
      <c r="E4159">
        <f t="shared" si="65"/>
        <v>423.74945379573109</v>
      </c>
      <c r="F4159">
        <f>IF(C4159="CLAY", INDEX(D$4:D4159, MATCH("CLAY", C$4:C4159, 0)), "")</f>
        <v>0.75203252561341039</v>
      </c>
    </row>
    <row r="4160" spans="1:6" x14ac:dyDescent="0.2">
      <c r="A4160" s="239">
        <f>'CPT Data'!B4168</f>
        <v>41.372999999999998</v>
      </c>
      <c r="B4160" s="3">
        <f>'CPT Data'!C4168</f>
        <v>41.366</v>
      </c>
      <c r="C4160" t="str">
        <f>'CPT Data'!P4168</f>
        <v>CLAY</v>
      </c>
      <c r="D4160">
        <f>'CPT Data'!Q4168</f>
        <v>480.58453827300855</v>
      </c>
      <c r="E4160">
        <f t="shared" si="65"/>
        <v>465.77291099673022</v>
      </c>
      <c r="F4160">
        <f>IF(C4160="CLAY", INDEX(D$4:D4160, MATCH("CLAY", C$4:C4160, 0)), "")</f>
        <v>0.75203252561341039</v>
      </c>
    </row>
    <row r="4161" spans="1:6" x14ac:dyDescent="0.2">
      <c r="A4161" s="239">
        <f>'CPT Data'!B4169</f>
        <v>41.384</v>
      </c>
      <c r="B4161" s="3">
        <f>'CPT Data'!C4169</f>
        <v>41.377000000000002</v>
      </c>
      <c r="C4161" t="str">
        <f>'CPT Data'!P4169</f>
        <v>CLAY</v>
      </c>
      <c r="D4161">
        <f>'CPT Data'!Q4169</f>
        <v>497.11821511677198</v>
      </c>
      <c r="E4161">
        <f t="shared" si="65"/>
        <v>480.58453827300855</v>
      </c>
      <c r="F4161">
        <f>IF(C4161="CLAY", INDEX(D$4:D4161, MATCH("CLAY", C$4:C4161, 0)), "")</f>
        <v>0.75203252561341039</v>
      </c>
    </row>
    <row r="4162" spans="1:6" x14ac:dyDescent="0.2">
      <c r="A4162" s="239">
        <f>'CPT Data'!B4170</f>
        <v>41.393000000000001</v>
      </c>
      <c r="B4162" s="3">
        <f>'CPT Data'!C4170</f>
        <v>41.386000000000003</v>
      </c>
      <c r="C4162" t="str">
        <f>'CPT Data'!P4170</f>
        <v>CLAY</v>
      </c>
      <c r="D4162">
        <f>'CPT Data'!Q4170</f>
        <v>523.57801922050169</v>
      </c>
      <c r="E4162">
        <f t="shared" si="65"/>
        <v>497.11821511677198</v>
      </c>
      <c r="F4162">
        <f>IF(C4162="CLAY", INDEX(D$4:D4162, MATCH("CLAY", C$4:C4162, 0)), "")</f>
        <v>0.75203252561341039</v>
      </c>
    </row>
    <row r="4163" spans="1:6" x14ac:dyDescent="0.2">
      <c r="A4163" s="239">
        <f>'CPT Data'!B4171</f>
        <v>41.402000000000001</v>
      </c>
      <c r="B4163" s="3">
        <f>'CPT Data'!C4171</f>
        <v>41.395000000000003</v>
      </c>
      <c r="C4163" t="str">
        <f>'CPT Data'!P4171</f>
        <v>CLAY</v>
      </c>
      <c r="D4163">
        <f>'CPT Data'!Q4171</f>
        <v>564.31478051802594</v>
      </c>
      <c r="E4163">
        <f t="shared" si="65"/>
        <v>523.57801922050169</v>
      </c>
      <c r="F4163">
        <f>IF(C4163="CLAY", INDEX(D$4:D4163, MATCH("CLAY", C$4:C4163, 0)), "")</f>
        <v>0.75203252561341039</v>
      </c>
    </row>
    <row r="4164" spans="1:6" x14ac:dyDescent="0.2">
      <c r="A4164" s="239">
        <f>'CPT Data'!B4172</f>
        <v>41.411999999999999</v>
      </c>
      <c r="B4164" s="3">
        <f>'CPT Data'!C4172</f>
        <v>41.405000000000001</v>
      </c>
      <c r="C4164" t="str">
        <f>'CPT Data'!P4172</f>
        <v>CLAY</v>
      </c>
      <c r="D4164">
        <f>'CPT Data'!Q4172</f>
        <v>597.7217479498978</v>
      </c>
      <c r="E4164">
        <f t="shared" si="65"/>
        <v>564.31478051802594</v>
      </c>
      <c r="F4164">
        <f>IF(C4164="CLAY", INDEX(D$4:D4164, MATCH("CLAY", C$4:C4164, 0)), "")</f>
        <v>0.75203252561341039</v>
      </c>
    </row>
    <row r="4165" spans="1:6" x14ac:dyDescent="0.2">
      <c r="A4165" s="239">
        <f>'CPT Data'!B4173</f>
        <v>41.421999999999997</v>
      </c>
      <c r="B4165" s="3">
        <f>'CPT Data'!C4173</f>
        <v>41.414999999999999</v>
      </c>
      <c r="C4165" t="str">
        <f>'CPT Data'!P4173</f>
        <v>CLAY</v>
      </c>
      <c r="D4165">
        <f>'CPT Data'!Q4173</f>
        <v>619.51138968758198</v>
      </c>
      <c r="E4165">
        <f t="shared" si="65"/>
        <v>597.7217479498978</v>
      </c>
      <c r="F4165">
        <f>IF(C4165="CLAY", INDEX(D$4:D4165, MATCH("CLAY", C$4:C4165, 0)), "")</f>
        <v>0.75203252561341039</v>
      </c>
    </row>
    <row r="4166" spans="1:6" x14ac:dyDescent="0.2">
      <c r="A4166" s="239">
        <f>'CPT Data'!B4174</f>
        <v>41.432000000000002</v>
      </c>
      <c r="B4166" s="3">
        <f>'CPT Data'!C4174</f>
        <v>41.425000000000004</v>
      </c>
      <c r="C4166" t="str">
        <f>'CPT Data'!P4174</f>
        <v>CLAY</v>
      </c>
      <c r="D4166">
        <f>'CPT Data'!Q4174</f>
        <v>663.98414484150703</v>
      </c>
      <c r="E4166">
        <f t="shared" si="65"/>
        <v>619.51138968758198</v>
      </c>
      <c r="F4166">
        <f>IF(C4166="CLAY", INDEX(D$4:D4166, MATCH("CLAY", C$4:C4166, 0)), "")</f>
        <v>0.75203252561341039</v>
      </c>
    </row>
    <row r="4167" spans="1:6" x14ac:dyDescent="0.2">
      <c r="A4167" s="239">
        <f>'CPT Data'!B4175</f>
        <v>41.441000000000003</v>
      </c>
      <c r="B4167" s="3">
        <f>'CPT Data'!C4175</f>
        <v>41.434000000000005</v>
      </c>
      <c r="C4167" t="str">
        <f>'CPT Data'!P4175</f>
        <v>CLAY</v>
      </c>
      <c r="D4167">
        <f>'CPT Data'!Q4175</f>
        <v>706.47437140411841</v>
      </c>
      <c r="E4167">
        <f t="shared" si="65"/>
        <v>663.98414484150703</v>
      </c>
      <c r="F4167">
        <f>IF(C4167="CLAY", INDEX(D$4:D4167, MATCH("CLAY", C$4:C4167, 0)), "")</f>
        <v>0.75203252561341039</v>
      </c>
    </row>
    <row r="4168" spans="1:6" x14ac:dyDescent="0.2">
      <c r="A4168" s="239">
        <f>'CPT Data'!B4176</f>
        <v>41.45</v>
      </c>
      <c r="B4168" s="3">
        <f>'CPT Data'!C4176</f>
        <v>41.443000000000005</v>
      </c>
      <c r="C4168" t="str">
        <f>'CPT Data'!P4176</f>
        <v>CLAY</v>
      </c>
      <c r="D4168">
        <f>'CPT Data'!Q4176</f>
        <v>728.71295908684942</v>
      </c>
      <c r="E4168">
        <f t="shared" si="65"/>
        <v>706.47437140411841</v>
      </c>
      <c r="F4168">
        <f>IF(C4168="CLAY", INDEX(D$4:D4168, MATCH("CLAY", C$4:C4168, 0)), "")</f>
        <v>0.75203252561341039</v>
      </c>
    </row>
    <row r="4169" spans="1:6" x14ac:dyDescent="0.2">
      <c r="A4169" s="239">
        <f>'CPT Data'!B4177</f>
        <v>41.46</v>
      </c>
      <c r="B4169" s="3">
        <f>'CPT Data'!C4177</f>
        <v>41.453000000000003</v>
      </c>
      <c r="C4169" t="str">
        <f>'CPT Data'!P4177</f>
        <v>SAND</v>
      </c>
      <c r="D4169" t="e">
        <f>'CPT Data'!Q4177</f>
        <v>#N/A</v>
      </c>
      <c r="E4169" t="e">
        <f t="shared" si="65"/>
        <v>#N/A</v>
      </c>
      <c r="F4169" t="str">
        <f>IF(C4169="CLAY", INDEX(D$4:D4169, MATCH("CLAY", C$4:C4169, 0)), "")</f>
        <v/>
      </c>
    </row>
    <row r="4170" spans="1:6" x14ac:dyDescent="0.2">
      <c r="A4170" s="239">
        <f>'CPT Data'!B4178</f>
        <v>41.470999999999997</v>
      </c>
      <c r="B4170" s="3">
        <f>'CPT Data'!C4178</f>
        <v>41.463999999999999</v>
      </c>
      <c r="C4170" t="str">
        <f>'CPT Data'!P4178</f>
        <v>CLAY</v>
      </c>
      <c r="D4170">
        <f>'CPT Data'!Q4178</f>
        <v>705.4420602418021</v>
      </c>
      <c r="E4170">
        <f t="shared" si="65"/>
        <v>705.4420602418021</v>
      </c>
      <c r="F4170">
        <f>IF(C4170="CLAY", INDEX(D$4:D4170, MATCH("CLAY", C$4:C4170, 0)), "")</f>
        <v>0.75203252561341039</v>
      </c>
    </row>
    <row r="4171" spans="1:6" x14ac:dyDescent="0.2">
      <c r="A4171" s="239">
        <f>'CPT Data'!B4179</f>
        <v>41.481000000000002</v>
      </c>
      <c r="B4171" s="3">
        <f>'CPT Data'!C4179</f>
        <v>41.474000000000004</v>
      </c>
      <c r="C4171" t="str">
        <f>'CPT Data'!P4179</f>
        <v>CLAY</v>
      </c>
      <c r="D4171">
        <f>'CPT Data'!Q4179</f>
        <v>674.33243051874183</v>
      </c>
      <c r="E4171">
        <f t="shared" si="65"/>
        <v>705.4420602418021</v>
      </c>
      <c r="F4171">
        <f>IF(C4171="CLAY", INDEX(D$4:D4171, MATCH("CLAY", C$4:C4171, 0)), "")</f>
        <v>0.75203252561341039</v>
      </c>
    </row>
    <row r="4172" spans="1:6" x14ac:dyDescent="0.2">
      <c r="A4172" s="239">
        <f>'CPT Data'!B4180</f>
        <v>41.49</v>
      </c>
      <c r="B4172" s="3">
        <f>'CPT Data'!C4180</f>
        <v>41.483000000000004</v>
      </c>
      <c r="C4172" t="str">
        <f>'CPT Data'!P4180</f>
        <v>CLAY</v>
      </c>
      <c r="D4172">
        <f>'CPT Data'!Q4180</f>
        <v>629.440892073285</v>
      </c>
      <c r="E4172">
        <f t="shared" si="65"/>
        <v>674.33243051874183</v>
      </c>
      <c r="F4172">
        <f>IF(C4172="CLAY", INDEX(D$4:D4172, MATCH("CLAY", C$4:C4172, 0)), "")</f>
        <v>0.75203252561341039</v>
      </c>
    </row>
    <row r="4173" spans="1:6" x14ac:dyDescent="0.2">
      <c r="A4173" s="239">
        <f>'CPT Data'!B4181</f>
        <v>41.5</v>
      </c>
      <c r="B4173" s="3">
        <f>'CPT Data'!C4181</f>
        <v>41.493000000000002</v>
      </c>
      <c r="C4173" t="str">
        <f>'CPT Data'!P4181</f>
        <v>CLAY</v>
      </c>
      <c r="D4173">
        <f>'CPT Data'!Q4181</f>
        <v>580.13113866768776</v>
      </c>
      <c r="E4173">
        <f t="shared" si="65"/>
        <v>629.440892073285</v>
      </c>
      <c r="F4173">
        <f>IF(C4173="CLAY", INDEX(D$4:D4173, MATCH("CLAY", C$4:C4173, 0)), "")</f>
        <v>0.75203252561341039</v>
      </c>
    </row>
    <row r="4174" spans="1:6" x14ac:dyDescent="0.2">
      <c r="A4174" s="239">
        <f>'CPT Data'!B4182</f>
        <v>41.511000000000003</v>
      </c>
      <c r="B4174" s="3">
        <f>'CPT Data'!C4182</f>
        <v>41.504000000000005</v>
      </c>
      <c r="C4174" t="str">
        <f>'CPT Data'!P4182</f>
        <v>CLAY</v>
      </c>
      <c r="D4174">
        <f>'CPT Data'!Q4182</f>
        <v>538.48598652086127</v>
      </c>
      <c r="E4174">
        <f t="shared" si="65"/>
        <v>580.13113866768776</v>
      </c>
      <c r="F4174">
        <f>IF(C4174="CLAY", INDEX(D$4:D4174, MATCH("CLAY", C$4:C4174, 0)), "")</f>
        <v>0.75203252561341039</v>
      </c>
    </row>
    <row r="4175" spans="1:6" x14ac:dyDescent="0.2">
      <c r="A4175" s="239">
        <f>'CPT Data'!B4183</f>
        <v>41.52</v>
      </c>
      <c r="B4175" s="3">
        <f>'CPT Data'!C4183</f>
        <v>41.513000000000005</v>
      </c>
      <c r="C4175" t="str">
        <f>'CPT Data'!P4183</f>
        <v>CLAY</v>
      </c>
      <c r="D4175">
        <f>'CPT Data'!Q4183</f>
        <v>503.44206372159584</v>
      </c>
      <c r="E4175">
        <f t="shared" si="65"/>
        <v>538.48598652086127</v>
      </c>
      <c r="F4175">
        <f>IF(C4175="CLAY", INDEX(D$4:D4175, MATCH("CLAY", C$4:C4175, 0)), "")</f>
        <v>0.75203252561341039</v>
      </c>
    </row>
    <row r="4176" spans="1:6" x14ac:dyDescent="0.2">
      <c r="A4176" s="239">
        <f>'CPT Data'!B4184</f>
        <v>41.53</v>
      </c>
      <c r="B4176" s="3">
        <f>'CPT Data'!C4184</f>
        <v>41.523000000000003</v>
      </c>
      <c r="C4176" t="str">
        <f>'CPT Data'!P4184</f>
        <v>CLAY</v>
      </c>
      <c r="D4176">
        <f>'CPT Data'!Q4184</f>
        <v>483.32342610512291</v>
      </c>
      <c r="E4176">
        <f t="shared" si="65"/>
        <v>503.44206372159584</v>
      </c>
      <c r="F4176">
        <f>IF(C4176="CLAY", INDEX(D$4:D4176, MATCH("CLAY", C$4:C4176, 0)), "")</f>
        <v>0.75203252561341039</v>
      </c>
    </row>
    <row r="4177" spans="1:6" x14ac:dyDescent="0.2">
      <c r="A4177" s="239">
        <f>'CPT Data'!B4185</f>
        <v>41.539000000000001</v>
      </c>
      <c r="B4177" s="3">
        <f>'CPT Data'!C4185</f>
        <v>41.532000000000004</v>
      </c>
      <c r="C4177" t="str">
        <f>'CPT Data'!P4185</f>
        <v>CLAY</v>
      </c>
      <c r="D4177">
        <f>'CPT Data'!Q4185</f>
        <v>462.34401898095081</v>
      </c>
      <c r="E4177">
        <f t="shared" si="65"/>
        <v>483.32342610512291</v>
      </c>
      <c r="F4177">
        <f>IF(C4177="CLAY", INDEX(D$4:D4177, MATCH("CLAY", C$4:C4177, 0)), "")</f>
        <v>0.75203252561341039</v>
      </c>
    </row>
    <row r="4178" spans="1:6" x14ac:dyDescent="0.2">
      <c r="A4178" s="239">
        <f>'CPT Data'!B4186</f>
        <v>41.55</v>
      </c>
      <c r="B4178" s="3">
        <f>'CPT Data'!C4186</f>
        <v>41.542999999999999</v>
      </c>
      <c r="C4178" t="str">
        <f>'CPT Data'!P4186</f>
        <v>CLAY</v>
      </c>
      <c r="D4178">
        <f>'CPT Data'!Q4186</f>
        <v>440.60313233044099</v>
      </c>
      <c r="E4178">
        <f t="shared" si="65"/>
        <v>462.34401898095081</v>
      </c>
      <c r="F4178">
        <f>IF(C4178="CLAY", INDEX(D$4:D4178, MATCH("CLAY", C$4:C4178, 0)), "")</f>
        <v>0.75203252561341039</v>
      </c>
    </row>
    <row r="4179" spans="1:6" x14ac:dyDescent="0.2">
      <c r="A4179" s="239">
        <f>'CPT Data'!B4187</f>
        <v>41.558999999999997</v>
      </c>
      <c r="B4179" s="3">
        <f>'CPT Data'!C4187</f>
        <v>41.552</v>
      </c>
      <c r="C4179" t="str">
        <f>'CPT Data'!P4187</f>
        <v>CLAY</v>
      </c>
      <c r="D4179">
        <f>'CPT Data'!Q4187</f>
        <v>432.9590901127533</v>
      </c>
      <c r="E4179">
        <f t="shared" si="65"/>
        <v>440.60313233044099</v>
      </c>
      <c r="F4179">
        <f>IF(C4179="CLAY", INDEX(D$4:D4179, MATCH("CLAY", C$4:C4179, 0)), "")</f>
        <v>0.75203252561341039</v>
      </c>
    </row>
    <row r="4180" spans="1:6" x14ac:dyDescent="0.2">
      <c r="A4180" s="239">
        <f>'CPT Data'!B4188</f>
        <v>41.567999999999998</v>
      </c>
      <c r="B4180" s="3">
        <f>'CPT Data'!C4188</f>
        <v>41.561</v>
      </c>
      <c r="C4180" t="str">
        <f>'CPT Data'!P4188</f>
        <v>CLAY</v>
      </c>
      <c r="D4180">
        <f>'CPT Data'!Q4188</f>
        <v>423.09010701638971</v>
      </c>
      <c r="E4180">
        <f t="shared" si="65"/>
        <v>432.9590901127533</v>
      </c>
      <c r="F4180">
        <f>IF(C4180="CLAY", INDEX(D$4:D4180, MATCH("CLAY", C$4:C4180, 0)), "")</f>
        <v>0.75203252561341039</v>
      </c>
    </row>
    <row r="4181" spans="1:6" x14ac:dyDescent="0.2">
      <c r="A4181" s="239">
        <f>'CPT Data'!B4189</f>
        <v>41.578000000000003</v>
      </c>
      <c r="B4181" s="3">
        <f>'CPT Data'!C4189</f>
        <v>41.571000000000005</v>
      </c>
      <c r="C4181" t="str">
        <f>'CPT Data'!P4189</f>
        <v>CLAY</v>
      </c>
      <c r="D4181">
        <f>'CPT Data'!Q4189</f>
        <v>436.67430396981246</v>
      </c>
      <c r="E4181">
        <f t="shared" si="65"/>
        <v>423.09010701638971</v>
      </c>
      <c r="F4181">
        <f>IF(C4181="CLAY", INDEX(D$4:D4181, MATCH("CLAY", C$4:C4181, 0)), "")</f>
        <v>0.75203252561341039</v>
      </c>
    </row>
    <row r="4182" spans="1:6" x14ac:dyDescent="0.2">
      <c r="A4182" s="239">
        <f>'CPT Data'!B4190</f>
        <v>41.588000000000001</v>
      </c>
      <c r="B4182" s="3">
        <f>'CPT Data'!C4190</f>
        <v>41.581000000000003</v>
      </c>
      <c r="C4182" t="str">
        <f>'CPT Data'!P4190</f>
        <v>CLAY</v>
      </c>
      <c r="D4182">
        <f>'CPT Data'!Q4190</f>
        <v>457.49995699331004</v>
      </c>
      <c r="E4182">
        <f t="shared" si="65"/>
        <v>436.67430396981246</v>
      </c>
      <c r="F4182">
        <f>IF(C4182="CLAY", INDEX(D$4:D4182, MATCH("CLAY", C$4:C4182, 0)), "")</f>
        <v>0.75203252561341039</v>
      </c>
    </row>
    <row r="4183" spans="1:6" x14ac:dyDescent="0.2">
      <c r="A4183" s="239">
        <f>'CPT Data'!B4191</f>
        <v>41.597999999999999</v>
      </c>
      <c r="B4183" s="3">
        <f>'CPT Data'!C4191</f>
        <v>41.591000000000001</v>
      </c>
      <c r="C4183" t="str">
        <f>'CPT Data'!P4191</f>
        <v>CLAY</v>
      </c>
      <c r="D4183">
        <f>'CPT Data'!Q4191</f>
        <v>479.13196809482042</v>
      </c>
      <c r="E4183">
        <f t="shared" si="65"/>
        <v>457.49995699331004</v>
      </c>
      <c r="F4183">
        <f>IF(C4183="CLAY", INDEX(D$4:D4183, MATCH("CLAY", C$4:C4183, 0)), "")</f>
        <v>0.75203252561341039</v>
      </c>
    </row>
    <row r="4184" spans="1:6" x14ac:dyDescent="0.2">
      <c r="A4184" s="239">
        <f>'CPT Data'!B4192</f>
        <v>41.606999999999999</v>
      </c>
      <c r="B4184" s="3">
        <f>'CPT Data'!C4192</f>
        <v>41.6</v>
      </c>
      <c r="C4184" t="str">
        <f>'CPT Data'!P4192</f>
        <v>CLAY</v>
      </c>
      <c r="D4184">
        <f>'CPT Data'!Q4192</f>
        <v>472.9007289482754</v>
      </c>
      <c r="E4184">
        <f t="shared" si="65"/>
        <v>479.13196809482042</v>
      </c>
      <c r="F4184">
        <f>IF(C4184="CLAY", INDEX(D$4:D4184, MATCH("CLAY", C$4:C4184, 0)), "")</f>
        <v>0.75203252561341039</v>
      </c>
    </row>
    <row r="4185" spans="1:6" x14ac:dyDescent="0.2">
      <c r="A4185" s="239">
        <f>'CPT Data'!B4193</f>
        <v>41.618000000000002</v>
      </c>
      <c r="B4185" s="3">
        <f>'CPT Data'!C4193</f>
        <v>41.611000000000004</v>
      </c>
      <c r="C4185" t="str">
        <f>'CPT Data'!P4193</f>
        <v>CLAY</v>
      </c>
      <c r="D4185">
        <f>'CPT Data'!Q4193</f>
        <v>466.55052426400829</v>
      </c>
      <c r="E4185">
        <f t="shared" si="65"/>
        <v>472.9007289482754</v>
      </c>
      <c r="F4185">
        <f>IF(C4185="CLAY", INDEX(D$4:D4185, MATCH("CLAY", C$4:C4185, 0)), "")</f>
        <v>0.75203252561341039</v>
      </c>
    </row>
    <row r="4186" spans="1:6" x14ac:dyDescent="0.2">
      <c r="A4186" s="239">
        <f>'CPT Data'!B4194</f>
        <v>41.628</v>
      </c>
      <c r="B4186" s="3">
        <f>'CPT Data'!C4194</f>
        <v>41.621000000000002</v>
      </c>
      <c r="C4186" t="str">
        <f>'CPT Data'!P4194</f>
        <v>CLAY</v>
      </c>
      <c r="D4186">
        <f>'CPT Data'!Q4194</f>
        <v>449.93282398953039</v>
      </c>
      <c r="E4186">
        <f t="shared" si="65"/>
        <v>466.55052426400829</v>
      </c>
      <c r="F4186">
        <f>IF(C4186="CLAY", INDEX(D$4:D4186, MATCH("CLAY", C$4:C4186, 0)), "")</f>
        <v>0.75203252561341039</v>
      </c>
    </row>
    <row r="4187" spans="1:6" x14ac:dyDescent="0.2">
      <c r="A4187" s="239">
        <f>'CPT Data'!B4195</f>
        <v>41.637</v>
      </c>
      <c r="B4187" s="3">
        <f>'CPT Data'!C4195</f>
        <v>41.63</v>
      </c>
      <c r="C4187" t="str">
        <f>'CPT Data'!P4195</f>
        <v>CLAY</v>
      </c>
      <c r="D4187">
        <f>'CPT Data'!Q4195</f>
        <v>430.93376402997802</v>
      </c>
      <c r="E4187">
        <f t="shared" ref="E4187:E4250" si="66">IF(C4187="SAND",#N/A,IF(C4187=C4186,D4186,IF(C4187="CLAY",D4187,#N/A)))</f>
        <v>449.93282398953039</v>
      </c>
      <c r="F4187">
        <f>IF(C4187="CLAY", INDEX(D$4:D4187, MATCH("CLAY", C$4:C4187, 0)), "")</f>
        <v>0.75203252561341039</v>
      </c>
    </row>
    <row r="4188" spans="1:6" x14ac:dyDescent="0.2">
      <c r="A4188" s="239">
        <f>'CPT Data'!B4196</f>
        <v>41.648000000000003</v>
      </c>
      <c r="B4188" s="3">
        <f>'CPT Data'!C4196</f>
        <v>41.641000000000005</v>
      </c>
      <c r="C4188" t="str">
        <f>'CPT Data'!P4196</f>
        <v>CLAY</v>
      </c>
      <c r="D4188">
        <f>'CPT Data'!Q4196</f>
        <v>427.10848118146117</v>
      </c>
      <c r="E4188">
        <f t="shared" si="66"/>
        <v>430.93376402997802</v>
      </c>
      <c r="F4188">
        <f>IF(C4188="CLAY", INDEX(D$4:D4188, MATCH("CLAY", C$4:C4188, 0)), "")</f>
        <v>0.75203252561341039</v>
      </c>
    </row>
    <row r="4189" spans="1:6" x14ac:dyDescent="0.2">
      <c r="A4189" s="239">
        <f>'CPT Data'!B4197</f>
        <v>41.656999999999996</v>
      </c>
      <c r="B4189" s="3">
        <f>'CPT Data'!C4197</f>
        <v>41.65</v>
      </c>
      <c r="C4189" t="str">
        <f>'CPT Data'!P4197</f>
        <v>CLAY</v>
      </c>
      <c r="D4189">
        <f>'CPT Data'!Q4197</f>
        <v>413.63529030013848</v>
      </c>
      <c r="E4189">
        <f t="shared" si="66"/>
        <v>427.10848118146117</v>
      </c>
      <c r="F4189">
        <f>IF(C4189="CLAY", INDEX(D$4:D4189, MATCH("CLAY", C$4:C4189, 0)), "")</f>
        <v>0.75203252561341039</v>
      </c>
    </row>
    <row r="4190" spans="1:6" x14ac:dyDescent="0.2">
      <c r="A4190" s="239">
        <f>'CPT Data'!B4198</f>
        <v>41.667000000000002</v>
      </c>
      <c r="B4190" s="3">
        <f>'CPT Data'!C4198</f>
        <v>41.660000000000004</v>
      </c>
      <c r="C4190" t="str">
        <f>'CPT Data'!P4198</f>
        <v>CLAY</v>
      </c>
      <c r="D4190">
        <f>'CPT Data'!Q4198</f>
        <v>417.97515902491659</v>
      </c>
      <c r="E4190">
        <f t="shared" si="66"/>
        <v>413.63529030013848</v>
      </c>
      <c r="F4190">
        <f>IF(C4190="CLAY", INDEX(D$4:D4190, MATCH("CLAY", C$4:C4190, 0)), "")</f>
        <v>0.75203252561341039</v>
      </c>
    </row>
    <row r="4191" spans="1:6" x14ac:dyDescent="0.2">
      <c r="A4191" s="239">
        <f>'CPT Data'!B4199</f>
        <v>41.676000000000002</v>
      </c>
      <c r="B4191" s="3">
        <f>'CPT Data'!C4199</f>
        <v>41.669000000000004</v>
      </c>
      <c r="C4191" t="str">
        <f>'CPT Data'!P4199</f>
        <v>CLAY</v>
      </c>
      <c r="D4191">
        <f>'CPT Data'!Q4199</f>
        <v>422.71892417887574</v>
      </c>
      <c r="E4191">
        <f t="shared" si="66"/>
        <v>417.97515902491659</v>
      </c>
      <c r="F4191">
        <f>IF(C4191="CLAY", INDEX(D$4:D4191, MATCH("CLAY", C$4:C4191, 0)), "")</f>
        <v>0.75203252561341039</v>
      </c>
    </row>
    <row r="4192" spans="1:6" x14ac:dyDescent="0.2">
      <c r="A4192" s="239">
        <f>'CPT Data'!B4200</f>
        <v>41.686999999999998</v>
      </c>
      <c r="B4192" s="3">
        <f>'CPT Data'!C4200</f>
        <v>41.68</v>
      </c>
      <c r="C4192" t="str">
        <f>'CPT Data'!P4200</f>
        <v>CLAY</v>
      </c>
      <c r="D4192">
        <f>'CPT Data'!Q4200</f>
        <v>436.6996682926486</v>
      </c>
      <c r="E4192">
        <f t="shared" si="66"/>
        <v>422.71892417887574</v>
      </c>
      <c r="F4192">
        <f>IF(C4192="CLAY", INDEX(D$4:D4192, MATCH("CLAY", C$4:C4192, 0)), "")</f>
        <v>0.75203252561341039</v>
      </c>
    </row>
    <row r="4193" spans="1:6" x14ac:dyDescent="0.2">
      <c r="A4193" s="239">
        <f>'CPT Data'!B4201</f>
        <v>41.695999999999998</v>
      </c>
      <c r="B4193" s="3">
        <f>'CPT Data'!C4201</f>
        <v>41.689</v>
      </c>
      <c r="C4193" t="str">
        <f>'CPT Data'!P4201</f>
        <v>CLAY</v>
      </c>
      <c r="D4193">
        <f>'CPT Data'!Q4201</f>
        <v>480.59830497414322</v>
      </c>
      <c r="E4193">
        <f t="shared" si="66"/>
        <v>436.6996682926486</v>
      </c>
      <c r="F4193">
        <f>IF(C4193="CLAY", INDEX(D$4:D4193, MATCH("CLAY", C$4:C4193, 0)), "")</f>
        <v>0.75203252561341039</v>
      </c>
    </row>
    <row r="4194" spans="1:6" x14ac:dyDescent="0.2">
      <c r="A4194" s="239">
        <f>'CPT Data'!B4202</f>
        <v>41.706000000000003</v>
      </c>
      <c r="B4194" s="3">
        <f>'CPT Data'!C4202</f>
        <v>41.699000000000005</v>
      </c>
      <c r="C4194" t="str">
        <f>'CPT Data'!P4202</f>
        <v>CLAY</v>
      </c>
      <c r="D4194">
        <f>'CPT Data'!Q4202</f>
        <v>553.97017747445113</v>
      </c>
      <c r="E4194">
        <f t="shared" si="66"/>
        <v>480.59830497414322</v>
      </c>
      <c r="F4194">
        <f>IF(C4194="CLAY", INDEX(D$4:D4194, MATCH("CLAY", C$4:C4194, 0)), "")</f>
        <v>0.75203252561341039</v>
      </c>
    </row>
    <row r="4195" spans="1:6" x14ac:dyDescent="0.2">
      <c r="A4195" s="239">
        <f>'CPT Data'!B4203</f>
        <v>41.715000000000003</v>
      </c>
      <c r="B4195" s="3">
        <f>'CPT Data'!C4203</f>
        <v>41.708000000000006</v>
      </c>
      <c r="C4195" t="str">
        <f>'CPT Data'!P4203</f>
        <v>CLAY</v>
      </c>
      <c r="D4195">
        <f>'CPT Data'!Q4203</f>
        <v>626.91274323172922</v>
      </c>
      <c r="E4195">
        <f t="shared" si="66"/>
        <v>553.97017747445113</v>
      </c>
      <c r="F4195">
        <f>IF(C4195="CLAY", INDEX(D$4:D4195, MATCH("CLAY", C$4:C4195, 0)), "")</f>
        <v>0.75203252561341039</v>
      </c>
    </row>
    <row r="4196" spans="1:6" x14ac:dyDescent="0.2">
      <c r="A4196" s="239">
        <f>'CPT Data'!B4204</f>
        <v>41.725000000000001</v>
      </c>
      <c r="B4196" s="3">
        <f>'CPT Data'!C4204</f>
        <v>41.718000000000004</v>
      </c>
      <c r="C4196" t="str">
        <f>'CPT Data'!P4204</f>
        <v>CLAY</v>
      </c>
      <c r="D4196">
        <f>'CPT Data'!Q4204</f>
        <v>672.22866450570552</v>
      </c>
      <c r="E4196">
        <f t="shared" si="66"/>
        <v>626.91274323172922</v>
      </c>
      <c r="F4196">
        <f>IF(C4196="CLAY", INDEX(D$4:D4196, MATCH("CLAY", C$4:C4196, 0)), "")</f>
        <v>0.75203252561341039</v>
      </c>
    </row>
    <row r="4197" spans="1:6" x14ac:dyDescent="0.2">
      <c r="A4197" s="239">
        <f>'CPT Data'!B4205</f>
        <v>41.734999999999999</v>
      </c>
      <c r="B4197" s="3">
        <f>'CPT Data'!C4205</f>
        <v>41.728000000000002</v>
      </c>
      <c r="C4197" t="str">
        <f>'CPT Data'!P4205</f>
        <v>CLAY</v>
      </c>
      <c r="D4197">
        <f>'CPT Data'!Q4205</f>
        <v>697.84344731293652</v>
      </c>
      <c r="E4197">
        <f t="shared" si="66"/>
        <v>672.22866450570552</v>
      </c>
      <c r="F4197">
        <f>IF(C4197="CLAY", INDEX(D$4:D4197, MATCH("CLAY", C$4:C4197, 0)), "")</f>
        <v>0.75203252561341039</v>
      </c>
    </row>
    <row r="4198" spans="1:6" x14ac:dyDescent="0.2">
      <c r="A4198" s="239">
        <f>'CPT Data'!B4206</f>
        <v>41.744</v>
      </c>
      <c r="B4198" s="3">
        <f>'CPT Data'!C4206</f>
        <v>41.737000000000002</v>
      </c>
      <c r="C4198" t="str">
        <f>'CPT Data'!P4206</f>
        <v>CLAY</v>
      </c>
      <c r="D4198">
        <f>'CPT Data'!Q4206</f>
        <v>685.30996033801512</v>
      </c>
      <c r="E4198">
        <f t="shared" si="66"/>
        <v>697.84344731293652</v>
      </c>
      <c r="F4198">
        <f>IF(C4198="CLAY", INDEX(D$4:D4198, MATCH("CLAY", C$4:C4198, 0)), "")</f>
        <v>0.75203252561341039</v>
      </c>
    </row>
    <row r="4199" spans="1:6" x14ac:dyDescent="0.2">
      <c r="A4199" s="239">
        <f>'CPT Data'!B4207</f>
        <v>41.753999999999998</v>
      </c>
      <c r="B4199" s="3">
        <f>'CPT Data'!C4207</f>
        <v>41.747</v>
      </c>
      <c r="C4199" t="str">
        <f>'CPT Data'!P4207</f>
        <v>CLAY</v>
      </c>
      <c r="D4199">
        <f>'CPT Data'!Q4207</f>
        <v>657.99024015509747</v>
      </c>
      <c r="E4199">
        <f t="shared" si="66"/>
        <v>685.30996033801512</v>
      </c>
      <c r="F4199">
        <f>IF(C4199="CLAY", INDEX(D$4:D4199, MATCH("CLAY", C$4:C4199, 0)), "")</f>
        <v>0.75203252561341039</v>
      </c>
    </row>
    <row r="4200" spans="1:6" x14ac:dyDescent="0.2">
      <c r="A4200" s="239">
        <f>'CPT Data'!B4208</f>
        <v>41.762999999999998</v>
      </c>
      <c r="B4200" s="3">
        <f>'CPT Data'!C4208</f>
        <v>41.756</v>
      </c>
      <c r="C4200" t="str">
        <f>'CPT Data'!P4208</f>
        <v>CLAY</v>
      </c>
      <c r="D4200">
        <f>'CPT Data'!Q4208</f>
        <v>615.94742042685505</v>
      </c>
      <c r="E4200">
        <f t="shared" si="66"/>
        <v>657.99024015509747</v>
      </c>
      <c r="F4200">
        <f>IF(C4200="CLAY", INDEX(D$4:D4200, MATCH("CLAY", C$4:C4200, 0)), "")</f>
        <v>0.75203252561341039</v>
      </c>
    </row>
    <row r="4201" spans="1:6" x14ac:dyDescent="0.2">
      <c r="A4201" s="239">
        <f>'CPT Data'!B4209</f>
        <v>41.773000000000003</v>
      </c>
      <c r="B4201" s="3">
        <f>'CPT Data'!C4209</f>
        <v>41.766000000000005</v>
      </c>
      <c r="C4201" t="str">
        <f>'CPT Data'!P4209</f>
        <v>CLAY</v>
      </c>
      <c r="D4201">
        <f>'CPT Data'!Q4209</f>
        <v>587.9646382141259</v>
      </c>
      <c r="E4201">
        <f t="shared" si="66"/>
        <v>615.94742042685505</v>
      </c>
      <c r="F4201">
        <f>IF(C4201="CLAY", INDEX(D$4:D4201, MATCH("CLAY", C$4:C4201, 0)), "")</f>
        <v>0.75203252561341039</v>
      </c>
    </row>
    <row r="4202" spans="1:6" x14ac:dyDescent="0.2">
      <c r="A4202" s="239">
        <f>'CPT Data'!B4210</f>
        <v>41.783000000000001</v>
      </c>
      <c r="B4202" s="3">
        <f>'CPT Data'!C4210</f>
        <v>41.776000000000003</v>
      </c>
      <c r="C4202" t="str">
        <f>'CPT Data'!P4210</f>
        <v>CLAY</v>
      </c>
      <c r="D4202">
        <f>'CPT Data'!Q4210</f>
        <v>582.08165923306149</v>
      </c>
      <c r="E4202">
        <f t="shared" si="66"/>
        <v>587.9646382141259</v>
      </c>
      <c r="F4202">
        <f>IF(C4202="CLAY", INDEX(D$4:D4202, MATCH("CLAY", C$4:C4202, 0)), "")</f>
        <v>0.75203252561341039</v>
      </c>
    </row>
    <row r="4203" spans="1:6" x14ac:dyDescent="0.2">
      <c r="A4203" s="239">
        <f>'CPT Data'!B4211</f>
        <v>41.792999999999999</v>
      </c>
      <c r="B4203" s="3">
        <f>'CPT Data'!C4211</f>
        <v>41.786000000000001</v>
      </c>
      <c r="C4203" t="str">
        <f>'CPT Data'!P4211</f>
        <v>CLAY</v>
      </c>
      <c r="D4203">
        <f>'CPT Data'!Q4211</f>
        <v>585.74314671895434</v>
      </c>
      <c r="E4203">
        <f t="shared" si="66"/>
        <v>582.08165923306149</v>
      </c>
      <c r="F4203">
        <f>IF(C4203="CLAY", INDEX(D$4:D4203, MATCH("CLAY", C$4:C4203, 0)), "")</f>
        <v>0.75203252561341039</v>
      </c>
    </row>
    <row r="4204" spans="1:6" x14ac:dyDescent="0.2">
      <c r="A4204" s="239">
        <f>'CPT Data'!B4212</f>
        <v>41.802</v>
      </c>
      <c r="B4204" s="3">
        <f>'CPT Data'!C4212</f>
        <v>41.795000000000002</v>
      </c>
      <c r="C4204" t="str">
        <f>'CPT Data'!P4212</f>
        <v>CLAY</v>
      </c>
      <c r="D4204">
        <f>'CPT Data'!Q4212</f>
        <v>593.31353473897025</v>
      </c>
      <c r="E4204">
        <f t="shared" si="66"/>
        <v>585.74314671895434</v>
      </c>
      <c r="F4204">
        <f>IF(C4204="CLAY", INDEX(D$4:D4204, MATCH("CLAY", C$4:C4204, 0)), "")</f>
        <v>0.75203252561341039</v>
      </c>
    </row>
    <row r="4205" spans="1:6" x14ac:dyDescent="0.2">
      <c r="A4205" s="239">
        <f>'CPT Data'!B4213</f>
        <v>41.813000000000002</v>
      </c>
      <c r="B4205" s="3">
        <f>'CPT Data'!C4213</f>
        <v>41.806000000000004</v>
      </c>
      <c r="C4205" t="str">
        <f>'CPT Data'!P4213</f>
        <v>CLAY</v>
      </c>
      <c r="D4205">
        <f>'CPT Data'!Q4213</f>
        <v>615.91883363603836</v>
      </c>
      <c r="E4205">
        <f t="shared" si="66"/>
        <v>593.31353473897025</v>
      </c>
      <c r="F4205">
        <f>IF(C4205="CLAY", INDEX(D$4:D4205, MATCH("CLAY", C$4:C4205, 0)), "")</f>
        <v>0.75203252561341039</v>
      </c>
    </row>
    <row r="4206" spans="1:6" x14ac:dyDescent="0.2">
      <c r="A4206" s="239">
        <f>'CPT Data'!B4214</f>
        <v>41.823</v>
      </c>
      <c r="B4206" s="3">
        <f>'CPT Data'!C4214</f>
        <v>41.816000000000003</v>
      </c>
      <c r="C4206" t="str">
        <f>'CPT Data'!P4214</f>
        <v>CLAY</v>
      </c>
      <c r="D4206">
        <f>'CPT Data'!Q4214</f>
        <v>643.35835299254688</v>
      </c>
      <c r="E4206">
        <f t="shared" si="66"/>
        <v>615.91883363603836</v>
      </c>
      <c r="F4206">
        <f>IF(C4206="CLAY", INDEX(D$4:D4206, MATCH("CLAY", C$4:C4206, 0)), "")</f>
        <v>0.75203252561341039</v>
      </c>
    </row>
    <row r="4207" spans="1:6" x14ac:dyDescent="0.2">
      <c r="A4207" s="239">
        <f>'CPT Data'!B4215</f>
        <v>41.832000000000001</v>
      </c>
      <c r="B4207" s="3">
        <f>'CPT Data'!C4215</f>
        <v>41.825000000000003</v>
      </c>
      <c r="C4207" t="str">
        <f>'CPT Data'!P4215</f>
        <v>CLAY</v>
      </c>
      <c r="D4207">
        <f>'CPT Data'!Q4215</f>
        <v>646.86295941012781</v>
      </c>
      <c r="E4207">
        <f t="shared" si="66"/>
        <v>643.35835299254688</v>
      </c>
      <c r="F4207">
        <f>IF(C4207="CLAY", INDEX(D$4:D4207, MATCH("CLAY", C$4:C4207, 0)), "")</f>
        <v>0.75203252561341039</v>
      </c>
    </row>
    <row r="4208" spans="1:6" x14ac:dyDescent="0.2">
      <c r="A4208" s="239">
        <f>'CPT Data'!B4216</f>
        <v>41.841000000000001</v>
      </c>
      <c r="B4208" s="3">
        <f>'CPT Data'!C4216</f>
        <v>41.834000000000003</v>
      </c>
      <c r="C4208" t="str">
        <f>'CPT Data'!P4216</f>
        <v>CLAY</v>
      </c>
      <c r="D4208">
        <f>'CPT Data'!Q4216</f>
        <v>633.9328041484107</v>
      </c>
      <c r="E4208">
        <f t="shared" si="66"/>
        <v>646.86295941012781</v>
      </c>
      <c r="F4208">
        <f>IF(C4208="CLAY", INDEX(D$4:D4208, MATCH("CLAY", C$4:C4208, 0)), "")</f>
        <v>0.75203252561341039</v>
      </c>
    </row>
    <row r="4209" spans="1:6" x14ac:dyDescent="0.2">
      <c r="A4209" s="239">
        <f>'CPT Data'!B4217</f>
        <v>41.851999999999997</v>
      </c>
      <c r="B4209" s="3">
        <f>'CPT Data'!C4217</f>
        <v>41.844999999999999</v>
      </c>
      <c r="C4209" t="str">
        <f>'CPT Data'!P4217</f>
        <v>CLAY</v>
      </c>
      <c r="D4209">
        <f>'CPT Data'!Q4217</f>
        <v>641.26729349158086</v>
      </c>
      <c r="E4209">
        <f t="shared" si="66"/>
        <v>633.9328041484107</v>
      </c>
      <c r="F4209">
        <f>IF(C4209="CLAY", INDEX(D$4:D4209, MATCH("CLAY", C$4:C4209, 0)), "")</f>
        <v>0.75203252561341039</v>
      </c>
    </row>
    <row r="4210" spans="1:6" x14ac:dyDescent="0.2">
      <c r="A4210" s="239">
        <f>'CPT Data'!B4218</f>
        <v>41.862000000000002</v>
      </c>
      <c r="B4210" s="3">
        <f>'CPT Data'!C4218</f>
        <v>41.855000000000004</v>
      </c>
      <c r="C4210" t="str">
        <f>'CPT Data'!P4218</f>
        <v>CLAY</v>
      </c>
      <c r="D4210">
        <f>'CPT Data'!Q4218</f>
        <v>643.76215120203767</v>
      </c>
      <c r="E4210">
        <f t="shared" si="66"/>
        <v>641.26729349158086</v>
      </c>
      <c r="F4210">
        <f>IF(C4210="CLAY", INDEX(D$4:D4210, MATCH("CLAY", C$4:C4210, 0)), "")</f>
        <v>0.75203252561341039</v>
      </c>
    </row>
    <row r="4211" spans="1:6" x14ac:dyDescent="0.2">
      <c r="A4211" s="239">
        <f>'CPT Data'!B4219</f>
        <v>41.871000000000002</v>
      </c>
      <c r="B4211" s="3">
        <f>'CPT Data'!C4219</f>
        <v>41.864000000000004</v>
      </c>
      <c r="C4211" t="str">
        <f>'CPT Data'!P4219</f>
        <v>CLAY</v>
      </c>
      <c r="D4211">
        <f>'CPT Data'!Q4219</f>
        <v>652.30457667027247</v>
      </c>
      <c r="E4211">
        <f t="shared" si="66"/>
        <v>643.76215120203767</v>
      </c>
      <c r="F4211">
        <f>IF(C4211="CLAY", INDEX(D$4:D4211, MATCH("CLAY", C$4:C4211, 0)), "")</f>
        <v>0.75203252561341039</v>
      </c>
    </row>
    <row r="4212" spans="1:6" x14ac:dyDescent="0.2">
      <c r="A4212" s="239">
        <f>'CPT Data'!B4220</f>
        <v>41.88</v>
      </c>
      <c r="B4212" s="3">
        <f>'CPT Data'!C4220</f>
        <v>41.873000000000005</v>
      </c>
      <c r="C4212" t="str">
        <f>'CPT Data'!P4220</f>
        <v>CLAY</v>
      </c>
      <c r="D4212">
        <f>'CPT Data'!Q4220</f>
        <v>669.15949443036004</v>
      </c>
      <c r="E4212">
        <f t="shared" si="66"/>
        <v>652.30457667027247</v>
      </c>
      <c r="F4212">
        <f>IF(C4212="CLAY", INDEX(D$4:D4212, MATCH("CLAY", C$4:C4212, 0)), "")</f>
        <v>0.75203252561341039</v>
      </c>
    </row>
    <row r="4213" spans="1:6" x14ac:dyDescent="0.2">
      <c r="A4213" s="239">
        <f>'CPT Data'!B4221</f>
        <v>41.890999999999998</v>
      </c>
      <c r="B4213" s="3">
        <f>'CPT Data'!C4221</f>
        <v>41.884</v>
      </c>
      <c r="C4213" t="str">
        <f>'CPT Data'!P4221</f>
        <v>CLAY</v>
      </c>
      <c r="D4213">
        <f>'CPT Data'!Q4221</f>
        <v>703.84133580603987</v>
      </c>
      <c r="E4213">
        <f t="shared" si="66"/>
        <v>669.15949443036004</v>
      </c>
      <c r="F4213">
        <f>IF(C4213="CLAY", INDEX(D$4:D4213, MATCH("CLAY", C$4:C4213, 0)), "")</f>
        <v>0.75203252561341039</v>
      </c>
    </row>
    <row r="4214" spans="1:6" x14ac:dyDescent="0.2">
      <c r="A4214" s="239">
        <f>'CPT Data'!B4222</f>
        <v>41.9</v>
      </c>
      <c r="B4214" s="3">
        <f>'CPT Data'!C4222</f>
        <v>41.893000000000001</v>
      </c>
      <c r="C4214" t="str">
        <f>'CPT Data'!P4222</f>
        <v>CLAY</v>
      </c>
      <c r="D4214">
        <f>'CPT Data'!Q4222</f>
        <v>722.67796787880468</v>
      </c>
      <c r="E4214">
        <f t="shared" si="66"/>
        <v>703.84133580603987</v>
      </c>
      <c r="F4214">
        <f>IF(C4214="CLAY", INDEX(D$4:D4214, MATCH("CLAY", C$4:C4214, 0)), "")</f>
        <v>0.75203252561341039</v>
      </c>
    </row>
    <row r="4215" spans="1:6" x14ac:dyDescent="0.2">
      <c r="A4215" s="239">
        <f>'CPT Data'!B4223</f>
        <v>41.908999999999999</v>
      </c>
      <c r="B4215" s="3">
        <f>'CPT Data'!C4223</f>
        <v>41.902000000000001</v>
      </c>
      <c r="C4215" t="str">
        <f>'CPT Data'!P4223</f>
        <v>CLAY</v>
      </c>
      <c r="D4215">
        <f>'CPT Data'!Q4223</f>
        <v>742.24146517673944</v>
      </c>
      <c r="E4215">
        <f t="shared" si="66"/>
        <v>722.67796787880468</v>
      </c>
      <c r="F4215">
        <f>IF(C4215="CLAY", INDEX(D$4:D4215, MATCH("CLAY", C$4:C4215, 0)), "")</f>
        <v>0.75203252561341039</v>
      </c>
    </row>
    <row r="4216" spans="1:6" x14ac:dyDescent="0.2">
      <c r="A4216" s="239">
        <f>'CPT Data'!B4224</f>
        <v>41.918999999999997</v>
      </c>
      <c r="B4216" s="3">
        <f>'CPT Data'!C4224</f>
        <v>41.911999999999999</v>
      </c>
      <c r="C4216" t="str">
        <f>'CPT Data'!P4224</f>
        <v>SAND</v>
      </c>
      <c r="D4216" t="e">
        <f>'CPT Data'!Q4224</f>
        <v>#N/A</v>
      </c>
      <c r="E4216" t="e">
        <f t="shared" si="66"/>
        <v>#N/A</v>
      </c>
      <c r="F4216" t="str">
        <f>IF(C4216="CLAY", INDEX(D$4:D4216, MATCH("CLAY", C$4:C4216, 0)), "")</f>
        <v/>
      </c>
    </row>
    <row r="4217" spans="1:6" x14ac:dyDescent="0.2">
      <c r="A4217" s="239">
        <f>'CPT Data'!B4225</f>
        <v>41.929000000000002</v>
      </c>
      <c r="B4217" s="3">
        <f>'CPT Data'!C4225</f>
        <v>41.922000000000004</v>
      </c>
      <c r="C4217" t="str">
        <f>'CPT Data'!P4225</f>
        <v>CLAY</v>
      </c>
      <c r="D4217">
        <f>'CPT Data'!Q4225</f>
        <v>755.48129691060387</v>
      </c>
      <c r="E4217">
        <f t="shared" si="66"/>
        <v>755.48129691060387</v>
      </c>
      <c r="F4217">
        <f>IF(C4217="CLAY", INDEX(D$4:D4217, MATCH("CLAY", C$4:C4217, 0)), "")</f>
        <v>0.75203252561341039</v>
      </c>
    </row>
    <row r="4218" spans="1:6" x14ac:dyDescent="0.2">
      <c r="A4218" s="239">
        <f>'CPT Data'!B4226</f>
        <v>41.938000000000002</v>
      </c>
      <c r="B4218" s="3">
        <f>'CPT Data'!C4226</f>
        <v>41.931000000000004</v>
      </c>
      <c r="C4218" t="str">
        <f>'CPT Data'!P4226</f>
        <v>CLAY</v>
      </c>
      <c r="D4218">
        <f>'CPT Data'!Q4226</f>
        <v>686.47297873665548</v>
      </c>
      <c r="E4218">
        <f t="shared" si="66"/>
        <v>755.48129691060387</v>
      </c>
      <c r="F4218">
        <f>IF(C4218="CLAY", INDEX(D$4:D4218, MATCH("CLAY", C$4:C4218, 0)), "")</f>
        <v>0.75203252561341039</v>
      </c>
    </row>
    <row r="4219" spans="1:6" x14ac:dyDescent="0.2">
      <c r="A4219" s="239">
        <f>'CPT Data'!B4227</f>
        <v>41.948</v>
      </c>
      <c r="B4219" s="3">
        <f>'CPT Data'!C4227</f>
        <v>41.941000000000003</v>
      </c>
      <c r="C4219" t="str">
        <f>'CPT Data'!P4227</f>
        <v>CLAY</v>
      </c>
      <c r="D4219">
        <f>'CPT Data'!Q4227</f>
        <v>630.35323188229029</v>
      </c>
      <c r="E4219">
        <f t="shared" si="66"/>
        <v>686.47297873665548</v>
      </c>
      <c r="F4219">
        <f>IF(C4219="CLAY", INDEX(D$4:D4219, MATCH("CLAY", C$4:C4219, 0)), "")</f>
        <v>0.75203252561341039</v>
      </c>
    </row>
    <row r="4220" spans="1:6" x14ac:dyDescent="0.2">
      <c r="A4220" s="239">
        <f>'CPT Data'!B4228</f>
        <v>41.957999999999998</v>
      </c>
      <c r="B4220" s="3">
        <f>'CPT Data'!C4228</f>
        <v>41.951000000000001</v>
      </c>
      <c r="C4220" t="str">
        <f>'CPT Data'!P4228</f>
        <v>CLAY</v>
      </c>
      <c r="D4220">
        <f>'CPT Data'!Q4228</f>
        <v>595.37491716076386</v>
      </c>
      <c r="E4220">
        <f t="shared" si="66"/>
        <v>630.35323188229029</v>
      </c>
      <c r="F4220">
        <f>IF(C4220="CLAY", INDEX(D$4:D4220, MATCH("CLAY", C$4:C4220, 0)), "")</f>
        <v>0.75203252561341039</v>
      </c>
    </row>
    <row r="4221" spans="1:6" x14ac:dyDescent="0.2">
      <c r="A4221" s="239">
        <f>'CPT Data'!B4229</f>
        <v>41.968000000000004</v>
      </c>
      <c r="B4221" s="3">
        <f>'CPT Data'!C4229</f>
        <v>41.961000000000006</v>
      </c>
      <c r="C4221" t="str">
        <f>'CPT Data'!P4229</f>
        <v>CLAY</v>
      </c>
      <c r="D4221">
        <f>'CPT Data'!Q4229</f>
        <v>581.52967184674947</v>
      </c>
      <c r="E4221">
        <f t="shared" si="66"/>
        <v>595.37491716076386</v>
      </c>
      <c r="F4221">
        <f>IF(C4221="CLAY", INDEX(D$4:D4221, MATCH("CLAY", C$4:C4221, 0)), "")</f>
        <v>0.75203252561341039</v>
      </c>
    </row>
    <row r="4222" spans="1:6" x14ac:dyDescent="0.2">
      <c r="A4222" s="239">
        <f>'CPT Data'!B4230</f>
        <v>41.978000000000002</v>
      </c>
      <c r="B4222" s="3">
        <f>'CPT Data'!C4230</f>
        <v>41.971000000000004</v>
      </c>
      <c r="C4222" t="str">
        <f>'CPT Data'!P4230</f>
        <v>CLAY</v>
      </c>
      <c r="D4222">
        <f>'CPT Data'!Q4230</f>
        <v>559.38511578488158</v>
      </c>
      <c r="E4222">
        <f t="shared" si="66"/>
        <v>581.52967184674947</v>
      </c>
      <c r="F4222">
        <f>IF(C4222="CLAY", INDEX(D$4:D4222, MATCH("CLAY", C$4:C4222, 0)), "")</f>
        <v>0.75203252561341039</v>
      </c>
    </row>
    <row r="4223" spans="1:6" x14ac:dyDescent="0.2">
      <c r="A4223" s="239">
        <f>'CPT Data'!B4231</f>
        <v>41.987000000000002</v>
      </c>
      <c r="B4223" s="3">
        <f>'CPT Data'!C4231</f>
        <v>41.980000000000004</v>
      </c>
      <c r="C4223" t="str">
        <f>'CPT Data'!P4231</f>
        <v>CLAY</v>
      </c>
      <c r="D4223">
        <f>'CPT Data'!Q4231</f>
        <v>549.39707538032951</v>
      </c>
      <c r="E4223">
        <f t="shared" si="66"/>
        <v>559.38511578488158</v>
      </c>
      <c r="F4223">
        <f>IF(C4223="CLAY", INDEX(D$4:D4223, MATCH("CLAY", C$4:C4223, 0)), "")</f>
        <v>0.75203252561341039</v>
      </c>
    </row>
    <row r="4224" spans="1:6" x14ac:dyDescent="0.2">
      <c r="A4224" s="239">
        <f>'CPT Data'!B4232</f>
        <v>41.997</v>
      </c>
      <c r="B4224" s="3">
        <f>'CPT Data'!C4232</f>
        <v>41.99</v>
      </c>
      <c r="C4224" t="str">
        <f>'CPT Data'!P4232</f>
        <v>CLAY</v>
      </c>
      <c r="D4224">
        <f>'CPT Data'!Q4232</f>
        <v>553.43639148172372</v>
      </c>
      <c r="E4224">
        <f t="shared" si="66"/>
        <v>549.39707538032951</v>
      </c>
      <c r="F4224">
        <f>IF(C4224="CLAY", INDEX(D$4:D4224, MATCH("CLAY", C$4:C4224, 0)), "")</f>
        <v>0.75203252561341039</v>
      </c>
    </row>
    <row r="4225" spans="1:6" x14ac:dyDescent="0.2">
      <c r="A4225" s="239">
        <f>'CPT Data'!B4233</f>
        <v>42.008000000000003</v>
      </c>
      <c r="B4225" s="3">
        <f>'CPT Data'!C4233</f>
        <v>42.001000000000005</v>
      </c>
      <c r="C4225" t="str">
        <f>'CPT Data'!P4233</f>
        <v>CLAY</v>
      </c>
      <c r="D4225">
        <f>'CPT Data'!Q4233</f>
        <v>564.76406942240567</v>
      </c>
      <c r="E4225">
        <f t="shared" si="66"/>
        <v>553.43639148172372</v>
      </c>
      <c r="F4225">
        <f>IF(C4225="CLAY", INDEX(D$4:D4225, MATCH("CLAY", C$4:C4225, 0)), "")</f>
        <v>0.75203252561341039</v>
      </c>
    </row>
    <row r="4226" spans="1:6" x14ac:dyDescent="0.2">
      <c r="A4226" s="239">
        <f>'CPT Data'!B4234</f>
        <v>42.017000000000003</v>
      </c>
      <c r="B4226" s="3">
        <f>'CPT Data'!C4234</f>
        <v>42.010000000000005</v>
      </c>
      <c r="C4226" t="str">
        <f>'CPT Data'!P4234</f>
        <v>CLAY</v>
      </c>
      <c r="D4226">
        <f>'CPT Data'!Q4234</f>
        <v>580.89116472694911</v>
      </c>
      <c r="E4226">
        <f t="shared" si="66"/>
        <v>564.76406942240567</v>
      </c>
      <c r="F4226">
        <f>IF(C4226="CLAY", INDEX(D$4:D4226, MATCH("CLAY", C$4:C4226, 0)), "")</f>
        <v>0.75203252561341039</v>
      </c>
    </row>
    <row r="4227" spans="1:6" x14ac:dyDescent="0.2">
      <c r="A4227" s="239">
        <f>'CPT Data'!B4235</f>
        <v>42.027000000000001</v>
      </c>
      <c r="B4227" s="3">
        <f>'CPT Data'!C4235</f>
        <v>42.02</v>
      </c>
      <c r="C4227" t="str">
        <f>'CPT Data'!P4235</f>
        <v>CLAY</v>
      </c>
      <c r="D4227">
        <f>'CPT Data'!Q4235</f>
        <v>588.50776453282526</v>
      </c>
      <c r="E4227">
        <f t="shared" si="66"/>
        <v>580.89116472694911</v>
      </c>
      <c r="F4227">
        <f>IF(C4227="CLAY", INDEX(D$4:D4227, MATCH("CLAY", C$4:C4227, 0)), "")</f>
        <v>0.75203252561341039</v>
      </c>
    </row>
    <row r="4228" spans="1:6" x14ac:dyDescent="0.2">
      <c r="A4228" s="239">
        <f>'CPT Data'!B4236</f>
        <v>42.036000000000001</v>
      </c>
      <c r="B4228" s="3">
        <f>'CPT Data'!C4236</f>
        <v>42.029000000000003</v>
      </c>
      <c r="C4228" t="str">
        <f>'CPT Data'!P4236</f>
        <v>CLAY</v>
      </c>
      <c r="D4228">
        <f>'CPT Data'!Q4236</f>
        <v>592.54222762247934</v>
      </c>
      <c r="E4228">
        <f t="shared" si="66"/>
        <v>588.50776453282526</v>
      </c>
      <c r="F4228">
        <f>IF(C4228="CLAY", INDEX(D$4:D4228, MATCH("CLAY", C$4:C4228, 0)), "")</f>
        <v>0.75203252561341039</v>
      </c>
    </row>
    <row r="4229" spans="1:6" x14ac:dyDescent="0.2">
      <c r="A4229" s="239">
        <f>'CPT Data'!B4237</f>
        <v>42.045999999999999</v>
      </c>
      <c r="B4229" s="3">
        <f>'CPT Data'!C4237</f>
        <v>42.039000000000001</v>
      </c>
      <c r="C4229" t="str">
        <f>'CPT Data'!P4237</f>
        <v>CLAY</v>
      </c>
      <c r="D4229">
        <f>'CPT Data'!Q4237</f>
        <v>591.86728642329717</v>
      </c>
      <c r="E4229">
        <f t="shared" si="66"/>
        <v>592.54222762247934</v>
      </c>
      <c r="F4229">
        <f>IF(C4229="CLAY", INDEX(D$4:D4229, MATCH("CLAY", C$4:C4229, 0)), "")</f>
        <v>0.75203252561341039</v>
      </c>
    </row>
    <row r="4230" spans="1:6" x14ac:dyDescent="0.2">
      <c r="A4230" s="239">
        <f>'CPT Data'!B4238</f>
        <v>42.055999999999997</v>
      </c>
      <c r="B4230" s="3">
        <f>'CPT Data'!C4238</f>
        <v>42.048999999999999</v>
      </c>
      <c r="C4230" t="str">
        <f>'CPT Data'!P4238</f>
        <v>CLAY</v>
      </c>
      <c r="D4230">
        <f>'CPT Data'!Q4238</f>
        <v>586.10997308298545</v>
      </c>
      <c r="E4230">
        <f t="shared" si="66"/>
        <v>591.86728642329717</v>
      </c>
      <c r="F4230">
        <f>IF(C4230="CLAY", INDEX(D$4:D4230, MATCH("CLAY", C$4:C4230, 0)), "")</f>
        <v>0.75203252561341039</v>
      </c>
    </row>
    <row r="4231" spans="1:6" x14ac:dyDescent="0.2">
      <c r="A4231" s="239">
        <f>'CPT Data'!B4239</f>
        <v>42.066000000000003</v>
      </c>
      <c r="B4231" s="3">
        <f>'CPT Data'!C4239</f>
        <v>42.059000000000005</v>
      </c>
      <c r="C4231" t="str">
        <f>'CPT Data'!P4239</f>
        <v>CLAY</v>
      </c>
      <c r="D4231">
        <f>'CPT Data'!Q4239</f>
        <v>574.42465942974184</v>
      </c>
      <c r="E4231">
        <f t="shared" si="66"/>
        <v>586.10997308298545</v>
      </c>
      <c r="F4231">
        <f>IF(C4231="CLAY", INDEX(D$4:D4231, MATCH("CLAY", C$4:C4231, 0)), "")</f>
        <v>0.75203252561341039</v>
      </c>
    </row>
    <row r="4232" spans="1:6" x14ac:dyDescent="0.2">
      <c r="A4232" s="239">
        <f>'CPT Data'!B4240</f>
        <v>42.075000000000003</v>
      </c>
      <c r="B4232" s="3">
        <f>'CPT Data'!C4240</f>
        <v>42.068000000000005</v>
      </c>
      <c r="C4232" t="str">
        <f>'CPT Data'!P4240</f>
        <v>CLAY</v>
      </c>
      <c r="D4232">
        <f>'CPT Data'!Q4240</f>
        <v>538.28494278757717</v>
      </c>
      <c r="E4232">
        <f t="shared" si="66"/>
        <v>574.42465942974184</v>
      </c>
      <c r="F4232">
        <f>IF(C4232="CLAY", INDEX(D$4:D4232, MATCH("CLAY", C$4:C4232, 0)), "")</f>
        <v>0.75203252561341039</v>
      </c>
    </row>
    <row r="4233" spans="1:6" x14ac:dyDescent="0.2">
      <c r="A4233" s="239">
        <f>'CPT Data'!B4241</f>
        <v>42.085000000000001</v>
      </c>
      <c r="B4233" s="3">
        <f>'CPT Data'!C4241</f>
        <v>42.078000000000003</v>
      </c>
      <c r="C4233" t="str">
        <f>'CPT Data'!P4241</f>
        <v>CLAY</v>
      </c>
      <c r="D4233">
        <f>'CPT Data'!Q4241</f>
        <v>491.5018735313368</v>
      </c>
      <c r="E4233">
        <f t="shared" si="66"/>
        <v>538.28494278757717</v>
      </c>
      <c r="F4233">
        <f>IF(C4233="CLAY", INDEX(D$4:D4233, MATCH("CLAY", C$4:C4233, 0)), "")</f>
        <v>0.75203252561341039</v>
      </c>
    </row>
    <row r="4234" spans="1:6" x14ac:dyDescent="0.2">
      <c r="A4234" s="239">
        <f>'CPT Data'!B4242</f>
        <v>42.094999999999999</v>
      </c>
      <c r="B4234" s="3">
        <f>'CPT Data'!C4242</f>
        <v>42.088000000000001</v>
      </c>
      <c r="C4234" t="str">
        <f>'CPT Data'!P4242</f>
        <v>CLAY</v>
      </c>
      <c r="D4234">
        <f>'CPT Data'!Q4242</f>
        <v>446.4543191405516</v>
      </c>
      <c r="E4234">
        <f t="shared" si="66"/>
        <v>491.5018735313368</v>
      </c>
      <c r="F4234">
        <f>IF(C4234="CLAY", INDEX(D$4:D4234, MATCH("CLAY", C$4:C4234, 0)), "")</f>
        <v>0.75203252561341039</v>
      </c>
    </row>
    <row r="4235" spans="1:6" x14ac:dyDescent="0.2">
      <c r="A4235" s="239">
        <f>'CPT Data'!B4243</f>
        <v>42.104999999999997</v>
      </c>
      <c r="B4235" s="3">
        <f>'CPT Data'!C4243</f>
        <v>42.097999999999999</v>
      </c>
      <c r="C4235" t="str">
        <f>'CPT Data'!P4243</f>
        <v>CLAY</v>
      </c>
      <c r="D4235">
        <f>'CPT Data'!Q4243</f>
        <v>404.71218332036739</v>
      </c>
      <c r="E4235">
        <f t="shared" si="66"/>
        <v>446.4543191405516</v>
      </c>
      <c r="F4235">
        <f>IF(C4235="CLAY", INDEX(D$4:D4235, MATCH("CLAY", C$4:C4235, 0)), "")</f>
        <v>0.75203252561341039</v>
      </c>
    </row>
    <row r="4236" spans="1:6" x14ac:dyDescent="0.2">
      <c r="A4236" s="239">
        <f>'CPT Data'!B4244</f>
        <v>42.115000000000002</v>
      </c>
      <c r="B4236" s="3">
        <f>'CPT Data'!C4244</f>
        <v>42.108000000000004</v>
      </c>
      <c r="C4236" t="str">
        <f>'CPT Data'!P4244</f>
        <v>CLAY</v>
      </c>
      <c r="D4236">
        <f>'CPT Data'!Q4244</f>
        <v>386.30925831755673</v>
      </c>
      <c r="E4236">
        <f t="shared" si="66"/>
        <v>404.71218332036739</v>
      </c>
      <c r="F4236">
        <f>IF(C4236="CLAY", INDEX(D$4:D4236, MATCH("CLAY", C$4:C4236, 0)), "")</f>
        <v>0.75203252561341039</v>
      </c>
    </row>
    <row r="4237" spans="1:6" x14ac:dyDescent="0.2">
      <c r="A4237" s="239">
        <f>'CPT Data'!B4245</f>
        <v>42.124000000000002</v>
      </c>
      <c r="B4237" s="3">
        <f>'CPT Data'!C4245</f>
        <v>42.117000000000004</v>
      </c>
      <c r="C4237" t="str">
        <f>'CPT Data'!P4245</f>
        <v>CLAY</v>
      </c>
      <c r="D4237">
        <f>'CPT Data'!Q4245</f>
        <v>389.50517628040097</v>
      </c>
      <c r="E4237">
        <f t="shared" si="66"/>
        <v>386.30925831755673</v>
      </c>
      <c r="F4237">
        <f>IF(C4237="CLAY", INDEX(D$4:D4237, MATCH("CLAY", C$4:C4237, 0)), "")</f>
        <v>0.75203252561341039</v>
      </c>
    </row>
    <row r="4238" spans="1:6" x14ac:dyDescent="0.2">
      <c r="A4238" s="239">
        <f>'CPT Data'!B4246</f>
        <v>42.134</v>
      </c>
      <c r="B4238" s="3">
        <f>'CPT Data'!C4246</f>
        <v>42.127000000000002</v>
      </c>
      <c r="C4238" t="str">
        <f>'CPT Data'!P4246</f>
        <v>CLAY</v>
      </c>
      <c r="D4238">
        <f>'CPT Data'!Q4246</f>
        <v>373.70557561447799</v>
      </c>
      <c r="E4238">
        <f t="shared" si="66"/>
        <v>389.50517628040097</v>
      </c>
      <c r="F4238">
        <f>IF(C4238="CLAY", INDEX(D$4:D4238, MATCH("CLAY", C$4:C4238, 0)), "")</f>
        <v>0.75203252561341039</v>
      </c>
    </row>
    <row r="4239" spans="1:6" x14ac:dyDescent="0.2">
      <c r="A4239" s="239">
        <f>'CPT Data'!B4247</f>
        <v>42.143999999999998</v>
      </c>
      <c r="B4239" s="3">
        <f>'CPT Data'!C4247</f>
        <v>42.137</v>
      </c>
      <c r="C4239" t="str">
        <f>'CPT Data'!P4247</f>
        <v>CLAY</v>
      </c>
      <c r="D4239">
        <f>'CPT Data'!Q4247</f>
        <v>381.14424323390409</v>
      </c>
      <c r="E4239">
        <f t="shared" si="66"/>
        <v>373.70557561447799</v>
      </c>
      <c r="F4239">
        <f>IF(C4239="CLAY", INDEX(D$4:D4239, MATCH("CLAY", C$4:C4239, 0)), "")</f>
        <v>0.75203252561341039</v>
      </c>
    </row>
    <row r="4240" spans="1:6" x14ac:dyDescent="0.2">
      <c r="A4240" s="239">
        <f>'CPT Data'!B4248</f>
        <v>42.154000000000003</v>
      </c>
      <c r="B4240" s="3">
        <f>'CPT Data'!C4248</f>
        <v>42.147000000000006</v>
      </c>
      <c r="C4240" t="str">
        <f>'CPT Data'!P4248</f>
        <v>CLAY</v>
      </c>
      <c r="D4240">
        <f>'CPT Data'!Q4248</f>
        <v>424.34428743649642</v>
      </c>
      <c r="E4240">
        <f t="shared" si="66"/>
        <v>381.14424323390409</v>
      </c>
      <c r="F4240">
        <f>IF(C4240="CLAY", INDEX(D$4:D4240, MATCH("CLAY", C$4:C4240, 0)), "")</f>
        <v>0.75203252561341039</v>
      </c>
    </row>
    <row r="4241" spans="1:6" x14ac:dyDescent="0.2">
      <c r="A4241" s="239">
        <f>'CPT Data'!B4249</f>
        <v>42.162999999999997</v>
      </c>
      <c r="B4241" s="3">
        <f>'CPT Data'!C4249</f>
        <v>42.155999999999999</v>
      </c>
      <c r="C4241" t="str">
        <f>'CPT Data'!P4249</f>
        <v>CLAY</v>
      </c>
      <c r="D4241">
        <f>'CPT Data'!Q4249</f>
        <v>470.16110577878584</v>
      </c>
      <c r="E4241">
        <f t="shared" si="66"/>
        <v>424.34428743649642</v>
      </c>
      <c r="F4241">
        <f>IF(C4241="CLAY", INDEX(D$4:D4241, MATCH("CLAY", C$4:C4241, 0)), "")</f>
        <v>0.75203252561341039</v>
      </c>
    </row>
    <row r="4242" spans="1:6" x14ac:dyDescent="0.2">
      <c r="A4242" s="239">
        <f>'CPT Data'!B4250</f>
        <v>42.173000000000002</v>
      </c>
      <c r="B4242" s="3">
        <f>'CPT Data'!C4250</f>
        <v>42.166000000000004</v>
      </c>
      <c r="C4242" t="str">
        <f>'CPT Data'!P4250</f>
        <v>CLAY</v>
      </c>
      <c r="D4242">
        <f>'CPT Data'!Q4250</f>
        <v>495.27347600698431</v>
      </c>
      <c r="E4242">
        <f t="shared" si="66"/>
        <v>470.16110577878584</v>
      </c>
      <c r="F4242">
        <f>IF(C4242="CLAY", INDEX(D$4:D4242, MATCH("CLAY", C$4:C4242, 0)), "")</f>
        <v>0.75203252561341039</v>
      </c>
    </row>
    <row r="4243" spans="1:6" x14ac:dyDescent="0.2">
      <c r="A4243" s="239">
        <f>'CPT Data'!B4251</f>
        <v>42.183</v>
      </c>
      <c r="B4243" s="3">
        <f>'CPT Data'!C4251</f>
        <v>42.176000000000002</v>
      </c>
      <c r="C4243" t="str">
        <f>'CPT Data'!P4251</f>
        <v>CLAY</v>
      </c>
      <c r="D4243">
        <f>'CPT Data'!Q4251</f>
        <v>504.79354848694896</v>
      </c>
      <c r="E4243">
        <f t="shared" si="66"/>
        <v>495.27347600698431</v>
      </c>
      <c r="F4243">
        <f>IF(C4243="CLAY", INDEX(D$4:D4243, MATCH("CLAY", C$4:C4243, 0)), "")</f>
        <v>0.75203252561341039</v>
      </c>
    </row>
    <row r="4244" spans="1:6" x14ac:dyDescent="0.2">
      <c r="A4244" s="239">
        <f>'CPT Data'!B4252</f>
        <v>42.192</v>
      </c>
      <c r="B4244" s="3">
        <f>'CPT Data'!C4252</f>
        <v>42.185000000000002</v>
      </c>
      <c r="C4244" t="str">
        <f>'CPT Data'!P4252</f>
        <v>CLAY</v>
      </c>
      <c r="D4244">
        <f>'CPT Data'!Q4252</f>
        <v>509.52251080816018</v>
      </c>
      <c r="E4244">
        <f t="shared" si="66"/>
        <v>504.79354848694896</v>
      </c>
      <c r="F4244">
        <f>IF(C4244="CLAY", INDEX(D$4:D4244, MATCH("CLAY", C$4:C4244, 0)), "")</f>
        <v>0.75203252561341039</v>
      </c>
    </row>
    <row r="4245" spans="1:6" x14ac:dyDescent="0.2">
      <c r="A4245" s="239">
        <f>'CPT Data'!B4253</f>
        <v>42.201999999999998</v>
      </c>
      <c r="B4245" s="3">
        <f>'CPT Data'!C4253</f>
        <v>42.195</v>
      </c>
      <c r="C4245" t="str">
        <f>'CPT Data'!P4253</f>
        <v>CLAY</v>
      </c>
      <c r="D4245">
        <f>'CPT Data'!Q4253</f>
        <v>538.30048030340129</v>
      </c>
      <c r="E4245">
        <f t="shared" si="66"/>
        <v>509.52251080816018</v>
      </c>
      <c r="F4245">
        <f>IF(C4245="CLAY", INDEX(D$4:D4245, MATCH("CLAY", C$4:C4245, 0)), "")</f>
        <v>0.75203252561341039</v>
      </c>
    </row>
    <row r="4246" spans="1:6" x14ac:dyDescent="0.2">
      <c r="A4246" s="239">
        <f>'CPT Data'!B4254</f>
        <v>42.212000000000003</v>
      </c>
      <c r="B4246" s="3">
        <f>'CPT Data'!C4254</f>
        <v>42.205000000000005</v>
      </c>
      <c r="C4246" t="str">
        <f>'CPT Data'!P4254</f>
        <v>CLAY</v>
      </c>
      <c r="D4246">
        <f>'CPT Data'!Q4254</f>
        <v>566.91219869596841</v>
      </c>
      <c r="E4246">
        <f t="shared" si="66"/>
        <v>538.30048030340129</v>
      </c>
      <c r="F4246">
        <f>IF(C4246="CLAY", INDEX(D$4:D4246, MATCH("CLAY", C$4:C4246, 0)), "")</f>
        <v>0.75203252561341039</v>
      </c>
    </row>
    <row r="4247" spans="1:6" x14ac:dyDescent="0.2">
      <c r="A4247" s="239">
        <f>'CPT Data'!B4255</f>
        <v>42.222000000000001</v>
      </c>
      <c r="B4247" s="3">
        <f>'CPT Data'!C4255</f>
        <v>42.215000000000003</v>
      </c>
      <c r="C4247" t="str">
        <f>'CPT Data'!P4255</f>
        <v>CLAY</v>
      </c>
      <c r="D4247">
        <f>'CPT Data'!Q4255</f>
        <v>591.24484199205324</v>
      </c>
      <c r="E4247">
        <f t="shared" si="66"/>
        <v>566.91219869596841</v>
      </c>
      <c r="F4247">
        <f>IF(C4247="CLAY", INDEX(D$4:D4247, MATCH("CLAY", C$4:C4247, 0)), "")</f>
        <v>0.75203252561341039</v>
      </c>
    </row>
    <row r="4248" spans="1:6" x14ac:dyDescent="0.2">
      <c r="A4248" s="239">
        <f>'CPT Data'!B4256</f>
        <v>42.231000000000002</v>
      </c>
      <c r="B4248" s="3">
        <f>'CPT Data'!C4256</f>
        <v>42.224000000000004</v>
      </c>
      <c r="C4248" t="str">
        <f>'CPT Data'!P4256</f>
        <v>CLAY</v>
      </c>
      <c r="D4248">
        <f>'CPT Data'!Q4256</f>
        <v>615.17078480317264</v>
      </c>
      <c r="E4248">
        <f t="shared" si="66"/>
        <v>591.24484199205324</v>
      </c>
      <c r="F4248">
        <f>IF(C4248="CLAY", INDEX(D$4:D4248, MATCH("CLAY", C$4:C4248, 0)), "")</f>
        <v>0.75203252561341039</v>
      </c>
    </row>
    <row r="4249" spans="1:6" x14ac:dyDescent="0.2">
      <c r="A4249" s="239">
        <f>'CPT Data'!B4257</f>
        <v>42.241</v>
      </c>
      <c r="B4249" s="3">
        <f>'CPT Data'!C4257</f>
        <v>42.234000000000002</v>
      </c>
      <c r="C4249" t="str">
        <f>'CPT Data'!P4257</f>
        <v>CLAY</v>
      </c>
      <c r="D4249">
        <f>'CPT Data'!Q4257</f>
        <v>646.25692049124234</v>
      </c>
      <c r="E4249">
        <f t="shared" si="66"/>
        <v>615.17078480317264</v>
      </c>
      <c r="F4249">
        <f>IF(C4249="CLAY", INDEX(D$4:D4249, MATCH("CLAY", C$4:C4249, 0)), "")</f>
        <v>0.75203252561341039</v>
      </c>
    </row>
    <row r="4250" spans="1:6" x14ac:dyDescent="0.2">
      <c r="A4250" s="239">
        <f>'CPT Data'!B4258</f>
        <v>42.25</v>
      </c>
      <c r="B4250" s="3">
        <f>'CPT Data'!C4258</f>
        <v>42.243000000000002</v>
      </c>
      <c r="C4250" t="str">
        <f>'CPT Data'!P4258</f>
        <v>CLAY</v>
      </c>
      <c r="D4250">
        <f>'CPT Data'!Q4258</f>
        <v>664.49978994489334</v>
      </c>
      <c r="E4250">
        <f t="shared" si="66"/>
        <v>646.25692049124234</v>
      </c>
      <c r="F4250">
        <f>IF(C4250="CLAY", INDEX(D$4:D4250, MATCH("CLAY", C$4:C4250, 0)), "")</f>
        <v>0.75203252561341039</v>
      </c>
    </row>
    <row r="4251" spans="1:6" x14ac:dyDescent="0.2">
      <c r="A4251" s="239">
        <f>'CPT Data'!B4259</f>
        <v>42.259</v>
      </c>
      <c r="B4251" s="3">
        <f>'CPT Data'!C4259</f>
        <v>42.252000000000002</v>
      </c>
      <c r="C4251" t="str">
        <f>'CPT Data'!P4259</f>
        <v>CLAY</v>
      </c>
      <c r="D4251">
        <f>'CPT Data'!Q4259</f>
        <v>695.79979025143894</v>
      </c>
      <c r="E4251">
        <f t="shared" ref="E4251:E4314" si="67">IF(C4251="SAND",#N/A,IF(C4251=C4250,D4250,IF(C4251="CLAY",D4251,#N/A)))</f>
        <v>664.49978994489334</v>
      </c>
      <c r="F4251">
        <f>IF(C4251="CLAY", INDEX(D$4:D4251, MATCH("CLAY", C$4:C4251, 0)), "")</f>
        <v>0.75203252561341039</v>
      </c>
    </row>
    <row r="4252" spans="1:6" x14ac:dyDescent="0.2">
      <c r="A4252" s="239">
        <f>'CPT Data'!B4260</f>
        <v>42.27</v>
      </c>
      <c r="B4252" s="3">
        <f>'CPT Data'!C4260</f>
        <v>42.263000000000005</v>
      </c>
      <c r="C4252" t="str">
        <f>'CPT Data'!P4260</f>
        <v>SAND</v>
      </c>
      <c r="D4252" t="e">
        <f>'CPT Data'!Q4260</f>
        <v>#N/A</v>
      </c>
      <c r="E4252" t="e">
        <f t="shared" si="67"/>
        <v>#N/A</v>
      </c>
      <c r="F4252" t="str">
        <f>IF(C4252="CLAY", INDEX(D$4:D4252, MATCH("CLAY", C$4:C4252, 0)), "")</f>
        <v/>
      </c>
    </row>
    <row r="4253" spans="1:6" x14ac:dyDescent="0.2">
      <c r="A4253" s="239">
        <f>'CPT Data'!B4261</f>
        <v>42.279000000000003</v>
      </c>
      <c r="B4253" s="3">
        <f>'CPT Data'!C4261</f>
        <v>42.272000000000006</v>
      </c>
      <c r="C4253" t="str">
        <f>'CPT Data'!P4261</f>
        <v>SAND</v>
      </c>
      <c r="D4253" t="e">
        <f>'CPT Data'!Q4261</f>
        <v>#N/A</v>
      </c>
      <c r="E4253" t="e">
        <f t="shared" si="67"/>
        <v>#N/A</v>
      </c>
      <c r="F4253" t="str">
        <f>IF(C4253="CLAY", INDEX(D$4:D4253, MATCH("CLAY", C$4:C4253, 0)), "")</f>
        <v/>
      </c>
    </row>
    <row r="4254" spans="1:6" x14ac:dyDescent="0.2">
      <c r="A4254" s="239">
        <f>'CPT Data'!B4262</f>
        <v>42.289000000000001</v>
      </c>
      <c r="B4254" s="3">
        <f>'CPT Data'!C4262</f>
        <v>42.282000000000004</v>
      </c>
      <c r="C4254" t="str">
        <f>'CPT Data'!P4262</f>
        <v>SAND</v>
      </c>
      <c r="D4254" t="e">
        <f>'CPT Data'!Q4262</f>
        <v>#N/A</v>
      </c>
      <c r="E4254" t="e">
        <f t="shared" si="67"/>
        <v>#N/A</v>
      </c>
      <c r="F4254" t="str">
        <f>IF(C4254="CLAY", INDEX(D$4:D4254, MATCH("CLAY", C$4:C4254, 0)), "")</f>
        <v/>
      </c>
    </row>
    <row r="4255" spans="1:6" x14ac:dyDescent="0.2">
      <c r="A4255" s="239">
        <f>'CPT Data'!B4263</f>
        <v>42.298000000000002</v>
      </c>
      <c r="B4255" s="3">
        <f>'CPT Data'!C4263</f>
        <v>42.291000000000004</v>
      </c>
      <c r="C4255" t="str">
        <f>'CPT Data'!P4263</f>
        <v>SAND</v>
      </c>
      <c r="D4255" t="e">
        <f>'CPT Data'!Q4263</f>
        <v>#N/A</v>
      </c>
      <c r="E4255" t="e">
        <f t="shared" si="67"/>
        <v>#N/A</v>
      </c>
      <c r="F4255" t="str">
        <f>IF(C4255="CLAY", INDEX(D$4:D4255, MATCH("CLAY", C$4:C4255, 0)), "")</f>
        <v/>
      </c>
    </row>
    <row r="4256" spans="1:6" x14ac:dyDescent="0.2">
      <c r="A4256" s="239">
        <f>'CPT Data'!B4264</f>
        <v>42.308999999999997</v>
      </c>
      <c r="B4256" s="3">
        <f>'CPT Data'!C4264</f>
        <v>42.302</v>
      </c>
      <c r="C4256" t="str">
        <f>'CPT Data'!P4264</f>
        <v>SAND</v>
      </c>
      <c r="D4256" t="e">
        <f>'CPT Data'!Q4264</f>
        <v>#N/A</v>
      </c>
      <c r="E4256" t="e">
        <f t="shared" si="67"/>
        <v>#N/A</v>
      </c>
      <c r="F4256" t="str">
        <f>IF(C4256="CLAY", INDEX(D$4:D4256, MATCH("CLAY", C$4:C4256, 0)), "")</f>
        <v/>
      </c>
    </row>
    <row r="4257" spans="1:6" x14ac:dyDescent="0.2">
      <c r="A4257" s="239">
        <f>'CPT Data'!B4265</f>
        <v>42.319000000000003</v>
      </c>
      <c r="B4257" s="3">
        <f>'CPT Data'!C4265</f>
        <v>42.312000000000005</v>
      </c>
      <c r="C4257" t="str">
        <f>'CPT Data'!P4265</f>
        <v>SAND</v>
      </c>
      <c r="D4257" t="e">
        <f>'CPT Data'!Q4265</f>
        <v>#N/A</v>
      </c>
      <c r="E4257" t="e">
        <f t="shared" si="67"/>
        <v>#N/A</v>
      </c>
      <c r="F4257" t="str">
        <f>IF(C4257="CLAY", INDEX(D$4:D4257, MATCH("CLAY", C$4:C4257, 0)), "")</f>
        <v/>
      </c>
    </row>
    <row r="4258" spans="1:6" x14ac:dyDescent="0.2">
      <c r="A4258" s="239">
        <f>'CPT Data'!B4266</f>
        <v>42.328000000000003</v>
      </c>
      <c r="B4258" s="3">
        <f>'CPT Data'!C4266</f>
        <v>42.321000000000005</v>
      </c>
      <c r="C4258" t="str">
        <f>'CPT Data'!P4266</f>
        <v>CLAY</v>
      </c>
      <c r="D4258">
        <f>'CPT Data'!Q4266</f>
        <v>777.28795292557254</v>
      </c>
      <c r="E4258">
        <f t="shared" si="67"/>
        <v>777.28795292557254</v>
      </c>
      <c r="F4258">
        <f>IF(C4258="CLAY", INDEX(D$4:D4258, MATCH("CLAY", C$4:C4258, 0)), "")</f>
        <v>0.75203252561341039</v>
      </c>
    </row>
    <row r="4259" spans="1:6" x14ac:dyDescent="0.2">
      <c r="A4259" s="239">
        <f>'CPT Data'!B4267</f>
        <v>42.338999999999999</v>
      </c>
      <c r="B4259" s="3">
        <f>'CPT Data'!C4267</f>
        <v>42.332000000000001</v>
      </c>
      <c r="C4259" t="str">
        <f>'CPT Data'!P4267</f>
        <v>CLAY</v>
      </c>
      <c r="D4259">
        <f>'CPT Data'!Q4267</f>
        <v>715.78019384967013</v>
      </c>
      <c r="E4259">
        <f t="shared" si="67"/>
        <v>777.28795292557254</v>
      </c>
      <c r="F4259">
        <f>IF(C4259="CLAY", INDEX(D$4:D4259, MATCH("CLAY", C$4:C4259, 0)), "")</f>
        <v>0.75203252561341039</v>
      </c>
    </row>
    <row r="4260" spans="1:6" x14ac:dyDescent="0.2">
      <c r="A4260" s="239">
        <f>'CPT Data'!B4268</f>
        <v>42.347999999999999</v>
      </c>
      <c r="B4260" s="3">
        <f>'CPT Data'!C4268</f>
        <v>42.341000000000001</v>
      </c>
      <c r="C4260" t="str">
        <f>'CPT Data'!P4268</f>
        <v>CLAY</v>
      </c>
      <c r="D4260">
        <f>'CPT Data'!Q4268</f>
        <v>644.6690570798969</v>
      </c>
      <c r="E4260">
        <f t="shared" si="67"/>
        <v>715.78019384967013</v>
      </c>
      <c r="F4260">
        <f>IF(C4260="CLAY", INDEX(D$4:D4260, MATCH("CLAY", C$4:C4260, 0)), "")</f>
        <v>0.75203252561341039</v>
      </c>
    </row>
    <row r="4261" spans="1:6" x14ac:dyDescent="0.2">
      <c r="A4261" s="239">
        <f>'CPT Data'!B4269</f>
        <v>42.357999999999997</v>
      </c>
      <c r="B4261" s="3">
        <f>'CPT Data'!C4269</f>
        <v>42.350999999999999</v>
      </c>
      <c r="C4261" t="str">
        <f>'CPT Data'!P4269</f>
        <v>CLAY</v>
      </c>
      <c r="D4261">
        <f>'CPT Data'!Q4269</f>
        <v>585.86448028454936</v>
      </c>
      <c r="E4261">
        <f t="shared" si="67"/>
        <v>644.6690570798969</v>
      </c>
      <c r="F4261">
        <f>IF(C4261="CLAY", INDEX(D$4:D4261, MATCH("CLAY", C$4:C4261, 0)), "")</f>
        <v>0.75203252561341039</v>
      </c>
    </row>
    <row r="4262" spans="1:6" x14ac:dyDescent="0.2">
      <c r="A4262" s="239">
        <f>'CPT Data'!B4270</f>
        <v>42.366999999999997</v>
      </c>
      <c r="B4262" s="3">
        <f>'CPT Data'!C4270</f>
        <v>42.36</v>
      </c>
      <c r="C4262" t="str">
        <f>'CPT Data'!P4270</f>
        <v>CLAY</v>
      </c>
      <c r="D4262">
        <f>'CPT Data'!Q4270</f>
        <v>546.03024582801652</v>
      </c>
      <c r="E4262">
        <f t="shared" si="67"/>
        <v>585.86448028454936</v>
      </c>
      <c r="F4262">
        <f>IF(C4262="CLAY", INDEX(D$4:D4262, MATCH("CLAY", C$4:C4262, 0)), "")</f>
        <v>0.75203252561341039</v>
      </c>
    </row>
    <row r="4263" spans="1:6" x14ac:dyDescent="0.2">
      <c r="A4263" s="239">
        <f>'CPT Data'!B4271</f>
        <v>42.378</v>
      </c>
      <c r="B4263" s="3">
        <f>'CPT Data'!C4271</f>
        <v>42.371000000000002</v>
      </c>
      <c r="C4263" t="str">
        <f>'CPT Data'!P4271</f>
        <v>CLAY</v>
      </c>
      <c r="D4263">
        <f>'CPT Data'!Q4271</f>
        <v>514.20881761056648</v>
      </c>
      <c r="E4263">
        <f t="shared" si="67"/>
        <v>546.03024582801652</v>
      </c>
      <c r="F4263">
        <f>IF(C4263="CLAY", INDEX(D$4:D4263, MATCH("CLAY", C$4:C4263, 0)), "")</f>
        <v>0.75203252561341039</v>
      </c>
    </row>
    <row r="4264" spans="1:6" x14ac:dyDescent="0.2">
      <c r="A4264" s="239">
        <f>'CPT Data'!B4272</f>
        <v>42.387</v>
      </c>
      <c r="B4264" s="3">
        <f>'CPT Data'!C4272</f>
        <v>42.38</v>
      </c>
      <c r="C4264" t="str">
        <f>'CPT Data'!P4272</f>
        <v>CLAY</v>
      </c>
      <c r="D4264">
        <f>'CPT Data'!Q4272</f>
        <v>492.40382565432691</v>
      </c>
      <c r="E4264">
        <f t="shared" si="67"/>
        <v>514.20881761056648</v>
      </c>
      <c r="F4264">
        <f>IF(C4264="CLAY", INDEX(D$4:D4264, MATCH("CLAY", C$4:C4264, 0)), "")</f>
        <v>0.75203252561341039</v>
      </c>
    </row>
    <row r="4265" spans="1:6" x14ac:dyDescent="0.2">
      <c r="A4265" s="239">
        <f>'CPT Data'!B4273</f>
        <v>42.396000000000001</v>
      </c>
      <c r="B4265" s="3">
        <f>'CPT Data'!C4273</f>
        <v>42.389000000000003</v>
      </c>
      <c r="C4265" t="str">
        <f>'CPT Data'!P4273</f>
        <v>CLAY</v>
      </c>
      <c r="D4265">
        <f>'CPT Data'!Q4273</f>
        <v>474.22042669756047</v>
      </c>
      <c r="E4265">
        <f t="shared" si="67"/>
        <v>492.40382565432691</v>
      </c>
      <c r="F4265">
        <f>IF(C4265="CLAY", INDEX(D$4:D4265, MATCH("CLAY", C$4:C4265, 0)), "")</f>
        <v>0.75203252561341039</v>
      </c>
    </row>
    <row r="4266" spans="1:6" x14ac:dyDescent="0.2">
      <c r="A4266" s="239">
        <f>'CPT Data'!B4274</f>
        <v>42.406999999999996</v>
      </c>
      <c r="B4266" s="3">
        <f>'CPT Data'!C4274</f>
        <v>42.4</v>
      </c>
      <c r="C4266" t="str">
        <f>'CPT Data'!P4274</f>
        <v>CLAY</v>
      </c>
      <c r="D4266">
        <f>'CPT Data'!Q4274</f>
        <v>455.48849807672582</v>
      </c>
      <c r="E4266">
        <f t="shared" si="67"/>
        <v>474.22042669756047</v>
      </c>
      <c r="F4266">
        <f>IF(C4266="CLAY", INDEX(D$4:D4266, MATCH("CLAY", C$4:C4266, 0)), "")</f>
        <v>0.75203252561341039</v>
      </c>
    </row>
    <row r="4267" spans="1:6" x14ac:dyDescent="0.2">
      <c r="A4267" s="239">
        <f>'CPT Data'!B4275</f>
        <v>42.415999999999997</v>
      </c>
      <c r="B4267" s="3">
        <f>'CPT Data'!C4275</f>
        <v>42.408999999999999</v>
      </c>
      <c r="C4267" t="str">
        <f>'CPT Data'!P4275</f>
        <v>CLAY</v>
      </c>
      <c r="D4267">
        <f>'CPT Data'!Q4275</f>
        <v>447.76527690623226</v>
      </c>
      <c r="E4267">
        <f t="shared" si="67"/>
        <v>455.48849807672582</v>
      </c>
      <c r="F4267">
        <f>IF(C4267="CLAY", INDEX(D$4:D4267, MATCH("CLAY", C$4:C4267, 0)), "")</f>
        <v>0.75203252561341039</v>
      </c>
    </row>
    <row r="4268" spans="1:6" x14ac:dyDescent="0.2">
      <c r="A4268" s="239">
        <f>'CPT Data'!B4276</f>
        <v>42.426000000000002</v>
      </c>
      <c r="B4268" s="3">
        <f>'CPT Data'!C4276</f>
        <v>42.419000000000004</v>
      </c>
      <c r="C4268" t="str">
        <f>'CPT Data'!P4276</f>
        <v>CLAY</v>
      </c>
      <c r="D4268">
        <f>'CPT Data'!Q4276</f>
        <v>446.96814086569429</v>
      </c>
      <c r="E4268">
        <f t="shared" si="67"/>
        <v>447.76527690623226</v>
      </c>
      <c r="F4268">
        <f>IF(C4268="CLAY", INDEX(D$4:D4268, MATCH("CLAY", C$4:C4268, 0)), "")</f>
        <v>0.75203252561341039</v>
      </c>
    </row>
    <row r="4269" spans="1:6" x14ac:dyDescent="0.2">
      <c r="A4269" s="239">
        <f>'CPT Data'!B4277</f>
        <v>42.435000000000002</v>
      </c>
      <c r="B4269" s="3">
        <f>'CPT Data'!C4277</f>
        <v>42.428000000000004</v>
      </c>
      <c r="C4269" t="str">
        <f>'CPT Data'!P4277</f>
        <v>CLAY</v>
      </c>
      <c r="D4269">
        <f>'CPT Data'!Q4277</f>
        <v>429.14556744512896</v>
      </c>
      <c r="E4269">
        <f t="shared" si="67"/>
        <v>446.96814086569429</v>
      </c>
      <c r="F4269">
        <f>IF(C4269="CLAY", INDEX(D$4:D4269, MATCH("CLAY", C$4:C4269, 0)), "")</f>
        <v>0.75203252561341039</v>
      </c>
    </row>
    <row r="4270" spans="1:6" x14ac:dyDescent="0.2">
      <c r="A4270" s="239">
        <f>'CPT Data'!B4278</f>
        <v>42.445</v>
      </c>
      <c r="B4270" s="3">
        <f>'CPT Data'!C4278</f>
        <v>42.438000000000002</v>
      </c>
      <c r="C4270" t="str">
        <f>'CPT Data'!P4278</f>
        <v>CLAY</v>
      </c>
      <c r="D4270">
        <f>'CPT Data'!Q4278</f>
        <v>427.56915024036692</v>
      </c>
      <c r="E4270">
        <f t="shared" si="67"/>
        <v>429.14556744512896</v>
      </c>
      <c r="F4270">
        <f>IF(C4270="CLAY", INDEX(D$4:D4270, MATCH("CLAY", C$4:C4270, 0)), "")</f>
        <v>0.75203252561341039</v>
      </c>
    </row>
    <row r="4271" spans="1:6" x14ac:dyDescent="0.2">
      <c r="A4271" s="239">
        <f>'CPT Data'!B4279</f>
        <v>42.456000000000003</v>
      </c>
      <c r="B4271" s="3">
        <f>'CPT Data'!C4279</f>
        <v>42.449000000000005</v>
      </c>
      <c r="C4271" t="str">
        <f>'CPT Data'!P4279</f>
        <v>CLAY</v>
      </c>
      <c r="D4271">
        <f>'CPT Data'!Q4279</f>
        <v>427.21928058312011</v>
      </c>
      <c r="E4271">
        <f t="shared" si="67"/>
        <v>427.56915024036692</v>
      </c>
      <c r="F4271">
        <f>IF(C4271="CLAY", INDEX(D$4:D4271, MATCH("CLAY", C$4:C4271, 0)), "")</f>
        <v>0.75203252561341039</v>
      </c>
    </row>
    <row r="4272" spans="1:6" x14ac:dyDescent="0.2">
      <c r="A4272" s="239">
        <f>'CPT Data'!B4280</f>
        <v>42.465000000000003</v>
      </c>
      <c r="B4272" s="3">
        <f>'CPT Data'!C4280</f>
        <v>42.458000000000006</v>
      </c>
      <c r="C4272" t="str">
        <f>'CPT Data'!P4280</f>
        <v>CLAY</v>
      </c>
      <c r="D4272">
        <f>'CPT Data'!Q4280</f>
        <v>424.19471098180605</v>
      </c>
      <c r="E4272">
        <f t="shared" si="67"/>
        <v>427.21928058312011</v>
      </c>
      <c r="F4272">
        <f>IF(C4272="CLAY", INDEX(D$4:D4272, MATCH("CLAY", C$4:C4272, 0)), "")</f>
        <v>0.75203252561341039</v>
      </c>
    </row>
    <row r="4273" spans="1:6" x14ac:dyDescent="0.2">
      <c r="A4273" s="239">
        <f>'CPT Data'!B4281</f>
        <v>42.475000000000001</v>
      </c>
      <c r="B4273" s="3">
        <f>'CPT Data'!C4281</f>
        <v>42.468000000000004</v>
      </c>
      <c r="C4273" t="str">
        <f>'CPT Data'!P4281</f>
        <v>CLAY</v>
      </c>
      <c r="D4273">
        <f>'CPT Data'!Q4281</f>
        <v>436.66902642901078</v>
      </c>
      <c r="E4273">
        <f t="shared" si="67"/>
        <v>424.19471098180605</v>
      </c>
      <c r="F4273">
        <f>IF(C4273="CLAY", INDEX(D$4:D4273, MATCH("CLAY", C$4:C4273, 0)), "")</f>
        <v>0.75203252561341039</v>
      </c>
    </row>
    <row r="4274" spans="1:6" x14ac:dyDescent="0.2">
      <c r="A4274" s="239">
        <f>'CPT Data'!B4282</f>
        <v>42.484000000000002</v>
      </c>
      <c r="B4274" s="3">
        <f>'CPT Data'!C4282</f>
        <v>42.477000000000004</v>
      </c>
      <c r="C4274" t="str">
        <f>'CPT Data'!P4282</f>
        <v>CLAY</v>
      </c>
      <c r="D4274">
        <f>'CPT Data'!Q4282</f>
        <v>439.97419797305002</v>
      </c>
      <c r="E4274">
        <f t="shared" si="67"/>
        <v>436.66902642901078</v>
      </c>
      <c r="F4274">
        <f>IF(C4274="CLAY", INDEX(D$4:D4274, MATCH("CLAY", C$4:C4274, 0)), "")</f>
        <v>0.75203252561341039</v>
      </c>
    </row>
    <row r="4275" spans="1:6" x14ac:dyDescent="0.2">
      <c r="A4275" s="239">
        <f>'CPT Data'!B4283</f>
        <v>42.494999999999997</v>
      </c>
      <c r="B4275" s="3">
        <f>'CPT Data'!C4283</f>
        <v>42.488</v>
      </c>
      <c r="C4275" t="str">
        <f>'CPT Data'!P4283</f>
        <v>CLAY</v>
      </c>
      <c r="D4275">
        <f>'CPT Data'!Q4283</f>
        <v>447.89218142838808</v>
      </c>
      <c r="E4275">
        <f t="shared" si="67"/>
        <v>439.97419797305002</v>
      </c>
      <c r="F4275">
        <f>IF(C4275="CLAY", INDEX(D$4:D4275, MATCH("CLAY", C$4:C4275, 0)), "")</f>
        <v>0.75203252561341039</v>
      </c>
    </row>
    <row r="4276" spans="1:6" x14ac:dyDescent="0.2">
      <c r="A4276" s="239">
        <f>'CPT Data'!B4284</f>
        <v>42.503999999999998</v>
      </c>
      <c r="B4276" s="3">
        <f>'CPT Data'!C4284</f>
        <v>42.497</v>
      </c>
      <c r="C4276" t="str">
        <f>'CPT Data'!P4284</f>
        <v>CLAY</v>
      </c>
      <c r="D4276">
        <f>'CPT Data'!Q4284</f>
        <v>469.79850719289243</v>
      </c>
      <c r="E4276">
        <f t="shared" si="67"/>
        <v>447.89218142838808</v>
      </c>
      <c r="F4276">
        <f>IF(C4276="CLAY", INDEX(D$4:D4276, MATCH("CLAY", C$4:C4276, 0)), "")</f>
        <v>0.75203252561341039</v>
      </c>
    </row>
    <row r="4277" spans="1:6" x14ac:dyDescent="0.2">
      <c r="A4277" s="239">
        <f>'CPT Data'!B4285</f>
        <v>42.514000000000003</v>
      </c>
      <c r="B4277" s="3">
        <f>'CPT Data'!C4285</f>
        <v>42.507000000000005</v>
      </c>
      <c r="C4277" t="str">
        <f>'CPT Data'!P4285</f>
        <v>CLAY</v>
      </c>
      <c r="D4277">
        <f>'CPT Data'!Q4285</f>
        <v>493.82093805110986</v>
      </c>
      <c r="E4277">
        <f t="shared" si="67"/>
        <v>469.79850719289243</v>
      </c>
      <c r="F4277">
        <f>IF(C4277="CLAY", INDEX(D$4:D4277, MATCH("CLAY", C$4:C4277, 0)), "")</f>
        <v>0.75203252561341039</v>
      </c>
    </row>
    <row r="4278" spans="1:6" x14ac:dyDescent="0.2">
      <c r="A4278" s="239">
        <f>'CPT Data'!B4286</f>
        <v>42.524000000000001</v>
      </c>
      <c r="B4278" s="3">
        <f>'CPT Data'!C4286</f>
        <v>42.517000000000003</v>
      </c>
      <c r="C4278" t="str">
        <f>'CPT Data'!P4286</f>
        <v>CLAY</v>
      </c>
      <c r="D4278">
        <f>'CPT Data'!Q4286</f>
        <v>509.73168314804599</v>
      </c>
      <c r="E4278">
        <f t="shared" si="67"/>
        <v>493.82093805110986</v>
      </c>
      <c r="F4278">
        <f>IF(C4278="CLAY", INDEX(D$4:D4278, MATCH("CLAY", C$4:C4278, 0)), "")</f>
        <v>0.75203252561341039</v>
      </c>
    </row>
    <row r="4279" spans="1:6" x14ac:dyDescent="0.2">
      <c r="A4279" s="239">
        <f>'CPT Data'!B4287</f>
        <v>42.533999999999999</v>
      </c>
      <c r="B4279" s="3">
        <f>'CPT Data'!C4287</f>
        <v>42.527000000000001</v>
      </c>
      <c r="C4279" t="str">
        <f>'CPT Data'!P4287</f>
        <v>CLAY</v>
      </c>
      <c r="D4279">
        <f>'CPT Data'!Q4287</f>
        <v>535.47861991530328</v>
      </c>
      <c r="E4279">
        <f t="shared" si="67"/>
        <v>509.73168314804599</v>
      </c>
      <c r="F4279">
        <f>IF(C4279="CLAY", INDEX(D$4:D4279, MATCH("CLAY", C$4:C4279, 0)), "")</f>
        <v>0.75203252561341039</v>
      </c>
    </row>
    <row r="4280" spans="1:6" x14ac:dyDescent="0.2">
      <c r="A4280" s="239">
        <f>'CPT Data'!B4288</f>
        <v>42.542999999999999</v>
      </c>
      <c r="B4280" s="3">
        <f>'CPT Data'!C4288</f>
        <v>42.536000000000001</v>
      </c>
      <c r="C4280" t="str">
        <f>'CPT Data'!P4288</f>
        <v>CLAY</v>
      </c>
      <c r="D4280">
        <f>'CPT Data'!Q4288</f>
        <v>553.4364850729113</v>
      </c>
      <c r="E4280">
        <f t="shared" si="67"/>
        <v>535.47861991530328</v>
      </c>
      <c r="F4280">
        <f>IF(C4280="CLAY", INDEX(D$4:D4280, MATCH("CLAY", C$4:C4280, 0)), "")</f>
        <v>0.75203252561341039</v>
      </c>
    </row>
    <row r="4281" spans="1:6" x14ac:dyDescent="0.2">
      <c r="A4281" s="239">
        <f>'CPT Data'!B4289</f>
        <v>42.552</v>
      </c>
      <c r="B4281" s="3">
        <f>'CPT Data'!C4289</f>
        <v>42.545000000000002</v>
      </c>
      <c r="C4281" t="str">
        <f>'CPT Data'!P4289</f>
        <v>CLAY</v>
      </c>
      <c r="D4281">
        <f>'CPT Data'!Q4289</f>
        <v>556.36079188321867</v>
      </c>
      <c r="E4281">
        <f t="shared" si="67"/>
        <v>553.4364850729113</v>
      </c>
      <c r="F4281">
        <f>IF(C4281="CLAY", INDEX(D$4:D4281, MATCH("CLAY", C$4:C4281, 0)), "")</f>
        <v>0.75203252561341039</v>
      </c>
    </row>
    <row r="4282" spans="1:6" x14ac:dyDescent="0.2">
      <c r="A4282" s="239">
        <f>'CPT Data'!B4290</f>
        <v>42.563000000000002</v>
      </c>
      <c r="B4282" s="3">
        <f>'CPT Data'!C4290</f>
        <v>42.556000000000004</v>
      </c>
      <c r="C4282" t="str">
        <f>'CPT Data'!P4290</f>
        <v>CLAY</v>
      </c>
      <c r="D4282">
        <f>'CPT Data'!Q4290</f>
        <v>551.63142997878765</v>
      </c>
      <c r="E4282">
        <f t="shared" si="67"/>
        <v>556.36079188321867</v>
      </c>
      <c r="F4282">
        <f>IF(C4282="CLAY", INDEX(D$4:D4282, MATCH("CLAY", C$4:C4282, 0)), "")</f>
        <v>0.75203252561341039</v>
      </c>
    </row>
    <row r="4283" spans="1:6" x14ac:dyDescent="0.2">
      <c r="A4283" s="239">
        <f>'CPT Data'!B4291</f>
        <v>42.572000000000003</v>
      </c>
      <c r="B4283" s="3">
        <f>'CPT Data'!C4291</f>
        <v>42.565000000000005</v>
      </c>
      <c r="C4283" t="str">
        <f>'CPT Data'!P4291</f>
        <v>CLAY</v>
      </c>
      <c r="D4283">
        <f>'CPT Data'!Q4291</f>
        <v>558.093878470547</v>
      </c>
      <c r="E4283">
        <f t="shared" si="67"/>
        <v>551.63142997878765</v>
      </c>
      <c r="F4283">
        <f>IF(C4283="CLAY", INDEX(D$4:D4283, MATCH("CLAY", C$4:C4283, 0)), "")</f>
        <v>0.75203252561341039</v>
      </c>
    </row>
    <row r="4284" spans="1:6" x14ac:dyDescent="0.2">
      <c r="A4284" s="239">
        <f>'CPT Data'!B4292</f>
        <v>42.582000000000001</v>
      </c>
      <c r="B4284" s="3">
        <f>'CPT Data'!C4292</f>
        <v>42.575000000000003</v>
      </c>
      <c r="C4284" t="str">
        <f>'CPT Data'!P4292</f>
        <v>CLAY</v>
      </c>
      <c r="D4284">
        <f>'CPT Data'!Q4292</f>
        <v>563.15571303456602</v>
      </c>
      <c r="E4284">
        <f t="shared" si="67"/>
        <v>558.093878470547</v>
      </c>
      <c r="F4284">
        <f>IF(C4284="CLAY", INDEX(D$4:D4284, MATCH("CLAY", C$4:C4284, 0)), "")</f>
        <v>0.75203252561341039</v>
      </c>
    </row>
    <row r="4285" spans="1:6" x14ac:dyDescent="0.2">
      <c r="A4285" s="239">
        <f>'CPT Data'!B4293</f>
        <v>42.591000000000001</v>
      </c>
      <c r="B4285" s="3">
        <f>'CPT Data'!C4293</f>
        <v>42.584000000000003</v>
      </c>
      <c r="C4285" t="str">
        <f>'CPT Data'!P4293</f>
        <v>CLAY</v>
      </c>
      <c r="D4285">
        <f>'CPT Data'!Q4293</f>
        <v>559.09176036003191</v>
      </c>
      <c r="E4285">
        <f t="shared" si="67"/>
        <v>563.15571303456602</v>
      </c>
      <c r="F4285">
        <f>IF(C4285="CLAY", INDEX(D$4:D4285, MATCH("CLAY", C$4:C4285, 0)), "")</f>
        <v>0.75203252561341039</v>
      </c>
    </row>
    <row r="4286" spans="1:6" x14ac:dyDescent="0.2">
      <c r="A4286" s="239">
        <f>'CPT Data'!B4294</f>
        <v>42.601999999999997</v>
      </c>
      <c r="B4286" s="3">
        <f>'CPT Data'!C4294</f>
        <v>42.594999999999999</v>
      </c>
      <c r="C4286" t="str">
        <f>'CPT Data'!P4294</f>
        <v>CLAY</v>
      </c>
      <c r="D4286">
        <f>'CPT Data'!Q4294</f>
        <v>555.22360438481553</v>
      </c>
      <c r="E4286">
        <f t="shared" si="67"/>
        <v>559.09176036003191</v>
      </c>
      <c r="F4286">
        <f>IF(C4286="CLAY", INDEX(D$4:D4286, MATCH("CLAY", C$4:C4286, 0)), "")</f>
        <v>0.75203252561341039</v>
      </c>
    </row>
    <row r="4287" spans="1:6" x14ac:dyDescent="0.2">
      <c r="A4287" s="239">
        <f>'CPT Data'!B4295</f>
        <v>42.610999999999997</v>
      </c>
      <c r="B4287" s="3">
        <f>'CPT Data'!C4295</f>
        <v>42.603999999999999</v>
      </c>
      <c r="C4287" t="str">
        <f>'CPT Data'!P4295</f>
        <v>CLAY</v>
      </c>
      <c r="D4287">
        <f>'CPT Data'!Q4295</f>
        <v>543.31636795999248</v>
      </c>
      <c r="E4287">
        <f t="shared" si="67"/>
        <v>555.22360438481553</v>
      </c>
      <c r="F4287">
        <f>IF(C4287="CLAY", INDEX(D$4:D4287, MATCH("CLAY", C$4:C4287, 0)), "")</f>
        <v>0.75203252561341039</v>
      </c>
    </row>
    <row r="4288" spans="1:6" x14ac:dyDescent="0.2">
      <c r="A4288" s="239">
        <f>'CPT Data'!B4296</f>
        <v>42.62</v>
      </c>
      <c r="B4288" s="3">
        <f>'CPT Data'!C4296</f>
        <v>42.613</v>
      </c>
      <c r="C4288" t="str">
        <f>'CPT Data'!P4296</f>
        <v>CLAY</v>
      </c>
      <c r="D4288">
        <f>'CPT Data'!Q4296</f>
        <v>545.14046324212211</v>
      </c>
      <c r="E4288">
        <f t="shared" si="67"/>
        <v>543.31636795999248</v>
      </c>
      <c r="F4288">
        <f>IF(C4288="CLAY", INDEX(D$4:D4288, MATCH("CLAY", C$4:C4288, 0)), "")</f>
        <v>0.75203252561341039</v>
      </c>
    </row>
    <row r="4289" spans="1:6" x14ac:dyDescent="0.2">
      <c r="A4289" s="239">
        <f>'CPT Data'!B4297</f>
        <v>42.63</v>
      </c>
      <c r="B4289" s="3">
        <f>'CPT Data'!C4297</f>
        <v>42.623000000000005</v>
      </c>
      <c r="C4289" t="str">
        <f>'CPT Data'!P4297</f>
        <v>CLAY</v>
      </c>
      <c r="D4289">
        <f>'CPT Data'!Q4297</f>
        <v>560.97982518358197</v>
      </c>
      <c r="E4289">
        <f t="shared" si="67"/>
        <v>545.14046324212211</v>
      </c>
      <c r="F4289">
        <f>IF(C4289="CLAY", INDEX(D$4:D4289, MATCH("CLAY", C$4:C4289, 0)), "")</f>
        <v>0.75203252561341039</v>
      </c>
    </row>
    <row r="4290" spans="1:6" x14ac:dyDescent="0.2">
      <c r="A4290" s="239">
        <f>'CPT Data'!B4298</f>
        <v>42.640999999999998</v>
      </c>
      <c r="B4290" s="3">
        <f>'CPT Data'!C4298</f>
        <v>42.634</v>
      </c>
      <c r="C4290" t="str">
        <f>'CPT Data'!P4298</f>
        <v>CLAY</v>
      </c>
      <c r="D4290">
        <f>'CPT Data'!Q4298</f>
        <v>587.02068812706682</v>
      </c>
      <c r="E4290">
        <f t="shared" si="67"/>
        <v>560.97982518358197</v>
      </c>
      <c r="F4290">
        <f>IF(C4290="CLAY", INDEX(D$4:D4290, MATCH("CLAY", C$4:C4290, 0)), "")</f>
        <v>0.75203252561341039</v>
      </c>
    </row>
    <row r="4291" spans="1:6" x14ac:dyDescent="0.2">
      <c r="A4291" s="239">
        <f>'CPT Data'!B4299</f>
        <v>42.65</v>
      </c>
      <c r="B4291" s="3">
        <f>'CPT Data'!C4299</f>
        <v>42.643000000000001</v>
      </c>
      <c r="C4291" t="str">
        <f>'CPT Data'!P4299</f>
        <v>CLAY</v>
      </c>
      <c r="D4291">
        <f>'CPT Data'!Q4299</f>
        <v>613.02382374506158</v>
      </c>
      <c r="E4291">
        <f t="shared" si="67"/>
        <v>587.02068812706682</v>
      </c>
      <c r="F4291">
        <f>IF(C4291="CLAY", INDEX(D$4:D4291, MATCH("CLAY", C$4:C4291, 0)), "")</f>
        <v>0.75203252561341039</v>
      </c>
    </row>
    <row r="4292" spans="1:6" x14ac:dyDescent="0.2">
      <c r="A4292" s="239">
        <f>'CPT Data'!B4300</f>
        <v>42.658999999999999</v>
      </c>
      <c r="B4292" s="3">
        <f>'CPT Data'!C4300</f>
        <v>42.652000000000001</v>
      </c>
      <c r="C4292" t="str">
        <f>'CPT Data'!P4300</f>
        <v>CLAY</v>
      </c>
      <c r="D4292">
        <f>'CPT Data'!Q4300</f>
        <v>622.81816162959262</v>
      </c>
      <c r="E4292">
        <f t="shared" si="67"/>
        <v>613.02382374506158</v>
      </c>
      <c r="F4292">
        <f>IF(C4292="CLAY", INDEX(D$4:D4292, MATCH("CLAY", C$4:C4292, 0)), "")</f>
        <v>0.75203252561341039</v>
      </c>
    </row>
    <row r="4293" spans="1:6" x14ac:dyDescent="0.2">
      <c r="A4293" s="239">
        <f>'CPT Data'!B4301</f>
        <v>42.668999999999997</v>
      </c>
      <c r="B4293" s="3">
        <f>'CPT Data'!C4301</f>
        <v>42.661999999999999</v>
      </c>
      <c r="C4293" t="str">
        <f>'CPT Data'!P4301</f>
        <v>CLAY</v>
      </c>
      <c r="D4293">
        <f>'CPT Data'!Q4301</f>
        <v>639.62408957681714</v>
      </c>
      <c r="E4293">
        <f t="shared" si="67"/>
        <v>622.81816162959262</v>
      </c>
      <c r="F4293">
        <f>IF(C4293="CLAY", INDEX(D$4:D4293, MATCH("CLAY", C$4:C4293, 0)), "")</f>
        <v>0.75203252561341039</v>
      </c>
    </row>
    <row r="4294" spans="1:6" x14ac:dyDescent="0.2">
      <c r="A4294" s="239">
        <f>'CPT Data'!B4302</f>
        <v>42.679000000000002</v>
      </c>
      <c r="B4294" s="3">
        <f>'CPT Data'!C4302</f>
        <v>42.672000000000004</v>
      </c>
      <c r="C4294" t="str">
        <f>'CPT Data'!P4302</f>
        <v>CLAY</v>
      </c>
      <c r="D4294">
        <f>'CPT Data'!Q4302</f>
        <v>641.46261443879507</v>
      </c>
      <c r="E4294">
        <f t="shared" si="67"/>
        <v>639.62408957681714</v>
      </c>
      <c r="F4294">
        <f>IF(C4294="CLAY", INDEX(D$4:D4294, MATCH("CLAY", C$4:C4294, 0)), "")</f>
        <v>0.75203252561341039</v>
      </c>
    </row>
    <row r="4295" spans="1:6" x14ac:dyDescent="0.2">
      <c r="A4295" s="239">
        <f>'CPT Data'!B4303</f>
        <v>42.688000000000002</v>
      </c>
      <c r="B4295" s="3">
        <f>'CPT Data'!C4303</f>
        <v>42.681000000000004</v>
      </c>
      <c r="C4295" t="str">
        <f>'CPT Data'!P4303</f>
        <v>CLAY</v>
      </c>
      <c r="D4295">
        <f>'CPT Data'!Q4303</f>
        <v>644.46630283487696</v>
      </c>
      <c r="E4295">
        <f t="shared" si="67"/>
        <v>641.46261443879507</v>
      </c>
      <c r="F4295">
        <f>IF(C4295="CLAY", INDEX(D$4:D4295, MATCH("CLAY", C$4:C4295, 0)), "")</f>
        <v>0.75203252561341039</v>
      </c>
    </row>
    <row r="4296" spans="1:6" x14ac:dyDescent="0.2">
      <c r="A4296" s="239">
        <f>'CPT Data'!B4304</f>
        <v>42.698</v>
      </c>
      <c r="B4296" s="3">
        <f>'CPT Data'!C4304</f>
        <v>42.691000000000003</v>
      </c>
      <c r="C4296" t="str">
        <f>'CPT Data'!P4304</f>
        <v>CLAY</v>
      </c>
      <c r="D4296">
        <f>'CPT Data'!Q4304</f>
        <v>653.44444855521499</v>
      </c>
      <c r="E4296">
        <f t="shared" si="67"/>
        <v>644.46630283487696</v>
      </c>
      <c r="F4296">
        <f>IF(C4296="CLAY", INDEX(D$4:D4296, MATCH("CLAY", C$4:C4296, 0)), "")</f>
        <v>0.75203252561341039</v>
      </c>
    </row>
    <row r="4297" spans="1:6" x14ac:dyDescent="0.2">
      <c r="A4297" s="239">
        <f>'CPT Data'!B4305</f>
        <v>42.707999999999998</v>
      </c>
      <c r="B4297" s="3">
        <f>'CPT Data'!C4305</f>
        <v>42.701000000000001</v>
      </c>
      <c r="C4297" t="str">
        <f>'CPT Data'!P4305</f>
        <v>CLAY</v>
      </c>
      <c r="D4297">
        <f>'CPT Data'!Q4305</f>
        <v>667.4450839949053</v>
      </c>
      <c r="E4297">
        <f t="shared" si="67"/>
        <v>653.44444855521499</v>
      </c>
      <c r="F4297">
        <f>IF(C4297="CLAY", INDEX(D$4:D4297, MATCH("CLAY", C$4:C4297, 0)), "")</f>
        <v>0.75203252561341039</v>
      </c>
    </row>
    <row r="4298" spans="1:6" x14ac:dyDescent="0.2">
      <c r="A4298" s="239">
        <f>'CPT Data'!B4306</f>
        <v>42.718000000000004</v>
      </c>
      <c r="B4298" s="3">
        <f>'CPT Data'!C4306</f>
        <v>42.711000000000006</v>
      </c>
      <c r="C4298" t="str">
        <f>'CPT Data'!P4306</f>
        <v>CLAY</v>
      </c>
      <c r="D4298">
        <f>'CPT Data'!Q4306</f>
        <v>656.6780009107822</v>
      </c>
      <c r="E4298">
        <f t="shared" si="67"/>
        <v>667.4450839949053</v>
      </c>
      <c r="F4298">
        <f>IF(C4298="CLAY", INDEX(D$4:D4298, MATCH("CLAY", C$4:C4298, 0)), "")</f>
        <v>0.75203252561341039</v>
      </c>
    </row>
    <row r="4299" spans="1:6" x14ac:dyDescent="0.2">
      <c r="A4299" s="239">
        <f>'CPT Data'!B4307</f>
        <v>42.726999999999997</v>
      </c>
      <c r="B4299" s="3">
        <f>'CPT Data'!C4307</f>
        <v>42.72</v>
      </c>
      <c r="C4299" t="str">
        <f>'CPT Data'!P4307</f>
        <v>CLAY</v>
      </c>
      <c r="D4299">
        <f>'CPT Data'!Q4307</f>
        <v>646.76363368271291</v>
      </c>
      <c r="E4299">
        <f t="shared" si="67"/>
        <v>656.6780009107822</v>
      </c>
      <c r="F4299">
        <f>IF(C4299="CLAY", INDEX(D$4:D4299, MATCH("CLAY", C$4:C4299, 0)), "")</f>
        <v>0.75203252561341039</v>
      </c>
    </row>
    <row r="4300" spans="1:6" x14ac:dyDescent="0.2">
      <c r="A4300" s="239">
        <f>'CPT Data'!B4308</f>
        <v>42.735999999999997</v>
      </c>
      <c r="B4300" s="3">
        <f>'CPT Data'!C4308</f>
        <v>42.728999999999999</v>
      </c>
      <c r="C4300" t="str">
        <f>'CPT Data'!P4308</f>
        <v>CLAY</v>
      </c>
      <c r="D4300">
        <f>'CPT Data'!Q4308</f>
        <v>643.67812776189476</v>
      </c>
      <c r="E4300">
        <f t="shared" si="67"/>
        <v>646.76363368271291</v>
      </c>
      <c r="F4300">
        <f>IF(C4300="CLAY", INDEX(D$4:D4300, MATCH("CLAY", C$4:C4300, 0)), "")</f>
        <v>0.75203252561341039</v>
      </c>
    </row>
    <row r="4301" spans="1:6" x14ac:dyDescent="0.2">
      <c r="A4301" s="239">
        <f>'CPT Data'!B4309</f>
        <v>42.747</v>
      </c>
      <c r="B4301" s="3">
        <f>'CPT Data'!C4309</f>
        <v>42.74</v>
      </c>
      <c r="C4301" t="str">
        <f>'CPT Data'!P4309</f>
        <v>CLAY</v>
      </c>
      <c r="D4301">
        <f>'CPT Data'!Q4309</f>
        <v>639.5080155037366</v>
      </c>
      <c r="E4301">
        <f t="shared" si="67"/>
        <v>643.67812776189476</v>
      </c>
      <c r="F4301">
        <f>IF(C4301="CLAY", INDEX(D$4:D4301, MATCH("CLAY", C$4:C4301, 0)), "")</f>
        <v>0.75203252561341039</v>
      </c>
    </row>
    <row r="4302" spans="1:6" x14ac:dyDescent="0.2">
      <c r="A4302" s="239">
        <f>'CPT Data'!B4310</f>
        <v>42.756</v>
      </c>
      <c r="B4302" s="3">
        <f>'CPT Data'!C4310</f>
        <v>42.749000000000002</v>
      </c>
      <c r="C4302" t="str">
        <f>'CPT Data'!P4310</f>
        <v>CLAY</v>
      </c>
      <c r="D4302">
        <f>'CPT Data'!Q4310</f>
        <v>632.08083064645723</v>
      </c>
      <c r="E4302">
        <f t="shared" si="67"/>
        <v>639.5080155037366</v>
      </c>
      <c r="F4302">
        <f>IF(C4302="CLAY", INDEX(D$4:D4302, MATCH("CLAY", C$4:C4302, 0)), "")</f>
        <v>0.75203252561341039</v>
      </c>
    </row>
    <row r="4303" spans="1:6" x14ac:dyDescent="0.2">
      <c r="A4303" s="239">
        <f>'CPT Data'!B4311</f>
        <v>42.765999999999998</v>
      </c>
      <c r="B4303" s="3">
        <f>'CPT Data'!C4311</f>
        <v>42.759</v>
      </c>
      <c r="C4303" t="str">
        <f>'CPT Data'!P4311</f>
        <v>CLAY</v>
      </c>
      <c r="D4303">
        <f>'CPT Data'!Q4311</f>
        <v>644.81802098738797</v>
      </c>
      <c r="E4303">
        <f t="shared" si="67"/>
        <v>632.08083064645723</v>
      </c>
      <c r="F4303">
        <f>IF(C4303="CLAY", INDEX(D$4:D4303, MATCH("CLAY", C$4:C4303, 0)), "")</f>
        <v>0.75203252561341039</v>
      </c>
    </row>
    <row r="4304" spans="1:6" x14ac:dyDescent="0.2">
      <c r="A4304" s="239">
        <f>'CPT Data'!B4312</f>
        <v>42.776000000000003</v>
      </c>
      <c r="B4304" s="3">
        <f>'CPT Data'!C4312</f>
        <v>42.769000000000005</v>
      </c>
      <c r="C4304" t="str">
        <f>'CPT Data'!P4312</f>
        <v>CLAY</v>
      </c>
      <c r="D4304">
        <f>'CPT Data'!Q4312</f>
        <v>654.30513666896866</v>
      </c>
      <c r="E4304">
        <f t="shared" si="67"/>
        <v>644.81802098738797</v>
      </c>
      <c r="F4304">
        <f>IF(C4304="CLAY", INDEX(D$4:D4304, MATCH("CLAY", C$4:C4304, 0)), "")</f>
        <v>0.75203252561341039</v>
      </c>
    </row>
    <row r="4305" spans="1:6" x14ac:dyDescent="0.2">
      <c r="A4305" s="239">
        <f>'CPT Data'!B4313</f>
        <v>42.786000000000001</v>
      </c>
      <c r="B4305" s="3">
        <f>'CPT Data'!C4313</f>
        <v>42.779000000000003</v>
      </c>
      <c r="C4305" t="str">
        <f>'CPT Data'!P4313</f>
        <v>CLAY</v>
      </c>
      <c r="D4305">
        <f>'CPT Data'!Q4313</f>
        <v>668.30455480877629</v>
      </c>
      <c r="E4305">
        <f t="shared" si="67"/>
        <v>654.30513666896866</v>
      </c>
      <c r="F4305">
        <f>IF(C4305="CLAY", INDEX(D$4:D4305, MATCH("CLAY", C$4:C4305, 0)), "")</f>
        <v>0.75203252561341039</v>
      </c>
    </row>
    <row r="4306" spans="1:6" x14ac:dyDescent="0.2">
      <c r="A4306" s="239">
        <f>'CPT Data'!B4314</f>
        <v>42.795000000000002</v>
      </c>
      <c r="B4306" s="3">
        <f>'CPT Data'!C4314</f>
        <v>42.788000000000004</v>
      </c>
      <c r="C4306" t="str">
        <f>'CPT Data'!P4314</f>
        <v>CLAY</v>
      </c>
      <c r="D4306">
        <f>'CPT Data'!Q4314</f>
        <v>676.91422843857924</v>
      </c>
      <c r="E4306">
        <f t="shared" si="67"/>
        <v>668.30455480877629</v>
      </c>
      <c r="F4306">
        <f>IF(C4306="CLAY", INDEX(D$4:D4306, MATCH("CLAY", C$4:C4306, 0)), "")</f>
        <v>0.75203252561341039</v>
      </c>
    </row>
    <row r="4307" spans="1:6" x14ac:dyDescent="0.2">
      <c r="A4307" s="239">
        <f>'CPT Data'!B4315</f>
        <v>42.805</v>
      </c>
      <c r="B4307" s="3">
        <f>'CPT Data'!C4315</f>
        <v>42.798000000000002</v>
      </c>
      <c r="C4307" t="str">
        <f>'CPT Data'!P4315</f>
        <v>CLAY</v>
      </c>
      <c r="D4307">
        <f>'CPT Data'!Q4315</f>
        <v>660.35169255572885</v>
      </c>
      <c r="E4307">
        <f t="shared" si="67"/>
        <v>676.91422843857924</v>
      </c>
      <c r="F4307">
        <f>IF(C4307="CLAY", INDEX(D$4:D4307, MATCH("CLAY", C$4:C4307, 0)), "")</f>
        <v>0.75203252561341039</v>
      </c>
    </row>
    <row r="4308" spans="1:6" x14ac:dyDescent="0.2">
      <c r="A4308" s="239">
        <f>'CPT Data'!B4316</f>
        <v>42.814999999999998</v>
      </c>
      <c r="B4308" s="3">
        <f>'CPT Data'!C4316</f>
        <v>42.808</v>
      </c>
      <c r="C4308" t="str">
        <f>'CPT Data'!P4316</f>
        <v>CLAY</v>
      </c>
      <c r="D4308">
        <f>'CPT Data'!Q4316</f>
        <v>645.2749842672257</v>
      </c>
      <c r="E4308">
        <f t="shared" si="67"/>
        <v>660.35169255572885</v>
      </c>
      <c r="F4308">
        <f>IF(C4308="CLAY", INDEX(D$4:D4308, MATCH("CLAY", C$4:C4308, 0)), "")</f>
        <v>0.75203252561341039</v>
      </c>
    </row>
    <row r="4309" spans="1:6" x14ac:dyDescent="0.2">
      <c r="A4309" s="239">
        <f>'CPT Data'!B4317</f>
        <v>42.825000000000003</v>
      </c>
      <c r="B4309" s="3">
        <f>'CPT Data'!C4317</f>
        <v>42.818000000000005</v>
      </c>
      <c r="C4309" t="str">
        <f>'CPT Data'!P4317</f>
        <v>CLAY</v>
      </c>
      <c r="D4309">
        <f>'CPT Data'!Q4317</f>
        <v>632.93328900200299</v>
      </c>
      <c r="E4309">
        <f t="shared" si="67"/>
        <v>645.2749842672257</v>
      </c>
      <c r="F4309">
        <f>IF(C4309="CLAY", INDEX(D$4:D4309, MATCH("CLAY", C$4:C4309, 0)), "")</f>
        <v>0.75203252561341039</v>
      </c>
    </row>
    <row r="4310" spans="1:6" x14ac:dyDescent="0.2">
      <c r="A4310" s="239">
        <f>'CPT Data'!B4318</f>
        <v>42.835000000000001</v>
      </c>
      <c r="B4310" s="3">
        <f>'CPT Data'!C4318</f>
        <v>42.828000000000003</v>
      </c>
      <c r="C4310" t="str">
        <f>'CPT Data'!P4318</f>
        <v>CLAY</v>
      </c>
      <c r="D4310">
        <f>'CPT Data'!Q4318</f>
        <v>612.2148244448</v>
      </c>
      <c r="E4310">
        <f t="shared" si="67"/>
        <v>632.93328900200299</v>
      </c>
      <c r="F4310">
        <f>IF(C4310="CLAY", INDEX(D$4:D4310, MATCH("CLAY", C$4:C4310, 0)), "")</f>
        <v>0.75203252561341039</v>
      </c>
    </row>
    <row r="4311" spans="1:6" x14ac:dyDescent="0.2">
      <c r="A4311" s="239">
        <f>'CPT Data'!B4319</f>
        <v>42.844000000000001</v>
      </c>
      <c r="B4311" s="3">
        <f>'CPT Data'!C4319</f>
        <v>42.837000000000003</v>
      </c>
      <c r="C4311" t="str">
        <f>'CPT Data'!P4319</f>
        <v>CLAY</v>
      </c>
      <c r="D4311">
        <f>'CPT Data'!Q4319</f>
        <v>586.60938333603235</v>
      </c>
      <c r="E4311">
        <f t="shared" si="67"/>
        <v>612.2148244448</v>
      </c>
      <c r="F4311">
        <f>IF(C4311="CLAY", INDEX(D$4:D4311, MATCH("CLAY", C$4:C4311, 0)), "")</f>
        <v>0.75203252561341039</v>
      </c>
    </row>
    <row r="4312" spans="1:6" x14ac:dyDescent="0.2">
      <c r="A4312" s="239">
        <f>'CPT Data'!B4320</f>
        <v>42.853999999999999</v>
      </c>
      <c r="B4312" s="3">
        <f>'CPT Data'!C4320</f>
        <v>42.847000000000001</v>
      </c>
      <c r="C4312" t="str">
        <f>'CPT Data'!P4320</f>
        <v>CLAY</v>
      </c>
      <c r="D4312">
        <f>'CPT Data'!Q4320</f>
        <v>553.46452735945797</v>
      </c>
      <c r="E4312">
        <f t="shared" si="67"/>
        <v>586.60938333603235</v>
      </c>
      <c r="F4312">
        <f>IF(C4312="CLAY", INDEX(D$4:D4312, MATCH("CLAY", C$4:C4312, 0)), "")</f>
        <v>0.75203252561341039</v>
      </c>
    </row>
    <row r="4313" spans="1:6" x14ac:dyDescent="0.2">
      <c r="A4313" s="239">
        <f>'CPT Data'!B4321</f>
        <v>42.863999999999997</v>
      </c>
      <c r="B4313" s="3">
        <f>'CPT Data'!C4321</f>
        <v>42.856999999999999</v>
      </c>
      <c r="C4313" t="str">
        <f>'CPT Data'!P4321</f>
        <v>CLAY</v>
      </c>
      <c r="D4313">
        <f>'CPT Data'!Q4321</f>
        <v>537.72157241054231</v>
      </c>
      <c r="E4313">
        <f t="shared" si="67"/>
        <v>553.46452735945797</v>
      </c>
      <c r="F4313">
        <f>IF(C4313="CLAY", INDEX(D$4:D4313, MATCH("CLAY", C$4:C4313, 0)), "")</f>
        <v>0.75203252561341039</v>
      </c>
    </row>
    <row r="4314" spans="1:6" x14ac:dyDescent="0.2">
      <c r="A4314" s="239">
        <f>'CPT Data'!B4322</f>
        <v>42.874000000000002</v>
      </c>
      <c r="B4314" s="3">
        <f>'CPT Data'!C4322</f>
        <v>42.867000000000004</v>
      </c>
      <c r="C4314" t="str">
        <f>'CPT Data'!P4322</f>
        <v>CLAY</v>
      </c>
      <c r="D4314">
        <f>'CPT Data'!Q4322</f>
        <v>514.27305063495567</v>
      </c>
      <c r="E4314">
        <f t="shared" si="67"/>
        <v>537.72157241054231</v>
      </c>
      <c r="F4314">
        <f>IF(C4314="CLAY", INDEX(D$4:D4314, MATCH("CLAY", C$4:C4314, 0)), "")</f>
        <v>0.75203252561341039</v>
      </c>
    </row>
    <row r="4315" spans="1:6" x14ac:dyDescent="0.2">
      <c r="A4315" s="239">
        <f>'CPT Data'!B4323</f>
        <v>42.883000000000003</v>
      </c>
      <c r="B4315" s="3">
        <f>'CPT Data'!C4323</f>
        <v>42.876000000000005</v>
      </c>
      <c r="C4315" t="str">
        <f>'CPT Data'!P4323</f>
        <v>CLAY</v>
      </c>
      <c r="D4315">
        <f>'CPT Data'!Q4323</f>
        <v>491.82972935578806</v>
      </c>
      <c r="E4315">
        <f t="shared" ref="E4315:E4378" si="68">IF(C4315="SAND",#N/A,IF(C4315=C4314,D4314,IF(C4315="CLAY",D4315,#N/A)))</f>
        <v>514.27305063495567</v>
      </c>
      <c r="F4315">
        <f>IF(C4315="CLAY", INDEX(D$4:D4315, MATCH("CLAY", C$4:C4315, 0)), "")</f>
        <v>0.75203252561341039</v>
      </c>
    </row>
    <row r="4316" spans="1:6" x14ac:dyDescent="0.2">
      <c r="A4316" s="239">
        <f>'CPT Data'!B4324</f>
        <v>42.892000000000003</v>
      </c>
      <c r="B4316" s="3">
        <f>'CPT Data'!C4324</f>
        <v>42.885000000000005</v>
      </c>
      <c r="C4316" t="str">
        <f>'CPT Data'!P4324</f>
        <v>CLAY</v>
      </c>
      <c r="D4316">
        <f>'CPT Data'!Q4324</f>
        <v>489.64031649154435</v>
      </c>
      <c r="E4316">
        <f t="shared" si="68"/>
        <v>491.82972935578806</v>
      </c>
      <c r="F4316">
        <f>IF(C4316="CLAY", INDEX(D$4:D4316, MATCH("CLAY", C$4:C4316, 0)), "")</f>
        <v>0.75203252561341039</v>
      </c>
    </row>
    <row r="4317" spans="1:6" x14ac:dyDescent="0.2">
      <c r="A4317" s="239">
        <f>'CPT Data'!B4325</f>
        <v>42.902999999999999</v>
      </c>
      <c r="B4317" s="3">
        <f>'CPT Data'!C4325</f>
        <v>42.896000000000001</v>
      </c>
      <c r="C4317" t="str">
        <f>'CPT Data'!P4325</f>
        <v>CLAY</v>
      </c>
      <c r="D4317">
        <f>'CPT Data'!Q4325</f>
        <v>519.53565311311945</v>
      </c>
      <c r="E4317">
        <f t="shared" si="68"/>
        <v>489.64031649154435</v>
      </c>
      <c r="F4317">
        <f>IF(C4317="CLAY", INDEX(D$4:D4317, MATCH("CLAY", C$4:C4317, 0)), "")</f>
        <v>0.75203252561341039</v>
      </c>
    </row>
    <row r="4318" spans="1:6" x14ac:dyDescent="0.2">
      <c r="A4318" s="239">
        <f>'CPT Data'!B4326</f>
        <v>42.911999999999999</v>
      </c>
      <c r="B4318" s="3">
        <f>'CPT Data'!C4326</f>
        <v>42.905000000000001</v>
      </c>
      <c r="C4318" t="str">
        <f>'CPT Data'!P4326</f>
        <v>CLAY</v>
      </c>
      <c r="D4318">
        <f>'CPT Data'!Q4326</f>
        <v>559.87475064849673</v>
      </c>
      <c r="E4318">
        <f t="shared" si="68"/>
        <v>519.53565311311945</v>
      </c>
      <c r="F4318">
        <f>IF(C4318="CLAY", INDEX(D$4:D4318, MATCH("CLAY", C$4:C4318, 0)), "")</f>
        <v>0.75203252561341039</v>
      </c>
    </row>
    <row r="4319" spans="1:6" x14ac:dyDescent="0.2">
      <c r="A4319" s="239">
        <f>'CPT Data'!B4327</f>
        <v>42.920999999999999</v>
      </c>
      <c r="B4319" s="3">
        <f>'CPT Data'!C4327</f>
        <v>42.914000000000001</v>
      </c>
      <c r="C4319" t="str">
        <f>'CPT Data'!P4327</f>
        <v>CLAY</v>
      </c>
      <c r="D4319">
        <f>'CPT Data'!Q4327</f>
        <v>602.81538205602681</v>
      </c>
      <c r="E4319">
        <f t="shared" si="68"/>
        <v>559.87475064849673</v>
      </c>
      <c r="F4319">
        <f>IF(C4319="CLAY", INDEX(D$4:D4319, MATCH("CLAY", C$4:C4319, 0)), "")</f>
        <v>0.75203252561341039</v>
      </c>
    </row>
    <row r="4320" spans="1:6" x14ac:dyDescent="0.2">
      <c r="A4320" s="239">
        <f>'CPT Data'!B4328</f>
        <v>42.932000000000002</v>
      </c>
      <c r="B4320" s="3">
        <f>'CPT Data'!C4328</f>
        <v>42.925000000000004</v>
      </c>
      <c r="C4320" t="str">
        <f>'CPT Data'!P4328</f>
        <v>CLAY</v>
      </c>
      <c r="D4320">
        <f>'CPT Data'!Q4328</f>
        <v>646.21570933235796</v>
      </c>
      <c r="E4320">
        <f t="shared" si="68"/>
        <v>602.81538205602681</v>
      </c>
      <c r="F4320">
        <f>IF(C4320="CLAY", INDEX(D$4:D4320, MATCH("CLAY", C$4:C4320, 0)), "")</f>
        <v>0.75203252561341039</v>
      </c>
    </row>
    <row r="4321" spans="1:6" x14ac:dyDescent="0.2">
      <c r="A4321" s="239">
        <f>'CPT Data'!B4329</f>
        <v>42.941000000000003</v>
      </c>
      <c r="B4321" s="3">
        <f>'CPT Data'!C4329</f>
        <v>42.934000000000005</v>
      </c>
      <c r="C4321" t="str">
        <f>'CPT Data'!P4329</f>
        <v>CLAY</v>
      </c>
      <c r="D4321">
        <f>'CPT Data'!Q4329</f>
        <v>691.93491084007439</v>
      </c>
      <c r="E4321">
        <f t="shared" si="68"/>
        <v>646.21570933235796</v>
      </c>
      <c r="F4321">
        <f>IF(C4321="CLAY", INDEX(D$4:D4321, MATCH("CLAY", C$4:C4321, 0)), "")</f>
        <v>0.75203252561341039</v>
      </c>
    </row>
    <row r="4322" spans="1:6" x14ac:dyDescent="0.2">
      <c r="A4322" s="239">
        <f>'CPT Data'!B4330</f>
        <v>42.95</v>
      </c>
      <c r="B4322" s="3">
        <f>'CPT Data'!C4330</f>
        <v>42.943000000000005</v>
      </c>
      <c r="C4322" t="str">
        <f>'CPT Data'!P4330</f>
        <v>CLAY</v>
      </c>
      <c r="D4322">
        <f>'CPT Data'!Q4330</f>
        <v>739.20826517680996</v>
      </c>
      <c r="E4322">
        <f t="shared" si="68"/>
        <v>691.93491084007439</v>
      </c>
      <c r="F4322">
        <f>IF(C4322="CLAY", INDEX(D$4:D4322, MATCH("CLAY", C$4:C4322, 0)), "")</f>
        <v>0.75203252561341039</v>
      </c>
    </row>
    <row r="4323" spans="1:6" x14ac:dyDescent="0.2">
      <c r="A4323" s="239">
        <f>'CPT Data'!B4331</f>
        <v>42.96</v>
      </c>
      <c r="B4323" s="3">
        <f>'CPT Data'!C4331</f>
        <v>42.953000000000003</v>
      </c>
      <c r="C4323" t="str">
        <f>'CPT Data'!P4331</f>
        <v>CLAY</v>
      </c>
      <c r="D4323">
        <f>'CPT Data'!Q4331</f>
        <v>747.6358569837297</v>
      </c>
      <c r="E4323">
        <f t="shared" si="68"/>
        <v>739.20826517680996</v>
      </c>
      <c r="F4323">
        <f>IF(C4323="CLAY", INDEX(D$4:D4323, MATCH("CLAY", C$4:C4323, 0)), "")</f>
        <v>0.75203252561341039</v>
      </c>
    </row>
    <row r="4324" spans="1:6" x14ac:dyDescent="0.2">
      <c r="A4324" s="239">
        <f>'CPT Data'!B4332</f>
        <v>42.97</v>
      </c>
      <c r="B4324" s="3">
        <f>'CPT Data'!C4332</f>
        <v>42.963000000000001</v>
      </c>
      <c r="C4324" t="str">
        <f>'CPT Data'!P4332</f>
        <v>CLAY</v>
      </c>
      <c r="D4324">
        <f>'CPT Data'!Q4332</f>
        <v>772.04974785083971</v>
      </c>
      <c r="E4324">
        <f t="shared" si="68"/>
        <v>747.6358569837297</v>
      </c>
      <c r="F4324">
        <f>IF(C4324="CLAY", INDEX(D$4:D4324, MATCH("CLAY", C$4:C4324, 0)), "")</f>
        <v>0.75203252561341039</v>
      </c>
    </row>
    <row r="4325" spans="1:6" x14ac:dyDescent="0.2">
      <c r="A4325" s="239">
        <f>'CPT Data'!B4333</f>
        <v>42.978999999999999</v>
      </c>
      <c r="B4325" s="3">
        <f>'CPT Data'!C4333</f>
        <v>42.972000000000001</v>
      </c>
      <c r="C4325" t="str">
        <f>'CPT Data'!P4333</f>
        <v>CLAY</v>
      </c>
      <c r="D4325">
        <f>'CPT Data'!Q4333</f>
        <v>773.50293050634139</v>
      </c>
      <c r="E4325">
        <f t="shared" si="68"/>
        <v>772.04974785083971</v>
      </c>
      <c r="F4325">
        <f>IF(C4325="CLAY", INDEX(D$4:D4325, MATCH("CLAY", C$4:C4325, 0)), "")</f>
        <v>0.75203252561341039</v>
      </c>
    </row>
    <row r="4326" spans="1:6" x14ac:dyDescent="0.2">
      <c r="A4326" s="239">
        <f>'CPT Data'!B4334</f>
        <v>42.988999999999997</v>
      </c>
      <c r="B4326" s="3">
        <f>'CPT Data'!C4334</f>
        <v>42.981999999999999</v>
      </c>
      <c r="C4326" t="str">
        <f>'CPT Data'!P4334</f>
        <v>CLAY</v>
      </c>
      <c r="D4326">
        <f>'CPT Data'!Q4334</f>
        <v>760.40039862618096</v>
      </c>
      <c r="E4326">
        <f t="shared" si="68"/>
        <v>773.50293050634139</v>
      </c>
      <c r="F4326">
        <f>IF(C4326="CLAY", INDEX(D$4:D4326, MATCH("CLAY", C$4:C4326, 0)), "")</f>
        <v>0.75203252561341039</v>
      </c>
    </row>
    <row r="4327" spans="1:6" x14ac:dyDescent="0.2">
      <c r="A4327" s="239">
        <f>'CPT Data'!B4335</f>
        <v>42.999000000000002</v>
      </c>
      <c r="B4327" s="3">
        <f>'CPT Data'!C4335</f>
        <v>42.992000000000004</v>
      </c>
      <c r="C4327" t="str">
        <f>'CPT Data'!P4335</f>
        <v>CLAY</v>
      </c>
      <c r="D4327">
        <f>'CPT Data'!Q4335</f>
        <v>735.70100426115278</v>
      </c>
      <c r="E4327">
        <f t="shared" si="68"/>
        <v>760.40039862618096</v>
      </c>
      <c r="F4327">
        <f>IF(C4327="CLAY", INDEX(D$4:D4327, MATCH("CLAY", C$4:C4327, 0)), "")</f>
        <v>0.75203252561341039</v>
      </c>
    </row>
    <row r="4328" spans="1:6" x14ac:dyDescent="0.2">
      <c r="A4328" s="239">
        <f>'CPT Data'!B4336</f>
        <v>43.009</v>
      </c>
      <c r="B4328" s="3">
        <f>'CPT Data'!C4336</f>
        <v>43.002000000000002</v>
      </c>
      <c r="C4328" t="str">
        <f>'CPT Data'!P4336</f>
        <v>CLAY</v>
      </c>
      <c r="D4328">
        <f>'CPT Data'!Q4336</f>
        <v>710.81220587278415</v>
      </c>
      <c r="E4328">
        <f t="shared" si="68"/>
        <v>735.70100426115278</v>
      </c>
      <c r="F4328">
        <f>IF(C4328="CLAY", INDEX(D$4:D4328, MATCH("CLAY", C$4:C4328, 0)), "")</f>
        <v>0.75203252561341039</v>
      </c>
    </row>
    <row r="4329" spans="1:6" x14ac:dyDescent="0.2">
      <c r="A4329" s="239">
        <f>'CPT Data'!B4337</f>
        <v>43.018000000000001</v>
      </c>
      <c r="B4329" s="3">
        <f>'CPT Data'!C4337</f>
        <v>43.011000000000003</v>
      </c>
      <c r="C4329" t="str">
        <f>'CPT Data'!P4337</f>
        <v>CLAY</v>
      </c>
      <c r="D4329">
        <f>'CPT Data'!Q4337</f>
        <v>688.17278058744944</v>
      </c>
      <c r="E4329">
        <f t="shared" si="68"/>
        <v>710.81220587278415</v>
      </c>
      <c r="F4329">
        <f>IF(C4329="CLAY", INDEX(D$4:D4329, MATCH("CLAY", C$4:C4329, 0)), "")</f>
        <v>0.75203252561341039</v>
      </c>
    </row>
    <row r="4330" spans="1:6" x14ac:dyDescent="0.2">
      <c r="A4330" s="239">
        <f>'CPT Data'!B4338</f>
        <v>43.027999999999999</v>
      </c>
      <c r="B4330" s="3">
        <f>'CPT Data'!C4338</f>
        <v>43.021000000000001</v>
      </c>
      <c r="C4330" t="str">
        <f>'CPT Data'!P4338</f>
        <v>CLAY</v>
      </c>
      <c r="D4330">
        <f>'CPT Data'!Q4338</f>
        <v>674.09222438711447</v>
      </c>
      <c r="E4330">
        <f t="shared" si="68"/>
        <v>688.17278058744944</v>
      </c>
      <c r="F4330">
        <f>IF(C4330="CLAY", INDEX(D$4:D4330, MATCH("CLAY", C$4:C4330, 0)), "")</f>
        <v>0.75203252561341039</v>
      </c>
    </row>
    <row r="4331" spans="1:6" x14ac:dyDescent="0.2">
      <c r="A4331" s="239">
        <f>'CPT Data'!B4339</f>
        <v>43.039000000000001</v>
      </c>
      <c r="B4331" s="3">
        <f>'CPT Data'!C4339</f>
        <v>43.032000000000004</v>
      </c>
      <c r="C4331" t="str">
        <f>'CPT Data'!P4339</f>
        <v>CLAY</v>
      </c>
      <c r="D4331">
        <f>'CPT Data'!Q4339</f>
        <v>654.6702799406288</v>
      </c>
      <c r="E4331">
        <f t="shared" si="68"/>
        <v>674.09222438711447</v>
      </c>
      <c r="F4331">
        <f>IF(C4331="CLAY", INDEX(D$4:D4331, MATCH("CLAY", C$4:C4331, 0)), "")</f>
        <v>0.75203252561341039</v>
      </c>
    </row>
    <row r="4332" spans="1:6" x14ac:dyDescent="0.2">
      <c r="A4332" s="239">
        <f>'CPT Data'!B4340</f>
        <v>43.048000000000002</v>
      </c>
      <c r="B4332" s="3">
        <f>'CPT Data'!C4340</f>
        <v>43.041000000000004</v>
      </c>
      <c r="C4332" t="str">
        <f>'CPT Data'!P4340</f>
        <v>CLAY</v>
      </c>
      <c r="D4332">
        <f>'CPT Data'!Q4340</f>
        <v>634.37747787686692</v>
      </c>
      <c r="E4332">
        <f t="shared" si="68"/>
        <v>654.6702799406288</v>
      </c>
      <c r="F4332">
        <f>IF(C4332="CLAY", INDEX(D$4:D4332, MATCH("CLAY", C$4:C4332, 0)), "")</f>
        <v>0.75203252561341039</v>
      </c>
    </row>
    <row r="4333" spans="1:6" x14ac:dyDescent="0.2">
      <c r="A4333" s="239">
        <f>'CPT Data'!B4341</f>
        <v>43.057000000000002</v>
      </c>
      <c r="B4333" s="3">
        <f>'CPT Data'!C4341</f>
        <v>43.050000000000004</v>
      </c>
      <c r="C4333" t="str">
        <f>'CPT Data'!P4341</f>
        <v>CLAY</v>
      </c>
      <c r="D4333">
        <f>'CPT Data'!Q4341</f>
        <v>622.80974322507609</v>
      </c>
      <c r="E4333">
        <f t="shared" si="68"/>
        <v>634.37747787686692</v>
      </c>
      <c r="F4333">
        <f>IF(C4333="CLAY", INDEX(D$4:D4333, MATCH("CLAY", C$4:C4333, 0)), "")</f>
        <v>0.75203252561341039</v>
      </c>
    </row>
    <row r="4334" spans="1:6" x14ac:dyDescent="0.2">
      <c r="A4334" s="239">
        <f>'CPT Data'!B4342</f>
        <v>43.066000000000003</v>
      </c>
      <c r="B4334" s="3">
        <f>'CPT Data'!C4342</f>
        <v>43.059000000000005</v>
      </c>
      <c r="C4334" t="str">
        <f>'CPT Data'!P4342</f>
        <v>CLAY</v>
      </c>
      <c r="D4334">
        <f>'CPT Data'!Q4342</f>
        <v>619.83972381743513</v>
      </c>
      <c r="E4334">
        <f t="shared" si="68"/>
        <v>622.80974322507609</v>
      </c>
      <c r="F4334">
        <f>IF(C4334="CLAY", INDEX(D$4:D4334, MATCH("CLAY", C$4:C4334, 0)), "")</f>
        <v>0.75203252561341039</v>
      </c>
    </row>
    <row r="4335" spans="1:6" x14ac:dyDescent="0.2">
      <c r="A4335" s="239">
        <f>'CPT Data'!B4343</f>
        <v>43.076999999999998</v>
      </c>
      <c r="B4335" s="3">
        <f>'CPT Data'!C4343</f>
        <v>43.07</v>
      </c>
      <c r="C4335" t="str">
        <f>'CPT Data'!P4343</f>
        <v>CLAY</v>
      </c>
      <c r="D4335">
        <f>'CPT Data'!Q4343</f>
        <v>612.51600838221441</v>
      </c>
      <c r="E4335">
        <f t="shared" si="68"/>
        <v>619.83972381743513</v>
      </c>
      <c r="F4335">
        <f>IF(C4335="CLAY", INDEX(D$4:D4335, MATCH("CLAY", C$4:C4335, 0)), "")</f>
        <v>0.75203252561341039</v>
      </c>
    </row>
    <row r="4336" spans="1:6" x14ac:dyDescent="0.2">
      <c r="A4336" s="239">
        <f>'CPT Data'!B4344</f>
        <v>43.085999999999999</v>
      </c>
      <c r="B4336" s="3">
        <f>'CPT Data'!C4344</f>
        <v>43.079000000000001</v>
      </c>
      <c r="C4336" t="str">
        <f>'CPT Data'!P4344</f>
        <v>CLAY</v>
      </c>
      <c r="D4336">
        <f>'CPT Data'!Q4344</f>
        <v>607.42731386822118</v>
      </c>
      <c r="E4336">
        <f t="shared" si="68"/>
        <v>612.51600838221441</v>
      </c>
      <c r="F4336">
        <f>IF(C4336="CLAY", INDEX(D$4:D4336, MATCH("CLAY", C$4:C4336, 0)), "")</f>
        <v>0.75203252561341039</v>
      </c>
    </row>
    <row r="4337" spans="1:6" x14ac:dyDescent="0.2">
      <c r="A4337" s="239">
        <f>'CPT Data'!B4345</f>
        <v>43.094999999999999</v>
      </c>
      <c r="B4337" s="3">
        <f>'CPT Data'!C4345</f>
        <v>43.088000000000001</v>
      </c>
      <c r="C4337" t="str">
        <f>'CPT Data'!P4345</f>
        <v>CLAY</v>
      </c>
      <c r="D4337">
        <f>'CPT Data'!Q4345</f>
        <v>601.48061603815802</v>
      </c>
      <c r="E4337">
        <f t="shared" si="68"/>
        <v>607.42731386822118</v>
      </c>
      <c r="F4337">
        <f>IF(C4337="CLAY", INDEX(D$4:D4337, MATCH("CLAY", C$4:C4337, 0)), "")</f>
        <v>0.75203252561341039</v>
      </c>
    </row>
    <row r="4338" spans="1:6" x14ac:dyDescent="0.2">
      <c r="A4338" s="239">
        <f>'CPT Data'!B4346</f>
        <v>43.106000000000002</v>
      </c>
      <c r="B4338" s="3">
        <f>'CPT Data'!C4346</f>
        <v>43.099000000000004</v>
      </c>
      <c r="C4338" t="str">
        <f>'CPT Data'!P4346</f>
        <v>CLAY</v>
      </c>
      <c r="D4338">
        <f>'CPT Data'!Q4346</f>
        <v>607.37960749281831</v>
      </c>
      <c r="E4338">
        <f t="shared" si="68"/>
        <v>601.48061603815802</v>
      </c>
      <c r="F4338">
        <f>IF(C4338="CLAY", INDEX(D$4:D4338, MATCH("CLAY", C$4:C4338, 0)), "")</f>
        <v>0.75203252561341039</v>
      </c>
    </row>
    <row r="4339" spans="1:6" x14ac:dyDescent="0.2">
      <c r="A4339" s="239">
        <f>'CPT Data'!B4347</f>
        <v>43.115000000000002</v>
      </c>
      <c r="B4339" s="3">
        <f>'CPT Data'!C4347</f>
        <v>43.108000000000004</v>
      </c>
      <c r="C4339" t="str">
        <f>'CPT Data'!P4347</f>
        <v>CLAY</v>
      </c>
      <c r="D4339">
        <f>'CPT Data'!Q4347</f>
        <v>609.22371756547591</v>
      </c>
      <c r="E4339">
        <f t="shared" si="68"/>
        <v>607.37960749281831</v>
      </c>
      <c r="F4339">
        <f>IF(C4339="CLAY", INDEX(D$4:D4339, MATCH("CLAY", C$4:C4339, 0)), "")</f>
        <v>0.75203252561341039</v>
      </c>
    </row>
    <row r="4340" spans="1:6" x14ac:dyDescent="0.2">
      <c r="A4340" s="239">
        <f>'CPT Data'!B4348</f>
        <v>43.125</v>
      </c>
      <c r="B4340" s="3">
        <f>'CPT Data'!C4348</f>
        <v>43.118000000000002</v>
      </c>
      <c r="C4340" t="str">
        <f>'CPT Data'!P4348</f>
        <v>CLAY</v>
      </c>
      <c r="D4340">
        <f>'CPT Data'!Q4348</f>
        <v>612.40154022497541</v>
      </c>
      <c r="E4340">
        <f t="shared" si="68"/>
        <v>609.22371756547591</v>
      </c>
      <c r="F4340">
        <f>IF(C4340="CLAY", INDEX(D$4:D4340, MATCH("CLAY", C$4:C4340, 0)), "")</f>
        <v>0.75203252561341039</v>
      </c>
    </row>
    <row r="4341" spans="1:6" x14ac:dyDescent="0.2">
      <c r="A4341" s="239">
        <f>'CPT Data'!B4349</f>
        <v>43.134</v>
      </c>
      <c r="B4341" s="3">
        <f>'CPT Data'!C4349</f>
        <v>43.127000000000002</v>
      </c>
      <c r="C4341" t="str">
        <f>'CPT Data'!P4349</f>
        <v>CLAY</v>
      </c>
      <c r="D4341">
        <f>'CPT Data'!Q4349</f>
        <v>615.06214851153891</v>
      </c>
      <c r="E4341">
        <f t="shared" si="68"/>
        <v>612.40154022497541</v>
      </c>
      <c r="F4341">
        <f>IF(C4341="CLAY", INDEX(D$4:D4341, MATCH("CLAY", C$4:C4341, 0)), "")</f>
        <v>0.75203252561341039</v>
      </c>
    </row>
    <row r="4342" spans="1:6" x14ac:dyDescent="0.2">
      <c r="A4342" s="239">
        <f>'CPT Data'!B4350</f>
        <v>43.145000000000003</v>
      </c>
      <c r="B4342" s="3">
        <f>'CPT Data'!C4350</f>
        <v>43.138000000000005</v>
      </c>
      <c r="C4342" t="str">
        <f>'CPT Data'!P4350</f>
        <v>CLAY</v>
      </c>
      <c r="D4342">
        <f>'CPT Data'!Q4350</f>
        <v>628.97252076430038</v>
      </c>
      <c r="E4342">
        <f t="shared" si="68"/>
        <v>615.06214851153891</v>
      </c>
      <c r="F4342">
        <f>IF(C4342="CLAY", INDEX(D$4:D4342, MATCH("CLAY", C$4:C4342, 0)), "")</f>
        <v>0.75203252561341039</v>
      </c>
    </row>
    <row r="4343" spans="1:6" x14ac:dyDescent="0.2">
      <c r="A4343" s="239">
        <f>'CPT Data'!B4351</f>
        <v>43.155000000000001</v>
      </c>
      <c r="B4343" s="3">
        <f>'CPT Data'!C4351</f>
        <v>43.148000000000003</v>
      </c>
      <c r="C4343" t="str">
        <f>'CPT Data'!P4351</f>
        <v>CLAY</v>
      </c>
      <c r="D4343">
        <f>'CPT Data'!Q4351</f>
        <v>629.73578588483826</v>
      </c>
      <c r="E4343">
        <f t="shared" si="68"/>
        <v>628.97252076430038</v>
      </c>
      <c r="F4343">
        <f>IF(C4343="CLAY", INDEX(D$4:D4343, MATCH("CLAY", C$4:C4343, 0)), "")</f>
        <v>0.75203252561341039</v>
      </c>
    </row>
    <row r="4344" spans="1:6" x14ac:dyDescent="0.2">
      <c r="A4344" s="239">
        <f>'CPT Data'!B4352</f>
        <v>43.164000000000001</v>
      </c>
      <c r="B4344" s="3">
        <f>'CPT Data'!C4352</f>
        <v>43.157000000000004</v>
      </c>
      <c r="C4344" t="str">
        <f>'CPT Data'!P4352</f>
        <v>CLAY</v>
      </c>
      <c r="D4344">
        <f>'CPT Data'!Q4352</f>
        <v>624.72401857710474</v>
      </c>
      <c r="E4344">
        <f t="shared" si="68"/>
        <v>629.73578588483826</v>
      </c>
      <c r="F4344">
        <f>IF(C4344="CLAY", INDEX(D$4:D4344, MATCH("CLAY", C$4:C4344, 0)), "")</f>
        <v>0.75203252561341039</v>
      </c>
    </row>
    <row r="4345" spans="1:6" x14ac:dyDescent="0.2">
      <c r="A4345" s="239">
        <f>'CPT Data'!B4353</f>
        <v>43.173000000000002</v>
      </c>
      <c r="B4345" s="3">
        <f>'CPT Data'!C4353</f>
        <v>43.166000000000004</v>
      </c>
      <c r="C4345" t="str">
        <f>'CPT Data'!P4353</f>
        <v>CLAY</v>
      </c>
      <c r="D4345">
        <f>'CPT Data'!Q4353</f>
        <v>607.61858757657922</v>
      </c>
      <c r="E4345">
        <f t="shared" si="68"/>
        <v>624.72401857710474</v>
      </c>
      <c r="F4345">
        <f>IF(C4345="CLAY", INDEX(D$4:D4345, MATCH("CLAY", C$4:C4345, 0)), "")</f>
        <v>0.75203252561341039</v>
      </c>
    </row>
    <row r="4346" spans="1:6" x14ac:dyDescent="0.2">
      <c r="A4346" s="239">
        <f>'CPT Data'!B4354</f>
        <v>43.183999999999997</v>
      </c>
      <c r="B4346" s="3">
        <f>'CPT Data'!C4354</f>
        <v>43.177</v>
      </c>
      <c r="C4346" t="str">
        <f>'CPT Data'!P4354</f>
        <v>CLAY</v>
      </c>
      <c r="D4346">
        <f>'CPT Data'!Q4354</f>
        <v>585.36334879704339</v>
      </c>
      <c r="E4346">
        <f t="shared" si="68"/>
        <v>607.61858757657922</v>
      </c>
      <c r="F4346">
        <f>IF(C4346="CLAY", INDEX(D$4:D4346, MATCH("CLAY", C$4:C4346, 0)), "")</f>
        <v>0.75203252561341039</v>
      </c>
    </row>
    <row r="4347" spans="1:6" x14ac:dyDescent="0.2">
      <c r="A4347" s="239">
        <f>'CPT Data'!B4355</f>
        <v>43.192999999999998</v>
      </c>
      <c r="B4347" s="3">
        <f>'CPT Data'!C4355</f>
        <v>43.186</v>
      </c>
      <c r="C4347" t="str">
        <f>'CPT Data'!P4355</f>
        <v>CLAY</v>
      </c>
      <c r="D4347">
        <f>'CPT Data'!Q4355</f>
        <v>581.04337292595221</v>
      </c>
      <c r="E4347">
        <f t="shared" si="68"/>
        <v>585.36334879704339</v>
      </c>
      <c r="F4347">
        <f>IF(C4347="CLAY", INDEX(D$4:D4347, MATCH("CLAY", C$4:C4347, 0)), "")</f>
        <v>0.75203252561341039</v>
      </c>
    </row>
    <row r="4348" spans="1:6" x14ac:dyDescent="0.2">
      <c r="A4348" s="239">
        <f>'CPT Data'!B4356</f>
        <v>43.203000000000003</v>
      </c>
      <c r="B4348" s="3">
        <f>'CPT Data'!C4356</f>
        <v>43.196000000000005</v>
      </c>
      <c r="C4348" t="str">
        <f>'CPT Data'!P4356</f>
        <v>CLAY</v>
      </c>
      <c r="D4348">
        <f>'CPT Data'!Q4356</f>
        <v>580.25125282737986</v>
      </c>
      <c r="E4348">
        <f t="shared" si="68"/>
        <v>581.04337292595221</v>
      </c>
      <c r="F4348">
        <f>IF(C4348="CLAY", INDEX(D$4:D4348, MATCH("CLAY", C$4:C4348, 0)), "")</f>
        <v>0.75203252561341039</v>
      </c>
    </row>
    <row r="4349" spans="1:6" x14ac:dyDescent="0.2">
      <c r="A4349" s="239">
        <f>'CPT Data'!B4357</f>
        <v>43.212000000000003</v>
      </c>
      <c r="B4349" s="3">
        <f>'CPT Data'!C4357</f>
        <v>43.205000000000005</v>
      </c>
      <c r="C4349" t="str">
        <f>'CPT Data'!P4357</f>
        <v>CLAY</v>
      </c>
      <c r="D4349">
        <f>'CPT Data'!Q4357</f>
        <v>587.09420894392213</v>
      </c>
      <c r="E4349">
        <f t="shared" si="68"/>
        <v>580.25125282737986</v>
      </c>
      <c r="F4349">
        <f>IF(C4349="CLAY", INDEX(D$4:D4349, MATCH("CLAY", C$4:C4349, 0)), "")</f>
        <v>0.75203252561341039</v>
      </c>
    </row>
    <row r="4350" spans="1:6" x14ac:dyDescent="0.2">
      <c r="A4350" s="239">
        <f>'CPT Data'!B4358</f>
        <v>43.222999999999999</v>
      </c>
      <c r="B4350" s="3">
        <f>'CPT Data'!C4358</f>
        <v>43.216000000000001</v>
      </c>
      <c r="C4350" t="str">
        <f>'CPT Data'!P4358</f>
        <v>CLAY</v>
      </c>
      <c r="D4350">
        <f>'CPT Data'!Q4358</f>
        <v>591.25165070052594</v>
      </c>
      <c r="E4350">
        <f t="shared" si="68"/>
        <v>587.09420894392213</v>
      </c>
      <c r="F4350">
        <f>IF(C4350="CLAY", INDEX(D$4:D4350, MATCH("CLAY", C$4:C4350, 0)), "")</f>
        <v>0.75203252561341039</v>
      </c>
    </row>
    <row r="4351" spans="1:6" x14ac:dyDescent="0.2">
      <c r="A4351" s="239">
        <f>'CPT Data'!B4359</f>
        <v>43.231999999999999</v>
      </c>
      <c r="B4351" s="3">
        <f>'CPT Data'!C4359</f>
        <v>43.225000000000001</v>
      </c>
      <c r="C4351" t="str">
        <f>'CPT Data'!P4359</f>
        <v>CLAY</v>
      </c>
      <c r="D4351">
        <f>'CPT Data'!Q4359</f>
        <v>603.48294493276455</v>
      </c>
      <c r="E4351">
        <f t="shared" si="68"/>
        <v>591.25165070052594</v>
      </c>
      <c r="F4351">
        <f>IF(C4351="CLAY", INDEX(D$4:D4351, MATCH("CLAY", C$4:C4351, 0)), "")</f>
        <v>0.75203252561341039</v>
      </c>
    </row>
    <row r="4352" spans="1:6" x14ac:dyDescent="0.2">
      <c r="A4352" s="239">
        <f>'CPT Data'!B4360</f>
        <v>43.241999999999997</v>
      </c>
      <c r="B4352" s="3">
        <f>'CPT Data'!C4360</f>
        <v>43.234999999999999</v>
      </c>
      <c r="C4352" t="str">
        <f>'CPT Data'!P4360</f>
        <v>CLAY</v>
      </c>
      <c r="D4352">
        <f>'CPT Data'!Q4360</f>
        <v>652.07322789112902</v>
      </c>
      <c r="E4352">
        <f t="shared" si="68"/>
        <v>603.48294493276455</v>
      </c>
      <c r="F4352">
        <f>IF(C4352="CLAY", INDEX(D$4:D4352, MATCH("CLAY", C$4:C4352, 0)), "")</f>
        <v>0.75203252561341039</v>
      </c>
    </row>
    <row r="4353" spans="1:6" x14ac:dyDescent="0.2">
      <c r="A4353" s="239">
        <f>'CPT Data'!B4361</f>
        <v>43.25</v>
      </c>
      <c r="B4353" s="3">
        <f>'CPT Data'!C4361</f>
        <v>43.243000000000002</v>
      </c>
      <c r="C4353" t="str">
        <f>'CPT Data'!P4361</f>
        <v>CLAY</v>
      </c>
      <c r="D4353">
        <f>'CPT Data'!Q4361</f>
        <v>691.12545013718227</v>
      </c>
      <c r="E4353">
        <f t="shared" si="68"/>
        <v>652.07322789112902</v>
      </c>
      <c r="F4353">
        <f>IF(C4353="CLAY", INDEX(D$4:D4353, MATCH("CLAY", C$4:C4353, 0)), "")</f>
        <v>0.75203252561341039</v>
      </c>
    </row>
    <row r="4354" spans="1:6" x14ac:dyDescent="0.2">
      <c r="A4354" s="239">
        <f>'CPT Data'!B4362</f>
        <v>43.26</v>
      </c>
      <c r="B4354" s="3">
        <f>'CPT Data'!C4362</f>
        <v>43.253</v>
      </c>
      <c r="C4354" t="str">
        <f>'CPT Data'!P4362</f>
        <v>CLAY</v>
      </c>
      <c r="D4354">
        <f>'CPT Data'!Q4362</f>
        <v>729.20170540860897</v>
      </c>
      <c r="E4354">
        <f t="shared" si="68"/>
        <v>691.12545013718227</v>
      </c>
      <c r="F4354">
        <f>IF(C4354="CLAY", INDEX(D$4:D4354, MATCH("CLAY", C$4:C4354, 0)), "")</f>
        <v>0.75203252561341039</v>
      </c>
    </row>
    <row r="4355" spans="1:6" x14ac:dyDescent="0.2">
      <c r="A4355" s="239">
        <f>'CPT Data'!B4363</f>
        <v>43.268999999999998</v>
      </c>
      <c r="B4355" s="3">
        <f>'CPT Data'!C4363</f>
        <v>43.262</v>
      </c>
      <c r="C4355" t="str">
        <f>'CPT Data'!P4363</f>
        <v>CLAY</v>
      </c>
      <c r="D4355">
        <f>'CPT Data'!Q4363</f>
        <v>790.47872912311357</v>
      </c>
      <c r="E4355">
        <f t="shared" si="68"/>
        <v>729.20170540860897</v>
      </c>
      <c r="F4355">
        <f>IF(C4355="CLAY", INDEX(D$4:D4355, MATCH("CLAY", C$4:C4355, 0)), "")</f>
        <v>0.75203252561341039</v>
      </c>
    </row>
    <row r="4356" spans="1:6" x14ac:dyDescent="0.2">
      <c r="A4356" s="239">
        <f>'CPT Data'!B4364</f>
        <v>43.279000000000003</v>
      </c>
      <c r="B4356" s="3">
        <f>'CPT Data'!C4364</f>
        <v>43.272000000000006</v>
      </c>
      <c r="C4356" t="str">
        <f>'CPT Data'!P4364</f>
        <v>CLAY</v>
      </c>
      <c r="D4356">
        <f>'CPT Data'!Q4364</f>
        <v>854.91224772538624</v>
      </c>
      <c r="E4356">
        <f t="shared" si="68"/>
        <v>790.47872912311357</v>
      </c>
      <c r="F4356">
        <f>IF(C4356="CLAY", INDEX(D$4:D4356, MATCH("CLAY", C$4:C4356, 0)), "")</f>
        <v>0.75203252561341039</v>
      </c>
    </row>
    <row r="4357" spans="1:6" x14ac:dyDescent="0.2">
      <c r="A4357" s="239">
        <f>'CPT Data'!B4365</f>
        <v>43.289000000000001</v>
      </c>
      <c r="B4357" s="3">
        <f>'CPT Data'!C4365</f>
        <v>43.282000000000004</v>
      </c>
      <c r="C4357" t="str">
        <f>'CPT Data'!P4365</f>
        <v>SAND</v>
      </c>
      <c r="D4357" t="e">
        <f>'CPT Data'!Q4365</f>
        <v>#N/A</v>
      </c>
      <c r="E4357" t="e">
        <f t="shared" si="68"/>
        <v>#N/A</v>
      </c>
      <c r="F4357" t="str">
        <f>IF(C4357="CLAY", INDEX(D$4:D4357, MATCH("CLAY", C$4:C4357, 0)), "")</f>
        <v/>
      </c>
    </row>
    <row r="4358" spans="1:6" x14ac:dyDescent="0.2">
      <c r="A4358" s="239">
        <f>'CPT Data'!B4366</f>
        <v>43.298999999999999</v>
      </c>
      <c r="B4358" s="3">
        <f>'CPT Data'!C4366</f>
        <v>43.292000000000002</v>
      </c>
      <c r="C4358" t="str">
        <f>'CPT Data'!P4366</f>
        <v>SAND</v>
      </c>
      <c r="D4358" t="e">
        <f>'CPT Data'!Q4366</f>
        <v>#N/A</v>
      </c>
      <c r="E4358" t="e">
        <f t="shared" si="68"/>
        <v>#N/A</v>
      </c>
      <c r="F4358" t="str">
        <f>IF(C4358="CLAY", INDEX(D$4:D4358, MATCH("CLAY", C$4:C4358, 0)), "")</f>
        <v/>
      </c>
    </row>
    <row r="4359" spans="1:6" x14ac:dyDescent="0.2">
      <c r="A4359" s="239">
        <f>'CPT Data'!B4367</f>
        <v>43.308999999999997</v>
      </c>
      <c r="B4359" s="3">
        <f>'CPT Data'!C4367</f>
        <v>43.302</v>
      </c>
      <c r="C4359" t="str">
        <f>'CPT Data'!P4367</f>
        <v>SAND</v>
      </c>
      <c r="D4359" t="e">
        <f>'CPT Data'!Q4367</f>
        <v>#N/A</v>
      </c>
      <c r="E4359" t="e">
        <f t="shared" si="68"/>
        <v>#N/A</v>
      </c>
      <c r="F4359" t="str">
        <f>IF(C4359="CLAY", INDEX(D$4:D4359, MATCH("CLAY", C$4:C4359, 0)), "")</f>
        <v/>
      </c>
    </row>
    <row r="4360" spans="1:6" x14ac:dyDescent="0.2">
      <c r="A4360" s="239">
        <f>'CPT Data'!B4368</f>
        <v>43.317999999999998</v>
      </c>
      <c r="B4360" s="3">
        <f>'CPT Data'!C4368</f>
        <v>43.311</v>
      </c>
      <c r="C4360" t="str">
        <f>'CPT Data'!P4368</f>
        <v>SAND</v>
      </c>
      <c r="D4360" t="e">
        <f>'CPT Data'!Q4368</f>
        <v>#N/A</v>
      </c>
      <c r="E4360" t="e">
        <f t="shared" si="68"/>
        <v>#N/A</v>
      </c>
      <c r="F4360" t="str">
        <f>IF(C4360="CLAY", INDEX(D$4:D4360, MATCH("CLAY", C$4:C4360, 0)), "")</f>
        <v/>
      </c>
    </row>
    <row r="4361" spans="1:6" x14ac:dyDescent="0.2">
      <c r="A4361" s="239">
        <f>'CPT Data'!B4369</f>
        <v>43.328000000000003</v>
      </c>
      <c r="B4361" s="3">
        <f>'CPT Data'!C4369</f>
        <v>43.321000000000005</v>
      </c>
      <c r="C4361" t="str">
        <f>'CPT Data'!P4369</f>
        <v>SAND</v>
      </c>
      <c r="D4361" t="e">
        <f>'CPT Data'!Q4369</f>
        <v>#N/A</v>
      </c>
      <c r="E4361" t="e">
        <f t="shared" si="68"/>
        <v>#N/A</v>
      </c>
      <c r="F4361" t="str">
        <f>IF(C4361="CLAY", INDEX(D$4:D4361, MATCH("CLAY", C$4:C4361, 0)), "")</f>
        <v/>
      </c>
    </row>
    <row r="4362" spans="1:6" x14ac:dyDescent="0.2">
      <c r="A4362" s="239">
        <f>'CPT Data'!B4370</f>
        <v>43.337000000000003</v>
      </c>
      <c r="B4362" s="3">
        <f>'CPT Data'!C4370</f>
        <v>43.330000000000005</v>
      </c>
      <c r="C4362" t="str">
        <f>'CPT Data'!P4370</f>
        <v>SAND</v>
      </c>
      <c r="D4362" t="e">
        <f>'CPT Data'!Q4370</f>
        <v>#N/A</v>
      </c>
      <c r="E4362" t="e">
        <f t="shared" si="68"/>
        <v>#N/A</v>
      </c>
      <c r="F4362" t="str">
        <f>IF(C4362="CLAY", INDEX(D$4:D4362, MATCH("CLAY", C$4:C4362, 0)), "")</f>
        <v/>
      </c>
    </row>
    <row r="4363" spans="1:6" x14ac:dyDescent="0.2">
      <c r="A4363" s="239">
        <f>'CPT Data'!B4371</f>
        <v>43.347000000000001</v>
      </c>
      <c r="B4363" s="3">
        <f>'CPT Data'!C4371</f>
        <v>43.34</v>
      </c>
      <c r="C4363" t="str">
        <f>'CPT Data'!P4371</f>
        <v>SAND</v>
      </c>
      <c r="D4363" t="e">
        <f>'CPT Data'!Q4371</f>
        <v>#N/A</v>
      </c>
      <c r="E4363" t="e">
        <f t="shared" si="68"/>
        <v>#N/A</v>
      </c>
      <c r="F4363" t="str">
        <f>IF(C4363="CLAY", INDEX(D$4:D4363, MATCH("CLAY", C$4:C4363, 0)), "")</f>
        <v/>
      </c>
    </row>
    <row r="4364" spans="1:6" x14ac:dyDescent="0.2">
      <c r="A4364" s="239">
        <f>'CPT Data'!B4372</f>
        <v>43.357999999999997</v>
      </c>
      <c r="B4364" s="3">
        <f>'CPT Data'!C4372</f>
        <v>43.350999999999999</v>
      </c>
      <c r="C4364" t="str">
        <f>'CPT Data'!P4372</f>
        <v>SAND</v>
      </c>
      <c r="D4364" t="e">
        <f>'CPT Data'!Q4372</f>
        <v>#N/A</v>
      </c>
      <c r="E4364" t="e">
        <f t="shared" si="68"/>
        <v>#N/A</v>
      </c>
      <c r="F4364" t="str">
        <f>IF(C4364="CLAY", INDEX(D$4:D4364, MATCH("CLAY", C$4:C4364, 0)), "")</f>
        <v/>
      </c>
    </row>
    <row r="4365" spans="1:6" x14ac:dyDescent="0.2">
      <c r="A4365" s="239">
        <f>'CPT Data'!B4373</f>
        <v>43.366999999999997</v>
      </c>
      <c r="B4365" s="3">
        <f>'CPT Data'!C4373</f>
        <v>43.36</v>
      </c>
      <c r="C4365" t="str">
        <f>'CPT Data'!P4373</f>
        <v>SAND</v>
      </c>
      <c r="D4365" t="e">
        <f>'CPT Data'!Q4373</f>
        <v>#N/A</v>
      </c>
      <c r="E4365" t="e">
        <f t="shared" si="68"/>
        <v>#N/A</v>
      </c>
      <c r="F4365" t="str">
        <f>IF(C4365="CLAY", INDEX(D$4:D4365, MATCH("CLAY", C$4:C4365, 0)), "")</f>
        <v/>
      </c>
    </row>
    <row r="4366" spans="1:6" x14ac:dyDescent="0.2">
      <c r="A4366" s="239">
        <f>'CPT Data'!B4374</f>
        <v>43.375999999999998</v>
      </c>
      <c r="B4366" s="3">
        <f>'CPT Data'!C4374</f>
        <v>43.369</v>
      </c>
      <c r="C4366" t="str">
        <f>'CPT Data'!P4374</f>
        <v>SAND</v>
      </c>
      <c r="D4366" t="e">
        <f>'CPT Data'!Q4374</f>
        <v>#N/A</v>
      </c>
      <c r="E4366" t="e">
        <f t="shared" si="68"/>
        <v>#N/A</v>
      </c>
      <c r="F4366" t="str">
        <f>IF(C4366="CLAY", INDEX(D$4:D4366, MATCH("CLAY", C$4:C4366, 0)), "")</f>
        <v/>
      </c>
    </row>
    <row r="4367" spans="1:6" x14ac:dyDescent="0.2">
      <c r="A4367" s="239">
        <f>'CPT Data'!B4375</f>
        <v>43.384999999999998</v>
      </c>
      <c r="B4367" s="3">
        <f>'CPT Data'!C4375</f>
        <v>43.378</v>
      </c>
      <c r="C4367" t="str">
        <f>'CPT Data'!P4375</f>
        <v>SAND</v>
      </c>
      <c r="D4367" t="e">
        <f>'CPT Data'!Q4375</f>
        <v>#N/A</v>
      </c>
      <c r="E4367" t="e">
        <f t="shared" si="68"/>
        <v>#N/A</v>
      </c>
      <c r="F4367" t="str">
        <f>IF(C4367="CLAY", INDEX(D$4:D4367, MATCH("CLAY", C$4:C4367, 0)), "")</f>
        <v/>
      </c>
    </row>
    <row r="4368" spans="1:6" x14ac:dyDescent="0.2">
      <c r="A4368" s="239">
        <f>'CPT Data'!B4376</f>
        <v>43.396000000000001</v>
      </c>
      <c r="B4368" s="3">
        <f>'CPT Data'!C4376</f>
        <v>43.389000000000003</v>
      </c>
      <c r="C4368" t="str">
        <f>'CPT Data'!P4376</f>
        <v>SAND</v>
      </c>
      <c r="D4368" t="e">
        <f>'CPT Data'!Q4376</f>
        <v>#N/A</v>
      </c>
      <c r="E4368" t="e">
        <f t="shared" si="68"/>
        <v>#N/A</v>
      </c>
      <c r="F4368" t="str">
        <f>IF(C4368="CLAY", INDEX(D$4:D4368, MATCH("CLAY", C$4:C4368, 0)), "")</f>
        <v/>
      </c>
    </row>
    <row r="4369" spans="1:6" x14ac:dyDescent="0.2">
      <c r="A4369" s="239">
        <f>'CPT Data'!B4377</f>
        <v>43.405000000000001</v>
      </c>
      <c r="B4369" s="3">
        <f>'CPT Data'!C4377</f>
        <v>43.398000000000003</v>
      </c>
      <c r="C4369" t="str">
        <f>'CPT Data'!P4377</f>
        <v>SAND</v>
      </c>
      <c r="D4369" t="e">
        <f>'CPT Data'!Q4377</f>
        <v>#N/A</v>
      </c>
      <c r="E4369" t="e">
        <f t="shared" si="68"/>
        <v>#N/A</v>
      </c>
      <c r="F4369" t="str">
        <f>IF(C4369="CLAY", INDEX(D$4:D4369, MATCH("CLAY", C$4:C4369, 0)), "")</f>
        <v/>
      </c>
    </row>
    <row r="4370" spans="1:6" x14ac:dyDescent="0.2">
      <c r="A4370" s="239">
        <f>'CPT Data'!B4378</f>
        <v>43.414999999999999</v>
      </c>
      <c r="B4370" s="3">
        <f>'CPT Data'!C4378</f>
        <v>43.408000000000001</v>
      </c>
      <c r="C4370" t="str">
        <f>'CPT Data'!P4378</f>
        <v>SAND</v>
      </c>
      <c r="D4370" t="e">
        <f>'CPT Data'!Q4378</f>
        <v>#N/A</v>
      </c>
      <c r="E4370" t="e">
        <f t="shared" si="68"/>
        <v>#N/A</v>
      </c>
      <c r="F4370" t="str">
        <f>IF(C4370="CLAY", INDEX(D$4:D4370, MATCH("CLAY", C$4:C4370, 0)), "")</f>
        <v/>
      </c>
    </row>
    <row r="4371" spans="1:6" x14ac:dyDescent="0.2">
      <c r="A4371" s="239">
        <f>'CPT Data'!B4379</f>
        <v>43.423999999999999</v>
      </c>
      <c r="B4371" s="3">
        <f>'CPT Data'!C4379</f>
        <v>43.417000000000002</v>
      </c>
      <c r="C4371" t="str">
        <f>'CPT Data'!P4379</f>
        <v>SAND</v>
      </c>
      <c r="D4371" t="e">
        <f>'CPT Data'!Q4379</f>
        <v>#N/A</v>
      </c>
      <c r="E4371" t="e">
        <f t="shared" si="68"/>
        <v>#N/A</v>
      </c>
      <c r="F4371" t="str">
        <f>IF(C4371="CLAY", INDEX(D$4:D4371, MATCH("CLAY", C$4:C4371, 0)), "")</f>
        <v/>
      </c>
    </row>
    <row r="4372" spans="1:6" x14ac:dyDescent="0.2">
      <c r="A4372" s="239">
        <f>'CPT Data'!B4380</f>
        <v>43.435000000000002</v>
      </c>
      <c r="B4372" s="3">
        <f>'CPT Data'!C4380</f>
        <v>43.428000000000004</v>
      </c>
      <c r="C4372" t="str">
        <f>'CPT Data'!P4380</f>
        <v>SAND</v>
      </c>
      <c r="D4372" t="e">
        <f>'CPT Data'!Q4380</f>
        <v>#N/A</v>
      </c>
      <c r="E4372" t="e">
        <f t="shared" si="68"/>
        <v>#N/A</v>
      </c>
      <c r="F4372" t="str">
        <f>IF(C4372="CLAY", INDEX(D$4:D4372, MATCH("CLAY", C$4:C4372, 0)), "")</f>
        <v/>
      </c>
    </row>
    <row r="4373" spans="1:6" x14ac:dyDescent="0.2">
      <c r="A4373" s="239">
        <f>'CPT Data'!B4381</f>
        <v>43.444000000000003</v>
      </c>
      <c r="B4373" s="3">
        <f>'CPT Data'!C4381</f>
        <v>43.437000000000005</v>
      </c>
      <c r="C4373" t="str">
        <f>'CPT Data'!P4381</f>
        <v>SAND</v>
      </c>
      <c r="D4373" t="e">
        <f>'CPT Data'!Q4381</f>
        <v>#N/A</v>
      </c>
      <c r="E4373" t="e">
        <f t="shared" si="68"/>
        <v>#N/A</v>
      </c>
      <c r="F4373" t="str">
        <f>IF(C4373="CLAY", INDEX(D$4:D4373, MATCH("CLAY", C$4:C4373, 0)), "")</f>
        <v/>
      </c>
    </row>
    <row r="4374" spans="1:6" x14ac:dyDescent="0.2">
      <c r="A4374" s="239">
        <f>'CPT Data'!B4382</f>
        <v>43.453000000000003</v>
      </c>
      <c r="B4374" s="3">
        <f>'CPT Data'!C4382</f>
        <v>43.446000000000005</v>
      </c>
      <c r="C4374" t="str">
        <f>'CPT Data'!P4382</f>
        <v>SAND</v>
      </c>
      <c r="D4374" t="e">
        <f>'CPT Data'!Q4382</f>
        <v>#N/A</v>
      </c>
      <c r="E4374" t="e">
        <f t="shared" si="68"/>
        <v>#N/A</v>
      </c>
      <c r="F4374" t="str">
        <f>IF(C4374="CLAY", INDEX(D$4:D4374, MATCH("CLAY", C$4:C4374, 0)), "")</f>
        <v/>
      </c>
    </row>
    <row r="4375" spans="1:6" x14ac:dyDescent="0.2">
      <c r="A4375" s="239">
        <f>'CPT Data'!B4383</f>
        <v>43.463000000000001</v>
      </c>
      <c r="B4375" s="3">
        <f>'CPT Data'!C4383</f>
        <v>43.456000000000003</v>
      </c>
      <c r="C4375" t="str">
        <f>'CPT Data'!P4383</f>
        <v>SAND</v>
      </c>
      <c r="D4375" t="e">
        <f>'CPT Data'!Q4383</f>
        <v>#N/A</v>
      </c>
      <c r="E4375" t="e">
        <f t="shared" si="68"/>
        <v>#N/A</v>
      </c>
      <c r="F4375" t="str">
        <f>IF(C4375="CLAY", INDEX(D$4:D4375, MATCH("CLAY", C$4:C4375, 0)), "")</f>
        <v/>
      </c>
    </row>
    <row r="4376" spans="1:6" x14ac:dyDescent="0.2">
      <c r="A4376" s="239">
        <f>'CPT Data'!B4384</f>
        <v>43.473999999999997</v>
      </c>
      <c r="B4376" s="3">
        <f>'CPT Data'!C4384</f>
        <v>43.466999999999999</v>
      </c>
      <c r="C4376" t="str">
        <f>'CPT Data'!P4384</f>
        <v>CLAY</v>
      </c>
      <c r="D4376">
        <f>'CPT Data'!Q4384</f>
        <v>807.78093318680976</v>
      </c>
      <c r="E4376">
        <f t="shared" si="68"/>
        <v>807.78093318680976</v>
      </c>
      <c r="F4376">
        <f>IF(C4376="CLAY", INDEX(D$4:D4376, MATCH("CLAY", C$4:C4376, 0)), "")</f>
        <v>0.75203252561341039</v>
      </c>
    </row>
    <row r="4377" spans="1:6" x14ac:dyDescent="0.2">
      <c r="A4377" s="239">
        <f>'CPT Data'!B4385</f>
        <v>43.482999999999997</v>
      </c>
      <c r="B4377" s="3">
        <f>'CPT Data'!C4385</f>
        <v>43.475999999999999</v>
      </c>
      <c r="C4377" t="str">
        <f>'CPT Data'!P4385</f>
        <v>CLAY</v>
      </c>
      <c r="D4377">
        <f>'CPT Data'!Q4385</f>
        <v>820.93048834772833</v>
      </c>
      <c r="E4377">
        <f t="shared" si="68"/>
        <v>807.78093318680976</v>
      </c>
      <c r="F4377">
        <f>IF(C4377="CLAY", INDEX(D$4:D4377, MATCH("CLAY", C$4:C4377, 0)), "")</f>
        <v>0.75203252561341039</v>
      </c>
    </row>
    <row r="4378" spans="1:6" x14ac:dyDescent="0.2">
      <c r="A4378" s="239">
        <f>'CPT Data'!B4386</f>
        <v>43.494</v>
      </c>
      <c r="B4378" s="3">
        <f>'CPT Data'!C4386</f>
        <v>43.487000000000002</v>
      </c>
      <c r="C4378" t="str">
        <f>'CPT Data'!P4386</f>
        <v>CLAY</v>
      </c>
      <c r="D4378">
        <f>'CPT Data'!Q4386</f>
        <v>793.65577617460985</v>
      </c>
      <c r="E4378">
        <f t="shared" si="68"/>
        <v>820.93048834772833</v>
      </c>
      <c r="F4378">
        <f>IF(C4378="CLAY", INDEX(D$4:D4378, MATCH("CLAY", C$4:C4378, 0)), "")</f>
        <v>0.75203252561341039</v>
      </c>
    </row>
    <row r="4379" spans="1:6" x14ac:dyDescent="0.2">
      <c r="A4379" s="239">
        <f>'CPT Data'!B4387</f>
        <v>43.503</v>
      </c>
      <c r="B4379" s="3">
        <f>'CPT Data'!C4387</f>
        <v>43.496000000000002</v>
      </c>
      <c r="C4379" t="str">
        <f>'CPT Data'!P4387</f>
        <v>CLAY</v>
      </c>
      <c r="D4379">
        <f>'CPT Data'!Q4387</f>
        <v>739.8431170189474</v>
      </c>
      <c r="E4379">
        <f t="shared" ref="E4379:E4442" si="69">IF(C4379="SAND",#N/A,IF(C4379=C4378,D4378,IF(C4379="CLAY",D4379,#N/A)))</f>
        <v>793.65577617460985</v>
      </c>
      <c r="F4379">
        <f>IF(C4379="CLAY", INDEX(D$4:D4379, MATCH("CLAY", C$4:C4379, 0)), "")</f>
        <v>0.75203252561341039</v>
      </c>
    </row>
    <row r="4380" spans="1:6" x14ac:dyDescent="0.2">
      <c r="A4380" s="239">
        <f>'CPT Data'!B4388</f>
        <v>43.512</v>
      </c>
      <c r="B4380" s="3">
        <f>'CPT Data'!C4388</f>
        <v>43.505000000000003</v>
      </c>
      <c r="C4380" t="str">
        <f>'CPT Data'!P4388</f>
        <v>CLAY</v>
      </c>
      <c r="D4380">
        <f>'CPT Data'!Q4388</f>
        <v>652.21970420253206</v>
      </c>
      <c r="E4380">
        <f t="shared" si="69"/>
        <v>739.8431170189474</v>
      </c>
      <c r="F4380">
        <f>IF(C4380="CLAY", INDEX(D$4:D4380, MATCH("CLAY", C$4:C4380, 0)), "")</f>
        <v>0.75203252561341039</v>
      </c>
    </row>
    <row r="4381" spans="1:6" x14ac:dyDescent="0.2">
      <c r="A4381" s="239">
        <f>'CPT Data'!B4389</f>
        <v>43.521999999999998</v>
      </c>
      <c r="B4381" s="3">
        <f>'CPT Data'!C4389</f>
        <v>43.515000000000001</v>
      </c>
      <c r="C4381" t="str">
        <f>'CPT Data'!P4389</f>
        <v>CLAY</v>
      </c>
      <c r="D4381">
        <f>'CPT Data'!Q4389</f>
        <v>592.55439297369742</v>
      </c>
      <c r="E4381">
        <f t="shared" si="69"/>
        <v>652.21970420253206</v>
      </c>
      <c r="F4381">
        <f>IF(C4381="CLAY", INDEX(D$4:D4381, MATCH("CLAY", C$4:C4381, 0)), "")</f>
        <v>0.75203252561341039</v>
      </c>
    </row>
    <row r="4382" spans="1:6" x14ac:dyDescent="0.2">
      <c r="A4382" s="239">
        <f>'CPT Data'!B4390</f>
        <v>43.531999999999996</v>
      </c>
      <c r="B4382" s="3">
        <f>'CPT Data'!C4390</f>
        <v>43.524999999999999</v>
      </c>
      <c r="C4382" t="str">
        <f>'CPT Data'!P4390</f>
        <v>CLAY</v>
      </c>
      <c r="D4382">
        <f>'CPT Data'!Q4390</f>
        <v>578.53514702850123</v>
      </c>
      <c r="E4382">
        <f t="shared" si="69"/>
        <v>592.55439297369742</v>
      </c>
      <c r="F4382">
        <f>IF(C4382="CLAY", INDEX(D$4:D4382, MATCH("CLAY", C$4:C4382, 0)), "")</f>
        <v>0.75203252561341039</v>
      </c>
    </row>
    <row r="4383" spans="1:6" x14ac:dyDescent="0.2">
      <c r="A4383" s="239">
        <f>'CPT Data'!B4391</f>
        <v>43.540999999999997</v>
      </c>
      <c r="B4383" s="3">
        <f>'CPT Data'!C4391</f>
        <v>43.533999999999999</v>
      </c>
      <c r="C4383" t="str">
        <f>'CPT Data'!P4391</f>
        <v>CLAY</v>
      </c>
      <c r="D4383">
        <f>'CPT Data'!Q4391</f>
        <v>571.5286676513158</v>
      </c>
      <c r="E4383">
        <f t="shared" si="69"/>
        <v>578.53514702850123</v>
      </c>
      <c r="F4383">
        <f>IF(C4383="CLAY", INDEX(D$4:D4383, MATCH("CLAY", C$4:C4383, 0)), "")</f>
        <v>0.75203252561341039</v>
      </c>
    </row>
    <row r="4384" spans="1:6" x14ac:dyDescent="0.2">
      <c r="A4384" s="239">
        <f>'CPT Data'!B4392</f>
        <v>43.551000000000002</v>
      </c>
      <c r="B4384" s="3">
        <f>'CPT Data'!C4392</f>
        <v>43.544000000000004</v>
      </c>
      <c r="C4384" t="str">
        <f>'CPT Data'!P4392</f>
        <v>CLAY</v>
      </c>
      <c r="D4384">
        <f>'CPT Data'!Q4392</f>
        <v>587.02067536227014</v>
      </c>
      <c r="E4384">
        <f t="shared" si="69"/>
        <v>571.5286676513158</v>
      </c>
      <c r="F4384">
        <f>IF(C4384="CLAY", INDEX(D$4:D4384, MATCH("CLAY", C$4:C4384, 0)), "")</f>
        <v>0.75203252561341039</v>
      </c>
    </row>
    <row r="4385" spans="1:6" x14ac:dyDescent="0.2">
      <c r="A4385" s="239">
        <f>'CPT Data'!B4393</f>
        <v>43.56</v>
      </c>
      <c r="B4385" s="3">
        <f>'CPT Data'!C4393</f>
        <v>43.553000000000004</v>
      </c>
      <c r="C4385" t="str">
        <f>'CPT Data'!P4393</f>
        <v>CLAY</v>
      </c>
      <c r="D4385">
        <f>'CPT Data'!Q4393</f>
        <v>571.68388545374182</v>
      </c>
      <c r="E4385">
        <f t="shared" si="69"/>
        <v>587.02067536227014</v>
      </c>
      <c r="F4385">
        <f>IF(C4385="CLAY", INDEX(D$4:D4385, MATCH("CLAY", C$4:C4385, 0)), "")</f>
        <v>0.75203252561341039</v>
      </c>
    </row>
    <row r="4386" spans="1:6" x14ac:dyDescent="0.2">
      <c r="A4386" s="239">
        <f>'CPT Data'!B4394</f>
        <v>43.570999999999998</v>
      </c>
      <c r="B4386" s="3">
        <f>'CPT Data'!C4394</f>
        <v>43.564</v>
      </c>
      <c r="C4386" t="str">
        <f>'CPT Data'!P4394</f>
        <v>CLAY</v>
      </c>
      <c r="D4386">
        <f>'CPT Data'!Q4394</f>
        <v>551.38060296443825</v>
      </c>
      <c r="E4386">
        <f t="shared" si="69"/>
        <v>571.68388545374182</v>
      </c>
      <c r="F4386">
        <f>IF(C4386="CLAY", INDEX(D$4:D4386, MATCH("CLAY", C$4:C4386, 0)), "")</f>
        <v>0.75203252561341039</v>
      </c>
    </row>
    <row r="4387" spans="1:6" x14ac:dyDescent="0.2">
      <c r="A4387" s="239">
        <f>'CPT Data'!B4395</f>
        <v>43.58</v>
      </c>
      <c r="B4387" s="3">
        <f>'CPT Data'!C4395</f>
        <v>43.573</v>
      </c>
      <c r="C4387" t="str">
        <f>'CPT Data'!P4395</f>
        <v>CLAY</v>
      </c>
      <c r="D4387">
        <f>'CPT Data'!Q4395</f>
        <v>536.9833374684514</v>
      </c>
      <c r="E4387">
        <f t="shared" si="69"/>
        <v>551.38060296443825</v>
      </c>
      <c r="F4387">
        <f>IF(C4387="CLAY", INDEX(D$4:D4387, MATCH("CLAY", C$4:C4387, 0)), "")</f>
        <v>0.75203252561341039</v>
      </c>
    </row>
    <row r="4388" spans="1:6" x14ac:dyDescent="0.2">
      <c r="A4388" s="239">
        <f>'CPT Data'!B4396</f>
        <v>43.588999999999999</v>
      </c>
      <c r="B4388" s="3">
        <f>'CPT Data'!C4396</f>
        <v>43.582000000000001</v>
      </c>
      <c r="C4388" t="str">
        <f>'CPT Data'!P4396</f>
        <v>CLAY</v>
      </c>
      <c r="D4388">
        <f>'CPT Data'!Q4396</f>
        <v>530.13340334700888</v>
      </c>
      <c r="E4388">
        <f t="shared" si="69"/>
        <v>536.9833374684514</v>
      </c>
      <c r="F4388">
        <f>IF(C4388="CLAY", INDEX(D$4:D4388, MATCH("CLAY", C$4:C4388, 0)), "")</f>
        <v>0.75203252561341039</v>
      </c>
    </row>
    <row r="4389" spans="1:6" x14ac:dyDescent="0.2">
      <c r="A4389" s="239">
        <f>'CPT Data'!B4397</f>
        <v>43.598999999999997</v>
      </c>
      <c r="B4389" s="3">
        <f>'CPT Data'!C4397</f>
        <v>43.591999999999999</v>
      </c>
      <c r="C4389" t="str">
        <f>'CPT Data'!P4397</f>
        <v>CLAY</v>
      </c>
      <c r="D4389">
        <f>'CPT Data'!Q4397</f>
        <v>537.78792763493141</v>
      </c>
      <c r="E4389">
        <f t="shared" si="69"/>
        <v>530.13340334700888</v>
      </c>
      <c r="F4389">
        <f>IF(C4389="CLAY", INDEX(D$4:D4389, MATCH("CLAY", C$4:C4389, 0)), "")</f>
        <v>0.75203252561341039</v>
      </c>
    </row>
    <row r="4390" spans="1:6" x14ac:dyDescent="0.2">
      <c r="A4390" s="239">
        <f>'CPT Data'!B4398</f>
        <v>43.609000000000002</v>
      </c>
      <c r="B4390" s="3">
        <f>'CPT Data'!C4398</f>
        <v>43.602000000000004</v>
      </c>
      <c r="C4390" t="str">
        <f>'CPT Data'!P4398</f>
        <v>CLAY</v>
      </c>
      <c r="D4390">
        <f>'CPT Data'!Q4398</f>
        <v>549.61587576452371</v>
      </c>
      <c r="E4390">
        <f t="shared" si="69"/>
        <v>537.78792763493141</v>
      </c>
      <c r="F4390">
        <f>IF(C4390="CLAY", INDEX(D$4:D4390, MATCH("CLAY", C$4:C4390, 0)), "")</f>
        <v>0.75203252561341039</v>
      </c>
    </row>
    <row r="4391" spans="1:6" x14ac:dyDescent="0.2">
      <c r="A4391" s="239">
        <f>'CPT Data'!B4399</f>
        <v>43.618000000000002</v>
      </c>
      <c r="B4391" s="3">
        <f>'CPT Data'!C4399</f>
        <v>43.611000000000004</v>
      </c>
      <c r="C4391" t="str">
        <f>'CPT Data'!P4399</f>
        <v>CLAY</v>
      </c>
      <c r="D4391">
        <f>'CPT Data'!Q4399</f>
        <v>565.50748698246218</v>
      </c>
      <c r="E4391">
        <f t="shared" si="69"/>
        <v>549.61587576452371</v>
      </c>
      <c r="F4391">
        <f>IF(C4391="CLAY", INDEX(D$4:D4391, MATCH("CLAY", C$4:C4391, 0)), "")</f>
        <v>0.75203252561341039</v>
      </c>
    </row>
    <row r="4392" spans="1:6" x14ac:dyDescent="0.2">
      <c r="A4392" s="239">
        <f>'CPT Data'!B4400</f>
        <v>43.628</v>
      </c>
      <c r="B4392" s="3">
        <f>'CPT Data'!C4400</f>
        <v>43.621000000000002</v>
      </c>
      <c r="C4392" t="str">
        <f>'CPT Data'!P4400</f>
        <v>CLAY</v>
      </c>
      <c r="D4392">
        <f>'CPT Data'!Q4400</f>
        <v>616.97920571435895</v>
      </c>
      <c r="E4392">
        <f t="shared" si="69"/>
        <v>565.50748698246218</v>
      </c>
      <c r="F4392">
        <f>IF(C4392="CLAY", INDEX(D$4:D4392, MATCH("CLAY", C$4:C4392, 0)), "")</f>
        <v>0.75203252561341039</v>
      </c>
    </row>
    <row r="4393" spans="1:6" x14ac:dyDescent="0.2">
      <c r="A4393" s="239">
        <f>'CPT Data'!B4401</f>
        <v>43.637999999999998</v>
      </c>
      <c r="B4393" s="3">
        <f>'CPT Data'!C4401</f>
        <v>43.631</v>
      </c>
      <c r="C4393" t="str">
        <f>'CPT Data'!P4401</f>
        <v>CLAY</v>
      </c>
      <c r="D4393">
        <f>'CPT Data'!Q4401</f>
        <v>658.79913120685137</v>
      </c>
      <c r="E4393">
        <f t="shared" si="69"/>
        <v>616.97920571435895</v>
      </c>
      <c r="F4393">
        <f>IF(C4393="CLAY", INDEX(D$4:D4393, MATCH("CLAY", C$4:C4393, 0)), "")</f>
        <v>0.75203252561341039</v>
      </c>
    </row>
    <row r="4394" spans="1:6" x14ac:dyDescent="0.2">
      <c r="A4394" s="239">
        <f>'CPT Data'!B4402</f>
        <v>43.648000000000003</v>
      </c>
      <c r="B4394" s="3">
        <f>'CPT Data'!C4402</f>
        <v>43.641000000000005</v>
      </c>
      <c r="C4394" t="str">
        <f>'CPT Data'!P4402</f>
        <v>CLAY</v>
      </c>
      <c r="D4394">
        <f>'CPT Data'!Q4402</f>
        <v>705.29759100020749</v>
      </c>
      <c r="E4394">
        <f t="shared" si="69"/>
        <v>658.79913120685137</v>
      </c>
      <c r="F4394">
        <f>IF(C4394="CLAY", INDEX(D$4:D4394, MATCH("CLAY", C$4:C4394, 0)), "")</f>
        <v>0.75203252561341039</v>
      </c>
    </row>
    <row r="4395" spans="1:6" x14ac:dyDescent="0.2">
      <c r="A4395" s="239">
        <f>'CPT Data'!B4403</f>
        <v>43.656999999999996</v>
      </c>
      <c r="B4395" s="3">
        <f>'CPT Data'!C4403</f>
        <v>43.65</v>
      </c>
      <c r="C4395" t="str">
        <f>'CPT Data'!P4403</f>
        <v>CLAY</v>
      </c>
      <c r="D4395">
        <f>'CPT Data'!Q4403</f>
        <v>750.99311937684331</v>
      </c>
      <c r="E4395">
        <f t="shared" si="69"/>
        <v>705.29759100020749</v>
      </c>
      <c r="F4395">
        <f>IF(C4395="CLAY", INDEX(D$4:D4395, MATCH("CLAY", C$4:C4395, 0)), "")</f>
        <v>0.75203252561341039</v>
      </c>
    </row>
    <row r="4396" spans="1:6" x14ac:dyDescent="0.2">
      <c r="A4396" s="239">
        <f>'CPT Data'!B4404</f>
        <v>43.665999999999997</v>
      </c>
      <c r="B4396" s="3">
        <f>'CPT Data'!C4404</f>
        <v>43.658999999999999</v>
      </c>
      <c r="C4396" t="str">
        <f>'CPT Data'!P4404</f>
        <v>CLAY</v>
      </c>
      <c r="D4396">
        <f>'CPT Data'!Q4404</f>
        <v>791.42499992356454</v>
      </c>
      <c r="E4396">
        <f t="shared" si="69"/>
        <v>750.99311937684331</v>
      </c>
      <c r="F4396">
        <f>IF(C4396="CLAY", INDEX(D$4:D4396, MATCH("CLAY", C$4:C4396, 0)), "")</f>
        <v>0.75203252561341039</v>
      </c>
    </row>
    <row r="4397" spans="1:6" x14ac:dyDescent="0.2">
      <c r="A4397" s="239">
        <f>'CPT Data'!B4405</f>
        <v>43.677</v>
      </c>
      <c r="B4397" s="3">
        <f>'CPT Data'!C4405</f>
        <v>43.67</v>
      </c>
      <c r="C4397" t="str">
        <f>'CPT Data'!P4405</f>
        <v>CLAY</v>
      </c>
      <c r="D4397">
        <f>'CPT Data'!Q4405</f>
        <v>810.61097549290787</v>
      </c>
      <c r="E4397">
        <f t="shared" si="69"/>
        <v>791.42499992356454</v>
      </c>
      <c r="F4397">
        <f>IF(C4397="CLAY", INDEX(D$4:D4397, MATCH("CLAY", C$4:C4397, 0)), "")</f>
        <v>0.75203252561341039</v>
      </c>
    </row>
    <row r="4398" spans="1:6" x14ac:dyDescent="0.2">
      <c r="A4398" s="239">
        <f>'CPT Data'!B4406</f>
        <v>43.686999999999998</v>
      </c>
      <c r="B4398" s="3">
        <f>'CPT Data'!C4406</f>
        <v>43.68</v>
      </c>
      <c r="C4398" t="str">
        <f>'CPT Data'!P4406</f>
        <v>CLAY</v>
      </c>
      <c r="D4398">
        <f>'CPT Data'!Q4406</f>
        <v>817.56543971942995</v>
      </c>
      <c r="E4398">
        <f t="shared" si="69"/>
        <v>810.61097549290787</v>
      </c>
      <c r="F4398">
        <f>IF(C4398="CLAY", INDEX(D$4:D4398, MATCH("CLAY", C$4:C4398, 0)), "")</f>
        <v>0.75203252561341039</v>
      </c>
    </row>
    <row r="4399" spans="1:6" x14ac:dyDescent="0.2">
      <c r="A4399" s="239">
        <f>'CPT Data'!B4407</f>
        <v>43.697000000000003</v>
      </c>
      <c r="B4399" s="3">
        <f>'CPT Data'!C4407</f>
        <v>43.690000000000005</v>
      </c>
      <c r="C4399" t="str">
        <f>'CPT Data'!P4407</f>
        <v>CLAY</v>
      </c>
      <c r="D4399">
        <f>'CPT Data'!Q4407</f>
        <v>798.31961287981255</v>
      </c>
      <c r="E4399">
        <f t="shared" si="69"/>
        <v>817.56543971942995</v>
      </c>
      <c r="F4399">
        <f>IF(C4399="CLAY", INDEX(D$4:D4399, MATCH("CLAY", C$4:C4399, 0)), "")</f>
        <v>0.75203252561341039</v>
      </c>
    </row>
    <row r="4400" spans="1:6" x14ac:dyDescent="0.2">
      <c r="A4400" s="239">
        <f>'CPT Data'!B4408</f>
        <v>43.706000000000003</v>
      </c>
      <c r="B4400" s="3">
        <f>'CPT Data'!C4408</f>
        <v>43.699000000000005</v>
      </c>
      <c r="C4400" t="str">
        <f>'CPT Data'!P4408</f>
        <v>CLAY</v>
      </c>
      <c r="D4400">
        <f>'CPT Data'!Q4408</f>
        <v>765.09329340832926</v>
      </c>
      <c r="E4400">
        <f t="shared" si="69"/>
        <v>798.31961287981255</v>
      </c>
      <c r="F4400">
        <f>IF(C4400="CLAY", INDEX(D$4:D4400, MATCH("CLAY", C$4:C4400, 0)), "")</f>
        <v>0.75203252561341039</v>
      </c>
    </row>
    <row r="4401" spans="1:6" x14ac:dyDescent="0.2">
      <c r="A4401" s="239">
        <f>'CPT Data'!B4409</f>
        <v>43.715000000000003</v>
      </c>
      <c r="B4401" s="3">
        <f>'CPT Data'!C4409</f>
        <v>43.708000000000006</v>
      </c>
      <c r="C4401" t="str">
        <f>'CPT Data'!P4409</f>
        <v>CLAY</v>
      </c>
      <c r="D4401">
        <f>'CPT Data'!Q4409</f>
        <v>734.35101199551229</v>
      </c>
      <c r="E4401">
        <f t="shared" si="69"/>
        <v>765.09329340832926</v>
      </c>
      <c r="F4401">
        <f>IF(C4401="CLAY", INDEX(D$4:D4401, MATCH("CLAY", C$4:C4401, 0)), "")</f>
        <v>0.75203252561341039</v>
      </c>
    </row>
    <row r="4402" spans="1:6" x14ac:dyDescent="0.2">
      <c r="A4402" s="239">
        <f>'CPT Data'!B4410</f>
        <v>43.725999999999999</v>
      </c>
      <c r="B4402" s="3">
        <f>'CPT Data'!C4410</f>
        <v>43.719000000000001</v>
      </c>
      <c r="C4402" t="str">
        <f>'CPT Data'!P4410</f>
        <v>CLAY</v>
      </c>
      <c r="D4402">
        <f>'CPT Data'!Q4410</f>
        <v>704.23647993650695</v>
      </c>
      <c r="E4402">
        <f t="shared" si="69"/>
        <v>734.35101199551229</v>
      </c>
      <c r="F4402">
        <f>IF(C4402="CLAY", INDEX(D$4:D4402, MATCH("CLAY", C$4:C4402, 0)), "")</f>
        <v>0.75203252561341039</v>
      </c>
    </row>
    <row r="4403" spans="1:6" x14ac:dyDescent="0.2">
      <c r="A4403" s="239">
        <f>'CPT Data'!B4411</f>
        <v>43.734999999999999</v>
      </c>
      <c r="B4403" s="3">
        <f>'CPT Data'!C4411</f>
        <v>43.728000000000002</v>
      </c>
      <c r="C4403" t="str">
        <f>'CPT Data'!P4411</f>
        <v>CLAY</v>
      </c>
      <c r="D4403">
        <f>'CPT Data'!Q4411</f>
        <v>669.84791104002966</v>
      </c>
      <c r="E4403">
        <f t="shared" si="69"/>
        <v>704.23647993650695</v>
      </c>
      <c r="F4403">
        <f>IF(C4403="CLAY", INDEX(D$4:D4403, MATCH("CLAY", C$4:C4403, 0)), "")</f>
        <v>0.75203252561341039</v>
      </c>
    </row>
    <row r="4404" spans="1:6" x14ac:dyDescent="0.2">
      <c r="A4404" s="239">
        <f>'CPT Data'!B4412</f>
        <v>43.744</v>
      </c>
      <c r="B4404" s="3">
        <f>'CPT Data'!C4412</f>
        <v>43.737000000000002</v>
      </c>
      <c r="C4404" t="str">
        <f>'CPT Data'!P4412</f>
        <v>CLAY</v>
      </c>
      <c r="D4404">
        <f>'CPT Data'!Q4412</f>
        <v>650.96770713758485</v>
      </c>
      <c r="E4404">
        <f t="shared" si="69"/>
        <v>669.84791104002966</v>
      </c>
      <c r="F4404">
        <f>IF(C4404="CLAY", INDEX(D$4:D4404, MATCH("CLAY", C$4:C4404, 0)), "")</f>
        <v>0.75203252561341039</v>
      </c>
    </row>
    <row r="4405" spans="1:6" x14ac:dyDescent="0.2">
      <c r="A4405" s="239">
        <f>'CPT Data'!B4413</f>
        <v>43.755000000000003</v>
      </c>
      <c r="B4405" s="3">
        <f>'CPT Data'!C4413</f>
        <v>43.748000000000005</v>
      </c>
      <c r="C4405" t="str">
        <f>'CPT Data'!P4413</f>
        <v>CLAY</v>
      </c>
      <c r="D4405">
        <f>'CPT Data'!Q4413</f>
        <v>629.54729674697012</v>
      </c>
      <c r="E4405">
        <f t="shared" si="69"/>
        <v>650.96770713758485</v>
      </c>
      <c r="F4405">
        <f>IF(C4405="CLAY", INDEX(D$4:D4405, MATCH("CLAY", C$4:C4405, 0)), "")</f>
        <v>0.75203252561341039</v>
      </c>
    </row>
    <row r="4406" spans="1:6" x14ac:dyDescent="0.2">
      <c r="A4406" s="239">
        <f>'CPT Data'!B4414</f>
        <v>43.764000000000003</v>
      </c>
      <c r="B4406" s="3">
        <f>'CPT Data'!C4414</f>
        <v>43.757000000000005</v>
      </c>
      <c r="C4406" t="str">
        <f>'CPT Data'!P4414</f>
        <v>CLAY</v>
      </c>
      <c r="D4406">
        <f>'CPT Data'!Q4414</f>
        <v>610.21468469163278</v>
      </c>
      <c r="E4406">
        <f t="shared" si="69"/>
        <v>629.54729674697012</v>
      </c>
      <c r="F4406">
        <f>IF(C4406="CLAY", INDEX(D$4:D4406, MATCH("CLAY", C$4:C4406, 0)), "")</f>
        <v>0.75203252561341039</v>
      </c>
    </row>
    <row r="4407" spans="1:6" x14ac:dyDescent="0.2">
      <c r="A4407" s="239">
        <f>'CPT Data'!B4415</f>
        <v>43.774000000000001</v>
      </c>
      <c r="B4407" s="3">
        <f>'CPT Data'!C4415</f>
        <v>43.767000000000003</v>
      </c>
      <c r="C4407" t="str">
        <f>'CPT Data'!P4415</f>
        <v>CLAY</v>
      </c>
      <c r="D4407">
        <f>'CPT Data'!Q4415</f>
        <v>617.26589983818496</v>
      </c>
      <c r="E4407">
        <f t="shared" si="69"/>
        <v>610.21468469163278</v>
      </c>
      <c r="F4407">
        <f>IF(C4407="CLAY", INDEX(D$4:D4407, MATCH("CLAY", C$4:C4407, 0)), "")</f>
        <v>0.75203252561341039</v>
      </c>
    </row>
    <row r="4408" spans="1:6" x14ac:dyDescent="0.2">
      <c r="A4408" s="239">
        <f>'CPT Data'!B4416</f>
        <v>43.783000000000001</v>
      </c>
      <c r="B4408" s="3">
        <f>'CPT Data'!C4416</f>
        <v>43.776000000000003</v>
      </c>
      <c r="C4408" t="str">
        <f>'CPT Data'!P4416</f>
        <v>CLAY</v>
      </c>
      <c r="D4408">
        <f>'CPT Data'!Q4416</f>
        <v>635.31307129345498</v>
      </c>
      <c r="E4408">
        <f t="shared" si="69"/>
        <v>617.26589983818496</v>
      </c>
      <c r="F4408">
        <f>IF(C4408="CLAY", INDEX(D$4:D4408, MATCH("CLAY", C$4:C4408, 0)), "")</f>
        <v>0.75203252561341039</v>
      </c>
    </row>
    <row r="4409" spans="1:6" x14ac:dyDescent="0.2">
      <c r="A4409" s="239">
        <f>'CPT Data'!B4417</f>
        <v>43.793999999999997</v>
      </c>
      <c r="B4409" s="3">
        <f>'CPT Data'!C4417</f>
        <v>43.786999999999999</v>
      </c>
      <c r="C4409" t="str">
        <f>'CPT Data'!P4417</f>
        <v>CLAY</v>
      </c>
      <c r="D4409">
        <f>'CPT Data'!Q4417</f>
        <v>664.89867602284187</v>
      </c>
      <c r="E4409">
        <f t="shared" si="69"/>
        <v>635.31307129345498</v>
      </c>
      <c r="F4409">
        <f>IF(C4409="CLAY", INDEX(D$4:D4409, MATCH("CLAY", C$4:C4409, 0)), "")</f>
        <v>0.75203252561341039</v>
      </c>
    </row>
    <row r="4410" spans="1:6" x14ac:dyDescent="0.2">
      <c r="A4410" s="239">
        <f>'CPT Data'!B4418</f>
        <v>43.802999999999997</v>
      </c>
      <c r="B4410" s="3">
        <f>'CPT Data'!C4418</f>
        <v>43.795999999999999</v>
      </c>
      <c r="C4410" t="str">
        <f>'CPT Data'!P4418</f>
        <v>CLAY</v>
      </c>
      <c r="D4410">
        <f>'CPT Data'!Q4418</f>
        <v>690.88476632676839</v>
      </c>
      <c r="E4410">
        <f t="shared" si="69"/>
        <v>664.89867602284187</v>
      </c>
      <c r="F4410">
        <f>IF(C4410="CLAY", INDEX(D$4:D4410, MATCH("CLAY", C$4:C4410, 0)), "")</f>
        <v>0.75203252561341039</v>
      </c>
    </row>
    <row r="4411" spans="1:6" x14ac:dyDescent="0.2">
      <c r="A4411" s="239">
        <f>'CPT Data'!B4419</f>
        <v>43.813000000000002</v>
      </c>
      <c r="B4411" s="3">
        <f>'CPT Data'!C4419</f>
        <v>43.806000000000004</v>
      </c>
      <c r="C4411" t="str">
        <f>'CPT Data'!P4419</f>
        <v>CLAY</v>
      </c>
      <c r="D4411">
        <f>'CPT Data'!Q4419</f>
        <v>729.87510255817745</v>
      </c>
      <c r="E4411">
        <f t="shared" si="69"/>
        <v>690.88476632676839</v>
      </c>
      <c r="F4411">
        <f>IF(C4411="CLAY", INDEX(D$4:D4411, MATCH("CLAY", C$4:C4411, 0)), "")</f>
        <v>0.75203252561341039</v>
      </c>
    </row>
    <row r="4412" spans="1:6" x14ac:dyDescent="0.2">
      <c r="A4412" s="239">
        <f>'CPT Data'!B4420</f>
        <v>43.822000000000003</v>
      </c>
      <c r="B4412" s="3">
        <f>'CPT Data'!C4420</f>
        <v>43.815000000000005</v>
      </c>
      <c r="C4412" t="str">
        <f>'CPT Data'!P4420</f>
        <v>CLAY</v>
      </c>
      <c r="D4412">
        <f>'CPT Data'!Q4420</f>
        <v>759.79778264004324</v>
      </c>
      <c r="E4412">
        <f t="shared" si="69"/>
        <v>729.87510255817745</v>
      </c>
      <c r="F4412">
        <f>IF(C4412="CLAY", INDEX(D$4:D4412, MATCH("CLAY", C$4:C4412, 0)), "")</f>
        <v>0.75203252561341039</v>
      </c>
    </row>
    <row r="4413" spans="1:6" x14ac:dyDescent="0.2">
      <c r="A4413" s="239">
        <f>'CPT Data'!B4421</f>
        <v>43.832000000000001</v>
      </c>
      <c r="B4413" s="3">
        <f>'CPT Data'!C4421</f>
        <v>43.825000000000003</v>
      </c>
      <c r="C4413" t="str">
        <f>'CPT Data'!P4421</f>
        <v>CLAY</v>
      </c>
      <c r="D4413">
        <f>'CPT Data'!Q4421</f>
        <v>798.58181129589718</v>
      </c>
      <c r="E4413">
        <f t="shared" si="69"/>
        <v>759.79778264004324</v>
      </c>
      <c r="F4413">
        <f>IF(C4413="CLAY", INDEX(D$4:D4413, MATCH("CLAY", C$4:C4413, 0)), "")</f>
        <v>0.75203252561341039</v>
      </c>
    </row>
    <row r="4414" spans="1:6" x14ac:dyDescent="0.2">
      <c r="A4414" s="239">
        <f>'CPT Data'!B4422</f>
        <v>43.841999999999999</v>
      </c>
      <c r="B4414" s="3">
        <f>'CPT Data'!C4422</f>
        <v>43.835000000000001</v>
      </c>
      <c r="C4414" t="str">
        <f>'CPT Data'!P4422</f>
        <v>CLAY</v>
      </c>
      <c r="D4414">
        <f>'CPT Data'!Q4422</f>
        <v>796.13552529166589</v>
      </c>
      <c r="E4414">
        <f t="shared" si="69"/>
        <v>798.58181129589718</v>
      </c>
      <c r="F4414">
        <f>IF(C4414="CLAY", INDEX(D$4:D4414, MATCH("CLAY", C$4:C4414, 0)), "")</f>
        <v>0.75203252561341039</v>
      </c>
    </row>
    <row r="4415" spans="1:6" x14ac:dyDescent="0.2">
      <c r="A4415" s="239">
        <f>'CPT Data'!B4423</f>
        <v>43.850999999999999</v>
      </c>
      <c r="B4415" s="3">
        <f>'CPT Data'!C4423</f>
        <v>43.844000000000001</v>
      </c>
      <c r="C4415" t="str">
        <f>'CPT Data'!P4423</f>
        <v>CLAY</v>
      </c>
      <c r="D4415">
        <f>'CPT Data'!Q4423</f>
        <v>751.03987277329804</v>
      </c>
      <c r="E4415">
        <f t="shared" si="69"/>
        <v>796.13552529166589</v>
      </c>
      <c r="F4415">
        <f>IF(C4415="CLAY", INDEX(D$4:D4415, MATCH("CLAY", C$4:C4415, 0)), "")</f>
        <v>0.75203252561341039</v>
      </c>
    </row>
    <row r="4416" spans="1:6" x14ac:dyDescent="0.2">
      <c r="A4416" s="239">
        <f>'CPT Data'!B4424</f>
        <v>43.862000000000002</v>
      </c>
      <c r="B4416" s="3">
        <f>'CPT Data'!C4424</f>
        <v>43.855000000000004</v>
      </c>
      <c r="C4416" t="str">
        <f>'CPT Data'!P4424</f>
        <v>CLAY</v>
      </c>
      <c r="D4416">
        <f>'CPT Data'!Q4424</f>
        <v>704.90229623634025</v>
      </c>
      <c r="E4416">
        <f t="shared" si="69"/>
        <v>751.03987277329804</v>
      </c>
      <c r="F4416">
        <f>IF(C4416="CLAY", INDEX(D$4:D4416, MATCH("CLAY", C$4:C4416, 0)), "")</f>
        <v>0.75203252561341039</v>
      </c>
    </row>
    <row r="4417" spans="1:6" x14ac:dyDescent="0.2">
      <c r="A4417" s="239">
        <f>'CPT Data'!B4425</f>
        <v>43.871000000000002</v>
      </c>
      <c r="B4417" s="3">
        <f>'CPT Data'!C4425</f>
        <v>43.864000000000004</v>
      </c>
      <c r="C4417" t="str">
        <f>'CPT Data'!P4425</f>
        <v>CLAY</v>
      </c>
      <c r="D4417">
        <f>'CPT Data'!Q4425</f>
        <v>669.68848182327622</v>
      </c>
      <c r="E4417">
        <f t="shared" si="69"/>
        <v>704.90229623634025</v>
      </c>
      <c r="F4417">
        <f>IF(C4417="CLAY", INDEX(D$4:D4417, MATCH("CLAY", C$4:C4417, 0)), "")</f>
        <v>0.75203252561341039</v>
      </c>
    </row>
    <row r="4418" spans="1:6" x14ac:dyDescent="0.2">
      <c r="A4418" s="239">
        <f>'CPT Data'!B4426</f>
        <v>43.881</v>
      </c>
      <c r="B4418" s="3">
        <f>'CPT Data'!C4426</f>
        <v>43.874000000000002</v>
      </c>
      <c r="C4418" t="str">
        <f>'CPT Data'!P4426</f>
        <v>CLAY</v>
      </c>
      <c r="D4418">
        <f>'CPT Data'!Q4426</f>
        <v>652.26852545079191</v>
      </c>
      <c r="E4418">
        <f t="shared" si="69"/>
        <v>669.68848182327622</v>
      </c>
      <c r="F4418">
        <f>IF(C4418="CLAY", INDEX(D$4:D4418, MATCH("CLAY", C$4:C4418, 0)), "")</f>
        <v>0.75203252561341039</v>
      </c>
    </row>
    <row r="4419" spans="1:6" x14ac:dyDescent="0.2">
      <c r="A4419" s="239">
        <f>'CPT Data'!B4427</f>
        <v>43.890999999999998</v>
      </c>
      <c r="B4419" s="3">
        <f>'CPT Data'!C4427</f>
        <v>43.884</v>
      </c>
      <c r="C4419" t="str">
        <f>'CPT Data'!P4427</f>
        <v>CLAY</v>
      </c>
      <c r="D4419">
        <f>'CPT Data'!Q4427</f>
        <v>641.28816046642271</v>
      </c>
      <c r="E4419">
        <f t="shared" si="69"/>
        <v>652.26852545079191</v>
      </c>
      <c r="F4419">
        <f>IF(C4419="CLAY", INDEX(D$4:D4419, MATCH("CLAY", C$4:C4419, 0)), "")</f>
        <v>0.75203252561341039</v>
      </c>
    </row>
    <row r="4420" spans="1:6" x14ac:dyDescent="0.2">
      <c r="A4420" s="239">
        <f>'CPT Data'!B4428</f>
        <v>43.9</v>
      </c>
      <c r="B4420" s="3">
        <f>'CPT Data'!C4428</f>
        <v>43.893000000000001</v>
      </c>
      <c r="C4420" t="str">
        <f>'CPT Data'!P4428</f>
        <v>CLAY</v>
      </c>
      <c r="D4420">
        <f>'CPT Data'!Q4428</f>
        <v>629.75296499838134</v>
      </c>
      <c r="E4420">
        <f t="shared" si="69"/>
        <v>641.28816046642271</v>
      </c>
      <c r="F4420">
        <f>IF(C4420="CLAY", INDEX(D$4:D4420, MATCH("CLAY", C$4:C4420, 0)), "")</f>
        <v>0.75203252561341039</v>
      </c>
    </row>
    <row r="4421" spans="1:6" x14ac:dyDescent="0.2">
      <c r="A4421" s="239">
        <f>'CPT Data'!B4429</f>
        <v>43.908999999999999</v>
      </c>
      <c r="B4421" s="3">
        <f>'CPT Data'!C4429</f>
        <v>43.902000000000001</v>
      </c>
      <c r="C4421" t="str">
        <f>'CPT Data'!P4429</f>
        <v>CLAY</v>
      </c>
      <c r="D4421">
        <f>'CPT Data'!Q4429</f>
        <v>638.12352951196704</v>
      </c>
      <c r="E4421">
        <f t="shared" si="69"/>
        <v>629.75296499838134</v>
      </c>
      <c r="F4421">
        <f>IF(C4421="CLAY", INDEX(D$4:D4421, MATCH("CLAY", C$4:C4421, 0)), "")</f>
        <v>0.75203252561341039</v>
      </c>
    </row>
    <row r="4422" spans="1:6" x14ac:dyDescent="0.2">
      <c r="A4422" s="239">
        <f>'CPT Data'!B4430</f>
        <v>43.918999999999997</v>
      </c>
      <c r="B4422" s="3">
        <f>'CPT Data'!C4430</f>
        <v>43.911999999999999</v>
      </c>
      <c r="C4422" t="str">
        <f>'CPT Data'!P4430</f>
        <v>CLAY</v>
      </c>
      <c r="D4422">
        <f>'CPT Data'!Q4430</f>
        <v>651.26306787551323</v>
      </c>
      <c r="E4422">
        <f t="shared" si="69"/>
        <v>638.12352951196704</v>
      </c>
      <c r="F4422">
        <f>IF(C4422="CLAY", INDEX(D$4:D4422, MATCH("CLAY", C$4:C4422, 0)), "")</f>
        <v>0.75203252561341039</v>
      </c>
    </row>
    <row r="4423" spans="1:6" x14ac:dyDescent="0.2">
      <c r="A4423" s="239">
        <f>'CPT Data'!B4431</f>
        <v>43.929000000000002</v>
      </c>
      <c r="B4423" s="3">
        <f>'CPT Data'!C4431</f>
        <v>43.922000000000004</v>
      </c>
      <c r="C4423" t="str">
        <f>'CPT Data'!P4431</f>
        <v>CLAY</v>
      </c>
      <c r="D4423">
        <f>'CPT Data'!Q4431</f>
        <v>652.2654943967342</v>
      </c>
      <c r="E4423">
        <f t="shared" si="69"/>
        <v>651.26306787551323</v>
      </c>
      <c r="F4423">
        <f>IF(C4423="CLAY", INDEX(D$4:D4423, MATCH("CLAY", C$4:C4423, 0)), "")</f>
        <v>0.75203252561341039</v>
      </c>
    </row>
    <row r="4424" spans="1:6" x14ac:dyDescent="0.2">
      <c r="A4424" s="239">
        <f>'CPT Data'!B4432</f>
        <v>43.939</v>
      </c>
      <c r="B4424" s="3">
        <f>'CPT Data'!C4432</f>
        <v>43.932000000000002</v>
      </c>
      <c r="C4424" t="str">
        <f>'CPT Data'!P4432</f>
        <v>CLAY</v>
      </c>
      <c r="D4424">
        <f>'CPT Data'!Q4432</f>
        <v>652.99474573352143</v>
      </c>
      <c r="E4424">
        <f t="shared" si="69"/>
        <v>652.2654943967342</v>
      </c>
      <c r="F4424">
        <f>IF(C4424="CLAY", INDEX(D$4:D4424, MATCH("CLAY", C$4:C4424, 0)), "")</f>
        <v>0.75203252561341039</v>
      </c>
    </row>
    <row r="4425" spans="1:6" x14ac:dyDescent="0.2">
      <c r="A4425" s="239">
        <f>'CPT Data'!B4433</f>
        <v>43.948</v>
      </c>
      <c r="B4425" s="3">
        <f>'CPT Data'!C4433</f>
        <v>43.941000000000003</v>
      </c>
      <c r="C4425" t="str">
        <f>'CPT Data'!P4433</f>
        <v>CLAY</v>
      </c>
      <c r="D4425">
        <f>'CPT Data'!Q4433</f>
        <v>662.03849288496588</v>
      </c>
      <c r="E4425">
        <f t="shared" si="69"/>
        <v>652.99474573352143</v>
      </c>
      <c r="F4425">
        <f>IF(C4425="CLAY", INDEX(D$4:D4425, MATCH("CLAY", C$4:C4425, 0)), "")</f>
        <v>0.75203252561341039</v>
      </c>
    </row>
    <row r="4426" spans="1:6" x14ac:dyDescent="0.2">
      <c r="A4426" s="239">
        <f>'CPT Data'!B4434</f>
        <v>43.957999999999998</v>
      </c>
      <c r="B4426" s="3">
        <f>'CPT Data'!C4434</f>
        <v>43.951000000000001</v>
      </c>
      <c r="C4426" t="str">
        <f>'CPT Data'!P4434</f>
        <v>CLAY</v>
      </c>
      <c r="D4426">
        <f>'CPT Data'!Q4434</f>
        <v>676.15786864662471</v>
      </c>
      <c r="E4426">
        <f t="shared" si="69"/>
        <v>662.03849288496588</v>
      </c>
      <c r="F4426">
        <f>IF(C4426="CLAY", INDEX(D$4:D4426, MATCH("CLAY", C$4:C4426, 0)), "")</f>
        <v>0.75203252561341039</v>
      </c>
    </row>
    <row r="4427" spans="1:6" x14ac:dyDescent="0.2">
      <c r="A4427" s="239">
        <f>'CPT Data'!B4435</f>
        <v>43.969000000000001</v>
      </c>
      <c r="B4427" s="3">
        <f>'CPT Data'!C4435</f>
        <v>43.962000000000003</v>
      </c>
      <c r="C4427" t="str">
        <f>'CPT Data'!P4435</f>
        <v>CLAY</v>
      </c>
      <c r="D4427">
        <f>'CPT Data'!Q4435</f>
        <v>674.52059623080049</v>
      </c>
      <c r="E4427">
        <f t="shared" si="69"/>
        <v>676.15786864662471</v>
      </c>
      <c r="F4427">
        <f>IF(C4427="CLAY", INDEX(D$4:D4427, MATCH("CLAY", C$4:C4427, 0)), "")</f>
        <v>0.75203252561341039</v>
      </c>
    </row>
    <row r="4428" spans="1:6" x14ac:dyDescent="0.2">
      <c r="A4428" s="239">
        <f>'CPT Data'!B4436</f>
        <v>43.978000000000002</v>
      </c>
      <c r="B4428" s="3">
        <f>'CPT Data'!C4436</f>
        <v>43.971000000000004</v>
      </c>
      <c r="C4428" t="str">
        <f>'CPT Data'!P4436</f>
        <v>CLAY</v>
      </c>
      <c r="D4428">
        <f>'CPT Data'!Q4436</f>
        <v>663.74965869893776</v>
      </c>
      <c r="E4428">
        <f t="shared" si="69"/>
        <v>674.52059623080049</v>
      </c>
      <c r="F4428">
        <f>IF(C4428="CLAY", INDEX(D$4:D4428, MATCH("CLAY", C$4:C4428, 0)), "")</f>
        <v>0.75203252561341039</v>
      </c>
    </row>
    <row r="4429" spans="1:6" x14ac:dyDescent="0.2">
      <c r="A4429" s="239">
        <f>'CPT Data'!B4437</f>
        <v>43.988</v>
      </c>
      <c r="B4429" s="3">
        <f>'CPT Data'!C4437</f>
        <v>43.981000000000002</v>
      </c>
      <c r="C4429" t="str">
        <f>'CPT Data'!P4437</f>
        <v>CLAY</v>
      </c>
      <c r="D4429">
        <f>'CPT Data'!Q4437</f>
        <v>659.51084261987864</v>
      </c>
      <c r="E4429">
        <f t="shared" si="69"/>
        <v>663.74965869893776</v>
      </c>
      <c r="F4429">
        <f>IF(C4429="CLAY", INDEX(D$4:D4429, MATCH("CLAY", C$4:C4429, 0)), "")</f>
        <v>0.75203252561341039</v>
      </c>
    </row>
    <row r="4430" spans="1:6" x14ac:dyDescent="0.2">
      <c r="A4430" s="239">
        <f>'CPT Data'!B4438</f>
        <v>43.997</v>
      </c>
      <c r="B4430" s="3">
        <f>'CPT Data'!C4438</f>
        <v>43.99</v>
      </c>
      <c r="C4430" t="str">
        <f>'CPT Data'!P4438</f>
        <v>CLAY</v>
      </c>
      <c r="D4430">
        <f>'CPT Data'!Q4438</f>
        <v>655.97302747787626</v>
      </c>
      <c r="E4430">
        <f t="shared" si="69"/>
        <v>659.51084261987864</v>
      </c>
      <c r="F4430">
        <f>IF(C4430="CLAY", INDEX(D$4:D4430, MATCH("CLAY", C$4:C4430, 0)), "")</f>
        <v>0.75203252561341039</v>
      </c>
    </row>
    <row r="4431" spans="1:6" x14ac:dyDescent="0.2">
      <c r="A4431" s="239">
        <f>'CPT Data'!B4439</f>
        <v>44.006999999999998</v>
      </c>
      <c r="B4431" s="3">
        <f>'CPT Data'!C4439</f>
        <v>44</v>
      </c>
      <c r="C4431" t="str">
        <f>'CPT Data'!P4439</f>
        <v>CLAY</v>
      </c>
      <c r="D4431">
        <f>'CPT Data'!Q4439</f>
        <v>652.62851320783932</v>
      </c>
      <c r="E4431">
        <f t="shared" si="69"/>
        <v>655.97302747787626</v>
      </c>
      <c r="F4431">
        <f>IF(C4431="CLAY", INDEX(D$4:D4431, MATCH("CLAY", C$4:C4431, 0)), "")</f>
        <v>0.75203252561341039</v>
      </c>
    </row>
    <row r="4432" spans="1:6" x14ac:dyDescent="0.2">
      <c r="A4432" s="239">
        <f>'CPT Data'!B4440</f>
        <v>44.017000000000003</v>
      </c>
      <c r="B4432" s="3">
        <f>'CPT Data'!C4440</f>
        <v>44.010000000000005</v>
      </c>
      <c r="C4432" t="str">
        <f>'CPT Data'!P4440</f>
        <v>CLAY</v>
      </c>
      <c r="D4432">
        <f>'CPT Data'!Q4440</f>
        <v>658.19802055829336</v>
      </c>
      <c r="E4432">
        <f t="shared" si="69"/>
        <v>652.62851320783932</v>
      </c>
      <c r="F4432">
        <f>IF(C4432="CLAY", INDEX(D$4:D4432, MATCH("CLAY", C$4:C4432, 0)), "")</f>
        <v>0.75203252561341039</v>
      </c>
    </row>
    <row r="4433" spans="1:6" x14ac:dyDescent="0.2">
      <c r="A4433" s="239">
        <f>'CPT Data'!B4441</f>
        <v>44.024999999999999</v>
      </c>
      <c r="B4433" s="3">
        <f>'CPT Data'!C4441</f>
        <v>44.018000000000001</v>
      </c>
      <c r="C4433" t="str">
        <f>'CPT Data'!P4441</f>
        <v>CLAY</v>
      </c>
      <c r="D4433">
        <f>'CPT Data'!Q4441</f>
        <v>695.05505215902258</v>
      </c>
      <c r="E4433">
        <f t="shared" si="69"/>
        <v>658.19802055829336</v>
      </c>
      <c r="F4433">
        <f>IF(C4433="CLAY", INDEX(D$4:D4433, MATCH("CLAY", C$4:C4433, 0)), "")</f>
        <v>0.75203252561341039</v>
      </c>
    </row>
    <row r="4434" spans="1:6" x14ac:dyDescent="0.2">
      <c r="A4434" s="239">
        <f>'CPT Data'!B4442</f>
        <v>44.036000000000001</v>
      </c>
      <c r="B4434" s="3">
        <f>'CPT Data'!C4442</f>
        <v>44.029000000000003</v>
      </c>
      <c r="C4434" t="str">
        <f>'CPT Data'!P4442</f>
        <v>CLAY</v>
      </c>
      <c r="D4434">
        <f>'CPT Data'!Q4442</f>
        <v>779.91198840976983</v>
      </c>
      <c r="E4434">
        <f t="shared" si="69"/>
        <v>695.05505215902258</v>
      </c>
      <c r="F4434">
        <f>IF(C4434="CLAY", INDEX(D$4:D4434, MATCH("CLAY", C$4:C4434, 0)), "")</f>
        <v>0.75203252561341039</v>
      </c>
    </row>
    <row r="4435" spans="1:6" x14ac:dyDescent="0.2">
      <c r="A4435" s="239">
        <f>'CPT Data'!B4443</f>
        <v>44.045000000000002</v>
      </c>
      <c r="B4435" s="3">
        <f>'CPT Data'!C4443</f>
        <v>44.038000000000004</v>
      </c>
      <c r="C4435" t="str">
        <f>'CPT Data'!P4443</f>
        <v>CLAY</v>
      </c>
      <c r="D4435">
        <f>'CPT Data'!Q4443</f>
        <v>877.46369681438898</v>
      </c>
      <c r="E4435">
        <f t="shared" si="69"/>
        <v>779.91198840976983</v>
      </c>
      <c r="F4435">
        <f>IF(C4435="CLAY", INDEX(D$4:D4435, MATCH("CLAY", C$4:C4435, 0)), "")</f>
        <v>0.75203252561341039</v>
      </c>
    </row>
    <row r="4436" spans="1:6" x14ac:dyDescent="0.2">
      <c r="A4436" s="239">
        <f>'CPT Data'!B4444</f>
        <v>44.054000000000002</v>
      </c>
      <c r="B4436" s="3">
        <f>'CPT Data'!C4444</f>
        <v>44.047000000000004</v>
      </c>
      <c r="C4436" t="str">
        <f>'CPT Data'!P4444</f>
        <v>CLAY</v>
      </c>
      <c r="D4436">
        <f>'CPT Data'!Q4444</f>
        <v>956.21558983060777</v>
      </c>
      <c r="E4436">
        <f t="shared" si="69"/>
        <v>877.46369681438898</v>
      </c>
      <c r="F4436">
        <f>IF(C4436="CLAY", INDEX(D$4:D4436, MATCH("CLAY", C$4:C4436, 0)), "")</f>
        <v>0.75203252561341039</v>
      </c>
    </row>
    <row r="4437" spans="1:6" x14ac:dyDescent="0.2">
      <c r="A4437" s="239">
        <f>'CPT Data'!B4445</f>
        <v>44.064999999999998</v>
      </c>
      <c r="B4437" s="3">
        <f>'CPT Data'!C4445</f>
        <v>44.058</v>
      </c>
      <c r="C4437" t="str">
        <f>'CPT Data'!P4445</f>
        <v>SAND</v>
      </c>
      <c r="D4437" t="e">
        <f>'CPT Data'!Q4445</f>
        <v>#N/A</v>
      </c>
      <c r="E4437" t="e">
        <f t="shared" si="69"/>
        <v>#N/A</v>
      </c>
      <c r="F4437" t="str">
        <f>IF(C4437="CLAY", INDEX(D$4:D4437, MATCH("CLAY", C$4:C4437, 0)), "")</f>
        <v/>
      </c>
    </row>
    <row r="4438" spans="1:6" x14ac:dyDescent="0.2">
      <c r="A4438" s="239">
        <f>'CPT Data'!B4446</f>
        <v>44.073999999999998</v>
      </c>
      <c r="B4438" s="3">
        <f>'CPT Data'!C4446</f>
        <v>44.067</v>
      </c>
      <c r="C4438" t="str">
        <f>'CPT Data'!P4446</f>
        <v>SAND</v>
      </c>
      <c r="D4438" t="e">
        <f>'CPT Data'!Q4446</f>
        <v>#N/A</v>
      </c>
      <c r="E4438" t="e">
        <f t="shared" si="69"/>
        <v>#N/A</v>
      </c>
      <c r="F4438" t="str">
        <f>IF(C4438="CLAY", INDEX(D$4:D4438, MATCH("CLAY", C$4:C4438, 0)), "")</f>
        <v/>
      </c>
    </row>
    <row r="4439" spans="1:6" x14ac:dyDescent="0.2">
      <c r="A4439" s="239">
        <f>'CPT Data'!B4447</f>
        <v>44.082999999999998</v>
      </c>
      <c r="B4439" s="3">
        <f>'CPT Data'!C4447</f>
        <v>44.076000000000001</v>
      </c>
      <c r="C4439" t="str">
        <f>'CPT Data'!P4447</f>
        <v>SAND</v>
      </c>
      <c r="D4439" t="e">
        <f>'CPT Data'!Q4447</f>
        <v>#N/A</v>
      </c>
      <c r="E4439" t="e">
        <f t="shared" si="69"/>
        <v>#N/A</v>
      </c>
      <c r="F4439" t="str">
        <f>IF(C4439="CLAY", INDEX(D$4:D4439, MATCH("CLAY", C$4:C4439, 0)), "")</f>
        <v/>
      </c>
    </row>
    <row r="4440" spans="1:6" x14ac:dyDescent="0.2">
      <c r="A4440" s="239">
        <f>'CPT Data'!B4448</f>
        <v>44.093000000000004</v>
      </c>
      <c r="B4440" s="3">
        <f>'CPT Data'!C4448</f>
        <v>44.086000000000006</v>
      </c>
      <c r="C4440" t="str">
        <f>'CPT Data'!P4448</f>
        <v>SAND</v>
      </c>
      <c r="D4440" t="e">
        <f>'CPT Data'!Q4448</f>
        <v>#N/A</v>
      </c>
      <c r="E4440" t="e">
        <f t="shared" si="69"/>
        <v>#N/A</v>
      </c>
      <c r="F4440" t="str">
        <f>IF(C4440="CLAY", INDEX(D$4:D4440, MATCH("CLAY", C$4:C4440, 0)), "")</f>
        <v/>
      </c>
    </row>
    <row r="4441" spans="1:6" x14ac:dyDescent="0.2">
      <c r="A4441" s="239">
        <f>'CPT Data'!B4449</f>
        <v>44.103000000000002</v>
      </c>
      <c r="B4441" s="3">
        <f>'CPT Data'!C4449</f>
        <v>44.096000000000004</v>
      </c>
      <c r="C4441" t="str">
        <f>'CPT Data'!P4449</f>
        <v>SAND</v>
      </c>
      <c r="D4441" t="e">
        <f>'CPT Data'!Q4449</f>
        <v>#N/A</v>
      </c>
      <c r="E4441" t="e">
        <f t="shared" si="69"/>
        <v>#N/A</v>
      </c>
      <c r="F4441" t="str">
        <f>IF(C4441="CLAY", INDEX(D$4:D4441, MATCH("CLAY", C$4:C4441, 0)), "")</f>
        <v/>
      </c>
    </row>
    <row r="4442" spans="1:6" x14ac:dyDescent="0.2">
      <c r="A4442" s="239">
        <f>'CPT Data'!B4450</f>
        <v>44.113</v>
      </c>
      <c r="B4442" s="3">
        <f>'CPT Data'!C4450</f>
        <v>44.106000000000002</v>
      </c>
      <c r="C4442" t="str">
        <f>'CPT Data'!P4450</f>
        <v>SAND</v>
      </c>
      <c r="D4442" t="e">
        <f>'CPT Data'!Q4450</f>
        <v>#N/A</v>
      </c>
      <c r="E4442" t="e">
        <f t="shared" si="69"/>
        <v>#N/A</v>
      </c>
      <c r="F4442" t="str">
        <f>IF(C4442="CLAY", INDEX(D$4:D4442, MATCH("CLAY", C$4:C4442, 0)), "")</f>
        <v/>
      </c>
    </row>
    <row r="4443" spans="1:6" x14ac:dyDescent="0.2">
      <c r="A4443" s="239">
        <f>'CPT Data'!B4451</f>
        <v>44.122</v>
      </c>
      <c r="B4443" s="3">
        <f>'CPT Data'!C4451</f>
        <v>44.115000000000002</v>
      </c>
      <c r="C4443" t="str">
        <f>'CPT Data'!P4451</f>
        <v>CLAY</v>
      </c>
      <c r="D4443">
        <f>'CPT Data'!Q4451</f>
        <v>742.71724214476262</v>
      </c>
      <c r="E4443">
        <f t="shared" ref="E4443:E4506" si="70">IF(C4443="SAND",#N/A,IF(C4443=C4442,D4442,IF(C4443="CLAY",D4443,#N/A)))</f>
        <v>742.71724214476262</v>
      </c>
      <c r="F4443">
        <f>IF(C4443="CLAY", INDEX(D$4:D4443, MATCH("CLAY", C$4:C4443, 0)), "")</f>
        <v>0.75203252561341039</v>
      </c>
    </row>
    <row r="4444" spans="1:6" x14ac:dyDescent="0.2">
      <c r="A4444" s="239">
        <f>'CPT Data'!B4452</f>
        <v>44.133000000000003</v>
      </c>
      <c r="B4444" s="3">
        <f>'CPT Data'!C4452</f>
        <v>44.126000000000005</v>
      </c>
      <c r="C4444" t="str">
        <f>'CPT Data'!P4452</f>
        <v>CLAY</v>
      </c>
      <c r="D4444">
        <f>'CPT Data'!Q4452</f>
        <v>667.32149604121616</v>
      </c>
      <c r="E4444">
        <f t="shared" si="70"/>
        <v>742.71724214476262</v>
      </c>
      <c r="F4444">
        <f>IF(C4444="CLAY", INDEX(D$4:D4444, MATCH("CLAY", C$4:C4444, 0)), "")</f>
        <v>0.75203252561341039</v>
      </c>
    </row>
    <row r="4445" spans="1:6" x14ac:dyDescent="0.2">
      <c r="A4445" s="239">
        <f>'CPT Data'!B4453</f>
        <v>44.143000000000001</v>
      </c>
      <c r="B4445" s="3">
        <f>'CPT Data'!C4453</f>
        <v>44.136000000000003</v>
      </c>
      <c r="C4445" t="str">
        <f>'CPT Data'!P4453</f>
        <v>CLAY</v>
      </c>
      <c r="D4445">
        <f>'CPT Data'!Q4453</f>
        <v>641.78819640715358</v>
      </c>
      <c r="E4445">
        <f t="shared" si="70"/>
        <v>667.32149604121616</v>
      </c>
      <c r="F4445">
        <f>IF(C4445="CLAY", INDEX(D$4:D4445, MATCH("CLAY", C$4:C4445, 0)), "")</f>
        <v>0.75203252561341039</v>
      </c>
    </row>
    <row r="4446" spans="1:6" x14ac:dyDescent="0.2">
      <c r="A4446" s="239">
        <f>'CPT Data'!B4454</f>
        <v>44.152000000000001</v>
      </c>
      <c r="B4446" s="3">
        <f>'CPT Data'!C4454</f>
        <v>44.145000000000003</v>
      </c>
      <c r="C4446" t="str">
        <f>'CPT Data'!P4454</f>
        <v>CLAY</v>
      </c>
      <c r="D4446">
        <f>'CPT Data'!Q4454</f>
        <v>613.59823773185622</v>
      </c>
      <c r="E4446">
        <f t="shared" si="70"/>
        <v>641.78819640715358</v>
      </c>
      <c r="F4446">
        <f>IF(C4446="CLAY", INDEX(D$4:D4446, MATCH("CLAY", C$4:C4446, 0)), "")</f>
        <v>0.75203252561341039</v>
      </c>
    </row>
    <row r="4447" spans="1:6" x14ac:dyDescent="0.2">
      <c r="A4447" s="239">
        <f>'CPT Data'!B4455</f>
        <v>44.161999999999999</v>
      </c>
      <c r="B4447" s="3">
        <f>'CPT Data'!C4455</f>
        <v>44.155000000000001</v>
      </c>
      <c r="C4447" t="str">
        <f>'CPT Data'!P4455</f>
        <v>CLAY</v>
      </c>
      <c r="D4447">
        <f>'CPT Data'!Q4455</f>
        <v>578.76071162162168</v>
      </c>
      <c r="E4447">
        <f t="shared" si="70"/>
        <v>613.59823773185622</v>
      </c>
      <c r="F4447">
        <f>IF(C4447="CLAY", INDEX(D$4:D4447, MATCH("CLAY", C$4:C4447, 0)), "")</f>
        <v>0.75203252561341039</v>
      </c>
    </row>
    <row r="4448" spans="1:6" x14ac:dyDescent="0.2">
      <c r="A4448" s="239">
        <f>'CPT Data'!B4456</f>
        <v>44.173000000000002</v>
      </c>
      <c r="B4448" s="3">
        <f>'CPT Data'!C4456</f>
        <v>44.166000000000004</v>
      </c>
      <c r="C4448" t="str">
        <f>'CPT Data'!P4456</f>
        <v>CLAY</v>
      </c>
      <c r="D4448">
        <f>'CPT Data'!Q4456</f>
        <v>541.64892517913029</v>
      </c>
      <c r="E4448">
        <f t="shared" si="70"/>
        <v>578.76071162162168</v>
      </c>
      <c r="F4448">
        <f>IF(C4448="CLAY", INDEX(D$4:D4448, MATCH("CLAY", C$4:C4448, 0)), "")</f>
        <v>0.75203252561341039</v>
      </c>
    </row>
    <row r="4449" spans="1:6" x14ac:dyDescent="0.2">
      <c r="A4449" s="239">
        <f>'CPT Data'!B4457</f>
        <v>44.182000000000002</v>
      </c>
      <c r="B4449" s="3">
        <f>'CPT Data'!C4457</f>
        <v>44.175000000000004</v>
      </c>
      <c r="C4449" t="str">
        <f>'CPT Data'!P4457</f>
        <v>CLAY</v>
      </c>
      <c r="D4449">
        <f>'CPT Data'!Q4457</f>
        <v>509.90795581552703</v>
      </c>
      <c r="E4449">
        <f t="shared" si="70"/>
        <v>541.64892517913029</v>
      </c>
      <c r="F4449">
        <f>IF(C4449="CLAY", INDEX(D$4:D4449, MATCH("CLAY", C$4:C4449, 0)), "")</f>
        <v>0.75203252561341039</v>
      </c>
    </row>
    <row r="4450" spans="1:6" x14ac:dyDescent="0.2">
      <c r="A4450" s="239">
        <f>'CPT Data'!B4458</f>
        <v>44.191000000000003</v>
      </c>
      <c r="B4450" s="3">
        <f>'CPT Data'!C4458</f>
        <v>44.184000000000005</v>
      </c>
      <c r="C4450" t="str">
        <f>'CPT Data'!P4458</f>
        <v>CLAY</v>
      </c>
      <c r="D4450">
        <f>'CPT Data'!Q4458</f>
        <v>477.93507366434665</v>
      </c>
      <c r="E4450">
        <f t="shared" si="70"/>
        <v>509.90795581552703</v>
      </c>
      <c r="F4450">
        <f>IF(C4450="CLAY", INDEX(D$4:D4450, MATCH("CLAY", C$4:C4450, 0)), "")</f>
        <v>0.75203252561341039</v>
      </c>
    </row>
    <row r="4451" spans="1:6" x14ac:dyDescent="0.2">
      <c r="A4451" s="239">
        <f>'CPT Data'!B4459</f>
        <v>44.201000000000001</v>
      </c>
      <c r="B4451" s="3">
        <f>'CPT Data'!C4459</f>
        <v>44.194000000000003</v>
      </c>
      <c r="C4451" t="str">
        <f>'CPT Data'!P4459</f>
        <v>CLAY</v>
      </c>
      <c r="D4451">
        <f>'CPT Data'!Q4459</f>
        <v>453.4597766290529</v>
      </c>
      <c r="E4451">
        <f t="shared" si="70"/>
        <v>477.93507366434665</v>
      </c>
      <c r="F4451">
        <f>IF(C4451="CLAY", INDEX(D$4:D4451, MATCH("CLAY", C$4:C4451, 0)), "")</f>
        <v>0.75203252561341039</v>
      </c>
    </row>
    <row r="4452" spans="1:6" x14ac:dyDescent="0.2">
      <c r="A4452" s="239">
        <f>'CPT Data'!B4460</f>
        <v>44.212000000000003</v>
      </c>
      <c r="B4452" s="3">
        <f>'CPT Data'!C4460</f>
        <v>44.205000000000005</v>
      </c>
      <c r="C4452" t="str">
        <f>'CPT Data'!P4460</f>
        <v>CLAY</v>
      </c>
      <c r="D4452">
        <f>'CPT Data'!Q4460</f>
        <v>428.89313532190363</v>
      </c>
      <c r="E4452">
        <f t="shared" si="70"/>
        <v>453.4597766290529</v>
      </c>
      <c r="F4452">
        <f>IF(C4452="CLAY", INDEX(D$4:D4452, MATCH("CLAY", C$4:C4452, 0)), "")</f>
        <v>0.75203252561341039</v>
      </c>
    </row>
    <row r="4453" spans="1:6" x14ac:dyDescent="0.2">
      <c r="A4453" s="239">
        <f>'CPT Data'!B4461</f>
        <v>44.220999999999997</v>
      </c>
      <c r="B4453" s="3">
        <f>'CPT Data'!C4461</f>
        <v>44.213999999999999</v>
      </c>
      <c r="C4453" t="str">
        <f>'CPT Data'!P4461</f>
        <v>CLAY</v>
      </c>
      <c r="D4453">
        <f>'CPT Data'!Q4461</f>
        <v>434.28591079308285</v>
      </c>
      <c r="E4453">
        <f t="shared" si="70"/>
        <v>428.89313532190363</v>
      </c>
      <c r="F4453">
        <f>IF(C4453="CLAY", INDEX(D$4:D4453, MATCH("CLAY", C$4:C4453, 0)), "")</f>
        <v>0.75203252561341039</v>
      </c>
    </row>
    <row r="4454" spans="1:6" x14ac:dyDescent="0.2">
      <c r="A4454" s="239">
        <f>'CPT Data'!B4462</f>
        <v>44.23</v>
      </c>
      <c r="B4454" s="3">
        <f>'CPT Data'!C4462</f>
        <v>44.222999999999999</v>
      </c>
      <c r="C4454" t="str">
        <f>'CPT Data'!P4462</f>
        <v>CLAY</v>
      </c>
      <c r="D4454">
        <f>'CPT Data'!Q4462</f>
        <v>456.58386691661229</v>
      </c>
      <c r="E4454">
        <f t="shared" si="70"/>
        <v>434.28591079308285</v>
      </c>
      <c r="F4454">
        <f>IF(C4454="CLAY", INDEX(D$4:D4454, MATCH("CLAY", C$4:C4454, 0)), "")</f>
        <v>0.75203252561341039</v>
      </c>
    </row>
    <row r="4455" spans="1:6" x14ac:dyDescent="0.2">
      <c r="A4455" s="239">
        <f>'CPT Data'!B4463</f>
        <v>44.238999999999997</v>
      </c>
      <c r="B4455" s="3">
        <f>'CPT Data'!C4463</f>
        <v>44.231999999999999</v>
      </c>
      <c r="C4455" t="str">
        <f>'CPT Data'!P4463</f>
        <v>CLAY</v>
      </c>
      <c r="D4455">
        <f>'CPT Data'!Q4463</f>
        <v>503.0429443231198</v>
      </c>
      <c r="E4455">
        <f t="shared" si="70"/>
        <v>456.58386691661229</v>
      </c>
      <c r="F4455">
        <f>IF(C4455="CLAY", INDEX(D$4:D4455, MATCH("CLAY", C$4:C4455, 0)), "")</f>
        <v>0.75203252561341039</v>
      </c>
    </row>
    <row r="4456" spans="1:6" x14ac:dyDescent="0.2">
      <c r="A4456" s="239">
        <f>'CPT Data'!B4464</f>
        <v>44.25</v>
      </c>
      <c r="B4456" s="3">
        <f>'CPT Data'!C4464</f>
        <v>44.243000000000002</v>
      </c>
      <c r="C4456" t="str">
        <f>'CPT Data'!P4464</f>
        <v>CLAY</v>
      </c>
      <c r="D4456">
        <f>'CPT Data'!Q4464</f>
        <v>570.89722945963638</v>
      </c>
      <c r="E4456">
        <f t="shared" si="70"/>
        <v>503.0429443231198</v>
      </c>
      <c r="F4456">
        <f>IF(C4456="CLAY", INDEX(D$4:D4456, MATCH("CLAY", C$4:C4456, 0)), "")</f>
        <v>0.75203252561341039</v>
      </c>
    </row>
    <row r="4457" spans="1:6" x14ac:dyDescent="0.2">
      <c r="A4457" s="239">
        <f>'CPT Data'!B4465</f>
        <v>44.259</v>
      </c>
      <c r="B4457" s="3">
        <f>'CPT Data'!C4465</f>
        <v>44.252000000000002</v>
      </c>
      <c r="C4457" t="str">
        <f>'CPT Data'!P4465</f>
        <v>CLAY</v>
      </c>
      <c r="D4457">
        <f>'CPT Data'!Q4465</f>
        <v>649.50423101302806</v>
      </c>
      <c r="E4457">
        <f t="shared" si="70"/>
        <v>570.89722945963638</v>
      </c>
      <c r="F4457">
        <f>IF(C4457="CLAY", INDEX(D$4:D4457, MATCH("CLAY", C$4:C4457, 0)), "")</f>
        <v>0.75203252561341039</v>
      </c>
    </row>
    <row r="4458" spans="1:6" x14ac:dyDescent="0.2">
      <c r="A4458" s="239">
        <f>'CPT Data'!B4466</f>
        <v>44.268000000000001</v>
      </c>
      <c r="B4458" s="3">
        <f>'CPT Data'!C4466</f>
        <v>44.261000000000003</v>
      </c>
      <c r="C4458" t="str">
        <f>'CPT Data'!P4466</f>
        <v>CLAY</v>
      </c>
      <c r="D4458">
        <f>'CPT Data'!Q4466</f>
        <v>744.85668980410821</v>
      </c>
      <c r="E4458">
        <f t="shared" si="70"/>
        <v>649.50423101302806</v>
      </c>
      <c r="F4458">
        <f>IF(C4458="CLAY", INDEX(D$4:D4458, MATCH("CLAY", C$4:C4458, 0)), "")</f>
        <v>0.75203252561341039</v>
      </c>
    </row>
    <row r="4459" spans="1:6" x14ac:dyDescent="0.2">
      <c r="A4459" s="239">
        <f>'CPT Data'!B4467</f>
        <v>44.277999999999999</v>
      </c>
      <c r="B4459" s="3">
        <f>'CPT Data'!C4467</f>
        <v>44.271000000000001</v>
      </c>
      <c r="C4459" t="str">
        <f>'CPT Data'!P4467</f>
        <v>CLAY</v>
      </c>
      <c r="D4459">
        <f>'CPT Data'!Q4467</f>
        <v>817.82918659650761</v>
      </c>
      <c r="E4459">
        <f t="shared" si="70"/>
        <v>744.85668980410821</v>
      </c>
      <c r="F4459">
        <f>IF(C4459="CLAY", INDEX(D$4:D4459, MATCH("CLAY", C$4:C4459, 0)), "")</f>
        <v>0.75203252561341039</v>
      </c>
    </row>
    <row r="4460" spans="1:6" x14ac:dyDescent="0.2">
      <c r="A4460" s="239">
        <f>'CPT Data'!B4468</f>
        <v>44.287999999999997</v>
      </c>
      <c r="B4460" s="3">
        <f>'CPT Data'!C4468</f>
        <v>44.280999999999999</v>
      </c>
      <c r="C4460" t="str">
        <f>'CPT Data'!P4468</f>
        <v>SAND</v>
      </c>
      <c r="D4460" t="e">
        <f>'CPT Data'!Q4468</f>
        <v>#N/A</v>
      </c>
      <c r="E4460" t="e">
        <f t="shared" si="70"/>
        <v>#N/A</v>
      </c>
      <c r="F4460" t="str">
        <f>IF(C4460="CLAY", INDEX(D$4:D4460, MATCH("CLAY", C$4:C4460, 0)), "")</f>
        <v/>
      </c>
    </row>
    <row r="4461" spans="1:6" x14ac:dyDescent="0.2">
      <c r="A4461" s="239">
        <f>'CPT Data'!B4469</f>
        <v>44.296999999999997</v>
      </c>
      <c r="B4461" s="3">
        <f>'CPT Data'!C4469</f>
        <v>44.29</v>
      </c>
      <c r="C4461" t="str">
        <f>'CPT Data'!P4469</f>
        <v>SAND</v>
      </c>
      <c r="D4461" t="e">
        <f>'CPT Data'!Q4469</f>
        <v>#N/A</v>
      </c>
      <c r="E4461" t="e">
        <f t="shared" si="70"/>
        <v>#N/A</v>
      </c>
      <c r="F4461" t="str">
        <f>IF(C4461="CLAY", INDEX(D$4:D4461, MATCH("CLAY", C$4:C4461, 0)), "")</f>
        <v/>
      </c>
    </row>
    <row r="4462" spans="1:6" x14ac:dyDescent="0.2">
      <c r="A4462" s="239">
        <f>'CPT Data'!B4470</f>
        <v>44.307000000000002</v>
      </c>
      <c r="B4462" s="3">
        <f>'CPT Data'!C4470</f>
        <v>44.300000000000004</v>
      </c>
      <c r="C4462" t="str">
        <f>'CPT Data'!P4470</f>
        <v>SAND</v>
      </c>
      <c r="D4462" t="e">
        <f>'CPT Data'!Q4470</f>
        <v>#N/A</v>
      </c>
      <c r="E4462" t="e">
        <f t="shared" si="70"/>
        <v>#N/A</v>
      </c>
      <c r="F4462" t="str">
        <f>IF(C4462="CLAY", INDEX(D$4:D4462, MATCH("CLAY", C$4:C4462, 0)), "")</f>
        <v/>
      </c>
    </row>
    <row r="4463" spans="1:6" x14ac:dyDescent="0.2">
      <c r="A4463" s="239">
        <f>'CPT Data'!B4471</f>
        <v>44.317</v>
      </c>
      <c r="B4463" s="3">
        <f>'CPT Data'!C4471</f>
        <v>44.31</v>
      </c>
      <c r="C4463" t="str">
        <f>'CPT Data'!P4471</f>
        <v>SAND</v>
      </c>
      <c r="D4463" t="e">
        <f>'CPT Data'!Q4471</f>
        <v>#N/A</v>
      </c>
      <c r="E4463" t="e">
        <f t="shared" si="70"/>
        <v>#N/A</v>
      </c>
      <c r="F4463" t="str">
        <f>IF(C4463="CLAY", INDEX(D$4:D4463, MATCH("CLAY", C$4:C4463, 0)), "")</f>
        <v/>
      </c>
    </row>
    <row r="4464" spans="1:6" x14ac:dyDescent="0.2">
      <c r="A4464" s="239">
        <f>'CPT Data'!B4472</f>
        <v>44.326999999999998</v>
      </c>
      <c r="B4464" s="3">
        <f>'CPT Data'!C4472</f>
        <v>44.32</v>
      </c>
      <c r="C4464" t="str">
        <f>'CPT Data'!P4472</f>
        <v>SAND</v>
      </c>
      <c r="D4464" t="e">
        <f>'CPT Data'!Q4472</f>
        <v>#N/A</v>
      </c>
      <c r="E4464" t="e">
        <f t="shared" si="70"/>
        <v>#N/A</v>
      </c>
      <c r="F4464" t="str">
        <f>IF(C4464="CLAY", INDEX(D$4:D4464, MATCH("CLAY", C$4:C4464, 0)), "")</f>
        <v/>
      </c>
    </row>
    <row r="4465" spans="1:6" x14ac:dyDescent="0.2">
      <c r="A4465" s="239">
        <f>'CPT Data'!B4473</f>
        <v>44.335999999999999</v>
      </c>
      <c r="B4465" s="3">
        <f>'CPT Data'!C4473</f>
        <v>44.329000000000001</v>
      </c>
      <c r="C4465" t="str">
        <f>'CPT Data'!P4473</f>
        <v>SAND</v>
      </c>
      <c r="D4465" t="e">
        <f>'CPT Data'!Q4473</f>
        <v>#N/A</v>
      </c>
      <c r="E4465" t="e">
        <f t="shared" si="70"/>
        <v>#N/A</v>
      </c>
      <c r="F4465" t="str">
        <f>IF(C4465="CLAY", INDEX(D$4:D4465, MATCH("CLAY", C$4:C4465, 0)), "")</f>
        <v/>
      </c>
    </row>
    <row r="4466" spans="1:6" x14ac:dyDescent="0.2">
      <c r="A4466" s="239">
        <f>'CPT Data'!B4474</f>
        <v>44.345999999999997</v>
      </c>
      <c r="B4466" s="3">
        <f>'CPT Data'!C4474</f>
        <v>44.338999999999999</v>
      </c>
      <c r="C4466" t="str">
        <f>'CPT Data'!P4474</f>
        <v>SAND</v>
      </c>
      <c r="D4466" t="e">
        <f>'CPT Data'!Q4474</f>
        <v>#N/A</v>
      </c>
      <c r="E4466" t="e">
        <f t="shared" si="70"/>
        <v>#N/A</v>
      </c>
      <c r="F4466" t="str">
        <f>IF(C4466="CLAY", INDEX(D$4:D4466, MATCH("CLAY", C$4:C4466, 0)), "")</f>
        <v/>
      </c>
    </row>
    <row r="4467" spans="1:6" x14ac:dyDescent="0.2">
      <c r="A4467" s="239">
        <f>'CPT Data'!B4475</f>
        <v>44.356000000000002</v>
      </c>
      <c r="B4467" s="3">
        <f>'CPT Data'!C4475</f>
        <v>44.349000000000004</v>
      </c>
      <c r="C4467" t="str">
        <f>'CPT Data'!P4475</f>
        <v>SAND</v>
      </c>
      <c r="D4467" t="e">
        <f>'CPT Data'!Q4475</f>
        <v>#N/A</v>
      </c>
      <c r="E4467" t="e">
        <f t="shared" si="70"/>
        <v>#N/A</v>
      </c>
      <c r="F4467" t="str">
        <f>IF(C4467="CLAY", INDEX(D$4:D4467, MATCH("CLAY", C$4:C4467, 0)), "")</f>
        <v/>
      </c>
    </row>
    <row r="4468" spans="1:6" x14ac:dyDescent="0.2">
      <c r="A4468" s="239">
        <f>'CPT Data'!B4476</f>
        <v>44.366</v>
      </c>
      <c r="B4468" s="3">
        <f>'CPT Data'!C4476</f>
        <v>44.359000000000002</v>
      </c>
      <c r="C4468" t="str">
        <f>'CPT Data'!P4476</f>
        <v>SAND</v>
      </c>
      <c r="D4468" t="e">
        <f>'CPT Data'!Q4476</f>
        <v>#N/A</v>
      </c>
      <c r="E4468" t="e">
        <f t="shared" si="70"/>
        <v>#N/A</v>
      </c>
      <c r="F4468" t="str">
        <f>IF(C4468="CLAY", INDEX(D$4:D4468, MATCH("CLAY", C$4:C4468, 0)), "")</f>
        <v/>
      </c>
    </row>
    <row r="4469" spans="1:6" x14ac:dyDescent="0.2">
      <c r="A4469" s="239">
        <f>'CPT Data'!B4477</f>
        <v>44.375</v>
      </c>
      <c r="B4469" s="3">
        <f>'CPT Data'!C4477</f>
        <v>44.368000000000002</v>
      </c>
      <c r="C4469" t="str">
        <f>'CPT Data'!P4477</f>
        <v>SAND</v>
      </c>
      <c r="D4469" t="e">
        <f>'CPT Data'!Q4477</f>
        <v>#N/A</v>
      </c>
      <c r="E4469" t="e">
        <f t="shared" si="70"/>
        <v>#N/A</v>
      </c>
      <c r="F4469" t="str">
        <f>IF(C4469="CLAY", INDEX(D$4:D4469, MATCH("CLAY", C$4:C4469, 0)), "")</f>
        <v/>
      </c>
    </row>
    <row r="4470" spans="1:6" x14ac:dyDescent="0.2">
      <c r="A4470" s="239">
        <f>'CPT Data'!B4478</f>
        <v>44.384</v>
      </c>
      <c r="B4470" s="3">
        <f>'CPT Data'!C4478</f>
        <v>44.377000000000002</v>
      </c>
      <c r="C4470" t="str">
        <f>'CPT Data'!P4478</f>
        <v>SAND</v>
      </c>
      <c r="D4470" t="e">
        <f>'CPT Data'!Q4478</f>
        <v>#N/A</v>
      </c>
      <c r="E4470" t="e">
        <f t="shared" si="70"/>
        <v>#N/A</v>
      </c>
      <c r="F4470" t="str">
        <f>IF(C4470="CLAY", INDEX(D$4:D4470, MATCH("CLAY", C$4:C4470, 0)), "")</f>
        <v/>
      </c>
    </row>
    <row r="4471" spans="1:6" x14ac:dyDescent="0.2">
      <c r="A4471" s="239">
        <f>'CPT Data'!B4479</f>
        <v>44.395000000000003</v>
      </c>
      <c r="B4471" s="3">
        <f>'CPT Data'!C4479</f>
        <v>44.388000000000005</v>
      </c>
      <c r="C4471" t="str">
        <f>'CPT Data'!P4479</f>
        <v>SAND</v>
      </c>
      <c r="D4471" t="e">
        <f>'CPT Data'!Q4479</f>
        <v>#N/A</v>
      </c>
      <c r="E4471" t="e">
        <f t="shared" si="70"/>
        <v>#N/A</v>
      </c>
      <c r="F4471" t="str">
        <f>IF(C4471="CLAY", INDEX(D$4:D4471, MATCH("CLAY", C$4:C4471, 0)), "")</f>
        <v/>
      </c>
    </row>
    <row r="4472" spans="1:6" x14ac:dyDescent="0.2">
      <c r="A4472" s="239">
        <f>'CPT Data'!B4480</f>
        <v>44.404000000000003</v>
      </c>
      <c r="B4472" s="3">
        <f>'CPT Data'!C4480</f>
        <v>44.397000000000006</v>
      </c>
      <c r="C4472" t="str">
        <f>'CPT Data'!P4480</f>
        <v>SAND</v>
      </c>
      <c r="D4472" t="e">
        <f>'CPT Data'!Q4480</f>
        <v>#N/A</v>
      </c>
      <c r="E4472" t="e">
        <f t="shared" si="70"/>
        <v>#N/A</v>
      </c>
      <c r="F4472" t="str">
        <f>IF(C4472="CLAY", INDEX(D$4:D4472, MATCH("CLAY", C$4:C4472, 0)), "")</f>
        <v/>
      </c>
    </row>
    <row r="4473" spans="1:6" x14ac:dyDescent="0.2">
      <c r="A4473" s="239">
        <f>'CPT Data'!B4481</f>
        <v>44.412999999999997</v>
      </c>
      <c r="B4473" s="3">
        <f>'CPT Data'!C4481</f>
        <v>44.405999999999999</v>
      </c>
      <c r="C4473" t="str">
        <f>'CPT Data'!P4481</f>
        <v>SAND</v>
      </c>
      <c r="D4473" t="e">
        <f>'CPT Data'!Q4481</f>
        <v>#N/A</v>
      </c>
      <c r="E4473" t="e">
        <f t="shared" si="70"/>
        <v>#N/A</v>
      </c>
      <c r="F4473" t="str">
        <f>IF(C4473="CLAY", INDEX(D$4:D4473, MATCH("CLAY", C$4:C4473, 0)), "")</f>
        <v/>
      </c>
    </row>
    <row r="4474" spans="1:6" x14ac:dyDescent="0.2">
      <c r="A4474" s="239">
        <f>'CPT Data'!B4482</f>
        <v>44.423000000000002</v>
      </c>
      <c r="B4474" s="3">
        <f>'CPT Data'!C4482</f>
        <v>44.416000000000004</v>
      </c>
      <c r="C4474" t="str">
        <f>'CPT Data'!P4482</f>
        <v>SAND</v>
      </c>
      <c r="D4474" t="e">
        <f>'CPT Data'!Q4482</f>
        <v>#N/A</v>
      </c>
      <c r="E4474" t="e">
        <f t="shared" si="70"/>
        <v>#N/A</v>
      </c>
      <c r="F4474" t="str">
        <f>IF(C4474="CLAY", INDEX(D$4:D4474, MATCH("CLAY", C$4:C4474, 0)), "")</f>
        <v/>
      </c>
    </row>
    <row r="4475" spans="1:6" x14ac:dyDescent="0.2">
      <c r="A4475" s="239">
        <f>'CPT Data'!B4483</f>
        <v>44.433</v>
      </c>
      <c r="B4475" s="3">
        <f>'CPT Data'!C4483</f>
        <v>44.426000000000002</v>
      </c>
      <c r="C4475" t="str">
        <f>'CPT Data'!P4483</f>
        <v>SAND</v>
      </c>
      <c r="D4475" t="e">
        <f>'CPT Data'!Q4483</f>
        <v>#N/A</v>
      </c>
      <c r="E4475" t="e">
        <f t="shared" si="70"/>
        <v>#N/A</v>
      </c>
      <c r="F4475" t="str">
        <f>IF(C4475="CLAY", INDEX(D$4:D4475, MATCH("CLAY", C$4:C4475, 0)), "")</f>
        <v/>
      </c>
    </row>
    <row r="4476" spans="1:6" x14ac:dyDescent="0.2">
      <c r="A4476" s="239">
        <f>'CPT Data'!B4484</f>
        <v>44.442999999999998</v>
      </c>
      <c r="B4476" s="3">
        <f>'CPT Data'!C4484</f>
        <v>44.436</v>
      </c>
      <c r="C4476" t="str">
        <f>'CPT Data'!P4484</f>
        <v>SAND</v>
      </c>
      <c r="D4476" t="e">
        <f>'CPT Data'!Q4484</f>
        <v>#N/A</v>
      </c>
      <c r="E4476" t="e">
        <f t="shared" si="70"/>
        <v>#N/A</v>
      </c>
      <c r="F4476" t="str">
        <f>IF(C4476="CLAY", INDEX(D$4:D4476, MATCH("CLAY", C$4:C4476, 0)), "")</f>
        <v/>
      </c>
    </row>
    <row r="4477" spans="1:6" x14ac:dyDescent="0.2">
      <c r="A4477" s="239">
        <f>'CPT Data'!B4485</f>
        <v>44.453000000000003</v>
      </c>
      <c r="B4477" s="3">
        <f>'CPT Data'!C4485</f>
        <v>44.446000000000005</v>
      </c>
      <c r="C4477" t="str">
        <f>'CPT Data'!P4485</f>
        <v>SAND</v>
      </c>
      <c r="D4477" t="e">
        <f>'CPT Data'!Q4485</f>
        <v>#N/A</v>
      </c>
      <c r="E4477" t="e">
        <f t="shared" si="70"/>
        <v>#N/A</v>
      </c>
      <c r="F4477" t="str">
        <f>IF(C4477="CLAY", INDEX(D$4:D4477, MATCH("CLAY", C$4:C4477, 0)), "")</f>
        <v/>
      </c>
    </row>
    <row r="4478" spans="1:6" x14ac:dyDescent="0.2">
      <c r="A4478" s="239">
        <f>'CPT Data'!B4486</f>
        <v>44.463000000000001</v>
      </c>
      <c r="B4478" s="3">
        <f>'CPT Data'!C4486</f>
        <v>44.456000000000003</v>
      </c>
      <c r="C4478" t="str">
        <f>'CPT Data'!P4486</f>
        <v>SAND</v>
      </c>
      <c r="D4478" t="e">
        <f>'CPT Data'!Q4486</f>
        <v>#N/A</v>
      </c>
      <c r="E4478" t="e">
        <f t="shared" si="70"/>
        <v>#N/A</v>
      </c>
      <c r="F4478" t="str">
        <f>IF(C4478="CLAY", INDEX(D$4:D4478, MATCH("CLAY", C$4:C4478, 0)), "")</f>
        <v/>
      </c>
    </row>
    <row r="4479" spans="1:6" x14ac:dyDescent="0.2">
      <c r="A4479" s="239">
        <f>'CPT Data'!B4487</f>
        <v>44.472000000000001</v>
      </c>
      <c r="B4479" s="3">
        <f>'CPT Data'!C4487</f>
        <v>44.465000000000003</v>
      </c>
      <c r="C4479" t="str">
        <f>'CPT Data'!P4487</f>
        <v>SAND</v>
      </c>
      <c r="D4479" t="e">
        <f>'CPT Data'!Q4487</f>
        <v>#N/A</v>
      </c>
      <c r="E4479" t="e">
        <f t="shared" si="70"/>
        <v>#N/A</v>
      </c>
      <c r="F4479" t="str">
        <f>IF(C4479="CLAY", INDEX(D$4:D4479, MATCH("CLAY", C$4:C4479, 0)), "")</f>
        <v/>
      </c>
    </row>
    <row r="4480" spans="1:6" x14ac:dyDescent="0.2">
      <c r="A4480" s="239">
        <f>'CPT Data'!B4488</f>
        <v>44.482999999999997</v>
      </c>
      <c r="B4480" s="3">
        <f>'CPT Data'!C4488</f>
        <v>44.475999999999999</v>
      </c>
      <c r="C4480" t="str">
        <f>'CPT Data'!P4488</f>
        <v>SAND</v>
      </c>
      <c r="D4480" t="e">
        <f>'CPT Data'!Q4488</f>
        <v>#N/A</v>
      </c>
      <c r="E4480" t="e">
        <f t="shared" si="70"/>
        <v>#N/A</v>
      </c>
      <c r="F4480" t="str">
        <f>IF(C4480="CLAY", INDEX(D$4:D4480, MATCH("CLAY", C$4:C4480, 0)), "")</f>
        <v/>
      </c>
    </row>
    <row r="4481" spans="1:6" x14ac:dyDescent="0.2">
      <c r="A4481" s="239">
        <f>'CPT Data'!B4489</f>
        <v>44.491999999999997</v>
      </c>
      <c r="B4481" s="3">
        <f>'CPT Data'!C4489</f>
        <v>44.484999999999999</v>
      </c>
      <c r="C4481" t="str">
        <f>'CPT Data'!P4489</f>
        <v>CLAY</v>
      </c>
      <c r="D4481">
        <f>'CPT Data'!Q4489</f>
        <v>745.28679972750285</v>
      </c>
      <c r="E4481">
        <f t="shared" si="70"/>
        <v>745.28679972750285</v>
      </c>
      <c r="F4481">
        <f>IF(C4481="CLAY", INDEX(D$4:D4481, MATCH("CLAY", C$4:C4481, 0)), "")</f>
        <v>0.75203252561341039</v>
      </c>
    </row>
    <row r="4482" spans="1:6" x14ac:dyDescent="0.2">
      <c r="A4482" s="239">
        <f>'CPT Data'!B4490</f>
        <v>44.502000000000002</v>
      </c>
      <c r="B4482" s="3">
        <f>'CPT Data'!C4490</f>
        <v>44.495000000000005</v>
      </c>
      <c r="C4482" t="str">
        <f>'CPT Data'!P4490</f>
        <v>CLAY</v>
      </c>
      <c r="D4482">
        <f>'CPT Data'!Q4490</f>
        <v>746.79724211363703</v>
      </c>
      <c r="E4482">
        <f t="shared" si="70"/>
        <v>745.28679972750285</v>
      </c>
      <c r="F4482">
        <f>IF(C4482="CLAY", INDEX(D$4:D4482, MATCH("CLAY", C$4:C4482, 0)), "")</f>
        <v>0.75203252561341039</v>
      </c>
    </row>
    <row r="4483" spans="1:6" x14ac:dyDescent="0.2">
      <c r="A4483" s="239">
        <f>'CPT Data'!B4491</f>
        <v>44.511000000000003</v>
      </c>
      <c r="B4483" s="3">
        <f>'CPT Data'!C4491</f>
        <v>44.504000000000005</v>
      </c>
      <c r="C4483" t="str">
        <f>'CPT Data'!P4491</f>
        <v>CLAY</v>
      </c>
      <c r="D4483">
        <f>'CPT Data'!Q4491</f>
        <v>733.80789894899942</v>
      </c>
      <c r="E4483">
        <f t="shared" si="70"/>
        <v>746.79724211363703</v>
      </c>
      <c r="F4483">
        <f>IF(C4483="CLAY", INDEX(D$4:D4483, MATCH("CLAY", C$4:C4483, 0)), "")</f>
        <v>0.75203252561341039</v>
      </c>
    </row>
    <row r="4484" spans="1:6" x14ac:dyDescent="0.2">
      <c r="A4484" s="239">
        <f>'CPT Data'!B4492</f>
        <v>44.521999999999998</v>
      </c>
      <c r="B4484" s="3">
        <f>'CPT Data'!C4492</f>
        <v>44.515000000000001</v>
      </c>
      <c r="C4484" t="str">
        <f>'CPT Data'!P4492</f>
        <v>CLAY</v>
      </c>
      <c r="D4484">
        <f>'CPT Data'!Q4492</f>
        <v>716.92400127568771</v>
      </c>
      <c r="E4484">
        <f t="shared" si="70"/>
        <v>733.80789894899942</v>
      </c>
      <c r="F4484">
        <f>IF(C4484="CLAY", INDEX(D$4:D4484, MATCH("CLAY", C$4:C4484, 0)), "")</f>
        <v>0.75203252561341039</v>
      </c>
    </row>
    <row r="4485" spans="1:6" x14ac:dyDescent="0.2">
      <c r="A4485" s="239">
        <f>'CPT Data'!B4493</f>
        <v>44.53</v>
      </c>
      <c r="B4485" s="3">
        <f>'CPT Data'!C4493</f>
        <v>44.523000000000003</v>
      </c>
      <c r="C4485" t="str">
        <f>'CPT Data'!P4493</f>
        <v>CLAY</v>
      </c>
      <c r="D4485">
        <f>'CPT Data'!Q4493</f>
        <v>686.93841630293457</v>
      </c>
      <c r="E4485">
        <f t="shared" si="70"/>
        <v>716.92400127568771</v>
      </c>
      <c r="F4485">
        <f>IF(C4485="CLAY", INDEX(D$4:D4485, MATCH("CLAY", C$4:C4485, 0)), "")</f>
        <v>0.75203252561341039</v>
      </c>
    </row>
    <row r="4486" spans="1:6" x14ac:dyDescent="0.2">
      <c r="A4486" s="239">
        <f>'CPT Data'!B4494</f>
        <v>44.540999999999997</v>
      </c>
      <c r="B4486" s="3">
        <f>'CPT Data'!C4494</f>
        <v>44.533999999999999</v>
      </c>
      <c r="C4486" t="str">
        <f>'CPT Data'!P4494</f>
        <v>CLAY</v>
      </c>
      <c r="D4486">
        <f>'CPT Data'!Q4494</f>
        <v>643.79161329371971</v>
      </c>
      <c r="E4486">
        <f t="shared" si="70"/>
        <v>686.93841630293457</v>
      </c>
      <c r="F4486">
        <f>IF(C4486="CLAY", INDEX(D$4:D4486, MATCH("CLAY", C$4:C4486, 0)), "")</f>
        <v>0.75203252561341039</v>
      </c>
    </row>
    <row r="4487" spans="1:6" x14ac:dyDescent="0.2">
      <c r="A4487" s="239">
        <f>'CPT Data'!B4495</f>
        <v>44.55</v>
      </c>
      <c r="B4487" s="3">
        <f>'CPT Data'!C4495</f>
        <v>44.542999999999999</v>
      </c>
      <c r="C4487" t="str">
        <f>'CPT Data'!P4495</f>
        <v>CLAY</v>
      </c>
      <c r="D4487">
        <f>'CPT Data'!Q4495</f>
        <v>605.36143395901627</v>
      </c>
      <c r="E4487">
        <f t="shared" si="70"/>
        <v>643.79161329371971</v>
      </c>
      <c r="F4487">
        <f>IF(C4487="CLAY", INDEX(D$4:D4487, MATCH("CLAY", C$4:C4487, 0)), "")</f>
        <v>0.75203252561341039</v>
      </c>
    </row>
    <row r="4488" spans="1:6" x14ac:dyDescent="0.2">
      <c r="A4488" s="239">
        <f>'CPT Data'!B4496</f>
        <v>44.558999999999997</v>
      </c>
      <c r="B4488" s="3">
        <f>'CPT Data'!C4496</f>
        <v>44.552</v>
      </c>
      <c r="C4488" t="str">
        <f>'CPT Data'!P4496</f>
        <v>CLAY</v>
      </c>
      <c r="D4488">
        <f>'CPT Data'!Q4496</f>
        <v>588.74551443837424</v>
      </c>
      <c r="E4488">
        <f t="shared" si="70"/>
        <v>605.36143395901627</v>
      </c>
      <c r="F4488">
        <f>IF(C4488="CLAY", INDEX(D$4:D4488, MATCH("CLAY", C$4:C4488, 0)), "")</f>
        <v>0.75203252561341039</v>
      </c>
    </row>
    <row r="4489" spans="1:6" x14ac:dyDescent="0.2">
      <c r="A4489" s="239">
        <f>'CPT Data'!B4497</f>
        <v>44.57</v>
      </c>
      <c r="B4489" s="3">
        <f>'CPT Data'!C4497</f>
        <v>44.563000000000002</v>
      </c>
      <c r="C4489" t="str">
        <f>'CPT Data'!P4497</f>
        <v>CLAY</v>
      </c>
      <c r="D4489">
        <f>'CPT Data'!Q4497</f>
        <v>563.9581520061771</v>
      </c>
      <c r="E4489">
        <f t="shared" si="70"/>
        <v>588.74551443837424</v>
      </c>
      <c r="F4489">
        <f>IF(C4489="CLAY", INDEX(D$4:D4489, MATCH("CLAY", C$4:C4489, 0)), "")</f>
        <v>0.75203252561341039</v>
      </c>
    </row>
    <row r="4490" spans="1:6" x14ac:dyDescent="0.2">
      <c r="A4490" s="239">
        <f>'CPT Data'!B4498</f>
        <v>44.579000000000001</v>
      </c>
      <c r="B4490" s="3">
        <f>'CPT Data'!C4498</f>
        <v>44.572000000000003</v>
      </c>
      <c r="C4490" t="str">
        <f>'CPT Data'!P4498</f>
        <v>CLAY</v>
      </c>
      <c r="D4490">
        <f>'CPT Data'!Q4498</f>
        <v>540.75481808628956</v>
      </c>
      <c r="E4490">
        <f t="shared" si="70"/>
        <v>563.9581520061771</v>
      </c>
      <c r="F4490">
        <f>IF(C4490="CLAY", INDEX(D$4:D4490, MATCH("CLAY", C$4:C4490, 0)), "")</f>
        <v>0.75203252561341039</v>
      </c>
    </row>
    <row r="4491" spans="1:6" x14ac:dyDescent="0.2">
      <c r="A4491" s="239">
        <f>'CPT Data'!B4499</f>
        <v>44.588000000000001</v>
      </c>
      <c r="B4491" s="3">
        <f>'CPT Data'!C4499</f>
        <v>44.581000000000003</v>
      </c>
      <c r="C4491" t="str">
        <f>'CPT Data'!P4499</f>
        <v>CLAY</v>
      </c>
      <c r="D4491">
        <f>'CPT Data'!Q4499</f>
        <v>525.6824404612845</v>
      </c>
      <c r="E4491">
        <f t="shared" si="70"/>
        <v>540.75481808628956</v>
      </c>
      <c r="F4491">
        <f>IF(C4491="CLAY", INDEX(D$4:D4491, MATCH("CLAY", C$4:C4491, 0)), "")</f>
        <v>0.75203252561341039</v>
      </c>
    </row>
    <row r="4492" spans="1:6" x14ac:dyDescent="0.2">
      <c r="A4492" s="239">
        <f>'CPT Data'!B4500</f>
        <v>44.598999999999997</v>
      </c>
      <c r="B4492" s="3">
        <f>'CPT Data'!C4500</f>
        <v>44.591999999999999</v>
      </c>
      <c r="C4492" t="str">
        <f>'CPT Data'!P4500</f>
        <v>CLAY</v>
      </c>
      <c r="D4492">
        <f>'CPT Data'!Q4500</f>
        <v>527.85479211668451</v>
      </c>
      <c r="E4492">
        <f t="shared" si="70"/>
        <v>525.6824404612845</v>
      </c>
      <c r="F4492">
        <f>IF(C4492="CLAY", INDEX(D$4:D4492, MATCH("CLAY", C$4:C4492, 0)), "")</f>
        <v>0.75203252561341039</v>
      </c>
    </row>
    <row r="4493" spans="1:6" x14ac:dyDescent="0.2">
      <c r="A4493" s="239">
        <f>'CPT Data'!B4501</f>
        <v>44.607999999999997</v>
      </c>
      <c r="B4493" s="3">
        <f>'CPT Data'!C4501</f>
        <v>44.600999999999999</v>
      </c>
      <c r="C4493" t="str">
        <f>'CPT Data'!P4501</f>
        <v>CLAY</v>
      </c>
      <c r="D4493">
        <f>'CPT Data'!Q4501</f>
        <v>530.08967819803001</v>
      </c>
      <c r="E4493">
        <f t="shared" si="70"/>
        <v>527.85479211668451</v>
      </c>
      <c r="F4493">
        <f>IF(C4493="CLAY", INDEX(D$4:D4493, MATCH("CLAY", C$4:C4493, 0)), "")</f>
        <v>0.75203252561341039</v>
      </c>
    </row>
    <row r="4494" spans="1:6" x14ac:dyDescent="0.2">
      <c r="A4494" s="239">
        <f>'CPT Data'!B4502</f>
        <v>44.619</v>
      </c>
      <c r="B4494" s="3">
        <f>'CPT Data'!C4502</f>
        <v>44.612000000000002</v>
      </c>
      <c r="C4494" t="str">
        <f>'CPT Data'!P4502</f>
        <v>CLAY</v>
      </c>
      <c r="D4494">
        <f>'CPT Data'!Q4502</f>
        <v>553.96928249585892</v>
      </c>
      <c r="E4494">
        <f t="shared" si="70"/>
        <v>530.08967819803001</v>
      </c>
      <c r="F4494">
        <f>IF(C4494="CLAY", INDEX(D$4:D4494, MATCH("CLAY", C$4:C4494, 0)), "")</f>
        <v>0.75203252561341039</v>
      </c>
    </row>
    <row r="4495" spans="1:6" x14ac:dyDescent="0.2">
      <c r="A4495" s="239">
        <f>'CPT Data'!B4503</f>
        <v>44.628</v>
      </c>
      <c r="B4495" s="3">
        <f>'CPT Data'!C4503</f>
        <v>44.621000000000002</v>
      </c>
      <c r="C4495" t="str">
        <f>'CPT Data'!P4503</f>
        <v>CLAY</v>
      </c>
      <c r="D4495">
        <f>'CPT Data'!Q4503</f>
        <v>581.79749985180149</v>
      </c>
      <c r="E4495">
        <f t="shared" si="70"/>
        <v>553.96928249585892</v>
      </c>
      <c r="F4495">
        <f>IF(C4495="CLAY", INDEX(D$4:D4495, MATCH("CLAY", C$4:C4495, 0)), "")</f>
        <v>0.75203252561341039</v>
      </c>
    </row>
    <row r="4496" spans="1:6" x14ac:dyDescent="0.2">
      <c r="A4496" s="239">
        <f>'CPT Data'!B4504</f>
        <v>44.637999999999998</v>
      </c>
      <c r="B4496" s="3">
        <f>'CPT Data'!C4504</f>
        <v>44.631</v>
      </c>
      <c r="C4496" t="str">
        <f>'CPT Data'!P4504</f>
        <v>CLAY</v>
      </c>
      <c r="D4496">
        <f>'CPT Data'!Q4504</f>
        <v>610.47443503174213</v>
      </c>
      <c r="E4496">
        <f t="shared" si="70"/>
        <v>581.79749985180149</v>
      </c>
      <c r="F4496">
        <f>IF(C4496="CLAY", INDEX(D$4:D4496, MATCH("CLAY", C$4:C4496, 0)), "")</f>
        <v>0.75203252561341039</v>
      </c>
    </row>
    <row r="4497" spans="1:6" x14ac:dyDescent="0.2">
      <c r="A4497" s="239">
        <f>'CPT Data'!B4505</f>
        <v>44.648000000000003</v>
      </c>
      <c r="B4497" s="3">
        <f>'CPT Data'!C4505</f>
        <v>44.641000000000005</v>
      </c>
      <c r="C4497" t="str">
        <f>'CPT Data'!P4505</f>
        <v>CLAY</v>
      </c>
      <c r="D4497">
        <f>'CPT Data'!Q4505</f>
        <v>604.52834085154734</v>
      </c>
      <c r="E4497">
        <f t="shared" si="70"/>
        <v>610.47443503174213</v>
      </c>
      <c r="F4497">
        <f>IF(C4497="CLAY", INDEX(D$4:D4497, MATCH("CLAY", C$4:C4497, 0)), "")</f>
        <v>0.75203252561341039</v>
      </c>
    </row>
    <row r="4498" spans="1:6" x14ac:dyDescent="0.2">
      <c r="A4498" s="239">
        <f>'CPT Data'!B4506</f>
        <v>44.656999999999996</v>
      </c>
      <c r="B4498" s="3">
        <f>'CPT Data'!C4506</f>
        <v>44.65</v>
      </c>
      <c r="C4498" t="str">
        <f>'CPT Data'!P4506</f>
        <v>CLAY</v>
      </c>
      <c r="D4498">
        <f>'CPT Data'!Q4506</f>
        <v>609.74412429549932</v>
      </c>
      <c r="E4498">
        <f t="shared" si="70"/>
        <v>604.52834085154734</v>
      </c>
      <c r="F4498">
        <f>IF(C4498="CLAY", INDEX(D$4:D4498, MATCH("CLAY", C$4:C4498, 0)), "")</f>
        <v>0.75203252561341039</v>
      </c>
    </row>
    <row r="4499" spans="1:6" x14ac:dyDescent="0.2">
      <c r="A4499" s="239">
        <f>'CPT Data'!B4507</f>
        <v>44.665999999999997</v>
      </c>
      <c r="B4499" s="3">
        <f>'CPT Data'!C4507</f>
        <v>44.658999999999999</v>
      </c>
      <c r="C4499" t="str">
        <f>'CPT Data'!P4507</f>
        <v>CLAY</v>
      </c>
      <c r="D4499">
        <f>'CPT Data'!Q4507</f>
        <v>600.63960706547584</v>
      </c>
      <c r="E4499">
        <f t="shared" si="70"/>
        <v>609.74412429549932</v>
      </c>
      <c r="F4499">
        <f>IF(C4499="CLAY", INDEX(D$4:D4499, MATCH("CLAY", C$4:C4499, 0)), "")</f>
        <v>0.75203252561341039</v>
      </c>
    </row>
    <row r="4500" spans="1:6" x14ac:dyDescent="0.2">
      <c r="A4500" s="239">
        <f>'CPT Data'!B4508</f>
        <v>44.677</v>
      </c>
      <c r="B4500" s="3">
        <f>'CPT Data'!C4508</f>
        <v>44.67</v>
      </c>
      <c r="C4500" t="str">
        <f>'CPT Data'!P4508</f>
        <v>CLAY</v>
      </c>
      <c r="D4500">
        <f>'CPT Data'!Q4508</f>
        <v>582.05675225379684</v>
      </c>
      <c r="E4500">
        <f t="shared" si="70"/>
        <v>600.63960706547584</v>
      </c>
      <c r="F4500">
        <f>IF(C4500="CLAY", INDEX(D$4:D4500, MATCH("CLAY", C$4:C4500, 0)), "")</f>
        <v>0.75203252561341039</v>
      </c>
    </row>
    <row r="4501" spans="1:6" x14ac:dyDescent="0.2">
      <c r="A4501" s="239">
        <f>'CPT Data'!B4509</f>
        <v>44.686</v>
      </c>
      <c r="B4501" s="3">
        <f>'CPT Data'!C4509</f>
        <v>44.679000000000002</v>
      </c>
      <c r="C4501" t="str">
        <f>'CPT Data'!P4509</f>
        <v>CLAY</v>
      </c>
      <c r="D4501">
        <f>'CPT Data'!Q4509</f>
        <v>570.71123843053965</v>
      </c>
      <c r="E4501">
        <f t="shared" si="70"/>
        <v>582.05675225379684</v>
      </c>
      <c r="F4501">
        <f>IF(C4501="CLAY", INDEX(D$4:D4501, MATCH("CLAY", C$4:C4501, 0)), "")</f>
        <v>0.75203252561341039</v>
      </c>
    </row>
    <row r="4502" spans="1:6" x14ac:dyDescent="0.2">
      <c r="A4502" s="239">
        <f>'CPT Data'!B4510</f>
        <v>44.695999999999998</v>
      </c>
      <c r="B4502" s="3">
        <f>'CPT Data'!C4510</f>
        <v>44.689</v>
      </c>
      <c r="C4502" t="str">
        <f>'CPT Data'!P4510</f>
        <v>CLAY</v>
      </c>
      <c r="D4502">
        <f>'CPT Data'!Q4510</f>
        <v>553.56368156669555</v>
      </c>
      <c r="E4502">
        <f t="shared" si="70"/>
        <v>570.71123843053965</v>
      </c>
      <c r="F4502">
        <f>IF(C4502="CLAY", INDEX(D$4:D4502, MATCH("CLAY", C$4:C4502, 0)), "")</f>
        <v>0.75203252561341039</v>
      </c>
    </row>
    <row r="4503" spans="1:6" x14ac:dyDescent="0.2">
      <c r="A4503" s="239">
        <f>'CPT Data'!B4511</f>
        <v>44.706000000000003</v>
      </c>
      <c r="B4503" s="3">
        <f>'CPT Data'!C4511</f>
        <v>44.699000000000005</v>
      </c>
      <c r="C4503" t="str">
        <f>'CPT Data'!P4511</f>
        <v>CLAY</v>
      </c>
      <c r="D4503">
        <f>'CPT Data'!Q4511</f>
        <v>547.22551015854515</v>
      </c>
      <c r="E4503">
        <f t="shared" si="70"/>
        <v>553.56368156669555</v>
      </c>
      <c r="F4503">
        <f>IF(C4503="CLAY", INDEX(D$4:D4503, MATCH("CLAY", C$4:C4503, 0)), "")</f>
        <v>0.75203252561341039</v>
      </c>
    </row>
    <row r="4504" spans="1:6" x14ac:dyDescent="0.2">
      <c r="A4504" s="239">
        <f>'CPT Data'!B4512</f>
        <v>44.715000000000003</v>
      </c>
      <c r="B4504" s="3">
        <f>'CPT Data'!C4512</f>
        <v>44.708000000000006</v>
      </c>
      <c r="C4504" t="str">
        <f>'CPT Data'!P4512</f>
        <v>CLAY</v>
      </c>
      <c r="D4504">
        <f>'CPT Data'!Q4512</f>
        <v>542.5286363615005</v>
      </c>
      <c r="E4504">
        <f t="shared" si="70"/>
        <v>547.22551015854515</v>
      </c>
      <c r="F4504">
        <f>IF(C4504="CLAY", INDEX(D$4:D4504, MATCH("CLAY", C$4:C4504, 0)), "")</f>
        <v>0.75203252561341039</v>
      </c>
    </row>
    <row r="4505" spans="1:6" x14ac:dyDescent="0.2">
      <c r="A4505" s="239">
        <f>'CPT Data'!B4513</f>
        <v>44.725000000000001</v>
      </c>
      <c r="B4505" s="3">
        <f>'CPT Data'!C4513</f>
        <v>44.718000000000004</v>
      </c>
      <c r="C4505" t="str">
        <f>'CPT Data'!P4513</f>
        <v>CLAY</v>
      </c>
      <c r="D4505">
        <f>'CPT Data'!Q4513</f>
        <v>558.45649103875019</v>
      </c>
      <c r="E4505">
        <f t="shared" si="70"/>
        <v>542.5286363615005</v>
      </c>
      <c r="F4505">
        <f>IF(C4505="CLAY", INDEX(D$4:D4505, MATCH("CLAY", C$4:C4505, 0)), "")</f>
        <v>0.75203252561341039</v>
      </c>
    </row>
    <row r="4506" spans="1:6" x14ac:dyDescent="0.2">
      <c r="A4506" s="239">
        <f>'CPT Data'!B4514</f>
        <v>44.734000000000002</v>
      </c>
      <c r="B4506" s="3">
        <f>'CPT Data'!C4514</f>
        <v>44.727000000000004</v>
      </c>
      <c r="C4506" t="str">
        <f>'CPT Data'!P4514</f>
        <v>CLAY</v>
      </c>
      <c r="D4506">
        <f>'CPT Data'!Q4514</f>
        <v>571.00722491907788</v>
      </c>
      <c r="E4506">
        <f t="shared" si="70"/>
        <v>558.45649103875019</v>
      </c>
      <c r="F4506">
        <f>IF(C4506="CLAY", INDEX(D$4:D4506, MATCH("CLAY", C$4:C4506, 0)), "")</f>
        <v>0.75203252561341039</v>
      </c>
    </row>
    <row r="4507" spans="1:6" x14ac:dyDescent="0.2">
      <c r="A4507" s="239">
        <f>'CPT Data'!B4515</f>
        <v>44.744999999999997</v>
      </c>
      <c r="B4507" s="3">
        <f>'CPT Data'!C4515</f>
        <v>44.738</v>
      </c>
      <c r="C4507" t="str">
        <f>'CPT Data'!P4515</f>
        <v>CLAY</v>
      </c>
      <c r="D4507">
        <f>'CPT Data'!Q4515</f>
        <v>578.70987007073734</v>
      </c>
      <c r="E4507">
        <f t="shared" ref="E4507:E4570" si="71">IF(C4507="SAND",#N/A,IF(C4507=C4506,D4506,IF(C4507="CLAY",D4507,#N/A)))</f>
        <v>571.00722491907788</v>
      </c>
      <c r="F4507">
        <f>IF(C4507="CLAY", INDEX(D$4:D4507, MATCH("CLAY", C$4:C4507, 0)), "")</f>
        <v>0.75203252561341039</v>
      </c>
    </row>
    <row r="4508" spans="1:6" x14ac:dyDescent="0.2">
      <c r="A4508" s="239">
        <f>'CPT Data'!B4516</f>
        <v>44.753999999999998</v>
      </c>
      <c r="B4508" s="3">
        <f>'CPT Data'!C4516</f>
        <v>44.747</v>
      </c>
      <c r="C4508" t="str">
        <f>'CPT Data'!P4516</f>
        <v>CLAY</v>
      </c>
      <c r="D4508">
        <f>'CPT Data'!Q4516</f>
        <v>589.91442471359346</v>
      </c>
      <c r="E4508">
        <f t="shared" si="71"/>
        <v>578.70987007073734</v>
      </c>
      <c r="F4508">
        <f>IF(C4508="CLAY", INDEX(D$4:D4508, MATCH("CLAY", C$4:C4508, 0)), "")</f>
        <v>0.75203252561341039</v>
      </c>
    </row>
    <row r="4509" spans="1:6" x14ac:dyDescent="0.2">
      <c r="A4509" s="239">
        <f>'CPT Data'!B4517</f>
        <v>44.762999999999998</v>
      </c>
      <c r="B4509" s="3">
        <f>'CPT Data'!C4517</f>
        <v>44.756</v>
      </c>
      <c r="C4509" t="str">
        <f>'CPT Data'!P4517</f>
        <v>CLAY</v>
      </c>
      <c r="D4509">
        <f>'CPT Data'!Q4517</f>
        <v>583.45513540026104</v>
      </c>
      <c r="E4509">
        <f t="shared" si="71"/>
        <v>589.91442471359346</v>
      </c>
      <c r="F4509">
        <f>IF(C4509="CLAY", INDEX(D$4:D4509, MATCH("CLAY", C$4:C4509, 0)), "")</f>
        <v>0.75203252561341039</v>
      </c>
    </row>
    <row r="4510" spans="1:6" x14ac:dyDescent="0.2">
      <c r="A4510" s="239">
        <f>'CPT Data'!B4518</f>
        <v>44.773000000000003</v>
      </c>
      <c r="B4510" s="3">
        <f>'CPT Data'!C4518</f>
        <v>44.766000000000005</v>
      </c>
      <c r="C4510" t="str">
        <f>'CPT Data'!P4518</f>
        <v>CLAY</v>
      </c>
      <c r="D4510">
        <f>'CPT Data'!Q4518</f>
        <v>553.43301675665282</v>
      </c>
      <c r="E4510">
        <f t="shared" si="71"/>
        <v>583.45513540026104</v>
      </c>
      <c r="F4510">
        <f>IF(C4510="CLAY", INDEX(D$4:D4510, MATCH("CLAY", C$4:C4510, 0)), "")</f>
        <v>0.75203252561341039</v>
      </c>
    </row>
    <row r="4511" spans="1:6" x14ac:dyDescent="0.2">
      <c r="A4511" s="239">
        <f>'CPT Data'!B4519</f>
        <v>44.783000000000001</v>
      </c>
      <c r="B4511" s="3">
        <f>'CPT Data'!C4519</f>
        <v>44.776000000000003</v>
      </c>
      <c r="C4511" t="str">
        <f>'CPT Data'!P4519</f>
        <v>CLAY</v>
      </c>
      <c r="D4511">
        <f>'CPT Data'!Q4519</f>
        <v>567.00369028537284</v>
      </c>
      <c r="E4511">
        <f t="shared" si="71"/>
        <v>553.43301675665282</v>
      </c>
      <c r="F4511">
        <f>IF(C4511="CLAY", INDEX(D$4:D4511, MATCH("CLAY", C$4:C4511, 0)), "")</f>
        <v>0.75203252561341039</v>
      </c>
    </row>
    <row r="4512" spans="1:6" x14ac:dyDescent="0.2">
      <c r="A4512" s="239">
        <f>'CPT Data'!B4520</f>
        <v>44.793999999999997</v>
      </c>
      <c r="B4512" s="3">
        <f>'CPT Data'!C4520</f>
        <v>44.786999999999999</v>
      </c>
      <c r="C4512" t="str">
        <f>'CPT Data'!P4520</f>
        <v>CLAY</v>
      </c>
      <c r="D4512">
        <f>'CPT Data'!Q4520</f>
        <v>561.55684974839528</v>
      </c>
      <c r="E4512">
        <f t="shared" si="71"/>
        <v>567.00369028537284</v>
      </c>
      <c r="F4512">
        <f>IF(C4512="CLAY", INDEX(D$4:D4512, MATCH("CLAY", C$4:C4512, 0)), "")</f>
        <v>0.75203252561341039</v>
      </c>
    </row>
    <row r="4513" spans="1:6" x14ac:dyDescent="0.2">
      <c r="A4513" s="239">
        <f>'CPT Data'!B4521</f>
        <v>44.802999999999997</v>
      </c>
      <c r="B4513" s="3">
        <f>'CPT Data'!C4521</f>
        <v>44.795999999999999</v>
      </c>
      <c r="C4513" t="str">
        <f>'CPT Data'!P4521</f>
        <v>CLAY</v>
      </c>
      <c r="D4513">
        <f>'CPT Data'!Q4521</f>
        <v>558.18025585860835</v>
      </c>
      <c r="E4513">
        <f t="shared" si="71"/>
        <v>561.55684974839528</v>
      </c>
      <c r="F4513">
        <f>IF(C4513="CLAY", INDEX(D$4:D4513, MATCH("CLAY", C$4:C4513, 0)), "")</f>
        <v>0.75203252561341039</v>
      </c>
    </row>
    <row r="4514" spans="1:6" x14ac:dyDescent="0.2">
      <c r="A4514" s="239">
        <f>'CPT Data'!B4522</f>
        <v>44.813000000000002</v>
      </c>
      <c r="B4514" s="3">
        <f>'CPT Data'!C4522</f>
        <v>44.806000000000004</v>
      </c>
      <c r="C4514" t="str">
        <f>'CPT Data'!P4522</f>
        <v>CLAY</v>
      </c>
      <c r="D4514">
        <f>'CPT Data'!Q4522</f>
        <v>553.00237258105165</v>
      </c>
      <c r="E4514">
        <f t="shared" si="71"/>
        <v>558.18025585860835</v>
      </c>
      <c r="F4514">
        <f>IF(C4514="CLAY", INDEX(D$4:D4514, MATCH("CLAY", C$4:C4514, 0)), "")</f>
        <v>0.75203252561341039</v>
      </c>
    </row>
    <row r="4515" spans="1:6" x14ac:dyDescent="0.2">
      <c r="A4515" s="239">
        <f>'CPT Data'!B4523</f>
        <v>44.822000000000003</v>
      </c>
      <c r="B4515" s="3">
        <f>'CPT Data'!C4523</f>
        <v>44.815000000000005</v>
      </c>
      <c r="C4515" t="str">
        <f>'CPT Data'!P4523</f>
        <v>CLAY</v>
      </c>
      <c r="D4515">
        <f>'CPT Data'!Q4523</f>
        <v>573.22898731413591</v>
      </c>
      <c r="E4515">
        <f t="shared" si="71"/>
        <v>553.00237258105165</v>
      </c>
      <c r="F4515">
        <f>IF(C4515="CLAY", INDEX(D$4:D4515, MATCH("CLAY", C$4:C4515, 0)), "")</f>
        <v>0.75203252561341039</v>
      </c>
    </row>
    <row r="4516" spans="1:6" x14ac:dyDescent="0.2">
      <c r="A4516" s="239">
        <f>'CPT Data'!B4524</f>
        <v>44.832000000000001</v>
      </c>
      <c r="B4516" s="3">
        <f>'CPT Data'!C4524</f>
        <v>44.825000000000003</v>
      </c>
      <c r="C4516" t="str">
        <f>'CPT Data'!P4524</f>
        <v>CLAY</v>
      </c>
      <c r="D4516">
        <f>'CPT Data'!Q4524</f>
        <v>593.75789753583058</v>
      </c>
      <c r="E4516">
        <f t="shared" si="71"/>
        <v>573.22898731413591</v>
      </c>
      <c r="F4516">
        <f>IF(C4516="CLAY", INDEX(D$4:D4516, MATCH("CLAY", C$4:C4516, 0)), "")</f>
        <v>0.75203252561341039</v>
      </c>
    </row>
    <row r="4517" spans="1:6" x14ac:dyDescent="0.2">
      <c r="A4517" s="239">
        <f>'CPT Data'!B4525</f>
        <v>44.841999999999999</v>
      </c>
      <c r="B4517" s="3">
        <f>'CPT Data'!C4525</f>
        <v>44.835000000000001</v>
      </c>
      <c r="C4517" t="str">
        <f>'CPT Data'!P4525</f>
        <v>CLAY</v>
      </c>
      <c r="D4517">
        <f>'CPT Data'!Q4525</f>
        <v>592.17390253975805</v>
      </c>
      <c r="E4517">
        <f t="shared" si="71"/>
        <v>593.75789753583058</v>
      </c>
      <c r="F4517">
        <f>IF(C4517="CLAY", INDEX(D$4:D4517, MATCH("CLAY", C$4:C4517, 0)), "")</f>
        <v>0.75203252561341039</v>
      </c>
    </row>
    <row r="4518" spans="1:6" x14ac:dyDescent="0.2">
      <c r="A4518" s="239">
        <f>'CPT Data'!B4526</f>
        <v>44.850999999999999</v>
      </c>
      <c r="B4518" s="3">
        <f>'CPT Data'!C4526</f>
        <v>44.844000000000001</v>
      </c>
      <c r="C4518" t="str">
        <f>'CPT Data'!P4526</f>
        <v>CLAY</v>
      </c>
      <c r="D4518">
        <f>'CPT Data'!Q4526</f>
        <v>589.64080710674546</v>
      </c>
      <c r="E4518">
        <f t="shared" si="71"/>
        <v>592.17390253975805</v>
      </c>
      <c r="F4518">
        <f>IF(C4518="CLAY", INDEX(D$4:D4518, MATCH("CLAY", C$4:C4518, 0)), "")</f>
        <v>0.75203252561341039</v>
      </c>
    </row>
    <row r="4519" spans="1:6" x14ac:dyDescent="0.2">
      <c r="A4519" s="239">
        <f>'CPT Data'!B4527</f>
        <v>44.862000000000002</v>
      </c>
      <c r="B4519" s="3">
        <f>'CPT Data'!C4527</f>
        <v>44.855000000000004</v>
      </c>
      <c r="C4519" t="str">
        <f>'CPT Data'!P4527</f>
        <v>CLAY</v>
      </c>
      <c r="D4519">
        <f>'CPT Data'!Q4527</f>
        <v>589.77088174096468</v>
      </c>
      <c r="E4519">
        <f t="shared" si="71"/>
        <v>589.64080710674546</v>
      </c>
      <c r="F4519">
        <f>IF(C4519="CLAY", INDEX(D$4:D4519, MATCH("CLAY", C$4:C4519, 0)), "")</f>
        <v>0.75203252561341039</v>
      </c>
    </row>
    <row r="4520" spans="1:6" x14ac:dyDescent="0.2">
      <c r="A4520" s="239">
        <f>'CPT Data'!B4528</f>
        <v>44.871000000000002</v>
      </c>
      <c r="B4520" s="3">
        <f>'CPT Data'!C4528</f>
        <v>44.864000000000004</v>
      </c>
      <c r="C4520" t="str">
        <f>'CPT Data'!P4528</f>
        <v>CLAY</v>
      </c>
      <c r="D4520">
        <f>'CPT Data'!Q4528</f>
        <v>557.21134614494667</v>
      </c>
      <c r="E4520">
        <f t="shared" si="71"/>
        <v>589.77088174096468</v>
      </c>
      <c r="F4520">
        <f>IF(C4520="CLAY", INDEX(D$4:D4520, MATCH("CLAY", C$4:C4520, 0)), "")</f>
        <v>0.75203252561341039</v>
      </c>
    </row>
    <row r="4521" spans="1:6" x14ac:dyDescent="0.2">
      <c r="A4521" s="239">
        <f>'CPT Data'!B4529</f>
        <v>44.881</v>
      </c>
      <c r="B4521" s="3">
        <f>'CPT Data'!C4529</f>
        <v>44.874000000000002</v>
      </c>
      <c r="C4521" t="str">
        <f>'CPT Data'!P4529</f>
        <v>CLAY</v>
      </c>
      <c r="D4521">
        <f>'CPT Data'!Q4529</f>
        <v>526.72927852014061</v>
      </c>
      <c r="E4521">
        <f t="shared" si="71"/>
        <v>557.21134614494667</v>
      </c>
      <c r="F4521">
        <f>IF(C4521="CLAY", INDEX(D$4:D4521, MATCH("CLAY", C$4:C4521, 0)), "")</f>
        <v>0.75203252561341039</v>
      </c>
    </row>
    <row r="4522" spans="1:6" x14ac:dyDescent="0.2">
      <c r="A4522" s="239">
        <f>'CPT Data'!B4530</f>
        <v>44.89</v>
      </c>
      <c r="B4522" s="3">
        <f>'CPT Data'!C4530</f>
        <v>44.883000000000003</v>
      </c>
      <c r="C4522" t="str">
        <f>'CPT Data'!P4530</f>
        <v>CLAY</v>
      </c>
      <c r="D4522">
        <f>'CPT Data'!Q4530</f>
        <v>502.91941239010134</v>
      </c>
      <c r="E4522">
        <f t="shared" si="71"/>
        <v>526.72927852014061</v>
      </c>
      <c r="F4522">
        <f>IF(C4522="CLAY", INDEX(D$4:D4522, MATCH("CLAY", C$4:C4522, 0)), "")</f>
        <v>0.75203252561341039</v>
      </c>
    </row>
    <row r="4523" spans="1:6" x14ac:dyDescent="0.2">
      <c r="A4523" s="239">
        <f>'CPT Data'!B4531</f>
        <v>44.9</v>
      </c>
      <c r="B4523" s="3">
        <f>'CPT Data'!C4531</f>
        <v>44.893000000000001</v>
      </c>
      <c r="C4523" t="str">
        <f>'CPT Data'!P4531</f>
        <v>CLAY</v>
      </c>
      <c r="D4523">
        <f>'CPT Data'!Q4531</f>
        <v>488.06251818121677</v>
      </c>
      <c r="E4523">
        <f t="shared" si="71"/>
        <v>502.91941239010134</v>
      </c>
      <c r="F4523">
        <f>IF(C4523="CLAY", INDEX(D$4:D4523, MATCH("CLAY", C$4:C4523, 0)), "")</f>
        <v>0.75203252561341039</v>
      </c>
    </row>
    <row r="4524" spans="1:6" x14ac:dyDescent="0.2">
      <c r="A4524" s="239">
        <f>'CPT Data'!B4532</f>
        <v>44.91</v>
      </c>
      <c r="B4524" s="3">
        <f>'CPT Data'!C4532</f>
        <v>44.902999999999999</v>
      </c>
      <c r="C4524" t="str">
        <f>'CPT Data'!P4532</f>
        <v>CLAY</v>
      </c>
      <c r="D4524">
        <f>'CPT Data'!Q4532</f>
        <v>472.27134849026203</v>
      </c>
      <c r="E4524">
        <f t="shared" si="71"/>
        <v>488.06251818121677</v>
      </c>
      <c r="F4524">
        <f>IF(C4524="CLAY", INDEX(D$4:D4524, MATCH("CLAY", C$4:C4524, 0)), "")</f>
        <v>0.75203252561341039</v>
      </c>
    </row>
    <row r="4525" spans="1:6" x14ac:dyDescent="0.2">
      <c r="A4525" s="239">
        <f>'CPT Data'!B4533</f>
        <v>44.918999999999997</v>
      </c>
      <c r="B4525" s="3">
        <f>'CPT Data'!C4533</f>
        <v>44.911999999999999</v>
      </c>
      <c r="C4525" t="str">
        <f>'CPT Data'!P4533</f>
        <v>CLAY</v>
      </c>
      <c r="D4525">
        <f>'CPT Data'!Q4533</f>
        <v>466.89297624459795</v>
      </c>
      <c r="E4525">
        <f t="shared" si="71"/>
        <v>472.27134849026203</v>
      </c>
      <c r="F4525">
        <f>IF(C4525="CLAY", INDEX(D$4:D4525, MATCH("CLAY", C$4:C4525, 0)), "")</f>
        <v>0.75203252561341039</v>
      </c>
    </row>
    <row r="4526" spans="1:6" x14ac:dyDescent="0.2">
      <c r="A4526" s="239">
        <f>'CPT Data'!B4534</f>
        <v>44.929000000000002</v>
      </c>
      <c r="B4526" s="3">
        <f>'CPT Data'!C4534</f>
        <v>44.922000000000004</v>
      </c>
      <c r="C4526" t="str">
        <f>'CPT Data'!P4534</f>
        <v>CLAY</v>
      </c>
      <c r="D4526">
        <f>'CPT Data'!Q4534</f>
        <v>483.27006853412217</v>
      </c>
      <c r="E4526">
        <f t="shared" si="71"/>
        <v>466.89297624459795</v>
      </c>
      <c r="F4526">
        <f>IF(C4526="CLAY", INDEX(D$4:D4526, MATCH("CLAY", C$4:C4526, 0)), "")</f>
        <v>0.75203252561341039</v>
      </c>
    </row>
    <row r="4527" spans="1:6" x14ac:dyDescent="0.2">
      <c r="A4527" s="239">
        <f>'CPT Data'!B4535</f>
        <v>44.939</v>
      </c>
      <c r="B4527" s="3">
        <f>'CPT Data'!C4535</f>
        <v>44.932000000000002</v>
      </c>
      <c r="C4527" t="str">
        <f>'CPT Data'!P4535</f>
        <v>CLAY</v>
      </c>
      <c r="D4527">
        <f>'CPT Data'!Q4535</f>
        <v>498.38129227617111</v>
      </c>
      <c r="E4527">
        <f t="shared" si="71"/>
        <v>483.27006853412217</v>
      </c>
      <c r="F4527">
        <f>IF(C4527="CLAY", INDEX(D$4:D4527, MATCH("CLAY", C$4:C4527, 0)), "")</f>
        <v>0.75203252561341039</v>
      </c>
    </row>
    <row r="4528" spans="1:6" x14ac:dyDescent="0.2">
      <c r="A4528" s="239">
        <f>'CPT Data'!B4536</f>
        <v>44.948</v>
      </c>
      <c r="B4528" s="3">
        <f>'CPT Data'!C4536</f>
        <v>44.941000000000003</v>
      </c>
      <c r="C4528" t="str">
        <f>'CPT Data'!P4536</f>
        <v>CLAY</v>
      </c>
      <c r="D4528">
        <f>'CPT Data'!Q4536</f>
        <v>520.59759825594608</v>
      </c>
      <c r="E4528">
        <f t="shared" si="71"/>
        <v>498.38129227617111</v>
      </c>
      <c r="F4528">
        <f>IF(C4528="CLAY", INDEX(D$4:D4528, MATCH("CLAY", C$4:C4528, 0)), "")</f>
        <v>0.75203252561341039</v>
      </c>
    </row>
    <row r="4529" spans="1:6" x14ac:dyDescent="0.2">
      <c r="A4529" s="239">
        <f>'CPT Data'!B4537</f>
        <v>44.957000000000001</v>
      </c>
      <c r="B4529" s="3">
        <f>'CPT Data'!C4537</f>
        <v>44.95</v>
      </c>
      <c r="C4529" t="str">
        <f>'CPT Data'!P4537</f>
        <v>CLAY</v>
      </c>
      <c r="D4529">
        <f>'CPT Data'!Q4537</f>
        <v>552.51828368519807</v>
      </c>
      <c r="E4529">
        <f t="shared" si="71"/>
        <v>520.59759825594608</v>
      </c>
      <c r="F4529">
        <f>IF(C4529="CLAY", INDEX(D$4:D4529, MATCH("CLAY", C$4:C4529, 0)), "")</f>
        <v>0.75203252561341039</v>
      </c>
    </row>
    <row r="4530" spans="1:6" x14ac:dyDescent="0.2">
      <c r="A4530" s="239">
        <f>'CPT Data'!B4538</f>
        <v>44.968000000000004</v>
      </c>
      <c r="B4530" s="3">
        <f>'CPT Data'!C4538</f>
        <v>44.961000000000006</v>
      </c>
      <c r="C4530" t="str">
        <f>'CPT Data'!P4538</f>
        <v>CLAY</v>
      </c>
      <c r="D4530">
        <f>'CPT Data'!Q4538</f>
        <v>554.03774622240701</v>
      </c>
      <c r="E4530">
        <f t="shared" si="71"/>
        <v>552.51828368519807</v>
      </c>
      <c r="F4530">
        <f>IF(C4530="CLAY", INDEX(D$4:D4530, MATCH("CLAY", C$4:C4530, 0)), "")</f>
        <v>0.75203252561341039</v>
      </c>
    </row>
    <row r="4531" spans="1:6" x14ac:dyDescent="0.2">
      <c r="A4531" s="239">
        <f>'CPT Data'!B4539</f>
        <v>44.978000000000002</v>
      </c>
      <c r="B4531" s="3">
        <f>'CPT Data'!C4539</f>
        <v>44.971000000000004</v>
      </c>
      <c r="C4531" t="str">
        <f>'CPT Data'!P4539</f>
        <v>CLAY</v>
      </c>
      <c r="D4531">
        <f>'CPT Data'!Q4539</f>
        <v>548.11458362737358</v>
      </c>
      <c r="E4531">
        <f t="shared" si="71"/>
        <v>554.03774622240701</v>
      </c>
      <c r="F4531">
        <f>IF(C4531="CLAY", INDEX(D$4:D4531, MATCH("CLAY", C$4:C4531, 0)), "")</f>
        <v>0.75203252561341039</v>
      </c>
    </row>
    <row r="4532" spans="1:6" x14ac:dyDescent="0.2">
      <c r="A4532" s="239">
        <f>'CPT Data'!B4540</f>
        <v>44.987000000000002</v>
      </c>
      <c r="B4532" s="3">
        <f>'CPT Data'!C4540</f>
        <v>44.980000000000004</v>
      </c>
      <c r="C4532" t="str">
        <f>'CPT Data'!P4540</f>
        <v>CLAY</v>
      </c>
      <c r="D4532">
        <f>'CPT Data'!Q4540</f>
        <v>528.45562172611051</v>
      </c>
      <c r="E4532">
        <f t="shared" si="71"/>
        <v>548.11458362737358</v>
      </c>
      <c r="F4532">
        <f>IF(C4532="CLAY", INDEX(D$4:D4532, MATCH("CLAY", C$4:C4532, 0)), "")</f>
        <v>0.75203252561341039</v>
      </c>
    </row>
    <row r="4533" spans="1:6" x14ac:dyDescent="0.2">
      <c r="A4533" s="239">
        <f>'CPT Data'!B4541</f>
        <v>44.997999999999998</v>
      </c>
      <c r="B4533" s="3">
        <f>'CPT Data'!C4541</f>
        <v>44.991</v>
      </c>
      <c r="C4533" t="str">
        <f>'CPT Data'!P4541</f>
        <v>CLAY</v>
      </c>
      <c r="D4533">
        <f>'CPT Data'!Q4541</f>
        <v>510.44260245152697</v>
      </c>
      <c r="E4533">
        <f t="shared" si="71"/>
        <v>528.45562172611051</v>
      </c>
      <c r="F4533">
        <f>IF(C4533="CLAY", INDEX(D$4:D4533, MATCH("CLAY", C$4:C4533, 0)), "")</f>
        <v>0.75203252561341039</v>
      </c>
    </row>
    <row r="4534" spans="1:6" x14ac:dyDescent="0.2">
      <c r="A4534" s="239">
        <f>'CPT Data'!B4542</f>
        <v>45.006999999999998</v>
      </c>
      <c r="B4534" s="3">
        <f>'CPT Data'!C4542</f>
        <v>45</v>
      </c>
      <c r="C4534" t="str">
        <f>'CPT Data'!P4542</f>
        <v>CLAY</v>
      </c>
      <c r="D4534">
        <f>'CPT Data'!Q4542</f>
        <v>497.15445428244647</v>
      </c>
      <c r="E4534">
        <f t="shared" si="71"/>
        <v>510.44260245152697</v>
      </c>
      <c r="F4534">
        <f>IF(C4534="CLAY", INDEX(D$4:D4534, MATCH("CLAY", C$4:C4534, 0)), "")</f>
        <v>0.75203252561341039</v>
      </c>
    </row>
    <row r="4535" spans="1:6" x14ac:dyDescent="0.2">
      <c r="A4535" s="239">
        <f>'CPT Data'!B4543</f>
        <v>45.018000000000001</v>
      </c>
      <c r="B4535" s="3">
        <f>'CPT Data'!C4543</f>
        <v>45.011000000000003</v>
      </c>
      <c r="C4535" t="str">
        <f>'CPT Data'!P4543</f>
        <v>CLAY</v>
      </c>
      <c r="D4535">
        <f>'CPT Data'!Q4543</f>
        <v>476.39822073015563</v>
      </c>
      <c r="E4535">
        <f t="shared" si="71"/>
        <v>497.15445428244647</v>
      </c>
      <c r="F4535">
        <f>IF(C4535="CLAY", INDEX(D$4:D4535, MATCH("CLAY", C$4:C4535, 0)), "")</f>
        <v>0.75203252561341039</v>
      </c>
    </row>
    <row r="4536" spans="1:6" x14ac:dyDescent="0.2">
      <c r="A4536" s="239">
        <f>'CPT Data'!B4544</f>
        <v>45.027000000000001</v>
      </c>
      <c r="B4536" s="3">
        <f>'CPT Data'!C4544</f>
        <v>45.02</v>
      </c>
      <c r="C4536" t="str">
        <f>'CPT Data'!P4544</f>
        <v>CLAY</v>
      </c>
      <c r="D4536">
        <f>'CPT Data'!Q4544</f>
        <v>430.91147725992511</v>
      </c>
      <c r="E4536">
        <f t="shared" si="71"/>
        <v>476.39822073015563</v>
      </c>
      <c r="F4536">
        <f>IF(C4536="CLAY", INDEX(D$4:D4536, MATCH("CLAY", C$4:C4536, 0)), "")</f>
        <v>0.75203252561341039</v>
      </c>
    </row>
    <row r="4537" spans="1:6" x14ac:dyDescent="0.2">
      <c r="A4537" s="239">
        <f>'CPT Data'!B4545</f>
        <v>45.036000000000001</v>
      </c>
      <c r="B4537" s="3">
        <f>'CPT Data'!C4545</f>
        <v>45.029000000000003</v>
      </c>
      <c r="C4537" t="str">
        <f>'CPT Data'!P4545</f>
        <v>CLAY</v>
      </c>
      <c r="D4537">
        <f>'CPT Data'!Q4545</f>
        <v>405.34480380477271</v>
      </c>
      <c r="E4537">
        <f t="shared" si="71"/>
        <v>430.91147725992511</v>
      </c>
      <c r="F4537">
        <f>IF(C4537="CLAY", INDEX(D$4:D4537, MATCH("CLAY", C$4:C4537, 0)), "")</f>
        <v>0.75203252561341039</v>
      </c>
    </row>
    <row r="4538" spans="1:6" x14ac:dyDescent="0.2">
      <c r="A4538" s="239">
        <f>'CPT Data'!B4546</f>
        <v>45.045999999999999</v>
      </c>
      <c r="B4538" s="3">
        <f>'CPT Data'!C4546</f>
        <v>45.039000000000001</v>
      </c>
      <c r="C4538" t="str">
        <f>'CPT Data'!P4546</f>
        <v>CLAY</v>
      </c>
      <c r="D4538">
        <f>'CPT Data'!Q4546</f>
        <v>380.4682565114897</v>
      </c>
      <c r="E4538">
        <f t="shared" si="71"/>
        <v>405.34480380477271</v>
      </c>
      <c r="F4538">
        <f>IF(C4538="CLAY", INDEX(D$4:D4538, MATCH("CLAY", C$4:C4538, 0)), "")</f>
        <v>0.75203252561341039</v>
      </c>
    </row>
    <row r="4539" spans="1:6" x14ac:dyDescent="0.2">
      <c r="A4539" s="239">
        <f>'CPT Data'!B4547</f>
        <v>45.055</v>
      </c>
      <c r="B4539" s="3">
        <f>'CPT Data'!C4547</f>
        <v>45.048000000000002</v>
      </c>
      <c r="C4539" t="str">
        <f>'CPT Data'!P4547</f>
        <v>CLAY</v>
      </c>
      <c r="D4539">
        <f>'CPT Data'!Q4547</f>
        <v>380.86013088905679</v>
      </c>
      <c r="E4539">
        <f t="shared" si="71"/>
        <v>380.4682565114897</v>
      </c>
      <c r="F4539">
        <f>IF(C4539="CLAY", INDEX(D$4:D4539, MATCH("CLAY", C$4:C4539, 0)), "")</f>
        <v>0.75203252561341039</v>
      </c>
    </row>
    <row r="4540" spans="1:6" x14ac:dyDescent="0.2">
      <c r="A4540" s="239">
        <f>'CPT Data'!B4548</f>
        <v>45.064999999999998</v>
      </c>
      <c r="B4540" s="3">
        <f>'CPT Data'!C4548</f>
        <v>45.058</v>
      </c>
      <c r="C4540" t="str">
        <f>'CPT Data'!P4548</f>
        <v>CLAY</v>
      </c>
      <c r="D4540">
        <f>'CPT Data'!Q4548</f>
        <v>396.10327159198164</v>
      </c>
      <c r="E4540">
        <f t="shared" si="71"/>
        <v>380.86013088905679</v>
      </c>
      <c r="F4540">
        <f>IF(C4540="CLAY", INDEX(D$4:D4540, MATCH("CLAY", C$4:C4540, 0)), "")</f>
        <v>0.75203252561341039</v>
      </c>
    </row>
    <row r="4541" spans="1:6" x14ac:dyDescent="0.2">
      <c r="A4541" s="239">
        <f>'CPT Data'!B4549</f>
        <v>45.073999999999998</v>
      </c>
      <c r="B4541" s="3">
        <f>'CPT Data'!C4549</f>
        <v>45.067</v>
      </c>
      <c r="C4541" t="str">
        <f>'CPT Data'!P4549</f>
        <v>CLAY</v>
      </c>
      <c r="D4541">
        <f>'CPT Data'!Q4549</f>
        <v>431.67928663064441</v>
      </c>
      <c r="E4541">
        <f t="shared" si="71"/>
        <v>396.10327159198164</v>
      </c>
      <c r="F4541">
        <f>IF(C4541="CLAY", INDEX(D$4:D4541, MATCH("CLAY", C$4:C4541, 0)), "")</f>
        <v>0.75203252561341039</v>
      </c>
    </row>
    <row r="4542" spans="1:6" x14ac:dyDescent="0.2">
      <c r="A4542" s="239">
        <f>'CPT Data'!B4550</f>
        <v>45.084000000000003</v>
      </c>
      <c r="B4542" s="3">
        <f>'CPT Data'!C4550</f>
        <v>45.077000000000005</v>
      </c>
      <c r="C4542" t="str">
        <f>'CPT Data'!P4550</f>
        <v>CLAY</v>
      </c>
      <c r="D4542">
        <f>'CPT Data'!Q4550</f>
        <v>465.93587705322915</v>
      </c>
      <c r="E4542">
        <f t="shared" si="71"/>
        <v>431.67928663064441</v>
      </c>
      <c r="F4542">
        <f>IF(C4542="CLAY", INDEX(D$4:D4542, MATCH("CLAY", C$4:C4542, 0)), "")</f>
        <v>0.75203252561341039</v>
      </c>
    </row>
    <row r="4543" spans="1:6" x14ac:dyDescent="0.2">
      <c r="A4543" s="239">
        <f>'CPT Data'!B4551</f>
        <v>45.093000000000004</v>
      </c>
      <c r="B4543" s="3">
        <f>'CPT Data'!C4551</f>
        <v>45.086000000000006</v>
      </c>
      <c r="C4543" t="str">
        <f>'CPT Data'!P4551</f>
        <v>CLAY</v>
      </c>
      <c r="D4543">
        <f>'CPT Data'!Q4551</f>
        <v>506.06534580089925</v>
      </c>
      <c r="E4543">
        <f t="shared" si="71"/>
        <v>465.93587705322915</v>
      </c>
      <c r="F4543">
        <f>IF(C4543="CLAY", INDEX(D$4:D4543, MATCH("CLAY", C$4:C4543, 0)), "")</f>
        <v>0.75203252561341039</v>
      </c>
    </row>
    <row r="4544" spans="1:6" x14ac:dyDescent="0.2">
      <c r="A4544" s="239">
        <f>'CPT Data'!B4552</f>
        <v>45.103999999999999</v>
      </c>
      <c r="B4544" s="3">
        <f>'CPT Data'!C4552</f>
        <v>45.097000000000001</v>
      </c>
      <c r="C4544" t="str">
        <f>'CPT Data'!P4552</f>
        <v>CLAY</v>
      </c>
      <c r="D4544">
        <f>'CPT Data'!Q4552</f>
        <v>539.49760750099665</v>
      </c>
      <c r="E4544">
        <f t="shared" si="71"/>
        <v>506.06534580089925</v>
      </c>
      <c r="F4544">
        <f>IF(C4544="CLAY", INDEX(D$4:D4544, MATCH("CLAY", C$4:C4544, 0)), "")</f>
        <v>0.75203252561341039</v>
      </c>
    </row>
    <row r="4545" spans="1:6" x14ac:dyDescent="0.2">
      <c r="A4545" s="239">
        <f>'CPT Data'!B4553</f>
        <v>45.113</v>
      </c>
      <c r="B4545" s="3">
        <f>'CPT Data'!C4553</f>
        <v>45.106000000000002</v>
      </c>
      <c r="C4545" t="str">
        <f>'CPT Data'!P4553</f>
        <v>CLAY</v>
      </c>
      <c r="D4545">
        <f>'CPT Data'!Q4553</f>
        <v>604.16968931164899</v>
      </c>
      <c r="E4545">
        <f t="shared" si="71"/>
        <v>539.49760750099665</v>
      </c>
      <c r="F4545">
        <f>IF(C4545="CLAY", INDEX(D$4:D4545, MATCH("CLAY", C$4:C4545, 0)), "")</f>
        <v>0.75203252561341039</v>
      </c>
    </row>
    <row r="4546" spans="1:6" x14ac:dyDescent="0.2">
      <c r="A4546" s="239">
        <f>'CPT Data'!B4554</f>
        <v>45.122</v>
      </c>
      <c r="B4546" s="3">
        <f>'CPT Data'!C4554</f>
        <v>45.115000000000002</v>
      </c>
      <c r="C4546" t="str">
        <f>'CPT Data'!P4554</f>
        <v>CLAY</v>
      </c>
      <c r="D4546">
        <f>'CPT Data'!Q4554</f>
        <v>638.67859026294548</v>
      </c>
      <c r="E4546">
        <f t="shared" si="71"/>
        <v>604.16968931164899</v>
      </c>
      <c r="F4546">
        <f>IF(C4546="CLAY", INDEX(D$4:D4546, MATCH("CLAY", C$4:C4546, 0)), "")</f>
        <v>0.75203252561341039</v>
      </c>
    </row>
    <row r="4547" spans="1:6" x14ac:dyDescent="0.2">
      <c r="A4547" s="239">
        <f>'CPT Data'!B4555</f>
        <v>45.131999999999998</v>
      </c>
      <c r="B4547" s="3">
        <f>'CPT Data'!C4555</f>
        <v>45.125</v>
      </c>
      <c r="C4547" t="str">
        <f>'CPT Data'!P4555</f>
        <v>CLAY</v>
      </c>
      <c r="D4547">
        <f>'CPT Data'!Q4555</f>
        <v>641.52419574432759</v>
      </c>
      <c r="E4547">
        <f t="shared" si="71"/>
        <v>638.67859026294548</v>
      </c>
      <c r="F4547">
        <f>IF(C4547="CLAY", INDEX(D$4:D4547, MATCH("CLAY", C$4:C4547, 0)), "")</f>
        <v>0.75203252561341039</v>
      </c>
    </row>
    <row r="4548" spans="1:6" x14ac:dyDescent="0.2">
      <c r="A4548" s="239">
        <f>'CPT Data'!B4556</f>
        <v>45.142000000000003</v>
      </c>
      <c r="B4548" s="3">
        <f>'CPT Data'!C4556</f>
        <v>45.135000000000005</v>
      </c>
      <c r="C4548" t="str">
        <f>'CPT Data'!P4556</f>
        <v>CLAY</v>
      </c>
      <c r="D4548">
        <f>'CPT Data'!Q4556</f>
        <v>643.90972962932767</v>
      </c>
      <c r="E4548">
        <f t="shared" si="71"/>
        <v>641.52419574432759</v>
      </c>
      <c r="F4548">
        <f>IF(C4548="CLAY", INDEX(D$4:D4548, MATCH("CLAY", C$4:C4548, 0)), "")</f>
        <v>0.75203252561341039</v>
      </c>
    </row>
    <row r="4549" spans="1:6" x14ac:dyDescent="0.2">
      <c r="A4549" s="239">
        <f>'CPT Data'!B4557</f>
        <v>45.152000000000001</v>
      </c>
      <c r="B4549" s="3">
        <f>'CPT Data'!C4557</f>
        <v>45.145000000000003</v>
      </c>
      <c r="C4549" t="str">
        <f>'CPT Data'!P4557</f>
        <v>CLAY</v>
      </c>
      <c r="D4549">
        <f>'CPT Data'!Q4557</f>
        <v>640.71999728161711</v>
      </c>
      <c r="E4549">
        <f t="shared" si="71"/>
        <v>643.90972962932767</v>
      </c>
      <c r="F4549">
        <f>IF(C4549="CLAY", INDEX(D$4:D4549, MATCH("CLAY", C$4:C4549, 0)), "")</f>
        <v>0.75203252561341039</v>
      </c>
    </row>
    <row r="4550" spans="1:6" x14ac:dyDescent="0.2">
      <c r="A4550" s="239">
        <f>'CPT Data'!B4558</f>
        <v>45.161999999999999</v>
      </c>
      <c r="B4550" s="3">
        <f>'CPT Data'!C4558</f>
        <v>45.155000000000001</v>
      </c>
      <c r="C4550" t="str">
        <f>'CPT Data'!P4558</f>
        <v>CLAY</v>
      </c>
      <c r="D4550">
        <f>'CPT Data'!Q4558</f>
        <v>640.41812745890752</v>
      </c>
      <c r="E4550">
        <f t="shared" si="71"/>
        <v>640.71999728161711</v>
      </c>
      <c r="F4550">
        <f>IF(C4550="CLAY", INDEX(D$4:D4550, MATCH("CLAY", C$4:C4550, 0)), "")</f>
        <v>0.75203252561341039</v>
      </c>
    </row>
    <row r="4551" spans="1:6" x14ac:dyDescent="0.2">
      <c r="A4551" s="239">
        <f>'CPT Data'!B4559</f>
        <v>45.171999999999997</v>
      </c>
      <c r="B4551" s="3">
        <f>'CPT Data'!C4559</f>
        <v>45.164999999999999</v>
      </c>
      <c r="C4551" t="str">
        <f>'CPT Data'!P4559</f>
        <v>CLAY</v>
      </c>
      <c r="D4551">
        <f>'CPT Data'!Q4559</f>
        <v>639.00508336319865</v>
      </c>
      <c r="E4551">
        <f t="shared" si="71"/>
        <v>640.41812745890752</v>
      </c>
      <c r="F4551">
        <f>IF(C4551="CLAY", INDEX(D$4:D4551, MATCH("CLAY", C$4:C4551, 0)), "")</f>
        <v>0.75203252561341039</v>
      </c>
    </row>
    <row r="4552" spans="1:6" x14ac:dyDescent="0.2">
      <c r="A4552" s="239">
        <f>'CPT Data'!B4560</f>
        <v>45.180999999999997</v>
      </c>
      <c r="B4552" s="3">
        <f>'CPT Data'!C4560</f>
        <v>45.173999999999999</v>
      </c>
      <c r="C4552" t="str">
        <f>'CPT Data'!P4560</f>
        <v>CLAY</v>
      </c>
      <c r="D4552">
        <f>'CPT Data'!Q4560</f>
        <v>614.26322579343935</v>
      </c>
      <c r="E4552">
        <f t="shared" si="71"/>
        <v>639.00508336319865</v>
      </c>
      <c r="F4552">
        <f>IF(C4552="CLAY", INDEX(D$4:D4552, MATCH("CLAY", C$4:C4552, 0)), "")</f>
        <v>0.75203252561341039</v>
      </c>
    </row>
    <row r="4553" spans="1:6" x14ac:dyDescent="0.2">
      <c r="A4553" s="239">
        <f>'CPT Data'!B4561</f>
        <v>45.191000000000003</v>
      </c>
      <c r="B4553" s="3">
        <f>'CPT Data'!C4561</f>
        <v>45.184000000000005</v>
      </c>
      <c r="C4553" t="str">
        <f>'CPT Data'!P4561</f>
        <v>CLAY</v>
      </c>
      <c r="D4553">
        <f>'CPT Data'!Q4561</f>
        <v>610.38462474660344</v>
      </c>
      <c r="E4553">
        <f t="shared" si="71"/>
        <v>614.26322579343935</v>
      </c>
      <c r="F4553">
        <f>IF(C4553="CLAY", INDEX(D$4:D4553, MATCH("CLAY", C$4:C4553, 0)), "")</f>
        <v>0.75203252561341039</v>
      </c>
    </row>
    <row r="4554" spans="1:6" x14ac:dyDescent="0.2">
      <c r="A4554" s="239">
        <f>'CPT Data'!B4562</f>
        <v>45.2</v>
      </c>
      <c r="B4554" s="3">
        <f>'CPT Data'!C4562</f>
        <v>45.193000000000005</v>
      </c>
      <c r="C4554" t="str">
        <f>'CPT Data'!P4562</f>
        <v>CLAY</v>
      </c>
      <c r="D4554">
        <f>'CPT Data'!Q4562</f>
        <v>606.51963035700999</v>
      </c>
      <c r="E4554">
        <f t="shared" si="71"/>
        <v>610.38462474660344</v>
      </c>
      <c r="F4554">
        <f>IF(C4554="CLAY", INDEX(D$4:D4554, MATCH("CLAY", C$4:C4554, 0)), "")</f>
        <v>0.75203252561341039</v>
      </c>
    </row>
    <row r="4555" spans="1:6" x14ac:dyDescent="0.2">
      <c r="A4555" s="239">
        <f>'CPT Data'!B4563</f>
        <v>45.21</v>
      </c>
      <c r="B4555" s="3">
        <f>'CPT Data'!C4563</f>
        <v>45.203000000000003</v>
      </c>
      <c r="C4555" t="str">
        <f>'CPT Data'!P4563</f>
        <v>CLAY</v>
      </c>
      <c r="D4555">
        <f>'CPT Data'!Q4563</f>
        <v>627.33892891326138</v>
      </c>
      <c r="E4555">
        <f t="shared" si="71"/>
        <v>606.51963035700999</v>
      </c>
      <c r="F4555">
        <f>IF(C4555="CLAY", INDEX(D$4:D4555, MATCH("CLAY", C$4:C4555, 0)), "")</f>
        <v>0.75203252561341039</v>
      </c>
    </row>
    <row r="4556" spans="1:6" x14ac:dyDescent="0.2">
      <c r="A4556" s="239">
        <f>'CPT Data'!B4564</f>
        <v>45.22</v>
      </c>
      <c r="B4556" s="3">
        <f>'CPT Data'!C4564</f>
        <v>45.213000000000001</v>
      </c>
      <c r="C4556" t="str">
        <f>'CPT Data'!P4564</f>
        <v>CLAY</v>
      </c>
      <c r="D4556">
        <f>'CPT Data'!Q4564</f>
        <v>652.47463185499862</v>
      </c>
      <c r="E4556">
        <f t="shared" si="71"/>
        <v>627.33892891326138</v>
      </c>
      <c r="F4556">
        <f>IF(C4556="CLAY", INDEX(D$4:D4556, MATCH("CLAY", C$4:C4556, 0)), "")</f>
        <v>0.75203252561341039</v>
      </c>
    </row>
    <row r="4557" spans="1:6" x14ac:dyDescent="0.2">
      <c r="A4557" s="239">
        <f>'CPT Data'!B4565</f>
        <v>45.228999999999999</v>
      </c>
      <c r="B4557" s="3">
        <f>'CPT Data'!C4565</f>
        <v>45.222000000000001</v>
      </c>
      <c r="C4557" t="str">
        <f>'CPT Data'!P4565</f>
        <v>CLAY</v>
      </c>
      <c r="D4557">
        <f>'CPT Data'!Q4565</f>
        <v>663.08707761622827</v>
      </c>
      <c r="E4557">
        <f t="shared" si="71"/>
        <v>652.47463185499862</v>
      </c>
      <c r="F4557">
        <f>IF(C4557="CLAY", INDEX(D$4:D4557, MATCH("CLAY", C$4:C4557, 0)), "")</f>
        <v>0.75203252561341039</v>
      </c>
    </row>
    <row r="4558" spans="1:6" x14ac:dyDescent="0.2">
      <c r="A4558" s="239">
        <f>'CPT Data'!B4566</f>
        <v>45.238</v>
      </c>
      <c r="B4558" s="3">
        <f>'CPT Data'!C4566</f>
        <v>45.231000000000002</v>
      </c>
      <c r="C4558" t="str">
        <f>'CPT Data'!P4566</f>
        <v>CLAY</v>
      </c>
      <c r="D4558">
        <f>'CPT Data'!Q4566</f>
        <v>687.5201509977104</v>
      </c>
      <c r="E4558">
        <f t="shared" si="71"/>
        <v>663.08707761622827</v>
      </c>
      <c r="F4558">
        <f>IF(C4558="CLAY", INDEX(D$4:D4558, MATCH("CLAY", C$4:C4558, 0)), "")</f>
        <v>0.75203252561341039</v>
      </c>
    </row>
    <row r="4559" spans="1:6" x14ac:dyDescent="0.2">
      <c r="A4559" s="239">
        <f>'CPT Data'!B4567</f>
        <v>45.249000000000002</v>
      </c>
      <c r="B4559" s="3">
        <f>'CPT Data'!C4567</f>
        <v>45.242000000000004</v>
      </c>
      <c r="C4559" t="str">
        <f>'CPT Data'!P4567</f>
        <v>CLAY</v>
      </c>
      <c r="D4559">
        <f>'CPT Data'!Q4567</f>
        <v>700.40766618835494</v>
      </c>
      <c r="E4559">
        <f t="shared" si="71"/>
        <v>687.5201509977104</v>
      </c>
      <c r="F4559">
        <f>IF(C4559="CLAY", INDEX(D$4:D4559, MATCH("CLAY", C$4:C4559, 0)), "")</f>
        <v>0.75203252561341039</v>
      </c>
    </row>
    <row r="4560" spans="1:6" x14ac:dyDescent="0.2">
      <c r="A4560" s="239">
        <f>'CPT Data'!B4568</f>
        <v>45.258000000000003</v>
      </c>
      <c r="B4560" s="3">
        <f>'CPT Data'!C4568</f>
        <v>45.251000000000005</v>
      </c>
      <c r="C4560" t="str">
        <f>'CPT Data'!P4568</f>
        <v>CLAY</v>
      </c>
      <c r="D4560">
        <f>'CPT Data'!Q4568</f>
        <v>695.42066919478202</v>
      </c>
      <c r="E4560">
        <f t="shared" si="71"/>
        <v>700.40766618835494</v>
      </c>
      <c r="F4560">
        <f>IF(C4560="CLAY", INDEX(D$4:D4560, MATCH("CLAY", C$4:C4560, 0)), "")</f>
        <v>0.75203252561341039</v>
      </c>
    </row>
    <row r="4561" spans="1:6" x14ac:dyDescent="0.2">
      <c r="A4561" s="239">
        <f>'CPT Data'!B4569</f>
        <v>45.268000000000001</v>
      </c>
      <c r="B4561" s="3">
        <f>'CPT Data'!C4569</f>
        <v>45.261000000000003</v>
      </c>
      <c r="C4561" t="str">
        <f>'CPT Data'!P4569</f>
        <v>CLAY</v>
      </c>
      <c r="D4561">
        <f>'CPT Data'!Q4569</f>
        <v>673.24849069737559</v>
      </c>
      <c r="E4561">
        <f t="shared" si="71"/>
        <v>695.42066919478202</v>
      </c>
      <c r="F4561">
        <f>IF(C4561="CLAY", INDEX(D$4:D4561, MATCH("CLAY", C$4:C4561, 0)), "")</f>
        <v>0.75203252561341039</v>
      </c>
    </row>
    <row r="4562" spans="1:6" x14ac:dyDescent="0.2">
      <c r="A4562" s="239">
        <f>'CPT Data'!B4570</f>
        <v>45.277999999999999</v>
      </c>
      <c r="B4562" s="3">
        <f>'CPT Data'!C4570</f>
        <v>45.271000000000001</v>
      </c>
      <c r="C4562" t="str">
        <f>'CPT Data'!P4570</f>
        <v>CLAY</v>
      </c>
      <c r="D4562">
        <f>'CPT Data'!Q4570</f>
        <v>653.64267676927204</v>
      </c>
      <c r="E4562">
        <f t="shared" si="71"/>
        <v>673.24849069737559</v>
      </c>
      <c r="F4562">
        <f>IF(C4562="CLAY", INDEX(D$4:D4562, MATCH("CLAY", C$4:C4562, 0)), "")</f>
        <v>0.75203252561341039</v>
      </c>
    </row>
    <row r="4563" spans="1:6" x14ac:dyDescent="0.2">
      <c r="A4563" s="239">
        <f>'CPT Data'!B4571</f>
        <v>45.286999999999999</v>
      </c>
      <c r="B4563" s="3">
        <f>'CPT Data'!C4571</f>
        <v>45.28</v>
      </c>
      <c r="C4563" t="str">
        <f>'CPT Data'!P4571</f>
        <v>CLAY</v>
      </c>
      <c r="D4563">
        <f>'CPT Data'!Q4571</f>
        <v>633.77162611460164</v>
      </c>
      <c r="E4563">
        <f t="shared" si="71"/>
        <v>653.64267676927204</v>
      </c>
      <c r="F4563">
        <f>IF(C4563="CLAY", INDEX(D$4:D4563, MATCH("CLAY", C$4:C4563, 0)), "")</f>
        <v>0.75203252561341039</v>
      </c>
    </row>
    <row r="4564" spans="1:6" x14ac:dyDescent="0.2">
      <c r="A4564" s="239">
        <f>'CPT Data'!B4572</f>
        <v>45.296999999999997</v>
      </c>
      <c r="B4564" s="3">
        <f>'CPT Data'!C4572</f>
        <v>45.29</v>
      </c>
      <c r="C4564" t="str">
        <f>'CPT Data'!P4572</f>
        <v>CLAY</v>
      </c>
      <c r="D4564">
        <f>'CPT Data'!Q4572</f>
        <v>620.27185036396884</v>
      </c>
      <c r="E4564">
        <f t="shared" si="71"/>
        <v>633.77162611460164</v>
      </c>
      <c r="F4564">
        <f>IF(C4564="CLAY", INDEX(D$4:D4564, MATCH("CLAY", C$4:C4564, 0)), "")</f>
        <v>0.75203252561341039</v>
      </c>
    </row>
    <row r="4565" spans="1:6" x14ac:dyDescent="0.2">
      <c r="A4565" s="239">
        <f>'CPT Data'!B4573</f>
        <v>45.308</v>
      </c>
      <c r="B4565" s="3">
        <f>'CPT Data'!C4573</f>
        <v>45.301000000000002</v>
      </c>
      <c r="C4565" t="str">
        <f>'CPT Data'!P4573</f>
        <v>CLAY</v>
      </c>
      <c r="D4565">
        <f>'CPT Data'!Q4573</f>
        <v>610.53615861736228</v>
      </c>
      <c r="E4565">
        <f t="shared" si="71"/>
        <v>620.27185036396884</v>
      </c>
      <c r="F4565">
        <f>IF(C4565="CLAY", INDEX(D$4:D4565, MATCH("CLAY", C$4:C4565, 0)), "")</f>
        <v>0.75203252561341039</v>
      </c>
    </row>
    <row r="4566" spans="1:6" x14ac:dyDescent="0.2">
      <c r="A4566" s="239">
        <f>'CPT Data'!B4574</f>
        <v>45.317</v>
      </c>
      <c r="B4566" s="3">
        <f>'CPT Data'!C4574</f>
        <v>45.31</v>
      </c>
      <c r="C4566" t="str">
        <f>'CPT Data'!P4574</f>
        <v>CLAY</v>
      </c>
      <c r="D4566">
        <f>'CPT Data'!Q4574</f>
        <v>593.0298515766716</v>
      </c>
      <c r="E4566">
        <f t="shared" si="71"/>
        <v>610.53615861736228</v>
      </c>
      <c r="F4566">
        <f>IF(C4566="CLAY", INDEX(D$4:D4566, MATCH("CLAY", C$4:C4566, 0)), "")</f>
        <v>0.75203252561341039</v>
      </c>
    </row>
    <row r="4567" spans="1:6" x14ac:dyDescent="0.2">
      <c r="A4567" s="239">
        <f>'CPT Data'!B4575</f>
        <v>45.326999999999998</v>
      </c>
      <c r="B4567" s="3">
        <f>'CPT Data'!C4575</f>
        <v>45.32</v>
      </c>
      <c r="C4567" t="str">
        <f>'CPT Data'!P4575</f>
        <v>CLAY</v>
      </c>
      <c r="D4567">
        <f>'CPT Data'!Q4575</f>
        <v>568.21902991800141</v>
      </c>
      <c r="E4567">
        <f t="shared" si="71"/>
        <v>593.0298515766716</v>
      </c>
      <c r="F4567">
        <f>IF(C4567="CLAY", INDEX(D$4:D4567, MATCH("CLAY", C$4:C4567, 0)), "")</f>
        <v>0.75203252561341039</v>
      </c>
    </row>
    <row r="4568" spans="1:6" x14ac:dyDescent="0.2">
      <c r="A4568" s="239">
        <f>'CPT Data'!B4576</f>
        <v>45.337000000000003</v>
      </c>
      <c r="B4568" s="3">
        <f>'CPT Data'!C4576</f>
        <v>45.330000000000005</v>
      </c>
      <c r="C4568" t="str">
        <f>'CPT Data'!P4576</f>
        <v>CLAY</v>
      </c>
      <c r="D4568">
        <f>'CPT Data'!Q4576</f>
        <v>543.69594584987874</v>
      </c>
      <c r="E4568">
        <f t="shared" si="71"/>
        <v>568.21902991800141</v>
      </c>
      <c r="F4568">
        <f>IF(C4568="CLAY", INDEX(D$4:D4568, MATCH("CLAY", C$4:C4568, 0)), "")</f>
        <v>0.75203252561341039</v>
      </c>
    </row>
    <row r="4569" spans="1:6" x14ac:dyDescent="0.2">
      <c r="A4569" s="239">
        <f>'CPT Data'!B4577</f>
        <v>45.345999999999997</v>
      </c>
      <c r="B4569" s="3">
        <f>'CPT Data'!C4577</f>
        <v>45.338999999999999</v>
      </c>
      <c r="C4569" t="str">
        <f>'CPT Data'!P4577</f>
        <v>CLAY</v>
      </c>
      <c r="D4569">
        <f>'CPT Data'!Q4577</f>
        <v>535.19534405208526</v>
      </c>
      <c r="E4569">
        <f t="shared" si="71"/>
        <v>543.69594584987874</v>
      </c>
      <c r="F4569">
        <f>IF(C4569="CLAY", INDEX(D$4:D4569, MATCH("CLAY", C$4:C4569, 0)), "")</f>
        <v>0.75203252561341039</v>
      </c>
    </row>
    <row r="4570" spans="1:6" x14ac:dyDescent="0.2">
      <c r="A4570" s="239">
        <f>'CPT Data'!B4578</f>
        <v>45.356999999999999</v>
      </c>
      <c r="B4570" s="3">
        <f>'CPT Data'!C4578</f>
        <v>45.35</v>
      </c>
      <c r="C4570" t="str">
        <f>'CPT Data'!P4578</f>
        <v>CLAY</v>
      </c>
      <c r="D4570">
        <f>'CPT Data'!Q4578</f>
        <v>529.60911285272198</v>
      </c>
      <c r="E4570">
        <f t="shared" si="71"/>
        <v>535.19534405208526</v>
      </c>
      <c r="F4570">
        <f>IF(C4570="CLAY", INDEX(D$4:D4570, MATCH("CLAY", C$4:C4570, 0)), "")</f>
        <v>0.75203252561341039</v>
      </c>
    </row>
    <row r="4571" spans="1:6" x14ac:dyDescent="0.2">
      <c r="A4571" s="239">
        <f>'CPT Data'!B4579</f>
        <v>45.366</v>
      </c>
      <c r="B4571" s="3">
        <f>'CPT Data'!C4579</f>
        <v>45.359000000000002</v>
      </c>
      <c r="C4571" t="str">
        <f>'CPT Data'!P4579</f>
        <v>CLAY</v>
      </c>
      <c r="D4571">
        <f>'CPT Data'!Q4579</f>
        <v>535.10364799705621</v>
      </c>
      <c r="E4571">
        <f t="shared" ref="E4571:E4634" si="72">IF(C4571="SAND",#N/A,IF(C4571=C4570,D4570,IF(C4571="CLAY",D4571,#N/A)))</f>
        <v>529.60911285272198</v>
      </c>
      <c r="F4571">
        <f>IF(C4571="CLAY", INDEX(D$4:D4571, MATCH("CLAY", C$4:C4571, 0)), "")</f>
        <v>0.75203252561341039</v>
      </c>
    </row>
    <row r="4572" spans="1:6" x14ac:dyDescent="0.2">
      <c r="A4572" s="239">
        <f>'CPT Data'!B4580</f>
        <v>45.375</v>
      </c>
      <c r="B4572" s="3">
        <f>'CPT Data'!C4580</f>
        <v>45.368000000000002</v>
      </c>
      <c r="C4572" t="str">
        <f>'CPT Data'!P4580</f>
        <v>CLAY</v>
      </c>
      <c r="D4572">
        <f>'CPT Data'!Q4580</f>
        <v>546.93937046791655</v>
      </c>
      <c r="E4572">
        <f t="shared" si="72"/>
        <v>535.10364799705621</v>
      </c>
      <c r="F4572">
        <f>IF(C4572="CLAY", INDEX(D$4:D4572, MATCH("CLAY", C$4:C4572, 0)), "")</f>
        <v>0.75203252561341039</v>
      </c>
    </row>
    <row r="4573" spans="1:6" x14ac:dyDescent="0.2">
      <c r="A4573" s="239">
        <f>'CPT Data'!B4581</f>
        <v>45.386000000000003</v>
      </c>
      <c r="B4573" s="3">
        <f>'CPT Data'!C4581</f>
        <v>45.379000000000005</v>
      </c>
      <c r="C4573" t="str">
        <f>'CPT Data'!P4581</f>
        <v>CLAY</v>
      </c>
      <c r="D4573">
        <f>'CPT Data'!Q4581</f>
        <v>569.33576043688174</v>
      </c>
      <c r="E4573">
        <f t="shared" si="72"/>
        <v>546.93937046791655</v>
      </c>
      <c r="F4573">
        <f>IF(C4573="CLAY", INDEX(D$4:D4573, MATCH("CLAY", C$4:C4573, 0)), "")</f>
        <v>0.75203252561341039</v>
      </c>
    </row>
    <row r="4574" spans="1:6" x14ac:dyDescent="0.2">
      <c r="A4574" s="239">
        <f>'CPT Data'!B4582</f>
        <v>45.395000000000003</v>
      </c>
      <c r="B4574" s="3">
        <f>'CPT Data'!C4582</f>
        <v>45.388000000000005</v>
      </c>
      <c r="C4574" t="str">
        <f>'CPT Data'!P4582</f>
        <v>CLAY</v>
      </c>
      <c r="D4574">
        <f>'CPT Data'!Q4582</f>
        <v>589.6620464716741</v>
      </c>
      <c r="E4574">
        <f t="shared" si="72"/>
        <v>569.33576043688174</v>
      </c>
      <c r="F4574">
        <f>IF(C4574="CLAY", INDEX(D$4:D4574, MATCH("CLAY", C$4:C4574, 0)), "")</f>
        <v>0.75203252561341039</v>
      </c>
    </row>
    <row r="4575" spans="1:6" x14ac:dyDescent="0.2">
      <c r="A4575" s="239">
        <f>'CPT Data'!B4583</f>
        <v>45.404000000000003</v>
      </c>
      <c r="B4575" s="3">
        <f>'CPT Data'!C4583</f>
        <v>45.397000000000006</v>
      </c>
      <c r="C4575" t="str">
        <f>'CPT Data'!P4583</f>
        <v>CLAY</v>
      </c>
      <c r="D4575">
        <f>'CPT Data'!Q4583</f>
        <v>605.8056672184249</v>
      </c>
      <c r="E4575">
        <f t="shared" si="72"/>
        <v>589.6620464716741</v>
      </c>
      <c r="F4575">
        <f>IF(C4575="CLAY", INDEX(D$4:D4575, MATCH("CLAY", C$4:C4575, 0)), "")</f>
        <v>0.75203252561341039</v>
      </c>
    </row>
    <row r="4576" spans="1:6" x14ac:dyDescent="0.2">
      <c r="A4576" s="239">
        <f>'CPT Data'!B4584</f>
        <v>45.412999999999997</v>
      </c>
      <c r="B4576" s="3">
        <f>'CPT Data'!C4584</f>
        <v>45.405999999999999</v>
      </c>
      <c r="C4576" t="str">
        <f>'CPT Data'!P4584</f>
        <v>CLAY</v>
      </c>
      <c r="D4576">
        <f>'CPT Data'!Q4584</f>
        <v>618.33268108254731</v>
      </c>
      <c r="E4576">
        <f t="shared" si="72"/>
        <v>605.8056672184249</v>
      </c>
      <c r="F4576">
        <f>IF(C4576="CLAY", INDEX(D$4:D4576, MATCH("CLAY", C$4:C4576, 0)), "")</f>
        <v>0.75203252561341039</v>
      </c>
    </row>
    <row r="4577" spans="1:6" x14ac:dyDescent="0.2">
      <c r="A4577" s="239">
        <f>'CPT Data'!B4585</f>
        <v>45.423000000000002</v>
      </c>
      <c r="B4577" s="3">
        <f>'CPT Data'!C4585</f>
        <v>45.416000000000004</v>
      </c>
      <c r="C4577" t="str">
        <f>'CPT Data'!P4585</f>
        <v>CLAY</v>
      </c>
      <c r="D4577">
        <f>'CPT Data'!Q4585</f>
        <v>650.71075672264692</v>
      </c>
      <c r="E4577">
        <f t="shared" si="72"/>
        <v>618.33268108254731</v>
      </c>
      <c r="F4577">
        <f>IF(C4577="CLAY", INDEX(D$4:D4577, MATCH("CLAY", C$4:C4577, 0)), "")</f>
        <v>0.75203252561341039</v>
      </c>
    </row>
    <row r="4578" spans="1:6" x14ac:dyDescent="0.2">
      <c r="A4578" s="239">
        <f>'CPT Data'!B4586</f>
        <v>45.433</v>
      </c>
      <c r="B4578" s="3">
        <f>'CPT Data'!C4586</f>
        <v>45.426000000000002</v>
      </c>
      <c r="C4578" t="str">
        <f>'CPT Data'!P4586</f>
        <v>CLAY</v>
      </c>
      <c r="D4578">
        <f>'CPT Data'!Q4586</f>
        <v>695.59216201636457</v>
      </c>
      <c r="E4578">
        <f t="shared" si="72"/>
        <v>650.71075672264692</v>
      </c>
      <c r="F4578">
        <f>IF(C4578="CLAY", INDEX(D$4:D4578, MATCH("CLAY", C$4:C4578, 0)), "")</f>
        <v>0.75203252561341039</v>
      </c>
    </row>
    <row r="4579" spans="1:6" x14ac:dyDescent="0.2">
      <c r="A4579" s="239">
        <f>'CPT Data'!B4587</f>
        <v>45.442</v>
      </c>
      <c r="B4579" s="3">
        <f>'CPT Data'!C4587</f>
        <v>45.435000000000002</v>
      </c>
      <c r="C4579" t="str">
        <f>'CPT Data'!P4587</f>
        <v>CLAY</v>
      </c>
      <c r="D4579">
        <f>'CPT Data'!Q4587</f>
        <v>754.77840701505204</v>
      </c>
      <c r="E4579">
        <f t="shared" si="72"/>
        <v>695.59216201636457</v>
      </c>
      <c r="F4579">
        <f>IF(C4579="CLAY", INDEX(D$4:D4579, MATCH("CLAY", C$4:C4579, 0)), "")</f>
        <v>0.75203252561341039</v>
      </c>
    </row>
    <row r="4580" spans="1:6" x14ac:dyDescent="0.2">
      <c r="A4580" s="239">
        <f>'CPT Data'!B4588</f>
        <v>45.451999999999998</v>
      </c>
      <c r="B4580" s="3">
        <f>'CPT Data'!C4588</f>
        <v>45.445</v>
      </c>
      <c r="C4580" t="str">
        <f>'CPT Data'!P4588</f>
        <v>CLAY</v>
      </c>
      <c r="D4580">
        <f>'CPT Data'!Q4588</f>
        <v>828.13667308227889</v>
      </c>
      <c r="E4580">
        <f t="shared" si="72"/>
        <v>754.77840701505204</v>
      </c>
      <c r="F4580">
        <f>IF(C4580="CLAY", INDEX(D$4:D4580, MATCH("CLAY", C$4:C4580, 0)), "")</f>
        <v>0.75203252561341039</v>
      </c>
    </row>
    <row r="4581" spans="1:6" x14ac:dyDescent="0.2">
      <c r="A4581" s="239">
        <f>'CPT Data'!B4589</f>
        <v>45.462000000000003</v>
      </c>
      <c r="B4581" s="3">
        <f>'CPT Data'!C4589</f>
        <v>45.455000000000005</v>
      </c>
      <c r="C4581" t="str">
        <f>'CPT Data'!P4589</f>
        <v>CLAY</v>
      </c>
      <c r="D4581">
        <f>'CPT Data'!Q4589</f>
        <v>916.38610758221114</v>
      </c>
      <c r="E4581">
        <f t="shared" si="72"/>
        <v>828.13667308227889</v>
      </c>
      <c r="F4581">
        <f>IF(C4581="CLAY", INDEX(D$4:D4581, MATCH("CLAY", C$4:C4581, 0)), "")</f>
        <v>0.75203252561341039</v>
      </c>
    </row>
    <row r="4582" spans="1:6" x14ac:dyDescent="0.2">
      <c r="A4582" s="239">
        <f>'CPT Data'!B4590</f>
        <v>45.470999999999997</v>
      </c>
      <c r="B4582" s="3">
        <f>'CPT Data'!C4590</f>
        <v>45.463999999999999</v>
      </c>
      <c r="C4582" t="str">
        <f>'CPT Data'!P4590</f>
        <v>SAND</v>
      </c>
      <c r="D4582" t="e">
        <f>'CPT Data'!Q4590</f>
        <v>#N/A</v>
      </c>
      <c r="E4582" t="e">
        <f t="shared" si="72"/>
        <v>#N/A</v>
      </c>
      <c r="F4582" t="str">
        <f>IF(C4582="CLAY", INDEX(D$4:D4582, MATCH("CLAY", C$4:C4582, 0)), "")</f>
        <v/>
      </c>
    </row>
    <row r="4583" spans="1:6" x14ac:dyDescent="0.2">
      <c r="A4583" s="239">
        <f>'CPT Data'!B4591</f>
        <v>45.481000000000002</v>
      </c>
      <c r="B4583" s="3">
        <f>'CPT Data'!C4591</f>
        <v>45.474000000000004</v>
      </c>
      <c r="C4583" t="str">
        <f>'CPT Data'!P4591</f>
        <v>SAND</v>
      </c>
      <c r="D4583" t="e">
        <f>'CPT Data'!Q4591</f>
        <v>#N/A</v>
      </c>
      <c r="E4583" t="e">
        <f t="shared" si="72"/>
        <v>#N/A</v>
      </c>
      <c r="F4583" t="str">
        <f>IF(C4583="CLAY", INDEX(D$4:D4583, MATCH("CLAY", C$4:C4583, 0)), "")</f>
        <v/>
      </c>
    </row>
    <row r="4584" spans="1:6" x14ac:dyDescent="0.2">
      <c r="A4584" s="239">
        <f>'CPT Data'!B4592</f>
        <v>45.491</v>
      </c>
      <c r="B4584" s="3">
        <f>'CPT Data'!C4592</f>
        <v>45.484000000000002</v>
      </c>
      <c r="C4584" t="str">
        <f>'CPT Data'!P4592</f>
        <v>SAND</v>
      </c>
      <c r="D4584" t="e">
        <f>'CPT Data'!Q4592</f>
        <v>#N/A</v>
      </c>
      <c r="E4584" t="e">
        <f t="shared" si="72"/>
        <v>#N/A</v>
      </c>
      <c r="F4584" t="str">
        <f>IF(C4584="CLAY", INDEX(D$4:D4584, MATCH("CLAY", C$4:C4584, 0)), "")</f>
        <v/>
      </c>
    </row>
    <row r="4585" spans="1:6" x14ac:dyDescent="0.2">
      <c r="A4585" s="239">
        <f>'CPT Data'!B4593</f>
        <v>45.500999999999998</v>
      </c>
      <c r="B4585" s="3">
        <f>'CPT Data'!C4593</f>
        <v>45.494</v>
      </c>
      <c r="C4585" t="str">
        <f>'CPT Data'!P4593</f>
        <v>SAND</v>
      </c>
      <c r="D4585" t="e">
        <f>'CPT Data'!Q4593</f>
        <v>#N/A</v>
      </c>
      <c r="E4585" t="e">
        <f t="shared" si="72"/>
        <v>#N/A</v>
      </c>
      <c r="F4585" t="str">
        <f>IF(C4585="CLAY", INDEX(D$4:D4585, MATCH("CLAY", C$4:C4585, 0)), "")</f>
        <v/>
      </c>
    </row>
    <row r="4586" spans="1:6" x14ac:dyDescent="0.2">
      <c r="A4586" s="239">
        <f>'CPT Data'!B4594</f>
        <v>45.51</v>
      </c>
      <c r="B4586" s="3">
        <f>'CPT Data'!C4594</f>
        <v>45.503</v>
      </c>
      <c r="C4586" t="str">
        <f>'CPT Data'!P4594</f>
        <v>SAND</v>
      </c>
      <c r="D4586" t="e">
        <f>'CPT Data'!Q4594</f>
        <v>#N/A</v>
      </c>
      <c r="E4586" t="e">
        <f t="shared" si="72"/>
        <v>#N/A</v>
      </c>
      <c r="F4586" t="str">
        <f>IF(C4586="CLAY", INDEX(D$4:D4586, MATCH("CLAY", C$4:C4586, 0)), "")</f>
        <v/>
      </c>
    </row>
    <row r="4587" spans="1:6" x14ac:dyDescent="0.2">
      <c r="A4587" s="239">
        <f>'CPT Data'!B4595</f>
        <v>45.518999999999998</v>
      </c>
      <c r="B4587" s="3">
        <f>'CPT Data'!C4595</f>
        <v>45.512</v>
      </c>
      <c r="C4587" t="str">
        <f>'CPT Data'!P4595</f>
        <v>SAND</v>
      </c>
      <c r="D4587" t="e">
        <f>'CPT Data'!Q4595</f>
        <v>#N/A</v>
      </c>
      <c r="E4587" t="e">
        <f t="shared" si="72"/>
        <v>#N/A</v>
      </c>
      <c r="F4587" t="str">
        <f>IF(C4587="CLAY", INDEX(D$4:D4587, MATCH("CLAY", C$4:C4587, 0)), "")</f>
        <v/>
      </c>
    </row>
    <row r="4588" spans="1:6" x14ac:dyDescent="0.2">
      <c r="A4588" s="239">
        <f>'CPT Data'!B4596</f>
        <v>45.53</v>
      </c>
      <c r="B4588" s="3">
        <f>'CPT Data'!C4596</f>
        <v>45.523000000000003</v>
      </c>
      <c r="C4588" t="str">
        <f>'CPT Data'!P4596</f>
        <v>SAND</v>
      </c>
      <c r="D4588" t="e">
        <f>'CPT Data'!Q4596</f>
        <v>#N/A</v>
      </c>
      <c r="E4588" t="e">
        <f t="shared" si="72"/>
        <v>#N/A</v>
      </c>
      <c r="F4588" t="str">
        <f>IF(C4588="CLAY", INDEX(D$4:D4588, MATCH("CLAY", C$4:C4588, 0)), "")</f>
        <v/>
      </c>
    </row>
    <row r="4589" spans="1:6" x14ac:dyDescent="0.2">
      <c r="A4589" s="239">
        <f>'CPT Data'!B4597</f>
        <v>45.539000000000001</v>
      </c>
      <c r="B4589" s="3">
        <f>'CPT Data'!C4597</f>
        <v>45.532000000000004</v>
      </c>
      <c r="C4589" t="str">
        <f>'CPT Data'!P4597</f>
        <v>SAND</v>
      </c>
      <c r="D4589" t="e">
        <f>'CPT Data'!Q4597</f>
        <v>#N/A</v>
      </c>
      <c r="E4589" t="e">
        <f t="shared" si="72"/>
        <v>#N/A</v>
      </c>
      <c r="F4589" t="str">
        <f>IF(C4589="CLAY", INDEX(D$4:D4589, MATCH("CLAY", C$4:C4589, 0)), "")</f>
        <v/>
      </c>
    </row>
    <row r="4590" spans="1:6" x14ac:dyDescent="0.2">
      <c r="A4590" s="239">
        <f>'CPT Data'!B4598</f>
        <v>45.548999999999999</v>
      </c>
      <c r="B4590" s="3">
        <f>'CPT Data'!C4598</f>
        <v>45.542000000000002</v>
      </c>
      <c r="C4590" t="str">
        <f>'CPT Data'!P4598</f>
        <v>SAND</v>
      </c>
      <c r="D4590" t="e">
        <f>'CPT Data'!Q4598</f>
        <v>#N/A</v>
      </c>
      <c r="E4590" t="e">
        <f t="shared" si="72"/>
        <v>#N/A</v>
      </c>
      <c r="F4590" t="str">
        <f>IF(C4590="CLAY", INDEX(D$4:D4590, MATCH("CLAY", C$4:C4590, 0)), "")</f>
        <v/>
      </c>
    </row>
    <row r="4591" spans="1:6" x14ac:dyDescent="0.2">
      <c r="A4591" s="239">
        <f>'CPT Data'!B4599</f>
        <v>45.558999999999997</v>
      </c>
      <c r="B4591" s="3">
        <f>'CPT Data'!C4599</f>
        <v>45.552</v>
      </c>
      <c r="C4591" t="str">
        <f>'CPT Data'!P4599</f>
        <v>SAND</v>
      </c>
      <c r="D4591" t="e">
        <f>'CPT Data'!Q4599</f>
        <v>#N/A</v>
      </c>
      <c r="E4591" t="e">
        <f t="shared" si="72"/>
        <v>#N/A</v>
      </c>
      <c r="F4591" t="str">
        <f>IF(C4591="CLAY", INDEX(D$4:D4591, MATCH("CLAY", C$4:C4591, 0)), "")</f>
        <v/>
      </c>
    </row>
    <row r="4592" spans="1:6" x14ac:dyDescent="0.2">
      <c r="A4592" s="239">
        <f>'CPT Data'!B4600</f>
        <v>45.567999999999998</v>
      </c>
      <c r="B4592" s="3">
        <f>'CPT Data'!C4600</f>
        <v>45.561</v>
      </c>
      <c r="C4592" t="str">
        <f>'CPT Data'!P4600</f>
        <v>SAND</v>
      </c>
      <c r="D4592" t="e">
        <f>'CPT Data'!Q4600</f>
        <v>#N/A</v>
      </c>
      <c r="E4592" t="e">
        <f t="shared" si="72"/>
        <v>#N/A</v>
      </c>
      <c r="F4592" t="str">
        <f>IF(C4592="CLAY", INDEX(D$4:D4592, MATCH("CLAY", C$4:C4592, 0)), "")</f>
        <v/>
      </c>
    </row>
    <row r="4593" spans="1:6" x14ac:dyDescent="0.2">
      <c r="A4593" s="239">
        <f>'CPT Data'!B4601</f>
        <v>45.578000000000003</v>
      </c>
      <c r="B4593" s="3">
        <f>'CPT Data'!C4601</f>
        <v>45.571000000000005</v>
      </c>
      <c r="C4593" t="str">
        <f>'CPT Data'!P4601</f>
        <v>SAND</v>
      </c>
      <c r="D4593" t="e">
        <f>'CPT Data'!Q4601</f>
        <v>#N/A</v>
      </c>
      <c r="E4593" t="e">
        <f t="shared" si="72"/>
        <v>#N/A</v>
      </c>
      <c r="F4593" t="str">
        <f>IF(C4593="CLAY", INDEX(D$4:D4593, MATCH("CLAY", C$4:C4593, 0)), "")</f>
        <v/>
      </c>
    </row>
    <row r="4594" spans="1:6" x14ac:dyDescent="0.2">
      <c r="A4594" s="239">
        <f>'CPT Data'!B4602</f>
        <v>45.588000000000001</v>
      </c>
      <c r="B4594" s="3">
        <f>'CPT Data'!C4602</f>
        <v>45.581000000000003</v>
      </c>
      <c r="C4594" t="str">
        <f>'CPT Data'!P4602</f>
        <v>SAND</v>
      </c>
      <c r="D4594" t="e">
        <f>'CPT Data'!Q4602</f>
        <v>#N/A</v>
      </c>
      <c r="E4594" t="e">
        <f t="shared" si="72"/>
        <v>#N/A</v>
      </c>
      <c r="F4594" t="str">
        <f>IF(C4594="CLAY", INDEX(D$4:D4594, MATCH("CLAY", C$4:C4594, 0)), "")</f>
        <v/>
      </c>
    </row>
    <row r="4595" spans="1:6" x14ac:dyDescent="0.2">
      <c r="A4595" s="239">
        <f>'CPT Data'!B4603</f>
        <v>45.597999999999999</v>
      </c>
      <c r="B4595" s="3">
        <f>'CPT Data'!C4603</f>
        <v>45.591000000000001</v>
      </c>
      <c r="C4595" t="str">
        <f>'CPT Data'!P4603</f>
        <v>SAND</v>
      </c>
      <c r="D4595" t="e">
        <f>'CPT Data'!Q4603</f>
        <v>#N/A</v>
      </c>
      <c r="E4595" t="e">
        <f t="shared" si="72"/>
        <v>#N/A</v>
      </c>
      <c r="F4595" t="str">
        <f>IF(C4595="CLAY", INDEX(D$4:D4595, MATCH("CLAY", C$4:C4595, 0)), "")</f>
        <v/>
      </c>
    </row>
    <row r="4596" spans="1:6" x14ac:dyDescent="0.2">
      <c r="A4596" s="239">
        <f>'CPT Data'!B4604</f>
        <v>45.606999999999999</v>
      </c>
      <c r="B4596" s="3">
        <f>'CPT Data'!C4604</f>
        <v>45.6</v>
      </c>
      <c r="C4596" t="str">
        <f>'CPT Data'!P4604</f>
        <v>SAND</v>
      </c>
      <c r="D4596" t="e">
        <f>'CPT Data'!Q4604</f>
        <v>#N/A</v>
      </c>
      <c r="E4596" t="e">
        <f t="shared" si="72"/>
        <v>#N/A</v>
      </c>
      <c r="F4596" t="str">
        <f>IF(C4596="CLAY", INDEX(D$4:D4596, MATCH("CLAY", C$4:C4596, 0)), "")</f>
        <v/>
      </c>
    </row>
    <row r="4597" spans="1:6" x14ac:dyDescent="0.2">
      <c r="A4597" s="239">
        <f>'CPT Data'!B4605</f>
        <v>45.618000000000002</v>
      </c>
      <c r="B4597" s="3">
        <f>'CPT Data'!C4605</f>
        <v>45.611000000000004</v>
      </c>
      <c r="C4597" t="str">
        <f>'CPT Data'!P4605</f>
        <v>SAND</v>
      </c>
      <c r="D4597" t="e">
        <f>'CPT Data'!Q4605</f>
        <v>#N/A</v>
      </c>
      <c r="E4597" t="e">
        <f t="shared" si="72"/>
        <v>#N/A</v>
      </c>
      <c r="F4597" t="str">
        <f>IF(C4597="CLAY", INDEX(D$4:D4597, MATCH("CLAY", C$4:C4597, 0)), "")</f>
        <v/>
      </c>
    </row>
    <row r="4598" spans="1:6" x14ac:dyDescent="0.2">
      <c r="A4598" s="239">
        <f>'CPT Data'!B4606</f>
        <v>45.627000000000002</v>
      </c>
      <c r="B4598" s="3">
        <f>'CPT Data'!C4606</f>
        <v>45.620000000000005</v>
      </c>
      <c r="C4598" t="str">
        <f>'CPT Data'!P4606</f>
        <v>SAND</v>
      </c>
      <c r="D4598" t="e">
        <f>'CPT Data'!Q4606</f>
        <v>#N/A</v>
      </c>
      <c r="E4598" t="e">
        <f t="shared" si="72"/>
        <v>#N/A</v>
      </c>
      <c r="F4598" t="str">
        <f>IF(C4598="CLAY", INDEX(D$4:D4598, MATCH("CLAY", C$4:C4598, 0)), "")</f>
        <v/>
      </c>
    </row>
    <row r="4599" spans="1:6" x14ac:dyDescent="0.2">
      <c r="A4599" s="239">
        <f>'CPT Data'!B4607</f>
        <v>45.636000000000003</v>
      </c>
      <c r="B4599" s="3">
        <f>'CPT Data'!C4607</f>
        <v>45.629000000000005</v>
      </c>
      <c r="C4599" t="str">
        <f>'CPT Data'!P4607</f>
        <v>CLAY</v>
      </c>
      <c r="D4599">
        <f>'CPT Data'!Q4607</f>
        <v>700.80521495683331</v>
      </c>
      <c r="E4599">
        <f t="shared" si="72"/>
        <v>700.80521495683331</v>
      </c>
      <c r="F4599">
        <f>IF(C4599="CLAY", INDEX(D$4:D4599, MATCH("CLAY", C$4:C4599, 0)), "")</f>
        <v>0.75203252561341039</v>
      </c>
    </row>
    <row r="4600" spans="1:6" x14ac:dyDescent="0.2">
      <c r="A4600" s="239">
        <f>'CPT Data'!B4608</f>
        <v>45.646999999999998</v>
      </c>
      <c r="B4600" s="3">
        <f>'CPT Data'!C4608</f>
        <v>45.64</v>
      </c>
      <c r="C4600" t="str">
        <f>'CPT Data'!P4608</f>
        <v>CLAY</v>
      </c>
      <c r="D4600">
        <f>'CPT Data'!Q4608</f>
        <v>669.84337532380118</v>
      </c>
      <c r="E4600">
        <f t="shared" si="72"/>
        <v>700.80521495683331</v>
      </c>
      <c r="F4600">
        <f>IF(C4600="CLAY", INDEX(D$4:D4600, MATCH("CLAY", C$4:C4600, 0)), "")</f>
        <v>0.75203252561341039</v>
      </c>
    </row>
    <row r="4601" spans="1:6" x14ac:dyDescent="0.2">
      <c r="A4601" s="239">
        <f>'CPT Data'!B4609</f>
        <v>45.655999999999999</v>
      </c>
      <c r="B4601" s="3">
        <f>'CPT Data'!C4609</f>
        <v>45.649000000000001</v>
      </c>
      <c r="C4601" t="str">
        <f>'CPT Data'!P4609</f>
        <v>CLAY</v>
      </c>
      <c r="D4601">
        <f>'CPT Data'!Q4609</f>
        <v>665.60531343685409</v>
      </c>
      <c r="E4601">
        <f t="shared" si="72"/>
        <v>669.84337532380118</v>
      </c>
      <c r="F4601">
        <f>IF(C4601="CLAY", INDEX(D$4:D4601, MATCH("CLAY", C$4:C4601, 0)), "")</f>
        <v>0.75203252561341039</v>
      </c>
    </row>
    <row r="4602" spans="1:6" x14ac:dyDescent="0.2">
      <c r="A4602" s="239">
        <f>'CPT Data'!B4610</f>
        <v>45.665999999999997</v>
      </c>
      <c r="B4602" s="3">
        <f>'CPT Data'!C4610</f>
        <v>45.658999999999999</v>
      </c>
      <c r="C4602" t="str">
        <f>'CPT Data'!P4610</f>
        <v>CLAY</v>
      </c>
      <c r="D4602">
        <f>'CPT Data'!Q4610</f>
        <v>657.60548971772857</v>
      </c>
      <c r="E4602">
        <f t="shared" si="72"/>
        <v>665.60531343685409</v>
      </c>
      <c r="F4602">
        <f>IF(C4602="CLAY", INDEX(D$4:D4602, MATCH("CLAY", C$4:C4602, 0)), "")</f>
        <v>0.75203252561341039</v>
      </c>
    </row>
    <row r="4603" spans="1:6" x14ac:dyDescent="0.2">
      <c r="A4603" s="239">
        <f>'CPT Data'!B4611</f>
        <v>45.674999999999997</v>
      </c>
      <c r="B4603" s="3">
        <f>'CPT Data'!C4611</f>
        <v>45.667999999999999</v>
      </c>
      <c r="C4603" t="str">
        <f>'CPT Data'!P4611</f>
        <v>CLAY</v>
      </c>
      <c r="D4603">
        <f>'CPT Data'!Q4611</f>
        <v>626.64174715630122</v>
      </c>
      <c r="E4603">
        <f t="shared" si="72"/>
        <v>657.60548971772857</v>
      </c>
      <c r="F4603">
        <f>IF(C4603="CLAY", INDEX(D$4:D4603, MATCH("CLAY", C$4:C4603, 0)), "")</f>
        <v>0.75203252561341039</v>
      </c>
    </row>
    <row r="4604" spans="1:6" x14ac:dyDescent="0.2">
      <c r="A4604" s="239">
        <f>'CPT Data'!B4612</f>
        <v>45.685000000000002</v>
      </c>
      <c r="B4604" s="3">
        <f>'CPT Data'!C4612</f>
        <v>45.678000000000004</v>
      </c>
      <c r="C4604" t="str">
        <f>'CPT Data'!P4612</f>
        <v>CLAY</v>
      </c>
      <c r="D4604">
        <f>'CPT Data'!Q4612</f>
        <v>624.45567414415302</v>
      </c>
      <c r="E4604">
        <f t="shared" si="72"/>
        <v>626.64174715630122</v>
      </c>
      <c r="F4604">
        <f>IF(C4604="CLAY", INDEX(D$4:D4604, MATCH("CLAY", C$4:C4604, 0)), "")</f>
        <v>0.75203252561341039</v>
      </c>
    </row>
    <row r="4605" spans="1:6" x14ac:dyDescent="0.2">
      <c r="A4605" s="239">
        <f>'CPT Data'!B4613</f>
        <v>45.695</v>
      </c>
      <c r="B4605" s="3">
        <f>'CPT Data'!C4613</f>
        <v>45.688000000000002</v>
      </c>
      <c r="C4605" t="str">
        <f>'CPT Data'!P4613</f>
        <v>CLAY</v>
      </c>
      <c r="D4605">
        <f>'CPT Data'!Q4613</f>
        <v>631.31368842634777</v>
      </c>
      <c r="E4605">
        <f t="shared" si="72"/>
        <v>624.45567414415302</v>
      </c>
      <c r="F4605">
        <f>IF(C4605="CLAY", INDEX(D$4:D4605, MATCH("CLAY", C$4:C4605, 0)), "")</f>
        <v>0.75203252561341039</v>
      </c>
    </row>
    <row r="4606" spans="1:6" x14ac:dyDescent="0.2">
      <c r="A4606" s="239">
        <f>'CPT Data'!B4614</f>
        <v>45.704999999999998</v>
      </c>
      <c r="B4606" s="3">
        <f>'CPT Data'!C4614</f>
        <v>45.698</v>
      </c>
      <c r="C4606" t="str">
        <f>'CPT Data'!P4614</f>
        <v>CLAY</v>
      </c>
      <c r="D4606">
        <f>'CPT Data'!Q4614</f>
        <v>634.61686835749754</v>
      </c>
      <c r="E4606">
        <f t="shared" si="72"/>
        <v>631.31368842634777</v>
      </c>
      <c r="F4606">
        <f>IF(C4606="CLAY", INDEX(D$4:D4606, MATCH("CLAY", C$4:C4606, 0)), "")</f>
        <v>0.75203252561341039</v>
      </c>
    </row>
    <row r="4607" spans="1:6" x14ac:dyDescent="0.2">
      <c r="A4607" s="239">
        <f>'CPT Data'!B4615</f>
        <v>45.713999999999999</v>
      </c>
      <c r="B4607" s="3">
        <f>'CPT Data'!C4615</f>
        <v>45.707000000000001</v>
      </c>
      <c r="C4607" t="str">
        <f>'CPT Data'!P4615</f>
        <v>CLAY</v>
      </c>
      <c r="D4607">
        <f>'CPT Data'!Q4615</f>
        <v>633.14263946275116</v>
      </c>
      <c r="E4607">
        <f t="shared" si="72"/>
        <v>634.61686835749754</v>
      </c>
      <c r="F4607">
        <f>IF(C4607="CLAY", INDEX(D$4:D4607, MATCH("CLAY", C$4:C4607, 0)), "")</f>
        <v>0.75203252561341039</v>
      </c>
    </row>
    <row r="4608" spans="1:6" x14ac:dyDescent="0.2">
      <c r="A4608" s="239">
        <f>'CPT Data'!B4616</f>
        <v>45.723999999999997</v>
      </c>
      <c r="B4608" s="3">
        <f>'CPT Data'!C4616</f>
        <v>45.716999999999999</v>
      </c>
      <c r="C4608" t="str">
        <f>'CPT Data'!P4616</f>
        <v>CLAY</v>
      </c>
      <c r="D4608">
        <f>'CPT Data'!Q4616</f>
        <v>625.45445978953023</v>
      </c>
      <c r="E4608">
        <f t="shared" si="72"/>
        <v>633.14263946275116</v>
      </c>
      <c r="F4608">
        <f>IF(C4608="CLAY", INDEX(D$4:D4608, MATCH("CLAY", C$4:C4608, 0)), "")</f>
        <v>0.75203252561341039</v>
      </c>
    </row>
    <row r="4609" spans="1:6" x14ac:dyDescent="0.2">
      <c r="A4609" s="239">
        <f>'CPT Data'!B4617</f>
        <v>45.734000000000002</v>
      </c>
      <c r="B4609" s="3">
        <f>'CPT Data'!C4617</f>
        <v>45.727000000000004</v>
      </c>
      <c r="C4609" t="str">
        <f>'CPT Data'!P4617</f>
        <v>CLAY</v>
      </c>
      <c r="D4609">
        <f>'CPT Data'!Q4617</f>
        <v>642.02269170468719</v>
      </c>
      <c r="E4609">
        <f t="shared" si="72"/>
        <v>625.45445978953023</v>
      </c>
      <c r="F4609">
        <f>IF(C4609="CLAY", INDEX(D$4:D4609, MATCH("CLAY", C$4:C4609, 0)), "")</f>
        <v>0.75203252561341039</v>
      </c>
    </row>
    <row r="4610" spans="1:6" x14ac:dyDescent="0.2">
      <c r="A4610" s="239">
        <f>'CPT Data'!B4618</f>
        <v>45.743000000000002</v>
      </c>
      <c r="B4610" s="3">
        <f>'CPT Data'!C4618</f>
        <v>45.736000000000004</v>
      </c>
      <c r="C4610" t="str">
        <f>'CPT Data'!P4618</f>
        <v>CLAY</v>
      </c>
      <c r="D4610">
        <f>'CPT Data'!Q4618</f>
        <v>648.84796325930608</v>
      </c>
      <c r="E4610">
        <f t="shared" si="72"/>
        <v>642.02269170468719</v>
      </c>
      <c r="F4610">
        <f>IF(C4610="CLAY", INDEX(D$4:D4610, MATCH("CLAY", C$4:C4610, 0)), "")</f>
        <v>0.75203252561341039</v>
      </c>
    </row>
    <row r="4611" spans="1:6" x14ac:dyDescent="0.2">
      <c r="A4611" s="239">
        <f>'CPT Data'!B4619</f>
        <v>45.753</v>
      </c>
      <c r="B4611" s="3">
        <f>'CPT Data'!C4619</f>
        <v>45.746000000000002</v>
      </c>
      <c r="C4611" t="str">
        <f>'CPT Data'!P4619</f>
        <v>CLAY</v>
      </c>
      <c r="D4611">
        <f>'CPT Data'!Q4619</f>
        <v>652.86928950603999</v>
      </c>
      <c r="E4611">
        <f t="shared" si="72"/>
        <v>648.84796325930608</v>
      </c>
      <c r="F4611">
        <f>IF(C4611="CLAY", INDEX(D$4:D4611, MATCH("CLAY", C$4:C4611, 0)), "")</f>
        <v>0.75203252561341039</v>
      </c>
    </row>
    <row r="4612" spans="1:6" x14ac:dyDescent="0.2">
      <c r="A4612" s="239">
        <f>'CPT Data'!B4620</f>
        <v>45.762999999999998</v>
      </c>
      <c r="B4612" s="3">
        <f>'CPT Data'!C4620</f>
        <v>45.756</v>
      </c>
      <c r="C4612" t="str">
        <f>'CPT Data'!P4620</f>
        <v>CLAY</v>
      </c>
      <c r="D4612">
        <f>'CPT Data'!Q4620</f>
        <v>669.9932085228487</v>
      </c>
      <c r="E4612">
        <f t="shared" si="72"/>
        <v>652.86928950603999</v>
      </c>
      <c r="F4612">
        <f>IF(C4612="CLAY", INDEX(D$4:D4612, MATCH("CLAY", C$4:C4612, 0)), "")</f>
        <v>0.75203252561341039</v>
      </c>
    </row>
    <row r="4613" spans="1:6" x14ac:dyDescent="0.2">
      <c r="A4613" s="239">
        <f>'CPT Data'!B4621</f>
        <v>45.773000000000003</v>
      </c>
      <c r="B4613" s="3">
        <f>'CPT Data'!C4621</f>
        <v>45.766000000000005</v>
      </c>
      <c r="C4613" t="str">
        <f>'CPT Data'!P4621</f>
        <v>CLAY</v>
      </c>
      <c r="D4613">
        <f>'CPT Data'!Q4621</f>
        <v>689.093932520473</v>
      </c>
      <c r="E4613">
        <f t="shared" si="72"/>
        <v>669.9932085228487</v>
      </c>
      <c r="F4613">
        <f>IF(C4613="CLAY", INDEX(D$4:D4613, MATCH("CLAY", C$4:C4613, 0)), "")</f>
        <v>0.75203252561341039</v>
      </c>
    </row>
    <row r="4614" spans="1:6" x14ac:dyDescent="0.2">
      <c r="A4614" s="239">
        <f>'CPT Data'!B4622</f>
        <v>45.781999999999996</v>
      </c>
      <c r="B4614" s="3">
        <f>'CPT Data'!C4622</f>
        <v>45.774999999999999</v>
      </c>
      <c r="C4614" t="str">
        <f>'CPT Data'!P4622</f>
        <v>CLAY</v>
      </c>
      <c r="D4614">
        <f>'CPT Data'!Q4622</f>
        <v>708.34153651680754</v>
      </c>
      <c r="E4614">
        <f t="shared" si="72"/>
        <v>689.093932520473</v>
      </c>
      <c r="F4614">
        <f>IF(C4614="CLAY", INDEX(D$4:D4614, MATCH("CLAY", C$4:C4614, 0)), "")</f>
        <v>0.75203252561341039</v>
      </c>
    </row>
    <row r="4615" spans="1:6" x14ac:dyDescent="0.2">
      <c r="A4615" s="239">
        <f>'CPT Data'!B4623</f>
        <v>45.792000000000002</v>
      </c>
      <c r="B4615" s="3">
        <f>'CPT Data'!C4623</f>
        <v>45.785000000000004</v>
      </c>
      <c r="C4615" t="str">
        <f>'CPT Data'!P4623</f>
        <v>CLAY</v>
      </c>
      <c r="D4615">
        <f>'CPT Data'!Q4623</f>
        <v>721.80272947473998</v>
      </c>
      <c r="E4615">
        <f t="shared" si="72"/>
        <v>708.34153651680754</v>
      </c>
      <c r="F4615">
        <f>IF(C4615="CLAY", INDEX(D$4:D4615, MATCH("CLAY", C$4:C4615, 0)), "")</f>
        <v>0.75203252561341039</v>
      </c>
    </row>
    <row r="4616" spans="1:6" x14ac:dyDescent="0.2">
      <c r="A4616" s="239">
        <f>'CPT Data'!B4624</f>
        <v>45.801000000000002</v>
      </c>
      <c r="B4616" s="3">
        <f>'CPT Data'!C4624</f>
        <v>45.794000000000004</v>
      </c>
      <c r="C4616" t="str">
        <f>'CPT Data'!P4624</f>
        <v>CLAY</v>
      </c>
      <c r="D4616">
        <f>'CPT Data'!Q4624</f>
        <v>719.50300416431173</v>
      </c>
      <c r="E4616">
        <f t="shared" si="72"/>
        <v>721.80272947473998</v>
      </c>
      <c r="F4616">
        <f>IF(C4616="CLAY", INDEX(D$4:D4616, MATCH("CLAY", C$4:C4616, 0)), "")</f>
        <v>0.75203252561341039</v>
      </c>
    </row>
    <row r="4617" spans="1:6" x14ac:dyDescent="0.2">
      <c r="A4617" s="239">
        <f>'CPT Data'!B4625</f>
        <v>45.811999999999998</v>
      </c>
      <c r="B4617" s="3">
        <f>'CPT Data'!C4625</f>
        <v>45.805</v>
      </c>
      <c r="C4617" t="str">
        <f>'CPT Data'!P4625</f>
        <v>CLAY</v>
      </c>
      <c r="D4617">
        <f>'CPT Data'!Q4625</f>
        <v>703.89797596134895</v>
      </c>
      <c r="E4617">
        <f t="shared" si="72"/>
        <v>719.50300416431173</v>
      </c>
      <c r="F4617">
        <f>IF(C4617="CLAY", INDEX(D$4:D4617, MATCH("CLAY", C$4:C4617, 0)), "")</f>
        <v>0.75203252561341039</v>
      </c>
    </row>
    <row r="4618" spans="1:6" x14ac:dyDescent="0.2">
      <c r="A4618" s="239">
        <f>'CPT Data'!B4626</f>
        <v>45.820999999999998</v>
      </c>
      <c r="B4618" s="3">
        <f>'CPT Data'!C4626</f>
        <v>45.814</v>
      </c>
      <c r="C4618" t="str">
        <f>'CPT Data'!P4626</f>
        <v>CLAY</v>
      </c>
      <c r="D4618">
        <f>'CPT Data'!Q4626</f>
        <v>676.38375192339879</v>
      </c>
      <c r="E4618">
        <f t="shared" si="72"/>
        <v>703.89797596134895</v>
      </c>
      <c r="F4618">
        <f>IF(C4618="CLAY", INDEX(D$4:D4618, MATCH("CLAY", C$4:C4618, 0)), "")</f>
        <v>0.75203252561341039</v>
      </c>
    </row>
    <row r="4619" spans="1:6" x14ac:dyDescent="0.2">
      <c r="A4619" s="239">
        <f>'CPT Data'!B4627</f>
        <v>45.83</v>
      </c>
      <c r="B4619" s="3">
        <f>'CPT Data'!C4627</f>
        <v>45.823</v>
      </c>
      <c r="C4619" t="str">
        <f>'CPT Data'!P4627</f>
        <v>CLAY</v>
      </c>
      <c r="D4619">
        <f>'CPT Data'!Q4627</f>
        <v>627.53986908121408</v>
      </c>
      <c r="E4619">
        <f t="shared" si="72"/>
        <v>676.38375192339879</v>
      </c>
      <c r="F4619">
        <f>IF(C4619="CLAY", INDEX(D$4:D4619, MATCH("CLAY", C$4:C4619, 0)), "")</f>
        <v>0.75203252561341039</v>
      </c>
    </row>
    <row r="4620" spans="1:6" x14ac:dyDescent="0.2">
      <c r="A4620" s="239">
        <f>'CPT Data'!B4628</f>
        <v>45.841000000000001</v>
      </c>
      <c r="B4620" s="3">
        <f>'CPT Data'!C4628</f>
        <v>45.834000000000003</v>
      </c>
      <c r="C4620" t="str">
        <f>'CPT Data'!P4628</f>
        <v>CLAY</v>
      </c>
      <c r="D4620">
        <f>'CPT Data'!Q4628</f>
        <v>593.98011947738132</v>
      </c>
      <c r="E4620">
        <f t="shared" si="72"/>
        <v>627.53986908121408</v>
      </c>
      <c r="F4620">
        <f>IF(C4620="CLAY", INDEX(D$4:D4620, MATCH("CLAY", C$4:C4620, 0)), "")</f>
        <v>0.75203252561341039</v>
      </c>
    </row>
    <row r="4621" spans="1:6" x14ac:dyDescent="0.2">
      <c r="A4621" s="239">
        <f>'CPT Data'!B4629</f>
        <v>45.85</v>
      </c>
      <c r="B4621" s="3">
        <f>'CPT Data'!C4629</f>
        <v>45.843000000000004</v>
      </c>
      <c r="C4621" t="str">
        <f>'CPT Data'!P4629</f>
        <v>CLAY</v>
      </c>
      <c r="D4621">
        <f>'CPT Data'!Q4629</f>
        <v>571.93655114079343</v>
      </c>
      <c r="E4621">
        <f t="shared" si="72"/>
        <v>593.98011947738132</v>
      </c>
      <c r="F4621">
        <f>IF(C4621="CLAY", INDEX(D$4:D4621, MATCH("CLAY", C$4:C4621, 0)), "")</f>
        <v>0.75203252561341039</v>
      </c>
    </row>
    <row r="4622" spans="1:6" x14ac:dyDescent="0.2">
      <c r="A4622" s="239">
        <f>'CPT Data'!B4630</f>
        <v>45.86</v>
      </c>
      <c r="B4622" s="3">
        <f>'CPT Data'!C4630</f>
        <v>45.853000000000002</v>
      </c>
      <c r="C4622" t="str">
        <f>'CPT Data'!P4630</f>
        <v>CLAY</v>
      </c>
      <c r="D4622">
        <f>'CPT Data'!Q4630</f>
        <v>560.16735421465648</v>
      </c>
      <c r="E4622">
        <f t="shared" si="72"/>
        <v>571.93655114079343</v>
      </c>
      <c r="F4622">
        <f>IF(C4622="CLAY", INDEX(D$4:D4622, MATCH("CLAY", C$4:C4622, 0)), "")</f>
        <v>0.75203252561341039</v>
      </c>
    </row>
    <row r="4623" spans="1:6" x14ac:dyDescent="0.2">
      <c r="A4623" s="239">
        <f>'CPT Data'!B4631</f>
        <v>45.869</v>
      </c>
      <c r="B4623" s="3">
        <f>'CPT Data'!C4631</f>
        <v>45.862000000000002</v>
      </c>
      <c r="C4623" t="str">
        <f>'CPT Data'!P4631</f>
        <v>CLAY</v>
      </c>
      <c r="D4623">
        <f>'CPT Data'!Q4631</f>
        <v>562.8370162118041</v>
      </c>
      <c r="E4623">
        <f t="shared" si="72"/>
        <v>560.16735421465648</v>
      </c>
      <c r="F4623">
        <f>IF(C4623="CLAY", INDEX(D$4:D4623, MATCH("CLAY", C$4:C4623, 0)), "")</f>
        <v>0.75203252561341039</v>
      </c>
    </row>
    <row r="4624" spans="1:6" x14ac:dyDescent="0.2">
      <c r="A4624" s="239">
        <f>'CPT Data'!B4632</f>
        <v>45.878999999999998</v>
      </c>
      <c r="B4624" s="3">
        <f>'CPT Data'!C4632</f>
        <v>45.872</v>
      </c>
      <c r="C4624" t="str">
        <f>'CPT Data'!P4632</f>
        <v>CLAY</v>
      </c>
      <c r="D4624">
        <f>'CPT Data'!Q4632</f>
        <v>557.55422936375146</v>
      </c>
      <c r="E4624">
        <f t="shared" si="72"/>
        <v>562.8370162118041</v>
      </c>
      <c r="F4624">
        <f>IF(C4624="CLAY", INDEX(D$4:D4624, MATCH("CLAY", C$4:C4624, 0)), "")</f>
        <v>0.75203252561341039</v>
      </c>
    </row>
    <row r="4625" spans="1:6" x14ac:dyDescent="0.2">
      <c r="A4625" s="239">
        <f>'CPT Data'!B4633</f>
        <v>45.889000000000003</v>
      </c>
      <c r="B4625" s="3">
        <f>'CPT Data'!C4633</f>
        <v>45.882000000000005</v>
      </c>
      <c r="C4625" t="str">
        <f>'CPT Data'!P4633</f>
        <v>CLAY</v>
      </c>
      <c r="D4625">
        <f>'CPT Data'!Q4633</f>
        <v>550.63103482379665</v>
      </c>
      <c r="E4625">
        <f t="shared" si="72"/>
        <v>557.55422936375146</v>
      </c>
      <c r="F4625">
        <f>IF(C4625="CLAY", INDEX(D$4:D4625, MATCH("CLAY", C$4:C4625, 0)), "")</f>
        <v>0.75203252561341039</v>
      </c>
    </row>
    <row r="4626" spans="1:6" x14ac:dyDescent="0.2">
      <c r="A4626" s="239">
        <f>'CPT Data'!B4634</f>
        <v>45.898000000000003</v>
      </c>
      <c r="B4626" s="3">
        <f>'CPT Data'!C4634</f>
        <v>45.891000000000005</v>
      </c>
      <c r="C4626" t="str">
        <f>'CPT Data'!P4634</f>
        <v>CLAY</v>
      </c>
      <c r="D4626">
        <f>'CPT Data'!Q4634</f>
        <v>545.82151927774476</v>
      </c>
      <c r="E4626">
        <f t="shared" si="72"/>
        <v>550.63103482379665</v>
      </c>
      <c r="F4626">
        <f>IF(C4626="CLAY", INDEX(D$4:D4626, MATCH("CLAY", C$4:C4626, 0)), "")</f>
        <v>0.75203252561341039</v>
      </c>
    </row>
    <row r="4627" spans="1:6" x14ac:dyDescent="0.2">
      <c r="A4627" s="239">
        <f>'CPT Data'!B4635</f>
        <v>45.908999999999999</v>
      </c>
      <c r="B4627" s="3">
        <f>'CPT Data'!C4635</f>
        <v>45.902000000000001</v>
      </c>
      <c r="C4627" t="str">
        <f>'CPT Data'!P4635</f>
        <v>CLAY</v>
      </c>
      <c r="D4627">
        <f>'CPT Data'!Q4635</f>
        <v>543.83002340738233</v>
      </c>
      <c r="E4627">
        <f t="shared" si="72"/>
        <v>545.82151927774476</v>
      </c>
      <c r="F4627">
        <f>IF(C4627="CLAY", INDEX(D$4:D4627, MATCH("CLAY", C$4:C4627, 0)), "")</f>
        <v>0.75203252561341039</v>
      </c>
    </row>
    <row r="4628" spans="1:6" x14ac:dyDescent="0.2">
      <c r="A4628" s="239">
        <f>'CPT Data'!B4636</f>
        <v>45.917999999999999</v>
      </c>
      <c r="B4628" s="3">
        <f>'CPT Data'!C4636</f>
        <v>45.911000000000001</v>
      </c>
      <c r="C4628" t="str">
        <f>'CPT Data'!P4636</f>
        <v>CLAY</v>
      </c>
      <c r="D4628">
        <f>'CPT Data'!Q4636</f>
        <v>530.1129279662008</v>
      </c>
      <c r="E4628">
        <f t="shared" si="72"/>
        <v>543.83002340738233</v>
      </c>
      <c r="F4628">
        <f>IF(C4628="CLAY", INDEX(D$4:D4628, MATCH("CLAY", C$4:C4628, 0)), "")</f>
        <v>0.75203252561341039</v>
      </c>
    </row>
    <row r="4629" spans="1:6" x14ac:dyDescent="0.2">
      <c r="A4629" s="239">
        <f>'CPT Data'!B4637</f>
        <v>45.927999999999997</v>
      </c>
      <c r="B4629" s="3">
        <f>'CPT Data'!C4637</f>
        <v>45.920999999999999</v>
      </c>
      <c r="C4629" t="str">
        <f>'CPT Data'!P4637</f>
        <v>CLAY</v>
      </c>
      <c r="D4629">
        <f>'CPT Data'!Q4637</f>
        <v>520.29169858546481</v>
      </c>
      <c r="E4629">
        <f t="shared" si="72"/>
        <v>530.1129279662008</v>
      </c>
      <c r="F4629">
        <f>IF(C4629="CLAY", INDEX(D$4:D4629, MATCH("CLAY", C$4:C4629, 0)), "")</f>
        <v>0.75203252561341039</v>
      </c>
    </row>
    <row r="4630" spans="1:6" x14ac:dyDescent="0.2">
      <c r="A4630" s="239">
        <f>'CPT Data'!B4638</f>
        <v>45.938000000000002</v>
      </c>
      <c r="B4630" s="3">
        <f>'CPT Data'!C4638</f>
        <v>45.931000000000004</v>
      </c>
      <c r="C4630" t="str">
        <f>'CPT Data'!P4638</f>
        <v>CLAY</v>
      </c>
      <c r="D4630">
        <f>'CPT Data'!Q4638</f>
        <v>524.95493286882879</v>
      </c>
      <c r="E4630">
        <f t="shared" si="72"/>
        <v>520.29169858546481</v>
      </c>
      <c r="F4630">
        <f>IF(C4630="CLAY", INDEX(D$4:D4630, MATCH("CLAY", C$4:C4630, 0)), "")</f>
        <v>0.75203252561341039</v>
      </c>
    </row>
    <row r="4631" spans="1:6" x14ac:dyDescent="0.2">
      <c r="A4631" s="239">
        <f>'CPT Data'!B4639</f>
        <v>45.947000000000003</v>
      </c>
      <c r="B4631" s="3">
        <f>'CPT Data'!C4639</f>
        <v>45.940000000000005</v>
      </c>
      <c r="C4631" t="str">
        <f>'CPT Data'!P4639</f>
        <v>CLAY</v>
      </c>
      <c r="D4631">
        <f>'CPT Data'!Q4639</f>
        <v>561.16267647305642</v>
      </c>
      <c r="E4631">
        <f t="shared" si="72"/>
        <v>524.95493286882879</v>
      </c>
      <c r="F4631">
        <f>IF(C4631="CLAY", INDEX(D$4:D4631, MATCH("CLAY", C$4:C4631, 0)), "")</f>
        <v>0.75203252561341039</v>
      </c>
    </row>
    <row r="4632" spans="1:6" x14ac:dyDescent="0.2">
      <c r="A4632" s="239">
        <f>'CPT Data'!B4640</f>
        <v>45.957000000000001</v>
      </c>
      <c r="B4632" s="3">
        <f>'CPT Data'!C4640</f>
        <v>45.95</v>
      </c>
      <c r="C4632" t="str">
        <f>'CPT Data'!P4640</f>
        <v>CLAY</v>
      </c>
      <c r="D4632">
        <f>'CPT Data'!Q4640</f>
        <v>588.61045259621949</v>
      </c>
      <c r="E4632">
        <f t="shared" si="72"/>
        <v>561.16267647305642</v>
      </c>
      <c r="F4632">
        <f>IF(C4632="CLAY", INDEX(D$4:D4632, MATCH("CLAY", C$4:C4632, 0)), "")</f>
        <v>0.75203252561341039</v>
      </c>
    </row>
    <row r="4633" spans="1:6" x14ac:dyDescent="0.2">
      <c r="A4633" s="239">
        <f>'CPT Data'!B4641</f>
        <v>45.966999999999999</v>
      </c>
      <c r="B4633" s="3">
        <f>'CPT Data'!C4641</f>
        <v>45.96</v>
      </c>
      <c r="C4633" t="str">
        <f>'CPT Data'!P4641</f>
        <v>CLAY</v>
      </c>
      <c r="D4633">
        <f>'CPT Data'!Q4641</f>
        <v>632.12397460441139</v>
      </c>
      <c r="E4633">
        <f t="shared" si="72"/>
        <v>588.61045259621949</v>
      </c>
      <c r="F4633">
        <f>IF(C4633="CLAY", INDEX(D$4:D4633, MATCH("CLAY", C$4:C4633, 0)), "")</f>
        <v>0.75203252561341039</v>
      </c>
    </row>
    <row r="4634" spans="1:6" x14ac:dyDescent="0.2">
      <c r="A4634" s="239">
        <f>'CPT Data'!B4642</f>
        <v>45.976999999999997</v>
      </c>
      <c r="B4634" s="3">
        <f>'CPT Data'!C4642</f>
        <v>45.97</v>
      </c>
      <c r="C4634" t="str">
        <f>'CPT Data'!P4642</f>
        <v>CLAY</v>
      </c>
      <c r="D4634">
        <f>'CPT Data'!Q4642</f>
        <v>701.97938844400903</v>
      </c>
      <c r="E4634">
        <f t="shared" si="72"/>
        <v>632.12397460441139</v>
      </c>
      <c r="F4634">
        <f>IF(C4634="CLAY", INDEX(D$4:D4634, MATCH("CLAY", C$4:C4634, 0)), "")</f>
        <v>0.75203252561341039</v>
      </c>
    </row>
    <row r="4635" spans="1:6" x14ac:dyDescent="0.2">
      <c r="A4635" s="239">
        <f>'CPT Data'!B4643</f>
        <v>45.985999999999997</v>
      </c>
      <c r="B4635" s="3">
        <f>'CPT Data'!C4643</f>
        <v>45.978999999999999</v>
      </c>
      <c r="C4635" t="str">
        <f>'CPT Data'!P4643</f>
        <v>CLAY</v>
      </c>
      <c r="D4635">
        <f>'CPT Data'!Q4643</f>
        <v>782.03514076857721</v>
      </c>
      <c r="E4635">
        <f t="shared" ref="E4635:E4698" si="73">IF(C4635="SAND",#N/A,IF(C4635=C4634,D4634,IF(C4635="CLAY",D4635,#N/A)))</f>
        <v>701.97938844400903</v>
      </c>
      <c r="F4635">
        <f>IF(C4635="CLAY", INDEX(D$4:D4635, MATCH("CLAY", C$4:C4635, 0)), "")</f>
        <v>0.75203252561341039</v>
      </c>
    </row>
    <row r="4636" spans="1:6" x14ac:dyDescent="0.2">
      <c r="A4636" s="239">
        <f>'CPT Data'!B4644</f>
        <v>45.996000000000002</v>
      </c>
      <c r="B4636" s="3">
        <f>'CPT Data'!C4644</f>
        <v>45.989000000000004</v>
      </c>
      <c r="C4636" t="str">
        <f>'CPT Data'!P4644</f>
        <v>CLAY</v>
      </c>
      <c r="D4636">
        <f>'CPT Data'!Q4644</f>
        <v>853.30418371586018</v>
      </c>
      <c r="E4636">
        <f t="shared" si="73"/>
        <v>782.03514076857721</v>
      </c>
      <c r="F4636">
        <f>IF(C4636="CLAY", INDEX(D$4:D4636, MATCH("CLAY", C$4:C4636, 0)), "")</f>
        <v>0.75203252561341039</v>
      </c>
    </row>
    <row r="4637" spans="1:6" x14ac:dyDescent="0.2">
      <c r="A4637" s="239">
        <f>'CPT Data'!B4645</f>
        <v>46.005000000000003</v>
      </c>
      <c r="B4637" s="3">
        <f>'CPT Data'!C4645</f>
        <v>45.998000000000005</v>
      </c>
      <c r="C4637" t="str">
        <f>'CPT Data'!P4645</f>
        <v>CLAY</v>
      </c>
      <c r="D4637">
        <f>'CPT Data'!Q4645</f>
        <v>891.07392123269608</v>
      </c>
      <c r="E4637">
        <f t="shared" si="73"/>
        <v>853.30418371586018</v>
      </c>
      <c r="F4637">
        <f>IF(C4637="CLAY", INDEX(D$4:D4637, MATCH("CLAY", C$4:C4637, 0)), "")</f>
        <v>0.75203252561341039</v>
      </c>
    </row>
    <row r="4638" spans="1:6" x14ac:dyDescent="0.2">
      <c r="A4638" s="239">
        <f>'CPT Data'!B4646</f>
        <v>46.014000000000003</v>
      </c>
      <c r="B4638" s="3">
        <f>'CPT Data'!C4646</f>
        <v>46.007000000000005</v>
      </c>
      <c r="C4638" t="str">
        <f>'CPT Data'!P4646</f>
        <v>SAND</v>
      </c>
      <c r="D4638" t="e">
        <f>'CPT Data'!Q4646</f>
        <v>#N/A</v>
      </c>
      <c r="E4638" t="e">
        <f t="shared" si="73"/>
        <v>#N/A</v>
      </c>
      <c r="F4638" t="str">
        <f>IF(C4638="CLAY", INDEX(D$4:D4638, MATCH("CLAY", C$4:C4638, 0)), "")</f>
        <v/>
      </c>
    </row>
    <row r="4639" spans="1:6" x14ac:dyDescent="0.2">
      <c r="A4639" s="239">
        <f>'CPT Data'!B4647</f>
        <v>46.024000000000001</v>
      </c>
      <c r="B4639" s="3">
        <f>'CPT Data'!C4647</f>
        <v>46.017000000000003</v>
      </c>
      <c r="C4639" t="str">
        <f>'CPT Data'!P4647</f>
        <v>SAND</v>
      </c>
      <c r="D4639" t="e">
        <f>'CPT Data'!Q4647</f>
        <v>#N/A</v>
      </c>
      <c r="E4639" t="e">
        <f t="shared" si="73"/>
        <v>#N/A</v>
      </c>
      <c r="F4639" t="str">
        <f>IF(C4639="CLAY", INDEX(D$4:D4639, MATCH("CLAY", C$4:C4639, 0)), "")</f>
        <v/>
      </c>
    </row>
    <row r="4640" spans="1:6" x14ac:dyDescent="0.2">
      <c r="A4640" s="239">
        <f>'CPT Data'!B4648</f>
        <v>46.033999999999999</v>
      </c>
      <c r="B4640" s="3">
        <f>'CPT Data'!C4648</f>
        <v>46.027000000000001</v>
      </c>
      <c r="C4640" t="str">
        <f>'CPT Data'!P4648</f>
        <v>SAND</v>
      </c>
      <c r="D4640" t="e">
        <f>'CPT Data'!Q4648</f>
        <v>#N/A</v>
      </c>
      <c r="E4640" t="e">
        <f t="shared" si="73"/>
        <v>#N/A</v>
      </c>
      <c r="F4640" t="str">
        <f>IF(C4640="CLAY", INDEX(D$4:D4640, MATCH("CLAY", C$4:C4640, 0)), "")</f>
        <v/>
      </c>
    </row>
    <row r="4641" spans="1:6" x14ac:dyDescent="0.2">
      <c r="A4641" s="239">
        <f>'CPT Data'!B4649</f>
        <v>46.043999999999997</v>
      </c>
      <c r="B4641" s="3">
        <f>'CPT Data'!C4649</f>
        <v>46.036999999999999</v>
      </c>
      <c r="C4641" t="str">
        <f>'CPT Data'!P4649</f>
        <v>SAND</v>
      </c>
      <c r="D4641" t="e">
        <f>'CPT Data'!Q4649</f>
        <v>#N/A</v>
      </c>
      <c r="E4641" t="e">
        <f t="shared" si="73"/>
        <v>#N/A</v>
      </c>
      <c r="F4641" t="str">
        <f>IF(C4641="CLAY", INDEX(D$4:D4641, MATCH("CLAY", C$4:C4641, 0)), "")</f>
        <v/>
      </c>
    </row>
    <row r="4642" spans="1:6" x14ac:dyDescent="0.2">
      <c r="A4642" s="239">
        <f>'CPT Data'!B4650</f>
        <v>46.052999999999997</v>
      </c>
      <c r="B4642" s="3">
        <f>'CPT Data'!C4650</f>
        <v>46.045999999999999</v>
      </c>
      <c r="C4642" t="str">
        <f>'CPT Data'!P4650</f>
        <v>SAND</v>
      </c>
      <c r="D4642" t="e">
        <f>'CPT Data'!Q4650</f>
        <v>#N/A</v>
      </c>
      <c r="E4642" t="e">
        <f t="shared" si="73"/>
        <v>#N/A</v>
      </c>
      <c r="F4642" t="str">
        <f>IF(C4642="CLAY", INDEX(D$4:D4642, MATCH("CLAY", C$4:C4642, 0)), "")</f>
        <v/>
      </c>
    </row>
    <row r="4643" spans="1:6" x14ac:dyDescent="0.2">
      <c r="A4643" s="239">
        <f>'CPT Data'!B4651</f>
        <v>46.063000000000002</v>
      </c>
      <c r="B4643" s="3">
        <f>'CPT Data'!C4651</f>
        <v>46.056000000000004</v>
      </c>
      <c r="C4643" t="str">
        <f>'CPT Data'!P4651</f>
        <v>SAND</v>
      </c>
      <c r="D4643" t="e">
        <f>'CPT Data'!Q4651</f>
        <v>#N/A</v>
      </c>
      <c r="E4643" t="e">
        <f t="shared" si="73"/>
        <v>#N/A</v>
      </c>
      <c r="F4643" t="str">
        <f>IF(C4643="CLAY", INDEX(D$4:D4643, MATCH("CLAY", C$4:C4643, 0)), "")</f>
        <v/>
      </c>
    </row>
    <row r="4644" spans="1:6" x14ac:dyDescent="0.2">
      <c r="A4644" s="239">
        <f>'CPT Data'!B4652</f>
        <v>46.072000000000003</v>
      </c>
      <c r="B4644" s="3">
        <f>'CPT Data'!C4652</f>
        <v>46.065000000000005</v>
      </c>
      <c r="C4644" t="str">
        <f>'CPT Data'!P4652</f>
        <v>SAND</v>
      </c>
      <c r="D4644" t="e">
        <f>'CPT Data'!Q4652</f>
        <v>#N/A</v>
      </c>
      <c r="E4644" t="e">
        <f t="shared" si="73"/>
        <v>#N/A</v>
      </c>
      <c r="F4644" t="str">
        <f>IF(C4644="CLAY", INDEX(D$4:D4644, MATCH("CLAY", C$4:C4644, 0)), "")</f>
        <v/>
      </c>
    </row>
    <row r="4645" spans="1:6" x14ac:dyDescent="0.2">
      <c r="A4645" s="239">
        <f>'CPT Data'!B4653</f>
        <v>46.081000000000003</v>
      </c>
      <c r="B4645" s="3">
        <f>'CPT Data'!C4653</f>
        <v>46.074000000000005</v>
      </c>
      <c r="C4645" t="str">
        <f>'CPT Data'!P4653</f>
        <v>SAND</v>
      </c>
      <c r="D4645" t="e">
        <f>'CPT Data'!Q4653</f>
        <v>#N/A</v>
      </c>
      <c r="E4645" t="e">
        <f t="shared" si="73"/>
        <v>#N/A</v>
      </c>
      <c r="F4645" t="str">
        <f>IF(C4645="CLAY", INDEX(D$4:D4645, MATCH("CLAY", C$4:C4645, 0)), "")</f>
        <v/>
      </c>
    </row>
    <row r="4646" spans="1:6" x14ac:dyDescent="0.2">
      <c r="A4646" s="239">
        <f>'CPT Data'!B4654</f>
        <v>46.091000000000001</v>
      </c>
      <c r="B4646" s="3">
        <f>'CPT Data'!C4654</f>
        <v>46.084000000000003</v>
      </c>
      <c r="C4646" t="str">
        <f>'CPT Data'!P4654</f>
        <v>SAND</v>
      </c>
      <c r="D4646" t="e">
        <f>'CPT Data'!Q4654</f>
        <v>#N/A</v>
      </c>
      <c r="E4646" t="e">
        <f t="shared" si="73"/>
        <v>#N/A</v>
      </c>
      <c r="F4646" t="str">
        <f>IF(C4646="CLAY", INDEX(D$4:D4646, MATCH("CLAY", C$4:C4646, 0)), "")</f>
        <v/>
      </c>
    </row>
    <row r="4647" spans="1:6" x14ac:dyDescent="0.2">
      <c r="A4647" s="239">
        <f>'CPT Data'!B4655</f>
        <v>46.1</v>
      </c>
      <c r="B4647" s="3">
        <f>'CPT Data'!C4655</f>
        <v>46.093000000000004</v>
      </c>
      <c r="C4647" t="str">
        <f>'CPT Data'!P4655</f>
        <v>SAND</v>
      </c>
      <c r="D4647" t="e">
        <f>'CPT Data'!Q4655</f>
        <v>#N/A</v>
      </c>
      <c r="E4647" t="e">
        <f t="shared" si="73"/>
        <v>#N/A</v>
      </c>
      <c r="F4647" t="str">
        <f>IF(C4647="CLAY", INDEX(D$4:D4647, MATCH("CLAY", C$4:C4647, 0)), "")</f>
        <v/>
      </c>
    </row>
    <row r="4648" spans="1:6" x14ac:dyDescent="0.2">
      <c r="A4648" s="239">
        <f>'CPT Data'!B4656</f>
        <v>46.11</v>
      </c>
      <c r="B4648" s="3">
        <f>'CPT Data'!C4656</f>
        <v>46.103000000000002</v>
      </c>
      <c r="C4648" t="str">
        <f>'CPT Data'!P4656</f>
        <v>SAND</v>
      </c>
      <c r="D4648" t="e">
        <f>'CPT Data'!Q4656</f>
        <v>#N/A</v>
      </c>
      <c r="E4648" t="e">
        <f t="shared" si="73"/>
        <v>#N/A</v>
      </c>
      <c r="F4648" t="str">
        <f>IF(C4648="CLAY", INDEX(D$4:D4648, MATCH("CLAY", C$4:C4648, 0)), "")</f>
        <v/>
      </c>
    </row>
    <row r="4649" spans="1:6" x14ac:dyDescent="0.2">
      <c r="A4649" s="239">
        <f>'CPT Data'!B4657</f>
        <v>46.121000000000002</v>
      </c>
      <c r="B4649" s="3">
        <f>'CPT Data'!C4657</f>
        <v>46.114000000000004</v>
      </c>
      <c r="C4649" t="str">
        <f>'CPT Data'!P4657</f>
        <v>SAND</v>
      </c>
      <c r="D4649" t="e">
        <f>'CPT Data'!Q4657</f>
        <v>#N/A</v>
      </c>
      <c r="E4649" t="e">
        <f t="shared" si="73"/>
        <v>#N/A</v>
      </c>
      <c r="F4649" t="str">
        <f>IF(C4649="CLAY", INDEX(D$4:D4649, MATCH("CLAY", C$4:C4649, 0)), "")</f>
        <v/>
      </c>
    </row>
    <row r="4650" spans="1:6" x14ac:dyDescent="0.2">
      <c r="A4650" s="239">
        <f>'CPT Data'!B4658</f>
        <v>46.13</v>
      </c>
      <c r="B4650" s="3">
        <f>'CPT Data'!C4658</f>
        <v>46.123000000000005</v>
      </c>
      <c r="C4650" t="str">
        <f>'CPT Data'!P4658</f>
        <v>SAND</v>
      </c>
      <c r="D4650" t="e">
        <f>'CPT Data'!Q4658</f>
        <v>#N/A</v>
      </c>
      <c r="E4650" t="e">
        <f t="shared" si="73"/>
        <v>#N/A</v>
      </c>
      <c r="F4650" t="str">
        <f>IF(C4650="CLAY", INDEX(D$4:D4650, MATCH("CLAY", C$4:C4650, 0)), "")</f>
        <v/>
      </c>
    </row>
    <row r="4651" spans="1:6" x14ac:dyDescent="0.2">
      <c r="A4651" s="239">
        <f>'CPT Data'!B4659</f>
        <v>46.14</v>
      </c>
      <c r="B4651" s="3">
        <f>'CPT Data'!C4659</f>
        <v>46.133000000000003</v>
      </c>
      <c r="C4651" t="str">
        <f>'CPT Data'!P4659</f>
        <v>SAND</v>
      </c>
      <c r="D4651" t="e">
        <f>'CPT Data'!Q4659</f>
        <v>#N/A</v>
      </c>
      <c r="E4651" t="e">
        <f t="shared" si="73"/>
        <v>#N/A</v>
      </c>
      <c r="F4651" t="str">
        <f>IF(C4651="CLAY", INDEX(D$4:D4651, MATCH("CLAY", C$4:C4651, 0)), "")</f>
        <v/>
      </c>
    </row>
    <row r="4652" spans="1:6" x14ac:dyDescent="0.2">
      <c r="A4652" s="239">
        <f>'CPT Data'!B4660</f>
        <v>46.15</v>
      </c>
      <c r="B4652" s="3">
        <f>'CPT Data'!C4660</f>
        <v>46.143000000000001</v>
      </c>
      <c r="C4652" t="str">
        <f>'CPT Data'!P4660</f>
        <v>SAND</v>
      </c>
      <c r="D4652" t="e">
        <f>'CPT Data'!Q4660</f>
        <v>#N/A</v>
      </c>
      <c r="E4652" t="e">
        <f t="shared" si="73"/>
        <v>#N/A</v>
      </c>
      <c r="F4652" t="str">
        <f>IF(C4652="CLAY", INDEX(D$4:D4652, MATCH("CLAY", C$4:C4652, 0)), "")</f>
        <v/>
      </c>
    </row>
    <row r="4653" spans="1:6" x14ac:dyDescent="0.2">
      <c r="A4653" s="239">
        <f>'CPT Data'!B4661</f>
        <v>46.16</v>
      </c>
      <c r="B4653" s="3">
        <f>'CPT Data'!C4661</f>
        <v>46.152999999999999</v>
      </c>
      <c r="C4653" t="str">
        <f>'CPT Data'!P4661</f>
        <v>SAND</v>
      </c>
      <c r="D4653" t="e">
        <f>'CPT Data'!Q4661</f>
        <v>#N/A</v>
      </c>
      <c r="E4653" t="e">
        <f t="shared" si="73"/>
        <v>#N/A</v>
      </c>
      <c r="F4653" t="str">
        <f>IF(C4653="CLAY", INDEX(D$4:D4653, MATCH("CLAY", C$4:C4653, 0)), "")</f>
        <v/>
      </c>
    </row>
    <row r="4654" spans="1:6" x14ac:dyDescent="0.2">
      <c r="A4654" s="239">
        <f>'CPT Data'!B4662</f>
        <v>46.168999999999997</v>
      </c>
      <c r="B4654" s="3">
        <f>'CPT Data'!C4662</f>
        <v>46.161999999999999</v>
      </c>
      <c r="C4654" t="str">
        <f>'CPT Data'!P4662</f>
        <v>SAND</v>
      </c>
      <c r="D4654" t="e">
        <f>'CPT Data'!Q4662</f>
        <v>#N/A</v>
      </c>
      <c r="E4654" t="e">
        <f t="shared" si="73"/>
        <v>#N/A</v>
      </c>
      <c r="F4654" t="str">
        <f>IF(C4654="CLAY", INDEX(D$4:D4654, MATCH("CLAY", C$4:C4654, 0)), "")</f>
        <v/>
      </c>
    </row>
    <row r="4655" spans="1:6" x14ac:dyDescent="0.2">
      <c r="A4655" s="239">
        <f>'CPT Data'!B4663</f>
        <v>46.179000000000002</v>
      </c>
      <c r="B4655" s="3">
        <f>'CPT Data'!C4663</f>
        <v>46.172000000000004</v>
      </c>
      <c r="C4655" t="str">
        <f>'CPT Data'!P4663</f>
        <v>SAND</v>
      </c>
      <c r="D4655" t="e">
        <f>'CPT Data'!Q4663</f>
        <v>#N/A</v>
      </c>
      <c r="E4655" t="e">
        <f t="shared" si="73"/>
        <v>#N/A</v>
      </c>
      <c r="F4655" t="str">
        <f>IF(C4655="CLAY", INDEX(D$4:D4655, MATCH("CLAY", C$4:C4655, 0)), "")</f>
        <v/>
      </c>
    </row>
    <row r="4656" spans="1:6" x14ac:dyDescent="0.2">
      <c r="A4656" s="239">
        <f>'CPT Data'!B4664</f>
        <v>46.189</v>
      </c>
      <c r="B4656" s="3">
        <f>'CPT Data'!C4664</f>
        <v>46.182000000000002</v>
      </c>
      <c r="C4656" t="str">
        <f>'CPT Data'!P4664</f>
        <v>SAND</v>
      </c>
      <c r="D4656" t="e">
        <f>'CPT Data'!Q4664</f>
        <v>#N/A</v>
      </c>
      <c r="E4656" t="e">
        <f t="shared" si="73"/>
        <v>#N/A</v>
      </c>
      <c r="F4656" t="str">
        <f>IF(C4656="CLAY", INDEX(D$4:D4656, MATCH("CLAY", C$4:C4656, 0)), "")</f>
        <v/>
      </c>
    </row>
    <row r="4657" spans="1:6" x14ac:dyDescent="0.2">
      <c r="A4657" s="239">
        <f>'CPT Data'!B4665</f>
        <v>46.198999999999998</v>
      </c>
      <c r="B4657" s="3">
        <f>'CPT Data'!C4665</f>
        <v>46.192</v>
      </c>
      <c r="C4657" t="str">
        <f>'CPT Data'!P4665</f>
        <v>SAND</v>
      </c>
      <c r="D4657" t="e">
        <f>'CPT Data'!Q4665</f>
        <v>#N/A</v>
      </c>
      <c r="E4657" t="e">
        <f t="shared" si="73"/>
        <v>#N/A</v>
      </c>
      <c r="F4657" t="str">
        <f>IF(C4657="CLAY", INDEX(D$4:D4657, MATCH("CLAY", C$4:C4657, 0)), "")</f>
        <v/>
      </c>
    </row>
    <row r="4658" spans="1:6" x14ac:dyDescent="0.2">
      <c r="A4658" s="239">
        <f>'CPT Data'!B4666</f>
        <v>46.207999999999998</v>
      </c>
      <c r="B4658" s="3">
        <f>'CPT Data'!C4666</f>
        <v>46.201000000000001</v>
      </c>
      <c r="C4658" t="str">
        <f>'CPT Data'!P4666</f>
        <v>SAND</v>
      </c>
      <c r="D4658" t="e">
        <f>'CPT Data'!Q4666</f>
        <v>#N/A</v>
      </c>
      <c r="E4658" t="e">
        <f t="shared" si="73"/>
        <v>#N/A</v>
      </c>
      <c r="F4658" t="str">
        <f>IF(C4658="CLAY", INDEX(D$4:D4658, MATCH("CLAY", C$4:C4658, 0)), "")</f>
        <v/>
      </c>
    </row>
    <row r="4659" spans="1:6" x14ac:dyDescent="0.2">
      <c r="A4659" s="239">
        <f>'CPT Data'!B4667</f>
        <v>46.219000000000001</v>
      </c>
      <c r="B4659" s="3">
        <f>'CPT Data'!C4667</f>
        <v>46.212000000000003</v>
      </c>
      <c r="C4659" t="str">
        <f>'CPT Data'!P4667</f>
        <v>SAND</v>
      </c>
      <c r="D4659" t="e">
        <f>'CPT Data'!Q4667</f>
        <v>#N/A</v>
      </c>
      <c r="E4659" t="e">
        <f t="shared" si="73"/>
        <v>#N/A</v>
      </c>
      <c r="F4659" t="str">
        <f>IF(C4659="CLAY", INDEX(D$4:D4659, MATCH("CLAY", C$4:C4659, 0)), "")</f>
        <v/>
      </c>
    </row>
    <row r="4660" spans="1:6" x14ac:dyDescent="0.2">
      <c r="A4660" s="239">
        <f>'CPT Data'!B4668</f>
        <v>46.228000000000002</v>
      </c>
      <c r="B4660" s="3">
        <f>'CPT Data'!C4668</f>
        <v>46.221000000000004</v>
      </c>
      <c r="C4660" t="str">
        <f>'CPT Data'!P4668</f>
        <v>SAND</v>
      </c>
      <c r="D4660" t="e">
        <f>'CPT Data'!Q4668</f>
        <v>#N/A</v>
      </c>
      <c r="E4660" t="e">
        <f t="shared" si="73"/>
        <v>#N/A</v>
      </c>
      <c r="F4660" t="str">
        <f>IF(C4660="CLAY", INDEX(D$4:D4660, MATCH("CLAY", C$4:C4660, 0)), "")</f>
        <v/>
      </c>
    </row>
    <row r="4661" spans="1:6" x14ac:dyDescent="0.2">
      <c r="A4661" s="239">
        <f>'CPT Data'!B4669</f>
        <v>46.238</v>
      </c>
      <c r="B4661" s="3">
        <f>'CPT Data'!C4669</f>
        <v>46.231000000000002</v>
      </c>
      <c r="C4661" t="str">
        <f>'CPT Data'!P4669</f>
        <v>SAND</v>
      </c>
      <c r="D4661" t="e">
        <f>'CPT Data'!Q4669</f>
        <v>#N/A</v>
      </c>
      <c r="E4661" t="e">
        <f t="shared" si="73"/>
        <v>#N/A</v>
      </c>
      <c r="F4661" t="str">
        <f>IF(C4661="CLAY", INDEX(D$4:D4661, MATCH("CLAY", C$4:C4661, 0)), "")</f>
        <v/>
      </c>
    </row>
    <row r="4662" spans="1:6" x14ac:dyDescent="0.2">
      <c r="A4662" s="239">
        <f>'CPT Data'!B4670</f>
        <v>46.247</v>
      </c>
      <c r="B4662" s="3">
        <f>'CPT Data'!C4670</f>
        <v>46.24</v>
      </c>
      <c r="C4662" t="str">
        <f>'CPT Data'!P4670</f>
        <v>SAND</v>
      </c>
      <c r="D4662" t="e">
        <f>'CPT Data'!Q4670</f>
        <v>#N/A</v>
      </c>
      <c r="E4662" t="e">
        <f t="shared" si="73"/>
        <v>#N/A</v>
      </c>
      <c r="F4662" t="str">
        <f>IF(C4662="CLAY", INDEX(D$4:D4662, MATCH("CLAY", C$4:C4662, 0)), "")</f>
        <v/>
      </c>
    </row>
    <row r="4663" spans="1:6" x14ac:dyDescent="0.2">
      <c r="A4663" s="239">
        <f>'CPT Data'!B4671</f>
        <v>46.256999999999998</v>
      </c>
      <c r="B4663" s="3">
        <f>'CPT Data'!C4671</f>
        <v>46.25</v>
      </c>
      <c r="C4663" t="str">
        <f>'CPT Data'!P4671</f>
        <v>SAND</v>
      </c>
      <c r="D4663" t="e">
        <f>'CPT Data'!Q4671</f>
        <v>#N/A</v>
      </c>
      <c r="E4663" t="e">
        <f t="shared" si="73"/>
        <v>#N/A</v>
      </c>
      <c r="F4663" t="str">
        <f>IF(C4663="CLAY", INDEX(D$4:D4663, MATCH("CLAY", C$4:C4663, 0)), "")</f>
        <v/>
      </c>
    </row>
    <row r="4664" spans="1:6" x14ac:dyDescent="0.2">
      <c r="A4664" s="239">
        <f>'CPT Data'!B4672</f>
        <v>46.267000000000003</v>
      </c>
      <c r="B4664" s="3">
        <f>'CPT Data'!C4672</f>
        <v>46.260000000000005</v>
      </c>
      <c r="C4664" t="str">
        <f>'CPT Data'!P4672</f>
        <v>SAND</v>
      </c>
      <c r="D4664" t="e">
        <f>'CPT Data'!Q4672</f>
        <v>#N/A</v>
      </c>
      <c r="E4664" t="e">
        <f t="shared" si="73"/>
        <v>#N/A</v>
      </c>
      <c r="F4664" t="str">
        <f>IF(C4664="CLAY", INDEX(D$4:D4664, MATCH("CLAY", C$4:C4664, 0)), "")</f>
        <v/>
      </c>
    </row>
    <row r="4665" spans="1:6" x14ac:dyDescent="0.2">
      <c r="A4665" s="239">
        <f>'CPT Data'!B4673</f>
        <v>46.276000000000003</v>
      </c>
      <c r="B4665" s="3">
        <f>'CPT Data'!C4673</f>
        <v>46.269000000000005</v>
      </c>
      <c r="C4665" t="str">
        <f>'CPT Data'!P4673</f>
        <v>SAND</v>
      </c>
      <c r="D4665" t="e">
        <f>'CPT Data'!Q4673</f>
        <v>#N/A</v>
      </c>
      <c r="E4665" t="e">
        <f t="shared" si="73"/>
        <v>#N/A</v>
      </c>
      <c r="F4665" t="str">
        <f>IF(C4665="CLAY", INDEX(D$4:D4665, MATCH("CLAY", C$4:C4665, 0)), "")</f>
        <v/>
      </c>
    </row>
    <row r="4666" spans="1:6" x14ac:dyDescent="0.2">
      <c r="A4666" s="239">
        <f>'CPT Data'!B4674</f>
        <v>46.286000000000001</v>
      </c>
      <c r="B4666" s="3">
        <f>'CPT Data'!C4674</f>
        <v>46.279000000000003</v>
      </c>
      <c r="C4666" t="str">
        <f>'CPT Data'!P4674</f>
        <v>SAND</v>
      </c>
      <c r="D4666" t="e">
        <f>'CPT Data'!Q4674</f>
        <v>#N/A</v>
      </c>
      <c r="E4666" t="e">
        <f t="shared" si="73"/>
        <v>#N/A</v>
      </c>
      <c r="F4666" t="str">
        <f>IF(C4666="CLAY", INDEX(D$4:D4666, MATCH("CLAY", C$4:C4666, 0)), "")</f>
        <v/>
      </c>
    </row>
    <row r="4667" spans="1:6" x14ac:dyDescent="0.2">
      <c r="A4667" s="239">
        <f>'CPT Data'!B4675</f>
        <v>46.295999999999999</v>
      </c>
      <c r="B4667" s="3">
        <f>'CPT Data'!C4675</f>
        <v>46.289000000000001</v>
      </c>
      <c r="C4667" t="str">
        <f>'CPT Data'!P4675</f>
        <v>CLAY</v>
      </c>
      <c r="D4667">
        <f>'CPT Data'!Q4675</f>
        <v>750.47623387730346</v>
      </c>
      <c r="E4667">
        <f t="shared" si="73"/>
        <v>750.47623387730346</v>
      </c>
      <c r="F4667">
        <f>IF(C4667="CLAY", INDEX(D$4:D4667, MATCH("CLAY", C$4:C4667, 0)), "")</f>
        <v>0.75203252561341039</v>
      </c>
    </row>
    <row r="4668" spans="1:6" x14ac:dyDescent="0.2">
      <c r="A4668" s="239">
        <f>'CPT Data'!B4676</f>
        <v>46.305</v>
      </c>
      <c r="B4668" s="3">
        <f>'CPT Data'!C4676</f>
        <v>46.298000000000002</v>
      </c>
      <c r="C4668" t="str">
        <f>'CPT Data'!P4676</f>
        <v>CLAY</v>
      </c>
      <c r="D4668">
        <f>'CPT Data'!Q4676</f>
        <v>720.10763397669336</v>
      </c>
      <c r="E4668">
        <f t="shared" si="73"/>
        <v>750.47623387730346</v>
      </c>
      <c r="F4668">
        <f>IF(C4668="CLAY", INDEX(D$4:D4668, MATCH("CLAY", C$4:C4668, 0)), "")</f>
        <v>0.75203252561341039</v>
      </c>
    </row>
    <row r="4669" spans="1:6" x14ac:dyDescent="0.2">
      <c r="A4669" s="239">
        <f>'CPT Data'!B4677</f>
        <v>46.316000000000003</v>
      </c>
      <c r="B4669" s="3">
        <f>'CPT Data'!C4677</f>
        <v>46.309000000000005</v>
      </c>
      <c r="C4669" t="str">
        <f>'CPT Data'!P4677</f>
        <v>CLAY</v>
      </c>
      <c r="D4669">
        <f>'CPT Data'!Q4677</f>
        <v>686.75936837630741</v>
      </c>
      <c r="E4669">
        <f t="shared" si="73"/>
        <v>720.10763397669336</v>
      </c>
      <c r="F4669">
        <f>IF(C4669="CLAY", INDEX(D$4:D4669, MATCH("CLAY", C$4:C4669, 0)), "")</f>
        <v>0.75203252561341039</v>
      </c>
    </row>
    <row r="4670" spans="1:6" x14ac:dyDescent="0.2">
      <c r="A4670" s="239">
        <f>'CPT Data'!B4678</f>
        <v>46.325000000000003</v>
      </c>
      <c r="B4670" s="3">
        <f>'CPT Data'!C4678</f>
        <v>46.318000000000005</v>
      </c>
      <c r="C4670" t="str">
        <f>'CPT Data'!P4678</f>
        <v>CLAY</v>
      </c>
      <c r="D4670">
        <f>'CPT Data'!Q4678</f>
        <v>655.35593396046409</v>
      </c>
      <c r="E4670">
        <f t="shared" si="73"/>
        <v>686.75936837630741</v>
      </c>
      <c r="F4670">
        <f>IF(C4670="CLAY", INDEX(D$4:D4670, MATCH("CLAY", C$4:C4670, 0)), "")</f>
        <v>0.75203252561341039</v>
      </c>
    </row>
    <row r="4671" spans="1:6" x14ac:dyDescent="0.2">
      <c r="A4671" s="239">
        <f>'CPT Data'!B4679</f>
        <v>46.335000000000001</v>
      </c>
      <c r="B4671" s="3">
        <f>'CPT Data'!C4679</f>
        <v>46.328000000000003</v>
      </c>
      <c r="C4671" t="str">
        <f>'CPT Data'!P4679</f>
        <v>CLAY</v>
      </c>
      <c r="D4671">
        <f>'CPT Data'!Q4679</f>
        <v>620.72072026056833</v>
      </c>
      <c r="E4671">
        <f t="shared" si="73"/>
        <v>655.35593396046409</v>
      </c>
      <c r="F4671">
        <f>IF(C4671="CLAY", INDEX(D$4:D4671, MATCH("CLAY", C$4:C4671, 0)), "")</f>
        <v>0.75203252561341039</v>
      </c>
    </row>
    <row r="4672" spans="1:6" x14ac:dyDescent="0.2">
      <c r="A4672" s="239">
        <f>'CPT Data'!B4680</f>
        <v>46.344999999999999</v>
      </c>
      <c r="B4672" s="3">
        <f>'CPT Data'!C4680</f>
        <v>46.338000000000001</v>
      </c>
      <c r="C4672" t="str">
        <f>'CPT Data'!P4680</f>
        <v>CLAY</v>
      </c>
      <c r="D4672">
        <f>'CPT Data'!Q4680</f>
        <v>600.32606410598021</v>
      </c>
      <c r="E4672">
        <f t="shared" si="73"/>
        <v>620.72072026056833</v>
      </c>
      <c r="F4672">
        <f>IF(C4672="CLAY", INDEX(D$4:D4672, MATCH("CLAY", C$4:C4672, 0)), "")</f>
        <v>0.75203252561341039</v>
      </c>
    </row>
    <row r="4673" spans="1:6" x14ac:dyDescent="0.2">
      <c r="A4673" s="239">
        <f>'CPT Data'!B4681</f>
        <v>46.353999999999999</v>
      </c>
      <c r="B4673" s="3">
        <f>'CPT Data'!C4681</f>
        <v>46.347000000000001</v>
      </c>
      <c r="C4673" t="str">
        <f>'CPT Data'!P4681</f>
        <v>CLAY</v>
      </c>
      <c r="D4673">
        <f>'CPT Data'!Q4681</f>
        <v>596.63923423011693</v>
      </c>
      <c r="E4673">
        <f t="shared" si="73"/>
        <v>600.32606410598021</v>
      </c>
      <c r="F4673">
        <f>IF(C4673="CLAY", INDEX(D$4:D4673, MATCH("CLAY", C$4:C4673, 0)), "")</f>
        <v>0.75203252561341039</v>
      </c>
    </row>
    <row r="4674" spans="1:6" x14ac:dyDescent="0.2">
      <c r="A4674" s="239">
        <f>'CPT Data'!B4682</f>
        <v>46.363999999999997</v>
      </c>
      <c r="B4674" s="3">
        <f>'CPT Data'!C4682</f>
        <v>46.356999999999999</v>
      </c>
      <c r="C4674" t="str">
        <f>'CPT Data'!P4682</f>
        <v>CLAY</v>
      </c>
      <c r="D4674">
        <f>'CPT Data'!Q4682</f>
        <v>602.35684329147125</v>
      </c>
      <c r="E4674">
        <f t="shared" si="73"/>
        <v>596.63923423011693</v>
      </c>
      <c r="F4674">
        <f>IF(C4674="CLAY", INDEX(D$4:D4674, MATCH("CLAY", C$4:C4674, 0)), "")</f>
        <v>0.75203252561341039</v>
      </c>
    </row>
    <row r="4675" spans="1:6" x14ac:dyDescent="0.2">
      <c r="A4675" s="239">
        <f>'CPT Data'!B4683</f>
        <v>46.372999999999998</v>
      </c>
      <c r="B4675" s="3">
        <f>'CPT Data'!C4683</f>
        <v>46.366</v>
      </c>
      <c r="C4675" t="str">
        <f>'CPT Data'!P4683</f>
        <v>CLAY</v>
      </c>
      <c r="D4675">
        <f>'CPT Data'!Q4683</f>
        <v>618.25542653939863</v>
      </c>
      <c r="E4675">
        <f t="shared" si="73"/>
        <v>602.35684329147125</v>
      </c>
      <c r="F4675">
        <f>IF(C4675="CLAY", INDEX(D$4:D4675, MATCH("CLAY", C$4:C4675, 0)), "")</f>
        <v>0.75203252561341039</v>
      </c>
    </row>
    <row r="4676" spans="1:6" x14ac:dyDescent="0.2">
      <c r="A4676" s="239">
        <f>'CPT Data'!B4684</f>
        <v>46.384</v>
      </c>
      <c r="B4676" s="3">
        <f>'CPT Data'!C4684</f>
        <v>46.377000000000002</v>
      </c>
      <c r="C4676" t="str">
        <f>'CPT Data'!P4684</f>
        <v>CLAY</v>
      </c>
      <c r="D4676">
        <f>'CPT Data'!Q4684</f>
        <v>611.34509488512401</v>
      </c>
      <c r="E4676">
        <f t="shared" si="73"/>
        <v>618.25542653939863</v>
      </c>
      <c r="F4676">
        <f>IF(C4676="CLAY", INDEX(D$4:D4676, MATCH("CLAY", C$4:C4676, 0)), "")</f>
        <v>0.75203252561341039</v>
      </c>
    </row>
    <row r="4677" spans="1:6" x14ac:dyDescent="0.2">
      <c r="A4677" s="239">
        <f>'CPT Data'!B4685</f>
        <v>46.393000000000001</v>
      </c>
      <c r="B4677" s="3">
        <f>'CPT Data'!C4685</f>
        <v>46.386000000000003</v>
      </c>
      <c r="C4677" t="str">
        <f>'CPT Data'!P4685</f>
        <v>CLAY</v>
      </c>
      <c r="D4677">
        <f>'CPT Data'!Q4685</f>
        <v>603.85616667794375</v>
      </c>
      <c r="E4677">
        <f t="shared" si="73"/>
        <v>611.34509488512401</v>
      </c>
      <c r="F4677">
        <f>IF(C4677="CLAY", INDEX(D$4:D4677, MATCH("CLAY", C$4:C4677, 0)), "")</f>
        <v>0.75203252561341039</v>
      </c>
    </row>
    <row r="4678" spans="1:6" x14ac:dyDescent="0.2">
      <c r="A4678" s="239">
        <f>'CPT Data'!B4686</f>
        <v>46.402999999999999</v>
      </c>
      <c r="B4678" s="3">
        <f>'CPT Data'!C4686</f>
        <v>46.396000000000001</v>
      </c>
      <c r="C4678" t="str">
        <f>'CPT Data'!P4686</f>
        <v>CLAY</v>
      </c>
      <c r="D4678">
        <f>'CPT Data'!Q4686</f>
        <v>580.66850053225983</v>
      </c>
      <c r="E4678">
        <f t="shared" si="73"/>
        <v>603.85616667794375</v>
      </c>
      <c r="F4678">
        <f>IF(C4678="CLAY", INDEX(D$4:D4678, MATCH("CLAY", C$4:C4678, 0)), "")</f>
        <v>0.75203252561341039</v>
      </c>
    </row>
    <row r="4679" spans="1:6" x14ac:dyDescent="0.2">
      <c r="A4679" s="239">
        <f>'CPT Data'!B4687</f>
        <v>46.411999999999999</v>
      </c>
      <c r="B4679" s="3">
        <f>'CPT Data'!C4687</f>
        <v>46.405000000000001</v>
      </c>
      <c r="C4679" t="str">
        <f>'CPT Data'!P4687</f>
        <v>CLAY</v>
      </c>
      <c r="D4679">
        <f>'CPT Data'!Q4687</f>
        <v>548.3117757601002</v>
      </c>
      <c r="E4679">
        <f t="shared" si="73"/>
        <v>580.66850053225983</v>
      </c>
      <c r="F4679">
        <f>IF(C4679="CLAY", INDEX(D$4:D4679, MATCH("CLAY", C$4:C4679, 0)), "")</f>
        <v>0.75203252561341039</v>
      </c>
    </row>
    <row r="4680" spans="1:6" x14ac:dyDescent="0.2">
      <c r="A4680" s="239">
        <f>'CPT Data'!B4688</f>
        <v>46.423000000000002</v>
      </c>
      <c r="B4680" s="3">
        <f>'CPT Data'!C4688</f>
        <v>46.416000000000004</v>
      </c>
      <c r="C4680" t="str">
        <f>'CPT Data'!P4688</f>
        <v>CLAY</v>
      </c>
      <c r="D4680">
        <f>'CPT Data'!Q4688</f>
        <v>513.09364252938769</v>
      </c>
      <c r="E4680">
        <f t="shared" si="73"/>
        <v>548.3117757601002</v>
      </c>
      <c r="F4680">
        <f>IF(C4680="CLAY", INDEX(D$4:D4680, MATCH("CLAY", C$4:C4680, 0)), "")</f>
        <v>0.75203252561341039</v>
      </c>
    </row>
    <row r="4681" spans="1:6" x14ac:dyDescent="0.2">
      <c r="A4681" s="239">
        <f>'CPT Data'!B4689</f>
        <v>46.432000000000002</v>
      </c>
      <c r="B4681" s="3">
        <f>'CPT Data'!C4689</f>
        <v>46.425000000000004</v>
      </c>
      <c r="C4681" t="str">
        <f>'CPT Data'!P4689</f>
        <v>CLAY</v>
      </c>
      <c r="D4681">
        <f>'CPT Data'!Q4689</f>
        <v>475.55973891193304</v>
      </c>
      <c r="E4681">
        <f t="shared" si="73"/>
        <v>513.09364252938769</v>
      </c>
      <c r="F4681">
        <f>IF(C4681="CLAY", INDEX(D$4:D4681, MATCH("CLAY", C$4:C4681, 0)), "")</f>
        <v>0.75203252561341039</v>
      </c>
    </row>
    <row r="4682" spans="1:6" x14ac:dyDescent="0.2">
      <c r="A4682" s="239">
        <f>'CPT Data'!B4690</f>
        <v>46.442999999999998</v>
      </c>
      <c r="B4682" s="3">
        <f>'CPT Data'!C4690</f>
        <v>46.436</v>
      </c>
      <c r="C4682" t="str">
        <f>'CPT Data'!P4690</f>
        <v>CLAY</v>
      </c>
      <c r="D4682">
        <f>'CPT Data'!Q4690</f>
        <v>442.39561099854785</v>
      </c>
      <c r="E4682">
        <f t="shared" si="73"/>
        <v>475.55973891193304</v>
      </c>
      <c r="F4682">
        <f>IF(C4682="CLAY", INDEX(D$4:D4682, MATCH("CLAY", C$4:C4682, 0)), "")</f>
        <v>0.75203252561341039</v>
      </c>
    </row>
    <row r="4683" spans="1:6" x14ac:dyDescent="0.2">
      <c r="A4683" s="239">
        <f>'CPT Data'!B4691</f>
        <v>46.451999999999998</v>
      </c>
      <c r="B4683" s="3">
        <f>'CPT Data'!C4691</f>
        <v>46.445</v>
      </c>
      <c r="C4683" t="str">
        <f>'CPT Data'!P4691</f>
        <v>CLAY</v>
      </c>
      <c r="D4683">
        <f>'CPT Data'!Q4691</f>
        <v>418.03208381640746</v>
      </c>
      <c r="E4683">
        <f t="shared" si="73"/>
        <v>442.39561099854785</v>
      </c>
      <c r="F4683">
        <f>IF(C4683="CLAY", INDEX(D$4:D4683, MATCH("CLAY", C$4:C4683, 0)), "")</f>
        <v>0.75203252561341039</v>
      </c>
    </row>
    <row r="4684" spans="1:6" x14ac:dyDescent="0.2">
      <c r="A4684" s="239">
        <f>'CPT Data'!B4692</f>
        <v>46.462000000000003</v>
      </c>
      <c r="B4684" s="3">
        <f>'CPT Data'!C4692</f>
        <v>46.455000000000005</v>
      </c>
      <c r="C4684" t="str">
        <f>'CPT Data'!P4692</f>
        <v>CLAY</v>
      </c>
      <c r="D4684">
        <f>'CPT Data'!Q4692</f>
        <v>403.68179978549318</v>
      </c>
      <c r="E4684">
        <f t="shared" si="73"/>
        <v>418.03208381640746</v>
      </c>
      <c r="F4684">
        <f>IF(C4684="CLAY", INDEX(D$4:D4684, MATCH("CLAY", C$4:C4684, 0)), "")</f>
        <v>0.75203252561341039</v>
      </c>
    </row>
    <row r="4685" spans="1:6" x14ac:dyDescent="0.2">
      <c r="A4685" s="239">
        <f>'CPT Data'!B4693</f>
        <v>46.470999999999997</v>
      </c>
      <c r="B4685" s="3">
        <f>'CPT Data'!C4693</f>
        <v>46.463999999999999</v>
      </c>
      <c r="C4685" t="str">
        <f>'CPT Data'!P4693</f>
        <v>CLAY</v>
      </c>
      <c r="D4685">
        <f>'CPT Data'!Q4693</f>
        <v>405.72272394062344</v>
      </c>
      <c r="E4685">
        <f t="shared" si="73"/>
        <v>403.68179978549318</v>
      </c>
      <c r="F4685">
        <f>IF(C4685="CLAY", INDEX(D$4:D4685, MATCH("CLAY", C$4:C4685, 0)), "")</f>
        <v>0.75203252561341039</v>
      </c>
    </row>
    <row r="4686" spans="1:6" x14ac:dyDescent="0.2">
      <c r="A4686" s="239">
        <f>'CPT Data'!B4694</f>
        <v>46.481000000000002</v>
      </c>
      <c r="B4686" s="3">
        <f>'CPT Data'!C4694</f>
        <v>46.474000000000004</v>
      </c>
      <c r="C4686" t="str">
        <f>'CPT Data'!P4694</f>
        <v>CLAY</v>
      </c>
      <c r="D4686">
        <f>'CPT Data'!Q4694</f>
        <v>412.79528064686934</v>
      </c>
      <c r="E4686">
        <f t="shared" si="73"/>
        <v>405.72272394062344</v>
      </c>
      <c r="F4686">
        <f>IF(C4686="CLAY", INDEX(D$4:D4686, MATCH("CLAY", C$4:C4686, 0)), "")</f>
        <v>0.75203252561341039</v>
      </c>
    </row>
    <row r="4687" spans="1:6" x14ac:dyDescent="0.2">
      <c r="A4687" s="239">
        <f>'CPT Data'!B4695</f>
        <v>46.491999999999997</v>
      </c>
      <c r="B4687" s="3">
        <f>'CPT Data'!C4695</f>
        <v>46.484999999999999</v>
      </c>
      <c r="C4687" t="str">
        <f>'CPT Data'!P4695</f>
        <v>CLAY</v>
      </c>
      <c r="D4687">
        <f>'CPT Data'!Q4695</f>
        <v>414.79729189517849</v>
      </c>
      <c r="E4687">
        <f t="shared" si="73"/>
        <v>412.79528064686934</v>
      </c>
      <c r="F4687">
        <f>IF(C4687="CLAY", INDEX(D$4:D4687, MATCH("CLAY", C$4:C4687, 0)), "")</f>
        <v>0.75203252561341039</v>
      </c>
    </row>
    <row r="4688" spans="1:6" x14ac:dyDescent="0.2">
      <c r="A4688" s="239">
        <f>'CPT Data'!B4696</f>
        <v>46.500999999999998</v>
      </c>
      <c r="B4688" s="3">
        <f>'CPT Data'!C4696</f>
        <v>46.494</v>
      </c>
      <c r="C4688" t="str">
        <f>'CPT Data'!P4696</f>
        <v>CLAY</v>
      </c>
      <c r="D4688">
        <f>'CPT Data'!Q4696</f>
        <v>400.94229943961449</v>
      </c>
      <c r="E4688">
        <f t="shared" si="73"/>
        <v>414.79729189517849</v>
      </c>
      <c r="F4688">
        <f>IF(C4688="CLAY", INDEX(D$4:D4688, MATCH("CLAY", C$4:C4688, 0)), "")</f>
        <v>0.75203252561341039</v>
      </c>
    </row>
    <row r="4689" spans="1:6" x14ac:dyDescent="0.2">
      <c r="A4689" s="239">
        <f>'CPT Data'!B4697</f>
        <v>46.511000000000003</v>
      </c>
      <c r="B4689" s="3">
        <f>'CPT Data'!C4697</f>
        <v>46.504000000000005</v>
      </c>
      <c r="C4689" t="str">
        <f>'CPT Data'!P4697</f>
        <v>CLAY</v>
      </c>
      <c r="D4689">
        <f>'CPT Data'!Q4697</f>
        <v>381.89366860804449</v>
      </c>
      <c r="E4689">
        <f t="shared" si="73"/>
        <v>400.94229943961449</v>
      </c>
      <c r="F4689">
        <f>IF(C4689="CLAY", INDEX(D$4:D4689, MATCH("CLAY", C$4:C4689, 0)), "")</f>
        <v>0.75203252561341039</v>
      </c>
    </row>
    <row r="4690" spans="1:6" x14ac:dyDescent="0.2">
      <c r="A4690" s="239">
        <f>'CPT Data'!B4698</f>
        <v>46.521000000000001</v>
      </c>
      <c r="B4690" s="3">
        <f>'CPT Data'!C4698</f>
        <v>46.514000000000003</v>
      </c>
      <c r="C4690" t="str">
        <f>'CPT Data'!P4698</f>
        <v>CLAY</v>
      </c>
      <c r="D4690">
        <f>'CPT Data'!Q4698</f>
        <v>359.95213972712253</v>
      </c>
      <c r="E4690">
        <f t="shared" si="73"/>
        <v>381.89366860804449</v>
      </c>
      <c r="F4690">
        <f>IF(C4690="CLAY", INDEX(D$4:D4690, MATCH("CLAY", C$4:C4690, 0)), "")</f>
        <v>0.75203252561341039</v>
      </c>
    </row>
    <row r="4691" spans="1:6" x14ac:dyDescent="0.2">
      <c r="A4691" s="239">
        <f>'CPT Data'!B4699</f>
        <v>46.530999999999999</v>
      </c>
      <c r="B4691" s="3">
        <f>'CPT Data'!C4699</f>
        <v>46.524000000000001</v>
      </c>
      <c r="C4691" t="str">
        <f>'CPT Data'!P4699</f>
        <v>CLAY</v>
      </c>
      <c r="D4691">
        <f>'CPT Data'!Q4699</f>
        <v>351.45910388569354</v>
      </c>
      <c r="E4691">
        <f t="shared" si="73"/>
        <v>359.95213972712253</v>
      </c>
      <c r="F4691">
        <f>IF(C4691="CLAY", INDEX(D$4:D4691, MATCH("CLAY", C$4:C4691, 0)), "")</f>
        <v>0.75203252561341039</v>
      </c>
    </row>
    <row r="4692" spans="1:6" x14ac:dyDescent="0.2">
      <c r="A4692" s="239">
        <f>'CPT Data'!B4700</f>
        <v>46.54</v>
      </c>
      <c r="B4692" s="3">
        <f>'CPT Data'!C4700</f>
        <v>46.533000000000001</v>
      </c>
      <c r="C4692" t="str">
        <f>'CPT Data'!P4700</f>
        <v>CLAY</v>
      </c>
      <c r="D4692">
        <f>'CPT Data'!Q4700</f>
        <v>373.08279330056143</v>
      </c>
      <c r="E4692">
        <f t="shared" si="73"/>
        <v>351.45910388569354</v>
      </c>
      <c r="F4692">
        <f>IF(C4692="CLAY", INDEX(D$4:D4692, MATCH("CLAY", C$4:C4692, 0)), "")</f>
        <v>0.75203252561341039</v>
      </c>
    </row>
    <row r="4693" spans="1:6" x14ac:dyDescent="0.2">
      <c r="A4693" s="239">
        <f>'CPT Data'!B4701</f>
        <v>46.55</v>
      </c>
      <c r="B4693" s="3">
        <f>'CPT Data'!C4701</f>
        <v>46.542999999999999</v>
      </c>
      <c r="C4693" t="str">
        <f>'CPT Data'!P4701</f>
        <v>CLAY</v>
      </c>
      <c r="D4693">
        <f>'CPT Data'!Q4701</f>
        <v>415.20160678678593</v>
      </c>
      <c r="E4693">
        <f t="shared" si="73"/>
        <v>373.08279330056143</v>
      </c>
      <c r="F4693">
        <f>IF(C4693="CLAY", INDEX(D$4:D4693, MATCH("CLAY", C$4:C4693, 0)), "")</f>
        <v>0.75203252561341039</v>
      </c>
    </row>
    <row r="4694" spans="1:6" x14ac:dyDescent="0.2">
      <c r="A4694" s="239">
        <f>'CPT Data'!B4702</f>
        <v>46.56</v>
      </c>
      <c r="B4694" s="3">
        <f>'CPT Data'!C4702</f>
        <v>46.553000000000004</v>
      </c>
      <c r="C4694" t="str">
        <f>'CPT Data'!P4702</f>
        <v>CLAY</v>
      </c>
      <c r="D4694">
        <f>'CPT Data'!Q4702</f>
        <v>450.21650719688131</v>
      </c>
      <c r="E4694">
        <f t="shared" si="73"/>
        <v>415.20160678678593</v>
      </c>
      <c r="F4694">
        <f>IF(C4694="CLAY", INDEX(D$4:D4694, MATCH("CLAY", C$4:C4694, 0)), "")</f>
        <v>0.75203252561341039</v>
      </c>
    </row>
    <row r="4695" spans="1:6" x14ac:dyDescent="0.2">
      <c r="A4695" s="239">
        <f>'CPT Data'!B4703</f>
        <v>46.569000000000003</v>
      </c>
      <c r="B4695" s="3">
        <f>'CPT Data'!C4703</f>
        <v>46.562000000000005</v>
      </c>
      <c r="C4695" t="str">
        <f>'CPT Data'!P4703</f>
        <v>CLAY</v>
      </c>
      <c r="D4695">
        <f>'CPT Data'!Q4703</f>
        <v>506.1684188940082</v>
      </c>
      <c r="E4695">
        <f t="shared" si="73"/>
        <v>450.21650719688131</v>
      </c>
      <c r="F4695">
        <f>IF(C4695="CLAY", INDEX(D$4:D4695, MATCH("CLAY", C$4:C4695, 0)), "")</f>
        <v>0.75203252561341039</v>
      </c>
    </row>
    <row r="4696" spans="1:6" x14ac:dyDescent="0.2">
      <c r="A4696" s="239">
        <f>'CPT Data'!B4704</f>
        <v>46.578000000000003</v>
      </c>
      <c r="B4696" s="3">
        <f>'CPT Data'!C4704</f>
        <v>46.571000000000005</v>
      </c>
      <c r="C4696" t="str">
        <f>'CPT Data'!P4704</f>
        <v>CLAY</v>
      </c>
      <c r="D4696">
        <f>'CPT Data'!Q4704</f>
        <v>563.73091990635578</v>
      </c>
      <c r="E4696">
        <f t="shared" si="73"/>
        <v>506.1684188940082</v>
      </c>
      <c r="F4696">
        <f>IF(C4696="CLAY", INDEX(D$4:D4696, MATCH("CLAY", C$4:C4696, 0)), "")</f>
        <v>0.75203252561341039</v>
      </c>
    </row>
    <row r="4697" spans="1:6" x14ac:dyDescent="0.2">
      <c r="A4697" s="239">
        <f>'CPT Data'!B4705</f>
        <v>46.588000000000001</v>
      </c>
      <c r="B4697" s="3">
        <f>'CPT Data'!C4705</f>
        <v>46.581000000000003</v>
      </c>
      <c r="C4697" t="str">
        <f>'CPT Data'!P4705</f>
        <v>CLAY</v>
      </c>
      <c r="D4697">
        <f>'CPT Data'!Q4705</f>
        <v>555.96764544332382</v>
      </c>
      <c r="E4697">
        <f t="shared" si="73"/>
        <v>563.73091990635578</v>
      </c>
      <c r="F4697">
        <f>IF(C4697="CLAY", INDEX(D$4:D4697, MATCH("CLAY", C$4:C4697, 0)), "")</f>
        <v>0.75203252561341039</v>
      </c>
    </row>
    <row r="4698" spans="1:6" x14ac:dyDescent="0.2">
      <c r="A4698" s="239">
        <f>'CPT Data'!B4706</f>
        <v>46.597999999999999</v>
      </c>
      <c r="B4698" s="3">
        <f>'CPT Data'!C4706</f>
        <v>46.591000000000001</v>
      </c>
      <c r="C4698" t="str">
        <f>'CPT Data'!P4706</f>
        <v>CLAY</v>
      </c>
      <c r="D4698">
        <f>'CPT Data'!Q4706</f>
        <v>545.39193657604312</v>
      </c>
      <c r="E4698">
        <f t="shared" si="73"/>
        <v>555.96764544332382</v>
      </c>
      <c r="F4698">
        <f>IF(C4698="CLAY", INDEX(D$4:D4698, MATCH("CLAY", C$4:C4698, 0)), "")</f>
        <v>0.75203252561341039</v>
      </c>
    </row>
    <row r="4699" spans="1:6" x14ac:dyDescent="0.2">
      <c r="A4699" s="239">
        <f>'CPT Data'!B4707</f>
        <v>46.606999999999999</v>
      </c>
      <c r="B4699" s="3">
        <f>'CPT Data'!C4707</f>
        <v>46.6</v>
      </c>
      <c r="C4699" t="str">
        <f>'CPT Data'!P4707</f>
        <v>CLAY</v>
      </c>
      <c r="D4699">
        <f>'CPT Data'!Q4707</f>
        <v>524.91581162053774</v>
      </c>
      <c r="E4699">
        <f t="shared" ref="E4699:E4762" si="74">IF(C4699="SAND",#N/A,IF(C4699=C4698,D4698,IF(C4699="CLAY",D4699,#N/A)))</f>
        <v>545.39193657604312</v>
      </c>
      <c r="F4699">
        <f>IF(C4699="CLAY", INDEX(D$4:D4699, MATCH("CLAY", C$4:C4699, 0)), "")</f>
        <v>0.75203252561341039</v>
      </c>
    </row>
    <row r="4700" spans="1:6" x14ac:dyDescent="0.2">
      <c r="A4700" s="239">
        <f>'CPT Data'!B4708</f>
        <v>46.618000000000002</v>
      </c>
      <c r="B4700" s="3">
        <f>'CPT Data'!C4708</f>
        <v>46.611000000000004</v>
      </c>
      <c r="C4700" t="str">
        <f>'CPT Data'!P4708</f>
        <v>CLAY</v>
      </c>
      <c r="D4700">
        <f>'CPT Data'!Q4708</f>
        <v>506.06936339199427</v>
      </c>
      <c r="E4700">
        <f t="shared" si="74"/>
        <v>524.91581162053774</v>
      </c>
      <c r="F4700">
        <f>IF(C4700="CLAY", INDEX(D$4:D4700, MATCH("CLAY", C$4:C4700, 0)), "")</f>
        <v>0.75203252561341039</v>
      </c>
    </row>
    <row r="4701" spans="1:6" x14ac:dyDescent="0.2">
      <c r="A4701" s="239">
        <f>'CPT Data'!B4709</f>
        <v>46.627000000000002</v>
      </c>
      <c r="B4701" s="3">
        <f>'CPT Data'!C4709</f>
        <v>46.620000000000005</v>
      </c>
      <c r="C4701" t="str">
        <f>'CPT Data'!P4709</f>
        <v>CLAY</v>
      </c>
      <c r="D4701">
        <f>'CPT Data'!Q4709</f>
        <v>478.89044015247242</v>
      </c>
      <c r="E4701">
        <f t="shared" si="74"/>
        <v>506.06936339199427</v>
      </c>
      <c r="F4701">
        <f>IF(C4701="CLAY", INDEX(D$4:D4701, MATCH("CLAY", C$4:C4701, 0)), "")</f>
        <v>0.75203252561341039</v>
      </c>
    </row>
    <row r="4702" spans="1:6" x14ac:dyDescent="0.2">
      <c r="A4702" s="239">
        <f>'CPT Data'!B4710</f>
        <v>46.637</v>
      </c>
      <c r="B4702" s="3">
        <f>'CPT Data'!C4710</f>
        <v>46.63</v>
      </c>
      <c r="C4702" t="str">
        <f>'CPT Data'!P4710</f>
        <v>CLAY</v>
      </c>
      <c r="D4702">
        <f>'CPT Data'!Q4710</f>
        <v>457.56238858601358</v>
      </c>
      <c r="E4702">
        <f t="shared" si="74"/>
        <v>478.89044015247242</v>
      </c>
      <c r="F4702">
        <f>IF(C4702="CLAY", INDEX(D$4:D4702, MATCH("CLAY", C$4:C4702, 0)), "")</f>
        <v>0.75203252561341039</v>
      </c>
    </row>
    <row r="4703" spans="1:6" x14ac:dyDescent="0.2">
      <c r="A4703" s="239">
        <f>'CPT Data'!B4711</f>
        <v>46.646000000000001</v>
      </c>
      <c r="B4703" s="3">
        <f>'CPT Data'!C4711</f>
        <v>46.639000000000003</v>
      </c>
      <c r="C4703" t="str">
        <f>'CPT Data'!P4711</f>
        <v>CLAY</v>
      </c>
      <c r="D4703">
        <f>'CPT Data'!Q4711</f>
        <v>446.84184253708457</v>
      </c>
      <c r="E4703">
        <f t="shared" si="74"/>
        <v>457.56238858601358</v>
      </c>
      <c r="F4703">
        <f>IF(C4703="CLAY", INDEX(D$4:D4703, MATCH("CLAY", C$4:C4703, 0)), "")</f>
        <v>0.75203252561341039</v>
      </c>
    </row>
    <row r="4704" spans="1:6" x14ac:dyDescent="0.2">
      <c r="A4704" s="239">
        <f>'CPT Data'!B4712</f>
        <v>46.656999999999996</v>
      </c>
      <c r="B4704" s="3">
        <f>'CPT Data'!C4712</f>
        <v>46.65</v>
      </c>
      <c r="C4704" t="str">
        <f>'CPT Data'!P4712</f>
        <v>CLAY</v>
      </c>
      <c r="D4704">
        <f>'CPT Data'!Q4712</f>
        <v>446.82644175835657</v>
      </c>
      <c r="E4704">
        <f t="shared" si="74"/>
        <v>446.84184253708457</v>
      </c>
      <c r="F4704">
        <f>IF(C4704="CLAY", INDEX(D$4:D4704, MATCH("CLAY", C$4:C4704, 0)), "")</f>
        <v>0.75203252561341039</v>
      </c>
    </row>
    <row r="4705" spans="1:6" x14ac:dyDescent="0.2">
      <c r="A4705" s="239">
        <f>'CPT Data'!B4713</f>
        <v>46.667000000000002</v>
      </c>
      <c r="B4705" s="3">
        <f>'CPT Data'!C4713</f>
        <v>46.660000000000004</v>
      </c>
      <c r="C4705" t="str">
        <f>'CPT Data'!P4713</f>
        <v>CLAY</v>
      </c>
      <c r="D4705">
        <f>'CPT Data'!Q4713</f>
        <v>450.24907134425115</v>
      </c>
      <c r="E4705">
        <f t="shared" si="74"/>
        <v>446.82644175835657</v>
      </c>
      <c r="F4705">
        <f>IF(C4705="CLAY", INDEX(D$4:D4705, MATCH("CLAY", C$4:C4705, 0)), "")</f>
        <v>0.75203252561341039</v>
      </c>
    </row>
    <row r="4706" spans="1:6" x14ac:dyDescent="0.2">
      <c r="A4706" s="239">
        <f>'CPT Data'!B4714</f>
        <v>46.676000000000002</v>
      </c>
      <c r="B4706" s="3">
        <f>'CPT Data'!C4714</f>
        <v>46.669000000000004</v>
      </c>
      <c r="C4706" t="str">
        <f>'CPT Data'!P4714</f>
        <v>CLAY</v>
      </c>
      <c r="D4706">
        <f>'CPT Data'!Q4714</f>
        <v>463.65040098890557</v>
      </c>
      <c r="E4706">
        <f t="shared" si="74"/>
        <v>450.24907134425115</v>
      </c>
      <c r="F4706">
        <f>IF(C4706="CLAY", INDEX(D$4:D4706, MATCH("CLAY", C$4:C4706, 0)), "")</f>
        <v>0.75203252561341039</v>
      </c>
    </row>
    <row r="4707" spans="1:6" x14ac:dyDescent="0.2">
      <c r="A4707" s="239">
        <f>'CPT Data'!B4715</f>
        <v>46.685000000000002</v>
      </c>
      <c r="B4707" s="3">
        <f>'CPT Data'!C4715</f>
        <v>46.678000000000004</v>
      </c>
      <c r="C4707" t="str">
        <f>'CPT Data'!P4715</f>
        <v>CLAY</v>
      </c>
      <c r="D4707">
        <f>'CPT Data'!Q4715</f>
        <v>487.65482702002583</v>
      </c>
      <c r="E4707">
        <f t="shared" si="74"/>
        <v>463.65040098890557</v>
      </c>
      <c r="F4707">
        <f>IF(C4707="CLAY", INDEX(D$4:D4707, MATCH("CLAY", C$4:C4707, 0)), "")</f>
        <v>0.75203252561341039</v>
      </c>
    </row>
    <row r="4708" spans="1:6" x14ac:dyDescent="0.2">
      <c r="A4708" s="239">
        <f>'CPT Data'!B4716</f>
        <v>46.695999999999998</v>
      </c>
      <c r="B4708" s="3">
        <f>'CPT Data'!C4716</f>
        <v>46.689</v>
      </c>
      <c r="C4708" t="str">
        <f>'CPT Data'!P4716</f>
        <v>CLAY</v>
      </c>
      <c r="D4708">
        <f>'CPT Data'!Q4716</f>
        <v>479.14353972322004</v>
      </c>
      <c r="E4708">
        <f t="shared" si="74"/>
        <v>487.65482702002583</v>
      </c>
      <c r="F4708">
        <f>IF(C4708="CLAY", INDEX(D$4:D4708, MATCH("CLAY", C$4:C4708, 0)), "")</f>
        <v>0.75203252561341039</v>
      </c>
    </row>
    <row r="4709" spans="1:6" x14ac:dyDescent="0.2">
      <c r="A4709" s="239">
        <f>'CPT Data'!B4717</f>
        <v>46.704999999999998</v>
      </c>
      <c r="B4709" s="3">
        <f>'CPT Data'!C4717</f>
        <v>46.698</v>
      </c>
      <c r="C4709" t="str">
        <f>'CPT Data'!P4717</f>
        <v>CLAY</v>
      </c>
      <c r="D4709">
        <f>'CPT Data'!Q4717</f>
        <v>488.6369310897598</v>
      </c>
      <c r="E4709">
        <f t="shared" si="74"/>
        <v>479.14353972322004</v>
      </c>
      <c r="F4709">
        <f>IF(C4709="CLAY", INDEX(D$4:D4709, MATCH("CLAY", C$4:C4709, 0)), "")</f>
        <v>0.75203252561341039</v>
      </c>
    </row>
    <row r="4710" spans="1:6" x14ac:dyDescent="0.2">
      <c r="A4710" s="239">
        <f>'CPT Data'!B4718</f>
        <v>46.715000000000003</v>
      </c>
      <c r="B4710" s="3">
        <f>'CPT Data'!C4718</f>
        <v>46.708000000000006</v>
      </c>
      <c r="C4710" t="str">
        <f>'CPT Data'!P4718</f>
        <v>CLAY</v>
      </c>
      <c r="D4710">
        <f>'CPT Data'!Q4718</f>
        <v>504.20392115647405</v>
      </c>
      <c r="E4710">
        <f t="shared" si="74"/>
        <v>488.6369310897598</v>
      </c>
      <c r="F4710">
        <f>IF(C4710="CLAY", INDEX(D$4:D4710, MATCH("CLAY", C$4:C4710, 0)), "")</f>
        <v>0.75203252561341039</v>
      </c>
    </row>
    <row r="4711" spans="1:6" x14ac:dyDescent="0.2">
      <c r="A4711" s="239">
        <f>'CPT Data'!B4719</f>
        <v>46.723999999999997</v>
      </c>
      <c r="B4711" s="3">
        <f>'CPT Data'!C4719</f>
        <v>46.716999999999999</v>
      </c>
      <c r="C4711" t="str">
        <f>'CPT Data'!P4719</f>
        <v>CLAY</v>
      </c>
      <c r="D4711">
        <f>'CPT Data'!Q4719</f>
        <v>517.08883994686983</v>
      </c>
      <c r="E4711">
        <f t="shared" si="74"/>
        <v>504.20392115647405</v>
      </c>
      <c r="F4711">
        <f>IF(C4711="CLAY", INDEX(D$4:D4711, MATCH("CLAY", C$4:C4711, 0)), "")</f>
        <v>0.75203252561341039</v>
      </c>
    </row>
    <row r="4712" spans="1:6" x14ac:dyDescent="0.2">
      <c r="A4712" s="239">
        <f>'CPT Data'!B4720</f>
        <v>46.734000000000002</v>
      </c>
      <c r="B4712" s="3">
        <f>'CPT Data'!C4720</f>
        <v>46.727000000000004</v>
      </c>
      <c r="C4712" t="str">
        <f>'CPT Data'!P4720</f>
        <v>CLAY</v>
      </c>
      <c r="D4712">
        <f>'CPT Data'!Q4720</f>
        <v>531.46020355935036</v>
      </c>
      <c r="E4712">
        <f t="shared" si="74"/>
        <v>517.08883994686983</v>
      </c>
      <c r="F4712">
        <f>IF(C4712="CLAY", INDEX(D$4:D4712, MATCH("CLAY", C$4:C4712, 0)), "")</f>
        <v>0.75203252561341039</v>
      </c>
    </row>
    <row r="4713" spans="1:6" x14ac:dyDescent="0.2">
      <c r="A4713" s="239">
        <f>'CPT Data'!B4721</f>
        <v>46.744</v>
      </c>
      <c r="B4713" s="3">
        <f>'CPT Data'!C4721</f>
        <v>46.737000000000002</v>
      </c>
      <c r="C4713" t="str">
        <f>'CPT Data'!P4721</f>
        <v>CLAY</v>
      </c>
      <c r="D4713">
        <f>'CPT Data'!Q4721</f>
        <v>537.50478028299051</v>
      </c>
      <c r="E4713">
        <f t="shared" si="74"/>
        <v>531.46020355935036</v>
      </c>
      <c r="F4713">
        <f>IF(C4713="CLAY", INDEX(D$4:D4713, MATCH("CLAY", C$4:C4713, 0)), "")</f>
        <v>0.75203252561341039</v>
      </c>
    </row>
    <row r="4714" spans="1:6" x14ac:dyDescent="0.2">
      <c r="A4714" s="239">
        <f>'CPT Data'!B4722</f>
        <v>46.753999999999998</v>
      </c>
      <c r="B4714" s="3">
        <f>'CPT Data'!C4722</f>
        <v>46.747</v>
      </c>
      <c r="C4714" t="str">
        <f>'CPT Data'!P4722</f>
        <v>CLAY</v>
      </c>
      <c r="D4714">
        <f>'CPT Data'!Q4722</f>
        <v>537.55676693988175</v>
      </c>
      <c r="E4714">
        <f t="shared" si="74"/>
        <v>537.50478028299051</v>
      </c>
      <c r="F4714">
        <f>IF(C4714="CLAY", INDEX(D$4:D4714, MATCH("CLAY", C$4:C4714, 0)), "")</f>
        <v>0.75203252561341039</v>
      </c>
    </row>
    <row r="4715" spans="1:6" x14ac:dyDescent="0.2">
      <c r="A4715" s="239">
        <f>'CPT Data'!B4723</f>
        <v>46.762999999999998</v>
      </c>
      <c r="B4715" s="3">
        <f>'CPT Data'!C4723</f>
        <v>46.756</v>
      </c>
      <c r="C4715" t="str">
        <f>'CPT Data'!P4723</f>
        <v>CLAY</v>
      </c>
      <c r="D4715">
        <f>'CPT Data'!Q4723</f>
        <v>538.69826992508422</v>
      </c>
      <c r="E4715">
        <f t="shared" si="74"/>
        <v>537.55676693988175</v>
      </c>
      <c r="F4715">
        <f>IF(C4715="CLAY", INDEX(D$4:D4715, MATCH("CLAY", C$4:C4715, 0)), "")</f>
        <v>0.75203252561341039</v>
      </c>
    </row>
    <row r="4716" spans="1:6" x14ac:dyDescent="0.2">
      <c r="A4716" s="239">
        <f>'CPT Data'!B4724</f>
        <v>46.774000000000001</v>
      </c>
      <c r="B4716" s="3">
        <f>'CPT Data'!C4724</f>
        <v>46.767000000000003</v>
      </c>
      <c r="C4716" t="str">
        <f>'CPT Data'!P4724</f>
        <v>CLAY</v>
      </c>
      <c r="D4716">
        <f>'CPT Data'!Q4724</f>
        <v>541.83491269376066</v>
      </c>
      <c r="E4716">
        <f t="shared" si="74"/>
        <v>538.69826992508422</v>
      </c>
      <c r="F4716">
        <f>IF(C4716="CLAY", INDEX(D$4:D4716, MATCH("CLAY", C$4:C4716, 0)), "")</f>
        <v>0.75203252561341039</v>
      </c>
    </row>
    <row r="4717" spans="1:6" x14ac:dyDescent="0.2">
      <c r="A4717" s="239">
        <f>'CPT Data'!B4725</f>
        <v>46.783000000000001</v>
      </c>
      <c r="B4717" s="3">
        <f>'CPT Data'!C4725</f>
        <v>46.776000000000003</v>
      </c>
      <c r="C4717" t="str">
        <f>'CPT Data'!P4725</f>
        <v>CLAY</v>
      </c>
      <c r="D4717">
        <f>'CPT Data'!Q4725</f>
        <v>542.81734888502194</v>
      </c>
      <c r="E4717">
        <f t="shared" si="74"/>
        <v>541.83491269376066</v>
      </c>
      <c r="F4717">
        <f>IF(C4717="CLAY", INDEX(D$4:D4717, MATCH("CLAY", C$4:C4717, 0)), "")</f>
        <v>0.75203252561341039</v>
      </c>
    </row>
    <row r="4718" spans="1:6" x14ac:dyDescent="0.2">
      <c r="A4718" s="239">
        <f>'CPT Data'!B4726</f>
        <v>46.792000000000002</v>
      </c>
      <c r="B4718" s="3">
        <f>'CPT Data'!C4726</f>
        <v>46.785000000000004</v>
      </c>
      <c r="C4718" t="str">
        <f>'CPT Data'!P4726</f>
        <v>CLAY</v>
      </c>
      <c r="D4718">
        <f>'CPT Data'!Q4726</f>
        <v>546.87683836771896</v>
      </c>
      <c r="E4718">
        <f t="shared" si="74"/>
        <v>542.81734888502194</v>
      </c>
      <c r="F4718">
        <f>IF(C4718="CLAY", INDEX(D$4:D4718, MATCH("CLAY", C$4:C4718, 0)), "")</f>
        <v>0.75203252561341039</v>
      </c>
    </row>
    <row r="4719" spans="1:6" x14ac:dyDescent="0.2">
      <c r="A4719" s="239">
        <f>'CPT Data'!B4727</f>
        <v>46.802</v>
      </c>
      <c r="B4719" s="3">
        <f>'CPT Data'!C4727</f>
        <v>46.795000000000002</v>
      </c>
      <c r="C4719" t="str">
        <f>'CPT Data'!P4727</f>
        <v>CLAY</v>
      </c>
      <c r="D4719">
        <f>'CPT Data'!Q4727</f>
        <v>565.8562260816791</v>
      </c>
      <c r="E4719">
        <f t="shared" si="74"/>
        <v>546.87683836771896</v>
      </c>
      <c r="F4719">
        <f>IF(C4719="CLAY", INDEX(D$4:D4719, MATCH("CLAY", C$4:C4719, 0)), "")</f>
        <v>0.75203252561341039</v>
      </c>
    </row>
    <row r="4720" spans="1:6" x14ac:dyDescent="0.2">
      <c r="A4720" s="239">
        <f>'CPT Data'!B4728</f>
        <v>46.811999999999998</v>
      </c>
      <c r="B4720" s="3">
        <f>'CPT Data'!C4728</f>
        <v>46.805</v>
      </c>
      <c r="C4720" t="str">
        <f>'CPT Data'!P4728</f>
        <v>CLAY</v>
      </c>
      <c r="D4720">
        <f>'CPT Data'!Q4728</f>
        <v>575.95066200221027</v>
      </c>
      <c r="E4720">
        <f t="shared" si="74"/>
        <v>565.8562260816791</v>
      </c>
      <c r="F4720">
        <f>IF(C4720="CLAY", INDEX(D$4:D4720, MATCH("CLAY", C$4:C4720, 0)), "")</f>
        <v>0.75203252561341039</v>
      </c>
    </row>
    <row r="4721" spans="1:6" x14ac:dyDescent="0.2">
      <c r="A4721" s="239">
        <f>'CPT Data'!B4729</f>
        <v>46.822000000000003</v>
      </c>
      <c r="B4721" s="3">
        <f>'CPT Data'!C4729</f>
        <v>46.815000000000005</v>
      </c>
      <c r="C4721" t="str">
        <f>'CPT Data'!P4729</f>
        <v>CLAY</v>
      </c>
      <c r="D4721">
        <f>'CPT Data'!Q4729</f>
        <v>592.96541942206193</v>
      </c>
      <c r="E4721">
        <f t="shared" si="74"/>
        <v>575.95066200221027</v>
      </c>
      <c r="F4721">
        <f>IF(C4721="CLAY", INDEX(D$4:D4721, MATCH("CLAY", C$4:C4721, 0)), "")</f>
        <v>0.75203252561341039</v>
      </c>
    </row>
    <row r="4722" spans="1:6" x14ac:dyDescent="0.2">
      <c r="A4722" s="239">
        <f>'CPT Data'!B4730</f>
        <v>46.832000000000001</v>
      </c>
      <c r="B4722" s="3">
        <f>'CPT Data'!C4730</f>
        <v>46.825000000000003</v>
      </c>
      <c r="C4722" t="str">
        <f>'CPT Data'!P4730</f>
        <v>CLAY</v>
      </c>
      <c r="D4722">
        <f>'CPT Data'!Q4730</f>
        <v>608.10320790730532</v>
      </c>
      <c r="E4722">
        <f t="shared" si="74"/>
        <v>592.96541942206193</v>
      </c>
      <c r="F4722">
        <f>IF(C4722="CLAY", INDEX(D$4:D4722, MATCH("CLAY", C$4:C4722, 0)), "")</f>
        <v>0.75203252561341039</v>
      </c>
    </row>
    <row r="4723" spans="1:6" x14ac:dyDescent="0.2">
      <c r="A4723" s="239">
        <f>'CPT Data'!B4731</f>
        <v>46.841000000000001</v>
      </c>
      <c r="B4723" s="3">
        <f>'CPT Data'!C4731</f>
        <v>46.834000000000003</v>
      </c>
      <c r="C4723" t="str">
        <f>'CPT Data'!P4731</f>
        <v>CLAY</v>
      </c>
      <c r="D4723">
        <f>'CPT Data'!Q4731</f>
        <v>620.62841462757569</v>
      </c>
      <c r="E4723">
        <f t="shared" si="74"/>
        <v>608.10320790730532</v>
      </c>
      <c r="F4723">
        <f>IF(C4723="CLAY", INDEX(D$4:D4723, MATCH("CLAY", C$4:C4723, 0)), "")</f>
        <v>0.75203252561341039</v>
      </c>
    </row>
    <row r="4724" spans="1:6" x14ac:dyDescent="0.2">
      <c r="A4724" s="239">
        <f>'CPT Data'!B4732</f>
        <v>46.850999999999999</v>
      </c>
      <c r="B4724" s="3">
        <f>'CPT Data'!C4732</f>
        <v>46.844000000000001</v>
      </c>
      <c r="C4724" t="str">
        <f>'CPT Data'!P4732</f>
        <v>CLAY</v>
      </c>
      <c r="D4724">
        <f>'CPT Data'!Q4732</f>
        <v>628.21821947796991</v>
      </c>
      <c r="E4724">
        <f t="shared" si="74"/>
        <v>620.62841462757569</v>
      </c>
      <c r="F4724">
        <f>IF(C4724="CLAY", INDEX(D$4:D4724, MATCH("CLAY", C$4:C4724, 0)), "")</f>
        <v>0.75203252561341039</v>
      </c>
    </row>
    <row r="4725" spans="1:6" x14ac:dyDescent="0.2">
      <c r="A4725" s="239">
        <f>'CPT Data'!B4733</f>
        <v>46.860999999999997</v>
      </c>
      <c r="B4725" s="3">
        <f>'CPT Data'!C4733</f>
        <v>46.853999999999999</v>
      </c>
      <c r="C4725" t="str">
        <f>'CPT Data'!P4733</f>
        <v>CLAY</v>
      </c>
      <c r="D4725">
        <f>'CPT Data'!Q4733</f>
        <v>628.07200942146585</v>
      </c>
      <c r="E4725">
        <f t="shared" si="74"/>
        <v>628.21821947796991</v>
      </c>
      <c r="F4725">
        <f>IF(C4725="CLAY", INDEX(D$4:D4725, MATCH("CLAY", C$4:C4725, 0)), "")</f>
        <v>0.75203252561341039</v>
      </c>
    </row>
    <row r="4726" spans="1:6" x14ac:dyDescent="0.2">
      <c r="A4726" s="239">
        <f>'CPT Data'!B4734</f>
        <v>46.87</v>
      </c>
      <c r="B4726" s="3">
        <f>'CPT Data'!C4734</f>
        <v>46.863</v>
      </c>
      <c r="C4726" t="str">
        <f>'CPT Data'!P4734</f>
        <v>CLAY</v>
      </c>
      <c r="D4726">
        <f>'CPT Data'!Q4734</f>
        <v>626.86878887751038</v>
      </c>
      <c r="E4726">
        <f t="shared" si="74"/>
        <v>628.07200942146585</v>
      </c>
      <c r="F4726">
        <f>IF(C4726="CLAY", INDEX(D$4:D4726, MATCH("CLAY", C$4:C4726, 0)), "")</f>
        <v>0.75203252561341039</v>
      </c>
    </row>
    <row r="4727" spans="1:6" x14ac:dyDescent="0.2">
      <c r="A4727" s="239">
        <f>'CPT Data'!B4735</f>
        <v>46.88</v>
      </c>
      <c r="B4727" s="3">
        <f>'CPT Data'!C4735</f>
        <v>46.873000000000005</v>
      </c>
      <c r="C4727" t="str">
        <f>'CPT Data'!P4735</f>
        <v>CLAY</v>
      </c>
      <c r="D4727">
        <f>'CPT Data'!Q4735</f>
        <v>626.54777299889827</v>
      </c>
      <c r="E4727">
        <f t="shared" si="74"/>
        <v>626.86878887751038</v>
      </c>
      <c r="F4727">
        <f>IF(C4727="CLAY", INDEX(D$4:D4727, MATCH("CLAY", C$4:C4727, 0)), "")</f>
        <v>0.75203252561341039</v>
      </c>
    </row>
    <row r="4728" spans="1:6" x14ac:dyDescent="0.2">
      <c r="A4728" s="239">
        <f>'CPT Data'!B4736</f>
        <v>46.890999999999998</v>
      </c>
      <c r="B4728" s="3">
        <f>'CPT Data'!C4736</f>
        <v>46.884</v>
      </c>
      <c r="C4728" t="str">
        <f>'CPT Data'!P4736</f>
        <v>CLAY</v>
      </c>
      <c r="D4728">
        <f>'CPT Data'!Q4736</f>
        <v>621.60888883416021</v>
      </c>
      <c r="E4728">
        <f t="shared" si="74"/>
        <v>626.54777299889827</v>
      </c>
      <c r="F4728">
        <f>IF(C4728="CLAY", INDEX(D$4:D4728, MATCH("CLAY", C$4:C4728, 0)), "")</f>
        <v>0.75203252561341039</v>
      </c>
    </row>
    <row r="4729" spans="1:6" x14ac:dyDescent="0.2">
      <c r="A4729" s="239">
        <f>'CPT Data'!B4737</f>
        <v>46.9</v>
      </c>
      <c r="B4729" s="3">
        <f>'CPT Data'!C4737</f>
        <v>46.893000000000001</v>
      </c>
      <c r="C4729" t="str">
        <f>'CPT Data'!P4737</f>
        <v>CLAY</v>
      </c>
      <c r="D4729">
        <f>'CPT Data'!Q4737</f>
        <v>577.88081873936392</v>
      </c>
      <c r="E4729">
        <f t="shared" si="74"/>
        <v>621.60888883416021</v>
      </c>
      <c r="F4729">
        <f>IF(C4729="CLAY", INDEX(D$4:D4729, MATCH("CLAY", C$4:C4729, 0)), "")</f>
        <v>0.75203252561341039</v>
      </c>
    </row>
    <row r="4730" spans="1:6" x14ac:dyDescent="0.2">
      <c r="A4730" s="239">
        <f>'CPT Data'!B4738</f>
        <v>46.91</v>
      </c>
      <c r="B4730" s="3">
        <f>'CPT Data'!C4738</f>
        <v>46.902999999999999</v>
      </c>
      <c r="C4730" t="str">
        <f>'CPT Data'!P4738</f>
        <v>CLAY</v>
      </c>
      <c r="D4730">
        <f>'CPT Data'!Q4738</f>
        <v>527.18372157471845</v>
      </c>
      <c r="E4730">
        <f t="shared" si="74"/>
        <v>577.88081873936392</v>
      </c>
      <c r="F4730">
        <f>IF(C4730="CLAY", INDEX(D$4:D4730, MATCH("CLAY", C$4:C4730, 0)), "")</f>
        <v>0.75203252561341039</v>
      </c>
    </row>
    <row r="4731" spans="1:6" x14ac:dyDescent="0.2">
      <c r="A4731" s="239">
        <f>'CPT Data'!B4739</f>
        <v>46.918999999999997</v>
      </c>
      <c r="B4731" s="3">
        <f>'CPT Data'!C4739</f>
        <v>46.911999999999999</v>
      </c>
      <c r="C4731" t="str">
        <f>'CPT Data'!P4739</f>
        <v>CLAY</v>
      </c>
      <c r="D4731">
        <f>'CPT Data'!Q4739</f>
        <v>469.26542916166062</v>
      </c>
      <c r="E4731">
        <f t="shared" si="74"/>
        <v>527.18372157471845</v>
      </c>
      <c r="F4731">
        <f>IF(C4731="CLAY", INDEX(D$4:D4731, MATCH("CLAY", C$4:C4731, 0)), "")</f>
        <v>0.75203252561341039</v>
      </c>
    </row>
    <row r="4732" spans="1:6" x14ac:dyDescent="0.2">
      <c r="A4732" s="239">
        <f>'CPT Data'!B4740</f>
        <v>46.93</v>
      </c>
      <c r="B4732" s="3">
        <f>'CPT Data'!C4740</f>
        <v>46.923000000000002</v>
      </c>
      <c r="C4732" t="str">
        <f>'CPT Data'!P4740</f>
        <v>CLAY</v>
      </c>
      <c r="D4732">
        <f>'CPT Data'!Q4740</f>
        <v>423.87208882474823</v>
      </c>
      <c r="E4732">
        <f t="shared" si="74"/>
        <v>469.26542916166062</v>
      </c>
      <c r="F4732">
        <f>IF(C4732="CLAY", INDEX(D$4:D4732, MATCH("CLAY", C$4:C4732, 0)), "")</f>
        <v>0.75203252561341039</v>
      </c>
    </row>
    <row r="4733" spans="1:6" x14ac:dyDescent="0.2">
      <c r="A4733" s="239">
        <f>'CPT Data'!B4741</f>
        <v>46.939</v>
      </c>
      <c r="B4733" s="3">
        <f>'CPT Data'!C4741</f>
        <v>46.932000000000002</v>
      </c>
      <c r="C4733" t="str">
        <f>'CPT Data'!P4741</f>
        <v>CLAY</v>
      </c>
      <c r="D4733">
        <f>'CPT Data'!Q4741</f>
        <v>387.36579611244412</v>
      </c>
      <c r="E4733">
        <f t="shared" si="74"/>
        <v>423.87208882474823</v>
      </c>
      <c r="F4733">
        <f>IF(C4733="CLAY", INDEX(D$4:D4733, MATCH("CLAY", C$4:C4733, 0)), "")</f>
        <v>0.75203252561341039</v>
      </c>
    </row>
    <row r="4734" spans="1:6" x14ac:dyDescent="0.2">
      <c r="A4734" s="239">
        <f>'CPT Data'!B4742</f>
        <v>46.95</v>
      </c>
      <c r="B4734" s="3">
        <f>'CPT Data'!C4742</f>
        <v>46.943000000000005</v>
      </c>
      <c r="C4734" t="str">
        <f>'CPT Data'!P4742</f>
        <v>CLAY</v>
      </c>
      <c r="D4734">
        <f>'CPT Data'!Q4742</f>
        <v>356.41293183380952</v>
      </c>
      <c r="E4734">
        <f t="shared" si="74"/>
        <v>387.36579611244412</v>
      </c>
      <c r="F4734">
        <f>IF(C4734="CLAY", INDEX(D$4:D4734, MATCH("CLAY", C$4:C4734, 0)), "")</f>
        <v>0.75203252561341039</v>
      </c>
    </row>
    <row r="4735" spans="1:6" x14ac:dyDescent="0.2">
      <c r="A4735" s="239">
        <f>'CPT Data'!B4743</f>
        <v>46.959000000000003</v>
      </c>
      <c r="B4735" s="3">
        <f>'CPT Data'!C4743</f>
        <v>46.952000000000005</v>
      </c>
      <c r="C4735" t="str">
        <f>'CPT Data'!P4743</f>
        <v>CLAY</v>
      </c>
      <c r="D4735">
        <f>'CPT Data'!Q4743</f>
        <v>322.75413094945452</v>
      </c>
      <c r="E4735">
        <f t="shared" si="74"/>
        <v>356.41293183380952</v>
      </c>
      <c r="F4735">
        <f>IF(C4735="CLAY", INDEX(D$4:D4735, MATCH("CLAY", C$4:C4735, 0)), "")</f>
        <v>0.75203252561341039</v>
      </c>
    </row>
    <row r="4736" spans="1:6" x14ac:dyDescent="0.2">
      <c r="A4736" s="239">
        <f>'CPT Data'!B4744</f>
        <v>46.969000000000001</v>
      </c>
      <c r="B4736" s="3">
        <f>'CPT Data'!C4744</f>
        <v>46.962000000000003</v>
      </c>
      <c r="C4736" t="str">
        <f>'CPT Data'!P4744</f>
        <v>CLAY</v>
      </c>
      <c r="D4736">
        <f>'CPT Data'!Q4744</f>
        <v>292.92885487128245</v>
      </c>
      <c r="E4736">
        <f t="shared" si="74"/>
        <v>322.75413094945452</v>
      </c>
      <c r="F4736">
        <f>IF(C4736="CLAY", INDEX(D$4:D4736, MATCH("CLAY", C$4:C4736, 0)), "")</f>
        <v>0.75203252561341039</v>
      </c>
    </row>
    <row r="4737" spans="1:6" x14ac:dyDescent="0.2">
      <c r="A4737" s="239">
        <f>'CPT Data'!B4745</f>
        <v>46.978999999999999</v>
      </c>
      <c r="B4737" s="3">
        <f>'CPT Data'!C4745</f>
        <v>46.972000000000001</v>
      </c>
      <c r="C4737" t="str">
        <f>'CPT Data'!P4745</f>
        <v>CLAY</v>
      </c>
      <c r="D4737">
        <f>'CPT Data'!Q4745</f>
        <v>274.50591821478065</v>
      </c>
      <c r="E4737">
        <f t="shared" si="74"/>
        <v>292.92885487128245</v>
      </c>
      <c r="F4737">
        <f>IF(C4737="CLAY", INDEX(D$4:D4737, MATCH("CLAY", C$4:C4737, 0)), "")</f>
        <v>0.75203252561341039</v>
      </c>
    </row>
    <row r="4738" spans="1:6" x14ac:dyDescent="0.2">
      <c r="A4738" s="239">
        <f>'CPT Data'!B4746</f>
        <v>46.988</v>
      </c>
      <c r="B4738" s="3">
        <f>'CPT Data'!C4746</f>
        <v>46.981000000000002</v>
      </c>
      <c r="C4738" t="str">
        <f>'CPT Data'!P4746</f>
        <v>CLAY</v>
      </c>
      <c r="D4738">
        <f>'CPT Data'!Q4746</f>
        <v>271.73717716194119</v>
      </c>
      <c r="E4738">
        <f t="shared" si="74"/>
        <v>274.50591821478065</v>
      </c>
      <c r="F4738">
        <f>IF(C4738="CLAY", INDEX(D$4:D4738, MATCH("CLAY", C$4:C4738, 0)), "")</f>
        <v>0.75203252561341039</v>
      </c>
    </row>
    <row r="4739" spans="1:6" x14ac:dyDescent="0.2">
      <c r="A4739" s="239">
        <f>'CPT Data'!B4747</f>
        <v>46.999000000000002</v>
      </c>
      <c r="B4739" s="3">
        <f>'CPT Data'!C4747</f>
        <v>46.992000000000004</v>
      </c>
      <c r="C4739" t="str">
        <f>'CPT Data'!P4747</f>
        <v>CLAY</v>
      </c>
      <c r="D4739">
        <f>'CPT Data'!Q4747</f>
        <v>276.69520181585307</v>
      </c>
      <c r="E4739">
        <f t="shared" si="74"/>
        <v>271.73717716194119</v>
      </c>
      <c r="F4739">
        <f>IF(C4739="CLAY", INDEX(D$4:D4739, MATCH("CLAY", C$4:C4739, 0)), "")</f>
        <v>0.75203252561341039</v>
      </c>
    </row>
    <row r="4740" spans="1:6" x14ac:dyDescent="0.2">
      <c r="A4740" s="239">
        <f>'CPT Data'!B4748</f>
        <v>47.008000000000003</v>
      </c>
      <c r="B4740" s="3">
        <f>'CPT Data'!C4748</f>
        <v>47.001000000000005</v>
      </c>
      <c r="C4740" t="str">
        <f>'CPT Data'!P4748</f>
        <v>CLAY</v>
      </c>
      <c r="D4740">
        <f>'CPT Data'!Q4748</f>
        <v>278.73530897626352</v>
      </c>
      <c r="E4740">
        <f t="shared" si="74"/>
        <v>276.69520181585307</v>
      </c>
      <c r="F4740">
        <f>IF(C4740="CLAY", INDEX(D$4:D4740, MATCH("CLAY", C$4:C4740, 0)), "")</f>
        <v>0.75203252561341039</v>
      </c>
    </row>
    <row r="4741" spans="1:6" x14ac:dyDescent="0.2">
      <c r="A4741" s="239">
        <f>'CPT Data'!B4749</f>
        <v>47.018000000000001</v>
      </c>
      <c r="B4741" s="3">
        <f>'CPT Data'!C4749</f>
        <v>47.011000000000003</v>
      </c>
      <c r="C4741" t="str">
        <f>'CPT Data'!P4749</f>
        <v>CLAY</v>
      </c>
      <c r="D4741">
        <f>'CPT Data'!Q4749</f>
        <v>299.85432142370036</v>
      </c>
      <c r="E4741">
        <f t="shared" si="74"/>
        <v>278.73530897626352</v>
      </c>
      <c r="F4741">
        <f>IF(C4741="CLAY", INDEX(D$4:D4741, MATCH("CLAY", C$4:C4741, 0)), "")</f>
        <v>0.75203252561341039</v>
      </c>
    </row>
    <row r="4742" spans="1:6" x14ac:dyDescent="0.2">
      <c r="A4742" s="239">
        <f>'CPT Data'!B4750</f>
        <v>47.027000000000001</v>
      </c>
      <c r="B4742" s="3">
        <f>'CPT Data'!C4750</f>
        <v>47.02</v>
      </c>
      <c r="C4742" t="str">
        <f>'CPT Data'!P4750</f>
        <v>CLAY</v>
      </c>
      <c r="D4742">
        <f>'CPT Data'!Q4750</f>
        <v>337.78258033624934</v>
      </c>
      <c r="E4742">
        <f t="shared" si="74"/>
        <v>299.85432142370036</v>
      </c>
      <c r="F4742">
        <f>IF(C4742="CLAY", INDEX(D$4:D4742, MATCH("CLAY", C$4:C4742, 0)), "")</f>
        <v>0.75203252561341039</v>
      </c>
    </row>
    <row r="4743" spans="1:6" x14ac:dyDescent="0.2">
      <c r="A4743" s="239">
        <f>'CPT Data'!B4751</f>
        <v>47.036999999999999</v>
      </c>
      <c r="B4743" s="3">
        <f>'CPT Data'!C4751</f>
        <v>47.03</v>
      </c>
      <c r="C4743" t="str">
        <f>'CPT Data'!P4751</f>
        <v>CLAY</v>
      </c>
      <c r="D4743">
        <f>'CPT Data'!Q4751</f>
        <v>369.91799591714062</v>
      </c>
      <c r="E4743">
        <f t="shared" si="74"/>
        <v>337.78258033624934</v>
      </c>
      <c r="F4743">
        <f>IF(C4743="CLAY", INDEX(D$4:D4743, MATCH("CLAY", C$4:C4743, 0)), "")</f>
        <v>0.75203252561341039</v>
      </c>
    </row>
    <row r="4744" spans="1:6" x14ac:dyDescent="0.2">
      <c r="A4744" s="239">
        <f>'CPT Data'!B4752</f>
        <v>47.045999999999999</v>
      </c>
      <c r="B4744" s="3">
        <f>'CPT Data'!C4752</f>
        <v>47.039000000000001</v>
      </c>
      <c r="C4744" t="str">
        <f>'CPT Data'!P4752</f>
        <v>CLAY</v>
      </c>
      <c r="D4744">
        <f>'CPT Data'!Q4752</f>
        <v>392.46363016587134</v>
      </c>
      <c r="E4744">
        <f t="shared" si="74"/>
        <v>369.91799591714062</v>
      </c>
      <c r="F4744">
        <f>IF(C4744="CLAY", INDEX(D$4:D4744, MATCH("CLAY", C$4:C4744, 0)), "")</f>
        <v>0.75203252561341039</v>
      </c>
    </row>
    <row r="4745" spans="1:6" x14ac:dyDescent="0.2">
      <c r="A4745" s="239">
        <f>'CPT Data'!B4753</f>
        <v>47.055</v>
      </c>
      <c r="B4745" s="3">
        <f>'CPT Data'!C4753</f>
        <v>47.048000000000002</v>
      </c>
      <c r="C4745" t="str">
        <f>'CPT Data'!P4753</f>
        <v>CLAY</v>
      </c>
      <c r="D4745">
        <f>'CPT Data'!Q4753</f>
        <v>413.24655097488971</v>
      </c>
      <c r="E4745">
        <f t="shared" si="74"/>
        <v>392.46363016587134</v>
      </c>
      <c r="F4745">
        <f>IF(C4745="CLAY", INDEX(D$4:D4745, MATCH("CLAY", C$4:C4745, 0)), "")</f>
        <v>0.75203252561341039</v>
      </c>
    </row>
    <row r="4746" spans="1:6" x14ac:dyDescent="0.2">
      <c r="A4746" s="239">
        <f>'CPT Data'!B4754</f>
        <v>47.066000000000003</v>
      </c>
      <c r="B4746" s="3">
        <f>'CPT Data'!C4754</f>
        <v>47.059000000000005</v>
      </c>
      <c r="C4746" t="str">
        <f>'CPT Data'!P4754</f>
        <v>CLAY</v>
      </c>
      <c r="D4746">
        <f>'CPT Data'!Q4754</f>
        <v>449.64729963532022</v>
      </c>
      <c r="E4746">
        <f t="shared" si="74"/>
        <v>413.24655097488971</v>
      </c>
      <c r="F4746">
        <f>IF(C4746="CLAY", INDEX(D$4:D4746, MATCH("CLAY", C$4:C4746, 0)), "")</f>
        <v>0.75203252561341039</v>
      </c>
    </row>
    <row r="4747" spans="1:6" x14ac:dyDescent="0.2">
      <c r="A4747" s="239">
        <f>'CPT Data'!B4755</f>
        <v>47.075000000000003</v>
      </c>
      <c r="B4747" s="3">
        <f>'CPT Data'!C4755</f>
        <v>47.068000000000005</v>
      </c>
      <c r="C4747" t="str">
        <f>'CPT Data'!P4755</f>
        <v>CLAY</v>
      </c>
      <c r="D4747">
        <f>'CPT Data'!Q4755</f>
        <v>477.48721621004091</v>
      </c>
      <c r="E4747">
        <f t="shared" si="74"/>
        <v>449.64729963532022</v>
      </c>
      <c r="F4747">
        <f>IF(C4747="CLAY", INDEX(D$4:D4747, MATCH("CLAY", C$4:C4747, 0)), "")</f>
        <v>0.75203252561341039</v>
      </c>
    </row>
    <row r="4748" spans="1:6" x14ac:dyDescent="0.2">
      <c r="A4748" s="239">
        <f>'CPT Data'!B4756</f>
        <v>47.085000000000001</v>
      </c>
      <c r="B4748" s="3">
        <f>'CPT Data'!C4756</f>
        <v>47.078000000000003</v>
      </c>
      <c r="C4748" t="str">
        <f>'CPT Data'!P4756</f>
        <v>CLAY</v>
      </c>
      <c r="D4748">
        <f>'CPT Data'!Q4756</f>
        <v>484.00320895351797</v>
      </c>
      <c r="E4748">
        <f t="shared" si="74"/>
        <v>477.48721621004091</v>
      </c>
      <c r="F4748">
        <f>IF(C4748="CLAY", INDEX(D$4:D4748, MATCH("CLAY", C$4:C4748, 0)), "")</f>
        <v>0.75203252561341039</v>
      </c>
    </row>
    <row r="4749" spans="1:6" x14ac:dyDescent="0.2">
      <c r="A4749" s="239">
        <f>'CPT Data'!B4757</f>
        <v>47.094000000000001</v>
      </c>
      <c r="B4749" s="3">
        <f>'CPT Data'!C4757</f>
        <v>47.087000000000003</v>
      </c>
      <c r="C4749" t="str">
        <f>'CPT Data'!P4757</f>
        <v>CLAY</v>
      </c>
      <c r="D4749">
        <f>'CPT Data'!Q4757</f>
        <v>501.43432758628234</v>
      </c>
      <c r="E4749">
        <f t="shared" si="74"/>
        <v>484.00320895351797</v>
      </c>
      <c r="F4749">
        <f>IF(C4749="CLAY", INDEX(D$4:D4749, MATCH("CLAY", C$4:C4749, 0)), "")</f>
        <v>0.75203252561341039</v>
      </c>
    </row>
    <row r="4750" spans="1:6" x14ac:dyDescent="0.2">
      <c r="A4750" s="239">
        <f>'CPT Data'!B4758</f>
        <v>47.103999999999999</v>
      </c>
      <c r="B4750" s="3">
        <f>'CPT Data'!C4758</f>
        <v>47.097000000000001</v>
      </c>
      <c r="C4750" t="str">
        <f>'CPT Data'!P4758</f>
        <v>CLAY</v>
      </c>
      <c r="D4750">
        <f>'CPT Data'!Q4758</f>
        <v>522.60905549912275</v>
      </c>
      <c r="E4750">
        <f t="shared" si="74"/>
        <v>501.43432758628234</v>
      </c>
      <c r="F4750">
        <f>IF(C4750="CLAY", INDEX(D$4:D4750, MATCH("CLAY", C$4:C4750, 0)), "")</f>
        <v>0.75203252561341039</v>
      </c>
    </row>
    <row r="4751" spans="1:6" x14ac:dyDescent="0.2">
      <c r="A4751" s="239">
        <f>'CPT Data'!B4759</f>
        <v>47.113</v>
      </c>
      <c r="B4751" s="3">
        <f>'CPT Data'!C4759</f>
        <v>47.106000000000002</v>
      </c>
      <c r="C4751" t="str">
        <f>'CPT Data'!P4759</f>
        <v>CLAY</v>
      </c>
      <c r="D4751">
        <f>'CPT Data'!Q4759</f>
        <v>533.43512856089353</v>
      </c>
      <c r="E4751">
        <f t="shared" si="74"/>
        <v>522.60905549912275</v>
      </c>
      <c r="F4751">
        <f>IF(C4751="CLAY", INDEX(D$4:D4751, MATCH("CLAY", C$4:C4751, 0)), "")</f>
        <v>0.75203252561341039</v>
      </c>
    </row>
    <row r="4752" spans="1:6" x14ac:dyDescent="0.2">
      <c r="A4752" s="239">
        <f>'CPT Data'!B4760</f>
        <v>47.124000000000002</v>
      </c>
      <c r="B4752" s="3">
        <f>'CPT Data'!C4760</f>
        <v>47.117000000000004</v>
      </c>
      <c r="C4752" t="str">
        <f>'CPT Data'!P4760</f>
        <v>CLAY</v>
      </c>
      <c r="D4752">
        <f>'CPT Data'!Q4760</f>
        <v>532.54270948753572</v>
      </c>
      <c r="E4752">
        <f t="shared" si="74"/>
        <v>533.43512856089353</v>
      </c>
      <c r="F4752">
        <f>IF(C4752="CLAY", INDEX(D$4:D4752, MATCH("CLAY", C$4:C4752, 0)), "")</f>
        <v>0.75203252561341039</v>
      </c>
    </row>
    <row r="4753" spans="1:6" x14ac:dyDescent="0.2">
      <c r="A4753" s="239">
        <f>'CPT Data'!B4761</f>
        <v>47.133000000000003</v>
      </c>
      <c r="B4753" s="3">
        <f>'CPT Data'!C4761</f>
        <v>47.126000000000005</v>
      </c>
      <c r="C4753" t="str">
        <f>'CPT Data'!P4761</f>
        <v>CLAY</v>
      </c>
      <c r="D4753">
        <f>'CPT Data'!Q4761</f>
        <v>515.91685979478734</v>
      </c>
      <c r="E4753">
        <f t="shared" si="74"/>
        <v>532.54270948753572</v>
      </c>
      <c r="F4753">
        <f>IF(C4753="CLAY", INDEX(D$4:D4753, MATCH("CLAY", C$4:C4753, 0)), "")</f>
        <v>0.75203252561341039</v>
      </c>
    </row>
    <row r="4754" spans="1:6" x14ac:dyDescent="0.2">
      <c r="A4754" s="239">
        <f>'CPT Data'!B4762</f>
        <v>47.143999999999998</v>
      </c>
      <c r="B4754" s="3">
        <f>'CPT Data'!C4762</f>
        <v>47.137</v>
      </c>
      <c r="C4754" t="str">
        <f>'CPT Data'!P4762</f>
        <v>CLAY</v>
      </c>
      <c r="D4754">
        <f>'CPT Data'!Q4762</f>
        <v>506.64501498713025</v>
      </c>
      <c r="E4754">
        <f t="shared" si="74"/>
        <v>515.91685979478734</v>
      </c>
      <c r="F4754">
        <f>IF(C4754="CLAY", INDEX(D$4:D4754, MATCH("CLAY", C$4:C4754, 0)), "")</f>
        <v>0.75203252561341039</v>
      </c>
    </row>
    <row r="4755" spans="1:6" x14ac:dyDescent="0.2">
      <c r="A4755" s="239">
        <f>'CPT Data'!B4763</f>
        <v>47.152999999999999</v>
      </c>
      <c r="B4755" s="3">
        <f>'CPT Data'!C4763</f>
        <v>47.146000000000001</v>
      </c>
      <c r="C4755" t="str">
        <f>'CPT Data'!P4763</f>
        <v>CLAY</v>
      </c>
      <c r="D4755">
        <f>'CPT Data'!Q4763</f>
        <v>484.80508197661351</v>
      </c>
      <c r="E4755">
        <f t="shared" si="74"/>
        <v>506.64501498713025</v>
      </c>
      <c r="F4755">
        <f>IF(C4755="CLAY", INDEX(D$4:D4755, MATCH("CLAY", C$4:C4755, 0)), "")</f>
        <v>0.75203252561341039</v>
      </c>
    </row>
    <row r="4756" spans="1:6" x14ac:dyDescent="0.2">
      <c r="A4756" s="239">
        <f>'CPT Data'!B4764</f>
        <v>47.161999999999999</v>
      </c>
      <c r="B4756" s="3">
        <f>'CPT Data'!C4764</f>
        <v>47.155000000000001</v>
      </c>
      <c r="C4756" t="str">
        <f>'CPT Data'!P4764</f>
        <v>CLAY</v>
      </c>
      <c r="D4756">
        <f>'CPT Data'!Q4764</f>
        <v>470.56809229356503</v>
      </c>
      <c r="E4756">
        <f t="shared" si="74"/>
        <v>484.80508197661351</v>
      </c>
      <c r="F4756">
        <f>IF(C4756="CLAY", INDEX(D$4:D4756, MATCH("CLAY", C$4:C4756, 0)), "")</f>
        <v>0.75203252561341039</v>
      </c>
    </row>
    <row r="4757" spans="1:6" x14ac:dyDescent="0.2">
      <c r="A4757" s="239">
        <f>'CPT Data'!B4765</f>
        <v>47.173000000000002</v>
      </c>
      <c r="B4757" s="3">
        <f>'CPT Data'!C4765</f>
        <v>47.166000000000004</v>
      </c>
      <c r="C4757" t="str">
        <f>'CPT Data'!P4765</f>
        <v>CLAY</v>
      </c>
      <c r="D4757">
        <f>'CPT Data'!Q4765</f>
        <v>446.73487618615536</v>
      </c>
      <c r="E4757">
        <f t="shared" si="74"/>
        <v>470.56809229356503</v>
      </c>
      <c r="F4757">
        <f>IF(C4757="CLAY", INDEX(D$4:D4757, MATCH("CLAY", C$4:C4757, 0)), "")</f>
        <v>0.75203252561341039</v>
      </c>
    </row>
    <row r="4758" spans="1:6" x14ac:dyDescent="0.2">
      <c r="A4758" s="239">
        <f>'CPT Data'!B4766</f>
        <v>47.182000000000002</v>
      </c>
      <c r="B4758" s="3">
        <f>'CPT Data'!C4766</f>
        <v>47.175000000000004</v>
      </c>
      <c r="C4758" t="str">
        <f>'CPT Data'!P4766</f>
        <v>CLAY</v>
      </c>
      <c r="D4758">
        <f>'CPT Data'!Q4766</f>
        <v>430.57281985224216</v>
      </c>
      <c r="E4758">
        <f t="shared" si="74"/>
        <v>446.73487618615536</v>
      </c>
      <c r="F4758">
        <f>IF(C4758="CLAY", INDEX(D$4:D4758, MATCH("CLAY", C$4:C4758, 0)), "")</f>
        <v>0.75203252561341039</v>
      </c>
    </row>
    <row r="4759" spans="1:6" x14ac:dyDescent="0.2">
      <c r="A4759" s="239">
        <f>'CPT Data'!B4767</f>
        <v>47.192</v>
      </c>
      <c r="B4759" s="3">
        <f>'CPT Data'!C4767</f>
        <v>47.185000000000002</v>
      </c>
      <c r="C4759" t="str">
        <f>'CPT Data'!P4767</f>
        <v>CLAY</v>
      </c>
      <c r="D4759">
        <f>'CPT Data'!Q4767</f>
        <v>431.36028987639025</v>
      </c>
      <c r="E4759">
        <f t="shared" si="74"/>
        <v>430.57281985224216</v>
      </c>
      <c r="F4759">
        <f>IF(C4759="CLAY", INDEX(D$4:D4759, MATCH("CLAY", C$4:C4759, 0)), "")</f>
        <v>0.75203252561341039</v>
      </c>
    </row>
    <row r="4760" spans="1:6" x14ac:dyDescent="0.2">
      <c r="A4760" s="239">
        <f>'CPT Data'!B4768</f>
        <v>47.201000000000001</v>
      </c>
      <c r="B4760" s="3">
        <f>'CPT Data'!C4768</f>
        <v>47.194000000000003</v>
      </c>
      <c r="C4760" t="str">
        <f>'CPT Data'!P4768</f>
        <v>CLAY</v>
      </c>
      <c r="D4760">
        <f>'CPT Data'!Q4768</f>
        <v>428.26490834215019</v>
      </c>
      <c r="E4760">
        <f t="shared" si="74"/>
        <v>431.36028987639025</v>
      </c>
      <c r="F4760">
        <f>IF(C4760="CLAY", INDEX(D$4:D4760, MATCH("CLAY", C$4:C4760, 0)), "")</f>
        <v>0.75203252561341039</v>
      </c>
    </row>
    <row r="4761" spans="1:6" x14ac:dyDescent="0.2">
      <c r="A4761" s="239">
        <f>'CPT Data'!B4769</f>
        <v>47.212000000000003</v>
      </c>
      <c r="B4761" s="3">
        <f>'CPT Data'!C4769</f>
        <v>47.205000000000005</v>
      </c>
      <c r="C4761" t="str">
        <f>'CPT Data'!P4769</f>
        <v>CLAY</v>
      </c>
      <c r="D4761">
        <f>'CPT Data'!Q4769</f>
        <v>430.61990832427864</v>
      </c>
      <c r="E4761">
        <f t="shared" si="74"/>
        <v>428.26490834215019</v>
      </c>
      <c r="F4761">
        <f>IF(C4761="CLAY", INDEX(D$4:D4761, MATCH("CLAY", C$4:C4761, 0)), "")</f>
        <v>0.75203252561341039</v>
      </c>
    </row>
    <row r="4762" spans="1:6" x14ac:dyDescent="0.2">
      <c r="A4762" s="239">
        <f>'CPT Data'!B4770</f>
        <v>47.222000000000001</v>
      </c>
      <c r="B4762" s="3">
        <f>'CPT Data'!C4770</f>
        <v>47.215000000000003</v>
      </c>
      <c r="C4762" t="str">
        <f>'CPT Data'!P4770</f>
        <v>CLAY</v>
      </c>
      <c r="D4762">
        <f>'CPT Data'!Q4770</f>
        <v>457.65460219740891</v>
      </c>
      <c r="E4762">
        <f t="shared" si="74"/>
        <v>430.61990832427864</v>
      </c>
      <c r="F4762">
        <f>IF(C4762="CLAY", INDEX(D$4:D4762, MATCH("CLAY", C$4:C4762, 0)), "")</f>
        <v>0.75203252561341039</v>
      </c>
    </row>
    <row r="4763" spans="1:6" x14ac:dyDescent="0.2">
      <c r="A4763" s="239">
        <f>'CPT Data'!B4771</f>
        <v>47.231000000000002</v>
      </c>
      <c r="B4763" s="3">
        <f>'CPT Data'!C4771</f>
        <v>47.224000000000004</v>
      </c>
      <c r="C4763" t="str">
        <f>'CPT Data'!P4771</f>
        <v>CLAY</v>
      </c>
      <c r="D4763">
        <f>'CPT Data'!Q4771</f>
        <v>476.80522087889887</v>
      </c>
      <c r="E4763">
        <f t="shared" ref="E4763:E4826" si="75">IF(C4763="SAND",#N/A,IF(C4763=C4762,D4762,IF(C4763="CLAY",D4763,#N/A)))</f>
        <v>457.65460219740891</v>
      </c>
      <c r="F4763">
        <f>IF(C4763="CLAY", INDEX(D$4:D4763, MATCH("CLAY", C$4:C4763, 0)), "")</f>
        <v>0.75203252561341039</v>
      </c>
    </row>
    <row r="4764" spans="1:6" x14ac:dyDescent="0.2">
      <c r="A4764" s="239">
        <f>'CPT Data'!B4772</f>
        <v>47.241</v>
      </c>
      <c r="B4764" s="3">
        <f>'CPT Data'!C4772</f>
        <v>47.234000000000002</v>
      </c>
      <c r="C4764" t="str">
        <f>'CPT Data'!P4772</f>
        <v>CLAY</v>
      </c>
      <c r="D4764">
        <f>'CPT Data'!Q4772</f>
        <v>492.36405375149047</v>
      </c>
      <c r="E4764">
        <f t="shared" si="75"/>
        <v>476.80522087889887</v>
      </c>
      <c r="F4764">
        <f>IF(C4764="CLAY", INDEX(D$4:D4764, MATCH("CLAY", C$4:C4764, 0)), "")</f>
        <v>0.75203252561341039</v>
      </c>
    </row>
    <row r="4765" spans="1:6" x14ac:dyDescent="0.2">
      <c r="A4765" s="239">
        <f>'CPT Data'!B4773</f>
        <v>47.249000000000002</v>
      </c>
      <c r="B4765" s="3">
        <f>'CPT Data'!C4773</f>
        <v>47.242000000000004</v>
      </c>
      <c r="C4765" t="str">
        <f>'CPT Data'!P4773</f>
        <v>CLAY</v>
      </c>
      <c r="D4765">
        <f>'CPT Data'!Q4773</f>
        <v>515.72889308536207</v>
      </c>
      <c r="E4765">
        <f t="shared" si="75"/>
        <v>492.36405375149047</v>
      </c>
      <c r="F4765">
        <f>IF(C4765="CLAY", INDEX(D$4:D4765, MATCH("CLAY", C$4:C4765, 0)), "")</f>
        <v>0.75203252561341039</v>
      </c>
    </row>
    <row r="4766" spans="1:6" x14ac:dyDescent="0.2">
      <c r="A4766" s="239">
        <f>'CPT Data'!B4774</f>
        <v>47.26</v>
      </c>
      <c r="B4766" s="3">
        <f>'CPT Data'!C4774</f>
        <v>47.253</v>
      </c>
      <c r="C4766" t="str">
        <f>'CPT Data'!P4774</f>
        <v>CLAY</v>
      </c>
      <c r="D4766">
        <f>'CPT Data'!Q4774</f>
        <v>575.75302156535315</v>
      </c>
      <c r="E4766">
        <f t="shared" si="75"/>
        <v>515.72889308536207</v>
      </c>
      <c r="F4766">
        <f>IF(C4766="CLAY", INDEX(D$4:D4766, MATCH("CLAY", C$4:C4766, 0)), "")</f>
        <v>0.75203252561341039</v>
      </c>
    </row>
    <row r="4767" spans="1:6" x14ac:dyDescent="0.2">
      <c r="A4767" s="239">
        <f>'CPT Data'!B4775</f>
        <v>47.268999999999998</v>
      </c>
      <c r="B4767" s="3">
        <f>'CPT Data'!C4775</f>
        <v>47.262</v>
      </c>
      <c r="C4767" t="str">
        <f>'CPT Data'!P4775</f>
        <v>CLAY</v>
      </c>
      <c r="D4767">
        <f>'CPT Data'!Q4775</f>
        <v>599.25289606564002</v>
      </c>
      <c r="E4767">
        <f t="shared" si="75"/>
        <v>575.75302156535315</v>
      </c>
      <c r="F4767">
        <f>IF(C4767="CLAY", INDEX(D$4:D4767, MATCH("CLAY", C$4:C4767, 0)), "")</f>
        <v>0.75203252561341039</v>
      </c>
    </row>
    <row r="4768" spans="1:6" x14ac:dyDescent="0.2">
      <c r="A4768" s="239">
        <f>'CPT Data'!B4776</f>
        <v>47.277999999999999</v>
      </c>
      <c r="B4768" s="3">
        <f>'CPT Data'!C4776</f>
        <v>47.271000000000001</v>
      </c>
      <c r="C4768" t="str">
        <f>'CPT Data'!P4776</f>
        <v>CLAY</v>
      </c>
      <c r="D4768">
        <f>'CPT Data'!Q4776</f>
        <v>638.78902676063092</v>
      </c>
      <c r="E4768">
        <f t="shared" si="75"/>
        <v>599.25289606564002</v>
      </c>
      <c r="F4768">
        <f>IF(C4768="CLAY", INDEX(D$4:D4768, MATCH("CLAY", C$4:C4768, 0)), "")</f>
        <v>0.75203252561341039</v>
      </c>
    </row>
    <row r="4769" spans="1:6" x14ac:dyDescent="0.2">
      <c r="A4769" s="239">
        <f>'CPT Data'!B4777</f>
        <v>47.289000000000001</v>
      </c>
      <c r="B4769" s="3">
        <f>'CPT Data'!C4777</f>
        <v>47.282000000000004</v>
      </c>
      <c r="C4769" t="str">
        <f>'CPT Data'!P4777</f>
        <v>CLAY</v>
      </c>
      <c r="D4769">
        <f>'CPT Data'!Q4777</f>
        <v>653.18433298064463</v>
      </c>
      <c r="E4769">
        <f t="shared" si="75"/>
        <v>638.78902676063092</v>
      </c>
      <c r="F4769">
        <f>IF(C4769="CLAY", INDEX(D$4:D4769, MATCH("CLAY", C$4:C4769, 0)), "")</f>
        <v>0.75203252561341039</v>
      </c>
    </row>
    <row r="4770" spans="1:6" x14ac:dyDescent="0.2">
      <c r="A4770" s="239">
        <f>'CPT Data'!B4778</f>
        <v>47.298000000000002</v>
      </c>
      <c r="B4770" s="3">
        <f>'CPT Data'!C4778</f>
        <v>47.291000000000004</v>
      </c>
      <c r="C4770" t="str">
        <f>'CPT Data'!P4778</f>
        <v>CLAY</v>
      </c>
      <c r="D4770">
        <f>'CPT Data'!Q4778</f>
        <v>668.29031952825915</v>
      </c>
      <c r="E4770">
        <f t="shared" si="75"/>
        <v>653.18433298064463</v>
      </c>
      <c r="F4770">
        <f>IF(C4770="CLAY", INDEX(D$4:D4770, MATCH("CLAY", C$4:C4770, 0)), "")</f>
        <v>0.75203252561341039</v>
      </c>
    </row>
    <row r="4771" spans="1:6" x14ac:dyDescent="0.2">
      <c r="A4771" s="239">
        <f>'CPT Data'!B4779</f>
        <v>47.308</v>
      </c>
      <c r="B4771" s="3">
        <f>'CPT Data'!C4779</f>
        <v>47.301000000000002</v>
      </c>
      <c r="C4771" t="str">
        <f>'CPT Data'!P4779</f>
        <v>CLAY</v>
      </c>
      <c r="D4771">
        <f>'CPT Data'!Q4779</f>
        <v>696.08387038728654</v>
      </c>
      <c r="E4771">
        <f t="shared" si="75"/>
        <v>668.29031952825915</v>
      </c>
      <c r="F4771">
        <f>IF(C4771="CLAY", INDEX(D$4:D4771, MATCH("CLAY", C$4:C4771, 0)), "")</f>
        <v>0.75203252561341039</v>
      </c>
    </row>
    <row r="4772" spans="1:6" x14ac:dyDescent="0.2">
      <c r="A4772" s="239">
        <f>'CPT Data'!B4780</f>
        <v>47.317999999999998</v>
      </c>
      <c r="B4772" s="3">
        <f>'CPT Data'!C4780</f>
        <v>47.311</v>
      </c>
      <c r="C4772" t="str">
        <f>'CPT Data'!P4780</f>
        <v>CLAY</v>
      </c>
      <c r="D4772">
        <f>'CPT Data'!Q4780</f>
        <v>720.42871121635062</v>
      </c>
      <c r="E4772">
        <f t="shared" si="75"/>
        <v>696.08387038728654</v>
      </c>
      <c r="F4772">
        <f>IF(C4772="CLAY", INDEX(D$4:D4772, MATCH("CLAY", C$4:C4772, 0)), "")</f>
        <v>0.75203252561341039</v>
      </c>
    </row>
    <row r="4773" spans="1:6" x14ac:dyDescent="0.2">
      <c r="A4773" s="239">
        <f>'CPT Data'!B4781</f>
        <v>47.328000000000003</v>
      </c>
      <c r="B4773" s="3">
        <f>'CPT Data'!C4781</f>
        <v>47.321000000000005</v>
      </c>
      <c r="C4773" t="str">
        <f>'CPT Data'!P4781</f>
        <v>CLAY</v>
      </c>
      <c r="D4773">
        <f>'CPT Data'!Q4781</f>
        <v>713.22436438416617</v>
      </c>
      <c r="E4773">
        <f t="shared" si="75"/>
        <v>720.42871121635062</v>
      </c>
      <c r="F4773">
        <f>IF(C4773="CLAY", INDEX(D$4:D4773, MATCH("CLAY", C$4:C4773, 0)), "")</f>
        <v>0.75203252561341039</v>
      </c>
    </row>
    <row r="4774" spans="1:6" x14ac:dyDescent="0.2">
      <c r="A4774" s="239">
        <f>'CPT Data'!B4782</f>
        <v>47.337000000000003</v>
      </c>
      <c r="B4774" s="3">
        <f>'CPT Data'!C4782</f>
        <v>47.330000000000005</v>
      </c>
      <c r="C4774" t="str">
        <f>'CPT Data'!P4782</f>
        <v>CLAY</v>
      </c>
      <c r="D4774">
        <f>'CPT Data'!Q4782</f>
        <v>700.93142028987802</v>
      </c>
      <c r="E4774">
        <f t="shared" si="75"/>
        <v>713.22436438416617</v>
      </c>
      <c r="F4774">
        <f>IF(C4774="CLAY", INDEX(D$4:D4774, MATCH("CLAY", C$4:C4774, 0)), "")</f>
        <v>0.75203252561341039</v>
      </c>
    </row>
    <row r="4775" spans="1:6" x14ac:dyDescent="0.2">
      <c r="A4775" s="239">
        <f>'CPT Data'!B4783</f>
        <v>47.347999999999999</v>
      </c>
      <c r="B4775" s="3">
        <f>'CPT Data'!C4783</f>
        <v>47.341000000000001</v>
      </c>
      <c r="C4775" t="str">
        <f>'CPT Data'!P4783</f>
        <v>CLAY</v>
      </c>
      <c r="D4775">
        <f>'CPT Data'!Q4783</f>
        <v>695.58058466725527</v>
      </c>
      <c r="E4775">
        <f t="shared" si="75"/>
        <v>700.93142028987802</v>
      </c>
      <c r="F4775">
        <f>IF(C4775="CLAY", INDEX(D$4:D4775, MATCH("CLAY", C$4:C4775, 0)), "")</f>
        <v>0.75203252561341039</v>
      </c>
    </row>
    <row r="4776" spans="1:6" x14ac:dyDescent="0.2">
      <c r="A4776" s="239">
        <f>'CPT Data'!B4784</f>
        <v>47.356999999999999</v>
      </c>
      <c r="B4776" s="3">
        <f>'CPT Data'!C4784</f>
        <v>47.35</v>
      </c>
      <c r="C4776" t="str">
        <f>'CPT Data'!P4784</f>
        <v>CLAY</v>
      </c>
      <c r="D4776">
        <f>'CPT Data'!Q4784</f>
        <v>687.60460813877955</v>
      </c>
      <c r="E4776">
        <f t="shared" si="75"/>
        <v>695.58058466725527</v>
      </c>
      <c r="F4776">
        <f>IF(C4776="CLAY", INDEX(D$4:D4776, MATCH("CLAY", C$4:C4776, 0)), "")</f>
        <v>0.75203252561341039</v>
      </c>
    </row>
    <row r="4777" spans="1:6" x14ac:dyDescent="0.2">
      <c r="A4777" s="239">
        <f>'CPT Data'!B4785</f>
        <v>47.366999999999997</v>
      </c>
      <c r="B4777" s="3">
        <f>'CPT Data'!C4785</f>
        <v>47.36</v>
      </c>
      <c r="C4777" t="str">
        <f>'CPT Data'!P4785</f>
        <v>CLAY</v>
      </c>
      <c r="D4777">
        <f>'CPT Data'!Q4785</f>
        <v>663.12752249772632</v>
      </c>
      <c r="E4777">
        <f t="shared" si="75"/>
        <v>687.60460813877955</v>
      </c>
      <c r="F4777">
        <f>IF(C4777="CLAY", INDEX(D$4:D4777, MATCH("CLAY", C$4:C4777, 0)), "")</f>
        <v>0.75203252561341039</v>
      </c>
    </row>
    <row r="4778" spans="1:6" x14ac:dyDescent="0.2">
      <c r="A4778" s="239">
        <f>'CPT Data'!B4786</f>
        <v>47.375999999999998</v>
      </c>
      <c r="B4778" s="3">
        <f>'CPT Data'!C4786</f>
        <v>47.369</v>
      </c>
      <c r="C4778" t="str">
        <f>'CPT Data'!P4786</f>
        <v>CLAY</v>
      </c>
      <c r="D4778">
        <f>'CPT Data'!Q4786</f>
        <v>623.29896445084</v>
      </c>
      <c r="E4778">
        <f t="shared" si="75"/>
        <v>663.12752249772632</v>
      </c>
      <c r="F4778">
        <f>IF(C4778="CLAY", INDEX(D$4:D4778, MATCH("CLAY", C$4:C4778, 0)), "")</f>
        <v>0.75203252561341039</v>
      </c>
    </row>
    <row r="4779" spans="1:6" x14ac:dyDescent="0.2">
      <c r="A4779" s="239">
        <f>'CPT Data'!B4787</f>
        <v>47.387</v>
      </c>
      <c r="B4779" s="3">
        <f>'CPT Data'!C4787</f>
        <v>47.38</v>
      </c>
      <c r="C4779" t="str">
        <f>'CPT Data'!P4787</f>
        <v>CLAY</v>
      </c>
      <c r="D4779">
        <f>'CPT Data'!Q4787</f>
        <v>587.40586636552268</v>
      </c>
      <c r="E4779">
        <f t="shared" si="75"/>
        <v>623.29896445084</v>
      </c>
      <c r="F4779">
        <f>IF(C4779="CLAY", INDEX(D$4:D4779, MATCH("CLAY", C$4:C4779, 0)), "")</f>
        <v>0.75203252561341039</v>
      </c>
    </row>
    <row r="4780" spans="1:6" x14ac:dyDescent="0.2">
      <c r="A4780" s="239">
        <f>'CPT Data'!B4788</f>
        <v>47.396000000000001</v>
      </c>
      <c r="B4780" s="3">
        <f>'CPT Data'!C4788</f>
        <v>47.389000000000003</v>
      </c>
      <c r="C4780" t="str">
        <f>'CPT Data'!P4788</f>
        <v>CLAY</v>
      </c>
      <c r="D4780">
        <f>'CPT Data'!Q4788</f>
        <v>557.55594632417706</v>
      </c>
      <c r="E4780">
        <f t="shared" si="75"/>
        <v>587.40586636552268</v>
      </c>
      <c r="F4780">
        <f>IF(C4780="CLAY", INDEX(D$4:D4780, MATCH("CLAY", C$4:C4780, 0)), "")</f>
        <v>0.75203252561341039</v>
      </c>
    </row>
    <row r="4781" spans="1:6" x14ac:dyDescent="0.2">
      <c r="A4781" s="239">
        <f>'CPT Data'!B4789</f>
        <v>47.405999999999999</v>
      </c>
      <c r="B4781" s="3">
        <f>'CPT Data'!C4789</f>
        <v>47.399000000000001</v>
      </c>
      <c r="C4781" t="str">
        <f>'CPT Data'!P4789</f>
        <v>CLAY</v>
      </c>
      <c r="D4781">
        <f>'CPT Data'!Q4789</f>
        <v>514.84798019524976</v>
      </c>
      <c r="E4781">
        <f t="shared" si="75"/>
        <v>557.55594632417706</v>
      </c>
      <c r="F4781">
        <f>IF(C4781="CLAY", INDEX(D$4:D4781, MATCH("CLAY", C$4:C4781, 0)), "")</f>
        <v>0.75203252561341039</v>
      </c>
    </row>
    <row r="4782" spans="1:6" x14ac:dyDescent="0.2">
      <c r="A4782" s="239">
        <f>'CPT Data'!B4790</f>
        <v>47.415999999999997</v>
      </c>
      <c r="B4782" s="3">
        <f>'CPT Data'!C4790</f>
        <v>47.408999999999999</v>
      </c>
      <c r="C4782" t="str">
        <f>'CPT Data'!P4790</f>
        <v>CLAY</v>
      </c>
      <c r="D4782">
        <f>'CPT Data'!Q4790</f>
        <v>491.01561195630143</v>
      </c>
      <c r="E4782">
        <f t="shared" si="75"/>
        <v>514.84798019524976</v>
      </c>
      <c r="F4782">
        <f>IF(C4782="CLAY", INDEX(D$4:D4782, MATCH("CLAY", C$4:C4782, 0)), "")</f>
        <v>0.75203252561341039</v>
      </c>
    </row>
    <row r="4783" spans="1:6" x14ac:dyDescent="0.2">
      <c r="A4783" s="239">
        <f>'CPT Data'!B4791</f>
        <v>47.424999999999997</v>
      </c>
      <c r="B4783" s="3">
        <f>'CPT Data'!C4791</f>
        <v>47.417999999999999</v>
      </c>
      <c r="C4783" t="str">
        <f>'CPT Data'!P4791</f>
        <v>CLAY</v>
      </c>
      <c r="D4783">
        <f>'CPT Data'!Q4791</f>
        <v>471.13444458008752</v>
      </c>
      <c r="E4783">
        <f t="shared" si="75"/>
        <v>491.01561195630143</v>
      </c>
      <c r="F4783">
        <f>IF(C4783="CLAY", INDEX(D$4:D4783, MATCH("CLAY", C$4:C4783, 0)), "")</f>
        <v>0.75203252561341039</v>
      </c>
    </row>
    <row r="4784" spans="1:6" x14ac:dyDescent="0.2">
      <c r="A4784" s="239">
        <f>'CPT Data'!B4792</f>
        <v>47.435000000000002</v>
      </c>
      <c r="B4784" s="3">
        <f>'CPT Data'!C4792</f>
        <v>47.428000000000004</v>
      </c>
      <c r="C4784" t="str">
        <f>'CPT Data'!P4792</f>
        <v>CLAY</v>
      </c>
      <c r="D4784">
        <f>'CPT Data'!Q4792</f>
        <v>450.89542762090235</v>
      </c>
      <c r="E4784">
        <f t="shared" si="75"/>
        <v>471.13444458008752</v>
      </c>
      <c r="F4784">
        <f>IF(C4784="CLAY", INDEX(D$4:D4784, MATCH("CLAY", C$4:C4784, 0)), "")</f>
        <v>0.75203252561341039</v>
      </c>
    </row>
    <row r="4785" spans="1:6" x14ac:dyDescent="0.2">
      <c r="A4785" s="239">
        <f>'CPT Data'!B4793</f>
        <v>47.444000000000003</v>
      </c>
      <c r="B4785" s="3">
        <f>'CPT Data'!C4793</f>
        <v>47.437000000000005</v>
      </c>
      <c r="C4785" t="str">
        <f>'CPT Data'!P4793</f>
        <v>CLAY</v>
      </c>
      <c r="D4785">
        <f>'CPT Data'!Q4793</f>
        <v>435.44393822458159</v>
      </c>
      <c r="E4785">
        <f t="shared" si="75"/>
        <v>450.89542762090235</v>
      </c>
      <c r="F4785">
        <f>IF(C4785="CLAY", INDEX(D$4:D4785, MATCH("CLAY", C$4:C4785, 0)), "")</f>
        <v>0.75203252561341039</v>
      </c>
    </row>
    <row r="4786" spans="1:6" x14ac:dyDescent="0.2">
      <c r="A4786" s="239">
        <f>'CPT Data'!B4794</f>
        <v>47.454999999999998</v>
      </c>
      <c r="B4786" s="3">
        <f>'CPT Data'!C4794</f>
        <v>47.448</v>
      </c>
      <c r="C4786" t="str">
        <f>'CPT Data'!P4794</f>
        <v>CLAY</v>
      </c>
      <c r="D4786">
        <f>'CPT Data'!Q4794</f>
        <v>401.31666726825051</v>
      </c>
      <c r="E4786">
        <f t="shared" si="75"/>
        <v>435.44393822458159</v>
      </c>
      <c r="F4786">
        <f>IF(C4786="CLAY", INDEX(D$4:D4786, MATCH("CLAY", C$4:C4786, 0)), "")</f>
        <v>0.75203252561341039</v>
      </c>
    </row>
    <row r="4787" spans="1:6" x14ac:dyDescent="0.2">
      <c r="A4787" s="239">
        <f>'CPT Data'!B4795</f>
        <v>47.465000000000003</v>
      </c>
      <c r="B4787" s="3">
        <f>'CPT Data'!C4795</f>
        <v>47.458000000000006</v>
      </c>
      <c r="C4787" t="str">
        <f>'CPT Data'!P4795</f>
        <v>CLAY</v>
      </c>
      <c r="D4787">
        <f>'CPT Data'!Q4795</f>
        <v>355.19688154046207</v>
      </c>
      <c r="E4787">
        <f t="shared" si="75"/>
        <v>401.31666726825051</v>
      </c>
      <c r="F4787">
        <f>IF(C4787="CLAY", INDEX(D$4:D4787, MATCH("CLAY", C$4:C4787, 0)), "")</f>
        <v>0.75203252561341039</v>
      </c>
    </row>
    <row r="4788" spans="1:6" x14ac:dyDescent="0.2">
      <c r="A4788" s="239">
        <f>'CPT Data'!B4796</f>
        <v>47.475000000000001</v>
      </c>
      <c r="B4788" s="3">
        <f>'CPT Data'!C4796</f>
        <v>47.468000000000004</v>
      </c>
      <c r="C4788" t="str">
        <f>'CPT Data'!P4796</f>
        <v>CLAY</v>
      </c>
      <c r="D4788">
        <f>'CPT Data'!Q4796</f>
        <v>314.68750760234047</v>
      </c>
      <c r="E4788">
        <f t="shared" si="75"/>
        <v>355.19688154046207</v>
      </c>
      <c r="F4788">
        <f>IF(C4788="CLAY", INDEX(D$4:D4788, MATCH("CLAY", C$4:C4788, 0)), "")</f>
        <v>0.75203252561341039</v>
      </c>
    </row>
    <row r="4789" spans="1:6" x14ac:dyDescent="0.2">
      <c r="A4789" s="239">
        <f>'CPT Data'!B4797</f>
        <v>47.484999999999999</v>
      </c>
      <c r="B4789" s="3">
        <f>'CPT Data'!C4797</f>
        <v>47.478000000000002</v>
      </c>
      <c r="C4789" t="str">
        <f>'CPT Data'!P4797</f>
        <v>CLAY</v>
      </c>
      <c r="D4789">
        <f>'CPT Data'!Q4797</f>
        <v>291.01997882019253</v>
      </c>
      <c r="E4789">
        <f t="shared" si="75"/>
        <v>314.68750760234047</v>
      </c>
      <c r="F4789">
        <f>IF(C4789="CLAY", INDEX(D$4:D4789, MATCH("CLAY", C$4:C4789, 0)), "")</f>
        <v>0.75203252561341039</v>
      </c>
    </row>
    <row r="4790" spans="1:6" x14ac:dyDescent="0.2">
      <c r="A4790" s="239">
        <f>'CPT Data'!B4798</f>
        <v>47.494999999999997</v>
      </c>
      <c r="B4790" s="3">
        <f>'CPT Data'!C4798</f>
        <v>47.488</v>
      </c>
      <c r="C4790" t="str">
        <f>'CPT Data'!P4798</f>
        <v>CLAY</v>
      </c>
      <c r="D4790">
        <f>'CPT Data'!Q4798</f>
        <v>277.36436743278711</v>
      </c>
      <c r="E4790">
        <f t="shared" si="75"/>
        <v>291.01997882019253</v>
      </c>
      <c r="F4790">
        <f>IF(C4790="CLAY", INDEX(D$4:D4790, MATCH("CLAY", C$4:C4790, 0)), "")</f>
        <v>0.75203252561341039</v>
      </c>
    </row>
    <row r="4791" spans="1:6" x14ac:dyDescent="0.2">
      <c r="A4791" s="239">
        <f>'CPT Data'!B4799</f>
        <v>47.505000000000003</v>
      </c>
      <c r="B4791" s="3">
        <f>'CPT Data'!C4799</f>
        <v>47.498000000000005</v>
      </c>
      <c r="C4791" t="str">
        <f>'CPT Data'!P4799</f>
        <v>CLAY</v>
      </c>
      <c r="D4791">
        <f>'CPT Data'!Q4799</f>
        <v>268.28422213827258</v>
      </c>
      <c r="E4791">
        <f t="shared" si="75"/>
        <v>277.36436743278711</v>
      </c>
      <c r="F4791">
        <f>IF(C4791="CLAY", INDEX(D$4:D4791, MATCH("CLAY", C$4:C4791, 0)), "")</f>
        <v>0.75203252561341039</v>
      </c>
    </row>
    <row r="4792" spans="1:6" x14ac:dyDescent="0.2">
      <c r="A4792" s="239">
        <f>'CPT Data'!B4800</f>
        <v>47.514000000000003</v>
      </c>
      <c r="B4792" s="3">
        <f>'CPT Data'!C4800</f>
        <v>47.507000000000005</v>
      </c>
      <c r="C4792" t="str">
        <f>'CPT Data'!P4800</f>
        <v>CLAY</v>
      </c>
      <c r="D4792">
        <f>'CPT Data'!Q4800</f>
        <v>275.2540108091269</v>
      </c>
      <c r="E4792">
        <f t="shared" si="75"/>
        <v>268.28422213827258</v>
      </c>
      <c r="F4792">
        <f>IF(C4792="CLAY", INDEX(D$4:D4792, MATCH("CLAY", C$4:C4792, 0)), "")</f>
        <v>0.75203252561341039</v>
      </c>
    </row>
    <row r="4793" spans="1:6" x14ac:dyDescent="0.2">
      <c r="A4793" s="239">
        <f>'CPT Data'!B4801</f>
        <v>47.524999999999999</v>
      </c>
      <c r="B4793" s="3">
        <f>'CPT Data'!C4801</f>
        <v>47.518000000000001</v>
      </c>
      <c r="C4793" t="str">
        <f>'CPT Data'!P4801</f>
        <v>CLAY</v>
      </c>
      <c r="D4793">
        <f>'CPT Data'!Q4801</f>
        <v>287.64638862426733</v>
      </c>
      <c r="E4793">
        <f t="shared" si="75"/>
        <v>275.2540108091269</v>
      </c>
      <c r="F4793">
        <f>IF(C4793="CLAY", INDEX(D$4:D4793, MATCH("CLAY", C$4:C4793, 0)), "")</f>
        <v>0.75203252561341039</v>
      </c>
    </row>
    <row r="4794" spans="1:6" x14ac:dyDescent="0.2">
      <c r="A4794" s="239">
        <f>'CPT Data'!B4802</f>
        <v>47.533999999999999</v>
      </c>
      <c r="B4794" s="3">
        <f>'CPT Data'!C4802</f>
        <v>47.527000000000001</v>
      </c>
      <c r="C4794" t="str">
        <f>'CPT Data'!P4802</f>
        <v>CLAY</v>
      </c>
      <c r="D4794">
        <f>'CPT Data'!Q4802</f>
        <v>304.63190167772831</v>
      </c>
      <c r="E4794">
        <f t="shared" si="75"/>
        <v>287.64638862426733</v>
      </c>
      <c r="F4794">
        <f>IF(C4794="CLAY", INDEX(D$4:D4794, MATCH("CLAY", C$4:C4794, 0)), "")</f>
        <v>0.75203252561341039</v>
      </c>
    </row>
    <row r="4795" spans="1:6" x14ac:dyDescent="0.2">
      <c r="A4795" s="239">
        <f>'CPT Data'!B4803</f>
        <v>47.542999999999999</v>
      </c>
      <c r="B4795" s="3">
        <f>'CPT Data'!C4803</f>
        <v>47.536000000000001</v>
      </c>
      <c r="C4795" t="str">
        <f>'CPT Data'!P4803</f>
        <v>CLAY</v>
      </c>
      <c r="D4795">
        <f>'CPT Data'!Q4803</f>
        <v>311.46106580611365</v>
      </c>
      <c r="E4795">
        <f t="shared" si="75"/>
        <v>304.63190167772831</v>
      </c>
      <c r="F4795">
        <f>IF(C4795="CLAY", INDEX(D$4:D4795, MATCH("CLAY", C$4:C4795, 0)), "")</f>
        <v>0.75203252561341039</v>
      </c>
    </row>
    <row r="4796" spans="1:6" x14ac:dyDescent="0.2">
      <c r="A4796" s="239">
        <f>'CPT Data'!B4804</f>
        <v>47.552999999999997</v>
      </c>
      <c r="B4796" s="3">
        <f>'CPT Data'!C4804</f>
        <v>47.545999999999999</v>
      </c>
      <c r="C4796" t="str">
        <f>'CPT Data'!P4804</f>
        <v>CLAY</v>
      </c>
      <c r="D4796">
        <f>'CPT Data'!Q4804</f>
        <v>335.71114289478413</v>
      </c>
      <c r="E4796">
        <f t="shared" si="75"/>
        <v>311.46106580611365</v>
      </c>
      <c r="F4796">
        <f>IF(C4796="CLAY", INDEX(D$4:D4796, MATCH("CLAY", C$4:C4796, 0)), "")</f>
        <v>0.75203252561341039</v>
      </c>
    </row>
    <row r="4797" spans="1:6" x14ac:dyDescent="0.2">
      <c r="A4797" s="239">
        <f>'CPT Data'!B4805</f>
        <v>47.563000000000002</v>
      </c>
      <c r="B4797" s="3">
        <f>'CPT Data'!C4805</f>
        <v>47.556000000000004</v>
      </c>
      <c r="C4797" t="str">
        <f>'CPT Data'!P4805</f>
        <v>CLAY</v>
      </c>
      <c r="D4797">
        <f>'CPT Data'!Q4805</f>
        <v>359.89568616612792</v>
      </c>
      <c r="E4797">
        <f t="shared" si="75"/>
        <v>335.71114289478413</v>
      </c>
      <c r="F4797">
        <f>IF(C4797="CLAY", INDEX(D$4:D4797, MATCH("CLAY", C$4:C4797, 0)), "")</f>
        <v>0.75203252561341039</v>
      </c>
    </row>
    <row r="4798" spans="1:6" x14ac:dyDescent="0.2">
      <c r="A4798" s="239">
        <f>'CPT Data'!B4806</f>
        <v>47.572000000000003</v>
      </c>
      <c r="B4798" s="3">
        <f>'CPT Data'!C4806</f>
        <v>47.565000000000005</v>
      </c>
      <c r="C4798" t="str">
        <f>'CPT Data'!P4806</f>
        <v>CLAY</v>
      </c>
      <c r="D4798">
        <f>'CPT Data'!Q4806</f>
        <v>380.08433154623043</v>
      </c>
      <c r="E4798">
        <f t="shared" si="75"/>
        <v>359.89568616612792</v>
      </c>
      <c r="F4798">
        <f>IF(C4798="CLAY", INDEX(D$4:D4798, MATCH("CLAY", C$4:C4798, 0)), "")</f>
        <v>0.75203252561341039</v>
      </c>
    </row>
    <row r="4799" spans="1:6" x14ac:dyDescent="0.2">
      <c r="A4799" s="239">
        <f>'CPT Data'!B4807</f>
        <v>47.582000000000001</v>
      </c>
      <c r="B4799" s="3">
        <f>'CPT Data'!C4807</f>
        <v>47.575000000000003</v>
      </c>
      <c r="C4799" t="str">
        <f>'CPT Data'!P4807</f>
        <v>CLAY</v>
      </c>
      <c r="D4799">
        <f>'CPT Data'!Q4807</f>
        <v>401.91776816056682</v>
      </c>
      <c r="E4799">
        <f t="shared" si="75"/>
        <v>380.08433154623043</v>
      </c>
      <c r="F4799">
        <f>IF(C4799="CLAY", INDEX(D$4:D4799, MATCH("CLAY", C$4:C4799, 0)), "")</f>
        <v>0.75203252561341039</v>
      </c>
    </row>
    <row r="4800" spans="1:6" x14ac:dyDescent="0.2">
      <c r="A4800" s="239">
        <f>'CPT Data'!B4808</f>
        <v>47.591000000000001</v>
      </c>
      <c r="B4800" s="3">
        <f>'CPT Data'!C4808</f>
        <v>47.584000000000003</v>
      </c>
      <c r="C4800" t="str">
        <f>'CPT Data'!P4808</f>
        <v>CLAY</v>
      </c>
      <c r="D4800">
        <f>'CPT Data'!Q4808</f>
        <v>437.10384138706996</v>
      </c>
      <c r="E4800">
        <f t="shared" si="75"/>
        <v>401.91776816056682</v>
      </c>
      <c r="F4800">
        <f>IF(C4800="CLAY", INDEX(D$4:D4800, MATCH("CLAY", C$4:C4800, 0)), "")</f>
        <v>0.75203252561341039</v>
      </c>
    </row>
    <row r="4801" spans="1:6" x14ac:dyDescent="0.2">
      <c r="A4801" s="239">
        <f>'CPT Data'!B4809</f>
        <v>47.600999999999999</v>
      </c>
      <c r="B4801" s="3">
        <f>'CPT Data'!C4809</f>
        <v>47.594000000000001</v>
      </c>
      <c r="C4801" t="str">
        <f>'CPT Data'!P4809</f>
        <v>CLAY</v>
      </c>
      <c r="D4801">
        <f>'CPT Data'!Q4809</f>
        <v>450.89593659752018</v>
      </c>
      <c r="E4801">
        <f t="shared" si="75"/>
        <v>437.10384138706996</v>
      </c>
      <c r="F4801">
        <f>IF(C4801="CLAY", INDEX(D$4:D4801, MATCH("CLAY", C$4:C4801, 0)), "")</f>
        <v>0.75203252561341039</v>
      </c>
    </row>
    <row r="4802" spans="1:6" x14ac:dyDescent="0.2">
      <c r="A4802" s="239">
        <f>'CPT Data'!B4810</f>
        <v>47.612000000000002</v>
      </c>
      <c r="B4802" s="3">
        <f>'CPT Data'!C4810</f>
        <v>47.605000000000004</v>
      </c>
      <c r="C4802" t="str">
        <f>'CPT Data'!P4810</f>
        <v>CLAY</v>
      </c>
      <c r="D4802">
        <f>'CPT Data'!Q4810</f>
        <v>470.13257519102262</v>
      </c>
      <c r="E4802">
        <f t="shared" si="75"/>
        <v>450.89593659752018</v>
      </c>
      <c r="F4802">
        <f>IF(C4802="CLAY", INDEX(D$4:D4802, MATCH("CLAY", C$4:C4802, 0)), "")</f>
        <v>0.75203252561341039</v>
      </c>
    </row>
    <row r="4803" spans="1:6" x14ac:dyDescent="0.2">
      <c r="A4803" s="239">
        <f>'CPT Data'!B4811</f>
        <v>47.621000000000002</v>
      </c>
      <c r="B4803" s="3">
        <f>'CPT Data'!C4811</f>
        <v>47.614000000000004</v>
      </c>
      <c r="C4803" t="str">
        <f>'CPT Data'!P4811</f>
        <v>CLAY</v>
      </c>
      <c r="D4803">
        <f>'CPT Data'!Q4811</f>
        <v>470.22279667921413</v>
      </c>
      <c r="E4803">
        <f t="shared" si="75"/>
        <v>470.13257519102262</v>
      </c>
      <c r="F4803">
        <f>IF(C4803="CLAY", INDEX(D$4:D4803, MATCH("CLAY", C$4:C4803, 0)), "")</f>
        <v>0.75203252561341039</v>
      </c>
    </row>
    <row r="4804" spans="1:6" x14ac:dyDescent="0.2">
      <c r="A4804" s="239">
        <f>'CPT Data'!B4812</f>
        <v>47.631</v>
      </c>
      <c r="B4804" s="3">
        <f>'CPT Data'!C4812</f>
        <v>47.624000000000002</v>
      </c>
      <c r="C4804" t="str">
        <f>'CPT Data'!P4812</f>
        <v>CLAY</v>
      </c>
      <c r="D4804">
        <f>'CPT Data'!Q4812</f>
        <v>472.39984895479597</v>
      </c>
      <c r="E4804">
        <f t="shared" si="75"/>
        <v>470.22279667921413</v>
      </c>
      <c r="F4804">
        <f>IF(C4804="CLAY", INDEX(D$4:D4804, MATCH("CLAY", C$4:C4804, 0)), "")</f>
        <v>0.75203252561341039</v>
      </c>
    </row>
    <row r="4805" spans="1:6" x14ac:dyDescent="0.2">
      <c r="A4805" s="239">
        <f>'CPT Data'!B4813</f>
        <v>47.640999999999998</v>
      </c>
      <c r="B4805" s="3">
        <f>'CPT Data'!C4813</f>
        <v>47.634</v>
      </c>
      <c r="C4805" t="str">
        <f>'CPT Data'!P4813</f>
        <v>CLAY</v>
      </c>
      <c r="D4805">
        <f>'CPT Data'!Q4813</f>
        <v>478.60519014147968</v>
      </c>
      <c r="E4805">
        <f t="shared" si="75"/>
        <v>472.39984895479597</v>
      </c>
      <c r="F4805">
        <f>IF(C4805="CLAY", INDEX(D$4:D4805, MATCH("CLAY", C$4:C4805, 0)), "")</f>
        <v>0.75203252561341039</v>
      </c>
    </row>
    <row r="4806" spans="1:6" x14ac:dyDescent="0.2">
      <c r="A4806" s="239">
        <f>'CPT Data'!B4814</f>
        <v>47.65</v>
      </c>
      <c r="B4806" s="3">
        <f>'CPT Data'!C4814</f>
        <v>47.643000000000001</v>
      </c>
      <c r="C4806" t="str">
        <f>'CPT Data'!P4814</f>
        <v>CLAY</v>
      </c>
      <c r="D4806">
        <f>'CPT Data'!Q4814</f>
        <v>485.76085108680695</v>
      </c>
      <c r="E4806">
        <f t="shared" si="75"/>
        <v>478.60519014147968</v>
      </c>
      <c r="F4806">
        <f>IF(C4806="CLAY", INDEX(D$4:D4806, MATCH("CLAY", C$4:C4806, 0)), "")</f>
        <v>0.75203252561341039</v>
      </c>
    </row>
    <row r="4807" spans="1:6" x14ac:dyDescent="0.2">
      <c r="A4807" s="239">
        <f>'CPT Data'!B4815</f>
        <v>47.661000000000001</v>
      </c>
      <c r="B4807" s="3">
        <f>'CPT Data'!C4815</f>
        <v>47.654000000000003</v>
      </c>
      <c r="C4807" t="str">
        <f>'CPT Data'!P4815</f>
        <v>CLAY</v>
      </c>
      <c r="D4807">
        <f>'CPT Data'!Q4815</f>
        <v>485.79835549119827</v>
      </c>
      <c r="E4807">
        <f t="shared" si="75"/>
        <v>485.76085108680695</v>
      </c>
      <c r="F4807">
        <f>IF(C4807="CLAY", INDEX(D$4:D4807, MATCH("CLAY", C$4:C4807, 0)), "")</f>
        <v>0.75203252561341039</v>
      </c>
    </row>
    <row r="4808" spans="1:6" x14ac:dyDescent="0.2">
      <c r="A4808" s="239">
        <f>'CPT Data'!B4816</f>
        <v>47.67</v>
      </c>
      <c r="B4808" s="3">
        <f>'CPT Data'!C4816</f>
        <v>47.663000000000004</v>
      </c>
      <c r="C4808" t="str">
        <f>'CPT Data'!P4816</f>
        <v>CLAY</v>
      </c>
      <c r="D4808">
        <f>'CPT Data'!Q4816</f>
        <v>493.93586230986631</v>
      </c>
      <c r="E4808">
        <f t="shared" si="75"/>
        <v>485.79835549119827</v>
      </c>
      <c r="F4808">
        <f>IF(C4808="CLAY", INDEX(D$4:D4808, MATCH("CLAY", C$4:C4808, 0)), "")</f>
        <v>0.75203252561341039</v>
      </c>
    </row>
    <row r="4809" spans="1:6" x14ac:dyDescent="0.2">
      <c r="A4809" s="239">
        <f>'CPT Data'!B4817</f>
        <v>47.68</v>
      </c>
      <c r="B4809" s="3">
        <f>'CPT Data'!C4817</f>
        <v>47.673000000000002</v>
      </c>
      <c r="C4809" t="str">
        <f>'CPT Data'!P4817</f>
        <v>CLAY</v>
      </c>
      <c r="D4809">
        <f>'CPT Data'!Q4817</f>
        <v>500.09474149357766</v>
      </c>
      <c r="E4809">
        <f t="shared" si="75"/>
        <v>493.93586230986631</v>
      </c>
      <c r="F4809">
        <f>IF(C4809="CLAY", INDEX(D$4:D4809, MATCH("CLAY", C$4:C4809, 0)), "")</f>
        <v>0.75203252561341039</v>
      </c>
    </row>
    <row r="4810" spans="1:6" x14ac:dyDescent="0.2">
      <c r="A4810" s="239">
        <f>'CPT Data'!B4818</f>
        <v>47.69</v>
      </c>
      <c r="B4810" s="3">
        <f>'CPT Data'!C4818</f>
        <v>47.683</v>
      </c>
      <c r="C4810" t="str">
        <f>'CPT Data'!P4818</f>
        <v>CLAY</v>
      </c>
      <c r="D4810">
        <f>'CPT Data'!Q4818</f>
        <v>471.75862425061047</v>
      </c>
      <c r="E4810">
        <f t="shared" si="75"/>
        <v>500.09474149357766</v>
      </c>
      <c r="F4810">
        <f>IF(C4810="CLAY", INDEX(D$4:D4810, MATCH("CLAY", C$4:C4810, 0)), "")</f>
        <v>0.75203252561341039</v>
      </c>
    </row>
    <row r="4811" spans="1:6" x14ac:dyDescent="0.2">
      <c r="A4811" s="239">
        <f>'CPT Data'!B4819</f>
        <v>47.7</v>
      </c>
      <c r="B4811" s="3">
        <f>'CPT Data'!C4819</f>
        <v>47.693000000000005</v>
      </c>
      <c r="C4811" t="str">
        <f>'CPT Data'!P4819</f>
        <v>CLAY</v>
      </c>
      <c r="D4811">
        <f>'CPT Data'!Q4819</f>
        <v>453.75889888874593</v>
      </c>
      <c r="E4811">
        <f t="shared" si="75"/>
        <v>471.75862425061047</v>
      </c>
      <c r="F4811">
        <f>IF(C4811="CLAY", INDEX(D$4:D4811, MATCH("CLAY", C$4:C4811, 0)), "")</f>
        <v>0.75203252561341039</v>
      </c>
    </row>
    <row r="4812" spans="1:6" x14ac:dyDescent="0.2">
      <c r="A4812" s="239">
        <f>'CPT Data'!B4820</f>
        <v>47.709000000000003</v>
      </c>
      <c r="B4812" s="3">
        <f>'CPT Data'!C4820</f>
        <v>47.702000000000005</v>
      </c>
      <c r="C4812" t="str">
        <f>'CPT Data'!P4820</f>
        <v>CLAY</v>
      </c>
      <c r="D4812">
        <f>'CPT Data'!Q4820</f>
        <v>448.05051037306407</v>
      </c>
      <c r="E4812">
        <f t="shared" si="75"/>
        <v>453.75889888874593</v>
      </c>
      <c r="F4812">
        <f>IF(C4812="CLAY", INDEX(D$4:D4812, MATCH("CLAY", C$4:C4812, 0)), "")</f>
        <v>0.75203252561341039</v>
      </c>
    </row>
    <row r="4813" spans="1:6" x14ac:dyDescent="0.2">
      <c r="A4813" s="239">
        <f>'CPT Data'!B4821</f>
        <v>47.719000000000001</v>
      </c>
      <c r="B4813" s="3">
        <f>'CPT Data'!C4821</f>
        <v>47.712000000000003</v>
      </c>
      <c r="C4813" t="str">
        <f>'CPT Data'!P4821</f>
        <v>CLAY</v>
      </c>
      <c r="D4813">
        <f>'CPT Data'!Q4821</f>
        <v>458.55215038870642</v>
      </c>
      <c r="E4813">
        <f t="shared" si="75"/>
        <v>448.05051037306407</v>
      </c>
      <c r="F4813">
        <f>IF(C4813="CLAY", INDEX(D$4:D4813, MATCH("CLAY", C$4:C4813, 0)), "")</f>
        <v>0.75203252561341039</v>
      </c>
    </row>
    <row r="4814" spans="1:6" x14ac:dyDescent="0.2">
      <c r="A4814" s="239">
        <f>'CPT Data'!B4822</f>
        <v>47.728000000000002</v>
      </c>
      <c r="B4814" s="3">
        <f>'CPT Data'!C4822</f>
        <v>47.721000000000004</v>
      </c>
      <c r="C4814" t="str">
        <f>'CPT Data'!P4822</f>
        <v>CLAY</v>
      </c>
      <c r="D4814">
        <f>'CPT Data'!Q4822</f>
        <v>466.62473921459724</v>
      </c>
      <c r="E4814">
        <f t="shared" si="75"/>
        <v>458.55215038870642</v>
      </c>
      <c r="F4814">
        <f>IF(C4814="CLAY", INDEX(D$4:D4814, MATCH("CLAY", C$4:C4814, 0)), "")</f>
        <v>0.75203252561341039</v>
      </c>
    </row>
    <row r="4815" spans="1:6" x14ac:dyDescent="0.2">
      <c r="A4815" s="239">
        <f>'CPT Data'!B4823</f>
        <v>47.738999999999997</v>
      </c>
      <c r="B4815" s="3">
        <f>'CPT Data'!C4823</f>
        <v>47.731999999999999</v>
      </c>
      <c r="C4815" t="str">
        <f>'CPT Data'!P4823</f>
        <v>CLAY</v>
      </c>
      <c r="D4815">
        <f>'CPT Data'!Q4823</f>
        <v>492.6560130535733</v>
      </c>
      <c r="E4815">
        <f t="shared" si="75"/>
        <v>466.62473921459724</v>
      </c>
      <c r="F4815">
        <f>IF(C4815="CLAY", INDEX(D$4:D4815, MATCH("CLAY", C$4:C4815, 0)), "")</f>
        <v>0.75203252561341039</v>
      </c>
    </row>
    <row r="4816" spans="1:6" x14ac:dyDescent="0.2">
      <c r="A4816" s="239">
        <f>'CPT Data'!B4824</f>
        <v>47.747999999999998</v>
      </c>
      <c r="B4816" s="3">
        <f>'CPT Data'!C4824</f>
        <v>47.741</v>
      </c>
      <c r="C4816" t="str">
        <f>'CPT Data'!P4824</f>
        <v>CLAY</v>
      </c>
      <c r="D4816">
        <f>'CPT Data'!Q4824</f>
        <v>511.44929549324507</v>
      </c>
      <c r="E4816">
        <f t="shared" si="75"/>
        <v>492.6560130535733</v>
      </c>
      <c r="F4816">
        <f>IF(C4816="CLAY", INDEX(D$4:D4816, MATCH("CLAY", C$4:C4816, 0)), "")</f>
        <v>0.75203252561341039</v>
      </c>
    </row>
    <row r="4817" spans="1:6" x14ac:dyDescent="0.2">
      <c r="A4817" s="239">
        <f>'CPT Data'!B4825</f>
        <v>47.756999999999998</v>
      </c>
      <c r="B4817" s="3">
        <f>'CPT Data'!C4825</f>
        <v>47.75</v>
      </c>
      <c r="C4817" t="str">
        <f>'CPT Data'!P4825</f>
        <v>CLAY</v>
      </c>
      <c r="D4817">
        <f>'CPT Data'!Q4825</f>
        <v>524.84564502025557</v>
      </c>
      <c r="E4817">
        <f t="shared" si="75"/>
        <v>511.44929549324507</v>
      </c>
      <c r="F4817">
        <f>IF(C4817="CLAY", INDEX(D$4:D4817, MATCH("CLAY", C$4:C4817, 0)), "")</f>
        <v>0.75203252561341039</v>
      </c>
    </row>
    <row r="4818" spans="1:6" x14ac:dyDescent="0.2">
      <c r="A4818" s="239">
        <f>'CPT Data'!B4826</f>
        <v>47.767000000000003</v>
      </c>
      <c r="B4818" s="3">
        <f>'CPT Data'!C4826</f>
        <v>47.760000000000005</v>
      </c>
      <c r="C4818" t="str">
        <f>'CPT Data'!P4826</f>
        <v>CLAY</v>
      </c>
      <c r="D4818">
        <f>'CPT Data'!Q4826</f>
        <v>544.57809868148831</v>
      </c>
      <c r="E4818">
        <f t="shared" si="75"/>
        <v>524.84564502025557</v>
      </c>
      <c r="F4818">
        <f>IF(C4818="CLAY", INDEX(D$4:D4818, MATCH("CLAY", C$4:C4818, 0)), "")</f>
        <v>0.75203252561341039</v>
      </c>
    </row>
    <row r="4819" spans="1:6" x14ac:dyDescent="0.2">
      <c r="A4819" s="239">
        <f>'CPT Data'!B4827</f>
        <v>47.776000000000003</v>
      </c>
      <c r="B4819" s="3">
        <f>'CPT Data'!C4827</f>
        <v>47.769000000000005</v>
      </c>
      <c r="C4819" t="str">
        <f>'CPT Data'!P4827</f>
        <v>CLAY</v>
      </c>
      <c r="D4819">
        <f>'CPT Data'!Q4827</f>
        <v>555.35950201937942</v>
      </c>
      <c r="E4819">
        <f t="shared" si="75"/>
        <v>544.57809868148831</v>
      </c>
      <c r="F4819">
        <f>IF(C4819="CLAY", INDEX(D$4:D4819, MATCH("CLAY", C$4:C4819, 0)), "")</f>
        <v>0.75203252561341039</v>
      </c>
    </row>
    <row r="4820" spans="1:6" x14ac:dyDescent="0.2">
      <c r="A4820" s="239">
        <f>'CPT Data'!B4828</f>
        <v>47.786999999999999</v>
      </c>
      <c r="B4820" s="3">
        <f>'CPT Data'!C4828</f>
        <v>47.78</v>
      </c>
      <c r="C4820" t="str">
        <f>'CPT Data'!P4828</f>
        <v>CLAY</v>
      </c>
      <c r="D4820">
        <f>'CPT Data'!Q4828</f>
        <v>575.42067236558455</v>
      </c>
      <c r="E4820">
        <f t="shared" si="75"/>
        <v>555.35950201937942</v>
      </c>
      <c r="F4820">
        <f>IF(C4820="CLAY", INDEX(D$4:D4820, MATCH("CLAY", C$4:C4820, 0)), "")</f>
        <v>0.75203252561341039</v>
      </c>
    </row>
    <row r="4821" spans="1:6" x14ac:dyDescent="0.2">
      <c r="A4821" s="239">
        <f>'CPT Data'!B4829</f>
        <v>47.795999999999999</v>
      </c>
      <c r="B4821" s="3">
        <f>'CPT Data'!C4829</f>
        <v>47.789000000000001</v>
      </c>
      <c r="C4821" t="str">
        <f>'CPT Data'!P4829</f>
        <v>CLAY</v>
      </c>
      <c r="D4821">
        <f>'CPT Data'!Q4829</f>
        <v>613.6197288256941</v>
      </c>
      <c r="E4821">
        <f t="shared" si="75"/>
        <v>575.42067236558455</v>
      </c>
      <c r="F4821">
        <f>IF(C4821="CLAY", INDEX(D$4:D4821, MATCH("CLAY", C$4:C4821, 0)), "")</f>
        <v>0.75203252561341039</v>
      </c>
    </row>
    <row r="4822" spans="1:6" x14ac:dyDescent="0.2">
      <c r="A4822" s="239">
        <f>'CPT Data'!B4830</f>
        <v>47.805999999999997</v>
      </c>
      <c r="B4822" s="3">
        <f>'CPT Data'!C4830</f>
        <v>47.798999999999999</v>
      </c>
      <c r="C4822" t="str">
        <f>'CPT Data'!P4830</f>
        <v>CLAY</v>
      </c>
      <c r="D4822">
        <f>'CPT Data'!Q4830</f>
        <v>649.14984278599979</v>
      </c>
      <c r="E4822">
        <f t="shared" si="75"/>
        <v>613.6197288256941</v>
      </c>
      <c r="F4822">
        <f>IF(C4822="CLAY", INDEX(D$4:D4822, MATCH("CLAY", C$4:C4822, 0)), "")</f>
        <v>0.75203252561341039</v>
      </c>
    </row>
    <row r="4823" spans="1:6" x14ac:dyDescent="0.2">
      <c r="A4823" s="239">
        <f>'CPT Data'!B4831</f>
        <v>47.816000000000003</v>
      </c>
      <c r="B4823" s="3">
        <f>'CPT Data'!C4831</f>
        <v>47.809000000000005</v>
      </c>
      <c r="C4823" t="str">
        <f>'CPT Data'!P4831</f>
        <v>CLAY</v>
      </c>
      <c r="D4823">
        <f>'CPT Data'!Q4831</f>
        <v>687.84366242937233</v>
      </c>
      <c r="E4823">
        <f t="shared" si="75"/>
        <v>649.14984278599979</v>
      </c>
      <c r="F4823">
        <f>IF(C4823="CLAY", INDEX(D$4:D4823, MATCH("CLAY", C$4:C4823, 0)), "")</f>
        <v>0.75203252561341039</v>
      </c>
    </row>
    <row r="4824" spans="1:6" x14ac:dyDescent="0.2">
      <c r="A4824" s="239">
        <f>'CPT Data'!B4832</f>
        <v>47.825000000000003</v>
      </c>
      <c r="B4824" s="3">
        <f>'CPT Data'!C4832</f>
        <v>47.818000000000005</v>
      </c>
      <c r="C4824" t="str">
        <f>'CPT Data'!P4832</f>
        <v>CLAY</v>
      </c>
      <c r="D4824">
        <f>'CPT Data'!Q4832</f>
        <v>723.58587339958683</v>
      </c>
      <c r="E4824">
        <f t="shared" si="75"/>
        <v>687.84366242937233</v>
      </c>
      <c r="F4824">
        <f>IF(C4824="CLAY", INDEX(D$4:D4824, MATCH("CLAY", C$4:C4824, 0)), "")</f>
        <v>0.75203252561341039</v>
      </c>
    </row>
    <row r="4825" spans="1:6" x14ac:dyDescent="0.2">
      <c r="A4825" s="239">
        <f>'CPT Data'!B4833</f>
        <v>47.834000000000003</v>
      </c>
      <c r="B4825" s="3">
        <f>'CPT Data'!C4833</f>
        <v>47.827000000000005</v>
      </c>
      <c r="C4825" t="str">
        <f>'CPT Data'!P4833</f>
        <v>CLAY</v>
      </c>
      <c r="D4825">
        <f>'CPT Data'!Q4833</f>
        <v>753.7509793803689</v>
      </c>
      <c r="E4825">
        <f t="shared" si="75"/>
        <v>723.58587339958683</v>
      </c>
      <c r="F4825">
        <f>IF(C4825="CLAY", INDEX(D$4:D4825, MATCH("CLAY", C$4:C4825, 0)), "")</f>
        <v>0.75203252561341039</v>
      </c>
    </row>
    <row r="4826" spans="1:6" x14ac:dyDescent="0.2">
      <c r="A4826" s="239">
        <f>'CPT Data'!B4834</f>
        <v>47.844999999999999</v>
      </c>
      <c r="B4826" s="3">
        <f>'CPT Data'!C4834</f>
        <v>47.838000000000001</v>
      </c>
      <c r="C4826" t="str">
        <f>'CPT Data'!P4834</f>
        <v>CLAY</v>
      </c>
      <c r="D4826">
        <f>'CPT Data'!Q4834</f>
        <v>770.28243350597006</v>
      </c>
      <c r="E4826">
        <f t="shared" si="75"/>
        <v>753.7509793803689</v>
      </c>
      <c r="F4826">
        <f>IF(C4826="CLAY", INDEX(D$4:D4826, MATCH("CLAY", C$4:C4826, 0)), "")</f>
        <v>0.75203252561341039</v>
      </c>
    </row>
    <row r="4827" spans="1:6" x14ac:dyDescent="0.2">
      <c r="A4827" s="239">
        <f>'CPT Data'!B4835</f>
        <v>47.853999999999999</v>
      </c>
      <c r="B4827" s="3">
        <f>'CPT Data'!C4835</f>
        <v>47.847000000000001</v>
      </c>
      <c r="C4827" t="str">
        <f>'CPT Data'!P4835</f>
        <v>CLAY</v>
      </c>
      <c r="D4827">
        <f>'CPT Data'!Q4835</f>
        <v>767.29523513080801</v>
      </c>
      <c r="E4827">
        <f t="shared" ref="E4827:E4890" si="76">IF(C4827="SAND",#N/A,IF(C4827=C4826,D4826,IF(C4827="CLAY",D4827,#N/A)))</f>
        <v>770.28243350597006</v>
      </c>
      <c r="F4827">
        <f>IF(C4827="CLAY", INDEX(D$4:D4827, MATCH("CLAY", C$4:C4827, 0)), "")</f>
        <v>0.75203252561341039</v>
      </c>
    </row>
    <row r="4828" spans="1:6" x14ac:dyDescent="0.2">
      <c r="A4828" s="239">
        <f>'CPT Data'!B4836</f>
        <v>47.863999999999997</v>
      </c>
      <c r="B4828" s="3">
        <f>'CPT Data'!C4836</f>
        <v>47.856999999999999</v>
      </c>
      <c r="C4828" t="str">
        <f>'CPT Data'!P4836</f>
        <v>CLAY</v>
      </c>
      <c r="D4828">
        <f>'CPT Data'!Q4836</f>
        <v>743.92959126796052</v>
      </c>
      <c r="E4828">
        <f t="shared" si="76"/>
        <v>767.29523513080801</v>
      </c>
      <c r="F4828">
        <f>IF(C4828="CLAY", INDEX(D$4:D4828, MATCH("CLAY", C$4:C4828, 0)), "")</f>
        <v>0.75203252561341039</v>
      </c>
    </row>
    <row r="4829" spans="1:6" x14ac:dyDescent="0.2">
      <c r="A4829" s="239">
        <f>'CPT Data'!B4837</f>
        <v>47.872999999999998</v>
      </c>
      <c r="B4829" s="3">
        <f>'CPT Data'!C4837</f>
        <v>47.866</v>
      </c>
      <c r="C4829" t="str">
        <f>'CPT Data'!P4837</f>
        <v>CLAY</v>
      </c>
      <c r="D4829">
        <f>'CPT Data'!Q4837</f>
        <v>724.47693359498589</v>
      </c>
      <c r="E4829">
        <f t="shared" si="76"/>
        <v>743.92959126796052</v>
      </c>
      <c r="F4829">
        <f>IF(C4829="CLAY", INDEX(D$4:D4829, MATCH("CLAY", C$4:C4829, 0)), "")</f>
        <v>0.75203252561341039</v>
      </c>
    </row>
    <row r="4830" spans="1:6" x14ac:dyDescent="0.2">
      <c r="A4830" s="239">
        <f>'CPT Data'!B4838</f>
        <v>47.884</v>
      </c>
      <c r="B4830" s="3">
        <f>'CPT Data'!C4838</f>
        <v>47.877000000000002</v>
      </c>
      <c r="C4830" t="str">
        <f>'CPT Data'!P4838</f>
        <v>CLAY</v>
      </c>
      <c r="D4830">
        <f>'CPT Data'!Q4838</f>
        <v>709.09040700303888</v>
      </c>
      <c r="E4830">
        <f t="shared" si="76"/>
        <v>724.47693359498589</v>
      </c>
      <c r="F4830">
        <f>IF(C4830="CLAY", INDEX(D$4:D4830, MATCH("CLAY", C$4:C4830, 0)), "")</f>
        <v>0.75203252561341039</v>
      </c>
    </row>
    <row r="4831" spans="1:6" x14ac:dyDescent="0.2">
      <c r="A4831" s="239">
        <f>'CPT Data'!B4839</f>
        <v>47.893000000000001</v>
      </c>
      <c r="B4831" s="3">
        <f>'CPT Data'!C4839</f>
        <v>47.886000000000003</v>
      </c>
      <c r="C4831" t="str">
        <f>'CPT Data'!P4839</f>
        <v>CLAY</v>
      </c>
      <c r="D4831">
        <f>'CPT Data'!Q4839</f>
        <v>702.1033793582543</v>
      </c>
      <c r="E4831">
        <f t="shared" si="76"/>
        <v>709.09040700303888</v>
      </c>
      <c r="F4831">
        <f>IF(C4831="CLAY", INDEX(D$4:D4831, MATCH("CLAY", C$4:C4831, 0)), "")</f>
        <v>0.75203252561341039</v>
      </c>
    </row>
    <row r="4832" spans="1:6" x14ac:dyDescent="0.2">
      <c r="A4832" s="239">
        <f>'CPT Data'!B4840</f>
        <v>47.902000000000001</v>
      </c>
      <c r="B4832" s="3">
        <f>'CPT Data'!C4840</f>
        <v>47.895000000000003</v>
      </c>
      <c r="C4832" t="str">
        <f>'CPT Data'!P4840</f>
        <v>CLAY</v>
      </c>
      <c r="D4832">
        <f>'CPT Data'!Q4840</f>
        <v>716.77829691544821</v>
      </c>
      <c r="E4832">
        <f t="shared" si="76"/>
        <v>702.1033793582543</v>
      </c>
      <c r="F4832">
        <f>IF(C4832="CLAY", INDEX(D$4:D4832, MATCH("CLAY", C$4:C4832, 0)), "")</f>
        <v>0.75203252561341039</v>
      </c>
    </row>
    <row r="4833" spans="1:6" x14ac:dyDescent="0.2">
      <c r="A4833" s="239">
        <f>'CPT Data'!B4841</f>
        <v>47.912999999999997</v>
      </c>
      <c r="B4833" s="3">
        <f>'CPT Data'!C4841</f>
        <v>47.905999999999999</v>
      </c>
      <c r="C4833" t="str">
        <f>'CPT Data'!P4841</f>
        <v>CLAY</v>
      </c>
      <c r="D4833">
        <f>'CPT Data'!Q4841</f>
        <v>718.23059151575364</v>
      </c>
      <c r="E4833">
        <f t="shared" si="76"/>
        <v>716.77829691544821</v>
      </c>
      <c r="F4833">
        <f>IF(C4833="CLAY", INDEX(D$4:D4833, MATCH("CLAY", C$4:C4833, 0)), "")</f>
        <v>0.75203252561341039</v>
      </c>
    </row>
    <row r="4834" spans="1:6" x14ac:dyDescent="0.2">
      <c r="A4834" s="239">
        <f>'CPT Data'!B4842</f>
        <v>47.920999999999999</v>
      </c>
      <c r="B4834" s="3">
        <f>'CPT Data'!C4842</f>
        <v>47.914000000000001</v>
      </c>
      <c r="C4834" t="str">
        <f>'CPT Data'!P4842</f>
        <v>CLAY</v>
      </c>
      <c r="D4834">
        <f>'CPT Data'!Q4842</f>
        <v>711.10742327617106</v>
      </c>
      <c r="E4834">
        <f t="shared" si="76"/>
        <v>718.23059151575364</v>
      </c>
      <c r="F4834">
        <f>IF(C4834="CLAY", INDEX(D$4:D4834, MATCH("CLAY", C$4:C4834, 0)), "")</f>
        <v>0.75203252561341039</v>
      </c>
    </row>
    <row r="4835" spans="1:6" x14ac:dyDescent="0.2">
      <c r="A4835" s="239">
        <f>'CPT Data'!B4843</f>
        <v>47.932000000000002</v>
      </c>
      <c r="B4835" s="3">
        <f>'CPT Data'!C4843</f>
        <v>47.925000000000004</v>
      </c>
      <c r="C4835" t="str">
        <f>'CPT Data'!P4843</f>
        <v>CLAY</v>
      </c>
      <c r="D4835">
        <f>'CPT Data'!Q4843</f>
        <v>697.97407302556167</v>
      </c>
      <c r="E4835">
        <f t="shared" si="76"/>
        <v>711.10742327617106</v>
      </c>
      <c r="F4835">
        <f>IF(C4835="CLAY", INDEX(D$4:D4835, MATCH("CLAY", C$4:C4835, 0)), "")</f>
        <v>0.75203252561341039</v>
      </c>
    </row>
    <row r="4836" spans="1:6" x14ac:dyDescent="0.2">
      <c r="A4836" s="239">
        <f>'CPT Data'!B4844</f>
        <v>47.941000000000003</v>
      </c>
      <c r="B4836" s="3">
        <f>'CPT Data'!C4844</f>
        <v>47.934000000000005</v>
      </c>
      <c r="C4836" t="str">
        <f>'CPT Data'!P4844</f>
        <v>CLAY</v>
      </c>
      <c r="D4836">
        <f>'CPT Data'!Q4844</f>
        <v>676.31440673714064</v>
      </c>
      <c r="E4836">
        <f t="shared" si="76"/>
        <v>697.97407302556167</v>
      </c>
      <c r="F4836">
        <f>IF(C4836="CLAY", INDEX(D$4:D4836, MATCH("CLAY", C$4:C4836, 0)), "")</f>
        <v>0.75203252561341039</v>
      </c>
    </row>
    <row r="4837" spans="1:6" x14ac:dyDescent="0.2">
      <c r="A4837" s="239">
        <f>'CPT Data'!B4845</f>
        <v>47.951000000000001</v>
      </c>
      <c r="B4837" s="3">
        <f>'CPT Data'!C4845</f>
        <v>47.944000000000003</v>
      </c>
      <c r="C4837" t="str">
        <f>'CPT Data'!P4845</f>
        <v>CLAY</v>
      </c>
      <c r="D4837">
        <f>'CPT Data'!Q4845</f>
        <v>643.60941999416548</v>
      </c>
      <c r="E4837">
        <f t="shared" si="76"/>
        <v>676.31440673714064</v>
      </c>
      <c r="F4837">
        <f>IF(C4837="CLAY", INDEX(D$4:D4837, MATCH("CLAY", C$4:C4837, 0)), "")</f>
        <v>0.75203252561341039</v>
      </c>
    </row>
    <row r="4838" spans="1:6" x14ac:dyDescent="0.2">
      <c r="A4838" s="239">
        <f>'CPT Data'!B4846</f>
        <v>47.960999999999999</v>
      </c>
      <c r="B4838" s="3">
        <f>'CPT Data'!C4846</f>
        <v>47.954000000000001</v>
      </c>
      <c r="C4838" t="str">
        <f>'CPT Data'!P4846</f>
        <v>CLAY</v>
      </c>
      <c r="D4838">
        <f>'CPT Data'!Q4846</f>
        <v>624.02230699708696</v>
      </c>
      <c r="E4838">
        <f t="shared" si="76"/>
        <v>643.60941999416548</v>
      </c>
      <c r="F4838">
        <f>IF(C4838="CLAY", INDEX(D$4:D4838, MATCH("CLAY", C$4:C4838, 0)), "")</f>
        <v>0.75203252561341039</v>
      </c>
    </row>
    <row r="4839" spans="1:6" x14ac:dyDescent="0.2">
      <c r="A4839" s="239">
        <f>'CPT Data'!B4847</f>
        <v>47.970999999999997</v>
      </c>
      <c r="B4839" s="3">
        <f>'CPT Data'!C4847</f>
        <v>47.963999999999999</v>
      </c>
      <c r="C4839" t="str">
        <f>'CPT Data'!P4847</f>
        <v>CLAY</v>
      </c>
      <c r="D4839">
        <f>'CPT Data'!Q4847</f>
        <v>596.1781031508076</v>
      </c>
      <c r="E4839">
        <f t="shared" si="76"/>
        <v>624.02230699708696</v>
      </c>
      <c r="F4839">
        <f>IF(C4839="CLAY", INDEX(D$4:D4839, MATCH("CLAY", C$4:C4839, 0)), "")</f>
        <v>0.75203252561341039</v>
      </c>
    </row>
    <row r="4840" spans="1:6" x14ac:dyDescent="0.2">
      <c r="A4840" s="239">
        <f>'CPT Data'!B4848</f>
        <v>47.981000000000002</v>
      </c>
      <c r="B4840" s="3">
        <f>'CPT Data'!C4848</f>
        <v>47.974000000000004</v>
      </c>
      <c r="C4840" t="str">
        <f>'CPT Data'!P4848</f>
        <v>CLAY</v>
      </c>
      <c r="D4840">
        <f>'CPT Data'!Q4848</f>
        <v>570.87538930115238</v>
      </c>
      <c r="E4840">
        <f t="shared" si="76"/>
        <v>596.1781031508076</v>
      </c>
      <c r="F4840">
        <f>IF(C4840="CLAY", INDEX(D$4:D4840, MATCH("CLAY", C$4:C4840, 0)), "")</f>
        <v>0.75203252561341039</v>
      </c>
    </row>
    <row r="4841" spans="1:6" x14ac:dyDescent="0.2">
      <c r="A4841" s="239">
        <f>'CPT Data'!B4849</f>
        <v>47.99</v>
      </c>
      <c r="B4841" s="3">
        <f>'CPT Data'!C4849</f>
        <v>47.983000000000004</v>
      </c>
      <c r="C4841" t="str">
        <f>'CPT Data'!P4849</f>
        <v>CLAY</v>
      </c>
      <c r="D4841">
        <f>'CPT Data'!Q4849</f>
        <v>564.38633544607626</v>
      </c>
      <c r="E4841">
        <f t="shared" si="76"/>
        <v>570.87538930115238</v>
      </c>
      <c r="F4841">
        <f>IF(C4841="CLAY", INDEX(D$4:D4841, MATCH("CLAY", C$4:C4841, 0)), "")</f>
        <v>0.75203252561341039</v>
      </c>
    </row>
    <row r="4842" spans="1:6" x14ac:dyDescent="0.2">
      <c r="A4842" s="239">
        <f>'CPT Data'!B4850</f>
        <v>48.000999999999998</v>
      </c>
      <c r="B4842" s="3">
        <f>'CPT Data'!C4850</f>
        <v>47.994</v>
      </c>
      <c r="C4842" t="str">
        <f>'CPT Data'!P4850</f>
        <v>CLAY</v>
      </c>
      <c r="D4842">
        <f>'CPT Data'!Q4850</f>
        <v>570.39679371429372</v>
      </c>
      <c r="E4842">
        <f t="shared" si="76"/>
        <v>564.38633544607626</v>
      </c>
      <c r="F4842">
        <f>IF(C4842="CLAY", INDEX(D$4:D4842, MATCH("CLAY", C$4:C4842, 0)), "")</f>
        <v>0.75203252561341039</v>
      </c>
    </row>
    <row r="4843" spans="1:6" x14ac:dyDescent="0.2">
      <c r="A4843" s="239">
        <f>'CPT Data'!B4851</f>
        <v>48.01</v>
      </c>
      <c r="B4843" s="3">
        <f>'CPT Data'!C4851</f>
        <v>48.003</v>
      </c>
      <c r="C4843" t="str">
        <f>'CPT Data'!P4851</f>
        <v>CLAY</v>
      </c>
      <c r="D4843">
        <f>'CPT Data'!Q4851</f>
        <v>562.25367942028026</v>
      </c>
      <c r="E4843">
        <f t="shared" si="76"/>
        <v>570.39679371429372</v>
      </c>
      <c r="F4843">
        <f>IF(C4843="CLAY", INDEX(D$4:D4843, MATCH("CLAY", C$4:C4843, 0)), "")</f>
        <v>0.75203252561341039</v>
      </c>
    </row>
    <row r="4844" spans="1:6" x14ac:dyDescent="0.2">
      <c r="A4844" s="239">
        <f>'CPT Data'!B4852</f>
        <v>48.02</v>
      </c>
      <c r="B4844" s="3">
        <f>'CPT Data'!C4852</f>
        <v>48.013000000000005</v>
      </c>
      <c r="C4844" t="str">
        <f>'CPT Data'!P4852</f>
        <v>CLAY</v>
      </c>
      <c r="D4844">
        <f>'CPT Data'!Q4852</f>
        <v>565.1778130892742</v>
      </c>
      <c r="E4844">
        <f t="shared" si="76"/>
        <v>562.25367942028026</v>
      </c>
      <c r="F4844">
        <f>IF(C4844="CLAY", INDEX(D$4:D4844, MATCH("CLAY", C$4:C4844, 0)), "")</f>
        <v>0.75203252561341039</v>
      </c>
    </row>
    <row r="4845" spans="1:6" x14ac:dyDescent="0.2">
      <c r="A4845" s="239">
        <f>'CPT Data'!B4853</f>
        <v>48.029000000000003</v>
      </c>
      <c r="B4845" s="3">
        <f>'CPT Data'!C4853</f>
        <v>48.022000000000006</v>
      </c>
      <c r="C4845" t="str">
        <f>'CPT Data'!P4853</f>
        <v>CLAY</v>
      </c>
      <c r="D4845">
        <f>'CPT Data'!Q4853</f>
        <v>571.01017352999213</v>
      </c>
      <c r="E4845">
        <f t="shared" si="76"/>
        <v>565.1778130892742</v>
      </c>
      <c r="F4845">
        <f>IF(C4845="CLAY", INDEX(D$4:D4845, MATCH("CLAY", C$4:C4845, 0)), "")</f>
        <v>0.75203252561341039</v>
      </c>
    </row>
    <row r="4846" spans="1:6" x14ac:dyDescent="0.2">
      <c r="A4846" s="239">
        <f>'CPT Data'!B4854</f>
        <v>48.039000000000001</v>
      </c>
      <c r="B4846" s="3">
        <f>'CPT Data'!C4854</f>
        <v>48.032000000000004</v>
      </c>
      <c r="C4846" t="str">
        <f>'CPT Data'!P4854</f>
        <v>CLAY</v>
      </c>
      <c r="D4846">
        <f>'CPT Data'!Q4854</f>
        <v>570.19294419758023</v>
      </c>
      <c r="E4846">
        <f t="shared" si="76"/>
        <v>571.01017352999213</v>
      </c>
      <c r="F4846">
        <f>IF(C4846="CLAY", INDEX(D$4:D4846, MATCH("CLAY", C$4:C4846, 0)), "")</f>
        <v>0.75203252561341039</v>
      </c>
    </row>
    <row r="4847" spans="1:6" x14ac:dyDescent="0.2">
      <c r="A4847" s="239">
        <f>'CPT Data'!B4855</f>
        <v>48.048000000000002</v>
      </c>
      <c r="B4847" s="3">
        <f>'CPT Data'!C4855</f>
        <v>48.041000000000004</v>
      </c>
      <c r="C4847" t="str">
        <f>'CPT Data'!P4855</f>
        <v>CLAY</v>
      </c>
      <c r="D4847">
        <f>'CPT Data'!Q4855</f>
        <v>554.71571799119295</v>
      </c>
      <c r="E4847">
        <f t="shared" si="76"/>
        <v>570.19294419758023</v>
      </c>
      <c r="F4847">
        <f>IF(C4847="CLAY", INDEX(D$4:D4847, MATCH("CLAY", C$4:C4847, 0)), "")</f>
        <v>0.75203252561341039</v>
      </c>
    </row>
    <row r="4848" spans="1:6" x14ac:dyDescent="0.2">
      <c r="A4848" s="239">
        <f>'CPT Data'!B4856</f>
        <v>48.058999999999997</v>
      </c>
      <c r="B4848" s="3">
        <f>'CPT Data'!C4856</f>
        <v>48.052</v>
      </c>
      <c r="C4848" t="str">
        <f>'CPT Data'!P4856</f>
        <v>CLAY</v>
      </c>
      <c r="D4848">
        <f>'CPT Data'!Q4856</f>
        <v>554.09597954463936</v>
      </c>
      <c r="E4848">
        <f t="shared" si="76"/>
        <v>554.71571799119295</v>
      </c>
      <c r="F4848">
        <f>IF(C4848="CLAY", INDEX(D$4:D4848, MATCH("CLAY", C$4:C4848, 0)), "")</f>
        <v>0.75203252561341039</v>
      </c>
    </row>
    <row r="4849" spans="1:6" x14ac:dyDescent="0.2">
      <c r="A4849" s="239">
        <f>'CPT Data'!B4857</f>
        <v>48.067999999999998</v>
      </c>
      <c r="B4849" s="3">
        <f>'CPT Data'!C4857</f>
        <v>48.061</v>
      </c>
      <c r="C4849" t="str">
        <f>'CPT Data'!P4857</f>
        <v>CLAY</v>
      </c>
      <c r="D4849">
        <f>'CPT Data'!Q4857</f>
        <v>548.49675647949311</v>
      </c>
      <c r="E4849">
        <f t="shared" si="76"/>
        <v>554.09597954463936</v>
      </c>
      <c r="F4849">
        <f>IF(C4849="CLAY", INDEX(D$4:D4849, MATCH("CLAY", C$4:C4849, 0)), "")</f>
        <v>0.75203252561341039</v>
      </c>
    </row>
    <row r="4850" spans="1:6" x14ac:dyDescent="0.2">
      <c r="A4850" s="239">
        <f>'CPT Data'!B4858</f>
        <v>48.078000000000003</v>
      </c>
      <c r="B4850" s="3">
        <f>'CPT Data'!C4858</f>
        <v>48.071000000000005</v>
      </c>
      <c r="C4850" t="str">
        <f>'CPT Data'!P4858</f>
        <v>CLAY</v>
      </c>
      <c r="D4850">
        <f>'CPT Data'!Q4858</f>
        <v>544.12401696089262</v>
      </c>
      <c r="E4850">
        <f t="shared" si="76"/>
        <v>548.49675647949311</v>
      </c>
      <c r="F4850">
        <f>IF(C4850="CLAY", INDEX(D$4:D4850, MATCH("CLAY", C$4:C4850, 0)), "")</f>
        <v>0.75203252561341039</v>
      </c>
    </row>
    <row r="4851" spans="1:6" x14ac:dyDescent="0.2">
      <c r="A4851" s="239">
        <f>'CPT Data'!B4859</f>
        <v>48.088000000000001</v>
      </c>
      <c r="B4851" s="3">
        <f>'CPT Data'!C4859</f>
        <v>48.081000000000003</v>
      </c>
      <c r="C4851" t="str">
        <f>'CPT Data'!P4859</f>
        <v>CLAY</v>
      </c>
      <c r="D4851">
        <f>'CPT Data'!Q4859</f>
        <v>543.13681494541936</v>
      </c>
      <c r="E4851">
        <f t="shared" si="76"/>
        <v>544.12401696089262</v>
      </c>
      <c r="F4851">
        <f>IF(C4851="CLAY", INDEX(D$4:D4851, MATCH("CLAY", C$4:C4851, 0)), "")</f>
        <v>0.75203252561341039</v>
      </c>
    </row>
    <row r="4852" spans="1:6" x14ac:dyDescent="0.2">
      <c r="A4852" s="239">
        <f>'CPT Data'!B4860</f>
        <v>48.097000000000001</v>
      </c>
      <c r="B4852" s="3">
        <f>'CPT Data'!C4860</f>
        <v>48.09</v>
      </c>
      <c r="C4852" t="str">
        <f>'CPT Data'!P4860</f>
        <v>CLAY</v>
      </c>
      <c r="D4852">
        <f>'CPT Data'!Q4860</f>
        <v>545.16449875997864</v>
      </c>
      <c r="E4852">
        <f t="shared" si="76"/>
        <v>543.13681494541936</v>
      </c>
      <c r="F4852">
        <f>IF(C4852="CLAY", INDEX(D$4:D4852, MATCH("CLAY", C$4:C4852, 0)), "")</f>
        <v>0.75203252561341039</v>
      </c>
    </row>
    <row r="4853" spans="1:6" x14ac:dyDescent="0.2">
      <c r="A4853" s="239">
        <f>'CPT Data'!B4861</f>
        <v>48.107999999999997</v>
      </c>
      <c r="B4853" s="3">
        <f>'CPT Data'!C4861</f>
        <v>48.100999999999999</v>
      </c>
      <c r="C4853" t="str">
        <f>'CPT Data'!P4861</f>
        <v>CLAY</v>
      </c>
      <c r="D4853">
        <f>'CPT Data'!Q4861</f>
        <v>532.12469203914316</v>
      </c>
      <c r="E4853">
        <f t="shared" si="76"/>
        <v>545.16449875997864</v>
      </c>
      <c r="F4853">
        <f>IF(C4853="CLAY", INDEX(D$4:D4853, MATCH("CLAY", C$4:C4853, 0)), "")</f>
        <v>0.75203252561341039</v>
      </c>
    </row>
    <row r="4854" spans="1:6" x14ac:dyDescent="0.2">
      <c r="A4854" s="239">
        <f>'CPT Data'!B4862</f>
        <v>48.116999999999997</v>
      </c>
      <c r="B4854" s="3">
        <f>'CPT Data'!C4862</f>
        <v>48.11</v>
      </c>
      <c r="C4854" t="str">
        <f>'CPT Data'!P4862</f>
        <v>CLAY</v>
      </c>
      <c r="D4854">
        <f>'CPT Data'!Q4862</f>
        <v>512.65363953671419</v>
      </c>
      <c r="E4854">
        <f t="shared" si="76"/>
        <v>532.12469203914316</v>
      </c>
      <c r="F4854">
        <f>IF(C4854="CLAY", INDEX(D$4:D4854, MATCH("CLAY", C$4:C4854, 0)), "")</f>
        <v>0.75203252561341039</v>
      </c>
    </row>
    <row r="4855" spans="1:6" x14ac:dyDescent="0.2">
      <c r="A4855" s="239">
        <f>'CPT Data'!B4863</f>
        <v>48.125999999999998</v>
      </c>
      <c r="B4855" s="3">
        <f>'CPT Data'!C4863</f>
        <v>48.119</v>
      </c>
      <c r="C4855" t="str">
        <f>'CPT Data'!P4863</f>
        <v>CLAY</v>
      </c>
      <c r="D4855">
        <f>'CPT Data'!Q4863</f>
        <v>478.37563485433947</v>
      </c>
      <c r="E4855">
        <f t="shared" si="76"/>
        <v>512.65363953671419</v>
      </c>
      <c r="F4855">
        <f>IF(C4855="CLAY", INDEX(D$4:D4855, MATCH("CLAY", C$4:C4855, 0)), "")</f>
        <v>0.75203252561341039</v>
      </c>
    </row>
    <row r="4856" spans="1:6" x14ac:dyDescent="0.2">
      <c r="A4856" s="239">
        <f>'CPT Data'!B4864</f>
        <v>48.137</v>
      </c>
      <c r="B4856" s="3">
        <f>'CPT Data'!C4864</f>
        <v>48.13</v>
      </c>
      <c r="C4856" t="str">
        <f>'CPT Data'!P4864</f>
        <v>CLAY</v>
      </c>
      <c r="D4856">
        <f>'CPT Data'!Q4864</f>
        <v>466.60404231734611</v>
      </c>
      <c r="E4856">
        <f t="shared" si="76"/>
        <v>478.37563485433947</v>
      </c>
      <c r="F4856">
        <f>IF(C4856="CLAY", INDEX(D$4:D4856, MATCH("CLAY", C$4:C4856, 0)), "")</f>
        <v>0.75203252561341039</v>
      </c>
    </row>
    <row r="4857" spans="1:6" x14ac:dyDescent="0.2">
      <c r="A4857" s="239">
        <f>'CPT Data'!B4865</f>
        <v>48.146000000000001</v>
      </c>
      <c r="B4857" s="3">
        <f>'CPT Data'!C4865</f>
        <v>48.139000000000003</v>
      </c>
      <c r="C4857" t="str">
        <f>'CPT Data'!P4865</f>
        <v>CLAY</v>
      </c>
      <c r="D4857">
        <f>'CPT Data'!Q4865</f>
        <v>455.56452586584055</v>
      </c>
      <c r="E4857">
        <f t="shared" si="76"/>
        <v>466.60404231734611</v>
      </c>
      <c r="F4857">
        <f>IF(C4857="CLAY", INDEX(D$4:D4857, MATCH("CLAY", C$4:C4857, 0)), "")</f>
        <v>0.75203252561341039</v>
      </c>
    </row>
    <row r="4858" spans="1:6" x14ac:dyDescent="0.2">
      <c r="A4858" s="239">
        <f>'CPT Data'!B4866</f>
        <v>48.156999999999996</v>
      </c>
      <c r="B4858" s="3">
        <f>'CPT Data'!C4866</f>
        <v>48.15</v>
      </c>
      <c r="C4858" t="str">
        <f>'CPT Data'!P4866</f>
        <v>CLAY</v>
      </c>
      <c r="D4858">
        <f>'CPT Data'!Q4866</f>
        <v>450.00202378083645</v>
      </c>
      <c r="E4858">
        <f t="shared" si="76"/>
        <v>455.56452586584055</v>
      </c>
      <c r="F4858">
        <f>IF(C4858="CLAY", INDEX(D$4:D4858, MATCH("CLAY", C$4:C4858, 0)), "")</f>
        <v>0.75203252561341039</v>
      </c>
    </row>
    <row r="4859" spans="1:6" x14ac:dyDescent="0.2">
      <c r="A4859" s="239">
        <f>'CPT Data'!B4867</f>
        <v>48.165999999999997</v>
      </c>
      <c r="B4859" s="3">
        <f>'CPT Data'!C4867</f>
        <v>48.158999999999999</v>
      </c>
      <c r="C4859" t="str">
        <f>'CPT Data'!P4867</f>
        <v>CLAY</v>
      </c>
      <c r="D4859">
        <f>'CPT Data'!Q4867</f>
        <v>447.37764613203899</v>
      </c>
      <c r="E4859">
        <f t="shared" si="76"/>
        <v>450.00202378083645</v>
      </c>
      <c r="F4859">
        <f>IF(C4859="CLAY", INDEX(D$4:D4859, MATCH("CLAY", C$4:C4859, 0)), "")</f>
        <v>0.75203252561341039</v>
      </c>
    </row>
    <row r="4860" spans="1:6" x14ac:dyDescent="0.2">
      <c r="A4860" s="239">
        <f>'CPT Data'!B4868</f>
        <v>48.174999999999997</v>
      </c>
      <c r="B4860" s="3">
        <f>'CPT Data'!C4868</f>
        <v>48.167999999999999</v>
      </c>
      <c r="C4860" t="str">
        <f>'CPT Data'!P4868</f>
        <v>CLAY</v>
      </c>
      <c r="D4860">
        <f>'CPT Data'!Q4868</f>
        <v>440.22560494197552</v>
      </c>
      <c r="E4860">
        <f t="shared" si="76"/>
        <v>447.37764613203899</v>
      </c>
      <c r="F4860">
        <f>IF(C4860="CLAY", INDEX(D$4:D4860, MATCH("CLAY", C$4:C4860, 0)), "")</f>
        <v>0.75203252561341039</v>
      </c>
    </row>
    <row r="4861" spans="1:6" x14ac:dyDescent="0.2">
      <c r="A4861" s="239">
        <f>'CPT Data'!B4869</f>
        <v>48.185000000000002</v>
      </c>
      <c r="B4861" s="3">
        <f>'CPT Data'!C4869</f>
        <v>48.178000000000004</v>
      </c>
      <c r="C4861" t="str">
        <f>'CPT Data'!P4869</f>
        <v>CLAY</v>
      </c>
      <c r="D4861">
        <f>'CPT Data'!Q4869</f>
        <v>445.80579097368064</v>
      </c>
      <c r="E4861">
        <f t="shared" si="76"/>
        <v>440.22560494197552</v>
      </c>
      <c r="F4861">
        <f>IF(C4861="CLAY", INDEX(D$4:D4861, MATCH("CLAY", C$4:C4861, 0)), "")</f>
        <v>0.75203252561341039</v>
      </c>
    </row>
    <row r="4862" spans="1:6" x14ac:dyDescent="0.2">
      <c r="A4862" s="239">
        <f>'CPT Data'!B4870</f>
        <v>48.194000000000003</v>
      </c>
      <c r="B4862" s="3">
        <f>'CPT Data'!C4870</f>
        <v>48.187000000000005</v>
      </c>
      <c r="C4862" t="str">
        <f>'CPT Data'!P4870</f>
        <v>CLAY</v>
      </c>
      <c r="D4862">
        <f>'CPT Data'!Q4870</f>
        <v>468.14009536148325</v>
      </c>
      <c r="E4862">
        <f t="shared" si="76"/>
        <v>445.80579097368064</v>
      </c>
      <c r="F4862">
        <f>IF(C4862="CLAY", INDEX(D$4:D4862, MATCH("CLAY", C$4:C4862, 0)), "")</f>
        <v>0.75203252561341039</v>
      </c>
    </row>
    <row r="4863" spans="1:6" x14ac:dyDescent="0.2">
      <c r="A4863" s="239">
        <f>'CPT Data'!B4871</f>
        <v>48.204999999999998</v>
      </c>
      <c r="B4863" s="3">
        <f>'CPT Data'!C4871</f>
        <v>48.198</v>
      </c>
      <c r="C4863" t="str">
        <f>'CPT Data'!P4871</f>
        <v>CLAY</v>
      </c>
      <c r="D4863">
        <f>'CPT Data'!Q4871</f>
        <v>497.88009520439761</v>
      </c>
      <c r="E4863">
        <f t="shared" si="76"/>
        <v>468.14009536148325</v>
      </c>
      <c r="F4863">
        <f>IF(C4863="CLAY", INDEX(D$4:D4863, MATCH("CLAY", C$4:C4863, 0)), "")</f>
        <v>0.75203252561341039</v>
      </c>
    </row>
    <row r="4864" spans="1:6" x14ac:dyDescent="0.2">
      <c r="A4864" s="239">
        <f>'CPT Data'!B4872</f>
        <v>48.213999999999999</v>
      </c>
      <c r="B4864" s="3">
        <f>'CPT Data'!C4872</f>
        <v>48.207000000000001</v>
      </c>
      <c r="C4864" t="str">
        <f>'CPT Data'!P4872</f>
        <v>CLAY</v>
      </c>
      <c r="D4864">
        <f>'CPT Data'!Q4872</f>
        <v>536.7738176142949</v>
      </c>
      <c r="E4864">
        <f t="shared" si="76"/>
        <v>497.88009520439761</v>
      </c>
      <c r="F4864">
        <f>IF(C4864="CLAY", INDEX(D$4:D4864, MATCH("CLAY", C$4:C4864, 0)), "")</f>
        <v>0.75203252561341039</v>
      </c>
    </row>
    <row r="4865" spans="1:6" x14ac:dyDescent="0.2">
      <c r="A4865" s="239">
        <f>'CPT Data'!B4873</f>
        <v>48.223999999999997</v>
      </c>
      <c r="B4865" s="3">
        <f>'CPT Data'!C4873</f>
        <v>48.216999999999999</v>
      </c>
      <c r="C4865" t="str">
        <f>'CPT Data'!P4873</f>
        <v>CLAY</v>
      </c>
      <c r="D4865">
        <f>'CPT Data'!Q4873</f>
        <v>613.58704406893582</v>
      </c>
      <c r="E4865">
        <f t="shared" si="76"/>
        <v>536.7738176142949</v>
      </c>
      <c r="F4865">
        <f>IF(C4865="CLAY", INDEX(D$4:D4865, MATCH("CLAY", C$4:C4865, 0)), "")</f>
        <v>0.75203252561341039</v>
      </c>
    </row>
    <row r="4866" spans="1:6" x14ac:dyDescent="0.2">
      <c r="A4866" s="239">
        <f>'CPT Data'!B4874</f>
        <v>48.232999999999997</v>
      </c>
      <c r="B4866" s="3">
        <f>'CPT Data'!C4874</f>
        <v>48.225999999999999</v>
      </c>
      <c r="C4866" t="str">
        <f>'CPT Data'!P4874</f>
        <v>CLAY</v>
      </c>
      <c r="D4866">
        <f>'CPT Data'!Q4874</f>
        <v>698.30866789528545</v>
      </c>
      <c r="E4866">
        <f t="shared" si="76"/>
        <v>613.58704406893582</v>
      </c>
      <c r="F4866">
        <f>IF(C4866="CLAY", INDEX(D$4:D4866, MATCH("CLAY", C$4:C4866, 0)), "")</f>
        <v>0.75203252561341039</v>
      </c>
    </row>
    <row r="4867" spans="1:6" x14ac:dyDescent="0.2">
      <c r="A4867" s="239">
        <f>'CPT Data'!B4875</f>
        <v>48.243000000000002</v>
      </c>
      <c r="B4867" s="3">
        <f>'CPT Data'!C4875</f>
        <v>48.236000000000004</v>
      </c>
      <c r="C4867" t="str">
        <f>'CPT Data'!P4875</f>
        <v>CLAY</v>
      </c>
      <c r="D4867">
        <f>'CPT Data'!Q4875</f>
        <v>762.47383343015554</v>
      </c>
      <c r="E4867">
        <f t="shared" si="76"/>
        <v>698.30866789528545</v>
      </c>
      <c r="F4867">
        <f>IF(C4867="CLAY", INDEX(D$4:D4867, MATCH("CLAY", C$4:C4867, 0)), "")</f>
        <v>0.75203252561341039</v>
      </c>
    </row>
    <row r="4868" spans="1:6" x14ac:dyDescent="0.2">
      <c r="A4868" s="239">
        <f>'CPT Data'!B4876</f>
        <v>48.252000000000002</v>
      </c>
      <c r="B4868" s="3">
        <f>'CPT Data'!C4876</f>
        <v>48.245000000000005</v>
      </c>
      <c r="C4868" t="str">
        <f>'CPT Data'!P4876</f>
        <v>CLAY</v>
      </c>
      <c r="D4868">
        <f>'CPT Data'!Q4876</f>
        <v>797.98661993817507</v>
      </c>
      <c r="E4868">
        <f t="shared" si="76"/>
        <v>762.47383343015554</v>
      </c>
      <c r="F4868">
        <f>IF(C4868="CLAY", INDEX(D$4:D4868, MATCH("CLAY", C$4:C4868, 0)), "")</f>
        <v>0.75203252561341039</v>
      </c>
    </row>
    <row r="4869" spans="1:6" x14ac:dyDescent="0.2">
      <c r="A4869" s="239">
        <f>'CPT Data'!B4877</f>
        <v>48.262</v>
      </c>
      <c r="B4869" s="3">
        <f>'CPT Data'!C4877</f>
        <v>48.255000000000003</v>
      </c>
      <c r="C4869" t="str">
        <f>'CPT Data'!P4877</f>
        <v>CLAY</v>
      </c>
      <c r="D4869">
        <f>'CPT Data'!Q4877</f>
        <v>808.08249607012965</v>
      </c>
      <c r="E4869">
        <f t="shared" si="76"/>
        <v>797.98661993817507</v>
      </c>
      <c r="F4869">
        <f>IF(C4869="CLAY", INDEX(D$4:D4869, MATCH("CLAY", C$4:C4869, 0)), "")</f>
        <v>0.75203252561341039</v>
      </c>
    </row>
    <row r="4870" spans="1:6" x14ac:dyDescent="0.2">
      <c r="A4870" s="239">
        <f>'CPT Data'!B4878</f>
        <v>48.271999999999998</v>
      </c>
      <c r="B4870" s="3">
        <f>'CPT Data'!C4878</f>
        <v>48.265000000000001</v>
      </c>
      <c r="C4870" t="str">
        <f>'CPT Data'!P4878</f>
        <v>CLAY</v>
      </c>
      <c r="D4870">
        <f>'CPT Data'!Q4878</f>
        <v>782.14049155415853</v>
      </c>
      <c r="E4870">
        <f t="shared" si="76"/>
        <v>808.08249607012965</v>
      </c>
      <c r="F4870">
        <f>IF(C4870="CLAY", INDEX(D$4:D4870, MATCH("CLAY", C$4:C4870, 0)), "")</f>
        <v>0.75203252561341039</v>
      </c>
    </row>
    <row r="4871" spans="1:6" x14ac:dyDescent="0.2">
      <c r="A4871" s="239">
        <f>'CPT Data'!B4879</f>
        <v>48.281999999999996</v>
      </c>
      <c r="B4871" s="3">
        <f>'CPT Data'!C4879</f>
        <v>48.274999999999999</v>
      </c>
      <c r="C4871" t="str">
        <f>'CPT Data'!P4879</f>
        <v>CLAY</v>
      </c>
      <c r="D4871">
        <f>'CPT Data'!Q4879</f>
        <v>719.32965490016193</v>
      </c>
      <c r="E4871">
        <f t="shared" si="76"/>
        <v>782.14049155415853</v>
      </c>
      <c r="F4871">
        <f>IF(C4871="CLAY", INDEX(D$4:D4871, MATCH("CLAY", C$4:C4871, 0)), "")</f>
        <v>0.75203252561341039</v>
      </c>
    </row>
    <row r="4872" spans="1:6" x14ac:dyDescent="0.2">
      <c r="A4872" s="239">
        <f>'CPT Data'!B4880</f>
        <v>48.290999999999997</v>
      </c>
      <c r="B4872" s="3">
        <f>'CPT Data'!C4880</f>
        <v>48.283999999999999</v>
      </c>
      <c r="C4872" t="str">
        <f>'CPT Data'!P4880</f>
        <v>CLAY</v>
      </c>
      <c r="D4872">
        <f>'CPT Data'!Q4880</f>
        <v>648.33255915957432</v>
      </c>
      <c r="E4872">
        <f t="shared" si="76"/>
        <v>719.32965490016193</v>
      </c>
      <c r="F4872">
        <f>IF(C4872="CLAY", INDEX(D$4:D4872, MATCH("CLAY", C$4:C4872, 0)), "")</f>
        <v>0.75203252561341039</v>
      </c>
    </row>
    <row r="4873" spans="1:6" x14ac:dyDescent="0.2">
      <c r="A4873" s="239">
        <f>'CPT Data'!B4881</f>
        <v>48.302</v>
      </c>
      <c r="B4873" s="3">
        <f>'CPT Data'!C4881</f>
        <v>48.295000000000002</v>
      </c>
      <c r="C4873" t="str">
        <f>'CPT Data'!P4881</f>
        <v>CLAY</v>
      </c>
      <c r="D4873">
        <f>'CPT Data'!Q4881</f>
        <v>591.37964530151305</v>
      </c>
      <c r="E4873">
        <f t="shared" si="76"/>
        <v>648.33255915957432</v>
      </c>
      <c r="F4873">
        <f>IF(C4873="CLAY", INDEX(D$4:D4873, MATCH("CLAY", C$4:C4873, 0)), "")</f>
        <v>0.75203252561341039</v>
      </c>
    </row>
    <row r="4874" spans="1:6" x14ac:dyDescent="0.2">
      <c r="A4874" s="239">
        <f>'CPT Data'!B4882</f>
        <v>48.311999999999998</v>
      </c>
      <c r="B4874" s="3">
        <f>'CPT Data'!C4882</f>
        <v>48.305</v>
      </c>
      <c r="C4874" t="str">
        <f>'CPT Data'!P4882</f>
        <v>CLAY</v>
      </c>
      <c r="D4874">
        <f>'CPT Data'!Q4882</f>
        <v>555.71710005031139</v>
      </c>
      <c r="E4874">
        <f t="shared" si="76"/>
        <v>591.37964530151305</v>
      </c>
      <c r="F4874">
        <f>IF(C4874="CLAY", INDEX(D$4:D4874, MATCH("CLAY", C$4:C4874, 0)), "")</f>
        <v>0.75203252561341039</v>
      </c>
    </row>
    <row r="4875" spans="1:6" x14ac:dyDescent="0.2">
      <c r="A4875" s="239">
        <f>'CPT Data'!B4883</f>
        <v>48.320999999999998</v>
      </c>
      <c r="B4875" s="3">
        <f>'CPT Data'!C4883</f>
        <v>48.314</v>
      </c>
      <c r="C4875" t="str">
        <f>'CPT Data'!P4883</f>
        <v>CLAY</v>
      </c>
      <c r="D4875">
        <f>'CPT Data'!Q4883</f>
        <v>519.68360821445469</v>
      </c>
      <c r="E4875">
        <f t="shared" si="76"/>
        <v>555.71710005031139</v>
      </c>
      <c r="F4875">
        <f>IF(C4875="CLAY", INDEX(D$4:D4875, MATCH("CLAY", C$4:C4875, 0)), "")</f>
        <v>0.75203252561341039</v>
      </c>
    </row>
    <row r="4876" spans="1:6" x14ac:dyDescent="0.2">
      <c r="A4876" s="239">
        <f>'CPT Data'!B4884</f>
        <v>48.332000000000001</v>
      </c>
      <c r="B4876" s="3">
        <f>'CPT Data'!C4884</f>
        <v>48.325000000000003</v>
      </c>
      <c r="C4876" t="str">
        <f>'CPT Data'!P4884</f>
        <v>CLAY</v>
      </c>
      <c r="D4876">
        <f>'CPT Data'!Q4884</f>
        <v>479.14473232810019</v>
      </c>
      <c r="E4876">
        <f t="shared" si="76"/>
        <v>519.68360821445469</v>
      </c>
      <c r="F4876">
        <f>IF(C4876="CLAY", INDEX(D$4:D4876, MATCH("CLAY", C$4:C4876, 0)), "")</f>
        <v>0.75203252561341039</v>
      </c>
    </row>
    <row r="4877" spans="1:6" x14ac:dyDescent="0.2">
      <c r="A4877" s="239">
        <f>'CPT Data'!B4885</f>
        <v>48.341000000000001</v>
      </c>
      <c r="B4877" s="3">
        <f>'CPT Data'!C4885</f>
        <v>48.334000000000003</v>
      </c>
      <c r="C4877" t="str">
        <f>'CPT Data'!P4885</f>
        <v>CLAY</v>
      </c>
      <c r="D4877">
        <f>'CPT Data'!Q4885</f>
        <v>457.71570127348031</v>
      </c>
      <c r="E4877">
        <f t="shared" si="76"/>
        <v>479.14473232810019</v>
      </c>
      <c r="F4877">
        <f>IF(C4877="CLAY", INDEX(D$4:D4877, MATCH("CLAY", C$4:C4877, 0)), "")</f>
        <v>0.75203252561341039</v>
      </c>
    </row>
    <row r="4878" spans="1:6" x14ac:dyDescent="0.2">
      <c r="A4878" s="239">
        <f>'CPT Data'!B4886</f>
        <v>48.35</v>
      </c>
      <c r="B4878" s="3">
        <f>'CPT Data'!C4886</f>
        <v>48.343000000000004</v>
      </c>
      <c r="C4878" t="str">
        <f>'CPT Data'!P4886</f>
        <v>CLAY</v>
      </c>
      <c r="D4878">
        <f>'CPT Data'!Q4886</f>
        <v>438.67972450774977</v>
      </c>
      <c r="E4878">
        <f t="shared" si="76"/>
        <v>457.71570127348031</v>
      </c>
      <c r="F4878">
        <f>IF(C4878="CLAY", INDEX(D$4:D4878, MATCH("CLAY", C$4:C4878, 0)), "")</f>
        <v>0.75203252561341039</v>
      </c>
    </row>
    <row r="4879" spans="1:6" x14ac:dyDescent="0.2">
      <c r="A4879" s="239">
        <f>'CPT Data'!B4887</f>
        <v>48.36</v>
      </c>
      <c r="B4879" s="3">
        <f>'CPT Data'!C4887</f>
        <v>48.353000000000002</v>
      </c>
      <c r="C4879" t="str">
        <f>'CPT Data'!P4887</f>
        <v>CLAY</v>
      </c>
      <c r="D4879">
        <f>'CPT Data'!Q4887</f>
        <v>422.30765680458285</v>
      </c>
      <c r="E4879">
        <f t="shared" si="76"/>
        <v>438.67972450774977</v>
      </c>
      <c r="F4879">
        <f>IF(C4879="CLAY", INDEX(D$4:D4879, MATCH("CLAY", C$4:C4879, 0)), "")</f>
        <v>0.75203252561341039</v>
      </c>
    </row>
    <row r="4880" spans="1:6" x14ac:dyDescent="0.2">
      <c r="A4880" s="239">
        <f>'CPT Data'!B4888</f>
        <v>48.37</v>
      </c>
      <c r="B4880" s="3">
        <f>'CPT Data'!C4888</f>
        <v>48.363</v>
      </c>
      <c r="C4880" t="str">
        <f>'CPT Data'!P4888</f>
        <v>CLAY</v>
      </c>
      <c r="D4880">
        <f>'CPT Data'!Q4888</f>
        <v>426.52773935079102</v>
      </c>
      <c r="E4880">
        <f t="shared" si="76"/>
        <v>422.30765680458285</v>
      </c>
      <c r="F4880">
        <f>IF(C4880="CLAY", INDEX(D$4:D4880, MATCH("CLAY", C$4:C4880, 0)), "")</f>
        <v>0.75203252561341039</v>
      </c>
    </row>
    <row r="4881" spans="1:6" x14ac:dyDescent="0.2">
      <c r="A4881" s="239">
        <f>'CPT Data'!B4889</f>
        <v>48.378999999999998</v>
      </c>
      <c r="B4881" s="3">
        <f>'CPT Data'!C4889</f>
        <v>48.372</v>
      </c>
      <c r="C4881" t="str">
        <f>'CPT Data'!P4889</f>
        <v>CLAY</v>
      </c>
      <c r="D4881">
        <f>'CPT Data'!Q4889</f>
        <v>445.90930143171045</v>
      </c>
      <c r="E4881">
        <f t="shared" si="76"/>
        <v>426.52773935079102</v>
      </c>
      <c r="F4881">
        <f>IF(C4881="CLAY", INDEX(D$4:D4881, MATCH("CLAY", C$4:C4881, 0)), "")</f>
        <v>0.75203252561341039</v>
      </c>
    </row>
    <row r="4882" spans="1:6" x14ac:dyDescent="0.2">
      <c r="A4882" s="239">
        <f>'CPT Data'!B4890</f>
        <v>48.389000000000003</v>
      </c>
      <c r="B4882" s="3">
        <f>'CPT Data'!C4890</f>
        <v>48.382000000000005</v>
      </c>
      <c r="C4882" t="str">
        <f>'CPT Data'!P4890</f>
        <v>CLAY</v>
      </c>
      <c r="D4882">
        <f>'CPT Data'!Q4890</f>
        <v>468.49068001320438</v>
      </c>
      <c r="E4882">
        <f t="shared" si="76"/>
        <v>445.90930143171045</v>
      </c>
      <c r="F4882">
        <f>IF(C4882="CLAY", INDEX(D$4:D4882, MATCH("CLAY", C$4:C4882, 0)), "")</f>
        <v>0.75203252561341039</v>
      </c>
    </row>
    <row r="4883" spans="1:6" x14ac:dyDescent="0.2">
      <c r="A4883" s="239">
        <f>'CPT Data'!B4891</f>
        <v>48.398000000000003</v>
      </c>
      <c r="B4883" s="3">
        <f>'CPT Data'!C4891</f>
        <v>48.391000000000005</v>
      </c>
      <c r="C4883" t="str">
        <f>'CPT Data'!P4891</f>
        <v>CLAY</v>
      </c>
      <c r="D4883">
        <f>'CPT Data'!Q4891</f>
        <v>488.6925585167732</v>
      </c>
      <c r="E4883">
        <f t="shared" si="76"/>
        <v>468.49068001320438</v>
      </c>
      <c r="F4883">
        <f>IF(C4883="CLAY", INDEX(D$4:D4883, MATCH("CLAY", C$4:C4883, 0)), "")</f>
        <v>0.75203252561341039</v>
      </c>
    </row>
    <row r="4884" spans="1:6" x14ac:dyDescent="0.2">
      <c r="A4884" s="239">
        <f>'CPT Data'!B4892</f>
        <v>48.408999999999999</v>
      </c>
      <c r="B4884" s="3">
        <f>'CPT Data'!C4892</f>
        <v>48.402000000000001</v>
      </c>
      <c r="C4884" t="str">
        <f>'CPT Data'!P4892</f>
        <v>CLAY</v>
      </c>
      <c r="D4884">
        <f>'CPT Data'!Q4892</f>
        <v>491.94965982739268</v>
      </c>
      <c r="E4884">
        <f t="shared" si="76"/>
        <v>488.6925585167732</v>
      </c>
      <c r="F4884">
        <f>IF(C4884="CLAY", INDEX(D$4:D4884, MATCH("CLAY", C$4:C4884, 0)), "")</f>
        <v>0.75203252561341039</v>
      </c>
    </row>
    <row r="4885" spans="1:6" x14ac:dyDescent="0.2">
      <c r="A4885" s="239">
        <f>'CPT Data'!B4893</f>
        <v>48.417999999999999</v>
      </c>
      <c r="B4885" s="3">
        <f>'CPT Data'!C4893</f>
        <v>48.411000000000001</v>
      </c>
      <c r="C4885" t="str">
        <f>'CPT Data'!P4893</f>
        <v>CLAY</v>
      </c>
      <c r="D4885">
        <f>'CPT Data'!Q4893</f>
        <v>494.82573200365397</v>
      </c>
      <c r="E4885">
        <f t="shared" si="76"/>
        <v>491.94965982739268</v>
      </c>
      <c r="F4885">
        <f>IF(C4885="CLAY", INDEX(D$4:D4885, MATCH("CLAY", C$4:C4885, 0)), "")</f>
        <v>0.75203252561341039</v>
      </c>
    </row>
    <row r="4886" spans="1:6" x14ac:dyDescent="0.2">
      <c r="A4886" s="239">
        <f>'CPT Data'!B4894</f>
        <v>48.427</v>
      </c>
      <c r="B4886" s="3">
        <f>'CPT Data'!C4894</f>
        <v>48.42</v>
      </c>
      <c r="C4886" t="str">
        <f>'CPT Data'!P4894</f>
        <v>CLAY</v>
      </c>
      <c r="D4886">
        <f>'CPT Data'!Q4894</f>
        <v>517.29085291231115</v>
      </c>
      <c r="E4886">
        <f t="shared" si="76"/>
        <v>494.82573200365397</v>
      </c>
      <c r="F4886">
        <f>IF(C4886="CLAY", INDEX(D$4:D4886, MATCH("CLAY", C$4:C4886, 0)), "")</f>
        <v>0.75203252561341039</v>
      </c>
    </row>
    <row r="4887" spans="1:6" x14ac:dyDescent="0.2">
      <c r="A4887" s="239">
        <f>'CPT Data'!B4895</f>
        <v>48.438000000000002</v>
      </c>
      <c r="B4887" s="3">
        <f>'CPT Data'!C4895</f>
        <v>48.431000000000004</v>
      </c>
      <c r="C4887" t="str">
        <f>'CPT Data'!P4895</f>
        <v>CLAY</v>
      </c>
      <c r="D4887">
        <f>'CPT Data'!Q4895</f>
        <v>542.84017105800251</v>
      </c>
      <c r="E4887">
        <f t="shared" si="76"/>
        <v>517.29085291231115</v>
      </c>
      <c r="F4887">
        <f>IF(C4887="CLAY", INDEX(D$4:D4887, MATCH("CLAY", C$4:C4887, 0)), "")</f>
        <v>0.75203252561341039</v>
      </c>
    </row>
    <row r="4888" spans="1:6" x14ac:dyDescent="0.2">
      <c r="A4888" s="239">
        <f>'CPT Data'!B4896</f>
        <v>48.447000000000003</v>
      </c>
      <c r="B4888" s="3">
        <f>'CPT Data'!C4896</f>
        <v>48.440000000000005</v>
      </c>
      <c r="C4888" t="str">
        <f>'CPT Data'!P4896</f>
        <v>CLAY</v>
      </c>
      <c r="D4888">
        <f>'CPT Data'!Q4896</f>
        <v>563.81266452827936</v>
      </c>
      <c r="E4888">
        <f t="shared" si="76"/>
        <v>542.84017105800251</v>
      </c>
      <c r="F4888">
        <f>IF(C4888="CLAY", INDEX(D$4:D4888, MATCH("CLAY", C$4:C4888, 0)), "")</f>
        <v>0.75203252561341039</v>
      </c>
    </row>
    <row r="4889" spans="1:6" x14ac:dyDescent="0.2">
      <c r="A4889" s="239">
        <f>'CPT Data'!B4897</f>
        <v>48.457000000000001</v>
      </c>
      <c r="B4889" s="3">
        <f>'CPT Data'!C4897</f>
        <v>48.45</v>
      </c>
      <c r="C4889" t="str">
        <f>'CPT Data'!P4897</f>
        <v>CLAY</v>
      </c>
      <c r="D4889">
        <f>'CPT Data'!Q4897</f>
        <v>600.47493985258427</v>
      </c>
      <c r="E4889">
        <f t="shared" si="76"/>
        <v>563.81266452827936</v>
      </c>
      <c r="F4889">
        <f>IF(C4889="CLAY", INDEX(D$4:D4889, MATCH("CLAY", C$4:C4889, 0)), "")</f>
        <v>0.75203252561341039</v>
      </c>
    </row>
    <row r="4890" spans="1:6" x14ac:dyDescent="0.2">
      <c r="A4890" s="239">
        <f>'CPT Data'!B4898</f>
        <v>48.466000000000001</v>
      </c>
      <c r="B4890" s="3">
        <f>'CPT Data'!C4898</f>
        <v>48.459000000000003</v>
      </c>
      <c r="C4890" t="str">
        <f>'CPT Data'!P4898</f>
        <v>CLAY</v>
      </c>
      <c r="D4890">
        <f>'CPT Data'!Q4898</f>
        <v>634.74424237950336</v>
      </c>
      <c r="E4890">
        <f t="shared" si="76"/>
        <v>600.47493985258427</v>
      </c>
      <c r="F4890">
        <f>IF(C4890="CLAY", INDEX(D$4:D4890, MATCH("CLAY", C$4:C4890, 0)), "")</f>
        <v>0.75203252561341039</v>
      </c>
    </row>
    <row r="4891" spans="1:6" x14ac:dyDescent="0.2">
      <c r="A4891" s="239">
        <f>'CPT Data'!B4899</f>
        <v>48.475999999999999</v>
      </c>
      <c r="B4891" s="3">
        <f>'CPT Data'!C4899</f>
        <v>48.469000000000001</v>
      </c>
      <c r="C4891" t="str">
        <f>'CPT Data'!P4899</f>
        <v>CLAY</v>
      </c>
      <c r="D4891">
        <f>'CPT Data'!Q4899</f>
        <v>673.32878854039973</v>
      </c>
      <c r="E4891">
        <f t="shared" ref="E4891:E4954" si="77">IF(C4891="SAND",#N/A,IF(C4891=C4890,D4890,IF(C4891="CLAY",D4891,#N/A)))</f>
        <v>634.74424237950336</v>
      </c>
      <c r="F4891">
        <f>IF(C4891="CLAY", INDEX(D$4:D4891, MATCH("CLAY", C$4:C4891, 0)), "")</f>
        <v>0.75203252561341039</v>
      </c>
    </row>
    <row r="4892" spans="1:6" x14ac:dyDescent="0.2">
      <c r="A4892" s="239">
        <f>'CPT Data'!B4900</f>
        <v>48.487000000000002</v>
      </c>
      <c r="B4892" s="3">
        <f>'CPT Data'!C4900</f>
        <v>48.480000000000004</v>
      </c>
      <c r="C4892" t="str">
        <f>'CPT Data'!P4900</f>
        <v>CLAY</v>
      </c>
      <c r="D4892">
        <f>'CPT Data'!Q4900</f>
        <v>712.91285700880735</v>
      </c>
      <c r="E4892">
        <f t="shared" si="77"/>
        <v>673.32878854039973</v>
      </c>
      <c r="F4892">
        <f>IF(C4892="CLAY", INDEX(D$4:D4892, MATCH("CLAY", C$4:C4892, 0)), "")</f>
        <v>0.75203252561341039</v>
      </c>
    </row>
    <row r="4893" spans="1:6" x14ac:dyDescent="0.2">
      <c r="A4893" s="239">
        <f>'CPT Data'!B4901</f>
        <v>48.496000000000002</v>
      </c>
      <c r="B4893" s="3">
        <f>'CPT Data'!C4901</f>
        <v>48.489000000000004</v>
      </c>
      <c r="C4893" t="str">
        <f>'CPT Data'!P4901</f>
        <v>CLAY</v>
      </c>
      <c r="D4893">
        <f>'CPT Data'!Q4901</f>
        <v>707.60502348123543</v>
      </c>
      <c r="E4893">
        <f t="shared" si="77"/>
        <v>712.91285700880735</v>
      </c>
      <c r="F4893">
        <f>IF(C4893="CLAY", INDEX(D$4:D4893, MATCH("CLAY", C$4:C4893, 0)), "")</f>
        <v>0.75203252561341039</v>
      </c>
    </row>
    <row r="4894" spans="1:6" x14ac:dyDescent="0.2">
      <c r="A4894" s="239">
        <f>'CPT Data'!B4902</f>
        <v>48.506</v>
      </c>
      <c r="B4894" s="3">
        <f>'CPT Data'!C4902</f>
        <v>48.499000000000002</v>
      </c>
      <c r="C4894" t="str">
        <f>'CPT Data'!P4902</f>
        <v>CLAY</v>
      </c>
      <c r="D4894">
        <f>'CPT Data'!Q4902</f>
        <v>701.67764337031576</v>
      </c>
      <c r="E4894">
        <f t="shared" si="77"/>
        <v>707.60502348123543</v>
      </c>
      <c r="F4894">
        <f>IF(C4894="CLAY", INDEX(D$4:D4894, MATCH("CLAY", C$4:C4894, 0)), "")</f>
        <v>0.75203252561341039</v>
      </c>
    </row>
    <row r="4895" spans="1:6" x14ac:dyDescent="0.2">
      <c r="A4895" s="239">
        <f>'CPT Data'!B4903</f>
        <v>48.515000000000001</v>
      </c>
      <c r="B4895" s="3">
        <f>'CPT Data'!C4903</f>
        <v>48.508000000000003</v>
      </c>
      <c r="C4895" t="str">
        <f>'CPT Data'!P4903</f>
        <v>CLAY</v>
      </c>
      <c r="D4895">
        <f>'CPT Data'!Q4903</f>
        <v>690.59763591596936</v>
      </c>
      <c r="E4895">
        <f t="shared" si="77"/>
        <v>701.67764337031576</v>
      </c>
      <c r="F4895">
        <f>IF(C4895="CLAY", INDEX(D$4:D4895, MATCH("CLAY", C$4:C4895, 0)), "")</f>
        <v>0.75203252561341039</v>
      </c>
    </row>
    <row r="4896" spans="1:6" x14ac:dyDescent="0.2">
      <c r="A4896" s="239">
        <f>'CPT Data'!B4904</f>
        <v>48.524999999999999</v>
      </c>
      <c r="B4896" s="3">
        <f>'CPT Data'!C4904</f>
        <v>48.518000000000001</v>
      </c>
      <c r="C4896" t="str">
        <f>'CPT Data'!P4904</f>
        <v>CLAY</v>
      </c>
      <c r="D4896">
        <f>'CPT Data'!Q4904</f>
        <v>673.1659740077389</v>
      </c>
      <c r="E4896">
        <f t="shared" si="77"/>
        <v>690.59763591596936</v>
      </c>
      <c r="F4896">
        <f>IF(C4896="CLAY", INDEX(D$4:D4896, MATCH("CLAY", C$4:C4896, 0)), "")</f>
        <v>0.75203252561341039</v>
      </c>
    </row>
    <row r="4897" spans="1:6" x14ac:dyDescent="0.2">
      <c r="A4897" s="239">
        <f>'CPT Data'!B4905</f>
        <v>48.533999999999999</v>
      </c>
      <c r="B4897" s="3">
        <f>'CPT Data'!C4905</f>
        <v>48.527000000000001</v>
      </c>
      <c r="C4897" t="str">
        <f>'CPT Data'!P4905</f>
        <v>CLAY</v>
      </c>
      <c r="D4897">
        <f>'CPT Data'!Q4905</f>
        <v>655.57946313484069</v>
      </c>
      <c r="E4897">
        <f t="shared" si="77"/>
        <v>673.1659740077389</v>
      </c>
      <c r="F4897">
        <f>IF(C4897="CLAY", INDEX(D$4:D4897, MATCH("CLAY", C$4:C4897, 0)), "")</f>
        <v>0.75203252561341039</v>
      </c>
    </row>
    <row r="4898" spans="1:6" x14ac:dyDescent="0.2">
      <c r="A4898" s="239">
        <f>'CPT Data'!B4906</f>
        <v>48.543999999999997</v>
      </c>
      <c r="B4898" s="3">
        <f>'CPT Data'!C4906</f>
        <v>48.536999999999999</v>
      </c>
      <c r="C4898" t="str">
        <f>'CPT Data'!P4906</f>
        <v>CLAY</v>
      </c>
      <c r="D4898">
        <f>'CPT Data'!Q4906</f>
        <v>645.55007753370455</v>
      </c>
      <c r="E4898">
        <f t="shared" si="77"/>
        <v>655.57946313484069</v>
      </c>
      <c r="F4898">
        <f>IF(C4898="CLAY", INDEX(D$4:D4898, MATCH("CLAY", C$4:C4898, 0)), "")</f>
        <v>0.75203252561341039</v>
      </c>
    </row>
    <row r="4899" spans="1:6" x14ac:dyDescent="0.2">
      <c r="A4899" s="239">
        <f>'CPT Data'!B4907</f>
        <v>48.554000000000002</v>
      </c>
      <c r="B4899" s="3">
        <f>'CPT Data'!C4907</f>
        <v>48.547000000000004</v>
      </c>
      <c r="C4899" t="str">
        <f>'CPT Data'!P4907</f>
        <v>CLAY</v>
      </c>
      <c r="D4899">
        <f>'CPT Data'!Q4907</f>
        <v>641.71269782478601</v>
      </c>
      <c r="E4899">
        <f t="shared" si="77"/>
        <v>645.55007753370455</v>
      </c>
      <c r="F4899">
        <f>IF(C4899="CLAY", INDEX(D$4:D4899, MATCH("CLAY", C$4:C4899, 0)), "")</f>
        <v>0.75203252561341039</v>
      </c>
    </row>
    <row r="4900" spans="1:6" x14ac:dyDescent="0.2">
      <c r="A4900" s="239">
        <f>'CPT Data'!B4908</f>
        <v>48.564</v>
      </c>
      <c r="B4900" s="3">
        <f>'CPT Data'!C4908</f>
        <v>48.557000000000002</v>
      </c>
      <c r="C4900" t="str">
        <f>'CPT Data'!P4908</f>
        <v>CLAY</v>
      </c>
      <c r="D4900">
        <f>'CPT Data'!Q4908</f>
        <v>655.72874821223081</v>
      </c>
      <c r="E4900">
        <f t="shared" si="77"/>
        <v>641.71269782478601</v>
      </c>
      <c r="F4900">
        <f>IF(C4900="CLAY", INDEX(D$4:D4900, MATCH("CLAY", C$4:C4900, 0)), "")</f>
        <v>0.75203252561341039</v>
      </c>
    </row>
    <row r="4901" spans="1:6" x14ac:dyDescent="0.2">
      <c r="A4901" s="239">
        <f>'CPT Data'!B4909</f>
        <v>48.573</v>
      </c>
      <c r="B4901" s="3">
        <f>'CPT Data'!C4909</f>
        <v>48.566000000000003</v>
      </c>
      <c r="C4901" t="str">
        <f>'CPT Data'!P4909</f>
        <v>CLAY</v>
      </c>
      <c r="D4901">
        <f>'CPT Data'!Q4909</f>
        <v>666.86163025603389</v>
      </c>
      <c r="E4901">
        <f t="shared" si="77"/>
        <v>655.72874821223081</v>
      </c>
      <c r="F4901">
        <f>IF(C4901="CLAY", INDEX(D$4:D4901, MATCH("CLAY", C$4:C4901, 0)), "")</f>
        <v>0.75203252561341039</v>
      </c>
    </row>
    <row r="4902" spans="1:6" x14ac:dyDescent="0.2">
      <c r="A4902" s="239">
        <f>'CPT Data'!B4910</f>
        <v>48.582000000000001</v>
      </c>
      <c r="B4902" s="3">
        <f>'CPT Data'!C4910</f>
        <v>48.575000000000003</v>
      </c>
      <c r="C4902" t="str">
        <f>'CPT Data'!P4910</f>
        <v>CLAY</v>
      </c>
      <c r="D4902">
        <f>'CPT Data'!Q4910</f>
        <v>679.88043980891359</v>
      </c>
      <c r="E4902">
        <f t="shared" si="77"/>
        <v>666.86163025603389</v>
      </c>
      <c r="F4902">
        <f>IF(C4902="CLAY", INDEX(D$4:D4902, MATCH("CLAY", C$4:C4902, 0)), "")</f>
        <v>0.75203252561341039</v>
      </c>
    </row>
    <row r="4903" spans="1:6" x14ac:dyDescent="0.2">
      <c r="A4903" s="239">
        <f>'CPT Data'!B4911</f>
        <v>48.591999999999999</v>
      </c>
      <c r="B4903" s="3">
        <f>'CPT Data'!C4911</f>
        <v>48.585000000000001</v>
      </c>
      <c r="C4903" t="str">
        <f>'CPT Data'!P4911</f>
        <v>CLAY</v>
      </c>
      <c r="D4903">
        <f>'CPT Data'!Q4911</f>
        <v>700.86577439776011</v>
      </c>
      <c r="E4903">
        <f t="shared" si="77"/>
        <v>679.88043980891359</v>
      </c>
      <c r="F4903">
        <f>IF(C4903="CLAY", INDEX(D$4:D4903, MATCH("CLAY", C$4:C4903, 0)), "")</f>
        <v>0.75203252561341039</v>
      </c>
    </row>
    <row r="4904" spans="1:6" x14ac:dyDescent="0.2">
      <c r="A4904" s="239">
        <f>'CPT Data'!B4912</f>
        <v>48.601999999999997</v>
      </c>
      <c r="B4904" s="3">
        <f>'CPT Data'!C4912</f>
        <v>48.594999999999999</v>
      </c>
      <c r="C4904" t="str">
        <f>'CPT Data'!P4912</f>
        <v>CLAY</v>
      </c>
      <c r="D4904">
        <f>'CPT Data'!Q4912</f>
        <v>722.9252560660824</v>
      </c>
      <c r="E4904">
        <f t="shared" si="77"/>
        <v>700.86577439776011</v>
      </c>
      <c r="F4904">
        <f>IF(C4904="CLAY", INDEX(D$4:D4904, MATCH("CLAY", C$4:C4904, 0)), "")</f>
        <v>0.75203252561341039</v>
      </c>
    </row>
    <row r="4905" spans="1:6" x14ac:dyDescent="0.2">
      <c r="A4905" s="239">
        <f>'CPT Data'!B4913</f>
        <v>48.610999999999997</v>
      </c>
      <c r="B4905" s="3">
        <f>'CPT Data'!C4913</f>
        <v>48.603999999999999</v>
      </c>
      <c r="C4905" t="str">
        <f>'CPT Data'!P4913</f>
        <v>CLAY</v>
      </c>
      <c r="D4905">
        <f>'CPT Data'!Q4913</f>
        <v>743.8496900190238</v>
      </c>
      <c r="E4905">
        <f t="shared" si="77"/>
        <v>722.9252560660824</v>
      </c>
      <c r="F4905">
        <f>IF(C4905="CLAY", INDEX(D$4:D4905, MATCH("CLAY", C$4:C4905, 0)), "")</f>
        <v>0.75203252561341039</v>
      </c>
    </row>
    <row r="4906" spans="1:6" x14ac:dyDescent="0.2">
      <c r="A4906" s="239">
        <f>'CPT Data'!B4914</f>
        <v>48.622</v>
      </c>
      <c r="B4906" s="3">
        <f>'CPT Data'!C4914</f>
        <v>48.615000000000002</v>
      </c>
      <c r="C4906" t="str">
        <f>'CPT Data'!P4914</f>
        <v>CLAY</v>
      </c>
      <c r="D4906">
        <f>'CPT Data'!Q4914</f>
        <v>763.94095758832191</v>
      </c>
      <c r="E4906">
        <f t="shared" si="77"/>
        <v>743.8496900190238</v>
      </c>
      <c r="F4906">
        <f>IF(C4906="CLAY", INDEX(D$4:D4906, MATCH("CLAY", C$4:C4906, 0)), "")</f>
        <v>0.75203252561341039</v>
      </c>
    </row>
    <row r="4907" spans="1:6" x14ac:dyDescent="0.2">
      <c r="A4907" s="239">
        <f>'CPT Data'!B4915</f>
        <v>48.631</v>
      </c>
      <c r="B4907" s="3">
        <f>'CPT Data'!C4915</f>
        <v>48.624000000000002</v>
      </c>
      <c r="C4907" t="str">
        <f>'CPT Data'!P4915</f>
        <v>CLAY</v>
      </c>
      <c r="D4907">
        <f>'CPT Data'!Q4915</f>
        <v>774.95533808466337</v>
      </c>
      <c r="E4907">
        <f t="shared" si="77"/>
        <v>763.94095758832191</v>
      </c>
      <c r="F4907">
        <f>IF(C4907="CLAY", INDEX(D$4:D4907, MATCH("CLAY", C$4:C4907, 0)), "")</f>
        <v>0.75203252561341039</v>
      </c>
    </row>
    <row r="4908" spans="1:6" x14ac:dyDescent="0.2">
      <c r="A4908" s="239">
        <f>'CPT Data'!B4916</f>
        <v>48.640999999999998</v>
      </c>
      <c r="B4908" s="3">
        <f>'CPT Data'!C4916</f>
        <v>48.634</v>
      </c>
      <c r="C4908" t="str">
        <f>'CPT Data'!P4916</f>
        <v>CLAY</v>
      </c>
      <c r="D4908">
        <f>'CPT Data'!Q4916</f>
        <v>773.97894202103089</v>
      </c>
      <c r="E4908">
        <f t="shared" si="77"/>
        <v>774.95533808466337</v>
      </c>
      <c r="F4908">
        <f>IF(C4908="CLAY", INDEX(D$4:D4908, MATCH("CLAY", C$4:C4908, 0)), "")</f>
        <v>0.75203252561341039</v>
      </c>
    </row>
    <row r="4909" spans="1:6" x14ac:dyDescent="0.2">
      <c r="A4909" s="239">
        <f>'CPT Data'!B4917</f>
        <v>48.651000000000003</v>
      </c>
      <c r="B4909" s="3">
        <f>'CPT Data'!C4917</f>
        <v>48.644000000000005</v>
      </c>
      <c r="C4909" t="str">
        <f>'CPT Data'!P4917</f>
        <v>CLAY</v>
      </c>
      <c r="D4909">
        <f>'CPT Data'!Q4917</f>
        <v>756.26770501735461</v>
      </c>
      <c r="E4909">
        <f t="shared" si="77"/>
        <v>773.97894202103089</v>
      </c>
      <c r="F4909">
        <f>IF(C4909="CLAY", INDEX(D$4:D4909, MATCH("CLAY", C$4:C4909, 0)), "")</f>
        <v>0.75203252561341039</v>
      </c>
    </row>
    <row r="4910" spans="1:6" x14ac:dyDescent="0.2">
      <c r="A4910" s="239">
        <f>'CPT Data'!B4918</f>
        <v>48.66</v>
      </c>
      <c r="B4910" s="3">
        <f>'CPT Data'!C4918</f>
        <v>48.652999999999999</v>
      </c>
      <c r="C4910" t="str">
        <f>'CPT Data'!P4918</f>
        <v>CLAY</v>
      </c>
      <c r="D4910">
        <f>'CPT Data'!Q4918</f>
        <v>739.75601847148164</v>
      </c>
      <c r="E4910">
        <f t="shared" si="77"/>
        <v>756.26770501735461</v>
      </c>
      <c r="F4910">
        <f>IF(C4910="CLAY", INDEX(D$4:D4910, MATCH("CLAY", C$4:C4910, 0)), "")</f>
        <v>0.75203252561341039</v>
      </c>
    </row>
    <row r="4911" spans="1:6" x14ac:dyDescent="0.2">
      <c r="A4911" s="239">
        <f>'CPT Data'!B4919</f>
        <v>48.67</v>
      </c>
      <c r="B4911" s="3">
        <f>'CPT Data'!C4919</f>
        <v>48.663000000000004</v>
      </c>
      <c r="C4911" t="str">
        <f>'CPT Data'!P4919</f>
        <v>CLAY</v>
      </c>
      <c r="D4911">
        <f>'CPT Data'!Q4919</f>
        <v>723.32396308599891</v>
      </c>
      <c r="E4911">
        <f t="shared" si="77"/>
        <v>739.75601847148164</v>
      </c>
      <c r="F4911">
        <f>IF(C4911="CLAY", INDEX(D$4:D4911, MATCH("CLAY", C$4:C4911, 0)), "")</f>
        <v>0.75203252561341039</v>
      </c>
    </row>
    <row r="4912" spans="1:6" x14ac:dyDescent="0.2">
      <c r="A4912" s="239">
        <f>'CPT Data'!B4920</f>
        <v>48.68</v>
      </c>
      <c r="B4912" s="3">
        <f>'CPT Data'!C4920</f>
        <v>48.673000000000002</v>
      </c>
      <c r="C4912" t="str">
        <f>'CPT Data'!P4920</f>
        <v>CLAY</v>
      </c>
      <c r="D4912">
        <f>'CPT Data'!Q4920</f>
        <v>695.83586426939519</v>
      </c>
      <c r="E4912">
        <f t="shared" si="77"/>
        <v>723.32396308599891</v>
      </c>
      <c r="F4912">
        <f>IF(C4912="CLAY", INDEX(D$4:D4912, MATCH("CLAY", C$4:C4912, 0)), "")</f>
        <v>0.75203252561341039</v>
      </c>
    </row>
    <row r="4913" spans="1:6" x14ac:dyDescent="0.2">
      <c r="A4913" s="239">
        <f>'CPT Data'!B4921</f>
        <v>48.69</v>
      </c>
      <c r="B4913" s="3">
        <f>'CPT Data'!C4921</f>
        <v>48.683</v>
      </c>
      <c r="C4913" t="str">
        <f>'CPT Data'!P4921</f>
        <v>CLAY</v>
      </c>
      <c r="D4913">
        <f>'CPT Data'!Q4921</f>
        <v>672.45238894837939</v>
      </c>
      <c r="E4913">
        <f t="shared" si="77"/>
        <v>695.83586426939519</v>
      </c>
      <c r="F4913">
        <f>IF(C4913="CLAY", INDEX(D$4:D4913, MATCH("CLAY", C$4:C4913, 0)), "")</f>
        <v>0.75203252561341039</v>
      </c>
    </row>
    <row r="4914" spans="1:6" x14ac:dyDescent="0.2">
      <c r="A4914" s="239">
        <f>'CPT Data'!B4922</f>
        <v>48.7</v>
      </c>
      <c r="B4914" s="3">
        <f>'CPT Data'!C4922</f>
        <v>48.693000000000005</v>
      </c>
      <c r="C4914" t="str">
        <f>'CPT Data'!P4922</f>
        <v>CLAY</v>
      </c>
      <c r="D4914">
        <f>'CPT Data'!Q4922</f>
        <v>638.47510472439546</v>
      </c>
      <c r="E4914">
        <f t="shared" si="77"/>
        <v>672.45238894837939</v>
      </c>
      <c r="F4914">
        <f>IF(C4914="CLAY", INDEX(D$4:D4914, MATCH("CLAY", C$4:C4914, 0)), "")</f>
        <v>0.75203252561341039</v>
      </c>
    </row>
    <row r="4915" spans="1:6" x14ac:dyDescent="0.2">
      <c r="A4915" s="239">
        <f>'CPT Data'!B4923</f>
        <v>48.709000000000003</v>
      </c>
      <c r="B4915" s="3">
        <f>'CPT Data'!C4923</f>
        <v>48.702000000000005</v>
      </c>
      <c r="C4915" t="str">
        <f>'CPT Data'!P4923</f>
        <v>CLAY</v>
      </c>
      <c r="D4915">
        <f>'CPT Data'!Q4923</f>
        <v>601.08589865541046</v>
      </c>
      <c r="E4915">
        <f t="shared" si="77"/>
        <v>638.47510472439546</v>
      </c>
      <c r="F4915">
        <f>IF(C4915="CLAY", INDEX(D$4:D4915, MATCH("CLAY", C$4:C4915, 0)), "")</f>
        <v>0.75203252561341039</v>
      </c>
    </row>
    <row r="4916" spans="1:6" x14ac:dyDescent="0.2">
      <c r="A4916" s="239">
        <f>'CPT Data'!B4924</f>
        <v>48.719000000000001</v>
      </c>
      <c r="B4916" s="3">
        <f>'CPT Data'!C4924</f>
        <v>48.712000000000003</v>
      </c>
      <c r="C4916" t="str">
        <f>'CPT Data'!P4924</f>
        <v>CLAY</v>
      </c>
      <c r="D4916">
        <f>'CPT Data'!Q4924</f>
        <v>557.37857077845308</v>
      </c>
      <c r="E4916">
        <f t="shared" si="77"/>
        <v>601.08589865541046</v>
      </c>
      <c r="F4916">
        <f>IF(C4916="CLAY", INDEX(D$4:D4916, MATCH("CLAY", C$4:C4916, 0)), "")</f>
        <v>0.75203252561341039</v>
      </c>
    </row>
    <row r="4917" spans="1:6" x14ac:dyDescent="0.2">
      <c r="A4917" s="239">
        <f>'CPT Data'!B4925</f>
        <v>48.728000000000002</v>
      </c>
      <c r="B4917" s="3">
        <f>'CPT Data'!C4925</f>
        <v>48.721000000000004</v>
      </c>
      <c r="C4917" t="str">
        <f>'CPT Data'!P4925</f>
        <v>CLAY</v>
      </c>
      <c r="D4917">
        <f>'CPT Data'!Q4925</f>
        <v>511.53492388119133</v>
      </c>
      <c r="E4917">
        <f t="shared" si="77"/>
        <v>557.37857077845308</v>
      </c>
      <c r="F4917">
        <f>IF(C4917="CLAY", INDEX(D$4:D4917, MATCH("CLAY", C$4:C4917, 0)), "")</f>
        <v>0.75203252561341039</v>
      </c>
    </row>
    <row r="4918" spans="1:6" x14ac:dyDescent="0.2">
      <c r="A4918" s="239">
        <f>'CPT Data'!B4926</f>
        <v>48.738</v>
      </c>
      <c r="B4918" s="3">
        <f>'CPT Data'!C4926</f>
        <v>48.731000000000002</v>
      </c>
      <c r="C4918" t="str">
        <f>'CPT Data'!P4926</f>
        <v>CLAY</v>
      </c>
      <c r="D4918">
        <f>'CPT Data'!Q4926</f>
        <v>469.2503995818592</v>
      </c>
      <c r="E4918">
        <f t="shared" si="77"/>
        <v>511.53492388119133</v>
      </c>
      <c r="F4918">
        <f>IF(C4918="CLAY", INDEX(D$4:D4918, MATCH("CLAY", C$4:C4918, 0)), "")</f>
        <v>0.75203252561341039</v>
      </c>
    </row>
    <row r="4919" spans="1:6" x14ac:dyDescent="0.2">
      <c r="A4919" s="239">
        <f>'CPT Data'!B4927</f>
        <v>48.747999999999998</v>
      </c>
      <c r="B4919" s="3">
        <f>'CPT Data'!C4927</f>
        <v>48.741</v>
      </c>
      <c r="C4919" t="str">
        <f>'CPT Data'!P4927</f>
        <v>CLAY</v>
      </c>
      <c r="D4919">
        <f>'CPT Data'!Q4927</f>
        <v>435.12342140483469</v>
      </c>
      <c r="E4919">
        <f t="shared" si="77"/>
        <v>469.2503995818592</v>
      </c>
      <c r="F4919">
        <f>IF(C4919="CLAY", INDEX(D$4:D4919, MATCH("CLAY", C$4:C4919, 0)), "")</f>
        <v>0.75203252561341039</v>
      </c>
    </row>
    <row r="4920" spans="1:6" x14ac:dyDescent="0.2">
      <c r="A4920" s="239">
        <f>'CPT Data'!B4928</f>
        <v>48.759</v>
      </c>
      <c r="B4920" s="3">
        <f>'CPT Data'!C4928</f>
        <v>48.752000000000002</v>
      </c>
      <c r="C4920" t="str">
        <f>'CPT Data'!P4928</f>
        <v>CLAY</v>
      </c>
      <c r="D4920">
        <f>'CPT Data'!Q4928</f>
        <v>385.18844102013605</v>
      </c>
      <c r="E4920">
        <f t="shared" si="77"/>
        <v>435.12342140483469</v>
      </c>
      <c r="F4920">
        <f>IF(C4920="CLAY", INDEX(D$4:D4920, MATCH("CLAY", C$4:C4920, 0)), "")</f>
        <v>0.75203252561341039</v>
      </c>
    </row>
    <row r="4921" spans="1:6" x14ac:dyDescent="0.2">
      <c r="A4921" s="239">
        <f>'CPT Data'!B4929</f>
        <v>48.768000000000001</v>
      </c>
      <c r="B4921" s="3">
        <f>'CPT Data'!C4929</f>
        <v>48.761000000000003</v>
      </c>
      <c r="C4921" t="str">
        <f>'CPT Data'!P4929</f>
        <v>CLAY</v>
      </c>
      <c r="D4921">
        <f>'CPT Data'!Q4929</f>
        <v>364.48905619115811</v>
      </c>
      <c r="E4921">
        <f t="shared" si="77"/>
        <v>385.18844102013605</v>
      </c>
      <c r="F4921">
        <f>IF(C4921="CLAY", INDEX(D$4:D4921, MATCH("CLAY", C$4:C4921, 0)), "")</f>
        <v>0.75203252561341039</v>
      </c>
    </row>
    <row r="4922" spans="1:6" x14ac:dyDescent="0.2">
      <c r="A4922" s="239">
        <f>'CPT Data'!B4930</f>
        <v>48.777000000000001</v>
      </c>
      <c r="B4922" s="3">
        <f>'CPT Data'!C4930</f>
        <v>48.77</v>
      </c>
      <c r="C4922" t="str">
        <f>'CPT Data'!P4930</f>
        <v>CLAY</v>
      </c>
      <c r="D4922">
        <f>'CPT Data'!Q4930</f>
        <v>350.1444615843198</v>
      </c>
      <c r="E4922">
        <f t="shared" si="77"/>
        <v>364.48905619115811</v>
      </c>
      <c r="F4922">
        <f>IF(C4922="CLAY", INDEX(D$4:D4922, MATCH("CLAY", C$4:C4922, 0)), "")</f>
        <v>0.75203252561341039</v>
      </c>
    </row>
    <row r="4923" spans="1:6" x14ac:dyDescent="0.2">
      <c r="A4923" s="239">
        <f>'CPT Data'!B4931</f>
        <v>48.787999999999997</v>
      </c>
      <c r="B4923" s="3">
        <f>'CPT Data'!C4931</f>
        <v>48.780999999999999</v>
      </c>
      <c r="C4923" t="str">
        <f>'CPT Data'!P4931</f>
        <v>CLAY</v>
      </c>
      <c r="D4923">
        <f>'CPT Data'!Q4931</f>
        <v>346.37512842941925</v>
      </c>
      <c r="E4923">
        <f t="shared" si="77"/>
        <v>350.1444615843198</v>
      </c>
      <c r="F4923">
        <f>IF(C4923="CLAY", INDEX(D$4:D4923, MATCH("CLAY", C$4:C4923, 0)), "")</f>
        <v>0.75203252561341039</v>
      </c>
    </row>
    <row r="4924" spans="1:6" x14ac:dyDescent="0.2">
      <c r="A4924" s="239">
        <f>'CPT Data'!B4932</f>
        <v>48.796999999999997</v>
      </c>
      <c r="B4924" s="3">
        <f>'CPT Data'!C4932</f>
        <v>48.79</v>
      </c>
      <c r="C4924" t="str">
        <f>'CPT Data'!P4932</f>
        <v>CLAY</v>
      </c>
      <c r="D4924">
        <f>'CPT Data'!Q4932</f>
        <v>351.93785052050231</v>
      </c>
      <c r="E4924">
        <f t="shared" si="77"/>
        <v>346.37512842941925</v>
      </c>
      <c r="F4924">
        <f>IF(C4924="CLAY", INDEX(D$4:D4924, MATCH("CLAY", C$4:C4924, 0)), "")</f>
        <v>0.75203252561341039</v>
      </c>
    </row>
    <row r="4925" spans="1:6" x14ac:dyDescent="0.2">
      <c r="A4925" s="239">
        <f>'CPT Data'!B4933</f>
        <v>48.807000000000002</v>
      </c>
      <c r="B4925" s="3">
        <f>'CPT Data'!C4933</f>
        <v>48.800000000000004</v>
      </c>
      <c r="C4925" t="str">
        <f>'CPT Data'!P4933</f>
        <v>CLAY</v>
      </c>
      <c r="D4925">
        <f>'CPT Data'!Q4933</f>
        <v>345.16165654702382</v>
      </c>
      <c r="E4925">
        <f t="shared" si="77"/>
        <v>351.93785052050231</v>
      </c>
      <c r="F4925">
        <f>IF(C4925="CLAY", INDEX(D$4:D4925, MATCH("CLAY", C$4:C4925, 0)), "")</f>
        <v>0.75203252561341039</v>
      </c>
    </row>
    <row r="4926" spans="1:6" x14ac:dyDescent="0.2">
      <c r="A4926" s="239">
        <f>'CPT Data'!B4934</f>
        <v>48.817999999999998</v>
      </c>
      <c r="B4926" s="3">
        <f>'CPT Data'!C4934</f>
        <v>48.811</v>
      </c>
      <c r="C4926" t="str">
        <f>'CPT Data'!P4934</f>
        <v>CLAY</v>
      </c>
      <c r="D4926">
        <f>'CPT Data'!Q4934</f>
        <v>338.53468188413552</v>
      </c>
      <c r="E4926">
        <f t="shared" si="77"/>
        <v>345.16165654702382</v>
      </c>
      <c r="F4926">
        <f>IF(C4926="CLAY", INDEX(D$4:D4926, MATCH("CLAY", C$4:C4926, 0)), "")</f>
        <v>0.75203252561341039</v>
      </c>
    </row>
    <row r="4927" spans="1:6" x14ac:dyDescent="0.2">
      <c r="A4927" s="239">
        <f>'CPT Data'!B4935</f>
        <v>48.826999999999998</v>
      </c>
      <c r="B4927" s="3">
        <f>'CPT Data'!C4935</f>
        <v>48.82</v>
      </c>
      <c r="C4927" t="str">
        <f>'CPT Data'!P4935</f>
        <v>CLAY</v>
      </c>
      <c r="D4927">
        <f>'CPT Data'!Q4935</f>
        <v>333.46354072715445</v>
      </c>
      <c r="E4927">
        <f t="shared" si="77"/>
        <v>338.53468188413552</v>
      </c>
      <c r="F4927">
        <f>IF(C4927="CLAY", INDEX(D$4:D4927, MATCH("CLAY", C$4:C4927, 0)), "")</f>
        <v>0.75203252561341039</v>
      </c>
    </row>
    <row r="4928" spans="1:6" x14ac:dyDescent="0.2">
      <c r="A4928" s="239">
        <f>'CPT Data'!B4936</f>
        <v>48.837000000000003</v>
      </c>
      <c r="B4928" s="3">
        <f>'CPT Data'!C4936</f>
        <v>48.830000000000005</v>
      </c>
      <c r="C4928" t="str">
        <f>'CPT Data'!P4936</f>
        <v>CLAY</v>
      </c>
      <c r="D4928">
        <f>'CPT Data'!Q4936</f>
        <v>346.97479882979746</v>
      </c>
      <c r="E4928">
        <f t="shared" si="77"/>
        <v>333.46354072715445</v>
      </c>
      <c r="F4928">
        <f>IF(C4928="CLAY", INDEX(D$4:D4928, MATCH("CLAY", C$4:C4928, 0)), "")</f>
        <v>0.75203252561341039</v>
      </c>
    </row>
    <row r="4929" spans="1:6" x14ac:dyDescent="0.2">
      <c r="A4929" s="239">
        <f>'CPT Data'!B4937</f>
        <v>48.847000000000001</v>
      </c>
      <c r="B4929" s="3">
        <f>'CPT Data'!C4937</f>
        <v>48.84</v>
      </c>
      <c r="C4929" t="str">
        <f>'CPT Data'!P4937</f>
        <v>CLAY</v>
      </c>
      <c r="D4929">
        <f>'CPT Data'!Q4937</f>
        <v>363.40927240333758</v>
      </c>
      <c r="E4929">
        <f t="shared" si="77"/>
        <v>346.97479882979746</v>
      </c>
      <c r="F4929">
        <f>IF(C4929="CLAY", INDEX(D$4:D4929, MATCH("CLAY", C$4:C4929, 0)), "")</f>
        <v>0.75203252561341039</v>
      </c>
    </row>
    <row r="4930" spans="1:6" x14ac:dyDescent="0.2">
      <c r="A4930" s="239">
        <f>'CPT Data'!B4938</f>
        <v>48.856999999999999</v>
      </c>
      <c r="B4930" s="3">
        <f>'CPT Data'!C4938</f>
        <v>48.85</v>
      </c>
      <c r="C4930" t="str">
        <f>'CPT Data'!P4938</f>
        <v>CLAY</v>
      </c>
      <c r="D4930">
        <f>'CPT Data'!Q4938</f>
        <v>388.0269400822163</v>
      </c>
      <c r="E4930">
        <f t="shared" si="77"/>
        <v>363.40927240333758</v>
      </c>
      <c r="F4930">
        <f>IF(C4930="CLAY", INDEX(D$4:D4930, MATCH("CLAY", C$4:C4930, 0)), "")</f>
        <v>0.75203252561341039</v>
      </c>
    </row>
    <row r="4931" spans="1:6" x14ac:dyDescent="0.2">
      <c r="A4931" s="239">
        <f>'CPT Data'!B4939</f>
        <v>48.866</v>
      </c>
      <c r="B4931" s="3">
        <f>'CPT Data'!C4939</f>
        <v>48.859000000000002</v>
      </c>
      <c r="C4931" t="str">
        <f>'CPT Data'!P4939</f>
        <v>CLAY</v>
      </c>
      <c r="D4931">
        <f>'CPT Data'!Q4939</f>
        <v>411.95419774227321</v>
      </c>
      <c r="E4931">
        <f t="shared" si="77"/>
        <v>388.0269400822163</v>
      </c>
      <c r="F4931">
        <f>IF(C4931="CLAY", INDEX(D$4:D4931, MATCH("CLAY", C$4:C4931, 0)), "")</f>
        <v>0.75203252561341039</v>
      </c>
    </row>
    <row r="4932" spans="1:6" x14ac:dyDescent="0.2">
      <c r="A4932" s="239">
        <f>'CPT Data'!B4940</f>
        <v>48.875999999999998</v>
      </c>
      <c r="B4932" s="3">
        <f>'CPT Data'!C4940</f>
        <v>48.869</v>
      </c>
      <c r="C4932" t="str">
        <f>'CPT Data'!P4940</f>
        <v>CLAY</v>
      </c>
      <c r="D4932">
        <f>'CPT Data'!Q4940</f>
        <v>429.62310122300136</v>
      </c>
      <c r="E4932">
        <f t="shared" si="77"/>
        <v>411.95419774227321</v>
      </c>
      <c r="F4932">
        <f>IF(C4932="CLAY", INDEX(D$4:D4932, MATCH("CLAY", C$4:C4932, 0)), "")</f>
        <v>0.75203252561341039</v>
      </c>
    </row>
    <row r="4933" spans="1:6" x14ac:dyDescent="0.2">
      <c r="A4933" s="239">
        <f>'CPT Data'!B4941</f>
        <v>48.884999999999998</v>
      </c>
      <c r="B4933" s="3">
        <f>'CPT Data'!C4941</f>
        <v>48.878</v>
      </c>
      <c r="C4933" t="str">
        <f>'CPT Data'!P4941</f>
        <v>CLAY</v>
      </c>
      <c r="D4933">
        <f>'CPT Data'!Q4941</f>
        <v>437.75598605360415</v>
      </c>
      <c r="E4933">
        <f t="shared" si="77"/>
        <v>429.62310122300136</v>
      </c>
      <c r="F4933">
        <f>IF(C4933="CLAY", INDEX(D$4:D4933, MATCH("CLAY", C$4:C4933, 0)), "")</f>
        <v>0.75203252561341039</v>
      </c>
    </row>
    <row r="4934" spans="1:6" x14ac:dyDescent="0.2">
      <c r="A4934" s="239">
        <f>'CPT Data'!B4942</f>
        <v>48.896000000000001</v>
      </c>
      <c r="B4934" s="3">
        <f>'CPT Data'!C4942</f>
        <v>48.889000000000003</v>
      </c>
      <c r="C4934" t="str">
        <f>'CPT Data'!P4942</f>
        <v>CLAY</v>
      </c>
      <c r="D4934">
        <f>'CPT Data'!Q4942</f>
        <v>436.54578198902345</v>
      </c>
      <c r="E4934">
        <f t="shared" si="77"/>
        <v>437.75598605360415</v>
      </c>
      <c r="F4934">
        <f>IF(C4934="CLAY", INDEX(D$4:D4934, MATCH("CLAY", C$4:C4934, 0)), "")</f>
        <v>0.75203252561341039</v>
      </c>
    </row>
    <row r="4935" spans="1:6" x14ac:dyDescent="0.2">
      <c r="A4935" s="239">
        <f>'CPT Data'!B4943</f>
        <v>48.905000000000001</v>
      </c>
      <c r="B4935" s="3">
        <f>'CPT Data'!C4943</f>
        <v>48.898000000000003</v>
      </c>
      <c r="C4935" t="str">
        <f>'CPT Data'!P4943</f>
        <v>CLAY</v>
      </c>
      <c r="D4935">
        <f>'CPT Data'!Q4943</f>
        <v>433.85672761627075</v>
      </c>
      <c r="E4935">
        <f t="shared" si="77"/>
        <v>436.54578198902345</v>
      </c>
      <c r="F4935">
        <f>IF(C4935="CLAY", INDEX(D$4:D4935, MATCH("CLAY", C$4:C4935, 0)), "")</f>
        <v>0.75203252561341039</v>
      </c>
    </row>
    <row r="4936" spans="1:6" x14ac:dyDescent="0.2">
      <c r="A4936" s="239">
        <f>'CPT Data'!B4944</f>
        <v>48.914000000000001</v>
      </c>
      <c r="B4936" s="3">
        <f>'CPT Data'!C4944</f>
        <v>48.907000000000004</v>
      </c>
      <c r="C4936" t="str">
        <f>'CPT Data'!P4944</f>
        <v>CLAY</v>
      </c>
      <c r="D4936">
        <f>'CPT Data'!Q4944</f>
        <v>415.04322451327511</v>
      </c>
      <c r="E4936">
        <f t="shared" si="77"/>
        <v>433.85672761627075</v>
      </c>
      <c r="F4936">
        <f>IF(C4936="CLAY", INDEX(D$4:D4936, MATCH("CLAY", C$4:C4936, 0)), "")</f>
        <v>0.75203252561341039</v>
      </c>
    </row>
    <row r="4937" spans="1:6" x14ac:dyDescent="0.2">
      <c r="A4937" s="239">
        <f>'CPT Data'!B4945</f>
        <v>48.924999999999997</v>
      </c>
      <c r="B4937" s="3">
        <f>'CPT Data'!C4945</f>
        <v>48.917999999999999</v>
      </c>
      <c r="C4937" t="str">
        <f>'CPT Data'!P4945</f>
        <v>CLAY</v>
      </c>
      <c r="D4937">
        <f>'CPT Data'!Q4945</f>
        <v>393.49656802831282</v>
      </c>
      <c r="E4937">
        <f t="shared" si="77"/>
        <v>415.04322451327511</v>
      </c>
      <c r="F4937">
        <f>IF(C4937="CLAY", INDEX(D$4:D4937, MATCH("CLAY", C$4:C4937, 0)), "")</f>
        <v>0.75203252561341039</v>
      </c>
    </row>
    <row r="4938" spans="1:6" x14ac:dyDescent="0.2">
      <c r="A4938" s="239">
        <f>'CPT Data'!B4946</f>
        <v>48.933999999999997</v>
      </c>
      <c r="B4938" s="3">
        <f>'CPT Data'!C4946</f>
        <v>48.927</v>
      </c>
      <c r="C4938" t="str">
        <f>'CPT Data'!P4946</f>
        <v>CLAY</v>
      </c>
      <c r="D4938">
        <f>'CPT Data'!Q4946</f>
        <v>373.20103862976163</v>
      </c>
      <c r="E4938">
        <f t="shared" si="77"/>
        <v>393.49656802831282</v>
      </c>
      <c r="F4938">
        <f>IF(C4938="CLAY", INDEX(D$4:D4938, MATCH("CLAY", C$4:C4938, 0)), "")</f>
        <v>0.75203252561341039</v>
      </c>
    </row>
    <row r="4939" spans="1:6" x14ac:dyDescent="0.2">
      <c r="A4939" s="239">
        <f>'CPT Data'!B4947</f>
        <v>48.945</v>
      </c>
      <c r="B4939" s="3">
        <f>'CPT Data'!C4947</f>
        <v>48.938000000000002</v>
      </c>
      <c r="C4939" t="str">
        <f>'CPT Data'!P4947</f>
        <v>CLAY</v>
      </c>
      <c r="D4939">
        <f>'CPT Data'!Q4947</f>
        <v>360.51115243233852</v>
      </c>
      <c r="E4939">
        <f t="shared" si="77"/>
        <v>373.20103862976163</v>
      </c>
      <c r="F4939">
        <f>IF(C4939="CLAY", INDEX(D$4:D4939, MATCH("CLAY", C$4:C4939, 0)), "")</f>
        <v>0.75203252561341039</v>
      </c>
    </row>
    <row r="4940" spans="1:6" x14ac:dyDescent="0.2">
      <c r="A4940" s="239">
        <f>'CPT Data'!B4948</f>
        <v>48.954000000000001</v>
      </c>
      <c r="B4940" s="3">
        <f>'CPT Data'!C4948</f>
        <v>48.947000000000003</v>
      </c>
      <c r="C4940" t="str">
        <f>'CPT Data'!P4948</f>
        <v>CLAY</v>
      </c>
      <c r="D4940">
        <f>'CPT Data'!Q4948</f>
        <v>352.68838783240659</v>
      </c>
      <c r="E4940">
        <f t="shared" si="77"/>
        <v>360.51115243233852</v>
      </c>
      <c r="F4940">
        <f>IF(C4940="CLAY", INDEX(D$4:D4940, MATCH("CLAY", C$4:C4940, 0)), "")</f>
        <v>0.75203252561341039</v>
      </c>
    </row>
    <row r="4941" spans="1:6" x14ac:dyDescent="0.2">
      <c r="A4941" s="239">
        <f>'CPT Data'!B4949</f>
        <v>48.965000000000003</v>
      </c>
      <c r="B4941" s="3">
        <f>'CPT Data'!C4949</f>
        <v>48.958000000000006</v>
      </c>
      <c r="C4941" t="str">
        <f>'CPT Data'!P4949</f>
        <v>CLAY</v>
      </c>
      <c r="D4941">
        <f>'CPT Data'!Q4949</f>
        <v>351.91053726526678</v>
      </c>
      <c r="E4941">
        <f t="shared" si="77"/>
        <v>352.68838783240659</v>
      </c>
      <c r="F4941">
        <f>IF(C4941="CLAY", INDEX(D$4:D4941, MATCH("CLAY", C$4:C4941, 0)), "")</f>
        <v>0.75203252561341039</v>
      </c>
    </row>
    <row r="4942" spans="1:6" x14ac:dyDescent="0.2">
      <c r="A4942" s="239">
        <f>'CPT Data'!B4950</f>
        <v>48.973999999999997</v>
      </c>
      <c r="B4942" s="3">
        <f>'CPT Data'!C4950</f>
        <v>48.966999999999999</v>
      </c>
      <c r="C4942" t="str">
        <f>'CPT Data'!P4950</f>
        <v>CLAY</v>
      </c>
      <c r="D4942">
        <f>'CPT Data'!Q4950</f>
        <v>348.84719288404085</v>
      </c>
      <c r="E4942">
        <f t="shared" si="77"/>
        <v>351.91053726526678</v>
      </c>
      <c r="F4942">
        <f>IF(C4942="CLAY", INDEX(D$4:D4942, MATCH("CLAY", C$4:C4942, 0)), "")</f>
        <v>0.75203252561341039</v>
      </c>
    </row>
    <row r="4943" spans="1:6" x14ac:dyDescent="0.2">
      <c r="A4943" s="239">
        <f>'CPT Data'!B4951</f>
        <v>48.984000000000002</v>
      </c>
      <c r="B4943" s="3">
        <f>'CPT Data'!C4951</f>
        <v>48.977000000000004</v>
      </c>
      <c r="C4943" t="str">
        <f>'CPT Data'!P4951</f>
        <v>CLAY</v>
      </c>
      <c r="D4943">
        <f>'CPT Data'!Q4951</f>
        <v>338.0057319906652</v>
      </c>
      <c r="E4943">
        <f t="shared" si="77"/>
        <v>348.84719288404085</v>
      </c>
      <c r="F4943">
        <f>IF(C4943="CLAY", INDEX(D$4:D4943, MATCH("CLAY", C$4:C4943, 0)), "")</f>
        <v>0.75203252561341039</v>
      </c>
    </row>
    <row r="4944" spans="1:6" x14ac:dyDescent="0.2">
      <c r="A4944" s="239">
        <f>'CPT Data'!B4952</f>
        <v>48.994999999999997</v>
      </c>
      <c r="B4944" s="3">
        <f>'CPT Data'!C4952</f>
        <v>48.988</v>
      </c>
      <c r="C4944" t="str">
        <f>'CPT Data'!P4952</f>
        <v>CLAY</v>
      </c>
      <c r="D4944">
        <f>'CPT Data'!Q4952</f>
        <v>335.75802443024037</v>
      </c>
      <c r="E4944">
        <f t="shared" si="77"/>
        <v>338.0057319906652</v>
      </c>
      <c r="F4944">
        <f>IF(C4944="CLAY", INDEX(D$4:D4944, MATCH("CLAY", C$4:C4944, 0)), "")</f>
        <v>0.75203252561341039</v>
      </c>
    </row>
    <row r="4945" spans="1:6" x14ac:dyDescent="0.2">
      <c r="A4945" s="239">
        <f>'CPT Data'!B4953</f>
        <v>49.003999999999998</v>
      </c>
      <c r="B4945" s="3">
        <f>'CPT Data'!C4953</f>
        <v>48.997</v>
      </c>
      <c r="C4945" t="str">
        <f>'CPT Data'!P4953</f>
        <v>CLAY</v>
      </c>
      <c r="D4945">
        <f>'CPT Data'!Q4953</f>
        <v>325.23951273527024</v>
      </c>
      <c r="E4945">
        <f t="shared" si="77"/>
        <v>335.75802443024037</v>
      </c>
      <c r="F4945">
        <f>IF(C4945="CLAY", INDEX(D$4:D4945, MATCH("CLAY", C$4:C4945, 0)), "")</f>
        <v>0.75203252561341039</v>
      </c>
    </row>
    <row r="4946" spans="1:6" x14ac:dyDescent="0.2">
      <c r="A4946" s="239">
        <f>'CPT Data'!B4954</f>
        <v>49.012999999999998</v>
      </c>
      <c r="B4946" s="3">
        <f>'CPT Data'!C4954</f>
        <v>49.006</v>
      </c>
      <c r="C4946" t="str">
        <f>'CPT Data'!P4954</f>
        <v>CLAY</v>
      </c>
      <c r="D4946">
        <f>'CPT Data'!Q4954</f>
        <v>315.8294957774645</v>
      </c>
      <c r="E4946">
        <f t="shared" si="77"/>
        <v>325.23951273527024</v>
      </c>
      <c r="F4946">
        <f>IF(C4946="CLAY", INDEX(D$4:D4946, MATCH("CLAY", C$4:C4946, 0)), "")</f>
        <v>0.75203252561341039</v>
      </c>
    </row>
    <row r="4947" spans="1:6" x14ac:dyDescent="0.2">
      <c r="A4947" s="239">
        <f>'CPT Data'!B4955</f>
        <v>49.023000000000003</v>
      </c>
      <c r="B4947" s="3">
        <f>'CPT Data'!C4955</f>
        <v>49.016000000000005</v>
      </c>
      <c r="C4947" t="str">
        <f>'CPT Data'!P4955</f>
        <v>CLAY</v>
      </c>
      <c r="D4947">
        <f>'CPT Data'!Q4955</f>
        <v>328.85505432971746</v>
      </c>
      <c r="E4947">
        <f t="shared" si="77"/>
        <v>315.8294957774645</v>
      </c>
      <c r="F4947">
        <f>IF(C4947="CLAY", INDEX(D$4:D4947, MATCH("CLAY", C$4:C4947, 0)), "")</f>
        <v>0.75203252561341039</v>
      </c>
    </row>
    <row r="4948" spans="1:6" x14ac:dyDescent="0.2">
      <c r="A4948" s="239">
        <f>'CPT Data'!B4956</f>
        <v>49.033000000000001</v>
      </c>
      <c r="B4948" s="3">
        <f>'CPT Data'!C4956</f>
        <v>49.026000000000003</v>
      </c>
      <c r="C4948" t="str">
        <f>'CPT Data'!P4956</f>
        <v>CLAY</v>
      </c>
      <c r="D4948">
        <f>'CPT Data'!Q4956</f>
        <v>349.35330193504029</v>
      </c>
      <c r="E4948">
        <f t="shared" si="77"/>
        <v>328.85505432971746</v>
      </c>
      <c r="F4948">
        <f>IF(C4948="CLAY", INDEX(D$4:D4948, MATCH("CLAY", C$4:C4948, 0)), "")</f>
        <v>0.75203252561341039</v>
      </c>
    </row>
    <row r="4949" spans="1:6" x14ac:dyDescent="0.2">
      <c r="A4949" s="239">
        <f>'CPT Data'!B4957</f>
        <v>49.042000000000002</v>
      </c>
      <c r="B4949" s="3">
        <f>'CPT Data'!C4957</f>
        <v>49.035000000000004</v>
      </c>
      <c r="C4949" t="str">
        <f>'CPT Data'!P4957</f>
        <v>CLAY</v>
      </c>
      <c r="D4949">
        <f>'CPT Data'!Q4957</f>
        <v>368.82119089179179</v>
      </c>
      <c r="E4949">
        <f t="shared" si="77"/>
        <v>349.35330193504029</v>
      </c>
      <c r="F4949">
        <f>IF(C4949="CLAY", INDEX(D$4:D4949, MATCH("CLAY", C$4:C4949, 0)), "")</f>
        <v>0.75203252561341039</v>
      </c>
    </row>
    <row r="4950" spans="1:6" x14ac:dyDescent="0.2">
      <c r="A4950" s="239">
        <f>'CPT Data'!B4958</f>
        <v>49.052</v>
      </c>
      <c r="B4950" s="3">
        <f>'CPT Data'!C4958</f>
        <v>49.045000000000002</v>
      </c>
      <c r="C4950" t="str">
        <f>'CPT Data'!P4958</f>
        <v>CLAY</v>
      </c>
      <c r="D4950">
        <f>'CPT Data'!Q4958</f>
        <v>407.77495590598727</v>
      </c>
      <c r="E4950">
        <f t="shared" si="77"/>
        <v>368.82119089179179</v>
      </c>
      <c r="F4950">
        <f>IF(C4950="CLAY", INDEX(D$4:D4950, MATCH("CLAY", C$4:C4950, 0)), "")</f>
        <v>0.75203252561341039</v>
      </c>
    </row>
    <row r="4951" spans="1:6" x14ac:dyDescent="0.2">
      <c r="A4951" s="239">
        <f>'CPT Data'!B4959</f>
        <v>49.061</v>
      </c>
      <c r="B4951" s="3">
        <f>'CPT Data'!C4959</f>
        <v>49.054000000000002</v>
      </c>
      <c r="C4951" t="str">
        <f>'CPT Data'!P4959</f>
        <v>CLAY</v>
      </c>
      <c r="D4951">
        <f>'CPT Data'!Q4959</f>
        <v>455.45750386812944</v>
      </c>
      <c r="E4951">
        <f t="shared" si="77"/>
        <v>407.77495590598727</v>
      </c>
      <c r="F4951">
        <f>IF(C4951="CLAY", INDEX(D$4:D4951, MATCH("CLAY", C$4:C4951, 0)), "")</f>
        <v>0.75203252561341039</v>
      </c>
    </row>
    <row r="4952" spans="1:6" x14ac:dyDescent="0.2">
      <c r="A4952" s="239">
        <f>'CPT Data'!B4960</f>
        <v>49.070999999999998</v>
      </c>
      <c r="B4952" s="3">
        <f>'CPT Data'!C4960</f>
        <v>49.064</v>
      </c>
      <c r="C4952" t="str">
        <f>'CPT Data'!P4960</f>
        <v>CLAY</v>
      </c>
      <c r="D4952">
        <f>'CPT Data'!Q4960</f>
        <v>492.51915241962053</v>
      </c>
      <c r="E4952">
        <f t="shared" si="77"/>
        <v>455.45750386812944</v>
      </c>
      <c r="F4952">
        <f>IF(C4952="CLAY", INDEX(D$4:D4952, MATCH("CLAY", C$4:C4952, 0)), "")</f>
        <v>0.75203252561341039</v>
      </c>
    </row>
    <row r="4953" spans="1:6" x14ac:dyDescent="0.2">
      <c r="A4953" s="239">
        <f>'CPT Data'!B4961</f>
        <v>49.08</v>
      </c>
      <c r="B4953" s="3">
        <f>'CPT Data'!C4961</f>
        <v>49.073</v>
      </c>
      <c r="C4953" t="str">
        <f>'CPT Data'!P4961</f>
        <v>CLAY</v>
      </c>
      <c r="D4953">
        <f>'CPT Data'!Q4961</f>
        <v>515.78030583072427</v>
      </c>
      <c r="E4953">
        <f t="shared" si="77"/>
        <v>492.51915241962053</v>
      </c>
      <c r="F4953">
        <f>IF(C4953="CLAY", INDEX(D$4:D4953, MATCH("CLAY", C$4:C4953, 0)), "")</f>
        <v>0.75203252561341039</v>
      </c>
    </row>
    <row r="4954" spans="1:6" x14ac:dyDescent="0.2">
      <c r="A4954" s="239">
        <f>'CPT Data'!B4962</f>
        <v>49.091000000000001</v>
      </c>
      <c r="B4954" s="3">
        <f>'CPT Data'!C4962</f>
        <v>49.084000000000003</v>
      </c>
      <c r="C4954" t="str">
        <f>'CPT Data'!P4962</f>
        <v>CLAY</v>
      </c>
      <c r="D4954">
        <f>'CPT Data'!Q4962</f>
        <v>528.12035260228379</v>
      </c>
      <c r="E4954">
        <f t="shared" si="77"/>
        <v>515.78030583072427</v>
      </c>
      <c r="F4954">
        <f>IF(C4954="CLAY", INDEX(D$4:D4954, MATCH("CLAY", C$4:C4954, 0)), "")</f>
        <v>0.75203252561341039</v>
      </c>
    </row>
    <row r="4955" spans="1:6" x14ac:dyDescent="0.2">
      <c r="A4955" s="239">
        <f>'CPT Data'!B4963</f>
        <v>49.1</v>
      </c>
      <c r="B4955" s="3">
        <f>'CPT Data'!C4963</f>
        <v>49.093000000000004</v>
      </c>
      <c r="C4955" t="str">
        <f>'CPT Data'!P4963</f>
        <v>CLAY</v>
      </c>
      <c r="D4955">
        <f>'CPT Data'!Q4963</f>
        <v>545.08640033200413</v>
      </c>
      <c r="E4955">
        <f t="shared" ref="E4955:E5018" si="78">IF(C4955="SAND",#N/A,IF(C4955=C4954,D4954,IF(C4955="CLAY",D4955,#N/A)))</f>
        <v>528.12035260228379</v>
      </c>
      <c r="F4955">
        <f>IF(C4955="CLAY", INDEX(D$4:D4955, MATCH("CLAY", C$4:C4955, 0)), "")</f>
        <v>0.75203252561341039</v>
      </c>
    </row>
    <row r="4956" spans="1:6" x14ac:dyDescent="0.2">
      <c r="A4956" s="239">
        <f>'CPT Data'!B4964</f>
        <v>49.11</v>
      </c>
      <c r="B4956" s="3">
        <f>'CPT Data'!C4964</f>
        <v>49.103000000000002</v>
      </c>
      <c r="C4956" t="str">
        <f>'CPT Data'!P4964</f>
        <v>CLAY</v>
      </c>
      <c r="D4956">
        <f>'CPT Data'!Q4964</f>
        <v>543.09864643809158</v>
      </c>
      <c r="E4956">
        <f t="shared" si="78"/>
        <v>545.08640033200413</v>
      </c>
      <c r="F4956">
        <f>IF(C4956="CLAY", INDEX(D$4:D4956, MATCH("CLAY", C$4:C4956, 0)), "")</f>
        <v>0.75203252561341039</v>
      </c>
    </row>
    <row r="4957" spans="1:6" x14ac:dyDescent="0.2">
      <c r="A4957" s="239">
        <f>'CPT Data'!B4965</f>
        <v>49.12</v>
      </c>
      <c r="B4957" s="3">
        <f>'CPT Data'!C4965</f>
        <v>49.113</v>
      </c>
      <c r="C4957" t="str">
        <f>'CPT Data'!P4965</f>
        <v>CLAY</v>
      </c>
      <c r="D4957">
        <f>'CPT Data'!Q4965</f>
        <v>548.21336993456418</v>
      </c>
      <c r="E4957">
        <f t="shared" si="78"/>
        <v>543.09864643809158</v>
      </c>
      <c r="F4957">
        <f>IF(C4957="CLAY", INDEX(D$4:D4957, MATCH("CLAY", C$4:C4957, 0)), "")</f>
        <v>0.75203252561341039</v>
      </c>
    </row>
    <row r="4958" spans="1:6" x14ac:dyDescent="0.2">
      <c r="A4958" s="239">
        <f>'CPT Data'!B4966</f>
        <v>49.128999999999998</v>
      </c>
      <c r="B4958" s="3">
        <f>'CPT Data'!C4966</f>
        <v>49.122</v>
      </c>
      <c r="C4958" t="str">
        <f>'CPT Data'!P4966</f>
        <v>CLAY</v>
      </c>
      <c r="D4958">
        <f>'CPT Data'!Q4966</f>
        <v>541.4451399468511</v>
      </c>
      <c r="E4958">
        <f t="shared" si="78"/>
        <v>548.21336993456418</v>
      </c>
      <c r="F4958">
        <f>IF(C4958="CLAY", INDEX(D$4:D4958, MATCH("CLAY", C$4:C4958, 0)), "")</f>
        <v>0.75203252561341039</v>
      </c>
    </row>
    <row r="4959" spans="1:6" x14ac:dyDescent="0.2">
      <c r="A4959" s="239">
        <f>'CPT Data'!B4967</f>
        <v>49.139000000000003</v>
      </c>
      <c r="B4959" s="3">
        <f>'CPT Data'!C4967</f>
        <v>49.132000000000005</v>
      </c>
      <c r="C4959" t="str">
        <f>'CPT Data'!P4967</f>
        <v>CLAY</v>
      </c>
      <c r="D4959">
        <f>'CPT Data'!Q4967</f>
        <v>523.65159528849233</v>
      </c>
      <c r="E4959">
        <f t="shared" si="78"/>
        <v>541.4451399468511</v>
      </c>
      <c r="F4959">
        <f>IF(C4959="CLAY", INDEX(D$4:D4959, MATCH("CLAY", C$4:C4959, 0)), "")</f>
        <v>0.75203252561341039</v>
      </c>
    </row>
    <row r="4960" spans="1:6" x14ac:dyDescent="0.2">
      <c r="A4960" s="239">
        <f>'CPT Data'!B4968</f>
        <v>49.149000000000001</v>
      </c>
      <c r="B4960" s="3">
        <f>'CPT Data'!C4968</f>
        <v>49.142000000000003</v>
      </c>
      <c r="C4960" t="str">
        <f>'CPT Data'!P4968</f>
        <v>CLAY</v>
      </c>
      <c r="D4960">
        <f>'CPT Data'!Q4968</f>
        <v>524.52027867725315</v>
      </c>
      <c r="E4960">
        <f t="shared" si="78"/>
        <v>523.65159528849233</v>
      </c>
      <c r="F4960">
        <f>IF(C4960="CLAY", INDEX(D$4:D4960, MATCH("CLAY", C$4:C4960, 0)), "")</f>
        <v>0.75203252561341039</v>
      </c>
    </row>
    <row r="4961" spans="1:6" x14ac:dyDescent="0.2">
      <c r="A4961" s="239">
        <f>'CPT Data'!B4969</f>
        <v>49.158000000000001</v>
      </c>
      <c r="B4961" s="3">
        <f>'CPT Data'!C4969</f>
        <v>49.151000000000003</v>
      </c>
      <c r="C4961" t="str">
        <f>'CPT Data'!P4969</f>
        <v>CLAY</v>
      </c>
      <c r="D4961">
        <f>'CPT Data'!Q4969</f>
        <v>517.56916914294106</v>
      </c>
      <c r="E4961">
        <f t="shared" si="78"/>
        <v>524.52027867725315</v>
      </c>
      <c r="F4961">
        <f>IF(C4961="CLAY", INDEX(D$4:D4961, MATCH("CLAY", C$4:C4961, 0)), "")</f>
        <v>0.75203252561341039</v>
      </c>
    </row>
    <row r="4962" spans="1:6" x14ac:dyDescent="0.2">
      <c r="A4962" s="239">
        <f>'CPT Data'!B4970</f>
        <v>49.167999999999999</v>
      </c>
      <c r="B4962" s="3">
        <f>'CPT Data'!C4970</f>
        <v>49.161000000000001</v>
      </c>
      <c r="C4962" t="str">
        <f>'CPT Data'!P4970</f>
        <v>CLAY</v>
      </c>
      <c r="D4962">
        <f>'CPT Data'!Q4970</f>
        <v>493.96094844823961</v>
      </c>
      <c r="E4962">
        <f t="shared" si="78"/>
        <v>517.56916914294106</v>
      </c>
      <c r="F4962">
        <f>IF(C4962="CLAY", INDEX(D$4:D4962, MATCH("CLAY", C$4:C4962, 0)), "")</f>
        <v>0.75203252561341039</v>
      </c>
    </row>
    <row r="4963" spans="1:6" x14ac:dyDescent="0.2">
      <c r="A4963" s="239">
        <f>'CPT Data'!B4971</f>
        <v>49.177999999999997</v>
      </c>
      <c r="B4963" s="3">
        <f>'CPT Data'!C4971</f>
        <v>49.170999999999999</v>
      </c>
      <c r="C4963" t="str">
        <f>'CPT Data'!P4971</f>
        <v>CLAY</v>
      </c>
      <c r="D4963">
        <f>'CPT Data'!Q4971</f>
        <v>486.21976107407778</v>
      </c>
      <c r="E4963">
        <f t="shared" si="78"/>
        <v>493.96094844823961</v>
      </c>
      <c r="F4963">
        <f>IF(C4963="CLAY", INDEX(D$4:D4963, MATCH("CLAY", C$4:C4963, 0)), "")</f>
        <v>0.75203252561341039</v>
      </c>
    </row>
    <row r="4964" spans="1:6" x14ac:dyDescent="0.2">
      <c r="A4964" s="239">
        <f>'CPT Data'!B4972</f>
        <v>49.188000000000002</v>
      </c>
      <c r="B4964" s="3">
        <f>'CPT Data'!C4972</f>
        <v>49.181000000000004</v>
      </c>
      <c r="C4964" t="str">
        <f>'CPT Data'!P4972</f>
        <v>CLAY</v>
      </c>
      <c r="D4964">
        <f>'CPT Data'!Q4972</f>
        <v>498.11026392520756</v>
      </c>
      <c r="E4964">
        <f t="shared" si="78"/>
        <v>486.21976107407778</v>
      </c>
      <c r="F4964">
        <f>IF(C4964="CLAY", INDEX(D$4:D4964, MATCH("CLAY", C$4:C4964, 0)), "")</f>
        <v>0.75203252561341039</v>
      </c>
    </row>
    <row r="4965" spans="1:6" x14ac:dyDescent="0.2">
      <c r="A4965" s="239">
        <f>'CPT Data'!B4973</f>
        <v>49.198</v>
      </c>
      <c r="B4965" s="3">
        <f>'CPT Data'!C4973</f>
        <v>49.191000000000003</v>
      </c>
      <c r="C4965" t="str">
        <f>'CPT Data'!P4973</f>
        <v>CLAY</v>
      </c>
      <c r="D4965">
        <f>'CPT Data'!Q4973</f>
        <v>497.85704758816502</v>
      </c>
      <c r="E4965">
        <f t="shared" si="78"/>
        <v>498.11026392520756</v>
      </c>
      <c r="F4965">
        <f>IF(C4965="CLAY", INDEX(D$4:D4965, MATCH("CLAY", C$4:C4965, 0)), "")</f>
        <v>0.75203252561341039</v>
      </c>
    </row>
    <row r="4966" spans="1:6" x14ac:dyDescent="0.2">
      <c r="A4966" s="239">
        <f>'CPT Data'!B4974</f>
        <v>49.207000000000001</v>
      </c>
      <c r="B4966" s="3">
        <f>'CPT Data'!C4974</f>
        <v>49.2</v>
      </c>
      <c r="C4966" t="str">
        <f>'CPT Data'!P4974</f>
        <v>CLAY</v>
      </c>
      <c r="D4966">
        <f>'CPT Data'!Q4974</f>
        <v>476.78951071481083</v>
      </c>
      <c r="E4966">
        <f t="shared" si="78"/>
        <v>497.85704758816502</v>
      </c>
      <c r="F4966">
        <f>IF(C4966="CLAY", INDEX(D$4:D4966, MATCH("CLAY", C$4:C4966, 0)), "")</f>
        <v>0.75203252561341039</v>
      </c>
    </row>
    <row r="4967" spans="1:6" x14ac:dyDescent="0.2">
      <c r="A4967" s="239">
        <f>'CPT Data'!B4975</f>
        <v>49.216999999999999</v>
      </c>
      <c r="B4967" s="3">
        <f>'CPT Data'!C4975</f>
        <v>49.21</v>
      </c>
      <c r="C4967" t="str">
        <f>'CPT Data'!P4975</f>
        <v>CLAY</v>
      </c>
      <c r="D4967">
        <f>'CPT Data'!Q4975</f>
        <v>460.14636415866113</v>
      </c>
      <c r="E4967">
        <f t="shared" si="78"/>
        <v>476.78951071481083</v>
      </c>
      <c r="F4967">
        <f>IF(C4967="CLAY", INDEX(D$4:D4967, MATCH("CLAY", C$4:C4967, 0)), "")</f>
        <v>0.75203252561341039</v>
      </c>
    </row>
    <row r="4968" spans="1:6" x14ac:dyDescent="0.2">
      <c r="A4968" s="239">
        <f>'CPT Data'!B4976</f>
        <v>49.226999999999997</v>
      </c>
      <c r="B4968" s="3">
        <f>'CPT Data'!C4976</f>
        <v>49.22</v>
      </c>
      <c r="C4968" t="str">
        <f>'CPT Data'!P4976</f>
        <v>CLAY</v>
      </c>
      <c r="D4968">
        <f>'CPT Data'!Q4976</f>
        <v>451.35213297605475</v>
      </c>
      <c r="E4968">
        <f t="shared" si="78"/>
        <v>460.14636415866113</v>
      </c>
      <c r="F4968">
        <f>IF(C4968="CLAY", INDEX(D$4:D4968, MATCH("CLAY", C$4:C4968, 0)), "")</f>
        <v>0.75203252561341039</v>
      </c>
    </row>
    <row r="4969" spans="1:6" x14ac:dyDescent="0.2">
      <c r="A4969" s="239">
        <f>'CPT Data'!B4977</f>
        <v>49.237000000000002</v>
      </c>
      <c r="B4969" s="3">
        <f>'CPT Data'!C4977</f>
        <v>49.230000000000004</v>
      </c>
      <c r="C4969" t="str">
        <f>'CPT Data'!P4977</f>
        <v>CLAY</v>
      </c>
      <c r="D4969">
        <f>'CPT Data'!Q4977</f>
        <v>424.64575228421791</v>
      </c>
      <c r="E4969">
        <f t="shared" si="78"/>
        <v>451.35213297605475</v>
      </c>
      <c r="F4969">
        <f>IF(C4969="CLAY", INDEX(D$4:D4969, MATCH("CLAY", C$4:C4969, 0)), "")</f>
        <v>0.75203252561341039</v>
      </c>
    </row>
    <row r="4970" spans="1:6" x14ac:dyDescent="0.2">
      <c r="A4970" s="239">
        <f>'CPT Data'!B4978</f>
        <v>49.247</v>
      </c>
      <c r="B4970" s="3">
        <f>'CPT Data'!C4978</f>
        <v>49.24</v>
      </c>
      <c r="C4970" t="str">
        <f>'CPT Data'!P4978</f>
        <v>CLAY</v>
      </c>
      <c r="D4970">
        <f>'CPT Data'!Q4978</f>
        <v>408.54478006130756</v>
      </c>
      <c r="E4970">
        <f t="shared" si="78"/>
        <v>424.64575228421791</v>
      </c>
      <c r="F4970">
        <f>IF(C4970="CLAY", INDEX(D$4:D4970, MATCH("CLAY", C$4:C4970, 0)), "")</f>
        <v>0.75203252561341039</v>
      </c>
    </row>
    <row r="4971" spans="1:6" x14ac:dyDescent="0.2">
      <c r="A4971" s="239">
        <f>'CPT Data'!B4979</f>
        <v>49.256</v>
      </c>
      <c r="B4971" s="3">
        <f>'CPT Data'!C4979</f>
        <v>49.249000000000002</v>
      </c>
      <c r="C4971" t="str">
        <f>'CPT Data'!P4979</f>
        <v>CLAY</v>
      </c>
      <c r="D4971">
        <f>'CPT Data'!Q4979</f>
        <v>392.64426824019171</v>
      </c>
      <c r="E4971">
        <f t="shared" si="78"/>
        <v>408.54478006130756</v>
      </c>
      <c r="F4971">
        <f>IF(C4971="CLAY", INDEX(D$4:D4971, MATCH("CLAY", C$4:C4971, 0)), "")</f>
        <v>0.75203252561341039</v>
      </c>
    </row>
    <row r="4972" spans="1:6" x14ac:dyDescent="0.2">
      <c r="A4972" s="239">
        <f>'CPT Data'!B4980</f>
        <v>49.265000000000001</v>
      </c>
      <c r="B4972" s="3">
        <f>'CPT Data'!C4980</f>
        <v>49.258000000000003</v>
      </c>
      <c r="C4972" t="str">
        <f>'CPT Data'!P4980</f>
        <v>CLAY</v>
      </c>
      <c r="D4972">
        <f>'CPT Data'!Q4980</f>
        <v>399.33177596855086</v>
      </c>
      <c r="E4972">
        <f t="shared" si="78"/>
        <v>392.64426824019171</v>
      </c>
      <c r="F4972">
        <f>IF(C4972="CLAY", INDEX(D$4:D4972, MATCH("CLAY", C$4:C4972, 0)), "")</f>
        <v>0.75203252561341039</v>
      </c>
    </row>
    <row r="4973" spans="1:6" x14ac:dyDescent="0.2">
      <c r="A4973" s="239">
        <f>'CPT Data'!B4981</f>
        <v>49.276000000000003</v>
      </c>
      <c r="B4973" s="3">
        <f>'CPT Data'!C4981</f>
        <v>49.269000000000005</v>
      </c>
      <c r="C4973" t="str">
        <f>'CPT Data'!P4981</f>
        <v>CLAY</v>
      </c>
      <c r="D4973">
        <f>'CPT Data'!Q4981</f>
        <v>392.42144888855074</v>
      </c>
      <c r="E4973">
        <f t="shared" si="78"/>
        <v>399.33177596855086</v>
      </c>
      <c r="F4973">
        <f>IF(C4973="CLAY", INDEX(D$4:D4973, MATCH("CLAY", C$4:C4973, 0)), "")</f>
        <v>0.75203252561341039</v>
      </c>
    </row>
    <row r="4974" spans="1:6" x14ac:dyDescent="0.2">
      <c r="A4974" s="239">
        <f>'CPT Data'!B4982</f>
        <v>49.284999999999997</v>
      </c>
      <c r="B4974" s="3">
        <f>'CPT Data'!C4982</f>
        <v>49.277999999999999</v>
      </c>
      <c r="C4974" t="str">
        <f>'CPT Data'!P4982</f>
        <v>CLAY</v>
      </c>
      <c r="D4974">
        <f>'CPT Data'!Q4982</f>
        <v>406.1330277150451</v>
      </c>
      <c r="E4974">
        <f t="shared" si="78"/>
        <v>392.42144888855074</v>
      </c>
      <c r="F4974">
        <f>IF(C4974="CLAY", INDEX(D$4:D4974, MATCH("CLAY", C$4:C4974, 0)), "")</f>
        <v>0.75203252561341039</v>
      </c>
    </row>
    <row r="4975" spans="1:6" x14ac:dyDescent="0.2">
      <c r="A4975" s="239">
        <f>'CPT Data'!B4983</f>
        <v>49.295000000000002</v>
      </c>
      <c r="B4975" s="3">
        <f>'CPT Data'!C4983</f>
        <v>49.288000000000004</v>
      </c>
      <c r="C4975" t="str">
        <f>'CPT Data'!P4983</f>
        <v>CLAY</v>
      </c>
      <c r="D4975">
        <f>'CPT Data'!Q4983</f>
        <v>413.30800849024376</v>
      </c>
      <c r="E4975">
        <f t="shared" si="78"/>
        <v>406.1330277150451</v>
      </c>
      <c r="F4975">
        <f>IF(C4975="CLAY", INDEX(D$4:D4975, MATCH("CLAY", C$4:C4975, 0)), "")</f>
        <v>0.75203252561341039</v>
      </c>
    </row>
    <row r="4976" spans="1:6" x14ac:dyDescent="0.2">
      <c r="A4976" s="239">
        <f>'CPT Data'!B4984</f>
        <v>49.304000000000002</v>
      </c>
      <c r="B4976" s="3">
        <f>'CPT Data'!C4984</f>
        <v>49.297000000000004</v>
      </c>
      <c r="C4976" t="str">
        <f>'CPT Data'!P4984</f>
        <v>CLAY</v>
      </c>
      <c r="D4976">
        <f>'CPT Data'!Q4984</f>
        <v>410.01227879883214</v>
      </c>
      <c r="E4976">
        <f t="shared" si="78"/>
        <v>413.30800849024376</v>
      </c>
      <c r="F4976">
        <f>IF(C4976="CLAY", INDEX(D$4:D4976, MATCH("CLAY", C$4:C4976, 0)), "")</f>
        <v>0.75203252561341039</v>
      </c>
    </row>
    <row r="4977" spans="1:6" x14ac:dyDescent="0.2">
      <c r="A4977" s="239">
        <f>'CPT Data'!B4985</f>
        <v>49.314999999999998</v>
      </c>
      <c r="B4977" s="3">
        <f>'CPT Data'!C4985</f>
        <v>49.308</v>
      </c>
      <c r="C4977" t="str">
        <f>'CPT Data'!P4985</f>
        <v>CLAY</v>
      </c>
      <c r="D4977">
        <f>'CPT Data'!Q4985</f>
        <v>400.61722830508143</v>
      </c>
      <c r="E4977">
        <f t="shared" si="78"/>
        <v>410.01227879883214</v>
      </c>
      <c r="F4977">
        <f>IF(C4977="CLAY", INDEX(D$4:D4977, MATCH("CLAY", C$4:C4977, 0)), "")</f>
        <v>0.75203252561341039</v>
      </c>
    </row>
    <row r="4978" spans="1:6" x14ac:dyDescent="0.2">
      <c r="A4978" s="239">
        <f>'CPT Data'!B4986</f>
        <v>49.323999999999998</v>
      </c>
      <c r="B4978" s="3">
        <f>'CPT Data'!C4986</f>
        <v>49.317</v>
      </c>
      <c r="C4978" t="str">
        <f>'CPT Data'!P4986</f>
        <v>CLAY</v>
      </c>
      <c r="D4978">
        <f>'CPT Data'!Q4986</f>
        <v>390.25239953524846</v>
      </c>
      <c r="E4978">
        <f t="shared" si="78"/>
        <v>400.61722830508143</v>
      </c>
      <c r="F4978">
        <f>IF(C4978="CLAY", INDEX(D$4:D4978, MATCH("CLAY", C$4:C4978, 0)), "")</f>
        <v>0.75203252561341039</v>
      </c>
    </row>
    <row r="4979" spans="1:6" x14ac:dyDescent="0.2">
      <c r="A4979" s="239">
        <f>'CPT Data'!B4987</f>
        <v>49.386000000000003</v>
      </c>
      <c r="B4979" s="3">
        <f>'CPT Data'!C4987</f>
        <v>49.379000000000005</v>
      </c>
      <c r="C4979" t="str">
        <f>'CPT Data'!P4987</f>
        <v>CLAY</v>
      </c>
      <c r="D4979">
        <f>'CPT Data'!Q4987</f>
        <v>343.37055135341831</v>
      </c>
      <c r="E4979">
        <f t="shared" si="78"/>
        <v>390.25239953524846</v>
      </c>
      <c r="F4979">
        <f>IF(C4979="CLAY", INDEX(D$4:D4979, MATCH("CLAY", C$4:C4979, 0)), "")</f>
        <v>0.75203252561341039</v>
      </c>
    </row>
    <row r="4980" spans="1:6" x14ac:dyDescent="0.2">
      <c r="A4980" s="239">
        <f>'CPT Data'!B4988</f>
        <v>49.395000000000003</v>
      </c>
      <c r="B4980" s="3">
        <f>'CPT Data'!C4988</f>
        <v>49.388000000000005</v>
      </c>
      <c r="C4980" t="str">
        <f>'CPT Data'!P4988</f>
        <v>CLAY</v>
      </c>
      <c r="D4980">
        <f>'CPT Data'!Q4988</f>
        <v>336.45902659575256</v>
      </c>
      <c r="E4980">
        <f t="shared" si="78"/>
        <v>343.37055135341831</v>
      </c>
      <c r="F4980">
        <f>IF(C4980="CLAY", INDEX(D$4:D4980, MATCH("CLAY", C$4:C4980, 0)), "")</f>
        <v>0.75203252561341039</v>
      </c>
    </row>
    <row r="4981" spans="1:6" x14ac:dyDescent="0.2">
      <c r="A4981" s="239">
        <f>'CPT Data'!B4989</f>
        <v>49.405999999999999</v>
      </c>
      <c r="B4981" s="3">
        <f>'CPT Data'!C4989</f>
        <v>49.399000000000001</v>
      </c>
      <c r="C4981" t="str">
        <f>'CPT Data'!P4989</f>
        <v>CLAY</v>
      </c>
      <c r="D4981">
        <f>'CPT Data'!Q4989</f>
        <v>311.65643928780815</v>
      </c>
      <c r="E4981">
        <f t="shared" si="78"/>
        <v>336.45902659575256</v>
      </c>
      <c r="F4981">
        <f>IF(C4981="CLAY", INDEX(D$4:D4981, MATCH("CLAY", C$4:C4981, 0)), "")</f>
        <v>0.75203252561341039</v>
      </c>
    </row>
    <row r="4982" spans="1:6" x14ac:dyDescent="0.2">
      <c r="A4982" s="239">
        <f>'CPT Data'!B4990</f>
        <v>49.414000000000001</v>
      </c>
      <c r="B4982" s="3">
        <f>'CPT Data'!C4990</f>
        <v>49.407000000000004</v>
      </c>
      <c r="C4982" t="str">
        <f>'CPT Data'!P4990</f>
        <v>CLAY</v>
      </c>
      <c r="D4982">
        <f>'CPT Data'!Q4990</f>
        <v>281.77471901508159</v>
      </c>
      <c r="E4982">
        <f t="shared" si="78"/>
        <v>311.65643928780815</v>
      </c>
      <c r="F4982">
        <f>IF(C4982="CLAY", INDEX(D$4:D4982, MATCH("CLAY", C$4:C4982, 0)), "")</f>
        <v>0.75203252561341039</v>
      </c>
    </row>
    <row r="4983" spans="1:6" x14ac:dyDescent="0.2">
      <c r="A4983" s="239">
        <f>'CPT Data'!B4991</f>
        <v>49.423999999999999</v>
      </c>
      <c r="B4983" s="3">
        <f>'CPT Data'!C4991</f>
        <v>49.417000000000002</v>
      </c>
      <c r="C4983" t="str">
        <f>'CPT Data'!P4991</f>
        <v>CLAY</v>
      </c>
      <c r="D4983">
        <f>'CPT Data'!Q4991</f>
        <v>254.16068039933157</v>
      </c>
      <c r="E4983">
        <f t="shared" si="78"/>
        <v>281.77471901508159</v>
      </c>
      <c r="F4983">
        <f>IF(C4983="CLAY", INDEX(D$4:D4983, MATCH("CLAY", C$4:C4983, 0)), "")</f>
        <v>0.75203252561341039</v>
      </c>
    </row>
    <row r="4984" spans="1:6" x14ac:dyDescent="0.2">
      <c r="A4984" s="239">
        <f>'CPT Data'!B4992</f>
        <v>49.433999999999997</v>
      </c>
      <c r="B4984" s="3">
        <f>'CPT Data'!C4992</f>
        <v>49.427</v>
      </c>
      <c r="C4984" t="str">
        <f>'CPT Data'!P4992</f>
        <v>CLAY</v>
      </c>
      <c r="D4984">
        <f>'CPT Data'!Q4992</f>
        <v>235.70427001769522</v>
      </c>
      <c r="E4984">
        <f t="shared" si="78"/>
        <v>254.16068039933157</v>
      </c>
      <c r="F4984">
        <f>IF(C4984="CLAY", INDEX(D$4:D4984, MATCH("CLAY", C$4:C4984, 0)), "")</f>
        <v>0.75203252561341039</v>
      </c>
    </row>
    <row r="4985" spans="1:6" x14ac:dyDescent="0.2">
      <c r="A4985" s="239">
        <f>'CPT Data'!B4993</f>
        <v>49.444000000000003</v>
      </c>
      <c r="B4985" s="3">
        <f>'CPT Data'!C4993</f>
        <v>49.437000000000005</v>
      </c>
      <c r="C4985" t="str">
        <f>'CPT Data'!P4993</f>
        <v>CLAY</v>
      </c>
      <c r="D4985">
        <f>'CPT Data'!Q4993</f>
        <v>220.45045129323185</v>
      </c>
      <c r="E4985">
        <f t="shared" si="78"/>
        <v>235.70427001769522</v>
      </c>
      <c r="F4985">
        <f>IF(C4985="CLAY", INDEX(D$4:D4985, MATCH("CLAY", C$4:C4985, 0)), "")</f>
        <v>0.75203252561341039</v>
      </c>
    </row>
    <row r="4986" spans="1:6" x14ac:dyDescent="0.2">
      <c r="A4986" s="239">
        <f>'CPT Data'!B4994</f>
        <v>49.454000000000001</v>
      </c>
      <c r="B4986" s="3">
        <f>'CPT Data'!C4994</f>
        <v>49.447000000000003</v>
      </c>
      <c r="C4986" t="str">
        <f>'CPT Data'!P4994</f>
        <v>CLAY</v>
      </c>
      <c r="D4986">
        <f>'CPT Data'!Q4994</f>
        <v>203.88991811458979</v>
      </c>
      <c r="E4986">
        <f t="shared" si="78"/>
        <v>220.45045129323185</v>
      </c>
      <c r="F4986">
        <f>IF(C4986="CLAY", INDEX(D$4:D4986, MATCH("CLAY", C$4:C4986, 0)), "")</f>
        <v>0.75203252561341039</v>
      </c>
    </row>
    <row r="4987" spans="1:6" x14ac:dyDescent="0.2">
      <c r="A4987" s="239">
        <f>'CPT Data'!B4995</f>
        <v>49.463999999999999</v>
      </c>
      <c r="B4987" s="3">
        <f>'CPT Data'!C4995</f>
        <v>49.457000000000001</v>
      </c>
      <c r="C4987" t="str">
        <f>'CPT Data'!P4995</f>
        <v>CLAY</v>
      </c>
      <c r="D4987">
        <f>'CPT Data'!Q4995</f>
        <v>197.58394226574833</v>
      </c>
      <c r="E4987">
        <f t="shared" si="78"/>
        <v>203.88991811458979</v>
      </c>
      <c r="F4987">
        <f>IF(C4987="CLAY", INDEX(D$4:D4987, MATCH("CLAY", C$4:C4987, 0)), "")</f>
        <v>0.75203252561341039</v>
      </c>
    </row>
    <row r="4988" spans="1:6" x14ac:dyDescent="0.2">
      <c r="A4988" s="239">
        <f>'CPT Data'!B4996</f>
        <v>49.472999999999999</v>
      </c>
      <c r="B4988" s="3">
        <f>'CPT Data'!C4996</f>
        <v>49.466000000000001</v>
      </c>
      <c r="C4988" t="str">
        <f>'CPT Data'!P4996</f>
        <v>CLAY</v>
      </c>
      <c r="D4988">
        <f>'CPT Data'!Q4996</f>
        <v>200.22584778364219</v>
      </c>
      <c r="E4988">
        <f t="shared" si="78"/>
        <v>197.58394226574833</v>
      </c>
      <c r="F4988">
        <f>IF(C4988="CLAY", INDEX(D$4:D4988, MATCH("CLAY", C$4:C4988, 0)), "")</f>
        <v>0.75203252561341039</v>
      </c>
    </row>
    <row r="4989" spans="1:6" x14ac:dyDescent="0.2">
      <c r="A4989" s="239">
        <f>'CPT Data'!B4997</f>
        <v>49.482999999999997</v>
      </c>
      <c r="B4989" s="3">
        <f>'CPT Data'!C4997</f>
        <v>49.475999999999999</v>
      </c>
      <c r="C4989" t="str">
        <f>'CPT Data'!P4997</f>
        <v>CLAY</v>
      </c>
      <c r="D4989">
        <f>'CPT Data'!Q4997</f>
        <v>206.20315204801386</v>
      </c>
      <c r="E4989">
        <f t="shared" si="78"/>
        <v>200.22584778364219</v>
      </c>
      <c r="F4989">
        <f>IF(C4989="CLAY", INDEX(D$4:D4989, MATCH("CLAY", C$4:C4989, 0)), "")</f>
        <v>0.75203252561341039</v>
      </c>
    </row>
    <row r="4990" spans="1:6" x14ac:dyDescent="0.2">
      <c r="A4990" s="239">
        <f>'CPT Data'!B4998</f>
        <v>49.491999999999997</v>
      </c>
      <c r="B4990" s="3">
        <f>'CPT Data'!C4998</f>
        <v>49.484999999999999</v>
      </c>
      <c r="C4990" t="str">
        <f>'CPT Data'!P4998</f>
        <v>CLAY</v>
      </c>
      <c r="D4990">
        <f>'CPT Data'!Q4998</f>
        <v>211.89071717570096</v>
      </c>
      <c r="E4990">
        <f t="shared" si="78"/>
        <v>206.20315204801386</v>
      </c>
      <c r="F4990">
        <f>IF(C4990="CLAY", INDEX(D$4:D4990, MATCH("CLAY", C$4:C4990, 0)), "")</f>
        <v>0.75203252561341039</v>
      </c>
    </row>
    <row r="4991" spans="1:6" x14ac:dyDescent="0.2">
      <c r="A4991" s="239">
        <f>'CPT Data'!B4999</f>
        <v>49.503</v>
      </c>
      <c r="B4991" s="3">
        <f>'CPT Data'!C4999</f>
        <v>49.496000000000002</v>
      </c>
      <c r="C4991" t="str">
        <f>'CPT Data'!P4999</f>
        <v>CLAY</v>
      </c>
      <c r="D4991">
        <f>'CPT Data'!Q4999</f>
        <v>222.97069888139791</v>
      </c>
      <c r="E4991">
        <f t="shared" si="78"/>
        <v>211.89071717570096</v>
      </c>
      <c r="F4991">
        <f>IF(C4991="CLAY", INDEX(D$4:D4991, MATCH("CLAY", C$4:C4991, 0)), "")</f>
        <v>0.75203252561341039</v>
      </c>
    </row>
    <row r="4992" spans="1:6" x14ac:dyDescent="0.2">
      <c r="A4992" s="239">
        <f>'CPT Data'!B5000</f>
        <v>49.512999999999998</v>
      </c>
      <c r="B4992" s="3">
        <f>'CPT Data'!C5000</f>
        <v>49.506</v>
      </c>
      <c r="C4992" t="str">
        <f>'CPT Data'!P5000</f>
        <v>CLAY</v>
      </c>
      <c r="D4992">
        <f>'CPT Data'!Q5000</f>
        <v>235.71759420950514</v>
      </c>
      <c r="E4992">
        <f t="shared" si="78"/>
        <v>222.97069888139791</v>
      </c>
      <c r="F4992">
        <f>IF(C4992="CLAY", INDEX(D$4:D4992, MATCH("CLAY", C$4:C4992, 0)), "")</f>
        <v>0.75203252561341039</v>
      </c>
    </row>
    <row r="4993" spans="1:6" x14ac:dyDescent="0.2">
      <c r="A4993" s="239">
        <f>'CPT Data'!B5001</f>
        <v>49.521999999999998</v>
      </c>
      <c r="B4993" s="3">
        <f>'CPT Data'!C5001</f>
        <v>49.515000000000001</v>
      </c>
      <c r="C4993" t="str">
        <f>'CPT Data'!P5001</f>
        <v>CLAY</v>
      </c>
      <c r="D4993">
        <f>'CPT Data'!Q5001</f>
        <v>222.29476798824544</v>
      </c>
      <c r="E4993">
        <f t="shared" si="78"/>
        <v>235.71759420950514</v>
      </c>
      <c r="F4993">
        <f>IF(C4993="CLAY", INDEX(D$4:D4993, MATCH("CLAY", C$4:C4993, 0)), "")</f>
        <v>0.75203252561341039</v>
      </c>
    </row>
    <row r="4994" spans="1:6" x14ac:dyDescent="0.2">
      <c r="A4994" s="239">
        <f>'CPT Data'!B5002</f>
        <v>49.533000000000001</v>
      </c>
      <c r="B4994" s="3">
        <f>'CPT Data'!C5002</f>
        <v>49.526000000000003</v>
      </c>
      <c r="C4994" t="str">
        <f>'CPT Data'!P5002</f>
        <v>CLAY</v>
      </c>
      <c r="D4994">
        <f>'CPT Data'!Q5002</f>
        <v>211.12356436529501</v>
      </c>
      <c r="E4994">
        <f t="shared" si="78"/>
        <v>222.29476798824544</v>
      </c>
      <c r="F4994">
        <f>IF(C4994="CLAY", INDEX(D$4:D4994, MATCH("CLAY", C$4:C4994, 0)), "")</f>
        <v>0.75203252561341039</v>
      </c>
    </row>
    <row r="4995" spans="1:6" x14ac:dyDescent="0.2">
      <c r="A4995" s="239">
        <f>'CPT Data'!B5003</f>
        <v>49.542000000000002</v>
      </c>
      <c r="B4995" s="3">
        <f>'CPT Data'!C5003</f>
        <v>49.535000000000004</v>
      </c>
      <c r="C4995" t="str">
        <f>'CPT Data'!P5003</f>
        <v>CLAY</v>
      </c>
      <c r="D4995">
        <f>'CPT Data'!Q5003</f>
        <v>207.01907768476869</v>
      </c>
      <c r="E4995">
        <f t="shared" si="78"/>
        <v>211.12356436529501</v>
      </c>
      <c r="F4995">
        <f>IF(C4995="CLAY", INDEX(D$4:D4995, MATCH("CLAY", C$4:C4995, 0)), "")</f>
        <v>0.75203252561341039</v>
      </c>
    </row>
    <row r="4996" spans="1:6" x14ac:dyDescent="0.2">
      <c r="A4996" s="239">
        <f>'CPT Data'!B5004</f>
        <v>49.551000000000002</v>
      </c>
      <c r="B4996" s="3">
        <f>'CPT Data'!C5004</f>
        <v>49.544000000000004</v>
      </c>
      <c r="C4996" t="str">
        <f>'CPT Data'!P5004</f>
        <v>CLAY</v>
      </c>
      <c r="D4996">
        <f>'CPT Data'!Q5004</f>
        <v>203.65686948602237</v>
      </c>
      <c r="E4996">
        <f t="shared" si="78"/>
        <v>207.01907768476869</v>
      </c>
      <c r="F4996">
        <f>IF(C4996="CLAY", INDEX(D$4:D4996, MATCH("CLAY", C$4:C4996, 0)), "")</f>
        <v>0.75203252561341039</v>
      </c>
    </row>
    <row r="4997" spans="1:6" x14ac:dyDescent="0.2">
      <c r="A4997" s="239">
        <f>'CPT Data'!B5005</f>
        <v>49.561999999999998</v>
      </c>
      <c r="B4997" s="3">
        <f>'CPT Data'!C5005</f>
        <v>49.555</v>
      </c>
      <c r="C4997" t="str">
        <f>'CPT Data'!P5005</f>
        <v>CLAY</v>
      </c>
      <c r="D4997">
        <f>'CPT Data'!Q5005</f>
        <v>202.96981108676019</v>
      </c>
      <c r="E4997">
        <f t="shared" si="78"/>
        <v>203.65686948602237</v>
      </c>
      <c r="F4997">
        <f>IF(C4997="CLAY", INDEX(D$4:D4997, MATCH("CLAY", C$4:C4997, 0)), "")</f>
        <v>0.75203252561341039</v>
      </c>
    </row>
    <row r="4998" spans="1:6" x14ac:dyDescent="0.2">
      <c r="A4998" s="239">
        <f>'CPT Data'!B5006</f>
        <v>49.572000000000003</v>
      </c>
      <c r="B4998" s="3">
        <f>'CPT Data'!C5006</f>
        <v>49.565000000000005</v>
      </c>
      <c r="C4998" t="str">
        <f>'CPT Data'!P5006</f>
        <v>CLAY</v>
      </c>
      <c r="D4998">
        <f>'CPT Data'!Q5006</f>
        <v>206.53104949668446</v>
      </c>
      <c r="E4998">
        <f t="shared" si="78"/>
        <v>202.96981108676019</v>
      </c>
      <c r="F4998">
        <f>IF(C4998="CLAY", INDEX(D$4:D4998, MATCH("CLAY", C$4:C4998, 0)), "")</f>
        <v>0.75203252561341039</v>
      </c>
    </row>
    <row r="4999" spans="1:6" x14ac:dyDescent="0.2">
      <c r="A4999" s="239">
        <f>'CPT Data'!B5007</f>
        <v>49.581000000000003</v>
      </c>
      <c r="B4999" s="3">
        <f>'CPT Data'!C5007</f>
        <v>49.574000000000005</v>
      </c>
      <c r="C4999" t="str">
        <f>'CPT Data'!P5007</f>
        <v>CLAY</v>
      </c>
      <c r="D4999">
        <f>'CPT Data'!Q5007</f>
        <v>209.10674585972006</v>
      </c>
      <c r="E4999">
        <f t="shared" si="78"/>
        <v>206.53104949668446</v>
      </c>
      <c r="F4999">
        <f>IF(C4999="CLAY", INDEX(D$4:D4999, MATCH("CLAY", C$4:C4999, 0)), "")</f>
        <v>0.75203252561341039</v>
      </c>
    </row>
    <row r="5000" spans="1:6" x14ac:dyDescent="0.2">
      <c r="A5000" s="239">
        <f>'CPT Data'!B5008</f>
        <v>49.591000000000001</v>
      </c>
      <c r="B5000" s="3">
        <f>'CPT Data'!C5008</f>
        <v>49.584000000000003</v>
      </c>
      <c r="C5000" t="str">
        <f>'CPT Data'!P5008</f>
        <v>CLAY</v>
      </c>
      <c r="D5000">
        <f>'CPT Data'!Q5008</f>
        <v>221.56978386044395</v>
      </c>
      <c r="E5000">
        <f t="shared" si="78"/>
        <v>209.10674585972006</v>
      </c>
      <c r="F5000">
        <f>IF(C5000="CLAY", INDEX(D$4:D5000, MATCH("CLAY", C$4:C5000, 0)), "")</f>
        <v>0.75203252561341039</v>
      </c>
    </row>
    <row r="5001" spans="1:6" x14ac:dyDescent="0.2">
      <c r="A5001" s="239">
        <f>'CPT Data'!B5009</f>
        <v>49.600999999999999</v>
      </c>
      <c r="B5001" s="3">
        <f>'CPT Data'!C5009</f>
        <v>49.594000000000001</v>
      </c>
      <c r="C5001" t="str">
        <f>'CPT Data'!P5009</f>
        <v>CLAY</v>
      </c>
      <c r="D5001">
        <f>'CPT Data'!Q5009</f>
        <v>236.50406991879768</v>
      </c>
      <c r="E5001">
        <f t="shared" si="78"/>
        <v>221.56978386044395</v>
      </c>
      <c r="F5001">
        <f>IF(C5001="CLAY", INDEX(D$4:D5001, MATCH("CLAY", C$4:C5001, 0)), "")</f>
        <v>0.75203252561341039</v>
      </c>
    </row>
    <row r="5002" spans="1:6" x14ac:dyDescent="0.2">
      <c r="A5002" s="239">
        <f>'CPT Data'!B5010</f>
        <v>49.610999999999997</v>
      </c>
      <c r="B5002" s="3">
        <f>'CPT Data'!C5010</f>
        <v>49.603999999999999</v>
      </c>
      <c r="C5002" t="str">
        <f>'CPT Data'!P5010</f>
        <v>CLAY</v>
      </c>
      <c r="D5002">
        <f>'CPT Data'!Q5010</f>
        <v>240.30219399534829</v>
      </c>
      <c r="E5002">
        <f t="shared" si="78"/>
        <v>236.50406991879768</v>
      </c>
      <c r="F5002">
        <f>IF(C5002="CLAY", INDEX(D$4:D5002, MATCH("CLAY", C$4:C5002, 0)), "")</f>
        <v>0.75203252561341039</v>
      </c>
    </row>
    <row r="5003" spans="1:6" x14ac:dyDescent="0.2">
      <c r="A5003" s="239">
        <f>'CPT Data'!B5011</f>
        <v>49.621000000000002</v>
      </c>
      <c r="B5003" s="3">
        <f>'CPT Data'!C5011</f>
        <v>49.614000000000004</v>
      </c>
      <c r="C5003" t="str">
        <f>'CPT Data'!P5011</f>
        <v>CLAY</v>
      </c>
      <c r="D5003">
        <f>'CPT Data'!Q5011</f>
        <v>245.01834654886761</v>
      </c>
      <c r="E5003">
        <f t="shared" si="78"/>
        <v>240.30219399534829</v>
      </c>
      <c r="F5003">
        <f>IF(C5003="CLAY", INDEX(D$4:D5003, MATCH("CLAY", C$4:C5003, 0)), "")</f>
        <v>0.75203252561341039</v>
      </c>
    </row>
    <row r="5004" spans="1:6" x14ac:dyDescent="0.2">
      <c r="A5004" s="239">
        <f>'CPT Data'!B5012</f>
        <v>49.631</v>
      </c>
      <c r="B5004" s="3">
        <f>'CPT Data'!C5012</f>
        <v>49.624000000000002</v>
      </c>
      <c r="C5004" t="str">
        <f>'CPT Data'!P5012</f>
        <v>CLAY</v>
      </c>
      <c r="D5004">
        <f>'CPT Data'!Q5012</f>
        <v>254.86093624787051</v>
      </c>
      <c r="E5004">
        <f t="shared" si="78"/>
        <v>245.01834654886761</v>
      </c>
      <c r="F5004">
        <f>IF(C5004="CLAY", INDEX(D$4:D5004, MATCH("CLAY", C$4:C5004, 0)), "")</f>
        <v>0.75203252561341039</v>
      </c>
    </row>
    <row r="5005" spans="1:6" x14ac:dyDescent="0.2">
      <c r="A5005" s="239">
        <f>'CPT Data'!B5013</f>
        <v>49.64</v>
      </c>
      <c r="B5005" s="3">
        <f>'CPT Data'!C5013</f>
        <v>49.633000000000003</v>
      </c>
      <c r="C5005" t="str">
        <f>'CPT Data'!P5013</f>
        <v>CLAY</v>
      </c>
      <c r="D5005">
        <f>'CPT Data'!Q5013</f>
        <v>265.04296434765621</v>
      </c>
      <c r="E5005">
        <f t="shared" si="78"/>
        <v>254.86093624787051</v>
      </c>
      <c r="F5005">
        <f>IF(C5005="CLAY", INDEX(D$4:D5005, MATCH("CLAY", C$4:C5005, 0)), "")</f>
        <v>0.75203252561341039</v>
      </c>
    </row>
    <row r="5006" spans="1:6" x14ac:dyDescent="0.2">
      <c r="A5006" s="239">
        <f>'CPT Data'!B5014</f>
        <v>49.651000000000003</v>
      </c>
      <c r="B5006" s="3">
        <f>'CPT Data'!C5014</f>
        <v>49.644000000000005</v>
      </c>
      <c r="C5006" t="str">
        <f>'CPT Data'!P5014</f>
        <v>CLAY</v>
      </c>
      <c r="D5006">
        <f>'CPT Data'!Q5014</f>
        <v>268.0501007894855</v>
      </c>
      <c r="E5006">
        <f t="shared" si="78"/>
        <v>265.04296434765621</v>
      </c>
      <c r="F5006">
        <f>IF(C5006="CLAY", INDEX(D$4:D5006, MATCH("CLAY", C$4:C5006, 0)), "")</f>
        <v>0.75203252561341039</v>
      </c>
    </row>
    <row r="5007" spans="1:6" x14ac:dyDescent="0.2">
      <c r="A5007" s="239">
        <f>'CPT Data'!B5015</f>
        <v>49.66</v>
      </c>
      <c r="B5007" s="3">
        <f>'CPT Data'!C5015</f>
        <v>49.652999999999999</v>
      </c>
      <c r="C5007" t="str">
        <f>'CPT Data'!P5015</f>
        <v>CLAY</v>
      </c>
      <c r="D5007">
        <f>'CPT Data'!Q5015</f>
        <v>244.9831642611372</v>
      </c>
      <c r="E5007">
        <f t="shared" si="78"/>
        <v>268.0501007894855</v>
      </c>
      <c r="F5007">
        <f>IF(C5007="CLAY", INDEX(D$4:D5007, MATCH("CLAY", C$4:C5007, 0)), "")</f>
        <v>0.75203252561341039</v>
      </c>
    </row>
    <row r="5008" spans="1:6" x14ac:dyDescent="0.2">
      <c r="A5008" s="239">
        <f>'CPT Data'!B5016</f>
        <v>49.670999999999999</v>
      </c>
      <c r="B5008" s="3">
        <f>'CPT Data'!C5016</f>
        <v>49.664000000000001</v>
      </c>
      <c r="C5008" t="str">
        <f>'CPT Data'!P5016</f>
        <v>CLAY</v>
      </c>
      <c r="D5008">
        <f>'CPT Data'!Q5016</f>
        <v>227.17009693015473</v>
      </c>
      <c r="E5008">
        <f t="shared" si="78"/>
        <v>244.9831642611372</v>
      </c>
      <c r="F5008">
        <f>IF(C5008="CLAY", INDEX(D$4:D5008, MATCH("CLAY", C$4:C5008, 0)), "")</f>
        <v>0.75203252561341039</v>
      </c>
    </row>
    <row r="5009" spans="1:6" x14ac:dyDescent="0.2">
      <c r="A5009" s="239">
        <f>'CPT Data'!B5017</f>
        <v>49.68</v>
      </c>
      <c r="B5009" s="3">
        <f>'CPT Data'!C5017</f>
        <v>49.673000000000002</v>
      </c>
      <c r="C5009" t="str">
        <f>'CPT Data'!P5017</f>
        <v>CLAY</v>
      </c>
      <c r="D5009">
        <f>'CPT Data'!Q5017</f>
        <v>214.71955939829368</v>
      </c>
      <c r="E5009">
        <f t="shared" si="78"/>
        <v>227.17009693015473</v>
      </c>
      <c r="F5009">
        <f>IF(C5009="CLAY", INDEX(D$4:D5009, MATCH("CLAY", C$4:C5009, 0)), "")</f>
        <v>0.75203252561341039</v>
      </c>
    </row>
    <row r="5010" spans="1:6" x14ac:dyDescent="0.2">
      <c r="A5010" s="239">
        <f>'CPT Data'!B5018</f>
        <v>49.69</v>
      </c>
      <c r="B5010" s="3">
        <f>'CPT Data'!C5018</f>
        <v>49.683</v>
      </c>
      <c r="C5010" t="str">
        <f>'CPT Data'!P5018</f>
        <v>CLAY</v>
      </c>
      <c r="D5010">
        <f>'CPT Data'!Q5018</f>
        <v>208.79249593825031</v>
      </c>
      <c r="E5010">
        <f t="shared" si="78"/>
        <v>214.71955939829368</v>
      </c>
      <c r="F5010">
        <f>IF(C5010="CLAY", INDEX(D$4:D5010, MATCH("CLAY", C$4:C5010, 0)), "")</f>
        <v>0.75203252561341039</v>
      </c>
    </row>
    <row r="5011" spans="1:6" x14ac:dyDescent="0.2">
      <c r="A5011" s="239">
        <f>'CPT Data'!B5019</f>
        <v>49.7</v>
      </c>
      <c r="B5011" s="3">
        <f>'CPT Data'!C5019</f>
        <v>49.693000000000005</v>
      </c>
      <c r="C5011" t="str">
        <f>'CPT Data'!P5019</f>
        <v>CLAY</v>
      </c>
      <c r="D5011">
        <f>'CPT Data'!Q5019</f>
        <v>210.43239215272456</v>
      </c>
      <c r="E5011">
        <f t="shared" si="78"/>
        <v>208.79249593825031</v>
      </c>
      <c r="F5011">
        <f>IF(C5011="CLAY", INDEX(D$4:D5011, MATCH("CLAY", C$4:C5011, 0)), "")</f>
        <v>0.75203252561341039</v>
      </c>
    </row>
    <row r="5012" spans="1:6" x14ac:dyDescent="0.2">
      <c r="A5012" s="239">
        <f>'CPT Data'!B5020</f>
        <v>49.709000000000003</v>
      </c>
      <c r="B5012" s="3">
        <f>'CPT Data'!C5020</f>
        <v>49.702000000000005</v>
      </c>
      <c r="C5012" t="str">
        <f>'CPT Data'!P5020</f>
        <v>CLAY</v>
      </c>
      <c r="D5012">
        <f>'CPT Data'!Q5020</f>
        <v>224.12348550990089</v>
      </c>
      <c r="E5012">
        <f t="shared" si="78"/>
        <v>210.43239215272456</v>
      </c>
      <c r="F5012">
        <f>IF(C5012="CLAY", INDEX(D$4:D5012, MATCH("CLAY", C$4:C5012, 0)), "")</f>
        <v>0.75203252561341039</v>
      </c>
    </row>
    <row r="5013" spans="1:6" x14ac:dyDescent="0.2">
      <c r="A5013" s="239">
        <f>'CPT Data'!B5021</f>
        <v>49.72</v>
      </c>
      <c r="B5013" s="3">
        <f>'CPT Data'!C5021</f>
        <v>49.713000000000001</v>
      </c>
      <c r="C5013" t="str">
        <f>'CPT Data'!P5021</f>
        <v>CLAY</v>
      </c>
      <c r="D5013">
        <f>'CPT Data'!Q5021</f>
        <v>230.83311071691091</v>
      </c>
      <c r="E5013">
        <f t="shared" si="78"/>
        <v>224.12348550990089</v>
      </c>
      <c r="F5013">
        <f>IF(C5013="CLAY", INDEX(D$4:D5013, MATCH("CLAY", C$4:C5013, 0)), "")</f>
        <v>0.75203252561341039</v>
      </c>
    </row>
    <row r="5014" spans="1:6" x14ac:dyDescent="0.2">
      <c r="A5014" s="239">
        <f>'CPT Data'!B5022</f>
        <v>49.728999999999999</v>
      </c>
      <c r="B5014" s="3">
        <f>'CPT Data'!C5022</f>
        <v>49.722000000000001</v>
      </c>
      <c r="C5014" t="str">
        <f>'CPT Data'!P5022</f>
        <v>CLAY</v>
      </c>
      <c r="D5014">
        <f>'CPT Data'!Q5022</f>
        <v>236.03340907862071</v>
      </c>
      <c r="E5014">
        <f t="shared" si="78"/>
        <v>230.83311071691091</v>
      </c>
      <c r="F5014">
        <f>IF(C5014="CLAY", INDEX(D$4:D5014, MATCH("CLAY", C$4:C5014, 0)), "")</f>
        <v>0.75203252561341039</v>
      </c>
    </row>
    <row r="5015" spans="1:6" x14ac:dyDescent="0.2">
      <c r="A5015" s="239">
        <f>'CPT Data'!B5023</f>
        <v>49.74</v>
      </c>
      <c r="B5015" s="3">
        <f>'CPT Data'!C5023</f>
        <v>49.733000000000004</v>
      </c>
      <c r="C5015" t="str">
        <f>'CPT Data'!P5023</f>
        <v>CLAY</v>
      </c>
      <c r="D5015">
        <f>'CPT Data'!Q5023</f>
        <v>248.46088690883383</v>
      </c>
      <c r="E5015">
        <f t="shared" si="78"/>
        <v>236.03340907862071</v>
      </c>
      <c r="F5015">
        <f>IF(C5015="CLAY", INDEX(D$4:D5015, MATCH("CLAY", C$4:C5015, 0)), "")</f>
        <v>0.75203252561341039</v>
      </c>
    </row>
    <row r="5016" spans="1:6" x14ac:dyDescent="0.2">
      <c r="A5016" s="239">
        <f>'CPT Data'!B5024</f>
        <v>49.749000000000002</v>
      </c>
      <c r="B5016" s="3">
        <f>'CPT Data'!C5024</f>
        <v>49.742000000000004</v>
      </c>
      <c r="C5016" t="str">
        <f>'CPT Data'!P5024</f>
        <v>CLAY</v>
      </c>
      <c r="D5016">
        <f>'CPT Data'!Q5024</f>
        <v>260.85584867148742</v>
      </c>
      <c r="E5016">
        <f t="shared" si="78"/>
        <v>248.46088690883383</v>
      </c>
      <c r="F5016">
        <f>IF(C5016="CLAY", INDEX(D$4:D5016, MATCH("CLAY", C$4:C5016, 0)), "")</f>
        <v>0.75203252561341039</v>
      </c>
    </row>
    <row r="5017" spans="1:6" x14ac:dyDescent="0.2">
      <c r="A5017" s="239">
        <f>'CPT Data'!B5025</f>
        <v>49.758000000000003</v>
      </c>
      <c r="B5017" s="3">
        <f>'CPT Data'!C5025</f>
        <v>49.751000000000005</v>
      </c>
      <c r="C5017" t="str">
        <f>'CPT Data'!P5025</f>
        <v>CLAY</v>
      </c>
      <c r="D5017">
        <f>'CPT Data'!Q5025</f>
        <v>267.0923211704831</v>
      </c>
      <c r="E5017">
        <f t="shared" si="78"/>
        <v>260.85584867148742</v>
      </c>
      <c r="F5017">
        <f>IF(C5017="CLAY", INDEX(D$4:D5017, MATCH("CLAY", C$4:C5017, 0)), "")</f>
        <v>0.75203252561341039</v>
      </c>
    </row>
    <row r="5018" spans="1:6" x14ac:dyDescent="0.2">
      <c r="A5018" s="239">
        <f>'CPT Data'!B5026</f>
        <v>49.768999999999998</v>
      </c>
      <c r="B5018" s="3">
        <f>'CPT Data'!C5026</f>
        <v>49.762</v>
      </c>
      <c r="C5018" t="str">
        <f>'CPT Data'!P5026</f>
        <v>CLAY</v>
      </c>
      <c r="D5018">
        <f>'CPT Data'!Q5026</f>
        <v>271.46968833935392</v>
      </c>
      <c r="E5018">
        <f t="shared" si="78"/>
        <v>267.0923211704831</v>
      </c>
      <c r="F5018">
        <f>IF(C5018="CLAY", INDEX(D$4:D5018, MATCH("CLAY", C$4:C5018, 0)), "")</f>
        <v>0.75203252561341039</v>
      </c>
    </row>
    <row r="5019" spans="1:6" x14ac:dyDescent="0.2">
      <c r="A5019" s="239">
        <f>'CPT Data'!B5027</f>
        <v>49.777999999999999</v>
      </c>
      <c r="B5019" s="3">
        <f>'CPT Data'!C5027</f>
        <v>49.771000000000001</v>
      </c>
      <c r="C5019" t="str">
        <f>'CPT Data'!P5027</f>
        <v>CLAY</v>
      </c>
      <c r="D5019">
        <f>'CPT Data'!Q5027</f>
        <v>267.44925701991696</v>
      </c>
      <c r="E5019">
        <f t="shared" ref="E5019:E5082" si="79">IF(C5019="SAND",#N/A,IF(C5019=C5018,D5018,IF(C5019="CLAY",D5019,#N/A)))</f>
        <v>271.46968833935392</v>
      </c>
      <c r="F5019">
        <f>IF(C5019="CLAY", INDEX(D$4:D5019, MATCH("CLAY", C$4:C5019, 0)), "")</f>
        <v>0.75203252561341039</v>
      </c>
    </row>
    <row r="5020" spans="1:6" x14ac:dyDescent="0.2">
      <c r="A5020" s="239">
        <f>'CPT Data'!B5028</f>
        <v>49.787999999999997</v>
      </c>
      <c r="B5020" s="3">
        <f>'CPT Data'!C5028</f>
        <v>49.780999999999999</v>
      </c>
      <c r="C5020" t="str">
        <f>'CPT Data'!P5028</f>
        <v>CLAY</v>
      </c>
      <c r="D5020">
        <f>'CPT Data'!Q5028</f>
        <v>253.99549655149994</v>
      </c>
      <c r="E5020">
        <f t="shared" si="79"/>
        <v>267.44925701991696</v>
      </c>
      <c r="F5020">
        <f>IF(C5020="CLAY", INDEX(D$4:D5020, MATCH("CLAY", C$4:C5020, 0)), "")</f>
        <v>0.75203252561341039</v>
      </c>
    </row>
    <row r="5021" spans="1:6" x14ac:dyDescent="0.2">
      <c r="A5021" s="239">
        <f>'CPT Data'!B5029</f>
        <v>49.798000000000002</v>
      </c>
      <c r="B5021" s="3">
        <f>'CPT Data'!C5029</f>
        <v>49.791000000000004</v>
      </c>
      <c r="C5021" t="str">
        <f>'CPT Data'!P5029</f>
        <v>CLAY</v>
      </c>
      <c r="D5021">
        <f>'CPT Data'!Q5029</f>
        <v>250.52244133502219</v>
      </c>
      <c r="E5021">
        <f t="shared" si="79"/>
        <v>253.99549655149994</v>
      </c>
      <c r="F5021">
        <f>IF(C5021="CLAY", INDEX(D$4:D5021, MATCH("CLAY", C$4:C5021, 0)), "")</f>
        <v>0.75203252561341039</v>
      </c>
    </row>
    <row r="5022" spans="1:6" x14ac:dyDescent="0.2">
      <c r="A5022" s="239">
        <f>'CPT Data'!B5030</f>
        <v>49.808999999999997</v>
      </c>
      <c r="B5022" s="3">
        <f>'CPT Data'!C5030</f>
        <v>49.802</v>
      </c>
      <c r="C5022" t="str">
        <f>'CPT Data'!P5030</f>
        <v>CLAY</v>
      </c>
      <c r="D5022">
        <f>'CPT Data'!Q5030</f>
        <v>242.07762758425909</v>
      </c>
      <c r="E5022">
        <f t="shared" si="79"/>
        <v>250.52244133502219</v>
      </c>
      <c r="F5022">
        <f>IF(C5022="CLAY", INDEX(D$4:D5022, MATCH("CLAY", C$4:C5022, 0)), "")</f>
        <v>0.75203252561341039</v>
      </c>
    </row>
    <row r="5023" spans="1:6" x14ac:dyDescent="0.2">
      <c r="A5023" s="239">
        <f>'CPT Data'!B5031</f>
        <v>49.817999999999998</v>
      </c>
      <c r="B5023" s="3">
        <f>'CPT Data'!C5031</f>
        <v>49.811</v>
      </c>
      <c r="C5023" t="str">
        <f>'CPT Data'!P5031</f>
        <v>CLAY</v>
      </c>
      <c r="D5023">
        <f>'CPT Data'!Q5031</f>
        <v>222.96265255076136</v>
      </c>
      <c r="E5023">
        <f t="shared" si="79"/>
        <v>242.07762758425909</v>
      </c>
      <c r="F5023">
        <f>IF(C5023="CLAY", INDEX(D$4:D5023, MATCH("CLAY", C$4:C5023, 0)), "")</f>
        <v>0.75203252561341039</v>
      </c>
    </row>
    <row r="5024" spans="1:6" x14ac:dyDescent="0.2">
      <c r="A5024" s="239">
        <f>'CPT Data'!B5032</f>
        <v>49.826999999999998</v>
      </c>
      <c r="B5024" s="3">
        <f>'CPT Data'!C5032</f>
        <v>49.82</v>
      </c>
      <c r="C5024" t="str">
        <f>'CPT Data'!P5032</f>
        <v>CLAY</v>
      </c>
      <c r="D5024">
        <f>'CPT Data'!Q5032</f>
        <v>211.19348866288297</v>
      </c>
      <c r="E5024">
        <f t="shared" si="79"/>
        <v>222.96265255076136</v>
      </c>
      <c r="F5024">
        <f>IF(C5024="CLAY", INDEX(D$4:D5024, MATCH("CLAY", C$4:C5024, 0)), "")</f>
        <v>0.75203252561341039</v>
      </c>
    </row>
    <row r="5025" spans="1:6" x14ac:dyDescent="0.2">
      <c r="A5025" s="239">
        <f>'CPT Data'!B5033</f>
        <v>49.838000000000001</v>
      </c>
      <c r="B5025" s="3">
        <f>'CPT Data'!C5033</f>
        <v>49.831000000000003</v>
      </c>
      <c r="C5025" t="str">
        <f>'CPT Data'!P5033</f>
        <v>CLAY</v>
      </c>
      <c r="D5025">
        <f>'CPT Data'!Q5033</f>
        <v>203.96974117953368</v>
      </c>
      <c r="E5025">
        <f t="shared" si="79"/>
        <v>211.19348866288297</v>
      </c>
      <c r="F5025">
        <f>IF(C5025="CLAY", INDEX(D$4:D5025, MATCH("CLAY", C$4:C5025, 0)), "")</f>
        <v>0.75203252561341039</v>
      </c>
    </row>
    <row r="5026" spans="1:6" x14ac:dyDescent="0.2">
      <c r="A5026" s="239">
        <f>'CPT Data'!B5034</f>
        <v>49.847000000000001</v>
      </c>
      <c r="B5026" s="3">
        <f>'CPT Data'!C5034</f>
        <v>49.84</v>
      </c>
      <c r="C5026" t="str">
        <f>'CPT Data'!P5034</f>
        <v>CLAY</v>
      </c>
      <c r="D5026">
        <f>'CPT Data'!Q5034</f>
        <v>198.81452454131306</v>
      </c>
      <c r="E5026">
        <f t="shared" si="79"/>
        <v>203.96974117953368</v>
      </c>
      <c r="F5026">
        <f>IF(C5026="CLAY", INDEX(D$4:D5026, MATCH("CLAY", C$4:C5026, 0)), "")</f>
        <v>0.75203252561341039</v>
      </c>
    </row>
    <row r="5027" spans="1:6" x14ac:dyDescent="0.2">
      <c r="A5027" s="239">
        <f>'CPT Data'!B5035</f>
        <v>49.857999999999997</v>
      </c>
      <c r="B5027" s="3">
        <f>'CPT Data'!C5035</f>
        <v>49.850999999999999</v>
      </c>
      <c r="C5027" t="str">
        <f>'CPT Data'!P5035</f>
        <v>CLAY</v>
      </c>
      <c r="D5027">
        <f>'CPT Data'!Q5035</f>
        <v>202.39216428229417</v>
      </c>
      <c r="E5027">
        <f t="shared" si="79"/>
        <v>198.81452454131306</v>
      </c>
      <c r="F5027">
        <f>IF(C5027="CLAY", INDEX(D$4:D5027, MATCH("CLAY", C$4:C5027, 0)), "")</f>
        <v>0.75203252561341039</v>
      </c>
    </row>
    <row r="5028" spans="1:6" x14ac:dyDescent="0.2">
      <c r="A5028" s="239">
        <f>'CPT Data'!B5036</f>
        <v>49.866999999999997</v>
      </c>
      <c r="B5028" s="3">
        <f>'CPT Data'!C5036</f>
        <v>49.86</v>
      </c>
      <c r="C5028" t="str">
        <f>'CPT Data'!P5036</f>
        <v>CLAY</v>
      </c>
      <c r="D5028">
        <f>'CPT Data'!Q5036</f>
        <v>219.07161773223018</v>
      </c>
      <c r="E5028">
        <f t="shared" si="79"/>
        <v>202.39216428229417</v>
      </c>
      <c r="F5028">
        <f>IF(C5028="CLAY", INDEX(D$4:D5028, MATCH("CLAY", C$4:C5028, 0)), "")</f>
        <v>0.75203252561341039</v>
      </c>
    </row>
    <row r="5029" spans="1:6" x14ac:dyDescent="0.2">
      <c r="A5029" s="239">
        <f>'CPT Data'!B5037</f>
        <v>49.878</v>
      </c>
      <c r="B5029" s="3">
        <f>'CPT Data'!C5037</f>
        <v>49.871000000000002</v>
      </c>
      <c r="C5029" t="str">
        <f>'CPT Data'!P5037</f>
        <v>CLAY</v>
      </c>
      <c r="D5029">
        <f>'CPT Data'!Q5037</f>
        <v>235.68808951035217</v>
      </c>
      <c r="E5029">
        <f t="shared" si="79"/>
        <v>219.07161773223018</v>
      </c>
      <c r="F5029">
        <f>IF(C5029="CLAY", INDEX(D$4:D5029, MATCH("CLAY", C$4:C5029, 0)), "")</f>
        <v>0.75203252561341039</v>
      </c>
    </row>
    <row r="5030" spans="1:6" x14ac:dyDescent="0.2">
      <c r="A5030" s="239">
        <f>'CPT Data'!B5038</f>
        <v>49.887</v>
      </c>
      <c r="B5030" s="3">
        <f>'CPT Data'!C5038</f>
        <v>49.88</v>
      </c>
      <c r="C5030" t="str">
        <f>'CPT Data'!P5038</f>
        <v>CLAY</v>
      </c>
      <c r="D5030">
        <f>'CPT Data'!Q5038</f>
        <v>246.99767996606474</v>
      </c>
      <c r="E5030">
        <f t="shared" si="79"/>
        <v>235.68808951035217</v>
      </c>
      <c r="F5030">
        <f>IF(C5030="CLAY", INDEX(D$4:D5030, MATCH("CLAY", C$4:C5030, 0)), "")</f>
        <v>0.75203252561341039</v>
      </c>
    </row>
    <row r="5031" spans="1:6" x14ac:dyDescent="0.2">
      <c r="A5031" s="239">
        <f>'CPT Data'!B5039</f>
        <v>49.896999999999998</v>
      </c>
      <c r="B5031" s="3">
        <f>'CPT Data'!C5039</f>
        <v>49.89</v>
      </c>
      <c r="C5031" t="str">
        <f>'CPT Data'!P5039</f>
        <v>CLAY</v>
      </c>
      <c r="D5031">
        <f>'CPT Data'!Q5039</f>
        <v>263.48683623374188</v>
      </c>
      <c r="E5031">
        <f t="shared" si="79"/>
        <v>246.99767996606474</v>
      </c>
      <c r="F5031">
        <f>IF(C5031="CLAY", INDEX(D$4:D5031, MATCH("CLAY", C$4:C5031, 0)), "")</f>
        <v>0.75203252561341039</v>
      </c>
    </row>
    <row r="5032" spans="1:6" x14ac:dyDescent="0.2">
      <c r="A5032" s="239">
        <f>'CPT Data'!B5040</f>
        <v>49.905999999999999</v>
      </c>
      <c r="B5032" s="3">
        <f>'CPT Data'!C5040</f>
        <v>49.899000000000001</v>
      </c>
      <c r="C5032" t="str">
        <f>'CPT Data'!P5040</f>
        <v>CLAY</v>
      </c>
      <c r="D5032">
        <f>'CPT Data'!Q5040</f>
        <v>286.316992112783</v>
      </c>
      <c r="E5032">
        <f t="shared" si="79"/>
        <v>263.48683623374188</v>
      </c>
      <c r="F5032">
        <f>IF(C5032="CLAY", INDEX(D$4:D5032, MATCH("CLAY", C$4:C5032, 0)), "")</f>
        <v>0.75203252561341039</v>
      </c>
    </row>
    <row r="5033" spans="1:6" x14ac:dyDescent="0.2">
      <c r="A5033" s="239">
        <f>'CPT Data'!B5041</f>
        <v>49.915999999999997</v>
      </c>
      <c r="B5033" s="3">
        <f>'CPT Data'!C5041</f>
        <v>49.908999999999999</v>
      </c>
      <c r="C5033" t="str">
        <f>'CPT Data'!P5041</f>
        <v>CLAY</v>
      </c>
      <c r="D5033">
        <f>'CPT Data'!Q5041</f>
        <v>307.64533218453067</v>
      </c>
      <c r="E5033">
        <f t="shared" si="79"/>
        <v>286.316992112783</v>
      </c>
      <c r="F5033">
        <f>IF(C5033="CLAY", INDEX(D$4:D5033, MATCH("CLAY", C$4:C5033, 0)), "")</f>
        <v>0.75203252561341039</v>
      </c>
    </row>
    <row r="5034" spans="1:6" x14ac:dyDescent="0.2">
      <c r="A5034" s="239">
        <f>'CPT Data'!B5042</f>
        <v>49.926000000000002</v>
      </c>
      <c r="B5034" s="3">
        <f>'CPT Data'!C5042</f>
        <v>49.919000000000004</v>
      </c>
      <c r="C5034" t="str">
        <f>'CPT Data'!P5042</f>
        <v>CLAY</v>
      </c>
      <c r="D5034">
        <f>'CPT Data'!Q5042</f>
        <v>320.70728158540265</v>
      </c>
      <c r="E5034">
        <f t="shared" si="79"/>
        <v>307.64533218453067</v>
      </c>
      <c r="F5034">
        <f>IF(C5034="CLAY", INDEX(D$4:D5034, MATCH("CLAY", C$4:C5034, 0)), "")</f>
        <v>0.75203252561341039</v>
      </c>
    </row>
    <row r="5035" spans="1:6" x14ac:dyDescent="0.2">
      <c r="A5035" s="239">
        <f>'CPT Data'!B5043</f>
        <v>49.936</v>
      </c>
      <c r="B5035" s="3">
        <f>'CPT Data'!C5043</f>
        <v>49.929000000000002</v>
      </c>
      <c r="C5035" t="str">
        <f>'CPT Data'!P5043</f>
        <v>CLAY</v>
      </c>
      <c r="D5035">
        <f>'CPT Data'!Q5043</f>
        <v>323.0983094484447</v>
      </c>
      <c r="E5035">
        <f t="shared" si="79"/>
        <v>320.70728158540265</v>
      </c>
      <c r="F5035">
        <f>IF(C5035="CLAY", INDEX(D$4:D5035, MATCH("CLAY", C$4:C5035, 0)), "")</f>
        <v>0.75203252561341039</v>
      </c>
    </row>
    <row r="5036" spans="1:6" x14ac:dyDescent="0.2">
      <c r="A5036" s="239">
        <f>'CPT Data'!B5044</f>
        <v>49.945999999999998</v>
      </c>
      <c r="B5036" s="3">
        <f>'CPT Data'!C5044</f>
        <v>49.939</v>
      </c>
      <c r="C5036" t="str">
        <f>'CPT Data'!P5044</f>
        <v>CLAY</v>
      </c>
      <c r="D5036">
        <f>'CPT Data'!Q5044</f>
        <v>319.35848977269995</v>
      </c>
      <c r="E5036">
        <f t="shared" si="79"/>
        <v>323.0983094484447</v>
      </c>
      <c r="F5036">
        <f>IF(C5036="CLAY", INDEX(D$4:D5036, MATCH("CLAY", C$4:C5036, 0)), "")</f>
        <v>0.75203252561341039</v>
      </c>
    </row>
    <row r="5037" spans="1:6" x14ac:dyDescent="0.2">
      <c r="A5037" s="239">
        <f>'CPT Data'!B5045</f>
        <v>49.956000000000003</v>
      </c>
      <c r="B5037" s="3">
        <f>'CPT Data'!C5045</f>
        <v>49.949000000000005</v>
      </c>
      <c r="C5037" t="str">
        <f>'CPT Data'!P5045</f>
        <v>CLAY</v>
      </c>
      <c r="D5037">
        <f>'CPT Data'!Q5045</f>
        <v>295.17053849467811</v>
      </c>
      <c r="E5037">
        <f t="shared" si="79"/>
        <v>319.35848977269995</v>
      </c>
      <c r="F5037">
        <f>IF(C5037="CLAY", INDEX(D$4:D5037, MATCH("CLAY", C$4:C5037, 0)), "")</f>
        <v>0.75203252561341039</v>
      </c>
    </row>
    <row r="5038" spans="1:6" x14ac:dyDescent="0.2">
      <c r="A5038" s="239">
        <f>'CPT Data'!B5046</f>
        <v>49.965000000000003</v>
      </c>
      <c r="B5038" s="3">
        <f>'CPT Data'!C5046</f>
        <v>49.958000000000006</v>
      </c>
      <c r="C5038" t="str">
        <f>'CPT Data'!P5046</f>
        <v>CLAY</v>
      </c>
      <c r="D5038">
        <f>'CPT Data'!Q5046</f>
        <v>272.97188000382306</v>
      </c>
      <c r="E5038">
        <f t="shared" si="79"/>
        <v>295.17053849467811</v>
      </c>
      <c r="F5038">
        <f>IF(C5038="CLAY", INDEX(D$4:D5038, MATCH("CLAY", C$4:C5038, 0)), "")</f>
        <v>0.75203252561341039</v>
      </c>
    </row>
    <row r="5039" spans="1:6" x14ac:dyDescent="0.2">
      <c r="A5039" s="239">
        <f>'CPT Data'!B5047</f>
        <v>49.975999999999999</v>
      </c>
      <c r="B5039" s="3">
        <f>'CPT Data'!C5047</f>
        <v>49.969000000000001</v>
      </c>
      <c r="C5039" t="str">
        <f>'CPT Data'!P5047</f>
        <v>CLAY</v>
      </c>
      <c r="D5039">
        <f>'CPT Data'!Q5047</f>
        <v>249.90997571075044</v>
      </c>
      <c r="E5039">
        <f t="shared" si="79"/>
        <v>272.97188000382306</v>
      </c>
      <c r="F5039">
        <f>IF(C5039="CLAY", INDEX(D$4:D5039, MATCH("CLAY", C$4:C5039, 0)), "")</f>
        <v>0.75203252561341039</v>
      </c>
    </row>
    <row r="5040" spans="1:6" x14ac:dyDescent="0.2">
      <c r="A5040" s="239">
        <f>'CPT Data'!B5048</f>
        <v>49.984999999999999</v>
      </c>
      <c r="B5040" s="3">
        <f>'CPT Data'!C5048</f>
        <v>49.978000000000002</v>
      </c>
      <c r="C5040" t="str">
        <f>'CPT Data'!P5048</f>
        <v>CLAY</v>
      </c>
      <c r="D5040">
        <f>'CPT Data'!Q5048</f>
        <v>228.24825826876213</v>
      </c>
      <c r="E5040">
        <f t="shared" si="79"/>
        <v>249.90997571075044</v>
      </c>
      <c r="F5040">
        <f>IF(C5040="CLAY", INDEX(D$4:D5040, MATCH("CLAY", C$4:C5040, 0)), "")</f>
        <v>0.75203252561341039</v>
      </c>
    </row>
    <row r="5041" spans="1:6" x14ac:dyDescent="0.2">
      <c r="A5041" s="239">
        <f>'CPT Data'!B5049</f>
        <v>49.994999999999997</v>
      </c>
      <c r="B5041" s="3">
        <f>'CPT Data'!C5049</f>
        <v>49.988</v>
      </c>
      <c r="C5041" t="str">
        <f>'CPT Data'!P5049</f>
        <v>CLAY</v>
      </c>
      <c r="D5041">
        <f>'CPT Data'!Q5049</f>
        <v>205.51969978920093</v>
      </c>
      <c r="E5041">
        <f t="shared" si="79"/>
        <v>228.24825826876213</v>
      </c>
      <c r="F5041">
        <f>IF(C5041="CLAY", INDEX(D$4:D5041, MATCH("CLAY", C$4:C5041, 0)), "")</f>
        <v>0.75203252561341039</v>
      </c>
    </row>
    <row r="5042" spans="1:6" x14ac:dyDescent="0.2">
      <c r="A5042" s="239">
        <f>'CPT Data'!B5050</f>
        <v>50.006</v>
      </c>
      <c r="B5042" s="3">
        <f>'CPT Data'!C5050</f>
        <v>49.999000000000002</v>
      </c>
      <c r="C5042" t="str">
        <f>'CPT Data'!P5050</f>
        <v>CLAY</v>
      </c>
      <c r="D5042">
        <f>'CPT Data'!Q5050</f>
        <v>200.94945467357911</v>
      </c>
      <c r="E5042">
        <f t="shared" si="79"/>
        <v>205.51969978920093</v>
      </c>
      <c r="F5042">
        <f>IF(C5042="CLAY", INDEX(D$4:D5042, MATCH("CLAY", C$4:C5042, 0)), "")</f>
        <v>0.75203252561341039</v>
      </c>
    </row>
    <row r="5043" spans="1:6" x14ac:dyDescent="0.2">
      <c r="A5043" s="239">
        <f>'CPT Data'!B5051</f>
        <v>50.015999999999998</v>
      </c>
      <c r="B5043" s="3">
        <f>'CPT Data'!C5051</f>
        <v>50.009</v>
      </c>
      <c r="C5043" t="str">
        <f>'CPT Data'!P5051</f>
        <v>CLAY</v>
      </c>
      <c r="D5043">
        <f>'CPT Data'!Q5051</f>
        <v>205.32585920120775</v>
      </c>
      <c r="E5043">
        <f t="shared" si="79"/>
        <v>200.94945467357911</v>
      </c>
      <c r="F5043">
        <f>IF(C5043="CLAY", INDEX(D$4:D5043, MATCH("CLAY", C$4:C5043, 0)), "")</f>
        <v>0.75203252561341039</v>
      </c>
    </row>
    <row r="5044" spans="1:6" x14ac:dyDescent="0.2">
      <c r="A5044" s="239">
        <f>'CPT Data'!B5052</f>
        <v>50.024999999999999</v>
      </c>
      <c r="B5044" s="3">
        <f>'CPT Data'!C5052</f>
        <v>50.018000000000001</v>
      </c>
      <c r="C5044" t="str">
        <f>'CPT Data'!P5052</f>
        <v>CLAY</v>
      </c>
      <c r="D5044">
        <f>'CPT Data'!Q5052</f>
        <v>213.18193480365758</v>
      </c>
      <c r="E5044">
        <f t="shared" si="79"/>
        <v>205.32585920120775</v>
      </c>
      <c r="F5044">
        <f>IF(C5044="CLAY", INDEX(D$4:D5044, MATCH("CLAY", C$4:C5044, 0)), "")</f>
        <v>0.75203252561341039</v>
      </c>
    </row>
    <row r="5045" spans="1:6" x14ac:dyDescent="0.2">
      <c r="A5045" s="239">
        <f>'CPT Data'!B5053</f>
        <v>50.034999999999997</v>
      </c>
      <c r="B5045" s="3">
        <f>'CPT Data'!C5053</f>
        <v>50.027999999999999</v>
      </c>
      <c r="C5045" t="str">
        <f>'CPT Data'!P5053</f>
        <v>CLAY</v>
      </c>
      <c r="D5045">
        <f>'CPT Data'!Q5053</f>
        <v>232.71596880517845</v>
      </c>
      <c r="E5045">
        <f t="shared" si="79"/>
        <v>213.18193480365758</v>
      </c>
      <c r="F5045">
        <f>IF(C5045="CLAY", INDEX(D$4:D5045, MATCH("CLAY", C$4:C5045, 0)), "")</f>
        <v>0.75203252561341039</v>
      </c>
    </row>
    <row r="5046" spans="1:6" x14ac:dyDescent="0.2">
      <c r="A5046" s="239">
        <f>'CPT Data'!B5054</f>
        <v>50.043999999999997</v>
      </c>
      <c r="B5046" s="3">
        <f>'CPT Data'!C5054</f>
        <v>50.036999999999999</v>
      </c>
      <c r="C5046" t="str">
        <f>'CPT Data'!P5054</f>
        <v>CLAY</v>
      </c>
      <c r="D5046">
        <f>'CPT Data'!Q5054</f>
        <v>258.56771131003342</v>
      </c>
      <c r="E5046">
        <f t="shared" si="79"/>
        <v>232.71596880517845</v>
      </c>
      <c r="F5046">
        <f>IF(C5046="CLAY", INDEX(D$4:D5046, MATCH("CLAY", C$4:C5046, 0)), "")</f>
        <v>0.75203252561341039</v>
      </c>
    </row>
    <row r="5047" spans="1:6" x14ac:dyDescent="0.2">
      <c r="A5047" s="239">
        <f>'CPT Data'!B5055</f>
        <v>50.055</v>
      </c>
      <c r="B5047" s="3">
        <f>'CPT Data'!C5055</f>
        <v>50.048000000000002</v>
      </c>
      <c r="C5047" t="str">
        <f>'CPT Data'!P5055</f>
        <v>CLAY</v>
      </c>
      <c r="D5047">
        <f>'CPT Data'!Q5055</f>
        <v>264.75502727082659</v>
      </c>
      <c r="E5047">
        <f t="shared" si="79"/>
        <v>258.56771131003342</v>
      </c>
      <c r="F5047">
        <f>IF(C5047="CLAY", INDEX(D$4:D5047, MATCH("CLAY", C$4:C5047, 0)), "")</f>
        <v>0.75203252561341039</v>
      </c>
    </row>
    <row r="5048" spans="1:6" x14ac:dyDescent="0.2">
      <c r="A5048" s="239">
        <f>'CPT Data'!B5056</f>
        <v>50.064</v>
      </c>
      <c r="B5048" s="3">
        <f>'CPT Data'!C5056</f>
        <v>50.057000000000002</v>
      </c>
      <c r="C5048" t="str">
        <f>'CPT Data'!P5056</f>
        <v>CLAY</v>
      </c>
      <c r="D5048">
        <f>'CPT Data'!Q5056</f>
        <v>252.24077109034639</v>
      </c>
      <c r="E5048">
        <f t="shared" si="79"/>
        <v>264.75502727082659</v>
      </c>
      <c r="F5048">
        <f>IF(C5048="CLAY", INDEX(D$4:D5048, MATCH("CLAY", C$4:C5048, 0)), "")</f>
        <v>0.75203252561341039</v>
      </c>
    </row>
    <row r="5049" spans="1:6" x14ac:dyDescent="0.2">
      <c r="A5049" s="239">
        <f>'CPT Data'!B5057</f>
        <v>50.073</v>
      </c>
      <c r="B5049" s="3">
        <f>'CPT Data'!C5057</f>
        <v>50.066000000000003</v>
      </c>
      <c r="C5049" t="str">
        <f>'CPT Data'!P5057</f>
        <v>CLAY</v>
      </c>
      <c r="D5049">
        <f>'CPT Data'!Q5057</f>
        <v>251.79199387311459</v>
      </c>
      <c r="E5049">
        <f t="shared" si="79"/>
        <v>252.24077109034639</v>
      </c>
      <c r="F5049">
        <f>IF(C5049="CLAY", INDEX(D$4:D5049, MATCH("CLAY", C$4:C5049, 0)), "")</f>
        <v>0.75203252561341039</v>
      </c>
    </row>
    <row r="5050" spans="1:6" x14ac:dyDescent="0.2">
      <c r="A5050" s="239">
        <f>'CPT Data'!B5058</f>
        <v>50.082999999999998</v>
      </c>
      <c r="B5050" s="3">
        <f>'CPT Data'!C5058</f>
        <v>50.076000000000001</v>
      </c>
      <c r="C5050" t="str">
        <f>'CPT Data'!P5058</f>
        <v>CLAY</v>
      </c>
      <c r="D5050">
        <f>'CPT Data'!Q5058</f>
        <v>266.92543419751888</v>
      </c>
      <c r="E5050">
        <f t="shared" si="79"/>
        <v>251.79199387311459</v>
      </c>
      <c r="F5050">
        <f>IF(C5050="CLAY", INDEX(D$4:D5050, MATCH("CLAY", C$4:C5050, 0)), "")</f>
        <v>0.75203252561341039</v>
      </c>
    </row>
    <row r="5051" spans="1:6" x14ac:dyDescent="0.2">
      <c r="A5051" s="239">
        <f>'CPT Data'!B5059</f>
        <v>50.094000000000001</v>
      </c>
      <c r="B5051" s="3">
        <f>'CPT Data'!C5059</f>
        <v>50.087000000000003</v>
      </c>
      <c r="C5051" t="str">
        <f>'CPT Data'!P5059</f>
        <v>CLAY</v>
      </c>
      <c r="D5051">
        <f>'CPT Data'!Q5059</f>
        <v>296.29187689204781</v>
      </c>
      <c r="E5051">
        <f t="shared" si="79"/>
        <v>266.92543419751888</v>
      </c>
      <c r="F5051">
        <f>IF(C5051="CLAY", INDEX(D$4:D5051, MATCH("CLAY", C$4:C5051, 0)), "")</f>
        <v>0.75203252561341039</v>
      </c>
    </row>
    <row r="5052" spans="1:6" x14ac:dyDescent="0.2">
      <c r="A5052" s="239">
        <f>'CPT Data'!B5060</f>
        <v>50.103000000000002</v>
      </c>
      <c r="B5052" s="3">
        <f>'CPT Data'!C5060</f>
        <v>50.096000000000004</v>
      </c>
      <c r="C5052" t="str">
        <f>'CPT Data'!P5060</f>
        <v>CLAY</v>
      </c>
      <c r="D5052">
        <f>'CPT Data'!Q5060</f>
        <v>309.31374451822865</v>
      </c>
      <c r="E5052">
        <f t="shared" si="79"/>
        <v>296.29187689204781</v>
      </c>
      <c r="F5052">
        <f>IF(C5052="CLAY", INDEX(D$4:D5052, MATCH("CLAY", C$4:C5052, 0)), "")</f>
        <v>0.75203252561341039</v>
      </c>
    </row>
    <row r="5053" spans="1:6" x14ac:dyDescent="0.2">
      <c r="A5053" s="239">
        <f>'CPT Data'!B5061</f>
        <v>50.113</v>
      </c>
      <c r="B5053" s="3">
        <f>'CPT Data'!C5061</f>
        <v>50.106000000000002</v>
      </c>
      <c r="C5053" t="str">
        <f>'CPT Data'!P5061</f>
        <v>CLAY</v>
      </c>
      <c r="D5053">
        <f>'CPT Data'!Q5061</f>
        <v>314.12793537404809</v>
      </c>
      <c r="E5053">
        <f t="shared" si="79"/>
        <v>309.31374451822865</v>
      </c>
      <c r="F5053">
        <f>IF(C5053="CLAY", INDEX(D$4:D5053, MATCH("CLAY", C$4:C5053, 0)), "")</f>
        <v>0.75203252561341039</v>
      </c>
    </row>
    <row r="5054" spans="1:6" x14ac:dyDescent="0.2">
      <c r="A5054" s="239">
        <f>'CPT Data'!B5062</f>
        <v>50.122999999999998</v>
      </c>
      <c r="B5054" s="3">
        <f>'CPT Data'!C5062</f>
        <v>50.116</v>
      </c>
      <c r="C5054" t="str">
        <f>'CPT Data'!P5062</f>
        <v>CLAY</v>
      </c>
      <c r="D5054">
        <f>'CPT Data'!Q5062</f>
        <v>310.11299108047223</v>
      </c>
      <c r="E5054">
        <f t="shared" si="79"/>
        <v>314.12793537404809</v>
      </c>
      <c r="F5054">
        <f>IF(C5054="CLAY", INDEX(D$4:D5054, MATCH("CLAY", C$4:C5054, 0)), "")</f>
        <v>0.75203252561341039</v>
      </c>
    </row>
    <row r="5055" spans="1:6" x14ac:dyDescent="0.2">
      <c r="A5055" s="239">
        <f>'CPT Data'!B5063</f>
        <v>50.133000000000003</v>
      </c>
      <c r="B5055" s="3">
        <f>'CPT Data'!C5063</f>
        <v>50.126000000000005</v>
      </c>
      <c r="C5055" t="str">
        <f>'CPT Data'!P5063</f>
        <v>CLAY</v>
      </c>
      <c r="D5055">
        <f>'CPT Data'!Q5063</f>
        <v>313.75770958667755</v>
      </c>
      <c r="E5055">
        <f t="shared" si="79"/>
        <v>310.11299108047223</v>
      </c>
      <c r="F5055">
        <f>IF(C5055="CLAY", INDEX(D$4:D5055, MATCH("CLAY", C$4:C5055, 0)), "")</f>
        <v>0.75203252561341039</v>
      </c>
    </row>
    <row r="5056" spans="1:6" x14ac:dyDescent="0.2">
      <c r="A5056" s="239">
        <f>'CPT Data'!B5064</f>
        <v>50.142000000000003</v>
      </c>
      <c r="B5056" s="3">
        <f>'CPT Data'!C5064</f>
        <v>50.135000000000005</v>
      </c>
      <c r="C5056" t="str">
        <f>'CPT Data'!P5064</f>
        <v>CLAY</v>
      </c>
      <c r="D5056">
        <f>'CPT Data'!Q5064</f>
        <v>310.37330514976117</v>
      </c>
      <c r="E5056">
        <f t="shared" si="79"/>
        <v>313.75770958667755</v>
      </c>
      <c r="F5056">
        <f>IF(C5056="CLAY", INDEX(D$4:D5056, MATCH("CLAY", C$4:C5056, 0)), "")</f>
        <v>0.75203252561341039</v>
      </c>
    </row>
    <row r="5057" spans="1:6" x14ac:dyDescent="0.2">
      <c r="A5057" s="239">
        <f>'CPT Data'!B5065</f>
        <v>50.152999999999999</v>
      </c>
      <c r="B5057" s="3">
        <f>'CPT Data'!C5065</f>
        <v>50.146000000000001</v>
      </c>
      <c r="C5057" t="str">
        <f>'CPT Data'!P5065</f>
        <v>CLAY</v>
      </c>
      <c r="D5057">
        <f>'CPT Data'!Q5065</f>
        <v>295.49745134112646</v>
      </c>
      <c r="E5057">
        <f t="shared" si="79"/>
        <v>310.37330514976117</v>
      </c>
      <c r="F5057">
        <f>IF(C5057="CLAY", INDEX(D$4:D5057, MATCH("CLAY", C$4:C5057, 0)), "")</f>
        <v>0.75203252561341039</v>
      </c>
    </row>
    <row r="5058" spans="1:6" x14ac:dyDescent="0.2">
      <c r="A5058" s="239">
        <f>'CPT Data'!B5066</f>
        <v>50.161999999999999</v>
      </c>
      <c r="B5058" s="3">
        <f>'CPT Data'!C5066</f>
        <v>50.155000000000001</v>
      </c>
      <c r="C5058" t="str">
        <f>'CPT Data'!P5066</f>
        <v>CLAY</v>
      </c>
      <c r="D5058">
        <f>'CPT Data'!Q5066</f>
        <v>283.68300367561875</v>
      </c>
      <c r="E5058">
        <f t="shared" si="79"/>
        <v>295.49745134112646</v>
      </c>
      <c r="F5058">
        <f>IF(C5058="CLAY", INDEX(D$4:D5058, MATCH("CLAY", C$4:C5058, 0)), "")</f>
        <v>0.75203252561341039</v>
      </c>
    </row>
    <row r="5059" spans="1:6" x14ac:dyDescent="0.2">
      <c r="A5059" s="239">
        <f>'CPT Data'!B5067</f>
        <v>50.170999999999999</v>
      </c>
      <c r="B5059" s="3">
        <f>'CPT Data'!C5067</f>
        <v>50.164000000000001</v>
      </c>
      <c r="C5059" t="str">
        <f>'CPT Data'!P5067</f>
        <v>CLAY</v>
      </c>
      <c r="D5059">
        <f>'CPT Data'!Q5067</f>
        <v>279.09875722751082</v>
      </c>
      <c r="E5059">
        <f t="shared" si="79"/>
        <v>283.68300367561875</v>
      </c>
      <c r="F5059">
        <f>IF(C5059="CLAY", INDEX(D$4:D5059, MATCH("CLAY", C$4:C5059, 0)), "")</f>
        <v>0.75203252561341039</v>
      </c>
    </row>
    <row r="5060" spans="1:6" x14ac:dyDescent="0.2">
      <c r="A5060" s="239">
        <f>'CPT Data'!B5068</f>
        <v>50.182000000000002</v>
      </c>
      <c r="B5060" s="3">
        <f>'CPT Data'!C5068</f>
        <v>50.175000000000004</v>
      </c>
      <c r="C5060" t="str">
        <f>'CPT Data'!P5068</f>
        <v>CLAY</v>
      </c>
      <c r="D5060">
        <f>'CPT Data'!Q5068</f>
        <v>271.84640159935174</v>
      </c>
      <c r="E5060">
        <f t="shared" si="79"/>
        <v>279.09875722751082</v>
      </c>
      <c r="F5060">
        <f>IF(C5060="CLAY", INDEX(D$4:D5060, MATCH("CLAY", C$4:C5060, 0)), "")</f>
        <v>0.75203252561341039</v>
      </c>
    </row>
    <row r="5061" spans="1:6" x14ac:dyDescent="0.2">
      <c r="A5061" s="239">
        <f>'CPT Data'!B5069</f>
        <v>50.191000000000003</v>
      </c>
      <c r="B5061" s="3">
        <f>'CPT Data'!C5069</f>
        <v>50.184000000000005</v>
      </c>
      <c r="C5061" t="str">
        <f>'CPT Data'!P5069</f>
        <v>CLAY</v>
      </c>
      <c r="D5061">
        <f>'CPT Data'!Q5069</f>
        <v>270.87803675222216</v>
      </c>
      <c r="E5061">
        <f t="shared" si="79"/>
        <v>271.84640159935174</v>
      </c>
      <c r="F5061">
        <f>IF(C5061="CLAY", INDEX(D$4:D5061, MATCH("CLAY", C$4:C5061, 0)), "")</f>
        <v>0.75203252561341039</v>
      </c>
    </row>
    <row r="5062" spans="1:6" x14ac:dyDescent="0.2">
      <c r="A5062" s="239">
        <f>'CPT Data'!B5070</f>
        <v>50.201999999999998</v>
      </c>
      <c r="B5062" s="3">
        <f>'CPT Data'!C5070</f>
        <v>50.195</v>
      </c>
      <c r="C5062" t="str">
        <f>'CPT Data'!P5070</f>
        <v>CLAY</v>
      </c>
      <c r="D5062">
        <f>'CPT Data'!Q5070</f>
        <v>268.29885088946713</v>
      </c>
      <c r="E5062">
        <f t="shared" si="79"/>
        <v>270.87803675222216</v>
      </c>
      <c r="F5062">
        <f>IF(C5062="CLAY", INDEX(D$4:D5062, MATCH("CLAY", C$4:C5062, 0)), "")</f>
        <v>0.75203252561341039</v>
      </c>
    </row>
    <row r="5063" spans="1:6" x14ac:dyDescent="0.2">
      <c r="A5063" s="239">
        <f>'CPT Data'!B5071</f>
        <v>50.210999999999999</v>
      </c>
      <c r="B5063" s="3">
        <f>'CPT Data'!C5071</f>
        <v>50.204000000000001</v>
      </c>
      <c r="C5063" t="str">
        <f>'CPT Data'!P5071</f>
        <v>CLAY</v>
      </c>
      <c r="D5063">
        <f>'CPT Data'!Q5071</f>
        <v>261.87368916753195</v>
      </c>
      <c r="E5063">
        <f t="shared" si="79"/>
        <v>268.29885088946713</v>
      </c>
      <c r="F5063">
        <f>IF(C5063="CLAY", INDEX(D$4:D5063, MATCH("CLAY", C$4:C5063, 0)), "")</f>
        <v>0.75203252561341039</v>
      </c>
    </row>
    <row r="5064" spans="1:6" x14ac:dyDescent="0.2">
      <c r="A5064" s="239">
        <f>'CPT Data'!B5072</f>
        <v>50.222000000000001</v>
      </c>
      <c r="B5064" s="3">
        <f>'CPT Data'!C5072</f>
        <v>50.215000000000003</v>
      </c>
      <c r="C5064" t="str">
        <f>'CPT Data'!P5072</f>
        <v>CLAY</v>
      </c>
      <c r="D5064">
        <f>'CPT Data'!Q5072</f>
        <v>248.63905456901048</v>
      </c>
      <c r="E5064">
        <f t="shared" si="79"/>
        <v>261.87368916753195</v>
      </c>
      <c r="F5064">
        <f>IF(C5064="CLAY", INDEX(D$4:D5064, MATCH("CLAY", C$4:C5064, 0)), "")</f>
        <v>0.75203252561341039</v>
      </c>
    </row>
    <row r="5065" spans="1:6" x14ac:dyDescent="0.2">
      <c r="A5065" s="239">
        <f>'CPT Data'!B5073</f>
        <v>50.231000000000002</v>
      </c>
      <c r="B5065" s="3">
        <f>'CPT Data'!C5073</f>
        <v>50.224000000000004</v>
      </c>
      <c r="C5065" t="str">
        <f>'CPT Data'!P5073</f>
        <v>CLAY</v>
      </c>
      <c r="D5065">
        <f>'CPT Data'!Q5073</f>
        <v>241.54568011888082</v>
      </c>
      <c r="E5065">
        <f t="shared" si="79"/>
        <v>248.63905456901048</v>
      </c>
      <c r="F5065">
        <f>IF(C5065="CLAY", INDEX(D$4:D5065, MATCH("CLAY", C$4:C5065, 0)), "")</f>
        <v>0.75203252561341039</v>
      </c>
    </row>
    <row r="5066" spans="1:6" x14ac:dyDescent="0.2">
      <c r="A5066" s="239">
        <f>'CPT Data'!B5074</f>
        <v>50.24</v>
      </c>
      <c r="B5066" s="3">
        <f>'CPT Data'!C5074</f>
        <v>50.233000000000004</v>
      </c>
      <c r="C5066" t="str">
        <f>'CPT Data'!P5074</f>
        <v>CLAY</v>
      </c>
      <c r="D5066">
        <f>'CPT Data'!Q5074</f>
        <v>234.84862283886528</v>
      </c>
      <c r="E5066">
        <f t="shared" si="79"/>
        <v>241.54568011888082</v>
      </c>
      <c r="F5066">
        <f>IF(C5066="CLAY", INDEX(D$4:D5066, MATCH("CLAY", C$4:C5066, 0)), "")</f>
        <v>0.75203252561341039</v>
      </c>
    </row>
    <row r="5067" spans="1:6" x14ac:dyDescent="0.2">
      <c r="A5067" s="239">
        <f>'CPT Data'!B5075</f>
        <v>50.250999999999998</v>
      </c>
      <c r="B5067" s="3">
        <f>'CPT Data'!C5075</f>
        <v>50.244</v>
      </c>
      <c r="C5067" t="str">
        <f>'CPT Data'!P5075</f>
        <v>CLAY</v>
      </c>
      <c r="D5067">
        <f>'CPT Data'!Q5075</f>
        <v>243.00858950591987</v>
      </c>
      <c r="E5067">
        <f t="shared" si="79"/>
        <v>234.84862283886528</v>
      </c>
      <c r="F5067">
        <f>IF(C5067="CLAY", INDEX(D$4:D5067, MATCH("CLAY", C$4:C5067, 0)), "")</f>
        <v>0.75203252561341039</v>
      </c>
    </row>
    <row r="5068" spans="1:6" x14ac:dyDescent="0.2">
      <c r="A5068" s="239">
        <f>'CPT Data'!B5076</f>
        <v>50.26</v>
      </c>
      <c r="B5068" s="3">
        <f>'CPT Data'!C5076</f>
        <v>50.253</v>
      </c>
      <c r="C5068" t="str">
        <f>'CPT Data'!P5076</f>
        <v>CLAY</v>
      </c>
      <c r="D5068">
        <f>'CPT Data'!Q5076</f>
        <v>257.43224068085419</v>
      </c>
      <c r="E5068">
        <f t="shared" si="79"/>
        <v>243.00858950591987</v>
      </c>
      <c r="F5068">
        <f>IF(C5068="CLAY", INDEX(D$4:D5068, MATCH("CLAY", C$4:C5068, 0)), "")</f>
        <v>0.75203252561341039</v>
      </c>
    </row>
    <row r="5069" spans="1:6" x14ac:dyDescent="0.2">
      <c r="A5069" s="239">
        <f>'CPT Data'!B5077</f>
        <v>50.27</v>
      </c>
      <c r="B5069" s="3">
        <f>'CPT Data'!C5077</f>
        <v>50.263000000000005</v>
      </c>
      <c r="C5069" t="str">
        <f>'CPT Data'!P5077</f>
        <v>CLAY</v>
      </c>
      <c r="D5069">
        <f>'CPT Data'!Q5077</f>
        <v>275.60526510676965</v>
      </c>
      <c r="E5069">
        <f t="shared" si="79"/>
        <v>257.43224068085419</v>
      </c>
      <c r="F5069">
        <f>IF(C5069="CLAY", INDEX(D$4:D5069, MATCH("CLAY", C$4:C5069, 0)), "")</f>
        <v>0.75203252561341039</v>
      </c>
    </row>
    <row r="5070" spans="1:6" x14ac:dyDescent="0.2">
      <c r="A5070" s="239">
        <f>'CPT Data'!B5078</f>
        <v>50.28</v>
      </c>
      <c r="B5070" s="3">
        <f>'CPT Data'!C5078</f>
        <v>50.273000000000003</v>
      </c>
      <c r="C5070" t="str">
        <f>'CPT Data'!P5078</f>
        <v>CLAY</v>
      </c>
      <c r="D5070">
        <f>'CPT Data'!Q5078</f>
        <v>299.42128753981666</v>
      </c>
      <c r="E5070">
        <f t="shared" si="79"/>
        <v>275.60526510676965</v>
      </c>
      <c r="F5070">
        <f>IF(C5070="CLAY", INDEX(D$4:D5070, MATCH("CLAY", C$4:C5070, 0)), "")</f>
        <v>0.75203252561341039</v>
      </c>
    </row>
    <row r="5071" spans="1:6" x14ac:dyDescent="0.2">
      <c r="A5071" s="239">
        <f>'CPT Data'!B5079</f>
        <v>50.289000000000001</v>
      </c>
      <c r="B5071" s="3">
        <f>'CPT Data'!C5079</f>
        <v>50.282000000000004</v>
      </c>
      <c r="C5071" t="str">
        <f>'CPT Data'!P5079</f>
        <v>CLAY</v>
      </c>
      <c r="D5071">
        <f>'CPT Data'!Q5079</f>
        <v>333.73975865542155</v>
      </c>
      <c r="E5071">
        <f t="shared" si="79"/>
        <v>299.42128753981666</v>
      </c>
      <c r="F5071">
        <f>IF(C5071="CLAY", INDEX(D$4:D5071, MATCH("CLAY", C$4:C5071, 0)), "")</f>
        <v>0.75203252561341039</v>
      </c>
    </row>
    <row r="5072" spans="1:6" x14ac:dyDescent="0.2">
      <c r="A5072" s="239">
        <f>'CPT Data'!B5080</f>
        <v>50.3</v>
      </c>
      <c r="B5072" s="3">
        <f>'CPT Data'!C5080</f>
        <v>50.292999999999999</v>
      </c>
      <c r="C5072" t="str">
        <f>'CPT Data'!P5080</f>
        <v>CLAY</v>
      </c>
      <c r="D5072">
        <f>'CPT Data'!Q5080</f>
        <v>370.74660355718908</v>
      </c>
      <c r="E5072">
        <f t="shared" si="79"/>
        <v>333.73975865542155</v>
      </c>
      <c r="F5072">
        <f>IF(C5072="CLAY", INDEX(D$4:D5072, MATCH("CLAY", C$4:C5072, 0)), "")</f>
        <v>0.75203252561341039</v>
      </c>
    </row>
    <row r="5073" spans="1:6" x14ac:dyDescent="0.2">
      <c r="A5073" s="239">
        <f>'CPT Data'!B5081</f>
        <v>50.308999999999997</v>
      </c>
      <c r="B5073" s="3">
        <f>'CPT Data'!C5081</f>
        <v>50.302</v>
      </c>
      <c r="C5073" t="str">
        <f>'CPT Data'!P5081</f>
        <v>CLAY</v>
      </c>
      <c r="D5073">
        <f>'CPT Data'!Q5081</f>
        <v>393.67808713713401</v>
      </c>
      <c r="E5073">
        <f t="shared" si="79"/>
        <v>370.74660355718908</v>
      </c>
      <c r="F5073">
        <f>IF(C5073="CLAY", INDEX(D$4:D5073, MATCH("CLAY", C$4:C5073, 0)), "")</f>
        <v>0.75203252561341039</v>
      </c>
    </row>
    <row r="5074" spans="1:6" x14ac:dyDescent="0.2">
      <c r="A5074" s="239">
        <f>'CPT Data'!B5082</f>
        <v>50.32</v>
      </c>
      <c r="B5074" s="3">
        <f>'CPT Data'!C5082</f>
        <v>50.313000000000002</v>
      </c>
      <c r="C5074" t="str">
        <f>'CPT Data'!P5082</f>
        <v>CLAY</v>
      </c>
      <c r="D5074">
        <f>'CPT Data'!Q5082</f>
        <v>392.4808372792815</v>
      </c>
      <c r="E5074">
        <f t="shared" si="79"/>
        <v>393.67808713713401</v>
      </c>
      <c r="F5074">
        <f>IF(C5074="CLAY", INDEX(D$4:D5074, MATCH("CLAY", C$4:C5074, 0)), "")</f>
        <v>0.75203252561341039</v>
      </c>
    </row>
    <row r="5075" spans="1:6" x14ac:dyDescent="0.2">
      <c r="A5075" s="239">
        <f>'CPT Data'!B5083</f>
        <v>50.329000000000001</v>
      </c>
      <c r="B5075" s="3">
        <f>'CPT Data'!C5083</f>
        <v>50.322000000000003</v>
      </c>
      <c r="C5075" t="str">
        <f>'CPT Data'!P5083</f>
        <v>CLAY</v>
      </c>
      <c r="D5075">
        <f>'CPT Data'!Q5083</f>
        <v>386.39631656643246</v>
      </c>
      <c r="E5075">
        <f t="shared" si="79"/>
        <v>392.4808372792815</v>
      </c>
      <c r="F5075">
        <f>IF(C5075="CLAY", INDEX(D$4:D5075, MATCH("CLAY", C$4:C5075, 0)), "")</f>
        <v>0.75203252561341039</v>
      </c>
    </row>
    <row r="5076" spans="1:6" x14ac:dyDescent="0.2">
      <c r="A5076" s="239">
        <f>'CPT Data'!B5084</f>
        <v>50.338999999999999</v>
      </c>
      <c r="B5076" s="3">
        <f>'CPT Data'!C5084</f>
        <v>50.332000000000001</v>
      </c>
      <c r="C5076" t="str">
        <f>'CPT Data'!P5084</f>
        <v>CLAY</v>
      </c>
      <c r="D5076">
        <f>'CPT Data'!Q5084</f>
        <v>380.32030711051578</v>
      </c>
      <c r="E5076">
        <f t="shared" si="79"/>
        <v>386.39631656643246</v>
      </c>
      <c r="F5076">
        <f>IF(C5076="CLAY", INDEX(D$4:D5076, MATCH("CLAY", C$4:C5076, 0)), "")</f>
        <v>0.75203252561341039</v>
      </c>
    </row>
    <row r="5077" spans="1:6" x14ac:dyDescent="0.2">
      <c r="A5077" s="239">
        <f>'CPT Data'!B5085</f>
        <v>50.348999999999997</v>
      </c>
      <c r="B5077" s="3">
        <f>'CPT Data'!C5085</f>
        <v>50.341999999999999</v>
      </c>
      <c r="C5077" t="str">
        <f>'CPT Data'!P5085</f>
        <v>CLAY</v>
      </c>
      <c r="D5077">
        <f>'CPT Data'!Q5085</f>
        <v>384.1354576074371</v>
      </c>
      <c r="E5077">
        <f t="shared" si="79"/>
        <v>380.32030711051578</v>
      </c>
      <c r="F5077">
        <f>IF(C5077="CLAY", INDEX(D$4:D5077, MATCH("CLAY", C$4:C5077, 0)), "")</f>
        <v>0.75203252561341039</v>
      </c>
    </row>
    <row r="5078" spans="1:6" x14ac:dyDescent="0.2">
      <c r="A5078" s="239">
        <f>'CPT Data'!B5086</f>
        <v>50.359000000000002</v>
      </c>
      <c r="B5078" s="3">
        <f>'CPT Data'!C5086</f>
        <v>50.352000000000004</v>
      </c>
      <c r="C5078" t="str">
        <f>'CPT Data'!P5086</f>
        <v>CLAY</v>
      </c>
      <c r="D5078">
        <f>'CPT Data'!Q5086</f>
        <v>368.74416849846625</v>
      </c>
      <c r="E5078">
        <f t="shared" si="79"/>
        <v>384.1354576074371</v>
      </c>
      <c r="F5078">
        <f>IF(C5078="CLAY", INDEX(D$4:D5078, MATCH("CLAY", C$4:C5078, 0)), "")</f>
        <v>0.75203252561341039</v>
      </c>
    </row>
    <row r="5079" spans="1:6" x14ac:dyDescent="0.2">
      <c r="A5079" s="239">
        <f>'CPT Data'!B5087</f>
        <v>50.368000000000002</v>
      </c>
      <c r="B5079" s="3">
        <f>'CPT Data'!C5087</f>
        <v>50.361000000000004</v>
      </c>
      <c r="C5079" t="str">
        <f>'CPT Data'!P5087</f>
        <v>CLAY</v>
      </c>
      <c r="D5079">
        <f>'CPT Data'!Q5087</f>
        <v>353.90565994445865</v>
      </c>
      <c r="E5079">
        <f t="shared" si="79"/>
        <v>368.74416849846625</v>
      </c>
      <c r="F5079">
        <f>IF(C5079="CLAY", INDEX(D$4:D5079, MATCH("CLAY", C$4:C5079, 0)), "")</f>
        <v>0.75203252561341039</v>
      </c>
    </row>
    <row r="5080" spans="1:6" x14ac:dyDescent="0.2">
      <c r="A5080" s="239">
        <f>'CPT Data'!B5088</f>
        <v>50.378</v>
      </c>
      <c r="B5080" s="3">
        <f>'CPT Data'!C5088</f>
        <v>50.371000000000002</v>
      </c>
      <c r="C5080" t="str">
        <f>'CPT Data'!P5088</f>
        <v>CLAY</v>
      </c>
      <c r="D5080">
        <f>'CPT Data'!Q5088</f>
        <v>363.73693291394039</v>
      </c>
      <c r="E5080">
        <f t="shared" si="79"/>
        <v>353.90565994445865</v>
      </c>
      <c r="F5080">
        <f>IF(C5080="CLAY", INDEX(D$4:D5080, MATCH("CLAY", C$4:C5080, 0)), "")</f>
        <v>0.75203252561341039</v>
      </c>
    </row>
    <row r="5081" spans="1:6" x14ac:dyDescent="0.2">
      <c r="A5081" s="239">
        <f>'CPT Data'!B5089</f>
        <v>50.387999999999998</v>
      </c>
      <c r="B5081" s="3">
        <f>'CPT Data'!C5089</f>
        <v>50.381</v>
      </c>
      <c r="C5081" t="str">
        <f>'CPT Data'!P5089</f>
        <v>CLAY</v>
      </c>
      <c r="D5081">
        <f>'CPT Data'!Q5089</f>
        <v>361.28672613924419</v>
      </c>
      <c r="E5081">
        <f t="shared" si="79"/>
        <v>363.73693291394039</v>
      </c>
      <c r="F5081">
        <f>IF(C5081="CLAY", INDEX(D$4:D5081, MATCH("CLAY", C$4:C5081, 0)), "")</f>
        <v>0.75203252561341039</v>
      </c>
    </row>
    <row r="5082" spans="1:6" x14ac:dyDescent="0.2">
      <c r="A5082" s="239">
        <f>'CPT Data'!B5090</f>
        <v>50.398000000000003</v>
      </c>
      <c r="B5082" s="3">
        <f>'CPT Data'!C5090</f>
        <v>50.391000000000005</v>
      </c>
      <c r="C5082" t="str">
        <f>'CPT Data'!P5090</f>
        <v>CLAY</v>
      </c>
      <c r="D5082">
        <f>'CPT Data'!Q5090</f>
        <v>358.57182344664375</v>
      </c>
      <c r="E5082">
        <f t="shared" si="79"/>
        <v>361.28672613924419</v>
      </c>
      <c r="F5082">
        <f>IF(C5082="CLAY", INDEX(D$4:D5082, MATCH("CLAY", C$4:C5082, 0)), "")</f>
        <v>0.75203252561341039</v>
      </c>
    </row>
    <row r="5083" spans="1:6" x14ac:dyDescent="0.2">
      <c r="A5083" s="239">
        <f>'CPT Data'!B5091</f>
        <v>50.406999999999996</v>
      </c>
      <c r="B5083" s="3">
        <f>'CPT Data'!C5091</f>
        <v>50.4</v>
      </c>
      <c r="C5083" t="str">
        <f>'CPT Data'!P5091</f>
        <v>CLAY</v>
      </c>
      <c r="D5083">
        <f>'CPT Data'!Q5091</f>
        <v>359.20357174616396</v>
      </c>
      <c r="E5083">
        <f t="shared" ref="E5083:E5146" si="80">IF(C5083="SAND",#N/A,IF(C5083=C5082,D5082,IF(C5083="CLAY",D5083,#N/A)))</f>
        <v>358.57182344664375</v>
      </c>
      <c r="F5083">
        <f>IF(C5083="CLAY", INDEX(D$4:D5083, MATCH("CLAY", C$4:C5083, 0)), "")</f>
        <v>0.75203252561341039</v>
      </c>
    </row>
    <row r="5084" spans="1:6" x14ac:dyDescent="0.2">
      <c r="A5084" s="239">
        <f>'CPT Data'!B5092</f>
        <v>50.417999999999999</v>
      </c>
      <c r="B5084" s="3">
        <f>'CPT Data'!C5092</f>
        <v>50.411000000000001</v>
      </c>
      <c r="C5084" t="str">
        <f>'CPT Data'!P5092</f>
        <v>CLAY</v>
      </c>
      <c r="D5084">
        <f>'CPT Data'!Q5092</f>
        <v>322.93308315558824</v>
      </c>
      <c r="E5084">
        <f t="shared" si="80"/>
        <v>359.20357174616396</v>
      </c>
      <c r="F5084">
        <f>IF(C5084="CLAY", INDEX(D$4:D5084, MATCH("CLAY", C$4:C5084, 0)), "")</f>
        <v>0.75203252561341039</v>
      </c>
    </row>
    <row r="5085" spans="1:6" x14ac:dyDescent="0.2">
      <c r="A5085" s="239">
        <f>'CPT Data'!B5093</f>
        <v>50.427</v>
      </c>
      <c r="B5085" s="3">
        <f>'CPT Data'!C5093</f>
        <v>50.42</v>
      </c>
      <c r="C5085" t="str">
        <f>'CPT Data'!P5093</f>
        <v>CLAY</v>
      </c>
      <c r="D5085">
        <f>'CPT Data'!Q5093</f>
        <v>314.43363998224748</v>
      </c>
      <c r="E5085">
        <f t="shared" si="80"/>
        <v>322.93308315558824</v>
      </c>
      <c r="F5085">
        <f>IF(C5085="CLAY", INDEX(D$4:D5085, MATCH("CLAY", C$4:C5085, 0)), "")</f>
        <v>0.75203252561341039</v>
      </c>
    </row>
    <row r="5086" spans="1:6" x14ac:dyDescent="0.2">
      <c r="A5086" s="239">
        <f>'CPT Data'!B5094</f>
        <v>50.438000000000002</v>
      </c>
      <c r="B5086" s="3">
        <f>'CPT Data'!C5094</f>
        <v>50.431000000000004</v>
      </c>
      <c r="C5086" t="str">
        <f>'CPT Data'!P5094</f>
        <v>CLAY</v>
      </c>
      <c r="D5086">
        <f>'CPT Data'!Q5094</f>
        <v>289.44538996238822</v>
      </c>
      <c r="E5086">
        <f t="shared" si="80"/>
        <v>314.43363998224748</v>
      </c>
      <c r="F5086">
        <f>IF(C5086="CLAY", INDEX(D$4:D5086, MATCH("CLAY", C$4:C5086, 0)), "")</f>
        <v>0.75203252561341039</v>
      </c>
    </row>
    <row r="5087" spans="1:6" x14ac:dyDescent="0.2">
      <c r="A5087" s="239">
        <f>'CPT Data'!B5095</f>
        <v>50.447000000000003</v>
      </c>
      <c r="B5087" s="3">
        <f>'CPT Data'!C5095</f>
        <v>50.440000000000005</v>
      </c>
      <c r="C5087" t="str">
        <f>'CPT Data'!P5095</f>
        <v>CLAY</v>
      </c>
      <c r="D5087">
        <f>'CPT Data'!Q5095</f>
        <v>279.59488085198547</v>
      </c>
      <c r="E5087">
        <f t="shared" si="80"/>
        <v>289.44538996238822</v>
      </c>
      <c r="F5087">
        <f>IF(C5087="CLAY", INDEX(D$4:D5087, MATCH("CLAY", C$4:C5087, 0)), "")</f>
        <v>0.75203252561341039</v>
      </c>
    </row>
    <row r="5088" spans="1:6" x14ac:dyDescent="0.2">
      <c r="A5088" s="239">
        <f>'CPT Data'!B5096</f>
        <v>50.456000000000003</v>
      </c>
      <c r="B5088" s="3">
        <f>'CPT Data'!C5096</f>
        <v>50.449000000000005</v>
      </c>
      <c r="C5088" t="str">
        <f>'CPT Data'!P5096</f>
        <v>CLAY</v>
      </c>
      <c r="D5088">
        <f>'CPT Data'!Q5096</f>
        <v>298.12832025577239</v>
      </c>
      <c r="E5088">
        <f t="shared" si="80"/>
        <v>279.59488085198547</v>
      </c>
      <c r="F5088">
        <f>IF(C5088="CLAY", INDEX(D$4:D5088, MATCH("CLAY", C$4:C5088, 0)), "")</f>
        <v>0.75203252561341039</v>
      </c>
    </row>
    <row r="5089" spans="1:6" x14ac:dyDescent="0.2">
      <c r="A5089" s="239">
        <f>'CPT Data'!B5097</f>
        <v>50.466999999999999</v>
      </c>
      <c r="B5089" s="3">
        <f>'CPT Data'!C5097</f>
        <v>50.46</v>
      </c>
      <c r="C5089" t="str">
        <f>'CPT Data'!P5097</f>
        <v>CLAY</v>
      </c>
      <c r="D5089">
        <f>'CPT Data'!Q5097</f>
        <v>345.88908715929909</v>
      </c>
      <c r="E5089">
        <f t="shared" si="80"/>
        <v>298.12832025577239</v>
      </c>
      <c r="F5089">
        <f>IF(C5089="CLAY", INDEX(D$4:D5089, MATCH("CLAY", C$4:C5089, 0)), "")</f>
        <v>0.75203252561341039</v>
      </c>
    </row>
    <row r="5090" spans="1:6" x14ac:dyDescent="0.2">
      <c r="A5090" s="239">
        <f>'CPT Data'!B5098</f>
        <v>50.475999999999999</v>
      </c>
      <c r="B5090" s="3">
        <f>'CPT Data'!C5098</f>
        <v>50.469000000000001</v>
      </c>
      <c r="C5090" t="str">
        <f>'CPT Data'!P5098</f>
        <v>CLAY</v>
      </c>
      <c r="D5090">
        <f>'CPT Data'!Q5098</f>
        <v>382.06527764561537</v>
      </c>
      <c r="E5090">
        <f t="shared" si="80"/>
        <v>345.88908715929909</v>
      </c>
      <c r="F5090">
        <f>IF(C5090="CLAY", INDEX(D$4:D5090, MATCH("CLAY", C$4:C5090, 0)), "")</f>
        <v>0.75203252561341039</v>
      </c>
    </row>
    <row r="5091" spans="1:6" x14ac:dyDescent="0.2">
      <c r="A5091" s="239">
        <f>'CPT Data'!B5099</f>
        <v>50.485999999999997</v>
      </c>
      <c r="B5091" s="3">
        <f>'CPT Data'!C5099</f>
        <v>50.478999999999999</v>
      </c>
      <c r="C5091" t="str">
        <f>'CPT Data'!P5099</f>
        <v>CLAY</v>
      </c>
      <c r="D5091">
        <f>'CPT Data'!Q5099</f>
        <v>409.73271430820546</v>
      </c>
      <c r="E5091">
        <f t="shared" si="80"/>
        <v>382.06527764561537</v>
      </c>
      <c r="F5091">
        <f>IF(C5091="CLAY", INDEX(D$4:D5091, MATCH("CLAY", C$4:C5091, 0)), "")</f>
        <v>0.75203252561341039</v>
      </c>
    </row>
    <row r="5092" spans="1:6" x14ac:dyDescent="0.2">
      <c r="A5092" s="239">
        <f>'CPT Data'!B5100</f>
        <v>50.496000000000002</v>
      </c>
      <c r="B5092" s="3">
        <f>'CPT Data'!C5100</f>
        <v>50.489000000000004</v>
      </c>
      <c r="C5092" t="str">
        <f>'CPT Data'!P5100</f>
        <v>CLAY</v>
      </c>
      <c r="D5092">
        <f>'CPT Data'!Q5100</f>
        <v>432.07441849067862</v>
      </c>
      <c r="E5092">
        <f t="shared" si="80"/>
        <v>409.73271430820546</v>
      </c>
      <c r="F5092">
        <f>IF(C5092="CLAY", INDEX(D$4:D5092, MATCH("CLAY", C$4:C5092, 0)), "")</f>
        <v>0.75203252561341039</v>
      </c>
    </row>
    <row r="5093" spans="1:6" x14ac:dyDescent="0.2">
      <c r="A5093" s="239">
        <f>'CPT Data'!B5101</f>
        <v>50.505000000000003</v>
      </c>
      <c r="B5093" s="3">
        <f>'CPT Data'!C5101</f>
        <v>50.498000000000005</v>
      </c>
      <c r="C5093" t="str">
        <f>'CPT Data'!P5101</f>
        <v>CLAY</v>
      </c>
      <c r="D5093">
        <f>'CPT Data'!Q5101</f>
        <v>448.73680665947541</v>
      </c>
      <c r="E5093">
        <f t="shared" si="80"/>
        <v>432.07441849067862</v>
      </c>
      <c r="F5093">
        <f>IF(C5093="CLAY", INDEX(D$4:D5093, MATCH("CLAY", C$4:C5093, 0)), "")</f>
        <v>0.75203252561341039</v>
      </c>
    </row>
    <row r="5094" spans="1:6" x14ac:dyDescent="0.2">
      <c r="A5094" s="239">
        <f>'CPT Data'!B5102</f>
        <v>50.515999999999998</v>
      </c>
      <c r="B5094" s="3">
        <f>'CPT Data'!C5102</f>
        <v>50.509</v>
      </c>
      <c r="C5094" t="str">
        <f>'CPT Data'!P5102</f>
        <v>CLAY</v>
      </c>
      <c r="D5094">
        <f>'CPT Data'!Q5102</f>
        <v>431.89690241416588</v>
      </c>
      <c r="E5094">
        <f t="shared" si="80"/>
        <v>448.73680665947541</v>
      </c>
      <c r="F5094">
        <f>IF(C5094="CLAY", INDEX(D$4:D5094, MATCH("CLAY", C$4:C5094, 0)), "")</f>
        <v>0.75203252561341039</v>
      </c>
    </row>
    <row r="5095" spans="1:6" x14ac:dyDescent="0.2">
      <c r="A5095" s="239">
        <f>'CPT Data'!B5103</f>
        <v>50.524999999999999</v>
      </c>
      <c r="B5095" s="3">
        <f>'CPT Data'!C5103</f>
        <v>50.518000000000001</v>
      </c>
      <c r="C5095" t="str">
        <f>'CPT Data'!P5103</f>
        <v>CLAY</v>
      </c>
      <c r="D5095">
        <f>'CPT Data'!Q5103</f>
        <v>412.36732554871418</v>
      </c>
      <c r="E5095">
        <f t="shared" si="80"/>
        <v>431.89690241416588</v>
      </c>
      <c r="F5095">
        <f>IF(C5095="CLAY", INDEX(D$4:D5095, MATCH("CLAY", C$4:C5095, 0)), "")</f>
        <v>0.75203252561341039</v>
      </c>
    </row>
    <row r="5096" spans="1:6" x14ac:dyDescent="0.2">
      <c r="A5096" s="239">
        <f>'CPT Data'!B5104</f>
        <v>50.533999999999999</v>
      </c>
      <c r="B5096" s="3">
        <f>'CPT Data'!C5104</f>
        <v>50.527000000000001</v>
      </c>
      <c r="C5096" t="str">
        <f>'CPT Data'!P5104</f>
        <v>CLAY</v>
      </c>
      <c r="D5096">
        <f>'CPT Data'!Q5104</f>
        <v>393.0671774952811</v>
      </c>
      <c r="E5096">
        <f t="shared" si="80"/>
        <v>412.36732554871418</v>
      </c>
      <c r="F5096">
        <f>IF(C5096="CLAY", INDEX(D$4:D5096, MATCH("CLAY", C$4:C5096, 0)), "")</f>
        <v>0.75203252561341039</v>
      </c>
    </row>
    <row r="5097" spans="1:6" x14ac:dyDescent="0.2">
      <c r="A5097" s="239">
        <f>'CPT Data'!B5105</f>
        <v>50.545000000000002</v>
      </c>
      <c r="B5097" s="3">
        <f>'CPT Data'!C5105</f>
        <v>50.538000000000004</v>
      </c>
      <c r="C5097" t="str">
        <f>'CPT Data'!P5105</f>
        <v>CLAY</v>
      </c>
      <c r="D5097">
        <f>'CPT Data'!Q5105</f>
        <v>381.63916246210647</v>
      </c>
      <c r="E5097">
        <f t="shared" si="80"/>
        <v>393.0671774952811</v>
      </c>
      <c r="F5097">
        <f>IF(C5097="CLAY", INDEX(D$4:D5097, MATCH("CLAY", C$4:C5097, 0)), "")</f>
        <v>0.75203252561341039</v>
      </c>
    </row>
    <row r="5098" spans="1:6" x14ac:dyDescent="0.2">
      <c r="A5098" s="239">
        <f>'CPT Data'!B5106</f>
        <v>50.554000000000002</v>
      </c>
      <c r="B5098" s="3">
        <f>'CPT Data'!C5106</f>
        <v>50.547000000000004</v>
      </c>
      <c r="C5098" t="str">
        <f>'CPT Data'!P5106</f>
        <v>CLAY</v>
      </c>
      <c r="D5098">
        <f>'CPT Data'!Q5106</f>
        <v>357.86126585258467</v>
      </c>
      <c r="E5098">
        <f t="shared" si="80"/>
        <v>381.63916246210647</v>
      </c>
      <c r="F5098">
        <f>IF(C5098="CLAY", INDEX(D$4:D5098, MATCH("CLAY", C$4:C5098, 0)), "")</f>
        <v>0.75203252561341039</v>
      </c>
    </row>
    <row r="5099" spans="1:6" x14ac:dyDescent="0.2">
      <c r="A5099" s="239">
        <f>'CPT Data'!B5107</f>
        <v>50.564999999999998</v>
      </c>
      <c r="B5099" s="3">
        <f>'CPT Data'!C5107</f>
        <v>50.558</v>
      </c>
      <c r="C5099" t="str">
        <f>'CPT Data'!P5107</f>
        <v>CLAY</v>
      </c>
      <c r="D5099">
        <f>'CPT Data'!Q5107</f>
        <v>331.43630130058449</v>
      </c>
      <c r="E5099">
        <f t="shared" si="80"/>
        <v>357.86126585258467</v>
      </c>
      <c r="F5099">
        <f>IF(C5099="CLAY", INDEX(D$4:D5099, MATCH("CLAY", C$4:C5099, 0)), "")</f>
        <v>0.75203252561341039</v>
      </c>
    </row>
    <row r="5100" spans="1:6" x14ac:dyDescent="0.2">
      <c r="A5100" s="239">
        <f>'CPT Data'!B5108</f>
        <v>50.573999999999998</v>
      </c>
      <c r="B5100" s="3">
        <f>'CPT Data'!C5108</f>
        <v>50.567</v>
      </c>
      <c r="C5100" t="str">
        <f>'CPT Data'!P5108</f>
        <v>CLAY</v>
      </c>
      <c r="D5100">
        <f>'CPT Data'!Q5108</f>
        <v>301.83896989384453</v>
      </c>
      <c r="E5100">
        <f t="shared" si="80"/>
        <v>331.43630130058449</v>
      </c>
      <c r="F5100">
        <f>IF(C5100="CLAY", INDEX(D$4:D5100, MATCH("CLAY", C$4:C5100, 0)), "")</f>
        <v>0.75203252561341039</v>
      </c>
    </row>
    <row r="5101" spans="1:6" x14ac:dyDescent="0.2">
      <c r="A5101" s="239">
        <f>'CPT Data'!B5109</f>
        <v>50.582999999999998</v>
      </c>
      <c r="B5101" s="3">
        <f>'CPT Data'!C5109</f>
        <v>50.576000000000001</v>
      </c>
      <c r="C5101" t="str">
        <f>'CPT Data'!P5109</f>
        <v>CLAY</v>
      </c>
      <c r="D5101">
        <f>'CPT Data'!Q5109</f>
        <v>308.97904164697059</v>
      </c>
      <c r="E5101">
        <f t="shared" si="80"/>
        <v>301.83896989384453</v>
      </c>
      <c r="F5101">
        <f>IF(C5101="CLAY", INDEX(D$4:D5101, MATCH("CLAY", C$4:C5101, 0)), "")</f>
        <v>0.75203252561341039</v>
      </c>
    </row>
    <row r="5102" spans="1:6" x14ac:dyDescent="0.2">
      <c r="A5102" s="239">
        <f>'CPT Data'!B5110</f>
        <v>50.594000000000001</v>
      </c>
      <c r="B5102" s="3">
        <f>'CPT Data'!C5110</f>
        <v>50.587000000000003</v>
      </c>
      <c r="C5102" t="str">
        <f>'CPT Data'!P5110</f>
        <v>CLAY</v>
      </c>
      <c r="D5102">
        <f>'CPT Data'!Q5110</f>
        <v>334.69154562804937</v>
      </c>
      <c r="E5102">
        <f t="shared" si="80"/>
        <v>308.97904164697059</v>
      </c>
      <c r="F5102">
        <f>IF(C5102="CLAY", INDEX(D$4:D5102, MATCH("CLAY", C$4:C5102, 0)), "")</f>
        <v>0.75203252561341039</v>
      </c>
    </row>
    <row r="5103" spans="1:6" x14ac:dyDescent="0.2">
      <c r="A5103" s="239">
        <f>'CPT Data'!B5111</f>
        <v>50.603000000000002</v>
      </c>
      <c r="B5103" s="3">
        <f>'CPT Data'!C5111</f>
        <v>50.596000000000004</v>
      </c>
      <c r="C5103" t="str">
        <f>'CPT Data'!P5111</f>
        <v>CLAY</v>
      </c>
      <c r="D5103">
        <f>'CPT Data'!Q5111</f>
        <v>347.01631868638225</v>
      </c>
      <c r="E5103">
        <f t="shared" si="80"/>
        <v>334.69154562804937</v>
      </c>
      <c r="F5103">
        <f>IF(C5103="CLAY", INDEX(D$4:D5103, MATCH("CLAY", C$4:C5103, 0)), "")</f>
        <v>0.75203252561341039</v>
      </c>
    </row>
    <row r="5104" spans="1:6" x14ac:dyDescent="0.2">
      <c r="A5104" s="239">
        <f>'CPT Data'!B5112</f>
        <v>50.613999999999997</v>
      </c>
      <c r="B5104" s="3">
        <f>'CPT Data'!C5112</f>
        <v>50.606999999999999</v>
      </c>
      <c r="C5104" t="str">
        <f>'CPT Data'!P5112</f>
        <v>CLAY</v>
      </c>
      <c r="D5104">
        <f>'CPT Data'!Q5112</f>
        <v>360.48665059385149</v>
      </c>
      <c r="E5104">
        <f t="shared" si="80"/>
        <v>347.01631868638225</v>
      </c>
      <c r="F5104">
        <f>IF(C5104="CLAY", INDEX(D$4:D5104, MATCH("CLAY", C$4:C5104, 0)), "")</f>
        <v>0.75203252561341039</v>
      </c>
    </row>
    <row r="5105" spans="1:6" x14ac:dyDescent="0.2">
      <c r="A5105" s="239">
        <f>'CPT Data'!B5113</f>
        <v>50.622999999999998</v>
      </c>
      <c r="B5105" s="3">
        <f>'CPT Data'!C5113</f>
        <v>50.616</v>
      </c>
      <c r="C5105" t="str">
        <f>'CPT Data'!P5113</f>
        <v>CLAY</v>
      </c>
      <c r="D5105">
        <f>'CPT Data'!Q5113</f>
        <v>361.23579372634987</v>
      </c>
      <c r="E5105">
        <f t="shared" si="80"/>
        <v>360.48665059385149</v>
      </c>
      <c r="F5105">
        <f>IF(C5105="CLAY", INDEX(D$4:D5105, MATCH("CLAY", C$4:C5105, 0)), "")</f>
        <v>0.75203252561341039</v>
      </c>
    </row>
    <row r="5106" spans="1:6" x14ac:dyDescent="0.2">
      <c r="A5106" s="239">
        <f>'CPT Data'!B5114</f>
        <v>50.631999999999998</v>
      </c>
      <c r="B5106" s="3">
        <f>'CPT Data'!C5114</f>
        <v>50.625</v>
      </c>
      <c r="C5106" t="str">
        <f>'CPT Data'!P5114</f>
        <v>CLAY</v>
      </c>
      <c r="D5106">
        <f>'CPT Data'!Q5114</f>
        <v>346.87211270993384</v>
      </c>
      <c r="E5106">
        <f t="shared" si="80"/>
        <v>361.23579372634987</v>
      </c>
      <c r="F5106">
        <f>IF(C5106="CLAY", INDEX(D$4:D5106, MATCH("CLAY", C$4:C5106, 0)), "")</f>
        <v>0.75203252561341039</v>
      </c>
    </row>
    <row r="5107" spans="1:6" x14ac:dyDescent="0.2">
      <c r="A5107" s="239">
        <f>'CPT Data'!B5115</f>
        <v>50.643000000000001</v>
      </c>
      <c r="B5107" s="3">
        <f>'CPT Data'!C5115</f>
        <v>50.636000000000003</v>
      </c>
      <c r="C5107" t="str">
        <f>'CPT Data'!P5115</f>
        <v>CLAY</v>
      </c>
      <c r="D5107">
        <f>'CPT Data'!Q5115</f>
        <v>312.15645735874637</v>
      </c>
      <c r="E5107">
        <f t="shared" si="80"/>
        <v>346.87211270993384</v>
      </c>
      <c r="F5107">
        <f>IF(C5107="CLAY", INDEX(D$4:D5107, MATCH("CLAY", C$4:C5107, 0)), "")</f>
        <v>0.75203252561341039</v>
      </c>
    </row>
    <row r="5108" spans="1:6" x14ac:dyDescent="0.2">
      <c r="A5108" s="239">
        <f>'CPT Data'!B5116</f>
        <v>50.652000000000001</v>
      </c>
      <c r="B5108" s="3">
        <f>'CPT Data'!C5116</f>
        <v>50.645000000000003</v>
      </c>
      <c r="C5108" t="str">
        <f>'CPT Data'!P5116</f>
        <v>CLAY</v>
      </c>
      <c r="D5108">
        <f>'CPT Data'!Q5116</f>
        <v>276.32928644391677</v>
      </c>
      <c r="E5108">
        <f t="shared" si="80"/>
        <v>312.15645735874637</v>
      </c>
      <c r="F5108">
        <f>IF(C5108="CLAY", INDEX(D$4:D5108, MATCH("CLAY", C$4:C5108, 0)), "")</f>
        <v>0.75203252561341039</v>
      </c>
    </row>
    <row r="5109" spans="1:6" x14ac:dyDescent="0.2">
      <c r="A5109" s="239">
        <f>'CPT Data'!B5117</f>
        <v>50.662999999999997</v>
      </c>
      <c r="B5109" s="3">
        <f>'CPT Data'!C5117</f>
        <v>50.655999999999999</v>
      </c>
      <c r="C5109" t="str">
        <f>'CPT Data'!P5117</f>
        <v>CLAY</v>
      </c>
      <c r="D5109">
        <f>'CPT Data'!Q5117</f>
        <v>259.72286928057088</v>
      </c>
      <c r="E5109">
        <f t="shared" si="80"/>
        <v>276.32928644391677</v>
      </c>
      <c r="F5109">
        <f>IF(C5109="CLAY", INDEX(D$4:D5109, MATCH("CLAY", C$4:C5109, 0)), "")</f>
        <v>0.75203252561341039</v>
      </c>
    </row>
    <row r="5110" spans="1:6" x14ac:dyDescent="0.2">
      <c r="A5110" s="239">
        <f>'CPT Data'!B5118</f>
        <v>50.671999999999997</v>
      </c>
      <c r="B5110" s="3">
        <f>'CPT Data'!C5118</f>
        <v>50.664999999999999</v>
      </c>
      <c r="C5110" t="str">
        <f>'CPT Data'!P5118</f>
        <v>CLAY</v>
      </c>
      <c r="D5110">
        <f>'CPT Data'!Q5118</f>
        <v>254.17983178469845</v>
      </c>
      <c r="E5110">
        <f t="shared" si="80"/>
        <v>259.72286928057088</v>
      </c>
      <c r="F5110">
        <f>IF(C5110="CLAY", INDEX(D$4:D5110, MATCH("CLAY", C$4:C5110, 0)), "")</f>
        <v>0.75203252561341039</v>
      </c>
    </row>
    <row r="5111" spans="1:6" x14ac:dyDescent="0.2">
      <c r="A5111" s="239">
        <f>'CPT Data'!B5119</f>
        <v>50.680999999999997</v>
      </c>
      <c r="B5111" s="3">
        <f>'CPT Data'!C5119</f>
        <v>50.673999999999999</v>
      </c>
      <c r="C5111" t="str">
        <f>'CPT Data'!P5119</f>
        <v>CLAY</v>
      </c>
      <c r="D5111">
        <f>'CPT Data'!Q5119</f>
        <v>235.76145425465367</v>
      </c>
      <c r="E5111">
        <f t="shared" si="80"/>
        <v>254.17983178469845</v>
      </c>
      <c r="F5111">
        <f>IF(C5111="CLAY", INDEX(D$4:D5111, MATCH("CLAY", C$4:C5111, 0)), "")</f>
        <v>0.75203252561341039</v>
      </c>
    </row>
    <row r="5112" spans="1:6" x14ac:dyDescent="0.2">
      <c r="A5112" s="239">
        <f>'CPT Data'!B5120</f>
        <v>50.692</v>
      </c>
      <c r="B5112" s="3">
        <f>'CPT Data'!C5120</f>
        <v>50.685000000000002</v>
      </c>
      <c r="C5112" t="str">
        <f>'CPT Data'!P5120</f>
        <v>CLAY</v>
      </c>
      <c r="D5112">
        <f>'CPT Data'!Q5120</f>
        <v>236.9212680676477</v>
      </c>
      <c r="E5112">
        <f t="shared" si="80"/>
        <v>235.76145425465367</v>
      </c>
      <c r="F5112">
        <f>IF(C5112="CLAY", INDEX(D$4:D5112, MATCH("CLAY", C$4:C5112, 0)), "")</f>
        <v>0.75203252561341039</v>
      </c>
    </row>
    <row r="5113" spans="1:6" x14ac:dyDescent="0.2">
      <c r="A5113" s="239">
        <f>'CPT Data'!B5121</f>
        <v>50.701000000000001</v>
      </c>
      <c r="B5113" s="3">
        <f>'CPT Data'!C5121</f>
        <v>50.694000000000003</v>
      </c>
      <c r="C5113" t="str">
        <f>'CPT Data'!P5121</f>
        <v>CLAY</v>
      </c>
      <c r="D5113">
        <f>'CPT Data'!Q5121</f>
        <v>238.15571188708722</v>
      </c>
      <c r="E5113">
        <f t="shared" si="80"/>
        <v>236.9212680676477</v>
      </c>
      <c r="F5113">
        <f>IF(C5113="CLAY", INDEX(D$4:D5113, MATCH("CLAY", C$4:C5113, 0)), "")</f>
        <v>0.75203252561341039</v>
      </c>
    </row>
    <row r="5114" spans="1:6" x14ac:dyDescent="0.2">
      <c r="A5114" s="239">
        <f>'CPT Data'!B5122</f>
        <v>50.710999999999999</v>
      </c>
      <c r="B5114" s="3">
        <f>'CPT Data'!C5122</f>
        <v>50.704000000000001</v>
      </c>
      <c r="C5114" t="str">
        <f>'CPT Data'!P5122</f>
        <v>CLAY</v>
      </c>
      <c r="D5114">
        <f>'CPT Data'!Q5122</f>
        <v>228.51288511884061</v>
      </c>
      <c r="E5114">
        <f t="shared" si="80"/>
        <v>238.15571188708722</v>
      </c>
      <c r="F5114">
        <f>IF(C5114="CLAY", INDEX(D$4:D5114, MATCH("CLAY", C$4:C5114, 0)), "")</f>
        <v>0.75203252561341039</v>
      </c>
    </row>
    <row r="5115" spans="1:6" x14ac:dyDescent="0.2">
      <c r="A5115" s="239">
        <f>'CPT Data'!B5123</f>
        <v>50.72</v>
      </c>
      <c r="B5115" s="3">
        <f>'CPT Data'!C5123</f>
        <v>50.713000000000001</v>
      </c>
      <c r="C5115" t="str">
        <f>'CPT Data'!P5123</f>
        <v>CLAY</v>
      </c>
      <c r="D5115">
        <f>'CPT Data'!Q5123</f>
        <v>223.26406558737219</v>
      </c>
      <c r="E5115">
        <f t="shared" si="80"/>
        <v>228.51288511884061</v>
      </c>
      <c r="F5115">
        <f>IF(C5115="CLAY", INDEX(D$4:D5115, MATCH("CLAY", C$4:C5115, 0)), "")</f>
        <v>0.75203252561341039</v>
      </c>
    </row>
    <row r="5116" spans="1:6" x14ac:dyDescent="0.2">
      <c r="A5116" s="239">
        <f>'CPT Data'!B5124</f>
        <v>50.731000000000002</v>
      </c>
      <c r="B5116" s="3">
        <f>'CPT Data'!C5124</f>
        <v>50.724000000000004</v>
      </c>
      <c r="C5116" t="str">
        <f>'CPT Data'!P5124</f>
        <v>CLAY</v>
      </c>
      <c r="D5116">
        <f>'CPT Data'!Q5124</f>
        <v>226.9496628298119</v>
      </c>
      <c r="E5116">
        <f t="shared" si="80"/>
        <v>223.26406558737219</v>
      </c>
      <c r="F5116">
        <f>IF(C5116="CLAY", INDEX(D$4:D5116, MATCH("CLAY", C$4:C5116, 0)), "")</f>
        <v>0.75203252561341039</v>
      </c>
    </row>
    <row r="5117" spans="1:6" x14ac:dyDescent="0.2">
      <c r="A5117" s="239">
        <f>'CPT Data'!B5125</f>
        <v>50.74</v>
      </c>
      <c r="B5117" s="3">
        <f>'CPT Data'!C5125</f>
        <v>50.733000000000004</v>
      </c>
      <c r="C5117" t="str">
        <f>'CPT Data'!P5125</f>
        <v>CLAY</v>
      </c>
      <c r="D5117">
        <f>'CPT Data'!Q5125</f>
        <v>221.62115744554231</v>
      </c>
      <c r="E5117">
        <f t="shared" si="80"/>
        <v>226.9496628298119</v>
      </c>
      <c r="F5117">
        <f>IF(C5117="CLAY", INDEX(D$4:D5117, MATCH("CLAY", C$4:C5117, 0)), "")</f>
        <v>0.75203252561341039</v>
      </c>
    </row>
    <row r="5118" spans="1:6" x14ac:dyDescent="0.2">
      <c r="A5118" s="239">
        <f>'CPT Data'!B5126</f>
        <v>50.75</v>
      </c>
      <c r="B5118" s="3">
        <f>'CPT Data'!C5126</f>
        <v>50.743000000000002</v>
      </c>
      <c r="C5118" t="str">
        <f>'CPT Data'!P5126</f>
        <v>CLAY</v>
      </c>
      <c r="D5118">
        <f>'CPT Data'!Q5126</f>
        <v>227.61299427534485</v>
      </c>
      <c r="E5118">
        <f t="shared" si="80"/>
        <v>221.62115744554231</v>
      </c>
      <c r="F5118">
        <f>IF(C5118="CLAY", INDEX(D$4:D5118, MATCH("CLAY", C$4:C5118, 0)), "")</f>
        <v>0.75203252561341039</v>
      </c>
    </row>
    <row r="5119" spans="1:6" x14ac:dyDescent="0.2">
      <c r="A5119" s="239">
        <f>'CPT Data'!B5127</f>
        <v>50.761000000000003</v>
      </c>
      <c r="B5119" s="3">
        <f>'CPT Data'!C5127</f>
        <v>50.754000000000005</v>
      </c>
      <c r="C5119" t="str">
        <f>'CPT Data'!P5127</f>
        <v>CLAY</v>
      </c>
      <c r="D5119">
        <f>'CPT Data'!Q5127</f>
        <v>238.62526947426386</v>
      </c>
      <c r="E5119">
        <f t="shared" si="80"/>
        <v>227.61299427534485</v>
      </c>
      <c r="F5119">
        <f>IF(C5119="CLAY", INDEX(D$4:D5119, MATCH("CLAY", C$4:C5119, 0)), "")</f>
        <v>0.75203252561341039</v>
      </c>
    </row>
    <row r="5120" spans="1:6" x14ac:dyDescent="0.2">
      <c r="A5120" s="239">
        <f>'CPT Data'!B5128</f>
        <v>50.77</v>
      </c>
      <c r="B5120" s="3">
        <f>'CPT Data'!C5128</f>
        <v>50.763000000000005</v>
      </c>
      <c r="C5120" t="str">
        <f>'CPT Data'!P5128</f>
        <v>CLAY</v>
      </c>
      <c r="D5120">
        <f>'CPT Data'!Q5128</f>
        <v>240.84169557872019</v>
      </c>
      <c r="E5120">
        <f t="shared" si="80"/>
        <v>238.62526947426386</v>
      </c>
      <c r="F5120">
        <f>IF(C5120="CLAY", INDEX(D$4:D5120, MATCH("CLAY", C$4:C5120, 0)), "")</f>
        <v>0.75203252561341039</v>
      </c>
    </row>
    <row r="5121" spans="1:6" x14ac:dyDescent="0.2">
      <c r="A5121" s="239">
        <f>'CPT Data'!B5129</f>
        <v>50.78</v>
      </c>
      <c r="B5121" s="3">
        <f>'CPT Data'!C5129</f>
        <v>50.773000000000003</v>
      </c>
      <c r="C5121" t="str">
        <f>'CPT Data'!P5129</f>
        <v>CLAY</v>
      </c>
      <c r="D5121">
        <f>'CPT Data'!Q5129</f>
        <v>244.67293024326946</v>
      </c>
      <c r="E5121">
        <f t="shared" si="80"/>
        <v>240.84169557872019</v>
      </c>
      <c r="F5121">
        <f>IF(C5121="CLAY", INDEX(D$4:D5121, MATCH("CLAY", C$4:C5121, 0)), "")</f>
        <v>0.75203252561341039</v>
      </c>
    </row>
    <row r="5122" spans="1:6" x14ac:dyDescent="0.2">
      <c r="A5122" s="239">
        <f>'CPT Data'!B5130</f>
        <v>50.79</v>
      </c>
      <c r="B5122" s="3">
        <f>'CPT Data'!C5130</f>
        <v>50.783000000000001</v>
      </c>
      <c r="C5122" t="str">
        <f>'CPT Data'!P5130</f>
        <v>CLAY</v>
      </c>
      <c r="D5122">
        <f>'CPT Data'!Q5130</f>
        <v>257.38478837131908</v>
      </c>
      <c r="E5122">
        <f t="shared" si="80"/>
        <v>244.67293024326946</v>
      </c>
      <c r="F5122">
        <f>IF(C5122="CLAY", INDEX(D$4:D5122, MATCH("CLAY", C$4:C5122, 0)), "")</f>
        <v>0.75203252561341039</v>
      </c>
    </row>
    <row r="5123" spans="1:6" x14ac:dyDescent="0.2">
      <c r="A5123" s="239">
        <f>'CPT Data'!B5131</f>
        <v>50.8</v>
      </c>
      <c r="B5123" s="3">
        <f>'CPT Data'!C5131</f>
        <v>50.792999999999999</v>
      </c>
      <c r="C5123" t="str">
        <f>'CPT Data'!P5131</f>
        <v>CLAY</v>
      </c>
      <c r="D5123">
        <f>'CPT Data'!Q5131</f>
        <v>264.55704714188181</v>
      </c>
      <c r="E5123">
        <f t="shared" si="80"/>
        <v>257.38478837131908</v>
      </c>
      <c r="F5123">
        <f>IF(C5123="CLAY", INDEX(D$4:D5123, MATCH("CLAY", C$4:C5123, 0)), "")</f>
        <v>0.75203252561341039</v>
      </c>
    </row>
    <row r="5124" spans="1:6" x14ac:dyDescent="0.2">
      <c r="A5124" s="239">
        <f>'CPT Data'!B5132</f>
        <v>50.808999999999997</v>
      </c>
      <c r="B5124" s="3">
        <f>'CPT Data'!C5132</f>
        <v>50.802</v>
      </c>
      <c r="C5124" t="str">
        <f>'CPT Data'!P5132</f>
        <v>CLAY</v>
      </c>
      <c r="D5124">
        <f>'CPT Data'!Q5132</f>
        <v>269.66434002058651</v>
      </c>
      <c r="E5124">
        <f t="shared" si="80"/>
        <v>264.55704714188181</v>
      </c>
      <c r="F5124">
        <f>IF(C5124="CLAY", INDEX(D$4:D5124, MATCH("CLAY", C$4:C5124, 0)), "")</f>
        <v>0.75203252561341039</v>
      </c>
    </row>
    <row r="5125" spans="1:6" x14ac:dyDescent="0.2">
      <c r="A5125" s="239">
        <f>'CPT Data'!B5133</f>
        <v>50.82</v>
      </c>
      <c r="B5125" s="3">
        <f>'CPT Data'!C5133</f>
        <v>50.813000000000002</v>
      </c>
      <c r="C5125" t="str">
        <f>'CPT Data'!P5133</f>
        <v>CLAY</v>
      </c>
      <c r="D5125">
        <f>'CPT Data'!Q5133</f>
        <v>275.17013982236</v>
      </c>
      <c r="E5125">
        <f t="shared" si="80"/>
        <v>269.66434002058651</v>
      </c>
      <c r="F5125">
        <f>IF(C5125="CLAY", INDEX(D$4:D5125, MATCH("CLAY", C$4:C5125, 0)), "")</f>
        <v>0.75203252561341039</v>
      </c>
    </row>
    <row r="5126" spans="1:6" x14ac:dyDescent="0.2">
      <c r="A5126" s="239">
        <f>'CPT Data'!B5134</f>
        <v>50.829000000000001</v>
      </c>
      <c r="B5126" s="3">
        <f>'CPT Data'!C5134</f>
        <v>50.822000000000003</v>
      </c>
      <c r="C5126" t="str">
        <f>'CPT Data'!P5134</f>
        <v>CLAY</v>
      </c>
      <c r="D5126">
        <f>'CPT Data'!Q5134</f>
        <v>266.69909364099749</v>
      </c>
      <c r="E5126">
        <f t="shared" si="80"/>
        <v>275.17013982236</v>
      </c>
      <c r="F5126">
        <f>IF(C5126="CLAY", INDEX(D$4:D5126, MATCH("CLAY", C$4:C5126, 0)), "")</f>
        <v>0.75203252561341039</v>
      </c>
    </row>
    <row r="5127" spans="1:6" x14ac:dyDescent="0.2">
      <c r="A5127" s="239">
        <f>'CPT Data'!B5135</f>
        <v>50.838999999999999</v>
      </c>
      <c r="B5127" s="3">
        <f>'CPT Data'!C5135</f>
        <v>50.832000000000001</v>
      </c>
      <c r="C5127" t="str">
        <f>'CPT Data'!P5135</f>
        <v>CLAY</v>
      </c>
      <c r="D5127">
        <f>'CPT Data'!Q5135</f>
        <v>256.44536035213747</v>
      </c>
      <c r="E5127">
        <f t="shared" si="80"/>
        <v>266.69909364099749</v>
      </c>
      <c r="F5127">
        <f>IF(C5127="CLAY", INDEX(D$4:D5127, MATCH("CLAY", C$4:C5127, 0)), "")</f>
        <v>0.75203252561341039</v>
      </c>
    </row>
    <row r="5128" spans="1:6" x14ac:dyDescent="0.2">
      <c r="A5128" s="239">
        <f>'CPT Data'!B5136</f>
        <v>50.848999999999997</v>
      </c>
      <c r="B5128" s="3">
        <f>'CPT Data'!C5136</f>
        <v>50.841999999999999</v>
      </c>
      <c r="C5128" t="str">
        <f>'CPT Data'!P5136</f>
        <v>CLAY</v>
      </c>
      <c r="D5128">
        <f>'CPT Data'!Q5136</f>
        <v>251.06963307226667</v>
      </c>
      <c r="E5128">
        <f t="shared" si="80"/>
        <v>256.44536035213747</v>
      </c>
      <c r="F5128">
        <f>IF(C5128="CLAY", INDEX(D$4:D5128, MATCH("CLAY", C$4:C5128, 0)), "")</f>
        <v>0.75203252561341039</v>
      </c>
    </row>
    <row r="5129" spans="1:6" x14ac:dyDescent="0.2">
      <c r="A5129" s="239">
        <f>'CPT Data'!B5137</f>
        <v>50.859000000000002</v>
      </c>
      <c r="B5129" s="3">
        <f>'CPT Data'!C5137</f>
        <v>50.852000000000004</v>
      </c>
      <c r="C5129" t="str">
        <f>'CPT Data'!P5137</f>
        <v>CLAY</v>
      </c>
      <c r="D5129">
        <f>'CPT Data'!Q5137</f>
        <v>252.65053437759079</v>
      </c>
      <c r="E5129">
        <f t="shared" si="80"/>
        <v>251.06963307226667</v>
      </c>
      <c r="F5129">
        <f>IF(C5129="CLAY", INDEX(D$4:D5129, MATCH("CLAY", C$4:C5129, 0)), "")</f>
        <v>0.75203252561341039</v>
      </c>
    </row>
    <row r="5130" spans="1:6" x14ac:dyDescent="0.2">
      <c r="A5130" s="239">
        <f>'CPT Data'!B5138</f>
        <v>50.869</v>
      </c>
      <c r="B5130" s="3">
        <f>'CPT Data'!C5138</f>
        <v>50.862000000000002</v>
      </c>
      <c r="C5130" t="str">
        <f>'CPT Data'!P5138</f>
        <v>CLAY</v>
      </c>
      <c r="D5130">
        <f>'CPT Data'!Q5138</f>
        <v>234.06386515383454</v>
      </c>
      <c r="E5130">
        <f t="shared" si="80"/>
        <v>252.65053437759079</v>
      </c>
      <c r="F5130">
        <f>IF(C5130="CLAY", INDEX(D$4:D5130, MATCH("CLAY", C$4:C5130, 0)), "")</f>
        <v>0.75203252561341039</v>
      </c>
    </row>
    <row r="5131" spans="1:6" x14ac:dyDescent="0.2">
      <c r="A5131" s="239">
        <f>'CPT Data'!B5139</f>
        <v>50.878999999999998</v>
      </c>
      <c r="B5131" s="3">
        <f>'CPT Data'!C5139</f>
        <v>50.872</v>
      </c>
      <c r="C5131" t="str">
        <f>'CPT Data'!P5139</f>
        <v>CLAY</v>
      </c>
      <c r="D5131">
        <f>'CPT Data'!Q5139</f>
        <v>232.58866697143367</v>
      </c>
      <c r="E5131">
        <f t="shared" si="80"/>
        <v>234.06386515383454</v>
      </c>
      <c r="F5131">
        <f>IF(C5131="CLAY", INDEX(D$4:D5131, MATCH("CLAY", C$4:C5131, 0)), "")</f>
        <v>0.75203252561341039</v>
      </c>
    </row>
    <row r="5132" spans="1:6" x14ac:dyDescent="0.2">
      <c r="A5132" s="239">
        <f>'CPT Data'!B5140</f>
        <v>50.889000000000003</v>
      </c>
      <c r="B5132" s="3">
        <f>'CPT Data'!C5140</f>
        <v>50.882000000000005</v>
      </c>
      <c r="C5132" t="str">
        <f>'CPT Data'!P5140</f>
        <v>CLAY</v>
      </c>
      <c r="D5132">
        <f>'CPT Data'!Q5140</f>
        <v>245.30715347254923</v>
      </c>
      <c r="E5132">
        <f t="shared" si="80"/>
        <v>232.58866697143367</v>
      </c>
      <c r="F5132">
        <f>IF(C5132="CLAY", INDEX(D$4:D5132, MATCH("CLAY", C$4:C5132, 0)), "")</f>
        <v>0.75203252561341039</v>
      </c>
    </row>
    <row r="5133" spans="1:6" x14ac:dyDescent="0.2">
      <c r="A5133" s="239">
        <f>'CPT Data'!B5141</f>
        <v>50.898000000000003</v>
      </c>
      <c r="B5133" s="3">
        <f>'CPT Data'!C5141</f>
        <v>50.891000000000005</v>
      </c>
      <c r="C5133" t="str">
        <f>'CPT Data'!P5141</f>
        <v>CLAY</v>
      </c>
      <c r="D5133">
        <f>'CPT Data'!Q5141</f>
        <v>250.2518270989317</v>
      </c>
      <c r="E5133">
        <f t="shared" si="80"/>
        <v>245.30715347254923</v>
      </c>
      <c r="F5133">
        <f>IF(C5133="CLAY", INDEX(D$4:D5133, MATCH("CLAY", C$4:C5133, 0)), "")</f>
        <v>0.75203252561341039</v>
      </c>
    </row>
    <row r="5134" spans="1:6" x14ac:dyDescent="0.2">
      <c r="A5134" s="239">
        <f>'CPT Data'!B5142</f>
        <v>50.906999999999996</v>
      </c>
      <c r="B5134" s="3">
        <f>'CPT Data'!C5142</f>
        <v>50.9</v>
      </c>
      <c r="C5134" t="str">
        <f>'CPT Data'!P5142</f>
        <v>CLAY</v>
      </c>
      <c r="D5134">
        <f>'CPT Data'!Q5142</f>
        <v>236.78146521687424</v>
      </c>
      <c r="E5134">
        <f t="shared" si="80"/>
        <v>250.2518270989317</v>
      </c>
      <c r="F5134">
        <f>IF(C5134="CLAY", INDEX(D$4:D5134, MATCH("CLAY", C$4:C5134, 0)), "")</f>
        <v>0.75203252561341039</v>
      </c>
    </row>
    <row r="5135" spans="1:6" x14ac:dyDescent="0.2">
      <c r="A5135" s="239">
        <f>'CPT Data'!B5143</f>
        <v>50.917000000000002</v>
      </c>
      <c r="B5135" s="3">
        <f>'CPT Data'!C5143</f>
        <v>50.910000000000004</v>
      </c>
      <c r="C5135" t="str">
        <f>'CPT Data'!P5143</f>
        <v>CLAY</v>
      </c>
      <c r="D5135">
        <f>'CPT Data'!Q5143</f>
        <v>237.85468783958549</v>
      </c>
      <c r="E5135">
        <f t="shared" si="80"/>
        <v>236.78146521687424</v>
      </c>
      <c r="F5135">
        <f>IF(C5135="CLAY", INDEX(D$4:D5135, MATCH("CLAY", C$4:C5135, 0)), "")</f>
        <v>0.75203252561341039</v>
      </c>
    </row>
    <row r="5136" spans="1:6" x14ac:dyDescent="0.2">
      <c r="A5136" s="239">
        <f>'CPT Data'!B5144</f>
        <v>50.927999999999997</v>
      </c>
      <c r="B5136" s="3">
        <f>'CPT Data'!C5144</f>
        <v>50.920999999999999</v>
      </c>
      <c r="C5136" t="str">
        <f>'CPT Data'!P5144</f>
        <v>CLAY</v>
      </c>
      <c r="D5136">
        <f>'CPT Data'!Q5144</f>
        <v>232.10227520291588</v>
      </c>
      <c r="E5136">
        <f t="shared" si="80"/>
        <v>237.85468783958549</v>
      </c>
      <c r="F5136">
        <f>IF(C5136="CLAY", INDEX(D$4:D5136, MATCH("CLAY", C$4:C5136, 0)), "")</f>
        <v>0.75203252561341039</v>
      </c>
    </row>
    <row r="5137" spans="1:6" x14ac:dyDescent="0.2">
      <c r="A5137" s="239">
        <f>'CPT Data'!B5145</f>
        <v>50.938000000000002</v>
      </c>
      <c r="B5137" s="3">
        <f>'CPT Data'!C5145</f>
        <v>50.931000000000004</v>
      </c>
      <c r="C5137" t="str">
        <f>'CPT Data'!P5145</f>
        <v>CLAY</v>
      </c>
      <c r="D5137">
        <f>'CPT Data'!Q5145</f>
        <v>263.16864976142671</v>
      </c>
      <c r="E5137">
        <f t="shared" si="80"/>
        <v>232.10227520291588</v>
      </c>
      <c r="F5137">
        <f>IF(C5137="CLAY", INDEX(D$4:D5137, MATCH("CLAY", C$4:C5137, 0)), "")</f>
        <v>0.75203252561341039</v>
      </c>
    </row>
    <row r="5138" spans="1:6" x14ac:dyDescent="0.2">
      <c r="A5138" s="239">
        <f>'CPT Data'!B5146</f>
        <v>50.948</v>
      </c>
      <c r="B5138" s="3">
        <f>'CPT Data'!C5146</f>
        <v>50.941000000000003</v>
      </c>
      <c r="C5138" t="str">
        <f>'CPT Data'!P5146</f>
        <v>CLAY</v>
      </c>
      <c r="D5138">
        <f>'CPT Data'!Q5146</f>
        <v>231.09981887633293</v>
      </c>
      <c r="E5138">
        <f t="shared" si="80"/>
        <v>263.16864976142671</v>
      </c>
      <c r="F5138">
        <f>IF(C5138="CLAY", INDEX(D$4:D5138, MATCH("CLAY", C$4:C5138, 0)), "")</f>
        <v>0.75203252561341039</v>
      </c>
    </row>
    <row r="5139" spans="1:6" x14ac:dyDescent="0.2">
      <c r="A5139" s="239">
        <f>'CPT Data'!B5147</f>
        <v>50.957999999999998</v>
      </c>
      <c r="B5139" s="3">
        <f>'CPT Data'!C5147</f>
        <v>50.951000000000001</v>
      </c>
      <c r="C5139" t="str">
        <f>'CPT Data'!P5147</f>
        <v>CLAY</v>
      </c>
      <c r="D5139">
        <f>'CPT Data'!Q5147</f>
        <v>237.19550740673444</v>
      </c>
      <c r="E5139">
        <f t="shared" si="80"/>
        <v>231.09981887633293</v>
      </c>
      <c r="F5139">
        <f>IF(C5139="CLAY", INDEX(D$4:D5139, MATCH("CLAY", C$4:C5139, 0)), "")</f>
        <v>0.75203252561341039</v>
      </c>
    </row>
    <row r="5140" spans="1:6" x14ac:dyDescent="0.2">
      <c r="A5140" s="239">
        <f>'CPT Data'!B5148</f>
        <v>50.966999999999999</v>
      </c>
      <c r="B5140" s="3">
        <f>'CPT Data'!C5148</f>
        <v>50.96</v>
      </c>
      <c r="C5140" t="str">
        <f>'CPT Data'!P5148</f>
        <v>CLAY</v>
      </c>
      <c r="D5140">
        <f>'CPT Data'!Q5148</f>
        <v>249.37079400556817</v>
      </c>
      <c r="E5140">
        <f t="shared" si="80"/>
        <v>237.19550740673444</v>
      </c>
      <c r="F5140">
        <f>IF(C5140="CLAY", INDEX(D$4:D5140, MATCH("CLAY", C$4:C5140, 0)), "")</f>
        <v>0.75203252561341039</v>
      </c>
    </row>
    <row r="5141" spans="1:6" x14ac:dyDescent="0.2">
      <c r="A5141" s="239">
        <f>'CPT Data'!B5149</f>
        <v>50.976999999999997</v>
      </c>
      <c r="B5141" s="3">
        <f>'CPT Data'!C5149</f>
        <v>50.97</v>
      </c>
      <c r="C5141" t="str">
        <f>'CPT Data'!P5149</f>
        <v>CLAY</v>
      </c>
      <c r="D5141">
        <f>'CPT Data'!Q5149</f>
        <v>269.74016069750513</v>
      </c>
      <c r="E5141">
        <f t="shared" si="80"/>
        <v>249.37079400556817</v>
      </c>
      <c r="F5141">
        <f>IF(C5141="CLAY", INDEX(D$4:D5141, MATCH("CLAY", C$4:C5141, 0)), "")</f>
        <v>0.75203252561341039</v>
      </c>
    </row>
    <row r="5142" spans="1:6" x14ac:dyDescent="0.2">
      <c r="A5142" s="239">
        <f>'CPT Data'!B5150</f>
        <v>50.987000000000002</v>
      </c>
      <c r="B5142" s="3">
        <f>'CPT Data'!C5150</f>
        <v>50.980000000000004</v>
      </c>
      <c r="C5142" t="str">
        <f>'CPT Data'!P5150</f>
        <v>CLAY</v>
      </c>
      <c r="D5142">
        <f>'CPT Data'!Q5150</f>
        <v>296.62518344460187</v>
      </c>
      <c r="E5142">
        <f t="shared" si="80"/>
        <v>269.74016069750513</v>
      </c>
      <c r="F5142">
        <f>IF(C5142="CLAY", INDEX(D$4:D5142, MATCH("CLAY", C$4:C5142, 0)), "")</f>
        <v>0.75203252561341039</v>
      </c>
    </row>
    <row r="5143" spans="1:6" x14ac:dyDescent="0.2">
      <c r="A5143" s="239">
        <f>'CPT Data'!B5151</f>
        <v>50.996000000000002</v>
      </c>
      <c r="B5143" s="3">
        <f>'CPT Data'!C5151</f>
        <v>50.989000000000004</v>
      </c>
      <c r="C5143" t="str">
        <f>'CPT Data'!P5151</f>
        <v>CLAY</v>
      </c>
      <c r="D5143">
        <f>'CPT Data'!Q5151</f>
        <v>312.76752219036422</v>
      </c>
      <c r="E5143">
        <f t="shared" si="80"/>
        <v>296.62518344460187</v>
      </c>
      <c r="F5143">
        <f>IF(C5143="CLAY", INDEX(D$4:D5143, MATCH("CLAY", C$4:C5143, 0)), "")</f>
        <v>0.75203252561341039</v>
      </c>
    </row>
    <row r="5144" spans="1:6" x14ac:dyDescent="0.2">
      <c r="A5144" s="239">
        <f>'CPT Data'!B5152</f>
        <v>51.006999999999998</v>
      </c>
      <c r="B5144" s="3">
        <f>'CPT Data'!C5152</f>
        <v>51</v>
      </c>
      <c r="C5144" t="str">
        <f>'CPT Data'!P5152</f>
        <v>CLAY</v>
      </c>
      <c r="D5144">
        <f>'CPT Data'!Q5152</f>
        <v>324.23966105837712</v>
      </c>
      <c r="E5144">
        <f t="shared" si="80"/>
        <v>312.76752219036422</v>
      </c>
      <c r="F5144">
        <f>IF(C5144="CLAY", INDEX(D$4:D5144, MATCH("CLAY", C$4:C5144, 0)), "")</f>
        <v>0.75203252561341039</v>
      </c>
    </row>
    <row r="5145" spans="1:6" x14ac:dyDescent="0.2">
      <c r="A5145" s="239">
        <f>'CPT Data'!B5153</f>
        <v>51.015999999999998</v>
      </c>
      <c r="B5145" s="3">
        <f>'CPT Data'!C5153</f>
        <v>51.009</v>
      </c>
      <c r="C5145" t="str">
        <f>'CPT Data'!P5153</f>
        <v>CLAY</v>
      </c>
      <c r="D5145">
        <f>'CPT Data'!Q5153</f>
        <v>329.67334817477541</v>
      </c>
      <c r="E5145">
        <f t="shared" si="80"/>
        <v>324.23966105837712</v>
      </c>
      <c r="F5145">
        <f>IF(C5145="CLAY", INDEX(D$4:D5145, MATCH("CLAY", C$4:C5145, 0)), "")</f>
        <v>0.75203252561341039</v>
      </c>
    </row>
    <row r="5146" spans="1:6" x14ac:dyDescent="0.2">
      <c r="A5146" s="239">
        <f>'CPT Data'!B5154</f>
        <v>51.026000000000003</v>
      </c>
      <c r="B5146" s="3">
        <f>'CPT Data'!C5154</f>
        <v>51.019000000000005</v>
      </c>
      <c r="C5146" t="str">
        <f>'CPT Data'!P5154</f>
        <v>CLAY</v>
      </c>
      <c r="D5146">
        <f>'CPT Data'!Q5154</f>
        <v>338.34143125184249</v>
      </c>
      <c r="E5146">
        <f t="shared" si="80"/>
        <v>329.67334817477541</v>
      </c>
      <c r="F5146">
        <f>IF(C5146="CLAY", INDEX(D$4:D5146, MATCH("CLAY", C$4:C5146, 0)), "")</f>
        <v>0.75203252561341039</v>
      </c>
    </row>
    <row r="5147" spans="1:6" x14ac:dyDescent="0.2">
      <c r="A5147" s="239">
        <f>'CPT Data'!B5155</f>
        <v>51.036000000000001</v>
      </c>
      <c r="B5147" s="3">
        <f>'CPT Data'!C5155</f>
        <v>51.029000000000003</v>
      </c>
      <c r="C5147" t="str">
        <f>'CPT Data'!P5155</f>
        <v>CLAY</v>
      </c>
      <c r="D5147">
        <f>'CPT Data'!Q5155</f>
        <v>337.91530624018287</v>
      </c>
      <c r="E5147">
        <f t="shared" ref="E5147:E5210" si="81">IF(C5147="SAND",#N/A,IF(C5147=C5146,D5146,IF(C5147="CLAY",D5147,#N/A)))</f>
        <v>338.34143125184249</v>
      </c>
      <c r="F5147">
        <f>IF(C5147="CLAY", INDEX(D$4:D5147, MATCH("CLAY", C$4:C5147, 0)), "")</f>
        <v>0.75203252561341039</v>
      </c>
    </row>
    <row r="5148" spans="1:6" x14ac:dyDescent="0.2">
      <c r="A5148" s="239">
        <f>'CPT Data'!B5156</f>
        <v>51.045000000000002</v>
      </c>
      <c r="B5148" s="3">
        <f>'CPT Data'!C5156</f>
        <v>51.038000000000004</v>
      </c>
      <c r="C5148" t="str">
        <f>'CPT Data'!P5156</f>
        <v>CLAY</v>
      </c>
      <c r="D5148">
        <f>'CPT Data'!Q5156</f>
        <v>327.61618372378786</v>
      </c>
      <c r="E5148">
        <f t="shared" si="81"/>
        <v>337.91530624018287</v>
      </c>
      <c r="F5148">
        <f>IF(C5148="CLAY", INDEX(D$4:D5148, MATCH("CLAY", C$4:C5148, 0)), "")</f>
        <v>0.75203252561341039</v>
      </c>
    </row>
    <row r="5149" spans="1:6" x14ac:dyDescent="0.2">
      <c r="A5149" s="239">
        <f>'CPT Data'!B5157</f>
        <v>51.055</v>
      </c>
      <c r="B5149" s="3">
        <f>'CPT Data'!C5157</f>
        <v>51.048000000000002</v>
      </c>
      <c r="C5149" t="str">
        <f>'CPT Data'!P5157</f>
        <v>CLAY</v>
      </c>
      <c r="D5149">
        <f>'CPT Data'!Q5157</f>
        <v>311.78492323198753</v>
      </c>
      <c r="E5149">
        <f t="shared" si="81"/>
        <v>327.61618372378786</v>
      </c>
      <c r="F5149">
        <f>IF(C5149="CLAY", INDEX(D$4:D5149, MATCH("CLAY", C$4:C5149, 0)), "")</f>
        <v>0.75203252561341039</v>
      </c>
    </row>
    <row r="5150" spans="1:6" x14ac:dyDescent="0.2">
      <c r="A5150" s="239">
        <f>'CPT Data'!B5158</f>
        <v>51.064</v>
      </c>
      <c r="B5150" s="3">
        <f>'CPT Data'!C5158</f>
        <v>51.057000000000002</v>
      </c>
      <c r="C5150" t="str">
        <f>'CPT Data'!P5158</f>
        <v>CLAY</v>
      </c>
      <c r="D5150">
        <f>'CPT Data'!Q5158</f>
        <v>293.5700118231241</v>
      </c>
      <c r="E5150">
        <f t="shared" si="81"/>
        <v>311.78492323198753</v>
      </c>
      <c r="F5150">
        <f>IF(C5150="CLAY", INDEX(D$4:D5150, MATCH("CLAY", C$4:C5150, 0)), "")</f>
        <v>0.75203252561341039</v>
      </c>
    </row>
    <row r="5151" spans="1:6" x14ac:dyDescent="0.2">
      <c r="A5151" s="239">
        <f>'CPT Data'!B5159</f>
        <v>51.073999999999998</v>
      </c>
      <c r="B5151" s="3">
        <f>'CPT Data'!C5159</f>
        <v>51.067</v>
      </c>
      <c r="C5151" t="str">
        <f>'CPT Data'!P5159</f>
        <v>CLAY</v>
      </c>
      <c r="D5151">
        <f>'CPT Data'!Q5159</f>
        <v>285.49438012415987</v>
      </c>
      <c r="E5151">
        <f t="shared" si="81"/>
        <v>293.5700118231241</v>
      </c>
      <c r="F5151">
        <f>IF(C5151="CLAY", INDEX(D$4:D5151, MATCH("CLAY", C$4:C5151, 0)), "")</f>
        <v>0.75203252561341039</v>
      </c>
    </row>
    <row r="5152" spans="1:6" x14ac:dyDescent="0.2">
      <c r="A5152" s="239">
        <f>'CPT Data'!B5160</f>
        <v>51.084000000000003</v>
      </c>
      <c r="B5152" s="3">
        <f>'CPT Data'!C5160</f>
        <v>51.077000000000005</v>
      </c>
      <c r="C5152" t="str">
        <f>'CPT Data'!P5160</f>
        <v>CLAY</v>
      </c>
      <c r="D5152">
        <f>'CPT Data'!Q5160</f>
        <v>279.37574102875465</v>
      </c>
      <c r="E5152">
        <f t="shared" si="81"/>
        <v>285.49438012415987</v>
      </c>
      <c r="F5152">
        <f>IF(C5152="CLAY", INDEX(D$4:D5152, MATCH("CLAY", C$4:C5152, 0)), "")</f>
        <v>0.75203252561341039</v>
      </c>
    </row>
    <row r="5153" spans="1:6" x14ac:dyDescent="0.2">
      <c r="A5153" s="239">
        <f>'CPT Data'!B5161</f>
        <v>51.094000000000001</v>
      </c>
      <c r="B5153" s="3">
        <f>'CPT Data'!C5161</f>
        <v>51.087000000000003</v>
      </c>
      <c r="C5153" t="str">
        <f>'CPT Data'!P5161</f>
        <v>CLAY</v>
      </c>
      <c r="D5153">
        <f>'CPT Data'!Q5161</f>
        <v>292.48030622536061</v>
      </c>
      <c r="E5153">
        <f t="shared" si="81"/>
        <v>279.37574102875465</v>
      </c>
      <c r="F5153">
        <f>IF(C5153="CLAY", INDEX(D$4:D5153, MATCH("CLAY", C$4:C5153, 0)), "")</f>
        <v>0.75203252561341039</v>
      </c>
    </row>
    <row r="5154" spans="1:6" x14ac:dyDescent="0.2">
      <c r="A5154" s="239">
        <f>'CPT Data'!B5162</f>
        <v>51.103000000000002</v>
      </c>
      <c r="B5154" s="3">
        <f>'CPT Data'!C5162</f>
        <v>51.096000000000004</v>
      </c>
      <c r="C5154" t="str">
        <f>'CPT Data'!P5162</f>
        <v>CLAY</v>
      </c>
      <c r="D5154">
        <f>'CPT Data'!Q5162</f>
        <v>327.65216850960945</v>
      </c>
      <c r="E5154">
        <f t="shared" si="81"/>
        <v>292.48030622536061</v>
      </c>
      <c r="F5154">
        <f>IF(C5154="CLAY", INDEX(D$4:D5154, MATCH("CLAY", C$4:C5154, 0)), "")</f>
        <v>0.75203252561341039</v>
      </c>
    </row>
    <row r="5155" spans="1:6" x14ac:dyDescent="0.2">
      <c r="A5155" s="239">
        <f>'CPT Data'!B5163</f>
        <v>51.113</v>
      </c>
      <c r="B5155" s="3">
        <f>'CPT Data'!C5163</f>
        <v>51.106000000000002</v>
      </c>
      <c r="C5155" t="str">
        <f>'CPT Data'!P5163</f>
        <v>CLAY</v>
      </c>
      <c r="D5155">
        <f>'CPT Data'!Q5163</f>
        <v>364.52395347877263</v>
      </c>
      <c r="E5155">
        <f t="shared" si="81"/>
        <v>327.65216850960945</v>
      </c>
      <c r="F5155">
        <f>IF(C5155="CLAY", INDEX(D$4:D5155, MATCH("CLAY", C$4:C5155, 0)), "")</f>
        <v>0.75203252561341039</v>
      </c>
    </row>
    <row r="5156" spans="1:6" x14ac:dyDescent="0.2">
      <c r="A5156" s="239">
        <f>'CPT Data'!B5164</f>
        <v>51.122</v>
      </c>
      <c r="B5156" s="3">
        <f>'CPT Data'!C5164</f>
        <v>51.115000000000002</v>
      </c>
      <c r="C5156" t="str">
        <f>'CPT Data'!P5164</f>
        <v>CLAY</v>
      </c>
      <c r="D5156">
        <f>'CPT Data'!Q5164</f>
        <v>382.00291046471148</v>
      </c>
      <c r="E5156">
        <f t="shared" si="81"/>
        <v>364.52395347877263</v>
      </c>
      <c r="F5156">
        <f>IF(C5156="CLAY", INDEX(D$4:D5156, MATCH("CLAY", C$4:C5156, 0)), "")</f>
        <v>0.75203252561341039</v>
      </c>
    </row>
    <row r="5157" spans="1:6" x14ac:dyDescent="0.2">
      <c r="A5157" s="239">
        <f>'CPT Data'!B5165</f>
        <v>51.133000000000003</v>
      </c>
      <c r="B5157" s="3">
        <f>'CPT Data'!C5165</f>
        <v>51.126000000000005</v>
      </c>
      <c r="C5157" t="str">
        <f>'CPT Data'!P5165</f>
        <v>CLAY</v>
      </c>
      <c r="D5157">
        <f>'CPT Data'!Q5165</f>
        <v>398.59945248879603</v>
      </c>
      <c r="E5157">
        <f t="shared" si="81"/>
        <v>382.00291046471148</v>
      </c>
      <c r="F5157">
        <f>IF(C5157="CLAY", INDEX(D$4:D5157, MATCH("CLAY", C$4:C5157, 0)), "")</f>
        <v>0.75203252561341039</v>
      </c>
    </row>
    <row r="5158" spans="1:6" x14ac:dyDescent="0.2">
      <c r="A5158" s="239">
        <f>'CPT Data'!B5166</f>
        <v>51.143000000000001</v>
      </c>
      <c r="B5158" s="3">
        <f>'CPT Data'!C5166</f>
        <v>51.136000000000003</v>
      </c>
      <c r="C5158" t="str">
        <f>'CPT Data'!P5166</f>
        <v>CLAY</v>
      </c>
      <c r="D5158">
        <f>'CPT Data'!Q5166</f>
        <v>409.18498059903095</v>
      </c>
      <c r="E5158">
        <f t="shared" si="81"/>
        <v>398.59945248879603</v>
      </c>
      <c r="F5158">
        <f>IF(C5158="CLAY", INDEX(D$4:D5158, MATCH("CLAY", C$4:C5158, 0)), "")</f>
        <v>0.75203252561341039</v>
      </c>
    </row>
    <row r="5159" spans="1:6" x14ac:dyDescent="0.2">
      <c r="A5159" s="239">
        <f>'CPT Data'!B5167</f>
        <v>51.152000000000001</v>
      </c>
      <c r="B5159" s="3">
        <f>'CPT Data'!C5167</f>
        <v>51.145000000000003</v>
      </c>
      <c r="C5159" t="str">
        <f>'CPT Data'!P5167</f>
        <v>CLAY</v>
      </c>
      <c r="D5159">
        <f>'CPT Data'!Q5167</f>
        <v>390.43510475349336</v>
      </c>
      <c r="E5159">
        <f t="shared" si="81"/>
        <v>409.18498059903095</v>
      </c>
      <c r="F5159">
        <f>IF(C5159="CLAY", INDEX(D$4:D5159, MATCH("CLAY", C$4:C5159, 0)), "")</f>
        <v>0.75203252561341039</v>
      </c>
    </row>
    <row r="5160" spans="1:6" x14ac:dyDescent="0.2">
      <c r="A5160" s="239">
        <f>'CPT Data'!B5168</f>
        <v>51.161999999999999</v>
      </c>
      <c r="B5160" s="3">
        <f>'CPT Data'!C5168</f>
        <v>51.155000000000001</v>
      </c>
      <c r="C5160" t="str">
        <f>'CPT Data'!P5168</f>
        <v>CLAY</v>
      </c>
      <c r="D5160">
        <f>'CPT Data'!Q5168</f>
        <v>364.48537295818113</v>
      </c>
      <c r="E5160">
        <f t="shared" si="81"/>
        <v>390.43510475349336</v>
      </c>
      <c r="F5160">
        <f>IF(C5160="CLAY", INDEX(D$4:D5160, MATCH("CLAY", C$4:C5160, 0)), "")</f>
        <v>0.75203252561341039</v>
      </c>
    </row>
    <row r="5161" spans="1:6" x14ac:dyDescent="0.2">
      <c r="A5161" s="239">
        <f>'CPT Data'!B5169</f>
        <v>51.171999999999997</v>
      </c>
      <c r="B5161" s="3">
        <f>'CPT Data'!C5169</f>
        <v>51.164999999999999</v>
      </c>
      <c r="C5161" t="str">
        <f>'CPT Data'!P5169</f>
        <v>CLAY</v>
      </c>
      <c r="D5161">
        <f>'CPT Data'!Q5169</f>
        <v>330.49723259329755</v>
      </c>
      <c r="E5161">
        <f t="shared" si="81"/>
        <v>364.48537295818113</v>
      </c>
      <c r="F5161">
        <f>IF(C5161="CLAY", INDEX(D$4:D5161, MATCH("CLAY", C$4:C5161, 0)), "")</f>
        <v>0.75203252561341039</v>
      </c>
    </row>
    <row r="5162" spans="1:6" x14ac:dyDescent="0.2">
      <c r="A5162" s="239">
        <f>'CPT Data'!B5170</f>
        <v>51.182000000000002</v>
      </c>
      <c r="B5162" s="3">
        <f>'CPT Data'!C5170</f>
        <v>51.175000000000004</v>
      </c>
      <c r="C5162" t="str">
        <f>'CPT Data'!P5170</f>
        <v>CLAY</v>
      </c>
      <c r="D5162">
        <f>'CPT Data'!Q5170</f>
        <v>293.95075636087392</v>
      </c>
      <c r="E5162">
        <f t="shared" si="81"/>
        <v>330.49723259329755</v>
      </c>
      <c r="F5162">
        <f>IF(C5162="CLAY", INDEX(D$4:D5162, MATCH("CLAY", C$4:C5162, 0)), "")</f>
        <v>0.75203252561341039</v>
      </c>
    </row>
    <row r="5163" spans="1:6" x14ac:dyDescent="0.2">
      <c r="A5163" s="239">
        <f>'CPT Data'!B5171</f>
        <v>51.192</v>
      </c>
      <c r="B5163" s="3">
        <f>'CPT Data'!C5171</f>
        <v>51.185000000000002</v>
      </c>
      <c r="C5163" t="str">
        <f>'CPT Data'!P5171</f>
        <v>CLAY</v>
      </c>
      <c r="D5163">
        <f>'CPT Data'!Q5171</f>
        <v>269.95483665174618</v>
      </c>
      <c r="E5163">
        <f t="shared" si="81"/>
        <v>293.95075636087392</v>
      </c>
      <c r="F5163">
        <f>IF(C5163="CLAY", INDEX(D$4:D5163, MATCH("CLAY", C$4:C5163, 0)), "")</f>
        <v>0.75203252561341039</v>
      </c>
    </row>
    <row r="5164" spans="1:6" x14ac:dyDescent="0.2">
      <c r="A5164" s="239">
        <f>'CPT Data'!B5172</f>
        <v>51.201000000000001</v>
      </c>
      <c r="B5164" s="3">
        <f>'CPT Data'!C5172</f>
        <v>51.194000000000003</v>
      </c>
      <c r="C5164" t="str">
        <f>'CPT Data'!P5172</f>
        <v>CLAY</v>
      </c>
      <c r="D5164">
        <f>'CPT Data'!Q5172</f>
        <v>246.1104217089063</v>
      </c>
      <c r="E5164">
        <f t="shared" si="81"/>
        <v>269.95483665174618</v>
      </c>
      <c r="F5164">
        <f>IF(C5164="CLAY", INDEX(D$4:D5164, MATCH("CLAY", C$4:C5164, 0)), "")</f>
        <v>0.75203252561341039</v>
      </c>
    </row>
    <row r="5165" spans="1:6" x14ac:dyDescent="0.2">
      <c r="A5165" s="239">
        <f>'CPT Data'!B5173</f>
        <v>51.210999999999999</v>
      </c>
      <c r="B5165" s="3">
        <f>'CPT Data'!C5173</f>
        <v>51.204000000000001</v>
      </c>
      <c r="C5165" t="str">
        <f>'CPT Data'!P5173</f>
        <v>CLAY</v>
      </c>
      <c r="D5165">
        <f>'CPT Data'!Q5173</f>
        <v>234.46719533717194</v>
      </c>
      <c r="E5165">
        <f t="shared" si="81"/>
        <v>246.1104217089063</v>
      </c>
      <c r="F5165">
        <f>IF(C5165="CLAY", INDEX(D$4:D5165, MATCH("CLAY", C$4:C5165, 0)), "")</f>
        <v>0.75203252561341039</v>
      </c>
    </row>
    <row r="5166" spans="1:6" x14ac:dyDescent="0.2">
      <c r="A5166" s="239">
        <f>'CPT Data'!B5174</f>
        <v>51.220999999999997</v>
      </c>
      <c r="B5166" s="3">
        <f>'CPT Data'!C5174</f>
        <v>51.213999999999999</v>
      </c>
      <c r="C5166" t="str">
        <f>'CPT Data'!P5174</f>
        <v>CLAY</v>
      </c>
      <c r="D5166">
        <f>'CPT Data'!Q5174</f>
        <v>217.23505563277976</v>
      </c>
      <c r="E5166">
        <f t="shared" si="81"/>
        <v>234.46719533717194</v>
      </c>
      <c r="F5166">
        <f>IF(C5166="CLAY", INDEX(D$4:D5166, MATCH("CLAY", C$4:C5166, 0)), "")</f>
        <v>0.75203252561341039</v>
      </c>
    </row>
    <row r="5167" spans="1:6" x14ac:dyDescent="0.2">
      <c r="A5167" s="239">
        <f>'CPT Data'!B5175</f>
        <v>51.231000000000002</v>
      </c>
      <c r="B5167" s="3">
        <f>'CPT Data'!C5175</f>
        <v>51.224000000000004</v>
      </c>
      <c r="C5167" t="str">
        <f>'CPT Data'!P5175</f>
        <v>CLAY</v>
      </c>
      <c r="D5167">
        <f>'CPT Data'!Q5175</f>
        <v>217.37453190300354</v>
      </c>
      <c r="E5167">
        <f t="shared" si="81"/>
        <v>217.23505563277976</v>
      </c>
      <c r="F5167">
        <f>IF(C5167="CLAY", INDEX(D$4:D5167, MATCH("CLAY", C$4:C5167, 0)), "")</f>
        <v>0.75203252561341039</v>
      </c>
    </row>
    <row r="5168" spans="1:6" x14ac:dyDescent="0.2">
      <c r="A5168" s="239">
        <f>'CPT Data'!B5176</f>
        <v>51.241</v>
      </c>
      <c r="B5168" s="3">
        <f>'CPT Data'!C5176</f>
        <v>51.234000000000002</v>
      </c>
      <c r="C5168" t="str">
        <f>'CPT Data'!P5176</f>
        <v>CLAY</v>
      </c>
      <c r="D5168">
        <f>'CPT Data'!Q5176</f>
        <v>228.10431924615861</v>
      </c>
      <c r="E5168">
        <f t="shared" si="81"/>
        <v>217.37453190300354</v>
      </c>
      <c r="F5168">
        <f>IF(C5168="CLAY", INDEX(D$4:D5168, MATCH("CLAY", C$4:C5168, 0)), "")</f>
        <v>0.75203252561341039</v>
      </c>
    </row>
    <row r="5169" spans="1:6" x14ac:dyDescent="0.2">
      <c r="A5169" s="239">
        <f>'CPT Data'!B5177</f>
        <v>51.250999999999998</v>
      </c>
      <c r="B5169" s="3">
        <f>'CPT Data'!C5177</f>
        <v>51.244</v>
      </c>
      <c r="C5169" t="str">
        <f>'CPT Data'!P5177</f>
        <v>CLAY</v>
      </c>
      <c r="D5169">
        <f>'CPT Data'!Q5177</f>
        <v>243.90992646960251</v>
      </c>
      <c r="E5169">
        <f t="shared" si="81"/>
        <v>228.10431924615861</v>
      </c>
      <c r="F5169">
        <f>IF(C5169="CLAY", INDEX(D$4:D5169, MATCH("CLAY", C$4:C5169, 0)), "")</f>
        <v>0.75203252561341039</v>
      </c>
    </row>
    <row r="5170" spans="1:6" x14ac:dyDescent="0.2">
      <c r="A5170" s="239">
        <f>'CPT Data'!B5178</f>
        <v>51.261000000000003</v>
      </c>
      <c r="B5170" s="3">
        <f>'CPT Data'!C5178</f>
        <v>51.254000000000005</v>
      </c>
      <c r="C5170" t="str">
        <f>'CPT Data'!P5178</f>
        <v>CLAY</v>
      </c>
      <c r="D5170">
        <f>'CPT Data'!Q5178</f>
        <v>250.02189716750854</v>
      </c>
      <c r="E5170">
        <f t="shared" si="81"/>
        <v>243.90992646960251</v>
      </c>
      <c r="F5170">
        <f>IF(C5170="CLAY", INDEX(D$4:D5170, MATCH("CLAY", C$4:C5170, 0)), "")</f>
        <v>0.75203252561341039</v>
      </c>
    </row>
    <row r="5171" spans="1:6" x14ac:dyDescent="0.2">
      <c r="A5171" s="239">
        <f>'CPT Data'!B5179</f>
        <v>51.27</v>
      </c>
      <c r="B5171" s="3">
        <f>'CPT Data'!C5179</f>
        <v>51.263000000000005</v>
      </c>
      <c r="C5171" t="str">
        <f>'CPT Data'!P5179</f>
        <v>CLAY</v>
      </c>
      <c r="D5171">
        <f>'CPT Data'!Q5179</f>
        <v>266.81227486441907</v>
      </c>
      <c r="E5171">
        <f t="shared" si="81"/>
        <v>250.02189716750854</v>
      </c>
      <c r="F5171">
        <f>IF(C5171="CLAY", INDEX(D$4:D5171, MATCH("CLAY", C$4:C5171, 0)), "")</f>
        <v>0.75203252561341039</v>
      </c>
    </row>
    <row r="5172" spans="1:6" x14ac:dyDescent="0.2">
      <c r="A5172" s="239">
        <f>'CPT Data'!B5180</f>
        <v>51.280999999999999</v>
      </c>
      <c r="B5172" s="3">
        <f>'CPT Data'!C5180</f>
        <v>51.274000000000001</v>
      </c>
      <c r="C5172" t="str">
        <f>'CPT Data'!P5180</f>
        <v>CLAY</v>
      </c>
      <c r="D5172">
        <f>'CPT Data'!Q5180</f>
        <v>285.0869456026021</v>
      </c>
      <c r="E5172">
        <f t="shared" si="81"/>
        <v>266.81227486441907</v>
      </c>
      <c r="F5172">
        <f>IF(C5172="CLAY", INDEX(D$4:D5172, MATCH("CLAY", C$4:C5172, 0)), "")</f>
        <v>0.75203252561341039</v>
      </c>
    </row>
    <row r="5173" spans="1:6" x14ac:dyDescent="0.2">
      <c r="A5173" s="239">
        <f>'CPT Data'!B5181</f>
        <v>51.29</v>
      </c>
      <c r="B5173" s="3">
        <f>'CPT Data'!C5181</f>
        <v>51.283000000000001</v>
      </c>
      <c r="C5173" t="str">
        <f>'CPT Data'!P5181</f>
        <v>CLAY</v>
      </c>
      <c r="D5173">
        <f>'CPT Data'!Q5181</f>
        <v>300.23792437274682</v>
      </c>
      <c r="E5173">
        <f t="shared" si="81"/>
        <v>285.0869456026021</v>
      </c>
      <c r="F5173">
        <f>IF(C5173="CLAY", INDEX(D$4:D5173, MATCH("CLAY", C$4:C5173, 0)), "")</f>
        <v>0.75203252561341039</v>
      </c>
    </row>
    <row r="5174" spans="1:6" x14ac:dyDescent="0.2">
      <c r="A5174" s="239">
        <f>'CPT Data'!B5182</f>
        <v>51.3</v>
      </c>
      <c r="B5174" s="3">
        <f>'CPT Data'!C5182</f>
        <v>51.292999999999999</v>
      </c>
      <c r="C5174" t="str">
        <f>'CPT Data'!P5182</f>
        <v>CLAY</v>
      </c>
      <c r="D5174">
        <f>'CPT Data'!Q5182</f>
        <v>306.46058739086976</v>
      </c>
      <c r="E5174">
        <f t="shared" si="81"/>
        <v>300.23792437274682</v>
      </c>
      <c r="F5174">
        <f>IF(C5174="CLAY", INDEX(D$4:D5174, MATCH("CLAY", C$4:C5174, 0)), "")</f>
        <v>0.75203252561341039</v>
      </c>
    </row>
    <row r="5175" spans="1:6" x14ac:dyDescent="0.2">
      <c r="A5175" s="239">
        <f>'CPT Data'!B5183</f>
        <v>51.31</v>
      </c>
      <c r="B5175" s="3">
        <f>'CPT Data'!C5183</f>
        <v>51.303000000000004</v>
      </c>
      <c r="C5175" t="str">
        <f>'CPT Data'!P5183</f>
        <v>CLAY</v>
      </c>
      <c r="D5175">
        <f>'CPT Data'!Q5183</f>
        <v>306.80695977108081</v>
      </c>
      <c r="E5175">
        <f t="shared" si="81"/>
        <v>306.46058739086976</v>
      </c>
      <c r="F5175">
        <f>IF(C5175="CLAY", INDEX(D$4:D5175, MATCH("CLAY", C$4:C5175, 0)), "")</f>
        <v>0.75203252561341039</v>
      </c>
    </row>
    <row r="5176" spans="1:6" x14ac:dyDescent="0.2">
      <c r="A5176" s="239">
        <f>'CPT Data'!B5184</f>
        <v>51.320999999999998</v>
      </c>
      <c r="B5176" s="3">
        <f>'CPT Data'!C5184</f>
        <v>51.314</v>
      </c>
      <c r="C5176" t="str">
        <f>'CPT Data'!P5184</f>
        <v>CLAY</v>
      </c>
      <c r="D5176">
        <f>'CPT Data'!Q5184</f>
        <v>308.57667774693113</v>
      </c>
      <c r="E5176">
        <f t="shared" si="81"/>
        <v>306.80695977108081</v>
      </c>
      <c r="F5176">
        <f>IF(C5176="CLAY", INDEX(D$4:D5176, MATCH("CLAY", C$4:C5176, 0)), "")</f>
        <v>0.75203252561341039</v>
      </c>
    </row>
    <row r="5177" spans="1:6" x14ac:dyDescent="0.2">
      <c r="A5177" s="239">
        <f>'CPT Data'!B5185</f>
        <v>51.33</v>
      </c>
      <c r="B5177" s="3">
        <f>'CPT Data'!C5185</f>
        <v>51.323</v>
      </c>
      <c r="C5177" t="str">
        <f>'CPT Data'!P5185</f>
        <v>CLAY</v>
      </c>
      <c r="D5177">
        <f>'CPT Data'!Q5185</f>
        <v>292.53576415637872</v>
      </c>
      <c r="E5177">
        <f t="shared" si="81"/>
        <v>308.57667774693113</v>
      </c>
      <c r="F5177">
        <f>IF(C5177="CLAY", INDEX(D$4:D5177, MATCH("CLAY", C$4:C5177, 0)), "")</f>
        <v>0.75203252561341039</v>
      </c>
    </row>
    <row r="5178" spans="1:6" x14ac:dyDescent="0.2">
      <c r="A5178" s="239">
        <f>'CPT Data'!B5186</f>
        <v>51.34</v>
      </c>
      <c r="B5178" s="3">
        <f>'CPT Data'!C5186</f>
        <v>51.333000000000006</v>
      </c>
      <c r="C5178" t="str">
        <f>'CPT Data'!P5186</f>
        <v>CLAY</v>
      </c>
      <c r="D5178">
        <f>'CPT Data'!Q5186</f>
        <v>277.89240416270508</v>
      </c>
      <c r="E5178">
        <f t="shared" si="81"/>
        <v>292.53576415637872</v>
      </c>
      <c r="F5178">
        <f>IF(C5178="CLAY", INDEX(D$4:D5178, MATCH("CLAY", C$4:C5178, 0)), "")</f>
        <v>0.75203252561341039</v>
      </c>
    </row>
    <row r="5179" spans="1:6" x14ac:dyDescent="0.2">
      <c r="A5179" s="239">
        <f>'CPT Data'!B5187</f>
        <v>51.348999999999997</v>
      </c>
      <c r="B5179" s="3">
        <f>'CPT Data'!C5187</f>
        <v>51.341999999999999</v>
      </c>
      <c r="C5179" t="str">
        <f>'CPT Data'!P5187</f>
        <v>CLAY</v>
      </c>
      <c r="D5179">
        <f>'CPT Data'!Q5187</f>
        <v>264.56152729655656</v>
      </c>
      <c r="E5179">
        <f t="shared" si="81"/>
        <v>277.89240416270508</v>
      </c>
      <c r="F5179">
        <f>IF(C5179="CLAY", INDEX(D$4:D5179, MATCH("CLAY", C$4:C5179, 0)), "")</f>
        <v>0.75203252561341039</v>
      </c>
    </row>
    <row r="5180" spans="1:6" x14ac:dyDescent="0.2">
      <c r="A5180" s="239">
        <f>'CPT Data'!B5188</f>
        <v>51.359000000000002</v>
      </c>
      <c r="B5180" s="3">
        <f>'CPT Data'!C5188</f>
        <v>51.352000000000004</v>
      </c>
      <c r="C5180" t="str">
        <f>'CPT Data'!P5188</f>
        <v>CLAY</v>
      </c>
      <c r="D5180">
        <f>'CPT Data'!Q5188</f>
        <v>256.011730441797</v>
      </c>
      <c r="E5180">
        <f t="shared" si="81"/>
        <v>264.56152729655656</v>
      </c>
      <c r="F5180">
        <f>IF(C5180="CLAY", INDEX(D$4:D5180, MATCH("CLAY", C$4:C5180, 0)), "")</f>
        <v>0.75203252561341039</v>
      </c>
    </row>
    <row r="5181" spans="1:6" x14ac:dyDescent="0.2">
      <c r="A5181" s="239">
        <f>'CPT Data'!B5189</f>
        <v>51.369</v>
      </c>
      <c r="B5181" s="3">
        <f>'CPT Data'!C5189</f>
        <v>51.362000000000002</v>
      </c>
      <c r="C5181" t="str">
        <f>'CPT Data'!P5189</f>
        <v>CLAY</v>
      </c>
      <c r="D5181">
        <f>'CPT Data'!Q5189</f>
        <v>239.31379612778187</v>
      </c>
      <c r="E5181">
        <f t="shared" si="81"/>
        <v>256.011730441797</v>
      </c>
      <c r="F5181">
        <f>IF(C5181="CLAY", INDEX(D$4:D5181, MATCH("CLAY", C$4:C5181, 0)), "")</f>
        <v>0.75203252561341039</v>
      </c>
    </row>
    <row r="5182" spans="1:6" x14ac:dyDescent="0.2">
      <c r="A5182" s="239">
        <f>'CPT Data'!B5190</f>
        <v>51.378999999999998</v>
      </c>
      <c r="B5182" s="3">
        <f>'CPT Data'!C5190</f>
        <v>51.372</v>
      </c>
      <c r="C5182" t="str">
        <f>'CPT Data'!P5190</f>
        <v>CLAY</v>
      </c>
      <c r="D5182">
        <f>'CPT Data'!Q5190</f>
        <v>233.50641652802616</v>
      </c>
      <c r="E5182">
        <f t="shared" si="81"/>
        <v>239.31379612778187</v>
      </c>
      <c r="F5182">
        <f>IF(C5182="CLAY", INDEX(D$4:D5182, MATCH("CLAY", C$4:C5182, 0)), "")</f>
        <v>0.75203252561341039</v>
      </c>
    </row>
    <row r="5183" spans="1:6" x14ac:dyDescent="0.2">
      <c r="A5183" s="239">
        <f>'CPT Data'!B5191</f>
        <v>51.389000000000003</v>
      </c>
      <c r="B5183" s="3">
        <f>'CPT Data'!C5191</f>
        <v>51.382000000000005</v>
      </c>
      <c r="C5183" t="str">
        <f>'CPT Data'!P5191</f>
        <v>CLAY</v>
      </c>
      <c r="D5183">
        <f>'CPT Data'!Q5191</f>
        <v>227.74655516938526</v>
      </c>
      <c r="E5183">
        <f t="shared" si="81"/>
        <v>233.50641652802616</v>
      </c>
      <c r="F5183">
        <f>IF(C5183="CLAY", INDEX(D$4:D5183, MATCH("CLAY", C$4:C5183, 0)), "")</f>
        <v>0.75203252561341039</v>
      </c>
    </row>
    <row r="5184" spans="1:6" x14ac:dyDescent="0.2">
      <c r="A5184" s="239">
        <f>'CPT Data'!B5192</f>
        <v>51.398000000000003</v>
      </c>
      <c r="B5184" s="3">
        <f>'CPT Data'!C5192</f>
        <v>51.391000000000005</v>
      </c>
      <c r="C5184" t="str">
        <f>'CPT Data'!P5192</f>
        <v>CLAY</v>
      </c>
      <c r="D5184">
        <f>'CPT Data'!Q5192</f>
        <v>221.48029688259007</v>
      </c>
      <c r="E5184">
        <f t="shared" si="81"/>
        <v>227.74655516938526</v>
      </c>
      <c r="F5184">
        <f>IF(C5184="CLAY", INDEX(D$4:D5184, MATCH("CLAY", C$4:C5184, 0)), "")</f>
        <v>0.75203252561341039</v>
      </c>
    </row>
    <row r="5185" spans="1:6" x14ac:dyDescent="0.2">
      <c r="A5185" s="239">
        <f>'CPT Data'!B5193</f>
        <v>51.408000000000001</v>
      </c>
      <c r="B5185" s="3">
        <f>'CPT Data'!C5193</f>
        <v>51.401000000000003</v>
      </c>
      <c r="C5185" t="str">
        <f>'CPT Data'!P5193</f>
        <v>CLAY</v>
      </c>
      <c r="D5185">
        <f>'CPT Data'!Q5193</f>
        <v>223.73797446347388</v>
      </c>
      <c r="E5185">
        <f t="shared" si="81"/>
        <v>221.48029688259007</v>
      </c>
      <c r="F5185">
        <f>IF(C5185="CLAY", INDEX(D$4:D5185, MATCH("CLAY", C$4:C5185, 0)), "")</f>
        <v>0.75203252561341039</v>
      </c>
    </row>
    <row r="5186" spans="1:6" x14ac:dyDescent="0.2">
      <c r="A5186" s="239">
        <f>'CPT Data'!B5194</f>
        <v>51.417999999999999</v>
      </c>
      <c r="B5186" s="3">
        <f>'CPT Data'!C5194</f>
        <v>51.411000000000001</v>
      </c>
      <c r="C5186" t="str">
        <f>'CPT Data'!P5194</f>
        <v>CLAY</v>
      </c>
      <c r="D5186">
        <f>'CPT Data'!Q5194</f>
        <v>210.81276816068785</v>
      </c>
      <c r="E5186">
        <f t="shared" si="81"/>
        <v>223.73797446347388</v>
      </c>
      <c r="F5186">
        <f>IF(C5186="CLAY", INDEX(D$4:D5186, MATCH("CLAY", C$4:C5186, 0)), "")</f>
        <v>0.75203252561341039</v>
      </c>
    </row>
    <row r="5187" spans="1:6" x14ac:dyDescent="0.2">
      <c r="A5187" s="239">
        <f>'CPT Data'!B5195</f>
        <v>51.427999999999997</v>
      </c>
      <c r="B5187" s="3">
        <f>'CPT Data'!C5195</f>
        <v>51.420999999999999</v>
      </c>
      <c r="C5187" t="str">
        <f>'CPT Data'!P5195</f>
        <v>CLAY</v>
      </c>
      <c r="D5187">
        <f>'CPT Data'!Q5195</f>
        <v>205.5718167814131</v>
      </c>
      <c r="E5187">
        <f t="shared" si="81"/>
        <v>210.81276816068785</v>
      </c>
      <c r="F5187">
        <f>IF(C5187="CLAY", INDEX(D$4:D5187, MATCH("CLAY", C$4:C5187, 0)), "")</f>
        <v>0.75203252561341039</v>
      </c>
    </row>
    <row r="5188" spans="1:6" x14ac:dyDescent="0.2">
      <c r="A5188" s="239">
        <f>'CPT Data'!B5196</f>
        <v>51.438000000000002</v>
      </c>
      <c r="B5188" s="3">
        <f>'CPT Data'!C5196</f>
        <v>51.431000000000004</v>
      </c>
      <c r="C5188" t="str">
        <f>'CPT Data'!P5196</f>
        <v>CLAY</v>
      </c>
      <c r="D5188">
        <f>'CPT Data'!Q5196</f>
        <v>219.03224472380325</v>
      </c>
      <c r="E5188">
        <f t="shared" si="81"/>
        <v>205.5718167814131</v>
      </c>
      <c r="F5188">
        <f>IF(C5188="CLAY", INDEX(D$4:D5188, MATCH("CLAY", C$4:C5188, 0)), "")</f>
        <v>0.75203252561341039</v>
      </c>
    </row>
    <row r="5189" spans="1:6" x14ac:dyDescent="0.2">
      <c r="A5189" s="239">
        <f>'CPT Data'!B5197</f>
        <v>51.448</v>
      </c>
      <c r="B5189" s="3">
        <f>'CPT Data'!C5197</f>
        <v>51.441000000000003</v>
      </c>
      <c r="C5189" t="str">
        <f>'CPT Data'!P5197</f>
        <v>CLAY</v>
      </c>
      <c r="D5189">
        <f>'CPT Data'!Q5197</f>
        <v>239.35862277476625</v>
      </c>
      <c r="E5189">
        <f t="shared" si="81"/>
        <v>219.03224472380325</v>
      </c>
      <c r="F5189">
        <f>IF(C5189="CLAY", INDEX(D$4:D5189, MATCH("CLAY", C$4:C5189, 0)), "")</f>
        <v>0.75203252561341039</v>
      </c>
    </row>
    <row r="5190" spans="1:6" x14ac:dyDescent="0.2">
      <c r="A5190" s="239">
        <f>'CPT Data'!B5198</f>
        <v>51.457999999999998</v>
      </c>
      <c r="B5190" s="3">
        <f>'CPT Data'!C5198</f>
        <v>51.451000000000001</v>
      </c>
      <c r="C5190" t="str">
        <f>'CPT Data'!P5198</f>
        <v>CLAY</v>
      </c>
      <c r="D5190">
        <f>'CPT Data'!Q5198</f>
        <v>263.97353203411723</v>
      </c>
      <c r="E5190">
        <f t="shared" si="81"/>
        <v>239.35862277476625</v>
      </c>
      <c r="F5190">
        <f>IF(C5190="CLAY", INDEX(D$4:D5190, MATCH("CLAY", C$4:C5190, 0)), "")</f>
        <v>0.75203252561341039</v>
      </c>
    </row>
    <row r="5191" spans="1:6" x14ac:dyDescent="0.2">
      <c r="A5191" s="239">
        <f>'CPT Data'!B5199</f>
        <v>51.466999999999999</v>
      </c>
      <c r="B5191" s="3">
        <f>'CPT Data'!C5199</f>
        <v>51.46</v>
      </c>
      <c r="C5191" t="str">
        <f>'CPT Data'!P5199</f>
        <v>CLAY</v>
      </c>
      <c r="D5191">
        <f>'CPT Data'!Q5199</f>
        <v>283.99028552723109</v>
      </c>
      <c r="E5191">
        <f t="shared" si="81"/>
        <v>263.97353203411723</v>
      </c>
      <c r="F5191">
        <f>IF(C5191="CLAY", INDEX(D$4:D5191, MATCH("CLAY", C$4:C5191, 0)), "")</f>
        <v>0.75203252561341039</v>
      </c>
    </row>
    <row r="5192" spans="1:6" x14ac:dyDescent="0.2">
      <c r="A5192" s="239">
        <f>'CPT Data'!B5200</f>
        <v>51.476999999999997</v>
      </c>
      <c r="B5192" s="3">
        <f>'CPT Data'!C5200</f>
        <v>51.47</v>
      </c>
      <c r="C5192" t="str">
        <f>'CPT Data'!P5200</f>
        <v>CLAY</v>
      </c>
      <c r="D5192">
        <f>'CPT Data'!Q5200</f>
        <v>299.73363601984329</v>
      </c>
      <c r="E5192">
        <f t="shared" si="81"/>
        <v>283.99028552723109</v>
      </c>
      <c r="F5192">
        <f>IF(C5192="CLAY", INDEX(D$4:D5192, MATCH("CLAY", C$4:C5192, 0)), "")</f>
        <v>0.75203252561341039</v>
      </c>
    </row>
    <row r="5193" spans="1:6" x14ac:dyDescent="0.2">
      <c r="A5193" s="239">
        <f>'CPT Data'!B5201</f>
        <v>51.487000000000002</v>
      </c>
      <c r="B5193" s="3">
        <f>'CPT Data'!C5201</f>
        <v>51.480000000000004</v>
      </c>
      <c r="C5193" t="str">
        <f>'CPT Data'!P5201</f>
        <v>CLAY</v>
      </c>
      <c r="D5193">
        <f>'CPT Data'!Q5201</f>
        <v>305.76541967920383</v>
      </c>
      <c r="E5193">
        <f t="shared" si="81"/>
        <v>299.73363601984329</v>
      </c>
      <c r="F5193">
        <f>IF(C5193="CLAY", INDEX(D$4:D5193, MATCH("CLAY", C$4:C5193, 0)), "")</f>
        <v>0.75203252561341039</v>
      </c>
    </row>
    <row r="5194" spans="1:6" x14ac:dyDescent="0.2">
      <c r="A5194" s="239">
        <f>'CPT Data'!B5202</f>
        <v>51.497</v>
      </c>
      <c r="B5194" s="3">
        <f>'CPT Data'!C5202</f>
        <v>51.49</v>
      </c>
      <c r="C5194" t="str">
        <f>'CPT Data'!P5202</f>
        <v>CLAY</v>
      </c>
      <c r="D5194">
        <f>'CPT Data'!Q5202</f>
        <v>292.386664398672</v>
      </c>
      <c r="E5194">
        <f t="shared" si="81"/>
        <v>305.76541967920383</v>
      </c>
      <c r="F5194">
        <f>IF(C5194="CLAY", INDEX(D$4:D5194, MATCH("CLAY", C$4:C5194, 0)), "")</f>
        <v>0.75203252561341039</v>
      </c>
    </row>
    <row r="5195" spans="1:6" x14ac:dyDescent="0.2">
      <c r="A5195" s="239">
        <f>'CPT Data'!B5203</f>
        <v>51.508000000000003</v>
      </c>
      <c r="B5195" s="3">
        <f>'CPT Data'!C5203</f>
        <v>51.501000000000005</v>
      </c>
      <c r="C5195" t="str">
        <f>'CPT Data'!P5203</f>
        <v>CLAY</v>
      </c>
      <c r="D5195">
        <f>'CPT Data'!Q5203</f>
        <v>277.85728559563216</v>
      </c>
      <c r="E5195">
        <f t="shared" si="81"/>
        <v>292.386664398672</v>
      </c>
      <c r="F5195">
        <f>IF(C5195="CLAY", INDEX(D$4:D5195, MATCH("CLAY", C$4:C5195, 0)), "")</f>
        <v>0.75203252561341039</v>
      </c>
    </row>
    <row r="5196" spans="1:6" x14ac:dyDescent="0.2">
      <c r="A5196" s="239">
        <f>'CPT Data'!B5204</f>
        <v>51.517000000000003</v>
      </c>
      <c r="B5196" s="3">
        <f>'CPT Data'!C5204</f>
        <v>51.510000000000005</v>
      </c>
      <c r="C5196" t="str">
        <f>'CPT Data'!P5204</f>
        <v>CLAY</v>
      </c>
      <c r="D5196">
        <f>'CPT Data'!Q5204</f>
        <v>262.3552632393027</v>
      </c>
      <c r="E5196">
        <f t="shared" si="81"/>
        <v>277.85728559563216</v>
      </c>
      <c r="F5196">
        <f>IF(C5196="CLAY", INDEX(D$4:D5196, MATCH("CLAY", C$4:C5196, 0)), "")</f>
        <v>0.75203252561341039</v>
      </c>
    </row>
    <row r="5197" spans="1:6" x14ac:dyDescent="0.2">
      <c r="A5197" s="239">
        <f>'CPT Data'!B5205</f>
        <v>51.527000000000001</v>
      </c>
      <c r="B5197" s="3">
        <f>'CPT Data'!C5205</f>
        <v>51.52</v>
      </c>
      <c r="C5197" t="str">
        <f>'CPT Data'!P5205</f>
        <v>CLAY</v>
      </c>
      <c r="D5197">
        <f>'CPT Data'!Q5205</f>
        <v>262.76895165761573</v>
      </c>
      <c r="E5197">
        <f t="shared" si="81"/>
        <v>262.3552632393027</v>
      </c>
      <c r="F5197">
        <f>IF(C5197="CLAY", INDEX(D$4:D5197, MATCH("CLAY", C$4:C5197, 0)), "")</f>
        <v>0.75203252561341039</v>
      </c>
    </row>
    <row r="5198" spans="1:6" x14ac:dyDescent="0.2">
      <c r="A5198" s="239">
        <f>'CPT Data'!B5206</f>
        <v>51.536000000000001</v>
      </c>
      <c r="B5198" s="3">
        <f>'CPT Data'!C5206</f>
        <v>51.529000000000003</v>
      </c>
      <c r="C5198" t="str">
        <f>'CPT Data'!P5206</f>
        <v>CLAY</v>
      </c>
      <c r="D5198">
        <f>'CPT Data'!Q5206</f>
        <v>272.33884034149003</v>
      </c>
      <c r="E5198">
        <f t="shared" si="81"/>
        <v>262.76895165761573</v>
      </c>
      <c r="F5198">
        <f>IF(C5198="CLAY", INDEX(D$4:D5198, MATCH("CLAY", C$4:C5198, 0)), "")</f>
        <v>0.75203252561341039</v>
      </c>
    </row>
    <row r="5199" spans="1:6" x14ac:dyDescent="0.2">
      <c r="A5199" s="239">
        <f>'CPT Data'!B5207</f>
        <v>51.545999999999999</v>
      </c>
      <c r="B5199" s="3">
        <f>'CPT Data'!C5207</f>
        <v>51.539000000000001</v>
      </c>
      <c r="C5199" t="str">
        <f>'CPT Data'!P5207</f>
        <v>CLAY</v>
      </c>
      <c r="D5199">
        <f>'CPT Data'!Q5207</f>
        <v>290.71788917355269</v>
      </c>
      <c r="E5199">
        <f t="shared" si="81"/>
        <v>272.33884034149003</v>
      </c>
      <c r="F5199">
        <f>IF(C5199="CLAY", INDEX(D$4:D5199, MATCH("CLAY", C$4:C5199, 0)), "")</f>
        <v>0.75203252561341039</v>
      </c>
    </row>
    <row r="5200" spans="1:6" x14ac:dyDescent="0.2">
      <c r="A5200" s="239">
        <f>'CPT Data'!B5208</f>
        <v>51.555999999999997</v>
      </c>
      <c r="B5200" s="3">
        <f>'CPT Data'!C5208</f>
        <v>51.548999999999999</v>
      </c>
      <c r="C5200" t="str">
        <f>'CPT Data'!P5208</f>
        <v>CLAY</v>
      </c>
      <c r="D5200">
        <f>'CPT Data'!Q5208</f>
        <v>332.09329611331844</v>
      </c>
      <c r="E5200">
        <f t="shared" si="81"/>
        <v>290.71788917355269</v>
      </c>
      <c r="F5200">
        <f>IF(C5200="CLAY", INDEX(D$4:D5200, MATCH("CLAY", C$4:C5200, 0)), "")</f>
        <v>0.75203252561341039</v>
      </c>
    </row>
    <row r="5201" spans="1:6" x14ac:dyDescent="0.2">
      <c r="A5201" s="239">
        <f>'CPT Data'!B5209</f>
        <v>51.566000000000003</v>
      </c>
      <c r="B5201" s="3">
        <f>'CPT Data'!C5209</f>
        <v>51.559000000000005</v>
      </c>
      <c r="C5201" t="str">
        <f>'CPT Data'!P5209</f>
        <v>CLAY</v>
      </c>
      <c r="D5201">
        <f>'CPT Data'!Q5209</f>
        <v>374.88330455367981</v>
      </c>
      <c r="E5201">
        <f t="shared" si="81"/>
        <v>332.09329611331844</v>
      </c>
      <c r="F5201">
        <f>IF(C5201="CLAY", INDEX(D$4:D5201, MATCH("CLAY", C$4:C5201, 0)), "")</f>
        <v>0.75203252561341039</v>
      </c>
    </row>
    <row r="5202" spans="1:6" x14ac:dyDescent="0.2">
      <c r="A5202" s="239">
        <f>'CPT Data'!B5210</f>
        <v>51.575000000000003</v>
      </c>
      <c r="B5202" s="3">
        <f>'CPT Data'!C5210</f>
        <v>51.568000000000005</v>
      </c>
      <c r="C5202" t="str">
        <f>'CPT Data'!P5210</f>
        <v>CLAY</v>
      </c>
      <c r="D5202">
        <f>'CPT Data'!Q5210</f>
        <v>406.36035853354491</v>
      </c>
      <c r="E5202">
        <f t="shared" si="81"/>
        <v>374.88330455367981</v>
      </c>
      <c r="F5202">
        <f>IF(C5202="CLAY", INDEX(D$4:D5202, MATCH("CLAY", C$4:C5202, 0)), "")</f>
        <v>0.75203252561341039</v>
      </c>
    </row>
    <row r="5203" spans="1:6" x14ac:dyDescent="0.2">
      <c r="A5203" s="239">
        <f>'CPT Data'!B5211</f>
        <v>51.585000000000001</v>
      </c>
      <c r="B5203" s="3">
        <f>'CPT Data'!C5211</f>
        <v>51.578000000000003</v>
      </c>
      <c r="C5203" t="str">
        <f>'CPT Data'!P5211</f>
        <v>CLAY</v>
      </c>
      <c r="D5203">
        <f>'CPT Data'!Q5211</f>
        <v>417.96209154346224</v>
      </c>
      <c r="E5203">
        <f t="shared" si="81"/>
        <v>406.36035853354491</v>
      </c>
      <c r="F5203">
        <f>IF(C5203="CLAY", INDEX(D$4:D5203, MATCH("CLAY", C$4:C5203, 0)), "")</f>
        <v>0.75203252561341039</v>
      </c>
    </row>
    <row r="5204" spans="1:6" x14ac:dyDescent="0.2">
      <c r="A5204" s="239">
        <f>'CPT Data'!B5212</f>
        <v>51.594999999999999</v>
      </c>
      <c r="B5204" s="3">
        <f>'CPT Data'!C5212</f>
        <v>51.588000000000001</v>
      </c>
      <c r="C5204" t="str">
        <f>'CPT Data'!P5212</f>
        <v>CLAY</v>
      </c>
      <c r="D5204">
        <f>'CPT Data'!Q5212</f>
        <v>406.81369812419126</v>
      </c>
      <c r="E5204">
        <f t="shared" si="81"/>
        <v>417.96209154346224</v>
      </c>
      <c r="F5204">
        <f>IF(C5204="CLAY", INDEX(D$4:D5204, MATCH("CLAY", C$4:C5204, 0)), "")</f>
        <v>0.75203252561341039</v>
      </c>
    </row>
    <row r="5205" spans="1:6" x14ac:dyDescent="0.2">
      <c r="A5205" s="239">
        <f>'CPT Data'!B5213</f>
        <v>51.604999999999997</v>
      </c>
      <c r="B5205" s="3">
        <f>'CPT Data'!C5213</f>
        <v>51.597999999999999</v>
      </c>
      <c r="C5205" t="str">
        <f>'CPT Data'!P5213</f>
        <v>CLAY</v>
      </c>
      <c r="D5205">
        <f>'CPT Data'!Q5213</f>
        <v>394.31964806972047</v>
      </c>
      <c r="E5205">
        <f t="shared" si="81"/>
        <v>406.81369812419126</v>
      </c>
      <c r="F5205">
        <f>IF(C5205="CLAY", INDEX(D$4:D5205, MATCH("CLAY", C$4:C5205, 0)), "")</f>
        <v>0.75203252561341039</v>
      </c>
    </row>
    <row r="5206" spans="1:6" x14ac:dyDescent="0.2">
      <c r="A5206" s="239">
        <f>'CPT Data'!B5214</f>
        <v>51.613999999999997</v>
      </c>
      <c r="B5206" s="3">
        <f>'CPT Data'!C5214</f>
        <v>51.606999999999999</v>
      </c>
      <c r="C5206" t="str">
        <f>'CPT Data'!P5214</f>
        <v>CLAY</v>
      </c>
      <c r="D5206">
        <f>'CPT Data'!Q5214</f>
        <v>372.51272438100938</v>
      </c>
      <c r="E5206">
        <f t="shared" si="81"/>
        <v>394.31964806972047</v>
      </c>
      <c r="F5206">
        <f>IF(C5206="CLAY", INDEX(D$4:D5206, MATCH("CLAY", C$4:C5206, 0)), "")</f>
        <v>0.75203252561341039</v>
      </c>
    </row>
    <row r="5207" spans="1:6" x14ac:dyDescent="0.2">
      <c r="A5207" s="239">
        <f>'CPT Data'!B5215</f>
        <v>51.624000000000002</v>
      </c>
      <c r="B5207" s="3">
        <f>'CPT Data'!C5215</f>
        <v>51.617000000000004</v>
      </c>
      <c r="C5207" t="str">
        <f>'CPT Data'!P5215</f>
        <v>CLAY</v>
      </c>
      <c r="D5207">
        <f>'CPT Data'!Q5215</f>
        <v>337.08710419241305</v>
      </c>
      <c r="E5207">
        <f t="shared" si="81"/>
        <v>372.51272438100938</v>
      </c>
      <c r="F5207">
        <f>IF(C5207="CLAY", INDEX(D$4:D5207, MATCH("CLAY", C$4:C5207, 0)), "")</f>
        <v>0.75203252561341039</v>
      </c>
    </row>
    <row r="5208" spans="1:6" x14ac:dyDescent="0.2">
      <c r="A5208" s="239">
        <f>'CPT Data'!B5216</f>
        <v>51.634999999999998</v>
      </c>
      <c r="B5208" s="3">
        <f>'CPT Data'!C5216</f>
        <v>51.628</v>
      </c>
      <c r="C5208" t="str">
        <f>'CPT Data'!P5216</f>
        <v>CLAY</v>
      </c>
      <c r="D5208">
        <f>'CPT Data'!Q5216</f>
        <v>306.82971873126138</v>
      </c>
      <c r="E5208">
        <f t="shared" si="81"/>
        <v>337.08710419241305</v>
      </c>
      <c r="F5208">
        <f>IF(C5208="CLAY", INDEX(D$4:D5208, MATCH("CLAY", C$4:C5208, 0)), "")</f>
        <v>0.75203252561341039</v>
      </c>
    </row>
    <row r="5209" spans="1:6" x14ac:dyDescent="0.2">
      <c r="A5209" s="239">
        <f>'CPT Data'!B5217</f>
        <v>51.645000000000003</v>
      </c>
      <c r="B5209" s="3">
        <f>'CPT Data'!C5217</f>
        <v>51.638000000000005</v>
      </c>
      <c r="C5209" t="str">
        <f>'CPT Data'!P5217</f>
        <v>CLAY</v>
      </c>
      <c r="D5209">
        <f>'CPT Data'!Q5217</f>
        <v>268.69107080246437</v>
      </c>
      <c r="E5209">
        <f t="shared" si="81"/>
        <v>306.82971873126138</v>
      </c>
      <c r="F5209">
        <f>IF(C5209="CLAY", INDEX(D$4:D5209, MATCH("CLAY", C$4:C5209, 0)), "")</f>
        <v>0.75203252561341039</v>
      </c>
    </row>
    <row r="5210" spans="1:6" x14ac:dyDescent="0.2">
      <c r="A5210" s="239">
        <f>'CPT Data'!B5218</f>
        <v>51.655000000000001</v>
      </c>
      <c r="B5210" s="3">
        <f>'CPT Data'!C5218</f>
        <v>51.648000000000003</v>
      </c>
      <c r="C5210" t="str">
        <f>'CPT Data'!P5218</f>
        <v>CLAY</v>
      </c>
      <c r="D5210">
        <f>'CPT Data'!Q5218</f>
        <v>230.31712190180727</v>
      </c>
      <c r="E5210">
        <f t="shared" si="81"/>
        <v>268.69107080246437</v>
      </c>
      <c r="F5210">
        <f>IF(C5210="CLAY", INDEX(D$4:D5210, MATCH("CLAY", C$4:C5210, 0)), "")</f>
        <v>0.75203252561341039</v>
      </c>
    </row>
    <row r="5211" spans="1:6" x14ac:dyDescent="0.2">
      <c r="A5211" s="239">
        <f>'CPT Data'!B5219</f>
        <v>51.664000000000001</v>
      </c>
      <c r="B5211" s="3">
        <f>'CPT Data'!C5219</f>
        <v>51.657000000000004</v>
      </c>
      <c r="C5211" t="str">
        <f>'CPT Data'!P5219</f>
        <v>CLAY</v>
      </c>
      <c r="D5211">
        <f>'CPT Data'!Q5219</f>
        <v>206.1354656291289</v>
      </c>
      <c r="E5211">
        <f t="shared" ref="E5211:E5274" si="82">IF(C5211="SAND",#N/A,IF(C5211=C5210,D5210,IF(C5211="CLAY",D5211,#N/A)))</f>
        <v>230.31712190180727</v>
      </c>
      <c r="F5211">
        <f>IF(C5211="CLAY", INDEX(D$4:D5211, MATCH("CLAY", C$4:C5211, 0)), "")</f>
        <v>0.75203252561341039</v>
      </c>
    </row>
    <row r="5212" spans="1:6" x14ac:dyDescent="0.2">
      <c r="A5212" s="239">
        <f>'CPT Data'!B5220</f>
        <v>51.673999999999999</v>
      </c>
      <c r="B5212" s="3">
        <f>'CPT Data'!C5220</f>
        <v>51.667000000000002</v>
      </c>
      <c r="C5212" t="str">
        <f>'CPT Data'!P5220</f>
        <v>CLAY</v>
      </c>
      <c r="D5212">
        <f>'CPT Data'!Q5220</f>
        <v>198.85137080842091</v>
      </c>
      <c r="E5212">
        <f t="shared" si="82"/>
        <v>206.1354656291289</v>
      </c>
      <c r="F5212">
        <f>IF(C5212="CLAY", INDEX(D$4:D5212, MATCH("CLAY", C$4:C5212, 0)), "")</f>
        <v>0.75203252561341039</v>
      </c>
    </row>
    <row r="5213" spans="1:6" x14ac:dyDescent="0.2">
      <c r="A5213" s="239">
        <f>'CPT Data'!B5221</f>
        <v>51.683999999999997</v>
      </c>
      <c r="B5213" s="3">
        <f>'CPT Data'!C5221</f>
        <v>51.677</v>
      </c>
      <c r="C5213" t="str">
        <f>'CPT Data'!P5221</f>
        <v>CLAY</v>
      </c>
      <c r="D5213">
        <f>'CPT Data'!Q5221</f>
        <v>197.79109798468971</v>
      </c>
      <c r="E5213">
        <f t="shared" si="82"/>
        <v>198.85137080842091</v>
      </c>
      <c r="F5213">
        <f>IF(C5213="CLAY", INDEX(D$4:D5213, MATCH("CLAY", C$4:C5213, 0)), "")</f>
        <v>0.75203252561341039</v>
      </c>
    </row>
    <row r="5214" spans="1:6" x14ac:dyDescent="0.2">
      <c r="A5214" s="239">
        <f>'CPT Data'!B5222</f>
        <v>51.692999999999998</v>
      </c>
      <c r="B5214" s="3">
        <f>'CPT Data'!C5222</f>
        <v>51.686</v>
      </c>
      <c r="C5214" t="str">
        <f>'CPT Data'!P5222</f>
        <v>CLAY</v>
      </c>
      <c r="D5214">
        <f>'CPT Data'!Q5222</f>
        <v>196.99809378446466</v>
      </c>
      <c r="E5214">
        <f t="shared" si="82"/>
        <v>197.79109798468971</v>
      </c>
      <c r="F5214">
        <f>IF(C5214="CLAY", INDEX(D$4:D5214, MATCH("CLAY", C$4:C5214, 0)), "")</f>
        <v>0.75203252561341039</v>
      </c>
    </row>
    <row r="5215" spans="1:6" x14ac:dyDescent="0.2">
      <c r="A5215" s="239">
        <f>'CPT Data'!B5223</f>
        <v>51.704000000000001</v>
      </c>
      <c r="B5215" s="3">
        <f>'CPT Data'!C5223</f>
        <v>51.697000000000003</v>
      </c>
      <c r="C5215" t="str">
        <f>'CPT Data'!P5223</f>
        <v>CLAY</v>
      </c>
      <c r="D5215">
        <f>'CPT Data'!Q5223</f>
        <v>205.35416524727029</v>
      </c>
      <c r="E5215">
        <f t="shared" si="82"/>
        <v>196.99809378446466</v>
      </c>
      <c r="F5215">
        <f>IF(C5215="CLAY", INDEX(D$4:D5215, MATCH("CLAY", C$4:C5215, 0)), "")</f>
        <v>0.75203252561341039</v>
      </c>
    </row>
    <row r="5216" spans="1:6" x14ac:dyDescent="0.2">
      <c r="A5216" s="239">
        <f>'CPT Data'!B5224</f>
        <v>51.713000000000001</v>
      </c>
      <c r="B5216" s="3">
        <f>'CPT Data'!C5224</f>
        <v>51.706000000000003</v>
      </c>
      <c r="C5216" t="str">
        <f>'CPT Data'!P5224</f>
        <v>CLAY</v>
      </c>
      <c r="D5216">
        <f>'CPT Data'!Q5224</f>
        <v>212.20588559669122</v>
      </c>
      <c r="E5216">
        <f t="shared" si="82"/>
        <v>205.35416524727029</v>
      </c>
      <c r="F5216">
        <f>IF(C5216="CLAY", INDEX(D$4:D5216, MATCH("CLAY", C$4:C5216, 0)), "")</f>
        <v>0.75203252561341039</v>
      </c>
    </row>
    <row r="5217" spans="1:6" x14ac:dyDescent="0.2">
      <c r="A5217" s="239">
        <f>'CPT Data'!B5225</f>
        <v>51.722999999999999</v>
      </c>
      <c r="B5217" s="3">
        <f>'CPT Data'!C5225</f>
        <v>51.716000000000001</v>
      </c>
      <c r="C5217" t="str">
        <f>'CPT Data'!P5225</f>
        <v>CLAY</v>
      </c>
      <c r="D5217">
        <f>'CPT Data'!Q5225</f>
        <v>214.01434725982531</v>
      </c>
      <c r="E5217">
        <f t="shared" si="82"/>
        <v>212.20588559669122</v>
      </c>
      <c r="F5217">
        <f>IF(C5217="CLAY", INDEX(D$4:D5217, MATCH("CLAY", C$4:C5217, 0)), "")</f>
        <v>0.75203252561341039</v>
      </c>
    </row>
    <row r="5218" spans="1:6" x14ac:dyDescent="0.2">
      <c r="A5218" s="239">
        <f>'CPT Data'!B5226</f>
        <v>51.732999999999997</v>
      </c>
      <c r="B5218" s="3">
        <f>'CPT Data'!C5226</f>
        <v>51.725999999999999</v>
      </c>
      <c r="C5218" t="str">
        <f>'CPT Data'!P5226</f>
        <v>CLAY</v>
      </c>
      <c r="D5218">
        <f>'CPT Data'!Q5226</f>
        <v>208.09730470103963</v>
      </c>
      <c r="E5218">
        <f t="shared" si="82"/>
        <v>214.01434725982531</v>
      </c>
      <c r="F5218">
        <f>IF(C5218="CLAY", INDEX(D$4:D5218, MATCH("CLAY", C$4:C5218, 0)), "")</f>
        <v>0.75203252561341039</v>
      </c>
    </row>
    <row r="5219" spans="1:6" x14ac:dyDescent="0.2">
      <c r="A5219" s="239">
        <f>'CPT Data'!B5227</f>
        <v>51.743000000000002</v>
      </c>
      <c r="B5219" s="3">
        <f>'CPT Data'!C5227</f>
        <v>51.736000000000004</v>
      </c>
      <c r="C5219" t="str">
        <f>'CPT Data'!P5227</f>
        <v>CLAY</v>
      </c>
      <c r="D5219">
        <f>'CPT Data'!Q5227</f>
        <v>202.16641445420316</v>
      </c>
      <c r="E5219">
        <f t="shared" si="82"/>
        <v>208.09730470103963</v>
      </c>
      <c r="F5219">
        <f>IF(C5219="CLAY", INDEX(D$4:D5219, MATCH("CLAY", C$4:C5219, 0)), "")</f>
        <v>0.75203252561341039</v>
      </c>
    </row>
    <row r="5220" spans="1:6" x14ac:dyDescent="0.2">
      <c r="A5220" s="239">
        <f>'CPT Data'!B5228</f>
        <v>51.752000000000002</v>
      </c>
      <c r="B5220" s="3">
        <f>'CPT Data'!C5228</f>
        <v>51.745000000000005</v>
      </c>
      <c r="C5220" t="str">
        <f>'CPT Data'!P5228</f>
        <v>CLAY</v>
      </c>
      <c r="D5220">
        <f>'CPT Data'!Q5228</f>
        <v>194.22356812256336</v>
      </c>
      <c r="E5220">
        <f t="shared" si="82"/>
        <v>202.16641445420316</v>
      </c>
      <c r="F5220">
        <f>IF(C5220="CLAY", INDEX(D$4:D5220, MATCH("CLAY", C$4:C5220, 0)), "")</f>
        <v>0.75203252561341039</v>
      </c>
    </row>
    <row r="5221" spans="1:6" x14ac:dyDescent="0.2">
      <c r="A5221" s="239">
        <f>'CPT Data'!B5229</f>
        <v>51.762999999999998</v>
      </c>
      <c r="B5221" s="3">
        <f>'CPT Data'!C5229</f>
        <v>51.756</v>
      </c>
      <c r="C5221" t="str">
        <f>'CPT Data'!P5229</f>
        <v>CLAY</v>
      </c>
      <c r="D5221">
        <f>'CPT Data'!Q5229</f>
        <v>182.99311890431144</v>
      </c>
      <c r="E5221">
        <f t="shared" si="82"/>
        <v>194.22356812256336</v>
      </c>
      <c r="F5221">
        <f>IF(C5221="CLAY", INDEX(D$4:D5221, MATCH("CLAY", C$4:C5221, 0)), "")</f>
        <v>0.75203252561341039</v>
      </c>
    </row>
    <row r="5222" spans="1:6" x14ac:dyDescent="0.2">
      <c r="A5222" s="239">
        <f>'CPT Data'!B5230</f>
        <v>51.773000000000003</v>
      </c>
      <c r="B5222" s="3">
        <f>'CPT Data'!C5230</f>
        <v>51.766000000000005</v>
      </c>
      <c r="C5222" t="str">
        <f>'CPT Data'!P5230</f>
        <v>CLAY</v>
      </c>
      <c r="D5222">
        <f>'CPT Data'!Q5230</f>
        <v>184.93648223965019</v>
      </c>
      <c r="E5222">
        <f t="shared" si="82"/>
        <v>182.99311890431144</v>
      </c>
      <c r="F5222">
        <f>IF(C5222="CLAY", INDEX(D$4:D5222, MATCH("CLAY", C$4:C5222, 0)), "")</f>
        <v>0.75203252561341039</v>
      </c>
    </row>
    <row r="5223" spans="1:6" x14ac:dyDescent="0.2">
      <c r="A5223" s="239">
        <f>'CPT Data'!B5231</f>
        <v>51.781999999999996</v>
      </c>
      <c r="B5223" s="3">
        <f>'CPT Data'!C5231</f>
        <v>51.774999999999999</v>
      </c>
      <c r="C5223" t="str">
        <f>'CPT Data'!P5231</f>
        <v>CLAY</v>
      </c>
      <c r="D5223">
        <f>'CPT Data'!Q5231</f>
        <v>181.94646544640284</v>
      </c>
      <c r="E5223">
        <f t="shared" si="82"/>
        <v>184.93648223965019</v>
      </c>
      <c r="F5223">
        <f>IF(C5223="CLAY", INDEX(D$4:D5223, MATCH("CLAY", C$4:C5223, 0)), "")</f>
        <v>0.75203252561341039</v>
      </c>
    </row>
    <row r="5224" spans="1:6" x14ac:dyDescent="0.2">
      <c r="A5224" s="239">
        <f>'CPT Data'!B5232</f>
        <v>51.792000000000002</v>
      </c>
      <c r="B5224" s="3">
        <f>'CPT Data'!C5232</f>
        <v>51.785000000000004</v>
      </c>
      <c r="C5224" t="str">
        <f>'CPT Data'!P5232</f>
        <v>CLAY</v>
      </c>
      <c r="D5224">
        <f>'CPT Data'!Q5232</f>
        <v>183.81960301938693</v>
      </c>
      <c r="E5224">
        <f t="shared" si="82"/>
        <v>181.94646544640284</v>
      </c>
      <c r="F5224">
        <f>IF(C5224="CLAY", INDEX(D$4:D5224, MATCH("CLAY", C$4:C5224, 0)), "")</f>
        <v>0.75203252561341039</v>
      </c>
    </row>
    <row r="5225" spans="1:6" x14ac:dyDescent="0.2">
      <c r="A5225" s="239">
        <f>'CPT Data'!B5233</f>
        <v>51.802</v>
      </c>
      <c r="B5225" s="3">
        <f>'CPT Data'!C5233</f>
        <v>51.795000000000002</v>
      </c>
      <c r="C5225" t="str">
        <f>'CPT Data'!P5233</f>
        <v>CLAY</v>
      </c>
      <c r="D5225">
        <f>'CPT Data'!Q5233</f>
        <v>191.28212469114715</v>
      </c>
      <c r="E5225">
        <f t="shared" si="82"/>
        <v>183.81960301938693</v>
      </c>
      <c r="F5225">
        <f>IF(C5225="CLAY", INDEX(D$4:D5225, MATCH("CLAY", C$4:C5225, 0)), "")</f>
        <v>0.75203252561341039</v>
      </c>
    </row>
    <row r="5226" spans="1:6" x14ac:dyDescent="0.2">
      <c r="A5226" s="239">
        <f>'CPT Data'!B5234</f>
        <v>51.811999999999998</v>
      </c>
      <c r="B5226" s="3">
        <f>'CPT Data'!C5234</f>
        <v>51.805</v>
      </c>
      <c r="C5226" t="str">
        <f>'CPT Data'!P5234</f>
        <v>CLAY</v>
      </c>
      <c r="D5226">
        <f>'CPT Data'!Q5234</f>
        <v>202.92600061242479</v>
      </c>
      <c r="E5226">
        <f t="shared" si="82"/>
        <v>191.28212469114715</v>
      </c>
      <c r="F5226">
        <f>IF(C5226="CLAY", INDEX(D$4:D5226, MATCH("CLAY", C$4:C5226, 0)), "")</f>
        <v>0.75203252561341039</v>
      </c>
    </row>
    <row r="5227" spans="1:6" x14ac:dyDescent="0.2">
      <c r="A5227" s="239">
        <f>'CPT Data'!B5235</f>
        <v>51.820999999999998</v>
      </c>
      <c r="B5227" s="3">
        <f>'CPT Data'!C5235</f>
        <v>51.814</v>
      </c>
      <c r="C5227" t="str">
        <f>'CPT Data'!P5235</f>
        <v>CLAY</v>
      </c>
      <c r="D5227">
        <f>'CPT Data'!Q5235</f>
        <v>211.13512430628762</v>
      </c>
      <c r="E5227">
        <f t="shared" si="82"/>
        <v>202.92600061242479</v>
      </c>
      <c r="F5227">
        <f>IF(C5227="CLAY", INDEX(D$4:D5227, MATCH("CLAY", C$4:C5227, 0)), "")</f>
        <v>0.75203252561341039</v>
      </c>
    </row>
    <row r="5228" spans="1:6" x14ac:dyDescent="0.2">
      <c r="A5228" s="239">
        <f>'CPT Data'!B5236</f>
        <v>51.831000000000003</v>
      </c>
      <c r="B5228" s="3">
        <f>'CPT Data'!C5236</f>
        <v>51.824000000000005</v>
      </c>
      <c r="C5228" t="str">
        <f>'CPT Data'!P5236</f>
        <v>CLAY</v>
      </c>
      <c r="D5228">
        <f>'CPT Data'!Q5236</f>
        <v>220.37606207293337</v>
      </c>
      <c r="E5228">
        <f t="shared" si="82"/>
        <v>211.13512430628762</v>
      </c>
      <c r="F5228">
        <f>IF(C5228="CLAY", INDEX(D$4:D5228, MATCH("CLAY", C$4:C5228, 0)), "")</f>
        <v>0.75203252561341039</v>
      </c>
    </row>
    <row r="5229" spans="1:6" x14ac:dyDescent="0.2">
      <c r="A5229" s="239">
        <f>'CPT Data'!B5237</f>
        <v>51.841000000000001</v>
      </c>
      <c r="B5229" s="3">
        <f>'CPT Data'!C5237</f>
        <v>51.834000000000003</v>
      </c>
      <c r="C5229" t="str">
        <f>'CPT Data'!P5237</f>
        <v>CLAY</v>
      </c>
      <c r="D5229">
        <f>'CPT Data'!Q5237</f>
        <v>230.10540641037286</v>
      </c>
      <c r="E5229">
        <f t="shared" si="82"/>
        <v>220.37606207293337</v>
      </c>
      <c r="F5229">
        <f>IF(C5229="CLAY", INDEX(D$4:D5229, MATCH("CLAY", C$4:C5229, 0)), "")</f>
        <v>0.75203252561341039</v>
      </c>
    </row>
    <row r="5230" spans="1:6" x14ac:dyDescent="0.2">
      <c r="A5230" s="239">
        <f>'CPT Data'!B5238</f>
        <v>51.851999999999997</v>
      </c>
      <c r="B5230" s="3">
        <f>'CPT Data'!C5238</f>
        <v>51.844999999999999</v>
      </c>
      <c r="C5230" t="str">
        <f>'CPT Data'!P5238</f>
        <v>CLAY</v>
      </c>
      <c r="D5230">
        <f>'CPT Data'!Q5238</f>
        <v>231.58886543263111</v>
      </c>
      <c r="E5230">
        <f t="shared" si="82"/>
        <v>230.10540641037286</v>
      </c>
      <c r="F5230">
        <f>IF(C5230="CLAY", INDEX(D$4:D5230, MATCH("CLAY", C$4:C5230, 0)), "")</f>
        <v>0.75203252561341039</v>
      </c>
    </row>
    <row r="5231" spans="1:6" x14ac:dyDescent="0.2">
      <c r="A5231" s="239">
        <f>'CPT Data'!B5239</f>
        <v>51.860999999999997</v>
      </c>
      <c r="B5231" s="3">
        <f>'CPT Data'!C5239</f>
        <v>51.853999999999999</v>
      </c>
      <c r="C5231" t="str">
        <f>'CPT Data'!P5239</f>
        <v>CLAY</v>
      </c>
      <c r="D5231">
        <f>'CPT Data'!Q5239</f>
        <v>230.16141473604543</v>
      </c>
      <c r="E5231">
        <f t="shared" si="82"/>
        <v>231.58886543263111</v>
      </c>
      <c r="F5231">
        <f>IF(C5231="CLAY", INDEX(D$4:D5231, MATCH("CLAY", C$4:C5231, 0)), "")</f>
        <v>0.75203252561341039</v>
      </c>
    </row>
    <row r="5232" spans="1:6" x14ac:dyDescent="0.2">
      <c r="A5232" s="239">
        <f>'CPT Data'!B5240</f>
        <v>51.871000000000002</v>
      </c>
      <c r="B5232" s="3">
        <f>'CPT Data'!C5240</f>
        <v>51.864000000000004</v>
      </c>
      <c r="C5232" t="str">
        <f>'CPT Data'!P5240</f>
        <v>CLAY</v>
      </c>
      <c r="D5232">
        <f>'CPT Data'!Q5240</f>
        <v>228.02941504966375</v>
      </c>
      <c r="E5232">
        <f t="shared" si="82"/>
        <v>230.16141473604543</v>
      </c>
      <c r="F5232">
        <f>IF(C5232="CLAY", INDEX(D$4:D5232, MATCH("CLAY", C$4:C5232, 0)), "")</f>
        <v>0.75203252561341039</v>
      </c>
    </row>
    <row r="5233" spans="1:6" x14ac:dyDescent="0.2">
      <c r="A5233" s="239">
        <f>'CPT Data'!B5241</f>
        <v>51.881</v>
      </c>
      <c r="B5233" s="3">
        <f>'CPT Data'!C5241</f>
        <v>51.874000000000002</v>
      </c>
      <c r="C5233" t="str">
        <f>'CPT Data'!P5241</f>
        <v>CLAY</v>
      </c>
      <c r="D5233">
        <f>'CPT Data'!Q5241</f>
        <v>235.9682091287616</v>
      </c>
      <c r="E5233">
        <f t="shared" si="82"/>
        <v>228.02941504966375</v>
      </c>
      <c r="F5233">
        <f>IF(C5233="CLAY", INDEX(D$4:D5233, MATCH("CLAY", C$4:C5233, 0)), "")</f>
        <v>0.75203252561341039</v>
      </c>
    </row>
    <row r="5234" spans="1:6" x14ac:dyDescent="0.2">
      <c r="A5234" s="239">
        <f>'CPT Data'!B5242</f>
        <v>51.890999999999998</v>
      </c>
      <c r="B5234" s="3">
        <f>'CPT Data'!C5242</f>
        <v>51.884</v>
      </c>
      <c r="C5234" t="str">
        <f>'CPT Data'!P5242</f>
        <v>CLAY</v>
      </c>
      <c r="D5234">
        <f>'CPT Data'!Q5242</f>
        <v>245.29229240465153</v>
      </c>
      <c r="E5234">
        <f t="shared" si="82"/>
        <v>235.9682091287616</v>
      </c>
      <c r="F5234">
        <f>IF(C5234="CLAY", INDEX(D$4:D5234, MATCH("CLAY", C$4:C5234, 0)), "")</f>
        <v>0.75203252561341039</v>
      </c>
    </row>
    <row r="5235" spans="1:6" x14ac:dyDescent="0.2">
      <c r="A5235" s="239">
        <f>'CPT Data'!B5243</f>
        <v>51.901000000000003</v>
      </c>
      <c r="B5235" s="3">
        <f>'CPT Data'!C5243</f>
        <v>51.894000000000005</v>
      </c>
      <c r="C5235" t="str">
        <f>'CPT Data'!P5243</f>
        <v>CLAY</v>
      </c>
      <c r="D5235">
        <f>'CPT Data'!Q5243</f>
        <v>266.34783304608573</v>
      </c>
      <c r="E5235">
        <f t="shared" si="82"/>
        <v>245.29229240465153</v>
      </c>
      <c r="F5235">
        <f>IF(C5235="CLAY", INDEX(D$4:D5235, MATCH("CLAY", C$4:C5235, 0)), "")</f>
        <v>0.75203252561341039</v>
      </c>
    </row>
    <row r="5236" spans="1:6" x14ac:dyDescent="0.2">
      <c r="A5236" s="239">
        <f>'CPT Data'!B5244</f>
        <v>51.91</v>
      </c>
      <c r="B5236" s="3">
        <f>'CPT Data'!C5244</f>
        <v>51.902999999999999</v>
      </c>
      <c r="C5236" t="str">
        <f>'CPT Data'!P5244</f>
        <v>CLAY</v>
      </c>
      <c r="D5236">
        <f>'CPT Data'!Q5244</f>
        <v>282.48069790473255</v>
      </c>
      <c r="E5236">
        <f t="shared" si="82"/>
        <v>266.34783304608573</v>
      </c>
      <c r="F5236">
        <f>IF(C5236="CLAY", INDEX(D$4:D5236, MATCH("CLAY", C$4:C5236, 0)), "")</f>
        <v>0.75203252561341039</v>
      </c>
    </row>
    <row r="5237" spans="1:6" x14ac:dyDescent="0.2">
      <c r="A5237" s="239">
        <f>'CPT Data'!B5245</f>
        <v>51.92</v>
      </c>
      <c r="B5237" s="3">
        <f>'CPT Data'!C5245</f>
        <v>51.913000000000004</v>
      </c>
      <c r="C5237" t="str">
        <f>'CPT Data'!P5245</f>
        <v>CLAY</v>
      </c>
      <c r="D5237">
        <f>'CPT Data'!Q5245</f>
        <v>284.67010162173352</v>
      </c>
      <c r="E5237">
        <f t="shared" si="82"/>
        <v>282.48069790473255</v>
      </c>
      <c r="F5237">
        <f>IF(C5237="CLAY", INDEX(D$4:D5237, MATCH("CLAY", C$4:C5237, 0)), "")</f>
        <v>0.75203252561341039</v>
      </c>
    </row>
    <row r="5238" spans="1:6" x14ac:dyDescent="0.2">
      <c r="A5238" s="239">
        <f>'CPT Data'!B5246</f>
        <v>51.930999999999997</v>
      </c>
      <c r="B5238" s="3">
        <f>'CPT Data'!C5246</f>
        <v>51.923999999999999</v>
      </c>
      <c r="C5238" t="str">
        <f>'CPT Data'!P5246</f>
        <v>CLAY</v>
      </c>
      <c r="D5238">
        <f>'CPT Data'!Q5246</f>
        <v>271.61868607150376</v>
      </c>
      <c r="E5238">
        <f t="shared" si="82"/>
        <v>284.67010162173352</v>
      </c>
      <c r="F5238">
        <f>IF(C5238="CLAY", INDEX(D$4:D5238, MATCH("CLAY", C$4:C5238, 0)), "")</f>
        <v>0.75203252561341039</v>
      </c>
    </row>
    <row r="5239" spans="1:6" x14ac:dyDescent="0.2">
      <c r="A5239" s="239">
        <f>'CPT Data'!B5247</f>
        <v>51.94</v>
      </c>
      <c r="B5239" s="3">
        <f>'CPT Data'!C5247</f>
        <v>51.933</v>
      </c>
      <c r="C5239" t="str">
        <f>'CPT Data'!P5247</f>
        <v>CLAY</v>
      </c>
      <c r="D5239">
        <f>'CPT Data'!Q5247</f>
        <v>258.13063500783255</v>
      </c>
      <c r="E5239">
        <f t="shared" si="82"/>
        <v>271.61868607150376</v>
      </c>
      <c r="F5239">
        <f>IF(C5239="CLAY", INDEX(D$4:D5239, MATCH("CLAY", C$4:C5239, 0)), "")</f>
        <v>0.75203252561341039</v>
      </c>
    </row>
    <row r="5240" spans="1:6" x14ac:dyDescent="0.2">
      <c r="A5240" s="239">
        <f>'CPT Data'!B5248</f>
        <v>51.95</v>
      </c>
      <c r="B5240" s="3">
        <f>'CPT Data'!C5248</f>
        <v>51.943000000000005</v>
      </c>
      <c r="C5240" t="str">
        <f>'CPT Data'!P5248</f>
        <v>CLAY</v>
      </c>
      <c r="D5240">
        <f>'CPT Data'!Q5248</f>
        <v>248.06562042467252</v>
      </c>
      <c r="E5240">
        <f t="shared" si="82"/>
        <v>258.13063500783255</v>
      </c>
      <c r="F5240">
        <f>IF(C5240="CLAY", INDEX(D$4:D5240, MATCH("CLAY", C$4:C5240, 0)), "")</f>
        <v>0.75203252561341039</v>
      </c>
    </row>
    <row r="5241" spans="1:6" x14ac:dyDescent="0.2">
      <c r="A5241" s="239">
        <f>'CPT Data'!B5249</f>
        <v>51.959000000000003</v>
      </c>
      <c r="B5241" s="3">
        <f>'CPT Data'!C5249</f>
        <v>51.952000000000005</v>
      </c>
      <c r="C5241" t="str">
        <f>'CPT Data'!P5249</f>
        <v>CLAY</v>
      </c>
      <c r="D5241">
        <f>'CPT Data'!Q5249</f>
        <v>237.90648530553804</v>
      </c>
      <c r="E5241">
        <f t="shared" si="82"/>
        <v>248.06562042467252</v>
      </c>
      <c r="F5241">
        <f>IF(C5241="CLAY", INDEX(D$4:D5241, MATCH("CLAY", C$4:C5241, 0)), "")</f>
        <v>0.75203252561341039</v>
      </c>
    </row>
    <row r="5242" spans="1:6" x14ac:dyDescent="0.2">
      <c r="A5242" s="239">
        <f>'CPT Data'!B5250</f>
        <v>51.97</v>
      </c>
      <c r="B5242" s="3">
        <f>'CPT Data'!C5250</f>
        <v>51.963000000000001</v>
      </c>
      <c r="C5242" t="str">
        <f>'CPT Data'!P5250</f>
        <v>CLAY</v>
      </c>
      <c r="D5242">
        <f>'CPT Data'!Q5250</f>
        <v>233.12344448346084</v>
      </c>
      <c r="E5242">
        <f t="shared" si="82"/>
        <v>237.90648530553804</v>
      </c>
      <c r="F5242">
        <f>IF(C5242="CLAY", INDEX(D$4:D5242, MATCH("CLAY", C$4:C5242, 0)), "")</f>
        <v>0.75203252561341039</v>
      </c>
    </row>
    <row r="5243" spans="1:6" x14ac:dyDescent="0.2">
      <c r="A5243" s="239">
        <f>'CPT Data'!B5251</f>
        <v>51.98</v>
      </c>
      <c r="B5243" s="3">
        <f>'CPT Data'!C5251</f>
        <v>51.972999999999999</v>
      </c>
      <c r="C5243" t="str">
        <f>'CPT Data'!P5251</f>
        <v>CLAY</v>
      </c>
      <c r="D5243">
        <f>'CPT Data'!Q5251</f>
        <v>236.71103335322312</v>
      </c>
      <c r="E5243">
        <f t="shared" si="82"/>
        <v>233.12344448346084</v>
      </c>
      <c r="F5243">
        <f>IF(C5243="CLAY", INDEX(D$4:D5243, MATCH("CLAY", C$4:C5243, 0)), "")</f>
        <v>0.75203252561341039</v>
      </c>
    </row>
    <row r="5244" spans="1:6" x14ac:dyDescent="0.2">
      <c r="A5244" s="239">
        <f>'CPT Data'!B5252</f>
        <v>51.99</v>
      </c>
      <c r="B5244" s="3">
        <f>'CPT Data'!C5252</f>
        <v>51.983000000000004</v>
      </c>
      <c r="C5244" t="str">
        <f>'CPT Data'!P5252</f>
        <v>CLAY</v>
      </c>
      <c r="D5244">
        <f>'CPT Data'!Q5252</f>
        <v>245.39354383309413</v>
      </c>
      <c r="E5244">
        <f t="shared" si="82"/>
        <v>236.71103335322312</v>
      </c>
      <c r="F5244">
        <f>IF(C5244="CLAY", INDEX(D$4:D5244, MATCH("CLAY", C$4:C5244, 0)), "")</f>
        <v>0.75203252561341039</v>
      </c>
    </row>
    <row r="5245" spans="1:6" x14ac:dyDescent="0.2">
      <c r="A5245" s="239">
        <f>'CPT Data'!B5253</f>
        <v>52</v>
      </c>
      <c r="B5245" s="3">
        <f>'CPT Data'!C5253</f>
        <v>51.993000000000002</v>
      </c>
      <c r="C5245" t="str">
        <f>'CPT Data'!P5253</f>
        <v>CLAY</v>
      </c>
      <c r="D5245">
        <f>'CPT Data'!Q5253</f>
        <v>252.59377092582676</v>
      </c>
      <c r="E5245">
        <f t="shared" si="82"/>
        <v>245.39354383309413</v>
      </c>
      <c r="F5245">
        <f>IF(C5245="CLAY", INDEX(D$4:D5245, MATCH("CLAY", C$4:C5245, 0)), "")</f>
        <v>0.75203252561341039</v>
      </c>
    </row>
    <row r="5246" spans="1:6" x14ac:dyDescent="0.2">
      <c r="A5246" s="239">
        <f>'CPT Data'!B5254</f>
        <v>52.009</v>
      </c>
      <c r="B5246" s="3">
        <f>'CPT Data'!C5254</f>
        <v>52.002000000000002</v>
      </c>
      <c r="C5246" t="str">
        <f>'CPT Data'!P5254</f>
        <v>CLAY</v>
      </c>
      <c r="D5246">
        <f>'CPT Data'!Q5254</f>
        <v>259.85897197596245</v>
      </c>
      <c r="E5246">
        <f t="shared" si="82"/>
        <v>252.59377092582676</v>
      </c>
      <c r="F5246">
        <f>IF(C5246="CLAY", INDEX(D$4:D5246, MATCH("CLAY", C$4:C5246, 0)), "")</f>
        <v>0.75203252561341039</v>
      </c>
    </row>
    <row r="5247" spans="1:6" x14ac:dyDescent="0.2">
      <c r="A5247" s="239">
        <f>'CPT Data'!B5255</f>
        <v>52.018999999999998</v>
      </c>
      <c r="B5247" s="3">
        <f>'CPT Data'!C5255</f>
        <v>52.012</v>
      </c>
      <c r="C5247" t="str">
        <f>'CPT Data'!P5255</f>
        <v>CLAY</v>
      </c>
      <c r="D5247">
        <f>'CPT Data'!Q5255</f>
        <v>247.71999021508074</v>
      </c>
      <c r="E5247">
        <f t="shared" si="82"/>
        <v>259.85897197596245</v>
      </c>
      <c r="F5247">
        <f>IF(C5247="CLAY", INDEX(D$4:D5247, MATCH("CLAY", C$4:C5247, 0)), "")</f>
        <v>0.75203252561341039</v>
      </c>
    </row>
    <row r="5248" spans="1:6" x14ac:dyDescent="0.2">
      <c r="A5248" s="239">
        <f>'CPT Data'!B5256</f>
        <v>52.027999999999999</v>
      </c>
      <c r="B5248" s="3">
        <f>'CPT Data'!C5256</f>
        <v>52.021000000000001</v>
      </c>
      <c r="C5248" t="str">
        <f>'CPT Data'!P5256</f>
        <v>CLAY</v>
      </c>
      <c r="D5248">
        <f>'CPT Data'!Q5256</f>
        <v>285.95023602679612</v>
      </c>
      <c r="E5248">
        <f t="shared" si="82"/>
        <v>247.71999021508074</v>
      </c>
      <c r="F5248">
        <f>IF(C5248="CLAY", INDEX(D$4:D5248, MATCH("CLAY", C$4:C5248, 0)), "")</f>
        <v>0.75203252561341039</v>
      </c>
    </row>
    <row r="5249" spans="1:6" x14ac:dyDescent="0.2">
      <c r="A5249" s="239">
        <f>'CPT Data'!B5257</f>
        <v>52.037999999999997</v>
      </c>
      <c r="B5249" s="3">
        <f>'CPT Data'!C5257</f>
        <v>52.030999999999999</v>
      </c>
      <c r="C5249" t="str">
        <f>'CPT Data'!P5257</f>
        <v>CLAY</v>
      </c>
      <c r="D5249">
        <f>'CPT Data'!Q5257</f>
        <v>370.63839023172653</v>
      </c>
      <c r="E5249">
        <f t="shared" si="82"/>
        <v>285.95023602679612</v>
      </c>
      <c r="F5249">
        <f>IF(C5249="CLAY", INDEX(D$4:D5249, MATCH("CLAY", C$4:C5249, 0)), "")</f>
        <v>0.75203252561341039</v>
      </c>
    </row>
    <row r="5250" spans="1:6" x14ac:dyDescent="0.2">
      <c r="A5250" s="239">
        <f>'CPT Data'!B5258</f>
        <v>52.048000000000002</v>
      </c>
      <c r="B5250" s="3">
        <f>'CPT Data'!C5258</f>
        <v>52.041000000000004</v>
      </c>
      <c r="C5250" t="str">
        <f>'CPT Data'!P5258</f>
        <v>CLAY</v>
      </c>
      <c r="D5250">
        <f>'CPT Data'!Q5258</f>
        <v>504.66145484744874</v>
      </c>
      <c r="E5250">
        <f t="shared" si="82"/>
        <v>370.63839023172653</v>
      </c>
      <c r="F5250">
        <f>IF(C5250="CLAY", INDEX(D$4:D5250, MATCH("CLAY", C$4:C5250, 0)), "")</f>
        <v>0.75203252561341039</v>
      </c>
    </row>
    <row r="5251" spans="1:6" x14ac:dyDescent="0.2">
      <c r="A5251" s="239">
        <f>'CPT Data'!B5259</f>
        <v>52.057000000000002</v>
      </c>
      <c r="B5251" s="3">
        <f>'CPT Data'!C5259</f>
        <v>52.050000000000004</v>
      </c>
      <c r="C5251" t="str">
        <f>'CPT Data'!P5259</f>
        <v>CLAY</v>
      </c>
      <c r="D5251">
        <f>'CPT Data'!Q5259</f>
        <v>651.45605383279906</v>
      </c>
      <c r="E5251">
        <f t="shared" si="82"/>
        <v>504.66145484744874</v>
      </c>
      <c r="F5251">
        <f>IF(C5251="CLAY", INDEX(D$4:D5251, MATCH("CLAY", C$4:C5251, 0)), "")</f>
        <v>0.75203252561341039</v>
      </c>
    </row>
    <row r="5252" spans="1:6" x14ac:dyDescent="0.2">
      <c r="A5252" s="239">
        <f>'CPT Data'!B5260</f>
        <v>52.066000000000003</v>
      </c>
      <c r="B5252" s="3">
        <f>'CPT Data'!C5260</f>
        <v>52.059000000000005</v>
      </c>
      <c r="C5252" t="str">
        <f>'CPT Data'!P5260</f>
        <v>SAND</v>
      </c>
      <c r="D5252" t="e">
        <f>'CPT Data'!Q5260</f>
        <v>#N/A</v>
      </c>
      <c r="E5252" t="e">
        <f t="shared" si="82"/>
        <v>#N/A</v>
      </c>
      <c r="F5252" t="str">
        <f>IF(C5252="CLAY", INDEX(D$4:D5252, MATCH("CLAY", C$4:C5252, 0)), "")</f>
        <v/>
      </c>
    </row>
    <row r="5253" spans="1:6" x14ac:dyDescent="0.2">
      <c r="A5253" s="239">
        <f>'CPT Data'!B5261</f>
        <v>52.075000000000003</v>
      </c>
      <c r="B5253" s="3">
        <f>'CPT Data'!C5261</f>
        <v>52.068000000000005</v>
      </c>
      <c r="C5253" t="str">
        <f>'CPT Data'!P5261</f>
        <v>SAND</v>
      </c>
      <c r="D5253" t="e">
        <f>'CPT Data'!Q5261</f>
        <v>#N/A</v>
      </c>
      <c r="E5253" t="e">
        <f t="shared" si="82"/>
        <v>#N/A</v>
      </c>
      <c r="F5253" t="str">
        <f>IF(C5253="CLAY", INDEX(D$4:D5253, MATCH("CLAY", C$4:C5253, 0)), "")</f>
        <v/>
      </c>
    </row>
    <row r="5254" spans="1:6" x14ac:dyDescent="0.2">
      <c r="A5254" s="239">
        <f>'CPT Data'!B5262</f>
        <v>52.084000000000003</v>
      </c>
      <c r="B5254" s="3">
        <f>'CPT Data'!C5262</f>
        <v>52.077000000000005</v>
      </c>
      <c r="C5254" t="str">
        <f>'CPT Data'!P5262</f>
        <v>SAND</v>
      </c>
      <c r="D5254" t="e">
        <f>'CPT Data'!Q5262</f>
        <v>#N/A</v>
      </c>
      <c r="E5254" t="e">
        <f t="shared" si="82"/>
        <v>#N/A</v>
      </c>
      <c r="F5254" t="str">
        <f>IF(C5254="CLAY", INDEX(D$4:D5254, MATCH("CLAY", C$4:C5254, 0)), "")</f>
        <v/>
      </c>
    </row>
    <row r="5255" spans="1:6" x14ac:dyDescent="0.2">
      <c r="A5255" s="239">
        <f>'CPT Data'!B5263</f>
        <v>52.094999999999999</v>
      </c>
      <c r="B5255" s="3">
        <f>'CPT Data'!C5263</f>
        <v>52.088000000000001</v>
      </c>
      <c r="C5255" t="str">
        <f>'CPT Data'!P5263</f>
        <v>SAND</v>
      </c>
      <c r="D5255" t="e">
        <f>'CPT Data'!Q5263</f>
        <v>#N/A</v>
      </c>
      <c r="E5255" t="e">
        <f t="shared" si="82"/>
        <v>#N/A</v>
      </c>
      <c r="F5255" t="str">
        <f>IF(C5255="CLAY", INDEX(D$4:D5255, MATCH("CLAY", C$4:C5255, 0)), "")</f>
        <v/>
      </c>
    </row>
    <row r="5256" spans="1:6" x14ac:dyDescent="0.2">
      <c r="A5256" s="239">
        <f>'CPT Data'!B5264</f>
        <v>52.103999999999999</v>
      </c>
      <c r="B5256" s="3">
        <f>'CPT Data'!C5264</f>
        <v>52.097000000000001</v>
      </c>
      <c r="C5256" t="str">
        <f>'CPT Data'!P5264</f>
        <v>SAND</v>
      </c>
      <c r="D5256" t="e">
        <f>'CPT Data'!Q5264</f>
        <v>#N/A</v>
      </c>
      <c r="E5256" t="e">
        <f t="shared" si="82"/>
        <v>#N/A</v>
      </c>
      <c r="F5256" t="str">
        <f>IF(C5256="CLAY", INDEX(D$4:D5256, MATCH("CLAY", C$4:C5256, 0)), "")</f>
        <v/>
      </c>
    </row>
    <row r="5257" spans="1:6" x14ac:dyDescent="0.2">
      <c r="A5257" s="239">
        <f>'CPT Data'!B5265</f>
        <v>52.113999999999997</v>
      </c>
      <c r="B5257" s="3">
        <f>'CPT Data'!C5265</f>
        <v>52.106999999999999</v>
      </c>
      <c r="C5257" t="str">
        <f>'CPT Data'!P5265</f>
        <v>SAND</v>
      </c>
      <c r="D5257" t="e">
        <f>'CPT Data'!Q5265</f>
        <v>#N/A</v>
      </c>
      <c r="E5257" t="e">
        <f t="shared" si="82"/>
        <v>#N/A</v>
      </c>
      <c r="F5257" t="str">
        <f>IF(C5257="CLAY", INDEX(D$4:D5257, MATCH("CLAY", C$4:C5257, 0)), "")</f>
        <v/>
      </c>
    </row>
    <row r="5258" spans="1:6" x14ac:dyDescent="0.2">
      <c r="A5258" s="239">
        <f>'CPT Data'!B5266</f>
        <v>52.122999999999998</v>
      </c>
      <c r="B5258" s="3">
        <f>'CPT Data'!C5266</f>
        <v>52.116</v>
      </c>
      <c r="C5258" t="str">
        <f>'CPT Data'!P5266</f>
        <v>SAND</v>
      </c>
      <c r="D5258" t="e">
        <f>'CPT Data'!Q5266</f>
        <v>#N/A</v>
      </c>
      <c r="E5258" t="e">
        <f t="shared" si="82"/>
        <v>#N/A</v>
      </c>
      <c r="F5258" t="str">
        <f>IF(C5258="CLAY", INDEX(D$4:D5258, MATCH("CLAY", C$4:C5258, 0)), "")</f>
        <v/>
      </c>
    </row>
    <row r="5259" spans="1:6" x14ac:dyDescent="0.2">
      <c r="A5259" s="239">
        <f>'CPT Data'!B5267</f>
        <v>52.133000000000003</v>
      </c>
      <c r="B5259" s="3">
        <f>'CPT Data'!C5267</f>
        <v>52.126000000000005</v>
      </c>
      <c r="C5259" t="str">
        <f>'CPT Data'!P5267</f>
        <v>SAND</v>
      </c>
      <c r="D5259" t="e">
        <f>'CPT Data'!Q5267</f>
        <v>#N/A</v>
      </c>
      <c r="E5259" t="e">
        <f t="shared" si="82"/>
        <v>#N/A</v>
      </c>
      <c r="F5259" t="str">
        <f>IF(C5259="CLAY", INDEX(D$4:D5259, MATCH("CLAY", C$4:C5259, 0)), "")</f>
        <v/>
      </c>
    </row>
    <row r="5260" spans="1:6" x14ac:dyDescent="0.2">
      <c r="A5260" s="239">
        <f>'CPT Data'!B5268</f>
        <v>52.142000000000003</v>
      </c>
      <c r="B5260" s="3">
        <f>'CPT Data'!C5268</f>
        <v>52.135000000000005</v>
      </c>
      <c r="C5260" t="str">
        <f>'CPT Data'!P5268</f>
        <v>SAND</v>
      </c>
      <c r="D5260" t="e">
        <f>'CPT Data'!Q5268</f>
        <v>#N/A</v>
      </c>
      <c r="E5260" t="e">
        <f t="shared" si="82"/>
        <v>#N/A</v>
      </c>
      <c r="F5260" t="str">
        <f>IF(C5260="CLAY", INDEX(D$4:D5260, MATCH("CLAY", C$4:C5260, 0)), "")</f>
        <v/>
      </c>
    </row>
    <row r="5261" spans="1:6" x14ac:dyDescent="0.2">
      <c r="A5261" s="239">
        <f>'CPT Data'!B5269</f>
        <v>52.152000000000001</v>
      </c>
      <c r="B5261" s="3">
        <f>'CPT Data'!C5269</f>
        <v>52.145000000000003</v>
      </c>
      <c r="C5261" t="str">
        <f>'CPT Data'!P5269</f>
        <v>SAND</v>
      </c>
      <c r="D5261" t="e">
        <f>'CPT Data'!Q5269</f>
        <v>#N/A</v>
      </c>
      <c r="E5261" t="e">
        <f t="shared" si="82"/>
        <v>#N/A</v>
      </c>
      <c r="F5261" t="str">
        <f>IF(C5261="CLAY", INDEX(D$4:D5261, MATCH("CLAY", C$4:C5261, 0)), "")</f>
        <v/>
      </c>
    </row>
    <row r="5262" spans="1:6" x14ac:dyDescent="0.2">
      <c r="A5262" s="239">
        <f>'CPT Data'!B5270</f>
        <v>52.16</v>
      </c>
      <c r="B5262" s="3">
        <f>'CPT Data'!C5270</f>
        <v>52.152999999999999</v>
      </c>
      <c r="C5262" t="str">
        <f>'CPT Data'!P5270</f>
        <v>SAND</v>
      </c>
      <c r="D5262" t="e">
        <f>'CPT Data'!Q5270</f>
        <v>#N/A</v>
      </c>
      <c r="E5262" t="e">
        <f t="shared" si="82"/>
        <v>#N/A</v>
      </c>
      <c r="F5262" t="str">
        <f>IF(C5262="CLAY", INDEX(D$4:D5262, MATCH("CLAY", C$4:C5262, 0)), "")</f>
        <v/>
      </c>
    </row>
    <row r="5263" spans="1:6" x14ac:dyDescent="0.2">
      <c r="A5263" s="239">
        <f>'CPT Data'!B5271</f>
        <v>52.174999999999997</v>
      </c>
      <c r="B5263" s="3">
        <f>'CPT Data'!C5271</f>
        <v>52.167999999999999</v>
      </c>
      <c r="C5263" t="str">
        <f>'CPT Data'!P5271</f>
        <v>SAND</v>
      </c>
      <c r="D5263" t="e">
        <f>'CPT Data'!Q5271</f>
        <v>#N/A</v>
      </c>
      <c r="E5263" t="e">
        <f t="shared" si="82"/>
        <v>#N/A</v>
      </c>
      <c r="F5263" t="str">
        <f>IF(C5263="CLAY", INDEX(D$4:D5263, MATCH("CLAY", C$4:C5263, 0)), "")</f>
        <v/>
      </c>
    </row>
    <row r="5264" spans="1:6" x14ac:dyDescent="0.2">
      <c r="A5264" s="239">
        <f>'CPT Data'!B5272</f>
        <v>52.185000000000002</v>
      </c>
      <c r="B5264" s="3">
        <f>'CPT Data'!C5272</f>
        <v>52.178000000000004</v>
      </c>
      <c r="C5264" t="str">
        <f>'CPT Data'!P5272</f>
        <v>SAND</v>
      </c>
      <c r="D5264" t="e">
        <f>'CPT Data'!Q5272</f>
        <v>#N/A</v>
      </c>
      <c r="E5264" t="e">
        <f t="shared" si="82"/>
        <v>#N/A</v>
      </c>
      <c r="F5264" t="str">
        <f>IF(C5264="CLAY", INDEX(D$4:D5264, MATCH("CLAY", C$4:C5264, 0)), "")</f>
        <v/>
      </c>
    </row>
    <row r="5265" spans="1:6" x14ac:dyDescent="0.2">
      <c r="A5265" s="239">
        <f>'CPT Data'!B5273</f>
        <v>52.195</v>
      </c>
      <c r="B5265" s="3">
        <f>'CPT Data'!C5273</f>
        <v>52.188000000000002</v>
      </c>
      <c r="C5265" t="str">
        <f>'CPT Data'!P5273</f>
        <v>SAND</v>
      </c>
      <c r="D5265" t="e">
        <f>'CPT Data'!Q5273</f>
        <v>#N/A</v>
      </c>
      <c r="E5265" t="e">
        <f t="shared" si="82"/>
        <v>#N/A</v>
      </c>
      <c r="F5265" t="str">
        <f>IF(C5265="CLAY", INDEX(D$4:D5265, MATCH("CLAY", C$4:C5265, 0)), "")</f>
        <v/>
      </c>
    </row>
    <row r="5266" spans="1:6" x14ac:dyDescent="0.2">
      <c r="A5266" s="239">
        <f>'CPT Data'!B5274</f>
        <v>52.204999999999998</v>
      </c>
      <c r="B5266" s="3">
        <f>'CPT Data'!C5274</f>
        <v>52.198</v>
      </c>
      <c r="C5266" t="str">
        <f>'CPT Data'!P5274</f>
        <v>SAND</v>
      </c>
      <c r="D5266" t="e">
        <f>'CPT Data'!Q5274</f>
        <v>#N/A</v>
      </c>
      <c r="E5266" t="e">
        <f t="shared" si="82"/>
        <v>#N/A</v>
      </c>
      <c r="F5266" t="str">
        <f>IF(C5266="CLAY", INDEX(D$4:D5266, MATCH("CLAY", C$4:C5266, 0)), "")</f>
        <v/>
      </c>
    </row>
    <row r="5267" spans="1:6" x14ac:dyDescent="0.2">
      <c r="A5267" s="239">
        <f>'CPT Data'!B5275</f>
        <v>52.215000000000003</v>
      </c>
      <c r="B5267" s="3">
        <f>'CPT Data'!C5275</f>
        <v>52.208000000000006</v>
      </c>
      <c r="C5267" t="str">
        <f>'CPT Data'!P5275</f>
        <v>SAND</v>
      </c>
      <c r="D5267" t="e">
        <f>'CPT Data'!Q5275</f>
        <v>#N/A</v>
      </c>
      <c r="E5267" t="e">
        <f t="shared" si="82"/>
        <v>#N/A</v>
      </c>
      <c r="F5267" t="str">
        <f>IF(C5267="CLAY", INDEX(D$4:D5267, MATCH("CLAY", C$4:C5267, 0)), "")</f>
        <v/>
      </c>
    </row>
    <row r="5268" spans="1:6" x14ac:dyDescent="0.2">
      <c r="A5268" s="239">
        <f>'CPT Data'!B5276</f>
        <v>52.223999999999997</v>
      </c>
      <c r="B5268" s="3">
        <f>'CPT Data'!C5276</f>
        <v>52.216999999999999</v>
      </c>
      <c r="C5268" t="str">
        <f>'CPT Data'!P5276</f>
        <v>SAND</v>
      </c>
      <c r="D5268" t="e">
        <f>'CPT Data'!Q5276</f>
        <v>#N/A</v>
      </c>
      <c r="E5268" t="e">
        <f t="shared" si="82"/>
        <v>#N/A</v>
      </c>
      <c r="F5268" t="str">
        <f>IF(C5268="CLAY", INDEX(D$4:D5268, MATCH("CLAY", C$4:C5268, 0)), "")</f>
        <v/>
      </c>
    </row>
    <row r="5269" spans="1:6" x14ac:dyDescent="0.2">
      <c r="A5269" s="239">
        <f>'CPT Data'!B5277</f>
        <v>52.232999999999997</v>
      </c>
      <c r="B5269" s="3">
        <f>'CPT Data'!C5277</f>
        <v>52.225999999999999</v>
      </c>
      <c r="C5269" t="str">
        <f>'CPT Data'!P5277</f>
        <v>SAND</v>
      </c>
      <c r="D5269" t="e">
        <f>'CPT Data'!Q5277</f>
        <v>#N/A</v>
      </c>
      <c r="E5269" t="e">
        <f t="shared" si="82"/>
        <v>#N/A</v>
      </c>
      <c r="F5269" t="str">
        <f>IF(C5269="CLAY", INDEX(D$4:D5269, MATCH("CLAY", C$4:C5269, 0)), "")</f>
        <v/>
      </c>
    </row>
    <row r="5270" spans="1:6" x14ac:dyDescent="0.2">
      <c r="A5270" s="239">
        <f>'CPT Data'!B5278</f>
        <v>52.243000000000002</v>
      </c>
      <c r="B5270" s="3">
        <f>'CPT Data'!C5278</f>
        <v>52.236000000000004</v>
      </c>
      <c r="C5270" t="str">
        <f>'CPT Data'!P5278</f>
        <v>SAND</v>
      </c>
      <c r="D5270" t="e">
        <f>'CPT Data'!Q5278</f>
        <v>#N/A</v>
      </c>
      <c r="E5270" t="e">
        <f t="shared" si="82"/>
        <v>#N/A</v>
      </c>
      <c r="F5270" t="str">
        <f>IF(C5270="CLAY", INDEX(D$4:D5270, MATCH("CLAY", C$4:C5270, 0)), "")</f>
        <v/>
      </c>
    </row>
    <row r="5271" spans="1:6" x14ac:dyDescent="0.2">
      <c r="A5271" s="239">
        <f>'CPT Data'!B5279</f>
        <v>52.253</v>
      </c>
      <c r="B5271" s="3">
        <f>'CPT Data'!C5279</f>
        <v>52.246000000000002</v>
      </c>
      <c r="C5271" t="str">
        <f>'CPT Data'!P5279</f>
        <v>CLAY</v>
      </c>
      <c r="D5271">
        <f>'CPT Data'!Q5279</f>
        <v>741.84300604723285</v>
      </c>
      <c r="E5271">
        <f t="shared" si="82"/>
        <v>741.84300604723285</v>
      </c>
      <c r="F5271">
        <f>IF(C5271="CLAY", INDEX(D$4:D5271, MATCH("CLAY", C$4:C5271, 0)), "")</f>
        <v>0.75203252561341039</v>
      </c>
    </row>
    <row r="5272" spans="1:6" x14ac:dyDescent="0.2">
      <c r="A5272" s="239">
        <f>'CPT Data'!B5280</f>
        <v>52.262</v>
      </c>
      <c r="B5272" s="3">
        <f>'CPT Data'!C5280</f>
        <v>52.255000000000003</v>
      </c>
      <c r="C5272" t="str">
        <f>'CPT Data'!P5280</f>
        <v>CLAY</v>
      </c>
      <c r="D5272">
        <f>'CPT Data'!Q5280</f>
        <v>683.08808026208737</v>
      </c>
      <c r="E5272">
        <f t="shared" si="82"/>
        <v>741.84300604723285</v>
      </c>
      <c r="F5272">
        <f>IF(C5272="CLAY", INDEX(D$4:D5272, MATCH("CLAY", C$4:C5272, 0)), "")</f>
        <v>0.75203252561341039</v>
      </c>
    </row>
    <row r="5273" spans="1:6" x14ac:dyDescent="0.2">
      <c r="A5273" s="239">
        <f>'CPT Data'!B5281</f>
        <v>52.271999999999998</v>
      </c>
      <c r="B5273" s="3">
        <f>'CPT Data'!C5281</f>
        <v>52.265000000000001</v>
      </c>
      <c r="C5273" t="str">
        <f>'CPT Data'!P5281</f>
        <v>CLAY</v>
      </c>
      <c r="D5273">
        <f>'CPT Data'!Q5281</f>
        <v>641.46116377901274</v>
      </c>
      <c r="E5273">
        <f t="shared" si="82"/>
        <v>683.08808026208737</v>
      </c>
      <c r="F5273">
        <f>IF(C5273="CLAY", INDEX(D$4:D5273, MATCH("CLAY", C$4:C5273, 0)), "")</f>
        <v>0.75203252561341039</v>
      </c>
    </row>
    <row r="5274" spans="1:6" x14ac:dyDescent="0.2">
      <c r="A5274" s="239">
        <f>'CPT Data'!B5282</f>
        <v>52.281999999999996</v>
      </c>
      <c r="B5274" s="3">
        <f>'CPT Data'!C5282</f>
        <v>52.274999999999999</v>
      </c>
      <c r="C5274" t="str">
        <f>'CPT Data'!P5282</f>
        <v>CLAY</v>
      </c>
      <c r="D5274">
        <f>'CPT Data'!Q5282</f>
        <v>606.75147916048911</v>
      </c>
      <c r="E5274">
        <f t="shared" si="82"/>
        <v>641.46116377901274</v>
      </c>
      <c r="F5274">
        <f>IF(C5274="CLAY", INDEX(D$4:D5274, MATCH("CLAY", C$4:C5274, 0)), "")</f>
        <v>0.75203252561341039</v>
      </c>
    </row>
    <row r="5275" spans="1:6" x14ac:dyDescent="0.2">
      <c r="A5275" s="239">
        <f>'CPT Data'!B5283</f>
        <v>52.292000000000002</v>
      </c>
      <c r="B5275" s="3">
        <f>'CPT Data'!C5283</f>
        <v>52.285000000000004</v>
      </c>
      <c r="C5275" t="str">
        <f>'CPT Data'!P5283</f>
        <v>CLAY</v>
      </c>
      <c r="D5275">
        <f>'CPT Data'!Q5283</f>
        <v>564.95507801792735</v>
      </c>
      <c r="E5275">
        <f t="shared" ref="E5275:E5338" si="83">IF(C5275="SAND",#N/A,IF(C5275=C5274,D5274,IF(C5275="CLAY",D5275,#N/A)))</f>
        <v>606.75147916048911</v>
      </c>
      <c r="F5275">
        <f>IF(C5275="CLAY", INDEX(D$4:D5275, MATCH("CLAY", C$4:C5275, 0)), "")</f>
        <v>0.75203252561341039</v>
      </c>
    </row>
    <row r="5276" spans="1:6" x14ac:dyDescent="0.2">
      <c r="A5276" s="239">
        <f>'CPT Data'!B5284</f>
        <v>52.302</v>
      </c>
      <c r="B5276" s="3">
        <f>'CPT Data'!C5284</f>
        <v>52.295000000000002</v>
      </c>
      <c r="C5276" t="str">
        <f>'CPT Data'!P5284</f>
        <v>CLAY</v>
      </c>
      <c r="D5276">
        <f>'CPT Data'!Q5284</f>
        <v>531.29532216164</v>
      </c>
      <c r="E5276">
        <f t="shared" si="83"/>
        <v>564.95507801792735</v>
      </c>
      <c r="F5276">
        <f>IF(C5276="CLAY", INDEX(D$4:D5276, MATCH("CLAY", C$4:C5276, 0)), "")</f>
        <v>0.75203252561341039</v>
      </c>
    </row>
    <row r="5277" spans="1:6" x14ac:dyDescent="0.2">
      <c r="A5277" s="239">
        <f>'CPT Data'!B5285</f>
        <v>52.311</v>
      </c>
      <c r="B5277" s="3">
        <f>'CPT Data'!C5285</f>
        <v>52.304000000000002</v>
      </c>
      <c r="C5277" t="str">
        <f>'CPT Data'!P5285</f>
        <v>CLAY</v>
      </c>
      <c r="D5277">
        <f>'CPT Data'!Q5285</f>
        <v>531.12487885407768</v>
      </c>
      <c r="E5277">
        <f t="shared" si="83"/>
        <v>531.29532216164</v>
      </c>
      <c r="F5277">
        <f>IF(C5277="CLAY", INDEX(D$4:D5277, MATCH("CLAY", C$4:C5277, 0)), "")</f>
        <v>0.75203252561341039</v>
      </c>
    </row>
    <row r="5278" spans="1:6" x14ac:dyDescent="0.2">
      <c r="A5278" s="239">
        <f>'CPT Data'!B5286</f>
        <v>52.317</v>
      </c>
      <c r="B5278" s="3">
        <f>'CPT Data'!C5286</f>
        <v>52.31</v>
      </c>
      <c r="C5278" t="str">
        <f>'CPT Data'!P5286</f>
        <v>CLAY</v>
      </c>
      <c r="D5278">
        <f>'CPT Data'!Q5286</f>
        <v>565.159688758078</v>
      </c>
      <c r="E5278">
        <f t="shared" si="83"/>
        <v>531.12487885407768</v>
      </c>
      <c r="F5278">
        <f>IF(C5278="CLAY", INDEX(D$4:D5278, MATCH("CLAY", C$4:C5278, 0)), "")</f>
        <v>0.75203252561341039</v>
      </c>
    </row>
    <row r="5279" spans="1:6" x14ac:dyDescent="0.2">
      <c r="A5279" s="239">
        <f>'CPT Data'!B5287</f>
        <v>52.331000000000003</v>
      </c>
      <c r="B5279" s="3">
        <f>'CPT Data'!C5287</f>
        <v>52.324000000000005</v>
      </c>
      <c r="C5279" t="str">
        <f>'CPT Data'!P5287</f>
        <v>CLAY</v>
      </c>
      <c r="D5279">
        <f>'CPT Data'!Q5287</f>
        <v>635.66550201819871</v>
      </c>
      <c r="E5279">
        <f t="shared" si="83"/>
        <v>565.159688758078</v>
      </c>
      <c r="F5279">
        <f>IF(C5279="CLAY", INDEX(D$4:D5279, MATCH("CLAY", C$4:C5279, 0)), "")</f>
        <v>0.75203252561341039</v>
      </c>
    </row>
    <row r="5280" spans="1:6" x14ac:dyDescent="0.2">
      <c r="A5280" s="239">
        <f>'CPT Data'!B5288</f>
        <v>52.341000000000001</v>
      </c>
      <c r="B5280" s="3">
        <f>'CPT Data'!C5288</f>
        <v>52.334000000000003</v>
      </c>
      <c r="C5280" t="str">
        <f>'CPT Data'!P5288</f>
        <v>CLAY</v>
      </c>
      <c r="D5280">
        <f>'CPT Data'!Q5288</f>
        <v>748.46124854509878</v>
      </c>
      <c r="E5280">
        <f t="shared" si="83"/>
        <v>635.66550201819871</v>
      </c>
      <c r="F5280">
        <f>IF(C5280="CLAY", INDEX(D$4:D5280, MATCH("CLAY", C$4:C5280, 0)), "")</f>
        <v>0.75203252561341039</v>
      </c>
    </row>
    <row r="5281" spans="1:6" x14ac:dyDescent="0.2">
      <c r="A5281" s="239">
        <f>'CPT Data'!B5289</f>
        <v>52.35</v>
      </c>
      <c r="B5281" s="3">
        <f>'CPT Data'!C5289</f>
        <v>52.343000000000004</v>
      </c>
      <c r="C5281" t="str">
        <f>'CPT Data'!P5289</f>
        <v>CLAY</v>
      </c>
      <c r="D5281">
        <f>'CPT Data'!Q5289</f>
        <v>806.78180967882361</v>
      </c>
      <c r="E5281">
        <f t="shared" si="83"/>
        <v>748.46124854509878</v>
      </c>
      <c r="F5281">
        <f>IF(C5281="CLAY", INDEX(D$4:D5281, MATCH("CLAY", C$4:C5281, 0)), "")</f>
        <v>0.75203252561341039</v>
      </c>
    </row>
    <row r="5282" spans="1:6" x14ac:dyDescent="0.2">
      <c r="A5282" s="239">
        <f>'CPT Data'!B5290</f>
        <v>52.360999999999997</v>
      </c>
      <c r="B5282" s="3">
        <f>'CPT Data'!C5290</f>
        <v>52.353999999999999</v>
      </c>
      <c r="C5282" t="str">
        <f>'CPT Data'!P5290</f>
        <v>CLAY</v>
      </c>
      <c r="D5282">
        <f>'CPT Data'!Q5290</f>
        <v>845.74352244517365</v>
      </c>
      <c r="E5282">
        <f t="shared" si="83"/>
        <v>806.78180967882361</v>
      </c>
      <c r="F5282">
        <f>IF(C5282="CLAY", INDEX(D$4:D5282, MATCH("CLAY", C$4:C5282, 0)), "")</f>
        <v>0.75203252561341039</v>
      </c>
    </row>
    <row r="5283" spans="1:6" x14ac:dyDescent="0.2">
      <c r="A5283" s="239">
        <f>'CPT Data'!B5291</f>
        <v>52.37</v>
      </c>
      <c r="B5283" s="3">
        <f>'CPT Data'!C5291</f>
        <v>52.363</v>
      </c>
      <c r="C5283" t="str">
        <f>'CPT Data'!P5291</f>
        <v>CLAY</v>
      </c>
      <c r="D5283">
        <f>'CPT Data'!Q5291</f>
        <v>891.8488406032684</v>
      </c>
      <c r="E5283">
        <f t="shared" si="83"/>
        <v>845.74352244517365</v>
      </c>
      <c r="F5283">
        <f>IF(C5283="CLAY", INDEX(D$4:D5283, MATCH("CLAY", C$4:C5283, 0)), "")</f>
        <v>0.75203252561341039</v>
      </c>
    </row>
    <row r="5284" spans="1:6" x14ac:dyDescent="0.2">
      <c r="A5284" s="239">
        <f>'CPT Data'!B5292</f>
        <v>52.378999999999998</v>
      </c>
      <c r="B5284" s="3">
        <f>'CPT Data'!C5292</f>
        <v>52.372</v>
      </c>
      <c r="C5284" t="str">
        <f>'CPT Data'!P5292</f>
        <v>CLAY</v>
      </c>
      <c r="D5284">
        <f>'CPT Data'!Q5292</f>
        <v>927.255561786454</v>
      </c>
      <c r="E5284">
        <f t="shared" si="83"/>
        <v>891.8488406032684</v>
      </c>
      <c r="F5284">
        <f>IF(C5284="CLAY", INDEX(D$4:D5284, MATCH("CLAY", C$4:C5284, 0)), "")</f>
        <v>0.75203252561341039</v>
      </c>
    </row>
    <row r="5285" spans="1:6" x14ac:dyDescent="0.2">
      <c r="A5285" s="239">
        <f>'CPT Data'!B5293</f>
        <v>52.39</v>
      </c>
      <c r="B5285" s="3">
        <f>'CPT Data'!C5293</f>
        <v>52.383000000000003</v>
      </c>
      <c r="C5285" t="str">
        <f>'CPT Data'!P5293</f>
        <v>CLAY</v>
      </c>
      <c r="D5285">
        <f>'CPT Data'!Q5293</f>
        <v>894.66104466527531</v>
      </c>
      <c r="E5285">
        <f t="shared" si="83"/>
        <v>927.255561786454</v>
      </c>
      <c r="F5285">
        <f>IF(C5285="CLAY", INDEX(D$4:D5285, MATCH("CLAY", C$4:C5285, 0)), "")</f>
        <v>0.75203252561341039</v>
      </c>
    </row>
    <row r="5286" spans="1:6" x14ac:dyDescent="0.2">
      <c r="A5286" s="239">
        <f>'CPT Data'!B5294</f>
        <v>52.399000000000001</v>
      </c>
      <c r="B5286" s="3">
        <f>'CPT Data'!C5294</f>
        <v>52.392000000000003</v>
      </c>
      <c r="C5286" t="str">
        <f>'CPT Data'!P5294</f>
        <v>CLAY</v>
      </c>
      <c r="D5286">
        <f>'CPT Data'!Q5294</f>
        <v>884.95346294884587</v>
      </c>
      <c r="E5286">
        <f t="shared" si="83"/>
        <v>894.66104466527531</v>
      </c>
      <c r="F5286">
        <f>IF(C5286="CLAY", INDEX(D$4:D5286, MATCH("CLAY", C$4:C5286, 0)), "")</f>
        <v>0.75203252561341039</v>
      </c>
    </row>
    <row r="5287" spans="1:6" x14ac:dyDescent="0.2">
      <c r="A5287" s="239">
        <f>'CPT Data'!B5295</f>
        <v>52.405999999999999</v>
      </c>
      <c r="B5287" s="3">
        <f>'CPT Data'!C5295</f>
        <v>52.399000000000001</v>
      </c>
      <c r="C5287" t="str">
        <f>'CPT Data'!P5295</f>
        <v>CLAY</v>
      </c>
      <c r="D5287">
        <f>'CPT Data'!Q5295</f>
        <v>891.96735475988282</v>
      </c>
      <c r="E5287">
        <f t="shared" si="83"/>
        <v>884.95346294884587</v>
      </c>
      <c r="F5287">
        <f>IF(C5287="CLAY", INDEX(D$4:D5287, MATCH("CLAY", C$4:C5287, 0)), "")</f>
        <v>0.75203252561341039</v>
      </c>
    </row>
    <row r="5288" spans="1:6" x14ac:dyDescent="0.2">
      <c r="A5288" s="239">
        <f>'CPT Data'!B5296</f>
        <v>52.417000000000002</v>
      </c>
      <c r="B5288" s="3">
        <f>'CPT Data'!C5296</f>
        <v>52.410000000000004</v>
      </c>
      <c r="C5288" t="str">
        <f>'CPT Data'!P5296</f>
        <v>CLAY</v>
      </c>
      <c r="D5288">
        <f>'CPT Data'!Q5296</f>
        <v>841.67295533392041</v>
      </c>
      <c r="E5288">
        <f t="shared" si="83"/>
        <v>891.96735475988282</v>
      </c>
      <c r="F5288">
        <f>IF(C5288="CLAY", INDEX(D$4:D5288, MATCH("CLAY", C$4:C5288, 0)), "")</f>
        <v>0.75203252561341039</v>
      </c>
    </row>
    <row r="5289" spans="1:6" x14ac:dyDescent="0.2">
      <c r="A5289" s="239">
        <f>'CPT Data'!B5297</f>
        <v>52.427</v>
      </c>
      <c r="B5289" s="3">
        <f>'CPT Data'!C5297</f>
        <v>52.42</v>
      </c>
      <c r="C5289" t="str">
        <f>'CPT Data'!P5297</f>
        <v>CLAY</v>
      </c>
      <c r="D5289">
        <f>'CPT Data'!Q5297</f>
        <v>997.67590348598458</v>
      </c>
      <c r="E5289">
        <f t="shared" si="83"/>
        <v>841.67295533392041</v>
      </c>
      <c r="F5289">
        <f>IF(C5289="CLAY", INDEX(D$4:D5289, MATCH("CLAY", C$4:C5289, 0)), "")</f>
        <v>0.75203252561341039</v>
      </c>
    </row>
    <row r="5290" spans="1:6" x14ac:dyDescent="0.2">
      <c r="A5290" s="239">
        <f>'CPT Data'!B5298</f>
        <v>52.436</v>
      </c>
      <c r="B5290" s="3">
        <f>'CPT Data'!C5298</f>
        <v>52.429000000000002</v>
      </c>
      <c r="C5290" t="str">
        <f>'CPT Data'!P5298</f>
        <v>CLAY</v>
      </c>
      <c r="D5290">
        <f>'CPT Data'!Q5298</f>
        <v>955.28232796006068</v>
      </c>
      <c r="E5290">
        <f t="shared" si="83"/>
        <v>997.67590348598458</v>
      </c>
      <c r="F5290">
        <f>IF(C5290="CLAY", INDEX(D$4:D5290, MATCH("CLAY", C$4:C5290, 0)), "")</f>
        <v>0.75203252561341039</v>
      </c>
    </row>
    <row r="5291" spans="1:6" x14ac:dyDescent="0.2">
      <c r="A5291" s="239">
        <f>'CPT Data'!B5299</f>
        <v>52.447000000000003</v>
      </c>
      <c r="B5291" s="3">
        <f>'CPT Data'!C5299</f>
        <v>52.440000000000005</v>
      </c>
      <c r="C5291" t="str">
        <f>'CPT Data'!P5299</f>
        <v>CLAY</v>
      </c>
      <c r="D5291">
        <f>'CPT Data'!Q5299</f>
        <v>803.67093289375543</v>
      </c>
      <c r="E5291">
        <f t="shared" si="83"/>
        <v>955.28232796006068</v>
      </c>
      <c r="F5291">
        <f>IF(C5291="CLAY", INDEX(D$4:D5291, MATCH("CLAY", C$4:C5291, 0)), "")</f>
        <v>0.75203252561341039</v>
      </c>
    </row>
    <row r="5292" spans="1:6" x14ac:dyDescent="0.2">
      <c r="A5292" s="239">
        <f>'CPT Data'!B5300</f>
        <v>52.456000000000003</v>
      </c>
      <c r="B5292" s="3">
        <f>'CPT Data'!C5300</f>
        <v>52.449000000000005</v>
      </c>
      <c r="C5292" t="str">
        <f>'CPT Data'!P5300</f>
        <v>CLAY</v>
      </c>
      <c r="D5292">
        <f>'CPT Data'!Q5300</f>
        <v>678.37895874259846</v>
      </c>
      <c r="E5292">
        <f t="shared" si="83"/>
        <v>803.67093289375543</v>
      </c>
      <c r="F5292">
        <f>IF(C5292="CLAY", INDEX(D$4:D5292, MATCH("CLAY", C$4:C5292, 0)), "")</f>
        <v>0.75203252561341039</v>
      </c>
    </row>
    <row r="5293" spans="1:6" x14ac:dyDescent="0.2">
      <c r="A5293" s="239">
        <f>'CPT Data'!B5301</f>
        <v>52.466000000000001</v>
      </c>
      <c r="B5293" s="3">
        <f>'CPT Data'!C5301</f>
        <v>52.459000000000003</v>
      </c>
      <c r="C5293" t="str">
        <f>'CPT Data'!P5301</f>
        <v>CLAY</v>
      </c>
      <c r="D5293">
        <f>'CPT Data'!Q5301</f>
        <v>647.07751821671843</v>
      </c>
      <c r="E5293">
        <f t="shared" si="83"/>
        <v>678.37895874259846</v>
      </c>
      <c r="F5293">
        <f>IF(C5293="CLAY", INDEX(D$4:D5293, MATCH("CLAY", C$4:C5293, 0)), "")</f>
        <v>0.75203252561341039</v>
      </c>
    </row>
    <row r="5294" spans="1:6" x14ac:dyDescent="0.2">
      <c r="A5294" s="239">
        <f>'CPT Data'!B5302</f>
        <v>52.475999999999999</v>
      </c>
      <c r="B5294" s="3">
        <f>'CPT Data'!C5302</f>
        <v>52.469000000000001</v>
      </c>
      <c r="C5294" t="str">
        <f>'CPT Data'!P5302</f>
        <v>CLAY</v>
      </c>
      <c r="D5294">
        <f>'CPT Data'!Q5302</f>
        <v>566.63894911458226</v>
      </c>
      <c r="E5294">
        <f t="shared" si="83"/>
        <v>647.07751821671843</v>
      </c>
      <c r="F5294">
        <f>IF(C5294="CLAY", INDEX(D$4:D5294, MATCH("CLAY", C$4:C5294, 0)), "")</f>
        <v>0.75203252561341039</v>
      </c>
    </row>
    <row r="5295" spans="1:6" x14ac:dyDescent="0.2">
      <c r="A5295" s="239">
        <f>'CPT Data'!B5303</f>
        <v>52.484999999999999</v>
      </c>
      <c r="B5295" s="3">
        <f>'CPT Data'!C5303</f>
        <v>52.478000000000002</v>
      </c>
      <c r="C5295" t="str">
        <f>'CPT Data'!P5303</f>
        <v>CLAY</v>
      </c>
      <c r="D5295">
        <f>'CPT Data'!Q5303</f>
        <v>528.14712865193371</v>
      </c>
      <c r="E5295">
        <f t="shared" si="83"/>
        <v>566.63894911458226</v>
      </c>
      <c r="F5295">
        <f>IF(C5295="CLAY", INDEX(D$4:D5295, MATCH("CLAY", C$4:C5295, 0)), "")</f>
        <v>0.75203252561341039</v>
      </c>
    </row>
    <row r="5296" spans="1:6" x14ac:dyDescent="0.2">
      <c r="A5296" s="239">
        <f>'CPT Data'!B5304</f>
        <v>52.494999999999997</v>
      </c>
      <c r="B5296" s="3">
        <f>'CPT Data'!C5304</f>
        <v>52.488</v>
      </c>
      <c r="C5296" t="str">
        <f>'CPT Data'!P5304</f>
        <v>CLAY</v>
      </c>
      <c r="D5296">
        <f>'CPT Data'!Q5304</f>
        <v>474.04175823687302</v>
      </c>
      <c r="E5296">
        <f t="shared" si="83"/>
        <v>528.14712865193371</v>
      </c>
      <c r="F5296">
        <f>IF(C5296="CLAY", INDEX(D$4:D5296, MATCH("CLAY", C$4:C5296, 0)), "")</f>
        <v>0.75203252561341039</v>
      </c>
    </row>
    <row r="5297" spans="1:6" x14ac:dyDescent="0.2">
      <c r="A5297" s="239">
        <f>'CPT Data'!B5305</f>
        <v>52.506</v>
      </c>
      <c r="B5297" s="3">
        <f>'CPT Data'!C5305</f>
        <v>52.499000000000002</v>
      </c>
      <c r="C5297" t="str">
        <f>'CPT Data'!P5305</f>
        <v>CLAY</v>
      </c>
      <c r="D5297">
        <f>'CPT Data'!Q5305</f>
        <v>458.75081610824873</v>
      </c>
      <c r="E5297">
        <f t="shared" si="83"/>
        <v>474.04175823687302</v>
      </c>
      <c r="F5297">
        <f>IF(C5297="CLAY", INDEX(D$4:D5297, MATCH("CLAY", C$4:C5297, 0)), "")</f>
        <v>0.75203252561341039</v>
      </c>
    </row>
    <row r="5298" spans="1:6" x14ac:dyDescent="0.2">
      <c r="A5298" s="239">
        <f>'CPT Data'!B5306</f>
        <v>52.515999999999998</v>
      </c>
      <c r="B5298" s="3">
        <f>'CPT Data'!C5306</f>
        <v>52.509</v>
      </c>
      <c r="C5298" t="str">
        <f>'CPT Data'!P5306</f>
        <v>CLAY</v>
      </c>
      <c r="D5298">
        <f>'CPT Data'!Q5306</f>
        <v>465.51664134833419</v>
      </c>
      <c r="E5298">
        <f t="shared" si="83"/>
        <v>458.75081610824873</v>
      </c>
      <c r="F5298">
        <f>IF(C5298="CLAY", INDEX(D$4:D5298, MATCH("CLAY", C$4:C5298, 0)), "")</f>
        <v>0.75203252561341039</v>
      </c>
    </row>
    <row r="5299" spans="1:6" x14ac:dyDescent="0.2">
      <c r="A5299" s="239">
        <f>'CPT Data'!B5307</f>
        <v>52.524999999999999</v>
      </c>
      <c r="B5299" s="3">
        <f>'CPT Data'!C5307</f>
        <v>52.518000000000001</v>
      </c>
      <c r="C5299" t="str">
        <f>'CPT Data'!P5307</f>
        <v>CLAY</v>
      </c>
      <c r="D5299">
        <f>'CPT Data'!Q5307</f>
        <v>484.33422555871795</v>
      </c>
      <c r="E5299">
        <f t="shared" si="83"/>
        <v>465.51664134833419</v>
      </c>
      <c r="F5299">
        <f>IF(C5299="CLAY", INDEX(D$4:D5299, MATCH("CLAY", C$4:C5299, 0)), "")</f>
        <v>0.75203252561341039</v>
      </c>
    </row>
    <row r="5300" spans="1:6" x14ac:dyDescent="0.2">
      <c r="A5300" s="239">
        <f>'CPT Data'!B5308</f>
        <v>52.533999999999999</v>
      </c>
      <c r="B5300" s="3">
        <f>'CPT Data'!C5308</f>
        <v>52.527000000000001</v>
      </c>
      <c r="C5300" t="str">
        <f>'CPT Data'!P5308</f>
        <v>CLAY</v>
      </c>
      <c r="D5300">
        <f>'CPT Data'!Q5308</f>
        <v>485.18180340972935</v>
      </c>
      <c r="E5300">
        <f t="shared" si="83"/>
        <v>484.33422555871795</v>
      </c>
      <c r="F5300">
        <f>IF(C5300="CLAY", INDEX(D$4:D5300, MATCH("CLAY", C$4:C5300, 0)), "")</f>
        <v>0.75203252561341039</v>
      </c>
    </row>
    <row r="5301" spans="1:6" x14ac:dyDescent="0.2">
      <c r="A5301" s="239">
        <f>'CPT Data'!B5309</f>
        <v>52.543999999999997</v>
      </c>
      <c r="B5301" s="3">
        <f>'CPT Data'!C5309</f>
        <v>52.536999999999999</v>
      </c>
      <c r="C5301" t="str">
        <f>'CPT Data'!P5309</f>
        <v>CLAY</v>
      </c>
      <c r="D5301">
        <f>'CPT Data'!Q5309</f>
        <v>508.77029430829543</v>
      </c>
      <c r="E5301">
        <f t="shared" si="83"/>
        <v>485.18180340972935</v>
      </c>
      <c r="F5301">
        <f>IF(C5301="CLAY", INDEX(D$4:D5301, MATCH("CLAY", C$4:C5301, 0)), "")</f>
        <v>0.75203252561341039</v>
      </c>
    </row>
    <row r="5302" spans="1:6" x14ac:dyDescent="0.2">
      <c r="A5302" s="239">
        <f>'CPT Data'!B5310</f>
        <v>52.552999999999997</v>
      </c>
      <c r="B5302" s="3">
        <f>'CPT Data'!C5310</f>
        <v>52.545999999999999</v>
      </c>
      <c r="C5302" t="str">
        <f>'CPT Data'!P5310</f>
        <v>CLAY</v>
      </c>
      <c r="D5302">
        <f>'CPT Data'!Q5310</f>
        <v>572.7995081297579</v>
      </c>
      <c r="E5302">
        <f t="shared" si="83"/>
        <v>508.77029430829543</v>
      </c>
      <c r="F5302">
        <f>IF(C5302="CLAY", INDEX(D$4:D5302, MATCH("CLAY", C$4:C5302, 0)), "")</f>
        <v>0.75203252561341039</v>
      </c>
    </row>
    <row r="5303" spans="1:6" x14ac:dyDescent="0.2">
      <c r="A5303" s="239">
        <f>'CPT Data'!B5311</f>
        <v>52.563000000000002</v>
      </c>
      <c r="B5303" s="3">
        <f>'CPT Data'!C5311</f>
        <v>52.556000000000004</v>
      </c>
      <c r="C5303" t="str">
        <f>'CPT Data'!P5311</f>
        <v>CLAY</v>
      </c>
      <c r="D5303">
        <f>'CPT Data'!Q5311</f>
        <v>624.86268408664171</v>
      </c>
      <c r="E5303">
        <f t="shared" si="83"/>
        <v>572.7995081297579</v>
      </c>
      <c r="F5303">
        <f>IF(C5303="CLAY", INDEX(D$4:D5303, MATCH("CLAY", C$4:C5303, 0)), "")</f>
        <v>0.75203252561341039</v>
      </c>
    </row>
    <row r="5304" spans="1:6" x14ac:dyDescent="0.2">
      <c r="A5304" s="239">
        <f>'CPT Data'!B5312</f>
        <v>52.573</v>
      </c>
      <c r="B5304" s="3">
        <f>'CPT Data'!C5312</f>
        <v>52.566000000000003</v>
      </c>
      <c r="C5304" t="str">
        <f>'CPT Data'!P5312</f>
        <v>CLAY</v>
      </c>
      <c r="D5304">
        <f>'CPT Data'!Q5312</f>
        <v>691.08963190783277</v>
      </c>
      <c r="E5304">
        <f t="shared" si="83"/>
        <v>624.86268408664171</v>
      </c>
      <c r="F5304">
        <f>IF(C5304="CLAY", INDEX(D$4:D5304, MATCH("CLAY", C$4:C5304, 0)), "")</f>
        <v>0.75203252561341039</v>
      </c>
    </row>
    <row r="5305" spans="1:6" x14ac:dyDescent="0.2">
      <c r="A5305" s="239">
        <f>'CPT Data'!B5313</f>
        <v>52.582000000000001</v>
      </c>
      <c r="B5305" s="3">
        <f>'CPT Data'!C5313</f>
        <v>52.575000000000003</v>
      </c>
      <c r="C5305" t="str">
        <f>'CPT Data'!P5313</f>
        <v>CLAY</v>
      </c>
      <c r="D5305">
        <f>'CPT Data'!Q5313</f>
        <v>755.43238667894104</v>
      </c>
      <c r="E5305">
        <f t="shared" si="83"/>
        <v>691.08963190783277</v>
      </c>
      <c r="F5305">
        <f>IF(C5305="CLAY", INDEX(D$4:D5305, MATCH("CLAY", C$4:C5305, 0)), "")</f>
        <v>0.75203252561341039</v>
      </c>
    </row>
    <row r="5306" spans="1:6" x14ac:dyDescent="0.2">
      <c r="A5306" s="239">
        <f>'CPT Data'!B5314</f>
        <v>52.59</v>
      </c>
      <c r="B5306" s="3">
        <f>'CPT Data'!C5314</f>
        <v>52.583000000000006</v>
      </c>
      <c r="C5306" t="str">
        <f>'CPT Data'!P5314</f>
        <v>CLAY</v>
      </c>
      <c r="D5306">
        <f>'CPT Data'!Q5314</f>
        <v>824.97970594478863</v>
      </c>
      <c r="E5306">
        <f t="shared" si="83"/>
        <v>755.43238667894104</v>
      </c>
      <c r="F5306">
        <f>IF(C5306="CLAY", INDEX(D$4:D5306, MATCH("CLAY", C$4:C5306, 0)), "")</f>
        <v>0.75203252561341039</v>
      </c>
    </row>
    <row r="5307" spans="1:6" x14ac:dyDescent="0.2">
      <c r="A5307" s="239">
        <f>'CPT Data'!B5315</f>
        <v>52.600999999999999</v>
      </c>
      <c r="B5307" s="3">
        <f>'CPT Data'!C5315</f>
        <v>52.594000000000001</v>
      </c>
      <c r="C5307" t="str">
        <f>'CPT Data'!P5315</f>
        <v>CLAY</v>
      </c>
      <c r="D5307">
        <f>'CPT Data'!Q5315</f>
        <v>891.99102480684451</v>
      </c>
      <c r="E5307">
        <f t="shared" si="83"/>
        <v>824.97970594478863</v>
      </c>
      <c r="F5307">
        <f>IF(C5307="CLAY", INDEX(D$4:D5307, MATCH("CLAY", C$4:C5307, 0)), "")</f>
        <v>0.75203252561341039</v>
      </c>
    </row>
    <row r="5308" spans="1:6" x14ac:dyDescent="0.2">
      <c r="A5308" s="239">
        <f>'CPT Data'!B5316</f>
        <v>52.61</v>
      </c>
      <c r="B5308" s="3">
        <f>'CPT Data'!C5316</f>
        <v>52.603000000000002</v>
      </c>
      <c r="C5308" t="str">
        <f>'CPT Data'!P5316</f>
        <v>SAND</v>
      </c>
      <c r="D5308" t="e">
        <f>'CPT Data'!Q5316</f>
        <v>#N/A</v>
      </c>
      <c r="E5308" t="e">
        <f t="shared" si="83"/>
        <v>#N/A</v>
      </c>
      <c r="F5308" t="str">
        <f>IF(C5308="CLAY", INDEX(D$4:D5308, MATCH("CLAY", C$4:C5308, 0)), "")</f>
        <v/>
      </c>
    </row>
    <row r="5309" spans="1:6" x14ac:dyDescent="0.2">
      <c r="A5309" s="239">
        <f>'CPT Data'!B5317</f>
        <v>52.619</v>
      </c>
      <c r="B5309" s="3">
        <f>'CPT Data'!C5317</f>
        <v>52.612000000000002</v>
      </c>
      <c r="C5309" t="str">
        <f>'CPT Data'!P5317</f>
        <v>SAND</v>
      </c>
      <c r="D5309" t="e">
        <f>'CPT Data'!Q5317</f>
        <v>#N/A</v>
      </c>
      <c r="E5309" t="e">
        <f t="shared" si="83"/>
        <v>#N/A</v>
      </c>
      <c r="F5309" t="str">
        <f>IF(C5309="CLAY", INDEX(D$4:D5309, MATCH("CLAY", C$4:C5309, 0)), "")</f>
        <v/>
      </c>
    </row>
    <row r="5310" spans="1:6" x14ac:dyDescent="0.2">
      <c r="A5310" s="239">
        <f>'CPT Data'!B5318</f>
        <v>52.63</v>
      </c>
      <c r="B5310" s="3">
        <f>'CPT Data'!C5318</f>
        <v>52.623000000000005</v>
      </c>
      <c r="C5310" t="str">
        <f>'CPT Data'!P5318</f>
        <v>SAND</v>
      </c>
      <c r="D5310" t="e">
        <f>'CPT Data'!Q5318</f>
        <v>#N/A</v>
      </c>
      <c r="E5310" t="e">
        <f t="shared" si="83"/>
        <v>#N/A</v>
      </c>
      <c r="F5310" t="str">
        <f>IF(C5310="CLAY", INDEX(D$4:D5310, MATCH("CLAY", C$4:C5310, 0)), "")</f>
        <v/>
      </c>
    </row>
    <row r="5311" spans="1:6" x14ac:dyDescent="0.2">
      <c r="A5311" s="239">
        <f>'CPT Data'!B5319</f>
        <v>52.639000000000003</v>
      </c>
      <c r="B5311" s="3">
        <f>'CPT Data'!C5319</f>
        <v>52.632000000000005</v>
      </c>
      <c r="C5311" t="str">
        <f>'CPT Data'!P5319</f>
        <v>SAND</v>
      </c>
      <c r="D5311" t="e">
        <f>'CPT Data'!Q5319</f>
        <v>#N/A</v>
      </c>
      <c r="E5311" t="e">
        <f t="shared" si="83"/>
        <v>#N/A</v>
      </c>
      <c r="F5311" t="str">
        <f>IF(C5311="CLAY", INDEX(D$4:D5311, MATCH("CLAY", C$4:C5311, 0)), "")</f>
        <v/>
      </c>
    </row>
    <row r="5312" spans="1:6" x14ac:dyDescent="0.2">
      <c r="A5312" s="239">
        <f>'CPT Data'!B5320</f>
        <v>52.648000000000003</v>
      </c>
      <c r="B5312" s="3">
        <f>'CPT Data'!C5320</f>
        <v>52.641000000000005</v>
      </c>
      <c r="C5312" t="str">
        <f>'CPT Data'!P5320</f>
        <v>SAND</v>
      </c>
      <c r="D5312" t="e">
        <f>'CPT Data'!Q5320</f>
        <v>#N/A</v>
      </c>
      <c r="E5312" t="e">
        <f t="shared" si="83"/>
        <v>#N/A</v>
      </c>
      <c r="F5312" t="str">
        <f>IF(C5312="CLAY", INDEX(D$4:D5312, MATCH("CLAY", C$4:C5312, 0)), "")</f>
        <v/>
      </c>
    </row>
    <row r="5313" spans="1:6" x14ac:dyDescent="0.2">
      <c r="A5313" s="239">
        <f>'CPT Data'!B5321</f>
        <v>52.658999999999999</v>
      </c>
      <c r="B5313" s="3">
        <f>'CPT Data'!C5321</f>
        <v>52.652000000000001</v>
      </c>
      <c r="C5313" t="str">
        <f>'CPT Data'!P5321</f>
        <v>SAND</v>
      </c>
      <c r="D5313" t="e">
        <f>'CPT Data'!Q5321</f>
        <v>#N/A</v>
      </c>
      <c r="E5313" t="e">
        <f t="shared" si="83"/>
        <v>#N/A</v>
      </c>
      <c r="F5313" t="str">
        <f>IF(C5313="CLAY", INDEX(D$4:D5313, MATCH("CLAY", C$4:C5313, 0)), "")</f>
        <v/>
      </c>
    </row>
    <row r="5314" spans="1:6" x14ac:dyDescent="0.2">
      <c r="A5314" s="239">
        <f>'CPT Data'!B5322</f>
        <v>52.668999999999997</v>
      </c>
      <c r="B5314" s="3">
        <f>'CPT Data'!C5322</f>
        <v>52.661999999999999</v>
      </c>
      <c r="C5314" t="str">
        <f>'CPT Data'!P5322</f>
        <v>SAND</v>
      </c>
      <c r="D5314" t="e">
        <f>'CPT Data'!Q5322</f>
        <v>#N/A</v>
      </c>
      <c r="E5314" t="e">
        <f t="shared" si="83"/>
        <v>#N/A</v>
      </c>
      <c r="F5314" t="str">
        <f>IF(C5314="CLAY", INDEX(D$4:D5314, MATCH("CLAY", C$4:C5314, 0)), "")</f>
        <v/>
      </c>
    </row>
    <row r="5315" spans="1:6" x14ac:dyDescent="0.2">
      <c r="A5315" s="239">
        <f>'CPT Data'!B5323</f>
        <v>52.68</v>
      </c>
      <c r="B5315" s="3">
        <f>'CPT Data'!C5323</f>
        <v>52.673000000000002</v>
      </c>
      <c r="C5315" t="str">
        <f>'CPT Data'!P5323</f>
        <v>SAND</v>
      </c>
      <c r="D5315" t="e">
        <f>'CPT Data'!Q5323</f>
        <v>#N/A</v>
      </c>
      <c r="E5315" t="e">
        <f t="shared" si="83"/>
        <v>#N/A</v>
      </c>
      <c r="F5315" t="str">
        <f>IF(C5315="CLAY", INDEX(D$4:D5315, MATCH("CLAY", C$4:C5315, 0)), "")</f>
        <v/>
      </c>
    </row>
    <row r="5316" spans="1:6" x14ac:dyDescent="0.2">
      <c r="A5316" s="239">
        <f>'CPT Data'!B5324</f>
        <v>52.689</v>
      </c>
      <c r="B5316" s="3">
        <f>'CPT Data'!C5324</f>
        <v>52.682000000000002</v>
      </c>
      <c r="C5316" t="str">
        <f>'CPT Data'!P5324</f>
        <v>SAND</v>
      </c>
      <c r="D5316" t="e">
        <f>'CPT Data'!Q5324</f>
        <v>#N/A</v>
      </c>
      <c r="E5316" t="e">
        <f t="shared" si="83"/>
        <v>#N/A</v>
      </c>
      <c r="F5316" t="str">
        <f>IF(C5316="CLAY", INDEX(D$4:D5316, MATCH("CLAY", C$4:C5316, 0)), "")</f>
        <v/>
      </c>
    </row>
    <row r="5317" spans="1:6" x14ac:dyDescent="0.2">
      <c r="A5317" s="239">
        <f>'CPT Data'!B5325</f>
        <v>52.7</v>
      </c>
      <c r="B5317" s="3">
        <f>'CPT Data'!C5325</f>
        <v>52.693000000000005</v>
      </c>
      <c r="C5317" t="str">
        <f>'CPT Data'!P5325</f>
        <v>SAND</v>
      </c>
      <c r="D5317" t="e">
        <f>'CPT Data'!Q5325</f>
        <v>#N/A</v>
      </c>
      <c r="E5317" t="e">
        <f t="shared" si="83"/>
        <v>#N/A</v>
      </c>
      <c r="F5317" t="str">
        <f>IF(C5317="CLAY", INDEX(D$4:D5317, MATCH("CLAY", C$4:C5317, 0)), "")</f>
        <v/>
      </c>
    </row>
    <row r="5318" spans="1:6" x14ac:dyDescent="0.2">
      <c r="A5318" s="239">
        <f>'CPT Data'!B5326</f>
        <v>52.71</v>
      </c>
      <c r="B5318" s="3">
        <f>'CPT Data'!C5326</f>
        <v>52.703000000000003</v>
      </c>
      <c r="C5318" t="str">
        <f>'CPT Data'!P5326</f>
        <v>SAND</v>
      </c>
      <c r="D5318" t="e">
        <f>'CPT Data'!Q5326</f>
        <v>#N/A</v>
      </c>
      <c r="E5318" t="e">
        <f t="shared" si="83"/>
        <v>#N/A</v>
      </c>
      <c r="F5318" t="str">
        <f>IF(C5318="CLAY", INDEX(D$4:D5318, MATCH("CLAY", C$4:C5318, 0)), "")</f>
        <v/>
      </c>
    </row>
    <row r="5319" spans="1:6" x14ac:dyDescent="0.2">
      <c r="A5319" s="239">
        <f>'CPT Data'!B5327</f>
        <v>52.72</v>
      </c>
      <c r="B5319" s="3">
        <f>'CPT Data'!C5327</f>
        <v>52.713000000000001</v>
      </c>
      <c r="C5319" t="str">
        <f>'CPT Data'!P5327</f>
        <v>SAND</v>
      </c>
      <c r="D5319" t="e">
        <f>'CPT Data'!Q5327</f>
        <v>#N/A</v>
      </c>
      <c r="E5319" t="e">
        <f t="shared" si="83"/>
        <v>#N/A</v>
      </c>
      <c r="F5319" t="str">
        <f>IF(C5319="CLAY", INDEX(D$4:D5319, MATCH("CLAY", C$4:C5319, 0)), "")</f>
        <v/>
      </c>
    </row>
    <row r="5320" spans="1:6" x14ac:dyDescent="0.2">
      <c r="A5320" s="239">
        <f>'CPT Data'!B5328</f>
        <v>52.73</v>
      </c>
      <c r="B5320" s="3">
        <f>'CPT Data'!C5328</f>
        <v>52.722999999999999</v>
      </c>
      <c r="C5320" t="str">
        <f>'CPT Data'!P5328</f>
        <v>SAND</v>
      </c>
      <c r="D5320" t="e">
        <f>'CPT Data'!Q5328</f>
        <v>#N/A</v>
      </c>
      <c r="E5320" t="e">
        <f t="shared" si="83"/>
        <v>#N/A</v>
      </c>
      <c r="F5320" t="str">
        <f>IF(C5320="CLAY", INDEX(D$4:D5320, MATCH("CLAY", C$4:C5320, 0)), "")</f>
        <v/>
      </c>
    </row>
    <row r="5321" spans="1:6" x14ac:dyDescent="0.2">
      <c r="A5321" s="239">
        <f>'CPT Data'!B5329</f>
        <v>52.741</v>
      </c>
      <c r="B5321" s="3">
        <f>'CPT Data'!C5329</f>
        <v>52.734000000000002</v>
      </c>
      <c r="C5321" t="str">
        <f>'CPT Data'!P5329</f>
        <v>SAND</v>
      </c>
      <c r="D5321" t="e">
        <f>'CPT Data'!Q5329</f>
        <v>#N/A</v>
      </c>
      <c r="E5321" t="e">
        <f t="shared" si="83"/>
        <v>#N/A</v>
      </c>
      <c r="F5321" t="str">
        <f>IF(C5321="CLAY", INDEX(D$4:D5321, MATCH("CLAY", C$4:C5321, 0)), "")</f>
        <v/>
      </c>
    </row>
    <row r="5322" spans="1:6" x14ac:dyDescent="0.2">
      <c r="A5322" s="239">
        <f>'CPT Data'!B5330</f>
        <v>52.750999999999998</v>
      </c>
      <c r="B5322" s="3">
        <f>'CPT Data'!C5330</f>
        <v>52.744</v>
      </c>
      <c r="C5322" t="str">
        <f>'CPT Data'!P5330</f>
        <v>SAND</v>
      </c>
      <c r="D5322" t="e">
        <f>'CPT Data'!Q5330</f>
        <v>#N/A</v>
      </c>
      <c r="E5322" t="e">
        <f t="shared" si="83"/>
        <v>#N/A</v>
      </c>
      <c r="F5322" t="str">
        <f>IF(C5322="CLAY", INDEX(D$4:D5322, MATCH("CLAY", C$4:C5322, 0)), "")</f>
        <v/>
      </c>
    </row>
    <row r="5323" spans="1:6" x14ac:dyDescent="0.2">
      <c r="A5323" s="239">
        <f>'CPT Data'!B5331</f>
        <v>52.762</v>
      </c>
      <c r="B5323" s="3">
        <f>'CPT Data'!C5331</f>
        <v>52.755000000000003</v>
      </c>
      <c r="C5323" t="str">
        <f>'CPT Data'!P5331</f>
        <v>SAND</v>
      </c>
      <c r="D5323" t="e">
        <f>'CPT Data'!Q5331</f>
        <v>#N/A</v>
      </c>
      <c r="E5323" t="e">
        <f t="shared" si="83"/>
        <v>#N/A</v>
      </c>
      <c r="F5323" t="str">
        <f>IF(C5323="CLAY", INDEX(D$4:D5323, MATCH("CLAY", C$4:C5323, 0)), "")</f>
        <v/>
      </c>
    </row>
    <row r="5324" spans="1:6" x14ac:dyDescent="0.2">
      <c r="A5324" s="239">
        <f>'CPT Data'!B5332</f>
        <v>52.771000000000001</v>
      </c>
      <c r="B5324" s="3">
        <f>'CPT Data'!C5332</f>
        <v>52.764000000000003</v>
      </c>
      <c r="C5324" t="str">
        <f>'CPT Data'!P5332</f>
        <v>SAND</v>
      </c>
      <c r="D5324" t="e">
        <f>'CPT Data'!Q5332</f>
        <v>#N/A</v>
      </c>
      <c r="E5324" t="e">
        <f t="shared" si="83"/>
        <v>#N/A</v>
      </c>
      <c r="F5324" t="str">
        <f>IF(C5324="CLAY", INDEX(D$4:D5324, MATCH("CLAY", C$4:C5324, 0)), "")</f>
        <v/>
      </c>
    </row>
    <row r="5325" spans="1:6" x14ac:dyDescent="0.2">
      <c r="A5325" s="239">
        <f>'CPT Data'!B5333</f>
        <v>52.781999999999996</v>
      </c>
      <c r="B5325" s="3">
        <f>'CPT Data'!C5333</f>
        <v>52.774999999999999</v>
      </c>
      <c r="C5325" t="str">
        <f>'CPT Data'!P5333</f>
        <v>SAND</v>
      </c>
      <c r="D5325" t="e">
        <f>'CPT Data'!Q5333</f>
        <v>#N/A</v>
      </c>
      <c r="E5325" t="e">
        <f t="shared" si="83"/>
        <v>#N/A</v>
      </c>
      <c r="F5325" t="str">
        <f>IF(C5325="CLAY", INDEX(D$4:D5325, MATCH("CLAY", C$4:C5325, 0)), "")</f>
        <v/>
      </c>
    </row>
    <row r="5326" spans="1:6" x14ac:dyDescent="0.2">
      <c r="A5326" s="239">
        <f>'CPT Data'!B5334</f>
        <v>52.783000000000001</v>
      </c>
      <c r="B5326" s="3">
        <f>'CPT Data'!C5334</f>
        <v>52.776000000000003</v>
      </c>
      <c r="C5326" t="str">
        <f>'CPT Data'!P5334</f>
        <v>SAND</v>
      </c>
      <c r="D5326" t="e">
        <f>'CPT Data'!Q5334</f>
        <v>#N/A</v>
      </c>
      <c r="E5326" t="e">
        <f t="shared" si="83"/>
        <v>#N/A</v>
      </c>
      <c r="F5326" t="str">
        <f>IF(C5326="CLAY", INDEX(D$4:D5326, MATCH("CLAY", C$4:C5326, 0)), "")</f>
        <v/>
      </c>
    </row>
    <row r="5327" spans="1:6" x14ac:dyDescent="0.2">
      <c r="A5327" s="239">
        <f>'CPT Data'!B5335</f>
        <v>52.783000000000001</v>
      </c>
      <c r="B5327" s="3">
        <f>'CPT Data'!C5335</f>
        <v>52.776000000000003</v>
      </c>
      <c r="C5327" t="str">
        <f>'CPT Data'!P5335</f>
        <v>SAND</v>
      </c>
      <c r="D5327" t="e">
        <f>'CPT Data'!Q5335</f>
        <v>#N/A</v>
      </c>
      <c r="E5327" t="e">
        <f t="shared" si="83"/>
        <v>#N/A</v>
      </c>
      <c r="F5327" t="str">
        <f>IF(C5327="CLAY", INDEX(D$4:D5327, MATCH("CLAY", C$4:C5327, 0)), "")</f>
        <v/>
      </c>
    </row>
    <row r="5328" spans="1:6" x14ac:dyDescent="0.2">
      <c r="A5328" s="239">
        <f>'CPT Data'!B5336</f>
        <v>52.786000000000001</v>
      </c>
      <c r="B5328" s="3">
        <f>'CPT Data'!C5336</f>
        <v>52.779000000000003</v>
      </c>
      <c r="C5328" t="str">
        <f>'CPT Data'!P5336</f>
        <v>SAND</v>
      </c>
      <c r="D5328" t="e">
        <f>'CPT Data'!Q5336</f>
        <v>#N/A</v>
      </c>
      <c r="E5328" t="e">
        <f t="shared" si="83"/>
        <v>#N/A</v>
      </c>
      <c r="F5328" t="str">
        <f>IF(C5328="CLAY", INDEX(D$4:D5328, MATCH("CLAY", C$4:C5328, 0)), "")</f>
        <v/>
      </c>
    </row>
    <row r="5329" spans="1:6" x14ac:dyDescent="0.2">
      <c r="A5329" s="239">
        <f>'CPT Data'!B5337</f>
        <v>52.793999999999997</v>
      </c>
      <c r="B5329" s="3">
        <f>'CPT Data'!C5337</f>
        <v>52.786999999999999</v>
      </c>
      <c r="C5329" t="str">
        <f>'CPT Data'!P5337</f>
        <v>SAND</v>
      </c>
      <c r="D5329" t="e">
        <f>'CPT Data'!Q5337</f>
        <v>#N/A</v>
      </c>
      <c r="E5329" t="e">
        <f t="shared" si="83"/>
        <v>#N/A</v>
      </c>
      <c r="F5329" t="str">
        <f>IF(C5329="CLAY", INDEX(D$4:D5329, MATCH("CLAY", C$4:C5329, 0)), "")</f>
        <v/>
      </c>
    </row>
    <row r="5330" spans="1:6" x14ac:dyDescent="0.2">
      <c r="A5330" s="239">
        <f>'CPT Data'!B5338</f>
        <v>52.804000000000002</v>
      </c>
      <c r="B5330" s="3">
        <f>'CPT Data'!C5338</f>
        <v>52.797000000000004</v>
      </c>
      <c r="C5330" t="str">
        <f>'CPT Data'!P5338</f>
        <v>SAND</v>
      </c>
      <c r="D5330" t="e">
        <f>'CPT Data'!Q5338</f>
        <v>#N/A</v>
      </c>
      <c r="E5330" t="e">
        <f t="shared" si="83"/>
        <v>#N/A</v>
      </c>
      <c r="F5330" t="str">
        <f>IF(C5330="CLAY", INDEX(D$4:D5330, MATCH("CLAY", C$4:C5330, 0)), "")</f>
        <v/>
      </c>
    </row>
    <row r="5331" spans="1:6" x14ac:dyDescent="0.2">
      <c r="A5331" s="239">
        <f>'CPT Data'!B5339</f>
        <v>52.814</v>
      </c>
      <c r="B5331" s="3">
        <f>'CPT Data'!C5339</f>
        <v>52.807000000000002</v>
      </c>
      <c r="C5331" t="str">
        <f>'CPT Data'!P5339</f>
        <v>SAND</v>
      </c>
      <c r="D5331" t="e">
        <f>'CPT Data'!Q5339</f>
        <v>#N/A</v>
      </c>
      <c r="E5331" t="e">
        <f t="shared" si="83"/>
        <v>#N/A</v>
      </c>
      <c r="F5331" t="str">
        <f>IF(C5331="CLAY", INDEX(D$4:D5331, MATCH("CLAY", C$4:C5331, 0)), "")</f>
        <v/>
      </c>
    </row>
    <row r="5332" spans="1:6" x14ac:dyDescent="0.2">
      <c r="A5332" s="239">
        <f>'CPT Data'!B5340</f>
        <v>52.823999999999998</v>
      </c>
      <c r="B5332" s="3">
        <f>'CPT Data'!C5340</f>
        <v>52.817</v>
      </c>
      <c r="C5332" t="str">
        <f>'CPT Data'!P5340</f>
        <v>SAND</v>
      </c>
      <c r="D5332" t="e">
        <f>'CPT Data'!Q5340</f>
        <v>#N/A</v>
      </c>
      <c r="E5332" t="e">
        <f t="shared" si="83"/>
        <v>#N/A</v>
      </c>
      <c r="F5332" t="str">
        <f>IF(C5332="CLAY", INDEX(D$4:D5332, MATCH("CLAY", C$4:C5332, 0)), "")</f>
        <v/>
      </c>
    </row>
    <row r="5333" spans="1:6" x14ac:dyDescent="0.2">
      <c r="A5333" s="239">
        <f>'CPT Data'!B5341</f>
        <v>52.83</v>
      </c>
      <c r="B5333" s="3">
        <f>'CPT Data'!C5341</f>
        <v>52.823</v>
      </c>
      <c r="C5333" t="str">
        <f>'CPT Data'!P5341</f>
        <v>SAND</v>
      </c>
      <c r="D5333" t="e">
        <f>'CPT Data'!Q5341</f>
        <v>#N/A</v>
      </c>
      <c r="E5333" t="e">
        <f t="shared" si="83"/>
        <v>#N/A</v>
      </c>
      <c r="F5333" t="str">
        <f>IF(C5333="CLAY", INDEX(D$4:D5333, MATCH("CLAY", C$4:C5333, 0)), "")</f>
        <v/>
      </c>
    </row>
    <row r="5334" spans="1:6" x14ac:dyDescent="0.2">
      <c r="A5334" s="239">
        <f>'CPT Data'!B5342</f>
        <v>52.83</v>
      </c>
      <c r="B5334" s="3">
        <f>'CPT Data'!C5342</f>
        <v>52.823</v>
      </c>
      <c r="C5334" t="str">
        <f>'CPT Data'!P5342</f>
        <v>SAND</v>
      </c>
      <c r="D5334" t="e">
        <f>'CPT Data'!Q5342</f>
        <v>#N/A</v>
      </c>
      <c r="E5334" t="e">
        <f t="shared" si="83"/>
        <v>#N/A</v>
      </c>
      <c r="F5334" t="str">
        <f>IF(C5334="CLAY", INDEX(D$4:D5334, MATCH("CLAY", C$4:C5334, 0)), "")</f>
        <v/>
      </c>
    </row>
    <row r="5335" spans="1:6" x14ac:dyDescent="0.2">
      <c r="A5335" s="239">
        <f>'CPT Data'!B5343</f>
        <v>52.832000000000001</v>
      </c>
      <c r="B5335" s="3">
        <f>'CPT Data'!C5343</f>
        <v>52.825000000000003</v>
      </c>
      <c r="C5335" t="str">
        <f>'CPT Data'!P5343</f>
        <v>SAND</v>
      </c>
      <c r="D5335" t="e">
        <f>'CPT Data'!Q5343</f>
        <v>#N/A</v>
      </c>
      <c r="E5335" t="e">
        <f t="shared" si="83"/>
        <v>#N/A</v>
      </c>
      <c r="F5335" t="str">
        <f>IF(C5335="CLAY", INDEX(D$4:D5335, MATCH("CLAY", C$4:C5335, 0)), "")</f>
        <v/>
      </c>
    </row>
    <row r="5336" spans="1:6" x14ac:dyDescent="0.2">
      <c r="A5336" s="239">
        <f>'CPT Data'!B5344</f>
        <v>52.841999999999999</v>
      </c>
      <c r="B5336" s="3">
        <f>'CPT Data'!C5344</f>
        <v>52.835000000000001</v>
      </c>
      <c r="C5336" t="str">
        <f>'CPT Data'!P5344</f>
        <v>SAND</v>
      </c>
      <c r="D5336" t="e">
        <f>'CPT Data'!Q5344</f>
        <v>#N/A</v>
      </c>
      <c r="E5336" t="e">
        <f t="shared" si="83"/>
        <v>#N/A</v>
      </c>
      <c r="F5336" t="str">
        <f>IF(C5336="CLAY", INDEX(D$4:D5336, MATCH("CLAY", C$4:C5336, 0)), "")</f>
        <v/>
      </c>
    </row>
    <row r="5337" spans="1:6" x14ac:dyDescent="0.2">
      <c r="A5337" s="239">
        <f>'CPT Data'!B5345</f>
        <v>52.850999999999999</v>
      </c>
      <c r="B5337" s="3">
        <f>'CPT Data'!C5345</f>
        <v>52.844000000000001</v>
      </c>
      <c r="C5337" t="str">
        <f>'CPT Data'!P5345</f>
        <v>SAND</v>
      </c>
      <c r="D5337" t="e">
        <f>'CPT Data'!Q5345</f>
        <v>#N/A</v>
      </c>
      <c r="E5337" t="e">
        <f t="shared" si="83"/>
        <v>#N/A</v>
      </c>
      <c r="F5337" t="str">
        <f>IF(C5337="CLAY", INDEX(D$4:D5337, MATCH("CLAY", C$4:C5337, 0)), "")</f>
        <v/>
      </c>
    </row>
    <row r="5338" spans="1:6" x14ac:dyDescent="0.2">
      <c r="A5338" s="239">
        <f>'CPT Data'!B5346</f>
        <v>52.860999999999997</v>
      </c>
      <c r="B5338" s="3">
        <f>'CPT Data'!C5346</f>
        <v>52.853999999999999</v>
      </c>
      <c r="C5338" t="str">
        <f>'CPT Data'!P5346</f>
        <v>SAND</v>
      </c>
      <c r="D5338" t="e">
        <f>'CPT Data'!Q5346</f>
        <v>#N/A</v>
      </c>
      <c r="E5338" t="e">
        <f t="shared" si="83"/>
        <v>#N/A</v>
      </c>
      <c r="F5338" t="str">
        <f>IF(C5338="CLAY", INDEX(D$4:D5338, MATCH("CLAY", C$4:C5338, 0)), "")</f>
        <v/>
      </c>
    </row>
    <row r="5339" spans="1:6" x14ac:dyDescent="0.2">
      <c r="A5339" s="239">
        <f>'CPT Data'!B5347</f>
        <v>52.871000000000002</v>
      </c>
      <c r="B5339" s="3">
        <f>'CPT Data'!C5347</f>
        <v>52.864000000000004</v>
      </c>
      <c r="C5339" t="str">
        <f>'CPT Data'!P5347</f>
        <v>SAND</v>
      </c>
      <c r="D5339" t="e">
        <f>'CPT Data'!Q5347</f>
        <v>#N/A</v>
      </c>
      <c r="E5339" t="e">
        <f t="shared" ref="E5339:E5402" si="84">IF(C5339="SAND",#N/A,IF(C5339=C5338,D5338,IF(C5339="CLAY",D5339,#N/A)))</f>
        <v>#N/A</v>
      </c>
      <c r="F5339" t="str">
        <f>IF(C5339="CLAY", INDEX(D$4:D5339, MATCH("CLAY", C$4:C5339, 0)), "")</f>
        <v/>
      </c>
    </row>
    <row r="5340" spans="1:6" x14ac:dyDescent="0.2">
      <c r="A5340" s="239">
        <f>'CPT Data'!B5348</f>
        <v>52.881</v>
      </c>
      <c r="B5340" s="3">
        <f>'CPT Data'!C5348</f>
        <v>52.874000000000002</v>
      </c>
      <c r="C5340" t="str">
        <f>'CPT Data'!P5348</f>
        <v>SAND</v>
      </c>
      <c r="D5340" t="e">
        <f>'CPT Data'!Q5348</f>
        <v>#N/A</v>
      </c>
      <c r="E5340" t="e">
        <f t="shared" si="84"/>
        <v>#N/A</v>
      </c>
      <c r="F5340" t="str">
        <f>IF(C5340="CLAY", INDEX(D$4:D5340, MATCH("CLAY", C$4:C5340, 0)), "")</f>
        <v/>
      </c>
    </row>
    <row r="5341" spans="1:6" x14ac:dyDescent="0.2">
      <c r="A5341" s="239">
        <f>'CPT Data'!B5349</f>
        <v>52.890999999999998</v>
      </c>
      <c r="B5341" s="3">
        <f>'CPT Data'!C5349</f>
        <v>52.884</v>
      </c>
      <c r="C5341" t="str">
        <f>'CPT Data'!P5349</f>
        <v>SAND</v>
      </c>
      <c r="D5341" t="e">
        <f>'CPT Data'!Q5349</f>
        <v>#N/A</v>
      </c>
      <c r="E5341" t="e">
        <f t="shared" si="84"/>
        <v>#N/A</v>
      </c>
      <c r="F5341" t="str">
        <f>IF(C5341="CLAY", INDEX(D$4:D5341, MATCH("CLAY", C$4:C5341, 0)), "")</f>
        <v/>
      </c>
    </row>
    <row r="5342" spans="1:6" x14ac:dyDescent="0.2">
      <c r="A5342" s="239">
        <f>'CPT Data'!B5350</f>
        <v>52.901000000000003</v>
      </c>
      <c r="B5342" s="3">
        <f>'CPT Data'!C5350</f>
        <v>52.894000000000005</v>
      </c>
      <c r="C5342" t="str">
        <f>'CPT Data'!P5350</f>
        <v>SAND</v>
      </c>
      <c r="D5342" t="e">
        <f>'CPT Data'!Q5350</f>
        <v>#N/A</v>
      </c>
      <c r="E5342" t="e">
        <f t="shared" si="84"/>
        <v>#N/A</v>
      </c>
      <c r="F5342" t="str">
        <f>IF(C5342="CLAY", INDEX(D$4:D5342, MATCH("CLAY", C$4:C5342, 0)), "")</f>
        <v/>
      </c>
    </row>
    <row r="5343" spans="1:6" x14ac:dyDescent="0.2">
      <c r="A5343" s="239">
        <f>'CPT Data'!B5351</f>
        <v>52.911999999999999</v>
      </c>
      <c r="B5343" s="3">
        <f>'CPT Data'!C5351</f>
        <v>52.905000000000001</v>
      </c>
      <c r="C5343" t="str">
        <f>'CPT Data'!P5351</f>
        <v>SAND</v>
      </c>
      <c r="D5343" t="e">
        <f>'CPT Data'!Q5351</f>
        <v>#N/A</v>
      </c>
      <c r="E5343" t="e">
        <f t="shared" si="84"/>
        <v>#N/A</v>
      </c>
      <c r="F5343" t="str">
        <f>IF(C5343="CLAY", INDEX(D$4:D5343, MATCH("CLAY", C$4:C5343, 0)), "")</f>
        <v/>
      </c>
    </row>
    <row r="5344" spans="1:6" x14ac:dyDescent="0.2">
      <c r="A5344" s="239">
        <f>'CPT Data'!B5352</f>
        <v>52.923000000000002</v>
      </c>
      <c r="B5344" s="3">
        <f>'CPT Data'!C5352</f>
        <v>52.916000000000004</v>
      </c>
      <c r="C5344" t="str">
        <f>'CPT Data'!P5352</f>
        <v>SAND</v>
      </c>
      <c r="D5344" t="e">
        <f>'CPT Data'!Q5352</f>
        <v>#N/A</v>
      </c>
      <c r="E5344" t="e">
        <f t="shared" si="84"/>
        <v>#N/A</v>
      </c>
      <c r="F5344" t="str">
        <f>IF(C5344="CLAY", INDEX(D$4:D5344, MATCH("CLAY", C$4:C5344, 0)), "")</f>
        <v/>
      </c>
    </row>
    <row r="5345" spans="1:6" x14ac:dyDescent="0.2">
      <c r="A5345" s="239">
        <f>'CPT Data'!B5353</f>
        <v>52.933</v>
      </c>
      <c r="B5345" s="3">
        <f>'CPT Data'!C5353</f>
        <v>52.926000000000002</v>
      </c>
      <c r="C5345" t="str">
        <f>'CPT Data'!P5353</f>
        <v>SAND</v>
      </c>
      <c r="D5345" t="e">
        <f>'CPT Data'!Q5353</f>
        <v>#N/A</v>
      </c>
      <c r="E5345" t="e">
        <f t="shared" si="84"/>
        <v>#N/A</v>
      </c>
      <c r="F5345" t="str">
        <f>IF(C5345="CLAY", INDEX(D$4:D5345, MATCH("CLAY", C$4:C5345, 0)), "")</f>
        <v/>
      </c>
    </row>
    <row r="5346" spans="1:6" x14ac:dyDescent="0.2">
      <c r="A5346" s="239">
        <f>'CPT Data'!B5354</f>
        <v>52.994999999999997</v>
      </c>
      <c r="B5346" s="3">
        <f>'CPT Data'!C5354</f>
        <v>52.988</v>
      </c>
      <c r="C5346" t="str">
        <f>'CPT Data'!P5354</f>
        <v>SAND</v>
      </c>
      <c r="D5346" t="e">
        <f>'CPT Data'!Q5354</f>
        <v>#N/A</v>
      </c>
      <c r="E5346" t="e">
        <f t="shared" si="84"/>
        <v>#N/A</v>
      </c>
      <c r="F5346" t="str">
        <f>IF(C5346="CLAY", INDEX(D$4:D5346, MATCH("CLAY", C$4:C5346, 0)), "")</f>
        <v/>
      </c>
    </row>
    <row r="5347" spans="1:6" x14ac:dyDescent="0.2">
      <c r="A5347" s="239">
        <f>'CPT Data'!B5355</f>
        <v>53.006</v>
      </c>
      <c r="B5347" s="3">
        <f>'CPT Data'!C5355</f>
        <v>52.999000000000002</v>
      </c>
      <c r="C5347" t="str">
        <f>'CPT Data'!P5355</f>
        <v>SAND</v>
      </c>
      <c r="D5347" t="e">
        <f>'CPT Data'!Q5355</f>
        <v>#N/A</v>
      </c>
      <c r="E5347" t="e">
        <f t="shared" si="84"/>
        <v>#N/A</v>
      </c>
      <c r="F5347" t="str">
        <f>IF(C5347="CLAY", INDEX(D$4:D5347, MATCH("CLAY", C$4:C5347, 0)), "")</f>
        <v/>
      </c>
    </row>
    <row r="5348" spans="1:6" x14ac:dyDescent="0.2">
      <c r="A5348" s="239">
        <f>'CPT Data'!B5356</f>
        <v>53.017000000000003</v>
      </c>
      <c r="B5348" s="3">
        <f>'CPT Data'!C5356</f>
        <v>53.010000000000005</v>
      </c>
      <c r="C5348" t="str">
        <f>'CPT Data'!P5356</f>
        <v>SAND</v>
      </c>
      <c r="D5348" t="e">
        <f>'CPT Data'!Q5356</f>
        <v>#N/A</v>
      </c>
      <c r="E5348" t="e">
        <f t="shared" si="84"/>
        <v>#N/A</v>
      </c>
      <c r="F5348" t="str">
        <f>IF(C5348="CLAY", INDEX(D$4:D5348, MATCH("CLAY", C$4:C5348, 0)), "")</f>
        <v/>
      </c>
    </row>
    <row r="5349" spans="1:6" x14ac:dyDescent="0.2">
      <c r="A5349" s="239">
        <f>'CPT Data'!B5357</f>
        <v>53.027000000000001</v>
      </c>
      <c r="B5349" s="3">
        <f>'CPT Data'!C5357</f>
        <v>53.02</v>
      </c>
      <c r="C5349" t="str">
        <f>'CPT Data'!P5357</f>
        <v>SAND</v>
      </c>
      <c r="D5349" t="e">
        <f>'CPT Data'!Q5357</f>
        <v>#N/A</v>
      </c>
      <c r="E5349" t="e">
        <f t="shared" si="84"/>
        <v>#N/A</v>
      </c>
      <c r="F5349" t="str">
        <f>IF(C5349="CLAY", INDEX(D$4:D5349, MATCH("CLAY", C$4:C5349, 0)), "")</f>
        <v/>
      </c>
    </row>
    <row r="5350" spans="1:6" x14ac:dyDescent="0.2">
      <c r="A5350" s="239">
        <f>'CPT Data'!B5358</f>
        <v>53.036999999999999</v>
      </c>
      <c r="B5350" s="3">
        <f>'CPT Data'!C5358</f>
        <v>53.03</v>
      </c>
      <c r="C5350" t="str">
        <f>'CPT Data'!P5358</f>
        <v>SAND</v>
      </c>
      <c r="D5350" t="e">
        <f>'CPT Data'!Q5358</f>
        <v>#N/A</v>
      </c>
      <c r="E5350" t="e">
        <f t="shared" si="84"/>
        <v>#N/A</v>
      </c>
      <c r="F5350" t="str">
        <f>IF(C5350="CLAY", INDEX(D$4:D5350, MATCH("CLAY", C$4:C5350, 0)), "")</f>
        <v/>
      </c>
    </row>
    <row r="5351" spans="1:6" x14ac:dyDescent="0.2">
      <c r="A5351" s="239">
        <f>'CPT Data'!B5359</f>
        <v>53.046999999999997</v>
      </c>
      <c r="B5351" s="3">
        <f>'CPT Data'!C5359</f>
        <v>53.04</v>
      </c>
      <c r="C5351" t="str">
        <f>'CPT Data'!P5359</f>
        <v>SAND</v>
      </c>
      <c r="D5351" t="e">
        <f>'CPT Data'!Q5359</f>
        <v>#N/A</v>
      </c>
      <c r="E5351" t="e">
        <f t="shared" si="84"/>
        <v>#N/A</v>
      </c>
      <c r="F5351" t="str">
        <f>IF(C5351="CLAY", INDEX(D$4:D5351, MATCH("CLAY", C$4:C5351, 0)), "")</f>
        <v/>
      </c>
    </row>
    <row r="5352" spans="1:6" x14ac:dyDescent="0.2">
      <c r="A5352" s="239">
        <f>'CPT Data'!B5360</f>
        <v>53.057000000000002</v>
      </c>
      <c r="B5352" s="3">
        <f>'CPT Data'!C5360</f>
        <v>53.050000000000004</v>
      </c>
      <c r="C5352" t="str">
        <f>'CPT Data'!P5360</f>
        <v>SAND</v>
      </c>
      <c r="D5352" t="e">
        <f>'CPT Data'!Q5360</f>
        <v>#N/A</v>
      </c>
      <c r="E5352" t="e">
        <f t="shared" si="84"/>
        <v>#N/A</v>
      </c>
      <c r="F5352" t="str">
        <f>IF(C5352="CLAY", INDEX(D$4:D5352, MATCH("CLAY", C$4:C5352, 0)), "")</f>
        <v/>
      </c>
    </row>
    <row r="5353" spans="1:6" x14ac:dyDescent="0.2">
      <c r="A5353" s="239">
        <f>'CPT Data'!B5361</f>
        <v>53.067</v>
      </c>
      <c r="B5353" s="3">
        <f>'CPT Data'!C5361</f>
        <v>53.06</v>
      </c>
      <c r="C5353" t="str">
        <f>'CPT Data'!P5361</f>
        <v>SAND</v>
      </c>
      <c r="D5353" t="e">
        <f>'CPT Data'!Q5361</f>
        <v>#N/A</v>
      </c>
      <c r="E5353" t="e">
        <f t="shared" si="84"/>
        <v>#N/A</v>
      </c>
      <c r="F5353" t="str">
        <f>IF(C5353="CLAY", INDEX(D$4:D5353, MATCH("CLAY", C$4:C5353, 0)), "")</f>
        <v/>
      </c>
    </row>
    <row r="5354" spans="1:6" x14ac:dyDescent="0.2">
      <c r="A5354" s="239">
        <f>'CPT Data'!B5362</f>
        <v>53.078000000000003</v>
      </c>
      <c r="B5354" s="3">
        <f>'CPT Data'!C5362</f>
        <v>53.071000000000005</v>
      </c>
      <c r="C5354" t="str">
        <f>'CPT Data'!P5362</f>
        <v>SAND</v>
      </c>
      <c r="D5354" t="e">
        <f>'CPT Data'!Q5362</f>
        <v>#N/A</v>
      </c>
      <c r="E5354" t="e">
        <f t="shared" si="84"/>
        <v>#N/A</v>
      </c>
      <c r="F5354" t="str">
        <f>IF(C5354="CLAY", INDEX(D$4:D5354, MATCH("CLAY", C$4:C5354, 0)), "")</f>
        <v/>
      </c>
    </row>
    <row r="5355" spans="1:6" x14ac:dyDescent="0.2">
      <c r="A5355" s="239">
        <f>'CPT Data'!B5363</f>
        <v>53.087000000000003</v>
      </c>
      <c r="B5355" s="3">
        <f>'CPT Data'!C5363</f>
        <v>53.080000000000005</v>
      </c>
      <c r="C5355" t="str">
        <f>'CPT Data'!P5363</f>
        <v>SAND</v>
      </c>
      <c r="D5355" t="e">
        <f>'CPT Data'!Q5363</f>
        <v>#N/A</v>
      </c>
      <c r="E5355" t="e">
        <f t="shared" si="84"/>
        <v>#N/A</v>
      </c>
      <c r="F5355" t="str">
        <f>IF(C5355="CLAY", INDEX(D$4:D5355, MATCH("CLAY", C$4:C5355, 0)), "")</f>
        <v/>
      </c>
    </row>
    <row r="5356" spans="1:6" x14ac:dyDescent="0.2">
      <c r="A5356" s="239">
        <f>'CPT Data'!B5364</f>
        <v>53.097999999999999</v>
      </c>
      <c r="B5356" s="3">
        <f>'CPT Data'!C5364</f>
        <v>53.091000000000001</v>
      </c>
      <c r="C5356" t="str">
        <f>'CPT Data'!P5364</f>
        <v>SAND</v>
      </c>
      <c r="D5356" t="e">
        <f>'CPT Data'!Q5364</f>
        <v>#N/A</v>
      </c>
      <c r="E5356" t="e">
        <f t="shared" si="84"/>
        <v>#N/A</v>
      </c>
      <c r="F5356" t="str">
        <f>IF(C5356="CLAY", INDEX(D$4:D5356, MATCH("CLAY", C$4:C5356, 0)), "")</f>
        <v/>
      </c>
    </row>
    <row r="5357" spans="1:6" x14ac:dyDescent="0.2">
      <c r="A5357" s="239">
        <f>'CPT Data'!B5365</f>
        <v>53.107999999999997</v>
      </c>
      <c r="B5357" s="3">
        <f>'CPT Data'!C5365</f>
        <v>53.100999999999999</v>
      </c>
      <c r="C5357" t="str">
        <f>'CPT Data'!P5365</f>
        <v>SAND</v>
      </c>
      <c r="D5357" t="e">
        <f>'CPT Data'!Q5365</f>
        <v>#N/A</v>
      </c>
      <c r="E5357" t="e">
        <f t="shared" si="84"/>
        <v>#N/A</v>
      </c>
      <c r="F5357" t="str">
        <f>IF(C5357="CLAY", INDEX(D$4:D5357, MATCH("CLAY", C$4:C5357, 0)), "")</f>
        <v/>
      </c>
    </row>
    <row r="5358" spans="1:6" x14ac:dyDescent="0.2">
      <c r="A5358" s="239">
        <f>'CPT Data'!B5366</f>
        <v>53.118000000000002</v>
      </c>
      <c r="B5358" s="3">
        <f>'CPT Data'!C5366</f>
        <v>53.111000000000004</v>
      </c>
      <c r="C5358" t="str">
        <f>'CPT Data'!P5366</f>
        <v>SAND</v>
      </c>
      <c r="D5358" t="e">
        <f>'CPT Data'!Q5366</f>
        <v>#N/A</v>
      </c>
      <c r="E5358" t="e">
        <f t="shared" si="84"/>
        <v>#N/A</v>
      </c>
      <c r="F5358" t="str">
        <f>IF(C5358="CLAY", INDEX(D$4:D5358, MATCH("CLAY", C$4:C5358, 0)), "")</f>
        <v/>
      </c>
    </row>
    <row r="5359" spans="1:6" x14ac:dyDescent="0.2">
      <c r="A5359" s="239">
        <f>'CPT Data'!B5367</f>
        <v>53.128999999999998</v>
      </c>
      <c r="B5359" s="3">
        <f>'CPT Data'!C5367</f>
        <v>53.122</v>
      </c>
      <c r="C5359" t="str">
        <f>'CPT Data'!P5367</f>
        <v>SAND</v>
      </c>
      <c r="D5359" t="e">
        <f>'CPT Data'!Q5367</f>
        <v>#N/A</v>
      </c>
      <c r="E5359" t="e">
        <f t="shared" si="84"/>
        <v>#N/A</v>
      </c>
      <c r="F5359" t="str">
        <f>IF(C5359="CLAY", INDEX(D$4:D5359, MATCH("CLAY", C$4:C5359, 0)), "")</f>
        <v/>
      </c>
    </row>
    <row r="5360" spans="1:6" x14ac:dyDescent="0.2">
      <c r="A5360" s="239">
        <f>'CPT Data'!B5368</f>
        <v>53.139000000000003</v>
      </c>
      <c r="B5360" s="3">
        <f>'CPT Data'!C5368</f>
        <v>53.132000000000005</v>
      </c>
      <c r="C5360" t="str">
        <f>'CPT Data'!P5368</f>
        <v>SAND</v>
      </c>
      <c r="D5360" t="e">
        <f>'CPT Data'!Q5368</f>
        <v>#N/A</v>
      </c>
      <c r="E5360" t="e">
        <f t="shared" si="84"/>
        <v>#N/A</v>
      </c>
      <c r="F5360" t="str">
        <f>IF(C5360="CLAY", INDEX(D$4:D5360, MATCH("CLAY", C$4:C5360, 0)), "")</f>
        <v/>
      </c>
    </row>
    <row r="5361" spans="1:6" x14ac:dyDescent="0.2">
      <c r="A5361" s="239">
        <f>'CPT Data'!B5369</f>
        <v>53.149000000000001</v>
      </c>
      <c r="B5361" s="3">
        <f>'CPT Data'!C5369</f>
        <v>53.142000000000003</v>
      </c>
      <c r="C5361" t="str">
        <f>'CPT Data'!P5369</f>
        <v>SAND</v>
      </c>
      <c r="D5361" t="e">
        <f>'CPT Data'!Q5369</f>
        <v>#N/A</v>
      </c>
      <c r="E5361" t="e">
        <f t="shared" si="84"/>
        <v>#N/A</v>
      </c>
      <c r="F5361" t="str">
        <f>IF(C5361="CLAY", INDEX(D$4:D5361, MATCH("CLAY", C$4:C5361, 0)), "")</f>
        <v/>
      </c>
    </row>
    <row r="5362" spans="1:6" x14ac:dyDescent="0.2">
      <c r="A5362" s="239">
        <f>'CPT Data'!B5370</f>
        <v>53.16</v>
      </c>
      <c r="B5362" s="3">
        <f>'CPT Data'!C5370</f>
        <v>53.152999999999999</v>
      </c>
      <c r="C5362" t="str">
        <f>'CPT Data'!P5370</f>
        <v>SAND</v>
      </c>
      <c r="D5362" t="e">
        <f>'CPT Data'!Q5370</f>
        <v>#N/A</v>
      </c>
      <c r="E5362" t="e">
        <f t="shared" si="84"/>
        <v>#N/A</v>
      </c>
      <c r="F5362" t="str">
        <f>IF(C5362="CLAY", INDEX(D$4:D5362, MATCH("CLAY", C$4:C5362, 0)), "")</f>
        <v/>
      </c>
    </row>
    <row r="5363" spans="1:6" x14ac:dyDescent="0.2">
      <c r="A5363" s="239">
        <f>'CPT Data'!B5371</f>
        <v>53.17</v>
      </c>
      <c r="B5363" s="3">
        <f>'CPT Data'!C5371</f>
        <v>53.163000000000004</v>
      </c>
      <c r="C5363" t="str">
        <f>'CPT Data'!P5371</f>
        <v>SAND</v>
      </c>
      <c r="D5363" t="e">
        <f>'CPT Data'!Q5371</f>
        <v>#N/A</v>
      </c>
      <c r="E5363" t="e">
        <f t="shared" si="84"/>
        <v>#N/A</v>
      </c>
      <c r="F5363" t="str">
        <f>IF(C5363="CLAY", INDEX(D$4:D5363, MATCH("CLAY", C$4:C5363, 0)), "")</f>
        <v/>
      </c>
    </row>
    <row r="5364" spans="1:6" x14ac:dyDescent="0.2">
      <c r="A5364" s="239">
        <f>'CPT Data'!B5372</f>
        <v>53.18</v>
      </c>
      <c r="B5364" s="3">
        <f>'CPT Data'!C5372</f>
        <v>53.173000000000002</v>
      </c>
      <c r="C5364" t="str">
        <f>'CPT Data'!P5372</f>
        <v>SAND</v>
      </c>
      <c r="D5364" t="e">
        <f>'CPT Data'!Q5372</f>
        <v>#N/A</v>
      </c>
      <c r="E5364" t="e">
        <f t="shared" si="84"/>
        <v>#N/A</v>
      </c>
      <c r="F5364" t="str">
        <f>IF(C5364="CLAY", INDEX(D$4:D5364, MATCH("CLAY", C$4:C5364, 0)), "")</f>
        <v/>
      </c>
    </row>
    <row r="5365" spans="1:6" x14ac:dyDescent="0.2">
      <c r="A5365" s="239">
        <f>'CPT Data'!B5373</f>
        <v>53.191000000000003</v>
      </c>
      <c r="B5365" s="3">
        <f>'CPT Data'!C5373</f>
        <v>53.184000000000005</v>
      </c>
      <c r="C5365" t="str">
        <f>'CPT Data'!P5373</f>
        <v>SAND</v>
      </c>
      <c r="D5365" t="e">
        <f>'CPT Data'!Q5373</f>
        <v>#N/A</v>
      </c>
      <c r="E5365" t="e">
        <f t="shared" si="84"/>
        <v>#N/A</v>
      </c>
      <c r="F5365" t="str">
        <f>IF(C5365="CLAY", INDEX(D$4:D5365, MATCH("CLAY", C$4:C5365, 0)), "")</f>
        <v/>
      </c>
    </row>
    <row r="5366" spans="1:6" x14ac:dyDescent="0.2">
      <c r="A5366" s="239">
        <f>'CPT Data'!B5374</f>
        <v>53.201000000000001</v>
      </c>
      <c r="B5366" s="3">
        <f>'CPT Data'!C5374</f>
        <v>53.194000000000003</v>
      </c>
      <c r="C5366" t="str">
        <f>'CPT Data'!P5374</f>
        <v>SAND</v>
      </c>
      <c r="D5366" t="e">
        <f>'CPT Data'!Q5374</f>
        <v>#N/A</v>
      </c>
      <c r="E5366" t="e">
        <f t="shared" si="84"/>
        <v>#N/A</v>
      </c>
      <c r="F5366" t="str">
        <f>IF(C5366="CLAY", INDEX(D$4:D5366, MATCH("CLAY", C$4:C5366, 0)), "")</f>
        <v/>
      </c>
    </row>
    <row r="5367" spans="1:6" x14ac:dyDescent="0.2">
      <c r="A5367" s="239">
        <f>'CPT Data'!B5375</f>
        <v>53.212000000000003</v>
      </c>
      <c r="B5367" s="3">
        <f>'CPT Data'!C5375</f>
        <v>53.205000000000005</v>
      </c>
      <c r="C5367" t="str">
        <f>'CPT Data'!P5375</f>
        <v>SAND</v>
      </c>
      <c r="D5367" t="e">
        <f>'CPT Data'!Q5375</f>
        <v>#N/A</v>
      </c>
      <c r="E5367" t="e">
        <f t="shared" si="84"/>
        <v>#N/A</v>
      </c>
      <c r="F5367" t="str">
        <f>IF(C5367="CLAY", INDEX(D$4:D5367, MATCH("CLAY", C$4:C5367, 0)), "")</f>
        <v/>
      </c>
    </row>
    <row r="5368" spans="1:6" x14ac:dyDescent="0.2">
      <c r="A5368" s="239">
        <f>'CPT Data'!B5376</f>
        <v>53.222000000000001</v>
      </c>
      <c r="B5368" s="3">
        <f>'CPT Data'!C5376</f>
        <v>53.215000000000003</v>
      </c>
      <c r="C5368" t="str">
        <f>'CPT Data'!P5376</f>
        <v>SAND</v>
      </c>
      <c r="D5368" t="e">
        <f>'CPT Data'!Q5376</f>
        <v>#N/A</v>
      </c>
      <c r="E5368" t="e">
        <f t="shared" si="84"/>
        <v>#N/A</v>
      </c>
      <c r="F5368" t="str">
        <f>IF(C5368="CLAY", INDEX(D$4:D5368, MATCH("CLAY", C$4:C5368, 0)), "")</f>
        <v/>
      </c>
    </row>
    <row r="5369" spans="1:6" x14ac:dyDescent="0.2">
      <c r="A5369" s="239">
        <f>'CPT Data'!B5377</f>
        <v>53.231999999999999</v>
      </c>
      <c r="B5369" s="3">
        <f>'CPT Data'!C5377</f>
        <v>53.225000000000001</v>
      </c>
      <c r="C5369" t="str">
        <f>'CPT Data'!P5377</f>
        <v>SAND</v>
      </c>
      <c r="D5369" t="e">
        <f>'CPT Data'!Q5377</f>
        <v>#N/A</v>
      </c>
      <c r="E5369" t="e">
        <f t="shared" si="84"/>
        <v>#N/A</v>
      </c>
      <c r="F5369" t="str">
        <f>IF(C5369="CLAY", INDEX(D$4:D5369, MATCH("CLAY", C$4:C5369, 0)), "")</f>
        <v/>
      </c>
    </row>
    <row r="5370" spans="1:6" x14ac:dyDescent="0.2">
      <c r="A5370" s="239">
        <f>'CPT Data'!B5378</f>
        <v>53.241999999999997</v>
      </c>
      <c r="B5370" s="3">
        <f>'CPT Data'!C5378</f>
        <v>53.234999999999999</v>
      </c>
      <c r="C5370" t="str">
        <f>'CPT Data'!P5378</f>
        <v>SAND</v>
      </c>
      <c r="D5370" t="e">
        <f>'CPT Data'!Q5378</f>
        <v>#N/A</v>
      </c>
      <c r="E5370" t="e">
        <f t="shared" si="84"/>
        <v>#N/A</v>
      </c>
      <c r="F5370" t="str">
        <f>IF(C5370="CLAY", INDEX(D$4:D5370, MATCH("CLAY", C$4:C5370, 0)), "")</f>
        <v/>
      </c>
    </row>
    <row r="5371" spans="1:6" x14ac:dyDescent="0.2">
      <c r="A5371" s="239">
        <f>'CPT Data'!B5379</f>
        <v>53.252000000000002</v>
      </c>
      <c r="B5371" s="3">
        <f>'CPT Data'!C5379</f>
        <v>53.245000000000005</v>
      </c>
      <c r="C5371" t="str">
        <f>'CPT Data'!P5379</f>
        <v>SAND</v>
      </c>
      <c r="D5371" t="e">
        <f>'CPT Data'!Q5379</f>
        <v>#N/A</v>
      </c>
      <c r="E5371" t="e">
        <f t="shared" si="84"/>
        <v>#N/A</v>
      </c>
      <c r="F5371" t="str">
        <f>IF(C5371="CLAY", INDEX(D$4:D5371, MATCH("CLAY", C$4:C5371, 0)), "")</f>
        <v/>
      </c>
    </row>
    <row r="5372" spans="1:6" x14ac:dyDescent="0.2">
      <c r="A5372" s="239">
        <f>'CPT Data'!B5380</f>
        <v>53.262</v>
      </c>
      <c r="B5372" s="3">
        <f>'CPT Data'!C5380</f>
        <v>53.255000000000003</v>
      </c>
      <c r="C5372" t="str">
        <f>'CPT Data'!P5380</f>
        <v>SAND</v>
      </c>
      <c r="D5372" t="e">
        <f>'CPT Data'!Q5380</f>
        <v>#N/A</v>
      </c>
      <c r="E5372" t="e">
        <f t="shared" si="84"/>
        <v>#N/A</v>
      </c>
      <c r="F5372" t="str">
        <f>IF(C5372="CLAY", INDEX(D$4:D5372, MATCH("CLAY", C$4:C5372, 0)), "")</f>
        <v/>
      </c>
    </row>
    <row r="5373" spans="1:6" x14ac:dyDescent="0.2">
      <c r="A5373" s="239">
        <f>'CPT Data'!B5381</f>
        <v>53.273000000000003</v>
      </c>
      <c r="B5373" s="3">
        <f>'CPT Data'!C5381</f>
        <v>53.266000000000005</v>
      </c>
      <c r="C5373" t="str">
        <f>'CPT Data'!P5381</f>
        <v>SAND</v>
      </c>
      <c r="D5373" t="e">
        <f>'CPT Data'!Q5381</f>
        <v>#N/A</v>
      </c>
      <c r="E5373" t="e">
        <f t="shared" si="84"/>
        <v>#N/A</v>
      </c>
      <c r="F5373" t="str">
        <f>IF(C5373="CLAY", INDEX(D$4:D5373, MATCH("CLAY", C$4:C5373, 0)), "")</f>
        <v/>
      </c>
    </row>
    <row r="5374" spans="1:6" x14ac:dyDescent="0.2">
      <c r="A5374" s="239">
        <f>'CPT Data'!B5382</f>
        <v>53.283000000000001</v>
      </c>
      <c r="B5374" s="3">
        <f>'CPT Data'!C5382</f>
        <v>53.276000000000003</v>
      </c>
      <c r="C5374" t="str">
        <f>'CPT Data'!P5382</f>
        <v>SAND</v>
      </c>
      <c r="D5374" t="e">
        <f>'CPT Data'!Q5382</f>
        <v>#N/A</v>
      </c>
      <c r="E5374" t="e">
        <f t="shared" si="84"/>
        <v>#N/A</v>
      </c>
      <c r="F5374" t="str">
        <f>IF(C5374="CLAY", INDEX(D$4:D5374, MATCH("CLAY", C$4:C5374, 0)), "")</f>
        <v/>
      </c>
    </row>
    <row r="5375" spans="1:6" x14ac:dyDescent="0.2">
      <c r="A5375" s="239">
        <f>'CPT Data'!B5383</f>
        <v>53.293999999999997</v>
      </c>
      <c r="B5375" s="3">
        <f>'CPT Data'!C5383</f>
        <v>53.286999999999999</v>
      </c>
      <c r="C5375" t="str">
        <f>'CPT Data'!P5383</f>
        <v>SAND</v>
      </c>
      <c r="D5375" t="e">
        <f>'CPT Data'!Q5383</f>
        <v>#N/A</v>
      </c>
      <c r="E5375" t="e">
        <f t="shared" si="84"/>
        <v>#N/A</v>
      </c>
      <c r="F5375" t="str">
        <f>IF(C5375="CLAY", INDEX(D$4:D5375, MATCH("CLAY", C$4:C5375, 0)), "")</f>
        <v/>
      </c>
    </row>
    <row r="5376" spans="1:6" x14ac:dyDescent="0.2">
      <c r="A5376" s="239">
        <f>'CPT Data'!B5384</f>
        <v>53.305</v>
      </c>
      <c r="B5376" s="3">
        <f>'CPT Data'!C5384</f>
        <v>53.298000000000002</v>
      </c>
      <c r="C5376" t="str">
        <f>'CPT Data'!P5384</f>
        <v>SAND</v>
      </c>
      <c r="D5376" t="e">
        <f>'CPT Data'!Q5384</f>
        <v>#N/A</v>
      </c>
      <c r="E5376" t="e">
        <f t="shared" si="84"/>
        <v>#N/A</v>
      </c>
      <c r="F5376" t="str">
        <f>IF(C5376="CLAY", INDEX(D$4:D5376, MATCH("CLAY", C$4:C5376, 0)), "")</f>
        <v/>
      </c>
    </row>
    <row r="5377" spans="1:6" x14ac:dyDescent="0.2">
      <c r="A5377" s="239">
        <f>'CPT Data'!B5385</f>
        <v>53.316000000000003</v>
      </c>
      <c r="B5377" s="3">
        <f>'CPT Data'!C5385</f>
        <v>53.309000000000005</v>
      </c>
      <c r="C5377" t="str">
        <f>'CPT Data'!P5385</f>
        <v>SAND</v>
      </c>
      <c r="D5377" t="e">
        <f>'CPT Data'!Q5385</f>
        <v>#N/A</v>
      </c>
      <c r="E5377" t="e">
        <f t="shared" si="84"/>
        <v>#N/A</v>
      </c>
      <c r="F5377" t="str">
        <f>IF(C5377="CLAY", INDEX(D$4:D5377, MATCH("CLAY", C$4:C5377, 0)), "")</f>
        <v/>
      </c>
    </row>
    <row r="5378" spans="1:6" x14ac:dyDescent="0.2">
      <c r="A5378" s="239">
        <f>'CPT Data'!B5386</f>
        <v>53.326000000000001</v>
      </c>
      <c r="B5378" s="3">
        <f>'CPT Data'!C5386</f>
        <v>53.319000000000003</v>
      </c>
      <c r="C5378" t="str">
        <f>'CPT Data'!P5386</f>
        <v>SAND</v>
      </c>
      <c r="D5378" t="e">
        <f>'CPT Data'!Q5386</f>
        <v>#N/A</v>
      </c>
      <c r="E5378" t="e">
        <f t="shared" si="84"/>
        <v>#N/A</v>
      </c>
      <c r="F5378" t="str">
        <f>IF(C5378="CLAY", INDEX(D$4:D5378, MATCH("CLAY", C$4:C5378, 0)), "")</f>
        <v/>
      </c>
    </row>
    <row r="5379" spans="1:6" x14ac:dyDescent="0.2">
      <c r="A5379" s="239">
        <f>'CPT Data'!B5387</f>
        <v>53.335999999999999</v>
      </c>
      <c r="B5379" s="3">
        <f>'CPT Data'!C5387</f>
        <v>53.329000000000001</v>
      </c>
      <c r="C5379" t="str">
        <f>'CPT Data'!P5387</f>
        <v>SAND</v>
      </c>
      <c r="D5379" t="e">
        <f>'CPT Data'!Q5387</f>
        <v>#N/A</v>
      </c>
      <c r="E5379" t="e">
        <f t="shared" si="84"/>
        <v>#N/A</v>
      </c>
      <c r="F5379" t="str">
        <f>IF(C5379="CLAY", INDEX(D$4:D5379, MATCH("CLAY", C$4:C5379, 0)), "")</f>
        <v/>
      </c>
    </row>
    <row r="5380" spans="1:6" x14ac:dyDescent="0.2">
      <c r="A5380" s="239">
        <f>'CPT Data'!B5388</f>
        <v>53.345999999999997</v>
      </c>
      <c r="B5380" s="3">
        <f>'CPT Data'!C5388</f>
        <v>53.338999999999999</v>
      </c>
      <c r="C5380" t="str">
        <f>'CPT Data'!P5388</f>
        <v>SAND</v>
      </c>
      <c r="D5380" t="e">
        <f>'CPT Data'!Q5388</f>
        <v>#N/A</v>
      </c>
      <c r="E5380" t="e">
        <f t="shared" si="84"/>
        <v>#N/A</v>
      </c>
      <c r="F5380" t="str">
        <f>IF(C5380="CLAY", INDEX(D$4:D5380, MATCH("CLAY", C$4:C5380, 0)), "")</f>
        <v/>
      </c>
    </row>
    <row r="5381" spans="1:6" x14ac:dyDescent="0.2">
      <c r="A5381" s="239">
        <f>'CPT Data'!B5389</f>
        <v>53.356999999999999</v>
      </c>
      <c r="B5381" s="3">
        <f>'CPT Data'!C5389</f>
        <v>53.35</v>
      </c>
      <c r="C5381" t="str">
        <f>'CPT Data'!P5389</f>
        <v>SAND</v>
      </c>
      <c r="D5381" t="e">
        <f>'CPT Data'!Q5389</f>
        <v>#N/A</v>
      </c>
      <c r="E5381" t="e">
        <f t="shared" si="84"/>
        <v>#N/A</v>
      </c>
      <c r="F5381" t="str">
        <f>IF(C5381="CLAY", INDEX(D$4:D5381, MATCH("CLAY", C$4:C5381, 0)), "")</f>
        <v/>
      </c>
    </row>
    <row r="5382" spans="1:6" x14ac:dyDescent="0.2">
      <c r="A5382" s="239">
        <f>'CPT Data'!B5390</f>
        <v>53.366999999999997</v>
      </c>
      <c r="B5382" s="3">
        <f>'CPT Data'!C5390</f>
        <v>53.36</v>
      </c>
      <c r="C5382" t="str">
        <f>'CPT Data'!P5390</f>
        <v>SAND</v>
      </c>
      <c r="D5382" t="e">
        <f>'CPT Data'!Q5390</f>
        <v>#N/A</v>
      </c>
      <c r="E5382" t="e">
        <f t="shared" si="84"/>
        <v>#N/A</v>
      </c>
      <c r="F5382" t="str">
        <f>IF(C5382="CLAY", INDEX(D$4:D5382, MATCH("CLAY", C$4:C5382, 0)), "")</f>
        <v/>
      </c>
    </row>
    <row r="5383" spans="1:6" x14ac:dyDescent="0.2">
      <c r="A5383" s="239">
        <f>'CPT Data'!B5391</f>
        <v>53.378</v>
      </c>
      <c r="B5383" s="3">
        <f>'CPT Data'!C5391</f>
        <v>53.371000000000002</v>
      </c>
      <c r="C5383" t="str">
        <f>'CPT Data'!P5391</f>
        <v>SAND</v>
      </c>
      <c r="D5383" t="e">
        <f>'CPT Data'!Q5391</f>
        <v>#N/A</v>
      </c>
      <c r="E5383" t="e">
        <f t="shared" si="84"/>
        <v>#N/A</v>
      </c>
      <c r="F5383" t="str">
        <f>IF(C5383="CLAY", INDEX(D$4:D5383, MATCH("CLAY", C$4:C5383, 0)), "")</f>
        <v/>
      </c>
    </row>
    <row r="5384" spans="1:6" x14ac:dyDescent="0.2">
      <c r="A5384" s="239">
        <f>'CPT Data'!B5392</f>
        <v>53.387</v>
      </c>
      <c r="B5384" s="3">
        <f>'CPT Data'!C5392</f>
        <v>53.38</v>
      </c>
      <c r="C5384" t="str">
        <f>'CPT Data'!P5392</f>
        <v>SAND</v>
      </c>
      <c r="D5384" t="e">
        <f>'CPT Data'!Q5392</f>
        <v>#N/A</v>
      </c>
      <c r="E5384" t="e">
        <f t="shared" si="84"/>
        <v>#N/A</v>
      </c>
      <c r="F5384" t="str">
        <f>IF(C5384="CLAY", INDEX(D$4:D5384, MATCH("CLAY", C$4:C5384, 0)), "")</f>
        <v/>
      </c>
    </row>
    <row r="5385" spans="1:6" x14ac:dyDescent="0.2">
      <c r="A5385" s="239">
        <f>'CPT Data'!B5393</f>
        <v>53.398000000000003</v>
      </c>
      <c r="B5385" s="3">
        <f>'CPT Data'!C5393</f>
        <v>53.391000000000005</v>
      </c>
      <c r="C5385" t="str">
        <f>'CPT Data'!P5393</f>
        <v>SAND</v>
      </c>
      <c r="D5385" t="e">
        <f>'CPT Data'!Q5393</f>
        <v>#N/A</v>
      </c>
      <c r="E5385" t="e">
        <f t="shared" si="84"/>
        <v>#N/A</v>
      </c>
      <c r="F5385" t="str">
        <f>IF(C5385="CLAY", INDEX(D$4:D5385, MATCH("CLAY", C$4:C5385, 0)), "")</f>
        <v/>
      </c>
    </row>
    <row r="5386" spans="1:6" x14ac:dyDescent="0.2">
      <c r="A5386" s="239">
        <f>'CPT Data'!B5394</f>
        <v>53.408000000000001</v>
      </c>
      <c r="B5386" s="3">
        <f>'CPT Data'!C5394</f>
        <v>53.401000000000003</v>
      </c>
      <c r="C5386" t="str">
        <f>'CPT Data'!P5394</f>
        <v>SAND</v>
      </c>
      <c r="D5386" t="e">
        <f>'CPT Data'!Q5394</f>
        <v>#N/A</v>
      </c>
      <c r="E5386" t="e">
        <f t="shared" si="84"/>
        <v>#N/A</v>
      </c>
      <c r="F5386" t="str">
        <f>IF(C5386="CLAY", INDEX(D$4:D5386, MATCH("CLAY", C$4:C5386, 0)), "")</f>
        <v/>
      </c>
    </row>
    <row r="5387" spans="1:6" x14ac:dyDescent="0.2">
      <c r="A5387" s="239">
        <f>'CPT Data'!B5395</f>
        <v>53.418999999999997</v>
      </c>
      <c r="B5387" s="3">
        <f>'CPT Data'!C5395</f>
        <v>53.411999999999999</v>
      </c>
      <c r="C5387" t="str">
        <f>'CPT Data'!P5395</f>
        <v>SAND</v>
      </c>
      <c r="D5387" t="e">
        <f>'CPT Data'!Q5395</f>
        <v>#N/A</v>
      </c>
      <c r="E5387" t="e">
        <f t="shared" si="84"/>
        <v>#N/A</v>
      </c>
      <c r="F5387" t="str">
        <f>IF(C5387="CLAY", INDEX(D$4:D5387, MATCH("CLAY", C$4:C5387, 0)), "")</f>
        <v/>
      </c>
    </row>
    <row r="5388" spans="1:6" x14ac:dyDescent="0.2">
      <c r="A5388" s="239">
        <f>'CPT Data'!B5396</f>
        <v>53.429000000000002</v>
      </c>
      <c r="B5388" s="3">
        <f>'CPT Data'!C5396</f>
        <v>53.422000000000004</v>
      </c>
      <c r="C5388" t="str">
        <f>'CPT Data'!P5396</f>
        <v>SAND</v>
      </c>
      <c r="D5388" t="e">
        <f>'CPT Data'!Q5396</f>
        <v>#N/A</v>
      </c>
      <c r="E5388" t="e">
        <f t="shared" si="84"/>
        <v>#N/A</v>
      </c>
      <c r="F5388" t="str">
        <f>IF(C5388="CLAY", INDEX(D$4:D5388, MATCH("CLAY", C$4:C5388, 0)), "")</f>
        <v/>
      </c>
    </row>
    <row r="5389" spans="1:6" x14ac:dyDescent="0.2">
      <c r="A5389" s="239">
        <f>'CPT Data'!B5397</f>
        <v>53.439</v>
      </c>
      <c r="B5389" s="3">
        <f>'CPT Data'!C5397</f>
        <v>53.432000000000002</v>
      </c>
      <c r="C5389" t="str">
        <f>'CPT Data'!P5397</f>
        <v>SAND</v>
      </c>
      <c r="D5389" t="e">
        <f>'CPT Data'!Q5397</f>
        <v>#N/A</v>
      </c>
      <c r="E5389" t="e">
        <f t="shared" si="84"/>
        <v>#N/A</v>
      </c>
      <c r="F5389" t="str">
        <f>IF(C5389="CLAY", INDEX(D$4:D5389, MATCH("CLAY", C$4:C5389, 0)), "")</f>
        <v/>
      </c>
    </row>
    <row r="5390" spans="1:6" x14ac:dyDescent="0.2">
      <c r="A5390" s="239">
        <f>'CPT Data'!B5398</f>
        <v>53.448999999999998</v>
      </c>
      <c r="B5390" s="3">
        <f>'CPT Data'!C5398</f>
        <v>53.442</v>
      </c>
      <c r="C5390" t="str">
        <f>'CPT Data'!P5398</f>
        <v>SAND</v>
      </c>
      <c r="D5390" t="e">
        <f>'CPT Data'!Q5398</f>
        <v>#N/A</v>
      </c>
      <c r="E5390" t="e">
        <f t="shared" si="84"/>
        <v>#N/A</v>
      </c>
      <c r="F5390" t="str">
        <f>IF(C5390="CLAY", INDEX(D$4:D5390, MATCH("CLAY", C$4:C5390, 0)), "")</f>
        <v/>
      </c>
    </row>
    <row r="5391" spans="1:6" x14ac:dyDescent="0.2">
      <c r="A5391" s="239">
        <f>'CPT Data'!B5399</f>
        <v>53.459000000000003</v>
      </c>
      <c r="B5391" s="3">
        <f>'CPT Data'!C5399</f>
        <v>53.452000000000005</v>
      </c>
      <c r="C5391" t="str">
        <f>'CPT Data'!P5399</f>
        <v>SAND</v>
      </c>
      <c r="D5391" t="e">
        <f>'CPT Data'!Q5399</f>
        <v>#N/A</v>
      </c>
      <c r="E5391" t="e">
        <f t="shared" si="84"/>
        <v>#N/A</v>
      </c>
      <c r="F5391" t="str">
        <f>IF(C5391="CLAY", INDEX(D$4:D5391, MATCH("CLAY", C$4:C5391, 0)), "")</f>
        <v/>
      </c>
    </row>
    <row r="5392" spans="1:6" x14ac:dyDescent="0.2">
      <c r="A5392" s="239">
        <f>'CPT Data'!B5400</f>
        <v>53.47</v>
      </c>
      <c r="B5392" s="3">
        <f>'CPT Data'!C5400</f>
        <v>53.463000000000001</v>
      </c>
      <c r="C5392" t="str">
        <f>'CPT Data'!P5400</f>
        <v>SAND</v>
      </c>
      <c r="D5392" t="e">
        <f>'CPT Data'!Q5400</f>
        <v>#N/A</v>
      </c>
      <c r="E5392" t="e">
        <f t="shared" si="84"/>
        <v>#N/A</v>
      </c>
      <c r="F5392" t="str">
        <f>IF(C5392="CLAY", INDEX(D$4:D5392, MATCH("CLAY", C$4:C5392, 0)), "")</f>
        <v/>
      </c>
    </row>
    <row r="5393" spans="1:6" x14ac:dyDescent="0.2">
      <c r="A5393" s="239">
        <f>'CPT Data'!B5401</f>
        <v>53.48</v>
      </c>
      <c r="B5393" s="3">
        <f>'CPT Data'!C5401</f>
        <v>53.472999999999999</v>
      </c>
      <c r="C5393" t="str">
        <f>'CPT Data'!P5401</f>
        <v>SAND</v>
      </c>
      <c r="D5393" t="e">
        <f>'CPT Data'!Q5401</f>
        <v>#N/A</v>
      </c>
      <c r="E5393" t="e">
        <f t="shared" si="84"/>
        <v>#N/A</v>
      </c>
      <c r="F5393" t="str">
        <f>IF(C5393="CLAY", INDEX(D$4:D5393, MATCH("CLAY", C$4:C5393, 0)), "")</f>
        <v/>
      </c>
    </row>
    <row r="5394" spans="1:6" x14ac:dyDescent="0.2">
      <c r="A5394" s="239">
        <f>'CPT Data'!B5402</f>
        <v>53.49</v>
      </c>
      <c r="B5394" s="3">
        <f>'CPT Data'!C5402</f>
        <v>53.483000000000004</v>
      </c>
      <c r="C5394" t="str">
        <f>'CPT Data'!P5402</f>
        <v>SAND</v>
      </c>
      <c r="D5394" t="e">
        <f>'CPT Data'!Q5402</f>
        <v>#N/A</v>
      </c>
      <c r="E5394" t="e">
        <f t="shared" si="84"/>
        <v>#N/A</v>
      </c>
      <c r="F5394" t="str">
        <f>IF(C5394="CLAY", INDEX(D$4:D5394, MATCH("CLAY", C$4:C5394, 0)), "")</f>
        <v/>
      </c>
    </row>
    <row r="5395" spans="1:6" x14ac:dyDescent="0.2">
      <c r="A5395" s="239">
        <f>'CPT Data'!B5403</f>
        <v>53.500999999999998</v>
      </c>
      <c r="B5395" s="3">
        <f>'CPT Data'!C5403</f>
        <v>53.494</v>
      </c>
      <c r="C5395" t="str">
        <f>'CPT Data'!P5403</f>
        <v>SAND</v>
      </c>
      <c r="D5395" t="e">
        <f>'CPT Data'!Q5403</f>
        <v>#N/A</v>
      </c>
      <c r="E5395" t="e">
        <f t="shared" si="84"/>
        <v>#N/A</v>
      </c>
      <c r="F5395" t="str">
        <f>IF(C5395="CLAY", INDEX(D$4:D5395, MATCH("CLAY", C$4:C5395, 0)), "")</f>
        <v/>
      </c>
    </row>
    <row r="5396" spans="1:6" x14ac:dyDescent="0.2">
      <c r="A5396" s="239">
        <f>'CPT Data'!B5404</f>
        <v>53.51</v>
      </c>
      <c r="B5396" s="3">
        <f>'CPT Data'!C5404</f>
        <v>53.503</v>
      </c>
      <c r="C5396" t="str">
        <f>'CPT Data'!P5404</f>
        <v>SAND</v>
      </c>
      <c r="D5396" t="e">
        <f>'CPT Data'!Q5404</f>
        <v>#N/A</v>
      </c>
      <c r="E5396" t="e">
        <f t="shared" si="84"/>
        <v>#N/A</v>
      </c>
      <c r="F5396" t="str">
        <f>IF(C5396="CLAY", INDEX(D$4:D5396, MATCH("CLAY", C$4:C5396, 0)), "")</f>
        <v/>
      </c>
    </row>
    <row r="5397" spans="1:6" x14ac:dyDescent="0.2">
      <c r="A5397" s="239">
        <f>'CPT Data'!B5405</f>
        <v>53.521000000000001</v>
      </c>
      <c r="B5397" s="3">
        <f>'CPT Data'!C5405</f>
        <v>53.514000000000003</v>
      </c>
      <c r="C5397" t="str">
        <f>'CPT Data'!P5405</f>
        <v>SAND</v>
      </c>
      <c r="D5397" t="e">
        <f>'CPT Data'!Q5405</f>
        <v>#N/A</v>
      </c>
      <c r="E5397" t="e">
        <f t="shared" si="84"/>
        <v>#N/A</v>
      </c>
      <c r="F5397" t="str">
        <f>IF(C5397="CLAY", INDEX(D$4:D5397, MATCH("CLAY", C$4:C5397, 0)), "")</f>
        <v/>
      </c>
    </row>
    <row r="5398" spans="1:6" x14ac:dyDescent="0.2">
      <c r="A5398" s="239">
        <f>'CPT Data'!B5406</f>
        <v>53.530999999999999</v>
      </c>
      <c r="B5398" s="3">
        <f>'CPT Data'!C5406</f>
        <v>53.524000000000001</v>
      </c>
      <c r="C5398" t="str">
        <f>'CPT Data'!P5406</f>
        <v>SAND</v>
      </c>
      <c r="D5398" t="e">
        <f>'CPT Data'!Q5406</f>
        <v>#N/A</v>
      </c>
      <c r="E5398" t="e">
        <f t="shared" si="84"/>
        <v>#N/A</v>
      </c>
      <c r="F5398" t="str">
        <f>IF(C5398="CLAY", INDEX(D$4:D5398, MATCH("CLAY", C$4:C5398, 0)), "")</f>
        <v/>
      </c>
    </row>
    <row r="5399" spans="1:6" x14ac:dyDescent="0.2">
      <c r="A5399" s="239">
        <f>'CPT Data'!B5407</f>
        <v>53.540999999999997</v>
      </c>
      <c r="B5399" s="3">
        <f>'CPT Data'!C5407</f>
        <v>53.533999999999999</v>
      </c>
      <c r="C5399" t="str">
        <f>'CPT Data'!P5407</f>
        <v>SAND</v>
      </c>
      <c r="D5399" t="e">
        <f>'CPT Data'!Q5407</f>
        <v>#N/A</v>
      </c>
      <c r="E5399" t="e">
        <f t="shared" si="84"/>
        <v>#N/A</v>
      </c>
      <c r="F5399" t="str">
        <f>IF(C5399="CLAY", INDEX(D$4:D5399, MATCH("CLAY", C$4:C5399, 0)), "")</f>
        <v/>
      </c>
    </row>
    <row r="5400" spans="1:6" x14ac:dyDescent="0.2">
      <c r="A5400" s="239">
        <f>'CPT Data'!B5408</f>
        <v>53.552</v>
      </c>
      <c r="B5400" s="3">
        <f>'CPT Data'!C5408</f>
        <v>53.545000000000002</v>
      </c>
      <c r="C5400" t="str">
        <f>'CPT Data'!P5408</f>
        <v>SAND</v>
      </c>
      <c r="D5400" t="e">
        <f>'CPT Data'!Q5408</f>
        <v>#N/A</v>
      </c>
      <c r="E5400" t="e">
        <f t="shared" si="84"/>
        <v>#N/A</v>
      </c>
      <c r="F5400" t="str">
        <f>IF(C5400="CLAY", INDEX(D$4:D5400, MATCH("CLAY", C$4:C5400, 0)), "")</f>
        <v/>
      </c>
    </row>
    <row r="5401" spans="1:6" x14ac:dyDescent="0.2">
      <c r="A5401" s="239">
        <f>'CPT Data'!B5409</f>
        <v>53.561</v>
      </c>
      <c r="B5401" s="3">
        <f>'CPT Data'!C5409</f>
        <v>53.554000000000002</v>
      </c>
      <c r="C5401" t="str">
        <f>'CPT Data'!P5409</f>
        <v>SAND</v>
      </c>
      <c r="D5401" t="e">
        <f>'CPT Data'!Q5409</f>
        <v>#N/A</v>
      </c>
      <c r="E5401" t="e">
        <f t="shared" si="84"/>
        <v>#N/A</v>
      </c>
      <c r="F5401" t="str">
        <f>IF(C5401="CLAY", INDEX(D$4:D5401, MATCH("CLAY", C$4:C5401, 0)), "")</f>
        <v/>
      </c>
    </row>
    <row r="5402" spans="1:6" x14ac:dyDescent="0.2">
      <c r="A5402" s="239">
        <f>'CPT Data'!B5410</f>
        <v>53.572000000000003</v>
      </c>
      <c r="B5402" s="3">
        <f>'CPT Data'!C5410</f>
        <v>53.565000000000005</v>
      </c>
      <c r="C5402" t="str">
        <f>'CPT Data'!P5410</f>
        <v>SAND</v>
      </c>
      <c r="D5402" t="e">
        <f>'CPT Data'!Q5410</f>
        <v>#N/A</v>
      </c>
      <c r="E5402" t="e">
        <f t="shared" si="84"/>
        <v>#N/A</v>
      </c>
      <c r="F5402" t="str">
        <f>IF(C5402="CLAY", INDEX(D$4:D5402, MATCH("CLAY", C$4:C5402, 0)), "")</f>
        <v/>
      </c>
    </row>
    <row r="5403" spans="1:6" x14ac:dyDescent="0.2">
      <c r="A5403" s="239">
        <f>'CPT Data'!B5411</f>
        <v>53.582000000000001</v>
      </c>
      <c r="B5403" s="3">
        <f>'CPT Data'!C5411</f>
        <v>53.575000000000003</v>
      </c>
      <c r="C5403" t="str">
        <f>'CPT Data'!P5411</f>
        <v>SAND</v>
      </c>
      <c r="D5403" t="e">
        <f>'CPT Data'!Q5411</f>
        <v>#N/A</v>
      </c>
      <c r="E5403" t="e">
        <f t="shared" ref="E5403:E5466" si="85">IF(C5403="SAND",#N/A,IF(C5403=C5402,D5402,IF(C5403="CLAY",D5403,#N/A)))</f>
        <v>#N/A</v>
      </c>
      <c r="F5403" t="str">
        <f>IF(C5403="CLAY", INDEX(D$4:D5403, MATCH("CLAY", C$4:C5403, 0)), "")</f>
        <v/>
      </c>
    </row>
    <row r="5404" spans="1:6" x14ac:dyDescent="0.2">
      <c r="A5404" s="239">
        <f>'CPT Data'!B5412</f>
        <v>53.593000000000004</v>
      </c>
      <c r="B5404" s="3">
        <f>'CPT Data'!C5412</f>
        <v>53.586000000000006</v>
      </c>
      <c r="C5404" t="str">
        <f>'CPT Data'!P5412</f>
        <v>SAND</v>
      </c>
      <c r="D5404" t="e">
        <f>'CPT Data'!Q5412</f>
        <v>#N/A</v>
      </c>
      <c r="E5404" t="e">
        <f t="shared" si="85"/>
        <v>#N/A</v>
      </c>
      <c r="F5404" t="str">
        <f>IF(C5404="CLAY", INDEX(D$4:D5404, MATCH("CLAY", C$4:C5404, 0)), "")</f>
        <v/>
      </c>
    </row>
    <row r="5405" spans="1:6" x14ac:dyDescent="0.2">
      <c r="A5405" s="239">
        <f>'CPT Data'!B5413</f>
        <v>53.603999999999999</v>
      </c>
      <c r="B5405" s="3">
        <f>'CPT Data'!C5413</f>
        <v>53.597000000000001</v>
      </c>
      <c r="C5405" t="str">
        <f>'CPT Data'!P5413</f>
        <v>SAND</v>
      </c>
      <c r="D5405" t="e">
        <f>'CPT Data'!Q5413</f>
        <v>#N/A</v>
      </c>
      <c r="E5405" t="e">
        <f t="shared" si="85"/>
        <v>#N/A</v>
      </c>
      <c r="F5405" t="str">
        <f>IF(C5405="CLAY", INDEX(D$4:D5405, MATCH("CLAY", C$4:C5405, 0)), "")</f>
        <v/>
      </c>
    </row>
    <row r="5406" spans="1:6" x14ac:dyDescent="0.2">
      <c r="A5406" s="239">
        <f>'CPT Data'!B5414</f>
        <v>53.613</v>
      </c>
      <c r="B5406" s="3">
        <f>'CPT Data'!C5414</f>
        <v>53.606000000000002</v>
      </c>
      <c r="C5406" t="str">
        <f>'CPT Data'!P5414</f>
        <v>SAND</v>
      </c>
      <c r="D5406" t="e">
        <f>'CPT Data'!Q5414</f>
        <v>#N/A</v>
      </c>
      <c r="E5406" t="e">
        <f t="shared" si="85"/>
        <v>#N/A</v>
      </c>
      <c r="F5406" t="str">
        <f>IF(C5406="CLAY", INDEX(D$4:D5406, MATCH("CLAY", C$4:C5406, 0)), "")</f>
        <v/>
      </c>
    </row>
    <row r="5407" spans="1:6" x14ac:dyDescent="0.2">
      <c r="A5407" s="239">
        <f>'CPT Data'!B5415</f>
        <v>53.624000000000002</v>
      </c>
      <c r="B5407" s="3">
        <f>'CPT Data'!C5415</f>
        <v>53.617000000000004</v>
      </c>
      <c r="C5407" t="str">
        <f>'CPT Data'!P5415</f>
        <v>SAND</v>
      </c>
      <c r="D5407" t="e">
        <f>'CPT Data'!Q5415</f>
        <v>#N/A</v>
      </c>
      <c r="E5407" t="e">
        <f t="shared" si="85"/>
        <v>#N/A</v>
      </c>
      <c r="F5407" t="str">
        <f>IF(C5407="CLAY", INDEX(D$4:D5407, MATCH("CLAY", C$4:C5407, 0)), "")</f>
        <v/>
      </c>
    </row>
    <row r="5408" spans="1:6" x14ac:dyDescent="0.2">
      <c r="A5408" s="239">
        <f>'CPT Data'!B5416</f>
        <v>53.634</v>
      </c>
      <c r="B5408" s="3">
        <f>'CPT Data'!C5416</f>
        <v>53.627000000000002</v>
      </c>
      <c r="C5408" t="str">
        <f>'CPT Data'!P5416</f>
        <v>SAND</v>
      </c>
      <c r="D5408" t="e">
        <f>'CPT Data'!Q5416</f>
        <v>#N/A</v>
      </c>
      <c r="E5408" t="e">
        <f t="shared" si="85"/>
        <v>#N/A</v>
      </c>
      <c r="F5408" t="str">
        <f>IF(C5408="CLAY", INDEX(D$4:D5408, MATCH("CLAY", C$4:C5408, 0)), "")</f>
        <v/>
      </c>
    </row>
    <row r="5409" spans="1:6" x14ac:dyDescent="0.2">
      <c r="A5409" s="239">
        <f>'CPT Data'!B5417</f>
        <v>53.645000000000003</v>
      </c>
      <c r="B5409" s="3">
        <f>'CPT Data'!C5417</f>
        <v>53.638000000000005</v>
      </c>
      <c r="C5409" t="str">
        <f>'CPT Data'!P5417</f>
        <v>SAND</v>
      </c>
      <c r="D5409" t="e">
        <f>'CPT Data'!Q5417</f>
        <v>#N/A</v>
      </c>
      <c r="E5409" t="e">
        <f t="shared" si="85"/>
        <v>#N/A</v>
      </c>
      <c r="F5409" t="str">
        <f>IF(C5409="CLAY", INDEX(D$4:D5409, MATCH("CLAY", C$4:C5409, 0)), "")</f>
        <v/>
      </c>
    </row>
    <row r="5410" spans="1:6" x14ac:dyDescent="0.2">
      <c r="A5410" s="239">
        <f>'CPT Data'!B5418</f>
        <v>53.654000000000003</v>
      </c>
      <c r="B5410" s="3">
        <f>'CPT Data'!C5418</f>
        <v>53.647000000000006</v>
      </c>
      <c r="C5410" t="str">
        <f>'CPT Data'!P5418</f>
        <v>SAND</v>
      </c>
      <c r="D5410" t="e">
        <f>'CPT Data'!Q5418</f>
        <v>#N/A</v>
      </c>
      <c r="E5410" t="e">
        <f t="shared" si="85"/>
        <v>#N/A</v>
      </c>
      <c r="F5410" t="str">
        <f>IF(C5410="CLAY", INDEX(D$4:D5410, MATCH("CLAY", C$4:C5410, 0)), "")</f>
        <v/>
      </c>
    </row>
    <row r="5411" spans="1:6" x14ac:dyDescent="0.2">
      <c r="A5411" s="239">
        <f>'CPT Data'!B5419</f>
        <v>53.664999999999999</v>
      </c>
      <c r="B5411" s="3">
        <f>'CPT Data'!C5419</f>
        <v>53.658000000000001</v>
      </c>
      <c r="C5411" t="str">
        <f>'CPT Data'!P5419</f>
        <v>SAND</v>
      </c>
      <c r="D5411" t="e">
        <f>'CPT Data'!Q5419</f>
        <v>#N/A</v>
      </c>
      <c r="E5411" t="e">
        <f t="shared" si="85"/>
        <v>#N/A</v>
      </c>
      <c r="F5411" t="str">
        <f>IF(C5411="CLAY", INDEX(D$4:D5411, MATCH("CLAY", C$4:C5411, 0)), "")</f>
        <v/>
      </c>
    </row>
    <row r="5412" spans="1:6" x14ac:dyDescent="0.2">
      <c r="A5412" s="239">
        <f>'CPT Data'!B5420</f>
        <v>53.676000000000002</v>
      </c>
      <c r="B5412" s="3">
        <f>'CPT Data'!C5420</f>
        <v>53.669000000000004</v>
      </c>
      <c r="C5412" t="str">
        <f>'CPT Data'!P5420</f>
        <v>SAND</v>
      </c>
      <c r="D5412" t="e">
        <f>'CPT Data'!Q5420</f>
        <v>#N/A</v>
      </c>
      <c r="E5412" t="e">
        <f t="shared" si="85"/>
        <v>#N/A</v>
      </c>
      <c r="F5412" t="str">
        <f>IF(C5412="CLAY", INDEX(D$4:D5412, MATCH("CLAY", C$4:C5412, 0)), "")</f>
        <v/>
      </c>
    </row>
    <row r="5413" spans="1:6" x14ac:dyDescent="0.2">
      <c r="A5413" s="239">
        <f>'CPT Data'!B5421</f>
        <v>53.698999999999998</v>
      </c>
      <c r="B5413" s="3">
        <f>'CPT Data'!C5421</f>
        <v>53.692</v>
      </c>
      <c r="C5413" t="str">
        <f>'CPT Data'!P5421</f>
        <v>SAND</v>
      </c>
      <c r="D5413" t="e">
        <f>'CPT Data'!Q5421</f>
        <v>#N/A</v>
      </c>
      <c r="E5413" t="e">
        <f t="shared" si="85"/>
        <v>#N/A</v>
      </c>
      <c r="F5413" t="str">
        <f>IF(C5413="CLAY", INDEX(D$4:D5413, MATCH("CLAY", C$4:C5413, 0)), "")</f>
        <v/>
      </c>
    </row>
    <row r="5414" spans="1:6" x14ac:dyDescent="0.2">
      <c r="A5414" s="239">
        <f>'CPT Data'!B5422</f>
        <v>53.71</v>
      </c>
      <c r="B5414" s="3">
        <f>'CPT Data'!C5422</f>
        <v>53.703000000000003</v>
      </c>
      <c r="C5414" t="str">
        <f>'CPT Data'!P5422</f>
        <v>SAND</v>
      </c>
      <c r="D5414" t="e">
        <f>'CPT Data'!Q5422</f>
        <v>#N/A</v>
      </c>
      <c r="E5414" t="e">
        <f t="shared" si="85"/>
        <v>#N/A</v>
      </c>
      <c r="F5414" t="str">
        <f>IF(C5414="CLAY", INDEX(D$4:D5414, MATCH("CLAY", C$4:C5414, 0)), "")</f>
        <v/>
      </c>
    </row>
    <row r="5415" spans="1:6" x14ac:dyDescent="0.2">
      <c r="A5415" s="239">
        <f>'CPT Data'!B5423</f>
        <v>53.72</v>
      </c>
      <c r="B5415" s="3">
        <f>'CPT Data'!C5423</f>
        <v>53.713000000000001</v>
      </c>
      <c r="C5415" t="str">
        <f>'CPT Data'!P5423</f>
        <v>SAND</v>
      </c>
      <c r="D5415" t="e">
        <f>'CPT Data'!Q5423</f>
        <v>#N/A</v>
      </c>
      <c r="E5415" t="e">
        <f t="shared" si="85"/>
        <v>#N/A</v>
      </c>
      <c r="F5415" t="str">
        <f>IF(C5415="CLAY", INDEX(D$4:D5415, MATCH("CLAY", C$4:C5415, 0)), "")</f>
        <v/>
      </c>
    </row>
    <row r="5416" spans="1:6" x14ac:dyDescent="0.2">
      <c r="A5416" s="239">
        <f>'CPT Data'!B5424</f>
        <v>53.728999999999999</v>
      </c>
      <c r="B5416" s="3">
        <f>'CPT Data'!C5424</f>
        <v>53.722000000000001</v>
      </c>
      <c r="C5416" t="str">
        <f>'CPT Data'!P5424</f>
        <v>SAND</v>
      </c>
      <c r="D5416" t="e">
        <f>'CPT Data'!Q5424</f>
        <v>#N/A</v>
      </c>
      <c r="E5416" t="e">
        <f t="shared" si="85"/>
        <v>#N/A</v>
      </c>
      <c r="F5416" t="str">
        <f>IF(C5416="CLAY", INDEX(D$4:D5416, MATCH("CLAY", C$4:C5416, 0)), "")</f>
        <v/>
      </c>
    </row>
    <row r="5417" spans="1:6" x14ac:dyDescent="0.2">
      <c r="A5417" s="239">
        <f>'CPT Data'!B5425</f>
        <v>53.746000000000002</v>
      </c>
      <c r="B5417" s="3">
        <f>'CPT Data'!C5425</f>
        <v>53.739000000000004</v>
      </c>
      <c r="C5417" t="str">
        <f>'CPT Data'!P5425</f>
        <v>SAND</v>
      </c>
      <c r="D5417" t="e">
        <f>'CPT Data'!Q5425</f>
        <v>#N/A</v>
      </c>
      <c r="E5417" t="e">
        <f t="shared" si="85"/>
        <v>#N/A</v>
      </c>
      <c r="F5417" t="str">
        <f>IF(C5417="CLAY", INDEX(D$4:D5417, MATCH("CLAY", C$4:C5417, 0)), "")</f>
        <v/>
      </c>
    </row>
    <row r="5418" spans="1:6" x14ac:dyDescent="0.2">
      <c r="A5418" s="239">
        <f>'CPT Data'!B5426</f>
        <v>53.755000000000003</v>
      </c>
      <c r="B5418" s="3">
        <f>'CPT Data'!C5426</f>
        <v>53.748000000000005</v>
      </c>
      <c r="C5418" t="str">
        <f>'CPT Data'!P5426</f>
        <v>SAND</v>
      </c>
      <c r="D5418" t="e">
        <f>'CPT Data'!Q5426</f>
        <v>#N/A</v>
      </c>
      <c r="E5418" t="e">
        <f t="shared" si="85"/>
        <v>#N/A</v>
      </c>
      <c r="F5418" t="str">
        <f>IF(C5418="CLAY", INDEX(D$4:D5418, MATCH("CLAY", C$4:C5418, 0)), "")</f>
        <v/>
      </c>
    </row>
    <row r="5419" spans="1:6" x14ac:dyDescent="0.2">
      <c r="A5419" s="239">
        <f>'CPT Data'!B5427</f>
        <v>53.765999999999998</v>
      </c>
      <c r="B5419" s="3">
        <f>'CPT Data'!C5427</f>
        <v>53.759</v>
      </c>
      <c r="C5419" t="str">
        <f>'CPT Data'!P5427</f>
        <v>SAND</v>
      </c>
      <c r="D5419" t="e">
        <f>'CPT Data'!Q5427</f>
        <v>#N/A</v>
      </c>
      <c r="E5419" t="e">
        <f t="shared" si="85"/>
        <v>#N/A</v>
      </c>
      <c r="F5419" t="str">
        <f>IF(C5419="CLAY", INDEX(D$4:D5419, MATCH("CLAY", C$4:C5419, 0)), "")</f>
        <v/>
      </c>
    </row>
    <row r="5420" spans="1:6" x14ac:dyDescent="0.2">
      <c r="A5420" s="239">
        <f>'CPT Data'!B5428</f>
        <v>53.776000000000003</v>
      </c>
      <c r="B5420" s="3">
        <f>'CPT Data'!C5428</f>
        <v>53.769000000000005</v>
      </c>
      <c r="C5420" t="str">
        <f>'CPT Data'!P5428</f>
        <v>SAND</v>
      </c>
      <c r="D5420" t="e">
        <f>'CPT Data'!Q5428</f>
        <v>#N/A</v>
      </c>
      <c r="E5420" t="e">
        <f t="shared" si="85"/>
        <v>#N/A</v>
      </c>
      <c r="F5420" t="str">
        <f>IF(C5420="CLAY", INDEX(D$4:D5420, MATCH("CLAY", C$4:C5420, 0)), "")</f>
        <v/>
      </c>
    </row>
    <row r="5421" spans="1:6" x14ac:dyDescent="0.2">
      <c r="A5421" s="239">
        <f>'CPT Data'!B5429</f>
        <v>53.786000000000001</v>
      </c>
      <c r="B5421" s="3">
        <f>'CPT Data'!C5429</f>
        <v>53.779000000000003</v>
      </c>
      <c r="C5421" t="str">
        <f>'CPT Data'!P5429</f>
        <v>SAND</v>
      </c>
      <c r="D5421" t="e">
        <f>'CPT Data'!Q5429</f>
        <v>#N/A</v>
      </c>
      <c r="E5421" t="e">
        <f t="shared" si="85"/>
        <v>#N/A</v>
      </c>
      <c r="F5421" t="str">
        <f>IF(C5421="CLAY", INDEX(D$4:D5421, MATCH("CLAY", C$4:C5421, 0)), "")</f>
        <v/>
      </c>
    </row>
    <row r="5422" spans="1:6" x14ac:dyDescent="0.2">
      <c r="A5422" s="239">
        <f>'CPT Data'!B5430</f>
        <v>53.796999999999997</v>
      </c>
      <c r="B5422" s="3">
        <f>'CPT Data'!C5430</f>
        <v>53.79</v>
      </c>
      <c r="C5422" t="str">
        <f>'CPT Data'!P5430</f>
        <v>SAND</v>
      </c>
      <c r="D5422" t="e">
        <f>'CPT Data'!Q5430</f>
        <v>#N/A</v>
      </c>
      <c r="E5422" t="e">
        <f t="shared" si="85"/>
        <v>#N/A</v>
      </c>
      <c r="F5422" t="str">
        <f>IF(C5422="CLAY", INDEX(D$4:D5422, MATCH("CLAY", C$4:C5422, 0)), "")</f>
        <v/>
      </c>
    </row>
    <row r="5423" spans="1:6" x14ac:dyDescent="0.2">
      <c r="A5423" s="239">
        <f>'CPT Data'!B5431</f>
        <v>53.807000000000002</v>
      </c>
      <c r="B5423" s="3">
        <f>'CPT Data'!C5431</f>
        <v>53.800000000000004</v>
      </c>
      <c r="C5423" t="str">
        <f>'CPT Data'!P5431</f>
        <v>SAND</v>
      </c>
      <c r="D5423" t="e">
        <f>'CPT Data'!Q5431</f>
        <v>#N/A</v>
      </c>
      <c r="E5423" t="e">
        <f t="shared" si="85"/>
        <v>#N/A</v>
      </c>
      <c r="F5423" t="str">
        <f>IF(C5423="CLAY", INDEX(D$4:D5423, MATCH("CLAY", C$4:C5423, 0)), "")</f>
        <v/>
      </c>
    </row>
    <row r="5424" spans="1:6" x14ac:dyDescent="0.2">
      <c r="A5424" s="239">
        <f>'CPT Data'!B5432</f>
        <v>53.817</v>
      </c>
      <c r="B5424" s="3">
        <f>'CPT Data'!C5432</f>
        <v>53.81</v>
      </c>
      <c r="C5424" t="str">
        <f>'CPT Data'!P5432</f>
        <v>SAND</v>
      </c>
      <c r="D5424" t="e">
        <f>'CPT Data'!Q5432</f>
        <v>#N/A</v>
      </c>
      <c r="E5424" t="e">
        <f t="shared" si="85"/>
        <v>#N/A</v>
      </c>
      <c r="F5424" t="str">
        <f>IF(C5424="CLAY", INDEX(D$4:D5424, MATCH("CLAY", C$4:C5424, 0)), "")</f>
        <v/>
      </c>
    </row>
    <row r="5425" spans="1:6" x14ac:dyDescent="0.2">
      <c r="A5425" s="239">
        <f>'CPT Data'!B5433</f>
        <v>53.828000000000003</v>
      </c>
      <c r="B5425" s="3">
        <f>'CPT Data'!C5433</f>
        <v>53.821000000000005</v>
      </c>
      <c r="C5425" t="str">
        <f>'CPT Data'!P5433</f>
        <v>SAND</v>
      </c>
      <c r="D5425" t="e">
        <f>'CPT Data'!Q5433</f>
        <v>#N/A</v>
      </c>
      <c r="E5425" t="e">
        <f t="shared" si="85"/>
        <v>#N/A</v>
      </c>
      <c r="F5425" t="str">
        <f>IF(C5425="CLAY", INDEX(D$4:D5425, MATCH("CLAY", C$4:C5425, 0)), "")</f>
        <v/>
      </c>
    </row>
    <row r="5426" spans="1:6" x14ac:dyDescent="0.2">
      <c r="A5426" s="239">
        <f>'CPT Data'!B5434</f>
        <v>53.838000000000001</v>
      </c>
      <c r="B5426" s="3">
        <f>'CPT Data'!C5434</f>
        <v>53.831000000000003</v>
      </c>
      <c r="C5426" t="str">
        <f>'CPT Data'!P5434</f>
        <v>SAND</v>
      </c>
      <c r="D5426" t="e">
        <f>'CPT Data'!Q5434</f>
        <v>#N/A</v>
      </c>
      <c r="E5426" t="e">
        <f t="shared" si="85"/>
        <v>#N/A</v>
      </c>
      <c r="F5426" t="str">
        <f>IF(C5426="CLAY", INDEX(D$4:D5426, MATCH("CLAY", C$4:C5426, 0)), "")</f>
        <v/>
      </c>
    </row>
    <row r="5427" spans="1:6" x14ac:dyDescent="0.2">
      <c r="A5427" s="239">
        <f>'CPT Data'!B5435</f>
        <v>53.848999999999997</v>
      </c>
      <c r="B5427" s="3">
        <f>'CPT Data'!C5435</f>
        <v>53.841999999999999</v>
      </c>
      <c r="C5427" t="str">
        <f>'CPT Data'!P5435</f>
        <v>SAND</v>
      </c>
      <c r="D5427" t="e">
        <f>'CPT Data'!Q5435</f>
        <v>#N/A</v>
      </c>
      <c r="E5427" t="e">
        <f t="shared" si="85"/>
        <v>#N/A</v>
      </c>
      <c r="F5427" t="str">
        <f>IF(C5427="CLAY", INDEX(D$4:D5427, MATCH("CLAY", C$4:C5427, 0)), "")</f>
        <v/>
      </c>
    </row>
    <row r="5428" spans="1:6" x14ac:dyDescent="0.2">
      <c r="A5428" s="239">
        <f>'CPT Data'!B5436</f>
        <v>53.859000000000002</v>
      </c>
      <c r="B5428" s="3">
        <f>'CPT Data'!C5436</f>
        <v>53.852000000000004</v>
      </c>
      <c r="C5428" t="str">
        <f>'CPT Data'!P5436</f>
        <v>SAND</v>
      </c>
      <c r="D5428" t="e">
        <f>'CPT Data'!Q5436</f>
        <v>#N/A</v>
      </c>
      <c r="E5428" t="e">
        <f t="shared" si="85"/>
        <v>#N/A</v>
      </c>
      <c r="F5428" t="str">
        <f>IF(C5428="CLAY", INDEX(D$4:D5428, MATCH("CLAY", C$4:C5428, 0)), "")</f>
        <v/>
      </c>
    </row>
    <row r="5429" spans="1:6" x14ac:dyDescent="0.2">
      <c r="A5429" s="239">
        <f>'CPT Data'!B5437</f>
        <v>53.869</v>
      </c>
      <c r="B5429" s="3">
        <f>'CPT Data'!C5437</f>
        <v>53.862000000000002</v>
      </c>
      <c r="C5429" t="str">
        <f>'CPT Data'!P5437</f>
        <v>SAND</v>
      </c>
      <c r="D5429" t="e">
        <f>'CPT Data'!Q5437</f>
        <v>#N/A</v>
      </c>
      <c r="E5429" t="e">
        <f t="shared" si="85"/>
        <v>#N/A</v>
      </c>
      <c r="F5429" t="str">
        <f>IF(C5429="CLAY", INDEX(D$4:D5429, MATCH("CLAY", C$4:C5429, 0)), "")</f>
        <v/>
      </c>
    </row>
    <row r="5430" spans="1:6" x14ac:dyDescent="0.2">
      <c r="A5430" s="239">
        <f>'CPT Data'!B5438</f>
        <v>53.878999999999998</v>
      </c>
      <c r="B5430" s="3">
        <f>'CPT Data'!C5438</f>
        <v>53.872</v>
      </c>
      <c r="C5430" t="str">
        <f>'CPT Data'!P5438</f>
        <v>SAND</v>
      </c>
      <c r="D5430" t="e">
        <f>'CPT Data'!Q5438</f>
        <v>#N/A</v>
      </c>
      <c r="E5430" t="e">
        <f t="shared" si="85"/>
        <v>#N/A</v>
      </c>
      <c r="F5430" t="str">
        <f>IF(C5430="CLAY", INDEX(D$4:D5430, MATCH("CLAY", C$4:C5430, 0)), "")</f>
        <v/>
      </c>
    </row>
    <row r="5431" spans="1:6" x14ac:dyDescent="0.2">
      <c r="A5431" s="239">
        <f>'CPT Data'!B5439</f>
        <v>53.89</v>
      </c>
      <c r="B5431" s="3">
        <f>'CPT Data'!C5439</f>
        <v>53.883000000000003</v>
      </c>
      <c r="C5431" t="str">
        <f>'CPT Data'!P5439</f>
        <v>SAND</v>
      </c>
      <c r="D5431" t="e">
        <f>'CPT Data'!Q5439</f>
        <v>#N/A</v>
      </c>
      <c r="E5431" t="e">
        <f t="shared" si="85"/>
        <v>#N/A</v>
      </c>
      <c r="F5431" t="str">
        <f>IF(C5431="CLAY", INDEX(D$4:D5431, MATCH("CLAY", C$4:C5431, 0)), "")</f>
        <v/>
      </c>
    </row>
    <row r="5432" spans="1:6" x14ac:dyDescent="0.2">
      <c r="A5432" s="239">
        <f>'CPT Data'!B5440</f>
        <v>53.9</v>
      </c>
      <c r="B5432" s="3">
        <f>'CPT Data'!C5440</f>
        <v>53.893000000000001</v>
      </c>
      <c r="C5432" t="str">
        <f>'CPT Data'!P5440</f>
        <v>SAND</v>
      </c>
      <c r="D5432" t="e">
        <f>'CPT Data'!Q5440</f>
        <v>#N/A</v>
      </c>
      <c r="E5432" t="e">
        <f t="shared" si="85"/>
        <v>#N/A</v>
      </c>
      <c r="F5432" t="str">
        <f>IF(C5432="CLAY", INDEX(D$4:D5432, MATCH("CLAY", C$4:C5432, 0)), "")</f>
        <v/>
      </c>
    </row>
    <row r="5433" spans="1:6" x14ac:dyDescent="0.2">
      <c r="A5433" s="239">
        <f>'CPT Data'!B5441</f>
        <v>53.91</v>
      </c>
      <c r="B5433" s="3">
        <f>'CPT Data'!C5441</f>
        <v>53.902999999999999</v>
      </c>
      <c r="C5433" t="str">
        <f>'CPT Data'!P5441</f>
        <v>SAND</v>
      </c>
      <c r="D5433" t="e">
        <f>'CPT Data'!Q5441</f>
        <v>#N/A</v>
      </c>
      <c r="E5433" t="e">
        <f t="shared" si="85"/>
        <v>#N/A</v>
      </c>
      <c r="F5433" t="str">
        <f>IF(C5433="CLAY", INDEX(D$4:D5433, MATCH("CLAY", C$4:C5433, 0)), "")</f>
        <v/>
      </c>
    </row>
    <row r="5434" spans="1:6" x14ac:dyDescent="0.2">
      <c r="A5434" s="239">
        <f>'CPT Data'!B5442</f>
        <v>53.920999999999999</v>
      </c>
      <c r="B5434" s="3">
        <f>'CPT Data'!C5442</f>
        <v>53.914000000000001</v>
      </c>
      <c r="C5434" t="str">
        <f>'CPT Data'!P5442</f>
        <v>SAND</v>
      </c>
      <c r="D5434" t="e">
        <f>'CPT Data'!Q5442</f>
        <v>#N/A</v>
      </c>
      <c r="E5434" t="e">
        <f t="shared" si="85"/>
        <v>#N/A</v>
      </c>
      <c r="F5434" t="str">
        <f>IF(C5434="CLAY", INDEX(D$4:D5434, MATCH("CLAY", C$4:C5434, 0)), "")</f>
        <v/>
      </c>
    </row>
    <row r="5435" spans="1:6" x14ac:dyDescent="0.2">
      <c r="A5435" s="239">
        <f>'CPT Data'!B5443</f>
        <v>53.930999999999997</v>
      </c>
      <c r="B5435" s="3">
        <f>'CPT Data'!C5443</f>
        <v>53.923999999999999</v>
      </c>
      <c r="C5435" t="str">
        <f>'CPT Data'!P5443</f>
        <v>SAND</v>
      </c>
      <c r="D5435" t="e">
        <f>'CPT Data'!Q5443</f>
        <v>#N/A</v>
      </c>
      <c r="E5435" t="e">
        <f t="shared" si="85"/>
        <v>#N/A</v>
      </c>
      <c r="F5435" t="str">
        <f>IF(C5435="CLAY", INDEX(D$4:D5435, MATCH("CLAY", C$4:C5435, 0)), "")</f>
        <v/>
      </c>
    </row>
    <row r="5436" spans="1:6" x14ac:dyDescent="0.2">
      <c r="A5436" s="239">
        <f>'CPT Data'!B5444</f>
        <v>53.94</v>
      </c>
      <c r="B5436" s="3">
        <f>'CPT Data'!C5444</f>
        <v>53.933</v>
      </c>
      <c r="C5436" t="str">
        <f>'CPT Data'!P5444</f>
        <v>SAND</v>
      </c>
      <c r="D5436" t="e">
        <f>'CPT Data'!Q5444</f>
        <v>#N/A</v>
      </c>
      <c r="E5436" t="e">
        <f t="shared" si="85"/>
        <v>#N/A</v>
      </c>
      <c r="F5436" t="str">
        <f>IF(C5436="CLAY", INDEX(D$4:D5436, MATCH("CLAY", C$4:C5436, 0)), "")</f>
        <v/>
      </c>
    </row>
    <row r="5437" spans="1:6" x14ac:dyDescent="0.2">
      <c r="A5437" s="239">
        <f>'CPT Data'!B5445</f>
        <v>53.948999999999998</v>
      </c>
      <c r="B5437" s="3">
        <f>'CPT Data'!C5445</f>
        <v>53.942</v>
      </c>
      <c r="C5437" t="str">
        <f>'CPT Data'!P5445</f>
        <v>SAND</v>
      </c>
      <c r="D5437" t="e">
        <f>'CPT Data'!Q5445</f>
        <v>#N/A</v>
      </c>
      <c r="E5437" t="e">
        <f t="shared" si="85"/>
        <v>#N/A</v>
      </c>
      <c r="F5437" t="str">
        <f>IF(C5437="CLAY", INDEX(D$4:D5437, MATCH("CLAY", C$4:C5437, 0)), "")</f>
        <v/>
      </c>
    </row>
    <row r="5438" spans="1:6" x14ac:dyDescent="0.2">
      <c r="A5438" s="239">
        <f>'CPT Data'!B5446</f>
        <v>53.96</v>
      </c>
      <c r="B5438" s="3">
        <f>'CPT Data'!C5446</f>
        <v>53.953000000000003</v>
      </c>
      <c r="C5438" t="str">
        <f>'CPT Data'!P5446</f>
        <v>SAND</v>
      </c>
      <c r="D5438" t="e">
        <f>'CPT Data'!Q5446</f>
        <v>#N/A</v>
      </c>
      <c r="E5438" t="e">
        <f t="shared" si="85"/>
        <v>#N/A</v>
      </c>
      <c r="F5438" t="str">
        <f>IF(C5438="CLAY", INDEX(D$4:D5438, MATCH("CLAY", C$4:C5438, 0)), "")</f>
        <v/>
      </c>
    </row>
    <row r="5439" spans="1:6" x14ac:dyDescent="0.2">
      <c r="A5439" s="239">
        <f>'CPT Data'!B5447</f>
        <v>53.97</v>
      </c>
      <c r="B5439" s="3">
        <f>'CPT Data'!C5447</f>
        <v>53.963000000000001</v>
      </c>
      <c r="C5439" t="str">
        <f>'CPT Data'!P5447</f>
        <v>SAND</v>
      </c>
      <c r="D5439" t="e">
        <f>'CPT Data'!Q5447</f>
        <v>#N/A</v>
      </c>
      <c r="E5439" t="e">
        <f t="shared" si="85"/>
        <v>#N/A</v>
      </c>
      <c r="F5439" t="str">
        <f>IF(C5439="CLAY", INDEX(D$4:D5439, MATCH("CLAY", C$4:C5439, 0)), "")</f>
        <v/>
      </c>
    </row>
    <row r="5440" spans="1:6" x14ac:dyDescent="0.2">
      <c r="A5440" s="239">
        <f>'CPT Data'!B5448</f>
        <v>53.978999999999999</v>
      </c>
      <c r="B5440" s="3">
        <f>'CPT Data'!C5448</f>
        <v>53.972000000000001</v>
      </c>
      <c r="C5440" t="str">
        <f>'CPT Data'!P5448</f>
        <v>SAND</v>
      </c>
      <c r="D5440" t="e">
        <f>'CPT Data'!Q5448</f>
        <v>#N/A</v>
      </c>
      <c r="E5440" t="e">
        <f t="shared" si="85"/>
        <v>#N/A</v>
      </c>
      <c r="F5440" t="str">
        <f>IF(C5440="CLAY", INDEX(D$4:D5440, MATCH("CLAY", C$4:C5440, 0)), "")</f>
        <v/>
      </c>
    </row>
    <row r="5441" spans="1:6" x14ac:dyDescent="0.2">
      <c r="A5441" s="239">
        <f>'CPT Data'!B5449</f>
        <v>53.988</v>
      </c>
      <c r="B5441" s="3">
        <f>'CPT Data'!C5449</f>
        <v>53.981000000000002</v>
      </c>
      <c r="C5441" t="str">
        <f>'CPT Data'!P5449</f>
        <v>SAND</v>
      </c>
      <c r="D5441" t="e">
        <f>'CPT Data'!Q5449</f>
        <v>#N/A</v>
      </c>
      <c r="E5441" t="e">
        <f t="shared" si="85"/>
        <v>#N/A</v>
      </c>
      <c r="F5441" t="str">
        <f>IF(C5441="CLAY", INDEX(D$4:D5441, MATCH("CLAY", C$4:C5441, 0)), "")</f>
        <v/>
      </c>
    </row>
    <row r="5442" spans="1:6" x14ac:dyDescent="0.2">
      <c r="A5442" s="239">
        <f>'CPT Data'!B5450</f>
        <v>53.999000000000002</v>
      </c>
      <c r="B5442" s="3">
        <f>'CPT Data'!C5450</f>
        <v>53.992000000000004</v>
      </c>
      <c r="C5442" t="str">
        <f>'CPT Data'!P5450</f>
        <v>SAND</v>
      </c>
      <c r="D5442" t="e">
        <f>'CPT Data'!Q5450</f>
        <v>#N/A</v>
      </c>
      <c r="E5442" t="e">
        <f t="shared" si="85"/>
        <v>#N/A</v>
      </c>
      <c r="F5442" t="str">
        <f>IF(C5442="CLAY", INDEX(D$4:D5442, MATCH("CLAY", C$4:C5442, 0)), "")</f>
        <v/>
      </c>
    </row>
    <row r="5443" spans="1:6" x14ac:dyDescent="0.2">
      <c r="A5443" s="239">
        <f>'CPT Data'!B5451</f>
        <v>54.009</v>
      </c>
      <c r="B5443" s="3">
        <f>'CPT Data'!C5451</f>
        <v>54.002000000000002</v>
      </c>
      <c r="C5443" t="str">
        <f>'CPT Data'!P5451</f>
        <v>SAND</v>
      </c>
      <c r="D5443" t="e">
        <f>'CPT Data'!Q5451</f>
        <v>#N/A</v>
      </c>
      <c r="E5443" t="e">
        <f t="shared" si="85"/>
        <v>#N/A</v>
      </c>
      <c r="F5443" t="str">
        <f>IF(C5443="CLAY", INDEX(D$4:D5443, MATCH("CLAY", C$4:C5443, 0)), "")</f>
        <v/>
      </c>
    </row>
    <row r="5444" spans="1:6" x14ac:dyDescent="0.2">
      <c r="A5444" s="239">
        <f>'CPT Data'!B5452</f>
        <v>54.018999999999998</v>
      </c>
      <c r="B5444" s="3">
        <f>'CPT Data'!C5452</f>
        <v>54.012</v>
      </c>
      <c r="C5444" t="str">
        <f>'CPT Data'!P5452</f>
        <v>SAND</v>
      </c>
      <c r="D5444" t="e">
        <f>'CPT Data'!Q5452</f>
        <v>#N/A</v>
      </c>
      <c r="E5444" t="e">
        <f t="shared" si="85"/>
        <v>#N/A</v>
      </c>
      <c r="F5444" t="str">
        <f>IF(C5444="CLAY", INDEX(D$4:D5444, MATCH("CLAY", C$4:C5444, 0)), "")</f>
        <v/>
      </c>
    </row>
    <row r="5445" spans="1:6" x14ac:dyDescent="0.2">
      <c r="A5445" s="239">
        <f>'CPT Data'!B5453</f>
        <v>54.029000000000003</v>
      </c>
      <c r="B5445" s="3">
        <f>'CPT Data'!C5453</f>
        <v>54.022000000000006</v>
      </c>
      <c r="C5445" t="str">
        <f>'CPT Data'!P5453</f>
        <v>SAND</v>
      </c>
      <c r="D5445" t="e">
        <f>'CPT Data'!Q5453</f>
        <v>#N/A</v>
      </c>
      <c r="E5445" t="e">
        <f t="shared" si="85"/>
        <v>#N/A</v>
      </c>
      <c r="F5445" t="str">
        <f>IF(C5445="CLAY", INDEX(D$4:D5445, MATCH("CLAY", C$4:C5445, 0)), "")</f>
        <v/>
      </c>
    </row>
    <row r="5446" spans="1:6" x14ac:dyDescent="0.2">
      <c r="A5446" s="239">
        <f>'CPT Data'!B5454</f>
        <v>54.039000000000001</v>
      </c>
      <c r="B5446" s="3">
        <f>'CPT Data'!C5454</f>
        <v>54.032000000000004</v>
      </c>
      <c r="C5446" t="str">
        <f>'CPT Data'!P5454</f>
        <v>SAND</v>
      </c>
      <c r="D5446" t="e">
        <f>'CPT Data'!Q5454</f>
        <v>#N/A</v>
      </c>
      <c r="E5446" t="e">
        <f t="shared" si="85"/>
        <v>#N/A</v>
      </c>
      <c r="F5446" t="str">
        <f>IF(C5446="CLAY", INDEX(D$4:D5446, MATCH("CLAY", C$4:C5446, 0)), "")</f>
        <v/>
      </c>
    </row>
    <row r="5447" spans="1:6" x14ac:dyDescent="0.2">
      <c r="A5447" s="239">
        <f>'CPT Data'!B5455</f>
        <v>54.05</v>
      </c>
      <c r="B5447" s="3">
        <f>'CPT Data'!C5455</f>
        <v>54.042999999999999</v>
      </c>
      <c r="C5447" t="str">
        <f>'CPT Data'!P5455</f>
        <v>SAND</v>
      </c>
      <c r="D5447" t="e">
        <f>'CPT Data'!Q5455</f>
        <v>#N/A</v>
      </c>
      <c r="E5447" t="e">
        <f t="shared" si="85"/>
        <v>#N/A</v>
      </c>
      <c r="F5447" t="str">
        <f>IF(C5447="CLAY", INDEX(D$4:D5447, MATCH("CLAY", C$4:C5447, 0)), "")</f>
        <v/>
      </c>
    </row>
    <row r="5448" spans="1:6" x14ac:dyDescent="0.2">
      <c r="A5448" s="239">
        <f>'CPT Data'!B5456</f>
        <v>54.06</v>
      </c>
      <c r="B5448" s="3">
        <f>'CPT Data'!C5456</f>
        <v>54.053000000000004</v>
      </c>
      <c r="C5448" t="str">
        <f>'CPT Data'!P5456</f>
        <v>SAND</v>
      </c>
      <c r="D5448" t="e">
        <f>'CPT Data'!Q5456</f>
        <v>#N/A</v>
      </c>
      <c r="E5448" t="e">
        <f t="shared" si="85"/>
        <v>#N/A</v>
      </c>
      <c r="F5448" t="str">
        <f>IF(C5448="CLAY", INDEX(D$4:D5448, MATCH("CLAY", C$4:C5448, 0)), "")</f>
        <v/>
      </c>
    </row>
    <row r="5449" spans="1:6" x14ac:dyDescent="0.2">
      <c r="A5449" s="239">
        <f>'CPT Data'!B5457</f>
        <v>54.070999999999998</v>
      </c>
      <c r="B5449" s="3">
        <f>'CPT Data'!C5457</f>
        <v>54.064</v>
      </c>
      <c r="C5449" t="str">
        <f>'CPT Data'!P5457</f>
        <v>SAND</v>
      </c>
      <c r="D5449" t="e">
        <f>'CPT Data'!Q5457</f>
        <v>#N/A</v>
      </c>
      <c r="E5449" t="e">
        <f t="shared" si="85"/>
        <v>#N/A</v>
      </c>
      <c r="F5449" t="str">
        <f>IF(C5449="CLAY", INDEX(D$4:D5449, MATCH("CLAY", C$4:C5449, 0)), "")</f>
        <v/>
      </c>
    </row>
    <row r="5450" spans="1:6" x14ac:dyDescent="0.2">
      <c r="A5450" s="239">
        <f>'CPT Data'!B5458</f>
        <v>54.081000000000003</v>
      </c>
      <c r="B5450" s="3">
        <f>'CPT Data'!C5458</f>
        <v>54.074000000000005</v>
      </c>
      <c r="C5450" t="str">
        <f>'CPT Data'!P5458</f>
        <v>SAND</v>
      </c>
      <c r="D5450" t="e">
        <f>'CPT Data'!Q5458</f>
        <v>#N/A</v>
      </c>
      <c r="E5450" t="e">
        <f t="shared" si="85"/>
        <v>#N/A</v>
      </c>
      <c r="F5450" t="str">
        <f>IF(C5450="CLAY", INDEX(D$4:D5450, MATCH("CLAY", C$4:C5450, 0)), "")</f>
        <v/>
      </c>
    </row>
    <row r="5451" spans="1:6" x14ac:dyDescent="0.2">
      <c r="A5451" s="239">
        <f>'CPT Data'!B5459</f>
        <v>54.09</v>
      </c>
      <c r="B5451" s="3">
        <f>'CPT Data'!C5459</f>
        <v>54.083000000000006</v>
      </c>
      <c r="C5451" t="str">
        <f>'CPT Data'!P5459</f>
        <v>SAND</v>
      </c>
      <c r="D5451" t="e">
        <f>'CPT Data'!Q5459</f>
        <v>#N/A</v>
      </c>
      <c r="E5451" t="e">
        <f t="shared" si="85"/>
        <v>#N/A</v>
      </c>
      <c r="F5451" t="str">
        <f>IF(C5451="CLAY", INDEX(D$4:D5451, MATCH("CLAY", C$4:C5451, 0)), "")</f>
        <v/>
      </c>
    </row>
    <row r="5452" spans="1:6" x14ac:dyDescent="0.2">
      <c r="A5452" s="239">
        <f>'CPT Data'!B5460</f>
        <v>54.094999999999999</v>
      </c>
      <c r="B5452" s="3">
        <f>'CPT Data'!C5460</f>
        <v>54.088000000000001</v>
      </c>
      <c r="C5452" t="str">
        <f>'CPT Data'!P5460</f>
        <v>SAND</v>
      </c>
      <c r="D5452" t="e">
        <f>'CPT Data'!Q5460</f>
        <v>#N/A</v>
      </c>
      <c r="E5452" t="e">
        <f t="shared" si="85"/>
        <v>#N/A</v>
      </c>
      <c r="F5452" t="str">
        <f>IF(C5452="CLAY", INDEX(D$4:D5452, MATCH("CLAY", C$4:C5452, 0)), "")</f>
        <v/>
      </c>
    </row>
    <row r="5453" spans="1:6" x14ac:dyDescent="0.2">
      <c r="A5453" s="239">
        <f>'CPT Data'!B5461</f>
        <v>54.113999999999997</v>
      </c>
      <c r="B5453" s="3">
        <f>'CPT Data'!C5461</f>
        <v>54.106999999999999</v>
      </c>
      <c r="C5453" t="str">
        <f>'CPT Data'!P5461</f>
        <v>SAND</v>
      </c>
      <c r="D5453" t="e">
        <f>'CPT Data'!Q5461</f>
        <v>#N/A</v>
      </c>
      <c r="E5453" t="e">
        <f t="shared" si="85"/>
        <v>#N/A</v>
      </c>
      <c r="F5453" t="str">
        <f>IF(C5453="CLAY", INDEX(D$4:D5453, MATCH("CLAY", C$4:C5453, 0)), "")</f>
        <v/>
      </c>
    </row>
    <row r="5454" spans="1:6" x14ac:dyDescent="0.2">
      <c r="A5454" s="239">
        <f>'CPT Data'!B5462</f>
        <v>54.124000000000002</v>
      </c>
      <c r="B5454" s="3">
        <f>'CPT Data'!C5462</f>
        <v>54.117000000000004</v>
      </c>
      <c r="C5454" t="str">
        <f>'CPT Data'!P5462</f>
        <v>SAND</v>
      </c>
      <c r="D5454" t="e">
        <f>'CPT Data'!Q5462</f>
        <v>#N/A</v>
      </c>
      <c r="E5454" t="e">
        <f t="shared" si="85"/>
        <v>#N/A</v>
      </c>
      <c r="F5454" t="str">
        <f>IF(C5454="CLAY", INDEX(D$4:D5454, MATCH("CLAY", C$4:C5454, 0)), "")</f>
        <v/>
      </c>
    </row>
    <row r="5455" spans="1:6" x14ac:dyDescent="0.2">
      <c r="A5455" s="239">
        <f>'CPT Data'!B5463</f>
        <v>54.134</v>
      </c>
      <c r="B5455" s="3">
        <f>'CPT Data'!C5463</f>
        <v>54.127000000000002</v>
      </c>
      <c r="C5455" t="str">
        <f>'CPT Data'!P5463</f>
        <v>SAND</v>
      </c>
      <c r="D5455" t="e">
        <f>'CPT Data'!Q5463</f>
        <v>#N/A</v>
      </c>
      <c r="E5455" t="e">
        <f t="shared" si="85"/>
        <v>#N/A</v>
      </c>
      <c r="F5455" t="str">
        <f>IF(C5455="CLAY", INDEX(D$4:D5455, MATCH("CLAY", C$4:C5455, 0)), "")</f>
        <v/>
      </c>
    </row>
    <row r="5456" spans="1:6" x14ac:dyDescent="0.2">
      <c r="A5456" s="239">
        <f>'CPT Data'!B5464</f>
        <v>54.143999999999998</v>
      </c>
      <c r="B5456" s="3">
        <f>'CPT Data'!C5464</f>
        <v>54.137</v>
      </c>
      <c r="C5456" t="str">
        <f>'CPT Data'!P5464</f>
        <v>SAND</v>
      </c>
      <c r="D5456" t="e">
        <f>'CPT Data'!Q5464</f>
        <v>#N/A</v>
      </c>
      <c r="E5456" t="e">
        <f t="shared" si="85"/>
        <v>#N/A</v>
      </c>
      <c r="F5456" t="str">
        <f>IF(C5456="CLAY", INDEX(D$4:D5456, MATCH("CLAY", C$4:C5456, 0)), "")</f>
        <v/>
      </c>
    </row>
    <row r="5457" spans="1:6" x14ac:dyDescent="0.2">
      <c r="A5457" s="239">
        <f>'CPT Data'!B5465</f>
        <v>54.155000000000001</v>
      </c>
      <c r="B5457" s="3">
        <f>'CPT Data'!C5465</f>
        <v>54.148000000000003</v>
      </c>
      <c r="C5457" t="str">
        <f>'CPT Data'!P5465</f>
        <v>SAND</v>
      </c>
      <c r="D5457" t="e">
        <f>'CPT Data'!Q5465</f>
        <v>#N/A</v>
      </c>
      <c r="E5457" t="e">
        <f t="shared" si="85"/>
        <v>#N/A</v>
      </c>
      <c r="F5457" t="str">
        <f>IF(C5457="CLAY", INDEX(D$4:D5457, MATCH("CLAY", C$4:C5457, 0)), "")</f>
        <v/>
      </c>
    </row>
    <row r="5458" spans="1:6" x14ac:dyDescent="0.2">
      <c r="A5458" s="239">
        <f>'CPT Data'!B5466</f>
        <v>54.164999999999999</v>
      </c>
      <c r="B5458" s="3">
        <f>'CPT Data'!C5466</f>
        <v>54.158000000000001</v>
      </c>
      <c r="C5458" t="str">
        <f>'CPT Data'!P5466</f>
        <v>SAND</v>
      </c>
      <c r="D5458" t="e">
        <f>'CPT Data'!Q5466</f>
        <v>#N/A</v>
      </c>
      <c r="E5458" t="e">
        <f t="shared" si="85"/>
        <v>#N/A</v>
      </c>
      <c r="F5458" t="str">
        <f>IF(C5458="CLAY", INDEX(D$4:D5458, MATCH("CLAY", C$4:C5458, 0)), "")</f>
        <v/>
      </c>
    </row>
    <row r="5459" spans="1:6" x14ac:dyDescent="0.2">
      <c r="A5459" s="239">
        <f>'CPT Data'!B5467</f>
        <v>54.174999999999997</v>
      </c>
      <c r="B5459" s="3">
        <f>'CPT Data'!C5467</f>
        <v>54.167999999999999</v>
      </c>
      <c r="C5459" t="str">
        <f>'CPT Data'!P5467</f>
        <v>SAND</v>
      </c>
      <c r="D5459" t="e">
        <f>'CPT Data'!Q5467</f>
        <v>#N/A</v>
      </c>
      <c r="E5459" t="e">
        <f t="shared" si="85"/>
        <v>#N/A</v>
      </c>
      <c r="F5459" t="str">
        <f>IF(C5459="CLAY", INDEX(D$4:D5459, MATCH("CLAY", C$4:C5459, 0)), "")</f>
        <v/>
      </c>
    </row>
    <row r="5460" spans="1:6" x14ac:dyDescent="0.2">
      <c r="A5460" s="239">
        <f>'CPT Data'!B5468</f>
        <v>54.186</v>
      </c>
      <c r="B5460" s="3">
        <f>'CPT Data'!C5468</f>
        <v>54.179000000000002</v>
      </c>
      <c r="C5460" t="str">
        <f>'CPT Data'!P5468</f>
        <v>SAND</v>
      </c>
      <c r="D5460" t="e">
        <f>'CPT Data'!Q5468</f>
        <v>#N/A</v>
      </c>
      <c r="E5460" t="e">
        <f t="shared" si="85"/>
        <v>#N/A</v>
      </c>
      <c r="F5460" t="str">
        <f>IF(C5460="CLAY", INDEX(D$4:D5460, MATCH("CLAY", C$4:C5460, 0)), "")</f>
        <v/>
      </c>
    </row>
    <row r="5461" spans="1:6" x14ac:dyDescent="0.2">
      <c r="A5461" s="239">
        <f>'CPT Data'!B5469</f>
        <v>54.195999999999998</v>
      </c>
      <c r="B5461" s="3">
        <f>'CPT Data'!C5469</f>
        <v>54.189</v>
      </c>
      <c r="C5461" t="str">
        <f>'CPT Data'!P5469</f>
        <v>SAND</v>
      </c>
      <c r="D5461" t="e">
        <f>'CPT Data'!Q5469</f>
        <v>#N/A</v>
      </c>
      <c r="E5461" t="e">
        <f t="shared" si="85"/>
        <v>#N/A</v>
      </c>
      <c r="F5461" t="str">
        <f>IF(C5461="CLAY", INDEX(D$4:D5461, MATCH("CLAY", C$4:C5461, 0)), "")</f>
        <v/>
      </c>
    </row>
    <row r="5462" spans="1:6" x14ac:dyDescent="0.2">
      <c r="A5462" s="239">
        <f>'CPT Data'!B5470</f>
        <v>54.206000000000003</v>
      </c>
      <c r="B5462" s="3">
        <f>'CPT Data'!C5470</f>
        <v>54.199000000000005</v>
      </c>
      <c r="C5462" t="str">
        <f>'CPT Data'!P5470</f>
        <v>SAND</v>
      </c>
      <c r="D5462" t="e">
        <f>'CPT Data'!Q5470</f>
        <v>#N/A</v>
      </c>
      <c r="E5462" t="e">
        <f t="shared" si="85"/>
        <v>#N/A</v>
      </c>
      <c r="F5462" t="str">
        <f>IF(C5462="CLAY", INDEX(D$4:D5462, MATCH("CLAY", C$4:C5462, 0)), "")</f>
        <v/>
      </c>
    </row>
    <row r="5463" spans="1:6" x14ac:dyDescent="0.2">
      <c r="A5463" s="239">
        <f>'CPT Data'!B5471</f>
        <v>54.216000000000001</v>
      </c>
      <c r="B5463" s="3">
        <f>'CPT Data'!C5471</f>
        <v>54.209000000000003</v>
      </c>
      <c r="C5463" t="str">
        <f>'CPT Data'!P5471</f>
        <v>SAND</v>
      </c>
      <c r="D5463" t="e">
        <f>'CPT Data'!Q5471</f>
        <v>#N/A</v>
      </c>
      <c r="E5463" t="e">
        <f t="shared" si="85"/>
        <v>#N/A</v>
      </c>
      <c r="F5463" t="str">
        <f>IF(C5463="CLAY", INDEX(D$4:D5463, MATCH("CLAY", C$4:C5463, 0)), "")</f>
        <v/>
      </c>
    </row>
    <row r="5464" spans="1:6" x14ac:dyDescent="0.2">
      <c r="A5464" s="239">
        <f>'CPT Data'!B5472</f>
        <v>54.226999999999997</v>
      </c>
      <c r="B5464" s="3">
        <f>'CPT Data'!C5472</f>
        <v>54.22</v>
      </c>
      <c r="C5464" t="str">
        <f>'CPT Data'!P5472</f>
        <v>SAND</v>
      </c>
      <c r="D5464" t="e">
        <f>'CPT Data'!Q5472</f>
        <v>#N/A</v>
      </c>
      <c r="E5464" t="e">
        <f t="shared" si="85"/>
        <v>#N/A</v>
      </c>
      <c r="F5464" t="str">
        <f>IF(C5464="CLAY", INDEX(D$4:D5464, MATCH("CLAY", C$4:C5464, 0)), "")</f>
        <v/>
      </c>
    </row>
    <row r="5465" spans="1:6" x14ac:dyDescent="0.2">
      <c r="A5465" s="239">
        <f>'CPT Data'!B5473</f>
        <v>54.237000000000002</v>
      </c>
      <c r="B5465" s="3">
        <f>'CPT Data'!C5473</f>
        <v>54.230000000000004</v>
      </c>
      <c r="C5465" t="str">
        <f>'CPT Data'!P5473</f>
        <v>SAND</v>
      </c>
      <c r="D5465" t="e">
        <f>'CPT Data'!Q5473</f>
        <v>#N/A</v>
      </c>
      <c r="E5465" t="e">
        <f t="shared" si="85"/>
        <v>#N/A</v>
      </c>
      <c r="F5465" t="str">
        <f>IF(C5465="CLAY", INDEX(D$4:D5465, MATCH("CLAY", C$4:C5465, 0)), "")</f>
        <v/>
      </c>
    </row>
    <row r="5466" spans="1:6" x14ac:dyDescent="0.2">
      <c r="A5466" s="239">
        <f>'CPT Data'!B5474</f>
        <v>54.247</v>
      </c>
      <c r="B5466" s="3">
        <f>'CPT Data'!C5474</f>
        <v>54.24</v>
      </c>
      <c r="C5466" t="str">
        <f>'CPT Data'!P5474</f>
        <v>SAND</v>
      </c>
      <c r="D5466" t="e">
        <f>'CPT Data'!Q5474</f>
        <v>#N/A</v>
      </c>
      <c r="E5466" t="e">
        <f t="shared" si="85"/>
        <v>#N/A</v>
      </c>
      <c r="F5466" t="str">
        <f>IF(C5466="CLAY", INDEX(D$4:D5466, MATCH("CLAY", C$4:C5466, 0)), "")</f>
        <v/>
      </c>
    </row>
    <row r="5467" spans="1:6" x14ac:dyDescent="0.2">
      <c r="A5467" s="239">
        <f>'CPT Data'!B5475</f>
        <v>54.256999999999998</v>
      </c>
      <c r="B5467" s="3">
        <f>'CPT Data'!C5475</f>
        <v>54.25</v>
      </c>
      <c r="C5467" t="str">
        <f>'CPT Data'!P5475</f>
        <v>SAND</v>
      </c>
      <c r="D5467" t="e">
        <f>'CPT Data'!Q5475</f>
        <v>#N/A</v>
      </c>
      <c r="E5467" t="e">
        <f t="shared" ref="E5467:E5530" si="86">IF(C5467="SAND",#N/A,IF(C5467=C5466,D5466,IF(C5467="CLAY",D5467,#N/A)))</f>
        <v>#N/A</v>
      </c>
      <c r="F5467" t="str">
        <f>IF(C5467="CLAY", INDEX(D$4:D5467, MATCH("CLAY", C$4:C5467, 0)), "")</f>
        <v/>
      </c>
    </row>
    <row r="5468" spans="1:6" x14ac:dyDescent="0.2">
      <c r="A5468" s="239">
        <f>'CPT Data'!B5476</f>
        <v>54.268000000000001</v>
      </c>
      <c r="B5468" s="3">
        <f>'CPT Data'!C5476</f>
        <v>54.261000000000003</v>
      </c>
      <c r="C5468" t="str">
        <f>'CPT Data'!P5476</f>
        <v>SAND</v>
      </c>
      <c r="D5468" t="e">
        <f>'CPT Data'!Q5476</f>
        <v>#N/A</v>
      </c>
      <c r="E5468" t="e">
        <f t="shared" si="86"/>
        <v>#N/A</v>
      </c>
      <c r="F5468" t="str">
        <f>IF(C5468="CLAY", INDEX(D$4:D5468, MATCH("CLAY", C$4:C5468, 0)), "")</f>
        <v/>
      </c>
    </row>
    <row r="5469" spans="1:6" x14ac:dyDescent="0.2">
      <c r="A5469" s="239">
        <f>'CPT Data'!B5477</f>
        <v>54.277999999999999</v>
      </c>
      <c r="B5469" s="3">
        <f>'CPT Data'!C5477</f>
        <v>54.271000000000001</v>
      </c>
      <c r="C5469" t="str">
        <f>'CPT Data'!P5477</f>
        <v>SAND</v>
      </c>
      <c r="D5469" t="e">
        <f>'CPT Data'!Q5477</f>
        <v>#N/A</v>
      </c>
      <c r="E5469" t="e">
        <f t="shared" si="86"/>
        <v>#N/A</v>
      </c>
      <c r="F5469" t="str">
        <f>IF(C5469="CLAY", INDEX(D$4:D5469, MATCH("CLAY", C$4:C5469, 0)), "")</f>
        <v/>
      </c>
    </row>
    <row r="5470" spans="1:6" x14ac:dyDescent="0.2">
      <c r="A5470" s="239">
        <f>'CPT Data'!B5478</f>
        <v>54.289000000000001</v>
      </c>
      <c r="B5470" s="3">
        <f>'CPT Data'!C5478</f>
        <v>54.282000000000004</v>
      </c>
      <c r="C5470" t="str">
        <f>'CPT Data'!P5478</f>
        <v>SAND</v>
      </c>
      <c r="D5470" t="e">
        <f>'CPT Data'!Q5478</f>
        <v>#N/A</v>
      </c>
      <c r="E5470" t="e">
        <f t="shared" si="86"/>
        <v>#N/A</v>
      </c>
      <c r="F5470" t="str">
        <f>IF(C5470="CLAY", INDEX(D$4:D5470, MATCH("CLAY", C$4:C5470, 0)), "")</f>
        <v/>
      </c>
    </row>
    <row r="5471" spans="1:6" x14ac:dyDescent="0.2">
      <c r="A5471" s="239">
        <f>'CPT Data'!B5479</f>
        <v>54.301000000000002</v>
      </c>
      <c r="B5471" s="3">
        <f>'CPT Data'!C5479</f>
        <v>54.294000000000004</v>
      </c>
      <c r="C5471" t="str">
        <f>'CPT Data'!P5479</f>
        <v>SAND</v>
      </c>
      <c r="D5471" t="e">
        <f>'CPT Data'!Q5479</f>
        <v>#N/A</v>
      </c>
      <c r="E5471" t="e">
        <f t="shared" si="86"/>
        <v>#N/A</v>
      </c>
      <c r="F5471" t="str">
        <f>IF(C5471="CLAY", INDEX(D$4:D5471, MATCH("CLAY", C$4:C5471, 0)), "")</f>
        <v/>
      </c>
    </row>
    <row r="5472" spans="1:6" x14ac:dyDescent="0.2">
      <c r="A5472" s="239">
        <f>'CPT Data'!B5480</f>
        <v>54.311</v>
      </c>
      <c r="B5472" s="3">
        <f>'CPT Data'!C5480</f>
        <v>54.304000000000002</v>
      </c>
      <c r="C5472" t="str">
        <f>'CPT Data'!P5480</f>
        <v>SAND</v>
      </c>
      <c r="D5472" t="e">
        <f>'CPT Data'!Q5480</f>
        <v>#N/A</v>
      </c>
      <c r="E5472" t="e">
        <f t="shared" si="86"/>
        <v>#N/A</v>
      </c>
      <c r="F5472" t="str">
        <f>IF(C5472="CLAY", INDEX(D$4:D5472, MATCH("CLAY", C$4:C5472, 0)), "")</f>
        <v/>
      </c>
    </row>
    <row r="5473" spans="1:6" x14ac:dyDescent="0.2">
      <c r="A5473" s="239">
        <f>'CPT Data'!B5481</f>
        <v>54.322000000000003</v>
      </c>
      <c r="B5473" s="3">
        <f>'CPT Data'!C5481</f>
        <v>54.315000000000005</v>
      </c>
      <c r="C5473" t="str">
        <f>'CPT Data'!P5481</f>
        <v>SAND</v>
      </c>
      <c r="D5473" t="e">
        <f>'CPT Data'!Q5481</f>
        <v>#N/A</v>
      </c>
      <c r="E5473" t="e">
        <f t="shared" si="86"/>
        <v>#N/A</v>
      </c>
      <c r="F5473" t="str">
        <f>IF(C5473="CLAY", INDEX(D$4:D5473, MATCH("CLAY", C$4:C5473, 0)), "")</f>
        <v/>
      </c>
    </row>
    <row r="5474" spans="1:6" x14ac:dyDescent="0.2">
      <c r="A5474" s="239">
        <f>'CPT Data'!B5482</f>
        <v>54.331000000000003</v>
      </c>
      <c r="B5474" s="3">
        <f>'CPT Data'!C5482</f>
        <v>54.324000000000005</v>
      </c>
      <c r="C5474" t="str">
        <f>'CPT Data'!P5482</f>
        <v>SAND</v>
      </c>
      <c r="D5474" t="e">
        <f>'CPT Data'!Q5482</f>
        <v>#N/A</v>
      </c>
      <c r="E5474" t="e">
        <f t="shared" si="86"/>
        <v>#N/A</v>
      </c>
      <c r="F5474" t="str">
        <f>IF(C5474="CLAY", INDEX(D$4:D5474, MATCH("CLAY", C$4:C5474, 0)), "")</f>
        <v/>
      </c>
    </row>
    <row r="5475" spans="1:6" x14ac:dyDescent="0.2">
      <c r="A5475" s="239">
        <f>'CPT Data'!B5483</f>
        <v>54.341000000000001</v>
      </c>
      <c r="B5475" s="3">
        <f>'CPT Data'!C5483</f>
        <v>54.334000000000003</v>
      </c>
      <c r="C5475" t="str">
        <f>'CPT Data'!P5483</f>
        <v>SAND</v>
      </c>
      <c r="D5475" t="e">
        <f>'CPT Data'!Q5483</f>
        <v>#N/A</v>
      </c>
      <c r="E5475" t="e">
        <f t="shared" si="86"/>
        <v>#N/A</v>
      </c>
      <c r="F5475" t="str">
        <f>IF(C5475="CLAY", INDEX(D$4:D5475, MATCH("CLAY", C$4:C5475, 0)), "")</f>
        <v/>
      </c>
    </row>
    <row r="5476" spans="1:6" x14ac:dyDescent="0.2">
      <c r="A5476" s="239">
        <f>'CPT Data'!B5484</f>
        <v>54.351999999999997</v>
      </c>
      <c r="B5476" s="3">
        <f>'CPT Data'!C5484</f>
        <v>54.344999999999999</v>
      </c>
      <c r="C5476" t="str">
        <f>'CPT Data'!P5484</f>
        <v>SAND</v>
      </c>
      <c r="D5476" t="e">
        <f>'CPT Data'!Q5484</f>
        <v>#N/A</v>
      </c>
      <c r="E5476" t="e">
        <f t="shared" si="86"/>
        <v>#N/A</v>
      </c>
      <c r="F5476" t="str">
        <f>IF(C5476="CLAY", INDEX(D$4:D5476, MATCH("CLAY", C$4:C5476, 0)), "")</f>
        <v/>
      </c>
    </row>
    <row r="5477" spans="1:6" x14ac:dyDescent="0.2">
      <c r="A5477" s="239">
        <f>'CPT Data'!B5485</f>
        <v>54.362000000000002</v>
      </c>
      <c r="B5477" s="3">
        <f>'CPT Data'!C5485</f>
        <v>54.355000000000004</v>
      </c>
      <c r="C5477" t="str">
        <f>'CPT Data'!P5485</f>
        <v>SAND</v>
      </c>
      <c r="D5477" t="e">
        <f>'CPT Data'!Q5485</f>
        <v>#N/A</v>
      </c>
      <c r="E5477" t="e">
        <f t="shared" si="86"/>
        <v>#N/A</v>
      </c>
      <c r="F5477" t="str">
        <f>IF(C5477="CLAY", INDEX(D$4:D5477, MATCH("CLAY", C$4:C5477, 0)), "")</f>
        <v/>
      </c>
    </row>
    <row r="5478" spans="1:6" x14ac:dyDescent="0.2">
      <c r="A5478" s="239">
        <f>'CPT Data'!B5486</f>
        <v>54.372999999999998</v>
      </c>
      <c r="B5478" s="3">
        <f>'CPT Data'!C5486</f>
        <v>54.366</v>
      </c>
      <c r="C5478" t="str">
        <f>'CPT Data'!P5486</f>
        <v>SAND</v>
      </c>
      <c r="D5478" t="e">
        <f>'CPT Data'!Q5486</f>
        <v>#N/A</v>
      </c>
      <c r="E5478" t="e">
        <f t="shared" si="86"/>
        <v>#N/A</v>
      </c>
      <c r="F5478" t="str">
        <f>IF(C5478="CLAY", INDEX(D$4:D5478, MATCH("CLAY", C$4:C5478, 0)), "")</f>
        <v/>
      </c>
    </row>
    <row r="5479" spans="1:6" x14ac:dyDescent="0.2">
      <c r="A5479" s="239">
        <f>'CPT Data'!B5487</f>
        <v>54.383000000000003</v>
      </c>
      <c r="B5479" s="3">
        <f>'CPT Data'!C5487</f>
        <v>54.376000000000005</v>
      </c>
      <c r="C5479" t="str">
        <f>'CPT Data'!P5487</f>
        <v>SAND</v>
      </c>
      <c r="D5479" t="e">
        <f>'CPT Data'!Q5487</f>
        <v>#N/A</v>
      </c>
      <c r="E5479" t="e">
        <f t="shared" si="86"/>
        <v>#N/A</v>
      </c>
      <c r="F5479" t="str">
        <f>IF(C5479="CLAY", INDEX(D$4:D5479, MATCH("CLAY", C$4:C5479, 0)), "")</f>
        <v/>
      </c>
    </row>
    <row r="5480" spans="1:6" x14ac:dyDescent="0.2">
      <c r="A5480" s="239">
        <f>'CPT Data'!B5488</f>
        <v>54.393000000000001</v>
      </c>
      <c r="B5480" s="3">
        <f>'CPT Data'!C5488</f>
        <v>54.386000000000003</v>
      </c>
      <c r="C5480" t="str">
        <f>'CPT Data'!P5488</f>
        <v>SAND</v>
      </c>
      <c r="D5480" t="e">
        <f>'CPT Data'!Q5488</f>
        <v>#N/A</v>
      </c>
      <c r="E5480" t="e">
        <f t="shared" si="86"/>
        <v>#N/A</v>
      </c>
      <c r="F5480" t="str">
        <f>IF(C5480="CLAY", INDEX(D$4:D5480, MATCH("CLAY", C$4:C5480, 0)), "")</f>
        <v/>
      </c>
    </row>
    <row r="5481" spans="1:6" x14ac:dyDescent="0.2">
      <c r="A5481" s="239">
        <f>'CPT Data'!B5489</f>
        <v>54.402999999999999</v>
      </c>
      <c r="B5481" s="3">
        <f>'CPT Data'!C5489</f>
        <v>54.396000000000001</v>
      </c>
      <c r="C5481" t="str">
        <f>'CPT Data'!P5489</f>
        <v>SAND</v>
      </c>
      <c r="D5481" t="e">
        <f>'CPT Data'!Q5489</f>
        <v>#N/A</v>
      </c>
      <c r="E5481" t="e">
        <f t="shared" si="86"/>
        <v>#N/A</v>
      </c>
      <c r="F5481" t="str">
        <f>IF(C5481="CLAY", INDEX(D$4:D5481, MATCH("CLAY", C$4:C5481, 0)), "")</f>
        <v/>
      </c>
    </row>
    <row r="5482" spans="1:6" x14ac:dyDescent="0.2">
      <c r="A5482" s="239">
        <f>'CPT Data'!B5490</f>
        <v>54.412999999999997</v>
      </c>
      <c r="B5482" s="3">
        <f>'CPT Data'!C5490</f>
        <v>54.405999999999999</v>
      </c>
      <c r="C5482" t="str">
        <f>'CPT Data'!P5490</f>
        <v>SAND</v>
      </c>
      <c r="D5482" t="e">
        <f>'CPT Data'!Q5490</f>
        <v>#N/A</v>
      </c>
      <c r="E5482" t="e">
        <f t="shared" si="86"/>
        <v>#N/A</v>
      </c>
      <c r="F5482" t="str">
        <f>IF(C5482="CLAY", INDEX(D$4:D5482, MATCH("CLAY", C$4:C5482, 0)), "")</f>
        <v/>
      </c>
    </row>
    <row r="5483" spans="1:6" x14ac:dyDescent="0.2">
      <c r="A5483" s="239">
        <f>'CPT Data'!B5491</f>
        <v>54.423999999999999</v>
      </c>
      <c r="B5483" s="3">
        <f>'CPT Data'!C5491</f>
        <v>54.417000000000002</v>
      </c>
      <c r="C5483" t="str">
        <f>'CPT Data'!P5491</f>
        <v>SAND</v>
      </c>
      <c r="D5483" t="e">
        <f>'CPT Data'!Q5491</f>
        <v>#N/A</v>
      </c>
      <c r="E5483" t="e">
        <f t="shared" si="86"/>
        <v>#N/A</v>
      </c>
      <c r="F5483" t="str">
        <f>IF(C5483="CLAY", INDEX(D$4:D5483, MATCH("CLAY", C$4:C5483, 0)), "")</f>
        <v/>
      </c>
    </row>
    <row r="5484" spans="1:6" x14ac:dyDescent="0.2">
      <c r="A5484" s="239">
        <f>'CPT Data'!B5492</f>
        <v>54.433999999999997</v>
      </c>
      <c r="B5484" s="3">
        <f>'CPT Data'!C5492</f>
        <v>54.427</v>
      </c>
      <c r="C5484" t="str">
        <f>'CPT Data'!P5492</f>
        <v>SAND</v>
      </c>
      <c r="D5484" t="e">
        <f>'CPT Data'!Q5492</f>
        <v>#N/A</v>
      </c>
      <c r="E5484" t="e">
        <f t="shared" si="86"/>
        <v>#N/A</v>
      </c>
      <c r="F5484" t="str">
        <f>IF(C5484="CLAY", INDEX(D$4:D5484, MATCH("CLAY", C$4:C5484, 0)), "")</f>
        <v/>
      </c>
    </row>
    <row r="5485" spans="1:6" x14ac:dyDescent="0.2">
      <c r="A5485" s="239">
        <f>'CPT Data'!B5493</f>
        <v>54.444000000000003</v>
      </c>
      <c r="B5485" s="3">
        <f>'CPT Data'!C5493</f>
        <v>54.437000000000005</v>
      </c>
      <c r="C5485" t="str">
        <f>'CPT Data'!P5493</f>
        <v>SAND</v>
      </c>
      <c r="D5485" t="e">
        <f>'CPT Data'!Q5493</f>
        <v>#N/A</v>
      </c>
      <c r="E5485" t="e">
        <f t="shared" si="86"/>
        <v>#N/A</v>
      </c>
      <c r="F5485" t="str">
        <f>IF(C5485="CLAY", INDEX(D$4:D5485, MATCH("CLAY", C$4:C5485, 0)), "")</f>
        <v/>
      </c>
    </row>
    <row r="5486" spans="1:6" x14ac:dyDescent="0.2">
      <c r="A5486" s="239">
        <f>'CPT Data'!B5494</f>
        <v>54.454000000000001</v>
      </c>
      <c r="B5486" s="3">
        <f>'CPT Data'!C5494</f>
        <v>54.447000000000003</v>
      </c>
      <c r="C5486" t="str">
        <f>'CPT Data'!P5494</f>
        <v>SAND</v>
      </c>
      <c r="D5486" t="e">
        <f>'CPT Data'!Q5494</f>
        <v>#N/A</v>
      </c>
      <c r="E5486" t="e">
        <f t="shared" si="86"/>
        <v>#N/A</v>
      </c>
      <c r="F5486" t="str">
        <f>IF(C5486="CLAY", INDEX(D$4:D5486, MATCH("CLAY", C$4:C5486, 0)), "")</f>
        <v/>
      </c>
    </row>
    <row r="5487" spans="1:6" x14ac:dyDescent="0.2">
      <c r="A5487" s="239">
        <f>'CPT Data'!B5495</f>
        <v>54.465000000000003</v>
      </c>
      <c r="B5487" s="3">
        <f>'CPT Data'!C5495</f>
        <v>54.458000000000006</v>
      </c>
      <c r="C5487" t="str">
        <f>'CPT Data'!P5495</f>
        <v>SAND</v>
      </c>
      <c r="D5487" t="e">
        <f>'CPT Data'!Q5495</f>
        <v>#N/A</v>
      </c>
      <c r="E5487" t="e">
        <f t="shared" si="86"/>
        <v>#N/A</v>
      </c>
      <c r="F5487" t="str">
        <f>IF(C5487="CLAY", INDEX(D$4:D5487, MATCH("CLAY", C$4:C5487, 0)), "")</f>
        <v/>
      </c>
    </row>
    <row r="5488" spans="1:6" x14ac:dyDescent="0.2">
      <c r="A5488" s="239">
        <f>'CPT Data'!B5496</f>
        <v>54.475999999999999</v>
      </c>
      <c r="B5488" s="3">
        <f>'CPT Data'!C5496</f>
        <v>54.469000000000001</v>
      </c>
      <c r="C5488" t="str">
        <f>'CPT Data'!P5496</f>
        <v>SAND</v>
      </c>
      <c r="D5488" t="e">
        <f>'CPT Data'!Q5496</f>
        <v>#N/A</v>
      </c>
      <c r="E5488" t="e">
        <f t="shared" si="86"/>
        <v>#N/A</v>
      </c>
      <c r="F5488" t="str">
        <f>IF(C5488="CLAY", INDEX(D$4:D5488, MATCH("CLAY", C$4:C5488, 0)), "")</f>
        <v/>
      </c>
    </row>
    <row r="5489" spans="1:6" x14ac:dyDescent="0.2">
      <c r="A5489" s="239">
        <f>'CPT Data'!B5497</f>
        <v>54.485999999999997</v>
      </c>
      <c r="B5489" s="3">
        <f>'CPT Data'!C5497</f>
        <v>54.478999999999999</v>
      </c>
      <c r="C5489" t="str">
        <f>'CPT Data'!P5497</f>
        <v>SAND</v>
      </c>
      <c r="D5489" t="e">
        <f>'CPT Data'!Q5497</f>
        <v>#N/A</v>
      </c>
      <c r="E5489" t="e">
        <f t="shared" si="86"/>
        <v>#N/A</v>
      </c>
      <c r="F5489" t="str">
        <f>IF(C5489="CLAY", INDEX(D$4:D5489, MATCH("CLAY", C$4:C5489, 0)), "")</f>
        <v/>
      </c>
    </row>
    <row r="5490" spans="1:6" x14ac:dyDescent="0.2">
      <c r="A5490" s="239">
        <f>'CPT Data'!B5498</f>
        <v>54.496000000000002</v>
      </c>
      <c r="B5490" s="3">
        <f>'CPT Data'!C5498</f>
        <v>54.489000000000004</v>
      </c>
      <c r="C5490" t="str">
        <f>'CPT Data'!P5498</f>
        <v>SAND</v>
      </c>
      <c r="D5490" t="e">
        <f>'CPT Data'!Q5498</f>
        <v>#N/A</v>
      </c>
      <c r="E5490" t="e">
        <f t="shared" si="86"/>
        <v>#N/A</v>
      </c>
      <c r="F5490" t="str">
        <f>IF(C5490="CLAY", INDEX(D$4:D5490, MATCH("CLAY", C$4:C5490, 0)), "")</f>
        <v/>
      </c>
    </row>
    <row r="5491" spans="1:6" x14ac:dyDescent="0.2">
      <c r="A5491" s="239">
        <f>'CPT Data'!B5499</f>
        <v>54.506999999999998</v>
      </c>
      <c r="B5491" s="3">
        <f>'CPT Data'!C5499</f>
        <v>54.5</v>
      </c>
      <c r="C5491" t="str">
        <f>'CPT Data'!P5499</f>
        <v>SAND</v>
      </c>
      <c r="D5491" t="e">
        <f>'CPT Data'!Q5499</f>
        <v>#N/A</v>
      </c>
      <c r="E5491" t="e">
        <f t="shared" si="86"/>
        <v>#N/A</v>
      </c>
      <c r="F5491" t="str">
        <f>IF(C5491="CLAY", INDEX(D$4:D5491, MATCH("CLAY", C$4:C5491, 0)), "")</f>
        <v/>
      </c>
    </row>
    <row r="5492" spans="1:6" x14ac:dyDescent="0.2">
      <c r="A5492" s="239">
        <f>'CPT Data'!B5500</f>
        <v>54.517000000000003</v>
      </c>
      <c r="B5492" s="3">
        <f>'CPT Data'!C5500</f>
        <v>54.510000000000005</v>
      </c>
      <c r="C5492" t="str">
        <f>'CPT Data'!P5500</f>
        <v>SAND</v>
      </c>
      <c r="D5492" t="e">
        <f>'CPT Data'!Q5500</f>
        <v>#N/A</v>
      </c>
      <c r="E5492" t="e">
        <f t="shared" si="86"/>
        <v>#N/A</v>
      </c>
      <c r="F5492" t="str">
        <f>IF(C5492="CLAY", INDEX(D$4:D5492, MATCH("CLAY", C$4:C5492, 0)), "")</f>
        <v/>
      </c>
    </row>
    <row r="5493" spans="1:6" x14ac:dyDescent="0.2">
      <c r="A5493" s="239">
        <f>'CPT Data'!B5501</f>
        <v>54.526000000000003</v>
      </c>
      <c r="B5493" s="3">
        <f>'CPT Data'!C5501</f>
        <v>54.519000000000005</v>
      </c>
      <c r="C5493" t="str">
        <f>'CPT Data'!P5501</f>
        <v>SAND</v>
      </c>
      <c r="D5493" t="e">
        <f>'CPT Data'!Q5501</f>
        <v>#N/A</v>
      </c>
      <c r="E5493" t="e">
        <f t="shared" si="86"/>
        <v>#N/A</v>
      </c>
      <c r="F5493" t="str">
        <f>IF(C5493="CLAY", INDEX(D$4:D5493, MATCH("CLAY", C$4:C5493, 0)), "")</f>
        <v/>
      </c>
    </row>
    <row r="5494" spans="1:6" x14ac:dyDescent="0.2">
      <c r="A5494" s="239">
        <f>'CPT Data'!B5502</f>
        <v>54.536000000000001</v>
      </c>
      <c r="B5494" s="3">
        <f>'CPT Data'!C5502</f>
        <v>54.529000000000003</v>
      </c>
      <c r="C5494" t="str">
        <f>'CPT Data'!P5502</f>
        <v>SAND</v>
      </c>
      <c r="D5494" t="e">
        <f>'CPT Data'!Q5502</f>
        <v>#N/A</v>
      </c>
      <c r="E5494" t="e">
        <f t="shared" si="86"/>
        <v>#N/A</v>
      </c>
      <c r="F5494" t="str">
        <f>IF(C5494="CLAY", INDEX(D$4:D5494, MATCH("CLAY", C$4:C5494, 0)), "")</f>
        <v/>
      </c>
    </row>
    <row r="5495" spans="1:6" x14ac:dyDescent="0.2">
      <c r="A5495" s="239">
        <f>'CPT Data'!B5503</f>
        <v>54.546999999999997</v>
      </c>
      <c r="B5495" s="3">
        <f>'CPT Data'!C5503</f>
        <v>54.54</v>
      </c>
      <c r="C5495" t="str">
        <f>'CPT Data'!P5503</f>
        <v>SAND</v>
      </c>
      <c r="D5495" t="e">
        <f>'CPT Data'!Q5503</f>
        <v>#N/A</v>
      </c>
      <c r="E5495" t="e">
        <f t="shared" si="86"/>
        <v>#N/A</v>
      </c>
      <c r="F5495" t="str">
        <f>IF(C5495="CLAY", INDEX(D$4:D5495, MATCH("CLAY", C$4:C5495, 0)), "")</f>
        <v/>
      </c>
    </row>
    <row r="5496" spans="1:6" x14ac:dyDescent="0.2">
      <c r="A5496" s="239">
        <f>'CPT Data'!B5504</f>
        <v>54.557000000000002</v>
      </c>
      <c r="B5496" s="3">
        <f>'CPT Data'!C5504</f>
        <v>54.550000000000004</v>
      </c>
      <c r="C5496" t="str">
        <f>'CPT Data'!P5504</f>
        <v>SAND</v>
      </c>
      <c r="D5496" t="e">
        <f>'CPT Data'!Q5504</f>
        <v>#N/A</v>
      </c>
      <c r="E5496" t="e">
        <f t="shared" si="86"/>
        <v>#N/A</v>
      </c>
      <c r="F5496" t="str">
        <f>IF(C5496="CLAY", INDEX(D$4:D5496, MATCH("CLAY", C$4:C5496, 0)), "")</f>
        <v/>
      </c>
    </row>
    <row r="5497" spans="1:6" x14ac:dyDescent="0.2">
      <c r="A5497" s="239">
        <f>'CPT Data'!B5505</f>
        <v>54.567999999999998</v>
      </c>
      <c r="B5497" s="3">
        <f>'CPT Data'!C5505</f>
        <v>54.561</v>
      </c>
      <c r="C5497" t="str">
        <f>'CPT Data'!P5505</f>
        <v>SAND</v>
      </c>
      <c r="D5497" t="e">
        <f>'CPT Data'!Q5505</f>
        <v>#N/A</v>
      </c>
      <c r="E5497" t="e">
        <f t="shared" si="86"/>
        <v>#N/A</v>
      </c>
      <c r="F5497" t="str">
        <f>IF(C5497="CLAY", INDEX(D$4:D5497, MATCH("CLAY", C$4:C5497, 0)), "")</f>
        <v/>
      </c>
    </row>
    <row r="5498" spans="1:6" x14ac:dyDescent="0.2">
      <c r="A5498" s="239">
        <f>'CPT Data'!B5506</f>
        <v>54.576999999999998</v>
      </c>
      <c r="B5498" s="3">
        <f>'CPT Data'!C5506</f>
        <v>54.57</v>
      </c>
      <c r="C5498" t="str">
        <f>'CPT Data'!P5506</f>
        <v>SAND</v>
      </c>
      <c r="D5498" t="e">
        <f>'CPT Data'!Q5506</f>
        <v>#N/A</v>
      </c>
      <c r="E5498" t="e">
        <f t="shared" si="86"/>
        <v>#N/A</v>
      </c>
      <c r="F5498" t="str">
        <f>IF(C5498="CLAY", INDEX(D$4:D5498, MATCH("CLAY", C$4:C5498, 0)), "")</f>
        <v/>
      </c>
    </row>
    <row r="5499" spans="1:6" x14ac:dyDescent="0.2">
      <c r="A5499" s="239">
        <f>'CPT Data'!B5507</f>
        <v>54.587000000000003</v>
      </c>
      <c r="B5499" s="3">
        <f>'CPT Data'!C5507</f>
        <v>54.580000000000005</v>
      </c>
      <c r="C5499" t="str">
        <f>'CPT Data'!P5507</f>
        <v>SAND</v>
      </c>
      <c r="D5499" t="e">
        <f>'CPT Data'!Q5507</f>
        <v>#N/A</v>
      </c>
      <c r="E5499" t="e">
        <f t="shared" si="86"/>
        <v>#N/A</v>
      </c>
      <c r="F5499" t="str">
        <f>IF(C5499="CLAY", INDEX(D$4:D5499, MATCH("CLAY", C$4:C5499, 0)), "")</f>
        <v/>
      </c>
    </row>
    <row r="5500" spans="1:6" x14ac:dyDescent="0.2">
      <c r="A5500" s="239">
        <f>'CPT Data'!B5508</f>
        <v>54.597000000000001</v>
      </c>
      <c r="B5500" s="3">
        <f>'CPT Data'!C5508</f>
        <v>54.59</v>
      </c>
      <c r="C5500" t="str">
        <f>'CPT Data'!P5508</f>
        <v>SAND</v>
      </c>
      <c r="D5500" t="e">
        <f>'CPT Data'!Q5508</f>
        <v>#N/A</v>
      </c>
      <c r="E5500" t="e">
        <f t="shared" si="86"/>
        <v>#N/A</v>
      </c>
      <c r="F5500" t="str">
        <f>IF(C5500="CLAY", INDEX(D$4:D5500, MATCH("CLAY", C$4:C5500, 0)), "")</f>
        <v/>
      </c>
    </row>
    <row r="5501" spans="1:6" x14ac:dyDescent="0.2">
      <c r="A5501" s="239">
        <f>'CPT Data'!B5509</f>
        <v>54.607999999999997</v>
      </c>
      <c r="B5501" s="3">
        <f>'CPT Data'!C5509</f>
        <v>54.600999999999999</v>
      </c>
      <c r="C5501" t="str">
        <f>'CPT Data'!P5509</f>
        <v>SAND</v>
      </c>
      <c r="D5501" t="e">
        <f>'CPT Data'!Q5509</f>
        <v>#N/A</v>
      </c>
      <c r="E5501" t="e">
        <f t="shared" si="86"/>
        <v>#N/A</v>
      </c>
      <c r="F5501" t="str">
        <f>IF(C5501="CLAY", INDEX(D$4:D5501, MATCH("CLAY", C$4:C5501, 0)), "")</f>
        <v/>
      </c>
    </row>
    <row r="5502" spans="1:6" x14ac:dyDescent="0.2">
      <c r="A5502" s="239">
        <f>'CPT Data'!B5510</f>
        <v>54.618000000000002</v>
      </c>
      <c r="B5502" s="3">
        <f>'CPT Data'!C5510</f>
        <v>54.611000000000004</v>
      </c>
      <c r="C5502" t="str">
        <f>'CPT Data'!P5510</f>
        <v>SAND</v>
      </c>
      <c r="D5502" t="e">
        <f>'CPT Data'!Q5510</f>
        <v>#N/A</v>
      </c>
      <c r="E5502" t="e">
        <f t="shared" si="86"/>
        <v>#N/A</v>
      </c>
      <c r="F5502" t="str">
        <f>IF(C5502="CLAY", INDEX(D$4:D5502, MATCH("CLAY", C$4:C5502, 0)), "")</f>
        <v/>
      </c>
    </row>
    <row r="5503" spans="1:6" x14ac:dyDescent="0.2">
      <c r="A5503" s="239">
        <f>'CPT Data'!B5511</f>
        <v>54.628</v>
      </c>
      <c r="B5503" s="3">
        <f>'CPT Data'!C5511</f>
        <v>54.621000000000002</v>
      </c>
      <c r="C5503" t="str">
        <f>'CPT Data'!P5511</f>
        <v>SAND</v>
      </c>
      <c r="D5503" t="e">
        <f>'CPT Data'!Q5511</f>
        <v>#N/A</v>
      </c>
      <c r="E5503" t="e">
        <f t="shared" si="86"/>
        <v>#N/A</v>
      </c>
      <c r="F5503" t="str">
        <f>IF(C5503="CLAY", INDEX(D$4:D5503, MATCH("CLAY", C$4:C5503, 0)), "")</f>
        <v/>
      </c>
    </row>
    <row r="5504" spans="1:6" x14ac:dyDescent="0.2">
      <c r="A5504" s="239">
        <f>'CPT Data'!B5512</f>
        <v>54.639000000000003</v>
      </c>
      <c r="B5504" s="3">
        <f>'CPT Data'!C5512</f>
        <v>54.632000000000005</v>
      </c>
      <c r="C5504" t="str">
        <f>'CPT Data'!P5512</f>
        <v>SAND</v>
      </c>
      <c r="D5504" t="e">
        <f>'CPT Data'!Q5512</f>
        <v>#N/A</v>
      </c>
      <c r="E5504" t="e">
        <f t="shared" si="86"/>
        <v>#N/A</v>
      </c>
      <c r="F5504" t="str">
        <f>IF(C5504="CLAY", INDEX(D$4:D5504, MATCH("CLAY", C$4:C5504, 0)), "")</f>
        <v/>
      </c>
    </row>
    <row r="5505" spans="1:6" x14ac:dyDescent="0.2">
      <c r="A5505" s="239">
        <f>'CPT Data'!B5513</f>
        <v>54.649000000000001</v>
      </c>
      <c r="B5505" s="3">
        <f>'CPT Data'!C5513</f>
        <v>54.642000000000003</v>
      </c>
      <c r="C5505" t="str">
        <f>'CPT Data'!P5513</f>
        <v>SAND</v>
      </c>
      <c r="D5505" t="e">
        <f>'CPT Data'!Q5513</f>
        <v>#N/A</v>
      </c>
      <c r="E5505" t="e">
        <f t="shared" si="86"/>
        <v>#N/A</v>
      </c>
      <c r="F5505" t="str">
        <f>IF(C5505="CLAY", INDEX(D$4:D5505, MATCH("CLAY", C$4:C5505, 0)), "")</f>
        <v/>
      </c>
    </row>
    <row r="5506" spans="1:6" x14ac:dyDescent="0.2">
      <c r="A5506" s="239">
        <f>'CPT Data'!B5514</f>
        <v>54.658999999999999</v>
      </c>
      <c r="B5506" s="3">
        <f>'CPT Data'!C5514</f>
        <v>54.652000000000001</v>
      </c>
      <c r="C5506" t="str">
        <f>'CPT Data'!P5514</f>
        <v>SAND</v>
      </c>
      <c r="D5506" t="e">
        <f>'CPT Data'!Q5514</f>
        <v>#N/A</v>
      </c>
      <c r="E5506" t="e">
        <f t="shared" si="86"/>
        <v>#N/A</v>
      </c>
      <c r="F5506" t="str">
        <f>IF(C5506="CLAY", INDEX(D$4:D5506, MATCH("CLAY", C$4:C5506, 0)), "")</f>
        <v/>
      </c>
    </row>
    <row r="5507" spans="1:6" x14ac:dyDescent="0.2">
      <c r="A5507" s="239">
        <f>'CPT Data'!B5515</f>
        <v>54.668999999999997</v>
      </c>
      <c r="B5507" s="3">
        <f>'CPT Data'!C5515</f>
        <v>54.661999999999999</v>
      </c>
      <c r="C5507" t="str">
        <f>'CPT Data'!P5515</f>
        <v>SAND</v>
      </c>
      <c r="D5507" t="e">
        <f>'CPT Data'!Q5515</f>
        <v>#N/A</v>
      </c>
      <c r="E5507" t="e">
        <f t="shared" si="86"/>
        <v>#N/A</v>
      </c>
      <c r="F5507" t="str">
        <f>IF(C5507="CLAY", INDEX(D$4:D5507, MATCH("CLAY", C$4:C5507, 0)), "")</f>
        <v/>
      </c>
    </row>
    <row r="5508" spans="1:6" x14ac:dyDescent="0.2">
      <c r="A5508" s="239">
        <f>'CPT Data'!B5516</f>
        <v>54.679000000000002</v>
      </c>
      <c r="B5508" s="3">
        <f>'CPT Data'!C5516</f>
        <v>54.672000000000004</v>
      </c>
      <c r="C5508" t="str">
        <f>'CPT Data'!P5516</f>
        <v>SAND</v>
      </c>
      <c r="D5508" t="e">
        <f>'CPT Data'!Q5516</f>
        <v>#N/A</v>
      </c>
      <c r="E5508" t="e">
        <f t="shared" si="86"/>
        <v>#N/A</v>
      </c>
      <c r="F5508" t="str">
        <f>IF(C5508="CLAY", INDEX(D$4:D5508, MATCH("CLAY", C$4:C5508, 0)), "")</f>
        <v/>
      </c>
    </row>
    <row r="5509" spans="1:6" x14ac:dyDescent="0.2">
      <c r="A5509" s="239">
        <f>'CPT Data'!B5517</f>
        <v>54.689</v>
      </c>
      <c r="B5509" s="3">
        <f>'CPT Data'!C5517</f>
        <v>54.682000000000002</v>
      </c>
      <c r="C5509" t="str">
        <f>'CPT Data'!P5517</f>
        <v>SAND</v>
      </c>
      <c r="D5509" t="e">
        <f>'CPT Data'!Q5517</f>
        <v>#N/A</v>
      </c>
      <c r="E5509" t="e">
        <f t="shared" si="86"/>
        <v>#N/A</v>
      </c>
      <c r="F5509" t="str">
        <f>IF(C5509="CLAY", INDEX(D$4:D5509, MATCH("CLAY", C$4:C5509, 0)), "")</f>
        <v/>
      </c>
    </row>
    <row r="5510" spans="1:6" x14ac:dyDescent="0.2">
      <c r="A5510" s="239">
        <f>'CPT Data'!B5518</f>
        <v>54.7</v>
      </c>
      <c r="B5510" s="3">
        <f>'CPT Data'!C5518</f>
        <v>54.693000000000005</v>
      </c>
      <c r="C5510" t="str">
        <f>'CPT Data'!P5518</f>
        <v>SAND</v>
      </c>
      <c r="D5510" t="e">
        <f>'CPT Data'!Q5518</f>
        <v>#N/A</v>
      </c>
      <c r="E5510" t="e">
        <f t="shared" si="86"/>
        <v>#N/A</v>
      </c>
      <c r="F5510" t="str">
        <f>IF(C5510="CLAY", INDEX(D$4:D5510, MATCH("CLAY", C$4:C5510, 0)), "")</f>
        <v/>
      </c>
    </row>
    <row r="5511" spans="1:6" x14ac:dyDescent="0.2">
      <c r="A5511" s="239">
        <f>'CPT Data'!B5519</f>
        <v>54.71</v>
      </c>
      <c r="B5511" s="3">
        <f>'CPT Data'!C5519</f>
        <v>54.703000000000003</v>
      </c>
      <c r="C5511" t="str">
        <f>'CPT Data'!P5519</f>
        <v>SAND</v>
      </c>
      <c r="D5511" t="e">
        <f>'CPT Data'!Q5519</f>
        <v>#N/A</v>
      </c>
      <c r="E5511" t="e">
        <f t="shared" si="86"/>
        <v>#N/A</v>
      </c>
      <c r="F5511" t="str">
        <f>IF(C5511="CLAY", INDEX(D$4:D5511, MATCH("CLAY", C$4:C5511, 0)), "")</f>
        <v/>
      </c>
    </row>
    <row r="5512" spans="1:6" x14ac:dyDescent="0.2">
      <c r="A5512" s="239">
        <f>'CPT Data'!B5520</f>
        <v>54.719000000000001</v>
      </c>
      <c r="B5512" s="3">
        <f>'CPT Data'!C5520</f>
        <v>54.712000000000003</v>
      </c>
      <c r="C5512" t="str">
        <f>'CPT Data'!P5520</f>
        <v>SAND</v>
      </c>
      <c r="D5512" t="e">
        <f>'CPT Data'!Q5520</f>
        <v>#N/A</v>
      </c>
      <c r="E5512" t="e">
        <f t="shared" si="86"/>
        <v>#N/A</v>
      </c>
      <c r="F5512" t="str">
        <f>IF(C5512="CLAY", INDEX(D$4:D5512, MATCH("CLAY", C$4:C5512, 0)), "")</f>
        <v/>
      </c>
    </row>
    <row r="5513" spans="1:6" x14ac:dyDescent="0.2">
      <c r="A5513" s="239">
        <f>'CPT Data'!B5521</f>
        <v>54.728999999999999</v>
      </c>
      <c r="B5513" s="3">
        <f>'CPT Data'!C5521</f>
        <v>54.722000000000001</v>
      </c>
      <c r="C5513" t="str">
        <f>'CPT Data'!P5521</f>
        <v>SAND</v>
      </c>
      <c r="D5513" t="e">
        <f>'CPT Data'!Q5521</f>
        <v>#N/A</v>
      </c>
      <c r="E5513" t="e">
        <f t="shared" si="86"/>
        <v>#N/A</v>
      </c>
      <c r="F5513" t="str">
        <f>IF(C5513="CLAY", INDEX(D$4:D5513, MATCH("CLAY", C$4:C5513, 0)), "")</f>
        <v/>
      </c>
    </row>
    <row r="5514" spans="1:6" x14ac:dyDescent="0.2">
      <c r="A5514" s="239">
        <f>'CPT Data'!B5522</f>
        <v>54.738999999999997</v>
      </c>
      <c r="B5514" s="3">
        <f>'CPT Data'!C5522</f>
        <v>54.731999999999999</v>
      </c>
      <c r="C5514" t="str">
        <f>'CPT Data'!P5522</f>
        <v>SAND</v>
      </c>
      <c r="D5514" t="e">
        <f>'CPT Data'!Q5522</f>
        <v>#N/A</v>
      </c>
      <c r="E5514" t="e">
        <f t="shared" si="86"/>
        <v>#N/A</v>
      </c>
      <c r="F5514" t="str">
        <f>IF(C5514="CLAY", INDEX(D$4:D5514, MATCH("CLAY", C$4:C5514, 0)), "")</f>
        <v/>
      </c>
    </row>
    <row r="5515" spans="1:6" x14ac:dyDescent="0.2">
      <c r="A5515" s="239">
        <f>'CPT Data'!B5523</f>
        <v>54.749000000000002</v>
      </c>
      <c r="B5515" s="3">
        <f>'CPT Data'!C5523</f>
        <v>54.742000000000004</v>
      </c>
      <c r="C5515" t="str">
        <f>'CPT Data'!P5523</f>
        <v>SAND</v>
      </c>
      <c r="D5515" t="e">
        <f>'CPT Data'!Q5523</f>
        <v>#N/A</v>
      </c>
      <c r="E5515" t="e">
        <f t="shared" si="86"/>
        <v>#N/A</v>
      </c>
      <c r="F5515" t="str">
        <f>IF(C5515="CLAY", INDEX(D$4:D5515, MATCH("CLAY", C$4:C5515, 0)), "")</f>
        <v/>
      </c>
    </row>
    <row r="5516" spans="1:6" x14ac:dyDescent="0.2">
      <c r="A5516" s="239">
        <f>'CPT Data'!B5524</f>
        <v>54.758000000000003</v>
      </c>
      <c r="B5516" s="3">
        <f>'CPT Data'!C5524</f>
        <v>54.751000000000005</v>
      </c>
      <c r="C5516" t="str">
        <f>'CPT Data'!P5524</f>
        <v>SAND</v>
      </c>
      <c r="D5516" t="e">
        <f>'CPT Data'!Q5524</f>
        <v>#N/A</v>
      </c>
      <c r="E5516" t="e">
        <f t="shared" si="86"/>
        <v>#N/A</v>
      </c>
      <c r="F5516" t="str">
        <f>IF(C5516="CLAY", INDEX(D$4:D5516, MATCH("CLAY", C$4:C5516, 0)), "")</f>
        <v/>
      </c>
    </row>
    <row r="5517" spans="1:6" x14ac:dyDescent="0.2">
      <c r="A5517" s="239">
        <f>'CPT Data'!B5525</f>
        <v>54.768000000000001</v>
      </c>
      <c r="B5517" s="3">
        <f>'CPT Data'!C5525</f>
        <v>54.761000000000003</v>
      </c>
      <c r="C5517" t="str">
        <f>'CPT Data'!P5525</f>
        <v>SAND</v>
      </c>
      <c r="D5517" t="e">
        <f>'CPT Data'!Q5525</f>
        <v>#N/A</v>
      </c>
      <c r="E5517" t="e">
        <f t="shared" si="86"/>
        <v>#N/A</v>
      </c>
      <c r="F5517" t="str">
        <f>IF(C5517="CLAY", INDEX(D$4:D5517, MATCH("CLAY", C$4:C5517, 0)), "")</f>
        <v/>
      </c>
    </row>
    <row r="5518" spans="1:6" x14ac:dyDescent="0.2">
      <c r="A5518" s="239">
        <f>'CPT Data'!B5526</f>
        <v>54.777999999999999</v>
      </c>
      <c r="B5518" s="3">
        <f>'CPT Data'!C5526</f>
        <v>54.771000000000001</v>
      </c>
      <c r="C5518" t="str">
        <f>'CPT Data'!P5526</f>
        <v>SAND</v>
      </c>
      <c r="D5518" t="e">
        <f>'CPT Data'!Q5526</f>
        <v>#N/A</v>
      </c>
      <c r="E5518" t="e">
        <f t="shared" si="86"/>
        <v>#N/A</v>
      </c>
      <c r="F5518" t="str">
        <f>IF(C5518="CLAY", INDEX(D$4:D5518, MATCH("CLAY", C$4:C5518, 0)), "")</f>
        <v/>
      </c>
    </row>
    <row r="5519" spans="1:6" x14ac:dyDescent="0.2">
      <c r="A5519" s="239">
        <f>'CPT Data'!B5527</f>
        <v>54.786000000000001</v>
      </c>
      <c r="B5519" s="3">
        <f>'CPT Data'!C5527</f>
        <v>54.779000000000003</v>
      </c>
      <c r="C5519" t="str">
        <f>'CPT Data'!P5527</f>
        <v>SAND</v>
      </c>
      <c r="D5519" t="e">
        <f>'CPT Data'!Q5527</f>
        <v>#N/A</v>
      </c>
      <c r="E5519" t="e">
        <f t="shared" si="86"/>
        <v>#N/A</v>
      </c>
      <c r="F5519" t="str">
        <f>IF(C5519="CLAY", INDEX(D$4:D5519, MATCH("CLAY", C$4:C5519, 0)), "")</f>
        <v/>
      </c>
    </row>
    <row r="5520" spans="1:6" x14ac:dyDescent="0.2">
      <c r="A5520" s="239">
        <f>'CPT Data'!B5528</f>
        <v>54.795999999999999</v>
      </c>
      <c r="B5520" s="3">
        <f>'CPT Data'!C5528</f>
        <v>54.789000000000001</v>
      </c>
      <c r="C5520" t="str">
        <f>'CPT Data'!P5528</f>
        <v>SAND</v>
      </c>
      <c r="D5520" t="e">
        <f>'CPT Data'!Q5528</f>
        <v>#N/A</v>
      </c>
      <c r="E5520" t="e">
        <f t="shared" si="86"/>
        <v>#N/A</v>
      </c>
      <c r="F5520" t="str">
        <f>IF(C5520="CLAY", INDEX(D$4:D5520, MATCH("CLAY", C$4:C5520, 0)), "")</f>
        <v/>
      </c>
    </row>
    <row r="5521" spans="1:6" x14ac:dyDescent="0.2">
      <c r="A5521" s="239">
        <f>'CPT Data'!B5529</f>
        <v>54.805</v>
      </c>
      <c r="B5521" s="3">
        <f>'CPT Data'!C5529</f>
        <v>54.798000000000002</v>
      </c>
      <c r="C5521" t="str">
        <f>'CPT Data'!P5529</f>
        <v>SAND</v>
      </c>
      <c r="D5521" t="e">
        <f>'CPT Data'!Q5529</f>
        <v>#N/A</v>
      </c>
      <c r="E5521" t="e">
        <f t="shared" si="86"/>
        <v>#N/A</v>
      </c>
      <c r="F5521" t="str">
        <f>IF(C5521="CLAY", INDEX(D$4:D5521, MATCH("CLAY", C$4:C5521, 0)), "")</f>
        <v/>
      </c>
    </row>
    <row r="5522" spans="1:6" x14ac:dyDescent="0.2">
      <c r="A5522" s="239">
        <f>'CPT Data'!B5530</f>
        <v>54.814</v>
      </c>
      <c r="B5522" s="3">
        <f>'CPT Data'!C5530</f>
        <v>54.807000000000002</v>
      </c>
      <c r="C5522" t="str">
        <f>'CPT Data'!P5530</f>
        <v>SAND</v>
      </c>
      <c r="D5522" t="e">
        <f>'CPT Data'!Q5530</f>
        <v>#N/A</v>
      </c>
      <c r="E5522" t="e">
        <f t="shared" si="86"/>
        <v>#N/A</v>
      </c>
      <c r="F5522" t="str">
        <f>IF(C5522="CLAY", INDEX(D$4:D5522, MATCH("CLAY", C$4:C5522, 0)), "")</f>
        <v/>
      </c>
    </row>
    <row r="5523" spans="1:6" x14ac:dyDescent="0.2">
      <c r="A5523" s="239">
        <f>'CPT Data'!B5531</f>
        <v>54.814999999999998</v>
      </c>
      <c r="B5523" s="3">
        <f>'CPT Data'!C5531</f>
        <v>54.808</v>
      </c>
      <c r="C5523" t="str">
        <f>'CPT Data'!P5531</f>
        <v>SAND</v>
      </c>
      <c r="D5523" t="e">
        <f>'CPT Data'!Q5531</f>
        <v>#N/A</v>
      </c>
      <c r="E5523" t="e">
        <f t="shared" si="86"/>
        <v>#N/A</v>
      </c>
      <c r="F5523" t="str">
        <f>IF(C5523="CLAY", INDEX(D$4:D5523, MATCH("CLAY", C$4:C5523, 0)), "")</f>
        <v/>
      </c>
    </row>
    <row r="5524" spans="1:6" x14ac:dyDescent="0.2">
      <c r="A5524" s="239">
        <f>'CPT Data'!B5532</f>
        <v>54.829000000000001</v>
      </c>
      <c r="B5524" s="3">
        <f>'CPT Data'!C5532</f>
        <v>54.822000000000003</v>
      </c>
      <c r="C5524" t="str">
        <f>'CPT Data'!P5532</f>
        <v>SAND</v>
      </c>
      <c r="D5524" t="e">
        <f>'CPT Data'!Q5532</f>
        <v>#N/A</v>
      </c>
      <c r="E5524" t="e">
        <f t="shared" si="86"/>
        <v>#N/A</v>
      </c>
      <c r="F5524" t="str">
        <f>IF(C5524="CLAY", INDEX(D$4:D5524, MATCH("CLAY", C$4:C5524, 0)), "")</f>
        <v/>
      </c>
    </row>
    <row r="5525" spans="1:6" x14ac:dyDescent="0.2">
      <c r="A5525" s="239">
        <f>'CPT Data'!B5533</f>
        <v>54.838000000000001</v>
      </c>
      <c r="B5525" s="3">
        <f>'CPT Data'!C5533</f>
        <v>54.831000000000003</v>
      </c>
      <c r="C5525" t="str">
        <f>'CPT Data'!P5533</f>
        <v>SAND</v>
      </c>
      <c r="D5525" t="e">
        <f>'CPT Data'!Q5533</f>
        <v>#N/A</v>
      </c>
      <c r="E5525" t="e">
        <f t="shared" si="86"/>
        <v>#N/A</v>
      </c>
      <c r="F5525" t="str">
        <f>IF(C5525="CLAY", INDEX(D$4:D5525, MATCH("CLAY", C$4:C5525, 0)), "")</f>
        <v/>
      </c>
    </row>
    <row r="5526" spans="1:6" x14ac:dyDescent="0.2">
      <c r="A5526" s="239">
        <f>'CPT Data'!B5534</f>
        <v>54.847000000000001</v>
      </c>
      <c r="B5526" s="3">
        <f>'CPT Data'!C5534</f>
        <v>54.84</v>
      </c>
      <c r="C5526" t="str">
        <f>'CPT Data'!P5534</f>
        <v>SAND</v>
      </c>
      <c r="D5526" t="e">
        <f>'CPT Data'!Q5534</f>
        <v>#N/A</v>
      </c>
      <c r="E5526" t="e">
        <f t="shared" si="86"/>
        <v>#N/A</v>
      </c>
      <c r="F5526" t="str">
        <f>IF(C5526="CLAY", INDEX(D$4:D5526, MATCH("CLAY", C$4:C5526, 0)), "")</f>
        <v/>
      </c>
    </row>
    <row r="5527" spans="1:6" x14ac:dyDescent="0.2">
      <c r="A5527" s="239">
        <f>'CPT Data'!B5535</f>
        <v>54.856999999999999</v>
      </c>
      <c r="B5527" s="3">
        <f>'CPT Data'!C5535</f>
        <v>54.85</v>
      </c>
      <c r="C5527" t="str">
        <f>'CPT Data'!P5535</f>
        <v>SAND</v>
      </c>
      <c r="D5527" t="e">
        <f>'CPT Data'!Q5535</f>
        <v>#N/A</v>
      </c>
      <c r="E5527" t="e">
        <f t="shared" si="86"/>
        <v>#N/A</v>
      </c>
      <c r="F5527" t="str">
        <f>IF(C5527="CLAY", INDEX(D$4:D5527, MATCH("CLAY", C$4:C5527, 0)), "")</f>
        <v/>
      </c>
    </row>
    <row r="5528" spans="1:6" x14ac:dyDescent="0.2">
      <c r="A5528" s="239">
        <f>'CPT Data'!B5536</f>
        <v>54.866999999999997</v>
      </c>
      <c r="B5528" s="3">
        <f>'CPT Data'!C5536</f>
        <v>54.86</v>
      </c>
      <c r="C5528" t="str">
        <f>'CPT Data'!P5536</f>
        <v>SAND</v>
      </c>
      <c r="D5528" t="e">
        <f>'CPT Data'!Q5536</f>
        <v>#N/A</v>
      </c>
      <c r="E5528" t="e">
        <f t="shared" si="86"/>
        <v>#N/A</v>
      </c>
      <c r="F5528" t="str">
        <f>IF(C5528="CLAY", INDEX(D$4:D5528, MATCH("CLAY", C$4:C5528, 0)), "")</f>
        <v/>
      </c>
    </row>
    <row r="5529" spans="1:6" x14ac:dyDescent="0.2">
      <c r="A5529" s="239">
        <f>'CPT Data'!B5537</f>
        <v>54.878999999999998</v>
      </c>
      <c r="B5529" s="3">
        <f>'CPT Data'!C5537</f>
        <v>54.872</v>
      </c>
      <c r="C5529" t="str">
        <f>'CPT Data'!P5537</f>
        <v>SAND</v>
      </c>
      <c r="D5529" t="e">
        <f>'CPT Data'!Q5537</f>
        <v>#N/A</v>
      </c>
      <c r="E5529" t="e">
        <f t="shared" si="86"/>
        <v>#N/A</v>
      </c>
      <c r="F5529" t="str">
        <f>IF(C5529="CLAY", INDEX(D$4:D5529, MATCH("CLAY", C$4:C5529, 0)), "")</f>
        <v/>
      </c>
    </row>
    <row r="5530" spans="1:6" x14ac:dyDescent="0.2">
      <c r="A5530" s="239">
        <f>'CPT Data'!B5538</f>
        <v>54.887</v>
      </c>
      <c r="B5530" s="3">
        <f>'CPT Data'!C5538</f>
        <v>54.88</v>
      </c>
      <c r="C5530" t="str">
        <f>'CPT Data'!P5538</f>
        <v>SAND</v>
      </c>
      <c r="D5530" t="e">
        <f>'CPT Data'!Q5538</f>
        <v>#N/A</v>
      </c>
      <c r="E5530" t="e">
        <f t="shared" si="86"/>
        <v>#N/A</v>
      </c>
      <c r="F5530" t="str">
        <f>IF(C5530="CLAY", INDEX(D$4:D5530, MATCH("CLAY", C$4:C5530, 0)), "")</f>
        <v/>
      </c>
    </row>
    <row r="5531" spans="1:6" x14ac:dyDescent="0.2">
      <c r="A5531" s="239">
        <f>'CPT Data'!B5539</f>
        <v>54.896999999999998</v>
      </c>
      <c r="B5531" s="3">
        <f>'CPT Data'!C5539</f>
        <v>54.89</v>
      </c>
      <c r="C5531" t="str">
        <f>'CPT Data'!P5539</f>
        <v>SAND</v>
      </c>
      <c r="D5531" t="e">
        <f>'CPT Data'!Q5539</f>
        <v>#N/A</v>
      </c>
      <c r="E5531" t="e">
        <f t="shared" ref="E5531:E5594" si="87">IF(C5531="SAND",#N/A,IF(C5531=C5530,D5530,IF(C5531="CLAY",D5531,#N/A)))</f>
        <v>#N/A</v>
      </c>
      <c r="F5531" t="str">
        <f>IF(C5531="CLAY", INDEX(D$4:D5531, MATCH("CLAY", C$4:C5531, 0)), "")</f>
        <v/>
      </c>
    </row>
    <row r="5532" spans="1:6" x14ac:dyDescent="0.2">
      <c r="A5532" s="239">
        <f>'CPT Data'!B5540</f>
        <v>54.906999999999996</v>
      </c>
      <c r="B5532" s="3">
        <f>'CPT Data'!C5540</f>
        <v>54.9</v>
      </c>
      <c r="C5532" t="str">
        <f>'CPT Data'!P5540</f>
        <v>SAND</v>
      </c>
      <c r="D5532" t="e">
        <f>'CPT Data'!Q5540</f>
        <v>#N/A</v>
      </c>
      <c r="E5532" t="e">
        <f t="shared" si="87"/>
        <v>#N/A</v>
      </c>
      <c r="F5532" t="str">
        <f>IF(C5532="CLAY", INDEX(D$4:D5532, MATCH("CLAY", C$4:C5532, 0)), "")</f>
        <v/>
      </c>
    </row>
    <row r="5533" spans="1:6" x14ac:dyDescent="0.2">
      <c r="A5533" s="239">
        <f>'CPT Data'!B5541</f>
        <v>54.915999999999997</v>
      </c>
      <c r="B5533" s="3">
        <f>'CPT Data'!C5541</f>
        <v>54.908999999999999</v>
      </c>
      <c r="C5533" t="str">
        <f>'CPT Data'!P5541</f>
        <v>SAND</v>
      </c>
      <c r="D5533" t="e">
        <f>'CPT Data'!Q5541</f>
        <v>#N/A</v>
      </c>
      <c r="E5533" t="e">
        <f t="shared" si="87"/>
        <v>#N/A</v>
      </c>
      <c r="F5533" t="str">
        <f>IF(C5533="CLAY", INDEX(D$4:D5533, MATCH("CLAY", C$4:C5533, 0)), "")</f>
        <v/>
      </c>
    </row>
    <row r="5534" spans="1:6" x14ac:dyDescent="0.2">
      <c r="A5534" s="239">
        <f>'CPT Data'!B5542</f>
        <v>54.926000000000002</v>
      </c>
      <c r="B5534" s="3">
        <f>'CPT Data'!C5542</f>
        <v>54.919000000000004</v>
      </c>
      <c r="C5534" t="str">
        <f>'CPT Data'!P5542</f>
        <v>SAND</v>
      </c>
      <c r="D5534" t="e">
        <f>'CPT Data'!Q5542</f>
        <v>#N/A</v>
      </c>
      <c r="E5534" t="e">
        <f t="shared" si="87"/>
        <v>#N/A</v>
      </c>
      <c r="F5534" t="str">
        <f>IF(C5534="CLAY", INDEX(D$4:D5534, MATCH("CLAY", C$4:C5534, 0)), "")</f>
        <v/>
      </c>
    </row>
    <row r="5535" spans="1:6" x14ac:dyDescent="0.2">
      <c r="A5535" s="239">
        <f>'CPT Data'!B5543</f>
        <v>54.936</v>
      </c>
      <c r="B5535" s="3">
        <f>'CPT Data'!C5543</f>
        <v>54.929000000000002</v>
      </c>
      <c r="C5535" t="str">
        <f>'CPT Data'!P5543</f>
        <v>SAND</v>
      </c>
      <c r="D5535" t="e">
        <f>'CPT Data'!Q5543</f>
        <v>#N/A</v>
      </c>
      <c r="E5535" t="e">
        <f t="shared" si="87"/>
        <v>#N/A</v>
      </c>
      <c r="F5535" t="str">
        <f>IF(C5535="CLAY", INDEX(D$4:D5535, MATCH("CLAY", C$4:C5535, 0)), "")</f>
        <v/>
      </c>
    </row>
    <row r="5536" spans="1:6" x14ac:dyDescent="0.2">
      <c r="A5536" s="239">
        <f>'CPT Data'!B5544</f>
        <v>54.945999999999998</v>
      </c>
      <c r="B5536" s="3">
        <f>'CPT Data'!C5544</f>
        <v>54.939</v>
      </c>
      <c r="C5536" t="str">
        <f>'CPT Data'!P5544</f>
        <v>SAND</v>
      </c>
      <c r="D5536" t="e">
        <f>'CPT Data'!Q5544</f>
        <v>#N/A</v>
      </c>
      <c r="E5536" t="e">
        <f t="shared" si="87"/>
        <v>#N/A</v>
      </c>
      <c r="F5536" t="str">
        <f>IF(C5536="CLAY", INDEX(D$4:D5536, MATCH("CLAY", C$4:C5536, 0)), "")</f>
        <v/>
      </c>
    </row>
    <row r="5537" spans="1:6" x14ac:dyDescent="0.2">
      <c r="A5537" s="239">
        <f>'CPT Data'!B5545</f>
        <v>54.956000000000003</v>
      </c>
      <c r="B5537" s="3">
        <f>'CPT Data'!C5545</f>
        <v>54.949000000000005</v>
      </c>
      <c r="C5537" t="str">
        <f>'CPT Data'!P5545</f>
        <v>SAND</v>
      </c>
      <c r="D5537" t="e">
        <f>'CPT Data'!Q5545</f>
        <v>#N/A</v>
      </c>
      <c r="E5537" t="e">
        <f t="shared" si="87"/>
        <v>#N/A</v>
      </c>
      <c r="F5537" t="str">
        <f>IF(C5537="CLAY", INDEX(D$4:D5537, MATCH("CLAY", C$4:C5537, 0)), "")</f>
        <v/>
      </c>
    </row>
    <row r="5538" spans="1:6" x14ac:dyDescent="0.2">
      <c r="A5538" s="239">
        <f>'CPT Data'!B5546</f>
        <v>54.966000000000001</v>
      </c>
      <c r="B5538" s="3">
        <f>'CPT Data'!C5546</f>
        <v>54.959000000000003</v>
      </c>
      <c r="C5538" t="str">
        <f>'CPT Data'!P5546</f>
        <v>SAND</v>
      </c>
      <c r="D5538" t="e">
        <f>'CPT Data'!Q5546</f>
        <v>#N/A</v>
      </c>
      <c r="E5538" t="e">
        <f t="shared" si="87"/>
        <v>#N/A</v>
      </c>
      <c r="F5538" t="str">
        <f>IF(C5538="CLAY", INDEX(D$4:D5538, MATCH("CLAY", C$4:C5538, 0)), "")</f>
        <v/>
      </c>
    </row>
    <row r="5539" spans="1:6" x14ac:dyDescent="0.2">
      <c r="A5539" s="239">
        <f>'CPT Data'!B5547</f>
        <v>54.975999999999999</v>
      </c>
      <c r="B5539" s="3">
        <f>'CPT Data'!C5547</f>
        <v>54.969000000000001</v>
      </c>
      <c r="C5539" t="str">
        <f>'CPT Data'!P5547</f>
        <v>SAND</v>
      </c>
      <c r="D5539" t="e">
        <f>'CPT Data'!Q5547</f>
        <v>#N/A</v>
      </c>
      <c r="E5539" t="e">
        <f t="shared" si="87"/>
        <v>#N/A</v>
      </c>
      <c r="F5539" t="str">
        <f>IF(C5539="CLAY", INDEX(D$4:D5539, MATCH("CLAY", C$4:C5539, 0)), "")</f>
        <v/>
      </c>
    </row>
    <row r="5540" spans="1:6" x14ac:dyDescent="0.2">
      <c r="A5540" s="239">
        <f>'CPT Data'!B5548</f>
        <v>54.984999999999999</v>
      </c>
      <c r="B5540" s="3">
        <f>'CPT Data'!C5548</f>
        <v>54.978000000000002</v>
      </c>
      <c r="C5540" t="str">
        <f>'CPT Data'!P5548</f>
        <v>SAND</v>
      </c>
      <c r="D5540" t="e">
        <f>'CPT Data'!Q5548</f>
        <v>#N/A</v>
      </c>
      <c r="E5540" t="e">
        <f t="shared" si="87"/>
        <v>#N/A</v>
      </c>
      <c r="F5540" t="str">
        <f>IF(C5540="CLAY", INDEX(D$4:D5540, MATCH("CLAY", C$4:C5540, 0)), "")</f>
        <v/>
      </c>
    </row>
    <row r="5541" spans="1:6" x14ac:dyDescent="0.2">
      <c r="A5541" s="239">
        <f>'CPT Data'!B5549</f>
        <v>54.994</v>
      </c>
      <c r="B5541" s="3">
        <f>'CPT Data'!C5549</f>
        <v>54.987000000000002</v>
      </c>
      <c r="C5541" t="str">
        <f>'CPT Data'!P5549</f>
        <v>SAND</v>
      </c>
      <c r="D5541" t="e">
        <f>'CPT Data'!Q5549</f>
        <v>#N/A</v>
      </c>
      <c r="E5541" t="e">
        <f t="shared" si="87"/>
        <v>#N/A</v>
      </c>
      <c r="F5541" t="str">
        <f>IF(C5541="CLAY", INDEX(D$4:D5541, MATCH("CLAY", C$4:C5541, 0)), "")</f>
        <v/>
      </c>
    </row>
    <row r="5542" spans="1:6" x14ac:dyDescent="0.2">
      <c r="A5542" s="239">
        <f>'CPT Data'!B5550</f>
        <v>55.000999999999998</v>
      </c>
      <c r="B5542" s="3">
        <f>'CPT Data'!C5550</f>
        <v>54.994</v>
      </c>
      <c r="C5542" t="str">
        <f>'CPT Data'!P5550</f>
        <v>SAND</v>
      </c>
      <c r="D5542" t="e">
        <f>'CPT Data'!Q5550</f>
        <v>#N/A</v>
      </c>
      <c r="E5542" t="e">
        <f t="shared" si="87"/>
        <v>#N/A</v>
      </c>
      <c r="F5542" t="str">
        <f>IF(C5542="CLAY", INDEX(D$4:D5542, MATCH("CLAY", C$4:C5542, 0)), "")</f>
        <v/>
      </c>
    </row>
    <row r="5543" spans="1:6" x14ac:dyDescent="0.2">
      <c r="A5543" s="239">
        <f>'CPT Data'!B5551</f>
        <v>55.009</v>
      </c>
      <c r="B5543" s="3">
        <f>'CPT Data'!C5551</f>
        <v>55.002000000000002</v>
      </c>
      <c r="C5543" t="str">
        <f>'CPT Data'!P5551</f>
        <v>SAND</v>
      </c>
      <c r="D5543" t="e">
        <f>'CPT Data'!Q5551</f>
        <v>#N/A</v>
      </c>
      <c r="E5543" t="e">
        <f t="shared" si="87"/>
        <v>#N/A</v>
      </c>
      <c r="F5543" t="str">
        <f>IF(C5543="CLAY", INDEX(D$4:D5543, MATCH("CLAY", C$4:C5543, 0)), "")</f>
        <v/>
      </c>
    </row>
    <row r="5544" spans="1:6" x14ac:dyDescent="0.2">
      <c r="A5544" s="239">
        <f>'CPT Data'!B5552</f>
        <v>55.018000000000001</v>
      </c>
      <c r="B5544" s="3">
        <f>'CPT Data'!C5552</f>
        <v>55.011000000000003</v>
      </c>
      <c r="C5544" t="str">
        <f>'CPT Data'!P5552</f>
        <v>SAND</v>
      </c>
      <c r="D5544" t="e">
        <f>'CPT Data'!Q5552</f>
        <v>#N/A</v>
      </c>
      <c r="E5544" t="e">
        <f t="shared" si="87"/>
        <v>#N/A</v>
      </c>
      <c r="F5544" t="str">
        <f>IF(C5544="CLAY", INDEX(D$4:D5544, MATCH("CLAY", C$4:C5544, 0)), "")</f>
        <v/>
      </c>
    </row>
    <row r="5545" spans="1:6" x14ac:dyDescent="0.2">
      <c r="A5545" s="239">
        <f>'CPT Data'!B5553</f>
        <v>55.027999999999999</v>
      </c>
      <c r="B5545" s="3">
        <f>'CPT Data'!C5553</f>
        <v>55.021000000000001</v>
      </c>
      <c r="C5545" t="str">
        <f>'CPT Data'!P5553</f>
        <v>SAND</v>
      </c>
      <c r="D5545" t="e">
        <f>'CPT Data'!Q5553</f>
        <v>#N/A</v>
      </c>
      <c r="E5545" t="e">
        <f t="shared" si="87"/>
        <v>#N/A</v>
      </c>
      <c r="F5545" t="str">
        <f>IF(C5545="CLAY", INDEX(D$4:D5545, MATCH("CLAY", C$4:C5545, 0)), "")</f>
        <v/>
      </c>
    </row>
    <row r="5546" spans="1:6" x14ac:dyDescent="0.2">
      <c r="A5546" s="239">
        <f>'CPT Data'!B5554</f>
        <v>55.037999999999997</v>
      </c>
      <c r="B5546" s="3">
        <f>'CPT Data'!C5554</f>
        <v>55.030999999999999</v>
      </c>
      <c r="C5546" t="str">
        <f>'CPT Data'!P5554</f>
        <v>SAND</v>
      </c>
      <c r="D5546" t="e">
        <f>'CPT Data'!Q5554</f>
        <v>#N/A</v>
      </c>
      <c r="E5546" t="e">
        <f t="shared" si="87"/>
        <v>#N/A</v>
      </c>
      <c r="F5546" t="str">
        <f>IF(C5546="CLAY", INDEX(D$4:D5546, MATCH("CLAY", C$4:C5546, 0)), "")</f>
        <v/>
      </c>
    </row>
    <row r="5547" spans="1:6" x14ac:dyDescent="0.2">
      <c r="A5547" s="239">
        <f>'CPT Data'!B5555</f>
        <v>55.046999999999997</v>
      </c>
      <c r="B5547" s="3">
        <f>'CPT Data'!C5555</f>
        <v>55.04</v>
      </c>
      <c r="C5547" t="str">
        <f>'CPT Data'!P5555</f>
        <v>SAND</v>
      </c>
      <c r="D5547" t="e">
        <f>'CPT Data'!Q5555</f>
        <v>#N/A</v>
      </c>
      <c r="E5547" t="e">
        <f t="shared" si="87"/>
        <v>#N/A</v>
      </c>
      <c r="F5547" t="str">
        <f>IF(C5547="CLAY", INDEX(D$4:D5547, MATCH("CLAY", C$4:C5547, 0)), "")</f>
        <v/>
      </c>
    </row>
    <row r="5548" spans="1:6" x14ac:dyDescent="0.2">
      <c r="A5548" s="239">
        <f>'CPT Data'!B5556</f>
        <v>55.055999999999997</v>
      </c>
      <c r="B5548" s="3">
        <f>'CPT Data'!C5556</f>
        <v>55.048999999999999</v>
      </c>
      <c r="C5548" t="str">
        <f>'CPT Data'!P5556</f>
        <v>SAND</v>
      </c>
      <c r="D5548" t="e">
        <f>'CPT Data'!Q5556</f>
        <v>#N/A</v>
      </c>
      <c r="E5548" t="e">
        <f t="shared" si="87"/>
        <v>#N/A</v>
      </c>
      <c r="F5548" t="str">
        <f>IF(C5548="CLAY", INDEX(D$4:D5548, MATCH("CLAY", C$4:C5548, 0)), "")</f>
        <v/>
      </c>
    </row>
    <row r="5549" spans="1:6" x14ac:dyDescent="0.2">
      <c r="A5549" s="239">
        <f>'CPT Data'!B5557</f>
        <v>55.066000000000003</v>
      </c>
      <c r="B5549" s="3">
        <f>'CPT Data'!C5557</f>
        <v>55.059000000000005</v>
      </c>
      <c r="C5549" t="str">
        <f>'CPT Data'!P5557</f>
        <v>SAND</v>
      </c>
      <c r="D5549" t="e">
        <f>'CPT Data'!Q5557</f>
        <v>#N/A</v>
      </c>
      <c r="E5549" t="e">
        <f t="shared" si="87"/>
        <v>#N/A</v>
      </c>
      <c r="F5549" t="str">
        <f>IF(C5549="CLAY", INDEX(D$4:D5549, MATCH("CLAY", C$4:C5549, 0)), "")</f>
        <v/>
      </c>
    </row>
    <row r="5550" spans="1:6" x14ac:dyDescent="0.2">
      <c r="A5550" s="239">
        <f>'CPT Data'!B5558</f>
        <v>55.075000000000003</v>
      </c>
      <c r="B5550" s="3">
        <f>'CPT Data'!C5558</f>
        <v>55.068000000000005</v>
      </c>
      <c r="C5550" t="str">
        <f>'CPT Data'!P5558</f>
        <v>SAND</v>
      </c>
      <c r="D5550" t="e">
        <f>'CPT Data'!Q5558</f>
        <v>#N/A</v>
      </c>
      <c r="E5550" t="e">
        <f t="shared" si="87"/>
        <v>#N/A</v>
      </c>
      <c r="F5550" t="str">
        <f>IF(C5550="CLAY", INDEX(D$4:D5550, MATCH("CLAY", C$4:C5550, 0)), "")</f>
        <v/>
      </c>
    </row>
    <row r="5551" spans="1:6" x14ac:dyDescent="0.2">
      <c r="A5551" s="239">
        <f>'CPT Data'!B5559</f>
        <v>55.085999999999999</v>
      </c>
      <c r="B5551" s="3">
        <f>'CPT Data'!C5559</f>
        <v>55.079000000000001</v>
      </c>
      <c r="C5551" t="str">
        <f>'CPT Data'!P5559</f>
        <v>SAND</v>
      </c>
      <c r="D5551" t="e">
        <f>'CPT Data'!Q5559</f>
        <v>#N/A</v>
      </c>
      <c r="E5551" t="e">
        <f t="shared" si="87"/>
        <v>#N/A</v>
      </c>
      <c r="F5551" t="str">
        <f>IF(C5551="CLAY", INDEX(D$4:D5551, MATCH("CLAY", C$4:C5551, 0)), "")</f>
        <v/>
      </c>
    </row>
    <row r="5552" spans="1:6" x14ac:dyDescent="0.2">
      <c r="A5552" s="239">
        <f>'CPT Data'!B5560</f>
        <v>55.094999999999999</v>
      </c>
      <c r="B5552" s="3">
        <f>'CPT Data'!C5560</f>
        <v>55.088000000000001</v>
      </c>
      <c r="C5552" t="str">
        <f>'CPT Data'!P5560</f>
        <v>SAND</v>
      </c>
      <c r="D5552" t="e">
        <f>'CPT Data'!Q5560</f>
        <v>#N/A</v>
      </c>
      <c r="E5552" t="e">
        <f t="shared" si="87"/>
        <v>#N/A</v>
      </c>
      <c r="F5552" t="str">
        <f>IF(C5552="CLAY", INDEX(D$4:D5552, MATCH("CLAY", C$4:C5552, 0)), "")</f>
        <v/>
      </c>
    </row>
    <row r="5553" spans="1:6" x14ac:dyDescent="0.2">
      <c r="A5553" s="239">
        <f>'CPT Data'!B5561</f>
        <v>55.104999999999997</v>
      </c>
      <c r="B5553" s="3">
        <f>'CPT Data'!C5561</f>
        <v>55.097999999999999</v>
      </c>
      <c r="C5553" t="str">
        <f>'CPT Data'!P5561</f>
        <v>SAND</v>
      </c>
      <c r="D5553" t="e">
        <f>'CPT Data'!Q5561</f>
        <v>#N/A</v>
      </c>
      <c r="E5553" t="e">
        <f t="shared" si="87"/>
        <v>#N/A</v>
      </c>
      <c r="F5553" t="str">
        <f>IF(C5553="CLAY", INDEX(D$4:D5553, MATCH("CLAY", C$4:C5553, 0)), "")</f>
        <v/>
      </c>
    </row>
    <row r="5554" spans="1:6" x14ac:dyDescent="0.2">
      <c r="A5554" s="239">
        <f>'CPT Data'!B5562</f>
        <v>55.115000000000002</v>
      </c>
      <c r="B5554" s="3">
        <f>'CPT Data'!C5562</f>
        <v>55.108000000000004</v>
      </c>
      <c r="C5554" t="str">
        <f>'CPT Data'!P5562</f>
        <v>SAND</v>
      </c>
      <c r="D5554" t="e">
        <f>'CPT Data'!Q5562</f>
        <v>#N/A</v>
      </c>
      <c r="E5554" t="e">
        <f t="shared" si="87"/>
        <v>#N/A</v>
      </c>
      <c r="F5554" t="str">
        <f>IF(C5554="CLAY", INDEX(D$4:D5554, MATCH("CLAY", C$4:C5554, 0)), "")</f>
        <v/>
      </c>
    </row>
    <row r="5555" spans="1:6" x14ac:dyDescent="0.2">
      <c r="A5555" s="239">
        <f>'CPT Data'!B5563</f>
        <v>55.125</v>
      </c>
      <c r="B5555" s="3">
        <f>'CPT Data'!C5563</f>
        <v>55.118000000000002</v>
      </c>
      <c r="C5555" t="str">
        <f>'CPT Data'!P5563</f>
        <v>SAND</v>
      </c>
      <c r="D5555" t="e">
        <f>'CPT Data'!Q5563</f>
        <v>#N/A</v>
      </c>
      <c r="E5555" t="e">
        <f t="shared" si="87"/>
        <v>#N/A</v>
      </c>
      <c r="F5555" t="str">
        <f>IF(C5555="CLAY", INDEX(D$4:D5555, MATCH("CLAY", C$4:C5555, 0)), "")</f>
        <v/>
      </c>
    </row>
    <row r="5556" spans="1:6" x14ac:dyDescent="0.2">
      <c r="A5556" s="239">
        <f>'CPT Data'!B5564</f>
        <v>55.134</v>
      </c>
      <c r="B5556" s="3">
        <f>'CPT Data'!C5564</f>
        <v>55.127000000000002</v>
      </c>
      <c r="C5556" t="str">
        <f>'CPT Data'!P5564</f>
        <v>SAND</v>
      </c>
      <c r="D5556" t="e">
        <f>'CPT Data'!Q5564</f>
        <v>#N/A</v>
      </c>
      <c r="E5556" t="e">
        <f t="shared" si="87"/>
        <v>#N/A</v>
      </c>
      <c r="F5556" t="str">
        <f>IF(C5556="CLAY", INDEX(D$4:D5556, MATCH("CLAY", C$4:C5556, 0)), "")</f>
        <v/>
      </c>
    </row>
    <row r="5557" spans="1:6" x14ac:dyDescent="0.2">
      <c r="A5557" s="239">
        <f>'CPT Data'!B5565</f>
        <v>55.145000000000003</v>
      </c>
      <c r="B5557" s="3">
        <f>'CPT Data'!C5565</f>
        <v>55.138000000000005</v>
      </c>
      <c r="C5557" t="str">
        <f>'CPT Data'!P5565</f>
        <v>SAND</v>
      </c>
      <c r="D5557" t="e">
        <f>'CPT Data'!Q5565</f>
        <v>#N/A</v>
      </c>
      <c r="E5557" t="e">
        <f t="shared" si="87"/>
        <v>#N/A</v>
      </c>
      <c r="F5557" t="str">
        <f>IF(C5557="CLAY", INDEX(D$4:D5557, MATCH("CLAY", C$4:C5557, 0)), "")</f>
        <v/>
      </c>
    </row>
    <row r="5558" spans="1:6" x14ac:dyDescent="0.2">
      <c r="A5558" s="239">
        <f>'CPT Data'!B5566</f>
        <v>55.155000000000001</v>
      </c>
      <c r="B5558" s="3">
        <f>'CPT Data'!C5566</f>
        <v>55.148000000000003</v>
      </c>
      <c r="C5558" t="str">
        <f>'CPT Data'!P5566</f>
        <v>SAND</v>
      </c>
      <c r="D5558" t="e">
        <f>'CPT Data'!Q5566</f>
        <v>#N/A</v>
      </c>
      <c r="E5558" t="e">
        <f t="shared" si="87"/>
        <v>#N/A</v>
      </c>
      <c r="F5558" t="str">
        <f>IF(C5558="CLAY", INDEX(D$4:D5558, MATCH("CLAY", C$4:C5558, 0)), "")</f>
        <v/>
      </c>
    </row>
    <row r="5559" spans="1:6" x14ac:dyDescent="0.2">
      <c r="A5559" s="239">
        <f>'CPT Data'!B5567</f>
        <v>55.17</v>
      </c>
      <c r="B5559" s="3">
        <f>'CPT Data'!C5567</f>
        <v>55.163000000000004</v>
      </c>
      <c r="C5559" t="str">
        <f>'CPT Data'!P5567</f>
        <v>SAND</v>
      </c>
      <c r="D5559" t="e">
        <f>'CPT Data'!Q5567</f>
        <v>#N/A</v>
      </c>
      <c r="E5559" t="e">
        <f t="shared" si="87"/>
        <v>#N/A</v>
      </c>
      <c r="F5559" t="str">
        <f>IF(C5559="CLAY", INDEX(D$4:D5559, MATCH("CLAY", C$4:C5559, 0)), "")</f>
        <v/>
      </c>
    </row>
    <row r="5560" spans="1:6" x14ac:dyDescent="0.2">
      <c r="A5560" s="239">
        <f>'CPT Data'!B5568</f>
        <v>55.180999999999997</v>
      </c>
      <c r="B5560" s="3">
        <f>'CPT Data'!C5568</f>
        <v>55.173999999999999</v>
      </c>
      <c r="C5560" t="str">
        <f>'CPT Data'!P5568</f>
        <v>SAND</v>
      </c>
      <c r="D5560" t="e">
        <f>'CPT Data'!Q5568</f>
        <v>#N/A</v>
      </c>
      <c r="E5560" t="e">
        <f t="shared" si="87"/>
        <v>#N/A</v>
      </c>
      <c r="F5560" t="str">
        <f>IF(C5560="CLAY", INDEX(D$4:D5560, MATCH("CLAY", C$4:C5560, 0)), "")</f>
        <v/>
      </c>
    </row>
    <row r="5561" spans="1:6" x14ac:dyDescent="0.2">
      <c r="A5561" s="239">
        <f>'CPT Data'!B5569</f>
        <v>55.192</v>
      </c>
      <c r="B5561" s="3">
        <f>'CPT Data'!C5569</f>
        <v>55.185000000000002</v>
      </c>
      <c r="C5561" t="str">
        <f>'CPT Data'!P5569</f>
        <v>SAND</v>
      </c>
      <c r="D5561" t="e">
        <f>'CPT Data'!Q5569</f>
        <v>#N/A</v>
      </c>
      <c r="E5561" t="e">
        <f t="shared" si="87"/>
        <v>#N/A</v>
      </c>
      <c r="F5561" t="str">
        <f>IF(C5561="CLAY", INDEX(D$4:D5561, MATCH("CLAY", C$4:C5561, 0)), "")</f>
        <v/>
      </c>
    </row>
    <row r="5562" spans="1:6" x14ac:dyDescent="0.2">
      <c r="A5562" s="239">
        <f>'CPT Data'!B5570</f>
        <v>55.201999999999998</v>
      </c>
      <c r="B5562" s="3">
        <f>'CPT Data'!C5570</f>
        <v>55.195</v>
      </c>
      <c r="C5562" t="str">
        <f>'CPT Data'!P5570</f>
        <v>SAND</v>
      </c>
      <c r="D5562" t="e">
        <f>'CPT Data'!Q5570</f>
        <v>#N/A</v>
      </c>
      <c r="E5562" t="e">
        <f t="shared" si="87"/>
        <v>#N/A</v>
      </c>
      <c r="F5562" t="str">
        <f>IF(C5562="CLAY", INDEX(D$4:D5562, MATCH("CLAY", C$4:C5562, 0)), "")</f>
        <v/>
      </c>
    </row>
    <row r="5563" spans="1:6" x14ac:dyDescent="0.2">
      <c r="A5563" s="239">
        <f>'CPT Data'!B5571</f>
        <v>55.212000000000003</v>
      </c>
      <c r="B5563" s="3">
        <f>'CPT Data'!C5571</f>
        <v>55.205000000000005</v>
      </c>
      <c r="C5563" t="str">
        <f>'CPT Data'!P5571</f>
        <v>SAND</v>
      </c>
      <c r="D5563" t="e">
        <f>'CPT Data'!Q5571</f>
        <v>#N/A</v>
      </c>
      <c r="E5563" t="e">
        <f t="shared" si="87"/>
        <v>#N/A</v>
      </c>
      <c r="F5563" t="str">
        <f>IF(C5563="CLAY", INDEX(D$4:D5563, MATCH("CLAY", C$4:C5563, 0)), "")</f>
        <v/>
      </c>
    </row>
    <row r="5564" spans="1:6" x14ac:dyDescent="0.2">
      <c r="A5564" s="239">
        <f>'CPT Data'!B5572</f>
        <v>55.222000000000001</v>
      </c>
      <c r="B5564" s="3">
        <f>'CPT Data'!C5572</f>
        <v>55.215000000000003</v>
      </c>
      <c r="C5564" t="str">
        <f>'CPT Data'!P5572</f>
        <v>SAND</v>
      </c>
      <c r="D5564" t="e">
        <f>'CPT Data'!Q5572</f>
        <v>#N/A</v>
      </c>
      <c r="E5564" t="e">
        <f t="shared" si="87"/>
        <v>#N/A</v>
      </c>
      <c r="F5564" t="str">
        <f>IF(C5564="CLAY", INDEX(D$4:D5564, MATCH("CLAY", C$4:C5564, 0)), "")</f>
        <v/>
      </c>
    </row>
    <row r="5565" spans="1:6" x14ac:dyDescent="0.2">
      <c r="A5565" s="239">
        <f>'CPT Data'!B5573</f>
        <v>55.232999999999997</v>
      </c>
      <c r="B5565" s="3">
        <f>'CPT Data'!C5573</f>
        <v>55.225999999999999</v>
      </c>
      <c r="C5565" t="str">
        <f>'CPT Data'!P5573</f>
        <v>SAND</v>
      </c>
      <c r="D5565" t="e">
        <f>'CPT Data'!Q5573</f>
        <v>#N/A</v>
      </c>
      <c r="E5565" t="e">
        <f t="shared" si="87"/>
        <v>#N/A</v>
      </c>
      <c r="F5565" t="str">
        <f>IF(C5565="CLAY", INDEX(D$4:D5565, MATCH("CLAY", C$4:C5565, 0)), "")</f>
        <v/>
      </c>
    </row>
    <row r="5566" spans="1:6" x14ac:dyDescent="0.2">
      <c r="A5566" s="239">
        <f>'CPT Data'!B5574</f>
        <v>55.243000000000002</v>
      </c>
      <c r="B5566" s="3">
        <f>'CPT Data'!C5574</f>
        <v>55.236000000000004</v>
      </c>
      <c r="C5566" t="str">
        <f>'CPT Data'!P5574</f>
        <v>SAND</v>
      </c>
      <c r="D5566" t="e">
        <f>'CPT Data'!Q5574</f>
        <v>#N/A</v>
      </c>
      <c r="E5566" t="e">
        <f t="shared" si="87"/>
        <v>#N/A</v>
      </c>
      <c r="F5566" t="str">
        <f>IF(C5566="CLAY", INDEX(D$4:D5566, MATCH("CLAY", C$4:C5566, 0)), "")</f>
        <v/>
      </c>
    </row>
    <row r="5567" spans="1:6" x14ac:dyDescent="0.2">
      <c r="A5567" s="239">
        <f>'CPT Data'!B5575</f>
        <v>55.250999999999998</v>
      </c>
      <c r="B5567" s="3">
        <f>'CPT Data'!C5575</f>
        <v>55.244</v>
      </c>
      <c r="C5567" t="str">
        <f>'CPT Data'!P5575</f>
        <v>SAND</v>
      </c>
      <c r="D5567" t="e">
        <f>'CPT Data'!Q5575</f>
        <v>#N/A</v>
      </c>
      <c r="E5567" t="e">
        <f t="shared" si="87"/>
        <v>#N/A</v>
      </c>
      <c r="F5567" t="str">
        <f>IF(C5567="CLAY", INDEX(D$4:D5567, MATCH("CLAY", C$4:C5567, 0)), "")</f>
        <v/>
      </c>
    </row>
    <row r="5568" spans="1:6" x14ac:dyDescent="0.2">
      <c r="A5568" s="239">
        <f>'CPT Data'!B5576</f>
        <v>55.265000000000001</v>
      </c>
      <c r="B5568" s="3">
        <f>'CPT Data'!C5576</f>
        <v>55.258000000000003</v>
      </c>
      <c r="C5568" t="str">
        <f>'CPT Data'!P5576</f>
        <v>SAND</v>
      </c>
      <c r="D5568" t="e">
        <f>'CPT Data'!Q5576</f>
        <v>#N/A</v>
      </c>
      <c r="E5568" t="e">
        <f t="shared" si="87"/>
        <v>#N/A</v>
      </c>
      <c r="F5568" t="str">
        <f>IF(C5568="CLAY", INDEX(D$4:D5568, MATCH("CLAY", C$4:C5568, 0)), "")</f>
        <v/>
      </c>
    </row>
    <row r="5569" spans="1:6" x14ac:dyDescent="0.2">
      <c r="A5569" s="239">
        <f>'CPT Data'!B5577</f>
        <v>55.274999999999999</v>
      </c>
      <c r="B5569" s="3">
        <f>'CPT Data'!C5577</f>
        <v>55.268000000000001</v>
      </c>
      <c r="C5569" t="str">
        <f>'CPT Data'!P5577</f>
        <v>SAND</v>
      </c>
      <c r="D5569" t="e">
        <f>'CPT Data'!Q5577</f>
        <v>#N/A</v>
      </c>
      <c r="E5569" t="e">
        <f t="shared" si="87"/>
        <v>#N/A</v>
      </c>
      <c r="F5569" t="str">
        <f>IF(C5569="CLAY", INDEX(D$4:D5569, MATCH("CLAY", C$4:C5569, 0)), "")</f>
        <v/>
      </c>
    </row>
    <row r="5570" spans="1:6" x14ac:dyDescent="0.2">
      <c r="A5570" s="239">
        <f>'CPT Data'!B5578</f>
        <v>55.284999999999997</v>
      </c>
      <c r="B5570" s="3">
        <f>'CPT Data'!C5578</f>
        <v>55.277999999999999</v>
      </c>
      <c r="C5570" t="str">
        <f>'CPT Data'!P5578</f>
        <v>SAND</v>
      </c>
      <c r="D5570" t="e">
        <f>'CPT Data'!Q5578</f>
        <v>#N/A</v>
      </c>
      <c r="E5570" t="e">
        <f t="shared" si="87"/>
        <v>#N/A</v>
      </c>
      <c r="F5570" t="str">
        <f>IF(C5570="CLAY", INDEX(D$4:D5570, MATCH("CLAY", C$4:C5570, 0)), "")</f>
        <v/>
      </c>
    </row>
    <row r="5571" spans="1:6" x14ac:dyDescent="0.2">
      <c r="A5571" s="239">
        <f>'CPT Data'!B5579</f>
        <v>55.295000000000002</v>
      </c>
      <c r="B5571" s="3">
        <f>'CPT Data'!C5579</f>
        <v>55.288000000000004</v>
      </c>
      <c r="C5571" t="str">
        <f>'CPT Data'!P5579</f>
        <v>SAND</v>
      </c>
      <c r="D5571" t="e">
        <f>'CPT Data'!Q5579</f>
        <v>#N/A</v>
      </c>
      <c r="E5571" t="e">
        <f t="shared" si="87"/>
        <v>#N/A</v>
      </c>
      <c r="F5571" t="str">
        <f>IF(C5571="CLAY", INDEX(D$4:D5571, MATCH("CLAY", C$4:C5571, 0)), "")</f>
        <v/>
      </c>
    </row>
    <row r="5572" spans="1:6" x14ac:dyDescent="0.2">
      <c r="A5572" s="239">
        <f>'CPT Data'!B5580</f>
        <v>55.305999999999997</v>
      </c>
      <c r="B5572" s="3">
        <f>'CPT Data'!C5580</f>
        <v>55.298999999999999</v>
      </c>
      <c r="C5572" t="str">
        <f>'CPT Data'!P5580</f>
        <v>SAND</v>
      </c>
      <c r="D5572" t="e">
        <f>'CPT Data'!Q5580</f>
        <v>#N/A</v>
      </c>
      <c r="E5572" t="e">
        <f t="shared" si="87"/>
        <v>#N/A</v>
      </c>
      <c r="F5572" t="str">
        <f>IF(C5572="CLAY", INDEX(D$4:D5572, MATCH("CLAY", C$4:C5572, 0)), "")</f>
        <v/>
      </c>
    </row>
    <row r="5573" spans="1:6" x14ac:dyDescent="0.2">
      <c r="A5573" s="239">
        <f>'CPT Data'!B5581</f>
        <v>55.316000000000003</v>
      </c>
      <c r="B5573" s="3">
        <f>'CPT Data'!C5581</f>
        <v>55.309000000000005</v>
      </c>
      <c r="C5573" t="str">
        <f>'CPT Data'!P5581</f>
        <v>SAND</v>
      </c>
      <c r="D5573" t="e">
        <f>'CPT Data'!Q5581</f>
        <v>#N/A</v>
      </c>
      <c r="E5573" t="e">
        <f t="shared" si="87"/>
        <v>#N/A</v>
      </c>
      <c r="F5573" t="str">
        <f>IF(C5573="CLAY", INDEX(D$4:D5573, MATCH("CLAY", C$4:C5573, 0)), "")</f>
        <v/>
      </c>
    </row>
    <row r="5574" spans="1:6" x14ac:dyDescent="0.2">
      <c r="A5574" s="239">
        <f>'CPT Data'!B5582</f>
        <v>55.328000000000003</v>
      </c>
      <c r="B5574" s="3">
        <f>'CPT Data'!C5582</f>
        <v>55.321000000000005</v>
      </c>
      <c r="C5574" t="str">
        <f>'CPT Data'!P5582</f>
        <v>SAND</v>
      </c>
      <c r="D5574" t="e">
        <f>'CPT Data'!Q5582</f>
        <v>#N/A</v>
      </c>
      <c r="E5574" t="e">
        <f t="shared" si="87"/>
        <v>#N/A</v>
      </c>
      <c r="F5574" t="str">
        <f>IF(C5574="CLAY", INDEX(D$4:D5574, MATCH("CLAY", C$4:C5574, 0)), "")</f>
        <v/>
      </c>
    </row>
    <row r="5575" spans="1:6" x14ac:dyDescent="0.2">
      <c r="A5575" s="239">
        <f>'CPT Data'!B5583</f>
        <v>55.337000000000003</v>
      </c>
      <c r="B5575" s="3">
        <f>'CPT Data'!C5583</f>
        <v>55.330000000000005</v>
      </c>
      <c r="C5575" t="str">
        <f>'CPT Data'!P5583</f>
        <v>SAND</v>
      </c>
      <c r="D5575" t="e">
        <f>'CPT Data'!Q5583</f>
        <v>#N/A</v>
      </c>
      <c r="E5575" t="e">
        <f t="shared" si="87"/>
        <v>#N/A</v>
      </c>
      <c r="F5575" t="str">
        <f>IF(C5575="CLAY", INDEX(D$4:D5575, MATCH("CLAY", C$4:C5575, 0)), "")</f>
        <v/>
      </c>
    </row>
    <row r="5576" spans="1:6" x14ac:dyDescent="0.2">
      <c r="A5576" s="239">
        <f>'CPT Data'!B5584</f>
        <v>55.347999999999999</v>
      </c>
      <c r="B5576" s="3">
        <f>'CPT Data'!C5584</f>
        <v>55.341000000000001</v>
      </c>
      <c r="C5576" t="str">
        <f>'CPT Data'!P5584</f>
        <v>SAND</v>
      </c>
      <c r="D5576" t="e">
        <f>'CPT Data'!Q5584</f>
        <v>#N/A</v>
      </c>
      <c r="E5576" t="e">
        <f t="shared" si="87"/>
        <v>#N/A</v>
      </c>
      <c r="F5576" t="str">
        <f>IF(C5576="CLAY", INDEX(D$4:D5576, MATCH("CLAY", C$4:C5576, 0)), "")</f>
        <v/>
      </c>
    </row>
    <row r="5577" spans="1:6" x14ac:dyDescent="0.2">
      <c r="A5577" s="239">
        <f>'CPT Data'!B5585</f>
        <v>55.359000000000002</v>
      </c>
      <c r="B5577" s="3">
        <f>'CPT Data'!C5585</f>
        <v>55.352000000000004</v>
      </c>
      <c r="C5577" t="str">
        <f>'CPT Data'!P5585</f>
        <v>SAND</v>
      </c>
      <c r="D5577" t="e">
        <f>'CPT Data'!Q5585</f>
        <v>#N/A</v>
      </c>
      <c r="E5577" t="e">
        <f t="shared" si="87"/>
        <v>#N/A</v>
      </c>
      <c r="F5577" t="str">
        <f>IF(C5577="CLAY", INDEX(D$4:D5577, MATCH("CLAY", C$4:C5577, 0)), "")</f>
        <v/>
      </c>
    </row>
    <row r="5578" spans="1:6" x14ac:dyDescent="0.2">
      <c r="A5578" s="239">
        <f>'CPT Data'!B5586</f>
        <v>55.368000000000002</v>
      </c>
      <c r="B5578" s="3">
        <f>'CPT Data'!C5586</f>
        <v>55.361000000000004</v>
      </c>
      <c r="C5578" t="str">
        <f>'CPT Data'!P5586</f>
        <v>SAND</v>
      </c>
      <c r="D5578" t="e">
        <f>'CPT Data'!Q5586</f>
        <v>#N/A</v>
      </c>
      <c r="E5578" t="e">
        <f t="shared" si="87"/>
        <v>#N/A</v>
      </c>
      <c r="F5578" t="str">
        <f>IF(C5578="CLAY", INDEX(D$4:D5578, MATCH("CLAY", C$4:C5578, 0)), "")</f>
        <v/>
      </c>
    </row>
    <row r="5579" spans="1:6" x14ac:dyDescent="0.2">
      <c r="A5579" s="239">
        <f>'CPT Data'!B5587</f>
        <v>55.378</v>
      </c>
      <c r="B5579" s="3">
        <f>'CPT Data'!C5587</f>
        <v>55.371000000000002</v>
      </c>
      <c r="C5579" t="str">
        <f>'CPT Data'!P5587</f>
        <v>SAND</v>
      </c>
      <c r="D5579" t="e">
        <f>'CPT Data'!Q5587</f>
        <v>#N/A</v>
      </c>
      <c r="E5579" t="e">
        <f t="shared" si="87"/>
        <v>#N/A</v>
      </c>
      <c r="F5579" t="str">
        <f>IF(C5579="CLAY", INDEX(D$4:D5579, MATCH("CLAY", C$4:C5579, 0)), "")</f>
        <v/>
      </c>
    </row>
    <row r="5580" spans="1:6" x14ac:dyDescent="0.2">
      <c r="A5580" s="239">
        <f>'CPT Data'!B5588</f>
        <v>55.389000000000003</v>
      </c>
      <c r="B5580" s="3">
        <f>'CPT Data'!C5588</f>
        <v>55.382000000000005</v>
      </c>
      <c r="C5580" t="str">
        <f>'CPT Data'!P5588</f>
        <v>SAND</v>
      </c>
      <c r="D5580" t="e">
        <f>'CPT Data'!Q5588</f>
        <v>#N/A</v>
      </c>
      <c r="E5580" t="e">
        <f t="shared" si="87"/>
        <v>#N/A</v>
      </c>
      <c r="F5580" t="str">
        <f>IF(C5580="CLAY", INDEX(D$4:D5580, MATCH("CLAY", C$4:C5580, 0)), "")</f>
        <v/>
      </c>
    </row>
    <row r="5581" spans="1:6" x14ac:dyDescent="0.2">
      <c r="A5581" s="239">
        <f>'CPT Data'!B5589</f>
        <v>55.399000000000001</v>
      </c>
      <c r="B5581" s="3">
        <f>'CPT Data'!C5589</f>
        <v>55.392000000000003</v>
      </c>
      <c r="C5581" t="str">
        <f>'CPT Data'!P5589</f>
        <v>SAND</v>
      </c>
      <c r="D5581" t="e">
        <f>'CPT Data'!Q5589</f>
        <v>#N/A</v>
      </c>
      <c r="E5581" t="e">
        <f t="shared" si="87"/>
        <v>#N/A</v>
      </c>
      <c r="F5581" t="str">
        <f>IF(C5581="CLAY", INDEX(D$4:D5581, MATCH("CLAY", C$4:C5581, 0)), "")</f>
        <v/>
      </c>
    </row>
    <row r="5582" spans="1:6" x14ac:dyDescent="0.2">
      <c r="A5582" s="239">
        <f>'CPT Data'!B5590</f>
        <v>55.408999999999999</v>
      </c>
      <c r="B5582" s="3">
        <f>'CPT Data'!C5590</f>
        <v>55.402000000000001</v>
      </c>
      <c r="C5582" t="str">
        <f>'CPT Data'!P5590</f>
        <v>SAND</v>
      </c>
      <c r="D5582" t="e">
        <f>'CPT Data'!Q5590</f>
        <v>#N/A</v>
      </c>
      <c r="E5582" t="e">
        <f t="shared" si="87"/>
        <v>#N/A</v>
      </c>
      <c r="F5582" t="str">
        <f>IF(C5582="CLAY", INDEX(D$4:D5582, MATCH("CLAY", C$4:C5582, 0)), "")</f>
        <v/>
      </c>
    </row>
    <row r="5583" spans="1:6" x14ac:dyDescent="0.2">
      <c r="A5583" s="239">
        <f>'CPT Data'!B5591</f>
        <v>55.418999999999997</v>
      </c>
      <c r="B5583" s="3">
        <f>'CPT Data'!C5591</f>
        <v>55.411999999999999</v>
      </c>
      <c r="C5583" t="str">
        <f>'CPT Data'!P5591</f>
        <v>SAND</v>
      </c>
      <c r="D5583" t="e">
        <f>'CPT Data'!Q5591</f>
        <v>#N/A</v>
      </c>
      <c r="E5583" t="e">
        <f t="shared" si="87"/>
        <v>#N/A</v>
      </c>
      <c r="F5583" t="str">
        <f>IF(C5583="CLAY", INDEX(D$4:D5583, MATCH("CLAY", C$4:C5583, 0)), "")</f>
        <v/>
      </c>
    </row>
    <row r="5584" spans="1:6" x14ac:dyDescent="0.2">
      <c r="A5584" s="239">
        <f>'CPT Data'!B5592</f>
        <v>55.43</v>
      </c>
      <c r="B5584" s="3">
        <f>'CPT Data'!C5592</f>
        <v>55.423000000000002</v>
      </c>
      <c r="C5584" t="str">
        <f>'CPT Data'!P5592</f>
        <v>SAND</v>
      </c>
      <c r="D5584" t="e">
        <f>'CPT Data'!Q5592</f>
        <v>#N/A</v>
      </c>
      <c r="E5584" t="e">
        <f t="shared" si="87"/>
        <v>#N/A</v>
      </c>
      <c r="F5584" t="str">
        <f>IF(C5584="CLAY", INDEX(D$4:D5584, MATCH("CLAY", C$4:C5584, 0)), "")</f>
        <v/>
      </c>
    </row>
    <row r="5585" spans="1:6" x14ac:dyDescent="0.2">
      <c r="A5585" s="239">
        <f>'CPT Data'!B5593</f>
        <v>55.439</v>
      </c>
      <c r="B5585" s="3">
        <f>'CPT Data'!C5593</f>
        <v>55.432000000000002</v>
      </c>
      <c r="C5585" t="str">
        <f>'CPT Data'!P5593</f>
        <v>SAND</v>
      </c>
      <c r="D5585" t="e">
        <f>'CPT Data'!Q5593</f>
        <v>#N/A</v>
      </c>
      <c r="E5585" t="e">
        <f t="shared" si="87"/>
        <v>#N/A</v>
      </c>
      <c r="F5585" t="str">
        <f>IF(C5585="CLAY", INDEX(D$4:D5585, MATCH("CLAY", C$4:C5585, 0)), "")</f>
        <v/>
      </c>
    </row>
    <row r="5586" spans="1:6" x14ac:dyDescent="0.2">
      <c r="A5586" s="239">
        <f>'CPT Data'!B5594</f>
        <v>55.45</v>
      </c>
      <c r="B5586" s="3">
        <f>'CPT Data'!C5594</f>
        <v>55.443000000000005</v>
      </c>
      <c r="C5586" t="str">
        <f>'CPT Data'!P5594</f>
        <v>SAND</v>
      </c>
      <c r="D5586" t="e">
        <f>'CPT Data'!Q5594</f>
        <v>#N/A</v>
      </c>
      <c r="E5586" t="e">
        <f t="shared" si="87"/>
        <v>#N/A</v>
      </c>
      <c r="F5586" t="str">
        <f>IF(C5586="CLAY", INDEX(D$4:D5586, MATCH("CLAY", C$4:C5586, 0)), "")</f>
        <v/>
      </c>
    </row>
    <row r="5587" spans="1:6" x14ac:dyDescent="0.2">
      <c r="A5587" s="239">
        <f>'CPT Data'!B5595</f>
        <v>55.46</v>
      </c>
      <c r="B5587" s="3">
        <f>'CPT Data'!C5595</f>
        <v>55.453000000000003</v>
      </c>
      <c r="C5587" t="str">
        <f>'CPT Data'!P5595</f>
        <v>SAND</v>
      </c>
      <c r="D5587" t="e">
        <f>'CPT Data'!Q5595</f>
        <v>#N/A</v>
      </c>
      <c r="E5587" t="e">
        <f t="shared" si="87"/>
        <v>#N/A</v>
      </c>
      <c r="F5587" t="str">
        <f>IF(C5587="CLAY", INDEX(D$4:D5587, MATCH("CLAY", C$4:C5587, 0)), "")</f>
        <v/>
      </c>
    </row>
    <row r="5588" spans="1:6" x14ac:dyDescent="0.2">
      <c r="A5588" s="239">
        <f>'CPT Data'!B5596</f>
        <v>55.47</v>
      </c>
      <c r="B5588" s="3">
        <f>'CPT Data'!C5596</f>
        <v>55.463000000000001</v>
      </c>
      <c r="C5588" t="str">
        <f>'CPT Data'!P5596</f>
        <v>SAND</v>
      </c>
      <c r="D5588" t="e">
        <f>'CPT Data'!Q5596</f>
        <v>#N/A</v>
      </c>
      <c r="E5588" t="e">
        <f t="shared" si="87"/>
        <v>#N/A</v>
      </c>
      <c r="F5588" t="str">
        <f>IF(C5588="CLAY", INDEX(D$4:D5588, MATCH("CLAY", C$4:C5588, 0)), "")</f>
        <v/>
      </c>
    </row>
    <row r="5589" spans="1:6" x14ac:dyDescent="0.2">
      <c r="A5589" s="239">
        <f>'CPT Data'!B5597</f>
        <v>55.481000000000002</v>
      </c>
      <c r="B5589" s="3">
        <f>'CPT Data'!C5597</f>
        <v>55.474000000000004</v>
      </c>
      <c r="C5589" t="str">
        <f>'CPT Data'!P5597</f>
        <v>SAND</v>
      </c>
      <c r="D5589" t="e">
        <f>'CPT Data'!Q5597</f>
        <v>#N/A</v>
      </c>
      <c r="E5589" t="e">
        <f t="shared" si="87"/>
        <v>#N/A</v>
      </c>
      <c r="F5589" t="str">
        <f>IF(C5589="CLAY", INDEX(D$4:D5589, MATCH("CLAY", C$4:C5589, 0)), "")</f>
        <v/>
      </c>
    </row>
    <row r="5590" spans="1:6" x14ac:dyDescent="0.2">
      <c r="A5590" s="239">
        <f>'CPT Data'!B5598</f>
        <v>55.491</v>
      </c>
      <c r="B5590" s="3">
        <f>'CPT Data'!C5598</f>
        <v>55.484000000000002</v>
      </c>
      <c r="C5590" t="str">
        <f>'CPT Data'!P5598</f>
        <v>SAND</v>
      </c>
      <c r="D5590" t="e">
        <f>'CPT Data'!Q5598</f>
        <v>#N/A</v>
      </c>
      <c r="E5590" t="e">
        <f t="shared" si="87"/>
        <v>#N/A</v>
      </c>
      <c r="F5590" t="str">
        <f>IF(C5590="CLAY", INDEX(D$4:D5590, MATCH("CLAY", C$4:C5590, 0)), "")</f>
        <v/>
      </c>
    </row>
    <row r="5591" spans="1:6" x14ac:dyDescent="0.2">
      <c r="A5591" s="239">
        <f>'CPT Data'!B5599</f>
        <v>55.502000000000002</v>
      </c>
      <c r="B5591" s="3">
        <f>'CPT Data'!C5599</f>
        <v>55.495000000000005</v>
      </c>
      <c r="C5591" t="str">
        <f>'CPT Data'!P5599</f>
        <v>SAND</v>
      </c>
      <c r="D5591" t="e">
        <f>'CPT Data'!Q5599</f>
        <v>#N/A</v>
      </c>
      <c r="E5591" t="e">
        <f t="shared" si="87"/>
        <v>#N/A</v>
      </c>
      <c r="F5591" t="str">
        <f>IF(C5591="CLAY", INDEX(D$4:D5591, MATCH("CLAY", C$4:C5591, 0)), "")</f>
        <v/>
      </c>
    </row>
    <row r="5592" spans="1:6" x14ac:dyDescent="0.2">
      <c r="A5592" s="239">
        <f>'CPT Data'!B5600</f>
        <v>55.512</v>
      </c>
      <c r="B5592" s="3">
        <f>'CPT Data'!C5600</f>
        <v>55.505000000000003</v>
      </c>
      <c r="C5592" t="str">
        <f>'CPT Data'!P5600</f>
        <v>SAND</v>
      </c>
      <c r="D5592" t="e">
        <f>'CPT Data'!Q5600</f>
        <v>#N/A</v>
      </c>
      <c r="E5592" t="e">
        <f t="shared" si="87"/>
        <v>#N/A</v>
      </c>
      <c r="F5592" t="str">
        <f>IF(C5592="CLAY", INDEX(D$4:D5592, MATCH("CLAY", C$4:C5592, 0)), "")</f>
        <v/>
      </c>
    </row>
    <row r="5593" spans="1:6" x14ac:dyDescent="0.2">
      <c r="A5593" s="239">
        <f>'CPT Data'!B5601</f>
        <v>55.521999999999998</v>
      </c>
      <c r="B5593" s="3">
        <f>'CPT Data'!C5601</f>
        <v>55.515000000000001</v>
      </c>
      <c r="C5593" t="str">
        <f>'CPT Data'!P5601</f>
        <v>SAND</v>
      </c>
      <c r="D5593" t="e">
        <f>'CPT Data'!Q5601</f>
        <v>#N/A</v>
      </c>
      <c r="E5593" t="e">
        <f t="shared" si="87"/>
        <v>#N/A</v>
      </c>
      <c r="F5593" t="str">
        <f>IF(C5593="CLAY", INDEX(D$4:D5593, MATCH("CLAY", C$4:C5593, 0)), "")</f>
        <v/>
      </c>
    </row>
    <row r="5594" spans="1:6" x14ac:dyDescent="0.2">
      <c r="A5594" s="239">
        <f>'CPT Data'!B5602</f>
        <v>55.531999999999996</v>
      </c>
      <c r="B5594" s="3">
        <f>'CPT Data'!C5602</f>
        <v>55.524999999999999</v>
      </c>
      <c r="C5594" t="str">
        <f>'CPT Data'!P5602</f>
        <v>SAND</v>
      </c>
      <c r="D5594" t="e">
        <f>'CPT Data'!Q5602</f>
        <v>#N/A</v>
      </c>
      <c r="E5594" t="e">
        <f t="shared" si="87"/>
        <v>#N/A</v>
      </c>
      <c r="F5594" t="str">
        <f>IF(C5594="CLAY", INDEX(D$4:D5594, MATCH("CLAY", C$4:C5594, 0)), "")</f>
        <v/>
      </c>
    </row>
    <row r="5595" spans="1:6" x14ac:dyDescent="0.2">
      <c r="A5595" s="239">
        <f>'CPT Data'!B5603</f>
        <v>55.542999999999999</v>
      </c>
      <c r="B5595" s="3">
        <f>'CPT Data'!C5603</f>
        <v>55.536000000000001</v>
      </c>
      <c r="C5595" t="str">
        <f>'CPT Data'!P5603</f>
        <v>SAND</v>
      </c>
      <c r="D5595" t="e">
        <f>'CPT Data'!Q5603</f>
        <v>#N/A</v>
      </c>
      <c r="E5595" t="e">
        <f t="shared" ref="E5595:E5658" si="88">IF(C5595="SAND",#N/A,IF(C5595=C5594,D5594,IF(C5595="CLAY",D5595,#N/A)))</f>
        <v>#N/A</v>
      </c>
      <c r="F5595" t="str">
        <f>IF(C5595="CLAY", INDEX(D$4:D5595, MATCH("CLAY", C$4:C5595, 0)), "")</f>
        <v/>
      </c>
    </row>
    <row r="5596" spans="1:6" x14ac:dyDescent="0.2">
      <c r="A5596" s="239">
        <f>'CPT Data'!B5604</f>
        <v>55.552999999999997</v>
      </c>
      <c r="B5596" s="3">
        <f>'CPT Data'!C5604</f>
        <v>55.545999999999999</v>
      </c>
      <c r="C5596" t="str">
        <f>'CPT Data'!P5604</f>
        <v>SAND</v>
      </c>
      <c r="D5596" t="e">
        <f>'CPT Data'!Q5604</f>
        <v>#N/A</v>
      </c>
      <c r="E5596" t="e">
        <f t="shared" si="88"/>
        <v>#N/A</v>
      </c>
      <c r="F5596" t="str">
        <f>IF(C5596="CLAY", INDEX(D$4:D5596, MATCH("CLAY", C$4:C5596, 0)), "")</f>
        <v/>
      </c>
    </row>
    <row r="5597" spans="1:6" x14ac:dyDescent="0.2">
      <c r="A5597" s="239">
        <f>'CPT Data'!B5605</f>
        <v>55.563000000000002</v>
      </c>
      <c r="B5597" s="3">
        <f>'CPT Data'!C5605</f>
        <v>55.556000000000004</v>
      </c>
      <c r="C5597" t="str">
        <f>'CPT Data'!P5605</f>
        <v>SAND</v>
      </c>
      <c r="D5597" t="e">
        <f>'CPT Data'!Q5605</f>
        <v>#N/A</v>
      </c>
      <c r="E5597" t="e">
        <f t="shared" si="88"/>
        <v>#N/A</v>
      </c>
      <c r="F5597" t="str">
        <f>IF(C5597="CLAY", INDEX(D$4:D5597, MATCH("CLAY", C$4:C5597, 0)), "")</f>
        <v/>
      </c>
    </row>
    <row r="5598" spans="1:6" x14ac:dyDescent="0.2">
      <c r="A5598" s="239">
        <f>'CPT Data'!B5606</f>
        <v>55.573999999999998</v>
      </c>
      <c r="B5598" s="3">
        <f>'CPT Data'!C5606</f>
        <v>55.567</v>
      </c>
      <c r="C5598" t="str">
        <f>'CPT Data'!P5606</f>
        <v>SAND</v>
      </c>
      <c r="D5598" t="e">
        <f>'CPT Data'!Q5606</f>
        <v>#N/A</v>
      </c>
      <c r="E5598" t="e">
        <f t="shared" si="88"/>
        <v>#N/A</v>
      </c>
      <c r="F5598" t="str">
        <f>IF(C5598="CLAY", INDEX(D$4:D5598, MATCH("CLAY", C$4:C5598, 0)), "")</f>
        <v/>
      </c>
    </row>
    <row r="5599" spans="1:6" x14ac:dyDescent="0.2">
      <c r="A5599" s="239">
        <f>'CPT Data'!B5607</f>
        <v>55.584000000000003</v>
      </c>
      <c r="B5599" s="3">
        <f>'CPT Data'!C5607</f>
        <v>55.577000000000005</v>
      </c>
      <c r="C5599" t="str">
        <f>'CPT Data'!P5607</f>
        <v>SAND</v>
      </c>
      <c r="D5599" t="e">
        <f>'CPT Data'!Q5607</f>
        <v>#N/A</v>
      </c>
      <c r="E5599" t="e">
        <f t="shared" si="88"/>
        <v>#N/A</v>
      </c>
      <c r="F5599" t="str">
        <f>IF(C5599="CLAY", INDEX(D$4:D5599, MATCH("CLAY", C$4:C5599, 0)), "")</f>
        <v/>
      </c>
    </row>
    <row r="5600" spans="1:6" x14ac:dyDescent="0.2">
      <c r="A5600" s="239">
        <f>'CPT Data'!B5608</f>
        <v>55.594999999999999</v>
      </c>
      <c r="B5600" s="3">
        <f>'CPT Data'!C5608</f>
        <v>55.588000000000001</v>
      </c>
      <c r="C5600" t="str">
        <f>'CPT Data'!P5608</f>
        <v>SAND</v>
      </c>
      <c r="D5600" t="e">
        <f>'CPT Data'!Q5608</f>
        <v>#N/A</v>
      </c>
      <c r="E5600" t="e">
        <f t="shared" si="88"/>
        <v>#N/A</v>
      </c>
      <c r="F5600" t="str">
        <f>IF(C5600="CLAY", INDEX(D$4:D5600, MATCH("CLAY", C$4:C5600, 0)), "")</f>
        <v/>
      </c>
    </row>
    <row r="5601" spans="1:6" x14ac:dyDescent="0.2">
      <c r="A5601" s="239">
        <f>'CPT Data'!B5609</f>
        <v>55.603999999999999</v>
      </c>
      <c r="B5601" s="3">
        <f>'CPT Data'!C5609</f>
        <v>55.597000000000001</v>
      </c>
      <c r="C5601" t="str">
        <f>'CPT Data'!P5609</f>
        <v>SAND</v>
      </c>
      <c r="D5601" t="e">
        <f>'CPT Data'!Q5609</f>
        <v>#N/A</v>
      </c>
      <c r="E5601" t="e">
        <f t="shared" si="88"/>
        <v>#N/A</v>
      </c>
      <c r="F5601" t="str">
        <f>IF(C5601="CLAY", INDEX(D$4:D5601, MATCH("CLAY", C$4:C5601, 0)), "")</f>
        <v/>
      </c>
    </row>
    <row r="5602" spans="1:6" x14ac:dyDescent="0.2">
      <c r="A5602" s="239">
        <f>'CPT Data'!B5610</f>
        <v>55.615000000000002</v>
      </c>
      <c r="B5602" s="3">
        <f>'CPT Data'!C5610</f>
        <v>55.608000000000004</v>
      </c>
      <c r="C5602" t="str">
        <f>'CPT Data'!P5610</f>
        <v>SAND</v>
      </c>
      <c r="D5602" t="e">
        <f>'CPT Data'!Q5610</f>
        <v>#N/A</v>
      </c>
      <c r="E5602" t="e">
        <f t="shared" si="88"/>
        <v>#N/A</v>
      </c>
      <c r="F5602" t="str">
        <f>IF(C5602="CLAY", INDEX(D$4:D5602, MATCH("CLAY", C$4:C5602, 0)), "")</f>
        <v/>
      </c>
    </row>
    <row r="5603" spans="1:6" x14ac:dyDescent="0.2">
      <c r="A5603" s="239">
        <f>'CPT Data'!B5611</f>
        <v>55.625999999999998</v>
      </c>
      <c r="B5603" s="3">
        <f>'CPT Data'!C5611</f>
        <v>55.619</v>
      </c>
      <c r="C5603" t="str">
        <f>'CPT Data'!P5611</f>
        <v>SAND</v>
      </c>
      <c r="D5603" t="e">
        <f>'CPT Data'!Q5611</f>
        <v>#N/A</v>
      </c>
      <c r="E5603" t="e">
        <f t="shared" si="88"/>
        <v>#N/A</v>
      </c>
      <c r="F5603" t="str">
        <f>IF(C5603="CLAY", INDEX(D$4:D5603, MATCH("CLAY", C$4:C5603, 0)), "")</f>
        <v/>
      </c>
    </row>
    <row r="5604" spans="1:6" x14ac:dyDescent="0.2">
      <c r="A5604" s="239">
        <f>'CPT Data'!B5612</f>
        <v>55.634999999999998</v>
      </c>
      <c r="B5604" s="3">
        <f>'CPT Data'!C5612</f>
        <v>55.628</v>
      </c>
      <c r="C5604" t="str">
        <f>'CPT Data'!P5612</f>
        <v>SAND</v>
      </c>
      <c r="D5604" t="e">
        <f>'CPT Data'!Q5612</f>
        <v>#N/A</v>
      </c>
      <c r="E5604" t="e">
        <f t="shared" si="88"/>
        <v>#N/A</v>
      </c>
      <c r="F5604" t="str">
        <f>IF(C5604="CLAY", INDEX(D$4:D5604, MATCH("CLAY", C$4:C5604, 0)), "")</f>
        <v/>
      </c>
    </row>
    <row r="5605" spans="1:6" x14ac:dyDescent="0.2">
      <c r="A5605" s="239">
        <f>'CPT Data'!B5613</f>
        <v>55.637</v>
      </c>
      <c r="B5605" s="3">
        <f>'CPT Data'!C5613</f>
        <v>55.63</v>
      </c>
      <c r="C5605" t="str">
        <f>'CPT Data'!P5613</f>
        <v>SAND</v>
      </c>
      <c r="D5605" t="e">
        <f>'CPT Data'!Q5613</f>
        <v>#N/A</v>
      </c>
      <c r="E5605" t="e">
        <f t="shared" si="88"/>
        <v>#N/A</v>
      </c>
      <c r="F5605" t="str">
        <f>IF(C5605="CLAY", INDEX(D$4:D5605, MATCH("CLAY", C$4:C5605, 0)), "")</f>
        <v/>
      </c>
    </row>
    <row r="5606" spans="1:6" x14ac:dyDescent="0.2">
      <c r="A5606" s="239">
        <f>'CPT Data'!B5614</f>
        <v>55.643999999999998</v>
      </c>
      <c r="B5606" s="3">
        <f>'CPT Data'!C5614</f>
        <v>55.637</v>
      </c>
      <c r="C5606" t="str">
        <f>'CPT Data'!P5614</f>
        <v>SAND</v>
      </c>
      <c r="D5606" t="e">
        <f>'CPT Data'!Q5614</f>
        <v>#N/A</v>
      </c>
      <c r="E5606" t="e">
        <f t="shared" si="88"/>
        <v>#N/A</v>
      </c>
      <c r="F5606" t="str">
        <f>IF(C5606="CLAY", INDEX(D$4:D5606, MATCH("CLAY", C$4:C5606, 0)), "")</f>
        <v/>
      </c>
    </row>
    <row r="5607" spans="1:6" x14ac:dyDescent="0.2">
      <c r="A5607" s="239">
        <f>'CPT Data'!B5615</f>
        <v>55.654000000000003</v>
      </c>
      <c r="B5607" s="3">
        <f>'CPT Data'!C5615</f>
        <v>55.647000000000006</v>
      </c>
      <c r="C5607" t="str">
        <f>'CPT Data'!P5615</f>
        <v>SAND</v>
      </c>
      <c r="D5607" t="e">
        <f>'CPT Data'!Q5615</f>
        <v>#N/A</v>
      </c>
      <c r="E5607" t="e">
        <f t="shared" si="88"/>
        <v>#N/A</v>
      </c>
      <c r="F5607" t="str">
        <f>IF(C5607="CLAY", INDEX(D$4:D5607, MATCH("CLAY", C$4:C5607, 0)), "")</f>
        <v/>
      </c>
    </row>
    <row r="5608" spans="1:6" x14ac:dyDescent="0.2">
      <c r="A5608" s="239">
        <f>'CPT Data'!B5616</f>
        <v>55.662999999999997</v>
      </c>
      <c r="B5608" s="3">
        <f>'CPT Data'!C5616</f>
        <v>55.655999999999999</v>
      </c>
      <c r="C5608" t="str">
        <f>'CPT Data'!P5616</f>
        <v>SAND</v>
      </c>
      <c r="D5608" t="e">
        <f>'CPT Data'!Q5616</f>
        <v>#N/A</v>
      </c>
      <c r="E5608" t="e">
        <f t="shared" si="88"/>
        <v>#N/A</v>
      </c>
      <c r="F5608" t="str">
        <f>IF(C5608="CLAY", INDEX(D$4:D5608, MATCH("CLAY", C$4:C5608, 0)), "")</f>
        <v/>
      </c>
    </row>
    <row r="5609" spans="1:6" x14ac:dyDescent="0.2">
      <c r="A5609" s="239">
        <f>'CPT Data'!B5617</f>
        <v>55.673999999999999</v>
      </c>
      <c r="B5609" s="3">
        <f>'CPT Data'!C5617</f>
        <v>55.667000000000002</v>
      </c>
      <c r="C5609" t="str">
        <f>'CPT Data'!P5617</f>
        <v>SAND</v>
      </c>
      <c r="D5609" t="e">
        <f>'CPT Data'!Q5617</f>
        <v>#N/A</v>
      </c>
      <c r="E5609" t="e">
        <f t="shared" si="88"/>
        <v>#N/A</v>
      </c>
      <c r="F5609" t="str">
        <f>IF(C5609="CLAY", INDEX(D$4:D5609, MATCH("CLAY", C$4:C5609, 0)), "")</f>
        <v/>
      </c>
    </row>
    <row r="5610" spans="1:6" x14ac:dyDescent="0.2">
      <c r="A5610" s="239">
        <f>'CPT Data'!B5618</f>
        <v>55.683999999999997</v>
      </c>
      <c r="B5610" s="3">
        <f>'CPT Data'!C5618</f>
        <v>55.677</v>
      </c>
      <c r="C5610" t="str">
        <f>'CPT Data'!P5618</f>
        <v>SAND</v>
      </c>
      <c r="D5610" t="e">
        <f>'CPT Data'!Q5618</f>
        <v>#N/A</v>
      </c>
      <c r="E5610" t="e">
        <f t="shared" si="88"/>
        <v>#N/A</v>
      </c>
      <c r="F5610" t="str">
        <f>IF(C5610="CLAY", INDEX(D$4:D5610, MATCH("CLAY", C$4:C5610, 0)), "")</f>
        <v/>
      </c>
    </row>
    <row r="5611" spans="1:6" x14ac:dyDescent="0.2">
      <c r="A5611" s="239">
        <f>'CPT Data'!B5619</f>
        <v>55.694000000000003</v>
      </c>
      <c r="B5611" s="3">
        <f>'CPT Data'!C5619</f>
        <v>55.687000000000005</v>
      </c>
      <c r="C5611" t="str">
        <f>'CPT Data'!P5619</f>
        <v>SAND</v>
      </c>
      <c r="D5611" t="e">
        <f>'CPT Data'!Q5619</f>
        <v>#N/A</v>
      </c>
      <c r="E5611" t="e">
        <f t="shared" si="88"/>
        <v>#N/A</v>
      </c>
      <c r="F5611" t="str">
        <f>IF(C5611="CLAY", INDEX(D$4:D5611, MATCH("CLAY", C$4:C5611, 0)), "")</f>
        <v/>
      </c>
    </row>
    <row r="5612" spans="1:6" x14ac:dyDescent="0.2">
      <c r="A5612" s="239">
        <f>'CPT Data'!B5620</f>
        <v>55.704999999999998</v>
      </c>
      <c r="B5612" s="3">
        <f>'CPT Data'!C5620</f>
        <v>55.698</v>
      </c>
      <c r="C5612" t="str">
        <f>'CPT Data'!P5620</f>
        <v>SAND</v>
      </c>
      <c r="D5612" t="e">
        <f>'CPT Data'!Q5620</f>
        <v>#N/A</v>
      </c>
      <c r="E5612" t="e">
        <f t="shared" si="88"/>
        <v>#N/A</v>
      </c>
      <c r="F5612" t="str">
        <f>IF(C5612="CLAY", INDEX(D$4:D5612, MATCH("CLAY", C$4:C5612, 0)), "")</f>
        <v/>
      </c>
    </row>
    <row r="5613" spans="1:6" x14ac:dyDescent="0.2">
      <c r="A5613" s="239">
        <f>'CPT Data'!B5621</f>
        <v>55.716000000000001</v>
      </c>
      <c r="B5613" s="3">
        <f>'CPT Data'!C5621</f>
        <v>55.709000000000003</v>
      </c>
      <c r="C5613" t="str">
        <f>'CPT Data'!P5621</f>
        <v>SAND</v>
      </c>
      <c r="D5613" t="e">
        <f>'CPT Data'!Q5621</f>
        <v>#N/A</v>
      </c>
      <c r="E5613" t="e">
        <f t="shared" si="88"/>
        <v>#N/A</v>
      </c>
      <c r="F5613" t="str">
        <f>IF(C5613="CLAY", INDEX(D$4:D5613, MATCH("CLAY", C$4:C5613, 0)), "")</f>
        <v/>
      </c>
    </row>
    <row r="5614" spans="1:6" x14ac:dyDescent="0.2">
      <c r="A5614" s="239">
        <f>'CPT Data'!B5622</f>
        <v>55.725999999999999</v>
      </c>
      <c r="B5614" s="3">
        <f>'CPT Data'!C5622</f>
        <v>55.719000000000001</v>
      </c>
      <c r="C5614" t="str">
        <f>'CPT Data'!P5622</f>
        <v>SAND</v>
      </c>
      <c r="D5614" t="e">
        <f>'CPT Data'!Q5622</f>
        <v>#N/A</v>
      </c>
      <c r="E5614" t="e">
        <f t="shared" si="88"/>
        <v>#N/A</v>
      </c>
      <c r="F5614" t="str">
        <f>IF(C5614="CLAY", INDEX(D$4:D5614, MATCH("CLAY", C$4:C5614, 0)), "")</f>
        <v/>
      </c>
    </row>
    <row r="5615" spans="1:6" x14ac:dyDescent="0.2">
      <c r="A5615" s="239">
        <f>'CPT Data'!B5623</f>
        <v>55.737000000000002</v>
      </c>
      <c r="B5615" s="3">
        <f>'CPT Data'!C5623</f>
        <v>55.730000000000004</v>
      </c>
      <c r="C5615" t="str">
        <f>'CPT Data'!P5623</f>
        <v>SAND</v>
      </c>
      <c r="D5615" t="e">
        <f>'CPT Data'!Q5623</f>
        <v>#N/A</v>
      </c>
      <c r="E5615" t="e">
        <f t="shared" si="88"/>
        <v>#N/A</v>
      </c>
      <c r="F5615" t="str">
        <f>IF(C5615="CLAY", INDEX(D$4:D5615, MATCH("CLAY", C$4:C5615, 0)), "")</f>
        <v/>
      </c>
    </row>
    <row r="5616" spans="1:6" x14ac:dyDescent="0.2">
      <c r="A5616" s="239">
        <f>'CPT Data'!B5624</f>
        <v>55.747</v>
      </c>
      <c r="B5616" s="3">
        <f>'CPT Data'!C5624</f>
        <v>55.74</v>
      </c>
      <c r="C5616" t="str">
        <f>'CPT Data'!P5624</f>
        <v>SAND</v>
      </c>
      <c r="D5616" t="e">
        <f>'CPT Data'!Q5624</f>
        <v>#N/A</v>
      </c>
      <c r="E5616" t="e">
        <f t="shared" si="88"/>
        <v>#N/A</v>
      </c>
      <c r="F5616" t="str">
        <f>IF(C5616="CLAY", INDEX(D$4:D5616, MATCH("CLAY", C$4:C5616, 0)), "")</f>
        <v/>
      </c>
    </row>
    <row r="5617" spans="1:6" x14ac:dyDescent="0.2">
      <c r="A5617" s="239">
        <f>'CPT Data'!B5625</f>
        <v>55.756999999999998</v>
      </c>
      <c r="B5617" s="3">
        <f>'CPT Data'!C5625</f>
        <v>55.75</v>
      </c>
      <c r="C5617" t="str">
        <f>'CPT Data'!P5625</f>
        <v>SAND</v>
      </c>
      <c r="D5617" t="e">
        <f>'CPT Data'!Q5625</f>
        <v>#N/A</v>
      </c>
      <c r="E5617" t="e">
        <f t="shared" si="88"/>
        <v>#N/A</v>
      </c>
      <c r="F5617" t="str">
        <f>IF(C5617="CLAY", INDEX(D$4:D5617, MATCH("CLAY", C$4:C5617, 0)), "")</f>
        <v/>
      </c>
    </row>
    <row r="5618" spans="1:6" x14ac:dyDescent="0.2">
      <c r="A5618" s="239">
        <f>'CPT Data'!B5626</f>
        <v>55.767000000000003</v>
      </c>
      <c r="B5618" s="3">
        <f>'CPT Data'!C5626</f>
        <v>55.760000000000005</v>
      </c>
      <c r="C5618" t="str">
        <f>'CPT Data'!P5626</f>
        <v>SAND</v>
      </c>
      <c r="D5618" t="e">
        <f>'CPT Data'!Q5626</f>
        <v>#N/A</v>
      </c>
      <c r="E5618" t="e">
        <f t="shared" si="88"/>
        <v>#N/A</v>
      </c>
      <c r="F5618" t="str">
        <f>IF(C5618="CLAY", INDEX(D$4:D5618, MATCH("CLAY", C$4:C5618, 0)), "")</f>
        <v/>
      </c>
    </row>
    <row r="5619" spans="1:6" x14ac:dyDescent="0.2">
      <c r="A5619" s="239">
        <f>'CPT Data'!B5627</f>
        <v>55.777000000000001</v>
      </c>
      <c r="B5619" s="3">
        <f>'CPT Data'!C5627</f>
        <v>55.77</v>
      </c>
      <c r="C5619" t="str">
        <f>'CPT Data'!P5627</f>
        <v>SAND</v>
      </c>
      <c r="D5619" t="e">
        <f>'CPT Data'!Q5627</f>
        <v>#N/A</v>
      </c>
      <c r="E5619" t="e">
        <f t="shared" si="88"/>
        <v>#N/A</v>
      </c>
      <c r="F5619" t="str">
        <f>IF(C5619="CLAY", INDEX(D$4:D5619, MATCH("CLAY", C$4:C5619, 0)), "")</f>
        <v/>
      </c>
    </row>
    <row r="5620" spans="1:6" x14ac:dyDescent="0.2">
      <c r="A5620" s="239">
        <f>'CPT Data'!B5628</f>
        <v>55.787999999999997</v>
      </c>
      <c r="B5620" s="3">
        <f>'CPT Data'!C5628</f>
        <v>55.780999999999999</v>
      </c>
      <c r="C5620" t="str">
        <f>'CPT Data'!P5628</f>
        <v>SAND</v>
      </c>
      <c r="D5620" t="e">
        <f>'CPT Data'!Q5628</f>
        <v>#N/A</v>
      </c>
      <c r="E5620" t="e">
        <f t="shared" si="88"/>
        <v>#N/A</v>
      </c>
      <c r="F5620" t="str">
        <f>IF(C5620="CLAY", INDEX(D$4:D5620, MATCH("CLAY", C$4:C5620, 0)), "")</f>
        <v/>
      </c>
    </row>
    <row r="5621" spans="1:6" x14ac:dyDescent="0.2">
      <c r="A5621" s="239">
        <f>'CPT Data'!B5629</f>
        <v>55.798000000000002</v>
      </c>
      <c r="B5621" s="3">
        <f>'CPT Data'!C5629</f>
        <v>55.791000000000004</v>
      </c>
      <c r="C5621" t="str">
        <f>'CPT Data'!P5629</f>
        <v>SAND</v>
      </c>
      <c r="D5621" t="e">
        <f>'CPT Data'!Q5629</f>
        <v>#N/A</v>
      </c>
      <c r="E5621" t="e">
        <f t="shared" si="88"/>
        <v>#N/A</v>
      </c>
      <c r="F5621" t="str">
        <f>IF(C5621="CLAY", INDEX(D$4:D5621, MATCH("CLAY", C$4:C5621, 0)), "")</f>
        <v/>
      </c>
    </row>
    <row r="5622" spans="1:6" x14ac:dyDescent="0.2">
      <c r="A5622" s="239">
        <f>'CPT Data'!B5630</f>
        <v>55.808</v>
      </c>
      <c r="B5622" s="3">
        <f>'CPT Data'!C5630</f>
        <v>55.801000000000002</v>
      </c>
      <c r="C5622" t="str">
        <f>'CPT Data'!P5630</f>
        <v>SAND</v>
      </c>
      <c r="D5622" t="e">
        <f>'CPT Data'!Q5630</f>
        <v>#N/A</v>
      </c>
      <c r="E5622" t="e">
        <f t="shared" si="88"/>
        <v>#N/A</v>
      </c>
      <c r="F5622" t="str">
        <f>IF(C5622="CLAY", INDEX(D$4:D5622, MATCH("CLAY", C$4:C5622, 0)), "")</f>
        <v/>
      </c>
    </row>
    <row r="5623" spans="1:6" x14ac:dyDescent="0.2">
      <c r="A5623" s="239">
        <f>'CPT Data'!B5631</f>
        <v>55.819000000000003</v>
      </c>
      <c r="B5623" s="3">
        <f>'CPT Data'!C5631</f>
        <v>55.812000000000005</v>
      </c>
      <c r="C5623" t="str">
        <f>'CPT Data'!P5631</f>
        <v>SAND</v>
      </c>
      <c r="D5623" t="e">
        <f>'CPT Data'!Q5631</f>
        <v>#N/A</v>
      </c>
      <c r="E5623" t="e">
        <f t="shared" si="88"/>
        <v>#N/A</v>
      </c>
      <c r="F5623" t="str">
        <f>IF(C5623="CLAY", INDEX(D$4:D5623, MATCH("CLAY", C$4:C5623, 0)), "")</f>
        <v/>
      </c>
    </row>
    <row r="5624" spans="1:6" x14ac:dyDescent="0.2">
      <c r="A5624" s="239">
        <f>'CPT Data'!B5632</f>
        <v>55.829000000000001</v>
      </c>
      <c r="B5624" s="3">
        <f>'CPT Data'!C5632</f>
        <v>55.822000000000003</v>
      </c>
      <c r="C5624" t="str">
        <f>'CPT Data'!P5632</f>
        <v>SAND</v>
      </c>
      <c r="D5624" t="e">
        <f>'CPT Data'!Q5632</f>
        <v>#N/A</v>
      </c>
      <c r="E5624" t="e">
        <f t="shared" si="88"/>
        <v>#N/A</v>
      </c>
      <c r="F5624" t="str">
        <f>IF(C5624="CLAY", INDEX(D$4:D5624, MATCH("CLAY", C$4:C5624, 0)), "")</f>
        <v/>
      </c>
    </row>
    <row r="5625" spans="1:6" x14ac:dyDescent="0.2">
      <c r="A5625" s="239">
        <f>'CPT Data'!B5633</f>
        <v>55.84</v>
      </c>
      <c r="B5625" s="3">
        <f>'CPT Data'!C5633</f>
        <v>55.833000000000006</v>
      </c>
      <c r="C5625" t="str">
        <f>'CPT Data'!P5633</f>
        <v>SAND</v>
      </c>
      <c r="D5625" t="e">
        <f>'CPT Data'!Q5633</f>
        <v>#N/A</v>
      </c>
      <c r="E5625" t="e">
        <f t="shared" si="88"/>
        <v>#N/A</v>
      </c>
      <c r="F5625" t="str">
        <f>IF(C5625="CLAY", INDEX(D$4:D5625, MATCH("CLAY", C$4:C5625, 0)), "")</f>
        <v/>
      </c>
    </row>
    <row r="5626" spans="1:6" x14ac:dyDescent="0.2">
      <c r="A5626" s="239">
        <f>'CPT Data'!B5634</f>
        <v>55.850999999999999</v>
      </c>
      <c r="B5626" s="3">
        <f>'CPT Data'!C5634</f>
        <v>55.844000000000001</v>
      </c>
      <c r="C5626" t="str">
        <f>'CPT Data'!P5634</f>
        <v>SAND</v>
      </c>
      <c r="D5626" t="e">
        <f>'CPT Data'!Q5634</f>
        <v>#N/A</v>
      </c>
      <c r="E5626" t="e">
        <f t="shared" si="88"/>
        <v>#N/A</v>
      </c>
      <c r="F5626" t="str">
        <f>IF(C5626="CLAY", INDEX(D$4:D5626, MATCH("CLAY", C$4:C5626, 0)), "")</f>
        <v/>
      </c>
    </row>
    <row r="5627" spans="1:6" x14ac:dyDescent="0.2">
      <c r="A5627" s="239">
        <f>'CPT Data'!B5635</f>
        <v>55.86</v>
      </c>
      <c r="B5627" s="3">
        <f>'CPT Data'!C5635</f>
        <v>55.853000000000002</v>
      </c>
      <c r="C5627" t="str">
        <f>'CPT Data'!P5635</f>
        <v>SAND</v>
      </c>
      <c r="D5627" t="e">
        <f>'CPT Data'!Q5635</f>
        <v>#N/A</v>
      </c>
      <c r="E5627" t="e">
        <f t="shared" si="88"/>
        <v>#N/A</v>
      </c>
      <c r="F5627" t="str">
        <f>IF(C5627="CLAY", INDEX(D$4:D5627, MATCH("CLAY", C$4:C5627, 0)), "")</f>
        <v/>
      </c>
    </row>
    <row r="5628" spans="1:6" x14ac:dyDescent="0.2">
      <c r="A5628" s="239">
        <f>'CPT Data'!B5636</f>
        <v>55.871000000000002</v>
      </c>
      <c r="B5628" s="3">
        <f>'CPT Data'!C5636</f>
        <v>55.864000000000004</v>
      </c>
      <c r="C5628" t="str">
        <f>'CPT Data'!P5636</f>
        <v>SAND</v>
      </c>
      <c r="D5628" t="e">
        <f>'CPT Data'!Q5636</f>
        <v>#N/A</v>
      </c>
      <c r="E5628" t="e">
        <f t="shared" si="88"/>
        <v>#N/A</v>
      </c>
      <c r="F5628" t="str">
        <f>IF(C5628="CLAY", INDEX(D$4:D5628, MATCH("CLAY", C$4:C5628, 0)), "")</f>
        <v/>
      </c>
    </row>
    <row r="5629" spans="1:6" x14ac:dyDescent="0.2">
      <c r="A5629" s="239">
        <f>'CPT Data'!B5637</f>
        <v>55.881</v>
      </c>
      <c r="B5629" s="3">
        <f>'CPT Data'!C5637</f>
        <v>55.874000000000002</v>
      </c>
      <c r="C5629" t="str">
        <f>'CPT Data'!P5637</f>
        <v>SAND</v>
      </c>
      <c r="D5629" t="e">
        <f>'CPT Data'!Q5637</f>
        <v>#N/A</v>
      </c>
      <c r="E5629" t="e">
        <f t="shared" si="88"/>
        <v>#N/A</v>
      </c>
      <c r="F5629" t="str">
        <f>IF(C5629="CLAY", INDEX(D$4:D5629, MATCH("CLAY", C$4:C5629, 0)), "")</f>
        <v/>
      </c>
    </row>
    <row r="5630" spans="1:6" x14ac:dyDescent="0.2">
      <c r="A5630" s="239">
        <f>'CPT Data'!B5638</f>
        <v>55.890999999999998</v>
      </c>
      <c r="B5630" s="3">
        <f>'CPT Data'!C5638</f>
        <v>55.884</v>
      </c>
      <c r="C5630" t="str">
        <f>'CPT Data'!P5638</f>
        <v>SAND</v>
      </c>
      <c r="D5630" t="e">
        <f>'CPT Data'!Q5638</f>
        <v>#N/A</v>
      </c>
      <c r="E5630" t="e">
        <f t="shared" si="88"/>
        <v>#N/A</v>
      </c>
      <c r="F5630" t="str">
        <f>IF(C5630="CLAY", INDEX(D$4:D5630, MATCH("CLAY", C$4:C5630, 0)), "")</f>
        <v/>
      </c>
    </row>
    <row r="5631" spans="1:6" x14ac:dyDescent="0.2">
      <c r="A5631" s="239">
        <f>'CPT Data'!B5639</f>
        <v>55.901000000000003</v>
      </c>
      <c r="B5631" s="3">
        <f>'CPT Data'!C5639</f>
        <v>55.894000000000005</v>
      </c>
      <c r="C5631" t="str">
        <f>'CPT Data'!P5639</f>
        <v>SAND</v>
      </c>
      <c r="D5631" t="e">
        <f>'CPT Data'!Q5639</f>
        <v>#N/A</v>
      </c>
      <c r="E5631" t="e">
        <f t="shared" si="88"/>
        <v>#N/A</v>
      </c>
      <c r="F5631" t="str">
        <f>IF(C5631="CLAY", INDEX(D$4:D5631, MATCH("CLAY", C$4:C5631, 0)), "")</f>
        <v/>
      </c>
    </row>
    <row r="5632" spans="1:6" x14ac:dyDescent="0.2">
      <c r="A5632" s="239">
        <f>'CPT Data'!B5640</f>
        <v>55.911999999999999</v>
      </c>
      <c r="B5632" s="3">
        <f>'CPT Data'!C5640</f>
        <v>55.905000000000001</v>
      </c>
      <c r="C5632" t="str">
        <f>'CPT Data'!P5640</f>
        <v>SAND</v>
      </c>
      <c r="D5632" t="e">
        <f>'CPT Data'!Q5640</f>
        <v>#N/A</v>
      </c>
      <c r="E5632" t="e">
        <f t="shared" si="88"/>
        <v>#N/A</v>
      </c>
      <c r="F5632" t="str">
        <f>IF(C5632="CLAY", INDEX(D$4:D5632, MATCH("CLAY", C$4:C5632, 0)), "")</f>
        <v/>
      </c>
    </row>
    <row r="5633" spans="1:6" x14ac:dyDescent="0.2">
      <c r="A5633" s="239">
        <f>'CPT Data'!B5641</f>
        <v>55.923000000000002</v>
      </c>
      <c r="B5633" s="3">
        <f>'CPT Data'!C5641</f>
        <v>55.916000000000004</v>
      </c>
      <c r="C5633" t="str">
        <f>'CPT Data'!P5641</f>
        <v>SAND</v>
      </c>
      <c r="D5633" t="e">
        <f>'CPT Data'!Q5641</f>
        <v>#N/A</v>
      </c>
      <c r="E5633" t="e">
        <f t="shared" si="88"/>
        <v>#N/A</v>
      </c>
      <c r="F5633" t="str">
        <f>IF(C5633="CLAY", INDEX(D$4:D5633, MATCH("CLAY", C$4:C5633, 0)), "")</f>
        <v/>
      </c>
    </row>
    <row r="5634" spans="1:6" x14ac:dyDescent="0.2">
      <c r="A5634" s="239">
        <f>'CPT Data'!B5642</f>
        <v>55.933</v>
      </c>
      <c r="B5634" s="3">
        <f>'CPT Data'!C5642</f>
        <v>55.926000000000002</v>
      </c>
      <c r="C5634" t="str">
        <f>'CPT Data'!P5642</f>
        <v>SAND</v>
      </c>
      <c r="D5634" t="e">
        <f>'CPT Data'!Q5642</f>
        <v>#N/A</v>
      </c>
      <c r="E5634" t="e">
        <f t="shared" si="88"/>
        <v>#N/A</v>
      </c>
      <c r="F5634" t="str">
        <f>IF(C5634="CLAY", INDEX(D$4:D5634, MATCH("CLAY", C$4:C5634, 0)), "")</f>
        <v/>
      </c>
    </row>
    <row r="5635" spans="1:6" x14ac:dyDescent="0.2">
      <c r="A5635" s="239">
        <f>'CPT Data'!B5643</f>
        <v>55.942999999999998</v>
      </c>
      <c r="B5635" s="3">
        <f>'CPT Data'!C5643</f>
        <v>55.936</v>
      </c>
      <c r="C5635" t="str">
        <f>'CPT Data'!P5643</f>
        <v>SAND</v>
      </c>
      <c r="D5635" t="e">
        <f>'CPT Data'!Q5643</f>
        <v>#N/A</v>
      </c>
      <c r="E5635" t="e">
        <f t="shared" si="88"/>
        <v>#N/A</v>
      </c>
      <c r="F5635" t="str">
        <f>IF(C5635="CLAY", INDEX(D$4:D5635, MATCH("CLAY", C$4:C5635, 0)), "")</f>
        <v/>
      </c>
    </row>
    <row r="5636" spans="1:6" x14ac:dyDescent="0.2">
      <c r="A5636" s="239">
        <f>'CPT Data'!B5644</f>
        <v>55.954000000000001</v>
      </c>
      <c r="B5636" s="3">
        <f>'CPT Data'!C5644</f>
        <v>55.947000000000003</v>
      </c>
      <c r="C5636" t="str">
        <f>'CPT Data'!P5644</f>
        <v>SAND</v>
      </c>
      <c r="D5636" t="e">
        <f>'CPT Data'!Q5644</f>
        <v>#N/A</v>
      </c>
      <c r="E5636" t="e">
        <f t="shared" si="88"/>
        <v>#N/A</v>
      </c>
      <c r="F5636" t="str">
        <f>IF(C5636="CLAY", INDEX(D$4:D5636, MATCH("CLAY", C$4:C5636, 0)), "")</f>
        <v/>
      </c>
    </row>
    <row r="5637" spans="1:6" x14ac:dyDescent="0.2">
      <c r="A5637" s="239">
        <f>'CPT Data'!B5645</f>
        <v>55.965000000000003</v>
      </c>
      <c r="B5637" s="3">
        <f>'CPT Data'!C5645</f>
        <v>55.958000000000006</v>
      </c>
      <c r="C5637" t="str">
        <f>'CPT Data'!P5645</f>
        <v>SAND</v>
      </c>
      <c r="D5637" t="e">
        <f>'CPT Data'!Q5645</f>
        <v>#N/A</v>
      </c>
      <c r="E5637" t="e">
        <f t="shared" si="88"/>
        <v>#N/A</v>
      </c>
      <c r="F5637" t="str">
        <f>IF(C5637="CLAY", INDEX(D$4:D5637, MATCH("CLAY", C$4:C5637, 0)), "")</f>
        <v/>
      </c>
    </row>
    <row r="5638" spans="1:6" x14ac:dyDescent="0.2">
      <c r="A5638" s="239">
        <f>'CPT Data'!B5646</f>
        <v>55.975000000000001</v>
      </c>
      <c r="B5638" s="3">
        <f>'CPT Data'!C5646</f>
        <v>55.968000000000004</v>
      </c>
      <c r="C5638" t="str">
        <f>'CPT Data'!P5646</f>
        <v>SAND</v>
      </c>
      <c r="D5638" t="e">
        <f>'CPT Data'!Q5646</f>
        <v>#N/A</v>
      </c>
      <c r="E5638" t="e">
        <f t="shared" si="88"/>
        <v>#N/A</v>
      </c>
      <c r="F5638" t="str">
        <f>IF(C5638="CLAY", INDEX(D$4:D5638, MATCH("CLAY", C$4:C5638, 0)), "")</f>
        <v/>
      </c>
    </row>
    <row r="5639" spans="1:6" x14ac:dyDescent="0.2">
      <c r="A5639" s="239">
        <f>'CPT Data'!B5647</f>
        <v>55.985999999999997</v>
      </c>
      <c r="B5639" s="3">
        <f>'CPT Data'!C5647</f>
        <v>55.978999999999999</v>
      </c>
      <c r="C5639" t="str">
        <f>'CPT Data'!P5647</f>
        <v>SAND</v>
      </c>
      <c r="D5639" t="e">
        <f>'CPT Data'!Q5647</f>
        <v>#N/A</v>
      </c>
      <c r="E5639" t="e">
        <f t="shared" si="88"/>
        <v>#N/A</v>
      </c>
      <c r="F5639" t="str">
        <f>IF(C5639="CLAY", INDEX(D$4:D5639, MATCH("CLAY", C$4:C5639, 0)), "")</f>
        <v/>
      </c>
    </row>
    <row r="5640" spans="1:6" x14ac:dyDescent="0.2">
      <c r="A5640" s="239">
        <f>'CPT Data'!B5648</f>
        <v>55.996000000000002</v>
      </c>
      <c r="B5640" s="3">
        <f>'CPT Data'!C5648</f>
        <v>55.989000000000004</v>
      </c>
      <c r="C5640" t="str">
        <f>'CPT Data'!P5648</f>
        <v>SAND</v>
      </c>
      <c r="D5640" t="e">
        <f>'CPT Data'!Q5648</f>
        <v>#N/A</v>
      </c>
      <c r="E5640" t="e">
        <f t="shared" si="88"/>
        <v>#N/A</v>
      </c>
      <c r="F5640" t="str">
        <f>IF(C5640="CLAY", INDEX(D$4:D5640, MATCH("CLAY", C$4:C5640, 0)), "")</f>
        <v/>
      </c>
    </row>
    <row r="5641" spans="1:6" x14ac:dyDescent="0.2">
      <c r="A5641" s="239">
        <f>'CPT Data'!B5649</f>
        <v>56.006</v>
      </c>
      <c r="B5641" s="3">
        <f>'CPT Data'!C5649</f>
        <v>55.999000000000002</v>
      </c>
      <c r="C5641" t="str">
        <f>'CPT Data'!P5649</f>
        <v>SAND</v>
      </c>
      <c r="D5641" t="e">
        <f>'CPT Data'!Q5649</f>
        <v>#N/A</v>
      </c>
      <c r="E5641" t="e">
        <f t="shared" si="88"/>
        <v>#N/A</v>
      </c>
      <c r="F5641" t="str">
        <f>IF(C5641="CLAY", INDEX(D$4:D5641, MATCH("CLAY", C$4:C5641, 0)), "")</f>
        <v/>
      </c>
    </row>
    <row r="5642" spans="1:6" x14ac:dyDescent="0.2">
      <c r="A5642" s="239">
        <f>'CPT Data'!B5650</f>
        <v>56.017000000000003</v>
      </c>
      <c r="B5642" s="3">
        <f>'CPT Data'!C5650</f>
        <v>56.010000000000005</v>
      </c>
      <c r="C5642" t="str">
        <f>'CPT Data'!P5650</f>
        <v>SAND</v>
      </c>
      <c r="D5642" t="e">
        <f>'CPT Data'!Q5650</f>
        <v>#N/A</v>
      </c>
      <c r="E5642" t="e">
        <f t="shared" si="88"/>
        <v>#N/A</v>
      </c>
      <c r="F5642" t="str">
        <f>IF(C5642="CLAY", INDEX(D$4:D5642, MATCH("CLAY", C$4:C5642, 0)), "")</f>
        <v/>
      </c>
    </row>
    <row r="5643" spans="1:6" x14ac:dyDescent="0.2">
      <c r="A5643" s="239">
        <f>'CPT Data'!B5651</f>
        <v>56.026000000000003</v>
      </c>
      <c r="B5643" s="3">
        <f>'CPT Data'!C5651</f>
        <v>56.019000000000005</v>
      </c>
      <c r="C5643" t="str">
        <f>'CPT Data'!P5651</f>
        <v>SAND</v>
      </c>
      <c r="D5643" t="e">
        <f>'CPT Data'!Q5651</f>
        <v>#N/A</v>
      </c>
      <c r="E5643" t="e">
        <f t="shared" si="88"/>
        <v>#N/A</v>
      </c>
      <c r="F5643" t="str">
        <f>IF(C5643="CLAY", INDEX(D$4:D5643, MATCH("CLAY", C$4:C5643, 0)), "")</f>
        <v/>
      </c>
    </row>
    <row r="5644" spans="1:6" x14ac:dyDescent="0.2">
      <c r="A5644" s="239">
        <f>'CPT Data'!B5652</f>
        <v>56.036000000000001</v>
      </c>
      <c r="B5644" s="3">
        <f>'CPT Data'!C5652</f>
        <v>56.029000000000003</v>
      </c>
      <c r="C5644" t="str">
        <f>'CPT Data'!P5652</f>
        <v>SAND</v>
      </c>
      <c r="D5644" t="e">
        <f>'CPT Data'!Q5652</f>
        <v>#N/A</v>
      </c>
      <c r="E5644" t="e">
        <f t="shared" si="88"/>
        <v>#N/A</v>
      </c>
      <c r="F5644" t="str">
        <f>IF(C5644="CLAY", INDEX(D$4:D5644, MATCH("CLAY", C$4:C5644, 0)), "")</f>
        <v/>
      </c>
    </row>
    <row r="5645" spans="1:6" x14ac:dyDescent="0.2">
      <c r="A5645" s="239">
        <f>'CPT Data'!B5653</f>
        <v>56.045000000000002</v>
      </c>
      <c r="B5645" s="3">
        <f>'CPT Data'!C5653</f>
        <v>56.038000000000004</v>
      </c>
      <c r="C5645" t="str">
        <f>'CPT Data'!P5653</f>
        <v>SAND</v>
      </c>
      <c r="D5645" t="e">
        <f>'CPT Data'!Q5653</f>
        <v>#N/A</v>
      </c>
      <c r="E5645" t="e">
        <f t="shared" si="88"/>
        <v>#N/A</v>
      </c>
      <c r="F5645" t="str">
        <f>IF(C5645="CLAY", INDEX(D$4:D5645, MATCH("CLAY", C$4:C5645, 0)), "")</f>
        <v/>
      </c>
    </row>
    <row r="5646" spans="1:6" x14ac:dyDescent="0.2">
      <c r="A5646" s="239">
        <f>'CPT Data'!B5654</f>
        <v>56.055</v>
      </c>
      <c r="B5646" s="3">
        <f>'CPT Data'!C5654</f>
        <v>56.048000000000002</v>
      </c>
      <c r="C5646" t="str">
        <f>'CPT Data'!P5654</f>
        <v>SAND</v>
      </c>
      <c r="D5646" t="e">
        <f>'CPT Data'!Q5654</f>
        <v>#N/A</v>
      </c>
      <c r="E5646" t="e">
        <f t="shared" si="88"/>
        <v>#N/A</v>
      </c>
      <c r="F5646" t="str">
        <f>IF(C5646="CLAY", INDEX(D$4:D5646, MATCH("CLAY", C$4:C5646, 0)), "")</f>
        <v/>
      </c>
    </row>
    <row r="5647" spans="1:6" x14ac:dyDescent="0.2">
      <c r="A5647" s="239">
        <f>'CPT Data'!B5655</f>
        <v>56.064999999999998</v>
      </c>
      <c r="B5647" s="3">
        <f>'CPT Data'!C5655</f>
        <v>56.058</v>
      </c>
      <c r="C5647" t="str">
        <f>'CPT Data'!P5655</f>
        <v>SAND</v>
      </c>
      <c r="D5647" t="e">
        <f>'CPT Data'!Q5655</f>
        <v>#N/A</v>
      </c>
      <c r="E5647" t="e">
        <f t="shared" si="88"/>
        <v>#N/A</v>
      </c>
      <c r="F5647" t="str">
        <f>IF(C5647="CLAY", INDEX(D$4:D5647, MATCH("CLAY", C$4:C5647, 0)), "")</f>
        <v/>
      </c>
    </row>
    <row r="5648" spans="1:6" x14ac:dyDescent="0.2">
      <c r="A5648" s="239">
        <f>'CPT Data'!B5656</f>
        <v>56.073999999999998</v>
      </c>
      <c r="B5648" s="3">
        <f>'CPT Data'!C5656</f>
        <v>56.067</v>
      </c>
      <c r="C5648" t="str">
        <f>'CPT Data'!P5656</f>
        <v>SAND</v>
      </c>
      <c r="D5648" t="e">
        <f>'CPT Data'!Q5656</f>
        <v>#N/A</v>
      </c>
      <c r="E5648" t="e">
        <f t="shared" si="88"/>
        <v>#N/A</v>
      </c>
      <c r="F5648" t="str">
        <f>IF(C5648="CLAY", INDEX(D$4:D5648, MATCH("CLAY", C$4:C5648, 0)), "")</f>
        <v/>
      </c>
    </row>
    <row r="5649" spans="1:6" x14ac:dyDescent="0.2">
      <c r="A5649" s="239">
        <f>'CPT Data'!B5657</f>
        <v>56.084000000000003</v>
      </c>
      <c r="B5649" s="3">
        <f>'CPT Data'!C5657</f>
        <v>56.077000000000005</v>
      </c>
      <c r="C5649" t="str">
        <f>'CPT Data'!P5657</f>
        <v>SAND</v>
      </c>
      <c r="D5649" t="e">
        <f>'CPT Data'!Q5657</f>
        <v>#N/A</v>
      </c>
      <c r="E5649" t="e">
        <f t="shared" si="88"/>
        <v>#N/A</v>
      </c>
      <c r="F5649" t="str">
        <f>IF(C5649="CLAY", INDEX(D$4:D5649, MATCH("CLAY", C$4:C5649, 0)), "")</f>
        <v/>
      </c>
    </row>
    <row r="5650" spans="1:6" x14ac:dyDescent="0.2">
      <c r="A5650" s="239">
        <f>'CPT Data'!B5658</f>
        <v>56.094999999999999</v>
      </c>
      <c r="B5650" s="3">
        <f>'CPT Data'!C5658</f>
        <v>56.088000000000001</v>
      </c>
      <c r="C5650" t="str">
        <f>'CPT Data'!P5658</f>
        <v>SAND</v>
      </c>
      <c r="D5650" t="e">
        <f>'CPT Data'!Q5658</f>
        <v>#N/A</v>
      </c>
      <c r="E5650" t="e">
        <f t="shared" si="88"/>
        <v>#N/A</v>
      </c>
      <c r="F5650" t="str">
        <f>IF(C5650="CLAY", INDEX(D$4:D5650, MATCH("CLAY", C$4:C5650, 0)), "")</f>
        <v/>
      </c>
    </row>
    <row r="5651" spans="1:6" x14ac:dyDescent="0.2">
      <c r="A5651" s="239">
        <f>'CPT Data'!B5659</f>
        <v>56.104999999999997</v>
      </c>
      <c r="B5651" s="3">
        <f>'CPT Data'!C5659</f>
        <v>56.097999999999999</v>
      </c>
      <c r="C5651" t="str">
        <f>'CPT Data'!P5659</f>
        <v>SAND</v>
      </c>
      <c r="D5651" t="e">
        <f>'CPT Data'!Q5659</f>
        <v>#N/A</v>
      </c>
      <c r="E5651" t="e">
        <f t="shared" si="88"/>
        <v>#N/A</v>
      </c>
      <c r="F5651" t="str">
        <f>IF(C5651="CLAY", INDEX(D$4:D5651, MATCH("CLAY", C$4:C5651, 0)), "")</f>
        <v/>
      </c>
    </row>
    <row r="5652" spans="1:6" x14ac:dyDescent="0.2">
      <c r="A5652" s="239">
        <f>'CPT Data'!B5660</f>
        <v>56.115000000000002</v>
      </c>
      <c r="B5652" s="3">
        <f>'CPT Data'!C5660</f>
        <v>56.108000000000004</v>
      </c>
      <c r="C5652" t="str">
        <f>'CPT Data'!P5660</f>
        <v>SAND</v>
      </c>
      <c r="D5652" t="e">
        <f>'CPT Data'!Q5660</f>
        <v>#N/A</v>
      </c>
      <c r="E5652" t="e">
        <f t="shared" si="88"/>
        <v>#N/A</v>
      </c>
      <c r="F5652" t="str">
        <f>IF(C5652="CLAY", INDEX(D$4:D5652, MATCH("CLAY", C$4:C5652, 0)), "")</f>
        <v/>
      </c>
    </row>
    <row r="5653" spans="1:6" x14ac:dyDescent="0.2">
      <c r="A5653" s="239">
        <f>'CPT Data'!B5661</f>
        <v>56.125</v>
      </c>
      <c r="B5653" s="3">
        <f>'CPT Data'!C5661</f>
        <v>56.118000000000002</v>
      </c>
      <c r="C5653" t="str">
        <f>'CPT Data'!P5661</f>
        <v>SAND</v>
      </c>
      <c r="D5653" t="e">
        <f>'CPT Data'!Q5661</f>
        <v>#N/A</v>
      </c>
      <c r="E5653" t="e">
        <f t="shared" si="88"/>
        <v>#N/A</v>
      </c>
      <c r="F5653" t="str">
        <f>IF(C5653="CLAY", INDEX(D$4:D5653, MATCH("CLAY", C$4:C5653, 0)), "")</f>
        <v/>
      </c>
    </row>
    <row r="5654" spans="1:6" x14ac:dyDescent="0.2">
      <c r="A5654" s="239">
        <f>'CPT Data'!B5662</f>
        <v>56.134999999999998</v>
      </c>
      <c r="B5654" s="3">
        <f>'CPT Data'!C5662</f>
        <v>56.128</v>
      </c>
      <c r="C5654" t="str">
        <f>'CPT Data'!P5662</f>
        <v>SAND</v>
      </c>
      <c r="D5654" t="e">
        <f>'CPT Data'!Q5662</f>
        <v>#N/A</v>
      </c>
      <c r="E5654" t="e">
        <f t="shared" si="88"/>
        <v>#N/A</v>
      </c>
      <c r="F5654" t="str">
        <f>IF(C5654="CLAY", INDEX(D$4:D5654, MATCH("CLAY", C$4:C5654, 0)), "")</f>
        <v/>
      </c>
    </row>
    <row r="5655" spans="1:6" x14ac:dyDescent="0.2">
      <c r="A5655" s="239">
        <f>'CPT Data'!B5663</f>
        <v>56.146999999999998</v>
      </c>
      <c r="B5655" s="3">
        <f>'CPT Data'!C5663</f>
        <v>56.14</v>
      </c>
      <c r="C5655" t="str">
        <f>'CPT Data'!P5663</f>
        <v>SAND</v>
      </c>
      <c r="D5655" t="e">
        <f>'CPT Data'!Q5663</f>
        <v>#N/A</v>
      </c>
      <c r="E5655" t="e">
        <f t="shared" si="88"/>
        <v>#N/A</v>
      </c>
      <c r="F5655" t="str">
        <f>IF(C5655="CLAY", INDEX(D$4:D5655, MATCH("CLAY", C$4:C5655, 0)), "")</f>
        <v/>
      </c>
    </row>
    <row r="5656" spans="1:6" x14ac:dyDescent="0.2">
      <c r="A5656" s="239">
        <f>'CPT Data'!B5664</f>
        <v>56.156999999999996</v>
      </c>
      <c r="B5656" s="3">
        <f>'CPT Data'!C5664</f>
        <v>56.15</v>
      </c>
      <c r="C5656" t="str">
        <f>'CPT Data'!P5664</f>
        <v>SAND</v>
      </c>
      <c r="D5656" t="e">
        <f>'CPT Data'!Q5664</f>
        <v>#N/A</v>
      </c>
      <c r="E5656" t="e">
        <f t="shared" si="88"/>
        <v>#N/A</v>
      </c>
      <c r="F5656" t="str">
        <f>IF(C5656="CLAY", INDEX(D$4:D5656, MATCH("CLAY", C$4:C5656, 0)), "")</f>
        <v/>
      </c>
    </row>
    <row r="5657" spans="1:6" x14ac:dyDescent="0.2">
      <c r="A5657" s="239">
        <f>'CPT Data'!B5665</f>
        <v>56.167000000000002</v>
      </c>
      <c r="B5657" s="3">
        <f>'CPT Data'!C5665</f>
        <v>56.160000000000004</v>
      </c>
      <c r="C5657" t="str">
        <f>'CPT Data'!P5665</f>
        <v>SAND</v>
      </c>
      <c r="D5657" t="e">
        <f>'CPT Data'!Q5665</f>
        <v>#N/A</v>
      </c>
      <c r="E5657" t="e">
        <f t="shared" si="88"/>
        <v>#N/A</v>
      </c>
      <c r="F5657" t="str">
        <f>IF(C5657="CLAY", INDEX(D$4:D5657, MATCH("CLAY", C$4:C5657, 0)), "")</f>
        <v/>
      </c>
    </row>
    <row r="5658" spans="1:6" x14ac:dyDescent="0.2">
      <c r="A5658" s="239">
        <f>'CPT Data'!B5666</f>
        <v>56.177</v>
      </c>
      <c r="B5658" s="3">
        <f>'CPT Data'!C5666</f>
        <v>56.17</v>
      </c>
      <c r="C5658" t="str">
        <f>'CPT Data'!P5666</f>
        <v>SAND</v>
      </c>
      <c r="D5658" t="e">
        <f>'CPT Data'!Q5666</f>
        <v>#N/A</v>
      </c>
      <c r="E5658" t="e">
        <f t="shared" si="88"/>
        <v>#N/A</v>
      </c>
      <c r="F5658" t="str">
        <f>IF(C5658="CLAY", INDEX(D$4:D5658, MATCH("CLAY", C$4:C5658, 0)), "")</f>
        <v/>
      </c>
    </row>
    <row r="5659" spans="1:6" x14ac:dyDescent="0.2">
      <c r="A5659" s="239">
        <f>'CPT Data'!B5667</f>
        <v>56.186999999999998</v>
      </c>
      <c r="B5659" s="3">
        <f>'CPT Data'!C5667</f>
        <v>56.18</v>
      </c>
      <c r="C5659" t="str">
        <f>'CPT Data'!P5667</f>
        <v>SAND</v>
      </c>
      <c r="D5659" t="e">
        <f>'CPT Data'!Q5667</f>
        <v>#N/A</v>
      </c>
      <c r="E5659" t="e">
        <f t="shared" ref="E5659:E5722" si="89">IF(C5659="SAND",#N/A,IF(C5659=C5658,D5658,IF(C5659="CLAY",D5659,#N/A)))</f>
        <v>#N/A</v>
      </c>
      <c r="F5659" t="str">
        <f>IF(C5659="CLAY", INDEX(D$4:D5659, MATCH("CLAY", C$4:C5659, 0)), "")</f>
        <v/>
      </c>
    </row>
    <row r="5660" spans="1:6" x14ac:dyDescent="0.2">
      <c r="A5660" s="239">
        <f>'CPT Data'!B5668</f>
        <v>56.195999999999998</v>
      </c>
      <c r="B5660" s="3">
        <f>'CPT Data'!C5668</f>
        <v>56.189</v>
      </c>
      <c r="C5660" t="str">
        <f>'CPT Data'!P5668</f>
        <v>SAND</v>
      </c>
      <c r="D5660" t="e">
        <f>'CPT Data'!Q5668</f>
        <v>#N/A</v>
      </c>
      <c r="E5660" t="e">
        <f t="shared" si="89"/>
        <v>#N/A</v>
      </c>
      <c r="F5660" t="str">
        <f>IF(C5660="CLAY", INDEX(D$4:D5660, MATCH("CLAY", C$4:C5660, 0)), "")</f>
        <v/>
      </c>
    </row>
    <row r="5661" spans="1:6" x14ac:dyDescent="0.2">
      <c r="A5661" s="239">
        <f>'CPT Data'!B5669</f>
        <v>56.206000000000003</v>
      </c>
      <c r="B5661" s="3">
        <f>'CPT Data'!C5669</f>
        <v>56.199000000000005</v>
      </c>
      <c r="C5661" t="str">
        <f>'CPT Data'!P5669</f>
        <v>SAND</v>
      </c>
      <c r="D5661" t="e">
        <f>'CPT Data'!Q5669</f>
        <v>#N/A</v>
      </c>
      <c r="E5661" t="e">
        <f t="shared" si="89"/>
        <v>#N/A</v>
      </c>
      <c r="F5661" t="str">
        <f>IF(C5661="CLAY", INDEX(D$4:D5661, MATCH("CLAY", C$4:C5661, 0)), "")</f>
        <v/>
      </c>
    </row>
    <row r="5662" spans="1:6" x14ac:dyDescent="0.2">
      <c r="A5662" s="239">
        <f>'CPT Data'!B5670</f>
        <v>56.215000000000003</v>
      </c>
      <c r="B5662" s="3">
        <f>'CPT Data'!C5670</f>
        <v>56.208000000000006</v>
      </c>
      <c r="C5662" t="str">
        <f>'CPT Data'!P5670</f>
        <v>SAND</v>
      </c>
      <c r="D5662" t="e">
        <f>'CPT Data'!Q5670</f>
        <v>#N/A</v>
      </c>
      <c r="E5662" t="e">
        <f t="shared" si="89"/>
        <v>#N/A</v>
      </c>
      <c r="F5662" t="str">
        <f>IF(C5662="CLAY", INDEX(D$4:D5662, MATCH("CLAY", C$4:C5662, 0)), "")</f>
        <v/>
      </c>
    </row>
    <row r="5663" spans="1:6" x14ac:dyDescent="0.2">
      <c r="A5663" s="239">
        <f>'CPT Data'!B5671</f>
        <v>56.225000000000001</v>
      </c>
      <c r="B5663" s="3">
        <f>'CPT Data'!C5671</f>
        <v>56.218000000000004</v>
      </c>
      <c r="C5663" t="str">
        <f>'CPT Data'!P5671</f>
        <v>SAND</v>
      </c>
      <c r="D5663" t="e">
        <f>'CPT Data'!Q5671</f>
        <v>#N/A</v>
      </c>
      <c r="E5663" t="e">
        <f t="shared" si="89"/>
        <v>#N/A</v>
      </c>
      <c r="F5663" t="str">
        <f>IF(C5663="CLAY", INDEX(D$4:D5663, MATCH("CLAY", C$4:C5663, 0)), "")</f>
        <v/>
      </c>
    </row>
    <row r="5664" spans="1:6" x14ac:dyDescent="0.2">
      <c r="A5664" s="239">
        <f>'CPT Data'!B5672</f>
        <v>56.271999999999998</v>
      </c>
      <c r="B5664" s="3">
        <f>'CPT Data'!C5672</f>
        <v>56.265000000000001</v>
      </c>
      <c r="C5664" t="str">
        <f>'CPT Data'!P5672</f>
        <v>CLAY</v>
      </c>
      <c r="D5664">
        <f>'CPT Data'!Q5672</f>
        <v>906.51464935258707</v>
      </c>
      <c r="E5664">
        <f t="shared" si="89"/>
        <v>906.51464935258707</v>
      </c>
      <c r="F5664">
        <f>IF(C5664="CLAY", INDEX(D$4:D5664, MATCH("CLAY", C$4:C5664, 0)), "")</f>
        <v>0.75203252561341039</v>
      </c>
    </row>
    <row r="5665" spans="1:6" x14ac:dyDescent="0.2">
      <c r="A5665" s="239">
        <f>'CPT Data'!B5673</f>
        <v>56.281999999999996</v>
      </c>
      <c r="B5665" s="3">
        <f>'CPT Data'!C5673</f>
        <v>56.274999999999999</v>
      </c>
      <c r="C5665" t="str">
        <f>'CPT Data'!P5673</f>
        <v>CLAY</v>
      </c>
      <c r="D5665">
        <f>'CPT Data'!Q5673</f>
        <v>918.85360246513983</v>
      </c>
      <c r="E5665">
        <f t="shared" si="89"/>
        <v>906.51464935258707</v>
      </c>
      <c r="F5665">
        <f>IF(C5665="CLAY", INDEX(D$4:D5665, MATCH("CLAY", C$4:C5665, 0)), "")</f>
        <v>0.75203252561341039</v>
      </c>
    </row>
    <row r="5666" spans="1:6" x14ac:dyDescent="0.2">
      <c r="A5666" s="239">
        <f>'CPT Data'!B5674</f>
        <v>56.292000000000002</v>
      </c>
      <c r="B5666" s="3">
        <f>'CPT Data'!C5674</f>
        <v>56.285000000000004</v>
      </c>
      <c r="C5666" t="str">
        <f>'CPT Data'!P5674</f>
        <v>CLAY</v>
      </c>
      <c r="D5666">
        <f>'CPT Data'!Q5674</f>
        <v>930.32028187760454</v>
      </c>
      <c r="E5666">
        <f t="shared" si="89"/>
        <v>918.85360246513983</v>
      </c>
      <c r="F5666">
        <f>IF(C5666="CLAY", INDEX(D$4:D5666, MATCH("CLAY", C$4:C5666, 0)), "")</f>
        <v>0.75203252561341039</v>
      </c>
    </row>
    <row r="5667" spans="1:6" x14ac:dyDescent="0.2">
      <c r="A5667" s="239">
        <f>'CPT Data'!B5675</f>
        <v>56.302999999999997</v>
      </c>
      <c r="B5667" s="3">
        <f>'CPT Data'!C5675</f>
        <v>56.295999999999999</v>
      </c>
      <c r="C5667" t="str">
        <f>'CPT Data'!P5675</f>
        <v>CLAY</v>
      </c>
      <c r="D5667">
        <f>'CPT Data'!Q5675</f>
        <v>947.2728459601193</v>
      </c>
      <c r="E5667">
        <f t="shared" si="89"/>
        <v>930.32028187760454</v>
      </c>
      <c r="F5667">
        <f>IF(C5667="CLAY", INDEX(D$4:D5667, MATCH("CLAY", C$4:C5667, 0)), "")</f>
        <v>0.75203252561341039</v>
      </c>
    </row>
    <row r="5668" spans="1:6" x14ac:dyDescent="0.2">
      <c r="A5668" s="239">
        <f>'CPT Data'!B5676</f>
        <v>56.313000000000002</v>
      </c>
      <c r="B5668" s="3">
        <f>'CPT Data'!C5676</f>
        <v>56.306000000000004</v>
      </c>
      <c r="C5668" t="str">
        <f>'CPT Data'!P5676</f>
        <v>CLAY</v>
      </c>
      <c r="D5668">
        <f>'CPT Data'!Q5676</f>
        <v>964.17828228340704</v>
      </c>
      <c r="E5668">
        <f t="shared" si="89"/>
        <v>947.2728459601193</v>
      </c>
      <c r="F5668">
        <f>IF(C5668="CLAY", INDEX(D$4:D5668, MATCH("CLAY", C$4:C5668, 0)), "")</f>
        <v>0.75203252561341039</v>
      </c>
    </row>
    <row r="5669" spans="1:6" x14ac:dyDescent="0.2">
      <c r="A5669" s="239">
        <f>'CPT Data'!B5677</f>
        <v>56.323999999999998</v>
      </c>
      <c r="B5669" s="3">
        <f>'CPT Data'!C5677</f>
        <v>56.317</v>
      </c>
      <c r="C5669" t="str">
        <f>'CPT Data'!P5677</f>
        <v>CLAY</v>
      </c>
      <c r="D5669">
        <f>'CPT Data'!Q5677</f>
        <v>978.24962847272309</v>
      </c>
      <c r="E5669">
        <f t="shared" si="89"/>
        <v>964.17828228340704</v>
      </c>
      <c r="F5669">
        <f>IF(C5669="CLAY", INDEX(D$4:D5669, MATCH("CLAY", C$4:C5669, 0)), "")</f>
        <v>0.75203252561341039</v>
      </c>
    </row>
    <row r="5670" spans="1:6" x14ac:dyDescent="0.2">
      <c r="A5670" s="239">
        <f>'CPT Data'!B5678</f>
        <v>56.335000000000001</v>
      </c>
      <c r="B5670" s="3">
        <f>'CPT Data'!C5678</f>
        <v>56.328000000000003</v>
      </c>
      <c r="C5670" t="str">
        <f>'CPT Data'!P5678</f>
        <v>CLAY</v>
      </c>
      <c r="D5670">
        <f>'CPT Data'!Q5678</f>
        <v>1001.0382446127445</v>
      </c>
      <c r="E5670">
        <f t="shared" si="89"/>
        <v>978.24962847272309</v>
      </c>
      <c r="F5670">
        <f>IF(C5670="CLAY", INDEX(D$4:D5670, MATCH("CLAY", C$4:C5670, 0)), "")</f>
        <v>0.75203252561341039</v>
      </c>
    </row>
    <row r="5671" spans="1:6" x14ac:dyDescent="0.2">
      <c r="A5671" s="239">
        <f>'CPT Data'!B5679</f>
        <v>56.344999999999999</v>
      </c>
      <c r="B5671" s="3">
        <f>'CPT Data'!C5679</f>
        <v>56.338000000000001</v>
      </c>
      <c r="C5671" t="str">
        <f>'CPT Data'!P5679</f>
        <v>CLAY</v>
      </c>
      <c r="D5671">
        <f>'CPT Data'!Q5679</f>
        <v>1013.5777860525646</v>
      </c>
      <c r="E5671">
        <f t="shared" si="89"/>
        <v>1001.0382446127445</v>
      </c>
      <c r="F5671">
        <f>IF(C5671="CLAY", INDEX(D$4:D5671, MATCH("CLAY", C$4:C5671, 0)), "")</f>
        <v>0.75203252561341039</v>
      </c>
    </row>
    <row r="5672" spans="1:6" x14ac:dyDescent="0.2">
      <c r="A5672" s="239">
        <f>'CPT Data'!B5680</f>
        <v>56.354999999999997</v>
      </c>
      <c r="B5672" s="3">
        <f>'CPT Data'!C5680</f>
        <v>56.347999999999999</v>
      </c>
      <c r="C5672" t="str">
        <f>'CPT Data'!P5680</f>
        <v>CLAY</v>
      </c>
      <c r="D5672">
        <f>'CPT Data'!Q5680</f>
        <v>1033.6065265817804</v>
      </c>
      <c r="E5672">
        <f t="shared" si="89"/>
        <v>1013.5777860525646</v>
      </c>
      <c r="F5672">
        <f>IF(C5672="CLAY", INDEX(D$4:D5672, MATCH("CLAY", C$4:C5672, 0)), "")</f>
        <v>0.75203252561341039</v>
      </c>
    </row>
    <row r="5673" spans="1:6" x14ac:dyDescent="0.2">
      <c r="A5673" s="239">
        <f>'CPT Data'!B5681</f>
        <v>56.365000000000002</v>
      </c>
      <c r="B5673" s="3">
        <f>'CPT Data'!C5681</f>
        <v>56.358000000000004</v>
      </c>
      <c r="C5673" t="str">
        <f>'CPT Data'!P5681</f>
        <v>CLAY</v>
      </c>
      <c r="D5673">
        <f>'CPT Data'!Q5681</f>
        <v>1058.8886348339258</v>
      </c>
      <c r="E5673">
        <f t="shared" si="89"/>
        <v>1033.6065265817804</v>
      </c>
      <c r="F5673">
        <f>IF(C5673="CLAY", INDEX(D$4:D5673, MATCH("CLAY", C$4:C5673, 0)), "")</f>
        <v>0.75203252561341039</v>
      </c>
    </row>
    <row r="5674" spans="1:6" x14ac:dyDescent="0.2">
      <c r="A5674" s="239">
        <f>'CPT Data'!B5682</f>
        <v>56.375</v>
      </c>
      <c r="B5674" s="3">
        <f>'CPT Data'!C5682</f>
        <v>56.368000000000002</v>
      </c>
      <c r="C5674" t="str">
        <f>'CPT Data'!P5682</f>
        <v>SAND</v>
      </c>
      <c r="D5674" t="e">
        <f>'CPT Data'!Q5682</f>
        <v>#N/A</v>
      </c>
      <c r="E5674" t="e">
        <f t="shared" si="89"/>
        <v>#N/A</v>
      </c>
      <c r="F5674" t="str">
        <f>IF(C5674="CLAY", INDEX(D$4:D5674, MATCH("CLAY", C$4:C5674, 0)), "")</f>
        <v/>
      </c>
    </row>
    <row r="5675" spans="1:6" x14ac:dyDescent="0.2">
      <c r="A5675" s="239">
        <f>'CPT Data'!B5683</f>
        <v>56.387</v>
      </c>
      <c r="B5675" s="3">
        <f>'CPT Data'!C5683</f>
        <v>56.38</v>
      </c>
      <c r="C5675" t="str">
        <f>'CPT Data'!P5683</f>
        <v>SAND</v>
      </c>
      <c r="D5675" t="e">
        <f>'CPT Data'!Q5683</f>
        <v>#N/A</v>
      </c>
      <c r="E5675" t="e">
        <f t="shared" si="89"/>
        <v>#N/A</v>
      </c>
      <c r="F5675" t="str">
        <f>IF(C5675="CLAY", INDEX(D$4:D5675, MATCH("CLAY", C$4:C5675, 0)), "")</f>
        <v/>
      </c>
    </row>
    <row r="5676" spans="1:6" x14ac:dyDescent="0.2">
      <c r="A5676" s="239">
        <f>'CPT Data'!B5684</f>
        <v>56.396999999999998</v>
      </c>
      <c r="B5676" s="3">
        <f>'CPT Data'!C5684</f>
        <v>56.39</v>
      </c>
      <c r="C5676" t="str">
        <f>'CPT Data'!P5684</f>
        <v>SAND</v>
      </c>
      <c r="D5676" t="e">
        <f>'CPT Data'!Q5684</f>
        <v>#N/A</v>
      </c>
      <c r="E5676" t="e">
        <f t="shared" si="89"/>
        <v>#N/A</v>
      </c>
      <c r="F5676" t="str">
        <f>IF(C5676="CLAY", INDEX(D$4:D5676, MATCH("CLAY", C$4:C5676, 0)), "")</f>
        <v/>
      </c>
    </row>
    <row r="5677" spans="1:6" x14ac:dyDescent="0.2">
      <c r="A5677" s="239">
        <f>'CPT Data'!B5685</f>
        <v>56.406999999999996</v>
      </c>
      <c r="B5677" s="3">
        <f>'CPT Data'!C5685</f>
        <v>56.4</v>
      </c>
      <c r="C5677" t="str">
        <f>'CPT Data'!P5685</f>
        <v>SAND</v>
      </c>
      <c r="D5677" t="e">
        <f>'CPT Data'!Q5685</f>
        <v>#N/A</v>
      </c>
      <c r="E5677" t="e">
        <f t="shared" si="89"/>
        <v>#N/A</v>
      </c>
      <c r="F5677" t="str">
        <f>IF(C5677="CLAY", INDEX(D$4:D5677, MATCH("CLAY", C$4:C5677, 0)), "")</f>
        <v/>
      </c>
    </row>
    <row r="5678" spans="1:6" x14ac:dyDescent="0.2">
      <c r="A5678" s="239">
        <f>'CPT Data'!B5686</f>
        <v>56.415999999999997</v>
      </c>
      <c r="B5678" s="3">
        <f>'CPT Data'!C5686</f>
        <v>56.408999999999999</v>
      </c>
      <c r="C5678" t="str">
        <f>'CPT Data'!P5686</f>
        <v>SAND</v>
      </c>
      <c r="D5678" t="e">
        <f>'CPT Data'!Q5686</f>
        <v>#N/A</v>
      </c>
      <c r="E5678" t="e">
        <f t="shared" si="89"/>
        <v>#N/A</v>
      </c>
      <c r="F5678" t="str">
        <f>IF(C5678="CLAY", INDEX(D$4:D5678, MATCH("CLAY", C$4:C5678, 0)), "")</f>
        <v/>
      </c>
    </row>
    <row r="5679" spans="1:6" x14ac:dyDescent="0.2">
      <c r="A5679" s="239">
        <f>'CPT Data'!B5687</f>
        <v>56.427</v>
      </c>
      <c r="B5679" s="3">
        <f>'CPT Data'!C5687</f>
        <v>56.42</v>
      </c>
      <c r="C5679" t="str">
        <f>'CPT Data'!P5687</f>
        <v>SAND</v>
      </c>
      <c r="D5679" t="e">
        <f>'CPT Data'!Q5687</f>
        <v>#N/A</v>
      </c>
      <c r="E5679" t="e">
        <f t="shared" si="89"/>
        <v>#N/A</v>
      </c>
      <c r="F5679" t="str">
        <f>IF(C5679="CLAY", INDEX(D$4:D5679, MATCH("CLAY", C$4:C5679, 0)), "")</f>
        <v/>
      </c>
    </row>
    <row r="5680" spans="1:6" x14ac:dyDescent="0.2">
      <c r="A5680" s="239">
        <f>'CPT Data'!B5688</f>
        <v>56.436999999999998</v>
      </c>
      <c r="B5680" s="3">
        <f>'CPT Data'!C5688</f>
        <v>56.43</v>
      </c>
      <c r="C5680" t="str">
        <f>'CPT Data'!P5688</f>
        <v>SAND</v>
      </c>
      <c r="D5680" t="e">
        <f>'CPT Data'!Q5688</f>
        <v>#N/A</v>
      </c>
      <c r="E5680" t="e">
        <f t="shared" si="89"/>
        <v>#N/A</v>
      </c>
      <c r="F5680" t="str">
        <f>IF(C5680="CLAY", INDEX(D$4:D5680, MATCH("CLAY", C$4:C5680, 0)), "")</f>
        <v/>
      </c>
    </row>
    <row r="5681" spans="1:6" x14ac:dyDescent="0.2">
      <c r="A5681" s="239">
        <f>'CPT Data'!B5689</f>
        <v>56.447000000000003</v>
      </c>
      <c r="B5681" s="3">
        <f>'CPT Data'!C5689</f>
        <v>56.440000000000005</v>
      </c>
      <c r="C5681" t="str">
        <f>'CPT Data'!P5689</f>
        <v>SAND</v>
      </c>
      <c r="D5681" t="e">
        <f>'CPT Data'!Q5689</f>
        <v>#N/A</v>
      </c>
      <c r="E5681" t="e">
        <f t="shared" si="89"/>
        <v>#N/A</v>
      </c>
      <c r="F5681" t="str">
        <f>IF(C5681="CLAY", INDEX(D$4:D5681, MATCH("CLAY", C$4:C5681, 0)), "")</f>
        <v/>
      </c>
    </row>
    <row r="5682" spans="1:6" x14ac:dyDescent="0.2">
      <c r="A5682" s="239">
        <f>'CPT Data'!B5690</f>
        <v>56.457999999999998</v>
      </c>
      <c r="B5682" s="3">
        <f>'CPT Data'!C5690</f>
        <v>56.451000000000001</v>
      </c>
      <c r="C5682" t="str">
        <f>'CPT Data'!P5690</f>
        <v>SAND</v>
      </c>
      <c r="D5682" t="e">
        <f>'CPT Data'!Q5690</f>
        <v>#N/A</v>
      </c>
      <c r="E5682" t="e">
        <f t="shared" si="89"/>
        <v>#N/A</v>
      </c>
      <c r="F5682" t="str">
        <f>IF(C5682="CLAY", INDEX(D$4:D5682, MATCH("CLAY", C$4:C5682, 0)), "")</f>
        <v/>
      </c>
    </row>
    <row r="5683" spans="1:6" x14ac:dyDescent="0.2">
      <c r="A5683" s="239">
        <f>'CPT Data'!B5691</f>
        <v>56.468000000000004</v>
      </c>
      <c r="B5683" s="3">
        <f>'CPT Data'!C5691</f>
        <v>56.461000000000006</v>
      </c>
      <c r="C5683" t="str">
        <f>'CPT Data'!P5691</f>
        <v>SAND</v>
      </c>
      <c r="D5683" t="e">
        <f>'CPT Data'!Q5691</f>
        <v>#N/A</v>
      </c>
      <c r="E5683" t="e">
        <f t="shared" si="89"/>
        <v>#N/A</v>
      </c>
      <c r="F5683" t="str">
        <f>IF(C5683="CLAY", INDEX(D$4:D5683, MATCH("CLAY", C$4:C5683, 0)), "")</f>
        <v/>
      </c>
    </row>
    <row r="5684" spans="1:6" x14ac:dyDescent="0.2">
      <c r="A5684" s="239">
        <f>'CPT Data'!B5692</f>
        <v>56.478000000000002</v>
      </c>
      <c r="B5684" s="3">
        <f>'CPT Data'!C5692</f>
        <v>56.471000000000004</v>
      </c>
      <c r="C5684" t="str">
        <f>'CPT Data'!P5692</f>
        <v>SAND</v>
      </c>
      <c r="D5684" t="e">
        <f>'CPT Data'!Q5692</f>
        <v>#N/A</v>
      </c>
      <c r="E5684" t="e">
        <f t="shared" si="89"/>
        <v>#N/A</v>
      </c>
      <c r="F5684" t="str">
        <f>IF(C5684="CLAY", INDEX(D$4:D5684, MATCH("CLAY", C$4:C5684, 0)), "")</f>
        <v/>
      </c>
    </row>
    <row r="5685" spans="1:6" x14ac:dyDescent="0.2">
      <c r="A5685" s="239">
        <f>'CPT Data'!B5693</f>
        <v>56.488999999999997</v>
      </c>
      <c r="B5685" s="3">
        <f>'CPT Data'!C5693</f>
        <v>56.481999999999999</v>
      </c>
      <c r="C5685" t="str">
        <f>'CPT Data'!P5693</f>
        <v>SAND</v>
      </c>
      <c r="D5685" t="e">
        <f>'CPT Data'!Q5693</f>
        <v>#N/A</v>
      </c>
      <c r="E5685" t="e">
        <f t="shared" si="89"/>
        <v>#N/A</v>
      </c>
      <c r="F5685" t="str">
        <f>IF(C5685="CLAY", INDEX(D$4:D5685, MATCH("CLAY", C$4:C5685, 0)), "")</f>
        <v/>
      </c>
    </row>
    <row r="5686" spans="1:6" x14ac:dyDescent="0.2">
      <c r="A5686" s="239">
        <f>'CPT Data'!B5694</f>
        <v>56.499000000000002</v>
      </c>
      <c r="B5686" s="3">
        <f>'CPT Data'!C5694</f>
        <v>56.492000000000004</v>
      </c>
      <c r="C5686" t="str">
        <f>'CPT Data'!P5694</f>
        <v>SAND</v>
      </c>
      <c r="D5686" t="e">
        <f>'CPT Data'!Q5694</f>
        <v>#N/A</v>
      </c>
      <c r="E5686" t="e">
        <f t="shared" si="89"/>
        <v>#N/A</v>
      </c>
      <c r="F5686" t="str">
        <f>IF(C5686="CLAY", INDEX(D$4:D5686, MATCH("CLAY", C$4:C5686, 0)), "")</f>
        <v/>
      </c>
    </row>
    <row r="5687" spans="1:6" x14ac:dyDescent="0.2">
      <c r="A5687" s="239">
        <f>'CPT Data'!B5695</f>
        <v>56.51</v>
      </c>
      <c r="B5687" s="3">
        <f>'CPT Data'!C5695</f>
        <v>56.503</v>
      </c>
      <c r="C5687" t="str">
        <f>'CPT Data'!P5695</f>
        <v>SAND</v>
      </c>
      <c r="D5687" t="e">
        <f>'CPT Data'!Q5695</f>
        <v>#N/A</v>
      </c>
      <c r="E5687" t="e">
        <f t="shared" si="89"/>
        <v>#N/A</v>
      </c>
      <c r="F5687" t="str">
        <f>IF(C5687="CLAY", INDEX(D$4:D5687, MATCH("CLAY", C$4:C5687, 0)), "")</f>
        <v/>
      </c>
    </row>
    <row r="5688" spans="1:6" x14ac:dyDescent="0.2">
      <c r="A5688" s="239">
        <f>'CPT Data'!B5696</f>
        <v>56.52</v>
      </c>
      <c r="B5688" s="3">
        <f>'CPT Data'!C5696</f>
        <v>56.513000000000005</v>
      </c>
      <c r="C5688" t="str">
        <f>'CPT Data'!P5696</f>
        <v>SAND</v>
      </c>
      <c r="D5688" t="e">
        <f>'CPT Data'!Q5696</f>
        <v>#N/A</v>
      </c>
      <c r="E5688" t="e">
        <f t="shared" si="89"/>
        <v>#N/A</v>
      </c>
      <c r="F5688" t="str">
        <f>IF(C5688="CLAY", INDEX(D$4:D5688, MATCH("CLAY", C$4:C5688, 0)), "")</f>
        <v/>
      </c>
    </row>
    <row r="5689" spans="1:6" x14ac:dyDescent="0.2">
      <c r="A5689" s="239">
        <f>'CPT Data'!B5697</f>
        <v>56.530999999999999</v>
      </c>
      <c r="B5689" s="3">
        <f>'CPT Data'!C5697</f>
        <v>56.524000000000001</v>
      </c>
      <c r="C5689" t="str">
        <f>'CPT Data'!P5697</f>
        <v>SAND</v>
      </c>
      <c r="D5689" t="e">
        <f>'CPT Data'!Q5697</f>
        <v>#N/A</v>
      </c>
      <c r="E5689" t="e">
        <f t="shared" si="89"/>
        <v>#N/A</v>
      </c>
      <c r="F5689" t="str">
        <f>IF(C5689="CLAY", INDEX(D$4:D5689, MATCH("CLAY", C$4:C5689, 0)), "")</f>
        <v/>
      </c>
    </row>
    <row r="5690" spans="1:6" x14ac:dyDescent="0.2">
      <c r="A5690" s="239">
        <f>'CPT Data'!B5698</f>
        <v>56.54</v>
      </c>
      <c r="B5690" s="3">
        <f>'CPT Data'!C5698</f>
        <v>56.533000000000001</v>
      </c>
      <c r="C5690" t="str">
        <f>'CPT Data'!P5698</f>
        <v>SAND</v>
      </c>
      <c r="D5690" t="e">
        <f>'CPT Data'!Q5698</f>
        <v>#N/A</v>
      </c>
      <c r="E5690" t="e">
        <f t="shared" si="89"/>
        <v>#N/A</v>
      </c>
      <c r="F5690" t="str">
        <f>IF(C5690="CLAY", INDEX(D$4:D5690, MATCH("CLAY", C$4:C5690, 0)), "")</f>
        <v/>
      </c>
    </row>
    <row r="5691" spans="1:6" x14ac:dyDescent="0.2">
      <c r="A5691" s="239">
        <f>'CPT Data'!B5699</f>
        <v>56.551000000000002</v>
      </c>
      <c r="B5691" s="3">
        <f>'CPT Data'!C5699</f>
        <v>56.544000000000004</v>
      </c>
      <c r="C5691" t="str">
        <f>'CPT Data'!P5699</f>
        <v>SAND</v>
      </c>
      <c r="D5691" t="e">
        <f>'CPT Data'!Q5699</f>
        <v>#N/A</v>
      </c>
      <c r="E5691" t="e">
        <f t="shared" si="89"/>
        <v>#N/A</v>
      </c>
      <c r="F5691" t="str">
        <f>IF(C5691="CLAY", INDEX(D$4:D5691, MATCH("CLAY", C$4:C5691, 0)), "")</f>
        <v/>
      </c>
    </row>
    <row r="5692" spans="1:6" x14ac:dyDescent="0.2">
      <c r="A5692" s="239">
        <f>'CPT Data'!B5700</f>
        <v>56.561999999999998</v>
      </c>
      <c r="B5692" s="3">
        <f>'CPT Data'!C5700</f>
        <v>56.555</v>
      </c>
      <c r="C5692" t="str">
        <f>'CPT Data'!P5700</f>
        <v>SAND</v>
      </c>
      <c r="D5692" t="e">
        <f>'CPT Data'!Q5700</f>
        <v>#N/A</v>
      </c>
      <c r="E5692" t="e">
        <f t="shared" si="89"/>
        <v>#N/A</v>
      </c>
      <c r="F5692" t="str">
        <f>IF(C5692="CLAY", INDEX(D$4:D5692, MATCH("CLAY", C$4:C5692, 0)), "")</f>
        <v/>
      </c>
    </row>
    <row r="5693" spans="1:6" x14ac:dyDescent="0.2">
      <c r="A5693" s="239">
        <f>'CPT Data'!B5701</f>
        <v>56.570999999999998</v>
      </c>
      <c r="B5693" s="3">
        <f>'CPT Data'!C5701</f>
        <v>56.564</v>
      </c>
      <c r="C5693" t="str">
        <f>'CPT Data'!P5701</f>
        <v>SAND</v>
      </c>
      <c r="D5693" t="e">
        <f>'CPT Data'!Q5701</f>
        <v>#N/A</v>
      </c>
      <c r="E5693" t="e">
        <f t="shared" si="89"/>
        <v>#N/A</v>
      </c>
      <c r="F5693" t="str">
        <f>IF(C5693="CLAY", INDEX(D$4:D5693, MATCH("CLAY", C$4:C5693, 0)), "")</f>
        <v/>
      </c>
    </row>
    <row r="5694" spans="1:6" x14ac:dyDescent="0.2">
      <c r="A5694" s="239">
        <f>'CPT Data'!B5702</f>
        <v>56.582000000000001</v>
      </c>
      <c r="B5694" s="3">
        <f>'CPT Data'!C5702</f>
        <v>56.575000000000003</v>
      </c>
      <c r="C5694" t="str">
        <f>'CPT Data'!P5702</f>
        <v>SAND</v>
      </c>
      <c r="D5694" t="e">
        <f>'CPT Data'!Q5702</f>
        <v>#N/A</v>
      </c>
      <c r="E5694" t="e">
        <f t="shared" si="89"/>
        <v>#N/A</v>
      </c>
      <c r="F5694" t="str">
        <f>IF(C5694="CLAY", INDEX(D$4:D5694, MATCH("CLAY", C$4:C5694, 0)), "")</f>
        <v/>
      </c>
    </row>
    <row r="5695" spans="1:6" x14ac:dyDescent="0.2">
      <c r="A5695" s="239">
        <f>'CPT Data'!B5703</f>
        <v>56.591999999999999</v>
      </c>
      <c r="B5695" s="3">
        <f>'CPT Data'!C5703</f>
        <v>56.585000000000001</v>
      </c>
      <c r="C5695" t="str">
        <f>'CPT Data'!P5703</f>
        <v>SAND</v>
      </c>
      <c r="D5695" t="e">
        <f>'CPT Data'!Q5703</f>
        <v>#N/A</v>
      </c>
      <c r="E5695" t="e">
        <f t="shared" si="89"/>
        <v>#N/A</v>
      </c>
      <c r="F5695" t="str">
        <f>IF(C5695="CLAY", INDEX(D$4:D5695, MATCH("CLAY", C$4:C5695, 0)), "")</f>
        <v/>
      </c>
    </row>
    <row r="5696" spans="1:6" x14ac:dyDescent="0.2">
      <c r="A5696" s="239">
        <f>'CPT Data'!B5704</f>
        <v>56.603000000000002</v>
      </c>
      <c r="B5696" s="3">
        <f>'CPT Data'!C5704</f>
        <v>56.596000000000004</v>
      </c>
      <c r="C5696" t="str">
        <f>'CPT Data'!P5704</f>
        <v>SAND</v>
      </c>
      <c r="D5696" t="e">
        <f>'CPT Data'!Q5704</f>
        <v>#N/A</v>
      </c>
      <c r="E5696" t="e">
        <f t="shared" si="89"/>
        <v>#N/A</v>
      </c>
      <c r="F5696" t="str">
        <f>IF(C5696="CLAY", INDEX(D$4:D5696, MATCH("CLAY", C$4:C5696, 0)), "")</f>
        <v/>
      </c>
    </row>
    <row r="5697" spans="1:6" x14ac:dyDescent="0.2">
      <c r="A5697" s="239">
        <f>'CPT Data'!B5705</f>
        <v>56.613</v>
      </c>
      <c r="B5697" s="3">
        <f>'CPT Data'!C5705</f>
        <v>56.606000000000002</v>
      </c>
      <c r="C5697" t="str">
        <f>'CPT Data'!P5705</f>
        <v>SAND</v>
      </c>
      <c r="D5697" t="e">
        <f>'CPT Data'!Q5705</f>
        <v>#N/A</v>
      </c>
      <c r="E5697" t="e">
        <f t="shared" si="89"/>
        <v>#N/A</v>
      </c>
      <c r="F5697" t="str">
        <f>IF(C5697="CLAY", INDEX(D$4:D5697, MATCH("CLAY", C$4:C5697, 0)), "")</f>
        <v/>
      </c>
    </row>
    <row r="5698" spans="1:6" x14ac:dyDescent="0.2">
      <c r="A5698" s="239">
        <f>'CPT Data'!B5706</f>
        <v>56.622</v>
      </c>
      <c r="B5698" s="3">
        <f>'CPT Data'!C5706</f>
        <v>56.615000000000002</v>
      </c>
      <c r="C5698" t="str">
        <f>'CPT Data'!P5706</f>
        <v>SAND</v>
      </c>
      <c r="D5698" t="e">
        <f>'CPT Data'!Q5706</f>
        <v>#N/A</v>
      </c>
      <c r="E5698" t="e">
        <f t="shared" si="89"/>
        <v>#N/A</v>
      </c>
      <c r="F5698" t="str">
        <f>IF(C5698="CLAY", INDEX(D$4:D5698, MATCH("CLAY", C$4:C5698, 0)), "")</f>
        <v/>
      </c>
    </row>
    <row r="5699" spans="1:6" x14ac:dyDescent="0.2">
      <c r="A5699" s="239">
        <f>'CPT Data'!B5707</f>
        <v>56.633000000000003</v>
      </c>
      <c r="B5699" s="3">
        <f>'CPT Data'!C5707</f>
        <v>56.626000000000005</v>
      </c>
      <c r="C5699" t="str">
        <f>'CPT Data'!P5707</f>
        <v>SAND</v>
      </c>
      <c r="D5699" t="e">
        <f>'CPT Data'!Q5707</f>
        <v>#N/A</v>
      </c>
      <c r="E5699" t="e">
        <f t="shared" si="89"/>
        <v>#N/A</v>
      </c>
      <c r="F5699" t="str">
        <f>IF(C5699="CLAY", INDEX(D$4:D5699, MATCH("CLAY", C$4:C5699, 0)), "")</f>
        <v/>
      </c>
    </row>
    <row r="5700" spans="1:6" x14ac:dyDescent="0.2">
      <c r="A5700" s="239">
        <f>'CPT Data'!B5708</f>
        <v>56.643999999999998</v>
      </c>
      <c r="B5700" s="3">
        <f>'CPT Data'!C5708</f>
        <v>56.637</v>
      </c>
      <c r="C5700" t="str">
        <f>'CPT Data'!P5708</f>
        <v>SAND</v>
      </c>
      <c r="D5700" t="e">
        <f>'CPT Data'!Q5708</f>
        <v>#N/A</v>
      </c>
      <c r="E5700" t="e">
        <f t="shared" si="89"/>
        <v>#N/A</v>
      </c>
      <c r="F5700" t="str">
        <f>IF(C5700="CLAY", INDEX(D$4:D5700, MATCH("CLAY", C$4:C5700, 0)), "")</f>
        <v/>
      </c>
    </row>
    <row r="5701" spans="1:6" x14ac:dyDescent="0.2">
      <c r="A5701" s="239">
        <f>'CPT Data'!B5709</f>
        <v>56.652999999999999</v>
      </c>
      <c r="B5701" s="3">
        <f>'CPT Data'!C5709</f>
        <v>56.646000000000001</v>
      </c>
      <c r="C5701" t="str">
        <f>'CPT Data'!P5709</f>
        <v>SAND</v>
      </c>
      <c r="D5701" t="e">
        <f>'CPT Data'!Q5709</f>
        <v>#N/A</v>
      </c>
      <c r="E5701" t="e">
        <f t="shared" si="89"/>
        <v>#N/A</v>
      </c>
      <c r="F5701" t="str">
        <f>IF(C5701="CLAY", INDEX(D$4:D5701, MATCH("CLAY", C$4:C5701, 0)), "")</f>
        <v/>
      </c>
    </row>
    <row r="5702" spans="1:6" x14ac:dyDescent="0.2">
      <c r="A5702" s="239">
        <f>'CPT Data'!B5710</f>
        <v>56.664000000000001</v>
      </c>
      <c r="B5702" s="3">
        <f>'CPT Data'!C5710</f>
        <v>56.657000000000004</v>
      </c>
      <c r="C5702" t="str">
        <f>'CPT Data'!P5710</f>
        <v>SAND</v>
      </c>
      <c r="D5702" t="e">
        <f>'CPT Data'!Q5710</f>
        <v>#N/A</v>
      </c>
      <c r="E5702" t="e">
        <f t="shared" si="89"/>
        <v>#N/A</v>
      </c>
      <c r="F5702" t="str">
        <f>IF(C5702="CLAY", INDEX(D$4:D5702, MATCH("CLAY", C$4:C5702, 0)), "")</f>
        <v/>
      </c>
    </row>
    <row r="5703" spans="1:6" x14ac:dyDescent="0.2">
      <c r="A5703" s="239">
        <f>'CPT Data'!B5711</f>
        <v>56.673999999999999</v>
      </c>
      <c r="B5703" s="3">
        <f>'CPT Data'!C5711</f>
        <v>56.667000000000002</v>
      </c>
      <c r="C5703" t="str">
        <f>'CPT Data'!P5711</f>
        <v>SAND</v>
      </c>
      <c r="D5703" t="e">
        <f>'CPT Data'!Q5711</f>
        <v>#N/A</v>
      </c>
      <c r="E5703" t="e">
        <f t="shared" si="89"/>
        <v>#N/A</v>
      </c>
      <c r="F5703" t="str">
        <f>IF(C5703="CLAY", INDEX(D$4:D5703, MATCH("CLAY", C$4:C5703, 0)), "")</f>
        <v/>
      </c>
    </row>
    <row r="5704" spans="1:6" x14ac:dyDescent="0.2">
      <c r="A5704" s="239">
        <f>'CPT Data'!B5712</f>
        <v>56.685000000000002</v>
      </c>
      <c r="B5704" s="3">
        <f>'CPT Data'!C5712</f>
        <v>56.678000000000004</v>
      </c>
      <c r="C5704" t="str">
        <f>'CPT Data'!P5712</f>
        <v>SAND</v>
      </c>
      <c r="D5704" t="e">
        <f>'CPT Data'!Q5712</f>
        <v>#N/A</v>
      </c>
      <c r="E5704" t="e">
        <f t="shared" si="89"/>
        <v>#N/A</v>
      </c>
      <c r="F5704" t="str">
        <f>IF(C5704="CLAY", INDEX(D$4:D5704, MATCH("CLAY", C$4:C5704, 0)), "")</f>
        <v/>
      </c>
    </row>
    <row r="5705" spans="1:6" x14ac:dyDescent="0.2">
      <c r="A5705" s="239">
        <f>'CPT Data'!B5713</f>
        <v>56.695</v>
      </c>
      <c r="B5705" s="3">
        <f>'CPT Data'!C5713</f>
        <v>56.688000000000002</v>
      </c>
      <c r="C5705" t="str">
        <f>'CPT Data'!P5713</f>
        <v>SAND</v>
      </c>
      <c r="D5705" t="e">
        <f>'CPT Data'!Q5713</f>
        <v>#N/A</v>
      </c>
      <c r="E5705" t="e">
        <f t="shared" si="89"/>
        <v>#N/A</v>
      </c>
      <c r="F5705" t="str">
        <f>IF(C5705="CLAY", INDEX(D$4:D5705, MATCH("CLAY", C$4:C5705, 0)), "")</f>
        <v/>
      </c>
    </row>
    <row r="5706" spans="1:6" x14ac:dyDescent="0.2">
      <c r="A5706" s="239">
        <f>'CPT Data'!B5714</f>
        <v>56.704999999999998</v>
      </c>
      <c r="B5706" s="3">
        <f>'CPT Data'!C5714</f>
        <v>56.698</v>
      </c>
      <c r="C5706" t="str">
        <f>'CPT Data'!P5714</f>
        <v>SAND</v>
      </c>
      <c r="D5706" t="e">
        <f>'CPT Data'!Q5714</f>
        <v>#N/A</v>
      </c>
      <c r="E5706" t="e">
        <f t="shared" si="89"/>
        <v>#N/A</v>
      </c>
      <c r="F5706" t="str">
        <f>IF(C5706="CLAY", INDEX(D$4:D5706, MATCH("CLAY", C$4:C5706, 0)), "")</f>
        <v/>
      </c>
    </row>
    <row r="5707" spans="1:6" x14ac:dyDescent="0.2">
      <c r="A5707" s="239">
        <f>'CPT Data'!B5715</f>
        <v>56.716000000000001</v>
      </c>
      <c r="B5707" s="3">
        <f>'CPT Data'!C5715</f>
        <v>56.709000000000003</v>
      </c>
      <c r="C5707" t="str">
        <f>'CPT Data'!P5715</f>
        <v>SAND</v>
      </c>
      <c r="D5707" t="e">
        <f>'CPT Data'!Q5715</f>
        <v>#N/A</v>
      </c>
      <c r="E5707" t="e">
        <f t="shared" si="89"/>
        <v>#N/A</v>
      </c>
      <c r="F5707" t="str">
        <f>IF(C5707="CLAY", INDEX(D$4:D5707, MATCH("CLAY", C$4:C5707, 0)), "")</f>
        <v/>
      </c>
    </row>
    <row r="5708" spans="1:6" x14ac:dyDescent="0.2">
      <c r="A5708" s="239">
        <f>'CPT Data'!B5716</f>
        <v>56.725999999999999</v>
      </c>
      <c r="B5708" s="3">
        <f>'CPT Data'!C5716</f>
        <v>56.719000000000001</v>
      </c>
      <c r="C5708" t="str">
        <f>'CPT Data'!P5716</f>
        <v>SAND</v>
      </c>
      <c r="D5708" t="e">
        <f>'CPT Data'!Q5716</f>
        <v>#N/A</v>
      </c>
      <c r="E5708" t="e">
        <f t="shared" si="89"/>
        <v>#N/A</v>
      </c>
      <c r="F5708" t="str">
        <f>IF(C5708="CLAY", INDEX(D$4:D5708, MATCH("CLAY", C$4:C5708, 0)), "")</f>
        <v/>
      </c>
    </row>
    <row r="5709" spans="1:6" x14ac:dyDescent="0.2">
      <c r="A5709" s="239">
        <f>'CPT Data'!B5717</f>
        <v>56.735999999999997</v>
      </c>
      <c r="B5709" s="3">
        <f>'CPT Data'!C5717</f>
        <v>56.728999999999999</v>
      </c>
      <c r="C5709" t="str">
        <f>'CPT Data'!P5717</f>
        <v>SAND</v>
      </c>
      <c r="D5709" t="e">
        <f>'CPT Data'!Q5717</f>
        <v>#N/A</v>
      </c>
      <c r="E5709" t="e">
        <f t="shared" si="89"/>
        <v>#N/A</v>
      </c>
      <c r="F5709" t="str">
        <f>IF(C5709="CLAY", INDEX(D$4:D5709, MATCH("CLAY", C$4:C5709, 0)), "")</f>
        <v/>
      </c>
    </row>
    <row r="5710" spans="1:6" x14ac:dyDescent="0.2">
      <c r="A5710" s="239">
        <f>'CPT Data'!B5718</f>
        <v>56.746000000000002</v>
      </c>
      <c r="B5710" s="3">
        <f>'CPT Data'!C5718</f>
        <v>56.739000000000004</v>
      </c>
      <c r="C5710" t="str">
        <f>'CPT Data'!P5718</f>
        <v>SAND</v>
      </c>
      <c r="D5710" t="e">
        <f>'CPT Data'!Q5718</f>
        <v>#N/A</v>
      </c>
      <c r="E5710" t="e">
        <f t="shared" si="89"/>
        <v>#N/A</v>
      </c>
      <c r="F5710" t="str">
        <f>IF(C5710="CLAY", INDEX(D$4:D5710, MATCH("CLAY", C$4:C5710, 0)), "")</f>
        <v/>
      </c>
    </row>
    <row r="5711" spans="1:6" x14ac:dyDescent="0.2">
      <c r="A5711" s="239">
        <f>'CPT Data'!B5719</f>
        <v>56.756</v>
      </c>
      <c r="B5711" s="3">
        <f>'CPT Data'!C5719</f>
        <v>56.749000000000002</v>
      </c>
      <c r="C5711" t="str">
        <f>'CPT Data'!P5719</f>
        <v>SAND</v>
      </c>
      <c r="D5711" t="e">
        <f>'CPT Data'!Q5719</f>
        <v>#N/A</v>
      </c>
      <c r="E5711" t="e">
        <f t="shared" si="89"/>
        <v>#N/A</v>
      </c>
      <c r="F5711" t="str">
        <f>IF(C5711="CLAY", INDEX(D$4:D5711, MATCH("CLAY", C$4:C5711, 0)), "")</f>
        <v/>
      </c>
    </row>
    <row r="5712" spans="1:6" x14ac:dyDescent="0.2">
      <c r="A5712" s="239">
        <f>'CPT Data'!B5720</f>
        <v>56.768000000000001</v>
      </c>
      <c r="B5712" s="3">
        <f>'CPT Data'!C5720</f>
        <v>56.761000000000003</v>
      </c>
      <c r="C5712" t="str">
        <f>'CPT Data'!P5720</f>
        <v>SAND</v>
      </c>
      <c r="D5712" t="e">
        <f>'CPT Data'!Q5720</f>
        <v>#N/A</v>
      </c>
      <c r="E5712" t="e">
        <f t="shared" si="89"/>
        <v>#N/A</v>
      </c>
      <c r="F5712" t="str">
        <f>IF(C5712="CLAY", INDEX(D$4:D5712, MATCH("CLAY", C$4:C5712, 0)), "")</f>
        <v/>
      </c>
    </row>
    <row r="5713" spans="1:6" x14ac:dyDescent="0.2">
      <c r="A5713" s="239">
        <f>'CPT Data'!B5721</f>
        <v>56.777999999999999</v>
      </c>
      <c r="B5713" s="3">
        <f>'CPT Data'!C5721</f>
        <v>56.771000000000001</v>
      </c>
      <c r="C5713" t="str">
        <f>'CPT Data'!P5721</f>
        <v>SAND</v>
      </c>
      <c r="D5713" t="e">
        <f>'CPT Data'!Q5721</f>
        <v>#N/A</v>
      </c>
      <c r="E5713" t="e">
        <f t="shared" si="89"/>
        <v>#N/A</v>
      </c>
      <c r="F5713" t="str">
        <f>IF(C5713="CLAY", INDEX(D$4:D5713, MATCH("CLAY", C$4:C5713, 0)), "")</f>
        <v/>
      </c>
    </row>
    <row r="5714" spans="1:6" x14ac:dyDescent="0.2">
      <c r="A5714" s="239">
        <f>'CPT Data'!B5722</f>
        <v>56.786999999999999</v>
      </c>
      <c r="B5714" s="3">
        <f>'CPT Data'!C5722</f>
        <v>56.78</v>
      </c>
      <c r="C5714" t="str">
        <f>'CPT Data'!P5722</f>
        <v>SAND</v>
      </c>
      <c r="D5714" t="e">
        <f>'CPT Data'!Q5722</f>
        <v>#N/A</v>
      </c>
      <c r="E5714" t="e">
        <f t="shared" si="89"/>
        <v>#N/A</v>
      </c>
      <c r="F5714" t="str">
        <f>IF(C5714="CLAY", INDEX(D$4:D5714, MATCH("CLAY", C$4:C5714, 0)), "")</f>
        <v/>
      </c>
    </row>
    <row r="5715" spans="1:6" x14ac:dyDescent="0.2">
      <c r="A5715" s="239">
        <f>'CPT Data'!B5723</f>
        <v>56.798000000000002</v>
      </c>
      <c r="B5715" s="3">
        <f>'CPT Data'!C5723</f>
        <v>56.791000000000004</v>
      </c>
      <c r="C5715" t="str">
        <f>'CPT Data'!P5723</f>
        <v>SAND</v>
      </c>
      <c r="D5715" t="e">
        <f>'CPT Data'!Q5723</f>
        <v>#N/A</v>
      </c>
      <c r="E5715" t="e">
        <f t="shared" si="89"/>
        <v>#N/A</v>
      </c>
      <c r="F5715" t="str">
        <f>IF(C5715="CLAY", INDEX(D$4:D5715, MATCH("CLAY", C$4:C5715, 0)), "")</f>
        <v/>
      </c>
    </row>
    <row r="5716" spans="1:6" x14ac:dyDescent="0.2">
      <c r="A5716" s="239">
        <f>'CPT Data'!B5724</f>
        <v>56.808999999999997</v>
      </c>
      <c r="B5716" s="3">
        <f>'CPT Data'!C5724</f>
        <v>56.802</v>
      </c>
      <c r="C5716" t="str">
        <f>'CPT Data'!P5724</f>
        <v>SAND</v>
      </c>
      <c r="D5716" t="e">
        <f>'CPT Data'!Q5724</f>
        <v>#N/A</v>
      </c>
      <c r="E5716" t="e">
        <f t="shared" si="89"/>
        <v>#N/A</v>
      </c>
      <c r="F5716" t="str">
        <f>IF(C5716="CLAY", INDEX(D$4:D5716, MATCH("CLAY", C$4:C5716, 0)), "")</f>
        <v/>
      </c>
    </row>
    <row r="5717" spans="1:6" x14ac:dyDescent="0.2">
      <c r="A5717" s="239">
        <f>'CPT Data'!B5725</f>
        <v>56.82</v>
      </c>
      <c r="B5717" s="3">
        <f>'CPT Data'!C5725</f>
        <v>56.813000000000002</v>
      </c>
      <c r="C5717" t="str">
        <f>'CPT Data'!P5725</f>
        <v>SAND</v>
      </c>
      <c r="D5717" t="e">
        <f>'CPT Data'!Q5725</f>
        <v>#N/A</v>
      </c>
      <c r="E5717" t="e">
        <f t="shared" si="89"/>
        <v>#N/A</v>
      </c>
      <c r="F5717" t="str">
        <f>IF(C5717="CLAY", INDEX(D$4:D5717, MATCH("CLAY", C$4:C5717, 0)), "")</f>
        <v/>
      </c>
    </row>
    <row r="5718" spans="1:6" x14ac:dyDescent="0.2">
      <c r="A5718" s="239">
        <f>'CPT Data'!B5726</f>
        <v>56.83</v>
      </c>
      <c r="B5718" s="3">
        <f>'CPT Data'!C5726</f>
        <v>56.823</v>
      </c>
      <c r="C5718" t="str">
        <f>'CPT Data'!P5726</f>
        <v>SAND</v>
      </c>
      <c r="D5718" t="e">
        <f>'CPT Data'!Q5726</f>
        <v>#N/A</v>
      </c>
      <c r="E5718" t="e">
        <f t="shared" si="89"/>
        <v>#N/A</v>
      </c>
      <c r="F5718" t="str">
        <f>IF(C5718="CLAY", INDEX(D$4:D5718, MATCH("CLAY", C$4:C5718, 0)), "")</f>
        <v/>
      </c>
    </row>
    <row r="5719" spans="1:6" x14ac:dyDescent="0.2">
      <c r="A5719" s="239">
        <f>'CPT Data'!B5727</f>
        <v>56.84</v>
      </c>
      <c r="B5719" s="3">
        <f>'CPT Data'!C5727</f>
        <v>56.833000000000006</v>
      </c>
      <c r="C5719" t="str">
        <f>'CPT Data'!P5727</f>
        <v>SAND</v>
      </c>
      <c r="D5719" t="e">
        <f>'CPT Data'!Q5727</f>
        <v>#N/A</v>
      </c>
      <c r="E5719" t="e">
        <f t="shared" si="89"/>
        <v>#N/A</v>
      </c>
      <c r="F5719" t="str">
        <f>IF(C5719="CLAY", INDEX(D$4:D5719, MATCH("CLAY", C$4:C5719, 0)), "")</f>
        <v/>
      </c>
    </row>
    <row r="5720" spans="1:6" x14ac:dyDescent="0.2">
      <c r="A5720" s="239">
        <f>'CPT Data'!B5728</f>
        <v>56.850999999999999</v>
      </c>
      <c r="B5720" s="3">
        <f>'CPT Data'!C5728</f>
        <v>56.844000000000001</v>
      </c>
      <c r="C5720" t="str">
        <f>'CPT Data'!P5728</f>
        <v>SAND</v>
      </c>
      <c r="D5720" t="e">
        <f>'CPT Data'!Q5728</f>
        <v>#N/A</v>
      </c>
      <c r="E5720" t="e">
        <f t="shared" si="89"/>
        <v>#N/A</v>
      </c>
      <c r="F5720" t="str">
        <f>IF(C5720="CLAY", INDEX(D$4:D5720, MATCH("CLAY", C$4:C5720, 0)), "")</f>
        <v/>
      </c>
    </row>
    <row r="5721" spans="1:6" x14ac:dyDescent="0.2">
      <c r="A5721" s="239">
        <f>'CPT Data'!B5729</f>
        <v>56.860999999999997</v>
      </c>
      <c r="B5721" s="3">
        <f>'CPT Data'!C5729</f>
        <v>56.853999999999999</v>
      </c>
      <c r="C5721" t="str">
        <f>'CPT Data'!P5729</f>
        <v>SAND</v>
      </c>
      <c r="D5721" t="e">
        <f>'CPT Data'!Q5729</f>
        <v>#N/A</v>
      </c>
      <c r="E5721" t="e">
        <f t="shared" si="89"/>
        <v>#N/A</v>
      </c>
      <c r="F5721" t="str">
        <f>IF(C5721="CLAY", INDEX(D$4:D5721, MATCH("CLAY", C$4:C5721, 0)), "")</f>
        <v/>
      </c>
    </row>
    <row r="5722" spans="1:6" x14ac:dyDescent="0.2">
      <c r="A5722" s="239">
        <f>'CPT Data'!B5730</f>
        <v>56.872</v>
      </c>
      <c r="B5722" s="3">
        <f>'CPT Data'!C5730</f>
        <v>56.865000000000002</v>
      </c>
      <c r="C5722" t="str">
        <f>'CPT Data'!P5730</f>
        <v>SAND</v>
      </c>
      <c r="D5722" t="e">
        <f>'CPT Data'!Q5730</f>
        <v>#N/A</v>
      </c>
      <c r="E5722" t="e">
        <f t="shared" si="89"/>
        <v>#N/A</v>
      </c>
      <c r="F5722" t="str">
        <f>IF(C5722="CLAY", INDEX(D$4:D5722, MATCH("CLAY", C$4:C5722, 0)), "")</f>
        <v/>
      </c>
    </row>
    <row r="5723" spans="1:6" x14ac:dyDescent="0.2">
      <c r="A5723" s="239">
        <f>'CPT Data'!B5731</f>
        <v>56.881</v>
      </c>
      <c r="B5723" s="3">
        <f>'CPT Data'!C5731</f>
        <v>56.874000000000002</v>
      </c>
      <c r="C5723" t="str">
        <f>'CPT Data'!P5731</f>
        <v>SAND</v>
      </c>
      <c r="D5723" t="e">
        <f>'CPT Data'!Q5731</f>
        <v>#N/A</v>
      </c>
      <c r="E5723" t="e">
        <f t="shared" ref="E5723:E5786" si="90">IF(C5723="SAND",#N/A,IF(C5723=C5722,D5722,IF(C5723="CLAY",D5723,#N/A)))</f>
        <v>#N/A</v>
      </c>
      <c r="F5723" t="str">
        <f>IF(C5723="CLAY", INDEX(D$4:D5723, MATCH("CLAY", C$4:C5723, 0)), "")</f>
        <v/>
      </c>
    </row>
    <row r="5724" spans="1:6" x14ac:dyDescent="0.2">
      <c r="A5724" s="239">
        <f>'CPT Data'!B5732</f>
        <v>56.892000000000003</v>
      </c>
      <c r="B5724" s="3">
        <f>'CPT Data'!C5732</f>
        <v>56.885000000000005</v>
      </c>
      <c r="C5724" t="str">
        <f>'CPT Data'!P5732</f>
        <v>SAND</v>
      </c>
      <c r="D5724" t="e">
        <f>'CPT Data'!Q5732</f>
        <v>#N/A</v>
      </c>
      <c r="E5724" t="e">
        <f t="shared" si="90"/>
        <v>#N/A</v>
      </c>
      <c r="F5724" t="str">
        <f>IF(C5724="CLAY", INDEX(D$4:D5724, MATCH("CLAY", C$4:C5724, 0)), "")</f>
        <v/>
      </c>
    </row>
    <row r="5725" spans="1:6" x14ac:dyDescent="0.2">
      <c r="A5725" s="239">
        <f>'CPT Data'!B5733</f>
        <v>56.902000000000001</v>
      </c>
      <c r="B5725" s="3">
        <f>'CPT Data'!C5733</f>
        <v>56.895000000000003</v>
      </c>
      <c r="C5725" t="str">
        <f>'CPT Data'!P5733</f>
        <v>SAND</v>
      </c>
      <c r="D5725" t="e">
        <f>'CPT Data'!Q5733</f>
        <v>#N/A</v>
      </c>
      <c r="E5725" t="e">
        <f t="shared" si="90"/>
        <v>#N/A</v>
      </c>
      <c r="F5725" t="str">
        <f>IF(C5725="CLAY", INDEX(D$4:D5725, MATCH("CLAY", C$4:C5725, 0)), "")</f>
        <v/>
      </c>
    </row>
    <row r="5726" spans="1:6" x14ac:dyDescent="0.2">
      <c r="A5726" s="239">
        <f>'CPT Data'!B5734</f>
        <v>56.912999999999997</v>
      </c>
      <c r="B5726" s="3">
        <f>'CPT Data'!C5734</f>
        <v>56.905999999999999</v>
      </c>
      <c r="C5726" t="str">
        <f>'CPT Data'!P5734</f>
        <v>SAND</v>
      </c>
      <c r="D5726" t="e">
        <f>'CPT Data'!Q5734</f>
        <v>#N/A</v>
      </c>
      <c r="E5726" t="e">
        <f t="shared" si="90"/>
        <v>#N/A</v>
      </c>
      <c r="F5726" t="str">
        <f>IF(C5726="CLAY", INDEX(D$4:D5726, MATCH("CLAY", C$4:C5726, 0)), "")</f>
        <v/>
      </c>
    </row>
    <row r="5727" spans="1:6" x14ac:dyDescent="0.2">
      <c r="A5727" s="239">
        <f>'CPT Data'!B5735</f>
        <v>56.923000000000002</v>
      </c>
      <c r="B5727" s="3">
        <f>'CPT Data'!C5735</f>
        <v>56.916000000000004</v>
      </c>
      <c r="C5727" t="str">
        <f>'CPT Data'!P5735</f>
        <v>SAND</v>
      </c>
      <c r="D5727" t="e">
        <f>'CPT Data'!Q5735</f>
        <v>#N/A</v>
      </c>
      <c r="E5727" t="e">
        <f t="shared" si="90"/>
        <v>#N/A</v>
      </c>
      <c r="F5727" t="str">
        <f>IF(C5727="CLAY", INDEX(D$4:D5727, MATCH("CLAY", C$4:C5727, 0)), "")</f>
        <v/>
      </c>
    </row>
    <row r="5728" spans="1:6" x14ac:dyDescent="0.2">
      <c r="A5728" s="239">
        <f>'CPT Data'!B5736</f>
        <v>56.933</v>
      </c>
      <c r="B5728" s="3">
        <f>'CPT Data'!C5736</f>
        <v>56.926000000000002</v>
      </c>
      <c r="C5728" t="str">
        <f>'CPT Data'!P5736</f>
        <v>SAND</v>
      </c>
      <c r="D5728" t="e">
        <f>'CPT Data'!Q5736</f>
        <v>#N/A</v>
      </c>
      <c r="E5728" t="e">
        <f t="shared" si="90"/>
        <v>#N/A</v>
      </c>
      <c r="F5728" t="str">
        <f>IF(C5728="CLAY", INDEX(D$4:D5728, MATCH("CLAY", C$4:C5728, 0)), "")</f>
        <v/>
      </c>
    </row>
    <row r="5729" spans="1:6" x14ac:dyDescent="0.2">
      <c r="A5729" s="239">
        <f>'CPT Data'!B5737</f>
        <v>56.942999999999998</v>
      </c>
      <c r="B5729" s="3">
        <f>'CPT Data'!C5737</f>
        <v>56.936</v>
      </c>
      <c r="C5729" t="str">
        <f>'CPT Data'!P5737</f>
        <v>SAND</v>
      </c>
      <c r="D5729" t="e">
        <f>'CPT Data'!Q5737</f>
        <v>#N/A</v>
      </c>
      <c r="E5729" t="e">
        <f t="shared" si="90"/>
        <v>#N/A</v>
      </c>
      <c r="F5729" t="str">
        <f>IF(C5729="CLAY", INDEX(D$4:D5729, MATCH("CLAY", C$4:C5729, 0)), "")</f>
        <v/>
      </c>
    </row>
    <row r="5730" spans="1:6" x14ac:dyDescent="0.2">
      <c r="A5730" s="239">
        <f>'CPT Data'!B5738</f>
        <v>56.953000000000003</v>
      </c>
      <c r="B5730" s="3">
        <f>'CPT Data'!C5738</f>
        <v>56.946000000000005</v>
      </c>
      <c r="C5730" t="str">
        <f>'CPT Data'!P5738</f>
        <v>SAND</v>
      </c>
      <c r="D5730" t="e">
        <f>'CPT Data'!Q5738</f>
        <v>#N/A</v>
      </c>
      <c r="E5730" t="e">
        <f t="shared" si="90"/>
        <v>#N/A</v>
      </c>
      <c r="F5730" t="str">
        <f>IF(C5730="CLAY", INDEX(D$4:D5730, MATCH("CLAY", C$4:C5730, 0)), "")</f>
        <v/>
      </c>
    </row>
    <row r="5731" spans="1:6" x14ac:dyDescent="0.2">
      <c r="A5731" s="239">
        <f>'CPT Data'!B5739</f>
        <v>56.963999999999999</v>
      </c>
      <c r="B5731" s="3">
        <f>'CPT Data'!C5739</f>
        <v>56.957000000000001</v>
      </c>
      <c r="C5731" t="str">
        <f>'CPT Data'!P5739</f>
        <v>SAND</v>
      </c>
      <c r="D5731" t="e">
        <f>'CPT Data'!Q5739</f>
        <v>#N/A</v>
      </c>
      <c r="E5731" t="e">
        <f t="shared" si="90"/>
        <v>#N/A</v>
      </c>
      <c r="F5731" t="str">
        <f>IF(C5731="CLAY", INDEX(D$4:D5731, MATCH("CLAY", C$4:C5731, 0)), "")</f>
        <v/>
      </c>
    </row>
    <row r="5732" spans="1:6" x14ac:dyDescent="0.2">
      <c r="A5732" s="239">
        <f>'CPT Data'!B5740</f>
        <v>56.973999999999997</v>
      </c>
      <c r="B5732" s="3">
        <f>'CPT Data'!C5740</f>
        <v>56.966999999999999</v>
      </c>
      <c r="C5732" t="str">
        <f>'CPT Data'!P5740</f>
        <v>SAND</v>
      </c>
      <c r="D5732" t="e">
        <f>'CPT Data'!Q5740</f>
        <v>#N/A</v>
      </c>
      <c r="E5732" t="e">
        <f t="shared" si="90"/>
        <v>#N/A</v>
      </c>
      <c r="F5732" t="str">
        <f>IF(C5732="CLAY", INDEX(D$4:D5732, MATCH("CLAY", C$4:C5732, 0)), "")</f>
        <v/>
      </c>
    </row>
    <row r="5733" spans="1:6" x14ac:dyDescent="0.2">
      <c r="A5733" s="239">
        <f>'CPT Data'!B5741</f>
        <v>56.982999999999997</v>
      </c>
      <c r="B5733" s="3">
        <f>'CPT Data'!C5741</f>
        <v>56.975999999999999</v>
      </c>
      <c r="C5733" t="str">
        <f>'CPT Data'!P5741</f>
        <v>SAND</v>
      </c>
      <c r="D5733" t="e">
        <f>'CPT Data'!Q5741</f>
        <v>#N/A</v>
      </c>
      <c r="E5733" t="e">
        <f t="shared" si="90"/>
        <v>#N/A</v>
      </c>
      <c r="F5733" t="str">
        <f>IF(C5733="CLAY", INDEX(D$4:D5733, MATCH("CLAY", C$4:C5733, 0)), "")</f>
        <v/>
      </c>
    </row>
    <row r="5734" spans="1:6" x14ac:dyDescent="0.2">
      <c r="A5734" s="239">
        <f>'CPT Data'!B5742</f>
        <v>56.994</v>
      </c>
      <c r="B5734" s="3">
        <f>'CPT Data'!C5742</f>
        <v>56.987000000000002</v>
      </c>
      <c r="C5734" t="str">
        <f>'CPT Data'!P5742</f>
        <v>SAND</v>
      </c>
      <c r="D5734" t="e">
        <f>'CPT Data'!Q5742</f>
        <v>#N/A</v>
      </c>
      <c r="E5734" t="e">
        <f t="shared" si="90"/>
        <v>#N/A</v>
      </c>
      <c r="F5734" t="str">
        <f>IF(C5734="CLAY", INDEX(D$4:D5734, MATCH("CLAY", C$4:C5734, 0)), "")</f>
        <v/>
      </c>
    </row>
    <row r="5735" spans="1:6" x14ac:dyDescent="0.2">
      <c r="A5735" s="239">
        <f>'CPT Data'!B5743</f>
        <v>57.003999999999998</v>
      </c>
      <c r="B5735" s="3">
        <f>'CPT Data'!C5743</f>
        <v>56.997</v>
      </c>
      <c r="C5735" t="str">
        <f>'CPT Data'!P5743</f>
        <v>SAND</v>
      </c>
      <c r="D5735" t="e">
        <f>'CPT Data'!Q5743</f>
        <v>#N/A</v>
      </c>
      <c r="E5735" t="e">
        <f t="shared" si="90"/>
        <v>#N/A</v>
      </c>
      <c r="F5735" t="str">
        <f>IF(C5735="CLAY", INDEX(D$4:D5735, MATCH("CLAY", C$4:C5735, 0)), "")</f>
        <v/>
      </c>
    </row>
    <row r="5736" spans="1:6" x14ac:dyDescent="0.2">
      <c r="A5736" s="239">
        <f>'CPT Data'!B5744</f>
        <v>57.014000000000003</v>
      </c>
      <c r="B5736" s="3">
        <f>'CPT Data'!C5744</f>
        <v>57.007000000000005</v>
      </c>
      <c r="C5736" t="str">
        <f>'CPT Data'!P5744</f>
        <v>SAND</v>
      </c>
      <c r="D5736" t="e">
        <f>'CPT Data'!Q5744</f>
        <v>#N/A</v>
      </c>
      <c r="E5736" t="e">
        <f t="shared" si="90"/>
        <v>#N/A</v>
      </c>
      <c r="F5736" t="str">
        <f>IF(C5736="CLAY", INDEX(D$4:D5736, MATCH("CLAY", C$4:C5736, 0)), "")</f>
        <v/>
      </c>
    </row>
    <row r="5737" spans="1:6" x14ac:dyDescent="0.2">
      <c r="A5737" s="239">
        <f>'CPT Data'!B5745</f>
        <v>57.024999999999999</v>
      </c>
      <c r="B5737" s="3">
        <f>'CPT Data'!C5745</f>
        <v>57.018000000000001</v>
      </c>
      <c r="C5737" t="str">
        <f>'CPT Data'!P5745</f>
        <v>SAND</v>
      </c>
      <c r="D5737" t="e">
        <f>'CPT Data'!Q5745</f>
        <v>#N/A</v>
      </c>
      <c r="E5737" t="e">
        <f t="shared" si="90"/>
        <v>#N/A</v>
      </c>
      <c r="F5737" t="str">
        <f>IF(C5737="CLAY", INDEX(D$4:D5737, MATCH("CLAY", C$4:C5737, 0)), "")</f>
        <v/>
      </c>
    </row>
    <row r="5738" spans="1:6" x14ac:dyDescent="0.2">
      <c r="A5738" s="239">
        <f>'CPT Data'!B5746</f>
        <v>57.036000000000001</v>
      </c>
      <c r="B5738" s="3">
        <f>'CPT Data'!C5746</f>
        <v>57.029000000000003</v>
      </c>
      <c r="C5738" t="str">
        <f>'CPT Data'!P5746</f>
        <v>SAND</v>
      </c>
      <c r="D5738" t="e">
        <f>'CPT Data'!Q5746</f>
        <v>#N/A</v>
      </c>
      <c r="E5738" t="e">
        <f t="shared" si="90"/>
        <v>#N/A</v>
      </c>
      <c r="F5738" t="str">
        <f>IF(C5738="CLAY", INDEX(D$4:D5738, MATCH("CLAY", C$4:C5738, 0)), "")</f>
        <v/>
      </c>
    </row>
    <row r="5739" spans="1:6" x14ac:dyDescent="0.2">
      <c r="A5739" s="239">
        <f>'CPT Data'!B5747</f>
        <v>57.045999999999999</v>
      </c>
      <c r="B5739" s="3">
        <f>'CPT Data'!C5747</f>
        <v>57.039000000000001</v>
      </c>
      <c r="C5739" t="str">
        <f>'CPT Data'!P5747</f>
        <v>SAND</v>
      </c>
      <c r="D5739" t="e">
        <f>'CPT Data'!Q5747</f>
        <v>#N/A</v>
      </c>
      <c r="E5739" t="e">
        <f t="shared" si="90"/>
        <v>#N/A</v>
      </c>
      <c r="F5739" t="str">
        <f>IF(C5739="CLAY", INDEX(D$4:D5739, MATCH("CLAY", C$4:C5739, 0)), "")</f>
        <v/>
      </c>
    </row>
    <row r="5740" spans="1:6" x14ac:dyDescent="0.2">
      <c r="A5740" s="239">
        <f>'CPT Data'!B5748</f>
        <v>57.055999999999997</v>
      </c>
      <c r="B5740" s="3">
        <f>'CPT Data'!C5748</f>
        <v>57.048999999999999</v>
      </c>
      <c r="C5740" t="str">
        <f>'CPT Data'!P5748</f>
        <v>SAND</v>
      </c>
      <c r="D5740" t="e">
        <f>'CPT Data'!Q5748</f>
        <v>#N/A</v>
      </c>
      <c r="E5740" t="e">
        <f t="shared" si="90"/>
        <v>#N/A</v>
      </c>
      <c r="F5740" t="str">
        <f>IF(C5740="CLAY", INDEX(D$4:D5740, MATCH("CLAY", C$4:C5740, 0)), "")</f>
        <v/>
      </c>
    </row>
    <row r="5741" spans="1:6" x14ac:dyDescent="0.2">
      <c r="A5741" s="239">
        <f>'CPT Data'!B5749</f>
        <v>57.066000000000003</v>
      </c>
      <c r="B5741" s="3">
        <f>'CPT Data'!C5749</f>
        <v>57.059000000000005</v>
      </c>
      <c r="C5741" t="str">
        <f>'CPT Data'!P5749</f>
        <v>SAND</v>
      </c>
      <c r="D5741" t="e">
        <f>'CPT Data'!Q5749</f>
        <v>#N/A</v>
      </c>
      <c r="E5741" t="e">
        <f t="shared" si="90"/>
        <v>#N/A</v>
      </c>
      <c r="F5741" t="str">
        <f>IF(C5741="CLAY", INDEX(D$4:D5741, MATCH("CLAY", C$4:C5741, 0)), "")</f>
        <v/>
      </c>
    </row>
    <row r="5742" spans="1:6" x14ac:dyDescent="0.2">
      <c r="A5742" s="239">
        <f>'CPT Data'!B5750</f>
        <v>57.076000000000001</v>
      </c>
      <c r="B5742" s="3">
        <f>'CPT Data'!C5750</f>
        <v>57.069000000000003</v>
      </c>
      <c r="C5742" t="str">
        <f>'CPT Data'!P5750</f>
        <v>SAND</v>
      </c>
      <c r="D5742" t="e">
        <f>'CPT Data'!Q5750</f>
        <v>#N/A</v>
      </c>
      <c r="E5742" t="e">
        <f t="shared" si="90"/>
        <v>#N/A</v>
      </c>
      <c r="F5742" t="str">
        <f>IF(C5742="CLAY", INDEX(D$4:D5742, MATCH("CLAY", C$4:C5742, 0)), "")</f>
        <v/>
      </c>
    </row>
    <row r="5743" spans="1:6" x14ac:dyDescent="0.2">
      <c r="A5743" s="239">
        <f>'CPT Data'!B5751</f>
        <v>57.087000000000003</v>
      </c>
      <c r="B5743" s="3">
        <f>'CPT Data'!C5751</f>
        <v>57.080000000000005</v>
      </c>
      <c r="C5743" t="str">
        <f>'CPT Data'!P5751</f>
        <v>SAND</v>
      </c>
      <c r="D5743" t="e">
        <f>'CPT Data'!Q5751</f>
        <v>#N/A</v>
      </c>
      <c r="E5743" t="e">
        <f t="shared" si="90"/>
        <v>#N/A</v>
      </c>
      <c r="F5743" t="str">
        <f>IF(C5743="CLAY", INDEX(D$4:D5743, MATCH("CLAY", C$4:C5743, 0)), "")</f>
        <v/>
      </c>
    </row>
    <row r="5744" spans="1:6" x14ac:dyDescent="0.2">
      <c r="A5744" s="239">
        <f>'CPT Data'!B5752</f>
        <v>57.097999999999999</v>
      </c>
      <c r="B5744" s="3">
        <f>'CPT Data'!C5752</f>
        <v>57.091000000000001</v>
      </c>
      <c r="C5744" t="str">
        <f>'CPT Data'!P5752</f>
        <v>SAND</v>
      </c>
      <c r="D5744" t="e">
        <f>'CPT Data'!Q5752</f>
        <v>#N/A</v>
      </c>
      <c r="E5744" t="e">
        <f t="shared" si="90"/>
        <v>#N/A</v>
      </c>
      <c r="F5744" t="str">
        <f>IF(C5744="CLAY", INDEX(D$4:D5744, MATCH("CLAY", C$4:C5744, 0)), "")</f>
        <v/>
      </c>
    </row>
    <row r="5745" spans="1:6" x14ac:dyDescent="0.2">
      <c r="A5745" s="239">
        <f>'CPT Data'!B5753</f>
        <v>57.106999999999999</v>
      </c>
      <c r="B5745" s="3">
        <f>'CPT Data'!C5753</f>
        <v>57.1</v>
      </c>
      <c r="C5745" t="str">
        <f>'CPT Data'!P5753</f>
        <v>SAND</v>
      </c>
      <c r="D5745" t="e">
        <f>'CPT Data'!Q5753</f>
        <v>#N/A</v>
      </c>
      <c r="E5745" t="e">
        <f t="shared" si="90"/>
        <v>#N/A</v>
      </c>
      <c r="F5745" t="str">
        <f>IF(C5745="CLAY", INDEX(D$4:D5745, MATCH("CLAY", C$4:C5745, 0)), "")</f>
        <v/>
      </c>
    </row>
    <row r="5746" spans="1:6" x14ac:dyDescent="0.2">
      <c r="A5746" s="239">
        <f>'CPT Data'!B5754</f>
        <v>57.116999999999997</v>
      </c>
      <c r="B5746" s="3">
        <f>'CPT Data'!C5754</f>
        <v>57.11</v>
      </c>
      <c r="C5746" t="str">
        <f>'CPT Data'!P5754</f>
        <v>SAND</v>
      </c>
      <c r="D5746" t="e">
        <f>'CPT Data'!Q5754</f>
        <v>#N/A</v>
      </c>
      <c r="E5746" t="e">
        <f t="shared" si="90"/>
        <v>#N/A</v>
      </c>
      <c r="F5746" t="str">
        <f>IF(C5746="CLAY", INDEX(D$4:D5746, MATCH("CLAY", C$4:C5746, 0)), "")</f>
        <v/>
      </c>
    </row>
    <row r="5747" spans="1:6" x14ac:dyDescent="0.2">
      <c r="A5747" s="239">
        <f>'CPT Data'!B5755</f>
        <v>57.128</v>
      </c>
      <c r="B5747" s="3">
        <f>'CPT Data'!C5755</f>
        <v>57.121000000000002</v>
      </c>
      <c r="C5747" t="str">
        <f>'CPT Data'!P5755</f>
        <v>SAND</v>
      </c>
      <c r="D5747" t="e">
        <f>'CPT Data'!Q5755</f>
        <v>#N/A</v>
      </c>
      <c r="E5747" t="e">
        <f t="shared" si="90"/>
        <v>#N/A</v>
      </c>
      <c r="F5747" t="str">
        <f>IF(C5747="CLAY", INDEX(D$4:D5747, MATCH("CLAY", C$4:C5747, 0)), "")</f>
        <v/>
      </c>
    </row>
    <row r="5748" spans="1:6" x14ac:dyDescent="0.2">
      <c r="A5748" s="239">
        <f>'CPT Data'!B5756</f>
        <v>57.137</v>
      </c>
      <c r="B5748" s="3">
        <f>'CPT Data'!C5756</f>
        <v>57.13</v>
      </c>
      <c r="C5748" t="str">
        <f>'CPT Data'!P5756</f>
        <v>SAND</v>
      </c>
      <c r="D5748" t="e">
        <f>'CPT Data'!Q5756</f>
        <v>#N/A</v>
      </c>
      <c r="E5748" t="e">
        <f t="shared" si="90"/>
        <v>#N/A</v>
      </c>
      <c r="F5748" t="str">
        <f>IF(C5748="CLAY", INDEX(D$4:D5748, MATCH("CLAY", C$4:C5748, 0)), "")</f>
        <v/>
      </c>
    </row>
    <row r="5749" spans="1:6" x14ac:dyDescent="0.2">
      <c r="A5749" s="239">
        <f>'CPT Data'!B5757</f>
        <v>57.148000000000003</v>
      </c>
      <c r="B5749" s="3">
        <f>'CPT Data'!C5757</f>
        <v>57.141000000000005</v>
      </c>
      <c r="C5749" t="str">
        <f>'CPT Data'!P5757</f>
        <v>SAND</v>
      </c>
      <c r="D5749" t="e">
        <f>'CPT Data'!Q5757</f>
        <v>#N/A</v>
      </c>
      <c r="E5749" t="e">
        <f t="shared" si="90"/>
        <v>#N/A</v>
      </c>
      <c r="F5749" t="str">
        <f>IF(C5749="CLAY", INDEX(D$4:D5749, MATCH("CLAY", C$4:C5749, 0)), "")</f>
        <v/>
      </c>
    </row>
    <row r="5750" spans="1:6" x14ac:dyDescent="0.2">
      <c r="A5750" s="239">
        <f>'CPT Data'!B5758</f>
        <v>57.16</v>
      </c>
      <c r="B5750" s="3">
        <f>'CPT Data'!C5758</f>
        <v>57.152999999999999</v>
      </c>
      <c r="C5750" t="str">
        <f>'CPT Data'!P5758</f>
        <v>SAND</v>
      </c>
      <c r="D5750" t="e">
        <f>'CPT Data'!Q5758</f>
        <v>#N/A</v>
      </c>
      <c r="E5750" t="e">
        <f t="shared" si="90"/>
        <v>#N/A</v>
      </c>
      <c r="F5750" t="str">
        <f>IF(C5750="CLAY", INDEX(D$4:D5750, MATCH("CLAY", C$4:C5750, 0)), "")</f>
        <v/>
      </c>
    </row>
    <row r="5751" spans="1:6" x14ac:dyDescent="0.2">
      <c r="A5751" s="239">
        <f>'CPT Data'!B5759</f>
        <v>57.17</v>
      </c>
      <c r="B5751" s="3">
        <f>'CPT Data'!C5759</f>
        <v>57.163000000000004</v>
      </c>
      <c r="C5751" t="str">
        <f>'CPT Data'!P5759</f>
        <v>SAND</v>
      </c>
      <c r="D5751" t="e">
        <f>'CPT Data'!Q5759</f>
        <v>#N/A</v>
      </c>
      <c r="E5751" t="e">
        <f t="shared" si="90"/>
        <v>#N/A</v>
      </c>
      <c r="F5751" t="str">
        <f>IF(C5751="CLAY", INDEX(D$4:D5751, MATCH("CLAY", C$4:C5751, 0)), "")</f>
        <v/>
      </c>
    </row>
    <row r="5752" spans="1:6" x14ac:dyDescent="0.2">
      <c r="A5752" s="239">
        <f>'CPT Data'!B5760</f>
        <v>57.180999999999997</v>
      </c>
      <c r="B5752" s="3">
        <f>'CPT Data'!C5760</f>
        <v>57.173999999999999</v>
      </c>
      <c r="C5752" t="str">
        <f>'CPT Data'!P5760</f>
        <v>SAND</v>
      </c>
      <c r="D5752" t="e">
        <f>'CPT Data'!Q5760</f>
        <v>#N/A</v>
      </c>
      <c r="E5752" t="e">
        <f t="shared" si="90"/>
        <v>#N/A</v>
      </c>
      <c r="F5752" t="str">
        <f>IF(C5752="CLAY", INDEX(D$4:D5752, MATCH("CLAY", C$4:C5752, 0)), "")</f>
        <v/>
      </c>
    </row>
    <row r="5753" spans="1:6" x14ac:dyDescent="0.2">
      <c r="A5753" s="239">
        <f>'CPT Data'!B5761</f>
        <v>57.191000000000003</v>
      </c>
      <c r="B5753" s="3">
        <f>'CPT Data'!C5761</f>
        <v>57.184000000000005</v>
      </c>
      <c r="C5753" t="str">
        <f>'CPT Data'!P5761</f>
        <v>SAND</v>
      </c>
      <c r="D5753" t="e">
        <f>'CPT Data'!Q5761</f>
        <v>#N/A</v>
      </c>
      <c r="E5753" t="e">
        <f t="shared" si="90"/>
        <v>#N/A</v>
      </c>
      <c r="F5753" t="str">
        <f>IF(C5753="CLAY", INDEX(D$4:D5753, MATCH("CLAY", C$4:C5753, 0)), "")</f>
        <v/>
      </c>
    </row>
    <row r="5754" spans="1:6" x14ac:dyDescent="0.2">
      <c r="A5754" s="239">
        <f>'CPT Data'!B5762</f>
        <v>57.201000000000001</v>
      </c>
      <c r="B5754" s="3">
        <f>'CPT Data'!C5762</f>
        <v>57.194000000000003</v>
      </c>
      <c r="C5754" t="str">
        <f>'CPT Data'!P5762</f>
        <v>SAND</v>
      </c>
      <c r="D5754" t="e">
        <f>'CPT Data'!Q5762</f>
        <v>#N/A</v>
      </c>
      <c r="E5754" t="e">
        <f t="shared" si="90"/>
        <v>#N/A</v>
      </c>
      <c r="F5754" t="str">
        <f>IF(C5754="CLAY", INDEX(D$4:D5754, MATCH("CLAY", C$4:C5754, 0)), "")</f>
        <v/>
      </c>
    </row>
    <row r="5755" spans="1:6" x14ac:dyDescent="0.2">
      <c r="A5755" s="239">
        <f>'CPT Data'!B5763</f>
        <v>57.210999999999999</v>
      </c>
      <c r="B5755" s="3">
        <f>'CPT Data'!C5763</f>
        <v>57.204000000000001</v>
      </c>
      <c r="C5755" t="str">
        <f>'CPT Data'!P5763</f>
        <v>SAND</v>
      </c>
      <c r="D5755" t="e">
        <f>'CPT Data'!Q5763</f>
        <v>#N/A</v>
      </c>
      <c r="E5755" t="e">
        <f t="shared" si="90"/>
        <v>#N/A</v>
      </c>
      <c r="F5755" t="str">
        <f>IF(C5755="CLAY", INDEX(D$4:D5755, MATCH("CLAY", C$4:C5755, 0)), "")</f>
        <v/>
      </c>
    </row>
    <row r="5756" spans="1:6" x14ac:dyDescent="0.2">
      <c r="A5756" s="239">
        <f>'CPT Data'!B5764</f>
        <v>57.220999999999997</v>
      </c>
      <c r="B5756" s="3">
        <f>'CPT Data'!C5764</f>
        <v>57.213999999999999</v>
      </c>
      <c r="C5756" t="str">
        <f>'CPT Data'!P5764</f>
        <v>SAND</v>
      </c>
      <c r="D5756" t="e">
        <f>'CPT Data'!Q5764</f>
        <v>#N/A</v>
      </c>
      <c r="E5756" t="e">
        <f t="shared" si="90"/>
        <v>#N/A</v>
      </c>
      <c r="F5756" t="str">
        <f>IF(C5756="CLAY", INDEX(D$4:D5756, MATCH("CLAY", C$4:C5756, 0)), "")</f>
        <v/>
      </c>
    </row>
    <row r="5757" spans="1:6" x14ac:dyDescent="0.2">
      <c r="A5757" s="239">
        <f>'CPT Data'!B5765</f>
        <v>57.231999999999999</v>
      </c>
      <c r="B5757" s="3">
        <f>'CPT Data'!C5765</f>
        <v>57.225000000000001</v>
      </c>
      <c r="C5757" t="str">
        <f>'CPT Data'!P5765</f>
        <v>SAND</v>
      </c>
      <c r="D5757" t="e">
        <f>'CPT Data'!Q5765</f>
        <v>#N/A</v>
      </c>
      <c r="E5757" t="e">
        <f t="shared" si="90"/>
        <v>#N/A</v>
      </c>
      <c r="F5757" t="str">
        <f>IF(C5757="CLAY", INDEX(D$4:D5757, MATCH("CLAY", C$4:C5757, 0)), "")</f>
        <v/>
      </c>
    </row>
    <row r="5758" spans="1:6" x14ac:dyDescent="0.2">
      <c r="A5758" s="239">
        <f>'CPT Data'!B5766</f>
        <v>57.241999999999997</v>
      </c>
      <c r="B5758" s="3">
        <f>'CPT Data'!C5766</f>
        <v>57.234999999999999</v>
      </c>
      <c r="C5758" t="str">
        <f>'CPT Data'!P5766</f>
        <v>SAND</v>
      </c>
      <c r="D5758" t="e">
        <f>'CPT Data'!Q5766</f>
        <v>#N/A</v>
      </c>
      <c r="E5758" t="e">
        <f t="shared" si="90"/>
        <v>#N/A</v>
      </c>
      <c r="F5758" t="str">
        <f>IF(C5758="CLAY", INDEX(D$4:D5758, MATCH("CLAY", C$4:C5758, 0)), "")</f>
        <v/>
      </c>
    </row>
    <row r="5759" spans="1:6" x14ac:dyDescent="0.2">
      <c r="A5759" s="239">
        <f>'CPT Data'!B5767</f>
        <v>57.252000000000002</v>
      </c>
      <c r="B5759" s="3">
        <f>'CPT Data'!C5767</f>
        <v>57.245000000000005</v>
      </c>
      <c r="C5759" t="str">
        <f>'CPT Data'!P5767</f>
        <v>SAND</v>
      </c>
      <c r="D5759" t="e">
        <f>'CPT Data'!Q5767</f>
        <v>#N/A</v>
      </c>
      <c r="E5759" t="e">
        <f t="shared" si="90"/>
        <v>#N/A</v>
      </c>
      <c r="F5759" t="str">
        <f>IF(C5759="CLAY", INDEX(D$4:D5759, MATCH("CLAY", C$4:C5759, 0)), "")</f>
        <v/>
      </c>
    </row>
    <row r="5760" spans="1:6" x14ac:dyDescent="0.2">
      <c r="A5760" s="239">
        <f>'CPT Data'!B5768</f>
        <v>57.262999999999998</v>
      </c>
      <c r="B5760" s="3">
        <f>'CPT Data'!C5768</f>
        <v>57.256</v>
      </c>
      <c r="C5760" t="str">
        <f>'CPT Data'!P5768</f>
        <v>SAND</v>
      </c>
      <c r="D5760" t="e">
        <f>'CPT Data'!Q5768</f>
        <v>#N/A</v>
      </c>
      <c r="E5760" t="e">
        <f t="shared" si="90"/>
        <v>#N/A</v>
      </c>
      <c r="F5760" t="str">
        <f>IF(C5760="CLAY", INDEX(D$4:D5760, MATCH("CLAY", C$4:C5760, 0)), "")</f>
        <v/>
      </c>
    </row>
    <row r="5761" spans="1:6" x14ac:dyDescent="0.2">
      <c r="A5761" s="239">
        <f>'CPT Data'!B5769</f>
        <v>57.271999999999998</v>
      </c>
      <c r="B5761" s="3">
        <f>'CPT Data'!C5769</f>
        <v>57.265000000000001</v>
      </c>
      <c r="C5761" t="str">
        <f>'CPT Data'!P5769</f>
        <v>SAND</v>
      </c>
      <c r="D5761" t="e">
        <f>'CPT Data'!Q5769</f>
        <v>#N/A</v>
      </c>
      <c r="E5761" t="e">
        <f t="shared" si="90"/>
        <v>#N/A</v>
      </c>
      <c r="F5761" t="str">
        <f>IF(C5761="CLAY", INDEX(D$4:D5761, MATCH("CLAY", C$4:C5761, 0)), "")</f>
        <v/>
      </c>
    </row>
    <row r="5762" spans="1:6" x14ac:dyDescent="0.2">
      <c r="A5762" s="239">
        <f>'CPT Data'!B5770</f>
        <v>57.283000000000001</v>
      </c>
      <c r="B5762" s="3">
        <f>'CPT Data'!C5770</f>
        <v>57.276000000000003</v>
      </c>
      <c r="C5762" t="str">
        <f>'CPT Data'!P5770</f>
        <v>SAND</v>
      </c>
      <c r="D5762" t="e">
        <f>'CPT Data'!Q5770</f>
        <v>#N/A</v>
      </c>
      <c r="E5762" t="e">
        <f t="shared" si="90"/>
        <v>#N/A</v>
      </c>
      <c r="F5762" t="str">
        <f>IF(C5762="CLAY", INDEX(D$4:D5762, MATCH("CLAY", C$4:C5762, 0)), "")</f>
        <v/>
      </c>
    </row>
    <row r="5763" spans="1:6" x14ac:dyDescent="0.2">
      <c r="A5763" s="239">
        <f>'CPT Data'!B5771</f>
        <v>57.293999999999997</v>
      </c>
      <c r="B5763" s="3">
        <f>'CPT Data'!C5771</f>
        <v>57.286999999999999</v>
      </c>
      <c r="C5763" t="str">
        <f>'CPT Data'!P5771</f>
        <v>SAND</v>
      </c>
      <c r="D5763" t="e">
        <f>'CPT Data'!Q5771</f>
        <v>#N/A</v>
      </c>
      <c r="E5763" t="e">
        <f t="shared" si="90"/>
        <v>#N/A</v>
      </c>
      <c r="F5763" t="str">
        <f>IF(C5763="CLAY", INDEX(D$4:D5763, MATCH("CLAY", C$4:C5763, 0)), "")</f>
        <v/>
      </c>
    </row>
    <row r="5764" spans="1:6" x14ac:dyDescent="0.2">
      <c r="A5764" s="239">
        <f>'CPT Data'!B5772</f>
        <v>57.304000000000002</v>
      </c>
      <c r="B5764" s="3">
        <f>'CPT Data'!C5772</f>
        <v>57.297000000000004</v>
      </c>
      <c r="C5764" t="str">
        <f>'CPT Data'!P5772</f>
        <v>SAND</v>
      </c>
      <c r="D5764" t="e">
        <f>'CPT Data'!Q5772</f>
        <v>#N/A</v>
      </c>
      <c r="E5764" t="e">
        <f t="shared" si="90"/>
        <v>#N/A</v>
      </c>
      <c r="F5764" t="str">
        <f>IF(C5764="CLAY", INDEX(D$4:D5764, MATCH("CLAY", C$4:C5764, 0)), "")</f>
        <v/>
      </c>
    </row>
    <row r="5765" spans="1:6" x14ac:dyDescent="0.2">
      <c r="A5765" s="239">
        <f>'CPT Data'!B5773</f>
        <v>57.314999999999998</v>
      </c>
      <c r="B5765" s="3">
        <f>'CPT Data'!C5773</f>
        <v>57.308</v>
      </c>
      <c r="C5765" t="str">
        <f>'CPT Data'!P5773</f>
        <v>SAND</v>
      </c>
      <c r="D5765" t="e">
        <f>'CPT Data'!Q5773</f>
        <v>#N/A</v>
      </c>
      <c r="E5765" t="e">
        <f t="shared" si="90"/>
        <v>#N/A</v>
      </c>
      <c r="F5765" t="str">
        <f>IF(C5765="CLAY", INDEX(D$4:D5765, MATCH("CLAY", C$4:C5765, 0)), "")</f>
        <v/>
      </c>
    </row>
    <row r="5766" spans="1:6" x14ac:dyDescent="0.2">
      <c r="A5766" s="239">
        <f>'CPT Data'!B5774</f>
        <v>57.323999999999998</v>
      </c>
      <c r="B5766" s="3">
        <f>'CPT Data'!C5774</f>
        <v>57.317</v>
      </c>
      <c r="C5766" t="str">
        <f>'CPT Data'!P5774</f>
        <v>SAND</v>
      </c>
      <c r="D5766" t="e">
        <f>'CPT Data'!Q5774</f>
        <v>#N/A</v>
      </c>
      <c r="E5766" t="e">
        <f t="shared" si="90"/>
        <v>#N/A</v>
      </c>
      <c r="F5766" t="str">
        <f>IF(C5766="CLAY", INDEX(D$4:D5766, MATCH("CLAY", C$4:C5766, 0)), "")</f>
        <v/>
      </c>
    </row>
    <row r="5767" spans="1:6" x14ac:dyDescent="0.2">
      <c r="A5767" s="239">
        <f>'CPT Data'!B5775</f>
        <v>57.335000000000001</v>
      </c>
      <c r="B5767" s="3">
        <f>'CPT Data'!C5775</f>
        <v>57.328000000000003</v>
      </c>
      <c r="C5767" t="str">
        <f>'CPT Data'!P5775</f>
        <v>SAND</v>
      </c>
      <c r="D5767" t="e">
        <f>'CPT Data'!Q5775</f>
        <v>#N/A</v>
      </c>
      <c r="E5767" t="e">
        <f t="shared" si="90"/>
        <v>#N/A</v>
      </c>
      <c r="F5767" t="str">
        <f>IF(C5767="CLAY", INDEX(D$4:D5767, MATCH("CLAY", C$4:C5767, 0)), "")</f>
        <v/>
      </c>
    </row>
    <row r="5768" spans="1:6" x14ac:dyDescent="0.2">
      <c r="A5768" s="239">
        <f>'CPT Data'!B5776</f>
        <v>57.345999999999997</v>
      </c>
      <c r="B5768" s="3">
        <f>'CPT Data'!C5776</f>
        <v>57.338999999999999</v>
      </c>
      <c r="C5768" t="str">
        <f>'CPT Data'!P5776</f>
        <v>SAND</v>
      </c>
      <c r="D5768" t="e">
        <f>'CPT Data'!Q5776</f>
        <v>#N/A</v>
      </c>
      <c r="E5768" t="e">
        <f t="shared" si="90"/>
        <v>#N/A</v>
      </c>
      <c r="F5768" t="str">
        <f>IF(C5768="CLAY", INDEX(D$4:D5768, MATCH("CLAY", C$4:C5768, 0)), "")</f>
        <v/>
      </c>
    </row>
    <row r="5769" spans="1:6" x14ac:dyDescent="0.2">
      <c r="A5769" s="239">
        <f>'CPT Data'!B5777</f>
        <v>57.356000000000002</v>
      </c>
      <c r="B5769" s="3">
        <f>'CPT Data'!C5777</f>
        <v>57.349000000000004</v>
      </c>
      <c r="C5769" t="str">
        <f>'CPT Data'!P5777</f>
        <v>SAND</v>
      </c>
      <c r="D5769" t="e">
        <f>'CPT Data'!Q5777</f>
        <v>#N/A</v>
      </c>
      <c r="E5769" t="e">
        <f t="shared" si="90"/>
        <v>#N/A</v>
      </c>
      <c r="F5769" t="str">
        <f>IF(C5769="CLAY", INDEX(D$4:D5769, MATCH("CLAY", C$4:C5769, 0)), "")</f>
        <v/>
      </c>
    </row>
    <row r="5770" spans="1:6" x14ac:dyDescent="0.2">
      <c r="A5770" s="239">
        <f>'CPT Data'!B5778</f>
        <v>57.366</v>
      </c>
      <c r="B5770" s="3">
        <f>'CPT Data'!C5778</f>
        <v>57.359000000000002</v>
      </c>
      <c r="C5770" t="str">
        <f>'CPT Data'!P5778</f>
        <v>SAND</v>
      </c>
      <c r="D5770" t="e">
        <f>'CPT Data'!Q5778</f>
        <v>#N/A</v>
      </c>
      <c r="E5770" t="e">
        <f t="shared" si="90"/>
        <v>#N/A</v>
      </c>
      <c r="F5770" t="str">
        <f>IF(C5770="CLAY", INDEX(D$4:D5770, MATCH("CLAY", C$4:C5770, 0)), "")</f>
        <v/>
      </c>
    </row>
    <row r="5771" spans="1:6" x14ac:dyDescent="0.2">
      <c r="A5771" s="239">
        <f>'CPT Data'!B5779</f>
        <v>57.375999999999998</v>
      </c>
      <c r="B5771" s="3">
        <f>'CPT Data'!C5779</f>
        <v>57.369</v>
      </c>
      <c r="C5771" t="str">
        <f>'CPT Data'!P5779</f>
        <v>SAND</v>
      </c>
      <c r="D5771" t="e">
        <f>'CPT Data'!Q5779</f>
        <v>#N/A</v>
      </c>
      <c r="E5771" t="e">
        <f t="shared" si="90"/>
        <v>#N/A</v>
      </c>
      <c r="F5771" t="str">
        <f>IF(C5771="CLAY", INDEX(D$4:D5771, MATCH("CLAY", C$4:C5771, 0)), "")</f>
        <v/>
      </c>
    </row>
    <row r="5772" spans="1:6" x14ac:dyDescent="0.2">
      <c r="A5772" s="239">
        <f>'CPT Data'!B5780</f>
        <v>57.387</v>
      </c>
      <c r="B5772" s="3">
        <f>'CPT Data'!C5780</f>
        <v>57.38</v>
      </c>
      <c r="C5772" t="str">
        <f>'CPT Data'!P5780</f>
        <v>SAND</v>
      </c>
      <c r="D5772" t="e">
        <f>'CPT Data'!Q5780</f>
        <v>#N/A</v>
      </c>
      <c r="E5772" t="e">
        <f t="shared" si="90"/>
        <v>#N/A</v>
      </c>
      <c r="F5772" t="str">
        <f>IF(C5772="CLAY", INDEX(D$4:D5772, MATCH("CLAY", C$4:C5772, 0)), "")</f>
        <v/>
      </c>
    </row>
    <row r="5773" spans="1:6" x14ac:dyDescent="0.2">
      <c r="A5773" s="239">
        <f>'CPT Data'!B5781</f>
        <v>57.396000000000001</v>
      </c>
      <c r="B5773" s="3">
        <f>'CPT Data'!C5781</f>
        <v>57.389000000000003</v>
      </c>
      <c r="C5773" t="str">
        <f>'CPT Data'!P5781</f>
        <v>SAND</v>
      </c>
      <c r="D5773" t="e">
        <f>'CPT Data'!Q5781</f>
        <v>#N/A</v>
      </c>
      <c r="E5773" t="e">
        <f t="shared" si="90"/>
        <v>#N/A</v>
      </c>
      <c r="F5773" t="str">
        <f>IF(C5773="CLAY", INDEX(D$4:D5773, MATCH("CLAY", C$4:C5773, 0)), "")</f>
        <v/>
      </c>
    </row>
    <row r="5774" spans="1:6" x14ac:dyDescent="0.2">
      <c r="A5774" s="239">
        <f>'CPT Data'!B5782</f>
        <v>57.406999999999996</v>
      </c>
      <c r="B5774" s="3">
        <f>'CPT Data'!C5782</f>
        <v>57.4</v>
      </c>
      <c r="C5774" t="str">
        <f>'CPT Data'!P5782</f>
        <v>SAND</v>
      </c>
      <c r="D5774" t="e">
        <f>'CPT Data'!Q5782</f>
        <v>#N/A</v>
      </c>
      <c r="E5774" t="e">
        <f t="shared" si="90"/>
        <v>#N/A</v>
      </c>
      <c r="F5774" t="str">
        <f>IF(C5774="CLAY", INDEX(D$4:D5774, MATCH("CLAY", C$4:C5774, 0)), "")</f>
        <v/>
      </c>
    </row>
    <row r="5775" spans="1:6" x14ac:dyDescent="0.2">
      <c r="A5775" s="239">
        <f>'CPT Data'!B5783</f>
        <v>57.417000000000002</v>
      </c>
      <c r="B5775" s="3">
        <f>'CPT Data'!C5783</f>
        <v>57.410000000000004</v>
      </c>
      <c r="C5775" t="str">
        <f>'CPT Data'!P5783</f>
        <v>SAND</v>
      </c>
      <c r="D5775" t="e">
        <f>'CPT Data'!Q5783</f>
        <v>#N/A</v>
      </c>
      <c r="E5775" t="e">
        <f t="shared" si="90"/>
        <v>#N/A</v>
      </c>
      <c r="F5775" t="str">
        <f>IF(C5775="CLAY", INDEX(D$4:D5775, MATCH("CLAY", C$4:C5775, 0)), "")</f>
        <v/>
      </c>
    </row>
    <row r="5776" spans="1:6" x14ac:dyDescent="0.2">
      <c r="A5776" s="239">
        <f>'CPT Data'!B5784</f>
        <v>57.427</v>
      </c>
      <c r="B5776" s="3">
        <f>'CPT Data'!C5784</f>
        <v>57.42</v>
      </c>
      <c r="C5776" t="str">
        <f>'CPT Data'!P5784</f>
        <v>SAND</v>
      </c>
      <c r="D5776" t="e">
        <f>'CPT Data'!Q5784</f>
        <v>#N/A</v>
      </c>
      <c r="E5776" t="e">
        <f t="shared" si="90"/>
        <v>#N/A</v>
      </c>
      <c r="F5776" t="str">
        <f>IF(C5776="CLAY", INDEX(D$4:D5776, MATCH("CLAY", C$4:C5776, 0)), "")</f>
        <v/>
      </c>
    </row>
    <row r="5777" spans="1:6" x14ac:dyDescent="0.2">
      <c r="A5777" s="239">
        <f>'CPT Data'!B5785</f>
        <v>57.438000000000002</v>
      </c>
      <c r="B5777" s="3">
        <f>'CPT Data'!C5785</f>
        <v>57.431000000000004</v>
      </c>
      <c r="C5777" t="str">
        <f>'CPT Data'!P5785</f>
        <v>SAND</v>
      </c>
      <c r="D5777" t="e">
        <f>'CPT Data'!Q5785</f>
        <v>#N/A</v>
      </c>
      <c r="E5777" t="e">
        <f t="shared" si="90"/>
        <v>#N/A</v>
      </c>
      <c r="F5777" t="str">
        <f>IF(C5777="CLAY", INDEX(D$4:D5777, MATCH("CLAY", C$4:C5777, 0)), "")</f>
        <v/>
      </c>
    </row>
    <row r="5778" spans="1:6" x14ac:dyDescent="0.2">
      <c r="A5778" s="239">
        <f>'CPT Data'!B5786</f>
        <v>57.448</v>
      </c>
      <c r="B5778" s="3">
        <f>'CPT Data'!C5786</f>
        <v>57.441000000000003</v>
      </c>
      <c r="C5778" t="str">
        <f>'CPT Data'!P5786</f>
        <v>SAND</v>
      </c>
      <c r="D5778" t="e">
        <f>'CPT Data'!Q5786</f>
        <v>#N/A</v>
      </c>
      <c r="E5778" t="e">
        <f t="shared" si="90"/>
        <v>#N/A</v>
      </c>
      <c r="F5778" t="str">
        <f>IF(C5778="CLAY", INDEX(D$4:D5778, MATCH("CLAY", C$4:C5778, 0)), "")</f>
        <v/>
      </c>
    </row>
    <row r="5779" spans="1:6" x14ac:dyDescent="0.2">
      <c r="A5779" s="239">
        <f>'CPT Data'!B5787</f>
        <v>57.457999999999998</v>
      </c>
      <c r="B5779" s="3">
        <f>'CPT Data'!C5787</f>
        <v>57.451000000000001</v>
      </c>
      <c r="C5779" t="str">
        <f>'CPT Data'!P5787</f>
        <v>SAND</v>
      </c>
      <c r="D5779" t="e">
        <f>'CPT Data'!Q5787</f>
        <v>#N/A</v>
      </c>
      <c r="E5779" t="e">
        <f t="shared" si="90"/>
        <v>#N/A</v>
      </c>
      <c r="F5779" t="str">
        <f>IF(C5779="CLAY", INDEX(D$4:D5779, MATCH("CLAY", C$4:C5779, 0)), "")</f>
        <v/>
      </c>
    </row>
    <row r="5780" spans="1:6" x14ac:dyDescent="0.2">
      <c r="A5780" s="239">
        <f>'CPT Data'!B5788</f>
        <v>57.469000000000001</v>
      </c>
      <c r="B5780" s="3">
        <f>'CPT Data'!C5788</f>
        <v>57.462000000000003</v>
      </c>
      <c r="C5780" t="str">
        <f>'CPT Data'!P5788</f>
        <v>SAND</v>
      </c>
      <c r="D5780" t="e">
        <f>'CPT Data'!Q5788</f>
        <v>#N/A</v>
      </c>
      <c r="E5780" t="e">
        <f t="shared" si="90"/>
        <v>#N/A</v>
      </c>
      <c r="F5780" t="str">
        <f>IF(C5780="CLAY", INDEX(D$4:D5780, MATCH("CLAY", C$4:C5780, 0)), "")</f>
        <v/>
      </c>
    </row>
    <row r="5781" spans="1:6" x14ac:dyDescent="0.2">
      <c r="A5781" s="239">
        <f>'CPT Data'!B5789</f>
        <v>57.478999999999999</v>
      </c>
      <c r="B5781" s="3">
        <f>'CPT Data'!C5789</f>
        <v>57.472000000000001</v>
      </c>
      <c r="C5781" t="str">
        <f>'CPT Data'!P5789</f>
        <v>SAND</v>
      </c>
      <c r="D5781" t="e">
        <f>'CPT Data'!Q5789</f>
        <v>#N/A</v>
      </c>
      <c r="E5781" t="e">
        <f t="shared" si="90"/>
        <v>#N/A</v>
      </c>
      <c r="F5781" t="str">
        <f>IF(C5781="CLAY", INDEX(D$4:D5781, MATCH("CLAY", C$4:C5781, 0)), "")</f>
        <v/>
      </c>
    </row>
    <row r="5782" spans="1:6" x14ac:dyDescent="0.2">
      <c r="A5782" s="239">
        <f>'CPT Data'!B5790</f>
        <v>57.488</v>
      </c>
      <c r="B5782" s="3">
        <f>'CPT Data'!C5790</f>
        <v>57.481000000000002</v>
      </c>
      <c r="C5782" t="str">
        <f>'CPT Data'!P5790</f>
        <v>SAND</v>
      </c>
      <c r="D5782" t="e">
        <f>'CPT Data'!Q5790</f>
        <v>#N/A</v>
      </c>
      <c r="E5782" t="e">
        <f t="shared" si="90"/>
        <v>#N/A</v>
      </c>
      <c r="F5782" t="str">
        <f>IF(C5782="CLAY", INDEX(D$4:D5782, MATCH("CLAY", C$4:C5782, 0)), "")</f>
        <v/>
      </c>
    </row>
    <row r="5783" spans="1:6" x14ac:dyDescent="0.2">
      <c r="A5783" s="239">
        <f>'CPT Data'!B5791</f>
        <v>57.5</v>
      </c>
      <c r="B5783" s="3">
        <f>'CPT Data'!C5791</f>
        <v>57.493000000000002</v>
      </c>
      <c r="C5783" t="str">
        <f>'CPT Data'!P5791</f>
        <v>SAND</v>
      </c>
      <c r="D5783" t="e">
        <f>'CPT Data'!Q5791</f>
        <v>#N/A</v>
      </c>
      <c r="E5783" t="e">
        <f t="shared" si="90"/>
        <v>#N/A</v>
      </c>
      <c r="F5783" t="str">
        <f>IF(C5783="CLAY", INDEX(D$4:D5783, MATCH("CLAY", C$4:C5783, 0)), "")</f>
        <v/>
      </c>
    </row>
    <row r="5784" spans="1:6" x14ac:dyDescent="0.2">
      <c r="A5784" s="239">
        <f>'CPT Data'!B5792</f>
        <v>57.51</v>
      </c>
      <c r="B5784" s="3">
        <f>'CPT Data'!C5792</f>
        <v>57.503</v>
      </c>
      <c r="C5784" t="str">
        <f>'CPT Data'!P5792</f>
        <v>SAND</v>
      </c>
      <c r="D5784" t="e">
        <f>'CPT Data'!Q5792</f>
        <v>#N/A</v>
      </c>
      <c r="E5784" t="e">
        <f t="shared" si="90"/>
        <v>#N/A</v>
      </c>
      <c r="F5784" t="str">
        <f>IF(C5784="CLAY", INDEX(D$4:D5784, MATCH("CLAY", C$4:C5784, 0)), "")</f>
        <v/>
      </c>
    </row>
    <row r="5785" spans="1:6" x14ac:dyDescent="0.2">
      <c r="A5785" s="239">
        <f>'CPT Data'!B5793</f>
        <v>57.521000000000001</v>
      </c>
      <c r="B5785" s="3">
        <f>'CPT Data'!C5793</f>
        <v>57.514000000000003</v>
      </c>
      <c r="C5785" t="str">
        <f>'CPT Data'!P5793</f>
        <v>SAND</v>
      </c>
      <c r="D5785" t="e">
        <f>'CPT Data'!Q5793</f>
        <v>#N/A</v>
      </c>
      <c r="E5785" t="e">
        <f t="shared" si="90"/>
        <v>#N/A</v>
      </c>
      <c r="F5785" t="str">
        <f>IF(C5785="CLAY", INDEX(D$4:D5785, MATCH("CLAY", C$4:C5785, 0)), "")</f>
        <v/>
      </c>
    </row>
    <row r="5786" spans="1:6" x14ac:dyDescent="0.2">
      <c r="A5786" s="239">
        <f>'CPT Data'!B5794</f>
        <v>57.53</v>
      </c>
      <c r="B5786" s="3">
        <f>'CPT Data'!C5794</f>
        <v>57.523000000000003</v>
      </c>
      <c r="C5786" t="str">
        <f>'CPT Data'!P5794</f>
        <v>SAND</v>
      </c>
      <c r="D5786" t="e">
        <f>'CPT Data'!Q5794</f>
        <v>#N/A</v>
      </c>
      <c r="E5786" t="e">
        <f t="shared" si="90"/>
        <v>#N/A</v>
      </c>
      <c r="F5786" t="str">
        <f>IF(C5786="CLAY", INDEX(D$4:D5786, MATCH("CLAY", C$4:C5786, 0)), "")</f>
        <v/>
      </c>
    </row>
    <row r="5787" spans="1:6" x14ac:dyDescent="0.2">
      <c r="A5787" s="239">
        <f>'CPT Data'!B5795</f>
        <v>57.540999999999997</v>
      </c>
      <c r="B5787" s="3">
        <f>'CPT Data'!C5795</f>
        <v>57.533999999999999</v>
      </c>
      <c r="C5787" t="str">
        <f>'CPT Data'!P5795</f>
        <v>SAND</v>
      </c>
      <c r="D5787" t="e">
        <f>'CPT Data'!Q5795</f>
        <v>#N/A</v>
      </c>
      <c r="E5787" t="e">
        <f t="shared" ref="E5787:E5850" si="91">IF(C5787="SAND",#N/A,IF(C5787=C5786,D5786,IF(C5787="CLAY",D5787,#N/A)))</f>
        <v>#N/A</v>
      </c>
      <c r="F5787" t="str">
        <f>IF(C5787="CLAY", INDEX(D$4:D5787, MATCH("CLAY", C$4:C5787, 0)), "")</f>
        <v/>
      </c>
    </row>
    <row r="5788" spans="1:6" x14ac:dyDescent="0.2">
      <c r="A5788" s="239">
        <f>'CPT Data'!B5796</f>
        <v>57.551000000000002</v>
      </c>
      <c r="B5788" s="3">
        <f>'CPT Data'!C5796</f>
        <v>57.544000000000004</v>
      </c>
      <c r="C5788" t="str">
        <f>'CPT Data'!P5796</f>
        <v>SAND</v>
      </c>
      <c r="D5788" t="e">
        <f>'CPT Data'!Q5796</f>
        <v>#N/A</v>
      </c>
      <c r="E5788" t="e">
        <f t="shared" si="91"/>
        <v>#N/A</v>
      </c>
      <c r="F5788" t="str">
        <f>IF(C5788="CLAY", INDEX(D$4:D5788, MATCH("CLAY", C$4:C5788, 0)), "")</f>
        <v/>
      </c>
    </row>
    <row r="5789" spans="1:6" x14ac:dyDescent="0.2">
      <c r="A5789" s="239">
        <f>'CPT Data'!B5797</f>
        <v>57.561</v>
      </c>
      <c r="B5789" s="3">
        <f>'CPT Data'!C5797</f>
        <v>57.554000000000002</v>
      </c>
      <c r="C5789" t="str">
        <f>'CPT Data'!P5797</f>
        <v>SAND</v>
      </c>
      <c r="D5789" t="e">
        <f>'CPT Data'!Q5797</f>
        <v>#N/A</v>
      </c>
      <c r="E5789" t="e">
        <f t="shared" si="91"/>
        <v>#N/A</v>
      </c>
      <c r="F5789" t="str">
        <f>IF(C5789="CLAY", INDEX(D$4:D5789, MATCH("CLAY", C$4:C5789, 0)), "")</f>
        <v/>
      </c>
    </row>
    <row r="5790" spans="1:6" x14ac:dyDescent="0.2">
      <c r="A5790" s="239">
        <f>'CPT Data'!B5798</f>
        <v>57.570999999999998</v>
      </c>
      <c r="B5790" s="3">
        <f>'CPT Data'!C5798</f>
        <v>57.564</v>
      </c>
      <c r="C5790" t="str">
        <f>'CPT Data'!P5798</f>
        <v>SAND</v>
      </c>
      <c r="D5790" t="e">
        <f>'CPT Data'!Q5798</f>
        <v>#N/A</v>
      </c>
      <c r="E5790" t="e">
        <f t="shared" si="91"/>
        <v>#N/A</v>
      </c>
      <c r="F5790" t="str">
        <f>IF(C5790="CLAY", INDEX(D$4:D5790, MATCH("CLAY", C$4:C5790, 0)), "")</f>
        <v/>
      </c>
    </row>
    <row r="5791" spans="1:6" x14ac:dyDescent="0.2">
      <c r="A5791" s="239">
        <f>'CPT Data'!B5799</f>
        <v>57.582000000000001</v>
      </c>
      <c r="B5791" s="3">
        <f>'CPT Data'!C5799</f>
        <v>57.575000000000003</v>
      </c>
      <c r="C5791" t="str">
        <f>'CPT Data'!P5799</f>
        <v>SAND</v>
      </c>
      <c r="D5791" t="e">
        <f>'CPT Data'!Q5799</f>
        <v>#N/A</v>
      </c>
      <c r="E5791" t="e">
        <f t="shared" si="91"/>
        <v>#N/A</v>
      </c>
      <c r="F5791" t="str">
        <f>IF(C5791="CLAY", INDEX(D$4:D5791, MATCH("CLAY", C$4:C5791, 0)), "")</f>
        <v/>
      </c>
    </row>
    <row r="5792" spans="1:6" x14ac:dyDescent="0.2">
      <c r="A5792" s="239">
        <f>'CPT Data'!B5800</f>
        <v>57.591000000000001</v>
      </c>
      <c r="B5792" s="3">
        <f>'CPT Data'!C5800</f>
        <v>57.584000000000003</v>
      </c>
      <c r="C5792" t="str">
        <f>'CPT Data'!P5800</f>
        <v>SAND</v>
      </c>
      <c r="D5792" t="e">
        <f>'CPT Data'!Q5800</f>
        <v>#N/A</v>
      </c>
      <c r="E5792" t="e">
        <f t="shared" si="91"/>
        <v>#N/A</v>
      </c>
      <c r="F5792" t="str">
        <f>IF(C5792="CLAY", INDEX(D$4:D5792, MATCH("CLAY", C$4:C5792, 0)), "")</f>
        <v/>
      </c>
    </row>
    <row r="5793" spans="1:6" x14ac:dyDescent="0.2">
      <c r="A5793" s="239">
        <f>'CPT Data'!B5801</f>
        <v>57.601999999999997</v>
      </c>
      <c r="B5793" s="3">
        <f>'CPT Data'!C5801</f>
        <v>57.594999999999999</v>
      </c>
      <c r="C5793" t="str">
        <f>'CPT Data'!P5801</f>
        <v>SAND</v>
      </c>
      <c r="D5793" t="e">
        <f>'CPT Data'!Q5801</f>
        <v>#N/A</v>
      </c>
      <c r="E5793" t="e">
        <f t="shared" si="91"/>
        <v>#N/A</v>
      </c>
      <c r="F5793" t="str">
        <f>IF(C5793="CLAY", INDEX(D$4:D5793, MATCH("CLAY", C$4:C5793, 0)), "")</f>
        <v/>
      </c>
    </row>
    <row r="5794" spans="1:6" x14ac:dyDescent="0.2">
      <c r="A5794" s="239">
        <f>'CPT Data'!B5802</f>
        <v>57.612000000000002</v>
      </c>
      <c r="B5794" s="3">
        <f>'CPT Data'!C5802</f>
        <v>57.605000000000004</v>
      </c>
      <c r="C5794" t="str">
        <f>'CPT Data'!P5802</f>
        <v>SAND</v>
      </c>
      <c r="D5794" t="e">
        <f>'CPT Data'!Q5802</f>
        <v>#N/A</v>
      </c>
      <c r="E5794" t="e">
        <f t="shared" si="91"/>
        <v>#N/A</v>
      </c>
      <c r="F5794" t="str">
        <f>IF(C5794="CLAY", INDEX(D$4:D5794, MATCH("CLAY", C$4:C5794, 0)), "")</f>
        <v/>
      </c>
    </row>
    <row r="5795" spans="1:6" x14ac:dyDescent="0.2">
      <c r="A5795" s="239">
        <f>'CPT Data'!B5803</f>
        <v>57.622</v>
      </c>
      <c r="B5795" s="3">
        <f>'CPT Data'!C5803</f>
        <v>57.615000000000002</v>
      </c>
      <c r="C5795" t="str">
        <f>'CPT Data'!P5803</f>
        <v>SAND</v>
      </c>
      <c r="D5795" t="e">
        <f>'CPT Data'!Q5803</f>
        <v>#N/A</v>
      </c>
      <c r="E5795" t="e">
        <f t="shared" si="91"/>
        <v>#N/A</v>
      </c>
      <c r="F5795" t="str">
        <f>IF(C5795="CLAY", INDEX(D$4:D5795, MATCH("CLAY", C$4:C5795, 0)), "")</f>
        <v/>
      </c>
    </row>
    <row r="5796" spans="1:6" x14ac:dyDescent="0.2">
      <c r="A5796" s="239">
        <f>'CPT Data'!B5804</f>
        <v>57.631999999999998</v>
      </c>
      <c r="B5796" s="3">
        <f>'CPT Data'!C5804</f>
        <v>57.625</v>
      </c>
      <c r="C5796" t="str">
        <f>'CPT Data'!P5804</f>
        <v>SAND</v>
      </c>
      <c r="D5796" t="e">
        <f>'CPT Data'!Q5804</f>
        <v>#N/A</v>
      </c>
      <c r="E5796" t="e">
        <f t="shared" si="91"/>
        <v>#N/A</v>
      </c>
      <c r="F5796" t="str">
        <f>IF(C5796="CLAY", INDEX(D$4:D5796, MATCH("CLAY", C$4:C5796, 0)), "")</f>
        <v/>
      </c>
    </row>
    <row r="5797" spans="1:6" x14ac:dyDescent="0.2">
      <c r="A5797" s="239">
        <f>'CPT Data'!B5805</f>
        <v>57.643000000000001</v>
      </c>
      <c r="B5797" s="3">
        <f>'CPT Data'!C5805</f>
        <v>57.636000000000003</v>
      </c>
      <c r="C5797" t="str">
        <f>'CPT Data'!P5805</f>
        <v>SAND</v>
      </c>
      <c r="D5797" t="e">
        <f>'CPT Data'!Q5805</f>
        <v>#N/A</v>
      </c>
      <c r="E5797" t="e">
        <f t="shared" si="91"/>
        <v>#N/A</v>
      </c>
      <c r="F5797" t="str">
        <f>IF(C5797="CLAY", INDEX(D$4:D5797, MATCH("CLAY", C$4:C5797, 0)), "")</f>
        <v/>
      </c>
    </row>
    <row r="5798" spans="1:6" x14ac:dyDescent="0.2">
      <c r="A5798" s="239">
        <f>'CPT Data'!B5806</f>
        <v>57.654000000000003</v>
      </c>
      <c r="B5798" s="3">
        <f>'CPT Data'!C5806</f>
        <v>57.647000000000006</v>
      </c>
      <c r="C5798" t="str">
        <f>'CPT Data'!P5806</f>
        <v>SAND</v>
      </c>
      <c r="D5798" t="e">
        <f>'CPT Data'!Q5806</f>
        <v>#N/A</v>
      </c>
      <c r="E5798" t="e">
        <f t="shared" si="91"/>
        <v>#N/A</v>
      </c>
      <c r="F5798" t="str">
        <f>IF(C5798="CLAY", INDEX(D$4:D5798, MATCH("CLAY", C$4:C5798, 0)), "")</f>
        <v/>
      </c>
    </row>
    <row r="5799" spans="1:6" x14ac:dyDescent="0.2">
      <c r="A5799" s="239">
        <f>'CPT Data'!B5807</f>
        <v>57.664000000000001</v>
      </c>
      <c r="B5799" s="3">
        <f>'CPT Data'!C5807</f>
        <v>57.657000000000004</v>
      </c>
      <c r="C5799" t="str">
        <f>'CPT Data'!P5807</f>
        <v>SAND</v>
      </c>
      <c r="D5799" t="e">
        <f>'CPT Data'!Q5807</f>
        <v>#N/A</v>
      </c>
      <c r="E5799" t="e">
        <f t="shared" si="91"/>
        <v>#N/A</v>
      </c>
      <c r="F5799" t="str">
        <f>IF(C5799="CLAY", INDEX(D$4:D5799, MATCH("CLAY", C$4:C5799, 0)), "")</f>
        <v/>
      </c>
    </row>
    <row r="5800" spans="1:6" x14ac:dyDescent="0.2">
      <c r="A5800" s="239">
        <f>'CPT Data'!B5808</f>
        <v>57.673999999999999</v>
      </c>
      <c r="B5800" s="3">
        <f>'CPT Data'!C5808</f>
        <v>57.667000000000002</v>
      </c>
      <c r="C5800" t="str">
        <f>'CPT Data'!P5808</f>
        <v>SAND</v>
      </c>
      <c r="D5800" t="e">
        <f>'CPT Data'!Q5808</f>
        <v>#N/A</v>
      </c>
      <c r="E5800" t="e">
        <f t="shared" si="91"/>
        <v>#N/A</v>
      </c>
      <c r="F5800" t="str">
        <f>IF(C5800="CLAY", INDEX(D$4:D5800, MATCH("CLAY", C$4:C5800, 0)), "")</f>
        <v/>
      </c>
    </row>
    <row r="5801" spans="1:6" x14ac:dyDescent="0.2">
      <c r="A5801" s="239">
        <f>'CPT Data'!B5809</f>
        <v>57.685000000000002</v>
      </c>
      <c r="B5801" s="3">
        <f>'CPT Data'!C5809</f>
        <v>57.678000000000004</v>
      </c>
      <c r="C5801" t="str">
        <f>'CPT Data'!P5809</f>
        <v>SAND</v>
      </c>
      <c r="D5801" t="e">
        <f>'CPT Data'!Q5809</f>
        <v>#N/A</v>
      </c>
      <c r="E5801" t="e">
        <f t="shared" si="91"/>
        <v>#N/A</v>
      </c>
      <c r="F5801" t="str">
        <f>IF(C5801="CLAY", INDEX(D$4:D5801, MATCH("CLAY", C$4:C5801, 0)), "")</f>
        <v/>
      </c>
    </row>
    <row r="5802" spans="1:6" x14ac:dyDescent="0.2">
      <c r="A5802" s="239">
        <f>'CPT Data'!B5810</f>
        <v>57.694000000000003</v>
      </c>
      <c r="B5802" s="3">
        <f>'CPT Data'!C5810</f>
        <v>57.687000000000005</v>
      </c>
      <c r="C5802" t="str">
        <f>'CPT Data'!P5810</f>
        <v>SAND</v>
      </c>
      <c r="D5802" t="e">
        <f>'CPT Data'!Q5810</f>
        <v>#N/A</v>
      </c>
      <c r="E5802" t="e">
        <f t="shared" si="91"/>
        <v>#N/A</v>
      </c>
      <c r="F5802" t="str">
        <f>IF(C5802="CLAY", INDEX(D$4:D5802, MATCH("CLAY", C$4:C5802, 0)), "")</f>
        <v/>
      </c>
    </row>
    <row r="5803" spans="1:6" x14ac:dyDescent="0.2">
      <c r="A5803" s="239">
        <f>'CPT Data'!B5811</f>
        <v>57.703000000000003</v>
      </c>
      <c r="B5803" s="3">
        <f>'CPT Data'!C5811</f>
        <v>57.696000000000005</v>
      </c>
      <c r="C5803" t="str">
        <f>'CPT Data'!P5811</f>
        <v>SAND</v>
      </c>
      <c r="D5803" t="e">
        <f>'CPT Data'!Q5811</f>
        <v>#N/A</v>
      </c>
      <c r="E5803" t="e">
        <f t="shared" si="91"/>
        <v>#N/A</v>
      </c>
      <c r="F5803" t="str">
        <f>IF(C5803="CLAY", INDEX(D$4:D5803, MATCH("CLAY", C$4:C5803, 0)), "")</f>
        <v/>
      </c>
    </row>
    <row r="5804" spans="1:6" x14ac:dyDescent="0.2">
      <c r="A5804" s="239">
        <f>'CPT Data'!B5812</f>
        <v>57.713999999999999</v>
      </c>
      <c r="B5804" s="3">
        <f>'CPT Data'!C5812</f>
        <v>57.707000000000001</v>
      </c>
      <c r="C5804" t="str">
        <f>'CPT Data'!P5812</f>
        <v>SAND</v>
      </c>
      <c r="D5804" t="e">
        <f>'CPT Data'!Q5812</f>
        <v>#N/A</v>
      </c>
      <c r="E5804" t="e">
        <f t="shared" si="91"/>
        <v>#N/A</v>
      </c>
      <c r="F5804" t="str">
        <f>IF(C5804="CLAY", INDEX(D$4:D5804, MATCH("CLAY", C$4:C5804, 0)), "")</f>
        <v/>
      </c>
    </row>
    <row r="5805" spans="1:6" x14ac:dyDescent="0.2">
      <c r="A5805" s="239">
        <f>'CPT Data'!B5813</f>
        <v>57.723999999999997</v>
      </c>
      <c r="B5805" s="3">
        <f>'CPT Data'!C5813</f>
        <v>57.716999999999999</v>
      </c>
      <c r="C5805" t="str">
        <f>'CPT Data'!P5813</f>
        <v>SAND</v>
      </c>
      <c r="D5805" t="e">
        <f>'CPT Data'!Q5813</f>
        <v>#N/A</v>
      </c>
      <c r="E5805" t="e">
        <f t="shared" si="91"/>
        <v>#N/A</v>
      </c>
      <c r="F5805" t="str">
        <f>IF(C5805="CLAY", INDEX(D$4:D5805, MATCH("CLAY", C$4:C5805, 0)), "")</f>
        <v/>
      </c>
    </row>
    <row r="5806" spans="1:6" x14ac:dyDescent="0.2">
      <c r="A5806" s="239">
        <f>'CPT Data'!B5814</f>
        <v>57.734000000000002</v>
      </c>
      <c r="B5806" s="3">
        <f>'CPT Data'!C5814</f>
        <v>57.727000000000004</v>
      </c>
      <c r="C5806" t="str">
        <f>'CPT Data'!P5814</f>
        <v>SAND</v>
      </c>
      <c r="D5806" t="e">
        <f>'CPT Data'!Q5814</f>
        <v>#N/A</v>
      </c>
      <c r="E5806" t="e">
        <f t="shared" si="91"/>
        <v>#N/A</v>
      </c>
      <c r="F5806" t="str">
        <f>IF(C5806="CLAY", INDEX(D$4:D5806, MATCH("CLAY", C$4:C5806, 0)), "")</f>
        <v/>
      </c>
    </row>
    <row r="5807" spans="1:6" x14ac:dyDescent="0.2">
      <c r="A5807" s="239">
        <f>'CPT Data'!B5815</f>
        <v>57.744999999999997</v>
      </c>
      <c r="B5807" s="3">
        <f>'CPT Data'!C5815</f>
        <v>57.738</v>
      </c>
      <c r="C5807" t="str">
        <f>'CPT Data'!P5815</f>
        <v>SAND</v>
      </c>
      <c r="D5807" t="e">
        <f>'CPT Data'!Q5815</f>
        <v>#N/A</v>
      </c>
      <c r="E5807" t="e">
        <f t="shared" si="91"/>
        <v>#N/A</v>
      </c>
      <c r="F5807" t="str">
        <f>IF(C5807="CLAY", INDEX(D$4:D5807, MATCH("CLAY", C$4:C5807, 0)), "")</f>
        <v/>
      </c>
    </row>
    <row r="5808" spans="1:6" x14ac:dyDescent="0.2">
      <c r="A5808" s="239">
        <f>'CPT Data'!B5816</f>
        <v>57.755000000000003</v>
      </c>
      <c r="B5808" s="3">
        <f>'CPT Data'!C5816</f>
        <v>57.748000000000005</v>
      </c>
      <c r="C5808" t="str">
        <f>'CPT Data'!P5816</f>
        <v>SAND</v>
      </c>
      <c r="D5808" t="e">
        <f>'CPT Data'!Q5816</f>
        <v>#N/A</v>
      </c>
      <c r="E5808" t="e">
        <f t="shared" si="91"/>
        <v>#N/A</v>
      </c>
      <c r="F5808" t="str">
        <f>IF(C5808="CLAY", INDEX(D$4:D5808, MATCH("CLAY", C$4:C5808, 0)), "")</f>
        <v/>
      </c>
    </row>
    <row r="5809" spans="1:6" x14ac:dyDescent="0.2">
      <c r="A5809" s="239">
        <f>'CPT Data'!B5817</f>
        <v>57.765000000000001</v>
      </c>
      <c r="B5809" s="3">
        <f>'CPT Data'!C5817</f>
        <v>57.758000000000003</v>
      </c>
      <c r="C5809" t="str">
        <f>'CPT Data'!P5817</f>
        <v>SAND</v>
      </c>
      <c r="D5809" t="e">
        <f>'CPT Data'!Q5817</f>
        <v>#N/A</v>
      </c>
      <c r="E5809" t="e">
        <f t="shared" si="91"/>
        <v>#N/A</v>
      </c>
      <c r="F5809" t="str">
        <f>IF(C5809="CLAY", INDEX(D$4:D5809, MATCH("CLAY", C$4:C5809, 0)), "")</f>
        <v/>
      </c>
    </row>
    <row r="5810" spans="1:6" x14ac:dyDescent="0.2">
      <c r="A5810" s="239">
        <f>'CPT Data'!B5818</f>
        <v>57.776000000000003</v>
      </c>
      <c r="B5810" s="3">
        <f>'CPT Data'!C5818</f>
        <v>57.769000000000005</v>
      </c>
      <c r="C5810" t="str">
        <f>'CPT Data'!P5818</f>
        <v>SAND</v>
      </c>
      <c r="D5810" t="e">
        <f>'CPT Data'!Q5818</f>
        <v>#N/A</v>
      </c>
      <c r="E5810" t="e">
        <f t="shared" si="91"/>
        <v>#N/A</v>
      </c>
      <c r="F5810" t="str">
        <f>IF(C5810="CLAY", INDEX(D$4:D5810, MATCH("CLAY", C$4:C5810, 0)), "")</f>
        <v/>
      </c>
    </row>
    <row r="5811" spans="1:6" x14ac:dyDescent="0.2">
      <c r="A5811" s="239">
        <f>'CPT Data'!B5819</f>
        <v>57.786000000000001</v>
      </c>
      <c r="B5811" s="3">
        <f>'CPT Data'!C5819</f>
        <v>57.779000000000003</v>
      </c>
      <c r="C5811" t="str">
        <f>'CPT Data'!P5819</f>
        <v>SAND</v>
      </c>
      <c r="D5811" t="e">
        <f>'CPT Data'!Q5819</f>
        <v>#N/A</v>
      </c>
      <c r="E5811" t="e">
        <f t="shared" si="91"/>
        <v>#N/A</v>
      </c>
      <c r="F5811" t="str">
        <f>IF(C5811="CLAY", INDEX(D$4:D5811, MATCH("CLAY", C$4:C5811, 0)), "")</f>
        <v/>
      </c>
    </row>
    <row r="5812" spans="1:6" x14ac:dyDescent="0.2">
      <c r="A5812" s="239">
        <f>'CPT Data'!B5820</f>
        <v>57.795999999999999</v>
      </c>
      <c r="B5812" s="3">
        <f>'CPT Data'!C5820</f>
        <v>57.789000000000001</v>
      </c>
      <c r="C5812" t="str">
        <f>'CPT Data'!P5820</f>
        <v>SAND</v>
      </c>
      <c r="D5812" t="e">
        <f>'CPT Data'!Q5820</f>
        <v>#N/A</v>
      </c>
      <c r="E5812" t="e">
        <f t="shared" si="91"/>
        <v>#N/A</v>
      </c>
      <c r="F5812" t="str">
        <f>IF(C5812="CLAY", INDEX(D$4:D5812, MATCH("CLAY", C$4:C5812, 0)), "")</f>
        <v/>
      </c>
    </row>
    <row r="5813" spans="1:6" x14ac:dyDescent="0.2">
      <c r="A5813" s="239">
        <f>'CPT Data'!B5821</f>
        <v>57.807000000000002</v>
      </c>
      <c r="B5813" s="3">
        <f>'CPT Data'!C5821</f>
        <v>57.800000000000004</v>
      </c>
      <c r="C5813" t="str">
        <f>'CPT Data'!P5821</f>
        <v>SAND</v>
      </c>
      <c r="D5813" t="e">
        <f>'CPT Data'!Q5821</f>
        <v>#N/A</v>
      </c>
      <c r="E5813" t="e">
        <f t="shared" si="91"/>
        <v>#N/A</v>
      </c>
      <c r="F5813" t="str">
        <f>IF(C5813="CLAY", INDEX(D$4:D5813, MATCH("CLAY", C$4:C5813, 0)), "")</f>
        <v/>
      </c>
    </row>
    <row r="5814" spans="1:6" x14ac:dyDescent="0.2">
      <c r="A5814" s="239">
        <f>'CPT Data'!B5822</f>
        <v>57.817999999999998</v>
      </c>
      <c r="B5814" s="3">
        <f>'CPT Data'!C5822</f>
        <v>57.811</v>
      </c>
      <c r="C5814" t="str">
        <f>'CPT Data'!P5822</f>
        <v>SAND</v>
      </c>
      <c r="D5814" t="e">
        <f>'CPT Data'!Q5822</f>
        <v>#N/A</v>
      </c>
      <c r="E5814" t="e">
        <f t="shared" si="91"/>
        <v>#N/A</v>
      </c>
      <c r="F5814" t="str">
        <f>IF(C5814="CLAY", INDEX(D$4:D5814, MATCH("CLAY", C$4:C5814, 0)), "")</f>
        <v/>
      </c>
    </row>
    <row r="5815" spans="1:6" x14ac:dyDescent="0.2">
      <c r="A5815" s="239">
        <f>'CPT Data'!B5823</f>
        <v>57.828000000000003</v>
      </c>
      <c r="B5815" s="3">
        <f>'CPT Data'!C5823</f>
        <v>57.821000000000005</v>
      </c>
      <c r="C5815" t="str">
        <f>'CPT Data'!P5823</f>
        <v>SAND</v>
      </c>
      <c r="D5815" t="e">
        <f>'CPT Data'!Q5823</f>
        <v>#N/A</v>
      </c>
      <c r="E5815" t="e">
        <f t="shared" si="91"/>
        <v>#N/A</v>
      </c>
      <c r="F5815" t="str">
        <f>IF(C5815="CLAY", INDEX(D$4:D5815, MATCH("CLAY", C$4:C5815, 0)), "")</f>
        <v/>
      </c>
    </row>
    <row r="5816" spans="1:6" x14ac:dyDescent="0.2">
      <c r="A5816" s="239">
        <f>'CPT Data'!B5824</f>
        <v>57.838000000000001</v>
      </c>
      <c r="B5816" s="3">
        <f>'CPT Data'!C5824</f>
        <v>57.831000000000003</v>
      </c>
      <c r="C5816" t="str">
        <f>'CPT Data'!P5824</f>
        <v>SAND</v>
      </c>
      <c r="D5816" t="e">
        <f>'CPT Data'!Q5824</f>
        <v>#N/A</v>
      </c>
      <c r="E5816" t="e">
        <f t="shared" si="91"/>
        <v>#N/A</v>
      </c>
      <c r="F5816" t="str">
        <f>IF(C5816="CLAY", INDEX(D$4:D5816, MATCH("CLAY", C$4:C5816, 0)), "")</f>
        <v/>
      </c>
    </row>
    <row r="5817" spans="1:6" x14ac:dyDescent="0.2">
      <c r="A5817" s="239">
        <f>'CPT Data'!B5825</f>
        <v>57.848999999999997</v>
      </c>
      <c r="B5817" s="3">
        <f>'CPT Data'!C5825</f>
        <v>57.841999999999999</v>
      </c>
      <c r="C5817" t="str">
        <f>'CPT Data'!P5825</f>
        <v>SAND</v>
      </c>
      <c r="D5817" t="e">
        <f>'CPT Data'!Q5825</f>
        <v>#N/A</v>
      </c>
      <c r="E5817" t="e">
        <f t="shared" si="91"/>
        <v>#N/A</v>
      </c>
      <c r="F5817" t="str">
        <f>IF(C5817="CLAY", INDEX(D$4:D5817, MATCH("CLAY", C$4:C5817, 0)), "")</f>
        <v/>
      </c>
    </row>
    <row r="5818" spans="1:6" x14ac:dyDescent="0.2">
      <c r="A5818" s="239">
        <f>'CPT Data'!B5826</f>
        <v>57.857999999999997</v>
      </c>
      <c r="B5818" s="3">
        <f>'CPT Data'!C5826</f>
        <v>57.850999999999999</v>
      </c>
      <c r="C5818" t="str">
        <f>'CPT Data'!P5826</f>
        <v>SAND</v>
      </c>
      <c r="D5818" t="e">
        <f>'CPT Data'!Q5826</f>
        <v>#N/A</v>
      </c>
      <c r="E5818" t="e">
        <f t="shared" si="91"/>
        <v>#N/A</v>
      </c>
      <c r="F5818" t="str">
        <f>IF(C5818="CLAY", INDEX(D$4:D5818, MATCH("CLAY", C$4:C5818, 0)), "")</f>
        <v/>
      </c>
    </row>
    <row r="5819" spans="1:6" x14ac:dyDescent="0.2">
      <c r="A5819" s="239">
        <f>'CPT Data'!B5827</f>
        <v>57.869</v>
      </c>
      <c r="B5819" s="3">
        <f>'CPT Data'!C5827</f>
        <v>57.862000000000002</v>
      </c>
      <c r="C5819" t="str">
        <f>'CPT Data'!P5827</f>
        <v>SAND</v>
      </c>
      <c r="D5819" t="e">
        <f>'CPT Data'!Q5827</f>
        <v>#N/A</v>
      </c>
      <c r="E5819" t="e">
        <f t="shared" si="91"/>
        <v>#N/A</v>
      </c>
      <c r="F5819" t="str">
        <f>IF(C5819="CLAY", INDEX(D$4:D5819, MATCH("CLAY", C$4:C5819, 0)), "")</f>
        <v/>
      </c>
    </row>
    <row r="5820" spans="1:6" x14ac:dyDescent="0.2">
      <c r="A5820" s="239">
        <f>'CPT Data'!B5828</f>
        <v>57.878999999999998</v>
      </c>
      <c r="B5820" s="3">
        <f>'CPT Data'!C5828</f>
        <v>57.872</v>
      </c>
      <c r="C5820" t="str">
        <f>'CPT Data'!P5828</f>
        <v>SAND</v>
      </c>
      <c r="D5820" t="e">
        <f>'CPT Data'!Q5828</f>
        <v>#N/A</v>
      </c>
      <c r="E5820" t="e">
        <f t="shared" si="91"/>
        <v>#N/A</v>
      </c>
      <c r="F5820" t="str">
        <f>IF(C5820="CLAY", INDEX(D$4:D5820, MATCH("CLAY", C$4:C5820, 0)), "")</f>
        <v/>
      </c>
    </row>
    <row r="5821" spans="1:6" x14ac:dyDescent="0.2">
      <c r="A5821" s="239">
        <f>'CPT Data'!B5829</f>
        <v>57.887999999999998</v>
      </c>
      <c r="B5821" s="3">
        <f>'CPT Data'!C5829</f>
        <v>57.881</v>
      </c>
      <c r="C5821" t="str">
        <f>'CPT Data'!P5829</f>
        <v>SAND</v>
      </c>
      <c r="D5821" t="e">
        <f>'CPT Data'!Q5829</f>
        <v>#N/A</v>
      </c>
      <c r="E5821" t="e">
        <f t="shared" si="91"/>
        <v>#N/A</v>
      </c>
      <c r="F5821" t="str">
        <f>IF(C5821="CLAY", INDEX(D$4:D5821, MATCH("CLAY", C$4:C5821, 0)), "")</f>
        <v/>
      </c>
    </row>
    <row r="5822" spans="1:6" x14ac:dyDescent="0.2">
      <c r="A5822" s="239">
        <f>'CPT Data'!B5830</f>
        <v>57.899000000000001</v>
      </c>
      <c r="B5822" s="3">
        <f>'CPT Data'!C5830</f>
        <v>57.892000000000003</v>
      </c>
      <c r="C5822" t="str">
        <f>'CPT Data'!P5830</f>
        <v>SAND</v>
      </c>
      <c r="D5822" t="e">
        <f>'CPT Data'!Q5830</f>
        <v>#N/A</v>
      </c>
      <c r="E5822" t="e">
        <f t="shared" si="91"/>
        <v>#N/A</v>
      </c>
      <c r="F5822" t="str">
        <f>IF(C5822="CLAY", INDEX(D$4:D5822, MATCH("CLAY", C$4:C5822, 0)), "")</f>
        <v/>
      </c>
    </row>
    <row r="5823" spans="1:6" x14ac:dyDescent="0.2">
      <c r="A5823" s="239">
        <f>'CPT Data'!B5831</f>
        <v>57.908999999999999</v>
      </c>
      <c r="B5823" s="3">
        <f>'CPT Data'!C5831</f>
        <v>57.902000000000001</v>
      </c>
      <c r="C5823" t="str">
        <f>'CPT Data'!P5831</f>
        <v>SAND</v>
      </c>
      <c r="D5823" t="e">
        <f>'CPT Data'!Q5831</f>
        <v>#N/A</v>
      </c>
      <c r="E5823" t="e">
        <f t="shared" si="91"/>
        <v>#N/A</v>
      </c>
      <c r="F5823" t="str">
        <f>IF(C5823="CLAY", INDEX(D$4:D5823, MATCH("CLAY", C$4:C5823, 0)), "")</f>
        <v/>
      </c>
    </row>
    <row r="5824" spans="1:6" x14ac:dyDescent="0.2">
      <c r="A5824" s="239">
        <f>'CPT Data'!B5832</f>
        <v>57.918999999999997</v>
      </c>
      <c r="B5824" s="3">
        <f>'CPT Data'!C5832</f>
        <v>57.911999999999999</v>
      </c>
      <c r="C5824" t="str">
        <f>'CPT Data'!P5832</f>
        <v>SAND</v>
      </c>
      <c r="D5824" t="e">
        <f>'CPT Data'!Q5832</f>
        <v>#N/A</v>
      </c>
      <c r="E5824" t="e">
        <f t="shared" si="91"/>
        <v>#N/A</v>
      </c>
      <c r="F5824" t="str">
        <f>IF(C5824="CLAY", INDEX(D$4:D5824, MATCH("CLAY", C$4:C5824, 0)), "")</f>
        <v/>
      </c>
    </row>
    <row r="5825" spans="1:6" x14ac:dyDescent="0.2">
      <c r="A5825" s="239">
        <f>'CPT Data'!B5833</f>
        <v>57.929000000000002</v>
      </c>
      <c r="B5825" s="3">
        <f>'CPT Data'!C5833</f>
        <v>57.922000000000004</v>
      </c>
      <c r="C5825" t="str">
        <f>'CPT Data'!P5833</f>
        <v>SAND</v>
      </c>
      <c r="D5825" t="e">
        <f>'CPT Data'!Q5833</f>
        <v>#N/A</v>
      </c>
      <c r="E5825" t="e">
        <f t="shared" si="91"/>
        <v>#N/A</v>
      </c>
      <c r="F5825" t="str">
        <f>IF(C5825="CLAY", INDEX(D$4:D5825, MATCH("CLAY", C$4:C5825, 0)), "")</f>
        <v/>
      </c>
    </row>
    <row r="5826" spans="1:6" x14ac:dyDescent="0.2">
      <c r="A5826" s="239">
        <f>'CPT Data'!B5834</f>
        <v>57.94</v>
      </c>
      <c r="B5826" s="3">
        <f>'CPT Data'!C5834</f>
        <v>57.933</v>
      </c>
      <c r="C5826" t="str">
        <f>'CPT Data'!P5834</f>
        <v>SAND</v>
      </c>
      <c r="D5826" t="e">
        <f>'CPT Data'!Q5834</f>
        <v>#N/A</v>
      </c>
      <c r="E5826" t="e">
        <f t="shared" si="91"/>
        <v>#N/A</v>
      </c>
      <c r="F5826" t="str">
        <f>IF(C5826="CLAY", INDEX(D$4:D5826, MATCH("CLAY", C$4:C5826, 0)), "")</f>
        <v/>
      </c>
    </row>
    <row r="5827" spans="1:6" x14ac:dyDescent="0.2">
      <c r="A5827" s="239">
        <f>'CPT Data'!B5835</f>
        <v>57.948999999999998</v>
      </c>
      <c r="B5827" s="3">
        <f>'CPT Data'!C5835</f>
        <v>57.942</v>
      </c>
      <c r="C5827" t="str">
        <f>'CPT Data'!P5835</f>
        <v>SAND</v>
      </c>
      <c r="D5827" t="e">
        <f>'CPT Data'!Q5835</f>
        <v>#N/A</v>
      </c>
      <c r="E5827" t="e">
        <f t="shared" si="91"/>
        <v>#N/A</v>
      </c>
      <c r="F5827" t="str">
        <f>IF(C5827="CLAY", INDEX(D$4:D5827, MATCH("CLAY", C$4:C5827, 0)), "")</f>
        <v/>
      </c>
    </row>
    <row r="5828" spans="1:6" x14ac:dyDescent="0.2">
      <c r="A5828" s="239">
        <f>'CPT Data'!B5836</f>
        <v>57.96</v>
      </c>
      <c r="B5828" s="3">
        <f>'CPT Data'!C5836</f>
        <v>57.953000000000003</v>
      </c>
      <c r="C5828" t="str">
        <f>'CPT Data'!P5836</f>
        <v>SAND</v>
      </c>
      <c r="D5828" t="e">
        <f>'CPT Data'!Q5836</f>
        <v>#N/A</v>
      </c>
      <c r="E5828" t="e">
        <f t="shared" si="91"/>
        <v>#N/A</v>
      </c>
      <c r="F5828" t="str">
        <f>IF(C5828="CLAY", INDEX(D$4:D5828, MATCH("CLAY", C$4:C5828, 0)), "")</f>
        <v/>
      </c>
    </row>
    <row r="5829" spans="1:6" x14ac:dyDescent="0.2">
      <c r="A5829" s="239">
        <f>'CPT Data'!B5837</f>
        <v>57.97</v>
      </c>
      <c r="B5829" s="3">
        <f>'CPT Data'!C5837</f>
        <v>57.963000000000001</v>
      </c>
      <c r="C5829" t="str">
        <f>'CPT Data'!P5837</f>
        <v>SAND</v>
      </c>
      <c r="D5829" t="e">
        <f>'CPT Data'!Q5837</f>
        <v>#N/A</v>
      </c>
      <c r="E5829" t="e">
        <f t="shared" si="91"/>
        <v>#N/A</v>
      </c>
      <c r="F5829" t="str">
        <f>IF(C5829="CLAY", INDEX(D$4:D5829, MATCH("CLAY", C$4:C5829, 0)), "")</f>
        <v/>
      </c>
    </row>
    <row r="5830" spans="1:6" x14ac:dyDescent="0.2">
      <c r="A5830" s="239">
        <f>'CPT Data'!B5838</f>
        <v>57.981000000000002</v>
      </c>
      <c r="B5830" s="3">
        <f>'CPT Data'!C5838</f>
        <v>57.974000000000004</v>
      </c>
      <c r="C5830" t="str">
        <f>'CPT Data'!P5838</f>
        <v>SAND</v>
      </c>
      <c r="D5830" t="e">
        <f>'CPT Data'!Q5838</f>
        <v>#N/A</v>
      </c>
      <c r="E5830" t="e">
        <f t="shared" si="91"/>
        <v>#N/A</v>
      </c>
      <c r="F5830" t="str">
        <f>IF(C5830="CLAY", INDEX(D$4:D5830, MATCH("CLAY", C$4:C5830, 0)), "")</f>
        <v/>
      </c>
    </row>
    <row r="5831" spans="1:6" x14ac:dyDescent="0.2">
      <c r="A5831" s="239">
        <f>'CPT Data'!B5839</f>
        <v>57.991</v>
      </c>
      <c r="B5831" s="3">
        <f>'CPT Data'!C5839</f>
        <v>57.984000000000002</v>
      </c>
      <c r="C5831" t="str">
        <f>'CPT Data'!P5839</f>
        <v>SAND</v>
      </c>
      <c r="D5831" t="e">
        <f>'CPT Data'!Q5839</f>
        <v>#N/A</v>
      </c>
      <c r="E5831" t="e">
        <f t="shared" si="91"/>
        <v>#N/A</v>
      </c>
      <c r="F5831" t="str">
        <f>IF(C5831="CLAY", INDEX(D$4:D5831, MATCH("CLAY", C$4:C5831, 0)), "")</f>
        <v/>
      </c>
    </row>
    <row r="5832" spans="1:6" x14ac:dyDescent="0.2">
      <c r="A5832" s="239">
        <f>'CPT Data'!B5840</f>
        <v>58.000999999999998</v>
      </c>
      <c r="B5832" s="3">
        <f>'CPT Data'!C5840</f>
        <v>57.994</v>
      </c>
      <c r="C5832" t="str">
        <f>'CPT Data'!P5840</f>
        <v>SAND</v>
      </c>
      <c r="D5832" t="e">
        <f>'CPT Data'!Q5840</f>
        <v>#N/A</v>
      </c>
      <c r="E5832" t="e">
        <f t="shared" si="91"/>
        <v>#N/A</v>
      </c>
      <c r="F5832" t="str">
        <f>IF(C5832="CLAY", INDEX(D$4:D5832, MATCH("CLAY", C$4:C5832, 0)), "")</f>
        <v/>
      </c>
    </row>
    <row r="5833" spans="1:6" x14ac:dyDescent="0.2">
      <c r="A5833" s="239">
        <f>'CPT Data'!B5841</f>
        <v>58.01</v>
      </c>
      <c r="B5833" s="3">
        <f>'CPT Data'!C5841</f>
        <v>58.003</v>
      </c>
      <c r="C5833" t="str">
        <f>'CPT Data'!P5841</f>
        <v>SAND</v>
      </c>
      <c r="D5833" t="e">
        <f>'CPT Data'!Q5841</f>
        <v>#N/A</v>
      </c>
      <c r="E5833" t="e">
        <f t="shared" si="91"/>
        <v>#N/A</v>
      </c>
      <c r="F5833" t="str">
        <f>IF(C5833="CLAY", INDEX(D$4:D5833, MATCH("CLAY", C$4:C5833, 0)), "")</f>
        <v/>
      </c>
    </row>
    <row r="5834" spans="1:6" x14ac:dyDescent="0.2">
      <c r="A5834" s="239">
        <f>'CPT Data'!B5842</f>
        <v>58.021000000000001</v>
      </c>
      <c r="B5834" s="3">
        <f>'CPT Data'!C5842</f>
        <v>58.014000000000003</v>
      </c>
      <c r="C5834" t="str">
        <f>'CPT Data'!P5842</f>
        <v>SAND</v>
      </c>
      <c r="D5834" t="e">
        <f>'CPT Data'!Q5842</f>
        <v>#N/A</v>
      </c>
      <c r="E5834" t="e">
        <f t="shared" si="91"/>
        <v>#N/A</v>
      </c>
      <c r="F5834" t="str">
        <f>IF(C5834="CLAY", INDEX(D$4:D5834, MATCH("CLAY", C$4:C5834, 0)), "")</f>
        <v/>
      </c>
    </row>
    <row r="5835" spans="1:6" x14ac:dyDescent="0.2">
      <c r="A5835" s="239">
        <f>'CPT Data'!B5843</f>
        <v>58.030999999999999</v>
      </c>
      <c r="B5835" s="3">
        <f>'CPT Data'!C5843</f>
        <v>58.024000000000001</v>
      </c>
      <c r="C5835" t="str">
        <f>'CPT Data'!P5843</f>
        <v>SAND</v>
      </c>
      <c r="D5835" t="e">
        <f>'CPT Data'!Q5843</f>
        <v>#N/A</v>
      </c>
      <c r="E5835" t="e">
        <f t="shared" si="91"/>
        <v>#N/A</v>
      </c>
      <c r="F5835" t="str">
        <f>IF(C5835="CLAY", INDEX(D$4:D5835, MATCH("CLAY", C$4:C5835, 0)), "")</f>
        <v/>
      </c>
    </row>
    <row r="5836" spans="1:6" x14ac:dyDescent="0.2">
      <c r="A5836" s="239">
        <f>'CPT Data'!B5844</f>
        <v>58.040999999999997</v>
      </c>
      <c r="B5836" s="3">
        <f>'CPT Data'!C5844</f>
        <v>58.033999999999999</v>
      </c>
      <c r="C5836" t="str">
        <f>'CPT Data'!P5844</f>
        <v>SAND</v>
      </c>
      <c r="D5836" t="e">
        <f>'CPT Data'!Q5844</f>
        <v>#N/A</v>
      </c>
      <c r="E5836" t="e">
        <f t="shared" si="91"/>
        <v>#N/A</v>
      </c>
      <c r="F5836" t="str">
        <f>IF(C5836="CLAY", INDEX(D$4:D5836, MATCH("CLAY", C$4:C5836, 0)), "")</f>
        <v/>
      </c>
    </row>
    <row r="5837" spans="1:6" x14ac:dyDescent="0.2">
      <c r="A5837" s="239">
        <f>'CPT Data'!B5845</f>
        <v>58.051000000000002</v>
      </c>
      <c r="B5837" s="3">
        <f>'CPT Data'!C5845</f>
        <v>58.044000000000004</v>
      </c>
      <c r="C5837" t="str">
        <f>'CPT Data'!P5845</f>
        <v>SAND</v>
      </c>
      <c r="D5837" t="e">
        <f>'CPT Data'!Q5845</f>
        <v>#N/A</v>
      </c>
      <c r="E5837" t="e">
        <f t="shared" si="91"/>
        <v>#N/A</v>
      </c>
      <c r="F5837" t="str">
        <f>IF(C5837="CLAY", INDEX(D$4:D5837, MATCH("CLAY", C$4:C5837, 0)), "")</f>
        <v/>
      </c>
    </row>
    <row r="5838" spans="1:6" x14ac:dyDescent="0.2">
      <c r="A5838" s="239">
        <f>'CPT Data'!B5846</f>
        <v>58.061</v>
      </c>
      <c r="B5838" s="3">
        <f>'CPT Data'!C5846</f>
        <v>58.054000000000002</v>
      </c>
      <c r="C5838" t="str">
        <f>'CPT Data'!P5846</f>
        <v>SAND</v>
      </c>
      <c r="D5838" t="e">
        <f>'CPT Data'!Q5846</f>
        <v>#N/A</v>
      </c>
      <c r="E5838" t="e">
        <f t="shared" si="91"/>
        <v>#N/A</v>
      </c>
      <c r="F5838" t="str">
        <f>IF(C5838="CLAY", INDEX(D$4:D5838, MATCH("CLAY", C$4:C5838, 0)), "")</f>
        <v/>
      </c>
    </row>
    <row r="5839" spans="1:6" x14ac:dyDescent="0.2">
      <c r="A5839" s="239">
        <f>'CPT Data'!B5847</f>
        <v>58.070999999999998</v>
      </c>
      <c r="B5839" s="3">
        <f>'CPT Data'!C5847</f>
        <v>58.064</v>
      </c>
      <c r="C5839" t="str">
        <f>'CPT Data'!P5847</f>
        <v>SAND</v>
      </c>
      <c r="D5839" t="e">
        <f>'CPT Data'!Q5847</f>
        <v>#N/A</v>
      </c>
      <c r="E5839" t="e">
        <f t="shared" si="91"/>
        <v>#N/A</v>
      </c>
      <c r="F5839" t="str">
        <f>IF(C5839="CLAY", INDEX(D$4:D5839, MATCH("CLAY", C$4:C5839, 0)), "")</f>
        <v/>
      </c>
    </row>
    <row r="5840" spans="1:6" x14ac:dyDescent="0.2">
      <c r="A5840" s="239">
        <f>'CPT Data'!B5848</f>
        <v>58.081000000000003</v>
      </c>
      <c r="B5840" s="3">
        <f>'CPT Data'!C5848</f>
        <v>58.074000000000005</v>
      </c>
      <c r="C5840" t="str">
        <f>'CPT Data'!P5848</f>
        <v>SAND</v>
      </c>
      <c r="D5840" t="e">
        <f>'CPT Data'!Q5848</f>
        <v>#N/A</v>
      </c>
      <c r="E5840" t="e">
        <f t="shared" si="91"/>
        <v>#N/A</v>
      </c>
      <c r="F5840" t="str">
        <f>IF(C5840="CLAY", INDEX(D$4:D5840, MATCH("CLAY", C$4:C5840, 0)), "")</f>
        <v/>
      </c>
    </row>
    <row r="5841" spans="1:6" x14ac:dyDescent="0.2">
      <c r="A5841" s="239">
        <f>'CPT Data'!B5849</f>
        <v>58.091000000000001</v>
      </c>
      <c r="B5841" s="3">
        <f>'CPT Data'!C5849</f>
        <v>58.084000000000003</v>
      </c>
      <c r="C5841" t="str">
        <f>'CPT Data'!P5849</f>
        <v>SAND</v>
      </c>
      <c r="D5841" t="e">
        <f>'CPT Data'!Q5849</f>
        <v>#N/A</v>
      </c>
      <c r="E5841" t="e">
        <f t="shared" si="91"/>
        <v>#N/A</v>
      </c>
      <c r="F5841" t="str">
        <f>IF(C5841="CLAY", INDEX(D$4:D5841, MATCH("CLAY", C$4:C5841, 0)), "")</f>
        <v/>
      </c>
    </row>
    <row r="5842" spans="1:6" x14ac:dyDescent="0.2">
      <c r="A5842" s="239">
        <f>'CPT Data'!B5850</f>
        <v>58.100999999999999</v>
      </c>
      <c r="B5842" s="3">
        <f>'CPT Data'!C5850</f>
        <v>58.094000000000001</v>
      </c>
      <c r="C5842" t="str">
        <f>'CPT Data'!P5850</f>
        <v>SAND</v>
      </c>
      <c r="D5842" t="e">
        <f>'CPT Data'!Q5850</f>
        <v>#N/A</v>
      </c>
      <c r="E5842" t="e">
        <f t="shared" si="91"/>
        <v>#N/A</v>
      </c>
      <c r="F5842" t="str">
        <f>IF(C5842="CLAY", INDEX(D$4:D5842, MATCH("CLAY", C$4:C5842, 0)), "")</f>
        <v/>
      </c>
    </row>
    <row r="5843" spans="1:6" x14ac:dyDescent="0.2">
      <c r="A5843" s="239">
        <f>'CPT Data'!B5851</f>
        <v>58.110999999999997</v>
      </c>
      <c r="B5843" s="3">
        <f>'CPT Data'!C5851</f>
        <v>58.103999999999999</v>
      </c>
      <c r="C5843" t="str">
        <f>'CPT Data'!P5851</f>
        <v>SAND</v>
      </c>
      <c r="D5843" t="e">
        <f>'CPT Data'!Q5851</f>
        <v>#N/A</v>
      </c>
      <c r="E5843" t="e">
        <f t="shared" si="91"/>
        <v>#N/A</v>
      </c>
      <c r="F5843" t="str">
        <f>IF(C5843="CLAY", INDEX(D$4:D5843, MATCH("CLAY", C$4:C5843, 0)), "")</f>
        <v/>
      </c>
    </row>
    <row r="5844" spans="1:6" x14ac:dyDescent="0.2">
      <c r="A5844" s="239">
        <f>'CPT Data'!B5852</f>
        <v>58.121000000000002</v>
      </c>
      <c r="B5844" s="3">
        <f>'CPT Data'!C5852</f>
        <v>58.114000000000004</v>
      </c>
      <c r="C5844" t="str">
        <f>'CPT Data'!P5852</f>
        <v>SAND</v>
      </c>
      <c r="D5844" t="e">
        <f>'CPT Data'!Q5852</f>
        <v>#N/A</v>
      </c>
      <c r="E5844" t="e">
        <f t="shared" si="91"/>
        <v>#N/A</v>
      </c>
      <c r="F5844" t="str">
        <f>IF(C5844="CLAY", INDEX(D$4:D5844, MATCH("CLAY", C$4:C5844, 0)), "")</f>
        <v/>
      </c>
    </row>
    <row r="5845" spans="1:6" x14ac:dyDescent="0.2">
      <c r="A5845" s="239">
        <f>'CPT Data'!B5853</f>
        <v>58.13</v>
      </c>
      <c r="B5845" s="3">
        <f>'CPT Data'!C5853</f>
        <v>58.123000000000005</v>
      </c>
      <c r="C5845" t="str">
        <f>'CPT Data'!P5853</f>
        <v>SAND</v>
      </c>
      <c r="D5845" t="e">
        <f>'CPT Data'!Q5853</f>
        <v>#N/A</v>
      </c>
      <c r="E5845" t="e">
        <f t="shared" si="91"/>
        <v>#N/A</v>
      </c>
      <c r="F5845" t="str">
        <f>IF(C5845="CLAY", INDEX(D$4:D5845, MATCH("CLAY", C$4:C5845, 0)), "")</f>
        <v/>
      </c>
    </row>
    <row r="5846" spans="1:6" x14ac:dyDescent="0.2">
      <c r="A5846" s="239">
        <f>'CPT Data'!B5854</f>
        <v>58.140999999999998</v>
      </c>
      <c r="B5846" s="3">
        <f>'CPT Data'!C5854</f>
        <v>58.134</v>
      </c>
      <c r="C5846" t="str">
        <f>'CPT Data'!P5854</f>
        <v>SAND</v>
      </c>
      <c r="D5846" t="e">
        <f>'CPT Data'!Q5854</f>
        <v>#N/A</v>
      </c>
      <c r="E5846" t="e">
        <f t="shared" si="91"/>
        <v>#N/A</v>
      </c>
      <c r="F5846" t="str">
        <f>IF(C5846="CLAY", INDEX(D$4:D5846, MATCH("CLAY", C$4:C5846, 0)), "")</f>
        <v/>
      </c>
    </row>
    <row r="5847" spans="1:6" x14ac:dyDescent="0.2">
      <c r="A5847" s="239">
        <f>'CPT Data'!B5855</f>
        <v>58.152000000000001</v>
      </c>
      <c r="B5847" s="3">
        <f>'CPT Data'!C5855</f>
        <v>58.145000000000003</v>
      </c>
      <c r="C5847" t="str">
        <f>'CPT Data'!P5855</f>
        <v>SAND</v>
      </c>
      <c r="D5847" t="e">
        <f>'CPT Data'!Q5855</f>
        <v>#N/A</v>
      </c>
      <c r="E5847" t="e">
        <f t="shared" si="91"/>
        <v>#N/A</v>
      </c>
      <c r="F5847" t="str">
        <f>IF(C5847="CLAY", INDEX(D$4:D5847, MATCH("CLAY", C$4:C5847, 0)), "")</f>
        <v/>
      </c>
    </row>
    <row r="5848" spans="1:6" x14ac:dyDescent="0.2">
      <c r="A5848" s="239">
        <f>'CPT Data'!B5856</f>
        <v>58.161999999999999</v>
      </c>
      <c r="B5848" s="3">
        <f>'CPT Data'!C5856</f>
        <v>58.155000000000001</v>
      </c>
      <c r="C5848" t="str">
        <f>'CPT Data'!P5856</f>
        <v>SAND</v>
      </c>
      <c r="D5848" t="e">
        <f>'CPT Data'!Q5856</f>
        <v>#N/A</v>
      </c>
      <c r="E5848" t="e">
        <f t="shared" si="91"/>
        <v>#N/A</v>
      </c>
      <c r="F5848" t="str">
        <f>IF(C5848="CLAY", INDEX(D$4:D5848, MATCH("CLAY", C$4:C5848, 0)), "")</f>
        <v/>
      </c>
    </row>
    <row r="5849" spans="1:6" x14ac:dyDescent="0.2">
      <c r="A5849" s="239">
        <f>'CPT Data'!B5857</f>
        <v>58.171999999999997</v>
      </c>
      <c r="B5849" s="3">
        <f>'CPT Data'!C5857</f>
        <v>58.164999999999999</v>
      </c>
      <c r="C5849" t="str">
        <f>'CPT Data'!P5857</f>
        <v>SAND</v>
      </c>
      <c r="D5849" t="e">
        <f>'CPT Data'!Q5857</f>
        <v>#N/A</v>
      </c>
      <c r="E5849" t="e">
        <f t="shared" si="91"/>
        <v>#N/A</v>
      </c>
      <c r="F5849" t="str">
        <f>IF(C5849="CLAY", INDEX(D$4:D5849, MATCH("CLAY", C$4:C5849, 0)), "")</f>
        <v/>
      </c>
    </row>
    <row r="5850" spans="1:6" x14ac:dyDescent="0.2">
      <c r="A5850" s="239">
        <f>'CPT Data'!B5858</f>
        <v>58.182000000000002</v>
      </c>
      <c r="B5850" s="3">
        <f>'CPT Data'!C5858</f>
        <v>58.175000000000004</v>
      </c>
      <c r="C5850" t="str">
        <f>'CPT Data'!P5858</f>
        <v>SAND</v>
      </c>
      <c r="D5850" t="e">
        <f>'CPT Data'!Q5858</f>
        <v>#N/A</v>
      </c>
      <c r="E5850" t="e">
        <f t="shared" si="91"/>
        <v>#N/A</v>
      </c>
      <c r="F5850" t="str">
        <f>IF(C5850="CLAY", INDEX(D$4:D5850, MATCH("CLAY", C$4:C5850, 0)), "")</f>
        <v/>
      </c>
    </row>
    <row r="5851" spans="1:6" x14ac:dyDescent="0.2">
      <c r="A5851" s="239">
        <f>'CPT Data'!B5859</f>
        <v>58.192999999999998</v>
      </c>
      <c r="B5851" s="3">
        <f>'CPT Data'!C5859</f>
        <v>58.186</v>
      </c>
      <c r="C5851" t="str">
        <f>'CPT Data'!P5859</f>
        <v>SAND</v>
      </c>
      <c r="D5851" t="e">
        <f>'CPT Data'!Q5859</f>
        <v>#N/A</v>
      </c>
      <c r="E5851" t="e">
        <f t="shared" ref="E5851:E5914" si="92">IF(C5851="SAND",#N/A,IF(C5851=C5850,D5850,IF(C5851="CLAY",D5851,#N/A)))</f>
        <v>#N/A</v>
      </c>
      <c r="F5851" t="str">
        <f>IF(C5851="CLAY", INDEX(D$4:D5851, MATCH("CLAY", C$4:C5851, 0)), "")</f>
        <v/>
      </c>
    </row>
    <row r="5852" spans="1:6" x14ac:dyDescent="0.2">
      <c r="A5852" s="239">
        <f>'CPT Data'!B5860</f>
        <v>58.203000000000003</v>
      </c>
      <c r="B5852" s="3">
        <f>'CPT Data'!C5860</f>
        <v>58.196000000000005</v>
      </c>
      <c r="C5852" t="str">
        <f>'CPT Data'!P5860</f>
        <v>SAND</v>
      </c>
      <c r="D5852" t="e">
        <f>'CPT Data'!Q5860</f>
        <v>#N/A</v>
      </c>
      <c r="E5852" t="e">
        <f t="shared" si="92"/>
        <v>#N/A</v>
      </c>
      <c r="F5852" t="str">
        <f>IF(C5852="CLAY", INDEX(D$4:D5852, MATCH("CLAY", C$4:C5852, 0)), "")</f>
        <v/>
      </c>
    </row>
    <row r="5853" spans="1:6" x14ac:dyDescent="0.2">
      <c r="A5853" s="239">
        <f>'CPT Data'!B5861</f>
        <v>58.213000000000001</v>
      </c>
      <c r="B5853" s="3">
        <f>'CPT Data'!C5861</f>
        <v>58.206000000000003</v>
      </c>
      <c r="C5853" t="str">
        <f>'CPT Data'!P5861</f>
        <v>SAND</v>
      </c>
      <c r="D5853" t="e">
        <f>'CPT Data'!Q5861</f>
        <v>#N/A</v>
      </c>
      <c r="E5853" t="e">
        <f t="shared" si="92"/>
        <v>#N/A</v>
      </c>
      <c r="F5853" t="str">
        <f>IF(C5853="CLAY", INDEX(D$4:D5853, MATCH("CLAY", C$4:C5853, 0)), "")</f>
        <v/>
      </c>
    </row>
    <row r="5854" spans="1:6" x14ac:dyDescent="0.2">
      <c r="A5854" s="239">
        <f>'CPT Data'!B5862</f>
        <v>58.223999999999997</v>
      </c>
      <c r="B5854" s="3">
        <f>'CPT Data'!C5862</f>
        <v>58.216999999999999</v>
      </c>
      <c r="C5854" t="str">
        <f>'CPT Data'!P5862</f>
        <v>SAND</v>
      </c>
      <c r="D5854" t="e">
        <f>'CPT Data'!Q5862</f>
        <v>#N/A</v>
      </c>
      <c r="E5854" t="e">
        <f t="shared" si="92"/>
        <v>#N/A</v>
      </c>
      <c r="F5854" t="str">
        <f>IF(C5854="CLAY", INDEX(D$4:D5854, MATCH("CLAY", C$4:C5854, 0)), "")</f>
        <v/>
      </c>
    </row>
    <row r="5855" spans="1:6" x14ac:dyDescent="0.2">
      <c r="A5855" s="239">
        <f>'CPT Data'!B5863</f>
        <v>58.232999999999997</v>
      </c>
      <c r="B5855" s="3">
        <f>'CPT Data'!C5863</f>
        <v>58.225999999999999</v>
      </c>
      <c r="C5855" t="str">
        <f>'CPT Data'!P5863</f>
        <v>SAND</v>
      </c>
      <c r="D5855" t="e">
        <f>'CPT Data'!Q5863</f>
        <v>#N/A</v>
      </c>
      <c r="E5855" t="e">
        <f t="shared" si="92"/>
        <v>#N/A</v>
      </c>
      <c r="F5855" t="str">
        <f>IF(C5855="CLAY", INDEX(D$4:D5855, MATCH("CLAY", C$4:C5855, 0)), "")</f>
        <v/>
      </c>
    </row>
    <row r="5856" spans="1:6" x14ac:dyDescent="0.2">
      <c r="A5856" s="239">
        <f>'CPT Data'!B5864</f>
        <v>58.243000000000002</v>
      </c>
      <c r="B5856" s="3">
        <f>'CPT Data'!C5864</f>
        <v>58.236000000000004</v>
      </c>
      <c r="C5856" t="str">
        <f>'CPT Data'!P5864</f>
        <v>SAND</v>
      </c>
      <c r="D5856" t="e">
        <f>'CPT Data'!Q5864</f>
        <v>#N/A</v>
      </c>
      <c r="E5856" t="e">
        <f t="shared" si="92"/>
        <v>#N/A</v>
      </c>
      <c r="F5856" t="str">
        <f>IF(C5856="CLAY", INDEX(D$4:D5856, MATCH("CLAY", C$4:C5856, 0)), "")</f>
        <v/>
      </c>
    </row>
    <row r="5857" spans="1:6" x14ac:dyDescent="0.2">
      <c r="A5857" s="239">
        <f>'CPT Data'!B5865</f>
        <v>58.253</v>
      </c>
      <c r="B5857" s="3">
        <f>'CPT Data'!C5865</f>
        <v>58.246000000000002</v>
      </c>
      <c r="C5857" t="str">
        <f>'CPT Data'!P5865</f>
        <v>SAND</v>
      </c>
      <c r="D5857" t="e">
        <f>'CPT Data'!Q5865</f>
        <v>#N/A</v>
      </c>
      <c r="E5857" t="e">
        <f t="shared" si="92"/>
        <v>#N/A</v>
      </c>
      <c r="F5857" t="str">
        <f>IF(C5857="CLAY", INDEX(D$4:D5857, MATCH("CLAY", C$4:C5857, 0)), "")</f>
        <v/>
      </c>
    </row>
    <row r="5858" spans="1:6" x14ac:dyDescent="0.2">
      <c r="A5858" s="239">
        <f>'CPT Data'!B5866</f>
        <v>58.264000000000003</v>
      </c>
      <c r="B5858" s="3">
        <f>'CPT Data'!C5866</f>
        <v>58.257000000000005</v>
      </c>
      <c r="C5858" t="str">
        <f>'CPT Data'!P5866</f>
        <v>SAND</v>
      </c>
      <c r="D5858" t="e">
        <f>'CPT Data'!Q5866</f>
        <v>#N/A</v>
      </c>
      <c r="E5858" t="e">
        <f t="shared" si="92"/>
        <v>#N/A</v>
      </c>
      <c r="F5858" t="str">
        <f>IF(C5858="CLAY", INDEX(D$4:D5858, MATCH("CLAY", C$4:C5858, 0)), "")</f>
        <v/>
      </c>
    </row>
    <row r="5859" spans="1:6" x14ac:dyDescent="0.2">
      <c r="A5859" s="239">
        <f>'CPT Data'!B5867</f>
        <v>58.274000000000001</v>
      </c>
      <c r="B5859" s="3">
        <f>'CPT Data'!C5867</f>
        <v>58.267000000000003</v>
      </c>
      <c r="C5859" t="str">
        <f>'CPT Data'!P5867</f>
        <v>SAND</v>
      </c>
      <c r="D5859" t="e">
        <f>'CPT Data'!Q5867</f>
        <v>#N/A</v>
      </c>
      <c r="E5859" t="e">
        <f t="shared" si="92"/>
        <v>#N/A</v>
      </c>
      <c r="F5859" t="str">
        <f>IF(C5859="CLAY", INDEX(D$4:D5859, MATCH("CLAY", C$4:C5859, 0)), "")</f>
        <v/>
      </c>
    </row>
    <row r="5860" spans="1:6" x14ac:dyDescent="0.2">
      <c r="A5860" s="239">
        <f>'CPT Data'!B5868</f>
        <v>58.283999999999999</v>
      </c>
      <c r="B5860" s="3">
        <f>'CPT Data'!C5868</f>
        <v>58.277000000000001</v>
      </c>
      <c r="C5860" t="str">
        <f>'CPT Data'!P5868</f>
        <v>SAND</v>
      </c>
      <c r="D5860" t="e">
        <f>'CPT Data'!Q5868</f>
        <v>#N/A</v>
      </c>
      <c r="E5860" t="e">
        <f t="shared" si="92"/>
        <v>#N/A</v>
      </c>
      <c r="F5860" t="str">
        <f>IF(C5860="CLAY", INDEX(D$4:D5860, MATCH("CLAY", C$4:C5860, 0)), "")</f>
        <v/>
      </c>
    </row>
    <row r="5861" spans="1:6" x14ac:dyDescent="0.2">
      <c r="A5861" s="239">
        <f>'CPT Data'!B5869</f>
        <v>58.293999999999997</v>
      </c>
      <c r="B5861" s="3">
        <f>'CPT Data'!C5869</f>
        <v>58.286999999999999</v>
      </c>
      <c r="C5861" t="str">
        <f>'CPT Data'!P5869</f>
        <v>SAND</v>
      </c>
      <c r="D5861" t="e">
        <f>'CPT Data'!Q5869</f>
        <v>#N/A</v>
      </c>
      <c r="E5861" t="e">
        <f t="shared" si="92"/>
        <v>#N/A</v>
      </c>
      <c r="F5861" t="str">
        <f>IF(C5861="CLAY", INDEX(D$4:D5861, MATCH("CLAY", C$4:C5861, 0)), "")</f>
        <v/>
      </c>
    </row>
    <row r="5862" spans="1:6" x14ac:dyDescent="0.2">
      <c r="A5862" s="239">
        <f>'CPT Data'!B5870</f>
        <v>58.305</v>
      </c>
      <c r="B5862" s="3">
        <f>'CPT Data'!C5870</f>
        <v>58.298000000000002</v>
      </c>
      <c r="C5862" t="str">
        <f>'CPT Data'!P5870</f>
        <v>SAND</v>
      </c>
      <c r="D5862" t="e">
        <f>'CPT Data'!Q5870</f>
        <v>#N/A</v>
      </c>
      <c r="E5862" t="e">
        <f t="shared" si="92"/>
        <v>#N/A</v>
      </c>
      <c r="F5862" t="str">
        <f>IF(C5862="CLAY", INDEX(D$4:D5862, MATCH("CLAY", C$4:C5862, 0)), "")</f>
        <v/>
      </c>
    </row>
    <row r="5863" spans="1:6" x14ac:dyDescent="0.2">
      <c r="A5863" s="239">
        <f>'CPT Data'!B5871</f>
        <v>58.314999999999998</v>
      </c>
      <c r="B5863" s="3">
        <f>'CPT Data'!C5871</f>
        <v>58.308</v>
      </c>
      <c r="C5863" t="str">
        <f>'CPT Data'!P5871</f>
        <v>SAND</v>
      </c>
      <c r="D5863" t="e">
        <f>'CPT Data'!Q5871</f>
        <v>#N/A</v>
      </c>
      <c r="E5863" t="e">
        <f t="shared" si="92"/>
        <v>#N/A</v>
      </c>
      <c r="F5863" t="str">
        <f>IF(C5863="CLAY", INDEX(D$4:D5863, MATCH("CLAY", C$4:C5863, 0)), "")</f>
        <v/>
      </c>
    </row>
    <row r="5864" spans="1:6" x14ac:dyDescent="0.2">
      <c r="A5864" s="239">
        <f>'CPT Data'!B5872</f>
        <v>58.325000000000003</v>
      </c>
      <c r="B5864" s="3">
        <f>'CPT Data'!C5872</f>
        <v>58.318000000000005</v>
      </c>
      <c r="C5864" t="str">
        <f>'CPT Data'!P5872</f>
        <v>SAND</v>
      </c>
      <c r="D5864" t="e">
        <f>'CPT Data'!Q5872</f>
        <v>#N/A</v>
      </c>
      <c r="E5864" t="e">
        <f t="shared" si="92"/>
        <v>#N/A</v>
      </c>
      <c r="F5864" t="str">
        <f>IF(C5864="CLAY", INDEX(D$4:D5864, MATCH("CLAY", C$4:C5864, 0)), "")</f>
        <v/>
      </c>
    </row>
    <row r="5865" spans="1:6" x14ac:dyDescent="0.2">
      <c r="A5865" s="239">
        <f>'CPT Data'!B5873</f>
        <v>58.335999999999999</v>
      </c>
      <c r="B5865" s="3">
        <f>'CPT Data'!C5873</f>
        <v>58.329000000000001</v>
      </c>
      <c r="C5865" t="str">
        <f>'CPT Data'!P5873</f>
        <v>SAND</v>
      </c>
      <c r="D5865" t="e">
        <f>'CPT Data'!Q5873</f>
        <v>#N/A</v>
      </c>
      <c r="E5865" t="e">
        <f t="shared" si="92"/>
        <v>#N/A</v>
      </c>
      <c r="F5865" t="str">
        <f>IF(C5865="CLAY", INDEX(D$4:D5865, MATCH("CLAY", C$4:C5865, 0)), "")</f>
        <v/>
      </c>
    </row>
    <row r="5866" spans="1:6" x14ac:dyDescent="0.2">
      <c r="A5866" s="239">
        <f>'CPT Data'!B5874</f>
        <v>58.345999999999997</v>
      </c>
      <c r="B5866" s="3">
        <f>'CPT Data'!C5874</f>
        <v>58.338999999999999</v>
      </c>
      <c r="C5866" t="str">
        <f>'CPT Data'!P5874</f>
        <v>SAND</v>
      </c>
      <c r="D5866" t="e">
        <f>'CPT Data'!Q5874</f>
        <v>#N/A</v>
      </c>
      <c r="E5866" t="e">
        <f t="shared" si="92"/>
        <v>#N/A</v>
      </c>
      <c r="F5866" t="str">
        <f>IF(C5866="CLAY", INDEX(D$4:D5866, MATCH("CLAY", C$4:C5866, 0)), "")</f>
        <v/>
      </c>
    </row>
    <row r="5867" spans="1:6" x14ac:dyDescent="0.2">
      <c r="A5867" s="239">
        <f>'CPT Data'!B5875</f>
        <v>58.357999999999997</v>
      </c>
      <c r="B5867" s="3">
        <f>'CPT Data'!C5875</f>
        <v>58.350999999999999</v>
      </c>
      <c r="C5867" t="str">
        <f>'CPT Data'!P5875</f>
        <v>SAND</v>
      </c>
      <c r="D5867" t="e">
        <f>'CPT Data'!Q5875</f>
        <v>#N/A</v>
      </c>
      <c r="E5867" t="e">
        <f t="shared" si="92"/>
        <v>#N/A</v>
      </c>
      <c r="F5867" t="str">
        <f>IF(C5867="CLAY", INDEX(D$4:D5867, MATCH("CLAY", C$4:C5867, 0)), "")</f>
        <v/>
      </c>
    </row>
    <row r="5868" spans="1:6" x14ac:dyDescent="0.2">
      <c r="A5868" s="239">
        <f>'CPT Data'!B5876</f>
        <v>58.368000000000002</v>
      </c>
      <c r="B5868" s="3">
        <f>'CPT Data'!C5876</f>
        <v>58.361000000000004</v>
      </c>
      <c r="C5868" t="str">
        <f>'CPT Data'!P5876</f>
        <v>SAND</v>
      </c>
      <c r="D5868" t="e">
        <f>'CPT Data'!Q5876</f>
        <v>#N/A</v>
      </c>
      <c r="E5868" t="e">
        <f t="shared" si="92"/>
        <v>#N/A</v>
      </c>
      <c r="F5868" t="str">
        <f>IF(C5868="CLAY", INDEX(D$4:D5868, MATCH("CLAY", C$4:C5868, 0)), "")</f>
        <v/>
      </c>
    </row>
    <row r="5869" spans="1:6" x14ac:dyDescent="0.2">
      <c r="A5869" s="239">
        <f>'CPT Data'!B5877</f>
        <v>58.378999999999998</v>
      </c>
      <c r="B5869" s="3">
        <f>'CPT Data'!C5877</f>
        <v>58.372</v>
      </c>
      <c r="C5869" t="str">
        <f>'CPT Data'!P5877</f>
        <v>SAND</v>
      </c>
      <c r="D5869" t="e">
        <f>'CPT Data'!Q5877</f>
        <v>#N/A</v>
      </c>
      <c r="E5869" t="e">
        <f t="shared" si="92"/>
        <v>#N/A</v>
      </c>
      <c r="F5869" t="str">
        <f>IF(C5869="CLAY", INDEX(D$4:D5869, MATCH("CLAY", C$4:C5869, 0)), "")</f>
        <v/>
      </c>
    </row>
    <row r="5870" spans="1:6" x14ac:dyDescent="0.2">
      <c r="A5870" s="239">
        <f>'CPT Data'!B5878</f>
        <v>58.389000000000003</v>
      </c>
      <c r="B5870" s="3">
        <f>'CPT Data'!C5878</f>
        <v>58.382000000000005</v>
      </c>
      <c r="C5870" t="str">
        <f>'CPT Data'!P5878</f>
        <v>SAND</v>
      </c>
      <c r="D5870" t="e">
        <f>'CPT Data'!Q5878</f>
        <v>#N/A</v>
      </c>
      <c r="E5870" t="e">
        <f t="shared" si="92"/>
        <v>#N/A</v>
      </c>
      <c r="F5870" t="str">
        <f>IF(C5870="CLAY", INDEX(D$4:D5870, MATCH("CLAY", C$4:C5870, 0)), "")</f>
        <v/>
      </c>
    </row>
    <row r="5871" spans="1:6" x14ac:dyDescent="0.2">
      <c r="A5871" s="239">
        <f>'CPT Data'!B5879</f>
        <v>58.399000000000001</v>
      </c>
      <c r="B5871" s="3">
        <f>'CPT Data'!C5879</f>
        <v>58.392000000000003</v>
      </c>
      <c r="C5871" t="str">
        <f>'CPT Data'!P5879</f>
        <v>SAND</v>
      </c>
      <c r="D5871" t="e">
        <f>'CPT Data'!Q5879</f>
        <v>#N/A</v>
      </c>
      <c r="E5871" t="e">
        <f t="shared" si="92"/>
        <v>#N/A</v>
      </c>
      <c r="F5871" t="str">
        <f>IF(C5871="CLAY", INDEX(D$4:D5871, MATCH("CLAY", C$4:C5871, 0)), "")</f>
        <v/>
      </c>
    </row>
    <row r="5872" spans="1:6" x14ac:dyDescent="0.2">
      <c r="A5872" s="239">
        <f>'CPT Data'!B5880</f>
        <v>58.408999999999999</v>
      </c>
      <c r="B5872" s="3">
        <f>'CPT Data'!C5880</f>
        <v>58.402000000000001</v>
      </c>
      <c r="C5872" t="str">
        <f>'CPT Data'!P5880</f>
        <v>SAND</v>
      </c>
      <c r="D5872" t="e">
        <f>'CPT Data'!Q5880</f>
        <v>#N/A</v>
      </c>
      <c r="E5872" t="e">
        <f t="shared" si="92"/>
        <v>#N/A</v>
      </c>
      <c r="F5872" t="str">
        <f>IF(C5872="CLAY", INDEX(D$4:D5872, MATCH("CLAY", C$4:C5872, 0)), "")</f>
        <v/>
      </c>
    </row>
    <row r="5873" spans="1:6" x14ac:dyDescent="0.2">
      <c r="A5873" s="239">
        <f>'CPT Data'!B5881</f>
        <v>58.42</v>
      </c>
      <c r="B5873" s="3">
        <f>'CPT Data'!C5881</f>
        <v>58.413000000000004</v>
      </c>
      <c r="C5873" t="str">
        <f>'CPT Data'!P5881</f>
        <v>SAND</v>
      </c>
      <c r="D5873" t="e">
        <f>'CPT Data'!Q5881</f>
        <v>#N/A</v>
      </c>
      <c r="E5873" t="e">
        <f t="shared" si="92"/>
        <v>#N/A</v>
      </c>
      <c r="F5873" t="str">
        <f>IF(C5873="CLAY", INDEX(D$4:D5873, MATCH("CLAY", C$4:C5873, 0)), "")</f>
        <v/>
      </c>
    </row>
    <row r="5874" spans="1:6" x14ac:dyDescent="0.2">
      <c r="A5874" s="239">
        <f>'CPT Data'!B5882</f>
        <v>58.430999999999997</v>
      </c>
      <c r="B5874" s="3">
        <f>'CPT Data'!C5882</f>
        <v>58.423999999999999</v>
      </c>
      <c r="C5874" t="str">
        <f>'CPT Data'!P5882</f>
        <v>SAND</v>
      </c>
      <c r="D5874" t="e">
        <f>'CPT Data'!Q5882</f>
        <v>#N/A</v>
      </c>
      <c r="E5874" t="e">
        <f t="shared" si="92"/>
        <v>#N/A</v>
      </c>
      <c r="F5874" t="str">
        <f>IF(C5874="CLAY", INDEX(D$4:D5874, MATCH("CLAY", C$4:C5874, 0)), "")</f>
        <v/>
      </c>
    </row>
    <row r="5875" spans="1:6" x14ac:dyDescent="0.2">
      <c r="A5875" s="239">
        <f>'CPT Data'!B5883</f>
        <v>58.441000000000003</v>
      </c>
      <c r="B5875" s="3">
        <f>'CPT Data'!C5883</f>
        <v>58.434000000000005</v>
      </c>
      <c r="C5875" t="str">
        <f>'CPT Data'!P5883</f>
        <v>SAND</v>
      </c>
      <c r="D5875" t="e">
        <f>'CPT Data'!Q5883</f>
        <v>#N/A</v>
      </c>
      <c r="E5875" t="e">
        <f t="shared" si="92"/>
        <v>#N/A</v>
      </c>
      <c r="F5875" t="str">
        <f>IF(C5875="CLAY", INDEX(D$4:D5875, MATCH("CLAY", C$4:C5875, 0)), "")</f>
        <v/>
      </c>
    </row>
    <row r="5876" spans="1:6" x14ac:dyDescent="0.2">
      <c r="A5876" s="239">
        <f>'CPT Data'!B5884</f>
        <v>58.451000000000001</v>
      </c>
      <c r="B5876" s="3">
        <f>'CPT Data'!C5884</f>
        <v>58.444000000000003</v>
      </c>
      <c r="C5876" t="str">
        <f>'CPT Data'!P5884</f>
        <v>SAND</v>
      </c>
      <c r="D5876" t="e">
        <f>'CPT Data'!Q5884</f>
        <v>#N/A</v>
      </c>
      <c r="E5876" t="e">
        <f t="shared" si="92"/>
        <v>#N/A</v>
      </c>
      <c r="F5876" t="str">
        <f>IF(C5876="CLAY", INDEX(D$4:D5876, MATCH("CLAY", C$4:C5876, 0)), "")</f>
        <v/>
      </c>
    </row>
    <row r="5877" spans="1:6" x14ac:dyDescent="0.2">
      <c r="A5877" s="239">
        <f>'CPT Data'!B5885</f>
        <v>58.462000000000003</v>
      </c>
      <c r="B5877" s="3">
        <f>'CPT Data'!C5885</f>
        <v>58.455000000000005</v>
      </c>
      <c r="C5877" t="str">
        <f>'CPT Data'!P5885</f>
        <v>SAND</v>
      </c>
      <c r="D5877" t="e">
        <f>'CPT Data'!Q5885</f>
        <v>#N/A</v>
      </c>
      <c r="E5877" t="e">
        <f t="shared" si="92"/>
        <v>#N/A</v>
      </c>
      <c r="F5877" t="str">
        <f>IF(C5877="CLAY", INDEX(D$4:D5877, MATCH("CLAY", C$4:C5877, 0)), "")</f>
        <v/>
      </c>
    </row>
    <row r="5878" spans="1:6" x14ac:dyDescent="0.2">
      <c r="A5878" s="239">
        <f>'CPT Data'!B5886</f>
        <v>58.472000000000001</v>
      </c>
      <c r="B5878" s="3">
        <f>'CPT Data'!C5886</f>
        <v>58.465000000000003</v>
      </c>
      <c r="C5878" t="str">
        <f>'CPT Data'!P5886</f>
        <v>SAND</v>
      </c>
      <c r="D5878" t="e">
        <f>'CPT Data'!Q5886</f>
        <v>#N/A</v>
      </c>
      <c r="E5878" t="e">
        <f t="shared" si="92"/>
        <v>#N/A</v>
      </c>
      <c r="F5878" t="str">
        <f>IF(C5878="CLAY", INDEX(D$4:D5878, MATCH("CLAY", C$4:C5878, 0)), "")</f>
        <v/>
      </c>
    </row>
    <row r="5879" spans="1:6" x14ac:dyDescent="0.2">
      <c r="A5879" s="239">
        <f>'CPT Data'!B5887</f>
        <v>58.481000000000002</v>
      </c>
      <c r="B5879" s="3">
        <f>'CPT Data'!C5887</f>
        <v>58.474000000000004</v>
      </c>
      <c r="C5879" t="str">
        <f>'CPT Data'!P5887</f>
        <v>SAND</v>
      </c>
      <c r="D5879" t="e">
        <f>'CPT Data'!Q5887</f>
        <v>#N/A</v>
      </c>
      <c r="E5879" t="e">
        <f t="shared" si="92"/>
        <v>#N/A</v>
      </c>
      <c r="F5879" t="str">
        <f>IF(C5879="CLAY", INDEX(D$4:D5879, MATCH("CLAY", C$4:C5879, 0)), "")</f>
        <v/>
      </c>
    </row>
    <row r="5880" spans="1:6" x14ac:dyDescent="0.2">
      <c r="A5880" s="239">
        <f>'CPT Data'!B5888</f>
        <v>58.491</v>
      </c>
      <c r="B5880" s="3">
        <f>'CPT Data'!C5888</f>
        <v>58.484000000000002</v>
      </c>
      <c r="C5880" t="str">
        <f>'CPT Data'!P5888</f>
        <v>SAND</v>
      </c>
      <c r="D5880" t="e">
        <f>'CPT Data'!Q5888</f>
        <v>#N/A</v>
      </c>
      <c r="E5880" t="e">
        <f t="shared" si="92"/>
        <v>#N/A</v>
      </c>
      <c r="F5880" t="str">
        <f>IF(C5880="CLAY", INDEX(D$4:D5880, MATCH("CLAY", C$4:C5880, 0)), "")</f>
        <v/>
      </c>
    </row>
    <row r="5881" spans="1:6" x14ac:dyDescent="0.2">
      <c r="A5881" s="239">
        <f>'CPT Data'!B5889</f>
        <v>58.500999999999998</v>
      </c>
      <c r="B5881" s="3">
        <f>'CPT Data'!C5889</f>
        <v>58.494</v>
      </c>
      <c r="C5881" t="str">
        <f>'CPT Data'!P5889</f>
        <v>SAND</v>
      </c>
      <c r="D5881" t="e">
        <f>'CPT Data'!Q5889</f>
        <v>#N/A</v>
      </c>
      <c r="E5881" t="e">
        <f t="shared" si="92"/>
        <v>#N/A</v>
      </c>
      <c r="F5881" t="str">
        <f>IF(C5881="CLAY", INDEX(D$4:D5881, MATCH("CLAY", C$4:C5881, 0)), "")</f>
        <v/>
      </c>
    </row>
    <row r="5882" spans="1:6" x14ac:dyDescent="0.2">
      <c r="A5882" s="239">
        <f>'CPT Data'!B5890</f>
        <v>58.51</v>
      </c>
      <c r="B5882" s="3">
        <f>'CPT Data'!C5890</f>
        <v>58.503</v>
      </c>
      <c r="C5882" t="str">
        <f>'CPT Data'!P5890</f>
        <v>SAND</v>
      </c>
      <c r="D5882" t="e">
        <f>'CPT Data'!Q5890</f>
        <v>#N/A</v>
      </c>
      <c r="E5882" t="e">
        <f t="shared" si="92"/>
        <v>#N/A</v>
      </c>
      <c r="F5882" t="str">
        <f>IF(C5882="CLAY", INDEX(D$4:D5882, MATCH("CLAY", C$4:C5882, 0)), "")</f>
        <v/>
      </c>
    </row>
    <row r="5883" spans="1:6" x14ac:dyDescent="0.2">
      <c r="A5883" s="239">
        <f>'CPT Data'!B5891</f>
        <v>58.518999999999998</v>
      </c>
      <c r="B5883" s="3">
        <f>'CPT Data'!C5891</f>
        <v>58.512</v>
      </c>
      <c r="C5883" t="str">
        <f>'CPT Data'!P5891</f>
        <v>SAND</v>
      </c>
      <c r="D5883" t="e">
        <f>'CPT Data'!Q5891</f>
        <v>#N/A</v>
      </c>
      <c r="E5883" t="e">
        <f t="shared" si="92"/>
        <v>#N/A</v>
      </c>
      <c r="F5883" t="str">
        <f>IF(C5883="CLAY", INDEX(D$4:D5883, MATCH("CLAY", C$4:C5883, 0)), "")</f>
        <v/>
      </c>
    </row>
    <row r="5884" spans="1:6" x14ac:dyDescent="0.2">
      <c r="A5884" s="239">
        <f>'CPT Data'!B5892</f>
        <v>58.530999999999999</v>
      </c>
      <c r="B5884" s="3">
        <f>'CPT Data'!C5892</f>
        <v>58.524000000000001</v>
      </c>
      <c r="C5884" t="str">
        <f>'CPT Data'!P5892</f>
        <v>SAND</v>
      </c>
      <c r="D5884" t="e">
        <f>'CPT Data'!Q5892</f>
        <v>#N/A</v>
      </c>
      <c r="E5884" t="e">
        <f t="shared" si="92"/>
        <v>#N/A</v>
      </c>
      <c r="F5884" t="str">
        <f>IF(C5884="CLAY", INDEX(D$4:D5884, MATCH("CLAY", C$4:C5884, 0)), "")</f>
        <v/>
      </c>
    </row>
    <row r="5885" spans="1:6" x14ac:dyDescent="0.2">
      <c r="A5885" s="239">
        <f>'CPT Data'!B5893</f>
        <v>58.540999999999997</v>
      </c>
      <c r="B5885" s="3">
        <f>'CPT Data'!C5893</f>
        <v>58.533999999999999</v>
      </c>
      <c r="C5885" t="str">
        <f>'CPT Data'!P5893</f>
        <v>SAND</v>
      </c>
      <c r="D5885" t="e">
        <f>'CPT Data'!Q5893</f>
        <v>#N/A</v>
      </c>
      <c r="E5885" t="e">
        <f t="shared" si="92"/>
        <v>#N/A</v>
      </c>
      <c r="F5885" t="str">
        <f>IF(C5885="CLAY", INDEX(D$4:D5885, MATCH("CLAY", C$4:C5885, 0)), "")</f>
        <v/>
      </c>
    </row>
    <row r="5886" spans="1:6" x14ac:dyDescent="0.2">
      <c r="A5886" s="239">
        <f>'CPT Data'!B5894</f>
        <v>58.55</v>
      </c>
      <c r="B5886" s="3">
        <f>'CPT Data'!C5894</f>
        <v>58.542999999999999</v>
      </c>
      <c r="C5886" t="str">
        <f>'CPT Data'!P5894</f>
        <v>SAND</v>
      </c>
      <c r="D5886" t="e">
        <f>'CPT Data'!Q5894</f>
        <v>#N/A</v>
      </c>
      <c r="E5886" t="e">
        <f t="shared" si="92"/>
        <v>#N/A</v>
      </c>
      <c r="F5886" t="str">
        <f>IF(C5886="CLAY", INDEX(D$4:D5886, MATCH("CLAY", C$4:C5886, 0)), "")</f>
        <v/>
      </c>
    </row>
    <row r="5887" spans="1:6" x14ac:dyDescent="0.2">
      <c r="A5887" s="239">
        <f>'CPT Data'!B5895</f>
        <v>58.561</v>
      </c>
      <c r="B5887" s="3">
        <f>'CPT Data'!C5895</f>
        <v>58.554000000000002</v>
      </c>
      <c r="C5887" t="str">
        <f>'CPT Data'!P5895</f>
        <v>SAND</v>
      </c>
      <c r="D5887" t="e">
        <f>'CPT Data'!Q5895</f>
        <v>#N/A</v>
      </c>
      <c r="E5887" t="e">
        <f t="shared" si="92"/>
        <v>#N/A</v>
      </c>
      <c r="F5887" t="str">
        <f>IF(C5887="CLAY", INDEX(D$4:D5887, MATCH("CLAY", C$4:C5887, 0)), "")</f>
        <v/>
      </c>
    </row>
    <row r="5888" spans="1:6" x14ac:dyDescent="0.2">
      <c r="A5888" s="239">
        <f>'CPT Data'!B5896</f>
        <v>58.570999999999998</v>
      </c>
      <c r="B5888" s="3">
        <f>'CPT Data'!C5896</f>
        <v>58.564</v>
      </c>
      <c r="C5888" t="str">
        <f>'CPT Data'!P5896</f>
        <v>SAND</v>
      </c>
      <c r="D5888" t="e">
        <f>'CPT Data'!Q5896</f>
        <v>#N/A</v>
      </c>
      <c r="E5888" t="e">
        <f t="shared" si="92"/>
        <v>#N/A</v>
      </c>
      <c r="F5888" t="str">
        <f>IF(C5888="CLAY", INDEX(D$4:D5888, MATCH("CLAY", C$4:C5888, 0)), "")</f>
        <v/>
      </c>
    </row>
    <row r="5889" spans="1:6" x14ac:dyDescent="0.2">
      <c r="A5889" s="239">
        <f>'CPT Data'!B5897</f>
        <v>58.58</v>
      </c>
      <c r="B5889" s="3">
        <f>'CPT Data'!C5897</f>
        <v>58.573</v>
      </c>
      <c r="C5889" t="str">
        <f>'CPT Data'!P5897</f>
        <v>SAND</v>
      </c>
      <c r="D5889" t="e">
        <f>'CPT Data'!Q5897</f>
        <v>#N/A</v>
      </c>
      <c r="E5889" t="e">
        <f t="shared" si="92"/>
        <v>#N/A</v>
      </c>
      <c r="F5889" t="str">
        <f>IF(C5889="CLAY", INDEX(D$4:D5889, MATCH("CLAY", C$4:C5889, 0)), "")</f>
        <v/>
      </c>
    </row>
    <row r="5890" spans="1:6" x14ac:dyDescent="0.2">
      <c r="A5890" s="239">
        <f>'CPT Data'!B5898</f>
        <v>58.591000000000001</v>
      </c>
      <c r="B5890" s="3">
        <f>'CPT Data'!C5898</f>
        <v>58.584000000000003</v>
      </c>
      <c r="C5890" t="str">
        <f>'CPT Data'!P5898</f>
        <v>SAND</v>
      </c>
      <c r="D5890" t="e">
        <f>'CPT Data'!Q5898</f>
        <v>#N/A</v>
      </c>
      <c r="E5890" t="e">
        <f t="shared" si="92"/>
        <v>#N/A</v>
      </c>
      <c r="F5890" t="str">
        <f>IF(C5890="CLAY", INDEX(D$4:D5890, MATCH("CLAY", C$4:C5890, 0)), "")</f>
        <v/>
      </c>
    </row>
    <row r="5891" spans="1:6" x14ac:dyDescent="0.2">
      <c r="A5891" s="239">
        <f>'CPT Data'!B5899</f>
        <v>58.600999999999999</v>
      </c>
      <c r="B5891" s="3">
        <f>'CPT Data'!C5899</f>
        <v>58.594000000000001</v>
      </c>
      <c r="C5891" t="str">
        <f>'CPT Data'!P5899</f>
        <v>SAND</v>
      </c>
      <c r="D5891" t="e">
        <f>'CPT Data'!Q5899</f>
        <v>#N/A</v>
      </c>
      <c r="E5891" t="e">
        <f t="shared" si="92"/>
        <v>#N/A</v>
      </c>
      <c r="F5891" t="str">
        <f>IF(C5891="CLAY", INDEX(D$4:D5891, MATCH("CLAY", C$4:C5891, 0)), "")</f>
        <v/>
      </c>
    </row>
    <row r="5892" spans="1:6" x14ac:dyDescent="0.2">
      <c r="A5892" s="239">
        <f>'CPT Data'!B5900</f>
        <v>58.610999999999997</v>
      </c>
      <c r="B5892" s="3">
        <f>'CPT Data'!C5900</f>
        <v>58.603999999999999</v>
      </c>
      <c r="C5892" t="str">
        <f>'CPT Data'!P5900</f>
        <v>SAND</v>
      </c>
      <c r="D5892" t="e">
        <f>'CPT Data'!Q5900</f>
        <v>#N/A</v>
      </c>
      <c r="E5892" t="e">
        <f t="shared" si="92"/>
        <v>#N/A</v>
      </c>
      <c r="F5892" t="str">
        <f>IF(C5892="CLAY", INDEX(D$4:D5892, MATCH("CLAY", C$4:C5892, 0)), "")</f>
        <v/>
      </c>
    </row>
    <row r="5893" spans="1:6" x14ac:dyDescent="0.2">
      <c r="A5893" s="239">
        <f>'CPT Data'!B5901</f>
        <v>58.622</v>
      </c>
      <c r="B5893" s="3">
        <f>'CPT Data'!C5901</f>
        <v>58.615000000000002</v>
      </c>
      <c r="C5893" t="str">
        <f>'CPT Data'!P5901</f>
        <v>SAND</v>
      </c>
      <c r="D5893" t="e">
        <f>'CPT Data'!Q5901</f>
        <v>#N/A</v>
      </c>
      <c r="E5893" t="e">
        <f t="shared" si="92"/>
        <v>#N/A</v>
      </c>
      <c r="F5893" t="str">
        <f>IF(C5893="CLAY", INDEX(D$4:D5893, MATCH("CLAY", C$4:C5893, 0)), "")</f>
        <v/>
      </c>
    </row>
    <row r="5894" spans="1:6" x14ac:dyDescent="0.2">
      <c r="A5894" s="239">
        <f>'CPT Data'!B5902</f>
        <v>58.631999999999998</v>
      </c>
      <c r="B5894" s="3">
        <f>'CPT Data'!C5902</f>
        <v>58.625</v>
      </c>
      <c r="C5894" t="str">
        <f>'CPT Data'!P5902</f>
        <v>SAND</v>
      </c>
      <c r="D5894" t="e">
        <f>'CPT Data'!Q5902</f>
        <v>#N/A</v>
      </c>
      <c r="E5894" t="e">
        <f t="shared" si="92"/>
        <v>#N/A</v>
      </c>
      <c r="F5894" t="str">
        <f>IF(C5894="CLAY", INDEX(D$4:D5894, MATCH("CLAY", C$4:C5894, 0)), "")</f>
        <v/>
      </c>
    </row>
    <row r="5895" spans="1:6" x14ac:dyDescent="0.2">
      <c r="A5895" s="239">
        <f>'CPT Data'!B5903</f>
        <v>58.643000000000001</v>
      </c>
      <c r="B5895" s="3">
        <f>'CPT Data'!C5903</f>
        <v>58.636000000000003</v>
      </c>
      <c r="C5895" t="str">
        <f>'CPT Data'!P5903</f>
        <v>SAND</v>
      </c>
      <c r="D5895" t="e">
        <f>'CPT Data'!Q5903</f>
        <v>#N/A</v>
      </c>
      <c r="E5895" t="e">
        <f t="shared" si="92"/>
        <v>#N/A</v>
      </c>
      <c r="F5895" t="str">
        <f>IF(C5895="CLAY", INDEX(D$4:D5895, MATCH("CLAY", C$4:C5895, 0)), "")</f>
        <v/>
      </c>
    </row>
    <row r="5896" spans="1:6" x14ac:dyDescent="0.2">
      <c r="A5896" s="239">
        <f>'CPT Data'!B5904</f>
        <v>58.652999999999999</v>
      </c>
      <c r="B5896" s="3">
        <f>'CPT Data'!C5904</f>
        <v>58.646000000000001</v>
      </c>
      <c r="C5896" t="str">
        <f>'CPT Data'!P5904</f>
        <v>SAND</v>
      </c>
      <c r="D5896" t="e">
        <f>'CPT Data'!Q5904</f>
        <v>#N/A</v>
      </c>
      <c r="E5896" t="e">
        <f t="shared" si="92"/>
        <v>#N/A</v>
      </c>
      <c r="F5896" t="str">
        <f>IF(C5896="CLAY", INDEX(D$4:D5896, MATCH("CLAY", C$4:C5896, 0)), "")</f>
        <v/>
      </c>
    </row>
    <row r="5897" spans="1:6" x14ac:dyDescent="0.2">
      <c r="A5897" s="239">
        <f>'CPT Data'!B5905</f>
        <v>58.661999999999999</v>
      </c>
      <c r="B5897" s="3">
        <f>'CPT Data'!C5905</f>
        <v>58.655000000000001</v>
      </c>
      <c r="C5897" t="str">
        <f>'CPT Data'!P5905</f>
        <v>SAND</v>
      </c>
      <c r="D5897" t="e">
        <f>'CPT Data'!Q5905</f>
        <v>#N/A</v>
      </c>
      <c r="E5897" t="e">
        <f t="shared" si="92"/>
        <v>#N/A</v>
      </c>
      <c r="F5897" t="str">
        <f>IF(C5897="CLAY", INDEX(D$4:D5897, MATCH("CLAY", C$4:C5897, 0)), "")</f>
        <v/>
      </c>
    </row>
    <row r="5898" spans="1:6" x14ac:dyDescent="0.2">
      <c r="A5898" s="239">
        <f>'CPT Data'!B5906</f>
        <v>58.673000000000002</v>
      </c>
      <c r="B5898" s="3">
        <f>'CPT Data'!C5906</f>
        <v>58.666000000000004</v>
      </c>
      <c r="C5898" t="str">
        <f>'CPT Data'!P5906</f>
        <v>SAND</v>
      </c>
      <c r="D5898" t="e">
        <f>'CPT Data'!Q5906</f>
        <v>#N/A</v>
      </c>
      <c r="E5898" t="e">
        <f t="shared" si="92"/>
        <v>#N/A</v>
      </c>
      <c r="F5898" t="str">
        <f>IF(C5898="CLAY", INDEX(D$4:D5898, MATCH("CLAY", C$4:C5898, 0)), "")</f>
        <v/>
      </c>
    </row>
    <row r="5899" spans="1:6" x14ac:dyDescent="0.2">
      <c r="A5899" s="239">
        <f>'CPT Data'!B5907</f>
        <v>58.683</v>
      </c>
      <c r="B5899" s="3">
        <f>'CPT Data'!C5907</f>
        <v>58.676000000000002</v>
      </c>
      <c r="C5899" t="str">
        <f>'CPT Data'!P5907</f>
        <v>SAND</v>
      </c>
      <c r="D5899" t="e">
        <f>'CPT Data'!Q5907</f>
        <v>#N/A</v>
      </c>
      <c r="E5899" t="e">
        <f t="shared" si="92"/>
        <v>#N/A</v>
      </c>
      <c r="F5899" t="str">
        <f>IF(C5899="CLAY", INDEX(D$4:D5899, MATCH("CLAY", C$4:C5899, 0)), "")</f>
        <v/>
      </c>
    </row>
    <row r="5900" spans="1:6" x14ac:dyDescent="0.2">
      <c r="A5900" s="239">
        <f>'CPT Data'!B5908</f>
        <v>58.692999999999998</v>
      </c>
      <c r="B5900" s="3">
        <f>'CPT Data'!C5908</f>
        <v>58.686</v>
      </c>
      <c r="C5900" t="str">
        <f>'CPT Data'!P5908</f>
        <v>SAND</v>
      </c>
      <c r="D5900" t="e">
        <f>'CPT Data'!Q5908</f>
        <v>#N/A</v>
      </c>
      <c r="E5900" t="e">
        <f t="shared" si="92"/>
        <v>#N/A</v>
      </c>
      <c r="F5900" t="str">
        <f>IF(C5900="CLAY", INDEX(D$4:D5900, MATCH("CLAY", C$4:C5900, 0)), "")</f>
        <v/>
      </c>
    </row>
    <row r="5901" spans="1:6" x14ac:dyDescent="0.2">
      <c r="A5901" s="239">
        <f>'CPT Data'!B5909</f>
        <v>58.704000000000001</v>
      </c>
      <c r="B5901" s="3">
        <f>'CPT Data'!C5909</f>
        <v>58.697000000000003</v>
      </c>
      <c r="C5901" t="str">
        <f>'CPT Data'!P5909</f>
        <v>SAND</v>
      </c>
      <c r="D5901" t="e">
        <f>'CPT Data'!Q5909</f>
        <v>#N/A</v>
      </c>
      <c r="E5901" t="e">
        <f t="shared" si="92"/>
        <v>#N/A</v>
      </c>
      <c r="F5901" t="str">
        <f>IF(C5901="CLAY", INDEX(D$4:D5901, MATCH("CLAY", C$4:C5901, 0)), "")</f>
        <v/>
      </c>
    </row>
    <row r="5902" spans="1:6" x14ac:dyDescent="0.2">
      <c r="A5902" s="239">
        <f>'CPT Data'!B5910</f>
        <v>58.713999999999999</v>
      </c>
      <c r="B5902" s="3">
        <f>'CPT Data'!C5910</f>
        <v>58.707000000000001</v>
      </c>
      <c r="C5902" t="str">
        <f>'CPT Data'!P5910</f>
        <v>SAND</v>
      </c>
      <c r="D5902" t="e">
        <f>'CPT Data'!Q5910</f>
        <v>#N/A</v>
      </c>
      <c r="E5902" t="e">
        <f t="shared" si="92"/>
        <v>#N/A</v>
      </c>
      <c r="F5902" t="str">
        <f>IF(C5902="CLAY", INDEX(D$4:D5902, MATCH("CLAY", C$4:C5902, 0)), "")</f>
        <v/>
      </c>
    </row>
    <row r="5903" spans="1:6" x14ac:dyDescent="0.2">
      <c r="A5903" s="239">
        <f>'CPT Data'!B5911</f>
        <v>58.723999999999997</v>
      </c>
      <c r="B5903" s="3">
        <f>'CPT Data'!C5911</f>
        <v>58.716999999999999</v>
      </c>
      <c r="C5903" t="str">
        <f>'CPT Data'!P5911</f>
        <v>SAND</v>
      </c>
      <c r="D5903" t="e">
        <f>'CPT Data'!Q5911</f>
        <v>#N/A</v>
      </c>
      <c r="E5903" t="e">
        <f t="shared" si="92"/>
        <v>#N/A</v>
      </c>
      <c r="F5903" t="str">
        <f>IF(C5903="CLAY", INDEX(D$4:D5903, MATCH("CLAY", C$4:C5903, 0)), "")</f>
        <v/>
      </c>
    </row>
    <row r="5904" spans="1:6" x14ac:dyDescent="0.2">
      <c r="A5904" s="239">
        <f>'CPT Data'!B5912</f>
        <v>58.734999999999999</v>
      </c>
      <c r="B5904" s="3">
        <f>'CPT Data'!C5912</f>
        <v>58.728000000000002</v>
      </c>
      <c r="C5904" t="str">
        <f>'CPT Data'!P5912</f>
        <v>SAND</v>
      </c>
      <c r="D5904" t="e">
        <f>'CPT Data'!Q5912</f>
        <v>#N/A</v>
      </c>
      <c r="E5904" t="e">
        <f t="shared" si="92"/>
        <v>#N/A</v>
      </c>
      <c r="F5904" t="str">
        <f>IF(C5904="CLAY", INDEX(D$4:D5904, MATCH("CLAY", C$4:C5904, 0)), "")</f>
        <v/>
      </c>
    </row>
    <row r="5905" spans="1:6" x14ac:dyDescent="0.2">
      <c r="A5905" s="239">
        <f>'CPT Data'!B5913</f>
        <v>58.744999999999997</v>
      </c>
      <c r="B5905" s="3">
        <f>'CPT Data'!C5913</f>
        <v>58.738</v>
      </c>
      <c r="C5905" t="str">
        <f>'CPT Data'!P5913</f>
        <v>SAND</v>
      </c>
      <c r="D5905" t="e">
        <f>'CPT Data'!Q5913</f>
        <v>#N/A</v>
      </c>
      <c r="E5905" t="e">
        <f t="shared" si="92"/>
        <v>#N/A</v>
      </c>
      <c r="F5905" t="str">
        <f>IF(C5905="CLAY", INDEX(D$4:D5905, MATCH("CLAY", C$4:C5905, 0)), "")</f>
        <v/>
      </c>
    </row>
    <row r="5906" spans="1:6" x14ac:dyDescent="0.2">
      <c r="A5906" s="239">
        <f>'CPT Data'!B5914</f>
        <v>58.753999999999998</v>
      </c>
      <c r="B5906" s="3">
        <f>'CPT Data'!C5914</f>
        <v>58.747</v>
      </c>
      <c r="C5906" t="str">
        <f>'CPT Data'!P5914</f>
        <v>SAND</v>
      </c>
      <c r="D5906" t="e">
        <f>'CPT Data'!Q5914</f>
        <v>#N/A</v>
      </c>
      <c r="E5906" t="e">
        <f t="shared" si="92"/>
        <v>#N/A</v>
      </c>
      <c r="F5906" t="str">
        <f>IF(C5906="CLAY", INDEX(D$4:D5906, MATCH("CLAY", C$4:C5906, 0)), "")</f>
        <v/>
      </c>
    </row>
    <row r="5907" spans="1:6" x14ac:dyDescent="0.2">
      <c r="A5907" s="239">
        <f>'CPT Data'!B5915</f>
        <v>58.765000000000001</v>
      </c>
      <c r="B5907" s="3">
        <f>'CPT Data'!C5915</f>
        <v>58.758000000000003</v>
      </c>
      <c r="C5907" t="str">
        <f>'CPT Data'!P5915</f>
        <v>SAND</v>
      </c>
      <c r="D5907" t="e">
        <f>'CPT Data'!Q5915</f>
        <v>#N/A</v>
      </c>
      <c r="E5907" t="e">
        <f t="shared" si="92"/>
        <v>#N/A</v>
      </c>
      <c r="F5907" t="str">
        <f>IF(C5907="CLAY", INDEX(D$4:D5907, MATCH("CLAY", C$4:C5907, 0)), "")</f>
        <v/>
      </c>
    </row>
    <row r="5908" spans="1:6" x14ac:dyDescent="0.2">
      <c r="A5908" s="239">
        <f>'CPT Data'!B5916</f>
        <v>58.774999999999999</v>
      </c>
      <c r="B5908" s="3">
        <f>'CPT Data'!C5916</f>
        <v>58.768000000000001</v>
      </c>
      <c r="C5908" t="str">
        <f>'CPT Data'!P5916</f>
        <v>SAND</v>
      </c>
      <c r="D5908" t="e">
        <f>'CPT Data'!Q5916</f>
        <v>#N/A</v>
      </c>
      <c r="E5908" t="e">
        <f t="shared" si="92"/>
        <v>#N/A</v>
      </c>
      <c r="F5908" t="str">
        <f>IF(C5908="CLAY", INDEX(D$4:D5908, MATCH("CLAY", C$4:C5908, 0)), "")</f>
        <v/>
      </c>
    </row>
    <row r="5909" spans="1:6" x14ac:dyDescent="0.2">
      <c r="A5909" s="239">
        <f>'CPT Data'!B5917</f>
        <v>58.783999999999999</v>
      </c>
      <c r="B5909" s="3">
        <f>'CPT Data'!C5917</f>
        <v>58.777000000000001</v>
      </c>
      <c r="C5909" t="str">
        <f>'CPT Data'!P5917</f>
        <v>SAND</v>
      </c>
      <c r="D5909" t="e">
        <f>'CPT Data'!Q5917</f>
        <v>#N/A</v>
      </c>
      <c r="E5909" t="e">
        <f t="shared" si="92"/>
        <v>#N/A</v>
      </c>
      <c r="F5909" t="str">
        <f>IF(C5909="CLAY", INDEX(D$4:D5909, MATCH("CLAY", C$4:C5909, 0)), "")</f>
        <v/>
      </c>
    </row>
    <row r="5910" spans="1:6" x14ac:dyDescent="0.2">
      <c r="A5910" s="239">
        <f>'CPT Data'!B5918</f>
        <v>58.795000000000002</v>
      </c>
      <c r="B5910" s="3">
        <f>'CPT Data'!C5918</f>
        <v>58.788000000000004</v>
      </c>
      <c r="C5910" t="str">
        <f>'CPT Data'!P5918</f>
        <v>SAND</v>
      </c>
      <c r="D5910" t="e">
        <f>'CPT Data'!Q5918</f>
        <v>#N/A</v>
      </c>
      <c r="E5910" t="e">
        <f t="shared" si="92"/>
        <v>#N/A</v>
      </c>
      <c r="F5910" t="str">
        <f>IF(C5910="CLAY", INDEX(D$4:D5910, MATCH("CLAY", C$4:C5910, 0)), "")</f>
        <v/>
      </c>
    </row>
    <row r="5911" spans="1:6" x14ac:dyDescent="0.2">
      <c r="A5911" s="239">
        <f>'CPT Data'!B5919</f>
        <v>58.805</v>
      </c>
      <c r="B5911" s="3">
        <f>'CPT Data'!C5919</f>
        <v>58.798000000000002</v>
      </c>
      <c r="C5911" t="str">
        <f>'CPT Data'!P5919</f>
        <v>SAND</v>
      </c>
      <c r="D5911" t="e">
        <f>'CPT Data'!Q5919</f>
        <v>#N/A</v>
      </c>
      <c r="E5911" t="e">
        <f t="shared" si="92"/>
        <v>#N/A</v>
      </c>
      <c r="F5911" t="str">
        <f>IF(C5911="CLAY", INDEX(D$4:D5911, MATCH("CLAY", C$4:C5911, 0)), "")</f>
        <v/>
      </c>
    </row>
    <row r="5912" spans="1:6" x14ac:dyDescent="0.2">
      <c r="A5912" s="239">
        <f>'CPT Data'!B5920</f>
        <v>58.814</v>
      </c>
      <c r="B5912" s="3">
        <f>'CPT Data'!C5920</f>
        <v>58.807000000000002</v>
      </c>
      <c r="C5912" t="str">
        <f>'CPT Data'!P5920</f>
        <v>SAND</v>
      </c>
      <c r="D5912" t="e">
        <f>'CPT Data'!Q5920</f>
        <v>#N/A</v>
      </c>
      <c r="E5912" t="e">
        <f t="shared" si="92"/>
        <v>#N/A</v>
      </c>
      <c r="F5912" t="str">
        <f>IF(C5912="CLAY", INDEX(D$4:D5912, MATCH("CLAY", C$4:C5912, 0)), "")</f>
        <v/>
      </c>
    </row>
    <row r="5913" spans="1:6" x14ac:dyDescent="0.2">
      <c r="A5913" s="239">
        <f>'CPT Data'!B5921</f>
        <v>58.823999999999998</v>
      </c>
      <c r="B5913" s="3">
        <f>'CPT Data'!C5921</f>
        <v>58.817</v>
      </c>
      <c r="C5913" t="str">
        <f>'CPT Data'!P5921</f>
        <v>SAND</v>
      </c>
      <c r="D5913" t="e">
        <f>'CPT Data'!Q5921</f>
        <v>#N/A</v>
      </c>
      <c r="E5913" t="e">
        <f t="shared" si="92"/>
        <v>#N/A</v>
      </c>
      <c r="F5913" t="str">
        <f>IF(C5913="CLAY", INDEX(D$4:D5913, MATCH("CLAY", C$4:C5913, 0)), "")</f>
        <v/>
      </c>
    </row>
    <row r="5914" spans="1:6" x14ac:dyDescent="0.2">
      <c r="A5914" s="239">
        <f>'CPT Data'!B5922</f>
        <v>58.834000000000003</v>
      </c>
      <c r="B5914" s="3">
        <f>'CPT Data'!C5922</f>
        <v>58.827000000000005</v>
      </c>
      <c r="C5914" t="str">
        <f>'CPT Data'!P5922</f>
        <v>SAND</v>
      </c>
      <c r="D5914" t="e">
        <f>'CPT Data'!Q5922</f>
        <v>#N/A</v>
      </c>
      <c r="E5914" t="e">
        <f t="shared" si="92"/>
        <v>#N/A</v>
      </c>
      <c r="F5914" t="str">
        <f>IF(C5914="CLAY", INDEX(D$4:D5914, MATCH("CLAY", C$4:C5914, 0)), "")</f>
        <v/>
      </c>
    </row>
    <row r="5915" spans="1:6" x14ac:dyDescent="0.2">
      <c r="A5915" s="239">
        <f>'CPT Data'!B5923</f>
        <v>58.844000000000001</v>
      </c>
      <c r="B5915" s="3">
        <f>'CPT Data'!C5923</f>
        <v>58.837000000000003</v>
      </c>
      <c r="C5915" t="str">
        <f>'CPT Data'!P5923</f>
        <v>SAND</v>
      </c>
      <c r="D5915" t="e">
        <f>'CPT Data'!Q5923</f>
        <v>#N/A</v>
      </c>
      <c r="E5915" t="e">
        <f t="shared" ref="E5915:E5978" si="93">IF(C5915="SAND",#N/A,IF(C5915=C5914,D5914,IF(C5915="CLAY",D5915,#N/A)))</f>
        <v>#N/A</v>
      </c>
      <c r="F5915" t="str">
        <f>IF(C5915="CLAY", INDEX(D$4:D5915, MATCH("CLAY", C$4:C5915, 0)), "")</f>
        <v/>
      </c>
    </row>
    <row r="5916" spans="1:6" x14ac:dyDescent="0.2">
      <c r="A5916" s="239">
        <f>'CPT Data'!B5924</f>
        <v>58.854999999999997</v>
      </c>
      <c r="B5916" s="3">
        <f>'CPT Data'!C5924</f>
        <v>58.847999999999999</v>
      </c>
      <c r="C5916" t="str">
        <f>'CPT Data'!P5924</f>
        <v>SAND</v>
      </c>
      <c r="D5916" t="e">
        <f>'CPT Data'!Q5924</f>
        <v>#N/A</v>
      </c>
      <c r="E5916" t="e">
        <f t="shared" si="93"/>
        <v>#N/A</v>
      </c>
      <c r="F5916" t="str">
        <f>IF(C5916="CLAY", INDEX(D$4:D5916, MATCH("CLAY", C$4:C5916, 0)), "")</f>
        <v/>
      </c>
    </row>
    <row r="5917" spans="1:6" x14ac:dyDescent="0.2">
      <c r="A5917" s="239">
        <f>'CPT Data'!B5925</f>
        <v>58.863999999999997</v>
      </c>
      <c r="B5917" s="3">
        <f>'CPT Data'!C5925</f>
        <v>58.856999999999999</v>
      </c>
      <c r="C5917" t="str">
        <f>'CPT Data'!P5925</f>
        <v>SAND</v>
      </c>
      <c r="D5917" t="e">
        <f>'CPT Data'!Q5925</f>
        <v>#N/A</v>
      </c>
      <c r="E5917" t="e">
        <f t="shared" si="93"/>
        <v>#N/A</v>
      </c>
      <c r="F5917" t="str">
        <f>IF(C5917="CLAY", INDEX(D$4:D5917, MATCH("CLAY", C$4:C5917, 0)), "")</f>
        <v/>
      </c>
    </row>
    <row r="5918" spans="1:6" x14ac:dyDescent="0.2">
      <c r="A5918" s="239">
        <f>'CPT Data'!B5926</f>
        <v>58.875</v>
      </c>
      <c r="B5918" s="3">
        <f>'CPT Data'!C5926</f>
        <v>58.868000000000002</v>
      </c>
      <c r="C5918" t="str">
        <f>'CPT Data'!P5926</f>
        <v>SAND</v>
      </c>
      <c r="D5918" t="e">
        <f>'CPT Data'!Q5926</f>
        <v>#N/A</v>
      </c>
      <c r="E5918" t="e">
        <f t="shared" si="93"/>
        <v>#N/A</v>
      </c>
      <c r="F5918" t="str">
        <f>IF(C5918="CLAY", INDEX(D$4:D5918, MATCH("CLAY", C$4:C5918, 0)), "")</f>
        <v/>
      </c>
    </row>
    <row r="5919" spans="1:6" x14ac:dyDescent="0.2">
      <c r="A5919" s="239">
        <f>'CPT Data'!B5927</f>
        <v>58.884</v>
      </c>
      <c r="B5919" s="3">
        <f>'CPT Data'!C5927</f>
        <v>58.877000000000002</v>
      </c>
      <c r="C5919" t="str">
        <f>'CPT Data'!P5927</f>
        <v>SAND</v>
      </c>
      <c r="D5919" t="e">
        <f>'CPT Data'!Q5927</f>
        <v>#N/A</v>
      </c>
      <c r="E5919" t="e">
        <f t="shared" si="93"/>
        <v>#N/A</v>
      </c>
      <c r="F5919" t="str">
        <f>IF(C5919="CLAY", INDEX(D$4:D5919, MATCH("CLAY", C$4:C5919, 0)), "")</f>
        <v/>
      </c>
    </row>
    <row r="5920" spans="1:6" x14ac:dyDescent="0.2">
      <c r="A5920" s="239">
        <f>'CPT Data'!B5928</f>
        <v>58.893999999999998</v>
      </c>
      <c r="B5920" s="3">
        <f>'CPT Data'!C5928</f>
        <v>58.887</v>
      </c>
      <c r="C5920" t="str">
        <f>'CPT Data'!P5928</f>
        <v>SAND</v>
      </c>
      <c r="D5920" t="e">
        <f>'CPT Data'!Q5928</f>
        <v>#N/A</v>
      </c>
      <c r="E5920" t="e">
        <f t="shared" si="93"/>
        <v>#N/A</v>
      </c>
      <c r="F5920" t="str">
        <f>IF(C5920="CLAY", INDEX(D$4:D5920, MATCH("CLAY", C$4:C5920, 0)), "")</f>
        <v/>
      </c>
    </row>
    <row r="5921" spans="1:6" x14ac:dyDescent="0.2">
      <c r="A5921" s="239">
        <f>'CPT Data'!B5929</f>
        <v>58.902999999999999</v>
      </c>
      <c r="B5921" s="3">
        <f>'CPT Data'!C5929</f>
        <v>58.896000000000001</v>
      </c>
      <c r="C5921" t="str">
        <f>'CPT Data'!P5929</f>
        <v>SAND</v>
      </c>
      <c r="D5921" t="e">
        <f>'CPT Data'!Q5929</f>
        <v>#N/A</v>
      </c>
      <c r="E5921" t="e">
        <f t="shared" si="93"/>
        <v>#N/A</v>
      </c>
      <c r="F5921" t="str">
        <f>IF(C5921="CLAY", INDEX(D$4:D5921, MATCH("CLAY", C$4:C5921, 0)), "")</f>
        <v/>
      </c>
    </row>
    <row r="5922" spans="1:6" x14ac:dyDescent="0.2">
      <c r="A5922" s="239">
        <f>'CPT Data'!B5930</f>
        <v>58.912999999999997</v>
      </c>
      <c r="B5922" s="3">
        <f>'CPT Data'!C5930</f>
        <v>58.905999999999999</v>
      </c>
      <c r="C5922" t="str">
        <f>'CPT Data'!P5930</f>
        <v>SAND</v>
      </c>
      <c r="D5922" t="e">
        <f>'CPT Data'!Q5930</f>
        <v>#N/A</v>
      </c>
      <c r="E5922" t="e">
        <f t="shared" si="93"/>
        <v>#N/A</v>
      </c>
      <c r="F5922" t="str">
        <f>IF(C5922="CLAY", INDEX(D$4:D5922, MATCH("CLAY", C$4:C5922, 0)), "")</f>
        <v/>
      </c>
    </row>
    <row r="5923" spans="1:6" x14ac:dyDescent="0.2">
      <c r="A5923" s="239">
        <f>'CPT Data'!B5931</f>
        <v>58.921999999999997</v>
      </c>
      <c r="B5923" s="3">
        <f>'CPT Data'!C5931</f>
        <v>58.914999999999999</v>
      </c>
      <c r="C5923" t="str">
        <f>'CPT Data'!P5931</f>
        <v>SAND</v>
      </c>
      <c r="D5923" t="e">
        <f>'CPT Data'!Q5931</f>
        <v>#N/A</v>
      </c>
      <c r="E5923" t="e">
        <f t="shared" si="93"/>
        <v>#N/A</v>
      </c>
      <c r="F5923" t="str">
        <f>IF(C5923="CLAY", INDEX(D$4:D5923, MATCH("CLAY", C$4:C5923, 0)), "")</f>
        <v/>
      </c>
    </row>
    <row r="5924" spans="1:6" x14ac:dyDescent="0.2">
      <c r="A5924" s="239">
        <f>'CPT Data'!B5932</f>
        <v>58.930999999999997</v>
      </c>
      <c r="B5924" s="3">
        <f>'CPT Data'!C5932</f>
        <v>58.923999999999999</v>
      </c>
      <c r="C5924" t="str">
        <f>'CPT Data'!P5932</f>
        <v>SAND</v>
      </c>
      <c r="D5924" t="e">
        <f>'CPT Data'!Q5932</f>
        <v>#N/A</v>
      </c>
      <c r="E5924" t="e">
        <f t="shared" si="93"/>
        <v>#N/A</v>
      </c>
      <c r="F5924" t="str">
        <f>IF(C5924="CLAY", INDEX(D$4:D5924, MATCH("CLAY", C$4:C5924, 0)), "")</f>
        <v/>
      </c>
    </row>
    <row r="5925" spans="1:6" x14ac:dyDescent="0.2">
      <c r="A5925" s="239">
        <f>'CPT Data'!B5933</f>
        <v>58.941000000000003</v>
      </c>
      <c r="B5925" s="3">
        <f>'CPT Data'!C5933</f>
        <v>58.934000000000005</v>
      </c>
      <c r="C5925" t="str">
        <f>'CPT Data'!P5933</f>
        <v>SAND</v>
      </c>
      <c r="D5925" t="e">
        <f>'CPT Data'!Q5933</f>
        <v>#N/A</v>
      </c>
      <c r="E5925" t="e">
        <f t="shared" si="93"/>
        <v>#N/A</v>
      </c>
      <c r="F5925" t="str">
        <f>IF(C5925="CLAY", INDEX(D$4:D5925, MATCH("CLAY", C$4:C5925, 0)), "")</f>
        <v/>
      </c>
    </row>
    <row r="5926" spans="1:6" x14ac:dyDescent="0.2">
      <c r="A5926" s="239">
        <f>'CPT Data'!B5934</f>
        <v>58.951000000000001</v>
      </c>
      <c r="B5926" s="3">
        <f>'CPT Data'!C5934</f>
        <v>58.944000000000003</v>
      </c>
      <c r="C5926" t="str">
        <f>'CPT Data'!P5934</f>
        <v>SAND</v>
      </c>
      <c r="D5926" t="e">
        <f>'CPT Data'!Q5934</f>
        <v>#N/A</v>
      </c>
      <c r="E5926" t="e">
        <f t="shared" si="93"/>
        <v>#N/A</v>
      </c>
      <c r="F5926" t="str">
        <f>IF(C5926="CLAY", INDEX(D$4:D5926, MATCH("CLAY", C$4:C5926, 0)), "")</f>
        <v/>
      </c>
    </row>
    <row r="5927" spans="1:6" x14ac:dyDescent="0.2">
      <c r="A5927" s="239">
        <f>'CPT Data'!B5935</f>
        <v>58.962000000000003</v>
      </c>
      <c r="B5927" s="3">
        <f>'CPT Data'!C5935</f>
        <v>58.955000000000005</v>
      </c>
      <c r="C5927" t="str">
        <f>'CPT Data'!P5935</f>
        <v>SAND</v>
      </c>
      <c r="D5927" t="e">
        <f>'CPT Data'!Q5935</f>
        <v>#N/A</v>
      </c>
      <c r="E5927" t="e">
        <f t="shared" si="93"/>
        <v>#N/A</v>
      </c>
      <c r="F5927" t="str">
        <f>IF(C5927="CLAY", INDEX(D$4:D5927, MATCH("CLAY", C$4:C5927, 0)), "")</f>
        <v/>
      </c>
    </row>
    <row r="5928" spans="1:6" x14ac:dyDescent="0.2">
      <c r="A5928" s="239">
        <f>'CPT Data'!B5936</f>
        <v>58.970999999999997</v>
      </c>
      <c r="B5928" s="3">
        <f>'CPT Data'!C5936</f>
        <v>58.963999999999999</v>
      </c>
      <c r="C5928" t="str">
        <f>'CPT Data'!P5936</f>
        <v>SAND</v>
      </c>
      <c r="D5928" t="e">
        <f>'CPT Data'!Q5936</f>
        <v>#N/A</v>
      </c>
      <c r="E5928" t="e">
        <f t="shared" si="93"/>
        <v>#N/A</v>
      </c>
      <c r="F5928" t="str">
        <f>IF(C5928="CLAY", INDEX(D$4:D5928, MATCH("CLAY", C$4:C5928, 0)), "")</f>
        <v/>
      </c>
    </row>
    <row r="5929" spans="1:6" x14ac:dyDescent="0.2">
      <c r="A5929" s="239">
        <f>'CPT Data'!B5937</f>
        <v>58.981000000000002</v>
      </c>
      <c r="B5929" s="3">
        <f>'CPT Data'!C5937</f>
        <v>58.974000000000004</v>
      </c>
      <c r="C5929" t="str">
        <f>'CPT Data'!P5937</f>
        <v>SAND</v>
      </c>
      <c r="D5929" t="e">
        <f>'CPT Data'!Q5937</f>
        <v>#N/A</v>
      </c>
      <c r="E5929" t="e">
        <f t="shared" si="93"/>
        <v>#N/A</v>
      </c>
      <c r="F5929" t="str">
        <f>IF(C5929="CLAY", INDEX(D$4:D5929, MATCH("CLAY", C$4:C5929, 0)), "")</f>
        <v/>
      </c>
    </row>
    <row r="5930" spans="1:6" x14ac:dyDescent="0.2">
      <c r="A5930" s="239">
        <f>'CPT Data'!B5938</f>
        <v>58.984000000000002</v>
      </c>
      <c r="B5930" s="3">
        <f>'CPT Data'!C5938</f>
        <v>58.977000000000004</v>
      </c>
      <c r="C5930" t="str">
        <f>'CPT Data'!P5938</f>
        <v>SAND</v>
      </c>
      <c r="D5930" t="e">
        <f>'CPT Data'!Q5938</f>
        <v>#N/A</v>
      </c>
      <c r="E5930" t="e">
        <f t="shared" si="93"/>
        <v>#N/A</v>
      </c>
      <c r="F5930" t="str">
        <f>IF(C5930="CLAY", INDEX(D$4:D5930, MATCH("CLAY", C$4:C5930, 0)), "")</f>
        <v/>
      </c>
    </row>
    <row r="5931" spans="1:6" x14ac:dyDescent="0.2">
      <c r="A5931" s="239">
        <f>'CPT Data'!B5939</f>
        <v>58.994999999999997</v>
      </c>
      <c r="B5931" s="3">
        <f>'CPT Data'!C5939</f>
        <v>58.988</v>
      </c>
      <c r="C5931" t="str">
        <f>'CPT Data'!P5939</f>
        <v>SAND</v>
      </c>
      <c r="D5931" t="e">
        <f>'CPT Data'!Q5939</f>
        <v>#N/A</v>
      </c>
      <c r="E5931" t="e">
        <f t="shared" si="93"/>
        <v>#N/A</v>
      </c>
      <c r="F5931" t="str">
        <f>IF(C5931="CLAY", INDEX(D$4:D5931, MATCH("CLAY", C$4:C5931, 0)), "")</f>
        <v/>
      </c>
    </row>
    <row r="5932" spans="1:6" x14ac:dyDescent="0.2">
      <c r="A5932" s="239">
        <f>'CPT Data'!B5940</f>
        <v>59.003999999999998</v>
      </c>
      <c r="B5932" s="3">
        <f>'CPT Data'!C5940</f>
        <v>58.997</v>
      </c>
      <c r="C5932" t="str">
        <f>'CPT Data'!P5940</f>
        <v>SAND</v>
      </c>
      <c r="D5932" t="e">
        <f>'CPT Data'!Q5940</f>
        <v>#N/A</v>
      </c>
      <c r="E5932" t="e">
        <f t="shared" si="93"/>
        <v>#N/A</v>
      </c>
      <c r="F5932" t="str">
        <f>IF(C5932="CLAY", INDEX(D$4:D5932, MATCH("CLAY", C$4:C5932, 0)), "")</f>
        <v/>
      </c>
    </row>
    <row r="5933" spans="1:6" x14ac:dyDescent="0.2">
      <c r="A5933" s="239">
        <f>'CPT Data'!B5941</f>
        <v>59.015000000000001</v>
      </c>
      <c r="B5933" s="3">
        <f>'CPT Data'!C5941</f>
        <v>59.008000000000003</v>
      </c>
      <c r="C5933" t="str">
        <f>'CPT Data'!P5941</f>
        <v>SAND</v>
      </c>
      <c r="D5933" t="e">
        <f>'CPT Data'!Q5941</f>
        <v>#N/A</v>
      </c>
      <c r="E5933" t="e">
        <f t="shared" si="93"/>
        <v>#N/A</v>
      </c>
      <c r="F5933" t="str">
        <f>IF(C5933="CLAY", INDEX(D$4:D5933, MATCH("CLAY", C$4:C5933, 0)), "")</f>
        <v/>
      </c>
    </row>
    <row r="5934" spans="1:6" x14ac:dyDescent="0.2">
      <c r="A5934" s="239">
        <f>'CPT Data'!B5942</f>
        <v>59.024000000000001</v>
      </c>
      <c r="B5934" s="3">
        <f>'CPT Data'!C5942</f>
        <v>59.017000000000003</v>
      </c>
      <c r="C5934" t="str">
        <f>'CPT Data'!P5942</f>
        <v>SAND</v>
      </c>
      <c r="D5934" t="e">
        <f>'CPT Data'!Q5942</f>
        <v>#N/A</v>
      </c>
      <c r="E5934" t="e">
        <f t="shared" si="93"/>
        <v>#N/A</v>
      </c>
      <c r="F5934" t="str">
        <f>IF(C5934="CLAY", INDEX(D$4:D5934, MATCH("CLAY", C$4:C5934, 0)), "")</f>
        <v/>
      </c>
    </row>
    <row r="5935" spans="1:6" x14ac:dyDescent="0.2">
      <c r="A5935" s="239">
        <f>'CPT Data'!B5943</f>
        <v>59.033999999999999</v>
      </c>
      <c r="B5935" s="3">
        <f>'CPT Data'!C5943</f>
        <v>59.027000000000001</v>
      </c>
      <c r="C5935" t="str">
        <f>'CPT Data'!P5943</f>
        <v>SAND</v>
      </c>
      <c r="D5935" t="e">
        <f>'CPT Data'!Q5943</f>
        <v>#N/A</v>
      </c>
      <c r="E5935" t="e">
        <f t="shared" si="93"/>
        <v>#N/A</v>
      </c>
      <c r="F5935" t="str">
        <f>IF(C5935="CLAY", INDEX(D$4:D5935, MATCH("CLAY", C$4:C5935, 0)), "")</f>
        <v/>
      </c>
    </row>
    <row r="5936" spans="1:6" x14ac:dyDescent="0.2">
      <c r="A5936" s="239">
        <f>'CPT Data'!B5944</f>
        <v>59.045000000000002</v>
      </c>
      <c r="B5936" s="3">
        <f>'CPT Data'!C5944</f>
        <v>59.038000000000004</v>
      </c>
      <c r="C5936" t="str">
        <f>'CPT Data'!P5944</f>
        <v>SAND</v>
      </c>
      <c r="D5936" t="e">
        <f>'CPT Data'!Q5944</f>
        <v>#N/A</v>
      </c>
      <c r="E5936" t="e">
        <f t="shared" si="93"/>
        <v>#N/A</v>
      </c>
      <c r="F5936" t="str">
        <f>IF(C5936="CLAY", INDEX(D$4:D5936, MATCH("CLAY", C$4:C5936, 0)), "")</f>
        <v/>
      </c>
    </row>
    <row r="5937" spans="1:6" x14ac:dyDescent="0.2">
      <c r="A5937" s="239">
        <f>'CPT Data'!B5945</f>
        <v>59.055999999999997</v>
      </c>
      <c r="B5937" s="3">
        <f>'CPT Data'!C5945</f>
        <v>59.048999999999999</v>
      </c>
      <c r="C5937" t="str">
        <f>'CPT Data'!P5945</f>
        <v>SAND</v>
      </c>
      <c r="D5937" t="e">
        <f>'CPT Data'!Q5945</f>
        <v>#N/A</v>
      </c>
      <c r="E5937" t="e">
        <f t="shared" si="93"/>
        <v>#N/A</v>
      </c>
      <c r="F5937" t="str">
        <f>IF(C5937="CLAY", INDEX(D$4:D5937, MATCH("CLAY", C$4:C5937, 0)), "")</f>
        <v/>
      </c>
    </row>
    <row r="5938" spans="1:6" x14ac:dyDescent="0.2">
      <c r="A5938" s="239">
        <f>'CPT Data'!B5946</f>
        <v>59.066000000000003</v>
      </c>
      <c r="B5938" s="3">
        <f>'CPT Data'!C5946</f>
        <v>59.059000000000005</v>
      </c>
      <c r="C5938" t="str">
        <f>'CPT Data'!P5946</f>
        <v>SAND</v>
      </c>
      <c r="D5938" t="e">
        <f>'CPT Data'!Q5946</f>
        <v>#N/A</v>
      </c>
      <c r="E5938" t="e">
        <f t="shared" si="93"/>
        <v>#N/A</v>
      </c>
      <c r="F5938" t="str">
        <f>IF(C5938="CLAY", INDEX(D$4:D5938, MATCH("CLAY", C$4:C5938, 0)), "")</f>
        <v/>
      </c>
    </row>
    <row r="5939" spans="1:6" x14ac:dyDescent="0.2">
      <c r="A5939" s="239">
        <f>'CPT Data'!B5947</f>
        <v>59.076999999999998</v>
      </c>
      <c r="B5939" s="3">
        <f>'CPT Data'!C5947</f>
        <v>59.07</v>
      </c>
      <c r="C5939" t="str">
        <f>'CPT Data'!P5947</f>
        <v>SAND</v>
      </c>
      <c r="D5939" t="e">
        <f>'CPT Data'!Q5947</f>
        <v>#N/A</v>
      </c>
      <c r="E5939" t="e">
        <f t="shared" si="93"/>
        <v>#N/A</v>
      </c>
      <c r="F5939" t="str">
        <f>IF(C5939="CLAY", INDEX(D$4:D5939, MATCH("CLAY", C$4:C5939, 0)), "")</f>
        <v/>
      </c>
    </row>
    <row r="5940" spans="1:6" x14ac:dyDescent="0.2">
      <c r="A5940" s="239">
        <f>'CPT Data'!B5948</f>
        <v>59.088000000000001</v>
      </c>
      <c r="B5940" s="3">
        <f>'CPT Data'!C5948</f>
        <v>59.081000000000003</v>
      </c>
      <c r="C5940" t="str">
        <f>'CPT Data'!P5948</f>
        <v>SAND</v>
      </c>
      <c r="D5940" t="e">
        <f>'CPT Data'!Q5948</f>
        <v>#N/A</v>
      </c>
      <c r="E5940" t="e">
        <f t="shared" si="93"/>
        <v>#N/A</v>
      </c>
      <c r="F5940" t="str">
        <f>IF(C5940="CLAY", INDEX(D$4:D5940, MATCH("CLAY", C$4:C5940, 0)), "")</f>
        <v/>
      </c>
    </row>
    <row r="5941" spans="1:6" x14ac:dyDescent="0.2">
      <c r="A5941" s="239">
        <f>'CPT Data'!B5949</f>
        <v>59.097999999999999</v>
      </c>
      <c r="B5941" s="3">
        <f>'CPT Data'!C5949</f>
        <v>59.091000000000001</v>
      </c>
      <c r="C5941" t="str">
        <f>'CPT Data'!P5949</f>
        <v>SAND</v>
      </c>
      <c r="D5941" t="e">
        <f>'CPT Data'!Q5949</f>
        <v>#N/A</v>
      </c>
      <c r="E5941" t="e">
        <f t="shared" si="93"/>
        <v>#N/A</v>
      </c>
      <c r="F5941" t="str">
        <f>IF(C5941="CLAY", INDEX(D$4:D5941, MATCH("CLAY", C$4:C5941, 0)), "")</f>
        <v/>
      </c>
    </row>
    <row r="5942" spans="1:6" x14ac:dyDescent="0.2">
      <c r="A5942" s="239">
        <f>'CPT Data'!B5950</f>
        <v>59.109000000000002</v>
      </c>
      <c r="B5942" s="3">
        <f>'CPT Data'!C5950</f>
        <v>59.102000000000004</v>
      </c>
      <c r="C5942" t="str">
        <f>'CPT Data'!P5950</f>
        <v>SAND</v>
      </c>
      <c r="D5942" t="e">
        <f>'CPT Data'!Q5950</f>
        <v>#N/A</v>
      </c>
      <c r="E5942" t="e">
        <f t="shared" si="93"/>
        <v>#N/A</v>
      </c>
      <c r="F5942" t="str">
        <f>IF(C5942="CLAY", INDEX(D$4:D5942, MATCH("CLAY", C$4:C5942, 0)), "")</f>
        <v/>
      </c>
    </row>
    <row r="5943" spans="1:6" x14ac:dyDescent="0.2">
      <c r="A5943" s="239">
        <f>'CPT Data'!B5951</f>
        <v>59.119</v>
      </c>
      <c r="B5943" s="3">
        <f>'CPT Data'!C5951</f>
        <v>59.112000000000002</v>
      </c>
      <c r="C5943" t="str">
        <f>'CPT Data'!P5951</f>
        <v>SAND</v>
      </c>
      <c r="D5943" t="e">
        <f>'CPT Data'!Q5951</f>
        <v>#N/A</v>
      </c>
      <c r="E5943" t="e">
        <f t="shared" si="93"/>
        <v>#N/A</v>
      </c>
      <c r="F5943" t="str">
        <f>IF(C5943="CLAY", INDEX(D$4:D5943, MATCH("CLAY", C$4:C5943, 0)), "")</f>
        <v/>
      </c>
    </row>
    <row r="5944" spans="1:6" x14ac:dyDescent="0.2">
      <c r="A5944" s="239">
        <f>'CPT Data'!B5952</f>
        <v>59.128999999999998</v>
      </c>
      <c r="B5944" s="3">
        <f>'CPT Data'!C5952</f>
        <v>59.122</v>
      </c>
      <c r="C5944" t="str">
        <f>'CPT Data'!P5952</f>
        <v>SAND</v>
      </c>
      <c r="D5944" t="e">
        <f>'CPT Data'!Q5952</f>
        <v>#N/A</v>
      </c>
      <c r="E5944" t="e">
        <f t="shared" si="93"/>
        <v>#N/A</v>
      </c>
      <c r="F5944" t="str">
        <f>IF(C5944="CLAY", INDEX(D$4:D5944, MATCH("CLAY", C$4:C5944, 0)), "")</f>
        <v/>
      </c>
    </row>
    <row r="5945" spans="1:6" x14ac:dyDescent="0.2">
      <c r="A5945" s="239">
        <f>'CPT Data'!B5953</f>
        <v>59.139000000000003</v>
      </c>
      <c r="B5945" s="3">
        <f>'CPT Data'!C5953</f>
        <v>59.132000000000005</v>
      </c>
      <c r="C5945" t="str">
        <f>'CPT Data'!P5953</f>
        <v>SAND</v>
      </c>
      <c r="D5945" t="e">
        <f>'CPT Data'!Q5953</f>
        <v>#N/A</v>
      </c>
      <c r="E5945" t="e">
        <f t="shared" si="93"/>
        <v>#N/A</v>
      </c>
      <c r="F5945" t="str">
        <f>IF(C5945="CLAY", INDEX(D$4:D5945, MATCH("CLAY", C$4:C5945, 0)), "")</f>
        <v/>
      </c>
    </row>
    <row r="5946" spans="1:6" x14ac:dyDescent="0.2">
      <c r="A5946" s="239">
        <f>'CPT Data'!B5954</f>
        <v>59.148000000000003</v>
      </c>
      <c r="B5946" s="3">
        <f>'CPT Data'!C5954</f>
        <v>59.141000000000005</v>
      </c>
      <c r="C5946" t="str">
        <f>'CPT Data'!P5954</f>
        <v>SAND</v>
      </c>
      <c r="D5946" t="e">
        <f>'CPT Data'!Q5954</f>
        <v>#N/A</v>
      </c>
      <c r="E5946" t="e">
        <f t="shared" si="93"/>
        <v>#N/A</v>
      </c>
      <c r="F5946" t="str">
        <f>IF(C5946="CLAY", INDEX(D$4:D5946, MATCH("CLAY", C$4:C5946, 0)), "")</f>
        <v/>
      </c>
    </row>
    <row r="5947" spans="1:6" x14ac:dyDescent="0.2">
      <c r="A5947" s="239">
        <f>'CPT Data'!B5955</f>
        <v>59.156999999999996</v>
      </c>
      <c r="B5947" s="3">
        <f>'CPT Data'!C5955</f>
        <v>59.15</v>
      </c>
      <c r="C5947" t="str">
        <f>'CPT Data'!P5955</f>
        <v>SAND</v>
      </c>
      <c r="D5947" t="e">
        <f>'CPT Data'!Q5955</f>
        <v>#N/A</v>
      </c>
      <c r="E5947" t="e">
        <f t="shared" si="93"/>
        <v>#N/A</v>
      </c>
      <c r="F5947" t="str">
        <f>IF(C5947="CLAY", INDEX(D$4:D5947, MATCH("CLAY", C$4:C5947, 0)), "")</f>
        <v/>
      </c>
    </row>
    <row r="5948" spans="1:6" x14ac:dyDescent="0.2">
      <c r="A5948" s="239">
        <f>'CPT Data'!B5956</f>
        <v>59.167000000000002</v>
      </c>
      <c r="B5948" s="3">
        <f>'CPT Data'!C5956</f>
        <v>59.160000000000004</v>
      </c>
      <c r="C5948" t="str">
        <f>'CPT Data'!P5956</f>
        <v>SAND</v>
      </c>
      <c r="D5948" t="e">
        <f>'CPT Data'!Q5956</f>
        <v>#N/A</v>
      </c>
      <c r="E5948" t="e">
        <f t="shared" si="93"/>
        <v>#N/A</v>
      </c>
      <c r="F5948" t="str">
        <f>IF(C5948="CLAY", INDEX(D$4:D5948, MATCH("CLAY", C$4:C5948, 0)), "")</f>
        <v/>
      </c>
    </row>
    <row r="5949" spans="1:6" x14ac:dyDescent="0.2">
      <c r="A5949" s="239">
        <f>'CPT Data'!B5957</f>
        <v>59.177</v>
      </c>
      <c r="B5949" s="3">
        <f>'CPT Data'!C5957</f>
        <v>59.17</v>
      </c>
      <c r="C5949" t="str">
        <f>'CPT Data'!P5957</f>
        <v>SAND</v>
      </c>
      <c r="D5949" t="e">
        <f>'CPT Data'!Q5957</f>
        <v>#N/A</v>
      </c>
      <c r="E5949" t="e">
        <f t="shared" si="93"/>
        <v>#N/A</v>
      </c>
      <c r="F5949" t="str">
        <f>IF(C5949="CLAY", INDEX(D$4:D5949, MATCH("CLAY", C$4:C5949, 0)), "")</f>
        <v/>
      </c>
    </row>
    <row r="5950" spans="1:6" x14ac:dyDescent="0.2">
      <c r="A5950" s="239">
        <f>'CPT Data'!B5958</f>
        <v>59.186999999999998</v>
      </c>
      <c r="B5950" s="3">
        <f>'CPT Data'!C5958</f>
        <v>59.18</v>
      </c>
      <c r="C5950" t="str">
        <f>'CPT Data'!P5958</f>
        <v>SAND</v>
      </c>
      <c r="D5950" t="e">
        <f>'CPT Data'!Q5958</f>
        <v>#N/A</v>
      </c>
      <c r="E5950" t="e">
        <f t="shared" si="93"/>
        <v>#N/A</v>
      </c>
      <c r="F5950" t="str">
        <f>IF(C5950="CLAY", INDEX(D$4:D5950, MATCH("CLAY", C$4:C5950, 0)), "")</f>
        <v/>
      </c>
    </row>
    <row r="5951" spans="1:6" x14ac:dyDescent="0.2">
      <c r="A5951" s="239">
        <f>'CPT Data'!B5959</f>
        <v>59.197000000000003</v>
      </c>
      <c r="B5951" s="3">
        <f>'CPT Data'!C5959</f>
        <v>59.190000000000005</v>
      </c>
      <c r="C5951" t="str">
        <f>'CPT Data'!P5959</f>
        <v>SAND</v>
      </c>
      <c r="D5951" t="e">
        <f>'CPT Data'!Q5959</f>
        <v>#N/A</v>
      </c>
      <c r="E5951" t="e">
        <f t="shared" si="93"/>
        <v>#N/A</v>
      </c>
      <c r="F5951" t="str">
        <f>IF(C5951="CLAY", INDEX(D$4:D5951, MATCH("CLAY", C$4:C5951, 0)), "")</f>
        <v/>
      </c>
    </row>
    <row r="5952" spans="1:6" x14ac:dyDescent="0.2">
      <c r="A5952" s="239">
        <f>'CPT Data'!B5960</f>
        <v>59.207000000000001</v>
      </c>
      <c r="B5952" s="3">
        <f>'CPT Data'!C5960</f>
        <v>59.2</v>
      </c>
      <c r="C5952" t="str">
        <f>'CPT Data'!P5960</f>
        <v>SAND</v>
      </c>
      <c r="D5952" t="e">
        <f>'CPT Data'!Q5960</f>
        <v>#N/A</v>
      </c>
      <c r="E5952" t="e">
        <f t="shared" si="93"/>
        <v>#N/A</v>
      </c>
      <c r="F5952" t="str">
        <f>IF(C5952="CLAY", INDEX(D$4:D5952, MATCH("CLAY", C$4:C5952, 0)), "")</f>
        <v/>
      </c>
    </row>
    <row r="5953" spans="1:6" x14ac:dyDescent="0.2">
      <c r="A5953" s="239">
        <f>'CPT Data'!B5961</f>
        <v>59.216999999999999</v>
      </c>
      <c r="B5953" s="3">
        <f>'CPT Data'!C5961</f>
        <v>59.21</v>
      </c>
      <c r="C5953" t="str">
        <f>'CPT Data'!P5961</f>
        <v>SAND</v>
      </c>
      <c r="D5953" t="e">
        <f>'CPT Data'!Q5961</f>
        <v>#N/A</v>
      </c>
      <c r="E5953" t="e">
        <f t="shared" si="93"/>
        <v>#N/A</v>
      </c>
      <c r="F5953" t="str">
        <f>IF(C5953="CLAY", INDEX(D$4:D5953, MATCH("CLAY", C$4:C5953, 0)), "")</f>
        <v/>
      </c>
    </row>
    <row r="5954" spans="1:6" x14ac:dyDescent="0.2">
      <c r="A5954" s="239">
        <f>'CPT Data'!B5962</f>
        <v>59.228999999999999</v>
      </c>
      <c r="B5954" s="3">
        <f>'CPT Data'!C5962</f>
        <v>59.222000000000001</v>
      </c>
      <c r="C5954" t="str">
        <f>'CPT Data'!P5962</f>
        <v>SAND</v>
      </c>
      <c r="D5954" t="e">
        <f>'CPT Data'!Q5962</f>
        <v>#N/A</v>
      </c>
      <c r="E5954" t="e">
        <f t="shared" si="93"/>
        <v>#N/A</v>
      </c>
      <c r="F5954" t="str">
        <f>IF(C5954="CLAY", INDEX(D$4:D5954, MATCH("CLAY", C$4:C5954, 0)), "")</f>
        <v/>
      </c>
    </row>
    <row r="5955" spans="1:6" x14ac:dyDescent="0.2">
      <c r="A5955" s="239">
        <f>'CPT Data'!B5963</f>
        <v>59.238</v>
      </c>
      <c r="B5955" s="3">
        <f>'CPT Data'!C5963</f>
        <v>59.231000000000002</v>
      </c>
      <c r="C5955" t="str">
        <f>'CPT Data'!P5963</f>
        <v>SAND</v>
      </c>
      <c r="D5955" t="e">
        <f>'CPT Data'!Q5963</f>
        <v>#N/A</v>
      </c>
      <c r="E5955" t="e">
        <f t="shared" si="93"/>
        <v>#N/A</v>
      </c>
      <c r="F5955" t="str">
        <f>IF(C5955="CLAY", INDEX(D$4:D5955, MATCH("CLAY", C$4:C5955, 0)), "")</f>
        <v/>
      </c>
    </row>
    <row r="5956" spans="1:6" x14ac:dyDescent="0.2">
      <c r="A5956" s="239">
        <f>'CPT Data'!B5964</f>
        <v>59.247</v>
      </c>
      <c r="B5956" s="3">
        <f>'CPT Data'!C5964</f>
        <v>59.24</v>
      </c>
      <c r="C5956" t="str">
        <f>'CPT Data'!P5964</f>
        <v>SAND</v>
      </c>
      <c r="D5956" t="e">
        <f>'CPT Data'!Q5964</f>
        <v>#N/A</v>
      </c>
      <c r="E5956" t="e">
        <f t="shared" si="93"/>
        <v>#N/A</v>
      </c>
      <c r="F5956" t="str">
        <f>IF(C5956="CLAY", INDEX(D$4:D5956, MATCH("CLAY", C$4:C5956, 0)), "")</f>
        <v/>
      </c>
    </row>
    <row r="5957" spans="1:6" x14ac:dyDescent="0.2">
      <c r="A5957" s="239">
        <f>'CPT Data'!B5965</f>
        <v>59.256999999999998</v>
      </c>
      <c r="B5957" s="3">
        <f>'CPT Data'!C5965</f>
        <v>59.25</v>
      </c>
      <c r="C5957" t="str">
        <f>'CPT Data'!P5965</f>
        <v>SAND</v>
      </c>
      <c r="D5957" t="e">
        <f>'CPT Data'!Q5965</f>
        <v>#N/A</v>
      </c>
      <c r="E5957" t="e">
        <f t="shared" si="93"/>
        <v>#N/A</v>
      </c>
      <c r="F5957" t="str">
        <f>IF(C5957="CLAY", INDEX(D$4:D5957, MATCH("CLAY", C$4:C5957, 0)), "")</f>
        <v/>
      </c>
    </row>
    <row r="5958" spans="1:6" x14ac:dyDescent="0.2">
      <c r="A5958" s="239">
        <f>'CPT Data'!B5966</f>
        <v>59.267000000000003</v>
      </c>
      <c r="B5958" s="3">
        <f>'CPT Data'!C5966</f>
        <v>59.260000000000005</v>
      </c>
      <c r="C5958" t="str">
        <f>'CPT Data'!P5966</f>
        <v>SAND</v>
      </c>
      <c r="D5958" t="e">
        <f>'CPT Data'!Q5966</f>
        <v>#N/A</v>
      </c>
      <c r="E5958" t="e">
        <f t="shared" si="93"/>
        <v>#N/A</v>
      </c>
      <c r="F5958" t="str">
        <f>IF(C5958="CLAY", INDEX(D$4:D5958, MATCH("CLAY", C$4:C5958, 0)), "")</f>
        <v/>
      </c>
    </row>
    <row r="5959" spans="1:6" x14ac:dyDescent="0.2">
      <c r="A5959" s="239">
        <f>'CPT Data'!B5967</f>
        <v>59.277000000000001</v>
      </c>
      <c r="B5959" s="3">
        <f>'CPT Data'!C5967</f>
        <v>59.27</v>
      </c>
      <c r="C5959" t="str">
        <f>'CPT Data'!P5967</f>
        <v>SAND</v>
      </c>
      <c r="D5959" t="e">
        <f>'CPT Data'!Q5967</f>
        <v>#N/A</v>
      </c>
      <c r="E5959" t="e">
        <f t="shared" si="93"/>
        <v>#N/A</v>
      </c>
      <c r="F5959" t="str">
        <f>IF(C5959="CLAY", INDEX(D$4:D5959, MATCH("CLAY", C$4:C5959, 0)), "")</f>
        <v/>
      </c>
    </row>
    <row r="5960" spans="1:6" x14ac:dyDescent="0.2">
      <c r="A5960" s="239">
        <f>'CPT Data'!B5968</f>
        <v>59.286999999999999</v>
      </c>
      <c r="B5960" s="3">
        <f>'CPT Data'!C5968</f>
        <v>59.28</v>
      </c>
      <c r="C5960" t="str">
        <f>'CPT Data'!P5968</f>
        <v>CLAY</v>
      </c>
      <c r="D5960">
        <f>'CPT Data'!Q5968</f>
        <v>914.46253577850905</v>
      </c>
      <c r="E5960">
        <f t="shared" si="93"/>
        <v>914.46253577850905</v>
      </c>
      <c r="F5960">
        <f>IF(C5960="CLAY", INDEX(D$4:D5960, MATCH("CLAY", C$4:C5960, 0)), "")</f>
        <v>0.75203252561341039</v>
      </c>
    </row>
    <row r="5961" spans="1:6" x14ac:dyDescent="0.2">
      <c r="A5961" s="239">
        <f>'CPT Data'!B5969</f>
        <v>59.295999999999999</v>
      </c>
      <c r="B5961" s="3">
        <f>'CPT Data'!C5969</f>
        <v>59.289000000000001</v>
      </c>
      <c r="C5961" t="str">
        <f>'CPT Data'!P5969</f>
        <v>CLAY</v>
      </c>
      <c r="D5961">
        <f>'CPT Data'!Q5969</f>
        <v>886.40629411654072</v>
      </c>
      <c r="E5961">
        <f t="shared" si="93"/>
        <v>914.46253577850905</v>
      </c>
      <c r="F5961">
        <f>IF(C5961="CLAY", INDEX(D$4:D5961, MATCH("CLAY", C$4:C5961, 0)), "")</f>
        <v>0.75203252561341039</v>
      </c>
    </row>
    <row r="5962" spans="1:6" x14ac:dyDescent="0.2">
      <c r="A5962" s="239">
        <f>'CPT Data'!B5970</f>
        <v>59.305</v>
      </c>
      <c r="B5962" s="3">
        <f>'CPT Data'!C5970</f>
        <v>59.298000000000002</v>
      </c>
      <c r="C5962" t="str">
        <f>'CPT Data'!P5970</f>
        <v>CLAY</v>
      </c>
      <c r="D5962">
        <f>'CPT Data'!Q5970</f>
        <v>876.71402723584504</v>
      </c>
      <c r="E5962">
        <f t="shared" si="93"/>
        <v>886.40629411654072</v>
      </c>
      <c r="F5962">
        <f>IF(C5962="CLAY", INDEX(D$4:D5962, MATCH("CLAY", C$4:C5962, 0)), "")</f>
        <v>0.75203252561341039</v>
      </c>
    </row>
    <row r="5963" spans="1:6" x14ac:dyDescent="0.2">
      <c r="A5963" s="239">
        <f>'CPT Data'!B5971</f>
        <v>59.314999999999998</v>
      </c>
      <c r="B5963" s="3">
        <f>'CPT Data'!C5971</f>
        <v>59.308</v>
      </c>
      <c r="C5963" t="str">
        <f>'CPT Data'!P5971</f>
        <v>CLAY</v>
      </c>
      <c r="D5963">
        <f>'CPT Data'!Q5971</f>
        <v>904.36775880655341</v>
      </c>
      <c r="E5963">
        <f t="shared" si="93"/>
        <v>876.71402723584504</v>
      </c>
      <c r="F5963">
        <f>IF(C5963="CLAY", INDEX(D$4:D5963, MATCH("CLAY", C$4:C5963, 0)), "")</f>
        <v>0.75203252561341039</v>
      </c>
    </row>
    <row r="5964" spans="1:6" x14ac:dyDescent="0.2">
      <c r="A5964" s="239">
        <f>'CPT Data'!B5972</f>
        <v>59.326999999999998</v>
      </c>
      <c r="B5964" s="3">
        <f>'CPT Data'!C5972</f>
        <v>59.32</v>
      </c>
      <c r="C5964" t="str">
        <f>'CPT Data'!P5972</f>
        <v>CLAY</v>
      </c>
      <c r="D5964">
        <f>'CPT Data'!Q5972</f>
        <v>921.53117081371192</v>
      </c>
      <c r="E5964">
        <f t="shared" si="93"/>
        <v>904.36775880655341</v>
      </c>
      <c r="F5964">
        <f>IF(C5964="CLAY", INDEX(D$4:D5964, MATCH("CLAY", C$4:C5964, 0)), "")</f>
        <v>0.75203252561341039</v>
      </c>
    </row>
    <row r="5965" spans="1:6" x14ac:dyDescent="0.2">
      <c r="A5965" s="239">
        <f>'CPT Data'!B5973</f>
        <v>59.337000000000003</v>
      </c>
      <c r="B5965" s="3">
        <f>'CPT Data'!C5973</f>
        <v>59.330000000000005</v>
      </c>
      <c r="C5965" t="str">
        <f>'CPT Data'!P5973</f>
        <v>CLAY</v>
      </c>
      <c r="D5965">
        <f>'CPT Data'!Q5973</f>
        <v>924.61742389513199</v>
      </c>
      <c r="E5965">
        <f t="shared" si="93"/>
        <v>921.53117081371192</v>
      </c>
      <c r="F5965">
        <f>IF(C5965="CLAY", INDEX(D$4:D5965, MATCH("CLAY", C$4:C5965, 0)), "")</f>
        <v>0.75203252561341039</v>
      </c>
    </row>
    <row r="5966" spans="1:6" x14ac:dyDescent="0.2">
      <c r="A5966" s="239">
        <f>'CPT Data'!B5974</f>
        <v>59.345999999999997</v>
      </c>
      <c r="B5966" s="3">
        <f>'CPT Data'!C5974</f>
        <v>59.338999999999999</v>
      </c>
      <c r="C5966" t="str">
        <f>'CPT Data'!P5974</f>
        <v>CLAY</v>
      </c>
      <c r="D5966">
        <f>'CPT Data'!Q5974</f>
        <v>972.85164596264156</v>
      </c>
      <c r="E5966">
        <f t="shared" si="93"/>
        <v>924.61742389513199</v>
      </c>
      <c r="F5966">
        <f>IF(C5966="CLAY", INDEX(D$4:D5966, MATCH("CLAY", C$4:C5966, 0)), "")</f>
        <v>0.75203252561341039</v>
      </c>
    </row>
    <row r="5967" spans="1:6" x14ac:dyDescent="0.2">
      <c r="A5967" s="239">
        <f>'CPT Data'!B5975</f>
        <v>59.356000000000002</v>
      </c>
      <c r="B5967" s="3">
        <f>'CPT Data'!C5975</f>
        <v>59.349000000000004</v>
      </c>
      <c r="C5967" t="str">
        <f>'CPT Data'!P5975</f>
        <v>CLAY</v>
      </c>
      <c r="D5967">
        <f>'CPT Data'!Q5975</f>
        <v>1017.0021228527697</v>
      </c>
      <c r="E5967">
        <f t="shared" si="93"/>
        <v>972.85164596264156</v>
      </c>
      <c r="F5967">
        <f>IF(C5967="CLAY", INDEX(D$4:D5967, MATCH("CLAY", C$4:C5967, 0)), "")</f>
        <v>0.75203252561341039</v>
      </c>
    </row>
    <row r="5968" spans="1:6" x14ac:dyDescent="0.2">
      <c r="A5968" s="239">
        <f>'CPT Data'!B5976</f>
        <v>59.366999999999997</v>
      </c>
      <c r="B5968" s="3">
        <f>'CPT Data'!C5976</f>
        <v>59.36</v>
      </c>
      <c r="C5968" t="str">
        <f>'CPT Data'!P5976</f>
        <v>CLAY</v>
      </c>
      <c r="D5968">
        <f>'CPT Data'!Q5976</f>
        <v>1028.255208780924</v>
      </c>
      <c r="E5968">
        <f t="shared" si="93"/>
        <v>1017.0021228527697</v>
      </c>
      <c r="F5968">
        <f>IF(C5968="CLAY", INDEX(D$4:D5968, MATCH("CLAY", C$4:C5968, 0)), "")</f>
        <v>0.75203252561341039</v>
      </c>
    </row>
    <row r="5969" spans="1:6" x14ac:dyDescent="0.2">
      <c r="A5969" s="239">
        <f>'CPT Data'!B5977</f>
        <v>59.377000000000002</v>
      </c>
      <c r="B5969" s="3">
        <f>'CPT Data'!C5977</f>
        <v>59.370000000000005</v>
      </c>
      <c r="C5969" t="str">
        <f>'CPT Data'!P5977</f>
        <v>CLAY</v>
      </c>
      <c r="D5969">
        <f>'CPT Data'!Q5977</f>
        <v>1032.6350755528235</v>
      </c>
      <c r="E5969">
        <f t="shared" si="93"/>
        <v>1028.255208780924</v>
      </c>
      <c r="F5969">
        <f>IF(C5969="CLAY", INDEX(D$4:D5969, MATCH("CLAY", C$4:C5969, 0)), "")</f>
        <v>0.75203252561341039</v>
      </c>
    </row>
    <row r="5970" spans="1:6" x14ac:dyDescent="0.2">
      <c r="A5970" s="239">
        <f>'CPT Data'!B5978</f>
        <v>59.387999999999998</v>
      </c>
      <c r="B5970" s="3">
        <f>'CPT Data'!C5978</f>
        <v>59.381</v>
      </c>
      <c r="C5970" t="str">
        <f>'CPT Data'!P5978</f>
        <v>CLAY</v>
      </c>
      <c r="D5970">
        <f>'CPT Data'!Q5978</f>
        <v>1099.1927009772141</v>
      </c>
      <c r="E5970">
        <f t="shared" si="93"/>
        <v>1032.6350755528235</v>
      </c>
      <c r="F5970">
        <f>IF(C5970="CLAY", INDEX(D$4:D5970, MATCH("CLAY", C$4:C5970, 0)), "")</f>
        <v>0.75203252561341039</v>
      </c>
    </row>
    <row r="5971" spans="1:6" x14ac:dyDescent="0.2">
      <c r="A5971" s="239">
        <f>'CPT Data'!B5979</f>
        <v>59.396999999999998</v>
      </c>
      <c r="B5971" s="3">
        <f>'CPT Data'!C5979</f>
        <v>59.39</v>
      </c>
      <c r="C5971" t="str">
        <f>'CPT Data'!P5979</f>
        <v>SAND</v>
      </c>
      <c r="D5971" t="e">
        <f>'CPT Data'!Q5979</f>
        <v>#N/A</v>
      </c>
      <c r="E5971" t="e">
        <f t="shared" si="93"/>
        <v>#N/A</v>
      </c>
      <c r="F5971" t="str">
        <f>IF(C5971="CLAY", INDEX(D$4:D5971, MATCH("CLAY", C$4:C5971, 0)), "")</f>
        <v/>
      </c>
    </row>
    <row r="5972" spans="1:6" x14ac:dyDescent="0.2">
      <c r="A5972" s="239">
        <f>'CPT Data'!B5980</f>
        <v>59.405999999999999</v>
      </c>
      <c r="B5972" s="3">
        <f>'CPT Data'!C5980</f>
        <v>59.399000000000001</v>
      </c>
      <c r="C5972" t="str">
        <f>'CPT Data'!P5980</f>
        <v>SAND</v>
      </c>
      <c r="D5972" t="e">
        <f>'CPT Data'!Q5980</f>
        <v>#N/A</v>
      </c>
      <c r="E5972" t="e">
        <f t="shared" si="93"/>
        <v>#N/A</v>
      </c>
      <c r="F5972" t="str">
        <f>IF(C5972="CLAY", INDEX(D$4:D5972, MATCH("CLAY", C$4:C5972, 0)), "")</f>
        <v/>
      </c>
    </row>
    <row r="5973" spans="1:6" x14ac:dyDescent="0.2">
      <c r="A5973" s="239">
        <f>'CPT Data'!B5981</f>
        <v>59.417000000000002</v>
      </c>
      <c r="B5973" s="3">
        <f>'CPT Data'!C5981</f>
        <v>59.410000000000004</v>
      </c>
      <c r="C5973" t="str">
        <f>'CPT Data'!P5981</f>
        <v>SAND</v>
      </c>
      <c r="D5973" t="e">
        <f>'CPT Data'!Q5981</f>
        <v>#N/A</v>
      </c>
      <c r="E5973" t="e">
        <f t="shared" si="93"/>
        <v>#N/A</v>
      </c>
      <c r="F5973" t="str">
        <f>IF(C5973="CLAY", INDEX(D$4:D5973, MATCH("CLAY", C$4:C5973, 0)), "")</f>
        <v/>
      </c>
    </row>
    <row r="5974" spans="1:6" x14ac:dyDescent="0.2">
      <c r="A5974" s="239">
        <f>'CPT Data'!B5982</f>
        <v>59.427</v>
      </c>
      <c r="B5974" s="3">
        <f>'CPT Data'!C5982</f>
        <v>59.42</v>
      </c>
      <c r="C5974" t="str">
        <f>'CPT Data'!P5982</f>
        <v>SAND</v>
      </c>
      <c r="D5974" t="e">
        <f>'CPT Data'!Q5982</f>
        <v>#N/A</v>
      </c>
      <c r="E5974" t="e">
        <f t="shared" si="93"/>
        <v>#N/A</v>
      </c>
      <c r="F5974" t="str">
        <f>IF(C5974="CLAY", INDEX(D$4:D5974, MATCH("CLAY", C$4:C5974, 0)), "")</f>
        <v/>
      </c>
    </row>
    <row r="5975" spans="1:6" x14ac:dyDescent="0.2">
      <c r="A5975" s="239">
        <f>'CPT Data'!B5983</f>
        <v>59.436</v>
      </c>
      <c r="B5975" s="3">
        <f>'CPT Data'!C5983</f>
        <v>59.429000000000002</v>
      </c>
      <c r="C5975" t="str">
        <f>'CPT Data'!P5983</f>
        <v>SAND</v>
      </c>
      <c r="D5975" t="e">
        <f>'CPT Data'!Q5983</f>
        <v>#N/A</v>
      </c>
      <c r="E5975" t="e">
        <f t="shared" si="93"/>
        <v>#N/A</v>
      </c>
      <c r="F5975" t="str">
        <f>IF(C5975="CLAY", INDEX(D$4:D5975, MATCH("CLAY", C$4:C5975, 0)), "")</f>
        <v/>
      </c>
    </row>
    <row r="5976" spans="1:6" x14ac:dyDescent="0.2">
      <c r="A5976" s="239">
        <f>'CPT Data'!B5984</f>
        <v>59.447000000000003</v>
      </c>
      <c r="B5976" s="3">
        <f>'CPT Data'!C5984</f>
        <v>59.440000000000005</v>
      </c>
      <c r="C5976" t="str">
        <f>'CPT Data'!P5984</f>
        <v>SAND</v>
      </c>
      <c r="D5976" t="e">
        <f>'CPT Data'!Q5984</f>
        <v>#N/A</v>
      </c>
      <c r="E5976" t="e">
        <f t="shared" si="93"/>
        <v>#N/A</v>
      </c>
      <c r="F5976" t="str">
        <f>IF(C5976="CLAY", INDEX(D$4:D5976, MATCH("CLAY", C$4:C5976, 0)), "")</f>
        <v/>
      </c>
    </row>
    <row r="5977" spans="1:6" x14ac:dyDescent="0.2">
      <c r="A5977" s="239">
        <f>'CPT Data'!B5985</f>
        <v>59.457000000000001</v>
      </c>
      <c r="B5977" s="3">
        <f>'CPT Data'!C5985</f>
        <v>59.45</v>
      </c>
      <c r="C5977" t="str">
        <f>'CPT Data'!P5985</f>
        <v>SAND</v>
      </c>
      <c r="D5977" t="e">
        <f>'CPT Data'!Q5985</f>
        <v>#N/A</v>
      </c>
      <c r="E5977" t="e">
        <f t="shared" si="93"/>
        <v>#N/A</v>
      </c>
      <c r="F5977" t="str">
        <f>IF(C5977="CLAY", INDEX(D$4:D5977, MATCH("CLAY", C$4:C5977, 0)), "")</f>
        <v/>
      </c>
    </row>
    <row r="5978" spans="1:6" x14ac:dyDescent="0.2">
      <c r="A5978" s="239">
        <f>'CPT Data'!B5986</f>
        <v>59.466999999999999</v>
      </c>
      <c r="B5978" s="3">
        <f>'CPT Data'!C5986</f>
        <v>59.46</v>
      </c>
      <c r="C5978" t="str">
        <f>'CPT Data'!P5986</f>
        <v>SAND</v>
      </c>
      <c r="D5978" t="e">
        <f>'CPT Data'!Q5986</f>
        <v>#N/A</v>
      </c>
      <c r="E5978" t="e">
        <f t="shared" si="93"/>
        <v>#N/A</v>
      </c>
      <c r="F5978" t="str">
        <f>IF(C5978="CLAY", INDEX(D$4:D5978, MATCH("CLAY", C$4:C5978, 0)), "")</f>
        <v/>
      </c>
    </row>
    <row r="5979" spans="1:6" x14ac:dyDescent="0.2">
      <c r="A5979" s="239">
        <f>'CPT Data'!B5987</f>
        <v>59.478999999999999</v>
      </c>
      <c r="B5979" s="3">
        <f>'CPT Data'!C5987</f>
        <v>59.472000000000001</v>
      </c>
      <c r="C5979" t="str">
        <f>'CPT Data'!P5987</f>
        <v>SAND</v>
      </c>
      <c r="D5979" t="e">
        <f>'CPT Data'!Q5987</f>
        <v>#N/A</v>
      </c>
      <c r="E5979" t="e">
        <f t="shared" ref="E5979:E6042" si="94">IF(C5979="SAND",#N/A,IF(C5979=C5978,D5978,IF(C5979="CLAY",D5979,#N/A)))</f>
        <v>#N/A</v>
      </c>
      <c r="F5979" t="str">
        <f>IF(C5979="CLAY", INDEX(D$4:D5979, MATCH("CLAY", C$4:C5979, 0)), "")</f>
        <v/>
      </c>
    </row>
    <row r="5980" spans="1:6" x14ac:dyDescent="0.2">
      <c r="A5980" s="239">
        <f>'CPT Data'!B5988</f>
        <v>59.488</v>
      </c>
      <c r="B5980" s="3">
        <f>'CPT Data'!C5988</f>
        <v>59.481000000000002</v>
      </c>
      <c r="C5980" t="str">
        <f>'CPT Data'!P5988</f>
        <v>SAND</v>
      </c>
      <c r="D5980" t="e">
        <f>'CPT Data'!Q5988</f>
        <v>#N/A</v>
      </c>
      <c r="E5980" t="e">
        <f t="shared" si="94"/>
        <v>#N/A</v>
      </c>
      <c r="F5980" t="str">
        <f>IF(C5980="CLAY", INDEX(D$4:D5980, MATCH("CLAY", C$4:C5980, 0)), "")</f>
        <v/>
      </c>
    </row>
    <row r="5981" spans="1:6" x14ac:dyDescent="0.2">
      <c r="A5981" s="239">
        <f>'CPT Data'!B5989</f>
        <v>59.5</v>
      </c>
      <c r="B5981" s="3">
        <f>'CPT Data'!C5989</f>
        <v>59.493000000000002</v>
      </c>
      <c r="C5981" t="str">
        <f>'CPT Data'!P5989</f>
        <v>SAND</v>
      </c>
      <c r="D5981" t="e">
        <f>'CPT Data'!Q5989</f>
        <v>#N/A</v>
      </c>
      <c r="E5981" t="e">
        <f t="shared" si="94"/>
        <v>#N/A</v>
      </c>
      <c r="F5981" t="str">
        <f>IF(C5981="CLAY", INDEX(D$4:D5981, MATCH("CLAY", C$4:C5981, 0)), "")</f>
        <v/>
      </c>
    </row>
    <row r="5982" spans="1:6" x14ac:dyDescent="0.2">
      <c r="A5982" s="239">
        <f>'CPT Data'!B5990</f>
        <v>59.51</v>
      </c>
      <c r="B5982" s="3">
        <f>'CPT Data'!C5990</f>
        <v>59.503</v>
      </c>
      <c r="C5982" t="str">
        <f>'CPT Data'!P5990</f>
        <v>SAND</v>
      </c>
      <c r="D5982" t="e">
        <f>'CPT Data'!Q5990</f>
        <v>#N/A</v>
      </c>
      <c r="E5982" t="e">
        <f t="shared" si="94"/>
        <v>#N/A</v>
      </c>
      <c r="F5982" t="str">
        <f>IF(C5982="CLAY", INDEX(D$4:D5982, MATCH("CLAY", C$4:C5982, 0)), "")</f>
        <v/>
      </c>
    </row>
    <row r="5983" spans="1:6" x14ac:dyDescent="0.2">
      <c r="A5983" s="239">
        <f>'CPT Data'!B5991</f>
        <v>59.521000000000001</v>
      </c>
      <c r="B5983" s="3">
        <f>'CPT Data'!C5991</f>
        <v>59.514000000000003</v>
      </c>
      <c r="C5983" t="str">
        <f>'CPT Data'!P5991</f>
        <v>SAND</v>
      </c>
      <c r="D5983" t="e">
        <f>'CPT Data'!Q5991</f>
        <v>#N/A</v>
      </c>
      <c r="E5983" t="e">
        <f t="shared" si="94"/>
        <v>#N/A</v>
      </c>
      <c r="F5983" t="str">
        <f>IF(C5983="CLAY", INDEX(D$4:D5983, MATCH("CLAY", C$4:C5983, 0)), "")</f>
        <v/>
      </c>
    </row>
    <row r="5984" spans="1:6" x14ac:dyDescent="0.2">
      <c r="A5984" s="239">
        <f>'CPT Data'!B5992</f>
        <v>59.530999999999999</v>
      </c>
      <c r="B5984" s="3">
        <f>'CPT Data'!C5992</f>
        <v>59.524000000000001</v>
      </c>
      <c r="C5984" t="str">
        <f>'CPT Data'!P5992</f>
        <v>SAND</v>
      </c>
      <c r="D5984" t="e">
        <f>'CPT Data'!Q5992</f>
        <v>#N/A</v>
      </c>
      <c r="E5984" t="e">
        <f t="shared" si="94"/>
        <v>#N/A</v>
      </c>
      <c r="F5984" t="str">
        <f>IF(C5984="CLAY", INDEX(D$4:D5984, MATCH("CLAY", C$4:C5984, 0)), "")</f>
        <v/>
      </c>
    </row>
    <row r="5985" spans="1:6" x14ac:dyDescent="0.2">
      <c r="A5985" s="239">
        <f>'CPT Data'!B5993</f>
        <v>59.540999999999997</v>
      </c>
      <c r="B5985" s="3">
        <f>'CPT Data'!C5993</f>
        <v>59.533999999999999</v>
      </c>
      <c r="C5985" t="str">
        <f>'CPT Data'!P5993</f>
        <v>SAND</v>
      </c>
      <c r="D5985" t="e">
        <f>'CPT Data'!Q5993</f>
        <v>#N/A</v>
      </c>
      <c r="E5985" t="e">
        <f t="shared" si="94"/>
        <v>#N/A</v>
      </c>
      <c r="F5985" t="str">
        <f>IF(C5985="CLAY", INDEX(D$4:D5985, MATCH("CLAY", C$4:C5985, 0)), "")</f>
        <v/>
      </c>
    </row>
    <row r="5986" spans="1:6" x14ac:dyDescent="0.2">
      <c r="A5986" s="239">
        <f>'CPT Data'!B5994</f>
        <v>59.552</v>
      </c>
      <c r="B5986" s="3">
        <f>'CPT Data'!C5994</f>
        <v>59.545000000000002</v>
      </c>
      <c r="C5986" t="str">
        <f>'CPT Data'!P5994</f>
        <v>SAND</v>
      </c>
      <c r="D5986" t="e">
        <f>'CPT Data'!Q5994</f>
        <v>#N/A</v>
      </c>
      <c r="E5986" t="e">
        <f t="shared" si="94"/>
        <v>#N/A</v>
      </c>
      <c r="F5986" t="str">
        <f>IF(C5986="CLAY", INDEX(D$4:D5986, MATCH("CLAY", C$4:C5986, 0)), "")</f>
        <v/>
      </c>
    </row>
    <row r="5987" spans="1:6" x14ac:dyDescent="0.2">
      <c r="A5987" s="239">
        <f>'CPT Data'!B5995</f>
        <v>59.561999999999998</v>
      </c>
      <c r="B5987" s="3">
        <f>'CPT Data'!C5995</f>
        <v>59.555</v>
      </c>
      <c r="C5987" t="str">
        <f>'CPT Data'!P5995</f>
        <v>SAND</v>
      </c>
      <c r="D5987" t="e">
        <f>'CPT Data'!Q5995</f>
        <v>#N/A</v>
      </c>
      <c r="E5987" t="e">
        <f t="shared" si="94"/>
        <v>#N/A</v>
      </c>
      <c r="F5987" t="str">
        <f>IF(C5987="CLAY", INDEX(D$4:D5987, MATCH("CLAY", C$4:C5987, 0)), "")</f>
        <v/>
      </c>
    </row>
    <row r="5988" spans="1:6" x14ac:dyDescent="0.2">
      <c r="A5988" s="239">
        <f>'CPT Data'!B5996</f>
        <v>59.572000000000003</v>
      </c>
      <c r="B5988" s="3">
        <f>'CPT Data'!C5996</f>
        <v>59.565000000000005</v>
      </c>
      <c r="C5988" t="str">
        <f>'CPT Data'!P5996</f>
        <v>SAND</v>
      </c>
      <c r="D5988" t="e">
        <f>'CPT Data'!Q5996</f>
        <v>#N/A</v>
      </c>
      <c r="E5988" t="e">
        <f t="shared" si="94"/>
        <v>#N/A</v>
      </c>
      <c r="F5988" t="str">
        <f>IF(C5988="CLAY", INDEX(D$4:D5988, MATCH("CLAY", C$4:C5988, 0)), "")</f>
        <v/>
      </c>
    </row>
    <row r="5989" spans="1:6" x14ac:dyDescent="0.2">
      <c r="A5989" s="239">
        <f>'CPT Data'!B5997</f>
        <v>59.582000000000001</v>
      </c>
      <c r="B5989" s="3">
        <f>'CPT Data'!C5997</f>
        <v>59.575000000000003</v>
      </c>
      <c r="C5989" t="str">
        <f>'CPT Data'!P5997</f>
        <v>SAND</v>
      </c>
      <c r="D5989" t="e">
        <f>'CPT Data'!Q5997</f>
        <v>#N/A</v>
      </c>
      <c r="E5989" t="e">
        <f t="shared" si="94"/>
        <v>#N/A</v>
      </c>
      <c r="F5989" t="str">
        <f>IF(C5989="CLAY", INDEX(D$4:D5989, MATCH("CLAY", C$4:C5989, 0)), "")</f>
        <v/>
      </c>
    </row>
    <row r="5990" spans="1:6" x14ac:dyDescent="0.2">
      <c r="A5990" s="239">
        <f>'CPT Data'!B5998</f>
        <v>59.593000000000004</v>
      </c>
      <c r="B5990" s="3">
        <f>'CPT Data'!C5998</f>
        <v>59.586000000000006</v>
      </c>
      <c r="C5990" t="str">
        <f>'CPT Data'!P5998</f>
        <v>SAND</v>
      </c>
      <c r="D5990" t="e">
        <f>'CPT Data'!Q5998</f>
        <v>#N/A</v>
      </c>
      <c r="E5990" t="e">
        <f t="shared" si="94"/>
        <v>#N/A</v>
      </c>
      <c r="F5990" t="str">
        <f>IF(C5990="CLAY", INDEX(D$4:D5990, MATCH("CLAY", C$4:C5990, 0)), "")</f>
        <v/>
      </c>
    </row>
    <row r="5991" spans="1:6" x14ac:dyDescent="0.2">
      <c r="A5991" s="239">
        <f>'CPT Data'!B5999</f>
        <v>59.601999999999997</v>
      </c>
      <c r="B5991" s="3">
        <f>'CPT Data'!C5999</f>
        <v>59.594999999999999</v>
      </c>
      <c r="C5991" t="str">
        <f>'CPT Data'!P5999</f>
        <v>SAND</v>
      </c>
      <c r="D5991" t="e">
        <f>'CPT Data'!Q5999</f>
        <v>#N/A</v>
      </c>
      <c r="E5991" t="e">
        <f t="shared" si="94"/>
        <v>#N/A</v>
      </c>
      <c r="F5991" t="str">
        <f>IF(C5991="CLAY", INDEX(D$4:D5991, MATCH("CLAY", C$4:C5991, 0)), "")</f>
        <v/>
      </c>
    </row>
    <row r="5992" spans="1:6" x14ac:dyDescent="0.2">
      <c r="A5992" s="239">
        <f>'CPT Data'!B6000</f>
        <v>59.613</v>
      </c>
      <c r="B5992" s="3">
        <f>'CPT Data'!C6000</f>
        <v>59.606000000000002</v>
      </c>
      <c r="C5992" t="str">
        <f>'CPT Data'!P6000</f>
        <v>SAND</v>
      </c>
      <c r="D5992" t="e">
        <f>'CPT Data'!Q6000</f>
        <v>#N/A</v>
      </c>
      <c r="E5992" t="e">
        <f t="shared" si="94"/>
        <v>#N/A</v>
      </c>
      <c r="F5992" t="str">
        <f>IF(C5992="CLAY", INDEX(D$4:D5992, MATCH("CLAY", C$4:C5992, 0)), "")</f>
        <v/>
      </c>
    </row>
    <row r="5993" spans="1:6" x14ac:dyDescent="0.2">
      <c r="A5993" s="239">
        <f>'CPT Data'!B6001</f>
        <v>59.622</v>
      </c>
      <c r="B5993" s="3">
        <f>'CPT Data'!C6001</f>
        <v>59.615000000000002</v>
      </c>
      <c r="C5993" t="str">
        <f>'CPT Data'!P6001</f>
        <v>SAND</v>
      </c>
      <c r="D5993" t="e">
        <f>'CPT Data'!Q6001</f>
        <v>#N/A</v>
      </c>
      <c r="E5993" t="e">
        <f t="shared" si="94"/>
        <v>#N/A</v>
      </c>
      <c r="F5993" t="str">
        <f>IF(C5993="CLAY", INDEX(D$4:D5993, MATCH("CLAY", C$4:C5993, 0)), "")</f>
        <v/>
      </c>
    </row>
    <row r="5994" spans="1:6" x14ac:dyDescent="0.2">
      <c r="A5994" s="239">
        <f>'CPT Data'!B6002</f>
        <v>59.631999999999998</v>
      </c>
      <c r="B5994" s="3">
        <f>'CPT Data'!C6002</f>
        <v>59.625</v>
      </c>
      <c r="C5994" t="str">
        <f>'CPT Data'!P6002</f>
        <v>SAND</v>
      </c>
      <c r="D5994" t="e">
        <f>'CPT Data'!Q6002</f>
        <v>#N/A</v>
      </c>
      <c r="E5994" t="e">
        <f t="shared" si="94"/>
        <v>#N/A</v>
      </c>
      <c r="F5994" t="str">
        <f>IF(C5994="CLAY", INDEX(D$4:D5994, MATCH("CLAY", C$4:C5994, 0)), "")</f>
        <v/>
      </c>
    </row>
    <row r="5995" spans="1:6" x14ac:dyDescent="0.2">
      <c r="A5995" s="239">
        <f>'CPT Data'!B6003</f>
        <v>59.643000000000001</v>
      </c>
      <c r="B5995" s="3">
        <f>'CPT Data'!C6003</f>
        <v>59.636000000000003</v>
      </c>
      <c r="C5995" t="str">
        <f>'CPT Data'!P6003</f>
        <v>SAND</v>
      </c>
      <c r="D5995" t="e">
        <f>'CPT Data'!Q6003</f>
        <v>#N/A</v>
      </c>
      <c r="E5995" t="e">
        <f t="shared" si="94"/>
        <v>#N/A</v>
      </c>
      <c r="F5995" t="str">
        <f>IF(C5995="CLAY", INDEX(D$4:D5995, MATCH("CLAY", C$4:C5995, 0)), "")</f>
        <v/>
      </c>
    </row>
    <row r="5996" spans="1:6" x14ac:dyDescent="0.2">
      <c r="A5996" s="239">
        <f>'CPT Data'!B6004</f>
        <v>59.652999999999999</v>
      </c>
      <c r="B5996" s="3">
        <f>'CPT Data'!C6004</f>
        <v>59.646000000000001</v>
      </c>
      <c r="C5996" t="str">
        <f>'CPT Data'!P6004</f>
        <v>SAND</v>
      </c>
      <c r="D5996" t="e">
        <f>'CPT Data'!Q6004</f>
        <v>#N/A</v>
      </c>
      <c r="E5996" t="e">
        <f t="shared" si="94"/>
        <v>#N/A</v>
      </c>
      <c r="F5996" t="str">
        <f>IF(C5996="CLAY", INDEX(D$4:D5996, MATCH("CLAY", C$4:C5996, 0)), "")</f>
        <v/>
      </c>
    </row>
    <row r="5997" spans="1:6" x14ac:dyDescent="0.2">
      <c r="A5997" s="239">
        <f>'CPT Data'!B6005</f>
        <v>59.664000000000001</v>
      </c>
      <c r="B5997" s="3">
        <f>'CPT Data'!C6005</f>
        <v>59.657000000000004</v>
      </c>
      <c r="C5997" t="str">
        <f>'CPT Data'!P6005</f>
        <v>SAND</v>
      </c>
      <c r="D5997" t="e">
        <f>'CPT Data'!Q6005</f>
        <v>#N/A</v>
      </c>
      <c r="E5997" t="e">
        <f t="shared" si="94"/>
        <v>#N/A</v>
      </c>
      <c r="F5997" t="str">
        <f>IF(C5997="CLAY", INDEX(D$4:D5997, MATCH("CLAY", C$4:C5997, 0)), "")</f>
        <v/>
      </c>
    </row>
    <row r="5998" spans="1:6" x14ac:dyDescent="0.2">
      <c r="A5998" s="239">
        <f>'CPT Data'!B6006</f>
        <v>59.673999999999999</v>
      </c>
      <c r="B5998" s="3">
        <f>'CPT Data'!C6006</f>
        <v>59.667000000000002</v>
      </c>
      <c r="C5998" t="str">
        <f>'CPT Data'!P6006</f>
        <v>SAND</v>
      </c>
      <c r="D5998" t="e">
        <f>'CPT Data'!Q6006</f>
        <v>#N/A</v>
      </c>
      <c r="E5998" t="e">
        <f t="shared" si="94"/>
        <v>#N/A</v>
      </c>
      <c r="F5998" t="str">
        <f>IF(C5998="CLAY", INDEX(D$4:D5998, MATCH("CLAY", C$4:C5998, 0)), "")</f>
        <v/>
      </c>
    </row>
    <row r="5999" spans="1:6" x14ac:dyDescent="0.2">
      <c r="A5999" s="239">
        <f>'CPT Data'!B6007</f>
        <v>59.683999999999997</v>
      </c>
      <c r="B5999" s="3">
        <f>'CPT Data'!C6007</f>
        <v>59.677</v>
      </c>
      <c r="C5999" t="str">
        <f>'CPT Data'!P6007</f>
        <v>SAND</v>
      </c>
      <c r="D5999" t="e">
        <f>'CPT Data'!Q6007</f>
        <v>#N/A</v>
      </c>
      <c r="E5999" t="e">
        <f t="shared" si="94"/>
        <v>#N/A</v>
      </c>
      <c r="F5999" t="str">
        <f>IF(C5999="CLAY", INDEX(D$4:D5999, MATCH("CLAY", C$4:C5999, 0)), "")</f>
        <v/>
      </c>
    </row>
    <row r="6000" spans="1:6" x14ac:dyDescent="0.2">
      <c r="A6000" s="239">
        <f>'CPT Data'!B6008</f>
        <v>59.694000000000003</v>
      </c>
      <c r="B6000" s="3">
        <f>'CPT Data'!C6008</f>
        <v>59.687000000000005</v>
      </c>
      <c r="C6000" t="str">
        <f>'CPT Data'!P6008</f>
        <v>SAND</v>
      </c>
      <c r="D6000" t="e">
        <f>'CPT Data'!Q6008</f>
        <v>#N/A</v>
      </c>
      <c r="E6000" t="e">
        <f t="shared" si="94"/>
        <v>#N/A</v>
      </c>
      <c r="F6000" t="str">
        <f>IF(C6000="CLAY", INDEX(D$4:D6000, MATCH("CLAY", C$4:C6000, 0)), "")</f>
        <v/>
      </c>
    </row>
    <row r="6001" spans="1:6" x14ac:dyDescent="0.2">
      <c r="A6001" s="239">
        <f>'CPT Data'!B6009</f>
        <v>59.704000000000001</v>
      </c>
      <c r="B6001" s="3">
        <f>'CPT Data'!C6009</f>
        <v>59.697000000000003</v>
      </c>
      <c r="C6001" t="str">
        <f>'CPT Data'!P6009</f>
        <v>SAND</v>
      </c>
      <c r="D6001" t="e">
        <f>'CPT Data'!Q6009</f>
        <v>#N/A</v>
      </c>
      <c r="E6001" t="e">
        <f t="shared" si="94"/>
        <v>#N/A</v>
      </c>
      <c r="F6001" t="str">
        <f>IF(C6001="CLAY", INDEX(D$4:D6001, MATCH("CLAY", C$4:C6001, 0)), "")</f>
        <v/>
      </c>
    </row>
    <row r="6002" spans="1:6" x14ac:dyDescent="0.2">
      <c r="A6002" s="239">
        <f>'CPT Data'!B6010</f>
        <v>59.713999999999999</v>
      </c>
      <c r="B6002" s="3">
        <f>'CPT Data'!C6010</f>
        <v>59.707000000000001</v>
      </c>
      <c r="C6002" t="str">
        <f>'CPT Data'!P6010</f>
        <v>SAND</v>
      </c>
      <c r="D6002" t="e">
        <f>'CPT Data'!Q6010</f>
        <v>#N/A</v>
      </c>
      <c r="E6002" t="e">
        <f t="shared" si="94"/>
        <v>#N/A</v>
      </c>
      <c r="F6002" t="str">
        <f>IF(C6002="CLAY", INDEX(D$4:D6002, MATCH("CLAY", C$4:C6002, 0)), "")</f>
        <v/>
      </c>
    </row>
    <row r="6003" spans="1:6" x14ac:dyDescent="0.2">
      <c r="A6003" s="239">
        <f>'CPT Data'!B6011</f>
        <v>59.722999999999999</v>
      </c>
      <c r="B6003" s="3">
        <f>'CPT Data'!C6011</f>
        <v>59.716000000000001</v>
      </c>
      <c r="C6003" t="str">
        <f>'CPT Data'!P6011</f>
        <v>SAND</v>
      </c>
      <c r="D6003" t="e">
        <f>'CPT Data'!Q6011</f>
        <v>#N/A</v>
      </c>
      <c r="E6003" t="e">
        <f t="shared" si="94"/>
        <v>#N/A</v>
      </c>
      <c r="F6003" t="str">
        <f>IF(C6003="CLAY", INDEX(D$4:D6003, MATCH("CLAY", C$4:C6003, 0)), "")</f>
        <v/>
      </c>
    </row>
    <row r="6004" spans="1:6" x14ac:dyDescent="0.2">
      <c r="A6004" s="239">
        <f>'CPT Data'!B6012</f>
        <v>59.731999999999999</v>
      </c>
      <c r="B6004" s="3">
        <f>'CPT Data'!C6012</f>
        <v>59.725000000000001</v>
      </c>
      <c r="C6004" t="str">
        <f>'CPT Data'!P6012</f>
        <v>SAND</v>
      </c>
      <c r="D6004" t="e">
        <f>'CPT Data'!Q6012</f>
        <v>#N/A</v>
      </c>
      <c r="E6004" t="e">
        <f t="shared" si="94"/>
        <v>#N/A</v>
      </c>
      <c r="F6004" t="str">
        <f>IF(C6004="CLAY", INDEX(D$4:D6004, MATCH("CLAY", C$4:C6004, 0)), "")</f>
        <v/>
      </c>
    </row>
    <row r="6005" spans="1:6" x14ac:dyDescent="0.2">
      <c r="A6005" s="239">
        <f>'CPT Data'!B6013</f>
        <v>59.741999999999997</v>
      </c>
      <c r="B6005" s="3">
        <f>'CPT Data'!C6013</f>
        <v>59.734999999999999</v>
      </c>
      <c r="C6005" t="str">
        <f>'CPT Data'!P6013</f>
        <v>SAND</v>
      </c>
      <c r="D6005" t="e">
        <f>'CPT Data'!Q6013</f>
        <v>#N/A</v>
      </c>
      <c r="E6005" t="e">
        <f t="shared" si="94"/>
        <v>#N/A</v>
      </c>
      <c r="F6005" t="str">
        <f>IF(C6005="CLAY", INDEX(D$4:D6005, MATCH("CLAY", C$4:C6005, 0)), "")</f>
        <v/>
      </c>
    </row>
    <row r="6006" spans="1:6" x14ac:dyDescent="0.2">
      <c r="A6006" s="239">
        <f>'CPT Data'!B6014</f>
        <v>59.750999999999998</v>
      </c>
      <c r="B6006" s="3">
        <f>'CPT Data'!C6014</f>
        <v>59.744</v>
      </c>
      <c r="C6006" t="str">
        <f>'CPT Data'!P6014</f>
        <v>SAND</v>
      </c>
      <c r="D6006" t="e">
        <f>'CPT Data'!Q6014</f>
        <v>#N/A</v>
      </c>
      <c r="E6006" t="e">
        <f t="shared" si="94"/>
        <v>#N/A</v>
      </c>
      <c r="F6006" t="str">
        <f>IF(C6006="CLAY", INDEX(D$4:D6006, MATCH("CLAY", C$4:C6006, 0)), "")</f>
        <v/>
      </c>
    </row>
    <row r="6007" spans="1:6" x14ac:dyDescent="0.2">
      <c r="A6007" s="239">
        <f>'CPT Data'!B6015</f>
        <v>59.76</v>
      </c>
      <c r="B6007" s="3">
        <f>'CPT Data'!C6015</f>
        <v>59.753</v>
      </c>
      <c r="C6007" t="str">
        <f>'CPT Data'!P6015</f>
        <v>SAND</v>
      </c>
      <c r="D6007" t="e">
        <f>'CPT Data'!Q6015</f>
        <v>#N/A</v>
      </c>
      <c r="E6007" t="e">
        <f t="shared" si="94"/>
        <v>#N/A</v>
      </c>
      <c r="F6007" t="str">
        <f>IF(C6007="CLAY", INDEX(D$4:D6007, MATCH("CLAY", C$4:C6007, 0)), "")</f>
        <v/>
      </c>
    </row>
    <row r="6008" spans="1:6" x14ac:dyDescent="0.2">
      <c r="A6008" s="239">
        <f>'CPT Data'!B6016</f>
        <v>59.77</v>
      </c>
      <c r="B6008" s="3">
        <f>'CPT Data'!C6016</f>
        <v>59.763000000000005</v>
      </c>
      <c r="C6008" t="str">
        <f>'CPT Data'!P6016</f>
        <v>SAND</v>
      </c>
      <c r="D6008" t="e">
        <f>'CPT Data'!Q6016</f>
        <v>#N/A</v>
      </c>
      <c r="E6008" t="e">
        <f t="shared" si="94"/>
        <v>#N/A</v>
      </c>
      <c r="F6008" t="str">
        <f>IF(C6008="CLAY", INDEX(D$4:D6008, MATCH("CLAY", C$4:C6008, 0)), "")</f>
        <v/>
      </c>
    </row>
    <row r="6009" spans="1:6" x14ac:dyDescent="0.2">
      <c r="A6009" s="239">
        <f>'CPT Data'!B6017</f>
        <v>59.779000000000003</v>
      </c>
      <c r="B6009" s="3">
        <f>'CPT Data'!C6017</f>
        <v>59.772000000000006</v>
      </c>
      <c r="C6009" t="str">
        <f>'CPT Data'!P6017</f>
        <v>SAND</v>
      </c>
      <c r="D6009" t="e">
        <f>'CPT Data'!Q6017</f>
        <v>#N/A</v>
      </c>
      <c r="E6009" t="e">
        <f t="shared" si="94"/>
        <v>#N/A</v>
      </c>
      <c r="F6009" t="str">
        <f>IF(C6009="CLAY", INDEX(D$4:D6009, MATCH("CLAY", C$4:C6009, 0)), "")</f>
        <v/>
      </c>
    </row>
    <row r="6010" spans="1:6" x14ac:dyDescent="0.2">
      <c r="A6010" s="239">
        <f>'CPT Data'!B6018</f>
        <v>59.787999999999997</v>
      </c>
      <c r="B6010" s="3">
        <f>'CPT Data'!C6018</f>
        <v>59.780999999999999</v>
      </c>
      <c r="C6010" t="str">
        <f>'CPT Data'!P6018</f>
        <v>SAND</v>
      </c>
      <c r="D6010" t="e">
        <f>'CPT Data'!Q6018</f>
        <v>#N/A</v>
      </c>
      <c r="E6010" t="e">
        <f t="shared" si="94"/>
        <v>#N/A</v>
      </c>
      <c r="F6010" t="str">
        <f>IF(C6010="CLAY", INDEX(D$4:D6010, MATCH("CLAY", C$4:C6010, 0)), "")</f>
        <v/>
      </c>
    </row>
    <row r="6011" spans="1:6" x14ac:dyDescent="0.2">
      <c r="A6011" s="239">
        <f>'CPT Data'!B6019</f>
        <v>59.795999999999999</v>
      </c>
      <c r="B6011" s="3">
        <f>'CPT Data'!C6019</f>
        <v>59.789000000000001</v>
      </c>
      <c r="C6011" t="str">
        <f>'CPT Data'!P6019</f>
        <v>SAND</v>
      </c>
      <c r="D6011" t="e">
        <f>'CPT Data'!Q6019</f>
        <v>#N/A</v>
      </c>
      <c r="E6011" t="e">
        <f t="shared" si="94"/>
        <v>#N/A</v>
      </c>
      <c r="F6011" t="str">
        <f>IF(C6011="CLAY", INDEX(D$4:D6011, MATCH("CLAY", C$4:C6011, 0)), "")</f>
        <v/>
      </c>
    </row>
    <row r="6012" spans="1:6" x14ac:dyDescent="0.2">
      <c r="A6012" s="239">
        <f>'CPT Data'!B6020</f>
        <v>59.805999999999997</v>
      </c>
      <c r="B6012" s="3">
        <f>'CPT Data'!C6020</f>
        <v>59.798999999999999</v>
      </c>
      <c r="C6012" t="str">
        <f>'CPT Data'!P6020</f>
        <v>SAND</v>
      </c>
      <c r="D6012" t="e">
        <f>'CPT Data'!Q6020</f>
        <v>#N/A</v>
      </c>
      <c r="E6012" t="e">
        <f t="shared" si="94"/>
        <v>#N/A</v>
      </c>
      <c r="F6012" t="str">
        <f>IF(C6012="CLAY", INDEX(D$4:D6012, MATCH("CLAY", C$4:C6012, 0)), "")</f>
        <v/>
      </c>
    </row>
    <row r="6013" spans="1:6" x14ac:dyDescent="0.2">
      <c r="A6013" s="239">
        <f>'CPT Data'!B6021</f>
        <v>59.814</v>
      </c>
      <c r="B6013" s="3">
        <f>'CPT Data'!C6021</f>
        <v>59.807000000000002</v>
      </c>
      <c r="C6013" t="str">
        <f>'CPT Data'!P6021</f>
        <v>SAND</v>
      </c>
      <c r="D6013" t="e">
        <f>'CPT Data'!Q6021</f>
        <v>#N/A</v>
      </c>
      <c r="E6013" t="e">
        <f t="shared" si="94"/>
        <v>#N/A</v>
      </c>
      <c r="F6013" t="str">
        <f>IF(C6013="CLAY", INDEX(D$4:D6013, MATCH("CLAY", C$4:C6013, 0)), "")</f>
        <v/>
      </c>
    </row>
    <row r="6014" spans="1:6" x14ac:dyDescent="0.2">
      <c r="A6014" s="239">
        <f>'CPT Data'!B6022</f>
        <v>59.823</v>
      </c>
      <c r="B6014" s="3">
        <f>'CPT Data'!C6022</f>
        <v>59.816000000000003</v>
      </c>
      <c r="C6014" t="str">
        <f>'CPT Data'!P6022</f>
        <v>SAND</v>
      </c>
      <c r="D6014" t="e">
        <f>'CPT Data'!Q6022</f>
        <v>#N/A</v>
      </c>
      <c r="E6014" t="e">
        <f t="shared" si="94"/>
        <v>#N/A</v>
      </c>
      <c r="F6014" t="str">
        <f>IF(C6014="CLAY", INDEX(D$4:D6014, MATCH("CLAY", C$4:C6014, 0)), "")</f>
        <v/>
      </c>
    </row>
    <row r="6015" spans="1:6" x14ac:dyDescent="0.2">
      <c r="A6015" s="239">
        <f>'CPT Data'!B6023</f>
        <v>59.831000000000003</v>
      </c>
      <c r="B6015" s="3">
        <f>'CPT Data'!C6023</f>
        <v>59.824000000000005</v>
      </c>
      <c r="C6015" t="str">
        <f>'CPT Data'!P6023</f>
        <v>SAND</v>
      </c>
      <c r="D6015" t="e">
        <f>'CPT Data'!Q6023</f>
        <v>#N/A</v>
      </c>
      <c r="E6015" t="e">
        <f t="shared" si="94"/>
        <v>#N/A</v>
      </c>
      <c r="F6015" t="str">
        <f>IF(C6015="CLAY", INDEX(D$4:D6015, MATCH("CLAY", C$4:C6015, 0)), "")</f>
        <v/>
      </c>
    </row>
    <row r="6016" spans="1:6" x14ac:dyDescent="0.2">
      <c r="A6016" s="239">
        <f>'CPT Data'!B6024</f>
        <v>59.84</v>
      </c>
      <c r="B6016" s="3">
        <f>'CPT Data'!C6024</f>
        <v>59.833000000000006</v>
      </c>
      <c r="C6016" t="str">
        <f>'CPT Data'!P6024</f>
        <v>SAND</v>
      </c>
      <c r="D6016" t="e">
        <f>'CPT Data'!Q6024</f>
        <v>#N/A</v>
      </c>
      <c r="E6016" t="e">
        <f t="shared" si="94"/>
        <v>#N/A</v>
      </c>
      <c r="F6016" t="str">
        <f>IF(C6016="CLAY", INDEX(D$4:D6016, MATCH("CLAY", C$4:C6016, 0)), "")</f>
        <v/>
      </c>
    </row>
    <row r="6017" spans="1:6" x14ac:dyDescent="0.2">
      <c r="A6017" s="239">
        <f>'CPT Data'!B6025</f>
        <v>59.847999999999999</v>
      </c>
      <c r="B6017" s="3">
        <f>'CPT Data'!C6025</f>
        <v>59.841000000000001</v>
      </c>
      <c r="C6017" t="str">
        <f>'CPT Data'!P6025</f>
        <v>SAND</v>
      </c>
      <c r="D6017" t="e">
        <f>'CPT Data'!Q6025</f>
        <v>#N/A</v>
      </c>
      <c r="E6017" t="e">
        <f t="shared" si="94"/>
        <v>#N/A</v>
      </c>
      <c r="F6017" t="str">
        <f>IF(C6017="CLAY", INDEX(D$4:D6017, MATCH("CLAY", C$4:C6017, 0)), "")</f>
        <v/>
      </c>
    </row>
    <row r="6018" spans="1:6" x14ac:dyDescent="0.2">
      <c r="A6018" s="239">
        <f>'CPT Data'!B6026</f>
        <v>59.856999999999999</v>
      </c>
      <c r="B6018" s="3">
        <f>'CPT Data'!C6026</f>
        <v>59.85</v>
      </c>
      <c r="C6018" t="str">
        <f>'CPT Data'!P6026</f>
        <v>SAND</v>
      </c>
      <c r="D6018" t="e">
        <f>'CPT Data'!Q6026</f>
        <v>#N/A</v>
      </c>
      <c r="E6018" t="e">
        <f t="shared" si="94"/>
        <v>#N/A</v>
      </c>
      <c r="F6018" t="str">
        <f>IF(C6018="CLAY", INDEX(D$4:D6018, MATCH("CLAY", C$4:C6018, 0)), "")</f>
        <v/>
      </c>
    </row>
    <row r="6019" spans="1:6" x14ac:dyDescent="0.2">
      <c r="A6019" s="239">
        <f>'CPT Data'!B6027</f>
        <v>59.865000000000002</v>
      </c>
      <c r="B6019" s="3">
        <f>'CPT Data'!C6027</f>
        <v>59.858000000000004</v>
      </c>
      <c r="C6019" t="str">
        <f>'CPT Data'!P6027</f>
        <v>SAND</v>
      </c>
      <c r="D6019" t="e">
        <f>'CPT Data'!Q6027</f>
        <v>#N/A</v>
      </c>
      <c r="E6019" t="e">
        <f t="shared" si="94"/>
        <v>#N/A</v>
      </c>
      <c r="F6019" t="str">
        <f>IF(C6019="CLAY", INDEX(D$4:D6019, MATCH("CLAY", C$4:C6019, 0)), "")</f>
        <v/>
      </c>
    </row>
    <row r="6020" spans="1:6" x14ac:dyDescent="0.2">
      <c r="A6020" s="239">
        <f>'CPT Data'!B6028</f>
        <v>59.874000000000002</v>
      </c>
      <c r="B6020" s="3">
        <f>'CPT Data'!C6028</f>
        <v>59.867000000000004</v>
      </c>
      <c r="C6020" t="str">
        <f>'CPT Data'!P6028</f>
        <v>SAND</v>
      </c>
      <c r="D6020" t="e">
        <f>'CPT Data'!Q6028</f>
        <v>#N/A</v>
      </c>
      <c r="E6020" t="e">
        <f t="shared" si="94"/>
        <v>#N/A</v>
      </c>
      <c r="F6020" t="str">
        <f>IF(C6020="CLAY", INDEX(D$4:D6020, MATCH("CLAY", C$4:C6020, 0)), "")</f>
        <v/>
      </c>
    </row>
    <row r="6021" spans="1:6" x14ac:dyDescent="0.2">
      <c r="A6021" s="239">
        <f>'CPT Data'!B6029</f>
        <v>59.881999999999998</v>
      </c>
      <c r="B6021" s="3">
        <f>'CPT Data'!C6029</f>
        <v>59.875</v>
      </c>
      <c r="C6021" t="str">
        <f>'CPT Data'!P6029</f>
        <v>SAND</v>
      </c>
      <c r="D6021" t="e">
        <f>'CPT Data'!Q6029</f>
        <v>#N/A</v>
      </c>
      <c r="E6021" t="e">
        <f t="shared" si="94"/>
        <v>#N/A</v>
      </c>
      <c r="F6021" t="str">
        <f>IF(C6021="CLAY", INDEX(D$4:D6021, MATCH("CLAY", C$4:C6021, 0)), "")</f>
        <v/>
      </c>
    </row>
    <row r="6022" spans="1:6" x14ac:dyDescent="0.2">
      <c r="A6022" s="239">
        <f>'CPT Data'!B6030</f>
        <v>59.89</v>
      </c>
      <c r="B6022" s="3">
        <f>'CPT Data'!C6030</f>
        <v>59.883000000000003</v>
      </c>
      <c r="C6022" t="str">
        <f>'CPT Data'!P6030</f>
        <v>SAND</v>
      </c>
      <c r="D6022" t="e">
        <f>'CPT Data'!Q6030</f>
        <v>#N/A</v>
      </c>
      <c r="E6022" t="e">
        <f t="shared" si="94"/>
        <v>#N/A</v>
      </c>
      <c r="F6022" t="str">
        <f>IF(C6022="CLAY", INDEX(D$4:D6022, MATCH("CLAY", C$4:C6022, 0)), "")</f>
        <v/>
      </c>
    </row>
    <row r="6023" spans="1:6" x14ac:dyDescent="0.2">
      <c r="A6023" s="239">
        <f>'CPT Data'!B6031</f>
        <v>59.898000000000003</v>
      </c>
      <c r="B6023" s="3">
        <f>'CPT Data'!C6031</f>
        <v>59.891000000000005</v>
      </c>
      <c r="C6023" t="str">
        <f>'CPT Data'!P6031</f>
        <v>SAND</v>
      </c>
      <c r="D6023" t="e">
        <f>'CPT Data'!Q6031</f>
        <v>#N/A</v>
      </c>
      <c r="E6023" t="e">
        <f t="shared" si="94"/>
        <v>#N/A</v>
      </c>
      <c r="F6023" t="str">
        <f>IF(C6023="CLAY", INDEX(D$4:D6023, MATCH("CLAY", C$4:C6023, 0)), "")</f>
        <v/>
      </c>
    </row>
    <row r="6024" spans="1:6" x14ac:dyDescent="0.2">
      <c r="A6024" s="239">
        <f>'CPT Data'!B6032</f>
        <v>59.906999999999996</v>
      </c>
      <c r="B6024" s="3">
        <f>'CPT Data'!C6032</f>
        <v>59.9</v>
      </c>
      <c r="C6024" t="str">
        <f>'CPT Data'!P6032</f>
        <v>SAND</v>
      </c>
      <c r="D6024" t="e">
        <f>'CPT Data'!Q6032</f>
        <v>#N/A</v>
      </c>
      <c r="E6024" t="e">
        <f t="shared" si="94"/>
        <v>#N/A</v>
      </c>
      <c r="F6024" t="str">
        <f>IF(C6024="CLAY", INDEX(D$4:D6024, MATCH("CLAY", C$4:C6024, 0)), "")</f>
        <v/>
      </c>
    </row>
    <row r="6025" spans="1:6" x14ac:dyDescent="0.2">
      <c r="A6025" s="239">
        <f>'CPT Data'!B6033</f>
        <v>59.915999999999997</v>
      </c>
      <c r="B6025" s="3">
        <f>'CPT Data'!C6033</f>
        <v>59.908999999999999</v>
      </c>
      <c r="C6025" t="str">
        <f>'CPT Data'!P6033</f>
        <v>SAND</v>
      </c>
      <c r="D6025" t="e">
        <f>'CPT Data'!Q6033</f>
        <v>#N/A</v>
      </c>
      <c r="E6025" t="e">
        <f t="shared" si="94"/>
        <v>#N/A</v>
      </c>
      <c r="F6025" t="str">
        <f>IF(C6025="CLAY", INDEX(D$4:D6025, MATCH("CLAY", C$4:C6025, 0)), "")</f>
        <v/>
      </c>
    </row>
    <row r="6026" spans="1:6" x14ac:dyDescent="0.2">
      <c r="A6026" s="239">
        <f>'CPT Data'!B6034</f>
        <v>59.923999999999999</v>
      </c>
      <c r="B6026" s="3">
        <f>'CPT Data'!C6034</f>
        <v>59.917000000000002</v>
      </c>
      <c r="C6026" t="str">
        <f>'CPT Data'!P6034</f>
        <v>SAND</v>
      </c>
      <c r="D6026" t="e">
        <f>'CPT Data'!Q6034</f>
        <v>#N/A</v>
      </c>
      <c r="E6026" t="e">
        <f t="shared" si="94"/>
        <v>#N/A</v>
      </c>
      <c r="F6026" t="str">
        <f>IF(C6026="CLAY", INDEX(D$4:D6026, MATCH("CLAY", C$4:C6026, 0)), "")</f>
        <v/>
      </c>
    </row>
    <row r="6027" spans="1:6" x14ac:dyDescent="0.2">
      <c r="A6027" s="239">
        <f>'CPT Data'!B6035</f>
        <v>59.933</v>
      </c>
      <c r="B6027" s="3">
        <f>'CPT Data'!C6035</f>
        <v>59.926000000000002</v>
      </c>
      <c r="C6027" t="str">
        <f>'CPT Data'!P6035</f>
        <v>SAND</v>
      </c>
      <c r="D6027" t="e">
        <f>'CPT Data'!Q6035</f>
        <v>#N/A</v>
      </c>
      <c r="E6027" t="e">
        <f t="shared" si="94"/>
        <v>#N/A</v>
      </c>
      <c r="F6027" t="str">
        <f>IF(C6027="CLAY", INDEX(D$4:D6027, MATCH("CLAY", C$4:C6027, 0)), "")</f>
        <v/>
      </c>
    </row>
    <row r="6028" spans="1:6" x14ac:dyDescent="0.2">
      <c r="A6028" s="239">
        <f>'CPT Data'!B6036</f>
        <v>59.942</v>
      </c>
      <c r="B6028" s="3">
        <f>'CPT Data'!C6036</f>
        <v>59.935000000000002</v>
      </c>
      <c r="C6028" t="str">
        <f>'CPT Data'!P6036</f>
        <v>SAND</v>
      </c>
      <c r="D6028" t="e">
        <f>'CPT Data'!Q6036</f>
        <v>#N/A</v>
      </c>
      <c r="E6028" t="e">
        <f t="shared" si="94"/>
        <v>#N/A</v>
      </c>
      <c r="F6028" t="str">
        <f>IF(C6028="CLAY", INDEX(D$4:D6028, MATCH("CLAY", C$4:C6028, 0)), "")</f>
        <v/>
      </c>
    </row>
    <row r="6029" spans="1:6" x14ac:dyDescent="0.2">
      <c r="A6029" s="239">
        <f>'CPT Data'!B6037</f>
        <v>59.951000000000001</v>
      </c>
      <c r="B6029" s="3">
        <f>'CPT Data'!C6037</f>
        <v>59.944000000000003</v>
      </c>
      <c r="C6029" t="str">
        <f>'CPT Data'!P6037</f>
        <v>SAND</v>
      </c>
      <c r="D6029" t="e">
        <f>'CPT Data'!Q6037</f>
        <v>#N/A</v>
      </c>
      <c r="E6029" t="e">
        <f t="shared" si="94"/>
        <v>#N/A</v>
      </c>
      <c r="F6029" t="str">
        <f>IF(C6029="CLAY", INDEX(D$4:D6029, MATCH("CLAY", C$4:C6029, 0)), "")</f>
        <v/>
      </c>
    </row>
    <row r="6030" spans="1:6" x14ac:dyDescent="0.2">
      <c r="A6030" s="239">
        <f>'CPT Data'!B6038</f>
        <v>59.959000000000003</v>
      </c>
      <c r="B6030" s="3">
        <f>'CPT Data'!C6038</f>
        <v>59.952000000000005</v>
      </c>
      <c r="C6030" t="str">
        <f>'CPT Data'!P6038</f>
        <v>SAND</v>
      </c>
      <c r="D6030" t="e">
        <f>'CPT Data'!Q6038</f>
        <v>#N/A</v>
      </c>
      <c r="E6030" t="e">
        <f t="shared" si="94"/>
        <v>#N/A</v>
      </c>
      <c r="F6030" t="str">
        <f>IF(C6030="CLAY", INDEX(D$4:D6030, MATCH("CLAY", C$4:C6030, 0)), "")</f>
        <v/>
      </c>
    </row>
    <row r="6031" spans="1:6" x14ac:dyDescent="0.2">
      <c r="A6031" s="239">
        <f>'CPT Data'!B6039</f>
        <v>59.969000000000001</v>
      </c>
      <c r="B6031" s="3">
        <f>'CPT Data'!C6039</f>
        <v>59.962000000000003</v>
      </c>
      <c r="C6031" t="str">
        <f>'CPT Data'!P6039</f>
        <v>SAND</v>
      </c>
      <c r="D6031" t="e">
        <f>'CPT Data'!Q6039</f>
        <v>#N/A</v>
      </c>
      <c r="E6031" t="e">
        <f t="shared" si="94"/>
        <v>#N/A</v>
      </c>
      <c r="F6031" t="str">
        <f>IF(C6031="CLAY", INDEX(D$4:D6031, MATCH("CLAY", C$4:C6031, 0)), "")</f>
        <v/>
      </c>
    </row>
    <row r="6032" spans="1:6" x14ac:dyDescent="0.2">
      <c r="A6032" s="239">
        <f>'CPT Data'!B6040</f>
        <v>59.976999999999997</v>
      </c>
      <c r="B6032" s="3">
        <f>'CPT Data'!C6040</f>
        <v>59.97</v>
      </c>
      <c r="C6032" t="str">
        <f>'CPT Data'!P6040</f>
        <v>SAND</v>
      </c>
      <c r="D6032" t="e">
        <f>'CPT Data'!Q6040</f>
        <v>#N/A</v>
      </c>
      <c r="E6032" t="e">
        <f t="shared" si="94"/>
        <v>#N/A</v>
      </c>
      <c r="F6032" t="str">
        <f>IF(C6032="CLAY", INDEX(D$4:D6032, MATCH("CLAY", C$4:C6032, 0)), "")</f>
        <v/>
      </c>
    </row>
    <row r="6033" spans="1:6" x14ac:dyDescent="0.2">
      <c r="A6033" s="239">
        <f>'CPT Data'!B6041</f>
        <v>59.984000000000002</v>
      </c>
      <c r="B6033" s="3">
        <f>'CPT Data'!C6041</f>
        <v>59.977000000000004</v>
      </c>
      <c r="C6033" t="str">
        <f>'CPT Data'!P6041</f>
        <v>SAND</v>
      </c>
      <c r="D6033" t="e">
        <f>'CPT Data'!Q6041</f>
        <v>#N/A</v>
      </c>
      <c r="E6033" t="e">
        <f t="shared" si="94"/>
        <v>#N/A</v>
      </c>
      <c r="F6033" t="str">
        <f>IF(C6033="CLAY", INDEX(D$4:D6033, MATCH("CLAY", C$4:C6033, 0)), "")</f>
        <v/>
      </c>
    </row>
    <row r="6034" spans="1:6" x14ac:dyDescent="0.2">
      <c r="A6034" s="239">
        <f>'CPT Data'!B6042</f>
        <v>59.993000000000002</v>
      </c>
      <c r="B6034" s="3">
        <f>'CPT Data'!C6042</f>
        <v>59.986000000000004</v>
      </c>
      <c r="C6034" t="str">
        <f>'CPT Data'!P6042</f>
        <v>SAND</v>
      </c>
      <c r="D6034" t="e">
        <f>'CPT Data'!Q6042</f>
        <v>#N/A</v>
      </c>
      <c r="E6034" t="e">
        <f t="shared" si="94"/>
        <v>#N/A</v>
      </c>
      <c r="F6034" t="str">
        <f>IF(C6034="CLAY", INDEX(D$4:D6034, MATCH("CLAY", C$4:C6034, 0)), "")</f>
        <v/>
      </c>
    </row>
    <row r="6035" spans="1:6" x14ac:dyDescent="0.2">
      <c r="A6035" s="239">
        <f>'CPT Data'!B6043</f>
        <v>60</v>
      </c>
      <c r="B6035" s="3">
        <f>'CPT Data'!C6043</f>
        <v>59.993000000000002</v>
      </c>
      <c r="C6035" t="str">
        <f>'CPT Data'!P6043</f>
        <v>SAND</v>
      </c>
      <c r="D6035" t="e">
        <f>'CPT Data'!Q6043</f>
        <v>#N/A</v>
      </c>
      <c r="E6035" t="e">
        <f t="shared" si="94"/>
        <v>#N/A</v>
      </c>
      <c r="F6035" t="str">
        <f>IF(C6035="CLAY", INDEX(D$4:D6035, MATCH("CLAY", C$4:C6035, 0)), "")</f>
        <v/>
      </c>
    </row>
    <row r="6036" spans="1:6" x14ac:dyDescent="0.2">
      <c r="A6036" s="239">
        <f>'CPT Data'!B6044</f>
        <v>60.006999999999998</v>
      </c>
      <c r="B6036" s="3">
        <f>'CPT Data'!C6044</f>
        <v>60</v>
      </c>
      <c r="C6036" t="str">
        <f>'CPT Data'!P6044</f>
        <v>SAND</v>
      </c>
      <c r="D6036" t="e">
        <f>'CPT Data'!Q6044</f>
        <v>#N/A</v>
      </c>
      <c r="E6036" t="e">
        <f t="shared" si="94"/>
        <v>#N/A</v>
      </c>
      <c r="F6036" t="str">
        <f>IF(C6036="CLAY", INDEX(D$4:D6036, MATCH("CLAY", C$4:C6036, 0)), "")</f>
        <v/>
      </c>
    </row>
    <row r="6037" spans="1:6" x14ac:dyDescent="0.2">
      <c r="A6037" s="239">
        <f>'CPT Data'!B6045</f>
        <v>60.015000000000001</v>
      </c>
      <c r="B6037" s="3">
        <f>'CPT Data'!C6045</f>
        <v>60.008000000000003</v>
      </c>
      <c r="C6037" t="str">
        <f>'CPT Data'!P6045</f>
        <v>SAND</v>
      </c>
      <c r="D6037" t="e">
        <f>'CPT Data'!Q6045</f>
        <v>#N/A</v>
      </c>
      <c r="E6037" t="e">
        <f t="shared" si="94"/>
        <v>#N/A</v>
      </c>
      <c r="F6037" t="str">
        <f>IF(C6037="CLAY", INDEX(D$4:D6037, MATCH("CLAY", C$4:C6037, 0)), "")</f>
        <v/>
      </c>
    </row>
    <row r="6038" spans="1:6" x14ac:dyDescent="0.2">
      <c r="A6038" s="239">
        <f>'CPT Data'!B6046</f>
        <v>60.024000000000001</v>
      </c>
      <c r="B6038" s="3">
        <f>'CPT Data'!C6046</f>
        <v>60.017000000000003</v>
      </c>
      <c r="C6038" t="str">
        <f>'CPT Data'!P6046</f>
        <v>SAND</v>
      </c>
      <c r="D6038" t="e">
        <f>'CPT Data'!Q6046</f>
        <v>#N/A</v>
      </c>
      <c r="E6038" t="e">
        <f t="shared" si="94"/>
        <v>#N/A</v>
      </c>
      <c r="F6038" t="str">
        <f>IF(C6038="CLAY", INDEX(D$4:D6038, MATCH("CLAY", C$4:C6038, 0)), "")</f>
        <v/>
      </c>
    </row>
    <row r="6039" spans="1:6" x14ac:dyDescent="0.2">
      <c r="A6039" s="239">
        <f>'CPT Data'!B6047</f>
        <v>60.031999999999996</v>
      </c>
      <c r="B6039" s="3">
        <f>'CPT Data'!C6047</f>
        <v>60.024999999999999</v>
      </c>
      <c r="C6039" t="str">
        <f>'CPT Data'!P6047</f>
        <v>SAND</v>
      </c>
      <c r="D6039" t="e">
        <f>'CPT Data'!Q6047</f>
        <v>#N/A</v>
      </c>
      <c r="E6039" t="e">
        <f t="shared" si="94"/>
        <v>#N/A</v>
      </c>
      <c r="F6039" t="str">
        <f>IF(C6039="CLAY", INDEX(D$4:D6039, MATCH("CLAY", C$4:C6039, 0)), "")</f>
        <v/>
      </c>
    </row>
    <row r="6040" spans="1:6" x14ac:dyDescent="0.2">
      <c r="A6040" s="239">
        <f>'CPT Data'!B6048</f>
        <v>60.040999999999997</v>
      </c>
      <c r="B6040" s="3">
        <f>'CPT Data'!C6048</f>
        <v>60.033999999999999</v>
      </c>
      <c r="C6040" t="str">
        <f>'CPT Data'!P6048</f>
        <v>SAND</v>
      </c>
      <c r="D6040" t="e">
        <f>'CPT Data'!Q6048</f>
        <v>#N/A</v>
      </c>
      <c r="E6040" t="e">
        <f t="shared" si="94"/>
        <v>#N/A</v>
      </c>
      <c r="F6040" t="str">
        <f>IF(C6040="CLAY", INDEX(D$4:D6040, MATCH("CLAY", C$4:C6040, 0)), "")</f>
        <v/>
      </c>
    </row>
    <row r="6041" spans="1:6" x14ac:dyDescent="0.2">
      <c r="A6041" s="239">
        <f>'CPT Data'!B6049</f>
        <v>60.051000000000002</v>
      </c>
      <c r="B6041" s="3">
        <f>'CPT Data'!C6049</f>
        <v>60.044000000000004</v>
      </c>
      <c r="C6041" t="str">
        <f>'CPT Data'!P6049</f>
        <v>SAND</v>
      </c>
      <c r="D6041" t="e">
        <f>'CPT Data'!Q6049</f>
        <v>#N/A</v>
      </c>
      <c r="E6041" t="e">
        <f t="shared" si="94"/>
        <v>#N/A</v>
      </c>
      <c r="F6041" t="str">
        <f>IF(C6041="CLAY", INDEX(D$4:D6041, MATCH("CLAY", C$4:C6041, 0)), "")</f>
        <v/>
      </c>
    </row>
    <row r="6042" spans="1:6" x14ac:dyDescent="0.2">
      <c r="A6042" s="239">
        <f>'CPT Data'!B6050</f>
        <v>60.06</v>
      </c>
      <c r="B6042" s="3">
        <f>'CPT Data'!C6050</f>
        <v>60.053000000000004</v>
      </c>
      <c r="C6042" t="str">
        <f>'CPT Data'!P6050</f>
        <v>SAND</v>
      </c>
      <c r="D6042" t="e">
        <f>'CPT Data'!Q6050</f>
        <v>#N/A</v>
      </c>
      <c r="E6042" t="e">
        <f t="shared" si="94"/>
        <v>#N/A</v>
      </c>
      <c r="F6042" t="str">
        <f>IF(C6042="CLAY", INDEX(D$4:D6042, MATCH("CLAY", C$4:C6042, 0)), "")</f>
        <v/>
      </c>
    </row>
    <row r="6043" spans="1:6" x14ac:dyDescent="0.2">
      <c r="A6043" s="239">
        <f>'CPT Data'!B6051</f>
        <v>60.07</v>
      </c>
      <c r="B6043" s="3">
        <f>'CPT Data'!C6051</f>
        <v>60.063000000000002</v>
      </c>
      <c r="C6043" t="str">
        <f>'CPT Data'!P6051</f>
        <v>SAND</v>
      </c>
      <c r="D6043" t="e">
        <f>'CPT Data'!Q6051</f>
        <v>#N/A</v>
      </c>
      <c r="E6043" t="e">
        <f t="shared" ref="E6043:E6106" si="95">IF(C6043="SAND",#N/A,IF(C6043=C6042,D6042,IF(C6043="CLAY",D6043,#N/A)))</f>
        <v>#N/A</v>
      </c>
      <c r="F6043" t="str">
        <f>IF(C6043="CLAY", INDEX(D$4:D6043, MATCH("CLAY", C$4:C6043, 0)), "")</f>
        <v/>
      </c>
    </row>
    <row r="6044" spans="1:6" x14ac:dyDescent="0.2">
      <c r="A6044" s="239">
        <f>'CPT Data'!B6052</f>
        <v>60.08</v>
      </c>
      <c r="B6044" s="3">
        <f>'CPT Data'!C6052</f>
        <v>60.073</v>
      </c>
      <c r="C6044" t="str">
        <f>'CPT Data'!P6052</f>
        <v>SAND</v>
      </c>
      <c r="D6044" t="e">
        <f>'CPT Data'!Q6052</f>
        <v>#N/A</v>
      </c>
      <c r="E6044" t="e">
        <f t="shared" si="95"/>
        <v>#N/A</v>
      </c>
      <c r="F6044" t="str">
        <f>IF(C6044="CLAY", INDEX(D$4:D6044, MATCH("CLAY", C$4:C6044, 0)), "")</f>
        <v/>
      </c>
    </row>
    <row r="6045" spans="1:6" x14ac:dyDescent="0.2">
      <c r="A6045" s="239">
        <f>'CPT Data'!B6053</f>
        <v>60.087000000000003</v>
      </c>
      <c r="B6045" s="3">
        <f>'CPT Data'!C6053</f>
        <v>60.080000000000005</v>
      </c>
      <c r="C6045" t="str">
        <f>'CPT Data'!P6053</f>
        <v>SAND</v>
      </c>
      <c r="D6045" t="e">
        <f>'CPT Data'!Q6053</f>
        <v>#N/A</v>
      </c>
      <c r="E6045" t="e">
        <f t="shared" si="95"/>
        <v>#N/A</v>
      </c>
      <c r="F6045" t="str">
        <f>IF(C6045="CLAY", INDEX(D$4:D6045, MATCH("CLAY", C$4:C6045, 0)), "")</f>
        <v/>
      </c>
    </row>
    <row r="6046" spans="1:6" x14ac:dyDescent="0.2">
      <c r="A6046" s="239">
        <f>'CPT Data'!B6054</f>
        <v>60.094999999999999</v>
      </c>
      <c r="B6046" s="3">
        <f>'CPT Data'!C6054</f>
        <v>60.088000000000001</v>
      </c>
      <c r="C6046" t="str">
        <f>'CPT Data'!P6054</f>
        <v>SAND</v>
      </c>
      <c r="D6046" t="e">
        <f>'CPT Data'!Q6054</f>
        <v>#N/A</v>
      </c>
      <c r="E6046" t="e">
        <f t="shared" si="95"/>
        <v>#N/A</v>
      </c>
      <c r="F6046" t="str">
        <f>IF(C6046="CLAY", INDEX(D$4:D6046, MATCH("CLAY", C$4:C6046, 0)), "")</f>
        <v/>
      </c>
    </row>
    <row r="6047" spans="1:6" x14ac:dyDescent="0.2">
      <c r="A6047" s="239">
        <f>'CPT Data'!B6055</f>
        <v>60.104999999999997</v>
      </c>
      <c r="B6047" s="3">
        <f>'CPT Data'!C6055</f>
        <v>60.097999999999999</v>
      </c>
      <c r="C6047" t="str">
        <f>'CPT Data'!P6055</f>
        <v>SAND</v>
      </c>
      <c r="D6047" t="e">
        <f>'CPT Data'!Q6055</f>
        <v>#N/A</v>
      </c>
      <c r="E6047" t="e">
        <f t="shared" si="95"/>
        <v>#N/A</v>
      </c>
      <c r="F6047" t="str">
        <f>IF(C6047="CLAY", INDEX(D$4:D6047, MATCH("CLAY", C$4:C6047, 0)), "")</f>
        <v/>
      </c>
    </row>
    <row r="6048" spans="1:6" x14ac:dyDescent="0.2">
      <c r="A6048" s="239">
        <f>'CPT Data'!B6056</f>
        <v>60.115000000000002</v>
      </c>
      <c r="B6048" s="3">
        <f>'CPT Data'!C6056</f>
        <v>60.108000000000004</v>
      </c>
      <c r="C6048" t="str">
        <f>'CPT Data'!P6056</f>
        <v>SAND</v>
      </c>
      <c r="D6048" t="e">
        <f>'CPT Data'!Q6056</f>
        <v>#N/A</v>
      </c>
      <c r="E6048" t="e">
        <f t="shared" si="95"/>
        <v>#N/A</v>
      </c>
      <c r="F6048" t="str">
        <f>IF(C6048="CLAY", INDEX(D$4:D6048, MATCH("CLAY", C$4:C6048, 0)), "")</f>
        <v/>
      </c>
    </row>
    <row r="6049" spans="1:6" x14ac:dyDescent="0.2">
      <c r="A6049" s="239">
        <f>'CPT Data'!B6057</f>
        <v>60.116999999999997</v>
      </c>
      <c r="B6049" s="3">
        <f>'CPT Data'!C6057</f>
        <v>60.11</v>
      </c>
      <c r="C6049" t="str">
        <f>'CPT Data'!P6057</f>
        <v>SAND</v>
      </c>
      <c r="D6049" t="e">
        <f>'CPT Data'!Q6057</f>
        <v>#N/A</v>
      </c>
      <c r="E6049" t="e">
        <f t="shared" si="95"/>
        <v>#N/A</v>
      </c>
      <c r="F6049" t="str">
        <f>IF(C6049="CLAY", INDEX(D$4:D6049, MATCH("CLAY", C$4:C6049, 0)), "")</f>
        <v/>
      </c>
    </row>
    <row r="6050" spans="1:6" x14ac:dyDescent="0.2">
      <c r="A6050" s="239">
        <f>'CPT Data'!B6058</f>
        <v>60.134</v>
      </c>
      <c r="B6050" s="3">
        <f>'CPT Data'!C6058</f>
        <v>60.127000000000002</v>
      </c>
      <c r="C6050" t="str">
        <f>'CPT Data'!P6058</f>
        <v>SAND</v>
      </c>
      <c r="D6050" t="e">
        <f>'CPT Data'!Q6058</f>
        <v>#N/A</v>
      </c>
      <c r="E6050" t="e">
        <f t="shared" si="95"/>
        <v>#N/A</v>
      </c>
      <c r="F6050" t="str">
        <f>IF(C6050="CLAY", INDEX(D$4:D6050, MATCH("CLAY", C$4:C6050, 0)), "")</f>
        <v/>
      </c>
    </row>
    <row r="6051" spans="1:6" x14ac:dyDescent="0.2">
      <c r="A6051" s="239">
        <f>'CPT Data'!B6059</f>
        <v>60.145000000000003</v>
      </c>
      <c r="B6051" s="3">
        <f>'CPT Data'!C6059</f>
        <v>60.138000000000005</v>
      </c>
      <c r="C6051" t="str">
        <f>'CPT Data'!P6059</f>
        <v>SAND</v>
      </c>
      <c r="D6051" t="e">
        <f>'CPT Data'!Q6059</f>
        <v>#N/A</v>
      </c>
      <c r="E6051" t="e">
        <f t="shared" si="95"/>
        <v>#N/A</v>
      </c>
      <c r="F6051" t="str">
        <f>IF(C6051="CLAY", INDEX(D$4:D6051, MATCH("CLAY", C$4:C6051, 0)), "")</f>
        <v/>
      </c>
    </row>
    <row r="6052" spans="1:6" x14ac:dyDescent="0.2">
      <c r="A6052" s="239">
        <f>'CPT Data'!B6060</f>
        <v>60.154000000000003</v>
      </c>
      <c r="B6052" s="3">
        <f>'CPT Data'!C6060</f>
        <v>60.147000000000006</v>
      </c>
      <c r="C6052" t="str">
        <f>'CPT Data'!P6060</f>
        <v>SAND</v>
      </c>
      <c r="D6052" t="e">
        <f>'CPT Data'!Q6060</f>
        <v>#N/A</v>
      </c>
      <c r="E6052" t="e">
        <f t="shared" si="95"/>
        <v>#N/A</v>
      </c>
      <c r="F6052" t="str">
        <f>IF(C6052="CLAY", INDEX(D$4:D6052, MATCH("CLAY", C$4:C6052, 0)), "")</f>
        <v/>
      </c>
    </row>
    <row r="6053" spans="1:6" x14ac:dyDescent="0.2">
      <c r="A6053" s="239">
        <f>'CPT Data'!B6061</f>
        <v>60.164999999999999</v>
      </c>
      <c r="B6053" s="3">
        <f>'CPT Data'!C6061</f>
        <v>60.158000000000001</v>
      </c>
      <c r="C6053" t="str">
        <f>'CPT Data'!P6061</f>
        <v>SAND</v>
      </c>
      <c r="D6053" t="e">
        <f>'CPT Data'!Q6061</f>
        <v>#N/A</v>
      </c>
      <c r="E6053" t="e">
        <f t="shared" si="95"/>
        <v>#N/A</v>
      </c>
      <c r="F6053" t="str">
        <f>IF(C6053="CLAY", INDEX(D$4:D6053, MATCH("CLAY", C$4:C6053, 0)), "")</f>
        <v/>
      </c>
    </row>
    <row r="6054" spans="1:6" x14ac:dyDescent="0.2">
      <c r="A6054" s="239">
        <f>'CPT Data'!B6062</f>
        <v>60.174999999999997</v>
      </c>
      <c r="B6054" s="3">
        <f>'CPT Data'!C6062</f>
        <v>60.167999999999999</v>
      </c>
      <c r="C6054" t="str">
        <f>'CPT Data'!P6062</f>
        <v>SAND</v>
      </c>
      <c r="D6054" t="e">
        <f>'CPT Data'!Q6062</f>
        <v>#N/A</v>
      </c>
      <c r="E6054" t="e">
        <f t="shared" si="95"/>
        <v>#N/A</v>
      </c>
      <c r="F6054" t="str">
        <f>IF(C6054="CLAY", INDEX(D$4:D6054, MATCH("CLAY", C$4:C6054, 0)), "")</f>
        <v/>
      </c>
    </row>
    <row r="6055" spans="1:6" x14ac:dyDescent="0.2">
      <c r="A6055" s="239">
        <f>'CPT Data'!B6063</f>
        <v>60.186</v>
      </c>
      <c r="B6055" s="3">
        <f>'CPT Data'!C6063</f>
        <v>60.179000000000002</v>
      </c>
      <c r="C6055" t="str">
        <f>'CPT Data'!P6063</f>
        <v>SAND</v>
      </c>
      <c r="D6055" t="e">
        <f>'CPT Data'!Q6063</f>
        <v>#N/A</v>
      </c>
      <c r="E6055" t="e">
        <f t="shared" si="95"/>
        <v>#N/A</v>
      </c>
      <c r="F6055" t="str">
        <f>IF(C6055="CLAY", INDEX(D$4:D6055, MATCH("CLAY", C$4:C6055, 0)), "")</f>
        <v/>
      </c>
    </row>
    <row r="6056" spans="1:6" x14ac:dyDescent="0.2">
      <c r="A6056" s="239">
        <f>'CPT Data'!B6064</f>
        <v>60.195999999999998</v>
      </c>
      <c r="B6056" s="3">
        <f>'CPT Data'!C6064</f>
        <v>60.189</v>
      </c>
      <c r="C6056" t="str">
        <f>'CPT Data'!P6064</f>
        <v>SAND</v>
      </c>
      <c r="D6056" t="e">
        <f>'CPT Data'!Q6064</f>
        <v>#N/A</v>
      </c>
      <c r="E6056" t="e">
        <f t="shared" si="95"/>
        <v>#N/A</v>
      </c>
      <c r="F6056" t="str">
        <f>IF(C6056="CLAY", INDEX(D$4:D6056, MATCH("CLAY", C$4:C6056, 0)), "")</f>
        <v/>
      </c>
    </row>
    <row r="6057" spans="1:6" x14ac:dyDescent="0.2">
      <c r="A6057" s="239">
        <f>'CPT Data'!B6065</f>
        <v>60.206000000000003</v>
      </c>
      <c r="B6057" s="3">
        <f>'CPT Data'!C6065</f>
        <v>60.199000000000005</v>
      </c>
      <c r="C6057" t="str">
        <f>'CPT Data'!P6065</f>
        <v>SAND</v>
      </c>
      <c r="D6057" t="e">
        <f>'CPT Data'!Q6065</f>
        <v>#N/A</v>
      </c>
      <c r="E6057" t="e">
        <f t="shared" si="95"/>
        <v>#N/A</v>
      </c>
      <c r="F6057" t="str">
        <f>IF(C6057="CLAY", INDEX(D$4:D6057, MATCH("CLAY", C$4:C6057, 0)), "")</f>
        <v/>
      </c>
    </row>
    <row r="6058" spans="1:6" x14ac:dyDescent="0.2">
      <c r="A6058" s="239">
        <f>'CPT Data'!B6066</f>
        <v>60.216000000000001</v>
      </c>
      <c r="B6058" s="3">
        <f>'CPT Data'!C6066</f>
        <v>60.209000000000003</v>
      </c>
      <c r="C6058" t="str">
        <f>'CPT Data'!P6066</f>
        <v>SAND</v>
      </c>
      <c r="D6058" t="e">
        <f>'CPT Data'!Q6066</f>
        <v>#N/A</v>
      </c>
      <c r="E6058" t="e">
        <f t="shared" si="95"/>
        <v>#N/A</v>
      </c>
      <c r="F6058" t="str">
        <f>IF(C6058="CLAY", INDEX(D$4:D6058, MATCH("CLAY", C$4:C6058, 0)), "")</f>
        <v/>
      </c>
    </row>
    <row r="6059" spans="1:6" x14ac:dyDescent="0.2">
      <c r="A6059" s="239">
        <f>'CPT Data'!B6067</f>
        <v>60.226999999999997</v>
      </c>
      <c r="B6059" s="3">
        <f>'CPT Data'!C6067</f>
        <v>60.22</v>
      </c>
      <c r="C6059" t="str">
        <f>'CPT Data'!P6067</f>
        <v>SAND</v>
      </c>
      <c r="D6059" t="e">
        <f>'CPT Data'!Q6067</f>
        <v>#N/A</v>
      </c>
      <c r="E6059" t="e">
        <f t="shared" si="95"/>
        <v>#N/A</v>
      </c>
      <c r="F6059" t="str">
        <f>IF(C6059="CLAY", INDEX(D$4:D6059, MATCH("CLAY", C$4:C6059, 0)), "")</f>
        <v/>
      </c>
    </row>
    <row r="6060" spans="1:6" x14ac:dyDescent="0.2">
      <c r="A6060" s="239">
        <f>'CPT Data'!B6068</f>
        <v>60.237000000000002</v>
      </c>
      <c r="B6060" s="3">
        <f>'CPT Data'!C6068</f>
        <v>60.230000000000004</v>
      </c>
      <c r="C6060" t="str">
        <f>'CPT Data'!P6068</f>
        <v>SAND</v>
      </c>
      <c r="D6060" t="e">
        <f>'CPT Data'!Q6068</f>
        <v>#N/A</v>
      </c>
      <c r="E6060" t="e">
        <f t="shared" si="95"/>
        <v>#N/A</v>
      </c>
      <c r="F6060" t="str">
        <f>IF(C6060="CLAY", INDEX(D$4:D6060, MATCH("CLAY", C$4:C6060, 0)), "")</f>
        <v/>
      </c>
    </row>
    <row r="6061" spans="1:6" x14ac:dyDescent="0.2">
      <c r="A6061" s="239">
        <f>'CPT Data'!B6069</f>
        <v>60.247</v>
      </c>
      <c r="B6061" s="3">
        <f>'CPT Data'!C6069</f>
        <v>60.24</v>
      </c>
      <c r="C6061" t="str">
        <f>'CPT Data'!P6069</f>
        <v>SAND</v>
      </c>
      <c r="D6061" t="e">
        <f>'CPT Data'!Q6069</f>
        <v>#N/A</v>
      </c>
      <c r="E6061" t="e">
        <f t="shared" si="95"/>
        <v>#N/A</v>
      </c>
      <c r="F6061" t="str">
        <f>IF(C6061="CLAY", INDEX(D$4:D6061, MATCH("CLAY", C$4:C6061, 0)), "")</f>
        <v/>
      </c>
    </row>
    <row r="6062" spans="1:6" x14ac:dyDescent="0.2">
      <c r="A6062" s="239">
        <f>'CPT Data'!B6070</f>
        <v>60.258000000000003</v>
      </c>
      <c r="B6062" s="3">
        <f>'CPT Data'!C6070</f>
        <v>60.251000000000005</v>
      </c>
      <c r="C6062" t="str">
        <f>'CPT Data'!P6070</f>
        <v>SAND</v>
      </c>
      <c r="D6062" t="e">
        <f>'CPT Data'!Q6070</f>
        <v>#N/A</v>
      </c>
      <c r="E6062" t="e">
        <f t="shared" si="95"/>
        <v>#N/A</v>
      </c>
      <c r="F6062" t="str">
        <f>IF(C6062="CLAY", INDEX(D$4:D6062, MATCH("CLAY", C$4:C6062, 0)), "")</f>
        <v/>
      </c>
    </row>
    <row r="6063" spans="1:6" x14ac:dyDescent="0.2">
      <c r="A6063" s="239">
        <f>'CPT Data'!B6071</f>
        <v>60.268000000000001</v>
      </c>
      <c r="B6063" s="3">
        <f>'CPT Data'!C6071</f>
        <v>60.261000000000003</v>
      </c>
      <c r="C6063" t="str">
        <f>'CPT Data'!P6071</f>
        <v>SAND</v>
      </c>
      <c r="D6063" t="e">
        <f>'CPT Data'!Q6071</f>
        <v>#N/A</v>
      </c>
      <c r="E6063" t="e">
        <f t="shared" si="95"/>
        <v>#N/A</v>
      </c>
      <c r="F6063" t="str">
        <f>IF(C6063="CLAY", INDEX(D$4:D6063, MATCH("CLAY", C$4:C6063, 0)), "")</f>
        <v/>
      </c>
    </row>
    <row r="6064" spans="1:6" x14ac:dyDescent="0.2">
      <c r="A6064" s="239">
        <f>'CPT Data'!B6072</f>
        <v>60.277000000000001</v>
      </c>
      <c r="B6064" s="3">
        <f>'CPT Data'!C6072</f>
        <v>60.27</v>
      </c>
      <c r="C6064" t="str">
        <f>'CPT Data'!P6072</f>
        <v>SAND</v>
      </c>
      <c r="D6064" t="e">
        <f>'CPT Data'!Q6072</f>
        <v>#N/A</v>
      </c>
      <c r="E6064" t="e">
        <f t="shared" si="95"/>
        <v>#N/A</v>
      </c>
      <c r="F6064" t="str">
        <f>IF(C6064="CLAY", INDEX(D$4:D6064, MATCH("CLAY", C$4:C6064, 0)), "")</f>
        <v/>
      </c>
    </row>
    <row r="6065" spans="1:6" x14ac:dyDescent="0.2">
      <c r="A6065" s="239">
        <f>'CPT Data'!B6073</f>
        <v>60.287999999999997</v>
      </c>
      <c r="B6065" s="3">
        <f>'CPT Data'!C6073</f>
        <v>60.280999999999999</v>
      </c>
      <c r="C6065" t="str">
        <f>'CPT Data'!P6073</f>
        <v>SAND</v>
      </c>
      <c r="D6065" t="e">
        <f>'CPT Data'!Q6073</f>
        <v>#N/A</v>
      </c>
      <c r="E6065" t="e">
        <f t="shared" si="95"/>
        <v>#N/A</v>
      </c>
      <c r="F6065" t="str">
        <f>IF(C6065="CLAY", INDEX(D$4:D6065, MATCH("CLAY", C$4:C6065, 0)), "")</f>
        <v/>
      </c>
    </row>
    <row r="6066" spans="1:6" x14ac:dyDescent="0.2">
      <c r="A6066" s="239">
        <f>'CPT Data'!B6074</f>
        <v>60.298000000000002</v>
      </c>
      <c r="B6066" s="3">
        <f>'CPT Data'!C6074</f>
        <v>60.291000000000004</v>
      </c>
      <c r="C6066" t="str">
        <f>'CPT Data'!P6074</f>
        <v>SAND</v>
      </c>
      <c r="D6066" t="e">
        <f>'CPT Data'!Q6074</f>
        <v>#N/A</v>
      </c>
      <c r="E6066" t="e">
        <f t="shared" si="95"/>
        <v>#N/A</v>
      </c>
      <c r="F6066" t="str">
        <f>IF(C6066="CLAY", INDEX(D$4:D6066, MATCH("CLAY", C$4:C6066, 0)), "")</f>
        <v/>
      </c>
    </row>
    <row r="6067" spans="1:6" x14ac:dyDescent="0.2">
      <c r="A6067" s="239">
        <f>'CPT Data'!B6075</f>
        <v>60.308999999999997</v>
      </c>
      <c r="B6067" s="3">
        <f>'CPT Data'!C6075</f>
        <v>60.302</v>
      </c>
      <c r="C6067" t="str">
        <f>'CPT Data'!P6075</f>
        <v>SAND</v>
      </c>
      <c r="D6067" t="e">
        <f>'CPT Data'!Q6075</f>
        <v>#N/A</v>
      </c>
      <c r="E6067" t="e">
        <f t="shared" si="95"/>
        <v>#N/A</v>
      </c>
      <c r="F6067" t="str">
        <f>IF(C6067="CLAY", INDEX(D$4:D6067, MATCH("CLAY", C$4:C6067, 0)), "")</f>
        <v/>
      </c>
    </row>
    <row r="6068" spans="1:6" x14ac:dyDescent="0.2">
      <c r="A6068" s="239">
        <f>'CPT Data'!B6076</f>
        <v>60.319000000000003</v>
      </c>
      <c r="B6068" s="3">
        <f>'CPT Data'!C6076</f>
        <v>60.312000000000005</v>
      </c>
      <c r="C6068" t="str">
        <f>'CPT Data'!P6076</f>
        <v>SAND</v>
      </c>
      <c r="D6068" t="e">
        <f>'CPT Data'!Q6076</f>
        <v>#N/A</v>
      </c>
      <c r="E6068" t="e">
        <f t="shared" si="95"/>
        <v>#N/A</v>
      </c>
      <c r="F6068" t="str">
        <f>IF(C6068="CLAY", INDEX(D$4:D6068, MATCH("CLAY", C$4:C6068, 0)), "")</f>
        <v/>
      </c>
    </row>
    <row r="6069" spans="1:6" x14ac:dyDescent="0.2">
      <c r="A6069" s="239">
        <f>'CPT Data'!B6077</f>
        <v>60.329000000000001</v>
      </c>
      <c r="B6069" s="3">
        <f>'CPT Data'!C6077</f>
        <v>60.322000000000003</v>
      </c>
      <c r="C6069" t="str">
        <f>'CPT Data'!P6077</f>
        <v>SAND</v>
      </c>
      <c r="D6069" t="e">
        <f>'CPT Data'!Q6077</f>
        <v>#N/A</v>
      </c>
      <c r="E6069" t="e">
        <f t="shared" si="95"/>
        <v>#N/A</v>
      </c>
      <c r="F6069" t="str">
        <f>IF(C6069="CLAY", INDEX(D$4:D6069, MATCH("CLAY", C$4:C6069, 0)), "")</f>
        <v/>
      </c>
    </row>
    <row r="6070" spans="1:6" x14ac:dyDescent="0.2">
      <c r="A6070" s="239">
        <f>'CPT Data'!B6078</f>
        <v>60.338999999999999</v>
      </c>
      <c r="B6070" s="3">
        <f>'CPT Data'!C6078</f>
        <v>60.332000000000001</v>
      </c>
      <c r="C6070" t="str">
        <f>'CPT Data'!P6078</f>
        <v>SAND</v>
      </c>
      <c r="D6070" t="e">
        <f>'CPT Data'!Q6078</f>
        <v>#N/A</v>
      </c>
      <c r="E6070" t="e">
        <f t="shared" si="95"/>
        <v>#N/A</v>
      </c>
      <c r="F6070" t="str">
        <f>IF(C6070="CLAY", INDEX(D$4:D6070, MATCH("CLAY", C$4:C6070, 0)), "")</f>
        <v/>
      </c>
    </row>
    <row r="6071" spans="1:6" x14ac:dyDescent="0.2">
      <c r="A6071" s="239">
        <f>'CPT Data'!B6079</f>
        <v>60.348999999999997</v>
      </c>
      <c r="B6071" s="3">
        <f>'CPT Data'!C6079</f>
        <v>60.341999999999999</v>
      </c>
      <c r="C6071" t="str">
        <f>'CPT Data'!P6079</f>
        <v>SAND</v>
      </c>
      <c r="D6071" t="e">
        <f>'CPT Data'!Q6079</f>
        <v>#N/A</v>
      </c>
      <c r="E6071" t="e">
        <f t="shared" si="95"/>
        <v>#N/A</v>
      </c>
      <c r="F6071" t="str">
        <f>IF(C6071="CLAY", INDEX(D$4:D6071, MATCH("CLAY", C$4:C6071, 0)), "")</f>
        <v/>
      </c>
    </row>
    <row r="6072" spans="1:6" x14ac:dyDescent="0.2">
      <c r="A6072" s="239">
        <f>'CPT Data'!B6080</f>
        <v>60.36</v>
      </c>
      <c r="B6072" s="3">
        <f>'CPT Data'!C6080</f>
        <v>60.353000000000002</v>
      </c>
      <c r="C6072" t="str">
        <f>'CPT Data'!P6080</f>
        <v>SAND</v>
      </c>
      <c r="D6072" t="e">
        <f>'CPT Data'!Q6080</f>
        <v>#N/A</v>
      </c>
      <c r="E6072" t="e">
        <f t="shared" si="95"/>
        <v>#N/A</v>
      </c>
      <c r="F6072" t="str">
        <f>IF(C6072="CLAY", INDEX(D$4:D6072, MATCH("CLAY", C$4:C6072, 0)), "")</f>
        <v/>
      </c>
    </row>
    <row r="6073" spans="1:6" x14ac:dyDescent="0.2">
      <c r="A6073" s="239">
        <f>'CPT Data'!B6081</f>
        <v>60.369</v>
      </c>
      <c r="B6073" s="3">
        <f>'CPT Data'!C6081</f>
        <v>60.362000000000002</v>
      </c>
      <c r="C6073" t="str">
        <f>'CPT Data'!P6081</f>
        <v>SAND</v>
      </c>
      <c r="D6073" t="e">
        <f>'CPT Data'!Q6081</f>
        <v>#N/A</v>
      </c>
      <c r="E6073" t="e">
        <f t="shared" si="95"/>
        <v>#N/A</v>
      </c>
      <c r="F6073" t="str">
        <f>IF(C6073="CLAY", INDEX(D$4:D6073, MATCH("CLAY", C$4:C6073, 0)), "")</f>
        <v/>
      </c>
    </row>
    <row r="6074" spans="1:6" x14ac:dyDescent="0.2">
      <c r="A6074" s="239">
        <f>'CPT Data'!B6082</f>
        <v>60.38</v>
      </c>
      <c r="B6074" s="3">
        <f>'CPT Data'!C6082</f>
        <v>60.373000000000005</v>
      </c>
      <c r="C6074" t="str">
        <f>'CPT Data'!P6082</f>
        <v>SAND</v>
      </c>
      <c r="D6074" t="e">
        <f>'CPT Data'!Q6082</f>
        <v>#N/A</v>
      </c>
      <c r="E6074" t="e">
        <f t="shared" si="95"/>
        <v>#N/A</v>
      </c>
      <c r="F6074" t="str">
        <f>IF(C6074="CLAY", INDEX(D$4:D6074, MATCH("CLAY", C$4:C6074, 0)), "")</f>
        <v/>
      </c>
    </row>
    <row r="6075" spans="1:6" x14ac:dyDescent="0.2">
      <c r="A6075" s="239">
        <f>'CPT Data'!B6083</f>
        <v>60.39</v>
      </c>
      <c r="B6075" s="3">
        <f>'CPT Data'!C6083</f>
        <v>60.383000000000003</v>
      </c>
      <c r="C6075" t="str">
        <f>'CPT Data'!P6083</f>
        <v>SAND</v>
      </c>
      <c r="D6075" t="e">
        <f>'CPT Data'!Q6083</f>
        <v>#N/A</v>
      </c>
      <c r="E6075" t="e">
        <f t="shared" si="95"/>
        <v>#N/A</v>
      </c>
      <c r="F6075" t="str">
        <f>IF(C6075="CLAY", INDEX(D$4:D6075, MATCH("CLAY", C$4:C6075, 0)), "")</f>
        <v/>
      </c>
    </row>
    <row r="6076" spans="1:6" x14ac:dyDescent="0.2">
      <c r="A6076" s="239">
        <f>'CPT Data'!B6084</f>
        <v>60.4</v>
      </c>
      <c r="B6076" s="3">
        <f>'CPT Data'!C6084</f>
        <v>60.393000000000001</v>
      </c>
      <c r="C6076" t="str">
        <f>'CPT Data'!P6084</f>
        <v>SAND</v>
      </c>
      <c r="D6076" t="e">
        <f>'CPT Data'!Q6084</f>
        <v>#N/A</v>
      </c>
      <c r="E6076" t="e">
        <f t="shared" si="95"/>
        <v>#N/A</v>
      </c>
      <c r="F6076" t="str">
        <f>IF(C6076="CLAY", INDEX(D$4:D6076, MATCH("CLAY", C$4:C6076, 0)), "")</f>
        <v/>
      </c>
    </row>
    <row r="6077" spans="1:6" x14ac:dyDescent="0.2">
      <c r="A6077" s="239">
        <f>'CPT Data'!B6085</f>
        <v>60.41</v>
      </c>
      <c r="B6077" s="3">
        <f>'CPT Data'!C6085</f>
        <v>60.402999999999999</v>
      </c>
      <c r="C6077" t="str">
        <f>'CPT Data'!P6085</f>
        <v>SAND</v>
      </c>
      <c r="D6077" t="e">
        <f>'CPT Data'!Q6085</f>
        <v>#N/A</v>
      </c>
      <c r="E6077" t="e">
        <f t="shared" si="95"/>
        <v>#N/A</v>
      </c>
      <c r="F6077" t="str">
        <f>IF(C6077="CLAY", INDEX(D$4:D6077, MATCH("CLAY", C$4:C6077, 0)), "")</f>
        <v/>
      </c>
    </row>
    <row r="6078" spans="1:6" x14ac:dyDescent="0.2">
      <c r="A6078" s="239">
        <f>'CPT Data'!B6086</f>
        <v>60.42</v>
      </c>
      <c r="B6078" s="3">
        <f>'CPT Data'!C6086</f>
        <v>60.413000000000004</v>
      </c>
      <c r="C6078" t="str">
        <f>'CPT Data'!P6086</f>
        <v>SAND</v>
      </c>
      <c r="D6078" t="e">
        <f>'CPT Data'!Q6086</f>
        <v>#N/A</v>
      </c>
      <c r="E6078" t="e">
        <f t="shared" si="95"/>
        <v>#N/A</v>
      </c>
      <c r="F6078" t="str">
        <f>IF(C6078="CLAY", INDEX(D$4:D6078, MATCH("CLAY", C$4:C6078, 0)), "")</f>
        <v/>
      </c>
    </row>
    <row r="6079" spans="1:6" x14ac:dyDescent="0.2">
      <c r="A6079" s="239">
        <f>'CPT Data'!B6087</f>
        <v>60.43</v>
      </c>
      <c r="B6079" s="3">
        <f>'CPT Data'!C6087</f>
        <v>60.423000000000002</v>
      </c>
      <c r="C6079" t="str">
        <f>'CPT Data'!P6087</f>
        <v>SAND</v>
      </c>
      <c r="D6079" t="e">
        <f>'CPT Data'!Q6087</f>
        <v>#N/A</v>
      </c>
      <c r="E6079" t="e">
        <f t="shared" si="95"/>
        <v>#N/A</v>
      </c>
      <c r="F6079" t="str">
        <f>IF(C6079="CLAY", INDEX(D$4:D6079, MATCH("CLAY", C$4:C6079, 0)), "")</f>
        <v/>
      </c>
    </row>
    <row r="6080" spans="1:6" x14ac:dyDescent="0.2">
      <c r="A6080" s="239">
        <f>'CPT Data'!B6088</f>
        <v>60.430999999999997</v>
      </c>
      <c r="B6080" s="3">
        <f>'CPT Data'!C6088</f>
        <v>60.423999999999999</v>
      </c>
      <c r="C6080" t="str">
        <f>'CPT Data'!P6088</f>
        <v>SAND</v>
      </c>
      <c r="D6080" t="e">
        <f>'CPT Data'!Q6088</f>
        <v>#N/A</v>
      </c>
      <c r="E6080" t="e">
        <f t="shared" si="95"/>
        <v>#N/A</v>
      </c>
      <c r="F6080" t="str">
        <f>IF(C6080="CLAY", INDEX(D$4:D6080, MATCH("CLAY", C$4:C6080, 0)), "")</f>
        <v/>
      </c>
    </row>
    <row r="6081" spans="1:6" x14ac:dyDescent="0.2">
      <c r="A6081" s="239">
        <f>'CPT Data'!B6089</f>
        <v>60.451000000000001</v>
      </c>
      <c r="B6081" s="3">
        <f>'CPT Data'!C6089</f>
        <v>60.444000000000003</v>
      </c>
      <c r="C6081" t="str">
        <f>'CPT Data'!P6089</f>
        <v>SAND</v>
      </c>
      <c r="D6081" t="e">
        <f>'CPT Data'!Q6089</f>
        <v>#N/A</v>
      </c>
      <c r="E6081" t="e">
        <f t="shared" si="95"/>
        <v>#N/A</v>
      </c>
      <c r="F6081" t="str">
        <f>IF(C6081="CLAY", INDEX(D$4:D6081, MATCH("CLAY", C$4:C6081, 0)), "")</f>
        <v/>
      </c>
    </row>
    <row r="6082" spans="1:6" x14ac:dyDescent="0.2">
      <c r="A6082" s="239">
        <f>'CPT Data'!B6090</f>
        <v>60.460999999999999</v>
      </c>
      <c r="B6082" s="3">
        <f>'CPT Data'!C6090</f>
        <v>60.454000000000001</v>
      </c>
      <c r="C6082" t="str">
        <f>'CPT Data'!P6090</f>
        <v>SAND</v>
      </c>
      <c r="D6082" t="e">
        <f>'CPT Data'!Q6090</f>
        <v>#N/A</v>
      </c>
      <c r="E6082" t="e">
        <f t="shared" si="95"/>
        <v>#N/A</v>
      </c>
      <c r="F6082" t="str">
        <f>IF(C6082="CLAY", INDEX(D$4:D6082, MATCH("CLAY", C$4:C6082, 0)), "")</f>
        <v/>
      </c>
    </row>
    <row r="6083" spans="1:6" x14ac:dyDescent="0.2">
      <c r="A6083" s="239">
        <f>'CPT Data'!B6091</f>
        <v>60.472000000000001</v>
      </c>
      <c r="B6083" s="3">
        <f>'CPT Data'!C6091</f>
        <v>60.465000000000003</v>
      </c>
      <c r="C6083" t="str">
        <f>'CPT Data'!P6091</f>
        <v>SAND</v>
      </c>
      <c r="D6083" t="e">
        <f>'CPT Data'!Q6091</f>
        <v>#N/A</v>
      </c>
      <c r="E6083" t="e">
        <f t="shared" si="95"/>
        <v>#N/A</v>
      </c>
      <c r="F6083" t="str">
        <f>IF(C6083="CLAY", INDEX(D$4:D6083, MATCH("CLAY", C$4:C6083, 0)), "")</f>
        <v/>
      </c>
    </row>
    <row r="6084" spans="1:6" x14ac:dyDescent="0.2">
      <c r="A6084" s="239">
        <f>'CPT Data'!B6092</f>
        <v>60.481999999999999</v>
      </c>
      <c r="B6084" s="3">
        <f>'CPT Data'!C6092</f>
        <v>60.475000000000001</v>
      </c>
      <c r="C6084" t="str">
        <f>'CPT Data'!P6092</f>
        <v>SAND</v>
      </c>
      <c r="D6084" t="e">
        <f>'CPT Data'!Q6092</f>
        <v>#N/A</v>
      </c>
      <c r="E6084" t="e">
        <f t="shared" si="95"/>
        <v>#N/A</v>
      </c>
      <c r="F6084" t="str">
        <f>IF(C6084="CLAY", INDEX(D$4:D6084, MATCH("CLAY", C$4:C6084, 0)), "")</f>
        <v/>
      </c>
    </row>
    <row r="6085" spans="1:6" x14ac:dyDescent="0.2">
      <c r="A6085" s="239">
        <f>'CPT Data'!B6093</f>
        <v>60.491999999999997</v>
      </c>
      <c r="B6085" s="3">
        <f>'CPT Data'!C6093</f>
        <v>60.484999999999999</v>
      </c>
      <c r="C6085" t="str">
        <f>'CPT Data'!P6093</f>
        <v>SAND</v>
      </c>
      <c r="D6085" t="e">
        <f>'CPT Data'!Q6093</f>
        <v>#N/A</v>
      </c>
      <c r="E6085" t="e">
        <f t="shared" si="95"/>
        <v>#N/A</v>
      </c>
      <c r="F6085" t="str">
        <f>IF(C6085="CLAY", INDEX(D$4:D6085, MATCH("CLAY", C$4:C6085, 0)), "")</f>
        <v/>
      </c>
    </row>
    <row r="6086" spans="1:6" x14ac:dyDescent="0.2">
      <c r="A6086" s="239">
        <f>'CPT Data'!B6094</f>
        <v>60.503</v>
      </c>
      <c r="B6086" s="3">
        <f>'CPT Data'!C6094</f>
        <v>60.496000000000002</v>
      </c>
      <c r="C6086" t="str">
        <f>'CPT Data'!P6094</f>
        <v>SAND</v>
      </c>
      <c r="D6086" t="e">
        <f>'CPT Data'!Q6094</f>
        <v>#N/A</v>
      </c>
      <c r="E6086" t="e">
        <f t="shared" si="95"/>
        <v>#N/A</v>
      </c>
      <c r="F6086" t="str">
        <f>IF(C6086="CLAY", INDEX(D$4:D6086, MATCH("CLAY", C$4:C6086, 0)), "")</f>
        <v/>
      </c>
    </row>
    <row r="6087" spans="1:6" x14ac:dyDescent="0.2">
      <c r="A6087" s="239">
        <f>'CPT Data'!B6095</f>
        <v>60.512999999999998</v>
      </c>
      <c r="B6087" s="3">
        <f>'CPT Data'!C6095</f>
        <v>60.506</v>
      </c>
      <c r="C6087" t="str">
        <f>'CPT Data'!P6095</f>
        <v>SAND</v>
      </c>
      <c r="D6087" t="e">
        <f>'CPT Data'!Q6095</f>
        <v>#N/A</v>
      </c>
      <c r="E6087" t="e">
        <f t="shared" si="95"/>
        <v>#N/A</v>
      </c>
      <c r="F6087" t="str">
        <f>IF(C6087="CLAY", INDEX(D$4:D6087, MATCH("CLAY", C$4:C6087, 0)), "")</f>
        <v/>
      </c>
    </row>
    <row r="6088" spans="1:6" x14ac:dyDescent="0.2">
      <c r="A6088" s="239">
        <f>'CPT Data'!B6096</f>
        <v>60.521999999999998</v>
      </c>
      <c r="B6088" s="3">
        <f>'CPT Data'!C6096</f>
        <v>60.515000000000001</v>
      </c>
      <c r="C6088" t="str">
        <f>'CPT Data'!P6096</f>
        <v>SAND</v>
      </c>
      <c r="D6088" t="e">
        <f>'CPT Data'!Q6096</f>
        <v>#N/A</v>
      </c>
      <c r="E6088" t="e">
        <f t="shared" si="95"/>
        <v>#N/A</v>
      </c>
      <c r="F6088" t="str">
        <f>IF(C6088="CLAY", INDEX(D$4:D6088, MATCH("CLAY", C$4:C6088, 0)), "")</f>
        <v/>
      </c>
    </row>
    <row r="6089" spans="1:6" x14ac:dyDescent="0.2">
      <c r="A6089" s="239">
        <f>'CPT Data'!B6097</f>
        <v>60.533000000000001</v>
      </c>
      <c r="B6089" s="3">
        <f>'CPT Data'!C6097</f>
        <v>60.526000000000003</v>
      </c>
      <c r="C6089" t="str">
        <f>'CPT Data'!P6097</f>
        <v>SAND</v>
      </c>
      <c r="D6089" t="e">
        <f>'CPT Data'!Q6097</f>
        <v>#N/A</v>
      </c>
      <c r="E6089" t="e">
        <f t="shared" si="95"/>
        <v>#N/A</v>
      </c>
      <c r="F6089" t="str">
        <f>IF(C6089="CLAY", INDEX(D$4:D6089, MATCH("CLAY", C$4:C6089, 0)), "")</f>
        <v/>
      </c>
    </row>
    <row r="6090" spans="1:6" x14ac:dyDescent="0.2">
      <c r="A6090" s="239">
        <f>'CPT Data'!B6098</f>
        <v>60.542999999999999</v>
      </c>
      <c r="B6090" s="3">
        <f>'CPT Data'!C6098</f>
        <v>60.536000000000001</v>
      </c>
      <c r="C6090" t="str">
        <f>'CPT Data'!P6098</f>
        <v>SAND</v>
      </c>
      <c r="D6090" t="e">
        <f>'CPT Data'!Q6098</f>
        <v>#N/A</v>
      </c>
      <c r="E6090" t="e">
        <f t="shared" si="95"/>
        <v>#N/A</v>
      </c>
      <c r="F6090" t="str">
        <f>IF(C6090="CLAY", INDEX(D$4:D6090, MATCH("CLAY", C$4:C6090, 0)), "")</f>
        <v/>
      </c>
    </row>
    <row r="6091" spans="1:6" x14ac:dyDescent="0.2">
      <c r="A6091" s="239">
        <f>'CPT Data'!B6099</f>
        <v>60.552999999999997</v>
      </c>
      <c r="B6091" s="3">
        <f>'CPT Data'!C6099</f>
        <v>60.545999999999999</v>
      </c>
      <c r="C6091" t="str">
        <f>'CPT Data'!P6099</f>
        <v>SAND</v>
      </c>
      <c r="D6091" t="e">
        <f>'CPT Data'!Q6099</f>
        <v>#N/A</v>
      </c>
      <c r="E6091" t="e">
        <f t="shared" si="95"/>
        <v>#N/A</v>
      </c>
      <c r="F6091" t="str">
        <f>IF(C6091="CLAY", INDEX(D$4:D6091, MATCH("CLAY", C$4:C6091, 0)), "")</f>
        <v/>
      </c>
    </row>
    <row r="6092" spans="1:6" x14ac:dyDescent="0.2">
      <c r="A6092" s="239">
        <f>'CPT Data'!B6100</f>
        <v>60.561999999999998</v>
      </c>
      <c r="B6092" s="3">
        <f>'CPT Data'!C6100</f>
        <v>60.555</v>
      </c>
      <c r="C6092" t="str">
        <f>'CPT Data'!P6100</f>
        <v>SAND</v>
      </c>
      <c r="D6092" t="e">
        <f>'CPT Data'!Q6100</f>
        <v>#N/A</v>
      </c>
      <c r="E6092" t="e">
        <f t="shared" si="95"/>
        <v>#N/A</v>
      </c>
      <c r="F6092" t="str">
        <f>IF(C6092="CLAY", INDEX(D$4:D6092, MATCH("CLAY", C$4:C6092, 0)), "")</f>
        <v/>
      </c>
    </row>
    <row r="6093" spans="1:6" x14ac:dyDescent="0.2">
      <c r="A6093" s="239">
        <f>'CPT Data'!B6101</f>
        <v>60.572000000000003</v>
      </c>
      <c r="B6093" s="3">
        <f>'CPT Data'!C6101</f>
        <v>60.565000000000005</v>
      </c>
      <c r="C6093" t="str">
        <f>'CPT Data'!P6101</f>
        <v>SAND</v>
      </c>
      <c r="D6093" t="e">
        <f>'CPT Data'!Q6101</f>
        <v>#N/A</v>
      </c>
      <c r="E6093" t="e">
        <f t="shared" si="95"/>
        <v>#N/A</v>
      </c>
      <c r="F6093" t="str">
        <f>IF(C6093="CLAY", INDEX(D$4:D6093, MATCH("CLAY", C$4:C6093, 0)), "")</f>
        <v/>
      </c>
    </row>
    <row r="6094" spans="1:6" x14ac:dyDescent="0.2">
      <c r="A6094" s="239">
        <f>'CPT Data'!B6102</f>
        <v>60.582000000000001</v>
      </c>
      <c r="B6094" s="3">
        <f>'CPT Data'!C6102</f>
        <v>60.575000000000003</v>
      </c>
      <c r="C6094" t="str">
        <f>'CPT Data'!P6102</f>
        <v>SAND</v>
      </c>
      <c r="D6094" t="e">
        <f>'CPT Data'!Q6102</f>
        <v>#N/A</v>
      </c>
      <c r="E6094" t="e">
        <f t="shared" si="95"/>
        <v>#N/A</v>
      </c>
      <c r="F6094" t="str">
        <f>IF(C6094="CLAY", INDEX(D$4:D6094, MATCH("CLAY", C$4:C6094, 0)), "")</f>
        <v/>
      </c>
    </row>
    <row r="6095" spans="1:6" x14ac:dyDescent="0.2">
      <c r="A6095" s="239">
        <f>'CPT Data'!B6103</f>
        <v>60.591999999999999</v>
      </c>
      <c r="B6095" s="3">
        <f>'CPT Data'!C6103</f>
        <v>60.585000000000001</v>
      </c>
      <c r="C6095" t="str">
        <f>'CPT Data'!P6103</f>
        <v>SAND</v>
      </c>
      <c r="D6095" t="e">
        <f>'CPT Data'!Q6103</f>
        <v>#N/A</v>
      </c>
      <c r="E6095" t="e">
        <f t="shared" si="95"/>
        <v>#N/A</v>
      </c>
      <c r="F6095" t="str">
        <f>IF(C6095="CLAY", INDEX(D$4:D6095, MATCH("CLAY", C$4:C6095, 0)), "")</f>
        <v/>
      </c>
    </row>
    <row r="6096" spans="1:6" x14ac:dyDescent="0.2">
      <c r="A6096" s="239">
        <f>'CPT Data'!B6104</f>
        <v>60.600999999999999</v>
      </c>
      <c r="B6096" s="3">
        <f>'CPT Data'!C6104</f>
        <v>60.594000000000001</v>
      </c>
      <c r="C6096" t="str">
        <f>'CPT Data'!P6104</f>
        <v>SAND</v>
      </c>
      <c r="D6096" t="e">
        <f>'CPT Data'!Q6104</f>
        <v>#N/A</v>
      </c>
      <c r="E6096" t="e">
        <f t="shared" si="95"/>
        <v>#N/A</v>
      </c>
      <c r="F6096" t="str">
        <f>IF(C6096="CLAY", INDEX(D$4:D6096, MATCH("CLAY", C$4:C6096, 0)), "")</f>
        <v/>
      </c>
    </row>
    <row r="6097" spans="1:6" x14ac:dyDescent="0.2">
      <c r="A6097" s="239">
        <f>'CPT Data'!B6105</f>
        <v>60.61</v>
      </c>
      <c r="B6097" s="3">
        <f>'CPT Data'!C6105</f>
        <v>60.603000000000002</v>
      </c>
      <c r="C6097" t="str">
        <f>'CPT Data'!P6105</f>
        <v>SAND</v>
      </c>
      <c r="D6097" t="e">
        <f>'CPT Data'!Q6105</f>
        <v>#N/A</v>
      </c>
      <c r="E6097" t="e">
        <f t="shared" si="95"/>
        <v>#N/A</v>
      </c>
      <c r="F6097" t="str">
        <f>IF(C6097="CLAY", INDEX(D$4:D6097, MATCH("CLAY", C$4:C6097, 0)), "")</f>
        <v/>
      </c>
    </row>
    <row r="6098" spans="1:6" x14ac:dyDescent="0.2">
      <c r="A6098" s="239">
        <f>'CPT Data'!B6106</f>
        <v>60.621000000000002</v>
      </c>
      <c r="B6098" s="3">
        <f>'CPT Data'!C6106</f>
        <v>60.614000000000004</v>
      </c>
      <c r="C6098" t="str">
        <f>'CPT Data'!P6106</f>
        <v>SAND</v>
      </c>
      <c r="D6098" t="e">
        <f>'CPT Data'!Q6106</f>
        <v>#N/A</v>
      </c>
      <c r="E6098" t="e">
        <f t="shared" si="95"/>
        <v>#N/A</v>
      </c>
      <c r="F6098" t="str">
        <f>IF(C6098="CLAY", INDEX(D$4:D6098, MATCH("CLAY", C$4:C6098, 0)), "")</f>
        <v/>
      </c>
    </row>
    <row r="6099" spans="1:6" x14ac:dyDescent="0.2">
      <c r="A6099" s="239">
        <f>'CPT Data'!B6107</f>
        <v>60.631</v>
      </c>
      <c r="B6099" s="3">
        <f>'CPT Data'!C6107</f>
        <v>60.624000000000002</v>
      </c>
      <c r="C6099" t="str">
        <f>'CPT Data'!P6107</f>
        <v>SAND</v>
      </c>
      <c r="D6099" t="e">
        <f>'CPT Data'!Q6107</f>
        <v>#N/A</v>
      </c>
      <c r="E6099" t="e">
        <f t="shared" si="95"/>
        <v>#N/A</v>
      </c>
      <c r="F6099" t="str">
        <f>IF(C6099="CLAY", INDEX(D$4:D6099, MATCH("CLAY", C$4:C6099, 0)), "")</f>
        <v/>
      </c>
    </row>
    <row r="6100" spans="1:6" x14ac:dyDescent="0.2">
      <c r="A6100" s="239">
        <f>'CPT Data'!B6108</f>
        <v>60.64</v>
      </c>
      <c r="B6100" s="3">
        <f>'CPT Data'!C6108</f>
        <v>60.633000000000003</v>
      </c>
      <c r="C6100" t="str">
        <f>'CPT Data'!P6108</f>
        <v>SAND</v>
      </c>
      <c r="D6100" t="e">
        <f>'CPT Data'!Q6108</f>
        <v>#N/A</v>
      </c>
      <c r="E6100" t="e">
        <f t="shared" si="95"/>
        <v>#N/A</v>
      </c>
      <c r="F6100" t="str">
        <f>IF(C6100="CLAY", INDEX(D$4:D6100, MATCH("CLAY", C$4:C6100, 0)), "")</f>
        <v/>
      </c>
    </row>
    <row r="6101" spans="1:6" x14ac:dyDescent="0.2">
      <c r="A6101" s="239">
        <f>'CPT Data'!B6109</f>
        <v>60.65</v>
      </c>
      <c r="B6101" s="3">
        <f>'CPT Data'!C6109</f>
        <v>60.643000000000001</v>
      </c>
      <c r="C6101" t="str">
        <f>'CPT Data'!P6109</f>
        <v>SAND</v>
      </c>
      <c r="D6101" t="e">
        <f>'CPT Data'!Q6109</f>
        <v>#N/A</v>
      </c>
      <c r="E6101" t="e">
        <f t="shared" si="95"/>
        <v>#N/A</v>
      </c>
      <c r="F6101" t="str">
        <f>IF(C6101="CLAY", INDEX(D$4:D6101, MATCH("CLAY", C$4:C6101, 0)), "")</f>
        <v/>
      </c>
    </row>
    <row r="6102" spans="1:6" x14ac:dyDescent="0.2">
      <c r="A6102" s="239">
        <f>'CPT Data'!B6110</f>
        <v>60.66</v>
      </c>
      <c r="B6102" s="3">
        <f>'CPT Data'!C6110</f>
        <v>60.652999999999999</v>
      </c>
      <c r="C6102" t="str">
        <f>'CPT Data'!P6110</f>
        <v>SAND</v>
      </c>
      <c r="D6102" t="e">
        <f>'CPT Data'!Q6110</f>
        <v>#N/A</v>
      </c>
      <c r="E6102" t="e">
        <f t="shared" si="95"/>
        <v>#N/A</v>
      </c>
      <c r="F6102" t="str">
        <f>IF(C6102="CLAY", INDEX(D$4:D6102, MATCH("CLAY", C$4:C6102, 0)), "")</f>
        <v/>
      </c>
    </row>
    <row r="6103" spans="1:6" x14ac:dyDescent="0.2">
      <c r="A6103" s="239">
        <f>'CPT Data'!B6111</f>
        <v>60.665999999999997</v>
      </c>
      <c r="B6103" s="3">
        <f>'CPT Data'!C6111</f>
        <v>60.658999999999999</v>
      </c>
      <c r="C6103" t="str">
        <f>'CPT Data'!P6111</f>
        <v>SAND</v>
      </c>
      <c r="D6103" t="e">
        <f>'CPT Data'!Q6111</f>
        <v>#N/A</v>
      </c>
      <c r="E6103" t="e">
        <f t="shared" si="95"/>
        <v>#N/A</v>
      </c>
      <c r="F6103" t="str">
        <f>IF(C6103="CLAY", INDEX(D$4:D6103, MATCH("CLAY", C$4:C6103, 0)), "")</f>
        <v/>
      </c>
    </row>
    <row r="6104" spans="1:6" x14ac:dyDescent="0.2">
      <c r="A6104" s="239">
        <f>'CPT Data'!B6112</f>
        <v>60.673999999999999</v>
      </c>
      <c r="B6104" s="3">
        <f>'CPT Data'!C6112</f>
        <v>60.667000000000002</v>
      </c>
      <c r="C6104" t="str">
        <f>'CPT Data'!P6112</f>
        <v>SAND</v>
      </c>
      <c r="D6104" t="e">
        <f>'CPT Data'!Q6112</f>
        <v>#N/A</v>
      </c>
      <c r="E6104" t="e">
        <f t="shared" si="95"/>
        <v>#N/A</v>
      </c>
      <c r="F6104" t="str">
        <f>IF(C6104="CLAY", INDEX(D$4:D6104, MATCH("CLAY", C$4:C6104, 0)), "")</f>
        <v/>
      </c>
    </row>
    <row r="6105" spans="1:6" x14ac:dyDescent="0.2">
      <c r="A6105" s="239">
        <f>'CPT Data'!B6113</f>
        <v>60.683</v>
      </c>
      <c r="B6105" s="3">
        <f>'CPT Data'!C6113</f>
        <v>60.676000000000002</v>
      </c>
      <c r="C6105" t="str">
        <f>'CPT Data'!P6113</f>
        <v>SAND</v>
      </c>
      <c r="D6105" t="e">
        <f>'CPT Data'!Q6113</f>
        <v>#N/A</v>
      </c>
      <c r="E6105" t="e">
        <f t="shared" si="95"/>
        <v>#N/A</v>
      </c>
      <c r="F6105" t="str">
        <f>IF(C6105="CLAY", INDEX(D$4:D6105, MATCH("CLAY", C$4:C6105, 0)), "")</f>
        <v/>
      </c>
    </row>
    <row r="6106" spans="1:6" x14ac:dyDescent="0.2">
      <c r="A6106" s="239">
        <f>'CPT Data'!B6114</f>
        <v>60.69</v>
      </c>
      <c r="B6106" s="3">
        <f>'CPT Data'!C6114</f>
        <v>60.683</v>
      </c>
      <c r="C6106" t="str">
        <f>'CPT Data'!P6114</f>
        <v>SAND</v>
      </c>
      <c r="D6106" t="e">
        <f>'CPT Data'!Q6114</f>
        <v>#N/A</v>
      </c>
      <c r="E6106" t="e">
        <f t="shared" si="95"/>
        <v>#N/A</v>
      </c>
      <c r="F6106" t="str">
        <f>IF(C6106="CLAY", INDEX(D$4:D6106, MATCH("CLAY", C$4:C6106, 0)), "")</f>
        <v/>
      </c>
    </row>
    <row r="6107" spans="1:6" x14ac:dyDescent="0.2">
      <c r="A6107" s="239">
        <f>'CPT Data'!B6115</f>
        <v>60.7</v>
      </c>
      <c r="B6107" s="3">
        <f>'CPT Data'!C6115</f>
        <v>60.693000000000005</v>
      </c>
      <c r="C6107" t="str">
        <f>'CPT Data'!P6115</f>
        <v>SAND</v>
      </c>
      <c r="D6107" t="e">
        <f>'CPT Data'!Q6115</f>
        <v>#N/A</v>
      </c>
      <c r="E6107" t="e">
        <f t="shared" ref="E6107:E6170" si="96">IF(C6107="SAND",#N/A,IF(C6107=C6106,D6106,IF(C6107="CLAY",D6107,#N/A)))</f>
        <v>#N/A</v>
      </c>
      <c r="F6107" t="str">
        <f>IF(C6107="CLAY", INDEX(D$4:D6107, MATCH("CLAY", C$4:C6107, 0)), "")</f>
        <v/>
      </c>
    </row>
    <row r="6108" spans="1:6" x14ac:dyDescent="0.2">
      <c r="A6108" s="239">
        <f>'CPT Data'!B6116</f>
        <v>60.709000000000003</v>
      </c>
      <c r="B6108" s="3">
        <f>'CPT Data'!C6116</f>
        <v>60.702000000000005</v>
      </c>
      <c r="C6108" t="str">
        <f>'CPT Data'!P6116</f>
        <v>SAND</v>
      </c>
      <c r="D6108" t="e">
        <f>'CPT Data'!Q6116</f>
        <v>#N/A</v>
      </c>
      <c r="E6108" t="e">
        <f t="shared" si="96"/>
        <v>#N/A</v>
      </c>
      <c r="F6108" t="str">
        <f>IF(C6108="CLAY", INDEX(D$4:D6108, MATCH("CLAY", C$4:C6108, 0)), "")</f>
        <v/>
      </c>
    </row>
    <row r="6109" spans="1:6" x14ac:dyDescent="0.2">
      <c r="A6109" s="239">
        <f>'CPT Data'!B6117</f>
        <v>60.716999999999999</v>
      </c>
      <c r="B6109" s="3">
        <f>'CPT Data'!C6117</f>
        <v>60.71</v>
      </c>
      <c r="C6109" t="str">
        <f>'CPT Data'!P6117</f>
        <v>SAND</v>
      </c>
      <c r="D6109" t="e">
        <f>'CPT Data'!Q6117</f>
        <v>#N/A</v>
      </c>
      <c r="E6109" t="e">
        <f t="shared" si="96"/>
        <v>#N/A</v>
      </c>
      <c r="F6109" t="str">
        <f>IF(C6109="CLAY", INDEX(D$4:D6109, MATCH("CLAY", C$4:C6109, 0)), "")</f>
        <v/>
      </c>
    </row>
    <row r="6110" spans="1:6" x14ac:dyDescent="0.2">
      <c r="A6110" s="239">
        <f>'CPT Data'!B6118</f>
        <v>60.726999999999997</v>
      </c>
      <c r="B6110" s="3">
        <f>'CPT Data'!C6118</f>
        <v>60.72</v>
      </c>
      <c r="C6110" t="str">
        <f>'CPT Data'!P6118</f>
        <v>SAND</v>
      </c>
      <c r="D6110" t="e">
        <f>'CPT Data'!Q6118</f>
        <v>#N/A</v>
      </c>
      <c r="E6110" t="e">
        <f t="shared" si="96"/>
        <v>#N/A</v>
      </c>
      <c r="F6110" t="str">
        <f>IF(C6110="CLAY", INDEX(D$4:D6110, MATCH("CLAY", C$4:C6110, 0)), "")</f>
        <v/>
      </c>
    </row>
    <row r="6111" spans="1:6" x14ac:dyDescent="0.2">
      <c r="A6111" s="239">
        <f>'CPT Data'!B6119</f>
        <v>60.735999999999997</v>
      </c>
      <c r="B6111" s="3">
        <f>'CPT Data'!C6119</f>
        <v>60.728999999999999</v>
      </c>
      <c r="C6111" t="str">
        <f>'CPT Data'!P6119</f>
        <v>SAND</v>
      </c>
      <c r="D6111" t="e">
        <f>'CPT Data'!Q6119</f>
        <v>#N/A</v>
      </c>
      <c r="E6111" t="e">
        <f t="shared" si="96"/>
        <v>#N/A</v>
      </c>
      <c r="F6111" t="str">
        <f>IF(C6111="CLAY", INDEX(D$4:D6111, MATCH("CLAY", C$4:C6111, 0)), "")</f>
        <v/>
      </c>
    </row>
    <row r="6112" spans="1:6" x14ac:dyDescent="0.2">
      <c r="A6112" s="239">
        <f>'CPT Data'!B6120</f>
        <v>60.744</v>
      </c>
      <c r="B6112" s="3">
        <f>'CPT Data'!C6120</f>
        <v>60.737000000000002</v>
      </c>
      <c r="C6112" t="str">
        <f>'CPT Data'!P6120</f>
        <v>SAND</v>
      </c>
      <c r="D6112" t="e">
        <f>'CPT Data'!Q6120</f>
        <v>#N/A</v>
      </c>
      <c r="E6112" t="e">
        <f t="shared" si="96"/>
        <v>#N/A</v>
      </c>
      <c r="F6112" t="str">
        <f>IF(C6112="CLAY", INDEX(D$4:D6112, MATCH("CLAY", C$4:C6112, 0)), "")</f>
        <v/>
      </c>
    </row>
    <row r="6113" spans="1:6" x14ac:dyDescent="0.2">
      <c r="A6113" s="239">
        <f>'CPT Data'!B6121</f>
        <v>60.753</v>
      </c>
      <c r="B6113" s="3">
        <f>'CPT Data'!C6121</f>
        <v>60.746000000000002</v>
      </c>
      <c r="C6113" t="str">
        <f>'CPT Data'!P6121</f>
        <v>SAND</v>
      </c>
      <c r="D6113" t="e">
        <f>'CPT Data'!Q6121</f>
        <v>#N/A</v>
      </c>
      <c r="E6113" t="e">
        <f t="shared" si="96"/>
        <v>#N/A</v>
      </c>
      <c r="F6113" t="str">
        <f>IF(C6113="CLAY", INDEX(D$4:D6113, MATCH("CLAY", C$4:C6113, 0)), "")</f>
        <v/>
      </c>
    </row>
    <row r="6114" spans="1:6" x14ac:dyDescent="0.2">
      <c r="A6114" s="239">
        <f>'CPT Data'!B6122</f>
        <v>60.761000000000003</v>
      </c>
      <c r="B6114" s="3">
        <f>'CPT Data'!C6122</f>
        <v>60.754000000000005</v>
      </c>
      <c r="C6114" t="str">
        <f>'CPT Data'!P6122</f>
        <v>SAND</v>
      </c>
      <c r="D6114" t="e">
        <f>'CPT Data'!Q6122</f>
        <v>#N/A</v>
      </c>
      <c r="E6114" t="e">
        <f t="shared" si="96"/>
        <v>#N/A</v>
      </c>
      <c r="F6114" t="str">
        <f>IF(C6114="CLAY", INDEX(D$4:D6114, MATCH("CLAY", C$4:C6114, 0)), "")</f>
        <v/>
      </c>
    </row>
    <row r="6115" spans="1:6" x14ac:dyDescent="0.2">
      <c r="A6115" s="239">
        <f>'CPT Data'!B6123</f>
        <v>60.77</v>
      </c>
      <c r="B6115" s="3">
        <f>'CPT Data'!C6123</f>
        <v>60.763000000000005</v>
      </c>
      <c r="C6115" t="str">
        <f>'CPT Data'!P6123</f>
        <v>SAND</v>
      </c>
      <c r="D6115" t="e">
        <f>'CPT Data'!Q6123</f>
        <v>#N/A</v>
      </c>
      <c r="E6115" t="e">
        <f t="shared" si="96"/>
        <v>#N/A</v>
      </c>
      <c r="F6115" t="str">
        <f>IF(C6115="CLAY", INDEX(D$4:D6115, MATCH("CLAY", C$4:C6115, 0)), "")</f>
        <v/>
      </c>
    </row>
    <row r="6116" spans="1:6" x14ac:dyDescent="0.2">
      <c r="A6116" s="239">
        <f>'CPT Data'!B6124</f>
        <v>60.78</v>
      </c>
      <c r="B6116" s="3">
        <f>'CPT Data'!C6124</f>
        <v>60.773000000000003</v>
      </c>
      <c r="C6116" t="str">
        <f>'CPT Data'!P6124</f>
        <v>SAND</v>
      </c>
      <c r="D6116" t="e">
        <f>'CPT Data'!Q6124</f>
        <v>#N/A</v>
      </c>
      <c r="E6116" t="e">
        <f t="shared" si="96"/>
        <v>#N/A</v>
      </c>
      <c r="F6116" t="str">
        <f>IF(C6116="CLAY", INDEX(D$4:D6116, MATCH("CLAY", C$4:C6116, 0)), "")</f>
        <v/>
      </c>
    </row>
    <row r="6117" spans="1:6" x14ac:dyDescent="0.2">
      <c r="A6117" s="239">
        <f>'CPT Data'!B6125</f>
        <v>60.789000000000001</v>
      </c>
      <c r="B6117" s="3">
        <f>'CPT Data'!C6125</f>
        <v>60.782000000000004</v>
      </c>
      <c r="C6117" t="str">
        <f>'CPT Data'!P6125</f>
        <v>SAND</v>
      </c>
      <c r="D6117" t="e">
        <f>'CPT Data'!Q6125</f>
        <v>#N/A</v>
      </c>
      <c r="E6117" t="e">
        <f t="shared" si="96"/>
        <v>#N/A</v>
      </c>
      <c r="F6117" t="str">
        <f>IF(C6117="CLAY", INDEX(D$4:D6117, MATCH("CLAY", C$4:C6117, 0)), "")</f>
        <v/>
      </c>
    </row>
    <row r="6118" spans="1:6" x14ac:dyDescent="0.2">
      <c r="A6118" s="239">
        <f>'CPT Data'!B6126</f>
        <v>60.796999999999997</v>
      </c>
      <c r="B6118" s="3">
        <f>'CPT Data'!C6126</f>
        <v>60.79</v>
      </c>
      <c r="C6118" t="str">
        <f>'CPT Data'!P6126</f>
        <v>SAND</v>
      </c>
      <c r="D6118" t="e">
        <f>'CPT Data'!Q6126</f>
        <v>#N/A</v>
      </c>
      <c r="E6118" t="e">
        <f t="shared" si="96"/>
        <v>#N/A</v>
      </c>
      <c r="F6118" t="str">
        <f>IF(C6118="CLAY", INDEX(D$4:D6118, MATCH("CLAY", C$4:C6118, 0)), "")</f>
        <v/>
      </c>
    </row>
    <row r="6119" spans="1:6" x14ac:dyDescent="0.2">
      <c r="A6119" s="239">
        <f>'CPT Data'!B6127</f>
        <v>60.807000000000002</v>
      </c>
      <c r="B6119" s="3">
        <f>'CPT Data'!C6127</f>
        <v>60.800000000000004</v>
      </c>
      <c r="C6119" t="str">
        <f>'CPT Data'!P6127</f>
        <v>SAND</v>
      </c>
      <c r="D6119" t="e">
        <f>'CPT Data'!Q6127</f>
        <v>#N/A</v>
      </c>
      <c r="E6119" t="e">
        <f t="shared" si="96"/>
        <v>#N/A</v>
      </c>
      <c r="F6119" t="str">
        <f>IF(C6119="CLAY", INDEX(D$4:D6119, MATCH("CLAY", C$4:C6119, 0)), "")</f>
        <v/>
      </c>
    </row>
    <row r="6120" spans="1:6" x14ac:dyDescent="0.2">
      <c r="A6120" s="239">
        <f>'CPT Data'!B6128</f>
        <v>60.816000000000003</v>
      </c>
      <c r="B6120" s="3">
        <f>'CPT Data'!C6128</f>
        <v>60.809000000000005</v>
      </c>
      <c r="C6120" t="str">
        <f>'CPT Data'!P6128</f>
        <v>SAND</v>
      </c>
      <c r="D6120" t="e">
        <f>'CPT Data'!Q6128</f>
        <v>#N/A</v>
      </c>
      <c r="E6120" t="e">
        <f t="shared" si="96"/>
        <v>#N/A</v>
      </c>
      <c r="F6120" t="str">
        <f>IF(C6120="CLAY", INDEX(D$4:D6120, MATCH("CLAY", C$4:C6120, 0)), "")</f>
        <v/>
      </c>
    </row>
    <row r="6121" spans="1:6" x14ac:dyDescent="0.2">
      <c r="A6121" s="239">
        <f>'CPT Data'!B6129</f>
        <v>60.825000000000003</v>
      </c>
      <c r="B6121" s="3">
        <f>'CPT Data'!C6129</f>
        <v>60.818000000000005</v>
      </c>
      <c r="C6121" t="str">
        <f>'CPT Data'!P6129</f>
        <v>SAND</v>
      </c>
      <c r="D6121" t="e">
        <f>'CPT Data'!Q6129</f>
        <v>#N/A</v>
      </c>
      <c r="E6121" t="e">
        <f t="shared" si="96"/>
        <v>#N/A</v>
      </c>
      <c r="F6121" t="str">
        <f>IF(C6121="CLAY", INDEX(D$4:D6121, MATCH("CLAY", C$4:C6121, 0)), "")</f>
        <v/>
      </c>
    </row>
    <row r="6122" spans="1:6" x14ac:dyDescent="0.2">
      <c r="A6122" s="239">
        <f>'CPT Data'!B6130</f>
        <v>60.835999999999999</v>
      </c>
      <c r="B6122" s="3">
        <f>'CPT Data'!C6130</f>
        <v>60.829000000000001</v>
      </c>
      <c r="C6122" t="str">
        <f>'CPT Data'!P6130</f>
        <v>SAND</v>
      </c>
      <c r="D6122" t="e">
        <f>'CPT Data'!Q6130</f>
        <v>#N/A</v>
      </c>
      <c r="E6122" t="e">
        <f t="shared" si="96"/>
        <v>#N/A</v>
      </c>
      <c r="F6122" t="str">
        <f>IF(C6122="CLAY", INDEX(D$4:D6122, MATCH("CLAY", C$4:C6122, 0)), "")</f>
        <v/>
      </c>
    </row>
    <row r="6123" spans="1:6" x14ac:dyDescent="0.2">
      <c r="A6123" s="239">
        <f>'CPT Data'!B6131</f>
        <v>60.844000000000001</v>
      </c>
      <c r="B6123" s="3">
        <f>'CPT Data'!C6131</f>
        <v>60.837000000000003</v>
      </c>
      <c r="C6123" t="str">
        <f>'CPT Data'!P6131</f>
        <v>SAND</v>
      </c>
      <c r="D6123" t="e">
        <f>'CPT Data'!Q6131</f>
        <v>#N/A</v>
      </c>
      <c r="E6123" t="e">
        <f t="shared" si="96"/>
        <v>#N/A</v>
      </c>
      <c r="F6123" t="str">
        <f>IF(C6123="CLAY", INDEX(D$4:D6123, MATCH("CLAY", C$4:C6123, 0)), "")</f>
        <v/>
      </c>
    </row>
    <row r="6124" spans="1:6" x14ac:dyDescent="0.2">
      <c r="A6124" s="239">
        <f>'CPT Data'!B6132</f>
        <v>60.854999999999997</v>
      </c>
      <c r="B6124" s="3">
        <f>'CPT Data'!C6132</f>
        <v>60.847999999999999</v>
      </c>
      <c r="C6124" t="str">
        <f>'CPT Data'!P6132</f>
        <v>SAND</v>
      </c>
      <c r="D6124" t="e">
        <f>'CPT Data'!Q6132</f>
        <v>#N/A</v>
      </c>
      <c r="E6124" t="e">
        <f t="shared" si="96"/>
        <v>#N/A</v>
      </c>
      <c r="F6124" t="str">
        <f>IF(C6124="CLAY", INDEX(D$4:D6124, MATCH("CLAY", C$4:C6124, 0)), "")</f>
        <v/>
      </c>
    </row>
    <row r="6125" spans="1:6" x14ac:dyDescent="0.2">
      <c r="A6125" s="239">
        <f>'CPT Data'!B6133</f>
        <v>60.863999999999997</v>
      </c>
      <c r="B6125" s="3">
        <f>'CPT Data'!C6133</f>
        <v>60.856999999999999</v>
      </c>
      <c r="C6125" t="str">
        <f>'CPT Data'!P6133</f>
        <v>SAND</v>
      </c>
      <c r="D6125" t="e">
        <f>'CPT Data'!Q6133</f>
        <v>#N/A</v>
      </c>
      <c r="E6125" t="e">
        <f t="shared" si="96"/>
        <v>#N/A</v>
      </c>
      <c r="F6125" t="str">
        <f>IF(C6125="CLAY", INDEX(D$4:D6125, MATCH("CLAY", C$4:C6125, 0)), "")</f>
        <v/>
      </c>
    </row>
    <row r="6126" spans="1:6" x14ac:dyDescent="0.2">
      <c r="A6126" s="239">
        <f>'CPT Data'!B6134</f>
        <v>60.875</v>
      </c>
      <c r="B6126" s="3">
        <f>'CPT Data'!C6134</f>
        <v>60.868000000000002</v>
      </c>
      <c r="C6126" t="str">
        <f>'CPT Data'!P6134</f>
        <v>SAND</v>
      </c>
      <c r="D6126" t="e">
        <f>'CPT Data'!Q6134</f>
        <v>#N/A</v>
      </c>
      <c r="E6126" t="e">
        <f t="shared" si="96"/>
        <v>#N/A</v>
      </c>
      <c r="F6126" t="str">
        <f>IF(C6126="CLAY", INDEX(D$4:D6126, MATCH("CLAY", C$4:C6126, 0)), "")</f>
        <v/>
      </c>
    </row>
    <row r="6127" spans="1:6" x14ac:dyDescent="0.2">
      <c r="A6127" s="239">
        <f>'CPT Data'!B6135</f>
        <v>60.884</v>
      </c>
      <c r="B6127" s="3">
        <f>'CPT Data'!C6135</f>
        <v>60.877000000000002</v>
      </c>
      <c r="C6127" t="str">
        <f>'CPT Data'!P6135</f>
        <v>SAND</v>
      </c>
      <c r="D6127" t="e">
        <f>'CPT Data'!Q6135</f>
        <v>#N/A</v>
      </c>
      <c r="E6127" t="e">
        <f t="shared" si="96"/>
        <v>#N/A</v>
      </c>
      <c r="F6127" t="str">
        <f>IF(C6127="CLAY", INDEX(D$4:D6127, MATCH("CLAY", C$4:C6127, 0)), "")</f>
        <v/>
      </c>
    </row>
    <row r="6128" spans="1:6" x14ac:dyDescent="0.2">
      <c r="A6128" s="239">
        <f>'CPT Data'!B6136</f>
        <v>60.893999999999998</v>
      </c>
      <c r="B6128" s="3">
        <f>'CPT Data'!C6136</f>
        <v>60.887</v>
      </c>
      <c r="C6128" t="str">
        <f>'CPT Data'!P6136</f>
        <v>SAND</v>
      </c>
      <c r="D6128" t="e">
        <f>'CPT Data'!Q6136</f>
        <v>#N/A</v>
      </c>
      <c r="E6128" t="e">
        <f t="shared" si="96"/>
        <v>#N/A</v>
      </c>
      <c r="F6128" t="str">
        <f>IF(C6128="CLAY", INDEX(D$4:D6128, MATCH("CLAY", C$4:C6128, 0)), "")</f>
        <v/>
      </c>
    </row>
    <row r="6129" spans="1:6" x14ac:dyDescent="0.2">
      <c r="A6129" s="239">
        <f>'CPT Data'!B6137</f>
        <v>60.905000000000001</v>
      </c>
      <c r="B6129" s="3">
        <f>'CPT Data'!C6137</f>
        <v>60.898000000000003</v>
      </c>
      <c r="C6129" t="str">
        <f>'CPT Data'!P6137</f>
        <v>SAND</v>
      </c>
      <c r="D6129" t="e">
        <f>'CPT Data'!Q6137</f>
        <v>#N/A</v>
      </c>
      <c r="E6129" t="e">
        <f t="shared" si="96"/>
        <v>#N/A</v>
      </c>
      <c r="F6129" t="str">
        <f>IF(C6129="CLAY", INDEX(D$4:D6129, MATCH("CLAY", C$4:C6129, 0)), "")</f>
        <v/>
      </c>
    </row>
    <row r="6130" spans="1:6" x14ac:dyDescent="0.2">
      <c r="A6130" s="239">
        <f>'CPT Data'!B6138</f>
        <v>60.914999999999999</v>
      </c>
      <c r="B6130" s="3">
        <f>'CPT Data'!C6138</f>
        <v>60.908000000000001</v>
      </c>
      <c r="C6130" t="str">
        <f>'CPT Data'!P6138</f>
        <v>SAND</v>
      </c>
      <c r="D6130" t="e">
        <f>'CPT Data'!Q6138</f>
        <v>#N/A</v>
      </c>
      <c r="E6130" t="e">
        <f t="shared" si="96"/>
        <v>#N/A</v>
      </c>
      <c r="F6130" t="str">
        <f>IF(C6130="CLAY", INDEX(D$4:D6130, MATCH("CLAY", C$4:C6130, 0)), "")</f>
        <v/>
      </c>
    </row>
    <row r="6131" spans="1:6" x14ac:dyDescent="0.2">
      <c r="A6131" s="239">
        <f>'CPT Data'!B6139</f>
        <v>60.923999999999999</v>
      </c>
      <c r="B6131" s="3">
        <f>'CPT Data'!C6139</f>
        <v>60.917000000000002</v>
      </c>
      <c r="C6131" t="str">
        <f>'CPT Data'!P6139</f>
        <v>SAND</v>
      </c>
      <c r="D6131" t="e">
        <f>'CPT Data'!Q6139</f>
        <v>#N/A</v>
      </c>
      <c r="E6131" t="e">
        <f t="shared" si="96"/>
        <v>#N/A</v>
      </c>
      <c r="F6131" t="str">
        <f>IF(C6131="CLAY", INDEX(D$4:D6131, MATCH("CLAY", C$4:C6131, 0)), "")</f>
        <v/>
      </c>
    </row>
    <row r="6132" spans="1:6" x14ac:dyDescent="0.2">
      <c r="A6132" s="239">
        <f>'CPT Data'!B6140</f>
        <v>60.933999999999997</v>
      </c>
      <c r="B6132" s="3">
        <f>'CPT Data'!C6140</f>
        <v>60.927</v>
      </c>
      <c r="C6132" t="str">
        <f>'CPT Data'!P6140</f>
        <v>SAND</v>
      </c>
      <c r="D6132" t="e">
        <f>'CPT Data'!Q6140</f>
        <v>#N/A</v>
      </c>
      <c r="E6132" t="e">
        <f t="shared" si="96"/>
        <v>#N/A</v>
      </c>
      <c r="F6132" t="str">
        <f>IF(C6132="CLAY", INDEX(D$4:D6132, MATCH("CLAY", C$4:C6132, 0)), "")</f>
        <v/>
      </c>
    </row>
    <row r="6133" spans="1:6" x14ac:dyDescent="0.2">
      <c r="A6133" s="239">
        <f>'CPT Data'!B6141</f>
        <v>60.944000000000003</v>
      </c>
      <c r="B6133" s="3">
        <f>'CPT Data'!C6141</f>
        <v>60.937000000000005</v>
      </c>
      <c r="C6133" t="str">
        <f>'CPT Data'!P6141</f>
        <v>SAND</v>
      </c>
      <c r="D6133" t="e">
        <f>'CPT Data'!Q6141</f>
        <v>#N/A</v>
      </c>
      <c r="E6133" t="e">
        <f t="shared" si="96"/>
        <v>#N/A</v>
      </c>
      <c r="F6133" t="str">
        <f>IF(C6133="CLAY", INDEX(D$4:D6133, MATCH("CLAY", C$4:C6133, 0)), "")</f>
        <v/>
      </c>
    </row>
    <row r="6134" spans="1:6" x14ac:dyDescent="0.2">
      <c r="A6134" s="239">
        <f>'CPT Data'!B6142</f>
        <v>60.954000000000001</v>
      </c>
      <c r="B6134" s="3">
        <f>'CPT Data'!C6142</f>
        <v>60.947000000000003</v>
      </c>
      <c r="C6134" t="str">
        <f>'CPT Data'!P6142</f>
        <v>SAND</v>
      </c>
      <c r="D6134" t="e">
        <f>'CPT Data'!Q6142</f>
        <v>#N/A</v>
      </c>
      <c r="E6134" t="e">
        <f t="shared" si="96"/>
        <v>#N/A</v>
      </c>
      <c r="F6134" t="str">
        <f>IF(C6134="CLAY", INDEX(D$4:D6134, MATCH("CLAY", C$4:C6134, 0)), "")</f>
        <v/>
      </c>
    </row>
    <row r="6135" spans="1:6" x14ac:dyDescent="0.2">
      <c r="A6135" s="239">
        <f>'CPT Data'!B6143</f>
        <v>60.963999999999999</v>
      </c>
      <c r="B6135" s="3">
        <f>'CPT Data'!C6143</f>
        <v>60.957000000000001</v>
      </c>
      <c r="C6135" t="str">
        <f>'CPT Data'!P6143</f>
        <v>SAND</v>
      </c>
      <c r="D6135" t="e">
        <f>'CPT Data'!Q6143</f>
        <v>#N/A</v>
      </c>
      <c r="E6135" t="e">
        <f t="shared" si="96"/>
        <v>#N/A</v>
      </c>
      <c r="F6135" t="str">
        <f>IF(C6135="CLAY", INDEX(D$4:D6135, MATCH("CLAY", C$4:C6135, 0)), "")</f>
        <v/>
      </c>
    </row>
    <row r="6136" spans="1:6" x14ac:dyDescent="0.2">
      <c r="A6136" s="239">
        <f>'CPT Data'!B6144</f>
        <v>60.972999999999999</v>
      </c>
      <c r="B6136" s="3">
        <f>'CPT Data'!C6144</f>
        <v>60.966000000000001</v>
      </c>
      <c r="C6136" t="str">
        <f>'CPT Data'!P6144</f>
        <v>SAND</v>
      </c>
      <c r="D6136" t="e">
        <f>'CPT Data'!Q6144</f>
        <v>#N/A</v>
      </c>
      <c r="E6136" t="e">
        <f t="shared" si="96"/>
        <v>#N/A</v>
      </c>
      <c r="F6136" t="str">
        <f>IF(C6136="CLAY", INDEX(D$4:D6136, MATCH("CLAY", C$4:C6136, 0)), "")</f>
        <v/>
      </c>
    </row>
    <row r="6137" spans="1:6" x14ac:dyDescent="0.2">
      <c r="A6137" s="239">
        <f>'CPT Data'!B6145</f>
        <v>60.981999999999999</v>
      </c>
      <c r="B6137" s="3">
        <f>'CPT Data'!C6145</f>
        <v>60.975000000000001</v>
      </c>
      <c r="C6137" t="str">
        <f>'CPT Data'!P6145</f>
        <v>SAND</v>
      </c>
      <c r="D6137" t="e">
        <f>'CPT Data'!Q6145</f>
        <v>#N/A</v>
      </c>
      <c r="E6137" t="e">
        <f t="shared" si="96"/>
        <v>#N/A</v>
      </c>
      <c r="F6137" t="str">
        <f>IF(C6137="CLAY", INDEX(D$4:D6137, MATCH("CLAY", C$4:C6137, 0)), "")</f>
        <v/>
      </c>
    </row>
    <row r="6138" spans="1:6" x14ac:dyDescent="0.2">
      <c r="A6138" s="239">
        <f>'CPT Data'!B6146</f>
        <v>60.991999999999997</v>
      </c>
      <c r="B6138" s="3">
        <f>'CPT Data'!C6146</f>
        <v>60.984999999999999</v>
      </c>
      <c r="C6138" t="str">
        <f>'CPT Data'!P6146</f>
        <v>SAND</v>
      </c>
      <c r="D6138" t="e">
        <f>'CPT Data'!Q6146</f>
        <v>#N/A</v>
      </c>
      <c r="E6138" t="e">
        <f t="shared" si="96"/>
        <v>#N/A</v>
      </c>
      <c r="F6138" t="str">
        <f>IF(C6138="CLAY", INDEX(D$4:D6138, MATCH("CLAY", C$4:C6138, 0)), "")</f>
        <v/>
      </c>
    </row>
    <row r="6139" spans="1:6" x14ac:dyDescent="0.2">
      <c r="A6139" s="239">
        <f>'CPT Data'!B6147</f>
        <v>61.000999999999998</v>
      </c>
      <c r="B6139" s="3">
        <f>'CPT Data'!C6147</f>
        <v>60.994</v>
      </c>
      <c r="C6139" t="str">
        <f>'CPT Data'!P6147</f>
        <v>SAND</v>
      </c>
      <c r="D6139" t="e">
        <f>'CPT Data'!Q6147</f>
        <v>#N/A</v>
      </c>
      <c r="E6139" t="e">
        <f t="shared" si="96"/>
        <v>#N/A</v>
      </c>
      <c r="F6139" t="str">
        <f>IF(C6139="CLAY", INDEX(D$4:D6139, MATCH("CLAY", C$4:C6139, 0)), "")</f>
        <v/>
      </c>
    </row>
    <row r="6140" spans="1:6" x14ac:dyDescent="0.2">
      <c r="A6140" s="239">
        <f>'CPT Data'!B6148</f>
        <v>61.011000000000003</v>
      </c>
      <c r="B6140" s="3">
        <f>'CPT Data'!C6148</f>
        <v>61.004000000000005</v>
      </c>
      <c r="C6140" t="str">
        <f>'CPT Data'!P6148</f>
        <v>SAND</v>
      </c>
      <c r="D6140" t="e">
        <f>'CPT Data'!Q6148</f>
        <v>#N/A</v>
      </c>
      <c r="E6140" t="e">
        <f t="shared" si="96"/>
        <v>#N/A</v>
      </c>
      <c r="F6140" t="str">
        <f>IF(C6140="CLAY", INDEX(D$4:D6140, MATCH("CLAY", C$4:C6140, 0)), "")</f>
        <v/>
      </c>
    </row>
    <row r="6141" spans="1:6" x14ac:dyDescent="0.2">
      <c r="A6141" s="239">
        <f>'CPT Data'!B6149</f>
        <v>61.021000000000001</v>
      </c>
      <c r="B6141" s="3">
        <f>'CPT Data'!C6149</f>
        <v>61.014000000000003</v>
      </c>
      <c r="C6141" t="str">
        <f>'CPT Data'!P6149</f>
        <v>SAND</v>
      </c>
      <c r="D6141" t="e">
        <f>'CPT Data'!Q6149</f>
        <v>#N/A</v>
      </c>
      <c r="E6141" t="e">
        <f t="shared" si="96"/>
        <v>#N/A</v>
      </c>
      <c r="F6141" t="str">
        <f>IF(C6141="CLAY", INDEX(D$4:D6141, MATCH("CLAY", C$4:C6141, 0)), "")</f>
        <v/>
      </c>
    </row>
    <row r="6142" spans="1:6" x14ac:dyDescent="0.2">
      <c r="A6142" s="239">
        <f>'CPT Data'!B6150</f>
        <v>61.030999999999999</v>
      </c>
      <c r="B6142" s="3">
        <f>'CPT Data'!C6150</f>
        <v>61.024000000000001</v>
      </c>
      <c r="C6142" t="str">
        <f>'CPT Data'!P6150</f>
        <v>SAND</v>
      </c>
      <c r="D6142" t="e">
        <f>'CPT Data'!Q6150</f>
        <v>#N/A</v>
      </c>
      <c r="E6142" t="e">
        <f t="shared" si="96"/>
        <v>#N/A</v>
      </c>
      <c r="F6142" t="str">
        <f>IF(C6142="CLAY", INDEX(D$4:D6142, MATCH("CLAY", C$4:C6142, 0)), "")</f>
        <v/>
      </c>
    </row>
    <row r="6143" spans="1:6" x14ac:dyDescent="0.2">
      <c r="A6143" s="239">
        <f>'CPT Data'!B6151</f>
        <v>61.040999999999997</v>
      </c>
      <c r="B6143" s="3">
        <f>'CPT Data'!C6151</f>
        <v>61.033999999999999</v>
      </c>
      <c r="C6143" t="str">
        <f>'CPT Data'!P6151</f>
        <v>SAND</v>
      </c>
      <c r="D6143" t="e">
        <f>'CPT Data'!Q6151</f>
        <v>#N/A</v>
      </c>
      <c r="E6143" t="e">
        <f t="shared" si="96"/>
        <v>#N/A</v>
      </c>
      <c r="F6143" t="str">
        <f>IF(C6143="CLAY", INDEX(D$4:D6143, MATCH("CLAY", C$4:C6143, 0)), "")</f>
        <v/>
      </c>
    </row>
    <row r="6144" spans="1:6" x14ac:dyDescent="0.2">
      <c r="A6144" s="239">
        <f>'CPT Data'!B6152</f>
        <v>61.052</v>
      </c>
      <c r="B6144" s="3">
        <f>'CPT Data'!C6152</f>
        <v>61.045000000000002</v>
      </c>
      <c r="C6144" t="str">
        <f>'CPT Data'!P6152</f>
        <v>SAND</v>
      </c>
      <c r="D6144" t="e">
        <f>'CPT Data'!Q6152</f>
        <v>#N/A</v>
      </c>
      <c r="E6144" t="e">
        <f t="shared" si="96"/>
        <v>#N/A</v>
      </c>
      <c r="F6144" t="str">
        <f>IF(C6144="CLAY", INDEX(D$4:D6144, MATCH("CLAY", C$4:C6144, 0)), "")</f>
        <v/>
      </c>
    </row>
    <row r="6145" spans="1:6" x14ac:dyDescent="0.2">
      <c r="A6145" s="239">
        <f>'CPT Data'!B6153</f>
        <v>61.061</v>
      </c>
      <c r="B6145" s="3">
        <f>'CPT Data'!C6153</f>
        <v>61.054000000000002</v>
      </c>
      <c r="C6145" t="str">
        <f>'CPT Data'!P6153</f>
        <v>SAND</v>
      </c>
      <c r="D6145" t="e">
        <f>'CPT Data'!Q6153</f>
        <v>#N/A</v>
      </c>
      <c r="E6145" t="e">
        <f t="shared" si="96"/>
        <v>#N/A</v>
      </c>
      <c r="F6145" t="str">
        <f>IF(C6145="CLAY", INDEX(D$4:D6145, MATCH("CLAY", C$4:C6145, 0)), "")</f>
        <v/>
      </c>
    </row>
    <row r="6146" spans="1:6" x14ac:dyDescent="0.2">
      <c r="A6146" s="239">
        <f>'CPT Data'!B6154</f>
        <v>61.070999999999998</v>
      </c>
      <c r="B6146" s="3">
        <f>'CPT Data'!C6154</f>
        <v>61.064</v>
      </c>
      <c r="C6146" t="str">
        <f>'CPT Data'!P6154</f>
        <v>SAND</v>
      </c>
      <c r="D6146" t="e">
        <f>'CPT Data'!Q6154</f>
        <v>#N/A</v>
      </c>
      <c r="E6146" t="e">
        <f t="shared" si="96"/>
        <v>#N/A</v>
      </c>
      <c r="F6146" t="str">
        <f>IF(C6146="CLAY", INDEX(D$4:D6146, MATCH("CLAY", C$4:C6146, 0)), "")</f>
        <v/>
      </c>
    </row>
    <row r="6147" spans="1:6" x14ac:dyDescent="0.2">
      <c r="A6147" s="239">
        <f>'CPT Data'!B6155</f>
        <v>61.082000000000001</v>
      </c>
      <c r="B6147" s="3">
        <f>'CPT Data'!C6155</f>
        <v>61.075000000000003</v>
      </c>
      <c r="C6147" t="str">
        <f>'CPT Data'!P6155</f>
        <v>SAND</v>
      </c>
      <c r="D6147" t="e">
        <f>'CPT Data'!Q6155</f>
        <v>#N/A</v>
      </c>
      <c r="E6147" t="e">
        <f t="shared" si="96"/>
        <v>#N/A</v>
      </c>
      <c r="F6147" t="str">
        <f>IF(C6147="CLAY", INDEX(D$4:D6147, MATCH("CLAY", C$4:C6147, 0)), "")</f>
        <v/>
      </c>
    </row>
    <row r="6148" spans="1:6" x14ac:dyDescent="0.2">
      <c r="A6148" s="239">
        <f>'CPT Data'!B6156</f>
        <v>61.091999999999999</v>
      </c>
      <c r="B6148" s="3">
        <f>'CPT Data'!C6156</f>
        <v>61.085000000000001</v>
      </c>
      <c r="C6148" t="str">
        <f>'CPT Data'!P6156</f>
        <v>SAND</v>
      </c>
      <c r="D6148" t="e">
        <f>'CPT Data'!Q6156</f>
        <v>#N/A</v>
      </c>
      <c r="E6148" t="e">
        <f t="shared" si="96"/>
        <v>#N/A</v>
      </c>
      <c r="F6148" t="str">
        <f>IF(C6148="CLAY", INDEX(D$4:D6148, MATCH("CLAY", C$4:C6148, 0)), "")</f>
        <v/>
      </c>
    </row>
    <row r="6149" spans="1:6" x14ac:dyDescent="0.2">
      <c r="A6149" s="239">
        <f>'CPT Data'!B6157</f>
        <v>61.101999999999997</v>
      </c>
      <c r="B6149" s="3">
        <f>'CPT Data'!C6157</f>
        <v>61.094999999999999</v>
      </c>
      <c r="C6149" t="str">
        <f>'CPT Data'!P6157</f>
        <v>SAND</v>
      </c>
      <c r="D6149" t="e">
        <f>'CPT Data'!Q6157</f>
        <v>#N/A</v>
      </c>
      <c r="E6149" t="e">
        <f t="shared" si="96"/>
        <v>#N/A</v>
      </c>
      <c r="F6149" t="str">
        <f>IF(C6149="CLAY", INDEX(D$4:D6149, MATCH("CLAY", C$4:C6149, 0)), "")</f>
        <v/>
      </c>
    </row>
    <row r="6150" spans="1:6" x14ac:dyDescent="0.2">
      <c r="A6150" s="239">
        <f>'CPT Data'!B6158</f>
        <v>61.113</v>
      </c>
      <c r="B6150" s="3">
        <f>'CPT Data'!C6158</f>
        <v>61.106000000000002</v>
      </c>
      <c r="C6150" t="str">
        <f>'CPT Data'!P6158</f>
        <v>SAND</v>
      </c>
      <c r="D6150" t="e">
        <f>'CPT Data'!Q6158</f>
        <v>#N/A</v>
      </c>
      <c r="E6150" t="e">
        <f t="shared" si="96"/>
        <v>#N/A</v>
      </c>
      <c r="F6150" t="str">
        <f>IF(C6150="CLAY", INDEX(D$4:D6150, MATCH("CLAY", C$4:C6150, 0)), "")</f>
        <v/>
      </c>
    </row>
    <row r="6151" spans="1:6" x14ac:dyDescent="0.2">
      <c r="A6151" s="239">
        <f>'CPT Data'!B6159</f>
        <v>61.122999999999998</v>
      </c>
      <c r="B6151" s="3">
        <f>'CPT Data'!C6159</f>
        <v>61.116</v>
      </c>
      <c r="C6151" t="str">
        <f>'CPT Data'!P6159</f>
        <v>SAND</v>
      </c>
      <c r="D6151" t="e">
        <f>'CPT Data'!Q6159</f>
        <v>#N/A</v>
      </c>
      <c r="E6151" t="e">
        <f t="shared" si="96"/>
        <v>#N/A</v>
      </c>
      <c r="F6151" t="str">
        <f>IF(C6151="CLAY", INDEX(D$4:D6151, MATCH("CLAY", C$4:C6151, 0)), "")</f>
        <v/>
      </c>
    </row>
    <row r="6152" spans="1:6" x14ac:dyDescent="0.2">
      <c r="A6152" s="239">
        <f>'CPT Data'!B6160</f>
        <v>61.133000000000003</v>
      </c>
      <c r="B6152" s="3">
        <f>'CPT Data'!C6160</f>
        <v>61.126000000000005</v>
      </c>
      <c r="C6152" t="str">
        <f>'CPT Data'!P6160</f>
        <v>SAND</v>
      </c>
      <c r="D6152" t="e">
        <f>'CPT Data'!Q6160</f>
        <v>#N/A</v>
      </c>
      <c r="E6152" t="e">
        <f t="shared" si="96"/>
        <v>#N/A</v>
      </c>
      <c r="F6152" t="str">
        <f>IF(C6152="CLAY", INDEX(D$4:D6152, MATCH("CLAY", C$4:C6152, 0)), "")</f>
        <v/>
      </c>
    </row>
    <row r="6153" spans="1:6" x14ac:dyDescent="0.2">
      <c r="A6153" s="239">
        <f>'CPT Data'!B6161</f>
        <v>61.143000000000001</v>
      </c>
      <c r="B6153" s="3">
        <f>'CPT Data'!C6161</f>
        <v>61.136000000000003</v>
      </c>
      <c r="C6153" t="str">
        <f>'CPT Data'!P6161</f>
        <v>SAND</v>
      </c>
      <c r="D6153" t="e">
        <f>'CPT Data'!Q6161</f>
        <v>#N/A</v>
      </c>
      <c r="E6153" t="e">
        <f t="shared" si="96"/>
        <v>#N/A</v>
      </c>
      <c r="F6153" t="str">
        <f>IF(C6153="CLAY", INDEX(D$4:D6153, MATCH("CLAY", C$4:C6153, 0)), "")</f>
        <v/>
      </c>
    </row>
    <row r="6154" spans="1:6" x14ac:dyDescent="0.2">
      <c r="A6154" s="239">
        <f>'CPT Data'!B6162</f>
        <v>61.152000000000001</v>
      </c>
      <c r="B6154" s="3">
        <f>'CPT Data'!C6162</f>
        <v>61.145000000000003</v>
      </c>
      <c r="C6154" t="str">
        <f>'CPT Data'!P6162</f>
        <v>SAND</v>
      </c>
      <c r="D6154" t="e">
        <f>'CPT Data'!Q6162</f>
        <v>#N/A</v>
      </c>
      <c r="E6154" t="e">
        <f t="shared" si="96"/>
        <v>#N/A</v>
      </c>
      <c r="F6154" t="str">
        <f>IF(C6154="CLAY", INDEX(D$4:D6154, MATCH("CLAY", C$4:C6154, 0)), "")</f>
        <v/>
      </c>
    </row>
    <row r="6155" spans="1:6" x14ac:dyDescent="0.2">
      <c r="A6155" s="239">
        <f>'CPT Data'!B6163</f>
        <v>61.161999999999999</v>
      </c>
      <c r="B6155" s="3">
        <f>'CPT Data'!C6163</f>
        <v>61.155000000000001</v>
      </c>
      <c r="C6155" t="str">
        <f>'CPT Data'!P6163</f>
        <v>SAND</v>
      </c>
      <c r="D6155" t="e">
        <f>'CPT Data'!Q6163</f>
        <v>#N/A</v>
      </c>
      <c r="E6155" t="e">
        <f t="shared" si="96"/>
        <v>#N/A</v>
      </c>
      <c r="F6155" t="str">
        <f>IF(C6155="CLAY", INDEX(D$4:D6155, MATCH("CLAY", C$4:C6155, 0)), "")</f>
        <v/>
      </c>
    </row>
    <row r="6156" spans="1:6" x14ac:dyDescent="0.2">
      <c r="A6156" s="239">
        <f>'CPT Data'!B6164</f>
        <v>61.171999999999997</v>
      </c>
      <c r="B6156" s="3">
        <f>'CPT Data'!C6164</f>
        <v>61.164999999999999</v>
      </c>
      <c r="C6156" t="str">
        <f>'CPT Data'!P6164</f>
        <v>SAND</v>
      </c>
      <c r="D6156" t="e">
        <f>'CPT Data'!Q6164</f>
        <v>#N/A</v>
      </c>
      <c r="E6156" t="e">
        <f t="shared" si="96"/>
        <v>#N/A</v>
      </c>
      <c r="F6156" t="str">
        <f>IF(C6156="CLAY", INDEX(D$4:D6156, MATCH("CLAY", C$4:C6156, 0)), "")</f>
        <v/>
      </c>
    </row>
    <row r="6157" spans="1:6" x14ac:dyDescent="0.2">
      <c r="A6157" s="239">
        <f>'CPT Data'!B6165</f>
        <v>61.182000000000002</v>
      </c>
      <c r="B6157" s="3">
        <f>'CPT Data'!C6165</f>
        <v>61.175000000000004</v>
      </c>
      <c r="C6157" t="str">
        <f>'CPT Data'!P6165</f>
        <v>SAND</v>
      </c>
      <c r="D6157" t="e">
        <f>'CPT Data'!Q6165</f>
        <v>#N/A</v>
      </c>
      <c r="E6157" t="e">
        <f t="shared" si="96"/>
        <v>#N/A</v>
      </c>
      <c r="F6157" t="str">
        <f>IF(C6157="CLAY", INDEX(D$4:D6157, MATCH("CLAY", C$4:C6157, 0)), "")</f>
        <v/>
      </c>
    </row>
    <row r="6158" spans="1:6" x14ac:dyDescent="0.2">
      <c r="A6158" s="239">
        <f>'CPT Data'!B6166</f>
        <v>61.192</v>
      </c>
      <c r="B6158" s="3">
        <f>'CPT Data'!C6166</f>
        <v>61.185000000000002</v>
      </c>
      <c r="C6158" t="str">
        <f>'CPT Data'!P6166</f>
        <v>SAND</v>
      </c>
      <c r="D6158" t="e">
        <f>'CPT Data'!Q6166</f>
        <v>#N/A</v>
      </c>
      <c r="E6158" t="e">
        <f t="shared" si="96"/>
        <v>#N/A</v>
      </c>
      <c r="F6158" t="str">
        <f>IF(C6158="CLAY", INDEX(D$4:D6158, MATCH("CLAY", C$4:C6158, 0)), "")</f>
        <v/>
      </c>
    </row>
    <row r="6159" spans="1:6" x14ac:dyDescent="0.2">
      <c r="A6159" s="239">
        <f>'CPT Data'!B6167</f>
        <v>61.201000000000001</v>
      </c>
      <c r="B6159" s="3">
        <f>'CPT Data'!C6167</f>
        <v>61.194000000000003</v>
      </c>
      <c r="C6159" t="str">
        <f>'CPT Data'!P6167</f>
        <v>SAND</v>
      </c>
      <c r="D6159" t="e">
        <f>'CPT Data'!Q6167</f>
        <v>#N/A</v>
      </c>
      <c r="E6159" t="e">
        <f t="shared" si="96"/>
        <v>#N/A</v>
      </c>
      <c r="F6159" t="str">
        <f>IF(C6159="CLAY", INDEX(D$4:D6159, MATCH("CLAY", C$4:C6159, 0)), "")</f>
        <v/>
      </c>
    </row>
    <row r="6160" spans="1:6" x14ac:dyDescent="0.2">
      <c r="A6160" s="239">
        <f>'CPT Data'!B6168</f>
        <v>61.212000000000003</v>
      </c>
      <c r="B6160" s="3">
        <f>'CPT Data'!C6168</f>
        <v>61.205000000000005</v>
      </c>
      <c r="C6160" t="str">
        <f>'CPT Data'!P6168</f>
        <v>SAND</v>
      </c>
      <c r="D6160" t="e">
        <f>'CPT Data'!Q6168</f>
        <v>#N/A</v>
      </c>
      <c r="E6160" t="e">
        <f t="shared" si="96"/>
        <v>#N/A</v>
      </c>
      <c r="F6160" t="str">
        <f>IF(C6160="CLAY", INDEX(D$4:D6160, MATCH("CLAY", C$4:C6160, 0)), "")</f>
        <v/>
      </c>
    </row>
    <row r="6161" spans="1:6" x14ac:dyDescent="0.2">
      <c r="A6161" s="239">
        <f>'CPT Data'!B6169</f>
        <v>61.220999999999997</v>
      </c>
      <c r="B6161" s="3">
        <f>'CPT Data'!C6169</f>
        <v>61.213999999999999</v>
      </c>
      <c r="C6161" t="str">
        <f>'CPT Data'!P6169</f>
        <v>SAND</v>
      </c>
      <c r="D6161" t="e">
        <f>'CPT Data'!Q6169</f>
        <v>#N/A</v>
      </c>
      <c r="E6161" t="e">
        <f t="shared" si="96"/>
        <v>#N/A</v>
      </c>
      <c r="F6161" t="str">
        <f>IF(C6161="CLAY", INDEX(D$4:D6161, MATCH("CLAY", C$4:C6161, 0)), "")</f>
        <v/>
      </c>
    </row>
    <row r="6162" spans="1:6" x14ac:dyDescent="0.2">
      <c r="A6162" s="239">
        <f>'CPT Data'!B6170</f>
        <v>61.231000000000002</v>
      </c>
      <c r="B6162" s="3">
        <f>'CPT Data'!C6170</f>
        <v>61.224000000000004</v>
      </c>
      <c r="C6162" t="str">
        <f>'CPT Data'!P6170</f>
        <v>SAND</v>
      </c>
      <c r="D6162" t="e">
        <f>'CPT Data'!Q6170</f>
        <v>#N/A</v>
      </c>
      <c r="E6162" t="e">
        <f t="shared" si="96"/>
        <v>#N/A</v>
      </c>
      <c r="F6162" t="str">
        <f>IF(C6162="CLAY", INDEX(D$4:D6162, MATCH("CLAY", C$4:C6162, 0)), "")</f>
        <v/>
      </c>
    </row>
    <row r="6163" spans="1:6" x14ac:dyDescent="0.2">
      <c r="A6163" s="239">
        <f>'CPT Data'!B6171</f>
        <v>61.241</v>
      </c>
      <c r="B6163" s="3">
        <f>'CPT Data'!C6171</f>
        <v>61.234000000000002</v>
      </c>
      <c r="C6163" t="str">
        <f>'CPT Data'!P6171</f>
        <v>SAND</v>
      </c>
      <c r="D6163" t="e">
        <f>'CPT Data'!Q6171</f>
        <v>#N/A</v>
      </c>
      <c r="E6163" t="e">
        <f t="shared" si="96"/>
        <v>#N/A</v>
      </c>
      <c r="F6163" t="str">
        <f>IF(C6163="CLAY", INDEX(D$4:D6163, MATCH("CLAY", C$4:C6163, 0)), "")</f>
        <v/>
      </c>
    </row>
    <row r="6164" spans="1:6" x14ac:dyDescent="0.2">
      <c r="A6164" s="239">
        <f>'CPT Data'!B6172</f>
        <v>61.250999999999998</v>
      </c>
      <c r="B6164" s="3">
        <f>'CPT Data'!C6172</f>
        <v>61.244</v>
      </c>
      <c r="C6164" t="str">
        <f>'CPT Data'!P6172</f>
        <v>SAND</v>
      </c>
      <c r="D6164" t="e">
        <f>'CPT Data'!Q6172</f>
        <v>#N/A</v>
      </c>
      <c r="E6164" t="e">
        <f t="shared" si="96"/>
        <v>#N/A</v>
      </c>
      <c r="F6164" t="str">
        <f>IF(C6164="CLAY", INDEX(D$4:D6164, MATCH("CLAY", C$4:C6164, 0)), "")</f>
        <v/>
      </c>
    </row>
    <row r="6165" spans="1:6" x14ac:dyDescent="0.2">
      <c r="A6165" s="239">
        <f>'CPT Data'!B6173</f>
        <v>61.26</v>
      </c>
      <c r="B6165" s="3">
        <f>'CPT Data'!C6173</f>
        <v>61.253</v>
      </c>
      <c r="C6165" t="str">
        <f>'CPT Data'!P6173</f>
        <v>SAND</v>
      </c>
      <c r="D6165" t="e">
        <f>'CPT Data'!Q6173</f>
        <v>#N/A</v>
      </c>
      <c r="E6165" t="e">
        <f t="shared" si="96"/>
        <v>#N/A</v>
      </c>
      <c r="F6165" t="str">
        <f>IF(C6165="CLAY", INDEX(D$4:D6165, MATCH("CLAY", C$4:C6165, 0)), "")</f>
        <v/>
      </c>
    </row>
    <row r="6166" spans="1:6" x14ac:dyDescent="0.2">
      <c r="A6166" s="239">
        <f>'CPT Data'!B6174</f>
        <v>61.271000000000001</v>
      </c>
      <c r="B6166" s="3">
        <f>'CPT Data'!C6174</f>
        <v>61.264000000000003</v>
      </c>
      <c r="C6166" t="str">
        <f>'CPT Data'!P6174</f>
        <v>SAND</v>
      </c>
      <c r="D6166" t="e">
        <f>'CPT Data'!Q6174</f>
        <v>#N/A</v>
      </c>
      <c r="E6166" t="e">
        <f t="shared" si="96"/>
        <v>#N/A</v>
      </c>
      <c r="F6166" t="str">
        <f>IF(C6166="CLAY", INDEX(D$4:D6166, MATCH("CLAY", C$4:C6166, 0)), "")</f>
        <v/>
      </c>
    </row>
    <row r="6167" spans="1:6" x14ac:dyDescent="0.2">
      <c r="A6167" s="239">
        <f>'CPT Data'!B6175</f>
        <v>61.28</v>
      </c>
      <c r="B6167" s="3">
        <f>'CPT Data'!C6175</f>
        <v>61.273000000000003</v>
      </c>
      <c r="C6167" t="str">
        <f>'CPT Data'!P6175</f>
        <v>SAND</v>
      </c>
      <c r="D6167" t="e">
        <f>'CPT Data'!Q6175</f>
        <v>#N/A</v>
      </c>
      <c r="E6167" t="e">
        <f t="shared" si="96"/>
        <v>#N/A</v>
      </c>
      <c r="F6167" t="str">
        <f>IF(C6167="CLAY", INDEX(D$4:D6167, MATCH("CLAY", C$4:C6167, 0)), "")</f>
        <v/>
      </c>
    </row>
    <row r="6168" spans="1:6" x14ac:dyDescent="0.2">
      <c r="A6168" s="239">
        <f>'CPT Data'!B6176</f>
        <v>61.290999999999997</v>
      </c>
      <c r="B6168" s="3">
        <f>'CPT Data'!C6176</f>
        <v>61.283999999999999</v>
      </c>
      <c r="C6168" t="str">
        <f>'CPT Data'!P6176</f>
        <v>SAND</v>
      </c>
      <c r="D6168" t="e">
        <f>'CPT Data'!Q6176</f>
        <v>#N/A</v>
      </c>
      <c r="E6168" t="e">
        <f t="shared" si="96"/>
        <v>#N/A</v>
      </c>
      <c r="F6168" t="str">
        <f>IF(C6168="CLAY", INDEX(D$4:D6168, MATCH("CLAY", C$4:C6168, 0)), "")</f>
        <v/>
      </c>
    </row>
    <row r="6169" spans="1:6" x14ac:dyDescent="0.2">
      <c r="A6169" s="239">
        <f>'CPT Data'!B6177</f>
        <v>61.3</v>
      </c>
      <c r="B6169" s="3">
        <f>'CPT Data'!C6177</f>
        <v>61.292999999999999</v>
      </c>
      <c r="C6169" t="str">
        <f>'CPT Data'!P6177</f>
        <v>SAND</v>
      </c>
      <c r="D6169" t="e">
        <f>'CPT Data'!Q6177</f>
        <v>#N/A</v>
      </c>
      <c r="E6169" t="e">
        <f t="shared" si="96"/>
        <v>#N/A</v>
      </c>
      <c r="F6169" t="str">
        <f>IF(C6169="CLAY", INDEX(D$4:D6169, MATCH("CLAY", C$4:C6169, 0)), "")</f>
        <v/>
      </c>
    </row>
    <row r="6170" spans="1:6" x14ac:dyDescent="0.2">
      <c r="A6170" s="239">
        <f>'CPT Data'!B6178</f>
        <v>61.311</v>
      </c>
      <c r="B6170" s="3">
        <f>'CPT Data'!C6178</f>
        <v>61.304000000000002</v>
      </c>
      <c r="C6170" t="str">
        <f>'CPT Data'!P6178</f>
        <v>SAND</v>
      </c>
      <c r="D6170" t="e">
        <f>'CPT Data'!Q6178</f>
        <v>#N/A</v>
      </c>
      <c r="E6170" t="e">
        <f t="shared" si="96"/>
        <v>#N/A</v>
      </c>
      <c r="F6170" t="str">
        <f>IF(C6170="CLAY", INDEX(D$4:D6170, MATCH("CLAY", C$4:C6170, 0)), "")</f>
        <v/>
      </c>
    </row>
    <row r="6171" spans="1:6" x14ac:dyDescent="0.2">
      <c r="A6171" s="239">
        <f>'CPT Data'!B6179</f>
        <v>61.320999999999998</v>
      </c>
      <c r="B6171" s="3">
        <f>'CPT Data'!C6179</f>
        <v>61.314</v>
      </c>
      <c r="C6171" t="str">
        <f>'CPT Data'!P6179</f>
        <v>SAND</v>
      </c>
      <c r="D6171" t="e">
        <f>'CPT Data'!Q6179</f>
        <v>#N/A</v>
      </c>
      <c r="E6171" t="e">
        <f t="shared" ref="E6171:E6234" si="97">IF(C6171="SAND",#N/A,IF(C6171=C6170,D6170,IF(C6171="CLAY",D6171,#N/A)))</f>
        <v>#N/A</v>
      </c>
      <c r="F6171" t="str">
        <f>IF(C6171="CLAY", INDEX(D$4:D6171, MATCH("CLAY", C$4:C6171, 0)), "")</f>
        <v/>
      </c>
    </row>
    <row r="6172" spans="1:6" x14ac:dyDescent="0.2">
      <c r="A6172" s="239">
        <f>'CPT Data'!B6180</f>
        <v>61.33</v>
      </c>
      <c r="B6172" s="3">
        <f>'CPT Data'!C6180</f>
        <v>61.323</v>
      </c>
      <c r="C6172" t="str">
        <f>'CPT Data'!P6180</f>
        <v>SAND</v>
      </c>
      <c r="D6172" t="e">
        <f>'CPT Data'!Q6180</f>
        <v>#N/A</v>
      </c>
      <c r="E6172" t="e">
        <f t="shared" si="97"/>
        <v>#N/A</v>
      </c>
      <c r="F6172" t="str">
        <f>IF(C6172="CLAY", INDEX(D$4:D6172, MATCH("CLAY", C$4:C6172, 0)), "")</f>
        <v/>
      </c>
    </row>
    <row r="6173" spans="1:6" x14ac:dyDescent="0.2">
      <c r="A6173" s="239">
        <f>'CPT Data'!B6181</f>
        <v>61.34</v>
      </c>
      <c r="B6173" s="3">
        <f>'CPT Data'!C6181</f>
        <v>61.333000000000006</v>
      </c>
      <c r="C6173" t="str">
        <f>'CPT Data'!P6181</f>
        <v>SAND</v>
      </c>
      <c r="D6173" t="e">
        <f>'CPT Data'!Q6181</f>
        <v>#N/A</v>
      </c>
      <c r="E6173" t="e">
        <f t="shared" si="97"/>
        <v>#N/A</v>
      </c>
      <c r="F6173" t="str">
        <f>IF(C6173="CLAY", INDEX(D$4:D6173, MATCH("CLAY", C$4:C6173, 0)), "")</f>
        <v/>
      </c>
    </row>
    <row r="6174" spans="1:6" x14ac:dyDescent="0.2">
      <c r="A6174" s="239">
        <f>'CPT Data'!B6182</f>
        <v>61.351999999999997</v>
      </c>
      <c r="B6174" s="3">
        <f>'CPT Data'!C6182</f>
        <v>61.344999999999999</v>
      </c>
      <c r="C6174" t="str">
        <f>'CPT Data'!P6182</f>
        <v>SAND</v>
      </c>
      <c r="D6174" t="e">
        <f>'CPT Data'!Q6182</f>
        <v>#N/A</v>
      </c>
      <c r="E6174" t="e">
        <f t="shared" si="97"/>
        <v>#N/A</v>
      </c>
      <c r="F6174" t="str">
        <f>IF(C6174="CLAY", INDEX(D$4:D6174, MATCH("CLAY", C$4:C6174, 0)), "")</f>
        <v/>
      </c>
    </row>
    <row r="6175" spans="1:6" x14ac:dyDescent="0.2">
      <c r="A6175" s="239">
        <f>'CPT Data'!B6183</f>
        <v>61.362000000000002</v>
      </c>
      <c r="B6175" s="3">
        <f>'CPT Data'!C6183</f>
        <v>61.355000000000004</v>
      </c>
      <c r="C6175" t="str">
        <f>'CPT Data'!P6183</f>
        <v>SAND</v>
      </c>
      <c r="D6175" t="e">
        <f>'CPT Data'!Q6183</f>
        <v>#N/A</v>
      </c>
      <c r="E6175" t="e">
        <f t="shared" si="97"/>
        <v>#N/A</v>
      </c>
      <c r="F6175" t="str">
        <f>IF(C6175="CLAY", INDEX(D$4:D6175, MATCH("CLAY", C$4:C6175, 0)), "")</f>
        <v/>
      </c>
    </row>
    <row r="6176" spans="1:6" x14ac:dyDescent="0.2">
      <c r="A6176" s="239">
        <f>'CPT Data'!B6184</f>
        <v>61.372</v>
      </c>
      <c r="B6176" s="3">
        <f>'CPT Data'!C6184</f>
        <v>61.365000000000002</v>
      </c>
      <c r="C6176" t="str">
        <f>'CPT Data'!P6184</f>
        <v>SAND</v>
      </c>
      <c r="D6176" t="e">
        <f>'CPT Data'!Q6184</f>
        <v>#N/A</v>
      </c>
      <c r="E6176" t="e">
        <f t="shared" si="97"/>
        <v>#N/A</v>
      </c>
      <c r="F6176" t="str">
        <f>IF(C6176="CLAY", INDEX(D$4:D6176, MATCH("CLAY", C$4:C6176, 0)), "")</f>
        <v/>
      </c>
    </row>
    <row r="6177" spans="1:6" x14ac:dyDescent="0.2">
      <c r="A6177" s="239">
        <f>'CPT Data'!B6185</f>
        <v>61.381999999999998</v>
      </c>
      <c r="B6177" s="3">
        <f>'CPT Data'!C6185</f>
        <v>61.375</v>
      </c>
      <c r="C6177" t="str">
        <f>'CPT Data'!P6185</f>
        <v>SAND</v>
      </c>
      <c r="D6177" t="e">
        <f>'CPT Data'!Q6185</f>
        <v>#N/A</v>
      </c>
      <c r="E6177" t="e">
        <f t="shared" si="97"/>
        <v>#N/A</v>
      </c>
      <c r="F6177" t="str">
        <f>IF(C6177="CLAY", INDEX(D$4:D6177, MATCH("CLAY", C$4:C6177, 0)), "")</f>
        <v/>
      </c>
    </row>
    <row r="6178" spans="1:6" x14ac:dyDescent="0.2">
      <c r="A6178" s="239">
        <f>'CPT Data'!B6186</f>
        <v>61.393000000000001</v>
      </c>
      <c r="B6178" s="3">
        <f>'CPT Data'!C6186</f>
        <v>61.386000000000003</v>
      </c>
      <c r="C6178" t="str">
        <f>'CPT Data'!P6186</f>
        <v>SAND</v>
      </c>
      <c r="D6178" t="e">
        <f>'CPT Data'!Q6186</f>
        <v>#N/A</v>
      </c>
      <c r="E6178" t="e">
        <f t="shared" si="97"/>
        <v>#N/A</v>
      </c>
      <c r="F6178" t="str">
        <f>IF(C6178="CLAY", INDEX(D$4:D6178, MATCH("CLAY", C$4:C6178, 0)), "")</f>
        <v/>
      </c>
    </row>
    <row r="6179" spans="1:6" x14ac:dyDescent="0.2">
      <c r="A6179" s="239">
        <f>'CPT Data'!B6187</f>
        <v>61.402000000000001</v>
      </c>
      <c r="B6179" s="3">
        <f>'CPT Data'!C6187</f>
        <v>61.395000000000003</v>
      </c>
      <c r="C6179" t="str">
        <f>'CPT Data'!P6187</f>
        <v>SAND</v>
      </c>
      <c r="D6179" t="e">
        <f>'CPT Data'!Q6187</f>
        <v>#N/A</v>
      </c>
      <c r="E6179" t="e">
        <f t="shared" si="97"/>
        <v>#N/A</v>
      </c>
      <c r="F6179" t="str">
        <f>IF(C6179="CLAY", INDEX(D$4:D6179, MATCH("CLAY", C$4:C6179, 0)), "")</f>
        <v/>
      </c>
    </row>
    <row r="6180" spans="1:6" x14ac:dyDescent="0.2">
      <c r="A6180" s="239">
        <f>'CPT Data'!B6188</f>
        <v>61.412999999999997</v>
      </c>
      <c r="B6180" s="3">
        <f>'CPT Data'!C6188</f>
        <v>61.405999999999999</v>
      </c>
      <c r="C6180" t="str">
        <f>'CPT Data'!P6188</f>
        <v>SAND</v>
      </c>
      <c r="D6180" t="e">
        <f>'CPT Data'!Q6188</f>
        <v>#N/A</v>
      </c>
      <c r="E6180" t="e">
        <f t="shared" si="97"/>
        <v>#N/A</v>
      </c>
      <c r="F6180" t="str">
        <f>IF(C6180="CLAY", INDEX(D$4:D6180, MATCH("CLAY", C$4:C6180, 0)), "")</f>
        <v/>
      </c>
    </row>
    <row r="6181" spans="1:6" x14ac:dyDescent="0.2">
      <c r="A6181" s="239">
        <f>'CPT Data'!B6189</f>
        <v>61.423000000000002</v>
      </c>
      <c r="B6181" s="3">
        <f>'CPT Data'!C6189</f>
        <v>61.416000000000004</v>
      </c>
      <c r="C6181" t="str">
        <f>'CPT Data'!P6189</f>
        <v>SAND</v>
      </c>
      <c r="D6181" t="e">
        <f>'CPT Data'!Q6189</f>
        <v>#N/A</v>
      </c>
      <c r="E6181" t="e">
        <f t="shared" si="97"/>
        <v>#N/A</v>
      </c>
      <c r="F6181" t="str">
        <f>IF(C6181="CLAY", INDEX(D$4:D6181, MATCH("CLAY", C$4:C6181, 0)), "")</f>
        <v/>
      </c>
    </row>
    <row r="6182" spans="1:6" x14ac:dyDescent="0.2">
      <c r="A6182" s="239">
        <f>'CPT Data'!B6190</f>
        <v>61.433</v>
      </c>
      <c r="B6182" s="3">
        <f>'CPT Data'!C6190</f>
        <v>61.426000000000002</v>
      </c>
      <c r="C6182" t="str">
        <f>'CPT Data'!P6190</f>
        <v>SAND</v>
      </c>
      <c r="D6182" t="e">
        <f>'CPT Data'!Q6190</f>
        <v>#N/A</v>
      </c>
      <c r="E6182" t="e">
        <f t="shared" si="97"/>
        <v>#N/A</v>
      </c>
      <c r="F6182" t="str">
        <f>IF(C6182="CLAY", INDEX(D$4:D6182, MATCH("CLAY", C$4:C6182, 0)), "")</f>
        <v/>
      </c>
    </row>
    <row r="6183" spans="1:6" x14ac:dyDescent="0.2">
      <c r="A6183" s="239">
        <f>'CPT Data'!B6191</f>
        <v>61.442999999999998</v>
      </c>
      <c r="B6183" s="3">
        <f>'CPT Data'!C6191</f>
        <v>61.436</v>
      </c>
      <c r="C6183" t="str">
        <f>'CPT Data'!P6191</f>
        <v>SAND</v>
      </c>
      <c r="D6183" t="e">
        <f>'CPT Data'!Q6191</f>
        <v>#N/A</v>
      </c>
      <c r="E6183" t="e">
        <f t="shared" si="97"/>
        <v>#N/A</v>
      </c>
      <c r="F6183" t="str">
        <f>IF(C6183="CLAY", INDEX(D$4:D6183, MATCH("CLAY", C$4:C6183, 0)), "")</f>
        <v/>
      </c>
    </row>
    <row r="6184" spans="1:6" x14ac:dyDescent="0.2">
      <c r="A6184" s="239">
        <f>'CPT Data'!B6192</f>
        <v>61.454000000000001</v>
      </c>
      <c r="B6184" s="3">
        <f>'CPT Data'!C6192</f>
        <v>61.447000000000003</v>
      </c>
      <c r="C6184" t="str">
        <f>'CPT Data'!P6192</f>
        <v>SAND</v>
      </c>
      <c r="D6184" t="e">
        <f>'CPT Data'!Q6192</f>
        <v>#N/A</v>
      </c>
      <c r="E6184" t="e">
        <f t="shared" si="97"/>
        <v>#N/A</v>
      </c>
      <c r="F6184" t="str">
        <f>IF(C6184="CLAY", INDEX(D$4:D6184, MATCH("CLAY", C$4:C6184, 0)), "")</f>
        <v/>
      </c>
    </row>
    <row r="6185" spans="1:6" x14ac:dyDescent="0.2">
      <c r="A6185" s="239">
        <f>'CPT Data'!B6193</f>
        <v>61.463999999999999</v>
      </c>
      <c r="B6185" s="3">
        <f>'CPT Data'!C6193</f>
        <v>61.457000000000001</v>
      </c>
      <c r="C6185" t="str">
        <f>'CPT Data'!P6193</f>
        <v>SAND</v>
      </c>
      <c r="D6185" t="e">
        <f>'CPT Data'!Q6193</f>
        <v>#N/A</v>
      </c>
      <c r="E6185" t="e">
        <f t="shared" si="97"/>
        <v>#N/A</v>
      </c>
      <c r="F6185" t="str">
        <f>IF(C6185="CLAY", INDEX(D$4:D6185, MATCH("CLAY", C$4:C6185, 0)), "")</f>
        <v/>
      </c>
    </row>
    <row r="6186" spans="1:6" x14ac:dyDescent="0.2">
      <c r="A6186" s="239">
        <f>'CPT Data'!B6194</f>
        <v>61.473999999999997</v>
      </c>
      <c r="B6186" s="3">
        <f>'CPT Data'!C6194</f>
        <v>61.466999999999999</v>
      </c>
      <c r="C6186" t="str">
        <f>'CPT Data'!P6194</f>
        <v>SAND</v>
      </c>
      <c r="D6186" t="e">
        <f>'CPT Data'!Q6194</f>
        <v>#N/A</v>
      </c>
      <c r="E6186" t="e">
        <f t="shared" si="97"/>
        <v>#N/A</v>
      </c>
      <c r="F6186" t="str">
        <f>IF(C6186="CLAY", INDEX(D$4:D6186, MATCH("CLAY", C$4:C6186, 0)), "")</f>
        <v/>
      </c>
    </row>
    <row r="6187" spans="1:6" x14ac:dyDescent="0.2">
      <c r="A6187" s="239">
        <f>'CPT Data'!B6195</f>
        <v>61.484999999999999</v>
      </c>
      <c r="B6187" s="3">
        <f>'CPT Data'!C6195</f>
        <v>61.478000000000002</v>
      </c>
      <c r="C6187" t="str">
        <f>'CPT Data'!P6195</f>
        <v>SAND</v>
      </c>
      <c r="D6187" t="e">
        <f>'CPT Data'!Q6195</f>
        <v>#N/A</v>
      </c>
      <c r="E6187" t="e">
        <f t="shared" si="97"/>
        <v>#N/A</v>
      </c>
      <c r="F6187" t="str">
        <f>IF(C6187="CLAY", INDEX(D$4:D6187, MATCH("CLAY", C$4:C6187, 0)), "")</f>
        <v/>
      </c>
    </row>
    <row r="6188" spans="1:6" x14ac:dyDescent="0.2">
      <c r="A6188" s="239">
        <f>'CPT Data'!B6196</f>
        <v>61.494999999999997</v>
      </c>
      <c r="B6188" s="3">
        <f>'CPT Data'!C6196</f>
        <v>61.488</v>
      </c>
      <c r="C6188" t="str">
        <f>'CPT Data'!P6196</f>
        <v>SAND</v>
      </c>
      <c r="D6188" t="e">
        <f>'CPT Data'!Q6196</f>
        <v>#N/A</v>
      </c>
      <c r="E6188" t="e">
        <f t="shared" si="97"/>
        <v>#N/A</v>
      </c>
      <c r="F6188" t="str">
        <f>IF(C6188="CLAY", INDEX(D$4:D6188, MATCH("CLAY", C$4:C6188, 0)), "")</f>
        <v/>
      </c>
    </row>
    <row r="6189" spans="1:6" x14ac:dyDescent="0.2">
      <c r="A6189" s="239">
        <f>'CPT Data'!B6197</f>
        <v>61.505000000000003</v>
      </c>
      <c r="B6189" s="3">
        <f>'CPT Data'!C6197</f>
        <v>61.498000000000005</v>
      </c>
      <c r="C6189" t="str">
        <f>'CPT Data'!P6197</f>
        <v>SAND</v>
      </c>
      <c r="D6189" t="e">
        <f>'CPT Data'!Q6197</f>
        <v>#N/A</v>
      </c>
      <c r="E6189" t="e">
        <f t="shared" si="97"/>
        <v>#N/A</v>
      </c>
      <c r="F6189" t="str">
        <f>IF(C6189="CLAY", INDEX(D$4:D6189, MATCH("CLAY", C$4:C6189, 0)), "")</f>
        <v/>
      </c>
    </row>
    <row r="6190" spans="1:6" x14ac:dyDescent="0.2">
      <c r="A6190" s="239">
        <f>'CPT Data'!B6198</f>
        <v>61.515999999999998</v>
      </c>
      <c r="B6190" s="3">
        <f>'CPT Data'!C6198</f>
        <v>61.509</v>
      </c>
      <c r="C6190" t="str">
        <f>'CPT Data'!P6198</f>
        <v>SAND</v>
      </c>
      <c r="D6190" t="e">
        <f>'CPT Data'!Q6198</f>
        <v>#N/A</v>
      </c>
      <c r="E6190" t="e">
        <f t="shared" si="97"/>
        <v>#N/A</v>
      </c>
      <c r="F6190" t="str">
        <f>IF(C6190="CLAY", INDEX(D$4:D6190, MATCH("CLAY", C$4:C6190, 0)), "")</f>
        <v/>
      </c>
    </row>
    <row r="6191" spans="1:6" x14ac:dyDescent="0.2">
      <c r="A6191" s="239">
        <f>'CPT Data'!B6199</f>
        <v>61.526000000000003</v>
      </c>
      <c r="B6191" s="3">
        <f>'CPT Data'!C6199</f>
        <v>61.519000000000005</v>
      </c>
      <c r="C6191" t="str">
        <f>'CPT Data'!P6199</f>
        <v>SAND</v>
      </c>
      <c r="D6191" t="e">
        <f>'CPT Data'!Q6199</f>
        <v>#N/A</v>
      </c>
      <c r="E6191" t="e">
        <f t="shared" si="97"/>
        <v>#N/A</v>
      </c>
      <c r="F6191" t="str">
        <f>IF(C6191="CLAY", INDEX(D$4:D6191, MATCH("CLAY", C$4:C6191, 0)), "")</f>
        <v/>
      </c>
    </row>
    <row r="6192" spans="1:6" x14ac:dyDescent="0.2">
      <c r="A6192" s="239">
        <f>'CPT Data'!B6200</f>
        <v>61.536000000000001</v>
      </c>
      <c r="B6192" s="3">
        <f>'CPT Data'!C6200</f>
        <v>61.529000000000003</v>
      </c>
      <c r="C6192" t="str">
        <f>'CPT Data'!P6200</f>
        <v>SAND</v>
      </c>
      <c r="D6192" t="e">
        <f>'CPT Data'!Q6200</f>
        <v>#N/A</v>
      </c>
      <c r="E6192" t="e">
        <f t="shared" si="97"/>
        <v>#N/A</v>
      </c>
      <c r="F6192" t="str">
        <f>IF(C6192="CLAY", INDEX(D$4:D6192, MATCH("CLAY", C$4:C6192, 0)), "")</f>
        <v/>
      </c>
    </row>
    <row r="6193" spans="1:6" x14ac:dyDescent="0.2">
      <c r="A6193" s="239">
        <f>'CPT Data'!B6201</f>
        <v>61.545000000000002</v>
      </c>
      <c r="B6193" s="3">
        <f>'CPT Data'!C6201</f>
        <v>61.538000000000004</v>
      </c>
      <c r="C6193" t="str">
        <f>'CPT Data'!P6201</f>
        <v>SAND</v>
      </c>
      <c r="D6193" t="e">
        <f>'CPT Data'!Q6201</f>
        <v>#N/A</v>
      </c>
      <c r="E6193" t="e">
        <f t="shared" si="97"/>
        <v>#N/A</v>
      </c>
      <c r="F6193" t="str">
        <f>IF(C6193="CLAY", INDEX(D$4:D6193, MATCH("CLAY", C$4:C6193, 0)), "")</f>
        <v/>
      </c>
    </row>
    <row r="6194" spans="1:6" x14ac:dyDescent="0.2">
      <c r="A6194" s="239">
        <f>'CPT Data'!B6202</f>
        <v>61.555999999999997</v>
      </c>
      <c r="B6194" s="3">
        <f>'CPT Data'!C6202</f>
        <v>61.548999999999999</v>
      </c>
      <c r="C6194" t="str">
        <f>'CPT Data'!P6202</f>
        <v>SAND</v>
      </c>
      <c r="D6194" t="e">
        <f>'CPT Data'!Q6202</f>
        <v>#N/A</v>
      </c>
      <c r="E6194" t="e">
        <f t="shared" si="97"/>
        <v>#N/A</v>
      </c>
      <c r="F6194" t="str">
        <f>IF(C6194="CLAY", INDEX(D$4:D6194, MATCH("CLAY", C$4:C6194, 0)), "")</f>
        <v/>
      </c>
    </row>
    <row r="6195" spans="1:6" x14ac:dyDescent="0.2">
      <c r="A6195" s="239">
        <f>'CPT Data'!B6203</f>
        <v>61.566000000000003</v>
      </c>
      <c r="B6195" s="3">
        <f>'CPT Data'!C6203</f>
        <v>61.559000000000005</v>
      </c>
      <c r="C6195" t="str">
        <f>'CPT Data'!P6203</f>
        <v>SAND</v>
      </c>
      <c r="D6195" t="e">
        <f>'CPT Data'!Q6203</f>
        <v>#N/A</v>
      </c>
      <c r="E6195" t="e">
        <f t="shared" si="97"/>
        <v>#N/A</v>
      </c>
      <c r="F6195" t="str">
        <f>IF(C6195="CLAY", INDEX(D$4:D6195, MATCH("CLAY", C$4:C6195, 0)), "")</f>
        <v/>
      </c>
    </row>
    <row r="6196" spans="1:6" x14ac:dyDescent="0.2">
      <c r="A6196" s="239">
        <f>'CPT Data'!B6204</f>
        <v>61.575000000000003</v>
      </c>
      <c r="B6196" s="3">
        <f>'CPT Data'!C6204</f>
        <v>61.568000000000005</v>
      </c>
      <c r="C6196" t="str">
        <f>'CPT Data'!P6204</f>
        <v>SAND</v>
      </c>
      <c r="D6196" t="e">
        <f>'CPT Data'!Q6204</f>
        <v>#N/A</v>
      </c>
      <c r="E6196" t="e">
        <f t="shared" si="97"/>
        <v>#N/A</v>
      </c>
      <c r="F6196" t="str">
        <f>IF(C6196="CLAY", INDEX(D$4:D6196, MATCH("CLAY", C$4:C6196, 0)), "")</f>
        <v/>
      </c>
    </row>
    <row r="6197" spans="1:6" x14ac:dyDescent="0.2">
      <c r="A6197" s="239">
        <f>'CPT Data'!B6205</f>
        <v>61.585999999999999</v>
      </c>
      <c r="B6197" s="3">
        <f>'CPT Data'!C6205</f>
        <v>61.579000000000001</v>
      </c>
      <c r="C6197" t="str">
        <f>'CPT Data'!P6205</f>
        <v>SAND</v>
      </c>
      <c r="D6197" t="e">
        <f>'CPT Data'!Q6205</f>
        <v>#N/A</v>
      </c>
      <c r="E6197" t="e">
        <f t="shared" si="97"/>
        <v>#N/A</v>
      </c>
      <c r="F6197" t="str">
        <f>IF(C6197="CLAY", INDEX(D$4:D6197, MATCH("CLAY", C$4:C6197, 0)), "")</f>
        <v/>
      </c>
    </row>
    <row r="6198" spans="1:6" x14ac:dyDescent="0.2">
      <c r="A6198" s="239">
        <f>'CPT Data'!B6206</f>
        <v>61.594999999999999</v>
      </c>
      <c r="B6198" s="3">
        <f>'CPT Data'!C6206</f>
        <v>61.588000000000001</v>
      </c>
      <c r="C6198" t="str">
        <f>'CPT Data'!P6206</f>
        <v>SAND</v>
      </c>
      <c r="D6198" t="e">
        <f>'CPT Data'!Q6206</f>
        <v>#N/A</v>
      </c>
      <c r="E6198" t="e">
        <f t="shared" si="97"/>
        <v>#N/A</v>
      </c>
      <c r="F6198" t="str">
        <f>IF(C6198="CLAY", INDEX(D$4:D6198, MATCH("CLAY", C$4:C6198, 0)), "")</f>
        <v/>
      </c>
    </row>
    <row r="6199" spans="1:6" x14ac:dyDescent="0.2">
      <c r="A6199" s="239">
        <f>'CPT Data'!B6207</f>
        <v>61.604999999999997</v>
      </c>
      <c r="B6199" s="3">
        <f>'CPT Data'!C6207</f>
        <v>61.597999999999999</v>
      </c>
      <c r="C6199" t="str">
        <f>'CPT Data'!P6207</f>
        <v>SAND</v>
      </c>
      <c r="D6199" t="e">
        <f>'CPT Data'!Q6207</f>
        <v>#N/A</v>
      </c>
      <c r="E6199" t="e">
        <f t="shared" si="97"/>
        <v>#N/A</v>
      </c>
      <c r="F6199" t="str">
        <f>IF(C6199="CLAY", INDEX(D$4:D6199, MATCH("CLAY", C$4:C6199, 0)), "")</f>
        <v/>
      </c>
    </row>
    <row r="6200" spans="1:6" x14ac:dyDescent="0.2">
      <c r="A6200" s="239">
        <f>'CPT Data'!B6208</f>
        <v>61.616</v>
      </c>
      <c r="B6200" s="3">
        <f>'CPT Data'!C6208</f>
        <v>61.609000000000002</v>
      </c>
      <c r="C6200" t="str">
        <f>'CPT Data'!P6208</f>
        <v>SAND</v>
      </c>
      <c r="D6200" t="e">
        <f>'CPT Data'!Q6208</f>
        <v>#N/A</v>
      </c>
      <c r="E6200" t="e">
        <f t="shared" si="97"/>
        <v>#N/A</v>
      </c>
      <c r="F6200" t="str">
        <f>IF(C6200="CLAY", INDEX(D$4:D6200, MATCH("CLAY", C$4:C6200, 0)), "")</f>
        <v/>
      </c>
    </row>
    <row r="6201" spans="1:6" x14ac:dyDescent="0.2">
      <c r="A6201" s="239">
        <f>'CPT Data'!B6209</f>
        <v>61.625</v>
      </c>
      <c r="B6201" s="3">
        <f>'CPT Data'!C6209</f>
        <v>61.618000000000002</v>
      </c>
      <c r="C6201" t="str">
        <f>'CPT Data'!P6209</f>
        <v>SAND</v>
      </c>
      <c r="D6201" t="e">
        <f>'CPT Data'!Q6209</f>
        <v>#N/A</v>
      </c>
      <c r="E6201" t="e">
        <f t="shared" si="97"/>
        <v>#N/A</v>
      </c>
      <c r="F6201" t="str">
        <f>IF(C6201="CLAY", INDEX(D$4:D6201, MATCH("CLAY", C$4:C6201, 0)), "")</f>
        <v/>
      </c>
    </row>
    <row r="6202" spans="1:6" x14ac:dyDescent="0.2">
      <c r="A6202" s="239">
        <f>'CPT Data'!B6210</f>
        <v>61.634999999999998</v>
      </c>
      <c r="B6202" s="3">
        <f>'CPT Data'!C6210</f>
        <v>61.628</v>
      </c>
      <c r="C6202" t="str">
        <f>'CPT Data'!P6210</f>
        <v>SAND</v>
      </c>
      <c r="D6202" t="e">
        <f>'CPT Data'!Q6210</f>
        <v>#N/A</v>
      </c>
      <c r="E6202" t="e">
        <f t="shared" si="97"/>
        <v>#N/A</v>
      </c>
      <c r="F6202" t="str">
        <f>IF(C6202="CLAY", INDEX(D$4:D6202, MATCH("CLAY", C$4:C6202, 0)), "")</f>
        <v/>
      </c>
    </row>
    <row r="6203" spans="1:6" x14ac:dyDescent="0.2">
      <c r="A6203" s="239">
        <f>'CPT Data'!B6211</f>
        <v>61.645000000000003</v>
      </c>
      <c r="B6203" s="3">
        <f>'CPT Data'!C6211</f>
        <v>61.638000000000005</v>
      </c>
      <c r="C6203" t="str">
        <f>'CPT Data'!P6211</f>
        <v>SAND</v>
      </c>
      <c r="D6203" t="e">
        <f>'CPT Data'!Q6211</f>
        <v>#N/A</v>
      </c>
      <c r="E6203" t="e">
        <f t="shared" si="97"/>
        <v>#N/A</v>
      </c>
      <c r="F6203" t="str">
        <f>IF(C6203="CLAY", INDEX(D$4:D6203, MATCH("CLAY", C$4:C6203, 0)), "")</f>
        <v/>
      </c>
    </row>
    <row r="6204" spans="1:6" x14ac:dyDescent="0.2">
      <c r="A6204" s="239">
        <f>'CPT Data'!B6212</f>
        <v>61.654000000000003</v>
      </c>
      <c r="B6204" s="3">
        <f>'CPT Data'!C6212</f>
        <v>61.647000000000006</v>
      </c>
      <c r="C6204" t="str">
        <f>'CPT Data'!P6212</f>
        <v>SAND</v>
      </c>
      <c r="D6204" t="e">
        <f>'CPT Data'!Q6212</f>
        <v>#N/A</v>
      </c>
      <c r="E6204" t="e">
        <f t="shared" si="97"/>
        <v>#N/A</v>
      </c>
      <c r="F6204" t="str">
        <f>IF(C6204="CLAY", INDEX(D$4:D6204, MATCH("CLAY", C$4:C6204, 0)), "")</f>
        <v/>
      </c>
    </row>
    <row r="6205" spans="1:6" x14ac:dyDescent="0.2">
      <c r="A6205" s="239">
        <f>'CPT Data'!B6213</f>
        <v>61.664999999999999</v>
      </c>
      <c r="B6205" s="3">
        <f>'CPT Data'!C6213</f>
        <v>61.658000000000001</v>
      </c>
      <c r="C6205" t="str">
        <f>'CPT Data'!P6213</f>
        <v>SAND</v>
      </c>
      <c r="D6205" t="e">
        <f>'CPT Data'!Q6213</f>
        <v>#N/A</v>
      </c>
      <c r="E6205" t="e">
        <f t="shared" si="97"/>
        <v>#N/A</v>
      </c>
      <c r="F6205" t="str">
        <f>IF(C6205="CLAY", INDEX(D$4:D6205, MATCH("CLAY", C$4:C6205, 0)), "")</f>
        <v/>
      </c>
    </row>
    <row r="6206" spans="1:6" x14ac:dyDescent="0.2">
      <c r="A6206" s="239">
        <f>'CPT Data'!B6214</f>
        <v>61.674999999999997</v>
      </c>
      <c r="B6206" s="3">
        <f>'CPT Data'!C6214</f>
        <v>61.667999999999999</v>
      </c>
      <c r="C6206" t="str">
        <f>'CPT Data'!P6214</f>
        <v>SAND</v>
      </c>
      <c r="D6206" t="e">
        <f>'CPT Data'!Q6214</f>
        <v>#N/A</v>
      </c>
      <c r="E6206" t="e">
        <f t="shared" si="97"/>
        <v>#N/A</v>
      </c>
      <c r="F6206" t="str">
        <f>IF(C6206="CLAY", INDEX(D$4:D6206, MATCH("CLAY", C$4:C6206, 0)), "")</f>
        <v/>
      </c>
    </row>
    <row r="6207" spans="1:6" x14ac:dyDescent="0.2">
      <c r="A6207" s="239">
        <f>'CPT Data'!B6215</f>
        <v>61.685000000000002</v>
      </c>
      <c r="B6207" s="3">
        <f>'CPT Data'!C6215</f>
        <v>61.678000000000004</v>
      </c>
      <c r="C6207" t="str">
        <f>'CPT Data'!P6215</f>
        <v>SAND</v>
      </c>
      <c r="D6207" t="e">
        <f>'CPT Data'!Q6215</f>
        <v>#N/A</v>
      </c>
      <c r="E6207" t="e">
        <f t="shared" si="97"/>
        <v>#N/A</v>
      </c>
      <c r="F6207" t="str">
        <f>IF(C6207="CLAY", INDEX(D$4:D6207, MATCH("CLAY", C$4:C6207, 0)), "")</f>
        <v/>
      </c>
    </row>
    <row r="6208" spans="1:6" x14ac:dyDescent="0.2">
      <c r="A6208" s="239">
        <f>'CPT Data'!B6216</f>
        <v>61.695999999999998</v>
      </c>
      <c r="B6208" s="3">
        <f>'CPT Data'!C6216</f>
        <v>61.689</v>
      </c>
      <c r="C6208" t="str">
        <f>'CPT Data'!P6216</f>
        <v>SAND</v>
      </c>
      <c r="D6208" t="e">
        <f>'CPT Data'!Q6216</f>
        <v>#N/A</v>
      </c>
      <c r="E6208" t="e">
        <f t="shared" si="97"/>
        <v>#N/A</v>
      </c>
      <c r="F6208" t="str">
        <f>IF(C6208="CLAY", INDEX(D$4:D6208, MATCH("CLAY", C$4:C6208, 0)), "")</f>
        <v/>
      </c>
    </row>
    <row r="6209" spans="1:6" x14ac:dyDescent="0.2">
      <c r="A6209" s="239">
        <f>'CPT Data'!B6217</f>
        <v>61.706000000000003</v>
      </c>
      <c r="B6209" s="3">
        <f>'CPT Data'!C6217</f>
        <v>61.699000000000005</v>
      </c>
      <c r="C6209" t="str">
        <f>'CPT Data'!P6217</f>
        <v>SAND</v>
      </c>
      <c r="D6209" t="e">
        <f>'CPT Data'!Q6217</f>
        <v>#N/A</v>
      </c>
      <c r="E6209" t="e">
        <f t="shared" si="97"/>
        <v>#N/A</v>
      </c>
      <c r="F6209" t="str">
        <f>IF(C6209="CLAY", INDEX(D$4:D6209, MATCH("CLAY", C$4:C6209, 0)), "")</f>
        <v/>
      </c>
    </row>
    <row r="6210" spans="1:6" x14ac:dyDescent="0.2">
      <c r="A6210" s="239">
        <f>'CPT Data'!B6218</f>
        <v>61.716000000000001</v>
      </c>
      <c r="B6210" s="3">
        <f>'CPT Data'!C6218</f>
        <v>61.709000000000003</v>
      </c>
      <c r="C6210" t="str">
        <f>'CPT Data'!P6218</f>
        <v>SAND</v>
      </c>
      <c r="D6210" t="e">
        <f>'CPT Data'!Q6218</f>
        <v>#N/A</v>
      </c>
      <c r="E6210" t="e">
        <f t="shared" si="97"/>
        <v>#N/A</v>
      </c>
      <c r="F6210" t="str">
        <f>IF(C6210="CLAY", INDEX(D$4:D6210, MATCH("CLAY", C$4:C6210, 0)), "")</f>
        <v/>
      </c>
    </row>
    <row r="6211" spans="1:6" x14ac:dyDescent="0.2">
      <c r="A6211" s="239">
        <f>'CPT Data'!B6219</f>
        <v>61.726999999999997</v>
      </c>
      <c r="B6211" s="3">
        <f>'CPT Data'!C6219</f>
        <v>61.72</v>
      </c>
      <c r="C6211" t="str">
        <f>'CPT Data'!P6219</f>
        <v>SAND</v>
      </c>
      <c r="D6211" t="e">
        <f>'CPT Data'!Q6219</f>
        <v>#N/A</v>
      </c>
      <c r="E6211" t="e">
        <f t="shared" si="97"/>
        <v>#N/A</v>
      </c>
      <c r="F6211" t="str">
        <f>IF(C6211="CLAY", INDEX(D$4:D6211, MATCH("CLAY", C$4:C6211, 0)), "")</f>
        <v/>
      </c>
    </row>
    <row r="6212" spans="1:6" x14ac:dyDescent="0.2">
      <c r="A6212" s="239">
        <f>'CPT Data'!B6220</f>
        <v>61.735999999999997</v>
      </c>
      <c r="B6212" s="3">
        <f>'CPT Data'!C6220</f>
        <v>61.728999999999999</v>
      </c>
      <c r="C6212" t="str">
        <f>'CPT Data'!P6220</f>
        <v>SAND</v>
      </c>
      <c r="D6212" t="e">
        <f>'CPT Data'!Q6220</f>
        <v>#N/A</v>
      </c>
      <c r="E6212" t="e">
        <f t="shared" si="97"/>
        <v>#N/A</v>
      </c>
      <c r="F6212" t="str">
        <f>IF(C6212="CLAY", INDEX(D$4:D6212, MATCH("CLAY", C$4:C6212, 0)), "")</f>
        <v/>
      </c>
    </row>
    <row r="6213" spans="1:6" x14ac:dyDescent="0.2">
      <c r="A6213" s="239">
        <f>'CPT Data'!B6221</f>
        <v>61.746000000000002</v>
      </c>
      <c r="B6213" s="3">
        <f>'CPT Data'!C6221</f>
        <v>61.739000000000004</v>
      </c>
      <c r="C6213" t="str">
        <f>'CPT Data'!P6221</f>
        <v>SAND</v>
      </c>
      <c r="D6213" t="e">
        <f>'CPT Data'!Q6221</f>
        <v>#N/A</v>
      </c>
      <c r="E6213" t="e">
        <f t="shared" si="97"/>
        <v>#N/A</v>
      </c>
      <c r="F6213" t="str">
        <f>IF(C6213="CLAY", INDEX(D$4:D6213, MATCH("CLAY", C$4:C6213, 0)), "")</f>
        <v/>
      </c>
    </row>
    <row r="6214" spans="1:6" x14ac:dyDescent="0.2">
      <c r="A6214" s="239">
        <f>'CPT Data'!B6222</f>
        <v>61.756999999999998</v>
      </c>
      <c r="B6214" s="3">
        <f>'CPT Data'!C6222</f>
        <v>61.75</v>
      </c>
      <c r="C6214" t="str">
        <f>'CPT Data'!P6222</f>
        <v>SAND</v>
      </c>
      <c r="D6214" t="e">
        <f>'CPT Data'!Q6222</f>
        <v>#N/A</v>
      </c>
      <c r="E6214" t="e">
        <f t="shared" si="97"/>
        <v>#N/A</v>
      </c>
      <c r="F6214" t="str">
        <f>IF(C6214="CLAY", INDEX(D$4:D6214, MATCH("CLAY", C$4:C6214, 0)), "")</f>
        <v/>
      </c>
    </row>
    <row r="6215" spans="1:6" x14ac:dyDescent="0.2">
      <c r="A6215" s="239">
        <f>'CPT Data'!B6223</f>
        <v>61.767000000000003</v>
      </c>
      <c r="B6215" s="3">
        <f>'CPT Data'!C6223</f>
        <v>61.760000000000005</v>
      </c>
      <c r="C6215" t="str">
        <f>'CPT Data'!P6223</f>
        <v>SAND</v>
      </c>
      <c r="D6215" t="e">
        <f>'CPT Data'!Q6223</f>
        <v>#N/A</v>
      </c>
      <c r="E6215" t="e">
        <f t="shared" si="97"/>
        <v>#N/A</v>
      </c>
      <c r="F6215" t="str">
        <f>IF(C6215="CLAY", INDEX(D$4:D6215, MATCH("CLAY", C$4:C6215, 0)), "")</f>
        <v/>
      </c>
    </row>
    <row r="6216" spans="1:6" x14ac:dyDescent="0.2">
      <c r="A6216" s="239">
        <f>'CPT Data'!B6224</f>
        <v>61.776000000000003</v>
      </c>
      <c r="B6216" s="3">
        <f>'CPT Data'!C6224</f>
        <v>61.769000000000005</v>
      </c>
      <c r="C6216" t="str">
        <f>'CPT Data'!P6224</f>
        <v>SAND</v>
      </c>
      <c r="D6216" t="e">
        <f>'CPT Data'!Q6224</f>
        <v>#N/A</v>
      </c>
      <c r="E6216" t="e">
        <f t="shared" si="97"/>
        <v>#N/A</v>
      </c>
      <c r="F6216" t="str">
        <f>IF(C6216="CLAY", INDEX(D$4:D6216, MATCH("CLAY", C$4:C6216, 0)), "")</f>
        <v/>
      </c>
    </row>
    <row r="6217" spans="1:6" x14ac:dyDescent="0.2">
      <c r="A6217" s="239">
        <f>'CPT Data'!B6225</f>
        <v>61.783000000000001</v>
      </c>
      <c r="B6217" s="3">
        <f>'CPT Data'!C6225</f>
        <v>61.776000000000003</v>
      </c>
      <c r="C6217" t="str">
        <f>'CPT Data'!P6225</f>
        <v>SAND</v>
      </c>
      <c r="D6217" t="e">
        <f>'CPT Data'!Q6225</f>
        <v>#N/A</v>
      </c>
      <c r="E6217" t="e">
        <f t="shared" si="97"/>
        <v>#N/A</v>
      </c>
      <c r="F6217" t="str">
        <f>IF(C6217="CLAY", INDEX(D$4:D6217, MATCH("CLAY", C$4:C6217, 0)), "")</f>
        <v/>
      </c>
    </row>
    <row r="6218" spans="1:6" x14ac:dyDescent="0.2">
      <c r="A6218" s="239">
        <f>'CPT Data'!B6226</f>
        <v>61.805</v>
      </c>
      <c r="B6218" s="3">
        <f>'CPT Data'!C6226</f>
        <v>61.798000000000002</v>
      </c>
      <c r="C6218" t="str">
        <f>'CPT Data'!P6226</f>
        <v>SAND</v>
      </c>
      <c r="D6218" t="e">
        <f>'CPT Data'!Q6226</f>
        <v>#N/A</v>
      </c>
      <c r="E6218" t="e">
        <f t="shared" si="97"/>
        <v>#N/A</v>
      </c>
      <c r="F6218" t="str">
        <f>IF(C6218="CLAY", INDEX(D$4:D6218, MATCH("CLAY", C$4:C6218, 0)), "")</f>
        <v/>
      </c>
    </row>
    <row r="6219" spans="1:6" x14ac:dyDescent="0.2">
      <c r="A6219" s="239">
        <f>'CPT Data'!B6227</f>
        <v>61.814</v>
      </c>
      <c r="B6219" s="3">
        <f>'CPT Data'!C6227</f>
        <v>61.807000000000002</v>
      </c>
      <c r="C6219" t="str">
        <f>'CPT Data'!P6227</f>
        <v>SAND</v>
      </c>
      <c r="D6219" t="e">
        <f>'CPT Data'!Q6227</f>
        <v>#N/A</v>
      </c>
      <c r="E6219" t="e">
        <f t="shared" si="97"/>
        <v>#N/A</v>
      </c>
      <c r="F6219" t="str">
        <f>IF(C6219="CLAY", INDEX(D$4:D6219, MATCH("CLAY", C$4:C6219, 0)), "")</f>
        <v/>
      </c>
    </row>
    <row r="6220" spans="1:6" x14ac:dyDescent="0.2">
      <c r="A6220" s="239">
        <f>'CPT Data'!B6228</f>
        <v>61.823999999999998</v>
      </c>
      <c r="B6220" s="3">
        <f>'CPT Data'!C6228</f>
        <v>61.817</v>
      </c>
      <c r="C6220" t="str">
        <f>'CPT Data'!P6228</f>
        <v>SAND</v>
      </c>
      <c r="D6220" t="e">
        <f>'CPT Data'!Q6228</f>
        <v>#N/A</v>
      </c>
      <c r="E6220" t="e">
        <f t="shared" si="97"/>
        <v>#N/A</v>
      </c>
      <c r="F6220" t="str">
        <f>IF(C6220="CLAY", INDEX(D$4:D6220, MATCH("CLAY", C$4:C6220, 0)), "")</f>
        <v/>
      </c>
    </row>
    <row r="6221" spans="1:6" x14ac:dyDescent="0.2">
      <c r="A6221" s="239">
        <f>'CPT Data'!B6229</f>
        <v>61.834000000000003</v>
      </c>
      <c r="B6221" s="3">
        <f>'CPT Data'!C6229</f>
        <v>61.827000000000005</v>
      </c>
      <c r="C6221" t="str">
        <f>'CPT Data'!P6229</f>
        <v>SAND</v>
      </c>
      <c r="D6221" t="e">
        <f>'CPT Data'!Q6229</f>
        <v>#N/A</v>
      </c>
      <c r="E6221" t="e">
        <f t="shared" si="97"/>
        <v>#N/A</v>
      </c>
      <c r="F6221" t="str">
        <f>IF(C6221="CLAY", INDEX(D$4:D6221, MATCH("CLAY", C$4:C6221, 0)), "")</f>
        <v/>
      </c>
    </row>
    <row r="6222" spans="1:6" x14ac:dyDescent="0.2">
      <c r="A6222" s="239">
        <f>'CPT Data'!B6230</f>
        <v>61.844999999999999</v>
      </c>
      <c r="B6222" s="3">
        <f>'CPT Data'!C6230</f>
        <v>61.838000000000001</v>
      </c>
      <c r="C6222" t="str">
        <f>'CPT Data'!P6230</f>
        <v>SAND</v>
      </c>
      <c r="D6222" t="e">
        <f>'CPT Data'!Q6230</f>
        <v>#N/A</v>
      </c>
      <c r="E6222" t="e">
        <f t="shared" si="97"/>
        <v>#N/A</v>
      </c>
      <c r="F6222" t="str">
        <f>IF(C6222="CLAY", INDEX(D$4:D6222, MATCH("CLAY", C$4:C6222, 0)), "")</f>
        <v/>
      </c>
    </row>
    <row r="6223" spans="1:6" x14ac:dyDescent="0.2">
      <c r="A6223" s="239">
        <f>'CPT Data'!B6231</f>
        <v>61.854999999999997</v>
      </c>
      <c r="B6223" s="3">
        <f>'CPT Data'!C6231</f>
        <v>61.847999999999999</v>
      </c>
      <c r="C6223" t="str">
        <f>'CPT Data'!P6231</f>
        <v>SAND</v>
      </c>
      <c r="D6223" t="e">
        <f>'CPT Data'!Q6231</f>
        <v>#N/A</v>
      </c>
      <c r="E6223" t="e">
        <f t="shared" si="97"/>
        <v>#N/A</v>
      </c>
      <c r="F6223" t="str">
        <f>IF(C6223="CLAY", INDEX(D$4:D6223, MATCH("CLAY", C$4:C6223, 0)), "")</f>
        <v/>
      </c>
    </row>
    <row r="6224" spans="1:6" x14ac:dyDescent="0.2">
      <c r="A6224" s="239">
        <f>'CPT Data'!B6232</f>
        <v>61.865000000000002</v>
      </c>
      <c r="B6224" s="3">
        <f>'CPT Data'!C6232</f>
        <v>61.858000000000004</v>
      </c>
      <c r="C6224" t="str">
        <f>'CPT Data'!P6232</f>
        <v>SAND</v>
      </c>
      <c r="D6224" t="e">
        <f>'CPT Data'!Q6232</f>
        <v>#N/A</v>
      </c>
      <c r="E6224" t="e">
        <f t="shared" si="97"/>
        <v>#N/A</v>
      </c>
      <c r="F6224" t="str">
        <f>IF(C6224="CLAY", INDEX(D$4:D6224, MATCH("CLAY", C$4:C6224, 0)), "")</f>
        <v/>
      </c>
    </row>
    <row r="6225" spans="1:6" x14ac:dyDescent="0.2">
      <c r="A6225" s="239">
        <f>'CPT Data'!B6233</f>
        <v>61.875999999999998</v>
      </c>
      <c r="B6225" s="3">
        <f>'CPT Data'!C6233</f>
        <v>61.869</v>
      </c>
      <c r="C6225" t="str">
        <f>'CPT Data'!P6233</f>
        <v>SAND</v>
      </c>
      <c r="D6225" t="e">
        <f>'CPT Data'!Q6233</f>
        <v>#N/A</v>
      </c>
      <c r="E6225" t="e">
        <f t="shared" si="97"/>
        <v>#N/A</v>
      </c>
      <c r="F6225" t="str">
        <f>IF(C6225="CLAY", INDEX(D$4:D6225, MATCH("CLAY", C$4:C6225, 0)), "")</f>
        <v/>
      </c>
    </row>
    <row r="6226" spans="1:6" x14ac:dyDescent="0.2">
      <c r="A6226" s="239">
        <f>'CPT Data'!B6234</f>
        <v>61.884999999999998</v>
      </c>
      <c r="B6226" s="3">
        <f>'CPT Data'!C6234</f>
        <v>61.878</v>
      </c>
      <c r="C6226" t="str">
        <f>'CPT Data'!P6234</f>
        <v>SAND</v>
      </c>
      <c r="D6226" t="e">
        <f>'CPT Data'!Q6234</f>
        <v>#N/A</v>
      </c>
      <c r="E6226" t="e">
        <f t="shared" si="97"/>
        <v>#N/A</v>
      </c>
      <c r="F6226" t="str">
        <f>IF(C6226="CLAY", INDEX(D$4:D6226, MATCH("CLAY", C$4:C6226, 0)), "")</f>
        <v/>
      </c>
    </row>
    <row r="6227" spans="1:6" x14ac:dyDescent="0.2">
      <c r="A6227" s="239">
        <f>'CPT Data'!B6235</f>
        <v>61.895000000000003</v>
      </c>
      <c r="B6227" s="3">
        <f>'CPT Data'!C6235</f>
        <v>61.888000000000005</v>
      </c>
      <c r="C6227" t="str">
        <f>'CPT Data'!P6235</f>
        <v>SAND</v>
      </c>
      <c r="D6227" t="e">
        <f>'CPT Data'!Q6235</f>
        <v>#N/A</v>
      </c>
      <c r="E6227" t="e">
        <f t="shared" si="97"/>
        <v>#N/A</v>
      </c>
      <c r="F6227" t="str">
        <f>IF(C6227="CLAY", INDEX(D$4:D6227, MATCH("CLAY", C$4:C6227, 0)), "")</f>
        <v/>
      </c>
    </row>
    <row r="6228" spans="1:6" x14ac:dyDescent="0.2">
      <c r="A6228" s="239">
        <f>'CPT Data'!B6236</f>
        <v>61.905999999999999</v>
      </c>
      <c r="B6228" s="3">
        <f>'CPT Data'!C6236</f>
        <v>61.899000000000001</v>
      </c>
      <c r="C6228" t="str">
        <f>'CPT Data'!P6236</f>
        <v>SAND</v>
      </c>
      <c r="D6228" t="e">
        <f>'CPT Data'!Q6236</f>
        <v>#N/A</v>
      </c>
      <c r="E6228" t="e">
        <f t="shared" si="97"/>
        <v>#N/A</v>
      </c>
      <c r="F6228" t="str">
        <f>IF(C6228="CLAY", INDEX(D$4:D6228, MATCH("CLAY", C$4:C6228, 0)), "")</f>
        <v/>
      </c>
    </row>
    <row r="6229" spans="1:6" x14ac:dyDescent="0.2">
      <c r="A6229" s="239">
        <f>'CPT Data'!B6237</f>
        <v>61.915999999999997</v>
      </c>
      <c r="B6229" s="3">
        <f>'CPT Data'!C6237</f>
        <v>61.908999999999999</v>
      </c>
      <c r="C6229" t="str">
        <f>'CPT Data'!P6237</f>
        <v>SAND</v>
      </c>
      <c r="D6229" t="e">
        <f>'CPT Data'!Q6237</f>
        <v>#N/A</v>
      </c>
      <c r="E6229" t="e">
        <f t="shared" si="97"/>
        <v>#N/A</v>
      </c>
      <c r="F6229" t="str">
        <f>IF(C6229="CLAY", INDEX(D$4:D6229, MATCH("CLAY", C$4:C6229, 0)), "")</f>
        <v/>
      </c>
    </row>
    <row r="6230" spans="1:6" x14ac:dyDescent="0.2">
      <c r="A6230" s="239">
        <f>'CPT Data'!B6238</f>
        <v>61.927</v>
      </c>
      <c r="B6230" s="3">
        <f>'CPT Data'!C6238</f>
        <v>61.92</v>
      </c>
      <c r="C6230" t="str">
        <f>'CPT Data'!P6238</f>
        <v>SAND</v>
      </c>
      <c r="D6230" t="e">
        <f>'CPT Data'!Q6238</f>
        <v>#N/A</v>
      </c>
      <c r="E6230" t="e">
        <f t="shared" si="97"/>
        <v>#N/A</v>
      </c>
      <c r="F6230" t="str">
        <f>IF(C6230="CLAY", INDEX(D$4:D6230, MATCH("CLAY", C$4:C6230, 0)), "")</f>
        <v/>
      </c>
    </row>
    <row r="6231" spans="1:6" x14ac:dyDescent="0.2">
      <c r="A6231" s="239">
        <f>'CPT Data'!B6239</f>
        <v>61.936999999999998</v>
      </c>
      <c r="B6231" s="3">
        <f>'CPT Data'!C6239</f>
        <v>61.93</v>
      </c>
      <c r="C6231" t="str">
        <f>'CPT Data'!P6239</f>
        <v>SAND</v>
      </c>
      <c r="D6231" t="e">
        <f>'CPT Data'!Q6239</f>
        <v>#N/A</v>
      </c>
      <c r="E6231" t="e">
        <f t="shared" si="97"/>
        <v>#N/A</v>
      </c>
      <c r="F6231" t="str">
        <f>IF(C6231="CLAY", INDEX(D$4:D6231, MATCH("CLAY", C$4:C6231, 0)), "")</f>
        <v/>
      </c>
    </row>
    <row r="6232" spans="1:6" x14ac:dyDescent="0.2">
      <c r="A6232" s="239">
        <f>'CPT Data'!B6240</f>
        <v>61.947000000000003</v>
      </c>
      <c r="B6232" s="3">
        <f>'CPT Data'!C6240</f>
        <v>61.940000000000005</v>
      </c>
      <c r="C6232" t="str">
        <f>'CPT Data'!P6240</f>
        <v>SAND</v>
      </c>
      <c r="D6232" t="e">
        <f>'CPT Data'!Q6240</f>
        <v>#N/A</v>
      </c>
      <c r="E6232" t="e">
        <f t="shared" si="97"/>
        <v>#N/A</v>
      </c>
      <c r="F6232" t="str">
        <f>IF(C6232="CLAY", INDEX(D$4:D6232, MATCH("CLAY", C$4:C6232, 0)), "")</f>
        <v/>
      </c>
    </row>
    <row r="6233" spans="1:6" x14ac:dyDescent="0.2">
      <c r="A6233" s="239">
        <f>'CPT Data'!B6241</f>
        <v>61.957000000000001</v>
      </c>
      <c r="B6233" s="3">
        <f>'CPT Data'!C6241</f>
        <v>61.95</v>
      </c>
      <c r="C6233" t="str">
        <f>'CPT Data'!P6241</f>
        <v>SAND</v>
      </c>
      <c r="D6233" t="e">
        <f>'CPT Data'!Q6241</f>
        <v>#N/A</v>
      </c>
      <c r="E6233" t="e">
        <f t="shared" si="97"/>
        <v>#N/A</v>
      </c>
      <c r="F6233" t="str">
        <f>IF(C6233="CLAY", INDEX(D$4:D6233, MATCH("CLAY", C$4:C6233, 0)), "")</f>
        <v/>
      </c>
    </row>
    <row r="6234" spans="1:6" x14ac:dyDescent="0.2">
      <c r="A6234" s="239">
        <f>'CPT Data'!B6242</f>
        <v>61.968000000000004</v>
      </c>
      <c r="B6234" s="3">
        <f>'CPT Data'!C6242</f>
        <v>61.961000000000006</v>
      </c>
      <c r="C6234" t="str">
        <f>'CPT Data'!P6242</f>
        <v>SAND</v>
      </c>
      <c r="D6234" t="e">
        <f>'CPT Data'!Q6242</f>
        <v>#N/A</v>
      </c>
      <c r="E6234" t="e">
        <f t="shared" si="97"/>
        <v>#N/A</v>
      </c>
      <c r="F6234" t="str">
        <f>IF(C6234="CLAY", INDEX(D$4:D6234, MATCH("CLAY", C$4:C6234, 0)), "")</f>
        <v/>
      </c>
    </row>
    <row r="6235" spans="1:6" x14ac:dyDescent="0.2">
      <c r="A6235" s="239">
        <f>'CPT Data'!B6243</f>
        <v>61.978000000000002</v>
      </c>
      <c r="B6235" s="3">
        <f>'CPT Data'!C6243</f>
        <v>61.971000000000004</v>
      </c>
      <c r="C6235" t="str">
        <f>'CPT Data'!P6243</f>
        <v>SAND</v>
      </c>
      <c r="D6235" t="e">
        <f>'CPT Data'!Q6243</f>
        <v>#N/A</v>
      </c>
      <c r="E6235" t="e">
        <f t="shared" ref="E6235:E6298" si="98">IF(C6235="SAND",#N/A,IF(C6235=C6234,D6234,IF(C6235="CLAY",D6235,#N/A)))</f>
        <v>#N/A</v>
      </c>
      <c r="F6235" t="str">
        <f>IF(C6235="CLAY", INDEX(D$4:D6235, MATCH("CLAY", C$4:C6235, 0)), "")</f>
        <v/>
      </c>
    </row>
    <row r="6236" spans="1:6" x14ac:dyDescent="0.2">
      <c r="A6236" s="239">
        <f>'CPT Data'!B6244</f>
        <v>61.988</v>
      </c>
      <c r="B6236" s="3">
        <f>'CPT Data'!C6244</f>
        <v>61.981000000000002</v>
      </c>
      <c r="C6236" t="str">
        <f>'CPT Data'!P6244</f>
        <v>SAND</v>
      </c>
      <c r="D6236" t="e">
        <f>'CPT Data'!Q6244</f>
        <v>#N/A</v>
      </c>
      <c r="E6236" t="e">
        <f t="shared" si="98"/>
        <v>#N/A</v>
      </c>
      <c r="F6236" t="str">
        <f>IF(C6236="CLAY", INDEX(D$4:D6236, MATCH("CLAY", C$4:C6236, 0)), "")</f>
        <v/>
      </c>
    </row>
    <row r="6237" spans="1:6" x14ac:dyDescent="0.2">
      <c r="A6237" s="239">
        <f>'CPT Data'!B6245</f>
        <v>62</v>
      </c>
      <c r="B6237" s="3">
        <f>'CPT Data'!C6245</f>
        <v>61.993000000000002</v>
      </c>
      <c r="C6237" t="str">
        <f>'CPT Data'!P6245</f>
        <v>SAND</v>
      </c>
      <c r="D6237" t="e">
        <f>'CPT Data'!Q6245</f>
        <v>#N/A</v>
      </c>
      <c r="E6237" t="e">
        <f t="shared" si="98"/>
        <v>#N/A</v>
      </c>
      <c r="F6237" t="str">
        <f>IF(C6237="CLAY", INDEX(D$4:D6237, MATCH("CLAY", C$4:C6237, 0)), "")</f>
        <v/>
      </c>
    </row>
    <row r="6238" spans="1:6" x14ac:dyDescent="0.2">
      <c r="A6238" s="239">
        <f>'CPT Data'!B6246</f>
        <v>62.01</v>
      </c>
      <c r="B6238" s="3">
        <f>'CPT Data'!C6246</f>
        <v>62.003</v>
      </c>
      <c r="C6238" t="str">
        <f>'CPT Data'!P6246</f>
        <v>SAND</v>
      </c>
      <c r="D6238" t="e">
        <f>'CPT Data'!Q6246</f>
        <v>#N/A</v>
      </c>
      <c r="E6238" t="e">
        <f t="shared" si="98"/>
        <v>#N/A</v>
      </c>
      <c r="F6238" t="str">
        <f>IF(C6238="CLAY", INDEX(D$4:D6238, MATCH("CLAY", C$4:C6238, 0)), "")</f>
        <v/>
      </c>
    </row>
    <row r="6239" spans="1:6" x14ac:dyDescent="0.2">
      <c r="A6239" s="239">
        <f>'CPT Data'!B6247</f>
        <v>62.021000000000001</v>
      </c>
      <c r="B6239" s="3">
        <f>'CPT Data'!C6247</f>
        <v>62.014000000000003</v>
      </c>
      <c r="C6239" t="str">
        <f>'CPT Data'!P6247</f>
        <v>CLAY</v>
      </c>
      <c r="D6239">
        <f>'CPT Data'!Q6247</f>
        <v>813.18585523142463</v>
      </c>
      <c r="E6239">
        <f t="shared" si="98"/>
        <v>813.18585523142463</v>
      </c>
      <c r="F6239">
        <f>IF(C6239="CLAY", INDEX(D$4:D6239, MATCH("CLAY", C$4:C6239, 0)), "")</f>
        <v>0.75203252561341039</v>
      </c>
    </row>
    <row r="6240" spans="1:6" x14ac:dyDescent="0.2">
      <c r="A6240" s="239">
        <f>'CPT Data'!B6248</f>
        <v>62.030999999999999</v>
      </c>
      <c r="B6240" s="3">
        <f>'CPT Data'!C6248</f>
        <v>62.024000000000001</v>
      </c>
      <c r="C6240" t="str">
        <f>'CPT Data'!P6248</f>
        <v>CLAY</v>
      </c>
      <c r="D6240">
        <f>'CPT Data'!Q6248</f>
        <v>679.71311076360564</v>
      </c>
      <c r="E6240">
        <f t="shared" si="98"/>
        <v>813.18585523142463</v>
      </c>
      <c r="F6240">
        <f>IF(C6240="CLAY", INDEX(D$4:D6240, MATCH("CLAY", C$4:C6240, 0)), "")</f>
        <v>0.75203252561341039</v>
      </c>
    </row>
    <row r="6241" spans="1:6" x14ac:dyDescent="0.2">
      <c r="A6241" s="239">
        <f>'CPT Data'!B6249</f>
        <v>62.040999999999997</v>
      </c>
      <c r="B6241" s="3">
        <f>'CPT Data'!C6249</f>
        <v>62.033999999999999</v>
      </c>
      <c r="C6241" t="str">
        <f>'CPT Data'!P6249</f>
        <v>CLAY</v>
      </c>
      <c r="D6241">
        <f>'CPT Data'!Q6249</f>
        <v>586.18085961131737</v>
      </c>
      <c r="E6241">
        <f t="shared" si="98"/>
        <v>679.71311076360564</v>
      </c>
      <c r="F6241">
        <f>IF(C6241="CLAY", INDEX(D$4:D6241, MATCH("CLAY", C$4:C6241, 0)), "")</f>
        <v>0.75203252561341039</v>
      </c>
    </row>
    <row r="6242" spans="1:6" x14ac:dyDescent="0.2">
      <c r="A6242" s="239">
        <f>'CPT Data'!B6250</f>
        <v>62.052</v>
      </c>
      <c r="B6242" s="3">
        <f>'CPT Data'!C6250</f>
        <v>62.045000000000002</v>
      </c>
      <c r="C6242" t="str">
        <f>'CPT Data'!P6250</f>
        <v>CLAY</v>
      </c>
      <c r="D6242">
        <f>'CPT Data'!Q6250</f>
        <v>508.68133981593678</v>
      </c>
      <c r="E6242">
        <f t="shared" si="98"/>
        <v>586.18085961131737</v>
      </c>
      <c r="F6242">
        <f>IF(C6242="CLAY", INDEX(D$4:D6242, MATCH("CLAY", C$4:C6242, 0)), "")</f>
        <v>0.75203252561341039</v>
      </c>
    </row>
    <row r="6243" spans="1:6" x14ac:dyDescent="0.2">
      <c r="A6243" s="239">
        <f>'CPT Data'!B6251</f>
        <v>62.061</v>
      </c>
      <c r="B6243" s="3">
        <f>'CPT Data'!C6251</f>
        <v>62.054000000000002</v>
      </c>
      <c r="C6243" t="str">
        <f>'CPT Data'!P6251</f>
        <v>CLAY</v>
      </c>
      <c r="D6243">
        <f>'CPT Data'!Q6251</f>
        <v>467.97344769719126</v>
      </c>
      <c r="E6243">
        <f t="shared" si="98"/>
        <v>508.68133981593678</v>
      </c>
      <c r="F6243">
        <f>IF(C6243="CLAY", INDEX(D$4:D6243, MATCH("CLAY", C$4:C6243, 0)), "")</f>
        <v>0.75203252561341039</v>
      </c>
    </row>
    <row r="6244" spans="1:6" x14ac:dyDescent="0.2">
      <c r="A6244" s="239">
        <f>'CPT Data'!B6252</f>
        <v>62.069000000000003</v>
      </c>
      <c r="B6244" s="3">
        <f>'CPT Data'!C6252</f>
        <v>62.062000000000005</v>
      </c>
      <c r="C6244" t="str">
        <f>'CPT Data'!P6252</f>
        <v>CLAY</v>
      </c>
      <c r="D6244">
        <f>'CPT Data'!Q6252</f>
        <v>439.25628810412519</v>
      </c>
      <c r="E6244">
        <f t="shared" si="98"/>
        <v>467.97344769719126</v>
      </c>
      <c r="F6244">
        <f>IF(C6244="CLAY", INDEX(D$4:D6244, MATCH("CLAY", C$4:C6244, 0)), "")</f>
        <v>0.75203252561341039</v>
      </c>
    </row>
    <row r="6245" spans="1:6" x14ac:dyDescent="0.2">
      <c r="A6245" s="239">
        <f>'CPT Data'!B6253</f>
        <v>62.079000000000001</v>
      </c>
      <c r="B6245" s="3">
        <f>'CPT Data'!C6253</f>
        <v>62.072000000000003</v>
      </c>
      <c r="C6245" t="str">
        <f>'CPT Data'!P6253</f>
        <v>CLAY</v>
      </c>
      <c r="D6245">
        <f>'CPT Data'!Q6253</f>
        <v>371.66676662725951</v>
      </c>
      <c r="E6245">
        <f t="shared" si="98"/>
        <v>439.25628810412519</v>
      </c>
      <c r="F6245">
        <f>IF(C6245="CLAY", INDEX(D$4:D6245, MATCH("CLAY", C$4:C6245, 0)), "")</f>
        <v>0.75203252561341039</v>
      </c>
    </row>
    <row r="6246" spans="1:6" x14ac:dyDescent="0.2">
      <c r="A6246" s="239">
        <f>'CPT Data'!B6254</f>
        <v>62.088999999999999</v>
      </c>
      <c r="B6246" s="3">
        <f>'CPT Data'!C6254</f>
        <v>62.082000000000001</v>
      </c>
      <c r="C6246" t="str">
        <f>'CPT Data'!P6254</f>
        <v>CLAY</v>
      </c>
      <c r="D6246">
        <f>'CPT Data'!Q6254</f>
        <v>296.76660836699062</v>
      </c>
      <c r="E6246">
        <f t="shared" si="98"/>
        <v>371.66676662725951</v>
      </c>
      <c r="F6246">
        <f>IF(C6246="CLAY", INDEX(D$4:D6246, MATCH("CLAY", C$4:C6246, 0)), "")</f>
        <v>0.75203252561341039</v>
      </c>
    </row>
    <row r="6247" spans="1:6" x14ac:dyDescent="0.2">
      <c r="A6247" s="239">
        <f>'CPT Data'!B6255</f>
        <v>62.098999999999997</v>
      </c>
      <c r="B6247" s="3">
        <f>'CPT Data'!C6255</f>
        <v>62.091999999999999</v>
      </c>
      <c r="C6247" t="str">
        <f>'CPT Data'!P6255</f>
        <v>CLAY</v>
      </c>
      <c r="D6247">
        <f>'CPT Data'!Q6255</f>
        <v>299.74782492618533</v>
      </c>
      <c r="E6247">
        <f t="shared" si="98"/>
        <v>296.76660836699062</v>
      </c>
      <c r="F6247">
        <f>IF(C6247="CLAY", INDEX(D$4:D6247, MATCH("CLAY", C$4:C6247, 0)), "")</f>
        <v>0.75203252561341039</v>
      </c>
    </row>
    <row r="6248" spans="1:6" x14ac:dyDescent="0.2">
      <c r="A6248" s="239">
        <f>'CPT Data'!B6256</f>
        <v>62.106999999999999</v>
      </c>
      <c r="B6248" s="3">
        <f>'CPT Data'!C6256</f>
        <v>62.1</v>
      </c>
      <c r="C6248" t="str">
        <f>'CPT Data'!P6256</f>
        <v>CLAY</v>
      </c>
      <c r="D6248">
        <f>'CPT Data'!Q6256</f>
        <v>317.15481207066767</v>
      </c>
      <c r="E6248">
        <f t="shared" si="98"/>
        <v>299.74782492618533</v>
      </c>
      <c r="F6248">
        <f>IF(C6248="CLAY", INDEX(D$4:D6248, MATCH("CLAY", C$4:C6248, 0)), "")</f>
        <v>0.75203252561341039</v>
      </c>
    </row>
    <row r="6249" spans="1:6" x14ac:dyDescent="0.2">
      <c r="A6249" s="239">
        <f>'CPT Data'!B6257</f>
        <v>62.116999999999997</v>
      </c>
      <c r="B6249" s="3">
        <f>'CPT Data'!C6257</f>
        <v>62.11</v>
      </c>
      <c r="C6249" t="str">
        <f>'CPT Data'!P6257</f>
        <v>CLAY</v>
      </c>
      <c r="D6249">
        <f>'CPT Data'!Q6257</f>
        <v>346.35861692113878</v>
      </c>
      <c r="E6249">
        <f t="shared" si="98"/>
        <v>317.15481207066767</v>
      </c>
      <c r="F6249">
        <f>IF(C6249="CLAY", INDEX(D$4:D6249, MATCH("CLAY", C$4:C6249, 0)), "")</f>
        <v>0.75203252561341039</v>
      </c>
    </row>
    <row r="6250" spans="1:6" x14ac:dyDescent="0.2">
      <c r="A6250" s="239">
        <f>'CPT Data'!B6258</f>
        <v>62.128</v>
      </c>
      <c r="B6250" s="3">
        <f>'CPT Data'!C6258</f>
        <v>62.121000000000002</v>
      </c>
      <c r="C6250" t="str">
        <f>'CPT Data'!P6258</f>
        <v>CLAY</v>
      </c>
      <c r="D6250">
        <f>'CPT Data'!Q6258</f>
        <v>407.33084603073218</v>
      </c>
      <c r="E6250">
        <f t="shared" si="98"/>
        <v>346.35861692113878</v>
      </c>
      <c r="F6250">
        <f>IF(C6250="CLAY", INDEX(D$4:D6250, MATCH("CLAY", C$4:C6250, 0)), "")</f>
        <v>0.75203252561341039</v>
      </c>
    </row>
    <row r="6251" spans="1:6" x14ac:dyDescent="0.2">
      <c r="A6251" s="239">
        <f>'CPT Data'!B6259</f>
        <v>62.131999999999998</v>
      </c>
      <c r="B6251" s="3">
        <f>'CPT Data'!C6259</f>
        <v>62.125</v>
      </c>
      <c r="C6251" t="str">
        <f>'CPT Data'!P6259</f>
        <v>CLAY</v>
      </c>
      <c r="D6251">
        <f>'CPT Data'!Q6259</f>
        <v>482.39195228947705</v>
      </c>
      <c r="E6251">
        <f t="shared" si="98"/>
        <v>407.33084603073218</v>
      </c>
      <c r="F6251">
        <f>IF(C6251="CLAY", INDEX(D$4:D6251, MATCH("CLAY", C$4:C6251, 0)), "")</f>
        <v>0.75203252561341039</v>
      </c>
    </row>
    <row r="6252" spans="1:6" x14ac:dyDescent="0.2">
      <c r="A6252" s="239">
        <f>'CPT Data'!B6260</f>
        <v>62.131999999999998</v>
      </c>
      <c r="B6252" s="3">
        <f>'CPT Data'!C6260</f>
        <v>62.125</v>
      </c>
      <c r="C6252" t="str">
        <f>'CPT Data'!P6260</f>
        <v>CLAY</v>
      </c>
      <c r="D6252">
        <f>'CPT Data'!Q6260</f>
        <v>536.63809393620147</v>
      </c>
      <c r="E6252">
        <f t="shared" si="98"/>
        <v>482.39195228947705</v>
      </c>
      <c r="F6252">
        <f>IF(C6252="CLAY", INDEX(D$4:D6252, MATCH("CLAY", C$4:C6252, 0)), "")</f>
        <v>0.75203252561341039</v>
      </c>
    </row>
    <row r="6253" spans="1:6" x14ac:dyDescent="0.2">
      <c r="A6253" s="239">
        <f>'CPT Data'!B6261</f>
        <v>62.133000000000003</v>
      </c>
      <c r="B6253" s="3">
        <f>'CPT Data'!C6261</f>
        <v>62.126000000000005</v>
      </c>
      <c r="C6253" t="str">
        <f>'CPT Data'!P6261</f>
        <v>CLAY</v>
      </c>
      <c r="D6253">
        <f>'CPT Data'!Q6261</f>
        <v>513.21144918210041</v>
      </c>
      <c r="E6253">
        <f t="shared" si="98"/>
        <v>536.63809393620147</v>
      </c>
      <c r="F6253">
        <f>IF(C6253="CLAY", INDEX(D$4:D6253, MATCH("CLAY", C$4:C6253, 0)), "")</f>
        <v>0.75203252561341039</v>
      </c>
    </row>
    <row r="6254" spans="1:6" x14ac:dyDescent="0.2">
      <c r="A6254" s="239">
        <f>'CPT Data'!B6262</f>
        <v>62.140999999999998</v>
      </c>
      <c r="B6254" s="3">
        <f>'CPT Data'!C6262</f>
        <v>62.134</v>
      </c>
      <c r="C6254" t="str">
        <f>'CPT Data'!P6262</f>
        <v>CLAY</v>
      </c>
      <c r="D6254">
        <f>'CPT Data'!Q6262</f>
        <v>510.77396521907349</v>
      </c>
      <c r="E6254">
        <f t="shared" si="98"/>
        <v>513.21144918210041</v>
      </c>
      <c r="F6254">
        <f>IF(C6254="CLAY", INDEX(D$4:D6254, MATCH("CLAY", C$4:C6254, 0)), "")</f>
        <v>0.75203252561341039</v>
      </c>
    </row>
    <row r="6255" spans="1:6" x14ac:dyDescent="0.2">
      <c r="A6255" s="239">
        <f>'CPT Data'!B6263</f>
        <v>62.151000000000003</v>
      </c>
      <c r="B6255" s="3">
        <f>'CPT Data'!C6263</f>
        <v>62.144000000000005</v>
      </c>
      <c r="C6255" t="str">
        <f>'CPT Data'!P6263</f>
        <v>CLAY</v>
      </c>
      <c r="D6255">
        <f>'CPT Data'!Q6263</f>
        <v>593.08964929796173</v>
      </c>
      <c r="E6255">
        <f t="shared" si="98"/>
        <v>510.77396521907349</v>
      </c>
      <c r="F6255">
        <f>IF(C6255="CLAY", INDEX(D$4:D6255, MATCH("CLAY", C$4:C6255, 0)), "")</f>
        <v>0.75203252561341039</v>
      </c>
    </row>
    <row r="6256" spans="1:6" x14ac:dyDescent="0.2">
      <c r="A6256" s="239">
        <f>'CPT Data'!B6264</f>
        <v>62.161000000000001</v>
      </c>
      <c r="B6256" s="3">
        <f>'CPT Data'!C6264</f>
        <v>62.154000000000003</v>
      </c>
      <c r="C6256" t="str">
        <f>'CPT Data'!P6264</f>
        <v>CLAY</v>
      </c>
      <c r="D6256">
        <f>'CPT Data'!Q6264</f>
        <v>646.45928357862158</v>
      </c>
      <c r="E6256">
        <f t="shared" si="98"/>
        <v>593.08964929796173</v>
      </c>
      <c r="F6256">
        <f>IF(C6256="CLAY", INDEX(D$4:D6256, MATCH("CLAY", C$4:C6256, 0)), "")</f>
        <v>0.75203252561341039</v>
      </c>
    </row>
    <row r="6257" spans="1:6" x14ac:dyDescent="0.2">
      <c r="A6257" s="239">
        <f>'CPT Data'!B6265</f>
        <v>62.170999999999999</v>
      </c>
      <c r="B6257" s="3">
        <f>'CPT Data'!C6265</f>
        <v>62.164000000000001</v>
      </c>
      <c r="C6257" t="str">
        <f>'CPT Data'!P6265</f>
        <v>CLAY</v>
      </c>
      <c r="D6257">
        <f>'CPT Data'!Q6265</f>
        <v>727.67844245242122</v>
      </c>
      <c r="E6257">
        <f t="shared" si="98"/>
        <v>646.45928357862158</v>
      </c>
      <c r="F6257">
        <f>IF(C6257="CLAY", INDEX(D$4:D6257, MATCH("CLAY", C$4:C6257, 0)), "")</f>
        <v>0.75203252561341039</v>
      </c>
    </row>
    <row r="6258" spans="1:6" x14ac:dyDescent="0.2">
      <c r="A6258" s="239">
        <f>'CPT Data'!B6266</f>
        <v>62.180999999999997</v>
      </c>
      <c r="B6258" s="3">
        <f>'CPT Data'!C6266</f>
        <v>62.173999999999999</v>
      </c>
      <c r="C6258" t="str">
        <f>'CPT Data'!P6266</f>
        <v>CLAY</v>
      </c>
      <c r="D6258">
        <f>'CPT Data'!Q6266</f>
        <v>862.18160473528042</v>
      </c>
      <c r="E6258">
        <f t="shared" si="98"/>
        <v>727.67844245242122</v>
      </c>
      <c r="F6258">
        <f>IF(C6258="CLAY", INDEX(D$4:D6258, MATCH("CLAY", C$4:C6258, 0)), "")</f>
        <v>0.75203252561341039</v>
      </c>
    </row>
    <row r="6259" spans="1:6" x14ac:dyDescent="0.2">
      <c r="A6259" s="239">
        <f>'CPT Data'!B6267</f>
        <v>62.191000000000003</v>
      </c>
      <c r="B6259" s="3">
        <f>'CPT Data'!C6267</f>
        <v>62.184000000000005</v>
      </c>
      <c r="C6259" t="str">
        <f>'CPT Data'!P6267</f>
        <v>CLAY</v>
      </c>
      <c r="D6259">
        <f>'CPT Data'!Q6267</f>
        <v>1032.4677717601883</v>
      </c>
      <c r="E6259">
        <f t="shared" si="98"/>
        <v>862.18160473528042</v>
      </c>
      <c r="F6259">
        <f>IF(C6259="CLAY", INDEX(D$4:D6259, MATCH("CLAY", C$4:C6259, 0)), "")</f>
        <v>0.75203252561341039</v>
      </c>
    </row>
    <row r="6260" spans="1:6" x14ac:dyDescent="0.2">
      <c r="A6260" s="239">
        <f>'CPT Data'!B6268</f>
        <v>62.201000000000001</v>
      </c>
      <c r="B6260" s="3">
        <f>'CPT Data'!C6268</f>
        <v>62.194000000000003</v>
      </c>
      <c r="C6260" t="str">
        <f>'CPT Data'!P6268</f>
        <v>CLAY</v>
      </c>
      <c r="D6260">
        <f>'CPT Data'!Q6268</f>
        <v>1222.4630541771824</v>
      </c>
      <c r="E6260">
        <f t="shared" si="98"/>
        <v>1032.4677717601883</v>
      </c>
      <c r="F6260">
        <f>IF(C6260="CLAY", INDEX(D$4:D6260, MATCH("CLAY", C$4:C6260, 0)), "")</f>
        <v>0.75203252561341039</v>
      </c>
    </row>
    <row r="6261" spans="1:6" x14ac:dyDescent="0.2">
      <c r="A6261" s="239">
        <f>'CPT Data'!B6269</f>
        <v>62.210999999999999</v>
      </c>
      <c r="B6261" s="3">
        <f>'CPT Data'!C6269</f>
        <v>62.204000000000001</v>
      </c>
      <c r="C6261" t="str">
        <f>'CPT Data'!P6269</f>
        <v>SAND</v>
      </c>
      <c r="D6261" t="e">
        <f>'CPT Data'!Q6269</f>
        <v>#N/A</v>
      </c>
      <c r="E6261" t="e">
        <f t="shared" si="98"/>
        <v>#N/A</v>
      </c>
      <c r="F6261" t="str">
        <f>IF(C6261="CLAY", INDEX(D$4:D6261, MATCH("CLAY", C$4:C6261, 0)), "")</f>
        <v/>
      </c>
    </row>
    <row r="6262" spans="1:6" x14ac:dyDescent="0.2">
      <c r="A6262" s="239">
        <f>'CPT Data'!B6270</f>
        <v>62.22</v>
      </c>
      <c r="B6262" s="3">
        <f>'CPT Data'!C6270</f>
        <v>62.213000000000001</v>
      </c>
      <c r="C6262" t="str">
        <f>'CPT Data'!P6270</f>
        <v>SAND</v>
      </c>
      <c r="D6262" t="e">
        <f>'CPT Data'!Q6270</f>
        <v>#N/A</v>
      </c>
      <c r="E6262" t="e">
        <f t="shared" si="98"/>
        <v>#N/A</v>
      </c>
      <c r="F6262" t="str">
        <f>IF(C6262="CLAY", INDEX(D$4:D6262, MATCH("CLAY", C$4:C6262, 0)), "")</f>
        <v/>
      </c>
    </row>
    <row r="6263" spans="1:6" x14ac:dyDescent="0.2">
      <c r="A6263" s="239">
        <f>'CPT Data'!B6271</f>
        <v>62.23</v>
      </c>
      <c r="B6263" s="3">
        <f>'CPT Data'!C6271</f>
        <v>62.222999999999999</v>
      </c>
      <c r="C6263" t="str">
        <f>'CPT Data'!P6271</f>
        <v>SAND</v>
      </c>
      <c r="D6263" t="e">
        <f>'CPT Data'!Q6271</f>
        <v>#N/A</v>
      </c>
      <c r="E6263" t="e">
        <f t="shared" si="98"/>
        <v>#N/A</v>
      </c>
      <c r="F6263" t="str">
        <f>IF(C6263="CLAY", INDEX(D$4:D6263, MATCH("CLAY", C$4:C6263, 0)), "")</f>
        <v/>
      </c>
    </row>
    <row r="6264" spans="1:6" x14ac:dyDescent="0.2">
      <c r="A6264" s="239">
        <f>'CPT Data'!B6272</f>
        <v>62.238999999999997</v>
      </c>
      <c r="B6264" s="3">
        <f>'CPT Data'!C6272</f>
        <v>62.231999999999999</v>
      </c>
      <c r="C6264" t="str">
        <f>'CPT Data'!P6272</f>
        <v>SAND</v>
      </c>
      <c r="D6264" t="e">
        <f>'CPT Data'!Q6272</f>
        <v>#N/A</v>
      </c>
      <c r="E6264" t="e">
        <f t="shared" si="98"/>
        <v>#N/A</v>
      </c>
      <c r="F6264" t="str">
        <f>IF(C6264="CLAY", INDEX(D$4:D6264, MATCH("CLAY", C$4:C6264, 0)), "")</f>
        <v/>
      </c>
    </row>
    <row r="6265" spans="1:6" x14ac:dyDescent="0.2">
      <c r="A6265" s="239">
        <f>'CPT Data'!B6273</f>
        <v>62.247999999999998</v>
      </c>
      <c r="B6265" s="3">
        <f>'CPT Data'!C6273</f>
        <v>62.241</v>
      </c>
      <c r="C6265" t="str">
        <f>'CPT Data'!P6273</f>
        <v>SAND</v>
      </c>
      <c r="D6265" t="e">
        <f>'CPT Data'!Q6273</f>
        <v>#N/A</v>
      </c>
      <c r="E6265" t="e">
        <f t="shared" si="98"/>
        <v>#N/A</v>
      </c>
      <c r="F6265" t="str">
        <f>IF(C6265="CLAY", INDEX(D$4:D6265, MATCH("CLAY", C$4:C6265, 0)), "")</f>
        <v/>
      </c>
    </row>
    <row r="6266" spans="1:6" x14ac:dyDescent="0.2">
      <c r="A6266" s="239">
        <f>'CPT Data'!B6274</f>
        <v>62.258000000000003</v>
      </c>
      <c r="B6266" s="3">
        <f>'CPT Data'!C6274</f>
        <v>62.251000000000005</v>
      </c>
      <c r="C6266" t="str">
        <f>'CPT Data'!P6274</f>
        <v>SAND</v>
      </c>
      <c r="D6266" t="e">
        <f>'CPT Data'!Q6274</f>
        <v>#N/A</v>
      </c>
      <c r="E6266" t="e">
        <f t="shared" si="98"/>
        <v>#N/A</v>
      </c>
      <c r="F6266" t="str">
        <f>IF(C6266="CLAY", INDEX(D$4:D6266, MATCH("CLAY", C$4:C6266, 0)), "")</f>
        <v/>
      </c>
    </row>
    <row r="6267" spans="1:6" x14ac:dyDescent="0.2">
      <c r="A6267" s="239">
        <f>'CPT Data'!B6275</f>
        <v>62.265999999999998</v>
      </c>
      <c r="B6267" s="3">
        <f>'CPT Data'!C6275</f>
        <v>62.259</v>
      </c>
      <c r="C6267" t="str">
        <f>'CPT Data'!P6275</f>
        <v>SAND</v>
      </c>
      <c r="D6267" t="e">
        <f>'CPT Data'!Q6275</f>
        <v>#N/A</v>
      </c>
      <c r="E6267" t="e">
        <f t="shared" si="98"/>
        <v>#N/A</v>
      </c>
      <c r="F6267" t="str">
        <f>IF(C6267="CLAY", INDEX(D$4:D6267, MATCH("CLAY", C$4:C6267, 0)), "")</f>
        <v/>
      </c>
    </row>
    <row r="6268" spans="1:6" x14ac:dyDescent="0.2">
      <c r="A6268" s="239">
        <f>'CPT Data'!B6276</f>
        <v>62.276000000000003</v>
      </c>
      <c r="B6268" s="3">
        <f>'CPT Data'!C6276</f>
        <v>62.269000000000005</v>
      </c>
      <c r="C6268" t="str">
        <f>'CPT Data'!P6276</f>
        <v>SAND</v>
      </c>
      <c r="D6268" t="e">
        <f>'CPT Data'!Q6276</f>
        <v>#N/A</v>
      </c>
      <c r="E6268" t="e">
        <f t="shared" si="98"/>
        <v>#N/A</v>
      </c>
      <c r="F6268" t="str">
        <f>IF(C6268="CLAY", INDEX(D$4:D6268, MATCH("CLAY", C$4:C6268, 0)), "")</f>
        <v/>
      </c>
    </row>
    <row r="6269" spans="1:6" x14ac:dyDescent="0.2">
      <c r="A6269" s="239">
        <f>'CPT Data'!B6277</f>
        <v>62.283999999999999</v>
      </c>
      <c r="B6269" s="3">
        <f>'CPT Data'!C6277</f>
        <v>62.277000000000001</v>
      </c>
      <c r="C6269" t="str">
        <f>'CPT Data'!P6277</f>
        <v>SAND</v>
      </c>
      <c r="D6269" t="e">
        <f>'CPT Data'!Q6277</f>
        <v>#N/A</v>
      </c>
      <c r="E6269" t="e">
        <f t="shared" si="98"/>
        <v>#N/A</v>
      </c>
      <c r="F6269" t="str">
        <f>IF(C6269="CLAY", INDEX(D$4:D6269, MATCH("CLAY", C$4:C6269, 0)), "")</f>
        <v/>
      </c>
    </row>
    <row r="6270" spans="1:6" x14ac:dyDescent="0.2">
      <c r="A6270" s="239">
        <f>'CPT Data'!B6278</f>
        <v>62.292999999999999</v>
      </c>
      <c r="B6270" s="3">
        <f>'CPT Data'!C6278</f>
        <v>62.286000000000001</v>
      </c>
      <c r="C6270" t="str">
        <f>'CPT Data'!P6278</f>
        <v>SAND</v>
      </c>
      <c r="D6270" t="e">
        <f>'CPT Data'!Q6278</f>
        <v>#N/A</v>
      </c>
      <c r="E6270" t="e">
        <f t="shared" si="98"/>
        <v>#N/A</v>
      </c>
      <c r="F6270" t="str">
        <f>IF(C6270="CLAY", INDEX(D$4:D6270, MATCH("CLAY", C$4:C6270, 0)), "")</f>
        <v/>
      </c>
    </row>
    <row r="6271" spans="1:6" x14ac:dyDescent="0.2">
      <c r="A6271" s="239">
        <f>'CPT Data'!B6279</f>
        <v>62.302999999999997</v>
      </c>
      <c r="B6271" s="3">
        <f>'CPT Data'!C6279</f>
        <v>62.295999999999999</v>
      </c>
      <c r="C6271" t="str">
        <f>'CPT Data'!P6279</f>
        <v>SAND</v>
      </c>
      <c r="D6271" t="e">
        <f>'CPT Data'!Q6279</f>
        <v>#N/A</v>
      </c>
      <c r="E6271" t="e">
        <f t="shared" si="98"/>
        <v>#N/A</v>
      </c>
      <c r="F6271" t="str">
        <f>IF(C6271="CLAY", INDEX(D$4:D6271, MATCH("CLAY", C$4:C6271, 0)), "")</f>
        <v/>
      </c>
    </row>
    <row r="6272" spans="1:6" x14ac:dyDescent="0.2">
      <c r="A6272" s="239">
        <f>'CPT Data'!B6280</f>
        <v>62.311999999999998</v>
      </c>
      <c r="B6272" s="3">
        <f>'CPT Data'!C6280</f>
        <v>62.305</v>
      </c>
      <c r="C6272" t="str">
        <f>'CPT Data'!P6280</f>
        <v>SAND</v>
      </c>
      <c r="D6272" t="e">
        <f>'CPT Data'!Q6280</f>
        <v>#N/A</v>
      </c>
      <c r="E6272" t="e">
        <f t="shared" si="98"/>
        <v>#N/A</v>
      </c>
      <c r="F6272" t="str">
        <f>IF(C6272="CLAY", INDEX(D$4:D6272, MATCH("CLAY", C$4:C6272, 0)), "")</f>
        <v/>
      </c>
    </row>
    <row r="6273" spans="1:6" x14ac:dyDescent="0.2">
      <c r="A6273" s="239">
        <f>'CPT Data'!B6281</f>
        <v>62.320999999999998</v>
      </c>
      <c r="B6273" s="3">
        <f>'CPT Data'!C6281</f>
        <v>62.314</v>
      </c>
      <c r="C6273" t="str">
        <f>'CPT Data'!P6281</f>
        <v>SAND</v>
      </c>
      <c r="D6273" t="e">
        <f>'CPT Data'!Q6281</f>
        <v>#N/A</v>
      </c>
      <c r="E6273" t="e">
        <f t="shared" si="98"/>
        <v>#N/A</v>
      </c>
      <c r="F6273" t="str">
        <f>IF(C6273="CLAY", INDEX(D$4:D6273, MATCH("CLAY", C$4:C6273, 0)), "")</f>
        <v/>
      </c>
    </row>
    <row r="6274" spans="1:6" x14ac:dyDescent="0.2">
      <c r="A6274" s="239">
        <f>'CPT Data'!B6282</f>
        <v>62.33</v>
      </c>
      <c r="B6274" s="3">
        <f>'CPT Data'!C6282</f>
        <v>62.323</v>
      </c>
      <c r="C6274" t="str">
        <f>'CPT Data'!P6282</f>
        <v>SAND</v>
      </c>
      <c r="D6274" t="e">
        <f>'CPT Data'!Q6282</f>
        <v>#N/A</v>
      </c>
      <c r="E6274" t="e">
        <f t="shared" si="98"/>
        <v>#N/A</v>
      </c>
      <c r="F6274" t="str">
        <f>IF(C6274="CLAY", INDEX(D$4:D6274, MATCH("CLAY", C$4:C6274, 0)), "")</f>
        <v/>
      </c>
    </row>
    <row r="6275" spans="1:6" x14ac:dyDescent="0.2">
      <c r="A6275" s="239">
        <f>'CPT Data'!B6283</f>
        <v>62.34</v>
      </c>
      <c r="B6275" s="3">
        <f>'CPT Data'!C6283</f>
        <v>62.333000000000006</v>
      </c>
      <c r="C6275" t="str">
        <f>'CPT Data'!P6283</f>
        <v>SAND</v>
      </c>
      <c r="D6275" t="e">
        <f>'CPT Data'!Q6283</f>
        <v>#N/A</v>
      </c>
      <c r="E6275" t="e">
        <f t="shared" si="98"/>
        <v>#N/A</v>
      </c>
      <c r="F6275" t="str">
        <f>IF(C6275="CLAY", INDEX(D$4:D6275, MATCH("CLAY", C$4:C6275, 0)), "")</f>
        <v/>
      </c>
    </row>
    <row r="6276" spans="1:6" x14ac:dyDescent="0.2">
      <c r="A6276" s="239">
        <f>'CPT Data'!B6284</f>
        <v>62.347999999999999</v>
      </c>
      <c r="B6276" s="3">
        <f>'CPT Data'!C6284</f>
        <v>62.341000000000001</v>
      </c>
      <c r="C6276" t="str">
        <f>'CPT Data'!P6284</f>
        <v>SAND</v>
      </c>
      <c r="D6276" t="e">
        <f>'CPT Data'!Q6284</f>
        <v>#N/A</v>
      </c>
      <c r="E6276" t="e">
        <f t="shared" si="98"/>
        <v>#N/A</v>
      </c>
      <c r="F6276" t="str">
        <f>IF(C6276="CLAY", INDEX(D$4:D6276, MATCH("CLAY", C$4:C6276, 0)), "")</f>
        <v/>
      </c>
    </row>
    <row r="6277" spans="1:6" x14ac:dyDescent="0.2">
      <c r="A6277" s="239">
        <f>'CPT Data'!B6285</f>
        <v>62.356000000000002</v>
      </c>
      <c r="B6277" s="3">
        <f>'CPT Data'!C6285</f>
        <v>62.349000000000004</v>
      </c>
      <c r="C6277" t="str">
        <f>'CPT Data'!P6285</f>
        <v>SAND</v>
      </c>
      <c r="D6277" t="e">
        <f>'CPT Data'!Q6285</f>
        <v>#N/A</v>
      </c>
      <c r="E6277" t="e">
        <f t="shared" si="98"/>
        <v>#N/A</v>
      </c>
      <c r="F6277" t="str">
        <f>IF(C6277="CLAY", INDEX(D$4:D6277, MATCH("CLAY", C$4:C6277, 0)), "")</f>
        <v/>
      </c>
    </row>
    <row r="6278" spans="1:6" x14ac:dyDescent="0.2">
      <c r="A6278" s="239">
        <f>'CPT Data'!B6286</f>
        <v>62.365000000000002</v>
      </c>
      <c r="B6278" s="3">
        <f>'CPT Data'!C6286</f>
        <v>62.358000000000004</v>
      </c>
      <c r="C6278" t="str">
        <f>'CPT Data'!P6286</f>
        <v>SAND</v>
      </c>
      <c r="D6278" t="e">
        <f>'CPT Data'!Q6286</f>
        <v>#N/A</v>
      </c>
      <c r="E6278" t="e">
        <f t="shared" si="98"/>
        <v>#N/A</v>
      </c>
      <c r="F6278" t="str">
        <f>IF(C6278="CLAY", INDEX(D$4:D6278, MATCH("CLAY", C$4:C6278, 0)), "")</f>
        <v/>
      </c>
    </row>
    <row r="6279" spans="1:6" x14ac:dyDescent="0.2">
      <c r="A6279" s="239">
        <f>'CPT Data'!B6287</f>
        <v>62.374000000000002</v>
      </c>
      <c r="B6279" s="3">
        <f>'CPT Data'!C6287</f>
        <v>62.367000000000004</v>
      </c>
      <c r="C6279" t="str">
        <f>'CPT Data'!P6287</f>
        <v>SAND</v>
      </c>
      <c r="D6279" t="e">
        <f>'CPT Data'!Q6287</f>
        <v>#N/A</v>
      </c>
      <c r="E6279" t="e">
        <f t="shared" si="98"/>
        <v>#N/A</v>
      </c>
      <c r="F6279" t="str">
        <f>IF(C6279="CLAY", INDEX(D$4:D6279, MATCH("CLAY", C$4:C6279, 0)), "")</f>
        <v/>
      </c>
    </row>
    <row r="6280" spans="1:6" x14ac:dyDescent="0.2">
      <c r="A6280" s="239">
        <f>'CPT Data'!B6288</f>
        <v>62.383000000000003</v>
      </c>
      <c r="B6280" s="3">
        <f>'CPT Data'!C6288</f>
        <v>62.376000000000005</v>
      </c>
      <c r="C6280" t="str">
        <f>'CPT Data'!P6288</f>
        <v>SAND</v>
      </c>
      <c r="D6280" t="e">
        <f>'CPT Data'!Q6288</f>
        <v>#N/A</v>
      </c>
      <c r="E6280" t="e">
        <f t="shared" si="98"/>
        <v>#N/A</v>
      </c>
      <c r="F6280" t="str">
        <f>IF(C6280="CLAY", INDEX(D$4:D6280, MATCH("CLAY", C$4:C6280, 0)), "")</f>
        <v/>
      </c>
    </row>
    <row r="6281" spans="1:6" x14ac:dyDescent="0.2">
      <c r="A6281" s="239">
        <f>'CPT Data'!B6289</f>
        <v>62.392000000000003</v>
      </c>
      <c r="B6281" s="3">
        <f>'CPT Data'!C6289</f>
        <v>62.385000000000005</v>
      </c>
      <c r="C6281" t="str">
        <f>'CPT Data'!P6289</f>
        <v>SAND</v>
      </c>
      <c r="D6281" t="e">
        <f>'CPT Data'!Q6289</f>
        <v>#N/A</v>
      </c>
      <c r="E6281" t="e">
        <f t="shared" si="98"/>
        <v>#N/A</v>
      </c>
      <c r="F6281" t="str">
        <f>IF(C6281="CLAY", INDEX(D$4:D6281, MATCH("CLAY", C$4:C6281, 0)), "")</f>
        <v/>
      </c>
    </row>
    <row r="6282" spans="1:6" x14ac:dyDescent="0.2">
      <c r="A6282" s="239">
        <f>'CPT Data'!B6290</f>
        <v>62.401000000000003</v>
      </c>
      <c r="B6282" s="3">
        <f>'CPT Data'!C6290</f>
        <v>62.394000000000005</v>
      </c>
      <c r="C6282" t="str">
        <f>'CPT Data'!P6290</f>
        <v>SAND</v>
      </c>
      <c r="D6282" t="e">
        <f>'CPT Data'!Q6290</f>
        <v>#N/A</v>
      </c>
      <c r="E6282" t="e">
        <f t="shared" si="98"/>
        <v>#N/A</v>
      </c>
      <c r="F6282" t="str">
        <f>IF(C6282="CLAY", INDEX(D$4:D6282, MATCH("CLAY", C$4:C6282, 0)), "")</f>
        <v/>
      </c>
    </row>
    <row r="6283" spans="1:6" x14ac:dyDescent="0.2">
      <c r="A6283" s="239">
        <f>'CPT Data'!B6291</f>
        <v>62.411000000000001</v>
      </c>
      <c r="B6283" s="3">
        <f>'CPT Data'!C6291</f>
        <v>62.404000000000003</v>
      </c>
      <c r="C6283" t="str">
        <f>'CPT Data'!P6291</f>
        <v>SAND</v>
      </c>
      <c r="D6283" t="e">
        <f>'CPT Data'!Q6291</f>
        <v>#N/A</v>
      </c>
      <c r="E6283" t="e">
        <f t="shared" si="98"/>
        <v>#N/A</v>
      </c>
      <c r="F6283" t="str">
        <f>IF(C6283="CLAY", INDEX(D$4:D6283, MATCH("CLAY", C$4:C6283, 0)), "")</f>
        <v/>
      </c>
    </row>
    <row r="6284" spans="1:6" x14ac:dyDescent="0.2">
      <c r="A6284" s="239">
        <f>'CPT Data'!B6292</f>
        <v>62.420999999999999</v>
      </c>
      <c r="B6284" s="3">
        <f>'CPT Data'!C6292</f>
        <v>62.414000000000001</v>
      </c>
      <c r="C6284" t="str">
        <f>'CPT Data'!P6292</f>
        <v>SAND</v>
      </c>
      <c r="D6284" t="e">
        <f>'CPT Data'!Q6292</f>
        <v>#N/A</v>
      </c>
      <c r="E6284" t="e">
        <f t="shared" si="98"/>
        <v>#N/A</v>
      </c>
      <c r="F6284" t="str">
        <f>IF(C6284="CLAY", INDEX(D$4:D6284, MATCH("CLAY", C$4:C6284, 0)), "")</f>
        <v/>
      </c>
    </row>
    <row r="6285" spans="1:6" x14ac:dyDescent="0.2">
      <c r="A6285" s="239">
        <f>'CPT Data'!B6293</f>
        <v>62.430999999999997</v>
      </c>
      <c r="B6285" s="3">
        <f>'CPT Data'!C6293</f>
        <v>62.423999999999999</v>
      </c>
      <c r="C6285" t="str">
        <f>'CPT Data'!P6293</f>
        <v>SAND</v>
      </c>
      <c r="D6285" t="e">
        <f>'CPT Data'!Q6293</f>
        <v>#N/A</v>
      </c>
      <c r="E6285" t="e">
        <f t="shared" si="98"/>
        <v>#N/A</v>
      </c>
      <c r="F6285" t="str">
        <f>IF(C6285="CLAY", INDEX(D$4:D6285, MATCH("CLAY", C$4:C6285, 0)), "")</f>
        <v/>
      </c>
    </row>
    <row r="6286" spans="1:6" x14ac:dyDescent="0.2">
      <c r="A6286" s="239">
        <f>'CPT Data'!B6294</f>
        <v>62.442</v>
      </c>
      <c r="B6286" s="3">
        <f>'CPT Data'!C6294</f>
        <v>62.435000000000002</v>
      </c>
      <c r="C6286" t="str">
        <f>'CPT Data'!P6294</f>
        <v>SAND</v>
      </c>
      <c r="D6286" t="e">
        <f>'CPT Data'!Q6294</f>
        <v>#N/A</v>
      </c>
      <c r="E6286" t="e">
        <f t="shared" si="98"/>
        <v>#N/A</v>
      </c>
      <c r="F6286" t="str">
        <f>IF(C6286="CLAY", INDEX(D$4:D6286, MATCH("CLAY", C$4:C6286, 0)), "")</f>
        <v/>
      </c>
    </row>
    <row r="6287" spans="1:6" x14ac:dyDescent="0.2">
      <c r="A6287" s="239">
        <f>'CPT Data'!B6295</f>
        <v>62.453000000000003</v>
      </c>
      <c r="B6287" s="3">
        <f>'CPT Data'!C6295</f>
        <v>62.446000000000005</v>
      </c>
      <c r="C6287" t="str">
        <f>'CPT Data'!P6295</f>
        <v>SAND</v>
      </c>
      <c r="D6287" t="e">
        <f>'CPT Data'!Q6295</f>
        <v>#N/A</v>
      </c>
      <c r="E6287" t="e">
        <f t="shared" si="98"/>
        <v>#N/A</v>
      </c>
      <c r="F6287" t="str">
        <f>IF(C6287="CLAY", INDEX(D$4:D6287, MATCH("CLAY", C$4:C6287, 0)), "")</f>
        <v/>
      </c>
    </row>
    <row r="6288" spans="1:6" x14ac:dyDescent="0.2">
      <c r="A6288" s="239">
        <f>'CPT Data'!B6296</f>
        <v>62.463000000000001</v>
      </c>
      <c r="B6288" s="3">
        <f>'CPT Data'!C6296</f>
        <v>62.456000000000003</v>
      </c>
      <c r="C6288" t="str">
        <f>'CPT Data'!P6296</f>
        <v>CLAY</v>
      </c>
      <c r="D6288">
        <f>'CPT Data'!Q6296</f>
        <v>934.00307392988498</v>
      </c>
      <c r="E6288">
        <f t="shared" si="98"/>
        <v>934.00307392988498</v>
      </c>
      <c r="F6288">
        <f>IF(C6288="CLAY", INDEX(D$4:D6288, MATCH("CLAY", C$4:C6288, 0)), "")</f>
        <v>0.75203252561341039</v>
      </c>
    </row>
    <row r="6289" spans="1:6" x14ac:dyDescent="0.2">
      <c r="A6289" s="239">
        <f>'CPT Data'!B6297</f>
        <v>62.473999999999997</v>
      </c>
      <c r="B6289" s="3">
        <f>'CPT Data'!C6297</f>
        <v>62.466999999999999</v>
      </c>
      <c r="C6289" t="str">
        <f>'CPT Data'!P6297</f>
        <v>CLAY</v>
      </c>
      <c r="D6289">
        <f>'CPT Data'!Q6297</f>
        <v>775.10533367821074</v>
      </c>
      <c r="E6289">
        <f t="shared" si="98"/>
        <v>934.00307392988498</v>
      </c>
      <c r="F6289">
        <f>IF(C6289="CLAY", INDEX(D$4:D6289, MATCH("CLAY", C$4:C6289, 0)), "")</f>
        <v>0.75203252561341039</v>
      </c>
    </row>
    <row r="6290" spans="1:6" x14ac:dyDescent="0.2">
      <c r="A6290" s="239">
        <f>'CPT Data'!B6298</f>
        <v>62.484000000000002</v>
      </c>
      <c r="B6290" s="3">
        <f>'CPT Data'!C6298</f>
        <v>62.477000000000004</v>
      </c>
      <c r="C6290" t="str">
        <f>'CPT Data'!P6298</f>
        <v>CLAY</v>
      </c>
      <c r="D6290">
        <f>'CPT Data'!Q6298</f>
        <v>666.88834638983963</v>
      </c>
      <c r="E6290">
        <f t="shared" si="98"/>
        <v>775.10533367821074</v>
      </c>
      <c r="F6290">
        <f>IF(C6290="CLAY", INDEX(D$4:D6290, MATCH("CLAY", C$4:C6290, 0)), "")</f>
        <v>0.75203252561341039</v>
      </c>
    </row>
    <row r="6291" spans="1:6" x14ac:dyDescent="0.2">
      <c r="A6291" s="239">
        <f>'CPT Data'!B6299</f>
        <v>62.494</v>
      </c>
      <c r="B6291" s="3">
        <f>'CPT Data'!C6299</f>
        <v>62.487000000000002</v>
      </c>
      <c r="C6291" t="str">
        <f>'CPT Data'!P6299</f>
        <v>CLAY</v>
      </c>
      <c r="D6291">
        <f>'CPT Data'!Q6299</f>
        <v>593.40842348518993</v>
      </c>
      <c r="E6291">
        <f t="shared" si="98"/>
        <v>666.88834638983963</v>
      </c>
      <c r="F6291">
        <f>IF(C6291="CLAY", INDEX(D$4:D6291, MATCH("CLAY", C$4:C6291, 0)), "")</f>
        <v>0.75203252561341039</v>
      </c>
    </row>
    <row r="6292" spans="1:6" x14ac:dyDescent="0.2">
      <c r="A6292" s="239">
        <f>'CPT Data'!B6300</f>
        <v>62.505000000000003</v>
      </c>
      <c r="B6292" s="3">
        <f>'CPT Data'!C6300</f>
        <v>62.498000000000005</v>
      </c>
      <c r="C6292" t="str">
        <f>'CPT Data'!P6300</f>
        <v>CLAY</v>
      </c>
      <c r="D6292">
        <f>'CPT Data'!Q6300</f>
        <v>541.76304071475022</v>
      </c>
      <c r="E6292">
        <f t="shared" si="98"/>
        <v>593.40842348518993</v>
      </c>
      <c r="F6292">
        <f>IF(C6292="CLAY", INDEX(D$4:D6292, MATCH("CLAY", C$4:C6292, 0)), "")</f>
        <v>0.75203252561341039</v>
      </c>
    </row>
    <row r="6293" spans="1:6" x14ac:dyDescent="0.2">
      <c r="A6293" s="239">
        <f>'CPT Data'!B6301</f>
        <v>62.514000000000003</v>
      </c>
      <c r="B6293" s="3">
        <f>'CPT Data'!C6301</f>
        <v>62.507000000000005</v>
      </c>
      <c r="C6293" t="str">
        <f>'CPT Data'!P6301</f>
        <v>CLAY</v>
      </c>
      <c r="D6293">
        <f>'CPT Data'!Q6301</f>
        <v>475.47837534349696</v>
      </c>
      <c r="E6293">
        <f t="shared" si="98"/>
        <v>541.76304071475022</v>
      </c>
      <c r="F6293">
        <f>IF(C6293="CLAY", INDEX(D$4:D6293, MATCH("CLAY", C$4:C6293, 0)), "")</f>
        <v>0.75203252561341039</v>
      </c>
    </row>
    <row r="6294" spans="1:6" x14ac:dyDescent="0.2">
      <c r="A6294" s="239">
        <f>'CPT Data'!B6302</f>
        <v>62.524999999999999</v>
      </c>
      <c r="B6294" s="3">
        <f>'CPT Data'!C6302</f>
        <v>62.518000000000001</v>
      </c>
      <c r="C6294" t="str">
        <f>'CPT Data'!P6302</f>
        <v>CLAY</v>
      </c>
      <c r="D6294">
        <f>'CPT Data'!Q6302</f>
        <v>410.65712862092545</v>
      </c>
      <c r="E6294">
        <f t="shared" si="98"/>
        <v>475.47837534349696</v>
      </c>
      <c r="F6294">
        <f>IF(C6294="CLAY", INDEX(D$4:D6294, MATCH("CLAY", C$4:C6294, 0)), "")</f>
        <v>0.75203252561341039</v>
      </c>
    </row>
    <row r="6295" spans="1:6" x14ac:dyDescent="0.2">
      <c r="A6295" s="239">
        <f>'CPT Data'!B6303</f>
        <v>62.533999999999999</v>
      </c>
      <c r="B6295" s="3">
        <f>'CPT Data'!C6303</f>
        <v>62.527000000000001</v>
      </c>
      <c r="C6295" t="str">
        <f>'CPT Data'!P6303</f>
        <v>CLAY</v>
      </c>
      <c r="D6295">
        <f>'CPT Data'!Q6303</f>
        <v>366.47225610113975</v>
      </c>
      <c r="E6295">
        <f t="shared" si="98"/>
        <v>410.65712862092545</v>
      </c>
      <c r="F6295">
        <f>IF(C6295="CLAY", INDEX(D$4:D6295, MATCH("CLAY", C$4:C6295, 0)), "")</f>
        <v>0.75203252561341039</v>
      </c>
    </row>
    <row r="6296" spans="1:6" x14ac:dyDescent="0.2">
      <c r="A6296" s="239">
        <f>'CPT Data'!B6304</f>
        <v>62.542999999999999</v>
      </c>
      <c r="B6296" s="3">
        <f>'CPT Data'!C6304</f>
        <v>62.536000000000001</v>
      </c>
      <c r="C6296" t="str">
        <f>'CPT Data'!P6304</f>
        <v>CLAY</v>
      </c>
      <c r="D6296">
        <f>'CPT Data'!Q6304</f>
        <v>337.18090648940466</v>
      </c>
      <c r="E6296">
        <f t="shared" si="98"/>
        <v>366.47225610113975</v>
      </c>
      <c r="F6296">
        <f>IF(C6296="CLAY", INDEX(D$4:D6296, MATCH("CLAY", C$4:C6296, 0)), "")</f>
        <v>0.75203252561341039</v>
      </c>
    </row>
    <row r="6297" spans="1:6" x14ac:dyDescent="0.2">
      <c r="A6297" s="239">
        <f>'CPT Data'!B6305</f>
        <v>62.554000000000002</v>
      </c>
      <c r="B6297" s="3">
        <f>'CPT Data'!C6305</f>
        <v>62.547000000000004</v>
      </c>
      <c r="C6297" t="str">
        <f>'CPT Data'!P6305</f>
        <v>CLAY</v>
      </c>
      <c r="D6297">
        <f>'CPT Data'!Q6305</f>
        <v>336.33427942627878</v>
      </c>
      <c r="E6297">
        <f t="shared" si="98"/>
        <v>337.18090648940466</v>
      </c>
      <c r="F6297">
        <f>IF(C6297="CLAY", INDEX(D$4:D6297, MATCH("CLAY", C$4:C6297, 0)), "")</f>
        <v>0.75203252561341039</v>
      </c>
    </row>
    <row r="6298" spans="1:6" x14ac:dyDescent="0.2">
      <c r="A6298" s="239">
        <f>'CPT Data'!B6306</f>
        <v>62.563000000000002</v>
      </c>
      <c r="B6298" s="3">
        <f>'CPT Data'!C6306</f>
        <v>62.556000000000004</v>
      </c>
      <c r="C6298" t="str">
        <f>'CPT Data'!P6306</f>
        <v>CLAY</v>
      </c>
      <c r="D6298">
        <f>'CPT Data'!Q6306</f>
        <v>340.76241444763383</v>
      </c>
      <c r="E6298">
        <f t="shared" si="98"/>
        <v>336.33427942627878</v>
      </c>
      <c r="F6298">
        <f>IF(C6298="CLAY", INDEX(D$4:D6298, MATCH("CLAY", C$4:C6298, 0)), "")</f>
        <v>0.75203252561341039</v>
      </c>
    </row>
    <row r="6299" spans="1:6" x14ac:dyDescent="0.2">
      <c r="A6299" s="239">
        <f>'CPT Data'!B6307</f>
        <v>62.572000000000003</v>
      </c>
      <c r="B6299" s="3">
        <f>'CPT Data'!C6307</f>
        <v>62.565000000000005</v>
      </c>
      <c r="C6299" t="str">
        <f>'CPT Data'!P6307</f>
        <v>CLAY</v>
      </c>
      <c r="D6299">
        <f>'CPT Data'!Q6307</f>
        <v>391.81092414136947</v>
      </c>
      <c r="E6299">
        <f t="shared" ref="E6299:E6362" si="99">IF(C6299="SAND",#N/A,IF(C6299=C6298,D6298,IF(C6299="CLAY",D6299,#N/A)))</f>
        <v>340.76241444763383</v>
      </c>
      <c r="F6299">
        <f>IF(C6299="CLAY", INDEX(D$4:D6299, MATCH("CLAY", C$4:C6299, 0)), "")</f>
        <v>0.75203252561341039</v>
      </c>
    </row>
    <row r="6300" spans="1:6" x14ac:dyDescent="0.2">
      <c r="A6300" s="239">
        <f>'CPT Data'!B6308</f>
        <v>62.582000000000001</v>
      </c>
      <c r="B6300" s="3">
        <f>'CPT Data'!C6308</f>
        <v>62.575000000000003</v>
      </c>
      <c r="C6300" t="str">
        <f>'CPT Data'!P6308</f>
        <v>CLAY</v>
      </c>
      <c r="D6300">
        <f>'CPT Data'!Q6308</f>
        <v>496.9110565854067</v>
      </c>
      <c r="E6300">
        <f t="shared" si="99"/>
        <v>391.81092414136947</v>
      </c>
      <c r="F6300">
        <f>IF(C6300="CLAY", INDEX(D$4:D6300, MATCH("CLAY", C$4:C6300, 0)), "")</f>
        <v>0.75203252561341039</v>
      </c>
    </row>
    <row r="6301" spans="1:6" x14ac:dyDescent="0.2">
      <c r="A6301" s="239">
        <f>'CPT Data'!B6309</f>
        <v>62.591999999999999</v>
      </c>
      <c r="B6301" s="3">
        <f>'CPT Data'!C6309</f>
        <v>62.585000000000001</v>
      </c>
      <c r="C6301" t="str">
        <f>'CPT Data'!P6309</f>
        <v>CLAY</v>
      </c>
      <c r="D6301">
        <f>'CPT Data'!Q6309</f>
        <v>613.57580586445033</v>
      </c>
      <c r="E6301">
        <f t="shared" si="99"/>
        <v>496.9110565854067</v>
      </c>
      <c r="F6301">
        <f>IF(C6301="CLAY", INDEX(D$4:D6301, MATCH("CLAY", C$4:C6301, 0)), "")</f>
        <v>0.75203252561341039</v>
      </c>
    </row>
    <row r="6302" spans="1:6" x14ac:dyDescent="0.2">
      <c r="A6302" s="239">
        <f>'CPT Data'!B6310</f>
        <v>62.600999999999999</v>
      </c>
      <c r="B6302" s="3">
        <f>'CPT Data'!C6310</f>
        <v>62.594000000000001</v>
      </c>
      <c r="C6302" t="str">
        <f>'CPT Data'!P6310</f>
        <v>CLAY</v>
      </c>
      <c r="D6302">
        <f>'CPT Data'!Q6310</f>
        <v>746.75010192190359</v>
      </c>
      <c r="E6302">
        <f t="shared" si="99"/>
        <v>613.57580586445033</v>
      </c>
      <c r="F6302">
        <f>IF(C6302="CLAY", INDEX(D$4:D6302, MATCH("CLAY", C$4:C6302, 0)), "")</f>
        <v>0.75203252561341039</v>
      </c>
    </row>
    <row r="6303" spans="1:6" x14ac:dyDescent="0.2">
      <c r="A6303" s="239">
        <f>'CPT Data'!B6311</f>
        <v>62.61</v>
      </c>
      <c r="B6303" s="3">
        <f>'CPT Data'!C6311</f>
        <v>62.603000000000002</v>
      </c>
      <c r="C6303" t="str">
        <f>'CPT Data'!P6311</f>
        <v>CLAY</v>
      </c>
      <c r="D6303">
        <f>'CPT Data'!Q6311</f>
        <v>893.84209862163732</v>
      </c>
      <c r="E6303">
        <f t="shared" si="99"/>
        <v>746.75010192190359</v>
      </c>
      <c r="F6303">
        <f>IF(C6303="CLAY", INDEX(D$4:D6303, MATCH("CLAY", C$4:C6303, 0)), "")</f>
        <v>0.75203252561341039</v>
      </c>
    </row>
    <row r="6304" spans="1:6" x14ac:dyDescent="0.2">
      <c r="A6304" s="239">
        <f>'CPT Data'!B6312</f>
        <v>62.621000000000002</v>
      </c>
      <c r="B6304" s="3">
        <f>'CPT Data'!C6312</f>
        <v>62.614000000000004</v>
      </c>
      <c r="C6304" t="str">
        <f>'CPT Data'!P6312</f>
        <v>CLAY</v>
      </c>
      <c r="D6304">
        <f>'CPT Data'!Q6312</f>
        <v>1016.9004072631891</v>
      </c>
      <c r="E6304">
        <f t="shared" si="99"/>
        <v>893.84209862163732</v>
      </c>
      <c r="F6304">
        <f>IF(C6304="CLAY", INDEX(D$4:D6304, MATCH("CLAY", C$4:C6304, 0)), "")</f>
        <v>0.75203252561341039</v>
      </c>
    </row>
    <row r="6305" spans="1:6" x14ac:dyDescent="0.2">
      <c r="A6305" s="239">
        <f>'CPT Data'!B6313</f>
        <v>62.631</v>
      </c>
      <c r="B6305" s="3">
        <f>'CPT Data'!C6313</f>
        <v>62.624000000000002</v>
      </c>
      <c r="C6305" t="str">
        <f>'CPT Data'!P6313</f>
        <v>CLAY</v>
      </c>
      <c r="D6305">
        <f>'CPT Data'!Q6313</f>
        <v>1122.3496359881981</v>
      </c>
      <c r="E6305">
        <f t="shared" si="99"/>
        <v>1016.9004072631891</v>
      </c>
      <c r="F6305">
        <f>IF(C6305="CLAY", INDEX(D$4:D6305, MATCH("CLAY", C$4:C6305, 0)), "")</f>
        <v>0.75203252561341039</v>
      </c>
    </row>
    <row r="6306" spans="1:6" x14ac:dyDescent="0.2">
      <c r="A6306" s="239">
        <f>'CPT Data'!B6314</f>
        <v>62.640999999999998</v>
      </c>
      <c r="B6306" s="3">
        <f>'CPT Data'!C6314</f>
        <v>62.634</v>
      </c>
      <c r="C6306" t="str">
        <f>'CPT Data'!P6314</f>
        <v>SAND</v>
      </c>
      <c r="D6306" t="e">
        <f>'CPT Data'!Q6314</f>
        <v>#N/A</v>
      </c>
      <c r="E6306" t="e">
        <f t="shared" si="99"/>
        <v>#N/A</v>
      </c>
      <c r="F6306" t="str">
        <f>IF(C6306="CLAY", INDEX(D$4:D6306, MATCH("CLAY", C$4:C6306, 0)), "")</f>
        <v/>
      </c>
    </row>
    <row r="6307" spans="1:6" x14ac:dyDescent="0.2">
      <c r="A6307" s="239">
        <f>'CPT Data'!B6315</f>
        <v>62.652000000000001</v>
      </c>
      <c r="B6307" s="3">
        <f>'CPT Data'!C6315</f>
        <v>62.645000000000003</v>
      </c>
      <c r="C6307" t="str">
        <f>'CPT Data'!P6315</f>
        <v>SAND</v>
      </c>
      <c r="D6307" t="e">
        <f>'CPT Data'!Q6315</f>
        <v>#N/A</v>
      </c>
      <c r="E6307" t="e">
        <f t="shared" si="99"/>
        <v>#N/A</v>
      </c>
      <c r="F6307" t="str">
        <f>IF(C6307="CLAY", INDEX(D$4:D6307, MATCH("CLAY", C$4:C6307, 0)), "")</f>
        <v/>
      </c>
    </row>
    <row r="6308" spans="1:6" x14ac:dyDescent="0.2">
      <c r="A6308" s="239">
        <f>'CPT Data'!B6316</f>
        <v>62.661999999999999</v>
      </c>
      <c r="B6308" s="3">
        <f>'CPT Data'!C6316</f>
        <v>62.655000000000001</v>
      </c>
      <c r="C6308" t="str">
        <f>'CPT Data'!P6316</f>
        <v>SAND</v>
      </c>
      <c r="D6308" t="e">
        <f>'CPT Data'!Q6316</f>
        <v>#N/A</v>
      </c>
      <c r="E6308" t="e">
        <f t="shared" si="99"/>
        <v>#N/A</v>
      </c>
      <c r="F6308" t="str">
        <f>IF(C6308="CLAY", INDEX(D$4:D6308, MATCH("CLAY", C$4:C6308, 0)), "")</f>
        <v/>
      </c>
    </row>
    <row r="6309" spans="1:6" x14ac:dyDescent="0.2">
      <c r="A6309" s="239">
        <f>'CPT Data'!B6317</f>
        <v>62.67</v>
      </c>
      <c r="B6309" s="3">
        <f>'CPT Data'!C6317</f>
        <v>62.663000000000004</v>
      </c>
      <c r="C6309" t="str">
        <f>'CPT Data'!P6317</f>
        <v>SAND</v>
      </c>
      <c r="D6309" t="e">
        <f>'CPT Data'!Q6317</f>
        <v>#N/A</v>
      </c>
      <c r="E6309" t="e">
        <f t="shared" si="99"/>
        <v>#N/A</v>
      </c>
      <c r="F6309" t="str">
        <f>IF(C6309="CLAY", INDEX(D$4:D6309, MATCH("CLAY", C$4:C6309, 0)), "")</f>
        <v/>
      </c>
    </row>
    <row r="6310" spans="1:6" x14ac:dyDescent="0.2">
      <c r="A6310" s="239">
        <f>'CPT Data'!B6318</f>
        <v>62.67</v>
      </c>
      <c r="B6310" s="3">
        <f>'CPT Data'!C6318</f>
        <v>62.663000000000004</v>
      </c>
      <c r="C6310" t="str">
        <f>'CPT Data'!P6318</f>
        <v>SAND</v>
      </c>
      <c r="D6310" t="e">
        <f>'CPT Data'!Q6318</f>
        <v>#N/A</v>
      </c>
      <c r="E6310" t="e">
        <f t="shared" si="99"/>
        <v>#N/A</v>
      </c>
      <c r="F6310" t="str">
        <f>IF(C6310="CLAY", INDEX(D$4:D6310, MATCH("CLAY", C$4:C6310, 0)), "")</f>
        <v/>
      </c>
    </row>
    <row r="6311" spans="1:6" x14ac:dyDescent="0.2">
      <c r="A6311" s="239">
        <f>'CPT Data'!B6319</f>
        <v>62.674999999999997</v>
      </c>
      <c r="B6311" s="3">
        <f>'CPT Data'!C6319</f>
        <v>62.667999999999999</v>
      </c>
      <c r="C6311" t="str">
        <f>'CPT Data'!P6319</f>
        <v>SAND</v>
      </c>
      <c r="D6311" t="e">
        <f>'CPT Data'!Q6319</f>
        <v>#N/A</v>
      </c>
      <c r="E6311" t="e">
        <f t="shared" si="99"/>
        <v>#N/A</v>
      </c>
      <c r="F6311" t="str">
        <f>IF(C6311="CLAY", INDEX(D$4:D6311, MATCH("CLAY", C$4:C6311, 0)), "")</f>
        <v/>
      </c>
    </row>
    <row r="6312" spans="1:6" x14ac:dyDescent="0.2">
      <c r="A6312" s="239">
        <f>'CPT Data'!B6320</f>
        <v>62.683999999999997</v>
      </c>
      <c r="B6312" s="3">
        <f>'CPT Data'!C6320</f>
        <v>62.677</v>
      </c>
      <c r="C6312" t="str">
        <f>'CPT Data'!P6320</f>
        <v>SAND</v>
      </c>
      <c r="D6312" t="e">
        <f>'CPT Data'!Q6320</f>
        <v>#N/A</v>
      </c>
      <c r="E6312" t="e">
        <f t="shared" si="99"/>
        <v>#N/A</v>
      </c>
      <c r="F6312" t="str">
        <f>IF(C6312="CLAY", INDEX(D$4:D6312, MATCH("CLAY", C$4:C6312, 0)), "")</f>
        <v/>
      </c>
    </row>
    <row r="6313" spans="1:6" x14ac:dyDescent="0.2">
      <c r="A6313" s="239">
        <f>'CPT Data'!B6321</f>
        <v>62.694000000000003</v>
      </c>
      <c r="B6313" s="3">
        <f>'CPT Data'!C6321</f>
        <v>62.687000000000005</v>
      </c>
      <c r="C6313" t="str">
        <f>'CPT Data'!P6321</f>
        <v>SAND</v>
      </c>
      <c r="D6313" t="e">
        <f>'CPT Data'!Q6321</f>
        <v>#N/A</v>
      </c>
      <c r="E6313" t="e">
        <f t="shared" si="99"/>
        <v>#N/A</v>
      </c>
      <c r="F6313" t="str">
        <f>IF(C6313="CLAY", INDEX(D$4:D6313, MATCH("CLAY", C$4:C6313, 0)), "")</f>
        <v/>
      </c>
    </row>
    <row r="6314" spans="1:6" x14ac:dyDescent="0.2">
      <c r="A6314" s="239">
        <f>'CPT Data'!B6322</f>
        <v>62.704000000000001</v>
      </c>
      <c r="B6314" s="3">
        <f>'CPT Data'!C6322</f>
        <v>62.697000000000003</v>
      </c>
      <c r="C6314" t="str">
        <f>'CPT Data'!P6322</f>
        <v>SAND</v>
      </c>
      <c r="D6314" t="e">
        <f>'CPT Data'!Q6322</f>
        <v>#N/A</v>
      </c>
      <c r="E6314" t="e">
        <f t="shared" si="99"/>
        <v>#N/A</v>
      </c>
      <c r="F6314" t="str">
        <f>IF(C6314="CLAY", INDEX(D$4:D6314, MATCH("CLAY", C$4:C6314, 0)), "")</f>
        <v/>
      </c>
    </row>
    <row r="6315" spans="1:6" x14ac:dyDescent="0.2">
      <c r="A6315" s="239">
        <f>'CPT Data'!B6323</f>
        <v>62.713999999999999</v>
      </c>
      <c r="B6315" s="3">
        <f>'CPT Data'!C6323</f>
        <v>62.707000000000001</v>
      </c>
      <c r="C6315" t="str">
        <f>'CPT Data'!P6323</f>
        <v>SAND</v>
      </c>
      <c r="D6315" t="e">
        <f>'CPT Data'!Q6323</f>
        <v>#N/A</v>
      </c>
      <c r="E6315" t="e">
        <f t="shared" si="99"/>
        <v>#N/A</v>
      </c>
      <c r="F6315" t="str">
        <f>IF(C6315="CLAY", INDEX(D$4:D6315, MATCH("CLAY", C$4:C6315, 0)), "")</f>
        <v/>
      </c>
    </row>
    <row r="6316" spans="1:6" x14ac:dyDescent="0.2">
      <c r="A6316" s="239">
        <f>'CPT Data'!B6324</f>
        <v>62.722999999999999</v>
      </c>
      <c r="B6316" s="3">
        <f>'CPT Data'!C6324</f>
        <v>62.716000000000001</v>
      </c>
      <c r="C6316" t="str">
        <f>'CPT Data'!P6324</f>
        <v>SAND</v>
      </c>
      <c r="D6316" t="e">
        <f>'CPT Data'!Q6324</f>
        <v>#N/A</v>
      </c>
      <c r="E6316" t="e">
        <f t="shared" si="99"/>
        <v>#N/A</v>
      </c>
      <c r="F6316" t="str">
        <f>IF(C6316="CLAY", INDEX(D$4:D6316, MATCH("CLAY", C$4:C6316, 0)), "")</f>
        <v/>
      </c>
    </row>
    <row r="6317" spans="1:6" x14ac:dyDescent="0.2">
      <c r="A6317" s="239">
        <f>'CPT Data'!B6325</f>
        <v>62.734000000000002</v>
      </c>
      <c r="B6317" s="3">
        <f>'CPT Data'!C6325</f>
        <v>62.727000000000004</v>
      </c>
      <c r="C6317" t="str">
        <f>'CPT Data'!P6325</f>
        <v>SAND</v>
      </c>
      <c r="D6317" t="e">
        <f>'CPT Data'!Q6325</f>
        <v>#N/A</v>
      </c>
      <c r="E6317" t="e">
        <f t="shared" si="99"/>
        <v>#N/A</v>
      </c>
      <c r="F6317" t="str">
        <f>IF(C6317="CLAY", INDEX(D$4:D6317, MATCH("CLAY", C$4:C6317, 0)), "")</f>
        <v/>
      </c>
    </row>
    <row r="6318" spans="1:6" x14ac:dyDescent="0.2">
      <c r="A6318" s="239">
        <f>'CPT Data'!B6326</f>
        <v>62.744</v>
      </c>
      <c r="B6318" s="3">
        <f>'CPT Data'!C6326</f>
        <v>62.737000000000002</v>
      </c>
      <c r="C6318" t="str">
        <f>'CPT Data'!P6326</f>
        <v>SAND</v>
      </c>
      <c r="D6318" t="e">
        <f>'CPT Data'!Q6326</f>
        <v>#N/A</v>
      </c>
      <c r="E6318" t="e">
        <f t="shared" si="99"/>
        <v>#N/A</v>
      </c>
      <c r="F6318" t="str">
        <f>IF(C6318="CLAY", INDEX(D$4:D6318, MATCH("CLAY", C$4:C6318, 0)), "")</f>
        <v/>
      </c>
    </row>
    <row r="6319" spans="1:6" x14ac:dyDescent="0.2">
      <c r="A6319" s="239">
        <f>'CPT Data'!B6327</f>
        <v>62.753999999999998</v>
      </c>
      <c r="B6319" s="3">
        <f>'CPT Data'!C6327</f>
        <v>62.747</v>
      </c>
      <c r="C6319" t="str">
        <f>'CPT Data'!P6327</f>
        <v>SAND</v>
      </c>
      <c r="D6319" t="e">
        <f>'CPT Data'!Q6327</f>
        <v>#N/A</v>
      </c>
      <c r="E6319" t="e">
        <f t="shared" si="99"/>
        <v>#N/A</v>
      </c>
      <c r="F6319" t="str">
        <f>IF(C6319="CLAY", INDEX(D$4:D6319, MATCH("CLAY", C$4:C6319, 0)), "")</f>
        <v/>
      </c>
    </row>
    <row r="6320" spans="1:6" x14ac:dyDescent="0.2">
      <c r="A6320" s="239">
        <f>'CPT Data'!B6328</f>
        <v>62.765000000000001</v>
      </c>
      <c r="B6320" s="3">
        <f>'CPT Data'!C6328</f>
        <v>62.758000000000003</v>
      </c>
      <c r="C6320" t="str">
        <f>'CPT Data'!P6328</f>
        <v>SAND</v>
      </c>
      <c r="D6320" t="e">
        <f>'CPT Data'!Q6328</f>
        <v>#N/A</v>
      </c>
      <c r="E6320" t="e">
        <f t="shared" si="99"/>
        <v>#N/A</v>
      </c>
      <c r="F6320" t="str">
        <f>IF(C6320="CLAY", INDEX(D$4:D6320, MATCH("CLAY", C$4:C6320, 0)), "")</f>
        <v/>
      </c>
    </row>
    <row r="6321" spans="1:6" x14ac:dyDescent="0.2">
      <c r="A6321" s="239">
        <f>'CPT Data'!B6329</f>
        <v>62.776000000000003</v>
      </c>
      <c r="B6321" s="3">
        <f>'CPT Data'!C6329</f>
        <v>62.769000000000005</v>
      </c>
      <c r="C6321" t="str">
        <f>'CPT Data'!P6329</f>
        <v>SAND</v>
      </c>
      <c r="D6321" t="e">
        <f>'CPT Data'!Q6329</f>
        <v>#N/A</v>
      </c>
      <c r="E6321" t="e">
        <f t="shared" si="99"/>
        <v>#N/A</v>
      </c>
      <c r="F6321" t="str">
        <f>IF(C6321="CLAY", INDEX(D$4:D6321, MATCH("CLAY", C$4:C6321, 0)), "")</f>
        <v/>
      </c>
    </row>
    <row r="6322" spans="1:6" x14ac:dyDescent="0.2">
      <c r="A6322" s="239">
        <f>'CPT Data'!B6330</f>
        <v>62.784999999999997</v>
      </c>
      <c r="B6322" s="3">
        <f>'CPT Data'!C6330</f>
        <v>62.777999999999999</v>
      </c>
      <c r="C6322" t="str">
        <f>'CPT Data'!P6330</f>
        <v>SAND</v>
      </c>
      <c r="D6322" t="e">
        <f>'CPT Data'!Q6330</f>
        <v>#N/A</v>
      </c>
      <c r="E6322" t="e">
        <f t="shared" si="99"/>
        <v>#N/A</v>
      </c>
      <c r="F6322" t="str">
        <f>IF(C6322="CLAY", INDEX(D$4:D6322, MATCH("CLAY", C$4:C6322, 0)), "")</f>
        <v/>
      </c>
    </row>
    <row r="6323" spans="1:6" x14ac:dyDescent="0.2">
      <c r="A6323" s="239">
        <f>'CPT Data'!B6331</f>
        <v>62.795000000000002</v>
      </c>
      <c r="B6323" s="3">
        <f>'CPT Data'!C6331</f>
        <v>62.788000000000004</v>
      </c>
      <c r="C6323" t="str">
        <f>'CPT Data'!P6331</f>
        <v>SAND</v>
      </c>
      <c r="D6323" t="e">
        <f>'CPT Data'!Q6331</f>
        <v>#N/A</v>
      </c>
      <c r="E6323" t="e">
        <f t="shared" si="99"/>
        <v>#N/A</v>
      </c>
      <c r="F6323" t="str">
        <f>IF(C6323="CLAY", INDEX(D$4:D6323, MATCH("CLAY", C$4:C6323, 0)), "")</f>
        <v/>
      </c>
    </row>
    <row r="6324" spans="1:6" x14ac:dyDescent="0.2">
      <c r="A6324" s="239">
        <f>'CPT Data'!B6332</f>
        <v>62.805999999999997</v>
      </c>
      <c r="B6324" s="3">
        <f>'CPT Data'!C6332</f>
        <v>62.798999999999999</v>
      </c>
      <c r="C6324" t="str">
        <f>'CPT Data'!P6332</f>
        <v>SAND</v>
      </c>
      <c r="D6324" t="e">
        <f>'CPT Data'!Q6332</f>
        <v>#N/A</v>
      </c>
      <c r="E6324" t="e">
        <f t="shared" si="99"/>
        <v>#N/A</v>
      </c>
      <c r="F6324" t="str">
        <f>IF(C6324="CLAY", INDEX(D$4:D6324, MATCH("CLAY", C$4:C6324, 0)), "")</f>
        <v/>
      </c>
    </row>
    <row r="6325" spans="1:6" x14ac:dyDescent="0.2">
      <c r="A6325" s="239">
        <f>'CPT Data'!B6333</f>
        <v>62.816000000000003</v>
      </c>
      <c r="B6325" s="3">
        <f>'CPT Data'!C6333</f>
        <v>62.809000000000005</v>
      </c>
      <c r="C6325" t="str">
        <f>'CPT Data'!P6333</f>
        <v>SAND</v>
      </c>
      <c r="D6325" t="e">
        <f>'CPT Data'!Q6333</f>
        <v>#N/A</v>
      </c>
      <c r="E6325" t="e">
        <f t="shared" si="99"/>
        <v>#N/A</v>
      </c>
      <c r="F6325" t="str">
        <f>IF(C6325="CLAY", INDEX(D$4:D6325, MATCH("CLAY", C$4:C6325, 0)), "")</f>
        <v/>
      </c>
    </row>
    <row r="6326" spans="1:6" x14ac:dyDescent="0.2">
      <c r="A6326" s="239">
        <f>'CPT Data'!B6334</f>
        <v>62.826000000000001</v>
      </c>
      <c r="B6326" s="3">
        <f>'CPT Data'!C6334</f>
        <v>62.819000000000003</v>
      </c>
      <c r="C6326" t="str">
        <f>'CPT Data'!P6334</f>
        <v>SAND</v>
      </c>
      <c r="D6326" t="e">
        <f>'CPT Data'!Q6334</f>
        <v>#N/A</v>
      </c>
      <c r="E6326" t="e">
        <f t="shared" si="99"/>
        <v>#N/A</v>
      </c>
      <c r="F6326" t="str">
        <f>IF(C6326="CLAY", INDEX(D$4:D6326, MATCH("CLAY", C$4:C6326, 0)), "")</f>
        <v/>
      </c>
    </row>
    <row r="6327" spans="1:6" x14ac:dyDescent="0.2">
      <c r="A6327" s="239">
        <f>'CPT Data'!B6335</f>
        <v>62.837000000000003</v>
      </c>
      <c r="B6327" s="3">
        <f>'CPT Data'!C6335</f>
        <v>62.830000000000005</v>
      </c>
      <c r="C6327" t="str">
        <f>'CPT Data'!P6335</f>
        <v>SAND</v>
      </c>
      <c r="D6327" t="e">
        <f>'CPT Data'!Q6335</f>
        <v>#N/A</v>
      </c>
      <c r="E6327" t="e">
        <f t="shared" si="99"/>
        <v>#N/A</v>
      </c>
      <c r="F6327" t="str">
        <f>IF(C6327="CLAY", INDEX(D$4:D6327, MATCH("CLAY", C$4:C6327, 0)), "")</f>
        <v/>
      </c>
    </row>
    <row r="6328" spans="1:6" x14ac:dyDescent="0.2">
      <c r="A6328" s="239">
        <f>'CPT Data'!B6336</f>
        <v>62.845999999999997</v>
      </c>
      <c r="B6328" s="3">
        <f>'CPT Data'!C6336</f>
        <v>62.838999999999999</v>
      </c>
      <c r="C6328" t="str">
        <f>'CPT Data'!P6336</f>
        <v>SAND</v>
      </c>
      <c r="D6328" t="e">
        <f>'CPT Data'!Q6336</f>
        <v>#N/A</v>
      </c>
      <c r="E6328" t="e">
        <f t="shared" si="99"/>
        <v>#N/A</v>
      </c>
      <c r="F6328" t="str">
        <f>IF(C6328="CLAY", INDEX(D$4:D6328, MATCH("CLAY", C$4:C6328, 0)), "")</f>
        <v/>
      </c>
    </row>
    <row r="6329" spans="1:6" x14ac:dyDescent="0.2">
      <c r="A6329" s="239">
        <f>'CPT Data'!B6337</f>
        <v>62.856000000000002</v>
      </c>
      <c r="B6329" s="3">
        <f>'CPT Data'!C6337</f>
        <v>62.849000000000004</v>
      </c>
      <c r="C6329" t="str">
        <f>'CPT Data'!P6337</f>
        <v>SAND</v>
      </c>
      <c r="D6329" t="e">
        <f>'CPT Data'!Q6337</f>
        <v>#N/A</v>
      </c>
      <c r="E6329" t="e">
        <f t="shared" si="99"/>
        <v>#N/A</v>
      </c>
      <c r="F6329" t="str">
        <f>IF(C6329="CLAY", INDEX(D$4:D6329, MATCH("CLAY", C$4:C6329, 0)), "")</f>
        <v/>
      </c>
    </row>
    <row r="6330" spans="1:6" x14ac:dyDescent="0.2">
      <c r="A6330" s="239">
        <f>'CPT Data'!B6338</f>
        <v>62.866</v>
      </c>
      <c r="B6330" s="3">
        <f>'CPT Data'!C6338</f>
        <v>62.859000000000002</v>
      </c>
      <c r="C6330" t="str">
        <f>'CPT Data'!P6338</f>
        <v>SAND</v>
      </c>
      <c r="D6330" t="e">
        <f>'CPT Data'!Q6338</f>
        <v>#N/A</v>
      </c>
      <c r="E6330" t="e">
        <f t="shared" si="99"/>
        <v>#N/A</v>
      </c>
      <c r="F6330" t="str">
        <f>IF(C6330="CLAY", INDEX(D$4:D6330, MATCH("CLAY", C$4:C6330, 0)), "")</f>
        <v/>
      </c>
    </row>
    <row r="6331" spans="1:6" x14ac:dyDescent="0.2">
      <c r="A6331" s="239">
        <f>'CPT Data'!B6339</f>
        <v>62.875999999999998</v>
      </c>
      <c r="B6331" s="3">
        <f>'CPT Data'!C6339</f>
        <v>62.869</v>
      </c>
      <c r="C6331" t="str">
        <f>'CPT Data'!P6339</f>
        <v>SAND</v>
      </c>
      <c r="D6331" t="e">
        <f>'CPT Data'!Q6339</f>
        <v>#N/A</v>
      </c>
      <c r="E6331" t="e">
        <f t="shared" si="99"/>
        <v>#N/A</v>
      </c>
      <c r="F6331" t="str">
        <f>IF(C6331="CLAY", INDEX(D$4:D6331, MATCH("CLAY", C$4:C6331, 0)), "")</f>
        <v/>
      </c>
    </row>
    <row r="6332" spans="1:6" x14ac:dyDescent="0.2">
      <c r="A6332" s="239">
        <f>'CPT Data'!B6340</f>
        <v>62.884999999999998</v>
      </c>
      <c r="B6332" s="3">
        <f>'CPT Data'!C6340</f>
        <v>62.878</v>
      </c>
      <c r="C6332" t="str">
        <f>'CPT Data'!P6340</f>
        <v>SAND</v>
      </c>
      <c r="D6332" t="e">
        <f>'CPT Data'!Q6340</f>
        <v>#N/A</v>
      </c>
      <c r="E6332" t="e">
        <f t="shared" si="99"/>
        <v>#N/A</v>
      </c>
      <c r="F6332" t="str">
        <f>IF(C6332="CLAY", INDEX(D$4:D6332, MATCH("CLAY", C$4:C6332, 0)), "")</f>
        <v/>
      </c>
    </row>
    <row r="6333" spans="1:6" x14ac:dyDescent="0.2">
      <c r="A6333" s="239">
        <f>'CPT Data'!B6341</f>
        <v>62.895000000000003</v>
      </c>
      <c r="B6333" s="3">
        <f>'CPT Data'!C6341</f>
        <v>62.888000000000005</v>
      </c>
      <c r="C6333" t="str">
        <f>'CPT Data'!P6341</f>
        <v>SAND</v>
      </c>
      <c r="D6333" t="e">
        <f>'CPT Data'!Q6341</f>
        <v>#N/A</v>
      </c>
      <c r="E6333" t="e">
        <f t="shared" si="99"/>
        <v>#N/A</v>
      </c>
      <c r="F6333" t="str">
        <f>IF(C6333="CLAY", INDEX(D$4:D6333, MATCH("CLAY", C$4:C6333, 0)), "")</f>
        <v/>
      </c>
    </row>
    <row r="6334" spans="1:6" x14ac:dyDescent="0.2">
      <c r="A6334" s="239">
        <f>'CPT Data'!B6342</f>
        <v>62.904000000000003</v>
      </c>
      <c r="B6334" s="3">
        <f>'CPT Data'!C6342</f>
        <v>62.897000000000006</v>
      </c>
      <c r="C6334" t="str">
        <f>'CPT Data'!P6342</f>
        <v>SAND</v>
      </c>
      <c r="D6334" t="e">
        <f>'CPT Data'!Q6342</f>
        <v>#N/A</v>
      </c>
      <c r="E6334" t="e">
        <f t="shared" si="99"/>
        <v>#N/A</v>
      </c>
      <c r="F6334" t="str">
        <f>IF(C6334="CLAY", INDEX(D$4:D6334, MATCH("CLAY", C$4:C6334, 0)), "")</f>
        <v/>
      </c>
    </row>
    <row r="6335" spans="1:6" x14ac:dyDescent="0.2">
      <c r="A6335" s="239">
        <f>'CPT Data'!B6343</f>
        <v>62.912999999999997</v>
      </c>
      <c r="B6335" s="3">
        <f>'CPT Data'!C6343</f>
        <v>62.905999999999999</v>
      </c>
      <c r="C6335" t="str">
        <f>'CPT Data'!P6343</f>
        <v>SAND</v>
      </c>
      <c r="D6335" t="e">
        <f>'CPT Data'!Q6343</f>
        <v>#N/A</v>
      </c>
      <c r="E6335" t="e">
        <f t="shared" si="99"/>
        <v>#N/A</v>
      </c>
      <c r="F6335" t="str">
        <f>IF(C6335="CLAY", INDEX(D$4:D6335, MATCH("CLAY", C$4:C6335, 0)), "")</f>
        <v/>
      </c>
    </row>
    <row r="6336" spans="1:6" x14ac:dyDescent="0.2">
      <c r="A6336" s="239">
        <f>'CPT Data'!B6344</f>
        <v>62.921999999999997</v>
      </c>
      <c r="B6336" s="3">
        <f>'CPT Data'!C6344</f>
        <v>62.914999999999999</v>
      </c>
      <c r="C6336" t="str">
        <f>'CPT Data'!P6344</f>
        <v>SAND</v>
      </c>
      <c r="D6336" t="e">
        <f>'CPT Data'!Q6344</f>
        <v>#N/A</v>
      </c>
      <c r="E6336" t="e">
        <f t="shared" si="99"/>
        <v>#N/A</v>
      </c>
      <c r="F6336" t="str">
        <f>IF(C6336="CLAY", INDEX(D$4:D6336, MATCH("CLAY", C$4:C6336, 0)), "")</f>
        <v/>
      </c>
    </row>
    <row r="6337" spans="1:6" x14ac:dyDescent="0.2">
      <c r="A6337" s="239">
        <f>'CPT Data'!B6345</f>
        <v>62.933</v>
      </c>
      <c r="B6337" s="3">
        <f>'CPT Data'!C6345</f>
        <v>62.926000000000002</v>
      </c>
      <c r="C6337" t="str">
        <f>'CPT Data'!P6345</f>
        <v>SAND</v>
      </c>
      <c r="D6337" t="e">
        <f>'CPT Data'!Q6345</f>
        <v>#N/A</v>
      </c>
      <c r="E6337" t="e">
        <f t="shared" si="99"/>
        <v>#N/A</v>
      </c>
      <c r="F6337" t="str">
        <f>IF(C6337="CLAY", INDEX(D$4:D6337, MATCH("CLAY", C$4:C6337, 0)), "")</f>
        <v/>
      </c>
    </row>
    <row r="6338" spans="1:6" x14ac:dyDescent="0.2">
      <c r="A6338" s="239">
        <f>'CPT Data'!B6346</f>
        <v>62.942999999999998</v>
      </c>
      <c r="B6338" s="3">
        <f>'CPT Data'!C6346</f>
        <v>62.936</v>
      </c>
      <c r="C6338" t="str">
        <f>'CPT Data'!P6346</f>
        <v>SAND</v>
      </c>
      <c r="D6338" t="e">
        <f>'CPT Data'!Q6346</f>
        <v>#N/A</v>
      </c>
      <c r="E6338" t="e">
        <f t="shared" si="99"/>
        <v>#N/A</v>
      </c>
      <c r="F6338" t="str">
        <f>IF(C6338="CLAY", INDEX(D$4:D6338, MATCH("CLAY", C$4:C6338, 0)), "")</f>
        <v/>
      </c>
    </row>
    <row r="6339" spans="1:6" x14ac:dyDescent="0.2">
      <c r="A6339" s="239">
        <f>'CPT Data'!B6347</f>
        <v>62.951999999999998</v>
      </c>
      <c r="B6339" s="3">
        <f>'CPT Data'!C6347</f>
        <v>62.945</v>
      </c>
      <c r="C6339" t="str">
        <f>'CPT Data'!P6347</f>
        <v>SAND</v>
      </c>
      <c r="D6339" t="e">
        <f>'CPT Data'!Q6347</f>
        <v>#N/A</v>
      </c>
      <c r="E6339" t="e">
        <f t="shared" si="99"/>
        <v>#N/A</v>
      </c>
      <c r="F6339" t="str">
        <f>IF(C6339="CLAY", INDEX(D$4:D6339, MATCH("CLAY", C$4:C6339, 0)), "")</f>
        <v/>
      </c>
    </row>
    <row r="6340" spans="1:6" x14ac:dyDescent="0.2">
      <c r="A6340" s="239">
        <f>'CPT Data'!B6348</f>
        <v>62.963000000000001</v>
      </c>
      <c r="B6340" s="3">
        <f>'CPT Data'!C6348</f>
        <v>62.956000000000003</v>
      </c>
      <c r="C6340" t="str">
        <f>'CPT Data'!P6348</f>
        <v>SAND</v>
      </c>
      <c r="D6340" t="e">
        <f>'CPT Data'!Q6348</f>
        <v>#N/A</v>
      </c>
      <c r="E6340" t="e">
        <f t="shared" si="99"/>
        <v>#N/A</v>
      </c>
      <c r="F6340" t="str">
        <f>IF(C6340="CLAY", INDEX(D$4:D6340, MATCH("CLAY", C$4:C6340, 0)), "")</f>
        <v/>
      </c>
    </row>
    <row r="6341" spans="1:6" x14ac:dyDescent="0.2">
      <c r="A6341" s="239">
        <f>'CPT Data'!B6349</f>
        <v>62.973999999999997</v>
      </c>
      <c r="B6341" s="3">
        <f>'CPT Data'!C6349</f>
        <v>62.966999999999999</v>
      </c>
      <c r="C6341" t="str">
        <f>'CPT Data'!P6349</f>
        <v>SAND</v>
      </c>
      <c r="D6341" t="e">
        <f>'CPT Data'!Q6349</f>
        <v>#N/A</v>
      </c>
      <c r="E6341" t="e">
        <f t="shared" si="99"/>
        <v>#N/A</v>
      </c>
      <c r="F6341" t="str">
        <f>IF(C6341="CLAY", INDEX(D$4:D6341, MATCH("CLAY", C$4:C6341, 0)), "")</f>
        <v/>
      </c>
    </row>
    <row r="6342" spans="1:6" x14ac:dyDescent="0.2">
      <c r="A6342" s="239">
        <f>'CPT Data'!B6350</f>
        <v>62.982999999999997</v>
      </c>
      <c r="B6342" s="3">
        <f>'CPT Data'!C6350</f>
        <v>62.975999999999999</v>
      </c>
      <c r="C6342" t="str">
        <f>'CPT Data'!P6350</f>
        <v>SAND</v>
      </c>
      <c r="D6342" t="e">
        <f>'CPT Data'!Q6350</f>
        <v>#N/A</v>
      </c>
      <c r="E6342" t="e">
        <f t="shared" si="99"/>
        <v>#N/A</v>
      </c>
      <c r="F6342" t="str">
        <f>IF(C6342="CLAY", INDEX(D$4:D6342, MATCH("CLAY", C$4:C6342, 0)), "")</f>
        <v/>
      </c>
    </row>
    <row r="6343" spans="1:6" x14ac:dyDescent="0.2">
      <c r="A6343" s="239">
        <f>'CPT Data'!B6351</f>
        <v>62.993000000000002</v>
      </c>
      <c r="B6343" s="3">
        <f>'CPT Data'!C6351</f>
        <v>62.986000000000004</v>
      </c>
      <c r="C6343" t="str">
        <f>'CPT Data'!P6351</f>
        <v>SAND</v>
      </c>
      <c r="D6343" t="e">
        <f>'CPT Data'!Q6351</f>
        <v>#N/A</v>
      </c>
      <c r="E6343" t="e">
        <f t="shared" si="99"/>
        <v>#N/A</v>
      </c>
      <c r="F6343" t="str">
        <f>IF(C6343="CLAY", INDEX(D$4:D6343, MATCH("CLAY", C$4:C6343, 0)), "")</f>
        <v/>
      </c>
    </row>
    <row r="6344" spans="1:6" x14ac:dyDescent="0.2">
      <c r="A6344" s="239">
        <f>'CPT Data'!B6352</f>
        <v>63.003999999999998</v>
      </c>
      <c r="B6344" s="3">
        <f>'CPT Data'!C6352</f>
        <v>62.997</v>
      </c>
      <c r="C6344" t="str">
        <f>'CPT Data'!P6352</f>
        <v>SAND</v>
      </c>
      <c r="D6344" t="e">
        <f>'CPT Data'!Q6352</f>
        <v>#N/A</v>
      </c>
      <c r="E6344" t="e">
        <f t="shared" si="99"/>
        <v>#N/A</v>
      </c>
      <c r="F6344" t="str">
        <f>IF(C6344="CLAY", INDEX(D$4:D6344, MATCH("CLAY", C$4:C6344, 0)), "")</f>
        <v/>
      </c>
    </row>
    <row r="6345" spans="1:6" x14ac:dyDescent="0.2">
      <c r="A6345" s="239">
        <f>'CPT Data'!B6353</f>
        <v>63.014000000000003</v>
      </c>
      <c r="B6345" s="3">
        <f>'CPT Data'!C6353</f>
        <v>63.007000000000005</v>
      </c>
      <c r="C6345" t="str">
        <f>'CPT Data'!P6353</f>
        <v>SAND</v>
      </c>
      <c r="D6345" t="e">
        <f>'CPT Data'!Q6353</f>
        <v>#N/A</v>
      </c>
      <c r="E6345" t="e">
        <f t="shared" si="99"/>
        <v>#N/A</v>
      </c>
      <c r="F6345" t="str">
        <f>IF(C6345="CLAY", INDEX(D$4:D6345, MATCH("CLAY", C$4:C6345, 0)), "")</f>
        <v/>
      </c>
    </row>
    <row r="6346" spans="1:6" x14ac:dyDescent="0.2">
      <c r="A6346" s="239">
        <f>'CPT Data'!B6354</f>
        <v>63.024000000000001</v>
      </c>
      <c r="B6346" s="3">
        <f>'CPT Data'!C6354</f>
        <v>63.017000000000003</v>
      </c>
      <c r="C6346" t="str">
        <f>'CPT Data'!P6354</f>
        <v>SAND</v>
      </c>
      <c r="D6346" t="e">
        <f>'CPT Data'!Q6354</f>
        <v>#N/A</v>
      </c>
      <c r="E6346" t="e">
        <f t="shared" si="99"/>
        <v>#N/A</v>
      </c>
      <c r="F6346" t="str">
        <f>IF(C6346="CLAY", INDEX(D$4:D6346, MATCH("CLAY", C$4:C6346, 0)), "")</f>
        <v/>
      </c>
    </row>
    <row r="6347" spans="1:6" x14ac:dyDescent="0.2">
      <c r="A6347" s="239">
        <f>'CPT Data'!B6355</f>
        <v>63.033999999999999</v>
      </c>
      <c r="B6347" s="3">
        <f>'CPT Data'!C6355</f>
        <v>63.027000000000001</v>
      </c>
      <c r="C6347" t="str">
        <f>'CPT Data'!P6355</f>
        <v>SAND</v>
      </c>
      <c r="D6347" t="e">
        <f>'CPT Data'!Q6355</f>
        <v>#N/A</v>
      </c>
      <c r="E6347" t="e">
        <f t="shared" si="99"/>
        <v>#N/A</v>
      </c>
      <c r="F6347" t="str">
        <f>IF(C6347="CLAY", INDEX(D$4:D6347, MATCH("CLAY", C$4:C6347, 0)), "")</f>
        <v/>
      </c>
    </row>
    <row r="6348" spans="1:6" x14ac:dyDescent="0.2">
      <c r="A6348" s="239">
        <f>'CPT Data'!B6356</f>
        <v>63.042999999999999</v>
      </c>
      <c r="B6348" s="3">
        <f>'CPT Data'!C6356</f>
        <v>63.036000000000001</v>
      </c>
      <c r="C6348" t="str">
        <f>'CPT Data'!P6356</f>
        <v>SAND</v>
      </c>
      <c r="D6348" t="e">
        <f>'CPT Data'!Q6356</f>
        <v>#N/A</v>
      </c>
      <c r="E6348" t="e">
        <f t="shared" si="99"/>
        <v>#N/A</v>
      </c>
      <c r="F6348" t="str">
        <f>IF(C6348="CLAY", INDEX(D$4:D6348, MATCH("CLAY", C$4:C6348, 0)), "")</f>
        <v/>
      </c>
    </row>
    <row r="6349" spans="1:6" x14ac:dyDescent="0.2">
      <c r="A6349" s="239">
        <f>'CPT Data'!B6357</f>
        <v>63.054000000000002</v>
      </c>
      <c r="B6349" s="3">
        <f>'CPT Data'!C6357</f>
        <v>63.047000000000004</v>
      </c>
      <c r="C6349" t="str">
        <f>'CPT Data'!P6357</f>
        <v>SAND</v>
      </c>
      <c r="D6349" t="e">
        <f>'CPT Data'!Q6357</f>
        <v>#N/A</v>
      </c>
      <c r="E6349" t="e">
        <f t="shared" si="99"/>
        <v>#N/A</v>
      </c>
      <c r="F6349" t="str">
        <f>IF(C6349="CLAY", INDEX(D$4:D6349, MATCH("CLAY", C$4:C6349, 0)), "")</f>
        <v/>
      </c>
    </row>
    <row r="6350" spans="1:6" x14ac:dyDescent="0.2">
      <c r="A6350" s="239">
        <f>'CPT Data'!B6358</f>
        <v>63.064</v>
      </c>
      <c r="B6350" s="3">
        <f>'CPT Data'!C6358</f>
        <v>63.057000000000002</v>
      </c>
      <c r="C6350" t="str">
        <f>'CPT Data'!P6358</f>
        <v>SAND</v>
      </c>
      <c r="D6350" t="e">
        <f>'CPT Data'!Q6358</f>
        <v>#N/A</v>
      </c>
      <c r="E6350" t="e">
        <f t="shared" si="99"/>
        <v>#N/A</v>
      </c>
      <c r="F6350" t="str">
        <f>IF(C6350="CLAY", INDEX(D$4:D6350, MATCH("CLAY", C$4:C6350, 0)), "")</f>
        <v/>
      </c>
    </row>
    <row r="6351" spans="1:6" x14ac:dyDescent="0.2">
      <c r="A6351" s="239">
        <f>'CPT Data'!B6359</f>
        <v>63.073999999999998</v>
      </c>
      <c r="B6351" s="3">
        <f>'CPT Data'!C6359</f>
        <v>63.067</v>
      </c>
      <c r="C6351" t="str">
        <f>'CPT Data'!P6359</f>
        <v>SAND</v>
      </c>
      <c r="D6351" t="e">
        <f>'CPT Data'!Q6359</f>
        <v>#N/A</v>
      </c>
      <c r="E6351" t="e">
        <f t="shared" si="99"/>
        <v>#N/A</v>
      </c>
      <c r="F6351" t="str">
        <f>IF(C6351="CLAY", INDEX(D$4:D6351, MATCH("CLAY", C$4:C6351, 0)), "")</f>
        <v/>
      </c>
    </row>
    <row r="6352" spans="1:6" x14ac:dyDescent="0.2">
      <c r="A6352" s="239">
        <f>'CPT Data'!B6360</f>
        <v>63.084000000000003</v>
      </c>
      <c r="B6352" s="3">
        <f>'CPT Data'!C6360</f>
        <v>63.077000000000005</v>
      </c>
      <c r="C6352" t="str">
        <f>'CPT Data'!P6360</f>
        <v>SAND</v>
      </c>
      <c r="D6352" t="e">
        <f>'CPT Data'!Q6360</f>
        <v>#N/A</v>
      </c>
      <c r="E6352" t="e">
        <f t="shared" si="99"/>
        <v>#N/A</v>
      </c>
      <c r="F6352" t="str">
        <f>IF(C6352="CLAY", INDEX(D$4:D6352, MATCH("CLAY", C$4:C6352, 0)), "")</f>
        <v/>
      </c>
    </row>
    <row r="6353" spans="1:6" x14ac:dyDescent="0.2">
      <c r="A6353" s="239">
        <f>'CPT Data'!B6361</f>
        <v>63.094000000000001</v>
      </c>
      <c r="B6353" s="3">
        <f>'CPT Data'!C6361</f>
        <v>63.087000000000003</v>
      </c>
      <c r="C6353" t="str">
        <f>'CPT Data'!P6361</f>
        <v>SAND</v>
      </c>
      <c r="D6353" t="e">
        <f>'CPT Data'!Q6361</f>
        <v>#N/A</v>
      </c>
      <c r="E6353" t="e">
        <f t="shared" si="99"/>
        <v>#N/A</v>
      </c>
      <c r="F6353" t="str">
        <f>IF(C6353="CLAY", INDEX(D$4:D6353, MATCH("CLAY", C$4:C6353, 0)), "")</f>
        <v/>
      </c>
    </row>
    <row r="6354" spans="1:6" x14ac:dyDescent="0.2">
      <c r="A6354" s="239">
        <f>'CPT Data'!B6362</f>
        <v>63.103000000000002</v>
      </c>
      <c r="B6354" s="3">
        <f>'CPT Data'!C6362</f>
        <v>63.096000000000004</v>
      </c>
      <c r="C6354" t="str">
        <f>'CPT Data'!P6362</f>
        <v>SAND</v>
      </c>
      <c r="D6354" t="e">
        <f>'CPT Data'!Q6362</f>
        <v>#N/A</v>
      </c>
      <c r="E6354" t="e">
        <f t="shared" si="99"/>
        <v>#N/A</v>
      </c>
      <c r="F6354" t="str">
        <f>IF(C6354="CLAY", INDEX(D$4:D6354, MATCH("CLAY", C$4:C6354, 0)), "")</f>
        <v/>
      </c>
    </row>
    <row r="6355" spans="1:6" x14ac:dyDescent="0.2">
      <c r="A6355" s="239">
        <f>'CPT Data'!B6363</f>
        <v>63.115000000000002</v>
      </c>
      <c r="B6355" s="3">
        <f>'CPT Data'!C6363</f>
        <v>63.108000000000004</v>
      </c>
      <c r="C6355" t="str">
        <f>'CPT Data'!P6363</f>
        <v>SAND</v>
      </c>
      <c r="D6355" t="e">
        <f>'CPT Data'!Q6363</f>
        <v>#N/A</v>
      </c>
      <c r="E6355" t="e">
        <f t="shared" si="99"/>
        <v>#N/A</v>
      </c>
      <c r="F6355" t="str">
        <f>IF(C6355="CLAY", INDEX(D$4:D6355, MATCH("CLAY", C$4:C6355, 0)), "")</f>
        <v/>
      </c>
    </row>
    <row r="6356" spans="1:6" x14ac:dyDescent="0.2">
      <c r="A6356" s="239">
        <f>'CPT Data'!B6364</f>
        <v>63.124000000000002</v>
      </c>
      <c r="B6356" s="3">
        <f>'CPT Data'!C6364</f>
        <v>63.117000000000004</v>
      </c>
      <c r="C6356" t="str">
        <f>'CPT Data'!P6364</f>
        <v>SAND</v>
      </c>
      <c r="D6356" t="e">
        <f>'CPT Data'!Q6364</f>
        <v>#N/A</v>
      </c>
      <c r="E6356" t="e">
        <f t="shared" si="99"/>
        <v>#N/A</v>
      </c>
      <c r="F6356" t="str">
        <f>IF(C6356="CLAY", INDEX(D$4:D6356, MATCH("CLAY", C$4:C6356, 0)), "")</f>
        <v/>
      </c>
    </row>
    <row r="6357" spans="1:6" x14ac:dyDescent="0.2">
      <c r="A6357" s="239">
        <f>'CPT Data'!B6365</f>
        <v>63.136000000000003</v>
      </c>
      <c r="B6357" s="3">
        <f>'CPT Data'!C6365</f>
        <v>63.129000000000005</v>
      </c>
      <c r="C6357" t="str">
        <f>'CPT Data'!P6365</f>
        <v>SAND</v>
      </c>
      <c r="D6357" t="e">
        <f>'CPT Data'!Q6365</f>
        <v>#N/A</v>
      </c>
      <c r="E6357" t="e">
        <f t="shared" si="99"/>
        <v>#N/A</v>
      </c>
      <c r="F6357" t="str">
        <f>IF(C6357="CLAY", INDEX(D$4:D6357, MATCH("CLAY", C$4:C6357, 0)), "")</f>
        <v/>
      </c>
    </row>
    <row r="6358" spans="1:6" x14ac:dyDescent="0.2">
      <c r="A6358" s="239">
        <f>'CPT Data'!B6366</f>
        <v>63.145000000000003</v>
      </c>
      <c r="B6358" s="3">
        <f>'CPT Data'!C6366</f>
        <v>63.138000000000005</v>
      </c>
      <c r="C6358" t="str">
        <f>'CPT Data'!P6366</f>
        <v>SAND</v>
      </c>
      <c r="D6358" t="e">
        <f>'CPT Data'!Q6366</f>
        <v>#N/A</v>
      </c>
      <c r="E6358" t="e">
        <f t="shared" si="99"/>
        <v>#N/A</v>
      </c>
      <c r="F6358" t="str">
        <f>IF(C6358="CLAY", INDEX(D$4:D6358, MATCH("CLAY", C$4:C6358, 0)), "")</f>
        <v/>
      </c>
    </row>
    <row r="6359" spans="1:6" x14ac:dyDescent="0.2">
      <c r="A6359" s="239">
        <f>'CPT Data'!B6367</f>
        <v>63.155000000000001</v>
      </c>
      <c r="B6359" s="3">
        <f>'CPT Data'!C6367</f>
        <v>63.148000000000003</v>
      </c>
      <c r="C6359" t="str">
        <f>'CPT Data'!P6367</f>
        <v>SAND</v>
      </c>
      <c r="D6359" t="e">
        <f>'CPT Data'!Q6367</f>
        <v>#N/A</v>
      </c>
      <c r="E6359" t="e">
        <f t="shared" si="99"/>
        <v>#N/A</v>
      </c>
      <c r="F6359" t="str">
        <f>IF(C6359="CLAY", INDEX(D$4:D6359, MATCH("CLAY", C$4:C6359, 0)), "")</f>
        <v/>
      </c>
    </row>
    <row r="6360" spans="1:6" x14ac:dyDescent="0.2">
      <c r="A6360" s="239">
        <f>'CPT Data'!B6368</f>
        <v>63.165999999999997</v>
      </c>
      <c r="B6360" s="3">
        <f>'CPT Data'!C6368</f>
        <v>63.158999999999999</v>
      </c>
      <c r="C6360" t="str">
        <f>'CPT Data'!P6368</f>
        <v>SAND</v>
      </c>
      <c r="D6360" t="e">
        <f>'CPT Data'!Q6368</f>
        <v>#N/A</v>
      </c>
      <c r="E6360" t="e">
        <f t="shared" si="99"/>
        <v>#N/A</v>
      </c>
      <c r="F6360" t="str">
        <f>IF(C6360="CLAY", INDEX(D$4:D6360, MATCH("CLAY", C$4:C6360, 0)), "")</f>
        <v/>
      </c>
    </row>
    <row r="6361" spans="1:6" x14ac:dyDescent="0.2">
      <c r="A6361" s="239">
        <f>'CPT Data'!B6369</f>
        <v>63.176000000000002</v>
      </c>
      <c r="B6361" s="3">
        <f>'CPT Data'!C6369</f>
        <v>63.169000000000004</v>
      </c>
      <c r="C6361" t="str">
        <f>'CPT Data'!P6369</f>
        <v>SAND</v>
      </c>
      <c r="D6361" t="e">
        <f>'CPT Data'!Q6369</f>
        <v>#N/A</v>
      </c>
      <c r="E6361" t="e">
        <f t="shared" si="99"/>
        <v>#N/A</v>
      </c>
      <c r="F6361" t="str">
        <f>IF(C6361="CLAY", INDEX(D$4:D6361, MATCH("CLAY", C$4:C6361, 0)), "")</f>
        <v/>
      </c>
    </row>
    <row r="6362" spans="1:6" x14ac:dyDescent="0.2">
      <c r="A6362" s="239">
        <f>'CPT Data'!B6370</f>
        <v>63.186</v>
      </c>
      <c r="B6362" s="3">
        <f>'CPT Data'!C6370</f>
        <v>63.179000000000002</v>
      </c>
      <c r="C6362" t="str">
        <f>'CPT Data'!P6370</f>
        <v>SAND</v>
      </c>
      <c r="D6362" t="e">
        <f>'CPT Data'!Q6370</f>
        <v>#N/A</v>
      </c>
      <c r="E6362" t="e">
        <f t="shared" si="99"/>
        <v>#N/A</v>
      </c>
      <c r="F6362" t="str">
        <f>IF(C6362="CLAY", INDEX(D$4:D6362, MATCH("CLAY", C$4:C6362, 0)), "")</f>
        <v/>
      </c>
    </row>
    <row r="6363" spans="1:6" x14ac:dyDescent="0.2">
      <c r="A6363" s="239">
        <f>'CPT Data'!B6371</f>
        <v>63.195999999999998</v>
      </c>
      <c r="B6363" s="3">
        <f>'CPT Data'!C6371</f>
        <v>63.189</v>
      </c>
      <c r="C6363" t="str">
        <f>'CPT Data'!P6371</f>
        <v>SAND</v>
      </c>
      <c r="D6363" t="e">
        <f>'CPT Data'!Q6371</f>
        <v>#N/A</v>
      </c>
      <c r="E6363" t="e">
        <f t="shared" ref="E6363:E6426" si="100">IF(C6363="SAND",#N/A,IF(C6363=C6362,D6362,IF(C6363="CLAY",D6363,#N/A)))</f>
        <v>#N/A</v>
      </c>
      <c r="F6363" t="str">
        <f>IF(C6363="CLAY", INDEX(D$4:D6363, MATCH("CLAY", C$4:C6363, 0)), "")</f>
        <v/>
      </c>
    </row>
    <row r="6364" spans="1:6" x14ac:dyDescent="0.2">
      <c r="A6364" s="239">
        <f>'CPT Data'!B6372</f>
        <v>63.207999999999998</v>
      </c>
      <c r="B6364" s="3">
        <f>'CPT Data'!C6372</f>
        <v>63.201000000000001</v>
      </c>
      <c r="C6364" t="str">
        <f>'CPT Data'!P6372</f>
        <v>SAND</v>
      </c>
      <c r="D6364" t="e">
        <f>'CPT Data'!Q6372</f>
        <v>#N/A</v>
      </c>
      <c r="E6364" t="e">
        <f t="shared" si="100"/>
        <v>#N/A</v>
      </c>
      <c r="F6364" t="str">
        <f>IF(C6364="CLAY", INDEX(D$4:D6364, MATCH("CLAY", C$4:C6364, 0)), "")</f>
        <v/>
      </c>
    </row>
    <row r="6365" spans="1:6" x14ac:dyDescent="0.2">
      <c r="A6365" s="239">
        <f>'CPT Data'!B6373</f>
        <v>63.216999999999999</v>
      </c>
      <c r="B6365" s="3">
        <f>'CPT Data'!C6373</f>
        <v>63.21</v>
      </c>
      <c r="C6365" t="str">
        <f>'CPT Data'!P6373</f>
        <v>SAND</v>
      </c>
      <c r="D6365" t="e">
        <f>'CPT Data'!Q6373</f>
        <v>#N/A</v>
      </c>
      <c r="E6365" t="e">
        <f t="shared" si="100"/>
        <v>#N/A</v>
      </c>
      <c r="F6365" t="str">
        <f>IF(C6365="CLAY", INDEX(D$4:D6365, MATCH("CLAY", C$4:C6365, 0)), "")</f>
        <v/>
      </c>
    </row>
    <row r="6366" spans="1:6" x14ac:dyDescent="0.2">
      <c r="A6366" s="239">
        <f>'CPT Data'!B6374</f>
        <v>63.228000000000002</v>
      </c>
      <c r="B6366" s="3">
        <f>'CPT Data'!C6374</f>
        <v>63.221000000000004</v>
      </c>
      <c r="C6366" t="str">
        <f>'CPT Data'!P6374</f>
        <v>SAND</v>
      </c>
      <c r="D6366" t="e">
        <f>'CPT Data'!Q6374</f>
        <v>#N/A</v>
      </c>
      <c r="E6366" t="e">
        <f t="shared" si="100"/>
        <v>#N/A</v>
      </c>
      <c r="F6366" t="str">
        <f>IF(C6366="CLAY", INDEX(D$4:D6366, MATCH("CLAY", C$4:C6366, 0)), "")</f>
        <v/>
      </c>
    </row>
    <row r="6367" spans="1:6" x14ac:dyDescent="0.2">
      <c r="A6367" s="239">
        <f>'CPT Data'!B6375</f>
        <v>63.238</v>
      </c>
      <c r="B6367" s="3">
        <f>'CPT Data'!C6375</f>
        <v>63.231000000000002</v>
      </c>
      <c r="C6367" t="str">
        <f>'CPT Data'!P6375</f>
        <v>SAND</v>
      </c>
      <c r="D6367" t="e">
        <f>'CPT Data'!Q6375</f>
        <v>#N/A</v>
      </c>
      <c r="E6367" t="e">
        <f t="shared" si="100"/>
        <v>#N/A</v>
      </c>
      <c r="F6367" t="str">
        <f>IF(C6367="CLAY", INDEX(D$4:D6367, MATCH("CLAY", C$4:C6367, 0)), "")</f>
        <v/>
      </c>
    </row>
    <row r="6368" spans="1:6" x14ac:dyDescent="0.2">
      <c r="A6368" s="239">
        <f>'CPT Data'!B6376</f>
        <v>63.247999999999998</v>
      </c>
      <c r="B6368" s="3">
        <f>'CPT Data'!C6376</f>
        <v>63.241</v>
      </c>
      <c r="C6368" t="str">
        <f>'CPT Data'!P6376</f>
        <v>SAND</v>
      </c>
      <c r="D6368" t="e">
        <f>'CPT Data'!Q6376</f>
        <v>#N/A</v>
      </c>
      <c r="E6368" t="e">
        <f t="shared" si="100"/>
        <v>#N/A</v>
      </c>
      <c r="F6368" t="str">
        <f>IF(C6368="CLAY", INDEX(D$4:D6368, MATCH("CLAY", C$4:C6368, 0)), "")</f>
        <v/>
      </c>
    </row>
    <row r="6369" spans="1:6" x14ac:dyDescent="0.2">
      <c r="A6369" s="239">
        <f>'CPT Data'!B6377</f>
        <v>63.259</v>
      </c>
      <c r="B6369" s="3">
        <f>'CPT Data'!C6377</f>
        <v>63.252000000000002</v>
      </c>
      <c r="C6369" t="str">
        <f>'CPT Data'!P6377</f>
        <v>SAND</v>
      </c>
      <c r="D6369" t="e">
        <f>'CPT Data'!Q6377</f>
        <v>#N/A</v>
      </c>
      <c r="E6369" t="e">
        <f t="shared" si="100"/>
        <v>#N/A</v>
      </c>
      <c r="F6369" t="str">
        <f>IF(C6369="CLAY", INDEX(D$4:D6369, MATCH("CLAY", C$4:C6369, 0)), "")</f>
        <v/>
      </c>
    </row>
    <row r="6370" spans="1:6" x14ac:dyDescent="0.2">
      <c r="A6370" s="239">
        <f>'CPT Data'!B6378</f>
        <v>63.268999999999998</v>
      </c>
      <c r="B6370" s="3">
        <f>'CPT Data'!C6378</f>
        <v>63.262</v>
      </c>
      <c r="C6370" t="str">
        <f>'CPT Data'!P6378</f>
        <v>SAND</v>
      </c>
      <c r="D6370" t="e">
        <f>'CPT Data'!Q6378</f>
        <v>#N/A</v>
      </c>
      <c r="E6370" t="e">
        <f t="shared" si="100"/>
        <v>#N/A</v>
      </c>
      <c r="F6370" t="str">
        <f>IF(C6370="CLAY", INDEX(D$4:D6370, MATCH("CLAY", C$4:C6370, 0)), "")</f>
        <v/>
      </c>
    </row>
    <row r="6371" spans="1:6" x14ac:dyDescent="0.2">
      <c r="A6371" s="239">
        <f>'CPT Data'!B6379</f>
        <v>63.279000000000003</v>
      </c>
      <c r="B6371" s="3">
        <f>'CPT Data'!C6379</f>
        <v>63.272000000000006</v>
      </c>
      <c r="C6371" t="str">
        <f>'CPT Data'!P6379</f>
        <v>SAND</v>
      </c>
      <c r="D6371" t="e">
        <f>'CPT Data'!Q6379</f>
        <v>#N/A</v>
      </c>
      <c r="E6371" t="e">
        <f t="shared" si="100"/>
        <v>#N/A</v>
      </c>
      <c r="F6371" t="str">
        <f>IF(C6371="CLAY", INDEX(D$4:D6371, MATCH("CLAY", C$4:C6371, 0)), "")</f>
        <v/>
      </c>
    </row>
    <row r="6372" spans="1:6" x14ac:dyDescent="0.2">
      <c r="A6372" s="239">
        <f>'CPT Data'!B6380</f>
        <v>63.29</v>
      </c>
      <c r="B6372" s="3">
        <f>'CPT Data'!C6380</f>
        <v>63.283000000000001</v>
      </c>
      <c r="C6372" t="str">
        <f>'CPT Data'!P6380</f>
        <v>SAND</v>
      </c>
      <c r="D6372" t="e">
        <f>'CPT Data'!Q6380</f>
        <v>#N/A</v>
      </c>
      <c r="E6372" t="e">
        <f t="shared" si="100"/>
        <v>#N/A</v>
      </c>
      <c r="F6372" t="str">
        <f>IF(C6372="CLAY", INDEX(D$4:D6372, MATCH("CLAY", C$4:C6372, 0)), "")</f>
        <v/>
      </c>
    </row>
    <row r="6373" spans="1:6" x14ac:dyDescent="0.2">
      <c r="A6373" s="239">
        <f>'CPT Data'!B6381</f>
        <v>63.3</v>
      </c>
      <c r="B6373" s="3">
        <f>'CPT Data'!C6381</f>
        <v>63.292999999999999</v>
      </c>
      <c r="C6373" t="str">
        <f>'CPT Data'!P6381</f>
        <v>SAND</v>
      </c>
      <c r="D6373" t="e">
        <f>'CPT Data'!Q6381</f>
        <v>#N/A</v>
      </c>
      <c r="E6373" t="e">
        <f t="shared" si="100"/>
        <v>#N/A</v>
      </c>
      <c r="F6373" t="str">
        <f>IF(C6373="CLAY", INDEX(D$4:D6373, MATCH("CLAY", C$4:C6373, 0)), "")</f>
        <v/>
      </c>
    </row>
    <row r="6374" spans="1:6" x14ac:dyDescent="0.2">
      <c r="A6374" s="239">
        <f>'CPT Data'!B6382</f>
        <v>63.308999999999997</v>
      </c>
      <c r="B6374" s="3">
        <f>'CPT Data'!C6382</f>
        <v>63.302</v>
      </c>
      <c r="C6374" t="str">
        <f>'CPT Data'!P6382</f>
        <v>SAND</v>
      </c>
      <c r="D6374" t="e">
        <f>'CPT Data'!Q6382</f>
        <v>#N/A</v>
      </c>
      <c r="E6374" t="e">
        <f t="shared" si="100"/>
        <v>#N/A</v>
      </c>
      <c r="F6374" t="str">
        <f>IF(C6374="CLAY", INDEX(D$4:D6374, MATCH("CLAY", C$4:C6374, 0)), "")</f>
        <v/>
      </c>
    </row>
    <row r="6375" spans="1:6" x14ac:dyDescent="0.2">
      <c r="A6375" s="239">
        <f>'CPT Data'!B6383</f>
        <v>63.32</v>
      </c>
      <c r="B6375" s="3">
        <f>'CPT Data'!C6383</f>
        <v>63.313000000000002</v>
      </c>
      <c r="C6375" t="str">
        <f>'CPT Data'!P6383</f>
        <v>SAND</v>
      </c>
      <c r="D6375" t="e">
        <f>'CPT Data'!Q6383</f>
        <v>#N/A</v>
      </c>
      <c r="E6375" t="e">
        <f t="shared" si="100"/>
        <v>#N/A</v>
      </c>
      <c r="F6375" t="str">
        <f>IF(C6375="CLAY", INDEX(D$4:D6375, MATCH("CLAY", C$4:C6375, 0)), "")</f>
        <v/>
      </c>
    </row>
    <row r="6376" spans="1:6" x14ac:dyDescent="0.2">
      <c r="A6376" s="239">
        <f>'CPT Data'!B6384</f>
        <v>63.33</v>
      </c>
      <c r="B6376" s="3">
        <f>'CPT Data'!C6384</f>
        <v>63.323</v>
      </c>
      <c r="C6376" t="str">
        <f>'CPT Data'!P6384</f>
        <v>SAND</v>
      </c>
      <c r="D6376" t="e">
        <f>'CPT Data'!Q6384</f>
        <v>#N/A</v>
      </c>
      <c r="E6376" t="e">
        <f t="shared" si="100"/>
        <v>#N/A</v>
      </c>
      <c r="F6376" t="str">
        <f>IF(C6376="CLAY", INDEX(D$4:D6376, MATCH("CLAY", C$4:C6376, 0)), "")</f>
        <v/>
      </c>
    </row>
    <row r="6377" spans="1:6" x14ac:dyDescent="0.2">
      <c r="A6377" s="239">
        <f>'CPT Data'!B6385</f>
        <v>63.34</v>
      </c>
      <c r="B6377" s="3">
        <f>'CPT Data'!C6385</f>
        <v>63.333000000000006</v>
      </c>
      <c r="C6377" t="str">
        <f>'CPT Data'!P6385</f>
        <v>SAND</v>
      </c>
      <c r="D6377" t="e">
        <f>'CPT Data'!Q6385</f>
        <v>#N/A</v>
      </c>
      <c r="E6377" t="e">
        <f t="shared" si="100"/>
        <v>#N/A</v>
      </c>
      <c r="F6377" t="str">
        <f>IF(C6377="CLAY", INDEX(D$4:D6377, MATCH("CLAY", C$4:C6377, 0)), "")</f>
        <v/>
      </c>
    </row>
    <row r="6378" spans="1:6" x14ac:dyDescent="0.2">
      <c r="A6378" s="239">
        <f>'CPT Data'!B6386</f>
        <v>63.35</v>
      </c>
      <c r="B6378" s="3">
        <f>'CPT Data'!C6386</f>
        <v>63.343000000000004</v>
      </c>
      <c r="C6378" t="str">
        <f>'CPT Data'!P6386</f>
        <v>SAND</v>
      </c>
      <c r="D6378" t="e">
        <f>'CPT Data'!Q6386</f>
        <v>#N/A</v>
      </c>
      <c r="E6378" t="e">
        <f t="shared" si="100"/>
        <v>#N/A</v>
      </c>
      <c r="F6378" t="str">
        <f>IF(C6378="CLAY", INDEX(D$4:D6378, MATCH("CLAY", C$4:C6378, 0)), "")</f>
        <v/>
      </c>
    </row>
    <row r="6379" spans="1:6" x14ac:dyDescent="0.2">
      <c r="A6379" s="239">
        <f>'CPT Data'!B6387</f>
        <v>63.359000000000002</v>
      </c>
      <c r="B6379" s="3">
        <f>'CPT Data'!C6387</f>
        <v>63.352000000000004</v>
      </c>
      <c r="C6379" t="str">
        <f>'CPT Data'!P6387</f>
        <v>SAND</v>
      </c>
      <c r="D6379" t="e">
        <f>'CPT Data'!Q6387</f>
        <v>#N/A</v>
      </c>
      <c r="E6379" t="e">
        <f t="shared" si="100"/>
        <v>#N/A</v>
      </c>
      <c r="F6379" t="str">
        <f>IF(C6379="CLAY", INDEX(D$4:D6379, MATCH("CLAY", C$4:C6379, 0)), "")</f>
        <v/>
      </c>
    </row>
    <row r="6380" spans="1:6" x14ac:dyDescent="0.2">
      <c r="A6380" s="239">
        <f>'CPT Data'!B6388</f>
        <v>63.369</v>
      </c>
      <c r="B6380" s="3">
        <f>'CPT Data'!C6388</f>
        <v>63.362000000000002</v>
      </c>
      <c r="C6380" t="str">
        <f>'CPT Data'!P6388</f>
        <v>SAND</v>
      </c>
      <c r="D6380" t="e">
        <f>'CPT Data'!Q6388</f>
        <v>#N/A</v>
      </c>
      <c r="E6380" t="e">
        <f t="shared" si="100"/>
        <v>#N/A</v>
      </c>
      <c r="F6380" t="str">
        <f>IF(C6380="CLAY", INDEX(D$4:D6380, MATCH("CLAY", C$4:C6380, 0)), "")</f>
        <v/>
      </c>
    </row>
    <row r="6381" spans="1:6" x14ac:dyDescent="0.2">
      <c r="A6381" s="239">
        <f>'CPT Data'!B6389</f>
        <v>63.378</v>
      </c>
      <c r="B6381" s="3">
        <f>'CPT Data'!C6389</f>
        <v>63.371000000000002</v>
      </c>
      <c r="C6381" t="str">
        <f>'CPT Data'!P6389</f>
        <v>SAND</v>
      </c>
      <c r="D6381" t="e">
        <f>'CPT Data'!Q6389</f>
        <v>#N/A</v>
      </c>
      <c r="E6381" t="e">
        <f t="shared" si="100"/>
        <v>#N/A</v>
      </c>
      <c r="F6381" t="str">
        <f>IF(C6381="CLAY", INDEX(D$4:D6381, MATCH("CLAY", C$4:C6381, 0)), "")</f>
        <v/>
      </c>
    </row>
    <row r="6382" spans="1:6" x14ac:dyDescent="0.2">
      <c r="A6382" s="239">
        <f>'CPT Data'!B6390</f>
        <v>63.387</v>
      </c>
      <c r="B6382" s="3">
        <f>'CPT Data'!C6390</f>
        <v>63.38</v>
      </c>
      <c r="C6382" t="str">
        <f>'CPT Data'!P6390</f>
        <v>SAND</v>
      </c>
      <c r="D6382" t="e">
        <f>'CPT Data'!Q6390</f>
        <v>#N/A</v>
      </c>
      <c r="E6382" t="e">
        <f t="shared" si="100"/>
        <v>#N/A</v>
      </c>
      <c r="F6382" t="str">
        <f>IF(C6382="CLAY", INDEX(D$4:D6382, MATCH("CLAY", C$4:C6382, 0)), "")</f>
        <v/>
      </c>
    </row>
    <row r="6383" spans="1:6" x14ac:dyDescent="0.2">
      <c r="A6383" s="239">
        <f>'CPT Data'!B6391</f>
        <v>63.396000000000001</v>
      </c>
      <c r="B6383" s="3">
        <f>'CPT Data'!C6391</f>
        <v>63.389000000000003</v>
      </c>
      <c r="C6383" t="str">
        <f>'CPT Data'!P6391</f>
        <v>SAND</v>
      </c>
      <c r="D6383" t="e">
        <f>'CPT Data'!Q6391</f>
        <v>#N/A</v>
      </c>
      <c r="E6383" t="e">
        <f t="shared" si="100"/>
        <v>#N/A</v>
      </c>
      <c r="F6383" t="str">
        <f>IF(C6383="CLAY", INDEX(D$4:D6383, MATCH("CLAY", C$4:C6383, 0)), "")</f>
        <v/>
      </c>
    </row>
    <row r="6384" spans="1:6" x14ac:dyDescent="0.2">
      <c r="A6384" s="239">
        <f>'CPT Data'!B6392</f>
        <v>63.405000000000001</v>
      </c>
      <c r="B6384" s="3">
        <f>'CPT Data'!C6392</f>
        <v>63.398000000000003</v>
      </c>
      <c r="C6384" t="str">
        <f>'CPT Data'!P6392</f>
        <v>SAND</v>
      </c>
      <c r="D6384" t="e">
        <f>'CPT Data'!Q6392</f>
        <v>#N/A</v>
      </c>
      <c r="E6384" t="e">
        <f t="shared" si="100"/>
        <v>#N/A</v>
      </c>
      <c r="F6384" t="str">
        <f>IF(C6384="CLAY", INDEX(D$4:D6384, MATCH("CLAY", C$4:C6384, 0)), "")</f>
        <v/>
      </c>
    </row>
    <row r="6385" spans="1:6" x14ac:dyDescent="0.2">
      <c r="A6385" s="239">
        <f>'CPT Data'!B6393</f>
        <v>63.414000000000001</v>
      </c>
      <c r="B6385" s="3">
        <f>'CPT Data'!C6393</f>
        <v>63.407000000000004</v>
      </c>
      <c r="C6385" t="str">
        <f>'CPT Data'!P6393</f>
        <v>SAND</v>
      </c>
      <c r="D6385" t="e">
        <f>'CPT Data'!Q6393</f>
        <v>#N/A</v>
      </c>
      <c r="E6385" t="e">
        <f t="shared" si="100"/>
        <v>#N/A</v>
      </c>
      <c r="F6385" t="str">
        <f>IF(C6385="CLAY", INDEX(D$4:D6385, MATCH("CLAY", C$4:C6385, 0)), "")</f>
        <v/>
      </c>
    </row>
    <row r="6386" spans="1:6" x14ac:dyDescent="0.2">
      <c r="A6386" s="239">
        <f>'CPT Data'!B6394</f>
        <v>63.423999999999999</v>
      </c>
      <c r="B6386" s="3">
        <f>'CPT Data'!C6394</f>
        <v>63.417000000000002</v>
      </c>
      <c r="C6386" t="str">
        <f>'CPT Data'!P6394</f>
        <v>SAND</v>
      </c>
      <c r="D6386" t="e">
        <f>'CPT Data'!Q6394</f>
        <v>#N/A</v>
      </c>
      <c r="E6386" t="e">
        <f t="shared" si="100"/>
        <v>#N/A</v>
      </c>
      <c r="F6386" t="str">
        <f>IF(C6386="CLAY", INDEX(D$4:D6386, MATCH("CLAY", C$4:C6386, 0)), "")</f>
        <v/>
      </c>
    </row>
    <row r="6387" spans="1:6" x14ac:dyDescent="0.2">
      <c r="A6387" s="239">
        <f>'CPT Data'!B6395</f>
        <v>63.432000000000002</v>
      </c>
      <c r="B6387" s="3">
        <f>'CPT Data'!C6395</f>
        <v>63.425000000000004</v>
      </c>
      <c r="C6387" t="str">
        <f>'CPT Data'!P6395</f>
        <v>SAND</v>
      </c>
      <c r="D6387" t="e">
        <f>'CPT Data'!Q6395</f>
        <v>#N/A</v>
      </c>
      <c r="E6387" t="e">
        <f t="shared" si="100"/>
        <v>#N/A</v>
      </c>
      <c r="F6387" t="str">
        <f>IF(C6387="CLAY", INDEX(D$4:D6387, MATCH("CLAY", C$4:C6387, 0)), "")</f>
        <v/>
      </c>
    </row>
    <row r="6388" spans="1:6" x14ac:dyDescent="0.2">
      <c r="A6388" s="239">
        <f>'CPT Data'!B6396</f>
        <v>63.442</v>
      </c>
      <c r="B6388" s="3">
        <f>'CPT Data'!C6396</f>
        <v>63.435000000000002</v>
      </c>
      <c r="C6388" t="str">
        <f>'CPT Data'!P6396</f>
        <v>SAND</v>
      </c>
      <c r="D6388" t="e">
        <f>'CPT Data'!Q6396</f>
        <v>#N/A</v>
      </c>
      <c r="E6388" t="e">
        <f t="shared" si="100"/>
        <v>#N/A</v>
      </c>
      <c r="F6388" t="str">
        <f>IF(C6388="CLAY", INDEX(D$4:D6388, MATCH("CLAY", C$4:C6388, 0)), "")</f>
        <v/>
      </c>
    </row>
    <row r="6389" spans="1:6" x14ac:dyDescent="0.2">
      <c r="A6389" s="239">
        <f>'CPT Data'!B6397</f>
        <v>63.45</v>
      </c>
      <c r="B6389" s="3">
        <f>'CPT Data'!C6397</f>
        <v>63.443000000000005</v>
      </c>
      <c r="C6389" t="str">
        <f>'CPT Data'!P6397</f>
        <v>SAND</v>
      </c>
      <c r="D6389" t="e">
        <f>'CPT Data'!Q6397</f>
        <v>#N/A</v>
      </c>
      <c r="E6389" t="e">
        <f t="shared" si="100"/>
        <v>#N/A</v>
      </c>
      <c r="F6389" t="str">
        <f>IF(C6389="CLAY", INDEX(D$4:D6389, MATCH("CLAY", C$4:C6389, 0)), "")</f>
        <v/>
      </c>
    </row>
    <row r="6390" spans="1:6" x14ac:dyDescent="0.2">
      <c r="A6390" s="239">
        <f>'CPT Data'!B6398</f>
        <v>63.457000000000001</v>
      </c>
      <c r="B6390" s="3">
        <f>'CPT Data'!C6398</f>
        <v>63.45</v>
      </c>
      <c r="C6390" t="str">
        <f>'CPT Data'!P6398</f>
        <v>SAND</v>
      </c>
      <c r="D6390" t="e">
        <f>'CPT Data'!Q6398</f>
        <v>#N/A</v>
      </c>
      <c r="E6390" t="e">
        <f t="shared" si="100"/>
        <v>#N/A</v>
      </c>
      <c r="F6390" t="str">
        <f>IF(C6390="CLAY", INDEX(D$4:D6390, MATCH("CLAY", C$4:C6390, 0)), "")</f>
        <v/>
      </c>
    </row>
    <row r="6391" spans="1:6" x14ac:dyDescent="0.2">
      <c r="A6391" s="239">
        <f>'CPT Data'!B6399</f>
        <v>63.466000000000001</v>
      </c>
      <c r="B6391" s="3">
        <f>'CPT Data'!C6399</f>
        <v>63.459000000000003</v>
      </c>
      <c r="C6391" t="str">
        <f>'CPT Data'!P6399</f>
        <v>SAND</v>
      </c>
      <c r="D6391" t="e">
        <f>'CPT Data'!Q6399</f>
        <v>#N/A</v>
      </c>
      <c r="E6391" t="e">
        <f t="shared" si="100"/>
        <v>#N/A</v>
      </c>
      <c r="F6391" t="str">
        <f>IF(C6391="CLAY", INDEX(D$4:D6391, MATCH("CLAY", C$4:C6391, 0)), "")</f>
        <v/>
      </c>
    </row>
    <row r="6392" spans="1:6" x14ac:dyDescent="0.2">
      <c r="A6392" s="239">
        <f>'CPT Data'!B6400</f>
        <v>63.473999999999997</v>
      </c>
      <c r="B6392" s="3">
        <f>'CPT Data'!C6400</f>
        <v>63.466999999999999</v>
      </c>
      <c r="C6392" t="str">
        <f>'CPT Data'!P6400</f>
        <v>SAND</v>
      </c>
      <c r="D6392" t="e">
        <f>'CPT Data'!Q6400</f>
        <v>#N/A</v>
      </c>
      <c r="E6392" t="e">
        <f t="shared" si="100"/>
        <v>#N/A</v>
      </c>
      <c r="F6392" t="str">
        <f>IF(C6392="CLAY", INDEX(D$4:D6392, MATCH("CLAY", C$4:C6392, 0)), "")</f>
        <v/>
      </c>
    </row>
    <row r="6393" spans="1:6" x14ac:dyDescent="0.2">
      <c r="A6393" s="239">
        <f>'CPT Data'!B6401</f>
        <v>63.481999999999999</v>
      </c>
      <c r="B6393" s="3">
        <f>'CPT Data'!C6401</f>
        <v>63.475000000000001</v>
      </c>
      <c r="C6393" t="str">
        <f>'CPT Data'!P6401</f>
        <v>SAND</v>
      </c>
      <c r="D6393" t="e">
        <f>'CPT Data'!Q6401</f>
        <v>#N/A</v>
      </c>
      <c r="E6393" t="e">
        <f t="shared" si="100"/>
        <v>#N/A</v>
      </c>
      <c r="F6393" t="str">
        <f>IF(C6393="CLAY", INDEX(D$4:D6393, MATCH("CLAY", C$4:C6393, 0)), "")</f>
        <v/>
      </c>
    </row>
    <row r="6394" spans="1:6" x14ac:dyDescent="0.2">
      <c r="A6394" s="239">
        <f>'CPT Data'!B6402</f>
        <v>63.491</v>
      </c>
      <c r="B6394" s="3">
        <f>'CPT Data'!C6402</f>
        <v>63.484000000000002</v>
      </c>
      <c r="C6394" t="str">
        <f>'CPT Data'!P6402</f>
        <v>SAND</v>
      </c>
      <c r="D6394" t="e">
        <f>'CPT Data'!Q6402</f>
        <v>#N/A</v>
      </c>
      <c r="E6394" t="e">
        <f t="shared" si="100"/>
        <v>#N/A</v>
      </c>
      <c r="F6394" t="str">
        <f>IF(C6394="CLAY", INDEX(D$4:D6394, MATCH("CLAY", C$4:C6394, 0)), "")</f>
        <v/>
      </c>
    </row>
    <row r="6395" spans="1:6" x14ac:dyDescent="0.2">
      <c r="A6395" s="239">
        <f>'CPT Data'!B6403</f>
        <v>63.499000000000002</v>
      </c>
      <c r="B6395" s="3">
        <f>'CPT Data'!C6403</f>
        <v>63.492000000000004</v>
      </c>
      <c r="C6395" t="str">
        <f>'CPT Data'!P6403</f>
        <v>SAND</v>
      </c>
      <c r="D6395" t="e">
        <f>'CPT Data'!Q6403</f>
        <v>#N/A</v>
      </c>
      <c r="E6395" t="e">
        <f t="shared" si="100"/>
        <v>#N/A</v>
      </c>
      <c r="F6395" t="str">
        <f>IF(C6395="CLAY", INDEX(D$4:D6395, MATCH("CLAY", C$4:C6395, 0)), "")</f>
        <v/>
      </c>
    </row>
    <row r="6396" spans="1:6" x14ac:dyDescent="0.2">
      <c r="A6396" s="239">
        <f>'CPT Data'!B6404</f>
        <v>63.506999999999998</v>
      </c>
      <c r="B6396" s="3">
        <f>'CPT Data'!C6404</f>
        <v>63.5</v>
      </c>
      <c r="C6396" t="str">
        <f>'CPT Data'!P6404</f>
        <v>SAND</v>
      </c>
      <c r="D6396" t="e">
        <f>'CPT Data'!Q6404</f>
        <v>#N/A</v>
      </c>
      <c r="E6396" t="e">
        <f t="shared" si="100"/>
        <v>#N/A</v>
      </c>
      <c r="F6396" t="str">
        <f>IF(C6396="CLAY", INDEX(D$4:D6396, MATCH("CLAY", C$4:C6396, 0)), "")</f>
        <v/>
      </c>
    </row>
    <row r="6397" spans="1:6" x14ac:dyDescent="0.2">
      <c r="A6397" s="239">
        <f>'CPT Data'!B6405</f>
        <v>63.515000000000001</v>
      </c>
      <c r="B6397" s="3">
        <f>'CPT Data'!C6405</f>
        <v>63.508000000000003</v>
      </c>
      <c r="C6397" t="str">
        <f>'CPT Data'!P6405</f>
        <v>SAND</v>
      </c>
      <c r="D6397" t="e">
        <f>'CPT Data'!Q6405</f>
        <v>#N/A</v>
      </c>
      <c r="E6397" t="e">
        <f t="shared" si="100"/>
        <v>#N/A</v>
      </c>
      <c r="F6397" t="str">
        <f>IF(C6397="CLAY", INDEX(D$4:D6397, MATCH("CLAY", C$4:C6397, 0)), "")</f>
        <v/>
      </c>
    </row>
    <row r="6398" spans="1:6" x14ac:dyDescent="0.2">
      <c r="A6398" s="239">
        <f>'CPT Data'!B6406</f>
        <v>63.523000000000003</v>
      </c>
      <c r="B6398" s="3">
        <f>'CPT Data'!C6406</f>
        <v>63.516000000000005</v>
      </c>
      <c r="C6398" t="str">
        <f>'CPT Data'!P6406</f>
        <v>SAND</v>
      </c>
      <c r="D6398" t="e">
        <f>'CPT Data'!Q6406</f>
        <v>#N/A</v>
      </c>
      <c r="E6398" t="e">
        <f t="shared" si="100"/>
        <v>#N/A</v>
      </c>
      <c r="F6398" t="str">
        <f>IF(C6398="CLAY", INDEX(D$4:D6398, MATCH("CLAY", C$4:C6398, 0)), "")</f>
        <v/>
      </c>
    </row>
    <row r="6399" spans="1:6" x14ac:dyDescent="0.2">
      <c r="A6399" s="239">
        <f>'CPT Data'!B6407</f>
        <v>63.530999999999999</v>
      </c>
      <c r="B6399" s="3">
        <f>'CPT Data'!C6407</f>
        <v>63.524000000000001</v>
      </c>
      <c r="C6399" t="str">
        <f>'CPT Data'!P6407</f>
        <v>SAND</v>
      </c>
      <c r="D6399" t="e">
        <f>'CPT Data'!Q6407</f>
        <v>#N/A</v>
      </c>
      <c r="E6399" t="e">
        <f t="shared" si="100"/>
        <v>#N/A</v>
      </c>
      <c r="F6399" t="str">
        <f>IF(C6399="CLAY", INDEX(D$4:D6399, MATCH("CLAY", C$4:C6399, 0)), "")</f>
        <v/>
      </c>
    </row>
    <row r="6400" spans="1:6" x14ac:dyDescent="0.2">
      <c r="A6400" s="239">
        <f>'CPT Data'!B6408</f>
        <v>63.539000000000001</v>
      </c>
      <c r="B6400" s="3">
        <f>'CPT Data'!C6408</f>
        <v>63.532000000000004</v>
      </c>
      <c r="C6400" t="str">
        <f>'CPT Data'!P6408</f>
        <v>SAND</v>
      </c>
      <c r="D6400" t="e">
        <f>'CPT Data'!Q6408</f>
        <v>#N/A</v>
      </c>
      <c r="E6400" t="e">
        <f t="shared" si="100"/>
        <v>#N/A</v>
      </c>
      <c r="F6400" t="str">
        <f>IF(C6400="CLAY", INDEX(D$4:D6400, MATCH("CLAY", C$4:C6400, 0)), "")</f>
        <v/>
      </c>
    </row>
    <row r="6401" spans="1:6" x14ac:dyDescent="0.2">
      <c r="A6401" s="239">
        <f>'CPT Data'!B6409</f>
        <v>63.546999999999997</v>
      </c>
      <c r="B6401" s="3">
        <f>'CPT Data'!C6409</f>
        <v>63.54</v>
      </c>
      <c r="C6401" t="str">
        <f>'CPT Data'!P6409</f>
        <v>SAND</v>
      </c>
      <c r="D6401" t="e">
        <f>'CPT Data'!Q6409</f>
        <v>#N/A</v>
      </c>
      <c r="E6401" t="e">
        <f t="shared" si="100"/>
        <v>#N/A</v>
      </c>
      <c r="F6401" t="str">
        <f>IF(C6401="CLAY", INDEX(D$4:D6401, MATCH("CLAY", C$4:C6401, 0)), "")</f>
        <v/>
      </c>
    </row>
    <row r="6402" spans="1:6" x14ac:dyDescent="0.2">
      <c r="A6402" s="239">
        <f>'CPT Data'!B6410</f>
        <v>63.555999999999997</v>
      </c>
      <c r="B6402" s="3">
        <f>'CPT Data'!C6410</f>
        <v>63.548999999999999</v>
      </c>
      <c r="C6402" t="str">
        <f>'CPT Data'!P6410</f>
        <v>SAND</v>
      </c>
      <c r="D6402" t="e">
        <f>'CPT Data'!Q6410</f>
        <v>#N/A</v>
      </c>
      <c r="E6402" t="e">
        <f t="shared" si="100"/>
        <v>#N/A</v>
      </c>
      <c r="F6402" t="str">
        <f>IF(C6402="CLAY", INDEX(D$4:D6402, MATCH("CLAY", C$4:C6402, 0)), "")</f>
        <v/>
      </c>
    </row>
    <row r="6403" spans="1:6" x14ac:dyDescent="0.2">
      <c r="A6403" s="239">
        <f>'CPT Data'!B6411</f>
        <v>63.563000000000002</v>
      </c>
      <c r="B6403" s="3">
        <f>'CPT Data'!C6411</f>
        <v>63.556000000000004</v>
      </c>
      <c r="C6403" t="str">
        <f>'CPT Data'!P6411</f>
        <v>SAND</v>
      </c>
      <c r="D6403" t="e">
        <f>'CPT Data'!Q6411</f>
        <v>#N/A</v>
      </c>
      <c r="E6403" t="e">
        <f t="shared" si="100"/>
        <v>#N/A</v>
      </c>
      <c r="F6403" t="str">
        <f>IF(C6403="CLAY", INDEX(D$4:D6403, MATCH("CLAY", C$4:C6403, 0)), "")</f>
        <v/>
      </c>
    </row>
    <row r="6404" spans="1:6" x14ac:dyDescent="0.2">
      <c r="A6404" s="239">
        <f>'CPT Data'!B6412</f>
        <v>63.57</v>
      </c>
      <c r="B6404" s="3">
        <f>'CPT Data'!C6412</f>
        <v>63.563000000000002</v>
      </c>
      <c r="C6404" t="str">
        <f>'CPT Data'!P6412</f>
        <v>SAND</v>
      </c>
      <c r="D6404" t="e">
        <f>'CPT Data'!Q6412</f>
        <v>#N/A</v>
      </c>
      <c r="E6404" t="e">
        <f t="shared" si="100"/>
        <v>#N/A</v>
      </c>
      <c r="F6404" t="str">
        <f>IF(C6404="CLAY", INDEX(D$4:D6404, MATCH("CLAY", C$4:C6404, 0)), "")</f>
        <v/>
      </c>
    </row>
    <row r="6405" spans="1:6" x14ac:dyDescent="0.2">
      <c r="A6405" s="239">
        <f>'CPT Data'!B6413</f>
        <v>63.578000000000003</v>
      </c>
      <c r="B6405" s="3">
        <f>'CPT Data'!C6413</f>
        <v>63.571000000000005</v>
      </c>
      <c r="C6405" t="str">
        <f>'CPT Data'!P6413</f>
        <v>SAND</v>
      </c>
      <c r="D6405" t="e">
        <f>'CPT Data'!Q6413</f>
        <v>#N/A</v>
      </c>
      <c r="E6405" t="e">
        <f t="shared" si="100"/>
        <v>#N/A</v>
      </c>
      <c r="F6405" t="str">
        <f>IF(C6405="CLAY", INDEX(D$4:D6405, MATCH("CLAY", C$4:C6405, 0)), "")</f>
        <v/>
      </c>
    </row>
    <row r="6406" spans="1:6" x14ac:dyDescent="0.2">
      <c r="A6406" s="239">
        <f>'CPT Data'!B6414</f>
        <v>63.585000000000001</v>
      </c>
      <c r="B6406" s="3">
        <f>'CPT Data'!C6414</f>
        <v>63.578000000000003</v>
      </c>
      <c r="C6406" t="str">
        <f>'CPT Data'!P6414</f>
        <v>SAND</v>
      </c>
      <c r="D6406" t="e">
        <f>'CPT Data'!Q6414</f>
        <v>#N/A</v>
      </c>
      <c r="E6406" t="e">
        <f t="shared" si="100"/>
        <v>#N/A</v>
      </c>
      <c r="F6406" t="str">
        <f>IF(C6406="CLAY", INDEX(D$4:D6406, MATCH("CLAY", C$4:C6406, 0)), "")</f>
        <v/>
      </c>
    </row>
    <row r="6407" spans="1:6" x14ac:dyDescent="0.2">
      <c r="A6407" s="239">
        <f>'CPT Data'!B6415</f>
        <v>63.591000000000001</v>
      </c>
      <c r="B6407" s="3">
        <f>'CPT Data'!C6415</f>
        <v>63.584000000000003</v>
      </c>
      <c r="C6407" t="str">
        <f>'CPT Data'!P6415</f>
        <v>SAND</v>
      </c>
      <c r="D6407" t="e">
        <f>'CPT Data'!Q6415</f>
        <v>#N/A</v>
      </c>
      <c r="E6407" t="e">
        <f t="shared" si="100"/>
        <v>#N/A</v>
      </c>
      <c r="F6407" t="str">
        <f>IF(C6407="CLAY", INDEX(D$4:D6407, MATCH("CLAY", C$4:C6407, 0)), "")</f>
        <v/>
      </c>
    </row>
    <row r="6408" spans="1:6" x14ac:dyDescent="0.2">
      <c r="A6408" s="239">
        <f>'CPT Data'!B6416</f>
        <v>63.640999999999998</v>
      </c>
      <c r="B6408" s="3">
        <f>'CPT Data'!C6416</f>
        <v>63.634</v>
      </c>
      <c r="C6408" t="str">
        <f>'CPT Data'!P6416</f>
        <v>SAND</v>
      </c>
      <c r="D6408" t="e">
        <f>'CPT Data'!Q6416</f>
        <v>#N/A</v>
      </c>
      <c r="E6408" t="e">
        <f t="shared" si="100"/>
        <v>#N/A</v>
      </c>
      <c r="F6408" t="str">
        <f>IF(C6408="CLAY", INDEX(D$4:D6408, MATCH("CLAY", C$4:C6408, 0)), "")</f>
        <v/>
      </c>
    </row>
    <row r="6409" spans="1:6" x14ac:dyDescent="0.2">
      <c r="A6409" s="239">
        <f>'CPT Data'!B6417</f>
        <v>63.651000000000003</v>
      </c>
      <c r="B6409" s="3">
        <f>'CPT Data'!C6417</f>
        <v>63.644000000000005</v>
      </c>
      <c r="C6409" t="str">
        <f>'CPT Data'!P6417</f>
        <v>SAND</v>
      </c>
      <c r="D6409" t="e">
        <f>'CPT Data'!Q6417</f>
        <v>#N/A</v>
      </c>
      <c r="E6409" t="e">
        <f t="shared" si="100"/>
        <v>#N/A</v>
      </c>
      <c r="F6409" t="str">
        <f>IF(C6409="CLAY", INDEX(D$4:D6409, MATCH("CLAY", C$4:C6409, 0)), "")</f>
        <v/>
      </c>
    </row>
    <row r="6410" spans="1:6" x14ac:dyDescent="0.2">
      <c r="A6410" s="239">
        <f>'CPT Data'!B6418</f>
        <v>63.661999999999999</v>
      </c>
      <c r="B6410" s="3">
        <f>'CPT Data'!C6418</f>
        <v>63.655000000000001</v>
      </c>
      <c r="C6410" t="str">
        <f>'CPT Data'!P6418</f>
        <v>SAND</v>
      </c>
      <c r="D6410" t="e">
        <f>'CPT Data'!Q6418</f>
        <v>#N/A</v>
      </c>
      <c r="E6410" t="e">
        <f t="shared" si="100"/>
        <v>#N/A</v>
      </c>
      <c r="F6410" t="str">
        <f>IF(C6410="CLAY", INDEX(D$4:D6410, MATCH("CLAY", C$4:C6410, 0)), "")</f>
        <v/>
      </c>
    </row>
    <row r="6411" spans="1:6" x14ac:dyDescent="0.2">
      <c r="A6411" s="239">
        <f>'CPT Data'!B6419</f>
        <v>63.670999999999999</v>
      </c>
      <c r="B6411" s="3">
        <f>'CPT Data'!C6419</f>
        <v>63.664000000000001</v>
      </c>
      <c r="C6411" t="str">
        <f>'CPT Data'!P6419</f>
        <v>SAND</v>
      </c>
      <c r="D6411" t="e">
        <f>'CPT Data'!Q6419</f>
        <v>#N/A</v>
      </c>
      <c r="E6411" t="e">
        <f t="shared" si="100"/>
        <v>#N/A</v>
      </c>
      <c r="F6411" t="str">
        <f>IF(C6411="CLAY", INDEX(D$4:D6411, MATCH("CLAY", C$4:C6411, 0)), "")</f>
        <v/>
      </c>
    </row>
    <row r="6412" spans="1:6" x14ac:dyDescent="0.2">
      <c r="A6412" s="239">
        <f>'CPT Data'!B6420</f>
        <v>63.682000000000002</v>
      </c>
      <c r="B6412" s="3">
        <f>'CPT Data'!C6420</f>
        <v>63.675000000000004</v>
      </c>
      <c r="C6412" t="str">
        <f>'CPT Data'!P6420</f>
        <v>SAND</v>
      </c>
      <c r="D6412" t="e">
        <f>'CPT Data'!Q6420</f>
        <v>#N/A</v>
      </c>
      <c r="E6412" t="e">
        <f t="shared" si="100"/>
        <v>#N/A</v>
      </c>
      <c r="F6412" t="str">
        <f>IF(C6412="CLAY", INDEX(D$4:D6412, MATCH("CLAY", C$4:C6412, 0)), "")</f>
        <v/>
      </c>
    </row>
    <row r="6413" spans="1:6" x14ac:dyDescent="0.2">
      <c r="A6413" s="239">
        <f>'CPT Data'!B6421</f>
        <v>63.692</v>
      </c>
      <c r="B6413" s="3">
        <f>'CPT Data'!C6421</f>
        <v>63.685000000000002</v>
      </c>
      <c r="C6413" t="str">
        <f>'CPT Data'!P6421</f>
        <v>SAND</v>
      </c>
      <c r="D6413" t="e">
        <f>'CPT Data'!Q6421</f>
        <v>#N/A</v>
      </c>
      <c r="E6413" t="e">
        <f t="shared" si="100"/>
        <v>#N/A</v>
      </c>
      <c r="F6413" t="str">
        <f>IF(C6413="CLAY", INDEX(D$4:D6413, MATCH("CLAY", C$4:C6413, 0)), "")</f>
        <v/>
      </c>
    </row>
    <row r="6414" spans="1:6" x14ac:dyDescent="0.2">
      <c r="A6414" s="239">
        <f>'CPT Data'!B6422</f>
        <v>63.701999999999998</v>
      </c>
      <c r="B6414" s="3">
        <f>'CPT Data'!C6422</f>
        <v>63.695</v>
      </c>
      <c r="C6414" t="str">
        <f>'CPT Data'!P6422</f>
        <v>SAND</v>
      </c>
      <c r="D6414" t="e">
        <f>'CPT Data'!Q6422</f>
        <v>#N/A</v>
      </c>
      <c r="E6414" t="e">
        <f t="shared" si="100"/>
        <v>#N/A</v>
      </c>
      <c r="F6414" t="str">
        <f>IF(C6414="CLAY", INDEX(D$4:D6414, MATCH("CLAY", C$4:C6414, 0)), "")</f>
        <v/>
      </c>
    </row>
    <row r="6415" spans="1:6" x14ac:dyDescent="0.2">
      <c r="A6415" s="239">
        <f>'CPT Data'!B6423</f>
        <v>63.712000000000003</v>
      </c>
      <c r="B6415" s="3">
        <f>'CPT Data'!C6423</f>
        <v>63.705000000000005</v>
      </c>
      <c r="C6415" t="str">
        <f>'CPT Data'!P6423</f>
        <v>SAND</v>
      </c>
      <c r="D6415" t="e">
        <f>'CPT Data'!Q6423</f>
        <v>#N/A</v>
      </c>
      <c r="E6415" t="e">
        <f t="shared" si="100"/>
        <v>#N/A</v>
      </c>
      <c r="F6415" t="str">
        <f>IF(C6415="CLAY", INDEX(D$4:D6415, MATCH("CLAY", C$4:C6415, 0)), "")</f>
        <v/>
      </c>
    </row>
    <row r="6416" spans="1:6" x14ac:dyDescent="0.2">
      <c r="A6416" s="239">
        <f>'CPT Data'!B6424</f>
        <v>63.722000000000001</v>
      </c>
      <c r="B6416" s="3">
        <f>'CPT Data'!C6424</f>
        <v>63.715000000000003</v>
      </c>
      <c r="C6416" t="str">
        <f>'CPT Data'!P6424</f>
        <v>SAND</v>
      </c>
      <c r="D6416" t="e">
        <f>'CPT Data'!Q6424</f>
        <v>#N/A</v>
      </c>
      <c r="E6416" t="e">
        <f t="shared" si="100"/>
        <v>#N/A</v>
      </c>
      <c r="F6416" t="str">
        <f>IF(C6416="CLAY", INDEX(D$4:D6416, MATCH("CLAY", C$4:C6416, 0)), "")</f>
        <v/>
      </c>
    </row>
    <row r="6417" spans="1:6" x14ac:dyDescent="0.2">
      <c r="A6417" s="239">
        <f>'CPT Data'!B6425</f>
        <v>63.731000000000002</v>
      </c>
      <c r="B6417" s="3">
        <f>'CPT Data'!C6425</f>
        <v>63.724000000000004</v>
      </c>
      <c r="C6417" t="str">
        <f>'CPT Data'!P6425</f>
        <v>SAND</v>
      </c>
      <c r="D6417" t="e">
        <f>'CPT Data'!Q6425</f>
        <v>#N/A</v>
      </c>
      <c r="E6417" t="e">
        <f t="shared" si="100"/>
        <v>#N/A</v>
      </c>
      <c r="F6417" t="str">
        <f>IF(C6417="CLAY", INDEX(D$4:D6417, MATCH("CLAY", C$4:C6417, 0)), "")</f>
        <v/>
      </c>
    </row>
    <row r="6418" spans="1:6" x14ac:dyDescent="0.2">
      <c r="A6418" s="239">
        <f>'CPT Data'!B6426</f>
        <v>63.741</v>
      </c>
      <c r="B6418" s="3">
        <f>'CPT Data'!C6426</f>
        <v>63.734000000000002</v>
      </c>
      <c r="C6418" t="str">
        <f>'CPT Data'!P6426</f>
        <v>SAND</v>
      </c>
      <c r="D6418" t="e">
        <f>'CPT Data'!Q6426</f>
        <v>#N/A</v>
      </c>
      <c r="E6418" t="e">
        <f t="shared" si="100"/>
        <v>#N/A</v>
      </c>
      <c r="F6418" t="str">
        <f>IF(C6418="CLAY", INDEX(D$4:D6418, MATCH("CLAY", C$4:C6418, 0)), "")</f>
        <v/>
      </c>
    </row>
    <row r="6419" spans="1:6" x14ac:dyDescent="0.2">
      <c r="A6419" s="239">
        <f>'CPT Data'!B6427</f>
        <v>63.75</v>
      </c>
      <c r="B6419" s="3">
        <f>'CPT Data'!C6427</f>
        <v>63.743000000000002</v>
      </c>
      <c r="C6419" t="str">
        <f>'CPT Data'!P6427</f>
        <v>SAND</v>
      </c>
      <c r="D6419" t="e">
        <f>'CPT Data'!Q6427</f>
        <v>#N/A</v>
      </c>
      <c r="E6419" t="e">
        <f t="shared" si="100"/>
        <v>#N/A</v>
      </c>
      <c r="F6419" t="str">
        <f>IF(C6419="CLAY", INDEX(D$4:D6419, MATCH("CLAY", C$4:C6419, 0)), "")</f>
        <v/>
      </c>
    </row>
    <row r="6420" spans="1:6" x14ac:dyDescent="0.2">
      <c r="A6420" s="239">
        <f>'CPT Data'!B6428</f>
        <v>63.76</v>
      </c>
      <c r="B6420" s="3">
        <f>'CPT Data'!C6428</f>
        <v>63.753</v>
      </c>
      <c r="C6420" t="str">
        <f>'CPT Data'!P6428</f>
        <v>SAND</v>
      </c>
      <c r="D6420" t="e">
        <f>'CPT Data'!Q6428</f>
        <v>#N/A</v>
      </c>
      <c r="E6420" t="e">
        <f t="shared" si="100"/>
        <v>#N/A</v>
      </c>
      <c r="F6420" t="str">
        <f>IF(C6420="CLAY", INDEX(D$4:D6420, MATCH("CLAY", C$4:C6420, 0)), "")</f>
        <v/>
      </c>
    </row>
    <row r="6421" spans="1:6" x14ac:dyDescent="0.2">
      <c r="A6421" s="239">
        <f>'CPT Data'!B6429</f>
        <v>63.768999999999998</v>
      </c>
      <c r="B6421" s="3">
        <f>'CPT Data'!C6429</f>
        <v>63.762</v>
      </c>
      <c r="C6421" t="str">
        <f>'CPT Data'!P6429</f>
        <v>SAND</v>
      </c>
      <c r="D6421" t="e">
        <f>'CPT Data'!Q6429</f>
        <v>#N/A</v>
      </c>
      <c r="E6421" t="e">
        <f t="shared" si="100"/>
        <v>#N/A</v>
      </c>
      <c r="F6421" t="str">
        <f>IF(C6421="CLAY", INDEX(D$4:D6421, MATCH("CLAY", C$4:C6421, 0)), "")</f>
        <v/>
      </c>
    </row>
    <row r="6422" spans="1:6" x14ac:dyDescent="0.2">
      <c r="A6422" s="239">
        <f>'CPT Data'!B6430</f>
        <v>63.777000000000001</v>
      </c>
      <c r="B6422" s="3">
        <f>'CPT Data'!C6430</f>
        <v>63.77</v>
      </c>
      <c r="C6422" t="str">
        <f>'CPT Data'!P6430</f>
        <v>SAND</v>
      </c>
      <c r="D6422" t="e">
        <f>'CPT Data'!Q6430</f>
        <v>#N/A</v>
      </c>
      <c r="E6422" t="e">
        <f t="shared" si="100"/>
        <v>#N/A</v>
      </c>
      <c r="F6422" t="str">
        <f>IF(C6422="CLAY", INDEX(D$4:D6422, MATCH("CLAY", C$4:C6422, 0)), "")</f>
        <v/>
      </c>
    </row>
    <row r="6423" spans="1:6" x14ac:dyDescent="0.2">
      <c r="A6423" s="239">
        <f>'CPT Data'!B6431</f>
        <v>63.786999999999999</v>
      </c>
      <c r="B6423" s="3">
        <f>'CPT Data'!C6431</f>
        <v>63.78</v>
      </c>
      <c r="C6423" t="str">
        <f>'CPT Data'!P6431</f>
        <v>SAND</v>
      </c>
      <c r="D6423" t="e">
        <f>'CPT Data'!Q6431</f>
        <v>#N/A</v>
      </c>
      <c r="E6423" t="e">
        <f t="shared" si="100"/>
        <v>#N/A</v>
      </c>
      <c r="F6423" t="str">
        <f>IF(C6423="CLAY", INDEX(D$4:D6423, MATCH("CLAY", C$4:C6423, 0)), "")</f>
        <v/>
      </c>
    </row>
    <row r="6424" spans="1:6" x14ac:dyDescent="0.2">
      <c r="A6424" s="239">
        <f>'CPT Data'!B6432</f>
        <v>63.795999999999999</v>
      </c>
      <c r="B6424" s="3">
        <f>'CPT Data'!C6432</f>
        <v>63.789000000000001</v>
      </c>
      <c r="C6424" t="str">
        <f>'CPT Data'!P6432</f>
        <v>SAND</v>
      </c>
      <c r="D6424" t="e">
        <f>'CPT Data'!Q6432</f>
        <v>#N/A</v>
      </c>
      <c r="E6424" t="e">
        <f t="shared" si="100"/>
        <v>#N/A</v>
      </c>
      <c r="F6424" t="str">
        <f>IF(C6424="CLAY", INDEX(D$4:D6424, MATCH("CLAY", C$4:C6424, 0)), "")</f>
        <v/>
      </c>
    </row>
    <row r="6425" spans="1:6" x14ac:dyDescent="0.2">
      <c r="A6425" s="239">
        <f>'CPT Data'!B6433</f>
        <v>63.805</v>
      </c>
      <c r="B6425" s="3">
        <f>'CPT Data'!C6433</f>
        <v>63.798000000000002</v>
      </c>
      <c r="C6425" t="str">
        <f>'CPT Data'!P6433</f>
        <v>SAND</v>
      </c>
      <c r="D6425" t="e">
        <f>'CPT Data'!Q6433</f>
        <v>#N/A</v>
      </c>
      <c r="E6425" t="e">
        <f t="shared" si="100"/>
        <v>#N/A</v>
      </c>
      <c r="F6425" t="str">
        <f>IF(C6425="CLAY", INDEX(D$4:D6425, MATCH("CLAY", C$4:C6425, 0)), "")</f>
        <v/>
      </c>
    </row>
    <row r="6426" spans="1:6" x14ac:dyDescent="0.2">
      <c r="A6426" s="239">
        <f>'CPT Data'!B6434</f>
        <v>63.814</v>
      </c>
      <c r="B6426" s="3">
        <f>'CPT Data'!C6434</f>
        <v>63.807000000000002</v>
      </c>
      <c r="C6426" t="str">
        <f>'CPT Data'!P6434</f>
        <v>SAND</v>
      </c>
      <c r="D6426" t="e">
        <f>'CPT Data'!Q6434</f>
        <v>#N/A</v>
      </c>
      <c r="E6426" t="e">
        <f t="shared" si="100"/>
        <v>#N/A</v>
      </c>
      <c r="F6426" t="str">
        <f>IF(C6426="CLAY", INDEX(D$4:D6426, MATCH("CLAY", C$4:C6426, 0)), "")</f>
        <v/>
      </c>
    </row>
    <row r="6427" spans="1:6" x14ac:dyDescent="0.2">
      <c r="A6427" s="239">
        <f>'CPT Data'!B6435</f>
        <v>63.823</v>
      </c>
      <c r="B6427" s="3">
        <f>'CPT Data'!C6435</f>
        <v>63.816000000000003</v>
      </c>
      <c r="C6427" t="str">
        <f>'CPT Data'!P6435</f>
        <v>SAND</v>
      </c>
      <c r="D6427" t="e">
        <f>'CPT Data'!Q6435</f>
        <v>#N/A</v>
      </c>
      <c r="E6427" t="e">
        <f t="shared" ref="E6427:E6490" si="101">IF(C6427="SAND",#N/A,IF(C6427=C6426,D6426,IF(C6427="CLAY",D6427,#N/A)))</f>
        <v>#N/A</v>
      </c>
      <c r="F6427" t="str">
        <f>IF(C6427="CLAY", INDEX(D$4:D6427, MATCH("CLAY", C$4:C6427, 0)), "")</f>
        <v/>
      </c>
    </row>
    <row r="6428" spans="1:6" x14ac:dyDescent="0.2">
      <c r="A6428" s="239">
        <f>'CPT Data'!B6436</f>
        <v>63.83</v>
      </c>
      <c r="B6428" s="3">
        <f>'CPT Data'!C6436</f>
        <v>63.823</v>
      </c>
      <c r="C6428" t="str">
        <f>'CPT Data'!P6436</f>
        <v>SAND</v>
      </c>
      <c r="D6428" t="e">
        <f>'CPT Data'!Q6436</f>
        <v>#N/A</v>
      </c>
      <c r="E6428" t="e">
        <f t="shared" si="101"/>
        <v>#N/A</v>
      </c>
      <c r="F6428" t="str">
        <f>IF(C6428="CLAY", INDEX(D$4:D6428, MATCH("CLAY", C$4:C6428, 0)), "")</f>
        <v/>
      </c>
    </row>
    <row r="6429" spans="1:6" x14ac:dyDescent="0.2">
      <c r="A6429" s="239">
        <f>'CPT Data'!B6437</f>
        <v>63.837000000000003</v>
      </c>
      <c r="B6429" s="3">
        <f>'CPT Data'!C6437</f>
        <v>63.830000000000005</v>
      </c>
      <c r="C6429" t="str">
        <f>'CPT Data'!P6437</f>
        <v>SAND</v>
      </c>
      <c r="D6429" t="e">
        <f>'CPT Data'!Q6437</f>
        <v>#N/A</v>
      </c>
      <c r="E6429" t="e">
        <f t="shared" si="101"/>
        <v>#N/A</v>
      </c>
      <c r="F6429" t="str">
        <f>IF(C6429="CLAY", INDEX(D$4:D6429, MATCH("CLAY", C$4:C6429, 0)), "")</f>
        <v/>
      </c>
    </row>
    <row r="6430" spans="1:6" x14ac:dyDescent="0.2">
      <c r="A6430" s="239">
        <f>'CPT Data'!B6438</f>
        <v>63.844000000000001</v>
      </c>
      <c r="B6430" s="3">
        <f>'CPT Data'!C6438</f>
        <v>63.837000000000003</v>
      </c>
      <c r="C6430" t="str">
        <f>'CPT Data'!P6438</f>
        <v>SAND</v>
      </c>
      <c r="D6430" t="e">
        <f>'CPT Data'!Q6438</f>
        <v>#N/A</v>
      </c>
      <c r="E6430" t="e">
        <f t="shared" si="101"/>
        <v>#N/A</v>
      </c>
      <c r="F6430" t="str">
        <f>IF(C6430="CLAY", INDEX(D$4:D6430, MATCH("CLAY", C$4:C6430, 0)), "")</f>
        <v/>
      </c>
    </row>
    <row r="6431" spans="1:6" x14ac:dyDescent="0.2">
      <c r="A6431" s="239">
        <f>'CPT Data'!B6439</f>
        <v>63.853000000000002</v>
      </c>
      <c r="B6431" s="3">
        <f>'CPT Data'!C6439</f>
        <v>63.846000000000004</v>
      </c>
      <c r="C6431" t="str">
        <f>'CPT Data'!P6439</f>
        <v>SAND</v>
      </c>
      <c r="D6431" t="e">
        <f>'CPT Data'!Q6439</f>
        <v>#N/A</v>
      </c>
      <c r="E6431" t="e">
        <f t="shared" si="101"/>
        <v>#N/A</v>
      </c>
      <c r="F6431" t="str">
        <f>IF(C6431="CLAY", INDEX(D$4:D6431, MATCH("CLAY", C$4:C6431, 0)), "")</f>
        <v/>
      </c>
    </row>
    <row r="6432" spans="1:6" x14ac:dyDescent="0.2">
      <c r="A6432" s="239">
        <f>'CPT Data'!B6440</f>
        <v>63.860999999999997</v>
      </c>
      <c r="B6432" s="3">
        <f>'CPT Data'!C6440</f>
        <v>63.853999999999999</v>
      </c>
      <c r="C6432" t="str">
        <f>'CPT Data'!P6440</f>
        <v>SAND</v>
      </c>
      <c r="D6432" t="e">
        <f>'CPT Data'!Q6440</f>
        <v>#N/A</v>
      </c>
      <c r="E6432" t="e">
        <f t="shared" si="101"/>
        <v>#N/A</v>
      </c>
      <c r="F6432" t="str">
        <f>IF(C6432="CLAY", INDEX(D$4:D6432, MATCH("CLAY", C$4:C6432, 0)), "")</f>
        <v/>
      </c>
    </row>
    <row r="6433" spans="1:6" x14ac:dyDescent="0.2">
      <c r="A6433" s="239">
        <f>'CPT Data'!B6441</f>
        <v>63.869</v>
      </c>
      <c r="B6433" s="3">
        <f>'CPT Data'!C6441</f>
        <v>63.862000000000002</v>
      </c>
      <c r="C6433" t="str">
        <f>'CPT Data'!P6441</f>
        <v>SAND</v>
      </c>
      <c r="D6433" t="e">
        <f>'CPT Data'!Q6441</f>
        <v>#N/A</v>
      </c>
      <c r="E6433" t="e">
        <f t="shared" si="101"/>
        <v>#N/A</v>
      </c>
      <c r="F6433" t="str">
        <f>IF(C6433="CLAY", INDEX(D$4:D6433, MATCH("CLAY", C$4:C6433, 0)), "")</f>
        <v/>
      </c>
    </row>
    <row r="6434" spans="1:6" x14ac:dyDescent="0.2">
      <c r="A6434" s="239">
        <f>'CPT Data'!B6442</f>
        <v>63.878999999999998</v>
      </c>
      <c r="B6434" s="3">
        <f>'CPT Data'!C6442</f>
        <v>63.872</v>
      </c>
      <c r="C6434" t="str">
        <f>'CPT Data'!P6442</f>
        <v>SAND</v>
      </c>
      <c r="D6434" t="e">
        <f>'CPT Data'!Q6442</f>
        <v>#N/A</v>
      </c>
      <c r="E6434" t="e">
        <f t="shared" si="101"/>
        <v>#N/A</v>
      </c>
      <c r="F6434" t="str">
        <f>IF(C6434="CLAY", INDEX(D$4:D6434, MATCH("CLAY", C$4:C6434, 0)), "")</f>
        <v/>
      </c>
    </row>
    <row r="6435" spans="1:6" x14ac:dyDescent="0.2">
      <c r="A6435" s="239">
        <f>'CPT Data'!B6443</f>
        <v>63.924999999999997</v>
      </c>
      <c r="B6435" s="3">
        <f>'CPT Data'!C6443</f>
        <v>63.917999999999999</v>
      </c>
      <c r="C6435" t="str">
        <f>'CPT Data'!P6443</f>
        <v>SAND</v>
      </c>
      <c r="D6435" t="e">
        <f>'CPT Data'!Q6443</f>
        <v>#N/A</v>
      </c>
      <c r="E6435" t="e">
        <f t="shared" si="101"/>
        <v>#N/A</v>
      </c>
      <c r="F6435" t="str">
        <f>IF(C6435="CLAY", INDEX(D$4:D6435, MATCH("CLAY", C$4:C6435, 0)), "")</f>
        <v/>
      </c>
    </row>
    <row r="6436" spans="1:6" x14ac:dyDescent="0.2">
      <c r="A6436" s="239">
        <f>'CPT Data'!B6444</f>
        <v>63.933</v>
      </c>
      <c r="B6436" s="3">
        <f>'CPT Data'!C6444</f>
        <v>63.926000000000002</v>
      </c>
      <c r="C6436" t="str">
        <f>'CPT Data'!P6444</f>
        <v>SAND</v>
      </c>
      <c r="D6436" t="e">
        <f>'CPT Data'!Q6444</f>
        <v>#N/A</v>
      </c>
      <c r="E6436" t="e">
        <f t="shared" si="101"/>
        <v>#N/A</v>
      </c>
      <c r="F6436" t="str">
        <f>IF(C6436="CLAY", INDEX(D$4:D6436, MATCH("CLAY", C$4:C6436, 0)), "")</f>
        <v/>
      </c>
    </row>
    <row r="6437" spans="1:6" x14ac:dyDescent="0.2">
      <c r="A6437" s="239">
        <f>'CPT Data'!B6445</f>
        <v>63.941000000000003</v>
      </c>
      <c r="B6437" s="3">
        <f>'CPT Data'!C6445</f>
        <v>63.934000000000005</v>
      </c>
      <c r="C6437" t="str">
        <f>'CPT Data'!P6445</f>
        <v>SAND</v>
      </c>
      <c r="D6437" t="e">
        <f>'CPT Data'!Q6445</f>
        <v>#N/A</v>
      </c>
      <c r="E6437" t="e">
        <f t="shared" si="101"/>
        <v>#N/A</v>
      </c>
      <c r="F6437" t="str">
        <f>IF(C6437="CLAY", INDEX(D$4:D6437, MATCH("CLAY", C$4:C6437, 0)), "")</f>
        <v/>
      </c>
    </row>
    <row r="6438" spans="1:6" x14ac:dyDescent="0.2">
      <c r="A6438" s="239">
        <f>'CPT Data'!B6446</f>
        <v>63.948999999999998</v>
      </c>
      <c r="B6438" s="3">
        <f>'CPT Data'!C6446</f>
        <v>63.942</v>
      </c>
      <c r="C6438" t="str">
        <f>'CPT Data'!P6446</f>
        <v>SAND</v>
      </c>
      <c r="D6438" t="e">
        <f>'CPT Data'!Q6446</f>
        <v>#N/A</v>
      </c>
      <c r="E6438" t="e">
        <f t="shared" si="101"/>
        <v>#N/A</v>
      </c>
      <c r="F6438" t="str">
        <f>IF(C6438="CLAY", INDEX(D$4:D6438, MATCH("CLAY", C$4:C6438, 0)), "")</f>
        <v/>
      </c>
    </row>
    <row r="6439" spans="1:6" x14ac:dyDescent="0.2">
      <c r="A6439" s="239">
        <f>'CPT Data'!B6447</f>
        <v>63.957000000000001</v>
      </c>
      <c r="B6439" s="3">
        <f>'CPT Data'!C6447</f>
        <v>63.95</v>
      </c>
      <c r="C6439" t="str">
        <f>'CPT Data'!P6447</f>
        <v>SAND</v>
      </c>
      <c r="D6439" t="e">
        <f>'CPT Data'!Q6447</f>
        <v>#N/A</v>
      </c>
      <c r="E6439" t="e">
        <f t="shared" si="101"/>
        <v>#N/A</v>
      </c>
      <c r="F6439" t="str">
        <f>IF(C6439="CLAY", INDEX(D$4:D6439, MATCH("CLAY", C$4:C6439, 0)), "")</f>
        <v/>
      </c>
    </row>
    <row r="6440" spans="1:6" x14ac:dyDescent="0.2">
      <c r="A6440" s="239">
        <f>'CPT Data'!B6448</f>
        <v>63.965000000000003</v>
      </c>
      <c r="B6440" s="3">
        <f>'CPT Data'!C6448</f>
        <v>63.958000000000006</v>
      </c>
      <c r="C6440" t="str">
        <f>'CPT Data'!P6448</f>
        <v>SAND</v>
      </c>
      <c r="D6440" t="e">
        <f>'CPT Data'!Q6448</f>
        <v>#N/A</v>
      </c>
      <c r="E6440" t="e">
        <f t="shared" si="101"/>
        <v>#N/A</v>
      </c>
      <c r="F6440" t="str">
        <f>IF(C6440="CLAY", INDEX(D$4:D6440, MATCH("CLAY", C$4:C6440, 0)), "")</f>
        <v/>
      </c>
    </row>
    <row r="6441" spans="1:6" x14ac:dyDescent="0.2">
      <c r="A6441" s="239">
        <f>'CPT Data'!B6449</f>
        <v>63.972000000000001</v>
      </c>
      <c r="B6441" s="3">
        <f>'CPT Data'!C6449</f>
        <v>63.965000000000003</v>
      </c>
      <c r="C6441" t="str">
        <f>'CPT Data'!P6449</f>
        <v>SAND</v>
      </c>
      <c r="D6441" t="e">
        <f>'CPT Data'!Q6449</f>
        <v>#N/A</v>
      </c>
      <c r="E6441" t="e">
        <f t="shared" si="101"/>
        <v>#N/A</v>
      </c>
      <c r="F6441" t="str">
        <f>IF(C6441="CLAY", INDEX(D$4:D6441, MATCH("CLAY", C$4:C6441, 0)), "")</f>
        <v/>
      </c>
    </row>
    <row r="6442" spans="1:6" x14ac:dyDescent="0.2">
      <c r="A6442" s="239">
        <f>'CPT Data'!B6450</f>
        <v>63.970999999999997</v>
      </c>
      <c r="B6442" s="3">
        <f>'CPT Data'!C6450</f>
        <v>63.963999999999999</v>
      </c>
      <c r="C6442" t="str">
        <f>'CPT Data'!P6450</f>
        <v>SAND</v>
      </c>
      <c r="D6442" t="e">
        <f>'CPT Data'!Q6450</f>
        <v>#N/A</v>
      </c>
      <c r="E6442" t="e">
        <f t="shared" si="101"/>
        <v>#N/A</v>
      </c>
      <c r="F6442" t="str">
        <f>IF(C6442="CLAY", INDEX(D$4:D6442, MATCH("CLAY", C$4:C6442, 0)), "")</f>
        <v/>
      </c>
    </row>
    <row r="6443" spans="1:6" x14ac:dyDescent="0.2">
      <c r="A6443" s="239">
        <f>'CPT Data'!B6451</f>
        <v>63.99</v>
      </c>
      <c r="B6443" s="3">
        <f>'CPT Data'!C6451</f>
        <v>63.983000000000004</v>
      </c>
      <c r="C6443" t="str">
        <f>'CPT Data'!P6451</f>
        <v>SAND</v>
      </c>
      <c r="D6443" t="e">
        <f>'CPT Data'!Q6451</f>
        <v>#N/A</v>
      </c>
      <c r="E6443" t="e">
        <f t="shared" si="101"/>
        <v>#N/A</v>
      </c>
      <c r="F6443" t="str">
        <f>IF(C6443="CLAY", INDEX(D$4:D6443, MATCH("CLAY", C$4:C6443, 0)), "")</f>
        <v/>
      </c>
    </row>
    <row r="6444" spans="1:6" x14ac:dyDescent="0.2">
      <c r="A6444" s="239">
        <f>'CPT Data'!B6452</f>
        <v>63.996000000000002</v>
      </c>
      <c r="B6444" s="3">
        <f>'CPT Data'!C6452</f>
        <v>63.989000000000004</v>
      </c>
      <c r="C6444" t="str">
        <f>'CPT Data'!P6452</f>
        <v>SAND</v>
      </c>
      <c r="D6444" t="e">
        <f>'CPT Data'!Q6452</f>
        <v>#N/A</v>
      </c>
      <c r="E6444" t="e">
        <f t="shared" si="101"/>
        <v>#N/A</v>
      </c>
      <c r="F6444" t="str">
        <f>IF(C6444="CLAY", INDEX(D$4:D6444, MATCH("CLAY", C$4:C6444, 0)), "")</f>
        <v/>
      </c>
    </row>
    <row r="6445" spans="1:6" x14ac:dyDescent="0.2">
      <c r="A6445" s="239">
        <f>'CPT Data'!B6453</f>
        <v>64.007000000000005</v>
      </c>
      <c r="B6445" s="3">
        <f>'CPT Data'!C6453</f>
        <v>64</v>
      </c>
      <c r="C6445" t="str">
        <f>'CPT Data'!P6453</f>
        <v>SAND</v>
      </c>
      <c r="D6445" t="e">
        <f>'CPT Data'!Q6453</f>
        <v>#N/A</v>
      </c>
      <c r="E6445" t="e">
        <f t="shared" si="101"/>
        <v>#N/A</v>
      </c>
      <c r="F6445" t="str">
        <f>IF(C6445="CLAY", INDEX(D$4:D6445, MATCH("CLAY", C$4:C6445, 0)), "")</f>
        <v/>
      </c>
    </row>
    <row r="6446" spans="1:6" x14ac:dyDescent="0.2">
      <c r="A6446" s="239">
        <f>'CPT Data'!B6454</f>
        <v>64.013999999999996</v>
      </c>
      <c r="B6446" s="3">
        <f>'CPT Data'!C6454</f>
        <v>64.006999999999991</v>
      </c>
      <c r="C6446" t="str">
        <f>'CPT Data'!P6454</f>
        <v>SAND</v>
      </c>
      <c r="D6446" t="e">
        <f>'CPT Data'!Q6454</f>
        <v>#N/A</v>
      </c>
      <c r="E6446" t="e">
        <f t="shared" si="101"/>
        <v>#N/A</v>
      </c>
      <c r="F6446" t="str">
        <f>IF(C6446="CLAY", INDEX(D$4:D6446, MATCH("CLAY", C$4:C6446, 0)), "")</f>
        <v/>
      </c>
    </row>
    <row r="6447" spans="1:6" x14ac:dyDescent="0.2">
      <c r="A6447" s="239">
        <f>'CPT Data'!B6455</f>
        <v>64.022000000000006</v>
      </c>
      <c r="B6447" s="3">
        <f>'CPT Data'!C6455</f>
        <v>64.015000000000001</v>
      </c>
      <c r="C6447" t="str">
        <f>'CPT Data'!P6455</f>
        <v>SAND</v>
      </c>
      <c r="D6447" t="e">
        <f>'CPT Data'!Q6455</f>
        <v>#N/A</v>
      </c>
      <c r="E6447" t="e">
        <f t="shared" si="101"/>
        <v>#N/A</v>
      </c>
      <c r="F6447" t="str">
        <f>IF(C6447="CLAY", INDEX(D$4:D6447, MATCH("CLAY", C$4:C6447, 0)), "")</f>
        <v/>
      </c>
    </row>
    <row r="6448" spans="1:6" x14ac:dyDescent="0.2">
      <c r="A6448" s="239">
        <f>'CPT Data'!B6456</f>
        <v>64.028999999999996</v>
      </c>
      <c r="B6448" s="3">
        <f>'CPT Data'!C6456</f>
        <v>64.021999999999991</v>
      </c>
      <c r="C6448" t="str">
        <f>'CPT Data'!P6456</f>
        <v>SAND</v>
      </c>
      <c r="D6448" t="e">
        <f>'CPT Data'!Q6456</f>
        <v>#N/A</v>
      </c>
      <c r="E6448" t="e">
        <f t="shared" si="101"/>
        <v>#N/A</v>
      </c>
      <c r="F6448" t="str">
        <f>IF(C6448="CLAY", INDEX(D$4:D6448, MATCH("CLAY", C$4:C6448, 0)), "")</f>
        <v/>
      </c>
    </row>
    <row r="6449" spans="1:6" x14ac:dyDescent="0.2">
      <c r="A6449" s="239">
        <f>'CPT Data'!B6457</f>
        <v>64.072000000000003</v>
      </c>
      <c r="B6449" s="3">
        <f>'CPT Data'!C6457</f>
        <v>64.064999999999998</v>
      </c>
      <c r="C6449" t="str">
        <f>'CPT Data'!P6457</f>
        <v>SAND</v>
      </c>
      <c r="D6449" t="e">
        <f>'CPT Data'!Q6457</f>
        <v>#N/A</v>
      </c>
      <c r="E6449" t="e">
        <f t="shared" si="101"/>
        <v>#N/A</v>
      </c>
      <c r="F6449" t="str">
        <f>IF(C6449="CLAY", INDEX(D$4:D6449, MATCH("CLAY", C$4:C6449, 0)), "")</f>
        <v/>
      </c>
    </row>
    <row r="6450" spans="1:6" x14ac:dyDescent="0.2">
      <c r="A6450" s="239">
        <f>'CPT Data'!B6458</f>
        <v>64.081999999999994</v>
      </c>
      <c r="B6450" s="3">
        <f>'CPT Data'!C6458</f>
        <v>64.074999999999989</v>
      </c>
      <c r="C6450" t="str">
        <f>'CPT Data'!P6458</f>
        <v>SAND</v>
      </c>
      <c r="D6450" t="e">
        <f>'CPT Data'!Q6458</f>
        <v>#N/A</v>
      </c>
      <c r="E6450" t="e">
        <f t="shared" si="101"/>
        <v>#N/A</v>
      </c>
      <c r="F6450" t="str">
        <f>IF(C6450="CLAY", INDEX(D$4:D6450, MATCH("CLAY", C$4:C6450, 0)), "")</f>
        <v/>
      </c>
    </row>
    <row r="6451" spans="1:6" x14ac:dyDescent="0.2">
      <c r="A6451" s="239">
        <f>'CPT Data'!B6459</f>
        <v>64.084000000000003</v>
      </c>
      <c r="B6451" s="3">
        <f>'CPT Data'!C6459</f>
        <v>64.076999999999998</v>
      </c>
      <c r="C6451" t="str">
        <f>'CPT Data'!P6459</f>
        <v>SAND</v>
      </c>
      <c r="D6451" t="e">
        <f>'CPT Data'!Q6459</f>
        <v>#N/A</v>
      </c>
      <c r="E6451" t="e">
        <f t="shared" si="101"/>
        <v>#N/A</v>
      </c>
      <c r="F6451" t="str">
        <f>IF(C6451="CLAY", INDEX(D$4:D6451, MATCH("CLAY", C$4:C6451, 0)), "")</f>
        <v/>
      </c>
    </row>
    <row r="6452" spans="1:6" x14ac:dyDescent="0.2">
      <c r="A6452" s="239">
        <f>'CPT Data'!B6460</f>
        <v>64.097999999999999</v>
      </c>
      <c r="B6452" s="3">
        <f>'CPT Data'!C6460</f>
        <v>64.090999999999994</v>
      </c>
      <c r="C6452" t="str">
        <f>'CPT Data'!P6460</f>
        <v>SAND</v>
      </c>
      <c r="D6452" t="e">
        <f>'CPT Data'!Q6460</f>
        <v>#N/A</v>
      </c>
      <c r="E6452" t="e">
        <f t="shared" si="101"/>
        <v>#N/A</v>
      </c>
      <c r="F6452" t="str">
        <f>IF(C6452="CLAY", INDEX(D$4:D6452, MATCH("CLAY", C$4:C6452, 0)), "")</f>
        <v/>
      </c>
    </row>
    <row r="6453" spans="1:6" x14ac:dyDescent="0.2">
      <c r="A6453" s="239">
        <f>'CPT Data'!B6461</f>
        <v>64.105999999999995</v>
      </c>
      <c r="B6453" s="3">
        <f>'CPT Data'!C6461</f>
        <v>64.09899999999999</v>
      </c>
      <c r="C6453" t="str">
        <f>'CPT Data'!P6461</f>
        <v>SAND</v>
      </c>
      <c r="D6453" t="e">
        <f>'CPT Data'!Q6461</f>
        <v>#N/A</v>
      </c>
      <c r="E6453" t="e">
        <f t="shared" si="101"/>
        <v>#N/A</v>
      </c>
      <c r="F6453" t="str">
        <f>IF(C6453="CLAY", INDEX(D$4:D6453, MATCH("CLAY", C$4:C6453, 0)), "")</f>
        <v/>
      </c>
    </row>
    <row r="6454" spans="1:6" x14ac:dyDescent="0.2">
      <c r="A6454" s="239">
        <f>'CPT Data'!B6462</f>
        <v>64.113</v>
      </c>
      <c r="B6454" s="3">
        <f>'CPT Data'!C6462</f>
        <v>64.105999999999995</v>
      </c>
      <c r="C6454" t="str">
        <f>'CPT Data'!P6462</f>
        <v>SAND</v>
      </c>
      <c r="D6454" t="e">
        <f>'CPT Data'!Q6462</f>
        <v>#N/A</v>
      </c>
      <c r="E6454" t="e">
        <f t="shared" si="101"/>
        <v>#N/A</v>
      </c>
      <c r="F6454" t="str">
        <f>IF(C6454="CLAY", INDEX(D$4:D6454, MATCH("CLAY", C$4:C6454, 0)), "")</f>
        <v/>
      </c>
    </row>
    <row r="6455" spans="1:6" x14ac:dyDescent="0.2">
      <c r="A6455" s="239">
        <f>'CPT Data'!B6463</f>
        <v>64.12</v>
      </c>
      <c r="B6455" s="3">
        <f>'CPT Data'!C6463</f>
        <v>64.113</v>
      </c>
      <c r="C6455" t="str">
        <f>'CPT Data'!P6463</f>
        <v>SAND</v>
      </c>
      <c r="D6455" t="e">
        <f>'CPT Data'!Q6463</f>
        <v>#N/A</v>
      </c>
      <c r="E6455" t="e">
        <f t="shared" si="101"/>
        <v>#N/A</v>
      </c>
      <c r="F6455" t="str">
        <f>IF(C6455="CLAY", INDEX(D$4:D6455, MATCH("CLAY", C$4:C6455, 0)), "")</f>
        <v/>
      </c>
    </row>
    <row r="6456" spans="1:6" x14ac:dyDescent="0.2">
      <c r="A6456" s="239">
        <f>'CPT Data'!B6464</f>
        <v>64.131</v>
      </c>
      <c r="B6456" s="3">
        <f>'CPT Data'!C6464</f>
        <v>64.123999999999995</v>
      </c>
      <c r="C6456" t="str">
        <f>'CPT Data'!P6464</f>
        <v>SAND</v>
      </c>
      <c r="D6456" t="e">
        <f>'CPT Data'!Q6464</f>
        <v>#N/A</v>
      </c>
      <c r="E6456" t="e">
        <f t="shared" si="101"/>
        <v>#N/A</v>
      </c>
      <c r="F6456" t="str">
        <f>IF(C6456="CLAY", INDEX(D$4:D6456, MATCH("CLAY", C$4:C6456, 0)), "")</f>
        <v/>
      </c>
    </row>
    <row r="6457" spans="1:6" x14ac:dyDescent="0.2">
      <c r="A6457" s="239">
        <f>'CPT Data'!B6465</f>
        <v>64.14</v>
      </c>
      <c r="B6457" s="3">
        <f>'CPT Data'!C6465</f>
        <v>64.132999999999996</v>
      </c>
      <c r="C6457" t="str">
        <f>'CPT Data'!P6465</f>
        <v>SAND</v>
      </c>
      <c r="D6457" t="e">
        <f>'CPT Data'!Q6465</f>
        <v>#N/A</v>
      </c>
      <c r="E6457" t="e">
        <f t="shared" si="101"/>
        <v>#N/A</v>
      </c>
      <c r="F6457" t="str">
        <f>IF(C6457="CLAY", INDEX(D$4:D6457, MATCH("CLAY", C$4:C6457, 0)), "")</f>
        <v/>
      </c>
    </row>
    <row r="6458" spans="1:6" x14ac:dyDescent="0.2">
      <c r="A6458" s="239">
        <f>'CPT Data'!B6466</f>
        <v>64.185000000000002</v>
      </c>
      <c r="B6458" s="3">
        <f>'CPT Data'!C6466</f>
        <v>64.177999999999997</v>
      </c>
      <c r="C6458" t="str">
        <f>'CPT Data'!P6466</f>
        <v>SAND</v>
      </c>
      <c r="D6458" t="e">
        <f>'CPT Data'!Q6466</f>
        <v>#N/A</v>
      </c>
      <c r="E6458" t="e">
        <f t="shared" si="101"/>
        <v>#N/A</v>
      </c>
      <c r="F6458" t="str">
        <f>IF(C6458="CLAY", INDEX(D$4:D6458, MATCH("CLAY", C$4:C6458, 0)), "")</f>
        <v/>
      </c>
    </row>
    <row r="6459" spans="1:6" x14ac:dyDescent="0.2">
      <c r="A6459" s="239">
        <f>'CPT Data'!B6467</f>
        <v>64.186000000000007</v>
      </c>
      <c r="B6459" s="3">
        <f>'CPT Data'!C6467</f>
        <v>64.179000000000002</v>
      </c>
      <c r="C6459" t="str">
        <f>'CPT Data'!P6467</f>
        <v>SAND</v>
      </c>
      <c r="D6459" t="e">
        <f>'CPT Data'!Q6467</f>
        <v>#N/A</v>
      </c>
      <c r="E6459" t="e">
        <f t="shared" si="101"/>
        <v>#N/A</v>
      </c>
      <c r="F6459" t="str">
        <f>IF(C6459="CLAY", INDEX(D$4:D6459, MATCH("CLAY", C$4:C6459, 0)), "")</f>
        <v/>
      </c>
    </row>
    <row r="6460" spans="1:6" x14ac:dyDescent="0.2">
      <c r="A6460" s="239">
        <f>'CPT Data'!B6468</f>
        <v>64.206000000000003</v>
      </c>
      <c r="B6460" s="3">
        <f>'CPT Data'!C6468</f>
        <v>64.198999999999998</v>
      </c>
      <c r="C6460" t="str">
        <f>'CPT Data'!P6468</f>
        <v>SAND</v>
      </c>
      <c r="D6460" t="e">
        <f>'CPT Data'!Q6468</f>
        <v>#N/A</v>
      </c>
      <c r="E6460" t="e">
        <f t="shared" si="101"/>
        <v>#N/A</v>
      </c>
      <c r="F6460" t="str">
        <f>IF(C6460="CLAY", INDEX(D$4:D6460, MATCH("CLAY", C$4:C6460, 0)), "")</f>
        <v/>
      </c>
    </row>
    <row r="6461" spans="1:6" x14ac:dyDescent="0.2">
      <c r="A6461" s="239">
        <f>'CPT Data'!B6469</f>
        <v>64.212999999999994</v>
      </c>
      <c r="B6461" s="3">
        <f>'CPT Data'!C6469</f>
        <v>64.205999999999989</v>
      </c>
      <c r="C6461" t="str">
        <f>'CPT Data'!P6469</f>
        <v>SAND</v>
      </c>
      <c r="D6461" t="e">
        <f>'CPT Data'!Q6469</f>
        <v>#N/A</v>
      </c>
      <c r="E6461" t="e">
        <f t="shared" si="101"/>
        <v>#N/A</v>
      </c>
      <c r="F6461" t="str">
        <f>IF(C6461="CLAY", INDEX(D$4:D6461, MATCH("CLAY", C$4:C6461, 0)), "")</f>
        <v/>
      </c>
    </row>
    <row r="6462" spans="1:6" x14ac:dyDescent="0.2">
      <c r="A6462" s="239">
        <f>'CPT Data'!B6470</f>
        <v>64.221000000000004</v>
      </c>
      <c r="B6462" s="3">
        <f>'CPT Data'!C6470</f>
        <v>64.213999999999999</v>
      </c>
      <c r="C6462" t="str">
        <f>'CPT Data'!P6470</f>
        <v>SAND</v>
      </c>
      <c r="D6462" t="e">
        <f>'CPT Data'!Q6470</f>
        <v>#N/A</v>
      </c>
      <c r="E6462" t="e">
        <f t="shared" si="101"/>
        <v>#N/A</v>
      </c>
      <c r="F6462" t="str">
        <f>IF(C6462="CLAY", INDEX(D$4:D6462, MATCH("CLAY", C$4:C6462, 0)), "")</f>
        <v/>
      </c>
    </row>
    <row r="6463" spans="1:6" x14ac:dyDescent="0.2">
      <c r="A6463" s="239">
        <f>'CPT Data'!B6471</f>
        <v>64.23</v>
      </c>
      <c r="B6463" s="3">
        <f>'CPT Data'!C6471</f>
        <v>64.222999999999999</v>
      </c>
      <c r="C6463" t="str">
        <f>'CPT Data'!P6471</f>
        <v>SAND</v>
      </c>
      <c r="D6463" t="e">
        <f>'CPT Data'!Q6471</f>
        <v>#N/A</v>
      </c>
      <c r="E6463" t="e">
        <f t="shared" si="101"/>
        <v>#N/A</v>
      </c>
      <c r="F6463" t="str">
        <f>IF(C6463="CLAY", INDEX(D$4:D6463, MATCH("CLAY", C$4:C6463, 0)), "")</f>
        <v/>
      </c>
    </row>
    <row r="6464" spans="1:6" x14ac:dyDescent="0.2">
      <c r="A6464" s="239">
        <f>'CPT Data'!B6472</f>
        <v>64.238</v>
      </c>
      <c r="B6464" s="3">
        <f>'CPT Data'!C6472</f>
        <v>64.230999999999995</v>
      </c>
      <c r="C6464" t="str">
        <f>'CPT Data'!P6472</f>
        <v>SAND</v>
      </c>
      <c r="D6464" t="e">
        <f>'CPT Data'!Q6472</f>
        <v>#N/A</v>
      </c>
      <c r="E6464" t="e">
        <f t="shared" si="101"/>
        <v>#N/A</v>
      </c>
      <c r="F6464" t="str">
        <f>IF(C6464="CLAY", INDEX(D$4:D6464, MATCH("CLAY", C$4:C6464, 0)), "")</f>
        <v/>
      </c>
    </row>
    <row r="6465" spans="1:6" x14ac:dyDescent="0.2">
      <c r="A6465" s="239">
        <f>'CPT Data'!B6473</f>
        <v>64.245000000000005</v>
      </c>
      <c r="B6465" s="3">
        <f>'CPT Data'!C6473</f>
        <v>64.238</v>
      </c>
      <c r="C6465" t="str">
        <f>'CPT Data'!P6473</f>
        <v>SAND</v>
      </c>
      <c r="D6465" t="e">
        <f>'CPT Data'!Q6473</f>
        <v>#N/A</v>
      </c>
      <c r="E6465" t="e">
        <f t="shared" si="101"/>
        <v>#N/A</v>
      </c>
      <c r="F6465" t="str">
        <f>IF(C6465="CLAY", INDEX(D$4:D6465, MATCH("CLAY", C$4:C6465, 0)), "")</f>
        <v/>
      </c>
    </row>
    <row r="6466" spans="1:6" x14ac:dyDescent="0.2">
      <c r="A6466" s="239">
        <f>'CPT Data'!B6474</f>
        <v>64.251999999999995</v>
      </c>
      <c r="B6466" s="3">
        <f>'CPT Data'!C6474</f>
        <v>64.24499999999999</v>
      </c>
      <c r="C6466" t="str">
        <f>'CPT Data'!P6474</f>
        <v>SAND</v>
      </c>
      <c r="D6466" t="e">
        <f>'CPT Data'!Q6474</f>
        <v>#N/A</v>
      </c>
      <c r="E6466" t="e">
        <f t="shared" si="101"/>
        <v>#N/A</v>
      </c>
      <c r="F6466" t="str">
        <f>IF(C6466="CLAY", INDEX(D$4:D6466, MATCH("CLAY", C$4:C6466, 0)), "")</f>
        <v/>
      </c>
    </row>
    <row r="6467" spans="1:6" x14ac:dyDescent="0.2">
      <c r="A6467" s="239">
        <f>'CPT Data'!B6475</f>
        <v>64.259</v>
      </c>
      <c r="B6467" s="3">
        <f>'CPT Data'!C6475</f>
        <v>64.251999999999995</v>
      </c>
      <c r="C6467" t="str">
        <f>'CPT Data'!P6475</f>
        <v>SAND</v>
      </c>
      <c r="D6467" t="e">
        <f>'CPT Data'!Q6475</f>
        <v>#N/A</v>
      </c>
      <c r="E6467" t="e">
        <f t="shared" si="101"/>
        <v>#N/A</v>
      </c>
      <c r="F6467" t="str">
        <f>IF(C6467="CLAY", INDEX(D$4:D6467, MATCH("CLAY", C$4:C6467, 0)), "")</f>
        <v/>
      </c>
    </row>
    <row r="6468" spans="1:6" x14ac:dyDescent="0.2">
      <c r="A6468" s="239">
        <f>'CPT Data'!B6476</f>
        <v>64.266999999999996</v>
      </c>
      <c r="B6468" s="3">
        <f>'CPT Data'!C6476</f>
        <v>64.259999999999991</v>
      </c>
      <c r="C6468" t="str">
        <f>'CPT Data'!P6476</f>
        <v>SAND</v>
      </c>
      <c r="D6468" t="e">
        <f>'CPT Data'!Q6476</f>
        <v>#N/A</v>
      </c>
      <c r="E6468" t="e">
        <f t="shared" si="101"/>
        <v>#N/A</v>
      </c>
      <c r="F6468" t="str">
        <f>IF(C6468="CLAY", INDEX(D$4:D6468, MATCH("CLAY", C$4:C6468, 0)), "")</f>
        <v/>
      </c>
    </row>
    <row r="6469" spans="1:6" x14ac:dyDescent="0.2">
      <c r="A6469" s="239">
        <f>'CPT Data'!B6477</f>
        <v>64.275999999999996</v>
      </c>
      <c r="B6469" s="3">
        <f>'CPT Data'!C6477</f>
        <v>64.268999999999991</v>
      </c>
      <c r="C6469" t="str">
        <f>'CPT Data'!P6477</f>
        <v>SAND</v>
      </c>
      <c r="D6469" t="e">
        <f>'CPT Data'!Q6477</f>
        <v>#N/A</v>
      </c>
      <c r="E6469" t="e">
        <f t="shared" si="101"/>
        <v>#N/A</v>
      </c>
      <c r="F6469" t="str">
        <f>IF(C6469="CLAY", INDEX(D$4:D6469, MATCH("CLAY", C$4:C6469, 0)), "")</f>
        <v/>
      </c>
    </row>
    <row r="6470" spans="1:6" x14ac:dyDescent="0.2">
      <c r="A6470" s="239">
        <f>'CPT Data'!B6478</f>
        <v>64.284000000000006</v>
      </c>
      <c r="B6470" s="3">
        <f>'CPT Data'!C6478</f>
        <v>64.277000000000001</v>
      </c>
      <c r="C6470" t="str">
        <f>'CPT Data'!P6478</f>
        <v>SAND</v>
      </c>
      <c r="D6470" t="e">
        <f>'CPT Data'!Q6478</f>
        <v>#N/A</v>
      </c>
      <c r="E6470" t="e">
        <f t="shared" si="101"/>
        <v>#N/A</v>
      </c>
      <c r="F6470" t="str">
        <f>IF(C6470="CLAY", INDEX(D$4:D6470, MATCH("CLAY", C$4:C6470, 0)), "")</f>
        <v/>
      </c>
    </row>
    <row r="6471" spans="1:6" x14ac:dyDescent="0.2">
      <c r="A6471" s="239">
        <f>'CPT Data'!B6479</f>
        <v>64.293999999999997</v>
      </c>
      <c r="B6471" s="3">
        <f>'CPT Data'!C6479</f>
        <v>64.286999999999992</v>
      </c>
      <c r="C6471" t="str">
        <f>'CPT Data'!P6479</f>
        <v>SAND</v>
      </c>
      <c r="D6471" t="e">
        <f>'CPT Data'!Q6479</f>
        <v>#N/A</v>
      </c>
      <c r="E6471" t="e">
        <f t="shared" si="101"/>
        <v>#N/A</v>
      </c>
      <c r="F6471" t="str">
        <f>IF(C6471="CLAY", INDEX(D$4:D6471, MATCH("CLAY", C$4:C6471, 0)), "")</f>
        <v/>
      </c>
    </row>
    <row r="6472" spans="1:6" x14ac:dyDescent="0.2">
      <c r="A6472" s="239">
        <f>'CPT Data'!B6480</f>
        <v>64.302999999999997</v>
      </c>
      <c r="B6472" s="3">
        <f>'CPT Data'!C6480</f>
        <v>64.295999999999992</v>
      </c>
      <c r="C6472" t="str">
        <f>'CPT Data'!P6480</f>
        <v>SAND</v>
      </c>
      <c r="D6472" t="e">
        <f>'CPT Data'!Q6480</f>
        <v>#N/A</v>
      </c>
      <c r="E6472" t="e">
        <f t="shared" si="101"/>
        <v>#N/A</v>
      </c>
      <c r="F6472" t="str">
        <f>IF(C6472="CLAY", INDEX(D$4:D6472, MATCH("CLAY", C$4:C6472, 0)), "")</f>
        <v/>
      </c>
    </row>
    <row r="6473" spans="1:6" x14ac:dyDescent="0.2">
      <c r="A6473" s="239">
        <f>'CPT Data'!B6481</f>
        <v>64.313000000000002</v>
      </c>
      <c r="B6473" s="3">
        <f>'CPT Data'!C6481</f>
        <v>64.305999999999997</v>
      </c>
      <c r="C6473" t="str">
        <f>'CPT Data'!P6481</f>
        <v>SAND</v>
      </c>
      <c r="D6473" t="e">
        <f>'CPT Data'!Q6481</f>
        <v>#N/A</v>
      </c>
      <c r="E6473" t="e">
        <f t="shared" si="101"/>
        <v>#N/A</v>
      </c>
      <c r="F6473" t="str">
        <f>IF(C6473="CLAY", INDEX(D$4:D6473, MATCH("CLAY", C$4:C6473, 0)), "")</f>
        <v/>
      </c>
    </row>
    <row r="6474" spans="1:6" x14ac:dyDescent="0.2">
      <c r="A6474" s="239">
        <f>'CPT Data'!B6482</f>
        <v>64.322000000000003</v>
      </c>
      <c r="B6474" s="3">
        <f>'CPT Data'!C6482</f>
        <v>64.314999999999998</v>
      </c>
      <c r="C6474" t="str">
        <f>'CPT Data'!P6482</f>
        <v>SAND</v>
      </c>
      <c r="D6474" t="e">
        <f>'CPT Data'!Q6482</f>
        <v>#N/A</v>
      </c>
      <c r="E6474" t="e">
        <f t="shared" si="101"/>
        <v>#N/A</v>
      </c>
      <c r="F6474" t="str">
        <f>IF(C6474="CLAY", INDEX(D$4:D6474, MATCH("CLAY", C$4:C6474, 0)), "")</f>
        <v/>
      </c>
    </row>
    <row r="6475" spans="1:6" x14ac:dyDescent="0.2">
      <c r="A6475" s="239">
        <f>'CPT Data'!B6483</f>
        <v>64.331000000000003</v>
      </c>
      <c r="B6475" s="3">
        <f>'CPT Data'!C6483</f>
        <v>64.323999999999998</v>
      </c>
      <c r="C6475" t="str">
        <f>'CPT Data'!P6483</f>
        <v>SAND</v>
      </c>
      <c r="D6475" t="e">
        <f>'CPT Data'!Q6483</f>
        <v>#N/A</v>
      </c>
      <c r="E6475" t="e">
        <f t="shared" si="101"/>
        <v>#N/A</v>
      </c>
      <c r="F6475" t="str">
        <f>IF(C6475="CLAY", INDEX(D$4:D6475, MATCH("CLAY", C$4:C6475, 0)), "")</f>
        <v/>
      </c>
    </row>
    <row r="6476" spans="1:6" x14ac:dyDescent="0.2">
      <c r="A6476" s="239">
        <f>'CPT Data'!B6484</f>
        <v>64.34</v>
      </c>
      <c r="B6476" s="3">
        <f>'CPT Data'!C6484</f>
        <v>64.332999999999998</v>
      </c>
      <c r="C6476" t="str">
        <f>'CPT Data'!P6484</f>
        <v>SAND</v>
      </c>
      <c r="D6476" t="e">
        <f>'CPT Data'!Q6484</f>
        <v>#N/A</v>
      </c>
      <c r="E6476" t="e">
        <f t="shared" si="101"/>
        <v>#N/A</v>
      </c>
      <c r="F6476" t="str">
        <f>IF(C6476="CLAY", INDEX(D$4:D6476, MATCH("CLAY", C$4:C6476, 0)), "")</f>
        <v/>
      </c>
    </row>
    <row r="6477" spans="1:6" x14ac:dyDescent="0.2">
      <c r="A6477" s="239">
        <f>'CPT Data'!B6485</f>
        <v>64.350999999999999</v>
      </c>
      <c r="B6477" s="3">
        <f>'CPT Data'!C6485</f>
        <v>64.343999999999994</v>
      </c>
      <c r="C6477" t="str">
        <f>'CPT Data'!P6485</f>
        <v>SAND</v>
      </c>
      <c r="D6477" t="e">
        <f>'CPT Data'!Q6485</f>
        <v>#N/A</v>
      </c>
      <c r="E6477" t="e">
        <f t="shared" si="101"/>
        <v>#N/A</v>
      </c>
      <c r="F6477" t="str">
        <f>IF(C6477="CLAY", INDEX(D$4:D6477, MATCH("CLAY", C$4:C6477, 0)), "")</f>
        <v/>
      </c>
    </row>
    <row r="6478" spans="1:6" x14ac:dyDescent="0.2">
      <c r="A6478" s="239">
        <f>'CPT Data'!B6486</f>
        <v>64.36</v>
      </c>
      <c r="B6478" s="3">
        <f>'CPT Data'!C6486</f>
        <v>64.352999999999994</v>
      </c>
      <c r="C6478" t="str">
        <f>'CPT Data'!P6486</f>
        <v>SAND</v>
      </c>
      <c r="D6478" t="e">
        <f>'CPT Data'!Q6486</f>
        <v>#N/A</v>
      </c>
      <c r="E6478" t="e">
        <f t="shared" si="101"/>
        <v>#N/A</v>
      </c>
      <c r="F6478" t="str">
        <f>IF(C6478="CLAY", INDEX(D$4:D6478, MATCH("CLAY", C$4:C6478, 0)), "")</f>
        <v/>
      </c>
    </row>
    <row r="6479" spans="1:6" x14ac:dyDescent="0.2">
      <c r="A6479" s="239">
        <f>'CPT Data'!B6487</f>
        <v>64.37</v>
      </c>
      <c r="B6479" s="3">
        <f>'CPT Data'!C6487</f>
        <v>64.363</v>
      </c>
      <c r="C6479" t="str">
        <f>'CPT Data'!P6487</f>
        <v>SAND</v>
      </c>
      <c r="D6479" t="e">
        <f>'CPT Data'!Q6487</f>
        <v>#N/A</v>
      </c>
      <c r="E6479" t="e">
        <f t="shared" si="101"/>
        <v>#N/A</v>
      </c>
      <c r="F6479" t="str">
        <f>IF(C6479="CLAY", INDEX(D$4:D6479, MATCH("CLAY", C$4:C6479, 0)), "")</f>
        <v/>
      </c>
    </row>
    <row r="6480" spans="1:6" x14ac:dyDescent="0.2">
      <c r="A6480" s="239">
        <f>'CPT Data'!B6488</f>
        <v>64.379000000000005</v>
      </c>
      <c r="B6480" s="3">
        <f>'CPT Data'!C6488</f>
        <v>64.372</v>
      </c>
      <c r="C6480" t="str">
        <f>'CPT Data'!P6488</f>
        <v>SAND</v>
      </c>
      <c r="D6480" t="e">
        <f>'CPT Data'!Q6488</f>
        <v>#N/A</v>
      </c>
      <c r="E6480" t="e">
        <f t="shared" si="101"/>
        <v>#N/A</v>
      </c>
      <c r="F6480" t="str">
        <f>IF(C6480="CLAY", INDEX(D$4:D6480, MATCH("CLAY", C$4:C6480, 0)), "")</f>
        <v/>
      </c>
    </row>
    <row r="6481" spans="1:6" x14ac:dyDescent="0.2">
      <c r="A6481" s="239">
        <f>'CPT Data'!B6489</f>
        <v>64.388000000000005</v>
      </c>
      <c r="B6481" s="3">
        <f>'CPT Data'!C6489</f>
        <v>64.381</v>
      </c>
      <c r="C6481" t="str">
        <f>'CPT Data'!P6489</f>
        <v>SAND</v>
      </c>
      <c r="D6481" t="e">
        <f>'CPT Data'!Q6489</f>
        <v>#N/A</v>
      </c>
      <c r="E6481" t="e">
        <f t="shared" si="101"/>
        <v>#N/A</v>
      </c>
      <c r="F6481" t="str">
        <f>IF(C6481="CLAY", INDEX(D$4:D6481, MATCH("CLAY", C$4:C6481, 0)), "")</f>
        <v/>
      </c>
    </row>
    <row r="6482" spans="1:6" x14ac:dyDescent="0.2">
      <c r="A6482" s="239">
        <f>'CPT Data'!B6490</f>
        <v>64.397000000000006</v>
      </c>
      <c r="B6482" s="3">
        <f>'CPT Data'!C6490</f>
        <v>64.39</v>
      </c>
      <c r="C6482" t="str">
        <f>'CPT Data'!P6490</f>
        <v>SAND</v>
      </c>
      <c r="D6482" t="e">
        <f>'CPT Data'!Q6490</f>
        <v>#N/A</v>
      </c>
      <c r="E6482" t="e">
        <f t="shared" si="101"/>
        <v>#N/A</v>
      </c>
      <c r="F6482" t="str">
        <f>IF(C6482="CLAY", INDEX(D$4:D6482, MATCH("CLAY", C$4:C6482, 0)), "")</f>
        <v/>
      </c>
    </row>
    <row r="6483" spans="1:6" x14ac:dyDescent="0.2">
      <c r="A6483" s="239">
        <f>'CPT Data'!B6491</f>
        <v>64.406999999999996</v>
      </c>
      <c r="B6483" s="3">
        <f>'CPT Data'!C6491</f>
        <v>64.399999999999991</v>
      </c>
      <c r="C6483" t="str">
        <f>'CPT Data'!P6491</f>
        <v>SAND</v>
      </c>
      <c r="D6483" t="e">
        <f>'CPT Data'!Q6491</f>
        <v>#N/A</v>
      </c>
      <c r="E6483" t="e">
        <f t="shared" si="101"/>
        <v>#N/A</v>
      </c>
      <c r="F6483" t="str">
        <f>IF(C6483="CLAY", INDEX(D$4:D6483, MATCH("CLAY", C$4:C6483, 0)), "")</f>
        <v/>
      </c>
    </row>
    <row r="6484" spans="1:6" x14ac:dyDescent="0.2">
      <c r="A6484" s="239">
        <f>'CPT Data'!B6492</f>
        <v>64.415999999999997</v>
      </c>
      <c r="B6484" s="3">
        <f>'CPT Data'!C6492</f>
        <v>64.408999999999992</v>
      </c>
      <c r="C6484" t="str">
        <f>'CPT Data'!P6492</f>
        <v>SAND</v>
      </c>
      <c r="D6484" t="e">
        <f>'CPT Data'!Q6492</f>
        <v>#N/A</v>
      </c>
      <c r="E6484" t="e">
        <f t="shared" si="101"/>
        <v>#N/A</v>
      </c>
      <c r="F6484" t="str">
        <f>IF(C6484="CLAY", INDEX(D$4:D6484, MATCH("CLAY", C$4:C6484, 0)), "")</f>
        <v/>
      </c>
    </row>
    <row r="6485" spans="1:6" x14ac:dyDescent="0.2">
      <c r="A6485" s="239">
        <f>'CPT Data'!B6493</f>
        <v>64.427000000000007</v>
      </c>
      <c r="B6485" s="3">
        <f>'CPT Data'!C6493</f>
        <v>64.42</v>
      </c>
      <c r="C6485" t="str">
        <f>'CPT Data'!P6493</f>
        <v>SAND</v>
      </c>
      <c r="D6485" t="e">
        <f>'CPT Data'!Q6493</f>
        <v>#N/A</v>
      </c>
      <c r="E6485" t="e">
        <f t="shared" si="101"/>
        <v>#N/A</v>
      </c>
      <c r="F6485" t="str">
        <f>IF(C6485="CLAY", INDEX(D$4:D6485, MATCH("CLAY", C$4:C6485, 0)), "")</f>
        <v/>
      </c>
    </row>
    <row r="6486" spans="1:6" x14ac:dyDescent="0.2">
      <c r="A6486" s="239">
        <f>'CPT Data'!B6494</f>
        <v>64.436000000000007</v>
      </c>
      <c r="B6486" s="3">
        <f>'CPT Data'!C6494</f>
        <v>64.429000000000002</v>
      </c>
      <c r="C6486" t="str">
        <f>'CPT Data'!P6494</f>
        <v>SAND</v>
      </c>
      <c r="D6486" t="e">
        <f>'CPT Data'!Q6494</f>
        <v>#N/A</v>
      </c>
      <c r="E6486" t="e">
        <f t="shared" si="101"/>
        <v>#N/A</v>
      </c>
      <c r="F6486" t="str">
        <f>IF(C6486="CLAY", INDEX(D$4:D6486, MATCH("CLAY", C$4:C6486, 0)), "")</f>
        <v/>
      </c>
    </row>
    <row r="6487" spans="1:6" x14ac:dyDescent="0.2">
      <c r="A6487" s="239">
        <f>'CPT Data'!B6495</f>
        <v>64.445999999999998</v>
      </c>
      <c r="B6487" s="3">
        <f>'CPT Data'!C6495</f>
        <v>64.438999999999993</v>
      </c>
      <c r="C6487" t="str">
        <f>'CPT Data'!P6495</f>
        <v>SAND</v>
      </c>
      <c r="D6487" t="e">
        <f>'CPT Data'!Q6495</f>
        <v>#N/A</v>
      </c>
      <c r="E6487" t="e">
        <f t="shared" si="101"/>
        <v>#N/A</v>
      </c>
      <c r="F6487" t="str">
        <f>IF(C6487="CLAY", INDEX(D$4:D6487, MATCH("CLAY", C$4:C6487, 0)), "")</f>
        <v/>
      </c>
    </row>
    <row r="6488" spans="1:6" x14ac:dyDescent="0.2">
      <c r="A6488" s="239">
        <f>'CPT Data'!B6496</f>
        <v>64.456000000000003</v>
      </c>
      <c r="B6488" s="3">
        <f>'CPT Data'!C6496</f>
        <v>64.448999999999998</v>
      </c>
      <c r="C6488" t="str">
        <f>'CPT Data'!P6496</f>
        <v>SAND</v>
      </c>
      <c r="D6488" t="e">
        <f>'CPT Data'!Q6496</f>
        <v>#N/A</v>
      </c>
      <c r="E6488" t="e">
        <f t="shared" si="101"/>
        <v>#N/A</v>
      </c>
      <c r="F6488" t="str">
        <f>IF(C6488="CLAY", INDEX(D$4:D6488, MATCH("CLAY", C$4:C6488, 0)), "")</f>
        <v/>
      </c>
    </row>
    <row r="6489" spans="1:6" x14ac:dyDescent="0.2">
      <c r="A6489" s="239">
        <f>'CPT Data'!B6497</f>
        <v>64.465999999999994</v>
      </c>
      <c r="B6489" s="3">
        <f>'CPT Data'!C6497</f>
        <v>64.458999999999989</v>
      </c>
      <c r="C6489" t="str">
        <f>'CPT Data'!P6497</f>
        <v>SAND</v>
      </c>
      <c r="D6489" t="e">
        <f>'CPT Data'!Q6497</f>
        <v>#N/A</v>
      </c>
      <c r="E6489" t="e">
        <f t="shared" si="101"/>
        <v>#N/A</v>
      </c>
      <c r="F6489" t="str">
        <f>IF(C6489="CLAY", INDEX(D$4:D6489, MATCH("CLAY", C$4:C6489, 0)), "")</f>
        <v/>
      </c>
    </row>
    <row r="6490" spans="1:6" x14ac:dyDescent="0.2">
      <c r="A6490" s="239">
        <f>'CPT Data'!B6498</f>
        <v>64.474999999999994</v>
      </c>
      <c r="B6490" s="3">
        <f>'CPT Data'!C6498</f>
        <v>64.467999999999989</v>
      </c>
      <c r="C6490" t="str">
        <f>'CPT Data'!P6498</f>
        <v>SAND</v>
      </c>
      <c r="D6490" t="e">
        <f>'CPT Data'!Q6498</f>
        <v>#N/A</v>
      </c>
      <c r="E6490" t="e">
        <f t="shared" si="101"/>
        <v>#N/A</v>
      </c>
      <c r="F6490" t="str">
        <f>IF(C6490="CLAY", INDEX(D$4:D6490, MATCH("CLAY", C$4:C6490, 0)), "")</f>
        <v/>
      </c>
    </row>
    <row r="6491" spans="1:6" x14ac:dyDescent="0.2">
      <c r="A6491" s="239">
        <f>'CPT Data'!B6499</f>
        <v>64.486000000000004</v>
      </c>
      <c r="B6491" s="3">
        <f>'CPT Data'!C6499</f>
        <v>64.478999999999999</v>
      </c>
      <c r="C6491" t="str">
        <f>'CPT Data'!P6499</f>
        <v>SAND</v>
      </c>
      <c r="D6491" t="e">
        <f>'CPT Data'!Q6499</f>
        <v>#N/A</v>
      </c>
      <c r="E6491" t="e">
        <f t="shared" ref="E6491:E6554" si="102">IF(C6491="SAND",#N/A,IF(C6491=C6490,D6490,IF(C6491="CLAY",D6491,#N/A)))</f>
        <v>#N/A</v>
      </c>
      <c r="F6491" t="str">
        <f>IF(C6491="CLAY", INDEX(D$4:D6491, MATCH("CLAY", C$4:C6491, 0)), "")</f>
        <v/>
      </c>
    </row>
    <row r="6492" spans="1:6" x14ac:dyDescent="0.2">
      <c r="A6492" s="239">
        <f>'CPT Data'!B6500</f>
        <v>64.494</v>
      </c>
      <c r="B6492" s="3">
        <f>'CPT Data'!C6500</f>
        <v>64.486999999999995</v>
      </c>
      <c r="C6492" t="str">
        <f>'CPT Data'!P6500</f>
        <v>SAND</v>
      </c>
      <c r="D6492" t="e">
        <f>'CPT Data'!Q6500</f>
        <v>#N/A</v>
      </c>
      <c r="E6492" t="e">
        <f t="shared" si="102"/>
        <v>#N/A</v>
      </c>
      <c r="F6492" t="str">
        <f>IF(C6492="CLAY", INDEX(D$4:D6492, MATCH("CLAY", C$4:C6492, 0)), "")</f>
        <v/>
      </c>
    </row>
    <row r="6493" spans="1:6" x14ac:dyDescent="0.2">
      <c r="A6493" s="239">
        <f>'CPT Data'!B6501</f>
        <v>64.501999999999995</v>
      </c>
      <c r="B6493" s="3">
        <f>'CPT Data'!C6501</f>
        <v>64.49499999999999</v>
      </c>
      <c r="C6493" t="str">
        <f>'CPT Data'!P6501</f>
        <v>SAND</v>
      </c>
      <c r="D6493" t="e">
        <f>'CPT Data'!Q6501</f>
        <v>#N/A</v>
      </c>
      <c r="E6493" t="e">
        <f t="shared" si="102"/>
        <v>#N/A</v>
      </c>
      <c r="F6493" t="str">
        <f>IF(C6493="CLAY", INDEX(D$4:D6493, MATCH("CLAY", C$4:C6493, 0)), "")</f>
        <v/>
      </c>
    </row>
    <row r="6494" spans="1:6" x14ac:dyDescent="0.2">
      <c r="A6494" s="239">
        <f>'CPT Data'!B6502</f>
        <v>64.513000000000005</v>
      </c>
      <c r="B6494" s="3">
        <f>'CPT Data'!C6502</f>
        <v>64.506</v>
      </c>
      <c r="C6494" t="str">
        <f>'CPT Data'!P6502</f>
        <v>SAND</v>
      </c>
      <c r="D6494" t="e">
        <f>'CPT Data'!Q6502</f>
        <v>#N/A</v>
      </c>
      <c r="E6494" t="e">
        <f t="shared" si="102"/>
        <v>#N/A</v>
      </c>
      <c r="F6494" t="str">
        <f>IF(C6494="CLAY", INDEX(D$4:D6494, MATCH("CLAY", C$4:C6494, 0)), "")</f>
        <v/>
      </c>
    </row>
    <row r="6495" spans="1:6" x14ac:dyDescent="0.2">
      <c r="A6495" s="239">
        <f>'CPT Data'!B6503</f>
        <v>64.522000000000006</v>
      </c>
      <c r="B6495" s="3">
        <f>'CPT Data'!C6503</f>
        <v>64.515000000000001</v>
      </c>
      <c r="C6495" t="str">
        <f>'CPT Data'!P6503</f>
        <v>SAND</v>
      </c>
      <c r="D6495" t="e">
        <f>'CPT Data'!Q6503</f>
        <v>#N/A</v>
      </c>
      <c r="E6495" t="e">
        <f t="shared" si="102"/>
        <v>#N/A</v>
      </c>
      <c r="F6495" t="str">
        <f>IF(C6495="CLAY", INDEX(D$4:D6495, MATCH("CLAY", C$4:C6495, 0)), "")</f>
        <v/>
      </c>
    </row>
    <row r="6496" spans="1:6" x14ac:dyDescent="0.2">
      <c r="A6496" s="239">
        <f>'CPT Data'!B6504</f>
        <v>64.531999999999996</v>
      </c>
      <c r="B6496" s="3">
        <f>'CPT Data'!C6504</f>
        <v>64.524999999999991</v>
      </c>
      <c r="C6496" t="str">
        <f>'CPT Data'!P6504</f>
        <v>SAND</v>
      </c>
      <c r="D6496" t="e">
        <f>'CPT Data'!Q6504</f>
        <v>#N/A</v>
      </c>
      <c r="E6496" t="e">
        <f t="shared" si="102"/>
        <v>#N/A</v>
      </c>
      <c r="F6496" t="str">
        <f>IF(C6496="CLAY", INDEX(D$4:D6496, MATCH("CLAY", C$4:C6496, 0)), "")</f>
        <v/>
      </c>
    </row>
    <row r="6497" spans="1:6" x14ac:dyDescent="0.2">
      <c r="A6497" s="239">
        <f>'CPT Data'!B6505</f>
        <v>64.540999999999997</v>
      </c>
      <c r="B6497" s="3">
        <f>'CPT Data'!C6505</f>
        <v>64.533999999999992</v>
      </c>
      <c r="C6497" t="str">
        <f>'CPT Data'!P6505</f>
        <v>SAND</v>
      </c>
      <c r="D6497" t="e">
        <f>'CPT Data'!Q6505</f>
        <v>#N/A</v>
      </c>
      <c r="E6497" t="e">
        <f t="shared" si="102"/>
        <v>#N/A</v>
      </c>
      <c r="F6497" t="str">
        <f>IF(C6497="CLAY", INDEX(D$4:D6497, MATCH("CLAY", C$4:C6497, 0)), "")</f>
        <v/>
      </c>
    </row>
    <row r="6498" spans="1:6" x14ac:dyDescent="0.2">
      <c r="A6498" s="239">
        <f>'CPT Data'!B6506</f>
        <v>64.55</v>
      </c>
      <c r="B6498" s="3">
        <f>'CPT Data'!C6506</f>
        <v>64.542999999999992</v>
      </c>
      <c r="C6498" t="str">
        <f>'CPT Data'!P6506</f>
        <v>SAND</v>
      </c>
      <c r="D6498" t="e">
        <f>'CPT Data'!Q6506</f>
        <v>#N/A</v>
      </c>
      <c r="E6498" t="e">
        <f t="shared" si="102"/>
        <v>#N/A</v>
      </c>
      <c r="F6498" t="str">
        <f>IF(C6498="CLAY", INDEX(D$4:D6498, MATCH("CLAY", C$4:C6498, 0)), "")</f>
        <v/>
      </c>
    </row>
    <row r="6499" spans="1:6" x14ac:dyDescent="0.2">
      <c r="A6499" s="239">
        <f>'CPT Data'!B6507</f>
        <v>64.558999999999997</v>
      </c>
      <c r="B6499" s="3">
        <f>'CPT Data'!C6507</f>
        <v>64.551999999999992</v>
      </c>
      <c r="C6499" t="str">
        <f>'CPT Data'!P6507</f>
        <v>SAND</v>
      </c>
      <c r="D6499" t="e">
        <f>'CPT Data'!Q6507</f>
        <v>#N/A</v>
      </c>
      <c r="E6499" t="e">
        <f t="shared" si="102"/>
        <v>#N/A</v>
      </c>
      <c r="F6499" t="str">
        <f>IF(C6499="CLAY", INDEX(D$4:D6499, MATCH("CLAY", C$4:C6499, 0)), "")</f>
        <v/>
      </c>
    </row>
    <row r="6500" spans="1:6" x14ac:dyDescent="0.2">
      <c r="A6500" s="239">
        <f>'CPT Data'!B6508</f>
        <v>64.569000000000003</v>
      </c>
      <c r="B6500" s="3">
        <f>'CPT Data'!C6508</f>
        <v>64.561999999999998</v>
      </c>
      <c r="C6500" t="str">
        <f>'CPT Data'!P6508</f>
        <v>SAND</v>
      </c>
      <c r="D6500" t="e">
        <f>'CPT Data'!Q6508</f>
        <v>#N/A</v>
      </c>
      <c r="E6500" t="e">
        <f t="shared" si="102"/>
        <v>#N/A</v>
      </c>
      <c r="F6500" t="str">
        <f>IF(C6500="CLAY", INDEX(D$4:D6500, MATCH("CLAY", C$4:C6500, 0)), "")</f>
        <v/>
      </c>
    </row>
    <row r="6501" spans="1:6" x14ac:dyDescent="0.2">
      <c r="A6501" s="239">
        <f>'CPT Data'!B6509</f>
        <v>64.578999999999994</v>
      </c>
      <c r="B6501" s="3">
        <f>'CPT Data'!C6509</f>
        <v>64.571999999999989</v>
      </c>
      <c r="C6501" t="str">
        <f>'CPT Data'!P6509</f>
        <v>SAND</v>
      </c>
      <c r="D6501" t="e">
        <f>'CPT Data'!Q6509</f>
        <v>#N/A</v>
      </c>
      <c r="E6501" t="e">
        <f t="shared" si="102"/>
        <v>#N/A</v>
      </c>
      <c r="F6501" t="str">
        <f>IF(C6501="CLAY", INDEX(D$4:D6501, MATCH("CLAY", C$4:C6501, 0)), "")</f>
        <v/>
      </c>
    </row>
    <row r="6502" spans="1:6" x14ac:dyDescent="0.2">
      <c r="A6502" s="239">
        <f>'CPT Data'!B6510</f>
        <v>64.587999999999994</v>
      </c>
      <c r="B6502" s="3">
        <f>'CPT Data'!C6510</f>
        <v>64.580999999999989</v>
      </c>
      <c r="C6502" t="str">
        <f>'CPT Data'!P6510</f>
        <v>SAND</v>
      </c>
      <c r="D6502" t="e">
        <f>'CPT Data'!Q6510</f>
        <v>#N/A</v>
      </c>
      <c r="E6502" t="e">
        <f t="shared" si="102"/>
        <v>#N/A</v>
      </c>
      <c r="F6502" t="str">
        <f>IF(C6502="CLAY", INDEX(D$4:D6502, MATCH("CLAY", C$4:C6502, 0)), "")</f>
        <v/>
      </c>
    </row>
    <row r="6503" spans="1:6" x14ac:dyDescent="0.2">
      <c r="A6503" s="239">
        <f>'CPT Data'!B6511</f>
        <v>64.597999999999999</v>
      </c>
      <c r="B6503" s="3">
        <f>'CPT Data'!C6511</f>
        <v>64.590999999999994</v>
      </c>
      <c r="C6503" t="str">
        <f>'CPT Data'!P6511</f>
        <v>SAND</v>
      </c>
      <c r="D6503" t="e">
        <f>'CPT Data'!Q6511</f>
        <v>#N/A</v>
      </c>
      <c r="E6503" t="e">
        <f t="shared" si="102"/>
        <v>#N/A</v>
      </c>
      <c r="F6503" t="str">
        <f>IF(C6503="CLAY", INDEX(D$4:D6503, MATCH("CLAY", C$4:C6503, 0)), "")</f>
        <v/>
      </c>
    </row>
    <row r="6504" spans="1:6" x14ac:dyDescent="0.2">
      <c r="A6504" s="239">
        <f>'CPT Data'!B6512</f>
        <v>64.606999999999999</v>
      </c>
      <c r="B6504" s="3">
        <f>'CPT Data'!C6512</f>
        <v>64.599999999999994</v>
      </c>
      <c r="C6504" t="str">
        <f>'CPT Data'!P6512</f>
        <v>SAND</v>
      </c>
      <c r="D6504" t="e">
        <f>'CPT Data'!Q6512</f>
        <v>#N/A</v>
      </c>
      <c r="E6504" t="e">
        <f t="shared" si="102"/>
        <v>#N/A</v>
      </c>
      <c r="F6504" t="str">
        <f>IF(C6504="CLAY", INDEX(D$4:D6504, MATCH("CLAY", C$4:C6504, 0)), "")</f>
        <v/>
      </c>
    </row>
    <row r="6505" spans="1:6" x14ac:dyDescent="0.2">
      <c r="A6505" s="239">
        <f>'CPT Data'!B6513</f>
        <v>64.616</v>
      </c>
      <c r="B6505" s="3">
        <f>'CPT Data'!C6513</f>
        <v>64.608999999999995</v>
      </c>
      <c r="C6505" t="str">
        <f>'CPT Data'!P6513</f>
        <v>SAND</v>
      </c>
      <c r="D6505" t="e">
        <f>'CPT Data'!Q6513</f>
        <v>#N/A</v>
      </c>
      <c r="E6505" t="e">
        <f t="shared" si="102"/>
        <v>#N/A</v>
      </c>
      <c r="F6505" t="str">
        <f>IF(C6505="CLAY", INDEX(D$4:D6505, MATCH("CLAY", C$4:C6505, 0)), "")</f>
        <v/>
      </c>
    </row>
    <row r="6506" spans="1:6" x14ac:dyDescent="0.2">
      <c r="A6506" s="239">
        <f>'CPT Data'!B6514</f>
        <v>64.626000000000005</v>
      </c>
      <c r="B6506" s="3">
        <f>'CPT Data'!C6514</f>
        <v>64.619</v>
      </c>
      <c r="C6506" t="str">
        <f>'CPT Data'!P6514</f>
        <v>SAND</v>
      </c>
      <c r="D6506" t="e">
        <f>'CPT Data'!Q6514</f>
        <v>#N/A</v>
      </c>
      <c r="E6506" t="e">
        <f t="shared" si="102"/>
        <v>#N/A</v>
      </c>
      <c r="F6506" t="str">
        <f>IF(C6506="CLAY", INDEX(D$4:D6506, MATCH("CLAY", C$4:C6506, 0)), "")</f>
        <v/>
      </c>
    </row>
    <row r="6507" spans="1:6" x14ac:dyDescent="0.2">
      <c r="A6507" s="239">
        <f>'CPT Data'!B6515</f>
        <v>64.635999999999996</v>
      </c>
      <c r="B6507" s="3">
        <f>'CPT Data'!C6515</f>
        <v>64.628999999999991</v>
      </c>
      <c r="C6507" t="str">
        <f>'CPT Data'!P6515</f>
        <v>SAND</v>
      </c>
      <c r="D6507" t="e">
        <f>'CPT Data'!Q6515</f>
        <v>#N/A</v>
      </c>
      <c r="E6507" t="e">
        <f t="shared" si="102"/>
        <v>#N/A</v>
      </c>
      <c r="F6507" t="str">
        <f>IF(C6507="CLAY", INDEX(D$4:D6507, MATCH("CLAY", C$4:C6507, 0)), "")</f>
        <v/>
      </c>
    </row>
    <row r="6508" spans="1:6" x14ac:dyDescent="0.2">
      <c r="A6508" s="239">
        <f>'CPT Data'!B6516</f>
        <v>64.646000000000001</v>
      </c>
      <c r="B6508" s="3">
        <f>'CPT Data'!C6516</f>
        <v>64.638999999999996</v>
      </c>
      <c r="C6508" t="str">
        <f>'CPT Data'!P6516</f>
        <v>SAND</v>
      </c>
      <c r="D6508" t="e">
        <f>'CPT Data'!Q6516</f>
        <v>#N/A</v>
      </c>
      <c r="E6508" t="e">
        <f t="shared" si="102"/>
        <v>#N/A</v>
      </c>
      <c r="F6508" t="str">
        <f>IF(C6508="CLAY", INDEX(D$4:D6508, MATCH("CLAY", C$4:C6508, 0)), "")</f>
        <v/>
      </c>
    </row>
    <row r="6509" spans="1:6" x14ac:dyDescent="0.2">
      <c r="A6509" s="239">
        <f>'CPT Data'!B6517</f>
        <v>64.655000000000001</v>
      </c>
      <c r="B6509" s="3">
        <f>'CPT Data'!C6517</f>
        <v>64.647999999999996</v>
      </c>
      <c r="C6509" t="str">
        <f>'CPT Data'!P6517</f>
        <v>SAND</v>
      </c>
      <c r="D6509" t="e">
        <f>'CPT Data'!Q6517</f>
        <v>#N/A</v>
      </c>
      <c r="E6509" t="e">
        <f t="shared" si="102"/>
        <v>#N/A</v>
      </c>
      <c r="F6509" t="str">
        <f>IF(C6509="CLAY", INDEX(D$4:D6509, MATCH("CLAY", C$4:C6509, 0)), "")</f>
        <v/>
      </c>
    </row>
    <row r="6510" spans="1:6" x14ac:dyDescent="0.2">
      <c r="A6510" s="239">
        <f>'CPT Data'!B6518</f>
        <v>64.664000000000001</v>
      </c>
      <c r="B6510" s="3">
        <f>'CPT Data'!C6518</f>
        <v>64.656999999999996</v>
      </c>
      <c r="C6510" t="str">
        <f>'CPT Data'!P6518</f>
        <v>SAND</v>
      </c>
      <c r="D6510" t="e">
        <f>'CPT Data'!Q6518</f>
        <v>#N/A</v>
      </c>
      <c r="E6510" t="e">
        <f t="shared" si="102"/>
        <v>#N/A</v>
      </c>
      <c r="F6510" t="str">
        <f>IF(C6510="CLAY", INDEX(D$4:D6510, MATCH("CLAY", C$4:C6510, 0)), "")</f>
        <v/>
      </c>
    </row>
    <row r="6511" spans="1:6" x14ac:dyDescent="0.2">
      <c r="A6511" s="239">
        <f>'CPT Data'!B6519</f>
        <v>64.673000000000002</v>
      </c>
      <c r="B6511" s="3">
        <f>'CPT Data'!C6519</f>
        <v>64.665999999999997</v>
      </c>
      <c r="C6511" t="str">
        <f>'CPT Data'!P6519</f>
        <v>SAND</v>
      </c>
      <c r="D6511" t="e">
        <f>'CPT Data'!Q6519</f>
        <v>#N/A</v>
      </c>
      <c r="E6511" t="e">
        <f t="shared" si="102"/>
        <v>#N/A</v>
      </c>
      <c r="F6511" t="str">
        <f>IF(C6511="CLAY", INDEX(D$4:D6511, MATCH("CLAY", C$4:C6511, 0)), "")</f>
        <v/>
      </c>
    </row>
    <row r="6512" spans="1:6" x14ac:dyDescent="0.2">
      <c r="A6512" s="239">
        <f>'CPT Data'!B6520</f>
        <v>64.680999999999997</v>
      </c>
      <c r="B6512" s="3">
        <f>'CPT Data'!C6520</f>
        <v>64.673999999999992</v>
      </c>
      <c r="C6512" t="str">
        <f>'CPT Data'!P6520</f>
        <v>SAND</v>
      </c>
      <c r="D6512" t="e">
        <f>'CPT Data'!Q6520</f>
        <v>#N/A</v>
      </c>
      <c r="E6512" t="e">
        <f t="shared" si="102"/>
        <v>#N/A</v>
      </c>
      <c r="F6512" t="str">
        <f>IF(C6512="CLAY", INDEX(D$4:D6512, MATCH("CLAY", C$4:C6512, 0)), "")</f>
        <v/>
      </c>
    </row>
    <row r="6513" spans="1:6" x14ac:dyDescent="0.2">
      <c r="A6513" s="239">
        <f>'CPT Data'!B6521</f>
        <v>64.69</v>
      </c>
      <c r="B6513" s="3">
        <f>'CPT Data'!C6521</f>
        <v>64.682999999999993</v>
      </c>
      <c r="C6513" t="str">
        <f>'CPT Data'!P6521</f>
        <v>SAND</v>
      </c>
      <c r="D6513" t="e">
        <f>'CPT Data'!Q6521</f>
        <v>#N/A</v>
      </c>
      <c r="E6513" t="e">
        <f t="shared" si="102"/>
        <v>#N/A</v>
      </c>
      <c r="F6513" t="str">
        <f>IF(C6513="CLAY", INDEX(D$4:D6513, MATCH("CLAY", C$4:C6513, 0)), "")</f>
        <v/>
      </c>
    </row>
    <row r="6514" spans="1:6" x14ac:dyDescent="0.2">
      <c r="A6514" s="239">
        <f>'CPT Data'!B6522</f>
        <v>64.698999999999998</v>
      </c>
      <c r="B6514" s="3">
        <f>'CPT Data'!C6522</f>
        <v>64.691999999999993</v>
      </c>
      <c r="C6514" t="str">
        <f>'CPT Data'!P6522</f>
        <v>SAND</v>
      </c>
      <c r="D6514" t="e">
        <f>'CPT Data'!Q6522</f>
        <v>#N/A</v>
      </c>
      <c r="E6514" t="e">
        <f t="shared" si="102"/>
        <v>#N/A</v>
      </c>
      <c r="F6514" t="str">
        <f>IF(C6514="CLAY", INDEX(D$4:D6514, MATCH("CLAY", C$4:C6514, 0)), "")</f>
        <v/>
      </c>
    </row>
    <row r="6515" spans="1:6" x14ac:dyDescent="0.2">
      <c r="A6515" s="239">
        <f>'CPT Data'!B6523</f>
        <v>64.709000000000003</v>
      </c>
      <c r="B6515" s="3">
        <f>'CPT Data'!C6523</f>
        <v>64.701999999999998</v>
      </c>
      <c r="C6515" t="str">
        <f>'CPT Data'!P6523</f>
        <v>SAND</v>
      </c>
      <c r="D6515" t="e">
        <f>'CPT Data'!Q6523</f>
        <v>#N/A</v>
      </c>
      <c r="E6515" t="e">
        <f t="shared" si="102"/>
        <v>#N/A</v>
      </c>
      <c r="F6515" t="str">
        <f>IF(C6515="CLAY", INDEX(D$4:D6515, MATCH("CLAY", C$4:C6515, 0)), "")</f>
        <v/>
      </c>
    </row>
    <row r="6516" spans="1:6" x14ac:dyDescent="0.2">
      <c r="A6516" s="239">
        <f>'CPT Data'!B6524</f>
        <v>64.718000000000004</v>
      </c>
      <c r="B6516" s="3">
        <f>'CPT Data'!C6524</f>
        <v>64.710999999999999</v>
      </c>
      <c r="C6516" t="str">
        <f>'CPT Data'!P6524</f>
        <v>SAND</v>
      </c>
      <c r="D6516" t="e">
        <f>'CPT Data'!Q6524</f>
        <v>#N/A</v>
      </c>
      <c r="E6516" t="e">
        <f t="shared" si="102"/>
        <v>#N/A</v>
      </c>
      <c r="F6516" t="str">
        <f>IF(C6516="CLAY", INDEX(D$4:D6516, MATCH("CLAY", C$4:C6516, 0)), "")</f>
        <v/>
      </c>
    </row>
    <row r="6517" spans="1:6" x14ac:dyDescent="0.2">
      <c r="A6517" s="239">
        <f>'CPT Data'!B6525</f>
        <v>64.727000000000004</v>
      </c>
      <c r="B6517" s="3">
        <f>'CPT Data'!C6525</f>
        <v>64.72</v>
      </c>
      <c r="C6517" t="str">
        <f>'CPT Data'!P6525</f>
        <v>SAND</v>
      </c>
      <c r="D6517" t="e">
        <f>'CPT Data'!Q6525</f>
        <v>#N/A</v>
      </c>
      <c r="E6517" t="e">
        <f t="shared" si="102"/>
        <v>#N/A</v>
      </c>
      <c r="F6517" t="str">
        <f>IF(C6517="CLAY", INDEX(D$4:D6517, MATCH("CLAY", C$4:C6517, 0)), "")</f>
        <v/>
      </c>
    </row>
    <row r="6518" spans="1:6" x14ac:dyDescent="0.2">
      <c r="A6518" s="239">
        <f>'CPT Data'!B6526</f>
        <v>64.736999999999995</v>
      </c>
      <c r="B6518" s="3">
        <f>'CPT Data'!C6526</f>
        <v>64.72999999999999</v>
      </c>
      <c r="C6518" t="str">
        <f>'CPT Data'!P6526</f>
        <v>SAND</v>
      </c>
      <c r="D6518" t="e">
        <f>'CPT Data'!Q6526</f>
        <v>#N/A</v>
      </c>
      <c r="E6518" t="e">
        <f t="shared" si="102"/>
        <v>#N/A</v>
      </c>
      <c r="F6518" t="str">
        <f>IF(C6518="CLAY", INDEX(D$4:D6518, MATCH("CLAY", C$4:C6518, 0)), "")</f>
        <v/>
      </c>
    </row>
    <row r="6519" spans="1:6" x14ac:dyDescent="0.2">
      <c r="A6519" s="239">
        <f>'CPT Data'!B6527</f>
        <v>64.745999999999995</v>
      </c>
      <c r="B6519" s="3">
        <f>'CPT Data'!C6527</f>
        <v>64.73899999999999</v>
      </c>
      <c r="C6519" t="str">
        <f>'CPT Data'!P6527</f>
        <v>SAND</v>
      </c>
      <c r="D6519" t="e">
        <f>'CPT Data'!Q6527</f>
        <v>#N/A</v>
      </c>
      <c r="E6519" t="e">
        <f t="shared" si="102"/>
        <v>#N/A</v>
      </c>
      <c r="F6519" t="str">
        <f>IF(C6519="CLAY", INDEX(D$4:D6519, MATCH("CLAY", C$4:C6519, 0)), "")</f>
        <v/>
      </c>
    </row>
    <row r="6520" spans="1:6" x14ac:dyDescent="0.2">
      <c r="A6520" s="239">
        <f>'CPT Data'!B6528</f>
        <v>64.756</v>
      </c>
      <c r="B6520" s="3">
        <f>'CPT Data'!C6528</f>
        <v>64.748999999999995</v>
      </c>
      <c r="C6520" t="str">
        <f>'CPT Data'!P6528</f>
        <v>SAND</v>
      </c>
      <c r="D6520" t="e">
        <f>'CPT Data'!Q6528</f>
        <v>#N/A</v>
      </c>
      <c r="E6520" t="e">
        <f t="shared" si="102"/>
        <v>#N/A</v>
      </c>
      <c r="F6520" t="str">
        <f>IF(C6520="CLAY", INDEX(D$4:D6520, MATCH("CLAY", C$4:C6520, 0)), "")</f>
        <v/>
      </c>
    </row>
    <row r="6521" spans="1:6" x14ac:dyDescent="0.2">
      <c r="A6521" s="239">
        <f>'CPT Data'!B6529</f>
        <v>64.765000000000001</v>
      </c>
      <c r="B6521" s="3">
        <f>'CPT Data'!C6529</f>
        <v>64.757999999999996</v>
      </c>
      <c r="C6521" t="str">
        <f>'CPT Data'!P6529</f>
        <v>SAND</v>
      </c>
      <c r="D6521" t="e">
        <f>'CPT Data'!Q6529</f>
        <v>#N/A</v>
      </c>
      <c r="E6521" t="e">
        <f t="shared" si="102"/>
        <v>#N/A</v>
      </c>
      <c r="F6521" t="str">
        <f>IF(C6521="CLAY", INDEX(D$4:D6521, MATCH("CLAY", C$4:C6521, 0)), "")</f>
        <v/>
      </c>
    </row>
    <row r="6522" spans="1:6" x14ac:dyDescent="0.2">
      <c r="A6522" s="239">
        <f>'CPT Data'!B6530</f>
        <v>64.774000000000001</v>
      </c>
      <c r="B6522" s="3">
        <f>'CPT Data'!C6530</f>
        <v>64.766999999999996</v>
      </c>
      <c r="C6522" t="str">
        <f>'CPT Data'!P6530</f>
        <v>SAND</v>
      </c>
      <c r="D6522" t="e">
        <f>'CPT Data'!Q6530</f>
        <v>#N/A</v>
      </c>
      <c r="E6522" t="e">
        <f t="shared" si="102"/>
        <v>#N/A</v>
      </c>
      <c r="F6522" t="str">
        <f>IF(C6522="CLAY", INDEX(D$4:D6522, MATCH("CLAY", C$4:C6522, 0)), "")</f>
        <v/>
      </c>
    </row>
    <row r="6523" spans="1:6" x14ac:dyDescent="0.2">
      <c r="A6523" s="239">
        <f>'CPT Data'!B6531</f>
        <v>64.784999999999997</v>
      </c>
      <c r="B6523" s="3">
        <f>'CPT Data'!C6531</f>
        <v>64.777999999999992</v>
      </c>
      <c r="C6523" t="str">
        <f>'CPT Data'!P6531</f>
        <v>SAND</v>
      </c>
      <c r="D6523" t="e">
        <f>'CPT Data'!Q6531</f>
        <v>#N/A</v>
      </c>
      <c r="E6523" t="e">
        <f t="shared" si="102"/>
        <v>#N/A</v>
      </c>
      <c r="F6523" t="str">
        <f>IF(C6523="CLAY", INDEX(D$4:D6523, MATCH("CLAY", C$4:C6523, 0)), "")</f>
        <v/>
      </c>
    </row>
    <row r="6524" spans="1:6" x14ac:dyDescent="0.2">
      <c r="A6524" s="239">
        <f>'CPT Data'!B6532</f>
        <v>64.793999999999997</v>
      </c>
      <c r="B6524" s="3">
        <f>'CPT Data'!C6532</f>
        <v>64.786999999999992</v>
      </c>
      <c r="C6524" t="str">
        <f>'CPT Data'!P6532</f>
        <v>SAND</v>
      </c>
      <c r="D6524" t="e">
        <f>'CPT Data'!Q6532</f>
        <v>#N/A</v>
      </c>
      <c r="E6524" t="e">
        <f t="shared" si="102"/>
        <v>#N/A</v>
      </c>
      <c r="F6524" t="str">
        <f>IF(C6524="CLAY", INDEX(D$4:D6524, MATCH("CLAY", C$4:C6524, 0)), "")</f>
        <v/>
      </c>
    </row>
    <row r="6525" spans="1:6" x14ac:dyDescent="0.2">
      <c r="A6525" s="239">
        <f>'CPT Data'!B6533</f>
        <v>64.804000000000002</v>
      </c>
      <c r="B6525" s="3">
        <f>'CPT Data'!C6533</f>
        <v>64.796999999999997</v>
      </c>
      <c r="C6525" t="str">
        <f>'CPT Data'!P6533</f>
        <v>SAND</v>
      </c>
      <c r="D6525" t="e">
        <f>'CPT Data'!Q6533</f>
        <v>#N/A</v>
      </c>
      <c r="E6525" t="e">
        <f t="shared" si="102"/>
        <v>#N/A</v>
      </c>
      <c r="F6525" t="str">
        <f>IF(C6525="CLAY", INDEX(D$4:D6525, MATCH("CLAY", C$4:C6525, 0)), "")</f>
        <v/>
      </c>
    </row>
    <row r="6526" spans="1:6" x14ac:dyDescent="0.2">
      <c r="A6526" s="239">
        <f>'CPT Data'!B6534</f>
        <v>64.814999999999998</v>
      </c>
      <c r="B6526" s="3">
        <f>'CPT Data'!C6534</f>
        <v>64.807999999999993</v>
      </c>
      <c r="C6526" t="str">
        <f>'CPT Data'!P6534</f>
        <v>SAND</v>
      </c>
      <c r="D6526" t="e">
        <f>'CPT Data'!Q6534</f>
        <v>#N/A</v>
      </c>
      <c r="E6526" t="e">
        <f t="shared" si="102"/>
        <v>#N/A</v>
      </c>
      <c r="F6526" t="str">
        <f>IF(C6526="CLAY", INDEX(D$4:D6526, MATCH("CLAY", C$4:C6526, 0)), "")</f>
        <v/>
      </c>
    </row>
    <row r="6527" spans="1:6" x14ac:dyDescent="0.2">
      <c r="A6527" s="239">
        <f>'CPT Data'!B6535</f>
        <v>64.823999999999998</v>
      </c>
      <c r="B6527" s="3">
        <f>'CPT Data'!C6535</f>
        <v>64.816999999999993</v>
      </c>
      <c r="C6527" t="str">
        <f>'CPT Data'!P6535</f>
        <v>SAND</v>
      </c>
      <c r="D6527" t="e">
        <f>'CPT Data'!Q6535</f>
        <v>#N/A</v>
      </c>
      <c r="E6527" t="e">
        <f t="shared" si="102"/>
        <v>#N/A</v>
      </c>
      <c r="F6527" t="str">
        <f>IF(C6527="CLAY", INDEX(D$4:D6527, MATCH("CLAY", C$4:C6527, 0)), "")</f>
        <v/>
      </c>
    </row>
    <row r="6528" spans="1:6" x14ac:dyDescent="0.2">
      <c r="A6528" s="239">
        <f>'CPT Data'!B6536</f>
        <v>64.834000000000003</v>
      </c>
      <c r="B6528" s="3">
        <f>'CPT Data'!C6536</f>
        <v>64.826999999999998</v>
      </c>
      <c r="C6528" t="str">
        <f>'CPT Data'!P6536</f>
        <v>SAND</v>
      </c>
      <c r="D6528" t="e">
        <f>'CPT Data'!Q6536</f>
        <v>#N/A</v>
      </c>
      <c r="E6528" t="e">
        <f t="shared" si="102"/>
        <v>#N/A</v>
      </c>
      <c r="F6528" t="str">
        <f>IF(C6528="CLAY", INDEX(D$4:D6528, MATCH("CLAY", C$4:C6528, 0)), "")</f>
        <v/>
      </c>
    </row>
    <row r="6529" spans="1:6" x14ac:dyDescent="0.2">
      <c r="A6529" s="239">
        <f>'CPT Data'!B6537</f>
        <v>64.844999999999999</v>
      </c>
      <c r="B6529" s="3">
        <f>'CPT Data'!C6537</f>
        <v>64.837999999999994</v>
      </c>
      <c r="C6529" t="str">
        <f>'CPT Data'!P6537</f>
        <v>SAND</v>
      </c>
      <c r="D6529" t="e">
        <f>'CPT Data'!Q6537</f>
        <v>#N/A</v>
      </c>
      <c r="E6529" t="e">
        <f t="shared" si="102"/>
        <v>#N/A</v>
      </c>
      <c r="F6529" t="str">
        <f>IF(C6529="CLAY", INDEX(D$4:D6529, MATCH("CLAY", C$4:C6529, 0)), "")</f>
        <v/>
      </c>
    </row>
    <row r="6530" spans="1:6" x14ac:dyDescent="0.2">
      <c r="A6530" s="239">
        <f>'CPT Data'!B6538</f>
        <v>64.855000000000004</v>
      </c>
      <c r="B6530" s="3">
        <f>'CPT Data'!C6538</f>
        <v>64.847999999999999</v>
      </c>
      <c r="C6530" t="str">
        <f>'CPT Data'!P6538</f>
        <v>SAND</v>
      </c>
      <c r="D6530" t="e">
        <f>'CPT Data'!Q6538</f>
        <v>#N/A</v>
      </c>
      <c r="E6530" t="e">
        <f t="shared" si="102"/>
        <v>#N/A</v>
      </c>
      <c r="F6530" t="str">
        <f>IF(C6530="CLAY", INDEX(D$4:D6530, MATCH("CLAY", C$4:C6530, 0)), "")</f>
        <v/>
      </c>
    </row>
    <row r="6531" spans="1:6" x14ac:dyDescent="0.2">
      <c r="A6531" s="239">
        <f>'CPT Data'!B6539</f>
        <v>64.864000000000004</v>
      </c>
      <c r="B6531" s="3">
        <f>'CPT Data'!C6539</f>
        <v>64.856999999999999</v>
      </c>
      <c r="C6531" t="str">
        <f>'CPT Data'!P6539</f>
        <v>SAND</v>
      </c>
      <c r="D6531" t="e">
        <f>'CPT Data'!Q6539</f>
        <v>#N/A</v>
      </c>
      <c r="E6531" t="e">
        <f t="shared" si="102"/>
        <v>#N/A</v>
      </c>
      <c r="F6531" t="str">
        <f>IF(C6531="CLAY", INDEX(D$4:D6531, MATCH("CLAY", C$4:C6531, 0)), "")</f>
        <v/>
      </c>
    </row>
    <row r="6532" spans="1:6" x14ac:dyDescent="0.2">
      <c r="A6532" s="239">
        <f>'CPT Data'!B6540</f>
        <v>64.875</v>
      </c>
      <c r="B6532" s="3">
        <f>'CPT Data'!C6540</f>
        <v>64.867999999999995</v>
      </c>
      <c r="C6532" t="str">
        <f>'CPT Data'!P6540</f>
        <v>SAND</v>
      </c>
      <c r="D6532" t="e">
        <f>'CPT Data'!Q6540</f>
        <v>#N/A</v>
      </c>
      <c r="E6532" t="e">
        <f t="shared" si="102"/>
        <v>#N/A</v>
      </c>
      <c r="F6532" t="str">
        <f>IF(C6532="CLAY", INDEX(D$4:D6532, MATCH("CLAY", C$4:C6532, 0)), "")</f>
        <v/>
      </c>
    </row>
    <row r="6533" spans="1:6" x14ac:dyDescent="0.2">
      <c r="A6533" s="239">
        <f>'CPT Data'!B6541</f>
        <v>64.885000000000005</v>
      </c>
      <c r="B6533" s="3">
        <f>'CPT Data'!C6541</f>
        <v>64.878</v>
      </c>
      <c r="C6533" t="str">
        <f>'CPT Data'!P6541</f>
        <v>SAND</v>
      </c>
      <c r="D6533" t="e">
        <f>'CPT Data'!Q6541</f>
        <v>#N/A</v>
      </c>
      <c r="E6533" t="e">
        <f t="shared" si="102"/>
        <v>#N/A</v>
      </c>
      <c r="F6533" t="str">
        <f>IF(C6533="CLAY", INDEX(D$4:D6533, MATCH("CLAY", C$4:C6533, 0)), "")</f>
        <v/>
      </c>
    </row>
    <row r="6534" spans="1:6" x14ac:dyDescent="0.2">
      <c r="A6534" s="239">
        <f>'CPT Data'!B6542</f>
        <v>64.894999999999996</v>
      </c>
      <c r="B6534" s="3">
        <f>'CPT Data'!C6542</f>
        <v>64.887999999999991</v>
      </c>
      <c r="C6534" t="str">
        <f>'CPT Data'!P6542</f>
        <v>SAND</v>
      </c>
      <c r="D6534" t="e">
        <f>'CPT Data'!Q6542</f>
        <v>#N/A</v>
      </c>
      <c r="E6534" t="e">
        <f t="shared" si="102"/>
        <v>#N/A</v>
      </c>
      <c r="F6534" t="str">
        <f>IF(C6534="CLAY", INDEX(D$4:D6534, MATCH("CLAY", C$4:C6534, 0)), "")</f>
        <v/>
      </c>
    </row>
    <row r="6535" spans="1:6" x14ac:dyDescent="0.2">
      <c r="A6535" s="239">
        <f>'CPT Data'!B6543</f>
        <v>64.905000000000001</v>
      </c>
      <c r="B6535" s="3">
        <f>'CPT Data'!C6543</f>
        <v>64.897999999999996</v>
      </c>
      <c r="C6535" t="str">
        <f>'CPT Data'!P6543</f>
        <v>SAND</v>
      </c>
      <c r="D6535" t="e">
        <f>'CPT Data'!Q6543</f>
        <v>#N/A</v>
      </c>
      <c r="E6535" t="e">
        <f t="shared" si="102"/>
        <v>#N/A</v>
      </c>
      <c r="F6535" t="str">
        <f>IF(C6535="CLAY", INDEX(D$4:D6535, MATCH("CLAY", C$4:C6535, 0)), "")</f>
        <v/>
      </c>
    </row>
    <row r="6536" spans="1:6" x14ac:dyDescent="0.2">
      <c r="A6536" s="239">
        <f>'CPT Data'!B6544</f>
        <v>64.915999999999997</v>
      </c>
      <c r="B6536" s="3">
        <f>'CPT Data'!C6544</f>
        <v>64.908999999999992</v>
      </c>
      <c r="C6536" t="str">
        <f>'CPT Data'!P6544</f>
        <v>SAND</v>
      </c>
      <c r="D6536" t="e">
        <f>'CPT Data'!Q6544</f>
        <v>#N/A</v>
      </c>
      <c r="E6536" t="e">
        <f t="shared" si="102"/>
        <v>#N/A</v>
      </c>
      <c r="F6536" t="str">
        <f>IF(C6536="CLAY", INDEX(D$4:D6536, MATCH("CLAY", C$4:C6536, 0)), "")</f>
        <v/>
      </c>
    </row>
    <row r="6537" spans="1:6" x14ac:dyDescent="0.2">
      <c r="A6537" s="239">
        <f>'CPT Data'!B6545</f>
        <v>64.965000000000003</v>
      </c>
      <c r="B6537" s="3">
        <f>'CPT Data'!C6545</f>
        <v>64.957999999999998</v>
      </c>
      <c r="C6537" t="str">
        <f>'CPT Data'!P6545</f>
        <v>SAND</v>
      </c>
      <c r="D6537" t="e">
        <f>'CPT Data'!Q6545</f>
        <v>#N/A</v>
      </c>
      <c r="E6537" t="e">
        <f t="shared" si="102"/>
        <v>#N/A</v>
      </c>
      <c r="F6537" t="str">
        <f>IF(C6537="CLAY", INDEX(D$4:D6537, MATCH("CLAY", C$4:C6537, 0)), "")</f>
        <v/>
      </c>
    </row>
    <row r="6538" spans="1:6" x14ac:dyDescent="0.2">
      <c r="A6538" s="239">
        <f>'CPT Data'!B6546</f>
        <v>64.975999999999999</v>
      </c>
      <c r="B6538" s="3">
        <f>'CPT Data'!C6546</f>
        <v>64.968999999999994</v>
      </c>
      <c r="C6538" t="str">
        <f>'CPT Data'!P6546</f>
        <v>SAND</v>
      </c>
      <c r="D6538" t="e">
        <f>'CPT Data'!Q6546</f>
        <v>#N/A</v>
      </c>
      <c r="E6538" t="e">
        <f t="shared" si="102"/>
        <v>#N/A</v>
      </c>
      <c r="F6538" t="str">
        <f>IF(C6538="CLAY", INDEX(D$4:D6538, MATCH("CLAY", C$4:C6538, 0)), "")</f>
        <v/>
      </c>
    </row>
    <row r="6539" spans="1:6" x14ac:dyDescent="0.2">
      <c r="A6539" s="239">
        <f>'CPT Data'!B6547</f>
        <v>64.986000000000004</v>
      </c>
      <c r="B6539" s="3">
        <f>'CPT Data'!C6547</f>
        <v>64.978999999999999</v>
      </c>
      <c r="C6539" t="str">
        <f>'CPT Data'!P6547</f>
        <v>SAND</v>
      </c>
      <c r="D6539" t="e">
        <f>'CPT Data'!Q6547</f>
        <v>#N/A</v>
      </c>
      <c r="E6539" t="e">
        <f t="shared" si="102"/>
        <v>#N/A</v>
      </c>
      <c r="F6539" t="str">
        <f>IF(C6539="CLAY", INDEX(D$4:D6539, MATCH("CLAY", C$4:C6539, 0)), "")</f>
        <v/>
      </c>
    </row>
    <row r="6540" spans="1:6" x14ac:dyDescent="0.2">
      <c r="A6540" s="239">
        <f>'CPT Data'!B6548</f>
        <v>64.997</v>
      </c>
      <c r="B6540" s="3">
        <f>'CPT Data'!C6548</f>
        <v>64.989999999999995</v>
      </c>
      <c r="C6540" t="str">
        <f>'CPT Data'!P6548</f>
        <v>SAND</v>
      </c>
      <c r="D6540" t="e">
        <f>'CPT Data'!Q6548</f>
        <v>#N/A</v>
      </c>
      <c r="E6540" t="e">
        <f t="shared" si="102"/>
        <v>#N/A</v>
      </c>
      <c r="F6540" t="str">
        <f>IF(C6540="CLAY", INDEX(D$4:D6540, MATCH("CLAY", C$4:C6540, 0)), "")</f>
        <v/>
      </c>
    </row>
    <row r="6541" spans="1:6" x14ac:dyDescent="0.2">
      <c r="A6541" s="239">
        <f>'CPT Data'!B6549</f>
        <v>65.007000000000005</v>
      </c>
      <c r="B6541" s="3">
        <f>'CPT Data'!C6549</f>
        <v>65</v>
      </c>
      <c r="C6541" t="str">
        <f>'CPT Data'!P6549</f>
        <v>SAND</v>
      </c>
      <c r="D6541" t="e">
        <f>'CPT Data'!Q6549</f>
        <v>#N/A</v>
      </c>
      <c r="E6541" t="e">
        <f t="shared" si="102"/>
        <v>#N/A</v>
      </c>
      <c r="F6541" t="str">
        <f>IF(C6541="CLAY", INDEX(D$4:D6541, MATCH("CLAY", C$4:C6541, 0)), "")</f>
        <v/>
      </c>
    </row>
    <row r="6542" spans="1:6" x14ac:dyDescent="0.2">
      <c r="A6542" s="239">
        <f>'CPT Data'!B6550</f>
        <v>65.018000000000001</v>
      </c>
      <c r="B6542" s="3">
        <f>'CPT Data'!C6550</f>
        <v>65.010999999999996</v>
      </c>
      <c r="C6542" t="str">
        <f>'CPT Data'!P6550</f>
        <v>SAND</v>
      </c>
      <c r="D6542" t="e">
        <f>'CPT Data'!Q6550</f>
        <v>#N/A</v>
      </c>
      <c r="E6542" t="e">
        <f t="shared" si="102"/>
        <v>#N/A</v>
      </c>
      <c r="F6542" t="str">
        <f>IF(C6542="CLAY", INDEX(D$4:D6542, MATCH("CLAY", C$4:C6542, 0)), "")</f>
        <v/>
      </c>
    </row>
    <row r="6543" spans="1:6" x14ac:dyDescent="0.2">
      <c r="A6543" s="239">
        <f>'CPT Data'!B6551</f>
        <v>65.028000000000006</v>
      </c>
      <c r="B6543" s="3">
        <f>'CPT Data'!C6551</f>
        <v>65.021000000000001</v>
      </c>
      <c r="C6543" t="str">
        <f>'CPT Data'!P6551</f>
        <v>SAND</v>
      </c>
      <c r="D6543" t="e">
        <f>'CPT Data'!Q6551</f>
        <v>#N/A</v>
      </c>
      <c r="E6543" t="e">
        <f t="shared" si="102"/>
        <v>#N/A</v>
      </c>
      <c r="F6543" t="str">
        <f>IF(C6543="CLAY", INDEX(D$4:D6543, MATCH("CLAY", C$4:C6543, 0)), "")</f>
        <v/>
      </c>
    </row>
    <row r="6544" spans="1:6" x14ac:dyDescent="0.2">
      <c r="A6544" s="239">
        <f>'CPT Data'!B6552</f>
        <v>65.037999999999997</v>
      </c>
      <c r="B6544" s="3">
        <f>'CPT Data'!C6552</f>
        <v>65.030999999999992</v>
      </c>
      <c r="C6544" t="str">
        <f>'CPT Data'!P6552</f>
        <v>SAND</v>
      </c>
      <c r="D6544" t="e">
        <f>'CPT Data'!Q6552</f>
        <v>#N/A</v>
      </c>
      <c r="E6544" t="e">
        <f t="shared" si="102"/>
        <v>#N/A</v>
      </c>
      <c r="F6544" t="str">
        <f>IF(C6544="CLAY", INDEX(D$4:D6544, MATCH("CLAY", C$4:C6544, 0)), "")</f>
        <v/>
      </c>
    </row>
    <row r="6545" spans="1:6" x14ac:dyDescent="0.2">
      <c r="A6545" s="239">
        <f>'CPT Data'!B6553</f>
        <v>65.048000000000002</v>
      </c>
      <c r="B6545" s="3">
        <f>'CPT Data'!C6553</f>
        <v>65.040999999999997</v>
      </c>
      <c r="C6545" t="str">
        <f>'CPT Data'!P6553</f>
        <v>SAND</v>
      </c>
      <c r="D6545" t="e">
        <f>'CPT Data'!Q6553</f>
        <v>#N/A</v>
      </c>
      <c r="E6545" t="e">
        <f t="shared" si="102"/>
        <v>#N/A</v>
      </c>
      <c r="F6545" t="str">
        <f>IF(C6545="CLAY", INDEX(D$4:D6545, MATCH("CLAY", C$4:C6545, 0)), "")</f>
        <v/>
      </c>
    </row>
    <row r="6546" spans="1:6" x14ac:dyDescent="0.2">
      <c r="A6546" s="239">
        <f>'CPT Data'!B6554</f>
        <v>65.058999999999997</v>
      </c>
      <c r="B6546" s="3">
        <f>'CPT Data'!C6554</f>
        <v>65.051999999999992</v>
      </c>
      <c r="C6546" t="str">
        <f>'CPT Data'!P6554</f>
        <v>SAND</v>
      </c>
      <c r="D6546" t="e">
        <f>'CPT Data'!Q6554</f>
        <v>#N/A</v>
      </c>
      <c r="E6546" t="e">
        <f t="shared" si="102"/>
        <v>#N/A</v>
      </c>
      <c r="F6546" t="str">
        <f>IF(C6546="CLAY", INDEX(D$4:D6546, MATCH("CLAY", C$4:C6546, 0)), "")</f>
        <v/>
      </c>
    </row>
    <row r="6547" spans="1:6" x14ac:dyDescent="0.2">
      <c r="A6547" s="239">
        <f>'CPT Data'!B6555</f>
        <v>65.069000000000003</v>
      </c>
      <c r="B6547" s="3">
        <f>'CPT Data'!C6555</f>
        <v>65.061999999999998</v>
      </c>
      <c r="C6547" t="str">
        <f>'CPT Data'!P6555</f>
        <v>SAND</v>
      </c>
      <c r="D6547" t="e">
        <f>'CPT Data'!Q6555</f>
        <v>#N/A</v>
      </c>
      <c r="E6547" t="e">
        <f t="shared" si="102"/>
        <v>#N/A</v>
      </c>
      <c r="F6547" t="str">
        <f>IF(C6547="CLAY", INDEX(D$4:D6547, MATCH("CLAY", C$4:C6547, 0)), "")</f>
        <v/>
      </c>
    </row>
    <row r="6548" spans="1:6" x14ac:dyDescent="0.2">
      <c r="A6548" s="239">
        <f>'CPT Data'!B6556</f>
        <v>65.078999999999994</v>
      </c>
      <c r="B6548" s="3">
        <f>'CPT Data'!C6556</f>
        <v>65.071999999999989</v>
      </c>
      <c r="C6548" t="str">
        <f>'CPT Data'!P6556</f>
        <v>SAND</v>
      </c>
      <c r="D6548" t="e">
        <f>'CPT Data'!Q6556</f>
        <v>#N/A</v>
      </c>
      <c r="E6548" t="e">
        <f t="shared" si="102"/>
        <v>#N/A</v>
      </c>
      <c r="F6548" t="str">
        <f>IF(C6548="CLAY", INDEX(D$4:D6548, MATCH("CLAY", C$4:C6548, 0)), "")</f>
        <v/>
      </c>
    </row>
    <row r="6549" spans="1:6" x14ac:dyDescent="0.2">
      <c r="A6549" s="239">
        <f>'CPT Data'!B6557</f>
        <v>65.09</v>
      </c>
      <c r="B6549" s="3">
        <f>'CPT Data'!C6557</f>
        <v>65.082999999999998</v>
      </c>
      <c r="C6549" t="str">
        <f>'CPT Data'!P6557</f>
        <v>SAND</v>
      </c>
      <c r="D6549" t="e">
        <f>'CPT Data'!Q6557</f>
        <v>#N/A</v>
      </c>
      <c r="E6549" t="e">
        <f t="shared" si="102"/>
        <v>#N/A</v>
      </c>
      <c r="F6549" t="str">
        <f>IF(C6549="CLAY", INDEX(D$4:D6549, MATCH("CLAY", C$4:C6549, 0)), "")</f>
        <v/>
      </c>
    </row>
    <row r="6550" spans="1:6" x14ac:dyDescent="0.2">
      <c r="A6550" s="239">
        <f>'CPT Data'!B6558</f>
        <v>65.099999999999994</v>
      </c>
      <c r="B6550" s="3">
        <f>'CPT Data'!C6558</f>
        <v>65.092999999999989</v>
      </c>
      <c r="C6550" t="str">
        <f>'CPT Data'!P6558</f>
        <v>SAND</v>
      </c>
      <c r="D6550" t="e">
        <f>'CPT Data'!Q6558</f>
        <v>#N/A</v>
      </c>
      <c r="E6550" t="e">
        <f t="shared" si="102"/>
        <v>#N/A</v>
      </c>
      <c r="F6550" t="str">
        <f>IF(C6550="CLAY", INDEX(D$4:D6550, MATCH("CLAY", C$4:C6550, 0)), "")</f>
        <v/>
      </c>
    </row>
    <row r="6551" spans="1:6" x14ac:dyDescent="0.2">
      <c r="A6551" s="239">
        <f>'CPT Data'!B6559</f>
        <v>65.108999999999995</v>
      </c>
      <c r="B6551" s="3">
        <f>'CPT Data'!C6559</f>
        <v>65.10199999999999</v>
      </c>
      <c r="C6551" t="str">
        <f>'CPT Data'!P6559</f>
        <v>SAND</v>
      </c>
      <c r="D6551" t="e">
        <f>'CPT Data'!Q6559</f>
        <v>#N/A</v>
      </c>
      <c r="E6551" t="e">
        <f t="shared" si="102"/>
        <v>#N/A</v>
      </c>
      <c r="F6551" t="str">
        <f>IF(C6551="CLAY", INDEX(D$4:D6551, MATCH("CLAY", C$4:C6551, 0)), "")</f>
        <v/>
      </c>
    </row>
    <row r="6552" spans="1:6" x14ac:dyDescent="0.2">
      <c r="A6552" s="239">
        <f>'CPT Data'!B6560</f>
        <v>65.120999999999995</v>
      </c>
      <c r="B6552" s="3">
        <f>'CPT Data'!C6560</f>
        <v>65.11399999999999</v>
      </c>
      <c r="C6552" t="str">
        <f>'CPT Data'!P6560</f>
        <v>SAND</v>
      </c>
      <c r="D6552" t="e">
        <f>'CPT Data'!Q6560</f>
        <v>#N/A</v>
      </c>
      <c r="E6552" t="e">
        <f t="shared" si="102"/>
        <v>#N/A</v>
      </c>
      <c r="F6552" t="str">
        <f>IF(C6552="CLAY", INDEX(D$4:D6552, MATCH("CLAY", C$4:C6552, 0)), "")</f>
        <v/>
      </c>
    </row>
    <row r="6553" spans="1:6" x14ac:dyDescent="0.2">
      <c r="A6553" s="239">
        <f>'CPT Data'!B6561</f>
        <v>65.13</v>
      </c>
      <c r="B6553" s="3">
        <f>'CPT Data'!C6561</f>
        <v>65.12299999999999</v>
      </c>
      <c r="C6553" t="str">
        <f>'CPT Data'!P6561</f>
        <v>SAND</v>
      </c>
      <c r="D6553" t="e">
        <f>'CPT Data'!Q6561</f>
        <v>#N/A</v>
      </c>
      <c r="E6553" t="e">
        <f t="shared" si="102"/>
        <v>#N/A</v>
      </c>
      <c r="F6553" t="str">
        <f>IF(C6553="CLAY", INDEX(D$4:D6553, MATCH("CLAY", C$4:C6553, 0)), "")</f>
        <v/>
      </c>
    </row>
    <row r="6554" spans="1:6" x14ac:dyDescent="0.2">
      <c r="A6554" s="239">
        <f>'CPT Data'!B6562</f>
        <v>65.141000000000005</v>
      </c>
      <c r="B6554" s="3">
        <f>'CPT Data'!C6562</f>
        <v>65.134</v>
      </c>
      <c r="C6554" t="str">
        <f>'CPT Data'!P6562</f>
        <v>SAND</v>
      </c>
      <c r="D6554" t="e">
        <f>'CPT Data'!Q6562</f>
        <v>#N/A</v>
      </c>
      <c r="E6554" t="e">
        <f t="shared" si="102"/>
        <v>#N/A</v>
      </c>
      <c r="F6554" t="str">
        <f>IF(C6554="CLAY", INDEX(D$4:D6554, MATCH("CLAY", C$4:C6554, 0)), "")</f>
        <v/>
      </c>
    </row>
    <row r="6555" spans="1:6" x14ac:dyDescent="0.2">
      <c r="A6555" s="239">
        <f>'CPT Data'!B6563</f>
        <v>65.150000000000006</v>
      </c>
      <c r="B6555" s="3">
        <f>'CPT Data'!C6563</f>
        <v>65.143000000000001</v>
      </c>
      <c r="C6555" t="str">
        <f>'CPT Data'!P6563</f>
        <v>SAND</v>
      </c>
      <c r="D6555" t="e">
        <f>'CPT Data'!Q6563</f>
        <v>#N/A</v>
      </c>
      <c r="E6555" t="e">
        <f t="shared" ref="E6555:E6618" si="103">IF(C6555="SAND",#N/A,IF(C6555=C6554,D6554,IF(C6555="CLAY",D6555,#N/A)))</f>
        <v>#N/A</v>
      </c>
      <c r="F6555" t="str">
        <f>IF(C6555="CLAY", INDEX(D$4:D6555, MATCH("CLAY", C$4:C6555, 0)), "")</f>
        <v/>
      </c>
    </row>
    <row r="6556" spans="1:6" x14ac:dyDescent="0.2">
      <c r="A6556" s="239">
        <f>'CPT Data'!B6564</f>
        <v>65.16</v>
      </c>
      <c r="B6556" s="3">
        <f>'CPT Data'!C6564</f>
        <v>65.152999999999992</v>
      </c>
      <c r="C6556" t="str">
        <f>'CPT Data'!P6564</f>
        <v>SAND</v>
      </c>
      <c r="D6556" t="e">
        <f>'CPT Data'!Q6564</f>
        <v>#N/A</v>
      </c>
      <c r="E6556" t="e">
        <f t="shared" si="103"/>
        <v>#N/A</v>
      </c>
      <c r="F6556" t="str">
        <f>IF(C6556="CLAY", INDEX(D$4:D6556, MATCH("CLAY", C$4:C6556, 0)), "")</f>
        <v/>
      </c>
    </row>
    <row r="6557" spans="1:6" x14ac:dyDescent="0.2">
      <c r="A6557" s="239">
        <f>'CPT Data'!B6565</f>
        <v>65.171000000000006</v>
      </c>
      <c r="B6557" s="3">
        <f>'CPT Data'!C6565</f>
        <v>65.164000000000001</v>
      </c>
      <c r="C6557" t="str">
        <f>'CPT Data'!P6565</f>
        <v>SAND</v>
      </c>
      <c r="D6557" t="e">
        <f>'CPT Data'!Q6565</f>
        <v>#N/A</v>
      </c>
      <c r="E6557" t="e">
        <f t="shared" si="103"/>
        <v>#N/A</v>
      </c>
      <c r="F6557" t="str">
        <f>IF(C6557="CLAY", INDEX(D$4:D6557, MATCH("CLAY", C$4:C6557, 0)), "")</f>
        <v/>
      </c>
    </row>
    <row r="6558" spans="1:6" x14ac:dyDescent="0.2">
      <c r="A6558" s="239">
        <f>'CPT Data'!B6566</f>
        <v>65.180999999999997</v>
      </c>
      <c r="B6558" s="3">
        <f>'CPT Data'!C6566</f>
        <v>65.173999999999992</v>
      </c>
      <c r="C6558" t="str">
        <f>'CPT Data'!P6566</f>
        <v>SAND</v>
      </c>
      <c r="D6558" t="e">
        <f>'CPT Data'!Q6566</f>
        <v>#N/A</v>
      </c>
      <c r="E6558" t="e">
        <f t="shared" si="103"/>
        <v>#N/A</v>
      </c>
      <c r="F6558" t="str">
        <f>IF(C6558="CLAY", INDEX(D$4:D6558, MATCH("CLAY", C$4:C6558, 0)), "")</f>
        <v/>
      </c>
    </row>
    <row r="6559" spans="1:6" x14ac:dyDescent="0.2">
      <c r="A6559" s="239">
        <f>'CPT Data'!B6567</f>
        <v>65.191999999999993</v>
      </c>
      <c r="B6559" s="3">
        <f>'CPT Data'!C6567</f>
        <v>65.184999999999988</v>
      </c>
      <c r="C6559" t="str">
        <f>'CPT Data'!P6567</f>
        <v>SAND</v>
      </c>
      <c r="D6559" t="e">
        <f>'CPT Data'!Q6567</f>
        <v>#N/A</v>
      </c>
      <c r="E6559" t="e">
        <f t="shared" si="103"/>
        <v>#N/A</v>
      </c>
      <c r="F6559" t="str">
        <f>IF(C6559="CLAY", INDEX(D$4:D6559, MATCH("CLAY", C$4:C6559, 0)), "")</f>
        <v/>
      </c>
    </row>
    <row r="6560" spans="1:6" x14ac:dyDescent="0.2">
      <c r="A6560" s="239">
        <f>'CPT Data'!B6568</f>
        <v>65.200999999999993</v>
      </c>
      <c r="B6560" s="3">
        <f>'CPT Data'!C6568</f>
        <v>65.193999999999988</v>
      </c>
      <c r="C6560" t="str">
        <f>'CPT Data'!P6568</f>
        <v>SAND</v>
      </c>
      <c r="D6560" t="e">
        <f>'CPT Data'!Q6568</f>
        <v>#N/A</v>
      </c>
      <c r="E6560" t="e">
        <f t="shared" si="103"/>
        <v>#N/A</v>
      </c>
      <c r="F6560" t="str">
        <f>IF(C6560="CLAY", INDEX(D$4:D6560, MATCH("CLAY", C$4:C6560, 0)), "")</f>
        <v/>
      </c>
    </row>
    <row r="6561" spans="1:6" x14ac:dyDescent="0.2">
      <c r="A6561" s="239">
        <f>'CPT Data'!B6569</f>
        <v>65.210999999999999</v>
      </c>
      <c r="B6561" s="3">
        <f>'CPT Data'!C6569</f>
        <v>65.203999999999994</v>
      </c>
      <c r="C6561" t="str">
        <f>'CPT Data'!P6569</f>
        <v>SAND</v>
      </c>
      <c r="D6561" t="e">
        <f>'CPT Data'!Q6569</f>
        <v>#N/A</v>
      </c>
      <c r="E6561" t="e">
        <f t="shared" si="103"/>
        <v>#N/A</v>
      </c>
      <c r="F6561" t="str">
        <f>IF(C6561="CLAY", INDEX(D$4:D6561, MATCH("CLAY", C$4:C6561, 0)), "")</f>
        <v/>
      </c>
    </row>
    <row r="6562" spans="1:6" x14ac:dyDescent="0.2">
      <c r="A6562" s="239">
        <f>'CPT Data'!B6570</f>
        <v>65.221000000000004</v>
      </c>
      <c r="B6562" s="3">
        <f>'CPT Data'!C6570</f>
        <v>65.213999999999999</v>
      </c>
      <c r="C6562" t="str">
        <f>'CPT Data'!P6570</f>
        <v>SAND</v>
      </c>
      <c r="D6562" t="e">
        <f>'CPT Data'!Q6570</f>
        <v>#N/A</v>
      </c>
      <c r="E6562" t="e">
        <f t="shared" si="103"/>
        <v>#N/A</v>
      </c>
      <c r="F6562" t="str">
        <f>IF(C6562="CLAY", INDEX(D$4:D6562, MATCH("CLAY", C$4:C6562, 0)), "")</f>
        <v/>
      </c>
    </row>
    <row r="6563" spans="1:6" x14ac:dyDescent="0.2">
      <c r="A6563" s="239">
        <f>'CPT Data'!B6571</f>
        <v>65.231999999999999</v>
      </c>
      <c r="B6563" s="3">
        <f>'CPT Data'!C6571</f>
        <v>65.224999999999994</v>
      </c>
      <c r="C6563" t="str">
        <f>'CPT Data'!P6571</f>
        <v>SAND</v>
      </c>
      <c r="D6563" t="e">
        <f>'CPT Data'!Q6571</f>
        <v>#N/A</v>
      </c>
      <c r="E6563" t="e">
        <f t="shared" si="103"/>
        <v>#N/A</v>
      </c>
      <c r="F6563" t="str">
        <f>IF(C6563="CLAY", INDEX(D$4:D6563, MATCH("CLAY", C$4:C6563, 0)), "")</f>
        <v/>
      </c>
    </row>
    <row r="6564" spans="1:6" x14ac:dyDescent="0.2">
      <c r="A6564" s="239">
        <f>'CPT Data'!B6572</f>
        <v>65.241</v>
      </c>
      <c r="B6564" s="3">
        <f>'CPT Data'!C6572</f>
        <v>65.233999999999995</v>
      </c>
      <c r="C6564" t="str">
        <f>'CPT Data'!P6572</f>
        <v>SAND</v>
      </c>
      <c r="D6564" t="e">
        <f>'CPT Data'!Q6572</f>
        <v>#N/A</v>
      </c>
      <c r="E6564" t="e">
        <f t="shared" si="103"/>
        <v>#N/A</v>
      </c>
      <c r="F6564" t="str">
        <f>IF(C6564="CLAY", INDEX(D$4:D6564, MATCH("CLAY", C$4:C6564, 0)), "")</f>
        <v/>
      </c>
    </row>
    <row r="6565" spans="1:6" x14ac:dyDescent="0.2">
      <c r="A6565" s="239">
        <f>'CPT Data'!B6573</f>
        <v>65.25</v>
      </c>
      <c r="B6565" s="3">
        <f>'CPT Data'!C6573</f>
        <v>65.242999999999995</v>
      </c>
      <c r="C6565" t="str">
        <f>'CPT Data'!P6573</f>
        <v>SAND</v>
      </c>
      <c r="D6565" t="e">
        <f>'CPT Data'!Q6573</f>
        <v>#N/A</v>
      </c>
      <c r="E6565" t="e">
        <f t="shared" si="103"/>
        <v>#N/A</v>
      </c>
      <c r="F6565" t="str">
        <f>IF(C6565="CLAY", INDEX(D$4:D6565, MATCH("CLAY", C$4:C6565, 0)), "")</f>
        <v/>
      </c>
    </row>
    <row r="6566" spans="1:6" x14ac:dyDescent="0.2">
      <c r="A6566" s="239">
        <f>'CPT Data'!B6574</f>
        <v>65.260999999999996</v>
      </c>
      <c r="B6566" s="3">
        <f>'CPT Data'!C6574</f>
        <v>65.253999999999991</v>
      </c>
      <c r="C6566" t="str">
        <f>'CPT Data'!P6574</f>
        <v>SAND</v>
      </c>
      <c r="D6566" t="e">
        <f>'CPT Data'!Q6574</f>
        <v>#N/A</v>
      </c>
      <c r="E6566" t="e">
        <f t="shared" si="103"/>
        <v>#N/A</v>
      </c>
      <c r="F6566" t="str">
        <f>IF(C6566="CLAY", INDEX(D$4:D6566, MATCH("CLAY", C$4:C6566, 0)), "")</f>
        <v/>
      </c>
    </row>
    <row r="6567" spans="1:6" x14ac:dyDescent="0.2">
      <c r="A6567" s="239">
        <f>'CPT Data'!B6575</f>
        <v>65.271000000000001</v>
      </c>
      <c r="B6567" s="3">
        <f>'CPT Data'!C6575</f>
        <v>65.263999999999996</v>
      </c>
      <c r="C6567" t="str">
        <f>'CPT Data'!P6575</f>
        <v>SAND</v>
      </c>
      <c r="D6567" t="e">
        <f>'CPT Data'!Q6575</f>
        <v>#N/A</v>
      </c>
      <c r="E6567" t="e">
        <f t="shared" si="103"/>
        <v>#N/A</v>
      </c>
      <c r="F6567" t="str">
        <f>IF(C6567="CLAY", INDEX(D$4:D6567, MATCH("CLAY", C$4:C6567, 0)), "")</f>
        <v/>
      </c>
    </row>
    <row r="6568" spans="1:6" x14ac:dyDescent="0.2">
      <c r="A6568" s="239">
        <f>'CPT Data'!B6576</f>
        <v>65.281000000000006</v>
      </c>
      <c r="B6568" s="3">
        <f>'CPT Data'!C6576</f>
        <v>65.274000000000001</v>
      </c>
      <c r="C6568" t="str">
        <f>'CPT Data'!P6576</f>
        <v>SAND</v>
      </c>
      <c r="D6568" t="e">
        <f>'CPT Data'!Q6576</f>
        <v>#N/A</v>
      </c>
      <c r="E6568" t="e">
        <f t="shared" si="103"/>
        <v>#N/A</v>
      </c>
      <c r="F6568" t="str">
        <f>IF(C6568="CLAY", INDEX(D$4:D6568, MATCH("CLAY", C$4:C6568, 0)), "")</f>
        <v/>
      </c>
    </row>
    <row r="6569" spans="1:6" x14ac:dyDescent="0.2">
      <c r="A6569" s="239">
        <f>'CPT Data'!B6577</f>
        <v>65.290999999999997</v>
      </c>
      <c r="B6569" s="3">
        <f>'CPT Data'!C6577</f>
        <v>65.283999999999992</v>
      </c>
      <c r="C6569" t="str">
        <f>'CPT Data'!P6577</f>
        <v>SAND</v>
      </c>
      <c r="D6569" t="e">
        <f>'CPT Data'!Q6577</f>
        <v>#N/A</v>
      </c>
      <c r="E6569" t="e">
        <f t="shared" si="103"/>
        <v>#N/A</v>
      </c>
      <c r="F6569" t="str">
        <f>IF(C6569="CLAY", INDEX(D$4:D6569, MATCH("CLAY", C$4:C6569, 0)), "")</f>
        <v/>
      </c>
    </row>
    <row r="6570" spans="1:6" x14ac:dyDescent="0.2">
      <c r="A6570" s="239">
        <f>'CPT Data'!B6578</f>
        <v>65.302000000000007</v>
      </c>
      <c r="B6570" s="3">
        <f>'CPT Data'!C6578</f>
        <v>65.295000000000002</v>
      </c>
      <c r="C6570" t="str">
        <f>'CPT Data'!P6578</f>
        <v>SAND</v>
      </c>
      <c r="D6570" t="e">
        <f>'CPT Data'!Q6578</f>
        <v>#N/A</v>
      </c>
      <c r="E6570" t="e">
        <f t="shared" si="103"/>
        <v>#N/A</v>
      </c>
      <c r="F6570" t="str">
        <f>IF(C6570="CLAY", INDEX(D$4:D6570, MATCH("CLAY", C$4:C6570, 0)), "")</f>
        <v/>
      </c>
    </row>
    <row r="6571" spans="1:6" x14ac:dyDescent="0.2">
      <c r="A6571" s="239">
        <f>'CPT Data'!B6579</f>
        <v>65.311999999999998</v>
      </c>
      <c r="B6571" s="3">
        <f>'CPT Data'!C6579</f>
        <v>65.304999999999993</v>
      </c>
      <c r="C6571" t="str">
        <f>'CPT Data'!P6579</f>
        <v>SAND</v>
      </c>
      <c r="D6571" t="e">
        <f>'CPT Data'!Q6579</f>
        <v>#N/A</v>
      </c>
      <c r="E6571" t="e">
        <f t="shared" si="103"/>
        <v>#N/A</v>
      </c>
      <c r="F6571" t="str">
        <f>IF(C6571="CLAY", INDEX(D$4:D6571, MATCH("CLAY", C$4:C6571, 0)), "")</f>
        <v/>
      </c>
    </row>
    <row r="6572" spans="1:6" x14ac:dyDescent="0.2">
      <c r="A6572" s="239">
        <f>'CPT Data'!B6580</f>
        <v>65.322000000000003</v>
      </c>
      <c r="B6572" s="3">
        <f>'CPT Data'!C6580</f>
        <v>65.314999999999998</v>
      </c>
      <c r="C6572" t="str">
        <f>'CPT Data'!P6580</f>
        <v>SAND</v>
      </c>
      <c r="D6572" t="e">
        <f>'CPT Data'!Q6580</f>
        <v>#N/A</v>
      </c>
      <c r="E6572" t="e">
        <f t="shared" si="103"/>
        <v>#N/A</v>
      </c>
      <c r="F6572" t="str">
        <f>IF(C6572="CLAY", INDEX(D$4:D6572, MATCH("CLAY", C$4:C6572, 0)), "")</f>
        <v/>
      </c>
    </row>
    <row r="6573" spans="1:6" x14ac:dyDescent="0.2">
      <c r="A6573" s="239">
        <f>'CPT Data'!B6581</f>
        <v>65.332999999999998</v>
      </c>
      <c r="B6573" s="3">
        <f>'CPT Data'!C6581</f>
        <v>65.325999999999993</v>
      </c>
      <c r="C6573" t="str">
        <f>'CPT Data'!P6581</f>
        <v>SAND</v>
      </c>
      <c r="D6573" t="e">
        <f>'CPT Data'!Q6581</f>
        <v>#N/A</v>
      </c>
      <c r="E6573" t="e">
        <f t="shared" si="103"/>
        <v>#N/A</v>
      </c>
      <c r="F6573" t="str">
        <f>IF(C6573="CLAY", INDEX(D$4:D6573, MATCH("CLAY", C$4:C6573, 0)), "")</f>
        <v/>
      </c>
    </row>
    <row r="6574" spans="1:6" x14ac:dyDescent="0.2">
      <c r="A6574" s="239">
        <f>'CPT Data'!B6582</f>
        <v>65.343000000000004</v>
      </c>
      <c r="B6574" s="3">
        <f>'CPT Data'!C6582</f>
        <v>65.335999999999999</v>
      </c>
      <c r="C6574" t="str">
        <f>'CPT Data'!P6582</f>
        <v>SAND</v>
      </c>
      <c r="D6574" t="e">
        <f>'CPT Data'!Q6582</f>
        <v>#N/A</v>
      </c>
      <c r="E6574" t="e">
        <f t="shared" si="103"/>
        <v>#N/A</v>
      </c>
      <c r="F6574" t="str">
        <f>IF(C6574="CLAY", INDEX(D$4:D6574, MATCH("CLAY", C$4:C6574, 0)), "")</f>
        <v/>
      </c>
    </row>
    <row r="6575" spans="1:6" x14ac:dyDescent="0.2">
      <c r="A6575" s="239">
        <f>'CPT Data'!B6583</f>
        <v>65.400999999999996</v>
      </c>
      <c r="B6575" s="3">
        <f>'CPT Data'!C6583</f>
        <v>65.393999999999991</v>
      </c>
      <c r="C6575" t="str">
        <f>'CPT Data'!P6583</f>
        <v>SAND</v>
      </c>
      <c r="D6575" t="e">
        <f>'CPT Data'!Q6583</f>
        <v>#N/A</v>
      </c>
      <c r="E6575" t="e">
        <f t="shared" si="103"/>
        <v>#N/A</v>
      </c>
      <c r="F6575" t="str">
        <f>IF(C6575="CLAY", INDEX(D$4:D6575, MATCH("CLAY", C$4:C6575, 0)), "")</f>
        <v/>
      </c>
    </row>
    <row r="6576" spans="1:6" x14ac:dyDescent="0.2">
      <c r="A6576" s="239">
        <f>'CPT Data'!B6584</f>
        <v>65.411000000000001</v>
      </c>
      <c r="B6576" s="3">
        <f>'CPT Data'!C6584</f>
        <v>65.403999999999996</v>
      </c>
      <c r="C6576" t="str">
        <f>'CPT Data'!P6584</f>
        <v>SAND</v>
      </c>
      <c r="D6576" t="e">
        <f>'CPT Data'!Q6584</f>
        <v>#N/A</v>
      </c>
      <c r="E6576" t="e">
        <f t="shared" si="103"/>
        <v>#N/A</v>
      </c>
      <c r="F6576" t="str">
        <f>IF(C6576="CLAY", INDEX(D$4:D6576, MATCH("CLAY", C$4:C6576, 0)), "")</f>
        <v/>
      </c>
    </row>
    <row r="6577" spans="1:6" x14ac:dyDescent="0.2">
      <c r="A6577" s="239">
        <f>'CPT Data'!B6585</f>
        <v>65.421000000000006</v>
      </c>
      <c r="B6577" s="3">
        <f>'CPT Data'!C6585</f>
        <v>65.414000000000001</v>
      </c>
      <c r="C6577" t="str">
        <f>'CPT Data'!P6585</f>
        <v>SAND</v>
      </c>
      <c r="D6577" t="e">
        <f>'CPT Data'!Q6585</f>
        <v>#N/A</v>
      </c>
      <c r="E6577" t="e">
        <f t="shared" si="103"/>
        <v>#N/A</v>
      </c>
      <c r="F6577" t="str">
        <f>IF(C6577="CLAY", INDEX(D$4:D6577, MATCH("CLAY", C$4:C6577, 0)), "")</f>
        <v/>
      </c>
    </row>
    <row r="6578" spans="1:6" x14ac:dyDescent="0.2">
      <c r="A6578" s="239">
        <f>'CPT Data'!B6586</f>
        <v>65.430999999999997</v>
      </c>
      <c r="B6578" s="3">
        <f>'CPT Data'!C6586</f>
        <v>65.423999999999992</v>
      </c>
      <c r="C6578" t="str">
        <f>'CPT Data'!P6586</f>
        <v>SAND</v>
      </c>
      <c r="D6578" t="e">
        <f>'CPT Data'!Q6586</f>
        <v>#N/A</v>
      </c>
      <c r="E6578" t="e">
        <f t="shared" si="103"/>
        <v>#N/A</v>
      </c>
      <c r="F6578" t="str">
        <f>IF(C6578="CLAY", INDEX(D$4:D6578, MATCH("CLAY", C$4:C6578, 0)), "")</f>
        <v/>
      </c>
    </row>
    <row r="6579" spans="1:6" x14ac:dyDescent="0.2">
      <c r="A6579" s="239">
        <f>'CPT Data'!B6587</f>
        <v>65.441000000000003</v>
      </c>
      <c r="B6579" s="3">
        <f>'CPT Data'!C6587</f>
        <v>65.433999999999997</v>
      </c>
      <c r="C6579" t="str">
        <f>'CPT Data'!P6587</f>
        <v>SAND</v>
      </c>
      <c r="D6579" t="e">
        <f>'CPT Data'!Q6587</f>
        <v>#N/A</v>
      </c>
      <c r="E6579" t="e">
        <f t="shared" si="103"/>
        <v>#N/A</v>
      </c>
      <c r="F6579" t="str">
        <f>IF(C6579="CLAY", INDEX(D$4:D6579, MATCH("CLAY", C$4:C6579, 0)), "")</f>
        <v/>
      </c>
    </row>
    <row r="6580" spans="1:6" x14ac:dyDescent="0.2">
      <c r="A6580" s="239">
        <f>'CPT Data'!B6588</f>
        <v>65.451999999999998</v>
      </c>
      <c r="B6580" s="3">
        <f>'CPT Data'!C6588</f>
        <v>65.444999999999993</v>
      </c>
      <c r="C6580" t="str">
        <f>'CPT Data'!P6588</f>
        <v>SAND</v>
      </c>
      <c r="D6580" t="e">
        <f>'CPT Data'!Q6588</f>
        <v>#N/A</v>
      </c>
      <c r="E6580" t="e">
        <f t="shared" si="103"/>
        <v>#N/A</v>
      </c>
      <c r="F6580" t="str">
        <f>IF(C6580="CLAY", INDEX(D$4:D6580, MATCH("CLAY", C$4:C6580, 0)), "")</f>
        <v/>
      </c>
    </row>
    <row r="6581" spans="1:6" x14ac:dyDescent="0.2">
      <c r="A6581" s="239">
        <f>'CPT Data'!B6589</f>
        <v>65.462000000000003</v>
      </c>
      <c r="B6581" s="3">
        <f>'CPT Data'!C6589</f>
        <v>65.454999999999998</v>
      </c>
      <c r="C6581" t="str">
        <f>'CPT Data'!P6589</f>
        <v>SAND</v>
      </c>
      <c r="D6581" t="e">
        <f>'CPT Data'!Q6589</f>
        <v>#N/A</v>
      </c>
      <c r="E6581" t="e">
        <f t="shared" si="103"/>
        <v>#N/A</v>
      </c>
      <c r="F6581" t="str">
        <f>IF(C6581="CLAY", INDEX(D$4:D6581, MATCH("CLAY", C$4:C6581, 0)), "")</f>
        <v/>
      </c>
    </row>
    <row r="6582" spans="1:6" x14ac:dyDescent="0.2">
      <c r="A6582" s="239">
        <f>'CPT Data'!B6590</f>
        <v>65.471999999999994</v>
      </c>
      <c r="B6582" s="3">
        <f>'CPT Data'!C6590</f>
        <v>65.464999999999989</v>
      </c>
      <c r="C6582" t="str">
        <f>'CPT Data'!P6590</f>
        <v>SAND</v>
      </c>
      <c r="D6582" t="e">
        <f>'CPT Data'!Q6590</f>
        <v>#N/A</v>
      </c>
      <c r="E6582" t="e">
        <f t="shared" si="103"/>
        <v>#N/A</v>
      </c>
      <c r="F6582" t="str">
        <f>IF(C6582="CLAY", INDEX(D$4:D6582, MATCH("CLAY", C$4:C6582, 0)), "")</f>
        <v/>
      </c>
    </row>
    <row r="6583" spans="1:6" x14ac:dyDescent="0.2">
      <c r="A6583" s="239">
        <f>'CPT Data'!B6591</f>
        <v>65.483000000000004</v>
      </c>
      <c r="B6583" s="3">
        <f>'CPT Data'!C6591</f>
        <v>65.475999999999999</v>
      </c>
      <c r="C6583" t="str">
        <f>'CPT Data'!P6591</f>
        <v>SAND</v>
      </c>
      <c r="D6583" t="e">
        <f>'CPT Data'!Q6591</f>
        <v>#N/A</v>
      </c>
      <c r="E6583" t="e">
        <f t="shared" si="103"/>
        <v>#N/A</v>
      </c>
      <c r="F6583" t="str">
        <f>IF(C6583="CLAY", INDEX(D$4:D6583, MATCH("CLAY", C$4:C6583, 0)), "")</f>
        <v/>
      </c>
    </row>
    <row r="6584" spans="1:6" x14ac:dyDescent="0.2">
      <c r="A6584" s="239">
        <f>'CPT Data'!B6592</f>
        <v>65.492999999999995</v>
      </c>
      <c r="B6584" s="3">
        <f>'CPT Data'!C6592</f>
        <v>65.48599999999999</v>
      </c>
      <c r="C6584" t="str">
        <f>'CPT Data'!P6592</f>
        <v>SAND</v>
      </c>
      <c r="D6584" t="e">
        <f>'CPT Data'!Q6592</f>
        <v>#N/A</v>
      </c>
      <c r="E6584" t="e">
        <f t="shared" si="103"/>
        <v>#N/A</v>
      </c>
      <c r="F6584" t="str">
        <f>IF(C6584="CLAY", INDEX(D$4:D6584, MATCH("CLAY", C$4:C6584, 0)), "")</f>
        <v/>
      </c>
    </row>
    <row r="6585" spans="1:6" x14ac:dyDescent="0.2">
      <c r="A6585" s="239">
        <f>'CPT Data'!B6593</f>
        <v>65.504000000000005</v>
      </c>
      <c r="B6585" s="3">
        <f>'CPT Data'!C6593</f>
        <v>65.497</v>
      </c>
      <c r="C6585" t="str">
        <f>'CPT Data'!P6593</f>
        <v>SAND</v>
      </c>
      <c r="D6585" t="e">
        <f>'CPT Data'!Q6593</f>
        <v>#N/A</v>
      </c>
      <c r="E6585" t="e">
        <f t="shared" si="103"/>
        <v>#N/A</v>
      </c>
      <c r="F6585" t="str">
        <f>IF(C6585="CLAY", INDEX(D$4:D6585, MATCH("CLAY", C$4:C6585, 0)), "")</f>
        <v/>
      </c>
    </row>
    <row r="6586" spans="1:6" x14ac:dyDescent="0.2">
      <c r="A6586" s="239">
        <f>'CPT Data'!B6594</f>
        <v>65.513999999999996</v>
      </c>
      <c r="B6586" s="3">
        <f>'CPT Data'!C6594</f>
        <v>65.506999999999991</v>
      </c>
      <c r="C6586" t="str">
        <f>'CPT Data'!P6594</f>
        <v>SAND</v>
      </c>
      <c r="D6586" t="e">
        <f>'CPT Data'!Q6594</f>
        <v>#N/A</v>
      </c>
      <c r="E6586" t="e">
        <f t="shared" si="103"/>
        <v>#N/A</v>
      </c>
      <c r="F6586" t="str">
        <f>IF(C6586="CLAY", INDEX(D$4:D6586, MATCH("CLAY", C$4:C6586, 0)), "")</f>
        <v/>
      </c>
    </row>
    <row r="6587" spans="1:6" x14ac:dyDescent="0.2">
      <c r="A6587" s="239">
        <f>'CPT Data'!B6595</f>
        <v>65.524000000000001</v>
      </c>
      <c r="B6587" s="3">
        <f>'CPT Data'!C6595</f>
        <v>65.516999999999996</v>
      </c>
      <c r="C6587" t="str">
        <f>'CPT Data'!P6595</f>
        <v>SAND</v>
      </c>
      <c r="D6587" t="e">
        <f>'CPT Data'!Q6595</f>
        <v>#N/A</v>
      </c>
      <c r="E6587" t="e">
        <f t="shared" si="103"/>
        <v>#N/A</v>
      </c>
      <c r="F6587" t="str">
        <f>IF(C6587="CLAY", INDEX(D$4:D6587, MATCH("CLAY", C$4:C6587, 0)), "")</f>
        <v/>
      </c>
    </row>
    <row r="6588" spans="1:6" x14ac:dyDescent="0.2">
      <c r="A6588" s="239">
        <f>'CPT Data'!B6596</f>
        <v>65.534000000000006</v>
      </c>
      <c r="B6588" s="3">
        <f>'CPT Data'!C6596</f>
        <v>65.527000000000001</v>
      </c>
      <c r="C6588" t="str">
        <f>'CPT Data'!P6596</f>
        <v>SAND</v>
      </c>
      <c r="D6588" t="e">
        <f>'CPT Data'!Q6596</f>
        <v>#N/A</v>
      </c>
      <c r="E6588" t="e">
        <f t="shared" si="103"/>
        <v>#N/A</v>
      </c>
      <c r="F6588" t="str">
        <f>IF(C6588="CLAY", INDEX(D$4:D6588, MATCH("CLAY", C$4:C6588, 0)), "")</f>
        <v/>
      </c>
    </row>
    <row r="6589" spans="1:6" x14ac:dyDescent="0.2">
      <c r="A6589" s="239">
        <f>'CPT Data'!B6597</f>
        <v>65.545000000000002</v>
      </c>
      <c r="B6589" s="3">
        <f>'CPT Data'!C6597</f>
        <v>65.537999999999997</v>
      </c>
      <c r="C6589" t="str">
        <f>'CPT Data'!P6597</f>
        <v>SAND</v>
      </c>
      <c r="D6589" t="e">
        <f>'CPT Data'!Q6597</f>
        <v>#N/A</v>
      </c>
      <c r="E6589" t="e">
        <f t="shared" si="103"/>
        <v>#N/A</v>
      </c>
      <c r="F6589" t="str">
        <f>IF(C6589="CLAY", INDEX(D$4:D6589, MATCH("CLAY", C$4:C6589, 0)), "")</f>
        <v/>
      </c>
    </row>
    <row r="6590" spans="1:6" x14ac:dyDescent="0.2">
      <c r="A6590" s="239">
        <f>'CPT Data'!B6598</f>
        <v>65.555000000000007</v>
      </c>
      <c r="B6590" s="3">
        <f>'CPT Data'!C6598</f>
        <v>65.548000000000002</v>
      </c>
      <c r="C6590" t="str">
        <f>'CPT Data'!P6598</f>
        <v>SAND</v>
      </c>
      <c r="D6590" t="e">
        <f>'CPT Data'!Q6598</f>
        <v>#N/A</v>
      </c>
      <c r="E6590" t="e">
        <f t="shared" si="103"/>
        <v>#N/A</v>
      </c>
      <c r="F6590" t="str">
        <f>IF(C6590="CLAY", INDEX(D$4:D6590, MATCH("CLAY", C$4:C6590, 0)), "")</f>
        <v/>
      </c>
    </row>
    <row r="6591" spans="1:6" x14ac:dyDescent="0.2">
      <c r="A6591" s="239">
        <f>'CPT Data'!B6599</f>
        <v>65.564999999999998</v>
      </c>
      <c r="B6591" s="3">
        <f>'CPT Data'!C6599</f>
        <v>65.557999999999993</v>
      </c>
      <c r="C6591" t="str">
        <f>'CPT Data'!P6599</f>
        <v>SAND</v>
      </c>
      <c r="D6591" t="e">
        <f>'CPT Data'!Q6599</f>
        <v>#N/A</v>
      </c>
      <c r="E6591" t="e">
        <f t="shared" si="103"/>
        <v>#N/A</v>
      </c>
      <c r="F6591" t="str">
        <f>IF(C6591="CLAY", INDEX(D$4:D6591, MATCH("CLAY", C$4:C6591, 0)), "")</f>
        <v/>
      </c>
    </row>
    <row r="6592" spans="1:6" x14ac:dyDescent="0.2">
      <c r="A6592" s="239">
        <f>'CPT Data'!B6600</f>
        <v>65.573999999999998</v>
      </c>
      <c r="B6592" s="3">
        <f>'CPT Data'!C6600</f>
        <v>65.566999999999993</v>
      </c>
      <c r="C6592" t="str">
        <f>'CPT Data'!P6600</f>
        <v>SAND</v>
      </c>
      <c r="D6592" t="e">
        <f>'CPT Data'!Q6600</f>
        <v>#N/A</v>
      </c>
      <c r="E6592" t="e">
        <f t="shared" si="103"/>
        <v>#N/A</v>
      </c>
      <c r="F6592" t="str">
        <f>IF(C6592="CLAY", INDEX(D$4:D6592, MATCH("CLAY", C$4:C6592, 0)), "")</f>
        <v/>
      </c>
    </row>
    <row r="6593" spans="1:6" x14ac:dyDescent="0.2">
      <c r="A6593" s="239">
        <f>'CPT Data'!B6601</f>
        <v>65.585999999999999</v>
      </c>
      <c r="B6593" s="3">
        <f>'CPT Data'!C6601</f>
        <v>65.578999999999994</v>
      </c>
      <c r="C6593" t="str">
        <f>'CPT Data'!P6601</f>
        <v>SAND</v>
      </c>
      <c r="D6593" t="e">
        <f>'CPT Data'!Q6601</f>
        <v>#N/A</v>
      </c>
      <c r="E6593" t="e">
        <f t="shared" si="103"/>
        <v>#N/A</v>
      </c>
      <c r="F6593" t="str">
        <f>IF(C6593="CLAY", INDEX(D$4:D6593, MATCH("CLAY", C$4:C6593, 0)), "")</f>
        <v/>
      </c>
    </row>
    <row r="6594" spans="1:6" x14ac:dyDescent="0.2">
      <c r="A6594" s="239">
        <f>'CPT Data'!B6602</f>
        <v>65.594999999999999</v>
      </c>
      <c r="B6594" s="3">
        <f>'CPT Data'!C6602</f>
        <v>65.587999999999994</v>
      </c>
      <c r="C6594" t="str">
        <f>'CPT Data'!P6602</f>
        <v>SAND</v>
      </c>
      <c r="D6594" t="e">
        <f>'CPT Data'!Q6602</f>
        <v>#N/A</v>
      </c>
      <c r="E6594" t="e">
        <f t="shared" si="103"/>
        <v>#N/A</v>
      </c>
      <c r="F6594" t="str">
        <f>IF(C6594="CLAY", INDEX(D$4:D6594, MATCH("CLAY", C$4:C6594, 0)), "")</f>
        <v/>
      </c>
    </row>
    <row r="6595" spans="1:6" x14ac:dyDescent="0.2">
      <c r="A6595" s="239">
        <f>'CPT Data'!B6603</f>
        <v>65.605000000000004</v>
      </c>
      <c r="B6595" s="3">
        <f>'CPT Data'!C6603</f>
        <v>65.597999999999999</v>
      </c>
      <c r="C6595" t="str">
        <f>'CPT Data'!P6603</f>
        <v>SAND</v>
      </c>
      <c r="D6595" t="e">
        <f>'CPT Data'!Q6603</f>
        <v>#N/A</v>
      </c>
      <c r="E6595" t="e">
        <f t="shared" si="103"/>
        <v>#N/A</v>
      </c>
      <c r="F6595" t="str">
        <f>IF(C6595="CLAY", INDEX(D$4:D6595, MATCH("CLAY", C$4:C6595, 0)), "")</f>
        <v/>
      </c>
    </row>
    <row r="6596" spans="1:6" x14ac:dyDescent="0.2">
      <c r="A6596" s="239">
        <f>'CPT Data'!B6604</f>
        <v>65.616</v>
      </c>
      <c r="B6596" s="3">
        <f>'CPT Data'!C6604</f>
        <v>65.608999999999995</v>
      </c>
      <c r="C6596" t="str">
        <f>'CPT Data'!P6604</f>
        <v>SAND</v>
      </c>
      <c r="D6596" t="e">
        <f>'CPT Data'!Q6604</f>
        <v>#N/A</v>
      </c>
      <c r="E6596" t="e">
        <f t="shared" si="103"/>
        <v>#N/A</v>
      </c>
      <c r="F6596" t="str">
        <f>IF(C6596="CLAY", INDEX(D$4:D6596, MATCH("CLAY", C$4:C6596, 0)), "")</f>
        <v/>
      </c>
    </row>
    <row r="6597" spans="1:6" x14ac:dyDescent="0.2">
      <c r="A6597" s="239">
        <f>'CPT Data'!B6605</f>
        <v>65.626000000000005</v>
      </c>
      <c r="B6597" s="3">
        <f>'CPT Data'!C6605</f>
        <v>65.619</v>
      </c>
      <c r="C6597" t="str">
        <f>'CPT Data'!P6605</f>
        <v>SAND</v>
      </c>
      <c r="D6597" t="e">
        <f>'CPT Data'!Q6605</f>
        <v>#N/A</v>
      </c>
      <c r="E6597" t="e">
        <f t="shared" si="103"/>
        <v>#N/A</v>
      </c>
      <c r="F6597" t="str">
        <f>IF(C6597="CLAY", INDEX(D$4:D6597, MATCH("CLAY", C$4:C6597, 0)), "")</f>
        <v/>
      </c>
    </row>
    <row r="6598" spans="1:6" x14ac:dyDescent="0.2">
      <c r="A6598" s="239">
        <f>'CPT Data'!B6606</f>
        <v>65.635999999999996</v>
      </c>
      <c r="B6598" s="3">
        <f>'CPT Data'!C6606</f>
        <v>65.628999999999991</v>
      </c>
      <c r="C6598" t="str">
        <f>'CPT Data'!P6606</f>
        <v>SAND</v>
      </c>
      <c r="D6598" t="e">
        <f>'CPT Data'!Q6606</f>
        <v>#N/A</v>
      </c>
      <c r="E6598" t="e">
        <f t="shared" si="103"/>
        <v>#N/A</v>
      </c>
      <c r="F6598" t="str">
        <f>IF(C6598="CLAY", INDEX(D$4:D6598, MATCH("CLAY", C$4:C6598, 0)), "")</f>
        <v/>
      </c>
    </row>
    <row r="6599" spans="1:6" x14ac:dyDescent="0.2">
      <c r="A6599" s="239">
        <f>'CPT Data'!B6607</f>
        <v>65.646000000000001</v>
      </c>
      <c r="B6599" s="3">
        <f>'CPT Data'!C6607</f>
        <v>65.638999999999996</v>
      </c>
      <c r="C6599" t="str">
        <f>'CPT Data'!P6607</f>
        <v>SAND</v>
      </c>
      <c r="D6599" t="e">
        <f>'CPT Data'!Q6607</f>
        <v>#N/A</v>
      </c>
      <c r="E6599" t="e">
        <f t="shared" si="103"/>
        <v>#N/A</v>
      </c>
      <c r="F6599" t="str">
        <f>IF(C6599="CLAY", INDEX(D$4:D6599, MATCH("CLAY", C$4:C6599, 0)), "")</f>
        <v/>
      </c>
    </row>
    <row r="6600" spans="1:6" x14ac:dyDescent="0.2">
      <c r="A6600" s="239">
        <f>'CPT Data'!B6608</f>
        <v>65.656999999999996</v>
      </c>
      <c r="B6600" s="3">
        <f>'CPT Data'!C6608</f>
        <v>65.649999999999991</v>
      </c>
      <c r="C6600" t="str">
        <f>'CPT Data'!P6608</f>
        <v>SAND</v>
      </c>
      <c r="D6600" t="e">
        <f>'CPT Data'!Q6608</f>
        <v>#N/A</v>
      </c>
      <c r="E6600" t="e">
        <f t="shared" si="103"/>
        <v>#N/A</v>
      </c>
      <c r="F6600" t="str">
        <f>IF(C6600="CLAY", INDEX(D$4:D6600, MATCH("CLAY", C$4:C6600, 0)), "")</f>
        <v/>
      </c>
    </row>
    <row r="6601" spans="1:6" x14ac:dyDescent="0.2">
      <c r="A6601" s="239">
        <f>'CPT Data'!B6609</f>
        <v>65.667000000000002</v>
      </c>
      <c r="B6601" s="3">
        <f>'CPT Data'!C6609</f>
        <v>65.66</v>
      </c>
      <c r="C6601" t="str">
        <f>'CPT Data'!P6609</f>
        <v>SAND</v>
      </c>
      <c r="D6601" t="e">
        <f>'CPT Data'!Q6609</f>
        <v>#N/A</v>
      </c>
      <c r="E6601" t="e">
        <f t="shared" si="103"/>
        <v>#N/A</v>
      </c>
      <c r="F6601" t="str">
        <f>IF(C6601="CLAY", INDEX(D$4:D6601, MATCH("CLAY", C$4:C6601, 0)), "")</f>
        <v/>
      </c>
    </row>
    <row r="6602" spans="1:6" x14ac:dyDescent="0.2">
      <c r="A6602" s="239">
        <f>'CPT Data'!B6610</f>
        <v>65.677999999999997</v>
      </c>
      <c r="B6602" s="3">
        <f>'CPT Data'!C6610</f>
        <v>65.670999999999992</v>
      </c>
      <c r="C6602" t="str">
        <f>'CPT Data'!P6610</f>
        <v>SAND</v>
      </c>
      <c r="D6602" t="e">
        <f>'CPT Data'!Q6610</f>
        <v>#N/A</v>
      </c>
      <c r="E6602" t="e">
        <f t="shared" si="103"/>
        <v>#N/A</v>
      </c>
      <c r="F6602" t="str">
        <f>IF(C6602="CLAY", INDEX(D$4:D6602, MATCH("CLAY", C$4:C6602, 0)), "")</f>
        <v/>
      </c>
    </row>
    <row r="6603" spans="1:6" x14ac:dyDescent="0.2">
      <c r="A6603" s="239">
        <f>'CPT Data'!B6611</f>
        <v>65.688000000000002</v>
      </c>
      <c r="B6603" s="3">
        <f>'CPT Data'!C6611</f>
        <v>65.680999999999997</v>
      </c>
      <c r="C6603" t="str">
        <f>'CPT Data'!P6611</f>
        <v>SAND</v>
      </c>
      <c r="D6603" t="e">
        <f>'CPT Data'!Q6611</f>
        <v>#N/A</v>
      </c>
      <c r="E6603" t="e">
        <f t="shared" si="103"/>
        <v>#N/A</v>
      </c>
      <c r="F6603" t="str">
        <f>IF(C6603="CLAY", INDEX(D$4:D6603, MATCH("CLAY", C$4:C6603, 0)), "")</f>
        <v/>
      </c>
    </row>
    <row r="6604" spans="1:6" x14ac:dyDescent="0.2">
      <c r="A6604" s="239">
        <f>'CPT Data'!B6612</f>
        <v>65.697000000000003</v>
      </c>
      <c r="B6604" s="3">
        <f>'CPT Data'!C6612</f>
        <v>65.69</v>
      </c>
      <c r="C6604" t="str">
        <f>'CPT Data'!P6612</f>
        <v>SAND</v>
      </c>
      <c r="D6604" t="e">
        <f>'CPT Data'!Q6612</f>
        <v>#N/A</v>
      </c>
      <c r="E6604" t="e">
        <f t="shared" si="103"/>
        <v>#N/A</v>
      </c>
      <c r="F6604" t="str">
        <f>IF(C6604="CLAY", INDEX(D$4:D6604, MATCH("CLAY", C$4:C6604, 0)), "")</f>
        <v/>
      </c>
    </row>
    <row r="6605" spans="1:6" x14ac:dyDescent="0.2">
      <c r="A6605" s="239">
        <f>'CPT Data'!B6613</f>
        <v>65.706999999999994</v>
      </c>
      <c r="B6605" s="3">
        <f>'CPT Data'!C6613</f>
        <v>65.699999999999989</v>
      </c>
      <c r="C6605" t="str">
        <f>'CPT Data'!P6613</f>
        <v>SAND</v>
      </c>
      <c r="D6605" t="e">
        <f>'CPT Data'!Q6613</f>
        <v>#N/A</v>
      </c>
      <c r="E6605" t="e">
        <f t="shared" si="103"/>
        <v>#N/A</v>
      </c>
      <c r="F6605" t="str">
        <f>IF(C6605="CLAY", INDEX(D$4:D6605, MATCH("CLAY", C$4:C6605, 0)), "")</f>
        <v/>
      </c>
    </row>
    <row r="6606" spans="1:6" x14ac:dyDescent="0.2">
      <c r="A6606" s="239">
        <f>'CPT Data'!B6614</f>
        <v>65.718000000000004</v>
      </c>
      <c r="B6606" s="3">
        <f>'CPT Data'!C6614</f>
        <v>65.710999999999999</v>
      </c>
      <c r="C6606" t="str">
        <f>'CPT Data'!P6614</f>
        <v>SAND</v>
      </c>
      <c r="D6606" t="e">
        <f>'CPT Data'!Q6614</f>
        <v>#N/A</v>
      </c>
      <c r="E6606" t="e">
        <f t="shared" si="103"/>
        <v>#N/A</v>
      </c>
      <c r="F6606" t="str">
        <f>IF(C6606="CLAY", INDEX(D$4:D6606, MATCH("CLAY", C$4:C6606, 0)), "")</f>
        <v/>
      </c>
    </row>
    <row r="6607" spans="1:6" x14ac:dyDescent="0.2">
      <c r="A6607" s="239">
        <f>'CPT Data'!B6615</f>
        <v>65.727000000000004</v>
      </c>
      <c r="B6607" s="3">
        <f>'CPT Data'!C6615</f>
        <v>65.72</v>
      </c>
      <c r="C6607" t="str">
        <f>'CPT Data'!P6615</f>
        <v>SAND</v>
      </c>
      <c r="D6607" t="e">
        <f>'CPT Data'!Q6615</f>
        <v>#N/A</v>
      </c>
      <c r="E6607" t="e">
        <f t="shared" si="103"/>
        <v>#N/A</v>
      </c>
      <c r="F6607" t="str">
        <f>IF(C6607="CLAY", INDEX(D$4:D6607, MATCH("CLAY", C$4:C6607, 0)), "")</f>
        <v/>
      </c>
    </row>
    <row r="6608" spans="1:6" x14ac:dyDescent="0.2">
      <c r="A6608" s="239">
        <f>'CPT Data'!B6616</f>
        <v>65.738</v>
      </c>
      <c r="B6608" s="3">
        <f>'CPT Data'!C6616</f>
        <v>65.730999999999995</v>
      </c>
      <c r="C6608" t="str">
        <f>'CPT Data'!P6616</f>
        <v>SAND</v>
      </c>
      <c r="D6608" t="e">
        <f>'CPT Data'!Q6616</f>
        <v>#N/A</v>
      </c>
      <c r="E6608" t="e">
        <f t="shared" si="103"/>
        <v>#N/A</v>
      </c>
      <c r="F6608" t="str">
        <f>IF(C6608="CLAY", INDEX(D$4:D6608, MATCH("CLAY", C$4:C6608, 0)), "")</f>
        <v/>
      </c>
    </row>
    <row r="6609" spans="1:6" x14ac:dyDescent="0.2">
      <c r="A6609" s="239">
        <f>'CPT Data'!B6617</f>
        <v>65.748000000000005</v>
      </c>
      <c r="B6609" s="3">
        <f>'CPT Data'!C6617</f>
        <v>65.741</v>
      </c>
      <c r="C6609" t="str">
        <f>'CPT Data'!P6617</f>
        <v>SAND</v>
      </c>
      <c r="D6609" t="e">
        <f>'CPT Data'!Q6617</f>
        <v>#N/A</v>
      </c>
      <c r="E6609" t="e">
        <f t="shared" si="103"/>
        <v>#N/A</v>
      </c>
      <c r="F6609" t="str">
        <f>IF(C6609="CLAY", INDEX(D$4:D6609, MATCH("CLAY", C$4:C6609, 0)), "")</f>
        <v/>
      </c>
    </row>
    <row r="6610" spans="1:6" x14ac:dyDescent="0.2">
      <c r="A6610" s="239">
        <f>'CPT Data'!B6618</f>
        <v>65.757999999999996</v>
      </c>
      <c r="B6610" s="3">
        <f>'CPT Data'!C6618</f>
        <v>65.750999999999991</v>
      </c>
      <c r="C6610" t="str">
        <f>'CPT Data'!P6618</f>
        <v>SAND</v>
      </c>
      <c r="D6610" t="e">
        <f>'CPT Data'!Q6618</f>
        <v>#N/A</v>
      </c>
      <c r="E6610" t="e">
        <f t="shared" si="103"/>
        <v>#N/A</v>
      </c>
      <c r="F6610" t="str">
        <f>IF(C6610="CLAY", INDEX(D$4:D6610, MATCH("CLAY", C$4:C6610, 0)), "")</f>
        <v/>
      </c>
    </row>
    <row r="6611" spans="1:6" x14ac:dyDescent="0.2">
      <c r="A6611" s="239">
        <f>'CPT Data'!B6619</f>
        <v>65.769000000000005</v>
      </c>
      <c r="B6611" s="3">
        <f>'CPT Data'!C6619</f>
        <v>65.762</v>
      </c>
      <c r="C6611" t="str">
        <f>'CPT Data'!P6619</f>
        <v>SAND</v>
      </c>
      <c r="D6611" t="e">
        <f>'CPT Data'!Q6619</f>
        <v>#N/A</v>
      </c>
      <c r="E6611" t="e">
        <f t="shared" si="103"/>
        <v>#N/A</v>
      </c>
      <c r="F6611" t="str">
        <f>IF(C6611="CLAY", INDEX(D$4:D6611, MATCH("CLAY", C$4:C6611, 0)), "")</f>
        <v/>
      </c>
    </row>
    <row r="6612" spans="1:6" x14ac:dyDescent="0.2">
      <c r="A6612" s="239">
        <f>'CPT Data'!B6620</f>
        <v>65.778000000000006</v>
      </c>
      <c r="B6612" s="3">
        <f>'CPT Data'!C6620</f>
        <v>65.771000000000001</v>
      </c>
      <c r="C6612" t="str">
        <f>'CPT Data'!P6620</f>
        <v>SAND</v>
      </c>
      <c r="D6612" t="e">
        <f>'CPT Data'!Q6620</f>
        <v>#N/A</v>
      </c>
      <c r="E6612" t="e">
        <f t="shared" si="103"/>
        <v>#N/A</v>
      </c>
      <c r="F6612" t="str">
        <f>IF(C6612="CLAY", INDEX(D$4:D6612, MATCH("CLAY", C$4:C6612, 0)), "")</f>
        <v/>
      </c>
    </row>
    <row r="6613" spans="1:6" x14ac:dyDescent="0.2">
      <c r="A6613" s="239">
        <f>'CPT Data'!B6621</f>
        <v>65.787999999999997</v>
      </c>
      <c r="B6613" s="3">
        <f>'CPT Data'!C6621</f>
        <v>65.780999999999992</v>
      </c>
      <c r="C6613" t="str">
        <f>'CPT Data'!P6621</f>
        <v>SAND</v>
      </c>
      <c r="D6613" t="e">
        <f>'CPT Data'!Q6621</f>
        <v>#N/A</v>
      </c>
      <c r="E6613" t="e">
        <f t="shared" si="103"/>
        <v>#N/A</v>
      </c>
      <c r="F6613" t="str">
        <f>IF(C6613="CLAY", INDEX(D$4:D6613, MATCH("CLAY", C$4:C6613, 0)), "")</f>
        <v/>
      </c>
    </row>
    <row r="6614" spans="1:6" x14ac:dyDescent="0.2">
      <c r="A6614" s="239">
        <f>'CPT Data'!B6622</f>
        <v>65.799000000000007</v>
      </c>
      <c r="B6614" s="3">
        <f>'CPT Data'!C6622</f>
        <v>65.792000000000002</v>
      </c>
      <c r="C6614" t="str">
        <f>'CPT Data'!P6622</f>
        <v>SAND</v>
      </c>
      <c r="D6614" t="e">
        <f>'CPT Data'!Q6622</f>
        <v>#N/A</v>
      </c>
      <c r="E6614" t="e">
        <f t="shared" si="103"/>
        <v>#N/A</v>
      </c>
      <c r="F6614" t="str">
        <f>IF(C6614="CLAY", INDEX(D$4:D6614, MATCH("CLAY", C$4:C6614, 0)), "")</f>
        <v/>
      </c>
    </row>
    <row r="6615" spans="1:6" x14ac:dyDescent="0.2">
      <c r="A6615" s="239">
        <f>'CPT Data'!B6623</f>
        <v>65.808000000000007</v>
      </c>
      <c r="B6615" s="3">
        <f>'CPT Data'!C6623</f>
        <v>65.801000000000002</v>
      </c>
      <c r="C6615" t="str">
        <f>'CPT Data'!P6623</f>
        <v>SAND</v>
      </c>
      <c r="D6615" t="e">
        <f>'CPT Data'!Q6623</f>
        <v>#N/A</v>
      </c>
      <c r="E6615" t="e">
        <f t="shared" si="103"/>
        <v>#N/A</v>
      </c>
      <c r="F6615" t="str">
        <f>IF(C6615="CLAY", INDEX(D$4:D6615, MATCH("CLAY", C$4:C6615, 0)), "")</f>
        <v/>
      </c>
    </row>
    <row r="6616" spans="1:6" x14ac:dyDescent="0.2">
      <c r="A6616" s="239">
        <f>'CPT Data'!B6624</f>
        <v>65.819000000000003</v>
      </c>
      <c r="B6616" s="3">
        <f>'CPT Data'!C6624</f>
        <v>65.811999999999998</v>
      </c>
      <c r="C6616" t="str">
        <f>'CPT Data'!P6624</f>
        <v>SAND</v>
      </c>
      <c r="D6616" t="e">
        <f>'CPT Data'!Q6624</f>
        <v>#N/A</v>
      </c>
      <c r="E6616" t="e">
        <f t="shared" si="103"/>
        <v>#N/A</v>
      </c>
      <c r="F6616" t="str">
        <f>IF(C6616="CLAY", INDEX(D$4:D6616, MATCH("CLAY", C$4:C6616, 0)), "")</f>
        <v/>
      </c>
    </row>
    <row r="6617" spans="1:6" x14ac:dyDescent="0.2">
      <c r="A6617" s="239">
        <f>'CPT Data'!B6625</f>
        <v>65.828999999999994</v>
      </c>
      <c r="B6617" s="3">
        <f>'CPT Data'!C6625</f>
        <v>65.821999999999989</v>
      </c>
      <c r="C6617" t="str">
        <f>'CPT Data'!P6625</f>
        <v>SAND</v>
      </c>
      <c r="D6617" t="e">
        <f>'CPT Data'!Q6625</f>
        <v>#N/A</v>
      </c>
      <c r="E6617" t="e">
        <f t="shared" si="103"/>
        <v>#N/A</v>
      </c>
      <c r="F6617" t="str">
        <f>IF(C6617="CLAY", INDEX(D$4:D6617, MATCH("CLAY", C$4:C6617, 0)), "")</f>
        <v/>
      </c>
    </row>
    <row r="6618" spans="1:6" x14ac:dyDescent="0.2">
      <c r="A6618" s="239">
        <f>'CPT Data'!B6626</f>
        <v>65.838999999999999</v>
      </c>
      <c r="B6618" s="3">
        <f>'CPT Data'!C6626</f>
        <v>65.831999999999994</v>
      </c>
      <c r="C6618" t="str">
        <f>'CPT Data'!P6626</f>
        <v>SAND</v>
      </c>
      <c r="D6618" t="e">
        <f>'CPT Data'!Q6626</f>
        <v>#N/A</v>
      </c>
      <c r="E6618" t="e">
        <f t="shared" si="103"/>
        <v>#N/A</v>
      </c>
      <c r="F6618" t="str">
        <f>IF(C6618="CLAY", INDEX(D$4:D6618, MATCH("CLAY", C$4:C6618, 0)), "")</f>
        <v/>
      </c>
    </row>
    <row r="6619" spans="1:6" x14ac:dyDescent="0.2">
      <c r="A6619" s="239">
        <f>'CPT Data'!B6627</f>
        <v>65.849999999999994</v>
      </c>
      <c r="B6619" s="3">
        <f>'CPT Data'!C6627</f>
        <v>65.842999999999989</v>
      </c>
      <c r="C6619" t="str">
        <f>'CPT Data'!P6627</f>
        <v>SAND</v>
      </c>
      <c r="D6619" t="e">
        <f>'CPT Data'!Q6627</f>
        <v>#N/A</v>
      </c>
      <c r="E6619" t="e">
        <f t="shared" ref="E6619:E6682" si="104">IF(C6619="SAND",#N/A,IF(C6619=C6618,D6618,IF(C6619="CLAY",D6619,#N/A)))</f>
        <v>#N/A</v>
      </c>
      <c r="F6619" t="str">
        <f>IF(C6619="CLAY", INDEX(D$4:D6619, MATCH("CLAY", C$4:C6619, 0)), "")</f>
        <v/>
      </c>
    </row>
    <row r="6620" spans="1:6" x14ac:dyDescent="0.2">
      <c r="A6620" s="239">
        <f>'CPT Data'!B6628</f>
        <v>65.858999999999995</v>
      </c>
      <c r="B6620" s="3">
        <f>'CPT Data'!C6628</f>
        <v>65.85199999999999</v>
      </c>
      <c r="C6620" t="str">
        <f>'CPT Data'!P6628</f>
        <v>SAND</v>
      </c>
      <c r="D6620" t="e">
        <f>'CPT Data'!Q6628</f>
        <v>#N/A</v>
      </c>
      <c r="E6620" t="e">
        <f t="shared" si="104"/>
        <v>#N/A</v>
      </c>
      <c r="F6620" t="str">
        <f>IF(C6620="CLAY", INDEX(D$4:D6620, MATCH("CLAY", C$4:C6620, 0)), "")</f>
        <v/>
      </c>
    </row>
    <row r="6621" spans="1:6" x14ac:dyDescent="0.2">
      <c r="A6621" s="239">
        <f>'CPT Data'!B6629</f>
        <v>65.87</v>
      </c>
      <c r="B6621" s="3">
        <f>'CPT Data'!C6629</f>
        <v>65.863</v>
      </c>
      <c r="C6621" t="str">
        <f>'CPT Data'!P6629</f>
        <v>SAND</v>
      </c>
      <c r="D6621" t="e">
        <f>'CPT Data'!Q6629</f>
        <v>#N/A</v>
      </c>
      <c r="E6621" t="e">
        <f t="shared" si="104"/>
        <v>#N/A</v>
      </c>
      <c r="F6621" t="str">
        <f>IF(C6621="CLAY", INDEX(D$4:D6621, MATCH("CLAY", C$4:C6621, 0)), "")</f>
        <v/>
      </c>
    </row>
    <row r="6622" spans="1:6" x14ac:dyDescent="0.2">
      <c r="A6622" s="239">
        <f>'CPT Data'!B6630</f>
        <v>65.88</v>
      </c>
      <c r="B6622" s="3">
        <f>'CPT Data'!C6630</f>
        <v>65.87299999999999</v>
      </c>
      <c r="C6622" t="str">
        <f>'CPT Data'!P6630</f>
        <v>SAND</v>
      </c>
      <c r="D6622" t="e">
        <f>'CPT Data'!Q6630</f>
        <v>#N/A</v>
      </c>
      <c r="E6622" t="e">
        <f t="shared" si="104"/>
        <v>#N/A</v>
      </c>
      <c r="F6622" t="str">
        <f>IF(C6622="CLAY", INDEX(D$4:D6622, MATCH("CLAY", C$4:C6622, 0)), "")</f>
        <v/>
      </c>
    </row>
    <row r="6623" spans="1:6" x14ac:dyDescent="0.2">
      <c r="A6623" s="239">
        <f>'CPT Data'!B6631</f>
        <v>65.888999999999996</v>
      </c>
      <c r="B6623" s="3">
        <f>'CPT Data'!C6631</f>
        <v>65.881999999999991</v>
      </c>
      <c r="C6623" t="str">
        <f>'CPT Data'!P6631</f>
        <v>SAND</v>
      </c>
      <c r="D6623" t="e">
        <f>'CPT Data'!Q6631</f>
        <v>#N/A</v>
      </c>
      <c r="E6623" t="e">
        <f t="shared" si="104"/>
        <v>#N/A</v>
      </c>
      <c r="F6623" t="str">
        <f>IF(C6623="CLAY", INDEX(D$4:D6623, MATCH("CLAY", C$4:C6623, 0)), "")</f>
        <v/>
      </c>
    </row>
    <row r="6624" spans="1:6" x14ac:dyDescent="0.2">
      <c r="A6624" s="239">
        <f>'CPT Data'!B6632</f>
        <v>65.899000000000001</v>
      </c>
      <c r="B6624" s="3">
        <f>'CPT Data'!C6632</f>
        <v>65.891999999999996</v>
      </c>
      <c r="C6624" t="str">
        <f>'CPT Data'!P6632</f>
        <v>SAND</v>
      </c>
      <c r="D6624" t="e">
        <f>'CPT Data'!Q6632</f>
        <v>#N/A</v>
      </c>
      <c r="E6624" t="e">
        <f t="shared" si="104"/>
        <v>#N/A</v>
      </c>
      <c r="F6624" t="str">
        <f>IF(C6624="CLAY", INDEX(D$4:D6624, MATCH("CLAY", C$4:C6624, 0)), "")</f>
        <v/>
      </c>
    </row>
    <row r="6625" spans="1:6" x14ac:dyDescent="0.2">
      <c r="A6625" s="239">
        <f>'CPT Data'!B6633</f>
        <v>65.91</v>
      </c>
      <c r="B6625" s="3">
        <f>'CPT Data'!C6633</f>
        <v>65.902999999999992</v>
      </c>
      <c r="C6625" t="str">
        <f>'CPT Data'!P6633</f>
        <v>SAND</v>
      </c>
      <c r="D6625" t="e">
        <f>'CPT Data'!Q6633</f>
        <v>#N/A</v>
      </c>
      <c r="E6625" t="e">
        <f t="shared" si="104"/>
        <v>#N/A</v>
      </c>
      <c r="F6625" t="str">
        <f>IF(C6625="CLAY", INDEX(D$4:D6625, MATCH("CLAY", C$4:C6625, 0)), "")</f>
        <v/>
      </c>
    </row>
    <row r="6626" spans="1:6" x14ac:dyDescent="0.2">
      <c r="A6626" s="239">
        <f>'CPT Data'!B6634</f>
        <v>65.92</v>
      </c>
      <c r="B6626" s="3">
        <f>'CPT Data'!C6634</f>
        <v>65.912999999999997</v>
      </c>
      <c r="C6626" t="str">
        <f>'CPT Data'!P6634</f>
        <v>SAND</v>
      </c>
      <c r="D6626" t="e">
        <f>'CPT Data'!Q6634</f>
        <v>#N/A</v>
      </c>
      <c r="E6626" t="e">
        <f t="shared" si="104"/>
        <v>#N/A</v>
      </c>
      <c r="F6626" t="str">
        <f>IF(C6626="CLAY", INDEX(D$4:D6626, MATCH("CLAY", C$4:C6626, 0)), "")</f>
        <v/>
      </c>
    </row>
    <row r="6627" spans="1:6" x14ac:dyDescent="0.2">
      <c r="A6627" s="239">
        <f>'CPT Data'!B6635</f>
        <v>65.930000000000007</v>
      </c>
      <c r="B6627" s="3">
        <f>'CPT Data'!C6635</f>
        <v>65.923000000000002</v>
      </c>
      <c r="C6627" t="str">
        <f>'CPT Data'!P6635</f>
        <v>SAND</v>
      </c>
      <c r="D6627" t="e">
        <f>'CPT Data'!Q6635</f>
        <v>#N/A</v>
      </c>
      <c r="E6627" t="e">
        <f t="shared" si="104"/>
        <v>#N/A</v>
      </c>
      <c r="F6627" t="str">
        <f>IF(C6627="CLAY", INDEX(D$4:D6627, MATCH("CLAY", C$4:C6627, 0)), "")</f>
        <v/>
      </c>
    </row>
    <row r="6628" spans="1:6" x14ac:dyDescent="0.2">
      <c r="A6628" s="239">
        <f>'CPT Data'!B6636</f>
        <v>65.938999999999993</v>
      </c>
      <c r="B6628" s="3">
        <f>'CPT Data'!C6636</f>
        <v>65.931999999999988</v>
      </c>
      <c r="C6628" t="str">
        <f>'CPT Data'!P6636</f>
        <v>SAND</v>
      </c>
      <c r="D6628" t="e">
        <f>'CPT Data'!Q6636</f>
        <v>#N/A</v>
      </c>
      <c r="E6628" t="e">
        <f t="shared" si="104"/>
        <v>#N/A</v>
      </c>
      <c r="F6628" t="str">
        <f>IF(C6628="CLAY", INDEX(D$4:D6628, MATCH("CLAY", C$4:C6628, 0)), "")</f>
        <v/>
      </c>
    </row>
    <row r="6629" spans="1:6" x14ac:dyDescent="0.2">
      <c r="A6629" s="239">
        <f>'CPT Data'!B6637</f>
        <v>65.95</v>
      </c>
      <c r="B6629" s="3">
        <f>'CPT Data'!C6637</f>
        <v>65.942999999999998</v>
      </c>
      <c r="C6629" t="str">
        <f>'CPT Data'!P6637</f>
        <v>SAND</v>
      </c>
      <c r="D6629" t="e">
        <f>'CPT Data'!Q6637</f>
        <v>#N/A</v>
      </c>
      <c r="E6629" t="e">
        <f t="shared" si="104"/>
        <v>#N/A</v>
      </c>
      <c r="F6629" t="str">
        <f>IF(C6629="CLAY", INDEX(D$4:D6629, MATCH("CLAY", C$4:C6629, 0)), "")</f>
        <v/>
      </c>
    </row>
    <row r="6630" spans="1:6" x14ac:dyDescent="0.2">
      <c r="A6630" s="239">
        <f>'CPT Data'!B6638</f>
        <v>65.959000000000003</v>
      </c>
      <c r="B6630" s="3">
        <f>'CPT Data'!C6638</f>
        <v>65.951999999999998</v>
      </c>
      <c r="C6630" t="str">
        <f>'CPT Data'!P6638</f>
        <v>SAND</v>
      </c>
      <c r="D6630" t="e">
        <f>'CPT Data'!Q6638</f>
        <v>#N/A</v>
      </c>
      <c r="E6630" t="e">
        <f t="shared" si="104"/>
        <v>#N/A</v>
      </c>
      <c r="F6630" t="str">
        <f>IF(C6630="CLAY", INDEX(D$4:D6630, MATCH("CLAY", C$4:C6630, 0)), "")</f>
        <v/>
      </c>
    </row>
    <row r="6631" spans="1:6" x14ac:dyDescent="0.2">
      <c r="A6631" s="239">
        <f>'CPT Data'!B6639</f>
        <v>65.968999999999994</v>
      </c>
      <c r="B6631" s="3">
        <f>'CPT Data'!C6639</f>
        <v>65.961999999999989</v>
      </c>
      <c r="C6631" t="str">
        <f>'CPT Data'!P6639</f>
        <v>SAND</v>
      </c>
      <c r="D6631" t="e">
        <f>'CPT Data'!Q6639</f>
        <v>#N/A</v>
      </c>
      <c r="E6631" t="e">
        <f t="shared" si="104"/>
        <v>#N/A</v>
      </c>
      <c r="F6631" t="str">
        <f>IF(C6631="CLAY", INDEX(D$4:D6631, MATCH("CLAY", C$4:C6631, 0)), "")</f>
        <v/>
      </c>
    </row>
    <row r="6632" spans="1:6" x14ac:dyDescent="0.2">
      <c r="A6632" s="239">
        <f>'CPT Data'!B6640</f>
        <v>65.978999999999999</v>
      </c>
      <c r="B6632" s="3">
        <f>'CPT Data'!C6640</f>
        <v>65.971999999999994</v>
      </c>
      <c r="C6632" t="str">
        <f>'CPT Data'!P6640</f>
        <v>SAND</v>
      </c>
      <c r="D6632" t="e">
        <f>'CPT Data'!Q6640</f>
        <v>#N/A</v>
      </c>
      <c r="E6632" t="e">
        <f t="shared" si="104"/>
        <v>#N/A</v>
      </c>
      <c r="F6632" t="str">
        <f>IF(C6632="CLAY", INDEX(D$4:D6632, MATCH("CLAY", C$4:C6632, 0)), "")</f>
        <v/>
      </c>
    </row>
    <row r="6633" spans="1:6" x14ac:dyDescent="0.2">
      <c r="A6633" s="239">
        <f>'CPT Data'!B6641</f>
        <v>65.986999999999995</v>
      </c>
      <c r="B6633" s="3">
        <f>'CPT Data'!C6641</f>
        <v>65.97999999999999</v>
      </c>
      <c r="C6633" t="str">
        <f>'CPT Data'!P6641</f>
        <v>SAND</v>
      </c>
      <c r="D6633" t="e">
        <f>'CPT Data'!Q6641</f>
        <v>#N/A</v>
      </c>
      <c r="E6633" t="e">
        <f t="shared" si="104"/>
        <v>#N/A</v>
      </c>
      <c r="F6633" t="str">
        <f>IF(C6633="CLAY", INDEX(D$4:D6633, MATCH("CLAY", C$4:C6633, 0)), "")</f>
        <v/>
      </c>
    </row>
    <row r="6634" spans="1:6" x14ac:dyDescent="0.2">
      <c r="A6634" s="239">
        <f>'CPT Data'!B6642</f>
        <v>65.995000000000005</v>
      </c>
      <c r="B6634" s="3">
        <f>'CPT Data'!C6642</f>
        <v>65.988</v>
      </c>
      <c r="C6634" t="str">
        <f>'CPT Data'!P6642</f>
        <v>SAND</v>
      </c>
      <c r="D6634" t="e">
        <f>'CPT Data'!Q6642</f>
        <v>#N/A</v>
      </c>
      <c r="E6634" t="e">
        <f t="shared" si="104"/>
        <v>#N/A</v>
      </c>
      <c r="F6634" t="str">
        <f>IF(C6634="CLAY", INDEX(D$4:D6634, MATCH("CLAY", C$4:C6634, 0)), "")</f>
        <v/>
      </c>
    </row>
    <row r="6635" spans="1:6" x14ac:dyDescent="0.2">
      <c r="A6635" s="239">
        <f>'CPT Data'!B6643</f>
        <v>66.003</v>
      </c>
      <c r="B6635" s="3">
        <f>'CPT Data'!C6643</f>
        <v>65.995999999999995</v>
      </c>
      <c r="C6635" t="str">
        <f>'CPT Data'!P6643</f>
        <v>SAND</v>
      </c>
      <c r="D6635" t="e">
        <f>'CPT Data'!Q6643</f>
        <v>#N/A</v>
      </c>
      <c r="E6635" t="e">
        <f t="shared" si="104"/>
        <v>#N/A</v>
      </c>
      <c r="F6635" t="str">
        <f>IF(C6635="CLAY", INDEX(D$4:D6635, MATCH("CLAY", C$4:C6635, 0)), "")</f>
        <v/>
      </c>
    </row>
    <row r="6636" spans="1:6" x14ac:dyDescent="0.2">
      <c r="A6636" s="239">
        <f>'CPT Data'!B6644</f>
        <v>66.012</v>
      </c>
      <c r="B6636" s="3">
        <f>'CPT Data'!C6644</f>
        <v>66.004999999999995</v>
      </c>
      <c r="C6636" t="str">
        <f>'CPT Data'!P6644</f>
        <v>SAND</v>
      </c>
      <c r="D6636" t="e">
        <f>'CPT Data'!Q6644</f>
        <v>#N/A</v>
      </c>
      <c r="E6636" t="e">
        <f t="shared" si="104"/>
        <v>#N/A</v>
      </c>
      <c r="F6636" t="str">
        <f>IF(C6636="CLAY", INDEX(D$4:D6636, MATCH("CLAY", C$4:C6636, 0)), "")</f>
        <v/>
      </c>
    </row>
    <row r="6637" spans="1:6" x14ac:dyDescent="0.2">
      <c r="A6637" s="239">
        <f>'CPT Data'!B6645</f>
        <v>66.022999999999996</v>
      </c>
      <c r="B6637" s="3">
        <f>'CPT Data'!C6645</f>
        <v>66.015999999999991</v>
      </c>
      <c r="C6637" t="str">
        <f>'CPT Data'!P6645</f>
        <v>SAND</v>
      </c>
      <c r="D6637" t="e">
        <f>'CPT Data'!Q6645</f>
        <v>#N/A</v>
      </c>
      <c r="E6637" t="e">
        <f t="shared" si="104"/>
        <v>#N/A</v>
      </c>
      <c r="F6637" t="str">
        <f>IF(C6637="CLAY", INDEX(D$4:D6637, MATCH("CLAY", C$4:C6637, 0)), "")</f>
        <v/>
      </c>
    </row>
    <row r="6638" spans="1:6" x14ac:dyDescent="0.2">
      <c r="A6638" s="239">
        <f>'CPT Data'!B6646</f>
        <v>66.031999999999996</v>
      </c>
      <c r="B6638" s="3">
        <f>'CPT Data'!C6646</f>
        <v>66.024999999999991</v>
      </c>
      <c r="C6638" t="str">
        <f>'CPT Data'!P6646</f>
        <v>SAND</v>
      </c>
      <c r="D6638" t="e">
        <f>'CPT Data'!Q6646</f>
        <v>#N/A</v>
      </c>
      <c r="E6638" t="e">
        <f t="shared" si="104"/>
        <v>#N/A</v>
      </c>
      <c r="F6638" t="str">
        <f>IF(C6638="CLAY", INDEX(D$4:D6638, MATCH("CLAY", C$4:C6638, 0)), "")</f>
        <v/>
      </c>
    </row>
    <row r="6639" spans="1:6" x14ac:dyDescent="0.2">
      <c r="A6639" s="239">
        <f>'CPT Data'!B6647</f>
        <v>66.040000000000006</v>
      </c>
      <c r="B6639" s="3">
        <f>'CPT Data'!C6647</f>
        <v>66.033000000000001</v>
      </c>
      <c r="C6639" t="str">
        <f>'CPT Data'!P6647</f>
        <v>SAND</v>
      </c>
      <c r="D6639" t="e">
        <f>'CPT Data'!Q6647</f>
        <v>#N/A</v>
      </c>
      <c r="E6639" t="e">
        <f t="shared" si="104"/>
        <v>#N/A</v>
      </c>
      <c r="F6639" t="str">
        <f>IF(C6639="CLAY", INDEX(D$4:D6639, MATCH("CLAY", C$4:C6639, 0)), "")</f>
        <v/>
      </c>
    </row>
    <row r="6640" spans="1:6" x14ac:dyDescent="0.2">
      <c r="A6640" s="239">
        <f>'CPT Data'!B6648</f>
        <v>66.049000000000007</v>
      </c>
      <c r="B6640" s="3">
        <f>'CPT Data'!C6648</f>
        <v>66.042000000000002</v>
      </c>
      <c r="C6640" t="str">
        <f>'CPT Data'!P6648</f>
        <v>SAND</v>
      </c>
      <c r="D6640" t="e">
        <f>'CPT Data'!Q6648</f>
        <v>#N/A</v>
      </c>
      <c r="E6640" t="e">
        <f t="shared" si="104"/>
        <v>#N/A</v>
      </c>
      <c r="F6640" t="str">
        <f>IF(C6640="CLAY", INDEX(D$4:D6640, MATCH("CLAY", C$4:C6640, 0)), "")</f>
        <v/>
      </c>
    </row>
    <row r="6641" spans="1:6" x14ac:dyDescent="0.2">
      <c r="A6641" s="239">
        <f>'CPT Data'!B6649</f>
        <v>66.058000000000007</v>
      </c>
      <c r="B6641" s="3">
        <f>'CPT Data'!C6649</f>
        <v>66.051000000000002</v>
      </c>
      <c r="C6641" t="str">
        <f>'CPT Data'!P6649</f>
        <v>SAND</v>
      </c>
      <c r="D6641" t="e">
        <f>'CPT Data'!Q6649</f>
        <v>#N/A</v>
      </c>
      <c r="E6641" t="e">
        <f t="shared" si="104"/>
        <v>#N/A</v>
      </c>
      <c r="F6641" t="str">
        <f>IF(C6641="CLAY", INDEX(D$4:D6641, MATCH("CLAY", C$4:C6641, 0)), "")</f>
        <v/>
      </c>
    </row>
    <row r="6642" spans="1:6" x14ac:dyDescent="0.2">
      <c r="A6642" s="239">
        <f>'CPT Data'!B6650</f>
        <v>66.066000000000003</v>
      </c>
      <c r="B6642" s="3">
        <f>'CPT Data'!C6650</f>
        <v>66.058999999999997</v>
      </c>
      <c r="C6642" t="str">
        <f>'CPT Data'!P6650</f>
        <v>SAND</v>
      </c>
      <c r="D6642" t="e">
        <f>'CPT Data'!Q6650</f>
        <v>#N/A</v>
      </c>
      <c r="E6642" t="e">
        <f t="shared" si="104"/>
        <v>#N/A</v>
      </c>
      <c r="F6642" t="str">
        <f>IF(C6642="CLAY", INDEX(D$4:D6642, MATCH("CLAY", C$4:C6642, 0)), "")</f>
        <v/>
      </c>
    </row>
    <row r="6643" spans="1:6" x14ac:dyDescent="0.2">
      <c r="A6643" s="239">
        <f>'CPT Data'!B6651</f>
        <v>66.073999999999998</v>
      </c>
      <c r="B6643" s="3">
        <f>'CPT Data'!C6651</f>
        <v>66.066999999999993</v>
      </c>
      <c r="C6643" t="str">
        <f>'CPT Data'!P6651</f>
        <v>SAND</v>
      </c>
      <c r="D6643" t="e">
        <f>'CPT Data'!Q6651</f>
        <v>#N/A</v>
      </c>
      <c r="E6643" t="e">
        <f t="shared" si="104"/>
        <v>#N/A</v>
      </c>
      <c r="F6643" t="str">
        <f>IF(C6643="CLAY", INDEX(D$4:D6643, MATCH("CLAY", C$4:C6643, 0)), "")</f>
        <v/>
      </c>
    </row>
    <row r="6644" spans="1:6" x14ac:dyDescent="0.2">
      <c r="A6644" s="239">
        <f>'CPT Data'!B6652</f>
        <v>66.081999999999994</v>
      </c>
      <c r="B6644" s="3">
        <f>'CPT Data'!C6652</f>
        <v>66.074999999999989</v>
      </c>
      <c r="C6644" t="str">
        <f>'CPT Data'!P6652</f>
        <v>SAND</v>
      </c>
      <c r="D6644" t="e">
        <f>'CPT Data'!Q6652</f>
        <v>#N/A</v>
      </c>
      <c r="E6644" t="e">
        <f t="shared" si="104"/>
        <v>#N/A</v>
      </c>
      <c r="F6644" t="str">
        <f>IF(C6644="CLAY", INDEX(D$4:D6644, MATCH("CLAY", C$4:C6644, 0)), "")</f>
        <v/>
      </c>
    </row>
    <row r="6645" spans="1:6" x14ac:dyDescent="0.2">
      <c r="A6645" s="239">
        <f>'CPT Data'!B6653</f>
        <v>66.090999999999994</v>
      </c>
      <c r="B6645" s="3">
        <f>'CPT Data'!C6653</f>
        <v>66.083999999999989</v>
      </c>
      <c r="C6645" t="str">
        <f>'CPT Data'!P6653</f>
        <v>SAND</v>
      </c>
      <c r="D6645" t="e">
        <f>'CPT Data'!Q6653</f>
        <v>#N/A</v>
      </c>
      <c r="E6645" t="e">
        <f t="shared" si="104"/>
        <v>#N/A</v>
      </c>
      <c r="F6645" t="str">
        <f>IF(C6645="CLAY", INDEX(D$4:D6645, MATCH("CLAY", C$4:C6645, 0)), "")</f>
        <v/>
      </c>
    </row>
    <row r="6646" spans="1:6" x14ac:dyDescent="0.2">
      <c r="A6646" s="239">
        <f>'CPT Data'!B6654</f>
        <v>66.100999999999999</v>
      </c>
      <c r="B6646" s="3">
        <f>'CPT Data'!C6654</f>
        <v>66.093999999999994</v>
      </c>
      <c r="C6646" t="str">
        <f>'CPT Data'!P6654</f>
        <v>SAND</v>
      </c>
      <c r="D6646" t="e">
        <f>'CPT Data'!Q6654</f>
        <v>#N/A</v>
      </c>
      <c r="E6646" t="e">
        <f t="shared" si="104"/>
        <v>#N/A</v>
      </c>
      <c r="F6646" t="str">
        <f>IF(C6646="CLAY", INDEX(D$4:D6646, MATCH("CLAY", C$4:C6646, 0)), "")</f>
        <v/>
      </c>
    </row>
    <row r="6647" spans="1:6" x14ac:dyDescent="0.2">
      <c r="A6647" s="239">
        <f>'CPT Data'!B6655</f>
        <v>66.111000000000004</v>
      </c>
      <c r="B6647" s="3">
        <f>'CPT Data'!C6655</f>
        <v>66.103999999999999</v>
      </c>
      <c r="C6647" t="str">
        <f>'CPT Data'!P6655</f>
        <v>SAND</v>
      </c>
      <c r="D6647" t="e">
        <f>'CPT Data'!Q6655</f>
        <v>#N/A</v>
      </c>
      <c r="E6647" t="e">
        <f t="shared" si="104"/>
        <v>#N/A</v>
      </c>
      <c r="F6647" t="str">
        <f>IF(C6647="CLAY", INDEX(D$4:D6647, MATCH("CLAY", C$4:C6647, 0)), "")</f>
        <v/>
      </c>
    </row>
    <row r="6648" spans="1:6" x14ac:dyDescent="0.2">
      <c r="A6648" s="239">
        <f>'CPT Data'!B6656</f>
        <v>66.162999999999997</v>
      </c>
      <c r="B6648" s="3">
        <f>'CPT Data'!C6656</f>
        <v>66.155999999999992</v>
      </c>
      <c r="C6648" t="str">
        <f>'CPT Data'!P6656</f>
        <v>SAND</v>
      </c>
      <c r="D6648" t="e">
        <f>'CPT Data'!Q6656</f>
        <v>#N/A</v>
      </c>
      <c r="E6648" t="e">
        <f t="shared" si="104"/>
        <v>#N/A</v>
      </c>
      <c r="F6648" t="str">
        <f>IF(C6648="CLAY", INDEX(D$4:D6648, MATCH("CLAY", C$4:C6648, 0)), "")</f>
        <v/>
      </c>
    </row>
    <row r="6649" spans="1:6" x14ac:dyDescent="0.2">
      <c r="A6649" s="239">
        <f>'CPT Data'!B6657</f>
        <v>66.173000000000002</v>
      </c>
      <c r="B6649" s="3">
        <f>'CPT Data'!C6657</f>
        <v>66.165999999999997</v>
      </c>
      <c r="C6649" t="str">
        <f>'CPT Data'!P6657</f>
        <v>SAND</v>
      </c>
      <c r="D6649" t="e">
        <f>'CPT Data'!Q6657</f>
        <v>#N/A</v>
      </c>
      <c r="E6649" t="e">
        <f t="shared" si="104"/>
        <v>#N/A</v>
      </c>
      <c r="F6649" t="str">
        <f>IF(C6649="CLAY", INDEX(D$4:D6649, MATCH("CLAY", C$4:C6649, 0)), "")</f>
        <v/>
      </c>
    </row>
    <row r="6650" spans="1:6" x14ac:dyDescent="0.2">
      <c r="A6650" s="239">
        <f>'CPT Data'!B6658</f>
        <v>66.183000000000007</v>
      </c>
      <c r="B6650" s="3">
        <f>'CPT Data'!C6658</f>
        <v>66.176000000000002</v>
      </c>
      <c r="C6650" t="str">
        <f>'CPT Data'!P6658</f>
        <v>SAND</v>
      </c>
      <c r="D6650" t="e">
        <f>'CPT Data'!Q6658</f>
        <v>#N/A</v>
      </c>
      <c r="E6650" t="e">
        <f t="shared" si="104"/>
        <v>#N/A</v>
      </c>
      <c r="F6650" t="str">
        <f>IF(C6650="CLAY", INDEX(D$4:D6650, MATCH("CLAY", C$4:C6650, 0)), "")</f>
        <v/>
      </c>
    </row>
    <row r="6651" spans="1:6" x14ac:dyDescent="0.2">
      <c r="A6651" s="239">
        <f>'CPT Data'!B6659</f>
        <v>66.192999999999998</v>
      </c>
      <c r="B6651" s="3">
        <f>'CPT Data'!C6659</f>
        <v>66.185999999999993</v>
      </c>
      <c r="C6651" t="str">
        <f>'CPT Data'!P6659</f>
        <v>SAND</v>
      </c>
      <c r="D6651" t="e">
        <f>'CPT Data'!Q6659</f>
        <v>#N/A</v>
      </c>
      <c r="E6651" t="e">
        <f t="shared" si="104"/>
        <v>#N/A</v>
      </c>
      <c r="F6651" t="str">
        <f>IF(C6651="CLAY", INDEX(D$4:D6651, MATCH("CLAY", C$4:C6651, 0)), "")</f>
        <v/>
      </c>
    </row>
    <row r="6652" spans="1:6" x14ac:dyDescent="0.2">
      <c r="A6652" s="239">
        <f>'CPT Data'!B6660</f>
        <v>66.248999999999995</v>
      </c>
      <c r="B6652" s="3">
        <f>'CPT Data'!C6660</f>
        <v>66.24199999999999</v>
      </c>
      <c r="C6652" t="str">
        <f>'CPT Data'!P6660</f>
        <v>SAND</v>
      </c>
      <c r="D6652" t="e">
        <f>'CPT Data'!Q6660</f>
        <v>#N/A</v>
      </c>
      <c r="E6652" t="e">
        <f t="shared" si="104"/>
        <v>#N/A</v>
      </c>
      <c r="F6652" t="str">
        <f>IF(C6652="CLAY", INDEX(D$4:D6652, MATCH("CLAY", C$4:C6652, 0)), "")</f>
        <v/>
      </c>
    </row>
    <row r="6653" spans="1:6" x14ac:dyDescent="0.2">
      <c r="A6653" s="239">
        <f>'CPT Data'!B6661</f>
        <v>66.259</v>
      </c>
      <c r="B6653" s="3">
        <f>'CPT Data'!C6661</f>
        <v>66.251999999999995</v>
      </c>
      <c r="C6653" t="str">
        <f>'CPT Data'!P6661</f>
        <v>SAND</v>
      </c>
      <c r="D6653" t="e">
        <f>'CPT Data'!Q6661</f>
        <v>#N/A</v>
      </c>
      <c r="E6653" t="e">
        <f t="shared" si="104"/>
        <v>#N/A</v>
      </c>
      <c r="F6653" t="str">
        <f>IF(C6653="CLAY", INDEX(D$4:D6653, MATCH("CLAY", C$4:C6653, 0)), "")</f>
        <v/>
      </c>
    </row>
    <row r="6654" spans="1:6" x14ac:dyDescent="0.2">
      <c r="A6654" s="239">
        <f>'CPT Data'!B6662</f>
        <v>66.269000000000005</v>
      </c>
      <c r="B6654" s="3">
        <f>'CPT Data'!C6662</f>
        <v>66.262</v>
      </c>
      <c r="C6654" t="str">
        <f>'CPT Data'!P6662</f>
        <v>SAND</v>
      </c>
      <c r="D6654" t="e">
        <f>'CPT Data'!Q6662</f>
        <v>#N/A</v>
      </c>
      <c r="E6654" t="e">
        <f t="shared" si="104"/>
        <v>#N/A</v>
      </c>
      <c r="F6654" t="str">
        <f>IF(C6654="CLAY", INDEX(D$4:D6654, MATCH("CLAY", C$4:C6654, 0)), "")</f>
        <v/>
      </c>
    </row>
    <row r="6655" spans="1:6" x14ac:dyDescent="0.2">
      <c r="A6655" s="239">
        <f>'CPT Data'!B6663</f>
        <v>66.28</v>
      </c>
      <c r="B6655" s="3">
        <f>'CPT Data'!C6663</f>
        <v>66.272999999999996</v>
      </c>
      <c r="C6655" t="str">
        <f>'CPT Data'!P6663</f>
        <v>SAND</v>
      </c>
      <c r="D6655" t="e">
        <f>'CPT Data'!Q6663</f>
        <v>#N/A</v>
      </c>
      <c r="E6655" t="e">
        <f t="shared" si="104"/>
        <v>#N/A</v>
      </c>
      <c r="F6655" t="str">
        <f>IF(C6655="CLAY", INDEX(D$4:D6655, MATCH("CLAY", C$4:C6655, 0)), "")</f>
        <v/>
      </c>
    </row>
    <row r="6656" spans="1:6" x14ac:dyDescent="0.2">
      <c r="A6656" s="239">
        <f>'CPT Data'!B6664</f>
        <v>66.289000000000001</v>
      </c>
      <c r="B6656" s="3">
        <f>'CPT Data'!C6664</f>
        <v>66.281999999999996</v>
      </c>
      <c r="C6656" t="str">
        <f>'CPT Data'!P6664</f>
        <v>SAND</v>
      </c>
      <c r="D6656" t="e">
        <f>'CPT Data'!Q6664</f>
        <v>#N/A</v>
      </c>
      <c r="E6656" t="e">
        <f t="shared" si="104"/>
        <v>#N/A</v>
      </c>
      <c r="F6656" t="str">
        <f>IF(C6656="CLAY", INDEX(D$4:D6656, MATCH("CLAY", C$4:C6656, 0)), "")</f>
        <v/>
      </c>
    </row>
    <row r="6657" spans="1:6" x14ac:dyDescent="0.2">
      <c r="A6657" s="239">
        <f>'CPT Data'!B6665</f>
        <v>66.301000000000002</v>
      </c>
      <c r="B6657" s="3">
        <f>'CPT Data'!C6665</f>
        <v>66.293999999999997</v>
      </c>
      <c r="C6657" t="str">
        <f>'CPT Data'!P6665</f>
        <v>SAND</v>
      </c>
      <c r="D6657" t="e">
        <f>'CPT Data'!Q6665</f>
        <v>#N/A</v>
      </c>
      <c r="E6657" t="e">
        <f t="shared" si="104"/>
        <v>#N/A</v>
      </c>
      <c r="F6657" t="str">
        <f>IF(C6657="CLAY", INDEX(D$4:D6657, MATCH("CLAY", C$4:C6657, 0)), "")</f>
        <v/>
      </c>
    </row>
    <row r="6658" spans="1:6" x14ac:dyDescent="0.2">
      <c r="A6658" s="239">
        <f>'CPT Data'!B6666</f>
        <v>66.311000000000007</v>
      </c>
      <c r="B6658" s="3">
        <f>'CPT Data'!C6666</f>
        <v>66.304000000000002</v>
      </c>
      <c r="C6658" t="str">
        <f>'CPT Data'!P6666</f>
        <v>SAND</v>
      </c>
      <c r="D6658" t="e">
        <f>'CPT Data'!Q6666</f>
        <v>#N/A</v>
      </c>
      <c r="E6658" t="e">
        <f t="shared" si="104"/>
        <v>#N/A</v>
      </c>
      <c r="F6658" t="str">
        <f>IF(C6658="CLAY", INDEX(D$4:D6658, MATCH("CLAY", C$4:C6658, 0)), "")</f>
        <v/>
      </c>
    </row>
    <row r="6659" spans="1:6" x14ac:dyDescent="0.2">
      <c r="A6659" s="239">
        <f>'CPT Data'!B6667</f>
        <v>66.319999999999993</v>
      </c>
      <c r="B6659" s="3">
        <f>'CPT Data'!C6667</f>
        <v>66.312999999999988</v>
      </c>
      <c r="C6659" t="str">
        <f>'CPT Data'!P6667</f>
        <v>SAND</v>
      </c>
      <c r="D6659" t="e">
        <f>'CPT Data'!Q6667</f>
        <v>#N/A</v>
      </c>
      <c r="E6659" t="e">
        <f t="shared" si="104"/>
        <v>#N/A</v>
      </c>
      <c r="F6659" t="str">
        <f>IF(C6659="CLAY", INDEX(D$4:D6659, MATCH("CLAY", C$4:C6659, 0)), "")</f>
        <v/>
      </c>
    </row>
    <row r="6660" spans="1:6" x14ac:dyDescent="0.2">
      <c r="A6660" s="239">
        <f>'CPT Data'!B6668</f>
        <v>66.331000000000003</v>
      </c>
      <c r="B6660" s="3">
        <f>'CPT Data'!C6668</f>
        <v>66.323999999999998</v>
      </c>
      <c r="C6660" t="str">
        <f>'CPT Data'!P6668</f>
        <v>SAND</v>
      </c>
      <c r="D6660" t="e">
        <f>'CPT Data'!Q6668</f>
        <v>#N/A</v>
      </c>
      <c r="E6660" t="e">
        <f t="shared" si="104"/>
        <v>#N/A</v>
      </c>
      <c r="F6660" t="str">
        <f>IF(C6660="CLAY", INDEX(D$4:D6660, MATCH("CLAY", C$4:C6660, 0)), "")</f>
        <v/>
      </c>
    </row>
    <row r="6661" spans="1:6" x14ac:dyDescent="0.2">
      <c r="A6661" s="239">
        <f>'CPT Data'!B6669</f>
        <v>66.340999999999994</v>
      </c>
      <c r="B6661" s="3">
        <f>'CPT Data'!C6669</f>
        <v>66.333999999999989</v>
      </c>
      <c r="C6661" t="str">
        <f>'CPT Data'!P6669</f>
        <v>SAND</v>
      </c>
      <c r="D6661" t="e">
        <f>'CPT Data'!Q6669</f>
        <v>#N/A</v>
      </c>
      <c r="E6661" t="e">
        <f t="shared" si="104"/>
        <v>#N/A</v>
      </c>
      <c r="F6661" t="str">
        <f>IF(C6661="CLAY", INDEX(D$4:D6661, MATCH("CLAY", C$4:C6661, 0)), "")</f>
        <v/>
      </c>
    </row>
    <row r="6662" spans="1:6" x14ac:dyDescent="0.2">
      <c r="A6662" s="239">
        <f>'CPT Data'!B6670</f>
        <v>66.352000000000004</v>
      </c>
      <c r="B6662" s="3">
        <f>'CPT Data'!C6670</f>
        <v>66.344999999999999</v>
      </c>
      <c r="C6662" t="str">
        <f>'CPT Data'!P6670</f>
        <v>SAND</v>
      </c>
      <c r="D6662" t="e">
        <f>'CPT Data'!Q6670</f>
        <v>#N/A</v>
      </c>
      <c r="E6662" t="e">
        <f t="shared" si="104"/>
        <v>#N/A</v>
      </c>
      <c r="F6662" t="str">
        <f>IF(C6662="CLAY", INDEX(D$4:D6662, MATCH("CLAY", C$4:C6662, 0)), "")</f>
        <v/>
      </c>
    </row>
    <row r="6663" spans="1:6" x14ac:dyDescent="0.2">
      <c r="A6663" s="239">
        <f>'CPT Data'!B6671</f>
        <v>66.361999999999995</v>
      </c>
      <c r="B6663" s="3">
        <f>'CPT Data'!C6671</f>
        <v>66.35499999999999</v>
      </c>
      <c r="C6663" t="str">
        <f>'CPT Data'!P6671</f>
        <v>SAND</v>
      </c>
      <c r="D6663" t="e">
        <f>'CPT Data'!Q6671</f>
        <v>#N/A</v>
      </c>
      <c r="E6663" t="e">
        <f t="shared" si="104"/>
        <v>#N/A</v>
      </c>
      <c r="F6663" t="str">
        <f>IF(C6663="CLAY", INDEX(D$4:D6663, MATCH("CLAY", C$4:C6663, 0)), "")</f>
        <v/>
      </c>
    </row>
    <row r="6664" spans="1:6" x14ac:dyDescent="0.2">
      <c r="A6664" s="239">
        <f>'CPT Data'!B6672</f>
        <v>66.373000000000005</v>
      </c>
      <c r="B6664" s="3">
        <f>'CPT Data'!C6672</f>
        <v>66.366</v>
      </c>
      <c r="C6664" t="str">
        <f>'CPT Data'!P6672</f>
        <v>SAND</v>
      </c>
      <c r="D6664" t="e">
        <f>'CPT Data'!Q6672</f>
        <v>#N/A</v>
      </c>
      <c r="E6664" t="e">
        <f t="shared" si="104"/>
        <v>#N/A</v>
      </c>
      <c r="F6664" t="str">
        <f>IF(C6664="CLAY", INDEX(D$4:D6664, MATCH("CLAY", C$4:C6664, 0)), "")</f>
        <v/>
      </c>
    </row>
    <row r="6665" spans="1:6" x14ac:dyDescent="0.2">
      <c r="A6665" s="239">
        <f>'CPT Data'!B6673</f>
        <v>66.382999999999996</v>
      </c>
      <c r="B6665" s="3">
        <f>'CPT Data'!C6673</f>
        <v>66.375999999999991</v>
      </c>
      <c r="C6665" t="str">
        <f>'CPT Data'!P6673</f>
        <v>SAND</v>
      </c>
      <c r="D6665" t="e">
        <f>'CPT Data'!Q6673</f>
        <v>#N/A</v>
      </c>
      <c r="E6665" t="e">
        <f t="shared" si="104"/>
        <v>#N/A</v>
      </c>
      <c r="F6665" t="str">
        <f>IF(C6665="CLAY", INDEX(D$4:D6665, MATCH("CLAY", C$4:C6665, 0)), "")</f>
        <v/>
      </c>
    </row>
    <row r="6666" spans="1:6" x14ac:dyDescent="0.2">
      <c r="A6666" s="239">
        <f>'CPT Data'!B6674</f>
        <v>66.393000000000001</v>
      </c>
      <c r="B6666" s="3">
        <f>'CPT Data'!C6674</f>
        <v>66.385999999999996</v>
      </c>
      <c r="C6666" t="str">
        <f>'CPT Data'!P6674</f>
        <v>SAND</v>
      </c>
      <c r="D6666" t="e">
        <f>'CPT Data'!Q6674</f>
        <v>#N/A</v>
      </c>
      <c r="E6666" t="e">
        <f t="shared" si="104"/>
        <v>#N/A</v>
      </c>
      <c r="F6666" t="str">
        <f>IF(C6666="CLAY", INDEX(D$4:D6666, MATCH("CLAY", C$4:C6666, 0)), "")</f>
        <v/>
      </c>
    </row>
    <row r="6667" spans="1:6" x14ac:dyDescent="0.2">
      <c r="A6667" s="239">
        <f>'CPT Data'!B6675</f>
        <v>66.403000000000006</v>
      </c>
      <c r="B6667" s="3">
        <f>'CPT Data'!C6675</f>
        <v>66.396000000000001</v>
      </c>
      <c r="C6667" t="str">
        <f>'CPT Data'!P6675</f>
        <v>SAND</v>
      </c>
      <c r="D6667" t="e">
        <f>'CPT Data'!Q6675</f>
        <v>#N/A</v>
      </c>
      <c r="E6667" t="e">
        <f t="shared" si="104"/>
        <v>#N/A</v>
      </c>
      <c r="F6667" t="str">
        <f>IF(C6667="CLAY", INDEX(D$4:D6667, MATCH("CLAY", C$4:C6667, 0)), "")</f>
        <v/>
      </c>
    </row>
    <row r="6668" spans="1:6" x14ac:dyDescent="0.2">
      <c r="A6668" s="239">
        <f>'CPT Data'!B6676</f>
        <v>66.412999999999997</v>
      </c>
      <c r="B6668" s="3">
        <f>'CPT Data'!C6676</f>
        <v>66.405999999999992</v>
      </c>
      <c r="C6668" t="str">
        <f>'CPT Data'!P6676</f>
        <v>SAND</v>
      </c>
      <c r="D6668" t="e">
        <f>'CPT Data'!Q6676</f>
        <v>#N/A</v>
      </c>
      <c r="E6668" t="e">
        <f t="shared" si="104"/>
        <v>#N/A</v>
      </c>
      <c r="F6668" t="str">
        <f>IF(C6668="CLAY", INDEX(D$4:D6668, MATCH("CLAY", C$4:C6668, 0)), "")</f>
        <v/>
      </c>
    </row>
    <row r="6669" spans="1:6" x14ac:dyDescent="0.2">
      <c r="A6669" s="239">
        <f>'CPT Data'!B6677</f>
        <v>66.424000000000007</v>
      </c>
      <c r="B6669" s="3">
        <f>'CPT Data'!C6677</f>
        <v>66.417000000000002</v>
      </c>
      <c r="C6669" t="str">
        <f>'CPT Data'!P6677</f>
        <v>SAND</v>
      </c>
      <c r="D6669" t="e">
        <f>'CPT Data'!Q6677</f>
        <v>#N/A</v>
      </c>
      <c r="E6669" t="e">
        <f t="shared" si="104"/>
        <v>#N/A</v>
      </c>
      <c r="F6669" t="str">
        <f>IF(C6669="CLAY", INDEX(D$4:D6669, MATCH("CLAY", C$4:C6669, 0)), "")</f>
        <v/>
      </c>
    </row>
    <row r="6670" spans="1:6" x14ac:dyDescent="0.2">
      <c r="A6670" s="239">
        <f>'CPT Data'!B6678</f>
        <v>66.433999999999997</v>
      </c>
      <c r="B6670" s="3">
        <f>'CPT Data'!C6678</f>
        <v>66.426999999999992</v>
      </c>
      <c r="C6670" t="str">
        <f>'CPT Data'!P6678</f>
        <v>SAND</v>
      </c>
      <c r="D6670" t="e">
        <f>'CPT Data'!Q6678</f>
        <v>#N/A</v>
      </c>
      <c r="E6670" t="e">
        <f t="shared" si="104"/>
        <v>#N/A</v>
      </c>
      <c r="F6670" t="str">
        <f>IF(C6670="CLAY", INDEX(D$4:D6670, MATCH("CLAY", C$4:C6670, 0)), "")</f>
        <v/>
      </c>
    </row>
    <row r="6671" spans="1:6" x14ac:dyDescent="0.2">
      <c r="A6671" s="239">
        <f>'CPT Data'!B6679</f>
        <v>66.442999999999998</v>
      </c>
      <c r="B6671" s="3">
        <f>'CPT Data'!C6679</f>
        <v>66.435999999999993</v>
      </c>
      <c r="C6671" t="str">
        <f>'CPT Data'!P6679</f>
        <v>SAND</v>
      </c>
      <c r="D6671" t="e">
        <f>'CPT Data'!Q6679</f>
        <v>#N/A</v>
      </c>
      <c r="E6671" t="e">
        <f t="shared" si="104"/>
        <v>#N/A</v>
      </c>
      <c r="F6671" t="str">
        <f>IF(C6671="CLAY", INDEX(D$4:D6671, MATCH("CLAY", C$4:C6671, 0)), "")</f>
        <v/>
      </c>
    </row>
    <row r="6672" spans="1:6" x14ac:dyDescent="0.2">
      <c r="A6672" s="239">
        <f>'CPT Data'!B6680</f>
        <v>66.454999999999998</v>
      </c>
      <c r="B6672" s="3">
        <f>'CPT Data'!C6680</f>
        <v>66.447999999999993</v>
      </c>
      <c r="C6672" t="str">
        <f>'CPT Data'!P6680</f>
        <v>SAND</v>
      </c>
      <c r="D6672" t="e">
        <f>'CPT Data'!Q6680</f>
        <v>#N/A</v>
      </c>
      <c r="E6672" t="e">
        <f t="shared" si="104"/>
        <v>#N/A</v>
      </c>
      <c r="F6672" t="str">
        <f>IF(C6672="CLAY", INDEX(D$4:D6672, MATCH("CLAY", C$4:C6672, 0)), "")</f>
        <v/>
      </c>
    </row>
    <row r="6673" spans="1:6" x14ac:dyDescent="0.2">
      <c r="A6673" s="239">
        <f>'CPT Data'!B6681</f>
        <v>66.465000000000003</v>
      </c>
      <c r="B6673" s="3">
        <f>'CPT Data'!C6681</f>
        <v>66.457999999999998</v>
      </c>
      <c r="C6673" t="str">
        <f>'CPT Data'!P6681</f>
        <v>SAND</v>
      </c>
      <c r="D6673" t="e">
        <f>'CPT Data'!Q6681</f>
        <v>#N/A</v>
      </c>
      <c r="E6673" t="e">
        <f t="shared" si="104"/>
        <v>#N/A</v>
      </c>
      <c r="F6673" t="str">
        <f>IF(C6673="CLAY", INDEX(D$4:D6673, MATCH("CLAY", C$4:C6673, 0)), "")</f>
        <v/>
      </c>
    </row>
    <row r="6674" spans="1:6" x14ac:dyDescent="0.2">
      <c r="A6674" s="239">
        <f>'CPT Data'!B6682</f>
        <v>66.474000000000004</v>
      </c>
      <c r="B6674" s="3">
        <f>'CPT Data'!C6682</f>
        <v>66.466999999999999</v>
      </c>
      <c r="C6674" t="str">
        <f>'CPT Data'!P6682</f>
        <v>SAND</v>
      </c>
      <c r="D6674" t="e">
        <f>'CPT Data'!Q6682</f>
        <v>#N/A</v>
      </c>
      <c r="E6674" t="e">
        <f t="shared" si="104"/>
        <v>#N/A</v>
      </c>
      <c r="F6674" t="str">
        <f>IF(C6674="CLAY", INDEX(D$4:D6674, MATCH("CLAY", C$4:C6674, 0)), "")</f>
        <v/>
      </c>
    </row>
    <row r="6675" spans="1:6" x14ac:dyDescent="0.2">
      <c r="A6675" s="239">
        <f>'CPT Data'!B6683</f>
        <v>66.483999999999995</v>
      </c>
      <c r="B6675" s="3">
        <f>'CPT Data'!C6683</f>
        <v>66.47699999999999</v>
      </c>
      <c r="C6675" t="str">
        <f>'CPT Data'!P6683</f>
        <v>SAND</v>
      </c>
      <c r="D6675" t="e">
        <f>'CPT Data'!Q6683</f>
        <v>#N/A</v>
      </c>
      <c r="E6675" t="e">
        <f t="shared" si="104"/>
        <v>#N/A</v>
      </c>
      <c r="F6675" t="str">
        <f>IF(C6675="CLAY", INDEX(D$4:D6675, MATCH("CLAY", C$4:C6675, 0)), "")</f>
        <v/>
      </c>
    </row>
    <row r="6676" spans="1:6" x14ac:dyDescent="0.2">
      <c r="A6676" s="239">
        <f>'CPT Data'!B6684</f>
        <v>66.495000000000005</v>
      </c>
      <c r="B6676" s="3">
        <f>'CPT Data'!C6684</f>
        <v>66.488</v>
      </c>
      <c r="C6676" t="str">
        <f>'CPT Data'!P6684</f>
        <v>SAND</v>
      </c>
      <c r="D6676" t="e">
        <f>'CPT Data'!Q6684</f>
        <v>#N/A</v>
      </c>
      <c r="E6676" t="e">
        <f t="shared" si="104"/>
        <v>#N/A</v>
      </c>
      <c r="F6676" t="str">
        <f>IF(C6676="CLAY", INDEX(D$4:D6676, MATCH("CLAY", C$4:C6676, 0)), "")</f>
        <v/>
      </c>
    </row>
    <row r="6677" spans="1:6" x14ac:dyDescent="0.2">
      <c r="A6677" s="239">
        <f>'CPT Data'!B6685</f>
        <v>66.504999999999995</v>
      </c>
      <c r="B6677" s="3">
        <f>'CPT Data'!C6685</f>
        <v>66.49799999999999</v>
      </c>
      <c r="C6677" t="str">
        <f>'CPT Data'!P6685</f>
        <v>SAND</v>
      </c>
      <c r="D6677" t="e">
        <f>'CPT Data'!Q6685</f>
        <v>#N/A</v>
      </c>
      <c r="E6677" t="e">
        <f t="shared" si="104"/>
        <v>#N/A</v>
      </c>
      <c r="F6677" t="str">
        <f>IF(C6677="CLAY", INDEX(D$4:D6677, MATCH("CLAY", C$4:C6677, 0)), "")</f>
        <v/>
      </c>
    </row>
    <row r="6678" spans="1:6" x14ac:dyDescent="0.2">
      <c r="A6678" s="239">
        <f>'CPT Data'!B6686</f>
        <v>66.513999999999996</v>
      </c>
      <c r="B6678" s="3">
        <f>'CPT Data'!C6686</f>
        <v>66.506999999999991</v>
      </c>
      <c r="C6678" t="str">
        <f>'CPT Data'!P6686</f>
        <v>SAND</v>
      </c>
      <c r="D6678" t="e">
        <f>'CPT Data'!Q6686</f>
        <v>#N/A</v>
      </c>
      <c r="E6678" t="e">
        <f t="shared" si="104"/>
        <v>#N/A</v>
      </c>
      <c r="F6678" t="str">
        <f>IF(C6678="CLAY", INDEX(D$4:D6678, MATCH("CLAY", C$4:C6678, 0)), "")</f>
        <v/>
      </c>
    </row>
    <row r="6679" spans="1:6" x14ac:dyDescent="0.2">
      <c r="A6679" s="239">
        <f>'CPT Data'!B6687</f>
        <v>66.525000000000006</v>
      </c>
      <c r="B6679" s="3">
        <f>'CPT Data'!C6687</f>
        <v>66.518000000000001</v>
      </c>
      <c r="C6679" t="str">
        <f>'CPT Data'!P6687</f>
        <v>SAND</v>
      </c>
      <c r="D6679" t="e">
        <f>'CPT Data'!Q6687</f>
        <v>#N/A</v>
      </c>
      <c r="E6679" t="e">
        <f t="shared" si="104"/>
        <v>#N/A</v>
      </c>
      <c r="F6679" t="str">
        <f>IF(C6679="CLAY", INDEX(D$4:D6679, MATCH("CLAY", C$4:C6679, 0)), "")</f>
        <v/>
      </c>
    </row>
    <row r="6680" spans="1:6" x14ac:dyDescent="0.2">
      <c r="A6680" s="239">
        <f>'CPT Data'!B6688</f>
        <v>66.534999999999997</v>
      </c>
      <c r="B6680" s="3">
        <f>'CPT Data'!C6688</f>
        <v>66.527999999999992</v>
      </c>
      <c r="C6680" t="str">
        <f>'CPT Data'!P6688</f>
        <v>SAND</v>
      </c>
      <c r="D6680" t="e">
        <f>'CPT Data'!Q6688</f>
        <v>#N/A</v>
      </c>
      <c r="E6680" t="e">
        <f t="shared" si="104"/>
        <v>#N/A</v>
      </c>
      <c r="F6680" t="str">
        <f>IF(C6680="CLAY", INDEX(D$4:D6680, MATCH("CLAY", C$4:C6680, 0)), "")</f>
        <v/>
      </c>
    </row>
    <row r="6681" spans="1:6" x14ac:dyDescent="0.2">
      <c r="A6681" s="239">
        <f>'CPT Data'!B6689</f>
        <v>66.545000000000002</v>
      </c>
      <c r="B6681" s="3">
        <f>'CPT Data'!C6689</f>
        <v>66.537999999999997</v>
      </c>
      <c r="C6681" t="str">
        <f>'CPT Data'!P6689</f>
        <v>SAND</v>
      </c>
      <c r="D6681" t="e">
        <f>'CPT Data'!Q6689</f>
        <v>#N/A</v>
      </c>
      <c r="E6681" t="e">
        <f t="shared" si="104"/>
        <v>#N/A</v>
      </c>
      <c r="F6681" t="str">
        <f>IF(C6681="CLAY", INDEX(D$4:D6681, MATCH("CLAY", C$4:C6681, 0)), "")</f>
        <v/>
      </c>
    </row>
    <row r="6682" spans="1:6" x14ac:dyDescent="0.2">
      <c r="A6682" s="239">
        <f>'CPT Data'!B6690</f>
        <v>66.555999999999997</v>
      </c>
      <c r="B6682" s="3">
        <f>'CPT Data'!C6690</f>
        <v>66.548999999999992</v>
      </c>
      <c r="C6682" t="str">
        <f>'CPT Data'!P6690</f>
        <v>SAND</v>
      </c>
      <c r="D6682" t="e">
        <f>'CPT Data'!Q6690</f>
        <v>#N/A</v>
      </c>
      <c r="E6682" t="e">
        <f t="shared" si="104"/>
        <v>#N/A</v>
      </c>
      <c r="F6682" t="str">
        <f>IF(C6682="CLAY", INDEX(D$4:D6682, MATCH("CLAY", C$4:C6682, 0)), "")</f>
        <v/>
      </c>
    </row>
    <row r="6683" spans="1:6" x14ac:dyDescent="0.2">
      <c r="A6683" s="239">
        <f>'CPT Data'!B6691</f>
        <v>66.564999999999998</v>
      </c>
      <c r="B6683" s="3">
        <f>'CPT Data'!C6691</f>
        <v>66.557999999999993</v>
      </c>
      <c r="C6683" t="str">
        <f>'CPT Data'!P6691</f>
        <v>SAND</v>
      </c>
      <c r="D6683" t="e">
        <f>'CPT Data'!Q6691</f>
        <v>#N/A</v>
      </c>
      <c r="E6683" t="e">
        <f t="shared" ref="E6683:E6746" si="105">IF(C6683="SAND",#N/A,IF(C6683=C6682,D6682,IF(C6683="CLAY",D6683,#N/A)))</f>
        <v>#N/A</v>
      </c>
      <c r="F6683" t="str">
        <f>IF(C6683="CLAY", INDEX(D$4:D6683, MATCH("CLAY", C$4:C6683, 0)), "")</f>
        <v/>
      </c>
    </row>
    <row r="6684" spans="1:6" x14ac:dyDescent="0.2">
      <c r="A6684" s="239">
        <f>'CPT Data'!B6692</f>
        <v>66.573999999999998</v>
      </c>
      <c r="B6684" s="3">
        <f>'CPT Data'!C6692</f>
        <v>66.566999999999993</v>
      </c>
      <c r="C6684" t="str">
        <f>'CPT Data'!P6692</f>
        <v>SAND</v>
      </c>
      <c r="D6684" t="e">
        <f>'CPT Data'!Q6692</f>
        <v>#N/A</v>
      </c>
      <c r="E6684" t="e">
        <f t="shared" si="105"/>
        <v>#N/A</v>
      </c>
      <c r="F6684" t="str">
        <f>IF(C6684="CLAY", INDEX(D$4:D6684, MATCH("CLAY", C$4:C6684, 0)), "")</f>
        <v/>
      </c>
    </row>
    <row r="6685" spans="1:6" x14ac:dyDescent="0.2">
      <c r="A6685" s="239">
        <f>'CPT Data'!B6693</f>
        <v>66.584000000000003</v>
      </c>
      <c r="B6685" s="3">
        <f>'CPT Data'!C6693</f>
        <v>66.576999999999998</v>
      </c>
      <c r="C6685" t="str">
        <f>'CPT Data'!P6693</f>
        <v>SAND</v>
      </c>
      <c r="D6685" t="e">
        <f>'CPT Data'!Q6693</f>
        <v>#N/A</v>
      </c>
      <c r="E6685" t="e">
        <f t="shared" si="105"/>
        <v>#N/A</v>
      </c>
      <c r="F6685" t="str">
        <f>IF(C6685="CLAY", INDEX(D$4:D6685, MATCH("CLAY", C$4:C6685, 0)), "")</f>
        <v/>
      </c>
    </row>
    <row r="6686" spans="1:6" x14ac:dyDescent="0.2">
      <c r="A6686" s="239">
        <f>'CPT Data'!B6694</f>
        <v>66.593999999999994</v>
      </c>
      <c r="B6686" s="3">
        <f>'CPT Data'!C6694</f>
        <v>66.586999999999989</v>
      </c>
      <c r="C6686" t="str">
        <f>'CPT Data'!P6694</f>
        <v>SAND</v>
      </c>
      <c r="D6686" t="e">
        <f>'CPT Data'!Q6694</f>
        <v>#N/A</v>
      </c>
      <c r="E6686" t="e">
        <f t="shared" si="105"/>
        <v>#N/A</v>
      </c>
      <c r="F6686" t="str">
        <f>IF(C6686="CLAY", INDEX(D$4:D6686, MATCH("CLAY", C$4:C6686, 0)), "")</f>
        <v/>
      </c>
    </row>
    <row r="6687" spans="1:6" x14ac:dyDescent="0.2">
      <c r="A6687" s="239">
        <f>'CPT Data'!B6695</f>
        <v>66.603999999999999</v>
      </c>
      <c r="B6687" s="3">
        <f>'CPT Data'!C6695</f>
        <v>66.596999999999994</v>
      </c>
      <c r="C6687" t="str">
        <f>'CPT Data'!P6695</f>
        <v>SAND</v>
      </c>
      <c r="D6687" t="e">
        <f>'CPT Data'!Q6695</f>
        <v>#N/A</v>
      </c>
      <c r="E6687" t="e">
        <f t="shared" si="105"/>
        <v>#N/A</v>
      </c>
      <c r="F6687" t="str">
        <f>IF(C6687="CLAY", INDEX(D$4:D6687, MATCH("CLAY", C$4:C6687, 0)), "")</f>
        <v/>
      </c>
    </row>
    <row r="6688" spans="1:6" x14ac:dyDescent="0.2">
      <c r="A6688" s="239">
        <f>'CPT Data'!B6696</f>
        <v>66.613</v>
      </c>
      <c r="B6688" s="3">
        <f>'CPT Data'!C6696</f>
        <v>66.605999999999995</v>
      </c>
      <c r="C6688" t="str">
        <f>'CPT Data'!P6696</f>
        <v>SAND</v>
      </c>
      <c r="D6688" t="e">
        <f>'CPT Data'!Q6696</f>
        <v>#N/A</v>
      </c>
      <c r="E6688" t="e">
        <f t="shared" si="105"/>
        <v>#N/A</v>
      </c>
      <c r="F6688" t="str">
        <f>IF(C6688="CLAY", INDEX(D$4:D6688, MATCH("CLAY", C$4:C6688, 0)), "")</f>
        <v/>
      </c>
    </row>
    <row r="6689" spans="1:6" x14ac:dyDescent="0.2">
      <c r="A6689" s="239">
        <f>'CPT Data'!B6697</f>
        <v>66.623000000000005</v>
      </c>
      <c r="B6689" s="3">
        <f>'CPT Data'!C6697</f>
        <v>66.616</v>
      </c>
      <c r="C6689" t="str">
        <f>'CPT Data'!P6697</f>
        <v>SAND</v>
      </c>
      <c r="D6689" t="e">
        <f>'CPT Data'!Q6697</f>
        <v>#N/A</v>
      </c>
      <c r="E6689" t="e">
        <f t="shared" si="105"/>
        <v>#N/A</v>
      </c>
      <c r="F6689" t="str">
        <f>IF(C6689="CLAY", INDEX(D$4:D6689, MATCH("CLAY", C$4:C6689, 0)), "")</f>
        <v/>
      </c>
    </row>
    <row r="6690" spans="1:6" x14ac:dyDescent="0.2">
      <c r="A6690" s="239">
        <f>'CPT Data'!B6698</f>
        <v>66.632000000000005</v>
      </c>
      <c r="B6690" s="3">
        <f>'CPT Data'!C6698</f>
        <v>66.625</v>
      </c>
      <c r="C6690" t="str">
        <f>'CPT Data'!P6698</f>
        <v>SAND</v>
      </c>
      <c r="D6690" t="e">
        <f>'CPT Data'!Q6698</f>
        <v>#N/A</v>
      </c>
      <c r="E6690" t="e">
        <f t="shared" si="105"/>
        <v>#N/A</v>
      </c>
      <c r="F6690" t="str">
        <f>IF(C6690="CLAY", INDEX(D$4:D6690, MATCH("CLAY", C$4:C6690, 0)), "")</f>
        <v/>
      </c>
    </row>
    <row r="6691" spans="1:6" x14ac:dyDescent="0.2">
      <c r="A6691" s="239">
        <f>'CPT Data'!B6699</f>
        <v>66.641000000000005</v>
      </c>
      <c r="B6691" s="3">
        <f>'CPT Data'!C6699</f>
        <v>66.634</v>
      </c>
      <c r="C6691" t="str">
        <f>'CPT Data'!P6699</f>
        <v>SAND</v>
      </c>
      <c r="D6691" t="e">
        <f>'CPT Data'!Q6699</f>
        <v>#N/A</v>
      </c>
      <c r="E6691" t="e">
        <f t="shared" si="105"/>
        <v>#N/A</v>
      </c>
      <c r="F6691" t="str">
        <f>IF(C6691="CLAY", INDEX(D$4:D6691, MATCH("CLAY", C$4:C6691, 0)), "")</f>
        <v/>
      </c>
    </row>
    <row r="6692" spans="1:6" x14ac:dyDescent="0.2">
      <c r="A6692" s="239">
        <f>'CPT Data'!B6700</f>
        <v>66.652000000000001</v>
      </c>
      <c r="B6692" s="3">
        <f>'CPT Data'!C6700</f>
        <v>66.644999999999996</v>
      </c>
      <c r="C6692" t="str">
        <f>'CPT Data'!P6700</f>
        <v>SAND</v>
      </c>
      <c r="D6692" t="e">
        <f>'CPT Data'!Q6700</f>
        <v>#N/A</v>
      </c>
      <c r="E6692" t="e">
        <f t="shared" si="105"/>
        <v>#N/A</v>
      </c>
      <c r="F6692" t="str">
        <f>IF(C6692="CLAY", INDEX(D$4:D6692, MATCH("CLAY", C$4:C6692, 0)), "")</f>
        <v/>
      </c>
    </row>
    <row r="6693" spans="1:6" x14ac:dyDescent="0.2">
      <c r="A6693" s="239">
        <f>'CPT Data'!B6701</f>
        <v>66.66</v>
      </c>
      <c r="B6693" s="3">
        <f>'CPT Data'!C6701</f>
        <v>66.652999999999992</v>
      </c>
      <c r="C6693" t="str">
        <f>'CPT Data'!P6701</f>
        <v>SAND</v>
      </c>
      <c r="D6693" t="e">
        <f>'CPT Data'!Q6701</f>
        <v>#N/A</v>
      </c>
      <c r="E6693" t="e">
        <f t="shared" si="105"/>
        <v>#N/A</v>
      </c>
      <c r="F6693" t="str">
        <f>IF(C6693="CLAY", INDEX(D$4:D6693, MATCH("CLAY", C$4:C6693, 0)), "")</f>
        <v/>
      </c>
    </row>
    <row r="6694" spans="1:6" x14ac:dyDescent="0.2">
      <c r="A6694" s="239">
        <f>'CPT Data'!B6702</f>
        <v>66.671000000000006</v>
      </c>
      <c r="B6694" s="3">
        <f>'CPT Data'!C6702</f>
        <v>66.664000000000001</v>
      </c>
      <c r="C6694" t="str">
        <f>'CPT Data'!P6702</f>
        <v>SAND</v>
      </c>
      <c r="D6694" t="e">
        <f>'CPT Data'!Q6702</f>
        <v>#N/A</v>
      </c>
      <c r="E6694" t="e">
        <f t="shared" si="105"/>
        <v>#N/A</v>
      </c>
      <c r="F6694" t="str">
        <f>IF(C6694="CLAY", INDEX(D$4:D6694, MATCH("CLAY", C$4:C6694, 0)), "")</f>
        <v/>
      </c>
    </row>
    <row r="6695" spans="1:6" x14ac:dyDescent="0.2">
      <c r="A6695" s="239">
        <f>'CPT Data'!B6703</f>
        <v>66.680000000000007</v>
      </c>
      <c r="B6695" s="3">
        <f>'CPT Data'!C6703</f>
        <v>66.673000000000002</v>
      </c>
      <c r="C6695" t="str">
        <f>'CPT Data'!P6703</f>
        <v>SAND</v>
      </c>
      <c r="D6695" t="e">
        <f>'CPT Data'!Q6703</f>
        <v>#N/A</v>
      </c>
      <c r="E6695" t="e">
        <f t="shared" si="105"/>
        <v>#N/A</v>
      </c>
      <c r="F6695" t="str">
        <f>IF(C6695="CLAY", INDEX(D$4:D6695, MATCH("CLAY", C$4:C6695, 0)), "")</f>
        <v/>
      </c>
    </row>
    <row r="6696" spans="1:6" x14ac:dyDescent="0.2">
      <c r="A6696" s="239">
        <f>'CPT Data'!B6704</f>
        <v>66.69</v>
      </c>
      <c r="B6696" s="3">
        <f>'CPT Data'!C6704</f>
        <v>66.682999999999993</v>
      </c>
      <c r="C6696" t="str">
        <f>'CPT Data'!P6704</f>
        <v>SAND</v>
      </c>
      <c r="D6696" t="e">
        <f>'CPT Data'!Q6704</f>
        <v>#N/A</v>
      </c>
      <c r="E6696" t="e">
        <f t="shared" si="105"/>
        <v>#N/A</v>
      </c>
      <c r="F6696" t="str">
        <f>IF(C6696="CLAY", INDEX(D$4:D6696, MATCH("CLAY", C$4:C6696, 0)), "")</f>
        <v/>
      </c>
    </row>
    <row r="6697" spans="1:6" x14ac:dyDescent="0.2">
      <c r="A6697" s="239">
        <f>'CPT Data'!B6705</f>
        <v>66.7</v>
      </c>
      <c r="B6697" s="3">
        <f>'CPT Data'!C6705</f>
        <v>66.692999999999998</v>
      </c>
      <c r="C6697" t="str">
        <f>'CPT Data'!P6705</f>
        <v>SAND</v>
      </c>
      <c r="D6697" t="e">
        <f>'CPT Data'!Q6705</f>
        <v>#N/A</v>
      </c>
      <c r="E6697" t="e">
        <f t="shared" si="105"/>
        <v>#N/A</v>
      </c>
      <c r="F6697" t="str">
        <f>IF(C6697="CLAY", INDEX(D$4:D6697, MATCH("CLAY", C$4:C6697, 0)), "")</f>
        <v/>
      </c>
    </row>
    <row r="6698" spans="1:6" x14ac:dyDescent="0.2">
      <c r="A6698" s="239">
        <f>'CPT Data'!B6706</f>
        <v>66.709999999999994</v>
      </c>
      <c r="B6698" s="3">
        <f>'CPT Data'!C6706</f>
        <v>66.702999999999989</v>
      </c>
      <c r="C6698" t="str">
        <f>'CPT Data'!P6706</f>
        <v>SAND</v>
      </c>
      <c r="D6698" t="e">
        <f>'CPT Data'!Q6706</f>
        <v>#N/A</v>
      </c>
      <c r="E6698" t="e">
        <f t="shared" si="105"/>
        <v>#N/A</v>
      </c>
      <c r="F6698" t="str">
        <f>IF(C6698="CLAY", INDEX(D$4:D6698, MATCH("CLAY", C$4:C6698, 0)), "")</f>
        <v/>
      </c>
    </row>
    <row r="6699" spans="1:6" x14ac:dyDescent="0.2">
      <c r="A6699" s="239">
        <f>'CPT Data'!B6707</f>
        <v>66.718999999999994</v>
      </c>
      <c r="B6699" s="3">
        <f>'CPT Data'!C6707</f>
        <v>66.711999999999989</v>
      </c>
      <c r="C6699" t="str">
        <f>'CPT Data'!P6707</f>
        <v>SAND</v>
      </c>
      <c r="D6699" t="e">
        <f>'CPT Data'!Q6707</f>
        <v>#N/A</v>
      </c>
      <c r="E6699" t="e">
        <f t="shared" si="105"/>
        <v>#N/A</v>
      </c>
      <c r="F6699" t="str">
        <f>IF(C6699="CLAY", INDEX(D$4:D6699, MATCH("CLAY", C$4:C6699, 0)), "")</f>
        <v/>
      </c>
    </row>
    <row r="6700" spans="1:6" x14ac:dyDescent="0.2">
      <c r="A6700" s="239">
        <f>'CPT Data'!B6708</f>
        <v>66.73</v>
      </c>
      <c r="B6700" s="3">
        <f>'CPT Data'!C6708</f>
        <v>66.722999999999999</v>
      </c>
      <c r="C6700" t="str">
        <f>'CPT Data'!P6708</f>
        <v>SAND</v>
      </c>
      <c r="D6700" t="e">
        <f>'CPT Data'!Q6708</f>
        <v>#N/A</v>
      </c>
      <c r="E6700" t="e">
        <f t="shared" si="105"/>
        <v>#N/A</v>
      </c>
      <c r="F6700" t="str">
        <f>IF(C6700="CLAY", INDEX(D$4:D6700, MATCH("CLAY", C$4:C6700, 0)), "")</f>
        <v/>
      </c>
    </row>
    <row r="6701" spans="1:6" x14ac:dyDescent="0.2">
      <c r="A6701" s="239">
        <f>'CPT Data'!B6709</f>
        <v>66.739000000000004</v>
      </c>
      <c r="B6701" s="3">
        <f>'CPT Data'!C6709</f>
        <v>66.731999999999999</v>
      </c>
      <c r="C6701" t="str">
        <f>'CPT Data'!P6709</f>
        <v>SAND</v>
      </c>
      <c r="D6701" t="e">
        <f>'CPT Data'!Q6709</f>
        <v>#N/A</v>
      </c>
      <c r="E6701" t="e">
        <f t="shared" si="105"/>
        <v>#N/A</v>
      </c>
      <c r="F6701" t="str">
        <f>IF(C6701="CLAY", INDEX(D$4:D6701, MATCH("CLAY", C$4:C6701, 0)), "")</f>
        <v/>
      </c>
    </row>
    <row r="6702" spans="1:6" x14ac:dyDescent="0.2">
      <c r="A6702" s="239">
        <f>'CPT Data'!B6710</f>
        <v>66.748000000000005</v>
      </c>
      <c r="B6702" s="3">
        <f>'CPT Data'!C6710</f>
        <v>66.741</v>
      </c>
      <c r="C6702" t="str">
        <f>'CPT Data'!P6710</f>
        <v>SAND</v>
      </c>
      <c r="D6702" t="e">
        <f>'CPT Data'!Q6710</f>
        <v>#N/A</v>
      </c>
      <c r="E6702" t="e">
        <f t="shared" si="105"/>
        <v>#N/A</v>
      </c>
      <c r="F6702" t="str">
        <f>IF(C6702="CLAY", INDEX(D$4:D6702, MATCH("CLAY", C$4:C6702, 0)), "")</f>
        <v/>
      </c>
    </row>
    <row r="6703" spans="1:6" x14ac:dyDescent="0.2">
      <c r="A6703" s="239">
        <f>'CPT Data'!B6711</f>
        <v>66.759</v>
      </c>
      <c r="B6703" s="3">
        <f>'CPT Data'!C6711</f>
        <v>66.751999999999995</v>
      </c>
      <c r="C6703" t="str">
        <f>'CPT Data'!P6711</f>
        <v>SAND</v>
      </c>
      <c r="D6703" t="e">
        <f>'CPT Data'!Q6711</f>
        <v>#N/A</v>
      </c>
      <c r="E6703" t="e">
        <f t="shared" si="105"/>
        <v>#N/A</v>
      </c>
      <c r="F6703" t="str">
        <f>IF(C6703="CLAY", INDEX(D$4:D6703, MATCH("CLAY", C$4:C6703, 0)), "")</f>
        <v/>
      </c>
    </row>
    <row r="6704" spans="1:6" x14ac:dyDescent="0.2">
      <c r="A6704" s="239">
        <f>'CPT Data'!B6712</f>
        <v>66.769000000000005</v>
      </c>
      <c r="B6704" s="3">
        <f>'CPT Data'!C6712</f>
        <v>66.762</v>
      </c>
      <c r="C6704" t="str">
        <f>'CPT Data'!P6712</f>
        <v>SAND</v>
      </c>
      <c r="D6704" t="e">
        <f>'CPT Data'!Q6712</f>
        <v>#N/A</v>
      </c>
      <c r="E6704" t="e">
        <f t="shared" si="105"/>
        <v>#N/A</v>
      </c>
      <c r="F6704" t="str">
        <f>IF(C6704="CLAY", INDEX(D$4:D6704, MATCH("CLAY", C$4:C6704, 0)), "")</f>
        <v/>
      </c>
    </row>
    <row r="6705" spans="1:6" x14ac:dyDescent="0.2">
      <c r="A6705" s="239">
        <f>'CPT Data'!B6713</f>
        <v>66.778999999999996</v>
      </c>
      <c r="B6705" s="3">
        <f>'CPT Data'!C6713</f>
        <v>66.771999999999991</v>
      </c>
      <c r="C6705" t="str">
        <f>'CPT Data'!P6713</f>
        <v>SAND</v>
      </c>
      <c r="D6705" t="e">
        <f>'CPT Data'!Q6713</f>
        <v>#N/A</v>
      </c>
      <c r="E6705" t="e">
        <f t="shared" si="105"/>
        <v>#N/A</v>
      </c>
      <c r="F6705" t="str">
        <f>IF(C6705="CLAY", INDEX(D$4:D6705, MATCH("CLAY", C$4:C6705, 0)), "")</f>
        <v/>
      </c>
    </row>
    <row r="6706" spans="1:6" x14ac:dyDescent="0.2">
      <c r="A6706" s="239">
        <f>'CPT Data'!B6714</f>
        <v>66.789000000000001</v>
      </c>
      <c r="B6706" s="3">
        <f>'CPT Data'!C6714</f>
        <v>66.781999999999996</v>
      </c>
      <c r="C6706" t="str">
        <f>'CPT Data'!P6714</f>
        <v>SAND</v>
      </c>
      <c r="D6706" t="e">
        <f>'CPT Data'!Q6714</f>
        <v>#N/A</v>
      </c>
      <c r="E6706" t="e">
        <f t="shared" si="105"/>
        <v>#N/A</v>
      </c>
      <c r="F6706" t="str">
        <f>IF(C6706="CLAY", INDEX(D$4:D6706, MATCH("CLAY", C$4:C6706, 0)), "")</f>
        <v/>
      </c>
    </row>
    <row r="6707" spans="1:6" x14ac:dyDescent="0.2">
      <c r="A6707" s="239">
        <f>'CPT Data'!B6715</f>
        <v>66.799000000000007</v>
      </c>
      <c r="B6707" s="3">
        <f>'CPT Data'!C6715</f>
        <v>66.792000000000002</v>
      </c>
      <c r="C6707" t="str">
        <f>'CPT Data'!P6715</f>
        <v>SAND</v>
      </c>
      <c r="D6707" t="e">
        <f>'CPT Data'!Q6715</f>
        <v>#N/A</v>
      </c>
      <c r="E6707" t="e">
        <f t="shared" si="105"/>
        <v>#N/A</v>
      </c>
      <c r="F6707" t="str">
        <f>IF(C6707="CLAY", INDEX(D$4:D6707, MATCH("CLAY", C$4:C6707, 0)), "")</f>
        <v/>
      </c>
    </row>
    <row r="6708" spans="1:6" x14ac:dyDescent="0.2">
      <c r="A6708" s="239">
        <f>'CPT Data'!B6716</f>
        <v>66.808999999999997</v>
      </c>
      <c r="B6708" s="3">
        <f>'CPT Data'!C6716</f>
        <v>66.801999999999992</v>
      </c>
      <c r="C6708" t="str">
        <f>'CPT Data'!P6716</f>
        <v>SAND</v>
      </c>
      <c r="D6708" t="e">
        <f>'CPT Data'!Q6716</f>
        <v>#N/A</v>
      </c>
      <c r="E6708" t="e">
        <f t="shared" si="105"/>
        <v>#N/A</v>
      </c>
      <c r="F6708" t="str">
        <f>IF(C6708="CLAY", INDEX(D$4:D6708, MATCH("CLAY", C$4:C6708, 0)), "")</f>
        <v/>
      </c>
    </row>
    <row r="6709" spans="1:6" x14ac:dyDescent="0.2">
      <c r="A6709" s="239">
        <f>'CPT Data'!B6717</f>
        <v>66.819999999999993</v>
      </c>
      <c r="B6709" s="3">
        <f>'CPT Data'!C6717</f>
        <v>66.812999999999988</v>
      </c>
      <c r="C6709" t="str">
        <f>'CPT Data'!P6717</f>
        <v>SAND</v>
      </c>
      <c r="D6709" t="e">
        <f>'CPT Data'!Q6717</f>
        <v>#N/A</v>
      </c>
      <c r="E6709" t="e">
        <f t="shared" si="105"/>
        <v>#N/A</v>
      </c>
      <c r="F6709" t="str">
        <f>IF(C6709="CLAY", INDEX(D$4:D6709, MATCH("CLAY", C$4:C6709, 0)), "")</f>
        <v/>
      </c>
    </row>
    <row r="6710" spans="1:6" x14ac:dyDescent="0.2">
      <c r="A6710" s="239">
        <f>'CPT Data'!B6718</f>
        <v>66.83</v>
      </c>
      <c r="B6710" s="3">
        <f>'CPT Data'!C6718</f>
        <v>66.822999999999993</v>
      </c>
      <c r="C6710" t="str">
        <f>'CPT Data'!P6718</f>
        <v>SAND</v>
      </c>
      <c r="D6710" t="e">
        <f>'CPT Data'!Q6718</f>
        <v>#N/A</v>
      </c>
      <c r="E6710" t="e">
        <f t="shared" si="105"/>
        <v>#N/A</v>
      </c>
      <c r="F6710" t="str">
        <f>IF(C6710="CLAY", INDEX(D$4:D6710, MATCH("CLAY", C$4:C6710, 0)), "")</f>
        <v/>
      </c>
    </row>
    <row r="6711" spans="1:6" x14ac:dyDescent="0.2">
      <c r="A6711" s="239">
        <f>'CPT Data'!B6719</f>
        <v>66.840999999999994</v>
      </c>
      <c r="B6711" s="3">
        <f>'CPT Data'!C6719</f>
        <v>66.833999999999989</v>
      </c>
      <c r="C6711" t="str">
        <f>'CPT Data'!P6719</f>
        <v>SAND</v>
      </c>
      <c r="D6711" t="e">
        <f>'CPT Data'!Q6719</f>
        <v>#N/A</v>
      </c>
      <c r="E6711" t="e">
        <f t="shared" si="105"/>
        <v>#N/A</v>
      </c>
      <c r="F6711" t="str">
        <f>IF(C6711="CLAY", INDEX(D$4:D6711, MATCH("CLAY", C$4:C6711, 0)), "")</f>
        <v/>
      </c>
    </row>
    <row r="6712" spans="1:6" x14ac:dyDescent="0.2">
      <c r="A6712" s="239">
        <f>'CPT Data'!B6720</f>
        <v>66.850999999999999</v>
      </c>
      <c r="B6712" s="3">
        <f>'CPT Data'!C6720</f>
        <v>66.843999999999994</v>
      </c>
      <c r="C6712" t="str">
        <f>'CPT Data'!P6720</f>
        <v>SAND</v>
      </c>
      <c r="D6712" t="e">
        <f>'CPT Data'!Q6720</f>
        <v>#N/A</v>
      </c>
      <c r="E6712" t="e">
        <f t="shared" si="105"/>
        <v>#N/A</v>
      </c>
      <c r="F6712" t="str">
        <f>IF(C6712="CLAY", INDEX(D$4:D6712, MATCH("CLAY", C$4:C6712, 0)), "")</f>
        <v/>
      </c>
    </row>
    <row r="6713" spans="1:6" x14ac:dyDescent="0.2">
      <c r="A6713" s="239">
        <f>'CPT Data'!B6721</f>
        <v>66.861000000000004</v>
      </c>
      <c r="B6713" s="3">
        <f>'CPT Data'!C6721</f>
        <v>66.853999999999999</v>
      </c>
      <c r="C6713" t="str">
        <f>'CPT Data'!P6721</f>
        <v>SAND</v>
      </c>
      <c r="D6713" t="e">
        <f>'CPT Data'!Q6721</f>
        <v>#N/A</v>
      </c>
      <c r="E6713" t="e">
        <f t="shared" si="105"/>
        <v>#N/A</v>
      </c>
      <c r="F6713" t="str">
        <f>IF(C6713="CLAY", INDEX(D$4:D6713, MATCH("CLAY", C$4:C6713, 0)), "")</f>
        <v/>
      </c>
    </row>
    <row r="6714" spans="1:6" x14ac:dyDescent="0.2">
      <c r="A6714" s="239">
        <f>'CPT Data'!B6722</f>
        <v>66.870999999999995</v>
      </c>
      <c r="B6714" s="3">
        <f>'CPT Data'!C6722</f>
        <v>66.86399999999999</v>
      </c>
      <c r="C6714" t="str">
        <f>'CPT Data'!P6722</f>
        <v>SAND</v>
      </c>
      <c r="D6714" t="e">
        <f>'CPT Data'!Q6722</f>
        <v>#N/A</v>
      </c>
      <c r="E6714" t="e">
        <f t="shared" si="105"/>
        <v>#N/A</v>
      </c>
      <c r="F6714" t="str">
        <f>IF(C6714="CLAY", INDEX(D$4:D6714, MATCH("CLAY", C$4:C6714, 0)), "")</f>
        <v/>
      </c>
    </row>
    <row r="6715" spans="1:6" x14ac:dyDescent="0.2">
      <c r="A6715" s="239">
        <f>'CPT Data'!B6723</f>
        <v>66.882000000000005</v>
      </c>
      <c r="B6715" s="3">
        <f>'CPT Data'!C6723</f>
        <v>66.875</v>
      </c>
      <c r="C6715" t="str">
        <f>'CPT Data'!P6723</f>
        <v>SAND</v>
      </c>
      <c r="D6715" t="e">
        <f>'CPT Data'!Q6723</f>
        <v>#N/A</v>
      </c>
      <c r="E6715" t="e">
        <f t="shared" si="105"/>
        <v>#N/A</v>
      </c>
      <c r="F6715" t="str">
        <f>IF(C6715="CLAY", INDEX(D$4:D6715, MATCH("CLAY", C$4:C6715, 0)), "")</f>
        <v/>
      </c>
    </row>
    <row r="6716" spans="1:6" x14ac:dyDescent="0.2">
      <c r="A6716" s="239">
        <f>'CPT Data'!B6724</f>
        <v>66.891999999999996</v>
      </c>
      <c r="B6716" s="3">
        <f>'CPT Data'!C6724</f>
        <v>66.884999999999991</v>
      </c>
      <c r="C6716" t="str">
        <f>'CPT Data'!P6724</f>
        <v>SAND</v>
      </c>
      <c r="D6716" t="e">
        <f>'CPT Data'!Q6724</f>
        <v>#N/A</v>
      </c>
      <c r="E6716" t="e">
        <f t="shared" si="105"/>
        <v>#N/A</v>
      </c>
      <c r="F6716" t="str">
        <f>IF(C6716="CLAY", INDEX(D$4:D6716, MATCH("CLAY", C$4:C6716, 0)), "")</f>
        <v/>
      </c>
    </row>
    <row r="6717" spans="1:6" x14ac:dyDescent="0.2">
      <c r="A6717" s="239">
        <f>'CPT Data'!B6725</f>
        <v>66.900999999999996</v>
      </c>
      <c r="B6717" s="3">
        <f>'CPT Data'!C6725</f>
        <v>66.893999999999991</v>
      </c>
      <c r="C6717" t="str">
        <f>'CPT Data'!P6725</f>
        <v>SAND</v>
      </c>
      <c r="D6717" t="e">
        <f>'CPT Data'!Q6725</f>
        <v>#N/A</v>
      </c>
      <c r="E6717" t="e">
        <f t="shared" si="105"/>
        <v>#N/A</v>
      </c>
      <c r="F6717" t="str">
        <f>IF(C6717="CLAY", INDEX(D$4:D6717, MATCH("CLAY", C$4:C6717, 0)), "")</f>
        <v/>
      </c>
    </row>
    <row r="6718" spans="1:6" x14ac:dyDescent="0.2">
      <c r="A6718" s="239">
        <f>'CPT Data'!B6726</f>
        <v>66.912000000000006</v>
      </c>
      <c r="B6718" s="3">
        <f>'CPT Data'!C6726</f>
        <v>66.905000000000001</v>
      </c>
      <c r="C6718" t="str">
        <f>'CPT Data'!P6726</f>
        <v>SAND</v>
      </c>
      <c r="D6718" t="e">
        <f>'CPT Data'!Q6726</f>
        <v>#N/A</v>
      </c>
      <c r="E6718" t="e">
        <f t="shared" si="105"/>
        <v>#N/A</v>
      </c>
      <c r="F6718" t="str">
        <f>IF(C6718="CLAY", INDEX(D$4:D6718, MATCH("CLAY", C$4:C6718, 0)), "")</f>
        <v/>
      </c>
    </row>
    <row r="6719" spans="1:6" x14ac:dyDescent="0.2">
      <c r="A6719" s="239">
        <f>'CPT Data'!B6727</f>
        <v>66.921999999999997</v>
      </c>
      <c r="B6719" s="3">
        <f>'CPT Data'!C6727</f>
        <v>66.914999999999992</v>
      </c>
      <c r="C6719" t="str">
        <f>'CPT Data'!P6727</f>
        <v>SAND</v>
      </c>
      <c r="D6719" t="e">
        <f>'CPT Data'!Q6727</f>
        <v>#N/A</v>
      </c>
      <c r="E6719" t="e">
        <f t="shared" si="105"/>
        <v>#N/A</v>
      </c>
      <c r="F6719" t="str">
        <f>IF(C6719="CLAY", INDEX(D$4:D6719, MATCH("CLAY", C$4:C6719, 0)), "")</f>
        <v/>
      </c>
    </row>
    <row r="6720" spans="1:6" x14ac:dyDescent="0.2">
      <c r="A6720" s="239">
        <f>'CPT Data'!B6728</f>
        <v>66.933000000000007</v>
      </c>
      <c r="B6720" s="3">
        <f>'CPT Data'!C6728</f>
        <v>66.926000000000002</v>
      </c>
      <c r="C6720" t="str">
        <f>'CPT Data'!P6728</f>
        <v>SAND</v>
      </c>
      <c r="D6720" t="e">
        <f>'CPT Data'!Q6728</f>
        <v>#N/A</v>
      </c>
      <c r="E6720" t="e">
        <f t="shared" si="105"/>
        <v>#N/A</v>
      </c>
      <c r="F6720" t="str">
        <f>IF(C6720="CLAY", INDEX(D$4:D6720, MATCH("CLAY", C$4:C6720, 0)), "")</f>
        <v/>
      </c>
    </row>
    <row r="6721" spans="1:6" x14ac:dyDescent="0.2">
      <c r="A6721" s="239">
        <f>'CPT Data'!B6729</f>
        <v>66.942999999999998</v>
      </c>
      <c r="B6721" s="3">
        <f>'CPT Data'!C6729</f>
        <v>66.935999999999993</v>
      </c>
      <c r="C6721" t="str">
        <f>'CPT Data'!P6729</f>
        <v>SAND</v>
      </c>
      <c r="D6721" t="e">
        <f>'CPT Data'!Q6729</f>
        <v>#N/A</v>
      </c>
      <c r="E6721" t="e">
        <f t="shared" si="105"/>
        <v>#N/A</v>
      </c>
      <c r="F6721" t="str">
        <f>IF(C6721="CLAY", INDEX(D$4:D6721, MATCH("CLAY", C$4:C6721, 0)), "")</f>
        <v/>
      </c>
    </row>
    <row r="6722" spans="1:6" x14ac:dyDescent="0.2">
      <c r="A6722" s="239">
        <f>'CPT Data'!B6730</f>
        <v>66.951999999999998</v>
      </c>
      <c r="B6722" s="3">
        <f>'CPT Data'!C6730</f>
        <v>66.944999999999993</v>
      </c>
      <c r="C6722" t="str">
        <f>'CPT Data'!P6730</f>
        <v>SAND</v>
      </c>
      <c r="D6722" t="e">
        <f>'CPT Data'!Q6730</f>
        <v>#N/A</v>
      </c>
      <c r="E6722" t="e">
        <f t="shared" si="105"/>
        <v>#N/A</v>
      </c>
      <c r="F6722" t="str">
        <f>IF(C6722="CLAY", INDEX(D$4:D6722, MATCH("CLAY", C$4:C6722, 0)), "")</f>
        <v/>
      </c>
    </row>
    <row r="6723" spans="1:6" x14ac:dyDescent="0.2">
      <c r="A6723" s="239">
        <f>'CPT Data'!B6731</f>
        <v>66.962999999999994</v>
      </c>
      <c r="B6723" s="3">
        <f>'CPT Data'!C6731</f>
        <v>66.955999999999989</v>
      </c>
      <c r="C6723" t="str">
        <f>'CPT Data'!P6731</f>
        <v>SAND</v>
      </c>
      <c r="D6723" t="e">
        <f>'CPT Data'!Q6731</f>
        <v>#N/A</v>
      </c>
      <c r="E6723" t="e">
        <f t="shared" si="105"/>
        <v>#N/A</v>
      </c>
      <c r="F6723" t="str">
        <f>IF(C6723="CLAY", INDEX(D$4:D6723, MATCH("CLAY", C$4:C6723, 0)), "")</f>
        <v/>
      </c>
    </row>
    <row r="6724" spans="1:6" x14ac:dyDescent="0.2">
      <c r="A6724" s="239">
        <f>'CPT Data'!B6732</f>
        <v>66.974999999999994</v>
      </c>
      <c r="B6724" s="3">
        <f>'CPT Data'!C6732</f>
        <v>66.967999999999989</v>
      </c>
      <c r="C6724" t="str">
        <f>'CPT Data'!P6732</f>
        <v>SAND</v>
      </c>
      <c r="D6724" t="e">
        <f>'CPT Data'!Q6732</f>
        <v>#N/A</v>
      </c>
      <c r="E6724" t="e">
        <f t="shared" si="105"/>
        <v>#N/A</v>
      </c>
      <c r="F6724" t="str">
        <f>IF(C6724="CLAY", INDEX(D$4:D6724, MATCH("CLAY", C$4:C6724, 0)), "")</f>
        <v/>
      </c>
    </row>
    <row r="6725" spans="1:6" x14ac:dyDescent="0.2">
      <c r="A6725" s="239">
        <f>'CPT Data'!B6733</f>
        <v>66.983999999999995</v>
      </c>
      <c r="B6725" s="3">
        <f>'CPT Data'!C6733</f>
        <v>66.97699999999999</v>
      </c>
      <c r="C6725" t="str">
        <f>'CPT Data'!P6733</f>
        <v>SAND</v>
      </c>
      <c r="D6725" t="e">
        <f>'CPT Data'!Q6733</f>
        <v>#N/A</v>
      </c>
      <c r="E6725" t="e">
        <f t="shared" si="105"/>
        <v>#N/A</v>
      </c>
      <c r="F6725" t="str">
        <f>IF(C6725="CLAY", INDEX(D$4:D6725, MATCH("CLAY", C$4:C6725, 0)), "")</f>
        <v/>
      </c>
    </row>
    <row r="6726" spans="1:6" x14ac:dyDescent="0.2">
      <c r="A6726" s="239">
        <f>'CPT Data'!B6734</f>
        <v>66.992999999999995</v>
      </c>
      <c r="B6726" s="3">
        <f>'CPT Data'!C6734</f>
        <v>66.98599999999999</v>
      </c>
      <c r="C6726" t="str">
        <f>'CPT Data'!P6734</f>
        <v>SAND</v>
      </c>
      <c r="D6726" t="e">
        <f>'CPT Data'!Q6734</f>
        <v>#N/A</v>
      </c>
      <c r="E6726" t="e">
        <f t="shared" si="105"/>
        <v>#N/A</v>
      </c>
      <c r="F6726" t="str">
        <f>IF(C6726="CLAY", INDEX(D$4:D6726, MATCH("CLAY", C$4:C6726, 0)), "")</f>
        <v/>
      </c>
    </row>
    <row r="6727" spans="1:6" x14ac:dyDescent="0.2">
      <c r="A6727" s="239">
        <f>'CPT Data'!B6735</f>
        <v>67.004000000000005</v>
      </c>
      <c r="B6727" s="3">
        <f>'CPT Data'!C6735</f>
        <v>66.997</v>
      </c>
      <c r="C6727" t="str">
        <f>'CPT Data'!P6735</f>
        <v>SAND</v>
      </c>
      <c r="D6727" t="e">
        <f>'CPT Data'!Q6735</f>
        <v>#N/A</v>
      </c>
      <c r="E6727" t="e">
        <f t="shared" si="105"/>
        <v>#N/A</v>
      </c>
      <c r="F6727" t="str">
        <f>IF(C6727="CLAY", INDEX(D$4:D6727, MATCH("CLAY", C$4:C6727, 0)), "")</f>
        <v/>
      </c>
    </row>
    <row r="6728" spans="1:6" x14ac:dyDescent="0.2">
      <c r="A6728" s="239">
        <f>'CPT Data'!B6736</f>
        <v>67.013999999999996</v>
      </c>
      <c r="B6728" s="3">
        <f>'CPT Data'!C6736</f>
        <v>67.006999999999991</v>
      </c>
      <c r="C6728" t="str">
        <f>'CPT Data'!P6736</f>
        <v>SAND</v>
      </c>
      <c r="D6728" t="e">
        <f>'CPT Data'!Q6736</f>
        <v>#N/A</v>
      </c>
      <c r="E6728" t="e">
        <f t="shared" si="105"/>
        <v>#N/A</v>
      </c>
      <c r="F6728" t="str">
        <f>IF(C6728="CLAY", INDEX(D$4:D6728, MATCH("CLAY", C$4:C6728, 0)), "")</f>
        <v/>
      </c>
    </row>
    <row r="6729" spans="1:6" x14ac:dyDescent="0.2">
      <c r="A6729" s="239">
        <f>'CPT Data'!B6737</f>
        <v>67.024000000000001</v>
      </c>
      <c r="B6729" s="3">
        <f>'CPT Data'!C6737</f>
        <v>67.016999999999996</v>
      </c>
      <c r="C6729" t="str">
        <f>'CPT Data'!P6737</f>
        <v>SAND</v>
      </c>
      <c r="D6729" t="e">
        <f>'CPT Data'!Q6737</f>
        <v>#N/A</v>
      </c>
      <c r="E6729" t="e">
        <f t="shared" si="105"/>
        <v>#N/A</v>
      </c>
      <c r="F6729" t="str">
        <f>IF(C6729="CLAY", INDEX(D$4:D6729, MATCH("CLAY", C$4:C6729, 0)), "")</f>
        <v/>
      </c>
    </row>
    <row r="6730" spans="1:6" x14ac:dyDescent="0.2">
      <c r="A6730" s="239">
        <f>'CPT Data'!B6738</f>
        <v>67.034999999999997</v>
      </c>
      <c r="B6730" s="3">
        <f>'CPT Data'!C6738</f>
        <v>67.027999999999992</v>
      </c>
      <c r="C6730" t="str">
        <f>'CPT Data'!P6738</f>
        <v>SAND</v>
      </c>
      <c r="D6730" t="e">
        <f>'CPT Data'!Q6738</f>
        <v>#N/A</v>
      </c>
      <c r="E6730" t="e">
        <f t="shared" si="105"/>
        <v>#N/A</v>
      </c>
      <c r="F6730" t="str">
        <f>IF(C6730="CLAY", INDEX(D$4:D6730, MATCH("CLAY", C$4:C6730, 0)), "")</f>
        <v/>
      </c>
    </row>
    <row r="6731" spans="1:6" x14ac:dyDescent="0.2">
      <c r="A6731" s="239">
        <f>'CPT Data'!B6739</f>
        <v>67.045000000000002</v>
      </c>
      <c r="B6731" s="3">
        <f>'CPT Data'!C6739</f>
        <v>67.037999999999997</v>
      </c>
      <c r="C6731" t="str">
        <f>'CPT Data'!P6739</f>
        <v>SAND</v>
      </c>
      <c r="D6731" t="e">
        <f>'CPT Data'!Q6739</f>
        <v>#N/A</v>
      </c>
      <c r="E6731" t="e">
        <f t="shared" si="105"/>
        <v>#N/A</v>
      </c>
      <c r="F6731" t="str">
        <f>IF(C6731="CLAY", INDEX(D$4:D6731, MATCH("CLAY", C$4:C6731, 0)), "")</f>
        <v/>
      </c>
    </row>
    <row r="6732" spans="1:6" x14ac:dyDescent="0.2">
      <c r="A6732" s="239">
        <f>'CPT Data'!B6740</f>
        <v>67.055999999999997</v>
      </c>
      <c r="B6732" s="3">
        <f>'CPT Data'!C6740</f>
        <v>67.048999999999992</v>
      </c>
      <c r="C6732" t="str">
        <f>'CPT Data'!P6740</f>
        <v>SAND</v>
      </c>
      <c r="D6732" t="e">
        <f>'CPT Data'!Q6740</f>
        <v>#N/A</v>
      </c>
      <c r="E6732" t="e">
        <f t="shared" si="105"/>
        <v>#N/A</v>
      </c>
      <c r="F6732" t="str">
        <f>IF(C6732="CLAY", INDEX(D$4:D6732, MATCH("CLAY", C$4:C6732, 0)), "")</f>
        <v/>
      </c>
    </row>
    <row r="6733" spans="1:6" x14ac:dyDescent="0.2">
      <c r="A6733" s="239">
        <f>'CPT Data'!B6741</f>
        <v>67.066000000000003</v>
      </c>
      <c r="B6733" s="3">
        <f>'CPT Data'!C6741</f>
        <v>67.058999999999997</v>
      </c>
      <c r="C6733" t="str">
        <f>'CPT Data'!P6741</f>
        <v>SAND</v>
      </c>
      <c r="D6733" t="e">
        <f>'CPT Data'!Q6741</f>
        <v>#N/A</v>
      </c>
      <c r="E6733" t="e">
        <f t="shared" si="105"/>
        <v>#N/A</v>
      </c>
      <c r="F6733" t="str">
        <f>IF(C6733="CLAY", INDEX(D$4:D6733, MATCH("CLAY", C$4:C6733, 0)), "")</f>
        <v/>
      </c>
    </row>
    <row r="6734" spans="1:6" x14ac:dyDescent="0.2">
      <c r="A6734" s="239">
        <f>'CPT Data'!B6742</f>
        <v>67.075999999999993</v>
      </c>
      <c r="B6734" s="3">
        <f>'CPT Data'!C6742</f>
        <v>67.068999999999988</v>
      </c>
      <c r="C6734" t="str">
        <f>'CPT Data'!P6742</f>
        <v>SAND</v>
      </c>
      <c r="D6734" t="e">
        <f>'CPT Data'!Q6742</f>
        <v>#N/A</v>
      </c>
      <c r="E6734" t="e">
        <f t="shared" si="105"/>
        <v>#N/A</v>
      </c>
      <c r="F6734" t="str">
        <f>IF(C6734="CLAY", INDEX(D$4:D6734, MATCH("CLAY", C$4:C6734, 0)), "")</f>
        <v/>
      </c>
    </row>
    <row r="6735" spans="1:6" x14ac:dyDescent="0.2">
      <c r="A6735" s="239">
        <f>'CPT Data'!B6743</f>
        <v>67.085999999999999</v>
      </c>
      <c r="B6735" s="3">
        <f>'CPT Data'!C6743</f>
        <v>67.078999999999994</v>
      </c>
      <c r="C6735" t="str">
        <f>'CPT Data'!P6743</f>
        <v>SAND</v>
      </c>
      <c r="D6735" t="e">
        <f>'CPT Data'!Q6743</f>
        <v>#N/A</v>
      </c>
      <c r="E6735" t="e">
        <f t="shared" si="105"/>
        <v>#N/A</v>
      </c>
      <c r="F6735" t="str">
        <f>IF(C6735="CLAY", INDEX(D$4:D6735, MATCH("CLAY", C$4:C6735, 0)), "")</f>
        <v/>
      </c>
    </row>
    <row r="6736" spans="1:6" x14ac:dyDescent="0.2">
      <c r="A6736" s="239">
        <f>'CPT Data'!B6744</f>
        <v>67.096000000000004</v>
      </c>
      <c r="B6736" s="3">
        <f>'CPT Data'!C6744</f>
        <v>67.088999999999999</v>
      </c>
      <c r="C6736" t="str">
        <f>'CPT Data'!P6744</f>
        <v>SAND</v>
      </c>
      <c r="D6736" t="e">
        <f>'CPT Data'!Q6744</f>
        <v>#N/A</v>
      </c>
      <c r="E6736" t="e">
        <f t="shared" si="105"/>
        <v>#N/A</v>
      </c>
      <c r="F6736" t="str">
        <f>IF(C6736="CLAY", INDEX(D$4:D6736, MATCH("CLAY", C$4:C6736, 0)), "")</f>
        <v/>
      </c>
    </row>
    <row r="6737" spans="1:6" x14ac:dyDescent="0.2">
      <c r="A6737" s="239">
        <f>'CPT Data'!B6745</f>
        <v>67.106999999999999</v>
      </c>
      <c r="B6737" s="3">
        <f>'CPT Data'!C6745</f>
        <v>67.099999999999994</v>
      </c>
      <c r="C6737" t="str">
        <f>'CPT Data'!P6745</f>
        <v>SAND</v>
      </c>
      <c r="D6737" t="e">
        <f>'CPT Data'!Q6745</f>
        <v>#N/A</v>
      </c>
      <c r="E6737" t="e">
        <f t="shared" si="105"/>
        <v>#N/A</v>
      </c>
      <c r="F6737" t="str">
        <f>IF(C6737="CLAY", INDEX(D$4:D6737, MATCH("CLAY", C$4:C6737, 0)), "")</f>
        <v/>
      </c>
    </row>
    <row r="6738" spans="1:6" x14ac:dyDescent="0.2">
      <c r="A6738" s="239">
        <f>'CPT Data'!B6746</f>
        <v>67.117000000000004</v>
      </c>
      <c r="B6738" s="3">
        <f>'CPT Data'!C6746</f>
        <v>67.11</v>
      </c>
      <c r="C6738" t="str">
        <f>'CPT Data'!P6746</f>
        <v>SAND</v>
      </c>
      <c r="D6738" t="e">
        <f>'CPT Data'!Q6746</f>
        <v>#N/A</v>
      </c>
      <c r="E6738" t="e">
        <f t="shared" si="105"/>
        <v>#N/A</v>
      </c>
      <c r="F6738" t="str">
        <f>IF(C6738="CLAY", INDEX(D$4:D6738, MATCH("CLAY", C$4:C6738, 0)), "")</f>
        <v/>
      </c>
    </row>
    <row r="6739" spans="1:6" x14ac:dyDescent="0.2">
      <c r="A6739" s="239">
        <f>'CPT Data'!B6747</f>
        <v>67.126000000000005</v>
      </c>
      <c r="B6739" s="3">
        <f>'CPT Data'!C6747</f>
        <v>67.119</v>
      </c>
      <c r="C6739" t="str">
        <f>'CPT Data'!P6747</f>
        <v>SAND</v>
      </c>
      <c r="D6739" t="e">
        <f>'CPT Data'!Q6747</f>
        <v>#N/A</v>
      </c>
      <c r="E6739" t="e">
        <f t="shared" si="105"/>
        <v>#N/A</v>
      </c>
      <c r="F6739" t="str">
        <f>IF(C6739="CLAY", INDEX(D$4:D6739, MATCH("CLAY", C$4:C6739, 0)), "")</f>
        <v/>
      </c>
    </row>
    <row r="6740" spans="1:6" x14ac:dyDescent="0.2">
      <c r="A6740" s="239">
        <f>'CPT Data'!B6748</f>
        <v>67.135999999999996</v>
      </c>
      <c r="B6740" s="3">
        <f>'CPT Data'!C6748</f>
        <v>67.128999999999991</v>
      </c>
      <c r="C6740" t="str">
        <f>'CPT Data'!P6748</f>
        <v>SAND</v>
      </c>
      <c r="D6740" t="e">
        <f>'CPT Data'!Q6748</f>
        <v>#N/A</v>
      </c>
      <c r="E6740" t="e">
        <f t="shared" si="105"/>
        <v>#N/A</v>
      </c>
      <c r="F6740" t="str">
        <f>IF(C6740="CLAY", INDEX(D$4:D6740, MATCH("CLAY", C$4:C6740, 0)), "")</f>
        <v/>
      </c>
    </row>
    <row r="6741" spans="1:6" x14ac:dyDescent="0.2">
      <c r="A6741" s="239">
        <f>'CPT Data'!B6749</f>
        <v>67.147000000000006</v>
      </c>
      <c r="B6741" s="3">
        <f>'CPT Data'!C6749</f>
        <v>67.14</v>
      </c>
      <c r="C6741" t="str">
        <f>'CPT Data'!P6749</f>
        <v>SAND</v>
      </c>
      <c r="D6741" t="e">
        <f>'CPT Data'!Q6749</f>
        <v>#N/A</v>
      </c>
      <c r="E6741" t="e">
        <f t="shared" si="105"/>
        <v>#N/A</v>
      </c>
      <c r="F6741" t="str">
        <f>IF(C6741="CLAY", INDEX(D$4:D6741, MATCH("CLAY", C$4:C6741, 0)), "")</f>
        <v/>
      </c>
    </row>
    <row r="6742" spans="1:6" x14ac:dyDescent="0.2">
      <c r="A6742" s="239">
        <f>'CPT Data'!B6750</f>
        <v>67.156999999999996</v>
      </c>
      <c r="B6742" s="3">
        <f>'CPT Data'!C6750</f>
        <v>67.149999999999991</v>
      </c>
      <c r="C6742" t="str">
        <f>'CPT Data'!P6750</f>
        <v>SAND</v>
      </c>
      <c r="D6742" t="e">
        <f>'CPT Data'!Q6750</f>
        <v>#N/A</v>
      </c>
      <c r="E6742" t="e">
        <f t="shared" si="105"/>
        <v>#N/A</v>
      </c>
      <c r="F6742" t="str">
        <f>IF(C6742="CLAY", INDEX(D$4:D6742, MATCH("CLAY", C$4:C6742, 0)), "")</f>
        <v/>
      </c>
    </row>
    <row r="6743" spans="1:6" x14ac:dyDescent="0.2">
      <c r="A6743" s="239">
        <f>'CPT Data'!B6751</f>
        <v>67.168000000000006</v>
      </c>
      <c r="B6743" s="3">
        <f>'CPT Data'!C6751</f>
        <v>67.161000000000001</v>
      </c>
      <c r="C6743" t="str">
        <f>'CPT Data'!P6751</f>
        <v>SAND</v>
      </c>
      <c r="D6743" t="e">
        <f>'CPT Data'!Q6751</f>
        <v>#N/A</v>
      </c>
      <c r="E6743" t="e">
        <f t="shared" si="105"/>
        <v>#N/A</v>
      </c>
      <c r="F6743" t="str">
        <f>IF(C6743="CLAY", INDEX(D$4:D6743, MATCH("CLAY", C$4:C6743, 0)), "")</f>
        <v/>
      </c>
    </row>
    <row r="6744" spans="1:6" x14ac:dyDescent="0.2">
      <c r="A6744" s="239">
        <f>'CPT Data'!B6752</f>
        <v>67.177999999999997</v>
      </c>
      <c r="B6744" s="3">
        <f>'CPT Data'!C6752</f>
        <v>67.170999999999992</v>
      </c>
      <c r="C6744" t="str">
        <f>'CPT Data'!P6752</f>
        <v>SAND</v>
      </c>
      <c r="D6744" t="e">
        <f>'CPT Data'!Q6752</f>
        <v>#N/A</v>
      </c>
      <c r="E6744" t="e">
        <f t="shared" si="105"/>
        <v>#N/A</v>
      </c>
      <c r="F6744" t="str">
        <f>IF(C6744="CLAY", INDEX(D$4:D6744, MATCH("CLAY", C$4:C6744, 0)), "")</f>
        <v/>
      </c>
    </row>
    <row r="6745" spans="1:6" x14ac:dyDescent="0.2">
      <c r="A6745" s="239">
        <f>'CPT Data'!B6753</f>
        <v>67.188000000000002</v>
      </c>
      <c r="B6745" s="3">
        <f>'CPT Data'!C6753</f>
        <v>67.180999999999997</v>
      </c>
      <c r="C6745" t="str">
        <f>'CPT Data'!P6753</f>
        <v>SAND</v>
      </c>
      <c r="D6745" t="e">
        <f>'CPT Data'!Q6753</f>
        <v>#N/A</v>
      </c>
      <c r="E6745" t="e">
        <f t="shared" si="105"/>
        <v>#N/A</v>
      </c>
      <c r="F6745" t="str">
        <f>IF(C6745="CLAY", INDEX(D$4:D6745, MATCH("CLAY", C$4:C6745, 0)), "")</f>
        <v/>
      </c>
    </row>
    <row r="6746" spans="1:6" x14ac:dyDescent="0.2">
      <c r="A6746" s="239">
        <f>'CPT Data'!B6754</f>
        <v>67.198999999999998</v>
      </c>
      <c r="B6746" s="3">
        <f>'CPT Data'!C6754</f>
        <v>67.191999999999993</v>
      </c>
      <c r="C6746" t="str">
        <f>'CPT Data'!P6754</f>
        <v>SAND</v>
      </c>
      <c r="D6746" t="e">
        <f>'CPT Data'!Q6754</f>
        <v>#N/A</v>
      </c>
      <c r="E6746" t="e">
        <f t="shared" si="105"/>
        <v>#N/A</v>
      </c>
      <c r="F6746" t="str">
        <f>IF(C6746="CLAY", INDEX(D$4:D6746, MATCH("CLAY", C$4:C6746, 0)), "")</f>
        <v/>
      </c>
    </row>
    <row r="6747" spans="1:6" x14ac:dyDescent="0.2">
      <c r="A6747" s="239">
        <f>'CPT Data'!B6755</f>
        <v>67.209000000000003</v>
      </c>
      <c r="B6747" s="3">
        <f>'CPT Data'!C6755</f>
        <v>67.201999999999998</v>
      </c>
      <c r="C6747" t="str">
        <f>'CPT Data'!P6755</f>
        <v>SAND</v>
      </c>
      <c r="D6747" t="e">
        <f>'CPT Data'!Q6755</f>
        <v>#N/A</v>
      </c>
      <c r="E6747" t="e">
        <f t="shared" ref="E6747:E6810" si="106">IF(C6747="SAND",#N/A,IF(C6747=C6746,D6746,IF(C6747="CLAY",D6747,#N/A)))</f>
        <v>#N/A</v>
      </c>
      <c r="F6747" t="str">
        <f>IF(C6747="CLAY", INDEX(D$4:D6747, MATCH("CLAY", C$4:C6747, 0)), "")</f>
        <v/>
      </c>
    </row>
    <row r="6748" spans="1:6" x14ac:dyDescent="0.2">
      <c r="A6748" s="239">
        <f>'CPT Data'!B6756</f>
        <v>67.218999999999994</v>
      </c>
      <c r="B6748" s="3">
        <f>'CPT Data'!C6756</f>
        <v>67.211999999999989</v>
      </c>
      <c r="C6748" t="str">
        <f>'CPT Data'!P6756</f>
        <v>SAND</v>
      </c>
      <c r="D6748" t="e">
        <f>'CPT Data'!Q6756</f>
        <v>#N/A</v>
      </c>
      <c r="E6748" t="e">
        <f t="shared" si="106"/>
        <v>#N/A</v>
      </c>
      <c r="F6748" t="str">
        <f>IF(C6748="CLAY", INDEX(D$4:D6748, MATCH("CLAY", C$4:C6748, 0)), "")</f>
        <v/>
      </c>
    </row>
    <row r="6749" spans="1:6" x14ac:dyDescent="0.2">
      <c r="A6749" s="239">
        <f>'CPT Data'!B6757</f>
        <v>67.228999999999999</v>
      </c>
      <c r="B6749" s="3">
        <f>'CPT Data'!C6757</f>
        <v>67.221999999999994</v>
      </c>
      <c r="C6749" t="str">
        <f>'CPT Data'!P6757</f>
        <v>SAND</v>
      </c>
      <c r="D6749" t="e">
        <f>'CPT Data'!Q6757</f>
        <v>#N/A</v>
      </c>
      <c r="E6749" t="e">
        <f t="shared" si="106"/>
        <v>#N/A</v>
      </c>
      <c r="F6749" t="str">
        <f>IF(C6749="CLAY", INDEX(D$4:D6749, MATCH("CLAY", C$4:C6749, 0)), "")</f>
        <v/>
      </c>
    </row>
    <row r="6750" spans="1:6" x14ac:dyDescent="0.2">
      <c r="A6750" s="239">
        <f>'CPT Data'!B6758</f>
        <v>67.239000000000004</v>
      </c>
      <c r="B6750" s="3">
        <f>'CPT Data'!C6758</f>
        <v>67.231999999999999</v>
      </c>
      <c r="C6750" t="str">
        <f>'CPT Data'!P6758</f>
        <v>SAND</v>
      </c>
      <c r="D6750" t="e">
        <f>'CPT Data'!Q6758</f>
        <v>#N/A</v>
      </c>
      <c r="E6750" t="e">
        <f t="shared" si="106"/>
        <v>#N/A</v>
      </c>
      <c r="F6750" t="str">
        <f>IF(C6750="CLAY", INDEX(D$4:D6750, MATCH("CLAY", C$4:C6750, 0)), "")</f>
        <v/>
      </c>
    </row>
    <row r="6751" spans="1:6" x14ac:dyDescent="0.2">
      <c r="A6751" s="239">
        <f>'CPT Data'!B6759</f>
        <v>67.25</v>
      </c>
      <c r="B6751" s="3">
        <f>'CPT Data'!C6759</f>
        <v>67.242999999999995</v>
      </c>
      <c r="C6751" t="str">
        <f>'CPT Data'!P6759</f>
        <v>SAND</v>
      </c>
      <c r="D6751" t="e">
        <f>'CPT Data'!Q6759</f>
        <v>#N/A</v>
      </c>
      <c r="E6751" t="e">
        <f t="shared" si="106"/>
        <v>#N/A</v>
      </c>
      <c r="F6751" t="str">
        <f>IF(C6751="CLAY", INDEX(D$4:D6751, MATCH("CLAY", C$4:C6751, 0)), "")</f>
        <v/>
      </c>
    </row>
    <row r="6752" spans="1:6" x14ac:dyDescent="0.2">
      <c r="A6752" s="239">
        <f>'CPT Data'!B6760</f>
        <v>67.260000000000005</v>
      </c>
      <c r="B6752" s="3">
        <f>'CPT Data'!C6760</f>
        <v>67.253</v>
      </c>
      <c r="C6752" t="str">
        <f>'CPT Data'!P6760</f>
        <v>SAND</v>
      </c>
      <c r="D6752" t="e">
        <f>'CPT Data'!Q6760</f>
        <v>#N/A</v>
      </c>
      <c r="E6752" t="e">
        <f t="shared" si="106"/>
        <v>#N/A</v>
      </c>
      <c r="F6752" t="str">
        <f>IF(C6752="CLAY", INDEX(D$4:D6752, MATCH("CLAY", C$4:C6752, 0)), "")</f>
        <v/>
      </c>
    </row>
    <row r="6753" spans="1:6" x14ac:dyDescent="0.2">
      <c r="A6753" s="239">
        <f>'CPT Data'!B6761</f>
        <v>67.27</v>
      </c>
      <c r="B6753" s="3">
        <f>'CPT Data'!C6761</f>
        <v>67.262999999999991</v>
      </c>
      <c r="C6753" t="str">
        <f>'CPT Data'!P6761</f>
        <v>SAND</v>
      </c>
      <c r="D6753" t="e">
        <f>'CPT Data'!Q6761</f>
        <v>#N/A</v>
      </c>
      <c r="E6753" t="e">
        <f t="shared" si="106"/>
        <v>#N/A</v>
      </c>
      <c r="F6753" t="str">
        <f>IF(C6753="CLAY", INDEX(D$4:D6753, MATCH("CLAY", C$4:C6753, 0)), "")</f>
        <v/>
      </c>
    </row>
    <row r="6754" spans="1:6" x14ac:dyDescent="0.2">
      <c r="A6754" s="239">
        <f>'CPT Data'!B6762</f>
        <v>67.28</v>
      </c>
      <c r="B6754" s="3">
        <f>'CPT Data'!C6762</f>
        <v>67.272999999999996</v>
      </c>
      <c r="C6754" t="str">
        <f>'CPT Data'!P6762</f>
        <v>SAND</v>
      </c>
      <c r="D6754" t="e">
        <f>'CPT Data'!Q6762</f>
        <v>#N/A</v>
      </c>
      <c r="E6754" t="e">
        <f t="shared" si="106"/>
        <v>#N/A</v>
      </c>
      <c r="F6754" t="str">
        <f>IF(C6754="CLAY", INDEX(D$4:D6754, MATCH("CLAY", C$4:C6754, 0)), "")</f>
        <v/>
      </c>
    </row>
    <row r="6755" spans="1:6" x14ac:dyDescent="0.2">
      <c r="A6755" s="239">
        <f>'CPT Data'!B6763</f>
        <v>67.290999999999997</v>
      </c>
      <c r="B6755" s="3">
        <f>'CPT Data'!C6763</f>
        <v>67.283999999999992</v>
      </c>
      <c r="C6755" t="str">
        <f>'CPT Data'!P6763</f>
        <v>SAND</v>
      </c>
      <c r="D6755" t="e">
        <f>'CPT Data'!Q6763</f>
        <v>#N/A</v>
      </c>
      <c r="E6755" t="e">
        <f t="shared" si="106"/>
        <v>#N/A</v>
      </c>
      <c r="F6755" t="str">
        <f>IF(C6755="CLAY", INDEX(D$4:D6755, MATCH("CLAY", C$4:C6755, 0)), "")</f>
        <v/>
      </c>
    </row>
    <row r="6756" spans="1:6" x14ac:dyDescent="0.2">
      <c r="A6756" s="239">
        <f>'CPT Data'!B6764</f>
        <v>67.301000000000002</v>
      </c>
      <c r="B6756" s="3">
        <f>'CPT Data'!C6764</f>
        <v>67.293999999999997</v>
      </c>
      <c r="C6756" t="str">
        <f>'CPT Data'!P6764</f>
        <v>SAND</v>
      </c>
      <c r="D6756" t="e">
        <f>'CPT Data'!Q6764</f>
        <v>#N/A</v>
      </c>
      <c r="E6756" t="e">
        <f t="shared" si="106"/>
        <v>#N/A</v>
      </c>
      <c r="F6756" t="str">
        <f>IF(C6756="CLAY", INDEX(D$4:D6756, MATCH("CLAY", C$4:C6756, 0)), "")</f>
        <v/>
      </c>
    </row>
    <row r="6757" spans="1:6" x14ac:dyDescent="0.2">
      <c r="A6757" s="239">
        <f>'CPT Data'!B6765</f>
        <v>67.311999999999998</v>
      </c>
      <c r="B6757" s="3">
        <f>'CPT Data'!C6765</f>
        <v>67.304999999999993</v>
      </c>
      <c r="C6757" t="str">
        <f>'CPT Data'!P6765</f>
        <v>SAND</v>
      </c>
      <c r="D6757" t="e">
        <f>'CPT Data'!Q6765</f>
        <v>#N/A</v>
      </c>
      <c r="E6757" t="e">
        <f t="shared" si="106"/>
        <v>#N/A</v>
      </c>
      <c r="F6757" t="str">
        <f>IF(C6757="CLAY", INDEX(D$4:D6757, MATCH("CLAY", C$4:C6757, 0)), "")</f>
        <v/>
      </c>
    </row>
    <row r="6758" spans="1:6" x14ac:dyDescent="0.2">
      <c r="A6758" s="239">
        <f>'CPT Data'!B6766</f>
        <v>67.322000000000003</v>
      </c>
      <c r="B6758" s="3">
        <f>'CPT Data'!C6766</f>
        <v>67.314999999999998</v>
      </c>
      <c r="C6758" t="str">
        <f>'CPT Data'!P6766</f>
        <v>SAND</v>
      </c>
      <c r="D6758" t="e">
        <f>'CPT Data'!Q6766</f>
        <v>#N/A</v>
      </c>
      <c r="E6758" t="e">
        <f t="shared" si="106"/>
        <v>#N/A</v>
      </c>
      <c r="F6758" t="str">
        <f>IF(C6758="CLAY", INDEX(D$4:D6758, MATCH("CLAY", C$4:C6758, 0)), "")</f>
        <v/>
      </c>
    </row>
    <row r="6759" spans="1:6" x14ac:dyDescent="0.2">
      <c r="A6759" s="239">
        <f>'CPT Data'!B6767</f>
        <v>67.331999999999994</v>
      </c>
      <c r="B6759" s="3">
        <f>'CPT Data'!C6767</f>
        <v>67.324999999999989</v>
      </c>
      <c r="C6759" t="str">
        <f>'CPT Data'!P6767</f>
        <v>SAND</v>
      </c>
      <c r="D6759" t="e">
        <f>'CPT Data'!Q6767</f>
        <v>#N/A</v>
      </c>
      <c r="E6759" t="e">
        <f t="shared" si="106"/>
        <v>#N/A</v>
      </c>
      <c r="F6759" t="str">
        <f>IF(C6759="CLAY", INDEX(D$4:D6759, MATCH("CLAY", C$4:C6759, 0)), "")</f>
        <v/>
      </c>
    </row>
    <row r="6760" spans="1:6" x14ac:dyDescent="0.2">
      <c r="A6760" s="239">
        <f>'CPT Data'!B6768</f>
        <v>67.341999999999999</v>
      </c>
      <c r="B6760" s="3">
        <f>'CPT Data'!C6768</f>
        <v>67.334999999999994</v>
      </c>
      <c r="C6760" t="str">
        <f>'CPT Data'!P6768</f>
        <v>SAND</v>
      </c>
      <c r="D6760" t="e">
        <f>'CPT Data'!Q6768</f>
        <v>#N/A</v>
      </c>
      <c r="E6760" t="e">
        <f t="shared" si="106"/>
        <v>#N/A</v>
      </c>
      <c r="F6760" t="str">
        <f>IF(C6760="CLAY", INDEX(D$4:D6760, MATCH("CLAY", C$4:C6760, 0)), "")</f>
        <v/>
      </c>
    </row>
    <row r="6761" spans="1:6" x14ac:dyDescent="0.2">
      <c r="A6761" s="239">
        <f>'CPT Data'!B6769</f>
        <v>67.353999999999999</v>
      </c>
      <c r="B6761" s="3">
        <f>'CPT Data'!C6769</f>
        <v>67.346999999999994</v>
      </c>
      <c r="C6761" t="str">
        <f>'CPT Data'!P6769</f>
        <v>SAND</v>
      </c>
      <c r="D6761" t="e">
        <f>'CPT Data'!Q6769</f>
        <v>#N/A</v>
      </c>
      <c r="E6761" t="e">
        <f t="shared" si="106"/>
        <v>#N/A</v>
      </c>
      <c r="F6761" t="str">
        <f>IF(C6761="CLAY", INDEX(D$4:D6761, MATCH("CLAY", C$4:C6761, 0)), "")</f>
        <v/>
      </c>
    </row>
    <row r="6762" spans="1:6" x14ac:dyDescent="0.2">
      <c r="A6762" s="239">
        <f>'CPT Data'!B6770</f>
        <v>67.364000000000004</v>
      </c>
      <c r="B6762" s="3">
        <f>'CPT Data'!C6770</f>
        <v>67.356999999999999</v>
      </c>
      <c r="C6762" t="str">
        <f>'CPT Data'!P6770</f>
        <v>SAND</v>
      </c>
      <c r="D6762" t="e">
        <f>'CPT Data'!Q6770</f>
        <v>#N/A</v>
      </c>
      <c r="E6762" t="e">
        <f t="shared" si="106"/>
        <v>#N/A</v>
      </c>
      <c r="F6762" t="str">
        <f>IF(C6762="CLAY", INDEX(D$4:D6762, MATCH("CLAY", C$4:C6762, 0)), "")</f>
        <v/>
      </c>
    </row>
    <row r="6763" spans="1:6" x14ac:dyDescent="0.2">
      <c r="A6763" s="239">
        <f>'CPT Data'!B6771</f>
        <v>67.373999999999995</v>
      </c>
      <c r="B6763" s="3">
        <f>'CPT Data'!C6771</f>
        <v>67.36699999999999</v>
      </c>
      <c r="C6763" t="str">
        <f>'CPT Data'!P6771</f>
        <v>SAND</v>
      </c>
      <c r="D6763" t="e">
        <f>'CPT Data'!Q6771</f>
        <v>#N/A</v>
      </c>
      <c r="E6763" t="e">
        <f t="shared" si="106"/>
        <v>#N/A</v>
      </c>
      <c r="F6763" t="str">
        <f>IF(C6763="CLAY", INDEX(D$4:D6763, MATCH("CLAY", C$4:C6763, 0)), "")</f>
        <v/>
      </c>
    </row>
    <row r="6764" spans="1:6" x14ac:dyDescent="0.2">
      <c r="A6764" s="239">
        <f>'CPT Data'!B6772</f>
        <v>67.384</v>
      </c>
      <c r="B6764" s="3">
        <f>'CPT Data'!C6772</f>
        <v>67.376999999999995</v>
      </c>
      <c r="C6764" t="str">
        <f>'CPT Data'!P6772</f>
        <v>SAND</v>
      </c>
      <c r="D6764" t="e">
        <f>'CPT Data'!Q6772</f>
        <v>#N/A</v>
      </c>
      <c r="E6764" t="e">
        <f t="shared" si="106"/>
        <v>#N/A</v>
      </c>
      <c r="F6764" t="str">
        <f>IF(C6764="CLAY", INDEX(D$4:D6764, MATCH("CLAY", C$4:C6764, 0)), "")</f>
        <v/>
      </c>
    </row>
    <row r="6765" spans="1:6" x14ac:dyDescent="0.2">
      <c r="A6765" s="239">
        <f>'CPT Data'!B6773</f>
        <v>67.394999999999996</v>
      </c>
      <c r="B6765" s="3">
        <f>'CPT Data'!C6773</f>
        <v>67.387999999999991</v>
      </c>
      <c r="C6765" t="str">
        <f>'CPT Data'!P6773</f>
        <v>SAND</v>
      </c>
      <c r="D6765" t="e">
        <f>'CPT Data'!Q6773</f>
        <v>#N/A</v>
      </c>
      <c r="E6765" t="e">
        <f t="shared" si="106"/>
        <v>#N/A</v>
      </c>
      <c r="F6765" t="str">
        <f>IF(C6765="CLAY", INDEX(D$4:D6765, MATCH("CLAY", C$4:C6765, 0)), "")</f>
        <v/>
      </c>
    </row>
    <row r="6766" spans="1:6" x14ac:dyDescent="0.2">
      <c r="A6766" s="239">
        <f>'CPT Data'!B6774</f>
        <v>67.403999999999996</v>
      </c>
      <c r="B6766" s="3">
        <f>'CPT Data'!C6774</f>
        <v>67.396999999999991</v>
      </c>
      <c r="C6766" t="str">
        <f>'CPT Data'!P6774</f>
        <v>SAND</v>
      </c>
      <c r="D6766" t="e">
        <f>'CPT Data'!Q6774</f>
        <v>#N/A</v>
      </c>
      <c r="E6766" t="e">
        <f t="shared" si="106"/>
        <v>#N/A</v>
      </c>
      <c r="F6766" t="str">
        <f>IF(C6766="CLAY", INDEX(D$4:D6766, MATCH("CLAY", C$4:C6766, 0)), "")</f>
        <v/>
      </c>
    </row>
    <row r="6767" spans="1:6" x14ac:dyDescent="0.2">
      <c r="A6767" s="239">
        <f>'CPT Data'!B6775</f>
        <v>67.414000000000001</v>
      </c>
      <c r="B6767" s="3">
        <f>'CPT Data'!C6775</f>
        <v>67.406999999999996</v>
      </c>
      <c r="C6767" t="str">
        <f>'CPT Data'!P6775</f>
        <v>SAND</v>
      </c>
      <c r="D6767" t="e">
        <f>'CPT Data'!Q6775</f>
        <v>#N/A</v>
      </c>
      <c r="E6767" t="e">
        <f t="shared" si="106"/>
        <v>#N/A</v>
      </c>
      <c r="F6767" t="str">
        <f>IF(C6767="CLAY", INDEX(D$4:D6767, MATCH("CLAY", C$4:C6767, 0)), "")</f>
        <v/>
      </c>
    </row>
    <row r="6768" spans="1:6" x14ac:dyDescent="0.2">
      <c r="A6768" s="239">
        <f>'CPT Data'!B6776</f>
        <v>67.424999999999997</v>
      </c>
      <c r="B6768" s="3">
        <f>'CPT Data'!C6776</f>
        <v>67.417999999999992</v>
      </c>
      <c r="C6768" t="str">
        <f>'CPT Data'!P6776</f>
        <v>SAND</v>
      </c>
      <c r="D6768" t="e">
        <f>'CPT Data'!Q6776</f>
        <v>#N/A</v>
      </c>
      <c r="E6768" t="e">
        <f t="shared" si="106"/>
        <v>#N/A</v>
      </c>
      <c r="F6768" t="str">
        <f>IF(C6768="CLAY", INDEX(D$4:D6768, MATCH("CLAY", C$4:C6768, 0)), "")</f>
        <v/>
      </c>
    </row>
    <row r="6769" spans="1:6" x14ac:dyDescent="0.2">
      <c r="A6769" s="239">
        <f>'CPT Data'!B6777</f>
        <v>67.435000000000002</v>
      </c>
      <c r="B6769" s="3">
        <f>'CPT Data'!C6777</f>
        <v>67.427999999999997</v>
      </c>
      <c r="C6769" t="str">
        <f>'CPT Data'!P6777</f>
        <v>SAND</v>
      </c>
      <c r="D6769" t="e">
        <f>'CPT Data'!Q6777</f>
        <v>#N/A</v>
      </c>
      <c r="E6769" t="e">
        <f t="shared" si="106"/>
        <v>#N/A</v>
      </c>
      <c r="F6769" t="str">
        <f>IF(C6769="CLAY", INDEX(D$4:D6769, MATCH("CLAY", C$4:C6769, 0)), "")</f>
        <v/>
      </c>
    </row>
    <row r="6770" spans="1:6" x14ac:dyDescent="0.2">
      <c r="A6770" s="239">
        <f>'CPT Data'!B6778</f>
        <v>67.445999999999998</v>
      </c>
      <c r="B6770" s="3">
        <f>'CPT Data'!C6778</f>
        <v>67.438999999999993</v>
      </c>
      <c r="C6770" t="str">
        <f>'CPT Data'!P6778</f>
        <v>SAND</v>
      </c>
      <c r="D6770" t="e">
        <f>'CPT Data'!Q6778</f>
        <v>#N/A</v>
      </c>
      <c r="E6770" t="e">
        <f t="shared" si="106"/>
        <v>#N/A</v>
      </c>
      <c r="F6770" t="str">
        <f>IF(C6770="CLAY", INDEX(D$4:D6770, MATCH("CLAY", C$4:C6770, 0)), "")</f>
        <v/>
      </c>
    </row>
    <row r="6771" spans="1:6" x14ac:dyDescent="0.2">
      <c r="A6771" s="239">
        <f>'CPT Data'!B6779</f>
        <v>67.456000000000003</v>
      </c>
      <c r="B6771" s="3">
        <f>'CPT Data'!C6779</f>
        <v>67.448999999999998</v>
      </c>
      <c r="C6771" t="str">
        <f>'CPT Data'!P6779</f>
        <v>SAND</v>
      </c>
      <c r="D6771" t="e">
        <f>'CPT Data'!Q6779</f>
        <v>#N/A</v>
      </c>
      <c r="E6771" t="e">
        <f t="shared" si="106"/>
        <v>#N/A</v>
      </c>
      <c r="F6771" t="str">
        <f>IF(C6771="CLAY", INDEX(D$4:D6771, MATCH("CLAY", C$4:C6771, 0)), "")</f>
        <v/>
      </c>
    </row>
    <row r="6772" spans="1:6" x14ac:dyDescent="0.2">
      <c r="A6772" s="239">
        <f>'CPT Data'!B6780</f>
        <v>67.465999999999994</v>
      </c>
      <c r="B6772" s="3">
        <f>'CPT Data'!C6780</f>
        <v>67.458999999999989</v>
      </c>
      <c r="C6772" t="str">
        <f>'CPT Data'!P6780</f>
        <v>SAND</v>
      </c>
      <c r="D6772" t="e">
        <f>'CPT Data'!Q6780</f>
        <v>#N/A</v>
      </c>
      <c r="E6772" t="e">
        <f t="shared" si="106"/>
        <v>#N/A</v>
      </c>
      <c r="F6772" t="str">
        <f>IF(C6772="CLAY", INDEX(D$4:D6772, MATCH("CLAY", C$4:C6772, 0)), "")</f>
        <v/>
      </c>
    </row>
    <row r="6773" spans="1:6" x14ac:dyDescent="0.2">
      <c r="A6773" s="239">
        <f>'CPT Data'!B6781</f>
        <v>67.477000000000004</v>
      </c>
      <c r="B6773" s="3">
        <f>'CPT Data'!C6781</f>
        <v>67.47</v>
      </c>
      <c r="C6773" t="str">
        <f>'CPT Data'!P6781</f>
        <v>SAND</v>
      </c>
      <c r="D6773" t="e">
        <f>'CPT Data'!Q6781</f>
        <v>#N/A</v>
      </c>
      <c r="E6773" t="e">
        <f t="shared" si="106"/>
        <v>#N/A</v>
      </c>
      <c r="F6773" t="str">
        <f>IF(C6773="CLAY", INDEX(D$4:D6773, MATCH("CLAY", C$4:C6773, 0)), "")</f>
        <v/>
      </c>
    </row>
    <row r="6774" spans="1:6" x14ac:dyDescent="0.2">
      <c r="A6774" s="239">
        <f>'CPT Data'!B6782</f>
        <v>67.486000000000004</v>
      </c>
      <c r="B6774" s="3">
        <f>'CPT Data'!C6782</f>
        <v>67.478999999999999</v>
      </c>
      <c r="C6774" t="str">
        <f>'CPT Data'!P6782</f>
        <v>SAND</v>
      </c>
      <c r="D6774" t="e">
        <f>'CPT Data'!Q6782</f>
        <v>#N/A</v>
      </c>
      <c r="E6774" t="e">
        <f t="shared" si="106"/>
        <v>#N/A</v>
      </c>
      <c r="F6774" t="str">
        <f>IF(C6774="CLAY", INDEX(D$4:D6774, MATCH("CLAY", C$4:C6774, 0)), "")</f>
        <v/>
      </c>
    </row>
    <row r="6775" spans="1:6" x14ac:dyDescent="0.2">
      <c r="A6775" s="239">
        <f>'CPT Data'!B6783</f>
        <v>67.495999999999995</v>
      </c>
      <c r="B6775" s="3">
        <f>'CPT Data'!C6783</f>
        <v>67.48899999999999</v>
      </c>
      <c r="C6775" t="str">
        <f>'CPT Data'!P6783</f>
        <v>SAND</v>
      </c>
      <c r="D6775" t="e">
        <f>'CPT Data'!Q6783</f>
        <v>#N/A</v>
      </c>
      <c r="E6775" t="e">
        <f t="shared" si="106"/>
        <v>#N/A</v>
      </c>
      <c r="F6775" t="str">
        <f>IF(C6775="CLAY", INDEX(D$4:D6775, MATCH("CLAY", C$4:C6775, 0)), "")</f>
        <v/>
      </c>
    </row>
    <row r="6776" spans="1:6" x14ac:dyDescent="0.2">
      <c r="A6776" s="239">
        <f>'CPT Data'!B6784</f>
        <v>67.507999999999996</v>
      </c>
      <c r="B6776" s="3">
        <f>'CPT Data'!C6784</f>
        <v>67.500999999999991</v>
      </c>
      <c r="C6776" t="str">
        <f>'CPT Data'!P6784</f>
        <v>SAND</v>
      </c>
      <c r="D6776" t="e">
        <f>'CPT Data'!Q6784</f>
        <v>#N/A</v>
      </c>
      <c r="E6776" t="e">
        <f t="shared" si="106"/>
        <v>#N/A</v>
      </c>
      <c r="F6776" t="str">
        <f>IF(C6776="CLAY", INDEX(D$4:D6776, MATCH("CLAY", C$4:C6776, 0)), "")</f>
        <v/>
      </c>
    </row>
    <row r="6777" spans="1:6" x14ac:dyDescent="0.2">
      <c r="A6777" s="239">
        <f>'CPT Data'!B6785</f>
        <v>67.518000000000001</v>
      </c>
      <c r="B6777" s="3">
        <f>'CPT Data'!C6785</f>
        <v>67.510999999999996</v>
      </c>
      <c r="C6777" t="str">
        <f>'CPT Data'!P6785</f>
        <v>SAND</v>
      </c>
      <c r="D6777" t="e">
        <f>'CPT Data'!Q6785</f>
        <v>#N/A</v>
      </c>
      <c r="E6777" t="e">
        <f t="shared" si="106"/>
        <v>#N/A</v>
      </c>
      <c r="F6777" t="str">
        <f>IF(C6777="CLAY", INDEX(D$4:D6777, MATCH("CLAY", C$4:C6777, 0)), "")</f>
        <v/>
      </c>
    </row>
    <row r="6778" spans="1:6" x14ac:dyDescent="0.2">
      <c r="A6778" s="239">
        <f>'CPT Data'!B6786</f>
        <v>67.527000000000001</v>
      </c>
      <c r="B6778" s="3">
        <f>'CPT Data'!C6786</f>
        <v>67.52</v>
      </c>
      <c r="C6778" t="str">
        <f>'CPT Data'!P6786</f>
        <v>SAND</v>
      </c>
      <c r="D6778" t="e">
        <f>'CPT Data'!Q6786</f>
        <v>#N/A</v>
      </c>
      <c r="E6778" t="e">
        <f t="shared" si="106"/>
        <v>#N/A</v>
      </c>
      <c r="F6778" t="str">
        <f>IF(C6778="CLAY", INDEX(D$4:D6778, MATCH("CLAY", C$4:C6778, 0)), "")</f>
        <v/>
      </c>
    </row>
    <row r="6779" spans="1:6" x14ac:dyDescent="0.2">
      <c r="A6779" s="239">
        <f>'CPT Data'!B6787</f>
        <v>67.537999999999997</v>
      </c>
      <c r="B6779" s="3">
        <f>'CPT Data'!C6787</f>
        <v>67.530999999999992</v>
      </c>
      <c r="C6779" t="str">
        <f>'CPT Data'!P6787</f>
        <v>SAND</v>
      </c>
      <c r="D6779" t="e">
        <f>'CPT Data'!Q6787</f>
        <v>#N/A</v>
      </c>
      <c r="E6779" t="e">
        <f t="shared" si="106"/>
        <v>#N/A</v>
      </c>
      <c r="F6779" t="str">
        <f>IF(C6779="CLAY", INDEX(D$4:D6779, MATCH("CLAY", C$4:C6779, 0)), "")</f>
        <v/>
      </c>
    </row>
    <row r="6780" spans="1:6" x14ac:dyDescent="0.2">
      <c r="A6780" s="239">
        <f>'CPT Data'!B6788</f>
        <v>67.549000000000007</v>
      </c>
      <c r="B6780" s="3">
        <f>'CPT Data'!C6788</f>
        <v>67.542000000000002</v>
      </c>
      <c r="C6780" t="str">
        <f>'CPT Data'!P6788</f>
        <v>SAND</v>
      </c>
      <c r="D6780" t="e">
        <f>'CPT Data'!Q6788</f>
        <v>#N/A</v>
      </c>
      <c r="E6780" t="e">
        <f t="shared" si="106"/>
        <v>#N/A</v>
      </c>
      <c r="F6780" t="str">
        <f>IF(C6780="CLAY", INDEX(D$4:D6780, MATCH("CLAY", C$4:C6780, 0)), "")</f>
        <v/>
      </c>
    </row>
    <row r="6781" spans="1:6" x14ac:dyDescent="0.2">
      <c r="A6781" s="239">
        <f>'CPT Data'!B6789</f>
        <v>67.558000000000007</v>
      </c>
      <c r="B6781" s="3">
        <f>'CPT Data'!C6789</f>
        <v>67.551000000000002</v>
      </c>
      <c r="C6781" t="str">
        <f>'CPT Data'!P6789</f>
        <v>SAND</v>
      </c>
      <c r="D6781" t="e">
        <f>'CPT Data'!Q6789</f>
        <v>#N/A</v>
      </c>
      <c r="E6781" t="e">
        <f t="shared" si="106"/>
        <v>#N/A</v>
      </c>
      <c r="F6781" t="str">
        <f>IF(C6781="CLAY", INDEX(D$4:D6781, MATCH("CLAY", C$4:C6781, 0)), "")</f>
        <v/>
      </c>
    </row>
    <row r="6782" spans="1:6" x14ac:dyDescent="0.2">
      <c r="A6782" s="239">
        <f>'CPT Data'!B6790</f>
        <v>67.569000000000003</v>
      </c>
      <c r="B6782" s="3">
        <f>'CPT Data'!C6790</f>
        <v>67.561999999999998</v>
      </c>
      <c r="C6782" t="str">
        <f>'CPT Data'!P6790</f>
        <v>SAND</v>
      </c>
      <c r="D6782" t="e">
        <f>'CPT Data'!Q6790</f>
        <v>#N/A</v>
      </c>
      <c r="E6782" t="e">
        <f t="shared" si="106"/>
        <v>#N/A</v>
      </c>
      <c r="F6782" t="str">
        <f>IF(C6782="CLAY", INDEX(D$4:D6782, MATCH("CLAY", C$4:C6782, 0)), "")</f>
        <v/>
      </c>
    </row>
    <row r="6783" spans="1:6" x14ac:dyDescent="0.2">
      <c r="A6783" s="239">
        <f>'CPT Data'!B6791</f>
        <v>67.578000000000003</v>
      </c>
      <c r="B6783" s="3">
        <f>'CPT Data'!C6791</f>
        <v>67.570999999999998</v>
      </c>
      <c r="C6783" t="str">
        <f>'CPT Data'!P6791</f>
        <v>SAND</v>
      </c>
      <c r="D6783" t="e">
        <f>'CPT Data'!Q6791</f>
        <v>#N/A</v>
      </c>
      <c r="E6783" t="e">
        <f t="shared" si="106"/>
        <v>#N/A</v>
      </c>
      <c r="F6783" t="str">
        <f>IF(C6783="CLAY", INDEX(D$4:D6783, MATCH("CLAY", C$4:C6783, 0)), "")</f>
        <v/>
      </c>
    </row>
    <row r="6784" spans="1:6" x14ac:dyDescent="0.2">
      <c r="A6784" s="239">
        <f>'CPT Data'!B6792</f>
        <v>67.588999999999999</v>
      </c>
      <c r="B6784" s="3">
        <f>'CPT Data'!C6792</f>
        <v>67.581999999999994</v>
      </c>
      <c r="C6784" t="str">
        <f>'CPT Data'!P6792</f>
        <v>SAND</v>
      </c>
      <c r="D6784" t="e">
        <f>'CPT Data'!Q6792</f>
        <v>#N/A</v>
      </c>
      <c r="E6784" t="e">
        <f t="shared" si="106"/>
        <v>#N/A</v>
      </c>
      <c r="F6784" t="str">
        <f>IF(C6784="CLAY", INDEX(D$4:D6784, MATCH("CLAY", C$4:C6784, 0)), "")</f>
        <v/>
      </c>
    </row>
    <row r="6785" spans="1:6" x14ac:dyDescent="0.2">
      <c r="A6785" s="239">
        <f>'CPT Data'!B6793</f>
        <v>67.597999999999999</v>
      </c>
      <c r="B6785" s="3">
        <f>'CPT Data'!C6793</f>
        <v>67.590999999999994</v>
      </c>
      <c r="C6785" t="str">
        <f>'CPT Data'!P6793</f>
        <v>SAND</v>
      </c>
      <c r="D6785" t="e">
        <f>'CPT Data'!Q6793</f>
        <v>#N/A</v>
      </c>
      <c r="E6785" t="e">
        <f t="shared" si="106"/>
        <v>#N/A</v>
      </c>
      <c r="F6785" t="str">
        <f>IF(C6785="CLAY", INDEX(D$4:D6785, MATCH("CLAY", C$4:C6785, 0)), "")</f>
        <v/>
      </c>
    </row>
    <row r="6786" spans="1:6" x14ac:dyDescent="0.2">
      <c r="A6786" s="239">
        <f>'CPT Data'!B6794</f>
        <v>67.61</v>
      </c>
      <c r="B6786" s="3">
        <f>'CPT Data'!C6794</f>
        <v>67.602999999999994</v>
      </c>
      <c r="C6786" t="str">
        <f>'CPT Data'!P6794</f>
        <v>SAND</v>
      </c>
      <c r="D6786" t="e">
        <f>'CPT Data'!Q6794</f>
        <v>#N/A</v>
      </c>
      <c r="E6786" t="e">
        <f t="shared" si="106"/>
        <v>#N/A</v>
      </c>
      <c r="F6786" t="str">
        <f>IF(C6786="CLAY", INDEX(D$4:D6786, MATCH("CLAY", C$4:C6786, 0)), "")</f>
        <v/>
      </c>
    </row>
    <row r="6787" spans="1:6" x14ac:dyDescent="0.2">
      <c r="A6787" s="239">
        <f>'CPT Data'!B6795</f>
        <v>67.62</v>
      </c>
      <c r="B6787" s="3">
        <f>'CPT Data'!C6795</f>
        <v>67.613</v>
      </c>
      <c r="C6787" t="str">
        <f>'CPT Data'!P6795</f>
        <v>SAND</v>
      </c>
      <c r="D6787" t="e">
        <f>'CPT Data'!Q6795</f>
        <v>#N/A</v>
      </c>
      <c r="E6787" t="e">
        <f t="shared" si="106"/>
        <v>#N/A</v>
      </c>
      <c r="F6787" t="str">
        <f>IF(C6787="CLAY", INDEX(D$4:D6787, MATCH("CLAY", C$4:C6787, 0)), "")</f>
        <v/>
      </c>
    </row>
    <row r="6788" spans="1:6" x14ac:dyDescent="0.2">
      <c r="A6788" s="239">
        <f>'CPT Data'!B6796</f>
        <v>67.63</v>
      </c>
      <c r="B6788" s="3">
        <f>'CPT Data'!C6796</f>
        <v>67.62299999999999</v>
      </c>
      <c r="C6788" t="str">
        <f>'CPT Data'!P6796</f>
        <v>SAND</v>
      </c>
      <c r="D6788" t="e">
        <f>'CPT Data'!Q6796</f>
        <v>#N/A</v>
      </c>
      <c r="E6788" t="e">
        <f t="shared" si="106"/>
        <v>#N/A</v>
      </c>
      <c r="F6788" t="str">
        <f>IF(C6788="CLAY", INDEX(D$4:D6788, MATCH("CLAY", C$4:C6788, 0)), "")</f>
        <v/>
      </c>
    </row>
    <row r="6789" spans="1:6" x14ac:dyDescent="0.2">
      <c r="A6789" s="239">
        <f>'CPT Data'!B6797</f>
        <v>67.641000000000005</v>
      </c>
      <c r="B6789" s="3">
        <f>'CPT Data'!C6797</f>
        <v>67.634</v>
      </c>
      <c r="C6789" t="str">
        <f>'CPT Data'!P6797</f>
        <v>SAND</v>
      </c>
      <c r="D6789" t="e">
        <f>'CPT Data'!Q6797</f>
        <v>#N/A</v>
      </c>
      <c r="E6789" t="e">
        <f t="shared" si="106"/>
        <v>#N/A</v>
      </c>
      <c r="F6789" t="str">
        <f>IF(C6789="CLAY", INDEX(D$4:D6789, MATCH("CLAY", C$4:C6789, 0)), "")</f>
        <v/>
      </c>
    </row>
    <row r="6790" spans="1:6" x14ac:dyDescent="0.2">
      <c r="A6790" s="239">
        <f>'CPT Data'!B6798</f>
        <v>67.650999999999996</v>
      </c>
      <c r="B6790" s="3">
        <f>'CPT Data'!C6798</f>
        <v>67.643999999999991</v>
      </c>
      <c r="C6790" t="str">
        <f>'CPT Data'!P6798</f>
        <v>SAND</v>
      </c>
      <c r="D6790" t="e">
        <f>'CPT Data'!Q6798</f>
        <v>#N/A</v>
      </c>
      <c r="E6790" t="e">
        <f t="shared" si="106"/>
        <v>#N/A</v>
      </c>
      <c r="F6790" t="str">
        <f>IF(C6790="CLAY", INDEX(D$4:D6790, MATCH("CLAY", C$4:C6790, 0)), "")</f>
        <v/>
      </c>
    </row>
    <row r="6791" spans="1:6" x14ac:dyDescent="0.2">
      <c r="A6791" s="239">
        <f>'CPT Data'!B6799</f>
        <v>67.661000000000001</v>
      </c>
      <c r="B6791" s="3">
        <f>'CPT Data'!C6799</f>
        <v>67.653999999999996</v>
      </c>
      <c r="C6791" t="str">
        <f>'CPT Data'!P6799</f>
        <v>SAND</v>
      </c>
      <c r="D6791" t="e">
        <f>'CPT Data'!Q6799</f>
        <v>#N/A</v>
      </c>
      <c r="E6791" t="e">
        <f t="shared" si="106"/>
        <v>#N/A</v>
      </c>
      <c r="F6791" t="str">
        <f>IF(C6791="CLAY", INDEX(D$4:D6791, MATCH("CLAY", C$4:C6791, 0)), "")</f>
        <v/>
      </c>
    </row>
    <row r="6792" spans="1:6" x14ac:dyDescent="0.2">
      <c r="A6792" s="239">
        <f>'CPT Data'!B6800</f>
        <v>67.671000000000006</v>
      </c>
      <c r="B6792" s="3">
        <f>'CPT Data'!C6800</f>
        <v>67.664000000000001</v>
      </c>
      <c r="C6792" t="str">
        <f>'CPT Data'!P6800</f>
        <v>SAND</v>
      </c>
      <c r="D6792" t="e">
        <f>'CPT Data'!Q6800</f>
        <v>#N/A</v>
      </c>
      <c r="E6792" t="e">
        <f t="shared" si="106"/>
        <v>#N/A</v>
      </c>
      <c r="F6792" t="str">
        <f>IF(C6792="CLAY", INDEX(D$4:D6792, MATCH("CLAY", C$4:C6792, 0)), "")</f>
        <v/>
      </c>
    </row>
    <row r="6793" spans="1:6" x14ac:dyDescent="0.2">
      <c r="A6793" s="239">
        <f>'CPT Data'!B6801</f>
        <v>67.680999999999997</v>
      </c>
      <c r="B6793" s="3">
        <f>'CPT Data'!C6801</f>
        <v>67.673999999999992</v>
      </c>
      <c r="C6793" t="str">
        <f>'CPT Data'!P6801</f>
        <v>SAND</v>
      </c>
      <c r="D6793" t="e">
        <f>'CPT Data'!Q6801</f>
        <v>#N/A</v>
      </c>
      <c r="E6793" t="e">
        <f t="shared" si="106"/>
        <v>#N/A</v>
      </c>
      <c r="F6793" t="str">
        <f>IF(C6793="CLAY", INDEX(D$4:D6793, MATCH("CLAY", C$4:C6793, 0)), "")</f>
        <v/>
      </c>
    </row>
    <row r="6794" spans="1:6" x14ac:dyDescent="0.2">
      <c r="A6794" s="239">
        <f>'CPT Data'!B6802</f>
        <v>67.691999999999993</v>
      </c>
      <c r="B6794" s="3">
        <f>'CPT Data'!C6802</f>
        <v>67.684999999999988</v>
      </c>
      <c r="C6794" t="str">
        <f>'CPT Data'!P6802</f>
        <v>SAND</v>
      </c>
      <c r="D6794" t="e">
        <f>'CPT Data'!Q6802</f>
        <v>#N/A</v>
      </c>
      <c r="E6794" t="e">
        <f t="shared" si="106"/>
        <v>#N/A</v>
      </c>
      <c r="F6794" t="str">
        <f>IF(C6794="CLAY", INDEX(D$4:D6794, MATCH("CLAY", C$4:C6794, 0)), "")</f>
        <v/>
      </c>
    </row>
    <row r="6795" spans="1:6" x14ac:dyDescent="0.2">
      <c r="A6795" s="239">
        <f>'CPT Data'!B6803</f>
        <v>67.701999999999998</v>
      </c>
      <c r="B6795" s="3">
        <f>'CPT Data'!C6803</f>
        <v>67.694999999999993</v>
      </c>
      <c r="C6795" t="str">
        <f>'CPT Data'!P6803</f>
        <v>SAND</v>
      </c>
      <c r="D6795" t="e">
        <f>'CPT Data'!Q6803</f>
        <v>#N/A</v>
      </c>
      <c r="E6795" t="e">
        <f t="shared" si="106"/>
        <v>#N/A</v>
      </c>
      <c r="F6795" t="str">
        <f>IF(C6795="CLAY", INDEX(D$4:D6795, MATCH("CLAY", C$4:C6795, 0)), "")</f>
        <v/>
      </c>
    </row>
    <row r="6796" spans="1:6" x14ac:dyDescent="0.2">
      <c r="A6796" s="239">
        <f>'CPT Data'!B6804</f>
        <v>67.710999999999999</v>
      </c>
      <c r="B6796" s="3">
        <f>'CPT Data'!C6804</f>
        <v>67.703999999999994</v>
      </c>
      <c r="C6796" t="str">
        <f>'CPT Data'!P6804</f>
        <v>SAND</v>
      </c>
      <c r="D6796" t="e">
        <f>'CPT Data'!Q6804</f>
        <v>#N/A</v>
      </c>
      <c r="E6796" t="e">
        <f t="shared" si="106"/>
        <v>#N/A</v>
      </c>
      <c r="F6796" t="str">
        <f>IF(C6796="CLAY", INDEX(D$4:D6796, MATCH("CLAY", C$4:C6796, 0)), "")</f>
        <v/>
      </c>
    </row>
    <row r="6797" spans="1:6" x14ac:dyDescent="0.2">
      <c r="A6797" s="239">
        <f>'CPT Data'!B6805</f>
        <v>67.721999999999994</v>
      </c>
      <c r="B6797" s="3">
        <f>'CPT Data'!C6805</f>
        <v>67.714999999999989</v>
      </c>
      <c r="C6797" t="str">
        <f>'CPT Data'!P6805</f>
        <v>SAND</v>
      </c>
      <c r="D6797" t="e">
        <f>'CPT Data'!Q6805</f>
        <v>#N/A</v>
      </c>
      <c r="E6797" t="e">
        <f t="shared" si="106"/>
        <v>#N/A</v>
      </c>
      <c r="F6797" t="str">
        <f>IF(C6797="CLAY", INDEX(D$4:D6797, MATCH("CLAY", C$4:C6797, 0)), "")</f>
        <v/>
      </c>
    </row>
    <row r="6798" spans="1:6" x14ac:dyDescent="0.2">
      <c r="A6798" s="239">
        <f>'CPT Data'!B6806</f>
        <v>67.731999999999999</v>
      </c>
      <c r="B6798" s="3">
        <f>'CPT Data'!C6806</f>
        <v>67.724999999999994</v>
      </c>
      <c r="C6798" t="str">
        <f>'CPT Data'!P6806</f>
        <v>SAND</v>
      </c>
      <c r="D6798" t="e">
        <f>'CPT Data'!Q6806</f>
        <v>#N/A</v>
      </c>
      <c r="E6798" t="e">
        <f t="shared" si="106"/>
        <v>#N/A</v>
      </c>
      <c r="F6798" t="str">
        <f>IF(C6798="CLAY", INDEX(D$4:D6798, MATCH("CLAY", C$4:C6798, 0)), "")</f>
        <v/>
      </c>
    </row>
    <row r="6799" spans="1:6" x14ac:dyDescent="0.2">
      <c r="A6799" s="239">
        <f>'CPT Data'!B6807</f>
        <v>67.741</v>
      </c>
      <c r="B6799" s="3">
        <f>'CPT Data'!C6807</f>
        <v>67.733999999999995</v>
      </c>
      <c r="C6799" t="str">
        <f>'CPT Data'!P6807</f>
        <v>SAND</v>
      </c>
      <c r="D6799" t="e">
        <f>'CPT Data'!Q6807</f>
        <v>#N/A</v>
      </c>
      <c r="E6799" t="e">
        <f t="shared" si="106"/>
        <v>#N/A</v>
      </c>
      <c r="F6799" t="str">
        <f>IF(C6799="CLAY", INDEX(D$4:D6799, MATCH("CLAY", C$4:C6799, 0)), "")</f>
        <v/>
      </c>
    </row>
    <row r="6800" spans="1:6" x14ac:dyDescent="0.2">
      <c r="A6800" s="239">
        <f>'CPT Data'!B6808</f>
        <v>67.751999999999995</v>
      </c>
      <c r="B6800" s="3">
        <f>'CPT Data'!C6808</f>
        <v>67.74499999999999</v>
      </c>
      <c r="C6800" t="str">
        <f>'CPT Data'!P6808</f>
        <v>SAND</v>
      </c>
      <c r="D6800" t="e">
        <f>'CPT Data'!Q6808</f>
        <v>#N/A</v>
      </c>
      <c r="E6800" t="e">
        <f t="shared" si="106"/>
        <v>#N/A</v>
      </c>
      <c r="F6800" t="str">
        <f>IF(C6800="CLAY", INDEX(D$4:D6800, MATCH("CLAY", C$4:C6800, 0)), "")</f>
        <v/>
      </c>
    </row>
    <row r="6801" spans="1:6" x14ac:dyDescent="0.2">
      <c r="A6801" s="239">
        <f>'CPT Data'!B6809</f>
        <v>67.760999999999996</v>
      </c>
      <c r="B6801" s="3">
        <f>'CPT Data'!C6809</f>
        <v>67.753999999999991</v>
      </c>
      <c r="C6801" t="str">
        <f>'CPT Data'!P6809</f>
        <v>SAND</v>
      </c>
      <c r="D6801" t="e">
        <f>'CPT Data'!Q6809</f>
        <v>#N/A</v>
      </c>
      <c r="E6801" t="e">
        <f t="shared" si="106"/>
        <v>#N/A</v>
      </c>
      <c r="F6801" t="str">
        <f>IF(C6801="CLAY", INDEX(D$4:D6801, MATCH("CLAY", C$4:C6801, 0)), "")</f>
        <v/>
      </c>
    </row>
    <row r="6802" spans="1:6" x14ac:dyDescent="0.2">
      <c r="A6802" s="239">
        <f>'CPT Data'!B6810</f>
        <v>67.772000000000006</v>
      </c>
      <c r="B6802" s="3">
        <f>'CPT Data'!C6810</f>
        <v>67.765000000000001</v>
      </c>
      <c r="C6802" t="str">
        <f>'CPT Data'!P6810</f>
        <v>SAND</v>
      </c>
      <c r="D6802" t="e">
        <f>'CPT Data'!Q6810</f>
        <v>#N/A</v>
      </c>
      <c r="E6802" t="e">
        <f t="shared" si="106"/>
        <v>#N/A</v>
      </c>
      <c r="F6802" t="str">
        <f>IF(C6802="CLAY", INDEX(D$4:D6802, MATCH("CLAY", C$4:C6802, 0)), "")</f>
        <v/>
      </c>
    </row>
    <row r="6803" spans="1:6" x14ac:dyDescent="0.2">
      <c r="A6803" s="239">
        <f>'CPT Data'!B6811</f>
        <v>67.781999999999996</v>
      </c>
      <c r="B6803" s="3">
        <f>'CPT Data'!C6811</f>
        <v>67.774999999999991</v>
      </c>
      <c r="C6803" t="str">
        <f>'CPT Data'!P6811</f>
        <v>SAND</v>
      </c>
      <c r="D6803" t="e">
        <f>'CPT Data'!Q6811</f>
        <v>#N/A</v>
      </c>
      <c r="E6803" t="e">
        <f t="shared" si="106"/>
        <v>#N/A</v>
      </c>
      <c r="F6803" t="str">
        <f>IF(C6803="CLAY", INDEX(D$4:D6803, MATCH("CLAY", C$4:C6803, 0)), "")</f>
        <v/>
      </c>
    </row>
    <row r="6804" spans="1:6" x14ac:dyDescent="0.2">
      <c r="A6804" s="239">
        <f>'CPT Data'!B6812</f>
        <v>67.792000000000002</v>
      </c>
      <c r="B6804" s="3">
        <f>'CPT Data'!C6812</f>
        <v>67.784999999999997</v>
      </c>
      <c r="C6804" t="str">
        <f>'CPT Data'!P6812</f>
        <v>SAND</v>
      </c>
      <c r="D6804" t="e">
        <f>'CPT Data'!Q6812</f>
        <v>#N/A</v>
      </c>
      <c r="E6804" t="e">
        <f t="shared" si="106"/>
        <v>#N/A</v>
      </c>
      <c r="F6804" t="str">
        <f>IF(C6804="CLAY", INDEX(D$4:D6804, MATCH("CLAY", C$4:C6804, 0)), "")</f>
        <v/>
      </c>
    </row>
    <row r="6805" spans="1:6" x14ac:dyDescent="0.2">
      <c r="A6805" s="239">
        <f>'CPT Data'!B6813</f>
        <v>67.804000000000002</v>
      </c>
      <c r="B6805" s="3">
        <f>'CPT Data'!C6813</f>
        <v>67.796999999999997</v>
      </c>
      <c r="C6805" t="str">
        <f>'CPT Data'!P6813</f>
        <v>SAND</v>
      </c>
      <c r="D6805" t="e">
        <f>'CPT Data'!Q6813</f>
        <v>#N/A</v>
      </c>
      <c r="E6805" t="e">
        <f t="shared" si="106"/>
        <v>#N/A</v>
      </c>
      <c r="F6805" t="str">
        <f>IF(C6805="CLAY", INDEX(D$4:D6805, MATCH("CLAY", C$4:C6805, 0)), "")</f>
        <v/>
      </c>
    </row>
    <row r="6806" spans="1:6" x14ac:dyDescent="0.2">
      <c r="A6806" s="239">
        <f>'CPT Data'!B6814</f>
        <v>67.813999999999993</v>
      </c>
      <c r="B6806" s="3">
        <f>'CPT Data'!C6814</f>
        <v>67.806999999999988</v>
      </c>
      <c r="C6806" t="str">
        <f>'CPT Data'!P6814</f>
        <v>SAND</v>
      </c>
      <c r="D6806" t="e">
        <f>'CPT Data'!Q6814</f>
        <v>#N/A</v>
      </c>
      <c r="E6806" t="e">
        <f t="shared" si="106"/>
        <v>#N/A</v>
      </c>
      <c r="F6806" t="str">
        <f>IF(C6806="CLAY", INDEX(D$4:D6806, MATCH("CLAY", C$4:C6806, 0)), "")</f>
        <v/>
      </c>
    </row>
    <row r="6807" spans="1:6" x14ac:dyDescent="0.2">
      <c r="A6807" s="239">
        <f>'CPT Data'!B6815</f>
        <v>67.825000000000003</v>
      </c>
      <c r="B6807" s="3">
        <f>'CPT Data'!C6815</f>
        <v>67.817999999999998</v>
      </c>
      <c r="C6807" t="str">
        <f>'CPT Data'!P6815</f>
        <v>SAND</v>
      </c>
      <c r="D6807" t="e">
        <f>'CPT Data'!Q6815</f>
        <v>#N/A</v>
      </c>
      <c r="E6807" t="e">
        <f t="shared" si="106"/>
        <v>#N/A</v>
      </c>
      <c r="F6807" t="str">
        <f>IF(C6807="CLAY", INDEX(D$4:D6807, MATCH("CLAY", C$4:C6807, 0)), "")</f>
        <v/>
      </c>
    </row>
    <row r="6808" spans="1:6" x14ac:dyDescent="0.2">
      <c r="A6808" s="239">
        <f>'CPT Data'!B6816</f>
        <v>67.834999999999994</v>
      </c>
      <c r="B6808" s="3">
        <f>'CPT Data'!C6816</f>
        <v>67.827999999999989</v>
      </c>
      <c r="C6808" t="str">
        <f>'CPT Data'!P6816</f>
        <v>SAND</v>
      </c>
      <c r="D6808" t="e">
        <f>'CPT Data'!Q6816</f>
        <v>#N/A</v>
      </c>
      <c r="E6808" t="e">
        <f t="shared" si="106"/>
        <v>#N/A</v>
      </c>
      <c r="F6808" t="str">
        <f>IF(C6808="CLAY", INDEX(D$4:D6808, MATCH("CLAY", C$4:C6808, 0)), "")</f>
        <v/>
      </c>
    </row>
    <row r="6809" spans="1:6" x14ac:dyDescent="0.2">
      <c r="A6809" s="239">
        <f>'CPT Data'!B6817</f>
        <v>67.846999999999994</v>
      </c>
      <c r="B6809" s="3">
        <f>'CPT Data'!C6817</f>
        <v>67.839999999999989</v>
      </c>
      <c r="C6809" t="str">
        <f>'CPT Data'!P6817</f>
        <v>SAND</v>
      </c>
      <c r="D6809" t="e">
        <f>'CPT Data'!Q6817</f>
        <v>#N/A</v>
      </c>
      <c r="E6809" t="e">
        <f t="shared" si="106"/>
        <v>#N/A</v>
      </c>
      <c r="F6809" t="str">
        <f>IF(C6809="CLAY", INDEX(D$4:D6809, MATCH("CLAY", C$4:C6809, 0)), "")</f>
        <v/>
      </c>
    </row>
    <row r="6810" spans="1:6" x14ac:dyDescent="0.2">
      <c r="A6810" s="239">
        <f>'CPT Data'!B6818</f>
        <v>67.858000000000004</v>
      </c>
      <c r="B6810" s="3">
        <f>'CPT Data'!C6818</f>
        <v>67.850999999999999</v>
      </c>
      <c r="C6810" t="str">
        <f>'CPT Data'!P6818</f>
        <v>SAND</v>
      </c>
      <c r="D6810" t="e">
        <f>'CPT Data'!Q6818</f>
        <v>#N/A</v>
      </c>
      <c r="E6810" t="e">
        <f t="shared" si="106"/>
        <v>#N/A</v>
      </c>
      <c r="F6810" t="str">
        <f>IF(C6810="CLAY", INDEX(D$4:D6810, MATCH("CLAY", C$4:C6810, 0)), "")</f>
        <v/>
      </c>
    </row>
    <row r="6811" spans="1:6" x14ac:dyDescent="0.2">
      <c r="A6811" s="239">
        <f>'CPT Data'!B6819</f>
        <v>67.867999999999995</v>
      </c>
      <c r="B6811" s="3">
        <f>'CPT Data'!C6819</f>
        <v>67.86099999999999</v>
      </c>
      <c r="C6811" t="str">
        <f>'CPT Data'!P6819</f>
        <v>SAND</v>
      </c>
      <c r="D6811" t="e">
        <f>'CPT Data'!Q6819</f>
        <v>#N/A</v>
      </c>
      <c r="E6811" t="e">
        <f t="shared" ref="E6811:E6874" si="107">IF(C6811="SAND",#N/A,IF(C6811=C6810,D6810,IF(C6811="CLAY",D6811,#N/A)))</f>
        <v>#N/A</v>
      </c>
      <c r="F6811" t="str">
        <f>IF(C6811="CLAY", INDEX(D$4:D6811, MATCH("CLAY", C$4:C6811, 0)), "")</f>
        <v/>
      </c>
    </row>
    <row r="6812" spans="1:6" x14ac:dyDescent="0.2">
      <c r="A6812" s="239">
        <f>'CPT Data'!B6820</f>
        <v>67.878</v>
      </c>
      <c r="B6812" s="3">
        <f>'CPT Data'!C6820</f>
        <v>67.870999999999995</v>
      </c>
      <c r="C6812" t="str">
        <f>'CPT Data'!P6820</f>
        <v>CLAY</v>
      </c>
      <c r="D6812">
        <f>'CPT Data'!Q6820</f>
        <v>726.82047836261938</v>
      </c>
      <c r="E6812">
        <f t="shared" si="107"/>
        <v>726.82047836261938</v>
      </c>
      <c r="F6812">
        <f>IF(C6812="CLAY", INDEX(D$4:D6812, MATCH("CLAY", C$4:C6812, 0)), "")</f>
        <v>0.75203252561341039</v>
      </c>
    </row>
    <row r="6813" spans="1:6" x14ac:dyDescent="0.2">
      <c r="A6813" s="239">
        <f>'CPT Data'!B6821</f>
        <v>67.89</v>
      </c>
      <c r="B6813" s="3">
        <f>'CPT Data'!C6821</f>
        <v>67.882999999999996</v>
      </c>
      <c r="C6813" t="str">
        <f>'CPT Data'!P6821</f>
        <v>CLAY</v>
      </c>
      <c r="D6813">
        <f>'CPT Data'!Q6821</f>
        <v>624.7287521118127</v>
      </c>
      <c r="E6813">
        <f t="shared" si="107"/>
        <v>726.82047836261938</v>
      </c>
      <c r="F6813">
        <f>IF(C6813="CLAY", INDEX(D$4:D6813, MATCH("CLAY", C$4:C6813, 0)), "")</f>
        <v>0.75203252561341039</v>
      </c>
    </row>
    <row r="6814" spans="1:6" x14ac:dyDescent="0.2">
      <c r="A6814" s="239">
        <f>'CPT Data'!B6822</f>
        <v>67.900000000000006</v>
      </c>
      <c r="B6814" s="3">
        <f>'CPT Data'!C6822</f>
        <v>67.893000000000001</v>
      </c>
      <c r="C6814" t="str">
        <f>'CPT Data'!P6822</f>
        <v>CLAY</v>
      </c>
      <c r="D6814">
        <f>'CPT Data'!Q6822</f>
        <v>560.17785291355904</v>
      </c>
      <c r="E6814">
        <f t="shared" si="107"/>
        <v>624.7287521118127</v>
      </c>
      <c r="F6814">
        <f>IF(C6814="CLAY", INDEX(D$4:D6814, MATCH("CLAY", C$4:C6814, 0)), "")</f>
        <v>0.75203252561341039</v>
      </c>
    </row>
    <row r="6815" spans="1:6" x14ac:dyDescent="0.2">
      <c r="A6815" s="239">
        <f>'CPT Data'!B6823</f>
        <v>67.909000000000006</v>
      </c>
      <c r="B6815" s="3">
        <f>'CPT Data'!C6823</f>
        <v>67.902000000000001</v>
      </c>
      <c r="C6815" t="str">
        <f>'CPT Data'!P6823</f>
        <v>CLAY</v>
      </c>
      <c r="D6815">
        <f>'CPT Data'!Q6823</f>
        <v>504.6698111472067</v>
      </c>
      <c r="E6815">
        <f t="shared" si="107"/>
        <v>560.17785291355904</v>
      </c>
      <c r="F6815">
        <f>IF(C6815="CLAY", INDEX(D$4:D6815, MATCH("CLAY", C$4:C6815, 0)), "")</f>
        <v>0.75203252561341039</v>
      </c>
    </row>
    <row r="6816" spans="1:6" x14ac:dyDescent="0.2">
      <c r="A6816" s="239">
        <f>'CPT Data'!B6824</f>
        <v>67.92</v>
      </c>
      <c r="B6816" s="3">
        <f>'CPT Data'!C6824</f>
        <v>67.912999999999997</v>
      </c>
      <c r="C6816" t="str">
        <f>'CPT Data'!P6824</f>
        <v>CLAY</v>
      </c>
      <c r="D6816">
        <f>'CPT Data'!Q6824</f>
        <v>435.83217098292999</v>
      </c>
      <c r="E6816">
        <f t="shared" si="107"/>
        <v>504.6698111472067</v>
      </c>
      <c r="F6816">
        <f>IF(C6816="CLAY", INDEX(D$4:D6816, MATCH("CLAY", C$4:C6816, 0)), "")</f>
        <v>0.75203252561341039</v>
      </c>
    </row>
    <row r="6817" spans="1:6" x14ac:dyDescent="0.2">
      <c r="A6817" s="239">
        <f>'CPT Data'!B6825</f>
        <v>67.930000000000007</v>
      </c>
      <c r="B6817" s="3">
        <f>'CPT Data'!C6825</f>
        <v>67.923000000000002</v>
      </c>
      <c r="C6817" t="str">
        <f>'CPT Data'!P6825</f>
        <v>CLAY</v>
      </c>
      <c r="D6817">
        <f>'CPT Data'!Q6825</f>
        <v>388.3629194458349</v>
      </c>
      <c r="E6817">
        <f t="shared" si="107"/>
        <v>435.83217098292999</v>
      </c>
      <c r="F6817">
        <f>IF(C6817="CLAY", INDEX(D$4:D6817, MATCH("CLAY", C$4:C6817, 0)), "")</f>
        <v>0.75203252561341039</v>
      </c>
    </row>
    <row r="6818" spans="1:6" x14ac:dyDescent="0.2">
      <c r="A6818" s="239">
        <f>'CPT Data'!B6826</f>
        <v>67.94</v>
      </c>
      <c r="B6818" s="3">
        <f>'CPT Data'!C6826</f>
        <v>67.932999999999993</v>
      </c>
      <c r="C6818" t="str">
        <f>'CPT Data'!P6826</f>
        <v>CLAY</v>
      </c>
      <c r="D6818">
        <f>'CPT Data'!Q6826</f>
        <v>319.31096313897228</v>
      </c>
      <c r="E6818">
        <f t="shared" si="107"/>
        <v>388.3629194458349</v>
      </c>
      <c r="F6818">
        <f>IF(C6818="CLAY", INDEX(D$4:D6818, MATCH("CLAY", C$4:C6818, 0)), "")</f>
        <v>0.75203252561341039</v>
      </c>
    </row>
    <row r="6819" spans="1:6" x14ac:dyDescent="0.2">
      <c r="A6819" s="239">
        <f>'CPT Data'!B6827</f>
        <v>67.95</v>
      </c>
      <c r="B6819" s="3">
        <f>'CPT Data'!C6827</f>
        <v>67.942999999999998</v>
      </c>
      <c r="C6819" t="str">
        <f>'CPT Data'!P6827</f>
        <v>CLAY</v>
      </c>
      <c r="D6819">
        <f>'CPT Data'!Q6827</f>
        <v>275.25438197249468</v>
      </c>
      <c r="E6819">
        <f t="shared" si="107"/>
        <v>319.31096313897228</v>
      </c>
      <c r="F6819">
        <f>IF(C6819="CLAY", INDEX(D$4:D6819, MATCH("CLAY", C$4:C6819, 0)), "")</f>
        <v>0.75203252561341039</v>
      </c>
    </row>
    <row r="6820" spans="1:6" x14ac:dyDescent="0.2">
      <c r="A6820" s="239">
        <f>'CPT Data'!B6828</f>
        <v>67.960999999999999</v>
      </c>
      <c r="B6820" s="3">
        <f>'CPT Data'!C6828</f>
        <v>67.953999999999994</v>
      </c>
      <c r="C6820" t="str">
        <f>'CPT Data'!P6828</f>
        <v>CLAY</v>
      </c>
      <c r="D6820">
        <f>'CPT Data'!Q6828</f>
        <v>253.8320635714737</v>
      </c>
      <c r="E6820">
        <f t="shared" si="107"/>
        <v>275.25438197249468</v>
      </c>
      <c r="F6820">
        <f>IF(C6820="CLAY", INDEX(D$4:D6820, MATCH("CLAY", C$4:C6820, 0)), "")</f>
        <v>0.75203252561341039</v>
      </c>
    </row>
    <row r="6821" spans="1:6" x14ac:dyDescent="0.2">
      <c r="A6821" s="239">
        <f>'CPT Data'!B6829</f>
        <v>67.971000000000004</v>
      </c>
      <c r="B6821" s="3">
        <f>'CPT Data'!C6829</f>
        <v>67.963999999999999</v>
      </c>
      <c r="C6821" t="str">
        <f>'CPT Data'!P6829</f>
        <v>CLAY</v>
      </c>
      <c r="D6821">
        <f>'CPT Data'!Q6829</f>
        <v>255.44740519110482</v>
      </c>
      <c r="E6821">
        <f t="shared" si="107"/>
        <v>253.8320635714737</v>
      </c>
      <c r="F6821">
        <f>IF(C6821="CLAY", INDEX(D$4:D6821, MATCH("CLAY", C$4:C6821, 0)), "")</f>
        <v>0.75203252561341039</v>
      </c>
    </row>
    <row r="6822" spans="1:6" x14ac:dyDescent="0.2">
      <c r="A6822" s="239">
        <f>'CPT Data'!B6830</f>
        <v>67.983000000000004</v>
      </c>
      <c r="B6822" s="3">
        <f>'CPT Data'!C6830</f>
        <v>67.975999999999999</v>
      </c>
      <c r="C6822" t="str">
        <f>'CPT Data'!P6830</f>
        <v>CLAY</v>
      </c>
      <c r="D6822">
        <f>'CPT Data'!Q6830</f>
        <v>267.10598954763196</v>
      </c>
      <c r="E6822">
        <f t="shared" si="107"/>
        <v>255.44740519110482</v>
      </c>
      <c r="F6822">
        <f>IF(C6822="CLAY", INDEX(D$4:D6822, MATCH("CLAY", C$4:C6822, 0)), "")</f>
        <v>0.75203252561341039</v>
      </c>
    </row>
    <row r="6823" spans="1:6" x14ac:dyDescent="0.2">
      <c r="A6823" s="239">
        <f>'CPT Data'!B6831</f>
        <v>67.992000000000004</v>
      </c>
      <c r="B6823" s="3">
        <f>'CPT Data'!C6831</f>
        <v>67.984999999999999</v>
      </c>
      <c r="C6823" t="str">
        <f>'CPT Data'!P6831</f>
        <v>CLAY</v>
      </c>
      <c r="D6823">
        <f>'CPT Data'!Q6831</f>
        <v>338.50618886427725</v>
      </c>
      <c r="E6823">
        <f t="shared" si="107"/>
        <v>267.10598954763196</v>
      </c>
      <c r="F6823">
        <f>IF(C6823="CLAY", INDEX(D$4:D6823, MATCH("CLAY", C$4:C6823, 0)), "")</f>
        <v>0.75203252561341039</v>
      </c>
    </row>
    <row r="6824" spans="1:6" x14ac:dyDescent="0.2">
      <c r="A6824" s="239">
        <f>'CPT Data'!B6832</f>
        <v>68.001000000000005</v>
      </c>
      <c r="B6824" s="3">
        <f>'CPT Data'!C6832</f>
        <v>67.994</v>
      </c>
      <c r="C6824" t="str">
        <f>'CPT Data'!P6832</f>
        <v>CLAY</v>
      </c>
      <c r="D6824">
        <f>'CPT Data'!Q6832</f>
        <v>511.17688083425952</v>
      </c>
      <c r="E6824">
        <f t="shared" si="107"/>
        <v>338.50618886427725</v>
      </c>
      <c r="F6824">
        <f>IF(C6824="CLAY", INDEX(D$4:D6824, MATCH("CLAY", C$4:C6824, 0)), "")</f>
        <v>0.75203252561341039</v>
      </c>
    </row>
    <row r="6825" spans="1:6" x14ac:dyDescent="0.2">
      <c r="A6825" s="239">
        <f>'CPT Data'!B6833</f>
        <v>68.012</v>
      </c>
      <c r="B6825" s="3">
        <f>'CPT Data'!C6833</f>
        <v>68.004999999999995</v>
      </c>
      <c r="C6825" t="str">
        <f>'CPT Data'!P6833</f>
        <v>CLAY</v>
      </c>
      <c r="D6825">
        <f>'CPT Data'!Q6833</f>
        <v>742.1955165970993</v>
      </c>
      <c r="E6825">
        <f t="shared" si="107"/>
        <v>511.17688083425952</v>
      </c>
      <c r="F6825">
        <f>IF(C6825="CLAY", INDEX(D$4:D6825, MATCH("CLAY", C$4:C6825, 0)), "")</f>
        <v>0.75203252561341039</v>
      </c>
    </row>
    <row r="6826" spans="1:6" x14ac:dyDescent="0.2">
      <c r="A6826" s="239">
        <f>'CPT Data'!B6834</f>
        <v>68.021000000000001</v>
      </c>
      <c r="B6826" s="3">
        <f>'CPT Data'!C6834</f>
        <v>68.013999999999996</v>
      </c>
      <c r="C6826" t="str">
        <f>'CPT Data'!P6834</f>
        <v>CLAY</v>
      </c>
      <c r="D6826">
        <f>'CPT Data'!Q6834</f>
        <v>1014.0923593147544</v>
      </c>
      <c r="E6826">
        <f t="shared" si="107"/>
        <v>742.1955165970993</v>
      </c>
      <c r="F6826">
        <f>IF(C6826="CLAY", INDEX(D$4:D6826, MATCH("CLAY", C$4:C6826, 0)), "")</f>
        <v>0.75203252561341039</v>
      </c>
    </row>
    <row r="6827" spans="1:6" x14ac:dyDescent="0.2">
      <c r="A6827" s="239">
        <f>'CPT Data'!B6835</f>
        <v>68.03</v>
      </c>
      <c r="B6827" s="3">
        <f>'CPT Data'!C6835</f>
        <v>68.022999999999996</v>
      </c>
      <c r="C6827" t="str">
        <f>'CPT Data'!P6835</f>
        <v>CLAY</v>
      </c>
      <c r="D6827">
        <f>'CPT Data'!Q6835</f>
        <v>1278.2267455194258</v>
      </c>
      <c r="E6827">
        <f t="shared" si="107"/>
        <v>1014.0923593147544</v>
      </c>
      <c r="F6827">
        <f>IF(C6827="CLAY", INDEX(D$4:D6827, MATCH("CLAY", C$4:C6827, 0)), "")</f>
        <v>0.75203252561341039</v>
      </c>
    </row>
    <row r="6828" spans="1:6" x14ac:dyDescent="0.2">
      <c r="A6828" s="239">
        <f>'CPT Data'!B6836</f>
        <v>68.040000000000006</v>
      </c>
      <c r="B6828" s="3">
        <f>'CPT Data'!C6836</f>
        <v>68.033000000000001</v>
      </c>
      <c r="C6828" t="str">
        <f>'CPT Data'!P6836</f>
        <v>SAND</v>
      </c>
      <c r="D6828" t="e">
        <f>'CPT Data'!Q6836</f>
        <v>#N/A</v>
      </c>
      <c r="E6828" t="e">
        <f t="shared" si="107"/>
        <v>#N/A</v>
      </c>
      <c r="F6828" t="str">
        <f>IF(C6828="CLAY", INDEX(D$4:D6828, MATCH("CLAY", C$4:C6828, 0)), "")</f>
        <v/>
      </c>
    </row>
    <row r="6829" spans="1:6" x14ac:dyDescent="0.2">
      <c r="A6829" s="239">
        <f>'CPT Data'!B6837</f>
        <v>68.05</v>
      </c>
      <c r="B6829" s="3">
        <f>'CPT Data'!C6837</f>
        <v>68.042999999999992</v>
      </c>
      <c r="C6829" t="str">
        <f>'CPT Data'!P6837</f>
        <v>SAND</v>
      </c>
      <c r="D6829" t="e">
        <f>'CPT Data'!Q6837</f>
        <v>#N/A</v>
      </c>
      <c r="E6829" t="e">
        <f t="shared" si="107"/>
        <v>#N/A</v>
      </c>
      <c r="F6829" t="str">
        <f>IF(C6829="CLAY", INDEX(D$4:D6829, MATCH("CLAY", C$4:C6829, 0)), "")</f>
        <v/>
      </c>
    </row>
    <row r="6830" spans="1:6" x14ac:dyDescent="0.2">
      <c r="A6830" s="239">
        <f>'CPT Data'!B6838</f>
        <v>68.06</v>
      </c>
      <c r="B6830" s="3">
        <f>'CPT Data'!C6838</f>
        <v>68.052999999999997</v>
      </c>
      <c r="C6830" t="str">
        <f>'CPT Data'!P6838</f>
        <v>SAND</v>
      </c>
      <c r="D6830" t="e">
        <f>'CPT Data'!Q6838</f>
        <v>#N/A</v>
      </c>
      <c r="E6830" t="e">
        <f t="shared" si="107"/>
        <v>#N/A</v>
      </c>
      <c r="F6830" t="str">
        <f>IF(C6830="CLAY", INDEX(D$4:D6830, MATCH("CLAY", C$4:C6830, 0)), "")</f>
        <v/>
      </c>
    </row>
    <row r="6831" spans="1:6" x14ac:dyDescent="0.2">
      <c r="A6831" s="239">
        <f>'CPT Data'!B6839</f>
        <v>68.069000000000003</v>
      </c>
      <c r="B6831" s="3">
        <f>'CPT Data'!C6839</f>
        <v>68.061999999999998</v>
      </c>
      <c r="C6831" t="str">
        <f>'CPT Data'!P6839</f>
        <v>SAND</v>
      </c>
      <c r="D6831" t="e">
        <f>'CPT Data'!Q6839</f>
        <v>#N/A</v>
      </c>
      <c r="E6831" t="e">
        <f t="shared" si="107"/>
        <v>#N/A</v>
      </c>
      <c r="F6831" t="str">
        <f>IF(C6831="CLAY", INDEX(D$4:D6831, MATCH("CLAY", C$4:C6831, 0)), "")</f>
        <v/>
      </c>
    </row>
    <row r="6832" spans="1:6" x14ac:dyDescent="0.2">
      <c r="A6832" s="239">
        <f>'CPT Data'!B6840</f>
        <v>68.078000000000003</v>
      </c>
      <c r="B6832" s="3">
        <f>'CPT Data'!C6840</f>
        <v>68.070999999999998</v>
      </c>
      <c r="C6832" t="str">
        <f>'CPT Data'!P6840</f>
        <v>SAND</v>
      </c>
      <c r="D6832" t="e">
        <f>'CPT Data'!Q6840</f>
        <v>#N/A</v>
      </c>
      <c r="E6832" t="e">
        <f t="shared" si="107"/>
        <v>#N/A</v>
      </c>
      <c r="F6832" t="str">
        <f>IF(C6832="CLAY", INDEX(D$4:D6832, MATCH("CLAY", C$4:C6832, 0)), "")</f>
        <v/>
      </c>
    </row>
    <row r="6833" spans="1:6" x14ac:dyDescent="0.2">
      <c r="A6833" s="239">
        <f>'CPT Data'!B6841</f>
        <v>68.088999999999999</v>
      </c>
      <c r="B6833" s="3">
        <f>'CPT Data'!C6841</f>
        <v>68.081999999999994</v>
      </c>
      <c r="C6833" t="str">
        <f>'CPT Data'!P6841</f>
        <v>SAND</v>
      </c>
      <c r="D6833" t="e">
        <f>'CPT Data'!Q6841</f>
        <v>#N/A</v>
      </c>
      <c r="E6833" t="e">
        <f t="shared" si="107"/>
        <v>#N/A</v>
      </c>
      <c r="F6833" t="str">
        <f>IF(C6833="CLAY", INDEX(D$4:D6833, MATCH("CLAY", C$4:C6833, 0)), "")</f>
        <v/>
      </c>
    </row>
    <row r="6834" spans="1:6" x14ac:dyDescent="0.2">
      <c r="A6834" s="239">
        <f>'CPT Data'!B6842</f>
        <v>68.097999999999999</v>
      </c>
      <c r="B6834" s="3">
        <f>'CPT Data'!C6842</f>
        <v>68.090999999999994</v>
      </c>
      <c r="C6834" t="str">
        <f>'CPT Data'!P6842</f>
        <v>SAND</v>
      </c>
      <c r="D6834" t="e">
        <f>'CPT Data'!Q6842</f>
        <v>#N/A</v>
      </c>
      <c r="E6834" t="e">
        <f t="shared" si="107"/>
        <v>#N/A</v>
      </c>
      <c r="F6834" t="str">
        <f>IF(C6834="CLAY", INDEX(D$4:D6834, MATCH("CLAY", C$4:C6834, 0)), "")</f>
        <v/>
      </c>
    </row>
    <row r="6835" spans="1:6" x14ac:dyDescent="0.2">
      <c r="A6835" s="239">
        <f>'CPT Data'!B6843</f>
        <v>68.108000000000004</v>
      </c>
      <c r="B6835" s="3">
        <f>'CPT Data'!C6843</f>
        <v>68.100999999999999</v>
      </c>
      <c r="C6835" t="str">
        <f>'CPT Data'!P6843</f>
        <v>SAND</v>
      </c>
      <c r="D6835" t="e">
        <f>'CPT Data'!Q6843</f>
        <v>#N/A</v>
      </c>
      <c r="E6835" t="e">
        <f t="shared" si="107"/>
        <v>#N/A</v>
      </c>
      <c r="F6835" t="str">
        <f>IF(C6835="CLAY", INDEX(D$4:D6835, MATCH("CLAY", C$4:C6835, 0)), "")</f>
        <v/>
      </c>
    </row>
    <row r="6836" spans="1:6" x14ac:dyDescent="0.2">
      <c r="A6836" s="239">
        <f>'CPT Data'!B6844</f>
        <v>68.117999999999995</v>
      </c>
      <c r="B6836" s="3">
        <f>'CPT Data'!C6844</f>
        <v>68.11099999999999</v>
      </c>
      <c r="C6836" t="str">
        <f>'CPT Data'!P6844</f>
        <v>SAND</v>
      </c>
      <c r="D6836" t="e">
        <f>'CPT Data'!Q6844</f>
        <v>#N/A</v>
      </c>
      <c r="E6836" t="e">
        <f t="shared" si="107"/>
        <v>#N/A</v>
      </c>
      <c r="F6836" t="str">
        <f>IF(C6836="CLAY", INDEX(D$4:D6836, MATCH("CLAY", C$4:C6836, 0)), "")</f>
        <v/>
      </c>
    </row>
    <row r="6837" spans="1:6" x14ac:dyDescent="0.2">
      <c r="A6837" s="239">
        <f>'CPT Data'!B6845</f>
        <v>68.128</v>
      </c>
      <c r="B6837" s="3">
        <f>'CPT Data'!C6845</f>
        <v>68.120999999999995</v>
      </c>
      <c r="C6837" t="str">
        <f>'CPT Data'!P6845</f>
        <v>SAND</v>
      </c>
      <c r="D6837" t="e">
        <f>'CPT Data'!Q6845</f>
        <v>#N/A</v>
      </c>
      <c r="E6837" t="e">
        <f t="shared" si="107"/>
        <v>#N/A</v>
      </c>
      <c r="F6837" t="str">
        <f>IF(C6837="CLAY", INDEX(D$4:D6837, MATCH("CLAY", C$4:C6837, 0)), "")</f>
        <v/>
      </c>
    </row>
    <row r="6838" spans="1:6" x14ac:dyDescent="0.2">
      <c r="A6838" s="239">
        <f>'CPT Data'!B6846</f>
        <v>68.137</v>
      </c>
      <c r="B6838" s="3">
        <f>'CPT Data'!C6846</f>
        <v>68.13</v>
      </c>
      <c r="C6838" t="str">
        <f>'CPT Data'!P6846</f>
        <v>SAND</v>
      </c>
      <c r="D6838" t="e">
        <f>'CPT Data'!Q6846</f>
        <v>#N/A</v>
      </c>
      <c r="E6838" t="e">
        <f t="shared" si="107"/>
        <v>#N/A</v>
      </c>
      <c r="F6838" t="str">
        <f>IF(C6838="CLAY", INDEX(D$4:D6838, MATCH("CLAY", C$4:C6838, 0)), "")</f>
        <v/>
      </c>
    </row>
    <row r="6839" spans="1:6" x14ac:dyDescent="0.2">
      <c r="A6839" s="239">
        <f>'CPT Data'!B6847</f>
        <v>68.147999999999996</v>
      </c>
      <c r="B6839" s="3">
        <f>'CPT Data'!C6847</f>
        <v>68.140999999999991</v>
      </c>
      <c r="C6839" t="str">
        <f>'CPT Data'!P6847</f>
        <v>SAND</v>
      </c>
      <c r="D6839" t="e">
        <f>'CPT Data'!Q6847</f>
        <v>#N/A</v>
      </c>
      <c r="E6839" t="e">
        <f t="shared" si="107"/>
        <v>#N/A</v>
      </c>
      <c r="F6839" t="str">
        <f>IF(C6839="CLAY", INDEX(D$4:D6839, MATCH("CLAY", C$4:C6839, 0)), "")</f>
        <v/>
      </c>
    </row>
    <row r="6840" spans="1:6" x14ac:dyDescent="0.2">
      <c r="A6840" s="239">
        <f>'CPT Data'!B6848</f>
        <v>68.156999999999996</v>
      </c>
      <c r="B6840" s="3">
        <f>'CPT Data'!C6848</f>
        <v>68.149999999999991</v>
      </c>
      <c r="C6840" t="str">
        <f>'CPT Data'!P6848</f>
        <v>SAND</v>
      </c>
      <c r="D6840" t="e">
        <f>'CPT Data'!Q6848</f>
        <v>#N/A</v>
      </c>
      <c r="E6840" t="e">
        <f t="shared" si="107"/>
        <v>#N/A</v>
      </c>
      <c r="F6840" t="str">
        <f>IF(C6840="CLAY", INDEX(D$4:D6840, MATCH("CLAY", C$4:C6840, 0)), "")</f>
        <v/>
      </c>
    </row>
    <row r="6841" spans="1:6" x14ac:dyDescent="0.2">
      <c r="A6841" s="239">
        <f>'CPT Data'!B6849</f>
        <v>68.168000000000006</v>
      </c>
      <c r="B6841" s="3">
        <f>'CPT Data'!C6849</f>
        <v>68.161000000000001</v>
      </c>
      <c r="C6841" t="str">
        <f>'CPT Data'!P6849</f>
        <v>SAND</v>
      </c>
      <c r="D6841" t="e">
        <f>'CPT Data'!Q6849</f>
        <v>#N/A</v>
      </c>
      <c r="E6841" t="e">
        <f t="shared" si="107"/>
        <v>#N/A</v>
      </c>
      <c r="F6841" t="str">
        <f>IF(C6841="CLAY", INDEX(D$4:D6841, MATCH("CLAY", C$4:C6841, 0)), "")</f>
        <v/>
      </c>
    </row>
    <row r="6842" spans="1:6" x14ac:dyDescent="0.2">
      <c r="A6842" s="239">
        <f>'CPT Data'!B6850</f>
        <v>68.177000000000007</v>
      </c>
      <c r="B6842" s="3">
        <f>'CPT Data'!C6850</f>
        <v>68.17</v>
      </c>
      <c r="C6842" t="str">
        <f>'CPT Data'!P6850</f>
        <v>SAND</v>
      </c>
      <c r="D6842" t="e">
        <f>'CPT Data'!Q6850</f>
        <v>#N/A</v>
      </c>
      <c r="E6842" t="e">
        <f t="shared" si="107"/>
        <v>#N/A</v>
      </c>
      <c r="F6842" t="str">
        <f>IF(C6842="CLAY", INDEX(D$4:D6842, MATCH("CLAY", C$4:C6842, 0)), "")</f>
        <v/>
      </c>
    </row>
    <row r="6843" spans="1:6" x14ac:dyDescent="0.2">
      <c r="A6843" s="239">
        <f>'CPT Data'!B6851</f>
        <v>68.188000000000002</v>
      </c>
      <c r="B6843" s="3">
        <f>'CPT Data'!C6851</f>
        <v>68.180999999999997</v>
      </c>
      <c r="C6843" t="str">
        <f>'CPT Data'!P6851</f>
        <v>SAND</v>
      </c>
      <c r="D6843" t="e">
        <f>'CPT Data'!Q6851</f>
        <v>#N/A</v>
      </c>
      <c r="E6843" t="e">
        <f t="shared" si="107"/>
        <v>#N/A</v>
      </c>
      <c r="F6843" t="str">
        <f>IF(C6843="CLAY", INDEX(D$4:D6843, MATCH("CLAY", C$4:C6843, 0)), "")</f>
        <v/>
      </c>
    </row>
    <row r="6844" spans="1:6" x14ac:dyDescent="0.2">
      <c r="A6844" s="239">
        <f>'CPT Data'!B6852</f>
        <v>68.197000000000003</v>
      </c>
      <c r="B6844" s="3">
        <f>'CPT Data'!C6852</f>
        <v>68.19</v>
      </c>
      <c r="C6844" t="str">
        <f>'CPT Data'!P6852</f>
        <v>SAND</v>
      </c>
      <c r="D6844" t="e">
        <f>'CPT Data'!Q6852</f>
        <v>#N/A</v>
      </c>
      <c r="E6844" t="e">
        <f t="shared" si="107"/>
        <v>#N/A</v>
      </c>
      <c r="F6844" t="str">
        <f>IF(C6844="CLAY", INDEX(D$4:D6844, MATCH("CLAY", C$4:C6844, 0)), "")</f>
        <v/>
      </c>
    </row>
    <row r="6845" spans="1:6" x14ac:dyDescent="0.2">
      <c r="A6845" s="239">
        <f>'CPT Data'!B6853</f>
        <v>68.206999999999994</v>
      </c>
      <c r="B6845" s="3">
        <f>'CPT Data'!C6853</f>
        <v>68.199999999999989</v>
      </c>
      <c r="C6845" t="str">
        <f>'CPT Data'!P6853</f>
        <v>SAND</v>
      </c>
      <c r="D6845" t="e">
        <f>'CPT Data'!Q6853</f>
        <v>#N/A</v>
      </c>
      <c r="E6845" t="e">
        <f t="shared" si="107"/>
        <v>#N/A</v>
      </c>
      <c r="F6845" t="str">
        <f>IF(C6845="CLAY", INDEX(D$4:D6845, MATCH("CLAY", C$4:C6845, 0)), "")</f>
        <v/>
      </c>
    </row>
    <row r="6846" spans="1:6" x14ac:dyDescent="0.2">
      <c r="A6846" s="239">
        <f>'CPT Data'!B6854</f>
        <v>68.216999999999999</v>
      </c>
      <c r="B6846" s="3">
        <f>'CPT Data'!C6854</f>
        <v>68.209999999999994</v>
      </c>
      <c r="C6846" t="str">
        <f>'CPT Data'!P6854</f>
        <v>SAND</v>
      </c>
      <c r="D6846" t="e">
        <f>'CPT Data'!Q6854</f>
        <v>#N/A</v>
      </c>
      <c r="E6846" t="e">
        <f t="shared" si="107"/>
        <v>#N/A</v>
      </c>
      <c r="F6846" t="str">
        <f>IF(C6846="CLAY", INDEX(D$4:D6846, MATCH("CLAY", C$4:C6846, 0)), "")</f>
        <v/>
      </c>
    </row>
    <row r="6847" spans="1:6" x14ac:dyDescent="0.2">
      <c r="A6847" s="239">
        <f>'CPT Data'!B6855</f>
        <v>68.225999999999999</v>
      </c>
      <c r="B6847" s="3">
        <f>'CPT Data'!C6855</f>
        <v>68.218999999999994</v>
      </c>
      <c r="C6847" t="str">
        <f>'CPT Data'!P6855</f>
        <v>SAND</v>
      </c>
      <c r="D6847" t="e">
        <f>'CPT Data'!Q6855</f>
        <v>#N/A</v>
      </c>
      <c r="E6847" t="e">
        <f t="shared" si="107"/>
        <v>#N/A</v>
      </c>
      <c r="F6847" t="str">
        <f>IF(C6847="CLAY", INDEX(D$4:D6847, MATCH("CLAY", C$4:C6847, 0)), "")</f>
        <v/>
      </c>
    </row>
    <row r="6848" spans="1:6" x14ac:dyDescent="0.2">
      <c r="A6848" s="239">
        <f>'CPT Data'!B6856</f>
        <v>68.234999999999999</v>
      </c>
      <c r="B6848" s="3">
        <f>'CPT Data'!C6856</f>
        <v>68.227999999999994</v>
      </c>
      <c r="C6848" t="str">
        <f>'CPT Data'!P6856</f>
        <v>SAND</v>
      </c>
      <c r="D6848" t="e">
        <f>'CPT Data'!Q6856</f>
        <v>#N/A</v>
      </c>
      <c r="E6848" t="e">
        <f t="shared" si="107"/>
        <v>#N/A</v>
      </c>
      <c r="F6848" t="str">
        <f>IF(C6848="CLAY", INDEX(D$4:D6848, MATCH("CLAY", C$4:C6848, 0)), "")</f>
        <v/>
      </c>
    </row>
    <row r="6849" spans="1:6" x14ac:dyDescent="0.2">
      <c r="A6849" s="239">
        <f>'CPT Data'!B6857</f>
        <v>68.245000000000005</v>
      </c>
      <c r="B6849" s="3">
        <f>'CPT Data'!C6857</f>
        <v>68.238</v>
      </c>
      <c r="C6849" t="str">
        <f>'CPT Data'!P6857</f>
        <v>SAND</v>
      </c>
      <c r="D6849" t="e">
        <f>'CPT Data'!Q6857</f>
        <v>#N/A</v>
      </c>
      <c r="E6849" t="e">
        <f t="shared" si="107"/>
        <v>#N/A</v>
      </c>
      <c r="F6849" t="str">
        <f>IF(C6849="CLAY", INDEX(D$4:D6849, MATCH("CLAY", C$4:C6849, 0)), "")</f>
        <v/>
      </c>
    </row>
    <row r="6850" spans="1:6" x14ac:dyDescent="0.2">
      <c r="A6850" s="239">
        <f>'CPT Data'!B6858</f>
        <v>68.254000000000005</v>
      </c>
      <c r="B6850" s="3">
        <f>'CPT Data'!C6858</f>
        <v>68.247</v>
      </c>
      <c r="C6850" t="str">
        <f>'CPT Data'!P6858</f>
        <v>SAND</v>
      </c>
      <c r="D6850" t="e">
        <f>'CPT Data'!Q6858</f>
        <v>#N/A</v>
      </c>
      <c r="E6850" t="e">
        <f t="shared" si="107"/>
        <v>#N/A</v>
      </c>
      <c r="F6850" t="str">
        <f>IF(C6850="CLAY", INDEX(D$4:D6850, MATCH("CLAY", C$4:C6850, 0)), "")</f>
        <v/>
      </c>
    </row>
    <row r="6851" spans="1:6" x14ac:dyDescent="0.2">
      <c r="A6851" s="239">
        <f>'CPT Data'!B6859</f>
        <v>68.263999999999996</v>
      </c>
      <c r="B6851" s="3">
        <f>'CPT Data'!C6859</f>
        <v>68.256999999999991</v>
      </c>
      <c r="C6851" t="str">
        <f>'CPT Data'!P6859</f>
        <v>SAND</v>
      </c>
      <c r="D6851" t="e">
        <f>'CPT Data'!Q6859</f>
        <v>#N/A</v>
      </c>
      <c r="E6851" t="e">
        <f t="shared" si="107"/>
        <v>#N/A</v>
      </c>
      <c r="F6851" t="str">
        <f>IF(C6851="CLAY", INDEX(D$4:D6851, MATCH("CLAY", C$4:C6851, 0)), "")</f>
        <v/>
      </c>
    </row>
    <row r="6852" spans="1:6" x14ac:dyDescent="0.2">
      <c r="A6852" s="239">
        <f>'CPT Data'!B6860</f>
        <v>68.272999999999996</v>
      </c>
      <c r="B6852" s="3">
        <f>'CPT Data'!C6860</f>
        <v>68.265999999999991</v>
      </c>
      <c r="C6852" t="str">
        <f>'CPT Data'!P6860</f>
        <v>SAND</v>
      </c>
      <c r="D6852" t="e">
        <f>'CPT Data'!Q6860</f>
        <v>#N/A</v>
      </c>
      <c r="E6852" t="e">
        <f t="shared" si="107"/>
        <v>#N/A</v>
      </c>
      <c r="F6852" t="str">
        <f>IF(C6852="CLAY", INDEX(D$4:D6852, MATCH("CLAY", C$4:C6852, 0)), "")</f>
        <v/>
      </c>
    </row>
    <row r="6853" spans="1:6" x14ac:dyDescent="0.2">
      <c r="A6853" s="239">
        <f>'CPT Data'!B6861</f>
        <v>68.281999999999996</v>
      </c>
      <c r="B6853" s="3">
        <f>'CPT Data'!C6861</f>
        <v>68.274999999999991</v>
      </c>
      <c r="C6853" t="str">
        <f>'CPT Data'!P6861</f>
        <v>SAND</v>
      </c>
      <c r="D6853" t="e">
        <f>'CPT Data'!Q6861</f>
        <v>#N/A</v>
      </c>
      <c r="E6853" t="e">
        <f t="shared" si="107"/>
        <v>#N/A</v>
      </c>
      <c r="F6853" t="str">
        <f>IF(C6853="CLAY", INDEX(D$4:D6853, MATCH("CLAY", C$4:C6853, 0)), "")</f>
        <v/>
      </c>
    </row>
    <row r="6854" spans="1:6" x14ac:dyDescent="0.2">
      <c r="A6854" s="239">
        <f>'CPT Data'!B6862</f>
        <v>68.292000000000002</v>
      </c>
      <c r="B6854" s="3">
        <f>'CPT Data'!C6862</f>
        <v>68.284999999999997</v>
      </c>
      <c r="C6854" t="str">
        <f>'CPT Data'!P6862</f>
        <v>SAND</v>
      </c>
      <c r="D6854" t="e">
        <f>'CPT Data'!Q6862</f>
        <v>#N/A</v>
      </c>
      <c r="E6854" t="e">
        <f t="shared" si="107"/>
        <v>#N/A</v>
      </c>
      <c r="F6854" t="str">
        <f>IF(C6854="CLAY", INDEX(D$4:D6854, MATCH("CLAY", C$4:C6854, 0)), "")</f>
        <v/>
      </c>
    </row>
    <row r="6855" spans="1:6" x14ac:dyDescent="0.2">
      <c r="A6855" s="239">
        <f>'CPT Data'!B6863</f>
        <v>68.301000000000002</v>
      </c>
      <c r="B6855" s="3">
        <f>'CPT Data'!C6863</f>
        <v>68.293999999999997</v>
      </c>
      <c r="C6855" t="str">
        <f>'CPT Data'!P6863</f>
        <v>SAND</v>
      </c>
      <c r="D6855" t="e">
        <f>'CPT Data'!Q6863</f>
        <v>#N/A</v>
      </c>
      <c r="E6855" t="e">
        <f t="shared" si="107"/>
        <v>#N/A</v>
      </c>
      <c r="F6855" t="str">
        <f>IF(C6855="CLAY", INDEX(D$4:D6855, MATCH("CLAY", C$4:C6855, 0)), "")</f>
        <v/>
      </c>
    </row>
    <row r="6856" spans="1:6" x14ac:dyDescent="0.2">
      <c r="A6856" s="239">
        <f>'CPT Data'!B6864</f>
        <v>68.308999999999997</v>
      </c>
      <c r="B6856" s="3">
        <f>'CPT Data'!C6864</f>
        <v>68.301999999999992</v>
      </c>
      <c r="C6856" t="str">
        <f>'CPT Data'!P6864</f>
        <v>SAND</v>
      </c>
      <c r="D6856" t="e">
        <f>'CPT Data'!Q6864</f>
        <v>#N/A</v>
      </c>
      <c r="E6856" t="e">
        <f t="shared" si="107"/>
        <v>#N/A</v>
      </c>
      <c r="F6856" t="str">
        <f>IF(C6856="CLAY", INDEX(D$4:D6856, MATCH("CLAY", C$4:C6856, 0)), "")</f>
        <v/>
      </c>
    </row>
    <row r="6857" spans="1:6" x14ac:dyDescent="0.2">
      <c r="A6857" s="239">
        <f>'CPT Data'!B6865</f>
        <v>68.319000000000003</v>
      </c>
      <c r="B6857" s="3">
        <f>'CPT Data'!C6865</f>
        <v>68.311999999999998</v>
      </c>
      <c r="C6857" t="str">
        <f>'CPT Data'!P6865</f>
        <v>SAND</v>
      </c>
      <c r="D6857" t="e">
        <f>'CPT Data'!Q6865</f>
        <v>#N/A</v>
      </c>
      <c r="E6857" t="e">
        <f t="shared" si="107"/>
        <v>#N/A</v>
      </c>
      <c r="F6857" t="str">
        <f>IF(C6857="CLAY", INDEX(D$4:D6857, MATCH("CLAY", C$4:C6857, 0)), "")</f>
        <v/>
      </c>
    </row>
    <row r="6858" spans="1:6" x14ac:dyDescent="0.2">
      <c r="A6858" s="239">
        <f>'CPT Data'!B6866</f>
        <v>68.328000000000003</v>
      </c>
      <c r="B6858" s="3">
        <f>'CPT Data'!C6866</f>
        <v>68.320999999999998</v>
      </c>
      <c r="C6858" t="str">
        <f>'CPT Data'!P6866</f>
        <v>SAND</v>
      </c>
      <c r="D6858" t="e">
        <f>'CPT Data'!Q6866</f>
        <v>#N/A</v>
      </c>
      <c r="E6858" t="e">
        <f t="shared" si="107"/>
        <v>#N/A</v>
      </c>
      <c r="F6858" t="str">
        <f>IF(C6858="CLAY", INDEX(D$4:D6858, MATCH("CLAY", C$4:C6858, 0)), "")</f>
        <v/>
      </c>
    </row>
    <row r="6859" spans="1:6" x14ac:dyDescent="0.2">
      <c r="A6859" s="239">
        <f>'CPT Data'!B6867</f>
        <v>68.337000000000003</v>
      </c>
      <c r="B6859" s="3">
        <f>'CPT Data'!C6867</f>
        <v>68.33</v>
      </c>
      <c r="C6859" t="str">
        <f>'CPT Data'!P6867</f>
        <v>SAND</v>
      </c>
      <c r="D6859" t="e">
        <f>'CPT Data'!Q6867</f>
        <v>#N/A</v>
      </c>
      <c r="E6859" t="e">
        <f t="shared" si="107"/>
        <v>#N/A</v>
      </c>
      <c r="F6859" t="str">
        <f>IF(C6859="CLAY", INDEX(D$4:D6859, MATCH("CLAY", C$4:C6859, 0)), "")</f>
        <v/>
      </c>
    </row>
    <row r="6860" spans="1:6" x14ac:dyDescent="0.2">
      <c r="A6860" s="239">
        <f>'CPT Data'!B6868</f>
        <v>68.346000000000004</v>
      </c>
      <c r="B6860" s="3">
        <f>'CPT Data'!C6868</f>
        <v>68.338999999999999</v>
      </c>
      <c r="C6860" t="str">
        <f>'CPT Data'!P6868</f>
        <v>SAND</v>
      </c>
      <c r="D6860" t="e">
        <f>'CPT Data'!Q6868</f>
        <v>#N/A</v>
      </c>
      <c r="E6860" t="e">
        <f t="shared" si="107"/>
        <v>#N/A</v>
      </c>
      <c r="F6860" t="str">
        <f>IF(C6860="CLAY", INDEX(D$4:D6860, MATCH("CLAY", C$4:C6860, 0)), "")</f>
        <v/>
      </c>
    </row>
    <row r="6861" spans="1:6" x14ac:dyDescent="0.2">
      <c r="A6861" s="239">
        <f>'CPT Data'!B6869</f>
        <v>68.356999999999999</v>
      </c>
      <c r="B6861" s="3">
        <f>'CPT Data'!C6869</f>
        <v>68.349999999999994</v>
      </c>
      <c r="C6861" t="str">
        <f>'CPT Data'!P6869</f>
        <v>SAND</v>
      </c>
      <c r="D6861" t="e">
        <f>'CPT Data'!Q6869</f>
        <v>#N/A</v>
      </c>
      <c r="E6861" t="e">
        <f t="shared" si="107"/>
        <v>#N/A</v>
      </c>
      <c r="F6861" t="str">
        <f>IF(C6861="CLAY", INDEX(D$4:D6861, MATCH("CLAY", C$4:C6861, 0)), "")</f>
        <v/>
      </c>
    </row>
    <row r="6862" spans="1:6" x14ac:dyDescent="0.2">
      <c r="A6862" s="239">
        <f>'CPT Data'!B6870</f>
        <v>68.367000000000004</v>
      </c>
      <c r="B6862" s="3">
        <f>'CPT Data'!C6870</f>
        <v>68.36</v>
      </c>
      <c r="C6862" t="str">
        <f>'CPT Data'!P6870</f>
        <v>SAND</v>
      </c>
      <c r="D6862" t="e">
        <f>'CPT Data'!Q6870</f>
        <v>#N/A</v>
      </c>
      <c r="E6862" t="e">
        <f t="shared" si="107"/>
        <v>#N/A</v>
      </c>
      <c r="F6862" t="str">
        <f>IF(C6862="CLAY", INDEX(D$4:D6862, MATCH("CLAY", C$4:C6862, 0)), "")</f>
        <v/>
      </c>
    </row>
    <row r="6863" spans="1:6" x14ac:dyDescent="0.2">
      <c r="A6863" s="239">
        <f>'CPT Data'!B6871</f>
        <v>68.378</v>
      </c>
      <c r="B6863" s="3">
        <f>'CPT Data'!C6871</f>
        <v>68.370999999999995</v>
      </c>
      <c r="C6863" t="str">
        <f>'CPT Data'!P6871</f>
        <v>SAND</v>
      </c>
      <c r="D6863" t="e">
        <f>'CPT Data'!Q6871</f>
        <v>#N/A</v>
      </c>
      <c r="E6863" t="e">
        <f t="shared" si="107"/>
        <v>#N/A</v>
      </c>
      <c r="F6863" t="str">
        <f>IF(C6863="CLAY", INDEX(D$4:D6863, MATCH("CLAY", C$4:C6863, 0)), "")</f>
        <v/>
      </c>
    </row>
    <row r="6864" spans="1:6" x14ac:dyDescent="0.2">
      <c r="A6864" s="239">
        <f>'CPT Data'!B6872</f>
        <v>68.388000000000005</v>
      </c>
      <c r="B6864" s="3">
        <f>'CPT Data'!C6872</f>
        <v>68.381</v>
      </c>
      <c r="C6864" t="str">
        <f>'CPT Data'!P6872</f>
        <v>SAND</v>
      </c>
      <c r="D6864" t="e">
        <f>'CPT Data'!Q6872</f>
        <v>#N/A</v>
      </c>
      <c r="E6864" t="e">
        <f t="shared" si="107"/>
        <v>#N/A</v>
      </c>
      <c r="F6864" t="str">
        <f>IF(C6864="CLAY", INDEX(D$4:D6864, MATCH("CLAY", C$4:C6864, 0)), "")</f>
        <v/>
      </c>
    </row>
    <row r="6865" spans="1:6" x14ac:dyDescent="0.2">
      <c r="A6865" s="239">
        <f>'CPT Data'!B6873</f>
        <v>68.397000000000006</v>
      </c>
      <c r="B6865" s="3">
        <f>'CPT Data'!C6873</f>
        <v>68.39</v>
      </c>
      <c r="C6865" t="str">
        <f>'CPT Data'!P6873</f>
        <v>SAND</v>
      </c>
      <c r="D6865" t="e">
        <f>'CPT Data'!Q6873</f>
        <v>#N/A</v>
      </c>
      <c r="E6865" t="e">
        <f t="shared" si="107"/>
        <v>#N/A</v>
      </c>
      <c r="F6865" t="str">
        <f>IF(C6865="CLAY", INDEX(D$4:D6865, MATCH("CLAY", C$4:C6865, 0)), "")</f>
        <v/>
      </c>
    </row>
    <row r="6866" spans="1:6" x14ac:dyDescent="0.2">
      <c r="A6866" s="239">
        <f>'CPT Data'!B6874</f>
        <v>68.408000000000001</v>
      </c>
      <c r="B6866" s="3">
        <f>'CPT Data'!C6874</f>
        <v>68.400999999999996</v>
      </c>
      <c r="C6866" t="str">
        <f>'CPT Data'!P6874</f>
        <v>SAND</v>
      </c>
      <c r="D6866" t="e">
        <f>'CPT Data'!Q6874</f>
        <v>#N/A</v>
      </c>
      <c r="E6866" t="e">
        <f t="shared" si="107"/>
        <v>#N/A</v>
      </c>
      <c r="F6866" t="str">
        <f>IF(C6866="CLAY", INDEX(D$4:D6866, MATCH("CLAY", C$4:C6866, 0)), "")</f>
        <v/>
      </c>
    </row>
    <row r="6867" spans="1:6" x14ac:dyDescent="0.2">
      <c r="A6867" s="239">
        <f>'CPT Data'!B6875</f>
        <v>68.417000000000002</v>
      </c>
      <c r="B6867" s="3">
        <f>'CPT Data'!C6875</f>
        <v>68.41</v>
      </c>
      <c r="C6867" t="str">
        <f>'CPT Data'!P6875</f>
        <v>SAND</v>
      </c>
      <c r="D6867" t="e">
        <f>'CPT Data'!Q6875</f>
        <v>#N/A</v>
      </c>
      <c r="E6867" t="e">
        <f t="shared" si="107"/>
        <v>#N/A</v>
      </c>
      <c r="F6867" t="str">
        <f>IF(C6867="CLAY", INDEX(D$4:D6867, MATCH("CLAY", C$4:C6867, 0)), "")</f>
        <v/>
      </c>
    </row>
    <row r="6868" spans="1:6" x14ac:dyDescent="0.2">
      <c r="A6868" s="239">
        <f>'CPT Data'!B6876</f>
        <v>68.427000000000007</v>
      </c>
      <c r="B6868" s="3">
        <f>'CPT Data'!C6876</f>
        <v>68.42</v>
      </c>
      <c r="C6868" t="str">
        <f>'CPT Data'!P6876</f>
        <v>SAND</v>
      </c>
      <c r="D6868" t="e">
        <f>'CPT Data'!Q6876</f>
        <v>#N/A</v>
      </c>
      <c r="E6868" t="e">
        <f t="shared" si="107"/>
        <v>#N/A</v>
      </c>
      <c r="F6868" t="str">
        <f>IF(C6868="CLAY", INDEX(D$4:D6868, MATCH("CLAY", C$4:C6868, 0)), "")</f>
        <v/>
      </c>
    </row>
    <row r="6869" spans="1:6" x14ac:dyDescent="0.2">
      <c r="A6869" s="239">
        <f>'CPT Data'!B6877</f>
        <v>68.438000000000002</v>
      </c>
      <c r="B6869" s="3">
        <f>'CPT Data'!C6877</f>
        <v>68.430999999999997</v>
      </c>
      <c r="C6869" t="str">
        <f>'CPT Data'!P6877</f>
        <v>SAND</v>
      </c>
      <c r="D6869" t="e">
        <f>'CPT Data'!Q6877</f>
        <v>#N/A</v>
      </c>
      <c r="E6869" t="e">
        <f t="shared" si="107"/>
        <v>#N/A</v>
      </c>
      <c r="F6869" t="str">
        <f>IF(C6869="CLAY", INDEX(D$4:D6869, MATCH("CLAY", C$4:C6869, 0)), "")</f>
        <v/>
      </c>
    </row>
    <row r="6870" spans="1:6" x14ac:dyDescent="0.2">
      <c r="A6870" s="239">
        <f>'CPT Data'!B6878</f>
        <v>68.447999999999993</v>
      </c>
      <c r="B6870" s="3">
        <f>'CPT Data'!C6878</f>
        <v>68.440999999999988</v>
      </c>
      <c r="C6870" t="str">
        <f>'CPT Data'!P6878</f>
        <v>SAND</v>
      </c>
      <c r="D6870" t="e">
        <f>'CPT Data'!Q6878</f>
        <v>#N/A</v>
      </c>
      <c r="E6870" t="e">
        <f t="shared" si="107"/>
        <v>#N/A</v>
      </c>
      <c r="F6870" t="str">
        <f>IF(C6870="CLAY", INDEX(D$4:D6870, MATCH("CLAY", C$4:C6870, 0)), "")</f>
        <v/>
      </c>
    </row>
    <row r="6871" spans="1:6" x14ac:dyDescent="0.2">
      <c r="A6871" s="239">
        <f>'CPT Data'!B6879</f>
        <v>68.459000000000003</v>
      </c>
      <c r="B6871" s="3">
        <f>'CPT Data'!C6879</f>
        <v>68.451999999999998</v>
      </c>
      <c r="C6871" t="str">
        <f>'CPT Data'!P6879</f>
        <v>SAND</v>
      </c>
      <c r="D6871" t="e">
        <f>'CPT Data'!Q6879</f>
        <v>#N/A</v>
      </c>
      <c r="E6871" t="e">
        <f t="shared" si="107"/>
        <v>#N/A</v>
      </c>
      <c r="F6871" t="str">
        <f>IF(C6871="CLAY", INDEX(D$4:D6871, MATCH("CLAY", C$4:C6871, 0)), "")</f>
        <v/>
      </c>
    </row>
    <row r="6872" spans="1:6" x14ac:dyDescent="0.2">
      <c r="A6872" s="239">
        <f>'CPT Data'!B6880</f>
        <v>68.468999999999994</v>
      </c>
      <c r="B6872" s="3">
        <f>'CPT Data'!C6880</f>
        <v>68.461999999999989</v>
      </c>
      <c r="C6872" t="str">
        <f>'CPT Data'!P6880</f>
        <v>SAND</v>
      </c>
      <c r="D6872" t="e">
        <f>'CPT Data'!Q6880</f>
        <v>#N/A</v>
      </c>
      <c r="E6872" t="e">
        <f t="shared" si="107"/>
        <v>#N/A</v>
      </c>
      <c r="F6872" t="str">
        <f>IF(C6872="CLAY", INDEX(D$4:D6872, MATCH("CLAY", C$4:C6872, 0)), "")</f>
        <v/>
      </c>
    </row>
    <row r="6873" spans="1:6" x14ac:dyDescent="0.2">
      <c r="A6873" s="239">
        <f>'CPT Data'!B6881</f>
        <v>68.478999999999999</v>
      </c>
      <c r="B6873" s="3">
        <f>'CPT Data'!C6881</f>
        <v>68.471999999999994</v>
      </c>
      <c r="C6873" t="str">
        <f>'CPT Data'!P6881</f>
        <v>SAND</v>
      </c>
      <c r="D6873" t="e">
        <f>'CPT Data'!Q6881</f>
        <v>#N/A</v>
      </c>
      <c r="E6873" t="e">
        <f t="shared" si="107"/>
        <v>#N/A</v>
      </c>
      <c r="F6873" t="str">
        <f>IF(C6873="CLAY", INDEX(D$4:D6873, MATCH("CLAY", C$4:C6873, 0)), "")</f>
        <v/>
      </c>
    </row>
    <row r="6874" spans="1:6" x14ac:dyDescent="0.2">
      <c r="A6874" s="239">
        <f>'CPT Data'!B6882</f>
        <v>68.489999999999995</v>
      </c>
      <c r="B6874" s="3">
        <f>'CPT Data'!C6882</f>
        <v>68.48299999999999</v>
      </c>
      <c r="C6874" t="str">
        <f>'CPT Data'!P6882</f>
        <v>SAND</v>
      </c>
      <c r="D6874" t="e">
        <f>'CPT Data'!Q6882</f>
        <v>#N/A</v>
      </c>
      <c r="E6874" t="e">
        <f t="shared" si="107"/>
        <v>#N/A</v>
      </c>
      <c r="F6874" t="str">
        <f>IF(C6874="CLAY", INDEX(D$4:D6874, MATCH("CLAY", C$4:C6874, 0)), "")</f>
        <v/>
      </c>
    </row>
    <row r="6875" spans="1:6" x14ac:dyDescent="0.2">
      <c r="A6875" s="239">
        <f>'CPT Data'!B6883</f>
        <v>68.5</v>
      </c>
      <c r="B6875" s="3">
        <f>'CPT Data'!C6883</f>
        <v>68.492999999999995</v>
      </c>
      <c r="C6875" t="str">
        <f>'CPT Data'!P6883</f>
        <v>SAND</v>
      </c>
      <c r="D6875" t="e">
        <f>'CPT Data'!Q6883</f>
        <v>#N/A</v>
      </c>
      <c r="E6875" t="e">
        <f t="shared" ref="E6875:E6938" si="108">IF(C6875="SAND",#N/A,IF(C6875=C6874,D6874,IF(C6875="CLAY",D6875,#N/A)))</f>
        <v>#N/A</v>
      </c>
      <c r="F6875" t="str">
        <f>IF(C6875="CLAY", INDEX(D$4:D6875, MATCH("CLAY", C$4:C6875, 0)), "")</f>
        <v/>
      </c>
    </row>
    <row r="6876" spans="1:6" x14ac:dyDescent="0.2">
      <c r="A6876" s="239">
        <f>'CPT Data'!B6884</f>
        <v>68.510999999999996</v>
      </c>
      <c r="B6876" s="3">
        <f>'CPT Data'!C6884</f>
        <v>68.503999999999991</v>
      </c>
      <c r="C6876" t="str">
        <f>'CPT Data'!P6884</f>
        <v>SAND</v>
      </c>
      <c r="D6876" t="e">
        <f>'CPT Data'!Q6884</f>
        <v>#N/A</v>
      </c>
      <c r="E6876" t="e">
        <f t="shared" si="108"/>
        <v>#N/A</v>
      </c>
      <c r="F6876" t="str">
        <f>IF(C6876="CLAY", INDEX(D$4:D6876, MATCH("CLAY", C$4:C6876, 0)), "")</f>
        <v/>
      </c>
    </row>
    <row r="6877" spans="1:6" x14ac:dyDescent="0.2">
      <c r="A6877" s="239">
        <f>'CPT Data'!B6885</f>
        <v>68.522000000000006</v>
      </c>
      <c r="B6877" s="3">
        <f>'CPT Data'!C6885</f>
        <v>68.515000000000001</v>
      </c>
      <c r="C6877" t="str">
        <f>'CPT Data'!P6885</f>
        <v>SAND</v>
      </c>
      <c r="D6877" t="e">
        <f>'CPT Data'!Q6885</f>
        <v>#N/A</v>
      </c>
      <c r="E6877" t="e">
        <f t="shared" si="108"/>
        <v>#N/A</v>
      </c>
      <c r="F6877" t="str">
        <f>IF(C6877="CLAY", INDEX(D$4:D6877, MATCH("CLAY", C$4:C6877, 0)), "")</f>
        <v/>
      </c>
    </row>
    <row r="6878" spans="1:6" x14ac:dyDescent="0.2">
      <c r="A6878" s="239">
        <f>'CPT Data'!B6886</f>
        <v>68.531000000000006</v>
      </c>
      <c r="B6878" s="3">
        <f>'CPT Data'!C6886</f>
        <v>68.524000000000001</v>
      </c>
      <c r="C6878" t="str">
        <f>'CPT Data'!P6886</f>
        <v>SAND</v>
      </c>
      <c r="D6878" t="e">
        <f>'CPT Data'!Q6886</f>
        <v>#N/A</v>
      </c>
      <c r="E6878" t="e">
        <f t="shared" si="108"/>
        <v>#N/A</v>
      </c>
      <c r="F6878" t="str">
        <f>IF(C6878="CLAY", INDEX(D$4:D6878, MATCH("CLAY", C$4:C6878, 0)), "")</f>
        <v/>
      </c>
    </row>
    <row r="6879" spans="1:6" x14ac:dyDescent="0.2">
      <c r="A6879" s="239">
        <f>'CPT Data'!B6887</f>
        <v>68.542000000000002</v>
      </c>
      <c r="B6879" s="3">
        <f>'CPT Data'!C6887</f>
        <v>68.534999999999997</v>
      </c>
      <c r="C6879" t="str">
        <f>'CPT Data'!P6887</f>
        <v>SAND</v>
      </c>
      <c r="D6879" t="e">
        <f>'CPT Data'!Q6887</f>
        <v>#N/A</v>
      </c>
      <c r="E6879" t="e">
        <f t="shared" si="108"/>
        <v>#N/A</v>
      </c>
      <c r="F6879" t="str">
        <f>IF(C6879="CLAY", INDEX(D$4:D6879, MATCH("CLAY", C$4:C6879, 0)), "")</f>
        <v/>
      </c>
    </row>
    <row r="6880" spans="1:6" x14ac:dyDescent="0.2">
      <c r="A6880" s="239">
        <f>'CPT Data'!B6888</f>
        <v>68.552000000000007</v>
      </c>
      <c r="B6880" s="3">
        <f>'CPT Data'!C6888</f>
        <v>68.545000000000002</v>
      </c>
      <c r="C6880" t="str">
        <f>'CPT Data'!P6888</f>
        <v>SAND</v>
      </c>
      <c r="D6880" t="e">
        <f>'CPT Data'!Q6888</f>
        <v>#N/A</v>
      </c>
      <c r="E6880" t="e">
        <f t="shared" si="108"/>
        <v>#N/A</v>
      </c>
      <c r="F6880" t="str">
        <f>IF(C6880="CLAY", INDEX(D$4:D6880, MATCH("CLAY", C$4:C6880, 0)), "")</f>
        <v/>
      </c>
    </row>
    <row r="6881" spans="1:6" x14ac:dyDescent="0.2">
      <c r="A6881" s="239">
        <f>'CPT Data'!B6889</f>
        <v>68.561999999999998</v>
      </c>
      <c r="B6881" s="3">
        <f>'CPT Data'!C6889</f>
        <v>68.554999999999993</v>
      </c>
      <c r="C6881" t="str">
        <f>'CPT Data'!P6889</f>
        <v>SAND</v>
      </c>
      <c r="D6881" t="e">
        <f>'CPT Data'!Q6889</f>
        <v>#N/A</v>
      </c>
      <c r="E6881" t="e">
        <f t="shared" si="108"/>
        <v>#N/A</v>
      </c>
      <c r="F6881" t="str">
        <f>IF(C6881="CLAY", INDEX(D$4:D6881, MATCH("CLAY", C$4:C6881, 0)), "")</f>
        <v/>
      </c>
    </row>
    <row r="6882" spans="1:6" x14ac:dyDescent="0.2">
      <c r="A6882" s="239">
        <f>'CPT Data'!B6890</f>
        <v>68.572999999999993</v>
      </c>
      <c r="B6882" s="3">
        <f>'CPT Data'!C6890</f>
        <v>68.565999999999988</v>
      </c>
      <c r="C6882" t="str">
        <f>'CPT Data'!P6890</f>
        <v>SAND</v>
      </c>
      <c r="D6882" t="e">
        <f>'CPT Data'!Q6890</f>
        <v>#N/A</v>
      </c>
      <c r="E6882" t="e">
        <f t="shared" si="108"/>
        <v>#N/A</v>
      </c>
      <c r="F6882" t="str">
        <f>IF(C6882="CLAY", INDEX(D$4:D6882, MATCH("CLAY", C$4:C6882, 0)), "")</f>
        <v/>
      </c>
    </row>
    <row r="6883" spans="1:6" x14ac:dyDescent="0.2">
      <c r="A6883" s="239">
        <f>'CPT Data'!B6891</f>
        <v>68.582999999999998</v>
      </c>
      <c r="B6883" s="3">
        <f>'CPT Data'!C6891</f>
        <v>68.575999999999993</v>
      </c>
      <c r="C6883" t="str">
        <f>'CPT Data'!P6891</f>
        <v>SAND</v>
      </c>
      <c r="D6883" t="e">
        <f>'CPT Data'!Q6891</f>
        <v>#N/A</v>
      </c>
      <c r="E6883" t="e">
        <f t="shared" si="108"/>
        <v>#N/A</v>
      </c>
      <c r="F6883" t="str">
        <f>IF(C6883="CLAY", INDEX(D$4:D6883, MATCH("CLAY", C$4:C6883, 0)), "")</f>
        <v/>
      </c>
    </row>
    <row r="6884" spans="1:6" x14ac:dyDescent="0.2">
      <c r="A6884" s="239">
        <f>'CPT Data'!B6892</f>
        <v>68.593000000000004</v>
      </c>
      <c r="B6884" s="3">
        <f>'CPT Data'!C6892</f>
        <v>68.585999999999999</v>
      </c>
      <c r="C6884" t="str">
        <f>'CPT Data'!P6892</f>
        <v>SAND</v>
      </c>
      <c r="D6884" t="e">
        <f>'CPT Data'!Q6892</f>
        <v>#N/A</v>
      </c>
      <c r="E6884" t="e">
        <f t="shared" si="108"/>
        <v>#N/A</v>
      </c>
      <c r="F6884" t="str">
        <f>IF(C6884="CLAY", INDEX(D$4:D6884, MATCH("CLAY", C$4:C6884, 0)), "")</f>
        <v/>
      </c>
    </row>
    <row r="6885" spans="1:6" x14ac:dyDescent="0.2">
      <c r="A6885" s="239">
        <f>'CPT Data'!B6893</f>
        <v>68.602999999999994</v>
      </c>
      <c r="B6885" s="3">
        <f>'CPT Data'!C6893</f>
        <v>68.595999999999989</v>
      </c>
      <c r="C6885" t="str">
        <f>'CPT Data'!P6893</f>
        <v>SAND</v>
      </c>
      <c r="D6885" t="e">
        <f>'CPT Data'!Q6893</f>
        <v>#N/A</v>
      </c>
      <c r="E6885" t="e">
        <f t="shared" si="108"/>
        <v>#N/A</v>
      </c>
      <c r="F6885" t="str">
        <f>IF(C6885="CLAY", INDEX(D$4:D6885, MATCH("CLAY", C$4:C6885, 0)), "")</f>
        <v/>
      </c>
    </row>
    <row r="6886" spans="1:6" x14ac:dyDescent="0.2">
      <c r="A6886" s="239">
        <f>'CPT Data'!B6894</f>
        <v>68.613</v>
      </c>
      <c r="B6886" s="3">
        <f>'CPT Data'!C6894</f>
        <v>68.605999999999995</v>
      </c>
      <c r="C6886" t="str">
        <f>'CPT Data'!P6894</f>
        <v>SAND</v>
      </c>
      <c r="D6886" t="e">
        <f>'CPT Data'!Q6894</f>
        <v>#N/A</v>
      </c>
      <c r="E6886" t="e">
        <f t="shared" si="108"/>
        <v>#N/A</v>
      </c>
      <c r="F6886" t="str">
        <f>IF(C6886="CLAY", INDEX(D$4:D6886, MATCH("CLAY", C$4:C6886, 0)), "")</f>
        <v/>
      </c>
    </row>
    <row r="6887" spans="1:6" x14ac:dyDescent="0.2">
      <c r="A6887" s="239">
        <f>'CPT Data'!B6895</f>
        <v>68.623000000000005</v>
      </c>
      <c r="B6887" s="3">
        <f>'CPT Data'!C6895</f>
        <v>68.616</v>
      </c>
      <c r="C6887" t="str">
        <f>'CPT Data'!P6895</f>
        <v>SAND</v>
      </c>
      <c r="D6887" t="e">
        <f>'CPT Data'!Q6895</f>
        <v>#N/A</v>
      </c>
      <c r="E6887" t="e">
        <f t="shared" si="108"/>
        <v>#N/A</v>
      </c>
      <c r="F6887" t="str">
        <f>IF(C6887="CLAY", INDEX(D$4:D6887, MATCH("CLAY", C$4:C6887, 0)), "")</f>
        <v/>
      </c>
    </row>
    <row r="6888" spans="1:6" x14ac:dyDescent="0.2">
      <c r="A6888" s="239">
        <f>'CPT Data'!B6896</f>
        <v>68.634</v>
      </c>
      <c r="B6888" s="3">
        <f>'CPT Data'!C6896</f>
        <v>68.626999999999995</v>
      </c>
      <c r="C6888" t="str">
        <f>'CPT Data'!P6896</f>
        <v>SAND</v>
      </c>
      <c r="D6888" t="e">
        <f>'CPT Data'!Q6896</f>
        <v>#N/A</v>
      </c>
      <c r="E6888" t="e">
        <f t="shared" si="108"/>
        <v>#N/A</v>
      </c>
      <c r="F6888" t="str">
        <f>IF(C6888="CLAY", INDEX(D$4:D6888, MATCH("CLAY", C$4:C6888, 0)), "")</f>
        <v/>
      </c>
    </row>
    <row r="6889" spans="1:6" x14ac:dyDescent="0.2">
      <c r="A6889" s="239">
        <f>'CPT Data'!B6897</f>
        <v>68.644000000000005</v>
      </c>
      <c r="B6889" s="3">
        <f>'CPT Data'!C6897</f>
        <v>68.637</v>
      </c>
      <c r="C6889" t="str">
        <f>'CPT Data'!P6897</f>
        <v>SAND</v>
      </c>
      <c r="D6889" t="e">
        <f>'CPT Data'!Q6897</f>
        <v>#N/A</v>
      </c>
      <c r="E6889" t="e">
        <f t="shared" si="108"/>
        <v>#N/A</v>
      </c>
      <c r="F6889" t="str">
        <f>IF(C6889="CLAY", INDEX(D$4:D6889, MATCH("CLAY", C$4:C6889, 0)), "")</f>
        <v/>
      </c>
    </row>
    <row r="6890" spans="1:6" x14ac:dyDescent="0.2">
      <c r="A6890" s="239">
        <f>'CPT Data'!B6898</f>
        <v>68.653999999999996</v>
      </c>
      <c r="B6890" s="3">
        <f>'CPT Data'!C6898</f>
        <v>68.646999999999991</v>
      </c>
      <c r="C6890" t="str">
        <f>'CPT Data'!P6898</f>
        <v>SAND</v>
      </c>
      <c r="D6890" t="e">
        <f>'CPT Data'!Q6898</f>
        <v>#N/A</v>
      </c>
      <c r="E6890" t="e">
        <f t="shared" si="108"/>
        <v>#N/A</v>
      </c>
      <c r="F6890" t="str">
        <f>IF(C6890="CLAY", INDEX(D$4:D6890, MATCH("CLAY", C$4:C6890, 0)), "")</f>
        <v/>
      </c>
    </row>
    <row r="6891" spans="1:6" x14ac:dyDescent="0.2">
      <c r="A6891" s="239">
        <f>'CPT Data'!B6899</f>
        <v>68.664000000000001</v>
      </c>
      <c r="B6891" s="3">
        <f>'CPT Data'!C6899</f>
        <v>68.656999999999996</v>
      </c>
      <c r="C6891" t="str">
        <f>'CPT Data'!P6899</f>
        <v>SAND</v>
      </c>
      <c r="D6891" t="e">
        <f>'CPT Data'!Q6899</f>
        <v>#N/A</v>
      </c>
      <c r="E6891" t="e">
        <f t="shared" si="108"/>
        <v>#N/A</v>
      </c>
      <c r="F6891" t="str">
        <f>IF(C6891="CLAY", INDEX(D$4:D6891, MATCH("CLAY", C$4:C6891, 0)), "")</f>
        <v/>
      </c>
    </row>
    <row r="6892" spans="1:6" x14ac:dyDescent="0.2">
      <c r="A6892" s="239">
        <f>'CPT Data'!B6900</f>
        <v>68.674999999999997</v>
      </c>
      <c r="B6892" s="3">
        <f>'CPT Data'!C6900</f>
        <v>68.667999999999992</v>
      </c>
      <c r="C6892" t="str">
        <f>'CPT Data'!P6900</f>
        <v>SAND</v>
      </c>
      <c r="D6892" t="e">
        <f>'CPT Data'!Q6900</f>
        <v>#N/A</v>
      </c>
      <c r="E6892" t="e">
        <f t="shared" si="108"/>
        <v>#N/A</v>
      </c>
      <c r="F6892" t="str">
        <f>IF(C6892="CLAY", INDEX(D$4:D6892, MATCH("CLAY", C$4:C6892, 0)), "")</f>
        <v/>
      </c>
    </row>
    <row r="6893" spans="1:6" x14ac:dyDescent="0.2">
      <c r="A6893" s="239">
        <f>'CPT Data'!B6901</f>
        <v>68.686000000000007</v>
      </c>
      <c r="B6893" s="3">
        <f>'CPT Data'!C6901</f>
        <v>68.679000000000002</v>
      </c>
      <c r="C6893" t="str">
        <f>'CPT Data'!P6901</f>
        <v>SAND</v>
      </c>
      <c r="D6893" t="e">
        <f>'CPT Data'!Q6901</f>
        <v>#N/A</v>
      </c>
      <c r="E6893" t="e">
        <f t="shared" si="108"/>
        <v>#N/A</v>
      </c>
      <c r="F6893" t="str">
        <f>IF(C6893="CLAY", INDEX(D$4:D6893, MATCH("CLAY", C$4:C6893, 0)), "")</f>
        <v/>
      </c>
    </row>
    <row r="6894" spans="1:6" x14ac:dyDescent="0.2">
      <c r="A6894" s="239">
        <f>'CPT Data'!B6902</f>
        <v>68.694999999999993</v>
      </c>
      <c r="B6894" s="3">
        <f>'CPT Data'!C6902</f>
        <v>68.687999999999988</v>
      </c>
      <c r="C6894" t="str">
        <f>'CPT Data'!P6902</f>
        <v>SAND</v>
      </c>
      <c r="D6894" t="e">
        <f>'CPT Data'!Q6902</f>
        <v>#N/A</v>
      </c>
      <c r="E6894" t="e">
        <f t="shared" si="108"/>
        <v>#N/A</v>
      </c>
      <c r="F6894" t="str">
        <f>IF(C6894="CLAY", INDEX(D$4:D6894, MATCH("CLAY", C$4:C6894, 0)), "")</f>
        <v/>
      </c>
    </row>
    <row r="6895" spans="1:6" x14ac:dyDescent="0.2">
      <c r="A6895" s="239">
        <f>'CPT Data'!B6903</f>
        <v>68.706999999999994</v>
      </c>
      <c r="B6895" s="3">
        <f>'CPT Data'!C6903</f>
        <v>68.699999999999989</v>
      </c>
      <c r="C6895" t="str">
        <f>'CPT Data'!P6903</f>
        <v>SAND</v>
      </c>
      <c r="D6895" t="e">
        <f>'CPT Data'!Q6903</f>
        <v>#N/A</v>
      </c>
      <c r="E6895" t="e">
        <f t="shared" si="108"/>
        <v>#N/A</v>
      </c>
      <c r="F6895" t="str">
        <f>IF(C6895="CLAY", INDEX(D$4:D6895, MATCH("CLAY", C$4:C6895, 0)), "")</f>
        <v/>
      </c>
    </row>
    <row r="6896" spans="1:6" x14ac:dyDescent="0.2">
      <c r="A6896" s="239">
        <f>'CPT Data'!B6904</f>
        <v>68.716999999999999</v>
      </c>
      <c r="B6896" s="3">
        <f>'CPT Data'!C6904</f>
        <v>68.709999999999994</v>
      </c>
      <c r="C6896" t="str">
        <f>'CPT Data'!P6904</f>
        <v>SAND</v>
      </c>
      <c r="D6896" t="e">
        <f>'CPT Data'!Q6904</f>
        <v>#N/A</v>
      </c>
      <c r="E6896" t="e">
        <f t="shared" si="108"/>
        <v>#N/A</v>
      </c>
      <c r="F6896" t="str">
        <f>IF(C6896="CLAY", INDEX(D$4:D6896, MATCH("CLAY", C$4:C6896, 0)), "")</f>
        <v/>
      </c>
    </row>
    <row r="6897" spans="1:6" x14ac:dyDescent="0.2">
      <c r="A6897" s="239">
        <f>'CPT Data'!B6905</f>
        <v>68.725999999999999</v>
      </c>
      <c r="B6897" s="3">
        <f>'CPT Data'!C6905</f>
        <v>68.718999999999994</v>
      </c>
      <c r="C6897" t="str">
        <f>'CPT Data'!P6905</f>
        <v>SAND</v>
      </c>
      <c r="D6897" t="e">
        <f>'CPT Data'!Q6905</f>
        <v>#N/A</v>
      </c>
      <c r="E6897" t="e">
        <f t="shared" si="108"/>
        <v>#N/A</v>
      </c>
      <c r="F6897" t="str">
        <f>IF(C6897="CLAY", INDEX(D$4:D6897, MATCH("CLAY", C$4:C6897, 0)), "")</f>
        <v/>
      </c>
    </row>
    <row r="6898" spans="1:6" x14ac:dyDescent="0.2">
      <c r="A6898" s="239">
        <f>'CPT Data'!B6906</f>
        <v>68.736999999999995</v>
      </c>
      <c r="B6898" s="3">
        <f>'CPT Data'!C6906</f>
        <v>68.72999999999999</v>
      </c>
      <c r="C6898" t="str">
        <f>'CPT Data'!P6906</f>
        <v>SAND</v>
      </c>
      <c r="D6898" t="e">
        <f>'CPT Data'!Q6906</f>
        <v>#N/A</v>
      </c>
      <c r="E6898" t="e">
        <f t="shared" si="108"/>
        <v>#N/A</v>
      </c>
      <c r="F6898" t="str">
        <f>IF(C6898="CLAY", INDEX(D$4:D6898, MATCH("CLAY", C$4:C6898, 0)), "")</f>
        <v/>
      </c>
    </row>
    <row r="6899" spans="1:6" x14ac:dyDescent="0.2">
      <c r="A6899" s="239">
        <f>'CPT Data'!B6907</f>
        <v>68.747</v>
      </c>
      <c r="B6899" s="3">
        <f>'CPT Data'!C6907</f>
        <v>68.739999999999995</v>
      </c>
      <c r="C6899" t="str">
        <f>'CPT Data'!P6907</f>
        <v>SAND</v>
      </c>
      <c r="D6899" t="e">
        <f>'CPT Data'!Q6907</f>
        <v>#N/A</v>
      </c>
      <c r="E6899" t="e">
        <f t="shared" si="108"/>
        <v>#N/A</v>
      </c>
      <c r="F6899" t="str">
        <f>IF(C6899="CLAY", INDEX(D$4:D6899, MATCH("CLAY", C$4:C6899, 0)), "")</f>
        <v/>
      </c>
    </row>
    <row r="6900" spans="1:6" x14ac:dyDescent="0.2">
      <c r="A6900" s="239">
        <f>'CPT Data'!B6908</f>
        <v>68.757999999999996</v>
      </c>
      <c r="B6900" s="3">
        <f>'CPT Data'!C6908</f>
        <v>68.750999999999991</v>
      </c>
      <c r="C6900" t="str">
        <f>'CPT Data'!P6908</f>
        <v>SAND</v>
      </c>
      <c r="D6900" t="e">
        <f>'CPT Data'!Q6908</f>
        <v>#N/A</v>
      </c>
      <c r="E6900" t="e">
        <f t="shared" si="108"/>
        <v>#N/A</v>
      </c>
      <c r="F6900" t="str">
        <f>IF(C6900="CLAY", INDEX(D$4:D6900, MATCH("CLAY", C$4:C6900, 0)), "")</f>
        <v/>
      </c>
    </row>
    <row r="6901" spans="1:6" x14ac:dyDescent="0.2">
      <c r="A6901" s="239">
        <f>'CPT Data'!B6909</f>
        <v>68.766999999999996</v>
      </c>
      <c r="B6901" s="3">
        <f>'CPT Data'!C6909</f>
        <v>68.759999999999991</v>
      </c>
      <c r="C6901" t="str">
        <f>'CPT Data'!P6909</f>
        <v>SAND</v>
      </c>
      <c r="D6901" t="e">
        <f>'CPT Data'!Q6909</f>
        <v>#N/A</v>
      </c>
      <c r="E6901" t="e">
        <f t="shared" si="108"/>
        <v>#N/A</v>
      </c>
      <c r="F6901" t="str">
        <f>IF(C6901="CLAY", INDEX(D$4:D6901, MATCH("CLAY", C$4:C6901, 0)), "")</f>
        <v/>
      </c>
    </row>
    <row r="6902" spans="1:6" x14ac:dyDescent="0.2">
      <c r="A6902" s="239">
        <f>'CPT Data'!B6910</f>
        <v>68.777000000000001</v>
      </c>
      <c r="B6902" s="3">
        <f>'CPT Data'!C6910</f>
        <v>68.77</v>
      </c>
      <c r="C6902" t="str">
        <f>'CPT Data'!P6910</f>
        <v>SAND</v>
      </c>
      <c r="D6902" t="e">
        <f>'CPT Data'!Q6910</f>
        <v>#N/A</v>
      </c>
      <c r="E6902" t="e">
        <f t="shared" si="108"/>
        <v>#N/A</v>
      </c>
      <c r="F6902" t="str">
        <f>IF(C6902="CLAY", INDEX(D$4:D6902, MATCH("CLAY", C$4:C6902, 0)), "")</f>
        <v/>
      </c>
    </row>
    <row r="6903" spans="1:6" x14ac:dyDescent="0.2">
      <c r="A6903" s="239">
        <f>'CPT Data'!B6911</f>
        <v>68.787999999999997</v>
      </c>
      <c r="B6903" s="3">
        <f>'CPT Data'!C6911</f>
        <v>68.780999999999992</v>
      </c>
      <c r="C6903" t="str">
        <f>'CPT Data'!P6911</f>
        <v>SAND</v>
      </c>
      <c r="D6903" t="e">
        <f>'CPT Data'!Q6911</f>
        <v>#N/A</v>
      </c>
      <c r="E6903" t="e">
        <f t="shared" si="108"/>
        <v>#N/A</v>
      </c>
      <c r="F6903" t="str">
        <f>IF(C6903="CLAY", INDEX(D$4:D6903, MATCH("CLAY", C$4:C6903, 0)), "")</f>
        <v/>
      </c>
    </row>
    <row r="6904" spans="1:6" x14ac:dyDescent="0.2">
      <c r="A6904" s="239">
        <f>'CPT Data'!B6912</f>
        <v>68.798000000000002</v>
      </c>
      <c r="B6904" s="3">
        <f>'CPT Data'!C6912</f>
        <v>68.790999999999997</v>
      </c>
      <c r="C6904" t="str">
        <f>'CPT Data'!P6912</f>
        <v>SAND</v>
      </c>
      <c r="D6904" t="e">
        <f>'CPT Data'!Q6912</f>
        <v>#N/A</v>
      </c>
      <c r="E6904" t="e">
        <f t="shared" si="108"/>
        <v>#N/A</v>
      </c>
      <c r="F6904" t="str">
        <f>IF(C6904="CLAY", INDEX(D$4:D6904, MATCH("CLAY", C$4:C6904, 0)), "")</f>
        <v/>
      </c>
    </row>
    <row r="6905" spans="1:6" x14ac:dyDescent="0.2">
      <c r="A6905" s="239">
        <f>'CPT Data'!B6913</f>
        <v>68.808999999999997</v>
      </c>
      <c r="B6905" s="3">
        <f>'CPT Data'!C6913</f>
        <v>68.801999999999992</v>
      </c>
      <c r="C6905" t="str">
        <f>'CPT Data'!P6913</f>
        <v>SAND</v>
      </c>
      <c r="D6905" t="e">
        <f>'CPT Data'!Q6913</f>
        <v>#N/A</v>
      </c>
      <c r="E6905" t="e">
        <f t="shared" si="108"/>
        <v>#N/A</v>
      </c>
      <c r="F6905" t="str">
        <f>IF(C6905="CLAY", INDEX(D$4:D6905, MATCH("CLAY", C$4:C6905, 0)), "")</f>
        <v/>
      </c>
    </row>
    <row r="6906" spans="1:6" x14ac:dyDescent="0.2">
      <c r="A6906" s="239">
        <f>'CPT Data'!B6914</f>
        <v>68.819000000000003</v>
      </c>
      <c r="B6906" s="3">
        <f>'CPT Data'!C6914</f>
        <v>68.811999999999998</v>
      </c>
      <c r="C6906" t="str">
        <f>'CPT Data'!P6914</f>
        <v>SAND</v>
      </c>
      <c r="D6906" t="e">
        <f>'CPT Data'!Q6914</f>
        <v>#N/A</v>
      </c>
      <c r="E6906" t="e">
        <f t="shared" si="108"/>
        <v>#N/A</v>
      </c>
      <c r="F6906" t="str">
        <f>IF(C6906="CLAY", INDEX(D$4:D6906, MATCH("CLAY", C$4:C6906, 0)), "")</f>
        <v/>
      </c>
    </row>
    <row r="6907" spans="1:6" x14ac:dyDescent="0.2">
      <c r="A6907" s="239">
        <f>'CPT Data'!B6915</f>
        <v>68.828999999999994</v>
      </c>
      <c r="B6907" s="3">
        <f>'CPT Data'!C6915</f>
        <v>68.821999999999989</v>
      </c>
      <c r="C6907" t="str">
        <f>'CPT Data'!P6915</f>
        <v>SAND</v>
      </c>
      <c r="D6907" t="e">
        <f>'CPT Data'!Q6915</f>
        <v>#N/A</v>
      </c>
      <c r="E6907" t="e">
        <f t="shared" si="108"/>
        <v>#N/A</v>
      </c>
      <c r="F6907" t="str">
        <f>IF(C6907="CLAY", INDEX(D$4:D6907, MATCH("CLAY", C$4:C6907, 0)), "")</f>
        <v/>
      </c>
    </row>
    <row r="6908" spans="1:6" x14ac:dyDescent="0.2">
      <c r="A6908" s="239">
        <f>'CPT Data'!B6916</f>
        <v>68.837999999999994</v>
      </c>
      <c r="B6908" s="3">
        <f>'CPT Data'!C6916</f>
        <v>68.830999999999989</v>
      </c>
      <c r="C6908" t="str">
        <f>'CPT Data'!P6916</f>
        <v>SAND</v>
      </c>
      <c r="D6908" t="e">
        <f>'CPT Data'!Q6916</f>
        <v>#N/A</v>
      </c>
      <c r="E6908" t="e">
        <f t="shared" si="108"/>
        <v>#N/A</v>
      </c>
      <c r="F6908" t="str">
        <f>IF(C6908="CLAY", INDEX(D$4:D6908, MATCH("CLAY", C$4:C6908, 0)), "")</f>
        <v/>
      </c>
    </row>
    <row r="6909" spans="1:6" x14ac:dyDescent="0.2">
      <c r="A6909" s="239">
        <f>'CPT Data'!B6917</f>
        <v>68.849000000000004</v>
      </c>
      <c r="B6909" s="3">
        <f>'CPT Data'!C6917</f>
        <v>68.841999999999999</v>
      </c>
      <c r="C6909" t="str">
        <f>'CPT Data'!P6917</f>
        <v>SAND</v>
      </c>
      <c r="D6909" t="e">
        <f>'CPT Data'!Q6917</f>
        <v>#N/A</v>
      </c>
      <c r="E6909" t="e">
        <f t="shared" si="108"/>
        <v>#N/A</v>
      </c>
      <c r="F6909" t="str">
        <f>IF(C6909="CLAY", INDEX(D$4:D6909, MATCH("CLAY", C$4:C6909, 0)), "")</f>
        <v/>
      </c>
    </row>
    <row r="6910" spans="1:6" x14ac:dyDescent="0.2">
      <c r="A6910" s="239">
        <f>'CPT Data'!B6918</f>
        <v>68.858999999999995</v>
      </c>
      <c r="B6910" s="3">
        <f>'CPT Data'!C6918</f>
        <v>68.85199999999999</v>
      </c>
      <c r="C6910" t="str">
        <f>'CPT Data'!P6918</f>
        <v>SAND</v>
      </c>
      <c r="D6910" t="e">
        <f>'CPT Data'!Q6918</f>
        <v>#N/A</v>
      </c>
      <c r="E6910" t="e">
        <f t="shared" si="108"/>
        <v>#N/A</v>
      </c>
      <c r="F6910" t="str">
        <f>IF(C6910="CLAY", INDEX(D$4:D6910, MATCH("CLAY", C$4:C6910, 0)), "")</f>
        <v/>
      </c>
    </row>
    <row r="6911" spans="1:6" x14ac:dyDescent="0.2">
      <c r="A6911" s="239">
        <f>'CPT Data'!B6919</f>
        <v>68.87</v>
      </c>
      <c r="B6911" s="3">
        <f>'CPT Data'!C6919</f>
        <v>68.863</v>
      </c>
      <c r="C6911" t="str">
        <f>'CPT Data'!P6919</f>
        <v>SAND</v>
      </c>
      <c r="D6911" t="e">
        <f>'CPT Data'!Q6919</f>
        <v>#N/A</v>
      </c>
      <c r="E6911" t="e">
        <f t="shared" si="108"/>
        <v>#N/A</v>
      </c>
      <c r="F6911" t="str">
        <f>IF(C6911="CLAY", INDEX(D$4:D6911, MATCH("CLAY", C$4:C6911, 0)), "")</f>
        <v/>
      </c>
    </row>
    <row r="6912" spans="1:6" x14ac:dyDescent="0.2">
      <c r="A6912" s="239">
        <f>'CPT Data'!B6920</f>
        <v>68.88</v>
      </c>
      <c r="B6912" s="3">
        <f>'CPT Data'!C6920</f>
        <v>68.87299999999999</v>
      </c>
      <c r="C6912" t="str">
        <f>'CPT Data'!P6920</f>
        <v>SAND</v>
      </c>
      <c r="D6912" t="e">
        <f>'CPT Data'!Q6920</f>
        <v>#N/A</v>
      </c>
      <c r="E6912" t="e">
        <f t="shared" si="108"/>
        <v>#N/A</v>
      </c>
      <c r="F6912" t="str">
        <f>IF(C6912="CLAY", INDEX(D$4:D6912, MATCH("CLAY", C$4:C6912, 0)), "")</f>
        <v/>
      </c>
    </row>
    <row r="6913" spans="1:6" x14ac:dyDescent="0.2">
      <c r="A6913" s="239">
        <f>'CPT Data'!B6921</f>
        <v>68.89</v>
      </c>
      <c r="B6913" s="3">
        <f>'CPT Data'!C6921</f>
        <v>68.882999999999996</v>
      </c>
      <c r="C6913" t="str">
        <f>'CPT Data'!P6921</f>
        <v>SAND</v>
      </c>
      <c r="D6913" t="e">
        <f>'CPT Data'!Q6921</f>
        <v>#N/A</v>
      </c>
      <c r="E6913" t="e">
        <f t="shared" si="108"/>
        <v>#N/A</v>
      </c>
      <c r="F6913" t="str">
        <f>IF(C6913="CLAY", INDEX(D$4:D6913, MATCH("CLAY", C$4:C6913, 0)), "")</f>
        <v/>
      </c>
    </row>
    <row r="6914" spans="1:6" x14ac:dyDescent="0.2">
      <c r="A6914" s="239">
        <f>'CPT Data'!B6922</f>
        <v>68.900999999999996</v>
      </c>
      <c r="B6914" s="3">
        <f>'CPT Data'!C6922</f>
        <v>68.893999999999991</v>
      </c>
      <c r="C6914" t="str">
        <f>'CPT Data'!P6922</f>
        <v>SAND</v>
      </c>
      <c r="D6914" t="e">
        <f>'CPT Data'!Q6922</f>
        <v>#N/A</v>
      </c>
      <c r="E6914" t="e">
        <f t="shared" si="108"/>
        <v>#N/A</v>
      </c>
      <c r="F6914" t="str">
        <f>IF(C6914="CLAY", INDEX(D$4:D6914, MATCH("CLAY", C$4:C6914, 0)), "")</f>
        <v/>
      </c>
    </row>
    <row r="6915" spans="1:6" x14ac:dyDescent="0.2">
      <c r="A6915" s="239">
        <f>'CPT Data'!B6923</f>
        <v>68.91</v>
      </c>
      <c r="B6915" s="3">
        <f>'CPT Data'!C6923</f>
        <v>68.902999999999992</v>
      </c>
      <c r="C6915" t="str">
        <f>'CPT Data'!P6923</f>
        <v>SAND</v>
      </c>
      <c r="D6915" t="e">
        <f>'CPT Data'!Q6923</f>
        <v>#N/A</v>
      </c>
      <c r="E6915" t="e">
        <f t="shared" si="108"/>
        <v>#N/A</v>
      </c>
      <c r="F6915" t="str">
        <f>IF(C6915="CLAY", INDEX(D$4:D6915, MATCH("CLAY", C$4:C6915, 0)), "")</f>
        <v/>
      </c>
    </row>
    <row r="6916" spans="1:6" x14ac:dyDescent="0.2">
      <c r="A6916" s="239">
        <f>'CPT Data'!B6924</f>
        <v>68.921000000000006</v>
      </c>
      <c r="B6916" s="3">
        <f>'CPT Data'!C6924</f>
        <v>68.914000000000001</v>
      </c>
      <c r="C6916" t="str">
        <f>'CPT Data'!P6924</f>
        <v>SAND</v>
      </c>
      <c r="D6916" t="e">
        <f>'CPT Data'!Q6924</f>
        <v>#N/A</v>
      </c>
      <c r="E6916" t="e">
        <f t="shared" si="108"/>
        <v>#N/A</v>
      </c>
      <c r="F6916" t="str">
        <f>IF(C6916="CLAY", INDEX(D$4:D6916, MATCH("CLAY", C$4:C6916, 0)), "")</f>
        <v/>
      </c>
    </row>
    <row r="6917" spans="1:6" x14ac:dyDescent="0.2">
      <c r="A6917" s="239">
        <f>'CPT Data'!B6925</f>
        <v>68.930000000000007</v>
      </c>
      <c r="B6917" s="3">
        <f>'CPT Data'!C6925</f>
        <v>68.923000000000002</v>
      </c>
      <c r="C6917" t="str">
        <f>'CPT Data'!P6925</f>
        <v>SAND</v>
      </c>
      <c r="D6917" t="e">
        <f>'CPT Data'!Q6925</f>
        <v>#N/A</v>
      </c>
      <c r="E6917" t="e">
        <f t="shared" si="108"/>
        <v>#N/A</v>
      </c>
      <c r="F6917" t="str">
        <f>IF(C6917="CLAY", INDEX(D$4:D6917, MATCH("CLAY", C$4:C6917, 0)), "")</f>
        <v/>
      </c>
    </row>
    <row r="6918" spans="1:6" x14ac:dyDescent="0.2">
      <c r="A6918" s="239">
        <f>'CPT Data'!B6926</f>
        <v>68.94</v>
      </c>
      <c r="B6918" s="3">
        <f>'CPT Data'!C6926</f>
        <v>68.932999999999993</v>
      </c>
      <c r="C6918" t="str">
        <f>'CPT Data'!P6926</f>
        <v>SAND</v>
      </c>
      <c r="D6918" t="e">
        <f>'CPT Data'!Q6926</f>
        <v>#N/A</v>
      </c>
      <c r="E6918" t="e">
        <f t="shared" si="108"/>
        <v>#N/A</v>
      </c>
      <c r="F6918" t="str">
        <f>IF(C6918="CLAY", INDEX(D$4:D6918, MATCH("CLAY", C$4:C6918, 0)), "")</f>
        <v/>
      </c>
    </row>
    <row r="6919" spans="1:6" x14ac:dyDescent="0.2">
      <c r="A6919" s="239">
        <f>'CPT Data'!B6927</f>
        <v>68.950999999999993</v>
      </c>
      <c r="B6919" s="3">
        <f>'CPT Data'!C6927</f>
        <v>68.943999999999988</v>
      </c>
      <c r="C6919" t="str">
        <f>'CPT Data'!P6927</f>
        <v>SAND</v>
      </c>
      <c r="D6919" t="e">
        <f>'CPT Data'!Q6927</f>
        <v>#N/A</v>
      </c>
      <c r="E6919" t="e">
        <f t="shared" si="108"/>
        <v>#N/A</v>
      </c>
      <c r="F6919" t="str">
        <f>IF(C6919="CLAY", INDEX(D$4:D6919, MATCH("CLAY", C$4:C6919, 0)), "")</f>
        <v/>
      </c>
    </row>
    <row r="6920" spans="1:6" x14ac:dyDescent="0.2">
      <c r="A6920" s="239">
        <f>'CPT Data'!B6928</f>
        <v>68.960999999999999</v>
      </c>
      <c r="B6920" s="3">
        <f>'CPT Data'!C6928</f>
        <v>68.953999999999994</v>
      </c>
      <c r="C6920" t="str">
        <f>'CPT Data'!P6928</f>
        <v>SAND</v>
      </c>
      <c r="D6920" t="e">
        <f>'CPT Data'!Q6928</f>
        <v>#N/A</v>
      </c>
      <c r="E6920" t="e">
        <f t="shared" si="108"/>
        <v>#N/A</v>
      </c>
      <c r="F6920" t="str">
        <f>IF(C6920="CLAY", INDEX(D$4:D6920, MATCH("CLAY", C$4:C6920, 0)), "")</f>
        <v/>
      </c>
    </row>
    <row r="6921" spans="1:6" x14ac:dyDescent="0.2">
      <c r="A6921" s="239">
        <f>'CPT Data'!B6929</f>
        <v>68.971000000000004</v>
      </c>
      <c r="B6921" s="3">
        <f>'CPT Data'!C6929</f>
        <v>68.963999999999999</v>
      </c>
      <c r="C6921" t="str">
        <f>'CPT Data'!P6929</f>
        <v>SAND</v>
      </c>
      <c r="D6921" t="e">
        <f>'CPT Data'!Q6929</f>
        <v>#N/A</v>
      </c>
      <c r="E6921" t="e">
        <f t="shared" si="108"/>
        <v>#N/A</v>
      </c>
      <c r="F6921" t="str">
        <f>IF(C6921="CLAY", INDEX(D$4:D6921, MATCH("CLAY", C$4:C6921, 0)), "")</f>
        <v/>
      </c>
    </row>
    <row r="6922" spans="1:6" x14ac:dyDescent="0.2">
      <c r="A6922" s="239">
        <f>'CPT Data'!B6930</f>
        <v>68.980999999999995</v>
      </c>
      <c r="B6922" s="3">
        <f>'CPT Data'!C6930</f>
        <v>68.97399999999999</v>
      </c>
      <c r="C6922" t="str">
        <f>'CPT Data'!P6930</f>
        <v>SAND</v>
      </c>
      <c r="D6922" t="e">
        <f>'CPT Data'!Q6930</f>
        <v>#N/A</v>
      </c>
      <c r="E6922" t="e">
        <f t="shared" si="108"/>
        <v>#N/A</v>
      </c>
      <c r="F6922" t="str">
        <f>IF(C6922="CLAY", INDEX(D$4:D6922, MATCH("CLAY", C$4:C6922, 0)), "")</f>
        <v/>
      </c>
    </row>
    <row r="6923" spans="1:6" x14ac:dyDescent="0.2">
      <c r="A6923" s="239">
        <f>'CPT Data'!B6931</f>
        <v>68.989999999999995</v>
      </c>
      <c r="B6923" s="3">
        <f>'CPT Data'!C6931</f>
        <v>68.98299999999999</v>
      </c>
      <c r="C6923" t="str">
        <f>'CPT Data'!P6931</f>
        <v>SAND</v>
      </c>
      <c r="D6923" t="e">
        <f>'CPT Data'!Q6931</f>
        <v>#N/A</v>
      </c>
      <c r="E6923" t="e">
        <f t="shared" si="108"/>
        <v>#N/A</v>
      </c>
      <c r="F6923" t="str">
        <f>IF(C6923="CLAY", INDEX(D$4:D6923, MATCH("CLAY", C$4:C6923, 0)), "")</f>
        <v/>
      </c>
    </row>
    <row r="6924" spans="1:6" x14ac:dyDescent="0.2">
      <c r="A6924" s="239">
        <f>'CPT Data'!B6932</f>
        <v>68.998999999999995</v>
      </c>
      <c r="B6924" s="3">
        <f>'CPT Data'!C6932</f>
        <v>68.99199999999999</v>
      </c>
      <c r="C6924" t="str">
        <f>'CPT Data'!P6932</f>
        <v>SAND</v>
      </c>
      <c r="D6924" t="e">
        <f>'CPT Data'!Q6932</f>
        <v>#N/A</v>
      </c>
      <c r="E6924" t="e">
        <f t="shared" si="108"/>
        <v>#N/A</v>
      </c>
      <c r="F6924" t="str">
        <f>IF(C6924="CLAY", INDEX(D$4:D6924, MATCH("CLAY", C$4:C6924, 0)), "")</f>
        <v/>
      </c>
    </row>
    <row r="6925" spans="1:6" x14ac:dyDescent="0.2">
      <c r="A6925" s="239">
        <f>'CPT Data'!B6933</f>
        <v>69.009</v>
      </c>
      <c r="B6925" s="3">
        <f>'CPT Data'!C6933</f>
        <v>69.001999999999995</v>
      </c>
      <c r="C6925" t="str">
        <f>'CPT Data'!P6933</f>
        <v>SAND</v>
      </c>
      <c r="D6925" t="e">
        <f>'CPT Data'!Q6933</f>
        <v>#N/A</v>
      </c>
      <c r="E6925" t="e">
        <f t="shared" si="108"/>
        <v>#N/A</v>
      </c>
      <c r="F6925" t="str">
        <f>IF(C6925="CLAY", INDEX(D$4:D6925, MATCH("CLAY", C$4:C6925, 0)), "")</f>
        <v/>
      </c>
    </row>
    <row r="6926" spans="1:6" x14ac:dyDescent="0.2">
      <c r="A6926" s="239">
        <f>'CPT Data'!B6934</f>
        <v>69.019000000000005</v>
      </c>
      <c r="B6926" s="3">
        <f>'CPT Data'!C6934</f>
        <v>69.012</v>
      </c>
      <c r="C6926" t="str">
        <f>'CPT Data'!P6934</f>
        <v>SAND</v>
      </c>
      <c r="D6926" t="e">
        <f>'CPT Data'!Q6934</f>
        <v>#N/A</v>
      </c>
      <c r="E6926" t="e">
        <f t="shared" si="108"/>
        <v>#N/A</v>
      </c>
      <c r="F6926" t="str">
        <f>IF(C6926="CLAY", INDEX(D$4:D6926, MATCH("CLAY", C$4:C6926, 0)), "")</f>
        <v/>
      </c>
    </row>
    <row r="6927" spans="1:6" x14ac:dyDescent="0.2">
      <c r="A6927" s="239">
        <f>'CPT Data'!B6935</f>
        <v>69.028999999999996</v>
      </c>
      <c r="B6927" s="3">
        <f>'CPT Data'!C6935</f>
        <v>69.021999999999991</v>
      </c>
      <c r="C6927" t="str">
        <f>'CPT Data'!P6935</f>
        <v>SAND</v>
      </c>
      <c r="D6927" t="e">
        <f>'CPT Data'!Q6935</f>
        <v>#N/A</v>
      </c>
      <c r="E6927" t="e">
        <f t="shared" si="108"/>
        <v>#N/A</v>
      </c>
      <c r="F6927" t="str">
        <f>IF(C6927="CLAY", INDEX(D$4:D6927, MATCH("CLAY", C$4:C6927, 0)), "")</f>
        <v/>
      </c>
    </row>
    <row r="6928" spans="1:6" x14ac:dyDescent="0.2">
      <c r="A6928" s="239">
        <f>'CPT Data'!B6936</f>
        <v>69.040000000000006</v>
      </c>
      <c r="B6928" s="3">
        <f>'CPT Data'!C6936</f>
        <v>69.033000000000001</v>
      </c>
      <c r="C6928" t="str">
        <f>'CPT Data'!P6936</f>
        <v>SAND</v>
      </c>
      <c r="D6928" t="e">
        <f>'CPT Data'!Q6936</f>
        <v>#N/A</v>
      </c>
      <c r="E6928" t="e">
        <f t="shared" si="108"/>
        <v>#N/A</v>
      </c>
      <c r="F6928" t="str">
        <f>IF(C6928="CLAY", INDEX(D$4:D6928, MATCH("CLAY", C$4:C6928, 0)), "")</f>
        <v/>
      </c>
    </row>
    <row r="6929" spans="1:6" x14ac:dyDescent="0.2">
      <c r="A6929" s="239">
        <f>'CPT Data'!B6937</f>
        <v>69.05</v>
      </c>
      <c r="B6929" s="3">
        <f>'CPT Data'!C6937</f>
        <v>69.042999999999992</v>
      </c>
      <c r="C6929" t="str">
        <f>'CPT Data'!P6937</f>
        <v>SAND</v>
      </c>
      <c r="D6929" t="e">
        <f>'CPT Data'!Q6937</f>
        <v>#N/A</v>
      </c>
      <c r="E6929" t="e">
        <f t="shared" si="108"/>
        <v>#N/A</v>
      </c>
      <c r="F6929" t="str">
        <f>IF(C6929="CLAY", INDEX(D$4:D6929, MATCH("CLAY", C$4:C6929, 0)), "")</f>
        <v/>
      </c>
    </row>
    <row r="6930" spans="1:6" x14ac:dyDescent="0.2">
      <c r="A6930" s="239">
        <f>'CPT Data'!B6938</f>
        <v>69.06</v>
      </c>
      <c r="B6930" s="3">
        <f>'CPT Data'!C6938</f>
        <v>69.052999999999997</v>
      </c>
      <c r="C6930" t="str">
        <f>'CPT Data'!P6938</f>
        <v>SAND</v>
      </c>
      <c r="D6930" t="e">
        <f>'CPT Data'!Q6938</f>
        <v>#N/A</v>
      </c>
      <c r="E6930" t="e">
        <f t="shared" si="108"/>
        <v>#N/A</v>
      </c>
      <c r="F6930" t="str">
        <f>IF(C6930="CLAY", INDEX(D$4:D6930, MATCH("CLAY", C$4:C6930, 0)), "")</f>
        <v/>
      </c>
    </row>
    <row r="6931" spans="1:6" x14ac:dyDescent="0.2">
      <c r="A6931" s="239">
        <f>'CPT Data'!B6939</f>
        <v>69.069999999999993</v>
      </c>
      <c r="B6931" s="3">
        <f>'CPT Data'!C6939</f>
        <v>69.062999999999988</v>
      </c>
      <c r="C6931" t="str">
        <f>'CPT Data'!P6939</f>
        <v>SAND</v>
      </c>
      <c r="D6931" t="e">
        <f>'CPT Data'!Q6939</f>
        <v>#N/A</v>
      </c>
      <c r="E6931" t="e">
        <f t="shared" si="108"/>
        <v>#N/A</v>
      </c>
      <c r="F6931" t="str">
        <f>IF(C6931="CLAY", INDEX(D$4:D6931, MATCH("CLAY", C$4:C6931, 0)), "")</f>
        <v/>
      </c>
    </row>
    <row r="6932" spans="1:6" x14ac:dyDescent="0.2">
      <c r="A6932" s="239">
        <f>'CPT Data'!B6940</f>
        <v>69.081000000000003</v>
      </c>
      <c r="B6932" s="3">
        <f>'CPT Data'!C6940</f>
        <v>69.073999999999998</v>
      </c>
      <c r="C6932" t="str">
        <f>'CPT Data'!P6940</f>
        <v>SAND</v>
      </c>
      <c r="D6932" t="e">
        <f>'CPT Data'!Q6940</f>
        <v>#N/A</v>
      </c>
      <c r="E6932" t="e">
        <f t="shared" si="108"/>
        <v>#N/A</v>
      </c>
      <c r="F6932" t="str">
        <f>IF(C6932="CLAY", INDEX(D$4:D6932, MATCH("CLAY", C$4:C6932, 0)), "")</f>
        <v/>
      </c>
    </row>
    <row r="6933" spans="1:6" x14ac:dyDescent="0.2">
      <c r="A6933" s="239">
        <f>'CPT Data'!B6941</f>
        <v>69.090999999999994</v>
      </c>
      <c r="B6933" s="3">
        <f>'CPT Data'!C6941</f>
        <v>69.083999999999989</v>
      </c>
      <c r="C6933" t="str">
        <f>'CPT Data'!P6941</f>
        <v>SAND</v>
      </c>
      <c r="D6933" t="e">
        <f>'CPT Data'!Q6941</f>
        <v>#N/A</v>
      </c>
      <c r="E6933" t="e">
        <f t="shared" si="108"/>
        <v>#N/A</v>
      </c>
      <c r="F6933" t="str">
        <f>IF(C6933="CLAY", INDEX(D$4:D6933, MATCH("CLAY", C$4:C6933, 0)), "")</f>
        <v/>
      </c>
    </row>
    <row r="6934" spans="1:6" x14ac:dyDescent="0.2">
      <c r="A6934" s="239">
        <f>'CPT Data'!B6942</f>
        <v>69.100999999999999</v>
      </c>
      <c r="B6934" s="3">
        <f>'CPT Data'!C6942</f>
        <v>69.093999999999994</v>
      </c>
      <c r="C6934" t="str">
        <f>'CPT Data'!P6942</f>
        <v>SAND</v>
      </c>
      <c r="D6934" t="e">
        <f>'CPT Data'!Q6942</f>
        <v>#N/A</v>
      </c>
      <c r="E6934" t="e">
        <f t="shared" si="108"/>
        <v>#N/A</v>
      </c>
      <c r="F6934" t="str">
        <f>IF(C6934="CLAY", INDEX(D$4:D6934, MATCH("CLAY", C$4:C6934, 0)), "")</f>
        <v/>
      </c>
    </row>
    <row r="6935" spans="1:6" x14ac:dyDescent="0.2">
      <c r="A6935" s="239">
        <f>'CPT Data'!B6943</f>
        <v>69.111999999999995</v>
      </c>
      <c r="B6935" s="3">
        <f>'CPT Data'!C6943</f>
        <v>69.10499999999999</v>
      </c>
      <c r="C6935" t="str">
        <f>'CPT Data'!P6943</f>
        <v>SAND</v>
      </c>
      <c r="D6935" t="e">
        <f>'CPT Data'!Q6943</f>
        <v>#N/A</v>
      </c>
      <c r="E6935" t="e">
        <f t="shared" si="108"/>
        <v>#N/A</v>
      </c>
      <c r="F6935" t="str">
        <f>IF(C6935="CLAY", INDEX(D$4:D6935, MATCH("CLAY", C$4:C6935, 0)), "")</f>
        <v/>
      </c>
    </row>
    <row r="6936" spans="1:6" x14ac:dyDescent="0.2">
      <c r="A6936" s="239">
        <f>'CPT Data'!B6944</f>
        <v>69.122</v>
      </c>
      <c r="B6936" s="3">
        <f>'CPT Data'!C6944</f>
        <v>69.114999999999995</v>
      </c>
      <c r="C6936" t="str">
        <f>'CPT Data'!P6944</f>
        <v>SAND</v>
      </c>
      <c r="D6936" t="e">
        <f>'CPT Data'!Q6944</f>
        <v>#N/A</v>
      </c>
      <c r="E6936" t="e">
        <f t="shared" si="108"/>
        <v>#N/A</v>
      </c>
      <c r="F6936" t="str">
        <f>IF(C6936="CLAY", INDEX(D$4:D6936, MATCH("CLAY", C$4:C6936, 0)), "")</f>
        <v/>
      </c>
    </row>
    <row r="6937" spans="1:6" x14ac:dyDescent="0.2">
      <c r="A6937" s="239">
        <f>'CPT Data'!B6945</f>
        <v>69.132000000000005</v>
      </c>
      <c r="B6937" s="3">
        <f>'CPT Data'!C6945</f>
        <v>69.125</v>
      </c>
      <c r="C6937" t="str">
        <f>'CPT Data'!P6945</f>
        <v>SAND</v>
      </c>
      <c r="D6937" t="e">
        <f>'CPT Data'!Q6945</f>
        <v>#N/A</v>
      </c>
      <c r="E6937" t="e">
        <f t="shared" si="108"/>
        <v>#N/A</v>
      </c>
      <c r="F6937" t="str">
        <f>IF(C6937="CLAY", INDEX(D$4:D6937, MATCH("CLAY", C$4:C6937, 0)), "")</f>
        <v/>
      </c>
    </row>
    <row r="6938" spans="1:6" x14ac:dyDescent="0.2">
      <c r="A6938" s="239">
        <f>'CPT Data'!B6946</f>
        <v>69.141999999999996</v>
      </c>
      <c r="B6938" s="3">
        <f>'CPT Data'!C6946</f>
        <v>69.134999999999991</v>
      </c>
      <c r="C6938" t="str">
        <f>'CPT Data'!P6946</f>
        <v>SAND</v>
      </c>
      <c r="D6938" t="e">
        <f>'CPT Data'!Q6946</f>
        <v>#N/A</v>
      </c>
      <c r="E6938" t="e">
        <f t="shared" si="108"/>
        <v>#N/A</v>
      </c>
      <c r="F6938" t="str">
        <f>IF(C6938="CLAY", INDEX(D$4:D6938, MATCH("CLAY", C$4:C6938, 0)), "")</f>
        <v/>
      </c>
    </row>
    <row r="6939" spans="1:6" x14ac:dyDescent="0.2">
      <c r="A6939" s="239">
        <f>'CPT Data'!B6947</f>
        <v>69.153000000000006</v>
      </c>
      <c r="B6939" s="3">
        <f>'CPT Data'!C6947</f>
        <v>69.146000000000001</v>
      </c>
      <c r="C6939" t="str">
        <f>'CPT Data'!P6947</f>
        <v>SAND</v>
      </c>
      <c r="D6939" t="e">
        <f>'CPT Data'!Q6947</f>
        <v>#N/A</v>
      </c>
      <c r="E6939" t="e">
        <f t="shared" ref="E6939:E7002" si="109">IF(C6939="SAND",#N/A,IF(C6939=C6938,D6938,IF(C6939="CLAY",D6939,#N/A)))</f>
        <v>#N/A</v>
      </c>
      <c r="F6939" t="str">
        <f>IF(C6939="CLAY", INDEX(D$4:D6939, MATCH("CLAY", C$4:C6939, 0)), "")</f>
        <v/>
      </c>
    </row>
    <row r="6940" spans="1:6" x14ac:dyDescent="0.2">
      <c r="A6940" s="239">
        <f>'CPT Data'!B6948</f>
        <v>69.162999999999997</v>
      </c>
      <c r="B6940" s="3">
        <f>'CPT Data'!C6948</f>
        <v>69.155999999999992</v>
      </c>
      <c r="C6940" t="str">
        <f>'CPT Data'!P6948</f>
        <v>SAND</v>
      </c>
      <c r="D6940" t="e">
        <f>'CPT Data'!Q6948</f>
        <v>#N/A</v>
      </c>
      <c r="E6940" t="e">
        <f t="shared" si="109"/>
        <v>#N/A</v>
      </c>
      <c r="F6940" t="str">
        <f>IF(C6940="CLAY", INDEX(D$4:D6940, MATCH("CLAY", C$4:C6940, 0)), "")</f>
        <v/>
      </c>
    </row>
    <row r="6941" spans="1:6" x14ac:dyDescent="0.2">
      <c r="A6941" s="239">
        <f>'CPT Data'!B6949</f>
        <v>69.171999999999997</v>
      </c>
      <c r="B6941" s="3">
        <f>'CPT Data'!C6949</f>
        <v>69.164999999999992</v>
      </c>
      <c r="C6941" t="str">
        <f>'CPT Data'!P6949</f>
        <v>SAND</v>
      </c>
      <c r="D6941" t="e">
        <f>'CPT Data'!Q6949</f>
        <v>#N/A</v>
      </c>
      <c r="E6941" t="e">
        <f t="shared" si="109"/>
        <v>#N/A</v>
      </c>
      <c r="F6941" t="str">
        <f>IF(C6941="CLAY", INDEX(D$4:D6941, MATCH("CLAY", C$4:C6941, 0)), "")</f>
        <v/>
      </c>
    </row>
    <row r="6942" spans="1:6" x14ac:dyDescent="0.2">
      <c r="A6942" s="239">
        <f>'CPT Data'!B6950</f>
        <v>69.183999999999997</v>
      </c>
      <c r="B6942" s="3">
        <f>'CPT Data'!C6950</f>
        <v>69.176999999999992</v>
      </c>
      <c r="C6942" t="str">
        <f>'CPT Data'!P6950</f>
        <v>SAND</v>
      </c>
      <c r="D6942" t="e">
        <f>'CPT Data'!Q6950</f>
        <v>#N/A</v>
      </c>
      <c r="E6942" t="e">
        <f t="shared" si="109"/>
        <v>#N/A</v>
      </c>
      <c r="F6942" t="str">
        <f>IF(C6942="CLAY", INDEX(D$4:D6942, MATCH("CLAY", C$4:C6942, 0)), "")</f>
        <v/>
      </c>
    </row>
    <row r="6943" spans="1:6" x14ac:dyDescent="0.2">
      <c r="A6943" s="239">
        <f>'CPT Data'!B6951</f>
        <v>69.192999999999998</v>
      </c>
      <c r="B6943" s="3">
        <f>'CPT Data'!C6951</f>
        <v>69.185999999999993</v>
      </c>
      <c r="C6943" t="str">
        <f>'CPT Data'!P6951</f>
        <v>SAND</v>
      </c>
      <c r="D6943" t="e">
        <f>'CPT Data'!Q6951</f>
        <v>#N/A</v>
      </c>
      <c r="E6943" t="e">
        <f t="shared" si="109"/>
        <v>#N/A</v>
      </c>
      <c r="F6943" t="str">
        <f>IF(C6943="CLAY", INDEX(D$4:D6943, MATCH("CLAY", C$4:C6943, 0)), "")</f>
        <v/>
      </c>
    </row>
    <row r="6944" spans="1:6" x14ac:dyDescent="0.2">
      <c r="A6944" s="239">
        <f>'CPT Data'!B6952</f>
        <v>69.203999999999994</v>
      </c>
      <c r="B6944" s="3">
        <f>'CPT Data'!C6952</f>
        <v>69.196999999999989</v>
      </c>
      <c r="C6944" t="str">
        <f>'CPT Data'!P6952</f>
        <v>SAND</v>
      </c>
      <c r="D6944" t="e">
        <f>'CPT Data'!Q6952</f>
        <v>#N/A</v>
      </c>
      <c r="E6944" t="e">
        <f t="shared" si="109"/>
        <v>#N/A</v>
      </c>
      <c r="F6944" t="str">
        <f>IF(C6944="CLAY", INDEX(D$4:D6944, MATCH("CLAY", C$4:C6944, 0)), "")</f>
        <v/>
      </c>
    </row>
    <row r="6945" spans="1:6" x14ac:dyDescent="0.2">
      <c r="A6945" s="239">
        <f>'CPT Data'!B6953</f>
        <v>69.213999999999999</v>
      </c>
      <c r="B6945" s="3">
        <f>'CPT Data'!C6953</f>
        <v>69.206999999999994</v>
      </c>
      <c r="C6945" t="str">
        <f>'CPT Data'!P6953</f>
        <v>SAND</v>
      </c>
      <c r="D6945" t="e">
        <f>'CPT Data'!Q6953</f>
        <v>#N/A</v>
      </c>
      <c r="E6945" t="e">
        <f t="shared" si="109"/>
        <v>#N/A</v>
      </c>
      <c r="F6945" t="str">
        <f>IF(C6945="CLAY", INDEX(D$4:D6945, MATCH("CLAY", C$4:C6945, 0)), "")</f>
        <v/>
      </c>
    </row>
    <row r="6946" spans="1:6" x14ac:dyDescent="0.2">
      <c r="A6946" s="239">
        <f>'CPT Data'!B6954</f>
        <v>69.222999999999999</v>
      </c>
      <c r="B6946" s="3">
        <f>'CPT Data'!C6954</f>
        <v>69.215999999999994</v>
      </c>
      <c r="C6946" t="str">
        <f>'CPT Data'!P6954</f>
        <v>SAND</v>
      </c>
      <c r="D6946" t="e">
        <f>'CPT Data'!Q6954</f>
        <v>#N/A</v>
      </c>
      <c r="E6946" t="e">
        <f t="shared" si="109"/>
        <v>#N/A</v>
      </c>
      <c r="F6946" t="str">
        <f>IF(C6946="CLAY", INDEX(D$4:D6946, MATCH("CLAY", C$4:C6946, 0)), "")</f>
        <v/>
      </c>
    </row>
    <row r="6947" spans="1:6" x14ac:dyDescent="0.2">
      <c r="A6947" s="239">
        <f>'CPT Data'!B6955</f>
        <v>69.233999999999995</v>
      </c>
      <c r="B6947" s="3">
        <f>'CPT Data'!C6955</f>
        <v>69.22699999999999</v>
      </c>
      <c r="C6947" t="str">
        <f>'CPT Data'!P6955</f>
        <v>SAND</v>
      </c>
      <c r="D6947" t="e">
        <f>'CPT Data'!Q6955</f>
        <v>#N/A</v>
      </c>
      <c r="E6947" t="e">
        <f t="shared" si="109"/>
        <v>#N/A</v>
      </c>
      <c r="F6947" t="str">
        <f>IF(C6947="CLAY", INDEX(D$4:D6947, MATCH("CLAY", C$4:C6947, 0)), "")</f>
        <v/>
      </c>
    </row>
    <row r="6948" spans="1:6" x14ac:dyDescent="0.2">
      <c r="A6948" s="239">
        <f>'CPT Data'!B6956</f>
        <v>69.244</v>
      </c>
      <c r="B6948" s="3">
        <f>'CPT Data'!C6956</f>
        <v>69.236999999999995</v>
      </c>
      <c r="C6948" t="str">
        <f>'CPT Data'!P6956</f>
        <v>SAND</v>
      </c>
      <c r="D6948" t="e">
        <f>'CPT Data'!Q6956</f>
        <v>#N/A</v>
      </c>
      <c r="E6948" t="e">
        <f t="shared" si="109"/>
        <v>#N/A</v>
      </c>
      <c r="F6948" t="str">
        <f>IF(C6948="CLAY", INDEX(D$4:D6948, MATCH("CLAY", C$4:C6948, 0)), "")</f>
        <v/>
      </c>
    </row>
    <row r="6949" spans="1:6" x14ac:dyDescent="0.2">
      <c r="A6949" s="239">
        <f>'CPT Data'!B6957</f>
        <v>69.254000000000005</v>
      </c>
      <c r="B6949" s="3">
        <f>'CPT Data'!C6957</f>
        <v>69.247</v>
      </c>
      <c r="C6949" t="str">
        <f>'CPT Data'!P6957</f>
        <v>SAND</v>
      </c>
      <c r="D6949" t="e">
        <f>'CPT Data'!Q6957</f>
        <v>#N/A</v>
      </c>
      <c r="E6949" t="e">
        <f t="shared" si="109"/>
        <v>#N/A</v>
      </c>
      <c r="F6949" t="str">
        <f>IF(C6949="CLAY", INDEX(D$4:D6949, MATCH("CLAY", C$4:C6949, 0)), "")</f>
        <v/>
      </c>
    </row>
    <row r="6950" spans="1:6" x14ac:dyDescent="0.2">
      <c r="A6950" s="239">
        <f>'CPT Data'!B6958</f>
        <v>69.263000000000005</v>
      </c>
      <c r="B6950" s="3">
        <f>'CPT Data'!C6958</f>
        <v>69.256</v>
      </c>
      <c r="C6950" t="str">
        <f>'CPT Data'!P6958</f>
        <v>SAND</v>
      </c>
      <c r="D6950" t="e">
        <f>'CPT Data'!Q6958</f>
        <v>#N/A</v>
      </c>
      <c r="E6950" t="e">
        <f t="shared" si="109"/>
        <v>#N/A</v>
      </c>
      <c r="F6950" t="str">
        <f>IF(C6950="CLAY", INDEX(D$4:D6950, MATCH("CLAY", C$4:C6950, 0)), "")</f>
        <v/>
      </c>
    </row>
    <row r="6951" spans="1:6" x14ac:dyDescent="0.2">
      <c r="A6951" s="239">
        <f>'CPT Data'!B6959</f>
        <v>69.274000000000001</v>
      </c>
      <c r="B6951" s="3">
        <f>'CPT Data'!C6959</f>
        <v>69.266999999999996</v>
      </c>
      <c r="C6951" t="str">
        <f>'CPT Data'!P6959</f>
        <v>SAND</v>
      </c>
      <c r="D6951" t="e">
        <f>'CPT Data'!Q6959</f>
        <v>#N/A</v>
      </c>
      <c r="E6951" t="e">
        <f t="shared" si="109"/>
        <v>#N/A</v>
      </c>
      <c r="F6951" t="str">
        <f>IF(C6951="CLAY", INDEX(D$4:D6951, MATCH("CLAY", C$4:C6951, 0)), "")</f>
        <v/>
      </c>
    </row>
    <row r="6952" spans="1:6" x14ac:dyDescent="0.2">
      <c r="A6952" s="239">
        <f>'CPT Data'!B6960</f>
        <v>69.284999999999997</v>
      </c>
      <c r="B6952" s="3">
        <f>'CPT Data'!C6960</f>
        <v>69.277999999999992</v>
      </c>
      <c r="C6952" t="str">
        <f>'CPT Data'!P6960</f>
        <v>SAND</v>
      </c>
      <c r="D6952" t="e">
        <f>'CPT Data'!Q6960</f>
        <v>#N/A</v>
      </c>
      <c r="E6952" t="e">
        <f t="shared" si="109"/>
        <v>#N/A</v>
      </c>
      <c r="F6952" t="str">
        <f>IF(C6952="CLAY", INDEX(D$4:D6952, MATCH("CLAY", C$4:C6952, 0)), "")</f>
        <v/>
      </c>
    </row>
    <row r="6953" spans="1:6" x14ac:dyDescent="0.2">
      <c r="A6953" s="239">
        <f>'CPT Data'!B6961</f>
        <v>69.293999999999997</v>
      </c>
      <c r="B6953" s="3">
        <f>'CPT Data'!C6961</f>
        <v>69.286999999999992</v>
      </c>
      <c r="C6953" t="str">
        <f>'CPT Data'!P6961</f>
        <v>SAND</v>
      </c>
      <c r="D6953" t="e">
        <f>'CPT Data'!Q6961</f>
        <v>#N/A</v>
      </c>
      <c r="E6953" t="e">
        <f t="shared" si="109"/>
        <v>#N/A</v>
      </c>
      <c r="F6953" t="str">
        <f>IF(C6953="CLAY", INDEX(D$4:D6953, MATCH("CLAY", C$4:C6953, 0)), "")</f>
        <v/>
      </c>
    </row>
    <row r="6954" spans="1:6" x14ac:dyDescent="0.2">
      <c r="A6954" s="239">
        <f>'CPT Data'!B6962</f>
        <v>69.304000000000002</v>
      </c>
      <c r="B6954" s="3">
        <f>'CPT Data'!C6962</f>
        <v>69.296999999999997</v>
      </c>
      <c r="C6954" t="str">
        <f>'CPT Data'!P6962</f>
        <v>SAND</v>
      </c>
      <c r="D6954" t="e">
        <f>'CPT Data'!Q6962</f>
        <v>#N/A</v>
      </c>
      <c r="E6954" t="e">
        <f t="shared" si="109"/>
        <v>#N/A</v>
      </c>
      <c r="F6954" t="str">
        <f>IF(C6954="CLAY", INDEX(D$4:D6954, MATCH("CLAY", C$4:C6954, 0)), "")</f>
        <v/>
      </c>
    </row>
    <row r="6955" spans="1:6" x14ac:dyDescent="0.2">
      <c r="A6955" s="239">
        <f>'CPT Data'!B6963</f>
        <v>69.313999999999993</v>
      </c>
      <c r="B6955" s="3">
        <f>'CPT Data'!C6963</f>
        <v>69.306999999999988</v>
      </c>
      <c r="C6955" t="str">
        <f>'CPT Data'!P6963</f>
        <v>SAND</v>
      </c>
      <c r="D6955" t="e">
        <f>'CPT Data'!Q6963</f>
        <v>#N/A</v>
      </c>
      <c r="E6955" t="e">
        <f t="shared" si="109"/>
        <v>#N/A</v>
      </c>
      <c r="F6955" t="str">
        <f>IF(C6955="CLAY", INDEX(D$4:D6955, MATCH("CLAY", C$4:C6955, 0)), "")</f>
        <v/>
      </c>
    </row>
    <row r="6956" spans="1:6" x14ac:dyDescent="0.2">
      <c r="A6956" s="239">
        <f>'CPT Data'!B6964</f>
        <v>69.323999999999998</v>
      </c>
      <c r="B6956" s="3">
        <f>'CPT Data'!C6964</f>
        <v>69.316999999999993</v>
      </c>
      <c r="C6956" t="str">
        <f>'CPT Data'!P6964</f>
        <v>SAND</v>
      </c>
      <c r="D6956" t="e">
        <f>'CPT Data'!Q6964</f>
        <v>#N/A</v>
      </c>
      <c r="E6956" t="e">
        <f t="shared" si="109"/>
        <v>#N/A</v>
      </c>
      <c r="F6956" t="str">
        <f>IF(C6956="CLAY", INDEX(D$4:D6956, MATCH("CLAY", C$4:C6956, 0)), "")</f>
        <v/>
      </c>
    </row>
    <row r="6957" spans="1:6" x14ac:dyDescent="0.2">
      <c r="A6957" s="239">
        <f>'CPT Data'!B6965</f>
        <v>69.332999999999998</v>
      </c>
      <c r="B6957" s="3">
        <f>'CPT Data'!C6965</f>
        <v>69.325999999999993</v>
      </c>
      <c r="C6957" t="str">
        <f>'CPT Data'!P6965</f>
        <v>SAND</v>
      </c>
      <c r="D6957" t="e">
        <f>'CPT Data'!Q6965</f>
        <v>#N/A</v>
      </c>
      <c r="E6957" t="e">
        <f t="shared" si="109"/>
        <v>#N/A</v>
      </c>
      <c r="F6957" t="str">
        <f>IF(C6957="CLAY", INDEX(D$4:D6957, MATCH("CLAY", C$4:C6957, 0)), "")</f>
        <v/>
      </c>
    </row>
    <row r="6958" spans="1:6" x14ac:dyDescent="0.2">
      <c r="A6958" s="239">
        <f>'CPT Data'!B6966</f>
        <v>69.343999999999994</v>
      </c>
      <c r="B6958" s="3">
        <f>'CPT Data'!C6966</f>
        <v>69.336999999999989</v>
      </c>
      <c r="C6958" t="str">
        <f>'CPT Data'!P6966</f>
        <v>SAND</v>
      </c>
      <c r="D6958" t="e">
        <f>'CPT Data'!Q6966</f>
        <v>#N/A</v>
      </c>
      <c r="E6958" t="e">
        <f t="shared" si="109"/>
        <v>#N/A</v>
      </c>
      <c r="F6958" t="str">
        <f>IF(C6958="CLAY", INDEX(D$4:D6958, MATCH("CLAY", C$4:C6958, 0)), "")</f>
        <v/>
      </c>
    </row>
    <row r="6959" spans="1:6" x14ac:dyDescent="0.2">
      <c r="A6959" s="239">
        <f>'CPT Data'!B6967</f>
        <v>69.353999999999999</v>
      </c>
      <c r="B6959" s="3">
        <f>'CPT Data'!C6967</f>
        <v>69.346999999999994</v>
      </c>
      <c r="C6959" t="str">
        <f>'CPT Data'!P6967</f>
        <v>SAND</v>
      </c>
      <c r="D6959" t="e">
        <f>'CPT Data'!Q6967</f>
        <v>#N/A</v>
      </c>
      <c r="E6959" t="e">
        <f t="shared" si="109"/>
        <v>#N/A</v>
      </c>
      <c r="F6959" t="str">
        <f>IF(C6959="CLAY", INDEX(D$4:D6959, MATCH("CLAY", C$4:C6959, 0)), "")</f>
        <v/>
      </c>
    </row>
    <row r="6960" spans="1:6" x14ac:dyDescent="0.2">
      <c r="A6960" s="239">
        <f>'CPT Data'!B6968</f>
        <v>69.364000000000004</v>
      </c>
      <c r="B6960" s="3">
        <f>'CPT Data'!C6968</f>
        <v>69.356999999999999</v>
      </c>
      <c r="C6960" t="str">
        <f>'CPT Data'!P6968</f>
        <v>SAND</v>
      </c>
      <c r="D6960" t="e">
        <f>'CPT Data'!Q6968</f>
        <v>#N/A</v>
      </c>
      <c r="E6960" t="e">
        <f t="shared" si="109"/>
        <v>#N/A</v>
      </c>
      <c r="F6960" t="str">
        <f>IF(C6960="CLAY", INDEX(D$4:D6960, MATCH("CLAY", C$4:C6960, 0)), "")</f>
        <v/>
      </c>
    </row>
    <row r="6961" spans="1:6" x14ac:dyDescent="0.2">
      <c r="A6961" s="239">
        <f>'CPT Data'!B6969</f>
        <v>69.373999999999995</v>
      </c>
      <c r="B6961" s="3">
        <f>'CPT Data'!C6969</f>
        <v>69.36699999999999</v>
      </c>
      <c r="C6961" t="str">
        <f>'CPT Data'!P6969</f>
        <v>SAND</v>
      </c>
      <c r="D6961" t="e">
        <f>'CPT Data'!Q6969</f>
        <v>#N/A</v>
      </c>
      <c r="E6961" t="e">
        <f t="shared" si="109"/>
        <v>#N/A</v>
      </c>
      <c r="F6961" t="str">
        <f>IF(C6961="CLAY", INDEX(D$4:D6961, MATCH("CLAY", C$4:C6961, 0)), "")</f>
        <v/>
      </c>
    </row>
    <row r="6962" spans="1:6" x14ac:dyDescent="0.2">
      <c r="A6962" s="239">
        <f>'CPT Data'!B6970</f>
        <v>69.384</v>
      </c>
      <c r="B6962" s="3">
        <f>'CPT Data'!C6970</f>
        <v>69.376999999999995</v>
      </c>
      <c r="C6962" t="str">
        <f>'CPT Data'!P6970</f>
        <v>SAND</v>
      </c>
      <c r="D6962" t="e">
        <f>'CPT Data'!Q6970</f>
        <v>#N/A</v>
      </c>
      <c r="E6962" t="e">
        <f t="shared" si="109"/>
        <v>#N/A</v>
      </c>
      <c r="F6962" t="str">
        <f>IF(C6962="CLAY", INDEX(D$4:D6962, MATCH("CLAY", C$4:C6962, 0)), "")</f>
        <v/>
      </c>
    </row>
    <row r="6963" spans="1:6" x14ac:dyDescent="0.2">
      <c r="A6963" s="239">
        <f>'CPT Data'!B6971</f>
        <v>69.394000000000005</v>
      </c>
      <c r="B6963" s="3">
        <f>'CPT Data'!C6971</f>
        <v>69.387</v>
      </c>
      <c r="C6963" t="str">
        <f>'CPT Data'!P6971</f>
        <v>SAND</v>
      </c>
      <c r="D6963" t="e">
        <f>'CPT Data'!Q6971</f>
        <v>#N/A</v>
      </c>
      <c r="E6963" t="e">
        <f t="shared" si="109"/>
        <v>#N/A</v>
      </c>
      <c r="F6963" t="str">
        <f>IF(C6963="CLAY", INDEX(D$4:D6963, MATCH("CLAY", C$4:C6963, 0)), "")</f>
        <v/>
      </c>
    </row>
    <row r="6964" spans="1:6" x14ac:dyDescent="0.2">
      <c r="A6964" s="239">
        <f>'CPT Data'!B6972</f>
        <v>69.403999999999996</v>
      </c>
      <c r="B6964" s="3">
        <f>'CPT Data'!C6972</f>
        <v>69.396999999999991</v>
      </c>
      <c r="C6964" t="str">
        <f>'CPT Data'!P6972</f>
        <v>SAND</v>
      </c>
      <c r="D6964" t="e">
        <f>'CPT Data'!Q6972</f>
        <v>#N/A</v>
      </c>
      <c r="E6964" t="e">
        <f t="shared" si="109"/>
        <v>#N/A</v>
      </c>
      <c r="F6964" t="str">
        <f>IF(C6964="CLAY", INDEX(D$4:D6964, MATCH("CLAY", C$4:C6964, 0)), "")</f>
        <v/>
      </c>
    </row>
    <row r="6965" spans="1:6" x14ac:dyDescent="0.2">
      <c r="A6965" s="239">
        <f>'CPT Data'!B6973</f>
        <v>69.414000000000001</v>
      </c>
      <c r="B6965" s="3">
        <f>'CPT Data'!C6973</f>
        <v>69.406999999999996</v>
      </c>
      <c r="C6965" t="str">
        <f>'CPT Data'!P6973</f>
        <v>SAND</v>
      </c>
      <c r="D6965" t="e">
        <f>'CPT Data'!Q6973</f>
        <v>#N/A</v>
      </c>
      <c r="E6965" t="e">
        <f t="shared" si="109"/>
        <v>#N/A</v>
      </c>
      <c r="F6965" t="str">
        <f>IF(C6965="CLAY", INDEX(D$4:D6965, MATCH("CLAY", C$4:C6965, 0)), "")</f>
        <v/>
      </c>
    </row>
    <row r="6966" spans="1:6" x14ac:dyDescent="0.2">
      <c r="A6966" s="239">
        <f>'CPT Data'!B6974</f>
        <v>69.424000000000007</v>
      </c>
      <c r="B6966" s="3">
        <f>'CPT Data'!C6974</f>
        <v>69.417000000000002</v>
      </c>
      <c r="C6966" t="str">
        <f>'CPT Data'!P6974</f>
        <v>SAND</v>
      </c>
      <c r="D6966" t="e">
        <f>'CPT Data'!Q6974</f>
        <v>#N/A</v>
      </c>
      <c r="E6966" t="e">
        <f t="shared" si="109"/>
        <v>#N/A</v>
      </c>
      <c r="F6966" t="str">
        <f>IF(C6966="CLAY", INDEX(D$4:D6966, MATCH("CLAY", C$4:C6966, 0)), "")</f>
        <v/>
      </c>
    </row>
    <row r="6967" spans="1:6" x14ac:dyDescent="0.2">
      <c r="A6967" s="239">
        <f>'CPT Data'!B6975</f>
        <v>69.433999999999997</v>
      </c>
      <c r="B6967" s="3">
        <f>'CPT Data'!C6975</f>
        <v>69.426999999999992</v>
      </c>
      <c r="C6967" t="str">
        <f>'CPT Data'!P6975</f>
        <v>SAND</v>
      </c>
      <c r="D6967" t="e">
        <f>'CPT Data'!Q6975</f>
        <v>#N/A</v>
      </c>
      <c r="E6967" t="e">
        <f t="shared" si="109"/>
        <v>#N/A</v>
      </c>
      <c r="F6967" t="str">
        <f>IF(C6967="CLAY", INDEX(D$4:D6967, MATCH("CLAY", C$4:C6967, 0)), "")</f>
        <v/>
      </c>
    </row>
    <row r="6968" spans="1:6" x14ac:dyDescent="0.2">
      <c r="A6968" s="239">
        <f>'CPT Data'!B6976</f>
        <v>69.444999999999993</v>
      </c>
      <c r="B6968" s="3">
        <f>'CPT Data'!C6976</f>
        <v>69.437999999999988</v>
      </c>
      <c r="C6968" t="str">
        <f>'CPT Data'!P6976</f>
        <v>SAND</v>
      </c>
      <c r="D6968" t="e">
        <f>'CPT Data'!Q6976</f>
        <v>#N/A</v>
      </c>
      <c r="E6968" t="e">
        <f t="shared" si="109"/>
        <v>#N/A</v>
      </c>
      <c r="F6968" t="str">
        <f>IF(C6968="CLAY", INDEX(D$4:D6968, MATCH("CLAY", C$4:C6968, 0)), "")</f>
        <v/>
      </c>
    </row>
    <row r="6969" spans="1:6" x14ac:dyDescent="0.2">
      <c r="A6969" s="239">
        <f>'CPT Data'!B6977</f>
        <v>69.453999999999994</v>
      </c>
      <c r="B6969" s="3">
        <f>'CPT Data'!C6977</f>
        <v>69.446999999999989</v>
      </c>
      <c r="C6969" t="str">
        <f>'CPT Data'!P6977</f>
        <v>SAND</v>
      </c>
      <c r="D6969" t="e">
        <f>'CPT Data'!Q6977</f>
        <v>#N/A</v>
      </c>
      <c r="E6969" t="e">
        <f t="shared" si="109"/>
        <v>#N/A</v>
      </c>
      <c r="F6969" t="str">
        <f>IF(C6969="CLAY", INDEX(D$4:D6969, MATCH("CLAY", C$4:C6969, 0)), "")</f>
        <v/>
      </c>
    </row>
    <row r="6970" spans="1:6" x14ac:dyDescent="0.2">
      <c r="A6970" s="239">
        <f>'CPT Data'!B6978</f>
        <v>69.465000000000003</v>
      </c>
      <c r="B6970" s="3">
        <f>'CPT Data'!C6978</f>
        <v>69.457999999999998</v>
      </c>
      <c r="C6970" t="str">
        <f>'CPT Data'!P6978</f>
        <v>SAND</v>
      </c>
      <c r="D6970" t="e">
        <f>'CPT Data'!Q6978</f>
        <v>#N/A</v>
      </c>
      <c r="E6970" t="e">
        <f t="shared" si="109"/>
        <v>#N/A</v>
      </c>
      <c r="F6970" t="str">
        <f>IF(C6970="CLAY", INDEX(D$4:D6970, MATCH("CLAY", C$4:C6970, 0)), "")</f>
        <v/>
      </c>
    </row>
    <row r="6971" spans="1:6" x14ac:dyDescent="0.2">
      <c r="A6971" s="239">
        <f>'CPT Data'!B6979</f>
        <v>69.474999999999994</v>
      </c>
      <c r="B6971" s="3">
        <f>'CPT Data'!C6979</f>
        <v>69.467999999999989</v>
      </c>
      <c r="C6971" t="str">
        <f>'CPT Data'!P6979</f>
        <v>SAND</v>
      </c>
      <c r="D6971" t="e">
        <f>'CPT Data'!Q6979</f>
        <v>#N/A</v>
      </c>
      <c r="E6971" t="e">
        <f t="shared" si="109"/>
        <v>#N/A</v>
      </c>
      <c r="F6971" t="str">
        <f>IF(C6971="CLAY", INDEX(D$4:D6971, MATCH("CLAY", C$4:C6971, 0)), "")</f>
        <v/>
      </c>
    </row>
    <row r="6972" spans="1:6" x14ac:dyDescent="0.2">
      <c r="A6972" s="239">
        <f>'CPT Data'!B6980</f>
        <v>69.484999999999999</v>
      </c>
      <c r="B6972" s="3">
        <f>'CPT Data'!C6980</f>
        <v>69.477999999999994</v>
      </c>
      <c r="C6972" t="str">
        <f>'CPT Data'!P6980</f>
        <v>SAND</v>
      </c>
      <c r="D6972" t="e">
        <f>'CPT Data'!Q6980</f>
        <v>#N/A</v>
      </c>
      <c r="E6972" t="e">
        <f t="shared" si="109"/>
        <v>#N/A</v>
      </c>
      <c r="F6972" t="str">
        <f>IF(C6972="CLAY", INDEX(D$4:D6972, MATCH("CLAY", C$4:C6972, 0)), "")</f>
        <v/>
      </c>
    </row>
    <row r="6973" spans="1:6" x14ac:dyDescent="0.2">
      <c r="A6973" s="239">
        <f>'CPT Data'!B6981</f>
        <v>69.494</v>
      </c>
      <c r="B6973" s="3">
        <f>'CPT Data'!C6981</f>
        <v>69.486999999999995</v>
      </c>
      <c r="C6973" t="str">
        <f>'CPT Data'!P6981</f>
        <v>SAND</v>
      </c>
      <c r="D6973" t="e">
        <f>'CPT Data'!Q6981</f>
        <v>#N/A</v>
      </c>
      <c r="E6973" t="e">
        <f t="shared" si="109"/>
        <v>#N/A</v>
      </c>
      <c r="F6973" t="str">
        <f>IF(C6973="CLAY", INDEX(D$4:D6973, MATCH("CLAY", C$4:C6973, 0)), "")</f>
        <v/>
      </c>
    </row>
    <row r="6974" spans="1:6" x14ac:dyDescent="0.2">
      <c r="A6974" s="239">
        <f>'CPT Data'!B6982</f>
        <v>69.504999999999995</v>
      </c>
      <c r="B6974" s="3">
        <f>'CPT Data'!C6982</f>
        <v>69.49799999999999</v>
      </c>
      <c r="C6974" t="str">
        <f>'CPT Data'!P6982</f>
        <v>SAND</v>
      </c>
      <c r="D6974" t="e">
        <f>'CPT Data'!Q6982</f>
        <v>#N/A</v>
      </c>
      <c r="E6974" t="e">
        <f t="shared" si="109"/>
        <v>#N/A</v>
      </c>
      <c r="F6974" t="str">
        <f>IF(C6974="CLAY", INDEX(D$4:D6974, MATCH("CLAY", C$4:C6974, 0)), "")</f>
        <v/>
      </c>
    </row>
    <row r="6975" spans="1:6" x14ac:dyDescent="0.2">
      <c r="A6975" s="239">
        <f>'CPT Data'!B6983</f>
        <v>69.515000000000001</v>
      </c>
      <c r="B6975" s="3">
        <f>'CPT Data'!C6983</f>
        <v>69.507999999999996</v>
      </c>
      <c r="C6975" t="str">
        <f>'CPT Data'!P6983</f>
        <v>SAND</v>
      </c>
      <c r="D6975" t="e">
        <f>'CPT Data'!Q6983</f>
        <v>#N/A</v>
      </c>
      <c r="E6975" t="e">
        <f t="shared" si="109"/>
        <v>#N/A</v>
      </c>
      <c r="F6975" t="str">
        <f>IF(C6975="CLAY", INDEX(D$4:D6975, MATCH("CLAY", C$4:C6975, 0)), "")</f>
        <v/>
      </c>
    </row>
    <row r="6976" spans="1:6" x14ac:dyDescent="0.2">
      <c r="A6976" s="239">
        <f>'CPT Data'!B6984</f>
        <v>69.524000000000001</v>
      </c>
      <c r="B6976" s="3">
        <f>'CPT Data'!C6984</f>
        <v>69.516999999999996</v>
      </c>
      <c r="C6976" t="str">
        <f>'CPT Data'!P6984</f>
        <v>SAND</v>
      </c>
      <c r="D6976" t="e">
        <f>'CPT Data'!Q6984</f>
        <v>#N/A</v>
      </c>
      <c r="E6976" t="e">
        <f t="shared" si="109"/>
        <v>#N/A</v>
      </c>
      <c r="F6976" t="str">
        <f>IF(C6976="CLAY", INDEX(D$4:D6976, MATCH("CLAY", C$4:C6976, 0)), "")</f>
        <v/>
      </c>
    </row>
    <row r="6977" spans="1:6" x14ac:dyDescent="0.2">
      <c r="A6977" s="239">
        <f>'CPT Data'!B6985</f>
        <v>69.534999999999997</v>
      </c>
      <c r="B6977" s="3">
        <f>'CPT Data'!C6985</f>
        <v>69.527999999999992</v>
      </c>
      <c r="C6977" t="str">
        <f>'CPT Data'!P6985</f>
        <v>SAND</v>
      </c>
      <c r="D6977" t="e">
        <f>'CPT Data'!Q6985</f>
        <v>#N/A</v>
      </c>
      <c r="E6977" t="e">
        <f t="shared" si="109"/>
        <v>#N/A</v>
      </c>
      <c r="F6977" t="str">
        <f>IF(C6977="CLAY", INDEX(D$4:D6977, MATCH("CLAY", C$4:C6977, 0)), "")</f>
        <v/>
      </c>
    </row>
    <row r="6978" spans="1:6" x14ac:dyDescent="0.2">
      <c r="A6978" s="239">
        <f>'CPT Data'!B6986</f>
        <v>69.545000000000002</v>
      </c>
      <c r="B6978" s="3">
        <f>'CPT Data'!C6986</f>
        <v>69.537999999999997</v>
      </c>
      <c r="C6978" t="str">
        <f>'CPT Data'!P6986</f>
        <v>SAND</v>
      </c>
      <c r="D6978" t="e">
        <f>'CPT Data'!Q6986</f>
        <v>#N/A</v>
      </c>
      <c r="E6978" t="e">
        <f t="shared" si="109"/>
        <v>#N/A</v>
      </c>
      <c r="F6978" t="str">
        <f>IF(C6978="CLAY", INDEX(D$4:D6978, MATCH("CLAY", C$4:C6978, 0)), "")</f>
        <v/>
      </c>
    </row>
    <row r="6979" spans="1:6" x14ac:dyDescent="0.2">
      <c r="A6979" s="239">
        <f>'CPT Data'!B6987</f>
        <v>69.555000000000007</v>
      </c>
      <c r="B6979" s="3">
        <f>'CPT Data'!C6987</f>
        <v>69.548000000000002</v>
      </c>
      <c r="C6979" t="str">
        <f>'CPT Data'!P6987</f>
        <v>SAND</v>
      </c>
      <c r="D6979" t="e">
        <f>'CPT Data'!Q6987</f>
        <v>#N/A</v>
      </c>
      <c r="E6979" t="e">
        <f t="shared" si="109"/>
        <v>#N/A</v>
      </c>
      <c r="F6979" t="str">
        <f>IF(C6979="CLAY", INDEX(D$4:D6979, MATCH("CLAY", C$4:C6979, 0)), "")</f>
        <v/>
      </c>
    </row>
    <row r="6980" spans="1:6" x14ac:dyDescent="0.2">
      <c r="A6980" s="239">
        <f>'CPT Data'!B6988</f>
        <v>69.563999999999993</v>
      </c>
      <c r="B6980" s="3">
        <f>'CPT Data'!C6988</f>
        <v>69.556999999999988</v>
      </c>
      <c r="C6980" t="str">
        <f>'CPT Data'!P6988</f>
        <v>SAND</v>
      </c>
      <c r="D6980" t="e">
        <f>'CPT Data'!Q6988</f>
        <v>#N/A</v>
      </c>
      <c r="E6980" t="e">
        <f t="shared" si="109"/>
        <v>#N/A</v>
      </c>
      <c r="F6980" t="str">
        <f>IF(C6980="CLAY", INDEX(D$4:D6980, MATCH("CLAY", C$4:C6980, 0)), "")</f>
        <v/>
      </c>
    </row>
    <row r="6981" spans="1:6" x14ac:dyDescent="0.2">
      <c r="A6981" s="239">
        <f>'CPT Data'!B6989</f>
        <v>69.573999999999998</v>
      </c>
      <c r="B6981" s="3">
        <f>'CPT Data'!C6989</f>
        <v>69.566999999999993</v>
      </c>
      <c r="C6981" t="str">
        <f>'CPT Data'!P6989</f>
        <v>SAND</v>
      </c>
      <c r="D6981" t="e">
        <f>'CPT Data'!Q6989</f>
        <v>#N/A</v>
      </c>
      <c r="E6981" t="e">
        <f t="shared" si="109"/>
        <v>#N/A</v>
      </c>
      <c r="F6981" t="str">
        <f>IF(C6981="CLAY", INDEX(D$4:D6981, MATCH("CLAY", C$4:C6981, 0)), "")</f>
        <v/>
      </c>
    </row>
    <row r="6982" spans="1:6" x14ac:dyDescent="0.2">
      <c r="A6982" s="239">
        <f>'CPT Data'!B6990</f>
        <v>69.584999999999994</v>
      </c>
      <c r="B6982" s="3">
        <f>'CPT Data'!C6990</f>
        <v>69.577999999999989</v>
      </c>
      <c r="C6982" t="str">
        <f>'CPT Data'!P6990</f>
        <v>SAND</v>
      </c>
      <c r="D6982" t="e">
        <f>'CPT Data'!Q6990</f>
        <v>#N/A</v>
      </c>
      <c r="E6982" t="e">
        <f t="shared" si="109"/>
        <v>#N/A</v>
      </c>
      <c r="F6982" t="str">
        <f>IF(C6982="CLAY", INDEX(D$4:D6982, MATCH("CLAY", C$4:C6982, 0)), "")</f>
        <v/>
      </c>
    </row>
    <row r="6983" spans="1:6" x14ac:dyDescent="0.2">
      <c r="A6983" s="239">
        <f>'CPT Data'!B6991</f>
        <v>69.594999999999999</v>
      </c>
      <c r="B6983" s="3">
        <f>'CPT Data'!C6991</f>
        <v>69.587999999999994</v>
      </c>
      <c r="C6983" t="str">
        <f>'CPT Data'!P6991</f>
        <v>SAND</v>
      </c>
      <c r="D6983" t="e">
        <f>'CPT Data'!Q6991</f>
        <v>#N/A</v>
      </c>
      <c r="E6983" t="e">
        <f t="shared" si="109"/>
        <v>#N/A</v>
      </c>
      <c r="F6983" t="str">
        <f>IF(C6983="CLAY", INDEX(D$4:D6983, MATCH("CLAY", C$4:C6983, 0)), "")</f>
        <v/>
      </c>
    </row>
    <row r="6984" spans="1:6" x14ac:dyDescent="0.2">
      <c r="A6984" s="239">
        <f>'CPT Data'!B6992</f>
        <v>69.605000000000004</v>
      </c>
      <c r="B6984" s="3">
        <f>'CPT Data'!C6992</f>
        <v>69.597999999999999</v>
      </c>
      <c r="C6984" t="str">
        <f>'CPT Data'!P6992</f>
        <v>SAND</v>
      </c>
      <c r="D6984" t="e">
        <f>'CPT Data'!Q6992</f>
        <v>#N/A</v>
      </c>
      <c r="E6984" t="e">
        <f t="shared" si="109"/>
        <v>#N/A</v>
      </c>
      <c r="F6984" t="str">
        <f>IF(C6984="CLAY", INDEX(D$4:D6984, MATCH("CLAY", C$4:C6984, 0)), "")</f>
        <v/>
      </c>
    </row>
    <row r="6985" spans="1:6" x14ac:dyDescent="0.2">
      <c r="A6985" s="239">
        <f>'CPT Data'!B6993</f>
        <v>69.614999999999995</v>
      </c>
      <c r="B6985" s="3">
        <f>'CPT Data'!C6993</f>
        <v>69.60799999999999</v>
      </c>
      <c r="C6985" t="str">
        <f>'CPT Data'!P6993</f>
        <v>SAND</v>
      </c>
      <c r="D6985" t="e">
        <f>'CPT Data'!Q6993</f>
        <v>#N/A</v>
      </c>
      <c r="E6985" t="e">
        <f t="shared" si="109"/>
        <v>#N/A</v>
      </c>
      <c r="F6985" t="str">
        <f>IF(C6985="CLAY", INDEX(D$4:D6985, MATCH("CLAY", C$4:C6985, 0)), "")</f>
        <v/>
      </c>
    </row>
    <row r="6986" spans="1:6" x14ac:dyDescent="0.2">
      <c r="A6986" s="239">
        <f>'CPT Data'!B6994</f>
        <v>69.617000000000004</v>
      </c>
      <c r="B6986" s="3">
        <f>'CPT Data'!C6994</f>
        <v>69.61</v>
      </c>
      <c r="C6986" t="str">
        <f>'CPT Data'!P6994</f>
        <v>SAND</v>
      </c>
      <c r="D6986" t="e">
        <f>'CPT Data'!Q6994</f>
        <v>#N/A</v>
      </c>
      <c r="E6986" t="e">
        <f t="shared" si="109"/>
        <v>#N/A</v>
      </c>
      <c r="F6986" t="str">
        <f>IF(C6986="CLAY", INDEX(D$4:D6986, MATCH("CLAY", C$4:C6986, 0)), "")</f>
        <v/>
      </c>
    </row>
    <row r="6987" spans="1:6" x14ac:dyDescent="0.2">
      <c r="A6987" s="239">
        <f>'CPT Data'!B6995</f>
        <v>69.634</v>
      </c>
      <c r="B6987" s="3">
        <f>'CPT Data'!C6995</f>
        <v>69.626999999999995</v>
      </c>
      <c r="C6987" t="str">
        <f>'CPT Data'!P6995</f>
        <v>SAND</v>
      </c>
      <c r="D6987" t="e">
        <f>'CPT Data'!Q6995</f>
        <v>#N/A</v>
      </c>
      <c r="E6987" t="e">
        <f t="shared" si="109"/>
        <v>#N/A</v>
      </c>
      <c r="F6987" t="str">
        <f>IF(C6987="CLAY", INDEX(D$4:D6987, MATCH("CLAY", C$4:C6987, 0)), "")</f>
        <v/>
      </c>
    </row>
    <row r="6988" spans="1:6" x14ac:dyDescent="0.2">
      <c r="A6988" s="239">
        <f>'CPT Data'!B6996</f>
        <v>69.644999999999996</v>
      </c>
      <c r="B6988" s="3">
        <f>'CPT Data'!C6996</f>
        <v>69.637999999999991</v>
      </c>
      <c r="C6988" t="str">
        <f>'CPT Data'!P6996</f>
        <v>SAND</v>
      </c>
      <c r="D6988" t="e">
        <f>'CPT Data'!Q6996</f>
        <v>#N/A</v>
      </c>
      <c r="E6988" t="e">
        <f t="shared" si="109"/>
        <v>#N/A</v>
      </c>
      <c r="F6988" t="str">
        <f>IF(C6988="CLAY", INDEX(D$4:D6988, MATCH("CLAY", C$4:C6988, 0)), "")</f>
        <v/>
      </c>
    </row>
    <row r="6989" spans="1:6" x14ac:dyDescent="0.2">
      <c r="A6989" s="239">
        <f>'CPT Data'!B6997</f>
        <v>69.655000000000001</v>
      </c>
      <c r="B6989" s="3">
        <f>'CPT Data'!C6997</f>
        <v>69.647999999999996</v>
      </c>
      <c r="C6989" t="str">
        <f>'CPT Data'!P6997</f>
        <v>SAND</v>
      </c>
      <c r="D6989" t="e">
        <f>'CPT Data'!Q6997</f>
        <v>#N/A</v>
      </c>
      <c r="E6989" t="e">
        <f t="shared" si="109"/>
        <v>#N/A</v>
      </c>
      <c r="F6989" t="str">
        <f>IF(C6989="CLAY", INDEX(D$4:D6989, MATCH("CLAY", C$4:C6989, 0)), "")</f>
        <v/>
      </c>
    </row>
    <row r="6990" spans="1:6" x14ac:dyDescent="0.2">
      <c r="A6990" s="239">
        <f>'CPT Data'!B6998</f>
        <v>69.665000000000006</v>
      </c>
      <c r="B6990" s="3">
        <f>'CPT Data'!C6998</f>
        <v>69.658000000000001</v>
      </c>
      <c r="C6990" t="str">
        <f>'CPT Data'!P6998</f>
        <v>SAND</v>
      </c>
      <c r="D6990" t="e">
        <f>'CPT Data'!Q6998</f>
        <v>#N/A</v>
      </c>
      <c r="E6990" t="e">
        <f t="shared" si="109"/>
        <v>#N/A</v>
      </c>
      <c r="F6990" t="str">
        <f>IF(C6990="CLAY", INDEX(D$4:D6990, MATCH("CLAY", C$4:C6990, 0)), "")</f>
        <v/>
      </c>
    </row>
    <row r="6991" spans="1:6" x14ac:dyDescent="0.2">
      <c r="A6991" s="239">
        <f>'CPT Data'!B6999</f>
        <v>69.676000000000002</v>
      </c>
      <c r="B6991" s="3">
        <f>'CPT Data'!C6999</f>
        <v>69.668999999999997</v>
      </c>
      <c r="C6991" t="str">
        <f>'CPT Data'!P6999</f>
        <v>SAND</v>
      </c>
      <c r="D6991" t="e">
        <f>'CPT Data'!Q6999</f>
        <v>#N/A</v>
      </c>
      <c r="E6991" t="e">
        <f t="shared" si="109"/>
        <v>#N/A</v>
      </c>
      <c r="F6991" t="str">
        <f>IF(C6991="CLAY", INDEX(D$4:D6991, MATCH("CLAY", C$4:C6991, 0)), "")</f>
        <v/>
      </c>
    </row>
    <row r="6992" spans="1:6" x14ac:dyDescent="0.2">
      <c r="A6992" s="239">
        <f>'CPT Data'!B7000</f>
        <v>69.686000000000007</v>
      </c>
      <c r="B6992" s="3">
        <f>'CPT Data'!C7000</f>
        <v>69.679000000000002</v>
      </c>
      <c r="C6992" t="str">
        <f>'CPT Data'!P7000</f>
        <v>SAND</v>
      </c>
      <c r="D6992" t="e">
        <f>'CPT Data'!Q7000</f>
        <v>#N/A</v>
      </c>
      <c r="E6992" t="e">
        <f t="shared" si="109"/>
        <v>#N/A</v>
      </c>
      <c r="F6992" t="str">
        <f>IF(C6992="CLAY", INDEX(D$4:D6992, MATCH("CLAY", C$4:C6992, 0)), "")</f>
        <v/>
      </c>
    </row>
    <row r="6993" spans="1:6" x14ac:dyDescent="0.2">
      <c r="A6993" s="239">
        <f>'CPT Data'!B7001</f>
        <v>69.695999999999998</v>
      </c>
      <c r="B6993" s="3">
        <f>'CPT Data'!C7001</f>
        <v>69.688999999999993</v>
      </c>
      <c r="C6993" t="str">
        <f>'CPT Data'!P7001</f>
        <v>SAND</v>
      </c>
      <c r="D6993" t="e">
        <f>'CPT Data'!Q7001</f>
        <v>#N/A</v>
      </c>
      <c r="E6993" t="e">
        <f t="shared" si="109"/>
        <v>#N/A</v>
      </c>
      <c r="F6993" t="str">
        <f>IF(C6993="CLAY", INDEX(D$4:D6993, MATCH("CLAY", C$4:C6993, 0)), "")</f>
        <v/>
      </c>
    </row>
    <row r="6994" spans="1:6" x14ac:dyDescent="0.2">
      <c r="A6994" s="239">
        <f>'CPT Data'!B7002</f>
        <v>69.706999999999994</v>
      </c>
      <c r="B6994" s="3">
        <f>'CPT Data'!C7002</f>
        <v>69.699999999999989</v>
      </c>
      <c r="C6994" t="str">
        <f>'CPT Data'!P7002</f>
        <v>SAND</v>
      </c>
      <c r="D6994" t="e">
        <f>'CPT Data'!Q7002</f>
        <v>#N/A</v>
      </c>
      <c r="E6994" t="e">
        <f t="shared" si="109"/>
        <v>#N/A</v>
      </c>
      <c r="F6994" t="str">
        <f>IF(C6994="CLAY", INDEX(D$4:D6994, MATCH("CLAY", C$4:C6994, 0)), "")</f>
        <v/>
      </c>
    </row>
    <row r="6995" spans="1:6" x14ac:dyDescent="0.2">
      <c r="A6995" s="239">
        <f>'CPT Data'!B7003</f>
        <v>69.715999999999994</v>
      </c>
      <c r="B6995" s="3">
        <f>'CPT Data'!C7003</f>
        <v>69.708999999999989</v>
      </c>
      <c r="C6995" t="str">
        <f>'CPT Data'!P7003</f>
        <v>SAND</v>
      </c>
      <c r="D6995" t="e">
        <f>'CPT Data'!Q7003</f>
        <v>#N/A</v>
      </c>
      <c r="E6995" t="e">
        <f t="shared" si="109"/>
        <v>#N/A</v>
      </c>
      <c r="F6995" t="str">
        <f>IF(C6995="CLAY", INDEX(D$4:D6995, MATCH("CLAY", C$4:C6995, 0)), "")</f>
        <v/>
      </c>
    </row>
    <row r="6996" spans="1:6" x14ac:dyDescent="0.2">
      <c r="A6996" s="239">
        <f>'CPT Data'!B7004</f>
        <v>69.725999999999999</v>
      </c>
      <c r="B6996" s="3">
        <f>'CPT Data'!C7004</f>
        <v>69.718999999999994</v>
      </c>
      <c r="C6996" t="str">
        <f>'CPT Data'!P7004</f>
        <v>SAND</v>
      </c>
      <c r="D6996" t="e">
        <f>'CPT Data'!Q7004</f>
        <v>#N/A</v>
      </c>
      <c r="E6996" t="e">
        <f t="shared" si="109"/>
        <v>#N/A</v>
      </c>
      <c r="F6996" t="str">
        <f>IF(C6996="CLAY", INDEX(D$4:D6996, MATCH("CLAY", C$4:C6996, 0)), "")</f>
        <v/>
      </c>
    </row>
    <row r="6997" spans="1:6" x14ac:dyDescent="0.2">
      <c r="A6997" s="239">
        <f>'CPT Data'!B7005</f>
        <v>69.736999999999995</v>
      </c>
      <c r="B6997" s="3">
        <f>'CPT Data'!C7005</f>
        <v>69.72999999999999</v>
      </c>
      <c r="C6997" t="str">
        <f>'CPT Data'!P7005</f>
        <v>SAND</v>
      </c>
      <c r="D6997" t="e">
        <f>'CPT Data'!Q7005</f>
        <v>#N/A</v>
      </c>
      <c r="E6997" t="e">
        <f t="shared" si="109"/>
        <v>#N/A</v>
      </c>
      <c r="F6997" t="str">
        <f>IF(C6997="CLAY", INDEX(D$4:D6997, MATCH("CLAY", C$4:C6997, 0)), "")</f>
        <v/>
      </c>
    </row>
    <row r="6998" spans="1:6" x14ac:dyDescent="0.2">
      <c r="A6998" s="239">
        <f>'CPT Data'!B7006</f>
        <v>69.745999999999995</v>
      </c>
      <c r="B6998" s="3">
        <f>'CPT Data'!C7006</f>
        <v>69.73899999999999</v>
      </c>
      <c r="C6998" t="str">
        <f>'CPT Data'!P7006</f>
        <v>SAND</v>
      </c>
      <c r="D6998" t="e">
        <f>'CPT Data'!Q7006</f>
        <v>#N/A</v>
      </c>
      <c r="E6998" t="e">
        <f t="shared" si="109"/>
        <v>#N/A</v>
      </c>
      <c r="F6998" t="str">
        <f>IF(C6998="CLAY", INDEX(D$4:D6998, MATCH("CLAY", C$4:C6998, 0)), "")</f>
        <v/>
      </c>
    </row>
    <row r="6999" spans="1:6" x14ac:dyDescent="0.2">
      <c r="A6999" s="239">
        <f>'CPT Data'!B7007</f>
        <v>69.757000000000005</v>
      </c>
      <c r="B6999" s="3">
        <f>'CPT Data'!C7007</f>
        <v>69.75</v>
      </c>
      <c r="C6999" t="str">
        <f>'CPT Data'!P7007</f>
        <v>SAND</v>
      </c>
      <c r="D6999" t="e">
        <f>'CPT Data'!Q7007</f>
        <v>#N/A</v>
      </c>
      <c r="E6999" t="e">
        <f t="shared" si="109"/>
        <v>#N/A</v>
      </c>
      <c r="F6999" t="str">
        <f>IF(C6999="CLAY", INDEX(D$4:D6999, MATCH("CLAY", C$4:C6999, 0)), "")</f>
        <v/>
      </c>
    </row>
    <row r="7000" spans="1:6" x14ac:dyDescent="0.2">
      <c r="A7000" s="239">
        <f>'CPT Data'!B7008</f>
        <v>69.766000000000005</v>
      </c>
      <c r="B7000" s="3">
        <f>'CPT Data'!C7008</f>
        <v>69.759</v>
      </c>
      <c r="C7000" t="str">
        <f>'CPT Data'!P7008</f>
        <v>SAND</v>
      </c>
      <c r="D7000" t="e">
        <f>'CPT Data'!Q7008</f>
        <v>#N/A</v>
      </c>
      <c r="E7000" t="e">
        <f t="shared" si="109"/>
        <v>#N/A</v>
      </c>
      <c r="F7000" t="str">
        <f>IF(C7000="CLAY", INDEX(D$4:D7000, MATCH("CLAY", C$4:C7000, 0)), "")</f>
        <v/>
      </c>
    </row>
    <row r="7001" spans="1:6" x14ac:dyDescent="0.2">
      <c r="A7001" s="239">
        <f>'CPT Data'!B7009</f>
        <v>69.775999999999996</v>
      </c>
      <c r="B7001" s="3">
        <f>'CPT Data'!C7009</f>
        <v>69.768999999999991</v>
      </c>
      <c r="C7001" t="str">
        <f>'CPT Data'!P7009</f>
        <v>SAND</v>
      </c>
      <c r="D7001" t="e">
        <f>'CPT Data'!Q7009</f>
        <v>#N/A</v>
      </c>
      <c r="E7001" t="e">
        <f t="shared" si="109"/>
        <v>#N/A</v>
      </c>
      <c r="F7001" t="str">
        <f>IF(C7001="CLAY", INDEX(D$4:D7001, MATCH("CLAY", C$4:C7001, 0)), "")</f>
        <v/>
      </c>
    </row>
    <row r="7002" spans="1:6" x14ac:dyDescent="0.2">
      <c r="A7002" s="239">
        <f>'CPT Data'!B7010</f>
        <v>69.787000000000006</v>
      </c>
      <c r="B7002" s="3">
        <f>'CPT Data'!C7010</f>
        <v>69.78</v>
      </c>
      <c r="C7002" t="str">
        <f>'CPT Data'!P7010</f>
        <v>SAND</v>
      </c>
      <c r="D7002" t="e">
        <f>'CPT Data'!Q7010</f>
        <v>#N/A</v>
      </c>
      <c r="E7002" t="e">
        <f t="shared" si="109"/>
        <v>#N/A</v>
      </c>
      <c r="F7002" t="str">
        <f>IF(C7002="CLAY", INDEX(D$4:D7002, MATCH("CLAY", C$4:C7002, 0)), "")</f>
        <v/>
      </c>
    </row>
    <row r="7003" spans="1:6" x14ac:dyDescent="0.2">
      <c r="A7003" s="239">
        <f>'CPT Data'!B7011</f>
        <v>69.796999999999997</v>
      </c>
      <c r="B7003" s="3">
        <f>'CPT Data'!C7011</f>
        <v>69.789999999999992</v>
      </c>
      <c r="C7003" t="str">
        <f>'CPT Data'!P7011</f>
        <v>SAND</v>
      </c>
      <c r="D7003" t="e">
        <f>'CPT Data'!Q7011</f>
        <v>#N/A</v>
      </c>
      <c r="E7003" t="e">
        <f t="shared" ref="E7003:E7066" si="110">IF(C7003="SAND",#N/A,IF(C7003=C7002,D7002,IF(C7003="CLAY",D7003,#N/A)))</f>
        <v>#N/A</v>
      </c>
      <c r="F7003" t="str">
        <f>IF(C7003="CLAY", INDEX(D$4:D7003, MATCH("CLAY", C$4:C7003, 0)), "")</f>
        <v/>
      </c>
    </row>
    <row r="7004" spans="1:6" x14ac:dyDescent="0.2">
      <c r="A7004" s="239">
        <f>'CPT Data'!B7012</f>
        <v>69.807000000000002</v>
      </c>
      <c r="B7004" s="3">
        <f>'CPT Data'!C7012</f>
        <v>69.8</v>
      </c>
      <c r="C7004" t="str">
        <f>'CPT Data'!P7012</f>
        <v>SAND</v>
      </c>
      <c r="D7004" t="e">
        <f>'CPT Data'!Q7012</f>
        <v>#N/A</v>
      </c>
      <c r="E7004" t="e">
        <f t="shared" si="110"/>
        <v>#N/A</v>
      </c>
      <c r="F7004" t="str">
        <f>IF(C7004="CLAY", INDEX(D$4:D7004, MATCH("CLAY", C$4:C7004, 0)), "")</f>
        <v/>
      </c>
    </row>
    <row r="7005" spans="1:6" x14ac:dyDescent="0.2">
      <c r="A7005" s="239">
        <f>'CPT Data'!B7013</f>
        <v>69.816999999999993</v>
      </c>
      <c r="B7005" s="3">
        <f>'CPT Data'!C7013</f>
        <v>69.809999999999988</v>
      </c>
      <c r="C7005" t="str">
        <f>'CPT Data'!P7013</f>
        <v>SAND</v>
      </c>
      <c r="D7005" t="e">
        <f>'CPT Data'!Q7013</f>
        <v>#N/A</v>
      </c>
      <c r="E7005" t="e">
        <f t="shared" si="110"/>
        <v>#N/A</v>
      </c>
      <c r="F7005" t="str">
        <f>IF(C7005="CLAY", INDEX(D$4:D7005, MATCH("CLAY", C$4:C7005, 0)), "")</f>
        <v/>
      </c>
    </row>
    <row r="7006" spans="1:6" x14ac:dyDescent="0.2">
      <c r="A7006" s="239">
        <f>'CPT Data'!B7014</f>
        <v>69.826999999999998</v>
      </c>
      <c r="B7006" s="3">
        <f>'CPT Data'!C7014</f>
        <v>69.819999999999993</v>
      </c>
      <c r="C7006" t="str">
        <f>'CPT Data'!P7014</f>
        <v>SAND</v>
      </c>
      <c r="D7006" t="e">
        <f>'CPT Data'!Q7014</f>
        <v>#N/A</v>
      </c>
      <c r="E7006" t="e">
        <f t="shared" si="110"/>
        <v>#N/A</v>
      </c>
      <c r="F7006" t="str">
        <f>IF(C7006="CLAY", INDEX(D$4:D7006, MATCH("CLAY", C$4:C7006, 0)), "")</f>
        <v/>
      </c>
    </row>
    <row r="7007" spans="1:6" x14ac:dyDescent="0.2">
      <c r="A7007" s="239">
        <f>'CPT Data'!B7015</f>
        <v>69.838999999999999</v>
      </c>
      <c r="B7007" s="3">
        <f>'CPT Data'!C7015</f>
        <v>69.831999999999994</v>
      </c>
      <c r="C7007" t="str">
        <f>'CPT Data'!P7015</f>
        <v>SAND</v>
      </c>
      <c r="D7007" t="e">
        <f>'CPT Data'!Q7015</f>
        <v>#N/A</v>
      </c>
      <c r="E7007" t="e">
        <f t="shared" si="110"/>
        <v>#N/A</v>
      </c>
      <c r="F7007" t="str">
        <f>IF(C7007="CLAY", INDEX(D$4:D7007, MATCH("CLAY", C$4:C7007, 0)), "")</f>
        <v/>
      </c>
    </row>
    <row r="7008" spans="1:6" x14ac:dyDescent="0.2">
      <c r="A7008" s="239">
        <f>'CPT Data'!B7016</f>
        <v>69.849000000000004</v>
      </c>
      <c r="B7008" s="3">
        <f>'CPT Data'!C7016</f>
        <v>69.841999999999999</v>
      </c>
      <c r="C7008" t="str">
        <f>'CPT Data'!P7016</f>
        <v>SAND</v>
      </c>
      <c r="D7008" t="e">
        <f>'CPT Data'!Q7016</f>
        <v>#N/A</v>
      </c>
      <c r="E7008" t="e">
        <f t="shared" si="110"/>
        <v>#N/A</v>
      </c>
      <c r="F7008" t="str">
        <f>IF(C7008="CLAY", INDEX(D$4:D7008, MATCH("CLAY", C$4:C7008, 0)), "")</f>
        <v/>
      </c>
    </row>
    <row r="7009" spans="1:6" x14ac:dyDescent="0.2">
      <c r="A7009" s="239">
        <f>'CPT Data'!B7017</f>
        <v>69.86</v>
      </c>
      <c r="B7009" s="3">
        <f>'CPT Data'!C7017</f>
        <v>69.852999999999994</v>
      </c>
      <c r="C7009" t="str">
        <f>'CPT Data'!P7017</f>
        <v>SAND</v>
      </c>
      <c r="D7009" t="e">
        <f>'CPT Data'!Q7017</f>
        <v>#N/A</v>
      </c>
      <c r="E7009" t="e">
        <f t="shared" si="110"/>
        <v>#N/A</v>
      </c>
      <c r="F7009" t="str">
        <f>IF(C7009="CLAY", INDEX(D$4:D7009, MATCH("CLAY", C$4:C7009, 0)), "")</f>
        <v/>
      </c>
    </row>
    <row r="7010" spans="1:6" x14ac:dyDescent="0.2">
      <c r="A7010" s="239">
        <f>'CPT Data'!B7018</f>
        <v>69.869</v>
      </c>
      <c r="B7010" s="3">
        <f>'CPT Data'!C7018</f>
        <v>69.861999999999995</v>
      </c>
      <c r="C7010" t="str">
        <f>'CPT Data'!P7018</f>
        <v>SAND</v>
      </c>
      <c r="D7010" t="e">
        <f>'CPT Data'!Q7018</f>
        <v>#N/A</v>
      </c>
      <c r="E7010" t="e">
        <f t="shared" si="110"/>
        <v>#N/A</v>
      </c>
      <c r="F7010" t="str">
        <f>IF(C7010="CLAY", INDEX(D$4:D7010, MATCH("CLAY", C$4:C7010, 0)), "")</f>
        <v/>
      </c>
    </row>
    <row r="7011" spans="1:6" x14ac:dyDescent="0.2">
      <c r="A7011" s="239">
        <f>'CPT Data'!B7019</f>
        <v>69.879000000000005</v>
      </c>
      <c r="B7011" s="3">
        <f>'CPT Data'!C7019</f>
        <v>69.872</v>
      </c>
      <c r="C7011" t="str">
        <f>'CPT Data'!P7019</f>
        <v>SAND</v>
      </c>
      <c r="D7011" t="e">
        <f>'CPT Data'!Q7019</f>
        <v>#N/A</v>
      </c>
      <c r="E7011" t="e">
        <f t="shared" si="110"/>
        <v>#N/A</v>
      </c>
      <c r="F7011" t="str">
        <f>IF(C7011="CLAY", INDEX(D$4:D7011, MATCH("CLAY", C$4:C7011, 0)), "")</f>
        <v/>
      </c>
    </row>
    <row r="7012" spans="1:6" x14ac:dyDescent="0.2">
      <c r="A7012" s="239">
        <f>'CPT Data'!B7020</f>
        <v>69.89</v>
      </c>
      <c r="B7012" s="3">
        <f>'CPT Data'!C7020</f>
        <v>69.882999999999996</v>
      </c>
      <c r="C7012" t="str">
        <f>'CPT Data'!P7020</f>
        <v>SAND</v>
      </c>
      <c r="D7012" t="e">
        <f>'CPT Data'!Q7020</f>
        <v>#N/A</v>
      </c>
      <c r="E7012" t="e">
        <f t="shared" si="110"/>
        <v>#N/A</v>
      </c>
      <c r="F7012" t="str">
        <f>IF(C7012="CLAY", INDEX(D$4:D7012, MATCH("CLAY", C$4:C7012, 0)), "")</f>
        <v/>
      </c>
    </row>
    <row r="7013" spans="1:6" x14ac:dyDescent="0.2">
      <c r="A7013" s="239">
        <f>'CPT Data'!B7021</f>
        <v>69.899000000000001</v>
      </c>
      <c r="B7013" s="3">
        <f>'CPT Data'!C7021</f>
        <v>69.891999999999996</v>
      </c>
      <c r="C7013" t="str">
        <f>'CPT Data'!P7021</f>
        <v>SAND</v>
      </c>
      <c r="D7013" t="e">
        <f>'CPT Data'!Q7021</f>
        <v>#N/A</v>
      </c>
      <c r="E7013" t="e">
        <f t="shared" si="110"/>
        <v>#N/A</v>
      </c>
      <c r="F7013" t="str">
        <f>IF(C7013="CLAY", INDEX(D$4:D7013, MATCH("CLAY", C$4:C7013, 0)), "")</f>
        <v/>
      </c>
    </row>
    <row r="7014" spans="1:6" x14ac:dyDescent="0.2">
      <c r="A7014" s="239">
        <f>'CPT Data'!B7022</f>
        <v>69.91</v>
      </c>
      <c r="B7014" s="3">
        <f>'CPT Data'!C7022</f>
        <v>69.902999999999992</v>
      </c>
      <c r="C7014" t="str">
        <f>'CPT Data'!P7022</f>
        <v>SAND</v>
      </c>
      <c r="D7014" t="e">
        <f>'CPT Data'!Q7022</f>
        <v>#N/A</v>
      </c>
      <c r="E7014" t="e">
        <f t="shared" si="110"/>
        <v>#N/A</v>
      </c>
      <c r="F7014" t="str">
        <f>IF(C7014="CLAY", INDEX(D$4:D7014, MATCH("CLAY", C$4:C7014, 0)), "")</f>
        <v/>
      </c>
    </row>
    <row r="7015" spans="1:6" x14ac:dyDescent="0.2">
      <c r="A7015" s="239">
        <f>'CPT Data'!B7023</f>
        <v>69.92</v>
      </c>
      <c r="B7015" s="3">
        <f>'CPT Data'!C7023</f>
        <v>69.912999999999997</v>
      </c>
      <c r="C7015" t="str">
        <f>'CPT Data'!P7023</f>
        <v>SAND</v>
      </c>
      <c r="D7015" t="e">
        <f>'CPT Data'!Q7023</f>
        <v>#N/A</v>
      </c>
      <c r="E7015" t="e">
        <f t="shared" si="110"/>
        <v>#N/A</v>
      </c>
      <c r="F7015" t="str">
        <f>IF(C7015="CLAY", INDEX(D$4:D7015, MATCH("CLAY", C$4:C7015, 0)), "")</f>
        <v/>
      </c>
    </row>
    <row r="7016" spans="1:6" x14ac:dyDescent="0.2">
      <c r="A7016" s="239">
        <f>'CPT Data'!B7024</f>
        <v>69.930000000000007</v>
      </c>
      <c r="B7016" s="3">
        <f>'CPT Data'!C7024</f>
        <v>69.923000000000002</v>
      </c>
      <c r="C7016" t="str">
        <f>'CPT Data'!P7024</f>
        <v>SAND</v>
      </c>
      <c r="D7016" t="e">
        <f>'CPT Data'!Q7024</f>
        <v>#N/A</v>
      </c>
      <c r="E7016" t="e">
        <f t="shared" si="110"/>
        <v>#N/A</v>
      </c>
      <c r="F7016" t="str">
        <f>IF(C7016="CLAY", INDEX(D$4:D7016, MATCH("CLAY", C$4:C7016, 0)), "")</f>
        <v/>
      </c>
    </row>
    <row r="7017" spans="1:6" x14ac:dyDescent="0.2">
      <c r="A7017" s="239">
        <f>'CPT Data'!B7025</f>
        <v>69.94</v>
      </c>
      <c r="B7017" s="3">
        <f>'CPT Data'!C7025</f>
        <v>69.932999999999993</v>
      </c>
      <c r="C7017" t="str">
        <f>'CPT Data'!P7025</f>
        <v>SAND</v>
      </c>
      <c r="D7017" t="e">
        <f>'CPT Data'!Q7025</f>
        <v>#N/A</v>
      </c>
      <c r="E7017" t="e">
        <f t="shared" si="110"/>
        <v>#N/A</v>
      </c>
      <c r="F7017" t="str">
        <f>IF(C7017="CLAY", INDEX(D$4:D7017, MATCH("CLAY", C$4:C7017, 0)), "")</f>
        <v/>
      </c>
    </row>
    <row r="7018" spans="1:6" x14ac:dyDescent="0.2">
      <c r="A7018" s="239">
        <f>'CPT Data'!B7026</f>
        <v>69.95</v>
      </c>
      <c r="B7018" s="3">
        <f>'CPT Data'!C7026</f>
        <v>69.942999999999998</v>
      </c>
      <c r="C7018" t="str">
        <f>'CPT Data'!P7026</f>
        <v>SAND</v>
      </c>
      <c r="D7018" t="e">
        <f>'CPT Data'!Q7026</f>
        <v>#N/A</v>
      </c>
      <c r="E7018" t="e">
        <f t="shared" si="110"/>
        <v>#N/A</v>
      </c>
      <c r="F7018" t="str">
        <f>IF(C7018="CLAY", INDEX(D$4:D7018, MATCH("CLAY", C$4:C7018, 0)), "")</f>
        <v/>
      </c>
    </row>
    <row r="7019" spans="1:6" x14ac:dyDescent="0.2">
      <c r="A7019" s="239">
        <f>'CPT Data'!B7027</f>
        <v>69.960999999999999</v>
      </c>
      <c r="B7019" s="3">
        <f>'CPT Data'!C7027</f>
        <v>69.953999999999994</v>
      </c>
      <c r="C7019" t="str">
        <f>'CPT Data'!P7027</f>
        <v>SAND</v>
      </c>
      <c r="D7019" t="e">
        <f>'CPT Data'!Q7027</f>
        <v>#N/A</v>
      </c>
      <c r="E7019" t="e">
        <f t="shared" si="110"/>
        <v>#N/A</v>
      </c>
      <c r="F7019" t="str">
        <f>IF(C7019="CLAY", INDEX(D$4:D7019, MATCH("CLAY", C$4:C7019, 0)), "")</f>
        <v/>
      </c>
    </row>
    <row r="7020" spans="1:6" x14ac:dyDescent="0.2">
      <c r="A7020" s="239">
        <f>'CPT Data'!B7028</f>
        <v>69.971000000000004</v>
      </c>
      <c r="B7020" s="3">
        <f>'CPT Data'!C7028</f>
        <v>69.963999999999999</v>
      </c>
      <c r="C7020" t="str">
        <f>'CPT Data'!P7028</f>
        <v>SAND</v>
      </c>
      <c r="D7020" t="e">
        <f>'CPT Data'!Q7028</f>
        <v>#N/A</v>
      </c>
      <c r="E7020" t="e">
        <f t="shared" si="110"/>
        <v>#N/A</v>
      </c>
      <c r="F7020" t="str">
        <f>IF(C7020="CLAY", INDEX(D$4:D7020, MATCH("CLAY", C$4:C7020, 0)), "")</f>
        <v/>
      </c>
    </row>
    <row r="7021" spans="1:6" x14ac:dyDescent="0.2">
      <c r="A7021" s="239">
        <f>'CPT Data'!B7029</f>
        <v>69.980999999999995</v>
      </c>
      <c r="B7021" s="3">
        <f>'CPT Data'!C7029</f>
        <v>69.97399999999999</v>
      </c>
      <c r="C7021" t="str">
        <f>'CPT Data'!P7029</f>
        <v>SAND</v>
      </c>
      <c r="D7021" t="e">
        <f>'CPT Data'!Q7029</f>
        <v>#N/A</v>
      </c>
      <c r="E7021" t="e">
        <f t="shared" si="110"/>
        <v>#N/A</v>
      </c>
      <c r="F7021" t="str">
        <f>IF(C7021="CLAY", INDEX(D$4:D7021, MATCH("CLAY", C$4:C7021, 0)), "")</f>
        <v/>
      </c>
    </row>
    <row r="7022" spans="1:6" x14ac:dyDescent="0.2">
      <c r="A7022" s="239">
        <f>'CPT Data'!B7030</f>
        <v>69.991</v>
      </c>
      <c r="B7022" s="3">
        <f>'CPT Data'!C7030</f>
        <v>69.983999999999995</v>
      </c>
      <c r="C7022" t="str">
        <f>'CPT Data'!P7030</f>
        <v>SAND</v>
      </c>
      <c r="D7022" t="e">
        <f>'CPT Data'!Q7030</f>
        <v>#N/A</v>
      </c>
      <c r="E7022" t="e">
        <f t="shared" si="110"/>
        <v>#N/A</v>
      </c>
      <c r="F7022" t="str">
        <f>IF(C7022="CLAY", INDEX(D$4:D7022, MATCH("CLAY", C$4:C7022, 0)), "")</f>
        <v/>
      </c>
    </row>
    <row r="7023" spans="1:6" x14ac:dyDescent="0.2">
      <c r="A7023" s="239">
        <f>'CPT Data'!B7031</f>
        <v>70.001000000000005</v>
      </c>
      <c r="B7023" s="3">
        <f>'CPT Data'!C7031</f>
        <v>69.994</v>
      </c>
      <c r="C7023" t="str">
        <f>'CPT Data'!P7031</f>
        <v>SAND</v>
      </c>
      <c r="D7023" t="e">
        <f>'CPT Data'!Q7031</f>
        <v>#N/A</v>
      </c>
      <c r="E7023" t="e">
        <f t="shared" si="110"/>
        <v>#N/A</v>
      </c>
      <c r="F7023" t="str">
        <f>IF(C7023="CLAY", INDEX(D$4:D7023, MATCH("CLAY", C$4:C7023, 0)), "")</f>
        <v/>
      </c>
    </row>
    <row r="7024" spans="1:6" x14ac:dyDescent="0.2">
      <c r="A7024" s="239">
        <f>'CPT Data'!B7032</f>
        <v>70.010000000000005</v>
      </c>
      <c r="B7024" s="3">
        <f>'CPT Data'!C7032</f>
        <v>70.003</v>
      </c>
      <c r="C7024" t="str">
        <f>'CPT Data'!P7032</f>
        <v>SAND</v>
      </c>
      <c r="D7024" t="e">
        <f>'CPT Data'!Q7032</f>
        <v>#N/A</v>
      </c>
      <c r="E7024" t="e">
        <f t="shared" si="110"/>
        <v>#N/A</v>
      </c>
      <c r="F7024" t="str">
        <f>IF(C7024="CLAY", INDEX(D$4:D7024, MATCH("CLAY", C$4:C7024, 0)), "")</f>
        <v/>
      </c>
    </row>
    <row r="7025" spans="1:6" x14ac:dyDescent="0.2">
      <c r="A7025" s="239">
        <f>'CPT Data'!B7033</f>
        <v>70.021000000000001</v>
      </c>
      <c r="B7025" s="3">
        <f>'CPT Data'!C7033</f>
        <v>70.013999999999996</v>
      </c>
      <c r="C7025" t="str">
        <f>'CPT Data'!P7033</f>
        <v>SAND</v>
      </c>
      <c r="D7025" t="e">
        <f>'CPT Data'!Q7033</f>
        <v>#N/A</v>
      </c>
      <c r="E7025" t="e">
        <f t="shared" si="110"/>
        <v>#N/A</v>
      </c>
      <c r="F7025" t="str">
        <f>IF(C7025="CLAY", INDEX(D$4:D7025, MATCH("CLAY", C$4:C7025, 0)), "")</f>
        <v/>
      </c>
    </row>
    <row r="7026" spans="1:6" x14ac:dyDescent="0.2">
      <c r="A7026" s="239">
        <f>'CPT Data'!B7034</f>
        <v>70.031000000000006</v>
      </c>
      <c r="B7026" s="3">
        <f>'CPT Data'!C7034</f>
        <v>70.024000000000001</v>
      </c>
      <c r="C7026" t="str">
        <f>'CPT Data'!P7034</f>
        <v>SAND</v>
      </c>
      <c r="D7026" t="e">
        <f>'CPT Data'!Q7034</f>
        <v>#N/A</v>
      </c>
      <c r="E7026" t="e">
        <f t="shared" si="110"/>
        <v>#N/A</v>
      </c>
      <c r="F7026" t="str">
        <f>IF(C7026="CLAY", INDEX(D$4:D7026, MATCH("CLAY", C$4:C7026, 0)), "")</f>
        <v/>
      </c>
    </row>
    <row r="7027" spans="1:6" x14ac:dyDescent="0.2">
      <c r="A7027" s="239">
        <f>'CPT Data'!B7035</f>
        <v>70.042000000000002</v>
      </c>
      <c r="B7027" s="3">
        <f>'CPT Data'!C7035</f>
        <v>70.034999999999997</v>
      </c>
      <c r="C7027" t="str">
        <f>'CPT Data'!P7035</f>
        <v>SAND</v>
      </c>
      <c r="D7027" t="e">
        <f>'CPT Data'!Q7035</f>
        <v>#N/A</v>
      </c>
      <c r="E7027" t="e">
        <f t="shared" si="110"/>
        <v>#N/A</v>
      </c>
      <c r="F7027" t="str">
        <f>IF(C7027="CLAY", INDEX(D$4:D7027, MATCH("CLAY", C$4:C7027, 0)), "")</f>
        <v/>
      </c>
    </row>
    <row r="7028" spans="1:6" x14ac:dyDescent="0.2">
      <c r="A7028" s="239">
        <f>'CPT Data'!B7036</f>
        <v>70.052000000000007</v>
      </c>
      <c r="B7028" s="3">
        <f>'CPT Data'!C7036</f>
        <v>70.045000000000002</v>
      </c>
      <c r="C7028" t="str">
        <f>'CPT Data'!P7036</f>
        <v>SAND</v>
      </c>
      <c r="D7028" t="e">
        <f>'CPT Data'!Q7036</f>
        <v>#N/A</v>
      </c>
      <c r="E7028" t="e">
        <f t="shared" si="110"/>
        <v>#N/A</v>
      </c>
      <c r="F7028" t="str">
        <f>IF(C7028="CLAY", INDEX(D$4:D7028, MATCH("CLAY", C$4:C7028, 0)), "")</f>
        <v/>
      </c>
    </row>
    <row r="7029" spans="1:6" x14ac:dyDescent="0.2">
      <c r="A7029" s="239">
        <f>'CPT Data'!B7037</f>
        <v>70.063000000000002</v>
      </c>
      <c r="B7029" s="3">
        <f>'CPT Data'!C7037</f>
        <v>70.055999999999997</v>
      </c>
      <c r="C7029" t="str">
        <f>'CPT Data'!P7037</f>
        <v>SAND</v>
      </c>
      <c r="D7029" t="e">
        <f>'CPT Data'!Q7037</f>
        <v>#N/A</v>
      </c>
      <c r="E7029" t="e">
        <f t="shared" si="110"/>
        <v>#N/A</v>
      </c>
      <c r="F7029" t="str">
        <f>IF(C7029="CLAY", INDEX(D$4:D7029, MATCH("CLAY", C$4:C7029, 0)), "")</f>
        <v/>
      </c>
    </row>
    <row r="7030" spans="1:6" x14ac:dyDescent="0.2">
      <c r="A7030" s="239">
        <f>'CPT Data'!B7038</f>
        <v>70.072999999999993</v>
      </c>
      <c r="B7030" s="3">
        <f>'CPT Data'!C7038</f>
        <v>70.065999999999988</v>
      </c>
      <c r="C7030" t="str">
        <f>'CPT Data'!P7038</f>
        <v>SAND</v>
      </c>
      <c r="D7030" t="e">
        <f>'CPT Data'!Q7038</f>
        <v>#N/A</v>
      </c>
      <c r="E7030" t="e">
        <f t="shared" si="110"/>
        <v>#N/A</v>
      </c>
      <c r="F7030" t="str">
        <f>IF(C7030="CLAY", INDEX(D$4:D7030, MATCH("CLAY", C$4:C7030, 0)), "")</f>
        <v/>
      </c>
    </row>
    <row r="7031" spans="1:6" x14ac:dyDescent="0.2">
      <c r="A7031" s="239">
        <f>'CPT Data'!B7039</f>
        <v>70.082999999999998</v>
      </c>
      <c r="B7031" s="3">
        <f>'CPT Data'!C7039</f>
        <v>70.075999999999993</v>
      </c>
      <c r="C7031" t="str">
        <f>'CPT Data'!P7039</f>
        <v>SAND</v>
      </c>
      <c r="D7031" t="e">
        <f>'CPT Data'!Q7039</f>
        <v>#N/A</v>
      </c>
      <c r="E7031" t="e">
        <f t="shared" si="110"/>
        <v>#N/A</v>
      </c>
      <c r="F7031" t="str">
        <f>IF(C7031="CLAY", INDEX(D$4:D7031, MATCH("CLAY", C$4:C7031, 0)), "")</f>
        <v/>
      </c>
    </row>
    <row r="7032" spans="1:6" x14ac:dyDescent="0.2">
      <c r="A7032" s="239">
        <f>'CPT Data'!B7040</f>
        <v>70.093000000000004</v>
      </c>
      <c r="B7032" s="3">
        <f>'CPT Data'!C7040</f>
        <v>70.085999999999999</v>
      </c>
      <c r="C7032" t="str">
        <f>'CPT Data'!P7040</f>
        <v>SAND</v>
      </c>
      <c r="D7032" t="e">
        <f>'CPT Data'!Q7040</f>
        <v>#N/A</v>
      </c>
      <c r="E7032" t="e">
        <f t="shared" si="110"/>
        <v>#N/A</v>
      </c>
      <c r="F7032" t="str">
        <f>IF(C7032="CLAY", INDEX(D$4:D7032, MATCH("CLAY", C$4:C7032, 0)), "")</f>
        <v/>
      </c>
    </row>
    <row r="7033" spans="1:6" x14ac:dyDescent="0.2">
      <c r="A7033" s="239">
        <f>'CPT Data'!B7041</f>
        <v>70.102999999999994</v>
      </c>
      <c r="B7033" s="3">
        <f>'CPT Data'!C7041</f>
        <v>70.095999999999989</v>
      </c>
      <c r="C7033" t="str">
        <f>'CPT Data'!P7041</f>
        <v>SAND</v>
      </c>
      <c r="D7033" t="e">
        <f>'CPT Data'!Q7041</f>
        <v>#N/A</v>
      </c>
      <c r="E7033" t="e">
        <f t="shared" si="110"/>
        <v>#N/A</v>
      </c>
      <c r="F7033" t="str">
        <f>IF(C7033="CLAY", INDEX(D$4:D7033, MATCH("CLAY", C$4:C7033, 0)), "")</f>
        <v/>
      </c>
    </row>
    <row r="7034" spans="1:6" x14ac:dyDescent="0.2">
      <c r="A7034" s="239">
        <f>'CPT Data'!B7042</f>
        <v>70.114000000000004</v>
      </c>
      <c r="B7034" s="3">
        <f>'CPT Data'!C7042</f>
        <v>70.106999999999999</v>
      </c>
      <c r="C7034" t="str">
        <f>'CPT Data'!P7042</f>
        <v>SAND</v>
      </c>
      <c r="D7034" t="e">
        <f>'CPT Data'!Q7042</f>
        <v>#N/A</v>
      </c>
      <c r="E7034" t="e">
        <f t="shared" si="110"/>
        <v>#N/A</v>
      </c>
      <c r="F7034" t="str">
        <f>IF(C7034="CLAY", INDEX(D$4:D7034, MATCH("CLAY", C$4:C7034, 0)), "")</f>
        <v/>
      </c>
    </row>
    <row r="7035" spans="1:6" x14ac:dyDescent="0.2">
      <c r="A7035" s="239">
        <f>'CPT Data'!B7043</f>
        <v>70.123000000000005</v>
      </c>
      <c r="B7035" s="3">
        <f>'CPT Data'!C7043</f>
        <v>70.116</v>
      </c>
      <c r="C7035" t="str">
        <f>'CPT Data'!P7043</f>
        <v>SAND</v>
      </c>
      <c r="D7035" t="e">
        <f>'CPT Data'!Q7043</f>
        <v>#N/A</v>
      </c>
      <c r="E7035" t="e">
        <f t="shared" si="110"/>
        <v>#N/A</v>
      </c>
      <c r="F7035" t="str">
        <f>IF(C7035="CLAY", INDEX(D$4:D7035, MATCH("CLAY", C$4:C7035, 0)), "")</f>
        <v/>
      </c>
    </row>
    <row r="7036" spans="1:6" x14ac:dyDescent="0.2">
      <c r="A7036" s="239">
        <f>'CPT Data'!B7044</f>
        <v>70.135000000000005</v>
      </c>
      <c r="B7036" s="3">
        <f>'CPT Data'!C7044</f>
        <v>70.128</v>
      </c>
      <c r="C7036" t="str">
        <f>'CPT Data'!P7044</f>
        <v>SAND</v>
      </c>
      <c r="D7036" t="e">
        <f>'CPT Data'!Q7044</f>
        <v>#N/A</v>
      </c>
      <c r="E7036" t="e">
        <f t="shared" si="110"/>
        <v>#N/A</v>
      </c>
      <c r="F7036" t="str">
        <f>IF(C7036="CLAY", INDEX(D$4:D7036, MATCH("CLAY", C$4:C7036, 0)), "")</f>
        <v/>
      </c>
    </row>
    <row r="7037" spans="1:6" x14ac:dyDescent="0.2">
      <c r="A7037" s="239">
        <f>'CPT Data'!B7045</f>
        <v>70.144000000000005</v>
      </c>
      <c r="B7037" s="3">
        <f>'CPT Data'!C7045</f>
        <v>70.137</v>
      </c>
      <c r="C7037" t="str">
        <f>'CPT Data'!P7045</f>
        <v>SAND</v>
      </c>
      <c r="D7037" t="e">
        <f>'CPT Data'!Q7045</f>
        <v>#N/A</v>
      </c>
      <c r="E7037" t="e">
        <f t="shared" si="110"/>
        <v>#N/A</v>
      </c>
      <c r="F7037" t="str">
        <f>IF(C7037="CLAY", INDEX(D$4:D7037, MATCH("CLAY", C$4:C7037, 0)), "")</f>
        <v/>
      </c>
    </row>
    <row r="7038" spans="1:6" x14ac:dyDescent="0.2">
      <c r="A7038" s="239">
        <f>'CPT Data'!B7046</f>
        <v>70.153999999999996</v>
      </c>
      <c r="B7038" s="3">
        <f>'CPT Data'!C7046</f>
        <v>70.146999999999991</v>
      </c>
      <c r="C7038" t="str">
        <f>'CPT Data'!P7046</f>
        <v>SAND</v>
      </c>
      <c r="D7038" t="e">
        <f>'CPT Data'!Q7046</f>
        <v>#N/A</v>
      </c>
      <c r="E7038" t="e">
        <f t="shared" si="110"/>
        <v>#N/A</v>
      </c>
      <c r="F7038" t="str">
        <f>IF(C7038="CLAY", INDEX(D$4:D7038, MATCH("CLAY", C$4:C7038, 0)), "")</f>
        <v/>
      </c>
    </row>
    <row r="7039" spans="1:6" x14ac:dyDescent="0.2">
      <c r="A7039" s="239">
        <f>'CPT Data'!B7047</f>
        <v>70.165000000000006</v>
      </c>
      <c r="B7039" s="3">
        <f>'CPT Data'!C7047</f>
        <v>70.158000000000001</v>
      </c>
      <c r="C7039" t="str">
        <f>'CPT Data'!P7047</f>
        <v>SAND</v>
      </c>
      <c r="D7039" t="e">
        <f>'CPT Data'!Q7047</f>
        <v>#N/A</v>
      </c>
      <c r="E7039" t="e">
        <f t="shared" si="110"/>
        <v>#N/A</v>
      </c>
      <c r="F7039" t="str">
        <f>IF(C7039="CLAY", INDEX(D$4:D7039, MATCH("CLAY", C$4:C7039, 0)), "")</f>
        <v/>
      </c>
    </row>
    <row r="7040" spans="1:6" x14ac:dyDescent="0.2">
      <c r="A7040" s="239">
        <f>'CPT Data'!B7048</f>
        <v>70.174000000000007</v>
      </c>
      <c r="B7040" s="3">
        <f>'CPT Data'!C7048</f>
        <v>70.167000000000002</v>
      </c>
      <c r="C7040" t="str">
        <f>'CPT Data'!P7048</f>
        <v>SAND</v>
      </c>
      <c r="D7040" t="e">
        <f>'CPT Data'!Q7048</f>
        <v>#N/A</v>
      </c>
      <c r="E7040" t="e">
        <f t="shared" si="110"/>
        <v>#N/A</v>
      </c>
      <c r="F7040" t="str">
        <f>IF(C7040="CLAY", INDEX(D$4:D7040, MATCH("CLAY", C$4:C7040, 0)), "")</f>
        <v/>
      </c>
    </row>
    <row r="7041" spans="1:6" x14ac:dyDescent="0.2">
      <c r="A7041" s="239">
        <f>'CPT Data'!B7049</f>
        <v>70.185000000000002</v>
      </c>
      <c r="B7041" s="3">
        <f>'CPT Data'!C7049</f>
        <v>70.177999999999997</v>
      </c>
      <c r="C7041" t="str">
        <f>'CPT Data'!P7049</f>
        <v>SAND</v>
      </c>
      <c r="D7041" t="e">
        <f>'CPT Data'!Q7049</f>
        <v>#N/A</v>
      </c>
      <c r="E7041" t="e">
        <f t="shared" si="110"/>
        <v>#N/A</v>
      </c>
      <c r="F7041" t="str">
        <f>IF(C7041="CLAY", INDEX(D$4:D7041, MATCH("CLAY", C$4:C7041, 0)), "")</f>
        <v/>
      </c>
    </row>
    <row r="7042" spans="1:6" x14ac:dyDescent="0.2">
      <c r="A7042" s="239">
        <f>'CPT Data'!B7050</f>
        <v>70.194999999999993</v>
      </c>
      <c r="B7042" s="3">
        <f>'CPT Data'!C7050</f>
        <v>70.187999999999988</v>
      </c>
      <c r="C7042" t="str">
        <f>'CPT Data'!P7050</f>
        <v>SAND</v>
      </c>
      <c r="D7042" t="e">
        <f>'CPT Data'!Q7050</f>
        <v>#N/A</v>
      </c>
      <c r="E7042" t="e">
        <f t="shared" si="110"/>
        <v>#N/A</v>
      </c>
      <c r="F7042" t="str">
        <f>IF(C7042="CLAY", INDEX(D$4:D7042, MATCH("CLAY", C$4:C7042, 0)), "")</f>
        <v/>
      </c>
    </row>
    <row r="7043" spans="1:6" x14ac:dyDescent="0.2">
      <c r="A7043" s="239">
        <f>'CPT Data'!B7051</f>
        <v>70.204999999999998</v>
      </c>
      <c r="B7043" s="3">
        <f>'CPT Data'!C7051</f>
        <v>70.197999999999993</v>
      </c>
      <c r="C7043" t="str">
        <f>'CPT Data'!P7051</f>
        <v>SAND</v>
      </c>
      <c r="D7043" t="e">
        <f>'CPT Data'!Q7051</f>
        <v>#N/A</v>
      </c>
      <c r="E7043" t="e">
        <f t="shared" si="110"/>
        <v>#N/A</v>
      </c>
      <c r="F7043" t="str">
        <f>IF(C7043="CLAY", INDEX(D$4:D7043, MATCH("CLAY", C$4:C7043, 0)), "")</f>
        <v/>
      </c>
    </row>
    <row r="7044" spans="1:6" x14ac:dyDescent="0.2">
      <c r="A7044" s="239">
        <f>'CPT Data'!B7052</f>
        <v>70.215000000000003</v>
      </c>
      <c r="B7044" s="3">
        <f>'CPT Data'!C7052</f>
        <v>70.207999999999998</v>
      </c>
      <c r="C7044" t="str">
        <f>'CPT Data'!P7052</f>
        <v>SAND</v>
      </c>
      <c r="D7044" t="e">
        <f>'CPT Data'!Q7052</f>
        <v>#N/A</v>
      </c>
      <c r="E7044" t="e">
        <f t="shared" si="110"/>
        <v>#N/A</v>
      </c>
      <c r="F7044" t="str">
        <f>IF(C7044="CLAY", INDEX(D$4:D7044, MATCH("CLAY", C$4:C7044, 0)), "")</f>
        <v/>
      </c>
    </row>
    <row r="7045" spans="1:6" x14ac:dyDescent="0.2">
      <c r="A7045" s="239">
        <f>'CPT Data'!B7053</f>
        <v>70.224999999999994</v>
      </c>
      <c r="B7045" s="3">
        <f>'CPT Data'!C7053</f>
        <v>70.217999999999989</v>
      </c>
      <c r="C7045" t="str">
        <f>'CPT Data'!P7053</f>
        <v>SAND</v>
      </c>
      <c r="D7045" t="e">
        <f>'CPT Data'!Q7053</f>
        <v>#N/A</v>
      </c>
      <c r="E7045" t="e">
        <f t="shared" si="110"/>
        <v>#N/A</v>
      </c>
      <c r="F7045" t="str">
        <f>IF(C7045="CLAY", INDEX(D$4:D7045, MATCH("CLAY", C$4:C7045, 0)), "")</f>
        <v/>
      </c>
    </row>
    <row r="7046" spans="1:6" x14ac:dyDescent="0.2">
      <c r="A7046" s="239">
        <f>'CPT Data'!B7054</f>
        <v>70.236000000000004</v>
      </c>
      <c r="B7046" s="3">
        <f>'CPT Data'!C7054</f>
        <v>70.228999999999999</v>
      </c>
      <c r="C7046" t="str">
        <f>'CPT Data'!P7054</f>
        <v>SAND</v>
      </c>
      <c r="D7046" t="e">
        <f>'CPT Data'!Q7054</f>
        <v>#N/A</v>
      </c>
      <c r="E7046" t="e">
        <f t="shared" si="110"/>
        <v>#N/A</v>
      </c>
      <c r="F7046" t="str">
        <f>IF(C7046="CLAY", INDEX(D$4:D7046, MATCH("CLAY", C$4:C7046, 0)), "")</f>
        <v/>
      </c>
    </row>
    <row r="7047" spans="1:6" x14ac:dyDescent="0.2">
      <c r="A7047" s="239">
        <f>'CPT Data'!B7055</f>
        <v>70.245999999999995</v>
      </c>
      <c r="B7047" s="3">
        <f>'CPT Data'!C7055</f>
        <v>70.23899999999999</v>
      </c>
      <c r="C7047" t="str">
        <f>'CPT Data'!P7055</f>
        <v>SAND</v>
      </c>
      <c r="D7047" t="e">
        <f>'CPT Data'!Q7055</f>
        <v>#N/A</v>
      </c>
      <c r="E7047" t="e">
        <f t="shared" si="110"/>
        <v>#N/A</v>
      </c>
      <c r="F7047" t="str">
        <f>IF(C7047="CLAY", INDEX(D$4:D7047, MATCH("CLAY", C$4:C7047, 0)), "")</f>
        <v/>
      </c>
    </row>
    <row r="7048" spans="1:6" x14ac:dyDescent="0.2">
      <c r="A7048" s="239">
        <f>'CPT Data'!B7056</f>
        <v>70.257000000000005</v>
      </c>
      <c r="B7048" s="3">
        <f>'CPT Data'!C7056</f>
        <v>70.25</v>
      </c>
      <c r="C7048" t="str">
        <f>'CPT Data'!P7056</f>
        <v>SAND</v>
      </c>
      <c r="D7048" t="e">
        <f>'CPT Data'!Q7056</f>
        <v>#N/A</v>
      </c>
      <c r="E7048" t="e">
        <f t="shared" si="110"/>
        <v>#N/A</v>
      </c>
      <c r="F7048" t="str">
        <f>IF(C7048="CLAY", INDEX(D$4:D7048, MATCH("CLAY", C$4:C7048, 0)), "")</f>
        <v/>
      </c>
    </row>
    <row r="7049" spans="1:6" x14ac:dyDescent="0.2">
      <c r="A7049" s="239">
        <f>'CPT Data'!B7057</f>
        <v>70.266999999999996</v>
      </c>
      <c r="B7049" s="3">
        <f>'CPT Data'!C7057</f>
        <v>70.259999999999991</v>
      </c>
      <c r="C7049" t="str">
        <f>'CPT Data'!P7057</f>
        <v>SAND</v>
      </c>
      <c r="D7049" t="e">
        <f>'CPT Data'!Q7057</f>
        <v>#N/A</v>
      </c>
      <c r="E7049" t="e">
        <f t="shared" si="110"/>
        <v>#N/A</v>
      </c>
      <c r="F7049" t="str">
        <f>IF(C7049="CLAY", INDEX(D$4:D7049, MATCH("CLAY", C$4:C7049, 0)), "")</f>
        <v/>
      </c>
    </row>
    <row r="7050" spans="1:6" x14ac:dyDescent="0.2">
      <c r="A7050" s="239">
        <f>'CPT Data'!B7058</f>
        <v>70.277000000000001</v>
      </c>
      <c r="B7050" s="3">
        <f>'CPT Data'!C7058</f>
        <v>70.27</v>
      </c>
      <c r="C7050" t="str">
        <f>'CPT Data'!P7058</f>
        <v>SAND</v>
      </c>
      <c r="D7050" t="e">
        <f>'CPT Data'!Q7058</f>
        <v>#N/A</v>
      </c>
      <c r="E7050" t="e">
        <f t="shared" si="110"/>
        <v>#N/A</v>
      </c>
      <c r="F7050" t="str">
        <f>IF(C7050="CLAY", INDEX(D$4:D7050, MATCH("CLAY", C$4:C7050, 0)), "")</f>
        <v/>
      </c>
    </row>
    <row r="7051" spans="1:6" x14ac:dyDescent="0.2">
      <c r="A7051" s="239">
        <f>'CPT Data'!B7059</f>
        <v>70.287000000000006</v>
      </c>
      <c r="B7051" s="3">
        <f>'CPT Data'!C7059</f>
        <v>70.28</v>
      </c>
      <c r="C7051" t="str">
        <f>'CPT Data'!P7059</f>
        <v>SAND</v>
      </c>
      <c r="D7051" t="e">
        <f>'CPT Data'!Q7059</f>
        <v>#N/A</v>
      </c>
      <c r="E7051" t="e">
        <f t="shared" si="110"/>
        <v>#N/A</v>
      </c>
      <c r="F7051" t="str">
        <f>IF(C7051="CLAY", INDEX(D$4:D7051, MATCH("CLAY", C$4:C7051, 0)), "")</f>
        <v/>
      </c>
    </row>
    <row r="7052" spans="1:6" x14ac:dyDescent="0.2">
      <c r="A7052" s="239">
        <f>'CPT Data'!B7060</f>
        <v>70.296999999999997</v>
      </c>
      <c r="B7052" s="3">
        <f>'CPT Data'!C7060</f>
        <v>70.289999999999992</v>
      </c>
      <c r="C7052" t="str">
        <f>'CPT Data'!P7060</f>
        <v>SAND</v>
      </c>
      <c r="D7052" t="e">
        <f>'CPT Data'!Q7060</f>
        <v>#N/A</v>
      </c>
      <c r="E7052" t="e">
        <f t="shared" si="110"/>
        <v>#N/A</v>
      </c>
      <c r="F7052" t="str">
        <f>IF(C7052="CLAY", INDEX(D$4:D7052, MATCH("CLAY", C$4:C7052, 0)), "")</f>
        <v/>
      </c>
    </row>
    <row r="7053" spans="1:6" x14ac:dyDescent="0.2">
      <c r="A7053" s="239">
        <f>'CPT Data'!B7061</f>
        <v>70.308000000000007</v>
      </c>
      <c r="B7053" s="3">
        <f>'CPT Data'!C7061</f>
        <v>70.301000000000002</v>
      </c>
      <c r="C7053" t="str">
        <f>'CPT Data'!P7061</f>
        <v>SAND</v>
      </c>
      <c r="D7053" t="e">
        <f>'CPT Data'!Q7061</f>
        <v>#N/A</v>
      </c>
      <c r="E7053" t="e">
        <f t="shared" si="110"/>
        <v>#N/A</v>
      </c>
      <c r="F7053" t="str">
        <f>IF(C7053="CLAY", INDEX(D$4:D7053, MATCH("CLAY", C$4:C7053, 0)), "")</f>
        <v/>
      </c>
    </row>
    <row r="7054" spans="1:6" x14ac:dyDescent="0.2">
      <c r="A7054" s="239">
        <f>'CPT Data'!B7062</f>
        <v>70.317999999999998</v>
      </c>
      <c r="B7054" s="3">
        <f>'CPT Data'!C7062</f>
        <v>70.310999999999993</v>
      </c>
      <c r="C7054" t="str">
        <f>'CPT Data'!P7062</f>
        <v>SAND</v>
      </c>
      <c r="D7054" t="e">
        <f>'CPT Data'!Q7062</f>
        <v>#N/A</v>
      </c>
      <c r="E7054" t="e">
        <f t="shared" si="110"/>
        <v>#N/A</v>
      </c>
      <c r="F7054" t="str">
        <f>IF(C7054="CLAY", INDEX(D$4:D7054, MATCH("CLAY", C$4:C7054, 0)), "")</f>
        <v/>
      </c>
    </row>
    <row r="7055" spans="1:6" x14ac:dyDescent="0.2">
      <c r="A7055" s="239">
        <f>'CPT Data'!B7063</f>
        <v>70.328000000000003</v>
      </c>
      <c r="B7055" s="3">
        <f>'CPT Data'!C7063</f>
        <v>70.320999999999998</v>
      </c>
      <c r="C7055" t="str">
        <f>'CPT Data'!P7063</f>
        <v>SAND</v>
      </c>
      <c r="D7055" t="e">
        <f>'CPT Data'!Q7063</f>
        <v>#N/A</v>
      </c>
      <c r="E7055" t="e">
        <f t="shared" si="110"/>
        <v>#N/A</v>
      </c>
      <c r="F7055" t="str">
        <f>IF(C7055="CLAY", INDEX(D$4:D7055, MATCH("CLAY", C$4:C7055, 0)), "")</f>
        <v/>
      </c>
    </row>
    <row r="7056" spans="1:6" x14ac:dyDescent="0.2">
      <c r="A7056" s="239">
        <f>'CPT Data'!B7064</f>
        <v>70.328999999999994</v>
      </c>
      <c r="B7056" s="3">
        <f>'CPT Data'!C7064</f>
        <v>70.321999999999989</v>
      </c>
      <c r="C7056" t="str">
        <f>'CPT Data'!P7064</f>
        <v>SAND</v>
      </c>
      <c r="D7056" t="e">
        <f>'CPT Data'!Q7064</f>
        <v>#N/A</v>
      </c>
      <c r="E7056" t="e">
        <f t="shared" si="110"/>
        <v>#N/A</v>
      </c>
      <c r="F7056" t="str">
        <f>IF(C7056="CLAY", INDEX(D$4:D7056, MATCH("CLAY", C$4:C7056, 0)), "")</f>
        <v/>
      </c>
    </row>
    <row r="7057" spans="1:6" x14ac:dyDescent="0.2">
      <c r="A7057" s="239">
        <f>'CPT Data'!B7065</f>
        <v>70.346000000000004</v>
      </c>
      <c r="B7057" s="3">
        <f>'CPT Data'!C7065</f>
        <v>70.338999999999999</v>
      </c>
      <c r="C7057" t="str">
        <f>'CPT Data'!P7065</f>
        <v>SAND</v>
      </c>
      <c r="D7057" t="e">
        <f>'CPT Data'!Q7065</f>
        <v>#N/A</v>
      </c>
      <c r="E7057" t="e">
        <f t="shared" si="110"/>
        <v>#N/A</v>
      </c>
      <c r="F7057" t="str">
        <f>IF(C7057="CLAY", INDEX(D$4:D7057, MATCH("CLAY", C$4:C7057, 0)), "")</f>
        <v/>
      </c>
    </row>
    <row r="7058" spans="1:6" x14ac:dyDescent="0.2">
      <c r="A7058" s="239">
        <f>'CPT Data'!B7066</f>
        <v>70.355999999999995</v>
      </c>
      <c r="B7058" s="3">
        <f>'CPT Data'!C7066</f>
        <v>70.34899999999999</v>
      </c>
      <c r="C7058" t="str">
        <f>'CPT Data'!P7066</f>
        <v>SAND</v>
      </c>
      <c r="D7058" t="e">
        <f>'CPT Data'!Q7066</f>
        <v>#N/A</v>
      </c>
      <c r="E7058" t="e">
        <f t="shared" si="110"/>
        <v>#N/A</v>
      </c>
      <c r="F7058" t="str">
        <f>IF(C7058="CLAY", INDEX(D$4:D7058, MATCH("CLAY", C$4:C7058, 0)), "")</f>
        <v/>
      </c>
    </row>
    <row r="7059" spans="1:6" x14ac:dyDescent="0.2">
      <c r="A7059" s="239">
        <f>'CPT Data'!B7067</f>
        <v>70.367000000000004</v>
      </c>
      <c r="B7059" s="3">
        <f>'CPT Data'!C7067</f>
        <v>70.36</v>
      </c>
      <c r="C7059" t="str">
        <f>'CPT Data'!P7067</f>
        <v>SAND</v>
      </c>
      <c r="D7059" t="e">
        <f>'CPT Data'!Q7067</f>
        <v>#N/A</v>
      </c>
      <c r="E7059" t="e">
        <f t="shared" si="110"/>
        <v>#N/A</v>
      </c>
      <c r="F7059" t="str">
        <f>IF(C7059="CLAY", INDEX(D$4:D7059, MATCH("CLAY", C$4:C7059, 0)), "")</f>
        <v/>
      </c>
    </row>
    <row r="7060" spans="1:6" x14ac:dyDescent="0.2">
      <c r="A7060" s="239">
        <f>'CPT Data'!B7068</f>
        <v>70.376999999999995</v>
      </c>
      <c r="B7060" s="3">
        <f>'CPT Data'!C7068</f>
        <v>70.36999999999999</v>
      </c>
      <c r="C7060" t="str">
        <f>'CPT Data'!P7068</f>
        <v>SAND</v>
      </c>
      <c r="D7060" t="e">
        <f>'CPT Data'!Q7068</f>
        <v>#N/A</v>
      </c>
      <c r="E7060" t="e">
        <f t="shared" si="110"/>
        <v>#N/A</v>
      </c>
      <c r="F7060" t="str">
        <f>IF(C7060="CLAY", INDEX(D$4:D7060, MATCH("CLAY", C$4:C7060, 0)), "")</f>
        <v/>
      </c>
    </row>
    <row r="7061" spans="1:6" x14ac:dyDescent="0.2">
      <c r="A7061" s="239">
        <f>'CPT Data'!B7069</f>
        <v>70.387</v>
      </c>
      <c r="B7061" s="3">
        <f>'CPT Data'!C7069</f>
        <v>70.38</v>
      </c>
      <c r="C7061" t="str">
        <f>'CPT Data'!P7069</f>
        <v>SAND</v>
      </c>
      <c r="D7061" t="e">
        <f>'CPT Data'!Q7069</f>
        <v>#N/A</v>
      </c>
      <c r="E7061" t="e">
        <f t="shared" si="110"/>
        <v>#N/A</v>
      </c>
      <c r="F7061" t="str">
        <f>IF(C7061="CLAY", INDEX(D$4:D7061, MATCH("CLAY", C$4:C7061, 0)), "")</f>
        <v/>
      </c>
    </row>
    <row r="7062" spans="1:6" x14ac:dyDescent="0.2">
      <c r="A7062" s="239">
        <f>'CPT Data'!B7070</f>
        <v>70.397000000000006</v>
      </c>
      <c r="B7062" s="3">
        <f>'CPT Data'!C7070</f>
        <v>70.39</v>
      </c>
      <c r="C7062" t="str">
        <f>'CPT Data'!P7070</f>
        <v>SAND</v>
      </c>
      <c r="D7062" t="e">
        <f>'CPT Data'!Q7070</f>
        <v>#N/A</v>
      </c>
      <c r="E7062" t="e">
        <f t="shared" si="110"/>
        <v>#N/A</v>
      </c>
      <c r="F7062" t="str">
        <f>IF(C7062="CLAY", INDEX(D$4:D7062, MATCH("CLAY", C$4:C7062, 0)), "")</f>
        <v/>
      </c>
    </row>
    <row r="7063" spans="1:6" x14ac:dyDescent="0.2">
      <c r="A7063" s="239">
        <f>'CPT Data'!B7071</f>
        <v>70.408000000000001</v>
      </c>
      <c r="B7063" s="3">
        <f>'CPT Data'!C7071</f>
        <v>70.400999999999996</v>
      </c>
      <c r="C7063" t="str">
        <f>'CPT Data'!P7071</f>
        <v>SAND</v>
      </c>
      <c r="D7063" t="e">
        <f>'CPT Data'!Q7071</f>
        <v>#N/A</v>
      </c>
      <c r="E7063" t="e">
        <f t="shared" si="110"/>
        <v>#N/A</v>
      </c>
      <c r="F7063" t="str">
        <f>IF(C7063="CLAY", INDEX(D$4:D7063, MATCH("CLAY", C$4:C7063, 0)), "")</f>
        <v/>
      </c>
    </row>
    <row r="7064" spans="1:6" x14ac:dyDescent="0.2">
      <c r="A7064" s="239">
        <f>'CPT Data'!B7072</f>
        <v>70.417000000000002</v>
      </c>
      <c r="B7064" s="3">
        <f>'CPT Data'!C7072</f>
        <v>70.41</v>
      </c>
      <c r="C7064" t="str">
        <f>'CPT Data'!P7072</f>
        <v>SAND</v>
      </c>
      <c r="D7064" t="e">
        <f>'CPT Data'!Q7072</f>
        <v>#N/A</v>
      </c>
      <c r="E7064" t="e">
        <f t="shared" si="110"/>
        <v>#N/A</v>
      </c>
      <c r="F7064" t="str">
        <f>IF(C7064="CLAY", INDEX(D$4:D7064, MATCH("CLAY", C$4:C7064, 0)), "")</f>
        <v/>
      </c>
    </row>
    <row r="7065" spans="1:6" x14ac:dyDescent="0.2">
      <c r="A7065" s="239">
        <f>'CPT Data'!B7073</f>
        <v>70.427999999999997</v>
      </c>
      <c r="B7065" s="3">
        <f>'CPT Data'!C7073</f>
        <v>70.420999999999992</v>
      </c>
      <c r="C7065" t="str">
        <f>'CPT Data'!P7073</f>
        <v>SAND</v>
      </c>
      <c r="D7065" t="e">
        <f>'CPT Data'!Q7073</f>
        <v>#N/A</v>
      </c>
      <c r="E7065" t="e">
        <f t="shared" si="110"/>
        <v>#N/A</v>
      </c>
      <c r="F7065" t="str">
        <f>IF(C7065="CLAY", INDEX(D$4:D7065, MATCH("CLAY", C$4:C7065, 0)), "")</f>
        <v/>
      </c>
    </row>
    <row r="7066" spans="1:6" x14ac:dyDescent="0.2">
      <c r="A7066" s="239">
        <f>'CPT Data'!B7074</f>
        <v>70.438000000000002</v>
      </c>
      <c r="B7066" s="3">
        <f>'CPT Data'!C7074</f>
        <v>70.430999999999997</v>
      </c>
      <c r="C7066" t="str">
        <f>'CPT Data'!P7074</f>
        <v>SAND</v>
      </c>
      <c r="D7066" t="e">
        <f>'CPT Data'!Q7074</f>
        <v>#N/A</v>
      </c>
      <c r="E7066" t="e">
        <f t="shared" si="110"/>
        <v>#N/A</v>
      </c>
      <c r="F7066" t="str">
        <f>IF(C7066="CLAY", INDEX(D$4:D7066, MATCH("CLAY", C$4:C7066, 0)), "")</f>
        <v/>
      </c>
    </row>
    <row r="7067" spans="1:6" x14ac:dyDescent="0.2">
      <c r="A7067" s="239">
        <f>'CPT Data'!B7075</f>
        <v>70.447999999999993</v>
      </c>
      <c r="B7067" s="3">
        <f>'CPT Data'!C7075</f>
        <v>70.440999999999988</v>
      </c>
      <c r="C7067" t="str">
        <f>'CPT Data'!P7075</f>
        <v>SAND</v>
      </c>
      <c r="D7067" t="e">
        <f>'CPT Data'!Q7075</f>
        <v>#N/A</v>
      </c>
      <c r="E7067" t="e">
        <f t="shared" ref="E7067:E7130" si="111">IF(C7067="SAND",#N/A,IF(C7067=C7066,D7066,IF(C7067="CLAY",D7067,#N/A)))</f>
        <v>#N/A</v>
      </c>
      <c r="F7067" t="str">
        <f>IF(C7067="CLAY", INDEX(D$4:D7067, MATCH("CLAY", C$4:C7067, 0)), "")</f>
        <v/>
      </c>
    </row>
    <row r="7068" spans="1:6" x14ac:dyDescent="0.2">
      <c r="A7068" s="239">
        <f>'CPT Data'!B7076</f>
        <v>70.456999999999994</v>
      </c>
      <c r="B7068" s="3">
        <f>'CPT Data'!C7076</f>
        <v>70.449999999999989</v>
      </c>
      <c r="C7068" t="str">
        <f>'CPT Data'!P7076</f>
        <v>SAND</v>
      </c>
      <c r="D7068" t="e">
        <f>'CPT Data'!Q7076</f>
        <v>#N/A</v>
      </c>
      <c r="E7068" t="e">
        <f t="shared" si="111"/>
        <v>#N/A</v>
      </c>
      <c r="F7068" t="str">
        <f>IF(C7068="CLAY", INDEX(D$4:D7068, MATCH("CLAY", C$4:C7068, 0)), "")</f>
        <v/>
      </c>
    </row>
    <row r="7069" spans="1:6" x14ac:dyDescent="0.2">
      <c r="A7069" s="239">
        <f>'CPT Data'!B7077</f>
        <v>70.468999999999994</v>
      </c>
      <c r="B7069" s="3">
        <f>'CPT Data'!C7077</f>
        <v>70.461999999999989</v>
      </c>
      <c r="C7069" t="str">
        <f>'CPT Data'!P7077</f>
        <v>SAND</v>
      </c>
      <c r="D7069" t="e">
        <f>'CPT Data'!Q7077</f>
        <v>#N/A</v>
      </c>
      <c r="E7069" t="e">
        <f t="shared" si="111"/>
        <v>#N/A</v>
      </c>
      <c r="F7069" t="str">
        <f>IF(C7069="CLAY", INDEX(D$4:D7069, MATCH("CLAY", C$4:C7069, 0)), "")</f>
        <v/>
      </c>
    </row>
    <row r="7070" spans="1:6" x14ac:dyDescent="0.2">
      <c r="A7070" s="239">
        <f>'CPT Data'!B7078</f>
        <v>70.477999999999994</v>
      </c>
      <c r="B7070" s="3">
        <f>'CPT Data'!C7078</f>
        <v>70.470999999999989</v>
      </c>
      <c r="C7070" t="str">
        <f>'CPT Data'!P7078</f>
        <v>SAND</v>
      </c>
      <c r="D7070" t="e">
        <f>'CPT Data'!Q7078</f>
        <v>#N/A</v>
      </c>
      <c r="E7070" t="e">
        <f t="shared" si="111"/>
        <v>#N/A</v>
      </c>
      <c r="F7070" t="str">
        <f>IF(C7070="CLAY", INDEX(D$4:D7070, MATCH("CLAY", C$4:C7070, 0)), "")</f>
        <v/>
      </c>
    </row>
    <row r="7071" spans="1:6" x14ac:dyDescent="0.2">
      <c r="A7071" s="239">
        <f>'CPT Data'!B7079</f>
        <v>70.488</v>
      </c>
      <c r="B7071" s="3">
        <f>'CPT Data'!C7079</f>
        <v>70.480999999999995</v>
      </c>
      <c r="C7071" t="str">
        <f>'CPT Data'!P7079</f>
        <v>SAND</v>
      </c>
      <c r="D7071" t="e">
        <f>'CPT Data'!Q7079</f>
        <v>#N/A</v>
      </c>
      <c r="E7071" t="e">
        <f t="shared" si="111"/>
        <v>#N/A</v>
      </c>
      <c r="F7071" t="str">
        <f>IF(C7071="CLAY", INDEX(D$4:D7071, MATCH("CLAY", C$4:C7071, 0)), "")</f>
        <v/>
      </c>
    </row>
    <row r="7072" spans="1:6" x14ac:dyDescent="0.2">
      <c r="A7072" s="239">
        <f>'CPT Data'!B7080</f>
        <v>70.498999999999995</v>
      </c>
      <c r="B7072" s="3">
        <f>'CPT Data'!C7080</f>
        <v>70.49199999999999</v>
      </c>
      <c r="C7072" t="str">
        <f>'CPT Data'!P7080</f>
        <v>SAND</v>
      </c>
      <c r="D7072" t="e">
        <f>'CPT Data'!Q7080</f>
        <v>#N/A</v>
      </c>
      <c r="E7072" t="e">
        <f t="shared" si="111"/>
        <v>#N/A</v>
      </c>
      <c r="F7072" t="str">
        <f>IF(C7072="CLAY", INDEX(D$4:D7072, MATCH("CLAY", C$4:C7072, 0)), "")</f>
        <v/>
      </c>
    </row>
    <row r="7073" spans="1:6" x14ac:dyDescent="0.2">
      <c r="A7073" s="239">
        <f>'CPT Data'!B7081</f>
        <v>70.509</v>
      </c>
      <c r="B7073" s="3">
        <f>'CPT Data'!C7081</f>
        <v>70.501999999999995</v>
      </c>
      <c r="C7073" t="str">
        <f>'CPT Data'!P7081</f>
        <v>SAND</v>
      </c>
      <c r="D7073" t="e">
        <f>'CPT Data'!Q7081</f>
        <v>#N/A</v>
      </c>
      <c r="E7073" t="e">
        <f t="shared" si="111"/>
        <v>#N/A</v>
      </c>
      <c r="F7073" t="str">
        <f>IF(C7073="CLAY", INDEX(D$4:D7073, MATCH("CLAY", C$4:C7073, 0)), "")</f>
        <v/>
      </c>
    </row>
    <row r="7074" spans="1:6" x14ac:dyDescent="0.2">
      <c r="A7074" s="239">
        <f>'CPT Data'!B7082</f>
        <v>70.52</v>
      </c>
      <c r="B7074" s="3">
        <f>'CPT Data'!C7082</f>
        <v>70.512999999999991</v>
      </c>
      <c r="C7074" t="str">
        <f>'CPT Data'!P7082</f>
        <v>SAND</v>
      </c>
      <c r="D7074" t="e">
        <f>'CPT Data'!Q7082</f>
        <v>#N/A</v>
      </c>
      <c r="E7074" t="e">
        <f t="shared" si="111"/>
        <v>#N/A</v>
      </c>
      <c r="F7074" t="str">
        <f>IF(C7074="CLAY", INDEX(D$4:D7074, MATCH("CLAY", C$4:C7074, 0)), "")</f>
        <v/>
      </c>
    </row>
    <row r="7075" spans="1:6" x14ac:dyDescent="0.2">
      <c r="A7075" s="239">
        <f>'CPT Data'!B7083</f>
        <v>70.53</v>
      </c>
      <c r="B7075" s="3">
        <f>'CPT Data'!C7083</f>
        <v>70.522999999999996</v>
      </c>
      <c r="C7075" t="str">
        <f>'CPT Data'!P7083</f>
        <v>SAND</v>
      </c>
      <c r="D7075" t="e">
        <f>'CPT Data'!Q7083</f>
        <v>#N/A</v>
      </c>
      <c r="E7075" t="e">
        <f t="shared" si="111"/>
        <v>#N/A</v>
      </c>
      <c r="F7075" t="str">
        <f>IF(C7075="CLAY", INDEX(D$4:D7075, MATCH("CLAY", C$4:C7075, 0)), "")</f>
        <v/>
      </c>
    </row>
    <row r="7076" spans="1:6" x14ac:dyDescent="0.2">
      <c r="A7076" s="239">
        <f>'CPT Data'!B7084</f>
        <v>70.540000000000006</v>
      </c>
      <c r="B7076" s="3">
        <f>'CPT Data'!C7084</f>
        <v>70.533000000000001</v>
      </c>
      <c r="C7076" t="str">
        <f>'CPT Data'!P7084</f>
        <v>SAND</v>
      </c>
      <c r="D7076" t="e">
        <f>'CPT Data'!Q7084</f>
        <v>#N/A</v>
      </c>
      <c r="E7076" t="e">
        <f t="shared" si="111"/>
        <v>#N/A</v>
      </c>
      <c r="F7076" t="str">
        <f>IF(C7076="CLAY", INDEX(D$4:D7076, MATCH("CLAY", C$4:C7076, 0)), "")</f>
        <v/>
      </c>
    </row>
    <row r="7077" spans="1:6" x14ac:dyDescent="0.2">
      <c r="A7077" s="239">
        <f>'CPT Data'!B7085</f>
        <v>70.551000000000002</v>
      </c>
      <c r="B7077" s="3">
        <f>'CPT Data'!C7085</f>
        <v>70.543999999999997</v>
      </c>
      <c r="C7077" t="str">
        <f>'CPT Data'!P7085</f>
        <v>SAND</v>
      </c>
      <c r="D7077" t="e">
        <f>'CPT Data'!Q7085</f>
        <v>#N/A</v>
      </c>
      <c r="E7077" t="e">
        <f t="shared" si="111"/>
        <v>#N/A</v>
      </c>
      <c r="F7077" t="str">
        <f>IF(C7077="CLAY", INDEX(D$4:D7077, MATCH("CLAY", C$4:C7077, 0)), "")</f>
        <v/>
      </c>
    </row>
    <row r="7078" spans="1:6" x14ac:dyDescent="0.2">
      <c r="A7078" s="239">
        <f>'CPT Data'!B7086</f>
        <v>70.56</v>
      </c>
      <c r="B7078" s="3">
        <f>'CPT Data'!C7086</f>
        <v>70.552999999999997</v>
      </c>
      <c r="C7078" t="str">
        <f>'CPT Data'!P7086</f>
        <v>SAND</v>
      </c>
      <c r="D7078" t="e">
        <f>'CPT Data'!Q7086</f>
        <v>#N/A</v>
      </c>
      <c r="E7078" t="e">
        <f t="shared" si="111"/>
        <v>#N/A</v>
      </c>
      <c r="F7078" t="str">
        <f>IF(C7078="CLAY", INDEX(D$4:D7078, MATCH("CLAY", C$4:C7078, 0)), "")</f>
        <v/>
      </c>
    </row>
    <row r="7079" spans="1:6" x14ac:dyDescent="0.2">
      <c r="A7079" s="239">
        <f>'CPT Data'!B7087</f>
        <v>70.570999999999998</v>
      </c>
      <c r="B7079" s="3">
        <f>'CPT Data'!C7087</f>
        <v>70.563999999999993</v>
      </c>
      <c r="C7079" t="str">
        <f>'CPT Data'!P7087</f>
        <v>SAND</v>
      </c>
      <c r="D7079" t="e">
        <f>'CPT Data'!Q7087</f>
        <v>#N/A</v>
      </c>
      <c r="E7079" t="e">
        <f t="shared" si="111"/>
        <v>#N/A</v>
      </c>
      <c r="F7079" t="str">
        <f>IF(C7079="CLAY", INDEX(D$4:D7079, MATCH("CLAY", C$4:C7079, 0)), "")</f>
        <v/>
      </c>
    </row>
    <row r="7080" spans="1:6" x14ac:dyDescent="0.2">
      <c r="A7080" s="239">
        <f>'CPT Data'!B7088</f>
        <v>70.581999999999994</v>
      </c>
      <c r="B7080" s="3">
        <f>'CPT Data'!C7088</f>
        <v>70.574999999999989</v>
      </c>
      <c r="C7080" t="str">
        <f>'CPT Data'!P7088</f>
        <v>SAND</v>
      </c>
      <c r="D7080" t="e">
        <f>'CPT Data'!Q7088</f>
        <v>#N/A</v>
      </c>
      <c r="E7080" t="e">
        <f t="shared" si="111"/>
        <v>#N/A</v>
      </c>
      <c r="F7080" t="str">
        <f>IF(C7080="CLAY", INDEX(D$4:D7080, MATCH("CLAY", C$4:C7080, 0)), "")</f>
        <v/>
      </c>
    </row>
    <row r="7081" spans="1:6" x14ac:dyDescent="0.2">
      <c r="A7081" s="239">
        <f>'CPT Data'!B7089</f>
        <v>70.590999999999994</v>
      </c>
      <c r="B7081" s="3">
        <f>'CPT Data'!C7089</f>
        <v>70.583999999999989</v>
      </c>
      <c r="C7081" t="str">
        <f>'CPT Data'!P7089</f>
        <v>SAND</v>
      </c>
      <c r="D7081" t="e">
        <f>'CPT Data'!Q7089</f>
        <v>#N/A</v>
      </c>
      <c r="E7081" t="e">
        <f t="shared" si="111"/>
        <v>#N/A</v>
      </c>
      <c r="F7081" t="str">
        <f>IF(C7081="CLAY", INDEX(D$4:D7081, MATCH("CLAY", C$4:C7081, 0)), "")</f>
        <v/>
      </c>
    </row>
    <row r="7082" spans="1:6" x14ac:dyDescent="0.2">
      <c r="A7082" s="239">
        <f>'CPT Data'!B7090</f>
        <v>70.600999999999999</v>
      </c>
      <c r="B7082" s="3">
        <f>'CPT Data'!C7090</f>
        <v>70.593999999999994</v>
      </c>
      <c r="C7082" t="str">
        <f>'CPT Data'!P7090</f>
        <v>SAND</v>
      </c>
      <c r="D7082" t="e">
        <f>'CPT Data'!Q7090</f>
        <v>#N/A</v>
      </c>
      <c r="E7082" t="e">
        <f t="shared" si="111"/>
        <v>#N/A</v>
      </c>
      <c r="F7082" t="str">
        <f>IF(C7082="CLAY", INDEX(D$4:D7082, MATCH("CLAY", C$4:C7082, 0)), "")</f>
        <v/>
      </c>
    </row>
    <row r="7083" spans="1:6" x14ac:dyDescent="0.2">
      <c r="A7083" s="239">
        <f>'CPT Data'!B7091</f>
        <v>70.613</v>
      </c>
      <c r="B7083" s="3">
        <f>'CPT Data'!C7091</f>
        <v>70.605999999999995</v>
      </c>
      <c r="C7083" t="str">
        <f>'CPT Data'!P7091</f>
        <v>SAND</v>
      </c>
      <c r="D7083" t="e">
        <f>'CPT Data'!Q7091</f>
        <v>#N/A</v>
      </c>
      <c r="E7083" t="e">
        <f t="shared" si="111"/>
        <v>#N/A</v>
      </c>
      <c r="F7083" t="str">
        <f>IF(C7083="CLAY", INDEX(D$4:D7083, MATCH("CLAY", C$4:C7083, 0)), "")</f>
        <v/>
      </c>
    </row>
    <row r="7084" spans="1:6" x14ac:dyDescent="0.2">
      <c r="A7084" s="239">
        <f>'CPT Data'!B7092</f>
        <v>70.623000000000005</v>
      </c>
      <c r="B7084" s="3">
        <f>'CPT Data'!C7092</f>
        <v>70.616</v>
      </c>
      <c r="C7084" t="str">
        <f>'CPT Data'!P7092</f>
        <v>SAND</v>
      </c>
      <c r="D7084" t="e">
        <f>'CPT Data'!Q7092</f>
        <v>#N/A</v>
      </c>
      <c r="E7084" t="e">
        <f t="shared" si="111"/>
        <v>#N/A</v>
      </c>
      <c r="F7084" t="str">
        <f>IF(C7084="CLAY", INDEX(D$4:D7084, MATCH("CLAY", C$4:C7084, 0)), "")</f>
        <v/>
      </c>
    </row>
    <row r="7085" spans="1:6" x14ac:dyDescent="0.2">
      <c r="A7085" s="239">
        <f>'CPT Data'!B7093</f>
        <v>70.632999999999996</v>
      </c>
      <c r="B7085" s="3">
        <f>'CPT Data'!C7093</f>
        <v>70.625999999999991</v>
      </c>
      <c r="C7085" t="str">
        <f>'CPT Data'!P7093</f>
        <v>SAND</v>
      </c>
      <c r="D7085" t="e">
        <f>'CPT Data'!Q7093</f>
        <v>#N/A</v>
      </c>
      <c r="E7085" t="e">
        <f t="shared" si="111"/>
        <v>#N/A</v>
      </c>
      <c r="F7085" t="str">
        <f>IF(C7085="CLAY", INDEX(D$4:D7085, MATCH("CLAY", C$4:C7085, 0)), "")</f>
        <v/>
      </c>
    </row>
    <row r="7086" spans="1:6" x14ac:dyDescent="0.2">
      <c r="A7086" s="239">
        <f>'CPT Data'!B7094</f>
        <v>70.643000000000001</v>
      </c>
      <c r="B7086" s="3">
        <f>'CPT Data'!C7094</f>
        <v>70.635999999999996</v>
      </c>
      <c r="C7086" t="str">
        <f>'CPT Data'!P7094</f>
        <v>SAND</v>
      </c>
      <c r="D7086" t="e">
        <f>'CPT Data'!Q7094</f>
        <v>#N/A</v>
      </c>
      <c r="E7086" t="e">
        <f t="shared" si="111"/>
        <v>#N/A</v>
      </c>
      <c r="F7086" t="str">
        <f>IF(C7086="CLAY", INDEX(D$4:D7086, MATCH("CLAY", C$4:C7086, 0)), "")</f>
        <v/>
      </c>
    </row>
    <row r="7087" spans="1:6" x14ac:dyDescent="0.2">
      <c r="A7087" s="239">
        <f>'CPT Data'!B7095</f>
        <v>70.653000000000006</v>
      </c>
      <c r="B7087" s="3">
        <f>'CPT Data'!C7095</f>
        <v>70.646000000000001</v>
      </c>
      <c r="C7087" t="str">
        <f>'CPT Data'!P7095</f>
        <v>SAND</v>
      </c>
      <c r="D7087" t="e">
        <f>'CPT Data'!Q7095</f>
        <v>#N/A</v>
      </c>
      <c r="E7087" t="e">
        <f t="shared" si="111"/>
        <v>#N/A</v>
      </c>
      <c r="F7087" t="str">
        <f>IF(C7087="CLAY", INDEX(D$4:D7087, MATCH("CLAY", C$4:C7087, 0)), "")</f>
        <v/>
      </c>
    </row>
    <row r="7088" spans="1:6" x14ac:dyDescent="0.2">
      <c r="A7088" s="239">
        <f>'CPT Data'!B7096</f>
        <v>70.664000000000001</v>
      </c>
      <c r="B7088" s="3">
        <f>'CPT Data'!C7096</f>
        <v>70.656999999999996</v>
      </c>
      <c r="C7088" t="str">
        <f>'CPT Data'!P7096</f>
        <v>SAND</v>
      </c>
      <c r="D7088" t="e">
        <f>'CPT Data'!Q7096</f>
        <v>#N/A</v>
      </c>
      <c r="E7088" t="e">
        <f t="shared" si="111"/>
        <v>#N/A</v>
      </c>
      <c r="F7088" t="str">
        <f>IF(C7088="CLAY", INDEX(D$4:D7088, MATCH("CLAY", C$4:C7088, 0)), "")</f>
        <v/>
      </c>
    </row>
    <row r="7089" spans="1:6" x14ac:dyDescent="0.2">
      <c r="A7089" s="239">
        <f>'CPT Data'!B7097</f>
        <v>70.673000000000002</v>
      </c>
      <c r="B7089" s="3">
        <f>'CPT Data'!C7097</f>
        <v>70.665999999999997</v>
      </c>
      <c r="C7089" t="str">
        <f>'CPT Data'!P7097</f>
        <v>SAND</v>
      </c>
      <c r="D7089" t="e">
        <f>'CPT Data'!Q7097</f>
        <v>#N/A</v>
      </c>
      <c r="E7089" t="e">
        <f t="shared" si="111"/>
        <v>#N/A</v>
      </c>
      <c r="F7089" t="str">
        <f>IF(C7089="CLAY", INDEX(D$4:D7089, MATCH("CLAY", C$4:C7089, 0)), "")</f>
        <v/>
      </c>
    </row>
    <row r="7090" spans="1:6" x14ac:dyDescent="0.2">
      <c r="A7090" s="239">
        <f>'CPT Data'!B7098</f>
        <v>70.683000000000007</v>
      </c>
      <c r="B7090" s="3">
        <f>'CPT Data'!C7098</f>
        <v>70.676000000000002</v>
      </c>
      <c r="C7090" t="str">
        <f>'CPT Data'!P7098</f>
        <v>SAND</v>
      </c>
      <c r="D7090" t="e">
        <f>'CPT Data'!Q7098</f>
        <v>#N/A</v>
      </c>
      <c r="E7090" t="e">
        <f t="shared" si="111"/>
        <v>#N/A</v>
      </c>
      <c r="F7090" t="str">
        <f>IF(C7090="CLAY", INDEX(D$4:D7090, MATCH("CLAY", C$4:C7090, 0)), "")</f>
        <v/>
      </c>
    </row>
    <row r="7091" spans="1:6" x14ac:dyDescent="0.2">
      <c r="A7091" s="239">
        <f>'CPT Data'!B7099</f>
        <v>70.692999999999998</v>
      </c>
      <c r="B7091" s="3">
        <f>'CPT Data'!C7099</f>
        <v>70.685999999999993</v>
      </c>
      <c r="C7091" t="str">
        <f>'CPT Data'!P7099</f>
        <v>SAND</v>
      </c>
      <c r="D7091" t="e">
        <f>'CPT Data'!Q7099</f>
        <v>#N/A</v>
      </c>
      <c r="E7091" t="e">
        <f t="shared" si="111"/>
        <v>#N/A</v>
      </c>
      <c r="F7091" t="str">
        <f>IF(C7091="CLAY", INDEX(D$4:D7091, MATCH("CLAY", C$4:C7091, 0)), "")</f>
        <v/>
      </c>
    </row>
    <row r="7092" spans="1:6" x14ac:dyDescent="0.2">
      <c r="A7092" s="239">
        <f>'CPT Data'!B7100</f>
        <v>70.703999999999994</v>
      </c>
      <c r="B7092" s="3">
        <f>'CPT Data'!C7100</f>
        <v>70.696999999999989</v>
      </c>
      <c r="C7092" t="str">
        <f>'CPT Data'!P7100</f>
        <v>SAND</v>
      </c>
      <c r="D7092" t="e">
        <f>'CPT Data'!Q7100</f>
        <v>#N/A</v>
      </c>
      <c r="E7092" t="e">
        <f t="shared" si="111"/>
        <v>#N/A</v>
      </c>
      <c r="F7092" t="str">
        <f>IF(C7092="CLAY", INDEX(D$4:D7092, MATCH("CLAY", C$4:C7092, 0)), "")</f>
        <v/>
      </c>
    </row>
    <row r="7093" spans="1:6" x14ac:dyDescent="0.2">
      <c r="A7093" s="239">
        <f>'CPT Data'!B7101</f>
        <v>70.713999999999999</v>
      </c>
      <c r="B7093" s="3">
        <f>'CPT Data'!C7101</f>
        <v>70.706999999999994</v>
      </c>
      <c r="C7093" t="str">
        <f>'CPT Data'!P7101</f>
        <v>SAND</v>
      </c>
      <c r="D7093" t="e">
        <f>'CPT Data'!Q7101</f>
        <v>#N/A</v>
      </c>
      <c r="E7093" t="e">
        <f t="shared" si="111"/>
        <v>#N/A</v>
      </c>
      <c r="F7093" t="str">
        <f>IF(C7093="CLAY", INDEX(D$4:D7093, MATCH("CLAY", C$4:C7093, 0)), "")</f>
        <v/>
      </c>
    </row>
    <row r="7094" spans="1:6" x14ac:dyDescent="0.2">
      <c r="A7094" s="239">
        <f>'CPT Data'!B7102</f>
        <v>70.724000000000004</v>
      </c>
      <c r="B7094" s="3">
        <f>'CPT Data'!C7102</f>
        <v>70.716999999999999</v>
      </c>
      <c r="C7094" t="str">
        <f>'CPT Data'!P7102</f>
        <v>SAND</v>
      </c>
      <c r="D7094" t="e">
        <f>'CPT Data'!Q7102</f>
        <v>#N/A</v>
      </c>
      <c r="E7094" t="e">
        <f t="shared" si="111"/>
        <v>#N/A</v>
      </c>
      <c r="F7094" t="str">
        <f>IF(C7094="CLAY", INDEX(D$4:D7094, MATCH("CLAY", C$4:C7094, 0)), "")</f>
        <v/>
      </c>
    </row>
    <row r="7095" spans="1:6" x14ac:dyDescent="0.2">
      <c r="A7095" s="239">
        <f>'CPT Data'!B7103</f>
        <v>70.733000000000004</v>
      </c>
      <c r="B7095" s="3">
        <f>'CPT Data'!C7103</f>
        <v>70.725999999999999</v>
      </c>
      <c r="C7095" t="str">
        <f>'CPT Data'!P7103</f>
        <v>SAND</v>
      </c>
      <c r="D7095" t="e">
        <f>'CPT Data'!Q7103</f>
        <v>#N/A</v>
      </c>
      <c r="E7095" t="e">
        <f t="shared" si="111"/>
        <v>#N/A</v>
      </c>
      <c r="F7095" t="str">
        <f>IF(C7095="CLAY", INDEX(D$4:D7095, MATCH("CLAY", C$4:C7095, 0)), "")</f>
        <v/>
      </c>
    </row>
    <row r="7096" spans="1:6" x14ac:dyDescent="0.2">
      <c r="A7096" s="239">
        <f>'CPT Data'!B7104</f>
        <v>70.744</v>
      </c>
      <c r="B7096" s="3">
        <f>'CPT Data'!C7104</f>
        <v>70.736999999999995</v>
      </c>
      <c r="C7096" t="str">
        <f>'CPT Data'!P7104</f>
        <v>SAND</v>
      </c>
      <c r="D7096" t="e">
        <f>'CPT Data'!Q7104</f>
        <v>#N/A</v>
      </c>
      <c r="E7096" t="e">
        <f t="shared" si="111"/>
        <v>#N/A</v>
      </c>
      <c r="F7096" t="str">
        <f>IF(C7096="CLAY", INDEX(D$4:D7096, MATCH("CLAY", C$4:C7096, 0)), "")</f>
        <v/>
      </c>
    </row>
    <row r="7097" spans="1:6" x14ac:dyDescent="0.2">
      <c r="A7097" s="239">
        <f>'CPT Data'!B7105</f>
        <v>70.754000000000005</v>
      </c>
      <c r="B7097" s="3">
        <f>'CPT Data'!C7105</f>
        <v>70.747</v>
      </c>
      <c r="C7097" t="str">
        <f>'CPT Data'!P7105</f>
        <v>SAND</v>
      </c>
      <c r="D7097" t="e">
        <f>'CPT Data'!Q7105</f>
        <v>#N/A</v>
      </c>
      <c r="E7097" t="e">
        <f t="shared" si="111"/>
        <v>#N/A</v>
      </c>
      <c r="F7097" t="str">
        <f>IF(C7097="CLAY", INDEX(D$4:D7097, MATCH("CLAY", C$4:C7097, 0)), "")</f>
        <v/>
      </c>
    </row>
    <row r="7098" spans="1:6" x14ac:dyDescent="0.2">
      <c r="A7098" s="239">
        <f>'CPT Data'!B7106</f>
        <v>70.765000000000001</v>
      </c>
      <c r="B7098" s="3">
        <f>'CPT Data'!C7106</f>
        <v>70.757999999999996</v>
      </c>
      <c r="C7098" t="str">
        <f>'CPT Data'!P7106</f>
        <v>SAND</v>
      </c>
      <c r="D7098" t="e">
        <f>'CPT Data'!Q7106</f>
        <v>#N/A</v>
      </c>
      <c r="E7098" t="e">
        <f t="shared" si="111"/>
        <v>#N/A</v>
      </c>
      <c r="F7098" t="str">
        <f>IF(C7098="CLAY", INDEX(D$4:D7098, MATCH("CLAY", C$4:C7098, 0)), "")</f>
        <v/>
      </c>
    </row>
    <row r="7099" spans="1:6" x14ac:dyDescent="0.2">
      <c r="A7099" s="239">
        <f>'CPT Data'!B7107</f>
        <v>70.774000000000001</v>
      </c>
      <c r="B7099" s="3">
        <f>'CPT Data'!C7107</f>
        <v>70.766999999999996</v>
      </c>
      <c r="C7099" t="str">
        <f>'CPT Data'!P7107</f>
        <v>SAND</v>
      </c>
      <c r="D7099" t="e">
        <f>'CPT Data'!Q7107</f>
        <v>#N/A</v>
      </c>
      <c r="E7099" t="e">
        <f t="shared" si="111"/>
        <v>#N/A</v>
      </c>
      <c r="F7099" t="str">
        <f>IF(C7099="CLAY", INDEX(D$4:D7099, MATCH("CLAY", C$4:C7099, 0)), "")</f>
        <v/>
      </c>
    </row>
    <row r="7100" spans="1:6" x14ac:dyDescent="0.2">
      <c r="A7100" s="239">
        <f>'CPT Data'!B7108</f>
        <v>70.784999999999997</v>
      </c>
      <c r="B7100" s="3">
        <f>'CPT Data'!C7108</f>
        <v>70.777999999999992</v>
      </c>
      <c r="C7100" t="str">
        <f>'CPT Data'!P7108</f>
        <v>SAND</v>
      </c>
      <c r="D7100" t="e">
        <f>'CPT Data'!Q7108</f>
        <v>#N/A</v>
      </c>
      <c r="E7100" t="e">
        <f t="shared" si="111"/>
        <v>#N/A</v>
      </c>
      <c r="F7100" t="str">
        <f>IF(C7100="CLAY", INDEX(D$4:D7100, MATCH("CLAY", C$4:C7100, 0)), "")</f>
        <v/>
      </c>
    </row>
    <row r="7101" spans="1:6" x14ac:dyDescent="0.2">
      <c r="A7101" s="239">
        <f>'CPT Data'!B7109</f>
        <v>70.795000000000002</v>
      </c>
      <c r="B7101" s="3">
        <f>'CPT Data'!C7109</f>
        <v>70.787999999999997</v>
      </c>
      <c r="C7101" t="str">
        <f>'CPT Data'!P7109</f>
        <v>SAND</v>
      </c>
      <c r="D7101" t="e">
        <f>'CPT Data'!Q7109</f>
        <v>#N/A</v>
      </c>
      <c r="E7101" t="e">
        <f t="shared" si="111"/>
        <v>#N/A</v>
      </c>
      <c r="F7101" t="str">
        <f>IF(C7101="CLAY", INDEX(D$4:D7101, MATCH("CLAY", C$4:C7101, 0)), "")</f>
        <v/>
      </c>
    </row>
    <row r="7102" spans="1:6" x14ac:dyDescent="0.2">
      <c r="A7102" s="239">
        <f>'CPT Data'!B7110</f>
        <v>70.804000000000002</v>
      </c>
      <c r="B7102" s="3">
        <f>'CPT Data'!C7110</f>
        <v>70.796999999999997</v>
      </c>
      <c r="C7102" t="str">
        <f>'CPT Data'!P7110</f>
        <v>SAND</v>
      </c>
      <c r="D7102" t="e">
        <f>'CPT Data'!Q7110</f>
        <v>#N/A</v>
      </c>
      <c r="E7102" t="e">
        <f t="shared" si="111"/>
        <v>#N/A</v>
      </c>
      <c r="F7102" t="str">
        <f>IF(C7102="CLAY", INDEX(D$4:D7102, MATCH("CLAY", C$4:C7102, 0)), "")</f>
        <v/>
      </c>
    </row>
    <row r="7103" spans="1:6" x14ac:dyDescent="0.2">
      <c r="A7103" s="239">
        <f>'CPT Data'!B7111</f>
        <v>70.813999999999993</v>
      </c>
      <c r="B7103" s="3">
        <f>'CPT Data'!C7111</f>
        <v>70.806999999999988</v>
      </c>
      <c r="C7103" t="str">
        <f>'CPT Data'!P7111</f>
        <v>SAND</v>
      </c>
      <c r="D7103" t="e">
        <f>'CPT Data'!Q7111</f>
        <v>#N/A</v>
      </c>
      <c r="E7103" t="e">
        <f t="shared" si="111"/>
        <v>#N/A</v>
      </c>
      <c r="F7103" t="str">
        <f>IF(C7103="CLAY", INDEX(D$4:D7103, MATCH("CLAY", C$4:C7103, 0)), "")</f>
        <v/>
      </c>
    </row>
    <row r="7104" spans="1:6" x14ac:dyDescent="0.2">
      <c r="A7104" s="239">
        <f>'CPT Data'!B7112</f>
        <v>70.823999999999998</v>
      </c>
      <c r="B7104" s="3">
        <f>'CPT Data'!C7112</f>
        <v>70.816999999999993</v>
      </c>
      <c r="C7104" t="str">
        <f>'CPT Data'!P7112</f>
        <v>SAND</v>
      </c>
      <c r="D7104" t="e">
        <f>'CPT Data'!Q7112</f>
        <v>#N/A</v>
      </c>
      <c r="E7104" t="e">
        <f t="shared" si="111"/>
        <v>#N/A</v>
      </c>
      <c r="F7104" t="str">
        <f>IF(C7104="CLAY", INDEX(D$4:D7104, MATCH("CLAY", C$4:C7104, 0)), "")</f>
        <v/>
      </c>
    </row>
    <row r="7105" spans="1:6" x14ac:dyDescent="0.2">
      <c r="A7105" s="239">
        <f>'CPT Data'!B7113</f>
        <v>70.834000000000003</v>
      </c>
      <c r="B7105" s="3">
        <f>'CPT Data'!C7113</f>
        <v>70.826999999999998</v>
      </c>
      <c r="C7105" t="str">
        <f>'CPT Data'!P7113</f>
        <v>SAND</v>
      </c>
      <c r="D7105" t="e">
        <f>'CPT Data'!Q7113</f>
        <v>#N/A</v>
      </c>
      <c r="E7105" t="e">
        <f t="shared" si="111"/>
        <v>#N/A</v>
      </c>
      <c r="F7105" t="str">
        <f>IF(C7105="CLAY", INDEX(D$4:D7105, MATCH("CLAY", C$4:C7105, 0)), "")</f>
        <v/>
      </c>
    </row>
    <row r="7106" spans="1:6" x14ac:dyDescent="0.2">
      <c r="A7106" s="239">
        <f>'CPT Data'!B7114</f>
        <v>70.843999999999994</v>
      </c>
      <c r="B7106" s="3">
        <f>'CPT Data'!C7114</f>
        <v>70.836999999999989</v>
      </c>
      <c r="C7106" t="str">
        <f>'CPT Data'!P7114</f>
        <v>SAND</v>
      </c>
      <c r="D7106" t="e">
        <f>'CPT Data'!Q7114</f>
        <v>#N/A</v>
      </c>
      <c r="E7106" t="e">
        <f t="shared" si="111"/>
        <v>#N/A</v>
      </c>
      <c r="F7106" t="str">
        <f>IF(C7106="CLAY", INDEX(D$4:D7106, MATCH("CLAY", C$4:C7106, 0)), "")</f>
        <v/>
      </c>
    </row>
    <row r="7107" spans="1:6" x14ac:dyDescent="0.2">
      <c r="A7107" s="239">
        <f>'CPT Data'!B7115</f>
        <v>70.853999999999999</v>
      </c>
      <c r="B7107" s="3">
        <f>'CPT Data'!C7115</f>
        <v>70.846999999999994</v>
      </c>
      <c r="C7107" t="str">
        <f>'CPT Data'!P7115</f>
        <v>SAND</v>
      </c>
      <c r="D7107" t="e">
        <f>'CPT Data'!Q7115</f>
        <v>#N/A</v>
      </c>
      <c r="E7107" t="e">
        <f t="shared" si="111"/>
        <v>#N/A</v>
      </c>
      <c r="F7107" t="str">
        <f>IF(C7107="CLAY", INDEX(D$4:D7107, MATCH("CLAY", C$4:C7107, 0)), "")</f>
        <v/>
      </c>
    </row>
    <row r="7108" spans="1:6" x14ac:dyDescent="0.2">
      <c r="A7108" s="239">
        <f>'CPT Data'!B7116</f>
        <v>70.864000000000004</v>
      </c>
      <c r="B7108" s="3">
        <f>'CPT Data'!C7116</f>
        <v>70.856999999999999</v>
      </c>
      <c r="C7108" t="str">
        <f>'CPT Data'!P7116</f>
        <v>SAND</v>
      </c>
      <c r="D7108" t="e">
        <f>'CPT Data'!Q7116</f>
        <v>#N/A</v>
      </c>
      <c r="E7108" t="e">
        <f t="shared" si="111"/>
        <v>#N/A</v>
      </c>
      <c r="F7108" t="str">
        <f>IF(C7108="CLAY", INDEX(D$4:D7108, MATCH("CLAY", C$4:C7108, 0)), "")</f>
        <v/>
      </c>
    </row>
    <row r="7109" spans="1:6" x14ac:dyDescent="0.2">
      <c r="A7109" s="239">
        <f>'CPT Data'!B7117</f>
        <v>70.873000000000005</v>
      </c>
      <c r="B7109" s="3">
        <f>'CPT Data'!C7117</f>
        <v>70.866</v>
      </c>
      <c r="C7109" t="str">
        <f>'CPT Data'!P7117</f>
        <v>SAND</v>
      </c>
      <c r="D7109" t="e">
        <f>'CPT Data'!Q7117</f>
        <v>#N/A</v>
      </c>
      <c r="E7109" t="e">
        <f t="shared" si="111"/>
        <v>#N/A</v>
      </c>
      <c r="F7109" t="str">
        <f>IF(C7109="CLAY", INDEX(D$4:D7109, MATCH("CLAY", C$4:C7109, 0)), "")</f>
        <v/>
      </c>
    </row>
    <row r="7110" spans="1:6" x14ac:dyDescent="0.2">
      <c r="A7110" s="239">
        <f>'CPT Data'!B7118</f>
        <v>70.882999999999996</v>
      </c>
      <c r="B7110" s="3">
        <f>'CPT Data'!C7118</f>
        <v>70.875999999999991</v>
      </c>
      <c r="C7110" t="str">
        <f>'CPT Data'!P7118</f>
        <v>SAND</v>
      </c>
      <c r="D7110" t="e">
        <f>'CPT Data'!Q7118</f>
        <v>#N/A</v>
      </c>
      <c r="E7110" t="e">
        <f t="shared" si="111"/>
        <v>#N/A</v>
      </c>
      <c r="F7110" t="str">
        <f>IF(C7110="CLAY", INDEX(D$4:D7110, MATCH("CLAY", C$4:C7110, 0)), "")</f>
        <v/>
      </c>
    </row>
    <row r="7111" spans="1:6" x14ac:dyDescent="0.2">
      <c r="A7111" s="239">
        <f>'CPT Data'!B7119</f>
        <v>70.893000000000001</v>
      </c>
      <c r="B7111" s="3">
        <f>'CPT Data'!C7119</f>
        <v>70.885999999999996</v>
      </c>
      <c r="C7111" t="str">
        <f>'CPT Data'!P7119</f>
        <v>SAND</v>
      </c>
      <c r="D7111" t="e">
        <f>'CPT Data'!Q7119</f>
        <v>#N/A</v>
      </c>
      <c r="E7111" t="e">
        <f t="shared" si="111"/>
        <v>#N/A</v>
      </c>
      <c r="F7111" t="str">
        <f>IF(C7111="CLAY", INDEX(D$4:D7111, MATCH("CLAY", C$4:C7111, 0)), "")</f>
        <v/>
      </c>
    </row>
    <row r="7112" spans="1:6" x14ac:dyDescent="0.2">
      <c r="A7112" s="239">
        <f>'CPT Data'!B7120</f>
        <v>70.903999999999996</v>
      </c>
      <c r="B7112" s="3">
        <f>'CPT Data'!C7120</f>
        <v>70.896999999999991</v>
      </c>
      <c r="C7112" t="str">
        <f>'CPT Data'!P7120</f>
        <v>SAND</v>
      </c>
      <c r="D7112" t="e">
        <f>'CPT Data'!Q7120</f>
        <v>#N/A</v>
      </c>
      <c r="E7112" t="e">
        <f t="shared" si="111"/>
        <v>#N/A</v>
      </c>
      <c r="F7112" t="str">
        <f>IF(C7112="CLAY", INDEX(D$4:D7112, MATCH("CLAY", C$4:C7112, 0)), "")</f>
        <v/>
      </c>
    </row>
    <row r="7113" spans="1:6" x14ac:dyDescent="0.2">
      <c r="A7113" s="239">
        <f>'CPT Data'!B7121</f>
        <v>70.914000000000001</v>
      </c>
      <c r="B7113" s="3">
        <f>'CPT Data'!C7121</f>
        <v>70.906999999999996</v>
      </c>
      <c r="C7113" t="str">
        <f>'CPT Data'!P7121</f>
        <v>SAND</v>
      </c>
      <c r="D7113" t="e">
        <f>'CPT Data'!Q7121</f>
        <v>#N/A</v>
      </c>
      <c r="E7113" t="e">
        <f t="shared" si="111"/>
        <v>#N/A</v>
      </c>
      <c r="F7113" t="str">
        <f>IF(C7113="CLAY", INDEX(D$4:D7113, MATCH("CLAY", C$4:C7113, 0)), "")</f>
        <v/>
      </c>
    </row>
    <row r="7114" spans="1:6" x14ac:dyDescent="0.2">
      <c r="A7114" s="239">
        <f>'CPT Data'!B7122</f>
        <v>70.924000000000007</v>
      </c>
      <c r="B7114" s="3">
        <f>'CPT Data'!C7122</f>
        <v>70.917000000000002</v>
      </c>
      <c r="C7114" t="str">
        <f>'CPT Data'!P7122</f>
        <v>SAND</v>
      </c>
      <c r="D7114" t="e">
        <f>'CPT Data'!Q7122</f>
        <v>#N/A</v>
      </c>
      <c r="E7114" t="e">
        <f t="shared" si="111"/>
        <v>#N/A</v>
      </c>
      <c r="F7114" t="str">
        <f>IF(C7114="CLAY", INDEX(D$4:D7114, MATCH("CLAY", C$4:C7114, 0)), "")</f>
        <v/>
      </c>
    </row>
    <row r="7115" spans="1:6" x14ac:dyDescent="0.2">
      <c r="A7115" s="239">
        <f>'CPT Data'!B7123</f>
        <v>70.933999999999997</v>
      </c>
      <c r="B7115" s="3">
        <f>'CPT Data'!C7123</f>
        <v>70.926999999999992</v>
      </c>
      <c r="C7115" t="str">
        <f>'CPT Data'!P7123</f>
        <v>SAND</v>
      </c>
      <c r="D7115" t="e">
        <f>'CPT Data'!Q7123</f>
        <v>#N/A</v>
      </c>
      <c r="E7115" t="e">
        <f t="shared" si="111"/>
        <v>#N/A</v>
      </c>
      <c r="F7115" t="str">
        <f>IF(C7115="CLAY", INDEX(D$4:D7115, MATCH("CLAY", C$4:C7115, 0)), "")</f>
        <v/>
      </c>
    </row>
    <row r="7116" spans="1:6" x14ac:dyDescent="0.2">
      <c r="A7116" s="239">
        <f>'CPT Data'!B7124</f>
        <v>70.942999999999998</v>
      </c>
      <c r="B7116" s="3">
        <f>'CPT Data'!C7124</f>
        <v>70.935999999999993</v>
      </c>
      <c r="C7116" t="str">
        <f>'CPT Data'!P7124</f>
        <v>SAND</v>
      </c>
      <c r="D7116" t="e">
        <f>'CPT Data'!Q7124</f>
        <v>#N/A</v>
      </c>
      <c r="E7116" t="e">
        <f t="shared" si="111"/>
        <v>#N/A</v>
      </c>
      <c r="F7116" t="str">
        <f>IF(C7116="CLAY", INDEX(D$4:D7116, MATCH("CLAY", C$4:C7116, 0)), "")</f>
        <v/>
      </c>
    </row>
    <row r="7117" spans="1:6" x14ac:dyDescent="0.2">
      <c r="A7117" s="239">
        <f>'CPT Data'!B7125</f>
        <v>70.953999999999994</v>
      </c>
      <c r="B7117" s="3">
        <f>'CPT Data'!C7125</f>
        <v>70.946999999999989</v>
      </c>
      <c r="C7117" t="str">
        <f>'CPT Data'!P7125</f>
        <v>SAND</v>
      </c>
      <c r="D7117" t="e">
        <f>'CPT Data'!Q7125</f>
        <v>#N/A</v>
      </c>
      <c r="E7117" t="e">
        <f t="shared" si="111"/>
        <v>#N/A</v>
      </c>
      <c r="F7117" t="str">
        <f>IF(C7117="CLAY", INDEX(D$4:D7117, MATCH("CLAY", C$4:C7117, 0)), "")</f>
        <v/>
      </c>
    </row>
    <row r="7118" spans="1:6" x14ac:dyDescent="0.2">
      <c r="A7118" s="239">
        <f>'CPT Data'!B7126</f>
        <v>70.962999999999994</v>
      </c>
      <c r="B7118" s="3">
        <f>'CPT Data'!C7126</f>
        <v>70.955999999999989</v>
      </c>
      <c r="C7118" t="str">
        <f>'CPT Data'!P7126</f>
        <v>SAND</v>
      </c>
      <c r="D7118" t="e">
        <f>'CPT Data'!Q7126</f>
        <v>#N/A</v>
      </c>
      <c r="E7118" t="e">
        <f t="shared" si="111"/>
        <v>#N/A</v>
      </c>
      <c r="F7118" t="str">
        <f>IF(C7118="CLAY", INDEX(D$4:D7118, MATCH("CLAY", C$4:C7118, 0)), "")</f>
        <v/>
      </c>
    </row>
    <row r="7119" spans="1:6" x14ac:dyDescent="0.2">
      <c r="A7119" s="239">
        <f>'CPT Data'!B7127</f>
        <v>70.974000000000004</v>
      </c>
      <c r="B7119" s="3">
        <f>'CPT Data'!C7127</f>
        <v>70.966999999999999</v>
      </c>
      <c r="C7119" t="str">
        <f>'CPT Data'!P7127</f>
        <v>SAND</v>
      </c>
      <c r="D7119" t="e">
        <f>'CPT Data'!Q7127</f>
        <v>#N/A</v>
      </c>
      <c r="E7119" t="e">
        <f t="shared" si="111"/>
        <v>#N/A</v>
      </c>
      <c r="F7119" t="str">
        <f>IF(C7119="CLAY", INDEX(D$4:D7119, MATCH("CLAY", C$4:C7119, 0)), "")</f>
        <v/>
      </c>
    </row>
    <row r="7120" spans="1:6" x14ac:dyDescent="0.2">
      <c r="A7120" s="239">
        <f>'CPT Data'!B7128</f>
        <v>70.983000000000004</v>
      </c>
      <c r="B7120" s="3">
        <f>'CPT Data'!C7128</f>
        <v>70.975999999999999</v>
      </c>
      <c r="C7120" t="str">
        <f>'CPT Data'!P7128</f>
        <v>SAND</v>
      </c>
      <c r="D7120" t="e">
        <f>'CPT Data'!Q7128</f>
        <v>#N/A</v>
      </c>
      <c r="E7120" t="e">
        <f t="shared" si="111"/>
        <v>#N/A</v>
      </c>
      <c r="F7120" t="str">
        <f>IF(C7120="CLAY", INDEX(D$4:D7120, MATCH("CLAY", C$4:C7120, 0)), "")</f>
        <v/>
      </c>
    </row>
    <row r="7121" spans="1:6" x14ac:dyDescent="0.2">
      <c r="A7121" s="239">
        <f>'CPT Data'!B7129</f>
        <v>70.992999999999995</v>
      </c>
      <c r="B7121" s="3">
        <f>'CPT Data'!C7129</f>
        <v>70.98599999999999</v>
      </c>
      <c r="C7121" t="str">
        <f>'CPT Data'!P7129</f>
        <v>SAND</v>
      </c>
      <c r="D7121" t="e">
        <f>'CPT Data'!Q7129</f>
        <v>#N/A</v>
      </c>
      <c r="E7121" t="e">
        <f t="shared" si="111"/>
        <v>#N/A</v>
      </c>
      <c r="F7121" t="str">
        <f>IF(C7121="CLAY", INDEX(D$4:D7121, MATCH("CLAY", C$4:C7121, 0)), "")</f>
        <v/>
      </c>
    </row>
    <row r="7122" spans="1:6" x14ac:dyDescent="0.2">
      <c r="A7122" s="239">
        <f>'CPT Data'!B7130</f>
        <v>71.003</v>
      </c>
      <c r="B7122" s="3">
        <f>'CPT Data'!C7130</f>
        <v>70.995999999999995</v>
      </c>
      <c r="C7122" t="str">
        <f>'CPT Data'!P7130</f>
        <v>SAND</v>
      </c>
      <c r="D7122" t="e">
        <f>'CPT Data'!Q7130</f>
        <v>#N/A</v>
      </c>
      <c r="E7122" t="e">
        <f t="shared" si="111"/>
        <v>#N/A</v>
      </c>
      <c r="F7122" t="str">
        <f>IF(C7122="CLAY", INDEX(D$4:D7122, MATCH("CLAY", C$4:C7122, 0)), "")</f>
        <v/>
      </c>
    </row>
    <row r="7123" spans="1:6" x14ac:dyDescent="0.2">
      <c r="A7123" s="239">
        <f>'CPT Data'!B7131</f>
        <v>71.012</v>
      </c>
      <c r="B7123" s="3">
        <f>'CPT Data'!C7131</f>
        <v>71.004999999999995</v>
      </c>
      <c r="C7123" t="str">
        <f>'CPT Data'!P7131</f>
        <v>SAND</v>
      </c>
      <c r="D7123" t="e">
        <f>'CPT Data'!Q7131</f>
        <v>#N/A</v>
      </c>
      <c r="E7123" t="e">
        <f t="shared" si="111"/>
        <v>#N/A</v>
      </c>
      <c r="F7123" t="str">
        <f>IF(C7123="CLAY", INDEX(D$4:D7123, MATCH("CLAY", C$4:C7123, 0)), "")</f>
        <v/>
      </c>
    </row>
    <row r="7124" spans="1:6" x14ac:dyDescent="0.2">
      <c r="A7124" s="239">
        <f>'CPT Data'!B7132</f>
        <v>71.022000000000006</v>
      </c>
      <c r="B7124" s="3">
        <f>'CPT Data'!C7132</f>
        <v>71.015000000000001</v>
      </c>
      <c r="C7124" t="str">
        <f>'CPT Data'!P7132</f>
        <v>SAND</v>
      </c>
      <c r="D7124" t="e">
        <f>'CPT Data'!Q7132</f>
        <v>#N/A</v>
      </c>
      <c r="E7124" t="e">
        <f t="shared" si="111"/>
        <v>#N/A</v>
      </c>
      <c r="F7124" t="str">
        <f>IF(C7124="CLAY", INDEX(D$4:D7124, MATCH("CLAY", C$4:C7124, 0)), "")</f>
        <v/>
      </c>
    </row>
    <row r="7125" spans="1:6" x14ac:dyDescent="0.2">
      <c r="A7125" s="239">
        <f>'CPT Data'!B7133</f>
        <v>71.031999999999996</v>
      </c>
      <c r="B7125" s="3">
        <f>'CPT Data'!C7133</f>
        <v>71.024999999999991</v>
      </c>
      <c r="C7125" t="str">
        <f>'CPT Data'!P7133</f>
        <v>SAND</v>
      </c>
      <c r="D7125" t="e">
        <f>'CPT Data'!Q7133</f>
        <v>#N/A</v>
      </c>
      <c r="E7125" t="e">
        <f t="shared" si="111"/>
        <v>#N/A</v>
      </c>
      <c r="F7125" t="str">
        <f>IF(C7125="CLAY", INDEX(D$4:D7125, MATCH("CLAY", C$4:C7125, 0)), "")</f>
        <v/>
      </c>
    </row>
    <row r="7126" spans="1:6" x14ac:dyDescent="0.2">
      <c r="A7126" s="239">
        <f>'CPT Data'!B7134</f>
        <v>71.040999999999997</v>
      </c>
      <c r="B7126" s="3">
        <f>'CPT Data'!C7134</f>
        <v>71.033999999999992</v>
      </c>
      <c r="C7126" t="str">
        <f>'CPT Data'!P7134</f>
        <v>SAND</v>
      </c>
      <c r="D7126" t="e">
        <f>'CPT Data'!Q7134</f>
        <v>#N/A</v>
      </c>
      <c r="E7126" t="e">
        <f t="shared" si="111"/>
        <v>#N/A</v>
      </c>
      <c r="F7126" t="str">
        <f>IF(C7126="CLAY", INDEX(D$4:D7126, MATCH("CLAY", C$4:C7126, 0)), "")</f>
        <v/>
      </c>
    </row>
    <row r="7127" spans="1:6" x14ac:dyDescent="0.2">
      <c r="A7127" s="239">
        <f>'CPT Data'!B7135</f>
        <v>71.051000000000002</v>
      </c>
      <c r="B7127" s="3">
        <f>'CPT Data'!C7135</f>
        <v>71.043999999999997</v>
      </c>
      <c r="C7127" t="str">
        <f>'CPT Data'!P7135</f>
        <v>SAND</v>
      </c>
      <c r="D7127" t="e">
        <f>'CPT Data'!Q7135</f>
        <v>#N/A</v>
      </c>
      <c r="E7127" t="e">
        <f t="shared" si="111"/>
        <v>#N/A</v>
      </c>
      <c r="F7127" t="str">
        <f>IF(C7127="CLAY", INDEX(D$4:D7127, MATCH("CLAY", C$4:C7127, 0)), "")</f>
        <v/>
      </c>
    </row>
    <row r="7128" spans="1:6" x14ac:dyDescent="0.2">
      <c r="A7128" s="239">
        <f>'CPT Data'!B7136</f>
        <v>71.061999999999998</v>
      </c>
      <c r="B7128" s="3">
        <f>'CPT Data'!C7136</f>
        <v>71.054999999999993</v>
      </c>
      <c r="C7128" t="str">
        <f>'CPT Data'!P7136</f>
        <v>SAND</v>
      </c>
      <c r="D7128" t="e">
        <f>'CPT Data'!Q7136</f>
        <v>#N/A</v>
      </c>
      <c r="E7128" t="e">
        <f t="shared" si="111"/>
        <v>#N/A</v>
      </c>
      <c r="F7128" t="str">
        <f>IF(C7128="CLAY", INDEX(D$4:D7128, MATCH("CLAY", C$4:C7128, 0)), "")</f>
        <v/>
      </c>
    </row>
    <row r="7129" spans="1:6" x14ac:dyDescent="0.2">
      <c r="A7129" s="239">
        <f>'CPT Data'!B7137</f>
        <v>71.072000000000003</v>
      </c>
      <c r="B7129" s="3">
        <f>'CPT Data'!C7137</f>
        <v>71.064999999999998</v>
      </c>
      <c r="C7129" t="str">
        <f>'CPT Data'!P7137</f>
        <v>SAND</v>
      </c>
      <c r="D7129" t="e">
        <f>'CPT Data'!Q7137</f>
        <v>#N/A</v>
      </c>
      <c r="E7129" t="e">
        <f t="shared" si="111"/>
        <v>#N/A</v>
      </c>
      <c r="F7129" t="str">
        <f>IF(C7129="CLAY", INDEX(D$4:D7129, MATCH("CLAY", C$4:C7129, 0)), "")</f>
        <v/>
      </c>
    </row>
    <row r="7130" spans="1:6" x14ac:dyDescent="0.2">
      <c r="A7130" s="239">
        <f>'CPT Data'!B7138</f>
        <v>71.081999999999994</v>
      </c>
      <c r="B7130" s="3">
        <f>'CPT Data'!C7138</f>
        <v>71.074999999999989</v>
      </c>
      <c r="C7130" t="str">
        <f>'CPT Data'!P7138</f>
        <v>SAND</v>
      </c>
      <c r="D7130" t="e">
        <f>'CPT Data'!Q7138</f>
        <v>#N/A</v>
      </c>
      <c r="E7130" t="e">
        <f t="shared" si="111"/>
        <v>#N/A</v>
      </c>
      <c r="F7130" t="str">
        <f>IF(C7130="CLAY", INDEX(D$4:D7130, MATCH("CLAY", C$4:C7130, 0)), "")</f>
        <v/>
      </c>
    </row>
    <row r="7131" spans="1:6" x14ac:dyDescent="0.2">
      <c r="A7131" s="239">
        <f>'CPT Data'!B7139</f>
        <v>71.091999999999999</v>
      </c>
      <c r="B7131" s="3">
        <f>'CPT Data'!C7139</f>
        <v>71.084999999999994</v>
      </c>
      <c r="C7131" t="str">
        <f>'CPT Data'!P7139</f>
        <v>SAND</v>
      </c>
      <c r="D7131" t="e">
        <f>'CPT Data'!Q7139</f>
        <v>#N/A</v>
      </c>
      <c r="E7131" t="e">
        <f t="shared" ref="E7131:E7194" si="112">IF(C7131="SAND",#N/A,IF(C7131=C7130,D7130,IF(C7131="CLAY",D7131,#N/A)))</f>
        <v>#N/A</v>
      </c>
      <c r="F7131" t="str">
        <f>IF(C7131="CLAY", INDEX(D$4:D7131, MATCH("CLAY", C$4:C7131, 0)), "")</f>
        <v/>
      </c>
    </row>
    <row r="7132" spans="1:6" x14ac:dyDescent="0.2">
      <c r="A7132" s="239">
        <f>'CPT Data'!B7140</f>
        <v>71.102000000000004</v>
      </c>
      <c r="B7132" s="3">
        <f>'CPT Data'!C7140</f>
        <v>71.094999999999999</v>
      </c>
      <c r="C7132" t="str">
        <f>'CPT Data'!P7140</f>
        <v>SAND</v>
      </c>
      <c r="D7132" t="e">
        <f>'CPT Data'!Q7140</f>
        <v>#N/A</v>
      </c>
      <c r="E7132" t="e">
        <f t="shared" si="112"/>
        <v>#N/A</v>
      </c>
      <c r="F7132" t="str">
        <f>IF(C7132="CLAY", INDEX(D$4:D7132, MATCH("CLAY", C$4:C7132, 0)), "")</f>
        <v/>
      </c>
    </row>
    <row r="7133" spans="1:6" x14ac:dyDescent="0.2">
      <c r="A7133" s="239">
        <f>'CPT Data'!B7141</f>
        <v>71.111999999999995</v>
      </c>
      <c r="B7133" s="3">
        <f>'CPT Data'!C7141</f>
        <v>71.10499999999999</v>
      </c>
      <c r="C7133" t="str">
        <f>'CPT Data'!P7141</f>
        <v>SAND</v>
      </c>
      <c r="D7133" t="e">
        <f>'CPT Data'!Q7141</f>
        <v>#N/A</v>
      </c>
      <c r="E7133" t="e">
        <f t="shared" si="112"/>
        <v>#N/A</v>
      </c>
      <c r="F7133" t="str">
        <f>IF(C7133="CLAY", INDEX(D$4:D7133, MATCH("CLAY", C$4:C7133, 0)), "")</f>
        <v/>
      </c>
    </row>
    <row r="7134" spans="1:6" x14ac:dyDescent="0.2">
      <c r="A7134" s="239">
        <f>'CPT Data'!B7142</f>
        <v>71.122</v>
      </c>
      <c r="B7134" s="3">
        <f>'CPT Data'!C7142</f>
        <v>71.114999999999995</v>
      </c>
      <c r="C7134" t="str">
        <f>'CPT Data'!P7142</f>
        <v>SAND</v>
      </c>
      <c r="D7134" t="e">
        <f>'CPT Data'!Q7142</f>
        <v>#N/A</v>
      </c>
      <c r="E7134" t="e">
        <f t="shared" si="112"/>
        <v>#N/A</v>
      </c>
      <c r="F7134" t="str">
        <f>IF(C7134="CLAY", INDEX(D$4:D7134, MATCH("CLAY", C$4:C7134, 0)), "")</f>
        <v/>
      </c>
    </row>
    <row r="7135" spans="1:6" x14ac:dyDescent="0.2">
      <c r="A7135" s="239">
        <f>'CPT Data'!B7143</f>
        <v>71.132000000000005</v>
      </c>
      <c r="B7135" s="3">
        <f>'CPT Data'!C7143</f>
        <v>71.125</v>
      </c>
      <c r="C7135" t="str">
        <f>'CPT Data'!P7143</f>
        <v>SAND</v>
      </c>
      <c r="D7135" t="e">
        <f>'CPT Data'!Q7143</f>
        <v>#N/A</v>
      </c>
      <c r="E7135" t="e">
        <f t="shared" si="112"/>
        <v>#N/A</v>
      </c>
      <c r="F7135" t="str">
        <f>IF(C7135="CLAY", INDEX(D$4:D7135, MATCH("CLAY", C$4:C7135, 0)), "")</f>
        <v/>
      </c>
    </row>
    <row r="7136" spans="1:6" x14ac:dyDescent="0.2">
      <c r="A7136" s="239">
        <f>'CPT Data'!B7144</f>
        <v>71.143000000000001</v>
      </c>
      <c r="B7136" s="3">
        <f>'CPT Data'!C7144</f>
        <v>71.135999999999996</v>
      </c>
      <c r="C7136" t="str">
        <f>'CPT Data'!P7144</f>
        <v>SAND</v>
      </c>
      <c r="D7136" t="e">
        <f>'CPT Data'!Q7144</f>
        <v>#N/A</v>
      </c>
      <c r="E7136" t="e">
        <f t="shared" si="112"/>
        <v>#N/A</v>
      </c>
      <c r="F7136" t="str">
        <f>IF(C7136="CLAY", INDEX(D$4:D7136, MATCH("CLAY", C$4:C7136, 0)), "")</f>
        <v/>
      </c>
    </row>
    <row r="7137" spans="1:6" x14ac:dyDescent="0.2">
      <c r="A7137" s="239">
        <f>'CPT Data'!B7145</f>
        <v>71.152000000000001</v>
      </c>
      <c r="B7137" s="3">
        <f>'CPT Data'!C7145</f>
        <v>71.144999999999996</v>
      </c>
      <c r="C7137" t="str">
        <f>'CPT Data'!P7145</f>
        <v>SAND</v>
      </c>
      <c r="D7137" t="e">
        <f>'CPT Data'!Q7145</f>
        <v>#N/A</v>
      </c>
      <c r="E7137" t="e">
        <f t="shared" si="112"/>
        <v>#N/A</v>
      </c>
      <c r="F7137" t="str">
        <f>IF(C7137="CLAY", INDEX(D$4:D7137, MATCH("CLAY", C$4:C7137, 0)), "")</f>
        <v/>
      </c>
    </row>
    <row r="7138" spans="1:6" x14ac:dyDescent="0.2">
      <c r="A7138" s="239">
        <f>'CPT Data'!B7146</f>
        <v>71.162000000000006</v>
      </c>
      <c r="B7138" s="3">
        <f>'CPT Data'!C7146</f>
        <v>71.155000000000001</v>
      </c>
      <c r="C7138" t="str">
        <f>'CPT Data'!P7146</f>
        <v>SAND</v>
      </c>
      <c r="D7138" t="e">
        <f>'CPT Data'!Q7146</f>
        <v>#N/A</v>
      </c>
      <c r="E7138" t="e">
        <f t="shared" si="112"/>
        <v>#N/A</v>
      </c>
      <c r="F7138" t="str">
        <f>IF(C7138="CLAY", INDEX(D$4:D7138, MATCH("CLAY", C$4:C7138, 0)), "")</f>
        <v/>
      </c>
    </row>
    <row r="7139" spans="1:6" x14ac:dyDescent="0.2">
      <c r="A7139" s="239">
        <f>'CPT Data'!B7147</f>
        <v>71.171999999999997</v>
      </c>
      <c r="B7139" s="3">
        <f>'CPT Data'!C7147</f>
        <v>71.164999999999992</v>
      </c>
      <c r="C7139" t="str">
        <f>'CPT Data'!P7147</f>
        <v>SAND</v>
      </c>
      <c r="D7139" t="e">
        <f>'CPT Data'!Q7147</f>
        <v>#N/A</v>
      </c>
      <c r="E7139" t="e">
        <f t="shared" si="112"/>
        <v>#N/A</v>
      </c>
      <c r="F7139" t="str">
        <f>IF(C7139="CLAY", INDEX(D$4:D7139, MATCH("CLAY", C$4:C7139, 0)), "")</f>
        <v/>
      </c>
    </row>
    <row r="7140" spans="1:6" x14ac:dyDescent="0.2">
      <c r="A7140" s="239">
        <f>'CPT Data'!B7148</f>
        <v>71.183000000000007</v>
      </c>
      <c r="B7140" s="3">
        <f>'CPT Data'!C7148</f>
        <v>71.176000000000002</v>
      </c>
      <c r="C7140" t="str">
        <f>'CPT Data'!P7148</f>
        <v>SAND</v>
      </c>
      <c r="D7140" t="e">
        <f>'CPT Data'!Q7148</f>
        <v>#N/A</v>
      </c>
      <c r="E7140" t="e">
        <f t="shared" si="112"/>
        <v>#N/A</v>
      </c>
      <c r="F7140" t="str">
        <f>IF(C7140="CLAY", INDEX(D$4:D7140, MATCH("CLAY", C$4:C7140, 0)), "")</f>
        <v/>
      </c>
    </row>
    <row r="7141" spans="1:6" x14ac:dyDescent="0.2">
      <c r="A7141" s="239">
        <f>'CPT Data'!B7149</f>
        <v>71.191999999999993</v>
      </c>
      <c r="B7141" s="3">
        <f>'CPT Data'!C7149</f>
        <v>71.184999999999988</v>
      </c>
      <c r="C7141" t="str">
        <f>'CPT Data'!P7149</f>
        <v>SAND</v>
      </c>
      <c r="D7141" t="e">
        <f>'CPT Data'!Q7149</f>
        <v>#N/A</v>
      </c>
      <c r="E7141" t="e">
        <f t="shared" si="112"/>
        <v>#N/A</v>
      </c>
      <c r="F7141" t="str">
        <f>IF(C7141="CLAY", INDEX(D$4:D7141, MATCH("CLAY", C$4:C7141, 0)), "")</f>
        <v/>
      </c>
    </row>
    <row r="7142" spans="1:6" x14ac:dyDescent="0.2">
      <c r="A7142" s="239">
        <f>'CPT Data'!B7150</f>
        <v>71.203999999999994</v>
      </c>
      <c r="B7142" s="3">
        <f>'CPT Data'!C7150</f>
        <v>71.196999999999989</v>
      </c>
      <c r="C7142" t="str">
        <f>'CPT Data'!P7150</f>
        <v>SAND</v>
      </c>
      <c r="D7142" t="e">
        <f>'CPT Data'!Q7150</f>
        <v>#N/A</v>
      </c>
      <c r="E7142" t="e">
        <f t="shared" si="112"/>
        <v>#N/A</v>
      </c>
      <c r="F7142" t="str">
        <f>IF(C7142="CLAY", INDEX(D$4:D7142, MATCH("CLAY", C$4:C7142, 0)), "")</f>
        <v/>
      </c>
    </row>
    <row r="7143" spans="1:6" x14ac:dyDescent="0.2">
      <c r="A7143" s="239">
        <f>'CPT Data'!B7151</f>
        <v>71.212999999999994</v>
      </c>
      <c r="B7143" s="3">
        <f>'CPT Data'!C7151</f>
        <v>71.205999999999989</v>
      </c>
      <c r="C7143" t="str">
        <f>'CPT Data'!P7151</f>
        <v>SAND</v>
      </c>
      <c r="D7143" t="e">
        <f>'CPT Data'!Q7151</f>
        <v>#N/A</v>
      </c>
      <c r="E7143" t="e">
        <f t="shared" si="112"/>
        <v>#N/A</v>
      </c>
      <c r="F7143" t="str">
        <f>IF(C7143="CLAY", INDEX(D$4:D7143, MATCH("CLAY", C$4:C7143, 0)), "")</f>
        <v/>
      </c>
    </row>
    <row r="7144" spans="1:6" x14ac:dyDescent="0.2">
      <c r="A7144" s="239">
        <f>'CPT Data'!B7152</f>
        <v>71.222999999999999</v>
      </c>
      <c r="B7144" s="3">
        <f>'CPT Data'!C7152</f>
        <v>71.215999999999994</v>
      </c>
      <c r="C7144" t="str">
        <f>'CPT Data'!P7152</f>
        <v>SAND</v>
      </c>
      <c r="D7144" t="e">
        <f>'CPT Data'!Q7152</f>
        <v>#N/A</v>
      </c>
      <c r="E7144" t="e">
        <f t="shared" si="112"/>
        <v>#N/A</v>
      </c>
      <c r="F7144" t="str">
        <f>IF(C7144="CLAY", INDEX(D$4:D7144, MATCH("CLAY", C$4:C7144, 0)), "")</f>
        <v/>
      </c>
    </row>
    <row r="7145" spans="1:6" x14ac:dyDescent="0.2">
      <c r="A7145" s="239">
        <f>'CPT Data'!B7153</f>
        <v>71.233000000000004</v>
      </c>
      <c r="B7145" s="3">
        <f>'CPT Data'!C7153</f>
        <v>71.225999999999999</v>
      </c>
      <c r="C7145" t="str">
        <f>'CPT Data'!P7153</f>
        <v>SAND</v>
      </c>
      <c r="D7145" t="e">
        <f>'CPT Data'!Q7153</f>
        <v>#N/A</v>
      </c>
      <c r="E7145" t="e">
        <f t="shared" si="112"/>
        <v>#N/A</v>
      </c>
      <c r="F7145" t="str">
        <f>IF(C7145="CLAY", INDEX(D$4:D7145, MATCH("CLAY", C$4:C7145, 0)), "")</f>
        <v/>
      </c>
    </row>
    <row r="7146" spans="1:6" x14ac:dyDescent="0.2">
      <c r="A7146" s="239">
        <f>'CPT Data'!B7154</f>
        <v>71.244</v>
      </c>
      <c r="B7146" s="3">
        <f>'CPT Data'!C7154</f>
        <v>71.236999999999995</v>
      </c>
      <c r="C7146" t="str">
        <f>'CPT Data'!P7154</f>
        <v>SAND</v>
      </c>
      <c r="D7146" t="e">
        <f>'CPT Data'!Q7154</f>
        <v>#N/A</v>
      </c>
      <c r="E7146" t="e">
        <f t="shared" si="112"/>
        <v>#N/A</v>
      </c>
      <c r="F7146" t="str">
        <f>IF(C7146="CLAY", INDEX(D$4:D7146, MATCH("CLAY", C$4:C7146, 0)), "")</f>
        <v/>
      </c>
    </row>
    <row r="7147" spans="1:6" x14ac:dyDescent="0.2">
      <c r="A7147" s="239">
        <f>'CPT Data'!B7155</f>
        <v>71.254000000000005</v>
      </c>
      <c r="B7147" s="3">
        <f>'CPT Data'!C7155</f>
        <v>71.247</v>
      </c>
      <c r="C7147" t="str">
        <f>'CPT Data'!P7155</f>
        <v>SAND</v>
      </c>
      <c r="D7147" t="e">
        <f>'CPT Data'!Q7155</f>
        <v>#N/A</v>
      </c>
      <c r="E7147" t="e">
        <f t="shared" si="112"/>
        <v>#N/A</v>
      </c>
      <c r="F7147" t="str">
        <f>IF(C7147="CLAY", INDEX(D$4:D7147, MATCH("CLAY", C$4:C7147, 0)), "")</f>
        <v/>
      </c>
    </row>
    <row r="7148" spans="1:6" x14ac:dyDescent="0.2">
      <c r="A7148" s="239">
        <f>'CPT Data'!B7156</f>
        <v>71.263999999999996</v>
      </c>
      <c r="B7148" s="3">
        <f>'CPT Data'!C7156</f>
        <v>71.256999999999991</v>
      </c>
      <c r="C7148" t="str">
        <f>'CPT Data'!P7156</f>
        <v>SAND</v>
      </c>
      <c r="D7148" t="e">
        <f>'CPT Data'!Q7156</f>
        <v>#N/A</v>
      </c>
      <c r="E7148" t="e">
        <f t="shared" si="112"/>
        <v>#N/A</v>
      </c>
      <c r="F7148" t="str">
        <f>IF(C7148="CLAY", INDEX(D$4:D7148, MATCH("CLAY", C$4:C7148, 0)), "")</f>
        <v/>
      </c>
    </row>
    <row r="7149" spans="1:6" x14ac:dyDescent="0.2">
      <c r="A7149" s="239">
        <f>'CPT Data'!B7157</f>
        <v>71.275000000000006</v>
      </c>
      <c r="B7149" s="3">
        <f>'CPT Data'!C7157</f>
        <v>71.268000000000001</v>
      </c>
      <c r="C7149" t="str">
        <f>'CPT Data'!P7157</f>
        <v>SAND</v>
      </c>
      <c r="D7149" t="e">
        <f>'CPT Data'!Q7157</f>
        <v>#N/A</v>
      </c>
      <c r="E7149" t="e">
        <f t="shared" si="112"/>
        <v>#N/A</v>
      </c>
      <c r="F7149" t="str">
        <f>IF(C7149="CLAY", INDEX(D$4:D7149, MATCH("CLAY", C$4:C7149, 0)), "")</f>
        <v/>
      </c>
    </row>
    <row r="7150" spans="1:6" x14ac:dyDescent="0.2">
      <c r="A7150" s="239">
        <f>'CPT Data'!B7158</f>
        <v>71.284000000000006</v>
      </c>
      <c r="B7150" s="3">
        <f>'CPT Data'!C7158</f>
        <v>71.277000000000001</v>
      </c>
      <c r="C7150" t="str">
        <f>'CPT Data'!P7158</f>
        <v>SAND</v>
      </c>
      <c r="D7150" t="e">
        <f>'CPT Data'!Q7158</f>
        <v>#N/A</v>
      </c>
      <c r="E7150" t="e">
        <f t="shared" si="112"/>
        <v>#N/A</v>
      </c>
      <c r="F7150" t="str">
        <f>IF(C7150="CLAY", INDEX(D$4:D7150, MATCH("CLAY", C$4:C7150, 0)), "")</f>
        <v/>
      </c>
    </row>
    <row r="7151" spans="1:6" x14ac:dyDescent="0.2">
      <c r="A7151" s="239">
        <f>'CPT Data'!B7159</f>
        <v>71.293999999999997</v>
      </c>
      <c r="B7151" s="3">
        <f>'CPT Data'!C7159</f>
        <v>71.286999999999992</v>
      </c>
      <c r="C7151" t="str">
        <f>'CPT Data'!P7159</f>
        <v>SAND</v>
      </c>
      <c r="D7151" t="e">
        <f>'CPT Data'!Q7159</f>
        <v>#N/A</v>
      </c>
      <c r="E7151" t="e">
        <f t="shared" si="112"/>
        <v>#N/A</v>
      </c>
      <c r="F7151" t="str">
        <f>IF(C7151="CLAY", INDEX(D$4:D7151, MATCH("CLAY", C$4:C7151, 0)), "")</f>
        <v/>
      </c>
    </row>
    <row r="7152" spans="1:6" x14ac:dyDescent="0.2">
      <c r="A7152" s="239">
        <f>'CPT Data'!B7160</f>
        <v>71.305000000000007</v>
      </c>
      <c r="B7152" s="3">
        <f>'CPT Data'!C7160</f>
        <v>71.298000000000002</v>
      </c>
      <c r="C7152" t="str">
        <f>'CPT Data'!P7160</f>
        <v>SAND</v>
      </c>
      <c r="D7152" t="e">
        <f>'CPT Data'!Q7160</f>
        <v>#N/A</v>
      </c>
      <c r="E7152" t="e">
        <f t="shared" si="112"/>
        <v>#N/A</v>
      </c>
      <c r="F7152" t="str">
        <f>IF(C7152="CLAY", INDEX(D$4:D7152, MATCH("CLAY", C$4:C7152, 0)), "")</f>
        <v/>
      </c>
    </row>
    <row r="7153" spans="1:6" x14ac:dyDescent="0.2">
      <c r="A7153" s="239">
        <f>'CPT Data'!B7161</f>
        <v>71.314999999999998</v>
      </c>
      <c r="B7153" s="3">
        <f>'CPT Data'!C7161</f>
        <v>71.307999999999993</v>
      </c>
      <c r="C7153" t="str">
        <f>'CPT Data'!P7161</f>
        <v>SAND</v>
      </c>
      <c r="D7153" t="e">
        <f>'CPT Data'!Q7161</f>
        <v>#N/A</v>
      </c>
      <c r="E7153" t="e">
        <f t="shared" si="112"/>
        <v>#N/A</v>
      </c>
      <c r="F7153" t="str">
        <f>IF(C7153="CLAY", INDEX(D$4:D7153, MATCH("CLAY", C$4:C7153, 0)), "")</f>
        <v/>
      </c>
    </row>
    <row r="7154" spans="1:6" x14ac:dyDescent="0.2">
      <c r="A7154" s="239">
        <f>'CPT Data'!B7162</f>
        <v>71.325000000000003</v>
      </c>
      <c r="B7154" s="3">
        <f>'CPT Data'!C7162</f>
        <v>71.317999999999998</v>
      </c>
      <c r="C7154" t="str">
        <f>'CPT Data'!P7162</f>
        <v>SAND</v>
      </c>
      <c r="D7154" t="e">
        <f>'CPT Data'!Q7162</f>
        <v>#N/A</v>
      </c>
      <c r="E7154" t="e">
        <f t="shared" si="112"/>
        <v>#N/A</v>
      </c>
      <c r="F7154" t="str">
        <f>IF(C7154="CLAY", INDEX(D$4:D7154, MATCH("CLAY", C$4:C7154, 0)), "")</f>
        <v/>
      </c>
    </row>
    <row r="7155" spans="1:6" x14ac:dyDescent="0.2">
      <c r="A7155" s="239">
        <f>'CPT Data'!B7163</f>
        <v>71.334999999999994</v>
      </c>
      <c r="B7155" s="3">
        <f>'CPT Data'!C7163</f>
        <v>71.327999999999989</v>
      </c>
      <c r="C7155" t="str">
        <f>'CPT Data'!P7163</f>
        <v>SAND</v>
      </c>
      <c r="D7155" t="e">
        <f>'CPT Data'!Q7163</f>
        <v>#N/A</v>
      </c>
      <c r="E7155" t="e">
        <f t="shared" si="112"/>
        <v>#N/A</v>
      </c>
      <c r="F7155" t="str">
        <f>IF(C7155="CLAY", INDEX(D$4:D7155, MATCH("CLAY", C$4:C7155, 0)), "")</f>
        <v/>
      </c>
    </row>
    <row r="7156" spans="1:6" x14ac:dyDescent="0.2">
      <c r="A7156" s="239">
        <f>'CPT Data'!B7164</f>
        <v>71.346000000000004</v>
      </c>
      <c r="B7156" s="3">
        <f>'CPT Data'!C7164</f>
        <v>71.338999999999999</v>
      </c>
      <c r="C7156" t="str">
        <f>'CPT Data'!P7164</f>
        <v>SAND</v>
      </c>
      <c r="D7156" t="e">
        <f>'CPT Data'!Q7164</f>
        <v>#N/A</v>
      </c>
      <c r="E7156" t="e">
        <f t="shared" si="112"/>
        <v>#N/A</v>
      </c>
      <c r="F7156" t="str">
        <f>IF(C7156="CLAY", INDEX(D$4:D7156, MATCH("CLAY", C$4:C7156, 0)), "")</f>
        <v/>
      </c>
    </row>
    <row r="7157" spans="1:6" x14ac:dyDescent="0.2">
      <c r="A7157" s="239">
        <f>'CPT Data'!B7165</f>
        <v>71.355999999999995</v>
      </c>
      <c r="B7157" s="3">
        <f>'CPT Data'!C7165</f>
        <v>71.34899999999999</v>
      </c>
      <c r="C7157" t="str">
        <f>'CPT Data'!P7165</f>
        <v>SAND</v>
      </c>
      <c r="D7157" t="e">
        <f>'CPT Data'!Q7165</f>
        <v>#N/A</v>
      </c>
      <c r="E7157" t="e">
        <f t="shared" si="112"/>
        <v>#N/A</v>
      </c>
      <c r="F7157" t="str">
        <f>IF(C7157="CLAY", INDEX(D$4:D7157, MATCH("CLAY", C$4:C7157, 0)), "")</f>
        <v/>
      </c>
    </row>
    <row r="7158" spans="1:6" x14ac:dyDescent="0.2">
      <c r="A7158" s="239">
        <f>'CPT Data'!B7166</f>
        <v>71.367000000000004</v>
      </c>
      <c r="B7158" s="3">
        <f>'CPT Data'!C7166</f>
        <v>71.36</v>
      </c>
      <c r="C7158" t="str">
        <f>'CPT Data'!P7166</f>
        <v>SAND</v>
      </c>
      <c r="D7158" t="e">
        <f>'CPT Data'!Q7166</f>
        <v>#N/A</v>
      </c>
      <c r="E7158" t="e">
        <f t="shared" si="112"/>
        <v>#N/A</v>
      </c>
      <c r="F7158" t="str">
        <f>IF(C7158="CLAY", INDEX(D$4:D7158, MATCH("CLAY", C$4:C7158, 0)), "")</f>
        <v/>
      </c>
    </row>
    <row r="7159" spans="1:6" x14ac:dyDescent="0.2">
      <c r="A7159" s="239">
        <f>'CPT Data'!B7167</f>
        <v>71.376000000000005</v>
      </c>
      <c r="B7159" s="3">
        <f>'CPT Data'!C7167</f>
        <v>71.369</v>
      </c>
      <c r="C7159" t="str">
        <f>'CPT Data'!P7167</f>
        <v>SAND</v>
      </c>
      <c r="D7159" t="e">
        <f>'CPT Data'!Q7167</f>
        <v>#N/A</v>
      </c>
      <c r="E7159" t="e">
        <f t="shared" si="112"/>
        <v>#N/A</v>
      </c>
      <c r="F7159" t="str">
        <f>IF(C7159="CLAY", INDEX(D$4:D7159, MATCH("CLAY", C$4:C7159, 0)), "")</f>
        <v/>
      </c>
    </row>
    <row r="7160" spans="1:6" x14ac:dyDescent="0.2">
      <c r="A7160" s="239">
        <f>'CPT Data'!B7168</f>
        <v>71.388000000000005</v>
      </c>
      <c r="B7160" s="3">
        <f>'CPT Data'!C7168</f>
        <v>71.381</v>
      </c>
      <c r="C7160" t="str">
        <f>'CPT Data'!P7168</f>
        <v>SAND</v>
      </c>
      <c r="D7160" t="e">
        <f>'CPT Data'!Q7168</f>
        <v>#N/A</v>
      </c>
      <c r="E7160" t="e">
        <f t="shared" si="112"/>
        <v>#N/A</v>
      </c>
      <c r="F7160" t="str">
        <f>IF(C7160="CLAY", INDEX(D$4:D7160, MATCH("CLAY", C$4:C7160, 0)), "")</f>
        <v/>
      </c>
    </row>
    <row r="7161" spans="1:6" x14ac:dyDescent="0.2">
      <c r="A7161" s="239">
        <f>'CPT Data'!B7169</f>
        <v>71.397000000000006</v>
      </c>
      <c r="B7161" s="3">
        <f>'CPT Data'!C7169</f>
        <v>71.39</v>
      </c>
      <c r="C7161" t="str">
        <f>'CPT Data'!P7169</f>
        <v>SAND</v>
      </c>
      <c r="D7161" t="e">
        <f>'CPT Data'!Q7169</f>
        <v>#N/A</v>
      </c>
      <c r="E7161" t="e">
        <f t="shared" si="112"/>
        <v>#N/A</v>
      </c>
      <c r="F7161" t="str">
        <f>IF(C7161="CLAY", INDEX(D$4:D7161, MATCH("CLAY", C$4:C7161, 0)), "")</f>
        <v/>
      </c>
    </row>
    <row r="7162" spans="1:6" x14ac:dyDescent="0.2">
      <c r="A7162" s="239">
        <f>'CPT Data'!B7170</f>
        <v>71.408000000000001</v>
      </c>
      <c r="B7162" s="3">
        <f>'CPT Data'!C7170</f>
        <v>71.400999999999996</v>
      </c>
      <c r="C7162" t="str">
        <f>'CPT Data'!P7170</f>
        <v>SAND</v>
      </c>
      <c r="D7162" t="e">
        <f>'CPT Data'!Q7170</f>
        <v>#N/A</v>
      </c>
      <c r="E7162" t="e">
        <f t="shared" si="112"/>
        <v>#N/A</v>
      </c>
      <c r="F7162" t="str">
        <f>IF(C7162="CLAY", INDEX(D$4:D7162, MATCH("CLAY", C$4:C7162, 0)), "")</f>
        <v/>
      </c>
    </row>
    <row r="7163" spans="1:6" x14ac:dyDescent="0.2">
      <c r="A7163" s="239">
        <f>'CPT Data'!B7171</f>
        <v>71.417000000000002</v>
      </c>
      <c r="B7163" s="3">
        <f>'CPT Data'!C7171</f>
        <v>71.41</v>
      </c>
      <c r="C7163" t="str">
        <f>'CPT Data'!P7171</f>
        <v>SAND</v>
      </c>
      <c r="D7163" t="e">
        <f>'CPT Data'!Q7171</f>
        <v>#N/A</v>
      </c>
      <c r="E7163" t="e">
        <f t="shared" si="112"/>
        <v>#N/A</v>
      </c>
      <c r="F7163" t="str">
        <f>IF(C7163="CLAY", INDEX(D$4:D7163, MATCH("CLAY", C$4:C7163, 0)), "")</f>
        <v/>
      </c>
    </row>
    <row r="7164" spans="1:6" x14ac:dyDescent="0.2">
      <c r="A7164" s="239">
        <f>'CPT Data'!B7172</f>
        <v>71.427000000000007</v>
      </c>
      <c r="B7164" s="3">
        <f>'CPT Data'!C7172</f>
        <v>71.42</v>
      </c>
      <c r="C7164" t="str">
        <f>'CPT Data'!P7172</f>
        <v>SAND</v>
      </c>
      <c r="D7164" t="e">
        <f>'CPT Data'!Q7172</f>
        <v>#N/A</v>
      </c>
      <c r="E7164" t="e">
        <f t="shared" si="112"/>
        <v>#N/A</v>
      </c>
      <c r="F7164" t="str">
        <f>IF(C7164="CLAY", INDEX(D$4:D7164, MATCH("CLAY", C$4:C7164, 0)), "")</f>
        <v/>
      </c>
    </row>
    <row r="7165" spans="1:6" x14ac:dyDescent="0.2">
      <c r="A7165" s="239">
        <f>'CPT Data'!B7173</f>
        <v>71.438000000000002</v>
      </c>
      <c r="B7165" s="3">
        <f>'CPT Data'!C7173</f>
        <v>71.430999999999997</v>
      </c>
      <c r="C7165" t="str">
        <f>'CPT Data'!P7173</f>
        <v>SAND</v>
      </c>
      <c r="D7165" t="e">
        <f>'CPT Data'!Q7173</f>
        <v>#N/A</v>
      </c>
      <c r="E7165" t="e">
        <f t="shared" si="112"/>
        <v>#N/A</v>
      </c>
      <c r="F7165" t="str">
        <f>IF(C7165="CLAY", INDEX(D$4:D7165, MATCH("CLAY", C$4:C7165, 0)), "")</f>
        <v/>
      </c>
    </row>
    <row r="7166" spans="1:6" x14ac:dyDescent="0.2">
      <c r="A7166" s="239">
        <f>'CPT Data'!B7174</f>
        <v>71.447000000000003</v>
      </c>
      <c r="B7166" s="3">
        <f>'CPT Data'!C7174</f>
        <v>71.44</v>
      </c>
      <c r="C7166" t="str">
        <f>'CPT Data'!P7174</f>
        <v>SAND</v>
      </c>
      <c r="D7166" t="e">
        <f>'CPT Data'!Q7174</f>
        <v>#N/A</v>
      </c>
      <c r="E7166" t="e">
        <f t="shared" si="112"/>
        <v>#N/A</v>
      </c>
      <c r="F7166" t="str">
        <f>IF(C7166="CLAY", INDEX(D$4:D7166, MATCH("CLAY", C$4:C7166, 0)), "")</f>
        <v/>
      </c>
    </row>
    <row r="7167" spans="1:6" x14ac:dyDescent="0.2">
      <c r="A7167" s="239">
        <f>'CPT Data'!B7175</f>
        <v>71.456999999999994</v>
      </c>
      <c r="B7167" s="3">
        <f>'CPT Data'!C7175</f>
        <v>71.449999999999989</v>
      </c>
      <c r="C7167" t="str">
        <f>'CPT Data'!P7175</f>
        <v>SAND</v>
      </c>
      <c r="D7167" t="e">
        <f>'CPT Data'!Q7175</f>
        <v>#N/A</v>
      </c>
      <c r="E7167" t="e">
        <f t="shared" si="112"/>
        <v>#N/A</v>
      </c>
      <c r="F7167" t="str">
        <f>IF(C7167="CLAY", INDEX(D$4:D7167, MATCH("CLAY", C$4:C7167, 0)), "")</f>
        <v/>
      </c>
    </row>
    <row r="7168" spans="1:6" x14ac:dyDescent="0.2">
      <c r="A7168" s="239">
        <f>'CPT Data'!B7176</f>
        <v>71.468000000000004</v>
      </c>
      <c r="B7168" s="3">
        <f>'CPT Data'!C7176</f>
        <v>71.460999999999999</v>
      </c>
      <c r="C7168" t="str">
        <f>'CPT Data'!P7176</f>
        <v>SAND</v>
      </c>
      <c r="D7168" t="e">
        <f>'CPT Data'!Q7176</f>
        <v>#N/A</v>
      </c>
      <c r="E7168" t="e">
        <f t="shared" si="112"/>
        <v>#N/A</v>
      </c>
      <c r="F7168" t="str">
        <f>IF(C7168="CLAY", INDEX(D$4:D7168, MATCH("CLAY", C$4:C7168, 0)), "")</f>
        <v/>
      </c>
    </row>
    <row r="7169" spans="1:6" x14ac:dyDescent="0.2">
      <c r="A7169" s="239">
        <f>'CPT Data'!B7177</f>
        <v>71.477999999999994</v>
      </c>
      <c r="B7169" s="3">
        <f>'CPT Data'!C7177</f>
        <v>71.470999999999989</v>
      </c>
      <c r="C7169" t="str">
        <f>'CPT Data'!P7177</f>
        <v>SAND</v>
      </c>
      <c r="D7169" t="e">
        <f>'CPT Data'!Q7177</f>
        <v>#N/A</v>
      </c>
      <c r="E7169" t="e">
        <f t="shared" si="112"/>
        <v>#N/A</v>
      </c>
      <c r="F7169" t="str">
        <f>IF(C7169="CLAY", INDEX(D$4:D7169, MATCH("CLAY", C$4:C7169, 0)), "")</f>
        <v/>
      </c>
    </row>
    <row r="7170" spans="1:6" x14ac:dyDescent="0.2">
      <c r="A7170" s="239">
        <f>'CPT Data'!B7178</f>
        <v>71.488</v>
      </c>
      <c r="B7170" s="3">
        <f>'CPT Data'!C7178</f>
        <v>71.480999999999995</v>
      </c>
      <c r="C7170" t="str">
        <f>'CPT Data'!P7178</f>
        <v>SAND</v>
      </c>
      <c r="D7170" t="e">
        <f>'CPT Data'!Q7178</f>
        <v>#N/A</v>
      </c>
      <c r="E7170" t="e">
        <f t="shared" si="112"/>
        <v>#N/A</v>
      </c>
      <c r="F7170" t="str">
        <f>IF(C7170="CLAY", INDEX(D$4:D7170, MATCH("CLAY", C$4:C7170, 0)), "")</f>
        <v/>
      </c>
    </row>
    <row r="7171" spans="1:6" x14ac:dyDescent="0.2">
      <c r="A7171" s="239">
        <f>'CPT Data'!B7179</f>
        <v>71.498000000000005</v>
      </c>
      <c r="B7171" s="3">
        <f>'CPT Data'!C7179</f>
        <v>71.491</v>
      </c>
      <c r="C7171" t="str">
        <f>'CPT Data'!P7179</f>
        <v>SAND</v>
      </c>
      <c r="D7171" t="e">
        <f>'CPT Data'!Q7179</f>
        <v>#N/A</v>
      </c>
      <c r="E7171" t="e">
        <f t="shared" si="112"/>
        <v>#N/A</v>
      </c>
      <c r="F7171" t="str">
        <f>IF(C7171="CLAY", INDEX(D$4:D7171, MATCH("CLAY", C$4:C7171, 0)), "")</f>
        <v/>
      </c>
    </row>
    <row r="7172" spans="1:6" x14ac:dyDescent="0.2">
      <c r="A7172" s="239">
        <f>'CPT Data'!B7180</f>
        <v>71.507999999999996</v>
      </c>
      <c r="B7172" s="3">
        <f>'CPT Data'!C7180</f>
        <v>71.500999999999991</v>
      </c>
      <c r="C7172" t="str">
        <f>'CPT Data'!P7180</f>
        <v>SAND</v>
      </c>
      <c r="D7172" t="e">
        <f>'CPT Data'!Q7180</f>
        <v>#N/A</v>
      </c>
      <c r="E7172" t="e">
        <f t="shared" si="112"/>
        <v>#N/A</v>
      </c>
      <c r="F7172" t="str">
        <f>IF(C7172="CLAY", INDEX(D$4:D7172, MATCH("CLAY", C$4:C7172, 0)), "")</f>
        <v/>
      </c>
    </row>
    <row r="7173" spans="1:6" x14ac:dyDescent="0.2">
      <c r="A7173" s="239">
        <f>'CPT Data'!B7181</f>
        <v>71.519000000000005</v>
      </c>
      <c r="B7173" s="3">
        <f>'CPT Data'!C7181</f>
        <v>71.512</v>
      </c>
      <c r="C7173" t="str">
        <f>'CPT Data'!P7181</f>
        <v>SAND</v>
      </c>
      <c r="D7173" t="e">
        <f>'CPT Data'!Q7181</f>
        <v>#N/A</v>
      </c>
      <c r="E7173" t="e">
        <f t="shared" si="112"/>
        <v>#N/A</v>
      </c>
      <c r="F7173" t="str">
        <f>IF(C7173="CLAY", INDEX(D$4:D7173, MATCH("CLAY", C$4:C7173, 0)), "")</f>
        <v/>
      </c>
    </row>
    <row r="7174" spans="1:6" x14ac:dyDescent="0.2">
      <c r="A7174" s="239">
        <f>'CPT Data'!B7182</f>
        <v>71.528999999999996</v>
      </c>
      <c r="B7174" s="3">
        <f>'CPT Data'!C7182</f>
        <v>71.521999999999991</v>
      </c>
      <c r="C7174" t="str">
        <f>'CPT Data'!P7182</f>
        <v>SAND</v>
      </c>
      <c r="D7174" t="e">
        <f>'CPT Data'!Q7182</f>
        <v>#N/A</v>
      </c>
      <c r="E7174" t="e">
        <f t="shared" si="112"/>
        <v>#N/A</v>
      </c>
      <c r="F7174" t="str">
        <f>IF(C7174="CLAY", INDEX(D$4:D7174, MATCH("CLAY", C$4:C7174, 0)), "")</f>
        <v/>
      </c>
    </row>
    <row r="7175" spans="1:6" x14ac:dyDescent="0.2">
      <c r="A7175" s="239">
        <f>'CPT Data'!B7183</f>
        <v>71.537999999999997</v>
      </c>
      <c r="B7175" s="3">
        <f>'CPT Data'!C7183</f>
        <v>71.530999999999992</v>
      </c>
      <c r="C7175" t="str">
        <f>'CPT Data'!P7183</f>
        <v>SAND</v>
      </c>
      <c r="D7175" t="e">
        <f>'CPT Data'!Q7183</f>
        <v>#N/A</v>
      </c>
      <c r="E7175" t="e">
        <f t="shared" si="112"/>
        <v>#N/A</v>
      </c>
      <c r="F7175" t="str">
        <f>IF(C7175="CLAY", INDEX(D$4:D7175, MATCH("CLAY", C$4:C7175, 0)), "")</f>
        <v/>
      </c>
    </row>
    <row r="7176" spans="1:6" x14ac:dyDescent="0.2">
      <c r="A7176" s="239">
        <f>'CPT Data'!B7184</f>
        <v>71.548000000000002</v>
      </c>
      <c r="B7176" s="3">
        <f>'CPT Data'!C7184</f>
        <v>71.540999999999997</v>
      </c>
      <c r="C7176" t="str">
        <f>'CPT Data'!P7184</f>
        <v>SAND</v>
      </c>
      <c r="D7176" t="e">
        <f>'CPT Data'!Q7184</f>
        <v>#N/A</v>
      </c>
      <c r="E7176" t="e">
        <f t="shared" si="112"/>
        <v>#N/A</v>
      </c>
      <c r="F7176" t="str">
        <f>IF(C7176="CLAY", INDEX(D$4:D7176, MATCH("CLAY", C$4:C7176, 0)), "")</f>
        <v/>
      </c>
    </row>
    <row r="7177" spans="1:6" x14ac:dyDescent="0.2">
      <c r="A7177" s="239">
        <f>'CPT Data'!B7185</f>
        <v>71.558000000000007</v>
      </c>
      <c r="B7177" s="3">
        <f>'CPT Data'!C7185</f>
        <v>71.551000000000002</v>
      </c>
      <c r="C7177" t="str">
        <f>'CPT Data'!P7185</f>
        <v>SAND</v>
      </c>
      <c r="D7177" t="e">
        <f>'CPT Data'!Q7185</f>
        <v>#N/A</v>
      </c>
      <c r="E7177" t="e">
        <f t="shared" si="112"/>
        <v>#N/A</v>
      </c>
      <c r="F7177" t="str">
        <f>IF(C7177="CLAY", INDEX(D$4:D7177, MATCH("CLAY", C$4:C7177, 0)), "")</f>
        <v/>
      </c>
    </row>
    <row r="7178" spans="1:6" x14ac:dyDescent="0.2">
      <c r="A7178" s="239">
        <f>'CPT Data'!B7186</f>
        <v>71.573999999999998</v>
      </c>
      <c r="B7178" s="3">
        <f>'CPT Data'!C7186</f>
        <v>71.566999999999993</v>
      </c>
      <c r="C7178" t="str">
        <f>'CPT Data'!P7186</f>
        <v>SAND</v>
      </c>
      <c r="D7178" t="e">
        <f>'CPT Data'!Q7186</f>
        <v>#N/A</v>
      </c>
      <c r="E7178" t="e">
        <f t="shared" si="112"/>
        <v>#N/A</v>
      </c>
      <c r="F7178" t="str">
        <f>IF(C7178="CLAY", INDEX(D$4:D7178, MATCH("CLAY", C$4:C7178, 0)), "")</f>
        <v/>
      </c>
    </row>
    <row r="7179" spans="1:6" x14ac:dyDescent="0.2">
      <c r="A7179" s="239">
        <f>'CPT Data'!B7187</f>
        <v>71.584000000000003</v>
      </c>
      <c r="B7179" s="3">
        <f>'CPT Data'!C7187</f>
        <v>71.576999999999998</v>
      </c>
      <c r="C7179" t="str">
        <f>'CPT Data'!P7187</f>
        <v>SAND</v>
      </c>
      <c r="D7179" t="e">
        <f>'CPT Data'!Q7187</f>
        <v>#N/A</v>
      </c>
      <c r="E7179" t="e">
        <f t="shared" si="112"/>
        <v>#N/A</v>
      </c>
      <c r="F7179" t="str">
        <f>IF(C7179="CLAY", INDEX(D$4:D7179, MATCH("CLAY", C$4:C7179, 0)), "")</f>
        <v/>
      </c>
    </row>
    <row r="7180" spans="1:6" x14ac:dyDescent="0.2">
      <c r="A7180" s="239">
        <f>'CPT Data'!B7188</f>
        <v>71.593000000000004</v>
      </c>
      <c r="B7180" s="3">
        <f>'CPT Data'!C7188</f>
        <v>71.585999999999999</v>
      </c>
      <c r="C7180" t="str">
        <f>'CPT Data'!P7188</f>
        <v>SAND</v>
      </c>
      <c r="D7180" t="e">
        <f>'CPT Data'!Q7188</f>
        <v>#N/A</v>
      </c>
      <c r="E7180" t="e">
        <f t="shared" si="112"/>
        <v>#N/A</v>
      </c>
      <c r="F7180" t="str">
        <f>IF(C7180="CLAY", INDEX(D$4:D7180, MATCH("CLAY", C$4:C7180, 0)), "")</f>
        <v/>
      </c>
    </row>
    <row r="7181" spans="1:6" x14ac:dyDescent="0.2">
      <c r="A7181" s="239">
        <f>'CPT Data'!B7189</f>
        <v>71.603999999999999</v>
      </c>
      <c r="B7181" s="3">
        <f>'CPT Data'!C7189</f>
        <v>71.596999999999994</v>
      </c>
      <c r="C7181" t="str">
        <f>'CPT Data'!P7189</f>
        <v>SAND</v>
      </c>
      <c r="D7181" t="e">
        <f>'CPT Data'!Q7189</f>
        <v>#N/A</v>
      </c>
      <c r="E7181" t="e">
        <f t="shared" si="112"/>
        <v>#N/A</v>
      </c>
      <c r="F7181" t="str">
        <f>IF(C7181="CLAY", INDEX(D$4:D7181, MATCH("CLAY", C$4:C7181, 0)), "")</f>
        <v/>
      </c>
    </row>
    <row r="7182" spans="1:6" x14ac:dyDescent="0.2">
      <c r="A7182" s="239">
        <f>'CPT Data'!B7190</f>
        <v>71.614000000000004</v>
      </c>
      <c r="B7182" s="3">
        <f>'CPT Data'!C7190</f>
        <v>71.606999999999999</v>
      </c>
      <c r="C7182" t="str">
        <f>'CPT Data'!P7190</f>
        <v>SAND</v>
      </c>
      <c r="D7182" t="e">
        <f>'CPT Data'!Q7190</f>
        <v>#N/A</v>
      </c>
      <c r="E7182" t="e">
        <f t="shared" si="112"/>
        <v>#N/A</v>
      </c>
      <c r="F7182" t="str">
        <f>IF(C7182="CLAY", INDEX(D$4:D7182, MATCH("CLAY", C$4:C7182, 0)), "")</f>
        <v/>
      </c>
    </row>
    <row r="7183" spans="1:6" x14ac:dyDescent="0.2">
      <c r="A7183" s="239">
        <f>'CPT Data'!B7191</f>
        <v>71.623999999999995</v>
      </c>
      <c r="B7183" s="3">
        <f>'CPT Data'!C7191</f>
        <v>71.61699999999999</v>
      </c>
      <c r="C7183" t="str">
        <f>'CPT Data'!P7191</f>
        <v>SAND</v>
      </c>
      <c r="D7183" t="e">
        <f>'CPT Data'!Q7191</f>
        <v>#N/A</v>
      </c>
      <c r="E7183" t="e">
        <f t="shared" si="112"/>
        <v>#N/A</v>
      </c>
      <c r="F7183" t="str">
        <f>IF(C7183="CLAY", INDEX(D$4:D7183, MATCH("CLAY", C$4:C7183, 0)), "")</f>
        <v/>
      </c>
    </row>
    <row r="7184" spans="1:6" x14ac:dyDescent="0.2">
      <c r="A7184" s="239">
        <f>'CPT Data'!B7192</f>
        <v>71.635000000000005</v>
      </c>
      <c r="B7184" s="3">
        <f>'CPT Data'!C7192</f>
        <v>71.628</v>
      </c>
      <c r="C7184" t="str">
        <f>'CPT Data'!P7192</f>
        <v>SAND</v>
      </c>
      <c r="D7184" t="e">
        <f>'CPT Data'!Q7192</f>
        <v>#N/A</v>
      </c>
      <c r="E7184" t="e">
        <f t="shared" si="112"/>
        <v>#N/A</v>
      </c>
      <c r="F7184" t="str">
        <f>IF(C7184="CLAY", INDEX(D$4:D7184, MATCH("CLAY", C$4:C7184, 0)), "")</f>
        <v/>
      </c>
    </row>
    <row r="7185" spans="1:6" x14ac:dyDescent="0.2">
      <c r="A7185" s="239">
        <f>'CPT Data'!B7193</f>
        <v>71.644999999999996</v>
      </c>
      <c r="B7185" s="3">
        <f>'CPT Data'!C7193</f>
        <v>71.637999999999991</v>
      </c>
      <c r="C7185" t="str">
        <f>'CPT Data'!P7193</f>
        <v>SAND</v>
      </c>
      <c r="D7185" t="e">
        <f>'CPT Data'!Q7193</f>
        <v>#N/A</v>
      </c>
      <c r="E7185" t="e">
        <f t="shared" si="112"/>
        <v>#N/A</v>
      </c>
      <c r="F7185" t="str">
        <f>IF(C7185="CLAY", INDEX(D$4:D7185, MATCH("CLAY", C$4:C7185, 0)), "")</f>
        <v/>
      </c>
    </row>
    <row r="7186" spans="1:6" x14ac:dyDescent="0.2">
      <c r="A7186" s="239">
        <f>'CPT Data'!B7194</f>
        <v>71.655000000000001</v>
      </c>
      <c r="B7186" s="3">
        <f>'CPT Data'!C7194</f>
        <v>71.647999999999996</v>
      </c>
      <c r="C7186" t="str">
        <f>'CPT Data'!P7194</f>
        <v>SAND</v>
      </c>
      <c r="D7186" t="e">
        <f>'CPT Data'!Q7194</f>
        <v>#N/A</v>
      </c>
      <c r="E7186" t="e">
        <f t="shared" si="112"/>
        <v>#N/A</v>
      </c>
      <c r="F7186" t="str">
        <f>IF(C7186="CLAY", INDEX(D$4:D7186, MATCH("CLAY", C$4:C7186, 0)), "")</f>
        <v/>
      </c>
    </row>
    <row r="7187" spans="1:6" x14ac:dyDescent="0.2">
      <c r="A7187" s="239">
        <f>'CPT Data'!B7195</f>
        <v>71.665000000000006</v>
      </c>
      <c r="B7187" s="3">
        <f>'CPT Data'!C7195</f>
        <v>71.658000000000001</v>
      </c>
      <c r="C7187" t="str">
        <f>'CPT Data'!P7195</f>
        <v>SAND</v>
      </c>
      <c r="D7187" t="e">
        <f>'CPT Data'!Q7195</f>
        <v>#N/A</v>
      </c>
      <c r="E7187" t="e">
        <f t="shared" si="112"/>
        <v>#N/A</v>
      </c>
      <c r="F7187" t="str">
        <f>IF(C7187="CLAY", INDEX(D$4:D7187, MATCH("CLAY", C$4:C7187, 0)), "")</f>
        <v/>
      </c>
    </row>
    <row r="7188" spans="1:6" x14ac:dyDescent="0.2">
      <c r="A7188" s="239">
        <f>'CPT Data'!B7196</f>
        <v>71.674999999999997</v>
      </c>
      <c r="B7188" s="3">
        <f>'CPT Data'!C7196</f>
        <v>71.667999999999992</v>
      </c>
      <c r="C7188" t="str">
        <f>'CPT Data'!P7196</f>
        <v>SAND</v>
      </c>
      <c r="D7188" t="e">
        <f>'CPT Data'!Q7196</f>
        <v>#N/A</v>
      </c>
      <c r="E7188" t="e">
        <f t="shared" si="112"/>
        <v>#N/A</v>
      </c>
      <c r="F7188" t="str">
        <f>IF(C7188="CLAY", INDEX(D$4:D7188, MATCH("CLAY", C$4:C7188, 0)), "")</f>
        <v/>
      </c>
    </row>
    <row r="7189" spans="1:6" x14ac:dyDescent="0.2">
      <c r="A7189" s="239">
        <f>'CPT Data'!B7197</f>
        <v>71.686000000000007</v>
      </c>
      <c r="B7189" s="3">
        <f>'CPT Data'!C7197</f>
        <v>71.679000000000002</v>
      </c>
      <c r="C7189" t="str">
        <f>'CPT Data'!P7197</f>
        <v>SAND</v>
      </c>
      <c r="D7189" t="e">
        <f>'CPT Data'!Q7197</f>
        <v>#N/A</v>
      </c>
      <c r="E7189" t="e">
        <f t="shared" si="112"/>
        <v>#N/A</v>
      </c>
      <c r="F7189" t="str">
        <f>IF(C7189="CLAY", INDEX(D$4:D7189, MATCH("CLAY", C$4:C7189, 0)), "")</f>
        <v/>
      </c>
    </row>
    <row r="7190" spans="1:6" x14ac:dyDescent="0.2">
      <c r="A7190" s="239">
        <f>'CPT Data'!B7198</f>
        <v>71.695999999999998</v>
      </c>
      <c r="B7190" s="3">
        <f>'CPT Data'!C7198</f>
        <v>71.688999999999993</v>
      </c>
      <c r="C7190" t="str">
        <f>'CPT Data'!P7198</f>
        <v>SAND</v>
      </c>
      <c r="D7190" t="e">
        <f>'CPT Data'!Q7198</f>
        <v>#N/A</v>
      </c>
      <c r="E7190" t="e">
        <f t="shared" si="112"/>
        <v>#N/A</v>
      </c>
      <c r="F7190" t="str">
        <f>IF(C7190="CLAY", INDEX(D$4:D7190, MATCH("CLAY", C$4:C7190, 0)), "")</f>
        <v/>
      </c>
    </row>
    <row r="7191" spans="1:6" x14ac:dyDescent="0.2">
      <c r="A7191" s="239">
        <f>'CPT Data'!B7199</f>
        <v>71.706000000000003</v>
      </c>
      <c r="B7191" s="3">
        <f>'CPT Data'!C7199</f>
        <v>71.698999999999998</v>
      </c>
      <c r="C7191" t="str">
        <f>'CPT Data'!P7199</f>
        <v>SAND</v>
      </c>
      <c r="D7191" t="e">
        <f>'CPT Data'!Q7199</f>
        <v>#N/A</v>
      </c>
      <c r="E7191" t="e">
        <f t="shared" si="112"/>
        <v>#N/A</v>
      </c>
      <c r="F7191" t="str">
        <f>IF(C7191="CLAY", INDEX(D$4:D7191, MATCH("CLAY", C$4:C7191, 0)), "")</f>
        <v/>
      </c>
    </row>
    <row r="7192" spans="1:6" x14ac:dyDescent="0.2">
      <c r="A7192" s="239">
        <f>'CPT Data'!B7200</f>
        <v>71.716999999999999</v>
      </c>
      <c r="B7192" s="3">
        <f>'CPT Data'!C7200</f>
        <v>71.709999999999994</v>
      </c>
      <c r="C7192" t="str">
        <f>'CPT Data'!P7200</f>
        <v>SAND</v>
      </c>
      <c r="D7192" t="e">
        <f>'CPT Data'!Q7200</f>
        <v>#N/A</v>
      </c>
      <c r="E7192" t="e">
        <f t="shared" si="112"/>
        <v>#N/A</v>
      </c>
      <c r="F7192" t="str">
        <f>IF(C7192="CLAY", INDEX(D$4:D7192, MATCH("CLAY", C$4:C7192, 0)), "")</f>
        <v/>
      </c>
    </row>
    <row r="7193" spans="1:6" x14ac:dyDescent="0.2">
      <c r="A7193" s="239">
        <f>'CPT Data'!B7201</f>
        <v>71.727000000000004</v>
      </c>
      <c r="B7193" s="3">
        <f>'CPT Data'!C7201</f>
        <v>71.72</v>
      </c>
      <c r="C7193" t="str">
        <f>'CPT Data'!P7201</f>
        <v>SAND</v>
      </c>
      <c r="D7193" t="e">
        <f>'CPT Data'!Q7201</f>
        <v>#N/A</v>
      </c>
      <c r="E7193" t="e">
        <f t="shared" si="112"/>
        <v>#N/A</v>
      </c>
      <c r="F7193" t="str">
        <f>IF(C7193="CLAY", INDEX(D$4:D7193, MATCH("CLAY", C$4:C7193, 0)), "")</f>
        <v/>
      </c>
    </row>
    <row r="7194" spans="1:6" x14ac:dyDescent="0.2">
      <c r="A7194" s="239">
        <f>'CPT Data'!B7202</f>
        <v>71.736000000000004</v>
      </c>
      <c r="B7194" s="3">
        <f>'CPT Data'!C7202</f>
        <v>71.728999999999999</v>
      </c>
      <c r="C7194" t="str">
        <f>'CPT Data'!P7202</f>
        <v>SAND</v>
      </c>
      <c r="D7194" t="e">
        <f>'CPT Data'!Q7202</f>
        <v>#N/A</v>
      </c>
      <c r="E7194" t="e">
        <f t="shared" si="112"/>
        <v>#N/A</v>
      </c>
      <c r="F7194" t="str">
        <f>IF(C7194="CLAY", INDEX(D$4:D7194, MATCH("CLAY", C$4:C7194, 0)), "")</f>
        <v/>
      </c>
    </row>
    <row r="7195" spans="1:6" x14ac:dyDescent="0.2">
      <c r="A7195" s="239">
        <f>'CPT Data'!B7203</f>
        <v>71.747</v>
      </c>
      <c r="B7195" s="3">
        <f>'CPT Data'!C7203</f>
        <v>71.739999999999995</v>
      </c>
      <c r="C7195" t="str">
        <f>'CPT Data'!P7203</f>
        <v>SAND</v>
      </c>
      <c r="D7195" t="e">
        <f>'CPT Data'!Q7203</f>
        <v>#N/A</v>
      </c>
      <c r="E7195" t="e">
        <f t="shared" ref="E7195:E7258" si="113">IF(C7195="SAND",#N/A,IF(C7195=C7194,D7194,IF(C7195="CLAY",D7195,#N/A)))</f>
        <v>#N/A</v>
      </c>
      <c r="F7195" t="str">
        <f>IF(C7195="CLAY", INDEX(D$4:D7195, MATCH("CLAY", C$4:C7195, 0)), "")</f>
        <v/>
      </c>
    </row>
    <row r="7196" spans="1:6" x14ac:dyDescent="0.2">
      <c r="A7196" s="239">
        <f>'CPT Data'!B7204</f>
        <v>71.757000000000005</v>
      </c>
      <c r="B7196" s="3">
        <f>'CPT Data'!C7204</f>
        <v>71.75</v>
      </c>
      <c r="C7196" t="str">
        <f>'CPT Data'!P7204</f>
        <v>SAND</v>
      </c>
      <c r="D7196" t="e">
        <f>'CPT Data'!Q7204</f>
        <v>#N/A</v>
      </c>
      <c r="E7196" t="e">
        <f t="shared" si="113"/>
        <v>#N/A</v>
      </c>
      <c r="F7196" t="str">
        <f>IF(C7196="CLAY", INDEX(D$4:D7196, MATCH("CLAY", C$4:C7196, 0)), "")</f>
        <v/>
      </c>
    </row>
    <row r="7197" spans="1:6" x14ac:dyDescent="0.2">
      <c r="A7197" s="239">
        <f>'CPT Data'!B7205</f>
        <v>71.766999999999996</v>
      </c>
      <c r="B7197" s="3">
        <f>'CPT Data'!C7205</f>
        <v>71.759999999999991</v>
      </c>
      <c r="C7197" t="str">
        <f>'CPT Data'!P7205</f>
        <v>SAND</v>
      </c>
      <c r="D7197" t="e">
        <f>'CPT Data'!Q7205</f>
        <v>#N/A</v>
      </c>
      <c r="E7197" t="e">
        <f t="shared" si="113"/>
        <v>#N/A</v>
      </c>
      <c r="F7197" t="str">
        <f>IF(C7197="CLAY", INDEX(D$4:D7197, MATCH("CLAY", C$4:C7197, 0)), "")</f>
        <v/>
      </c>
    </row>
    <row r="7198" spans="1:6" x14ac:dyDescent="0.2">
      <c r="A7198" s="239">
        <f>'CPT Data'!B7206</f>
        <v>71.778000000000006</v>
      </c>
      <c r="B7198" s="3">
        <f>'CPT Data'!C7206</f>
        <v>71.771000000000001</v>
      </c>
      <c r="C7198" t="str">
        <f>'CPT Data'!P7206</f>
        <v>SAND</v>
      </c>
      <c r="D7198" t="e">
        <f>'CPT Data'!Q7206</f>
        <v>#N/A</v>
      </c>
      <c r="E7198" t="e">
        <f t="shared" si="113"/>
        <v>#N/A</v>
      </c>
      <c r="F7198" t="str">
        <f>IF(C7198="CLAY", INDEX(D$4:D7198, MATCH("CLAY", C$4:C7198, 0)), "")</f>
        <v/>
      </c>
    </row>
    <row r="7199" spans="1:6" x14ac:dyDescent="0.2">
      <c r="A7199" s="239">
        <f>'CPT Data'!B7207</f>
        <v>71.787999999999997</v>
      </c>
      <c r="B7199" s="3">
        <f>'CPT Data'!C7207</f>
        <v>71.780999999999992</v>
      </c>
      <c r="C7199" t="str">
        <f>'CPT Data'!P7207</f>
        <v>SAND</v>
      </c>
      <c r="D7199" t="e">
        <f>'CPT Data'!Q7207</f>
        <v>#N/A</v>
      </c>
      <c r="E7199" t="e">
        <f t="shared" si="113"/>
        <v>#N/A</v>
      </c>
      <c r="F7199" t="str">
        <f>IF(C7199="CLAY", INDEX(D$4:D7199, MATCH("CLAY", C$4:C7199, 0)), "")</f>
        <v/>
      </c>
    </row>
    <row r="7200" spans="1:6" x14ac:dyDescent="0.2">
      <c r="A7200" s="239">
        <f>'CPT Data'!B7208</f>
        <v>71.799000000000007</v>
      </c>
      <c r="B7200" s="3">
        <f>'CPT Data'!C7208</f>
        <v>71.792000000000002</v>
      </c>
      <c r="C7200" t="str">
        <f>'CPT Data'!P7208</f>
        <v>SAND</v>
      </c>
      <c r="D7200" t="e">
        <f>'CPT Data'!Q7208</f>
        <v>#N/A</v>
      </c>
      <c r="E7200" t="e">
        <f t="shared" si="113"/>
        <v>#N/A</v>
      </c>
      <c r="F7200" t="str">
        <f>IF(C7200="CLAY", INDEX(D$4:D7200, MATCH("CLAY", C$4:C7200, 0)), "")</f>
        <v/>
      </c>
    </row>
    <row r="7201" spans="1:6" x14ac:dyDescent="0.2">
      <c r="A7201" s="239">
        <f>'CPT Data'!B7209</f>
        <v>71.808999999999997</v>
      </c>
      <c r="B7201" s="3">
        <f>'CPT Data'!C7209</f>
        <v>71.801999999999992</v>
      </c>
      <c r="C7201" t="str">
        <f>'CPT Data'!P7209</f>
        <v>SAND</v>
      </c>
      <c r="D7201" t="e">
        <f>'CPT Data'!Q7209</f>
        <v>#N/A</v>
      </c>
      <c r="E7201" t="e">
        <f t="shared" si="113"/>
        <v>#N/A</v>
      </c>
      <c r="F7201" t="str">
        <f>IF(C7201="CLAY", INDEX(D$4:D7201, MATCH("CLAY", C$4:C7201, 0)), "")</f>
        <v/>
      </c>
    </row>
    <row r="7202" spans="1:6" x14ac:dyDescent="0.2">
      <c r="A7202" s="239">
        <f>'CPT Data'!B7210</f>
        <v>71.813999999999993</v>
      </c>
      <c r="B7202" s="3">
        <f>'CPT Data'!C7210</f>
        <v>71.806999999999988</v>
      </c>
      <c r="C7202" t="str">
        <f>'CPT Data'!P7210</f>
        <v>SAND</v>
      </c>
      <c r="D7202" t="e">
        <f>'CPT Data'!Q7210</f>
        <v>#N/A</v>
      </c>
      <c r="E7202" t="e">
        <f t="shared" si="113"/>
        <v>#N/A</v>
      </c>
      <c r="F7202" t="str">
        <f>IF(C7202="CLAY", INDEX(D$4:D7202, MATCH("CLAY", C$4:C7202, 0)), "")</f>
        <v/>
      </c>
    </row>
    <row r="7203" spans="1:6" x14ac:dyDescent="0.2">
      <c r="A7203" s="239">
        <f>'CPT Data'!B7211</f>
        <v>71.834000000000003</v>
      </c>
      <c r="B7203" s="3">
        <f>'CPT Data'!C7211</f>
        <v>71.826999999999998</v>
      </c>
      <c r="C7203" t="str">
        <f>'CPT Data'!P7211</f>
        <v>SAND</v>
      </c>
      <c r="D7203" t="e">
        <f>'CPT Data'!Q7211</f>
        <v>#N/A</v>
      </c>
      <c r="E7203" t="e">
        <f t="shared" si="113"/>
        <v>#N/A</v>
      </c>
      <c r="F7203" t="str">
        <f>IF(C7203="CLAY", INDEX(D$4:D7203, MATCH("CLAY", C$4:C7203, 0)), "")</f>
        <v/>
      </c>
    </row>
    <row r="7204" spans="1:6" x14ac:dyDescent="0.2">
      <c r="A7204" s="239">
        <f>'CPT Data'!B7212</f>
        <v>71.843000000000004</v>
      </c>
      <c r="B7204" s="3">
        <f>'CPT Data'!C7212</f>
        <v>71.835999999999999</v>
      </c>
      <c r="C7204" t="str">
        <f>'CPT Data'!P7212</f>
        <v>SAND</v>
      </c>
      <c r="D7204" t="e">
        <f>'CPT Data'!Q7212</f>
        <v>#N/A</v>
      </c>
      <c r="E7204" t="e">
        <f t="shared" si="113"/>
        <v>#N/A</v>
      </c>
      <c r="F7204" t="str">
        <f>IF(C7204="CLAY", INDEX(D$4:D7204, MATCH("CLAY", C$4:C7204, 0)), "")</f>
        <v/>
      </c>
    </row>
    <row r="7205" spans="1:6" x14ac:dyDescent="0.2">
      <c r="A7205" s="239">
        <f>'CPT Data'!B7213</f>
        <v>71.853999999999999</v>
      </c>
      <c r="B7205" s="3">
        <f>'CPT Data'!C7213</f>
        <v>71.846999999999994</v>
      </c>
      <c r="C7205" t="str">
        <f>'CPT Data'!P7213</f>
        <v>SAND</v>
      </c>
      <c r="D7205" t="e">
        <f>'CPT Data'!Q7213</f>
        <v>#N/A</v>
      </c>
      <c r="E7205" t="e">
        <f t="shared" si="113"/>
        <v>#N/A</v>
      </c>
      <c r="F7205" t="str">
        <f>IF(C7205="CLAY", INDEX(D$4:D7205, MATCH("CLAY", C$4:C7205, 0)), "")</f>
        <v/>
      </c>
    </row>
    <row r="7206" spans="1:6" x14ac:dyDescent="0.2">
      <c r="A7206" s="239">
        <f>'CPT Data'!B7214</f>
        <v>71.864000000000004</v>
      </c>
      <c r="B7206" s="3">
        <f>'CPT Data'!C7214</f>
        <v>71.856999999999999</v>
      </c>
      <c r="C7206" t="str">
        <f>'CPT Data'!P7214</f>
        <v>SAND</v>
      </c>
      <c r="D7206" t="e">
        <f>'CPT Data'!Q7214</f>
        <v>#N/A</v>
      </c>
      <c r="E7206" t="e">
        <f t="shared" si="113"/>
        <v>#N/A</v>
      </c>
      <c r="F7206" t="str">
        <f>IF(C7206="CLAY", INDEX(D$4:D7206, MATCH("CLAY", C$4:C7206, 0)), "")</f>
        <v/>
      </c>
    </row>
    <row r="7207" spans="1:6" x14ac:dyDescent="0.2">
      <c r="A7207" s="239">
        <f>'CPT Data'!B7215</f>
        <v>71.873000000000005</v>
      </c>
      <c r="B7207" s="3">
        <f>'CPT Data'!C7215</f>
        <v>71.866</v>
      </c>
      <c r="C7207" t="str">
        <f>'CPT Data'!P7215</f>
        <v>SAND</v>
      </c>
      <c r="D7207" t="e">
        <f>'CPT Data'!Q7215</f>
        <v>#N/A</v>
      </c>
      <c r="E7207" t="e">
        <f t="shared" si="113"/>
        <v>#N/A</v>
      </c>
      <c r="F7207" t="str">
        <f>IF(C7207="CLAY", INDEX(D$4:D7207, MATCH("CLAY", C$4:C7207, 0)), "")</f>
        <v/>
      </c>
    </row>
    <row r="7208" spans="1:6" x14ac:dyDescent="0.2">
      <c r="A7208" s="239">
        <f>'CPT Data'!B7216</f>
        <v>71.884</v>
      </c>
      <c r="B7208" s="3">
        <f>'CPT Data'!C7216</f>
        <v>71.876999999999995</v>
      </c>
      <c r="C7208" t="str">
        <f>'CPT Data'!P7216</f>
        <v>SAND</v>
      </c>
      <c r="D7208" t="e">
        <f>'CPT Data'!Q7216</f>
        <v>#N/A</v>
      </c>
      <c r="E7208" t="e">
        <f t="shared" si="113"/>
        <v>#N/A</v>
      </c>
      <c r="F7208" t="str">
        <f>IF(C7208="CLAY", INDEX(D$4:D7208, MATCH("CLAY", C$4:C7208, 0)), "")</f>
        <v/>
      </c>
    </row>
    <row r="7209" spans="1:6" x14ac:dyDescent="0.2">
      <c r="A7209" s="239">
        <f>'CPT Data'!B7217</f>
        <v>71.894000000000005</v>
      </c>
      <c r="B7209" s="3">
        <f>'CPT Data'!C7217</f>
        <v>71.887</v>
      </c>
      <c r="C7209" t="str">
        <f>'CPT Data'!P7217</f>
        <v>SAND</v>
      </c>
      <c r="D7209" t="e">
        <f>'CPT Data'!Q7217</f>
        <v>#N/A</v>
      </c>
      <c r="E7209" t="e">
        <f t="shared" si="113"/>
        <v>#N/A</v>
      </c>
      <c r="F7209" t="str">
        <f>IF(C7209="CLAY", INDEX(D$4:D7209, MATCH("CLAY", C$4:C7209, 0)), "")</f>
        <v/>
      </c>
    </row>
    <row r="7210" spans="1:6" x14ac:dyDescent="0.2">
      <c r="A7210" s="239">
        <f>'CPT Data'!B7218</f>
        <v>71.903999999999996</v>
      </c>
      <c r="B7210" s="3">
        <f>'CPT Data'!C7218</f>
        <v>71.896999999999991</v>
      </c>
      <c r="C7210" t="str">
        <f>'CPT Data'!P7218</f>
        <v>SAND</v>
      </c>
      <c r="D7210" t="e">
        <f>'CPT Data'!Q7218</f>
        <v>#N/A</v>
      </c>
      <c r="E7210" t="e">
        <f t="shared" si="113"/>
        <v>#N/A</v>
      </c>
      <c r="F7210" t="str">
        <f>IF(C7210="CLAY", INDEX(D$4:D7210, MATCH("CLAY", C$4:C7210, 0)), "")</f>
        <v/>
      </c>
    </row>
    <row r="7211" spans="1:6" x14ac:dyDescent="0.2">
      <c r="A7211" s="239">
        <f>'CPT Data'!B7219</f>
        <v>71.914000000000001</v>
      </c>
      <c r="B7211" s="3">
        <f>'CPT Data'!C7219</f>
        <v>71.906999999999996</v>
      </c>
      <c r="C7211" t="str">
        <f>'CPT Data'!P7219</f>
        <v>SAND</v>
      </c>
      <c r="D7211" t="e">
        <f>'CPT Data'!Q7219</f>
        <v>#N/A</v>
      </c>
      <c r="E7211" t="e">
        <f t="shared" si="113"/>
        <v>#N/A</v>
      </c>
      <c r="F7211" t="str">
        <f>IF(C7211="CLAY", INDEX(D$4:D7211, MATCH("CLAY", C$4:C7211, 0)), "")</f>
        <v/>
      </c>
    </row>
    <row r="7212" spans="1:6" x14ac:dyDescent="0.2">
      <c r="A7212" s="239">
        <f>'CPT Data'!B7220</f>
        <v>71.924999999999997</v>
      </c>
      <c r="B7212" s="3">
        <f>'CPT Data'!C7220</f>
        <v>71.917999999999992</v>
      </c>
      <c r="C7212" t="str">
        <f>'CPT Data'!P7220</f>
        <v>SAND</v>
      </c>
      <c r="D7212" t="e">
        <f>'CPT Data'!Q7220</f>
        <v>#N/A</v>
      </c>
      <c r="E7212" t="e">
        <f t="shared" si="113"/>
        <v>#N/A</v>
      </c>
      <c r="F7212" t="str">
        <f>IF(C7212="CLAY", INDEX(D$4:D7212, MATCH("CLAY", C$4:C7212, 0)), "")</f>
        <v/>
      </c>
    </row>
    <row r="7213" spans="1:6" x14ac:dyDescent="0.2">
      <c r="A7213" s="239">
        <f>'CPT Data'!B7221</f>
        <v>71.935000000000002</v>
      </c>
      <c r="B7213" s="3">
        <f>'CPT Data'!C7221</f>
        <v>71.927999999999997</v>
      </c>
      <c r="C7213" t="str">
        <f>'CPT Data'!P7221</f>
        <v>SAND</v>
      </c>
      <c r="D7213" t="e">
        <f>'CPT Data'!Q7221</f>
        <v>#N/A</v>
      </c>
      <c r="E7213" t="e">
        <f t="shared" si="113"/>
        <v>#N/A</v>
      </c>
      <c r="F7213" t="str">
        <f>IF(C7213="CLAY", INDEX(D$4:D7213, MATCH("CLAY", C$4:C7213, 0)), "")</f>
        <v/>
      </c>
    </row>
    <row r="7214" spans="1:6" x14ac:dyDescent="0.2">
      <c r="A7214" s="239">
        <f>'CPT Data'!B7222</f>
        <v>71.944000000000003</v>
      </c>
      <c r="B7214" s="3">
        <f>'CPT Data'!C7222</f>
        <v>71.936999999999998</v>
      </c>
      <c r="C7214" t="str">
        <f>'CPT Data'!P7222</f>
        <v>SAND</v>
      </c>
      <c r="D7214" t="e">
        <f>'CPT Data'!Q7222</f>
        <v>#N/A</v>
      </c>
      <c r="E7214" t="e">
        <f t="shared" si="113"/>
        <v>#N/A</v>
      </c>
      <c r="F7214" t="str">
        <f>IF(C7214="CLAY", INDEX(D$4:D7214, MATCH("CLAY", C$4:C7214, 0)), "")</f>
        <v/>
      </c>
    </row>
    <row r="7215" spans="1:6" x14ac:dyDescent="0.2">
      <c r="A7215" s="239">
        <f>'CPT Data'!B7223</f>
        <v>71.953999999999994</v>
      </c>
      <c r="B7215" s="3">
        <f>'CPT Data'!C7223</f>
        <v>71.946999999999989</v>
      </c>
      <c r="C7215" t="str">
        <f>'CPT Data'!P7223</f>
        <v>SAND</v>
      </c>
      <c r="D7215" t="e">
        <f>'CPT Data'!Q7223</f>
        <v>#N/A</v>
      </c>
      <c r="E7215" t="e">
        <f t="shared" si="113"/>
        <v>#N/A</v>
      </c>
      <c r="F7215" t="str">
        <f>IF(C7215="CLAY", INDEX(D$4:D7215, MATCH("CLAY", C$4:C7215, 0)), "")</f>
        <v/>
      </c>
    </row>
    <row r="7216" spans="1:6" x14ac:dyDescent="0.2">
      <c r="A7216" s="239">
        <f>'CPT Data'!B7224</f>
        <v>71.995000000000005</v>
      </c>
      <c r="B7216" s="3">
        <f>'CPT Data'!C7224</f>
        <v>71.988</v>
      </c>
      <c r="C7216" t="str">
        <f>'CPT Data'!P7224</f>
        <v>SAND</v>
      </c>
      <c r="D7216" t="e">
        <f>'CPT Data'!Q7224</f>
        <v>#N/A</v>
      </c>
      <c r="E7216" t="e">
        <f t="shared" si="113"/>
        <v>#N/A</v>
      </c>
      <c r="F7216" t="str">
        <f>IF(C7216="CLAY", INDEX(D$4:D7216, MATCH("CLAY", C$4:C7216, 0)), "")</f>
        <v/>
      </c>
    </row>
    <row r="7217" spans="1:6" x14ac:dyDescent="0.2">
      <c r="A7217" s="239">
        <f>'CPT Data'!B7225</f>
        <v>72.004999999999995</v>
      </c>
      <c r="B7217" s="3">
        <f>'CPT Data'!C7225</f>
        <v>71.99799999999999</v>
      </c>
      <c r="C7217" t="str">
        <f>'CPT Data'!P7225</f>
        <v>SAND</v>
      </c>
      <c r="D7217" t="e">
        <f>'CPT Data'!Q7225</f>
        <v>#N/A</v>
      </c>
      <c r="E7217" t="e">
        <f t="shared" si="113"/>
        <v>#N/A</v>
      </c>
      <c r="F7217" t="str">
        <f>IF(C7217="CLAY", INDEX(D$4:D7217, MATCH("CLAY", C$4:C7217, 0)), "")</f>
        <v/>
      </c>
    </row>
    <row r="7218" spans="1:6" x14ac:dyDescent="0.2">
      <c r="A7218" s="239">
        <f>'CPT Data'!B7226</f>
        <v>72.016000000000005</v>
      </c>
      <c r="B7218" s="3">
        <f>'CPT Data'!C7226</f>
        <v>72.009</v>
      </c>
      <c r="C7218" t="str">
        <f>'CPT Data'!P7226</f>
        <v>SAND</v>
      </c>
      <c r="D7218" t="e">
        <f>'CPT Data'!Q7226</f>
        <v>#N/A</v>
      </c>
      <c r="E7218" t="e">
        <f t="shared" si="113"/>
        <v>#N/A</v>
      </c>
      <c r="F7218" t="str">
        <f>IF(C7218="CLAY", INDEX(D$4:D7218, MATCH("CLAY", C$4:C7218, 0)), "")</f>
        <v/>
      </c>
    </row>
    <row r="7219" spans="1:6" x14ac:dyDescent="0.2">
      <c r="A7219" s="239">
        <f>'CPT Data'!B7227</f>
        <v>72.025999999999996</v>
      </c>
      <c r="B7219" s="3">
        <f>'CPT Data'!C7227</f>
        <v>72.018999999999991</v>
      </c>
      <c r="C7219" t="str">
        <f>'CPT Data'!P7227</f>
        <v>SAND</v>
      </c>
      <c r="D7219" t="e">
        <f>'CPT Data'!Q7227</f>
        <v>#N/A</v>
      </c>
      <c r="E7219" t="e">
        <f t="shared" si="113"/>
        <v>#N/A</v>
      </c>
      <c r="F7219" t="str">
        <f>IF(C7219="CLAY", INDEX(D$4:D7219, MATCH("CLAY", C$4:C7219, 0)), "")</f>
        <v/>
      </c>
    </row>
    <row r="7220" spans="1:6" x14ac:dyDescent="0.2">
      <c r="A7220" s="239">
        <f>'CPT Data'!B7228</f>
        <v>72.036000000000001</v>
      </c>
      <c r="B7220" s="3">
        <f>'CPT Data'!C7228</f>
        <v>72.028999999999996</v>
      </c>
      <c r="C7220" t="str">
        <f>'CPT Data'!P7228</f>
        <v>SAND</v>
      </c>
      <c r="D7220" t="e">
        <f>'CPT Data'!Q7228</f>
        <v>#N/A</v>
      </c>
      <c r="E7220" t="e">
        <f t="shared" si="113"/>
        <v>#N/A</v>
      </c>
      <c r="F7220" t="str">
        <f>IF(C7220="CLAY", INDEX(D$4:D7220, MATCH("CLAY", C$4:C7220, 0)), "")</f>
        <v/>
      </c>
    </row>
    <row r="7221" spans="1:6" x14ac:dyDescent="0.2">
      <c r="A7221" s="239">
        <f>'CPT Data'!B7229</f>
        <v>72.046000000000006</v>
      </c>
      <c r="B7221" s="3">
        <f>'CPT Data'!C7229</f>
        <v>72.039000000000001</v>
      </c>
      <c r="C7221" t="str">
        <f>'CPT Data'!P7229</f>
        <v>SAND</v>
      </c>
      <c r="D7221" t="e">
        <f>'CPT Data'!Q7229</f>
        <v>#N/A</v>
      </c>
      <c r="E7221" t="e">
        <f t="shared" si="113"/>
        <v>#N/A</v>
      </c>
      <c r="F7221" t="str">
        <f>IF(C7221="CLAY", INDEX(D$4:D7221, MATCH("CLAY", C$4:C7221, 0)), "")</f>
        <v/>
      </c>
    </row>
    <row r="7222" spans="1:6" x14ac:dyDescent="0.2">
      <c r="A7222" s="239">
        <f>'CPT Data'!B7230</f>
        <v>72.057000000000002</v>
      </c>
      <c r="B7222" s="3">
        <f>'CPT Data'!C7230</f>
        <v>72.05</v>
      </c>
      <c r="C7222" t="str">
        <f>'CPT Data'!P7230</f>
        <v>SAND</v>
      </c>
      <c r="D7222" t="e">
        <f>'CPT Data'!Q7230</f>
        <v>#N/A</v>
      </c>
      <c r="E7222" t="e">
        <f t="shared" si="113"/>
        <v>#N/A</v>
      </c>
      <c r="F7222" t="str">
        <f>IF(C7222="CLAY", INDEX(D$4:D7222, MATCH("CLAY", C$4:C7222, 0)), "")</f>
        <v/>
      </c>
    </row>
    <row r="7223" spans="1:6" x14ac:dyDescent="0.2">
      <c r="A7223" s="239">
        <f>'CPT Data'!B7231</f>
        <v>72.066999999999993</v>
      </c>
      <c r="B7223" s="3">
        <f>'CPT Data'!C7231</f>
        <v>72.059999999999988</v>
      </c>
      <c r="C7223" t="str">
        <f>'CPT Data'!P7231</f>
        <v>SAND</v>
      </c>
      <c r="D7223" t="e">
        <f>'CPT Data'!Q7231</f>
        <v>#N/A</v>
      </c>
      <c r="E7223" t="e">
        <f t="shared" si="113"/>
        <v>#N/A</v>
      </c>
      <c r="F7223" t="str">
        <f>IF(C7223="CLAY", INDEX(D$4:D7223, MATCH("CLAY", C$4:C7223, 0)), "")</f>
        <v/>
      </c>
    </row>
    <row r="7224" spans="1:6" x14ac:dyDescent="0.2">
      <c r="A7224" s="239">
        <f>'CPT Data'!B7232</f>
        <v>72.075999999999993</v>
      </c>
      <c r="B7224" s="3">
        <f>'CPT Data'!C7232</f>
        <v>72.068999999999988</v>
      </c>
      <c r="C7224" t="str">
        <f>'CPT Data'!P7232</f>
        <v>SAND</v>
      </c>
      <c r="D7224" t="e">
        <f>'CPT Data'!Q7232</f>
        <v>#N/A</v>
      </c>
      <c r="E7224" t="e">
        <f t="shared" si="113"/>
        <v>#N/A</v>
      </c>
      <c r="F7224" t="str">
        <f>IF(C7224="CLAY", INDEX(D$4:D7224, MATCH("CLAY", C$4:C7224, 0)), "")</f>
        <v/>
      </c>
    </row>
    <row r="7225" spans="1:6" x14ac:dyDescent="0.2">
      <c r="A7225" s="239">
        <f>'CPT Data'!B7233</f>
        <v>72.087999999999994</v>
      </c>
      <c r="B7225" s="3">
        <f>'CPT Data'!C7233</f>
        <v>72.080999999999989</v>
      </c>
      <c r="C7225" t="str">
        <f>'CPT Data'!P7233</f>
        <v>SAND</v>
      </c>
      <c r="D7225" t="e">
        <f>'CPT Data'!Q7233</f>
        <v>#N/A</v>
      </c>
      <c r="E7225" t="e">
        <f t="shared" si="113"/>
        <v>#N/A</v>
      </c>
      <c r="F7225" t="str">
        <f>IF(C7225="CLAY", INDEX(D$4:D7225, MATCH("CLAY", C$4:C7225, 0)), "")</f>
        <v/>
      </c>
    </row>
    <row r="7226" spans="1:6" x14ac:dyDescent="0.2">
      <c r="A7226" s="239">
        <f>'CPT Data'!B7234</f>
        <v>72.097999999999999</v>
      </c>
      <c r="B7226" s="3">
        <f>'CPT Data'!C7234</f>
        <v>72.090999999999994</v>
      </c>
      <c r="C7226" t="str">
        <f>'CPT Data'!P7234</f>
        <v>SAND</v>
      </c>
      <c r="D7226" t="e">
        <f>'CPT Data'!Q7234</f>
        <v>#N/A</v>
      </c>
      <c r="E7226" t="e">
        <f t="shared" si="113"/>
        <v>#N/A</v>
      </c>
      <c r="F7226" t="str">
        <f>IF(C7226="CLAY", INDEX(D$4:D7226, MATCH("CLAY", C$4:C7226, 0)), "")</f>
        <v/>
      </c>
    </row>
    <row r="7227" spans="1:6" x14ac:dyDescent="0.2">
      <c r="A7227" s="239">
        <f>'CPT Data'!B7235</f>
        <v>72.108000000000004</v>
      </c>
      <c r="B7227" s="3">
        <f>'CPT Data'!C7235</f>
        <v>72.100999999999999</v>
      </c>
      <c r="C7227" t="str">
        <f>'CPT Data'!P7235</f>
        <v>SAND</v>
      </c>
      <c r="D7227" t="e">
        <f>'CPT Data'!Q7235</f>
        <v>#N/A</v>
      </c>
      <c r="E7227" t="e">
        <f t="shared" si="113"/>
        <v>#N/A</v>
      </c>
      <c r="F7227" t="str">
        <f>IF(C7227="CLAY", INDEX(D$4:D7227, MATCH("CLAY", C$4:C7227, 0)), "")</f>
        <v/>
      </c>
    </row>
    <row r="7228" spans="1:6" x14ac:dyDescent="0.2">
      <c r="A7228" s="239">
        <f>'CPT Data'!B7236</f>
        <v>72.119</v>
      </c>
      <c r="B7228" s="3">
        <f>'CPT Data'!C7236</f>
        <v>72.111999999999995</v>
      </c>
      <c r="C7228" t="str">
        <f>'CPT Data'!P7236</f>
        <v>SAND</v>
      </c>
      <c r="D7228" t="e">
        <f>'CPT Data'!Q7236</f>
        <v>#N/A</v>
      </c>
      <c r="E7228" t="e">
        <f t="shared" si="113"/>
        <v>#N/A</v>
      </c>
      <c r="F7228" t="str">
        <f>IF(C7228="CLAY", INDEX(D$4:D7228, MATCH("CLAY", C$4:C7228, 0)), "")</f>
        <v/>
      </c>
    </row>
    <row r="7229" spans="1:6" x14ac:dyDescent="0.2">
      <c r="A7229" s="239">
        <f>'CPT Data'!B7237</f>
        <v>72.129000000000005</v>
      </c>
      <c r="B7229" s="3">
        <f>'CPT Data'!C7237</f>
        <v>72.122</v>
      </c>
      <c r="C7229" t="str">
        <f>'CPT Data'!P7237</f>
        <v>SAND</v>
      </c>
      <c r="D7229" t="e">
        <f>'CPT Data'!Q7237</f>
        <v>#N/A</v>
      </c>
      <c r="E7229" t="e">
        <f t="shared" si="113"/>
        <v>#N/A</v>
      </c>
      <c r="F7229" t="str">
        <f>IF(C7229="CLAY", INDEX(D$4:D7229, MATCH("CLAY", C$4:C7229, 0)), "")</f>
        <v/>
      </c>
    </row>
    <row r="7230" spans="1:6" x14ac:dyDescent="0.2">
      <c r="A7230" s="239">
        <f>'CPT Data'!B7238</f>
        <v>72.138999999999996</v>
      </c>
      <c r="B7230" s="3">
        <f>'CPT Data'!C7238</f>
        <v>72.131999999999991</v>
      </c>
      <c r="C7230" t="str">
        <f>'CPT Data'!P7238</f>
        <v>SAND</v>
      </c>
      <c r="D7230" t="e">
        <f>'CPT Data'!Q7238</f>
        <v>#N/A</v>
      </c>
      <c r="E7230" t="e">
        <f t="shared" si="113"/>
        <v>#N/A</v>
      </c>
      <c r="F7230" t="str">
        <f>IF(C7230="CLAY", INDEX(D$4:D7230, MATCH("CLAY", C$4:C7230, 0)), "")</f>
        <v/>
      </c>
    </row>
    <row r="7231" spans="1:6" x14ac:dyDescent="0.2">
      <c r="A7231" s="239">
        <f>'CPT Data'!B7239</f>
        <v>72.149000000000001</v>
      </c>
      <c r="B7231" s="3">
        <f>'CPT Data'!C7239</f>
        <v>72.141999999999996</v>
      </c>
      <c r="C7231" t="str">
        <f>'CPT Data'!P7239</f>
        <v>SAND</v>
      </c>
      <c r="D7231" t="e">
        <f>'CPT Data'!Q7239</f>
        <v>#N/A</v>
      </c>
      <c r="E7231" t="e">
        <f t="shared" si="113"/>
        <v>#N/A</v>
      </c>
      <c r="F7231" t="str">
        <f>IF(C7231="CLAY", INDEX(D$4:D7231, MATCH("CLAY", C$4:C7231, 0)), "")</f>
        <v/>
      </c>
    </row>
    <row r="7232" spans="1:6" x14ac:dyDescent="0.2">
      <c r="A7232" s="239">
        <f>'CPT Data'!B7240</f>
        <v>72.16</v>
      </c>
      <c r="B7232" s="3">
        <f>'CPT Data'!C7240</f>
        <v>72.152999999999992</v>
      </c>
      <c r="C7232" t="str">
        <f>'CPT Data'!P7240</f>
        <v>SAND</v>
      </c>
      <c r="D7232" t="e">
        <f>'CPT Data'!Q7240</f>
        <v>#N/A</v>
      </c>
      <c r="E7232" t="e">
        <f t="shared" si="113"/>
        <v>#N/A</v>
      </c>
      <c r="F7232" t="str">
        <f>IF(C7232="CLAY", INDEX(D$4:D7232, MATCH("CLAY", C$4:C7232, 0)), "")</f>
        <v/>
      </c>
    </row>
    <row r="7233" spans="1:6" x14ac:dyDescent="0.2">
      <c r="A7233" s="239">
        <f>'CPT Data'!B7241</f>
        <v>72.168999999999997</v>
      </c>
      <c r="B7233" s="3">
        <f>'CPT Data'!C7241</f>
        <v>72.161999999999992</v>
      </c>
      <c r="C7233" t="str">
        <f>'CPT Data'!P7241</f>
        <v>SAND</v>
      </c>
      <c r="D7233" t="e">
        <f>'CPT Data'!Q7241</f>
        <v>#N/A</v>
      </c>
      <c r="E7233" t="e">
        <f t="shared" si="113"/>
        <v>#N/A</v>
      </c>
      <c r="F7233" t="str">
        <f>IF(C7233="CLAY", INDEX(D$4:D7233, MATCH("CLAY", C$4:C7233, 0)), "")</f>
        <v/>
      </c>
    </row>
    <row r="7234" spans="1:6" x14ac:dyDescent="0.2">
      <c r="A7234" s="239">
        <f>'CPT Data'!B7242</f>
        <v>72.179000000000002</v>
      </c>
      <c r="B7234" s="3">
        <f>'CPT Data'!C7242</f>
        <v>72.171999999999997</v>
      </c>
      <c r="C7234" t="str">
        <f>'CPT Data'!P7242</f>
        <v>SAND</v>
      </c>
      <c r="D7234" t="e">
        <f>'CPT Data'!Q7242</f>
        <v>#N/A</v>
      </c>
      <c r="E7234" t="e">
        <f t="shared" si="113"/>
        <v>#N/A</v>
      </c>
      <c r="F7234" t="str">
        <f>IF(C7234="CLAY", INDEX(D$4:D7234, MATCH("CLAY", C$4:C7234, 0)), "")</f>
        <v/>
      </c>
    </row>
    <row r="7235" spans="1:6" x14ac:dyDescent="0.2">
      <c r="A7235" s="239">
        <f>'CPT Data'!B7243</f>
        <v>72.188999999999993</v>
      </c>
      <c r="B7235" s="3">
        <f>'CPT Data'!C7243</f>
        <v>72.181999999999988</v>
      </c>
      <c r="C7235" t="str">
        <f>'CPT Data'!P7243</f>
        <v>SAND</v>
      </c>
      <c r="D7235" t="e">
        <f>'CPT Data'!Q7243</f>
        <v>#N/A</v>
      </c>
      <c r="E7235" t="e">
        <f t="shared" si="113"/>
        <v>#N/A</v>
      </c>
      <c r="F7235" t="str">
        <f>IF(C7235="CLAY", INDEX(D$4:D7235, MATCH("CLAY", C$4:C7235, 0)), "")</f>
        <v/>
      </c>
    </row>
    <row r="7236" spans="1:6" x14ac:dyDescent="0.2">
      <c r="A7236" s="239">
        <f>'CPT Data'!B7244</f>
        <v>72.2</v>
      </c>
      <c r="B7236" s="3">
        <f>'CPT Data'!C7244</f>
        <v>72.192999999999998</v>
      </c>
      <c r="C7236" t="str">
        <f>'CPT Data'!P7244</f>
        <v>SAND</v>
      </c>
      <c r="D7236" t="e">
        <f>'CPT Data'!Q7244</f>
        <v>#N/A</v>
      </c>
      <c r="E7236" t="e">
        <f t="shared" si="113"/>
        <v>#N/A</v>
      </c>
      <c r="F7236" t="str">
        <f>IF(C7236="CLAY", INDEX(D$4:D7236, MATCH("CLAY", C$4:C7236, 0)), "")</f>
        <v/>
      </c>
    </row>
    <row r="7237" spans="1:6" x14ac:dyDescent="0.2">
      <c r="A7237" s="239">
        <f>'CPT Data'!B7245</f>
        <v>72.209999999999994</v>
      </c>
      <c r="B7237" s="3">
        <f>'CPT Data'!C7245</f>
        <v>72.202999999999989</v>
      </c>
      <c r="C7237" t="str">
        <f>'CPT Data'!P7245</f>
        <v>SAND</v>
      </c>
      <c r="D7237" t="e">
        <f>'CPT Data'!Q7245</f>
        <v>#N/A</v>
      </c>
      <c r="E7237" t="e">
        <f t="shared" si="113"/>
        <v>#N/A</v>
      </c>
      <c r="F7237" t="str">
        <f>IF(C7237="CLAY", INDEX(D$4:D7237, MATCH("CLAY", C$4:C7237, 0)), "")</f>
        <v/>
      </c>
    </row>
    <row r="7238" spans="1:6" x14ac:dyDescent="0.2">
      <c r="A7238" s="239">
        <f>'CPT Data'!B7246</f>
        <v>72.22</v>
      </c>
      <c r="B7238" s="3">
        <f>'CPT Data'!C7246</f>
        <v>72.212999999999994</v>
      </c>
      <c r="C7238" t="str">
        <f>'CPT Data'!P7246</f>
        <v>SAND</v>
      </c>
      <c r="D7238" t="e">
        <f>'CPT Data'!Q7246</f>
        <v>#N/A</v>
      </c>
      <c r="E7238" t="e">
        <f t="shared" si="113"/>
        <v>#N/A</v>
      </c>
      <c r="F7238" t="str">
        <f>IF(C7238="CLAY", INDEX(D$4:D7238, MATCH("CLAY", C$4:C7238, 0)), "")</f>
        <v/>
      </c>
    </row>
    <row r="7239" spans="1:6" x14ac:dyDescent="0.2">
      <c r="A7239" s="239">
        <f>'CPT Data'!B7247</f>
        <v>72.23</v>
      </c>
      <c r="B7239" s="3">
        <f>'CPT Data'!C7247</f>
        <v>72.222999999999999</v>
      </c>
      <c r="C7239" t="str">
        <f>'CPT Data'!P7247</f>
        <v>SAND</v>
      </c>
      <c r="D7239" t="e">
        <f>'CPT Data'!Q7247</f>
        <v>#N/A</v>
      </c>
      <c r="E7239" t="e">
        <f t="shared" si="113"/>
        <v>#N/A</v>
      </c>
      <c r="F7239" t="str">
        <f>IF(C7239="CLAY", INDEX(D$4:D7239, MATCH("CLAY", C$4:C7239, 0)), "")</f>
        <v/>
      </c>
    </row>
    <row r="7240" spans="1:6" x14ac:dyDescent="0.2">
      <c r="A7240" s="239">
        <f>'CPT Data'!B7248</f>
        <v>72.241</v>
      </c>
      <c r="B7240" s="3">
        <f>'CPT Data'!C7248</f>
        <v>72.233999999999995</v>
      </c>
      <c r="C7240" t="str">
        <f>'CPT Data'!P7248</f>
        <v>SAND</v>
      </c>
      <c r="D7240" t="e">
        <f>'CPT Data'!Q7248</f>
        <v>#N/A</v>
      </c>
      <c r="E7240" t="e">
        <f t="shared" si="113"/>
        <v>#N/A</v>
      </c>
      <c r="F7240" t="str">
        <f>IF(C7240="CLAY", INDEX(D$4:D7240, MATCH("CLAY", C$4:C7240, 0)), "")</f>
        <v/>
      </c>
    </row>
    <row r="7241" spans="1:6" x14ac:dyDescent="0.2">
      <c r="A7241" s="239">
        <f>'CPT Data'!B7249</f>
        <v>72.25</v>
      </c>
      <c r="B7241" s="3">
        <f>'CPT Data'!C7249</f>
        <v>72.242999999999995</v>
      </c>
      <c r="C7241" t="str">
        <f>'CPT Data'!P7249</f>
        <v>SAND</v>
      </c>
      <c r="D7241" t="e">
        <f>'CPT Data'!Q7249</f>
        <v>#N/A</v>
      </c>
      <c r="E7241" t="e">
        <f t="shared" si="113"/>
        <v>#N/A</v>
      </c>
      <c r="F7241" t="str">
        <f>IF(C7241="CLAY", INDEX(D$4:D7241, MATCH("CLAY", C$4:C7241, 0)), "")</f>
        <v/>
      </c>
    </row>
    <row r="7242" spans="1:6" x14ac:dyDescent="0.2">
      <c r="A7242" s="239">
        <f>'CPT Data'!B7250</f>
        <v>72.260000000000005</v>
      </c>
      <c r="B7242" s="3">
        <f>'CPT Data'!C7250</f>
        <v>72.253</v>
      </c>
      <c r="C7242" t="str">
        <f>'CPT Data'!P7250</f>
        <v>SAND</v>
      </c>
      <c r="D7242" t="e">
        <f>'CPT Data'!Q7250</f>
        <v>#N/A</v>
      </c>
      <c r="E7242" t="e">
        <f t="shared" si="113"/>
        <v>#N/A</v>
      </c>
      <c r="F7242" t="str">
        <f>IF(C7242="CLAY", INDEX(D$4:D7242, MATCH("CLAY", C$4:C7242, 0)), "")</f>
        <v/>
      </c>
    </row>
    <row r="7243" spans="1:6" x14ac:dyDescent="0.2">
      <c r="A7243" s="239">
        <f>'CPT Data'!B7251</f>
        <v>72.271000000000001</v>
      </c>
      <c r="B7243" s="3">
        <f>'CPT Data'!C7251</f>
        <v>72.263999999999996</v>
      </c>
      <c r="C7243" t="str">
        <f>'CPT Data'!P7251</f>
        <v>SAND</v>
      </c>
      <c r="D7243" t="e">
        <f>'CPT Data'!Q7251</f>
        <v>#N/A</v>
      </c>
      <c r="E7243" t="e">
        <f t="shared" si="113"/>
        <v>#N/A</v>
      </c>
      <c r="F7243" t="str">
        <f>IF(C7243="CLAY", INDEX(D$4:D7243, MATCH("CLAY", C$4:C7243, 0)), "")</f>
        <v/>
      </c>
    </row>
    <row r="7244" spans="1:6" x14ac:dyDescent="0.2">
      <c r="A7244" s="239">
        <f>'CPT Data'!B7252</f>
        <v>72.281000000000006</v>
      </c>
      <c r="B7244" s="3">
        <f>'CPT Data'!C7252</f>
        <v>72.274000000000001</v>
      </c>
      <c r="C7244" t="str">
        <f>'CPT Data'!P7252</f>
        <v>SAND</v>
      </c>
      <c r="D7244" t="e">
        <f>'CPT Data'!Q7252</f>
        <v>#N/A</v>
      </c>
      <c r="E7244" t="e">
        <f t="shared" si="113"/>
        <v>#N/A</v>
      </c>
      <c r="F7244" t="str">
        <f>IF(C7244="CLAY", INDEX(D$4:D7244, MATCH("CLAY", C$4:C7244, 0)), "")</f>
        <v/>
      </c>
    </row>
    <row r="7245" spans="1:6" x14ac:dyDescent="0.2">
      <c r="A7245" s="239">
        <f>'CPT Data'!B7253</f>
        <v>72.290999999999997</v>
      </c>
      <c r="B7245" s="3">
        <f>'CPT Data'!C7253</f>
        <v>72.283999999999992</v>
      </c>
      <c r="C7245" t="str">
        <f>'CPT Data'!P7253</f>
        <v>SAND</v>
      </c>
      <c r="D7245" t="e">
        <f>'CPT Data'!Q7253</f>
        <v>#N/A</v>
      </c>
      <c r="E7245" t="e">
        <f t="shared" si="113"/>
        <v>#N/A</v>
      </c>
      <c r="F7245" t="str">
        <f>IF(C7245="CLAY", INDEX(D$4:D7245, MATCH("CLAY", C$4:C7245, 0)), "")</f>
        <v/>
      </c>
    </row>
    <row r="7246" spans="1:6" x14ac:dyDescent="0.2">
      <c r="A7246" s="239">
        <f>'CPT Data'!B7254</f>
        <v>72.302000000000007</v>
      </c>
      <c r="B7246" s="3">
        <f>'CPT Data'!C7254</f>
        <v>72.295000000000002</v>
      </c>
      <c r="C7246" t="str">
        <f>'CPT Data'!P7254</f>
        <v>SAND</v>
      </c>
      <c r="D7246" t="e">
        <f>'CPT Data'!Q7254</f>
        <v>#N/A</v>
      </c>
      <c r="E7246" t="e">
        <f t="shared" si="113"/>
        <v>#N/A</v>
      </c>
      <c r="F7246" t="str">
        <f>IF(C7246="CLAY", INDEX(D$4:D7246, MATCH("CLAY", C$4:C7246, 0)), "")</f>
        <v/>
      </c>
    </row>
    <row r="7247" spans="1:6" x14ac:dyDescent="0.2">
      <c r="A7247" s="239">
        <f>'CPT Data'!B7255</f>
        <v>72.311999999999998</v>
      </c>
      <c r="B7247" s="3">
        <f>'CPT Data'!C7255</f>
        <v>72.304999999999993</v>
      </c>
      <c r="C7247" t="str">
        <f>'CPT Data'!P7255</f>
        <v>SAND</v>
      </c>
      <c r="D7247" t="e">
        <f>'CPT Data'!Q7255</f>
        <v>#N/A</v>
      </c>
      <c r="E7247" t="e">
        <f t="shared" si="113"/>
        <v>#N/A</v>
      </c>
      <c r="F7247" t="str">
        <f>IF(C7247="CLAY", INDEX(D$4:D7247, MATCH("CLAY", C$4:C7247, 0)), "")</f>
        <v/>
      </c>
    </row>
    <row r="7248" spans="1:6" x14ac:dyDescent="0.2">
      <c r="A7248" s="239">
        <f>'CPT Data'!B7256</f>
        <v>72.320999999999998</v>
      </c>
      <c r="B7248" s="3">
        <f>'CPT Data'!C7256</f>
        <v>72.313999999999993</v>
      </c>
      <c r="C7248" t="str">
        <f>'CPT Data'!P7256</f>
        <v>SAND</v>
      </c>
      <c r="D7248" t="e">
        <f>'CPT Data'!Q7256</f>
        <v>#N/A</v>
      </c>
      <c r="E7248" t="e">
        <f t="shared" si="113"/>
        <v>#N/A</v>
      </c>
      <c r="F7248" t="str">
        <f>IF(C7248="CLAY", INDEX(D$4:D7248, MATCH("CLAY", C$4:C7248, 0)), "")</f>
        <v/>
      </c>
    </row>
    <row r="7249" spans="1:6" x14ac:dyDescent="0.2">
      <c r="A7249" s="239">
        <f>'CPT Data'!B7257</f>
        <v>72.331999999999994</v>
      </c>
      <c r="B7249" s="3">
        <f>'CPT Data'!C7257</f>
        <v>72.324999999999989</v>
      </c>
      <c r="C7249" t="str">
        <f>'CPT Data'!P7257</f>
        <v>SAND</v>
      </c>
      <c r="D7249" t="e">
        <f>'CPT Data'!Q7257</f>
        <v>#N/A</v>
      </c>
      <c r="E7249" t="e">
        <f t="shared" si="113"/>
        <v>#N/A</v>
      </c>
      <c r="F7249" t="str">
        <f>IF(C7249="CLAY", INDEX(D$4:D7249, MATCH("CLAY", C$4:C7249, 0)), "")</f>
        <v/>
      </c>
    </row>
    <row r="7250" spans="1:6" x14ac:dyDescent="0.2">
      <c r="A7250" s="239">
        <f>'CPT Data'!B7258</f>
        <v>72.341999999999999</v>
      </c>
      <c r="B7250" s="3">
        <f>'CPT Data'!C7258</f>
        <v>72.334999999999994</v>
      </c>
      <c r="C7250" t="str">
        <f>'CPT Data'!P7258</f>
        <v>SAND</v>
      </c>
      <c r="D7250" t="e">
        <f>'CPT Data'!Q7258</f>
        <v>#N/A</v>
      </c>
      <c r="E7250" t="e">
        <f t="shared" si="113"/>
        <v>#N/A</v>
      </c>
      <c r="F7250" t="str">
        <f>IF(C7250="CLAY", INDEX(D$4:D7250, MATCH("CLAY", C$4:C7250, 0)), "")</f>
        <v/>
      </c>
    </row>
    <row r="7251" spans="1:6" x14ac:dyDescent="0.2">
      <c r="A7251" s="239">
        <f>'CPT Data'!B7259</f>
        <v>72.350999999999999</v>
      </c>
      <c r="B7251" s="3">
        <f>'CPT Data'!C7259</f>
        <v>72.343999999999994</v>
      </c>
      <c r="C7251" t="str">
        <f>'CPT Data'!P7259</f>
        <v>SAND</v>
      </c>
      <c r="D7251" t="e">
        <f>'CPT Data'!Q7259</f>
        <v>#N/A</v>
      </c>
      <c r="E7251" t="e">
        <f t="shared" si="113"/>
        <v>#N/A</v>
      </c>
      <c r="F7251" t="str">
        <f>IF(C7251="CLAY", INDEX(D$4:D7251, MATCH("CLAY", C$4:C7251, 0)), "")</f>
        <v/>
      </c>
    </row>
    <row r="7252" spans="1:6" x14ac:dyDescent="0.2">
      <c r="A7252" s="239">
        <f>'CPT Data'!B7260</f>
        <v>72.361000000000004</v>
      </c>
      <c r="B7252" s="3">
        <f>'CPT Data'!C7260</f>
        <v>72.353999999999999</v>
      </c>
      <c r="C7252" t="str">
        <f>'CPT Data'!P7260</f>
        <v>SAND</v>
      </c>
      <c r="D7252" t="e">
        <f>'CPT Data'!Q7260</f>
        <v>#N/A</v>
      </c>
      <c r="E7252" t="e">
        <f t="shared" si="113"/>
        <v>#N/A</v>
      </c>
      <c r="F7252" t="str">
        <f>IF(C7252="CLAY", INDEX(D$4:D7252, MATCH("CLAY", C$4:C7252, 0)), "")</f>
        <v/>
      </c>
    </row>
    <row r="7253" spans="1:6" x14ac:dyDescent="0.2">
      <c r="A7253" s="239">
        <f>'CPT Data'!B7261</f>
        <v>72.372</v>
      </c>
      <c r="B7253" s="3">
        <f>'CPT Data'!C7261</f>
        <v>72.364999999999995</v>
      </c>
      <c r="C7253" t="str">
        <f>'CPT Data'!P7261</f>
        <v>SAND</v>
      </c>
      <c r="D7253" t="e">
        <f>'CPT Data'!Q7261</f>
        <v>#N/A</v>
      </c>
      <c r="E7253" t="e">
        <f t="shared" si="113"/>
        <v>#N/A</v>
      </c>
      <c r="F7253" t="str">
        <f>IF(C7253="CLAY", INDEX(D$4:D7253, MATCH("CLAY", C$4:C7253, 0)), "")</f>
        <v/>
      </c>
    </row>
    <row r="7254" spans="1:6" x14ac:dyDescent="0.2">
      <c r="A7254" s="239">
        <f>'CPT Data'!B7262</f>
        <v>72.382000000000005</v>
      </c>
      <c r="B7254" s="3">
        <f>'CPT Data'!C7262</f>
        <v>72.375</v>
      </c>
      <c r="C7254" t="str">
        <f>'CPT Data'!P7262</f>
        <v>SAND</v>
      </c>
      <c r="D7254" t="e">
        <f>'CPT Data'!Q7262</f>
        <v>#N/A</v>
      </c>
      <c r="E7254" t="e">
        <f t="shared" si="113"/>
        <v>#N/A</v>
      </c>
      <c r="F7254" t="str">
        <f>IF(C7254="CLAY", INDEX(D$4:D7254, MATCH("CLAY", C$4:C7254, 0)), "")</f>
        <v/>
      </c>
    </row>
    <row r="7255" spans="1:6" x14ac:dyDescent="0.2">
      <c r="A7255" s="239">
        <f>'CPT Data'!B7263</f>
        <v>72.391999999999996</v>
      </c>
      <c r="B7255" s="3">
        <f>'CPT Data'!C7263</f>
        <v>72.384999999999991</v>
      </c>
      <c r="C7255" t="str">
        <f>'CPT Data'!P7263</f>
        <v>SAND</v>
      </c>
      <c r="D7255" t="e">
        <f>'CPT Data'!Q7263</f>
        <v>#N/A</v>
      </c>
      <c r="E7255" t="e">
        <f t="shared" si="113"/>
        <v>#N/A</v>
      </c>
      <c r="F7255" t="str">
        <f>IF(C7255="CLAY", INDEX(D$4:D7255, MATCH("CLAY", C$4:C7255, 0)), "")</f>
        <v/>
      </c>
    </row>
    <row r="7256" spans="1:6" x14ac:dyDescent="0.2">
      <c r="A7256" s="239">
        <f>'CPT Data'!B7264</f>
        <v>72.402000000000001</v>
      </c>
      <c r="B7256" s="3">
        <f>'CPT Data'!C7264</f>
        <v>72.394999999999996</v>
      </c>
      <c r="C7256" t="str">
        <f>'CPT Data'!P7264</f>
        <v>SAND</v>
      </c>
      <c r="D7256" t="e">
        <f>'CPT Data'!Q7264</f>
        <v>#N/A</v>
      </c>
      <c r="E7256" t="e">
        <f t="shared" si="113"/>
        <v>#N/A</v>
      </c>
      <c r="F7256" t="str">
        <f>IF(C7256="CLAY", INDEX(D$4:D7256, MATCH("CLAY", C$4:C7256, 0)), "")</f>
        <v/>
      </c>
    </row>
    <row r="7257" spans="1:6" x14ac:dyDescent="0.2">
      <c r="A7257" s="239">
        <f>'CPT Data'!B7265</f>
        <v>72.412999999999997</v>
      </c>
      <c r="B7257" s="3">
        <f>'CPT Data'!C7265</f>
        <v>72.405999999999992</v>
      </c>
      <c r="C7257" t="str">
        <f>'CPT Data'!P7265</f>
        <v>SAND</v>
      </c>
      <c r="D7257" t="e">
        <f>'CPT Data'!Q7265</f>
        <v>#N/A</v>
      </c>
      <c r="E7257" t="e">
        <f t="shared" si="113"/>
        <v>#N/A</v>
      </c>
      <c r="F7257" t="str">
        <f>IF(C7257="CLAY", INDEX(D$4:D7257, MATCH("CLAY", C$4:C7257, 0)), "")</f>
        <v/>
      </c>
    </row>
    <row r="7258" spans="1:6" x14ac:dyDescent="0.2">
      <c r="A7258" s="239">
        <f>'CPT Data'!B7266</f>
        <v>72.421999999999997</v>
      </c>
      <c r="B7258" s="3">
        <f>'CPT Data'!C7266</f>
        <v>72.414999999999992</v>
      </c>
      <c r="C7258" t="str">
        <f>'CPT Data'!P7266</f>
        <v>SAND</v>
      </c>
      <c r="D7258" t="e">
        <f>'CPT Data'!Q7266</f>
        <v>#N/A</v>
      </c>
      <c r="E7258" t="e">
        <f t="shared" si="113"/>
        <v>#N/A</v>
      </c>
      <c r="F7258" t="str">
        <f>IF(C7258="CLAY", INDEX(D$4:D7258, MATCH("CLAY", C$4:C7258, 0)), "")</f>
        <v/>
      </c>
    </row>
    <row r="7259" spans="1:6" x14ac:dyDescent="0.2">
      <c r="A7259" s="239">
        <f>'CPT Data'!B7267</f>
        <v>72.432000000000002</v>
      </c>
      <c r="B7259" s="3">
        <f>'CPT Data'!C7267</f>
        <v>72.424999999999997</v>
      </c>
      <c r="C7259" t="str">
        <f>'CPT Data'!P7267</f>
        <v>SAND</v>
      </c>
      <c r="D7259" t="e">
        <f>'CPT Data'!Q7267</f>
        <v>#N/A</v>
      </c>
      <c r="E7259" t="e">
        <f t="shared" ref="E7259:E7322" si="114">IF(C7259="SAND",#N/A,IF(C7259=C7258,D7258,IF(C7259="CLAY",D7259,#N/A)))</f>
        <v>#N/A</v>
      </c>
      <c r="F7259" t="str">
        <f>IF(C7259="CLAY", INDEX(D$4:D7259, MATCH("CLAY", C$4:C7259, 0)), "")</f>
        <v/>
      </c>
    </row>
    <row r="7260" spans="1:6" x14ac:dyDescent="0.2">
      <c r="A7260" s="239">
        <f>'CPT Data'!B7268</f>
        <v>72.442999999999998</v>
      </c>
      <c r="B7260" s="3">
        <f>'CPT Data'!C7268</f>
        <v>72.435999999999993</v>
      </c>
      <c r="C7260" t="str">
        <f>'CPT Data'!P7268</f>
        <v>SAND</v>
      </c>
      <c r="D7260" t="e">
        <f>'CPT Data'!Q7268</f>
        <v>#N/A</v>
      </c>
      <c r="E7260" t="e">
        <f t="shared" si="114"/>
        <v>#N/A</v>
      </c>
      <c r="F7260" t="str">
        <f>IF(C7260="CLAY", INDEX(D$4:D7260, MATCH("CLAY", C$4:C7260, 0)), "")</f>
        <v/>
      </c>
    </row>
    <row r="7261" spans="1:6" x14ac:dyDescent="0.2">
      <c r="A7261" s="239">
        <f>'CPT Data'!B7269</f>
        <v>72.451999999999998</v>
      </c>
      <c r="B7261" s="3">
        <f>'CPT Data'!C7269</f>
        <v>72.444999999999993</v>
      </c>
      <c r="C7261" t="str">
        <f>'CPT Data'!P7269</f>
        <v>SAND</v>
      </c>
      <c r="D7261" t="e">
        <f>'CPT Data'!Q7269</f>
        <v>#N/A</v>
      </c>
      <c r="E7261" t="e">
        <f t="shared" si="114"/>
        <v>#N/A</v>
      </c>
      <c r="F7261" t="str">
        <f>IF(C7261="CLAY", INDEX(D$4:D7261, MATCH("CLAY", C$4:C7261, 0)), "")</f>
        <v/>
      </c>
    </row>
    <row r="7262" spans="1:6" x14ac:dyDescent="0.2">
      <c r="A7262" s="239">
        <f>'CPT Data'!B7270</f>
        <v>72.456000000000003</v>
      </c>
      <c r="B7262" s="3">
        <f>'CPT Data'!C7270</f>
        <v>72.448999999999998</v>
      </c>
      <c r="C7262" t="str">
        <f>'CPT Data'!P7270</f>
        <v>SAND</v>
      </c>
      <c r="D7262" t="e">
        <f>'CPT Data'!Q7270</f>
        <v>#N/A</v>
      </c>
      <c r="E7262" t="e">
        <f t="shared" si="114"/>
        <v>#N/A</v>
      </c>
      <c r="F7262" t="str">
        <f>IF(C7262="CLAY", INDEX(D$4:D7262, MATCH("CLAY", C$4:C7262, 0)), "")</f>
        <v/>
      </c>
    </row>
    <row r="7263" spans="1:6" x14ac:dyDescent="0.2">
      <c r="A7263" s="239">
        <f>'CPT Data'!B7271</f>
        <v>72.472999999999999</v>
      </c>
      <c r="B7263" s="3">
        <f>'CPT Data'!C7271</f>
        <v>72.465999999999994</v>
      </c>
      <c r="C7263" t="str">
        <f>'CPT Data'!P7271</f>
        <v>SAND</v>
      </c>
      <c r="D7263" t="e">
        <f>'CPT Data'!Q7271</f>
        <v>#N/A</v>
      </c>
      <c r="E7263" t="e">
        <f t="shared" si="114"/>
        <v>#N/A</v>
      </c>
      <c r="F7263" t="str">
        <f>IF(C7263="CLAY", INDEX(D$4:D7263, MATCH("CLAY", C$4:C7263, 0)), "")</f>
        <v/>
      </c>
    </row>
    <row r="7264" spans="1:6" x14ac:dyDescent="0.2">
      <c r="A7264" s="239">
        <f>'CPT Data'!B7272</f>
        <v>72.483999999999995</v>
      </c>
      <c r="B7264" s="3">
        <f>'CPT Data'!C7272</f>
        <v>72.47699999999999</v>
      </c>
      <c r="C7264" t="str">
        <f>'CPT Data'!P7272</f>
        <v>SAND</v>
      </c>
      <c r="D7264" t="e">
        <f>'CPT Data'!Q7272</f>
        <v>#N/A</v>
      </c>
      <c r="E7264" t="e">
        <f t="shared" si="114"/>
        <v>#N/A</v>
      </c>
      <c r="F7264" t="str">
        <f>IF(C7264="CLAY", INDEX(D$4:D7264, MATCH("CLAY", C$4:C7264, 0)), "")</f>
        <v/>
      </c>
    </row>
    <row r="7265" spans="1:6" x14ac:dyDescent="0.2">
      <c r="A7265" s="239">
        <f>'CPT Data'!B7273</f>
        <v>72.492999999999995</v>
      </c>
      <c r="B7265" s="3">
        <f>'CPT Data'!C7273</f>
        <v>72.48599999999999</v>
      </c>
      <c r="C7265" t="str">
        <f>'CPT Data'!P7273</f>
        <v>SAND</v>
      </c>
      <c r="D7265" t="e">
        <f>'CPT Data'!Q7273</f>
        <v>#N/A</v>
      </c>
      <c r="E7265" t="e">
        <f t="shared" si="114"/>
        <v>#N/A</v>
      </c>
      <c r="F7265" t="str">
        <f>IF(C7265="CLAY", INDEX(D$4:D7265, MATCH("CLAY", C$4:C7265, 0)), "")</f>
        <v/>
      </c>
    </row>
    <row r="7266" spans="1:6" x14ac:dyDescent="0.2">
      <c r="A7266" s="239">
        <f>'CPT Data'!B7274</f>
        <v>72.503</v>
      </c>
      <c r="B7266" s="3">
        <f>'CPT Data'!C7274</f>
        <v>72.495999999999995</v>
      </c>
      <c r="C7266" t="str">
        <f>'CPT Data'!P7274</f>
        <v>SAND</v>
      </c>
      <c r="D7266" t="e">
        <f>'CPT Data'!Q7274</f>
        <v>#N/A</v>
      </c>
      <c r="E7266" t="e">
        <f t="shared" si="114"/>
        <v>#N/A</v>
      </c>
      <c r="F7266" t="str">
        <f>IF(C7266="CLAY", INDEX(D$4:D7266, MATCH("CLAY", C$4:C7266, 0)), "")</f>
        <v/>
      </c>
    </row>
    <row r="7267" spans="1:6" x14ac:dyDescent="0.2">
      <c r="A7267" s="239">
        <f>'CPT Data'!B7275</f>
        <v>72.512</v>
      </c>
      <c r="B7267" s="3">
        <f>'CPT Data'!C7275</f>
        <v>72.504999999999995</v>
      </c>
      <c r="C7267" t="str">
        <f>'CPT Data'!P7275</f>
        <v>SAND</v>
      </c>
      <c r="D7267" t="e">
        <f>'CPT Data'!Q7275</f>
        <v>#N/A</v>
      </c>
      <c r="E7267" t="e">
        <f t="shared" si="114"/>
        <v>#N/A</v>
      </c>
      <c r="F7267" t="str">
        <f>IF(C7267="CLAY", INDEX(D$4:D7267, MATCH("CLAY", C$4:C7267, 0)), "")</f>
        <v/>
      </c>
    </row>
    <row r="7268" spans="1:6" x14ac:dyDescent="0.2">
      <c r="A7268" s="239">
        <f>'CPT Data'!B7276</f>
        <v>72.522999999999996</v>
      </c>
      <c r="B7268" s="3">
        <f>'CPT Data'!C7276</f>
        <v>72.515999999999991</v>
      </c>
      <c r="C7268" t="str">
        <f>'CPT Data'!P7276</f>
        <v>SAND</v>
      </c>
      <c r="D7268" t="e">
        <f>'CPT Data'!Q7276</f>
        <v>#N/A</v>
      </c>
      <c r="E7268" t="e">
        <f t="shared" si="114"/>
        <v>#N/A</v>
      </c>
      <c r="F7268" t="str">
        <f>IF(C7268="CLAY", INDEX(D$4:D7268, MATCH("CLAY", C$4:C7268, 0)), "")</f>
        <v/>
      </c>
    </row>
    <row r="7269" spans="1:6" x14ac:dyDescent="0.2">
      <c r="A7269" s="239">
        <f>'CPT Data'!B7277</f>
        <v>72.531999999999996</v>
      </c>
      <c r="B7269" s="3">
        <f>'CPT Data'!C7277</f>
        <v>72.524999999999991</v>
      </c>
      <c r="C7269" t="str">
        <f>'CPT Data'!P7277</f>
        <v>SAND</v>
      </c>
      <c r="D7269" t="e">
        <f>'CPT Data'!Q7277</f>
        <v>#N/A</v>
      </c>
      <c r="E7269" t="e">
        <f t="shared" si="114"/>
        <v>#N/A</v>
      </c>
      <c r="F7269" t="str">
        <f>IF(C7269="CLAY", INDEX(D$4:D7269, MATCH("CLAY", C$4:C7269, 0)), "")</f>
        <v/>
      </c>
    </row>
    <row r="7270" spans="1:6" x14ac:dyDescent="0.2">
      <c r="A7270" s="239">
        <f>'CPT Data'!B7278</f>
        <v>72.540999999999997</v>
      </c>
      <c r="B7270" s="3">
        <f>'CPT Data'!C7278</f>
        <v>72.533999999999992</v>
      </c>
      <c r="C7270" t="str">
        <f>'CPT Data'!P7278</f>
        <v>SAND</v>
      </c>
      <c r="D7270" t="e">
        <f>'CPT Data'!Q7278</f>
        <v>#N/A</v>
      </c>
      <c r="E7270" t="e">
        <f t="shared" si="114"/>
        <v>#N/A</v>
      </c>
      <c r="F7270" t="str">
        <f>IF(C7270="CLAY", INDEX(D$4:D7270, MATCH("CLAY", C$4:C7270, 0)), "")</f>
        <v/>
      </c>
    </row>
    <row r="7271" spans="1:6" x14ac:dyDescent="0.2">
      <c r="A7271" s="239">
        <f>'CPT Data'!B7279</f>
        <v>72.55</v>
      </c>
      <c r="B7271" s="3">
        <f>'CPT Data'!C7279</f>
        <v>72.542999999999992</v>
      </c>
      <c r="C7271" t="str">
        <f>'CPT Data'!P7279</f>
        <v>SAND</v>
      </c>
      <c r="D7271" t="e">
        <f>'CPT Data'!Q7279</f>
        <v>#N/A</v>
      </c>
      <c r="E7271" t="e">
        <f t="shared" si="114"/>
        <v>#N/A</v>
      </c>
      <c r="F7271" t="str">
        <f>IF(C7271="CLAY", INDEX(D$4:D7271, MATCH("CLAY", C$4:C7271, 0)), "")</f>
        <v/>
      </c>
    </row>
    <row r="7272" spans="1:6" x14ac:dyDescent="0.2">
      <c r="A7272" s="239">
        <f>'CPT Data'!B7280</f>
        <v>72.561000000000007</v>
      </c>
      <c r="B7272" s="3">
        <f>'CPT Data'!C7280</f>
        <v>72.554000000000002</v>
      </c>
      <c r="C7272" t="str">
        <f>'CPT Data'!P7280</f>
        <v>SAND</v>
      </c>
      <c r="D7272" t="e">
        <f>'CPT Data'!Q7280</f>
        <v>#N/A</v>
      </c>
      <c r="E7272" t="e">
        <f t="shared" si="114"/>
        <v>#N/A</v>
      </c>
      <c r="F7272" t="str">
        <f>IF(C7272="CLAY", INDEX(D$4:D7272, MATCH("CLAY", C$4:C7272, 0)), "")</f>
        <v/>
      </c>
    </row>
    <row r="7273" spans="1:6" x14ac:dyDescent="0.2">
      <c r="A7273" s="239">
        <f>'CPT Data'!B7281</f>
        <v>72.570999999999998</v>
      </c>
      <c r="B7273" s="3">
        <f>'CPT Data'!C7281</f>
        <v>72.563999999999993</v>
      </c>
      <c r="C7273" t="str">
        <f>'CPT Data'!P7281</f>
        <v>SAND</v>
      </c>
      <c r="D7273" t="e">
        <f>'CPT Data'!Q7281</f>
        <v>#N/A</v>
      </c>
      <c r="E7273" t="e">
        <f t="shared" si="114"/>
        <v>#N/A</v>
      </c>
      <c r="F7273" t="str">
        <f>IF(C7273="CLAY", INDEX(D$4:D7273, MATCH("CLAY", C$4:C7273, 0)), "")</f>
        <v/>
      </c>
    </row>
    <row r="7274" spans="1:6" x14ac:dyDescent="0.2">
      <c r="A7274" s="239">
        <f>'CPT Data'!B7282</f>
        <v>72.58</v>
      </c>
      <c r="B7274" s="3">
        <f>'CPT Data'!C7282</f>
        <v>72.572999999999993</v>
      </c>
      <c r="C7274" t="str">
        <f>'CPT Data'!P7282</f>
        <v>SAND</v>
      </c>
      <c r="D7274" t="e">
        <f>'CPT Data'!Q7282</f>
        <v>#N/A</v>
      </c>
      <c r="E7274" t="e">
        <f t="shared" si="114"/>
        <v>#N/A</v>
      </c>
      <c r="F7274" t="str">
        <f>IF(C7274="CLAY", INDEX(D$4:D7274, MATCH("CLAY", C$4:C7274, 0)), "")</f>
        <v/>
      </c>
    </row>
    <row r="7275" spans="1:6" x14ac:dyDescent="0.2">
      <c r="A7275" s="239">
        <f>'CPT Data'!B7283</f>
        <v>72.59</v>
      </c>
      <c r="B7275" s="3">
        <f>'CPT Data'!C7283</f>
        <v>72.582999999999998</v>
      </c>
      <c r="C7275" t="str">
        <f>'CPT Data'!P7283</f>
        <v>SAND</v>
      </c>
      <c r="D7275" t="e">
        <f>'CPT Data'!Q7283</f>
        <v>#N/A</v>
      </c>
      <c r="E7275" t="e">
        <f t="shared" si="114"/>
        <v>#N/A</v>
      </c>
      <c r="F7275" t="str">
        <f>IF(C7275="CLAY", INDEX(D$4:D7275, MATCH("CLAY", C$4:C7275, 0)), "")</f>
        <v/>
      </c>
    </row>
    <row r="7276" spans="1:6" x14ac:dyDescent="0.2">
      <c r="A7276" s="239">
        <f>'CPT Data'!B7284</f>
        <v>72.600999999999999</v>
      </c>
      <c r="B7276" s="3">
        <f>'CPT Data'!C7284</f>
        <v>72.593999999999994</v>
      </c>
      <c r="C7276" t="str">
        <f>'CPT Data'!P7284</f>
        <v>SAND</v>
      </c>
      <c r="D7276" t="e">
        <f>'CPT Data'!Q7284</f>
        <v>#N/A</v>
      </c>
      <c r="E7276" t="e">
        <f t="shared" si="114"/>
        <v>#N/A</v>
      </c>
      <c r="F7276" t="str">
        <f>IF(C7276="CLAY", INDEX(D$4:D7276, MATCH("CLAY", C$4:C7276, 0)), "")</f>
        <v/>
      </c>
    </row>
    <row r="7277" spans="1:6" x14ac:dyDescent="0.2">
      <c r="A7277" s="239">
        <f>'CPT Data'!B7285</f>
        <v>72.61</v>
      </c>
      <c r="B7277" s="3">
        <f>'CPT Data'!C7285</f>
        <v>72.602999999999994</v>
      </c>
      <c r="C7277" t="str">
        <f>'CPT Data'!P7285</f>
        <v>SAND</v>
      </c>
      <c r="D7277" t="e">
        <f>'CPT Data'!Q7285</f>
        <v>#N/A</v>
      </c>
      <c r="E7277" t="e">
        <f t="shared" si="114"/>
        <v>#N/A</v>
      </c>
      <c r="F7277" t="str">
        <f>IF(C7277="CLAY", INDEX(D$4:D7277, MATCH("CLAY", C$4:C7277, 0)), "")</f>
        <v/>
      </c>
    </row>
    <row r="7278" spans="1:6" x14ac:dyDescent="0.2">
      <c r="A7278" s="239">
        <f>'CPT Data'!B7286</f>
        <v>72.620999999999995</v>
      </c>
      <c r="B7278" s="3">
        <f>'CPT Data'!C7286</f>
        <v>72.61399999999999</v>
      </c>
      <c r="C7278" t="str">
        <f>'CPT Data'!P7286</f>
        <v>SAND</v>
      </c>
      <c r="D7278" t="e">
        <f>'CPT Data'!Q7286</f>
        <v>#N/A</v>
      </c>
      <c r="E7278" t="e">
        <f t="shared" si="114"/>
        <v>#N/A</v>
      </c>
      <c r="F7278" t="str">
        <f>IF(C7278="CLAY", INDEX(D$4:D7278, MATCH("CLAY", C$4:C7278, 0)), "")</f>
        <v/>
      </c>
    </row>
    <row r="7279" spans="1:6" x14ac:dyDescent="0.2">
      <c r="A7279" s="239">
        <f>'CPT Data'!B7287</f>
        <v>72.631</v>
      </c>
      <c r="B7279" s="3">
        <f>'CPT Data'!C7287</f>
        <v>72.623999999999995</v>
      </c>
      <c r="C7279" t="str">
        <f>'CPT Data'!P7287</f>
        <v>SAND</v>
      </c>
      <c r="D7279" t="e">
        <f>'CPT Data'!Q7287</f>
        <v>#N/A</v>
      </c>
      <c r="E7279" t="e">
        <f t="shared" si="114"/>
        <v>#N/A</v>
      </c>
      <c r="F7279" t="str">
        <f>IF(C7279="CLAY", INDEX(D$4:D7279, MATCH("CLAY", C$4:C7279, 0)), "")</f>
        <v/>
      </c>
    </row>
    <row r="7280" spans="1:6" x14ac:dyDescent="0.2">
      <c r="A7280" s="239">
        <f>'CPT Data'!B7288</f>
        <v>72.64</v>
      </c>
      <c r="B7280" s="3">
        <f>'CPT Data'!C7288</f>
        <v>72.632999999999996</v>
      </c>
      <c r="C7280" t="str">
        <f>'CPT Data'!P7288</f>
        <v>SAND</v>
      </c>
      <c r="D7280" t="e">
        <f>'CPT Data'!Q7288</f>
        <v>#N/A</v>
      </c>
      <c r="E7280" t="e">
        <f t="shared" si="114"/>
        <v>#N/A</v>
      </c>
      <c r="F7280" t="str">
        <f>IF(C7280="CLAY", INDEX(D$4:D7280, MATCH("CLAY", C$4:C7280, 0)), "")</f>
        <v/>
      </c>
    </row>
    <row r="7281" spans="1:6" x14ac:dyDescent="0.2">
      <c r="A7281" s="239">
        <f>'CPT Data'!B7289</f>
        <v>72.650999999999996</v>
      </c>
      <c r="B7281" s="3">
        <f>'CPT Data'!C7289</f>
        <v>72.643999999999991</v>
      </c>
      <c r="C7281" t="str">
        <f>'CPT Data'!P7289</f>
        <v>SAND</v>
      </c>
      <c r="D7281" t="e">
        <f>'CPT Data'!Q7289</f>
        <v>#N/A</v>
      </c>
      <c r="E7281" t="e">
        <f t="shared" si="114"/>
        <v>#N/A</v>
      </c>
      <c r="F7281" t="str">
        <f>IF(C7281="CLAY", INDEX(D$4:D7281, MATCH("CLAY", C$4:C7281, 0)), "")</f>
        <v/>
      </c>
    </row>
    <row r="7282" spans="1:6" x14ac:dyDescent="0.2">
      <c r="A7282" s="239">
        <f>'CPT Data'!B7290</f>
        <v>72.66</v>
      </c>
      <c r="B7282" s="3">
        <f>'CPT Data'!C7290</f>
        <v>72.652999999999992</v>
      </c>
      <c r="C7282" t="str">
        <f>'CPT Data'!P7290</f>
        <v>SAND</v>
      </c>
      <c r="D7282" t="e">
        <f>'CPT Data'!Q7290</f>
        <v>#N/A</v>
      </c>
      <c r="E7282" t="e">
        <f t="shared" si="114"/>
        <v>#N/A</v>
      </c>
      <c r="F7282" t="str">
        <f>IF(C7282="CLAY", INDEX(D$4:D7282, MATCH("CLAY", C$4:C7282, 0)), "")</f>
        <v/>
      </c>
    </row>
    <row r="7283" spans="1:6" x14ac:dyDescent="0.2">
      <c r="A7283" s="239">
        <f>'CPT Data'!B7291</f>
        <v>72.67</v>
      </c>
      <c r="B7283" s="3">
        <f>'CPT Data'!C7291</f>
        <v>72.662999999999997</v>
      </c>
      <c r="C7283" t="str">
        <f>'CPT Data'!P7291</f>
        <v>SAND</v>
      </c>
      <c r="D7283" t="e">
        <f>'CPT Data'!Q7291</f>
        <v>#N/A</v>
      </c>
      <c r="E7283" t="e">
        <f t="shared" si="114"/>
        <v>#N/A</v>
      </c>
      <c r="F7283" t="str">
        <f>IF(C7283="CLAY", INDEX(D$4:D7283, MATCH("CLAY", C$4:C7283, 0)), "")</f>
        <v/>
      </c>
    </row>
    <row r="7284" spans="1:6" x14ac:dyDescent="0.2">
      <c r="A7284" s="239">
        <f>'CPT Data'!B7292</f>
        <v>72.680000000000007</v>
      </c>
      <c r="B7284" s="3">
        <f>'CPT Data'!C7292</f>
        <v>72.673000000000002</v>
      </c>
      <c r="C7284" t="str">
        <f>'CPT Data'!P7292</f>
        <v>SAND</v>
      </c>
      <c r="D7284" t="e">
        <f>'CPT Data'!Q7292</f>
        <v>#N/A</v>
      </c>
      <c r="E7284" t="e">
        <f t="shared" si="114"/>
        <v>#N/A</v>
      </c>
      <c r="F7284" t="str">
        <f>IF(C7284="CLAY", INDEX(D$4:D7284, MATCH("CLAY", C$4:C7284, 0)), "")</f>
        <v/>
      </c>
    </row>
    <row r="7285" spans="1:6" x14ac:dyDescent="0.2">
      <c r="A7285" s="239">
        <f>'CPT Data'!B7293</f>
        <v>72.69</v>
      </c>
      <c r="B7285" s="3">
        <f>'CPT Data'!C7293</f>
        <v>72.682999999999993</v>
      </c>
      <c r="C7285" t="str">
        <f>'CPT Data'!P7293</f>
        <v>SAND</v>
      </c>
      <c r="D7285" t="e">
        <f>'CPT Data'!Q7293</f>
        <v>#N/A</v>
      </c>
      <c r="E7285" t="e">
        <f t="shared" si="114"/>
        <v>#N/A</v>
      </c>
      <c r="F7285" t="str">
        <f>IF(C7285="CLAY", INDEX(D$4:D7285, MATCH("CLAY", C$4:C7285, 0)), "")</f>
        <v/>
      </c>
    </row>
    <row r="7286" spans="1:6" x14ac:dyDescent="0.2">
      <c r="A7286" s="239">
        <f>'CPT Data'!B7294</f>
        <v>72.7</v>
      </c>
      <c r="B7286" s="3">
        <f>'CPT Data'!C7294</f>
        <v>72.692999999999998</v>
      </c>
      <c r="C7286" t="str">
        <f>'CPT Data'!P7294</f>
        <v>SAND</v>
      </c>
      <c r="D7286" t="e">
        <f>'CPT Data'!Q7294</f>
        <v>#N/A</v>
      </c>
      <c r="E7286" t="e">
        <f t="shared" si="114"/>
        <v>#N/A</v>
      </c>
      <c r="F7286" t="str">
        <f>IF(C7286="CLAY", INDEX(D$4:D7286, MATCH("CLAY", C$4:C7286, 0)), "")</f>
        <v/>
      </c>
    </row>
    <row r="7287" spans="1:6" x14ac:dyDescent="0.2">
      <c r="A7287" s="239">
        <f>'CPT Data'!B7295</f>
        <v>72.709999999999994</v>
      </c>
      <c r="B7287" s="3">
        <f>'CPT Data'!C7295</f>
        <v>72.702999999999989</v>
      </c>
      <c r="C7287" t="str">
        <f>'CPT Data'!P7295</f>
        <v>SAND</v>
      </c>
      <c r="D7287" t="e">
        <f>'CPT Data'!Q7295</f>
        <v>#N/A</v>
      </c>
      <c r="E7287" t="e">
        <f t="shared" si="114"/>
        <v>#N/A</v>
      </c>
      <c r="F7287" t="str">
        <f>IF(C7287="CLAY", INDEX(D$4:D7287, MATCH("CLAY", C$4:C7287, 0)), "")</f>
        <v/>
      </c>
    </row>
    <row r="7288" spans="1:6" x14ac:dyDescent="0.2">
      <c r="A7288" s="239">
        <f>'CPT Data'!B7296</f>
        <v>72.72</v>
      </c>
      <c r="B7288" s="3">
        <f>'CPT Data'!C7296</f>
        <v>72.712999999999994</v>
      </c>
      <c r="C7288" t="str">
        <f>'CPT Data'!P7296</f>
        <v>SAND</v>
      </c>
      <c r="D7288" t="e">
        <f>'CPT Data'!Q7296</f>
        <v>#N/A</v>
      </c>
      <c r="E7288" t="e">
        <f t="shared" si="114"/>
        <v>#N/A</v>
      </c>
      <c r="F7288" t="str">
        <f>IF(C7288="CLAY", INDEX(D$4:D7288, MATCH("CLAY", C$4:C7288, 0)), "")</f>
        <v/>
      </c>
    </row>
    <row r="7289" spans="1:6" x14ac:dyDescent="0.2">
      <c r="A7289" s="239">
        <f>'CPT Data'!B7297</f>
        <v>72.728999999999999</v>
      </c>
      <c r="B7289" s="3">
        <f>'CPT Data'!C7297</f>
        <v>72.721999999999994</v>
      </c>
      <c r="C7289" t="str">
        <f>'CPT Data'!P7297</f>
        <v>SAND</v>
      </c>
      <c r="D7289" t="e">
        <f>'CPT Data'!Q7297</f>
        <v>#N/A</v>
      </c>
      <c r="E7289" t="e">
        <f t="shared" si="114"/>
        <v>#N/A</v>
      </c>
      <c r="F7289" t="str">
        <f>IF(C7289="CLAY", INDEX(D$4:D7289, MATCH("CLAY", C$4:C7289, 0)), "")</f>
        <v/>
      </c>
    </row>
    <row r="7290" spans="1:6" x14ac:dyDescent="0.2">
      <c r="A7290" s="239">
        <f>'CPT Data'!B7298</f>
        <v>72.739999999999995</v>
      </c>
      <c r="B7290" s="3">
        <f>'CPT Data'!C7298</f>
        <v>72.73299999999999</v>
      </c>
      <c r="C7290" t="str">
        <f>'CPT Data'!P7298</f>
        <v>SAND</v>
      </c>
      <c r="D7290" t="e">
        <f>'CPT Data'!Q7298</f>
        <v>#N/A</v>
      </c>
      <c r="E7290" t="e">
        <f t="shared" si="114"/>
        <v>#N/A</v>
      </c>
      <c r="F7290" t="str">
        <f>IF(C7290="CLAY", INDEX(D$4:D7290, MATCH("CLAY", C$4:C7290, 0)), "")</f>
        <v/>
      </c>
    </row>
    <row r="7291" spans="1:6" x14ac:dyDescent="0.2">
      <c r="A7291" s="239">
        <f>'CPT Data'!B7299</f>
        <v>72.748999999999995</v>
      </c>
      <c r="B7291" s="3">
        <f>'CPT Data'!C7299</f>
        <v>72.74199999999999</v>
      </c>
      <c r="C7291" t="str">
        <f>'CPT Data'!P7299</f>
        <v>SAND</v>
      </c>
      <c r="D7291" t="e">
        <f>'CPT Data'!Q7299</f>
        <v>#N/A</v>
      </c>
      <c r="E7291" t="e">
        <f t="shared" si="114"/>
        <v>#N/A</v>
      </c>
      <c r="F7291" t="str">
        <f>IF(C7291="CLAY", INDEX(D$4:D7291, MATCH("CLAY", C$4:C7291, 0)), "")</f>
        <v/>
      </c>
    </row>
    <row r="7292" spans="1:6" x14ac:dyDescent="0.2">
      <c r="A7292" s="239">
        <f>'CPT Data'!B7300</f>
        <v>72.760000000000005</v>
      </c>
      <c r="B7292" s="3">
        <f>'CPT Data'!C7300</f>
        <v>72.753</v>
      </c>
      <c r="C7292" t="str">
        <f>'CPT Data'!P7300</f>
        <v>SAND</v>
      </c>
      <c r="D7292" t="e">
        <f>'CPT Data'!Q7300</f>
        <v>#N/A</v>
      </c>
      <c r="E7292" t="e">
        <f t="shared" si="114"/>
        <v>#N/A</v>
      </c>
      <c r="F7292" t="str">
        <f>IF(C7292="CLAY", INDEX(D$4:D7292, MATCH("CLAY", C$4:C7292, 0)), "")</f>
        <v/>
      </c>
    </row>
    <row r="7293" spans="1:6" x14ac:dyDescent="0.2">
      <c r="A7293" s="239">
        <f>'CPT Data'!B7301</f>
        <v>72.769000000000005</v>
      </c>
      <c r="B7293" s="3">
        <f>'CPT Data'!C7301</f>
        <v>72.762</v>
      </c>
      <c r="C7293" t="str">
        <f>'CPT Data'!P7301</f>
        <v>SAND</v>
      </c>
      <c r="D7293" t="e">
        <f>'CPT Data'!Q7301</f>
        <v>#N/A</v>
      </c>
      <c r="E7293" t="e">
        <f t="shared" si="114"/>
        <v>#N/A</v>
      </c>
      <c r="F7293" t="str">
        <f>IF(C7293="CLAY", INDEX(D$4:D7293, MATCH("CLAY", C$4:C7293, 0)), "")</f>
        <v/>
      </c>
    </row>
    <row r="7294" spans="1:6" x14ac:dyDescent="0.2">
      <c r="A7294" s="239">
        <f>'CPT Data'!B7302</f>
        <v>72.778000000000006</v>
      </c>
      <c r="B7294" s="3">
        <f>'CPT Data'!C7302</f>
        <v>72.771000000000001</v>
      </c>
      <c r="C7294" t="str">
        <f>'CPT Data'!P7302</f>
        <v>SAND</v>
      </c>
      <c r="D7294" t="e">
        <f>'CPT Data'!Q7302</f>
        <v>#N/A</v>
      </c>
      <c r="E7294" t="e">
        <f t="shared" si="114"/>
        <v>#N/A</v>
      </c>
      <c r="F7294" t="str">
        <f>IF(C7294="CLAY", INDEX(D$4:D7294, MATCH("CLAY", C$4:C7294, 0)), "")</f>
        <v/>
      </c>
    </row>
    <row r="7295" spans="1:6" x14ac:dyDescent="0.2">
      <c r="A7295" s="239">
        <f>'CPT Data'!B7303</f>
        <v>72.789000000000001</v>
      </c>
      <c r="B7295" s="3">
        <f>'CPT Data'!C7303</f>
        <v>72.781999999999996</v>
      </c>
      <c r="C7295" t="str">
        <f>'CPT Data'!P7303</f>
        <v>SAND</v>
      </c>
      <c r="D7295" t="e">
        <f>'CPT Data'!Q7303</f>
        <v>#N/A</v>
      </c>
      <c r="E7295" t="e">
        <f t="shared" si="114"/>
        <v>#N/A</v>
      </c>
      <c r="F7295" t="str">
        <f>IF(C7295="CLAY", INDEX(D$4:D7295, MATCH("CLAY", C$4:C7295, 0)), "")</f>
        <v/>
      </c>
    </row>
    <row r="7296" spans="1:6" x14ac:dyDescent="0.2">
      <c r="A7296" s="239">
        <f>'CPT Data'!B7304</f>
        <v>72.798000000000002</v>
      </c>
      <c r="B7296" s="3">
        <f>'CPT Data'!C7304</f>
        <v>72.790999999999997</v>
      </c>
      <c r="C7296" t="str">
        <f>'CPT Data'!P7304</f>
        <v>SAND</v>
      </c>
      <c r="D7296" t="e">
        <f>'CPT Data'!Q7304</f>
        <v>#N/A</v>
      </c>
      <c r="E7296" t="e">
        <f t="shared" si="114"/>
        <v>#N/A</v>
      </c>
      <c r="F7296" t="str">
        <f>IF(C7296="CLAY", INDEX(D$4:D7296, MATCH("CLAY", C$4:C7296, 0)), "")</f>
        <v/>
      </c>
    </row>
    <row r="7297" spans="1:6" x14ac:dyDescent="0.2">
      <c r="A7297" s="239">
        <f>'CPT Data'!B7305</f>
        <v>72.807000000000002</v>
      </c>
      <c r="B7297" s="3">
        <f>'CPT Data'!C7305</f>
        <v>72.8</v>
      </c>
      <c r="C7297" t="str">
        <f>'CPT Data'!P7305</f>
        <v>SAND</v>
      </c>
      <c r="D7297" t="e">
        <f>'CPT Data'!Q7305</f>
        <v>#N/A</v>
      </c>
      <c r="E7297" t="e">
        <f t="shared" si="114"/>
        <v>#N/A</v>
      </c>
      <c r="F7297" t="str">
        <f>IF(C7297="CLAY", INDEX(D$4:D7297, MATCH("CLAY", C$4:C7297, 0)), "")</f>
        <v/>
      </c>
    </row>
    <row r="7298" spans="1:6" x14ac:dyDescent="0.2">
      <c r="A7298" s="239">
        <f>'CPT Data'!B7306</f>
        <v>72.816999999999993</v>
      </c>
      <c r="B7298" s="3">
        <f>'CPT Data'!C7306</f>
        <v>72.809999999999988</v>
      </c>
      <c r="C7298" t="str">
        <f>'CPT Data'!P7306</f>
        <v>SAND</v>
      </c>
      <c r="D7298" t="e">
        <f>'CPT Data'!Q7306</f>
        <v>#N/A</v>
      </c>
      <c r="E7298" t="e">
        <f t="shared" si="114"/>
        <v>#N/A</v>
      </c>
      <c r="F7298" t="str">
        <f>IF(C7298="CLAY", INDEX(D$4:D7298, MATCH("CLAY", C$4:C7298, 0)), "")</f>
        <v/>
      </c>
    </row>
    <row r="7299" spans="1:6" x14ac:dyDescent="0.2">
      <c r="A7299" s="239">
        <f>'CPT Data'!B7307</f>
        <v>72.826999999999998</v>
      </c>
      <c r="B7299" s="3">
        <f>'CPT Data'!C7307</f>
        <v>72.819999999999993</v>
      </c>
      <c r="C7299" t="str">
        <f>'CPT Data'!P7307</f>
        <v>SAND</v>
      </c>
      <c r="D7299" t="e">
        <f>'CPT Data'!Q7307</f>
        <v>#N/A</v>
      </c>
      <c r="E7299" t="e">
        <f t="shared" si="114"/>
        <v>#N/A</v>
      </c>
      <c r="F7299" t="str">
        <f>IF(C7299="CLAY", INDEX(D$4:D7299, MATCH("CLAY", C$4:C7299, 0)), "")</f>
        <v/>
      </c>
    </row>
    <row r="7300" spans="1:6" x14ac:dyDescent="0.2">
      <c r="A7300" s="239">
        <f>'CPT Data'!B7308</f>
        <v>72.837000000000003</v>
      </c>
      <c r="B7300" s="3">
        <f>'CPT Data'!C7308</f>
        <v>72.83</v>
      </c>
      <c r="C7300" t="str">
        <f>'CPT Data'!P7308</f>
        <v>SAND</v>
      </c>
      <c r="D7300" t="e">
        <f>'CPT Data'!Q7308</f>
        <v>#N/A</v>
      </c>
      <c r="E7300" t="e">
        <f t="shared" si="114"/>
        <v>#N/A</v>
      </c>
      <c r="F7300" t="str">
        <f>IF(C7300="CLAY", INDEX(D$4:D7300, MATCH("CLAY", C$4:C7300, 0)), "")</f>
        <v/>
      </c>
    </row>
    <row r="7301" spans="1:6" x14ac:dyDescent="0.2">
      <c r="A7301" s="239">
        <f>'CPT Data'!B7309</f>
        <v>72.846000000000004</v>
      </c>
      <c r="B7301" s="3">
        <f>'CPT Data'!C7309</f>
        <v>72.838999999999999</v>
      </c>
      <c r="C7301" t="str">
        <f>'CPT Data'!P7309</f>
        <v>SAND</v>
      </c>
      <c r="D7301" t="e">
        <f>'CPT Data'!Q7309</f>
        <v>#N/A</v>
      </c>
      <c r="E7301" t="e">
        <f t="shared" si="114"/>
        <v>#N/A</v>
      </c>
      <c r="F7301" t="str">
        <f>IF(C7301="CLAY", INDEX(D$4:D7301, MATCH("CLAY", C$4:C7301, 0)), "")</f>
        <v/>
      </c>
    </row>
    <row r="7302" spans="1:6" x14ac:dyDescent="0.2">
      <c r="A7302" s="239">
        <f>'CPT Data'!B7310</f>
        <v>72.855999999999995</v>
      </c>
      <c r="B7302" s="3">
        <f>'CPT Data'!C7310</f>
        <v>72.84899999999999</v>
      </c>
      <c r="C7302" t="str">
        <f>'CPT Data'!P7310</f>
        <v>SAND</v>
      </c>
      <c r="D7302" t="e">
        <f>'CPT Data'!Q7310</f>
        <v>#N/A</v>
      </c>
      <c r="E7302" t="e">
        <f t="shared" si="114"/>
        <v>#N/A</v>
      </c>
      <c r="F7302" t="str">
        <f>IF(C7302="CLAY", INDEX(D$4:D7302, MATCH("CLAY", C$4:C7302, 0)), "")</f>
        <v/>
      </c>
    </row>
    <row r="7303" spans="1:6" x14ac:dyDescent="0.2">
      <c r="A7303" s="239">
        <f>'CPT Data'!B7311</f>
        <v>72.866</v>
      </c>
      <c r="B7303" s="3">
        <f>'CPT Data'!C7311</f>
        <v>72.858999999999995</v>
      </c>
      <c r="C7303" t="str">
        <f>'CPT Data'!P7311</f>
        <v>SAND</v>
      </c>
      <c r="D7303" t="e">
        <f>'CPT Data'!Q7311</f>
        <v>#N/A</v>
      </c>
      <c r="E7303" t="e">
        <f t="shared" si="114"/>
        <v>#N/A</v>
      </c>
      <c r="F7303" t="str">
        <f>IF(C7303="CLAY", INDEX(D$4:D7303, MATCH("CLAY", C$4:C7303, 0)), "")</f>
        <v/>
      </c>
    </row>
    <row r="7304" spans="1:6" x14ac:dyDescent="0.2">
      <c r="A7304" s="239">
        <f>'CPT Data'!B7312</f>
        <v>72.876000000000005</v>
      </c>
      <c r="B7304" s="3">
        <f>'CPT Data'!C7312</f>
        <v>72.869</v>
      </c>
      <c r="C7304" t="str">
        <f>'CPT Data'!P7312</f>
        <v>SAND</v>
      </c>
      <c r="D7304" t="e">
        <f>'CPT Data'!Q7312</f>
        <v>#N/A</v>
      </c>
      <c r="E7304" t="e">
        <f t="shared" si="114"/>
        <v>#N/A</v>
      </c>
      <c r="F7304" t="str">
        <f>IF(C7304="CLAY", INDEX(D$4:D7304, MATCH("CLAY", C$4:C7304, 0)), "")</f>
        <v/>
      </c>
    </row>
    <row r="7305" spans="1:6" x14ac:dyDescent="0.2">
      <c r="A7305" s="239">
        <f>'CPT Data'!B7313</f>
        <v>72.885000000000005</v>
      </c>
      <c r="B7305" s="3">
        <f>'CPT Data'!C7313</f>
        <v>72.878</v>
      </c>
      <c r="C7305" t="str">
        <f>'CPT Data'!P7313</f>
        <v>SAND</v>
      </c>
      <c r="D7305" t="e">
        <f>'CPT Data'!Q7313</f>
        <v>#N/A</v>
      </c>
      <c r="E7305" t="e">
        <f t="shared" si="114"/>
        <v>#N/A</v>
      </c>
      <c r="F7305" t="str">
        <f>IF(C7305="CLAY", INDEX(D$4:D7305, MATCH("CLAY", C$4:C7305, 0)), "")</f>
        <v/>
      </c>
    </row>
    <row r="7306" spans="1:6" x14ac:dyDescent="0.2">
      <c r="A7306" s="239">
        <f>'CPT Data'!B7314</f>
        <v>72.894999999999996</v>
      </c>
      <c r="B7306" s="3">
        <f>'CPT Data'!C7314</f>
        <v>72.887999999999991</v>
      </c>
      <c r="C7306" t="str">
        <f>'CPT Data'!P7314</f>
        <v>SAND</v>
      </c>
      <c r="D7306" t="e">
        <f>'CPT Data'!Q7314</f>
        <v>#N/A</v>
      </c>
      <c r="E7306" t="e">
        <f t="shared" si="114"/>
        <v>#N/A</v>
      </c>
      <c r="F7306" t="str">
        <f>IF(C7306="CLAY", INDEX(D$4:D7306, MATCH("CLAY", C$4:C7306, 0)), "")</f>
        <v/>
      </c>
    </row>
    <row r="7307" spans="1:6" x14ac:dyDescent="0.2">
      <c r="A7307" s="239">
        <f>'CPT Data'!B7315</f>
        <v>72.903999999999996</v>
      </c>
      <c r="B7307" s="3">
        <f>'CPT Data'!C7315</f>
        <v>72.896999999999991</v>
      </c>
      <c r="C7307" t="str">
        <f>'CPT Data'!P7315</f>
        <v>SAND</v>
      </c>
      <c r="D7307" t="e">
        <f>'CPT Data'!Q7315</f>
        <v>#N/A</v>
      </c>
      <c r="E7307" t="e">
        <f t="shared" si="114"/>
        <v>#N/A</v>
      </c>
      <c r="F7307" t="str">
        <f>IF(C7307="CLAY", INDEX(D$4:D7307, MATCH("CLAY", C$4:C7307, 0)), "")</f>
        <v/>
      </c>
    </row>
    <row r="7308" spans="1:6" x14ac:dyDescent="0.2">
      <c r="A7308" s="239">
        <f>'CPT Data'!B7316</f>
        <v>72.914000000000001</v>
      </c>
      <c r="B7308" s="3">
        <f>'CPT Data'!C7316</f>
        <v>72.906999999999996</v>
      </c>
      <c r="C7308" t="str">
        <f>'CPT Data'!P7316</f>
        <v>SAND</v>
      </c>
      <c r="D7308" t="e">
        <f>'CPT Data'!Q7316</f>
        <v>#N/A</v>
      </c>
      <c r="E7308" t="e">
        <f t="shared" si="114"/>
        <v>#N/A</v>
      </c>
      <c r="F7308" t="str">
        <f>IF(C7308="CLAY", INDEX(D$4:D7308, MATCH("CLAY", C$4:C7308, 0)), "")</f>
        <v/>
      </c>
    </row>
    <row r="7309" spans="1:6" x14ac:dyDescent="0.2">
      <c r="A7309" s="239">
        <f>'CPT Data'!B7317</f>
        <v>72.924000000000007</v>
      </c>
      <c r="B7309" s="3">
        <f>'CPT Data'!C7317</f>
        <v>72.917000000000002</v>
      </c>
      <c r="C7309" t="str">
        <f>'CPT Data'!P7317</f>
        <v>SAND</v>
      </c>
      <c r="D7309" t="e">
        <f>'CPT Data'!Q7317</f>
        <v>#N/A</v>
      </c>
      <c r="E7309" t="e">
        <f t="shared" si="114"/>
        <v>#N/A</v>
      </c>
      <c r="F7309" t="str">
        <f>IF(C7309="CLAY", INDEX(D$4:D7309, MATCH("CLAY", C$4:C7309, 0)), "")</f>
        <v/>
      </c>
    </row>
    <row r="7310" spans="1:6" x14ac:dyDescent="0.2">
      <c r="A7310" s="239">
        <f>'CPT Data'!B7318</f>
        <v>72.933999999999997</v>
      </c>
      <c r="B7310" s="3">
        <f>'CPT Data'!C7318</f>
        <v>72.926999999999992</v>
      </c>
      <c r="C7310" t="str">
        <f>'CPT Data'!P7318</f>
        <v>SAND</v>
      </c>
      <c r="D7310" t="e">
        <f>'CPT Data'!Q7318</f>
        <v>#N/A</v>
      </c>
      <c r="E7310" t="e">
        <f t="shared" si="114"/>
        <v>#N/A</v>
      </c>
      <c r="F7310" t="str">
        <f>IF(C7310="CLAY", INDEX(D$4:D7310, MATCH("CLAY", C$4:C7310, 0)), "")</f>
        <v/>
      </c>
    </row>
    <row r="7311" spans="1:6" x14ac:dyDescent="0.2">
      <c r="A7311" s="239">
        <f>'CPT Data'!B7319</f>
        <v>72.942999999999998</v>
      </c>
      <c r="B7311" s="3">
        <f>'CPT Data'!C7319</f>
        <v>72.935999999999993</v>
      </c>
      <c r="C7311" t="str">
        <f>'CPT Data'!P7319</f>
        <v>SAND</v>
      </c>
      <c r="D7311" t="e">
        <f>'CPT Data'!Q7319</f>
        <v>#N/A</v>
      </c>
      <c r="E7311" t="e">
        <f t="shared" si="114"/>
        <v>#N/A</v>
      </c>
      <c r="F7311" t="str">
        <f>IF(C7311="CLAY", INDEX(D$4:D7311, MATCH("CLAY", C$4:C7311, 0)), "")</f>
        <v/>
      </c>
    </row>
    <row r="7312" spans="1:6" x14ac:dyDescent="0.2">
      <c r="A7312" s="239">
        <f>'CPT Data'!B7320</f>
        <v>72.953000000000003</v>
      </c>
      <c r="B7312" s="3">
        <f>'CPT Data'!C7320</f>
        <v>72.945999999999998</v>
      </c>
      <c r="C7312" t="str">
        <f>'CPT Data'!P7320</f>
        <v>SAND</v>
      </c>
      <c r="D7312" t="e">
        <f>'CPT Data'!Q7320</f>
        <v>#N/A</v>
      </c>
      <c r="E7312" t="e">
        <f t="shared" si="114"/>
        <v>#N/A</v>
      </c>
      <c r="F7312" t="str">
        <f>IF(C7312="CLAY", INDEX(D$4:D7312, MATCH("CLAY", C$4:C7312, 0)), "")</f>
        <v/>
      </c>
    </row>
    <row r="7313" spans="1:6" x14ac:dyDescent="0.2">
      <c r="A7313" s="239">
        <f>'CPT Data'!B7321</f>
        <v>72.960999999999999</v>
      </c>
      <c r="B7313" s="3">
        <f>'CPT Data'!C7321</f>
        <v>72.953999999999994</v>
      </c>
      <c r="C7313" t="str">
        <f>'CPT Data'!P7321</f>
        <v>SAND</v>
      </c>
      <c r="D7313" t="e">
        <f>'CPT Data'!Q7321</f>
        <v>#N/A</v>
      </c>
      <c r="E7313" t="e">
        <f t="shared" si="114"/>
        <v>#N/A</v>
      </c>
      <c r="F7313" t="str">
        <f>IF(C7313="CLAY", INDEX(D$4:D7313, MATCH("CLAY", C$4:C7313, 0)), "")</f>
        <v/>
      </c>
    </row>
    <row r="7314" spans="1:6" x14ac:dyDescent="0.2">
      <c r="A7314" s="239">
        <f>'CPT Data'!B7322</f>
        <v>72.97</v>
      </c>
      <c r="B7314" s="3">
        <f>'CPT Data'!C7322</f>
        <v>72.962999999999994</v>
      </c>
      <c r="C7314" t="str">
        <f>'CPT Data'!P7322</f>
        <v>SAND</v>
      </c>
      <c r="D7314" t="e">
        <f>'CPT Data'!Q7322</f>
        <v>#N/A</v>
      </c>
      <c r="E7314" t="e">
        <f t="shared" si="114"/>
        <v>#N/A</v>
      </c>
      <c r="F7314" t="str">
        <f>IF(C7314="CLAY", INDEX(D$4:D7314, MATCH("CLAY", C$4:C7314, 0)), "")</f>
        <v/>
      </c>
    </row>
    <row r="7315" spans="1:6" x14ac:dyDescent="0.2">
      <c r="A7315" s="239">
        <f>'CPT Data'!B7323</f>
        <v>72.978999999999999</v>
      </c>
      <c r="B7315" s="3">
        <f>'CPT Data'!C7323</f>
        <v>72.971999999999994</v>
      </c>
      <c r="C7315" t="str">
        <f>'CPT Data'!P7323</f>
        <v>SAND</v>
      </c>
      <c r="D7315" t="e">
        <f>'CPT Data'!Q7323</f>
        <v>#N/A</v>
      </c>
      <c r="E7315" t="e">
        <f t="shared" si="114"/>
        <v>#N/A</v>
      </c>
      <c r="F7315" t="str">
        <f>IF(C7315="CLAY", INDEX(D$4:D7315, MATCH("CLAY", C$4:C7315, 0)), "")</f>
        <v/>
      </c>
    </row>
    <row r="7316" spans="1:6" x14ac:dyDescent="0.2">
      <c r="A7316" s="239">
        <f>'CPT Data'!B7324</f>
        <v>72.988</v>
      </c>
      <c r="B7316" s="3">
        <f>'CPT Data'!C7324</f>
        <v>72.980999999999995</v>
      </c>
      <c r="C7316" t="str">
        <f>'CPT Data'!P7324</f>
        <v>SAND</v>
      </c>
      <c r="D7316" t="e">
        <f>'CPT Data'!Q7324</f>
        <v>#N/A</v>
      </c>
      <c r="E7316" t="e">
        <f t="shared" si="114"/>
        <v>#N/A</v>
      </c>
      <c r="F7316" t="str">
        <f>IF(C7316="CLAY", INDEX(D$4:D7316, MATCH("CLAY", C$4:C7316, 0)), "")</f>
        <v/>
      </c>
    </row>
    <row r="7317" spans="1:6" x14ac:dyDescent="0.2">
      <c r="A7317" s="239">
        <f>'CPT Data'!B7325</f>
        <v>72.995999999999995</v>
      </c>
      <c r="B7317" s="3">
        <f>'CPT Data'!C7325</f>
        <v>72.98899999999999</v>
      </c>
      <c r="C7317" t="str">
        <f>'CPT Data'!P7325</f>
        <v>SAND</v>
      </c>
      <c r="D7317" t="e">
        <f>'CPT Data'!Q7325</f>
        <v>#N/A</v>
      </c>
      <c r="E7317" t="e">
        <f t="shared" si="114"/>
        <v>#N/A</v>
      </c>
      <c r="F7317" t="str">
        <f>IF(C7317="CLAY", INDEX(D$4:D7317, MATCH("CLAY", C$4:C7317, 0)), "")</f>
        <v/>
      </c>
    </row>
    <row r="7318" spans="1:6" x14ac:dyDescent="0.2">
      <c r="A7318" s="239">
        <f>'CPT Data'!B7326</f>
        <v>73.006</v>
      </c>
      <c r="B7318" s="3">
        <f>'CPT Data'!C7326</f>
        <v>72.998999999999995</v>
      </c>
      <c r="C7318" t="str">
        <f>'CPT Data'!P7326</f>
        <v>SAND</v>
      </c>
      <c r="D7318" t="e">
        <f>'CPT Data'!Q7326</f>
        <v>#N/A</v>
      </c>
      <c r="E7318" t="e">
        <f t="shared" si="114"/>
        <v>#N/A</v>
      </c>
      <c r="F7318" t="str">
        <f>IF(C7318="CLAY", INDEX(D$4:D7318, MATCH("CLAY", C$4:C7318, 0)), "")</f>
        <v/>
      </c>
    </row>
    <row r="7319" spans="1:6" x14ac:dyDescent="0.2">
      <c r="A7319" s="239">
        <f>'CPT Data'!B7327</f>
        <v>73.015000000000001</v>
      </c>
      <c r="B7319" s="3">
        <f>'CPT Data'!C7327</f>
        <v>73.007999999999996</v>
      </c>
      <c r="C7319" t="str">
        <f>'CPT Data'!P7327</f>
        <v>SAND</v>
      </c>
      <c r="D7319" t="e">
        <f>'CPT Data'!Q7327</f>
        <v>#N/A</v>
      </c>
      <c r="E7319" t="e">
        <f t="shared" si="114"/>
        <v>#N/A</v>
      </c>
      <c r="F7319" t="str">
        <f>IF(C7319="CLAY", INDEX(D$4:D7319, MATCH("CLAY", C$4:C7319, 0)), "")</f>
        <v/>
      </c>
    </row>
    <row r="7320" spans="1:6" x14ac:dyDescent="0.2">
      <c r="A7320" s="239">
        <f>'CPT Data'!B7328</f>
        <v>73.025000000000006</v>
      </c>
      <c r="B7320" s="3">
        <f>'CPT Data'!C7328</f>
        <v>73.018000000000001</v>
      </c>
      <c r="C7320" t="str">
        <f>'CPT Data'!P7328</f>
        <v>SAND</v>
      </c>
      <c r="D7320" t="e">
        <f>'CPT Data'!Q7328</f>
        <v>#N/A</v>
      </c>
      <c r="E7320" t="e">
        <f t="shared" si="114"/>
        <v>#N/A</v>
      </c>
      <c r="F7320" t="str">
        <f>IF(C7320="CLAY", INDEX(D$4:D7320, MATCH("CLAY", C$4:C7320, 0)), "")</f>
        <v/>
      </c>
    </row>
    <row r="7321" spans="1:6" x14ac:dyDescent="0.2">
      <c r="A7321" s="239">
        <f>'CPT Data'!B7329</f>
        <v>73.036000000000001</v>
      </c>
      <c r="B7321" s="3">
        <f>'CPT Data'!C7329</f>
        <v>73.028999999999996</v>
      </c>
      <c r="C7321" t="str">
        <f>'CPT Data'!P7329</f>
        <v>SAND</v>
      </c>
      <c r="D7321" t="e">
        <f>'CPT Data'!Q7329</f>
        <v>#N/A</v>
      </c>
      <c r="E7321" t="e">
        <f t="shared" si="114"/>
        <v>#N/A</v>
      </c>
      <c r="F7321" t="str">
        <f>IF(C7321="CLAY", INDEX(D$4:D7321, MATCH("CLAY", C$4:C7321, 0)), "")</f>
        <v/>
      </c>
    </row>
    <row r="7322" spans="1:6" x14ac:dyDescent="0.2">
      <c r="A7322" s="239">
        <f>'CPT Data'!B7330</f>
        <v>73.045000000000002</v>
      </c>
      <c r="B7322" s="3">
        <f>'CPT Data'!C7330</f>
        <v>73.037999999999997</v>
      </c>
      <c r="C7322" t="str">
        <f>'CPT Data'!P7330</f>
        <v>SAND</v>
      </c>
      <c r="D7322" t="e">
        <f>'CPT Data'!Q7330</f>
        <v>#N/A</v>
      </c>
      <c r="E7322" t="e">
        <f t="shared" si="114"/>
        <v>#N/A</v>
      </c>
      <c r="F7322" t="str">
        <f>IF(C7322="CLAY", INDEX(D$4:D7322, MATCH("CLAY", C$4:C7322, 0)), "")</f>
        <v/>
      </c>
    </row>
    <row r="7323" spans="1:6" x14ac:dyDescent="0.2">
      <c r="A7323" s="239">
        <f>'CPT Data'!B7331</f>
        <v>73.054000000000002</v>
      </c>
      <c r="B7323" s="3">
        <f>'CPT Data'!C7331</f>
        <v>73.046999999999997</v>
      </c>
      <c r="C7323" t="str">
        <f>'CPT Data'!P7331</f>
        <v>SAND</v>
      </c>
      <c r="D7323" t="e">
        <f>'CPT Data'!Q7331</f>
        <v>#N/A</v>
      </c>
      <c r="E7323" t="e">
        <f t="shared" ref="E7323:E7386" si="115">IF(C7323="SAND",#N/A,IF(C7323=C7322,D7322,IF(C7323="CLAY",D7323,#N/A)))</f>
        <v>#N/A</v>
      </c>
      <c r="F7323" t="str">
        <f>IF(C7323="CLAY", INDEX(D$4:D7323, MATCH("CLAY", C$4:C7323, 0)), "")</f>
        <v/>
      </c>
    </row>
    <row r="7324" spans="1:6" x14ac:dyDescent="0.2">
      <c r="A7324" s="239">
        <f>'CPT Data'!B7332</f>
        <v>73.063999999999993</v>
      </c>
      <c r="B7324" s="3">
        <f>'CPT Data'!C7332</f>
        <v>73.056999999999988</v>
      </c>
      <c r="C7324" t="str">
        <f>'CPT Data'!P7332</f>
        <v>SAND</v>
      </c>
      <c r="D7324" t="e">
        <f>'CPT Data'!Q7332</f>
        <v>#N/A</v>
      </c>
      <c r="E7324" t="e">
        <f t="shared" si="115"/>
        <v>#N/A</v>
      </c>
      <c r="F7324" t="str">
        <f>IF(C7324="CLAY", INDEX(D$4:D7324, MATCH("CLAY", C$4:C7324, 0)), "")</f>
        <v/>
      </c>
    </row>
    <row r="7325" spans="1:6" x14ac:dyDescent="0.2">
      <c r="A7325" s="239">
        <f>'CPT Data'!B7333</f>
        <v>73.072999999999993</v>
      </c>
      <c r="B7325" s="3">
        <f>'CPT Data'!C7333</f>
        <v>73.065999999999988</v>
      </c>
      <c r="C7325" t="str">
        <f>'CPT Data'!P7333</f>
        <v>SAND</v>
      </c>
      <c r="D7325" t="e">
        <f>'CPT Data'!Q7333</f>
        <v>#N/A</v>
      </c>
      <c r="E7325" t="e">
        <f t="shared" si="115"/>
        <v>#N/A</v>
      </c>
      <c r="F7325" t="str">
        <f>IF(C7325="CLAY", INDEX(D$4:D7325, MATCH("CLAY", C$4:C7325, 0)), "")</f>
        <v/>
      </c>
    </row>
    <row r="7326" spans="1:6" x14ac:dyDescent="0.2">
      <c r="A7326" s="239">
        <f>'CPT Data'!B7334</f>
        <v>73.081999999999994</v>
      </c>
      <c r="B7326" s="3">
        <f>'CPT Data'!C7334</f>
        <v>73.074999999999989</v>
      </c>
      <c r="C7326" t="str">
        <f>'CPT Data'!P7334</f>
        <v>SAND</v>
      </c>
      <c r="D7326" t="e">
        <f>'CPT Data'!Q7334</f>
        <v>#N/A</v>
      </c>
      <c r="E7326" t="e">
        <f t="shared" si="115"/>
        <v>#N/A</v>
      </c>
      <c r="F7326" t="str">
        <f>IF(C7326="CLAY", INDEX(D$4:D7326, MATCH("CLAY", C$4:C7326, 0)), "")</f>
        <v/>
      </c>
    </row>
    <row r="7327" spans="1:6" x14ac:dyDescent="0.2">
      <c r="A7327" s="239">
        <f>'CPT Data'!B7335</f>
        <v>73.090999999999994</v>
      </c>
      <c r="B7327" s="3">
        <f>'CPT Data'!C7335</f>
        <v>73.083999999999989</v>
      </c>
      <c r="C7327" t="str">
        <f>'CPT Data'!P7335</f>
        <v>SAND</v>
      </c>
      <c r="D7327" t="e">
        <f>'CPT Data'!Q7335</f>
        <v>#N/A</v>
      </c>
      <c r="E7327" t="e">
        <f t="shared" si="115"/>
        <v>#N/A</v>
      </c>
      <c r="F7327" t="str">
        <f>IF(C7327="CLAY", INDEX(D$4:D7327, MATCH("CLAY", C$4:C7327, 0)), "")</f>
        <v/>
      </c>
    </row>
    <row r="7328" spans="1:6" x14ac:dyDescent="0.2">
      <c r="A7328" s="239">
        <f>'CPT Data'!B7336</f>
        <v>73.100999999999999</v>
      </c>
      <c r="B7328" s="3">
        <f>'CPT Data'!C7336</f>
        <v>73.093999999999994</v>
      </c>
      <c r="C7328" t="str">
        <f>'CPT Data'!P7336</f>
        <v>SAND</v>
      </c>
      <c r="D7328" t="e">
        <f>'CPT Data'!Q7336</f>
        <v>#N/A</v>
      </c>
      <c r="E7328" t="e">
        <f t="shared" si="115"/>
        <v>#N/A</v>
      </c>
      <c r="F7328" t="str">
        <f>IF(C7328="CLAY", INDEX(D$4:D7328, MATCH("CLAY", C$4:C7328, 0)), "")</f>
        <v/>
      </c>
    </row>
    <row r="7329" spans="1:6" x14ac:dyDescent="0.2">
      <c r="A7329" s="239">
        <f>'CPT Data'!B7337</f>
        <v>73.11</v>
      </c>
      <c r="B7329" s="3">
        <f>'CPT Data'!C7337</f>
        <v>73.102999999999994</v>
      </c>
      <c r="C7329" t="str">
        <f>'CPT Data'!P7337</f>
        <v>SAND</v>
      </c>
      <c r="D7329" t="e">
        <f>'CPT Data'!Q7337</f>
        <v>#N/A</v>
      </c>
      <c r="E7329" t="e">
        <f t="shared" si="115"/>
        <v>#N/A</v>
      </c>
      <c r="F7329" t="str">
        <f>IF(C7329="CLAY", INDEX(D$4:D7329, MATCH("CLAY", C$4:C7329, 0)), "")</f>
        <v/>
      </c>
    </row>
    <row r="7330" spans="1:6" x14ac:dyDescent="0.2">
      <c r="A7330" s="239">
        <f>'CPT Data'!B7338</f>
        <v>73.12</v>
      </c>
      <c r="B7330" s="3">
        <f>'CPT Data'!C7338</f>
        <v>73.113</v>
      </c>
      <c r="C7330" t="str">
        <f>'CPT Data'!P7338</f>
        <v>SAND</v>
      </c>
      <c r="D7330" t="e">
        <f>'CPT Data'!Q7338</f>
        <v>#N/A</v>
      </c>
      <c r="E7330" t="e">
        <f t="shared" si="115"/>
        <v>#N/A</v>
      </c>
      <c r="F7330" t="str">
        <f>IF(C7330="CLAY", INDEX(D$4:D7330, MATCH("CLAY", C$4:C7330, 0)), "")</f>
        <v/>
      </c>
    </row>
    <row r="7331" spans="1:6" x14ac:dyDescent="0.2">
      <c r="A7331" s="239">
        <f>'CPT Data'!B7339</f>
        <v>73.129000000000005</v>
      </c>
      <c r="B7331" s="3">
        <f>'CPT Data'!C7339</f>
        <v>73.122</v>
      </c>
      <c r="C7331" t="str">
        <f>'CPT Data'!P7339</f>
        <v>SAND</v>
      </c>
      <c r="D7331" t="e">
        <f>'CPT Data'!Q7339</f>
        <v>#N/A</v>
      </c>
      <c r="E7331" t="e">
        <f t="shared" si="115"/>
        <v>#N/A</v>
      </c>
      <c r="F7331" t="str">
        <f>IF(C7331="CLAY", INDEX(D$4:D7331, MATCH("CLAY", C$4:C7331, 0)), "")</f>
        <v/>
      </c>
    </row>
    <row r="7332" spans="1:6" x14ac:dyDescent="0.2">
      <c r="A7332" s="239">
        <f>'CPT Data'!B7340</f>
        <v>73.138999999999996</v>
      </c>
      <c r="B7332" s="3">
        <f>'CPT Data'!C7340</f>
        <v>73.131999999999991</v>
      </c>
      <c r="C7332" t="str">
        <f>'CPT Data'!P7340</f>
        <v>SAND</v>
      </c>
      <c r="D7332" t="e">
        <f>'CPT Data'!Q7340</f>
        <v>#N/A</v>
      </c>
      <c r="E7332" t="e">
        <f t="shared" si="115"/>
        <v>#N/A</v>
      </c>
      <c r="F7332" t="str">
        <f>IF(C7332="CLAY", INDEX(D$4:D7332, MATCH("CLAY", C$4:C7332, 0)), "")</f>
        <v/>
      </c>
    </row>
    <row r="7333" spans="1:6" x14ac:dyDescent="0.2">
      <c r="A7333" s="239">
        <f>'CPT Data'!B7341</f>
        <v>73.147999999999996</v>
      </c>
      <c r="B7333" s="3">
        <f>'CPT Data'!C7341</f>
        <v>73.140999999999991</v>
      </c>
      <c r="C7333" t="str">
        <f>'CPT Data'!P7341</f>
        <v>SAND</v>
      </c>
      <c r="D7333" t="e">
        <f>'CPT Data'!Q7341</f>
        <v>#N/A</v>
      </c>
      <c r="E7333" t="e">
        <f t="shared" si="115"/>
        <v>#N/A</v>
      </c>
      <c r="F7333" t="str">
        <f>IF(C7333="CLAY", INDEX(D$4:D7333, MATCH("CLAY", C$4:C7333, 0)), "")</f>
        <v/>
      </c>
    </row>
    <row r="7334" spans="1:6" x14ac:dyDescent="0.2">
      <c r="A7334" s="239">
        <f>'CPT Data'!B7342</f>
        <v>73.156999999999996</v>
      </c>
      <c r="B7334" s="3">
        <f>'CPT Data'!C7342</f>
        <v>73.149999999999991</v>
      </c>
      <c r="C7334" t="str">
        <f>'CPT Data'!P7342</f>
        <v>SAND</v>
      </c>
      <c r="D7334" t="e">
        <f>'CPT Data'!Q7342</f>
        <v>#N/A</v>
      </c>
      <c r="E7334" t="e">
        <f t="shared" si="115"/>
        <v>#N/A</v>
      </c>
      <c r="F7334" t="str">
        <f>IF(C7334="CLAY", INDEX(D$4:D7334, MATCH("CLAY", C$4:C7334, 0)), "")</f>
        <v/>
      </c>
    </row>
    <row r="7335" spans="1:6" x14ac:dyDescent="0.2">
      <c r="A7335" s="239">
        <f>'CPT Data'!B7343</f>
        <v>73.167000000000002</v>
      </c>
      <c r="B7335" s="3">
        <f>'CPT Data'!C7343</f>
        <v>73.16</v>
      </c>
      <c r="C7335" t="str">
        <f>'CPT Data'!P7343</f>
        <v>SAND</v>
      </c>
      <c r="D7335" t="e">
        <f>'CPT Data'!Q7343</f>
        <v>#N/A</v>
      </c>
      <c r="E7335" t="e">
        <f t="shared" si="115"/>
        <v>#N/A</v>
      </c>
      <c r="F7335" t="str">
        <f>IF(C7335="CLAY", INDEX(D$4:D7335, MATCH("CLAY", C$4:C7335, 0)), "")</f>
        <v/>
      </c>
    </row>
    <row r="7336" spans="1:6" x14ac:dyDescent="0.2">
      <c r="A7336" s="239">
        <f>'CPT Data'!B7344</f>
        <v>73.177000000000007</v>
      </c>
      <c r="B7336" s="3">
        <f>'CPT Data'!C7344</f>
        <v>73.17</v>
      </c>
      <c r="C7336" t="str">
        <f>'CPT Data'!P7344</f>
        <v>SAND</v>
      </c>
      <c r="D7336" t="e">
        <f>'CPT Data'!Q7344</f>
        <v>#N/A</v>
      </c>
      <c r="E7336" t="e">
        <f t="shared" si="115"/>
        <v>#N/A</v>
      </c>
      <c r="F7336" t="str">
        <f>IF(C7336="CLAY", INDEX(D$4:D7336, MATCH("CLAY", C$4:C7336, 0)), "")</f>
        <v/>
      </c>
    </row>
    <row r="7337" spans="1:6" x14ac:dyDescent="0.2">
      <c r="A7337" s="239">
        <f>'CPT Data'!B7345</f>
        <v>73.186000000000007</v>
      </c>
      <c r="B7337" s="3">
        <f>'CPT Data'!C7345</f>
        <v>73.179000000000002</v>
      </c>
      <c r="C7337" t="str">
        <f>'CPT Data'!P7345</f>
        <v>SAND</v>
      </c>
      <c r="D7337" t="e">
        <f>'CPT Data'!Q7345</f>
        <v>#N/A</v>
      </c>
      <c r="E7337" t="e">
        <f t="shared" si="115"/>
        <v>#N/A</v>
      </c>
      <c r="F7337" t="str">
        <f>IF(C7337="CLAY", INDEX(D$4:D7337, MATCH("CLAY", C$4:C7337, 0)), "")</f>
        <v/>
      </c>
    </row>
    <row r="7338" spans="1:6" x14ac:dyDescent="0.2">
      <c r="A7338" s="239">
        <f>'CPT Data'!B7346</f>
        <v>73.195999999999998</v>
      </c>
      <c r="B7338" s="3">
        <f>'CPT Data'!C7346</f>
        <v>73.188999999999993</v>
      </c>
      <c r="C7338" t="str">
        <f>'CPT Data'!P7346</f>
        <v>SAND</v>
      </c>
      <c r="D7338" t="e">
        <f>'CPT Data'!Q7346</f>
        <v>#N/A</v>
      </c>
      <c r="E7338" t="e">
        <f t="shared" si="115"/>
        <v>#N/A</v>
      </c>
      <c r="F7338" t="str">
        <f>IF(C7338="CLAY", INDEX(D$4:D7338, MATCH("CLAY", C$4:C7338, 0)), "")</f>
        <v/>
      </c>
    </row>
    <row r="7339" spans="1:6" x14ac:dyDescent="0.2">
      <c r="A7339" s="239">
        <f>'CPT Data'!B7347</f>
        <v>73.203999999999994</v>
      </c>
      <c r="B7339" s="3">
        <f>'CPT Data'!C7347</f>
        <v>73.196999999999989</v>
      </c>
      <c r="C7339" t="str">
        <f>'CPT Data'!P7347</f>
        <v>SAND</v>
      </c>
      <c r="D7339" t="e">
        <f>'CPT Data'!Q7347</f>
        <v>#N/A</v>
      </c>
      <c r="E7339" t="e">
        <f t="shared" si="115"/>
        <v>#N/A</v>
      </c>
      <c r="F7339" t="str">
        <f>IF(C7339="CLAY", INDEX(D$4:D7339, MATCH("CLAY", C$4:C7339, 0)), "")</f>
        <v/>
      </c>
    </row>
    <row r="7340" spans="1:6" x14ac:dyDescent="0.2">
      <c r="A7340" s="239">
        <f>'CPT Data'!B7348</f>
        <v>73.213999999999999</v>
      </c>
      <c r="B7340" s="3">
        <f>'CPT Data'!C7348</f>
        <v>73.206999999999994</v>
      </c>
      <c r="C7340" t="str">
        <f>'CPT Data'!P7348</f>
        <v>SAND</v>
      </c>
      <c r="D7340" t="e">
        <f>'CPT Data'!Q7348</f>
        <v>#N/A</v>
      </c>
      <c r="E7340" t="e">
        <f t="shared" si="115"/>
        <v>#N/A</v>
      </c>
      <c r="F7340" t="str">
        <f>IF(C7340="CLAY", INDEX(D$4:D7340, MATCH("CLAY", C$4:C7340, 0)), "")</f>
        <v/>
      </c>
    </row>
    <row r="7341" spans="1:6" x14ac:dyDescent="0.2">
      <c r="A7341" s="239">
        <f>'CPT Data'!B7349</f>
        <v>73.222999999999999</v>
      </c>
      <c r="B7341" s="3">
        <f>'CPT Data'!C7349</f>
        <v>73.215999999999994</v>
      </c>
      <c r="C7341" t="str">
        <f>'CPT Data'!P7349</f>
        <v>SAND</v>
      </c>
      <c r="D7341" t="e">
        <f>'CPT Data'!Q7349</f>
        <v>#N/A</v>
      </c>
      <c r="E7341" t="e">
        <f t="shared" si="115"/>
        <v>#N/A</v>
      </c>
      <c r="F7341" t="str">
        <f>IF(C7341="CLAY", INDEX(D$4:D7341, MATCH("CLAY", C$4:C7341, 0)), "")</f>
        <v/>
      </c>
    </row>
    <row r="7342" spans="1:6" x14ac:dyDescent="0.2">
      <c r="A7342" s="239">
        <f>'CPT Data'!B7350</f>
        <v>73.233000000000004</v>
      </c>
      <c r="B7342" s="3">
        <f>'CPT Data'!C7350</f>
        <v>73.225999999999999</v>
      </c>
      <c r="C7342" t="str">
        <f>'CPT Data'!P7350</f>
        <v>SAND</v>
      </c>
      <c r="D7342" t="e">
        <f>'CPT Data'!Q7350</f>
        <v>#N/A</v>
      </c>
      <c r="E7342" t="e">
        <f t="shared" si="115"/>
        <v>#N/A</v>
      </c>
      <c r="F7342" t="str">
        <f>IF(C7342="CLAY", INDEX(D$4:D7342, MATCH("CLAY", C$4:C7342, 0)), "")</f>
        <v/>
      </c>
    </row>
    <row r="7343" spans="1:6" x14ac:dyDescent="0.2">
      <c r="A7343" s="239">
        <f>'CPT Data'!B7351</f>
        <v>73.242000000000004</v>
      </c>
      <c r="B7343" s="3">
        <f>'CPT Data'!C7351</f>
        <v>73.234999999999999</v>
      </c>
      <c r="C7343" t="str">
        <f>'CPT Data'!P7351</f>
        <v>SAND</v>
      </c>
      <c r="D7343" t="e">
        <f>'CPT Data'!Q7351</f>
        <v>#N/A</v>
      </c>
      <c r="E7343" t="e">
        <f t="shared" si="115"/>
        <v>#N/A</v>
      </c>
      <c r="F7343" t="str">
        <f>IF(C7343="CLAY", INDEX(D$4:D7343, MATCH("CLAY", C$4:C7343, 0)), "")</f>
        <v/>
      </c>
    </row>
    <row r="7344" spans="1:6" x14ac:dyDescent="0.2">
      <c r="A7344" s="239">
        <f>'CPT Data'!B7352</f>
        <v>73.251999999999995</v>
      </c>
      <c r="B7344" s="3">
        <f>'CPT Data'!C7352</f>
        <v>73.24499999999999</v>
      </c>
      <c r="C7344" t="str">
        <f>'CPT Data'!P7352</f>
        <v>SAND</v>
      </c>
      <c r="D7344" t="e">
        <f>'CPT Data'!Q7352</f>
        <v>#N/A</v>
      </c>
      <c r="E7344" t="e">
        <f t="shared" si="115"/>
        <v>#N/A</v>
      </c>
      <c r="F7344" t="str">
        <f>IF(C7344="CLAY", INDEX(D$4:D7344, MATCH("CLAY", C$4:C7344, 0)), "")</f>
        <v/>
      </c>
    </row>
    <row r="7345" spans="1:6" x14ac:dyDescent="0.2">
      <c r="A7345" s="239">
        <f>'CPT Data'!B7353</f>
        <v>73.260999999999996</v>
      </c>
      <c r="B7345" s="3">
        <f>'CPT Data'!C7353</f>
        <v>73.253999999999991</v>
      </c>
      <c r="C7345" t="str">
        <f>'CPT Data'!P7353</f>
        <v>SAND</v>
      </c>
      <c r="D7345" t="e">
        <f>'CPT Data'!Q7353</f>
        <v>#N/A</v>
      </c>
      <c r="E7345" t="e">
        <f t="shared" si="115"/>
        <v>#N/A</v>
      </c>
      <c r="F7345" t="str">
        <f>IF(C7345="CLAY", INDEX(D$4:D7345, MATCH("CLAY", C$4:C7345, 0)), "")</f>
        <v/>
      </c>
    </row>
    <row r="7346" spans="1:6" x14ac:dyDescent="0.2">
      <c r="A7346" s="239">
        <f>'CPT Data'!B7354</f>
        <v>73.271000000000001</v>
      </c>
      <c r="B7346" s="3">
        <f>'CPT Data'!C7354</f>
        <v>73.263999999999996</v>
      </c>
      <c r="C7346" t="str">
        <f>'CPT Data'!P7354</f>
        <v>SAND</v>
      </c>
      <c r="D7346" t="e">
        <f>'CPT Data'!Q7354</f>
        <v>#N/A</v>
      </c>
      <c r="E7346" t="e">
        <f t="shared" si="115"/>
        <v>#N/A</v>
      </c>
      <c r="F7346" t="str">
        <f>IF(C7346="CLAY", INDEX(D$4:D7346, MATCH("CLAY", C$4:C7346, 0)), "")</f>
        <v/>
      </c>
    </row>
    <row r="7347" spans="1:6" x14ac:dyDescent="0.2">
      <c r="A7347" s="239">
        <f>'CPT Data'!B7355</f>
        <v>73.28</v>
      </c>
      <c r="B7347" s="3">
        <f>'CPT Data'!C7355</f>
        <v>73.272999999999996</v>
      </c>
      <c r="C7347" t="str">
        <f>'CPT Data'!P7355</f>
        <v>SAND</v>
      </c>
      <c r="D7347" t="e">
        <f>'CPT Data'!Q7355</f>
        <v>#N/A</v>
      </c>
      <c r="E7347" t="e">
        <f t="shared" si="115"/>
        <v>#N/A</v>
      </c>
      <c r="F7347" t="str">
        <f>IF(C7347="CLAY", INDEX(D$4:D7347, MATCH("CLAY", C$4:C7347, 0)), "")</f>
        <v/>
      </c>
    </row>
    <row r="7348" spans="1:6" x14ac:dyDescent="0.2">
      <c r="A7348" s="239">
        <f>'CPT Data'!B7356</f>
        <v>73.290000000000006</v>
      </c>
      <c r="B7348" s="3">
        <f>'CPT Data'!C7356</f>
        <v>73.283000000000001</v>
      </c>
      <c r="C7348" t="str">
        <f>'CPT Data'!P7356</f>
        <v>SAND</v>
      </c>
      <c r="D7348" t="e">
        <f>'CPT Data'!Q7356</f>
        <v>#N/A</v>
      </c>
      <c r="E7348" t="e">
        <f t="shared" si="115"/>
        <v>#N/A</v>
      </c>
      <c r="F7348" t="str">
        <f>IF(C7348="CLAY", INDEX(D$4:D7348, MATCH("CLAY", C$4:C7348, 0)), "")</f>
        <v/>
      </c>
    </row>
    <row r="7349" spans="1:6" x14ac:dyDescent="0.2">
      <c r="A7349" s="239">
        <f>'CPT Data'!B7357</f>
        <v>73.3</v>
      </c>
      <c r="B7349" s="3">
        <f>'CPT Data'!C7357</f>
        <v>73.292999999999992</v>
      </c>
      <c r="C7349" t="str">
        <f>'CPT Data'!P7357</f>
        <v>SAND</v>
      </c>
      <c r="D7349" t="e">
        <f>'CPT Data'!Q7357</f>
        <v>#N/A</v>
      </c>
      <c r="E7349" t="e">
        <f t="shared" si="115"/>
        <v>#N/A</v>
      </c>
      <c r="F7349" t="str">
        <f>IF(C7349="CLAY", INDEX(D$4:D7349, MATCH("CLAY", C$4:C7349, 0)), "")</f>
        <v/>
      </c>
    </row>
    <row r="7350" spans="1:6" x14ac:dyDescent="0.2">
      <c r="A7350" s="239">
        <f>'CPT Data'!B7358</f>
        <v>73.31</v>
      </c>
      <c r="B7350" s="3">
        <f>'CPT Data'!C7358</f>
        <v>73.302999999999997</v>
      </c>
      <c r="C7350" t="str">
        <f>'CPT Data'!P7358</f>
        <v>SAND</v>
      </c>
      <c r="D7350" t="e">
        <f>'CPT Data'!Q7358</f>
        <v>#N/A</v>
      </c>
      <c r="E7350" t="e">
        <f t="shared" si="115"/>
        <v>#N/A</v>
      </c>
      <c r="F7350" t="str">
        <f>IF(C7350="CLAY", INDEX(D$4:D7350, MATCH("CLAY", C$4:C7350, 0)), "")</f>
        <v/>
      </c>
    </row>
    <row r="7351" spans="1:6" x14ac:dyDescent="0.2">
      <c r="A7351" s="239">
        <f>'CPT Data'!B7359</f>
        <v>73.319000000000003</v>
      </c>
      <c r="B7351" s="3">
        <f>'CPT Data'!C7359</f>
        <v>73.311999999999998</v>
      </c>
      <c r="C7351" t="str">
        <f>'CPT Data'!P7359</f>
        <v>SAND</v>
      </c>
      <c r="D7351" t="e">
        <f>'CPT Data'!Q7359</f>
        <v>#N/A</v>
      </c>
      <c r="E7351" t="e">
        <f t="shared" si="115"/>
        <v>#N/A</v>
      </c>
      <c r="F7351" t="str">
        <f>IF(C7351="CLAY", INDEX(D$4:D7351, MATCH("CLAY", C$4:C7351, 0)), "")</f>
        <v/>
      </c>
    </row>
    <row r="7352" spans="1:6" x14ac:dyDescent="0.2">
      <c r="A7352" s="239">
        <f>'CPT Data'!B7360</f>
        <v>73.33</v>
      </c>
      <c r="B7352" s="3">
        <f>'CPT Data'!C7360</f>
        <v>73.322999999999993</v>
      </c>
      <c r="C7352" t="str">
        <f>'CPT Data'!P7360</f>
        <v>SAND</v>
      </c>
      <c r="D7352" t="e">
        <f>'CPT Data'!Q7360</f>
        <v>#N/A</v>
      </c>
      <c r="E7352" t="e">
        <f t="shared" si="115"/>
        <v>#N/A</v>
      </c>
      <c r="F7352" t="str">
        <f>IF(C7352="CLAY", INDEX(D$4:D7352, MATCH("CLAY", C$4:C7352, 0)), "")</f>
        <v/>
      </c>
    </row>
    <row r="7353" spans="1:6" x14ac:dyDescent="0.2">
      <c r="A7353" s="239">
        <f>'CPT Data'!B7361</f>
        <v>73.338999999999999</v>
      </c>
      <c r="B7353" s="3">
        <f>'CPT Data'!C7361</f>
        <v>73.331999999999994</v>
      </c>
      <c r="C7353" t="str">
        <f>'CPT Data'!P7361</f>
        <v>SAND</v>
      </c>
      <c r="D7353" t="e">
        <f>'CPT Data'!Q7361</f>
        <v>#N/A</v>
      </c>
      <c r="E7353" t="e">
        <f t="shared" si="115"/>
        <v>#N/A</v>
      </c>
      <c r="F7353" t="str">
        <f>IF(C7353="CLAY", INDEX(D$4:D7353, MATCH("CLAY", C$4:C7353, 0)), "")</f>
        <v/>
      </c>
    </row>
    <row r="7354" spans="1:6" x14ac:dyDescent="0.2">
      <c r="A7354" s="239">
        <f>'CPT Data'!B7362</f>
        <v>73.349000000000004</v>
      </c>
      <c r="B7354" s="3">
        <f>'CPT Data'!C7362</f>
        <v>73.341999999999999</v>
      </c>
      <c r="C7354" t="str">
        <f>'CPT Data'!P7362</f>
        <v>SAND</v>
      </c>
      <c r="D7354" t="e">
        <f>'CPT Data'!Q7362</f>
        <v>#N/A</v>
      </c>
      <c r="E7354" t="e">
        <f t="shared" si="115"/>
        <v>#N/A</v>
      </c>
      <c r="F7354" t="str">
        <f>IF(C7354="CLAY", INDEX(D$4:D7354, MATCH("CLAY", C$4:C7354, 0)), "")</f>
        <v/>
      </c>
    </row>
    <row r="7355" spans="1:6" x14ac:dyDescent="0.2">
      <c r="A7355" s="239">
        <f>'CPT Data'!B7363</f>
        <v>73.358999999999995</v>
      </c>
      <c r="B7355" s="3">
        <f>'CPT Data'!C7363</f>
        <v>73.35199999999999</v>
      </c>
      <c r="C7355" t="str">
        <f>'CPT Data'!P7363</f>
        <v>SAND</v>
      </c>
      <c r="D7355" t="e">
        <f>'CPT Data'!Q7363</f>
        <v>#N/A</v>
      </c>
      <c r="E7355" t="e">
        <f t="shared" si="115"/>
        <v>#N/A</v>
      </c>
      <c r="F7355" t="str">
        <f>IF(C7355="CLAY", INDEX(D$4:D7355, MATCH("CLAY", C$4:C7355, 0)), "")</f>
        <v/>
      </c>
    </row>
    <row r="7356" spans="1:6" x14ac:dyDescent="0.2">
      <c r="A7356" s="239">
        <f>'CPT Data'!B7364</f>
        <v>73.369</v>
      </c>
      <c r="B7356" s="3">
        <f>'CPT Data'!C7364</f>
        <v>73.361999999999995</v>
      </c>
      <c r="C7356" t="str">
        <f>'CPT Data'!P7364</f>
        <v>SAND</v>
      </c>
      <c r="D7356" t="e">
        <f>'CPT Data'!Q7364</f>
        <v>#N/A</v>
      </c>
      <c r="E7356" t="e">
        <f t="shared" si="115"/>
        <v>#N/A</v>
      </c>
      <c r="F7356" t="str">
        <f>IF(C7356="CLAY", INDEX(D$4:D7356, MATCH("CLAY", C$4:C7356, 0)), "")</f>
        <v/>
      </c>
    </row>
    <row r="7357" spans="1:6" x14ac:dyDescent="0.2">
      <c r="A7357" s="239">
        <f>'CPT Data'!B7365</f>
        <v>73.379000000000005</v>
      </c>
      <c r="B7357" s="3">
        <f>'CPT Data'!C7365</f>
        <v>73.372</v>
      </c>
      <c r="C7357" t="str">
        <f>'CPT Data'!P7365</f>
        <v>SAND</v>
      </c>
      <c r="D7357" t="e">
        <f>'CPT Data'!Q7365</f>
        <v>#N/A</v>
      </c>
      <c r="E7357" t="e">
        <f t="shared" si="115"/>
        <v>#N/A</v>
      </c>
      <c r="F7357" t="str">
        <f>IF(C7357="CLAY", INDEX(D$4:D7357, MATCH("CLAY", C$4:C7357, 0)), "")</f>
        <v/>
      </c>
    </row>
    <row r="7358" spans="1:6" x14ac:dyDescent="0.2">
      <c r="A7358" s="239">
        <f>'CPT Data'!B7366</f>
        <v>73.388999999999996</v>
      </c>
      <c r="B7358" s="3">
        <f>'CPT Data'!C7366</f>
        <v>73.381999999999991</v>
      </c>
      <c r="C7358" t="str">
        <f>'CPT Data'!P7366</f>
        <v>SAND</v>
      </c>
      <c r="D7358" t="e">
        <f>'CPT Data'!Q7366</f>
        <v>#N/A</v>
      </c>
      <c r="E7358" t="e">
        <f t="shared" si="115"/>
        <v>#N/A</v>
      </c>
      <c r="F7358" t="str">
        <f>IF(C7358="CLAY", INDEX(D$4:D7358, MATCH("CLAY", C$4:C7358, 0)), "")</f>
        <v/>
      </c>
    </row>
    <row r="7359" spans="1:6" x14ac:dyDescent="0.2">
      <c r="A7359" s="239">
        <f>'CPT Data'!B7367</f>
        <v>73.397999999999996</v>
      </c>
      <c r="B7359" s="3">
        <f>'CPT Data'!C7367</f>
        <v>73.390999999999991</v>
      </c>
      <c r="C7359" t="str">
        <f>'CPT Data'!P7367</f>
        <v>SAND</v>
      </c>
      <c r="D7359" t="e">
        <f>'CPT Data'!Q7367</f>
        <v>#N/A</v>
      </c>
      <c r="E7359" t="e">
        <f t="shared" si="115"/>
        <v>#N/A</v>
      </c>
      <c r="F7359" t="str">
        <f>IF(C7359="CLAY", INDEX(D$4:D7359, MATCH("CLAY", C$4:C7359, 0)), "")</f>
        <v/>
      </c>
    </row>
    <row r="7360" spans="1:6" x14ac:dyDescent="0.2">
      <c r="A7360" s="239">
        <f>'CPT Data'!B7368</f>
        <v>73.408000000000001</v>
      </c>
      <c r="B7360" s="3">
        <f>'CPT Data'!C7368</f>
        <v>73.400999999999996</v>
      </c>
      <c r="C7360" t="str">
        <f>'CPT Data'!P7368</f>
        <v>SAND</v>
      </c>
      <c r="D7360" t="e">
        <f>'CPT Data'!Q7368</f>
        <v>#N/A</v>
      </c>
      <c r="E7360" t="e">
        <f t="shared" si="115"/>
        <v>#N/A</v>
      </c>
      <c r="F7360" t="str">
        <f>IF(C7360="CLAY", INDEX(D$4:D7360, MATCH("CLAY", C$4:C7360, 0)), "")</f>
        <v/>
      </c>
    </row>
    <row r="7361" spans="1:6" x14ac:dyDescent="0.2">
      <c r="A7361" s="239">
        <f>'CPT Data'!B7369</f>
        <v>73.417000000000002</v>
      </c>
      <c r="B7361" s="3">
        <f>'CPT Data'!C7369</f>
        <v>73.41</v>
      </c>
      <c r="C7361" t="str">
        <f>'CPT Data'!P7369</f>
        <v>SAND</v>
      </c>
      <c r="D7361" t="e">
        <f>'CPT Data'!Q7369</f>
        <v>#N/A</v>
      </c>
      <c r="E7361" t="e">
        <f t="shared" si="115"/>
        <v>#N/A</v>
      </c>
      <c r="F7361" t="str">
        <f>IF(C7361="CLAY", INDEX(D$4:D7361, MATCH("CLAY", C$4:C7361, 0)), "")</f>
        <v/>
      </c>
    </row>
    <row r="7362" spans="1:6" x14ac:dyDescent="0.2">
      <c r="A7362" s="239">
        <f>'CPT Data'!B7370</f>
        <v>73.427999999999997</v>
      </c>
      <c r="B7362" s="3">
        <f>'CPT Data'!C7370</f>
        <v>73.420999999999992</v>
      </c>
      <c r="C7362" t="str">
        <f>'CPT Data'!P7370</f>
        <v>SAND</v>
      </c>
      <c r="D7362" t="e">
        <f>'CPT Data'!Q7370</f>
        <v>#N/A</v>
      </c>
      <c r="E7362" t="e">
        <f t="shared" si="115"/>
        <v>#N/A</v>
      </c>
      <c r="F7362" t="str">
        <f>IF(C7362="CLAY", INDEX(D$4:D7362, MATCH("CLAY", C$4:C7362, 0)), "")</f>
        <v/>
      </c>
    </row>
    <row r="7363" spans="1:6" x14ac:dyDescent="0.2">
      <c r="A7363" s="239">
        <f>'CPT Data'!B7371</f>
        <v>73.436999999999998</v>
      </c>
      <c r="B7363" s="3">
        <f>'CPT Data'!C7371</f>
        <v>73.429999999999993</v>
      </c>
      <c r="C7363" t="str">
        <f>'CPT Data'!P7371</f>
        <v>SAND</v>
      </c>
      <c r="D7363" t="e">
        <f>'CPT Data'!Q7371</f>
        <v>#N/A</v>
      </c>
      <c r="E7363" t="e">
        <f t="shared" si="115"/>
        <v>#N/A</v>
      </c>
      <c r="F7363" t="str">
        <f>IF(C7363="CLAY", INDEX(D$4:D7363, MATCH("CLAY", C$4:C7363, 0)), "")</f>
        <v/>
      </c>
    </row>
    <row r="7364" spans="1:6" x14ac:dyDescent="0.2">
      <c r="A7364" s="239">
        <f>'CPT Data'!B7372</f>
        <v>73.447000000000003</v>
      </c>
      <c r="B7364" s="3">
        <f>'CPT Data'!C7372</f>
        <v>73.44</v>
      </c>
      <c r="C7364" t="str">
        <f>'CPT Data'!P7372</f>
        <v>SAND</v>
      </c>
      <c r="D7364" t="e">
        <f>'CPT Data'!Q7372</f>
        <v>#N/A</v>
      </c>
      <c r="E7364" t="e">
        <f t="shared" si="115"/>
        <v>#N/A</v>
      </c>
      <c r="F7364" t="str">
        <f>IF(C7364="CLAY", INDEX(D$4:D7364, MATCH("CLAY", C$4:C7364, 0)), "")</f>
        <v/>
      </c>
    </row>
    <row r="7365" spans="1:6" x14ac:dyDescent="0.2">
      <c r="A7365" s="239">
        <f>'CPT Data'!B7373</f>
        <v>73.456999999999994</v>
      </c>
      <c r="B7365" s="3">
        <f>'CPT Data'!C7373</f>
        <v>73.449999999999989</v>
      </c>
      <c r="C7365" t="str">
        <f>'CPT Data'!P7373</f>
        <v>SAND</v>
      </c>
      <c r="D7365" t="e">
        <f>'CPT Data'!Q7373</f>
        <v>#N/A</v>
      </c>
      <c r="E7365" t="e">
        <f t="shared" si="115"/>
        <v>#N/A</v>
      </c>
      <c r="F7365" t="str">
        <f>IF(C7365="CLAY", INDEX(D$4:D7365, MATCH("CLAY", C$4:C7365, 0)), "")</f>
        <v/>
      </c>
    </row>
    <row r="7366" spans="1:6" x14ac:dyDescent="0.2">
      <c r="A7366" s="239">
        <f>'CPT Data'!B7374</f>
        <v>73.466999999999999</v>
      </c>
      <c r="B7366" s="3">
        <f>'CPT Data'!C7374</f>
        <v>73.459999999999994</v>
      </c>
      <c r="C7366" t="str">
        <f>'CPT Data'!P7374</f>
        <v>SAND</v>
      </c>
      <c r="D7366" t="e">
        <f>'CPT Data'!Q7374</f>
        <v>#N/A</v>
      </c>
      <c r="E7366" t="e">
        <f t="shared" si="115"/>
        <v>#N/A</v>
      </c>
      <c r="F7366" t="str">
        <f>IF(C7366="CLAY", INDEX(D$4:D7366, MATCH("CLAY", C$4:C7366, 0)), "")</f>
        <v/>
      </c>
    </row>
    <row r="7367" spans="1:6" x14ac:dyDescent="0.2">
      <c r="A7367" s="239">
        <f>'CPT Data'!B7375</f>
        <v>73.475999999999999</v>
      </c>
      <c r="B7367" s="3">
        <f>'CPT Data'!C7375</f>
        <v>73.468999999999994</v>
      </c>
      <c r="C7367" t="str">
        <f>'CPT Data'!P7375</f>
        <v>SAND</v>
      </c>
      <c r="D7367" t="e">
        <f>'CPT Data'!Q7375</f>
        <v>#N/A</v>
      </c>
      <c r="E7367" t="e">
        <f t="shared" si="115"/>
        <v>#N/A</v>
      </c>
      <c r="F7367" t="str">
        <f>IF(C7367="CLAY", INDEX(D$4:D7367, MATCH("CLAY", C$4:C7367, 0)), "")</f>
        <v/>
      </c>
    </row>
    <row r="7368" spans="1:6" x14ac:dyDescent="0.2">
      <c r="A7368" s="239">
        <f>'CPT Data'!B7376</f>
        <v>73.486000000000004</v>
      </c>
      <c r="B7368" s="3">
        <f>'CPT Data'!C7376</f>
        <v>73.478999999999999</v>
      </c>
      <c r="C7368" t="str">
        <f>'CPT Data'!P7376</f>
        <v>SAND</v>
      </c>
      <c r="D7368" t="e">
        <f>'CPT Data'!Q7376</f>
        <v>#N/A</v>
      </c>
      <c r="E7368" t="e">
        <f t="shared" si="115"/>
        <v>#N/A</v>
      </c>
      <c r="F7368" t="str">
        <f>IF(C7368="CLAY", INDEX(D$4:D7368, MATCH("CLAY", C$4:C7368, 0)), "")</f>
        <v/>
      </c>
    </row>
    <row r="7369" spans="1:6" x14ac:dyDescent="0.2">
      <c r="A7369" s="239">
        <f>'CPT Data'!B7377</f>
        <v>73.494</v>
      </c>
      <c r="B7369" s="3">
        <f>'CPT Data'!C7377</f>
        <v>73.486999999999995</v>
      </c>
      <c r="C7369" t="str">
        <f>'CPT Data'!P7377</f>
        <v>SAND</v>
      </c>
      <c r="D7369" t="e">
        <f>'CPT Data'!Q7377</f>
        <v>#N/A</v>
      </c>
      <c r="E7369" t="e">
        <f t="shared" si="115"/>
        <v>#N/A</v>
      </c>
      <c r="F7369" t="str">
        <f>IF(C7369="CLAY", INDEX(D$4:D7369, MATCH("CLAY", C$4:C7369, 0)), "")</f>
        <v/>
      </c>
    </row>
    <row r="7370" spans="1:6" x14ac:dyDescent="0.2">
      <c r="A7370" s="239">
        <f>'CPT Data'!B7378</f>
        <v>73.504000000000005</v>
      </c>
      <c r="B7370" s="3">
        <f>'CPT Data'!C7378</f>
        <v>73.497</v>
      </c>
      <c r="C7370" t="str">
        <f>'CPT Data'!P7378</f>
        <v>SAND</v>
      </c>
      <c r="D7370" t="e">
        <f>'CPT Data'!Q7378</f>
        <v>#N/A</v>
      </c>
      <c r="E7370" t="e">
        <f t="shared" si="115"/>
        <v>#N/A</v>
      </c>
      <c r="F7370" t="str">
        <f>IF(C7370="CLAY", INDEX(D$4:D7370, MATCH("CLAY", C$4:C7370, 0)), "")</f>
        <v/>
      </c>
    </row>
    <row r="7371" spans="1:6" x14ac:dyDescent="0.2">
      <c r="A7371" s="239">
        <f>'CPT Data'!B7379</f>
        <v>73.512</v>
      </c>
      <c r="B7371" s="3">
        <f>'CPT Data'!C7379</f>
        <v>73.504999999999995</v>
      </c>
      <c r="C7371" t="str">
        <f>'CPT Data'!P7379</f>
        <v>SAND</v>
      </c>
      <c r="D7371" t="e">
        <f>'CPT Data'!Q7379</f>
        <v>#N/A</v>
      </c>
      <c r="E7371" t="e">
        <f t="shared" si="115"/>
        <v>#N/A</v>
      </c>
      <c r="F7371" t="str">
        <f>IF(C7371="CLAY", INDEX(D$4:D7371, MATCH("CLAY", C$4:C7371, 0)), "")</f>
        <v/>
      </c>
    </row>
    <row r="7372" spans="1:6" x14ac:dyDescent="0.2">
      <c r="A7372" s="239">
        <f>'CPT Data'!B7380</f>
        <v>73.522000000000006</v>
      </c>
      <c r="B7372" s="3">
        <f>'CPT Data'!C7380</f>
        <v>73.515000000000001</v>
      </c>
      <c r="C7372" t="str">
        <f>'CPT Data'!P7380</f>
        <v>SAND</v>
      </c>
      <c r="D7372" t="e">
        <f>'CPT Data'!Q7380</f>
        <v>#N/A</v>
      </c>
      <c r="E7372" t="e">
        <f t="shared" si="115"/>
        <v>#N/A</v>
      </c>
      <c r="F7372" t="str">
        <f>IF(C7372="CLAY", INDEX(D$4:D7372, MATCH("CLAY", C$4:C7372, 0)), "")</f>
        <v/>
      </c>
    </row>
    <row r="7373" spans="1:6" x14ac:dyDescent="0.2">
      <c r="A7373" s="239">
        <f>'CPT Data'!B7381</f>
        <v>73.531000000000006</v>
      </c>
      <c r="B7373" s="3">
        <f>'CPT Data'!C7381</f>
        <v>73.524000000000001</v>
      </c>
      <c r="C7373" t="str">
        <f>'CPT Data'!P7381</f>
        <v>SAND</v>
      </c>
      <c r="D7373" t="e">
        <f>'CPT Data'!Q7381</f>
        <v>#N/A</v>
      </c>
      <c r="E7373" t="e">
        <f t="shared" si="115"/>
        <v>#N/A</v>
      </c>
      <c r="F7373" t="str">
        <f>IF(C7373="CLAY", INDEX(D$4:D7373, MATCH("CLAY", C$4:C7373, 0)), "")</f>
        <v/>
      </c>
    </row>
    <row r="7374" spans="1:6" x14ac:dyDescent="0.2">
      <c r="A7374" s="239">
        <f>'CPT Data'!B7382</f>
        <v>73.540999999999997</v>
      </c>
      <c r="B7374" s="3">
        <f>'CPT Data'!C7382</f>
        <v>73.533999999999992</v>
      </c>
      <c r="C7374" t="str">
        <f>'CPT Data'!P7382</f>
        <v>SAND</v>
      </c>
      <c r="D7374" t="e">
        <f>'CPT Data'!Q7382</f>
        <v>#N/A</v>
      </c>
      <c r="E7374" t="e">
        <f t="shared" si="115"/>
        <v>#N/A</v>
      </c>
      <c r="F7374" t="str">
        <f>IF(C7374="CLAY", INDEX(D$4:D7374, MATCH("CLAY", C$4:C7374, 0)), "")</f>
        <v/>
      </c>
    </row>
    <row r="7375" spans="1:6" x14ac:dyDescent="0.2">
      <c r="A7375" s="239">
        <f>'CPT Data'!B7383</f>
        <v>73.55</v>
      </c>
      <c r="B7375" s="3">
        <f>'CPT Data'!C7383</f>
        <v>73.542999999999992</v>
      </c>
      <c r="C7375" t="str">
        <f>'CPT Data'!P7383</f>
        <v>SAND</v>
      </c>
      <c r="D7375" t="e">
        <f>'CPT Data'!Q7383</f>
        <v>#N/A</v>
      </c>
      <c r="E7375" t="e">
        <f t="shared" si="115"/>
        <v>#N/A</v>
      </c>
      <c r="F7375" t="str">
        <f>IF(C7375="CLAY", INDEX(D$4:D7375, MATCH("CLAY", C$4:C7375, 0)), "")</f>
        <v/>
      </c>
    </row>
    <row r="7376" spans="1:6" x14ac:dyDescent="0.2">
      <c r="A7376" s="239">
        <f>'CPT Data'!B7384</f>
        <v>73.56</v>
      </c>
      <c r="B7376" s="3">
        <f>'CPT Data'!C7384</f>
        <v>73.552999999999997</v>
      </c>
      <c r="C7376" t="str">
        <f>'CPT Data'!P7384</f>
        <v>SAND</v>
      </c>
      <c r="D7376" t="e">
        <f>'CPT Data'!Q7384</f>
        <v>#N/A</v>
      </c>
      <c r="E7376" t="e">
        <f t="shared" si="115"/>
        <v>#N/A</v>
      </c>
      <c r="F7376" t="str">
        <f>IF(C7376="CLAY", INDEX(D$4:D7376, MATCH("CLAY", C$4:C7376, 0)), "")</f>
        <v/>
      </c>
    </row>
    <row r="7377" spans="1:6" x14ac:dyDescent="0.2">
      <c r="A7377" s="239">
        <f>'CPT Data'!B7385</f>
        <v>73.569999999999993</v>
      </c>
      <c r="B7377" s="3">
        <f>'CPT Data'!C7385</f>
        <v>73.562999999999988</v>
      </c>
      <c r="C7377" t="str">
        <f>'CPT Data'!P7385</f>
        <v>SAND</v>
      </c>
      <c r="D7377" t="e">
        <f>'CPT Data'!Q7385</f>
        <v>#N/A</v>
      </c>
      <c r="E7377" t="e">
        <f t="shared" si="115"/>
        <v>#N/A</v>
      </c>
      <c r="F7377" t="str">
        <f>IF(C7377="CLAY", INDEX(D$4:D7377, MATCH("CLAY", C$4:C7377, 0)), "")</f>
        <v/>
      </c>
    </row>
    <row r="7378" spans="1:6" x14ac:dyDescent="0.2">
      <c r="A7378" s="239">
        <f>'CPT Data'!B7386</f>
        <v>73.578999999999994</v>
      </c>
      <c r="B7378" s="3">
        <f>'CPT Data'!C7386</f>
        <v>73.571999999999989</v>
      </c>
      <c r="C7378" t="str">
        <f>'CPT Data'!P7386</f>
        <v>SAND</v>
      </c>
      <c r="D7378" t="e">
        <f>'CPT Data'!Q7386</f>
        <v>#N/A</v>
      </c>
      <c r="E7378" t="e">
        <f t="shared" si="115"/>
        <v>#N/A</v>
      </c>
      <c r="F7378" t="str">
        <f>IF(C7378="CLAY", INDEX(D$4:D7378, MATCH("CLAY", C$4:C7378, 0)), "")</f>
        <v/>
      </c>
    </row>
    <row r="7379" spans="1:6" x14ac:dyDescent="0.2">
      <c r="A7379" s="239">
        <f>'CPT Data'!B7387</f>
        <v>73.588999999999999</v>
      </c>
      <c r="B7379" s="3">
        <f>'CPT Data'!C7387</f>
        <v>73.581999999999994</v>
      </c>
      <c r="C7379" t="str">
        <f>'CPT Data'!P7387</f>
        <v>SAND</v>
      </c>
      <c r="D7379" t="e">
        <f>'CPT Data'!Q7387</f>
        <v>#N/A</v>
      </c>
      <c r="E7379" t="e">
        <f t="shared" si="115"/>
        <v>#N/A</v>
      </c>
      <c r="F7379" t="str">
        <f>IF(C7379="CLAY", INDEX(D$4:D7379, MATCH("CLAY", C$4:C7379, 0)), "")</f>
        <v/>
      </c>
    </row>
    <row r="7380" spans="1:6" x14ac:dyDescent="0.2">
      <c r="A7380" s="239">
        <f>'CPT Data'!B7388</f>
        <v>73.599000000000004</v>
      </c>
      <c r="B7380" s="3">
        <f>'CPT Data'!C7388</f>
        <v>73.591999999999999</v>
      </c>
      <c r="C7380" t="str">
        <f>'CPT Data'!P7388</f>
        <v>SAND</v>
      </c>
      <c r="D7380" t="e">
        <f>'CPT Data'!Q7388</f>
        <v>#N/A</v>
      </c>
      <c r="E7380" t="e">
        <f t="shared" si="115"/>
        <v>#N/A</v>
      </c>
      <c r="F7380" t="str">
        <f>IF(C7380="CLAY", INDEX(D$4:D7380, MATCH("CLAY", C$4:C7380, 0)), "")</f>
        <v/>
      </c>
    </row>
    <row r="7381" spans="1:6" x14ac:dyDescent="0.2">
      <c r="A7381" s="239">
        <f>'CPT Data'!B7389</f>
        <v>73.608999999999995</v>
      </c>
      <c r="B7381" s="3">
        <f>'CPT Data'!C7389</f>
        <v>73.60199999999999</v>
      </c>
      <c r="C7381" t="str">
        <f>'CPT Data'!P7389</f>
        <v>SAND</v>
      </c>
      <c r="D7381" t="e">
        <f>'CPT Data'!Q7389</f>
        <v>#N/A</v>
      </c>
      <c r="E7381" t="e">
        <f t="shared" si="115"/>
        <v>#N/A</v>
      </c>
      <c r="F7381" t="str">
        <f>IF(C7381="CLAY", INDEX(D$4:D7381, MATCH("CLAY", C$4:C7381, 0)), "")</f>
        <v/>
      </c>
    </row>
    <row r="7382" spans="1:6" x14ac:dyDescent="0.2">
      <c r="A7382" s="239">
        <f>'CPT Data'!B7390</f>
        <v>73.619</v>
      </c>
      <c r="B7382" s="3">
        <f>'CPT Data'!C7390</f>
        <v>73.611999999999995</v>
      </c>
      <c r="C7382" t="str">
        <f>'CPT Data'!P7390</f>
        <v>SAND</v>
      </c>
      <c r="D7382" t="e">
        <f>'CPT Data'!Q7390</f>
        <v>#N/A</v>
      </c>
      <c r="E7382" t="e">
        <f t="shared" si="115"/>
        <v>#N/A</v>
      </c>
      <c r="F7382" t="str">
        <f>IF(C7382="CLAY", INDEX(D$4:D7382, MATCH("CLAY", C$4:C7382, 0)), "")</f>
        <v/>
      </c>
    </row>
    <row r="7383" spans="1:6" x14ac:dyDescent="0.2">
      <c r="A7383" s="239">
        <f>'CPT Data'!B7391</f>
        <v>73.629000000000005</v>
      </c>
      <c r="B7383" s="3">
        <f>'CPT Data'!C7391</f>
        <v>73.622</v>
      </c>
      <c r="C7383" t="str">
        <f>'CPT Data'!P7391</f>
        <v>SAND</v>
      </c>
      <c r="D7383" t="e">
        <f>'CPT Data'!Q7391</f>
        <v>#N/A</v>
      </c>
      <c r="E7383" t="e">
        <f t="shared" si="115"/>
        <v>#N/A</v>
      </c>
      <c r="F7383" t="str">
        <f>IF(C7383="CLAY", INDEX(D$4:D7383, MATCH("CLAY", C$4:C7383, 0)), "")</f>
        <v/>
      </c>
    </row>
    <row r="7384" spans="1:6" x14ac:dyDescent="0.2">
      <c r="A7384" s="239">
        <f>'CPT Data'!B7392</f>
        <v>73.638000000000005</v>
      </c>
      <c r="B7384" s="3">
        <f>'CPT Data'!C7392</f>
        <v>73.631</v>
      </c>
      <c r="C7384" t="str">
        <f>'CPT Data'!P7392</f>
        <v>SAND</v>
      </c>
      <c r="D7384" t="e">
        <f>'CPT Data'!Q7392</f>
        <v>#N/A</v>
      </c>
      <c r="E7384" t="e">
        <f t="shared" si="115"/>
        <v>#N/A</v>
      </c>
      <c r="F7384" t="str">
        <f>IF(C7384="CLAY", INDEX(D$4:D7384, MATCH("CLAY", C$4:C7384, 0)), "")</f>
        <v/>
      </c>
    </row>
    <row r="7385" spans="1:6" x14ac:dyDescent="0.2">
      <c r="A7385" s="239">
        <f>'CPT Data'!B7393</f>
        <v>73.647999999999996</v>
      </c>
      <c r="B7385" s="3">
        <f>'CPT Data'!C7393</f>
        <v>73.640999999999991</v>
      </c>
      <c r="C7385" t="str">
        <f>'CPT Data'!P7393</f>
        <v>SAND</v>
      </c>
      <c r="D7385" t="e">
        <f>'CPT Data'!Q7393</f>
        <v>#N/A</v>
      </c>
      <c r="E7385" t="e">
        <f t="shared" si="115"/>
        <v>#N/A</v>
      </c>
      <c r="F7385" t="str">
        <f>IF(C7385="CLAY", INDEX(D$4:D7385, MATCH("CLAY", C$4:C7385, 0)), "")</f>
        <v/>
      </c>
    </row>
    <row r="7386" spans="1:6" x14ac:dyDescent="0.2">
      <c r="A7386" s="239">
        <f>'CPT Data'!B7394</f>
        <v>73.658000000000001</v>
      </c>
      <c r="B7386" s="3">
        <f>'CPT Data'!C7394</f>
        <v>73.650999999999996</v>
      </c>
      <c r="C7386" t="str">
        <f>'CPT Data'!P7394</f>
        <v>SAND</v>
      </c>
      <c r="D7386" t="e">
        <f>'CPT Data'!Q7394</f>
        <v>#N/A</v>
      </c>
      <c r="E7386" t="e">
        <f t="shared" si="115"/>
        <v>#N/A</v>
      </c>
      <c r="F7386" t="str">
        <f>IF(C7386="CLAY", INDEX(D$4:D7386, MATCH("CLAY", C$4:C7386, 0)), "")</f>
        <v/>
      </c>
    </row>
    <row r="7387" spans="1:6" x14ac:dyDescent="0.2">
      <c r="A7387" s="239">
        <f>'CPT Data'!B7395</f>
        <v>73.668999999999997</v>
      </c>
      <c r="B7387" s="3">
        <f>'CPT Data'!C7395</f>
        <v>73.661999999999992</v>
      </c>
      <c r="C7387" t="str">
        <f>'CPT Data'!P7395</f>
        <v>SAND</v>
      </c>
      <c r="D7387" t="e">
        <f>'CPT Data'!Q7395</f>
        <v>#N/A</v>
      </c>
      <c r="E7387" t="e">
        <f t="shared" ref="E7387:E7450" si="116">IF(C7387="SAND",#N/A,IF(C7387=C7386,D7386,IF(C7387="CLAY",D7387,#N/A)))</f>
        <v>#N/A</v>
      </c>
      <c r="F7387" t="str">
        <f>IF(C7387="CLAY", INDEX(D$4:D7387, MATCH("CLAY", C$4:C7387, 0)), "")</f>
        <v/>
      </c>
    </row>
    <row r="7388" spans="1:6" x14ac:dyDescent="0.2">
      <c r="A7388" s="239">
        <f>'CPT Data'!B7396</f>
        <v>73.677999999999997</v>
      </c>
      <c r="B7388" s="3">
        <f>'CPT Data'!C7396</f>
        <v>73.670999999999992</v>
      </c>
      <c r="C7388" t="str">
        <f>'CPT Data'!P7396</f>
        <v>SAND</v>
      </c>
      <c r="D7388" t="e">
        <f>'CPT Data'!Q7396</f>
        <v>#N/A</v>
      </c>
      <c r="E7388" t="e">
        <f t="shared" si="116"/>
        <v>#N/A</v>
      </c>
      <c r="F7388" t="str">
        <f>IF(C7388="CLAY", INDEX(D$4:D7388, MATCH("CLAY", C$4:C7388, 0)), "")</f>
        <v/>
      </c>
    </row>
    <row r="7389" spans="1:6" x14ac:dyDescent="0.2">
      <c r="A7389" s="239">
        <f>'CPT Data'!B7397</f>
        <v>73.688999999999993</v>
      </c>
      <c r="B7389" s="3">
        <f>'CPT Data'!C7397</f>
        <v>73.681999999999988</v>
      </c>
      <c r="C7389" t="str">
        <f>'CPT Data'!P7397</f>
        <v>SAND</v>
      </c>
      <c r="D7389" t="e">
        <f>'CPT Data'!Q7397</f>
        <v>#N/A</v>
      </c>
      <c r="E7389" t="e">
        <f t="shared" si="116"/>
        <v>#N/A</v>
      </c>
      <c r="F7389" t="str">
        <f>IF(C7389="CLAY", INDEX(D$4:D7389, MATCH("CLAY", C$4:C7389, 0)), "")</f>
        <v/>
      </c>
    </row>
    <row r="7390" spans="1:6" x14ac:dyDescent="0.2">
      <c r="A7390" s="239">
        <f>'CPT Data'!B7398</f>
        <v>73.697999999999993</v>
      </c>
      <c r="B7390" s="3">
        <f>'CPT Data'!C7398</f>
        <v>73.690999999999988</v>
      </c>
      <c r="C7390" t="str">
        <f>'CPT Data'!P7398</f>
        <v>SAND</v>
      </c>
      <c r="D7390" t="e">
        <f>'CPT Data'!Q7398</f>
        <v>#N/A</v>
      </c>
      <c r="E7390" t="e">
        <f t="shared" si="116"/>
        <v>#N/A</v>
      </c>
      <c r="F7390" t="str">
        <f>IF(C7390="CLAY", INDEX(D$4:D7390, MATCH("CLAY", C$4:C7390, 0)), "")</f>
        <v/>
      </c>
    </row>
    <row r="7391" spans="1:6" x14ac:dyDescent="0.2">
      <c r="A7391" s="239">
        <f>'CPT Data'!B7399</f>
        <v>73.709000000000003</v>
      </c>
      <c r="B7391" s="3">
        <f>'CPT Data'!C7399</f>
        <v>73.701999999999998</v>
      </c>
      <c r="C7391" t="str">
        <f>'CPT Data'!P7399</f>
        <v>SAND</v>
      </c>
      <c r="D7391" t="e">
        <f>'CPT Data'!Q7399</f>
        <v>#N/A</v>
      </c>
      <c r="E7391" t="e">
        <f t="shared" si="116"/>
        <v>#N/A</v>
      </c>
      <c r="F7391" t="str">
        <f>IF(C7391="CLAY", INDEX(D$4:D7391, MATCH("CLAY", C$4:C7391, 0)), "")</f>
        <v/>
      </c>
    </row>
    <row r="7392" spans="1:6" x14ac:dyDescent="0.2">
      <c r="A7392" s="239">
        <f>'CPT Data'!B7400</f>
        <v>73.718000000000004</v>
      </c>
      <c r="B7392" s="3">
        <f>'CPT Data'!C7400</f>
        <v>73.710999999999999</v>
      </c>
      <c r="C7392" t="str">
        <f>'CPT Data'!P7400</f>
        <v>SAND</v>
      </c>
      <c r="D7392" t="e">
        <f>'CPT Data'!Q7400</f>
        <v>#N/A</v>
      </c>
      <c r="E7392" t="e">
        <f t="shared" si="116"/>
        <v>#N/A</v>
      </c>
      <c r="F7392" t="str">
        <f>IF(C7392="CLAY", INDEX(D$4:D7392, MATCH("CLAY", C$4:C7392, 0)), "")</f>
        <v/>
      </c>
    </row>
    <row r="7393" spans="1:6" x14ac:dyDescent="0.2">
      <c r="A7393" s="239">
        <f>'CPT Data'!B7401</f>
        <v>73.728999999999999</v>
      </c>
      <c r="B7393" s="3">
        <f>'CPT Data'!C7401</f>
        <v>73.721999999999994</v>
      </c>
      <c r="C7393" t="str">
        <f>'CPT Data'!P7401</f>
        <v>SAND</v>
      </c>
      <c r="D7393" t="e">
        <f>'CPT Data'!Q7401</f>
        <v>#N/A</v>
      </c>
      <c r="E7393" t="e">
        <f t="shared" si="116"/>
        <v>#N/A</v>
      </c>
      <c r="F7393" t="str">
        <f>IF(C7393="CLAY", INDEX(D$4:D7393, MATCH("CLAY", C$4:C7393, 0)), "")</f>
        <v/>
      </c>
    </row>
    <row r="7394" spans="1:6" x14ac:dyDescent="0.2">
      <c r="A7394" s="239">
        <f>'CPT Data'!B7402</f>
        <v>73.738</v>
      </c>
      <c r="B7394" s="3">
        <f>'CPT Data'!C7402</f>
        <v>73.730999999999995</v>
      </c>
      <c r="C7394" t="str">
        <f>'CPT Data'!P7402</f>
        <v>SAND</v>
      </c>
      <c r="D7394" t="e">
        <f>'CPT Data'!Q7402</f>
        <v>#N/A</v>
      </c>
      <c r="E7394" t="e">
        <f t="shared" si="116"/>
        <v>#N/A</v>
      </c>
      <c r="F7394" t="str">
        <f>IF(C7394="CLAY", INDEX(D$4:D7394, MATCH("CLAY", C$4:C7394, 0)), "")</f>
        <v/>
      </c>
    </row>
    <row r="7395" spans="1:6" x14ac:dyDescent="0.2">
      <c r="A7395" s="239">
        <f>'CPT Data'!B7403</f>
        <v>73.748000000000005</v>
      </c>
      <c r="B7395" s="3">
        <f>'CPT Data'!C7403</f>
        <v>73.741</v>
      </c>
      <c r="C7395" t="str">
        <f>'CPT Data'!P7403</f>
        <v>SAND</v>
      </c>
      <c r="D7395" t="e">
        <f>'CPT Data'!Q7403</f>
        <v>#N/A</v>
      </c>
      <c r="E7395" t="e">
        <f t="shared" si="116"/>
        <v>#N/A</v>
      </c>
      <c r="F7395" t="str">
        <f>IF(C7395="CLAY", INDEX(D$4:D7395, MATCH("CLAY", C$4:C7395, 0)), "")</f>
        <v/>
      </c>
    </row>
    <row r="7396" spans="1:6" x14ac:dyDescent="0.2">
      <c r="A7396" s="239">
        <f>'CPT Data'!B7404</f>
        <v>73.757000000000005</v>
      </c>
      <c r="B7396" s="3">
        <f>'CPT Data'!C7404</f>
        <v>73.75</v>
      </c>
      <c r="C7396" t="str">
        <f>'CPT Data'!P7404</f>
        <v>SAND</v>
      </c>
      <c r="D7396" t="e">
        <f>'CPT Data'!Q7404</f>
        <v>#N/A</v>
      </c>
      <c r="E7396" t="e">
        <f t="shared" si="116"/>
        <v>#N/A</v>
      </c>
      <c r="F7396" t="str">
        <f>IF(C7396="CLAY", INDEX(D$4:D7396, MATCH("CLAY", C$4:C7396, 0)), "")</f>
        <v/>
      </c>
    </row>
    <row r="7397" spans="1:6" x14ac:dyDescent="0.2">
      <c r="A7397" s="239">
        <f>'CPT Data'!B7405</f>
        <v>73.766999999999996</v>
      </c>
      <c r="B7397" s="3">
        <f>'CPT Data'!C7405</f>
        <v>73.759999999999991</v>
      </c>
      <c r="C7397" t="str">
        <f>'CPT Data'!P7405</f>
        <v>SAND</v>
      </c>
      <c r="D7397" t="e">
        <f>'CPT Data'!Q7405</f>
        <v>#N/A</v>
      </c>
      <c r="E7397" t="e">
        <f t="shared" si="116"/>
        <v>#N/A</v>
      </c>
      <c r="F7397" t="str">
        <f>IF(C7397="CLAY", INDEX(D$4:D7397, MATCH("CLAY", C$4:C7397, 0)), "")</f>
        <v/>
      </c>
    </row>
    <row r="7398" spans="1:6" x14ac:dyDescent="0.2">
      <c r="A7398" s="239">
        <f>'CPT Data'!B7406</f>
        <v>73.777000000000001</v>
      </c>
      <c r="B7398" s="3">
        <f>'CPT Data'!C7406</f>
        <v>73.77</v>
      </c>
      <c r="C7398" t="str">
        <f>'CPT Data'!P7406</f>
        <v>SAND</v>
      </c>
      <c r="D7398" t="e">
        <f>'CPT Data'!Q7406</f>
        <v>#N/A</v>
      </c>
      <c r="E7398" t="e">
        <f t="shared" si="116"/>
        <v>#N/A</v>
      </c>
      <c r="F7398" t="str">
        <f>IF(C7398="CLAY", INDEX(D$4:D7398, MATCH("CLAY", C$4:C7398, 0)), "")</f>
        <v/>
      </c>
    </row>
    <row r="7399" spans="1:6" x14ac:dyDescent="0.2">
      <c r="A7399" s="239">
        <f>'CPT Data'!B7407</f>
        <v>73.787000000000006</v>
      </c>
      <c r="B7399" s="3">
        <f>'CPT Data'!C7407</f>
        <v>73.78</v>
      </c>
      <c r="C7399" t="str">
        <f>'CPT Data'!P7407</f>
        <v>SAND</v>
      </c>
      <c r="D7399" t="e">
        <f>'CPT Data'!Q7407</f>
        <v>#N/A</v>
      </c>
      <c r="E7399" t="e">
        <f t="shared" si="116"/>
        <v>#N/A</v>
      </c>
      <c r="F7399" t="str">
        <f>IF(C7399="CLAY", INDEX(D$4:D7399, MATCH("CLAY", C$4:C7399, 0)), "")</f>
        <v/>
      </c>
    </row>
    <row r="7400" spans="1:6" x14ac:dyDescent="0.2">
      <c r="A7400" s="239">
        <f>'CPT Data'!B7408</f>
        <v>73.805000000000007</v>
      </c>
      <c r="B7400" s="3">
        <f>'CPT Data'!C7408</f>
        <v>73.798000000000002</v>
      </c>
      <c r="C7400" t="str">
        <f>'CPT Data'!P7408</f>
        <v>SAND</v>
      </c>
      <c r="D7400" t="e">
        <f>'CPT Data'!Q7408</f>
        <v>#N/A</v>
      </c>
      <c r="E7400" t="e">
        <f t="shared" si="116"/>
        <v>#N/A</v>
      </c>
      <c r="F7400" t="str">
        <f>IF(C7400="CLAY", INDEX(D$4:D7400, MATCH("CLAY", C$4:C7400, 0)), "")</f>
        <v/>
      </c>
    </row>
    <row r="7401" spans="1:6" x14ac:dyDescent="0.2">
      <c r="A7401" s="239">
        <f>'CPT Data'!B7409</f>
        <v>73.814999999999998</v>
      </c>
      <c r="B7401" s="3">
        <f>'CPT Data'!C7409</f>
        <v>73.807999999999993</v>
      </c>
      <c r="C7401" t="str">
        <f>'CPT Data'!P7409</f>
        <v>SAND</v>
      </c>
      <c r="D7401" t="e">
        <f>'CPT Data'!Q7409</f>
        <v>#N/A</v>
      </c>
      <c r="E7401" t="e">
        <f t="shared" si="116"/>
        <v>#N/A</v>
      </c>
      <c r="F7401" t="str">
        <f>IF(C7401="CLAY", INDEX(D$4:D7401, MATCH("CLAY", C$4:C7401, 0)), "")</f>
        <v/>
      </c>
    </row>
    <row r="7402" spans="1:6" x14ac:dyDescent="0.2">
      <c r="A7402" s="239">
        <f>'CPT Data'!B7410</f>
        <v>73.823999999999998</v>
      </c>
      <c r="B7402" s="3">
        <f>'CPT Data'!C7410</f>
        <v>73.816999999999993</v>
      </c>
      <c r="C7402" t="str">
        <f>'CPT Data'!P7410</f>
        <v>SAND</v>
      </c>
      <c r="D7402" t="e">
        <f>'CPT Data'!Q7410</f>
        <v>#N/A</v>
      </c>
      <c r="E7402" t="e">
        <f t="shared" si="116"/>
        <v>#N/A</v>
      </c>
      <c r="F7402" t="str">
        <f>IF(C7402="CLAY", INDEX(D$4:D7402, MATCH("CLAY", C$4:C7402, 0)), "")</f>
        <v/>
      </c>
    </row>
    <row r="7403" spans="1:6" x14ac:dyDescent="0.2">
      <c r="A7403" s="239">
        <f>'CPT Data'!B7411</f>
        <v>73.834000000000003</v>
      </c>
      <c r="B7403" s="3">
        <f>'CPT Data'!C7411</f>
        <v>73.826999999999998</v>
      </c>
      <c r="C7403" t="str">
        <f>'CPT Data'!P7411</f>
        <v>SAND</v>
      </c>
      <c r="D7403" t="e">
        <f>'CPT Data'!Q7411</f>
        <v>#N/A</v>
      </c>
      <c r="E7403" t="e">
        <f t="shared" si="116"/>
        <v>#N/A</v>
      </c>
      <c r="F7403" t="str">
        <f>IF(C7403="CLAY", INDEX(D$4:D7403, MATCH("CLAY", C$4:C7403, 0)), "")</f>
        <v/>
      </c>
    </row>
    <row r="7404" spans="1:6" x14ac:dyDescent="0.2">
      <c r="A7404" s="239">
        <f>'CPT Data'!B7412</f>
        <v>73.843000000000004</v>
      </c>
      <c r="B7404" s="3">
        <f>'CPT Data'!C7412</f>
        <v>73.835999999999999</v>
      </c>
      <c r="C7404" t="str">
        <f>'CPT Data'!P7412</f>
        <v>SAND</v>
      </c>
      <c r="D7404" t="e">
        <f>'CPT Data'!Q7412</f>
        <v>#N/A</v>
      </c>
      <c r="E7404" t="e">
        <f t="shared" si="116"/>
        <v>#N/A</v>
      </c>
      <c r="F7404" t="str">
        <f>IF(C7404="CLAY", INDEX(D$4:D7404, MATCH("CLAY", C$4:C7404, 0)), "")</f>
        <v/>
      </c>
    </row>
    <row r="7405" spans="1:6" x14ac:dyDescent="0.2">
      <c r="A7405" s="239">
        <f>'CPT Data'!B7413</f>
        <v>73.852999999999994</v>
      </c>
      <c r="B7405" s="3">
        <f>'CPT Data'!C7413</f>
        <v>73.845999999999989</v>
      </c>
      <c r="C7405" t="str">
        <f>'CPT Data'!P7413</f>
        <v>SAND</v>
      </c>
      <c r="D7405" t="e">
        <f>'CPT Data'!Q7413</f>
        <v>#N/A</v>
      </c>
      <c r="E7405" t="e">
        <f t="shared" si="116"/>
        <v>#N/A</v>
      </c>
      <c r="F7405" t="str">
        <f>IF(C7405="CLAY", INDEX(D$4:D7405, MATCH("CLAY", C$4:C7405, 0)), "")</f>
        <v/>
      </c>
    </row>
    <row r="7406" spans="1:6" x14ac:dyDescent="0.2">
      <c r="A7406" s="239">
        <f>'CPT Data'!B7414</f>
        <v>73.861000000000004</v>
      </c>
      <c r="B7406" s="3">
        <f>'CPT Data'!C7414</f>
        <v>73.853999999999999</v>
      </c>
      <c r="C7406" t="str">
        <f>'CPT Data'!P7414</f>
        <v>SAND</v>
      </c>
      <c r="D7406" t="e">
        <f>'CPT Data'!Q7414</f>
        <v>#N/A</v>
      </c>
      <c r="E7406" t="e">
        <f t="shared" si="116"/>
        <v>#N/A</v>
      </c>
      <c r="F7406" t="str">
        <f>IF(C7406="CLAY", INDEX(D$4:D7406, MATCH("CLAY", C$4:C7406, 0)), "")</f>
        <v/>
      </c>
    </row>
    <row r="7407" spans="1:6" x14ac:dyDescent="0.2">
      <c r="A7407" s="239">
        <f>'CPT Data'!B7415</f>
        <v>73.870999999999995</v>
      </c>
      <c r="B7407" s="3">
        <f>'CPT Data'!C7415</f>
        <v>73.86399999999999</v>
      </c>
      <c r="C7407" t="str">
        <f>'CPT Data'!P7415</f>
        <v>SAND</v>
      </c>
      <c r="D7407" t="e">
        <f>'CPT Data'!Q7415</f>
        <v>#N/A</v>
      </c>
      <c r="E7407" t="e">
        <f t="shared" si="116"/>
        <v>#N/A</v>
      </c>
      <c r="F7407" t="str">
        <f>IF(C7407="CLAY", INDEX(D$4:D7407, MATCH("CLAY", C$4:C7407, 0)), "")</f>
        <v/>
      </c>
    </row>
    <row r="7408" spans="1:6" x14ac:dyDescent="0.2">
      <c r="A7408" s="239">
        <f>'CPT Data'!B7416</f>
        <v>73.88</v>
      </c>
      <c r="B7408" s="3">
        <f>'CPT Data'!C7416</f>
        <v>73.87299999999999</v>
      </c>
      <c r="C7408" t="str">
        <f>'CPT Data'!P7416</f>
        <v>SAND</v>
      </c>
      <c r="D7408" t="e">
        <f>'CPT Data'!Q7416</f>
        <v>#N/A</v>
      </c>
      <c r="E7408" t="e">
        <f t="shared" si="116"/>
        <v>#N/A</v>
      </c>
      <c r="F7408" t="str">
        <f>IF(C7408="CLAY", INDEX(D$4:D7408, MATCH("CLAY", C$4:C7408, 0)), "")</f>
        <v/>
      </c>
    </row>
    <row r="7409" spans="1:6" x14ac:dyDescent="0.2">
      <c r="A7409" s="239">
        <f>'CPT Data'!B7417</f>
        <v>73.89</v>
      </c>
      <c r="B7409" s="3">
        <f>'CPT Data'!C7417</f>
        <v>73.882999999999996</v>
      </c>
      <c r="C7409" t="str">
        <f>'CPT Data'!P7417</f>
        <v>SAND</v>
      </c>
      <c r="D7409" t="e">
        <f>'CPT Data'!Q7417</f>
        <v>#N/A</v>
      </c>
      <c r="E7409" t="e">
        <f t="shared" si="116"/>
        <v>#N/A</v>
      </c>
      <c r="F7409" t="str">
        <f>IF(C7409="CLAY", INDEX(D$4:D7409, MATCH("CLAY", C$4:C7409, 0)), "")</f>
        <v/>
      </c>
    </row>
    <row r="7410" spans="1:6" x14ac:dyDescent="0.2">
      <c r="A7410" s="239">
        <f>'CPT Data'!B7418</f>
        <v>73.899000000000001</v>
      </c>
      <c r="B7410" s="3">
        <f>'CPT Data'!C7418</f>
        <v>73.891999999999996</v>
      </c>
      <c r="C7410" t="str">
        <f>'CPT Data'!P7418</f>
        <v>SAND</v>
      </c>
      <c r="D7410" t="e">
        <f>'CPT Data'!Q7418</f>
        <v>#N/A</v>
      </c>
      <c r="E7410" t="e">
        <f t="shared" si="116"/>
        <v>#N/A</v>
      </c>
      <c r="F7410" t="str">
        <f>IF(C7410="CLAY", INDEX(D$4:D7410, MATCH("CLAY", C$4:C7410, 0)), "")</f>
        <v/>
      </c>
    </row>
    <row r="7411" spans="1:6" x14ac:dyDescent="0.2">
      <c r="A7411" s="239">
        <f>'CPT Data'!B7419</f>
        <v>73.908000000000001</v>
      </c>
      <c r="B7411" s="3">
        <f>'CPT Data'!C7419</f>
        <v>73.900999999999996</v>
      </c>
      <c r="C7411" t="str">
        <f>'CPT Data'!P7419</f>
        <v>SAND</v>
      </c>
      <c r="D7411" t="e">
        <f>'CPT Data'!Q7419</f>
        <v>#N/A</v>
      </c>
      <c r="E7411" t="e">
        <f t="shared" si="116"/>
        <v>#N/A</v>
      </c>
      <c r="F7411" t="str">
        <f>IF(C7411="CLAY", INDEX(D$4:D7411, MATCH("CLAY", C$4:C7411, 0)), "")</f>
        <v/>
      </c>
    </row>
    <row r="7412" spans="1:6" x14ac:dyDescent="0.2">
      <c r="A7412" s="239">
        <f>'CPT Data'!B7420</f>
        <v>73.918000000000006</v>
      </c>
      <c r="B7412" s="3">
        <f>'CPT Data'!C7420</f>
        <v>73.911000000000001</v>
      </c>
      <c r="C7412" t="str">
        <f>'CPT Data'!P7420</f>
        <v>SAND</v>
      </c>
      <c r="D7412" t="e">
        <f>'CPT Data'!Q7420</f>
        <v>#N/A</v>
      </c>
      <c r="E7412" t="e">
        <f t="shared" si="116"/>
        <v>#N/A</v>
      </c>
      <c r="F7412" t="str">
        <f>IF(C7412="CLAY", INDEX(D$4:D7412, MATCH("CLAY", C$4:C7412, 0)), "")</f>
        <v/>
      </c>
    </row>
    <row r="7413" spans="1:6" x14ac:dyDescent="0.2">
      <c r="A7413" s="239">
        <f>'CPT Data'!B7421</f>
        <v>73.927000000000007</v>
      </c>
      <c r="B7413" s="3">
        <f>'CPT Data'!C7421</f>
        <v>73.92</v>
      </c>
      <c r="C7413" t="str">
        <f>'CPT Data'!P7421</f>
        <v>SAND</v>
      </c>
      <c r="D7413" t="e">
        <f>'CPT Data'!Q7421</f>
        <v>#N/A</v>
      </c>
      <c r="E7413" t="e">
        <f t="shared" si="116"/>
        <v>#N/A</v>
      </c>
      <c r="F7413" t="str">
        <f>IF(C7413="CLAY", INDEX(D$4:D7413, MATCH("CLAY", C$4:C7413, 0)), "")</f>
        <v/>
      </c>
    </row>
    <row r="7414" spans="1:6" x14ac:dyDescent="0.2">
      <c r="A7414" s="239">
        <f>'CPT Data'!B7422</f>
        <v>73.936999999999998</v>
      </c>
      <c r="B7414" s="3">
        <f>'CPT Data'!C7422</f>
        <v>73.929999999999993</v>
      </c>
      <c r="C7414" t="str">
        <f>'CPT Data'!P7422</f>
        <v>SAND</v>
      </c>
      <c r="D7414" t="e">
        <f>'CPT Data'!Q7422</f>
        <v>#N/A</v>
      </c>
      <c r="E7414" t="e">
        <f t="shared" si="116"/>
        <v>#N/A</v>
      </c>
      <c r="F7414" t="str">
        <f>IF(C7414="CLAY", INDEX(D$4:D7414, MATCH("CLAY", C$4:C7414, 0)), "")</f>
        <v/>
      </c>
    </row>
    <row r="7415" spans="1:6" x14ac:dyDescent="0.2">
      <c r="A7415" s="239">
        <f>'CPT Data'!B7423</f>
        <v>73.945999999999998</v>
      </c>
      <c r="B7415" s="3">
        <f>'CPT Data'!C7423</f>
        <v>73.938999999999993</v>
      </c>
      <c r="C7415" t="str">
        <f>'CPT Data'!P7423</f>
        <v>SAND</v>
      </c>
      <c r="D7415" t="e">
        <f>'CPT Data'!Q7423</f>
        <v>#N/A</v>
      </c>
      <c r="E7415" t="e">
        <f t="shared" si="116"/>
        <v>#N/A</v>
      </c>
      <c r="F7415" t="str">
        <f>IF(C7415="CLAY", INDEX(D$4:D7415, MATCH("CLAY", C$4:C7415, 0)), "")</f>
        <v/>
      </c>
    </row>
    <row r="7416" spans="1:6" x14ac:dyDescent="0.2">
      <c r="A7416" s="239">
        <f>'CPT Data'!B7424</f>
        <v>73.956000000000003</v>
      </c>
      <c r="B7416" s="3">
        <f>'CPT Data'!C7424</f>
        <v>73.948999999999998</v>
      </c>
      <c r="C7416" t="str">
        <f>'CPT Data'!P7424</f>
        <v>SAND</v>
      </c>
      <c r="D7416" t="e">
        <f>'CPT Data'!Q7424</f>
        <v>#N/A</v>
      </c>
      <c r="E7416" t="e">
        <f t="shared" si="116"/>
        <v>#N/A</v>
      </c>
      <c r="F7416" t="str">
        <f>IF(C7416="CLAY", INDEX(D$4:D7416, MATCH("CLAY", C$4:C7416, 0)), "")</f>
        <v/>
      </c>
    </row>
    <row r="7417" spans="1:6" x14ac:dyDescent="0.2">
      <c r="A7417" s="239">
        <f>'CPT Data'!B7425</f>
        <v>73.965000000000003</v>
      </c>
      <c r="B7417" s="3">
        <f>'CPT Data'!C7425</f>
        <v>73.957999999999998</v>
      </c>
      <c r="C7417" t="str">
        <f>'CPT Data'!P7425</f>
        <v>SAND</v>
      </c>
      <c r="D7417" t="e">
        <f>'CPT Data'!Q7425</f>
        <v>#N/A</v>
      </c>
      <c r="E7417" t="e">
        <f t="shared" si="116"/>
        <v>#N/A</v>
      </c>
      <c r="F7417" t="str">
        <f>IF(C7417="CLAY", INDEX(D$4:D7417, MATCH("CLAY", C$4:C7417, 0)), "")</f>
        <v/>
      </c>
    </row>
    <row r="7418" spans="1:6" x14ac:dyDescent="0.2">
      <c r="A7418" s="239">
        <f>'CPT Data'!B7426</f>
        <v>73.974999999999994</v>
      </c>
      <c r="B7418" s="3">
        <f>'CPT Data'!C7426</f>
        <v>73.967999999999989</v>
      </c>
      <c r="C7418" t="str">
        <f>'CPT Data'!P7426</f>
        <v>SAND</v>
      </c>
      <c r="D7418" t="e">
        <f>'CPT Data'!Q7426</f>
        <v>#N/A</v>
      </c>
      <c r="E7418" t="e">
        <f t="shared" si="116"/>
        <v>#N/A</v>
      </c>
      <c r="F7418" t="str">
        <f>IF(C7418="CLAY", INDEX(D$4:D7418, MATCH("CLAY", C$4:C7418, 0)), "")</f>
        <v/>
      </c>
    </row>
    <row r="7419" spans="1:6" x14ac:dyDescent="0.2">
      <c r="A7419" s="239">
        <f>'CPT Data'!B7427</f>
        <v>73.983000000000004</v>
      </c>
      <c r="B7419" s="3">
        <f>'CPT Data'!C7427</f>
        <v>73.975999999999999</v>
      </c>
      <c r="C7419" t="str">
        <f>'CPT Data'!P7427</f>
        <v>SAND</v>
      </c>
      <c r="D7419" t="e">
        <f>'CPT Data'!Q7427</f>
        <v>#N/A</v>
      </c>
      <c r="E7419" t="e">
        <f t="shared" si="116"/>
        <v>#N/A</v>
      </c>
      <c r="F7419" t="str">
        <f>IF(C7419="CLAY", INDEX(D$4:D7419, MATCH("CLAY", C$4:C7419, 0)), "")</f>
        <v/>
      </c>
    </row>
    <row r="7420" spans="1:6" x14ac:dyDescent="0.2">
      <c r="A7420" s="239">
        <f>'CPT Data'!B7428</f>
        <v>73.991</v>
      </c>
      <c r="B7420" s="3">
        <f>'CPT Data'!C7428</f>
        <v>73.983999999999995</v>
      </c>
      <c r="C7420" t="str">
        <f>'CPT Data'!P7428</f>
        <v>SAND</v>
      </c>
      <c r="D7420" t="e">
        <f>'CPT Data'!Q7428</f>
        <v>#N/A</v>
      </c>
      <c r="E7420" t="e">
        <f t="shared" si="116"/>
        <v>#N/A</v>
      </c>
      <c r="F7420" t="str">
        <f>IF(C7420="CLAY", INDEX(D$4:D7420, MATCH("CLAY", C$4:C7420, 0)), "")</f>
        <v/>
      </c>
    </row>
    <row r="7421" spans="1:6" x14ac:dyDescent="0.2">
      <c r="A7421" s="239">
        <f>'CPT Data'!B7429</f>
        <v>74</v>
      </c>
      <c r="B7421" s="3">
        <f>'CPT Data'!C7429</f>
        <v>73.992999999999995</v>
      </c>
      <c r="C7421" t="str">
        <f>'CPT Data'!P7429</f>
        <v>SAND</v>
      </c>
      <c r="D7421" t="e">
        <f>'CPT Data'!Q7429</f>
        <v>#N/A</v>
      </c>
      <c r="E7421" t="e">
        <f t="shared" si="116"/>
        <v>#N/A</v>
      </c>
      <c r="F7421" t="str">
        <f>IF(C7421="CLAY", INDEX(D$4:D7421, MATCH("CLAY", C$4:C7421, 0)), "")</f>
        <v/>
      </c>
    </row>
    <row r="7422" spans="1:6" x14ac:dyDescent="0.2">
      <c r="A7422" s="239">
        <f>'CPT Data'!B7430</f>
        <v>74.010999999999996</v>
      </c>
      <c r="B7422" s="3">
        <f>'CPT Data'!C7430</f>
        <v>74.003999999999991</v>
      </c>
      <c r="C7422" t="str">
        <f>'CPT Data'!P7430</f>
        <v>SAND</v>
      </c>
      <c r="D7422" t="e">
        <f>'CPT Data'!Q7430</f>
        <v>#N/A</v>
      </c>
      <c r="E7422" t="e">
        <f t="shared" si="116"/>
        <v>#N/A</v>
      </c>
      <c r="F7422" t="str">
        <f>IF(C7422="CLAY", INDEX(D$4:D7422, MATCH("CLAY", C$4:C7422, 0)), "")</f>
        <v/>
      </c>
    </row>
    <row r="7423" spans="1:6" x14ac:dyDescent="0.2">
      <c r="A7423" s="239">
        <f>'CPT Data'!B7431</f>
        <v>74.018000000000001</v>
      </c>
      <c r="B7423" s="3">
        <f>'CPT Data'!C7431</f>
        <v>74.010999999999996</v>
      </c>
      <c r="C7423" t="str">
        <f>'CPT Data'!P7431</f>
        <v>SAND</v>
      </c>
      <c r="D7423" t="e">
        <f>'CPT Data'!Q7431</f>
        <v>#N/A</v>
      </c>
      <c r="E7423" t="e">
        <f t="shared" si="116"/>
        <v>#N/A</v>
      </c>
      <c r="F7423" t="str">
        <f>IF(C7423="CLAY", INDEX(D$4:D7423, MATCH("CLAY", C$4:C7423, 0)), "")</f>
        <v/>
      </c>
    </row>
    <row r="7424" spans="1:6" x14ac:dyDescent="0.2">
      <c r="A7424" s="239">
        <f>'CPT Data'!B7432</f>
        <v>74.036000000000001</v>
      </c>
      <c r="B7424" s="3">
        <f>'CPT Data'!C7432</f>
        <v>74.028999999999996</v>
      </c>
      <c r="C7424" t="str">
        <f>'CPT Data'!P7432</f>
        <v>SAND</v>
      </c>
      <c r="D7424" t="e">
        <f>'CPT Data'!Q7432</f>
        <v>#N/A</v>
      </c>
      <c r="E7424" t="e">
        <f t="shared" si="116"/>
        <v>#N/A</v>
      </c>
      <c r="F7424" t="str">
        <f>IF(C7424="CLAY", INDEX(D$4:D7424, MATCH("CLAY", C$4:C7424, 0)), "")</f>
        <v/>
      </c>
    </row>
    <row r="7425" spans="1:6" x14ac:dyDescent="0.2">
      <c r="A7425" s="239">
        <f>'CPT Data'!B7433</f>
        <v>74.045000000000002</v>
      </c>
      <c r="B7425" s="3">
        <f>'CPT Data'!C7433</f>
        <v>74.037999999999997</v>
      </c>
      <c r="C7425" t="str">
        <f>'CPT Data'!P7433</f>
        <v>SAND</v>
      </c>
      <c r="D7425" t="e">
        <f>'CPT Data'!Q7433</f>
        <v>#N/A</v>
      </c>
      <c r="E7425" t="e">
        <f t="shared" si="116"/>
        <v>#N/A</v>
      </c>
      <c r="F7425" t="str">
        <f>IF(C7425="CLAY", INDEX(D$4:D7425, MATCH("CLAY", C$4:C7425, 0)), "")</f>
        <v/>
      </c>
    </row>
    <row r="7426" spans="1:6" x14ac:dyDescent="0.2">
      <c r="A7426" s="239">
        <f>'CPT Data'!B7434</f>
        <v>74.054000000000002</v>
      </c>
      <c r="B7426" s="3">
        <f>'CPT Data'!C7434</f>
        <v>74.046999999999997</v>
      </c>
      <c r="C7426" t="str">
        <f>'CPT Data'!P7434</f>
        <v>SAND</v>
      </c>
      <c r="D7426" t="e">
        <f>'CPT Data'!Q7434</f>
        <v>#N/A</v>
      </c>
      <c r="E7426" t="e">
        <f t="shared" si="116"/>
        <v>#N/A</v>
      </c>
      <c r="F7426" t="str">
        <f>IF(C7426="CLAY", INDEX(D$4:D7426, MATCH("CLAY", C$4:C7426, 0)), "")</f>
        <v/>
      </c>
    </row>
    <row r="7427" spans="1:6" x14ac:dyDescent="0.2">
      <c r="A7427" s="239">
        <f>'CPT Data'!B7435</f>
        <v>74.063000000000002</v>
      </c>
      <c r="B7427" s="3">
        <f>'CPT Data'!C7435</f>
        <v>74.055999999999997</v>
      </c>
      <c r="C7427" t="str">
        <f>'CPT Data'!P7435</f>
        <v>SAND</v>
      </c>
      <c r="D7427" t="e">
        <f>'CPT Data'!Q7435</f>
        <v>#N/A</v>
      </c>
      <c r="E7427" t="e">
        <f t="shared" si="116"/>
        <v>#N/A</v>
      </c>
      <c r="F7427" t="str">
        <f>IF(C7427="CLAY", INDEX(D$4:D7427, MATCH("CLAY", C$4:C7427, 0)), "")</f>
        <v/>
      </c>
    </row>
    <row r="7428" spans="1:6" x14ac:dyDescent="0.2">
      <c r="A7428" s="239">
        <f>'CPT Data'!B7436</f>
        <v>74.072000000000003</v>
      </c>
      <c r="B7428" s="3">
        <f>'CPT Data'!C7436</f>
        <v>74.064999999999998</v>
      </c>
      <c r="C7428" t="str">
        <f>'CPT Data'!P7436</f>
        <v>SAND</v>
      </c>
      <c r="D7428" t="e">
        <f>'CPT Data'!Q7436</f>
        <v>#N/A</v>
      </c>
      <c r="E7428" t="e">
        <f t="shared" si="116"/>
        <v>#N/A</v>
      </c>
      <c r="F7428" t="str">
        <f>IF(C7428="CLAY", INDEX(D$4:D7428, MATCH("CLAY", C$4:C7428, 0)), "")</f>
        <v/>
      </c>
    </row>
    <row r="7429" spans="1:6" x14ac:dyDescent="0.2">
      <c r="A7429" s="239">
        <f>'CPT Data'!B7437</f>
        <v>74.081000000000003</v>
      </c>
      <c r="B7429" s="3">
        <f>'CPT Data'!C7437</f>
        <v>74.073999999999998</v>
      </c>
      <c r="C7429" t="str">
        <f>'CPT Data'!P7437</f>
        <v>SAND</v>
      </c>
      <c r="D7429" t="e">
        <f>'CPT Data'!Q7437</f>
        <v>#N/A</v>
      </c>
      <c r="E7429" t="e">
        <f t="shared" si="116"/>
        <v>#N/A</v>
      </c>
      <c r="F7429" t="str">
        <f>IF(C7429="CLAY", INDEX(D$4:D7429, MATCH("CLAY", C$4:C7429, 0)), "")</f>
        <v/>
      </c>
    </row>
    <row r="7430" spans="1:6" x14ac:dyDescent="0.2">
      <c r="A7430" s="239">
        <f>'CPT Data'!B7438</f>
        <v>74.088999999999999</v>
      </c>
      <c r="B7430" s="3">
        <f>'CPT Data'!C7438</f>
        <v>74.081999999999994</v>
      </c>
      <c r="C7430" t="str">
        <f>'CPT Data'!P7438</f>
        <v>SAND</v>
      </c>
      <c r="D7430" t="e">
        <f>'CPT Data'!Q7438</f>
        <v>#N/A</v>
      </c>
      <c r="E7430" t="e">
        <f t="shared" si="116"/>
        <v>#N/A</v>
      </c>
      <c r="F7430" t="str">
        <f>IF(C7430="CLAY", INDEX(D$4:D7430, MATCH("CLAY", C$4:C7430, 0)), "")</f>
        <v/>
      </c>
    </row>
    <row r="7431" spans="1:6" x14ac:dyDescent="0.2">
      <c r="A7431" s="239">
        <f>'CPT Data'!B7439</f>
        <v>74.097999999999999</v>
      </c>
      <c r="B7431" s="3">
        <f>'CPT Data'!C7439</f>
        <v>74.090999999999994</v>
      </c>
      <c r="C7431" t="str">
        <f>'CPT Data'!P7439</f>
        <v>SAND</v>
      </c>
      <c r="D7431" t="e">
        <f>'CPT Data'!Q7439</f>
        <v>#N/A</v>
      </c>
      <c r="E7431" t="e">
        <f t="shared" si="116"/>
        <v>#N/A</v>
      </c>
      <c r="F7431" t="str">
        <f>IF(C7431="CLAY", INDEX(D$4:D7431, MATCH("CLAY", C$4:C7431, 0)), "")</f>
        <v/>
      </c>
    </row>
    <row r="7432" spans="1:6" x14ac:dyDescent="0.2">
      <c r="A7432" s="239">
        <f>'CPT Data'!B7440</f>
        <v>74.105999999999995</v>
      </c>
      <c r="B7432" s="3">
        <f>'CPT Data'!C7440</f>
        <v>74.09899999999999</v>
      </c>
      <c r="C7432" t="str">
        <f>'CPT Data'!P7440</f>
        <v>SAND</v>
      </c>
      <c r="D7432" t="e">
        <f>'CPT Data'!Q7440</f>
        <v>#N/A</v>
      </c>
      <c r="E7432" t="e">
        <f t="shared" si="116"/>
        <v>#N/A</v>
      </c>
      <c r="F7432" t="str">
        <f>IF(C7432="CLAY", INDEX(D$4:D7432, MATCH("CLAY", C$4:C7432, 0)), "")</f>
        <v/>
      </c>
    </row>
    <row r="7433" spans="1:6" x14ac:dyDescent="0.2">
      <c r="A7433" s="239">
        <f>'CPT Data'!B7441</f>
        <v>74.114999999999995</v>
      </c>
      <c r="B7433" s="3">
        <f>'CPT Data'!C7441</f>
        <v>74.10799999999999</v>
      </c>
      <c r="C7433" t="str">
        <f>'CPT Data'!P7441</f>
        <v>SAND</v>
      </c>
      <c r="D7433" t="e">
        <f>'CPT Data'!Q7441</f>
        <v>#N/A</v>
      </c>
      <c r="E7433" t="e">
        <f t="shared" si="116"/>
        <v>#N/A</v>
      </c>
      <c r="F7433" t="str">
        <f>IF(C7433="CLAY", INDEX(D$4:D7433, MATCH("CLAY", C$4:C7433, 0)), "")</f>
        <v/>
      </c>
    </row>
    <row r="7434" spans="1:6" x14ac:dyDescent="0.2">
      <c r="A7434" s="239">
        <f>'CPT Data'!B7442</f>
        <v>74.123999999999995</v>
      </c>
      <c r="B7434" s="3">
        <f>'CPT Data'!C7442</f>
        <v>74.11699999999999</v>
      </c>
      <c r="C7434" t="str">
        <f>'CPT Data'!P7442</f>
        <v>SAND</v>
      </c>
      <c r="D7434" t="e">
        <f>'CPT Data'!Q7442</f>
        <v>#N/A</v>
      </c>
      <c r="E7434" t="e">
        <f t="shared" si="116"/>
        <v>#N/A</v>
      </c>
      <c r="F7434" t="str">
        <f>IF(C7434="CLAY", INDEX(D$4:D7434, MATCH("CLAY", C$4:C7434, 0)), "")</f>
        <v/>
      </c>
    </row>
    <row r="7435" spans="1:6" x14ac:dyDescent="0.2">
      <c r="A7435" s="239">
        <f>'CPT Data'!B7443</f>
        <v>74.132999999999996</v>
      </c>
      <c r="B7435" s="3">
        <f>'CPT Data'!C7443</f>
        <v>74.125999999999991</v>
      </c>
      <c r="C7435" t="str">
        <f>'CPT Data'!P7443</f>
        <v>SAND</v>
      </c>
      <c r="D7435" t="e">
        <f>'CPT Data'!Q7443</f>
        <v>#N/A</v>
      </c>
      <c r="E7435" t="e">
        <f t="shared" si="116"/>
        <v>#N/A</v>
      </c>
      <c r="F7435" t="str">
        <f>IF(C7435="CLAY", INDEX(D$4:D7435, MATCH("CLAY", C$4:C7435, 0)), "")</f>
        <v/>
      </c>
    </row>
    <row r="7436" spans="1:6" x14ac:dyDescent="0.2">
      <c r="A7436" s="239">
        <f>'CPT Data'!B7444</f>
        <v>74.141000000000005</v>
      </c>
      <c r="B7436" s="3">
        <f>'CPT Data'!C7444</f>
        <v>74.134</v>
      </c>
      <c r="C7436" t="str">
        <f>'CPT Data'!P7444</f>
        <v>SAND</v>
      </c>
      <c r="D7436" t="e">
        <f>'CPT Data'!Q7444</f>
        <v>#N/A</v>
      </c>
      <c r="E7436" t="e">
        <f t="shared" si="116"/>
        <v>#N/A</v>
      </c>
      <c r="F7436" t="str">
        <f>IF(C7436="CLAY", INDEX(D$4:D7436, MATCH("CLAY", C$4:C7436, 0)), "")</f>
        <v/>
      </c>
    </row>
    <row r="7437" spans="1:6" x14ac:dyDescent="0.2">
      <c r="A7437" s="239">
        <f>'CPT Data'!B7445</f>
        <v>74.150000000000006</v>
      </c>
      <c r="B7437" s="3">
        <f>'CPT Data'!C7445</f>
        <v>74.143000000000001</v>
      </c>
      <c r="C7437" t="str">
        <f>'CPT Data'!P7445</f>
        <v>SAND</v>
      </c>
      <c r="D7437" t="e">
        <f>'CPT Data'!Q7445</f>
        <v>#N/A</v>
      </c>
      <c r="E7437" t="e">
        <f t="shared" si="116"/>
        <v>#N/A</v>
      </c>
      <c r="F7437" t="str">
        <f>IF(C7437="CLAY", INDEX(D$4:D7437, MATCH("CLAY", C$4:C7437, 0)), "")</f>
        <v/>
      </c>
    </row>
    <row r="7438" spans="1:6" x14ac:dyDescent="0.2">
      <c r="A7438" s="239">
        <f>'CPT Data'!B7446</f>
        <v>74.158000000000001</v>
      </c>
      <c r="B7438" s="3">
        <f>'CPT Data'!C7446</f>
        <v>74.150999999999996</v>
      </c>
      <c r="C7438" t="str">
        <f>'CPT Data'!P7446</f>
        <v>SAND</v>
      </c>
      <c r="D7438" t="e">
        <f>'CPT Data'!Q7446</f>
        <v>#N/A</v>
      </c>
      <c r="E7438" t="e">
        <f t="shared" si="116"/>
        <v>#N/A</v>
      </c>
      <c r="F7438" t="str">
        <f>IF(C7438="CLAY", INDEX(D$4:D7438, MATCH("CLAY", C$4:C7438, 0)), "")</f>
        <v/>
      </c>
    </row>
    <row r="7439" spans="1:6" x14ac:dyDescent="0.2">
      <c r="A7439" s="239">
        <f>'CPT Data'!B7447</f>
        <v>74.167000000000002</v>
      </c>
      <c r="B7439" s="3">
        <f>'CPT Data'!C7447</f>
        <v>74.16</v>
      </c>
      <c r="C7439" t="str">
        <f>'CPT Data'!P7447</f>
        <v>SAND</v>
      </c>
      <c r="D7439" t="e">
        <f>'CPT Data'!Q7447</f>
        <v>#N/A</v>
      </c>
      <c r="E7439" t="e">
        <f t="shared" si="116"/>
        <v>#N/A</v>
      </c>
      <c r="F7439" t="str">
        <f>IF(C7439="CLAY", INDEX(D$4:D7439, MATCH("CLAY", C$4:C7439, 0)), "")</f>
        <v/>
      </c>
    </row>
    <row r="7440" spans="1:6" x14ac:dyDescent="0.2">
      <c r="A7440" s="239">
        <f>'CPT Data'!B7448</f>
        <v>74.174999999999997</v>
      </c>
      <c r="B7440" s="3">
        <f>'CPT Data'!C7448</f>
        <v>74.167999999999992</v>
      </c>
      <c r="C7440" t="str">
        <f>'CPT Data'!P7448</f>
        <v>SAND</v>
      </c>
      <c r="D7440" t="e">
        <f>'CPT Data'!Q7448</f>
        <v>#N/A</v>
      </c>
      <c r="E7440" t="e">
        <f t="shared" si="116"/>
        <v>#N/A</v>
      </c>
      <c r="F7440" t="str">
        <f>IF(C7440="CLAY", INDEX(D$4:D7440, MATCH("CLAY", C$4:C7440, 0)), "")</f>
        <v/>
      </c>
    </row>
    <row r="7441" spans="1:6" x14ac:dyDescent="0.2">
      <c r="A7441" s="239">
        <f>'CPT Data'!B7449</f>
        <v>74.185000000000002</v>
      </c>
      <c r="B7441" s="3">
        <f>'CPT Data'!C7449</f>
        <v>74.177999999999997</v>
      </c>
      <c r="C7441" t="str">
        <f>'CPT Data'!P7449</f>
        <v>SAND</v>
      </c>
      <c r="D7441" t="e">
        <f>'CPT Data'!Q7449</f>
        <v>#N/A</v>
      </c>
      <c r="E7441" t="e">
        <f t="shared" si="116"/>
        <v>#N/A</v>
      </c>
      <c r="F7441" t="str">
        <f>IF(C7441="CLAY", INDEX(D$4:D7441, MATCH("CLAY", C$4:C7441, 0)), "")</f>
        <v/>
      </c>
    </row>
    <row r="7442" spans="1:6" x14ac:dyDescent="0.2">
      <c r="A7442" s="239">
        <f>'CPT Data'!B7450</f>
        <v>74.192999999999998</v>
      </c>
      <c r="B7442" s="3">
        <f>'CPT Data'!C7450</f>
        <v>74.185999999999993</v>
      </c>
      <c r="C7442" t="str">
        <f>'CPT Data'!P7450</f>
        <v>SAND</v>
      </c>
      <c r="D7442" t="e">
        <f>'CPT Data'!Q7450</f>
        <v>#N/A</v>
      </c>
      <c r="E7442" t="e">
        <f t="shared" si="116"/>
        <v>#N/A</v>
      </c>
      <c r="F7442" t="str">
        <f>IF(C7442="CLAY", INDEX(D$4:D7442, MATCH("CLAY", C$4:C7442, 0)), "")</f>
        <v/>
      </c>
    </row>
    <row r="7443" spans="1:6" x14ac:dyDescent="0.2">
      <c r="A7443" s="239">
        <f>'CPT Data'!B7451</f>
        <v>74.201999999999998</v>
      </c>
      <c r="B7443" s="3">
        <f>'CPT Data'!C7451</f>
        <v>74.194999999999993</v>
      </c>
      <c r="C7443" t="str">
        <f>'CPT Data'!P7451</f>
        <v>SAND</v>
      </c>
      <c r="D7443" t="e">
        <f>'CPT Data'!Q7451</f>
        <v>#N/A</v>
      </c>
      <c r="E7443" t="e">
        <f t="shared" si="116"/>
        <v>#N/A</v>
      </c>
      <c r="F7443" t="str">
        <f>IF(C7443="CLAY", INDEX(D$4:D7443, MATCH("CLAY", C$4:C7443, 0)), "")</f>
        <v/>
      </c>
    </row>
    <row r="7444" spans="1:6" x14ac:dyDescent="0.2">
      <c r="A7444" s="239">
        <f>'CPT Data'!B7452</f>
        <v>74.209999999999994</v>
      </c>
      <c r="B7444" s="3">
        <f>'CPT Data'!C7452</f>
        <v>74.202999999999989</v>
      </c>
      <c r="C7444" t="str">
        <f>'CPT Data'!P7452</f>
        <v>SAND</v>
      </c>
      <c r="D7444" t="e">
        <f>'CPT Data'!Q7452</f>
        <v>#N/A</v>
      </c>
      <c r="E7444" t="e">
        <f t="shared" si="116"/>
        <v>#N/A</v>
      </c>
      <c r="F7444" t="str">
        <f>IF(C7444="CLAY", INDEX(D$4:D7444, MATCH("CLAY", C$4:C7444, 0)), "")</f>
        <v/>
      </c>
    </row>
    <row r="7445" spans="1:6" x14ac:dyDescent="0.2">
      <c r="A7445" s="239">
        <f>'CPT Data'!B7453</f>
        <v>74.218999999999994</v>
      </c>
      <c r="B7445" s="3">
        <f>'CPT Data'!C7453</f>
        <v>74.211999999999989</v>
      </c>
      <c r="C7445" t="str">
        <f>'CPT Data'!P7453</f>
        <v>SAND</v>
      </c>
      <c r="D7445" t="e">
        <f>'CPT Data'!Q7453</f>
        <v>#N/A</v>
      </c>
      <c r="E7445" t="e">
        <f t="shared" si="116"/>
        <v>#N/A</v>
      </c>
      <c r="F7445" t="str">
        <f>IF(C7445="CLAY", INDEX(D$4:D7445, MATCH("CLAY", C$4:C7445, 0)), "")</f>
        <v/>
      </c>
    </row>
    <row r="7446" spans="1:6" x14ac:dyDescent="0.2">
      <c r="A7446" s="239">
        <f>'CPT Data'!B7454</f>
        <v>74.227000000000004</v>
      </c>
      <c r="B7446" s="3">
        <f>'CPT Data'!C7454</f>
        <v>74.22</v>
      </c>
      <c r="C7446" t="str">
        <f>'CPT Data'!P7454</f>
        <v>SAND</v>
      </c>
      <c r="D7446" t="e">
        <f>'CPT Data'!Q7454</f>
        <v>#N/A</v>
      </c>
      <c r="E7446" t="e">
        <f t="shared" si="116"/>
        <v>#N/A</v>
      </c>
      <c r="F7446" t="str">
        <f>IF(C7446="CLAY", INDEX(D$4:D7446, MATCH("CLAY", C$4:C7446, 0)), "")</f>
        <v/>
      </c>
    </row>
    <row r="7447" spans="1:6" x14ac:dyDescent="0.2">
      <c r="A7447" s="239">
        <f>'CPT Data'!B7455</f>
        <v>74.234999999999999</v>
      </c>
      <c r="B7447" s="3">
        <f>'CPT Data'!C7455</f>
        <v>74.227999999999994</v>
      </c>
      <c r="C7447" t="str">
        <f>'CPT Data'!P7455</f>
        <v>SAND</v>
      </c>
      <c r="D7447" t="e">
        <f>'CPT Data'!Q7455</f>
        <v>#N/A</v>
      </c>
      <c r="E7447" t="e">
        <f t="shared" si="116"/>
        <v>#N/A</v>
      </c>
      <c r="F7447" t="str">
        <f>IF(C7447="CLAY", INDEX(D$4:D7447, MATCH("CLAY", C$4:C7447, 0)), "")</f>
        <v/>
      </c>
    </row>
    <row r="7448" spans="1:6" x14ac:dyDescent="0.2">
      <c r="A7448" s="239">
        <f>'CPT Data'!B7456</f>
        <v>74.242000000000004</v>
      </c>
      <c r="B7448" s="3">
        <f>'CPT Data'!C7456</f>
        <v>74.234999999999999</v>
      </c>
      <c r="C7448" t="str">
        <f>'CPT Data'!P7456</f>
        <v>SAND</v>
      </c>
      <c r="D7448" t="e">
        <f>'CPT Data'!Q7456</f>
        <v>#N/A</v>
      </c>
      <c r="E7448" t="e">
        <f t="shared" si="116"/>
        <v>#N/A</v>
      </c>
      <c r="F7448" t="str">
        <f>IF(C7448="CLAY", INDEX(D$4:D7448, MATCH("CLAY", C$4:C7448, 0)), "")</f>
        <v/>
      </c>
    </row>
    <row r="7449" spans="1:6" x14ac:dyDescent="0.2">
      <c r="A7449" s="239">
        <f>'CPT Data'!B7457</f>
        <v>74.25</v>
      </c>
      <c r="B7449" s="3">
        <f>'CPT Data'!C7457</f>
        <v>74.242999999999995</v>
      </c>
      <c r="C7449" t="str">
        <f>'CPT Data'!P7457</f>
        <v>SAND</v>
      </c>
      <c r="D7449" t="e">
        <f>'CPT Data'!Q7457</f>
        <v>#N/A</v>
      </c>
      <c r="E7449" t="e">
        <f t="shared" si="116"/>
        <v>#N/A</v>
      </c>
      <c r="F7449" t="str">
        <f>IF(C7449="CLAY", INDEX(D$4:D7449, MATCH("CLAY", C$4:C7449, 0)), "")</f>
        <v/>
      </c>
    </row>
    <row r="7450" spans="1:6" x14ac:dyDescent="0.2">
      <c r="A7450" s="239">
        <f>'CPT Data'!B7458</f>
        <v>74.256</v>
      </c>
      <c r="B7450" s="3">
        <f>'CPT Data'!C7458</f>
        <v>74.248999999999995</v>
      </c>
      <c r="C7450" t="str">
        <f>'CPT Data'!P7458</f>
        <v>SAND</v>
      </c>
      <c r="D7450" t="e">
        <f>'CPT Data'!Q7458</f>
        <v>#N/A</v>
      </c>
      <c r="E7450" t="e">
        <f t="shared" si="116"/>
        <v>#N/A</v>
      </c>
      <c r="F7450" t="str">
        <f>IF(C7450="CLAY", INDEX(D$4:D7450, MATCH("CLAY", C$4:C7450, 0)), "")</f>
        <v/>
      </c>
    </row>
    <row r="7451" spans="1:6" x14ac:dyDescent="0.2">
      <c r="A7451" s="239">
        <f>'CPT Data'!B7459</f>
        <v>74.265000000000001</v>
      </c>
      <c r="B7451" s="3">
        <f>'CPT Data'!C7459</f>
        <v>74.257999999999996</v>
      </c>
      <c r="C7451" t="str">
        <f>'CPT Data'!P7459</f>
        <v>SAND</v>
      </c>
      <c r="D7451" t="e">
        <f>'CPT Data'!Q7459</f>
        <v>#N/A</v>
      </c>
      <c r="E7451" t="e">
        <f t="shared" ref="E7451:E7454" si="117">IF(C7451="SAND",#N/A,IF(C7451=C7450,D7450,IF(C7451="CLAY",D7451,#N/A)))</f>
        <v>#N/A</v>
      </c>
      <c r="F7451" t="str">
        <f>IF(C7451="CLAY", INDEX(D$4:D7451, MATCH("CLAY", C$4:C7451, 0)), "")</f>
        <v/>
      </c>
    </row>
    <row r="7452" spans="1:6" x14ac:dyDescent="0.2">
      <c r="A7452" s="239">
        <f>'CPT Data'!B7460</f>
        <v>74.271000000000001</v>
      </c>
      <c r="B7452" s="3">
        <f>'CPT Data'!C7460</f>
        <v>74.263999999999996</v>
      </c>
      <c r="C7452" t="str">
        <f>'CPT Data'!P7460</f>
        <v>SAND</v>
      </c>
      <c r="D7452" t="e">
        <f>'CPT Data'!Q7460</f>
        <v>#N/A</v>
      </c>
      <c r="E7452" t="e">
        <f t="shared" si="117"/>
        <v>#N/A</v>
      </c>
      <c r="F7452" t="str">
        <f>IF(C7452="CLAY", INDEX(D$4:D7452, MATCH("CLAY", C$4:C7452, 0)), "")</f>
        <v/>
      </c>
    </row>
    <row r="7453" spans="1:6" x14ac:dyDescent="0.2">
      <c r="A7453" s="239">
        <f>'CPT Data'!B7461</f>
        <v>74.28</v>
      </c>
      <c r="B7453" s="3">
        <f>'CPT Data'!C7461</f>
        <v>74.272999999999996</v>
      </c>
      <c r="C7453" t="str">
        <f>'CPT Data'!P7461</f>
        <v>SAND</v>
      </c>
      <c r="D7453" t="e">
        <f>'CPT Data'!Q7461</f>
        <v>#N/A</v>
      </c>
      <c r="E7453" t="e">
        <f t="shared" si="117"/>
        <v>#N/A</v>
      </c>
      <c r="F7453" t="str">
        <f>IF(C7453="CLAY", INDEX(D$4:D7453, MATCH("CLAY", C$4:C7453, 0)), "")</f>
        <v/>
      </c>
    </row>
    <row r="7454" spans="1:6" x14ac:dyDescent="0.2">
      <c r="A7454" s="239">
        <f>'CPT Data'!B7462</f>
        <v>74.284000000000006</v>
      </c>
      <c r="B7454" s="3">
        <f>'CPT Data'!C7462</f>
        <v>74.277000000000001</v>
      </c>
      <c r="C7454" t="str">
        <f>'CPT Data'!P7462</f>
        <v>SAND</v>
      </c>
      <c r="D7454" t="e">
        <f>'CPT Data'!Q7462</f>
        <v>#N/A</v>
      </c>
      <c r="E7454" t="e">
        <f t="shared" si="117"/>
        <v>#N/A</v>
      </c>
      <c r="F7454" t="str">
        <f>IF(C7454="CLAY", INDEX(D$4:D7454, MATCH("CLAY", C$4:C7454, 0)), "")</f>
        <v/>
      </c>
    </row>
  </sheetData>
  <pageMargins left="0.7" right="0.7" top="0.75" bottom="0.75" header="0.3" footer="0.3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5A9CE3D-DDD4-4174-AAF0-8A894CDE2187}">
  <sheetPr>
    <tabColor theme="6" tint="0.59999389629810485"/>
  </sheetPr>
  <dimension ref="A1:AD105"/>
  <sheetViews>
    <sheetView tabSelected="1" zoomScale="70" zoomScaleNormal="70" workbookViewId="0">
      <selection activeCell="K20" sqref="K20"/>
    </sheetView>
  </sheetViews>
  <sheetFormatPr defaultRowHeight="12.75" x14ac:dyDescent="0.2"/>
  <cols>
    <col min="3" max="3" width="25.140625" bestFit="1" customWidth="1"/>
    <col min="4" max="4" width="10.140625" customWidth="1"/>
  </cols>
  <sheetData>
    <row r="1" spans="1:30" x14ac:dyDescent="0.2">
      <c r="A1" s="3"/>
    </row>
    <row r="2" spans="1:30" ht="13.5" thickBot="1" x14ac:dyDescent="0.25"/>
    <row r="3" spans="1:30" ht="12.95" customHeight="1" x14ac:dyDescent="0.25">
      <c r="A3" s="222" t="s">
        <v>321</v>
      </c>
      <c r="B3" s="223" t="s">
        <v>59</v>
      </c>
      <c r="C3" s="224" t="s">
        <v>322</v>
      </c>
      <c r="D3" s="223" t="s">
        <v>70</v>
      </c>
      <c r="E3" s="227" t="s">
        <v>204</v>
      </c>
      <c r="F3" s="228" t="s">
        <v>217</v>
      </c>
      <c r="G3" s="228" t="s">
        <v>205</v>
      </c>
      <c r="H3" s="228" t="s">
        <v>218</v>
      </c>
      <c r="I3" s="228" t="s">
        <v>206</v>
      </c>
      <c r="J3" s="228" t="s">
        <v>219</v>
      </c>
      <c r="K3" s="228" t="s">
        <v>207</v>
      </c>
      <c r="L3" s="228" t="s">
        <v>220</v>
      </c>
      <c r="M3" s="228" t="s">
        <v>208</v>
      </c>
      <c r="N3" s="228" t="s">
        <v>221</v>
      </c>
      <c r="O3" s="228" t="s">
        <v>209</v>
      </c>
      <c r="P3" s="228" t="s">
        <v>222</v>
      </c>
      <c r="Q3" s="228" t="s">
        <v>210</v>
      </c>
      <c r="R3" s="228" t="s">
        <v>223</v>
      </c>
      <c r="S3" s="228" t="s">
        <v>211</v>
      </c>
      <c r="T3" s="228" t="s">
        <v>224</v>
      </c>
      <c r="U3" s="228" t="s">
        <v>212</v>
      </c>
      <c r="V3" s="228" t="s">
        <v>225</v>
      </c>
      <c r="W3" s="228" t="s">
        <v>213</v>
      </c>
      <c r="X3" s="228" t="s">
        <v>226</v>
      </c>
      <c r="Y3" s="228" t="s">
        <v>214</v>
      </c>
      <c r="Z3" s="228" t="s">
        <v>227</v>
      </c>
      <c r="AA3" s="228" t="s">
        <v>215</v>
      </c>
      <c r="AB3" s="228" t="s">
        <v>228</v>
      </c>
      <c r="AC3" s="228" t="s">
        <v>216</v>
      </c>
      <c r="AD3" s="229" t="s">
        <v>229</v>
      </c>
    </row>
    <row r="4" spans="1:30" ht="13.5" thickBot="1" x14ac:dyDescent="0.25">
      <c r="A4" s="221" t="s">
        <v>72</v>
      </c>
      <c r="B4" s="240" t="s">
        <v>57</v>
      </c>
      <c r="C4" s="240" t="s">
        <v>57</v>
      </c>
      <c r="D4" s="241" t="s">
        <v>90</v>
      </c>
      <c r="E4" s="218" t="s">
        <v>106</v>
      </c>
      <c r="F4" s="212" t="s">
        <v>58</v>
      </c>
      <c r="G4" s="211" t="s">
        <v>106</v>
      </c>
      <c r="H4" s="212" t="s">
        <v>58</v>
      </c>
      <c r="I4" s="211" t="s">
        <v>106</v>
      </c>
      <c r="J4" s="212" t="s">
        <v>58</v>
      </c>
      <c r="K4" s="211" t="s">
        <v>106</v>
      </c>
      <c r="L4" s="212" t="s">
        <v>58</v>
      </c>
      <c r="M4" s="211" t="s">
        <v>106</v>
      </c>
      <c r="N4" s="212" t="s">
        <v>58</v>
      </c>
      <c r="O4" s="211" t="s">
        <v>106</v>
      </c>
      <c r="P4" s="212" t="s">
        <v>58</v>
      </c>
      <c r="Q4" s="211" t="s">
        <v>106</v>
      </c>
      <c r="R4" s="212" t="s">
        <v>58</v>
      </c>
      <c r="S4" s="211" t="s">
        <v>106</v>
      </c>
      <c r="T4" s="212" t="s">
        <v>58</v>
      </c>
      <c r="U4" s="211" t="s">
        <v>106</v>
      </c>
      <c r="V4" s="212" t="s">
        <v>58</v>
      </c>
      <c r="W4" s="211" t="s">
        <v>106</v>
      </c>
      <c r="X4" s="212" t="s">
        <v>58</v>
      </c>
      <c r="Y4" s="211" t="s">
        <v>106</v>
      </c>
      <c r="Z4" s="212" t="s">
        <v>58</v>
      </c>
      <c r="AA4" s="211" t="s">
        <v>106</v>
      </c>
      <c r="AB4" s="212" t="s">
        <v>58</v>
      </c>
      <c r="AC4" s="211" t="s">
        <v>106</v>
      </c>
      <c r="AD4" s="213" t="s">
        <v>58</v>
      </c>
    </row>
    <row r="5" spans="1:30" s="95" customFormat="1" x14ac:dyDescent="0.2">
      <c r="A5" s="94">
        <f>'CPT Data'!E6</f>
        <v>-15.5</v>
      </c>
      <c r="B5" s="215"/>
      <c r="D5" s="215"/>
      <c r="AD5" s="96"/>
    </row>
    <row r="6" spans="1:30" x14ac:dyDescent="0.2">
      <c r="A6" s="214">
        <f>$A$5-B6</f>
        <v>-16.5</v>
      </c>
      <c r="B6" s="216">
        <f>'p-y mono_clay'!C27</f>
        <v>1</v>
      </c>
      <c r="C6">
        <f>INDEX('CPT Data'!$C$13:$C$20000,MATCH(B6,'CPT Data'!$B$13:$B$20000,1))</f>
        <v>0.98599999999999999</v>
      </c>
      <c r="D6" s="216" t="str">
        <f>INDEX('CPT Data'!$P$13:$P$20000,MATCH(B6,'CPT Data'!$B$13:$B$20000,1))</f>
        <v>SAND</v>
      </c>
      <c r="E6">
        <f>IF($D6="SAND",INDEX('p-y sand'!$AM$27:$AM$20000,MATCH($B6,'p-y sand'!$C$27:$C$20000,1)),INDEX('p-y mono_clay'!$AZ$27:$AZ$20000,MATCH($B6,'p-y mono_clay'!$C$27:$C$20000,1)))</f>
        <v>0</v>
      </c>
      <c r="F6">
        <f>IF($D6="SAND",INDEX('p-y sand'!$Z$27:$Z$5000,MATCH($B6,'p-y sand'!$C$27:$C$82,1)),INDEX('p-y mono_clay'!$AM$27:$AM$5000,MATCH($B6,'p-y mono_clay'!$C$27:$C$5000,1)))</f>
        <v>0</v>
      </c>
      <c r="G6">
        <f>IF($D6="SAND",INDEX('p-y sand'!$AN$27:$AN$5000,MATCH($B6,'p-y sand'!$C$27:$C$5000,1)),INDEX('p-y mono_clay'!$BA$27:$BA$5000,MATCH($B6,'p-y mono_clay'!$C$27:$C$5000,1)))</f>
        <v>47.902655087882714</v>
      </c>
      <c r="H6">
        <f>IF($D6="SAND",INDEX('p-y sand'!$AA$27:$AA$5000,MATCH($B6,'p-y sand'!$C$27:$C$82,1)),INDEX('p-y mono_clay'!$AN$27:$AN$5000,MATCH($B6,'p-y mono_clay'!$C$27:$C$5000,1)))</f>
        <v>10</v>
      </c>
      <c r="I6">
        <f>IF($D6="SAND",INDEX('p-y sand'!$AO$27:$AO$5000,MATCH($B6,'p-y sand'!$C$27:$C$5000,1)),INDEX('p-y mono_clay'!$BB$27:$BB$5000,MATCH($B6,'p-y mono_clay'!$C$27:$C$5000,1)))</f>
        <v>47.908910950855386</v>
      </c>
      <c r="J6">
        <f>IF($D6="SAND",INDEX('p-y sand'!$AB$27:$AB$5000,MATCH($B6,'p-y sand'!$C$27:$C$82,1)),INDEX('p-y mono_clay'!$AO$27:$AO$5000,MATCH($B6,'p-y mono_clay'!$C$27:$C$5000,1)))</f>
        <v>20</v>
      </c>
      <c r="K6">
        <f>IF($D6="SAND",INDEX('p-y sand'!$AP$27:$AP$5000,MATCH($B6,'p-y sand'!$C$27:$C$5000,1)),INDEX('p-y mono_clay'!$BC$27:$BC$5000,MATCH($B6,'p-y mono_clay'!$C$27:$C$5000,1)))</f>
        <v>47.90891135937531</v>
      </c>
      <c r="L6">
        <f>IF($D6="SAND",INDEX('p-y sand'!$AC$27:$AC$5000,MATCH($B6,'p-y sand'!$C$27:$C$82,1)),INDEX('p-y mono_clay'!$AP$27:$AP$5000,MATCH($B6,'p-y mono_clay'!$C$27:$C$5000,1)))</f>
        <v>30</v>
      </c>
      <c r="M6">
        <f>IF($D6="SAND",INDEX('p-y sand'!$AQ$27:$AQ$5000,MATCH($B6,'p-y sand'!$C$27:$C$5000,1)),INDEX('p-y mono_clay'!$BD$27:$BD$5000,MATCH($B6,'p-y mono_clay'!$C$27:$C$5000,1)))</f>
        <v>47.908911359401984</v>
      </c>
      <c r="N6">
        <f>IF($D6="SAND",INDEX('p-y sand'!$AD$27:$AD$5000,MATCH($B6,'p-y sand'!$C$27:$C$82,1)),INDEX('p-y mono_clay'!$AQ$27:$AQ$5000,MATCH($B6,'p-y mono_clay'!$C$27:$C$5000,1)))</f>
        <v>40</v>
      </c>
      <c r="O6">
        <f>IF($D6="SAND",INDEX('p-y sand'!$AR$27:$AR$5000,MATCH($B6,'p-y sand'!$C$27:$C$5000,1)),INDEX('p-y mono_clay'!$BE$27:$BE$5000,MATCH($B6,'p-y mono_clay'!$C$27:$C$5000,1)))</f>
        <v>47.908911359401984</v>
      </c>
      <c r="P6">
        <f>IF($D6="SAND",INDEX('p-y sand'!$AE$27:$AE$5000,MATCH($B6,'p-y sand'!$C$27:$C$82,1)),INDEX('p-y mono_clay'!$AR$27:$AR$5000,MATCH($B6,'p-y mono_clay'!$C$27:$C$5000,1)))</f>
        <v>50</v>
      </c>
      <c r="Q6">
        <f>IF($D6="SAND",INDEX('p-y sand'!$AS$27:$AS$5000,MATCH($B6,'p-y sand'!$C$27:$C$5000,1)),INDEX('p-y mono_clay'!$BF$27:$BF$5000,MATCH($B6,'p-y mono_clay'!$C$27:$C$5000,1)))</f>
        <v>47.908911359401984</v>
      </c>
      <c r="R6">
        <f>IF($D6="SAND",INDEX('p-y sand'!$AF$27:$AF$5000,MATCH($B6,'p-y sand'!$C$27:$C$82,1)),INDEX('p-y mono_clay'!$AS$27:$AS$5000,MATCH($B6,'p-y mono_clay'!$C$27:$C$5000,1)))</f>
        <v>60</v>
      </c>
      <c r="S6">
        <f>IF($D6="SAND",INDEX('p-y sand'!$AT$27:$AT$5000,MATCH($B6,'p-y sand'!$C$27:$C$5000,1)),INDEX('p-y mono_clay'!$BG$27:$BG$5000,MATCH($B6,'p-y mono_clay'!$C$27:$C$5000,1)))</f>
        <v>47.908911359401984</v>
      </c>
      <c r="T6">
        <f>IF($D6="SAND",INDEX('p-y sand'!$AG$27:$AG$5000,MATCH($B6,'p-y sand'!$C$27:$C$82,1)),INDEX('p-y mono_clay'!$AT$27:$AT$5000,MATCH($B6,'p-y mono_clay'!$C$27:$C$5000,1)))</f>
        <v>70</v>
      </c>
      <c r="U6">
        <f>IF($D6="SAND",INDEX('p-y sand'!$AU$27:$AU$5000,MATCH($B6,'p-y sand'!$C$27:$C$5000,1)),INDEX('p-y mono_clay'!$BH$27:$BH$5000,MATCH($B6,'p-y mono_clay'!$C$27:$C$5000,1)))</f>
        <v>47.908911359401984</v>
      </c>
      <c r="V6">
        <f>IF($D6="SAND",INDEX('p-y sand'!$AH$27:$AH$5000,MATCH($B6,'p-y sand'!$C$27:$C$82,1)),INDEX('p-y mono_clay'!$AU$27:$AU$5000,MATCH($B6,'p-y mono_clay'!$C$27:$C$5000,1)))</f>
        <v>80</v>
      </c>
      <c r="W6">
        <f>IF($D6="SAND",INDEX('p-y sand'!$AV$27:$AV$5000,MATCH($B6,'p-y sand'!$C$27:$C$5000,1)),INDEX('p-y mono_clay'!$BI$27:$BI$5000,MATCH($B6,'p-y mono_clay'!$C$27:$C$5000,1)))</f>
        <v>47.908911359401984</v>
      </c>
      <c r="X6">
        <f>IF($D6="SAND",INDEX('p-y sand'!$AI$27:$AI$5000,MATCH($B6,'p-y sand'!$C$27:$C$82,1)),INDEX('p-y mono_clay'!$AV$27:$AV$5000,MATCH($B6,'p-y mono_clay'!$C$27:$C$5000,1)))</f>
        <v>90</v>
      </c>
      <c r="Y6">
        <f>IF($D6="SAND",INDEX('p-y sand'!$AW$27:$AW$5000,MATCH($B6,'p-y sand'!$C$27:$C$5000,1)),INDEX('p-y mono_clay'!$BJ$27:$BJ$5000,MATCH($B6,'p-y mono_clay'!$C$27:$C$5000,1)))</f>
        <v>47.908911359401984</v>
      </c>
      <c r="Z6">
        <f>IF($D6="SAND",INDEX('p-y sand'!$AJ$27:$AJ$5000,MATCH($B6,'p-y sand'!$C$27:$C$82,1)),INDEX('p-y mono_clay'!$AW$27:$AW$5000,MATCH($B6,'p-y mono_clay'!$C$27:$C$5000,1)))</f>
        <v>100</v>
      </c>
      <c r="AA6">
        <f>IF($D6="SAND",INDEX('p-y sand'!$AX$27:$AX$5000,MATCH($B6,'p-y sand'!$C$27:$C$5000,1)),INDEX('p-y mono_clay'!$BK$27:$BK$5000,MATCH($B6,'p-y mono_clay'!$C$27:$C$5000,1)))</f>
        <v>47.908911359401984</v>
      </c>
      <c r="AB6">
        <f>IF($D6="SAND",INDEX('p-y sand'!$AK$27:$AK$5000,MATCH($B6,'p-y sand'!$C$27:$C$82,1)),INDEX('p-y mono_clay'!$AX$27:$AX$5000,MATCH($B6,'p-y mono_clay'!$C$27:$C$5000,1)))</f>
        <v>110</v>
      </c>
      <c r="AC6">
        <f>IF($D6="SAND",INDEX('p-y sand'!$AY$27:$AY$5000,MATCH($B6,'p-y sand'!$C$27:$C$5000,1)),INDEX('p-y mono_clay'!$BL$27:$BL$5000,MATCH($B6,'p-y mono_clay'!$C$27:$C$5000,1)))</f>
        <v>47.908911359401984</v>
      </c>
      <c r="AD6" s="98">
        <f>IF($D6="SAND",INDEX('p-y sand'!$AL$27:$AL$5000,MATCH($B6,'p-y sand'!$C$27:$C$82,1)),INDEX('p-y mono_clay'!$AY$27:$AY$5000,MATCH($B6,'p-y mono_clay'!$C$27:$C$5000,1)))</f>
        <v>120</v>
      </c>
    </row>
    <row r="7" spans="1:30" x14ac:dyDescent="0.2">
      <c r="A7" s="214">
        <f t="shared" ref="A7:A70" si="0">$A$5-B7</f>
        <v>-17.5</v>
      </c>
      <c r="B7" s="216">
        <f>'p-y mono_clay'!C28</f>
        <v>2</v>
      </c>
      <c r="C7">
        <f>INDEX('CPT Data'!$C$13:$C$20000,MATCH(B7,'CPT Data'!$B$13:$B$20000,1))</f>
        <v>1.9860000000000002</v>
      </c>
      <c r="D7" s="216" t="str">
        <f>INDEX('CPT Data'!$P$13:$P$20000,MATCH(B7,'CPT Data'!$B$13:$B$20000,1))</f>
        <v>SAND</v>
      </c>
      <c r="E7">
        <f>IF($D7="SAND",INDEX('p-y sand'!$AM$27:$AM$20000,MATCH($B7,'p-y sand'!$C$27:$C$20000,1)),INDEX('p-y mono_clay'!$AZ$27:$AZ$20000,MATCH($B7,'p-y mono_clay'!$C$27:$C$20000,1)))</f>
        <v>0</v>
      </c>
      <c r="F7">
        <f>IF($D7="SAND",INDEX('p-y sand'!$Z$27:$Z$5000,MATCH($B7,'p-y sand'!$C$27:$C$82,1)),INDEX('p-y mono_clay'!$AM$27:$AM$5000,MATCH($B7,'p-y mono_clay'!$C$27:$C$5000,1)))</f>
        <v>0</v>
      </c>
      <c r="G7">
        <f>IF($D7="SAND",INDEX('p-y sand'!$AN$27:$AN$5000,MATCH($B7,'p-y sand'!$C$27:$C$5000,1)),INDEX('p-y mono_clay'!$BA$27:$BA$5000,MATCH($B7,'p-y mono_clay'!$C$27:$C$5000,1)))</f>
        <v>143.68206358700664</v>
      </c>
      <c r="H7">
        <f>IF($D7="SAND",INDEX('p-y sand'!$AA$27:$AA$5000,MATCH($B7,'p-y sand'!$C$27:$C$82,1)),INDEX('p-y mono_clay'!$AN$27:$AN$5000,MATCH($B7,'p-y mono_clay'!$C$27:$C$5000,1)))</f>
        <v>10</v>
      </c>
      <c r="I7">
        <f>IF($D7="SAND",INDEX('p-y sand'!$AO$27:$AO$5000,MATCH($B7,'p-y sand'!$C$27:$C$5000,1)),INDEX('p-y mono_clay'!$BB$27:$BB$5000,MATCH($B7,'p-y mono_clay'!$C$27:$C$5000,1)))</f>
        <v>147.12978632413859</v>
      </c>
      <c r="J7">
        <f>IF($D7="SAND",INDEX('p-y sand'!$AB$27:$AB$5000,MATCH($B7,'p-y sand'!$C$27:$C$82,1)),INDEX('p-y mono_clay'!$AO$27:$AO$5000,MATCH($B7,'p-y mono_clay'!$C$27:$C$5000,1)))</f>
        <v>20</v>
      </c>
      <c r="K7">
        <f>IF($D7="SAND",INDEX('p-y sand'!$AP$27:$AP$5000,MATCH($B7,'p-y sand'!$C$27:$C$5000,1)),INDEX('p-y mono_clay'!$BC$27:$BC$5000,MATCH($B7,'p-y mono_clay'!$C$27:$C$5000,1)))</f>
        <v>147.17165354944282</v>
      </c>
      <c r="L7">
        <f>IF($D7="SAND",INDEX('p-y sand'!$AC$27:$AC$5000,MATCH($B7,'p-y sand'!$C$27:$C$82,1)),INDEX('p-y mono_clay'!$AP$27:$AP$5000,MATCH($B7,'p-y mono_clay'!$C$27:$C$5000,1)))</f>
        <v>30</v>
      </c>
      <c r="M7">
        <f>IF($D7="SAND",INDEX('p-y sand'!$AQ$27:$AQ$5000,MATCH($B7,'p-y sand'!$C$27:$C$5000,1)),INDEX('p-y mono_clay'!$BD$27:$BD$5000,MATCH($B7,'p-y mono_clay'!$C$27:$C$5000,1)))</f>
        <v>147.17215600656661</v>
      </c>
      <c r="N7">
        <f>IF($D7="SAND",INDEX('p-y sand'!$AD$27:$AD$5000,MATCH($B7,'p-y sand'!$C$27:$C$82,1)),INDEX('p-y mono_clay'!$AQ$27:$AQ$5000,MATCH($B7,'p-y mono_clay'!$C$27:$C$5000,1)))</f>
        <v>40</v>
      </c>
      <c r="O7">
        <f>IF($D7="SAND",INDEX('p-y sand'!$AR$27:$AR$5000,MATCH($B7,'p-y sand'!$C$27:$C$5000,1)),INDEX('p-y mono_clay'!$BE$27:$BE$5000,MATCH($B7,'p-y mono_clay'!$C$27:$C$5000,1)))</f>
        <v>147.1721620357996</v>
      </c>
      <c r="P7">
        <f>IF($D7="SAND",INDEX('p-y sand'!$AE$27:$AE$5000,MATCH($B7,'p-y sand'!$C$27:$C$82,1)),INDEX('p-y mono_clay'!$AR$27:$AR$5000,MATCH($B7,'p-y mono_clay'!$C$27:$C$5000,1)))</f>
        <v>50</v>
      </c>
      <c r="Q7">
        <f>IF($D7="SAND",INDEX('p-y sand'!$AS$27:$AS$5000,MATCH($B7,'p-y sand'!$C$27:$C$5000,1)),INDEX('p-y mono_clay'!$BF$27:$BF$5000,MATCH($B7,'p-y mono_clay'!$C$27:$C$5000,1)))</f>
        <v>147.17216210814726</v>
      </c>
      <c r="R7">
        <f>IF($D7="SAND",INDEX('p-y sand'!$AF$27:$AF$5000,MATCH($B7,'p-y sand'!$C$27:$C$82,1)),INDEX('p-y mono_clay'!$AS$27:$AS$5000,MATCH($B7,'p-y mono_clay'!$C$27:$C$5000,1)))</f>
        <v>60</v>
      </c>
      <c r="S7">
        <f>IF($D7="SAND",INDEX('p-y sand'!$AT$27:$AT$5000,MATCH($B7,'p-y sand'!$C$27:$C$5000,1)),INDEX('p-y mono_clay'!$BG$27:$BG$5000,MATCH($B7,'p-y mono_clay'!$C$27:$C$5000,1)))</f>
        <v>147.17216210901537</v>
      </c>
      <c r="T7">
        <f>IF($D7="SAND",INDEX('p-y sand'!$AG$27:$AG$5000,MATCH($B7,'p-y sand'!$C$27:$C$82,1)),INDEX('p-y mono_clay'!$AT$27:$AT$5000,MATCH($B7,'p-y mono_clay'!$C$27:$C$5000,1)))</f>
        <v>70</v>
      </c>
      <c r="U7">
        <f>IF($D7="SAND",INDEX('p-y sand'!$AU$27:$AU$5000,MATCH($B7,'p-y sand'!$C$27:$C$5000,1)),INDEX('p-y mono_clay'!$BH$27:$BH$5000,MATCH($B7,'p-y mono_clay'!$C$27:$C$5000,1)))</f>
        <v>147.17216210902578</v>
      </c>
      <c r="V7">
        <f>IF($D7="SAND",INDEX('p-y sand'!$AH$27:$AH$5000,MATCH($B7,'p-y sand'!$C$27:$C$82,1)),INDEX('p-y mono_clay'!$AU$27:$AU$5000,MATCH($B7,'p-y mono_clay'!$C$27:$C$5000,1)))</f>
        <v>80</v>
      </c>
      <c r="W7">
        <f>IF($D7="SAND",INDEX('p-y sand'!$AV$27:$AV$5000,MATCH($B7,'p-y sand'!$C$27:$C$5000,1)),INDEX('p-y mono_clay'!$BI$27:$BI$5000,MATCH($B7,'p-y mono_clay'!$C$27:$C$5000,1)))</f>
        <v>147.17216210902592</v>
      </c>
      <c r="X7">
        <f>IF($D7="SAND",INDEX('p-y sand'!$AI$27:$AI$5000,MATCH($B7,'p-y sand'!$C$27:$C$82,1)),INDEX('p-y mono_clay'!$AV$27:$AV$5000,MATCH($B7,'p-y mono_clay'!$C$27:$C$5000,1)))</f>
        <v>90</v>
      </c>
      <c r="Y7">
        <f>IF($D7="SAND",INDEX('p-y sand'!$AW$27:$AW$5000,MATCH($B7,'p-y sand'!$C$27:$C$5000,1)),INDEX('p-y mono_clay'!$BJ$27:$BJ$5000,MATCH($B7,'p-y mono_clay'!$C$27:$C$5000,1)))</f>
        <v>147.17216210902592</v>
      </c>
      <c r="Z7">
        <f>IF($D7="SAND",INDEX('p-y sand'!$AJ$27:$AJ$5000,MATCH($B7,'p-y sand'!$C$27:$C$82,1)),INDEX('p-y mono_clay'!$AW$27:$AW$5000,MATCH($B7,'p-y mono_clay'!$C$27:$C$5000,1)))</f>
        <v>100</v>
      </c>
      <c r="AA7">
        <f>IF($D7="SAND",INDEX('p-y sand'!$AX$27:$AX$5000,MATCH($B7,'p-y sand'!$C$27:$C$5000,1)),INDEX('p-y mono_clay'!$BK$27:$BK$5000,MATCH($B7,'p-y mono_clay'!$C$27:$C$5000,1)))</f>
        <v>147.17216210902592</v>
      </c>
      <c r="AB7">
        <f>IF($D7="SAND",INDEX('p-y sand'!$AK$27:$AK$5000,MATCH($B7,'p-y sand'!$C$27:$C$82,1)),INDEX('p-y mono_clay'!$AX$27:$AX$5000,MATCH($B7,'p-y mono_clay'!$C$27:$C$5000,1)))</f>
        <v>110</v>
      </c>
      <c r="AC7">
        <f>IF($D7="SAND",INDEX('p-y sand'!$AY$27:$AY$5000,MATCH($B7,'p-y sand'!$C$27:$C$5000,1)),INDEX('p-y mono_clay'!$BL$27:$BL$5000,MATCH($B7,'p-y mono_clay'!$C$27:$C$5000,1)))</f>
        <v>147.17216210902592</v>
      </c>
      <c r="AD7" s="98">
        <f>IF($D7="SAND",INDEX('p-y sand'!$AL$27:$AL$5000,MATCH($B7,'p-y sand'!$C$27:$C$82,1)),INDEX('p-y mono_clay'!$AY$27:$AY$5000,MATCH($B7,'p-y mono_clay'!$C$27:$C$5000,1)))</f>
        <v>120</v>
      </c>
    </row>
    <row r="8" spans="1:30" x14ac:dyDescent="0.2">
      <c r="A8" s="214">
        <f t="shared" si="0"/>
        <v>-18.5</v>
      </c>
      <c r="B8" s="216">
        <f>'p-y mono_clay'!C29</f>
        <v>3</v>
      </c>
      <c r="C8">
        <f>INDEX('CPT Data'!$C$13:$C$20000,MATCH(B8,'CPT Data'!$B$13:$B$20000,1))</f>
        <v>2.9659999999999997</v>
      </c>
      <c r="D8" s="216" t="str">
        <f>INDEX('CPT Data'!$P$13:$P$20000,MATCH(B8,'CPT Data'!$B$13:$B$20000,1))</f>
        <v>CLAY</v>
      </c>
      <c r="E8">
        <f>IF($D8="SAND",INDEX('p-y sand'!$AM$27:$AM$20000,MATCH($B8,'p-y sand'!$C$27:$C$20000,1)),INDEX('p-y mono_clay'!$AZ$27:$AZ$20000,MATCH($B8,'p-y mono_clay'!$C$27:$C$20000,1)))</f>
        <v>0</v>
      </c>
      <c r="F8">
        <f>IF($D8="SAND",INDEX('p-y sand'!$Z$27:$Z$5000,MATCH($B8,'p-y sand'!$C$27:$C$82,1)),INDEX('p-y mono_clay'!$AM$27:$AM$5000,MATCH($B8,'p-y mono_clay'!$C$27:$C$5000,1)))</f>
        <v>0</v>
      </c>
      <c r="G8">
        <f>IF($D8="SAND",INDEX('p-y sand'!$AN$27:$AN$5000,MATCH($B8,'p-y sand'!$C$27:$C$5000,1)),INDEX('p-y mono_clay'!$BA$27:$BA$5000,MATCH($B8,'p-y mono_clay'!$C$27:$C$5000,1)))</f>
        <v>7.3744450595247404</v>
      </c>
      <c r="H8">
        <f>IF($D8="SAND",INDEX('p-y sand'!$AA$27:$AA$5000,MATCH($B8,'p-y sand'!$C$27:$C$82,1)),INDEX('p-y mono_clay'!$AN$27:$AN$5000,MATCH($B8,'p-y mono_clay'!$C$27:$C$5000,1)))</f>
        <v>0.84088013789402216</v>
      </c>
      <c r="I8">
        <f>IF($D8="SAND",INDEX('p-y sand'!$AO$27:$AO$5000,MATCH($B8,'p-y sand'!$C$27:$C$5000,1)),INDEX('p-y mono_clay'!$BB$27:$BB$5000,MATCH($B8,'p-y mono_clay'!$C$27:$C$5000,1)))</f>
        <v>29.497780238098962</v>
      </c>
      <c r="J8">
        <f>IF($D8="SAND",INDEX('p-y sand'!$AB$27:$AB$5000,MATCH($B8,'p-y sand'!$C$27:$C$82,1)),INDEX('p-y mono_clay'!$AO$27:$AO$5000,MATCH($B8,'p-y mono_clay'!$C$27:$C$5000,1)))</f>
        <v>8.4088013789402236</v>
      </c>
      <c r="K8">
        <f>IF($D8="SAND",INDEX('p-y sand'!$AP$27:$AP$5000,MATCH($B8,'p-y sand'!$C$27:$C$5000,1)),INDEX('p-y mono_clay'!$BC$27:$BC$5000,MATCH($B8,'p-y mono_clay'!$C$27:$C$5000,1)))</f>
        <v>44.246670357148439</v>
      </c>
      <c r="L8">
        <f>IF($D8="SAND",INDEX('p-y sand'!$AC$27:$AC$5000,MATCH($B8,'p-y sand'!$C$27:$C$82,1)),INDEX('p-y mono_clay'!$AP$27:$AP$5000,MATCH($B8,'p-y mono_clay'!$C$27:$C$5000,1)))</f>
        <v>17.226404136820662</v>
      </c>
      <c r="M8">
        <f>IF($D8="SAND",INDEX('p-y sand'!$AQ$27:$AQ$5000,MATCH($B8,'p-y sand'!$C$27:$C$5000,1)),INDEX('p-y mono_clay'!$BD$27:$BD$5000,MATCH($B8,'p-y mono_clay'!$C$27:$C$5000,1)))</f>
        <v>58.995560476197923</v>
      </c>
      <c r="N8">
        <f>IF($D8="SAND",INDEX('p-y sand'!$AD$27:$AD$5000,MATCH($B8,'p-y sand'!$C$27:$C$82,1)),INDEX('p-y mono_clay'!$AQ$27:$AQ$5000,MATCH($B8,'p-y mono_clay'!$C$27:$C$5000,1)))</f>
        <v>32.452808273641338</v>
      </c>
      <c r="O8">
        <f>IF($D8="SAND",INDEX('p-y sand'!$AR$27:$AR$5000,MATCH($B8,'p-y sand'!$C$27:$C$5000,1)),INDEX('p-y mono_clay'!$BE$27:$BE$5000,MATCH($B8,'p-y mono_clay'!$C$27:$C$5000,1)))</f>
        <v>73.7444505952474</v>
      </c>
      <c r="P8">
        <f>IF($D8="SAND",INDEX('p-y sand'!$AE$27:$AE$5000,MATCH($B8,'p-y sand'!$C$27:$C$82,1)),INDEX('p-y mono_clay'!$AR$27:$AR$5000,MATCH($B8,'p-y mono_clay'!$C$27:$C$5000,1)))</f>
        <v>52.088013789402218</v>
      </c>
      <c r="Q8">
        <f>IF($D8="SAND",INDEX('p-y sand'!$AS$27:$AS$5000,MATCH($B8,'p-y sand'!$C$27:$C$5000,1)),INDEX('p-y mono_clay'!$BF$27:$BF$5000,MATCH($B8,'p-y mono_clay'!$C$27:$C$5000,1)))</f>
        <v>88.493340714296878</v>
      </c>
      <c r="R8">
        <f>IF($D8="SAND",INDEX('p-y sand'!$AF$27:$AF$5000,MATCH($B8,'p-y sand'!$C$27:$C$82,1)),INDEX('p-y mono_clay'!$AS$27:$AS$5000,MATCH($B8,'p-y mono_clay'!$C$27:$C$5000,1)))</f>
        <v>78.540822063043549</v>
      </c>
      <c r="S8">
        <f>IF($D8="SAND",INDEX('p-y sand'!$AT$27:$AT$5000,MATCH($B8,'p-y sand'!$C$27:$C$5000,1)),INDEX('p-y mono_clay'!$BG$27:$BG$5000,MATCH($B8,'p-y mono_clay'!$C$27:$C$5000,1)))</f>
        <v>103.24223083334635</v>
      </c>
      <c r="T8">
        <f>IF($D8="SAND",INDEX('p-y sand'!$AG$27:$AG$5000,MATCH($B8,'p-y sand'!$C$27:$C$82,1)),INDEX('p-y mono_clay'!$AT$27:$AT$5000,MATCH($B8,'p-y mono_clay'!$C$27:$C$5000,1)))</f>
        <v>119.40243171562511</v>
      </c>
      <c r="U8">
        <f>IF($D8="SAND",INDEX('p-y sand'!$AU$27:$AU$5000,MATCH($B8,'p-y sand'!$C$27:$C$5000,1)),INDEX('p-y mono_clay'!$BH$27:$BH$5000,MATCH($B8,'p-y mono_clay'!$C$27:$C$5000,1)))</f>
        <v>117.99112095239585</v>
      </c>
      <c r="V8">
        <f>IF($D8="SAND",INDEX('p-y sand'!$AH$27:$AH$5000,MATCH($B8,'p-y sand'!$C$27:$C$82,1)),INDEX('p-y mono_clay'!$AU$27:$AU$5000,MATCH($B8,'p-y mono_clay'!$C$27:$C$5000,1)))</f>
        <v>182.71684964184803</v>
      </c>
      <c r="W8">
        <f>IF($D8="SAND",INDEX('p-y sand'!$AV$27:$AV$5000,MATCH($B8,'p-y sand'!$C$27:$C$5000,1)),INDEX('p-y mono_clay'!$BI$27:$BI$5000,MATCH($B8,'p-y mono_clay'!$C$27:$C$5000,1)))</f>
        <v>132.74001107144534</v>
      </c>
      <c r="X8">
        <f>IF($D8="SAND",INDEX('p-y sand'!$AI$27:$AI$5000,MATCH($B8,'p-y sand'!$C$27:$C$82,1)),INDEX('p-y mono_clay'!$AV$27:$AV$5000,MATCH($B8,'p-y mono_clay'!$C$27:$C$5000,1)))</f>
        <v>300.44006894701113</v>
      </c>
      <c r="Y8">
        <f>IF($D8="SAND",INDEX('p-y sand'!$AW$27:$AW$5000,MATCH($B8,'p-y sand'!$C$27:$C$5000,1)),INDEX('p-y mono_clay'!$BJ$27:$BJ$5000,MATCH($B8,'p-y mono_clay'!$C$27:$C$5000,1)))</f>
        <v>143.80167866073242</v>
      </c>
      <c r="Z8">
        <f>IF($D8="SAND",INDEX('p-y sand'!$AJ$27:$AJ$5000,MATCH($B8,'p-y sand'!$C$27:$C$82,1)),INDEX('p-y mono_clay'!$AW$27:$AW$5000,MATCH($B8,'p-y mono_clay'!$C$27:$C$5000,1)))</f>
        <v>488.61609652581558</v>
      </c>
      <c r="AA8">
        <f>IF($D8="SAND",INDEX('p-y sand'!$AX$27:$AX$5000,MATCH($B8,'p-y sand'!$C$27:$C$5000,1)),INDEX('p-y mono_clay'!$BK$27:$BK$5000,MATCH($B8,'p-y mono_clay'!$C$27:$C$5000,1)))</f>
        <v>147.4889011904948</v>
      </c>
      <c r="AB8">
        <f>IF($D8="SAND",INDEX('p-y sand'!$AK$27:$AK$5000,MATCH($B8,'p-y sand'!$C$27:$C$82,1)),INDEX('p-y mono_clay'!$AX$27:$AX$5000,MATCH($B8,'p-y mono_clay'!$C$27:$C$5000,1)))</f>
        <v>640.88013789402214</v>
      </c>
      <c r="AC8">
        <f>IF($D8="SAND",INDEX('p-y sand'!$AY$27:$AY$5000,MATCH($B8,'p-y sand'!$C$27:$C$5000,1)),INDEX('p-y mono_clay'!$BL$27:$BL$5000,MATCH($B8,'p-y mono_clay'!$C$27:$C$5000,1)))</f>
        <v>147.4889011904948</v>
      </c>
      <c r="AD8" s="98">
        <f>IF($D8="SAND",INDEX('p-y sand'!$AL$27:$AL$5000,MATCH($B8,'p-y sand'!$C$27:$C$82,1)),INDEX('p-y mono_clay'!$AY$27:$AY$5000,MATCH($B8,'p-y mono_clay'!$C$27:$C$5000,1)))</f>
        <v>6000</v>
      </c>
    </row>
    <row r="9" spans="1:30" x14ac:dyDescent="0.2">
      <c r="A9" s="214">
        <f t="shared" si="0"/>
        <v>-19.5</v>
      </c>
      <c r="B9" s="216">
        <f>'p-y mono_clay'!C30</f>
        <v>4</v>
      </c>
      <c r="C9">
        <f>INDEX('CPT Data'!$C$13:$C$20000,MATCH(B9,'CPT Data'!$B$13:$B$20000,1))</f>
        <v>3.9899999999999998</v>
      </c>
      <c r="D9" s="216" t="str">
        <f>INDEX('CPT Data'!$P$13:$P$20000,MATCH(B9,'CPT Data'!$B$13:$B$20000,1))</f>
        <v>CLAY</v>
      </c>
      <c r="E9">
        <f>IF($D9="SAND",INDEX('p-y sand'!$AM$27:$AM$20000,MATCH($B9,'p-y sand'!$C$27:$C$20000,1)),INDEX('p-y mono_clay'!$AZ$27:$AZ$20000,MATCH($B9,'p-y mono_clay'!$C$27:$C$20000,1)))</f>
        <v>0</v>
      </c>
      <c r="F9">
        <f>IF($D9="SAND",INDEX('p-y sand'!$Z$27:$Z$5000,MATCH($B9,'p-y sand'!$C$27:$C$82,1)),INDEX('p-y mono_clay'!$AM$27:$AM$5000,MATCH($B9,'p-y mono_clay'!$C$27:$C$5000,1)))</f>
        <v>0</v>
      </c>
      <c r="G9">
        <f>IF($D9="SAND",INDEX('p-y sand'!$AN$27:$AN$5000,MATCH($B9,'p-y sand'!$C$27:$C$5000,1)),INDEX('p-y mono_clay'!$BA$27:$BA$5000,MATCH($B9,'p-y mono_clay'!$C$27:$C$5000,1)))</f>
        <v>7.9079130573139951</v>
      </c>
      <c r="H9">
        <f>IF($D9="SAND",INDEX('p-y sand'!$AA$27:$AA$5000,MATCH($B9,'p-y sand'!$C$27:$C$82,1)),INDEX('p-y mono_clay'!$AN$27:$AN$5000,MATCH($B9,'p-y mono_clay'!$C$27:$C$5000,1)))</f>
        <v>0.67297821518763601</v>
      </c>
      <c r="I9">
        <f>IF($D9="SAND",INDEX('p-y sand'!$AO$27:$AO$5000,MATCH($B9,'p-y sand'!$C$27:$C$5000,1)),INDEX('p-y mono_clay'!$BB$27:$BB$5000,MATCH($B9,'p-y mono_clay'!$C$27:$C$5000,1)))</f>
        <v>31.63165222925598</v>
      </c>
      <c r="J9">
        <f>IF($D9="SAND",INDEX('p-y sand'!$AB$27:$AB$5000,MATCH($B9,'p-y sand'!$C$27:$C$82,1)),INDEX('p-y mono_clay'!$AO$27:$AO$5000,MATCH($B9,'p-y mono_clay'!$C$27:$C$5000,1)))</f>
        <v>6.7297821518763596</v>
      </c>
      <c r="K9">
        <f>IF($D9="SAND",INDEX('p-y sand'!$AP$27:$AP$5000,MATCH($B9,'p-y sand'!$C$27:$C$5000,1)),INDEX('p-y mono_clay'!$BC$27:$BC$5000,MATCH($B9,'p-y mono_clay'!$C$27:$C$5000,1)))</f>
        <v>47.447478343883965</v>
      </c>
      <c r="L9">
        <f>IF($D9="SAND",INDEX('p-y sand'!$AC$27:$AC$5000,MATCH($B9,'p-y sand'!$C$27:$C$82,1)),INDEX('p-y mono_clay'!$AP$27:$AP$5000,MATCH($B9,'p-y mono_clay'!$C$27:$C$5000,1)))</f>
        <v>12.570411810066171</v>
      </c>
      <c r="M9">
        <f>IF($D9="SAND",INDEX('p-y sand'!$AQ$27:$AQ$5000,MATCH($B9,'p-y sand'!$C$27:$C$5000,1)),INDEX('p-y mono_clay'!$BD$27:$BD$5000,MATCH($B9,'p-y mono_clay'!$C$27:$C$5000,1)))</f>
        <v>63.263304458511961</v>
      </c>
      <c r="N9">
        <f>IF($D9="SAND",INDEX('p-y sand'!$AD$27:$AD$5000,MATCH($B9,'p-y sand'!$C$27:$C$82,1)),INDEX('p-y mono_clay'!$AQ$27:$AQ$5000,MATCH($B9,'p-y mono_clay'!$C$27:$C$5000,1)))</f>
        <v>22.378692911258156</v>
      </c>
      <c r="O9">
        <f>IF($D9="SAND",INDEX('p-y sand'!$AR$27:$AR$5000,MATCH($B9,'p-y sand'!$C$27:$C$5000,1)),INDEX('p-y mono_clay'!$BE$27:$BE$5000,MATCH($B9,'p-y mono_clay'!$C$27:$C$5000,1)))</f>
        <v>79.079130573139949</v>
      </c>
      <c r="P9">
        <f>IF($D9="SAND",INDEX('p-y sand'!$AE$27:$AE$5000,MATCH($B9,'p-y sand'!$C$27:$C$82,1)),INDEX('p-y mono_clay'!$AR$27:$AR$5000,MATCH($B9,'p-y mono_clay'!$C$27:$C$5000,1)))</f>
        <v>35.297821518763598</v>
      </c>
      <c r="Q9">
        <f>IF($D9="SAND",INDEX('p-y sand'!$AS$27:$AS$5000,MATCH($B9,'p-y sand'!$C$27:$C$5000,1)),INDEX('p-y mono_clay'!$BF$27:$BF$5000,MATCH($B9,'p-y mono_clay'!$C$27:$C$5000,1)))</f>
        <v>94.89495668776793</v>
      </c>
      <c r="R9">
        <f>IF($D9="SAND",INDEX('p-y sand'!$AF$27:$AF$5000,MATCH($B9,'p-y sand'!$C$27:$C$82,1)),INDEX('p-y mono_clay'!$AS$27:$AS$5000,MATCH($B9,'p-y mono_clay'!$C$27:$C$5000,1)))</f>
        <v>54.216950126269033</v>
      </c>
      <c r="S9">
        <f>IF($D9="SAND",INDEX('p-y sand'!$AT$27:$AT$5000,MATCH($B9,'p-y sand'!$C$27:$C$5000,1)),INDEX('p-y mono_clay'!$BG$27:$BG$5000,MATCH($B9,'p-y mono_clay'!$C$27:$C$5000,1)))</f>
        <v>110.71078280239593</v>
      </c>
      <c r="T9">
        <f>IF($D9="SAND",INDEX('p-y sand'!$AG$27:$AG$5000,MATCH($B9,'p-y sand'!$C$27:$C$82,1)),INDEX('p-y mono_clay'!$AT$27:$AT$5000,MATCH($B9,'p-y mono_clay'!$C$27:$C$5000,1)))</f>
        <v>80.78498949315626</v>
      </c>
      <c r="U9">
        <f>IF($D9="SAND",INDEX('p-y sand'!$AU$27:$AU$5000,MATCH($B9,'p-y sand'!$C$27:$C$5000,1)),INDEX('p-y mono_clay'!$BH$27:$BH$5000,MATCH($B9,'p-y mono_clay'!$C$27:$C$5000,1)))</f>
        <v>126.52660891702392</v>
      </c>
      <c r="V9">
        <f>IF($D9="SAND",INDEX('p-y sand'!$AH$27:$AH$5000,MATCH($B9,'p-y sand'!$C$27:$C$82,1)),INDEX('p-y mono_clay'!$AU$27:$AU$5000,MATCH($B9,'p-y mono_clay'!$C$27:$C$5000,1)))</f>
        <v>124.81259316379622</v>
      </c>
      <c r="W9">
        <f>IF($D9="SAND",INDEX('p-y sand'!$AV$27:$AV$5000,MATCH($B9,'p-y sand'!$C$27:$C$5000,1)),INDEX('p-y mono_clay'!$BI$27:$BI$5000,MATCH($B9,'p-y mono_clay'!$C$27:$C$5000,1)))</f>
        <v>142.34243503165192</v>
      </c>
      <c r="X9">
        <f>IF($D9="SAND",INDEX('p-y sand'!$AI$27:$AI$5000,MATCH($B9,'p-y sand'!$C$27:$C$82,1)),INDEX('p-y mono_clay'!$AV$27:$AV$5000,MATCH($B9,'p-y mono_clay'!$C$27:$C$5000,1)))</f>
        <v>206.32736480882892</v>
      </c>
      <c r="Y9">
        <f>IF($D9="SAND",INDEX('p-y sand'!$AW$27:$AW$5000,MATCH($B9,'p-y sand'!$C$27:$C$5000,1)),INDEX('p-y mono_clay'!$BJ$27:$BJ$5000,MATCH($B9,'p-y mono_clay'!$C$27:$C$5000,1)))</f>
        <v>154.20430461762291</v>
      </c>
      <c r="Z9">
        <f>IF($D9="SAND",INDEX('p-y sand'!$AJ$27:$AJ$5000,MATCH($B9,'p-y sand'!$C$27:$C$82,1)),INDEX('p-y mono_clay'!$AW$27:$AW$5000,MATCH($B9,'p-y mono_clay'!$C$27:$C$5000,1)))</f>
        <v>358.38257215010879</v>
      </c>
      <c r="AA9">
        <f>IF($D9="SAND",INDEX('p-y sand'!$AX$27:$AX$5000,MATCH($B9,'p-y sand'!$C$27:$C$5000,1)),INDEX('p-y mono_clay'!$BK$27:$BK$5000,MATCH($B9,'p-y mono_clay'!$C$27:$C$5000,1)))</f>
        <v>158.1582611462799</v>
      </c>
      <c r="AB9">
        <f>IF($D9="SAND",INDEX('p-y sand'!$AK$27:$AK$5000,MATCH($B9,'p-y sand'!$C$27:$C$82,1)),INDEX('p-y mono_clay'!$AX$27:$AX$5000,MATCH($B9,'p-y mono_clay'!$C$27:$C$5000,1)))</f>
        <v>536.48910759381795</v>
      </c>
      <c r="AC9">
        <f>IF($D9="SAND",INDEX('p-y sand'!$AY$27:$AY$5000,MATCH($B9,'p-y sand'!$C$27:$C$5000,1)),INDEX('p-y mono_clay'!$BL$27:$BL$5000,MATCH($B9,'p-y mono_clay'!$C$27:$C$5000,1)))</f>
        <v>158.1582611462799</v>
      </c>
      <c r="AD9" s="98">
        <f>IF($D9="SAND",INDEX('p-y sand'!$AL$27:$AL$5000,MATCH($B9,'p-y sand'!$C$27:$C$82,1)),INDEX('p-y mono_clay'!$AY$27:$AY$5000,MATCH($B9,'p-y mono_clay'!$C$27:$C$5000,1)))</f>
        <v>6000</v>
      </c>
    </row>
    <row r="10" spans="1:30" x14ac:dyDescent="0.2">
      <c r="A10" s="214">
        <f t="shared" si="0"/>
        <v>-20.5</v>
      </c>
      <c r="B10" s="216">
        <f>'p-y mono_clay'!C31</f>
        <v>5</v>
      </c>
      <c r="C10">
        <f>INDEX('CPT Data'!$C$13:$C$20000,MATCH(B10,'CPT Data'!$B$13:$B$20000,1))</f>
        <v>4.9930000000000003</v>
      </c>
      <c r="D10" s="216" t="str">
        <f>INDEX('CPT Data'!$P$13:$P$20000,MATCH(B10,'CPT Data'!$B$13:$B$20000,1))</f>
        <v>CLAY</v>
      </c>
      <c r="E10">
        <f>IF($D10="SAND",INDEX('p-y sand'!$AM$27:$AM$20000,MATCH($B10,'p-y sand'!$C$27:$C$20000,1)),INDEX('p-y mono_clay'!$AZ$27:$AZ$20000,MATCH($B10,'p-y mono_clay'!$C$27:$C$20000,1)))</f>
        <v>0</v>
      </c>
      <c r="F10">
        <f>IF($D10="SAND",INDEX('p-y sand'!$Z$27:$Z$5000,MATCH($B10,'p-y sand'!$C$27:$C$82,1)),INDEX('p-y mono_clay'!$AM$27:$AM$5000,MATCH($B10,'p-y mono_clay'!$C$27:$C$5000,1)))</f>
        <v>0</v>
      </c>
      <c r="G10">
        <f>IF($D10="SAND",INDEX('p-y sand'!$AN$27:$AN$5000,MATCH($B10,'p-y sand'!$C$27:$C$5000,1)),INDEX('p-y mono_clay'!$BA$27:$BA$5000,MATCH($B10,'p-y mono_clay'!$C$27:$C$5000,1)))</f>
        <v>10.202150094602228</v>
      </c>
      <c r="H10">
        <f>IF($D10="SAND",INDEX('p-y sand'!$AA$27:$AA$5000,MATCH($B10,'p-y sand'!$C$27:$C$82,1)),INDEX('p-y mono_clay'!$AN$27:$AN$5000,MATCH($B10,'p-y mono_clay'!$C$27:$C$5000,1)))</f>
        <v>0.63385809216362821</v>
      </c>
      <c r="I10">
        <f>IF($D10="SAND",INDEX('p-y sand'!$AO$27:$AO$5000,MATCH($B10,'p-y sand'!$C$27:$C$5000,1)),INDEX('p-y mono_clay'!$BB$27:$BB$5000,MATCH($B10,'p-y mono_clay'!$C$27:$C$5000,1)))</f>
        <v>40.808600378408912</v>
      </c>
      <c r="J10">
        <f>IF($D10="SAND",INDEX('p-y sand'!$AB$27:$AB$5000,MATCH($B10,'p-y sand'!$C$27:$C$82,1)),INDEX('p-y mono_clay'!$AO$27:$AO$5000,MATCH($B10,'p-y mono_clay'!$C$27:$C$5000,1)))</f>
        <v>6.3385809216362832</v>
      </c>
      <c r="K10">
        <f>IF($D10="SAND",INDEX('p-y sand'!$AP$27:$AP$5000,MATCH($B10,'p-y sand'!$C$27:$C$5000,1)),INDEX('p-y mono_clay'!$BC$27:$BC$5000,MATCH($B10,'p-y mono_clay'!$C$27:$C$5000,1)))</f>
        <v>61.21290056761336</v>
      </c>
      <c r="L10">
        <f>IF($D10="SAND",INDEX('p-y sand'!$AC$27:$AC$5000,MATCH($B10,'p-y sand'!$C$27:$C$82,1)),INDEX('p-y mono_clay'!$AP$27:$AP$5000,MATCH($B10,'p-y mono_clay'!$C$27:$C$5000,1)))</f>
        <v>11.514168488417964</v>
      </c>
      <c r="M10">
        <f>IF($D10="SAND",INDEX('p-y sand'!$AQ$27:$AQ$5000,MATCH($B10,'p-y sand'!$C$27:$C$5000,1)),INDEX('p-y mono_clay'!$BD$27:$BD$5000,MATCH($B10,'p-y mono_clay'!$C$27:$C$5000,1)))</f>
        <v>81.617200756817823</v>
      </c>
      <c r="N10">
        <f>IF($D10="SAND",INDEX('p-y sand'!$AD$27:$AD$5000,MATCH($B10,'p-y sand'!$C$27:$C$82,1)),INDEX('p-y mono_clay'!$AQ$27:$AQ$5000,MATCH($B10,'p-y mono_clay'!$C$27:$C$5000,1)))</f>
        <v>20.031485529817697</v>
      </c>
      <c r="O10">
        <f>IF($D10="SAND",INDEX('p-y sand'!$AR$27:$AR$5000,MATCH($B10,'p-y sand'!$C$27:$C$5000,1)),INDEX('p-y mono_clay'!$BE$27:$BE$5000,MATCH($B10,'p-y mono_clay'!$C$27:$C$5000,1)))</f>
        <v>102.02150094602227</v>
      </c>
      <c r="P10">
        <f>IF($D10="SAND",INDEX('p-y sand'!$AE$27:$AE$5000,MATCH($B10,'p-y sand'!$C$27:$C$82,1)),INDEX('p-y mono_clay'!$AR$27:$AR$5000,MATCH($B10,'p-y mono_clay'!$C$27:$C$5000,1)))</f>
        <v>31.38580921636283</v>
      </c>
      <c r="Q10">
        <f>IF($D10="SAND",INDEX('p-y sand'!$AS$27:$AS$5000,MATCH($B10,'p-y sand'!$C$27:$C$5000,1)),INDEX('p-y mono_clay'!$BF$27:$BF$5000,MATCH($B10,'p-y mono_clay'!$C$27:$C$5000,1)))</f>
        <v>122.42580113522672</v>
      </c>
      <c r="R10">
        <f>IF($D10="SAND",INDEX('p-y sand'!$AF$27:$AF$5000,MATCH($B10,'p-y sand'!$C$27:$C$82,1)),INDEX('p-y mono_clay'!$AS$27:$AS$5000,MATCH($B10,'p-y mono_clay'!$C$27:$C$5000,1)))</f>
        <v>48.740132902907952</v>
      </c>
      <c r="S10">
        <f>IF($D10="SAND",INDEX('p-y sand'!$AT$27:$AT$5000,MATCH($B10,'p-y sand'!$C$27:$C$5000,1)),INDEX('p-y mono_clay'!$BG$27:$BG$5000,MATCH($B10,'p-y mono_clay'!$C$27:$C$5000,1)))</f>
        <v>142.83010132443118</v>
      </c>
      <c r="T10">
        <f>IF($D10="SAND",INDEX('p-y sand'!$AG$27:$AG$5000,MATCH($B10,'p-y sand'!$C$27:$C$82,1)),INDEX('p-y mono_clay'!$AT$27:$AT$5000,MATCH($B10,'p-y mono_clay'!$C$27:$C$5000,1)))</f>
        <v>71.787361197634496</v>
      </c>
      <c r="U10">
        <f>IF($D10="SAND",INDEX('p-y sand'!$AU$27:$AU$5000,MATCH($B10,'p-y sand'!$C$27:$C$5000,1)),INDEX('p-y mono_clay'!$BH$27:$BH$5000,MATCH($B10,'p-y mono_clay'!$C$27:$C$5000,1)))</f>
        <v>163.23440151363565</v>
      </c>
      <c r="V10">
        <f>IF($D10="SAND",INDEX('p-y sand'!$AH$27:$AH$5000,MATCH($B10,'p-y sand'!$C$27:$C$82,1)),INDEX('p-y mono_clay'!$AU$27:$AU$5000,MATCH($B10,'p-y mono_clay'!$C$27:$C$5000,1)))</f>
        <v>111.51175133563362</v>
      </c>
      <c r="W10">
        <f>IF($D10="SAND",INDEX('p-y sand'!$AV$27:$AV$5000,MATCH($B10,'p-y sand'!$C$27:$C$5000,1)),INDEX('p-y mono_clay'!$BI$27:$BI$5000,MATCH($B10,'p-y mono_clay'!$C$27:$C$5000,1)))</f>
        <v>183.63870170284008</v>
      </c>
      <c r="X10">
        <f>IF($D10="SAND",INDEX('p-y sand'!$AI$27:$AI$5000,MATCH($B10,'p-y sand'!$C$27:$C$82,1)),INDEX('p-y mono_clay'!$AV$27:$AV$5000,MATCH($B10,'p-y mono_clay'!$C$27:$C$5000,1)))</f>
        <v>183.63769345490445</v>
      </c>
      <c r="Y10">
        <f>IF($D10="SAND",INDEX('p-y sand'!$AW$27:$AW$5000,MATCH($B10,'p-y sand'!$C$27:$C$5000,1)),INDEX('p-y mono_clay'!$BJ$27:$BJ$5000,MATCH($B10,'p-y mono_clay'!$C$27:$C$5000,1)))</f>
        <v>198.94192684474342</v>
      </c>
      <c r="Z10">
        <f>IF($D10="SAND",INDEX('p-y sand'!$AJ$27:$AJ$5000,MATCH($B10,'p-y sand'!$C$27:$C$82,1)),INDEX('p-y mono_clay'!$AW$27:$AW$5000,MATCH($B10,'p-y mono_clay'!$C$27:$C$5000,1)))</f>
        <v>327.08647373090264</v>
      </c>
      <c r="AA10">
        <f>IF($D10="SAND",INDEX('p-y sand'!$AX$27:$AX$5000,MATCH($B10,'p-y sand'!$C$27:$C$5000,1)),INDEX('p-y mono_clay'!$BK$27:$BK$5000,MATCH($B10,'p-y mono_clay'!$C$27:$C$5000,1)))</f>
        <v>204.04300189204454</v>
      </c>
      <c r="AB10">
        <f>IF($D10="SAND",INDEX('p-y sand'!$AK$27:$AK$5000,MATCH($B10,'p-y sand'!$C$27:$C$82,1)),INDEX('p-y mono_clay'!$AX$27:$AX$5000,MATCH($B10,'p-y mono_clay'!$C$27:$C$5000,1)))</f>
        <v>516.92904608181414</v>
      </c>
      <c r="AC10">
        <f>IF($D10="SAND",INDEX('p-y sand'!$AY$27:$AY$5000,MATCH($B10,'p-y sand'!$C$27:$C$5000,1)),INDEX('p-y mono_clay'!$BL$27:$BL$5000,MATCH($B10,'p-y mono_clay'!$C$27:$C$5000,1)))</f>
        <v>204.04300189204454</v>
      </c>
      <c r="AD10" s="98">
        <f>IF($D10="SAND",INDEX('p-y sand'!$AL$27:$AL$5000,MATCH($B10,'p-y sand'!$C$27:$C$82,1)),INDEX('p-y mono_clay'!$AY$27:$AY$5000,MATCH($B10,'p-y mono_clay'!$C$27:$C$5000,1)))</f>
        <v>6000</v>
      </c>
    </row>
    <row r="11" spans="1:30" x14ac:dyDescent="0.2">
      <c r="A11" s="214">
        <f t="shared" si="0"/>
        <v>-21.5</v>
      </c>
      <c r="B11" s="216">
        <f>'p-y mono_clay'!C32</f>
        <v>6</v>
      </c>
      <c r="C11">
        <f>INDEX('CPT Data'!$C$13:$C$20000,MATCH(B11,'CPT Data'!$B$13:$B$20000,1))</f>
        <v>5.9870000000000001</v>
      </c>
      <c r="D11" s="216" t="str">
        <f>INDEX('CPT Data'!$P$13:$P$20000,MATCH(B11,'CPT Data'!$B$13:$B$20000,1))</f>
        <v>CLAY</v>
      </c>
      <c r="E11">
        <f>IF($D11="SAND",INDEX('p-y sand'!$AM$27:$AM$20000,MATCH($B11,'p-y sand'!$C$27:$C$20000,1)),INDEX('p-y mono_clay'!$AZ$27:$AZ$20000,MATCH($B11,'p-y mono_clay'!$C$27:$C$20000,1)))</f>
        <v>0</v>
      </c>
      <c r="F11">
        <f>IF($D11="SAND",INDEX('p-y sand'!$Z$27:$Z$5000,MATCH($B11,'p-y sand'!$C$27:$C$82,1)),INDEX('p-y mono_clay'!$AM$27:$AM$5000,MATCH($B11,'p-y mono_clay'!$C$27:$C$5000,1)))</f>
        <v>0</v>
      </c>
      <c r="G11">
        <f>IF($D11="SAND",INDEX('p-y sand'!$AN$27:$AN$5000,MATCH($B11,'p-y sand'!$C$27:$C$5000,1)),INDEX('p-y mono_clay'!$BA$27:$BA$5000,MATCH($B11,'p-y mono_clay'!$C$27:$C$5000,1)))</f>
        <v>13.233766386591236</v>
      </c>
      <c r="H11">
        <f>IF($D11="SAND",INDEX('p-y sand'!$AA$27:$AA$5000,MATCH($B11,'p-y sand'!$C$27:$C$82,1)),INDEX('p-y mono_clay'!$AN$27:$AN$5000,MATCH($B11,'p-y mono_clay'!$C$27:$C$5000,1)))</f>
        <v>0.62773613431100761</v>
      </c>
      <c r="I11">
        <f>IF($D11="SAND",INDEX('p-y sand'!$AO$27:$AO$5000,MATCH($B11,'p-y sand'!$C$27:$C$5000,1)),INDEX('p-y mono_clay'!$BB$27:$BB$5000,MATCH($B11,'p-y mono_clay'!$C$27:$C$5000,1)))</f>
        <v>52.935065546364946</v>
      </c>
      <c r="J11">
        <f>IF($D11="SAND",INDEX('p-y sand'!$AB$27:$AB$5000,MATCH($B11,'p-y sand'!$C$27:$C$82,1)),INDEX('p-y mono_clay'!$AO$27:$AO$5000,MATCH($B11,'p-y mono_clay'!$C$27:$C$5000,1)))</f>
        <v>6.2773613431100754</v>
      </c>
      <c r="K11">
        <f>IF($D11="SAND",INDEX('p-y sand'!$AP$27:$AP$5000,MATCH($B11,'p-y sand'!$C$27:$C$5000,1)),INDEX('p-y mono_clay'!$BC$27:$BC$5000,MATCH($B11,'p-y mono_clay'!$C$27:$C$5000,1)))</f>
        <v>79.402598319547408</v>
      </c>
      <c r="L11">
        <f>IF($D11="SAND",INDEX('p-y sand'!$AC$27:$AC$5000,MATCH($B11,'p-y sand'!$C$27:$C$82,1)),INDEX('p-y mono_clay'!$AP$27:$AP$5000,MATCH($B11,'p-y mono_clay'!$C$27:$C$5000,1)))</f>
        <v>11.348875626397204</v>
      </c>
      <c r="M11">
        <f>IF($D11="SAND",INDEX('p-y sand'!$AQ$27:$AQ$5000,MATCH($B11,'p-y sand'!$C$27:$C$5000,1)),INDEX('p-y mono_clay'!$BD$27:$BD$5000,MATCH($B11,'p-y mono_clay'!$C$27:$C$5000,1)))</f>
        <v>105.87013109272989</v>
      </c>
      <c r="N11">
        <f>IF($D11="SAND",INDEX('p-y sand'!$AD$27:$AD$5000,MATCH($B11,'p-y sand'!$C$27:$C$82,1)),INDEX('p-y mono_clay'!$AQ$27:$AQ$5000,MATCH($B11,'p-y mono_clay'!$C$27:$C$5000,1)))</f>
        <v>19.664168058660454</v>
      </c>
      <c r="O11">
        <f>IF($D11="SAND",INDEX('p-y sand'!$AR$27:$AR$5000,MATCH($B11,'p-y sand'!$C$27:$C$5000,1)),INDEX('p-y mono_clay'!$BE$27:$BE$5000,MATCH($B11,'p-y mono_clay'!$C$27:$C$5000,1)))</f>
        <v>132.33766386591236</v>
      </c>
      <c r="P11">
        <f>IF($D11="SAND",INDEX('p-y sand'!$AE$27:$AE$5000,MATCH($B11,'p-y sand'!$C$27:$C$82,1)),INDEX('p-y mono_clay'!$AR$27:$AR$5000,MATCH($B11,'p-y mono_clay'!$C$27:$C$5000,1)))</f>
        <v>30.77361343110076</v>
      </c>
      <c r="Q11">
        <f>IF($D11="SAND",INDEX('p-y sand'!$AS$27:$AS$5000,MATCH($B11,'p-y sand'!$C$27:$C$5000,1)),INDEX('p-y mono_clay'!$BF$27:$BF$5000,MATCH($B11,'p-y mono_clay'!$C$27:$C$5000,1)))</f>
        <v>158.80519663909482</v>
      </c>
      <c r="R11">
        <f>IF($D11="SAND",INDEX('p-y sand'!$AF$27:$AF$5000,MATCH($B11,'p-y sand'!$C$27:$C$82,1)),INDEX('p-y mono_clay'!$AS$27:$AS$5000,MATCH($B11,'p-y mono_clay'!$C$27:$C$5000,1)))</f>
        <v>47.883058803541054</v>
      </c>
      <c r="S11">
        <f>IF($D11="SAND",INDEX('p-y sand'!$AT$27:$AT$5000,MATCH($B11,'p-y sand'!$C$27:$C$5000,1)),INDEX('p-y mono_clay'!$BG$27:$BG$5000,MATCH($B11,'p-y mono_clay'!$C$27:$C$5000,1)))</f>
        <v>185.2727294122773</v>
      </c>
      <c r="T11">
        <f>IF($D11="SAND",INDEX('p-y sand'!$AG$27:$AG$5000,MATCH($B11,'p-y sand'!$C$27:$C$82,1)),INDEX('p-y mono_clay'!$AT$27:$AT$5000,MATCH($B11,'p-y mono_clay'!$C$27:$C$5000,1)))</f>
        <v>70.379310891531745</v>
      </c>
      <c r="U11">
        <f>IF($D11="SAND",INDEX('p-y sand'!$AU$27:$AU$5000,MATCH($B11,'p-y sand'!$C$27:$C$5000,1)),INDEX('p-y mono_clay'!$BH$27:$BH$5000,MATCH($B11,'p-y mono_clay'!$C$27:$C$5000,1)))</f>
        <v>211.74026218545978</v>
      </c>
      <c r="V11">
        <f>IF($D11="SAND",INDEX('p-y sand'!$AH$27:$AH$5000,MATCH($B11,'p-y sand'!$C$27:$C$82,1)),INDEX('p-y mono_clay'!$AU$27:$AU$5000,MATCH($B11,'p-y mono_clay'!$C$27:$C$5000,1)))</f>
        <v>109.43028566574257</v>
      </c>
      <c r="W11">
        <f>IF($D11="SAND",INDEX('p-y sand'!$AV$27:$AV$5000,MATCH($B11,'p-y sand'!$C$27:$C$5000,1)),INDEX('p-y mono_clay'!$BI$27:$BI$5000,MATCH($B11,'p-y mono_clay'!$C$27:$C$5000,1)))</f>
        <v>238.20779495864227</v>
      </c>
      <c r="X11">
        <f>IF($D11="SAND",INDEX('p-y sand'!$AI$27:$AI$5000,MATCH($B11,'p-y sand'!$C$27:$C$82,1)),INDEX('p-y mono_clay'!$AV$27:$AV$5000,MATCH($B11,'p-y mono_clay'!$C$27:$C$5000,1)))</f>
        <v>180.08695790038442</v>
      </c>
      <c r="Y11">
        <f>IF($D11="SAND",INDEX('p-y sand'!$AW$27:$AW$5000,MATCH($B11,'p-y sand'!$C$27:$C$5000,1)),INDEX('p-y mono_clay'!$BJ$27:$BJ$5000,MATCH($B11,'p-y mono_clay'!$C$27:$C$5000,1)))</f>
        <v>258.0584445385291</v>
      </c>
      <c r="Z11">
        <f>IF($D11="SAND",INDEX('p-y sand'!$AJ$27:$AJ$5000,MATCH($B11,'p-y sand'!$C$27:$C$82,1)),INDEX('p-y mono_clay'!$AW$27:$AW$5000,MATCH($B11,'p-y mono_clay'!$C$27:$C$5000,1)))</f>
        <v>322.18890744880605</v>
      </c>
      <c r="AA11">
        <f>IF($D11="SAND",INDEX('p-y sand'!$AX$27:$AX$5000,MATCH($B11,'p-y sand'!$C$27:$C$5000,1)),INDEX('p-y mono_clay'!$BK$27:$BK$5000,MATCH($B11,'p-y mono_clay'!$C$27:$C$5000,1)))</f>
        <v>264.67532773182472</v>
      </c>
      <c r="AB11">
        <f>IF($D11="SAND",INDEX('p-y sand'!$AK$27:$AK$5000,MATCH($B11,'p-y sand'!$C$27:$C$82,1)),INDEX('p-y mono_clay'!$AX$27:$AX$5000,MATCH($B11,'p-y mono_clay'!$C$27:$C$5000,1)))</f>
        <v>513.86806715550381</v>
      </c>
      <c r="AC11">
        <f>IF($D11="SAND",INDEX('p-y sand'!$AY$27:$AY$5000,MATCH($B11,'p-y sand'!$C$27:$C$5000,1)),INDEX('p-y mono_clay'!$BL$27:$BL$5000,MATCH($B11,'p-y mono_clay'!$C$27:$C$5000,1)))</f>
        <v>264.67532773182472</v>
      </c>
      <c r="AD11" s="98">
        <f>IF($D11="SAND",INDEX('p-y sand'!$AL$27:$AL$5000,MATCH($B11,'p-y sand'!$C$27:$C$82,1)),INDEX('p-y mono_clay'!$AY$27:$AY$5000,MATCH($B11,'p-y mono_clay'!$C$27:$C$5000,1)))</f>
        <v>6000</v>
      </c>
    </row>
    <row r="12" spans="1:30" x14ac:dyDescent="0.2">
      <c r="A12" s="214">
        <f t="shared" si="0"/>
        <v>-22.5</v>
      </c>
      <c r="B12" s="216">
        <f>'p-y mono_clay'!C33</f>
        <v>7</v>
      </c>
      <c r="C12">
        <f>INDEX('CPT Data'!$C$13:$C$20000,MATCH(B12,'CPT Data'!$B$13:$B$20000,1))</f>
        <v>6.9910000000000005</v>
      </c>
      <c r="D12" s="216" t="str">
        <f>INDEX('CPT Data'!$P$13:$P$20000,MATCH(B12,'CPT Data'!$B$13:$B$20000,1))</f>
        <v>CLAY</v>
      </c>
      <c r="E12">
        <f>IF($D12="SAND",INDEX('p-y sand'!$AM$27:$AM$20000,MATCH($B12,'p-y sand'!$C$27:$C$20000,1)),INDEX('p-y mono_clay'!$AZ$27:$AZ$20000,MATCH($B12,'p-y mono_clay'!$C$27:$C$20000,1)))</f>
        <v>0</v>
      </c>
      <c r="F12">
        <f>IF($D12="SAND",INDEX('p-y sand'!$Z$27:$Z$5000,MATCH($B12,'p-y sand'!$C$27:$C$82,1)),INDEX('p-y mono_clay'!$AM$27:$AM$5000,MATCH($B12,'p-y mono_clay'!$C$27:$C$5000,1)))</f>
        <v>0</v>
      </c>
      <c r="G12">
        <f>IF($D12="SAND",INDEX('p-y sand'!$AN$27:$AN$5000,MATCH($B12,'p-y sand'!$C$27:$C$5000,1)),INDEX('p-y mono_clay'!$BA$27:$BA$5000,MATCH($B12,'p-y mono_clay'!$C$27:$C$5000,1)))</f>
        <v>14.65673633663013</v>
      </c>
      <c r="H12">
        <f>IF($D12="SAND",INDEX('p-y sand'!$AA$27:$AA$5000,MATCH($B12,'p-y sand'!$C$27:$C$82,1)),INDEX('p-y mono_clay'!$AN$27:$AN$5000,MATCH($B12,'p-y mono_clay'!$C$27:$C$5000,1)))</f>
        <v>0.6</v>
      </c>
      <c r="I12">
        <f>IF($D12="SAND",INDEX('p-y sand'!$AO$27:$AO$5000,MATCH($B12,'p-y sand'!$C$27:$C$5000,1)),INDEX('p-y mono_clay'!$BB$27:$BB$5000,MATCH($B12,'p-y mono_clay'!$C$27:$C$5000,1)))</f>
        <v>58.626945346520522</v>
      </c>
      <c r="J12">
        <f>IF($D12="SAND",INDEX('p-y sand'!$AB$27:$AB$5000,MATCH($B12,'p-y sand'!$C$27:$C$82,1)),INDEX('p-y mono_clay'!$AO$27:$AO$5000,MATCH($B12,'p-y mono_clay'!$C$27:$C$5000,1)))</f>
        <v>6</v>
      </c>
      <c r="K12">
        <f>IF($D12="SAND",INDEX('p-y sand'!$AP$27:$AP$5000,MATCH($B12,'p-y sand'!$C$27:$C$5000,1)),INDEX('p-y mono_clay'!$BC$27:$BC$5000,MATCH($B12,'p-y mono_clay'!$C$27:$C$5000,1)))</f>
        <v>87.940418019780779</v>
      </c>
      <c r="L12">
        <f>IF($D12="SAND",INDEX('p-y sand'!$AC$27:$AC$5000,MATCH($B12,'p-y sand'!$C$27:$C$82,1)),INDEX('p-y mono_clay'!$AP$27:$AP$5000,MATCH($B12,'p-y mono_clay'!$C$27:$C$5000,1)))</f>
        <v>10.6</v>
      </c>
      <c r="M12">
        <f>IF($D12="SAND",INDEX('p-y sand'!$AQ$27:$AQ$5000,MATCH($B12,'p-y sand'!$C$27:$C$5000,1)),INDEX('p-y mono_clay'!$BD$27:$BD$5000,MATCH($B12,'p-y mono_clay'!$C$27:$C$5000,1)))</f>
        <v>117.25389069304104</v>
      </c>
      <c r="N12">
        <f>IF($D12="SAND",INDEX('p-y sand'!$AD$27:$AD$5000,MATCH($B12,'p-y sand'!$C$27:$C$82,1)),INDEX('p-y mono_clay'!$AQ$27:$AQ$5000,MATCH($B12,'p-y mono_clay'!$C$27:$C$5000,1)))</f>
        <v>18</v>
      </c>
      <c r="O12">
        <f>IF($D12="SAND",INDEX('p-y sand'!$AR$27:$AR$5000,MATCH($B12,'p-y sand'!$C$27:$C$5000,1)),INDEX('p-y mono_clay'!$BE$27:$BE$5000,MATCH($B12,'p-y mono_clay'!$C$27:$C$5000,1)))</f>
        <v>146.56736336630129</v>
      </c>
      <c r="P12">
        <f>IF($D12="SAND",INDEX('p-y sand'!$AE$27:$AE$5000,MATCH($B12,'p-y sand'!$C$27:$C$82,1)),INDEX('p-y mono_clay'!$AR$27:$AR$5000,MATCH($B12,'p-y mono_clay'!$C$27:$C$5000,1)))</f>
        <v>28</v>
      </c>
      <c r="Q12">
        <f>IF($D12="SAND",INDEX('p-y sand'!$AS$27:$AS$5000,MATCH($B12,'p-y sand'!$C$27:$C$5000,1)),INDEX('p-y mono_clay'!$BF$27:$BF$5000,MATCH($B12,'p-y mono_clay'!$C$27:$C$5000,1)))</f>
        <v>175.88083603956156</v>
      </c>
      <c r="R12">
        <f>IF($D12="SAND",INDEX('p-y sand'!$AF$27:$AF$5000,MATCH($B12,'p-y sand'!$C$27:$C$82,1)),INDEX('p-y mono_clay'!$AS$27:$AS$5000,MATCH($B12,'p-y mono_clay'!$C$27:$C$5000,1)))</f>
        <v>44</v>
      </c>
      <c r="S12">
        <f>IF($D12="SAND",INDEX('p-y sand'!$AT$27:$AT$5000,MATCH($B12,'p-y sand'!$C$27:$C$5000,1)),INDEX('p-y mono_clay'!$BG$27:$BG$5000,MATCH($B12,'p-y mono_clay'!$C$27:$C$5000,1)))</f>
        <v>205.19430871282179</v>
      </c>
      <c r="T12">
        <f>IF($D12="SAND",INDEX('p-y sand'!$AG$27:$AG$5000,MATCH($B12,'p-y sand'!$C$27:$C$82,1)),INDEX('p-y mono_clay'!$AT$27:$AT$5000,MATCH($B12,'p-y mono_clay'!$C$27:$C$5000,1)))</f>
        <v>64</v>
      </c>
      <c r="U12">
        <f>IF($D12="SAND",INDEX('p-y sand'!$AU$27:$AU$5000,MATCH($B12,'p-y sand'!$C$27:$C$5000,1)),INDEX('p-y mono_clay'!$BH$27:$BH$5000,MATCH($B12,'p-y mono_clay'!$C$27:$C$5000,1)))</f>
        <v>234.50778138608209</v>
      </c>
      <c r="V12">
        <f>IF($D12="SAND",INDEX('p-y sand'!$AH$27:$AH$5000,MATCH($B12,'p-y sand'!$C$27:$C$82,1)),INDEX('p-y mono_clay'!$AU$27:$AU$5000,MATCH($B12,'p-y mono_clay'!$C$27:$C$5000,1)))</f>
        <v>100</v>
      </c>
      <c r="W12">
        <f>IF($D12="SAND",INDEX('p-y sand'!$AV$27:$AV$5000,MATCH($B12,'p-y sand'!$C$27:$C$5000,1)),INDEX('p-y mono_clay'!$BI$27:$BI$5000,MATCH($B12,'p-y mono_clay'!$C$27:$C$5000,1)))</f>
        <v>263.82125405934232</v>
      </c>
      <c r="X12">
        <f>IF($D12="SAND",INDEX('p-y sand'!$AI$27:$AI$5000,MATCH($B12,'p-y sand'!$C$27:$C$82,1)),INDEX('p-y mono_clay'!$AV$27:$AV$5000,MATCH($B12,'p-y mono_clay'!$C$27:$C$5000,1)))</f>
        <v>164</v>
      </c>
      <c r="Y12">
        <f>IF($D12="SAND",INDEX('p-y sand'!$AW$27:$AW$5000,MATCH($B12,'p-y sand'!$C$27:$C$5000,1)),INDEX('p-y mono_clay'!$BJ$27:$BJ$5000,MATCH($B12,'p-y mono_clay'!$C$27:$C$5000,1)))</f>
        <v>285.80635856428751</v>
      </c>
      <c r="Z12">
        <f>IF($D12="SAND",INDEX('p-y sand'!$AJ$27:$AJ$5000,MATCH($B12,'p-y sand'!$C$27:$C$82,1)),INDEX('p-y mono_clay'!$AW$27:$AW$5000,MATCH($B12,'p-y mono_clay'!$C$27:$C$5000,1)))</f>
        <v>300</v>
      </c>
      <c r="AA12">
        <f>IF($D12="SAND",INDEX('p-y sand'!$AX$27:$AX$5000,MATCH($B12,'p-y sand'!$C$27:$C$5000,1)),INDEX('p-y mono_clay'!$BK$27:$BK$5000,MATCH($B12,'p-y mono_clay'!$C$27:$C$5000,1)))</f>
        <v>293.13472673260259</v>
      </c>
      <c r="AB12">
        <f>IF($D12="SAND",INDEX('p-y sand'!$AK$27:$AK$5000,MATCH($B12,'p-y sand'!$C$27:$C$82,1)),INDEX('p-y mono_clay'!$AX$27:$AX$5000,MATCH($B12,'p-y mono_clay'!$C$27:$C$5000,1)))</f>
        <v>500</v>
      </c>
      <c r="AC12">
        <f>IF($D12="SAND",INDEX('p-y sand'!$AY$27:$AY$5000,MATCH($B12,'p-y sand'!$C$27:$C$5000,1)),INDEX('p-y mono_clay'!$BL$27:$BL$5000,MATCH($B12,'p-y mono_clay'!$C$27:$C$5000,1)))</f>
        <v>293.13472673260259</v>
      </c>
      <c r="AD12" s="98">
        <f>IF($D12="SAND",INDEX('p-y sand'!$AL$27:$AL$5000,MATCH($B12,'p-y sand'!$C$27:$C$82,1)),INDEX('p-y mono_clay'!$AY$27:$AY$5000,MATCH($B12,'p-y mono_clay'!$C$27:$C$5000,1)))</f>
        <v>6000</v>
      </c>
    </row>
    <row r="13" spans="1:30" x14ac:dyDescent="0.2">
      <c r="A13" s="214">
        <f t="shared" si="0"/>
        <v>-23.5</v>
      </c>
      <c r="B13" s="216">
        <f>'p-y mono_clay'!C34</f>
        <v>8</v>
      </c>
      <c r="C13">
        <f>INDEX('CPT Data'!$C$13:$C$20000,MATCH(B13,'CPT Data'!$B$13:$B$20000,1))</f>
        <v>7.9860000000000007</v>
      </c>
      <c r="D13" s="216" t="str">
        <f>INDEX('CPT Data'!$P$13:$P$20000,MATCH(B13,'CPT Data'!$B$13:$B$20000,1))</f>
        <v>CLAY</v>
      </c>
      <c r="E13">
        <f>IF($D13="SAND",INDEX('p-y sand'!$AM$27:$AM$20000,MATCH($B13,'p-y sand'!$C$27:$C$20000,1)),INDEX('p-y mono_clay'!$AZ$27:$AZ$20000,MATCH($B13,'p-y mono_clay'!$C$27:$C$20000,1)))</f>
        <v>0</v>
      </c>
      <c r="F13">
        <f>IF($D13="SAND",INDEX('p-y sand'!$Z$27:$Z$5000,MATCH($B13,'p-y sand'!$C$27:$C$82,1)),INDEX('p-y mono_clay'!$AM$27:$AM$5000,MATCH($B13,'p-y mono_clay'!$C$27:$C$5000,1)))</f>
        <v>0</v>
      </c>
      <c r="G13">
        <f>IF($D13="SAND",INDEX('p-y sand'!$AN$27:$AN$5000,MATCH($B13,'p-y sand'!$C$27:$C$5000,1)),INDEX('p-y mono_clay'!$BA$27:$BA$5000,MATCH($B13,'p-y mono_clay'!$C$27:$C$5000,1)))</f>
        <v>17.273627888000174</v>
      </c>
      <c r="H13">
        <f>IF($D13="SAND",INDEX('p-y sand'!$AA$27:$AA$5000,MATCH($B13,'p-y sand'!$C$27:$C$82,1)),INDEX('p-y mono_clay'!$AN$27:$AN$5000,MATCH($B13,'p-y mono_clay'!$C$27:$C$5000,1)))</f>
        <v>0.6</v>
      </c>
      <c r="I13">
        <f>IF($D13="SAND",INDEX('p-y sand'!$AO$27:$AO$5000,MATCH($B13,'p-y sand'!$C$27:$C$5000,1)),INDEX('p-y mono_clay'!$BB$27:$BB$5000,MATCH($B13,'p-y mono_clay'!$C$27:$C$5000,1)))</f>
        <v>69.094511552000696</v>
      </c>
      <c r="J13">
        <f>IF($D13="SAND",INDEX('p-y sand'!$AB$27:$AB$5000,MATCH($B13,'p-y sand'!$C$27:$C$82,1)),INDEX('p-y mono_clay'!$AO$27:$AO$5000,MATCH($B13,'p-y mono_clay'!$C$27:$C$5000,1)))</f>
        <v>6</v>
      </c>
      <c r="K13">
        <f>IF($D13="SAND",INDEX('p-y sand'!$AP$27:$AP$5000,MATCH($B13,'p-y sand'!$C$27:$C$5000,1)),INDEX('p-y mono_clay'!$BC$27:$BC$5000,MATCH($B13,'p-y mono_clay'!$C$27:$C$5000,1)))</f>
        <v>103.64176732800102</v>
      </c>
      <c r="L13">
        <f>IF($D13="SAND",INDEX('p-y sand'!$AC$27:$AC$5000,MATCH($B13,'p-y sand'!$C$27:$C$82,1)),INDEX('p-y mono_clay'!$AP$27:$AP$5000,MATCH($B13,'p-y mono_clay'!$C$27:$C$5000,1)))</f>
        <v>10.6</v>
      </c>
      <c r="M13">
        <f>IF($D13="SAND",INDEX('p-y sand'!$AQ$27:$AQ$5000,MATCH($B13,'p-y sand'!$C$27:$C$5000,1)),INDEX('p-y mono_clay'!$BD$27:$BD$5000,MATCH($B13,'p-y mono_clay'!$C$27:$C$5000,1)))</f>
        <v>138.18902310400139</v>
      </c>
      <c r="N13">
        <f>IF($D13="SAND",INDEX('p-y sand'!$AD$27:$AD$5000,MATCH($B13,'p-y sand'!$C$27:$C$82,1)),INDEX('p-y mono_clay'!$AQ$27:$AQ$5000,MATCH($B13,'p-y mono_clay'!$C$27:$C$5000,1)))</f>
        <v>18</v>
      </c>
      <c r="O13">
        <f>IF($D13="SAND",INDEX('p-y sand'!$AR$27:$AR$5000,MATCH($B13,'p-y sand'!$C$27:$C$5000,1)),INDEX('p-y mono_clay'!$BE$27:$BE$5000,MATCH($B13,'p-y mono_clay'!$C$27:$C$5000,1)))</f>
        <v>172.73627888000172</v>
      </c>
      <c r="P13">
        <f>IF($D13="SAND",INDEX('p-y sand'!$AE$27:$AE$5000,MATCH($B13,'p-y sand'!$C$27:$C$82,1)),INDEX('p-y mono_clay'!$AR$27:$AR$5000,MATCH($B13,'p-y mono_clay'!$C$27:$C$5000,1)))</f>
        <v>28</v>
      </c>
      <c r="Q13">
        <f>IF($D13="SAND",INDEX('p-y sand'!$AS$27:$AS$5000,MATCH($B13,'p-y sand'!$C$27:$C$5000,1)),INDEX('p-y mono_clay'!$BF$27:$BF$5000,MATCH($B13,'p-y mono_clay'!$C$27:$C$5000,1)))</f>
        <v>207.28353465600205</v>
      </c>
      <c r="R13">
        <f>IF($D13="SAND",INDEX('p-y sand'!$AF$27:$AF$5000,MATCH($B13,'p-y sand'!$C$27:$C$82,1)),INDEX('p-y mono_clay'!$AS$27:$AS$5000,MATCH($B13,'p-y mono_clay'!$C$27:$C$5000,1)))</f>
        <v>44</v>
      </c>
      <c r="S13">
        <f>IF($D13="SAND",INDEX('p-y sand'!$AT$27:$AT$5000,MATCH($B13,'p-y sand'!$C$27:$C$5000,1)),INDEX('p-y mono_clay'!$BG$27:$BG$5000,MATCH($B13,'p-y mono_clay'!$C$27:$C$5000,1)))</f>
        <v>241.8307904320024</v>
      </c>
      <c r="T13">
        <f>IF($D13="SAND",INDEX('p-y sand'!$AG$27:$AG$5000,MATCH($B13,'p-y sand'!$C$27:$C$82,1)),INDEX('p-y mono_clay'!$AT$27:$AT$5000,MATCH($B13,'p-y mono_clay'!$C$27:$C$5000,1)))</f>
        <v>64</v>
      </c>
      <c r="U13">
        <f>IF($D13="SAND",INDEX('p-y sand'!$AU$27:$AU$5000,MATCH($B13,'p-y sand'!$C$27:$C$5000,1)),INDEX('p-y mono_clay'!$BH$27:$BH$5000,MATCH($B13,'p-y mono_clay'!$C$27:$C$5000,1)))</f>
        <v>276.37804620800279</v>
      </c>
      <c r="V13">
        <f>IF($D13="SAND",INDEX('p-y sand'!$AH$27:$AH$5000,MATCH($B13,'p-y sand'!$C$27:$C$82,1)),INDEX('p-y mono_clay'!$AU$27:$AU$5000,MATCH($B13,'p-y mono_clay'!$C$27:$C$5000,1)))</f>
        <v>100</v>
      </c>
      <c r="W13">
        <f>IF($D13="SAND",INDEX('p-y sand'!$AV$27:$AV$5000,MATCH($B13,'p-y sand'!$C$27:$C$5000,1)),INDEX('p-y mono_clay'!$BI$27:$BI$5000,MATCH($B13,'p-y mono_clay'!$C$27:$C$5000,1)))</f>
        <v>310.92530198400311</v>
      </c>
      <c r="X13">
        <f>IF($D13="SAND",INDEX('p-y sand'!$AI$27:$AI$5000,MATCH($B13,'p-y sand'!$C$27:$C$82,1)),INDEX('p-y mono_clay'!$AV$27:$AV$5000,MATCH($B13,'p-y mono_clay'!$C$27:$C$5000,1)))</f>
        <v>164</v>
      </c>
      <c r="Y13">
        <f>IF($D13="SAND",INDEX('p-y sand'!$AW$27:$AW$5000,MATCH($B13,'p-y sand'!$C$27:$C$5000,1)),INDEX('p-y mono_clay'!$BJ$27:$BJ$5000,MATCH($B13,'p-y mono_clay'!$C$27:$C$5000,1)))</f>
        <v>336.83574381600334</v>
      </c>
      <c r="Z13">
        <f>IF($D13="SAND",INDEX('p-y sand'!$AJ$27:$AJ$5000,MATCH($B13,'p-y sand'!$C$27:$C$82,1)),INDEX('p-y mono_clay'!$AW$27:$AW$5000,MATCH($B13,'p-y mono_clay'!$C$27:$C$5000,1)))</f>
        <v>300</v>
      </c>
      <c r="AA13">
        <f>IF($D13="SAND",INDEX('p-y sand'!$AX$27:$AX$5000,MATCH($B13,'p-y sand'!$C$27:$C$5000,1)),INDEX('p-y mono_clay'!$BK$27:$BK$5000,MATCH($B13,'p-y mono_clay'!$C$27:$C$5000,1)))</f>
        <v>345.47255776000344</v>
      </c>
      <c r="AB13">
        <f>IF($D13="SAND",INDEX('p-y sand'!$AK$27:$AK$5000,MATCH($B13,'p-y sand'!$C$27:$C$82,1)),INDEX('p-y mono_clay'!$AX$27:$AX$5000,MATCH($B13,'p-y mono_clay'!$C$27:$C$5000,1)))</f>
        <v>500</v>
      </c>
      <c r="AC13">
        <f>IF($D13="SAND",INDEX('p-y sand'!$AY$27:$AY$5000,MATCH($B13,'p-y sand'!$C$27:$C$5000,1)),INDEX('p-y mono_clay'!$BL$27:$BL$5000,MATCH($B13,'p-y mono_clay'!$C$27:$C$5000,1)))</f>
        <v>345.47255776000344</v>
      </c>
      <c r="AD13" s="98">
        <f>IF($D13="SAND",INDEX('p-y sand'!$AL$27:$AL$5000,MATCH($B13,'p-y sand'!$C$27:$C$82,1)),INDEX('p-y mono_clay'!$AY$27:$AY$5000,MATCH($B13,'p-y mono_clay'!$C$27:$C$5000,1)))</f>
        <v>6000</v>
      </c>
    </row>
    <row r="14" spans="1:30" x14ac:dyDescent="0.2">
      <c r="A14" s="214">
        <f t="shared" si="0"/>
        <v>-24.5</v>
      </c>
      <c r="B14" s="216">
        <f>'p-y mono_clay'!C35</f>
        <v>9</v>
      </c>
      <c r="C14">
        <f>INDEX('CPT Data'!$C$13:$C$20000,MATCH(B14,'CPT Data'!$B$13:$B$20000,1))</f>
        <v>8.9459999999999997</v>
      </c>
      <c r="D14" s="216" t="str">
        <f>INDEX('CPT Data'!$P$13:$P$20000,MATCH(B14,'CPT Data'!$B$13:$B$20000,1))</f>
        <v>CLAY</v>
      </c>
      <c r="E14">
        <f>IF($D14="SAND",INDEX('p-y sand'!$AM$27:$AM$20000,MATCH($B14,'p-y sand'!$C$27:$C$20000,1)),INDEX('p-y mono_clay'!$AZ$27:$AZ$20000,MATCH($B14,'p-y mono_clay'!$C$27:$C$20000,1)))</f>
        <v>0</v>
      </c>
      <c r="F14">
        <f>IF($D14="SAND",INDEX('p-y sand'!$Z$27:$Z$5000,MATCH($B14,'p-y sand'!$C$27:$C$82,1)),INDEX('p-y mono_clay'!$AM$27:$AM$5000,MATCH($B14,'p-y mono_clay'!$C$27:$C$5000,1)))</f>
        <v>0</v>
      </c>
      <c r="G14">
        <f>IF($D14="SAND",INDEX('p-y sand'!$AN$27:$AN$5000,MATCH($B14,'p-y sand'!$C$27:$C$5000,1)),INDEX('p-y mono_clay'!$BA$27:$BA$5000,MATCH($B14,'p-y mono_clay'!$C$27:$C$5000,1)))</f>
        <v>19.286820312406334</v>
      </c>
      <c r="H14">
        <f>IF($D14="SAND",INDEX('p-y sand'!$AA$27:$AA$5000,MATCH($B14,'p-y sand'!$C$27:$C$82,1)),INDEX('p-y mono_clay'!$AN$27:$AN$5000,MATCH($B14,'p-y mono_clay'!$C$27:$C$5000,1)))</f>
        <v>0.6</v>
      </c>
      <c r="I14">
        <f>IF($D14="SAND",INDEX('p-y sand'!$AO$27:$AO$5000,MATCH($B14,'p-y sand'!$C$27:$C$5000,1)),INDEX('p-y mono_clay'!$BB$27:$BB$5000,MATCH($B14,'p-y mono_clay'!$C$27:$C$5000,1)))</f>
        <v>77.147281249625337</v>
      </c>
      <c r="J14">
        <f>IF($D14="SAND",INDEX('p-y sand'!$AB$27:$AB$5000,MATCH($B14,'p-y sand'!$C$27:$C$82,1)),INDEX('p-y mono_clay'!$AO$27:$AO$5000,MATCH($B14,'p-y mono_clay'!$C$27:$C$5000,1)))</f>
        <v>6</v>
      </c>
      <c r="K14">
        <f>IF($D14="SAND",INDEX('p-y sand'!$AP$27:$AP$5000,MATCH($B14,'p-y sand'!$C$27:$C$5000,1)),INDEX('p-y mono_clay'!$BC$27:$BC$5000,MATCH($B14,'p-y mono_clay'!$C$27:$C$5000,1)))</f>
        <v>115.72092187443798</v>
      </c>
      <c r="L14">
        <f>IF($D14="SAND",INDEX('p-y sand'!$AC$27:$AC$5000,MATCH($B14,'p-y sand'!$C$27:$C$82,1)),INDEX('p-y mono_clay'!$AP$27:$AP$5000,MATCH($B14,'p-y mono_clay'!$C$27:$C$5000,1)))</f>
        <v>10.6</v>
      </c>
      <c r="M14">
        <f>IF($D14="SAND",INDEX('p-y sand'!$AQ$27:$AQ$5000,MATCH($B14,'p-y sand'!$C$27:$C$5000,1)),INDEX('p-y mono_clay'!$BD$27:$BD$5000,MATCH($B14,'p-y mono_clay'!$C$27:$C$5000,1)))</f>
        <v>154.29456249925067</v>
      </c>
      <c r="N14">
        <f>IF($D14="SAND",INDEX('p-y sand'!$AD$27:$AD$5000,MATCH($B14,'p-y sand'!$C$27:$C$82,1)),INDEX('p-y mono_clay'!$AQ$27:$AQ$5000,MATCH($B14,'p-y mono_clay'!$C$27:$C$5000,1)))</f>
        <v>18</v>
      </c>
      <c r="O14">
        <f>IF($D14="SAND",INDEX('p-y sand'!$AR$27:$AR$5000,MATCH($B14,'p-y sand'!$C$27:$C$5000,1)),INDEX('p-y mono_clay'!$BE$27:$BE$5000,MATCH($B14,'p-y mono_clay'!$C$27:$C$5000,1)))</f>
        <v>192.86820312406331</v>
      </c>
      <c r="P14">
        <f>IF($D14="SAND",INDEX('p-y sand'!$AE$27:$AE$5000,MATCH($B14,'p-y sand'!$C$27:$C$82,1)),INDEX('p-y mono_clay'!$AR$27:$AR$5000,MATCH($B14,'p-y mono_clay'!$C$27:$C$5000,1)))</f>
        <v>28</v>
      </c>
      <c r="Q14">
        <f>IF($D14="SAND",INDEX('p-y sand'!$AS$27:$AS$5000,MATCH($B14,'p-y sand'!$C$27:$C$5000,1)),INDEX('p-y mono_clay'!$BF$27:$BF$5000,MATCH($B14,'p-y mono_clay'!$C$27:$C$5000,1)))</f>
        <v>231.44184374887595</v>
      </c>
      <c r="R14">
        <f>IF($D14="SAND",INDEX('p-y sand'!$AF$27:$AF$5000,MATCH($B14,'p-y sand'!$C$27:$C$82,1)),INDEX('p-y mono_clay'!$AS$27:$AS$5000,MATCH($B14,'p-y mono_clay'!$C$27:$C$5000,1)))</f>
        <v>44</v>
      </c>
      <c r="S14">
        <f>IF($D14="SAND",INDEX('p-y sand'!$AT$27:$AT$5000,MATCH($B14,'p-y sand'!$C$27:$C$5000,1)),INDEX('p-y mono_clay'!$BG$27:$BG$5000,MATCH($B14,'p-y mono_clay'!$C$27:$C$5000,1)))</f>
        <v>270.01548437368859</v>
      </c>
      <c r="T14">
        <f>IF($D14="SAND",INDEX('p-y sand'!$AG$27:$AG$5000,MATCH($B14,'p-y sand'!$C$27:$C$82,1)),INDEX('p-y mono_clay'!$AT$27:$AT$5000,MATCH($B14,'p-y mono_clay'!$C$27:$C$5000,1)))</f>
        <v>64</v>
      </c>
      <c r="U14">
        <f>IF($D14="SAND",INDEX('p-y sand'!$AU$27:$AU$5000,MATCH($B14,'p-y sand'!$C$27:$C$5000,1)),INDEX('p-y mono_clay'!$BH$27:$BH$5000,MATCH($B14,'p-y mono_clay'!$C$27:$C$5000,1)))</f>
        <v>308.58912499850135</v>
      </c>
      <c r="V14">
        <f>IF($D14="SAND",INDEX('p-y sand'!$AH$27:$AH$5000,MATCH($B14,'p-y sand'!$C$27:$C$82,1)),INDEX('p-y mono_clay'!$AU$27:$AU$5000,MATCH($B14,'p-y mono_clay'!$C$27:$C$5000,1)))</f>
        <v>100</v>
      </c>
      <c r="W14">
        <f>IF($D14="SAND",INDEX('p-y sand'!$AV$27:$AV$5000,MATCH($B14,'p-y sand'!$C$27:$C$5000,1)),INDEX('p-y mono_clay'!$BI$27:$BI$5000,MATCH($B14,'p-y mono_clay'!$C$27:$C$5000,1)))</f>
        <v>347.16276562331399</v>
      </c>
      <c r="X14">
        <f>IF($D14="SAND",INDEX('p-y sand'!$AI$27:$AI$5000,MATCH($B14,'p-y sand'!$C$27:$C$82,1)),INDEX('p-y mono_clay'!$AV$27:$AV$5000,MATCH($B14,'p-y mono_clay'!$C$27:$C$5000,1)))</f>
        <v>164</v>
      </c>
      <c r="Y14">
        <f>IF($D14="SAND",INDEX('p-y sand'!$AW$27:$AW$5000,MATCH($B14,'p-y sand'!$C$27:$C$5000,1)),INDEX('p-y mono_clay'!$BJ$27:$BJ$5000,MATCH($B14,'p-y mono_clay'!$C$27:$C$5000,1)))</f>
        <v>376.09299609192345</v>
      </c>
      <c r="Z14">
        <f>IF($D14="SAND",INDEX('p-y sand'!$AJ$27:$AJ$5000,MATCH($B14,'p-y sand'!$C$27:$C$82,1)),INDEX('p-y mono_clay'!$AW$27:$AW$5000,MATCH($B14,'p-y mono_clay'!$C$27:$C$5000,1)))</f>
        <v>300</v>
      </c>
      <c r="AA14">
        <f>IF($D14="SAND",INDEX('p-y sand'!$AX$27:$AX$5000,MATCH($B14,'p-y sand'!$C$27:$C$5000,1)),INDEX('p-y mono_clay'!$BK$27:$BK$5000,MATCH($B14,'p-y mono_clay'!$C$27:$C$5000,1)))</f>
        <v>385.73640624812663</v>
      </c>
      <c r="AB14">
        <f>IF($D14="SAND",INDEX('p-y sand'!$AK$27:$AK$5000,MATCH($B14,'p-y sand'!$C$27:$C$82,1)),INDEX('p-y mono_clay'!$AX$27:$AX$5000,MATCH($B14,'p-y mono_clay'!$C$27:$C$5000,1)))</f>
        <v>500</v>
      </c>
      <c r="AC14">
        <f>IF($D14="SAND",INDEX('p-y sand'!$AY$27:$AY$5000,MATCH($B14,'p-y sand'!$C$27:$C$5000,1)),INDEX('p-y mono_clay'!$BL$27:$BL$5000,MATCH($B14,'p-y mono_clay'!$C$27:$C$5000,1)))</f>
        <v>385.73640624812663</v>
      </c>
      <c r="AD14" s="98">
        <f>IF($D14="SAND",INDEX('p-y sand'!$AL$27:$AL$5000,MATCH($B14,'p-y sand'!$C$27:$C$82,1)),INDEX('p-y mono_clay'!$AY$27:$AY$5000,MATCH($B14,'p-y mono_clay'!$C$27:$C$5000,1)))</f>
        <v>6000</v>
      </c>
    </row>
    <row r="15" spans="1:30" x14ac:dyDescent="0.2">
      <c r="A15" s="214">
        <f t="shared" si="0"/>
        <v>-25.5</v>
      </c>
      <c r="B15" s="216">
        <f>'p-y mono_clay'!C36</f>
        <v>10</v>
      </c>
      <c r="C15">
        <f>INDEX('CPT Data'!$C$13:$C$20000,MATCH(B15,'CPT Data'!$B$13:$B$20000,1))</f>
        <v>9.9860000000000007</v>
      </c>
      <c r="D15" s="216" t="str">
        <f>INDEX('CPT Data'!$P$13:$P$20000,MATCH(B15,'CPT Data'!$B$13:$B$20000,1))</f>
        <v>CLAY</v>
      </c>
      <c r="E15">
        <f>IF($D15="SAND",INDEX('p-y sand'!$AM$27:$AM$20000,MATCH($B15,'p-y sand'!$C$27:$C$20000,1)),INDEX('p-y mono_clay'!$AZ$27:$AZ$20000,MATCH($B15,'p-y mono_clay'!$C$27:$C$20000,1)))</f>
        <v>0</v>
      </c>
      <c r="F15">
        <f>IF($D15="SAND",INDEX('p-y sand'!$Z$27:$Z$5000,MATCH($B15,'p-y sand'!$C$27:$C$82,1)),INDEX('p-y mono_clay'!$AM$27:$AM$5000,MATCH($B15,'p-y mono_clay'!$C$27:$C$5000,1)))</f>
        <v>0</v>
      </c>
      <c r="G15">
        <f>IF($D15="SAND",INDEX('p-y sand'!$AN$27:$AN$5000,MATCH($B15,'p-y sand'!$C$27:$C$5000,1)),INDEX('p-y mono_clay'!$BA$27:$BA$5000,MATCH($B15,'p-y mono_clay'!$C$27:$C$5000,1)))</f>
        <v>20.13232395031126</v>
      </c>
      <c r="H15">
        <f>IF($D15="SAND",INDEX('p-y sand'!$AA$27:$AA$5000,MATCH($B15,'p-y sand'!$C$27:$C$82,1)),INDEX('p-y mono_clay'!$AN$27:$AN$5000,MATCH($B15,'p-y mono_clay'!$C$27:$C$5000,1)))</f>
        <v>0.6</v>
      </c>
      <c r="I15">
        <f>IF($D15="SAND",INDEX('p-y sand'!$AO$27:$AO$5000,MATCH($B15,'p-y sand'!$C$27:$C$5000,1)),INDEX('p-y mono_clay'!$BB$27:$BB$5000,MATCH($B15,'p-y mono_clay'!$C$27:$C$5000,1)))</f>
        <v>80.529295801245041</v>
      </c>
      <c r="J15">
        <f>IF($D15="SAND",INDEX('p-y sand'!$AB$27:$AB$5000,MATCH($B15,'p-y sand'!$C$27:$C$82,1)),INDEX('p-y mono_clay'!$AO$27:$AO$5000,MATCH($B15,'p-y mono_clay'!$C$27:$C$5000,1)))</f>
        <v>6</v>
      </c>
      <c r="K15">
        <f>IF($D15="SAND",INDEX('p-y sand'!$AP$27:$AP$5000,MATCH($B15,'p-y sand'!$C$27:$C$5000,1)),INDEX('p-y mono_clay'!$BC$27:$BC$5000,MATCH($B15,'p-y mono_clay'!$C$27:$C$5000,1)))</f>
        <v>120.79394370186753</v>
      </c>
      <c r="L15">
        <f>IF($D15="SAND",INDEX('p-y sand'!$AC$27:$AC$5000,MATCH($B15,'p-y sand'!$C$27:$C$82,1)),INDEX('p-y mono_clay'!$AP$27:$AP$5000,MATCH($B15,'p-y mono_clay'!$C$27:$C$5000,1)))</f>
        <v>10.6</v>
      </c>
      <c r="M15">
        <f>IF($D15="SAND",INDEX('p-y sand'!$AQ$27:$AQ$5000,MATCH($B15,'p-y sand'!$C$27:$C$5000,1)),INDEX('p-y mono_clay'!$BD$27:$BD$5000,MATCH($B15,'p-y mono_clay'!$C$27:$C$5000,1)))</f>
        <v>161.05859160249008</v>
      </c>
      <c r="N15">
        <f>IF($D15="SAND",INDEX('p-y sand'!$AD$27:$AD$5000,MATCH($B15,'p-y sand'!$C$27:$C$82,1)),INDEX('p-y mono_clay'!$AQ$27:$AQ$5000,MATCH($B15,'p-y mono_clay'!$C$27:$C$5000,1)))</f>
        <v>18</v>
      </c>
      <c r="O15">
        <f>IF($D15="SAND",INDEX('p-y sand'!$AR$27:$AR$5000,MATCH($B15,'p-y sand'!$C$27:$C$5000,1)),INDEX('p-y mono_clay'!$BE$27:$BE$5000,MATCH($B15,'p-y mono_clay'!$C$27:$C$5000,1)))</f>
        <v>201.32323950311257</v>
      </c>
      <c r="P15">
        <f>IF($D15="SAND",INDEX('p-y sand'!$AE$27:$AE$5000,MATCH($B15,'p-y sand'!$C$27:$C$82,1)),INDEX('p-y mono_clay'!$AR$27:$AR$5000,MATCH($B15,'p-y mono_clay'!$C$27:$C$5000,1)))</f>
        <v>28</v>
      </c>
      <c r="Q15">
        <f>IF($D15="SAND",INDEX('p-y sand'!$AS$27:$AS$5000,MATCH($B15,'p-y sand'!$C$27:$C$5000,1)),INDEX('p-y mono_clay'!$BF$27:$BF$5000,MATCH($B15,'p-y mono_clay'!$C$27:$C$5000,1)))</f>
        <v>241.58788740373507</v>
      </c>
      <c r="R15">
        <f>IF($D15="SAND",INDEX('p-y sand'!$AF$27:$AF$5000,MATCH($B15,'p-y sand'!$C$27:$C$82,1)),INDEX('p-y mono_clay'!$AS$27:$AS$5000,MATCH($B15,'p-y mono_clay'!$C$27:$C$5000,1)))</f>
        <v>44</v>
      </c>
      <c r="S15">
        <f>IF($D15="SAND",INDEX('p-y sand'!$AT$27:$AT$5000,MATCH($B15,'p-y sand'!$C$27:$C$5000,1)),INDEX('p-y mono_clay'!$BG$27:$BG$5000,MATCH($B15,'p-y mono_clay'!$C$27:$C$5000,1)))</f>
        <v>281.85253530435756</v>
      </c>
      <c r="T15">
        <f>IF($D15="SAND",INDEX('p-y sand'!$AG$27:$AG$5000,MATCH($B15,'p-y sand'!$C$27:$C$82,1)),INDEX('p-y mono_clay'!$AT$27:$AT$5000,MATCH($B15,'p-y mono_clay'!$C$27:$C$5000,1)))</f>
        <v>64</v>
      </c>
      <c r="U15">
        <f>IF($D15="SAND",INDEX('p-y sand'!$AU$27:$AU$5000,MATCH($B15,'p-y sand'!$C$27:$C$5000,1)),INDEX('p-y mono_clay'!$BH$27:$BH$5000,MATCH($B15,'p-y mono_clay'!$C$27:$C$5000,1)))</f>
        <v>322.11718320498017</v>
      </c>
      <c r="V15">
        <f>IF($D15="SAND",INDEX('p-y sand'!$AH$27:$AH$5000,MATCH($B15,'p-y sand'!$C$27:$C$82,1)),INDEX('p-y mono_clay'!$AU$27:$AU$5000,MATCH($B15,'p-y mono_clay'!$C$27:$C$5000,1)))</f>
        <v>100</v>
      </c>
      <c r="W15">
        <f>IF($D15="SAND",INDEX('p-y sand'!$AV$27:$AV$5000,MATCH($B15,'p-y sand'!$C$27:$C$5000,1)),INDEX('p-y mono_clay'!$BI$27:$BI$5000,MATCH($B15,'p-y mono_clay'!$C$27:$C$5000,1)))</f>
        <v>362.38183110560266</v>
      </c>
      <c r="X15">
        <f>IF($D15="SAND",INDEX('p-y sand'!$AI$27:$AI$5000,MATCH($B15,'p-y sand'!$C$27:$C$82,1)),INDEX('p-y mono_clay'!$AV$27:$AV$5000,MATCH($B15,'p-y mono_clay'!$C$27:$C$5000,1)))</f>
        <v>164</v>
      </c>
      <c r="Y15">
        <f>IF($D15="SAND",INDEX('p-y sand'!$AW$27:$AW$5000,MATCH($B15,'p-y sand'!$C$27:$C$5000,1)),INDEX('p-y mono_clay'!$BJ$27:$BJ$5000,MATCH($B15,'p-y mono_clay'!$C$27:$C$5000,1)))</f>
        <v>392.58031703106951</v>
      </c>
      <c r="Z15">
        <f>IF($D15="SAND",INDEX('p-y sand'!$AJ$27:$AJ$5000,MATCH($B15,'p-y sand'!$C$27:$C$82,1)),INDEX('p-y mono_clay'!$AW$27:$AW$5000,MATCH($B15,'p-y mono_clay'!$C$27:$C$5000,1)))</f>
        <v>300</v>
      </c>
      <c r="AA15">
        <f>IF($D15="SAND",INDEX('p-y sand'!$AX$27:$AX$5000,MATCH($B15,'p-y sand'!$C$27:$C$5000,1)),INDEX('p-y mono_clay'!$BK$27:$BK$5000,MATCH($B15,'p-y mono_clay'!$C$27:$C$5000,1)))</f>
        <v>402.64647900622515</v>
      </c>
      <c r="AB15">
        <f>IF($D15="SAND",INDEX('p-y sand'!$AK$27:$AK$5000,MATCH($B15,'p-y sand'!$C$27:$C$82,1)),INDEX('p-y mono_clay'!$AX$27:$AX$5000,MATCH($B15,'p-y mono_clay'!$C$27:$C$5000,1)))</f>
        <v>500</v>
      </c>
      <c r="AC15">
        <f>IF($D15="SAND",INDEX('p-y sand'!$AY$27:$AY$5000,MATCH($B15,'p-y sand'!$C$27:$C$5000,1)),INDEX('p-y mono_clay'!$BL$27:$BL$5000,MATCH($B15,'p-y mono_clay'!$C$27:$C$5000,1)))</f>
        <v>402.64647900622515</v>
      </c>
      <c r="AD15" s="98">
        <f>IF($D15="SAND",INDEX('p-y sand'!$AL$27:$AL$5000,MATCH($B15,'p-y sand'!$C$27:$C$82,1)),INDEX('p-y mono_clay'!$AY$27:$AY$5000,MATCH($B15,'p-y mono_clay'!$C$27:$C$5000,1)))</f>
        <v>6000</v>
      </c>
    </row>
    <row r="16" spans="1:30" x14ac:dyDescent="0.2">
      <c r="A16" s="214">
        <f t="shared" si="0"/>
        <v>-26.5</v>
      </c>
      <c r="B16" s="216">
        <f>'p-y mono_clay'!C37</f>
        <v>11</v>
      </c>
      <c r="C16">
        <f>INDEX('CPT Data'!$C$13:$C$20000,MATCH(B16,'CPT Data'!$B$13:$B$20000,1))</f>
        <v>10.991</v>
      </c>
      <c r="D16" s="216" t="str">
        <f>INDEX('CPT Data'!$P$13:$P$20000,MATCH(B16,'CPT Data'!$B$13:$B$20000,1))</f>
        <v>CLAY</v>
      </c>
      <c r="E16">
        <f>IF($D16="SAND",INDEX('p-y sand'!$AM$27:$AM$20000,MATCH($B16,'p-y sand'!$C$27:$C$20000,1)),INDEX('p-y mono_clay'!$AZ$27:$AZ$20000,MATCH($B16,'p-y mono_clay'!$C$27:$C$20000,1)))</f>
        <v>0</v>
      </c>
      <c r="F16">
        <f>IF($D16="SAND",INDEX('p-y sand'!$Z$27:$Z$5000,MATCH($B16,'p-y sand'!$C$27:$C$82,1)),INDEX('p-y mono_clay'!$AM$27:$AM$5000,MATCH($B16,'p-y mono_clay'!$C$27:$C$5000,1)))</f>
        <v>0</v>
      </c>
      <c r="G16">
        <f>IF($D16="SAND",INDEX('p-y sand'!$AN$27:$AN$5000,MATCH($B16,'p-y sand'!$C$27:$C$5000,1)),INDEX('p-y mono_clay'!$BA$27:$BA$5000,MATCH($B16,'p-y mono_clay'!$C$27:$C$5000,1)))</f>
        <v>22.737213243433416</v>
      </c>
      <c r="H16">
        <f>IF($D16="SAND",INDEX('p-y sand'!$AA$27:$AA$5000,MATCH($B16,'p-y sand'!$C$27:$C$82,1)),INDEX('p-y mono_clay'!$AN$27:$AN$5000,MATCH($B16,'p-y mono_clay'!$C$27:$C$5000,1)))</f>
        <v>0.6</v>
      </c>
      <c r="I16">
        <f>IF($D16="SAND",INDEX('p-y sand'!$AO$27:$AO$5000,MATCH($B16,'p-y sand'!$C$27:$C$5000,1)),INDEX('p-y mono_clay'!$BB$27:$BB$5000,MATCH($B16,'p-y mono_clay'!$C$27:$C$5000,1)))</f>
        <v>90.948852973733665</v>
      </c>
      <c r="J16">
        <f>IF($D16="SAND",INDEX('p-y sand'!$AB$27:$AB$5000,MATCH($B16,'p-y sand'!$C$27:$C$82,1)),INDEX('p-y mono_clay'!$AO$27:$AO$5000,MATCH($B16,'p-y mono_clay'!$C$27:$C$5000,1)))</f>
        <v>6</v>
      </c>
      <c r="K16">
        <f>IF($D16="SAND",INDEX('p-y sand'!$AP$27:$AP$5000,MATCH($B16,'p-y sand'!$C$27:$C$5000,1)),INDEX('p-y mono_clay'!$BC$27:$BC$5000,MATCH($B16,'p-y mono_clay'!$C$27:$C$5000,1)))</f>
        <v>136.4232794606005</v>
      </c>
      <c r="L16">
        <f>IF($D16="SAND",INDEX('p-y sand'!$AC$27:$AC$5000,MATCH($B16,'p-y sand'!$C$27:$C$82,1)),INDEX('p-y mono_clay'!$AP$27:$AP$5000,MATCH($B16,'p-y mono_clay'!$C$27:$C$5000,1)))</f>
        <v>10.6</v>
      </c>
      <c r="M16">
        <f>IF($D16="SAND",INDEX('p-y sand'!$AQ$27:$AQ$5000,MATCH($B16,'p-y sand'!$C$27:$C$5000,1)),INDEX('p-y mono_clay'!$BD$27:$BD$5000,MATCH($B16,'p-y mono_clay'!$C$27:$C$5000,1)))</f>
        <v>181.89770594746733</v>
      </c>
      <c r="N16">
        <f>IF($D16="SAND",INDEX('p-y sand'!$AD$27:$AD$5000,MATCH($B16,'p-y sand'!$C$27:$C$82,1)),INDEX('p-y mono_clay'!$AQ$27:$AQ$5000,MATCH($B16,'p-y mono_clay'!$C$27:$C$5000,1)))</f>
        <v>18</v>
      </c>
      <c r="O16">
        <f>IF($D16="SAND",INDEX('p-y sand'!$AR$27:$AR$5000,MATCH($B16,'p-y sand'!$C$27:$C$5000,1)),INDEX('p-y mono_clay'!$BE$27:$BE$5000,MATCH($B16,'p-y mono_clay'!$C$27:$C$5000,1)))</f>
        <v>227.37213243433416</v>
      </c>
      <c r="P16">
        <f>IF($D16="SAND",INDEX('p-y sand'!$AE$27:$AE$5000,MATCH($B16,'p-y sand'!$C$27:$C$82,1)),INDEX('p-y mono_clay'!$AR$27:$AR$5000,MATCH($B16,'p-y mono_clay'!$C$27:$C$5000,1)))</f>
        <v>28</v>
      </c>
      <c r="Q16">
        <f>IF($D16="SAND",INDEX('p-y sand'!$AS$27:$AS$5000,MATCH($B16,'p-y sand'!$C$27:$C$5000,1)),INDEX('p-y mono_clay'!$BF$27:$BF$5000,MATCH($B16,'p-y mono_clay'!$C$27:$C$5000,1)))</f>
        <v>272.84655892120099</v>
      </c>
      <c r="R16">
        <f>IF($D16="SAND",INDEX('p-y sand'!$AF$27:$AF$5000,MATCH($B16,'p-y sand'!$C$27:$C$82,1)),INDEX('p-y mono_clay'!$AS$27:$AS$5000,MATCH($B16,'p-y mono_clay'!$C$27:$C$5000,1)))</f>
        <v>44</v>
      </c>
      <c r="S16">
        <f>IF($D16="SAND",INDEX('p-y sand'!$AT$27:$AT$5000,MATCH($B16,'p-y sand'!$C$27:$C$5000,1)),INDEX('p-y mono_clay'!$BG$27:$BG$5000,MATCH($B16,'p-y mono_clay'!$C$27:$C$5000,1)))</f>
        <v>318.32098540806783</v>
      </c>
      <c r="T16">
        <f>IF($D16="SAND",INDEX('p-y sand'!$AG$27:$AG$5000,MATCH($B16,'p-y sand'!$C$27:$C$82,1)),INDEX('p-y mono_clay'!$AT$27:$AT$5000,MATCH($B16,'p-y mono_clay'!$C$27:$C$5000,1)))</f>
        <v>64</v>
      </c>
      <c r="U16">
        <f>IF($D16="SAND",INDEX('p-y sand'!$AU$27:$AU$5000,MATCH($B16,'p-y sand'!$C$27:$C$5000,1)),INDEX('p-y mono_clay'!$BH$27:$BH$5000,MATCH($B16,'p-y mono_clay'!$C$27:$C$5000,1)))</f>
        <v>363.79541189493466</v>
      </c>
      <c r="V16">
        <f>IF($D16="SAND",INDEX('p-y sand'!$AH$27:$AH$5000,MATCH($B16,'p-y sand'!$C$27:$C$82,1)),INDEX('p-y mono_clay'!$AU$27:$AU$5000,MATCH($B16,'p-y mono_clay'!$C$27:$C$5000,1)))</f>
        <v>100</v>
      </c>
      <c r="W16">
        <f>IF($D16="SAND",INDEX('p-y sand'!$AV$27:$AV$5000,MATCH($B16,'p-y sand'!$C$27:$C$5000,1)),INDEX('p-y mono_clay'!$BI$27:$BI$5000,MATCH($B16,'p-y mono_clay'!$C$27:$C$5000,1)))</f>
        <v>409.26983838180149</v>
      </c>
      <c r="X16">
        <f>IF($D16="SAND",INDEX('p-y sand'!$AI$27:$AI$5000,MATCH($B16,'p-y sand'!$C$27:$C$82,1)),INDEX('p-y mono_clay'!$AV$27:$AV$5000,MATCH($B16,'p-y mono_clay'!$C$27:$C$5000,1)))</f>
        <v>164</v>
      </c>
      <c r="Y16">
        <f>IF($D16="SAND",INDEX('p-y sand'!$AW$27:$AW$5000,MATCH($B16,'p-y sand'!$C$27:$C$5000,1)),INDEX('p-y mono_clay'!$BJ$27:$BJ$5000,MATCH($B16,'p-y mono_clay'!$C$27:$C$5000,1)))</f>
        <v>443.37565824695162</v>
      </c>
      <c r="Z16">
        <f>IF($D16="SAND",INDEX('p-y sand'!$AJ$27:$AJ$5000,MATCH($B16,'p-y sand'!$C$27:$C$82,1)),INDEX('p-y mono_clay'!$AW$27:$AW$5000,MATCH($B16,'p-y mono_clay'!$C$27:$C$5000,1)))</f>
        <v>300</v>
      </c>
      <c r="AA16">
        <f>IF($D16="SAND",INDEX('p-y sand'!$AX$27:$AX$5000,MATCH($B16,'p-y sand'!$C$27:$C$5000,1)),INDEX('p-y mono_clay'!$BK$27:$BK$5000,MATCH($B16,'p-y mono_clay'!$C$27:$C$5000,1)))</f>
        <v>454.74426486866832</v>
      </c>
      <c r="AB16">
        <f>IF($D16="SAND",INDEX('p-y sand'!$AK$27:$AK$5000,MATCH($B16,'p-y sand'!$C$27:$C$82,1)),INDEX('p-y mono_clay'!$AX$27:$AX$5000,MATCH($B16,'p-y mono_clay'!$C$27:$C$5000,1)))</f>
        <v>500</v>
      </c>
      <c r="AC16">
        <f>IF($D16="SAND",INDEX('p-y sand'!$AY$27:$AY$5000,MATCH($B16,'p-y sand'!$C$27:$C$5000,1)),INDEX('p-y mono_clay'!$BL$27:$BL$5000,MATCH($B16,'p-y mono_clay'!$C$27:$C$5000,1)))</f>
        <v>454.74426486866832</v>
      </c>
      <c r="AD16" s="98">
        <f>IF($D16="SAND",INDEX('p-y sand'!$AL$27:$AL$5000,MATCH($B16,'p-y sand'!$C$27:$C$82,1)),INDEX('p-y mono_clay'!$AY$27:$AY$5000,MATCH($B16,'p-y mono_clay'!$C$27:$C$5000,1)))</f>
        <v>6000</v>
      </c>
    </row>
    <row r="17" spans="1:30" x14ac:dyDescent="0.2">
      <c r="A17" s="214">
        <f t="shared" si="0"/>
        <v>-27.5</v>
      </c>
      <c r="B17" s="216">
        <f>'p-y mono_clay'!C38</f>
        <v>12</v>
      </c>
      <c r="C17">
        <f>INDEX('CPT Data'!$C$13:$C$20000,MATCH(B17,'CPT Data'!$B$13:$B$20000,1))</f>
        <v>11.986000000000001</v>
      </c>
      <c r="D17" s="216" t="str">
        <f>INDEX('CPT Data'!$P$13:$P$20000,MATCH(B17,'CPT Data'!$B$13:$B$20000,1))</f>
        <v>CLAY</v>
      </c>
      <c r="E17">
        <f>IF($D17="SAND",INDEX('p-y sand'!$AM$27:$AM$20000,MATCH($B17,'p-y sand'!$C$27:$C$20000,1)),INDEX('p-y mono_clay'!$AZ$27:$AZ$20000,MATCH($B17,'p-y mono_clay'!$C$27:$C$20000,1)))</f>
        <v>0</v>
      </c>
      <c r="F17">
        <f>IF($D17="SAND",INDEX('p-y sand'!$Z$27:$Z$5000,MATCH($B17,'p-y sand'!$C$27:$C$82,1)),INDEX('p-y mono_clay'!$AM$27:$AM$5000,MATCH($B17,'p-y mono_clay'!$C$27:$C$5000,1)))</f>
        <v>0</v>
      </c>
      <c r="G17">
        <f>IF($D17="SAND",INDEX('p-y sand'!$AN$27:$AN$5000,MATCH($B17,'p-y sand'!$C$27:$C$5000,1)),INDEX('p-y mono_clay'!$BA$27:$BA$5000,MATCH($B17,'p-y mono_clay'!$C$27:$C$5000,1)))</f>
        <v>27.313204768161924</v>
      </c>
      <c r="H17">
        <f>IF($D17="SAND",INDEX('p-y sand'!$AA$27:$AA$5000,MATCH($B17,'p-y sand'!$C$27:$C$82,1)),INDEX('p-y mono_clay'!$AN$27:$AN$5000,MATCH($B17,'p-y mono_clay'!$C$27:$C$5000,1)))</f>
        <v>0.6</v>
      </c>
      <c r="I17">
        <f>IF($D17="SAND",INDEX('p-y sand'!$AO$27:$AO$5000,MATCH($B17,'p-y sand'!$C$27:$C$5000,1)),INDEX('p-y mono_clay'!$BB$27:$BB$5000,MATCH($B17,'p-y mono_clay'!$C$27:$C$5000,1)))</f>
        <v>109.2528190726477</v>
      </c>
      <c r="J17">
        <f>IF($D17="SAND",INDEX('p-y sand'!$AB$27:$AB$5000,MATCH($B17,'p-y sand'!$C$27:$C$82,1)),INDEX('p-y mono_clay'!$AO$27:$AO$5000,MATCH($B17,'p-y mono_clay'!$C$27:$C$5000,1)))</f>
        <v>6</v>
      </c>
      <c r="K17">
        <f>IF($D17="SAND",INDEX('p-y sand'!$AP$27:$AP$5000,MATCH($B17,'p-y sand'!$C$27:$C$5000,1)),INDEX('p-y mono_clay'!$BC$27:$BC$5000,MATCH($B17,'p-y mono_clay'!$C$27:$C$5000,1)))</f>
        <v>163.87922860897152</v>
      </c>
      <c r="L17">
        <f>IF($D17="SAND",INDEX('p-y sand'!$AC$27:$AC$5000,MATCH($B17,'p-y sand'!$C$27:$C$82,1)),INDEX('p-y mono_clay'!$AP$27:$AP$5000,MATCH($B17,'p-y mono_clay'!$C$27:$C$5000,1)))</f>
        <v>10.6</v>
      </c>
      <c r="M17">
        <f>IF($D17="SAND",INDEX('p-y sand'!$AQ$27:$AQ$5000,MATCH($B17,'p-y sand'!$C$27:$C$5000,1)),INDEX('p-y mono_clay'!$BD$27:$BD$5000,MATCH($B17,'p-y mono_clay'!$C$27:$C$5000,1)))</f>
        <v>218.50563814529539</v>
      </c>
      <c r="N17">
        <f>IF($D17="SAND",INDEX('p-y sand'!$AD$27:$AD$5000,MATCH($B17,'p-y sand'!$C$27:$C$82,1)),INDEX('p-y mono_clay'!$AQ$27:$AQ$5000,MATCH($B17,'p-y mono_clay'!$C$27:$C$5000,1)))</f>
        <v>18</v>
      </c>
      <c r="O17">
        <f>IF($D17="SAND",INDEX('p-y sand'!$AR$27:$AR$5000,MATCH($B17,'p-y sand'!$C$27:$C$5000,1)),INDEX('p-y mono_clay'!$BE$27:$BE$5000,MATCH($B17,'p-y mono_clay'!$C$27:$C$5000,1)))</f>
        <v>273.13204768161921</v>
      </c>
      <c r="P17">
        <f>IF($D17="SAND",INDEX('p-y sand'!$AE$27:$AE$5000,MATCH($B17,'p-y sand'!$C$27:$C$82,1)),INDEX('p-y mono_clay'!$AR$27:$AR$5000,MATCH($B17,'p-y mono_clay'!$C$27:$C$5000,1)))</f>
        <v>28</v>
      </c>
      <c r="Q17">
        <f>IF($D17="SAND",INDEX('p-y sand'!$AS$27:$AS$5000,MATCH($B17,'p-y sand'!$C$27:$C$5000,1)),INDEX('p-y mono_clay'!$BF$27:$BF$5000,MATCH($B17,'p-y mono_clay'!$C$27:$C$5000,1)))</f>
        <v>327.75845721794303</v>
      </c>
      <c r="R17">
        <f>IF($D17="SAND",INDEX('p-y sand'!$AF$27:$AF$5000,MATCH($B17,'p-y sand'!$C$27:$C$82,1)),INDEX('p-y mono_clay'!$AS$27:$AS$5000,MATCH($B17,'p-y mono_clay'!$C$27:$C$5000,1)))</f>
        <v>44</v>
      </c>
      <c r="S17">
        <f>IF($D17="SAND",INDEX('p-y sand'!$AT$27:$AT$5000,MATCH($B17,'p-y sand'!$C$27:$C$5000,1)),INDEX('p-y mono_clay'!$BG$27:$BG$5000,MATCH($B17,'p-y mono_clay'!$C$27:$C$5000,1)))</f>
        <v>382.38486675426685</v>
      </c>
      <c r="T17">
        <f>IF($D17="SAND",INDEX('p-y sand'!$AG$27:$AG$5000,MATCH($B17,'p-y sand'!$C$27:$C$82,1)),INDEX('p-y mono_clay'!$AT$27:$AT$5000,MATCH($B17,'p-y mono_clay'!$C$27:$C$5000,1)))</f>
        <v>64</v>
      </c>
      <c r="U17">
        <f>IF($D17="SAND",INDEX('p-y sand'!$AU$27:$AU$5000,MATCH($B17,'p-y sand'!$C$27:$C$5000,1)),INDEX('p-y mono_clay'!$BH$27:$BH$5000,MATCH($B17,'p-y mono_clay'!$C$27:$C$5000,1)))</f>
        <v>437.01127629059079</v>
      </c>
      <c r="V17">
        <f>IF($D17="SAND",INDEX('p-y sand'!$AH$27:$AH$5000,MATCH($B17,'p-y sand'!$C$27:$C$82,1)),INDEX('p-y mono_clay'!$AU$27:$AU$5000,MATCH($B17,'p-y mono_clay'!$C$27:$C$5000,1)))</f>
        <v>100</v>
      </c>
      <c r="W17">
        <f>IF($D17="SAND",INDEX('p-y sand'!$AV$27:$AV$5000,MATCH($B17,'p-y sand'!$C$27:$C$5000,1)),INDEX('p-y mono_clay'!$BI$27:$BI$5000,MATCH($B17,'p-y mono_clay'!$C$27:$C$5000,1)))</f>
        <v>491.63768582691461</v>
      </c>
      <c r="X17">
        <f>IF($D17="SAND",INDEX('p-y sand'!$AI$27:$AI$5000,MATCH($B17,'p-y sand'!$C$27:$C$82,1)),INDEX('p-y mono_clay'!$AV$27:$AV$5000,MATCH($B17,'p-y mono_clay'!$C$27:$C$5000,1)))</f>
        <v>164</v>
      </c>
      <c r="Y17">
        <f>IF($D17="SAND",INDEX('p-y sand'!$AW$27:$AW$5000,MATCH($B17,'p-y sand'!$C$27:$C$5000,1)),INDEX('p-y mono_clay'!$BJ$27:$BJ$5000,MATCH($B17,'p-y mono_clay'!$C$27:$C$5000,1)))</f>
        <v>532.60749297915743</v>
      </c>
      <c r="Z17">
        <f>IF($D17="SAND",INDEX('p-y sand'!$AJ$27:$AJ$5000,MATCH($B17,'p-y sand'!$C$27:$C$82,1)),INDEX('p-y mono_clay'!$AW$27:$AW$5000,MATCH($B17,'p-y mono_clay'!$C$27:$C$5000,1)))</f>
        <v>300</v>
      </c>
      <c r="AA17">
        <f>IF($D17="SAND",INDEX('p-y sand'!$AX$27:$AX$5000,MATCH($B17,'p-y sand'!$C$27:$C$5000,1)),INDEX('p-y mono_clay'!$BK$27:$BK$5000,MATCH($B17,'p-y mono_clay'!$C$27:$C$5000,1)))</f>
        <v>546.26409536323843</v>
      </c>
      <c r="AB17">
        <f>IF($D17="SAND",INDEX('p-y sand'!$AK$27:$AK$5000,MATCH($B17,'p-y sand'!$C$27:$C$82,1)),INDEX('p-y mono_clay'!$AX$27:$AX$5000,MATCH($B17,'p-y mono_clay'!$C$27:$C$5000,1)))</f>
        <v>500</v>
      </c>
      <c r="AC17">
        <f>IF($D17="SAND",INDEX('p-y sand'!$AY$27:$AY$5000,MATCH($B17,'p-y sand'!$C$27:$C$5000,1)),INDEX('p-y mono_clay'!$BL$27:$BL$5000,MATCH($B17,'p-y mono_clay'!$C$27:$C$5000,1)))</f>
        <v>546.26409536323843</v>
      </c>
      <c r="AD17" s="98">
        <f>IF($D17="SAND",INDEX('p-y sand'!$AL$27:$AL$5000,MATCH($B17,'p-y sand'!$C$27:$C$82,1)),INDEX('p-y mono_clay'!$AY$27:$AY$5000,MATCH($B17,'p-y mono_clay'!$C$27:$C$5000,1)))</f>
        <v>6000</v>
      </c>
    </row>
    <row r="18" spans="1:30" x14ac:dyDescent="0.2">
      <c r="A18" s="214">
        <f t="shared" si="0"/>
        <v>-28.5</v>
      </c>
      <c r="B18" s="216">
        <f>'p-y mono_clay'!C39</f>
        <v>13</v>
      </c>
      <c r="C18">
        <f>INDEX('CPT Data'!$C$13:$C$20000,MATCH(B18,'CPT Data'!$B$13:$B$20000,1))</f>
        <v>12.98</v>
      </c>
      <c r="D18" s="216" t="str">
        <f>INDEX('CPT Data'!$P$13:$P$20000,MATCH(B18,'CPT Data'!$B$13:$B$20000,1))</f>
        <v>CLAY</v>
      </c>
      <c r="E18">
        <f>IF($D18="SAND",INDEX('p-y sand'!$AM$27:$AM$20000,MATCH($B18,'p-y sand'!$C$27:$C$20000,1)),INDEX('p-y mono_clay'!$AZ$27:$AZ$20000,MATCH($B18,'p-y mono_clay'!$C$27:$C$20000,1)))</f>
        <v>0</v>
      </c>
      <c r="F18">
        <f>IF($D18="SAND",INDEX('p-y sand'!$Z$27:$Z$5000,MATCH($B18,'p-y sand'!$C$27:$C$82,1)),INDEX('p-y mono_clay'!$AM$27:$AM$5000,MATCH($B18,'p-y mono_clay'!$C$27:$C$5000,1)))</f>
        <v>0</v>
      </c>
      <c r="G18">
        <f>IF($D18="SAND",INDEX('p-y sand'!$AN$27:$AN$5000,MATCH($B18,'p-y sand'!$C$27:$C$5000,1)),INDEX('p-y mono_clay'!$BA$27:$BA$5000,MATCH($B18,'p-y mono_clay'!$C$27:$C$5000,1)))</f>
        <v>21.232929322347275</v>
      </c>
      <c r="H18">
        <f>IF($D18="SAND",INDEX('p-y sand'!$AA$27:$AA$5000,MATCH($B18,'p-y sand'!$C$27:$C$82,1)),INDEX('p-y mono_clay'!$AN$27:$AN$5000,MATCH($B18,'p-y mono_clay'!$C$27:$C$5000,1)))</f>
        <v>0.6</v>
      </c>
      <c r="I18">
        <f>IF($D18="SAND",INDEX('p-y sand'!$AO$27:$AO$5000,MATCH($B18,'p-y sand'!$C$27:$C$5000,1)),INDEX('p-y mono_clay'!$BB$27:$BB$5000,MATCH($B18,'p-y mono_clay'!$C$27:$C$5000,1)))</f>
        <v>84.931717289389098</v>
      </c>
      <c r="J18">
        <f>IF($D18="SAND",INDEX('p-y sand'!$AB$27:$AB$5000,MATCH($B18,'p-y sand'!$C$27:$C$82,1)),INDEX('p-y mono_clay'!$AO$27:$AO$5000,MATCH($B18,'p-y mono_clay'!$C$27:$C$5000,1)))</f>
        <v>6</v>
      </c>
      <c r="K18">
        <f>IF($D18="SAND",INDEX('p-y sand'!$AP$27:$AP$5000,MATCH($B18,'p-y sand'!$C$27:$C$5000,1)),INDEX('p-y mono_clay'!$BC$27:$BC$5000,MATCH($B18,'p-y mono_clay'!$C$27:$C$5000,1)))</f>
        <v>127.39757593408362</v>
      </c>
      <c r="L18">
        <f>IF($D18="SAND",INDEX('p-y sand'!$AC$27:$AC$5000,MATCH($B18,'p-y sand'!$C$27:$C$82,1)),INDEX('p-y mono_clay'!$AP$27:$AP$5000,MATCH($B18,'p-y mono_clay'!$C$27:$C$5000,1)))</f>
        <v>10.6</v>
      </c>
      <c r="M18">
        <f>IF($D18="SAND",INDEX('p-y sand'!$AQ$27:$AQ$5000,MATCH($B18,'p-y sand'!$C$27:$C$5000,1)),INDEX('p-y mono_clay'!$BD$27:$BD$5000,MATCH($B18,'p-y mono_clay'!$C$27:$C$5000,1)))</f>
        <v>169.8634345787782</v>
      </c>
      <c r="N18">
        <f>IF($D18="SAND",INDEX('p-y sand'!$AD$27:$AD$5000,MATCH($B18,'p-y sand'!$C$27:$C$82,1)),INDEX('p-y mono_clay'!$AQ$27:$AQ$5000,MATCH($B18,'p-y mono_clay'!$C$27:$C$5000,1)))</f>
        <v>18</v>
      </c>
      <c r="O18">
        <f>IF($D18="SAND",INDEX('p-y sand'!$AR$27:$AR$5000,MATCH($B18,'p-y sand'!$C$27:$C$5000,1)),INDEX('p-y mono_clay'!$BE$27:$BE$5000,MATCH($B18,'p-y mono_clay'!$C$27:$C$5000,1)))</f>
        <v>212.32929322347272</v>
      </c>
      <c r="P18">
        <f>IF($D18="SAND",INDEX('p-y sand'!$AE$27:$AE$5000,MATCH($B18,'p-y sand'!$C$27:$C$82,1)),INDEX('p-y mono_clay'!$AR$27:$AR$5000,MATCH($B18,'p-y mono_clay'!$C$27:$C$5000,1)))</f>
        <v>28</v>
      </c>
      <c r="Q18">
        <f>IF($D18="SAND",INDEX('p-y sand'!$AS$27:$AS$5000,MATCH($B18,'p-y sand'!$C$27:$C$5000,1)),INDEX('p-y mono_clay'!$BF$27:$BF$5000,MATCH($B18,'p-y mono_clay'!$C$27:$C$5000,1)))</f>
        <v>254.79515186816724</v>
      </c>
      <c r="R18">
        <f>IF($D18="SAND",INDEX('p-y sand'!$AF$27:$AF$5000,MATCH($B18,'p-y sand'!$C$27:$C$82,1)),INDEX('p-y mono_clay'!$AS$27:$AS$5000,MATCH($B18,'p-y mono_clay'!$C$27:$C$5000,1)))</f>
        <v>44</v>
      </c>
      <c r="S18">
        <f>IF($D18="SAND",INDEX('p-y sand'!$AT$27:$AT$5000,MATCH($B18,'p-y sand'!$C$27:$C$5000,1)),INDEX('p-y mono_clay'!$BG$27:$BG$5000,MATCH($B18,'p-y mono_clay'!$C$27:$C$5000,1)))</f>
        <v>297.26101051286179</v>
      </c>
      <c r="T18">
        <f>IF($D18="SAND",INDEX('p-y sand'!$AG$27:$AG$5000,MATCH($B18,'p-y sand'!$C$27:$C$82,1)),INDEX('p-y mono_clay'!$AT$27:$AT$5000,MATCH($B18,'p-y mono_clay'!$C$27:$C$5000,1)))</f>
        <v>64</v>
      </c>
      <c r="U18">
        <f>IF($D18="SAND",INDEX('p-y sand'!$AU$27:$AU$5000,MATCH($B18,'p-y sand'!$C$27:$C$5000,1)),INDEX('p-y mono_clay'!$BH$27:$BH$5000,MATCH($B18,'p-y mono_clay'!$C$27:$C$5000,1)))</f>
        <v>339.72686915755639</v>
      </c>
      <c r="V18">
        <f>IF($D18="SAND",INDEX('p-y sand'!$AH$27:$AH$5000,MATCH($B18,'p-y sand'!$C$27:$C$82,1)),INDEX('p-y mono_clay'!$AU$27:$AU$5000,MATCH($B18,'p-y mono_clay'!$C$27:$C$5000,1)))</f>
        <v>100</v>
      </c>
      <c r="W18">
        <f>IF($D18="SAND",INDEX('p-y sand'!$AV$27:$AV$5000,MATCH($B18,'p-y sand'!$C$27:$C$5000,1)),INDEX('p-y mono_clay'!$BI$27:$BI$5000,MATCH($B18,'p-y mono_clay'!$C$27:$C$5000,1)))</f>
        <v>382.19272780225089</v>
      </c>
      <c r="X18">
        <f>IF($D18="SAND",INDEX('p-y sand'!$AI$27:$AI$5000,MATCH($B18,'p-y sand'!$C$27:$C$82,1)),INDEX('p-y mono_clay'!$AV$27:$AV$5000,MATCH($B18,'p-y mono_clay'!$C$27:$C$5000,1)))</f>
        <v>164</v>
      </c>
      <c r="Y18">
        <f>IF($D18="SAND",INDEX('p-y sand'!$AW$27:$AW$5000,MATCH($B18,'p-y sand'!$C$27:$C$5000,1)),INDEX('p-y mono_clay'!$BJ$27:$BJ$5000,MATCH($B18,'p-y mono_clay'!$C$27:$C$5000,1)))</f>
        <v>414.04212178577177</v>
      </c>
      <c r="Z18">
        <f>IF($D18="SAND",INDEX('p-y sand'!$AJ$27:$AJ$5000,MATCH($B18,'p-y sand'!$C$27:$C$82,1)),INDEX('p-y mono_clay'!$AW$27:$AW$5000,MATCH($B18,'p-y mono_clay'!$C$27:$C$5000,1)))</f>
        <v>300</v>
      </c>
      <c r="AA18">
        <f>IF($D18="SAND",INDEX('p-y sand'!$AX$27:$AX$5000,MATCH($B18,'p-y sand'!$C$27:$C$5000,1)),INDEX('p-y mono_clay'!$BK$27:$BK$5000,MATCH($B18,'p-y mono_clay'!$C$27:$C$5000,1)))</f>
        <v>424.65858644694544</v>
      </c>
      <c r="AB18">
        <f>IF($D18="SAND",INDEX('p-y sand'!$AK$27:$AK$5000,MATCH($B18,'p-y sand'!$C$27:$C$82,1)),INDEX('p-y mono_clay'!$AX$27:$AX$5000,MATCH($B18,'p-y mono_clay'!$C$27:$C$5000,1)))</f>
        <v>500</v>
      </c>
      <c r="AC18">
        <f>IF($D18="SAND",INDEX('p-y sand'!$AY$27:$AY$5000,MATCH($B18,'p-y sand'!$C$27:$C$5000,1)),INDEX('p-y mono_clay'!$BL$27:$BL$5000,MATCH($B18,'p-y mono_clay'!$C$27:$C$5000,1)))</f>
        <v>424.65858644694544</v>
      </c>
      <c r="AD18" s="98">
        <f>IF($D18="SAND",INDEX('p-y sand'!$AL$27:$AL$5000,MATCH($B18,'p-y sand'!$C$27:$C$82,1)),INDEX('p-y mono_clay'!$AY$27:$AY$5000,MATCH($B18,'p-y mono_clay'!$C$27:$C$5000,1)))</f>
        <v>6000</v>
      </c>
    </row>
    <row r="19" spans="1:30" x14ac:dyDescent="0.2">
      <c r="A19" s="214">
        <f t="shared" si="0"/>
        <v>-29.5</v>
      </c>
      <c r="B19" s="216">
        <f>'p-y mono_clay'!C40</f>
        <v>14</v>
      </c>
      <c r="C19">
        <f>INDEX('CPT Data'!$C$13:$C$20000,MATCH(B19,'CPT Data'!$B$13:$B$20000,1))</f>
        <v>13.993</v>
      </c>
      <c r="D19" s="216" t="str">
        <f>INDEX('CPT Data'!$P$13:$P$20000,MATCH(B19,'CPT Data'!$B$13:$B$20000,1))</f>
        <v>CLAY</v>
      </c>
      <c r="E19">
        <f>IF($D19="SAND",INDEX('p-y sand'!$AM$27:$AM$20000,MATCH($B19,'p-y sand'!$C$27:$C$20000,1)),INDEX('p-y mono_clay'!$AZ$27:$AZ$20000,MATCH($B19,'p-y mono_clay'!$C$27:$C$20000,1)))</f>
        <v>0</v>
      </c>
      <c r="F19">
        <f>IF($D19="SAND",INDEX('p-y sand'!$Z$27:$Z$5000,MATCH($B19,'p-y sand'!$C$27:$C$82,1)),INDEX('p-y mono_clay'!$AM$27:$AM$5000,MATCH($B19,'p-y mono_clay'!$C$27:$C$5000,1)))</f>
        <v>0</v>
      </c>
      <c r="G19">
        <f>IF($D19="SAND",INDEX('p-y sand'!$AN$27:$AN$5000,MATCH($B19,'p-y sand'!$C$27:$C$5000,1)),INDEX('p-y mono_clay'!$BA$27:$BA$5000,MATCH($B19,'p-y mono_clay'!$C$27:$C$5000,1)))</f>
        <v>26.669832776875595</v>
      </c>
      <c r="H19">
        <f>IF($D19="SAND",INDEX('p-y sand'!$AA$27:$AA$5000,MATCH($B19,'p-y sand'!$C$27:$C$82,1)),INDEX('p-y mono_clay'!$AN$27:$AN$5000,MATCH($B19,'p-y mono_clay'!$C$27:$C$5000,1)))</f>
        <v>0.6</v>
      </c>
      <c r="I19">
        <f>IF($D19="SAND",INDEX('p-y sand'!$AO$27:$AO$5000,MATCH($B19,'p-y sand'!$C$27:$C$5000,1)),INDEX('p-y mono_clay'!$BB$27:$BB$5000,MATCH($B19,'p-y mono_clay'!$C$27:$C$5000,1)))</f>
        <v>106.67933110750238</v>
      </c>
      <c r="J19">
        <f>IF($D19="SAND",INDEX('p-y sand'!$AB$27:$AB$5000,MATCH($B19,'p-y sand'!$C$27:$C$82,1)),INDEX('p-y mono_clay'!$AO$27:$AO$5000,MATCH($B19,'p-y mono_clay'!$C$27:$C$5000,1)))</f>
        <v>6</v>
      </c>
      <c r="K19">
        <f>IF($D19="SAND",INDEX('p-y sand'!$AP$27:$AP$5000,MATCH($B19,'p-y sand'!$C$27:$C$5000,1)),INDEX('p-y mono_clay'!$BC$27:$BC$5000,MATCH($B19,'p-y mono_clay'!$C$27:$C$5000,1)))</f>
        <v>160.01899666125354</v>
      </c>
      <c r="L19">
        <f>IF($D19="SAND",INDEX('p-y sand'!$AC$27:$AC$5000,MATCH($B19,'p-y sand'!$C$27:$C$82,1)),INDEX('p-y mono_clay'!$AP$27:$AP$5000,MATCH($B19,'p-y mono_clay'!$C$27:$C$5000,1)))</f>
        <v>10.6</v>
      </c>
      <c r="M19">
        <f>IF($D19="SAND",INDEX('p-y sand'!$AQ$27:$AQ$5000,MATCH($B19,'p-y sand'!$C$27:$C$5000,1)),INDEX('p-y mono_clay'!$BD$27:$BD$5000,MATCH($B19,'p-y mono_clay'!$C$27:$C$5000,1)))</f>
        <v>213.35866221500476</v>
      </c>
      <c r="N19">
        <f>IF($D19="SAND",INDEX('p-y sand'!$AD$27:$AD$5000,MATCH($B19,'p-y sand'!$C$27:$C$82,1)),INDEX('p-y mono_clay'!$AQ$27:$AQ$5000,MATCH($B19,'p-y mono_clay'!$C$27:$C$5000,1)))</f>
        <v>18</v>
      </c>
      <c r="O19">
        <f>IF($D19="SAND",INDEX('p-y sand'!$AR$27:$AR$5000,MATCH($B19,'p-y sand'!$C$27:$C$5000,1)),INDEX('p-y mono_clay'!$BE$27:$BE$5000,MATCH($B19,'p-y mono_clay'!$C$27:$C$5000,1)))</f>
        <v>266.69832776875592</v>
      </c>
      <c r="P19">
        <f>IF($D19="SAND",INDEX('p-y sand'!$AE$27:$AE$5000,MATCH($B19,'p-y sand'!$C$27:$C$82,1)),INDEX('p-y mono_clay'!$AR$27:$AR$5000,MATCH($B19,'p-y mono_clay'!$C$27:$C$5000,1)))</f>
        <v>28</v>
      </c>
      <c r="Q19">
        <f>IF($D19="SAND",INDEX('p-y sand'!$AS$27:$AS$5000,MATCH($B19,'p-y sand'!$C$27:$C$5000,1)),INDEX('p-y mono_clay'!$BF$27:$BF$5000,MATCH($B19,'p-y mono_clay'!$C$27:$C$5000,1)))</f>
        <v>320.03799332250708</v>
      </c>
      <c r="R19">
        <f>IF($D19="SAND",INDEX('p-y sand'!$AF$27:$AF$5000,MATCH($B19,'p-y sand'!$C$27:$C$82,1)),INDEX('p-y mono_clay'!$AS$27:$AS$5000,MATCH($B19,'p-y mono_clay'!$C$27:$C$5000,1)))</f>
        <v>44</v>
      </c>
      <c r="S19">
        <f>IF($D19="SAND",INDEX('p-y sand'!$AT$27:$AT$5000,MATCH($B19,'p-y sand'!$C$27:$C$5000,1)),INDEX('p-y mono_clay'!$BG$27:$BG$5000,MATCH($B19,'p-y mono_clay'!$C$27:$C$5000,1)))</f>
        <v>373.37765887625824</v>
      </c>
      <c r="T19">
        <f>IF($D19="SAND",INDEX('p-y sand'!$AG$27:$AG$5000,MATCH($B19,'p-y sand'!$C$27:$C$82,1)),INDEX('p-y mono_clay'!$AT$27:$AT$5000,MATCH($B19,'p-y mono_clay'!$C$27:$C$5000,1)))</f>
        <v>64</v>
      </c>
      <c r="U19">
        <f>IF($D19="SAND",INDEX('p-y sand'!$AU$27:$AU$5000,MATCH($B19,'p-y sand'!$C$27:$C$5000,1)),INDEX('p-y mono_clay'!$BH$27:$BH$5000,MATCH($B19,'p-y mono_clay'!$C$27:$C$5000,1)))</f>
        <v>426.71732443000951</v>
      </c>
      <c r="V19">
        <f>IF($D19="SAND",INDEX('p-y sand'!$AH$27:$AH$5000,MATCH($B19,'p-y sand'!$C$27:$C$82,1)),INDEX('p-y mono_clay'!$AU$27:$AU$5000,MATCH($B19,'p-y mono_clay'!$C$27:$C$5000,1)))</f>
        <v>100</v>
      </c>
      <c r="W19">
        <f>IF($D19="SAND",INDEX('p-y sand'!$AV$27:$AV$5000,MATCH($B19,'p-y sand'!$C$27:$C$5000,1)),INDEX('p-y mono_clay'!$BI$27:$BI$5000,MATCH($B19,'p-y mono_clay'!$C$27:$C$5000,1)))</f>
        <v>480.05698998376067</v>
      </c>
      <c r="X19">
        <f>IF($D19="SAND",INDEX('p-y sand'!$AI$27:$AI$5000,MATCH($B19,'p-y sand'!$C$27:$C$82,1)),INDEX('p-y mono_clay'!$AV$27:$AV$5000,MATCH($B19,'p-y mono_clay'!$C$27:$C$5000,1)))</f>
        <v>164</v>
      </c>
      <c r="Y19">
        <f>IF($D19="SAND",INDEX('p-y sand'!$AW$27:$AW$5000,MATCH($B19,'p-y sand'!$C$27:$C$5000,1)),INDEX('p-y mono_clay'!$BJ$27:$BJ$5000,MATCH($B19,'p-y mono_clay'!$C$27:$C$5000,1)))</f>
        <v>520.06173914907401</v>
      </c>
      <c r="Z19">
        <f>IF($D19="SAND",INDEX('p-y sand'!$AJ$27:$AJ$5000,MATCH($B19,'p-y sand'!$C$27:$C$82,1)),INDEX('p-y mono_clay'!$AW$27:$AW$5000,MATCH($B19,'p-y mono_clay'!$C$27:$C$5000,1)))</f>
        <v>300</v>
      </c>
      <c r="AA19">
        <f>IF($D19="SAND",INDEX('p-y sand'!$AX$27:$AX$5000,MATCH($B19,'p-y sand'!$C$27:$C$5000,1)),INDEX('p-y mono_clay'!$BK$27:$BK$5000,MATCH($B19,'p-y mono_clay'!$C$27:$C$5000,1)))</f>
        <v>533.39665553751183</v>
      </c>
      <c r="AB19">
        <f>IF($D19="SAND",INDEX('p-y sand'!$AK$27:$AK$5000,MATCH($B19,'p-y sand'!$C$27:$C$82,1)),INDEX('p-y mono_clay'!$AX$27:$AX$5000,MATCH($B19,'p-y mono_clay'!$C$27:$C$5000,1)))</f>
        <v>500</v>
      </c>
      <c r="AC19">
        <f>IF($D19="SAND",INDEX('p-y sand'!$AY$27:$AY$5000,MATCH($B19,'p-y sand'!$C$27:$C$5000,1)),INDEX('p-y mono_clay'!$BL$27:$BL$5000,MATCH($B19,'p-y mono_clay'!$C$27:$C$5000,1)))</f>
        <v>533.39665553751183</v>
      </c>
      <c r="AD19" s="98">
        <f>IF($D19="SAND",INDEX('p-y sand'!$AL$27:$AL$5000,MATCH($B19,'p-y sand'!$C$27:$C$82,1)),INDEX('p-y mono_clay'!$AY$27:$AY$5000,MATCH($B19,'p-y mono_clay'!$C$27:$C$5000,1)))</f>
        <v>6000</v>
      </c>
    </row>
    <row r="20" spans="1:30" x14ac:dyDescent="0.2">
      <c r="A20" s="214">
        <f t="shared" si="0"/>
        <v>-30.5</v>
      </c>
      <c r="B20" s="216">
        <f>'p-y mono_clay'!C41</f>
        <v>15</v>
      </c>
      <c r="C20">
        <f>INDEX('CPT Data'!$C$13:$C$20000,MATCH(B20,'CPT Data'!$B$13:$B$20000,1))</f>
        <v>14.993</v>
      </c>
      <c r="D20" s="216" t="str">
        <f>INDEX('CPT Data'!$P$13:$P$20000,MATCH(B20,'CPT Data'!$B$13:$B$20000,1))</f>
        <v>CLAY</v>
      </c>
      <c r="E20">
        <f>IF($D20="SAND",INDEX('p-y sand'!$AM$27:$AM$20000,MATCH($B20,'p-y sand'!$C$27:$C$20000,1)),INDEX('p-y mono_clay'!$AZ$27:$AZ$20000,MATCH($B20,'p-y mono_clay'!$C$27:$C$20000,1)))</f>
        <v>0</v>
      </c>
      <c r="F20">
        <f>IF($D20="SAND",INDEX('p-y sand'!$Z$27:$Z$5000,MATCH($B20,'p-y sand'!$C$27:$C$82,1)),INDEX('p-y mono_clay'!$AM$27:$AM$5000,MATCH($B20,'p-y mono_clay'!$C$27:$C$5000,1)))</f>
        <v>0</v>
      </c>
      <c r="G20">
        <f>IF($D20="SAND",INDEX('p-y sand'!$AN$27:$AN$5000,MATCH($B20,'p-y sand'!$C$27:$C$5000,1)),INDEX('p-y mono_clay'!$BA$27:$BA$5000,MATCH($B20,'p-y mono_clay'!$C$27:$C$5000,1)))</f>
        <v>24.472670060724827</v>
      </c>
      <c r="H20">
        <f>IF($D20="SAND",INDEX('p-y sand'!$AA$27:$AA$5000,MATCH($B20,'p-y sand'!$C$27:$C$82,1)),INDEX('p-y mono_clay'!$AN$27:$AN$5000,MATCH($B20,'p-y mono_clay'!$C$27:$C$5000,1)))</f>
        <v>0.6</v>
      </c>
      <c r="I20">
        <f>IF($D20="SAND",INDEX('p-y sand'!$AO$27:$AO$5000,MATCH($B20,'p-y sand'!$C$27:$C$5000,1)),INDEX('p-y mono_clay'!$BB$27:$BB$5000,MATCH($B20,'p-y mono_clay'!$C$27:$C$5000,1)))</f>
        <v>97.890680242899307</v>
      </c>
      <c r="J20">
        <f>IF($D20="SAND",INDEX('p-y sand'!$AB$27:$AB$5000,MATCH($B20,'p-y sand'!$C$27:$C$82,1)),INDEX('p-y mono_clay'!$AO$27:$AO$5000,MATCH($B20,'p-y mono_clay'!$C$27:$C$5000,1)))</f>
        <v>6</v>
      </c>
      <c r="K20">
        <f>IF($D20="SAND",INDEX('p-y sand'!$AP$27:$AP$5000,MATCH($B20,'p-y sand'!$C$27:$C$5000,1)),INDEX('p-y mono_clay'!$BC$27:$BC$5000,MATCH($B20,'p-y mono_clay'!$C$27:$C$5000,1)))</f>
        <v>146.83602036434894</v>
      </c>
      <c r="L20">
        <f>IF($D20="SAND",INDEX('p-y sand'!$AC$27:$AC$5000,MATCH($B20,'p-y sand'!$C$27:$C$82,1)),INDEX('p-y mono_clay'!$AP$27:$AP$5000,MATCH($B20,'p-y mono_clay'!$C$27:$C$5000,1)))</f>
        <v>10.6</v>
      </c>
      <c r="M20">
        <f>IF($D20="SAND",INDEX('p-y sand'!$AQ$27:$AQ$5000,MATCH($B20,'p-y sand'!$C$27:$C$5000,1)),INDEX('p-y mono_clay'!$BD$27:$BD$5000,MATCH($B20,'p-y mono_clay'!$C$27:$C$5000,1)))</f>
        <v>195.78136048579861</v>
      </c>
      <c r="N20">
        <f>IF($D20="SAND",INDEX('p-y sand'!$AD$27:$AD$5000,MATCH($B20,'p-y sand'!$C$27:$C$82,1)),INDEX('p-y mono_clay'!$AQ$27:$AQ$5000,MATCH($B20,'p-y mono_clay'!$C$27:$C$5000,1)))</f>
        <v>18</v>
      </c>
      <c r="O20">
        <f>IF($D20="SAND",INDEX('p-y sand'!$AR$27:$AR$5000,MATCH($B20,'p-y sand'!$C$27:$C$5000,1)),INDEX('p-y mono_clay'!$BE$27:$BE$5000,MATCH($B20,'p-y mono_clay'!$C$27:$C$5000,1)))</f>
        <v>244.72670060724826</v>
      </c>
      <c r="P20">
        <f>IF($D20="SAND",INDEX('p-y sand'!$AE$27:$AE$5000,MATCH($B20,'p-y sand'!$C$27:$C$82,1)),INDEX('p-y mono_clay'!$AR$27:$AR$5000,MATCH($B20,'p-y mono_clay'!$C$27:$C$5000,1)))</f>
        <v>28</v>
      </c>
      <c r="Q20">
        <f>IF($D20="SAND",INDEX('p-y sand'!$AS$27:$AS$5000,MATCH($B20,'p-y sand'!$C$27:$C$5000,1)),INDEX('p-y mono_clay'!$BF$27:$BF$5000,MATCH($B20,'p-y mono_clay'!$C$27:$C$5000,1)))</f>
        <v>293.67204072869788</v>
      </c>
      <c r="R20">
        <f>IF($D20="SAND",INDEX('p-y sand'!$AF$27:$AF$5000,MATCH($B20,'p-y sand'!$C$27:$C$82,1)),INDEX('p-y mono_clay'!$AS$27:$AS$5000,MATCH($B20,'p-y mono_clay'!$C$27:$C$5000,1)))</f>
        <v>44</v>
      </c>
      <c r="S20">
        <f>IF($D20="SAND",INDEX('p-y sand'!$AT$27:$AT$5000,MATCH($B20,'p-y sand'!$C$27:$C$5000,1)),INDEX('p-y mono_clay'!$BG$27:$BG$5000,MATCH($B20,'p-y mono_clay'!$C$27:$C$5000,1)))</f>
        <v>342.61738085014753</v>
      </c>
      <c r="T20">
        <f>IF($D20="SAND",INDEX('p-y sand'!$AG$27:$AG$5000,MATCH($B20,'p-y sand'!$C$27:$C$82,1)),INDEX('p-y mono_clay'!$AT$27:$AT$5000,MATCH($B20,'p-y mono_clay'!$C$27:$C$5000,1)))</f>
        <v>64</v>
      </c>
      <c r="U20">
        <f>IF($D20="SAND",INDEX('p-y sand'!$AU$27:$AU$5000,MATCH($B20,'p-y sand'!$C$27:$C$5000,1)),INDEX('p-y mono_clay'!$BH$27:$BH$5000,MATCH($B20,'p-y mono_clay'!$C$27:$C$5000,1)))</f>
        <v>391.56272097159723</v>
      </c>
      <c r="V20">
        <f>IF($D20="SAND",INDEX('p-y sand'!$AH$27:$AH$5000,MATCH($B20,'p-y sand'!$C$27:$C$82,1)),INDEX('p-y mono_clay'!$AU$27:$AU$5000,MATCH($B20,'p-y mono_clay'!$C$27:$C$5000,1)))</f>
        <v>100</v>
      </c>
      <c r="W20">
        <f>IF($D20="SAND",INDEX('p-y sand'!$AV$27:$AV$5000,MATCH($B20,'p-y sand'!$C$27:$C$5000,1)),INDEX('p-y mono_clay'!$BI$27:$BI$5000,MATCH($B20,'p-y mono_clay'!$C$27:$C$5000,1)))</f>
        <v>440.50806109304688</v>
      </c>
      <c r="X20">
        <f>IF($D20="SAND",INDEX('p-y sand'!$AI$27:$AI$5000,MATCH($B20,'p-y sand'!$C$27:$C$82,1)),INDEX('p-y mono_clay'!$AV$27:$AV$5000,MATCH($B20,'p-y mono_clay'!$C$27:$C$5000,1)))</f>
        <v>164</v>
      </c>
      <c r="Y20">
        <f>IF($D20="SAND",INDEX('p-y sand'!$AW$27:$AW$5000,MATCH($B20,'p-y sand'!$C$27:$C$5000,1)),INDEX('p-y mono_clay'!$BJ$27:$BJ$5000,MATCH($B20,'p-y mono_clay'!$C$27:$C$5000,1)))</f>
        <v>477.21706618413413</v>
      </c>
      <c r="Z20">
        <f>IF($D20="SAND",INDEX('p-y sand'!$AJ$27:$AJ$5000,MATCH($B20,'p-y sand'!$C$27:$C$82,1)),INDEX('p-y mono_clay'!$AW$27:$AW$5000,MATCH($B20,'p-y mono_clay'!$C$27:$C$5000,1)))</f>
        <v>300</v>
      </c>
      <c r="AA20">
        <f>IF($D20="SAND",INDEX('p-y sand'!$AX$27:$AX$5000,MATCH($B20,'p-y sand'!$C$27:$C$5000,1)),INDEX('p-y mono_clay'!$BK$27:$BK$5000,MATCH($B20,'p-y mono_clay'!$C$27:$C$5000,1)))</f>
        <v>489.45340121449652</v>
      </c>
      <c r="AB20">
        <f>IF($D20="SAND",INDEX('p-y sand'!$AK$27:$AK$5000,MATCH($B20,'p-y sand'!$C$27:$C$82,1)),INDEX('p-y mono_clay'!$AX$27:$AX$5000,MATCH($B20,'p-y mono_clay'!$C$27:$C$5000,1)))</f>
        <v>500</v>
      </c>
      <c r="AC20">
        <f>IF($D20="SAND",INDEX('p-y sand'!$AY$27:$AY$5000,MATCH($B20,'p-y sand'!$C$27:$C$5000,1)),INDEX('p-y mono_clay'!$BL$27:$BL$5000,MATCH($B20,'p-y mono_clay'!$C$27:$C$5000,1)))</f>
        <v>489.45340121449652</v>
      </c>
      <c r="AD20" s="98">
        <f>IF($D20="SAND",INDEX('p-y sand'!$AL$27:$AL$5000,MATCH($B20,'p-y sand'!$C$27:$C$82,1)),INDEX('p-y mono_clay'!$AY$27:$AY$5000,MATCH($B20,'p-y mono_clay'!$C$27:$C$5000,1)))</f>
        <v>6000</v>
      </c>
    </row>
    <row r="21" spans="1:30" x14ac:dyDescent="0.2">
      <c r="A21" s="214">
        <f t="shared" si="0"/>
        <v>-31.5</v>
      </c>
      <c r="B21" s="216">
        <f>'p-y mono_clay'!C42</f>
        <v>16</v>
      </c>
      <c r="C21">
        <f>INDEX('CPT Data'!$C$13:$C$20000,MATCH(B21,'CPT Data'!$B$13:$B$20000,1))</f>
        <v>15.99</v>
      </c>
      <c r="D21" s="216" t="str">
        <f>INDEX('CPT Data'!$P$13:$P$20000,MATCH(B21,'CPT Data'!$B$13:$B$20000,1))</f>
        <v>CLAY</v>
      </c>
      <c r="E21">
        <f>IF($D21="SAND",INDEX('p-y sand'!$AM$27:$AM$20000,MATCH($B21,'p-y sand'!$C$27:$C$20000,1)),INDEX('p-y mono_clay'!$AZ$27:$AZ$20000,MATCH($B21,'p-y mono_clay'!$C$27:$C$20000,1)))</f>
        <v>0</v>
      </c>
      <c r="F21">
        <f>IF($D21="SAND",INDEX('p-y sand'!$Z$27:$Z$5000,MATCH($B21,'p-y sand'!$C$27:$C$82,1)),INDEX('p-y mono_clay'!$AM$27:$AM$5000,MATCH($B21,'p-y mono_clay'!$C$27:$C$5000,1)))</f>
        <v>0</v>
      </c>
      <c r="G21">
        <f>IF($D21="SAND",INDEX('p-y sand'!$AN$27:$AN$5000,MATCH($B21,'p-y sand'!$C$27:$C$5000,1)),INDEX('p-y mono_clay'!$BA$27:$BA$5000,MATCH($B21,'p-y mono_clay'!$C$27:$C$5000,1)))</f>
        <v>52.580992950624051</v>
      </c>
      <c r="H21">
        <f>IF($D21="SAND",INDEX('p-y sand'!$AA$27:$AA$5000,MATCH($B21,'p-y sand'!$C$27:$C$82,1)),INDEX('p-y mono_clay'!$AN$27:$AN$5000,MATCH($B21,'p-y mono_clay'!$C$27:$C$5000,1)))</f>
        <v>0.63524011582438533</v>
      </c>
      <c r="I21">
        <f>IF($D21="SAND",INDEX('p-y sand'!$AO$27:$AO$5000,MATCH($B21,'p-y sand'!$C$27:$C$5000,1)),INDEX('p-y mono_clay'!$BB$27:$BB$5000,MATCH($B21,'p-y mono_clay'!$C$27:$C$5000,1)))</f>
        <v>210.3239718024962</v>
      </c>
      <c r="J21">
        <f>IF($D21="SAND",INDEX('p-y sand'!$AB$27:$AB$5000,MATCH($B21,'p-y sand'!$C$27:$C$82,1)),INDEX('p-y mono_clay'!$AO$27:$AO$5000,MATCH($B21,'p-y mono_clay'!$C$27:$C$5000,1)))</f>
        <v>6.352401158243854</v>
      </c>
      <c r="K21">
        <f>IF($D21="SAND",INDEX('p-y sand'!$AP$27:$AP$5000,MATCH($B21,'p-y sand'!$C$27:$C$5000,1)),INDEX('p-y mono_clay'!$BC$27:$BC$5000,MATCH($B21,'p-y mono_clay'!$C$27:$C$5000,1)))</f>
        <v>315.48595770374425</v>
      </c>
      <c r="L21">
        <f>IF($D21="SAND",INDEX('p-y sand'!$AC$27:$AC$5000,MATCH($B21,'p-y sand'!$C$27:$C$82,1)),INDEX('p-y mono_clay'!$AP$27:$AP$5000,MATCH($B21,'p-y mono_clay'!$C$27:$C$5000,1)))</f>
        <v>11.551483127258406</v>
      </c>
      <c r="M21">
        <f>IF($D21="SAND",INDEX('p-y sand'!$AQ$27:$AQ$5000,MATCH($B21,'p-y sand'!$C$27:$C$5000,1)),INDEX('p-y mono_clay'!$BD$27:$BD$5000,MATCH($B21,'p-y mono_clay'!$C$27:$C$5000,1)))</f>
        <v>420.64794360499241</v>
      </c>
      <c r="N21">
        <f>IF($D21="SAND",INDEX('p-y sand'!$AD$27:$AD$5000,MATCH($B21,'p-y sand'!$C$27:$C$82,1)),INDEX('p-y mono_clay'!$AQ$27:$AQ$5000,MATCH($B21,'p-y mono_clay'!$C$27:$C$5000,1)))</f>
        <v>20.11440694946312</v>
      </c>
      <c r="O21">
        <f>IF($D21="SAND",INDEX('p-y sand'!$AR$27:$AR$5000,MATCH($B21,'p-y sand'!$C$27:$C$5000,1)),INDEX('p-y mono_clay'!$BE$27:$BE$5000,MATCH($B21,'p-y mono_clay'!$C$27:$C$5000,1)))</f>
        <v>525.80992950624045</v>
      </c>
      <c r="P21">
        <f>IF($D21="SAND",INDEX('p-y sand'!$AE$27:$AE$5000,MATCH($B21,'p-y sand'!$C$27:$C$82,1)),INDEX('p-y mono_clay'!$AR$27:$AR$5000,MATCH($B21,'p-y mono_clay'!$C$27:$C$5000,1)))</f>
        <v>31.52401158243854</v>
      </c>
      <c r="Q21">
        <f>IF($D21="SAND",INDEX('p-y sand'!$AS$27:$AS$5000,MATCH($B21,'p-y sand'!$C$27:$C$5000,1)),INDEX('p-y mono_clay'!$BF$27:$BF$5000,MATCH($B21,'p-y mono_clay'!$C$27:$C$5000,1)))</f>
        <v>630.9719154074885</v>
      </c>
      <c r="R21">
        <f>IF($D21="SAND",INDEX('p-y sand'!$AF$27:$AF$5000,MATCH($B21,'p-y sand'!$C$27:$C$82,1)),INDEX('p-y mono_clay'!$AS$27:$AS$5000,MATCH($B21,'p-y mono_clay'!$C$27:$C$5000,1)))</f>
        <v>48.933616215413949</v>
      </c>
      <c r="S21">
        <f>IF($D21="SAND",INDEX('p-y sand'!$AT$27:$AT$5000,MATCH($B21,'p-y sand'!$C$27:$C$5000,1)),INDEX('p-y mono_clay'!$BG$27:$BG$5000,MATCH($B21,'p-y mono_clay'!$C$27:$C$5000,1)))</f>
        <v>736.13390130873654</v>
      </c>
      <c r="T21">
        <f>IF($D21="SAND",INDEX('p-y sand'!$AG$27:$AG$5000,MATCH($B21,'p-y sand'!$C$27:$C$82,1)),INDEX('p-y mono_clay'!$AT$27:$AT$5000,MATCH($B21,'p-y mono_clay'!$C$27:$C$5000,1)))</f>
        <v>72.105226639608645</v>
      </c>
      <c r="U21">
        <f>IF($D21="SAND",INDEX('p-y sand'!$AU$27:$AU$5000,MATCH($B21,'p-y sand'!$C$27:$C$5000,1)),INDEX('p-y mono_clay'!$BH$27:$BH$5000,MATCH($B21,'p-y mono_clay'!$C$27:$C$5000,1)))</f>
        <v>841.29588720998481</v>
      </c>
      <c r="V21">
        <f>IF($D21="SAND",INDEX('p-y sand'!$AH$27:$AH$5000,MATCH($B21,'p-y sand'!$C$27:$C$82,1)),INDEX('p-y mono_clay'!$AU$27:$AU$5000,MATCH($B21,'p-y mono_clay'!$C$27:$C$5000,1)))</f>
        <v>111.98163938029103</v>
      </c>
      <c r="W21">
        <f>IF($D21="SAND",INDEX('p-y sand'!$AV$27:$AV$5000,MATCH($B21,'p-y sand'!$C$27:$C$5000,1)),INDEX('p-y mono_clay'!$BI$27:$BI$5000,MATCH($B21,'p-y mono_clay'!$C$27:$C$5000,1)))</f>
        <v>946.45787311123286</v>
      </c>
      <c r="X21">
        <f>IF($D21="SAND",INDEX('p-y sand'!$AI$27:$AI$5000,MATCH($B21,'p-y sand'!$C$27:$C$82,1)),INDEX('p-y mono_clay'!$AV$27:$AV$5000,MATCH($B21,'p-y mono_clay'!$C$27:$C$5000,1)))</f>
        <v>184.43926717814355</v>
      </c>
      <c r="Y21">
        <f>IF($D21="SAND",INDEX('p-y sand'!$AW$27:$AW$5000,MATCH($B21,'p-y sand'!$C$27:$C$5000,1)),INDEX('p-y mono_clay'!$BJ$27:$BJ$5000,MATCH($B21,'p-y mono_clay'!$C$27:$C$5000,1)))</f>
        <v>1025.3293625371689</v>
      </c>
      <c r="Z21">
        <f>IF($D21="SAND",INDEX('p-y sand'!$AJ$27:$AJ$5000,MATCH($B21,'p-y sand'!$C$27:$C$82,1)),INDEX('p-y mono_clay'!$AW$27:$AW$5000,MATCH($B21,'p-y mono_clay'!$C$27:$C$5000,1)))</f>
        <v>328.19209265950832</v>
      </c>
      <c r="AA21">
        <f>IF($D21="SAND",INDEX('p-y sand'!$AX$27:$AX$5000,MATCH($B21,'p-y sand'!$C$27:$C$5000,1)),INDEX('p-y mono_clay'!$BK$27:$BK$5000,MATCH($B21,'p-y mono_clay'!$C$27:$C$5000,1)))</f>
        <v>1051.6198590124809</v>
      </c>
      <c r="AB21">
        <f>IF($D21="SAND",INDEX('p-y sand'!$AK$27:$AK$5000,MATCH($B21,'p-y sand'!$C$27:$C$82,1)),INDEX('p-y mono_clay'!$AX$27:$AX$5000,MATCH($B21,'p-y mono_clay'!$C$27:$C$5000,1)))</f>
        <v>517.62005791219269</v>
      </c>
      <c r="AC21">
        <f>IF($D21="SAND",INDEX('p-y sand'!$AY$27:$AY$5000,MATCH($B21,'p-y sand'!$C$27:$C$5000,1)),INDEX('p-y mono_clay'!$BL$27:$BL$5000,MATCH($B21,'p-y mono_clay'!$C$27:$C$5000,1)))</f>
        <v>1051.6198590124809</v>
      </c>
      <c r="AD21" s="98">
        <f>IF($D21="SAND",INDEX('p-y sand'!$AL$27:$AL$5000,MATCH($B21,'p-y sand'!$C$27:$C$82,1)),INDEX('p-y mono_clay'!$AY$27:$AY$5000,MATCH($B21,'p-y mono_clay'!$C$27:$C$5000,1)))</f>
        <v>6000</v>
      </c>
    </row>
    <row r="22" spans="1:30" x14ac:dyDescent="0.2">
      <c r="A22" s="214">
        <f t="shared" si="0"/>
        <v>-32.5</v>
      </c>
      <c r="B22" s="216">
        <f>'p-y mono_clay'!C43</f>
        <v>17</v>
      </c>
      <c r="C22">
        <f>INDEX('CPT Data'!$C$13:$C$20000,MATCH(B22,'CPT Data'!$B$13:$B$20000,1))</f>
        <v>16.977</v>
      </c>
      <c r="D22" s="216" t="str">
        <f>INDEX('CPT Data'!$P$13:$P$20000,MATCH(B22,'CPT Data'!$B$13:$B$20000,1))</f>
        <v>CLAY</v>
      </c>
      <c r="E22">
        <f>IF($D22="SAND",INDEX('p-y sand'!$AM$27:$AM$20000,MATCH($B22,'p-y sand'!$C$27:$C$20000,1)),INDEX('p-y mono_clay'!$AZ$27:$AZ$20000,MATCH($B22,'p-y mono_clay'!$C$27:$C$20000,1)))</f>
        <v>0</v>
      </c>
      <c r="F22">
        <f>IF($D22="SAND",INDEX('p-y sand'!$Z$27:$Z$5000,MATCH($B22,'p-y sand'!$C$27:$C$82,1)),INDEX('p-y mono_clay'!$AM$27:$AM$5000,MATCH($B22,'p-y mono_clay'!$C$27:$C$5000,1)))</f>
        <v>0</v>
      </c>
      <c r="G22">
        <f>IF($D22="SAND",INDEX('p-y sand'!$AN$27:$AN$5000,MATCH($B22,'p-y sand'!$C$27:$C$5000,1)),INDEX('p-y mono_clay'!$BA$27:$BA$5000,MATCH($B22,'p-y mono_clay'!$C$27:$C$5000,1)))</f>
        <v>28.462913876347429</v>
      </c>
      <c r="H22">
        <f>IF($D22="SAND",INDEX('p-y sand'!$AA$27:$AA$5000,MATCH($B22,'p-y sand'!$C$27:$C$82,1)),INDEX('p-y mono_clay'!$AN$27:$AN$5000,MATCH($B22,'p-y mono_clay'!$C$27:$C$5000,1)))</f>
        <v>0.6</v>
      </c>
      <c r="I22">
        <f>IF($D22="SAND",INDEX('p-y sand'!$AO$27:$AO$5000,MATCH($B22,'p-y sand'!$C$27:$C$5000,1)),INDEX('p-y mono_clay'!$BB$27:$BB$5000,MATCH($B22,'p-y mono_clay'!$C$27:$C$5000,1)))</f>
        <v>113.85165550538972</v>
      </c>
      <c r="J22">
        <f>IF($D22="SAND",INDEX('p-y sand'!$AB$27:$AB$5000,MATCH($B22,'p-y sand'!$C$27:$C$82,1)),INDEX('p-y mono_clay'!$AO$27:$AO$5000,MATCH($B22,'p-y mono_clay'!$C$27:$C$5000,1)))</f>
        <v>6</v>
      </c>
      <c r="K22">
        <f>IF($D22="SAND",INDEX('p-y sand'!$AP$27:$AP$5000,MATCH($B22,'p-y sand'!$C$27:$C$5000,1)),INDEX('p-y mono_clay'!$BC$27:$BC$5000,MATCH($B22,'p-y mono_clay'!$C$27:$C$5000,1)))</f>
        <v>170.77748325808454</v>
      </c>
      <c r="L22">
        <f>IF($D22="SAND",INDEX('p-y sand'!$AC$27:$AC$5000,MATCH($B22,'p-y sand'!$C$27:$C$82,1)),INDEX('p-y mono_clay'!$AP$27:$AP$5000,MATCH($B22,'p-y mono_clay'!$C$27:$C$5000,1)))</f>
        <v>10.6</v>
      </c>
      <c r="M22">
        <f>IF($D22="SAND",INDEX('p-y sand'!$AQ$27:$AQ$5000,MATCH($B22,'p-y sand'!$C$27:$C$5000,1)),INDEX('p-y mono_clay'!$BD$27:$BD$5000,MATCH($B22,'p-y mono_clay'!$C$27:$C$5000,1)))</f>
        <v>227.70331101077943</v>
      </c>
      <c r="N22">
        <f>IF($D22="SAND",INDEX('p-y sand'!$AD$27:$AD$5000,MATCH($B22,'p-y sand'!$C$27:$C$82,1)),INDEX('p-y mono_clay'!$AQ$27:$AQ$5000,MATCH($B22,'p-y mono_clay'!$C$27:$C$5000,1)))</f>
        <v>18</v>
      </c>
      <c r="O22">
        <f>IF($D22="SAND",INDEX('p-y sand'!$AR$27:$AR$5000,MATCH($B22,'p-y sand'!$C$27:$C$5000,1)),INDEX('p-y mono_clay'!$BE$27:$BE$5000,MATCH($B22,'p-y mono_clay'!$C$27:$C$5000,1)))</f>
        <v>284.62913876347426</v>
      </c>
      <c r="P22">
        <f>IF($D22="SAND",INDEX('p-y sand'!$AE$27:$AE$5000,MATCH($B22,'p-y sand'!$C$27:$C$82,1)),INDEX('p-y mono_clay'!$AR$27:$AR$5000,MATCH($B22,'p-y mono_clay'!$C$27:$C$5000,1)))</f>
        <v>28</v>
      </c>
      <c r="Q22">
        <f>IF($D22="SAND",INDEX('p-y sand'!$AS$27:$AS$5000,MATCH($B22,'p-y sand'!$C$27:$C$5000,1)),INDEX('p-y mono_clay'!$BF$27:$BF$5000,MATCH($B22,'p-y mono_clay'!$C$27:$C$5000,1)))</f>
        <v>341.55496651616909</v>
      </c>
      <c r="R22">
        <f>IF($D22="SAND",INDEX('p-y sand'!$AF$27:$AF$5000,MATCH($B22,'p-y sand'!$C$27:$C$82,1)),INDEX('p-y mono_clay'!$AS$27:$AS$5000,MATCH($B22,'p-y mono_clay'!$C$27:$C$5000,1)))</f>
        <v>44</v>
      </c>
      <c r="S22">
        <f>IF($D22="SAND",INDEX('p-y sand'!$AT$27:$AT$5000,MATCH($B22,'p-y sand'!$C$27:$C$5000,1)),INDEX('p-y mono_clay'!$BG$27:$BG$5000,MATCH($B22,'p-y mono_clay'!$C$27:$C$5000,1)))</f>
        <v>398.48079426886392</v>
      </c>
      <c r="T22">
        <f>IF($D22="SAND",INDEX('p-y sand'!$AG$27:$AG$5000,MATCH($B22,'p-y sand'!$C$27:$C$82,1)),INDEX('p-y mono_clay'!$AT$27:$AT$5000,MATCH($B22,'p-y mono_clay'!$C$27:$C$5000,1)))</f>
        <v>64</v>
      </c>
      <c r="U22">
        <f>IF($D22="SAND",INDEX('p-y sand'!$AU$27:$AU$5000,MATCH($B22,'p-y sand'!$C$27:$C$5000,1)),INDEX('p-y mono_clay'!$BH$27:$BH$5000,MATCH($B22,'p-y mono_clay'!$C$27:$C$5000,1)))</f>
        <v>455.40662202155886</v>
      </c>
      <c r="V22">
        <f>IF($D22="SAND",INDEX('p-y sand'!$AH$27:$AH$5000,MATCH($B22,'p-y sand'!$C$27:$C$82,1)),INDEX('p-y mono_clay'!$AU$27:$AU$5000,MATCH($B22,'p-y mono_clay'!$C$27:$C$5000,1)))</f>
        <v>100</v>
      </c>
      <c r="W22">
        <f>IF($D22="SAND",INDEX('p-y sand'!$AV$27:$AV$5000,MATCH($B22,'p-y sand'!$C$27:$C$5000,1)),INDEX('p-y mono_clay'!$BI$27:$BI$5000,MATCH($B22,'p-y mono_clay'!$C$27:$C$5000,1)))</f>
        <v>512.33244977425363</v>
      </c>
      <c r="X22">
        <f>IF($D22="SAND",INDEX('p-y sand'!$AI$27:$AI$5000,MATCH($B22,'p-y sand'!$C$27:$C$82,1)),INDEX('p-y mono_clay'!$AV$27:$AV$5000,MATCH($B22,'p-y mono_clay'!$C$27:$C$5000,1)))</f>
        <v>164</v>
      </c>
      <c r="Y22">
        <f>IF($D22="SAND",INDEX('p-y sand'!$AW$27:$AW$5000,MATCH($B22,'p-y sand'!$C$27:$C$5000,1)),INDEX('p-y mono_clay'!$BJ$27:$BJ$5000,MATCH($B22,'p-y mono_clay'!$C$27:$C$5000,1)))</f>
        <v>555.02682058877474</v>
      </c>
      <c r="Z22">
        <f>IF($D22="SAND",INDEX('p-y sand'!$AJ$27:$AJ$5000,MATCH($B22,'p-y sand'!$C$27:$C$82,1)),INDEX('p-y mono_clay'!$AW$27:$AW$5000,MATCH($B22,'p-y mono_clay'!$C$27:$C$5000,1)))</f>
        <v>300</v>
      </c>
      <c r="AA22">
        <f>IF($D22="SAND",INDEX('p-y sand'!$AX$27:$AX$5000,MATCH($B22,'p-y sand'!$C$27:$C$5000,1)),INDEX('p-y mono_clay'!$BK$27:$BK$5000,MATCH($B22,'p-y mono_clay'!$C$27:$C$5000,1)))</f>
        <v>569.25827752694852</v>
      </c>
      <c r="AB22">
        <f>IF($D22="SAND",INDEX('p-y sand'!$AK$27:$AK$5000,MATCH($B22,'p-y sand'!$C$27:$C$82,1)),INDEX('p-y mono_clay'!$AX$27:$AX$5000,MATCH($B22,'p-y mono_clay'!$C$27:$C$5000,1)))</f>
        <v>500</v>
      </c>
      <c r="AC22">
        <f>IF($D22="SAND",INDEX('p-y sand'!$AY$27:$AY$5000,MATCH($B22,'p-y sand'!$C$27:$C$5000,1)),INDEX('p-y mono_clay'!$BL$27:$BL$5000,MATCH($B22,'p-y mono_clay'!$C$27:$C$5000,1)))</f>
        <v>569.25827752694852</v>
      </c>
      <c r="AD22" s="98">
        <f>IF($D22="SAND",INDEX('p-y sand'!$AL$27:$AL$5000,MATCH($B22,'p-y sand'!$C$27:$C$82,1)),INDEX('p-y mono_clay'!$AY$27:$AY$5000,MATCH($B22,'p-y mono_clay'!$C$27:$C$5000,1)))</f>
        <v>6000</v>
      </c>
    </row>
    <row r="23" spans="1:30" x14ac:dyDescent="0.2">
      <c r="A23" s="214">
        <f t="shared" si="0"/>
        <v>-33.5</v>
      </c>
      <c r="B23" s="216">
        <f>'p-y mono_clay'!C44</f>
        <v>18</v>
      </c>
      <c r="C23">
        <f>INDEX('CPT Data'!$C$13:$C$20000,MATCH(B23,'CPT Data'!$B$13:$B$20000,1))</f>
        <v>17.988999999999997</v>
      </c>
      <c r="D23" s="216" t="str">
        <f>INDEX('CPT Data'!$P$13:$P$20000,MATCH(B23,'CPT Data'!$B$13:$B$20000,1))</f>
        <v>CLAY</v>
      </c>
      <c r="E23">
        <f>IF($D23="SAND",INDEX('p-y sand'!$AM$27:$AM$20000,MATCH($B23,'p-y sand'!$C$27:$C$20000,1)),INDEX('p-y mono_clay'!$AZ$27:$AZ$20000,MATCH($B23,'p-y mono_clay'!$C$27:$C$20000,1)))</f>
        <v>0</v>
      </c>
      <c r="F23">
        <f>IF($D23="SAND",INDEX('p-y sand'!$Z$27:$Z$5000,MATCH($B23,'p-y sand'!$C$27:$C$82,1)),INDEX('p-y mono_clay'!$AM$27:$AM$5000,MATCH($B23,'p-y mono_clay'!$C$27:$C$5000,1)))</f>
        <v>0</v>
      </c>
      <c r="G23">
        <f>IF($D23="SAND",INDEX('p-y sand'!$AN$27:$AN$5000,MATCH($B23,'p-y sand'!$C$27:$C$5000,1)),INDEX('p-y mono_clay'!$BA$27:$BA$5000,MATCH($B23,'p-y mono_clay'!$C$27:$C$5000,1)))</f>
        <v>29.620356765141562</v>
      </c>
      <c r="H23">
        <f>IF($D23="SAND",INDEX('p-y sand'!$AA$27:$AA$5000,MATCH($B23,'p-y sand'!$C$27:$C$82,1)),INDEX('p-y mono_clay'!$AN$27:$AN$5000,MATCH($B23,'p-y mono_clay'!$C$27:$C$5000,1)))</f>
        <v>0.6</v>
      </c>
      <c r="I23">
        <f>IF($D23="SAND",INDEX('p-y sand'!$AO$27:$AO$5000,MATCH($B23,'p-y sand'!$C$27:$C$5000,1)),INDEX('p-y mono_clay'!$BB$27:$BB$5000,MATCH($B23,'p-y mono_clay'!$C$27:$C$5000,1)))</f>
        <v>118.48142706056625</v>
      </c>
      <c r="J23">
        <f>IF($D23="SAND",INDEX('p-y sand'!$AB$27:$AB$5000,MATCH($B23,'p-y sand'!$C$27:$C$82,1)),INDEX('p-y mono_clay'!$AO$27:$AO$5000,MATCH($B23,'p-y mono_clay'!$C$27:$C$5000,1)))</f>
        <v>6</v>
      </c>
      <c r="K23">
        <f>IF($D23="SAND",INDEX('p-y sand'!$AP$27:$AP$5000,MATCH($B23,'p-y sand'!$C$27:$C$5000,1)),INDEX('p-y mono_clay'!$BC$27:$BC$5000,MATCH($B23,'p-y mono_clay'!$C$27:$C$5000,1)))</f>
        <v>177.72214059084936</v>
      </c>
      <c r="L23">
        <f>IF($D23="SAND",INDEX('p-y sand'!$AC$27:$AC$5000,MATCH($B23,'p-y sand'!$C$27:$C$82,1)),INDEX('p-y mono_clay'!$AP$27:$AP$5000,MATCH($B23,'p-y mono_clay'!$C$27:$C$5000,1)))</f>
        <v>10.6</v>
      </c>
      <c r="M23">
        <f>IF($D23="SAND",INDEX('p-y sand'!$AQ$27:$AQ$5000,MATCH($B23,'p-y sand'!$C$27:$C$5000,1)),INDEX('p-y mono_clay'!$BD$27:$BD$5000,MATCH($B23,'p-y mono_clay'!$C$27:$C$5000,1)))</f>
        <v>236.96285412113249</v>
      </c>
      <c r="N23">
        <f>IF($D23="SAND",INDEX('p-y sand'!$AD$27:$AD$5000,MATCH($B23,'p-y sand'!$C$27:$C$82,1)),INDEX('p-y mono_clay'!$AQ$27:$AQ$5000,MATCH($B23,'p-y mono_clay'!$C$27:$C$5000,1)))</f>
        <v>18</v>
      </c>
      <c r="O23">
        <f>IF($D23="SAND",INDEX('p-y sand'!$AR$27:$AR$5000,MATCH($B23,'p-y sand'!$C$27:$C$5000,1)),INDEX('p-y mono_clay'!$BE$27:$BE$5000,MATCH($B23,'p-y mono_clay'!$C$27:$C$5000,1)))</f>
        <v>296.2035676514156</v>
      </c>
      <c r="P23">
        <f>IF($D23="SAND",INDEX('p-y sand'!$AE$27:$AE$5000,MATCH($B23,'p-y sand'!$C$27:$C$82,1)),INDEX('p-y mono_clay'!$AR$27:$AR$5000,MATCH($B23,'p-y mono_clay'!$C$27:$C$5000,1)))</f>
        <v>28</v>
      </c>
      <c r="Q23">
        <f>IF($D23="SAND",INDEX('p-y sand'!$AS$27:$AS$5000,MATCH($B23,'p-y sand'!$C$27:$C$5000,1)),INDEX('p-y mono_clay'!$BF$27:$BF$5000,MATCH($B23,'p-y mono_clay'!$C$27:$C$5000,1)))</f>
        <v>355.44428118169873</v>
      </c>
      <c r="R23">
        <f>IF($D23="SAND",INDEX('p-y sand'!$AF$27:$AF$5000,MATCH($B23,'p-y sand'!$C$27:$C$82,1)),INDEX('p-y mono_clay'!$AS$27:$AS$5000,MATCH($B23,'p-y mono_clay'!$C$27:$C$5000,1)))</f>
        <v>44</v>
      </c>
      <c r="S23">
        <f>IF($D23="SAND",INDEX('p-y sand'!$AT$27:$AT$5000,MATCH($B23,'p-y sand'!$C$27:$C$5000,1)),INDEX('p-y mono_clay'!$BG$27:$BG$5000,MATCH($B23,'p-y mono_clay'!$C$27:$C$5000,1)))</f>
        <v>414.6849947119818</v>
      </c>
      <c r="T23">
        <f>IF($D23="SAND",INDEX('p-y sand'!$AG$27:$AG$5000,MATCH($B23,'p-y sand'!$C$27:$C$82,1)),INDEX('p-y mono_clay'!$AT$27:$AT$5000,MATCH($B23,'p-y mono_clay'!$C$27:$C$5000,1)))</f>
        <v>64</v>
      </c>
      <c r="U23">
        <f>IF($D23="SAND",INDEX('p-y sand'!$AU$27:$AU$5000,MATCH($B23,'p-y sand'!$C$27:$C$5000,1)),INDEX('p-y mono_clay'!$BH$27:$BH$5000,MATCH($B23,'p-y mono_clay'!$C$27:$C$5000,1)))</f>
        <v>473.92570824226499</v>
      </c>
      <c r="V23">
        <f>IF($D23="SAND",INDEX('p-y sand'!$AH$27:$AH$5000,MATCH($B23,'p-y sand'!$C$27:$C$82,1)),INDEX('p-y mono_clay'!$AU$27:$AU$5000,MATCH($B23,'p-y mono_clay'!$C$27:$C$5000,1)))</f>
        <v>100</v>
      </c>
      <c r="W23">
        <f>IF($D23="SAND",INDEX('p-y sand'!$AV$27:$AV$5000,MATCH($B23,'p-y sand'!$C$27:$C$5000,1)),INDEX('p-y mono_clay'!$BI$27:$BI$5000,MATCH($B23,'p-y mono_clay'!$C$27:$C$5000,1)))</f>
        <v>533.16642177254812</v>
      </c>
      <c r="X23">
        <f>IF($D23="SAND",INDEX('p-y sand'!$AI$27:$AI$5000,MATCH($B23,'p-y sand'!$C$27:$C$82,1)),INDEX('p-y mono_clay'!$AV$27:$AV$5000,MATCH($B23,'p-y mono_clay'!$C$27:$C$5000,1)))</f>
        <v>164</v>
      </c>
      <c r="Y23">
        <f>IF($D23="SAND",INDEX('p-y sand'!$AW$27:$AW$5000,MATCH($B23,'p-y sand'!$C$27:$C$5000,1)),INDEX('p-y mono_clay'!$BJ$27:$BJ$5000,MATCH($B23,'p-y mono_clay'!$C$27:$C$5000,1)))</f>
        <v>577.59695692026037</v>
      </c>
      <c r="Z23">
        <f>IF($D23="SAND",INDEX('p-y sand'!$AJ$27:$AJ$5000,MATCH($B23,'p-y sand'!$C$27:$C$82,1)),INDEX('p-y mono_clay'!$AW$27:$AW$5000,MATCH($B23,'p-y mono_clay'!$C$27:$C$5000,1)))</f>
        <v>300</v>
      </c>
      <c r="AA23">
        <f>IF($D23="SAND",INDEX('p-y sand'!$AX$27:$AX$5000,MATCH($B23,'p-y sand'!$C$27:$C$5000,1)),INDEX('p-y mono_clay'!$BK$27:$BK$5000,MATCH($B23,'p-y mono_clay'!$C$27:$C$5000,1)))</f>
        <v>592.40713530283119</v>
      </c>
      <c r="AB23">
        <f>IF($D23="SAND",INDEX('p-y sand'!$AK$27:$AK$5000,MATCH($B23,'p-y sand'!$C$27:$C$82,1)),INDEX('p-y mono_clay'!$AX$27:$AX$5000,MATCH($B23,'p-y mono_clay'!$C$27:$C$5000,1)))</f>
        <v>500</v>
      </c>
      <c r="AC23">
        <f>IF($D23="SAND",INDEX('p-y sand'!$AY$27:$AY$5000,MATCH($B23,'p-y sand'!$C$27:$C$5000,1)),INDEX('p-y mono_clay'!$BL$27:$BL$5000,MATCH($B23,'p-y mono_clay'!$C$27:$C$5000,1)))</f>
        <v>592.40713530283119</v>
      </c>
      <c r="AD23" s="98">
        <f>IF($D23="SAND",INDEX('p-y sand'!$AL$27:$AL$5000,MATCH($B23,'p-y sand'!$C$27:$C$82,1)),INDEX('p-y mono_clay'!$AY$27:$AY$5000,MATCH($B23,'p-y mono_clay'!$C$27:$C$5000,1)))</f>
        <v>6000</v>
      </c>
    </row>
    <row r="24" spans="1:30" x14ac:dyDescent="0.2">
      <c r="A24" s="214">
        <f t="shared" si="0"/>
        <v>-34.5</v>
      </c>
      <c r="B24" s="216">
        <f>'p-y mono_clay'!C45</f>
        <v>19</v>
      </c>
      <c r="C24">
        <f>INDEX('CPT Data'!$C$13:$C$20000,MATCH(B24,'CPT Data'!$B$13:$B$20000,1))</f>
        <v>18.988</v>
      </c>
      <c r="D24" s="216" t="str">
        <f>INDEX('CPT Data'!$P$13:$P$20000,MATCH(B24,'CPT Data'!$B$13:$B$20000,1))</f>
        <v>CLAY</v>
      </c>
      <c r="E24">
        <f>IF($D24="SAND",INDEX('p-y sand'!$AM$27:$AM$20000,MATCH($B24,'p-y sand'!$C$27:$C$20000,1)),INDEX('p-y mono_clay'!$AZ$27:$AZ$20000,MATCH($B24,'p-y mono_clay'!$C$27:$C$20000,1)))</f>
        <v>0</v>
      </c>
      <c r="F24">
        <f>IF($D24="SAND",INDEX('p-y sand'!$Z$27:$Z$5000,MATCH($B24,'p-y sand'!$C$27:$C$82,1)),INDEX('p-y mono_clay'!$AM$27:$AM$5000,MATCH($B24,'p-y mono_clay'!$C$27:$C$5000,1)))</f>
        <v>0</v>
      </c>
      <c r="G24">
        <f>IF($D24="SAND",INDEX('p-y sand'!$AN$27:$AN$5000,MATCH($B24,'p-y sand'!$C$27:$C$5000,1)),INDEX('p-y mono_clay'!$BA$27:$BA$5000,MATCH($B24,'p-y mono_clay'!$C$27:$C$5000,1)))</f>
        <v>48.387645313208822</v>
      </c>
      <c r="H24">
        <f>IF($D24="SAND",INDEX('p-y sand'!$AA$27:$AA$5000,MATCH($B24,'p-y sand'!$C$27:$C$82,1)),INDEX('p-y mono_clay'!$AN$27:$AN$5000,MATCH($B24,'p-y mono_clay'!$C$27:$C$5000,1)))</f>
        <v>0.6</v>
      </c>
      <c r="I24">
        <f>IF($D24="SAND",INDEX('p-y sand'!$AO$27:$AO$5000,MATCH($B24,'p-y sand'!$C$27:$C$5000,1)),INDEX('p-y mono_clay'!$BB$27:$BB$5000,MATCH($B24,'p-y mono_clay'!$C$27:$C$5000,1)))</f>
        <v>193.55058125283529</v>
      </c>
      <c r="J24">
        <f>IF($D24="SAND",INDEX('p-y sand'!$AB$27:$AB$5000,MATCH($B24,'p-y sand'!$C$27:$C$82,1)),INDEX('p-y mono_clay'!$AO$27:$AO$5000,MATCH($B24,'p-y mono_clay'!$C$27:$C$5000,1)))</f>
        <v>6</v>
      </c>
      <c r="K24">
        <f>IF($D24="SAND",INDEX('p-y sand'!$AP$27:$AP$5000,MATCH($B24,'p-y sand'!$C$27:$C$5000,1)),INDEX('p-y mono_clay'!$BC$27:$BC$5000,MATCH($B24,'p-y mono_clay'!$C$27:$C$5000,1)))</f>
        <v>290.32587187925287</v>
      </c>
      <c r="L24">
        <f>IF($D24="SAND",INDEX('p-y sand'!$AC$27:$AC$5000,MATCH($B24,'p-y sand'!$C$27:$C$82,1)),INDEX('p-y mono_clay'!$AP$27:$AP$5000,MATCH($B24,'p-y mono_clay'!$C$27:$C$5000,1)))</f>
        <v>10.6</v>
      </c>
      <c r="M24">
        <f>IF($D24="SAND",INDEX('p-y sand'!$AQ$27:$AQ$5000,MATCH($B24,'p-y sand'!$C$27:$C$5000,1)),INDEX('p-y mono_clay'!$BD$27:$BD$5000,MATCH($B24,'p-y mono_clay'!$C$27:$C$5000,1)))</f>
        <v>387.10116250567057</v>
      </c>
      <c r="N24">
        <f>IF($D24="SAND",INDEX('p-y sand'!$AD$27:$AD$5000,MATCH($B24,'p-y sand'!$C$27:$C$82,1)),INDEX('p-y mono_clay'!$AQ$27:$AQ$5000,MATCH($B24,'p-y mono_clay'!$C$27:$C$5000,1)))</f>
        <v>18</v>
      </c>
      <c r="O24">
        <f>IF($D24="SAND",INDEX('p-y sand'!$AR$27:$AR$5000,MATCH($B24,'p-y sand'!$C$27:$C$5000,1)),INDEX('p-y mono_clay'!$BE$27:$BE$5000,MATCH($B24,'p-y mono_clay'!$C$27:$C$5000,1)))</f>
        <v>483.87645313208816</v>
      </c>
      <c r="P24">
        <f>IF($D24="SAND",INDEX('p-y sand'!$AE$27:$AE$5000,MATCH($B24,'p-y sand'!$C$27:$C$82,1)),INDEX('p-y mono_clay'!$AR$27:$AR$5000,MATCH($B24,'p-y mono_clay'!$C$27:$C$5000,1)))</f>
        <v>28</v>
      </c>
      <c r="Q24">
        <f>IF($D24="SAND",INDEX('p-y sand'!$AS$27:$AS$5000,MATCH($B24,'p-y sand'!$C$27:$C$5000,1)),INDEX('p-y mono_clay'!$BF$27:$BF$5000,MATCH($B24,'p-y mono_clay'!$C$27:$C$5000,1)))</f>
        <v>580.65174375850575</v>
      </c>
      <c r="R24">
        <f>IF($D24="SAND",INDEX('p-y sand'!$AF$27:$AF$5000,MATCH($B24,'p-y sand'!$C$27:$C$82,1)),INDEX('p-y mono_clay'!$AS$27:$AS$5000,MATCH($B24,'p-y mono_clay'!$C$27:$C$5000,1)))</f>
        <v>44</v>
      </c>
      <c r="S24">
        <f>IF($D24="SAND",INDEX('p-y sand'!$AT$27:$AT$5000,MATCH($B24,'p-y sand'!$C$27:$C$5000,1)),INDEX('p-y mono_clay'!$BG$27:$BG$5000,MATCH($B24,'p-y mono_clay'!$C$27:$C$5000,1)))</f>
        <v>677.42703438492333</v>
      </c>
      <c r="T24">
        <f>IF($D24="SAND",INDEX('p-y sand'!$AG$27:$AG$5000,MATCH($B24,'p-y sand'!$C$27:$C$82,1)),INDEX('p-y mono_clay'!$AT$27:$AT$5000,MATCH($B24,'p-y mono_clay'!$C$27:$C$5000,1)))</f>
        <v>64</v>
      </c>
      <c r="U24">
        <f>IF($D24="SAND",INDEX('p-y sand'!$AU$27:$AU$5000,MATCH($B24,'p-y sand'!$C$27:$C$5000,1)),INDEX('p-y mono_clay'!$BH$27:$BH$5000,MATCH($B24,'p-y mono_clay'!$C$27:$C$5000,1)))</f>
        <v>774.20232501134115</v>
      </c>
      <c r="V24">
        <f>IF($D24="SAND",INDEX('p-y sand'!$AH$27:$AH$5000,MATCH($B24,'p-y sand'!$C$27:$C$82,1)),INDEX('p-y mono_clay'!$AU$27:$AU$5000,MATCH($B24,'p-y mono_clay'!$C$27:$C$5000,1)))</f>
        <v>100</v>
      </c>
      <c r="W24">
        <f>IF($D24="SAND",INDEX('p-y sand'!$AV$27:$AV$5000,MATCH($B24,'p-y sand'!$C$27:$C$5000,1)),INDEX('p-y mono_clay'!$BI$27:$BI$5000,MATCH($B24,'p-y mono_clay'!$C$27:$C$5000,1)))</f>
        <v>870.97761563775873</v>
      </c>
      <c r="X24">
        <f>IF($D24="SAND",INDEX('p-y sand'!$AI$27:$AI$5000,MATCH($B24,'p-y sand'!$C$27:$C$82,1)),INDEX('p-y mono_clay'!$AV$27:$AV$5000,MATCH($B24,'p-y mono_clay'!$C$27:$C$5000,1)))</f>
        <v>164</v>
      </c>
      <c r="Y24">
        <f>IF($D24="SAND",INDEX('p-y sand'!$AW$27:$AW$5000,MATCH($B24,'p-y sand'!$C$27:$C$5000,1)),INDEX('p-y mono_clay'!$BJ$27:$BJ$5000,MATCH($B24,'p-y mono_clay'!$C$27:$C$5000,1)))</f>
        <v>943.55908360757189</v>
      </c>
      <c r="Z24">
        <f>IF($D24="SAND",INDEX('p-y sand'!$AJ$27:$AJ$5000,MATCH($B24,'p-y sand'!$C$27:$C$82,1)),INDEX('p-y mono_clay'!$AW$27:$AW$5000,MATCH($B24,'p-y mono_clay'!$C$27:$C$5000,1)))</f>
        <v>300</v>
      </c>
      <c r="AA24">
        <f>IF($D24="SAND",INDEX('p-y sand'!$AX$27:$AX$5000,MATCH($B24,'p-y sand'!$C$27:$C$5000,1)),INDEX('p-y mono_clay'!$BK$27:$BK$5000,MATCH($B24,'p-y mono_clay'!$C$27:$C$5000,1)))</f>
        <v>967.75290626417632</v>
      </c>
      <c r="AB24">
        <f>IF($D24="SAND",INDEX('p-y sand'!$AK$27:$AK$5000,MATCH($B24,'p-y sand'!$C$27:$C$82,1)),INDEX('p-y mono_clay'!$AX$27:$AX$5000,MATCH($B24,'p-y mono_clay'!$C$27:$C$5000,1)))</f>
        <v>500</v>
      </c>
      <c r="AC24">
        <f>IF($D24="SAND",INDEX('p-y sand'!$AY$27:$AY$5000,MATCH($B24,'p-y sand'!$C$27:$C$5000,1)),INDEX('p-y mono_clay'!$BL$27:$BL$5000,MATCH($B24,'p-y mono_clay'!$C$27:$C$5000,1)))</f>
        <v>967.75290626417632</v>
      </c>
      <c r="AD24" s="98">
        <f>IF($D24="SAND",INDEX('p-y sand'!$AL$27:$AL$5000,MATCH($B24,'p-y sand'!$C$27:$C$82,1)),INDEX('p-y mono_clay'!$AY$27:$AY$5000,MATCH($B24,'p-y mono_clay'!$C$27:$C$5000,1)))</f>
        <v>6000</v>
      </c>
    </row>
    <row r="25" spans="1:30" x14ac:dyDescent="0.2">
      <c r="A25" s="214">
        <f t="shared" si="0"/>
        <v>-35.5</v>
      </c>
      <c r="B25" s="216">
        <f>'p-y mono_clay'!C46</f>
        <v>20</v>
      </c>
      <c r="C25">
        <f>INDEX('CPT Data'!$C$13:$C$20000,MATCH(B25,'CPT Data'!$B$13:$B$20000,1))</f>
        <v>19.985999999999997</v>
      </c>
      <c r="D25" s="216" t="str">
        <f>INDEX('CPT Data'!$P$13:$P$20000,MATCH(B25,'CPT Data'!$B$13:$B$20000,1))</f>
        <v>CLAY</v>
      </c>
      <c r="E25">
        <f>IF($D25="SAND",INDEX('p-y sand'!$AM$27:$AM$20000,MATCH($B25,'p-y sand'!$C$27:$C$20000,1)),INDEX('p-y mono_clay'!$AZ$27:$AZ$20000,MATCH($B25,'p-y mono_clay'!$C$27:$C$20000,1)))</f>
        <v>0</v>
      </c>
      <c r="F25">
        <f>IF($D25="SAND",INDEX('p-y sand'!$Z$27:$Z$5000,MATCH($B25,'p-y sand'!$C$27:$C$82,1)),INDEX('p-y mono_clay'!$AM$27:$AM$5000,MATCH($B25,'p-y mono_clay'!$C$27:$C$5000,1)))</f>
        <v>0</v>
      </c>
      <c r="G25">
        <f>IF($D25="SAND",INDEX('p-y sand'!$AN$27:$AN$5000,MATCH($B25,'p-y sand'!$C$27:$C$5000,1)),INDEX('p-y mono_clay'!$BA$27:$BA$5000,MATCH($B25,'p-y mono_clay'!$C$27:$C$5000,1)))</f>
        <v>63.644374665518299</v>
      </c>
      <c r="H25">
        <f>IF($D25="SAND",INDEX('p-y sand'!$AA$27:$AA$5000,MATCH($B25,'p-y sand'!$C$27:$C$82,1)),INDEX('p-y mono_clay'!$AN$27:$AN$5000,MATCH($B25,'p-y mono_clay'!$C$27:$C$5000,1)))</f>
        <v>0.6</v>
      </c>
      <c r="I25">
        <f>IF($D25="SAND",INDEX('p-y sand'!$AO$27:$AO$5000,MATCH($B25,'p-y sand'!$C$27:$C$5000,1)),INDEX('p-y mono_clay'!$BB$27:$BB$5000,MATCH($B25,'p-y mono_clay'!$C$27:$C$5000,1)))</f>
        <v>254.5774986620732</v>
      </c>
      <c r="J25">
        <f>IF($D25="SAND",INDEX('p-y sand'!$AB$27:$AB$5000,MATCH($B25,'p-y sand'!$C$27:$C$82,1)),INDEX('p-y mono_clay'!$AO$27:$AO$5000,MATCH($B25,'p-y mono_clay'!$C$27:$C$5000,1)))</f>
        <v>6</v>
      </c>
      <c r="K25">
        <f>IF($D25="SAND",INDEX('p-y sand'!$AP$27:$AP$5000,MATCH($B25,'p-y sand'!$C$27:$C$5000,1)),INDEX('p-y mono_clay'!$BC$27:$BC$5000,MATCH($B25,'p-y mono_clay'!$C$27:$C$5000,1)))</f>
        <v>381.86624799310977</v>
      </c>
      <c r="L25">
        <f>IF($D25="SAND",INDEX('p-y sand'!$AC$27:$AC$5000,MATCH($B25,'p-y sand'!$C$27:$C$82,1)),INDEX('p-y mono_clay'!$AP$27:$AP$5000,MATCH($B25,'p-y mono_clay'!$C$27:$C$5000,1)))</f>
        <v>10.6</v>
      </c>
      <c r="M25">
        <f>IF($D25="SAND",INDEX('p-y sand'!$AQ$27:$AQ$5000,MATCH($B25,'p-y sand'!$C$27:$C$5000,1)),INDEX('p-y mono_clay'!$BD$27:$BD$5000,MATCH($B25,'p-y mono_clay'!$C$27:$C$5000,1)))</f>
        <v>509.15499732414639</v>
      </c>
      <c r="N25">
        <f>IF($D25="SAND",INDEX('p-y sand'!$AD$27:$AD$5000,MATCH($B25,'p-y sand'!$C$27:$C$82,1)),INDEX('p-y mono_clay'!$AQ$27:$AQ$5000,MATCH($B25,'p-y mono_clay'!$C$27:$C$5000,1)))</f>
        <v>18</v>
      </c>
      <c r="O25">
        <f>IF($D25="SAND",INDEX('p-y sand'!$AR$27:$AR$5000,MATCH($B25,'p-y sand'!$C$27:$C$5000,1)),INDEX('p-y mono_clay'!$BE$27:$BE$5000,MATCH($B25,'p-y mono_clay'!$C$27:$C$5000,1)))</f>
        <v>636.44374665518296</v>
      </c>
      <c r="P25">
        <f>IF($D25="SAND",INDEX('p-y sand'!$AE$27:$AE$5000,MATCH($B25,'p-y sand'!$C$27:$C$82,1)),INDEX('p-y mono_clay'!$AR$27:$AR$5000,MATCH($B25,'p-y mono_clay'!$C$27:$C$5000,1)))</f>
        <v>28</v>
      </c>
      <c r="Q25">
        <f>IF($D25="SAND",INDEX('p-y sand'!$AS$27:$AS$5000,MATCH($B25,'p-y sand'!$C$27:$C$5000,1)),INDEX('p-y mono_clay'!$BF$27:$BF$5000,MATCH($B25,'p-y mono_clay'!$C$27:$C$5000,1)))</f>
        <v>763.73249598621953</v>
      </c>
      <c r="R25">
        <f>IF($D25="SAND",INDEX('p-y sand'!$AF$27:$AF$5000,MATCH($B25,'p-y sand'!$C$27:$C$82,1)),INDEX('p-y mono_clay'!$AS$27:$AS$5000,MATCH($B25,'p-y mono_clay'!$C$27:$C$5000,1)))</f>
        <v>44</v>
      </c>
      <c r="S25">
        <f>IF($D25="SAND",INDEX('p-y sand'!$AT$27:$AT$5000,MATCH($B25,'p-y sand'!$C$27:$C$5000,1)),INDEX('p-y mono_clay'!$BG$27:$BG$5000,MATCH($B25,'p-y mono_clay'!$C$27:$C$5000,1)))</f>
        <v>891.0212453172561</v>
      </c>
      <c r="T25">
        <f>IF($D25="SAND",INDEX('p-y sand'!$AG$27:$AG$5000,MATCH($B25,'p-y sand'!$C$27:$C$82,1)),INDEX('p-y mono_clay'!$AT$27:$AT$5000,MATCH($B25,'p-y mono_clay'!$C$27:$C$5000,1)))</f>
        <v>64</v>
      </c>
      <c r="U25">
        <f>IF($D25="SAND",INDEX('p-y sand'!$AU$27:$AU$5000,MATCH($B25,'p-y sand'!$C$27:$C$5000,1)),INDEX('p-y mono_clay'!$BH$27:$BH$5000,MATCH($B25,'p-y mono_clay'!$C$27:$C$5000,1)))</f>
        <v>1018.3099946482928</v>
      </c>
      <c r="V25">
        <f>IF($D25="SAND",INDEX('p-y sand'!$AH$27:$AH$5000,MATCH($B25,'p-y sand'!$C$27:$C$82,1)),INDEX('p-y mono_clay'!$AU$27:$AU$5000,MATCH($B25,'p-y mono_clay'!$C$27:$C$5000,1)))</f>
        <v>100</v>
      </c>
      <c r="W25">
        <f>IF($D25="SAND",INDEX('p-y sand'!$AV$27:$AV$5000,MATCH($B25,'p-y sand'!$C$27:$C$5000,1)),INDEX('p-y mono_clay'!$BI$27:$BI$5000,MATCH($B25,'p-y mono_clay'!$C$27:$C$5000,1)))</f>
        <v>1145.5987439793294</v>
      </c>
      <c r="X25">
        <f>IF($D25="SAND",INDEX('p-y sand'!$AI$27:$AI$5000,MATCH($B25,'p-y sand'!$C$27:$C$82,1)),INDEX('p-y mono_clay'!$AV$27:$AV$5000,MATCH($B25,'p-y mono_clay'!$C$27:$C$5000,1)))</f>
        <v>164</v>
      </c>
      <c r="Y25">
        <f>IF($D25="SAND",INDEX('p-y sand'!$AW$27:$AW$5000,MATCH($B25,'p-y sand'!$C$27:$C$5000,1)),INDEX('p-y mono_clay'!$BJ$27:$BJ$5000,MATCH($B25,'p-y mono_clay'!$C$27:$C$5000,1)))</f>
        <v>1241.0653059776068</v>
      </c>
      <c r="Z25">
        <f>IF($D25="SAND",INDEX('p-y sand'!$AJ$27:$AJ$5000,MATCH($B25,'p-y sand'!$C$27:$C$82,1)),INDEX('p-y mono_clay'!$AW$27:$AW$5000,MATCH($B25,'p-y mono_clay'!$C$27:$C$5000,1)))</f>
        <v>300</v>
      </c>
      <c r="AA25">
        <f>IF($D25="SAND",INDEX('p-y sand'!$AX$27:$AX$5000,MATCH($B25,'p-y sand'!$C$27:$C$5000,1)),INDEX('p-y mono_clay'!$BK$27:$BK$5000,MATCH($B25,'p-y mono_clay'!$C$27:$C$5000,1)))</f>
        <v>1272.8874933103659</v>
      </c>
      <c r="AB25">
        <f>IF($D25="SAND",INDEX('p-y sand'!$AK$27:$AK$5000,MATCH($B25,'p-y sand'!$C$27:$C$82,1)),INDEX('p-y mono_clay'!$AX$27:$AX$5000,MATCH($B25,'p-y mono_clay'!$C$27:$C$5000,1)))</f>
        <v>500</v>
      </c>
      <c r="AC25">
        <f>IF($D25="SAND",INDEX('p-y sand'!$AY$27:$AY$5000,MATCH($B25,'p-y sand'!$C$27:$C$5000,1)),INDEX('p-y mono_clay'!$BL$27:$BL$5000,MATCH($B25,'p-y mono_clay'!$C$27:$C$5000,1)))</f>
        <v>1272.8874933103659</v>
      </c>
      <c r="AD25" s="98">
        <f>IF($D25="SAND",INDEX('p-y sand'!$AL$27:$AL$5000,MATCH($B25,'p-y sand'!$C$27:$C$82,1)),INDEX('p-y mono_clay'!$AY$27:$AY$5000,MATCH($B25,'p-y mono_clay'!$C$27:$C$5000,1)))</f>
        <v>6000</v>
      </c>
    </row>
    <row r="26" spans="1:30" x14ac:dyDescent="0.2">
      <c r="A26" s="214">
        <f t="shared" si="0"/>
        <v>-36.5</v>
      </c>
      <c r="B26" s="216">
        <f>'p-y mono_clay'!C47</f>
        <v>21</v>
      </c>
      <c r="C26">
        <f>INDEX('CPT Data'!$C$13:$C$20000,MATCH(B26,'CPT Data'!$B$13:$B$20000,1))</f>
        <v>20.988</v>
      </c>
      <c r="D26" s="216" t="str">
        <f>INDEX('CPT Data'!$P$13:$P$20000,MATCH(B26,'CPT Data'!$B$13:$B$20000,1))</f>
        <v>SAND</v>
      </c>
      <c r="E26">
        <f>IF($D26="SAND",INDEX('p-y sand'!$AM$27:$AM$20000,MATCH($B26,'p-y sand'!$C$27:$C$20000,1)),INDEX('p-y mono_clay'!$AZ$27:$AZ$20000,MATCH($B26,'p-y mono_clay'!$C$27:$C$20000,1)))</f>
        <v>0</v>
      </c>
      <c r="F26">
        <f>IF($D26="SAND",INDEX('p-y sand'!$Z$27:$Z$5000,MATCH($B26,'p-y sand'!$C$27:$C$82,1)),INDEX('p-y mono_clay'!$AM$27:$AM$5000,MATCH($B26,'p-y mono_clay'!$C$27:$C$5000,1)))</f>
        <v>0</v>
      </c>
      <c r="G26">
        <f>IF($D26="SAND",INDEX('p-y sand'!$AN$27:$AN$5000,MATCH($B26,'p-y sand'!$C$27:$C$5000,1)),INDEX('p-y mono_clay'!$BA$27:$BA$5000,MATCH($B26,'p-y mono_clay'!$C$27:$C$5000,1)))</f>
        <v>7337.1391099150214</v>
      </c>
      <c r="H26">
        <f>IF($D26="SAND",INDEX('p-y sand'!$AA$27:$AA$5000,MATCH($B26,'p-y sand'!$C$27:$C$82,1)),INDEX('p-y mono_clay'!$AN$27:$AN$5000,MATCH($B26,'p-y mono_clay'!$C$27:$C$5000,1)))</f>
        <v>10</v>
      </c>
      <c r="I26">
        <f>IF($D26="SAND",INDEX('p-y sand'!$AO$27:$AO$5000,MATCH($B26,'p-y sand'!$C$27:$C$5000,1)),INDEX('p-y mono_clay'!$BB$27:$BB$5000,MATCH($B26,'p-y mono_clay'!$C$27:$C$5000,1)))</f>
        <v>11735.922099349595</v>
      </c>
      <c r="J26">
        <f>IF($D26="SAND",INDEX('p-y sand'!$AB$27:$AB$5000,MATCH($B26,'p-y sand'!$C$27:$C$82,1)),INDEX('p-y mono_clay'!$AO$27:$AO$5000,MATCH($B26,'p-y mono_clay'!$C$27:$C$5000,1)))</f>
        <v>20</v>
      </c>
      <c r="K26">
        <f>IF($D26="SAND",INDEX('p-y sand'!$AP$27:$AP$5000,MATCH($B26,'p-y sand'!$C$27:$C$5000,1)),INDEX('p-y mono_clay'!$BC$27:$BC$5000,MATCH($B26,'p-y mono_clay'!$C$27:$C$5000,1)))</f>
        <v>13618.974093856164</v>
      </c>
      <c r="L26">
        <f>IF($D26="SAND",INDEX('p-y sand'!$AC$27:$AC$5000,MATCH($B26,'p-y sand'!$C$27:$C$82,1)),INDEX('p-y mono_clay'!$AP$27:$AP$5000,MATCH($B26,'p-y mono_clay'!$C$27:$C$5000,1)))</f>
        <v>30</v>
      </c>
      <c r="M26">
        <f>IF($D26="SAND",INDEX('p-y sand'!$AQ$27:$AQ$5000,MATCH($B26,'p-y sand'!$C$27:$C$5000,1)),INDEX('p-y mono_clay'!$BD$27:$BD$5000,MATCH($B26,'p-y mono_clay'!$C$27:$C$5000,1)))</f>
        <v>14307.107633977595</v>
      </c>
      <c r="N26">
        <f>IF($D26="SAND",INDEX('p-y sand'!$AD$27:$AD$5000,MATCH($B26,'p-y sand'!$C$27:$C$82,1)),INDEX('p-y mono_clay'!$AQ$27:$AQ$5000,MATCH($B26,'p-y mono_clay'!$C$27:$C$5000,1)))</f>
        <v>40</v>
      </c>
      <c r="O26">
        <f>IF($D26="SAND",INDEX('p-y sand'!$AR$27:$AR$5000,MATCH($B26,'p-y sand'!$C$27:$C$5000,1)),INDEX('p-y mono_clay'!$BE$27:$BE$5000,MATCH($B26,'p-y mono_clay'!$C$27:$C$5000,1)))</f>
        <v>14543.75031837895</v>
      </c>
      <c r="P26">
        <f>IF($D26="SAND",INDEX('p-y sand'!$AE$27:$AE$5000,MATCH($B26,'p-y sand'!$C$27:$C$82,1)),INDEX('p-y mono_clay'!$AR$27:$AR$5000,MATCH($B26,'p-y mono_clay'!$C$27:$C$5000,1)))</f>
        <v>50</v>
      </c>
      <c r="Q26">
        <f>IF($D26="SAND",INDEX('p-y sand'!$AS$27:$AS$5000,MATCH($B26,'p-y sand'!$C$27:$C$5000,1)),INDEX('p-y mono_clay'!$BF$27:$BF$5000,MATCH($B26,'p-y mono_clay'!$C$27:$C$5000,1)))</f>
        <v>14623.413218396558</v>
      </c>
      <c r="R26">
        <f>IF($D26="SAND",INDEX('p-y sand'!$AF$27:$AF$5000,MATCH($B26,'p-y sand'!$C$27:$C$82,1)),INDEX('p-y mono_clay'!$AS$27:$AS$5000,MATCH($B26,'p-y mono_clay'!$C$27:$C$5000,1)))</f>
        <v>60</v>
      </c>
      <c r="S26">
        <f>IF($D26="SAND",INDEX('p-y sand'!$AT$27:$AT$5000,MATCH($B26,'p-y sand'!$C$27:$C$5000,1)),INDEX('p-y mono_clay'!$BG$27:$BG$5000,MATCH($B26,'p-y mono_clay'!$C$27:$C$5000,1)))</f>
        <v>14650.037671156224</v>
      </c>
      <c r="T26">
        <f>IF($D26="SAND",INDEX('p-y sand'!$AG$27:$AG$5000,MATCH($B26,'p-y sand'!$C$27:$C$82,1)),INDEX('p-y mono_clay'!$AT$27:$AT$5000,MATCH($B26,'p-y mono_clay'!$C$27:$C$5000,1)))</f>
        <v>70</v>
      </c>
      <c r="U26">
        <f>IF($D26="SAND",INDEX('p-y sand'!$AU$27:$AU$5000,MATCH($B26,'p-y sand'!$C$27:$C$5000,1)),INDEX('p-y mono_clay'!$BH$27:$BH$5000,MATCH($B26,'p-y mono_clay'!$C$27:$C$5000,1)))</f>
        <v>14658.914417874123</v>
      </c>
      <c r="V26">
        <f>IF($D26="SAND",INDEX('p-y sand'!$AH$27:$AH$5000,MATCH($B26,'p-y sand'!$C$27:$C$82,1)),INDEX('p-y mono_clay'!$AU$27:$AU$5000,MATCH($B26,'p-y mono_clay'!$C$27:$C$5000,1)))</f>
        <v>80</v>
      </c>
      <c r="W26">
        <f>IF($D26="SAND",INDEX('p-y sand'!$AV$27:$AV$5000,MATCH($B26,'p-y sand'!$C$27:$C$5000,1)),INDEX('p-y mono_clay'!$BI$27:$BI$5000,MATCH($B26,'p-y mono_clay'!$C$27:$C$5000,1)))</f>
        <v>14661.871586755818</v>
      </c>
      <c r="X26">
        <f>IF($D26="SAND",INDEX('p-y sand'!$AI$27:$AI$5000,MATCH($B26,'p-y sand'!$C$27:$C$82,1)),INDEX('p-y mono_clay'!$AV$27:$AV$5000,MATCH($B26,'p-y mono_clay'!$C$27:$C$5000,1)))</f>
        <v>90</v>
      </c>
      <c r="Y26">
        <f>IF($D26="SAND",INDEX('p-y sand'!$AW$27:$AW$5000,MATCH($B26,'p-y sand'!$C$27:$C$5000,1)),INDEX('p-y mono_clay'!$BJ$27:$BJ$5000,MATCH($B26,'p-y mono_clay'!$C$27:$C$5000,1)))</f>
        <v>14662.856462672962</v>
      </c>
      <c r="Z26">
        <f>IF($D26="SAND",INDEX('p-y sand'!$AJ$27:$AJ$5000,MATCH($B26,'p-y sand'!$C$27:$C$82,1)),INDEX('p-y mono_clay'!$AW$27:$AW$5000,MATCH($B26,'p-y mono_clay'!$C$27:$C$5000,1)))</f>
        <v>100</v>
      </c>
      <c r="AA26">
        <f>IF($D26="SAND",INDEX('p-y sand'!$AX$27:$AX$5000,MATCH($B26,'p-y sand'!$C$27:$C$5000,1)),INDEX('p-y mono_clay'!$BK$27:$BK$5000,MATCH($B26,'p-y mono_clay'!$C$27:$C$5000,1)))</f>
        <v>14663.18444313154</v>
      </c>
      <c r="AB26">
        <f>IF($D26="SAND",INDEX('p-y sand'!$AK$27:$AK$5000,MATCH($B26,'p-y sand'!$C$27:$C$82,1)),INDEX('p-y mono_clay'!$AX$27:$AX$5000,MATCH($B26,'p-y mono_clay'!$C$27:$C$5000,1)))</f>
        <v>110</v>
      </c>
      <c r="AC26">
        <f>IF($D26="SAND",INDEX('p-y sand'!$AY$27:$AY$5000,MATCH($B26,'p-y sand'!$C$27:$C$5000,1)),INDEX('p-y mono_clay'!$BL$27:$BL$5000,MATCH($B26,'p-y mono_clay'!$C$27:$C$5000,1)))</f>
        <v>14663.293662950335</v>
      </c>
      <c r="AD26" s="98">
        <f>IF($D26="SAND",INDEX('p-y sand'!$AL$27:$AL$5000,MATCH($B26,'p-y sand'!$C$27:$C$82,1)),INDEX('p-y mono_clay'!$AY$27:$AY$5000,MATCH($B26,'p-y mono_clay'!$C$27:$C$5000,1)))</f>
        <v>120</v>
      </c>
    </row>
    <row r="27" spans="1:30" x14ac:dyDescent="0.2">
      <c r="A27" s="214">
        <f t="shared" si="0"/>
        <v>-37.5</v>
      </c>
      <c r="B27" s="216">
        <f>'p-y mono_clay'!C48</f>
        <v>22</v>
      </c>
      <c r="C27">
        <f>INDEX('CPT Data'!$C$13:$C$20000,MATCH(B27,'CPT Data'!$B$13:$B$20000,1))</f>
        <v>21.988999999999997</v>
      </c>
      <c r="D27" s="216" t="str">
        <f>INDEX('CPT Data'!$P$13:$P$20000,MATCH(B27,'CPT Data'!$B$13:$B$20000,1))</f>
        <v>SAND</v>
      </c>
      <c r="E27">
        <f>IF($D27="SAND",INDEX('p-y sand'!$AM$27:$AM$20000,MATCH($B27,'p-y sand'!$C$27:$C$20000,1)),INDEX('p-y mono_clay'!$AZ$27:$AZ$20000,MATCH($B27,'p-y mono_clay'!$C$27:$C$20000,1)))</f>
        <v>0</v>
      </c>
      <c r="F27">
        <f>IF($D27="SAND",INDEX('p-y sand'!$Z$27:$Z$5000,MATCH($B27,'p-y sand'!$C$27:$C$82,1)),INDEX('p-y mono_clay'!$AM$27:$AM$5000,MATCH($B27,'p-y mono_clay'!$C$27:$C$5000,1)))</f>
        <v>0</v>
      </c>
      <c r="G27">
        <f>IF($D27="SAND",INDEX('p-y sand'!$AN$27:$AN$5000,MATCH($B27,'p-y sand'!$C$27:$C$5000,1)),INDEX('p-y mono_clay'!$BA$27:$BA$5000,MATCH($B27,'p-y mono_clay'!$C$27:$C$5000,1)))</f>
        <v>4417.7080114407881</v>
      </c>
      <c r="H27">
        <f>IF($D27="SAND",INDEX('p-y sand'!$AA$27:$AA$5000,MATCH($B27,'p-y sand'!$C$27:$C$82,1)),INDEX('p-y mono_clay'!$AN$27:$AN$5000,MATCH($B27,'p-y mono_clay'!$C$27:$C$5000,1)))</f>
        <v>10</v>
      </c>
      <c r="I27">
        <f>IF($D27="SAND",INDEX('p-y sand'!$AO$27:$AO$5000,MATCH($B27,'p-y sand'!$C$27:$C$5000,1)),INDEX('p-y mono_clay'!$BB$27:$BB$5000,MATCH($B27,'p-y mono_clay'!$C$27:$C$5000,1)))</f>
        <v>7855.6020056709021</v>
      </c>
      <c r="J27">
        <f>IF($D27="SAND",INDEX('p-y sand'!$AB$27:$AB$5000,MATCH($B27,'p-y sand'!$C$27:$C$82,1)),INDEX('p-y mono_clay'!$AO$27:$AO$5000,MATCH($B27,'p-y mono_clay'!$C$27:$C$5000,1)))</f>
        <v>20</v>
      </c>
      <c r="K27">
        <f>IF($D27="SAND",INDEX('p-y sand'!$AP$27:$AP$5000,MATCH($B27,'p-y sand'!$C$27:$C$5000,1)),INDEX('p-y mono_clay'!$BC$27:$BC$5000,MATCH($B27,'p-y mono_clay'!$C$27:$C$5000,1)))</f>
        <v>10045.331858152196</v>
      </c>
      <c r="L27">
        <f>IF($D27="SAND",INDEX('p-y sand'!$AC$27:$AC$5000,MATCH($B27,'p-y sand'!$C$27:$C$82,1)),INDEX('p-y mono_clay'!$AP$27:$AP$5000,MATCH($B27,'p-y mono_clay'!$C$27:$C$5000,1)))</f>
        <v>30</v>
      </c>
      <c r="M27">
        <f>IF($D27="SAND",INDEX('p-y sand'!$AQ$27:$AQ$5000,MATCH($B27,'p-y sand'!$C$27:$C$5000,1)),INDEX('p-y mono_clay'!$BD$27:$BD$5000,MATCH($B27,'p-y mono_clay'!$C$27:$C$5000,1)))</f>
        <v>11267.415258540499</v>
      </c>
      <c r="N27">
        <f>IF($D27="SAND",INDEX('p-y sand'!$AD$27:$AD$5000,MATCH($B27,'p-y sand'!$C$27:$C$82,1)),INDEX('p-y mono_clay'!$AQ$27:$AQ$5000,MATCH($B27,'p-y mono_clay'!$C$27:$C$5000,1)))</f>
        <v>40</v>
      </c>
      <c r="O27">
        <f>IF($D27="SAND",INDEX('p-y sand'!$AR$27:$AR$5000,MATCH($B27,'p-y sand'!$C$27:$C$5000,1)),INDEX('p-y mono_clay'!$BE$27:$BE$5000,MATCH($B27,'p-y mono_clay'!$C$27:$C$5000,1)))</f>
        <v>11899.613811845073</v>
      </c>
      <c r="P27">
        <f>IF($D27="SAND",INDEX('p-y sand'!$AE$27:$AE$5000,MATCH($B27,'p-y sand'!$C$27:$C$82,1)),INDEX('p-y mono_clay'!$AR$27:$AR$5000,MATCH($B27,'p-y mono_clay'!$C$27:$C$5000,1)))</f>
        <v>50</v>
      </c>
      <c r="Q27">
        <f>IF($D27="SAND",INDEX('p-y sand'!$AS$27:$AS$5000,MATCH($B27,'p-y sand'!$C$27:$C$5000,1)),INDEX('p-y mono_clay'!$BF$27:$BF$5000,MATCH($B27,'p-y mono_clay'!$C$27:$C$5000,1)))</f>
        <v>12213.841784946962</v>
      </c>
      <c r="R27">
        <f>IF($D27="SAND",INDEX('p-y sand'!$AF$27:$AF$5000,MATCH($B27,'p-y sand'!$C$27:$C$82,1)),INDEX('p-y mono_clay'!$AS$27:$AS$5000,MATCH($B27,'p-y mono_clay'!$C$27:$C$5000,1)))</f>
        <v>60</v>
      </c>
      <c r="S27">
        <f>IF($D27="SAND",INDEX('p-y sand'!$AT$27:$AT$5000,MATCH($B27,'p-y sand'!$C$27:$C$5000,1)),INDEX('p-y mono_clay'!$BG$27:$BG$5000,MATCH($B27,'p-y mono_clay'!$C$27:$C$5000,1)))</f>
        <v>12366.922391523041</v>
      </c>
      <c r="T27">
        <f>IF($D27="SAND",INDEX('p-y sand'!$AG$27:$AG$5000,MATCH($B27,'p-y sand'!$C$27:$C$82,1)),INDEX('p-y mono_clay'!$AT$27:$AT$5000,MATCH($B27,'p-y mono_clay'!$C$27:$C$5000,1)))</f>
        <v>70</v>
      </c>
      <c r="U27">
        <f>IF($D27="SAND",INDEX('p-y sand'!$AU$27:$AU$5000,MATCH($B27,'p-y sand'!$C$27:$C$5000,1)),INDEX('p-y mono_clay'!$BH$27:$BH$5000,MATCH($B27,'p-y mono_clay'!$C$27:$C$5000,1)))</f>
        <v>12440.768483965816</v>
      </c>
      <c r="V27">
        <f>IF($D27="SAND",INDEX('p-y sand'!$AH$27:$AH$5000,MATCH($B27,'p-y sand'!$C$27:$C$82,1)),INDEX('p-y mono_clay'!$AU$27:$AU$5000,MATCH($B27,'p-y mono_clay'!$C$27:$C$5000,1)))</f>
        <v>80</v>
      </c>
      <c r="W27">
        <f>IF($D27="SAND",INDEX('p-y sand'!$AV$27:$AV$5000,MATCH($B27,'p-y sand'!$C$27:$C$5000,1)),INDEX('p-y mono_clay'!$BI$27:$BI$5000,MATCH($B27,'p-y mono_clay'!$C$27:$C$5000,1)))</f>
        <v>12476.222933877843</v>
      </c>
      <c r="X27">
        <f>IF($D27="SAND",INDEX('p-y sand'!$AI$27:$AI$5000,MATCH($B27,'p-y sand'!$C$27:$C$82,1)),INDEX('p-y mono_clay'!$AV$27:$AV$5000,MATCH($B27,'p-y mono_clay'!$C$27:$C$5000,1)))</f>
        <v>90</v>
      </c>
      <c r="Y27">
        <f>IF($D27="SAND",INDEX('p-y sand'!$AW$27:$AW$5000,MATCH($B27,'p-y sand'!$C$27:$C$5000,1)),INDEX('p-y mono_clay'!$BJ$27:$BJ$5000,MATCH($B27,'p-y mono_clay'!$C$27:$C$5000,1)))</f>
        <v>12493.206221001299</v>
      </c>
      <c r="Z27">
        <f>IF($D27="SAND",INDEX('p-y sand'!$AJ$27:$AJ$5000,MATCH($B27,'p-y sand'!$C$27:$C$82,1)),INDEX('p-y mono_clay'!$AW$27:$AW$5000,MATCH($B27,'p-y mono_clay'!$C$27:$C$5000,1)))</f>
        <v>100</v>
      </c>
      <c r="AA27">
        <f>IF($D27="SAND",INDEX('p-y sand'!$AX$27:$AX$5000,MATCH($B27,'p-y sand'!$C$27:$C$5000,1)),INDEX('p-y mono_clay'!$BK$27:$BK$5000,MATCH($B27,'p-y mono_clay'!$C$27:$C$5000,1)))</f>
        <v>12501.332601881038</v>
      </c>
      <c r="AB27">
        <f>IF($D27="SAND",INDEX('p-y sand'!$AK$27:$AK$5000,MATCH($B27,'p-y sand'!$C$27:$C$82,1)),INDEX('p-y mono_clay'!$AX$27:$AX$5000,MATCH($B27,'p-y mono_clay'!$C$27:$C$5000,1)))</f>
        <v>110</v>
      </c>
      <c r="AC27">
        <f>IF($D27="SAND",INDEX('p-y sand'!$AY$27:$AY$5000,MATCH($B27,'p-y sand'!$C$27:$C$5000,1)),INDEX('p-y mono_clay'!$BL$27:$BL$5000,MATCH($B27,'p-y mono_clay'!$C$27:$C$5000,1)))</f>
        <v>12505.218979257814</v>
      </c>
      <c r="AD27" s="98">
        <f>IF($D27="SAND",INDEX('p-y sand'!$AL$27:$AL$5000,MATCH($B27,'p-y sand'!$C$27:$C$82,1)),INDEX('p-y mono_clay'!$AY$27:$AY$5000,MATCH($B27,'p-y mono_clay'!$C$27:$C$5000,1)))</f>
        <v>120</v>
      </c>
    </row>
    <row r="28" spans="1:30" x14ac:dyDescent="0.2">
      <c r="A28" s="214">
        <f t="shared" si="0"/>
        <v>-38.5</v>
      </c>
      <c r="B28" s="216">
        <f>'p-y mono_clay'!C49</f>
        <v>23</v>
      </c>
      <c r="C28">
        <f>INDEX('CPT Data'!$C$13:$C$20000,MATCH(B28,'CPT Data'!$B$13:$B$20000,1))</f>
        <v>22.986999999999998</v>
      </c>
      <c r="D28" s="216" t="str">
        <f>INDEX('CPT Data'!$P$13:$P$20000,MATCH(B28,'CPT Data'!$B$13:$B$20000,1))</f>
        <v>SAND</v>
      </c>
      <c r="E28">
        <f>IF($D28="SAND",INDEX('p-y sand'!$AM$27:$AM$20000,MATCH($B28,'p-y sand'!$C$27:$C$20000,1)),INDEX('p-y mono_clay'!$AZ$27:$AZ$20000,MATCH($B28,'p-y mono_clay'!$C$27:$C$20000,1)))</f>
        <v>0</v>
      </c>
      <c r="F28">
        <f>IF($D28="SAND",INDEX('p-y sand'!$Z$27:$Z$5000,MATCH($B28,'p-y sand'!$C$27:$C$82,1)),INDEX('p-y mono_clay'!$AM$27:$AM$5000,MATCH($B28,'p-y mono_clay'!$C$27:$C$5000,1)))</f>
        <v>0</v>
      </c>
      <c r="G28">
        <f>IF($D28="SAND",INDEX('p-y sand'!$AN$27:$AN$5000,MATCH($B28,'p-y sand'!$C$27:$C$5000,1)),INDEX('p-y mono_clay'!$BA$27:$BA$5000,MATCH($B28,'p-y mono_clay'!$C$27:$C$5000,1)))</f>
        <v>5711.5740477787003</v>
      </c>
      <c r="H28">
        <f>IF($D28="SAND",INDEX('p-y sand'!$AA$27:$AA$5000,MATCH($B28,'p-y sand'!$C$27:$C$82,1)),INDEX('p-y mono_clay'!$AN$27:$AN$5000,MATCH($B28,'p-y mono_clay'!$C$27:$C$5000,1)))</f>
        <v>10</v>
      </c>
      <c r="I28">
        <f>IF($D28="SAND",INDEX('p-y sand'!$AO$27:$AO$5000,MATCH($B28,'p-y sand'!$C$27:$C$5000,1)),INDEX('p-y mono_clay'!$BB$27:$BB$5000,MATCH($B28,'p-y mono_clay'!$C$27:$C$5000,1)))</f>
        <v>9956.7436506887807</v>
      </c>
      <c r="J28">
        <f>IF($D28="SAND",INDEX('p-y sand'!$AB$27:$AB$5000,MATCH($B28,'p-y sand'!$C$27:$C$82,1)),INDEX('p-y mono_clay'!$AO$27:$AO$5000,MATCH($B28,'p-y mono_clay'!$C$27:$C$5000,1)))</f>
        <v>20</v>
      </c>
      <c r="K28">
        <f>IF($D28="SAND",INDEX('p-y sand'!$AP$27:$AP$5000,MATCH($B28,'p-y sand'!$C$27:$C$5000,1)),INDEX('p-y mono_clay'!$BC$27:$BC$5000,MATCH($B28,'p-y mono_clay'!$C$27:$C$5000,1)))</f>
        <v>12467.403856195362</v>
      </c>
      <c r="L28">
        <f>IF($D28="SAND",INDEX('p-y sand'!$AC$27:$AC$5000,MATCH($B28,'p-y sand'!$C$27:$C$82,1)),INDEX('p-y mono_clay'!$AP$27:$AP$5000,MATCH($B28,'p-y mono_clay'!$C$27:$C$5000,1)))</f>
        <v>30</v>
      </c>
      <c r="M28">
        <f>IF($D28="SAND",INDEX('p-y sand'!$AQ$27:$AQ$5000,MATCH($B28,'p-y sand'!$C$27:$C$5000,1)),INDEX('p-y mono_clay'!$BD$27:$BD$5000,MATCH($B28,'p-y mono_clay'!$C$27:$C$5000,1)))</f>
        <v>13756.508171628482</v>
      </c>
      <c r="N28">
        <f>IF($D28="SAND",INDEX('p-y sand'!$AD$27:$AD$5000,MATCH($B28,'p-y sand'!$C$27:$C$82,1)),INDEX('p-y mono_clay'!$AQ$27:$AQ$5000,MATCH($B28,'p-y mono_clay'!$C$27:$C$5000,1)))</f>
        <v>40</v>
      </c>
      <c r="O28">
        <f>IF($D28="SAND",INDEX('p-y sand'!$AR$27:$AR$5000,MATCH($B28,'p-y sand'!$C$27:$C$5000,1)),INDEX('p-y mono_clay'!$BE$27:$BE$5000,MATCH($B28,'p-y mono_clay'!$C$27:$C$5000,1)))</f>
        <v>14370.530487548365</v>
      </c>
      <c r="P28">
        <f>IF($D28="SAND",INDEX('p-y sand'!$AE$27:$AE$5000,MATCH($B28,'p-y sand'!$C$27:$C$82,1)),INDEX('p-y mono_clay'!$AR$27:$AR$5000,MATCH($B28,'p-y mono_clay'!$C$27:$C$5000,1)))</f>
        <v>50</v>
      </c>
      <c r="Q28">
        <f>IF($D28="SAND",INDEX('p-y sand'!$AS$27:$AS$5000,MATCH($B28,'p-y sand'!$C$27:$C$5000,1)),INDEX('p-y mono_clay'!$BF$27:$BF$5000,MATCH($B28,'p-y mono_clay'!$C$27:$C$5000,1)))</f>
        <v>14652.527707977972</v>
      </c>
      <c r="R28">
        <f>IF($D28="SAND",INDEX('p-y sand'!$AF$27:$AF$5000,MATCH($B28,'p-y sand'!$C$27:$C$82,1)),INDEX('p-y mono_clay'!$AS$27:$AS$5000,MATCH($B28,'p-y mono_clay'!$C$27:$C$5000,1)))</f>
        <v>60</v>
      </c>
      <c r="S28">
        <f>IF($D28="SAND",INDEX('p-y sand'!$AT$27:$AT$5000,MATCH($B28,'p-y sand'!$C$27:$C$5000,1)),INDEX('p-y mono_clay'!$BG$27:$BG$5000,MATCH($B28,'p-y mono_clay'!$C$27:$C$5000,1)))</f>
        <v>14779.86661781656</v>
      </c>
      <c r="T28">
        <f>IF($D28="SAND",INDEX('p-y sand'!$AG$27:$AG$5000,MATCH($B28,'p-y sand'!$C$27:$C$82,1)),INDEX('p-y mono_clay'!$AT$27:$AT$5000,MATCH($B28,'p-y mono_clay'!$C$27:$C$5000,1)))</f>
        <v>70</v>
      </c>
      <c r="U28">
        <f>IF($D28="SAND",INDEX('p-y sand'!$AU$27:$AU$5000,MATCH($B28,'p-y sand'!$C$27:$C$5000,1)),INDEX('p-y mono_clay'!$BH$27:$BH$5000,MATCH($B28,'p-y mono_clay'!$C$27:$C$5000,1)))</f>
        <v>14836.928436386963</v>
      </c>
      <c r="V28">
        <f>IF($D28="SAND",INDEX('p-y sand'!$AH$27:$AH$5000,MATCH($B28,'p-y sand'!$C$27:$C$82,1)),INDEX('p-y mono_clay'!$AU$27:$AU$5000,MATCH($B28,'p-y mono_clay'!$C$27:$C$5000,1)))</f>
        <v>80</v>
      </c>
      <c r="W28">
        <f>IF($D28="SAND",INDEX('p-y sand'!$AV$27:$AV$5000,MATCH($B28,'p-y sand'!$C$27:$C$5000,1)),INDEX('p-y mono_clay'!$BI$27:$BI$5000,MATCH($B28,'p-y mono_clay'!$C$27:$C$5000,1)))</f>
        <v>14862.410459619057</v>
      </c>
      <c r="X28">
        <f>IF($D28="SAND",INDEX('p-y sand'!$AI$27:$AI$5000,MATCH($B28,'p-y sand'!$C$27:$C$82,1)),INDEX('p-y mono_clay'!$AV$27:$AV$5000,MATCH($B28,'p-y mono_clay'!$C$27:$C$5000,1)))</f>
        <v>90</v>
      </c>
      <c r="Y28">
        <f>IF($D28="SAND",INDEX('p-y sand'!$AW$27:$AW$5000,MATCH($B28,'p-y sand'!$C$27:$C$5000,1)),INDEX('p-y mono_clay'!$BJ$27:$BJ$5000,MATCH($B28,'p-y mono_clay'!$C$27:$C$5000,1)))</f>
        <v>14873.772423930477</v>
      </c>
      <c r="Z28">
        <f>IF($D28="SAND",INDEX('p-y sand'!$AJ$27:$AJ$5000,MATCH($B28,'p-y sand'!$C$27:$C$82,1)),INDEX('p-y mono_clay'!$AW$27:$AW$5000,MATCH($B28,'p-y mono_clay'!$C$27:$C$5000,1)))</f>
        <v>100</v>
      </c>
      <c r="AA28">
        <f>IF($D28="SAND",INDEX('p-y sand'!$AX$27:$AX$5000,MATCH($B28,'p-y sand'!$C$27:$C$5000,1)),INDEX('p-y mono_clay'!$BK$27:$BK$5000,MATCH($B28,'p-y mono_clay'!$C$27:$C$5000,1)))</f>
        <v>14878.83503550864</v>
      </c>
      <c r="AB28">
        <f>IF($D28="SAND",INDEX('p-y sand'!$AK$27:$AK$5000,MATCH($B28,'p-y sand'!$C$27:$C$82,1)),INDEX('p-y mono_clay'!$AX$27:$AX$5000,MATCH($B28,'p-y mono_clay'!$C$27:$C$5000,1)))</f>
        <v>110</v>
      </c>
      <c r="AC28">
        <f>IF($D28="SAND",INDEX('p-y sand'!$AY$27:$AY$5000,MATCH($B28,'p-y sand'!$C$27:$C$5000,1)),INDEX('p-y mono_clay'!$BL$27:$BL$5000,MATCH($B28,'p-y mono_clay'!$C$27:$C$5000,1)))</f>
        <v>14881.090120129042</v>
      </c>
      <c r="AD28" s="98">
        <f>IF($D28="SAND",INDEX('p-y sand'!$AL$27:$AL$5000,MATCH($B28,'p-y sand'!$C$27:$C$82,1)),INDEX('p-y mono_clay'!$AY$27:$AY$5000,MATCH($B28,'p-y mono_clay'!$C$27:$C$5000,1)))</f>
        <v>120</v>
      </c>
    </row>
    <row r="29" spans="1:30" x14ac:dyDescent="0.2">
      <c r="A29" s="214">
        <f t="shared" si="0"/>
        <v>-39.5</v>
      </c>
      <c r="B29" s="216">
        <f>'p-y mono_clay'!C50</f>
        <v>24</v>
      </c>
      <c r="C29">
        <f>INDEX('CPT Data'!$C$13:$C$20000,MATCH(B29,'CPT Data'!$B$13:$B$20000,1))</f>
        <v>23.985999999999997</v>
      </c>
      <c r="D29" s="216" t="str">
        <f>INDEX('CPT Data'!$P$13:$P$20000,MATCH(B29,'CPT Data'!$B$13:$B$20000,1))</f>
        <v>SAND</v>
      </c>
      <c r="E29">
        <f>IF($D29="SAND",INDEX('p-y sand'!$AM$27:$AM$20000,MATCH($B29,'p-y sand'!$C$27:$C$20000,1)),INDEX('p-y mono_clay'!$AZ$27:$AZ$20000,MATCH($B29,'p-y mono_clay'!$C$27:$C$20000,1)))</f>
        <v>0</v>
      </c>
      <c r="F29">
        <f>IF($D29="SAND",INDEX('p-y sand'!$Z$27:$Z$5000,MATCH($B29,'p-y sand'!$C$27:$C$82,1)),INDEX('p-y mono_clay'!$AM$27:$AM$5000,MATCH($B29,'p-y mono_clay'!$C$27:$C$5000,1)))</f>
        <v>0</v>
      </c>
      <c r="G29">
        <f>IF($D29="SAND",INDEX('p-y sand'!$AN$27:$AN$5000,MATCH($B29,'p-y sand'!$C$27:$C$5000,1)),INDEX('p-y mono_clay'!$BA$27:$BA$5000,MATCH($B29,'p-y mono_clay'!$C$27:$C$5000,1)))</f>
        <v>6867.7500609641302</v>
      </c>
      <c r="H29">
        <f>IF($D29="SAND",INDEX('p-y sand'!$AA$27:$AA$5000,MATCH($B29,'p-y sand'!$C$27:$C$82,1)),INDEX('p-y mono_clay'!$AN$27:$AN$5000,MATCH($B29,'p-y mono_clay'!$C$27:$C$5000,1)))</f>
        <v>10</v>
      </c>
      <c r="I29">
        <f>IF($D29="SAND",INDEX('p-y sand'!$AO$27:$AO$5000,MATCH($B29,'p-y sand'!$C$27:$C$5000,1)),INDEX('p-y mono_clay'!$BB$27:$BB$5000,MATCH($B29,'p-y mono_clay'!$C$27:$C$5000,1)))</f>
        <v>12050.764346719816</v>
      </c>
      <c r="J29">
        <f>IF($D29="SAND",INDEX('p-y sand'!$AB$27:$AB$5000,MATCH($B29,'p-y sand'!$C$27:$C$82,1)),INDEX('p-y mono_clay'!$AO$27:$AO$5000,MATCH($B29,'p-y mono_clay'!$C$27:$C$5000,1)))</f>
        <v>20</v>
      </c>
      <c r="K29">
        <f>IF($D29="SAND",INDEX('p-y sand'!$AP$27:$AP$5000,MATCH($B29,'p-y sand'!$C$27:$C$5000,1)),INDEX('p-y mono_clay'!$BC$27:$BC$5000,MATCH($B29,'p-y mono_clay'!$C$27:$C$5000,1)))</f>
        <v>15191.79697757531</v>
      </c>
      <c r="L29">
        <f>IF($D29="SAND",INDEX('p-y sand'!$AC$27:$AC$5000,MATCH($B29,'p-y sand'!$C$27:$C$82,1)),INDEX('p-y mono_clay'!$AP$27:$AP$5000,MATCH($B29,'p-y mono_clay'!$C$27:$C$5000,1)))</f>
        <v>30</v>
      </c>
      <c r="M29">
        <f>IF($D29="SAND",INDEX('p-y sand'!$AQ$27:$AQ$5000,MATCH($B29,'p-y sand'!$C$27:$C$5000,1)),INDEX('p-y mono_clay'!$BD$27:$BD$5000,MATCH($B29,'p-y mono_clay'!$C$27:$C$5000,1)))</f>
        <v>16848.975439619051</v>
      </c>
      <c r="N29">
        <f>IF($D29="SAND",INDEX('p-y sand'!$AD$27:$AD$5000,MATCH($B29,'p-y sand'!$C$27:$C$82,1)),INDEX('p-y mono_clay'!$AQ$27:$AQ$5000,MATCH($B29,'p-y mono_clay'!$C$27:$C$5000,1)))</f>
        <v>40</v>
      </c>
      <c r="O29">
        <f>IF($D29="SAND",INDEX('p-y sand'!$AR$27:$AR$5000,MATCH($B29,'p-y sand'!$C$27:$C$5000,1)),INDEX('p-y mono_clay'!$BE$27:$BE$5000,MATCH($B29,'p-y mono_clay'!$C$27:$C$5000,1)))</f>
        <v>17659.698550531124</v>
      </c>
      <c r="P29">
        <f>IF($D29="SAND",INDEX('p-y sand'!$AE$27:$AE$5000,MATCH($B29,'p-y sand'!$C$27:$C$82,1)),INDEX('p-y mono_clay'!$AR$27:$AR$5000,MATCH($B29,'p-y mono_clay'!$C$27:$C$5000,1)))</f>
        <v>50</v>
      </c>
      <c r="Q29">
        <f>IF($D29="SAND",INDEX('p-y sand'!$AS$27:$AS$5000,MATCH($B29,'p-y sand'!$C$27:$C$5000,1)),INDEX('p-y mono_clay'!$BF$27:$BF$5000,MATCH($B29,'p-y mono_clay'!$C$27:$C$5000,1)))</f>
        <v>18041.663151050416</v>
      </c>
      <c r="R29">
        <f>IF($D29="SAND",INDEX('p-y sand'!$AF$27:$AF$5000,MATCH($B29,'p-y sand'!$C$27:$C$82,1)),INDEX('p-y mono_clay'!$AS$27:$AS$5000,MATCH($B29,'p-y mono_clay'!$C$27:$C$5000,1)))</f>
        <v>60</v>
      </c>
      <c r="S29">
        <f>IF($D29="SAND",INDEX('p-y sand'!$AT$27:$AT$5000,MATCH($B29,'p-y sand'!$C$27:$C$5000,1)),INDEX('p-y mono_clay'!$BG$27:$BG$5000,MATCH($B29,'p-y mono_clay'!$C$27:$C$5000,1)))</f>
        <v>18218.42660908472</v>
      </c>
      <c r="T29">
        <f>IF($D29="SAND",INDEX('p-y sand'!$AG$27:$AG$5000,MATCH($B29,'p-y sand'!$C$27:$C$82,1)),INDEX('p-y mono_clay'!$AT$27:$AT$5000,MATCH($B29,'p-y mono_clay'!$C$27:$C$5000,1)))</f>
        <v>70</v>
      </c>
      <c r="U29">
        <f>IF($D29="SAND",INDEX('p-y sand'!$AU$27:$AU$5000,MATCH($B29,'p-y sand'!$C$27:$C$5000,1)),INDEX('p-y mono_clay'!$BH$27:$BH$5000,MATCH($B29,'p-y mono_clay'!$C$27:$C$5000,1)))</f>
        <v>18299.549531926896</v>
      </c>
      <c r="V29">
        <f>IF($D29="SAND",INDEX('p-y sand'!$AH$27:$AH$5000,MATCH($B29,'p-y sand'!$C$27:$C$82,1)),INDEX('p-y mono_clay'!$AU$27:$AU$5000,MATCH($B29,'p-y mono_clay'!$C$27:$C$5000,1)))</f>
        <v>80</v>
      </c>
      <c r="W29">
        <f>IF($D29="SAND",INDEX('p-y sand'!$AV$27:$AV$5000,MATCH($B29,'p-y sand'!$C$27:$C$5000,1)),INDEX('p-y mono_clay'!$BI$27:$BI$5000,MATCH($B29,'p-y mono_clay'!$C$27:$C$5000,1)))</f>
        <v>18336.637274101162</v>
      </c>
      <c r="X29">
        <f>IF($D29="SAND",INDEX('p-y sand'!$AI$27:$AI$5000,MATCH($B29,'p-y sand'!$C$27:$C$82,1)),INDEX('p-y mono_clay'!$AV$27:$AV$5000,MATCH($B29,'p-y mono_clay'!$C$27:$C$5000,1)))</f>
        <v>90</v>
      </c>
      <c r="Y29">
        <f>IF($D29="SAND",INDEX('p-y sand'!$AW$27:$AW$5000,MATCH($B29,'p-y sand'!$C$27:$C$5000,1)),INDEX('p-y mono_clay'!$BJ$27:$BJ$5000,MATCH($B29,'p-y mono_clay'!$C$27:$C$5000,1)))</f>
        <v>18353.56332050751</v>
      </c>
      <c r="Z29">
        <f>IF($D29="SAND",INDEX('p-y sand'!$AJ$27:$AJ$5000,MATCH($B29,'p-y sand'!$C$27:$C$82,1)),INDEX('p-y mono_clay'!$AW$27:$AW$5000,MATCH($B29,'p-y mono_clay'!$C$27:$C$5000,1)))</f>
        <v>100</v>
      </c>
      <c r="AA29">
        <f>IF($D29="SAND",INDEX('p-y sand'!$AX$27:$AX$5000,MATCH($B29,'p-y sand'!$C$27:$C$5000,1)),INDEX('p-y mono_clay'!$BK$27:$BK$5000,MATCH($B29,'p-y mono_clay'!$C$27:$C$5000,1)))</f>
        <v>18361.281820042561</v>
      </c>
      <c r="AB29">
        <f>IF($D29="SAND",INDEX('p-y sand'!$AK$27:$AK$5000,MATCH($B29,'p-y sand'!$C$27:$C$82,1)),INDEX('p-y mono_clay'!$AX$27:$AX$5000,MATCH($B29,'p-y mono_clay'!$C$27:$C$5000,1)))</f>
        <v>110</v>
      </c>
      <c r="AC29">
        <f>IF($D29="SAND",INDEX('p-y sand'!$AY$27:$AY$5000,MATCH($B29,'p-y sand'!$C$27:$C$5000,1)),INDEX('p-y mono_clay'!$BL$27:$BL$5000,MATCH($B29,'p-y mono_clay'!$C$27:$C$5000,1)))</f>
        <v>18364.800271891811</v>
      </c>
      <c r="AD29" s="98">
        <f>IF($D29="SAND",INDEX('p-y sand'!$AL$27:$AL$5000,MATCH($B29,'p-y sand'!$C$27:$C$82,1)),INDEX('p-y mono_clay'!$AY$27:$AY$5000,MATCH($B29,'p-y mono_clay'!$C$27:$C$5000,1)))</f>
        <v>120</v>
      </c>
    </row>
    <row r="30" spans="1:30" x14ac:dyDescent="0.2">
      <c r="A30" s="214">
        <f t="shared" si="0"/>
        <v>-40.5</v>
      </c>
      <c r="B30" s="216">
        <f>'p-y mono_clay'!C51</f>
        <v>25</v>
      </c>
      <c r="C30">
        <f>INDEX('CPT Data'!$C$13:$C$20000,MATCH(B30,'CPT Data'!$B$13:$B$20000,1))</f>
        <v>24.991</v>
      </c>
      <c r="D30" s="216" t="str">
        <f>INDEX('CPT Data'!$P$13:$P$20000,MATCH(B30,'CPT Data'!$B$13:$B$20000,1))</f>
        <v>SAND</v>
      </c>
      <c r="E30">
        <f>IF($D30="SAND",INDEX('p-y sand'!$AM$27:$AM$20000,MATCH($B30,'p-y sand'!$C$27:$C$20000,1)),INDEX('p-y mono_clay'!$AZ$27:$AZ$20000,MATCH($B30,'p-y mono_clay'!$C$27:$C$20000,1)))</f>
        <v>0</v>
      </c>
      <c r="F30">
        <f>IF($D30="SAND",INDEX('p-y sand'!$Z$27:$Z$5000,MATCH($B30,'p-y sand'!$C$27:$C$82,1)),INDEX('p-y mono_clay'!$AM$27:$AM$5000,MATCH($B30,'p-y mono_clay'!$C$27:$C$5000,1)))</f>
        <v>0</v>
      </c>
      <c r="G30">
        <f>IF($D30="SAND",INDEX('p-y sand'!$AN$27:$AN$5000,MATCH($B30,'p-y sand'!$C$27:$C$5000,1)),INDEX('p-y mono_clay'!$BA$27:$BA$5000,MATCH($B30,'p-y mono_clay'!$C$27:$C$5000,1)))</f>
        <v>5791.2102347339578</v>
      </c>
      <c r="H30">
        <f>IF($D30="SAND",INDEX('p-y sand'!$AA$27:$AA$5000,MATCH($B30,'p-y sand'!$C$27:$C$82,1)),INDEX('p-y mono_clay'!$AN$27:$AN$5000,MATCH($B30,'p-y mono_clay'!$C$27:$C$5000,1)))</f>
        <v>10</v>
      </c>
      <c r="I30">
        <f>IF($D30="SAND",INDEX('p-y sand'!$AO$27:$AO$5000,MATCH($B30,'p-y sand'!$C$27:$C$5000,1)),INDEX('p-y mono_clay'!$BB$27:$BB$5000,MATCH($B30,'p-y mono_clay'!$C$27:$C$5000,1)))</f>
        <v>10520.538759267512</v>
      </c>
      <c r="J30">
        <f>IF($D30="SAND",INDEX('p-y sand'!$AB$27:$AB$5000,MATCH($B30,'p-y sand'!$C$27:$C$82,1)),INDEX('p-y mono_clay'!$AO$27:$AO$5000,MATCH($B30,'p-y mono_clay'!$C$27:$C$5000,1)))</f>
        <v>20</v>
      </c>
      <c r="K30">
        <f>IF($D30="SAND",INDEX('p-y sand'!$AP$27:$AP$5000,MATCH($B30,'p-y sand'!$C$27:$C$5000,1)),INDEX('p-y mono_clay'!$BC$27:$BC$5000,MATCH($B30,'p-y mono_clay'!$C$27:$C$5000,1)))</f>
        <v>13784.255118640098</v>
      </c>
      <c r="L30">
        <f>IF($D30="SAND",INDEX('p-y sand'!$AC$27:$AC$5000,MATCH($B30,'p-y sand'!$C$27:$C$82,1)),INDEX('p-y mono_clay'!$AP$27:$AP$5000,MATCH($B30,'p-y mono_clay'!$C$27:$C$5000,1)))</f>
        <v>30</v>
      </c>
      <c r="M30">
        <f>IF($D30="SAND",INDEX('p-y sand'!$AQ$27:$AQ$5000,MATCH($B30,'p-y sand'!$C$27:$C$5000,1)),INDEX('p-y mono_clay'!$BD$27:$BD$5000,MATCH($B30,'p-y mono_clay'!$C$27:$C$5000,1)))</f>
        <v>15783.562759821958</v>
      </c>
      <c r="N30">
        <f>IF($D30="SAND",INDEX('p-y sand'!$AD$27:$AD$5000,MATCH($B30,'p-y sand'!$C$27:$C$82,1)),INDEX('p-y mono_clay'!$AQ$27:$AQ$5000,MATCH($B30,'p-y mono_clay'!$C$27:$C$5000,1)))</f>
        <v>40</v>
      </c>
      <c r="O30">
        <f>IF($D30="SAND",INDEX('p-y sand'!$AR$27:$AR$5000,MATCH($B30,'p-y sand'!$C$27:$C$5000,1)),INDEX('p-y mono_clay'!$BE$27:$BE$5000,MATCH($B30,'p-y mono_clay'!$C$27:$C$5000,1)))</f>
        <v>16920.204060151958</v>
      </c>
      <c r="P30">
        <f>IF($D30="SAND",INDEX('p-y sand'!$AE$27:$AE$5000,MATCH($B30,'p-y sand'!$C$27:$C$82,1)),INDEX('p-y mono_clay'!$AR$27:$AR$5000,MATCH($B30,'p-y mono_clay'!$C$27:$C$5000,1)))</f>
        <v>50</v>
      </c>
      <c r="Q30">
        <f>IF($D30="SAND",INDEX('p-y sand'!$AS$27:$AS$5000,MATCH($B30,'p-y sand'!$C$27:$C$5000,1)),INDEX('p-y mono_clay'!$BF$27:$BF$5000,MATCH($B30,'p-y mono_clay'!$C$27:$C$5000,1)))</f>
        <v>17539.129224268669</v>
      </c>
      <c r="R30">
        <f>IF($D30="SAND",INDEX('p-y sand'!$AF$27:$AF$5000,MATCH($B30,'p-y sand'!$C$27:$C$82,1)),INDEX('p-y mono_clay'!$AS$27:$AS$5000,MATCH($B30,'p-y mono_clay'!$C$27:$C$5000,1)))</f>
        <v>60</v>
      </c>
      <c r="S30">
        <f>IF($D30="SAND",INDEX('p-y sand'!$AT$27:$AT$5000,MATCH($B30,'p-y sand'!$C$27:$C$5000,1)),INDEX('p-y mono_clay'!$BG$27:$BG$5000,MATCH($B30,'p-y mono_clay'!$C$27:$C$5000,1)))</f>
        <v>17868.249344939039</v>
      </c>
      <c r="T30">
        <f>IF($D30="SAND",INDEX('p-y sand'!$AG$27:$AG$5000,MATCH($B30,'p-y sand'!$C$27:$C$82,1)),INDEX('p-y mono_clay'!$AT$27:$AT$5000,MATCH($B30,'p-y mono_clay'!$C$27:$C$5000,1)))</f>
        <v>70</v>
      </c>
      <c r="U30">
        <f>IF($D30="SAND",INDEX('p-y sand'!$AU$27:$AU$5000,MATCH($B30,'p-y sand'!$C$27:$C$5000,1)),INDEX('p-y mono_clay'!$BH$27:$BH$5000,MATCH($B30,'p-y mono_clay'!$C$27:$C$5000,1)))</f>
        <v>18041.057425711835</v>
      </c>
      <c r="V30">
        <f>IF($D30="SAND",INDEX('p-y sand'!$AH$27:$AH$5000,MATCH($B30,'p-y sand'!$C$27:$C$82,1)),INDEX('p-y mono_clay'!$AU$27:$AU$5000,MATCH($B30,'p-y mono_clay'!$C$27:$C$5000,1)))</f>
        <v>80</v>
      </c>
      <c r="W30">
        <f>IF($D30="SAND",INDEX('p-y sand'!$AV$27:$AV$5000,MATCH($B30,'p-y sand'!$C$27:$C$5000,1)),INDEX('p-y mono_clay'!$BI$27:$BI$5000,MATCH($B30,'p-y mono_clay'!$C$27:$C$5000,1)))</f>
        <v>18131.188306349814</v>
      </c>
      <c r="X30">
        <f>IF($D30="SAND",INDEX('p-y sand'!$AI$27:$AI$5000,MATCH($B30,'p-y sand'!$C$27:$C$82,1)),INDEX('p-y mono_clay'!$AV$27:$AV$5000,MATCH($B30,'p-y mono_clay'!$C$27:$C$5000,1)))</f>
        <v>90</v>
      </c>
      <c r="Y30">
        <f>IF($D30="SAND",INDEX('p-y sand'!$AW$27:$AW$5000,MATCH($B30,'p-y sand'!$C$27:$C$5000,1)),INDEX('p-y mono_clay'!$BJ$27:$BJ$5000,MATCH($B30,'p-y mono_clay'!$C$27:$C$5000,1)))</f>
        <v>18178.033840977252</v>
      </c>
      <c r="Z30">
        <f>IF($D30="SAND",INDEX('p-y sand'!$AJ$27:$AJ$5000,MATCH($B30,'p-y sand'!$C$27:$C$82,1)),INDEX('p-y mono_clay'!$AW$27:$AW$5000,MATCH($B30,'p-y mono_clay'!$C$27:$C$5000,1)))</f>
        <v>100</v>
      </c>
      <c r="AA30">
        <f>IF($D30="SAND",INDEX('p-y sand'!$AX$27:$AX$5000,MATCH($B30,'p-y sand'!$C$27:$C$5000,1)),INDEX('p-y mono_clay'!$BK$27:$BK$5000,MATCH($B30,'p-y mono_clay'!$C$27:$C$5000,1)))</f>
        <v>18202.337670673402</v>
      </c>
      <c r="AB30">
        <f>IF($D30="SAND",INDEX('p-y sand'!$AK$27:$AK$5000,MATCH($B30,'p-y sand'!$C$27:$C$82,1)),INDEX('p-y mono_clay'!$AX$27:$AX$5000,MATCH($B30,'p-y mono_clay'!$C$27:$C$5000,1)))</f>
        <v>110</v>
      </c>
      <c r="AC30">
        <f>IF($D30="SAND",INDEX('p-y sand'!$AY$27:$AY$5000,MATCH($B30,'p-y sand'!$C$27:$C$5000,1)),INDEX('p-y mono_clay'!$BL$27:$BL$5000,MATCH($B30,'p-y mono_clay'!$C$27:$C$5000,1)))</f>
        <v>18214.934817479414</v>
      </c>
      <c r="AD30" s="98">
        <f>IF($D30="SAND",INDEX('p-y sand'!$AL$27:$AL$5000,MATCH($B30,'p-y sand'!$C$27:$C$82,1)),INDEX('p-y mono_clay'!$AY$27:$AY$5000,MATCH($B30,'p-y mono_clay'!$C$27:$C$5000,1)))</f>
        <v>120</v>
      </c>
    </row>
    <row r="31" spans="1:30" x14ac:dyDescent="0.2">
      <c r="A31" s="214">
        <f t="shared" si="0"/>
        <v>-41.5</v>
      </c>
      <c r="B31" s="216">
        <f>'p-y mono_clay'!C52</f>
        <v>26</v>
      </c>
      <c r="C31">
        <f>INDEX('CPT Data'!$C$13:$C$20000,MATCH(B31,'CPT Data'!$B$13:$B$20000,1))</f>
        <v>25.986999999999998</v>
      </c>
      <c r="D31" s="216" t="str">
        <f>INDEX('CPT Data'!$P$13:$P$20000,MATCH(B31,'CPT Data'!$B$13:$B$20000,1))</f>
        <v>SAND</v>
      </c>
      <c r="E31">
        <f>IF($D31="SAND",INDEX('p-y sand'!$AM$27:$AM$20000,MATCH($B31,'p-y sand'!$C$27:$C$20000,1)),INDEX('p-y mono_clay'!$AZ$27:$AZ$20000,MATCH($B31,'p-y mono_clay'!$C$27:$C$20000,1)))</f>
        <v>0</v>
      </c>
      <c r="F31">
        <f>IF($D31="SAND",INDEX('p-y sand'!$Z$27:$Z$5000,MATCH($B31,'p-y sand'!$C$27:$C$82,1)),INDEX('p-y mono_clay'!$AM$27:$AM$5000,MATCH($B31,'p-y mono_clay'!$C$27:$C$5000,1)))</f>
        <v>0</v>
      </c>
      <c r="G31">
        <f>IF($D31="SAND",INDEX('p-y sand'!$AN$27:$AN$5000,MATCH($B31,'p-y sand'!$C$27:$C$5000,1)),INDEX('p-y mono_clay'!$BA$27:$BA$5000,MATCH($B31,'p-y mono_clay'!$C$27:$C$5000,1)))</f>
        <v>5467.034397333161</v>
      </c>
      <c r="H31">
        <f>IF($D31="SAND",INDEX('p-y sand'!$AA$27:$AA$5000,MATCH($B31,'p-y sand'!$C$27:$C$82,1)),INDEX('p-y mono_clay'!$AN$27:$AN$5000,MATCH($B31,'p-y mono_clay'!$C$27:$C$5000,1)))</f>
        <v>10</v>
      </c>
      <c r="I31">
        <f>IF($D31="SAND",INDEX('p-y sand'!$AO$27:$AO$5000,MATCH($B31,'p-y sand'!$C$27:$C$5000,1)),INDEX('p-y mono_clay'!$BB$27:$BB$5000,MATCH($B31,'p-y mono_clay'!$C$27:$C$5000,1)))</f>
        <v>9963.3422168350462</v>
      </c>
      <c r="J31">
        <f>IF($D31="SAND",INDEX('p-y sand'!$AB$27:$AB$5000,MATCH($B31,'p-y sand'!$C$27:$C$82,1)),INDEX('p-y mono_clay'!$AO$27:$AO$5000,MATCH($B31,'p-y mono_clay'!$C$27:$C$5000,1)))</f>
        <v>20</v>
      </c>
      <c r="K31">
        <f>IF($D31="SAND",INDEX('p-y sand'!$AP$27:$AP$5000,MATCH($B31,'p-y sand'!$C$27:$C$5000,1)),INDEX('p-y mono_clay'!$BC$27:$BC$5000,MATCH($B31,'p-y mono_clay'!$C$27:$C$5000,1)))</f>
        <v>13103.68620998826</v>
      </c>
      <c r="L31">
        <f>IF($D31="SAND",INDEX('p-y sand'!$AC$27:$AC$5000,MATCH($B31,'p-y sand'!$C$27:$C$82,1)),INDEX('p-y mono_clay'!$AP$27:$AP$5000,MATCH($B31,'p-y mono_clay'!$C$27:$C$5000,1)))</f>
        <v>30</v>
      </c>
      <c r="M31">
        <f>IF($D31="SAND",INDEX('p-y sand'!$AQ$27:$AQ$5000,MATCH($B31,'p-y sand'!$C$27:$C$5000,1)),INDEX('p-y mono_clay'!$BD$27:$BD$5000,MATCH($B31,'p-y mono_clay'!$C$27:$C$5000,1)))</f>
        <v>15055.000285971029</v>
      </c>
      <c r="N31">
        <f>IF($D31="SAND",INDEX('p-y sand'!$AD$27:$AD$5000,MATCH($B31,'p-y sand'!$C$27:$C$82,1)),INDEX('p-y mono_clay'!$AQ$27:$AQ$5000,MATCH($B31,'p-y mono_clay'!$C$27:$C$5000,1)))</f>
        <v>40</v>
      </c>
      <c r="O31">
        <f>IF($D31="SAND",INDEX('p-y sand'!$AR$27:$AR$5000,MATCH($B31,'p-y sand'!$C$27:$C$5000,1)),INDEX('p-y mono_clay'!$BE$27:$BE$5000,MATCH($B31,'p-y mono_clay'!$C$27:$C$5000,1)))</f>
        <v>16180.740411724775</v>
      </c>
      <c r="P31">
        <f>IF($D31="SAND",INDEX('p-y sand'!$AE$27:$AE$5000,MATCH($B31,'p-y sand'!$C$27:$C$82,1)),INDEX('p-y mono_clay'!$AR$27:$AR$5000,MATCH($B31,'p-y mono_clay'!$C$27:$C$5000,1)))</f>
        <v>50</v>
      </c>
      <c r="Q31">
        <f>IF($D31="SAND",INDEX('p-y sand'!$AS$27:$AS$5000,MATCH($B31,'p-y sand'!$C$27:$C$5000,1)),INDEX('p-y mono_clay'!$BF$27:$BF$5000,MATCH($B31,'p-y mono_clay'!$C$27:$C$5000,1)))</f>
        <v>16802.552414019556</v>
      </c>
      <c r="R31">
        <f>IF($D31="SAND",INDEX('p-y sand'!$AF$27:$AF$5000,MATCH($B31,'p-y sand'!$C$27:$C$82,1)),INDEX('p-y mono_clay'!$AS$27:$AS$5000,MATCH($B31,'p-y mono_clay'!$C$27:$C$5000,1)))</f>
        <v>60</v>
      </c>
      <c r="S31">
        <f>IF($D31="SAND",INDEX('p-y sand'!$AT$27:$AT$5000,MATCH($B31,'p-y sand'!$C$27:$C$5000,1)),INDEX('p-y mono_clay'!$BG$27:$BG$5000,MATCH($B31,'p-y mono_clay'!$C$27:$C$5000,1)))</f>
        <v>17137.783728741426</v>
      </c>
      <c r="T31">
        <f>IF($D31="SAND",INDEX('p-y sand'!$AG$27:$AG$5000,MATCH($B31,'p-y sand'!$C$27:$C$82,1)),INDEX('p-y mono_clay'!$AT$27:$AT$5000,MATCH($B31,'p-y mono_clay'!$C$27:$C$5000,1)))</f>
        <v>70</v>
      </c>
      <c r="U31">
        <f>IF($D31="SAND",INDEX('p-y sand'!$AU$27:$AU$5000,MATCH($B31,'p-y sand'!$C$27:$C$5000,1)),INDEX('p-y mono_clay'!$BH$27:$BH$5000,MATCH($B31,'p-y mono_clay'!$C$27:$C$5000,1)))</f>
        <v>17316.152345168673</v>
      </c>
      <c r="V31">
        <f>IF($D31="SAND",INDEX('p-y sand'!$AH$27:$AH$5000,MATCH($B31,'p-y sand'!$C$27:$C$82,1)),INDEX('p-y mono_clay'!$AU$27:$AU$5000,MATCH($B31,'p-y mono_clay'!$C$27:$C$5000,1)))</f>
        <v>80</v>
      </c>
      <c r="W31">
        <f>IF($D31="SAND",INDEX('p-y sand'!$AV$27:$AV$5000,MATCH($B31,'p-y sand'!$C$27:$C$5000,1)),INDEX('p-y mono_clay'!$BI$27:$BI$5000,MATCH($B31,'p-y mono_clay'!$C$27:$C$5000,1)))</f>
        <v>17410.394225646876</v>
      </c>
      <c r="X31">
        <f>IF($D31="SAND",INDEX('p-y sand'!$AI$27:$AI$5000,MATCH($B31,'p-y sand'!$C$27:$C$82,1)),INDEX('p-y mono_clay'!$AV$27:$AV$5000,MATCH($B31,'p-y mono_clay'!$C$27:$C$5000,1)))</f>
        <v>90</v>
      </c>
      <c r="Y31">
        <f>IF($D31="SAND",INDEX('p-y sand'!$AW$27:$AW$5000,MATCH($B31,'p-y sand'!$C$27:$C$5000,1)),INDEX('p-y mono_clay'!$BJ$27:$BJ$5000,MATCH($B31,'p-y mono_clay'!$C$27:$C$5000,1)))</f>
        <v>17460.00273306284</v>
      </c>
      <c r="Z31">
        <f>IF($D31="SAND",INDEX('p-y sand'!$AJ$27:$AJ$5000,MATCH($B31,'p-y sand'!$C$27:$C$82,1)),INDEX('p-y mono_clay'!$AW$27:$AW$5000,MATCH($B31,'p-y mono_clay'!$C$27:$C$5000,1)))</f>
        <v>100</v>
      </c>
      <c r="AA31">
        <f>IF($D31="SAND",INDEX('p-y sand'!$AX$27:$AX$5000,MATCH($B31,'p-y sand'!$C$27:$C$5000,1)),INDEX('p-y mono_clay'!$BK$27:$BK$5000,MATCH($B31,'p-y mono_clay'!$C$27:$C$5000,1)))</f>
        <v>17486.065373105153</v>
      </c>
      <c r="AB31">
        <f>IF($D31="SAND",INDEX('p-y sand'!$AK$27:$AK$5000,MATCH($B31,'p-y sand'!$C$27:$C$82,1)),INDEX('p-y mono_clay'!$AX$27:$AX$5000,MATCH($B31,'p-y mono_clay'!$C$27:$C$5000,1)))</f>
        <v>110</v>
      </c>
      <c r="AC31">
        <f>IF($D31="SAND",INDEX('p-y sand'!$AY$27:$AY$5000,MATCH($B31,'p-y sand'!$C$27:$C$5000,1)),INDEX('p-y mono_clay'!$BL$27:$BL$5000,MATCH($B31,'p-y mono_clay'!$C$27:$C$5000,1)))</f>
        <v>17499.743728937163</v>
      </c>
      <c r="AD31" s="98">
        <f>IF($D31="SAND",INDEX('p-y sand'!$AL$27:$AL$5000,MATCH($B31,'p-y sand'!$C$27:$C$82,1)),INDEX('p-y mono_clay'!$AY$27:$AY$5000,MATCH($B31,'p-y mono_clay'!$C$27:$C$5000,1)))</f>
        <v>120</v>
      </c>
    </row>
    <row r="32" spans="1:30" x14ac:dyDescent="0.2">
      <c r="A32" s="214">
        <f t="shared" si="0"/>
        <v>-42.5</v>
      </c>
      <c r="B32" s="216">
        <f>'p-y mono_clay'!C53</f>
        <v>27</v>
      </c>
      <c r="C32">
        <f>INDEX('CPT Data'!$C$13:$C$20000,MATCH(B32,'CPT Data'!$B$13:$B$20000,1))</f>
        <v>26.992999999999999</v>
      </c>
      <c r="D32" s="216" t="str">
        <f>INDEX('CPT Data'!$P$13:$P$20000,MATCH(B32,'CPT Data'!$B$13:$B$20000,1))</f>
        <v>SAND</v>
      </c>
      <c r="E32">
        <f>IF($D32="SAND",INDEX('p-y sand'!$AM$27:$AM$20000,MATCH($B32,'p-y sand'!$C$27:$C$20000,1)),INDEX('p-y mono_clay'!$AZ$27:$AZ$20000,MATCH($B32,'p-y mono_clay'!$C$27:$C$20000,1)))</f>
        <v>0</v>
      </c>
      <c r="F32">
        <f>IF($D32="SAND",INDEX('p-y sand'!$Z$27:$Z$5000,MATCH($B32,'p-y sand'!$C$27:$C$82,1)),INDEX('p-y mono_clay'!$AM$27:$AM$5000,MATCH($B32,'p-y mono_clay'!$C$27:$C$5000,1)))</f>
        <v>0</v>
      </c>
      <c r="G32">
        <f>IF($D32="SAND",INDEX('p-y sand'!$AN$27:$AN$5000,MATCH($B32,'p-y sand'!$C$27:$C$5000,1)),INDEX('p-y mono_clay'!$BA$27:$BA$5000,MATCH($B32,'p-y mono_clay'!$C$27:$C$5000,1)))</f>
        <v>5270.4532934400258</v>
      </c>
      <c r="H32">
        <f>IF($D32="SAND",INDEX('p-y sand'!$AA$27:$AA$5000,MATCH($B32,'p-y sand'!$C$27:$C$82,1)),INDEX('p-y mono_clay'!$AN$27:$AN$5000,MATCH($B32,'p-y mono_clay'!$C$27:$C$5000,1)))</f>
        <v>10</v>
      </c>
      <c r="I32">
        <f>IF($D32="SAND",INDEX('p-y sand'!$AO$27:$AO$5000,MATCH($B32,'p-y sand'!$C$27:$C$5000,1)),INDEX('p-y mono_clay'!$BB$27:$BB$5000,MATCH($B32,'p-y mono_clay'!$C$27:$C$5000,1)))</f>
        <v>9843.1772614193378</v>
      </c>
      <c r="J32">
        <f>IF($D32="SAND",INDEX('p-y sand'!$AB$27:$AB$5000,MATCH($B32,'p-y sand'!$C$27:$C$82,1)),INDEX('p-y mono_clay'!$AO$27:$AO$5000,MATCH($B32,'p-y mono_clay'!$C$27:$C$5000,1)))</f>
        <v>20</v>
      </c>
      <c r="K32">
        <f>IF($D32="SAND",INDEX('p-y sand'!$AP$27:$AP$5000,MATCH($B32,'p-y sand'!$C$27:$C$5000,1)),INDEX('p-y mono_clay'!$BC$27:$BC$5000,MATCH($B32,'p-y mono_clay'!$C$27:$C$5000,1)))</f>
        <v>13346.72362092798</v>
      </c>
      <c r="L32">
        <f>IF($D32="SAND",INDEX('p-y sand'!$AC$27:$AC$5000,MATCH($B32,'p-y sand'!$C$27:$C$82,1)),INDEX('p-y mono_clay'!$AP$27:$AP$5000,MATCH($B32,'p-y mono_clay'!$C$27:$C$5000,1)))</f>
        <v>30</v>
      </c>
      <c r="M32">
        <f>IF($D32="SAND",INDEX('p-y sand'!$AQ$27:$AQ$5000,MATCH($B32,'p-y sand'!$C$27:$C$5000,1)),INDEX('p-y mono_clay'!$BD$27:$BD$5000,MATCH($B32,'p-y mono_clay'!$C$27:$C$5000,1)))</f>
        <v>15783.879719727774</v>
      </c>
      <c r="N32">
        <f>IF($D32="SAND",INDEX('p-y sand'!$AD$27:$AD$5000,MATCH($B32,'p-y sand'!$C$27:$C$82,1)),INDEX('p-y mono_clay'!$AQ$27:$AQ$5000,MATCH($B32,'p-y mono_clay'!$C$27:$C$5000,1)))</f>
        <v>40</v>
      </c>
      <c r="O32">
        <f>IF($D32="SAND",INDEX('p-y sand'!$AR$27:$AR$5000,MATCH($B32,'p-y sand'!$C$27:$C$5000,1)),INDEX('p-y mono_clay'!$BE$27:$BE$5000,MATCH($B32,'p-y mono_clay'!$C$27:$C$5000,1)))</f>
        <v>17367.490867462282</v>
      </c>
      <c r="P32">
        <f>IF($D32="SAND",INDEX('p-y sand'!$AE$27:$AE$5000,MATCH($B32,'p-y sand'!$C$27:$C$82,1)),INDEX('p-y mono_clay'!$AR$27:$AR$5000,MATCH($B32,'p-y mono_clay'!$C$27:$C$5000,1)))</f>
        <v>50</v>
      </c>
      <c r="Q32">
        <f>IF($D32="SAND",INDEX('p-y sand'!$AS$27:$AS$5000,MATCH($B32,'p-y sand'!$C$27:$C$5000,1)),INDEX('p-y mono_clay'!$BF$27:$BF$5000,MATCH($B32,'p-y mono_clay'!$C$27:$C$5000,1)))</f>
        <v>18351.378557358083</v>
      </c>
      <c r="R32">
        <f>IF($D32="SAND",INDEX('p-y sand'!$AF$27:$AF$5000,MATCH($B32,'p-y sand'!$C$27:$C$82,1)),INDEX('p-y mono_clay'!$AS$27:$AS$5000,MATCH($B32,'p-y mono_clay'!$C$27:$C$5000,1)))</f>
        <v>60</v>
      </c>
      <c r="S32">
        <f>IF($D32="SAND",INDEX('p-y sand'!$AT$27:$AT$5000,MATCH($B32,'p-y sand'!$C$27:$C$5000,1)),INDEX('p-y mono_clay'!$BG$27:$BG$5000,MATCH($B32,'p-y mono_clay'!$C$27:$C$5000,1)))</f>
        <v>18945.73192282789</v>
      </c>
      <c r="T32">
        <f>IF($D32="SAND",INDEX('p-y sand'!$AG$27:$AG$5000,MATCH($B32,'p-y sand'!$C$27:$C$82,1)),INDEX('p-y mono_clay'!$AT$27:$AT$5000,MATCH($B32,'p-y mono_clay'!$C$27:$C$5000,1)))</f>
        <v>70</v>
      </c>
      <c r="U32">
        <f>IF($D32="SAND",INDEX('p-y sand'!$AU$27:$AU$5000,MATCH($B32,'p-y sand'!$C$27:$C$5000,1)),INDEX('p-y mono_clay'!$BH$27:$BH$5000,MATCH($B32,'p-y mono_clay'!$C$27:$C$5000,1)))</f>
        <v>19298.699264966221</v>
      </c>
      <c r="V32">
        <f>IF($D32="SAND",INDEX('p-y sand'!$AH$27:$AH$5000,MATCH($B32,'p-y sand'!$C$27:$C$82,1)),INDEX('p-y mono_clay'!$AU$27:$AU$5000,MATCH($B32,'p-y mono_clay'!$C$27:$C$5000,1)))</f>
        <v>80</v>
      </c>
      <c r="W32">
        <f>IF($D32="SAND",INDEX('p-y sand'!$AV$27:$AV$5000,MATCH($B32,'p-y sand'!$C$27:$C$5000,1)),INDEX('p-y mono_clay'!$BI$27:$BI$5000,MATCH($B32,'p-y mono_clay'!$C$27:$C$5000,1)))</f>
        <v>19506.194864325451</v>
      </c>
      <c r="X32">
        <f>IF($D32="SAND",INDEX('p-y sand'!$AI$27:$AI$5000,MATCH($B32,'p-y sand'!$C$27:$C$82,1)),INDEX('p-y mono_clay'!$AV$27:$AV$5000,MATCH($B32,'p-y mono_clay'!$C$27:$C$5000,1)))</f>
        <v>90</v>
      </c>
      <c r="Y32">
        <f>IF($D32="SAND",INDEX('p-y sand'!$AW$27:$AW$5000,MATCH($B32,'p-y sand'!$C$27:$C$5000,1)),INDEX('p-y mono_clay'!$BJ$27:$BJ$5000,MATCH($B32,'p-y mono_clay'!$C$27:$C$5000,1)))</f>
        <v>19627.444980216151</v>
      </c>
      <c r="Z32">
        <f>IF($D32="SAND",INDEX('p-y sand'!$AJ$27:$AJ$5000,MATCH($B32,'p-y sand'!$C$27:$C$82,1)),INDEX('p-y mono_clay'!$AW$27:$AW$5000,MATCH($B32,'p-y mono_clay'!$C$27:$C$5000,1)))</f>
        <v>100</v>
      </c>
      <c r="AA32">
        <f>IF($D32="SAND",INDEX('p-y sand'!$AX$27:$AX$5000,MATCH($B32,'p-y sand'!$C$27:$C$5000,1)),INDEX('p-y mono_clay'!$BK$27:$BK$5000,MATCH($B32,'p-y mono_clay'!$C$27:$C$5000,1)))</f>
        <v>19698.049677122966</v>
      </c>
      <c r="AB32">
        <f>IF($D32="SAND",INDEX('p-y sand'!$AK$27:$AK$5000,MATCH($B32,'p-y sand'!$C$27:$C$82,1)),INDEX('p-y mono_clay'!$AX$27:$AX$5000,MATCH($B32,'p-y mono_clay'!$C$27:$C$5000,1)))</f>
        <v>110</v>
      </c>
      <c r="AC32">
        <f>IF($D32="SAND",INDEX('p-y sand'!$AY$27:$AY$5000,MATCH($B32,'p-y sand'!$C$27:$C$5000,1)),INDEX('p-y mono_clay'!$BL$27:$BL$5000,MATCH($B32,'p-y mono_clay'!$C$27:$C$5000,1)))</f>
        <v>19739.079363528966</v>
      </c>
      <c r="AD32" s="98">
        <f>IF($D32="SAND",INDEX('p-y sand'!$AL$27:$AL$5000,MATCH($B32,'p-y sand'!$C$27:$C$82,1)),INDEX('p-y mono_clay'!$AY$27:$AY$5000,MATCH($B32,'p-y mono_clay'!$C$27:$C$5000,1)))</f>
        <v>120</v>
      </c>
    </row>
    <row r="33" spans="1:30" x14ac:dyDescent="0.2">
      <c r="A33" s="214">
        <f t="shared" si="0"/>
        <v>-43.5</v>
      </c>
      <c r="B33" s="216">
        <f>'p-y mono_clay'!C54</f>
        <v>28</v>
      </c>
      <c r="C33">
        <f>INDEX('CPT Data'!$C$13:$C$20000,MATCH(B33,'CPT Data'!$B$13:$B$20000,1))</f>
        <v>27.991999999999997</v>
      </c>
      <c r="D33" s="216" t="str">
        <f>INDEX('CPT Data'!$P$13:$P$20000,MATCH(B33,'CPT Data'!$B$13:$B$20000,1))</f>
        <v>SAND</v>
      </c>
      <c r="E33">
        <f>IF($D33="SAND",INDEX('p-y sand'!$AM$27:$AM$20000,MATCH($B33,'p-y sand'!$C$27:$C$20000,1)),INDEX('p-y mono_clay'!$AZ$27:$AZ$20000,MATCH($B33,'p-y mono_clay'!$C$27:$C$20000,1)))</f>
        <v>0</v>
      </c>
      <c r="F33">
        <f>IF($D33="SAND",INDEX('p-y sand'!$Z$27:$Z$5000,MATCH($B33,'p-y sand'!$C$27:$C$82,1)),INDEX('p-y mono_clay'!$AM$27:$AM$5000,MATCH($B33,'p-y mono_clay'!$C$27:$C$5000,1)))</f>
        <v>0</v>
      </c>
      <c r="G33">
        <f>IF($D33="SAND",INDEX('p-y sand'!$AN$27:$AN$5000,MATCH($B33,'p-y sand'!$C$27:$C$5000,1)),INDEX('p-y mono_clay'!$BA$27:$BA$5000,MATCH($B33,'p-y mono_clay'!$C$27:$C$5000,1)))</f>
        <v>8669.3617660250038</v>
      </c>
      <c r="H33">
        <f>IF($D33="SAND",INDEX('p-y sand'!$AA$27:$AA$5000,MATCH($B33,'p-y sand'!$C$27:$C$82,1)),INDEX('p-y mono_clay'!$AN$27:$AN$5000,MATCH($B33,'p-y mono_clay'!$C$27:$C$5000,1)))</f>
        <v>10</v>
      </c>
      <c r="I33">
        <f>IF($D33="SAND",INDEX('p-y sand'!$AO$27:$AO$5000,MATCH($B33,'p-y sand'!$C$27:$C$5000,1)),INDEX('p-y mono_clay'!$BB$27:$BB$5000,MATCH($B33,'p-y mono_clay'!$C$27:$C$5000,1)))</f>
        <v>15858.573613427992</v>
      </c>
      <c r="J33">
        <f>IF($D33="SAND",INDEX('p-y sand'!$AB$27:$AB$5000,MATCH($B33,'p-y sand'!$C$27:$C$82,1)),INDEX('p-y mono_clay'!$AO$27:$AO$5000,MATCH($B33,'p-y mono_clay'!$C$27:$C$5000,1)))</f>
        <v>20</v>
      </c>
      <c r="K33">
        <f>IF($D33="SAND",INDEX('p-y sand'!$AP$27:$AP$5000,MATCH($B33,'p-y sand'!$C$27:$C$5000,1)),INDEX('p-y mono_clay'!$BC$27:$BC$5000,MATCH($B33,'p-y mono_clay'!$C$27:$C$5000,1)))</f>
        <v>20950.913874981878</v>
      </c>
      <c r="L33">
        <f>IF($D33="SAND",INDEX('p-y sand'!$AC$27:$AC$5000,MATCH($B33,'p-y sand'!$C$27:$C$82,1)),INDEX('p-y mono_clay'!$AP$27:$AP$5000,MATCH($B33,'p-y mono_clay'!$C$27:$C$5000,1)))</f>
        <v>30</v>
      </c>
      <c r="M33">
        <f>IF($D33="SAND",INDEX('p-y sand'!$AQ$27:$AQ$5000,MATCH($B33,'p-y sand'!$C$27:$C$5000,1)),INDEX('p-y mono_clay'!$BD$27:$BD$5000,MATCH($B33,'p-y mono_clay'!$C$27:$C$5000,1)))</f>
        <v>24168.815971595086</v>
      </c>
      <c r="N33">
        <f>IF($D33="SAND",INDEX('p-y sand'!$AD$27:$AD$5000,MATCH($B33,'p-y sand'!$C$27:$C$82,1)),INDEX('p-y mono_clay'!$AQ$27:$AQ$5000,MATCH($B33,'p-y mono_clay'!$C$27:$C$5000,1)))</f>
        <v>40</v>
      </c>
      <c r="O33">
        <f>IF($D33="SAND",INDEX('p-y sand'!$AR$27:$AR$5000,MATCH($B33,'p-y sand'!$C$27:$C$5000,1)),INDEX('p-y mono_clay'!$BE$27:$BE$5000,MATCH($B33,'p-y mono_clay'!$C$27:$C$5000,1)))</f>
        <v>26057.87818414966</v>
      </c>
      <c r="P33">
        <f>IF($D33="SAND",INDEX('p-y sand'!$AE$27:$AE$5000,MATCH($B33,'p-y sand'!$C$27:$C$82,1)),INDEX('p-y mono_clay'!$AR$27:$AR$5000,MATCH($B33,'p-y mono_clay'!$C$27:$C$5000,1)))</f>
        <v>50</v>
      </c>
      <c r="Q33">
        <f>IF($D33="SAND",INDEX('p-y sand'!$AS$27:$AS$5000,MATCH($B33,'p-y sand'!$C$27:$C$5000,1)),INDEX('p-y mono_clay'!$BF$27:$BF$5000,MATCH($B33,'p-y mono_clay'!$C$27:$C$5000,1)))</f>
        <v>27119.232886556598</v>
      </c>
      <c r="R33">
        <f>IF($D33="SAND",INDEX('p-y sand'!$AF$27:$AF$5000,MATCH($B33,'p-y sand'!$C$27:$C$82,1)),INDEX('p-y mono_clay'!$AS$27:$AS$5000,MATCH($B33,'p-y mono_clay'!$C$27:$C$5000,1)))</f>
        <v>60</v>
      </c>
      <c r="S33">
        <f>IF($D33="SAND",INDEX('p-y sand'!$AT$27:$AT$5000,MATCH($B33,'p-y sand'!$C$27:$C$5000,1)),INDEX('p-y mono_clay'!$BG$27:$BG$5000,MATCH($B33,'p-y mono_clay'!$C$27:$C$5000,1)))</f>
        <v>27700.885717856392</v>
      </c>
      <c r="T33">
        <f>IF($D33="SAND",INDEX('p-y sand'!$AG$27:$AG$5000,MATCH($B33,'p-y sand'!$C$27:$C$82,1)),INDEX('p-y mono_clay'!$AT$27:$AT$5000,MATCH($B33,'p-y mono_clay'!$C$27:$C$5000,1)))</f>
        <v>70</v>
      </c>
      <c r="U33">
        <f>IF($D33="SAND",INDEX('p-y sand'!$AU$27:$AU$5000,MATCH($B33,'p-y sand'!$C$27:$C$5000,1)),INDEX('p-y mono_clay'!$BH$27:$BH$5000,MATCH($B33,'p-y mono_clay'!$C$27:$C$5000,1)))</f>
        <v>28015.304955026306</v>
      </c>
      <c r="V33">
        <f>IF($D33="SAND",INDEX('p-y sand'!$AH$27:$AH$5000,MATCH($B33,'p-y sand'!$C$27:$C$82,1)),INDEX('p-y mono_clay'!$AU$27:$AU$5000,MATCH($B33,'p-y mono_clay'!$C$27:$C$5000,1)))</f>
        <v>80</v>
      </c>
      <c r="W33">
        <f>IF($D33="SAND",INDEX('p-y sand'!$AV$27:$AV$5000,MATCH($B33,'p-y sand'!$C$27:$C$5000,1)),INDEX('p-y mono_clay'!$BI$27:$BI$5000,MATCH($B33,'p-y mono_clay'!$C$27:$C$5000,1)))</f>
        <v>28184.008240891686</v>
      </c>
      <c r="X33">
        <f>IF($D33="SAND",INDEX('p-y sand'!$AI$27:$AI$5000,MATCH($B33,'p-y sand'!$C$27:$C$82,1)),INDEX('p-y mono_clay'!$AV$27:$AV$5000,MATCH($B33,'p-y mono_clay'!$C$27:$C$5000,1)))</f>
        <v>90</v>
      </c>
      <c r="Y33">
        <f>IF($D33="SAND",INDEX('p-y sand'!$AW$27:$AW$5000,MATCH($B33,'p-y sand'!$C$27:$C$5000,1)),INDEX('p-y mono_clay'!$BJ$27:$BJ$5000,MATCH($B33,'p-y mono_clay'!$C$27:$C$5000,1)))</f>
        <v>28274.165658993359</v>
      </c>
      <c r="Z33">
        <f>IF($D33="SAND",INDEX('p-y sand'!$AJ$27:$AJ$5000,MATCH($B33,'p-y sand'!$C$27:$C$82,1)),INDEX('p-y mono_clay'!$AW$27:$AW$5000,MATCH($B33,'p-y mono_clay'!$C$27:$C$5000,1)))</f>
        <v>100</v>
      </c>
      <c r="AA33">
        <f>IF($D33="SAND",INDEX('p-y sand'!$AX$27:$AX$5000,MATCH($B33,'p-y sand'!$C$27:$C$5000,1)),INDEX('p-y mono_clay'!$BK$27:$BK$5000,MATCH($B33,'p-y mono_clay'!$C$27:$C$5000,1)))</f>
        <v>28322.244115061614</v>
      </c>
      <c r="AB33">
        <f>IF($D33="SAND",INDEX('p-y sand'!$AK$27:$AK$5000,MATCH($B33,'p-y sand'!$C$27:$C$82,1)),INDEX('p-y mono_clay'!$AX$27:$AX$5000,MATCH($B33,'p-y mono_clay'!$C$27:$C$5000,1)))</f>
        <v>110</v>
      </c>
      <c r="AC33">
        <f>IF($D33="SAND",INDEX('p-y sand'!$AY$27:$AY$5000,MATCH($B33,'p-y sand'!$C$27:$C$5000,1)),INDEX('p-y mono_clay'!$BL$27:$BL$5000,MATCH($B33,'p-y mono_clay'!$C$27:$C$5000,1)))</f>
        <v>28347.853784195286</v>
      </c>
      <c r="AD33" s="98">
        <f>IF($D33="SAND",INDEX('p-y sand'!$AL$27:$AL$5000,MATCH($B33,'p-y sand'!$C$27:$C$82,1)),INDEX('p-y mono_clay'!$AY$27:$AY$5000,MATCH($B33,'p-y mono_clay'!$C$27:$C$5000,1)))</f>
        <v>120</v>
      </c>
    </row>
    <row r="34" spans="1:30" x14ac:dyDescent="0.2">
      <c r="A34" s="214">
        <f t="shared" si="0"/>
        <v>-44.5</v>
      </c>
      <c r="B34" s="216">
        <f>'p-y mono_clay'!C55</f>
        <v>29</v>
      </c>
      <c r="C34">
        <f>INDEX('CPT Data'!$C$13:$C$20000,MATCH(B34,'CPT Data'!$B$13:$B$20000,1))</f>
        <v>28.983999999999998</v>
      </c>
      <c r="D34" s="216" t="str">
        <f>INDEX('CPT Data'!$P$13:$P$20000,MATCH(B34,'CPT Data'!$B$13:$B$20000,1))</f>
        <v>CLAY</v>
      </c>
      <c r="E34">
        <f>IF($D34="SAND",INDEX('p-y sand'!$AM$27:$AM$20000,MATCH($B34,'p-y sand'!$C$27:$C$20000,1)),INDEX('p-y mono_clay'!$AZ$27:$AZ$20000,MATCH($B34,'p-y mono_clay'!$C$27:$C$20000,1)))</f>
        <v>0</v>
      </c>
      <c r="F34">
        <f>IF($D34="SAND",INDEX('p-y sand'!$Z$27:$Z$5000,MATCH($B34,'p-y sand'!$C$27:$C$82,1)),INDEX('p-y mono_clay'!$AM$27:$AM$5000,MATCH($B34,'p-y mono_clay'!$C$27:$C$5000,1)))</f>
        <v>0</v>
      </c>
      <c r="G34">
        <f>IF($D34="SAND",INDEX('p-y sand'!$AN$27:$AN$5000,MATCH($B34,'p-y sand'!$C$27:$C$5000,1)),INDEX('p-y mono_clay'!$BA$27:$BA$5000,MATCH($B34,'p-y mono_clay'!$C$27:$C$5000,1)))</f>
        <v>303.27443388039313</v>
      </c>
      <c r="H34">
        <f>IF($D34="SAND",INDEX('p-y sand'!$AA$27:$AA$5000,MATCH($B34,'p-y sand'!$C$27:$C$82,1)),INDEX('p-y mono_clay'!$AN$27:$AN$5000,MATCH($B34,'p-y mono_clay'!$C$27:$C$5000,1)))</f>
        <v>0.8613626648033309</v>
      </c>
      <c r="I34">
        <f>IF($D34="SAND",INDEX('p-y sand'!$AO$27:$AO$5000,MATCH($B34,'p-y sand'!$C$27:$C$5000,1)),INDEX('p-y mono_clay'!$BB$27:$BB$5000,MATCH($B34,'p-y mono_clay'!$C$27:$C$5000,1)))</f>
        <v>1213.0977355215725</v>
      </c>
      <c r="J34">
        <f>IF($D34="SAND",INDEX('p-y sand'!$AB$27:$AB$5000,MATCH($B34,'p-y sand'!$C$27:$C$82,1)),INDEX('p-y mono_clay'!$AO$27:$AO$5000,MATCH($B34,'p-y mono_clay'!$C$27:$C$5000,1)))</f>
        <v>8.6136266480333123</v>
      </c>
      <c r="K34">
        <f>IF($D34="SAND",INDEX('p-y sand'!$AP$27:$AP$5000,MATCH($B34,'p-y sand'!$C$27:$C$5000,1)),INDEX('p-y mono_clay'!$BC$27:$BC$5000,MATCH($B34,'p-y mono_clay'!$C$27:$C$5000,1)))</f>
        <v>1819.6466032823589</v>
      </c>
      <c r="L34">
        <f>IF($D34="SAND",INDEX('p-y sand'!$AC$27:$AC$5000,MATCH($B34,'p-y sand'!$C$27:$C$82,1)),INDEX('p-y mono_clay'!$AP$27:$AP$5000,MATCH($B34,'p-y mono_clay'!$C$27:$C$5000,1)))</f>
        <v>17.840879944099928</v>
      </c>
      <c r="M34">
        <f>IF($D34="SAND",INDEX('p-y sand'!$AQ$27:$AQ$5000,MATCH($B34,'p-y sand'!$C$27:$C$5000,1)),INDEX('p-y mono_clay'!$BD$27:$BD$5000,MATCH($B34,'p-y mono_clay'!$C$27:$C$5000,1)))</f>
        <v>2426.1954710431451</v>
      </c>
      <c r="N34">
        <f>IF($D34="SAND",INDEX('p-y sand'!$AD$27:$AD$5000,MATCH($B34,'p-y sand'!$C$27:$C$82,1)),INDEX('p-y mono_clay'!$AQ$27:$AQ$5000,MATCH($B34,'p-y mono_clay'!$C$27:$C$5000,1)))</f>
        <v>33.681759888199863</v>
      </c>
      <c r="O34">
        <f>IF($D34="SAND",INDEX('p-y sand'!$AR$27:$AR$5000,MATCH($B34,'p-y sand'!$C$27:$C$5000,1)),INDEX('p-y mono_clay'!$BE$27:$BE$5000,MATCH($B34,'p-y mono_clay'!$C$27:$C$5000,1)))</f>
        <v>3032.7443388039314</v>
      </c>
      <c r="P34">
        <f>IF($D34="SAND",INDEX('p-y sand'!$AE$27:$AE$5000,MATCH($B34,'p-y sand'!$C$27:$C$82,1)),INDEX('p-y mono_clay'!$AR$27:$AR$5000,MATCH($B34,'p-y mono_clay'!$C$27:$C$5000,1)))</f>
        <v>54.136266480333099</v>
      </c>
      <c r="Q34">
        <f>IF($D34="SAND",INDEX('p-y sand'!$AS$27:$AS$5000,MATCH($B34,'p-y sand'!$C$27:$C$5000,1)),INDEX('p-y mono_clay'!$BF$27:$BF$5000,MATCH($B34,'p-y mono_clay'!$C$27:$C$5000,1)))</f>
        <v>3639.2932065647178</v>
      </c>
      <c r="R34">
        <f>IF($D34="SAND",INDEX('p-y sand'!$AF$27:$AF$5000,MATCH($B34,'p-y sand'!$C$27:$C$82,1)),INDEX('p-y mono_clay'!$AS$27:$AS$5000,MATCH($B34,'p-y mono_clay'!$C$27:$C$5000,1)))</f>
        <v>81.818026368532955</v>
      </c>
      <c r="S34">
        <f>IF($D34="SAND",INDEX('p-y sand'!$AT$27:$AT$5000,MATCH($B34,'p-y sand'!$C$27:$C$5000,1)),INDEX('p-y mono_clay'!$BG$27:$BG$5000,MATCH($B34,'p-y mono_clay'!$C$27:$C$5000,1)))</f>
        <v>4245.8420743255037</v>
      </c>
      <c r="T34">
        <f>IF($D34="SAND",INDEX('p-y sand'!$AG$27:$AG$5000,MATCH($B34,'p-y sand'!$C$27:$C$82,1)),INDEX('p-y mono_clay'!$AT$27:$AT$5000,MATCH($B34,'p-y mono_clay'!$C$27:$C$5000,1)))</f>
        <v>124.11341290476615</v>
      </c>
      <c r="U34">
        <f>IF($D34="SAND",INDEX('p-y sand'!$AU$27:$AU$5000,MATCH($B34,'p-y sand'!$C$27:$C$5000,1)),INDEX('p-y mono_clay'!$BH$27:$BH$5000,MATCH($B34,'p-y mono_clay'!$C$27:$C$5000,1)))</f>
        <v>4852.3909420862901</v>
      </c>
      <c r="V34">
        <f>IF($D34="SAND",INDEX('p-y sand'!$AH$27:$AH$5000,MATCH($B34,'p-y sand'!$C$27:$C$82,1)),INDEX('p-y mono_clay'!$AU$27:$AU$5000,MATCH($B34,'p-y mono_clay'!$C$27:$C$5000,1)))</f>
        <v>190.09055932919918</v>
      </c>
      <c r="W34">
        <f>IF($D34="SAND",INDEX('p-y sand'!$AV$27:$AV$5000,MATCH($B34,'p-y sand'!$C$27:$C$5000,1)),INDEX('p-y mono_clay'!$BI$27:$BI$5000,MATCH($B34,'p-y mono_clay'!$C$27:$C$5000,1)))</f>
        <v>5458.9398098470765</v>
      </c>
      <c r="X34">
        <f>IF($D34="SAND",INDEX('p-y sand'!$AI$27:$AI$5000,MATCH($B34,'p-y sand'!$C$27:$C$82,1)),INDEX('p-y mono_clay'!$AV$27:$AV$5000,MATCH($B34,'p-y mono_clay'!$C$27:$C$5000,1)))</f>
        <v>310.68133240166549</v>
      </c>
      <c r="Y34">
        <f>IF($D34="SAND",INDEX('p-y sand'!$AW$27:$AW$5000,MATCH($B34,'p-y sand'!$C$27:$C$5000,1)),INDEX('p-y mono_clay'!$BJ$27:$BJ$5000,MATCH($B34,'p-y mono_clay'!$C$27:$C$5000,1)))</f>
        <v>5913.8514606676663</v>
      </c>
      <c r="Z34">
        <f>IF($D34="SAND",INDEX('p-y sand'!$AJ$27:$AJ$5000,MATCH($B34,'p-y sand'!$C$27:$C$82,1)),INDEX('p-y mono_clay'!$AW$27:$AW$5000,MATCH($B34,'p-y mono_clay'!$C$27:$C$5000,1)))</f>
        <v>502.95386536233178</v>
      </c>
      <c r="AA34">
        <f>IF($D34="SAND",INDEX('p-y sand'!$AX$27:$AX$5000,MATCH($B34,'p-y sand'!$C$27:$C$5000,1)),INDEX('p-y mono_clay'!$BK$27:$BK$5000,MATCH($B34,'p-y mono_clay'!$C$27:$C$5000,1)))</f>
        <v>6065.4886776078629</v>
      </c>
      <c r="AB34">
        <f>IF($D34="SAND",INDEX('p-y sand'!$AK$27:$AK$5000,MATCH($B34,'p-y sand'!$C$27:$C$82,1)),INDEX('p-y mono_clay'!$AX$27:$AX$5000,MATCH($B34,'p-y mono_clay'!$C$27:$C$5000,1)))</f>
        <v>661.36266480333097</v>
      </c>
      <c r="AC34">
        <f>IF($D34="SAND",INDEX('p-y sand'!$AY$27:$AY$5000,MATCH($B34,'p-y sand'!$C$27:$C$5000,1)),INDEX('p-y mono_clay'!$BL$27:$BL$5000,MATCH($B34,'p-y mono_clay'!$C$27:$C$5000,1)))</f>
        <v>6065.4886776078629</v>
      </c>
      <c r="AD34" s="98">
        <f>IF($D34="SAND",INDEX('p-y sand'!$AL$27:$AL$5000,MATCH($B34,'p-y sand'!$C$27:$C$82,1)),INDEX('p-y mono_clay'!$AY$27:$AY$5000,MATCH($B34,'p-y mono_clay'!$C$27:$C$5000,1)))</f>
        <v>6000</v>
      </c>
    </row>
    <row r="35" spans="1:30" x14ac:dyDescent="0.2">
      <c r="A35" s="214">
        <f t="shared" si="0"/>
        <v>-45.5</v>
      </c>
      <c r="B35" s="216">
        <f>'p-y mono_clay'!C56</f>
        <v>30</v>
      </c>
      <c r="C35">
        <f>INDEX('CPT Data'!$C$13:$C$20000,MATCH(B35,'CPT Data'!$B$13:$B$20000,1))</f>
        <v>29.992999999999999</v>
      </c>
      <c r="D35" s="216" t="str">
        <f>INDEX('CPT Data'!$P$13:$P$20000,MATCH(B35,'CPT Data'!$B$13:$B$20000,1))</f>
        <v>CLAY</v>
      </c>
      <c r="E35">
        <f>IF($D35="SAND",INDEX('p-y sand'!$AM$27:$AM$20000,MATCH($B35,'p-y sand'!$C$27:$C$20000,1)),INDEX('p-y mono_clay'!$AZ$27:$AZ$20000,MATCH($B35,'p-y mono_clay'!$C$27:$C$20000,1)))</f>
        <v>0</v>
      </c>
      <c r="F35">
        <f>IF($D35="SAND",INDEX('p-y sand'!$Z$27:$Z$5000,MATCH($B35,'p-y sand'!$C$27:$C$82,1)),INDEX('p-y mono_clay'!$AM$27:$AM$5000,MATCH($B35,'p-y mono_clay'!$C$27:$C$5000,1)))</f>
        <v>0</v>
      </c>
      <c r="G35">
        <f>IF($D35="SAND",INDEX('p-y sand'!$AN$27:$AN$5000,MATCH($B35,'p-y sand'!$C$27:$C$5000,1)),INDEX('p-y mono_clay'!$BA$27:$BA$5000,MATCH($B35,'p-y mono_clay'!$C$27:$C$5000,1)))</f>
        <v>275.93342462571991</v>
      </c>
      <c r="H35">
        <f>IF($D35="SAND",INDEX('p-y sand'!$AA$27:$AA$5000,MATCH($B35,'p-y sand'!$C$27:$C$82,1)),INDEX('p-y mono_clay'!$AN$27:$AN$5000,MATCH($B35,'p-y mono_clay'!$C$27:$C$5000,1)))</f>
        <v>0.83267022100680477</v>
      </c>
      <c r="I35">
        <f>IF($D35="SAND",INDEX('p-y sand'!$AO$27:$AO$5000,MATCH($B35,'p-y sand'!$C$27:$C$5000,1)),INDEX('p-y mono_clay'!$BB$27:$BB$5000,MATCH($B35,'p-y mono_clay'!$C$27:$C$5000,1)))</f>
        <v>1103.7336985028796</v>
      </c>
      <c r="J35">
        <f>IF($D35="SAND",INDEX('p-y sand'!$AB$27:$AB$5000,MATCH($B35,'p-y sand'!$C$27:$C$82,1)),INDEX('p-y mono_clay'!$AO$27:$AO$5000,MATCH($B35,'p-y mono_clay'!$C$27:$C$5000,1)))</f>
        <v>8.3267022100680492</v>
      </c>
      <c r="K35">
        <f>IF($D35="SAND",INDEX('p-y sand'!$AP$27:$AP$5000,MATCH($B35,'p-y sand'!$C$27:$C$5000,1)),INDEX('p-y mono_clay'!$BC$27:$BC$5000,MATCH($B35,'p-y mono_clay'!$C$27:$C$5000,1)))</f>
        <v>1655.6005477543195</v>
      </c>
      <c r="L35">
        <f>IF($D35="SAND",INDEX('p-y sand'!$AC$27:$AC$5000,MATCH($B35,'p-y sand'!$C$27:$C$82,1)),INDEX('p-y mono_clay'!$AP$27:$AP$5000,MATCH($B35,'p-y mono_clay'!$C$27:$C$5000,1)))</f>
        <v>16.980106630204141</v>
      </c>
      <c r="M35">
        <f>IF($D35="SAND",INDEX('p-y sand'!$AQ$27:$AQ$5000,MATCH($B35,'p-y sand'!$C$27:$C$5000,1)),INDEX('p-y mono_clay'!$BD$27:$BD$5000,MATCH($B35,'p-y mono_clay'!$C$27:$C$5000,1)))</f>
        <v>2207.4673970057593</v>
      </c>
      <c r="N35">
        <f>IF($D35="SAND",INDEX('p-y sand'!$AD$27:$AD$5000,MATCH($B35,'p-y sand'!$C$27:$C$82,1)),INDEX('p-y mono_clay'!$AQ$27:$AQ$5000,MATCH($B35,'p-y mono_clay'!$C$27:$C$5000,1)))</f>
        <v>31.960213260408292</v>
      </c>
      <c r="O35">
        <f>IF($D35="SAND",INDEX('p-y sand'!$AR$27:$AR$5000,MATCH($B35,'p-y sand'!$C$27:$C$5000,1)),INDEX('p-y mono_clay'!$BE$27:$BE$5000,MATCH($B35,'p-y mono_clay'!$C$27:$C$5000,1)))</f>
        <v>2759.3342462571991</v>
      </c>
      <c r="P35">
        <f>IF($D35="SAND",INDEX('p-y sand'!$AE$27:$AE$5000,MATCH($B35,'p-y sand'!$C$27:$C$82,1)),INDEX('p-y mono_clay'!$AR$27:$AR$5000,MATCH($B35,'p-y mono_clay'!$C$27:$C$5000,1)))</f>
        <v>51.267022100680478</v>
      </c>
      <c r="Q35">
        <f>IF($D35="SAND",INDEX('p-y sand'!$AS$27:$AS$5000,MATCH($B35,'p-y sand'!$C$27:$C$5000,1)),INDEX('p-y mono_clay'!$BF$27:$BF$5000,MATCH($B35,'p-y mono_clay'!$C$27:$C$5000,1)))</f>
        <v>3311.2010955086389</v>
      </c>
      <c r="R35">
        <f>IF($D35="SAND",INDEX('p-y sand'!$AF$27:$AF$5000,MATCH($B35,'p-y sand'!$C$27:$C$82,1)),INDEX('p-y mono_clay'!$AS$27:$AS$5000,MATCH($B35,'p-y mono_clay'!$C$27:$C$5000,1)))</f>
        <v>77.227235361088759</v>
      </c>
      <c r="S35">
        <f>IF($D35="SAND",INDEX('p-y sand'!$AT$27:$AT$5000,MATCH($B35,'p-y sand'!$C$27:$C$5000,1)),INDEX('p-y mono_clay'!$BG$27:$BG$5000,MATCH($B35,'p-y mono_clay'!$C$27:$C$5000,1)))</f>
        <v>3863.0679447600783</v>
      </c>
      <c r="T35">
        <f>IF($D35="SAND",INDEX('p-y sand'!$AG$27:$AG$5000,MATCH($B35,'p-y sand'!$C$27:$C$82,1)),INDEX('p-y mono_clay'!$AT$27:$AT$5000,MATCH($B35,'p-y mono_clay'!$C$27:$C$5000,1)))</f>
        <v>117.51415083156512</v>
      </c>
      <c r="U35">
        <f>IF($D35="SAND",INDEX('p-y sand'!$AU$27:$AU$5000,MATCH($B35,'p-y sand'!$C$27:$C$5000,1)),INDEX('p-y mono_clay'!$BH$27:$BH$5000,MATCH($B35,'p-y mono_clay'!$C$27:$C$5000,1)))</f>
        <v>4414.9347940115185</v>
      </c>
      <c r="V35">
        <f>IF($D35="SAND",INDEX('p-y sand'!$AH$27:$AH$5000,MATCH($B35,'p-y sand'!$C$27:$C$82,1)),INDEX('p-y mono_clay'!$AU$27:$AU$5000,MATCH($B35,'p-y mono_clay'!$C$27:$C$5000,1)))</f>
        <v>179.76127956244974</v>
      </c>
      <c r="W35">
        <f>IF($D35="SAND",INDEX('p-y sand'!$AV$27:$AV$5000,MATCH($B35,'p-y sand'!$C$27:$C$5000,1)),INDEX('p-y mono_clay'!$BI$27:$BI$5000,MATCH($B35,'p-y mono_clay'!$C$27:$C$5000,1)))</f>
        <v>4966.8016432629584</v>
      </c>
      <c r="X35">
        <f>IF($D35="SAND",INDEX('p-y sand'!$AI$27:$AI$5000,MATCH($B35,'p-y sand'!$C$27:$C$82,1)),INDEX('p-y mono_clay'!$AV$27:$AV$5000,MATCH($B35,'p-y mono_clay'!$C$27:$C$5000,1)))</f>
        <v>296.3351105034024</v>
      </c>
      <c r="Y35">
        <f>IF($D35="SAND",INDEX('p-y sand'!$AW$27:$AW$5000,MATCH($B35,'p-y sand'!$C$27:$C$5000,1)),INDEX('p-y mono_clay'!$BJ$27:$BJ$5000,MATCH($B35,'p-y mono_clay'!$C$27:$C$5000,1)))</f>
        <v>5380.701780201538</v>
      </c>
      <c r="Z35">
        <f>IF($D35="SAND",INDEX('p-y sand'!$AJ$27:$AJ$5000,MATCH($B35,'p-y sand'!$C$27:$C$82,1)),INDEX('p-y mono_clay'!$AW$27:$AW$5000,MATCH($B35,'p-y mono_clay'!$C$27:$C$5000,1)))</f>
        <v>482.86915470476339</v>
      </c>
      <c r="AA35">
        <f>IF($D35="SAND",INDEX('p-y sand'!$AX$27:$AX$5000,MATCH($B35,'p-y sand'!$C$27:$C$5000,1)),INDEX('p-y mono_clay'!$BK$27:$BK$5000,MATCH($B35,'p-y mono_clay'!$C$27:$C$5000,1)))</f>
        <v>5518.6684925143982</v>
      </c>
      <c r="AB35">
        <f>IF($D35="SAND",INDEX('p-y sand'!$AK$27:$AK$5000,MATCH($B35,'p-y sand'!$C$27:$C$82,1)),INDEX('p-y mono_clay'!$AX$27:$AX$5000,MATCH($B35,'p-y mono_clay'!$C$27:$C$5000,1)))</f>
        <v>632.6702210068047</v>
      </c>
      <c r="AC35">
        <f>IF($D35="SAND",INDEX('p-y sand'!$AY$27:$AY$5000,MATCH($B35,'p-y sand'!$C$27:$C$5000,1)),INDEX('p-y mono_clay'!$BL$27:$BL$5000,MATCH($B35,'p-y mono_clay'!$C$27:$C$5000,1)))</f>
        <v>5518.6684925143982</v>
      </c>
      <c r="AD35" s="98">
        <f>IF($D35="SAND",INDEX('p-y sand'!$AL$27:$AL$5000,MATCH($B35,'p-y sand'!$C$27:$C$82,1)),INDEX('p-y mono_clay'!$AY$27:$AY$5000,MATCH($B35,'p-y mono_clay'!$C$27:$C$5000,1)))</f>
        <v>6000</v>
      </c>
    </row>
    <row r="36" spans="1:30" x14ac:dyDescent="0.2">
      <c r="A36" s="214">
        <f t="shared" si="0"/>
        <v>-46.5</v>
      </c>
      <c r="B36" s="216">
        <f>'p-y mono_clay'!C57</f>
        <v>31</v>
      </c>
      <c r="C36">
        <f>INDEX('CPT Data'!$C$13:$C$20000,MATCH(B36,'CPT Data'!$B$13:$B$20000,1))</f>
        <v>30.983999999999998</v>
      </c>
      <c r="D36" s="216" t="str">
        <f>INDEX('CPT Data'!$P$13:$P$20000,MATCH(B36,'CPT Data'!$B$13:$B$20000,1))</f>
        <v>CLAY</v>
      </c>
      <c r="E36">
        <f>IF($D36="SAND",INDEX('p-y sand'!$AM$27:$AM$20000,MATCH($B36,'p-y sand'!$C$27:$C$20000,1)),INDEX('p-y mono_clay'!$AZ$27:$AZ$20000,MATCH($B36,'p-y mono_clay'!$C$27:$C$20000,1)))</f>
        <v>0</v>
      </c>
      <c r="F36">
        <f>IF($D36="SAND",INDEX('p-y sand'!$Z$27:$Z$5000,MATCH($B36,'p-y sand'!$C$27:$C$82,1)),INDEX('p-y mono_clay'!$AM$27:$AM$5000,MATCH($B36,'p-y mono_clay'!$C$27:$C$5000,1)))</f>
        <v>0</v>
      </c>
      <c r="G36">
        <f>IF($D36="SAND",INDEX('p-y sand'!$AN$27:$AN$5000,MATCH($B36,'p-y sand'!$C$27:$C$5000,1)),INDEX('p-y mono_clay'!$BA$27:$BA$5000,MATCH($B36,'p-y mono_clay'!$C$27:$C$5000,1)))</f>
        <v>98.713485909222626</v>
      </c>
      <c r="H36">
        <f>IF($D36="SAND",INDEX('p-y sand'!$AA$27:$AA$5000,MATCH($B36,'p-y sand'!$C$27:$C$82,1)),INDEX('p-y mono_clay'!$AN$27:$AN$5000,MATCH($B36,'p-y mono_clay'!$C$27:$C$5000,1)))</f>
        <v>0.6</v>
      </c>
      <c r="I36">
        <f>IF($D36="SAND",INDEX('p-y sand'!$AO$27:$AO$5000,MATCH($B36,'p-y sand'!$C$27:$C$5000,1)),INDEX('p-y mono_clay'!$BB$27:$BB$5000,MATCH($B36,'p-y mono_clay'!$C$27:$C$5000,1)))</f>
        <v>394.85394363689051</v>
      </c>
      <c r="J36">
        <f>IF($D36="SAND",INDEX('p-y sand'!$AB$27:$AB$5000,MATCH($B36,'p-y sand'!$C$27:$C$82,1)),INDEX('p-y mono_clay'!$AO$27:$AO$5000,MATCH($B36,'p-y mono_clay'!$C$27:$C$5000,1)))</f>
        <v>6</v>
      </c>
      <c r="K36">
        <f>IF($D36="SAND",INDEX('p-y sand'!$AP$27:$AP$5000,MATCH($B36,'p-y sand'!$C$27:$C$5000,1)),INDEX('p-y mono_clay'!$BC$27:$BC$5000,MATCH($B36,'p-y mono_clay'!$C$27:$C$5000,1)))</f>
        <v>592.28091545533573</v>
      </c>
      <c r="L36">
        <f>IF($D36="SAND",INDEX('p-y sand'!$AC$27:$AC$5000,MATCH($B36,'p-y sand'!$C$27:$C$82,1)),INDEX('p-y mono_clay'!$AP$27:$AP$5000,MATCH($B36,'p-y mono_clay'!$C$27:$C$5000,1)))</f>
        <v>10.6</v>
      </c>
      <c r="M36">
        <f>IF($D36="SAND",INDEX('p-y sand'!$AQ$27:$AQ$5000,MATCH($B36,'p-y sand'!$C$27:$C$5000,1)),INDEX('p-y mono_clay'!$BD$27:$BD$5000,MATCH($B36,'p-y mono_clay'!$C$27:$C$5000,1)))</f>
        <v>789.70788727378101</v>
      </c>
      <c r="N36">
        <f>IF($D36="SAND",INDEX('p-y sand'!$AD$27:$AD$5000,MATCH($B36,'p-y sand'!$C$27:$C$82,1)),INDEX('p-y mono_clay'!$AQ$27:$AQ$5000,MATCH($B36,'p-y mono_clay'!$C$27:$C$5000,1)))</f>
        <v>18</v>
      </c>
      <c r="O36">
        <f>IF($D36="SAND",INDEX('p-y sand'!$AR$27:$AR$5000,MATCH($B36,'p-y sand'!$C$27:$C$5000,1)),INDEX('p-y mono_clay'!$BE$27:$BE$5000,MATCH($B36,'p-y mono_clay'!$C$27:$C$5000,1)))</f>
        <v>987.13485909222618</v>
      </c>
      <c r="P36">
        <f>IF($D36="SAND",INDEX('p-y sand'!$AE$27:$AE$5000,MATCH($B36,'p-y sand'!$C$27:$C$82,1)),INDEX('p-y mono_clay'!$AR$27:$AR$5000,MATCH($B36,'p-y mono_clay'!$C$27:$C$5000,1)))</f>
        <v>28</v>
      </c>
      <c r="Q36">
        <f>IF($D36="SAND",INDEX('p-y sand'!$AS$27:$AS$5000,MATCH($B36,'p-y sand'!$C$27:$C$5000,1)),INDEX('p-y mono_clay'!$BF$27:$BF$5000,MATCH($B36,'p-y mono_clay'!$C$27:$C$5000,1)))</f>
        <v>1184.5618309106715</v>
      </c>
      <c r="R36">
        <f>IF($D36="SAND",INDEX('p-y sand'!$AF$27:$AF$5000,MATCH($B36,'p-y sand'!$C$27:$C$82,1)),INDEX('p-y mono_clay'!$AS$27:$AS$5000,MATCH($B36,'p-y mono_clay'!$C$27:$C$5000,1)))</f>
        <v>44</v>
      </c>
      <c r="S36">
        <f>IF($D36="SAND",INDEX('p-y sand'!$AT$27:$AT$5000,MATCH($B36,'p-y sand'!$C$27:$C$5000,1)),INDEX('p-y mono_clay'!$BG$27:$BG$5000,MATCH($B36,'p-y mono_clay'!$C$27:$C$5000,1)))</f>
        <v>1381.9888027291165</v>
      </c>
      <c r="T36">
        <f>IF($D36="SAND",INDEX('p-y sand'!$AG$27:$AG$5000,MATCH($B36,'p-y sand'!$C$27:$C$82,1)),INDEX('p-y mono_clay'!$AT$27:$AT$5000,MATCH($B36,'p-y mono_clay'!$C$27:$C$5000,1)))</f>
        <v>64</v>
      </c>
      <c r="U36">
        <f>IF($D36="SAND",INDEX('p-y sand'!$AU$27:$AU$5000,MATCH($B36,'p-y sand'!$C$27:$C$5000,1)),INDEX('p-y mono_clay'!$BH$27:$BH$5000,MATCH($B36,'p-y mono_clay'!$C$27:$C$5000,1)))</f>
        <v>1579.415774547562</v>
      </c>
      <c r="V36">
        <f>IF($D36="SAND",INDEX('p-y sand'!$AH$27:$AH$5000,MATCH($B36,'p-y sand'!$C$27:$C$82,1)),INDEX('p-y mono_clay'!$AU$27:$AU$5000,MATCH($B36,'p-y mono_clay'!$C$27:$C$5000,1)))</f>
        <v>100</v>
      </c>
      <c r="W36">
        <f>IF($D36="SAND",INDEX('p-y sand'!$AV$27:$AV$5000,MATCH($B36,'p-y sand'!$C$27:$C$5000,1)),INDEX('p-y mono_clay'!$BI$27:$BI$5000,MATCH($B36,'p-y mono_clay'!$C$27:$C$5000,1)))</f>
        <v>1776.8427463660071</v>
      </c>
      <c r="X36">
        <f>IF($D36="SAND",INDEX('p-y sand'!$AI$27:$AI$5000,MATCH($B36,'p-y sand'!$C$27:$C$82,1)),INDEX('p-y mono_clay'!$AV$27:$AV$5000,MATCH($B36,'p-y mono_clay'!$C$27:$C$5000,1)))</f>
        <v>164</v>
      </c>
      <c r="Y36">
        <f>IF($D36="SAND",INDEX('p-y sand'!$AW$27:$AW$5000,MATCH($B36,'p-y sand'!$C$27:$C$5000,1)),INDEX('p-y mono_clay'!$BJ$27:$BJ$5000,MATCH($B36,'p-y mono_clay'!$C$27:$C$5000,1)))</f>
        <v>1924.9129752298411</v>
      </c>
      <c r="Z36">
        <f>IF($D36="SAND",INDEX('p-y sand'!$AJ$27:$AJ$5000,MATCH($B36,'p-y sand'!$C$27:$C$82,1)),INDEX('p-y mono_clay'!$AW$27:$AW$5000,MATCH($B36,'p-y mono_clay'!$C$27:$C$5000,1)))</f>
        <v>300</v>
      </c>
      <c r="AA36">
        <f>IF($D36="SAND",INDEX('p-y sand'!$AX$27:$AX$5000,MATCH($B36,'p-y sand'!$C$27:$C$5000,1)),INDEX('p-y mono_clay'!$BK$27:$BK$5000,MATCH($B36,'p-y mono_clay'!$C$27:$C$5000,1)))</f>
        <v>1974.2697181844524</v>
      </c>
      <c r="AB36">
        <f>IF($D36="SAND",INDEX('p-y sand'!$AK$27:$AK$5000,MATCH($B36,'p-y sand'!$C$27:$C$82,1)),INDEX('p-y mono_clay'!$AX$27:$AX$5000,MATCH($B36,'p-y mono_clay'!$C$27:$C$5000,1)))</f>
        <v>500</v>
      </c>
      <c r="AC36">
        <f>IF($D36="SAND",INDEX('p-y sand'!$AY$27:$AY$5000,MATCH($B36,'p-y sand'!$C$27:$C$5000,1)),INDEX('p-y mono_clay'!$BL$27:$BL$5000,MATCH($B36,'p-y mono_clay'!$C$27:$C$5000,1)))</f>
        <v>1974.2697181844524</v>
      </c>
      <c r="AD36" s="98">
        <f>IF($D36="SAND",INDEX('p-y sand'!$AL$27:$AL$5000,MATCH($B36,'p-y sand'!$C$27:$C$82,1)),INDEX('p-y mono_clay'!$AY$27:$AY$5000,MATCH($B36,'p-y mono_clay'!$C$27:$C$5000,1)))</f>
        <v>6000</v>
      </c>
    </row>
    <row r="37" spans="1:30" x14ac:dyDescent="0.2">
      <c r="A37" s="214">
        <f t="shared" si="0"/>
        <v>-47.5</v>
      </c>
      <c r="B37" s="216">
        <f>'p-y mono_clay'!C58</f>
        <v>32</v>
      </c>
      <c r="C37">
        <f>INDEX('CPT Data'!$C$13:$C$20000,MATCH(B37,'CPT Data'!$B$13:$B$20000,1))</f>
        <v>31.988</v>
      </c>
      <c r="D37" s="216" t="str">
        <f>INDEX('CPT Data'!$P$13:$P$20000,MATCH(B37,'CPT Data'!$B$13:$B$20000,1))</f>
        <v>SAND</v>
      </c>
      <c r="E37">
        <f>IF($D37="SAND",INDEX('p-y sand'!$AM$27:$AM$20000,MATCH($B37,'p-y sand'!$C$27:$C$20000,1)),INDEX('p-y mono_clay'!$AZ$27:$AZ$20000,MATCH($B37,'p-y mono_clay'!$C$27:$C$20000,1)))</f>
        <v>0</v>
      </c>
      <c r="F37">
        <f>IF($D37="SAND",INDEX('p-y sand'!$Z$27:$Z$5000,MATCH($B37,'p-y sand'!$C$27:$C$82,1)),INDEX('p-y mono_clay'!$AM$27:$AM$5000,MATCH($B37,'p-y mono_clay'!$C$27:$C$5000,1)))</f>
        <v>0</v>
      </c>
      <c r="G37">
        <f>IF($D37="SAND",INDEX('p-y sand'!$AN$27:$AN$5000,MATCH($B37,'p-y sand'!$C$27:$C$5000,1)),INDEX('p-y mono_clay'!$BA$27:$BA$5000,MATCH($B37,'p-y mono_clay'!$C$27:$C$5000,1)))</f>
        <v>4497.4859266435742</v>
      </c>
      <c r="H37">
        <f>IF($D37="SAND",INDEX('p-y sand'!$AA$27:$AA$5000,MATCH($B37,'p-y sand'!$C$27:$C$82,1)),INDEX('p-y mono_clay'!$AN$27:$AN$5000,MATCH($B37,'p-y mono_clay'!$C$27:$C$5000,1)))</f>
        <v>10</v>
      </c>
      <c r="I37">
        <f>IF($D37="SAND",INDEX('p-y sand'!$AO$27:$AO$5000,MATCH($B37,'p-y sand'!$C$27:$C$5000,1)),INDEX('p-y mono_clay'!$BB$27:$BB$5000,MATCH($B37,'p-y mono_clay'!$C$27:$C$5000,1)))</f>
        <v>8547.4399443374368</v>
      </c>
      <c r="J37">
        <f>IF($D37="SAND",INDEX('p-y sand'!$AB$27:$AB$5000,MATCH($B37,'p-y sand'!$C$27:$C$82,1)),INDEX('p-y mono_clay'!$AO$27:$AO$5000,MATCH($B37,'p-y mono_clay'!$C$27:$C$5000,1)))</f>
        <v>20</v>
      </c>
      <c r="K37">
        <f>IF($D37="SAND",INDEX('p-y sand'!$AP$27:$AP$5000,MATCH($B37,'p-y sand'!$C$27:$C$5000,1)),INDEX('p-y mono_clay'!$BC$27:$BC$5000,MATCH($B37,'p-y mono_clay'!$C$27:$C$5000,1)))</f>
        <v>11864.33951694875</v>
      </c>
      <c r="L37">
        <f>IF($D37="SAND",INDEX('p-y sand'!$AC$27:$AC$5000,MATCH($B37,'p-y sand'!$C$27:$C$82,1)),INDEX('p-y mono_clay'!$AP$27:$AP$5000,MATCH($B37,'p-y mono_clay'!$C$27:$C$5000,1)))</f>
        <v>30</v>
      </c>
      <c r="M37">
        <f>IF($D37="SAND",INDEX('p-y sand'!$AQ$27:$AQ$5000,MATCH($B37,'p-y sand'!$C$27:$C$5000,1)),INDEX('p-y mono_clay'!$BD$27:$BD$5000,MATCH($B37,'p-y mono_clay'!$C$27:$C$5000,1)))</f>
        <v>14376.165942548399</v>
      </c>
      <c r="N37">
        <f>IF($D37="SAND",INDEX('p-y sand'!$AD$27:$AD$5000,MATCH($B37,'p-y sand'!$C$27:$C$82,1)),INDEX('p-y mono_clay'!$AQ$27:$AQ$5000,MATCH($B37,'p-y mono_clay'!$C$27:$C$5000,1)))</f>
        <v>40</v>
      </c>
      <c r="O37">
        <f>IF($D37="SAND",INDEX('p-y sand'!$AR$27:$AR$5000,MATCH($B37,'p-y sand'!$C$27:$C$5000,1)),INDEX('p-y mono_clay'!$BE$27:$BE$5000,MATCH($B37,'p-y mono_clay'!$C$27:$C$5000,1)))</f>
        <v>16167.756648205299</v>
      </c>
      <c r="P37">
        <f>IF($D37="SAND",INDEX('p-y sand'!$AE$27:$AE$5000,MATCH($B37,'p-y sand'!$C$27:$C$82,1)),INDEX('p-y mono_clay'!$AR$27:$AR$5000,MATCH($B37,'p-y mono_clay'!$C$27:$C$5000,1)))</f>
        <v>50</v>
      </c>
      <c r="Q37">
        <f>IF($D37="SAND",INDEX('p-y sand'!$AS$27:$AS$5000,MATCH($B37,'p-y sand'!$C$27:$C$5000,1)),INDEX('p-y mono_clay'!$BF$27:$BF$5000,MATCH($B37,'p-y mono_clay'!$C$27:$C$5000,1)))</f>
        <v>17391.751127389271</v>
      </c>
      <c r="R37">
        <f>IF($D37="SAND",INDEX('p-y sand'!$AF$27:$AF$5000,MATCH($B37,'p-y sand'!$C$27:$C$82,1)),INDEX('p-y mono_clay'!$AS$27:$AS$5000,MATCH($B37,'p-y mono_clay'!$C$27:$C$5000,1)))</f>
        <v>60</v>
      </c>
      <c r="S37">
        <f>IF($D37="SAND",INDEX('p-y sand'!$AT$27:$AT$5000,MATCH($B37,'p-y sand'!$C$27:$C$5000,1)),INDEX('p-y mono_clay'!$BG$27:$BG$5000,MATCH($B37,'p-y mono_clay'!$C$27:$C$5000,1)))</f>
        <v>18203.556487888014</v>
      </c>
      <c r="T37">
        <f>IF($D37="SAND",INDEX('p-y sand'!$AG$27:$AG$5000,MATCH($B37,'p-y sand'!$C$27:$C$82,1)),INDEX('p-y mono_clay'!$AT$27:$AT$5000,MATCH($B37,'p-y mono_clay'!$C$27:$C$5000,1)))</f>
        <v>70</v>
      </c>
      <c r="U37">
        <f>IF($D37="SAND",INDEX('p-y sand'!$AU$27:$AU$5000,MATCH($B37,'p-y sand'!$C$27:$C$5000,1)),INDEX('p-y mono_clay'!$BH$27:$BH$5000,MATCH($B37,'p-y mono_clay'!$C$27:$C$5000,1)))</f>
        <v>18731.451048988907</v>
      </c>
      <c r="V37">
        <f>IF($D37="SAND",INDEX('p-y sand'!$AH$27:$AH$5000,MATCH($B37,'p-y sand'!$C$27:$C$82,1)),INDEX('p-y mono_clay'!$AU$27:$AU$5000,MATCH($B37,'p-y mono_clay'!$C$27:$C$5000,1)))</f>
        <v>80</v>
      </c>
      <c r="W37">
        <f>IF($D37="SAND",INDEX('p-y sand'!$AV$27:$AV$5000,MATCH($B37,'p-y sand'!$C$27:$C$5000,1)),INDEX('p-y mono_clay'!$BI$27:$BI$5000,MATCH($B37,'p-y mono_clay'!$C$27:$C$5000,1)))</f>
        <v>19070.330887821681</v>
      </c>
      <c r="X37">
        <f>IF($D37="SAND",INDEX('p-y sand'!$AI$27:$AI$5000,MATCH($B37,'p-y sand'!$C$27:$C$82,1)),INDEX('p-y mono_clay'!$AV$27:$AV$5000,MATCH($B37,'p-y mono_clay'!$C$27:$C$5000,1)))</f>
        <v>90</v>
      </c>
      <c r="Y37">
        <f>IF($D37="SAND",INDEX('p-y sand'!$AW$27:$AW$5000,MATCH($B37,'p-y sand'!$C$27:$C$5000,1)),INDEX('p-y mono_clay'!$BJ$27:$BJ$5000,MATCH($B37,'p-y mono_clay'!$C$27:$C$5000,1)))</f>
        <v>19286.077109959311</v>
      </c>
      <c r="Z37">
        <f>IF($D37="SAND",INDEX('p-y sand'!$AJ$27:$AJ$5000,MATCH($B37,'p-y sand'!$C$27:$C$82,1)),INDEX('p-y mono_clay'!$AW$27:$AW$5000,MATCH($B37,'p-y mono_clay'!$C$27:$C$5000,1)))</f>
        <v>100</v>
      </c>
      <c r="AA37">
        <f>IF($D37="SAND",INDEX('p-y sand'!$AX$27:$AX$5000,MATCH($B37,'p-y sand'!$C$27:$C$5000,1)),INDEX('p-y mono_clay'!$BK$27:$BK$5000,MATCH($B37,'p-y mono_clay'!$C$27:$C$5000,1)))</f>
        <v>19422.7066506214</v>
      </c>
      <c r="AB37">
        <f>IF($D37="SAND",INDEX('p-y sand'!$AK$27:$AK$5000,MATCH($B37,'p-y sand'!$C$27:$C$82,1)),INDEX('p-y mono_clay'!$AX$27:$AX$5000,MATCH($B37,'p-y mono_clay'!$C$27:$C$5000,1)))</f>
        <v>110</v>
      </c>
      <c r="AC37">
        <f>IF($D37="SAND",INDEX('p-y sand'!$AY$27:$AY$5000,MATCH($B37,'p-y sand'!$C$27:$C$5000,1)),INDEX('p-y mono_clay'!$BL$27:$BL$5000,MATCH($B37,'p-y mono_clay'!$C$27:$C$5000,1)))</f>
        <v>19508.943035231154</v>
      </c>
      <c r="AD37" s="98">
        <f>IF($D37="SAND",INDEX('p-y sand'!$AL$27:$AL$5000,MATCH($B37,'p-y sand'!$C$27:$C$82,1)),INDEX('p-y mono_clay'!$AY$27:$AY$5000,MATCH($B37,'p-y mono_clay'!$C$27:$C$5000,1)))</f>
        <v>120</v>
      </c>
    </row>
    <row r="38" spans="1:30" x14ac:dyDescent="0.2">
      <c r="A38" s="214">
        <f t="shared" si="0"/>
        <v>-48.5</v>
      </c>
      <c r="B38" s="216">
        <f>'p-y mono_clay'!C59</f>
        <v>33</v>
      </c>
      <c r="C38">
        <f>INDEX('CPT Data'!$C$13:$C$20000,MATCH(B38,'CPT Data'!$B$13:$B$20000,1))</f>
        <v>32.986000000000004</v>
      </c>
      <c r="D38" s="216" t="str">
        <f>INDEX('CPT Data'!$P$13:$P$20000,MATCH(B38,'CPT Data'!$B$13:$B$20000,1))</f>
        <v>SAND</v>
      </c>
      <c r="E38">
        <f>IF($D38="SAND",INDEX('p-y sand'!$AM$27:$AM$20000,MATCH($B38,'p-y sand'!$C$27:$C$20000,1)),INDEX('p-y mono_clay'!$AZ$27:$AZ$20000,MATCH($B38,'p-y mono_clay'!$C$27:$C$20000,1)))</f>
        <v>0</v>
      </c>
      <c r="F38">
        <f>IF($D38="SAND",INDEX('p-y sand'!$Z$27:$Z$5000,MATCH($B38,'p-y sand'!$C$27:$C$82,1)),INDEX('p-y mono_clay'!$AM$27:$AM$5000,MATCH($B38,'p-y mono_clay'!$C$27:$C$5000,1)))</f>
        <v>0</v>
      </c>
      <c r="G38">
        <f>IF($D38="SAND",INDEX('p-y sand'!$AN$27:$AN$5000,MATCH($B38,'p-y sand'!$C$27:$C$5000,1)),INDEX('p-y mono_clay'!$BA$27:$BA$5000,MATCH($B38,'p-y mono_clay'!$C$27:$C$5000,1)))</f>
        <v>9776.6578056311482</v>
      </c>
      <c r="H38">
        <f>IF($D38="SAND",INDEX('p-y sand'!$AA$27:$AA$5000,MATCH($B38,'p-y sand'!$C$27:$C$82,1)),INDEX('p-y mono_clay'!$AN$27:$AN$5000,MATCH($B38,'p-y mono_clay'!$C$27:$C$5000,1)))</f>
        <v>10</v>
      </c>
      <c r="I38">
        <f>IF($D38="SAND",INDEX('p-y sand'!$AO$27:$AO$5000,MATCH($B38,'p-y sand'!$C$27:$C$5000,1)),INDEX('p-y mono_clay'!$BB$27:$BB$5000,MATCH($B38,'p-y mono_clay'!$C$27:$C$5000,1)))</f>
        <v>18303.344381398787</v>
      </c>
      <c r="J38">
        <f>IF($D38="SAND",INDEX('p-y sand'!$AB$27:$AB$5000,MATCH($B38,'p-y sand'!$C$27:$C$82,1)),INDEX('p-y mono_clay'!$AO$27:$AO$5000,MATCH($B38,'p-y mono_clay'!$C$27:$C$5000,1)))</f>
        <v>20</v>
      </c>
      <c r="K38">
        <f>IF($D38="SAND",INDEX('p-y sand'!$AP$27:$AP$5000,MATCH($B38,'p-y sand'!$C$27:$C$5000,1)),INDEX('p-y mono_clay'!$BC$27:$BC$5000,MATCH($B38,'p-y mono_clay'!$C$27:$C$5000,1)))</f>
        <v>24896.87207942336</v>
      </c>
      <c r="L38">
        <f>IF($D38="SAND",INDEX('p-y sand'!$AC$27:$AC$5000,MATCH($B38,'p-y sand'!$C$27:$C$82,1)),INDEX('p-y mono_clay'!$AP$27:$AP$5000,MATCH($B38,'p-y mono_clay'!$C$27:$C$5000,1)))</f>
        <v>30</v>
      </c>
      <c r="M38">
        <f>IF($D38="SAND",INDEX('p-y sand'!$AQ$27:$AQ$5000,MATCH($B38,'p-y sand'!$C$27:$C$5000,1)),INDEX('p-y mono_clay'!$BD$27:$BD$5000,MATCH($B38,'p-y mono_clay'!$C$27:$C$5000,1)))</f>
        <v>29536.79342460867</v>
      </c>
      <c r="N38">
        <f>IF($D38="SAND",INDEX('p-y sand'!$AD$27:$AD$5000,MATCH($B38,'p-y sand'!$C$27:$C$82,1)),INDEX('p-y mono_clay'!$AQ$27:$AQ$5000,MATCH($B38,'p-y mono_clay'!$C$27:$C$5000,1)))</f>
        <v>40</v>
      </c>
      <c r="O38">
        <f>IF($D38="SAND",INDEX('p-y sand'!$AR$27:$AR$5000,MATCH($B38,'p-y sand'!$C$27:$C$5000,1)),INDEX('p-y mono_clay'!$BE$27:$BE$5000,MATCH($B38,'p-y mono_clay'!$C$27:$C$5000,1)))</f>
        <v>32589.555962967625</v>
      </c>
      <c r="P38">
        <f>IF($D38="SAND",INDEX('p-y sand'!$AE$27:$AE$5000,MATCH($B38,'p-y sand'!$C$27:$C$82,1)),INDEX('p-y mono_clay'!$AR$27:$AR$5000,MATCH($B38,'p-y mono_clay'!$C$27:$C$5000,1)))</f>
        <v>50</v>
      </c>
      <c r="Q38">
        <f>IF($D38="SAND",INDEX('p-y sand'!$AS$27:$AS$5000,MATCH($B38,'p-y sand'!$C$27:$C$5000,1)),INDEX('p-y mono_clay'!$BF$27:$BF$5000,MATCH($B38,'p-y mono_clay'!$C$27:$C$5000,1)))</f>
        <v>34510.158229457622</v>
      </c>
      <c r="R38">
        <f>IF($D38="SAND",INDEX('p-y sand'!$AF$27:$AF$5000,MATCH($B38,'p-y sand'!$C$27:$C$82,1)),INDEX('p-y mono_clay'!$AS$27:$AS$5000,MATCH($B38,'p-y mono_clay'!$C$27:$C$5000,1)))</f>
        <v>60</v>
      </c>
      <c r="S38">
        <f>IF($D38="SAND",INDEX('p-y sand'!$AT$27:$AT$5000,MATCH($B38,'p-y sand'!$C$27:$C$5000,1)),INDEX('p-y mono_clay'!$BG$27:$BG$5000,MATCH($B38,'p-y mono_clay'!$C$27:$C$5000,1)))</f>
        <v>35684.654428377893</v>
      </c>
      <c r="T38">
        <f>IF($D38="SAND",INDEX('p-y sand'!$AG$27:$AG$5000,MATCH($B38,'p-y sand'!$C$27:$C$82,1)),INDEX('p-y mono_clay'!$AT$27:$AT$5000,MATCH($B38,'p-y mono_clay'!$C$27:$C$5000,1)))</f>
        <v>70</v>
      </c>
      <c r="U38">
        <f>IF($D38="SAND",INDEX('p-y sand'!$AU$27:$AU$5000,MATCH($B38,'p-y sand'!$C$27:$C$5000,1)),INDEX('p-y mono_clay'!$BH$27:$BH$5000,MATCH($B38,'p-y mono_clay'!$C$27:$C$5000,1)))</f>
        <v>36390.458330155583</v>
      </c>
      <c r="V38">
        <f>IF($D38="SAND",INDEX('p-y sand'!$AH$27:$AH$5000,MATCH($B38,'p-y sand'!$C$27:$C$82,1)),INDEX('p-y mono_clay'!$AU$27:$AU$5000,MATCH($B38,'p-y mono_clay'!$C$27:$C$5000,1)))</f>
        <v>80</v>
      </c>
      <c r="W38">
        <f>IF($D38="SAND",INDEX('p-y sand'!$AV$27:$AV$5000,MATCH($B38,'p-y sand'!$C$27:$C$5000,1)),INDEX('p-y mono_clay'!$BI$27:$BI$5000,MATCH($B38,'p-y mono_clay'!$C$27:$C$5000,1)))</f>
        <v>36810.16363462677</v>
      </c>
      <c r="X38">
        <f>IF($D38="SAND",INDEX('p-y sand'!$AI$27:$AI$5000,MATCH($B38,'p-y sand'!$C$27:$C$82,1)),INDEX('p-y mono_clay'!$AV$27:$AV$5000,MATCH($B38,'p-y mono_clay'!$C$27:$C$5000,1)))</f>
        <v>90</v>
      </c>
      <c r="Y38">
        <f>IF($D38="SAND",INDEX('p-y sand'!$AW$27:$AW$5000,MATCH($B38,'p-y sand'!$C$27:$C$5000,1)),INDEX('p-y mono_clay'!$BJ$27:$BJ$5000,MATCH($B38,'p-y mono_clay'!$C$27:$C$5000,1)))</f>
        <v>37058.17998328351</v>
      </c>
      <c r="Z38">
        <f>IF($D38="SAND",INDEX('p-y sand'!$AJ$27:$AJ$5000,MATCH($B38,'p-y sand'!$C$27:$C$82,1)),INDEX('p-y mono_clay'!$AW$27:$AW$5000,MATCH($B38,'p-y mono_clay'!$C$27:$C$5000,1)))</f>
        <v>100</v>
      </c>
      <c r="AA38">
        <f>IF($D38="SAND",INDEX('p-y sand'!$AX$27:$AX$5000,MATCH($B38,'p-y sand'!$C$27:$C$5000,1)),INDEX('p-y mono_clay'!$BK$27:$BK$5000,MATCH($B38,'p-y mono_clay'!$C$27:$C$5000,1)))</f>
        <v>37204.197203687087</v>
      </c>
      <c r="AB38">
        <f>IF($D38="SAND",INDEX('p-y sand'!$AK$27:$AK$5000,MATCH($B38,'p-y sand'!$C$27:$C$82,1)),INDEX('p-y mono_clay'!$AX$27:$AX$5000,MATCH($B38,'p-y mono_clay'!$C$27:$C$5000,1)))</f>
        <v>110</v>
      </c>
      <c r="AC38">
        <f>IF($D38="SAND",INDEX('p-y sand'!$AY$27:$AY$5000,MATCH($B38,'p-y sand'!$C$27:$C$5000,1)),INDEX('p-y mono_clay'!$BL$27:$BL$5000,MATCH($B38,'p-y mono_clay'!$C$27:$C$5000,1)))</f>
        <v>37289.975619518715</v>
      </c>
      <c r="AD38" s="98">
        <f>IF($D38="SAND",INDEX('p-y sand'!$AL$27:$AL$5000,MATCH($B38,'p-y sand'!$C$27:$C$82,1)),INDEX('p-y mono_clay'!$AY$27:$AY$5000,MATCH($B38,'p-y mono_clay'!$C$27:$C$5000,1)))</f>
        <v>120</v>
      </c>
    </row>
    <row r="39" spans="1:30" x14ac:dyDescent="0.2">
      <c r="A39" s="214">
        <f t="shared" si="0"/>
        <v>-49.5</v>
      </c>
      <c r="B39" s="216">
        <f>'p-y mono_clay'!C60</f>
        <v>34</v>
      </c>
      <c r="C39">
        <f>INDEX('CPT Data'!$C$13:$C$20000,MATCH(B39,'CPT Data'!$B$13:$B$20000,1))</f>
        <v>33.993000000000002</v>
      </c>
      <c r="D39" s="216" t="str">
        <f>INDEX('CPT Data'!$P$13:$P$20000,MATCH(B39,'CPT Data'!$B$13:$B$20000,1))</f>
        <v>CLAY</v>
      </c>
      <c r="E39">
        <f>IF($D39="SAND",INDEX('p-y sand'!$AM$27:$AM$20000,MATCH($B39,'p-y sand'!$C$27:$C$20000,1)),INDEX('p-y mono_clay'!$AZ$27:$AZ$20000,MATCH($B39,'p-y mono_clay'!$C$27:$C$20000,1)))</f>
        <v>0</v>
      </c>
      <c r="F39">
        <f>IF($D39="SAND",INDEX('p-y sand'!$Z$27:$Z$5000,MATCH($B39,'p-y sand'!$C$27:$C$82,1)),INDEX('p-y mono_clay'!$AM$27:$AM$5000,MATCH($B39,'p-y mono_clay'!$C$27:$C$5000,1)))</f>
        <v>0</v>
      </c>
      <c r="G39">
        <f>IF($D39="SAND",INDEX('p-y sand'!$AN$27:$AN$5000,MATCH($B39,'p-y sand'!$C$27:$C$5000,1)),INDEX('p-y mono_clay'!$BA$27:$BA$5000,MATCH($B39,'p-y mono_clay'!$C$27:$C$5000,1)))</f>
        <v>361.70716149203366</v>
      </c>
      <c r="H39">
        <f>IF($D39="SAND",INDEX('p-y sand'!$AA$27:$AA$5000,MATCH($B39,'p-y sand'!$C$27:$C$82,1)),INDEX('p-y mono_clay'!$AN$27:$AN$5000,MATCH($B39,'p-y mono_clay'!$C$27:$C$5000,1)))</f>
        <v>0.86371082577183167</v>
      </c>
      <c r="I39">
        <f>IF($D39="SAND",INDEX('p-y sand'!$AO$27:$AO$5000,MATCH($B39,'p-y sand'!$C$27:$C$5000,1)),INDEX('p-y mono_clay'!$BB$27:$BB$5000,MATCH($B39,'p-y mono_clay'!$C$27:$C$5000,1)))</f>
        <v>1446.8286459681347</v>
      </c>
      <c r="J39">
        <f>IF($D39="SAND",INDEX('p-y sand'!$AB$27:$AB$5000,MATCH($B39,'p-y sand'!$C$27:$C$82,1)),INDEX('p-y mono_clay'!$AO$27:$AO$5000,MATCH($B39,'p-y mono_clay'!$C$27:$C$5000,1)))</f>
        <v>8.6371082577183174</v>
      </c>
      <c r="K39">
        <f>IF($D39="SAND",INDEX('p-y sand'!$AP$27:$AP$5000,MATCH($B39,'p-y sand'!$C$27:$C$5000,1)),INDEX('p-y mono_clay'!$BC$27:$BC$5000,MATCH($B39,'p-y mono_clay'!$C$27:$C$5000,1)))</f>
        <v>2170.2429689522019</v>
      </c>
      <c r="L39">
        <f>IF($D39="SAND",INDEX('p-y sand'!$AC$27:$AC$5000,MATCH($B39,'p-y sand'!$C$27:$C$82,1)),INDEX('p-y mono_clay'!$AP$27:$AP$5000,MATCH($B39,'p-y mono_clay'!$C$27:$C$5000,1)))</f>
        <v>17.911324773154949</v>
      </c>
      <c r="M39">
        <f>IF($D39="SAND",INDEX('p-y sand'!$AQ$27:$AQ$5000,MATCH($B39,'p-y sand'!$C$27:$C$5000,1)),INDEX('p-y mono_clay'!$BD$27:$BD$5000,MATCH($B39,'p-y mono_clay'!$C$27:$C$5000,1)))</f>
        <v>2893.6572919362693</v>
      </c>
      <c r="N39">
        <f>IF($D39="SAND",INDEX('p-y sand'!$AD$27:$AD$5000,MATCH($B39,'p-y sand'!$C$27:$C$82,1)),INDEX('p-y mono_clay'!$AQ$27:$AQ$5000,MATCH($B39,'p-y mono_clay'!$C$27:$C$5000,1)))</f>
        <v>33.822649546309904</v>
      </c>
      <c r="O39">
        <f>IF($D39="SAND",INDEX('p-y sand'!$AR$27:$AR$5000,MATCH($B39,'p-y sand'!$C$27:$C$5000,1)),INDEX('p-y mono_clay'!$BE$27:$BE$5000,MATCH($B39,'p-y mono_clay'!$C$27:$C$5000,1)))</f>
        <v>3617.0716149203363</v>
      </c>
      <c r="P39">
        <f>IF($D39="SAND",INDEX('p-y sand'!$AE$27:$AE$5000,MATCH($B39,'p-y sand'!$C$27:$C$82,1)),INDEX('p-y mono_clay'!$AR$27:$AR$5000,MATCH($B39,'p-y mono_clay'!$C$27:$C$5000,1)))</f>
        <v>54.371082577183167</v>
      </c>
      <c r="Q39">
        <f>IF($D39="SAND",INDEX('p-y sand'!$AS$27:$AS$5000,MATCH($B39,'p-y sand'!$C$27:$C$5000,1)),INDEX('p-y mono_clay'!$BF$27:$BF$5000,MATCH($B39,'p-y mono_clay'!$C$27:$C$5000,1)))</f>
        <v>4340.4859379044037</v>
      </c>
      <c r="R39">
        <f>IF($D39="SAND",INDEX('p-y sand'!$AF$27:$AF$5000,MATCH($B39,'p-y sand'!$C$27:$C$82,1)),INDEX('p-y mono_clay'!$AS$27:$AS$5000,MATCH($B39,'p-y mono_clay'!$C$27:$C$5000,1)))</f>
        <v>82.193732123493064</v>
      </c>
      <c r="S39">
        <f>IF($D39="SAND",INDEX('p-y sand'!$AT$27:$AT$5000,MATCH($B39,'p-y sand'!$C$27:$C$5000,1)),INDEX('p-y mono_clay'!$BG$27:$BG$5000,MATCH($B39,'p-y mono_clay'!$C$27:$C$5000,1)))</f>
        <v>5063.9002608884703</v>
      </c>
      <c r="T39">
        <f>IF($D39="SAND",INDEX('p-y sand'!$AG$27:$AG$5000,MATCH($B39,'p-y sand'!$C$27:$C$82,1)),INDEX('p-y mono_clay'!$AT$27:$AT$5000,MATCH($B39,'p-y mono_clay'!$C$27:$C$5000,1)))</f>
        <v>124.65348992752129</v>
      </c>
      <c r="U39">
        <f>IF($D39="SAND",INDEX('p-y sand'!$AU$27:$AU$5000,MATCH($B39,'p-y sand'!$C$27:$C$5000,1)),INDEX('p-y mono_clay'!$BH$27:$BH$5000,MATCH($B39,'p-y mono_clay'!$C$27:$C$5000,1)))</f>
        <v>5787.3145838725386</v>
      </c>
      <c r="V39">
        <f>IF($D39="SAND",INDEX('p-y sand'!$AH$27:$AH$5000,MATCH($B39,'p-y sand'!$C$27:$C$82,1)),INDEX('p-y mono_clay'!$AU$27:$AU$5000,MATCH($B39,'p-y mono_clay'!$C$27:$C$5000,1)))</f>
        <v>190.93589727785943</v>
      </c>
      <c r="W39">
        <f>IF($D39="SAND",INDEX('p-y sand'!$AV$27:$AV$5000,MATCH($B39,'p-y sand'!$C$27:$C$5000,1)),INDEX('p-y mono_clay'!$BI$27:$BI$5000,MATCH($B39,'p-y mono_clay'!$C$27:$C$5000,1)))</f>
        <v>6510.7289068566051</v>
      </c>
      <c r="X39">
        <f>IF($D39="SAND",INDEX('p-y sand'!$AI$27:$AI$5000,MATCH($B39,'p-y sand'!$C$27:$C$82,1)),INDEX('p-y mono_clay'!$AV$27:$AV$5000,MATCH($B39,'p-y mono_clay'!$C$27:$C$5000,1)))</f>
        <v>311.85541288591583</v>
      </c>
      <c r="Y39">
        <f>IF($D39="SAND",INDEX('p-y sand'!$AW$27:$AW$5000,MATCH($B39,'p-y sand'!$C$27:$C$5000,1)),INDEX('p-y mono_clay'!$BJ$27:$BJ$5000,MATCH($B39,'p-y mono_clay'!$C$27:$C$5000,1)))</f>
        <v>7053.2896490946559</v>
      </c>
      <c r="Z39">
        <f>IF($D39="SAND",INDEX('p-y sand'!$AJ$27:$AJ$5000,MATCH($B39,'p-y sand'!$C$27:$C$82,1)),INDEX('p-y mono_clay'!$AW$27:$AW$5000,MATCH($B39,'p-y mono_clay'!$C$27:$C$5000,1)))</f>
        <v>504.59757804028214</v>
      </c>
      <c r="AA39">
        <f>IF($D39="SAND",INDEX('p-y sand'!$AX$27:$AX$5000,MATCH($B39,'p-y sand'!$C$27:$C$5000,1)),INDEX('p-y mono_clay'!$BK$27:$BK$5000,MATCH($B39,'p-y mono_clay'!$C$27:$C$5000,1)))</f>
        <v>7234.1432298406726</v>
      </c>
      <c r="AB39">
        <f>IF($D39="SAND",INDEX('p-y sand'!$AK$27:$AK$5000,MATCH($B39,'p-y sand'!$C$27:$C$82,1)),INDEX('p-y mono_clay'!$AX$27:$AX$5000,MATCH($B39,'p-y mono_clay'!$C$27:$C$5000,1)))</f>
        <v>663.71082577183165</v>
      </c>
      <c r="AC39">
        <f>IF($D39="SAND",INDEX('p-y sand'!$AY$27:$AY$5000,MATCH($B39,'p-y sand'!$C$27:$C$5000,1)),INDEX('p-y mono_clay'!$BL$27:$BL$5000,MATCH($B39,'p-y mono_clay'!$C$27:$C$5000,1)))</f>
        <v>7234.1432298406726</v>
      </c>
      <c r="AD39" s="98">
        <f>IF($D39="SAND",INDEX('p-y sand'!$AL$27:$AL$5000,MATCH($B39,'p-y sand'!$C$27:$C$82,1)),INDEX('p-y mono_clay'!$AY$27:$AY$5000,MATCH($B39,'p-y mono_clay'!$C$27:$C$5000,1)))</f>
        <v>6000</v>
      </c>
    </row>
    <row r="40" spans="1:30" x14ac:dyDescent="0.2">
      <c r="A40" s="214">
        <f t="shared" si="0"/>
        <v>-50.5</v>
      </c>
      <c r="B40" s="216">
        <f>'p-y mono_clay'!C61</f>
        <v>35</v>
      </c>
      <c r="C40">
        <f>INDEX('CPT Data'!$C$13:$C$20000,MATCH(B40,'CPT Data'!$B$13:$B$20000,1))</f>
        <v>34.984000000000002</v>
      </c>
      <c r="D40" s="216" t="str">
        <f>INDEX('CPT Data'!$P$13:$P$20000,MATCH(B40,'CPT Data'!$B$13:$B$20000,1))</f>
        <v>CLAY</v>
      </c>
      <c r="E40">
        <f>IF($D40="SAND",INDEX('p-y sand'!$AM$27:$AM$20000,MATCH($B40,'p-y sand'!$C$27:$C$20000,1)),INDEX('p-y mono_clay'!$AZ$27:$AZ$20000,MATCH($B40,'p-y mono_clay'!$C$27:$C$20000,1)))</f>
        <v>0</v>
      </c>
      <c r="F40">
        <f>IF($D40="SAND",INDEX('p-y sand'!$Z$27:$Z$5000,MATCH($B40,'p-y sand'!$C$27:$C$82,1)),INDEX('p-y mono_clay'!$AM$27:$AM$5000,MATCH($B40,'p-y mono_clay'!$C$27:$C$5000,1)))</f>
        <v>0</v>
      </c>
      <c r="G40">
        <f>IF($D40="SAND",INDEX('p-y sand'!$AN$27:$AN$5000,MATCH($B40,'p-y sand'!$C$27:$C$5000,1)),INDEX('p-y mono_clay'!$BA$27:$BA$5000,MATCH($B40,'p-y mono_clay'!$C$27:$C$5000,1)))</f>
        <v>521.35114758572945</v>
      </c>
      <c r="H40">
        <f>IF($D40="SAND",INDEX('p-y sand'!$AA$27:$AA$5000,MATCH($B40,'p-y sand'!$C$27:$C$82,1)),INDEX('p-y mono_clay'!$AN$27:$AN$5000,MATCH($B40,'p-y mono_clay'!$C$27:$C$5000,1)))</f>
        <v>0.96886588895352799</v>
      </c>
      <c r="I40">
        <f>IF($D40="SAND",INDEX('p-y sand'!$AO$27:$AO$5000,MATCH($B40,'p-y sand'!$C$27:$C$5000,1)),INDEX('p-y mono_clay'!$BB$27:$BB$5000,MATCH($B40,'p-y mono_clay'!$C$27:$C$5000,1)))</f>
        <v>2085.4045903429178</v>
      </c>
      <c r="J40">
        <f>IF($D40="SAND",INDEX('p-y sand'!$AB$27:$AB$5000,MATCH($B40,'p-y sand'!$C$27:$C$82,1)),INDEX('p-y mono_clay'!$AO$27:$AO$5000,MATCH($B40,'p-y mono_clay'!$C$27:$C$5000,1)))</f>
        <v>9.6886588895352812</v>
      </c>
      <c r="K40">
        <f>IF($D40="SAND",INDEX('p-y sand'!$AP$27:$AP$5000,MATCH($B40,'p-y sand'!$C$27:$C$5000,1)),INDEX('p-y mono_clay'!$BC$27:$BC$5000,MATCH($B40,'p-y mono_clay'!$C$27:$C$5000,1)))</f>
        <v>3128.1068855143767</v>
      </c>
      <c r="L40">
        <f>IF($D40="SAND",INDEX('p-y sand'!$AC$27:$AC$5000,MATCH($B40,'p-y sand'!$C$27:$C$82,1)),INDEX('p-y mono_clay'!$AP$27:$AP$5000,MATCH($B40,'p-y mono_clay'!$C$27:$C$5000,1)))</f>
        <v>21.065976668605838</v>
      </c>
      <c r="M40">
        <f>IF($D40="SAND",INDEX('p-y sand'!$AQ$27:$AQ$5000,MATCH($B40,'p-y sand'!$C$27:$C$5000,1)),INDEX('p-y mono_clay'!$BD$27:$BD$5000,MATCH($B40,'p-y mono_clay'!$C$27:$C$5000,1)))</f>
        <v>4170.8091806858356</v>
      </c>
      <c r="N40">
        <f>IF($D40="SAND",INDEX('p-y sand'!$AD$27:$AD$5000,MATCH($B40,'p-y sand'!$C$27:$C$82,1)),INDEX('p-y mono_clay'!$AQ$27:$AQ$5000,MATCH($B40,'p-y mono_clay'!$C$27:$C$5000,1)))</f>
        <v>40.131953337211684</v>
      </c>
      <c r="O40">
        <f>IF($D40="SAND",INDEX('p-y sand'!$AR$27:$AR$5000,MATCH($B40,'p-y sand'!$C$27:$C$5000,1)),INDEX('p-y mono_clay'!$BE$27:$BE$5000,MATCH($B40,'p-y mono_clay'!$C$27:$C$5000,1)))</f>
        <v>5213.5114758572945</v>
      </c>
      <c r="P40">
        <f>IF($D40="SAND",INDEX('p-y sand'!$AE$27:$AE$5000,MATCH($B40,'p-y sand'!$C$27:$C$82,1)),INDEX('p-y mono_clay'!$AR$27:$AR$5000,MATCH($B40,'p-y mono_clay'!$C$27:$C$5000,1)))</f>
        <v>64.886588895352801</v>
      </c>
      <c r="Q40">
        <f>IF($D40="SAND",INDEX('p-y sand'!$AS$27:$AS$5000,MATCH($B40,'p-y sand'!$C$27:$C$5000,1)),INDEX('p-y mono_clay'!$BF$27:$BF$5000,MATCH($B40,'p-y mono_clay'!$C$27:$C$5000,1)))</f>
        <v>6256.2137710287534</v>
      </c>
      <c r="R40">
        <f>IF($D40="SAND",INDEX('p-y sand'!$AF$27:$AF$5000,MATCH($B40,'p-y sand'!$C$27:$C$82,1)),INDEX('p-y mono_clay'!$AS$27:$AS$5000,MATCH($B40,'p-y mono_clay'!$C$27:$C$5000,1)))</f>
        <v>99.018542232564471</v>
      </c>
      <c r="S40">
        <f>IF($D40="SAND",INDEX('p-y sand'!$AT$27:$AT$5000,MATCH($B40,'p-y sand'!$C$27:$C$5000,1)),INDEX('p-y mono_clay'!$BG$27:$BG$5000,MATCH($B40,'p-y mono_clay'!$C$27:$C$5000,1)))</f>
        <v>7298.9160662002114</v>
      </c>
      <c r="T40">
        <f>IF($D40="SAND",INDEX('p-y sand'!$AG$27:$AG$5000,MATCH($B40,'p-y sand'!$C$27:$C$82,1)),INDEX('p-y mono_clay'!$AT$27:$AT$5000,MATCH($B40,'p-y mono_clay'!$C$27:$C$5000,1)))</f>
        <v>148.83915445931143</v>
      </c>
      <c r="U40">
        <f>IF($D40="SAND",INDEX('p-y sand'!$AU$27:$AU$5000,MATCH($B40,'p-y sand'!$C$27:$C$5000,1)),INDEX('p-y mono_clay'!$BH$27:$BH$5000,MATCH($B40,'p-y mono_clay'!$C$27:$C$5000,1)))</f>
        <v>8341.6183613716712</v>
      </c>
      <c r="V40">
        <f>IF($D40="SAND",INDEX('p-y sand'!$AH$27:$AH$5000,MATCH($B40,'p-y sand'!$C$27:$C$82,1)),INDEX('p-y mono_clay'!$AU$27:$AU$5000,MATCH($B40,'p-y mono_clay'!$C$27:$C$5000,1)))</f>
        <v>228.79172002327007</v>
      </c>
      <c r="W40">
        <f>IF($D40="SAND",INDEX('p-y sand'!$AV$27:$AV$5000,MATCH($B40,'p-y sand'!$C$27:$C$5000,1)),INDEX('p-y mono_clay'!$BI$27:$BI$5000,MATCH($B40,'p-y mono_clay'!$C$27:$C$5000,1)))</f>
        <v>9384.3206565431301</v>
      </c>
      <c r="X40">
        <f>IF($D40="SAND",INDEX('p-y sand'!$AI$27:$AI$5000,MATCH($B40,'p-y sand'!$C$27:$C$82,1)),INDEX('p-y mono_clay'!$AV$27:$AV$5000,MATCH($B40,'p-y mono_clay'!$C$27:$C$5000,1)))</f>
        <v>364.43294447676402</v>
      </c>
      <c r="Y40">
        <f>IF($D40="SAND",INDEX('p-y sand'!$AW$27:$AW$5000,MATCH($B40,'p-y sand'!$C$27:$C$5000,1)),INDEX('p-y mono_clay'!$BJ$27:$BJ$5000,MATCH($B40,'p-y mono_clay'!$C$27:$C$5000,1)))</f>
        <v>10166.347377921724</v>
      </c>
      <c r="Z40">
        <f>IF($D40="SAND",INDEX('p-y sand'!$AJ$27:$AJ$5000,MATCH($B40,'p-y sand'!$C$27:$C$82,1)),INDEX('p-y mono_clay'!$AW$27:$AW$5000,MATCH($B40,'p-y mono_clay'!$C$27:$C$5000,1)))</f>
        <v>578.20612226746948</v>
      </c>
      <c r="AA40">
        <f>IF($D40="SAND",INDEX('p-y sand'!$AX$27:$AX$5000,MATCH($B40,'p-y sand'!$C$27:$C$5000,1)),INDEX('p-y mono_clay'!$BK$27:$BK$5000,MATCH($B40,'p-y mono_clay'!$C$27:$C$5000,1)))</f>
        <v>10427.022951714589</v>
      </c>
      <c r="AB40">
        <f>IF($D40="SAND",INDEX('p-y sand'!$AK$27:$AK$5000,MATCH($B40,'p-y sand'!$C$27:$C$82,1)),INDEX('p-y mono_clay'!$AX$27:$AX$5000,MATCH($B40,'p-y mono_clay'!$C$27:$C$5000,1)))</f>
        <v>768.86588895352804</v>
      </c>
      <c r="AC40">
        <f>IF($D40="SAND",INDEX('p-y sand'!$AY$27:$AY$5000,MATCH($B40,'p-y sand'!$C$27:$C$5000,1)),INDEX('p-y mono_clay'!$BL$27:$BL$5000,MATCH($B40,'p-y mono_clay'!$C$27:$C$5000,1)))</f>
        <v>10427.022951714589</v>
      </c>
      <c r="AD40" s="98">
        <f>IF($D40="SAND",INDEX('p-y sand'!$AL$27:$AL$5000,MATCH($B40,'p-y sand'!$C$27:$C$82,1)),INDEX('p-y mono_clay'!$AY$27:$AY$5000,MATCH($B40,'p-y mono_clay'!$C$27:$C$5000,1)))</f>
        <v>6000</v>
      </c>
    </row>
    <row r="41" spans="1:30" x14ac:dyDescent="0.2">
      <c r="A41" s="214">
        <f t="shared" si="0"/>
        <v>-51.5</v>
      </c>
      <c r="B41" s="216">
        <f>'p-y mono_clay'!C62</f>
        <v>36</v>
      </c>
      <c r="C41">
        <f>INDEX('CPT Data'!$C$13:$C$20000,MATCH(B41,'CPT Data'!$B$13:$B$20000,1))</f>
        <v>35.993000000000002</v>
      </c>
      <c r="D41" s="216" t="str">
        <f>INDEX('CPT Data'!$P$13:$P$20000,MATCH(B41,'CPT Data'!$B$13:$B$20000,1))</f>
        <v>CLAY</v>
      </c>
      <c r="E41">
        <f>IF($D41="SAND",INDEX('p-y sand'!$AM$27:$AM$20000,MATCH($B41,'p-y sand'!$C$27:$C$20000,1)),INDEX('p-y mono_clay'!$AZ$27:$AZ$20000,MATCH($B41,'p-y mono_clay'!$C$27:$C$20000,1)))</f>
        <v>0</v>
      </c>
      <c r="F41">
        <f>IF($D41="SAND",INDEX('p-y sand'!$Z$27:$Z$5000,MATCH($B41,'p-y sand'!$C$27:$C$82,1)),INDEX('p-y mono_clay'!$AM$27:$AM$5000,MATCH($B41,'p-y mono_clay'!$C$27:$C$5000,1)))</f>
        <v>0</v>
      </c>
      <c r="G41">
        <f>IF($D41="SAND",INDEX('p-y sand'!$AN$27:$AN$5000,MATCH($B41,'p-y sand'!$C$27:$C$5000,1)),INDEX('p-y mono_clay'!$BA$27:$BA$5000,MATCH($B41,'p-y mono_clay'!$C$27:$C$5000,1)))</f>
        <v>391.24002772507185</v>
      </c>
      <c r="H41">
        <f>IF($D41="SAND",INDEX('p-y sand'!$AA$27:$AA$5000,MATCH($B41,'p-y sand'!$C$27:$C$82,1)),INDEX('p-y mono_clay'!$AN$27:$AN$5000,MATCH($B41,'p-y mono_clay'!$C$27:$C$5000,1)))</f>
        <v>0.86956148669071187</v>
      </c>
      <c r="I41">
        <f>IF($D41="SAND",INDEX('p-y sand'!$AO$27:$AO$5000,MATCH($B41,'p-y sand'!$C$27:$C$5000,1)),INDEX('p-y mono_clay'!$BB$27:$BB$5000,MATCH($B41,'p-y mono_clay'!$C$27:$C$5000,1)))</f>
        <v>1564.9601109002874</v>
      </c>
      <c r="J41">
        <f>IF($D41="SAND",INDEX('p-y sand'!$AB$27:$AB$5000,MATCH($B41,'p-y sand'!$C$27:$C$82,1)),INDEX('p-y mono_clay'!$AO$27:$AO$5000,MATCH($B41,'p-y mono_clay'!$C$27:$C$5000,1)))</f>
        <v>8.6956148669071194</v>
      </c>
      <c r="K41">
        <f>IF($D41="SAND",INDEX('p-y sand'!$AP$27:$AP$5000,MATCH($B41,'p-y sand'!$C$27:$C$5000,1)),INDEX('p-y mono_clay'!$BC$27:$BC$5000,MATCH($B41,'p-y mono_clay'!$C$27:$C$5000,1)))</f>
        <v>2347.4401663504309</v>
      </c>
      <c r="L41">
        <f>IF($D41="SAND",INDEX('p-y sand'!$AC$27:$AC$5000,MATCH($B41,'p-y sand'!$C$27:$C$82,1)),INDEX('p-y mono_clay'!$AP$27:$AP$5000,MATCH($B41,'p-y mono_clay'!$C$27:$C$5000,1)))</f>
        <v>18.086844600721353</v>
      </c>
      <c r="M41">
        <f>IF($D41="SAND",INDEX('p-y sand'!$AQ$27:$AQ$5000,MATCH($B41,'p-y sand'!$C$27:$C$5000,1)),INDEX('p-y mono_clay'!$BD$27:$BD$5000,MATCH($B41,'p-y mono_clay'!$C$27:$C$5000,1)))</f>
        <v>3129.9202218005748</v>
      </c>
      <c r="N41">
        <f>IF($D41="SAND",INDEX('p-y sand'!$AD$27:$AD$5000,MATCH($B41,'p-y sand'!$C$27:$C$82,1)),INDEX('p-y mono_clay'!$AQ$27:$AQ$5000,MATCH($B41,'p-y mono_clay'!$C$27:$C$5000,1)))</f>
        <v>34.17368920144272</v>
      </c>
      <c r="O41">
        <f>IF($D41="SAND",INDEX('p-y sand'!$AR$27:$AR$5000,MATCH($B41,'p-y sand'!$C$27:$C$5000,1)),INDEX('p-y mono_clay'!$BE$27:$BE$5000,MATCH($B41,'p-y mono_clay'!$C$27:$C$5000,1)))</f>
        <v>3912.4002772507183</v>
      </c>
      <c r="P41">
        <f>IF($D41="SAND",INDEX('p-y sand'!$AE$27:$AE$5000,MATCH($B41,'p-y sand'!$C$27:$C$82,1)),INDEX('p-y mono_clay'!$AR$27:$AR$5000,MATCH($B41,'p-y mono_clay'!$C$27:$C$5000,1)))</f>
        <v>54.956148669071183</v>
      </c>
      <c r="Q41">
        <f>IF($D41="SAND",INDEX('p-y sand'!$AS$27:$AS$5000,MATCH($B41,'p-y sand'!$C$27:$C$5000,1)),INDEX('p-y mono_clay'!$BF$27:$BF$5000,MATCH($B41,'p-y mono_clay'!$C$27:$C$5000,1)))</f>
        <v>4694.8803327008618</v>
      </c>
      <c r="R41">
        <f>IF($D41="SAND",INDEX('p-y sand'!$AF$27:$AF$5000,MATCH($B41,'p-y sand'!$C$27:$C$82,1)),INDEX('p-y mono_clay'!$AS$27:$AS$5000,MATCH($B41,'p-y mono_clay'!$C$27:$C$5000,1)))</f>
        <v>83.129837870513896</v>
      </c>
      <c r="S41">
        <f>IF($D41="SAND",INDEX('p-y sand'!$AT$27:$AT$5000,MATCH($B41,'p-y sand'!$C$27:$C$5000,1)),INDEX('p-y mono_clay'!$BG$27:$BG$5000,MATCH($B41,'p-y mono_clay'!$C$27:$C$5000,1)))</f>
        <v>5477.3603881510053</v>
      </c>
      <c r="T41">
        <f>IF($D41="SAND",INDEX('p-y sand'!$AG$27:$AG$5000,MATCH($B41,'p-y sand'!$C$27:$C$82,1)),INDEX('p-y mono_clay'!$AT$27:$AT$5000,MATCH($B41,'p-y mono_clay'!$C$27:$C$5000,1)))</f>
        <v>125.99914193886374</v>
      </c>
      <c r="U41">
        <f>IF($D41="SAND",INDEX('p-y sand'!$AU$27:$AU$5000,MATCH($B41,'p-y sand'!$C$27:$C$5000,1)),INDEX('p-y mono_clay'!$BH$27:$BH$5000,MATCH($B41,'p-y mono_clay'!$C$27:$C$5000,1)))</f>
        <v>6259.8404436011497</v>
      </c>
      <c r="V41">
        <f>IF($D41="SAND",INDEX('p-y sand'!$AH$27:$AH$5000,MATCH($B41,'p-y sand'!$C$27:$C$82,1)),INDEX('p-y mono_clay'!$AU$27:$AU$5000,MATCH($B41,'p-y mono_clay'!$C$27:$C$5000,1)))</f>
        <v>193.04213520865628</v>
      </c>
      <c r="W41">
        <f>IF($D41="SAND",INDEX('p-y sand'!$AV$27:$AV$5000,MATCH($B41,'p-y sand'!$C$27:$C$5000,1)),INDEX('p-y mono_clay'!$BI$27:$BI$5000,MATCH($B41,'p-y mono_clay'!$C$27:$C$5000,1)))</f>
        <v>7042.3204990512932</v>
      </c>
      <c r="X41">
        <f>IF($D41="SAND",INDEX('p-y sand'!$AI$27:$AI$5000,MATCH($B41,'p-y sand'!$C$27:$C$82,1)),INDEX('p-y mono_clay'!$AV$27:$AV$5000,MATCH($B41,'p-y mono_clay'!$C$27:$C$5000,1)))</f>
        <v>314.78074334535592</v>
      </c>
      <c r="Y41">
        <f>IF($D41="SAND",INDEX('p-y sand'!$AW$27:$AW$5000,MATCH($B41,'p-y sand'!$C$27:$C$5000,1)),INDEX('p-y mono_clay'!$BJ$27:$BJ$5000,MATCH($B41,'p-y mono_clay'!$C$27:$C$5000,1)))</f>
        <v>7629.1805406389003</v>
      </c>
      <c r="Z41">
        <f>IF($D41="SAND",INDEX('p-y sand'!$AJ$27:$AJ$5000,MATCH($B41,'p-y sand'!$C$27:$C$82,1)),INDEX('p-y mono_clay'!$AW$27:$AW$5000,MATCH($B41,'p-y mono_clay'!$C$27:$C$5000,1)))</f>
        <v>508.69304068349828</v>
      </c>
      <c r="AA41">
        <f>IF($D41="SAND",INDEX('p-y sand'!$AX$27:$AX$5000,MATCH($B41,'p-y sand'!$C$27:$C$5000,1)),INDEX('p-y mono_clay'!$BK$27:$BK$5000,MATCH($B41,'p-y mono_clay'!$C$27:$C$5000,1)))</f>
        <v>7824.8005545014366</v>
      </c>
      <c r="AB41">
        <f>IF($D41="SAND",INDEX('p-y sand'!$AK$27:$AK$5000,MATCH($B41,'p-y sand'!$C$27:$C$82,1)),INDEX('p-y mono_clay'!$AX$27:$AX$5000,MATCH($B41,'p-y mono_clay'!$C$27:$C$5000,1)))</f>
        <v>669.56148669071183</v>
      </c>
      <c r="AC41">
        <f>IF($D41="SAND",INDEX('p-y sand'!$AY$27:$AY$5000,MATCH($B41,'p-y sand'!$C$27:$C$5000,1)),INDEX('p-y mono_clay'!$BL$27:$BL$5000,MATCH($B41,'p-y mono_clay'!$C$27:$C$5000,1)))</f>
        <v>7824.8005545014366</v>
      </c>
      <c r="AD41" s="98">
        <f>IF($D41="SAND",INDEX('p-y sand'!$AL$27:$AL$5000,MATCH($B41,'p-y sand'!$C$27:$C$82,1)),INDEX('p-y mono_clay'!$AY$27:$AY$5000,MATCH($B41,'p-y mono_clay'!$C$27:$C$5000,1)))</f>
        <v>6000</v>
      </c>
    </row>
    <row r="42" spans="1:30" x14ac:dyDescent="0.2">
      <c r="A42" s="214">
        <f t="shared" si="0"/>
        <v>-52.5</v>
      </c>
      <c r="B42" s="216">
        <f>'p-y mono_clay'!C63</f>
        <v>37</v>
      </c>
      <c r="C42">
        <f>INDEX('CPT Data'!$C$13:$C$20000,MATCH(B42,'CPT Data'!$B$13:$B$20000,1))</f>
        <v>36.984999999999999</v>
      </c>
      <c r="D42" s="216" t="str">
        <f>INDEX('CPT Data'!$P$13:$P$20000,MATCH(B42,'CPT Data'!$B$13:$B$20000,1))</f>
        <v>SAND</v>
      </c>
      <c r="E42">
        <f>IF($D42="SAND",INDEX('p-y sand'!$AM$27:$AM$20000,MATCH($B42,'p-y sand'!$C$27:$C$20000,1)),INDEX('p-y mono_clay'!$AZ$27:$AZ$20000,MATCH($B42,'p-y mono_clay'!$C$27:$C$20000,1)))</f>
        <v>0</v>
      </c>
      <c r="F42">
        <f>IF($D42="SAND",INDEX('p-y sand'!$Z$27:$Z$5000,MATCH($B42,'p-y sand'!$C$27:$C$82,1)),INDEX('p-y mono_clay'!$AM$27:$AM$5000,MATCH($B42,'p-y mono_clay'!$C$27:$C$5000,1)))</f>
        <v>0</v>
      </c>
      <c r="G42">
        <f>IF($D42="SAND",INDEX('p-y sand'!$AN$27:$AN$5000,MATCH($B42,'p-y sand'!$C$27:$C$5000,1)),INDEX('p-y mono_clay'!$BA$27:$BA$5000,MATCH($B42,'p-y mono_clay'!$C$27:$C$5000,1)))</f>
        <v>7078.8372550315762</v>
      </c>
      <c r="H42">
        <f>IF($D42="SAND",INDEX('p-y sand'!$AA$27:$AA$5000,MATCH($B42,'p-y sand'!$C$27:$C$82,1)),INDEX('p-y mono_clay'!$AN$27:$AN$5000,MATCH($B42,'p-y mono_clay'!$C$27:$C$5000,1)))</f>
        <v>10</v>
      </c>
      <c r="I42">
        <f>IF($D42="SAND",INDEX('p-y sand'!$AO$27:$AO$5000,MATCH($B42,'p-y sand'!$C$27:$C$5000,1)),INDEX('p-y mono_clay'!$BB$27:$BB$5000,MATCH($B42,'p-y mono_clay'!$C$27:$C$5000,1)))</f>
        <v>13518.432766185473</v>
      </c>
      <c r="J42">
        <f>IF($D42="SAND",INDEX('p-y sand'!$AB$27:$AB$5000,MATCH($B42,'p-y sand'!$C$27:$C$82,1)),INDEX('p-y mono_clay'!$AO$27:$AO$5000,MATCH($B42,'p-y mono_clay'!$C$27:$C$5000,1)))</f>
        <v>20</v>
      </c>
      <c r="K42">
        <f>IF($D42="SAND",INDEX('p-y sand'!$AP$27:$AP$5000,MATCH($B42,'p-y sand'!$C$27:$C$5000,1)),INDEX('p-y mono_clay'!$BC$27:$BC$5000,MATCH($B42,'p-y mono_clay'!$C$27:$C$5000,1)))</f>
        <v>18891.322879532821</v>
      </c>
      <c r="L42">
        <f>IF($D42="SAND",INDEX('p-y sand'!$AC$27:$AC$5000,MATCH($B42,'p-y sand'!$C$27:$C$82,1)),INDEX('p-y mono_clay'!$AP$27:$AP$5000,MATCH($B42,'p-y mono_clay'!$C$27:$C$5000,1)))</f>
        <v>30</v>
      </c>
      <c r="M42">
        <f>IF($D42="SAND",INDEX('p-y sand'!$AQ$27:$AQ$5000,MATCH($B42,'p-y sand'!$C$27:$C$5000,1)),INDEX('p-y mono_clay'!$BD$27:$BD$5000,MATCH($B42,'p-y mono_clay'!$C$27:$C$5000,1)))</f>
        <v>23060.109234708674</v>
      </c>
      <c r="N42">
        <f>IF($D42="SAND",INDEX('p-y sand'!$AD$27:$AD$5000,MATCH($B42,'p-y sand'!$C$27:$C$82,1)),INDEX('p-y mono_clay'!$AQ$27:$AQ$5000,MATCH($B42,'p-y mono_clay'!$C$27:$C$5000,1)))</f>
        <v>40</v>
      </c>
      <c r="O42">
        <f>IF($D42="SAND",INDEX('p-y sand'!$AR$27:$AR$5000,MATCH($B42,'p-y sand'!$C$27:$C$5000,1)),INDEX('p-y mono_clay'!$BE$27:$BE$5000,MATCH($B42,'p-y mono_clay'!$C$27:$C$5000,1)))</f>
        <v>26115.995035364882</v>
      </c>
      <c r="P42">
        <f>IF($D42="SAND",INDEX('p-y sand'!$AE$27:$AE$5000,MATCH($B42,'p-y sand'!$C$27:$C$82,1)),INDEX('p-y mono_clay'!$AR$27:$AR$5000,MATCH($B42,'p-y mono_clay'!$C$27:$C$5000,1)))</f>
        <v>50</v>
      </c>
      <c r="Q42">
        <f>IF($D42="SAND",INDEX('p-y sand'!$AS$27:$AS$5000,MATCH($B42,'p-y sand'!$C$27:$C$5000,1)),INDEX('p-y mono_clay'!$BF$27:$BF$5000,MATCH($B42,'p-y mono_clay'!$C$27:$C$5000,1)))</f>
        <v>28264.030695500598</v>
      </c>
      <c r="R42">
        <f>IF($D42="SAND",INDEX('p-y sand'!$AF$27:$AF$5000,MATCH($B42,'p-y sand'!$C$27:$C$82,1)),INDEX('p-y mono_clay'!$AS$27:$AS$5000,MATCH($B42,'p-y mono_clay'!$C$27:$C$5000,1)))</f>
        <v>60</v>
      </c>
      <c r="S42">
        <f>IF($D42="SAND",INDEX('p-y sand'!$AT$27:$AT$5000,MATCH($B42,'p-y sand'!$C$27:$C$5000,1)),INDEX('p-y mono_clay'!$BG$27:$BG$5000,MATCH($B42,'p-y mono_clay'!$C$27:$C$5000,1)))</f>
        <v>29729.771316632712</v>
      </c>
      <c r="T42">
        <f>IF($D42="SAND",INDEX('p-y sand'!$AG$27:$AG$5000,MATCH($B42,'p-y sand'!$C$27:$C$82,1)),INDEX('p-y mono_clay'!$AT$27:$AT$5000,MATCH($B42,'p-y mono_clay'!$C$27:$C$5000,1)))</f>
        <v>70</v>
      </c>
      <c r="U42">
        <f>IF($D42="SAND",INDEX('p-y sand'!$AU$27:$AU$5000,MATCH($B42,'p-y sand'!$C$27:$C$5000,1)),INDEX('p-y mono_clay'!$BH$27:$BH$5000,MATCH($B42,'p-y mono_clay'!$C$27:$C$5000,1)))</f>
        <v>30709.795208205749</v>
      </c>
      <c r="V42">
        <f>IF($D42="SAND",INDEX('p-y sand'!$AH$27:$AH$5000,MATCH($B42,'p-y sand'!$C$27:$C$82,1)),INDEX('p-y mono_clay'!$AU$27:$AU$5000,MATCH($B42,'p-y mono_clay'!$C$27:$C$5000,1)))</f>
        <v>80</v>
      </c>
      <c r="W42">
        <f>IF($D42="SAND",INDEX('p-y sand'!$AV$27:$AV$5000,MATCH($B42,'p-y sand'!$C$27:$C$5000,1)),INDEX('p-y mono_clay'!$BI$27:$BI$5000,MATCH($B42,'p-y mono_clay'!$C$27:$C$5000,1)))</f>
        <v>31356.175844830144</v>
      </c>
      <c r="X42">
        <f>IF($D42="SAND",INDEX('p-y sand'!$AI$27:$AI$5000,MATCH($B42,'p-y sand'!$C$27:$C$82,1)),INDEX('p-y mono_clay'!$AV$27:$AV$5000,MATCH($B42,'p-y mono_clay'!$C$27:$C$5000,1)))</f>
        <v>90</v>
      </c>
      <c r="Y42">
        <f>IF($D42="SAND",INDEX('p-y sand'!$AW$27:$AW$5000,MATCH($B42,'p-y sand'!$C$27:$C$5000,1)),INDEX('p-y mono_clay'!$BJ$27:$BJ$5000,MATCH($B42,'p-y mono_clay'!$C$27:$C$5000,1)))</f>
        <v>31778.670464878356</v>
      </c>
      <c r="Z42">
        <f>IF($D42="SAND",INDEX('p-y sand'!$AJ$27:$AJ$5000,MATCH($B42,'p-y sand'!$C$27:$C$82,1)),INDEX('p-y mono_clay'!$AW$27:$AW$5000,MATCH($B42,'p-y mono_clay'!$C$27:$C$5000,1)))</f>
        <v>100</v>
      </c>
      <c r="AA42">
        <f>IF($D42="SAND",INDEX('p-y sand'!$AX$27:$AX$5000,MATCH($B42,'p-y sand'!$C$27:$C$5000,1)),INDEX('p-y mono_clay'!$BK$27:$BK$5000,MATCH($B42,'p-y mono_clay'!$C$27:$C$5000,1)))</f>
        <v>32053.199674322619</v>
      </c>
      <c r="AB42">
        <f>IF($D42="SAND",INDEX('p-y sand'!$AK$27:$AK$5000,MATCH($B42,'p-y sand'!$C$27:$C$82,1)),INDEX('p-y mono_clay'!$AX$27:$AX$5000,MATCH($B42,'p-y mono_clay'!$C$27:$C$5000,1)))</f>
        <v>110</v>
      </c>
      <c r="AC42">
        <f>IF($D42="SAND",INDEX('p-y sand'!$AY$27:$AY$5000,MATCH($B42,'p-y sand'!$C$27:$C$5000,1)),INDEX('p-y mono_clay'!$BL$27:$BL$5000,MATCH($B42,'p-y mono_clay'!$C$27:$C$5000,1)))</f>
        <v>32230.899588534339</v>
      </c>
      <c r="AD42" s="98">
        <f>IF($D42="SAND",INDEX('p-y sand'!$AL$27:$AL$5000,MATCH($B42,'p-y sand'!$C$27:$C$82,1)),INDEX('p-y mono_clay'!$AY$27:$AY$5000,MATCH($B42,'p-y mono_clay'!$C$27:$C$5000,1)))</f>
        <v>120</v>
      </c>
    </row>
    <row r="43" spans="1:30" x14ac:dyDescent="0.2">
      <c r="A43" s="214">
        <f t="shared" si="0"/>
        <v>-53.5</v>
      </c>
      <c r="B43" s="216">
        <f>'p-y mono_clay'!C64</f>
        <v>38</v>
      </c>
      <c r="C43">
        <f>INDEX('CPT Data'!$C$13:$C$20000,MATCH(B43,'CPT Data'!$B$13:$B$20000,1))</f>
        <v>37.99</v>
      </c>
      <c r="D43" s="216" t="str">
        <f>INDEX('CPT Data'!$P$13:$P$20000,MATCH(B43,'CPT Data'!$B$13:$B$20000,1))</f>
        <v>CLAY</v>
      </c>
      <c r="E43">
        <f>IF($D43="SAND",INDEX('p-y sand'!$AM$27:$AM$20000,MATCH($B43,'p-y sand'!$C$27:$C$20000,1)),INDEX('p-y mono_clay'!$AZ$27:$AZ$20000,MATCH($B43,'p-y mono_clay'!$C$27:$C$20000,1)))</f>
        <v>0</v>
      </c>
      <c r="F43">
        <f>IF($D43="SAND",INDEX('p-y sand'!$Z$27:$Z$5000,MATCH($B43,'p-y sand'!$C$27:$C$82,1)),INDEX('p-y mono_clay'!$AM$27:$AM$5000,MATCH($B43,'p-y mono_clay'!$C$27:$C$5000,1)))</f>
        <v>0</v>
      </c>
      <c r="G43">
        <f>IF($D43="SAND",INDEX('p-y sand'!$AN$27:$AN$5000,MATCH($B43,'p-y sand'!$C$27:$C$5000,1)),INDEX('p-y mono_clay'!$BA$27:$BA$5000,MATCH($B43,'p-y mono_clay'!$C$27:$C$5000,1)))</f>
        <v>537.013247916149</v>
      </c>
      <c r="H43">
        <f>IF($D43="SAND",INDEX('p-y sand'!$AA$27:$AA$5000,MATCH($B43,'p-y sand'!$C$27:$C$82,1)),INDEX('p-y mono_clay'!$AN$27:$AN$5000,MATCH($B43,'p-y mono_clay'!$C$27:$C$5000,1)))</f>
        <v>0.93787340574856726</v>
      </c>
      <c r="I43">
        <f>IF($D43="SAND",INDEX('p-y sand'!$AO$27:$AO$5000,MATCH($B43,'p-y sand'!$C$27:$C$5000,1)),INDEX('p-y mono_clay'!$BB$27:$BB$5000,MATCH($B43,'p-y mono_clay'!$C$27:$C$5000,1)))</f>
        <v>2148.052991664596</v>
      </c>
      <c r="J43">
        <f>IF($D43="SAND",INDEX('p-y sand'!$AB$27:$AB$5000,MATCH($B43,'p-y sand'!$C$27:$C$82,1)),INDEX('p-y mono_clay'!$AO$27:$AO$5000,MATCH($B43,'p-y mono_clay'!$C$27:$C$5000,1)))</f>
        <v>9.3787340574856763</v>
      </c>
      <c r="K43">
        <f>IF($D43="SAND",INDEX('p-y sand'!$AP$27:$AP$5000,MATCH($B43,'p-y sand'!$C$27:$C$5000,1)),INDEX('p-y mono_clay'!$BC$27:$BC$5000,MATCH($B43,'p-y mono_clay'!$C$27:$C$5000,1)))</f>
        <v>3222.0794874968938</v>
      </c>
      <c r="L43">
        <f>IF($D43="SAND",INDEX('p-y sand'!$AC$27:$AC$5000,MATCH($B43,'p-y sand'!$C$27:$C$82,1)),INDEX('p-y mono_clay'!$AP$27:$AP$5000,MATCH($B43,'p-y mono_clay'!$C$27:$C$5000,1)))</f>
        <v>20.136202172457018</v>
      </c>
      <c r="M43">
        <f>IF($D43="SAND",INDEX('p-y sand'!$AQ$27:$AQ$5000,MATCH($B43,'p-y sand'!$C$27:$C$5000,1)),INDEX('p-y mono_clay'!$BD$27:$BD$5000,MATCH($B43,'p-y mono_clay'!$C$27:$C$5000,1)))</f>
        <v>4296.105983329192</v>
      </c>
      <c r="N43">
        <f>IF($D43="SAND",INDEX('p-y sand'!$AD$27:$AD$5000,MATCH($B43,'p-y sand'!$C$27:$C$82,1)),INDEX('p-y mono_clay'!$AQ$27:$AQ$5000,MATCH($B43,'p-y mono_clay'!$C$27:$C$5000,1)))</f>
        <v>38.272404344914044</v>
      </c>
      <c r="O43">
        <f>IF($D43="SAND",INDEX('p-y sand'!$AR$27:$AR$5000,MATCH($B43,'p-y sand'!$C$27:$C$5000,1)),INDEX('p-y mono_clay'!$BE$27:$BE$5000,MATCH($B43,'p-y mono_clay'!$C$27:$C$5000,1)))</f>
        <v>5370.1324791614898</v>
      </c>
      <c r="P43">
        <f>IF($D43="SAND",INDEX('p-y sand'!$AE$27:$AE$5000,MATCH($B43,'p-y sand'!$C$27:$C$82,1)),INDEX('p-y mono_clay'!$AR$27:$AR$5000,MATCH($B43,'p-y mono_clay'!$C$27:$C$5000,1)))</f>
        <v>61.787340574856742</v>
      </c>
      <c r="Q43">
        <f>IF($D43="SAND",INDEX('p-y sand'!$AS$27:$AS$5000,MATCH($B43,'p-y sand'!$C$27:$C$5000,1)),INDEX('p-y mono_clay'!$BF$27:$BF$5000,MATCH($B43,'p-y mono_clay'!$C$27:$C$5000,1)))</f>
        <v>6444.1589749937875</v>
      </c>
      <c r="R43">
        <f>IF($D43="SAND",INDEX('p-y sand'!$AF$27:$AF$5000,MATCH($B43,'p-y sand'!$C$27:$C$82,1)),INDEX('p-y mono_clay'!$AS$27:$AS$5000,MATCH($B43,'p-y mono_clay'!$C$27:$C$5000,1)))</f>
        <v>94.059744919770779</v>
      </c>
      <c r="S43">
        <f>IF($D43="SAND",INDEX('p-y sand'!$AT$27:$AT$5000,MATCH($B43,'p-y sand'!$C$27:$C$5000,1)),INDEX('p-y mono_clay'!$BG$27:$BG$5000,MATCH($B43,'p-y mono_clay'!$C$27:$C$5000,1)))</f>
        <v>7518.1854708260853</v>
      </c>
      <c r="T43">
        <f>IF($D43="SAND",INDEX('p-y sand'!$AG$27:$AG$5000,MATCH($B43,'p-y sand'!$C$27:$C$82,1)),INDEX('p-y mono_clay'!$AT$27:$AT$5000,MATCH($B43,'p-y mono_clay'!$C$27:$C$5000,1)))</f>
        <v>141.7108833221705</v>
      </c>
      <c r="U43">
        <f>IF($D43="SAND",INDEX('p-y sand'!$AU$27:$AU$5000,MATCH($B43,'p-y sand'!$C$27:$C$5000,1)),INDEX('p-y mono_clay'!$BH$27:$BH$5000,MATCH($B43,'p-y mono_clay'!$C$27:$C$5000,1)))</f>
        <v>8592.211966658384</v>
      </c>
      <c r="V43">
        <f>IF($D43="SAND",INDEX('p-y sand'!$AH$27:$AH$5000,MATCH($B43,'p-y sand'!$C$27:$C$82,1)),INDEX('p-y mono_clay'!$AU$27:$AU$5000,MATCH($B43,'p-y mono_clay'!$C$27:$C$5000,1)))</f>
        <v>217.63442606948425</v>
      </c>
      <c r="W43">
        <f>IF($D43="SAND",INDEX('p-y sand'!$AV$27:$AV$5000,MATCH($B43,'p-y sand'!$C$27:$C$5000,1)),INDEX('p-y mono_clay'!$BI$27:$BI$5000,MATCH($B43,'p-y mono_clay'!$C$27:$C$5000,1)))</f>
        <v>9666.2384624906827</v>
      </c>
      <c r="X43">
        <f>IF($D43="SAND",INDEX('p-y sand'!$AI$27:$AI$5000,MATCH($B43,'p-y sand'!$C$27:$C$82,1)),INDEX('p-y mono_clay'!$AV$27:$AV$5000,MATCH($B43,'p-y mono_clay'!$C$27:$C$5000,1)))</f>
        <v>348.9367028742837</v>
      </c>
      <c r="Y43">
        <f>IF($D43="SAND",INDEX('p-y sand'!$AW$27:$AW$5000,MATCH($B43,'p-y sand'!$C$27:$C$5000,1)),INDEX('p-y mono_clay'!$BJ$27:$BJ$5000,MATCH($B43,'p-y mono_clay'!$C$27:$C$5000,1)))</f>
        <v>10471.758334364904</v>
      </c>
      <c r="Z43">
        <f>IF($D43="SAND",INDEX('p-y sand'!$AJ$27:$AJ$5000,MATCH($B43,'p-y sand'!$C$27:$C$82,1)),INDEX('p-y mono_clay'!$AW$27:$AW$5000,MATCH($B43,'p-y mono_clay'!$C$27:$C$5000,1)))</f>
        <v>556.51138402399715</v>
      </c>
      <c r="AA43">
        <f>IF($D43="SAND",INDEX('p-y sand'!$AX$27:$AX$5000,MATCH($B43,'p-y sand'!$C$27:$C$5000,1)),INDEX('p-y mono_clay'!$BK$27:$BK$5000,MATCH($B43,'p-y mono_clay'!$C$27:$C$5000,1)))</f>
        <v>10740.26495832298</v>
      </c>
      <c r="AB43">
        <f>IF($D43="SAND",INDEX('p-y sand'!$AK$27:$AK$5000,MATCH($B43,'p-y sand'!$C$27:$C$82,1)),INDEX('p-y mono_clay'!$AX$27:$AX$5000,MATCH($B43,'p-y mono_clay'!$C$27:$C$5000,1)))</f>
        <v>737.87340574856739</v>
      </c>
      <c r="AC43">
        <f>IF($D43="SAND",INDEX('p-y sand'!$AY$27:$AY$5000,MATCH($B43,'p-y sand'!$C$27:$C$5000,1)),INDEX('p-y mono_clay'!$BL$27:$BL$5000,MATCH($B43,'p-y mono_clay'!$C$27:$C$5000,1)))</f>
        <v>10740.26495832298</v>
      </c>
      <c r="AD43" s="98">
        <f>IF($D43="SAND",INDEX('p-y sand'!$AL$27:$AL$5000,MATCH($B43,'p-y sand'!$C$27:$C$82,1)),INDEX('p-y mono_clay'!$AY$27:$AY$5000,MATCH($B43,'p-y mono_clay'!$C$27:$C$5000,1)))</f>
        <v>6000</v>
      </c>
    </row>
    <row r="44" spans="1:30" x14ac:dyDescent="0.2">
      <c r="A44" s="214">
        <f t="shared" si="0"/>
        <v>-54.5</v>
      </c>
      <c r="B44" s="216">
        <f>'p-y mono_clay'!C65</f>
        <v>39</v>
      </c>
      <c r="C44">
        <f>INDEX('CPT Data'!$C$13:$C$20000,MATCH(B44,'CPT Data'!$B$13:$B$20000,1))</f>
        <v>38.992000000000004</v>
      </c>
      <c r="D44" s="216" t="str">
        <f>INDEX('CPT Data'!$P$13:$P$20000,MATCH(B44,'CPT Data'!$B$13:$B$20000,1))</f>
        <v>CLAY</v>
      </c>
      <c r="E44">
        <f>IF($D44="SAND",INDEX('p-y sand'!$AM$27:$AM$20000,MATCH($B44,'p-y sand'!$C$27:$C$20000,1)),INDEX('p-y mono_clay'!$AZ$27:$AZ$20000,MATCH($B44,'p-y mono_clay'!$C$27:$C$20000,1)))</f>
        <v>0</v>
      </c>
      <c r="F44">
        <f>IF($D44="SAND",INDEX('p-y sand'!$Z$27:$Z$5000,MATCH($B44,'p-y sand'!$C$27:$C$82,1)),INDEX('p-y mono_clay'!$AM$27:$AM$5000,MATCH($B44,'p-y mono_clay'!$C$27:$C$5000,1)))</f>
        <v>0</v>
      </c>
      <c r="G44">
        <f>IF($D44="SAND",INDEX('p-y sand'!$AN$27:$AN$5000,MATCH($B44,'p-y sand'!$C$27:$C$5000,1)),INDEX('p-y mono_clay'!$BA$27:$BA$5000,MATCH($B44,'p-y mono_clay'!$C$27:$C$5000,1)))</f>
        <v>441.76067464126328</v>
      </c>
      <c r="H44">
        <f>IF($D44="SAND",INDEX('p-y sand'!$AA$27:$AA$5000,MATCH($B44,'p-y sand'!$C$27:$C$82,1)),INDEX('p-y mono_clay'!$AN$27:$AN$5000,MATCH($B44,'p-y mono_clay'!$C$27:$C$5000,1)))</f>
        <v>0.88718689028721864</v>
      </c>
      <c r="I44">
        <f>IF($D44="SAND",INDEX('p-y sand'!$AO$27:$AO$5000,MATCH($B44,'p-y sand'!$C$27:$C$5000,1)),INDEX('p-y mono_clay'!$BB$27:$BB$5000,MATCH($B44,'p-y mono_clay'!$C$27:$C$5000,1)))</f>
        <v>1767.0426985650531</v>
      </c>
      <c r="J44">
        <f>IF($D44="SAND",INDEX('p-y sand'!$AB$27:$AB$5000,MATCH($B44,'p-y sand'!$C$27:$C$82,1)),INDEX('p-y mono_clay'!$AO$27:$AO$5000,MATCH($B44,'p-y mono_clay'!$C$27:$C$5000,1)))</f>
        <v>8.8718689028721887</v>
      </c>
      <c r="K44">
        <f>IF($D44="SAND",INDEX('p-y sand'!$AP$27:$AP$5000,MATCH($B44,'p-y sand'!$C$27:$C$5000,1)),INDEX('p-y mono_clay'!$BC$27:$BC$5000,MATCH($B44,'p-y mono_clay'!$C$27:$C$5000,1)))</f>
        <v>2650.5640478475793</v>
      </c>
      <c r="L44">
        <f>IF($D44="SAND",INDEX('p-y sand'!$AC$27:$AC$5000,MATCH($B44,'p-y sand'!$C$27:$C$82,1)),INDEX('p-y mono_clay'!$AP$27:$AP$5000,MATCH($B44,'p-y mono_clay'!$C$27:$C$5000,1)))</f>
        <v>18.615606708616561</v>
      </c>
      <c r="M44">
        <f>IF($D44="SAND",INDEX('p-y sand'!$AQ$27:$AQ$5000,MATCH($B44,'p-y sand'!$C$27:$C$5000,1)),INDEX('p-y mono_clay'!$BD$27:$BD$5000,MATCH($B44,'p-y mono_clay'!$C$27:$C$5000,1)))</f>
        <v>3534.0853971301062</v>
      </c>
      <c r="N44">
        <f>IF($D44="SAND",INDEX('p-y sand'!$AD$27:$AD$5000,MATCH($B44,'p-y sand'!$C$27:$C$82,1)),INDEX('p-y mono_clay'!$AQ$27:$AQ$5000,MATCH($B44,'p-y mono_clay'!$C$27:$C$5000,1)))</f>
        <v>35.231213417233128</v>
      </c>
      <c r="O44">
        <f>IF($D44="SAND",INDEX('p-y sand'!$AR$27:$AR$5000,MATCH($B44,'p-y sand'!$C$27:$C$5000,1)),INDEX('p-y mono_clay'!$BE$27:$BE$5000,MATCH($B44,'p-y mono_clay'!$C$27:$C$5000,1)))</f>
        <v>4417.6067464126327</v>
      </c>
      <c r="P44">
        <f>IF($D44="SAND",INDEX('p-y sand'!$AE$27:$AE$5000,MATCH($B44,'p-y sand'!$C$27:$C$82,1)),INDEX('p-y mono_clay'!$AR$27:$AR$5000,MATCH($B44,'p-y mono_clay'!$C$27:$C$5000,1)))</f>
        <v>56.718689028721876</v>
      </c>
      <c r="Q44">
        <f>IF($D44="SAND",INDEX('p-y sand'!$AS$27:$AS$5000,MATCH($B44,'p-y sand'!$C$27:$C$5000,1)),INDEX('p-y mono_clay'!$BF$27:$BF$5000,MATCH($B44,'p-y mono_clay'!$C$27:$C$5000,1)))</f>
        <v>5301.1280956951587</v>
      </c>
      <c r="R44">
        <f>IF($D44="SAND",INDEX('p-y sand'!$AF$27:$AF$5000,MATCH($B44,'p-y sand'!$C$27:$C$82,1)),INDEX('p-y mono_clay'!$AS$27:$AS$5000,MATCH($B44,'p-y mono_clay'!$C$27:$C$5000,1)))</f>
        <v>85.94990244595499</v>
      </c>
      <c r="S44">
        <f>IF($D44="SAND",INDEX('p-y sand'!$AT$27:$AT$5000,MATCH($B44,'p-y sand'!$C$27:$C$5000,1)),INDEX('p-y mono_clay'!$BG$27:$BG$5000,MATCH($B44,'p-y mono_clay'!$C$27:$C$5000,1)))</f>
        <v>6184.6494449776856</v>
      </c>
      <c r="T44">
        <f>IF($D44="SAND",INDEX('p-y sand'!$AG$27:$AG$5000,MATCH($B44,'p-y sand'!$C$27:$C$82,1)),INDEX('p-y mono_clay'!$AT$27:$AT$5000,MATCH($B44,'p-y mono_clay'!$C$27:$C$5000,1)))</f>
        <v>130.05298476606032</v>
      </c>
      <c r="U44">
        <f>IF($D44="SAND",INDEX('p-y sand'!$AU$27:$AU$5000,MATCH($B44,'p-y sand'!$C$27:$C$5000,1)),INDEX('p-y mono_clay'!$BH$27:$BH$5000,MATCH($B44,'p-y mono_clay'!$C$27:$C$5000,1)))</f>
        <v>7068.1707942602125</v>
      </c>
      <c r="V44">
        <f>IF($D44="SAND",INDEX('p-y sand'!$AH$27:$AH$5000,MATCH($B44,'p-y sand'!$C$27:$C$82,1)),INDEX('p-y mono_clay'!$AU$27:$AU$5000,MATCH($B44,'p-y mono_clay'!$C$27:$C$5000,1)))</f>
        <v>199.38728050339876</v>
      </c>
      <c r="W44">
        <f>IF($D44="SAND",INDEX('p-y sand'!$AV$27:$AV$5000,MATCH($B44,'p-y sand'!$C$27:$C$5000,1)),INDEX('p-y mono_clay'!$BI$27:$BI$5000,MATCH($B44,'p-y mono_clay'!$C$27:$C$5000,1)))</f>
        <v>7951.6921435427394</v>
      </c>
      <c r="X44">
        <f>IF($D44="SAND",INDEX('p-y sand'!$AI$27:$AI$5000,MATCH($B44,'p-y sand'!$C$27:$C$82,1)),INDEX('p-y mono_clay'!$AV$27:$AV$5000,MATCH($B44,'p-y mono_clay'!$C$27:$C$5000,1)))</f>
        <v>323.59344514360936</v>
      </c>
      <c r="Y44">
        <f>IF($D44="SAND",INDEX('p-y sand'!$AW$27:$AW$5000,MATCH($B44,'p-y sand'!$C$27:$C$5000,1)),INDEX('p-y mono_clay'!$BJ$27:$BJ$5000,MATCH($B44,'p-y mono_clay'!$C$27:$C$5000,1)))</f>
        <v>8614.3331555046334</v>
      </c>
      <c r="Z44">
        <f>IF($D44="SAND",INDEX('p-y sand'!$AJ$27:$AJ$5000,MATCH($B44,'p-y sand'!$C$27:$C$82,1)),INDEX('p-y mono_clay'!$AW$27:$AW$5000,MATCH($B44,'p-y mono_clay'!$C$27:$C$5000,1)))</f>
        <v>521.03082320105307</v>
      </c>
      <c r="AA44">
        <f>IF($D44="SAND",INDEX('p-y sand'!$AX$27:$AX$5000,MATCH($B44,'p-y sand'!$C$27:$C$5000,1)),INDEX('p-y mono_clay'!$BK$27:$BK$5000,MATCH($B44,'p-y mono_clay'!$C$27:$C$5000,1)))</f>
        <v>8835.2134928252653</v>
      </c>
      <c r="AB44">
        <f>IF($D44="SAND",INDEX('p-y sand'!$AK$27:$AK$5000,MATCH($B44,'p-y sand'!$C$27:$C$82,1)),INDEX('p-y mono_clay'!$AX$27:$AX$5000,MATCH($B44,'p-y mono_clay'!$C$27:$C$5000,1)))</f>
        <v>687.18689028721872</v>
      </c>
      <c r="AC44">
        <f>IF($D44="SAND",INDEX('p-y sand'!$AY$27:$AY$5000,MATCH($B44,'p-y sand'!$C$27:$C$5000,1)),INDEX('p-y mono_clay'!$BL$27:$BL$5000,MATCH($B44,'p-y mono_clay'!$C$27:$C$5000,1)))</f>
        <v>8835.2134928252653</v>
      </c>
      <c r="AD44" s="98">
        <f>IF($D44="SAND",INDEX('p-y sand'!$AL$27:$AL$5000,MATCH($B44,'p-y sand'!$C$27:$C$82,1)),INDEX('p-y mono_clay'!$AY$27:$AY$5000,MATCH($B44,'p-y mono_clay'!$C$27:$C$5000,1)))</f>
        <v>6000</v>
      </c>
    </row>
    <row r="45" spans="1:30" x14ac:dyDescent="0.2">
      <c r="A45" s="214">
        <f t="shared" si="0"/>
        <v>-55.5</v>
      </c>
      <c r="B45" s="216">
        <f>'p-y mono_clay'!C66</f>
        <v>40</v>
      </c>
      <c r="C45">
        <f>INDEX('CPT Data'!$C$13:$C$20000,MATCH(B45,'CPT Data'!$B$13:$B$20000,1))</f>
        <v>39.991</v>
      </c>
      <c r="D45" s="216" t="str">
        <f>INDEX('CPT Data'!$P$13:$P$20000,MATCH(B45,'CPT Data'!$B$13:$B$20000,1))</f>
        <v>CLAY</v>
      </c>
      <c r="E45">
        <f>IF($D45="SAND",INDEX('p-y sand'!$AM$27:$AM$20000,MATCH($B45,'p-y sand'!$C$27:$C$20000,1)),INDEX('p-y mono_clay'!$AZ$27:$AZ$20000,MATCH($B45,'p-y mono_clay'!$C$27:$C$20000,1)))</f>
        <v>0</v>
      </c>
      <c r="F45">
        <f>IF($D45="SAND",INDEX('p-y sand'!$Z$27:$Z$5000,MATCH($B45,'p-y sand'!$C$27:$C$82,1)),INDEX('p-y mono_clay'!$AM$27:$AM$5000,MATCH($B45,'p-y mono_clay'!$C$27:$C$5000,1)))</f>
        <v>0</v>
      </c>
      <c r="G45">
        <f>IF($D45="SAND",INDEX('p-y sand'!$AN$27:$AN$5000,MATCH($B45,'p-y sand'!$C$27:$C$5000,1)),INDEX('p-y mono_clay'!$BA$27:$BA$5000,MATCH($B45,'p-y mono_clay'!$C$27:$C$5000,1)))</f>
        <v>275.80575080448403</v>
      </c>
      <c r="H45">
        <f>IF($D45="SAND",INDEX('p-y sand'!$AA$27:$AA$5000,MATCH($B45,'p-y sand'!$C$27:$C$82,1)),INDEX('p-y mono_clay'!$AN$27:$AN$5000,MATCH($B45,'p-y mono_clay'!$C$27:$C$5000,1)))</f>
        <v>0.75031446811036739</v>
      </c>
      <c r="I45">
        <f>IF($D45="SAND",INDEX('p-y sand'!$AO$27:$AO$5000,MATCH($B45,'p-y sand'!$C$27:$C$5000,1)),INDEX('p-y mono_clay'!$BB$27:$BB$5000,MATCH($B45,'p-y mono_clay'!$C$27:$C$5000,1)))</f>
        <v>1103.2230032179361</v>
      </c>
      <c r="J45">
        <f>IF($D45="SAND",INDEX('p-y sand'!$AB$27:$AB$5000,MATCH($B45,'p-y sand'!$C$27:$C$82,1)),INDEX('p-y mono_clay'!$AO$27:$AO$5000,MATCH($B45,'p-y mono_clay'!$C$27:$C$5000,1)))</f>
        <v>7.5031446811036728</v>
      </c>
      <c r="K45">
        <f>IF($D45="SAND",INDEX('p-y sand'!$AP$27:$AP$5000,MATCH($B45,'p-y sand'!$C$27:$C$5000,1)),INDEX('p-y mono_clay'!$BC$27:$BC$5000,MATCH($B45,'p-y mono_clay'!$C$27:$C$5000,1)))</f>
        <v>1654.8345048269041</v>
      </c>
      <c r="L45">
        <f>IF($D45="SAND",INDEX('p-y sand'!$AC$27:$AC$5000,MATCH($B45,'p-y sand'!$C$27:$C$82,1)),INDEX('p-y mono_clay'!$AP$27:$AP$5000,MATCH($B45,'p-y mono_clay'!$C$27:$C$5000,1)))</f>
        <v>14.658490638979917</v>
      </c>
      <c r="M45">
        <f>IF($D45="SAND",INDEX('p-y sand'!$AQ$27:$AQ$5000,MATCH($B45,'p-y sand'!$C$27:$C$5000,1)),INDEX('p-y mono_clay'!$BD$27:$BD$5000,MATCH($B45,'p-y mono_clay'!$C$27:$C$5000,1)))</f>
        <v>2206.4460064358723</v>
      </c>
      <c r="N45">
        <f>IF($D45="SAND",INDEX('p-y sand'!$AD$27:$AD$5000,MATCH($B45,'p-y sand'!$C$27:$C$82,1)),INDEX('p-y mono_clay'!$AQ$27:$AQ$5000,MATCH($B45,'p-y mono_clay'!$C$27:$C$5000,1)))</f>
        <v>27.018868086622042</v>
      </c>
      <c r="O45">
        <f>IF($D45="SAND",INDEX('p-y sand'!$AR$27:$AR$5000,MATCH($B45,'p-y sand'!$C$27:$C$5000,1)),INDEX('p-y mono_clay'!$BE$27:$BE$5000,MATCH($B45,'p-y mono_clay'!$C$27:$C$5000,1)))</f>
        <v>2758.0575080448402</v>
      </c>
      <c r="P45">
        <f>IF($D45="SAND",INDEX('p-y sand'!$AE$27:$AE$5000,MATCH($B45,'p-y sand'!$C$27:$C$82,1)),INDEX('p-y mono_clay'!$AR$27:$AR$5000,MATCH($B45,'p-y mono_clay'!$C$27:$C$5000,1)))</f>
        <v>43.03144681103673</v>
      </c>
      <c r="Q45">
        <f>IF($D45="SAND",INDEX('p-y sand'!$AS$27:$AS$5000,MATCH($B45,'p-y sand'!$C$27:$C$5000,1)),INDEX('p-y mono_clay'!$BF$27:$BF$5000,MATCH($B45,'p-y mono_clay'!$C$27:$C$5000,1)))</f>
        <v>3309.6690096538082</v>
      </c>
      <c r="R45">
        <f>IF($D45="SAND",INDEX('p-y sand'!$AF$27:$AF$5000,MATCH($B45,'p-y sand'!$C$27:$C$82,1)),INDEX('p-y mono_clay'!$AS$27:$AS$5000,MATCH($B45,'p-y mono_clay'!$C$27:$C$5000,1)))</f>
        <v>65.044025535451425</v>
      </c>
      <c r="S45">
        <f>IF($D45="SAND",INDEX('p-y sand'!$AT$27:$AT$5000,MATCH($B45,'p-y sand'!$C$27:$C$5000,1)),INDEX('p-y mono_clay'!$BG$27:$BG$5000,MATCH($B45,'p-y mono_clay'!$C$27:$C$5000,1)))</f>
        <v>3861.2805112627761</v>
      </c>
      <c r="T45">
        <f>IF($D45="SAND",INDEX('p-y sand'!$AG$27:$AG$5000,MATCH($B45,'p-y sand'!$C$27:$C$82,1)),INDEX('p-y mono_clay'!$AT$27:$AT$5000,MATCH($B45,'p-y mono_clay'!$C$27:$C$5000,1)))</f>
        <v>98.572327665384478</v>
      </c>
      <c r="U45">
        <f>IF($D45="SAND",INDEX('p-y sand'!$AU$27:$AU$5000,MATCH($B45,'p-y sand'!$C$27:$C$5000,1)),INDEX('p-y mono_clay'!$BH$27:$BH$5000,MATCH($B45,'p-y mono_clay'!$C$27:$C$5000,1)))</f>
        <v>4412.8920128717446</v>
      </c>
      <c r="V45">
        <f>IF($D45="SAND",INDEX('p-y sand'!$AH$27:$AH$5000,MATCH($B45,'p-y sand'!$C$27:$C$82,1)),INDEX('p-y mono_clay'!$AU$27:$AU$5000,MATCH($B45,'p-y mono_clay'!$C$27:$C$5000,1)))</f>
        <v>151.10691915752489</v>
      </c>
      <c r="W45">
        <f>IF($D45="SAND",INDEX('p-y sand'!$AV$27:$AV$5000,MATCH($B45,'p-y sand'!$C$27:$C$5000,1)),INDEX('p-y mono_clay'!$BI$27:$BI$5000,MATCH($B45,'p-y mono_clay'!$C$27:$C$5000,1)))</f>
        <v>4964.5035144807125</v>
      </c>
      <c r="X45">
        <f>IF($D45="SAND",INDEX('p-y sand'!$AI$27:$AI$5000,MATCH($B45,'p-y sand'!$C$27:$C$82,1)),INDEX('p-y mono_clay'!$AV$27:$AV$5000,MATCH($B45,'p-y mono_clay'!$C$27:$C$5000,1)))</f>
        <v>251.18239150401311</v>
      </c>
      <c r="Y45">
        <f>IF($D45="SAND",INDEX('p-y sand'!$AW$27:$AW$5000,MATCH($B45,'p-y sand'!$C$27:$C$5000,1)),INDEX('p-y mono_clay'!$BJ$27:$BJ$5000,MATCH($B45,'p-y mono_clay'!$C$27:$C$5000,1)))</f>
        <v>5378.2121406874385</v>
      </c>
      <c r="Z45">
        <f>IF($D45="SAND",INDEX('p-y sand'!$AJ$27:$AJ$5000,MATCH($B45,'p-y sand'!$C$27:$C$82,1)),INDEX('p-y mono_clay'!$AW$27:$AW$5000,MATCH($B45,'p-y mono_clay'!$C$27:$C$5000,1)))</f>
        <v>420.25157448829384</v>
      </c>
      <c r="AA45">
        <f>IF($D45="SAND",INDEX('p-y sand'!$AX$27:$AX$5000,MATCH($B45,'p-y sand'!$C$27:$C$5000,1)),INDEX('p-y mono_clay'!$BK$27:$BK$5000,MATCH($B45,'p-y mono_clay'!$C$27:$C$5000,1)))</f>
        <v>5516.1150160896805</v>
      </c>
      <c r="AB45">
        <f>IF($D45="SAND",INDEX('p-y sand'!$AK$27:$AK$5000,MATCH($B45,'p-y sand'!$C$27:$C$82,1)),INDEX('p-y mono_clay'!$AX$27:$AX$5000,MATCH($B45,'p-y mono_clay'!$C$27:$C$5000,1)))</f>
        <v>575.15723405518372</v>
      </c>
      <c r="AC45">
        <f>IF($D45="SAND",INDEX('p-y sand'!$AY$27:$AY$5000,MATCH($B45,'p-y sand'!$C$27:$C$5000,1)),INDEX('p-y mono_clay'!$BL$27:$BL$5000,MATCH($B45,'p-y mono_clay'!$C$27:$C$5000,1)))</f>
        <v>5516.1150160896805</v>
      </c>
      <c r="AD45" s="98">
        <f>IF($D45="SAND",INDEX('p-y sand'!$AL$27:$AL$5000,MATCH($B45,'p-y sand'!$C$27:$C$82,1)),INDEX('p-y mono_clay'!$AY$27:$AY$5000,MATCH($B45,'p-y mono_clay'!$C$27:$C$5000,1)))</f>
        <v>6000</v>
      </c>
    </row>
    <row r="46" spans="1:30" x14ac:dyDescent="0.2">
      <c r="A46" s="214">
        <f t="shared" si="0"/>
        <v>-56.5</v>
      </c>
      <c r="B46" s="216">
        <f>'p-y mono_clay'!C67</f>
        <v>41</v>
      </c>
      <c r="C46">
        <f>INDEX('CPT Data'!$C$13:$C$20000,MATCH(B46,'CPT Data'!$B$13:$B$20000,1))</f>
        <v>40.984999999999999</v>
      </c>
      <c r="D46" s="216" t="str">
        <f>INDEX('CPT Data'!$P$13:$P$20000,MATCH(B46,'CPT Data'!$B$13:$B$20000,1))</f>
        <v>CLAY</v>
      </c>
      <c r="E46">
        <f>IF($D46="SAND",INDEX('p-y sand'!$AM$27:$AM$20000,MATCH($B46,'p-y sand'!$C$27:$C$20000,1)),INDEX('p-y mono_clay'!$AZ$27:$AZ$20000,MATCH($B46,'p-y mono_clay'!$C$27:$C$20000,1)))</f>
        <v>0</v>
      </c>
      <c r="F46">
        <f>IF($D46="SAND",INDEX('p-y sand'!$Z$27:$Z$5000,MATCH($B46,'p-y sand'!$C$27:$C$82,1)),INDEX('p-y mono_clay'!$AM$27:$AM$5000,MATCH($B46,'p-y mono_clay'!$C$27:$C$5000,1)))</f>
        <v>0</v>
      </c>
      <c r="G46">
        <f>IF($D46="SAND",INDEX('p-y sand'!$AN$27:$AN$5000,MATCH($B46,'p-y sand'!$C$27:$C$5000,1)),INDEX('p-y mono_clay'!$BA$27:$BA$5000,MATCH($B46,'p-y mono_clay'!$C$27:$C$5000,1)))</f>
        <v>536.8599644926278</v>
      </c>
      <c r="H46">
        <f>IF($D46="SAND",INDEX('p-y sand'!$AA$27:$AA$5000,MATCH($B46,'p-y sand'!$C$27:$C$82,1)),INDEX('p-y mono_clay'!$AN$27:$AN$5000,MATCH($B46,'p-y mono_clay'!$C$27:$C$5000,1)))</f>
        <v>0.91878506404600968</v>
      </c>
      <c r="I46">
        <f>IF($D46="SAND",INDEX('p-y sand'!$AO$27:$AO$5000,MATCH($B46,'p-y sand'!$C$27:$C$5000,1)),INDEX('p-y mono_clay'!$BB$27:$BB$5000,MATCH($B46,'p-y mono_clay'!$C$27:$C$5000,1)))</f>
        <v>2147.4398579705112</v>
      </c>
      <c r="J46">
        <f>IF($D46="SAND",INDEX('p-y sand'!$AB$27:$AB$5000,MATCH($B46,'p-y sand'!$C$27:$C$82,1)),INDEX('p-y mono_clay'!$AO$27:$AO$5000,MATCH($B46,'p-y mono_clay'!$C$27:$C$5000,1)))</f>
        <v>9.1878506404600984</v>
      </c>
      <c r="K46">
        <f>IF($D46="SAND",INDEX('p-y sand'!$AP$27:$AP$5000,MATCH($B46,'p-y sand'!$C$27:$C$5000,1)),INDEX('p-y mono_clay'!$BC$27:$BC$5000,MATCH($B46,'p-y mono_clay'!$C$27:$C$5000,1)))</f>
        <v>3221.1597869557663</v>
      </c>
      <c r="L46">
        <f>IF($D46="SAND",INDEX('p-y sand'!$AC$27:$AC$5000,MATCH($B46,'p-y sand'!$C$27:$C$82,1)),INDEX('p-y mono_clay'!$AP$27:$AP$5000,MATCH($B46,'p-y mono_clay'!$C$27:$C$5000,1)))</f>
        <v>19.563551921380292</v>
      </c>
      <c r="M46">
        <f>IF($D46="SAND",INDEX('p-y sand'!$AQ$27:$AQ$5000,MATCH($B46,'p-y sand'!$C$27:$C$5000,1)),INDEX('p-y mono_clay'!$BD$27:$BD$5000,MATCH($B46,'p-y mono_clay'!$C$27:$C$5000,1)))</f>
        <v>4294.8797159410224</v>
      </c>
      <c r="N46">
        <f>IF($D46="SAND",INDEX('p-y sand'!$AD$27:$AD$5000,MATCH($B46,'p-y sand'!$C$27:$C$82,1)),INDEX('p-y mono_clay'!$AQ$27:$AQ$5000,MATCH($B46,'p-y mono_clay'!$C$27:$C$5000,1)))</f>
        <v>37.127103842760583</v>
      </c>
      <c r="O46">
        <f>IF($D46="SAND",INDEX('p-y sand'!$AR$27:$AR$5000,MATCH($B46,'p-y sand'!$C$27:$C$5000,1)),INDEX('p-y mono_clay'!$BE$27:$BE$5000,MATCH($B46,'p-y mono_clay'!$C$27:$C$5000,1)))</f>
        <v>5368.5996449262775</v>
      </c>
      <c r="P46">
        <f>IF($D46="SAND",INDEX('p-y sand'!$AE$27:$AE$5000,MATCH($B46,'p-y sand'!$C$27:$C$82,1)),INDEX('p-y mono_clay'!$AR$27:$AR$5000,MATCH($B46,'p-y mono_clay'!$C$27:$C$5000,1)))</f>
        <v>59.878506404600977</v>
      </c>
      <c r="Q46">
        <f>IF($D46="SAND",INDEX('p-y sand'!$AS$27:$AS$5000,MATCH($B46,'p-y sand'!$C$27:$C$5000,1)),INDEX('p-y mono_clay'!$BF$27:$BF$5000,MATCH($B46,'p-y mono_clay'!$C$27:$C$5000,1)))</f>
        <v>6442.3195739115326</v>
      </c>
      <c r="R46">
        <f>IF($D46="SAND",INDEX('p-y sand'!$AF$27:$AF$5000,MATCH($B46,'p-y sand'!$C$27:$C$82,1)),INDEX('p-y mono_clay'!$AS$27:$AS$5000,MATCH($B46,'p-y mono_clay'!$C$27:$C$5000,1)))</f>
        <v>91.005610247361545</v>
      </c>
      <c r="S46">
        <f>IF($D46="SAND",INDEX('p-y sand'!$AT$27:$AT$5000,MATCH($B46,'p-y sand'!$C$27:$C$5000,1)),INDEX('p-y mono_clay'!$BG$27:$BG$5000,MATCH($B46,'p-y mono_clay'!$C$27:$C$5000,1)))</f>
        <v>7516.0395028967878</v>
      </c>
      <c r="T46">
        <f>IF($D46="SAND",INDEX('p-y sand'!$AG$27:$AG$5000,MATCH($B46,'p-y sand'!$C$27:$C$82,1)),INDEX('p-y mono_clay'!$AT$27:$AT$5000,MATCH($B46,'p-y mono_clay'!$C$27:$C$5000,1)))</f>
        <v>137.32056473058225</v>
      </c>
      <c r="U46">
        <f>IF($D46="SAND",INDEX('p-y sand'!$AU$27:$AU$5000,MATCH($B46,'p-y sand'!$C$27:$C$5000,1)),INDEX('p-y mono_clay'!$BH$27:$BH$5000,MATCH($B46,'p-y mono_clay'!$C$27:$C$5000,1)))</f>
        <v>8589.7594318820447</v>
      </c>
      <c r="V46">
        <f>IF($D46="SAND",INDEX('p-y sand'!$AH$27:$AH$5000,MATCH($B46,'p-y sand'!$C$27:$C$82,1)),INDEX('p-y mono_clay'!$AU$27:$AU$5000,MATCH($B46,'p-y mono_clay'!$C$27:$C$5000,1)))</f>
        <v>210.76262305656351</v>
      </c>
      <c r="W46">
        <f>IF($D46="SAND",INDEX('p-y sand'!$AV$27:$AV$5000,MATCH($B46,'p-y sand'!$C$27:$C$5000,1)),INDEX('p-y mono_clay'!$BI$27:$BI$5000,MATCH($B46,'p-y mono_clay'!$C$27:$C$5000,1)))</f>
        <v>9663.479360867299</v>
      </c>
      <c r="X46">
        <f>IF($D46="SAND",INDEX('p-y sand'!$AI$27:$AI$5000,MATCH($B46,'p-y sand'!$C$27:$C$82,1)),INDEX('p-y mono_clay'!$AV$27:$AV$5000,MATCH($B46,'p-y mono_clay'!$C$27:$C$5000,1)))</f>
        <v>339.39253202300483</v>
      </c>
      <c r="Y46">
        <f>IF($D46="SAND",INDEX('p-y sand'!$AW$27:$AW$5000,MATCH($B46,'p-y sand'!$C$27:$C$5000,1)),INDEX('p-y mono_clay'!$BJ$27:$BJ$5000,MATCH($B46,'p-y mono_clay'!$C$27:$C$5000,1)))</f>
        <v>10468.769307606241</v>
      </c>
      <c r="Z46">
        <f>IF($D46="SAND",INDEX('p-y sand'!$AJ$27:$AJ$5000,MATCH($B46,'p-y sand'!$C$27:$C$82,1)),INDEX('p-y mono_clay'!$AW$27:$AW$5000,MATCH($B46,'p-y mono_clay'!$C$27:$C$5000,1)))</f>
        <v>543.14954483220674</v>
      </c>
      <c r="AA46">
        <f>IF($D46="SAND",INDEX('p-y sand'!$AX$27:$AX$5000,MATCH($B46,'p-y sand'!$C$27:$C$5000,1)),INDEX('p-y mono_clay'!$BK$27:$BK$5000,MATCH($B46,'p-y mono_clay'!$C$27:$C$5000,1)))</f>
        <v>10737.199289852555</v>
      </c>
      <c r="AB46">
        <f>IF($D46="SAND",INDEX('p-y sand'!$AK$27:$AK$5000,MATCH($B46,'p-y sand'!$C$27:$C$82,1)),INDEX('p-y mono_clay'!$AX$27:$AX$5000,MATCH($B46,'p-y mono_clay'!$C$27:$C$5000,1)))</f>
        <v>718.78506404600967</v>
      </c>
      <c r="AC46">
        <f>IF($D46="SAND",INDEX('p-y sand'!$AY$27:$AY$5000,MATCH($B46,'p-y sand'!$C$27:$C$5000,1)),INDEX('p-y mono_clay'!$BL$27:$BL$5000,MATCH($B46,'p-y mono_clay'!$C$27:$C$5000,1)))</f>
        <v>10737.199289852555</v>
      </c>
      <c r="AD46" s="98">
        <f>IF($D46="SAND",INDEX('p-y sand'!$AL$27:$AL$5000,MATCH($B46,'p-y sand'!$C$27:$C$82,1)),INDEX('p-y mono_clay'!$AY$27:$AY$5000,MATCH($B46,'p-y mono_clay'!$C$27:$C$5000,1)))</f>
        <v>6000</v>
      </c>
    </row>
    <row r="47" spans="1:30" x14ac:dyDescent="0.2">
      <c r="A47" s="214">
        <f t="shared" si="0"/>
        <v>-57.5</v>
      </c>
      <c r="B47" s="216">
        <f>'p-y mono_clay'!C68</f>
        <v>42</v>
      </c>
      <c r="C47">
        <f>INDEX('CPT Data'!$C$13:$C$20000,MATCH(B47,'CPT Data'!$B$13:$B$20000,1))</f>
        <v>41.99</v>
      </c>
      <c r="D47" s="216" t="str">
        <f>INDEX('CPT Data'!$P$13:$P$20000,MATCH(B47,'CPT Data'!$B$13:$B$20000,1))</f>
        <v>CLAY</v>
      </c>
      <c r="E47">
        <f>IF($D47="SAND",INDEX('p-y sand'!$AM$27:$AM$20000,MATCH($B47,'p-y sand'!$C$27:$C$20000,1)),INDEX('p-y mono_clay'!$AZ$27:$AZ$20000,MATCH($B47,'p-y mono_clay'!$C$27:$C$20000,1)))</f>
        <v>0</v>
      </c>
      <c r="F47">
        <f>IF($D47="SAND",INDEX('p-y sand'!$Z$27:$Z$5000,MATCH($B47,'p-y sand'!$C$27:$C$82,1)),INDEX('p-y mono_clay'!$AM$27:$AM$5000,MATCH($B47,'p-y mono_clay'!$C$27:$C$5000,1)))</f>
        <v>0</v>
      </c>
      <c r="G47">
        <f>IF($D47="SAND",INDEX('p-y sand'!$AN$27:$AN$5000,MATCH($B47,'p-y sand'!$C$27:$C$5000,1)),INDEX('p-y mono_clay'!$BA$27:$BA$5000,MATCH($B47,'p-y mono_clay'!$C$27:$C$5000,1)))</f>
        <v>575.5178126606728</v>
      </c>
      <c r="H47">
        <f>IF($D47="SAND",INDEX('p-y sand'!$AA$27:$AA$5000,MATCH($B47,'p-y sand'!$C$27:$C$82,1)),INDEX('p-y mono_clay'!$AN$27:$AN$5000,MATCH($B47,'p-y mono_clay'!$C$27:$C$5000,1)))</f>
        <v>0.93041055805206818</v>
      </c>
      <c r="I47">
        <f>IF($D47="SAND",INDEX('p-y sand'!$AO$27:$AO$5000,MATCH($B47,'p-y sand'!$C$27:$C$5000,1)),INDEX('p-y mono_clay'!$BB$27:$BB$5000,MATCH($B47,'p-y mono_clay'!$C$27:$C$5000,1)))</f>
        <v>2302.0712506426912</v>
      </c>
      <c r="J47">
        <f>IF($D47="SAND",INDEX('p-y sand'!$AB$27:$AB$5000,MATCH($B47,'p-y sand'!$C$27:$C$82,1)),INDEX('p-y mono_clay'!$AO$27:$AO$5000,MATCH($B47,'p-y mono_clay'!$C$27:$C$5000,1)))</f>
        <v>9.3041055805206838</v>
      </c>
      <c r="K47">
        <f>IF($D47="SAND",INDEX('p-y sand'!$AP$27:$AP$5000,MATCH($B47,'p-y sand'!$C$27:$C$5000,1)),INDEX('p-y mono_clay'!$BC$27:$BC$5000,MATCH($B47,'p-y mono_clay'!$C$27:$C$5000,1)))</f>
        <v>3453.1068759640361</v>
      </c>
      <c r="L47">
        <f>IF($D47="SAND",INDEX('p-y sand'!$AC$27:$AC$5000,MATCH($B47,'p-y sand'!$C$27:$C$82,1)),INDEX('p-y mono_clay'!$AP$27:$AP$5000,MATCH($B47,'p-y mono_clay'!$C$27:$C$5000,1)))</f>
        <v>19.912316741562048</v>
      </c>
      <c r="M47">
        <f>IF($D47="SAND",INDEX('p-y sand'!$AQ$27:$AQ$5000,MATCH($B47,'p-y sand'!$C$27:$C$5000,1)),INDEX('p-y mono_clay'!$BD$27:$BD$5000,MATCH($B47,'p-y mono_clay'!$C$27:$C$5000,1)))</f>
        <v>4604.1425012853824</v>
      </c>
      <c r="N47">
        <f>IF($D47="SAND",INDEX('p-y sand'!$AD$27:$AD$5000,MATCH($B47,'p-y sand'!$C$27:$C$82,1)),INDEX('p-y mono_clay'!$AQ$27:$AQ$5000,MATCH($B47,'p-y mono_clay'!$C$27:$C$5000,1)))</f>
        <v>37.82463348312411</v>
      </c>
      <c r="O47">
        <f>IF($D47="SAND",INDEX('p-y sand'!$AR$27:$AR$5000,MATCH($B47,'p-y sand'!$C$27:$C$5000,1)),INDEX('p-y mono_clay'!$BE$27:$BE$5000,MATCH($B47,'p-y mono_clay'!$C$27:$C$5000,1)))</f>
        <v>5755.1781266067273</v>
      </c>
      <c r="P47">
        <f>IF($D47="SAND",INDEX('p-y sand'!$AE$27:$AE$5000,MATCH($B47,'p-y sand'!$C$27:$C$82,1)),INDEX('p-y mono_clay'!$AR$27:$AR$5000,MATCH($B47,'p-y mono_clay'!$C$27:$C$5000,1)))</f>
        <v>61.041055805206831</v>
      </c>
      <c r="Q47">
        <f>IF($D47="SAND",INDEX('p-y sand'!$AS$27:$AS$5000,MATCH($B47,'p-y sand'!$C$27:$C$5000,1)),INDEX('p-y mono_clay'!$BF$27:$BF$5000,MATCH($B47,'p-y mono_clay'!$C$27:$C$5000,1)))</f>
        <v>6906.2137519280723</v>
      </c>
      <c r="R47">
        <f>IF($D47="SAND",INDEX('p-y sand'!$AF$27:$AF$5000,MATCH($B47,'p-y sand'!$C$27:$C$82,1)),INDEX('p-y mono_clay'!$AS$27:$AS$5000,MATCH($B47,'p-y mono_clay'!$C$27:$C$5000,1)))</f>
        <v>92.865689288330913</v>
      </c>
      <c r="S47">
        <f>IF($D47="SAND",INDEX('p-y sand'!$AT$27:$AT$5000,MATCH($B47,'p-y sand'!$C$27:$C$5000,1)),INDEX('p-y mono_clay'!$BG$27:$BG$5000,MATCH($B47,'p-y mono_clay'!$C$27:$C$5000,1)))</f>
        <v>8057.2493772494181</v>
      </c>
      <c r="T47">
        <f>IF($D47="SAND",INDEX('p-y sand'!$AG$27:$AG$5000,MATCH($B47,'p-y sand'!$C$27:$C$82,1)),INDEX('p-y mono_clay'!$AT$27:$AT$5000,MATCH($B47,'p-y mono_clay'!$C$27:$C$5000,1)))</f>
        <v>139.9944283519757</v>
      </c>
      <c r="U47">
        <f>IF($D47="SAND",INDEX('p-y sand'!$AU$27:$AU$5000,MATCH($B47,'p-y sand'!$C$27:$C$5000,1)),INDEX('p-y mono_clay'!$BH$27:$BH$5000,MATCH($B47,'p-y mono_clay'!$C$27:$C$5000,1)))</f>
        <v>9208.2850025707648</v>
      </c>
      <c r="V47">
        <f>IF($D47="SAND",INDEX('p-y sand'!$AH$27:$AH$5000,MATCH($B47,'p-y sand'!$C$27:$C$82,1)),INDEX('p-y mono_clay'!$AU$27:$AU$5000,MATCH($B47,'p-y mono_clay'!$C$27:$C$5000,1)))</f>
        <v>214.94780089874459</v>
      </c>
      <c r="W47">
        <f>IF($D47="SAND",INDEX('p-y sand'!$AV$27:$AV$5000,MATCH($B47,'p-y sand'!$C$27:$C$5000,1)),INDEX('p-y mono_clay'!$BI$27:$BI$5000,MATCH($B47,'p-y mono_clay'!$C$27:$C$5000,1)))</f>
        <v>10359.32062789211</v>
      </c>
      <c r="X47">
        <f>IF($D47="SAND",INDEX('p-y sand'!$AI$27:$AI$5000,MATCH($B47,'p-y sand'!$C$27:$C$82,1)),INDEX('p-y mono_clay'!$AV$27:$AV$5000,MATCH($B47,'p-y mono_clay'!$C$27:$C$5000,1)))</f>
        <v>345.20527902603413</v>
      </c>
      <c r="Y47">
        <f>IF($D47="SAND",INDEX('p-y sand'!$AW$27:$AW$5000,MATCH($B47,'p-y sand'!$C$27:$C$5000,1)),INDEX('p-y mono_clay'!$BJ$27:$BJ$5000,MATCH($B47,'p-y mono_clay'!$C$27:$C$5000,1)))</f>
        <v>11222.597346883118</v>
      </c>
      <c r="Z47">
        <f>IF($D47="SAND",INDEX('p-y sand'!$AJ$27:$AJ$5000,MATCH($B47,'p-y sand'!$C$27:$C$82,1)),INDEX('p-y mono_clay'!$AW$27:$AW$5000,MATCH($B47,'p-y mono_clay'!$C$27:$C$5000,1)))</f>
        <v>551.28739063644775</v>
      </c>
      <c r="AA47">
        <f>IF($D47="SAND",INDEX('p-y sand'!$AX$27:$AX$5000,MATCH($B47,'p-y sand'!$C$27:$C$5000,1)),INDEX('p-y mono_clay'!$BK$27:$BK$5000,MATCH($B47,'p-y mono_clay'!$C$27:$C$5000,1)))</f>
        <v>11510.356253213455</v>
      </c>
      <c r="AB47">
        <f>IF($D47="SAND",INDEX('p-y sand'!$AK$27:$AK$5000,MATCH($B47,'p-y sand'!$C$27:$C$82,1)),INDEX('p-y mono_clay'!$AX$27:$AX$5000,MATCH($B47,'p-y mono_clay'!$C$27:$C$5000,1)))</f>
        <v>730.41055805206838</v>
      </c>
      <c r="AC47">
        <f>IF($D47="SAND",INDEX('p-y sand'!$AY$27:$AY$5000,MATCH($B47,'p-y sand'!$C$27:$C$5000,1)),INDEX('p-y mono_clay'!$BL$27:$BL$5000,MATCH($B47,'p-y mono_clay'!$C$27:$C$5000,1)))</f>
        <v>11510.356253213455</v>
      </c>
      <c r="AD47" s="98">
        <f>IF($D47="SAND",INDEX('p-y sand'!$AL$27:$AL$5000,MATCH($B47,'p-y sand'!$C$27:$C$82,1)),INDEX('p-y mono_clay'!$AY$27:$AY$5000,MATCH($B47,'p-y mono_clay'!$C$27:$C$5000,1)))</f>
        <v>6000</v>
      </c>
    </row>
    <row r="48" spans="1:30" x14ac:dyDescent="0.2">
      <c r="A48" s="214">
        <f t="shared" si="0"/>
        <v>-58.5</v>
      </c>
      <c r="B48" s="216">
        <f>'p-y mono_clay'!C69</f>
        <v>43</v>
      </c>
      <c r="C48">
        <f>INDEX('CPT Data'!$C$13:$C$20000,MATCH(B48,'CPT Data'!$B$13:$B$20000,1))</f>
        <v>42.992000000000004</v>
      </c>
      <c r="D48" s="216" t="str">
        <f>INDEX('CPT Data'!$P$13:$P$20000,MATCH(B48,'CPT Data'!$B$13:$B$20000,1))</f>
        <v>CLAY</v>
      </c>
      <c r="E48">
        <f>IF($D48="SAND",INDEX('p-y sand'!$AM$27:$AM$20000,MATCH($B48,'p-y sand'!$C$27:$C$20000,1)),INDEX('p-y mono_clay'!$AZ$27:$AZ$20000,MATCH($B48,'p-y mono_clay'!$C$27:$C$20000,1)))</f>
        <v>0</v>
      </c>
      <c r="F48">
        <f>IF($D48="SAND",INDEX('p-y sand'!$Z$27:$Z$5000,MATCH($B48,'p-y sand'!$C$27:$C$82,1)),INDEX('p-y mono_clay'!$AM$27:$AM$5000,MATCH($B48,'p-y mono_clay'!$C$27:$C$5000,1)))</f>
        <v>0</v>
      </c>
      <c r="G48">
        <f>IF($D48="SAND",INDEX('p-y sand'!$AN$27:$AN$5000,MATCH($B48,'p-y sand'!$C$27:$C$5000,1)),INDEX('p-y mono_clay'!$BA$27:$BA$5000,MATCH($B48,'p-y mono_clay'!$C$27:$C$5000,1)))</f>
        <v>759.29421183435511</v>
      </c>
      <c r="H48">
        <f>IF($D48="SAND",INDEX('p-y sand'!$AA$27:$AA$5000,MATCH($B48,'p-y sand'!$C$27:$C$82,1)),INDEX('p-y mono_clay'!$AN$27:$AN$5000,MATCH($B48,'p-y mono_clay'!$C$27:$C$5000,1)))</f>
        <v>1</v>
      </c>
      <c r="I48">
        <f>IF($D48="SAND",INDEX('p-y sand'!$AO$27:$AO$5000,MATCH($B48,'p-y sand'!$C$27:$C$5000,1)),INDEX('p-y mono_clay'!$BB$27:$BB$5000,MATCH($B48,'p-y mono_clay'!$C$27:$C$5000,1)))</f>
        <v>3037.1768473374204</v>
      </c>
      <c r="J48">
        <f>IF($D48="SAND",INDEX('p-y sand'!$AB$27:$AB$5000,MATCH($B48,'p-y sand'!$C$27:$C$82,1)),INDEX('p-y mono_clay'!$AO$27:$AO$5000,MATCH($B48,'p-y mono_clay'!$C$27:$C$5000,1)))</f>
        <v>10</v>
      </c>
      <c r="K48">
        <f>IF($D48="SAND",INDEX('p-y sand'!$AP$27:$AP$5000,MATCH($B48,'p-y sand'!$C$27:$C$5000,1)),INDEX('p-y mono_clay'!$BC$27:$BC$5000,MATCH($B48,'p-y mono_clay'!$C$27:$C$5000,1)))</f>
        <v>4555.7652710061302</v>
      </c>
      <c r="L48">
        <f>IF($D48="SAND",INDEX('p-y sand'!$AC$27:$AC$5000,MATCH($B48,'p-y sand'!$C$27:$C$82,1)),INDEX('p-y mono_clay'!$AP$27:$AP$5000,MATCH($B48,'p-y mono_clay'!$C$27:$C$5000,1)))</f>
        <v>22</v>
      </c>
      <c r="M48">
        <f>IF($D48="SAND",INDEX('p-y sand'!$AQ$27:$AQ$5000,MATCH($B48,'p-y sand'!$C$27:$C$5000,1)),INDEX('p-y mono_clay'!$BD$27:$BD$5000,MATCH($B48,'p-y mono_clay'!$C$27:$C$5000,1)))</f>
        <v>6074.3536946748409</v>
      </c>
      <c r="N48">
        <f>IF($D48="SAND",INDEX('p-y sand'!$AD$27:$AD$5000,MATCH($B48,'p-y sand'!$C$27:$C$82,1)),INDEX('p-y mono_clay'!$AQ$27:$AQ$5000,MATCH($B48,'p-y mono_clay'!$C$27:$C$5000,1)))</f>
        <v>42</v>
      </c>
      <c r="O48">
        <f>IF($D48="SAND",INDEX('p-y sand'!$AR$27:$AR$5000,MATCH($B48,'p-y sand'!$C$27:$C$5000,1)),INDEX('p-y mono_clay'!$BE$27:$BE$5000,MATCH($B48,'p-y mono_clay'!$C$27:$C$5000,1)))</f>
        <v>7592.9421183435506</v>
      </c>
      <c r="P48">
        <f>IF($D48="SAND",INDEX('p-y sand'!$AE$27:$AE$5000,MATCH($B48,'p-y sand'!$C$27:$C$82,1)),INDEX('p-y mono_clay'!$AR$27:$AR$5000,MATCH($B48,'p-y mono_clay'!$C$27:$C$5000,1)))</f>
        <v>68</v>
      </c>
      <c r="Q48">
        <f>IF($D48="SAND",INDEX('p-y sand'!$AS$27:$AS$5000,MATCH($B48,'p-y sand'!$C$27:$C$5000,1)),INDEX('p-y mono_clay'!$BF$27:$BF$5000,MATCH($B48,'p-y mono_clay'!$C$27:$C$5000,1)))</f>
        <v>9111.5305420122604</v>
      </c>
      <c r="R48">
        <f>IF($D48="SAND",INDEX('p-y sand'!$AF$27:$AF$5000,MATCH($B48,'p-y sand'!$C$27:$C$82,1)),INDEX('p-y mono_clay'!$AS$27:$AS$5000,MATCH($B48,'p-y mono_clay'!$C$27:$C$5000,1)))</f>
        <v>104</v>
      </c>
      <c r="S48">
        <f>IF($D48="SAND",INDEX('p-y sand'!$AT$27:$AT$5000,MATCH($B48,'p-y sand'!$C$27:$C$5000,1)),INDEX('p-y mono_clay'!$BG$27:$BG$5000,MATCH($B48,'p-y mono_clay'!$C$27:$C$5000,1)))</f>
        <v>10630.118965680971</v>
      </c>
      <c r="T48">
        <f>IF($D48="SAND",INDEX('p-y sand'!$AG$27:$AG$5000,MATCH($B48,'p-y sand'!$C$27:$C$82,1)),INDEX('p-y mono_clay'!$AT$27:$AT$5000,MATCH($B48,'p-y mono_clay'!$C$27:$C$5000,1)))</f>
        <v>156</v>
      </c>
      <c r="U48">
        <f>IF($D48="SAND",INDEX('p-y sand'!$AU$27:$AU$5000,MATCH($B48,'p-y sand'!$C$27:$C$5000,1)),INDEX('p-y mono_clay'!$BH$27:$BH$5000,MATCH($B48,'p-y mono_clay'!$C$27:$C$5000,1)))</f>
        <v>12148.707389349682</v>
      </c>
      <c r="V48">
        <f>IF($D48="SAND",INDEX('p-y sand'!$AH$27:$AH$5000,MATCH($B48,'p-y sand'!$C$27:$C$82,1)),INDEX('p-y mono_clay'!$AU$27:$AU$5000,MATCH($B48,'p-y mono_clay'!$C$27:$C$5000,1)))</f>
        <v>240</v>
      </c>
      <c r="W48">
        <f>IF($D48="SAND",INDEX('p-y sand'!$AV$27:$AV$5000,MATCH($B48,'p-y sand'!$C$27:$C$5000,1)),INDEX('p-y mono_clay'!$BI$27:$BI$5000,MATCH($B48,'p-y mono_clay'!$C$27:$C$5000,1)))</f>
        <v>13667.295813018391</v>
      </c>
      <c r="X48">
        <f>IF($D48="SAND",INDEX('p-y sand'!$AI$27:$AI$5000,MATCH($B48,'p-y sand'!$C$27:$C$82,1)),INDEX('p-y mono_clay'!$AV$27:$AV$5000,MATCH($B48,'p-y mono_clay'!$C$27:$C$5000,1)))</f>
        <v>380</v>
      </c>
      <c r="Y48">
        <f>IF($D48="SAND",INDEX('p-y sand'!$AW$27:$AW$5000,MATCH($B48,'p-y sand'!$C$27:$C$5000,1)),INDEX('p-y mono_clay'!$BJ$27:$BJ$5000,MATCH($B48,'p-y mono_clay'!$C$27:$C$5000,1)))</f>
        <v>14806.237130769923</v>
      </c>
      <c r="Z48">
        <f>IF($D48="SAND",INDEX('p-y sand'!$AJ$27:$AJ$5000,MATCH($B48,'p-y sand'!$C$27:$C$82,1)),INDEX('p-y mono_clay'!$AW$27:$AW$5000,MATCH($B48,'p-y mono_clay'!$C$27:$C$5000,1)))</f>
        <v>600</v>
      </c>
      <c r="AA48">
        <f>IF($D48="SAND",INDEX('p-y sand'!$AX$27:$AX$5000,MATCH($B48,'p-y sand'!$C$27:$C$5000,1)),INDEX('p-y mono_clay'!$BK$27:$BK$5000,MATCH($B48,'p-y mono_clay'!$C$27:$C$5000,1)))</f>
        <v>15185.884236687101</v>
      </c>
      <c r="AB48">
        <f>IF($D48="SAND",INDEX('p-y sand'!$AK$27:$AK$5000,MATCH($B48,'p-y sand'!$C$27:$C$82,1)),INDEX('p-y mono_clay'!$AX$27:$AX$5000,MATCH($B48,'p-y mono_clay'!$C$27:$C$5000,1)))</f>
        <v>800</v>
      </c>
      <c r="AC48">
        <f>IF($D48="SAND",INDEX('p-y sand'!$AY$27:$AY$5000,MATCH($B48,'p-y sand'!$C$27:$C$5000,1)),INDEX('p-y mono_clay'!$BL$27:$BL$5000,MATCH($B48,'p-y mono_clay'!$C$27:$C$5000,1)))</f>
        <v>15185.884236687101</v>
      </c>
      <c r="AD48" s="98">
        <f>IF($D48="SAND",INDEX('p-y sand'!$AL$27:$AL$5000,MATCH($B48,'p-y sand'!$C$27:$C$82,1)),INDEX('p-y mono_clay'!$AY$27:$AY$5000,MATCH($B48,'p-y mono_clay'!$C$27:$C$5000,1)))</f>
        <v>6000</v>
      </c>
    </row>
    <row r="49" spans="1:30" x14ac:dyDescent="0.2">
      <c r="A49" s="214">
        <f t="shared" si="0"/>
        <v>-59.5</v>
      </c>
      <c r="B49" s="216">
        <f>'p-y mono_clay'!C70</f>
        <v>44</v>
      </c>
      <c r="C49">
        <f>INDEX('CPT Data'!$C$13:$C$20000,MATCH(B49,'CPT Data'!$B$13:$B$20000,1))</f>
        <v>43.99</v>
      </c>
      <c r="D49" s="216" t="str">
        <f>INDEX('CPT Data'!$P$13:$P$20000,MATCH(B49,'CPT Data'!$B$13:$B$20000,1))</f>
        <v>CLAY</v>
      </c>
      <c r="E49">
        <f>IF($D49="SAND",INDEX('p-y sand'!$AM$27:$AM$20000,MATCH($B49,'p-y sand'!$C$27:$C$20000,1)),INDEX('p-y mono_clay'!$AZ$27:$AZ$20000,MATCH($B49,'p-y mono_clay'!$C$27:$C$20000,1)))</f>
        <v>0</v>
      </c>
      <c r="F49">
        <f>IF($D49="SAND",INDEX('p-y sand'!$Z$27:$Z$5000,MATCH($B49,'p-y sand'!$C$27:$C$82,1)),INDEX('p-y mono_clay'!$AM$27:$AM$5000,MATCH($B49,'p-y mono_clay'!$C$27:$C$5000,1)))</f>
        <v>0</v>
      </c>
      <c r="G49">
        <f>IF($D49="SAND",INDEX('p-y sand'!$AN$27:$AN$5000,MATCH($B49,'p-y sand'!$C$27:$C$5000,1)),INDEX('p-y mono_clay'!$BA$27:$BA$5000,MATCH($B49,'p-y mono_clay'!$C$27:$C$5000,1)))</f>
        <v>680.06310152975118</v>
      </c>
      <c r="H49">
        <f>IF($D49="SAND",INDEX('p-y sand'!$AA$27:$AA$5000,MATCH($B49,'p-y sand'!$C$27:$C$82,1)),INDEX('p-y mono_clay'!$AN$27:$AN$5000,MATCH($B49,'p-y mono_clay'!$C$27:$C$5000,1)))</f>
        <v>0.96248487949179518</v>
      </c>
      <c r="I49">
        <f>IF($D49="SAND",INDEX('p-y sand'!$AO$27:$AO$5000,MATCH($B49,'p-y sand'!$C$27:$C$5000,1)),INDEX('p-y mono_clay'!$BB$27:$BB$5000,MATCH($B49,'p-y mono_clay'!$C$27:$C$5000,1)))</f>
        <v>2720.2524061190047</v>
      </c>
      <c r="J49">
        <f>IF($D49="SAND",INDEX('p-y sand'!$AB$27:$AB$5000,MATCH($B49,'p-y sand'!$C$27:$C$82,1)),INDEX('p-y mono_clay'!$AO$27:$AO$5000,MATCH($B49,'p-y mono_clay'!$C$27:$C$5000,1)))</f>
        <v>9.624848794917952</v>
      </c>
      <c r="K49">
        <f>IF($D49="SAND",INDEX('p-y sand'!$AP$27:$AP$5000,MATCH($B49,'p-y sand'!$C$27:$C$5000,1)),INDEX('p-y mono_clay'!$BC$27:$BC$5000,MATCH($B49,'p-y mono_clay'!$C$27:$C$5000,1)))</f>
        <v>4080.3786091785064</v>
      </c>
      <c r="L49">
        <f>IF($D49="SAND",INDEX('p-y sand'!$AC$27:$AC$5000,MATCH($B49,'p-y sand'!$C$27:$C$82,1)),INDEX('p-y mono_clay'!$AP$27:$AP$5000,MATCH($B49,'p-y mono_clay'!$C$27:$C$5000,1)))</f>
        <v>20.874546384753856</v>
      </c>
      <c r="M49">
        <f>IF($D49="SAND",INDEX('p-y sand'!$AQ$27:$AQ$5000,MATCH($B49,'p-y sand'!$C$27:$C$5000,1)),INDEX('p-y mono_clay'!$BD$27:$BD$5000,MATCH($B49,'p-y mono_clay'!$C$27:$C$5000,1)))</f>
        <v>5440.5048122380094</v>
      </c>
      <c r="N49">
        <f>IF($D49="SAND",INDEX('p-y sand'!$AD$27:$AD$5000,MATCH($B49,'p-y sand'!$C$27:$C$82,1)),INDEX('p-y mono_clay'!$AQ$27:$AQ$5000,MATCH($B49,'p-y mono_clay'!$C$27:$C$5000,1)))</f>
        <v>39.749092769507712</v>
      </c>
      <c r="O49">
        <f>IF($D49="SAND",INDEX('p-y sand'!$AR$27:$AR$5000,MATCH($B49,'p-y sand'!$C$27:$C$5000,1)),INDEX('p-y mono_clay'!$BE$27:$BE$5000,MATCH($B49,'p-y mono_clay'!$C$27:$C$5000,1)))</f>
        <v>6800.6310152975111</v>
      </c>
      <c r="P49">
        <f>IF($D49="SAND",INDEX('p-y sand'!$AE$27:$AE$5000,MATCH($B49,'p-y sand'!$C$27:$C$82,1)),INDEX('p-y mono_clay'!$AR$27:$AR$5000,MATCH($B49,'p-y mono_clay'!$C$27:$C$5000,1)))</f>
        <v>64.24848794917952</v>
      </c>
      <c r="Q49">
        <f>IF($D49="SAND",INDEX('p-y sand'!$AS$27:$AS$5000,MATCH($B49,'p-y sand'!$C$27:$C$5000,1)),INDEX('p-y mono_clay'!$BF$27:$BF$5000,MATCH($B49,'p-y mono_clay'!$C$27:$C$5000,1)))</f>
        <v>8160.7572183570128</v>
      </c>
      <c r="R49">
        <f>IF($D49="SAND",INDEX('p-y sand'!$AF$27:$AF$5000,MATCH($B49,'p-y sand'!$C$27:$C$82,1)),INDEX('p-y mono_clay'!$AS$27:$AS$5000,MATCH($B49,'p-y mono_clay'!$C$27:$C$5000,1)))</f>
        <v>97.997580718687217</v>
      </c>
      <c r="S49">
        <f>IF($D49="SAND",INDEX('p-y sand'!$AT$27:$AT$5000,MATCH($B49,'p-y sand'!$C$27:$C$5000,1)),INDEX('p-y mono_clay'!$BG$27:$BG$5000,MATCH($B49,'p-y mono_clay'!$C$27:$C$5000,1)))</f>
        <v>9520.8834214165145</v>
      </c>
      <c r="T49">
        <f>IF($D49="SAND",INDEX('p-y sand'!$AG$27:$AG$5000,MATCH($B49,'p-y sand'!$C$27:$C$82,1)),INDEX('p-y mono_clay'!$AT$27:$AT$5000,MATCH($B49,'p-y mono_clay'!$C$27:$C$5000,1)))</f>
        <v>147.37152228311291</v>
      </c>
      <c r="U49">
        <f>IF($D49="SAND",INDEX('p-y sand'!$AU$27:$AU$5000,MATCH($B49,'p-y sand'!$C$27:$C$5000,1)),INDEX('p-y mono_clay'!$BH$27:$BH$5000,MATCH($B49,'p-y mono_clay'!$C$27:$C$5000,1)))</f>
        <v>10881.009624476019</v>
      </c>
      <c r="V49">
        <f>IF($D49="SAND",INDEX('p-y sand'!$AH$27:$AH$5000,MATCH($B49,'p-y sand'!$C$27:$C$82,1)),INDEX('p-y mono_clay'!$AU$27:$AU$5000,MATCH($B49,'p-y mono_clay'!$C$27:$C$5000,1)))</f>
        <v>226.49455661704627</v>
      </c>
      <c r="W49">
        <f>IF($D49="SAND",INDEX('p-y sand'!$AV$27:$AV$5000,MATCH($B49,'p-y sand'!$C$27:$C$5000,1)),INDEX('p-y mono_clay'!$BI$27:$BI$5000,MATCH($B49,'p-y mono_clay'!$C$27:$C$5000,1)))</f>
        <v>12241.13582753552</v>
      </c>
      <c r="X49">
        <f>IF($D49="SAND",INDEX('p-y sand'!$AI$27:$AI$5000,MATCH($B49,'p-y sand'!$C$27:$C$82,1)),INDEX('p-y mono_clay'!$AV$27:$AV$5000,MATCH($B49,'p-y mono_clay'!$C$27:$C$5000,1)))</f>
        <v>361.24243974589757</v>
      </c>
      <c r="Y49">
        <f>IF($D49="SAND",INDEX('p-y sand'!$AW$27:$AW$5000,MATCH($B49,'p-y sand'!$C$27:$C$5000,1)),INDEX('p-y mono_clay'!$BJ$27:$BJ$5000,MATCH($B49,'p-y mono_clay'!$C$27:$C$5000,1)))</f>
        <v>13261.230479830147</v>
      </c>
      <c r="Z49">
        <f>IF($D49="SAND",INDEX('p-y sand'!$AJ$27:$AJ$5000,MATCH($B49,'p-y sand'!$C$27:$C$82,1)),INDEX('p-y mono_clay'!$AW$27:$AW$5000,MATCH($B49,'p-y mono_clay'!$C$27:$C$5000,1)))</f>
        <v>573.73941564425661</v>
      </c>
      <c r="AA49">
        <f>IF($D49="SAND",INDEX('p-y sand'!$AX$27:$AX$5000,MATCH($B49,'p-y sand'!$C$27:$C$5000,1)),INDEX('p-y mono_clay'!$BK$27:$BK$5000,MATCH($B49,'p-y mono_clay'!$C$27:$C$5000,1)))</f>
        <v>13601.262030595022</v>
      </c>
      <c r="AB49">
        <f>IF($D49="SAND",INDEX('p-y sand'!$AK$27:$AK$5000,MATCH($B49,'p-y sand'!$C$27:$C$82,1)),INDEX('p-y mono_clay'!$AX$27:$AX$5000,MATCH($B49,'p-y mono_clay'!$C$27:$C$5000,1)))</f>
        <v>762.48487949179514</v>
      </c>
      <c r="AC49">
        <f>IF($D49="SAND",INDEX('p-y sand'!$AY$27:$AY$5000,MATCH($B49,'p-y sand'!$C$27:$C$5000,1)),INDEX('p-y mono_clay'!$BL$27:$BL$5000,MATCH($B49,'p-y mono_clay'!$C$27:$C$5000,1)))</f>
        <v>13601.262030595022</v>
      </c>
      <c r="AD49" s="98">
        <f>IF($D49="SAND",INDEX('p-y sand'!$AL$27:$AL$5000,MATCH($B49,'p-y sand'!$C$27:$C$82,1)),INDEX('p-y mono_clay'!$AY$27:$AY$5000,MATCH($B49,'p-y mono_clay'!$C$27:$C$5000,1)))</f>
        <v>6000</v>
      </c>
    </row>
    <row r="50" spans="1:30" x14ac:dyDescent="0.2">
      <c r="A50" s="214">
        <f t="shared" si="0"/>
        <v>-60.5</v>
      </c>
      <c r="B50" s="216">
        <f>'p-y mono_clay'!C71</f>
        <v>45</v>
      </c>
      <c r="C50">
        <f>INDEX('CPT Data'!$C$13:$C$20000,MATCH(B50,'CPT Data'!$B$13:$B$20000,1))</f>
        <v>44.991</v>
      </c>
      <c r="D50" s="216" t="str">
        <f>INDEX('CPT Data'!$P$13:$P$20000,MATCH(B50,'CPT Data'!$B$13:$B$20000,1))</f>
        <v>CLAY</v>
      </c>
      <c r="E50">
        <f>IF($D50="SAND",INDEX('p-y sand'!$AM$27:$AM$20000,MATCH($B50,'p-y sand'!$C$27:$C$20000,1)),INDEX('p-y mono_clay'!$AZ$27:$AZ$20000,MATCH($B50,'p-y mono_clay'!$C$27:$C$20000,1)))</f>
        <v>0</v>
      </c>
      <c r="F50">
        <f>IF($D50="SAND",INDEX('p-y sand'!$Z$27:$Z$5000,MATCH($B50,'p-y sand'!$C$27:$C$82,1)),INDEX('p-y mono_clay'!$AM$27:$AM$5000,MATCH($B50,'p-y mono_clay'!$C$27:$C$5000,1)))</f>
        <v>0</v>
      </c>
      <c r="G50">
        <f>IF($D50="SAND",INDEX('p-y sand'!$AN$27:$AN$5000,MATCH($B50,'p-y sand'!$C$27:$C$5000,1)),INDEX('p-y mono_clay'!$BA$27:$BA$5000,MATCH($B50,'p-y mono_clay'!$C$27:$C$5000,1)))</f>
        <v>534.0104687269162</v>
      </c>
      <c r="H50">
        <f>IF($D50="SAND",INDEX('p-y sand'!$AA$27:$AA$5000,MATCH($B50,'p-y sand'!$C$27:$C$82,1)),INDEX('p-y mono_clay'!$AN$27:$AN$5000,MATCH($B50,'p-y mono_clay'!$C$27:$C$5000,1)))</f>
        <v>0.87847307114435991</v>
      </c>
      <c r="I50">
        <f>IF($D50="SAND",INDEX('p-y sand'!$AO$27:$AO$5000,MATCH($B50,'p-y sand'!$C$27:$C$5000,1)),INDEX('p-y mono_clay'!$BB$27:$BB$5000,MATCH($B50,'p-y mono_clay'!$C$27:$C$5000,1)))</f>
        <v>2136.0418749076648</v>
      </c>
      <c r="J50">
        <f>IF($D50="SAND",INDEX('p-y sand'!$AB$27:$AB$5000,MATCH($B50,'p-y sand'!$C$27:$C$82,1)),INDEX('p-y mono_clay'!$AO$27:$AO$5000,MATCH($B50,'p-y mono_clay'!$C$27:$C$5000,1)))</f>
        <v>8.7847307114436006</v>
      </c>
      <c r="K50">
        <f>IF($D50="SAND",INDEX('p-y sand'!$AP$27:$AP$5000,MATCH($B50,'p-y sand'!$C$27:$C$5000,1)),INDEX('p-y mono_clay'!$BC$27:$BC$5000,MATCH($B50,'p-y mono_clay'!$C$27:$C$5000,1)))</f>
        <v>3204.0628123614965</v>
      </c>
      <c r="L50">
        <f>IF($D50="SAND",INDEX('p-y sand'!$AC$27:$AC$5000,MATCH($B50,'p-y sand'!$C$27:$C$82,1)),INDEX('p-y mono_clay'!$AP$27:$AP$5000,MATCH($B50,'p-y mono_clay'!$C$27:$C$5000,1)))</f>
        <v>18.354192134330795</v>
      </c>
      <c r="M50">
        <f>IF($D50="SAND",INDEX('p-y sand'!$AQ$27:$AQ$5000,MATCH($B50,'p-y sand'!$C$27:$C$5000,1)),INDEX('p-y mono_clay'!$BD$27:$BD$5000,MATCH($B50,'p-y mono_clay'!$C$27:$C$5000,1)))</f>
        <v>4272.0837498153296</v>
      </c>
      <c r="N50">
        <f>IF($D50="SAND",INDEX('p-y sand'!$AD$27:$AD$5000,MATCH($B50,'p-y sand'!$C$27:$C$82,1)),INDEX('p-y mono_clay'!$AQ$27:$AQ$5000,MATCH($B50,'p-y mono_clay'!$C$27:$C$5000,1)))</f>
        <v>34.708384268661604</v>
      </c>
      <c r="O50">
        <f>IF($D50="SAND",INDEX('p-y sand'!$AR$27:$AR$5000,MATCH($B50,'p-y sand'!$C$27:$C$5000,1)),INDEX('p-y mono_clay'!$BE$27:$BE$5000,MATCH($B50,'p-y mono_clay'!$C$27:$C$5000,1)))</f>
        <v>5340.1046872691613</v>
      </c>
      <c r="P50">
        <f>IF($D50="SAND",INDEX('p-y sand'!$AE$27:$AE$5000,MATCH($B50,'p-y sand'!$C$27:$C$82,1)),INDEX('p-y mono_clay'!$AR$27:$AR$5000,MATCH($B50,'p-y mono_clay'!$C$27:$C$5000,1)))</f>
        <v>55.847307114435992</v>
      </c>
      <c r="Q50">
        <f>IF($D50="SAND",INDEX('p-y sand'!$AS$27:$AS$5000,MATCH($B50,'p-y sand'!$C$27:$C$5000,1)),INDEX('p-y mono_clay'!$BF$27:$BF$5000,MATCH($B50,'p-y mono_clay'!$C$27:$C$5000,1)))</f>
        <v>6408.1256247229931</v>
      </c>
      <c r="R50">
        <f>IF($D50="SAND",INDEX('p-y sand'!$AF$27:$AF$5000,MATCH($B50,'p-y sand'!$C$27:$C$82,1)),INDEX('p-y mono_clay'!$AS$27:$AS$5000,MATCH($B50,'p-y mono_clay'!$C$27:$C$5000,1)))</f>
        <v>84.555691383097582</v>
      </c>
      <c r="S50">
        <f>IF($D50="SAND",INDEX('p-y sand'!$AT$27:$AT$5000,MATCH($B50,'p-y sand'!$C$27:$C$5000,1)),INDEX('p-y mono_clay'!$BG$27:$BG$5000,MATCH($B50,'p-y mono_clay'!$C$27:$C$5000,1)))</f>
        <v>7476.1465621768257</v>
      </c>
      <c r="T50">
        <f>IF($D50="SAND",INDEX('p-y sand'!$AG$27:$AG$5000,MATCH($B50,'p-y sand'!$C$27:$C$82,1)),INDEX('p-y mono_clay'!$AT$27:$AT$5000,MATCH($B50,'p-y mono_clay'!$C$27:$C$5000,1)))</f>
        <v>128.0488063632028</v>
      </c>
      <c r="U50">
        <f>IF($D50="SAND",INDEX('p-y sand'!$AU$27:$AU$5000,MATCH($B50,'p-y sand'!$C$27:$C$5000,1)),INDEX('p-y mono_clay'!$BH$27:$BH$5000,MATCH($B50,'p-y mono_clay'!$C$27:$C$5000,1)))</f>
        <v>8544.1674996306592</v>
      </c>
      <c r="V50">
        <f>IF($D50="SAND",INDEX('p-y sand'!$AH$27:$AH$5000,MATCH($B50,'p-y sand'!$C$27:$C$82,1)),INDEX('p-y mono_clay'!$AU$27:$AU$5000,MATCH($B50,'p-y mono_clay'!$C$27:$C$5000,1)))</f>
        <v>196.25030561196959</v>
      </c>
      <c r="W50">
        <f>IF($D50="SAND",INDEX('p-y sand'!$AV$27:$AV$5000,MATCH($B50,'p-y sand'!$C$27:$C$5000,1)),INDEX('p-y mono_clay'!$BI$27:$BI$5000,MATCH($B50,'p-y mono_clay'!$C$27:$C$5000,1)))</f>
        <v>9612.1884370844909</v>
      </c>
      <c r="X50">
        <f>IF($D50="SAND",INDEX('p-y sand'!$AI$27:$AI$5000,MATCH($B50,'p-y sand'!$C$27:$C$82,1)),INDEX('p-y mono_clay'!$AV$27:$AV$5000,MATCH($B50,'p-y mono_clay'!$C$27:$C$5000,1)))</f>
        <v>319.23653557217995</v>
      </c>
      <c r="Y50">
        <f>IF($D50="SAND",INDEX('p-y sand'!$AW$27:$AW$5000,MATCH($B50,'p-y sand'!$C$27:$C$5000,1)),INDEX('p-y mono_clay'!$BJ$27:$BJ$5000,MATCH($B50,'p-y mono_clay'!$C$27:$C$5000,1)))</f>
        <v>10413.204140174865</v>
      </c>
      <c r="Z50">
        <f>IF($D50="SAND",INDEX('p-y sand'!$AJ$27:$AJ$5000,MATCH($B50,'p-y sand'!$C$27:$C$82,1)),INDEX('p-y mono_clay'!$AW$27:$AW$5000,MATCH($B50,'p-y mono_clay'!$C$27:$C$5000,1)))</f>
        <v>514.9311498010519</v>
      </c>
      <c r="AA50">
        <f>IF($D50="SAND",INDEX('p-y sand'!$AX$27:$AX$5000,MATCH($B50,'p-y sand'!$C$27:$C$5000,1)),INDEX('p-y mono_clay'!$BK$27:$BK$5000,MATCH($B50,'p-y mono_clay'!$C$27:$C$5000,1)))</f>
        <v>10680.209374538323</v>
      </c>
      <c r="AB50">
        <f>IF($D50="SAND",INDEX('p-y sand'!$AK$27:$AK$5000,MATCH($B50,'p-y sand'!$C$27:$C$82,1)),INDEX('p-y mono_clay'!$AX$27:$AX$5000,MATCH($B50,'p-y mono_clay'!$C$27:$C$5000,1)))</f>
        <v>678.47307114435989</v>
      </c>
      <c r="AC50">
        <f>IF($D50="SAND",INDEX('p-y sand'!$AY$27:$AY$5000,MATCH($B50,'p-y sand'!$C$27:$C$5000,1)),INDEX('p-y mono_clay'!$BL$27:$BL$5000,MATCH($B50,'p-y mono_clay'!$C$27:$C$5000,1)))</f>
        <v>10680.209374538323</v>
      </c>
      <c r="AD50" s="98">
        <f>IF($D50="SAND",INDEX('p-y sand'!$AL$27:$AL$5000,MATCH($B50,'p-y sand'!$C$27:$C$82,1)),INDEX('p-y mono_clay'!$AY$27:$AY$5000,MATCH($B50,'p-y mono_clay'!$C$27:$C$5000,1)))</f>
        <v>6000</v>
      </c>
    </row>
    <row r="51" spans="1:30" x14ac:dyDescent="0.2">
      <c r="A51" s="214">
        <f t="shared" si="0"/>
        <v>-61.5</v>
      </c>
      <c r="B51" s="216">
        <f>'p-y mono_clay'!C72</f>
        <v>46</v>
      </c>
      <c r="C51">
        <f>INDEX('CPT Data'!$C$13:$C$20000,MATCH(B51,'CPT Data'!$B$13:$B$20000,1))</f>
        <v>45.989000000000004</v>
      </c>
      <c r="D51" s="216" t="str">
        <f>INDEX('CPT Data'!$P$13:$P$20000,MATCH(B51,'CPT Data'!$B$13:$B$20000,1))</f>
        <v>CLAY</v>
      </c>
      <c r="E51">
        <f>IF($D51="SAND",INDEX('p-y sand'!$AM$27:$AM$20000,MATCH($B51,'p-y sand'!$C$27:$C$20000,1)),INDEX('p-y mono_clay'!$AZ$27:$AZ$20000,MATCH($B51,'p-y mono_clay'!$C$27:$C$20000,1)))</f>
        <v>0</v>
      </c>
      <c r="F51">
        <f>IF($D51="SAND",INDEX('p-y sand'!$Z$27:$Z$5000,MATCH($B51,'p-y sand'!$C$27:$C$82,1)),INDEX('p-y mono_clay'!$AM$27:$AM$5000,MATCH($B51,'p-y mono_clay'!$C$27:$C$5000,1)))</f>
        <v>0</v>
      </c>
      <c r="G51">
        <f>IF($D51="SAND",INDEX('p-y sand'!$AN$27:$AN$5000,MATCH($B51,'p-y sand'!$C$27:$C$5000,1)),INDEX('p-y mono_clay'!$BA$27:$BA$5000,MATCH($B51,'p-y mono_clay'!$C$27:$C$5000,1)))</f>
        <v>879.12310608307325</v>
      </c>
      <c r="H51">
        <f>IF($D51="SAND",INDEX('p-y sand'!$AA$27:$AA$5000,MATCH($B51,'p-y sand'!$C$27:$C$82,1)),INDEX('p-y mono_clay'!$AN$27:$AN$5000,MATCH($B51,'p-y mono_clay'!$C$27:$C$5000,1)))</f>
        <v>1</v>
      </c>
      <c r="I51">
        <f>IF($D51="SAND",INDEX('p-y sand'!$AO$27:$AO$5000,MATCH($B51,'p-y sand'!$C$27:$C$5000,1)),INDEX('p-y mono_clay'!$BB$27:$BB$5000,MATCH($B51,'p-y mono_clay'!$C$27:$C$5000,1)))</f>
        <v>3516.492424332293</v>
      </c>
      <c r="J51">
        <f>IF($D51="SAND",INDEX('p-y sand'!$AB$27:$AB$5000,MATCH($B51,'p-y sand'!$C$27:$C$82,1)),INDEX('p-y mono_clay'!$AO$27:$AO$5000,MATCH($B51,'p-y mono_clay'!$C$27:$C$5000,1)))</f>
        <v>10</v>
      </c>
      <c r="K51">
        <f>IF($D51="SAND",INDEX('p-y sand'!$AP$27:$AP$5000,MATCH($B51,'p-y sand'!$C$27:$C$5000,1)),INDEX('p-y mono_clay'!$BC$27:$BC$5000,MATCH($B51,'p-y mono_clay'!$C$27:$C$5000,1)))</f>
        <v>5274.7386364984395</v>
      </c>
      <c r="L51">
        <f>IF($D51="SAND",INDEX('p-y sand'!$AC$27:$AC$5000,MATCH($B51,'p-y sand'!$C$27:$C$82,1)),INDEX('p-y mono_clay'!$AP$27:$AP$5000,MATCH($B51,'p-y mono_clay'!$C$27:$C$5000,1)))</f>
        <v>22</v>
      </c>
      <c r="M51">
        <f>IF($D51="SAND",INDEX('p-y sand'!$AQ$27:$AQ$5000,MATCH($B51,'p-y sand'!$C$27:$C$5000,1)),INDEX('p-y mono_clay'!$BD$27:$BD$5000,MATCH($B51,'p-y mono_clay'!$C$27:$C$5000,1)))</f>
        <v>7032.984848664586</v>
      </c>
      <c r="N51">
        <f>IF($D51="SAND",INDEX('p-y sand'!$AD$27:$AD$5000,MATCH($B51,'p-y sand'!$C$27:$C$82,1)),INDEX('p-y mono_clay'!$AQ$27:$AQ$5000,MATCH($B51,'p-y mono_clay'!$C$27:$C$5000,1)))</f>
        <v>42</v>
      </c>
      <c r="O51">
        <f>IF($D51="SAND",INDEX('p-y sand'!$AR$27:$AR$5000,MATCH($B51,'p-y sand'!$C$27:$C$5000,1)),INDEX('p-y mono_clay'!$BE$27:$BE$5000,MATCH($B51,'p-y mono_clay'!$C$27:$C$5000,1)))</f>
        <v>8791.2310608307325</v>
      </c>
      <c r="P51">
        <f>IF($D51="SAND",INDEX('p-y sand'!$AE$27:$AE$5000,MATCH($B51,'p-y sand'!$C$27:$C$82,1)),INDEX('p-y mono_clay'!$AR$27:$AR$5000,MATCH($B51,'p-y mono_clay'!$C$27:$C$5000,1)))</f>
        <v>68</v>
      </c>
      <c r="Q51">
        <f>IF($D51="SAND",INDEX('p-y sand'!$AS$27:$AS$5000,MATCH($B51,'p-y sand'!$C$27:$C$5000,1)),INDEX('p-y mono_clay'!$BF$27:$BF$5000,MATCH($B51,'p-y mono_clay'!$C$27:$C$5000,1)))</f>
        <v>10549.477272996879</v>
      </c>
      <c r="R51">
        <f>IF($D51="SAND",INDEX('p-y sand'!$AF$27:$AF$5000,MATCH($B51,'p-y sand'!$C$27:$C$82,1)),INDEX('p-y mono_clay'!$AS$27:$AS$5000,MATCH($B51,'p-y mono_clay'!$C$27:$C$5000,1)))</f>
        <v>104</v>
      </c>
      <c r="S51">
        <f>IF($D51="SAND",INDEX('p-y sand'!$AT$27:$AT$5000,MATCH($B51,'p-y sand'!$C$27:$C$5000,1)),INDEX('p-y mono_clay'!$BG$27:$BG$5000,MATCH($B51,'p-y mono_clay'!$C$27:$C$5000,1)))</f>
        <v>12307.723485163026</v>
      </c>
      <c r="T51">
        <f>IF($D51="SAND",INDEX('p-y sand'!$AG$27:$AG$5000,MATCH($B51,'p-y sand'!$C$27:$C$82,1)),INDEX('p-y mono_clay'!$AT$27:$AT$5000,MATCH($B51,'p-y mono_clay'!$C$27:$C$5000,1)))</f>
        <v>156</v>
      </c>
      <c r="U51">
        <f>IF($D51="SAND",INDEX('p-y sand'!$AU$27:$AU$5000,MATCH($B51,'p-y sand'!$C$27:$C$5000,1)),INDEX('p-y mono_clay'!$BH$27:$BH$5000,MATCH($B51,'p-y mono_clay'!$C$27:$C$5000,1)))</f>
        <v>14065.969697329172</v>
      </c>
      <c r="V51">
        <f>IF($D51="SAND",INDEX('p-y sand'!$AH$27:$AH$5000,MATCH($B51,'p-y sand'!$C$27:$C$82,1)),INDEX('p-y mono_clay'!$AU$27:$AU$5000,MATCH($B51,'p-y mono_clay'!$C$27:$C$5000,1)))</f>
        <v>240</v>
      </c>
      <c r="W51">
        <f>IF($D51="SAND",INDEX('p-y sand'!$AV$27:$AV$5000,MATCH($B51,'p-y sand'!$C$27:$C$5000,1)),INDEX('p-y mono_clay'!$BI$27:$BI$5000,MATCH($B51,'p-y mono_clay'!$C$27:$C$5000,1)))</f>
        <v>15824.215909495319</v>
      </c>
      <c r="X51">
        <f>IF($D51="SAND",INDEX('p-y sand'!$AI$27:$AI$5000,MATCH($B51,'p-y sand'!$C$27:$C$82,1)),INDEX('p-y mono_clay'!$AV$27:$AV$5000,MATCH($B51,'p-y mono_clay'!$C$27:$C$5000,1)))</f>
        <v>380</v>
      </c>
      <c r="Y51">
        <f>IF($D51="SAND",INDEX('p-y sand'!$AW$27:$AW$5000,MATCH($B51,'p-y sand'!$C$27:$C$5000,1)),INDEX('p-y mono_clay'!$BJ$27:$BJ$5000,MATCH($B51,'p-y mono_clay'!$C$27:$C$5000,1)))</f>
        <v>17142.900568619927</v>
      </c>
      <c r="Z51">
        <f>IF($D51="SAND",INDEX('p-y sand'!$AJ$27:$AJ$5000,MATCH($B51,'p-y sand'!$C$27:$C$82,1)),INDEX('p-y mono_clay'!$AW$27:$AW$5000,MATCH($B51,'p-y mono_clay'!$C$27:$C$5000,1)))</f>
        <v>600</v>
      </c>
      <c r="AA51">
        <f>IF($D51="SAND",INDEX('p-y sand'!$AX$27:$AX$5000,MATCH($B51,'p-y sand'!$C$27:$C$5000,1)),INDEX('p-y mono_clay'!$BK$27:$BK$5000,MATCH($B51,'p-y mono_clay'!$C$27:$C$5000,1)))</f>
        <v>17582.462121661465</v>
      </c>
      <c r="AB51">
        <f>IF($D51="SAND",INDEX('p-y sand'!$AK$27:$AK$5000,MATCH($B51,'p-y sand'!$C$27:$C$82,1)),INDEX('p-y mono_clay'!$AX$27:$AX$5000,MATCH($B51,'p-y mono_clay'!$C$27:$C$5000,1)))</f>
        <v>800</v>
      </c>
      <c r="AC51">
        <f>IF($D51="SAND",INDEX('p-y sand'!$AY$27:$AY$5000,MATCH($B51,'p-y sand'!$C$27:$C$5000,1)),INDEX('p-y mono_clay'!$BL$27:$BL$5000,MATCH($B51,'p-y mono_clay'!$C$27:$C$5000,1)))</f>
        <v>17582.462121661465</v>
      </c>
      <c r="AD51" s="98">
        <f>IF($D51="SAND",INDEX('p-y sand'!$AL$27:$AL$5000,MATCH($B51,'p-y sand'!$C$27:$C$82,1)),INDEX('p-y mono_clay'!$AY$27:$AY$5000,MATCH($B51,'p-y mono_clay'!$C$27:$C$5000,1)))</f>
        <v>6000</v>
      </c>
    </row>
    <row r="52" spans="1:30" x14ac:dyDescent="0.2">
      <c r="A52" s="214">
        <f t="shared" si="0"/>
        <v>-62.5</v>
      </c>
      <c r="B52" s="216">
        <f>'p-y mono_clay'!C73</f>
        <v>47</v>
      </c>
      <c r="C52">
        <f>INDEX('CPT Data'!$C$13:$C$20000,MATCH(B52,'CPT Data'!$B$13:$B$20000,1))</f>
        <v>46.992000000000004</v>
      </c>
      <c r="D52" s="216" t="str">
        <f>INDEX('CPT Data'!$P$13:$P$20000,MATCH(B52,'CPT Data'!$B$13:$B$20000,1))</f>
        <v>CLAY</v>
      </c>
      <c r="E52">
        <f>IF($D52="SAND",INDEX('p-y sand'!$AM$27:$AM$20000,MATCH($B52,'p-y sand'!$C$27:$C$20000,1)),INDEX('p-y mono_clay'!$AZ$27:$AZ$20000,MATCH($B52,'p-y mono_clay'!$C$27:$C$20000,1)))</f>
        <v>0</v>
      </c>
      <c r="F52">
        <f>IF($D52="SAND",INDEX('p-y sand'!$Z$27:$Z$5000,MATCH($B52,'p-y sand'!$C$27:$C$82,1)),INDEX('p-y mono_clay'!$AM$27:$AM$5000,MATCH($B52,'p-y mono_clay'!$C$27:$C$5000,1)))</f>
        <v>0</v>
      </c>
      <c r="G52">
        <f>IF($D52="SAND",INDEX('p-y sand'!$AN$27:$AN$5000,MATCH($B52,'p-y sand'!$C$27:$C$5000,1)),INDEX('p-y mono_clay'!$BA$27:$BA$5000,MATCH($B52,'p-y mono_clay'!$C$27:$C$5000,1)))</f>
        <v>303.00387923183177</v>
      </c>
      <c r="H52">
        <f>IF($D52="SAND",INDEX('p-y sand'!$AA$27:$AA$5000,MATCH($B52,'p-y sand'!$C$27:$C$82,1)),INDEX('p-y mono_clay'!$AN$27:$AN$5000,MATCH($B52,'p-y mono_clay'!$C$27:$C$5000,1)))</f>
        <v>0.68946951740323947</v>
      </c>
      <c r="I52">
        <f>IF($D52="SAND",INDEX('p-y sand'!$AO$27:$AO$5000,MATCH($B52,'p-y sand'!$C$27:$C$5000,1)),INDEX('p-y mono_clay'!$BB$27:$BB$5000,MATCH($B52,'p-y mono_clay'!$C$27:$C$5000,1)))</f>
        <v>1212.0155169273271</v>
      </c>
      <c r="J52">
        <f>IF($D52="SAND",INDEX('p-y sand'!$AB$27:$AB$5000,MATCH($B52,'p-y sand'!$C$27:$C$82,1)),INDEX('p-y mono_clay'!$AO$27:$AO$5000,MATCH($B52,'p-y mono_clay'!$C$27:$C$5000,1)))</f>
        <v>6.8946951740323943</v>
      </c>
      <c r="K52">
        <f>IF($D52="SAND",INDEX('p-y sand'!$AP$27:$AP$5000,MATCH($B52,'p-y sand'!$C$27:$C$5000,1)),INDEX('p-y mono_clay'!$BC$27:$BC$5000,MATCH($B52,'p-y mono_clay'!$C$27:$C$5000,1)))</f>
        <v>1818.0232753909904</v>
      </c>
      <c r="L52">
        <f>IF($D52="SAND",INDEX('p-y sand'!$AC$27:$AC$5000,MATCH($B52,'p-y sand'!$C$27:$C$82,1)),INDEX('p-y mono_clay'!$AP$27:$AP$5000,MATCH($B52,'p-y mono_clay'!$C$27:$C$5000,1)))</f>
        <v>13.015676969887464</v>
      </c>
      <c r="M52">
        <f>IF($D52="SAND",INDEX('p-y sand'!$AQ$27:$AQ$5000,MATCH($B52,'p-y sand'!$C$27:$C$5000,1)),INDEX('p-y mono_clay'!$BD$27:$BD$5000,MATCH($B52,'p-y mono_clay'!$C$27:$C$5000,1)))</f>
        <v>2424.0310338546542</v>
      </c>
      <c r="N52">
        <f>IF($D52="SAND",INDEX('p-y sand'!$AD$27:$AD$5000,MATCH($B52,'p-y sand'!$C$27:$C$82,1)),INDEX('p-y mono_clay'!$AQ$27:$AQ$5000,MATCH($B52,'p-y mono_clay'!$C$27:$C$5000,1)))</f>
        <v>23.368171044194362</v>
      </c>
      <c r="O52">
        <f>IF($D52="SAND",INDEX('p-y sand'!$AR$27:$AR$5000,MATCH($B52,'p-y sand'!$C$27:$C$5000,1)),INDEX('p-y mono_clay'!$BE$27:$BE$5000,MATCH($B52,'p-y mono_clay'!$C$27:$C$5000,1)))</f>
        <v>3030.0387923183175</v>
      </c>
      <c r="P52">
        <f>IF($D52="SAND",INDEX('p-y sand'!$AE$27:$AE$5000,MATCH($B52,'p-y sand'!$C$27:$C$82,1)),INDEX('p-y mono_clay'!$AR$27:$AR$5000,MATCH($B52,'p-y mono_clay'!$C$27:$C$5000,1)))</f>
        <v>36.946951740323946</v>
      </c>
      <c r="Q52">
        <f>IF($D52="SAND",INDEX('p-y sand'!$AS$27:$AS$5000,MATCH($B52,'p-y sand'!$C$27:$C$5000,1)),INDEX('p-y mono_clay'!$BF$27:$BF$5000,MATCH($B52,'p-y mono_clay'!$C$27:$C$5000,1)))</f>
        <v>3636.0465507819808</v>
      </c>
      <c r="R52">
        <f>IF($D52="SAND",INDEX('p-y sand'!$AF$27:$AF$5000,MATCH($B52,'p-y sand'!$C$27:$C$82,1)),INDEX('p-y mono_clay'!$AS$27:$AS$5000,MATCH($B52,'p-y mono_clay'!$C$27:$C$5000,1)))</f>
        <v>56.525732436453517</v>
      </c>
      <c r="S52">
        <f>IF($D52="SAND",INDEX('p-y sand'!$AT$27:$AT$5000,MATCH($B52,'p-y sand'!$C$27:$C$5000,1)),INDEX('p-y mono_clay'!$BG$27:$BG$5000,MATCH($B52,'p-y mono_clay'!$C$27:$C$5000,1)))</f>
        <v>4242.0543092456446</v>
      </c>
      <c r="T52">
        <f>IF($D52="SAND",INDEX('p-y sand'!$AG$27:$AG$5000,MATCH($B52,'p-y sand'!$C$27:$C$82,1)),INDEX('p-y mono_clay'!$AT$27:$AT$5000,MATCH($B52,'p-y mono_clay'!$C$27:$C$5000,1)))</f>
        <v>84.577989002745056</v>
      </c>
      <c r="U52">
        <f>IF($D52="SAND",INDEX('p-y sand'!$AU$27:$AU$5000,MATCH($B52,'p-y sand'!$C$27:$C$5000,1)),INDEX('p-y mono_clay'!$BH$27:$BH$5000,MATCH($B52,'p-y mono_clay'!$C$27:$C$5000,1)))</f>
        <v>4848.0620677093084</v>
      </c>
      <c r="V52">
        <f>IF($D52="SAND",INDEX('p-y sand'!$AH$27:$AH$5000,MATCH($B52,'p-y sand'!$C$27:$C$82,1)),INDEX('p-y mono_clay'!$AU$27:$AU$5000,MATCH($B52,'p-y mono_clay'!$C$27:$C$5000,1)))</f>
        <v>130.41963591710143</v>
      </c>
      <c r="W52">
        <f>IF($D52="SAND",INDEX('p-y sand'!$AV$27:$AV$5000,MATCH($B52,'p-y sand'!$C$27:$C$5000,1)),INDEX('p-y mono_clay'!$BI$27:$BI$5000,MATCH($B52,'p-y mono_clay'!$C$27:$C$5000,1)))</f>
        <v>5454.0698261729713</v>
      </c>
      <c r="X52">
        <f>IF($D52="SAND",INDEX('p-y sand'!$AI$27:$AI$5000,MATCH($B52,'p-y sand'!$C$27:$C$82,1)),INDEX('p-y mono_clay'!$AV$27:$AV$5000,MATCH($B52,'p-y mono_clay'!$C$27:$C$5000,1)))</f>
        <v>215.89232009387891</v>
      </c>
      <c r="Y52">
        <f>IF($D52="SAND",INDEX('p-y sand'!$AW$27:$AW$5000,MATCH($B52,'p-y sand'!$C$27:$C$5000,1)),INDEX('p-y mono_clay'!$BJ$27:$BJ$5000,MATCH($B52,'p-y mono_clay'!$C$27:$C$5000,1)))</f>
        <v>5908.5756450207191</v>
      </c>
      <c r="Z52">
        <f>IF($D52="SAND",INDEX('p-y sand'!$AJ$27:$AJ$5000,MATCH($B52,'p-y sand'!$C$27:$C$82,1)),INDEX('p-y mono_clay'!$AW$27:$AW$5000,MATCH($B52,'p-y mono_clay'!$C$27:$C$5000,1)))</f>
        <v>371.57561392259151</v>
      </c>
      <c r="AA52">
        <f>IF($D52="SAND",INDEX('p-y sand'!$AX$27:$AX$5000,MATCH($B52,'p-y sand'!$C$27:$C$5000,1)),INDEX('p-y mono_clay'!$BK$27:$BK$5000,MATCH($B52,'p-y mono_clay'!$C$27:$C$5000,1)))</f>
        <v>6060.077584636635</v>
      </c>
      <c r="AB52">
        <f>IF($D52="SAND",INDEX('p-y sand'!$AK$27:$AK$5000,MATCH($B52,'p-y sand'!$C$27:$C$82,1)),INDEX('p-y mono_clay'!$AX$27:$AX$5000,MATCH($B52,'p-y mono_clay'!$C$27:$C$5000,1)))</f>
        <v>544.73475870161974</v>
      </c>
      <c r="AC52">
        <f>IF($D52="SAND",INDEX('p-y sand'!$AY$27:$AY$5000,MATCH($B52,'p-y sand'!$C$27:$C$5000,1)),INDEX('p-y mono_clay'!$BL$27:$BL$5000,MATCH($B52,'p-y mono_clay'!$C$27:$C$5000,1)))</f>
        <v>6060.077584636635</v>
      </c>
      <c r="AD52" s="98">
        <f>IF($D52="SAND",INDEX('p-y sand'!$AL$27:$AL$5000,MATCH($B52,'p-y sand'!$C$27:$C$82,1)),INDEX('p-y mono_clay'!$AY$27:$AY$5000,MATCH($B52,'p-y mono_clay'!$C$27:$C$5000,1)))</f>
        <v>6000</v>
      </c>
    </row>
    <row r="53" spans="1:30" x14ac:dyDescent="0.2">
      <c r="A53" s="214">
        <f t="shared" si="0"/>
        <v>-63.5</v>
      </c>
      <c r="B53" s="216">
        <f>'p-y mono_clay'!C74</f>
        <v>48</v>
      </c>
      <c r="C53">
        <f>INDEX('CPT Data'!$C$13:$C$20000,MATCH(B53,'CPT Data'!$B$13:$B$20000,1))</f>
        <v>47.983000000000004</v>
      </c>
      <c r="D53" s="216" t="str">
        <f>INDEX('CPT Data'!$P$13:$P$20000,MATCH(B53,'CPT Data'!$B$13:$B$20000,1))</f>
        <v>CLAY</v>
      </c>
      <c r="E53">
        <f>IF($D53="SAND",INDEX('p-y sand'!$AM$27:$AM$20000,MATCH($B53,'p-y sand'!$C$27:$C$20000,1)),INDEX('p-y mono_clay'!$AZ$27:$AZ$20000,MATCH($B53,'p-y mono_clay'!$C$27:$C$20000,1)))</f>
        <v>0</v>
      </c>
      <c r="F53">
        <f>IF($D53="SAND",INDEX('p-y sand'!$Z$27:$Z$5000,MATCH($B53,'p-y sand'!$C$27:$C$82,1)),INDEX('p-y mono_clay'!$AM$27:$AM$5000,MATCH($B53,'p-y mono_clay'!$C$27:$C$5000,1)))</f>
        <v>0</v>
      </c>
      <c r="G53">
        <f>IF($D53="SAND",INDEX('p-y sand'!$AN$27:$AN$5000,MATCH($B53,'p-y sand'!$C$27:$C$5000,1)),INDEX('p-y mono_clay'!$BA$27:$BA$5000,MATCH($B53,'p-y mono_clay'!$C$27:$C$5000,1)))</f>
        <v>589.27795373568915</v>
      </c>
      <c r="H53">
        <f>IF($D53="SAND",INDEX('p-y sand'!$AA$27:$AA$5000,MATCH($B53,'p-y sand'!$C$27:$C$82,1)),INDEX('p-y mono_clay'!$AN$27:$AN$5000,MATCH($B53,'p-y mono_clay'!$C$27:$C$5000,1)))</f>
        <v>0.89411013701047293</v>
      </c>
      <c r="I53">
        <f>IF($D53="SAND",INDEX('p-y sand'!$AO$27:$AO$5000,MATCH($B53,'p-y sand'!$C$27:$C$5000,1)),INDEX('p-y mono_clay'!$BB$27:$BB$5000,MATCH($B53,'p-y mono_clay'!$C$27:$C$5000,1)))</f>
        <v>2357.1118149427566</v>
      </c>
      <c r="J53">
        <f>IF($D53="SAND",INDEX('p-y sand'!$AB$27:$AB$5000,MATCH($B53,'p-y sand'!$C$27:$C$82,1)),INDEX('p-y mono_clay'!$AO$27:$AO$5000,MATCH($B53,'p-y mono_clay'!$C$27:$C$5000,1)))</f>
        <v>8.9411013701047324</v>
      </c>
      <c r="K53">
        <f>IF($D53="SAND",INDEX('p-y sand'!$AP$27:$AP$5000,MATCH($B53,'p-y sand'!$C$27:$C$5000,1)),INDEX('p-y mono_clay'!$BC$27:$BC$5000,MATCH($B53,'p-y mono_clay'!$C$27:$C$5000,1)))</f>
        <v>3535.6677224141349</v>
      </c>
      <c r="L53">
        <f>IF($D53="SAND",INDEX('p-y sand'!$AC$27:$AC$5000,MATCH($B53,'p-y sand'!$C$27:$C$82,1)),INDEX('p-y mono_clay'!$AP$27:$AP$5000,MATCH($B53,'p-y mono_clay'!$C$27:$C$5000,1)))</f>
        <v>18.823304110314186</v>
      </c>
      <c r="M53">
        <f>IF($D53="SAND",INDEX('p-y sand'!$AQ$27:$AQ$5000,MATCH($B53,'p-y sand'!$C$27:$C$5000,1)),INDEX('p-y mono_clay'!$BD$27:$BD$5000,MATCH($B53,'p-y mono_clay'!$C$27:$C$5000,1)))</f>
        <v>4714.2236298855132</v>
      </c>
      <c r="N53">
        <f>IF($D53="SAND",INDEX('p-y sand'!$AD$27:$AD$5000,MATCH($B53,'p-y sand'!$C$27:$C$82,1)),INDEX('p-y mono_clay'!$AQ$27:$AQ$5000,MATCH($B53,'p-y mono_clay'!$C$27:$C$5000,1)))</f>
        <v>35.646608220628387</v>
      </c>
      <c r="O53">
        <f>IF($D53="SAND",INDEX('p-y sand'!$AR$27:$AR$5000,MATCH($B53,'p-y sand'!$C$27:$C$5000,1)),INDEX('p-y mono_clay'!$BE$27:$BE$5000,MATCH($B53,'p-y mono_clay'!$C$27:$C$5000,1)))</f>
        <v>5892.7795373568915</v>
      </c>
      <c r="P53">
        <f>IF($D53="SAND",INDEX('p-y sand'!$AE$27:$AE$5000,MATCH($B53,'p-y sand'!$C$27:$C$82,1)),INDEX('p-y mono_clay'!$AR$27:$AR$5000,MATCH($B53,'p-y mono_clay'!$C$27:$C$5000,1)))</f>
        <v>57.411013701047303</v>
      </c>
      <c r="Q53">
        <f>IF($D53="SAND",INDEX('p-y sand'!$AS$27:$AS$5000,MATCH($B53,'p-y sand'!$C$27:$C$5000,1)),INDEX('p-y mono_clay'!$BF$27:$BF$5000,MATCH($B53,'p-y mono_clay'!$C$27:$C$5000,1)))</f>
        <v>7071.3354448282698</v>
      </c>
      <c r="R53">
        <f>IF($D53="SAND",INDEX('p-y sand'!$AF$27:$AF$5000,MATCH($B53,'p-y sand'!$C$27:$C$82,1)),INDEX('p-y mono_clay'!$AS$27:$AS$5000,MATCH($B53,'p-y mono_clay'!$C$27:$C$5000,1)))</f>
        <v>87.057621921675675</v>
      </c>
      <c r="S53">
        <f>IF($D53="SAND",INDEX('p-y sand'!$AT$27:$AT$5000,MATCH($B53,'p-y sand'!$C$27:$C$5000,1)),INDEX('p-y mono_clay'!$BG$27:$BG$5000,MATCH($B53,'p-y mono_clay'!$C$27:$C$5000,1)))</f>
        <v>8249.8913522996481</v>
      </c>
      <c r="T53">
        <f>IF($D53="SAND",INDEX('p-y sand'!$AG$27:$AG$5000,MATCH($B53,'p-y sand'!$C$27:$C$82,1)),INDEX('p-y mono_clay'!$AT$27:$AT$5000,MATCH($B53,'p-y mono_clay'!$C$27:$C$5000,1)))</f>
        <v>131.6453315124088</v>
      </c>
      <c r="U53">
        <f>IF($D53="SAND",INDEX('p-y sand'!$AU$27:$AU$5000,MATCH($B53,'p-y sand'!$C$27:$C$5000,1)),INDEX('p-y mono_clay'!$BH$27:$BH$5000,MATCH($B53,'p-y mono_clay'!$C$27:$C$5000,1)))</f>
        <v>9428.4472597710264</v>
      </c>
      <c r="V53">
        <f>IF($D53="SAND",INDEX('p-y sand'!$AH$27:$AH$5000,MATCH($B53,'p-y sand'!$C$27:$C$82,1)),INDEX('p-y mono_clay'!$AU$27:$AU$5000,MATCH($B53,'p-y mono_clay'!$C$27:$C$5000,1)))</f>
        <v>201.87964932377028</v>
      </c>
      <c r="W53">
        <f>IF($D53="SAND",INDEX('p-y sand'!$AV$27:$AV$5000,MATCH($B53,'p-y sand'!$C$27:$C$5000,1)),INDEX('p-y mono_clay'!$BI$27:$BI$5000,MATCH($B53,'p-y mono_clay'!$C$27:$C$5000,1)))</f>
        <v>10607.003167242405</v>
      </c>
      <c r="X53">
        <f>IF($D53="SAND",INDEX('p-y sand'!$AI$27:$AI$5000,MATCH($B53,'p-y sand'!$C$27:$C$82,1)),INDEX('p-y mono_clay'!$AV$27:$AV$5000,MATCH($B53,'p-y mono_clay'!$C$27:$C$5000,1)))</f>
        <v>327.05506850523653</v>
      </c>
      <c r="Y53">
        <f>IF($D53="SAND",INDEX('p-y sand'!$AW$27:$AW$5000,MATCH($B53,'p-y sand'!$C$27:$C$5000,1)),INDEX('p-y mono_clay'!$BJ$27:$BJ$5000,MATCH($B53,'p-y mono_clay'!$C$27:$C$5000,1)))</f>
        <v>11490.920097845938</v>
      </c>
      <c r="Z53">
        <f>IF($D53="SAND",INDEX('p-y sand'!$AJ$27:$AJ$5000,MATCH($B53,'p-y sand'!$C$27:$C$82,1)),INDEX('p-y mono_clay'!$AW$27:$AW$5000,MATCH($B53,'p-y mono_clay'!$C$27:$C$5000,1)))</f>
        <v>525.87709590733107</v>
      </c>
      <c r="AA53">
        <f>IF($D53="SAND",INDEX('p-y sand'!$AX$27:$AX$5000,MATCH($B53,'p-y sand'!$C$27:$C$5000,1)),INDEX('p-y mono_clay'!$BK$27:$BK$5000,MATCH($B53,'p-y mono_clay'!$C$27:$C$5000,1)))</f>
        <v>11785.559074713783</v>
      </c>
      <c r="AB53">
        <f>IF($D53="SAND",INDEX('p-y sand'!$AK$27:$AK$5000,MATCH($B53,'p-y sand'!$C$27:$C$82,1)),INDEX('p-y mono_clay'!$AX$27:$AX$5000,MATCH($B53,'p-y mono_clay'!$C$27:$C$5000,1)))</f>
        <v>694.11013701047295</v>
      </c>
      <c r="AC53">
        <f>IF($D53="SAND",INDEX('p-y sand'!$AY$27:$AY$5000,MATCH($B53,'p-y sand'!$C$27:$C$5000,1)),INDEX('p-y mono_clay'!$BL$27:$BL$5000,MATCH($B53,'p-y mono_clay'!$C$27:$C$5000,1)))</f>
        <v>11785.559074713783</v>
      </c>
      <c r="AD53" s="98">
        <f>IF($D53="SAND",INDEX('p-y sand'!$AL$27:$AL$5000,MATCH($B53,'p-y sand'!$C$27:$C$82,1)),INDEX('p-y mono_clay'!$AY$27:$AY$5000,MATCH($B53,'p-y mono_clay'!$C$27:$C$5000,1)))</f>
        <v>6000</v>
      </c>
    </row>
    <row r="54" spans="1:30" x14ac:dyDescent="0.2">
      <c r="A54" s="214">
        <f t="shared" si="0"/>
        <v>-64.5</v>
      </c>
      <c r="B54" s="216">
        <f>'p-y mono_clay'!C75</f>
        <v>49</v>
      </c>
      <c r="C54">
        <f>INDEX('CPT Data'!$C$13:$C$20000,MATCH(B54,'CPT Data'!$B$13:$B$20000,1))</f>
        <v>48.988</v>
      </c>
      <c r="D54" s="216" t="str">
        <f>INDEX('CPT Data'!$P$13:$P$20000,MATCH(B54,'CPT Data'!$B$13:$B$20000,1))</f>
        <v>CLAY</v>
      </c>
      <c r="E54">
        <f>IF($D54="SAND",INDEX('p-y sand'!$AM$27:$AM$20000,MATCH($B54,'p-y sand'!$C$27:$C$20000,1)),INDEX('p-y mono_clay'!$AZ$27:$AZ$20000,MATCH($B54,'p-y mono_clay'!$C$27:$C$20000,1)))</f>
        <v>0</v>
      </c>
      <c r="F54">
        <f>IF($D54="SAND",INDEX('p-y sand'!$Z$27:$Z$5000,MATCH($B54,'p-y sand'!$C$27:$C$82,1)),INDEX('p-y mono_clay'!$AM$27:$AM$5000,MATCH($B54,'p-y mono_clay'!$C$27:$C$5000,1)))</f>
        <v>0</v>
      </c>
      <c r="G54">
        <f>IF($D54="SAND",INDEX('p-y sand'!$AN$27:$AN$5000,MATCH($B54,'p-y sand'!$C$27:$C$5000,1)),INDEX('p-y mono_clay'!$BA$27:$BA$5000,MATCH($B54,'p-y mono_clay'!$C$27:$C$5000,1)))</f>
        <v>362.45349391874515</v>
      </c>
      <c r="H54">
        <f>IF($D54="SAND",INDEX('p-y sand'!$AA$27:$AA$5000,MATCH($B54,'p-y sand'!$C$27:$C$82,1)),INDEX('p-y mono_clay'!$AN$27:$AN$5000,MATCH($B54,'p-y mono_clay'!$C$27:$C$5000,1)))</f>
        <v>0.75639764392447817</v>
      </c>
      <c r="I54">
        <f>IF($D54="SAND",INDEX('p-y sand'!$AO$27:$AO$5000,MATCH($B54,'p-y sand'!$C$27:$C$5000,1)),INDEX('p-y mono_clay'!$BB$27:$BB$5000,MATCH($B54,'p-y mono_clay'!$C$27:$C$5000,1)))</f>
        <v>1449.8139756749806</v>
      </c>
      <c r="J54">
        <f>IF($D54="SAND",INDEX('p-y sand'!$AB$27:$AB$5000,MATCH($B54,'p-y sand'!$C$27:$C$82,1)),INDEX('p-y mono_clay'!$AO$27:$AO$5000,MATCH($B54,'p-y mono_clay'!$C$27:$C$5000,1)))</f>
        <v>7.5639764392447812</v>
      </c>
      <c r="K54">
        <f>IF($D54="SAND",INDEX('p-y sand'!$AP$27:$AP$5000,MATCH($B54,'p-y sand'!$C$27:$C$5000,1)),INDEX('p-y mono_clay'!$BC$27:$BC$5000,MATCH($B54,'p-y mono_clay'!$C$27:$C$5000,1)))</f>
        <v>2174.7209635124705</v>
      </c>
      <c r="L54">
        <f>IF($D54="SAND",INDEX('p-y sand'!$AC$27:$AC$5000,MATCH($B54,'p-y sand'!$C$27:$C$82,1)),INDEX('p-y mono_clay'!$AP$27:$AP$5000,MATCH($B54,'p-y mono_clay'!$C$27:$C$5000,1)))</f>
        <v>14.822736385960908</v>
      </c>
      <c r="M54">
        <f>IF($D54="SAND",INDEX('p-y sand'!$AQ$27:$AQ$5000,MATCH($B54,'p-y sand'!$C$27:$C$5000,1)),INDEX('p-y mono_clay'!$BD$27:$BD$5000,MATCH($B54,'p-y mono_clay'!$C$27:$C$5000,1)))</f>
        <v>2899.6279513499612</v>
      </c>
      <c r="N54">
        <f>IF($D54="SAND",INDEX('p-y sand'!$AD$27:$AD$5000,MATCH($B54,'p-y sand'!$C$27:$C$82,1)),INDEX('p-y mono_clay'!$AQ$27:$AQ$5000,MATCH($B54,'p-y mono_clay'!$C$27:$C$5000,1)))</f>
        <v>27.383858635468684</v>
      </c>
      <c r="O54">
        <f>IF($D54="SAND",INDEX('p-y sand'!$AR$27:$AR$5000,MATCH($B54,'p-y sand'!$C$27:$C$5000,1)),INDEX('p-y mono_clay'!$BE$27:$BE$5000,MATCH($B54,'p-y mono_clay'!$C$27:$C$5000,1)))</f>
        <v>3624.5349391874511</v>
      </c>
      <c r="P54">
        <f>IF($D54="SAND",INDEX('p-y sand'!$AE$27:$AE$5000,MATCH($B54,'p-y sand'!$C$27:$C$82,1)),INDEX('p-y mono_clay'!$AR$27:$AR$5000,MATCH($B54,'p-y mono_clay'!$C$27:$C$5000,1)))</f>
        <v>43.639764392447809</v>
      </c>
      <c r="Q54">
        <f>IF($D54="SAND",INDEX('p-y sand'!$AS$27:$AS$5000,MATCH($B54,'p-y sand'!$C$27:$C$5000,1)),INDEX('p-y mono_clay'!$BF$27:$BF$5000,MATCH($B54,'p-y mono_clay'!$C$27:$C$5000,1)))</f>
        <v>4349.4419270249409</v>
      </c>
      <c r="R54">
        <f>IF($D54="SAND",INDEX('p-y sand'!$AF$27:$AF$5000,MATCH($B54,'p-y sand'!$C$27:$C$82,1)),INDEX('p-y mono_clay'!$AS$27:$AS$5000,MATCH($B54,'p-y mono_clay'!$C$27:$C$5000,1)))</f>
        <v>65.895670149426934</v>
      </c>
      <c r="S54">
        <f>IF($D54="SAND",INDEX('p-y sand'!$AT$27:$AT$5000,MATCH($B54,'p-y sand'!$C$27:$C$5000,1)),INDEX('p-y mono_clay'!$BG$27:$BG$5000,MATCH($B54,'p-y mono_clay'!$C$27:$C$5000,1)))</f>
        <v>5074.3489148624312</v>
      </c>
      <c r="T54">
        <f>IF($D54="SAND",INDEX('p-y sand'!$AG$27:$AG$5000,MATCH($B54,'p-y sand'!$C$27:$C$82,1)),INDEX('p-y mono_clay'!$AT$27:$AT$5000,MATCH($B54,'p-y mono_clay'!$C$27:$C$5000,1)))</f>
        <v>99.971458102629938</v>
      </c>
      <c r="U54">
        <f>IF($D54="SAND",INDEX('p-y sand'!$AU$27:$AU$5000,MATCH($B54,'p-y sand'!$C$27:$C$5000,1)),INDEX('p-y mono_clay'!$BH$27:$BH$5000,MATCH($B54,'p-y mono_clay'!$C$27:$C$5000,1)))</f>
        <v>5799.2559026999224</v>
      </c>
      <c r="V54">
        <f>IF($D54="SAND",INDEX('p-y sand'!$AH$27:$AH$5000,MATCH($B54,'p-y sand'!$C$27:$C$82,1)),INDEX('p-y mono_clay'!$AU$27:$AU$5000,MATCH($B54,'p-y mono_clay'!$C$27:$C$5000,1)))</f>
        <v>153.17519893432257</v>
      </c>
      <c r="W54">
        <f>IF($D54="SAND",INDEX('p-y sand'!$AV$27:$AV$5000,MATCH($B54,'p-y sand'!$C$27:$C$5000,1)),INDEX('p-y mono_clay'!$BI$27:$BI$5000,MATCH($B54,'p-y mono_clay'!$C$27:$C$5000,1)))</f>
        <v>6524.1628905374118</v>
      </c>
      <c r="X54">
        <f>IF($D54="SAND",INDEX('p-y sand'!$AI$27:$AI$5000,MATCH($B54,'p-y sand'!$C$27:$C$82,1)),INDEX('p-y mono_clay'!$AV$27:$AV$5000,MATCH($B54,'p-y mono_clay'!$C$27:$C$5000,1)))</f>
        <v>254.71063347619733</v>
      </c>
      <c r="Y54">
        <f>IF($D54="SAND",INDEX('p-y sand'!$AW$27:$AW$5000,MATCH($B54,'p-y sand'!$C$27:$C$5000,1)),INDEX('p-y mono_clay'!$BJ$27:$BJ$5000,MATCH($B54,'p-y mono_clay'!$C$27:$C$5000,1)))</f>
        <v>7067.8431314155296</v>
      </c>
      <c r="Z54">
        <f>IF($D54="SAND",INDEX('p-y sand'!$AJ$27:$AJ$5000,MATCH($B54,'p-y sand'!$C$27:$C$82,1)),INDEX('p-y mono_clay'!$AW$27:$AW$5000,MATCH($B54,'p-y mono_clay'!$C$27:$C$5000,1)))</f>
        <v>425.11811513958247</v>
      </c>
      <c r="AA54">
        <f>IF($D54="SAND",INDEX('p-y sand'!$AX$27:$AX$5000,MATCH($B54,'p-y sand'!$C$27:$C$5000,1)),INDEX('p-y mono_clay'!$BK$27:$BK$5000,MATCH($B54,'p-y mono_clay'!$C$27:$C$5000,1)))</f>
        <v>7249.0698783749021</v>
      </c>
      <c r="AB54">
        <f>IF($D54="SAND",INDEX('p-y sand'!$AK$27:$AK$5000,MATCH($B54,'p-y sand'!$C$27:$C$82,1)),INDEX('p-y mono_clay'!$AX$27:$AX$5000,MATCH($B54,'p-y mono_clay'!$C$27:$C$5000,1)))</f>
        <v>578.19882196223909</v>
      </c>
      <c r="AC54">
        <f>IF($D54="SAND",INDEX('p-y sand'!$AY$27:$AY$5000,MATCH($B54,'p-y sand'!$C$27:$C$5000,1)),INDEX('p-y mono_clay'!$BL$27:$BL$5000,MATCH($B54,'p-y mono_clay'!$C$27:$C$5000,1)))</f>
        <v>7249.0698783749021</v>
      </c>
      <c r="AD54" s="98">
        <f>IF($D54="SAND",INDEX('p-y sand'!$AL$27:$AL$5000,MATCH($B54,'p-y sand'!$C$27:$C$82,1)),INDEX('p-y mono_clay'!$AY$27:$AY$5000,MATCH($B54,'p-y mono_clay'!$C$27:$C$5000,1)))</f>
        <v>6000</v>
      </c>
    </row>
    <row r="55" spans="1:30" x14ac:dyDescent="0.2">
      <c r="A55" s="214">
        <f t="shared" si="0"/>
        <v>-65.5</v>
      </c>
      <c r="B55" s="216">
        <f>'p-y mono_clay'!C76</f>
        <v>50</v>
      </c>
      <c r="C55">
        <f>INDEX('CPT Data'!$C$13:$C$20000,MATCH(B55,'CPT Data'!$B$13:$B$20000,1))</f>
        <v>49.988</v>
      </c>
      <c r="D55" s="216" t="str">
        <f>INDEX('CPT Data'!$P$13:$P$20000,MATCH(B55,'CPT Data'!$B$13:$B$20000,1))</f>
        <v>CLAY</v>
      </c>
      <c r="E55">
        <f>IF($D55="SAND",INDEX('p-y sand'!$AM$27:$AM$20000,MATCH($B55,'p-y sand'!$C$27:$C$20000,1)),INDEX('p-y mono_clay'!$AZ$27:$AZ$20000,MATCH($B55,'p-y mono_clay'!$C$27:$C$20000,1)))</f>
        <v>0</v>
      </c>
      <c r="F55">
        <f>IF($D55="SAND",INDEX('p-y sand'!$Z$27:$Z$5000,MATCH($B55,'p-y sand'!$C$27:$C$82,1)),INDEX('p-y mono_clay'!$AM$27:$AM$5000,MATCH($B55,'p-y mono_clay'!$C$27:$C$5000,1)))</f>
        <v>0</v>
      </c>
      <c r="G55">
        <f>IF($D55="SAND",INDEX('p-y sand'!$AN$27:$AN$5000,MATCH($B55,'p-y sand'!$C$27:$C$5000,1)),INDEX('p-y mono_clay'!$BA$27:$BA$5000,MATCH($B55,'p-y mono_clay'!$C$27:$C$5000,1)))</f>
        <v>231.71541884556865</v>
      </c>
      <c r="H55">
        <f>IF($D55="SAND",INDEX('p-y sand'!$AA$27:$AA$5000,MATCH($B55,'p-y sand'!$C$27:$C$82,1)),INDEX('p-y mono_clay'!$AN$27:$AN$5000,MATCH($B55,'p-y mono_clay'!$C$27:$C$5000,1)))</f>
        <v>0.6</v>
      </c>
      <c r="I55">
        <f>IF($D55="SAND",INDEX('p-y sand'!$AO$27:$AO$5000,MATCH($B55,'p-y sand'!$C$27:$C$5000,1)),INDEX('p-y mono_clay'!$BB$27:$BB$5000,MATCH($B55,'p-y mono_clay'!$C$27:$C$5000,1)))</f>
        <v>926.8616753822746</v>
      </c>
      <c r="J55">
        <f>IF($D55="SAND",INDEX('p-y sand'!$AB$27:$AB$5000,MATCH($B55,'p-y sand'!$C$27:$C$82,1)),INDEX('p-y mono_clay'!$AO$27:$AO$5000,MATCH($B55,'p-y mono_clay'!$C$27:$C$5000,1)))</f>
        <v>6</v>
      </c>
      <c r="K55">
        <f>IF($D55="SAND",INDEX('p-y sand'!$AP$27:$AP$5000,MATCH($B55,'p-y sand'!$C$27:$C$5000,1)),INDEX('p-y mono_clay'!$BC$27:$BC$5000,MATCH($B55,'p-y mono_clay'!$C$27:$C$5000,1)))</f>
        <v>1390.2925130734118</v>
      </c>
      <c r="L55">
        <f>IF($D55="SAND",INDEX('p-y sand'!$AC$27:$AC$5000,MATCH($B55,'p-y sand'!$C$27:$C$82,1)),INDEX('p-y mono_clay'!$AP$27:$AP$5000,MATCH($B55,'p-y mono_clay'!$C$27:$C$5000,1)))</f>
        <v>10.6</v>
      </c>
      <c r="M55">
        <f>IF($D55="SAND",INDEX('p-y sand'!$AQ$27:$AQ$5000,MATCH($B55,'p-y sand'!$C$27:$C$5000,1)),INDEX('p-y mono_clay'!$BD$27:$BD$5000,MATCH($B55,'p-y mono_clay'!$C$27:$C$5000,1)))</f>
        <v>1853.7233507645492</v>
      </c>
      <c r="N55">
        <f>IF($D55="SAND",INDEX('p-y sand'!$AD$27:$AD$5000,MATCH($B55,'p-y sand'!$C$27:$C$82,1)),INDEX('p-y mono_clay'!$AQ$27:$AQ$5000,MATCH($B55,'p-y mono_clay'!$C$27:$C$5000,1)))</f>
        <v>18</v>
      </c>
      <c r="O55">
        <f>IF($D55="SAND",INDEX('p-y sand'!$AR$27:$AR$5000,MATCH($B55,'p-y sand'!$C$27:$C$5000,1)),INDEX('p-y mono_clay'!$BE$27:$BE$5000,MATCH($B55,'p-y mono_clay'!$C$27:$C$5000,1)))</f>
        <v>2317.1541884556864</v>
      </c>
      <c r="P55">
        <f>IF($D55="SAND",INDEX('p-y sand'!$AE$27:$AE$5000,MATCH($B55,'p-y sand'!$C$27:$C$82,1)),INDEX('p-y mono_clay'!$AR$27:$AR$5000,MATCH($B55,'p-y mono_clay'!$C$27:$C$5000,1)))</f>
        <v>28</v>
      </c>
      <c r="Q55">
        <f>IF($D55="SAND",INDEX('p-y sand'!$AS$27:$AS$5000,MATCH($B55,'p-y sand'!$C$27:$C$5000,1)),INDEX('p-y mono_clay'!$BF$27:$BF$5000,MATCH($B55,'p-y mono_clay'!$C$27:$C$5000,1)))</f>
        <v>2780.5850261468236</v>
      </c>
      <c r="R55">
        <f>IF($D55="SAND",INDEX('p-y sand'!$AF$27:$AF$5000,MATCH($B55,'p-y sand'!$C$27:$C$82,1)),INDEX('p-y mono_clay'!$AS$27:$AS$5000,MATCH($B55,'p-y mono_clay'!$C$27:$C$5000,1)))</f>
        <v>44</v>
      </c>
      <c r="S55">
        <f>IF($D55="SAND",INDEX('p-y sand'!$AT$27:$AT$5000,MATCH($B55,'p-y sand'!$C$27:$C$5000,1)),INDEX('p-y mono_clay'!$BG$27:$BG$5000,MATCH($B55,'p-y mono_clay'!$C$27:$C$5000,1)))</f>
        <v>3244.0158638379608</v>
      </c>
      <c r="T55">
        <f>IF($D55="SAND",INDEX('p-y sand'!$AG$27:$AG$5000,MATCH($B55,'p-y sand'!$C$27:$C$82,1)),INDEX('p-y mono_clay'!$AT$27:$AT$5000,MATCH($B55,'p-y mono_clay'!$C$27:$C$5000,1)))</f>
        <v>64</v>
      </c>
      <c r="U55">
        <f>IF($D55="SAND",INDEX('p-y sand'!$AU$27:$AU$5000,MATCH($B55,'p-y sand'!$C$27:$C$5000,1)),INDEX('p-y mono_clay'!$BH$27:$BH$5000,MATCH($B55,'p-y mono_clay'!$C$27:$C$5000,1)))</f>
        <v>3707.4467015290984</v>
      </c>
      <c r="V55">
        <f>IF($D55="SAND",INDEX('p-y sand'!$AH$27:$AH$5000,MATCH($B55,'p-y sand'!$C$27:$C$82,1)),INDEX('p-y mono_clay'!$AU$27:$AU$5000,MATCH($B55,'p-y mono_clay'!$C$27:$C$5000,1)))</f>
        <v>100</v>
      </c>
      <c r="W55">
        <f>IF($D55="SAND",INDEX('p-y sand'!$AV$27:$AV$5000,MATCH($B55,'p-y sand'!$C$27:$C$5000,1)),INDEX('p-y mono_clay'!$BI$27:$BI$5000,MATCH($B55,'p-y mono_clay'!$C$27:$C$5000,1)))</f>
        <v>4170.877539220236</v>
      </c>
      <c r="X55">
        <f>IF($D55="SAND",INDEX('p-y sand'!$AI$27:$AI$5000,MATCH($B55,'p-y sand'!$C$27:$C$82,1)),INDEX('p-y mono_clay'!$AV$27:$AV$5000,MATCH($B55,'p-y mono_clay'!$C$27:$C$5000,1)))</f>
        <v>164</v>
      </c>
      <c r="Y55">
        <f>IF($D55="SAND",INDEX('p-y sand'!$AW$27:$AW$5000,MATCH($B55,'p-y sand'!$C$27:$C$5000,1)),INDEX('p-y mono_clay'!$BJ$27:$BJ$5000,MATCH($B55,'p-y mono_clay'!$C$27:$C$5000,1)))</f>
        <v>4518.4506674885879</v>
      </c>
      <c r="Z55">
        <f>IF($D55="SAND",INDEX('p-y sand'!$AJ$27:$AJ$5000,MATCH($B55,'p-y sand'!$C$27:$C$82,1)),INDEX('p-y mono_clay'!$AW$27:$AW$5000,MATCH($B55,'p-y mono_clay'!$C$27:$C$5000,1)))</f>
        <v>300</v>
      </c>
      <c r="AA55">
        <f>IF($D55="SAND",INDEX('p-y sand'!$AX$27:$AX$5000,MATCH($B55,'p-y sand'!$C$27:$C$5000,1)),INDEX('p-y mono_clay'!$BK$27:$BK$5000,MATCH($B55,'p-y mono_clay'!$C$27:$C$5000,1)))</f>
        <v>4634.3083769113728</v>
      </c>
      <c r="AB55">
        <f>IF($D55="SAND",INDEX('p-y sand'!$AK$27:$AK$5000,MATCH($B55,'p-y sand'!$C$27:$C$82,1)),INDEX('p-y mono_clay'!$AX$27:$AX$5000,MATCH($B55,'p-y mono_clay'!$C$27:$C$5000,1)))</f>
        <v>500</v>
      </c>
      <c r="AC55">
        <f>IF($D55="SAND",INDEX('p-y sand'!$AY$27:$AY$5000,MATCH($B55,'p-y sand'!$C$27:$C$5000,1)),INDEX('p-y mono_clay'!$BL$27:$BL$5000,MATCH($B55,'p-y mono_clay'!$C$27:$C$5000,1)))</f>
        <v>4634.3083769113728</v>
      </c>
      <c r="AD55" s="98">
        <f>IF($D55="SAND",INDEX('p-y sand'!$AL$27:$AL$5000,MATCH($B55,'p-y sand'!$C$27:$C$82,1)),INDEX('p-y mono_clay'!$AY$27:$AY$5000,MATCH($B55,'p-y mono_clay'!$C$27:$C$5000,1)))</f>
        <v>6000</v>
      </c>
    </row>
    <row r="56" spans="1:30" x14ac:dyDescent="0.2">
      <c r="A56" s="214">
        <f t="shared" si="0"/>
        <v>-66.5</v>
      </c>
      <c r="B56" s="216">
        <f>'p-y mono_clay'!C77</f>
        <v>51</v>
      </c>
      <c r="C56">
        <f>INDEX('CPT Data'!$C$13:$C$20000,MATCH(B56,'CPT Data'!$B$13:$B$20000,1))</f>
        <v>50.989000000000004</v>
      </c>
      <c r="D56" s="216" t="str">
        <f>INDEX('CPT Data'!$P$13:$P$20000,MATCH(B56,'CPT Data'!$B$13:$B$20000,1))</f>
        <v>CLAY</v>
      </c>
      <c r="E56">
        <f>IF($D56="SAND",INDEX('p-y sand'!$AM$27:$AM$20000,MATCH($B56,'p-y sand'!$C$27:$C$20000,1)),INDEX('p-y mono_clay'!$AZ$27:$AZ$20000,MATCH($B56,'p-y mono_clay'!$C$27:$C$20000,1)))</f>
        <v>0</v>
      </c>
      <c r="F56">
        <f>IF($D56="SAND",INDEX('p-y sand'!$Z$27:$Z$5000,MATCH($B56,'p-y sand'!$C$27:$C$82,1)),INDEX('p-y mono_clay'!$AM$27:$AM$5000,MATCH($B56,'p-y mono_clay'!$C$27:$C$5000,1)))</f>
        <v>0</v>
      </c>
      <c r="G56">
        <f>IF($D56="SAND",INDEX('p-y sand'!$AN$27:$AN$5000,MATCH($B56,'p-y sand'!$C$27:$C$5000,1)),INDEX('p-y mono_clay'!$BA$27:$BA$5000,MATCH($B56,'p-y mono_clay'!$C$27:$C$5000,1)))</f>
        <v>339.8705028867505</v>
      </c>
      <c r="H56">
        <f>IF($D56="SAND",INDEX('p-y sand'!$AA$27:$AA$5000,MATCH($B56,'p-y sand'!$C$27:$C$82,1)),INDEX('p-y mono_clay'!$AN$27:$AN$5000,MATCH($B56,'p-y mono_clay'!$C$27:$C$5000,1)))</f>
        <v>0.72325375487582255</v>
      </c>
      <c r="I56">
        <f>IF($D56="SAND",INDEX('p-y sand'!$AO$27:$AO$5000,MATCH($B56,'p-y sand'!$C$27:$C$5000,1)),INDEX('p-y mono_clay'!$BB$27:$BB$5000,MATCH($B56,'p-y mono_clay'!$C$27:$C$5000,1)))</f>
        <v>1359.482011547002</v>
      </c>
      <c r="J56">
        <f>IF($D56="SAND",INDEX('p-y sand'!$AB$27:$AB$5000,MATCH($B56,'p-y sand'!$C$27:$C$82,1)),INDEX('p-y mono_clay'!$AO$27:$AO$5000,MATCH($B56,'p-y mono_clay'!$C$27:$C$5000,1)))</f>
        <v>7.2325375487582253</v>
      </c>
      <c r="K56">
        <f>IF($D56="SAND",INDEX('p-y sand'!$AP$27:$AP$5000,MATCH($B56,'p-y sand'!$C$27:$C$5000,1)),INDEX('p-y mono_clay'!$BC$27:$BC$5000,MATCH($B56,'p-y mono_clay'!$C$27:$C$5000,1)))</f>
        <v>2039.2230173205025</v>
      </c>
      <c r="L56">
        <f>IF($D56="SAND",INDEX('p-y sand'!$AC$27:$AC$5000,MATCH($B56,'p-y sand'!$C$27:$C$82,1)),INDEX('p-y mono_clay'!$AP$27:$AP$5000,MATCH($B56,'p-y mono_clay'!$C$27:$C$5000,1)))</f>
        <v>13.92785138164721</v>
      </c>
      <c r="M56">
        <f>IF($D56="SAND",INDEX('p-y sand'!$AQ$27:$AQ$5000,MATCH($B56,'p-y sand'!$C$27:$C$5000,1)),INDEX('p-y mono_clay'!$BD$27:$BD$5000,MATCH($B56,'p-y mono_clay'!$C$27:$C$5000,1)))</f>
        <v>2718.964023094004</v>
      </c>
      <c r="N56">
        <f>IF($D56="SAND",INDEX('p-y sand'!$AD$27:$AD$5000,MATCH($B56,'p-y sand'!$C$27:$C$82,1)),INDEX('p-y mono_clay'!$AQ$27:$AQ$5000,MATCH($B56,'p-y mono_clay'!$C$27:$C$5000,1)))</f>
        <v>25.395225292549352</v>
      </c>
      <c r="O56">
        <f>IF($D56="SAND",INDEX('p-y sand'!$AR$27:$AR$5000,MATCH($B56,'p-y sand'!$C$27:$C$5000,1)),INDEX('p-y mono_clay'!$BE$27:$BE$5000,MATCH($B56,'p-y mono_clay'!$C$27:$C$5000,1)))</f>
        <v>3398.7050288675046</v>
      </c>
      <c r="P56">
        <f>IF($D56="SAND",INDEX('p-y sand'!$AE$27:$AE$5000,MATCH($B56,'p-y sand'!$C$27:$C$82,1)),INDEX('p-y mono_clay'!$AR$27:$AR$5000,MATCH($B56,'p-y mono_clay'!$C$27:$C$5000,1)))</f>
        <v>40.325375487582257</v>
      </c>
      <c r="Q56">
        <f>IF($D56="SAND",INDEX('p-y sand'!$AS$27:$AS$5000,MATCH($B56,'p-y sand'!$C$27:$C$5000,1)),INDEX('p-y mono_clay'!$BF$27:$BF$5000,MATCH($B56,'p-y mono_clay'!$C$27:$C$5000,1)))</f>
        <v>4078.4460346410051</v>
      </c>
      <c r="R56">
        <f>IF($D56="SAND",INDEX('p-y sand'!$AF$27:$AF$5000,MATCH($B56,'p-y sand'!$C$27:$C$82,1)),INDEX('p-y mono_clay'!$AS$27:$AS$5000,MATCH($B56,'p-y mono_clay'!$C$27:$C$5000,1)))</f>
        <v>61.255525682615158</v>
      </c>
      <c r="S56">
        <f>IF($D56="SAND",INDEX('p-y sand'!$AT$27:$AT$5000,MATCH($B56,'p-y sand'!$C$27:$C$5000,1)),INDEX('p-y mono_clay'!$BG$27:$BG$5000,MATCH($B56,'p-y mono_clay'!$C$27:$C$5000,1)))</f>
        <v>4758.1870404145056</v>
      </c>
      <c r="T56">
        <f>IF($D56="SAND",INDEX('p-y sand'!$AG$27:$AG$5000,MATCH($B56,'p-y sand'!$C$27:$C$82,1)),INDEX('p-y mono_clay'!$AT$27:$AT$5000,MATCH($B56,'p-y mono_clay'!$C$27:$C$5000,1)))</f>
        <v>92.348363621439177</v>
      </c>
      <c r="U56">
        <f>IF($D56="SAND",INDEX('p-y sand'!$AU$27:$AU$5000,MATCH($B56,'p-y sand'!$C$27:$C$5000,1)),INDEX('p-y mono_clay'!$BH$27:$BH$5000,MATCH($B56,'p-y mono_clay'!$C$27:$C$5000,1)))</f>
        <v>5437.928046188008</v>
      </c>
      <c r="V56">
        <f>IF($D56="SAND",INDEX('p-y sand'!$AH$27:$AH$5000,MATCH($B56,'p-y sand'!$C$27:$C$82,1)),INDEX('p-y mono_clay'!$AU$27:$AU$5000,MATCH($B56,'p-y mono_clay'!$C$27:$C$5000,1)))</f>
        <v>141.9062766577797</v>
      </c>
      <c r="W56">
        <f>IF($D56="SAND",INDEX('p-y sand'!$AV$27:$AV$5000,MATCH($B56,'p-y sand'!$C$27:$C$5000,1)),INDEX('p-y mono_clay'!$BI$27:$BI$5000,MATCH($B56,'p-y mono_clay'!$C$27:$C$5000,1)))</f>
        <v>6117.6690519615086</v>
      </c>
      <c r="X56">
        <f>IF($D56="SAND",INDEX('p-y sand'!$AI$27:$AI$5000,MATCH($B56,'p-y sand'!$C$27:$C$82,1)),INDEX('p-y mono_clay'!$AV$27:$AV$5000,MATCH($B56,'p-y mono_clay'!$C$27:$C$5000,1)))</f>
        <v>235.48717782797712</v>
      </c>
      <c r="Y56">
        <f>IF($D56="SAND",INDEX('p-y sand'!$AW$27:$AW$5000,MATCH($B56,'p-y sand'!$C$27:$C$5000,1)),INDEX('p-y mono_clay'!$BJ$27:$BJ$5000,MATCH($B56,'p-y mono_clay'!$C$27:$C$5000,1)))</f>
        <v>6627.4748062916333</v>
      </c>
      <c r="Z56">
        <f>IF($D56="SAND",INDEX('p-y sand'!$AJ$27:$AJ$5000,MATCH($B56,'p-y sand'!$C$27:$C$82,1)),INDEX('p-y mono_clay'!$AW$27:$AW$5000,MATCH($B56,'p-y mono_clay'!$C$27:$C$5000,1)))</f>
        <v>398.60300390065805</v>
      </c>
      <c r="AA56">
        <f>IF($D56="SAND",INDEX('p-y sand'!$AX$27:$AX$5000,MATCH($B56,'p-y sand'!$C$27:$C$5000,1)),INDEX('p-y mono_clay'!$BK$27:$BK$5000,MATCH($B56,'p-y mono_clay'!$C$27:$C$5000,1)))</f>
        <v>6797.4100577350091</v>
      </c>
      <c r="AB56">
        <f>IF($D56="SAND",INDEX('p-y sand'!$AK$27:$AK$5000,MATCH($B56,'p-y sand'!$C$27:$C$82,1)),INDEX('p-y mono_clay'!$AX$27:$AX$5000,MATCH($B56,'p-y mono_clay'!$C$27:$C$5000,1)))</f>
        <v>561.62687743791128</v>
      </c>
      <c r="AC56">
        <f>IF($D56="SAND",INDEX('p-y sand'!$AY$27:$AY$5000,MATCH($B56,'p-y sand'!$C$27:$C$5000,1)),INDEX('p-y mono_clay'!$BL$27:$BL$5000,MATCH($B56,'p-y mono_clay'!$C$27:$C$5000,1)))</f>
        <v>6797.4100577350091</v>
      </c>
      <c r="AD56" s="98">
        <f>IF($D56="SAND",INDEX('p-y sand'!$AL$27:$AL$5000,MATCH($B56,'p-y sand'!$C$27:$C$82,1)),INDEX('p-y mono_clay'!$AY$27:$AY$5000,MATCH($B56,'p-y mono_clay'!$C$27:$C$5000,1)))</f>
        <v>6000</v>
      </c>
    </row>
    <row r="57" spans="1:30" x14ac:dyDescent="0.2">
      <c r="A57" s="214">
        <f t="shared" si="0"/>
        <v>-67.5</v>
      </c>
      <c r="B57" s="216">
        <f>'p-y mono_clay'!C78</f>
        <v>52</v>
      </c>
      <c r="C57">
        <f>INDEX('CPT Data'!$C$13:$C$20000,MATCH(B57,'CPT Data'!$B$13:$B$20000,1))</f>
        <v>51.993000000000002</v>
      </c>
      <c r="D57" s="216" t="str">
        <f>INDEX('CPT Data'!$P$13:$P$20000,MATCH(B57,'CPT Data'!$B$13:$B$20000,1))</f>
        <v>CLAY</v>
      </c>
      <c r="E57">
        <f>IF($D57="SAND",INDEX('p-y sand'!$AM$27:$AM$20000,MATCH($B57,'p-y sand'!$C$27:$C$20000,1)),INDEX('p-y mono_clay'!$AZ$27:$AZ$20000,MATCH($B57,'p-y mono_clay'!$C$27:$C$20000,1)))</f>
        <v>0</v>
      </c>
      <c r="F57">
        <f>IF($D57="SAND",INDEX('p-y sand'!$Z$27:$Z$5000,MATCH($B57,'p-y sand'!$C$27:$C$82,1)),INDEX('p-y mono_clay'!$AM$27:$AM$5000,MATCH($B57,'p-y mono_clay'!$C$27:$C$5000,1)))</f>
        <v>0</v>
      </c>
      <c r="G57">
        <f>IF($D57="SAND",INDEX('p-y sand'!$AN$27:$AN$5000,MATCH($B57,'p-y sand'!$C$27:$C$5000,1)),INDEX('p-y mono_clay'!$BA$27:$BA$5000,MATCH($B57,'p-y mono_clay'!$C$27:$C$5000,1)))</f>
        <v>280.51220113099595</v>
      </c>
      <c r="H57">
        <f>IF($D57="SAND",INDEX('p-y sand'!$AA$27:$AA$5000,MATCH($B57,'p-y sand'!$C$27:$C$82,1)),INDEX('p-y mono_clay'!$AN$27:$AN$5000,MATCH($B57,'p-y mono_clay'!$C$27:$C$5000,1)))</f>
        <v>0.63926283272339834</v>
      </c>
      <c r="I57">
        <f>IF($D57="SAND",INDEX('p-y sand'!$AO$27:$AO$5000,MATCH($B57,'p-y sand'!$C$27:$C$5000,1)),INDEX('p-y mono_clay'!$BB$27:$BB$5000,MATCH($B57,'p-y mono_clay'!$C$27:$C$5000,1)))</f>
        <v>1122.0488045239838</v>
      </c>
      <c r="J57">
        <f>IF($D57="SAND",INDEX('p-y sand'!$AB$27:$AB$5000,MATCH($B57,'p-y sand'!$C$27:$C$82,1)),INDEX('p-y mono_clay'!$AO$27:$AO$5000,MATCH($B57,'p-y mono_clay'!$C$27:$C$5000,1)))</f>
        <v>6.3926283272339832</v>
      </c>
      <c r="K57">
        <f>IF($D57="SAND",INDEX('p-y sand'!$AP$27:$AP$5000,MATCH($B57,'p-y sand'!$C$27:$C$5000,1)),INDEX('p-y mono_clay'!$BC$27:$BC$5000,MATCH($B57,'p-y mono_clay'!$C$27:$C$5000,1)))</f>
        <v>1683.0732067859756</v>
      </c>
      <c r="L57">
        <f>IF($D57="SAND",INDEX('p-y sand'!$AC$27:$AC$5000,MATCH($B57,'p-y sand'!$C$27:$C$82,1)),INDEX('p-y mono_clay'!$AP$27:$AP$5000,MATCH($B57,'p-y mono_clay'!$C$27:$C$5000,1)))</f>
        <v>11.660096483531754</v>
      </c>
      <c r="M57">
        <f>IF($D57="SAND",INDEX('p-y sand'!$AQ$27:$AQ$5000,MATCH($B57,'p-y sand'!$C$27:$C$5000,1)),INDEX('p-y mono_clay'!$BD$27:$BD$5000,MATCH($B57,'p-y mono_clay'!$C$27:$C$5000,1)))</f>
        <v>2244.0976090479676</v>
      </c>
      <c r="N57">
        <f>IF($D57="SAND",INDEX('p-y sand'!$AD$27:$AD$5000,MATCH($B57,'p-y sand'!$C$27:$C$82,1)),INDEX('p-y mono_clay'!$AQ$27:$AQ$5000,MATCH($B57,'p-y mono_clay'!$C$27:$C$5000,1)))</f>
        <v>20.355769963403894</v>
      </c>
      <c r="O57">
        <f>IF($D57="SAND",INDEX('p-y sand'!$AR$27:$AR$5000,MATCH($B57,'p-y sand'!$C$27:$C$5000,1)),INDEX('p-y mono_clay'!$BE$27:$BE$5000,MATCH($B57,'p-y mono_clay'!$C$27:$C$5000,1)))</f>
        <v>2805.1220113099594</v>
      </c>
      <c r="P57">
        <f>IF($D57="SAND",INDEX('p-y sand'!$AE$27:$AE$5000,MATCH($B57,'p-y sand'!$C$27:$C$82,1)),INDEX('p-y mono_clay'!$AR$27:$AR$5000,MATCH($B57,'p-y mono_clay'!$C$27:$C$5000,1)))</f>
        <v>31.92628327233983</v>
      </c>
      <c r="Q57">
        <f>IF($D57="SAND",INDEX('p-y sand'!$AS$27:$AS$5000,MATCH($B57,'p-y sand'!$C$27:$C$5000,1)),INDEX('p-y mono_clay'!$BF$27:$BF$5000,MATCH($B57,'p-y mono_clay'!$C$27:$C$5000,1)))</f>
        <v>3366.1464135719511</v>
      </c>
      <c r="R57">
        <f>IF($D57="SAND",INDEX('p-y sand'!$AF$27:$AF$5000,MATCH($B57,'p-y sand'!$C$27:$C$82,1)),INDEX('p-y mono_clay'!$AS$27:$AS$5000,MATCH($B57,'p-y mono_clay'!$C$27:$C$5000,1)))</f>
        <v>49.496796581275753</v>
      </c>
      <c r="S57">
        <f>IF($D57="SAND",INDEX('p-y sand'!$AT$27:$AT$5000,MATCH($B57,'p-y sand'!$C$27:$C$5000,1)),INDEX('p-y mono_clay'!$BG$27:$BG$5000,MATCH($B57,'p-y mono_clay'!$C$27:$C$5000,1)))</f>
        <v>3927.1708158339429</v>
      </c>
      <c r="T57">
        <f>IF($D57="SAND",INDEX('p-y sand'!$AG$27:$AG$5000,MATCH($B57,'p-y sand'!$C$27:$C$82,1)),INDEX('p-y mono_clay'!$AT$27:$AT$5000,MATCH($B57,'p-y mono_clay'!$C$27:$C$5000,1)))</f>
        <v>73.030451526381597</v>
      </c>
      <c r="U57">
        <f>IF($D57="SAND",INDEX('p-y sand'!$AU$27:$AU$5000,MATCH($B57,'p-y sand'!$C$27:$C$5000,1)),INDEX('p-y mono_clay'!$BH$27:$BH$5000,MATCH($B57,'p-y mono_clay'!$C$27:$C$5000,1)))</f>
        <v>4488.1952180959352</v>
      </c>
      <c r="V57">
        <f>IF($D57="SAND",INDEX('p-y sand'!$AH$27:$AH$5000,MATCH($B57,'p-y sand'!$C$27:$C$82,1)),INDEX('p-y mono_clay'!$AU$27:$AU$5000,MATCH($B57,'p-y mono_clay'!$C$27:$C$5000,1)))</f>
        <v>113.34936312595541</v>
      </c>
      <c r="W57">
        <f>IF($D57="SAND",INDEX('p-y sand'!$AV$27:$AV$5000,MATCH($B57,'p-y sand'!$C$27:$C$5000,1)),INDEX('p-y mono_clay'!$BI$27:$BI$5000,MATCH($B57,'p-y mono_clay'!$C$27:$C$5000,1)))</f>
        <v>5049.2196203579269</v>
      </c>
      <c r="X57">
        <f>IF($D57="SAND",INDEX('p-y sand'!$AI$27:$AI$5000,MATCH($B57,'p-y sand'!$C$27:$C$82,1)),INDEX('p-y mono_clay'!$AV$27:$AV$5000,MATCH($B57,'p-y mono_clay'!$C$27:$C$5000,1)))</f>
        <v>186.77244297957103</v>
      </c>
      <c r="Y57">
        <f>IF($D57="SAND",INDEX('p-y sand'!$AW$27:$AW$5000,MATCH($B57,'p-y sand'!$C$27:$C$5000,1)),INDEX('p-y mono_clay'!$BJ$27:$BJ$5000,MATCH($B57,'p-y mono_clay'!$C$27:$C$5000,1)))</f>
        <v>5469.9879220544208</v>
      </c>
      <c r="Z57">
        <f>IF($D57="SAND",INDEX('p-y sand'!$AJ$27:$AJ$5000,MATCH($B57,'p-y sand'!$C$27:$C$82,1)),INDEX('p-y mono_clay'!$AW$27:$AW$5000,MATCH($B57,'p-y mono_clay'!$C$27:$C$5000,1)))</f>
        <v>331.41026617871859</v>
      </c>
      <c r="AA57">
        <f>IF($D57="SAND",INDEX('p-y sand'!$AX$27:$AX$5000,MATCH($B57,'p-y sand'!$C$27:$C$5000,1)),INDEX('p-y mono_clay'!$BK$27:$BK$5000,MATCH($B57,'p-y mono_clay'!$C$27:$C$5000,1)))</f>
        <v>5610.2440226199187</v>
      </c>
      <c r="AB57">
        <f>IF($D57="SAND",INDEX('p-y sand'!$AK$27:$AK$5000,MATCH($B57,'p-y sand'!$C$27:$C$82,1)),INDEX('p-y mono_clay'!$AX$27:$AX$5000,MATCH($B57,'p-y mono_clay'!$C$27:$C$5000,1)))</f>
        <v>519.63141636169917</v>
      </c>
      <c r="AC57">
        <f>IF($D57="SAND",INDEX('p-y sand'!$AY$27:$AY$5000,MATCH($B57,'p-y sand'!$C$27:$C$5000,1)),INDEX('p-y mono_clay'!$BL$27:$BL$5000,MATCH($B57,'p-y mono_clay'!$C$27:$C$5000,1)))</f>
        <v>5610.2440226199187</v>
      </c>
      <c r="AD57" s="98">
        <f>IF($D57="SAND",INDEX('p-y sand'!$AL$27:$AL$5000,MATCH($B57,'p-y sand'!$C$27:$C$82,1)),INDEX('p-y mono_clay'!$AY$27:$AY$5000,MATCH($B57,'p-y mono_clay'!$C$27:$C$5000,1)))</f>
        <v>6000</v>
      </c>
    </row>
    <row r="58" spans="1:30" x14ac:dyDescent="0.2">
      <c r="A58" s="214">
        <f t="shared" si="0"/>
        <v>-68.5</v>
      </c>
      <c r="B58" s="216">
        <f>'p-y mono_clay'!C79</f>
        <v>53</v>
      </c>
      <c r="C58">
        <f>INDEX('CPT Data'!$C$13:$C$20000,MATCH(B58,'CPT Data'!$B$13:$B$20000,1))</f>
        <v>52.988</v>
      </c>
      <c r="D58" s="216" t="str">
        <f>INDEX('CPT Data'!$P$13:$P$20000,MATCH(B58,'CPT Data'!$B$13:$B$20000,1))</f>
        <v>SAND</v>
      </c>
      <c r="E58">
        <f>IF($D58="SAND",INDEX('p-y sand'!$AM$27:$AM$20000,MATCH($B58,'p-y sand'!$C$27:$C$20000,1)),INDEX('p-y mono_clay'!$AZ$27:$AZ$20000,MATCH($B58,'p-y mono_clay'!$C$27:$C$20000,1)))</f>
        <v>0</v>
      </c>
      <c r="F58">
        <f>IF($D58="SAND",INDEX('p-y sand'!$Z$27:$Z$5000,MATCH($B58,'p-y sand'!$C$27:$C$82,1)),INDEX('p-y mono_clay'!$AM$27:$AM$5000,MATCH($B58,'p-y mono_clay'!$C$27:$C$5000,1)))</f>
        <v>0</v>
      </c>
      <c r="G58">
        <f>IF($D58="SAND",INDEX('p-y sand'!$AN$27:$AN$5000,MATCH($B58,'p-y sand'!$C$27:$C$5000,1)),INDEX('p-y mono_clay'!$BA$27:$BA$5000,MATCH($B58,'p-y mono_clay'!$C$27:$C$5000,1)))</f>
        <v>11673.956693591914</v>
      </c>
      <c r="H58">
        <f>IF($D58="SAND",INDEX('p-y sand'!$AA$27:$AA$5000,MATCH($B58,'p-y sand'!$C$27:$C$82,1)),INDEX('p-y mono_clay'!$AN$27:$AN$5000,MATCH($B58,'p-y mono_clay'!$C$27:$C$5000,1)))</f>
        <v>10</v>
      </c>
      <c r="I58">
        <f>IF($D58="SAND",INDEX('p-y sand'!$AO$27:$AO$5000,MATCH($B58,'p-y sand'!$C$27:$C$5000,1)),INDEX('p-y mono_clay'!$BB$27:$BB$5000,MATCH($B58,'p-y mono_clay'!$C$27:$C$5000,1)))</f>
        <v>22028.237482255488</v>
      </c>
      <c r="J58">
        <f>IF($D58="SAND",INDEX('p-y sand'!$AB$27:$AB$5000,MATCH($B58,'p-y sand'!$C$27:$C$82,1)),INDEX('p-y mono_clay'!$AO$27:$AO$5000,MATCH($B58,'p-y mono_clay'!$C$27:$C$5000,1)))</f>
        <v>20</v>
      </c>
      <c r="K58">
        <f>IF($D58="SAND",INDEX('p-y sand'!$AP$27:$AP$5000,MATCH($B58,'p-y sand'!$C$27:$C$5000,1)),INDEX('p-y mono_clay'!$BC$27:$BC$5000,MATCH($B58,'p-y mono_clay'!$C$27:$C$5000,1)))</f>
        <v>30279.288898215724</v>
      </c>
      <c r="L58">
        <f>IF($D58="SAND",INDEX('p-y sand'!$AC$27:$AC$5000,MATCH($B58,'p-y sand'!$C$27:$C$82,1)),INDEX('p-y mono_clay'!$AP$27:$AP$5000,MATCH($B58,'p-y mono_clay'!$C$27:$C$5000,1)))</f>
        <v>30</v>
      </c>
      <c r="M58">
        <f>IF($D58="SAND",INDEX('p-y sand'!$AQ$27:$AQ$5000,MATCH($B58,'p-y sand'!$C$27:$C$5000,1)),INDEX('p-y mono_clay'!$BD$27:$BD$5000,MATCH($B58,'p-y mono_clay'!$C$27:$C$5000,1)))</f>
        <v>36310.98476663544</v>
      </c>
      <c r="N58">
        <f>IF($D58="SAND",INDEX('p-y sand'!$AD$27:$AD$5000,MATCH($B58,'p-y sand'!$C$27:$C$82,1)),INDEX('p-y mono_clay'!$AQ$27:$AQ$5000,MATCH($B58,'p-y mono_clay'!$C$27:$C$5000,1)))</f>
        <v>40</v>
      </c>
      <c r="O58">
        <f>IF($D58="SAND",INDEX('p-y sand'!$AR$27:$AR$5000,MATCH($B58,'p-y sand'!$C$27:$C$5000,1)),INDEX('p-y mono_clay'!$BE$27:$BE$5000,MATCH($B58,'p-y mono_clay'!$C$27:$C$5000,1)))</f>
        <v>40447.86253451091</v>
      </c>
      <c r="P58">
        <f>IF($D58="SAND",INDEX('p-y sand'!$AE$27:$AE$5000,MATCH($B58,'p-y sand'!$C$27:$C$82,1)),INDEX('p-y mono_clay'!$AR$27:$AR$5000,MATCH($B58,'p-y mono_clay'!$C$27:$C$5000,1)))</f>
        <v>50</v>
      </c>
      <c r="Q58">
        <f>IF($D58="SAND",INDEX('p-y sand'!$AS$27:$AS$5000,MATCH($B58,'p-y sand'!$C$27:$C$5000,1)),INDEX('p-y mono_clay'!$BF$27:$BF$5000,MATCH($B58,'p-y mono_clay'!$C$27:$C$5000,1)))</f>
        <v>43162.557810530649</v>
      </c>
      <c r="R58">
        <f>IF($D58="SAND",INDEX('p-y sand'!$AF$27:$AF$5000,MATCH($B58,'p-y sand'!$C$27:$C$82,1)),INDEX('p-y mono_clay'!$AS$27:$AS$5000,MATCH($B58,'p-y mono_clay'!$C$27:$C$5000,1)))</f>
        <v>60</v>
      </c>
      <c r="S58">
        <f>IF($D58="SAND",INDEX('p-y sand'!$AT$27:$AT$5000,MATCH($B58,'p-y sand'!$C$27:$C$5000,1)),INDEX('p-y mono_clay'!$BG$27:$BG$5000,MATCH($B58,'p-y mono_clay'!$C$27:$C$5000,1)))</f>
        <v>44892.712287515125</v>
      </c>
      <c r="T58">
        <f>IF($D58="SAND",INDEX('p-y sand'!$AG$27:$AG$5000,MATCH($B58,'p-y sand'!$C$27:$C$82,1)),INDEX('p-y mono_clay'!$AT$27:$AT$5000,MATCH($B58,'p-y mono_clay'!$C$27:$C$5000,1)))</f>
        <v>70</v>
      </c>
      <c r="U58">
        <f>IF($D58="SAND",INDEX('p-y sand'!$AU$27:$AU$5000,MATCH($B58,'p-y sand'!$C$27:$C$5000,1)),INDEX('p-y mono_clay'!$BH$27:$BH$5000,MATCH($B58,'p-y mono_clay'!$C$27:$C$5000,1)))</f>
        <v>45974.947610766612</v>
      </c>
      <c r="V58">
        <f>IF($D58="SAND",INDEX('p-y sand'!$AH$27:$AH$5000,MATCH($B58,'p-y sand'!$C$27:$C$82,1)),INDEX('p-y mono_clay'!$AU$27:$AU$5000,MATCH($B58,'p-y mono_clay'!$C$27:$C$5000,1)))</f>
        <v>80</v>
      </c>
      <c r="W58">
        <f>IF($D58="SAND",INDEX('p-y sand'!$AV$27:$AV$5000,MATCH($B58,'p-y sand'!$C$27:$C$5000,1)),INDEX('p-y mono_clay'!$BI$27:$BI$5000,MATCH($B58,'p-y mono_clay'!$C$27:$C$5000,1)))</f>
        <v>46643.995513859678</v>
      </c>
      <c r="X58">
        <f>IF($D58="SAND",INDEX('p-y sand'!$AI$27:$AI$5000,MATCH($B58,'p-y sand'!$C$27:$C$82,1)),INDEX('p-y mono_clay'!$AV$27:$AV$5000,MATCH($B58,'p-y mono_clay'!$C$27:$C$5000,1)))</f>
        <v>90</v>
      </c>
      <c r="Y58">
        <f>IF($D58="SAND",INDEX('p-y sand'!$AW$27:$AW$5000,MATCH($B58,'p-y sand'!$C$27:$C$5000,1)),INDEX('p-y mono_clay'!$BJ$27:$BJ$5000,MATCH($B58,'p-y mono_clay'!$C$27:$C$5000,1)))</f>
        <v>47054.60783585324</v>
      </c>
      <c r="Z58">
        <f>IF($D58="SAND",INDEX('p-y sand'!$AJ$27:$AJ$5000,MATCH($B58,'p-y sand'!$C$27:$C$82,1)),INDEX('p-y mono_clay'!$AW$27:$AW$5000,MATCH($B58,'p-y mono_clay'!$C$27:$C$5000,1)))</f>
        <v>100</v>
      </c>
      <c r="AA58">
        <f>IF($D58="SAND",INDEX('p-y sand'!$AX$27:$AX$5000,MATCH($B58,'p-y sand'!$C$27:$C$5000,1)),INDEX('p-y mono_clay'!$BK$27:$BK$5000,MATCH($B58,'p-y mono_clay'!$C$27:$C$5000,1)))</f>
        <v>47305.486763255263</v>
      </c>
      <c r="AB58">
        <f>IF($D58="SAND",INDEX('p-y sand'!$AK$27:$AK$5000,MATCH($B58,'p-y sand'!$C$27:$C$82,1)),INDEX('p-y mono_clay'!$AX$27:$AX$5000,MATCH($B58,'p-y mono_clay'!$C$27:$C$5000,1)))</f>
        <v>110</v>
      </c>
      <c r="AC58">
        <f>IF($D58="SAND",INDEX('p-y sand'!$AY$27:$AY$5000,MATCH($B58,'p-y sand'!$C$27:$C$5000,1)),INDEX('p-y mono_clay'!$BL$27:$BL$5000,MATCH($B58,'p-y mono_clay'!$C$27:$C$5000,1)))</f>
        <v>47458.351910935766</v>
      </c>
      <c r="AD58" s="98">
        <f>IF($D58="SAND",INDEX('p-y sand'!$AL$27:$AL$5000,MATCH($B58,'p-y sand'!$C$27:$C$82,1)),INDEX('p-y mono_clay'!$AY$27:$AY$5000,MATCH($B58,'p-y mono_clay'!$C$27:$C$5000,1)))</f>
        <v>120</v>
      </c>
    </row>
    <row r="59" spans="1:30" x14ac:dyDescent="0.2">
      <c r="A59" s="214">
        <f t="shared" si="0"/>
        <v>-69.5</v>
      </c>
      <c r="B59" s="216">
        <f>'p-y mono_clay'!C80</f>
        <v>54</v>
      </c>
      <c r="C59">
        <f>INDEX('CPT Data'!$C$13:$C$20000,MATCH(B59,'CPT Data'!$B$13:$B$20000,1))</f>
        <v>53.992000000000004</v>
      </c>
      <c r="D59" s="216" t="str">
        <f>INDEX('CPT Data'!$P$13:$P$20000,MATCH(B59,'CPT Data'!$B$13:$B$20000,1))</f>
        <v>SAND</v>
      </c>
      <c r="E59">
        <f>IF($D59="SAND",INDEX('p-y sand'!$AM$27:$AM$20000,MATCH($B59,'p-y sand'!$C$27:$C$20000,1)),INDEX('p-y mono_clay'!$AZ$27:$AZ$20000,MATCH($B59,'p-y mono_clay'!$C$27:$C$20000,1)))</f>
        <v>0</v>
      </c>
      <c r="F59">
        <f>IF($D59="SAND",INDEX('p-y sand'!$Z$27:$Z$5000,MATCH($B59,'p-y sand'!$C$27:$C$82,1)),INDEX('p-y mono_clay'!$AM$27:$AM$5000,MATCH($B59,'p-y mono_clay'!$C$27:$C$5000,1)))</f>
        <v>0</v>
      </c>
      <c r="G59">
        <f>IF($D59="SAND",INDEX('p-y sand'!$AN$27:$AN$5000,MATCH($B59,'p-y sand'!$C$27:$C$5000,1)),INDEX('p-y mono_clay'!$BA$27:$BA$5000,MATCH($B59,'p-y mono_clay'!$C$27:$C$5000,1)))</f>
        <v>10780.108644808197</v>
      </c>
      <c r="H59">
        <f>IF($D59="SAND",INDEX('p-y sand'!$AA$27:$AA$5000,MATCH($B59,'p-y sand'!$C$27:$C$82,1)),INDEX('p-y mono_clay'!$AN$27:$AN$5000,MATCH($B59,'p-y mono_clay'!$C$27:$C$5000,1)))</f>
        <v>10</v>
      </c>
      <c r="I59">
        <f>IF($D59="SAND",INDEX('p-y sand'!$AO$27:$AO$5000,MATCH($B59,'p-y sand'!$C$27:$C$5000,1)),INDEX('p-y mono_clay'!$BB$27:$BB$5000,MATCH($B59,'p-y mono_clay'!$C$27:$C$5000,1)))</f>
        <v>20417.864105521407</v>
      </c>
      <c r="J59">
        <f>IF($D59="SAND",INDEX('p-y sand'!$AB$27:$AB$5000,MATCH($B59,'p-y sand'!$C$27:$C$82,1)),INDEX('p-y mono_clay'!$AO$27:$AO$5000,MATCH($B59,'p-y mono_clay'!$C$27:$C$5000,1)))</f>
        <v>20</v>
      </c>
      <c r="K59">
        <f>IF($D59="SAND",INDEX('p-y sand'!$AP$27:$AP$5000,MATCH($B59,'p-y sand'!$C$27:$C$5000,1)),INDEX('p-y mono_clay'!$BC$27:$BC$5000,MATCH($B59,'p-y mono_clay'!$C$27:$C$5000,1)))</f>
        <v>28208.732439050182</v>
      </c>
      <c r="L59">
        <f>IF($D59="SAND",INDEX('p-y sand'!$AC$27:$AC$5000,MATCH($B59,'p-y sand'!$C$27:$C$82,1)),INDEX('p-y mono_clay'!$AP$27:$AP$5000,MATCH($B59,'p-y mono_clay'!$C$27:$C$5000,1)))</f>
        <v>30</v>
      </c>
      <c r="M59">
        <f>IF($D59="SAND",INDEX('p-y sand'!$AQ$27:$AQ$5000,MATCH($B59,'p-y sand'!$C$27:$C$5000,1)),INDEX('p-y mono_clay'!$BD$27:$BD$5000,MATCH($B59,'p-y mono_clay'!$C$27:$C$5000,1)))</f>
        <v>34009.7110991054</v>
      </c>
      <c r="N59">
        <f>IF($D59="SAND",INDEX('p-y sand'!$AD$27:$AD$5000,MATCH($B59,'p-y sand'!$C$27:$C$82,1)),INDEX('p-y mono_clay'!$AQ$27:$AQ$5000,MATCH($B59,'p-y mono_clay'!$C$27:$C$5000,1)))</f>
        <v>40</v>
      </c>
      <c r="O59">
        <f>IF($D59="SAND",INDEX('p-y sand'!$AR$27:$AR$5000,MATCH($B59,'p-y sand'!$C$27:$C$5000,1)),INDEX('p-y mono_clay'!$BE$27:$BE$5000,MATCH($B59,'p-y mono_clay'!$C$27:$C$5000,1)))</f>
        <v>38070.063838855676</v>
      </c>
      <c r="P59">
        <f>IF($D59="SAND",INDEX('p-y sand'!$AE$27:$AE$5000,MATCH($B59,'p-y sand'!$C$27:$C$82,1)),INDEX('p-y mono_clay'!$AR$27:$AR$5000,MATCH($B59,'p-y mono_clay'!$C$27:$C$5000,1)))</f>
        <v>50</v>
      </c>
      <c r="Q59">
        <f>IF($D59="SAND",INDEX('p-y sand'!$AS$27:$AS$5000,MATCH($B59,'p-y sand'!$C$27:$C$5000,1)),INDEX('p-y mono_clay'!$BF$27:$BF$5000,MATCH($B59,'p-y mono_clay'!$C$27:$C$5000,1)))</f>
        <v>40790.621029758433</v>
      </c>
      <c r="R59">
        <f>IF($D59="SAND",INDEX('p-y sand'!$AF$27:$AF$5000,MATCH($B59,'p-y sand'!$C$27:$C$82,1)),INDEX('p-y mono_clay'!$AS$27:$AS$5000,MATCH($B59,'p-y mono_clay'!$C$27:$C$5000,1)))</f>
        <v>60</v>
      </c>
      <c r="S59">
        <f>IF($D59="SAND",INDEX('p-y sand'!$AT$27:$AT$5000,MATCH($B59,'p-y sand'!$C$27:$C$5000,1)),INDEX('p-y mono_clay'!$BG$27:$BG$5000,MATCH($B59,'p-y mono_clay'!$C$27:$C$5000,1)))</f>
        <v>42560.532067459302</v>
      </c>
      <c r="T59">
        <f>IF($D59="SAND",INDEX('p-y sand'!$AG$27:$AG$5000,MATCH($B59,'p-y sand'!$C$27:$C$82,1)),INDEX('p-y mono_clay'!$AT$27:$AT$5000,MATCH($B59,'p-y mono_clay'!$C$27:$C$5000,1)))</f>
        <v>70</v>
      </c>
      <c r="U59">
        <f>IF($D59="SAND",INDEX('p-y sand'!$AU$27:$AU$5000,MATCH($B59,'p-y sand'!$C$27:$C$5000,1)),INDEX('p-y mono_clay'!$BH$27:$BH$5000,MATCH($B59,'p-y mono_clay'!$C$27:$C$5000,1)))</f>
        <v>43690.001898240727</v>
      </c>
      <c r="V59">
        <f>IF($D59="SAND",INDEX('p-y sand'!$AH$27:$AH$5000,MATCH($B59,'p-y sand'!$C$27:$C$82,1)),INDEX('p-y mono_clay'!$AU$27:$AU$5000,MATCH($B59,'p-y mono_clay'!$C$27:$C$5000,1)))</f>
        <v>80</v>
      </c>
      <c r="W59">
        <f>IF($D59="SAND",INDEX('p-y sand'!$AV$27:$AV$5000,MATCH($B59,'p-y sand'!$C$27:$C$5000,1)),INDEX('p-y mono_clay'!$BI$27:$BI$5000,MATCH($B59,'p-y mono_clay'!$C$27:$C$5000,1)))</f>
        <v>44401.932524128482</v>
      </c>
      <c r="X59">
        <f>IF($D59="SAND",INDEX('p-y sand'!$AI$27:$AI$5000,MATCH($B59,'p-y sand'!$C$27:$C$82,1)),INDEX('p-y mono_clay'!$AV$27:$AV$5000,MATCH($B59,'p-y mono_clay'!$C$27:$C$5000,1)))</f>
        <v>90</v>
      </c>
      <c r="Y59">
        <f>IF($D59="SAND",INDEX('p-y sand'!$AW$27:$AW$5000,MATCH($B59,'p-y sand'!$C$27:$C$5000,1)),INDEX('p-y mono_clay'!$BJ$27:$BJ$5000,MATCH($B59,'p-y mono_clay'!$C$27:$C$5000,1)))</f>
        <v>44847.193248259726</v>
      </c>
      <c r="Z59">
        <f>IF($D59="SAND",INDEX('p-y sand'!$AJ$27:$AJ$5000,MATCH($B59,'p-y sand'!$C$27:$C$82,1)),INDEX('p-y mono_clay'!$AW$27:$AW$5000,MATCH($B59,'p-y mono_clay'!$C$27:$C$5000,1)))</f>
        <v>100</v>
      </c>
      <c r="AA59">
        <f>IF($D59="SAND",INDEX('p-y sand'!$AX$27:$AX$5000,MATCH($B59,'p-y sand'!$C$27:$C$5000,1)),INDEX('p-y mono_clay'!$BK$27:$BK$5000,MATCH($B59,'p-y mono_clay'!$C$27:$C$5000,1)))</f>
        <v>45124.314676233902</v>
      </c>
      <c r="AB59">
        <f>IF($D59="SAND",INDEX('p-y sand'!$AK$27:$AK$5000,MATCH($B59,'p-y sand'!$C$27:$C$82,1)),INDEX('p-y mono_clay'!$AX$27:$AX$5000,MATCH($B59,'p-y mono_clay'!$C$27:$C$5000,1)))</f>
        <v>110</v>
      </c>
      <c r="AC59">
        <f>IF($D59="SAND",INDEX('p-y sand'!$AY$27:$AY$5000,MATCH($B59,'p-y sand'!$C$27:$C$5000,1)),INDEX('p-y mono_clay'!$BL$27:$BL$5000,MATCH($B59,'p-y mono_clay'!$C$27:$C$5000,1)))</f>
        <v>45296.265613667056</v>
      </c>
      <c r="AD59" s="98">
        <f>IF($D59="SAND",INDEX('p-y sand'!$AL$27:$AL$5000,MATCH($B59,'p-y sand'!$C$27:$C$82,1)),INDEX('p-y mono_clay'!$AY$27:$AY$5000,MATCH($B59,'p-y mono_clay'!$C$27:$C$5000,1)))</f>
        <v>120</v>
      </c>
    </row>
    <row r="60" spans="1:30" x14ac:dyDescent="0.2">
      <c r="A60" s="214">
        <f t="shared" si="0"/>
        <v>-70.5</v>
      </c>
      <c r="B60" s="216">
        <f>'p-y mono_clay'!C81</f>
        <v>55</v>
      </c>
      <c r="C60">
        <f>INDEX('CPT Data'!$C$13:$C$20000,MATCH(B60,'CPT Data'!$B$13:$B$20000,1))</f>
        <v>54.987000000000002</v>
      </c>
      <c r="D60" s="216" t="str">
        <f>INDEX('CPT Data'!$P$13:$P$20000,MATCH(B60,'CPT Data'!$B$13:$B$20000,1))</f>
        <v>SAND</v>
      </c>
      <c r="E60">
        <f>IF($D60="SAND",INDEX('p-y sand'!$AM$27:$AM$20000,MATCH($B60,'p-y sand'!$C$27:$C$20000,1)),INDEX('p-y mono_clay'!$AZ$27:$AZ$20000,MATCH($B60,'p-y mono_clay'!$C$27:$C$20000,1)))</f>
        <v>0</v>
      </c>
      <c r="F60">
        <f>IF($D60="SAND",INDEX('p-y sand'!$Z$27:$Z$5000,MATCH($B60,'p-y sand'!$C$27:$C$82,1)),INDEX('p-y mono_clay'!$AM$27:$AM$5000,MATCH($B60,'p-y mono_clay'!$C$27:$C$5000,1)))</f>
        <v>0</v>
      </c>
      <c r="G60">
        <f>IF($D60="SAND",INDEX('p-y sand'!$AN$27:$AN$5000,MATCH($B60,'p-y sand'!$C$27:$C$5000,1)),INDEX('p-y mono_clay'!$BA$27:$BA$5000,MATCH($B60,'p-y mono_clay'!$C$27:$C$5000,1)))</f>
        <v>15480.202900174512</v>
      </c>
      <c r="H60">
        <f>IF($D60="SAND",INDEX('p-y sand'!$AA$27:$AA$5000,MATCH($B60,'p-y sand'!$C$27:$C$82,1)),INDEX('p-y mono_clay'!$AN$27:$AN$5000,MATCH($B60,'p-y mono_clay'!$C$27:$C$5000,1)))</f>
        <v>10</v>
      </c>
      <c r="I60">
        <f>IF($D60="SAND",INDEX('p-y sand'!$AO$27:$AO$5000,MATCH($B60,'p-y sand'!$C$27:$C$5000,1)),INDEX('p-y mono_clay'!$BB$27:$BB$5000,MATCH($B60,'p-y mono_clay'!$C$27:$C$5000,1)))</f>
        <v>29187.121754546828</v>
      </c>
      <c r="J60">
        <f>IF($D60="SAND",INDEX('p-y sand'!$AB$27:$AB$5000,MATCH($B60,'p-y sand'!$C$27:$C$82,1)),INDEX('p-y mono_clay'!$AO$27:$AO$5000,MATCH($B60,'p-y mono_clay'!$C$27:$C$5000,1)))</f>
        <v>20</v>
      </c>
      <c r="K60">
        <f>IF($D60="SAND",INDEX('p-y sand'!$AP$27:$AP$5000,MATCH($B60,'p-y sand'!$C$27:$C$5000,1)),INDEX('p-y mono_clay'!$BC$27:$BC$5000,MATCH($B60,'p-y mono_clay'!$C$27:$C$5000,1)))</f>
        <v>40076.492991133775</v>
      </c>
      <c r="L60">
        <f>IF($D60="SAND",INDEX('p-y sand'!$AC$27:$AC$5000,MATCH($B60,'p-y sand'!$C$27:$C$82,1)),INDEX('p-y mono_clay'!$AP$27:$AP$5000,MATCH($B60,'p-y mono_clay'!$C$27:$C$5000,1)))</f>
        <v>30</v>
      </c>
      <c r="M60">
        <f>IF($D60="SAND",INDEX('p-y sand'!$AQ$27:$AQ$5000,MATCH($B60,'p-y sand'!$C$27:$C$5000,1)),INDEX('p-y mono_clay'!$BD$27:$BD$5000,MATCH($B60,'p-y mono_clay'!$C$27:$C$5000,1)))</f>
        <v>48005.8701954805</v>
      </c>
      <c r="N60">
        <f>IF($D60="SAND",INDEX('p-y sand'!$AD$27:$AD$5000,MATCH($B60,'p-y sand'!$C$27:$C$82,1)),INDEX('p-y mono_clay'!$AQ$27:$AQ$5000,MATCH($B60,'p-y mono_clay'!$C$27:$C$5000,1)))</f>
        <v>40</v>
      </c>
      <c r="O60">
        <f>IF($D60="SAND",INDEX('p-y sand'!$AR$27:$AR$5000,MATCH($B60,'p-y sand'!$C$27:$C$5000,1)),INDEX('p-y mono_clay'!$BE$27:$BE$5000,MATCH($B60,'p-y mono_clay'!$C$27:$C$5000,1)))</f>
        <v>53421.003608778672</v>
      </c>
      <c r="P60">
        <f>IF($D60="SAND",INDEX('p-y sand'!$AE$27:$AE$5000,MATCH($B60,'p-y sand'!$C$27:$C$82,1)),INDEX('p-y mono_clay'!$AR$27:$AR$5000,MATCH($B60,'p-y mono_clay'!$C$27:$C$5000,1)))</f>
        <v>50</v>
      </c>
      <c r="Q60">
        <f>IF($D60="SAND",INDEX('p-y sand'!$AS$27:$AS$5000,MATCH($B60,'p-y sand'!$C$27:$C$5000,1)),INDEX('p-y mono_clay'!$BF$27:$BF$5000,MATCH($B60,'p-y mono_clay'!$C$27:$C$5000,1)))</f>
        <v>56958.995223315433</v>
      </c>
      <c r="R60">
        <f>IF($D60="SAND",INDEX('p-y sand'!$AF$27:$AF$5000,MATCH($B60,'p-y sand'!$C$27:$C$82,1)),INDEX('p-y mono_clay'!$AS$27:$AS$5000,MATCH($B60,'p-y mono_clay'!$C$27:$C$5000,1)))</f>
        <v>60</v>
      </c>
      <c r="S60">
        <f>IF($D60="SAND",INDEX('p-y sand'!$AT$27:$AT$5000,MATCH($B60,'p-y sand'!$C$27:$C$5000,1)),INDEX('p-y mono_clay'!$BG$27:$BG$5000,MATCH($B60,'p-y mono_clay'!$C$27:$C$5000,1)))</f>
        <v>59204.166603845559</v>
      </c>
      <c r="T60">
        <f>IF($D60="SAND",INDEX('p-y sand'!$AG$27:$AG$5000,MATCH($B60,'p-y sand'!$C$27:$C$82,1)),INDEX('p-y mono_clay'!$AT$27:$AT$5000,MATCH($B60,'p-y mono_clay'!$C$27:$C$5000,1)))</f>
        <v>70</v>
      </c>
      <c r="U60">
        <f>IF($D60="SAND",INDEX('p-y sand'!$AU$27:$AU$5000,MATCH($B60,'p-y sand'!$C$27:$C$5000,1)),INDEX('p-y mono_clay'!$BH$27:$BH$5000,MATCH($B60,'p-y mono_clay'!$C$27:$C$5000,1)))</f>
        <v>60602.68719748946</v>
      </c>
      <c r="V60">
        <f>IF($D60="SAND",INDEX('p-y sand'!$AH$27:$AH$5000,MATCH($B60,'p-y sand'!$C$27:$C$82,1)),INDEX('p-y mono_clay'!$AU$27:$AU$5000,MATCH($B60,'p-y mono_clay'!$C$27:$C$5000,1)))</f>
        <v>80</v>
      </c>
      <c r="W60">
        <f>IF($D60="SAND",INDEX('p-y sand'!$AV$27:$AV$5000,MATCH($B60,'p-y sand'!$C$27:$C$5000,1)),INDEX('p-y mono_clay'!$BI$27:$BI$5000,MATCH($B60,'p-y mono_clay'!$C$27:$C$5000,1)))</f>
        <v>61463.76371450357</v>
      </c>
      <c r="X60">
        <f>IF($D60="SAND",INDEX('p-y sand'!$AI$27:$AI$5000,MATCH($B60,'p-y sand'!$C$27:$C$82,1)),INDEX('p-y mono_clay'!$AV$27:$AV$5000,MATCH($B60,'p-y mono_clay'!$C$27:$C$5000,1)))</f>
        <v>90</v>
      </c>
      <c r="Y60">
        <f>IF($D60="SAND",INDEX('p-y sand'!$AW$27:$AW$5000,MATCH($B60,'p-y sand'!$C$27:$C$5000,1)),INDEX('p-y mono_clay'!$BJ$27:$BJ$5000,MATCH($B60,'p-y mono_clay'!$C$27:$C$5000,1)))</f>
        <v>61990.14512570759</v>
      </c>
      <c r="Z60">
        <f>IF($D60="SAND",INDEX('p-y sand'!$AJ$27:$AJ$5000,MATCH($B60,'p-y sand'!$C$27:$C$82,1)),INDEX('p-y mono_clay'!$AW$27:$AW$5000,MATCH($B60,'p-y mono_clay'!$C$27:$C$5000,1)))</f>
        <v>100</v>
      </c>
      <c r="AA60">
        <f>IF($D60="SAND",INDEX('p-y sand'!$AX$27:$AX$5000,MATCH($B60,'p-y sand'!$C$27:$C$5000,1)),INDEX('p-y mono_clay'!$BK$27:$BK$5000,MATCH($B60,'p-y mono_clay'!$C$27:$C$5000,1)))</f>
        <v>62310.516005767546</v>
      </c>
      <c r="AB60">
        <f>IF($D60="SAND",INDEX('p-y sand'!$AK$27:$AK$5000,MATCH($B60,'p-y sand'!$C$27:$C$82,1)),INDEX('p-y mono_clay'!$AX$27:$AX$5000,MATCH($B60,'p-y mono_clay'!$C$27:$C$5000,1)))</f>
        <v>110</v>
      </c>
      <c r="AC60">
        <f>IF($D60="SAND",INDEX('p-y sand'!$AY$27:$AY$5000,MATCH($B60,'p-y sand'!$C$27:$C$5000,1)),INDEX('p-y mono_clay'!$BL$27:$BL$5000,MATCH($B60,'p-y mono_clay'!$C$27:$C$5000,1)))</f>
        <v>62504.982280135519</v>
      </c>
      <c r="AD60" s="98">
        <f>IF($D60="SAND",INDEX('p-y sand'!$AL$27:$AL$5000,MATCH($B60,'p-y sand'!$C$27:$C$82,1)),INDEX('p-y mono_clay'!$AY$27:$AY$5000,MATCH($B60,'p-y mono_clay'!$C$27:$C$5000,1)))</f>
        <v>120</v>
      </c>
    </row>
    <row r="61" spans="1:30" s="100" customFormat="1" ht="13.5" thickBot="1" x14ac:dyDescent="0.25">
      <c r="A61" s="214">
        <f t="shared" si="0"/>
        <v>-71.5</v>
      </c>
      <c r="B61" s="216">
        <f>'p-y mono_clay'!C82</f>
        <v>56</v>
      </c>
      <c r="C61">
        <f>INDEX('CPT Data'!$C$13:$C$20000,MATCH(B61,'CPT Data'!$B$13:$B$20000,1))</f>
        <v>55.989000000000004</v>
      </c>
      <c r="D61" s="216" t="str">
        <f>INDEX('CPT Data'!$P$13:$P$20000,MATCH(B61,'CPT Data'!$B$13:$B$20000,1))</f>
        <v>SAND</v>
      </c>
      <c r="E61">
        <f>IF($D61="SAND",INDEX('p-y sand'!$AM$27:$AM$20000,MATCH($B61,'p-y sand'!$C$27:$C$20000,1)),INDEX('p-y mono_clay'!$AZ$27:$AZ$20000,MATCH($B61,'p-y mono_clay'!$C$27:$C$20000,1)))</f>
        <v>0</v>
      </c>
      <c r="F61">
        <f>IF($D61="SAND",INDEX('p-y sand'!$Z$27:$Z$5000,MATCH($B61,'p-y sand'!$C$27:$C$82,1)),INDEX('p-y mono_clay'!$AM$27:$AM$5000,MATCH($B61,'p-y mono_clay'!$C$27:$C$5000,1)))</f>
        <v>0</v>
      </c>
      <c r="G61">
        <f>IF($D61="SAND",INDEX('p-y sand'!$AN$27:$AN$5000,MATCH($B61,'p-y sand'!$C$27:$C$5000,1)),INDEX('p-y mono_clay'!$BA$27:$BA$5000,MATCH($B61,'p-y mono_clay'!$C$27:$C$5000,1)))</f>
        <v>8423.3875860430508</v>
      </c>
      <c r="H61">
        <f>IF($D61="SAND",INDEX('p-y sand'!$AA$27:$AA$5000,MATCH($B61,'p-y sand'!$C$27:$C$82,1)),INDEX('p-y mono_clay'!$AN$27:$AN$5000,MATCH($B61,'p-y mono_clay'!$C$27:$C$5000,1)))</f>
        <v>10</v>
      </c>
      <c r="I61">
        <f>IF($D61="SAND",INDEX('p-y sand'!$AO$27:$AO$5000,MATCH($B61,'p-y sand'!$C$27:$C$5000,1)),INDEX('p-y mono_clay'!$BB$27:$BB$5000,MATCH($B61,'p-y mono_clay'!$C$27:$C$5000,1)))</f>
        <v>16028.848041724923</v>
      </c>
      <c r="J61">
        <f>IF($D61="SAND",INDEX('p-y sand'!$AB$27:$AB$5000,MATCH($B61,'p-y sand'!$C$27:$C$82,1)),INDEX('p-y mono_clay'!$AO$27:$AO$5000,MATCH($B61,'p-y mono_clay'!$C$27:$C$5000,1)))</f>
        <v>20</v>
      </c>
      <c r="K61">
        <f>IF($D61="SAND",INDEX('p-y sand'!$AP$27:$AP$5000,MATCH($B61,'p-y sand'!$C$27:$C$5000,1)),INDEX('p-y mono_clay'!$BC$27:$BC$5000,MATCH($B61,'p-y mono_clay'!$C$27:$C$5000,1)))</f>
        <v>22288.025498398238</v>
      </c>
      <c r="L61">
        <f>IF($D61="SAND",INDEX('p-y sand'!$AC$27:$AC$5000,MATCH($B61,'p-y sand'!$C$27:$C$82,1)),INDEX('p-y mono_clay'!$AP$27:$AP$5000,MATCH($B61,'p-y mono_clay'!$C$27:$C$5000,1)))</f>
        <v>30</v>
      </c>
      <c r="M61">
        <f>IF($D61="SAND",INDEX('p-y sand'!$AQ$27:$AQ$5000,MATCH($B61,'p-y sand'!$C$27:$C$5000,1)),INDEX('p-y mono_clay'!$BD$27:$BD$5000,MATCH($B61,'p-y mono_clay'!$C$27:$C$5000,1)))</f>
        <v>27058.044274231681</v>
      </c>
      <c r="N61">
        <f>IF($D61="SAND",INDEX('p-y sand'!$AD$27:$AD$5000,MATCH($B61,'p-y sand'!$C$27:$C$82,1)),INDEX('p-y mono_clay'!$AQ$27:$AQ$5000,MATCH($B61,'p-y mono_clay'!$C$27:$C$5000,1)))</f>
        <v>40</v>
      </c>
      <c r="O61">
        <f>IF($D61="SAND",INDEX('p-y sand'!$AR$27:$AR$5000,MATCH($B61,'p-y sand'!$C$27:$C$5000,1)),INDEX('p-y mono_clay'!$BE$27:$BE$5000,MATCH($B61,'p-y mono_clay'!$C$27:$C$5000,1)))</f>
        <v>30484.524024180038</v>
      </c>
      <c r="P61">
        <f>IF($D61="SAND",INDEX('p-y sand'!$AE$27:$AE$5000,MATCH($B61,'p-y sand'!$C$27:$C$82,1)),INDEX('p-y mono_clay'!$AR$27:$AR$5000,MATCH($B61,'p-y mono_clay'!$C$27:$C$5000,1)))</f>
        <v>50</v>
      </c>
      <c r="Q61">
        <f>IF($D61="SAND",INDEX('p-y sand'!$AS$27:$AS$5000,MATCH($B61,'p-y sand'!$C$27:$C$5000,1)),INDEX('p-y mono_clay'!$BF$27:$BF$5000,MATCH($B61,'p-y mono_clay'!$C$27:$C$5000,1)))</f>
        <v>32842.725559030318</v>
      </c>
      <c r="R61">
        <f>IF($D61="SAND",INDEX('p-y sand'!$AF$27:$AF$5000,MATCH($B61,'p-y sand'!$C$27:$C$82,1)),INDEX('p-y mono_clay'!$AS$27:$AS$5000,MATCH($B61,'p-y mono_clay'!$C$27:$C$5000,1)))</f>
        <v>60</v>
      </c>
      <c r="S61">
        <f>IF($D61="SAND",INDEX('p-y sand'!$AT$27:$AT$5000,MATCH($B61,'p-y sand'!$C$27:$C$5000,1)),INDEX('p-y mono_clay'!$BG$27:$BG$5000,MATCH($B61,'p-y mono_clay'!$C$27:$C$5000,1)))</f>
        <v>34418.270759503132</v>
      </c>
      <c r="T61">
        <f>IF($D61="SAND",INDEX('p-y sand'!$AG$27:$AG$5000,MATCH($B61,'p-y sand'!$C$27:$C$82,1)),INDEX('p-y mono_clay'!$AT$27:$AT$5000,MATCH($B61,'p-y mono_clay'!$C$27:$C$5000,1)))</f>
        <v>70</v>
      </c>
      <c r="U61">
        <f>IF($D61="SAND",INDEX('p-y sand'!$AU$27:$AU$5000,MATCH($B61,'p-y sand'!$C$27:$C$5000,1)),INDEX('p-y mono_clay'!$BH$27:$BH$5000,MATCH($B61,'p-y mono_clay'!$C$27:$C$5000,1)))</f>
        <v>35450.156054718929</v>
      </c>
      <c r="V61">
        <f>IF($D61="SAND",INDEX('p-y sand'!$AH$27:$AH$5000,MATCH($B61,'p-y sand'!$C$27:$C$82,1)),INDEX('p-y mono_clay'!$AU$27:$AU$5000,MATCH($B61,'p-y mono_clay'!$C$27:$C$5000,1)))</f>
        <v>80</v>
      </c>
      <c r="W61">
        <f>IF($D61="SAND",INDEX('p-y sand'!$AV$27:$AV$5000,MATCH($B61,'p-y sand'!$C$27:$C$5000,1)),INDEX('p-y mono_clay'!$BI$27:$BI$5000,MATCH($B61,'p-y mono_clay'!$C$27:$C$5000,1)))</f>
        <v>36117.189691243482</v>
      </c>
      <c r="X61">
        <f>IF($D61="SAND",INDEX('p-y sand'!$AI$27:$AI$5000,MATCH($B61,'p-y sand'!$C$27:$C$82,1)),INDEX('p-y mono_clay'!$AV$27:$AV$5000,MATCH($B61,'p-y mono_clay'!$C$27:$C$5000,1)))</f>
        <v>90</v>
      </c>
      <c r="Y61">
        <f>IF($D61="SAND",INDEX('p-y sand'!$AW$27:$AW$5000,MATCH($B61,'p-y sand'!$C$27:$C$5000,1)),INDEX('p-y mono_clay'!$BJ$27:$BJ$5000,MATCH($B61,'p-y mono_clay'!$C$27:$C$5000,1)))</f>
        <v>36544.734001709934</v>
      </c>
      <c r="Z61">
        <f>IF($D61="SAND",INDEX('p-y sand'!$AJ$27:$AJ$5000,MATCH($B61,'p-y sand'!$C$27:$C$82,1)),INDEX('p-y mono_clay'!$AW$27:$AW$5000,MATCH($B61,'p-y mono_clay'!$C$27:$C$5000,1)))</f>
        <v>100</v>
      </c>
      <c r="AA61">
        <f>IF($D61="SAND",INDEX('p-y sand'!$AX$27:$AX$5000,MATCH($B61,'p-y sand'!$C$27:$C$5000,1)),INDEX('p-y mono_clay'!$BK$27:$BK$5000,MATCH($B61,'p-y mono_clay'!$C$27:$C$5000,1)))</f>
        <v>36817.286597939659</v>
      </c>
      <c r="AB61">
        <f>IF($D61="SAND",INDEX('p-y sand'!$AK$27:$AK$5000,MATCH($B61,'p-y sand'!$C$27:$C$82,1)),INDEX('p-y mono_clay'!$AX$27:$AX$5000,MATCH($B61,'p-y mono_clay'!$C$27:$C$5000,1)))</f>
        <v>110</v>
      </c>
      <c r="AC61">
        <f>IF($D61="SAND",INDEX('p-y sand'!$AY$27:$AY$5000,MATCH($B61,'p-y sand'!$C$27:$C$5000,1)),INDEX('p-y mono_clay'!$BL$27:$BL$5000,MATCH($B61,'p-y mono_clay'!$C$27:$C$5000,1)))</f>
        <v>36990.43196933531</v>
      </c>
      <c r="AD61" s="98">
        <f>IF($D61="SAND",INDEX('p-y sand'!$AL$27:$AL$5000,MATCH($B61,'p-y sand'!$C$27:$C$82,1)),INDEX('p-y mono_clay'!$AY$27:$AY$5000,MATCH($B61,'p-y mono_clay'!$C$27:$C$5000,1)))</f>
        <v>120</v>
      </c>
    </row>
    <row r="62" spans="1:30" x14ac:dyDescent="0.2">
      <c r="A62" s="214">
        <f t="shared" si="0"/>
        <v>-72.5</v>
      </c>
      <c r="B62" s="216">
        <f>'p-y mono_clay'!C83</f>
        <v>57</v>
      </c>
      <c r="C62">
        <f>INDEX('CPT Data'!$C$13:$C$20000,MATCH(B62,'CPT Data'!$B$13:$B$20000,1))</f>
        <v>56.987000000000002</v>
      </c>
      <c r="D62" s="216" t="str">
        <f>INDEX('CPT Data'!$P$13:$P$20000,MATCH(B62,'CPT Data'!$B$13:$B$20000,1))</f>
        <v>SAND</v>
      </c>
      <c r="E62">
        <f>IF($D62="SAND",INDEX('p-y sand'!$AM$27:$AM$20000,MATCH($B62,'p-y sand'!$C$27:$C$20000,1)),INDEX('p-y mono_clay'!$AZ$27:$AZ$20000,MATCH($B62,'p-y mono_clay'!$C$27:$C$20000,1)))</f>
        <v>0</v>
      </c>
      <c r="F62">
        <f>IF($D62="SAND",INDEX('p-y sand'!$Z$27:$Z$5000,MATCH($B62,'p-y sand'!$C$27:$C$82,1)),INDEX('p-y mono_clay'!$AM$27:$AM$5000,MATCH($B62,'p-y mono_clay'!$C$27:$C$5000,1)))</f>
        <v>0</v>
      </c>
      <c r="G62">
        <f>IF($D62="SAND",INDEX('p-y sand'!$AN$27:$AN$5000,MATCH($B62,'p-y sand'!$C$27:$C$5000,1)),INDEX('p-y mono_clay'!$BA$27:$BA$5000,MATCH($B62,'p-y mono_clay'!$C$27:$C$5000,1)))</f>
        <v>11268.703925789896</v>
      </c>
      <c r="H62">
        <f>IF($D62="SAND",INDEX('p-y sand'!$AA$27:$AA$5000,MATCH($B62,'p-y sand'!$C$27:$C$82,1)),INDEX('p-y mono_clay'!$AN$27:$AN$5000,MATCH($B62,'p-y mono_clay'!$C$27:$C$5000,1)))</f>
        <v>10</v>
      </c>
      <c r="I62">
        <f>IF($D62="SAND",INDEX('p-y sand'!$AO$27:$AO$5000,MATCH($B62,'p-y sand'!$C$27:$C$5000,1)),INDEX('p-y mono_clay'!$BB$27:$BB$5000,MATCH($B62,'p-y mono_clay'!$C$27:$C$5000,1)))</f>
        <v>21614.963071581275</v>
      </c>
      <c r="J62">
        <f>IF($D62="SAND",INDEX('p-y sand'!$AB$27:$AB$5000,MATCH($B62,'p-y sand'!$C$27:$C$82,1)),INDEX('p-y mono_clay'!$AO$27:$AO$5000,MATCH($B62,'p-y mono_clay'!$C$27:$C$5000,1)))</f>
        <v>20</v>
      </c>
      <c r="K62">
        <f>IF($D62="SAND",INDEX('p-y sand'!$AP$27:$AP$5000,MATCH($B62,'p-y sand'!$C$27:$C$5000,1)),INDEX('p-y mono_clay'!$BC$27:$BC$5000,MATCH($B62,'p-y mono_clay'!$C$27:$C$5000,1)))</f>
        <v>30395.520252468275</v>
      </c>
      <c r="L62">
        <f>IF($D62="SAND",INDEX('p-y sand'!$AC$27:$AC$5000,MATCH($B62,'p-y sand'!$C$27:$C$82,1)),INDEX('p-y mono_clay'!$AP$27:$AP$5000,MATCH($B62,'p-y mono_clay'!$C$27:$C$5000,1)))</f>
        <v>30</v>
      </c>
      <c r="M62">
        <f>IF($D62="SAND",INDEX('p-y sand'!$AQ$27:$AQ$5000,MATCH($B62,'p-y sand'!$C$27:$C$5000,1)),INDEX('p-y mono_clay'!$BD$27:$BD$5000,MATCH($B62,'p-y mono_clay'!$C$27:$C$5000,1)))</f>
        <v>37363.256188760846</v>
      </c>
      <c r="N62">
        <f>IF($D62="SAND",INDEX('p-y sand'!$AD$27:$AD$5000,MATCH($B62,'p-y sand'!$C$27:$C$82,1)),INDEX('p-y mono_clay'!$AQ$27:$AQ$5000,MATCH($B62,'p-y mono_clay'!$C$27:$C$5000,1)))</f>
        <v>40</v>
      </c>
      <c r="O62">
        <f>IF($D62="SAND",INDEX('p-y sand'!$AR$27:$AR$5000,MATCH($B62,'p-y sand'!$C$27:$C$5000,1)),INDEX('p-y mono_clay'!$BE$27:$BE$5000,MATCH($B62,'p-y mono_clay'!$C$27:$C$5000,1)))</f>
        <v>42603.554523168496</v>
      </c>
      <c r="P62">
        <f>IF($D62="SAND",INDEX('p-y sand'!$AE$27:$AE$5000,MATCH($B62,'p-y sand'!$C$27:$C$82,1)),INDEX('p-y mono_clay'!$AR$27:$AR$5000,MATCH($B62,'p-y mono_clay'!$C$27:$C$5000,1)))</f>
        <v>50</v>
      </c>
      <c r="Q62">
        <f>IF($D62="SAND",INDEX('p-y sand'!$AS$27:$AS$5000,MATCH($B62,'p-y sand'!$C$27:$C$5000,1)),INDEX('p-y mono_clay'!$BF$27:$BF$5000,MATCH($B62,'p-y mono_clay'!$C$27:$C$5000,1)))</f>
        <v>46387.783074412837</v>
      </c>
      <c r="R62">
        <f>IF($D62="SAND",INDEX('p-y sand'!$AF$27:$AF$5000,MATCH($B62,'p-y sand'!$C$27:$C$82,1)),INDEX('p-y mono_clay'!$AS$27:$AS$5000,MATCH($B62,'p-y mono_clay'!$C$27:$C$5000,1)))</f>
        <v>60</v>
      </c>
      <c r="S62">
        <f>IF($D62="SAND",INDEX('p-y sand'!$AT$27:$AT$5000,MATCH($B62,'p-y sand'!$C$27:$C$5000,1)),INDEX('p-y mono_clay'!$BG$27:$BG$5000,MATCH($B62,'p-y mono_clay'!$C$27:$C$5000,1)))</f>
        <v>49041.084118175691</v>
      </c>
      <c r="T62">
        <f>IF($D62="SAND",INDEX('p-y sand'!$AG$27:$AG$5000,MATCH($B62,'p-y sand'!$C$27:$C$82,1)),INDEX('p-y mono_clay'!$AT$27:$AT$5000,MATCH($B62,'p-y mono_clay'!$C$27:$C$5000,1)))</f>
        <v>70</v>
      </c>
      <c r="U62">
        <f>IF($D62="SAND",INDEX('p-y sand'!$AU$27:$AU$5000,MATCH($B62,'p-y sand'!$C$27:$C$5000,1)),INDEX('p-y mono_clay'!$BH$27:$BH$5000,MATCH($B62,'p-y mono_clay'!$C$27:$C$5000,1)))</f>
        <v>50863.187584495521</v>
      </c>
      <c r="V62">
        <f>IF($D62="SAND",INDEX('p-y sand'!$AH$27:$AH$5000,MATCH($B62,'p-y sand'!$C$27:$C$82,1)),INDEX('p-y mono_clay'!$AU$27:$AU$5000,MATCH($B62,'p-y mono_clay'!$C$27:$C$5000,1)))</f>
        <v>80</v>
      </c>
      <c r="W62">
        <f>IF($D62="SAND",INDEX('p-y sand'!$AV$27:$AV$5000,MATCH($B62,'p-y sand'!$C$27:$C$5000,1)),INDEX('p-y mono_clay'!$BI$27:$BI$5000,MATCH($B62,'p-y mono_clay'!$C$27:$C$5000,1)))</f>
        <v>52096.699330475058</v>
      </c>
      <c r="X62">
        <f>IF($D62="SAND",INDEX('p-y sand'!$AI$27:$AI$5000,MATCH($B62,'p-y sand'!$C$27:$C$82,1)),INDEX('p-y mono_clay'!$AV$27:$AV$5000,MATCH($B62,'p-y mono_clay'!$C$27:$C$5000,1)))</f>
        <v>90</v>
      </c>
      <c r="Y62">
        <f>IF($D62="SAND",INDEX('p-y sand'!$AW$27:$AW$5000,MATCH($B62,'p-y sand'!$C$27:$C$5000,1)),INDEX('p-y mono_clay'!$BJ$27:$BJ$5000,MATCH($B62,'p-y mono_clay'!$C$27:$C$5000,1)))</f>
        <v>52923.680476630216</v>
      </c>
      <c r="Z62">
        <f>IF($D62="SAND",INDEX('p-y sand'!$AJ$27:$AJ$5000,MATCH($B62,'p-y sand'!$C$27:$C$82,1)),INDEX('p-y mono_clay'!$AW$27:$AW$5000,MATCH($B62,'p-y mono_clay'!$C$27:$C$5000,1)))</f>
        <v>100</v>
      </c>
      <c r="AA62">
        <f>IF($D62="SAND",INDEX('p-y sand'!$AX$27:$AX$5000,MATCH($B62,'p-y sand'!$C$27:$C$5000,1)),INDEX('p-y mono_clay'!$BK$27:$BK$5000,MATCH($B62,'p-y mono_clay'!$C$27:$C$5000,1)))</f>
        <v>53474.507937393908</v>
      </c>
      <c r="AB62">
        <f>IF($D62="SAND",INDEX('p-y sand'!$AK$27:$AK$5000,MATCH($B62,'p-y sand'!$C$27:$C$82,1)),INDEX('p-y mono_clay'!$AX$27:$AX$5000,MATCH($B62,'p-y mono_clay'!$C$27:$C$5000,1)))</f>
        <v>110</v>
      </c>
      <c r="AC62">
        <f>IF($D62="SAND",INDEX('p-y sand'!$AY$27:$AY$5000,MATCH($B62,'p-y sand'!$C$27:$C$5000,1)),INDEX('p-y mono_clay'!$BL$27:$BL$5000,MATCH($B62,'p-y mono_clay'!$C$27:$C$5000,1)))</f>
        <v>53839.805660617669</v>
      </c>
      <c r="AD62" s="98">
        <f>IF($D62="SAND",INDEX('p-y sand'!$AL$27:$AL$5000,MATCH($B62,'p-y sand'!$C$27:$C$82,1)),INDEX('p-y mono_clay'!$AY$27:$AY$5000,MATCH($B62,'p-y mono_clay'!$C$27:$C$5000,1)))</f>
        <v>120</v>
      </c>
    </row>
    <row r="63" spans="1:30" x14ac:dyDescent="0.2">
      <c r="A63" s="214">
        <f t="shared" si="0"/>
        <v>-73.5</v>
      </c>
      <c r="B63" s="216">
        <f>'p-y mono_clay'!C84</f>
        <v>58</v>
      </c>
      <c r="C63">
        <f>INDEX('CPT Data'!$C$13:$C$20000,MATCH(B63,'CPT Data'!$B$13:$B$20000,1))</f>
        <v>57.984000000000002</v>
      </c>
      <c r="D63" s="216" t="str">
        <f>INDEX('CPT Data'!$P$13:$P$20000,MATCH(B63,'CPT Data'!$B$13:$B$20000,1))</f>
        <v>SAND</v>
      </c>
      <c r="E63">
        <f>IF($D63="SAND",INDEX('p-y sand'!$AM$27:$AM$20000,MATCH($B63,'p-y sand'!$C$27:$C$20000,1)),INDEX('p-y mono_clay'!$AZ$27:$AZ$20000,MATCH($B63,'p-y mono_clay'!$C$27:$C$20000,1)))</f>
        <v>0</v>
      </c>
      <c r="F63">
        <f>IF($D63="SAND",INDEX('p-y sand'!$Z$27:$Z$5000,MATCH($B63,'p-y sand'!$C$27:$C$82,1)),INDEX('p-y mono_clay'!$AM$27:$AM$5000,MATCH($B63,'p-y mono_clay'!$C$27:$C$5000,1)))</f>
        <v>0</v>
      </c>
      <c r="G63">
        <f>IF($D63="SAND",INDEX('p-y sand'!$AN$27:$AN$5000,MATCH($B63,'p-y sand'!$C$27:$C$5000,1)),INDEX('p-y mono_clay'!$BA$27:$BA$5000,MATCH($B63,'p-y mono_clay'!$C$27:$C$5000,1)))</f>
        <v>10112.085733574399</v>
      </c>
      <c r="H63">
        <f>IF($D63="SAND",INDEX('p-y sand'!$AA$27:$AA$5000,MATCH($B63,'p-y sand'!$C$27:$C$82,1)),INDEX('p-y mono_clay'!$AN$27:$AN$5000,MATCH($B63,'p-y mono_clay'!$C$27:$C$5000,1)))</f>
        <v>10</v>
      </c>
      <c r="I63">
        <f>IF($D63="SAND",INDEX('p-y sand'!$AO$27:$AO$5000,MATCH($B63,'p-y sand'!$C$27:$C$5000,1)),INDEX('p-y mono_clay'!$BB$27:$BB$5000,MATCH($B63,'p-y mono_clay'!$C$27:$C$5000,1)))</f>
        <v>19742.905308953264</v>
      </c>
      <c r="J63">
        <f>IF($D63="SAND",INDEX('p-y sand'!$AB$27:$AB$5000,MATCH($B63,'p-y sand'!$C$27:$C$82,1)),INDEX('p-y mono_clay'!$AO$27:$AO$5000,MATCH($B63,'p-y mono_clay'!$C$27:$C$5000,1)))</f>
        <v>20</v>
      </c>
      <c r="K63">
        <f>IF($D63="SAND",INDEX('p-y sand'!$AP$27:$AP$5000,MATCH($B63,'p-y sand'!$C$27:$C$5000,1)),INDEX('p-y mono_clay'!$BC$27:$BC$5000,MATCH($B63,'p-y mono_clay'!$C$27:$C$5000,1)))</f>
        <v>28498.65010447555</v>
      </c>
      <c r="L63">
        <f>IF($D63="SAND",INDEX('p-y sand'!$AC$27:$AC$5000,MATCH($B63,'p-y sand'!$C$27:$C$82,1)),INDEX('p-y mono_clay'!$AP$27:$AP$5000,MATCH($B63,'p-y mono_clay'!$C$27:$C$5000,1)))</f>
        <v>30</v>
      </c>
      <c r="M63">
        <f>IF($D63="SAND",INDEX('p-y sand'!$AQ$27:$AQ$5000,MATCH($B63,'p-y sand'!$C$27:$C$5000,1)),INDEX('p-y mono_clay'!$BD$27:$BD$5000,MATCH($B63,'p-y mono_clay'!$C$27:$C$5000,1)))</f>
        <v>36128.688799384014</v>
      </c>
      <c r="N63">
        <f>IF($D63="SAND",INDEX('p-y sand'!$AD$27:$AD$5000,MATCH($B63,'p-y sand'!$C$27:$C$82,1)),INDEX('p-y mono_clay'!$AQ$27:$AQ$5000,MATCH($B63,'p-y mono_clay'!$C$27:$C$5000,1)))</f>
        <v>40</v>
      </c>
      <c r="O63">
        <f>IF($D63="SAND",INDEX('p-y sand'!$AR$27:$AR$5000,MATCH($B63,'p-y sand'!$C$27:$C$5000,1)),INDEX('p-y mono_clay'!$BE$27:$BE$5000,MATCH($B63,'p-y mono_clay'!$C$27:$C$5000,1)))</f>
        <v>42536.152362422232</v>
      </c>
      <c r="P63">
        <f>IF($D63="SAND",INDEX('p-y sand'!$AE$27:$AE$5000,MATCH($B63,'p-y sand'!$C$27:$C$82,1)),INDEX('p-y mono_clay'!$AR$27:$AR$5000,MATCH($B63,'p-y mono_clay'!$C$27:$C$5000,1)))</f>
        <v>50</v>
      </c>
      <c r="Q63">
        <f>IF($D63="SAND",INDEX('p-y sand'!$AS$27:$AS$5000,MATCH($B63,'p-y sand'!$C$27:$C$5000,1)),INDEX('p-y mono_clay'!$BF$27:$BF$5000,MATCH($B63,'p-y mono_clay'!$C$27:$C$5000,1)))</f>
        <v>47751.787729684358</v>
      </c>
      <c r="R63">
        <f>IF($D63="SAND",INDEX('p-y sand'!$AF$27:$AF$5000,MATCH($B63,'p-y sand'!$C$27:$C$82,1)),INDEX('p-y mono_clay'!$AS$27:$AS$5000,MATCH($B63,'p-y mono_clay'!$C$27:$C$5000,1)))</f>
        <v>60</v>
      </c>
      <c r="S63">
        <f>IF($D63="SAND",INDEX('p-y sand'!$AT$27:$AT$5000,MATCH($B63,'p-y sand'!$C$27:$C$5000,1)),INDEX('p-y mono_clay'!$BG$27:$BG$5000,MATCH($B63,'p-y mono_clay'!$C$27:$C$5000,1)))</f>
        <v>51890.60680454805</v>
      </c>
      <c r="T63">
        <f>IF($D63="SAND",INDEX('p-y sand'!$AG$27:$AG$5000,MATCH($B63,'p-y sand'!$C$27:$C$82,1)),INDEX('p-y mono_clay'!$AT$27:$AT$5000,MATCH($B63,'p-y mono_clay'!$C$27:$C$5000,1)))</f>
        <v>70</v>
      </c>
      <c r="U63">
        <f>IF($D63="SAND",INDEX('p-y sand'!$AU$27:$AU$5000,MATCH($B63,'p-y sand'!$C$27:$C$5000,1)),INDEX('p-y mono_clay'!$BH$27:$BH$5000,MATCH($B63,'p-y mono_clay'!$C$27:$C$5000,1)))</f>
        <v>55109.100334179369</v>
      </c>
      <c r="V63">
        <f>IF($D63="SAND",INDEX('p-y sand'!$AH$27:$AH$5000,MATCH($B63,'p-y sand'!$C$27:$C$82,1)),INDEX('p-y mono_clay'!$AU$27:$AU$5000,MATCH($B63,'p-y mono_clay'!$C$27:$C$5000,1)))</f>
        <v>80</v>
      </c>
      <c r="W63">
        <f>IF($D63="SAND",INDEX('p-y sand'!$AV$27:$AV$5000,MATCH($B63,'p-y sand'!$C$27:$C$5000,1)),INDEX('p-y mono_clay'!$BI$27:$BI$5000,MATCH($B63,'p-y mono_clay'!$C$27:$C$5000,1)))</f>
        <v>57572.731765541626</v>
      </c>
      <c r="X63">
        <f>IF($D63="SAND",INDEX('p-y sand'!$AI$27:$AI$5000,MATCH($B63,'p-y sand'!$C$27:$C$82,1)),INDEX('p-y mono_clay'!$AV$27:$AV$5000,MATCH($B63,'p-y mono_clay'!$C$27:$C$5000,1)))</f>
        <v>90</v>
      </c>
      <c r="Y63">
        <f>IF($D63="SAND",INDEX('p-y sand'!$AW$27:$AW$5000,MATCH($B63,'p-y sand'!$C$27:$C$5000,1)),INDEX('p-y mono_clay'!$BJ$27:$BJ$5000,MATCH($B63,'p-y mono_clay'!$C$27:$C$5000,1)))</f>
        <v>59435.862666587142</v>
      </c>
      <c r="Z63">
        <f>IF($D63="SAND",INDEX('p-y sand'!$AJ$27:$AJ$5000,MATCH($B63,'p-y sand'!$C$27:$C$82,1)),INDEX('p-y mono_clay'!$AW$27:$AW$5000,MATCH($B63,'p-y mono_clay'!$C$27:$C$5000,1)))</f>
        <v>100</v>
      </c>
      <c r="AA63">
        <f>IF($D63="SAND",INDEX('p-y sand'!$AX$27:$AX$5000,MATCH($B63,'p-y sand'!$C$27:$C$5000,1)),INDEX('p-y mono_clay'!$BK$27:$BK$5000,MATCH($B63,'p-y mono_clay'!$C$27:$C$5000,1)))</f>
        <v>60832.008188067382</v>
      </c>
      <c r="AB63">
        <f>IF($D63="SAND",INDEX('p-y sand'!$AK$27:$AK$5000,MATCH($B63,'p-y sand'!$C$27:$C$82,1)),INDEX('p-y mono_clay'!$AX$27:$AX$5000,MATCH($B63,'p-y mono_clay'!$C$27:$C$5000,1)))</f>
        <v>110</v>
      </c>
      <c r="AC63">
        <f>IF($D63="SAND",INDEX('p-y sand'!$AY$27:$AY$5000,MATCH($B63,'p-y sand'!$C$27:$C$5000,1)),INDEX('p-y mono_clay'!$BL$27:$BL$5000,MATCH($B63,'p-y mono_clay'!$C$27:$C$5000,1)))</f>
        <v>61871.047356418087</v>
      </c>
      <c r="AD63" s="98">
        <f>IF($D63="SAND",INDEX('p-y sand'!$AL$27:$AL$5000,MATCH($B63,'p-y sand'!$C$27:$C$82,1)),INDEX('p-y mono_clay'!$AY$27:$AY$5000,MATCH($B63,'p-y mono_clay'!$C$27:$C$5000,1)))</f>
        <v>120</v>
      </c>
    </row>
    <row r="64" spans="1:30" x14ac:dyDescent="0.2">
      <c r="A64" s="214">
        <f t="shared" si="0"/>
        <v>-74.5</v>
      </c>
      <c r="B64" s="216">
        <f>'p-y mono_clay'!C85</f>
        <v>59</v>
      </c>
      <c r="C64">
        <f>INDEX('CPT Data'!$C$13:$C$20000,MATCH(B64,'CPT Data'!$B$13:$B$20000,1))</f>
        <v>58.988</v>
      </c>
      <c r="D64" s="216" t="str">
        <f>INDEX('CPT Data'!$P$13:$P$20000,MATCH(B64,'CPT Data'!$B$13:$B$20000,1))</f>
        <v>SAND</v>
      </c>
      <c r="E64">
        <f>IF($D64="SAND",INDEX('p-y sand'!$AM$27:$AM$20000,MATCH($B64,'p-y sand'!$C$27:$C$20000,1)),INDEX('p-y mono_clay'!$AZ$27:$AZ$20000,MATCH($B64,'p-y mono_clay'!$C$27:$C$20000,1)))</f>
        <v>0</v>
      </c>
      <c r="F64">
        <f>IF($D64="SAND",INDEX('p-y sand'!$Z$27:$Z$5000,MATCH($B64,'p-y sand'!$C$27:$C$82,1)),INDEX('p-y mono_clay'!$AM$27:$AM$5000,MATCH($B64,'p-y mono_clay'!$C$27:$C$5000,1)))</f>
        <v>0</v>
      </c>
      <c r="G64">
        <f>IF($D64="SAND",INDEX('p-y sand'!$AN$27:$AN$5000,MATCH($B64,'p-y sand'!$C$27:$C$5000,1)),INDEX('p-y mono_clay'!$BA$27:$BA$5000,MATCH($B64,'p-y mono_clay'!$C$27:$C$5000,1)))</f>
        <v>15087.315124659839</v>
      </c>
      <c r="H64">
        <f>IF($D64="SAND",INDEX('p-y sand'!$AA$27:$AA$5000,MATCH($B64,'p-y sand'!$C$27:$C$82,1)),INDEX('p-y mono_clay'!$AN$27:$AN$5000,MATCH($B64,'p-y mono_clay'!$C$27:$C$5000,1)))</f>
        <v>10</v>
      </c>
      <c r="I64">
        <f>IF($D64="SAND",INDEX('p-y sand'!$AO$27:$AO$5000,MATCH($B64,'p-y sand'!$C$27:$C$5000,1)),INDEX('p-y mono_clay'!$BB$27:$BB$5000,MATCH($B64,'p-y mono_clay'!$C$27:$C$5000,1)))</f>
        <v>29358.851378795491</v>
      </c>
      <c r="J64">
        <f>IF($D64="SAND",INDEX('p-y sand'!$AB$27:$AB$5000,MATCH($B64,'p-y sand'!$C$27:$C$82,1)),INDEX('p-y mono_clay'!$AO$27:$AO$5000,MATCH($B64,'p-y mono_clay'!$C$27:$C$5000,1)))</f>
        <v>20</v>
      </c>
      <c r="K64">
        <f>IF($D64="SAND",INDEX('p-y sand'!$AP$27:$AP$5000,MATCH($B64,'p-y sand'!$C$27:$C$5000,1)),INDEX('p-y mono_clay'!$BC$27:$BC$5000,MATCH($B64,'p-y mono_clay'!$C$27:$C$5000,1)))</f>
        <v>42166.217487226211</v>
      </c>
      <c r="L64">
        <f>IF($D64="SAND",INDEX('p-y sand'!$AC$27:$AC$5000,MATCH($B64,'p-y sand'!$C$27:$C$82,1)),INDEX('p-y mono_clay'!$AP$27:$AP$5000,MATCH($B64,'p-y mono_clay'!$C$27:$C$5000,1)))</f>
        <v>30</v>
      </c>
      <c r="M64">
        <f>IF($D64="SAND",INDEX('p-y sand'!$AQ$27:$AQ$5000,MATCH($B64,'p-y sand'!$C$27:$C$5000,1)),INDEX('p-y mono_clay'!$BD$27:$BD$5000,MATCH($B64,'p-y mono_clay'!$C$27:$C$5000,1)))</f>
        <v>53127.739796598464</v>
      </c>
      <c r="N64">
        <f>IF($D64="SAND",INDEX('p-y sand'!$AD$27:$AD$5000,MATCH($B64,'p-y sand'!$C$27:$C$82,1)),INDEX('p-y mono_clay'!$AQ$27:$AQ$5000,MATCH($B64,'p-y mono_clay'!$C$27:$C$5000,1)))</f>
        <v>40</v>
      </c>
      <c r="O64">
        <f>IF($D64="SAND",INDEX('p-y sand'!$AR$27:$AR$5000,MATCH($B64,'p-y sand'!$C$27:$C$5000,1)),INDEX('p-y mono_clay'!$BE$27:$BE$5000,MATCH($B64,'p-y mono_clay'!$C$27:$C$5000,1)))</f>
        <v>62135.36251538989</v>
      </c>
      <c r="P64">
        <f>IF($D64="SAND",INDEX('p-y sand'!$AE$27:$AE$5000,MATCH($B64,'p-y sand'!$C$27:$C$82,1)),INDEX('p-y mono_clay'!$AR$27:$AR$5000,MATCH($B64,'p-y mono_clay'!$C$27:$C$5000,1)))</f>
        <v>50</v>
      </c>
      <c r="Q64">
        <f>IF($D64="SAND",INDEX('p-y sand'!$AS$27:$AS$5000,MATCH($B64,'p-y sand'!$C$27:$C$5000,1)),INDEX('p-y mono_clay'!$BF$27:$BF$5000,MATCH($B64,'p-y mono_clay'!$C$27:$C$5000,1)))</f>
        <v>69293.09668467984</v>
      </c>
      <c r="R64">
        <f>IF($D64="SAND",INDEX('p-y sand'!$AF$27:$AF$5000,MATCH($B64,'p-y sand'!$C$27:$C$82,1)),INDEX('p-y mono_clay'!$AS$27:$AS$5000,MATCH($B64,'p-y mono_clay'!$C$27:$C$5000,1)))</f>
        <v>60</v>
      </c>
      <c r="S64">
        <f>IF($D64="SAND",INDEX('p-y sand'!$AT$27:$AT$5000,MATCH($B64,'p-y sand'!$C$27:$C$5000,1)),INDEX('p-y mono_clay'!$BG$27:$BG$5000,MATCH($B64,'p-y mono_clay'!$C$27:$C$5000,1)))</f>
        <v>74830.681611257867</v>
      </c>
      <c r="T64">
        <f>IF($D64="SAND",INDEX('p-y sand'!$AG$27:$AG$5000,MATCH($B64,'p-y sand'!$C$27:$C$82,1)),INDEX('p-y mono_clay'!$AT$27:$AT$5000,MATCH($B64,'p-y mono_clay'!$C$27:$C$5000,1)))</f>
        <v>70</v>
      </c>
      <c r="U64">
        <f>IF($D64="SAND",INDEX('p-y sand'!$AU$27:$AU$5000,MATCH($B64,'p-y sand'!$C$27:$C$5000,1)),INDEX('p-y mono_clay'!$BH$27:$BH$5000,MATCH($B64,'p-y mono_clay'!$C$27:$C$5000,1)))</f>
        <v>79026.801649053537</v>
      </c>
      <c r="V64">
        <f>IF($D64="SAND",INDEX('p-y sand'!$AH$27:$AH$5000,MATCH($B64,'p-y sand'!$C$27:$C$82,1)),INDEX('p-y mono_clay'!$AU$27:$AU$5000,MATCH($B64,'p-y mono_clay'!$C$27:$C$5000,1)))</f>
        <v>80</v>
      </c>
      <c r="W64">
        <f>IF($D64="SAND",INDEX('p-y sand'!$AV$27:$AV$5000,MATCH($B64,'p-y sand'!$C$27:$C$5000,1)),INDEX('p-y mono_clay'!$BI$27:$BI$5000,MATCH($B64,'p-y mono_clay'!$C$27:$C$5000,1)))</f>
        <v>82156.665004194627</v>
      </c>
      <c r="X64">
        <f>IF($D64="SAND",INDEX('p-y sand'!$AI$27:$AI$5000,MATCH($B64,'p-y sand'!$C$27:$C$82,1)),INDEX('p-y mono_clay'!$AV$27:$AV$5000,MATCH($B64,'p-y mono_clay'!$C$27:$C$5000,1)))</f>
        <v>90</v>
      </c>
      <c r="Y64">
        <f>IF($D64="SAND",INDEX('p-y sand'!$AW$27:$AW$5000,MATCH($B64,'p-y sand'!$C$27:$C$5000,1)),INDEX('p-y mono_clay'!$BJ$27:$BJ$5000,MATCH($B64,'p-y mono_clay'!$C$27:$C$5000,1)))</f>
        <v>84463.85435349193</v>
      </c>
      <c r="Z64">
        <f>IF($D64="SAND",INDEX('p-y sand'!$AJ$27:$AJ$5000,MATCH($B64,'p-y sand'!$C$27:$C$82,1)),INDEX('p-y mono_clay'!$AW$27:$AW$5000,MATCH($B64,'p-y mono_clay'!$C$27:$C$5000,1)))</f>
        <v>100</v>
      </c>
      <c r="AA64">
        <f>IF($D64="SAND",INDEX('p-y sand'!$AX$27:$AX$5000,MATCH($B64,'p-y sand'!$C$27:$C$5000,1)),INDEX('p-y mono_clay'!$BK$27:$BK$5000,MATCH($B64,'p-y mono_clay'!$C$27:$C$5000,1)))</f>
        <v>86149.868922612281</v>
      </c>
      <c r="AB64">
        <f>IF($D64="SAND",INDEX('p-y sand'!$AK$27:$AK$5000,MATCH($B64,'p-y sand'!$C$27:$C$82,1)),INDEX('p-y mono_clay'!$AX$27:$AX$5000,MATCH($B64,'p-y mono_clay'!$C$27:$C$5000,1)))</f>
        <v>110</v>
      </c>
      <c r="AC64">
        <f>IF($D64="SAND",INDEX('p-y sand'!$AY$27:$AY$5000,MATCH($B64,'p-y sand'!$C$27:$C$5000,1)),INDEX('p-y mono_clay'!$BL$27:$BL$5000,MATCH($B64,'p-y mono_clay'!$C$27:$C$5000,1)))</f>
        <v>87374.13001057168</v>
      </c>
      <c r="AD64" s="98">
        <f>IF($D64="SAND",INDEX('p-y sand'!$AL$27:$AL$5000,MATCH($B64,'p-y sand'!$C$27:$C$82,1)),INDEX('p-y mono_clay'!$AY$27:$AY$5000,MATCH($B64,'p-y mono_clay'!$C$27:$C$5000,1)))</f>
        <v>120</v>
      </c>
    </row>
    <row r="65" spans="1:30" x14ac:dyDescent="0.2">
      <c r="A65" s="214">
        <f t="shared" si="0"/>
        <v>-75.5</v>
      </c>
      <c r="B65" s="216">
        <f>'p-y mono_clay'!C86</f>
        <v>60</v>
      </c>
      <c r="C65">
        <f>INDEX('CPT Data'!$C$13:$C$20000,MATCH(B65,'CPT Data'!$B$13:$B$20000,1))</f>
        <v>59.993000000000002</v>
      </c>
      <c r="D65" s="216" t="str">
        <f>INDEX('CPT Data'!$P$13:$P$20000,MATCH(B65,'CPT Data'!$B$13:$B$20000,1))</f>
        <v>SAND</v>
      </c>
      <c r="E65">
        <f>IF($D65="SAND",INDEX('p-y sand'!$AM$27:$AM$20000,MATCH($B65,'p-y sand'!$C$27:$C$20000,1)),INDEX('p-y mono_clay'!$AZ$27:$AZ$20000,MATCH($B65,'p-y mono_clay'!$C$27:$C$20000,1)))</f>
        <v>0</v>
      </c>
      <c r="F65">
        <f>IF($D65="SAND",INDEX('p-y sand'!$Z$27:$Z$5000,MATCH($B65,'p-y sand'!$C$27:$C$82,1)),INDEX('p-y mono_clay'!$AM$27:$AM$5000,MATCH($B65,'p-y mono_clay'!$C$27:$C$5000,1)))</f>
        <v>0</v>
      </c>
      <c r="G65">
        <f>IF($D65="SAND",INDEX('p-y sand'!$AN$27:$AN$5000,MATCH($B65,'p-y sand'!$C$27:$C$5000,1)),INDEX('p-y mono_clay'!$BA$27:$BA$5000,MATCH($B65,'p-y mono_clay'!$C$27:$C$5000,1)))</f>
        <v>18278.464342095111</v>
      </c>
      <c r="H65">
        <f>IF($D65="SAND",INDEX('p-y sand'!$AA$27:$AA$5000,MATCH($B65,'p-y sand'!$C$27:$C$82,1)),INDEX('p-y mono_clay'!$AN$27:$AN$5000,MATCH($B65,'p-y mono_clay'!$C$27:$C$5000,1)))</f>
        <v>10</v>
      </c>
      <c r="I65">
        <f>IF($D65="SAND",INDEX('p-y sand'!$AO$27:$AO$5000,MATCH($B65,'p-y sand'!$C$27:$C$5000,1)),INDEX('p-y mono_clay'!$BB$27:$BB$5000,MATCH($B65,'p-y mono_clay'!$C$27:$C$5000,1)))</f>
        <v>35806.562530800307</v>
      </c>
      <c r="J65">
        <f>IF($D65="SAND",INDEX('p-y sand'!$AB$27:$AB$5000,MATCH($B65,'p-y sand'!$C$27:$C$82,1)),INDEX('p-y mono_clay'!$AO$27:$AO$5000,MATCH($B65,'p-y mono_clay'!$C$27:$C$5000,1)))</f>
        <v>20</v>
      </c>
      <c r="K65">
        <f>IF($D65="SAND",INDEX('p-y sand'!$AP$27:$AP$5000,MATCH($B65,'p-y sand'!$C$27:$C$5000,1)),INDEX('p-y mono_clay'!$BC$27:$BC$5000,MATCH($B65,'p-y mono_clay'!$C$27:$C$5000,1)))</f>
        <v>51952.285526535037</v>
      </c>
      <c r="L65">
        <f>IF($D65="SAND",INDEX('p-y sand'!$AC$27:$AC$5000,MATCH($B65,'p-y sand'!$C$27:$C$82,1)),INDEX('p-y mono_clay'!$AP$27:$AP$5000,MATCH($B65,'p-y mono_clay'!$C$27:$C$5000,1)))</f>
        <v>30</v>
      </c>
      <c r="M65">
        <f>IF($D65="SAND",INDEX('p-y sand'!$AQ$27:$AQ$5000,MATCH($B65,'p-y sand'!$C$27:$C$5000,1)),INDEX('p-y mono_clay'!$BD$27:$BD$5000,MATCH($B65,'p-y mono_clay'!$C$27:$C$5000,1)))</f>
        <v>66282.75903264407</v>
      </c>
      <c r="N65">
        <f>IF($D65="SAND",INDEX('p-y sand'!$AD$27:$AD$5000,MATCH($B65,'p-y sand'!$C$27:$C$82,1)),INDEX('p-y mono_clay'!$AQ$27:$AQ$5000,MATCH($B65,'p-y mono_clay'!$C$27:$C$5000,1)))</f>
        <v>40</v>
      </c>
      <c r="O65">
        <f>IF($D65="SAND",INDEX('p-y sand'!$AR$27:$AR$5000,MATCH($B65,'p-y sand'!$C$27:$C$5000,1)),INDEX('p-y mono_clay'!$BE$27:$BE$5000,MATCH($B65,'p-y mono_clay'!$C$27:$C$5000,1)))</f>
        <v>78589.035817057025</v>
      </c>
      <c r="P65">
        <f>IF($D65="SAND",INDEX('p-y sand'!$AE$27:$AE$5000,MATCH($B65,'p-y sand'!$C$27:$C$82,1)),INDEX('p-y mono_clay'!$AR$27:$AR$5000,MATCH($B65,'p-y mono_clay'!$C$27:$C$5000,1)))</f>
        <v>50</v>
      </c>
      <c r="Q65">
        <f>IF($D65="SAND",INDEX('p-y sand'!$AS$27:$AS$5000,MATCH($B65,'p-y sand'!$C$27:$C$5000,1)),INDEX('p-y mono_clay'!$BF$27:$BF$5000,MATCH($B65,'p-y mono_clay'!$C$27:$C$5000,1)))</f>
        <v>88860.977332772862</v>
      </c>
      <c r="R65">
        <f>IF($D65="SAND",INDEX('p-y sand'!$AF$27:$AF$5000,MATCH($B65,'p-y sand'!$C$27:$C$82,1)),INDEX('p-y mono_clay'!$AS$27:$AS$5000,MATCH($B65,'p-y mono_clay'!$C$27:$C$5000,1)))</f>
        <v>60</v>
      </c>
      <c r="S65">
        <f>IF($D65="SAND",INDEX('p-y sand'!$AT$27:$AT$5000,MATCH($B65,'p-y sand'!$C$27:$C$5000,1)),INDEX('p-y mono_clay'!$BG$27:$BG$5000,MATCH($B65,'p-y mono_clay'!$C$27:$C$5000,1)))</f>
        <v>97233.45574656564</v>
      </c>
      <c r="T65">
        <f>IF($D65="SAND",INDEX('p-y sand'!$AG$27:$AG$5000,MATCH($B65,'p-y sand'!$C$27:$C$82,1)),INDEX('p-y mono_clay'!$AT$27:$AT$5000,MATCH($B65,'p-y mono_clay'!$C$27:$C$5000,1)))</f>
        <v>70</v>
      </c>
      <c r="U65">
        <f>IF($D65="SAND",INDEX('p-y sand'!$AU$27:$AU$5000,MATCH($B65,'p-y sand'!$C$27:$C$5000,1)),INDEX('p-y mono_clay'!$BH$27:$BH$5000,MATCH($B65,'p-y mono_clay'!$C$27:$C$5000,1)))</f>
        <v>103926.47271670109</v>
      </c>
      <c r="V65">
        <f>IF($D65="SAND",INDEX('p-y sand'!$AH$27:$AH$5000,MATCH($B65,'p-y sand'!$C$27:$C$82,1)),INDEX('p-y mono_clay'!$AU$27:$AU$5000,MATCH($B65,'p-y mono_clay'!$C$27:$C$5000,1)))</f>
        <v>80</v>
      </c>
      <c r="W65">
        <f>IF($D65="SAND",INDEX('p-y sand'!$AV$27:$AV$5000,MATCH($B65,'p-y sand'!$C$27:$C$5000,1)),INDEX('p-y mono_clay'!$BI$27:$BI$5000,MATCH($B65,'p-y mono_clay'!$C$27:$C$5000,1)))</f>
        <v>109194.34031214235</v>
      </c>
      <c r="X65">
        <f>IF($D65="SAND",INDEX('p-y sand'!$AI$27:$AI$5000,MATCH($B65,'p-y sand'!$C$27:$C$82,1)),INDEX('p-y mono_clay'!$AV$27:$AV$5000,MATCH($B65,'p-y mono_clay'!$C$27:$C$5000,1)))</f>
        <v>90</v>
      </c>
      <c r="Y65">
        <f>IF($D65="SAND",INDEX('p-y sand'!$AW$27:$AW$5000,MATCH($B65,'p-y sand'!$C$27:$C$5000,1)),INDEX('p-y mono_clay'!$BJ$27:$BJ$5000,MATCH($B65,'p-y mono_clay'!$C$27:$C$5000,1)))</f>
        <v>113289.98593702143</v>
      </c>
      <c r="Z65">
        <f>IF($D65="SAND",INDEX('p-y sand'!$AJ$27:$AJ$5000,MATCH($B65,'p-y sand'!$C$27:$C$82,1)),INDEX('p-y mono_clay'!$AW$27:$AW$5000,MATCH($B65,'p-y mono_clay'!$C$27:$C$5000,1)))</f>
        <v>100</v>
      </c>
      <c r="AA65">
        <f>IF($D65="SAND",INDEX('p-y sand'!$AX$27:$AX$5000,MATCH($B65,'p-y sand'!$C$27:$C$5000,1)),INDEX('p-y mono_clay'!$BK$27:$BK$5000,MATCH($B65,'p-y mono_clay'!$C$27:$C$5000,1)))</f>
        <v>116444.00184883835</v>
      </c>
      <c r="AB65">
        <f>IF($D65="SAND",INDEX('p-y sand'!$AK$27:$AK$5000,MATCH($B65,'p-y sand'!$C$27:$C$82,1)),INDEX('p-y mono_clay'!$AX$27:$AX$5000,MATCH($B65,'p-y mono_clay'!$C$27:$C$5000,1)))</f>
        <v>110</v>
      </c>
      <c r="AC65">
        <f>IF($D65="SAND",INDEX('p-y sand'!$AY$27:$AY$5000,MATCH($B65,'p-y sand'!$C$27:$C$5000,1)),INDEX('p-y mono_clay'!$BL$27:$BL$5000,MATCH($B65,'p-y mono_clay'!$C$27:$C$5000,1)))</f>
        <v>118855.0677762305</v>
      </c>
      <c r="AD65" s="98">
        <f>IF($D65="SAND",INDEX('p-y sand'!$AL$27:$AL$5000,MATCH($B65,'p-y sand'!$C$27:$C$82,1)),INDEX('p-y mono_clay'!$AY$27:$AY$5000,MATCH($B65,'p-y mono_clay'!$C$27:$C$5000,1)))</f>
        <v>120</v>
      </c>
    </row>
    <row r="66" spans="1:30" x14ac:dyDescent="0.2">
      <c r="A66" s="214">
        <f t="shared" si="0"/>
        <v>-76.5</v>
      </c>
      <c r="B66" s="216">
        <f>'p-y mono_clay'!C87</f>
        <v>61</v>
      </c>
      <c r="C66">
        <f>INDEX('CPT Data'!$C$13:$C$20000,MATCH(B66,'CPT Data'!$B$13:$B$20000,1))</f>
        <v>60.984999999999999</v>
      </c>
      <c r="D66" s="216" t="str">
        <f>INDEX('CPT Data'!$P$13:$P$20000,MATCH(B66,'CPT Data'!$B$13:$B$20000,1))</f>
        <v>SAND</v>
      </c>
      <c r="E66">
        <f>IF($D66="SAND",INDEX('p-y sand'!$AM$27:$AM$20000,MATCH($B66,'p-y sand'!$C$27:$C$20000,1)),INDEX('p-y mono_clay'!$AZ$27:$AZ$20000,MATCH($B66,'p-y mono_clay'!$C$27:$C$20000,1)))</f>
        <v>0</v>
      </c>
      <c r="F66">
        <f>IF($D66="SAND",INDEX('p-y sand'!$Z$27:$Z$5000,MATCH($B66,'p-y sand'!$C$27:$C$82,1)),INDEX('p-y mono_clay'!$AM$27:$AM$5000,MATCH($B66,'p-y mono_clay'!$C$27:$C$5000,1)))</f>
        <v>0</v>
      </c>
      <c r="G66">
        <f>IF($D66="SAND",INDEX('p-y sand'!$AN$27:$AN$5000,MATCH($B66,'p-y sand'!$C$27:$C$5000,1)),INDEX('p-y mono_clay'!$BA$27:$BA$5000,MATCH($B66,'p-y mono_clay'!$C$27:$C$5000,1)))</f>
        <v>11819.633103088272</v>
      </c>
      <c r="H66">
        <f>IF($D66="SAND",INDEX('p-y sand'!$AA$27:$AA$5000,MATCH($B66,'p-y sand'!$C$27:$C$82,1)),INDEX('p-y mono_clay'!$AN$27:$AN$5000,MATCH($B66,'p-y mono_clay'!$C$27:$C$5000,1)))</f>
        <v>10</v>
      </c>
      <c r="I66">
        <f>IF($D66="SAND",INDEX('p-y sand'!$AO$27:$AO$5000,MATCH($B66,'p-y sand'!$C$27:$C$5000,1)),INDEX('p-y mono_clay'!$BB$27:$BB$5000,MATCH($B66,'p-y mono_clay'!$C$27:$C$5000,1)))</f>
        <v>23292.619125906258</v>
      </c>
      <c r="J66">
        <f>IF($D66="SAND",INDEX('p-y sand'!$AB$27:$AB$5000,MATCH($B66,'p-y sand'!$C$27:$C$82,1)),INDEX('p-y mono_clay'!$AO$27:$AO$5000,MATCH($B66,'p-y mono_clay'!$C$27:$C$5000,1)))</f>
        <v>20</v>
      </c>
      <c r="K66">
        <f>IF($D66="SAND",INDEX('p-y sand'!$AP$27:$AP$5000,MATCH($B66,'p-y sand'!$C$27:$C$5000,1)),INDEX('p-y mono_clay'!$BC$27:$BC$5000,MATCH($B66,'p-y mono_clay'!$C$27:$C$5000,1)))</f>
        <v>34111.818280946587</v>
      </c>
      <c r="L66">
        <f>IF($D66="SAND",INDEX('p-y sand'!$AC$27:$AC$5000,MATCH($B66,'p-y sand'!$C$27:$C$82,1)),INDEX('p-y mono_clay'!$AP$27:$AP$5000,MATCH($B66,'p-y mono_clay'!$C$27:$C$5000,1)))</f>
        <v>30</v>
      </c>
      <c r="M66">
        <f>IF($D66="SAND",INDEX('p-y sand'!$AQ$27:$AQ$5000,MATCH($B66,'p-y sand'!$C$27:$C$5000,1)),INDEX('p-y mono_clay'!$BD$27:$BD$5000,MATCH($B66,'p-y mono_clay'!$C$27:$C$5000,1)))</f>
        <v>44039.907200279347</v>
      </c>
      <c r="N66">
        <f>IF($D66="SAND",INDEX('p-y sand'!$AD$27:$AD$5000,MATCH($B66,'p-y sand'!$C$27:$C$82,1)),INDEX('p-y mono_clay'!$AQ$27:$AQ$5000,MATCH($B66,'p-y mono_clay'!$C$27:$C$5000,1)))</f>
        <v>40</v>
      </c>
      <c r="O66">
        <f>IF($D66="SAND",INDEX('p-y sand'!$AR$27:$AR$5000,MATCH($B66,'p-y sand'!$C$27:$C$5000,1)),INDEX('p-y mono_clay'!$BE$27:$BE$5000,MATCH($B66,'p-y mono_clay'!$C$27:$C$5000,1)))</f>
        <v>52924.792509416933</v>
      </c>
      <c r="P66">
        <f>IF($D66="SAND",INDEX('p-y sand'!$AE$27:$AE$5000,MATCH($B66,'p-y sand'!$C$27:$C$82,1)),INDEX('p-y mono_clay'!$AR$27:$AR$5000,MATCH($B66,'p-y mono_clay'!$C$27:$C$5000,1)))</f>
        <v>50</v>
      </c>
      <c r="Q66">
        <f>IF($D66="SAND",INDEX('p-y sand'!$AS$27:$AS$5000,MATCH($B66,'p-y sand'!$C$27:$C$5000,1)),INDEX('p-y mono_clay'!$BF$27:$BF$5000,MATCH($B66,'p-y mono_clay'!$C$27:$C$5000,1)))</f>
        <v>60699.509045044659</v>
      </c>
      <c r="R66">
        <f>IF($D66="SAND",INDEX('p-y sand'!$AF$27:$AF$5000,MATCH($B66,'p-y sand'!$C$27:$C$82,1)),INDEX('p-y mono_clay'!$AS$27:$AS$5000,MATCH($B66,'p-y mono_clay'!$C$27:$C$5000,1)))</f>
        <v>60</v>
      </c>
      <c r="S66">
        <f>IF($D66="SAND",INDEX('p-y sand'!$AT$27:$AT$5000,MATCH($B66,'p-y sand'!$C$27:$C$5000,1)),INDEX('p-y mono_clay'!$BG$27:$BG$5000,MATCH($B66,'p-y mono_clay'!$C$27:$C$5000,1)))</f>
        <v>67370.197484624616</v>
      </c>
      <c r="T66">
        <f>IF($D66="SAND",INDEX('p-y sand'!$AG$27:$AG$5000,MATCH($B66,'p-y sand'!$C$27:$C$82,1)),INDEX('p-y mono_clay'!$AT$27:$AT$5000,MATCH($B66,'p-y mono_clay'!$C$27:$C$5000,1)))</f>
        <v>70</v>
      </c>
      <c r="U66">
        <f>IF($D66="SAND",INDEX('p-y sand'!$AU$27:$AU$5000,MATCH($B66,'p-y sand'!$C$27:$C$5000,1)),INDEX('p-y mono_clay'!$BH$27:$BH$5000,MATCH($B66,'p-y mono_clay'!$C$27:$C$5000,1)))</f>
        <v>72997.672189986231</v>
      </c>
      <c r="V66">
        <f>IF($D66="SAND",INDEX('p-y sand'!$AH$27:$AH$5000,MATCH($B66,'p-y sand'!$C$27:$C$82,1)),INDEX('p-y mono_clay'!$AU$27:$AU$5000,MATCH($B66,'p-y mono_clay'!$C$27:$C$5000,1)))</f>
        <v>80</v>
      </c>
      <c r="W66">
        <f>IF($D66="SAND",INDEX('p-y sand'!$AV$27:$AV$5000,MATCH($B66,'p-y sand'!$C$27:$C$5000,1)),INDEX('p-y mono_clay'!$BI$27:$BI$5000,MATCH($B66,'p-y mono_clay'!$C$27:$C$5000,1)))</f>
        <v>77677.754323785062</v>
      </c>
      <c r="X66">
        <f>IF($D66="SAND",INDEX('p-y sand'!$AI$27:$AI$5000,MATCH($B66,'p-y sand'!$C$27:$C$82,1)),INDEX('p-y mono_clay'!$AV$27:$AV$5000,MATCH($B66,'p-y mono_clay'!$C$27:$C$5000,1)))</f>
        <v>90</v>
      </c>
      <c r="Y66">
        <f>IF($D66="SAND",INDEX('p-y sand'!$AW$27:$AW$5000,MATCH($B66,'p-y sand'!$C$27:$C$5000,1)),INDEX('p-y mono_clay'!$BJ$27:$BJ$5000,MATCH($B66,'p-y mono_clay'!$C$27:$C$5000,1)))</f>
        <v>81523.924734231376</v>
      </c>
      <c r="Z66">
        <f>IF($D66="SAND",INDEX('p-y sand'!$AJ$27:$AJ$5000,MATCH($B66,'p-y sand'!$C$27:$C$82,1)),INDEX('p-y mono_clay'!$AW$27:$AW$5000,MATCH($B66,'p-y mono_clay'!$C$27:$C$5000,1)))</f>
        <v>100</v>
      </c>
      <c r="AA66">
        <f>IF($D66="SAND",INDEX('p-y sand'!$AX$27:$AX$5000,MATCH($B66,'p-y sand'!$C$27:$C$5000,1)),INDEX('p-y mono_clay'!$BK$27:$BK$5000,MATCH($B66,'p-y mono_clay'!$C$27:$C$5000,1)))</f>
        <v>84653.997992868259</v>
      </c>
      <c r="AB66">
        <f>IF($D66="SAND",INDEX('p-y sand'!$AK$27:$AK$5000,MATCH($B66,'p-y sand'!$C$27:$C$82,1)),INDEX('p-y mono_clay'!$AX$27:$AX$5000,MATCH($B66,'p-y mono_clay'!$C$27:$C$5000,1)))</f>
        <v>110</v>
      </c>
      <c r="AC66">
        <f>IF($D66="SAND",INDEX('p-y sand'!$AY$27:$AY$5000,MATCH($B66,'p-y sand'!$C$27:$C$5000,1)),INDEX('p-y mono_clay'!$BL$27:$BL$5000,MATCH($B66,'p-y mono_clay'!$C$27:$C$5000,1)))</f>
        <v>87181.080267940619</v>
      </c>
      <c r="AD66" s="98">
        <f>IF($D66="SAND",INDEX('p-y sand'!$AL$27:$AL$5000,MATCH($B66,'p-y sand'!$C$27:$C$82,1)),INDEX('p-y mono_clay'!$AY$27:$AY$5000,MATCH($B66,'p-y mono_clay'!$C$27:$C$5000,1)))</f>
        <v>120</v>
      </c>
    </row>
    <row r="67" spans="1:30" x14ac:dyDescent="0.2">
      <c r="A67" s="214">
        <f t="shared" si="0"/>
        <v>-77.5</v>
      </c>
      <c r="B67" s="216">
        <f>'p-y mono_clay'!C88</f>
        <v>62</v>
      </c>
      <c r="C67">
        <f>INDEX('CPT Data'!$C$13:$C$20000,MATCH(B67,'CPT Data'!$B$13:$B$20000,1))</f>
        <v>61.993000000000002</v>
      </c>
      <c r="D67" s="216" t="str">
        <f>INDEX('CPT Data'!$P$13:$P$20000,MATCH(B67,'CPT Data'!$B$13:$B$20000,1))</f>
        <v>SAND</v>
      </c>
      <c r="E67">
        <f>IF($D67="SAND",INDEX('p-y sand'!$AM$27:$AM$20000,MATCH($B67,'p-y sand'!$C$27:$C$20000,1)),INDEX('p-y mono_clay'!$AZ$27:$AZ$20000,MATCH($B67,'p-y mono_clay'!$C$27:$C$20000,1)))</f>
        <v>0</v>
      </c>
      <c r="F67">
        <f>IF($D67="SAND",INDEX('p-y sand'!$Z$27:$Z$5000,MATCH($B67,'p-y sand'!$C$27:$C$82,1)),INDEX('p-y mono_clay'!$AM$27:$AM$5000,MATCH($B67,'p-y mono_clay'!$C$27:$C$5000,1)))</f>
        <v>0</v>
      </c>
      <c r="G67">
        <f>IF($D67="SAND",INDEX('p-y sand'!$AN$27:$AN$5000,MATCH($B67,'p-y sand'!$C$27:$C$5000,1)),INDEX('p-y mono_clay'!$BA$27:$BA$5000,MATCH($B67,'p-y mono_clay'!$C$27:$C$5000,1)))</f>
        <v>9010.9333824293462</v>
      </c>
      <c r="H67">
        <f>IF($D67="SAND",INDEX('p-y sand'!$AA$27:$AA$5000,MATCH($B67,'p-y sand'!$C$27:$C$82,1)),INDEX('p-y mono_clay'!$AN$27:$AN$5000,MATCH($B67,'p-y mono_clay'!$C$27:$C$5000,1)))</f>
        <v>10</v>
      </c>
      <c r="I67">
        <f>IF($D67="SAND",INDEX('p-y sand'!$AO$27:$AO$5000,MATCH($B67,'p-y sand'!$C$27:$C$5000,1)),INDEX('p-y mono_clay'!$BB$27:$BB$5000,MATCH($B67,'p-y mono_clay'!$C$27:$C$5000,1)))</f>
        <v>17831.781006144425</v>
      </c>
      <c r="J67">
        <f>IF($D67="SAND",INDEX('p-y sand'!$AB$27:$AB$5000,MATCH($B67,'p-y sand'!$C$27:$C$82,1)),INDEX('p-y mono_clay'!$AO$27:$AO$5000,MATCH($B67,'p-y mono_clay'!$C$27:$C$5000,1)))</f>
        <v>20</v>
      </c>
      <c r="K67">
        <f>IF($D67="SAND",INDEX('p-y sand'!$AP$27:$AP$5000,MATCH($B67,'p-y sand'!$C$27:$C$5000,1)),INDEX('p-y mono_clay'!$BC$27:$BC$5000,MATCH($B67,'p-y mono_clay'!$C$27:$C$5000,1)))</f>
        <v>26288.16519655153</v>
      </c>
      <c r="L67">
        <f>IF($D67="SAND",INDEX('p-y sand'!$AC$27:$AC$5000,MATCH($B67,'p-y sand'!$C$27:$C$82,1)),INDEX('p-y mono_clay'!$AP$27:$AP$5000,MATCH($B67,'p-y mono_clay'!$C$27:$C$5000,1)))</f>
        <v>30</v>
      </c>
      <c r="M67">
        <f>IF($D67="SAND",INDEX('p-y sand'!$AQ$27:$AQ$5000,MATCH($B67,'p-y sand'!$C$27:$C$5000,1)),INDEX('p-y mono_clay'!$BD$27:$BD$5000,MATCH($B67,'p-y mono_clay'!$C$27:$C$5000,1)))</f>
        <v>34234.444219730911</v>
      </c>
      <c r="N67">
        <f>IF($D67="SAND",INDEX('p-y sand'!$AD$27:$AD$5000,MATCH($B67,'p-y sand'!$C$27:$C$82,1)),INDEX('p-y mono_clay'!$AQ$27:$AQ$5000,MATCH($B67,'p-y mono_clay'!$C$27:$C$5000,1)))</f>
        <v>40</v>
      </c>
      <c r="O67">
        <f>IF($D67="SAND",INDEX('p-y sand'!$AR$27:$AR$5000,MATCH($B67,'p-y sand'!$C$27:$C$5000,1)),INDEX('p-y mono_clay'!$BE$27:$BE$5000,MATCH($B67,'p-y mono_clay'!$C$27:$C$5000,1)))</f>
        <v>41562.136878562356</v>
      </c>
      <c r="P67">
        <f>IF($D67="SAND",INDEX('p-y sand'!$AE$27:$AE$5000,MATCH($B67,'p-y sand'!$C$27:$C$82,1)),INDEX('p-y mono_clay'!$AR$27:$AR$5000,MATCH($B67,'p-y mono_clay'!$C$27:$C$5000,1)))</f>
        <v>50</v>
      </c>
      <c r="Q67">
        <f>IF($D67="SAND",INDEX('p-y sand'!$AS$27:$AS$5000,MATCH($B67,'p-y sand'!$C$27:$C$5000,1)),INDEX('p-y mono_clay'!$BF$27:$BF$5000,MATCH($B67,'p-y mono_clay'!$C$27:$C$5000,1)))</f>
        <v>48203.021870762954</v>
      </c>
      <c r="R67">
        <f>IF($D67="SAND",INDEX('p-y sand'!$AF$27:$AF$5000,MATCH($B67,'p-y sand'!$C$27:$C$82,1)),INDEX('p-y mono_clay'!$AS$27:$AS$5000,MATCH($B67,'p-y mono_clay'!$C$27:$C$5000,1)))</f>
        <v>60</v>
      </c>
      <c r="S67">
        <f>IF($D67="SAND",INDEX('p-y sand'!$AT$27:$AT$5000,MATCH($B67,'p-y sand'!$C$27:$C$5000,1)),INDEX('p-y mono_clay'!$BG$27:$BG$5000,MATCH($B67,'p-y mono_clay'!$C$27:$C$5000,1)))</f>
        <v>54127.383489989421</v>
      </c>
      <c r="T67">
        <f>IF($D67="SAND",INDEX('p-y sand'!$AG$27:$AG$5000,MATCH($B67,'p-y sand'!$C$27:$C$82,1)),INDEX('p-y mono_clay'!$AT$27:$AT$5000,MATCH($B67,'p-y mono_clay'!$C$27:$C$5000,1)))</f>
        <v>70</v>
      </c>
      <c r="U67">
        <f>IF($D67="SAND",INDEX('p-y sand'!$AU$27:$AU$5000,MATCH($B67,'p-y sand'!$C$27:$C$5000,1)),INDEX('p-y mono_clay'!$BH$27:$BH$5000,MATCH($B67,'p-y mono_clay'!$C$27:$C$5000,1)))</f>
        <v>59338.697257076252</v>
      </c>
      <c r="V67">
        <f>IF($D67="SAND",INDEX('p-y sand'!$AH$27:$AH$5000,MATCH($B67,'p-y sand'!$C$27:$C$82,1)),INDEX('p-y mono_clay'!$AU$27:$AU$5000,MATCH($B67,'p-y mono_clay'!$C$27:$C$5000,1)))</f>
        <v>80</v>
      </c>
      <c r="W67">
        <f>IF($D67="SAND",INDEX('p-y sand'!$AV$27:$AV$5000,MATCH($B67,'p-y sand'!$C$27:$C$5000,1)),INDEX('p-y mono_clay'!$BI$27:$BI$5000,MATCH($B67,'p-y mono_clay'!$C$27:$C$5000,1)))</f>
        <v>63866.357151197371</v>
      </c>
      <c r="X67">
        <f>IF($D67="SAND",INDEX('p-y sand'!$AI$27:$AI$5000,MATCH($B67,'p-y sand'!$C$27:$C$82,1)),INDEX('p-y mono_clay'!$AV$27:$AV$5000,MATCH($B67,'p-y mono_clay'!$C$27:$C$5000,1)))</f>
        <v>90</v>
      </c>
      <c r="Y67">
        <f>IF($D67="SAND",INDEX('p-y sand'!$AW$27:$AW$5000,MATCH($B67,'p-y sand'!$C$27:$C$5000,1)),INDEX('p-y mono_clay'!$BJ$27:$BJ$5000,MATCH($B67,'p-y mono_clay'!$C$27:$C$5000,1)))</f>
        <v>67757.91203852171</v>
      </c>
      <c r="Z67">
        <f>IF($D67="SAND",INDEX('p-y sand'!$AJ$27:$AJ$5000,MATCH($B67,'p-y sand'!$C$27:$C$82,1)),INDEX('p-y mono_clay'!$AW$27:$AW$5000,MATCH($B67,'p-y mono_clay'!$C$27:$C$5000,1)))</f>
        <v>100</v>
      </c>
      <c r="AA67">
        <f>IF($D67="SAND",INDEX('p-y sand'!$AX$27:$AX$5000,MATCH($B67,'p-y sand'!$C$27:$C$5000,1)),INDEX('p-y mono_clay'!$BK$27:$BK$5000,MATCH($B67,'p-y mono_clay'!$C$27:$C$5000,1)))</f>
        <v>71071.888323080013</v>
      </c>
      <c r="AB67">
        <f>IF($D67="SAND",INDEX('p-y sand'!$AK$27:$AK$5000,MATCH($B67,'p-y sand'!$C$27:$C$82,1)),INDEX('p-y mono_clay'!$AX$27:$AX$5000,MATCH($B67,'p-y mono_clay'!$C$27:$C$5000,1)))</f>
        <v>110</v>
      </c>
      <c r="AC67">
        <f>IF($D67="SAND",INDEX('p-y sand'!$AY$27:$AY$5000,MATCH($B67,'p-y sand'!$C$27:$C$5000,1)),INDEX('p-y mono_clay'!$BL$27:$BL$5000,MATCH($B67,'p-y mono_clay'!$C$27:$C$5000,1)))</f>
        <v>73871.818883006068</v>
      </c>
      <c r="AD67" s="98">
        <f>IF($D67="SAND",INDEX('p-y sand'!$AL$27:$AL$5000,MATCH($B67,'p-y sand'!$C$27:$C$82,1)),INDEX('p-y mono_clay'!$AY$27:$AY$5000,MATCH($B67,'p-y mono_clay'!$C$27:$C$5000,1)))</f>
        <v>120</v>
      </c>
    </row>
    <row r="68" spans="1:30" x14ac:dyDescent="0.2">
      <c r="A68" s="214">
        <f t="shared" si="0"/>
        <v>-78.5</v>
      </c>
      <c r="B68" s="216">
        <f>'p-y mono_clay'!C89</f>
        <v>63</v>
      </c>
      <c r="C68">
        <f>INDEX('CPT Data'!$C$13:$C$20000,MATCH(B68,'CPT Data'!$B$13:$B$20000,1))</f>
        <v>62.986000000000004</v>
      </c>
      <c r="D68" s="216" t="str">
        <f>INDEX('CPT Data'!$P$13:$P$20000,MATCH(B68,'CPT Data'!$B$13:$B$20000,1))</f>
        <v>SAND</v>
      </c>
      <c r="E68">
        <f>IF($D68="SAND",INDEX('p-y sand'!$AM$27:$AM$20000,MATCH($B68,'p-y sand'!$C$27:$C$20000,1)),INDEX('p-y mono_clay'!$AZ$27:$AZ$20000,MATCH($B68,'p-y mono_clay'!$C$27:$C$20000,1)))</f>
        <v>0</v>
      </c>
      <c r="F68">
        <f>IF($D68="SAND",INDEX('p-y sand'!$Z$27:$Z$5000,MATCH($B68,'p-y sand'!$C$27:$C$82,1)),INDEX('p-y mono_clay'!$AM$27:$AM$5000,MATCH($B68,'p-y mono_clay'!$C$27:$C$5000,1)))</f>
        <v>0</v>
      </c>
      <c r="G68">
        <f>IF($D68="SAND",INDEX('p-y sand'!$AN$27:$AN$5000,MATCH($B68,'p-y sand'!$C$27:$C$5000,1)),INDEX('p-y mono_clay'!$BA$27:$BA$5000,MATCH($B68,'p-y mono_clay'!$C$27:$C$5000,1)))</f>
        <v>12016.693815382168</v>
      </c>
      <c r="H68">
        <f>IF($D68="SAND",INDEX('p-y sand'!$AA$27:$AA$5000,MATCH($B68,'p-y sand'!$C$27:$C$82,1)),INDEX('p-y mono_clay'!$AN$27:$AN$5000,MATCH($B68,'p-y mono_clay'!$C$27:$C$5000,1)))</f>
        <v>10</v>
      </c>
      <c r="I68">
        <f>IF($D68="SAND",INDEX('p-y sand'!$AO$27:$AO$5000,MATCH($B68,'p-y sand'!$C$27:$C$5000,1)),INDEX('p-y mono_clay'!$BB$27:$BB$5000,MATCH($B68,'p-y mono_clay'!$C$27:$C$5000,1)))</f>
        <v>23798.449502151041</v>
      </c>
      <c r="J68">
        <f>IF($D68="SAND",INDEX('p-y sand'!$AB$27:$AB$5000,MATCH($B68,'p-y sand'!$C$27:$C$82,1)),INDEX('p-y mono_clay'!$AO$27:$AO$5000,MATCH($B68,'p-y mono_clay'!$C$27:$C$5000,1)))</f>
        <v>20</v>
      </c>
      <c r="K68">
        <f>IF($D68="SAND",INDEX('p-y sand'!$AP$27:$AP$5000,MATCH($B68,'p-y sand'!$C$27:$C$5000,1)),INDEX('p-y mono_clay'!$BC$27:$BC$5000,MATCH($B68,'p-y mono_clay'!$C$27:$C$5000,1)))</f>
        <v>35128.349689916766</v>
      </c>
      <c r="L68">
        <f>IF($D68="SAND",INDEX('p-y sand'!$AC$27:$AC$5000,MATCH($B68,'p-y sand'!$C$27:$C$82,1)),INDEX('p-y mono_clay'!$AP$27:$AP$5000,MATCH($B68,'p-y mono_clay'!$C$27:$C$5000,1)))</f>
        <v>30</v>
      </c>
      <c r="M68">
        <f>IF($D68="SAND",INDEX('p-y sand'!$AQ$27:$AQ$5000,MATCH($B68,'p-y sand'!$C$27:$C$5000,1)),INDEX('p-y mono_clay'!$BD$27:$BD$5000,MATCH($B68,'p-y mono_clay'!$C$27:$C$5000,1)))</f>
        <v>45822.658618959984</v>
      </c>
      <c r="N68">
        <f>IF($D68="SAND",INDEX('p-y sand'!$AD$27:$AD$5000,MATCH($B68,'p-y sand'!$C$27:$C$82,1)),INDEX('p-y mono_clay'!$AQ$27:$AQ$5000,MATCH($B68,'p-y mono_clay'!$C$27:$C$5000,1)))</f>
        <v>40</v>
      </c>
      <c r="O68">
        <f>IF($D68="SAND",INDEX('p-y sand'!$AR$27:$AR$5000,MATCH($B68,'p-y sand'!$C$27:$C$5000,1)),INDEX('p-y mono_clay'!$BE$27:$BE$5000,MATCH($B68,'p-y mono_clay'!$C$27:$C$5000,1)))</f>
        <v>55741.016519196288</v>
      </c>
      <c r="P68">
        <f>IF($D68="SAND",INDEX('p-y sand'!$AE$27:$AE$5000,MATCH($B68,'p-y sand'!$C$27:$C$82,1)),INDEX('p-y mono_clay'!$AR$27:$AR$5000,MATCH($B68,'p-y mono_clay'!$C$27:$C$5000,1)))</f>
        <v>50</v>
      </c>
      <c r="Q68">
        <f>IF($D68="SAND",INDEX('p-y sand'!$AS$27:$AS$5000,MATCH($B68,'p-y sand'!$C$27:$C$5000,1)),INDEX('p-y mono_clay'!$BF$27:$BF$5000,MATCH($B68,'p-y mono_clay'!$C$27:$C$5000,1)))</f>
        <v>64790.776144139105</v>
      </c>
      <c r="R68">
        <f>IF($D68="SAND",INDEX('p-y sand'!$AF$27:$AF$5000,MATCH($B68,'p-y sand'!$C$27:$C$82,1)),INDEX('p-y mono_clay'!$AS$27:$AS$5000,MATCH($B68,'p-y mono_clay'!$C$27:$C$5000,1)))</f>
        <v>60</v>
      </c>
      <c r="S68">
        <f>IF($D68="SAND",INDEX('p-y sand'!$AT$27:$AT$5000,MATCH($B68,'p-y sand'!$C$27:$C$5000,1)),INDEX('p-y mono_clay'!$BG$27:$BG$5000,MATCH($B68,'p-y mono_clay'!$C$27:$C$5000,1)))</f>
        <v>72925.837132118846</v>
      </c>
      <c r="T68">
        <f>IF($D68="SAND",INDEX('p-y sand'!$AG$27:$AG$5000,MATCH($B68,'p-y sand'!$C$27:$C$82,1)),INDEX('p-y mono_clay'!$AT$27:$AT$5000,MATCH($B68,'p-y mono_clay'!$C$27:$C$5000,1)))</f>
        <v>70</v>
      </c>
      <c r="U68">
        <f>IF($D68="SAND",INDEX('p-y sand'!$AU$27:$AU$5000,MATCH($B68,'p-y sand'!$C$27:$C$5000,1)),INDEX('p-y mono_clay'!$BH$27:$BH$5000,MATCH($B68,'p-y mono_clay'!$C$27:$C$5000,1)))</f>
        <v>80141.247265941114</v>
      </c>
      <c r="V68">
        <f>IF($D68="SAND",INDEX('p-y sand'!$AH$27:$AH$5000,MATCH($B68,'p-y sand'!$C$27:$C$82,1)),INDEX('p-y mono_clay'!$AU$27:$AU$5000,MATCH($B68,'p-y mono_clay'!$C$27:$C$5000,1)))</f>
        <v>80</v>
      </c>
      <c r="W68">
        <f>IF($D68="SAND",INDEX('p-y sand'!$AV$27:$AV$5000,MATCH($B68,'p-y sand'!$C$27:$C$5000,1)),INDEX('p-y mono_clay'!$BI$27:$BI$5000,MATCH($B68,'p-y mono_clay'!$C$27:$C$5000,1)))</f>
        <v>86465.250885058573</v>
      </c>
      <c r="X68">
        <f>IF($D68="SAND",INDEX('p-y sand'!$AI$27:$AI$5000,MATCH($B68,'p-y sand'!$C$27:$C$82,1)),INDEX('p-y mono_clay'!$AV$27:$AV$5000,MATCH($B68,'p-y mono_clay'!$C$27:$C$5000,1)))</f>
        <v>90</v>
      </c>
      <c r="Y68">
        <f>IF($D68="SAND",INDEX('p-y sand'!$AW$27:$AW$5000,MATCH($B68,'p-y sand'!$C$27:$C$5000,1)),INDEX('p-y mono_clay'!$BJ$27:$BJ$5000,MATCH($B68,'p-y mono_clay'!$C$27:$C$5000,1)))</f>
        <v>91950.411629944691</v>
      </c>
      <c r="Z68">
        <f>IF($D68="SAND",INDEX('p-y sand'!$AJ$27:$AJ$5000,MATCH($B68,'p-y sand'!$C$27:$C$82,1)),INDEX('p-y mono_clay'!$AW$27:$AW$5000,MATCH($B68,'p-y mono_clay'!$C$27:$C$5000,1)))</f>
        <v>100</v>
      </c>
      <c r="AA68">
        <f>IF($D68="SAND",INDEX('p-y sand'!$AX$27:$AX$5000,MATCH($B68,'p-y sand'!$C$27:$C$5000,1)),INDEX('p-y mono_clay'!$BK$27:$BK$5000,MATCH($B68,'p-y mono_clay'!$C$27:$C$5000,1)))</f>
        <v>96665.083175562788</v>
      </c>
      <c r="AB68">
        <f>IF($D68="SAND",INDEX('p-y sand'!$AK$27:$AK$5000,MATCH($B68,'p-y sand'!$C$27:$C$82,1)),INDEX('p-y mono_clay'!$AX$27:$AX$5000,MATCH($B68,'p-y mono_clay'!$C$27:$C$5000,1)))</f>
        <v>110</v>
      </c>
      <c r="AC68">
        <f>IF($D68="SAND",INDEX('p-y sand'!$AY$27:$AY$5000,MATCH($B68,'p-y sand'!$C$27:$C$5000,1)),INDEX('p-y mono_clay'!$BL$27:$BL$5000,MATCH($B68,'p-y mono_clay'!$C$27:$C$5000,1)))</f>
        <v>100686.03598264567</v>
      </c>
      <c r="AD68" s="98">
        <f>IF($D68="SAND",INDEX('p-y sand'!$AL$27:$AL$5000,MATCH($B68,'p-y sand'!$C$27:$C$82,1)),INDEX('p-y mono_clay'!$AY$27:$AY$5000,MATCH($B68,'p-y mono_clay'!$C$27:$C$5000,1)))</f>
        <v>120</v>
      </c>
    </row>
    <row r="69" spans="1:30" x14ac:dyDescent="0.2">
      <c r="A69" s="214">
        <f t="shared" si="0"/>
        <v>-79.5</v>
      </c>
      <c r="B69" s="216">
        <f>'p-y mono_clay'!C90</f>
        <v>64</v>
      </c>
      <c r="C69">
        <f>INDEX('CPT Data'!$C$13:$C$20000,MATCH(B69,'CPT Data'!$B$13:$B$20000,1))</f>
        <v>63.989000000000004</v>
      </c>
      <c r="D69" s="216" t="str">
        <f>INDEX('CPT Data'!$P$13:$P$20000,MATCH(B69,'CPT Data'!$B$13:$B$20000,1))</f>
        <v>SAND</v>
      </c>
      <c r="E69">
        <f>IF($D69="SAND",INDEX('p-y sand'!$AM$27:$AM$20000,MATCH($B69,'p-y sand'!$C$27:$C$20000,1)),INDEX('p-y mono_clay'!$AZ$27:$AZ$20000,MATCH($B69,'p-y mono_clay'!$C$27:$C$20000,1)))</f>
        <v>0</v>
      </c>
      <c r="F69">
        <f>IF($D69="SAND",INDEX('p-y sand'!$Z$27:$Z$5000,MATCH($B69,'p-y sand'!$C$27:$C$82,1)),INDEX('p-y mono_clay'!$AM$27:$AM$5000,MATCH($B69,'p-y mono_clay'!$C$27:$C$5000,1)))</f>
        <v>0</v>
      </c>
      <c r="G69">
        <f>IF($D69="SAND",INDEX('p-y sand'!$AN$27:$AN$5000,MATCH($B69,'p-y sand'!$C$27:$C$5000,1)),INDEX('p-y mono_clay'!$BA$27:$BA$5000,MATCH($B69,'p-y mono_clay'!$C$27:$C$5000,1)))</f>
        <v>17488.993198566586</v>
      </c>
      <c r="H69">
        <f>IF($D69="SAND",INDEX('p-y sand'!$AA$27:$AA$5000,MATCH($B69,'p-y sand'!$C$27:$C$82,1)),INDEX('p-y mono_clay'!$AN$27:$AN$5000,MATCH($B69,'p-y mono_clay'!$C$27:$C$5000,1)))</f>
        <v>10</v>
      </c>
      <c r="I69">
        <f>IF($D69="SAND",INDEX('p-y sand'!$AO$27:$AO$5000,MATCH($B69,'p-y sand'!$C$27:$C$5000,1)),INDEX('p-y mono_clay'!$BB$27:$BB$5000,MATCH($B69,'p-y mono_clay'!$C$27:$C$5000,1)))</f>
        <v>34653.741483932208</v>
      </c>
      <c r="J69">
        <f>IF($D69="SAND",INDEX('p-y sand'!$AB$27:$AB$5000,MATCH($B69,'p-y sand'!$C$27:$C$82,1)),INDEX('p-y mono_clay'!$AO$27:$AO$5000,MATCH($B69,'p-y mono_clay'!$C$27:$C$5000,1)))</f>
        <v>20</v>
      </c>
      <c r="K69">
        <f>IF($D69="SAND",INDEX('p-y sand'!$AP$27:$AP$5000,MATCH($B69,'p-y sand'!$C$27:$C$5000,1)),INDEX('p-y mono_clay'!$BC$27:$BC$5000,MATCH($B69,'p-y mono_clay'!$C$27:$C$5000,1)))</f>
        <v>51193.608174723704</v>
      </c>
      <c r="L69">
        <f>IF($D69="SAND",INDEX('p-y sand'!$AC$27:$AC$5000,MATCH($B69,'p-y sand'!$C$27:$C$82,1)),INDEX('p-y mono_clay'!$AP$27:$AP$5000,MATCH($B69,'p-y mono_clay'!$C$27:$C$5000,1)))</f>
        <v>30</v>
      </c>
      <c r="M69">
        <f>IF($D69="SAND",INDEX('p-y sand'!$AQ$27:$AQ$5000,MATCH($B69,'p-y sand'!$C$27:$C$5000,1)),INDEX('p-y mono_clay'!$BD$27:$BD$5000,MATCH($B69,'p-y mono_clay'!$C$27:$C$5000,1)))</f>
        <v>66851.611869817629</v>
      </c>
      <c r="N69">
        <f>IF($D69="SAND",INDEX('p-y sand'!$AD$27:$AD$5000,MATCH($B69,'p-y sand'!$C$27:$C$82,1)),INDEX('p-y mono_clay'!$AQ$27:$AQ$5000,MATCH($B69,'p-y mono_clay'!$C$27:$C$5000,1)))</f>
        <v>40</v>
      </c>
      <c r="O69">
        <f>IF($D69="SAND",INDEX('p-y sand'!$AR$27:$AR$5000,MATCH($B69,'p-y sand'!$C$27:$C$5000,1)),INDEX('p-y mono_clay'!$BE$27:$BE$5000,MATCH($B69,'p-y mono_clay'!$C$27:$C$5000,1)))</f>
        <v>81428.244214013306</v>
      </c>
      <c r="P69">
        <f>IF($D69="SAND",INDEX('p-y sand'!$AE$27:$AE$5000,MATCH($B69,'p-y sand'!$C$27:$C$82,1)),INDEX('p-y mono_clay'!$AR$27:$AR$5000,MATCH($B69,'p-y mono_clay'!$C$27:$C$5000,1)))</f>
        <v>50</v>
      </c>
      <c r="Q69">
        <f>IF($D69="SAND",INDEX('p-y sand'!$AS$27:$AS$5000,MATCH($B69,'p-y sand'!$C$27:$C$5000,1)),INDEX('p-y mono_clay'!$BF$27:$BF$5000,MATCH($B69,'p-y mono_clay'!$C$27:$C$5000,1)))</f>
        <v>94787.846857345256</v>
      </c>
      <c r="R69">
        <f>IF($D69="SAND",INDEX('p-y sand'!$AF$27:$AF$5000,MATCH($B69,'p-y sand'!$C$27:$C$82,1)),INDEX('p-y mono_clay'!$AS$27:$AS$5000,MATCH($B69,'p-y mono_clay'!$C$27:$C$5000,1)))</f>
        <v>60</v>
      </c>
      <c r="S69">
        <f>IF($D69="SAND",INDEX('p-y sand'!$AT$27:$AT$5000,MATCH($B69,'p-y sand'!$C$27:$C$5000,1)),INDEX('p-y mono_clay'!$BG$27:$BG$5000,MATCH($B69,'p-y mono_clay'!$C$27:$C$5000,1)))</f>
        <v>106857.86226218354</v>
      </c>
      <c r="T69">
        <f>IF($D69="SAND",INDEX('p-y sand'!$AG$27:$AG$5000,MATCH($B69,'p-y sand'!$C$27:$C$82,1)),INDEX('p-y mono_clay'!$AT$27:$AT$5000,MATCH($B69,'p-y mono_clay'!$C$27:$C$5000,1)))</f>
        <v>70</v>
      </c>
      <c r="U69">
        <f>IF($D69="SAND",INDEX('p-y sand'!$AU$27:$AU$5000,MATCH($B69,'p-y sand'!$C$27:$C$5000,1)),INDEX('p-y mono_clay'!$BH$27:$BH$5000,MATCH($B69,'p-y mono_clay'!$C$27:$C$5000,1)))</f>
        <v>117622.43473583367</v>
      </c>
      <c r="V69">
        <f>IF($D69="SAND",INDEX('p-y sand'!$AH$27:$AH$5000,MATCH($B69,'p-y sand'!$C$27:$C$82,1)),INDEX('p-y mono_clay'!$AU$27:$AU$5000,MATCH($B69,'p-y mono_clay'!$C$27:$C$5000,1)))</f>
        <v>80</v>
      </c>
      <c r="W69">
        <f>IF($D69="SAND",INDEX('p-y sand'!$AV$27:$AV$5000,MATCH($B69,'p-y sand'!$C$27:$C$5000,1)),INDEX('p-y mono_clay'!$BI$27:$BI$5000,MATCH($B69,'p-y mono_clay'!$C$27:$C$5000,1)))</f>
        <v>127112.41556837547</v>
      </c>
      <c r="X69">
        <f>IF($D69="SAND",INDEX('p-y sand'!$AI$27:$AI$5000,MATCH($B69,'p-y sand'!$C$27:$C$82,1)),INDEX('p-y mono_clay'!$AV$27:$AV$5000,MATCH($B69,'p-y mono_clay'!$C$27:$C$5000,1)))</f>
        <v>90</v>
      </c>
      <c r="Y69">
        <f>IF($D69="SAND",INDEX('p-y sand'!$AW$27:$AW$5000,MATCH($B69,'p-y sand'!$C$27:$C$5000,1)),INDEX('p-y mono_clay'!$BJ$27:$BJ$5000,MATCH($B69,'p-y mono_clay'!$C$27:$C$5000,1)))</f>
        <v>135393.83726099131</v>
      </c>
      <c r="Z69">
        <f>IF($D69="SAND",INDEX('p-y sand'!$AJ$27:$AJ$5000,MATCH($B69,'p-y sand'!$C$27:$C$82,1)),INDEX('p-y mono_clay'!$AW$27:$AW$5000,MATCH($B69,'p-y mono_clay'!$C$27:$C$5000,1)))</f>
        <v>100</v>
      </c>
      <c r="AA69">
        <f>IF($D69="SAND",INDEX('p-y sand'!$AX$27:$AX$5000,MATCH($B69,'p-y sand'!$C$27:$C$5000,1)),INDEX('p-y mono_clay'!$BK$27:$BK$5000,MATCH($B69,'p-y mono_clay'!$C$27:$C$5000,1)))</f>
        <v>142556.54138265966</v>
      </c>
      <c r="AB69">
        <f>IF($D69="SAND",INDEX('p-y sand'!$AK$27:$AK$5000,MATCH($B69,'p-y sand'!$C$27:$C$82,1)),INDEX('p-y mono_clay'!$AX$27:$AX$5000,MATCH($B69,'p-y mono_clay'!$C$27:$C$5000,1)))</f>
        <v>110</v>
      </c>
      <c r="AC69">
        <f>IF($D69="SAND",INDEX('p-y sand'!$AY$27:$AY$5000,MATCH($B69,'p-y sand'!$C$27:$C$5000,1)),INDEX('p-y mono_clay'!$BL$27:$BL$5000,MATCH($B69,'p-y mono_clay'!$C$27:$C$5000,1)))</f>
        <v>148704.09193300683</v>
      </c>
      <c r="AD69" s="98">
        <f>IF($D69="SAND",INDEX('p-y sand'!$AL$27:$AL$5000,MATCH($B69,'p-y sand'!$C$27:$C$82,1)),INDEX('p-y mono_clay'!$AY$27:$AY$5000,MATCH($B69,'p-y mono_clay'!$C$27:$C$5000,1)))</f>
        <v>120</v>
      </c>
    </row>
    <row r="70" spans="1:30" x14ac:dyDescent="0.2">
      <c r="A70" s="214">
        <f t="shared" si="0"/>
        <v>-80.5</v>
      </c>
      <c r="B70" s="216">
        <f>'p-y mono_clay'!C91</f>
        <v>65</v>
      </c>
      <c r="C70">
        <f>INDEX('CPT Data'!$C$13:$C$20000,MATCH(B70,'CPT Data'!$B$13:$B$20000,1))</f>
        <v>64.989999999999995</v>
      </c>
      <c r="D70" s="216" t="str">
        <f>INDEX('CPT Data'!$P$13:$P$20000,MATCH(B70,'CPT Data'!$B$13:$B$20000,1))</f>
        <v>SAND</v>
      </c>
      <c r="E70">
        <f>IF($D70="SAND",INDEX('p-y sand'!$AM$27:$AM$20000,MATCH($B70,'p-y sand'!$C$27:$C$20000,1)),INDEX('p-y mono_clay'!$AZ$27:$AZ$20000,MATCH($B70,'p-y mono_clay'!$C$27:$C$20000,1)))</f>
        <v>0</v>
      </c>
      <c r="F70">
        <f>IF($D70="SAND",INDEX('p-y sand'!$Z$27:$Z$5000,MATCH($B70,'p-y sand'!$C$27:$C$82,1)),INDEX('p-y mono_clay'!$AM$27:$AM$5000,MATCH($B70,'p-y mono_clay'!$C$27:$C$5000,1)))</f>
        <v>0</v>
      </c>
      <c r="G70">
        <f>IF($D70="SAND",INDEX('p-y sand'!$AN$27:$AN$5000,MATCH($B70,'p-y sand'!$C$27:$C$5000,1)),INDEX('p-y mono_clay'!$BA$27:$BA$5000,MATCH($B70,'p-y mono_clay'!$C$27:$C$5000,1)))</f>
        <v>9816.4826114639563</v>
      </c>
      <c r="H70">
        <f>IF($D70="SAND",INDEX('p-y sand'!$AA$27:$AA$5000,MATCH($B70,'p-y sand'!$C$27:$C$82,1)),INDEX('p-y mono_clay'!$AN$27:$AN$5000,MATCH($B70,'p-y mono_clay'!$C$27:$C$5000,1)))</f>
        <v>10</v>
      </c>
      <c r="I70">
        <f>IF($D70="SAND",INDEX('p-y sand'!$AO$27:$AO$5000,MATCH($B70,'p-y sand'!$C$27:$C$5000,1)),INDEX('p-y mono_clay'!$BB$27:$BB$5000,MATCH($B70,'p-y mono_clay'!$C$27:$C$5000,1)))</f>
        <v>19500.92769188125</v>
      </c>
      <c r="J70">
        <f>IF($D70="SAND",INDEX('p-y sand'!$AB$27:$AB$5000,MATCH($B70,'p-y sand'!$C$27:$C$82,1)),INDEX('p-y mono_clay'!$AO$27:$AO$5000,MATCH($B70,'p-y mono_clay'!$C$27:$C$5000,1)))</f>
        <v>20</v>
      </c>
      <c r="K70">
        <f>IF($D70="SAND",INDEX('p-y sand'!$AP$27:$AP$5000,MATCH($B70,'p-y sand'!$C$27:$C$5000,1)),INDEX('p-y mono_clay'!$BC$27:$BC$5000,MATCH($B70,'p-y mono_clay'!$C$27:$C$5000,1)))</f>
        <v>28928.307359622486</v>
      </c>
      <c r="L70">
        <f>IF($D70="SAND",INDEX('p-y sand'!$AC$27:$AC$5000,MATCH($B70,'p-y sand'!$C$27:$C$82,1)),INDEX('p-y mono_clay'!$AP$27:$AP$5000,MATCH($B70,'p-y mono_clay'!$C$27:$C$5000,1)))</f>
        <v>30</v>
      </c>
      <c r="M70">
        <f>IF($D70="SAND",INDEX('p-y sand'!$AQ$27:$AQ$5000,MATCH($B70,'p-y sand'!$C$27:$C$5000,1)),INDEX('p-y mono_clay'!$BD$27:$BD$5000,MATCH($B70,'p-y mono_clay'!$C$27:$C$5000,1)))</f>
        <v>37986.836798069126</v>
      </c>
      <c r="N70">
        <f>IF($D70="SAND",INDEX('p-y sand'!$AD$27:$AD$5000,MATCH($B70,'p-y sand'!$C$27:$C$82,1)),INDEX('p-y mono_clay'!$AQ$27:$AQ$5000,MATCH($B70,'p-y mono_clay'!$C$27:$C$5000,1)))</f>
        <v>40</v>
      </c>
      <c r="O70">
        <f>IF($D70="SAND",INDEX('p-y sand'!$AR$27:$AR$5000,MATCH($B70,'p-y sand'!$C$27:$C$5000,1)),INDEX('p-y mono_clay'!$BE$27:$BE$5000,MATCH($B70,'p-y mono_clay'!$C$27:$C$5000,1)))</f>
        <v>46582.799311106442</v>
      </c>
      <c r="P70">
        <f>IF($D70="SAND",INDEX('p-y sand'!$AE$27:$AE$5000,MATCH($B70,'p-y sand'!$C$27:$C$82,1)),INDEX('p-y mono_clay'!$AR$27:$AR$5000,MATCH($B70,'p-y mono_clay'!$C$27:$C$5000,1)))</f>
        <v>50</v>
      </c>
      <c r="Q70">
        <f>IF($D70="SAND",INDEX('p-y sand'!$AS$27:$AS$5000,MATCH($B70,'p-y sand'!$C$27:$C$5000,1)),INDEX('p-y mono_clay'!$BF$27:$BF$5000,MATCH($B70,'p-y mono_clay'!$C$27:$C$5000,1)))</f>
        <v>54643.579356211478</v>
      </c>
      <c r="R70">
        <f>IF($D70="SAND",INDEX('p-y sand'!$AF$27:$AF$5000,MATCH($B70,'p-y sand'!$C$27:$C$82,1)),INDEX('p-y mono_clay'!$AS$27:$AS$5000,MATCH($B70,'p-y mono_clay'!$C$27:$C$5000,1)))</f>
        <v>60</v>
      </c>
      <c r="S70">
        <f>IF($D70="SAND",INDEX('p-y sand'!$AT$27:$AT$5000,MATCH($B70,'p-y sand'!$C$27:$C$5000,1)),INDEX('p-y mono_clay'!$BG$27:$BG$5000,MATCH($B70,'p-y mono_clay'!$C$27:$C$5000,1)))</f>
        <v>62118.808270753128</v>
      </c>
      <c r="T70">
        <f>IF($D70="SAND",INDEX('p-y sand'!$AG$27:$AG$5000,MATCH($B70,'p-y sand'!$C$27:$C$82,1)),INDEX('p-y mono_clay'!$AT$27:$AT$5000,MATCH($B70,'p-y mono_clay'!$C$27:$C$5000,1)))</f>
        <v>70</v>
      </c>
      <c r="U70">
        <f>IF($D70="SAND",INDEX('p-y sand'!$AU$27:$AU$5000,MATCH($B70,'p-y sand'!$C$27:$C$5000,1)),INDEX('p-y mono_clay'!$BH$27:$BH$5000,MATCH($B70,'p-y mono_clay'!$C$27:$C$5000,1)))</f>
        <v>68979.789274269307</v>
      </c>
      <c r="V70">
        <f>IF($D70="SAND",INDEX('p-y sand'!$AH$27:$AH$5000,MATCH($B70,'p-y sand'!$C$27:$C$82,1)),INDEX('p-y mono_clay'!$AU$27:$AU$5000,MATCH($B70,'p-y mono_clay'!$C$27:$C$5000,1)))</f>
        <v>80</v>
      </c>
      <c r="W70">
        <f>IF($D70="SAND",INDEX('p-y sand'!$AV$27:$AV$5000,MATCH($B70,'p-y sand'!$C$27:$C$5000,1)),INDEX('p-y mono_clay'!$BI$27:$BI$5000,MATCH($B70,'p-y mono_clay'!$C$27:$C$5000,1)))</f>
        <v>75217.555358540412</v>
      </c>
      <c r="X70">
        <f>IF($D70="SAND",INDEX('p-y sand'!$AI$27:$AI$5000,MATCH($B70,'p-y sand'!$C$27:$C$82,1)),INDEX('p-y mono_clay'!$AV$27:$AV$5000,MATCH($B70,'p-y mono_clay'!$C$27:$C$5000,1)))</f>
        <v>90</v>
      </c>
      <c r="Y70">
        <f>IF($D70="SAND",INDEX('p-y sand'!$AW$27:$AW$5000,MATCH($B70,'p-y sand'!$C$27:$C$5000,1)),INDEX('p-y mono_clay'!$BJ$27:$BJ$5000,MATCH($B70,'p-y mono_clay'!$C$27:$C$5000,1)))</f>
        <v>80840.005668817335</v>
      </c>
      <c r="Z70">
        <f>IF($D70="SAND",INDEX('p-y sand'!$AJ$27:$AJ$5000,MATCH($B70,'p-y sand'!$C$27:$C$82,1)),INDEX('p-y mono_clay'!$AW$27:$AW$5000,MATCH($B70,'p-y mono_clay'!$C$27:$C$5000,1)))</f>
        <v>100</v>
      </c>
      <c r="AA70">
        <f>IF($D70="SAND",INDEX('p-y sand'!$AX$27:$AX$5000,MATCH($B70,'p-y sand'!$C$27:$C$5000,1)),INDEX('p-y mono_clay'!$BK$27:$BK$5000,MATCH($B70,'p-y mono_clay'!$C$27:$C$5000,1)))</f>
        <v>85868.569396341089</v>
      </c>
      <c r="AB70">
        <f>IF($D70="SAND",INDEX('p-y sand'!$AK$27:$AK$5000,MATCH($B70,'p-y sand'!$C$27:$C$82,1)),INDEX('p-y mono_clay'!$AX$27:$AX$5000,MATCH($B70,'p-y mono_clay'!$C$27:$C$5000,1)))</f>
        <v>110</v>
      </c>
      <c r="AC70">
        <f>IF($D70="SAND",INDEX('p-y sand'!$AY$27:$AY$5000,MATCH($B70,'p-y sand'!$C$27:$C$5000,1)),INDEX('p-y mono_clay'!$BL$27:$BL$5000,MATCH($B70,'p-y mono_clay'!$C$27:$C$5000,1)))</f>
        <v>90334.784909637732</v>
      </c>
      <c r="AD70" s="98">
        <f>IF($D70="SAND",INDEX('p-y sand'!$AL$27:$AL$5000,MATCH($B70,'p-y sand'!$C$27:$C$82,1)),INDEX('p-y mono_clay'!$AY$27:$AY$5000,MATCH($B70,'p-y mono_clay'!$C$27:$C$5000,1)))</f>
        <v>120</v>
      </c>
    </row>
    <row r="71" spans="1:30" x14ac:dyDescent="0.2">
      <c r="A71" s="214">
        <f t="shared" ref="A71:A79" si="1">$A$5-B71</f>
        <v>-81.5</v>
      </c>
      <c r="B71" s="216">
        <f>'p-y mono_clay'!C92</f>
        <v>66</v>
      </c>
      <c r="C71">
        <f>INDEX('CPT Data'!$C$13:$C$20000,MATCH(B71,'CPT Data'!$B$13:$B$20000,1))</f>
        <v>65.988</v>
      </c>
      <c r="D71" s="216" t="str">
        <f>INDEX('CPT Data'!$P$13:$P$20000,MATCH(B71,'CPT Data'!$B$13:$B$20000,1))</f>
        <v>SAND</v>
      </c>
      <c r="E71">
        <f>IF($D71="SAND",INDEX('p-y sand'!$AM$27:$AM$20000,MATCH($B71,'p-y sand'!$C$27:$C$20000,1)),INDEX('p-y mono_clay'!$AZ$27:$AZ$20000,MATCH($B71,'p-y mono_clay'!$C$27:$C$20000,1)))</f>
        <v>0</v>
      </c>
      <c r="F71">
        <f>IF($D71="SAND",INDEX('p-y sand'!$Z$27:$Z$5000,MATCH($B71,'p-y sand'!$C$27:$C$82,1)),INDEX('p-y mono_clay'!$AM$27:$AM$5000,MATCH($B71,'p-y mono_clay'!$C$27:$C$5000,1)))</f>
        <v>0</v>
      </c>
      <c r="G71">
        <f>IF($D71="SAND",INDEX('p-y sand'!$AN$27:$AN$5000,MATCH($B71,'p-y sand'!$C$27:$C$5000,1)),INDEX('p-y mono_clay'!$BA$27:$BA$5000,MATCH($B71,'p-y mono_clay'!$C$27:$C$5000,1)))</f>
        <v>15416.338983823311</v>
      </c>
      <c r="H71">
        <f>IF($D71="SAND",INDEX('p-y sand'!$AA$27:$AA$5000,MATCH($B71,'p-y sand'!$C$27:$C$82,1)),INDEX('p-y mono_clay'!$AN$27:$AN$5000,MATCH($B71,'p-y mono_clay'!$C$27:$C$5000,1)))</f>
        <v>10</v>
      </c>
      <c r="I71">
        <f>IF($D71="SAND",INDEX('p-y sand'!$AO$27:$AO$5000,MATCH($B71,'p-y sand'!$C$27:$C$5000,1)),INDEX('p-y mono_clay'!$BB$27:$BB$5000,MATCH($B71,'p-y mono_clay'!$C$27:$C$5000,1)))</f>
        <v>30603.947228008165</v>
      </c>
      <c r="J71">
        <f>IF($D71="SAND",INDEX('p-y sand'!$AB$27:$AB$5000,MATCH($B71,'p-y sand'!$C$27:$C$82,1)),INDEX('p-y mono_clay'!$AO$27:$AO$5000,MATCH($B71,'p-y mono_clay'!$C$27:$C$5000,1)))</f>
        <v>20</v>
      </c>
      <c r="K71">
        <f>IF($D71="SAND",INDEX('p-y sand'!$AP$27:$AP$5000,MATCH($B71,'p-y sand'!$C$27:$C$5000,1)),INDEX('p-y mono_clay'!$BC$27:$BC$5000,MATCH($B71,'p-y mono_clay'!$C$27:$C$5000,1)))</f>
        <v>45347.470156060263</v>
      </c>
      <c r="L71">
        <f>IF($D71="SAND",INDEX('p-y sand'!$AC$27:$AC$5000,MATCH($B71,'p-y sand'!$C$27:$C$82,1)),INDEX('p-y mono_clay'!$AP$27:$AP$5000,MATCH($B71,'p-y mono_clay'!$C$27:$C$5000,1)))</f>
        <v>30</v>
      </c>
      <c r="M71">
        <f>IF($D71="SAND",INDEX('p-y sand'!$AQ$27:$AQ$5000,MATCH($B71,'p-y sand'!$C$27:$C$5000,1)),INDEX('p-y mono_clay'!$BD$27:$BD$5000,MATCH($B71,'p-y mono_clay'!$C$27:$C$5000,1)))</f>
        <v>59456.676875966295</v>
      </c>
      <c r="N71">
        <f>IF($D71="SAND",INDEX('p-y sand'!$AD$27:$AD$5000,MATCH($B71,'p-y sand'!$C$27:$C$82,1)),INDEX('p-y mono_clay'!$AQ$27:$AQ$5000,MATCH($B71,'p-y mono_clay'!$C$27:$C$5000,1)))</f>
        <v>40</v>
      </c>
      <c r="O71">
        <f>IF($D71="SAND",INDEX('p-y sand'!$AR$27:$AR$5000,MATCH($B71,'p-y sand'!$C$27:$C$5000,1)),INDEX('p-y mono_clay'!$BE$27:$BE$5000,MATCH($B71,'p-y mono_clay'!$C$27:$C$5000,1)))</f>
        <v>72775.282096116745</v>
      </c>
      <c r="P71">
        <f>IF($D71="SAND",INDEX('p-y sand'!$AE$27:$AE$5000,MATCH($B71,'p-y sand'!$C$27:$C$82,1)),INDEX('p-y mono_clay'!$AR$27:$AR$5000,MATCH($B71,'p-y mono_clay'!$C$27:$C$5000,1)))</f>
        <v>50</v>
      </c>
      <c r="Q71">
        <f>IF($D71="SAND",INDEX('p-y sand'!$AS$27:$AS$5000,MATCH($B71,'p-y sand'!$C$27:$C$5000,1)),INDEX('p-y mono_clay'!$BF$27:$BF$5000,MATCH($B71,'p-y mono_clay'!$C$27:$C$5000,1)))</f>
        <v>85186.108732571403</v>
      </c>
      <c r="R71">
        <f>IF($D71="SAND",INDEX('p-y sand'!$AF$27:$AF$5000,MATCH($B71,'p-y sand'!$C$27:$C$82,1)),INDEX('p-y mono_clay'!$AS$27:$AS$5000,MATCH($B71,'p-y mono_clay'!$C$27:$C$5000,1)))</f>
        <v>60</v>
      </c>
      <c r="S71">
        <f>IF($D71="SAND",INDEX('p-y sand'!$AT$27:$AT$5000,MATCH($B71,'p-y sand'!$C$27:$C$5000,1)),INDEX('p-y mono_clay'!$BG$27:$BG$5000,MATCH($B71,'p-y mono_clay'!$C$27:$C$5000,1)))</f>
        <v>96612.493520115851</v>
      </c>
      <c r="T71">
        <f>IF($D71="SAND",INDEX('p-y sand'!$AG$27:$AG$5000,MATCH($B71,'p-y sand'!$C$27:$C$82,1)),INDEX('p-y mono_clay'!$AT$27:$AT$5000,MATCH($B71,'p-y mono_clay'!$C$27:$C$5000,1)))</f>
        <v>70</v>
      </c>
      <c r="U71">
        <f>IF($D71="SAND",INDEX('p-y sand'!$AU$27:$AU$5000,MATCH($B71,'p-y sand'!$C$27:$C$5000,1)),INDEX('p-y mono_clay'!$BH$27:$BH$5000,MATCH($B71,'p-y mono_clay'!$C$27:$C$5000,1)))</f>
        <v>107016.38975111264</v>
      </c>
      <c r="V71">
        <f>IF($D71="SAND",INDEX('p-y sand'!$AH$27:$AH$5000,MATCH($B71,'p-y sand'!$C$27:$C$82,1)),INDEX('p-y mono_clay'!$AU$27:$AU$5000,MATCH($B71,'p-y mono_clay'!$C$27:$C$5000,1)))</f>
        <v>80</v>
      </c>
      <c r="W71">
        <f>IF($D71="SAND",INDEX('p-y sand'!$AV$27:$AV$5000,MATCH($B71,'p-y sand'!$C$27:$C$5000,1)),INDEX('p-y mono_clay'!$BI$27:$BI$5000,MATCH($B71,'p-y mono_clay'!$C$27:$C$5000,1)))</f>
        <v>116393.9840492028</v>
      </c>
      <c r="X71">
        <f>IF($D71="SAND",INDEX('p-y sand'!$AI$27:$AI$5000,MATCH($B71,'p-y sand'!$C$27:$C$82,1)),INDEX('p-y mono_clay'!$AV$27:$AV$5000,MATCH($B71,'p-y mono_clay'!$C$27:$C$5000,1)))</f>
        <v>90</v>
      </c>
      <c r="Y71">
        <f>IF($D71="SAND",INDEX('p-y sand'!$AW$27:$AW$5000,MATCH($B71,'p-y sand'!$C$27:$C$5000,1)),INDEX('p-y mono_clay'!$BJ$27:$BJ$5000,MATCH($B71,'p-y mono_clay'!$C$27:$C$5000,1)))</f>
        <v>124769.78576149599</v>
      </c>
      <c r="Z71">
        <f>IF($D71="SAND",INDEX('p-y sand'!$AJ$27:$AJ$5000,MATCH($B71,'p-y sand'!$C$27:$C$82,1)),INDEX('p-y mono_clay'!$AW$27:$AW$5000,MATCH($B71,'p-y mono_clay'!$C$27:$C$5000,1)))</f>
        <v>100</v>
      </c>
      <c r="AA71">
        <f>IF($D71="SAND",INDEX('p-y sand'!$AX$27:$AX$5000,MATCH($B71,'p-y sand'!$C$27:$C$5000,1)),INDEX('p-y mono_clay'!$BK$27:$BK$5000,MATCH($B71,'p-y mono_clay'!$C$27:$C$5000,1)))</f>
        <v>132190.09879034193</v>
      </c>
      <c r="AB71">
        <f>IF($D71="SAND",INDEX('p-y sand'!$AK$27:$AK$5000,MATCH($B71,'p-y sand'!$C$27:$C$82,1)),INDEX('p-y mono_clay'!$AX$27:$AX$5000,MATCH($B71,'p-y mono_clay'!$C$27:$C$5000,1)))</f>
        <v>110</v>
      </c>
      <c r="AC71">
        <f>IF($D71="SAND",INDEX('p-y sand'!$AY$27:$AY$5000,MATCH($B71,'p-y sand'!$C$27:$C$5000,1)),INDEX('p-y mono_clay'!$BL$27:$BL$5000,MATCH($B71,'p-y mono_clay'!$C$27:$C$5000,1)))</f>
        <v>138716.61220608541</v>
      </c>
      <c r="AD71" s="98">
        <f>IF($D71="SAND",INDEX('p-y sand'!$AL$27:$AL$5000,MATCH($B71,'p-y sand'!$C$27:$C$82,1)),INDEX('p-y mono_clay'!$AY$27:$AY$5000,MATCH($B71,'p-y mono_clay'!$C$27:$C$5000,1)))</f>
        <v>120</v>
      </c>
    </row>
    <row r="72" spans="1:30" x14ac:dyDescent="0.2">
      <c r="A72" s="214">
        <f t="shared" si="1"/>
        <v>-82.5</v>
      </c>
      <c r="B72" s="216">
        <f>'p-y mono_clay'!C93</f>
        <v>67</v>
      </c>
      <c r="C72">
        <f>INDEX('CPT Data'!$C$13:$C$20000,MATCH(B72,'CPT Data'!$B$13:$B$20000,1))</f>
        <v>66.98599999999999</v>
      </c>
      <c r="D72" s="216" t="str">
        <f>INDEX('CPT Data'!$P$13:$P$20000,MATCH(B72,'CPT Data'!$B$13:$B$20000,1))</f>
        <v>SAND</v>
      </c>
      <c r="E72">
        <f>IF($D72="SAND",INDEX('p-y sand'!$AM$27:$AM$20000,MATCH($B72,'p-y sand'!$C$27:$C$20000,1)),INDEX('p-y mono_clay'!$AZ$27:$AZ$20000,MATCH($B72,'p-y mono_clay'!$C$27:$C$20000,1)))</f>
        <v>0</v>
      </c>
      <c r="F72">
        <f>IF($D72="SAND",INDEX('p-y sand'!$Z$27:$Z$5000,MATCH($B72,'p-y sand'!$C$27:$C$82,1)),INDEX('p-y mono_clay'!$AM$27:$AM$5000,MATCH($B72,'p-y mono_clay'!$C$27:$C$5000,1)))</f>
        <v>0</v>
      </c>
      <c r="G72">
        <f>IF($D72="SAND",INDEX('p-y sand'!$AN$27:$AN$5000,MATCH($B72,'p-y sand'!$C$27:$C$5000,1)),INDEX('p-y mono_clay'!$BA$27:$BA$5000,MATCH($B72,'p-y mono_clay'!$C$27:$C$5000,1)))</f>
        <v>13631.454176739302</v>
      </c>
      <c r="H72">
        <f>IF($D72="SAND",INDEX('p-y sand'!$AA$27:$AA$5000,MATCH($B72,'p-y sand'!$C$27:$C$82,1)),INDEX('p-y mono_clay'!$AN$27:$AN$5000,MATCH($B72,'p-y mono_clay'!$C$27:$C$5000,1)))</f>
        <v>10</v>
      </c>
      <c r="I72">
        <f>IF($D72="SAND",INDEX('p-y sand'!$AO$27:$AO$5000,MATCH($B72,'p-y sand'!$C$27:$C$5000,1)),INDEX('p-y mono_clay'!$BB$27:$BB$5000,MATCH($B72,'p-y mono_clay'!$C$27:$C$5000,1)))</f>
        <v>27091.479016162099</v>
      </c>
      <c r="J72">
        <f>IF($D72="SAND",INDEX('p-y sand'!$AB$27:$AB$5000,MATCH($B72,'p-y sand'!$C$27:$C$82,1)),INDEX('p-y mono_clay'!$AO$27:$AO$5000,MATCH($B72,'p-y mono_clay'!$C$27:$C$5000,1)))</f>
        <v>20</v>
      </c>
      <c r="K72">
        <f>IF($D72="SAND",INDEX('p-y sand'!$AP$27:$AP$5000,MATCH($B72,'p-y sand'!$C$27:$C$5000,1)),INDEX('p-y mono_clay'!$BC$27:$BC$5000,MATCH($B72,'p-y mono_clay'!$C$27:$C$5000,1)))</f>
        <v>40217.161667427426</v>
      </c>
      <c r="L72">
        <f>IF($D72="SAND",INDEX('p-y sand'!$AC$27:$AC$5000,MATCH($B72,'p-y sand'!$C$27:$C$82,1)),INDEX('p-y mono_clay'!$AP$27:$AP$5000,MATCH($B72,'p-y mono_clay'!$C$27:$C$5000,1)))</f>
        <v>30</v>
      </c>
      <c r="M72">
        <f>IF($D72="SAND",INDEX('p-y sand'!$AQ$27:$AQ$5000,MATCH($B72,'p-y sand'!$C$27:$C$5000,1)),INDEX('p-y mono_clay'!$BD$27:$BD$5000,MATCH($B72,'p-y mono_clay'!$C$27:$C$5000,1)))</f>
        <v>52861.738671780447</v>
      </c>
      <c r="N72">
        <f>IF($D72="SAND",INDEX('p-y sand'!$AD$27:$AD$5000,MATCH($B72,'p-y sand'!$C$27:$C$82,1)),INDEX('p-y mono_clay'!$AQ$27:$AQ$5000,MATCH($B72,'p-y mono_clay'!$C$27:$C$5000,1)))</f>
        <v>40</v>
      </c>
      <c r="O72">
        <f>IF($D72="SAND",INDEX('p-y sand'!$AR$27:$AR$5000,MATCH($B72,'p-y sand'!$C$27:$C$5000,1)),INDEX('p-y mono_clay'!$BE$27:$BE$5000,MATCH($B72,'p-y mono_clay'!$C$27:$C$5000,1)))</f>
        <v>64900.615616069488</v>
      </c>
      <c r="P72">
        <f>IF($D72="SAND",INDEX('p-y sand'!$AE$27:$AE$5000,MATCH($B72,'p-y sand'!$C$27:$C$82,1)),INDEX('p-y mono_clay'!$AR$27:$AR$5000,MATCH($B72,'p-y mono_clay'!$C$27:$C$5000,1)))</f>
        <v>50</v>
      </c>
      <c r="Q72">
        <f>IF($D72="SAND",INDEX('p-y sand'!$AS$27:$AS$5000,MATCH($B72,'p-y sand'!$C$27:$C$5000,1)),INDEX('p-y mono_clay'!$BF$27:$BF$5000,MATCH($B72,'p-y mono_clay'!$C$27:$C$5000,1)))</f>
        <v>76235.311780290911</v>
      </c>
      <c r="R72">
        <f>IF($D72="SAND",INDEX('p-y sand'!$AF$27:$AF$5000,MATCH($B72,'p-y sand'!$C$27:$C$82,1)),INDEX('p-y mono_clay'!$AS$27:$AS$5000,MATCH($B72,'p-y mono_clay'!$C$27:$C$5000,1)))</f>
        <v>60</v>
      </c>
      <c r="S72">
        <f>IF($D72="SAND",INDEX('p-y sand'!$AT$27:$AT$5000,MATCH($B72,'p-y sand'!$C$27:$C$5000,1)),INDEX('p-y mono_clay'!$BG$27:$BG$5000,MATCH($B72,'p-y mono_clay'!$C$27:$C$5000,1)))</f>
        <v>86795.184381361789</v>
      </c>
      <c r="T72">
        <f>IF($D72="SAND",INDEX('p-y sand'!$AG$27:$AG$5000,MATCH($B72,'p-y sand'!$C$27:$C$82,1)),INDEX('p-y mono_clay'!$AT$27:$AT$5000,MATCH($B72,'p-y mono_clay'!$C$27:$C$5000,1)))</f>
        <v>70</v>
      </c>
      <c r="U72">
        <f>IF($D72="SAND",INDEX('p-y sand'!$AU$27:$AU$5000,MATCH($B72,'p-y sand'!$C$27:$C$5000,1)),INDEX('p-y mono_clay'!$BH$27:$BH$5000,MATCH($B72,'p-y mono_clay'!$C$27:$C$5000,1)))</f>
        <v>96537.082434437834</v>
      </c>
      <c r="V72">
        <f>IF($D72="SAND",INDEX('p-y sand'!$AH$27:$AH$5000,MATCH($B72,'p-y sand'!$C$27:$C$82,1)),INDEX('p-y mono_clay'!$AU$27:$AU$5000,MATCH($B72,'p-y mono_clay'!$C$27:$C$5000,1)))</f>
        <v>80</v>
      </c>
      <c r="W72">
        <f>IF($D72="SAND",INDEX('p-y sand'!$AV$27:$AV$5000,MATCH($B72,'p-y sand'!$C$27:$C$5000,1)),INDEX('p-y mono_clay'!$BI$27:$BI$5000,MATCH($B72,'p-y mono_clay'!$C$27:$C$5000,1)))</f>
        <v>105443.30165075648</v>
      </c>
      <c r="X72">
        <f>IF($D72="SAND",INDEX('p-y sand'!$AI$27:$AI$5000,MATCH($B72,'p-y sand'!$C$27:$C$82,1)),INDEX('p-y mono_clay'!$AV$27:$AV$5000,MATCH($B72,'p-y mono_clay'!$C$27:$C$5000,1)))</f>
        <v>90</v>
      </c>
      <c r="Y72">
        <f>IF($D72="SAND",INDEX('p-y sand'!$AW$27:$AW$5000,MATCH($B72,'p-y sand'!$C$27:$C$5000,1)),INDEX('p-y mono_clay'!$BJ$27:$BJ$5000,MATCH($B72,'p-y mono_clay'!$C$27:$C$5000,1)))</f>
        <v>113518.33352140104</v>
      </c>
      <c r="Z72">
        <f>IF($D72="SAND",INDEX('p-y sand'!$AJ$27:$AJ$5000,MATCH($B72,'p-y sand'!$C$27:$C$82,1)),INDEX('p-y mono_clay'!$AW$27:$AW$5000,MATCH($B72,'p-y mono_clay'!$C$27:$C$5000,1)))</f>
        <v>100</v>
      </c>
      <c r="AA72">
        <f>IF($D72="SAND",INDEX('p-y sand'!$AX$27:$AX$5000,MATCH($B72,'p-y sand'!$C$27:$C$5000,1)),INDEX('p-y mono_clay'!$BK$27:$BK$5000,MATCH($B72,'p-y mono_clay'!$C$27:$C$5000,1)))</f>
        <v>120784.92577419723</v>
      </c>
      <c r="AB72">
        <f>IF($D72="SAND",INDEX('p-y sand'!$AK$27:$AK$5000,MATCH($B72,'p-y sand'!$C$27:$C$82,1)),INDEX('p-y mono_clay'!$AX$27:$AX$5000,MATCH($B72,'p-y mono_clay'!$C$27:$C$5000,1)))</f>
        <v>110</v>
      </c>
      <c r="AC72">
        <f>IF($D72="SAND",INDEX('p-y sand'!$AY$27:$AY$5000,MATCH($B72,'p-y sand'!$C$27:$C$5000,1)),INDEX('p-y mono_clay'!$BL$27:$BL$5000,MATCH($B72,'p-y mono_clay'!$C$27:$C$5000,1)))</f>
        <v>127279.9193692361</v>
      </c>
      <c r="AD72" s="98">
        <f>IF($D72="SAND",INDEX('p-y sand'!$AL$27:$AL$5000,MATCH($B72,'p-y sand'!$C$27:$C$82,1)),INDEX('p-y mono_clay'!$AY$27:$AY$5000,MATCH($B72,'p-y mono_clay'!$C$27:$C$5000,1)))</f>
        <v>120</v>
      </c>
    </row>
    <row r="73" spans="1:30" x14ac:dyDescent="0.2">
      <c r="A73" s="214">
        <f t="shared" si="1"/>
        <v>-83.5</v>
      </c>
      <c r="B73" s="216">
        <f>'p-y mono_clay'!C94</f>
        <v>68</v>
      </c>
      <c r="C73">
        <f>INDEX('CPT Data'!$C$13:$C$20000,MATCH(B73,'CPT Data'!$B$13:$B$20000,1))</f>
        <v>67.984999999999999</v>
      </c>
      <c r="D73" s="216" t="str">
        <f>INDEX('CPT Data'!$P$13:$P$20000,MATCH(B73,'CPT Data'!$B$13:$B$20000,1))</f>
        <v>CLAY</v>
      </c>
      <c r="E73">
        <f>IF($D73="SAND",INDEX('p-y sand'!$AM$27:$AM$20000,MATCH($B73,'p-y sand'!$C$27:$C$20000,1)),INDEX('p-y mono_clay'!$AZ$27:$AZ$20000,MATCH($B73,'p-y mono_clay'!$C$27:$C$20000,1)))</f>
        <v>12</v>
      </c>
      <c r="F73">
        <f>IF($D73="SAND",INDEX('p-y sand'!$Z$27:$Z$5000,MATCH($B73,'p-y sand'!$C$27:$C$82,1)),INDEX('p-y mono_clay'!$AM$27:$AM$5000,MATCH($B73,'p-y mono_clay'!$C$27:$C$5000,1)))</f>
        <v>0</v>
      </c>
      <c r="G73">
        <f>IF($D73="SAND",INDEX('p-y sand'!$AN$27:$AN$5000,MATCH($B73,'p-y sand'!$C$27:$C$5000,1)),INDEX('p-y mono_clay'!$BA$27:$BA$5000,MATCH($B73,'p-y mono_clay'!$C$27:$C$5000,1)))</f>
        <v>379.9117213221129</v>
      </c>
      <c r="H73">
        <f>IF($D73="SAND",INDEX('p-y sand'!$AA$27:$AA$5000,MATCH($B73,'p-y sand'!$C$27:$C$82,1)),INDEX('p-y mono_clay'!$AN$27:$AN$5000,MATCH($B73,'p-y mono_clay'!$C$27:$C$5000,1)))</f>
        <v>0.60878833739125127</v>
      </c>
      <c r="I73">
        <f>IF($D73="SAND",INDEX('p-y sand'!$AO$27:$AO$5000,MATCH($B73,'p-y sand'!$C$27:$C$5000,1)),INDEX('p-y mono_clay'!$BB$27:$BB$5000,MATCH($B73,'p-y mono_clay'!$C$27:$C$5000,1)))</f>
        <v>1519.6468852884516</v>
      </c>
      <c r="J73">
        <f>IF($D73="SAND",INDEX('p-y sand'!$AB$27:$AB$5000,MATCH($B73,'p-y sand'!$C$27:$C$82,1)),INDEX('p-y mono_clay'!$AO$27:$AO$5000,MATCH($B73,'p-y mono_clay'!$C$27:$C$5000,1)))</f>
        <v>6.0878833739125131</v>
      </c>
      <c r="K73">
        <f>IF($D73="SAND",INDEX('p-y sand'!$AP$27:$AP$5000,MATCH($B73,'p-y sand'!$C$27:$C$5000,1)),INDEX('p-y mono_clay'!$BC$27:$BC$5000,MATCH($B73,'p-y mono_clay'!$C$27:$C$5000,1)))</f>
        <v>2279.4703279326773</v>
      </c>
      <c r="L73">
        <f>IF($D73="SAND",INDEX('p-y sand'!$AC$27:$AC$5000,MATCH($B73,'p-y sand'!$C$27:$C$82,1)),INDEX('p-y mono_clay'!$AP$27:$AP$5000,MATCH($B73,'p-y mono_clay'!$C$27:$C$5000,1)))</f>
        <v>10.837285109563787</v>
      </c>
      <c r="M73">
        <f>IF($D73="SAND",INDEX('p-y sand'!$AQ$27:$AQ$5000,MATCH($B73,'p-y sand'!$C$27:$C$5000,1)),INDEX('p-y mono_clay'!$BD$27:$BD$5000,MATCH($B73,'p-y mono_clay'!$C$27:$C$5000,1)))</f>
        <v>3039.2937705769032</v>
      </c>
      <c r="N73">
        <f>IF($D73="SAND",INDEX('p-y sand'!$AD$27:$AD$5000,MATCH($B73,'p-y sand'!$C$27:$C$82,1)),INDEX('p-y mono_clay'!$AQ$27:$AQ$5000,MATCH($B73,'p-y mono_clay'!$C$27:$C$5000,1)))</f>
        <v>18.527300243475079</v>
      </c>
      <c r="O73">
        <f>IF($D73="SAND",INDEX('p-y sand'!$AR$27:$AR$5000,MATCH($B73,'p-y sand'!$C$27:$C$5000,1)),INDEX('p-y mono_clay'!$BE$27:$BE$5000,MATCH($B73,'p-y mono_clay'!$C$27:$C$5000,1)))</f>
        <v>3799.1172132211286</v>
      </c>
      <c r="P73">
        <f>IF($D73="SAND",INDEX('p-y sand'!$AE$27:$AE$5000,MATCH($B73,'p-y sand'!$C$27:$C$82,1)),INDEX('p-y mono_clay'!$AR$27:$AR$5000,MATCH($B73,'p-y mono_clay'!$C$27:$C$5000,1)))</f>
        <v>28.878833739125135</v>
      </c>
      <c r="Q73">
        <f>IF($D73="SAND",INDEX('p-y sand'!$AS$27:$AS$5000,MATCH($B73,'p-y sand'!$C$27:$C$5000,1)),INDEX('p-y mono_clay'!$BF$27:$BF$5000,MATCH($B73,'p-y mono_clay'!$C$27:$C$5000,1)))</f>
        <v>4558.9406558653545</v>
      </c>
      <c r="R73">
        <f>IF($D73="SAND",INDEX('p-y sand'!$AF$27:$AF$5000,MATCH($B73,'p-y sand'!$C$27:$C$82,1)),INDEX('p-y mono_clay'!$AS$27:$AS$5000,MATCH($B73,'p-y mono_clay'!$C$27:$C$5000,1)))</f>
        <v>45.23036723477518</v>
      </c>
      <c r="S73">
        <f>IF($D73="SAND",INDEX('p-y sand'!$AT$27:$AT$5000,MATCH($B73,'p-y sand'!$C$27:$C$5000,1)),INDEX('p-y mono_clay'!$BG$27:$BG$5000,MATCH($B73,'p-y mono_clay'!$C$27:$C$5000,1)))</f>
        <v>5318.7640985095795</v>
      </c>
      <c r="T73">
        <f>IF($D73="SAND",INDEX('p-y sand'!$AG$27:$AG$5000,MATCH($B73,'p-y sand'!$C$27:$C$82,1)),INDEX('p-y mono_clay'!$AT$27:$AT$5000,MATCH($B73,'p-y mono_clay'!$C$27:$C$5000,1)))</f>
        <v>66.02131759998781</v>
      </c>
      <c r="U73">
        <f>IF($D73="SAND",INDEX('p-y sand'!$AU$27:$AU$5000,MATCH($B73,'p-y sand'!$C$27:$C$5000,1)),INDEX('p-y mono_clay'!$BH$27:$BH$5000,MATCH($B73,'p-y mono_clay'!$C$27:$C$5000,1)))</f>
        <v>6078.5875411538063</v>
      </c>
      <c r="V73">
        <f>IF($D73="SAND",INDEX('p-y sand'!$AH$27:$AH$5000,MATCH($B73,'p-y sand'!$C$27:$C$82,1)),INDEX('p-y mono_clay'!$AU$27:$AU$5000,MATCH($B73,'p-y mono_clay'!$C$27:$C$5000,1)))</f>
        <v>102.98803471302546</v>
      </c>
      <c r="W73">
        <f>IF($D73="SAND",INDEX('p-y sand'!$AV$27:$AV$5000,MATCH($B73,'p-y sand'!$C$27:$C$5000,1)),INDEX('p-y mono_clay'!$BI$27:$BI$5000,MATCH($B73,'p-y mono_clay'!$C$27:$C$5000,1)))</f>
        <v>6838.4109837980313</v>
      </c>
      <c r="X73">
        <f>IF($D73="SAND",INDEX('p-y sand'!$AI$27:$AI$5000,MATCH($B73,'p-y sand'!$C$27:$C$82,1)),INDEX('p-y mono_clay'!$AV$27:$AV$5000,MATCH($B73,'p-y mono_clay'!$C$27:$C$5000,1)))</f>
        <v>169.09723568692581</v>
      </c>
      <c r="Y73">
        <f>IF($D73="SAND",INDEX('p-y sand'!$AW$27:$AW$5000,MATCH($B73,'p-y sand'!$C$27:$C$5000,1)),INDEX('p-y mono_clay'!$BJ$27:$BJ$5000,MATCH($B73,'p-y mono_clay'!$C$27:$C$5000,1)))</f>
        <v>7408.278565781201</v>
      </c>
      <c r="Z73">
        <f>IF($D73="SAND",INDEX('p-y sand'!$AJ$27:$AJ$5000,MATCH($B73,'p-y sand'!$C$27:$C$82,1)),INDEX('p-y mono_clay'!$AW$27:$AW$5000,MATCH($B73,'p-y mono_clay'!$C$27:$C$5000,1)))</f>
        <v>307.03066991300108</v>
      </c>
      <c r="AA73">
        <f>IF($D73="SAND",INDEX('p-y sand'!$AX$27:$AX$5000,MATCH($B73,'p-y sand'!$C$27:$C$5000,1)),INDEX('p-y mono_clay'!$BK$27:$BK$5000,MATCH($B73,'p-y mono_clay'!$C$27:$C$5000,1)))</f>
        <v>7598.2344264422572</v>
      </c>
      <c r="AB73">
        <f>IF($D73="SAND",INDEX('p-y sand'!$AK$27:$AK$5000,MATCH($B73,'p-y sand'!$C$27:$C$82,1)),INDEX('p-y mono_clay'!$AX$27:$AX$5000,MATCH($B73,'p-y mono_clay'!$C$27:$C$5000,1)))</f>
        <v>504.39416869562569</v>
      </c>
      <c r="AC73">
        <f>IF($D73="SAND",INDEX('p-y sand'!$AY$27:$AY$5000,MATCH($B73,'p-y sand'!$C$27:$C$5000,1)),INDEX('p-y mono_clay'!$BL$27:$BL$5000,MATCH($B73,'p-y mono_clay'!$C$27:$C$5000,1)))</f>
        <v>7598.2344264422572</v>
      </c>
      <c r="AD73" s="98">
        <f>IF($D73="SAND",INDEX('p-y sand'!$AL$27:$AL$5000,MATCH($B73,'p-y sand'!$C$27:$C$82,1)),INDEX('p-y mono_clay'!$AY$27:$AY$5000,MATCH($B73,'p-y mono_clay'!$C$27:$C$5000,1)))</f>
        <v>6000</v>
      </c>
    </row>
    <row r="74" spans="1:30" x14ac:dyDescent="0.2">
      <c r="A74" s="214">
        <f t="shared" si="1"/>
        <v>-84.5</v>
      </c>
      <c r="B74" s="216">
        <f>'p-y mono_clay'!C95</f>
        <v>69</v>
      </c>
      <c r="C74">
        <f>INDEX('CPT Data'!$C$13:$C$20000,MATCH(B74,'CPT Data'!$B$13:$B$20000,1))</f>
        <v>68.99199999999999</v>
      </c>
      <c r="D74" s="216" t="str">
        <f>INDEX('CPT Data'!$P$13:$P$20000,MATCH(B74,'CPT Data'!$B$13:$B$20000,1))</f>
        <v>SAND</v>
      </c>
      <c r="E74">
        <f>IF($D74="SAND",INDEX('p-y sand'!$AM$27:$AM$20000,MATCH($B74,'p-y sand'!$C$27:$C$20000,1)),INDEX('p-y mono_clay'!$AZ$27:$AZ$20000,MATCH($B74,'p-y mono_clay'!$C$27:$C$20000,1)))</f>
        <v>0</v>
      </c>
      <c r="F74">
        <f>IF($D74="SAND",INDEX('p-y sand'!$Z$27:$Z$5000,MATCH($B74,'p-y sand'!$C$27:$C$82,1)),INDEX('p-y mono_clay'!$AM$27:$AM$5000,MATCH($B74,'p-y mono_clay'!$C$27:$C$5000,1)))</f>
        <v>0</v>
      </c>
      <c r="G74">
        <f>IF($D74="SAND",INDEX('p-y sand'!$AN$27:$AN$5000,MATCH($B74,'p-y sand'!$C$27:$C$5000,1)),INDEX('p-y mono_clay'!$BA$27:$BA$5000,MATCH($B74,'p-y mono_clay'!$C$27:$C$5000,1)))</f>
        <v>12047.698186227914</v>
      </c>
      <c r="H74">
        <f>IF($D74="SAND",INDEX('p-y sand'!$AA$27:$AA$5000,MATCH($B74,'p-y sand'!$C$27:$C$82,1)),INDEX('p-y mono_clay'!$AN$27:$AN$5000,MATCH($B74,'p-y mono_clay'!$C$27:$C$5000,1)))</f>
        <v>10</v>
      </c>
      <c r="I74">
        <f>IF($D74="SAND",INDEX('p-y sand'!$AO$27:$AO$5000,MATCH($B74,'p-y sand'!$C$27:$C$5000,1)),INDEX('p-y mono_clay'!$BB$27:$BB$5000,MATCH($B74,'p-y mono_clay'!$C$27:$C$5000,1)))</f>
        <v>23983.641796570442</v>
      </c>
      <c r="J74">
        <f>IF($D74="SAND",INDEX('p-y sand'!$AB$27:$AB$5000,MATCH($B74,'p-y sand'!$C$27:$C$82,1)),INDEX('p-y mono_clay'!$AO$27:$AO$5000,MATCH($B74,'p-y mono_clay'!$C$27:$C$5000,1)))</f>
        <v>20</v>
      </c>
      <c r="K74">
        <f>IF($D74="SAND",INDEX('p-y sand'!$AP$27:$AP$5000,MATCH($B74,'p-y sand'!$C$27:$C$5000,1)),INDEX('p-y mono_clay'!$BC$27:$BC$5000,MATCH($B74,'p-y mono_clay'!$C$27:$C$5000,1)))</f>
        <v>35700.184691755465</v>
      </c>
      <c r="L74">
        <f>IF($D74="SAND",INDEX('p-y sand'!$AC$27:$AC$5000,MATCH($B74,'p-y sand'!$C$27:$C$82,1)),INDEX('p-y mono_clay'!$AP$27:$AP$5000,MATCH($B74,'p-y mono_clay'!$C$27:$C$5000,1)))</f>
        <v>30</v>
      </c>
      <c r="M74">
        <f>IF($D74="SAND",INDEX('p-y sand'!$AQ$27:$AQ$5000,MATCH($B74,'p-y sand'!$C$27:$C$5000,1)),INDEX('p-y mono_clay'!$BD$27:$BD$5000,MATCH($B74,'p-y mono_clay'!$C$27:$C$5000,1)))</f>
        <v>47097.580759723263</v>
      </c>
      <c r="N74">
        <f>IF($D74="SAND",INDEX('p-y sand'!$AD$27:$AD$5000,MATCH($B74,'p-y sand'!$C$27:$C$82,1)),INDEX('p-y mono_clay'!$AQ$27:$AQ$5000,MATCH($B74,'p-y mono_clay'!$C$27:$C$5000,1)))</f>
        <v>40</v>
      </c>
      <c r="O74">
        <f>IF($D74="SAND",INDEX('p-y sand'!$AR$27:$AR$5000,MATCH($B74,'p-y sand'!$C$27:$C$5000,1)),INDEX('p-y mono_clay'!$BE$27:$BE$5000,MATCH($B74,'p-y mono_clay'!$C$27:$C$5000,1)))</f>
        <v>58087.183069968545</v>
      </c>
      <c r="P74">
        <f>IF($D74="SAND",INDEX('p-y sand'!$AE$27:$AE$5000,MATCH($B74,'p-y sand'!$C$27:$C$82,1)),INDEX('p-y mono_clay'!$AR$27:$AR$5000,MATCH($B74,'p-y mono_clay'!$C$27:$C$5000,1)))</f>
        <v>50</v>
      </c>
      <c r="Q74">
        <f>IF($D74="SAND",INDEX('p-y sand'!$AS$27:$AS$5000,MATCH($B74,'p-y sand'!$C$27:$C$5000,1)),INDEX('p-y mono_clay'!$BF$27:$BF$5000,MATCH($B74,'p-y mono_clay'!$C$27:$C$5000,1)))</f>
        <v>68593.849465051622</v>
      </c>
      <c r="R74">
        <f>IF($D74="SAND",INDEX('p-y sand'!$AF$27:$AF$5000,MATCH($B74,'p-y sand'!$C$27:$C$82,1)),INDEX('p-y mono_clay'!$AS$27:$AS$5000,MATCH($B74,'p-y mono_clay'!$C$27:$C$5000,1)))</f>
        <v>60</v>
      </c>
      <c r="S74">
        <f>IF($D74="SAND",INDEX('p-y sand'!$AT$27:$AT$5000,MATCH($B74,'p-y sand'!$C$27:$C$5000,1)),INDEX('p-y mono_clay'!$BG$27:$BG$5000,MATCH($B74,'p-y mono_clay'!$C$27:$C$5000,1)))</f>
        <v>78557.447214813437</v>
      </c>
      <c r="T74">
        <f>IF($D74="SAND",INDEX('p-y sand'!$AG$27:$AG$5000,MATCH($B74,'p-y sand'!$C$27:$C$82,1)),INDEX('p-y mono_clay'!$AT$27:$AT$5000,MATCH($B74,'p-y mono_clay'!$C$27:$C$5000,1)))</f>
        <v>70</v>
      </c>
      <c r="U74">
        <f>IF($D74="SAND",INDEX('p-y sand'!$AU$27:$AU$5000,MATCH($B74,'p-y sand'!$C$27:$C$5000,1)),INDEX('p-y mono_clay'!$BH$27:$BH$5000,MATCH($B74,'p-y mono_clay'!$C$27:$C$5000,1)))</f>
        <v>87933.44618877639</v>
      </c>
      <c r="V74">
        <f>IF($D74="SAND",INDEX('p-y sand'!$AH$27:$AH$5000,MATCH($B74,'p-y sand'!$C$27:$C$82,1)),INDEX('p-y mono_clay'!$AU$27:$AU$5000,MATCH($B74,'p-y mono_clay'!$C$27:$C$5000,1)))</f>
        <v>80</v>
      </c>
      <c r="W74">
        <f>IF($D74="SAND",INDEX('p-y sand'!$AV$27:$AV$5000,MATCH($B74,'p-y sand'!$C$27:$C$5000,1)),INDEX('p-y mono_clay'!$BI$27:$BI$5000,MATCH($B74,'p-y mono_clay'!$C$27:$C$5000,1)))</f>
        <v>96692.675193466785</v>
      </c>
      <c r="X74">
        <f>IF($D74="SAND",INDEX('p-y sand'!$AI$27:$AI$5000,MATCH($B74,'p-y sand'!$C$27:$C$82,1)),INDEX('p-y mono_clay'!$AV$27:$AV$5000,MATCH($B74,'p-y mono_clay'!$C$27:$C$5000,1)))</f>
        <v>90</v>
      </c>
      <c r="Y74">
        <f>IF($D74="SAND",INDEX('p-y sand'!$AW$27:$AW$5000,MATCH($B74,'p-y sand'!$C$27:$C$5000,1)),INDEX('p-y mono_clay'!$BJ$27:$BJ$5000,MATCH($B74,'p-y mono_clay'!$C$27:$C$5000,1)))</f>
        <v>104820.37931690417</v>
      </c>
      <c r="Z74">
        <f>IF($D74="SAND",INDEX('p-y sand'!$AJ$27:$AJ$5000,MATCH($B74,'p-y sand'!$C$27:$C$82,1)),INDEX('p-y mono_clay'!$AW$27:$AW$5000,MATCH($B74,'p-y mono_clay'!$C$27:$C$5000,1)))</f>
        <v>100</v>
      </c>
      <c r="AA74">
        <f>IF($D74="SAND",INDEX('p-y sand'!$AX$27:$AX$5000,MATCH($B74,'p-y sand'!$C$27:$C$5000,1)),INDEX('p-y mono_clay'!$BK$27:$BK$5000,MATCH($B74,'p-y mono_clay'!$C$27:$C$5000,1)))</f>
        <v>112314.7526253754</v>
      </c>
      <c r="AB74">
        <f>IF($D74="SAND",INDEX('p-y sand'!$AK$27:$AK$5000,MATCH($B74,'p-y sand'!$C$27:$C$82,1)),INDEX('p-y mono_clay'!$AX$27:$AX$5000,MATCH($B74,'p-y mono_clay'!$C$27:$C$5000,1)))</f>
        <v>110</v>
      </c>
      <c r="AC74">
        <f>IF($D74="SAND",INDEX('p-y sand'!$AY$27:$AY$5000,MATCH($B74,'p-y sand'!$C$27:$C$5000,1)),INDEX('p-y mono_clay'!$BL$27:$BL$5000,MATCH($B74,'p-y mono_clay'!$C$27:$C$5000,1)))</f>
        <v>119185.13104074284</v>
      </c>
      <c r="AD74" s="98">
        <f>IF($D74="SAND",INDEX('p-y sand'!$AL$27:$AL$5000,MATCH($B74,'p-y sand'!$C$27:$C$82,1)),INDEX('p-y mono_clay'!$AY$27:$AY$5000,MATCH($B74,'p-y mono_clay'!$C$27:$C$5000,1)))</f>
        <v>120</v>
      </c>
    </row>
    <row r="75" spans="1:30" x14ac:dyDescent="0.2">
      <c r="A75" s="214">
        <f t="shared" si="1"/>
        <v>-85.5</v>
      </c>
      <c r="B75" s="216">
        <f>'p-y mono_clay'!C96</f>
        <v>70</v>
      </c>
      <c r="C75">
        <f>INDEX('CPT Data'!$C$13:$C$20000,MATCH(B75,'CPT Data'!$B$13:$B$20000,1))</f>
        <v>69.983999999999995</v>
      </c>
      <c r="D75" s="216" t="str">
        <f>INDEX('CPT Data'!$P$13:$P$20000,MATCH(B75,'CPT Data'!$B$13:$B$20000,1))</f>
        <v>SAND</v>
      </c>
      <c r="E75">
        <f>IF($D75="SAND",INDEX('p-y sand'!$AM$27:$AM$20000,MATCH($B75,'p-y sand'!$C$27:$C$20000,1)),INDEX('p-y mono_clay'!$AZ$27:$AZ$20000,MATCH($B75,'p-y mono_clay'!$C$27:$C$20000,1)))</f>
        <v>0</v>
      </c>
      <c r="F75">
        <f>IF($D75="SAND",INDEX('p-y sand'!$Z$27:$Z$5000,MATCH($B75,'p-y sand'!$C$27:$C$82,1)),INDEX('p-y mono_clay'!$AM$27:$AM$5000,MATCH($B75,'p-y mono_clay'!$C$27:$C$5000,1)))</f>
        <v>0</v>
      </c>
      <c r="G75">
        <f>IF($D75="SAND",INDEX('p-y sand'!$AN$27:$AN$5000,MATCH($B75,'p-y sand'!$C$27:$C$5000,1)),INDEX('p-y mono_clay'!$BA$27:$BA$5000,MATCH($B75,'p-y mono_clay'!$C$27:$C$5000,1)))</f>
        <v>12454.950678944881</v>
      </c>
      <c r="H75">
        <f>IF($D75="SAND",INDEX('p-y sand'!$AA$27:$AA$5000,MATCH($B75,'p-y sand'!$C$27:$C$82,1)),INDEX('p-y mono_clay'!$AN$27:$AN$5000,MATCH($B75,'p-y mono_clay'!$C$27:$C$5000,1)))</f>
        <v>10</v>
      </c>
      <c r="I75">
        <f>IF($D75="SAND",INDEX('p-y sand'!$AO$27:$AO$5000,MATCH($B75,'p-y sand'!$C$27:$C$5000,1)),INDEX('p-y mono_clay'!$BB$27:$BB$5000,MATCH($B75,'p-y mono_clay'!$C$27:$C$5000,1)))</f>
        <v>24800.843128150249</v>
      </c>
      <c r="J75">
        <f>IF($D75="SAND",INDEX('p-y sand'!$AB$27:$AB$5000,MATCH($B75,'p-y sand'!$C$27:$C$82,1)),INDEX('p-y mono_clay'!$AO$27:$AO$5000,MATCH($B75,'p-y mono_clay'!$C$27:$C$5000,1)))</f>
        <v>20</v>
      </c>
      <c r="K75">
        <f>IF($D75="SAND",INDEX('p-y sand'!$AP$27:$AP$5000,MATCH($B75,'p-y sand'!$C$27:$C$5000,1)),INDEX('p-y mono_clay'!$BC$27:$BC$5000,MATCH($B75,'p-y mono_clay'!$C$27:$C$5000,1)))</f>
        <v>36932.405711012718</v>
      </c>
      <c r="L75">
        <f>IF($D75="SAND",INDEX('p-y sand'!$AC$27:$AC$5000,MATCH($B75,'p-y sand'!$C$27:$C$82,1)),INDEX('p-y mono_clay'!$AP$27:$AP$5000,MATCH($B75,'p-y mono_clay'!$C$27:$C$5000,1)))</f>
        <v>30</v>
      </c>
      <c r="M75">
        <f>IF($D75="SAND",INDEX('p-y sand'!$AQ$27:$AQ$5000,MATCH($B75,'p-y sand'!$C$27:$C$5000,1)),INDEX('p-y mono_clay'!$BD$27:$BD$5000,MATCH($B75,'p-y mono_clay'!$C$27:$C$5000,1)))</f>
        <v>48751.663977682409</v>
      </c>
      <c r="N75">
        <f>IF($D75="SAND",INDEX('p-y sand'!$AD$27:$AD$5000,MATCH($B75,'p-y sand'!$C$27:$C$82,1)),INDEX('p-y mono_clay'!$AQ$27:$AQ$5000,MATCH($B75,'p-y mono_clay'!$C$27:$C$5000,1)))</f>
        <v>40</v>
      </c>
      <c r="O75">
        <f>IF($D75="SAND",INDEX('p-y sand'!$AR$27:$AR$5000,MATCH($B75,'p-y sand'!$C$27:$C$5000,1)),INDEX('p-y mono_clay'!$BE$27:$BE$5000,MATCH($B75,'p-y mono_clay'!$C$27:$C$5000,1)))</f>
        <v>60170.933255067321</v>
      </c>
      <c r="P75">
        <f>IF($D75="SAND",INDEX('p-y sand'!$AE$27:$AE$5000,MATCH($B75,'p-y sand'!$C$27:$C$82,1)),INDEX('p-y mono_clay'!$AR$27:$AR$5000,MATCH($B75,'p-y mono_clay'!$C$27:$C$5000,1)))</f>
        <v>50</v>
      </c>
      <c r="Q75">
        <f>IF($D75="SAND",INDEX('p-y sand'!$AS$27:$AS$5000,MATCH($B75,'p-y sand'!$C$27:$C$5000,1)),INDEX('p-y mono_clay'!$BF$27:$BF$5000,MATCH($B75,'p-y mono_clay'!$C$27:$C$5000,1)))</f>
        <v>71115.11294011079</v>
      </c>
      <c r="R75">
        <f>IF($D75="SAND",INDEX('p-y sand'!$AF$27:$AF$5000,MATCH($B75,'p-y sand'!$C$27:$C$82,1)),INDEX('p-y mono_clay'!$AS$27:$AS$5000,MATCH($B75,'p-y mono_clay'!$C$27:$C$5000,1)))</f>
        <v>60</v>
      </c>
      <c r="S75">
        <f>IF($D75="SAND",INDEX('p-y sand'!$AT$27:$AT$5000,MATCH($B75,'p-y sand'!$C$27:$C$5000,1)),INDEX('p-y mono_clay'!$BG$27:$BG$5000,MATCH($B75,'p-y mono_clay'!$C$27:$C$5000,1)))</f>
        <v>81523.180680079895</v>
      </c>
      <c r="T75">
        <f>IF($D75="SAND",INDEX('p-y sand'!$AG$27:$AG$5000,MATCH($B75,'p-y sand'!$C$27:$C$82,1)),INDEX('p-y mono_clay'!$AT$27:$AT$5000,MATCH($B75,'p-y mono_clay'!$C$27:$C$5000,1)))</f>
        <v>70</v>
      </c>
      <c r="U75">
        <f>IF($D75="SAND",INDEX('p-y sand'!$AU$27:$AU$5000,MATCH($B75,'p-y sand'!$C$27:$C$5000,1)),INDEX('p-y mono_clay'!$BH$27:$BH$5000,MATCH($B75,'p-y mono_clay'!$C$27:$C$5000,1)))</f>
        <v>91348.86692461092</v>
      </c>
      <c r="V75">
        <f>IF($D75="SAND",INDEX('p-y sand'!$AH$27:$AH$5000,MATCH($B75,'p-y sand'!$C$27:$C$82,1)),INDEX('p-y mono_clay'!$AU$27:$AU$5000,MATCH($B75,'p-y mono_clay'!$C$27:$C$5000,1)))</f>
        <v>80</v>
      </c>
      <c r="W75">
        <f>IF($D75="SAND",INDEX('p-y sand'!$AV$27:$AV$5000,MATCH($B75,'p-y sand'!$C$27:$C$5000,1)),INDEX('p-y mono_clay'!$BI$27:$BI$5000,MATCH($B75,'p-y mono_clay'!$C$27:$C$5000,1)))</f>
        <v>100560.5644169125</v>
      </c>
      <c r="X75">
        <f>IF($D75="SAND",INDEX('p-y sand'!$AI$27:$AI$5000,MATCH($B75,'p-y sand'!$C$27:$C$82,1)),INDEX('p-y mono_clay'!$AV$27:$AV$5000,MATCH($B75,'p-y mono_clay'!$C$27:$C$5000,1)))</f>
        <v>90</v>
      </c>
      <c r="Y75">
        <f>IF($D75="SAND",INDEX('p-y sand'!$AW$27:$AW$5000,MATCH($B75,'p-y sand'!$C$27:$C$5000,1)),INDEX('p-y mono_clay'!$BJ$27:$BJ$5000,MATCH($B75,'p-y mono_clay'!$C$27:$C$5000,1)))</f>
        <v>109140.58419206039</v>
      </c>
      <c r="Z75">
        <f>IF($D75="SAND",INDEX('p-y sand'!$AJ$27:$AJ$5000,MATCH($B75,'p-y sand'!$C$27:$C$82,1)),INDEX('p-y mono_clay'!$AW$27:$AW$5000,MATCH($B75,'p-y mono_clay'!$C$27:$C$5000,1)))</f>
        <v>100</v>
      </c>
      <c r="AA75">
        <f>IF($D75="SAND",INDEX('p-y sand'!$AX$27:$AX$5000,MATCH($B75,'p-y sand'!$C$27:$C$5000,1)),INDEX('p-y mono_clay'!$BK$27:$BK$5000,MATCH($B75,'p-y mono_clay'!$C$27:$C$5000,1)))</f>
        <v>117083.90504257903</v>
      </c>
      <c r="AB75">
        <f>IF($D75="SAND",INDEX('p-y sand'!$AK$27:$AK$5000,MATCH($B75,'p-y sand'!$C$27:$C$82,1)),INDEX('p-y mono_clay'!$AX$27:$AX$5000,MATCH($B75,'p-y mono_clay'!$C$27:$C$5000,1)))</f>
        <v>110</v>
      </c>
      <c r="AC75">
        <f>IF($D75="SAND",INDEX('p-y sand'!$AY$27:$AY$5000,MATCH($B75,'p-y sand'!$C$27:$C$5000,1)),INDEX('p-y mono_clay'!$BL$27:$BL$5000,MATCH($B75,'p-y mono_clay'!$C$27:$C$5000,1)))</f>
        <v>124396.57696830857</v>
      </c>
      <c r="AD75" s="98">
        <f>IF($D75="SAND",INDEX('p-y sand'!$AL$27:$AL$5000,MATCH($B75,'p-y sand'!$C$27:$C$82,1)),INDEX('p-y mono_clay'!$AY$27:$AY$5000,MATCH($B75,'p-y mono_clay'!$C$27:$C$5000,1)))</f>
        <v>120</v>
      </c>
    </row>
    <row r="76" spans="1:30" x14ac:dyDescent="0.2">
      <c r="A76" s="214">
        <f t="shared" si="1"/>
        <v>-86.5</v>
      </c>
      <c r="B76" s="216">
        <f>'p-y mono_clay'!C97</f>
        <v>71</v>
      </c>
      <c r="C76">
        <f>INDEX('CPT Data'!$C$13:$C$20000,MATCH(B76,'CPT Data'!$B$13:$B$20000,1))</f>
        <v>70.98599999999999</v>
      </c>
      <c r="D76" s="216" t="str">
        <f>INDEX('CPT Data'!$P$13:$P$20000,MATCH(B76,'CPT Data'!$B$13:$B$20000,1))</f>
        <v>SAND</v>
      </c>
      <c r="E76">
        <f>IF($D76="SAND",INDEX('p-y sand'!$AM$27:$AM$20000,MATCH($B76,'p-y sand'!$C$27:$C$20000,1)),INDEX('p-y mono_clay'!$AZ$27:$AZ$20000,MATCH($B76,'p-y mono_clay'!$C$27:$C$20000,1)))</f>
        <v>0</v>
      </c>
      <c r="F76">
        <f>IF($D76="SAND",INDEX('p-y sand'!$Z$27:$Z$5000,MATCH($B76,'p-y sand'!$C$27:$C$82,1)),INDEX('p-y mono_clay'!$AM$27:$AM$5000,MATCH($B76,'p-y mono_clay'!$C$27:$C$5000,1)))</f>
        <v>0</v>
      </c>
      <c r="G76">
        <f>IF($D76="SAND",INDEX('p-y sand'!$AN$27:$AN$5000,MATCH($B76,'p-y sand'!$C$27:$C$5000,1)),INDEX('p-y mono_clay'!$BA$27:$BA$5000,MATCH($B76,'p-y mono_clay'!$C$27:$C$5000,1)))</f>
        <v>14241.169633771982</v>
      </c>
      <c r="H76">
        <f>IF($D76="SAND",INDEX('p-y sand'!$AA$27:$AA$5000,MATCH($B76,'p-y sand'!$C$27:$C$82,1)),INDEX('p-y mono_clay'!$AN$27:$AN$5000,MATCH($B76,'p-y mono_clay'!$C$27:$C$5000,1)))</f>
        <v>10</v>
      </c>
      <c r="I76">
        <f>IF($D76="SAND",INDEX('p-y sand'!$AO$27:$AO$5000,MATCH($B76,'p-y sand'!$C$27:$C$5000,1)),INDEX('p-y mono_clay'!$BB$27:$BB$5000,MATCH($B76,'p-y mono_clay'!$C$27:$C$5000,1)))</f>
        <v>28377.869830631345</v>
      </c>
      <c r="J76">
        <f>IF($D76="SAND",INDEX('p-y sand'!$AB$27:$AB$5000,MATCH($B76,'p-y sand'!$C$27:$C$82,1)),INDEX('p-y mono_clay'!$AO$27:$AO$5000,MATCH($B76,'p-y mono_clay'!$C$27:$C$5000,1)))</f>
        <v>20</v>
      </c>
      <c r="K76">
        <f>IF($D76="SAND",INDEX('p-y sand'!$AP$27:$AP$5000,MATCH($B76,'p-y sand'!$C$27:$C$5000,1)),INDEX('p-y mono_clay'!$BC$27:$BC$5000,MATCH($B76,'p-y mono_clay'!$C$27:$C$5000,1)))</f>
        <v>42308.674270307398</v>
      </c>
      <c r="L76">
        <f>IF($D76="SAND",INDEX('p-y sand'!$AC$27:$AC$5000,MATCH($B76,'p-y sand'!$C$27:$C$82,1)),INDEX('p-y mono_clay'!$AP$27:$AP$5000,MATCH($B76,'p-y mono_clay'!$C$27:$C$5000,1)))</f>
        <v>30</v>
      </c>
      <c r="M76">
        <f>IF($D76="SAND",INDEX('p-y sand'!$AQ$27:$AQ$5000,MATCH($B76,'p-y sand'!$C$27:$C$5000,1)),INDEX('p-y mono_clay'!$BD$27:$BD$5000,MATCH($B76,'p-y mono_clay'!$C$27:$C$5000,1)))</f>
        <v>55938.056414739047</v>
      </c>
      <c r="N76">
        <f>IF($D76="SAND",INDEX('p-y sand'!$AD$27:$AD$5000,MATCH($B76,'p-y sand'!$C$27:$C$82,1)),INDEX('p-y mono_clay'!$AQ$27:$AQ$5000,MATCH($B76,'p-y mono_clay'!$C$27:$C$5000,1)))</f>
        <v>40</v>
      </c>
      <c r="O76">
        <f>IF($D76="SAND",INDEX('p-y sand'!$AR$27:$AR$5000,MATCH($B76,'p-y sand'!$C$27:$C$5000,1)),INDEX('p-y mono_clay'!$BE$27:$BE$5000,MATCH($B76,'p-y mono_clay'!$C$27:$C$5000,1)))</f>
        <v>69178.892623663487</v>
      </c>
      <c r="P76">
        <f>IF($D76="SAND",INDEX('p-y sand'!$AE$27:$AE$5000,MATCH($B76,'p-y sand'!$C$27:$C$82,1)),INDEX('p-y mono_clay'!$AR$27:$AR$5000,MATCH($B76,'p-y mono_clay'!$C$27:$C$5000,1)))</f>
        <v>50</v>
      </c>
      <c r="Q76">
        <f>IF($D76="SAND",INDEX('p-y sand'!$AS$27:$AS$5000,MATCH($B76,'p-y sand'!$C$27:$C$5000,1)),INDEX('p-y mono_clay'!$BF$27:$BF$5000,MATCH($B76,'p-y mono_clay'!$C$27:$C$5000,1)))</f>
        <v>81954.480304484634</v>
      </c>
      <c r="R76">
        <f>IF($D76="SAND",INDEX('p-y sand'!$AF$27:$AF$5000,MATCH($B76,'p-y sand'!$C$27:$C$82,1)),INDEX('p-y mono_clay'!$AS$27:$AS$5000,MATCH($B76,'p-y mono_clay'!$C$27:$C$5000,1)))</f>
        <v>60</v>
      </c>
      <c r="S76">
        <f>IF($D76="SAND",INDEX('p-y sand'!$AT$27:$AT$5000,MATCH($B76,'p-y sand'!$C$27:$C$5000,1)),INDEX('p-y mono_clay'!$BG$27:$BG$5000,MATCH($B76,'p-y mono_clay'!$C$27:$C$5000,1)))</f>
        <v>94199.986309263404</v>
      </c>
      <c r="T76">
        <f>IF($D76="SAND",INDEX('p-y sand'!$AG$27:$AG$5000,MATCH($B76,'p-y sand'!$C$27:$C$82,1)),INDEX('p-y mono_clay'!$AT$27:$AT$5000,MATCH($B76,'p-y mono_clay'!$C$27:$C$5000,1)))</f>
        <v>70</v>
      </c>
      <c r="U76">
        <f>IF($D76="SAND",INDEX('p-y sand'!$AU$27:$AU$5000,MATCH($B76,'p-y sand'!$C$27:$C$5000,1)),INDEX('p-y mono_clay'!$BH$27:$BH$5000,MATCH($B76,'p-y mono_clay'!$C$27:$C$5000,1)))</f>
        <v>105863.29174100398</v>
      </c>
      <c r="V76">
        <f>IF($D76="SAND",INDEX('p-y sand'!$AH$27:$AH$5000,MATCH($B76,'p-y sand'!$C$27:$C$82,1)),INDEX('p-y mono_clay'!$AU$27:$AU$5000,MATCH($B76,'p-y mono_clay'!$C$27:$C$5000,1)))</f>
        <v>80</v>
      </c>
      <c r="W76">
        <f>IF($D76="SAND",INDEX('p-y sand'!$AV$27:$AV$5000,MATCH($B76,'p-y sand'!$C$27:$C$5000,1)),INDEX('p-y mono_clay'!$BI$27:$BI$5000,MATCH($B76,'p-y mono_clay'!$C$27:$C$5000,1)))</f>
        <v>116905.24802330599</v>
      </c>
      <c r="X76">
        <f>IF($D76="SAND",INDEX('p-y sand'!$AI$27:$AI$5000,MATCH($B76,'p-y sand'!$C$27:$C$82,1)),INDEX('p-y mono_clay'!$AV$27:$AV$5000,MATCH($B76,'p-y mono_clay'!$C$27:$C$5000,1)))</f>
        <v>90</v>
      </c>
      <c r="Y76">
        <f>IF($D76="SAND",INDEX('p-y sand'!$AW$27:$AW$5000,MATCH($B76,'p-y sand'!$C$27:$C$5000,1)),INDEX('p-y mono_clay'!$BJ$27:$BJ$5000,MATCH($B76,'p-y mono_clay'!$C$27:$C$5000,1)))</f>
        <v>127299.40011415406</v>
      </c>
      <c r="Z76">
        <f>IF($D76="SAND",INDEX('p-y sand'!$AJ$27:$AJ$5000,MATCH($B76,'p-y sand'!$C$27:$C$82,1)),INDEX('p-y mono_clay'!$AW$27:$AW$5000,MATCH($B76,'p-y mono_clay'!$C$27:$C$5000,1)))</f>
        <v>100</v>
      </c>
      <c r="AA76">
        <f>IF($D76="SAND",INDEX('p-y sand'!$AX$27:$AX$5000,MATCH($B76,'p-y sand'!$C$27:$C$5000,1)),INDEX('p-y mono_clay'!$BK$27:$BK$5000,MATCH($B76,'p-y mono_clay'!$C$27:$C$5000,1)))</f>
        <v>137031.26259495117</v>
      </c>
      <c r="AB76">
        <f>IF($D76="SAND",INDEX('p-y sand'!$AK$27:$AK$5000,MATCH($B76,'p-y sand'!$C$27:$C$82,1)),INDEX('p-y mono_clay'!$AX$27:$AX$5000,MATCH($B76,'p-y mono_clay'!$C$27:$C$5000,1)))</f>
        <v>110</v>
      </c>
      <c r="AC76">
        <f>IF($D76="SAND",INDEX('p-y sand'!$AY$27:$AY$5000,MATCH($B76,'p-y sand'!$C$27:$C$5000,1)),INDEX('p-y mono_clay'!$BL$27:$BL$5000,MATCH($B76,'p-y mono_clay'!$C$27:$C$5000,1)))</f>
        <v>146097.2516595484</v>
      </c>
      <c r="AD76" s="98">
        <f>IF($D76="SAND",INDEX('p-y sand'!$AL$27:$AL$5000,MATCH($B76,'p-y sand'!$C$27:$C$82,1)),INDEX('p-y mono_clay'!$AY$27:$AY$5000,MATCH($B76,'p-y mono_clay'!$C$27:$C$5000,1)))</f>
        <v>120</v>
      </c>
    </row>
    <row r="77" spans="1:30" x14ac:dyDescent="0.2">
      <c r="A77" s="214">
        <f t="shared" si="1"/>
        <v>-87.5</v>
      </c>
      <c r="B77" s="216">
        <f>'p-y mono_clay'!C98</f>
        <v>72</v>
      </c>
      <c r="C77">
        <f>INDEX('CPT Data'!$C$13:$C$20000,MATCH(B77,'CPT Data'!$B$13:$B$20000,1))</f>
        <v>71.988</v>
      </c>
      <c r="D77" s="216" t="str">
        <f>INDEX('CPT Data'!$P$13:$P$20000,MATCH(B77,'CPT Data'!$B$13:$B$20000,1))</f>
        <v>SAND</v>
      </c>
      <c r="E77">
        <f>IF($D77="SAND",INDEX('p-y sand'!$AM$27:$AM$20000,MATCH($B77,'p-y sand'!$C$27:$C$20000,1)),INDEX('p-y mono_clay'!$AZ$27:$AZ$20000,MATCH($B77,'p-y mono_clay'!$C$27:$C$20000,1)))</f>
        <v>0</v>
      </c>
      <c r="F77">
        <f>IF($D77="SAND",INDEX('p-y sand'!$Z$27:$Z$5000,MATCH($B77,'p-y sand'!$C$27:$C$82,1)),INDEX('p-y mono_clay'!$AM$27:$AM$5000,MATCH($B77,'p-y mono_clay'!$C$27:$C$5000,1)))</f>
        <v>0</v>
      </c>
      <c r="G77">
        <f>IF($D77="SAND",INDEX('p-y sand'!$AN$27:$AN$5000,MATCH($B77,'p-y sand'!$C$27:$C$5000,1)),INDEX('p-y mono_clay'!$BA$27:$BA$5000,MATCH($B77,'p-y mono_clay'!$C$27:$C$5000,1)))</f>
        <v>12759.807307770883</v>
      </c>
      <c r="H77">
        <f>IF($D77="SAND",INDEX('p-y sand'!$AA$27:$AA$5000,MATCH($B77,'p-y sand'!$C$27:$C$82,1)),INDEX('p-y mono_clay'!$AN$27:$AN$5000,MATCH($B77,'p-y mono_clay'!$C$27:$C$5000,1)))</f>
        <v>10</v>
      </c>
      <c r="I77">
        <f>IF($D77="SAND",INDEX('p-y sand'!$AO$27:$AO$5000,MATCH($B77,'p-y sand'!$C$27:$C$5000,1)),INDEX('p-y mono_clay'!$BB$27:$BB$5000,MATCH($B77,'p-y mono_clay'!$C$27:$C$5000,1)))</f>
        <v>25429.41508123303</v>
      </c>
      <c r="J77">
        <f>IF($D77="SAND",INDEX('p-y sand'!$AB$27:$AB$5000,MATCH($B77,'p-y sand'!$C$27:$C$82,1)),INDEX('p-y mono_clay'!$AO$27:$AO$5000,MATCH($B77,'p-y mono_clay'!$C$27:$C$5000,1)))</f>
        <v>20</v>
      </c>
      <c r="K77">
        <f>IF($D77="SAND",INDEX('p-y sand'!$AP$27:$AP$5000,MATCH($B77,'p-y sand'!$C$27:$C$5000,1)),INDEX('p-y mono_clay'!$BC$27:$BC$5000,MATCH($B77,'p-y mono_clay'!$C$27:$C$5000,1)))</f>
        <v>37921.156378033324</v>
      </c>
      <c r="L77">
        <f>IF($D77="SAND",INDEX('p-y sand'!$AC$27:$AC$5000,MATCH($B77,'p-y sand'!$C$27:$C$82,1)),INDEX('p-y mono_clay'!$AP$27:$AP$5000,MATCH($B77,'p-y mono_clay'!$C$27:$C$5000,1)))</f>
        <v>30</v>
      </c>
      <c r="M77">
        <f>IF($D77="SAND",INDEX('p-y sand'!$AQ$27:$AQ$5000,MATCH($B77,'p-y sand'!$C$27:$C$5000,1)),INDEX('p-y mono_clay'!$BD$27:$BD$5000,MATCH($B77,'p-y mono_clay'!$C$27:$C$5000,1)))</f>
        <v>50152.279815246933</v>
      </c>
      <c r="N77">
        <f>IF($D77="SAND",INDEX('p-y sand'!$AD$27:$AD$5000,MATCH($B77,'p-y sand'!$C$27:$C$82,1)),INDEX('p-y mono_clay'!$AQ$27:$AQ$5000,MATCH($B77,'p-y mono_clay'!$C$27:$C$5000,1)))</f>
        <v>40</v>
      </c>
      <c r="O77">
        <f>IF($D77="SAND",INDEX('p-y sand'!$AR$27:$AR$5000,MATCH($B77,'p-y sand'!$C$27:$C$5000,1)),INDEX('p-y mono_clay'!$BE$27:$BE$5000,MATCH($B77,'p-y mono_clay'!$C$27:$C$5000,1)))</f>
        <v>62047.048269540333</v>
      </c>
      <c r="P77">
        <f>IF($D77="SAND",INDEX('p-y sand'!$AE$27:$AE$5000,MATCH($B77,'p-y sand'!$C$27:$C$82,1)),INDEX('p-y mono_clay'!$AR$27:$AR$5000,MATCH($B77,'p-y mono_clay'!$C$27:$C$5000,1)))</f>
        <v>50</v>
      </c>
      <c r="Q77">
        <f>IF($D77="SAND",INDEX('p-y sand'!$AS$27:$AS$5000,MATCH($B77,'p-y sand'!$C$27:$C$5000,1)),INDEX('p-y mono_clay'!$BF$27:$BF$5000,MATCH($B77,'p-y mono_clay'!$C$27:$C$5000,1)))</f>
        <v>73538.446372957551</v>
      </c>
      <c r="R77">
        <f>IF($D77="SAND",INDEX('p-y sand'!$AF$27:$AF$5000,MATCH($B77,'p-y sand'!$C$27:$C$82,1)),INDEX('p-y mono_clay'!$AS$27:$AS$5000,MATCH($B77,'p-y mono_clay'!$C$27:$C$5000,1)))</f>
        <v>60</v>
      </c>
      <c r="S77">
        <f>IF($D77="SAND",INDEX('p-y sand'!$AT$27:$AT$5000,MATCH($B77,'p-y sand'!$C$27:$C$5000,1)),INDEX('p-y mono_clay'!$BG$27:$BG$5000,MATCH($B77,'p-y mono_clay'!$C$27:$C$5000,1)))</f>
        <v>84569.42625602863</v>
      </c>
      <c r="T77">
        <f>IF($D77="SAND",INDEX('p-y sand'!$AG$27:$AG$5000,MATCH($B77,'p-y sand'!$C$27:$C$82,1)),INDEX('p-y mono_clay'!$AT$27:$AT$5000,MATCH($B77,'p-y mono_clay'!$C$27:$C$5000,1)))</f>
        <v>70</v>
      </c>
      <c r="U77">
        <f>IF($D77="SAND",INDEX('p-y sand'!$AU$27:$AU$5000,MATCH($B77,'p-y sand'!$C$27:$C$5000,1)),INDEX('p-y mono_clay'!$BH$27:$BH$5000,MATCH($B77,'p-y mono_clay'!$C$27:$C$5000,1)))</f>
        <v>95093.661053727454</v>
      </c>
      <c r="V77">
        <f>IF($D77="SAND",INDEX('p-y sand'!$AH$27:$AH$5000,MATCH($B77,'p-y sand'!$C$27:$C$82,1)),INDEX('p-y mono_clay'!$AU$27:$AU$5000,MATCH($B77,'p-y mono_clay'!$C$27:$C$5000,1)))</f>
        <v>80</v>
      </c>
      <c r="W77">
        <f>IF($D77="SAND",INDEX('p-y sand'!$AV$27:$AV$5000,MATCH($B77,'p-y sand'!$C$27:$C$5000,1)),INDEX('p-y mono_clay'!$BI$27:$BI$5000,MATCH($B77,'p-y mono_clay'!$C$27:$C$5000,1)))</f>
        <v>105075.81439672399</v>
      </c>
      <c r="X77">
        <f>IF($D77="SAND",INDEX('p-y sand'!$AI$27:$AI$5000,MATCH($B77,'p-y sand'!$C$27:$C$82,1)),INDEX('p-y mono_clay'!$AV$27:$AV$5000,MATCH($B77,'p-y mono_clay'!$C$27:$C$5000,1)))</f>
        <v>90</v>
      </c>
      <c r="Y77">
        <f>IF($D77="SAND",INDEX('p-y sand'!$AW$27:$AW$5000,MATCH($B77,'p-y sand'!$C$27:$C$5000,1)),INDEX('p-y mono_clay'!$BJ$27:$BJ$5000,MATCH($B77,'p-y mono_clay'!$C$27:$C$5000,1)))</f>
        <v>114491.36724385677</v>
      </c>
      <c r="Z77">
        <f>IF($D77="SAND",INDEX('p-y sand'!$AJ$27:$AJ$5000,MATCH($B77,'p-y sand'!$C$27:$C$82,1)),INDEX('p-y mono_clay'!$AW$27:$AW$5000,MATCH($B77,'p-y mono_clay'!$C$27:$C$5000,1)))</f>
        <v>100</v>
      </c>
      <c r="AA77">
        <f>IF($D77="SAND",INDEX('p-y sand'!$AX$27:$AX$5000,MATCH($B77,'p-y sand'!$C$27:$C$5000,1)),INDEX('p-y mono_clay'!$BK$27:$BK$5000,MATCH($B77,'p-y mono_clay'!$C$27:$C$5000,1)))</f>
        <v>123326.06813359365</v>
      </c>
      <c r="AB77">
        <f>IF($D77="SAND",INDEX('p-y sand'!$AK$27:$AK$5000,MATCH($B77,'p-y sand'!$C$27:$C$82,1)),INDEX('p-y mono_clay'!$AX$27:$AX$5000,MATCH($B77,'p-y mono_clay'!$C$27:$C$5000,1)))</f>
        <v>110</v>
      </c>
      <c r="AC77">
        <f>IF($D77="SAND",INDEX('p-y sand'!$AY$27:$AY$5000,MATCH($B77,'p-y sand'!$C$27:$C$5000,1)),INDEX('p-y mono_clay'!$BL$27:$BL$5000,MATCH($B77,'p-y mono_clay'!$C$27:$C$5000,1)))</f>
        <v>131575.08799278867</v>
      </c>
      <c r="AD77" s="98">
        <f>IF($D77="SAND",INDEX('p-y sand'!$AL$27:$AL$5000,MATCH($B77,'p-y sand'!$C$27:$C$82,1)),INDEX('p-y mono_clay'!$AY$27:$AY$5000,MATCH($B77,'p-y mono_clay'!$C$27:$C$5000,1)))</f>
        <v>120</v>
      </c>
    </row>
    <row r="78" spans="1:30" x14ac:dyDescent="0.2">
      <c r="A78" s="214">
        <f t="shared" si="1"/>
        <v>-88.5</v>
      </c>
      <c r="B78" s="216">
        <f>'p-y mono_clay'!C99</f>
        <v>73</v>
      </c>
      <c r="C78">
        <f>INDEX('CPT Data'!$C$13:$C$20000,MATCH(B78,'CPT Data'!$B$13:$B$20000,1))</f>
        <v>72.98899999999999</v>
      </c>
      <c r="D78" s="216" t="str">
        <f>INDEX('CPT Data'!$P$13:$P$20000,MATCH(B78,'CPT Data'!$B$13:$B$20000,1))</f>
        <v>SAND</v>
      </c>
      <c r="E78">
        <f>IF($D78="SAND",INDEX('p-y sand'!$AM$27:$AM$20000,MATCH($B78,'p-y sand'!$C$27:$C$20000,1)),INDEX('p-y mono_clay'!$AZ$27:$AZ$20000,MATCH($B78,'p-y mono_clay'!$C$27:$C$20000,1)))</f>
        <v>0</v>
      </c>
      <c r="F78">
        <f>IF($D78="SAND",INDEX('p-y sand'!$Z$27:$Z$5000,MATCH($B78,'p-y sand'!$C$27:$C$82,1)),INDEX('p-y mono_clay'!$AM$27:$AM$5000,MATCH($B78,'p-y mono_clay'!$C$27:$C$5000,1)))</f>
        <v>0</v>
      </c>
      <c r="G78">
        <f>IF($D78="SAND",INDEX('p-y sand'!$AN$27:$AN$5000,MATCH($B78,'p-y sand'!$C$27:$C$5000,1)),INDEX('p-y mono_clay'!$BA$27:$BA$5000,MATCH($B78,'p-y mono_clay'!$C$27:$C$5000,1)))</f>
        <v>14167.376105717194</v>
      </c>
      <c r="H78">
        <f>IF($D78="SAND",INDEX('p-y sand'!$AA$27:$AA$5000,MATCH($B78,'p-y sand'!$C$27:$C$82,1)),INDEX('p-y mono_clay'!$AN$27:$AN$5000,MATCH($B78,'p-y mono_clay'!$C$27:$C$5000,1)))</f>
        <v>10</v>
      </c>
      <c r="I78">
        <f>IF($D78="SAND",INDEX('p-y sand'!$AO$27:$AO$5000,MATCH($B78,'p-y sand'!$C$27:$C$5000,1)),INDEX('p-y mono_clay'!$BB$27:$BB$5000,MATCH($B78,'p-y mono_clay'!$C$27:$C$5000,1)))</f>
        <v>28241.603798624365</v>
      </c>
      <c r="J78">
        <f>IF($D78="SAND",INDEX('p-y sand'!$AB$27:$AB$5000,MATCH($B78,'p-y sand'!$C$27:$C$82,1)),INDEX('p-y mono_clay'!$AO$27:$AO$5000,MATCH($B78,'p-y mono_clay'!$C$27:$C$5000,1)))</f>
        <v>20</v>
      </c>
      <c r="K78">
        <f>IF($D78="SAND",INDEX('p-y sand'!$AP$27:$AP$5000,MATCH($B78,'p-y sand'!$C$27:$C$5000,1)),INDEX('p-y mono_clay'!$BC$27:$BC$5000,MATCH($B78,'p-y mono_clay'!$C$27:$C$5000,1)))</f>
        <v>42131.968412804221</v>
      </c>
      <c r="L78">
        <f>IF($D78="SAND",INDEX('p-y sand'!$AC$27:$AC$5000,MATCH($B78,'p-y sand'!$C$27:$C$82,1)),INDEX('p-y mono_clay'!$AP$27:$AP$5000,MATCH($B78,'p-y mono_clay'!$C$27:$C$5000,1)))</f>
        <v>30</v>
      </c>
      <c r="M78">
        <f>IF($D78="SAND",INDEX('p-y sand'!$AQ$27:$AQ$5000,MATCH($B78,'p-y sand'!$C$27:$C$5000,1)),INDEX('p-y mono_clay'!$BD$27:$BD$5000,MATCH($B78,'p-y mono_clay'!$C$27:$C$5000,1)))</f>
        <v>55752.488886192383</v>
      </c>
      <c r="N78">
        <f>IF($D78="SAND",INDEX('p-y sand'!$AD$27:$AD$5000,MATCH($B78,'p-y sand'!$C$27:$C$82,1)),INDEX('p-y mono_clay'!$AQ$27:$AQ$5000,MATCH($B78,'p-y mono_clay'!$C$27:$C$5000,1)))</f>
        <v>40</v>
      </c>
      <c r="O78">
        <f>IF($D78="SAND",INDEX('p-y sand'!$AR$27:$AR$5000,MATCH($B78,'p-y sand'!$C$27:$C$5000,1)),INDEX('p-y mono_clay'!$BE$27:$BE$5000,MATCH($B78,'p-y mono_clay'!$C$27:$C$5000,1)))</f>
        <v>69023.962332031311</v>
      </c>
      <c r="P78">
        <f>IF($D78="SAND",INDEX('p-y sand'!$AE$27:$AE$5000,MATCH($B78,'p-y sand'!$C$27:$C$82,1)),INDEX('p-y mono_clay'!$AR$27:$AR$5000,MATCH($B78,'p-y mono_clay'!$C$27:$C$5000,1)))</f>
        <v>50</v>
      </c>
      <c r="Q78">
        <f>IF($D78="SAND",INDEX('p-y sand'!$AS$27:$AS$5000,MATCH($B78,'p-y sand'!$C$27:$C$5000,1)),INDEX('p-y mono_clay'!$BF$27:$BF$5000,MATCH($B78,'p-y mono_clay'!$C$27:$C$5000,1)))</f>
        <v>81875.655161470524</v>
      </c>
      <c r="R78">
        <f>IF($D78="SAND",INDEX('p-y sand'!$AF$27:$AF$5000,MATCH($B78,'p-y sand'!$C$27:$C$82,1)),INDEX('p-y mono_clay'!$AS$27:$AS$5000,MATCH($B78,'p-y mono_clay'!$C$27:$C$5000,1)))</f>
        <v>60</v>
      </c>
      <c r="S78">
        <f>IF($D78="SAND",INDEX('p-y sand'!$AT$27:$AT$5000,MATCH($B78,'p-y sand'!$C$27:$C$5000,1)),INDEX('p-y mono_clay'!$BG$27:$BG$5000,MATCH($B78,'p-y mono_clay'!$C$27:$C$5000,1)))</f>
        <v>94246.573395549625</v>
      </c>
      <c r="T78">
        <f>IF($D78="SAND",INDEX('p-y sand'!$AG$27:$AG$5000,MATCH($B78,'p-y sand'!$C$27:$C$82,1)),INDEX('p-y mono_clay'!$AT$27:$AT$5000,MATCH($B78,'p-y mono_clay'!$C$27:$C$5000,1)))</f>
        <v>70</v>
      </c>
      <c r="U78">
        <f>IF($D78="SAND",INDEX('p-y sand'!$AU$27:$AU$5000,MATCH($B78,'p-y sand'!$C$27:$C$5000,1)),INDEX('p-y mono_clay'!$BH$27:$BH$5000,MATCH($B78,'p-y mono_clay'!$C$27:$C$5000,1)))</f>
        <v>106086.27919491444</v>
      </c>
      <c r="V78">
        <f>IF($D78="SAND",INDEX('p-y sand'!$AH$27:$AH$5000,MATCH($B78,'p-y sand'!$C$27:$C$82,1)),INDEX('p-y mono_clay'!$AU$27:$AU$5000,MATCH($B78,'p-y mono_clay'!$C$27:$C$5000,1)))</f>
        <v>80</v>
      </c>
      <c r="W78">
        <f>IF($D78="SAND",INDEX('p-y sand'!$AV$27:$AV$5000,MATCH($B78,'p-y sand'!$C$27:$C$5000,1)),INDEX('p-y mono_clay'!$BI$27:$BI$5000,MATCH($B78,'p-y mono_clay'!$C$27:$C$5000,1)))</f>
        <v>117355.2545268433</v>
      </c>
      <c r="X78">
        <f>IF($D78="SAND",INDEX('p-y sand'!$AI$27:$AI$5000,MATCH($B78,'p-y sand'!$C$27:$C$82,1)),INDEX('p-y mono_clay'!$AV$27:$AV$5000,MATCH($B78,'p-y mono_clay'!$C$27:$C$5000,1)))</f>
        <v>90</v>
      </c>
      <c r="Y78">
        <f>IF($D78="SAND",INDEX('p-y sand'!$AW$27:$AW$5000,MATCH($B78,'p-y sand'!$C$27:$C$5000,1)),INDEX('p-y mono_clay'!$BJ$27:$BJ$5000,MATCH($B78,'p-y mono_clay'!$C$27:$C$5000,1)))</f>
        <v>128024.84273699975</v>
      </c>
      <c r="Z78">
        <f>IF($D78="SAND",INDEX('p-y sand'!$AJ$27:$AJ$5000,MATCH($B78,'p-y sand'!$C$27:$C$82,1)),INDEX('p-y mono_clay'!$AW$27:$AW$5000,MATCH($B78,'p-y mono_clay'!$C$27:$C$5000,1)))</f>
        <v>100</v>
      </c>
      <c r="AA78">
        <f>IF($D78="SAND",INDEX('p-y sand'!$AX$27:$AX$5000,MATCH($B78,'p-y sand'!$C$27:$C$5000,1)),INDEX('p-y mono_clay'!$BK$27:$BK$5000,MATCH($B78,'p-y mono_clay'!$C$27:$C$5000,1)))</f>
        <v>138076.82206046121</v>
      </c>
      <c r="AB78">
        <f>IF($D78="SAND",INDEX('p-y sand'!$AK$27:$AK$5000,MATCH($B78,'p-y sand'!$C$27:$C$82,1)),INDEX('p-y mono_clay'!$AX$27:$AX$5000,MATCH($B78,'p-y mono_clay'!$C$27:$C$5000,1)))</f>
        <v>110</v>
      </c>
      <c r="AC78">
        <f>IF($D78="SAND",INDEX('p-y sand'!$AY$27:$AY$5000,MATCH($B78,'p-y sand'!$C$27:$C$5000,1)),INDEX('p-y mono_clay'!$BL$27:$BL$5000,MATCH($B78,'p-y mono_clay'!$C$27:$C$5000,1)))</f>
        <v>147502.68047611174</v>
      </c>
      <c r="AD78" s="98">
        <f>IF($D78="SAND",INDEX('p-y sand'!$AL$27:$AL$5000,MATCH($B78,'p-y sand'!$C$27:$C$82,1)),INDEX('p-y mono_clay'!$AY$27:$AY$5000,MATCH($B78,'p-y mono_clay'!$C$27:$C$5000,1)))</f>
        <v>120</v>
      </c>
    </row>
    <row r="79" spans="1:30" x14ac:dyDescent="0.2">
      <c r="A79" s="214">
        <f t="shared" si="1"/>
        <v>-89.5</v>
      </c>
      <c r="B79" s="216">
        <f>'p-y mono_clay'!C100</f>
        <v>74</v>
      </c>
      <c r="C79">
        <f>INDEX('CPT Data'!$C$13:$C$20000,MATCH(B79,'CPT Data'!$B$13:$B$20000,1))</f>
        <v>73.992999999999995</v>
      </c>
      <c r="D79" s="216" t="str">
        <f>INDEX('CPT Data'!$P$13:$P$20000,MATCH(B79,'CPT Data'!$B$13:$B$20000,1))</f>
        <v>SAND</v>
      </c>
      <c r="E79">
        <f>IF($D79="SAND",INDEX('p-y sand'!$AM$27:$AM$20000,MATCH($B79,'p-y sand'!$C$27:$C$20000,1)),INDEX('p-y mono_clay'!$AZ$27:$AZ$20000,MATCH($B79,'p-y mono_clay'!$C$27:$C$20000,1)))</f>
        <v>0</v>
      </c>
      <c r="F79">
        <f>IF($D79="SAND",INDEX('p-y sand'!$Z$27:$Z$5000,MATCH($B79,'p-y sand'!$C$27:$C$82,1)),INDEX('p-y mono_clay'!$AM$27:$AM$5000,MATCH($B79,'p-y mono_clay'!$C$27:$C$5000,1)))</f>
        <v>0</v>
      </c>
      <c r="G79">
        <f>IF($D79="SAND",INDEX('p-y sand'!$AN$27:$AN$5000,MATCH($B79,'p-y sand'!$C$27:$C$5000,1)),INDEX('p-y mono_clay'!$BA$27:$BA$5000,MATCH($B79,'p-y mono_clay'!$C$27:$C$5000,1)))</f>
        <v>14564.046186888034</v>
      </c>
      <c r="H79">
        <f>IF($D79="SAND",INDEX('p-y sand'!$AA$27:$AA$5000,MATCH($B79,'p-y sand'!$C$27:$C$82,1)),INDEX('p-y mono_clay'!$AN$27:$AN$5000,MATCH($B79,'p-y mono_clay'!$C$27:$C$5000,1)))</f>
        <v>10</v>
      </c>
      <c r="I79">
        <f>IF($D79="SAND",INDEX('p-y sand'!$AO$27:$AO$5000,MATCH($B79,'p-y sand'!$C$27:$C$5000,1)),INDEX('p-y mono_clay'!$BB$27:$BB$5000,MATCH($B79,'p-y mono_clay'!$C$27:$C$5000,1)))</f>
        <v>29049.986358203747</v>
      </c>
      <c r="J79">
        <f>IF($D79="SAND",INDEX('p-y sand'!$AB$27:$AB$5000,MATCH($B79,'p-y sand'!$C$27:$C$82,1)),INDEX('p-y mono_clay'!$AO$27:$AO$5000,MATCH($B79,'p-y mono_clay'!$C$27:$C$5000,1)))</f>
        <v>20</v>
      </c>
      <c r="K79">
        <f>IF($D79="SAND",INDEX('p-y sand'!$AP$27:$AP$5000,MATCH($B79,'p-y sand'!$C$27:$C$5000,1)),INDEX('p-y mono_clay'!$BC$27:$BC$5000,MATCH($B79,'p-y mono_clay'!$C$27:$C$5000,1)))</f>
        <v>43381.381070224124</v>
      </c>
      <c r="L79">
        <f>IF($D79="SAND",INDEX('p-y sand'!$AC$27:$AC$5000,MATCH($B79,'p-y sand'!$C$27:$C$82,1)),INDEX('p-y mono_clay'!$AP$27:$AP$5000,MATCH($B79,'p-y mono_clay'!$C$27:$C$5000,1)))</f>
        <v>30</v>
      </c>
      <c r="M79">
        <f>IF($D79="SAND",INDEX('p-y sand'!$AQ$27:$AQ$5000,MATCH($B79,'p-y sand'!$C$27:$C$5000,1)),INDEX('p-y mono_clay'!$BD$27:$BD$5000,MATCH($B79,'p-y mono_clay'!$C$27:$C$5000,1)))</f>
        <v>57485.049022403466</v>
      </c>
      <c r="N79">
        <f>IF($D79="SAND",INDEX('p-y sand'!$AD$27:$AD$5000,MATCH($B79,'p-y sand'!$C$27:$C$82,1)),INDEX('p-y mono_clay'!$AQ$27:$AQ$5000,MATCH($B79,'p-y mono_clay'!$C$27:$C$5000,1)))</f>
        <v>40</v>
      </c>
      <c r="O79">
        <f>IF($D79="SAND",INDEX('p-y sand'!$AR$27:$AR$5000,MATCH($B79,'p-y sand'!$C$27:$C$5000,1)),INDEX('p-y mono_clay'!$BE$27:$BE$5000,MATCH($B79,'p-y mono_clay'!$C$27:$C$5000,1)))</f>
        <v>71292.51436512178</v>
      </c>
      <c r="P79">
        <f>IF($D79="SAND",INDEX('p-y sand'!$AE$27:$AE$5000,MATCH($B79,'p-y sand'!$C$27:$C$82,1)),INDEX('p-y mono_clay'!$AR$27:$AR$5000,MATCH($B79,'p-y mono_clay'!$C$27:$C$5000,1)))</f>
        <v>50</v>
      </c>
      <c r="Q79">
        <f>IF($D79="SAND",INDEX('p-y sand'!$AS$27:$AS$5000,MATCH($B79,'p-y sand'!$C$27:$C$5000,1)),INDEX('p-y mono_clay'!$BF$27:$BF$5000,MATCH($B79,'p-y mono_clay'!$C$27:$C$5000,1)))</f>
        <v>84741.251292829344</v>
      </c>
      <c r="R79">
        <f>IF($D79="SAND",INDEX('p-y sand'!$AF$27:$AF$5000,MATCH($B79,'p-y sand'!$C$27:$C$82,1)),INDEX('p-y mono_clay'!$AS$27:$AS$5000,MATCH($B79,'p-y mono_clay'!$C$27:$C$5000,1)))</f>
        <v>60</v>
      </c>
      <c r="S79">
        <f>IF($D79="SAND",INDEX('p-y sand'!$AT$27:$AT$5000,MATCH($B79,'p-y sand'!$C$27:$C$5000,1)),INDEX('p-y mono_clay'!$BG$27:$BG$5000,MATCH($B79,'p-y mono_clay'!$C$27:$C$5000,1)))</f>
        <v>97775.682139537137</v>
      </c>
      <c r="T79">
        <f>IF($D79="SAND",INDEX('p-y sand'!$AG$27:$AG$5000,MATCH($B79,'p-y sand'!$C$27:$C$82,1)),INDEX('p-y mono_clay'!$AT$27:$AT$5000,MATCH($B79,'p-y mono_clay'!$C$27:$C$5000,1)))</f>
        <v>70</v>
      </c>
      <c r="U79">
        <f>IF($D79="SAND",INDEX('p-y sand'!$AU$27:$AU$5000,MATCH($B79,'p-y sand'!$C$27:$C$5000,1)),INDEX('p-y mono_clay'!$BH$27:$BH$5000,MATCH($B79,'p-y mono_clay'!$C$27:$C$5000,1)))</f>
        <v>110347.90213449922</v>
      </c>
      <c r="V79">
        <f>IF($D79="SAND",INDEX('p-y sand'!$AH$27:$AH$5000,MATCH($B79,'p-y sand'!$C$27:$C$82,1)),INDEX('p-y mono_clay'!$AU$27:$AU$5000,MATCH($B79,'p-y mono_clay'!$C$27:$C$5000,1)))</f>
        <v>80</v>
      </c>
      <c r="W79">
        <f>IF($D79="SAND",INDEX('p-y sand'!$AV$27:$AV$5000,MATCH($B79,'p-y sand'!$C$27:$C$5000,1)),INDEX('p-y mono_clay'!$BI$27:$BI$5000,MATCH($B79,'p-y mono_clay'!$C$27:$C$5000,1)))</f>
        <v>122418.12147823874</v>
      </c>
      <c r="X79">
        <f>IF($D79="SAND",INDEX('p-y sand'!$AI$27:$AI$5000,MATCH($B79,'p-y sand'!$C$27:$C$82,1)),INDEX('p-y mono_clay'!$AV$27:$AV$5000,MATCH($B79,'p-y mono_clay'!$C$27:$C$5000,1)))</f>
        <v>90</v>
      </c>
      <c r="Y79">
        <f>IF($D79="SAND",INDEX('p-y sand'!$AW$27:$AW$5000,MATCH($B79,'p-y sand'!$C$27:$C$5000,1)),INDEX('p-y mono_clay'!$BJ$27:$BJ$5000,MATCH($B79,'p-y mono_clay'!$C$27:$C$5000,1)))</f>
        <v>133954.83185725714</v>
      </c>
      <c r="Z79">
        <f>IF($D79="SAND",INDEX('p-y sand'!$AJ$27:$AJ$5000,MATCH($B79,'p-y sand'!$C$27:$C$82,1)),INDEX('p-y mono_clay'!$AW$27:$AW$5000,MATCH($B79,'p-y mono_clay'!$C$27:$C$5000,1)))</f>
        <v>100</v>
      </c>
      <c r="AA79">
        <f>IF($D79="SAND",INDEX('p-y sand'!$AX$27:$AX$5000,MATCH($B79,'p-y sand'!$C$27:$C$5000,1)),INDEX('p-y mono_clay'!$BK$27:$BK$5000,MATCH($B79,'p-y mono_clay'!$C$27:$C$5000,1)))</f>
        <v>144934.71862239574</v>
      </c>
      <c r="AB79">
        <f>IF($D79="SAND",INDEX('p-y sand'!$AK$27:$AK$5000,MATCH($B79,'p-y sand'!$C$27:$C$82,1)),INDEX('p-y mono_clay'!$AX$27:$AX$5000,MATCH($B79,'p-y mono_clay'!$C$27:$C$5000,1)))</f>
        <v>110</v>
      </c>
      <c r="AC79">
        <f>IF($D79="SAND",INDEX('p-y sand'!$AY$27:$AY$5000,MATCH($B79,'p-y sand'!$C$27:$C$5000,1)),INDEX('p-y mono_clay'!$BL$27:$BL$5000,MATCH($B79,'p-y mono_clay'!$C$27:$C$5000,1)))</f>
        <v>155342.35072384871</v>
      </c>
      <c r="AD79" s="98">
        <f>IF($D79="SAND",INDEX('p-y sand'!$AL$27:$AL$5000,MATCH($B79,'p-y sand'!$C$27:$C$82,1)),INDEX('p-y mono_clay'!$AY$27:$AY$5000,MATCH($B79,'p-y mono_clay'!$C$27:$C$5000,1)))</f>
        <v>120</v>
      </c>
    </row>
    <row r="80" spans="1:30" x14ac:dyDescent="0.2">
      <c r="A80" s="97"/>
      <c r="B80" s="216"/>
      <c r="D80" s="216"/>
      <c r="AD80" s="98"/>
    </row>
    <row r="81" spans="1:30" x14ac:dyDescent="0.2">
      <c r="A81" s="97"/>
      <c r="B81" s="216"/>
      <c r="D81" s="216"/>
      <c r="AD81" s="98"/>
    </row>
    <row r="82" spans="1:30" x14ac:dyDescent="0.2">
      <c r="A82" s="97"/>
      <c r="B82" s="216"/>
      <c r="D82" s="216"/>
      <c r="AD82" s="98"/>
    </row>
    <row r="83" spans="1:30" x14ac:dyDescent="0.2">
      <c r="A83" s="97"/>
      <c r="B83" s="216"/>
      <c r="D83" s="216"/>
      <c r="AD83" s="98"/>
    </row>
    <row r="84" spans="1:30" x14ac:dyDescent="0.2">
      <c r="A84" s="97"/>
      <c r="B84" s="216"/>
      <c r="D84" s="216"/>
      <c r="AD84" s="98"/>
    </row>
    <row r="85" spans="1:30" x14ac:dyDescent="0.2">
      <c r="A85" s="97"/>
      <c r="B85" s="216"/>
      <c r="D85" s="216"/>
      <c r="AD85" s="98"/>
    </row>
    <row r="86" spans="1:30" x14ac:dyDescent="0.2">
      <c r="A86" s="97"/>
      <c r="B86" s="216"/>
      <c r="D86" s="216"/>
      <c r="AD86" s="98"/>
    </row>
    <row r="87" spans="1:30" x14ac:dyDescent="0.2">
      <c r="A87" s="97"/>
      <c r="B87" s="216"/>
      <c r="D87" s="216"/>
      <c r="AD87" s="98"/>
    </row>
    <row r="88" spans="1:30" x14ac:dyDescent="0.2">
      <c r="A88" s="97"/>
      <c r="B88" s="216"/>
      <c r="D88" s="216"/>
      <c r="AD88" s="98"/>
    </row>
    <row r="89" spans="1:30" x14ac:dyDescent="0.2">
      <c r="A89" s="97"/>
      <c r="B89" s="216"/>
      <c r="D89" s="216"/>
      <c r="AD89" s="98"/>
    </row>
    <row r="90" spans="1:30" x14ac:dyDescent="0.2">
      <c r="A90" s="97"/>
      <c r="B90" s="216"/>
      <c r="D90" s="216"/>
      <c r="AD90" s="98"/>
    </row>
    <row r="91" spans="1:30" x14ac:dyDescent="0.2">
      <c r="A91" s="97"/>
      <c r="B91" s="216"/>
      <c r="D91" s="216"/>
      <c r="AD91" s="98"/>
    </row>
    <row r="92" spans="1:30" x14ac:dyDescent="0.2">
      <c r="A92" s="97"/>
      <c r="B92" s="216"/>
      <c r="D92" s="216"/>
      <c r="AD92" s="98"/>
    </row>
    <row r="93" spans="1:30" x14ac:dyDescent="0.2">
      <c r="A93" s="97"/>
      <c r="B93" s="216"/>
      <c r="D93" s="216"/>
      <c r="AD93" s="98"/>
    </row>
    <row r="94" spans="1:30" x14ac:dyDescent="0.2">
      <c r="A94" s="97"/>
      <c r="B94" s="216"/>
      <c r="D94" s="216"/>
      <c r="AD94" s="98"/>
    </row>
    <row r="95" spans="1:30" x14ac:dyDescent="0.2">
      <c r="A95" s="97"/>
      <c r="B95" s="216"/>
      <c r="D95" s="216"/>
      <c r="AD95" s="98"/>
    </row>
    <row r="96" spans="1:30" x14ac:dyDescent="0.2">
      <c r="A96" s="97"/>
      <c r="B96" s="216"/>
      <c r="D96" s="216"/>
      <c r="AD96" s="98"/>
    </row>
    <row r="97" spans="1:30" x14ac:dyDescent="0.2">
      <c r="A97" s="97"/>
      <c r="B97" s="216"/>
      <c r="D97" s="216"/>
      <c r="AD97" s="98"/>
    </row>
    <row r="98" spans="1:30" x14ac:dyDescent="0.2">
      <c r="A98" s="97"/>
      <c r="B98" s="216"/>
      <c r="D98" s="216"/>
      <c r="AD98" s="98"/>
    </row>
    <row r="99" spans="1:30" x14ac:dyDescent="0.2">
      <c r="A99" s="97"/>
      <c r="B99" s="216"/>
      <c r="D99" s="216"/>
      <c r="AD99" s="98"/>
    </row>
    <row r="100" spans="1:30" x14ac:dyDescent="0.2">
      <c r="A100" s="97"/>
      <c r="B100" s="216"/>
      <c r="D100" s="216"/>
      <c r="AD100" s="98"/>
    </row>
    <row r="101" spans="1:30" x14ac:dyDescent="0.2">
      <c r="A101" s="97"/>
      <c r="B101" s="216"/>
      <c r="D101" s="216"/>
      <c r="AD101" s="98"/>
    </row>
    <row r="102" spans="1:30" x14ac:dyDescent="0.2">
      <c r="A102" s="97"/>
      <c r="B102" s="216"/>
      <c r="D102" s="216"/>
      <c r="AD102" s="98"/>
    </row>
    <row r="103" spans="1:30" x14ac:dyDescent="0.2">
      <c r="A103" s="97"/>
      <c r="B103" s="216"/>
      <c r="D103" s="216"/>
      <c r="AD103" s="98"/>
    </row>
    <row r="104" spans="1:30" x14ac:dyDescent="0.2">
      <c r="A104" s="97"/>
      <c r="B104" s="216"/>
      <c r="D104" s="216"/>
      <c r="AD104" s="98"/>
    </row>
    <row r="105" spans="1:30" ht="13.5" thickBot="1" x14ac:dyDescent="0.25">
      <c r="A105" s="99"/>
      <c r="B105" s="217"/>
      <c r="C105" s="100"/>
      <c r="D105" s="217"/>
      <c r="E105" s="100"/>
      <c r="F105" s="100"/>
      <c r="G105" s="100"/>
      <c r="H105" s="100"/>
      <c r="I105" s="100"/>
      <c r="J105" s="100"/>
      <c r="K105" s="100"/>
      <c r="L105" s="100"/>
      <c r="M105" s="100"/>
      <c r="N105" s="100"/>
      <c r="O105" s="100"/>
      <c r="P105" s="100"/>
      <c r="Q105" s="100"/>
      <c r="R105" s="100"/>
      <c r="S105" s="100"/>
      <c r="T105" s="100"/>
      <c r="U105" s="100"/>
      <c r="V105" s="100"/>
      <c r="W105" s="100"/>
      <c r="X105" s="100"/>
      <c r="Y105" s="100"/>
      <c r="Z105" s="100"/>
      <c r="AA105" s="100"/>
      <c r="AB105" s="100"/>
      <c r="AC105" s="100"/>
      <c r="AD105" s="101"/>
    </row>
  </sheetData>
  <pageMargins left="0.7" right="0.7" top="0.75" bottom="0.75" header="0.3" footer="0.3"/>
  <drawing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8AC5645-33E4-466E-AE5E-4556187D64E6}">
  <sheetPr>
    <tabColor theme="6" tint="0.59999389629810485"/>
  </sheetPr>
  <dimension ref="A1:AD105"/>
  <sheetViews>
    <sheetView topLeftCell="E1" workbookViewId="0">
      <selection activeCell="Y6" sqref="Y6:Z79"/>
    </sheetView>
  </sheetViews>
  <sheetFormatPr defaultRowHeight="12.75" x14ac:dyDescent="0.2"/>
  <cols>
    <col min="3" max="3" width="25.140625" bestFit="1" customWidth="1"/>
    <col min="4" max="4" width="10.140625" customWidth="1"/>
  </cols>
  <sheetData>
    <row r="1" spans="1:30" x14ac:dyDescent="0.2">
      <c r="A1" s="119" t="s">
        <v>327</v>
      </c>
    </row>
    <row r="2" spans="1:30" ht="13.5" thickBot="1" x14ac:dyDescent="0.25"/>
    <row r="3" spans="1:30" ht="12.95" customHeight="1" x14ac:dyDescent="0.25">
      <c r="A3" s="222" t="s">
        <v>321</v>
      </c>
      <c r="B3" s="223" t="s">
        <v>59</v>
      </c>
      <c r="C3" s="224" t="s">
        <v>322</v>
      </c>
      <c r="D3" s="223" t="s">
        <v>70</v>
      </c>
      <c r="E3" s="227" t="s">
        <v>204</v>
      </c>
      <c r="F3" s="228" t="s">
        <v>217</v>
      </c>
      <c r="G3" s="228" t="s">
        <v>205</v>
      </c>
      <c r="H3" s="228" t="s">
        <v>218</v>
      </c>
      <c r="I3" s="228" t="s">
        <v>206</v>
      </c>
      <c r="J3" s="228" t="s">
        <v>219</v>
      </c>
      <c r="K3" s="228" t="s">
        <v>207</v>
      </c>
      <c r="L3" s="228" t="s">
        <v>220</v>
      </c>
      <c r="M3" s="228" t="s">
        <v>208</v>
      </c>
      <c r="N3" s="228" t="s">
        <v>221</v>
      </c>
      <c r="O3" s="228" t="s">
        <v>209</v>
      </c>
      <c r="P3" s="228" t="s">
        <v>222</v>
      </c>
      <c r="Q3" s="228" t="s">
        <v>210</v>
      </c>
      <c r="R3" s="228" t="s">
        <v>223</v>
      </c>
      <c r="S3" s="228" t="s">
        <v>211</v>
      </c>
      <c r="T3" s="228" t="s">
        <v>224</v>
      </c>
      <c r="U3" s="228" t="s">
        <v>212</v>
      </c>
      <c r="V3" s="228" t="s">
        <v>225</v>
      </c>
      <c r="W3" s="228" t="s">
        <v>213</v>
      </c>
      <c r="X3" s="228" t="s">
        <v>226</v>
      </c>
      <c r="Y3" s="228" t="s">
        <v>214</v>
      </c>
      <c r="Z3" s="228" t="s">
        <v>227</v>
      </c>
      <c r="AA3" s="228" t="s">
        <v>215</v>
      </c>
      <c r="AB3" s="228" t="s">
        <v>228</v>
      </c>
      <c r="AC3" s="228" t="s">
        <v>216</v>
      </c>
      <c r="AD3" s="229" t="s">
        <v>229</v>
      </c>
    </row>
    <row r="4" spans="1:30" ht="13.5" thickBot="1" x14ac:dyDescent="0.25">
      <c r="A4" s="221" t="s">
        <v>72</v>
      </c>
      <c r="B4" s="220" t="s">
        <v>57</v>
      </c>
      <c r="C4" s="220" t="s">
        <v>57</v>
      </c>
      <c r="D4" s="219" t="s">
        <v>90</v>
      </c>
      <c r="E4" s="218" t="s">
        <v>106</v>
      </c>
      <c r="F4" s="212" t="s">
        <v>58</v>
      </c>
      <c r="G4" s="211" t="s">
        <v>106</v>
      </c>
      <c r="H4" s="212" t="s">
        <v>58</v>
      </c>
      <c r="I4" s="211" t="s">
        <v>106</v>
      </c>
      <c r="J4" s="212" t="s">
        <v>58</v>
      </c>
      <c r="K4" s="211" t="s">
        <v>106</v>
      </c>
      <c r="L4" s="212" t="s">
        <v>58</v>
      </c>
      <c r="M4" s="211" t="s">
        <v>106</v>
      </c>
      <c r="N4" s="212" t="s">
        <v>58</v>
      </c>
      <c r="O4" s="211" t="s">
        <v>106</v>
      </c>
      <c r="P4" s="212" t="s">
        <v>58</v>
      </c>
      <c r="Q4" s="211" t="s">
        <v>106</v>
      </c>
      <c r="R4" s="212" t="s">
        <v>58</v>
      </c>
      <c r="S4" s="211" t="s">
        <v>106</v>
      </c>
      <c r="T4" s="212" t="s">
        <v>58</v>
      </c>
      <c r="U4" s="211" t="s">
        <v>106</v>
      </c>
      <c r="V4" s="212" t="s">
        <v>58</v>
      </c>
      <c r="W4" s="211" t="s">
        <v>106</v>
      </c>
      <c r="X4" s="212" t="s">
        <v>58</v>
      </c>
      <c r="Y4" s="211" t="s">
        <v>106</v>
      </c>
      <c r="Z4" s="212" t="s">
        <v>58</v>
      </c>
      <c r="AA4" s="211" t="s">
        <v>106</v>
      </c>
      <c r="AB4" s="212" t="s">
        <v>58</v>
      </c>
      <c r="AC4" s="211" t="s">
        <v>106</v>
      </c>
      <c r="AD4" s="213" t="s">
        <v>58</v>
      </c>
    </row>
    <row r="5" spans="1:30" s="95" customFormat="1" x14ac:dyDescent="0.2">
      <c r="A5" s="94">
        <f>'CPT Data'!E6</f>
        <v>-15.5</v>
      </c>
      <c r="B5" s="215"/>
      <c r="D5" s="215"/>
      <c r="AD5" s="96"/>
    </row>
    <row r="6" spans="1:30" x14ac:dyDescent="0.2">
      <c r="A6" s="214">
        <f>$A$5-B6</f>
        <v>-16.5</v>
      </c>
      <c r="B6" s="216">
        <f>'p-y cyclic clay'!C27</f>
        <v>1</v>
      </c>
      <c r="C6">
        <f>INDEX('CPT Data'!$C$13:$C$20000,MATCH(B6,'CPT Data'!$B$13:$B$20000,1))</f>
        <v>0.98599999999999999</v>
      </c>
      <c r="D6" s="216" t="str">
        <f>INDEX('CPT Data'!$P$13:$P$20000,MATCH(B6,'CPT Data'!$B$13:$B$20000,1))</f>
        <v>SAND</v>
      </c>
      <c r="E6">
        <f>IF($D6="SAND",INDEX('p-y cyclic sand'!$AM$27:$AM$5000,MATCH($B6,'p-y cyclic sand'!$C$27:$C$5000,1)),IF(INDEX('CPT Data'!$S$12:$S$20000,MATCH($B6,'CPT Data'!$B$12:$B$20000,1))&lt;2,INDEX('p-y cyclic clay'!$GL$27:$GL$5000,MATCH($B6,'p-y cyclic clay'!$C$27:$C$5000,1)),INDEX('p-y cyclic clay'!$HL$27:$HL$5000,MATCH($B6,'p-y cyclic clay'!$C$27:$C$5000,1))))</f>
        <v>0</v>
      </c>
      <c r="F6">
        <f>IF($D6="SAND",INDEX('p-y cyclic sand'!$Z$27:$Z$5000,MATCH($B6,'p-y cyclic sand'!$C$27:$C$5000,1)),IF(INDEX('CPT Data'!$S$12:$S$20000,MATCH($B6,'CPT Data'!$B$12:$B$20000,1))&lt;2,INDEX('p-y cyclic clay'!$GY$27:$GY$5000,MATCH($B6,'p-y cyclic clay'!$C$27:$C$5000,1)),INDEX('p-y cyclic clay'!$HY$27:$HY$5000,MATCH($B6,'p-y cyclic clay'!$C$27:$C$5000,1))))</f>
        <v>0</v>
      </c>
      <c r="G6">
        <f>IF($D6="SAND",INDEX('p-y cyclic sand'!$AN$27:$AN$5000,MATCH($B6,'p-y cyclic sand'!$C$27:$C$5000,1)),IF(INDEX('CPT Data'!$S$12:$S$20000,MATCH($B6,'CPT Data'!$B$12:$B$20000,1))&lt;2,INDEX('p-y cyclic clay'!$GM$27:$GM$5000,MATCH($B6,'p-y cyclic clay'!$C$27:$C$5000,1)),INDEX('p-y cyclic clay'!$HM$27:$HM$5000,MATCH($B6,'p-y cyclic clay'!$C$27:$C$5000,1))))</f>
        <v>16.548211630102781</v>
      </c>
      <c r="H6">
        <f>IF($D6="SAND",INDEX('p-y cyclic sand'!$AA$27:$AA$5000,MATCH($B6,'p-y cyclic sand'!$C$27:$C$5000,1)),IF(INDEX('CPT Data'!$S$12:$S$20000,MATCH($B6,'CPT Data'!$B$12:$B$20000,1))&lt;2,INDEX('p-y cyclic clay'!$GZ$27:$GZ$5000,MATCH($B6,'p-y cyclic clay'!$C$27:$C$5000,1)),INDEX('p-y cyclic clay'!$HZ$27:$HZ$5000,MATCH($B6,'p-y cyclic clay'!$C$27:$C$5000,1))))</f>
        <v>10</v>
      </c>
      <c r="I6">
        <f>IF($D6="SAND",INDEX('p-y cyclic sand'!$AO$27:$AO$5000,MATCH($B6,'p-y cyclic sand'!$C$27:$C$5000,1)),IF(INDEX('CPT Data'!$S$12:$S$20000,MATCH($B6,'CPT Data'!$B$12:$B$20000,1))&lt;2,INDEX('p-y cyclic clay'!$GN$27:$GN$5000,MATCH($B6,'p-y cyclic clay'!$C$27:$C$5000,1)),INDEX('p-y cyclic clay'!$HN$27:$HN$5000,MATCH($B6,'p-y cyclic clay'!$C$27:$C$5000,1))))</f>
        <v>16.548211630128105</v>
      </c>
      <c r="J6">
        <f>IF($D6="SAND",INDEX('p-y cyclic sand'!$AB$27:$AB$5000,MATCH($B6,'p-y cyclic sand'!$C$27:$C$5000,1)),IF(INDEX('CPT Data'!$S$12:$S$20000,MATCH($B6,'CPT Data'!$B$12:$B$20000,1))&lt;2,INDEX('p-y cyclic clay'!$HA$27:$HA$5000,MATCH($B6,'p-y cyclic clay'!$C$27:$C$5000,1)),INDEX('p-y cyclic clay'!$IA$27:$IA$5000,MATCH($B6,'p-y cyclic clay'!$C$27:$C$5000,1))))</f>
        <v>20</v>
      </c>
      <c r="K6">
        <f>IF($D6="SAND",INDEX('p-y cyclic sand'!$AP$27:$AP$5000,MATCH($B6,'p-y cyclic sand'!$C$27:$C$5000,1)),IF(INDEX('CPT Data'!$S$12:$S$20000,MATCH($B6,'CPT Data'!$B$12:$B$20000,1))&lt;2,INDEX('p-y cyclic clay'!$GO$27:$GO$5000,MATCH($B6,'p-y cyclic clay'!$C$27:$C$5000,1)),INDEX('p-y cyclic clay'!$HO$27:$HO$5000,MATCH($B6,'p-y cyclic clay'!$C$27:$C$5000,1))))</f>
        <v>16.548211630128105</v>
      </c>
      <c r="L6">
        <f>IF($D6="SAND",INDEX('p-y cyclic sand'!$AC$27:$AC$5000,MATCH($B6,'p-y cyclic sand'!$C$27:$C$5000,1)),IF(INDEX('CPT Data'!$S$12:$S$20000,MATCH($B6,'CPT Data'!$B$12:$B$20000,1))&lt;2,INDEX('p-y cyclic clay'!$HB$27:$HB$5000,MATCH($B6,'p-y cyclic clay'!$C$27:$C$5000,1)),INDEX('p-y cyclic clay'!$IB$27:$IB$5000,MATCH($B6,'p-y cyclic clay'!$C$27:$C$5000,1))))</f>
        <v>30</v>
      </c>
      <c r="M6">
        <f>IF($D6="SAND",INDEX('p-y cyclic sand'!$AQ$27:$AQ$5000,MATCH($B6,'p-y cyclic sand'!$C$27:$C$5000,1)),IF(INDEX('CPT Data'!$S$12:$S$20000,MATCH($B6,'CPT Data'!$B$12:$B$20000,1))&lt;2,INDEX('p-y cyclic clay'!$GP$27:$GP$5000,MATCH($B6,'p-y cyclic clay'!$C$27:$C$5000,1)),INDEX('p-y cyclic clay'!$HP$27:$HP$5000,MATCH($B6,'p-y cyclic clay'!$C$27:$C$5000,1))))</f>
        <v>16.548211630128105</v>
      </c>
      <c r="N6">
        <f>IF($D6="SAND",INDEX('p-y cyclic sand'!$AD$27:$AD$5000,MATCH($B6,'p-y cyclic sand'!$C$27:$C$5000,1)),IF(INDEX('CPT Data'!$S$12:$S$20000,MATCH($B6,'CPT Data'!$B$12:$B$20000,1))&lt;2,INDEX('p-y cyclic clay'!$HC$27:$HC$5000,MATCH($B6,'p-y cyclic clay'!$C$27:$C$5000,1)),INDEX('p-y cyclic clay'!$IC$27:$IC$5000,MATCH($B6,'p-y cyclic clay'!$C$27:$C$5000,1))))</f>
        <v>40</v>
      </c>
      <c r="O6">
        <f>IF($D6="SAND",INDEX('p-y cyclic sand'!$AR$27:$AR$5000,MATCH($B6,'p-y cyclic sand'!$C$27:$C$5000,1)),IF(INDEX('CPT Data'!$S$12:$S$20000,MATCH($B6,'CPT Data'!$B$12:$B$20000,1))&lt;2,INDEX('p-y cyclic clay'!$GQ$27:$GQ$5000,MATCH($B6,'p-y cyclic clay'!$C$27:$C$5000,1)),INDEX('p-y cyclic clay'!$HQ$27:$HQ$5000,MATCH($B6,'p-y cyclic clay'!$C$27:$C$5000,1))))</f>
        <v>16.548211630128105</v>
      </c>
      <c r="P6">
        <f>IF($D6="SAND",INDEX('p-y cyclic sand'!$AE$27:$AE$5000,MATCH($B6,'p-y cyclic sand'!$C$27:$C$5000,1)),IF(INDEX('CPT Data'!$S$12:$S$20000,MATCH($B6,'CPT Data'!$B$12:$B$20000,1))&lt;2,INDEX('p-y cyclic clay'!$HD$27:$HD$5000,MATCH($B6,'p-y cyclic clay'!$C$27:$C$5000,1)),INDEX('p-y cyclic clay'!$ID$27:$ID$5000,MATCH($B6,'p-y cyclic clay'!$C$27:$C$5000,1))))</f>
        <v>50</v>
      </c>
      <c r="Q6">
        <f>IF($D6="SAND",INDEX('p-y cyclic sand'!$AS$27:$AS$5000,MATCH($B6,'p-y cyclic sand'!$C$27:$C$5000,1)),IF(INDEX('CPT Data'!$S$12:$S$20000,MATCH($B6,'CPT Data'!$B$12:$B$20000,1))&lt;2,INDEX('p-y cyclic clay'!$GR$27:$GR$5000,MATCH($B6,'p-y cyclic clay'!$C$27:$C$5000,1)),INDEX('p-y cyclic clay'!$HR$27:$HR$5000,MATCH($B6,'p-y cyclic clay'!$C$27:$C$5000,1))))</f>
        <v>16.548211630128105</v>
      </c>
      <c r="R6">
        <f>IF($D6="SAND",INDEX('p-y cyclic sand'!$AF$27:$AF$5000,MATCH($B6,'p-y cyclic sand'!$C$27:$C$5000,1)),IF(INDEX('CPT Data'!$S$12:$S$20000,MATCH($B6,'CPT Data'!$B$12:$B$20000,1))&lt;2,INDEX('p-y cyclic clay'!$HE$27:$HE$5000,MATCH($B6,'p-y cyclic clay'!$C$27:$C$5000,1)),INDEX('p-y cyclic clay'!$IE$27:$IE$5000,MATCH($B6,'p-y cyclic clay'!$C$27:$C$5000,1))))</f>
        <v>60</v>
      </c>
      <c r="S6">
        <f>IF($D6="SAND",INDEX('p-y cyclic sand'!$AT$27:$AT$5000,MATCH($B6,'p-y cyclic sand'!$C$27:$C$5000,1)),IF(INDEX('CPT Data'!$S$12:$S$20000,MATCH($B6,'CPT Data'!$B$12:$B$20000,1))&lt;2,INDEX('p-y cyclic clay'!$GS$27:$GS$5000,MATCH($B6,'p-y cyclic clay'!$C$27:$C$5000,1)),INDEX('p-y cyclic clay'!$HS$27:$HS$5000,MATCH($B6,'p-y cyclic clay'!$C$27:$C$5000,1))))</f>
        <v>16.548211630128105</v>
      </c>
      <c r="T6">
        <f>IF($D6="SAND",INDEX('p-y cyclic sand'!$AG$27:$AG$5000,MATCH($B6,'p-y cyclic sand'!$C$27:$C$5000,1)),IF(INDEX('CPT Data'!$S$12:$S$20000,MATCH($B6,'CPT Data'!$B$12:$B$20000,1))&lt;2,INDEX('p-y cyclic clay'!$HF$27:$HF$5000,MATCH($B6,'p-y cyclic clay'!$C$27:$C$5000,1)),INDEX('p-y cyclic clay'!$IF$27:$IF$5000,MATCH($B6,'p-y cyclic clay'!$C$27:$C$5000,1))))</f>
        <v>70</v>
      </c>
      <c r="U6">
        <f>IF($D6="SAND",INDEX('p-y cyclic sand'!$AU$27:$AU$5000,MATCH($B6,'p-y cyclic sand'!$C$27:$C$5000,1)),IF(INDEX('CPT Data'!$S$12:$S$20000,MATCH($B6,'CPT Data'!$B$12:$B$20000,1))&lt;2,INDEX('p-y cyclic clay'!$GT$27:$GT$5000,MATCH($B6,'p-y cyclic clay'!$C$27:$C$5000,1)),INDEX('p-y cyclic clay'!$HT$27:$HT$5000,MATCH($B6,'p-y cyclic clay'!$C$27:$C$5000,1))))</f>
        <v>16.548211630128105</v>
      </c>
      <c r="V6">
        <f>IF($D6="SAND",INDEX('p-y cyclic sand'!$AH$27:$AH$5000,MATCH($B6,'p-y cyclic sand'!$C$27:$C$5000,1)),IF(INDEX('CPT Data'!$S$12:$S$20000,MATCH($B6,'CPT Data'!$B$12:$B$20000,1))&lt;2,INDEX('p-y cyclic clay'!$HG$27:$HG$5000,MATCH($B6,'p-y cyclic clay'!$C$27:$C$5000,1)),INDEX('p-y cyclic clay'!$IG$27:$IG$5000,MATCH($B6,'p-y cyclic clay'!$C$27:$C$5000,1))))</f>
        <v>80</v>
      </c>
      <c r="W6">
        <f>IF($D6="SAND",INDEX('p-y cyclic sand'!$AV$27:$AV$5000,MATCH($B6,'p-y cyclic sand'!$C$27:$C$5000,1)),IF(INDEX('CPT Data'!$S$12:$S$20000,MATCH($B6,'CPT Data'!$B$12:$B$20000,1))&lt;2,INDEX('p-y cyclic clay'!$GU$27:$GU$5000,MATCH($B6,'p-y cyclic clay'!$C$27:$C$5000,1)),INDEX('p-y cyclic clay'!$HU$27:$HU$5000,MATCH($B6,'p-y cyclic clay'!$C$27:$C$5000,1))))</f>
        <v>16.548211630128105</v>
      </c>
      <c r="X6">
        <f>IF($D6="SAND",INDEX('p-y cyclic sand'!$AI$27:$AI$5000,MATCH($B6,'p-y cyclic sand'!$C$27:$C$5000,1)),IF(INDEX('CPT Data'!$S$12:$S$20000,MATCH($B6,'CPT Data'!$B$12:$B$20000,1))&lt;2,INDEX('p-y cyclic clay'!$HH$27:$HH$5000,MATCH($B6,'p-y cyclic clay'!$C$27:$C$5000,1)),INDEX('p-y cyclic clay'!$IH$27:$IH$5000,MATCH($B6,'p-y cyclic clay'!$C$27:$C$5000,1))))</f>
        <v>90</v>
      </c>
      <c r="Y6">
        <f>IF($D6="SAND",INDEX('p-y cyclic sand'!$AW$27:$AW$5000,MATCH($B6,'p-y cyclic sand'!$C$27:$C$5000,1)),IF(INDEX('CPT Data'!$S$12:$S$20000,MATCH($B6,'CPT Data'!$B$12:$B$20000,1))&lt;2,INDEX('p-y cyclic clay'!$GV$27:$GV$5000,MATCH($B6,'p-y cyclic clay'!$C$27:$C$5000,1)),INDEX('p-y cyclic clay'!$HV$27:$HV$5000,MATCH($B6,'p-y cyclic clay'!$C$27:$C$5000,1))))</f>
        <v>16.548211630128105</v>
      </c>
      <c r="Z6">
        <f>IF($D6="SAND",INDEX('p-y cyclic sand'!$AJ$27:$AJ$5000,MATCH($B6,'p-y cyclic sand'!$C$27:$C$5000,1)),IF(INDEX('CPT Data'!$S$12:$S$20000,MATCH($B6,'CPT Data'!$B$12:$B$20000,1))&lt;2,INDEX('p-y cyclic clay'!$HI$27:$HI$5000,MATCH($B6,'p-y cyclic clay'!$C$27:$C$5000,1)),INDEX('p-y cyclic clay'!$II$27:$II$5000,MATCH($B6,'p-y cyclic clay'!$C$27:$C$5000,1))))</f>
        <v>100</v>
      </c>
      <c r="AA6">
        <f>IF($D6="SAND",INDEX('p-y cyclic sand'!$AX$27:$AX$5000,MATCH($B6,'p-y cyclic sand'!$C$27:$C$5000,1)),IF(INDEX('CPT Data'!$S$12:$S$20000,MATCH($B6,'CPT Data'!$B$12:$B$20000,1))&lt;2,INDEX('p-y cyclic clay'!$GW$27:$GW$5000,MATCH($B6,'p-y cyclic clay'!$C$27:$C$5000,1)),INDEX('p-y cyclic clay'!$HW$27:$HW$5000,MATCH($B6,'p-y cyclic clay'!$C$27:$C$5000,1))))</f>
        <v>16.548211630128105</v>
      </c>
      <c r="AB6">
        <f>IF($D6="SAND",INDEX('p-y cyclic sand'!$AK$27:$AK$5000,MATCH($B6,'p-y cyclic sand'!$C$27:$C$5000,1)),IF(INDEX('CPT Data'!$S$12:$S$20000,MATCH($B6,'CPT Data'!$B$12:$B$20000,1))&lt;2,INDEX('p-y cyclic clay'!$HJ$27:$HJ$5000,MATCH($B6,'p-y cyclic clay'!$C$27:$C$5000,1)),INDEX('p-y cyclic clay'!$IJ$27:$IJ$5000,MATCH($B6,'p-y cyclic clay'!$C$27:$C$5000,1))))</f>
        <v>110</v>
      </c>
      <c r="AC6">
        <f>IF($D6="SAND",INDEX('p-y cyclic sand'!$AY$27:$AY$5000,MATCH($B6,'p-y cyclic sand'!$C$27:$C$5000,1)),IF(INDEX('CPT Data'!$S$12:$S$20000,MATCH($B6,'CPT Data'!$B$12:$B$20000,1))&lt;2,INDEX('p-y cyclic clay'!$GX$27:$GX$5000,MATCH($B6,'p-y cyclic clay'!$C$27:$C$5000,1)),INDEX('p-y cyclic clay'!$HX$27:$HX$5000,MATCH($B6,'p-y cyclic clay'!$C$27:$C$5000,1))))</f>
        <v>16.548211630128105</v>
      </c>
      <c r="AD6" s="98">
        <f>IF($D6="SAND",INDEX('p-y cyclic sand'!$AL$27:$AL$5000,MATCH($B6,'p-y cyclic sand'!$C$27:$C$5000,1)),IF(INDEX('CPT Data'!$S$12:$S$20000,MATCH($B6,'CPT Data'!$B$12:$B$20000,1))&lt;2,INDEX('p-y cyclic clay'!$HK$27:$HK$5000,MATCH($B6,'p-y cyclic clay'!$C$27:$C$5000,1)),INDEX('p-y cyclic clay'!$IK$27:$IK$5000,MATCH($B6,'p-y cyclic clay'!$C$27:$C$5000,1))))</f>
        <v>120</v>
      </c>
    </row>
    <row r="7" spans="1:30" x14ac:dyDescent="0.2">
      <c r="A7" s="214">
        <f t="shared" ref="A7:A70" si="0">$A$5-B7</f>
        <v>-17.5</v>
      </c>
      <c r="B7" s="216">
        <f>'p-y cyclic clay'!C28</f>
        <v>2</v>
      </c>
      <c r="C7">
        <f>INDEX('CPT Data'!$C$13:$C$20000,MATCH(B7,'CPT Data'!$B$13:$B$20000,1))</f>
        <v>1.9860000000000002</v>
      </c>
      <c r="D7" s="216" t="str">
        <f>INDEX('CPT Data'!$P$13:$P$20000,MATCH(B7,'CPT Data'!$B$13:$B$20000,1))</f>
        <v>SAND</v>
      </c>
      <c r="E7">
        <f>IF($D7="SAND",INDEX('p-y cyclic sand'!$AM$27:$AM$5000,MATCH($B7,'p-y cyclic sand'!$C$27:$C$5000,1)),IF(INDEX('CPT Data'!$S$12:$S$20000,MATCH($B7,'CPT Data'!$B$12:$B$20000,1))&lt;2,INDEX('p-y cyclic clay'!$GL$27:$GL$5000,MATCH($B7,'p-y cyclic clay'!$C$27:$C$5000,1)),INDEX('p-y cyclic clay'!$HL$27:$HL$5000,MATCH($B7,'p-y cyclic clay'!$C$27:$C$5000,1))))</f>
        <v>0</v>
      </c>
      <c r="F7">
        <f>IF($D7="SAND",INDEX('p-y cyclic sand'!$Z$27:$Z$5000,MATCH($B7,'p-y cyclic sand'!$C$27:$C$5000,1)),IF(INDEX('CPT Data'!$S$12:$S$20000,MATCH($B7,'CPT Data'!$B$12:$B$20000,1))&lt;2,INDEX('p-y cyclic clay'!$GY$27:$GY$5000,MATCH($B7,'p-y cyclic clay'!$C$27:$C$5000,1)),INDEX('p-y cyclic clay'!$HY$27:$HY$5000,MATCH($B7,'p-y cyclic clay'!$C$27:$C$5000,1))))</f>
        <v>0</v>
      </c>
      <c r="G7">
        <f>IF($D7="SAND",INDEX('p-y cyclic sand'!$AN$27:$AN$5000,MATCH($B7,'p-y cyclic sand'!$C$27:$C$5000,1)),IF(INDEX('CPT Data'!$S$12:$S$20000,MATCH($B7,'CPT Data'!$B$12:$B$20000,1))&lt;2,INDEX('p-y cyclic clay'!$GM$27:$GM$5000,MATCH($B7,'p-y cyclic clay'!$C$27:$C$5000,1)),INDEX('p-y cyclic clay'!$HM$27:$HM$5000,MATCH($B7,'p-y cyclic clay'!$C$27:$C$5000,1))))</f>
        <v>60.051572746561661</v>
      </c>
      <c r="H7">
        <f>IF($D7="SAND",INDEX('p-y cyclic sand'!$AA$27:$AA$5000,MATCH($B7,'p-y cyclic sand'!$C$27:$C$5000,1)),IF(INDEX('CPT Data'!$S$12:$S$20000,MATCH($B7,'CPT Data'!$B$12:$B$20000,1))&lt;2,INDEX('p-y cyclic clay'!$GZ$27:$GZ$5000,MATCH($B7,'p-y cyclic clay'!$C$27:$C$5000,1)),INDEX('p-y cyclic clay'!$HZ$27:$HZ$5000,MATCH($B7,'p-y cyclic clay'!$C$27:$C$5000,1))))</f>
        <v>10</v>
      </c>
      <c r="I7">
        <f>IF($D7="SAND",INDEX('p-y cyclic sand'!$AO$27:$AO$5000,MATCH($B7,'p-y cyclic sand'!$C$27:$C$5000,1)),IF(INDEX('CPT Data'!$S$12:$S$20000,MATCH($B7,'CPT Data'!$B$12:$B$20000,1))&lt;2,INDEX('p-y cyclic clay'!$GN$27:$GN$5000,MATCH($B7,'p-y cyclic clay'!$C$27:$C$5000,1)),INDEX('p-y cyclic clay'!$HN$27:$HN$5000,MATCH($B7,'p-y cyclic clay'!$C$27:$C$5000,1))))</f>
        <v>60.053928997172079</v>
      </c>
      <c r="J7">
        <f>IF($D7="SAND",INDEX('p-y cyclic sand'!$AB$27:$AB$5000,MATCH($B7,'p-y cyclic sand'!$C$27:$C$5000,1)),IF(INDEX('CPT Data'!$S$12:$S$20000,MATCH($B7,'CPT Data'!$B$12:$B$20000,1))&lt;2,INDEX('p-y cyclic clay'!$HA$27:$HA$5000,MATCH($B7,'p-y cyclic clay'!$C$27:$C$5000,1)),INDEX('p-y cyclic clay'!$IA$27:$IA$5000,MATCH($B7,'p-y cyclic clay'!$C$27:$C$5000,1))))</f>
        <v>20</v>
      </c>
      <c r="K7">
        <f>IF($D7="SAND",INDEX('p-y cyclic sand'!$AP$27:$AP$5000,MATCH($B7,'p-y cyclic sand'!$C$27:$C$5000,1)),IF(INDEX('CPT Data'!$S$12:$S$20000,MATCH($B7,'CPT Data'!$B$12:$B$20000,1))&lt;2,INDEX('p-y cyclic clay'!$GO$27:$GO$5000,MATCH($B7,'p-y cyclic clay'!$C$27:$C$5000,1)),INDEX('p-y cyclic clay'!$HO$27:$HO$5000,MATCH($B7,'p-y cyclic clay'!$C$27:$C$5000,1))))</f>
        <v>60.053929043399215</v>
      </c>
      <c r="L7">
        <f>IF($D7="SAND",INDEX('p-y cyclic sand'!$AC$27:$AC$5000,MATCH($B7,'p-y cyclic sand'!$C$27:$C$5000,1)),IF(INDEX('CPT Data'!$S$12:$S$20000,MATCH($B7,'CPT Data'!$B$12:$B$20000,1))&lt;2,INDEX('p-y cyclic clay'!$HB$27:$HB$5000,MATCH($B7,'p-y cyclic clay'!$C$27:$C$5000,1)),INDEX('p-y cyclic clay'!$IB$27:$IB$5000,MATCH($B7,'p-y cyclic clay'!$C$27:$C$5000,1))))</f>
        <v>30</v>
      </c>
      <c r="M7">
        <f>IF($D7="SAND",INDEX('p-y cyclic sand'!$AQ$27:$AQ$5000,MATCH($B7,'p-y cyclic sand'!$C$27:$C$5000,1)),IF(INDEX('CPT Data'!$S$12:$S$20000,MATCH($B7,'CPT Data'!$B$12:$B$20000,1))&lt;2,INDEX('p-y cyclic clay'!$GP$27:$GP$5000,MATCH($B7,'p-y cyclic clay'!$C$27:$C$5000,1)),INDEX('p-y cyclic clay'!$HP$27:$HP$5000,MATCH($B7,'p-y cyclic clay'!$C$27:$C$5000,1))))</f>
        <v>60.053929043400132</v>
      </c>
      <c r="N7">
        <f>IF($D7="SAND",INDEX('p-y cyclic sand'!$AD$27:$AD$5000,MATCH($B7,'p-y cyclic sand'!$C$27:$C$5000,1)),IF(INDEX('CPT Data'!$S$12:$S$20000,MATCH($B7,'CPT Data'!$B$12:$B$20000,1))&lt;2,INDEX('p-y cyclic clay'!$HC$27:$HC$5000,MATCH($B7,'p-y cyclic clay'!$C$27:$C$5000,1)),INDEX('p-y cyclic clay'!$IC$27:$IC$5000,MATCH($B7,'p-y cyclic clay'!$C$27:$C$5000,1))))</f>
        <v>40</v>
      </c>
      <c r="O7">
        <f>IF($D7="SAND",INDEX('p-y cyclic sand'!$AR$27:$AR$5000,MATCH($B7,'p-y cyclic sand'!$C$27:$C$5000,1)),IF(INDEX('CPT Data'!$S$12:$S$20000,MATCH($B7,'CPT Data'!$B$12:$B$20000,1))&lt;2,INDEX('p-y cyclic clay'!$GQ$27:$GQ$5000,MATCH($B7,'p-y cyclic clay'!$C$27:$C$5000,1)),INDEX('p-y cyclic clay'!$HQ$27:$HQ$5000,MATCH($B7,'p-y cyclic clay'!$C$27:$C$5000,1))))</f>
        <v>60.053929043400132</v>
      </c>
      <c r="P7">
        <f>IF($D7="SAND",INDEX('p-y cyclic sand'!$AE$27:$AE$5000,MATCH($B7,'p-y cyclic sand'!$C$27:$C$5000,1)),IF(INDEX('CPT Data'!$S$12:$S$20000,MATCH($B7,'CPT Data'!$B$12:$B$20000,1))&lt;2,INDEX('p-y cyclic clay'!$HD$27:$HD$5000,MATCH($B7,'p-y cyclic clay'!$C$27:$C$5000,1)),INDEX('p-y cyclic clay'!$ID$27:$ID$5000,MATCH($B7,'p-y cyclic clay'!$C$27:$C$5000,1))))</f>
        <v>50</v>
      </c>
      <c r="Q7">
        <f>IF($D7="SAND",INDEX('p-y cyclic sand'!$AS$27:$AS$5000,MATCH($B7,'p-y cyclic sand'!$C$27:$C$5000,1)),IF(INDEX('CPT Data'!$S$12:$S$20000,MATCH($B7,'CPT Data'!$B$12:$B$20000,1))&lt;2,INDEX('p-y cyclic clay'!$GR$27:$GR$5000,MATCH($B7,'p-y cyclic clay'!$C$27:$C$5000,1)),INDEX('p-y cyclic clay'!$HR$27:$HR$5000,MATCH($B7,'p-y cyclic clay'!$C$27:$C$5000,1))))</f>
        <v>60.053929043400132</v>
      </c>
      <c r="R7">
        <f>IF($D7="SAND",INDEX('p-y cyclic sand'!$AF$27:$AF$5000,MATCH($B7,'p-y cyclic sand'!$C$27:$C$5000,1)),IF(INDEX('CPT Data'!$S$12:$S$20000,MATCH($B7,'CPT Data'!$B$12:$B$20000,1))&lt;2,INDEX('p-y cyclic clay'!$HE$27:$HE$5000,MATCH($B7,'p-y cyclic clay'!$C$27:$C$5000,1)),INDEX('p-y cyclic clay'!$IE$27:$IE$5000,MATCH($B7,'p-y cyclic clay'!$C$27:$C$5000,1))))</f>
        <v>60</v>
      </c>
      <c r="S7">
        <f>IF($D7="SAND",INDEX('p-y cyclic sand'!$AT$27:$AT$5000,MATCH($B7,'p-y cyclic sand'!$C$27:$C$5000,1)),IF(INDEX('CPT Data'!$S$12:$S$20000,MATCH($B7,'CPT Data'!$B$12:$B$20000,1))&lt;2,INDEX('p-y cyclic clay'!$GS$27:$GS$5000,MATCH($B7,'p-y cyclic clay'!$C$27:$C$5000,1)),INDEX('p-y cyclic clay'!$HS$27:$HS$5000,MATCH($B7,'p-y cyclic clay'!$C$27:$C$5000,1))))</f>
        <v>60.053929043400132</v>
      </c>
      <c r="T7">
        <f>IF($D7="SAND",INDEX('p-y cyclic sand'!$AG$27:$AG$5000,MATCH($B7,'p-y cyclic sand'!$C$27:$C$5000,1)),IF(INDEX('CPT Data'!$S$12:$S$20000,MATCH($B7,'CPT Data'!$B$12:$B$20000,1))&lt;2,INDEX('p-y cyclic clay'!$HF$27:$HF$5000,MATCH($B7,'p-y cyclic clay'!$C$27:$C$5000,1)),INDEX('p-y cyclic clay'!$IF$27:$IF$5000,MATCH($B7,'p-y cyclic clay'!$C$27:$C$5000,1))))</f>
        <v>70</v>
      </c>
      <c r="U7">
        <f>IF($D7="SAND",INDEX('p-y cyclic sand'!$AU$27:$AU$5000,MATCH($B7,'p-y cyclic sand'!$C$27:$C$5000,1)),IF(INDEX('CPT Data'!$S$12:$S$20000,MATCH($B7,'CPT Data'!$B$12:$B$20000,1))&lt;2,INDEX('p-y cyclic clay'!$GT$27:$GT$5000,MATCH($B7,'p-y cyclic clay'!$C$27:$C$5000,1)),INDEX('p-y cyclic clay'!$HT$27:$HT$5000,MATCH($B7,'p-y cyclic clay'!$C$27:$C$5000,1))))</f>
        <v>60.053929043400132</v>
      </c>
      <c r="V7">
        <f>IF($D7="SAND",INDEX('p-y cyclic sand'!$AH$27:$AH$5000,MATCH($B7,'p-y cyclic sand'!$C$27:$C$5000,1)),IF(INDEX('CPT Data'!$S$12:$S$20000,MATCH($B7,'CPT Data'!$B$12:$B$20000,1))&lt;2,INDEX('p-y cyclic clay'!$HG$27:$HG$5000,MATCH($B7,'p-y cyclic clay'!$C$27:$C$5000,1)),INDEX('p-y cyclic clay'!$IG$27:$IG$5000,MATCH($B7,'p-y cyclic clay'!$C$27:$C$5000,1))))</f>
        <v>80</v>
      </c>
      <c r="W7">
        <f>IF($D7="SAND",INDEX('p-y cyclic sand'!$AV$27:$AV$5000,MATCH($B7,'p-y cyclic sand'!$C$27:$C$5000,1)),IF(INDEX('CPT Data'!$S$12:$S$20000,MATCH($B7,'CPT Data'!$B$12:$B$20000,1))&lt;2,INDEX('p-y cyclic clay'!$GU$27:$GU$5000,MATCH($B7,'p-y cyclic clay'!$C$27:$C$5000,1)),INDEX('p-y cyclic clay'!$HU$27:$HU$5000,MATCH($B7,'p-y cyclic clay'!$C$27:$C$5000,1))))</f>
        <v>60.053929043400132</v>
      </c>
      <c r="X7">
        <f>IF($D7="SAND",INDEX('p-y cyclic sand'!$AI$27:$AI$5000,MATCH($B7,'p-y cyclic sand'!$C$27:$C$5000,1)),IF(INDEX('CPT Data'!$S$12:$S$20000,MATCH($B7,'CPT Data'!$B$12:$B$20000,1))&lt;2,INDEX('p-y cyclic clay'!$HH$27:$HH$5000,MATCH($B7,'p-y cyclic clay'!$C$27:$C$5000,1)),INDEX('p-y cyclic clay'!$IH$27:$IH$5000,MATCH($B7,'p-y cyclic clay'!$C$27:$C$5000,1))))</f>
        <v>90</v>
      </c>
      <c r="Y7">
        <f>IF($D7="SAND",INDEX('p-y cyclic sand'!$AW$27:$AW$5000,MATCH($B7,'p-y cyclic sand'!$C$27:$C$5000,1)),IF(INDEX('CPT Data'!$S$12:$S$20000,MATCH($B7,'CPT Data'!$B$12:$B$20000,1))&lt;2,INDEX('p-y cyclic clay'!$GV$27:$GV$5000,MATCH($B7,'p-y cyclic clay'!$C$27:$C$5000,1)),INDEX('p-y cyclic clay'!$HV$27:$HV$5000,MATCH($B7,'p-y cyclic clay'!$C$27:$C$5000,1))))</f>
        <v>60.053929043400132</v>
      </c>
      <c r="Z7">
        <f>IF($D7="SAND",INDEX('p-y cyclic sand'!$AJ$27:$AJ$5000,MATCH($B7,'p-y cyclic sand'!$C$27:$C$5000,1)),IF(INDEX('CPT Data'!$S$12:$S$20000,MATCH($B7,'CPT Data'!$B$12:$B$20000,1))&lt;2,INDEX('p-y cyclic clay'!$HI$27:$HI$5000,MATCH($B7,'p-y cyclic clay'!$C$27:$C$5000,1)),INDEX('p-y cyclic clay'!$II$27:$II$5000,MATCH($B7,'p-y cyclic clay'!$C$27:$C$5000,1))))</f>
        <v>100</v>
      </c>
      <c r="AA7">
        <f>IF($D7="SAND",INDEX('p-y cyclic sand'!$AX$27:$AX$5000,MATCH($B7,'p-y cyclic sand'!$C$27:$C$5000,1)),IF(INDEX('CPT Data'!$S$12:$S$20000,MATCH($B7,'CPT Data'!$B$12:$B$20000,1))&lt;2,INDEX('p-y cyclic clay'!$GW$27:$GW$5000,MATCH($B7,'p-y cyclic clay'!$C$27:$C$5000,1)),INDEX('p-y cyclic clay'!$HW$27:$HW$5000,MATCH($B7,'p-y cyclic clay'!$C$27:$C$5000,1))))</f>
        <v>60.053929043400132</v>
      </c>
      <c r="AB7">
        <f>IF($D7="SAND",INDEX('p-y cyclic sand'!$AK$27:$AK$5000,MATCH($B7,'p-y cyclic sand'!$C$27:$C$5000,1)),IF(INDEX('CPT Data'!$S$12:$S$20000,MATCH($B7,'CPT Data'!$B$12:$B$20000,1))&lt;2,INDEX('p-y cyclic clay'!$HJ$27:$HJ$5000,MATCH($B7,'p-y cyclic clay'!$C$27:$C$5000,1)),INDEX('p-y cyclic clay'!$IJ$27:$IJ$5000,MATCH($B7,'p-y cyclic clay'!$C$27:$C$5000,1))))</f>
        <v>110</v>
      </c>
      <c r="AC7">
        <f>IF($D7="SAND",INDEX('p-y cyclic sand'!$AY$27:$AY$5000,MATCH($B7,'p-y cyclic sand'!$C$27:$C$5000,1)),IF(INDEX('CPT Data'!$S$12:$S$20000,MATCH($B7,'CPT Data'!$B$12:$B$20000,1))&lt;2,INDEX('p-y cyclic clay'!$GX$27:$GX$5000,MATCH($B7,'p-y cyclic clay'!$C$27:$C$5000,1)),INDEX('p-y cyclic clay'!$HX$27:$HX$5000,MATCH($B7,'p-y cyclic clay'!$C$27:$C$5000,1))))</f>
        <v>60.053929043400132</v>
      </c>
      <c r="AD7" s="98">
        <f>IF($D7="SAND",INDEX('p-y cyclic sand'!$AL$27:$AL$5000,MATCH($B7,'p-y cyclic sand'!$C$27:$C$5000,1)),IF(INDEX('CPT Data'!$S$12:$S$20000,MATCH($B7,'CPT Data'!$B$12:$B$20000,1))&lt;2,INDEX('p-y cyclic clay'!$HK$27:$HK$5000,MATCH($B7,'p-y cyclic clay'!$C$27:$C$5000,1)),INDEX('p-y cyclic clay'!$IK$27:$IK$5000,MATCH($B7,'p-y cyclic clay'!$C$27:$C$5000,1))))</f>
        <v>120</v>
      </c>
    </row>
    <row r="8" spans="1:30" x14ac:dyDescent="0.2">
      <c r="A8" s="214">
        <f t="shared" si="0"/>
        <v>-18.5</v>
      </c>
      <c r="B8" s="216">
        <f>'p-y cyclic clay'!C29</f>
        <v>3</v>
      </c>
      <c r="C8">
        <f>INDEX('CPT Data'!$C$13:$C$20000,MATCH(B8,'CPT Data'!$B$13:$B$20000,1))</f>
        <v>2.9659999999999997</v>
      </c>
      <c r="D8" s="216" t="str">
        <f>INDEX('CPT Data'!$P$13:$P$20000,MATCH(B8,'CPT Data'!$B$13:$B$20000,1))</f>
        <v>CLAY</v>
      </c>
      <c r="E8">
        <f>IF($D8="SAND",INDEX('p-y cyclic sand'!$AM$27:$AM$5000,MATCH($B8,'p-y cyclic sand'!$C$27:$C$5000,1)),IF(INDEX('CPT Data'!$S$12:$S$20000,MATCH($B8,'CPT Data'!$B$12:$B$20000,1))&lt;2,INDEX('p-y cyclic clay'!$GL$27:$GL$5000,MATCH($B8,'p-y cyclic clay'!$C$27:$C$5000,1)),INDEX('p-y cyclic clay'!$HL$27:$HL$5000,MATCH($B8,'p-y cyclic clay'!$C$27:$C$5000,1))))</f>
        <v>0</v>
      </c>
      <c r="F8">
        <f>IF($D8="SAND",INDEX('p-y cyclic sand'!$Z$27:$Z$5000,MATCH($B8,'p-y cyclic sand'!$C$27:$C$5000,1)),IF(INDEX('CPT Data'!$S$12:$S$20000,MATCH($B8,'CPT Data'!$B$12:$B$20000,1))&lt;2,INDEX('p-y cyclic clay'!$GY$27:$GY$5000,MATCH($B8,'p-y cyclic clay'!$C$27:$C$5000,1)),INDEX('p-y cyclic clay'!$HY$27:$HY$5000,MATCH($B8,'p-y cyclic clay'!$C$27:$C$5000,1))))</f>
        <v>0</v>
      </c>
      <c r="G8">
        <f>IF($D8="SAND",INDEX('p-y cyclic sand'!$AN$27:$AN$5000,MATCH($B8,'p-y cyclic sand'!$C$27:$C$5000,1)),IF(INDEX('CPT Data'!$S$12:$S$20000,MATCH($B8,'CPT Data'!$B$12:$B$20000,1))&lt;2,INDEX('p-y cyclic clay'!$GM$27:$GM$5000,MATCH($B8,'p-y cyclic clay'!$C$27:$C$5000,1)),INDEX('p-y cyclic clay'!$HM$27:$HM$5000,MATCH($B8,'p-y cyclic clay'!$C$27:$C$5000,1))))</f>
        <v>8.3918479114770914</v>
      </c>
      <c r="H8">
        <f>IF($D8="SAND",INDEX('p-y cyclic sand'!$AA$27:$AA$5000,MATCH($B8,'p-y cyclic sand'!$C$27:$C$5000,1)),IF(INDEX('CPT Data'!$S$12:$S$20000,MATCH($B8,'CPT Data'!$B$12:$B$20000,1))&lt;2,INDEX('p-y cyclic clay'!$GZ$27:$GZ$5000,MATCH($B8,'p-y cyclic clay'!$C$27:$C$5000,1)),INDEX('p-y cyclic clay'!$HZ$27:$HZ$5000,MATCH($B8,'p-y cyclic clay'!$C$27:$C$5000,1))))</f>
        <v>0.74667071080018566</v>
      </c>
      <c r="I8">
        <f>IF($D8="SAND",INDEX('p-y cyclic sand'!$AO$27:$AO$5000,MATCH($B8,'p-y cyclic sand'!$C$27:$C$5000,1)),IF(INDEX('CPT Data'!$S$12:$S$20000,MATCH($B8,'CPT Data'!$B$12:$B$20000,1))&lt;2,INDEX('p-y cyclic clay'!$GN$27:$GN$5000,MATCH($B8,'p-y cyclic clay'!$C$27:$C$5000,1)),INDEX('p-y cyclic clay'!$HN$27:$HN$5000,MATCH($B8,'p-y cyclic clay'!$C$27:$C$5000,1))))</f>
        <v>31.436897569073601</v>
      </c>
      <c r="J8">
        <f>IF($D8="SAND",INDEX('p-y cyclic sand'!$AB$27:$AB$5000,MATCH($B8,'p-y cyclic sand'!$C$27:$C$5000,1)),IF(INDEX('CPT Data'!$S$12:$S$20000,MATCH($B8,'CPT Data'!$B$12:$B$20000,1))&lt;2,INDEX('p-y cyclic clay'!$HA$27:$HA$5000,MATCH($B8,'p-y cyclic clay'!$C$27:$C$5000,1)),INDEX('p-y cyclic clay'!$IA$27:$IA$5000,MATCH($B8,'p-y cyclic clay'!$C$27:$C$5000,1))))</f>
        <v>6.8593766110455654</v>
      </c>
      <c r="K8">
        <f>IF($D8="SAND",INDEX('p-y cyclic sand'!$AP$27:$AP$5000,MATCH($B8,'p-y cyclic sand'!$C$27:$C$5000,1)),IF(INDEX('CPT Data'!$S$12:$S$20000,MATCH($B8,'CPT Data'!$B$12:$B$20000,1))&lt;2,INDEX('p-y cyclic clay'!$GO$27:$GO$5000,MATCH($B8,'p-y cyclic clay'!$C$27:$C$5000,1)),INDEX('p-y cyclic clay'!$HO$27:$HO$5000,MATCH($B8,'p-y cyclic clay'!$C$27:$C$5000,1))))</f>
        <v>44.676709659843077</v>
      </c>
      <c r="L8">
        <f>IF($D8="SAND",INDEX('p-y cyclic sand'!$AC$27:$AC$5000,MATCH($B8,'p-y cyclic sand'!$C$27:$C$5000,1)),IF(INDEX('CPT Data'!$S$12:$S$20000,MATCH($B8,'CPT Data'!$B$12:$B$20000,1))&lt;2,INDEX('p-y cyclic clay'!$HB$27:$HB$5000,MATCH($B8,'p-y cyclic clay'!$C$27:$C$5000,1)),INDEX('p-y cyclic clay'!$IB$27:$IB$5000,MATCH($B8,'p-y cyclic clay'!$C$27:$C$5000,1))))</f>
        <v>13.087228826701367</v>
      </c>
      <c r="M8">
        <f>IF($D8="SAND",INDEX('p-y cyclic sand'!$AQ$27:$AQ$5000,MATCH($B8,'p-y cyclic sand'!$C$27:$C$5000,1)),IF(INDEX('CPT Data'!$S$12:$S$20000,MATCH($B8,'CPT Data'!$B$12:$B$20000,1))&lt;2,INDEX('p-y cyclic clay'!$GP$27:$GP$5000,MATCH($B8,'p-y cyclic clay'!$C$27:$C$5000,1)),INDEX('p-y cyclic clay'!$HP$27:$HP$5000,MATCH($B8,'p-y cyclic clay'!$C$27:$C$5000,1))))</f>
        <v>55.76139163204585</v>
      </c>
      <c r="N8">
        <f>IF($D8="SAND",INDEX('p-y cyclic sand'!$AD$27:$AD$5000,MATCH($B8,'p-y cyclic sand'!$C$27:$C$5000,1)),IF(INDEX('CPT Data'!$S$12:$S$20000,MATCH($B8,'CPT Data'!$B$12:$B$20000,1))&lt;2,INDEX('p-y cyclic clay'!$HC$27:$HC$5000,MATCH($B8,'p-y cyclic clay'!$C$27:$C$5000,1)),INDEX('p-y cyclic clay'!$IC$27:$IC$5000,MATCH($B8,'p-y cyclic clay'!$C$27:$C$5000,1))))</f>
        <v>22.560525532437033</v>
      </c>
      <c r="O8">
        <f>IF($D8="SAND",INDEX('p-y cyclic sand'!$AR$27:$AR$5000,MATCH($B8,'p-y cyclic sand'!$C$27:$C$5000,1)),IF(INDEX('CPT Data'!$S$12:$S$20000,MATCH($B8,'CPT Data'!$B$12:$B$20000,1))&lt;2,INDEX('p-y cyclic clay'!$GQ$27:$GQ$5000,MATCH($B8,'p-y cyclic clay'!$C$27:$C$5000,1)),INDEX('p-y cyclic clay'!$HQ$27:$HQ$5000,MATCH($B8,'p-y cyclic clay'!$C$27:$C$5000,1))))</f>
        <v>66.575834392439759</v>
      </c>
      <c r="P8">
        <f>IF($D8="SAND",INDEX('p-y cyclic sand'!$AE$27:$AE$5000,MATCH($B8,'p-y cyclic sand'!$C$27:$C$5000,1)),IF(INDEX('CPT Data'!$S$12:$S$20000,MATCH($B8,'CPT Data'!$B$12:$B$20000,1))&lt;2,INDEX('p-y cyclic clay'!$HD$27:$HD$5000,MATCH($B8,'p-y cyclic clay'!$C$27:$C$5000,1)),INDEX('p-y cyclic clay'!$ID$27:$ID$5000,MATCH($B8,'p-y cyclic clay'!$C$27:$C$5000,1))))</f>
        <v>34.002592327424253</v>
      </c>
      <c r="Q8">
        <f>IF($D8="SAND",INDEX('p-y cyclic sand'!$AS$27:$AS$5000,MATCH($B8,'p-y cyclic sand'!$C$27:$C$5000,1)),IF(INDEX('CPT Data'!$S$12:$S$20000,MATCH($B8,'CPT Data'!$B$12:$B$20000,1))&lt;2,INDEX('p-y cyclic clay'!$GR$27:$GR$5000,MATCH($B8,'p-y cyclic clay'!$C$27:$C$5000,1)),INDEX('p-y cyclic clay'!$HR$27:$HR$5000,MATCH($B8,'p-y cyclic clay'!$C$27:$C$5000,1))))</f>
        <v>79.891001270927703</v>
      </c>
      <c r="R8">
        <f>IF($D8="SAND",INDEX('p-y cyclic sand'!$AF$27:$AF$5000,MATCH($B8,'p-y cyclic sand'!$C$27:$C$5000,1)),IF(INDEX('CPT Data'!$S$12:$S$20000,MATCH($B8,'CPT Data'!$B$12:$B$20000,1))&lt;2,INDEX('p-y cyclic clay'!$HE$27:$HE$5000,MATCH($B8,'p-y cyclic clay'!$C$27:$C$5000,1)),INDEX('p-y cyclic clay'!$IE$27:$IE$5000,MATCH($B8,'p-y cyclic clay'!$C$27:$C$5000,1))))</f>
        <v>51.270750396971259</v>
      </c>
      <c r="S8">
        <f>IF($D8="SAND",INDEX('p-y cyclic sand'!$AT$27:$AT$5000,MATCH($B8,'p-y cyclic sand'!$C$27:$C$5000,1)),IF(INDEX('CPT Data'!$S$12:$S$20000,MATCH($B8,'CPT Data'!$B$12:$B$20000,1))&lt;2,INDEX('p-y cyclic clay'!$GS$27:$GS$5000,MATCH($B8,'p-y cyclic clay'!$C$27:$C$5000,1)),INDEX('p-y cyclic clay'!$HS$27:$HS$5000,MATCH($B8,'p-y cyclic clay'!$C$27:$C$5000,1))))</f>
        <v>93.206168149415646</v>
      </c>
      <c r="T8">
        <f>IF($D8="SAND",INDEX('p-y cyclic sand'!$AG$27:$AG$5000,MATCH($B8,'p-y cyclic sand'!$C$27:$C$5000,1)),IF(INDEX('CPT Data'!$S$12:$S$20000,MATCH($B8,'CPT Data'!$B$12:$B$20000,1))&lt;2,INDEX('p-y cyclic clay'!$HF$27:$HF$5000,MATCH($B8,'p-y cyclic clay'!$C$27:$C$5000,1)),INDEX('p-y cyclic clay'!$IF$27:$IF$5000,MATCH($B8,'p-y cyclic clay'!$C$27:$C$5000,1))))</f>
        <v>77.94484590916683</v>
      </c>
      <c r="U8">
        <f>IF($D8="SAND",INDEX('p-y cyclic sand'!$AU$27:$AU$5000,MATCH($B8,'p-y cyclic sand'!$C$27:$C$5000,1)),IF(INDEX('CPT Data'!$S$12:$S$20000,MATCH($B8,'CPT Data'!$B$12:$B$20000,1))&lt;2,INDEX('p-y cyclic clay'!$GT$27:$GT$5000,MATCH($B8,'p-y cyclic clay'!$C$27:$C$5000,1)),INDEX('p-y cyclic clay'!$HT$27:$HT$5000,MATCH($B8,'p-y cyclic clay'!$C$27:$C$5000,1))))</f>
        <v>106.52133502790362</v>
      </c>
      <c r="V8">
        <f>IF($D8="SAND",INDEX('p-y cyclic sand'!$AH$27:$AH$5000,MATCH($B8,'p-y cyclic sand'!$C$27:$C$5000,1)),IF(INDEX('CPT Data'!$S$12:$S$20000,MATCH($B8,'CPT Data'!$B$12:$B$20000,1))&lt;2,INDEX('p-y cyclic clay'!$HG$27:$HG$5000,MATCH($B8,'p-y cyclic clay'!$C$27:$C$5000,1)),INDEX('p-y cyclic clay'!$IG$27:$IG$5000,MATCH($B8,'p-y cyclic clay'!$C$27:$C$5000,1))))</f>
        <v>119.27593505181979</v>
      </c>
      <c r="W8">
        <f>IF($D8="SAND",INDEX('p-y cyclic sand'!$AV$27:$AV$5000,MATCH($B8,'p-y cyclic sand'!$C$27:$C$5000,1)),IF(INDEX('CPT Data'!$S$12:$S$20000,MATCH($B8,'CPT Data'!$B$12:$B$20000,1))&lt;2,INDEX('p-y cyclic clay'!$GU$27:$GU$5000,MATCH($B8,'p-y cyclic clay'!$C$27:$C$5000,1)),INDEX('p-y cyclic clay'!$HU$27:$HU$5000,MATCH($B8,'p-y cyclic clay'!$C$27:$C$5000,1))))</f>
        <v>119.83650190639158</v>
      </c>
      <c r="X8">
        <f>IF($D8="SAND",INDEX('p-y cyclic sand'!$AI$27:$AI$5000,MATCH($B8,'p-y cyclic sand'!$C$27:$C$5000,1)),IF(INDEX('CPT Data'!$S$12:$S$20000,MATCH($B8,'CPT Data'!$B$12:$B$20000,1))&lt;2,INDEX('p-y cyclic clay'!$HH$27:$HH$5000,MATCH($B8,'p-y cyclic clay'!$C$27:$C$5000,1)),INDEX('p-y cyclic clay'!$IH$27:$IH$5000,MATCH($B8,'p-y cyclic clay'!$C$27:$C$5000,1))))</f>
        <v>196.12460602801752</v>
      </c>
      <c r="Y8">
        <f>IF($D8="SAND",INDEX('p-y cyclic sand'!$AW$27:$AW$5000,MATCH($B8,'p-y cyclic sand'!$C$27:$C$5000,1)),IF(INDEX('CPT Data'!$S$12:$S$20000,MATCH($B8,'CPT Data'!$B$12:$B$20000,1))&lt;2,INDEX('p-y cyclic clay'!$GV$27:$GV$5000,MATCH($B8,'p-y cyclic clay'!$C$27:$C$5000,1)),INDEX('p-y cyclic clay'!$HV$27:$HV$5000,MATCH($B8,'p-y cyclic clay'!$C$27:$C$5000,1))))</f>
        <v>129.8228770652575</v>
      </c>
      <c r="Z8">
        <f>IF($D8="SAND",INDEX('p-y cyclic sand'!$AJ$27:$AJ$5000,MATCH($B8,'p-y cyclic sand'!$C$27:$C$5000,1)),IF(INDEX('CPT Data'!$S$12:$S$20000,MATCH($B8,'CPT Data'!$B$12:$B$20000,1))&lt;2,INDEX('p-y cyclic clay'!$HI$27:$HI$5000,MATCH($B8,'p-y cyclic clay'!$C$27:$C$5000,1)),INDEX('p-y cyclic clay'!$II$27:$II$5000,MATCH($B8,'p-y cyclic clay'!$C$27:$C$5000,1))))</f>
        <v>318.96424390374813</v>
      </c>
      <c r="AA8">
        <f>IF($D8="SAND",INDEX('p-y cyclic sand'!$AX$27:$AX$5000,MATCH($B8,'p-y cyclic sand'!$C$27:$C$5000,1)),IF(INDEX('CPT Data'!$S$12:$S$20000,MATCH($B8,'CPT Data'!$B$12:$B$20000,1))&lt;2,INDEX('p-y cyclic clay'!$GW$27:$GW$5000,MATCH($B8,'p-y cyclic clay'!$C$27:$C$5000,1)),INDEX('p-y cyclic clay'!$HW$27:$HW$5000,MATCH($B8,'p-y cyclic clay'!$C$27:$C$5000,1))))</f>
        <v>133.15166878487952</v>
      </c>
      <c r="AB8">
        <f>IF($D8="SAND",INDEX('p-y cyclic sand'!$AK$27:$AK$5000,MATCH($B8,'p-y cyclic sand'!$C$27:$C$5000,1)),IF(INDEX('CPT Data'!$S$12:$S$20000,MATCH($B8,'CPT Data'!$B$12:$B$20000,1))&lt;2,INDEX('p-y cyclic clay'!$HJ$27:$HJ$5000,MATCH($B8,'p-y cyclic clay'!$C$27:$C$5000,1)),INDEX('p-y cyclic clay'!$IJ$27:$IJ$5000,MATCH($B8,'p-y cyclic clay'!$C$27:$C$5000,1))))</f>
        <v>418.36085644693122</v>
      </c>
      <c r="AC8">
        <f>IF($D8="SAND",INDEX('p-y cyclic sand'!$AY$27:$AY$5000,MATCH($B8,'p-y cyclic sand'!$C$27:$C$5000,1)),IF(INDEX('CPT Data'!$S$12:$S$20000,MATCH($B8,'CPT Data'!$B$12:$B$20000,1))&lt;2,INDEX('p-y cyclic clay'!$GX$27:$GX$5000,MATCH($B8,'p-y cyclic clay'!$C$27:$C$5000,1)),INDEX('p-y cyclic clay'!$HX$27:$HX$5000,MATCH($B8,'p-y cyclic clay'!$C$27:$C$5000,1))))</f>
        <v>133.15166878487952</v>
      </c>
      <c r="AD8" s="98">
        <f>IF($D8="SAND",INDEX('p-y cyclic sand'!$AL$27:$AL$5000,MATCH($B8,'p-y cyclic sand'!$C$27:$C$5000,1)),IF(INDEX('CPT Data'!$S$12:$S$20000,MATCH($B8,'CPT Data'!$B$12:$B$20000,1))&lt;2,INDEX('p-y cyclic clay'!$HK$27:$HK$5000,MATCH($B8,'p-y cyclic clay'!$C$27:$C$5000,1)),INDEX('p-y cyclic clay'!$IK$27:$IK$5000,MATCH($B8,'p-y cyclic clay'!$C$27:$C$5000,1))))</f>
        <v>3916.7466586344349</v>
      </c>
    </row>
    <row r="9" spans="1:30" x14ac:dyDescent="0.2">
      <c r="A9" s="214">
        <f t="shared" si="0"/>
        <v>-19.5</v>
      </c>
      <c r="B9" s="216">
        <f>'p-y cyclic clay'!C30</f>
        <v>4</v>
      </c>
      <c r="C9">
        <f>INDEX('CPT Data'!$C$13:$C$20000,MATCH(B9,'CPT Data'!$B$13:$B$20000,1))</f>
        <v>3.9899999999999998</v>
      </c>
      <c r="D9" s="216" t="str">
        <f>INDEX('CPT Data'!$P$13:$P$20000,MATCH(B9,'CPT Data'!$B$13:$B$20000,1))</f>
        <v>CLAY</v>
      </c>
      <c r="E9">
        <f>IF($D9="SAND",INDEX('p-y cyclic sand'!$AM$27:$AM$5000,MATCH($B9,'p-y cyclic sand'!$C$27:$C$5000,1)),IF(INDEX('CPT Data'!$S$12:$S$20000,MATCH($B9,'CPT Data'!$B$12:$B$20000,1))&lt;2,INDEX('p-y cyclic clay'!$GL$27:$GL$5000,MATCH($B9,'p-y cyclic clay'!$C$27:$C$5000,1)),INDEX('p-y cyclic clay'!$HL$27:$HL$5000,MATCH($B9,'p-y cyclic clay'!$C$27:$C$5000,1))))</f>
        <v>0</v>
      </c>
      <c r="F9">
        <f>IF($D9="SAND",INDEX('p-y cyclic sand'!$Z$27:$Z$5000,MATCH($B9,'p-y cyclic sand'!$C$27:$C$5000,1)),IF(INDEX('CPT Data'!$S$12:$S$20000,MATCH($B9,'CPT Data'!$B$12:$B$20000,1))&lt;2,INDEX('p-y cyclic clay'!$GY$27:$GY$5000,MATCH($B9,'p-y cyclic clay'!$C$27:$C$5000,1)),INDEX('p-y cyclic clay'!$HY$27:$HY$5000,MATCH($B9,'p-y cyclic clay'!$C$27:$C$5000,1))))</f>
        <v>0</v>
      </c>
      <c r="G9">
        <f>IF($D9="SAND",INDEX('p-y cyclic sand'!$AN$27:$AN$5000,MATCH($B9,'p-y cyclic sand'!$C$27:$C$5000,1)),IF(INDEX('CPT Data'!$S$12:$S$20000,MATCH($B9,'CPT Data'!$B$12:$B$20000,1))&lt;2,INDEX('p-y cyclic clay'!$GM$27:$GM$5000,MATCH($B9,'p-y cyclic clay'!$C$27:$C$5000,1)),INDEX('p-y cyclic clay'!$HM$27:$HM$5000,MATCH($B9,'p-y cyclic clay'!$C$27:$C$5000,1))))</f>
        <v>9.0265152380365983</v>
      </c>
      <c r="H9">
        <f>IF($D9="SAND",INDEX('p-y cyclic sand'!$AA$27:$AA$5000,MATCH($B9,'p-y cyclic sand'!$C$27:$C$5000,1)),IF(INDEX('CPT Data'!$S$12:$S$20000,MATCH($B9,'CPT Data'!$B$12:$B$20000,1))&lt;2,INDEX('p-y cyclic clay'!$GZ$27:$GZ$5000,MATCH($B9,'p-y cyclic clay'!$C$27:$C$5000,1)),INDEX('p-y cyclic clay'!$HZ$27:$HZ$5000,MATCH($B9,'p-y cyclic clay'!$C$27:$C$5000,1))))</f>
        <v>0.59992880246419111</v>
      </c>
      <c r="I9">
        <f>IF($D9="SAND",INDEX('p-y cyclic sand'!$AO$27:$AO$5000,MATCH($B9,'p-y cyclic sand'!$C$27:$C$5000,1)),IF(INDEX('CPT Data'!$S$12:$S$20000,MATCH($B9,'CPT Data'!$B$12:$B$20000,1))&lt;2,INDEX('p-y cyclic clay'!$GN$27:$GN$5000,MATCH($B9,'p-y cyclic clay'!$C$27:$C$5000,1)),INDEX('p-y cyclic clay'!$HN$27:$HN$5000,MATCH($B9,'p-y cyclic clay'!$C$27:$C$5000,1))))</f>
        <v>33.841797963874193</v>
      </c>
      <c r="J9">
        <f>IF($D9="SAND",INDEX('p-y cyclic sand'!$AB$27:$AB$5000,MATCH($B9,'p-y cyclic sand'!$C$27:$C$5000,1)),IF(INDEX('CPT Data'!$S$12:$S$20000,MATCH($B9,'CPT Data'!$B$12:$B$20000,1))&lt;2,INDEX('p-y cyclic clay'!$HA$27:$HA$5000,MATCH($B9,'p-y cyclic clay'!$C$27:$C$5000,1)),INDEX('p-y cyclic clay'!$IA$27:$IA$5000,MATCH($B9,'p-y cyclic clay'!$C$27:$C$5000,1))))</f>
        <v>5.5175554696938347</v>
      </c>
      <c r="K9">
        <f>IF($D9="SAND",INDEX('p-y cyclic sand'!$AP$27:$AP$5000,MATCH($B9,'p-y cyclic sand'!$C$27:$C$5000,1)),IF(INDEX('CPT Data'!$S$12:$S$20000,MATCH($B9,'CPT Data'!$B$12:$B$20000,1))&lt;2,INDEX('p-y cyclic clay'!$GO$27:$GO$5000,MATCH($B9,'p-y cyclic clay'!$C$27:$C$5000,1)),INDEX('p-y cyclic clay'!$HO$27:$HO$5000,MATCH($B9,'p-y cyclic clay'!$C$27:$C$5000,1))))</f>
        <v>48.132235317937713</v>
      </c>
      <c r="L9">
        <f>IF($D9="SAND",INDEX('p-y cyclic sand'!$AC$27:$AC$5000,MATCH($B9,'p-y cyclic sand'!$C$27:$C$5000,1)),IF(INDEX('CPT Data'!$S$12:$S$20000,MATCH($B9,'CPT Data'!$B$12:$B$20000,1))&lt;2,INDEX('p-y cyclic clay'!$HB$27:$HB$5000,MATCH($B9,'p-y cyclic clay'!$C$27:$C$5000,1)),INDEX('p-y cyclic clay'!$IB$27:$IB$5000,MATCH($B9,'p-y cyclic clay'!$C$27:$C$5000,1))))</f>
        <v>9.6092237072764064</v>
      </c>
      <c r="M9">
        <f>IF($D9="SAND",INDEX('p-y cyclic sand'!$AQ$27:$AQ$5000,MATCH($B9,'p-y cyclic sand'!$C$27:$C$5000,1)),IF(INDEX('CPT Data'!$S$12:$S$20000,MATCH($B9,'CPT Data'!$B$12:$B$20000,1))&lt;2,INDEX('p-y cyclic clay'!$GP$27:$GP$5000,MATCH($B9,'p-y cyclic clay'!$C$27:$C$5000,1)),INDEX('p-y cyclic clay'!$HP$27:$HP$5000,MATCH($B9,'p-y cyclic clay'!$C$27:$C$5000,1))))</f>
        <v>60.14190060031968</v>
      </c>
      <c r="N9">
        <f>IF($D9="SAND",INDEX('p-y cyclic sand'!$AD$27:$AD$5000,MATCH($B9,'p-y cyclic sand'!$C$27:$C$5000,1)),IF(INDEX('CPT Data'!$S$12:$S$20000,MATCH($B9,'CPT Data'!$B$12:$B$20000,1))&lt;2,INDEX('p-y cyclic clay'!$HC$27:$HC$5000,MATCH($B9,'p-y cyclic clay'!$C$27:$C$5000,1)),INDEX('p-y cyclic clay'!$IC$27:$IC$5000,MATCH($B9,'p-y cyclic clay'!$C$27:$C$5000,1))))</f>
        <v>15.679857657884062</v>
      </c>
      <c r="O9">
        <f>IF($D9="SAND",INDEX('p-y cyclic sand'!$AR$27:$AR$5000,MATCH($B9,'p-y cyclic sand'!$C$27:$C$5000,1)),IF(INDEX('CPT Data'!$S$12:$S$20000,MATCH($B9,'CPT Data'!$B$12:$B$20000,1))&lt;2,INDEX('p-y cyclic clay'!$GQ$27:$GQ$5000,MATCH($B9,'p-y cyclic clay'!$C$27:$C$5000,1)),INDEX('p-y cyclic clay'!$HQ$27:$HQ$5000,MATCH($B9,'p-y cyclic clay'!$C$27:$C$5000,1))))</f>
        <v>71.391936049961998</v>
      </c>
      <c r="P9">
        <f>IF($D9="SAND",INDEX('p-y cyclic sand'!$AE$27:$AE$5000,MATCH($B9,'p-y cyclic sand'!$C$27:$C$5000,1)),IF(INDEX('CPT Data'!$S$12:$S$20000,MATCH($B9,'CPT Data'!$B$12:$B$20000,1))&lt;2,INDEX('p-y cyclic clay'!$HD$27:$HD$5000,MATCH($B9,'p-y cyclic clay'!$C$27:$C$5000,1)),INDEX('p-y cyclic clay'!$ID$27:$ID$5000,MATCH($B9,'p-y cyclic clay'!$C$27:$C$5000,1))))</f>
        <v>23.042104081781996</v>
      </c>
      <c r="Q9">
        <f>IF($D9="SAND",INDEX('p-y cyclic sand'!$AS$27:$AS$5000,MATCH($B9,'p-y cyclic sand'!$C$27:$C$5000,1)),IF(INDEX('CPT Data'!$S$12:$S$20000,MATCH($B9,'CPT Data'!$B$12:$B$20000,1))&lt;2,INDEX('p-y cyclic clay'!$GR$27:$GR$5000,MATCH($B9,'p-y cyclic clay'!$C$27:$C$5000,1)),INDEX('p-y cyclic clay'!$HR$27:$HR$5000,MATCH($B9,'p-y cyclic clay'!$C$27:$C$5000,1))))</f>
        <v>85.670323259954401</v>
      </c>
      <c r="R9">
        <f>IF($D9="SAND",INDEX('p-y cyclic sand'!$AF$27:$AF$5000,MATCH($B9,'p-y cyclic sand'!$C$27:$C$5000,1)),IF(INDEX('CPT Data'!$S$12:$S$20000,MATCH($B9,'CPT Data'!$B$12:$B$20000,1))&lt;2,INDEX('p-y cyclic clay'!$HE$27:$HE$5000,MATCH($B9,'p-y cyclic clay'!$C$27:$C$5000,1)),INDEX('p-y cyclic clay'!$IE$27:$IE$5000,MATCH($B9,'p-y cyclic clay'!$C$27:$C$5000,1))))</f>
        <v>35.392343041402341</v>
      </c>
      <c r="S9">
        <f>IF($D9="SAND",INDEX('p-y cyclic sand'!$AT$27:$AT$5000,MATCH($B9,'p-y cyclic sand'!$C$27:$C$5000,1)),IF(INDEX('CPT Data'!$S$12:$S$20000,MATCH($B9,'CPT Data'!$B$12:$B$20000,1))&lt;2,INDEX('p-y cyclic clay'!$GS$27:$GS$5000,MATCH($B9,'p-y cyclic clay'!$C$27:$C$5000,1)),INDEX('p-y cyclic clay'!$HS$27:$HS$5000,MATCH($B9,'p-y cyclic clay'!$C$27:$C$5000,1))))</f>
        <v>99.948710469946803</v>
      </c>
      <c r="T9">
        <f>IF($D9="SAND",INDEX('p-y cyclic sand'!$AG$27:$AG$5000,MATCH($B9,'p-y cyclic sand'!$C$27:$C$5000,1)),IF(INDEX('CPT Data'!$S$12:$S$20000,MATCH($B9,'CPT Data'!$B$12:$B$20000,1))&lt;2,INDEX('p-y cyclic clay'!$HF$27:$HF$5000,MATCH($B9,'p-y cyclic clay'!$C$27:$C$5000,1)),INDEX('p-y cyclic clay'!$IF$27:$IF$5000,MATCH($B9,'p-y cyclic clay'!$C$27:$C$5000,1))))</f>
        <v>52.735722944189618</v>
      </c>
      <c r="U9">
        <f>IF($D9="SAND",INDEX('p-y cyclic sand'!$AU$27:$AU$5000,MATCH($B9,'p-y cyclic sand'!$C$27:$C$5000,1)),IF(INDEX('CPT Data'!$S$12:$S$20000,MATCH($B9,'CPT Data'!$B$12:$B$20000,1))&lt;2,INDEX('p-y cyclic clay'!$GT$27:$GT$5000,MATCH($B9,'p-y cyclic clay'!$C$27:$C$5000,1)),INDEX('p-y cyclic clay'!$HT$27:$HT$5000,MATCH($B9,'p-y cyclic clay'!$C$27:$C$5000,1))))</f>
        <v>114.22709767993921</v>
      </c>
      <c r="V9">
        <f>IF($D9="SAND",INDEX('p-y cyclic sand'!$AH$27:$AH$5000,MATCH($B9,'p-y cyclic sand'!$C$27:$C$5000,1)),IF(INDEX('CPT Data'!$S$12:$S$20000,MATCH($B9,'CPT Data'!$B$12:$B$20000,1))&lt;2,INDEX('p-y cyclic clay'!$HG$27:$HG$5000,MATCH($B9,'p-y cyclic clay'!$C$27:$C$5000,1)),INDEX('p-y cyclic clay'!$IG$27:$IG$5000,MATCH($B9,'p-y cyclic clay'!$C$27:$C$5000,1))))</f>
        <v>81.476551204966327</v>
      </c>
      <c r="W9">
        <f>IF($D9="SAND",INDEX('p-y cyclic sand'!$AV$27:$AV$5000,MATCH($B9,'p-y cyclic sand'!$C$27:$C$5000,1)),IF(INDEX('CPT Data'!$S$12:$S$20000,MATCH($B9,'CPT Data'!$B$12:$B$20000,1))&lt;2,INDEX('p-y cyclic clay'!$GU$27:$GU$5000,MATCH($B9,'p-y cyclic clay'!$C$27:$C$5000,1)),INDEX('p-y cyclic clay'!$HU$27:$HU$5000,MATCH($B9,'p-y cyclic clay'!$C$27:$C$5000,1))))</f>
        <v>128.50548488993161</v>
      </c>
      <c r="X9">
        <f>IF($D9="SAND",INDEX('p-y cyclic sand'!$AI$27:$AI$5000,MATCH($B9,'p-y cyclic sand'!$C$27:$C$5000,1)),IF(INDEX('CPT Data'!$S$12:$S$20000,MATCH($B9,'CPT Data'!$B$12:$B$20000,1))&lt;2,INDEX('p-y cyclic clay'!$HH$27:$HH$5000,MATCH($B9,'p-y cyclic clay'!$C$27:$C$5000,1)),INDEX('p-y cyclic clay'!$IH$27:$IH$5000,MATCH($B9,'p-y cyclic clay'!$C$27:$C$5000,1))))</f>
        <v>134.68866944997146</v>
      </c>
      <c r="Y9">
        <f>IF($D9="SAND",INDEX('p-y cyclic sand'!$AW$27:$AW$5000,MATCH($B9,'p-y cyclic sand'!$C$27:$C$5000,1)),IF(INDEX('CPT Data'!$S$12:$S$20000,MATCH($B9,'CPT Data'!$B$12:$B$20000,1))&lt;2,INDEX('p-y cyclic clay'!$GV$27:$GV$5000,MATCH($B9,'p-y cyclic clay'!$C$27:$C$5000,1)),INDEX('p-y cyclic clay'!$HV$27:$HV$5000,MATCH($B9,'p-y cyclic clay'!$C$27:$C$5000,1))))</f>
        <v>139.2142752974259</v>
      </c>
      <c r="Z9">
        <f>IF($D9="SAND",INDEX('p-y cyclic sand'!$AJ$27:$AJ$5000,MATCH($B9,'p-y cyclic sand'!$C$27:$C$5000,1)),IF(INDEX('CPT Data'!$S$12:$S$20000,MATCH($B9,'CPT Data'!$B$12:$B$20000,1))&lt;2,INDEX('p-y cyclic clay'!$HI$27:$HI$5000,MATCH($B9,'p-y cyclic clay'!$C$27:$C$5000,1)),INDEX('p-y cyclic clay'!$II$27:$II$5000,MATCH($B9,'p-y cyclic clay'!$C$27:$C$5000,1))))</f>
        <v>233.94895699695883</v>
      </c>
      <c r="AA9">
        <f>IF($D9="SAND",INDEX('p-y cyclic sand'!$AX$27:$AX$5000,MATCH($B9,'p-y cyclic sand'!$C$27:$C$5000,1)),IF(INDEX('CPT Data'!$S$12:$S$20000,MATCH($B9,'CPT Data'!$B$12:$B$20000,1))&lt;2,INDEX('p-y cyclic clay'!$GW$27:$GW$5000,MATCH($B9,'p-y cyclic clay'!$C$27:$C$5000,1)),INDEX('p-y cyclic clay'!$HW$27:$HW$5000,MATCH($B9,'p-y cyclic clay'!$C$27:$C$5000,1))))</f>
        <v>142.783872099924</v>
      </c>
      <c r="AB9">
        <f>IF($D9="SAND",INDEX('p-y cyclic sand'!$AK$27:$AK$5000,MATCH($B9,'p-y cyclic sand'!$C$27:$C$5000,1)),IF(INDEX('CPT Data'!$S$12:$S$20000,MATCH($B9,'CPT Data'!$B$12:$B$20000,1))&lt;2,INDEX('p-y cyclic clay'!$HJ$27:$HJ$5000,MATCH($B9,'p-y cyclic clay'!$C$27:$C$5000,1)),INDEX('p-y cyclic clay'!$IJ$27:$IJ$5000,MATCH($B9,'p-y cyclic clay'!$C$27:$C$5000,1))))</f>
        <v>350.21531992697606</v>
      </c>
      <c r="AC9">
        <f>IF($D9="SAND",INDEX('p-y cyclic sand'!$AY$27:$AY$5000,MATCH($B9,'p-y cyclic sand'!$C$27:$C$5000,1)),IF(INDEX('CPT Data'!$S$12:$S$20000,MATCH($B9,'CPT Data'!$B$12:$B$20000,1))&lt;2,INDEX('p-y cyclic clay'!$GX$27:$GX$5000,MATCH($B9,'p-y cyclic clay'!$C$27:$C$5000,1)),INDEX('p-y cyclic clay'!$HX$27:$HX$5000,MATCH($B9,'p-y cyclic clay'!$C$27:$C$5000,1))))</f>
        <v>142.783872099924</v>
      </c>
      <c r="AD9" s="98">
        <f>IF($D9="SAND",INDEX('p-y cyclic sand'!$AL$27:$AL$5000,MATCH($B9,'p-y cyclic sand'!$C$27:$C$5000,1)),IF(INDEX('CPT Data'!$S$12:$S$20000,MATCH($B9,'CPT Data'!$B$12:$B$20000,1))&lt;2,INDEX('p-y cyclic clay'!$HK$27:$HK$5000,MATCH($B9,'p-y cyclic clay'!$C$27:$C$5000,1)),INDEX('p-y cyclic clay'!$IK$27:$IK$5000,MATCH($B9,'p-y cyclic clay'!$C$27:$C$5000,1))))</f>
        <v>3916.7466586344349</v>
      </c>
    </row>
    <row r="10" spans="1:30" x14ac:dyDescent="0.2">
      <c r="A10" s="214">
        <f t="shared" si="0"/>
        <v>-20.5</v>
      </c>
      <c r="B10" s="216">
        <f>'p-y cyclic clay'!C31</f>
        <v>5</v>
      </c>
      <c r="C10">
        <f>INDEX('CPT Data'!$C$13:$C$20000,MATCH(B10,'CPT Data'!$B$13:$B$20000,1))</f>
        <v>4.9930000000000003</v>
      </c>
      <c r="D10" s="216" t="str">
        <f>INDEX('CPT Data'!$P$13:$P$20000,MATCH(B10,'CPT Data'!$B$13:$B$20000,1))</f>
        <v>CLAY</v>
      </c>
      <c r="E10">
        <f>IF($D10="SAND",INDEX('p-y cyclic sand'!$AM$27:$AM$5000,MATCH($B10,'p-y cyclic sand'!$C$27:$C$5000,1)),IF(INDEX('CPT Data'!$S$12:$S$20000,MATCH($B10,'CPT Data'!$B$12:$B$20000,1))&lt;2,INDEX('p-y cyclic clay'!$GL$27:$GL$5000,MATCH($B10,'p-y cyclic clay'!$C$27:$C$5000,1)),INDEX('p-y cyclic clay'!$HL$27:$HL$5000,MATCH($B10,'p-y cyclic clay'!$C$27:$C$5000,1))))</f>
        <v>0</v>
      </c>
      <c r="F10">
        <f>IF($D10="SAND",INDEX('p-y cyclic sand'!$Z$27:$Z$5000,MATCH($B10,'p-y cyclic sand'!$C$27:$C$5000,1)),IF(INDEX('CPT Data'!$S$12:$S$20000,MATCH($B10,'CPT Data'!$B$12:$B$20000,1))&lt;2,INDEX('p-y cyclic clay'!$GY$27:$GY$5000,MATCH($B10,'p-y cyclic clay'!$C$27:$C$5000,1)),INDEX('p-y cyclic clay'!$HY$27:$HY$5000,MATCH($B10,'p-y cyclic clay'!$C$27:$C$5000,1))))</f>
        <v>0</v>
      </c>
      <c r="G10">
        <f>IF($D10="SAND",INDEX('p-y cyclic sand'!$AN$27:$AN$5000,MATCH($B10,'p-y cyclic sand'!$C$27:$C$5000,1)),IF(INDEX('CPT Data'!$S$12:$S$20000,MATCH($B10,'CPT Data'!$B$12:$B$20000,1))&lt;2,INDEX('p-y cyclic clay'!$GM$27:$GM$5000,MATCH($B10,'p-y cyclic clay'!$C$27:$C$5000,1)),INDEX('p-y cyclic clay'!$HM$27:$HM$5000,MATCH($B10,'p-y cyclic clay'!$C$27:$C$5000,1))))</f>
        <v>11.689906178245762</v>
      </c>
      <c r="H10">
        <f>IF($D10="SAND",INDEX('p-y cyclic sand'!$AA$27:$AA$5000,MATCH($B10,'p-y cyclic sand'!$C$27:$C$5000,1)),IF(INDEX('CPT Data'!$S$12:$S$20000,MATCH($B10,'CPT Data'!$B$12:$B$20000,1))&lt;2,INDEX('p-y cyclic clay'!$GZ$27:$GZ$5000,MATCH($B10,'p-y cyclic clay'!$C$27:$C$5000,1)),INDEX('p-y cyclic clay'!$HZ$27:$HZ$5000,MATCH($B10,'p-y cyclic clay'!$C$27:$C$5000,1))))</f>
        <v>0.56782763684752946</v>
      </c>
      <c r="I10">
        <f>IF($D10="SAND",INDEX('p-y cyclic sand'!$AO$27:$AO$5000,MATCH($B10,'p-y cyclic sand'!$C$27:$C$5000,1)),IF(INDEX('CPT Data'!$S$12:$S$20000,MATCH($B10,'CPT Data'!$B$12:$B$20000,1))&lt;2,INDEX('p-y cyclic clay'!$GN$27:$GN$5000,MATCH($B10,'p-y cyclic clay'!$C$27:$C$5000,1)),INDEX('p-y cyclic clay'!$HN$27:$HN$5000,MATCH($B10,'p-y cyclic clay'!$C$27:$C$5000,1))))</f>
        <v>43.871002619167278</v>
      </c>
      <c r="J10">
        <f>IF($D10="SAND",INDEX('p-y cyclic sand'!$AB$27:$AB$5000,MATCH($B10,'p-y cyclic sand'!$C$27:$C$5000,1)),IF(INDEX('CPT Data'!$S$12:$S$20000,MATCH($B10,'CPT Data'!$B$12:$B$20000,1))&lt;2,INDEX('p-y cyclic clay'!$HA$27:$HA$5000,MATCH($B10,'p-y cyclic clay'!$C$27:$C$5000,1)),INDEX('p-y cyclic clay'!$IA$27:$IA$5000,MATCH($B10,'p-y cyclic clay'!$C$27:$C$5000,1))))</f>
        <v>5.2296021987195234</v>
      </c>
      <c r="K10">
        <f>IF($D10="SAND",INDEX('p-y cyclic sand'!$AP$27:$AP$5000,MATCH($B10,'p-y cyclic sand'!$C$27:$C$5000,1)),IF(INDEX('CPT Data'!$S$12:$S$20000,MATCH($B10,'CPT Data'!$B$12:$B$20000,1))&lt;2,INDEX('p-y cyclic clay'!$GO$27:$GO$5000,MATCH($B10,'p-y cyclic clay'!$C$27:$C$5000,1)),INDEX('p-y cyclic clay'!$HO$27:$HO$5000,MATCH($B10,'p-y cyclic clay'!$C$27:$C$5000,1))))</f>
        <v>62.456701318818908</v>
      </c>
      <c r="L10">
        <f>IF($D10="SAND",INDEX('p-y cyclic sand'!$AC$27:$AC$5000,MATCH($B10,'p-y cyclic sand'!$C$27:$C$5000,1)),IF(INDEX('CPT Data'!$S$12:$S$20000,MATCH($B10,'CPT Data'!$B$12:$B$20000,1))&lt;2,INDEX('p-y cyclic clay'!$HB$27:$HB$5000,MATCH($B10,'p-y cyclic clay'!$C$27:$C$5000,1)),INDEX('p-y cyclic clay'!$IB$27:$IB$5000,MATCH($B10,'p-y cyclic clay'!$C$27:$C$5000,1))))</f>
        <v>8.8695857324373275</v>
      </c>
      <c r="M10">
        <f>IF($D10="SAND",INDEX('p-y cyclic sand'!$AQ$27:$AQ$5000,MATCH($B10,'p-y cyclic sand'!$C$27:$C$5000,1)),IF(INDEX('CPT Data'!$S$12:$S$20000,MATCH($B10,'CPT Data'!$B$12:$B$20000,1))&lt;2,INDEX('p-y cyclic clay'!$GP$27:$GP$5000,MATCH($B10,'p-y cyclic clay'!$C$27:$C$5000,1)),INDEX('p-y cyclic clay'!$HP$27:$HP$5000,MATCH($B10,'p-y cyclic clay'!$C$27:$C$5000,1))))</f>
        <v>78.147897450964507</v>
      </c>
      <c r="N10">
        <f>IF($D10="SAND",INDEX('p-y cyclic sand'!$AD$27:$AD$5000,MATCH($B10,'p-y cyclic sand'!$C$27:$C$5000,1)),IF(INDEX('CPT Data'!$S$12:$S$20000,MATCH($B10,'CPT Data'!$B$12:$B$20000,1))&lt;2,INDEX('p-y cyclic clay'!$HC$27:$HC$5000,MATCH($B10,'p-y cyclic clay'!$C$27:$C$5000,1)),INDEX('p-y cyclic clay'!$IC$27:$IC$5000,MATCH($B10,'p-y cyclic clay'!$C$27:$C$5000,1))))</f>
        <v>14.172135557980946</v>
      </c>
      <c r="O10">
        <f>IF($D10="SAND",INDEX('p-y cyclic sand'!$AR$27:$AR$5000,MATCH($B10,'p-y cyclic sand'!$C$27:$C$5000,1)),IF(INDEX('CPT Data'!$S$12:$S$20000,MATCH($B10,'CPT Data'!$B$12:$B$20000,1))&lt;2,INDEX('p-y cyclic clay'!$GQ$27:$GQ$5000,MATCH($B10,'p-y cyclic clay'!$C$27:$C$5000,1)),INDEX('p-y cyclic clay'!$HQ$27:$HQ$5000,MATCH($B10,'p-y cyclic clay'!$C$27:$C$5000,1))))</f>
        <v>92.104104059706003</v>
      </c>
      <c r="P10">
        <f>IF($D10="SAND",INDEX('p-y cyclic sand'!$AE$27:$AE$5000,MATCH($B10,'p-y cyclic sand'!$C$27:$C$5000,1)),IF(INDEX('CPT Data'!$S$12:$S$20000,MATCH($B10,'CPT Data'!$B$12:$B$20000,1))&lt;2,INDEX('p-y cyclic clay'!$HD$27:$HD$5000,MATCH($B10,'p-y cyclic clay'!$C$27:$C$5000,1)),INDEX('p-y cyclic clay'!$ID$27:$ID$5000,MATCH($B10,'p-y cyclic clay'!$C$27:$C$5000,1))))</f>
        <v>20.488377229454496</v>
      </c>
      <c r="Q10">
        <f>IF($D10="SAND",INDEX('p-y cyclic sand'!$AS$27:$AS$5000,MATCH($B10,'p-y cyclic sand'!$C$27:$C$5000,1)),IF(INDEX('CPT Data'!$S$12:$S$20000,MATCH($B10,'CPT Data'!$B$12:$B$20000,1))&lt;2,INDEX('p-y cyclic clay'!$GR$27:$GR$5000,MATCH($B10,'p-y cyclic clay'!$C$27:$C$5000,1)),INDEX('p-y cyclic clay'!$HR$27:$HR$5000,MATCH($B10,'p-y cyclic clay'!$C$27:$C$5000,1))))</f>
        <v>110.52492487164719</v>
      </c>
      <c r="R10">
        <f>IF($D10="SAND",INDEX('p-y cyclic sand'!$AF$27:$AF$5000,MATCH($B10,'p-y cyclic sand'!$C$27:$C$5000,1)),IF(INDEX('CPT Data'!$S$12:$S$20000,MATCH($B10,'CPT Data'!$B$12:$B$20000,1))&lt;2,INDEX('p-y cyclic clay'!$HE$27:$HE$5000,MATCH($B10,'p-y cyclic clay'!$C$27:$C$5000,1)),INDEX('p-y cyclic clay'!$IE$27:$IE$5000,MATCH($B10,'p-y cyclic clay'!$C$27:$C$5000,1))))</f>
        <v>31.817125448143834</v>
      </c>
      <c r="S10">
        <f>IF($D10="SAND",INDEX('p-y cyclic sand'!$AT$27:$AT$5000,MATCH($B10,'p-y cyclic sand'!$C$27:$C$5000,1)),IF(INDEX('CPT Data'!$S$12:$S$20000,MATCH($B10,'CPT Data'!$B$12:$B$20000,1))&lt;2,INDEX('p-y cyclic clay'!$GS$27:$GS$5000,MATCH($B10,'p-y cyclic clay'!$C$27:$C$5000,1)),INDEX('p-y cyclic clay'!$HS$27:$HS$5000,MATCH($B10,'p-y cyclic clay'!$C$27:$C$5000,1))))</f>
        <v>128.9457456835884</v>
      </c>
      <c r="T10">
        <f>IF($D10="SAND",INDEX('p-y cyclic sand'!$AG$27:$AG$5000,MATCH($B10,'p-y cyclic sand'!$C$27:$C$5000,1)),IF(INDEX('CPT Data'!$S$12:$S$20000,MATCH($B10,'CPT Data'!$B$12:$B$20000,1))&lt;2,INDEX('p-y cyclic clay'!$HF$27:$HF$5000,MATCH($B10,'p-y cyclic clay'!$C$27:$C$5000,1)),INDEX('p-y cyclic clay'!$IF$27:$IF$5000,MATCH($B10,'p-y cyclic clay'!$C$27:$C$5000,1))))</f>
        <v>46.862151183836367</v>
      </c>
      <c r="U10">
        <f>IF($D10="SAND",INDEX('p-y cyclic sand'!$AU$27:$AU$5000,MATCH($B10,'p-y cyclic sand'!$C$27:$C$5000,1)),IF(INDEX('CPT Data'!$S$12:$S$20000,MATCH($B10,'CPT Data'!$B$12:$B$20000,1))&lt;2,INDEX('p-y cyclic clay'!$GT$27:$GT$5000,MATCH($B10,'p-y cyclic clay'!$C$27:$C$5000,1)),INDEX('p-y cyclic clay'!$HT$27:$HT$5000,MATCH($B10,'p-y cyclic clay'!$C$27:$C$5000,1))))</f>
        <v>147.36656649552961</v>
      </c>
      <c r="V10">
        <f>IF($D10="SAND",INDEX('p-y cyclic sand'!$AH$27:$AH$5000,MATCH($B10,'p-y cyclic sand'!$C$27:$C$5000,1)),IF(INDEX('CPT Data'!$S$12:$S$20000,MATCH($B10,'CPT Data'!$B$12:$B$20000,1))&lt;2,INDEX('p-y cyclic clay'!$HG$27:$HG$5000,MATCH($B10,'p-y cyclic clay'!$C$27:$C$5000,1)),INDEX('p-y cyclic clay'!$IG$27:$IG$5000,MATCH($B10,'p-y cyclic clay'!$C$27:$C$5000,1))))</f>
        <v>72.793879907052826</v>
      </c>
      <c r="W10">
        <f>IF($D10="SAND",INDEX('p-y cyclic sand'!$AV$27:$AV$5000,MATCH($B10,'p-y cyclic sand'!$C$27:$C$5000,1)),IF(INDEX('CPT Data'!$S$12:$S$20000,MATCH($B10,'CPT Data'!$B$12:$B$20000,1))&lt;2,INDEX('p-y cyclic clay'!$GU$27:$GU$5000,MATCH($B10,'p-y cyclic clay'!$C$27:$C$5000,1)),INDEX('p-y cyclic clay'!$HU$27:$HU$5000,MATCH($B10,'p-y cyclic clay'!$C$27:$C$5000,1))))</f>
        <v>165.78738730747079</v>
      </c>
      <c r="X10">
        <f>IF($D10="SAND",INDEX('p-y cyclic sand'!$AI$27:$AI$5000,MATCH($B10,'p-y cyclic sand'!$C$27:$C$5000,1)),IF(INDEX('CPT Data'!$S$12:$S$20000,MATCH($B10,'CPT Data'!$B$12:$B$20000,1))&lt;2,INDEX('p-y cyclic clay'!$HH$27:$HH$5000,MATCH($B10,'p-y cyclic clay'!$C$27:$C$5000,1)),INDEX('p-y cyclic clay'!$IH$27:$IH$5000,MATCH($B10,'p-y cyclic clay'!$C$27:$C$5000,1))))</f>
        <v>119.87705370647194</v>
      </c>
      <c r="Y10">
        <f>IF($D10="SAND",INDEX('p-y cyclic sand'!$AW$27:$AW$5000,MATCH($B10,'p-y cyclic sand'!$C$27:$C$5000,1)),IF(INDEX('CPT Data'!$S$12:$S$20000,MATCH($B10,'CPT Data'!$B$12:$B$20000,1))&lt;2,INDEX('p-y cyclic clay'!$GV$27:$GV$5000,MATCH($B10,'p-y cyclic clay'!$C$27:$C$5000,1)),INDEX('p-y cyclic clay'!$HV$27:$HV$5000,MATCH($B10,'p-y cyclic clay'!$C$27:$C$5000,1))))</f>
        <v>179.6030029164267</v>
      </c>
      <c r="Z10">
        <f>IF($D10="SAND",INDEX('p-y cyclic sand'!$AJ$27:$AJ$5000,MATCH($B10,'p-y cyclic sand'!$C$27:$C$5000,1)),IF(INDEX('CPT Data'!$S$12:$S$20000,MATCH($B10,'CPT Data'!$B$12:$B$20000,1))&lt;2,INDEX('p-y cyclic clay'!$HI$27:$HI$5000,MATCH($B10,'p-y cyclic clay'!$C$27:$C$5000,1)),INDEX('p-y cyclic clay'!$II$27:$II$5000,MATCH($B10,'p-y cyclic clay'!$C$27:$C$5000,1))))</f>
        <v>213.5191421783388</v>
      </c>
      <c r="AA10">
        <f>IF($D10="SAND",INDEX('p-y cyclic sand'!$AX$27:$AX$5000,MATCH($B10,'p-y cyclic sand'!$C$27:$C$5000,1)),IF(INDEX('CPT Data'!$S$12:$S$20000,MATCH($B10,'CPT Data'!$B$12:$B$20000,1))&lt;2,INDEX('p-y cyclic clay'!$GW$27:$GW$5000,MATCH($B10,'p-y cyclic clay'!$C$27:$C$5000,1)),INDEX('p-y cyclic clay'!$HW$27:$HW$5000,MATCH($B10,'p-y cyclic clay'!$C$27:$C$5000,1))))</f>
        <v>184.20820811941201</v>
      </c>
      <c r="AB10">
        <f>IF($D10="SAND",INDEX('p-y cyclic sand'!$AK$27:$AK$5000,MATCH($B10,'p-y cyclic sand'!$C$27:$C$5000,1)),IF(INDEX('CPT Data'!$S$12:$S$20000,MATCH($B10,'CPT Data'!$B$12:$B$20000,1))&lt;2,INDEX('p-y cyclic clay'!$HJ$27:$HJ$5000,MATCH($B10,'p-y cyclic clay'!$C$27:$C$5000,1)),INDEX('p-y cyclic clay'!$IJ$27:$IJ$5000,MATCH($B10,'p-y cyclic clay'!$C$27:$C$5000,1))))</f>
        <v>337.44668566533858</v>
      </c>
      <c r="AC10">
        <f>IF($D10="SAND",INDEX('p-y cyclic sand'!$AY$27:$AY$5000,MATCH($B10,'p-y cyclic sand'!$C$27:$C$5000,1)),IF(INDEX('CPT Data'!$S$12:$S$20000,MATCH($B10,'CPT Data'!$B$12:$B$20000,1))&lt;2,INDEX('p-y cyclic clay'!$GX$27:$GX$5000,MATCH($B10,'p-y cyclic clay'!$C$27:$C$5000,1)),INDEX('p-y cyclic clay'!$HX$27:$HX$5000,MATCH($B10,'p-y cyclic clay'!$C$27:$C$5000,1))))</f>
        <v>184.20820811941201</v>
      </c>
      <c r="AD10" s="98">
        <f>IF($D10="SAND",INDEX('p-y cyclic sand'!$AL$27:$AL$5000,MATCH($B10,'p-y cyclic sand'!$C$27:$C$5000,1)),IF(INDEX('CPT Data'!$S$12:$S$20000,MATCH($B10,'CPT Data'!$B$12:$B$20000,1))&lt;2,INDEX('p-y cyclic clay'!$HK$27:$HK$5000,MATCH($B10,'p-y cyclic clay'!$C$27:$C$5000,1)),INDEX('p-y cyclic clay'!$IK$27:$IK$5000,MATCH($B10,'p-y cyclic clay'!$C$27:$C$5000,1))))</f>
        <v>3916.7466586344349</v>
      </c>
    </row>
    <row r="11" spans="1:30" x14ac:dyDescent="0.2">
      <c r="A11" s="214">
        <f t="shared" si="0"/>
        <v>-21.5</v>
      </c>
      <c r="B11" s="216">
        <f>'p-y cyclic clay'!C32</f>
        <v>6</v>
      </c>
      <c r="C11">
        <f>INDEX('CPT Data'!$C$13:$C$20000,MATCH(B11,'CPT Data'!$B$13:$B$20000,1))</f>
        <v>5.9870000000000001</v>
      </c>
      <c r="D11" s="216" t="str">
        <f>INDEX('CPT Data'!$P$13:$P$20000,MATCH(B11,'CPT Data'!$B$13:$B$20000,1))</f>
        <v>CLAY</v>
      </c>
      <c r="E11">
        <f>IF($D11="SAND",INDEX('p-y cyclic sand'!$AM$27:$AM$5000,MATCH($B11,'p-y cyclic sand'!$C$27:$C$5000,1)),IF(INDEX('CPT Data'!$S$12:$S$20000,MATCH($B11,'CPT Data'!$B$12:$B$20000,1))&lt;2,INDEX('p-y cyclic clay'!$GL$27:$GL$5000,MATCH($B11,'p-y cyclic clay'!$C$27:$C$5000,1)),INDEX('p-y cyclic clay'!$HL$27:$HL$5000,MATCH($B11,'p-y cyclic clay'!$C$27:$C$5000,1))))</f>
        <v>0</v>
      </c>
      <c r="F11">
        <f>IF($D11="SAND",INDEX('p-y cyclic sand'!$Z$27:$Z$5000,MATCH($B11,'p-y cyclic sand'!$C$27:$C$5000,1)),IF(INDEX('CPT Data'!$S$12:$S$20000,MATCH($B11,'CPT Data'!$B$12:$B$20000,1))&lt;2,INDEX('p-y cyclic clay'!$GY$27:$GY$5000,MATCH($B11,'p-y cyclic clay'!$C$27:$C$5000,1)),INDEX('p-y cyclic clay'!$HY$27:$HY$5000,MATCH($B11,'p-y cyclic clay'!$C$27:$C$5000,1))))</f>
        <v>0</v>
      </c>
      <c r="G11">
        <f>IF($D11="SAND",INDEX('p-y cyclic sand'!$AN$27:$AN$5000,MATCH($B11,'p-y cyclic sand'!$C$27:$C$5000,1)),IF(INDEX('CPT Data'!$S$12:$S$20000,MATCH($B11,'CPT Data'!$B$12:$B$20000,1))&lt;2,INDEX('p-y cyclic clay'!$GM$27:$GM$5000,MATCH($B11,'p-y cyclic clay'!$C$27:$C$5000,1)),INDEX('p-y cyclic clay'!$HM$27:$HM$5000,MATCH($B11,'p-y cyclic clay'!$C$27:$C$5000,1))))</f>
        <v>15.23294805278419</v>
      </c>
      <c r="H11">
        <f>IF($D11="SAND",INDEX('p-y cyclic sand'!$AA$27:$AA$5000,MATCH($B11,'p-y cyclic sand'!$C$27:$C$5000,1)),IF(INDEX('CPT Data'!$S$12:$S$20000,MATCH($B11,'CPT Data'!$B$12:$B$20000,1))&lt;2,INDEX('p-y cyclic clay'!$GZ$27:$GZ$5000,MATCH($B11,'p-y cyclic clay'!$C$27:$C$5000,1)),INDEX('p-y cyclic clay'!$HZ$27:$HZ$5000,MATCH($B11,'p-y cyclic clay'!$C$27:$C$5000,1))))</f>
        <v>0.56563213885399477</v>
      </c>
      <c r="I11">
        <f>IF($D11="SAND",INDEX('p-y cyclic sand'!$AO$27:$AO$5000,MATCH($B11,'p-y cyclic sand'!$C$27:$C$5000,1)),IF(INDEX('CPT Data'!$S$12:$S$20000,MATCH($B11,'CPT Data'!$B$12:$B$20000,1))&lt;2,INDEX('p-y cyclic clay'!$GN$27:$GN$5000,MATCH($B11,'p-y cyclic clay'!$C$27:$C$5000,1)),INDEX('p-y cyclic clay'!$HN$27:$HN$5000,MATCH($B11,'p-y cyclic clay'!$C$27:$C$5000,1))))</f>
        <v>57.23469752168058</v>
      </c>
      <c r="J11">
        <f>IF($D11="SAND",INDEX('p-y cyclic sand'!$AB$27:$AB$5000,MATCH($B11,'p-y cyclic sand'!$C$27:$C$5000,1)),IF(INDEX('CPT Data'!$S$12:$S$20000,MATCH($B11,'CPT Data'!$B$12:$B$20000,1))&lt;2,INDEX('p-y cyclic clay'!$HA$27:$HA$5000,MATCH($B11,'p-y cyclic clay'!$C$27:$C$5000,1)),INDEX('p-y cyclic clay'!$IA$27:$IA$5000,MATCH($B11,'p-y cyclic clay'!$C$27:$C$5000,1))))</f>
        <v>5.2178974620581293</v>
      </c>
      <c r="K11">
        <f>IF($D11="SAND",INDEX('p-y cyclic sand'!$AP$27:$AP$5000,MATCH($B11,'p-y cyclic sand'!$C$27:$C$5000,1)),IF(INDEX('CPT Data'!$S$12:$S$20000,MATCH($B11,'CPT Data'!$B$12:$B$20000,1))&lt;2,INDEX('p-y cyclic clay'!$GO$27:$GO$5000,MATCH($B11,'p-y cyclic clay'!$C$27:$C$5000,1)),INDEX('p-y cyclic clay'!$HO$27:$HO$5000,MATCH($B11,'p-y cyclic clay'!$C$27:$C$5000,1))))</f>
        <v>81.57372980709431</v>
      </c>
      <c r="L11">
        <f>IF($D11="SAND",INDEX('p-y cyclic sand'!$AC$27:$AC$5000,MATCH($B11,'p-y cyclic sand'!$C$27:$C$5000,1)),IF(INDEX('CPT Data'!$S$12:$S$20000,MATCH($B11,'CPT Data'!$B$12:$B$20000,1))&lt;2,INDEX('p-y cyclic clay'!$HB$27:$HB$5000,MATCH($B11,'p-y cyclic clay'!$C$27:$C$5000,1)),INDEX('p-y cyclic clay'!$IB$27:$IB$5000,MATCH($B11,'p-y cyclic clay'!$C$27:$C$5000,1))))</f>
        <v>8.8219727767304956</v>
      </c>
      <c r="M11">
        <f>IF($D11="SAND",INDEX('p-y cyclic sand'!$AQ$27:$AQ$5000,MATCH($B11,'p-y cyclic sand'!$C$27:$C$5000,1)),IF(INDEX('CPT Data'!$S$12:$S$20000,MATCH($B11,'CPT Data'!$B$12:$B$20000,1))&lt;2,INDEX('p-y cyclic clay'!$GP$27:$GP$5000,MATCH($B11,'p-y cyclic clay'!$C$27:$C$5000,1)),INDEX('p-y cyclic clay'!$HP$27:$HP$5000,MATCH($B11,'p-y cyclic clay'!$C$27:$C$5000,1))))</f>
        <v>102.23089134952258</v>
      </c>
      <c r="N11">
        <f>IF($D11="SAND",INDEX('p-y cyclic sand'!$AD$27:$AD$5000,MATCH($B11,'p-y cyclic sand'!$C$27:$C$5000,1)),IF(INDEX('CPT Data'!$S$12:$S$20000,MATCH($B11,'CPT Data'!$B$12:$B$20000,1))&lt;2,INDEX('p-y cyclic clay'!$HC$27:$HC$5000,MATCH($B11,'p-y cyclic clay'!$C$27:$C$5000,1)),INDEX('p-y cyclic clay'!$IC$27:$IC$5000,MATCH($B11,'p-y cyclic clay'!$C$27:$C$5000,1))))</f>
        <v>14.072178813387831</v>
      </c>
      <c r="O11">
        <f>IF($D11="SAND",INDEX('p-y cyclic sand'!$AR$27:$AR$5000,MATCH($B11,'p-y cyclic sand'!$C$27:$C$5000,1)),IF(INDEX('CPT Data'!$S$12:$S$20000,MATCH($B11,'CPT Data'!$B$12:$B$20000,1))&lt;2,INDEX('p-y cyclic clay'!$GQ$27:$GQ$5000,MATCH($B11,'p-y cyclic clay'!$C$27:$C$5000,1)),INDEX('p-y cyclic clay'!$HQ$27:$HQ$5000,MATCH($B11,'p-y cyclic clay'!$C$27:$C$5000,1))))</f>
        <v>119.47326642619463</v>
      </c>
      <c r="P11">
        <f>IF($D11="SAND",INDEX('p-y cyclic sand'!$AE$27:$AE$5000,MATCH($B11,'p-y cyclic sand'!$C$27:$C$5000,1)),IF(INDEX('CPT Data'!$S$12:$S$20000,MATCH($B11,'CPT Data'!$B$12:$B$20000,1))&lt;2,INDEX('p-y cyclic clay'!$HD$27:$HD$5000,MATCH($B11,'p-y cyclic clay'!$C$27:$C$5000,1)),INDEX('p-y cyclic clay'!$ID$27:$ID$5000,MATCH($B11,'p-y cyclic clay'!$C$27:$C$5000,1))))</f>
        <v>20.088741263395278</v>
      </c>
      <c r="Q11">
        <f>IF($D11="SAND",INDEX('p-y cyclic sand'!$AS$27:$AS$5000,MATCH($B11,'p-y cyclic sand'!$C$27:$C$5000,1)),IF(INDEX('CPT Data'!$S$12:$S$20000,MATCH($B11,'CPT Data'!$B$12:$B$20000,1))&lt;2,INDEX('p-y cyclic clay'!$GR$27:$GR$5000,MATCH($B11,'p-y cyclic clay'!$C$27:$C$5000,1)),INDEX('p-y cyclic clay'!$HR$27:$HR$5000,MATCH($B11,'p-y cyclic clay'!$C$27:$C$5000,1))))</f>
        <v>143.36791971143356</v>
      </c>
      <c r="R11">
        <f>IF($D11="SAND",INDEX('p-y cyclic sand'!$AF$27:$AF$5000,MATCH($B11,'p-y cyclic sand'!$C$27:$C$5000,1)),IF(INDEX('CPT Data'!$S$12:$S$20000,MATCH($B11,'CPT Data'!$B$12:$B$20000,1))&lt;2,INDEX('p-y cyclic clay'!$HE$27:$HE$5000,MATCH($B11,'p-y cyclic clay'!$C$27:$C$5000,1)),INDEX('p-y cyclic clay'!$IE$27:$IE$5000,MATCH($B11,'p-y cyclic clay'!$C$27:$C$5000,1))))</f>
        <v>31.257635095660934</v>
      </c>
      <c r="S11">
        <f>IF($D11="SAND",INDEX('p-y cyclic sand'!$AT$27:$AT$5000,MATCH($B11,'p-y cyclic sand'!$C$27:$C$5000,1)),IF(INDEX('CPT Data'!$S$12:$S$20000,MATCH($B11,'CPT Data'!$B$12:$B$20000,1))&lt;2,INDEX('p-y cyclic clay'!$GS$27:$GS$5000,MATCH($B11,'p-y cyclic clay'!$C$27:$C$5000,1)),INDEX('p-y cyclic clay'!$HS$27:$HS$5000,MATCH($B11,'p-y cyclic clay'!$C$27:$C$5000,1))))</f>
        <v>167.26257299667247</v>
      </c>
      <c r="T11">
        <f>IF($D11="SAND",INDEX('p-y cyclic sand'!$AG$27:$AG$5000,MATCH($B11,'p-y cyclic sand'!$C$27:$C$5000,1)),IF(INDEX('CPT Data'!$S$12:$S$20000,MATCH($B11,'CPT Data'!$B$12:$B$20000,1))&lt;2,INDEX('p-y cyclic clay'!$HF$27:$HF$5000,MATCH($B11,'p-y cyclic clay'!$C$27:$C$5000,1)),INDEX('p-y cyclic clay'!$IF$27:$IF$5000,MATCH($B11,'p-y cyclic clay'!$C$27:$C$5000,1))))</f>
        <v>45.942988461900178</v>
      </c>
      <c r="U11">
        <f>IF($D11="SAND",INDEX('p-y cyclic sand'!$AU$27:$AU$5000,MATCH($B11,'p-y cyclic sand'!$C$27:$C$5000,1)),IF(INDEX('CPT Data'!$S$12:$S$20000,MATCH($B11,'CPT Data'!$B$12:$B$20000,1))&lt;2,INDEX('p-y cyclic clay'!$GT$27:$GT$5000,MATCH($B11,'p-y cyclic clay'!$C$27:$C$5000,1)),INDEX('p-y cyclic clay'!$HT$27:$HT$5000,MATCH($B11,'p-y cyclic clay'!$C$27:$C$5000,1))))</f>
        <v>191.15722628191142</v>
      </c>
      <c r="V11">
        <f>IF($D11="SAND",INDEX('p-y cyclic sand'!$AH$27:$AH$5000,MATCH($B11,'p-y cyclic sand'!$C$27:$C$5000,1)),IF(INDEX('CPT Data'!$S$12:$S$20000,MATCH($B11,'CPT Data'!$B$12:$B$20000,1))&lt;2,INDEX('p-y cyclic clay'!$HG$27:$HG$5000,MATCH($B11,'p-y cyclic clay'!$C$27:$C$5000,1)),INDEX('p-y cyclic clay'!$IG$27:$IG$5000,MATCH($B11,'p-y cyclic clay'!$C$27:$C$5000,1))))</f>
        <v>71.435117622451486</v>
      </c>
      <c r="W11">
        <f>IF($D11="SAND",INDEX('p-y cyclic sand'!$AV$27:$AV$5000,MATCH($B11,'p-y cyclic sand'!$C$27:$C$5000,1)),IF(INDEX('CPT Data'!$S$12:$S$20000,MATCH($B11,'CPT Data'!$B$12:$B$20000,1))&lt;2,INDEX('p-y cyclic clay'!$GU$27:$GU$5000,MATCH($B11,'p-y cyclic clay'!$C$27:$C$5000,1)),INDEX('p-y cyclic clay'!$HU$27:$HU$5000,MATCH($B11,'p-y cyclic clay'!$C$27:$C$5000,1))))</f>
        <v>215.05187956715037</v>
      </c>
      <c r="X11">
        <f>IF($D11="SAND",INDEX('p-y cyclic sand'!$AI$27:$AI$5000,MATCH($B11,'p-y cyclic sand'!$C$27:$C$5000,1)),IF(INDEX('CPT Data'!$S$12:$S$20000,MATCH($B11,'CPT Data'!$B$12:$B$20000,1))&lt;2,INDEX('p-y cyclic clay'!$HH$27:$HH$5000,MATCH($B11,'p-y cyclic clay'!$C$27:$C$5000,1)),INDEX('p-y cyclic clay'!$IH$27:$IH$5000,MATCH($B11,'p-y cyclic clay'!$C$27:$C$5000,1))))</f>
        <v>117.55916510332848</v>
      </c>
      <c r="Y11">
        <f>IF($D11="SAND",INDEX('p-y cyclic sand'!$AW$27:$AW$5000,MATCH($B11,'p-y cyclic sand'!$C$27:$C$5000,1)),IF(INDEX('CPT Data'!$S$12:$S$20000,MATCH($B11,'CPT Data'!$B$12:$B$20000,1))&lt;2,INDEX('p-y cyclic clay'!$GV$27:$GV$5000,MATCH($B11,'p-y cyclic clay'!$C$27:$C$5000,1)),INDEX('p-y cyclic clay'!$HV$27:$HV$5000,MATCH($B11,'p-y cyclic clay'!$C$27:$C$5000,1))))</f>
        <v>232.97286953107954</v>
      </c>
      <c r="Z11">
        <f>IF($D11="SAND",INDEX('p-y cyclic sand'!$AJ$27:$AJ$5000,MATCH($B11,'p-y cyclic sand'!$C$27:$C$5000,1)),IF(INDEX('CPT Data'!$S$12:$S$20000,MATCH($B11,'CPT Data'!$B$12:$B$20000,1))&lt;2,INDEX('p-y cyclic clay'!$HI$27:$HI$5000,MATCH($B11,'p-y cyclic clay'!$C$27:$C$5000,1)),INDEX('p-y cyclic clay'!$II$27:$II$5000,MATCH($B11,'p-y cyclic clay'!$C$27:$C$5000,1))))</f>
        <v>210.32205444986505</v>
      </c>
      <c r="AA11">
        <f>IF($D11="SAND",INDEX('p-y cyclic sand'!$AX$27:$AX$5000,MATCH($B11,'p-y cyclic sand'!$C$27:$C$5000,1)),IF(INDEX('CPT Data'!$S$12:$S$20000,MATCH($B11,'CPT Data'!$B$12:$B$20000,1))&lt;2,INDEX('p-y cyclic clay'!$GW$27:$GW$5000,MATCH($B11,'p-y cyclic clay'!$C$27:$C$5000,1)),INDEX('p-y cyclic clay'!$HW$27:$HW$5000,MATCH($B11,'p-y cyclic clay'!$C$27:$C$5000,1))))</f>
        <v>238.94653285238925</v>
      </c>
      <c r="AB11">
        <f>IF($D11="SAND",INDEX('p-y cyclic sand'!$AK$27:$AK$5000,MATCH($B11,'p-y cyclic sand'!$C$27:$C$5000,1)),IF(INDEX('CPT Data'!$S$12:$S$20000,MATCH($B11,'CPT Data'!$B$12:$B$20000,1))&lt;2,INDEX('p-y cyclic clay'!$HJ$27:$HJ$5000,MATCH($B11,'p-y cyclic clay'!$C$27:$C$5000,1)),INDEX('p-y cyclic clay'!$IJ$27:$IJ$5000,MATCH($B11,'p-y cyclic clay'!$C$27:$C$5000,1))))</f>
        <v>335.44850583504251</v>
      </c>
      <c r="AC11">
        <f>IF($D11="SAND",INDEX('p-y cyclic sand'!$AY$27:$AY$5000,MATCH($B11,'p-y cyclic sand'!$C$27:$C$5000,1)),IF(INDEX('CPT Data'!$S$12:$S$20000,MATCH($B11,'CPT Data'!$B$12:$B$20000,1))&lt;2,INDEX('p-y cyclic clay'!$GX$27:$GX$5000,MATCH($B11,'p-y cyclic clay'!$C$27:$C$5000,1)),INDEX('p-y cyclic clay'!$HX$27:$HX$5000,MATCH($B11,'p-y cyclic clay'!$C$27:$C$5000,1))))</f>
        <v>238.94653285238925</v>
      </c>
      <c r="AD11" s="98">
        <f>IF($D11="SAND",INDEX('p-y cyclic sand'!$AL$27:$AL$5000,MATCH($B11,'p-y cyclic sand'!$C$27:$C$5000,1)),IF(INDEX('CPT Data'!$S$12:$S$20000,MATCH($B11,'CPT Data'!$B$12:$B$20000,1))&lt;2,INDEX('p-y cyclic clay'!$HK$27:$HK$5000,MATCH($B11,'p-y cyclic clay'!$C$27:$C$5000,1)),INDEX('p-y cyclic clay'!$IK$27:$IK$5000,MATCH($B11,'p-y cyclic clay'!$C$27:$C$5000,1))))</f>
        <v>3916.7466586344349</v>
      </c>
    </row>
    <row r="12" spans="1:30" x14ac:dyDescent="0.2">
      <c r="A12" s="214">
        <f t="shared" si="0"/>
        <v>-22.5</v>
      </c>
      <c r="B12" s="216">
        <f>'p-y cyclic clay'!C33</f>
        <v>7</v>
      </c>
      <c r="C12">
        <f>INDEX('CPT Data'!$C$13:$C$20000,MATCH(B12,'CPT Data'!$B$13:$B$20000,1))</f>
        <v>6.9910000000000005</v>
      </c>
      <c r="D12" s="216" t="str">
        <f>INDEX('CPT Data'!$P$13:$P$20000,MATCH(B12,'CPT Data'!$B$13:$B$20000,1))</f>
        <v>CLAY</v>
      </c>
      <c r="E12">
        <f>IF($D12="SAND",INDEX('p-y cyclic sand'!$AM$27:$AM$5000,MATCH($B12,'p-y cyclic sand'!$C$27:$C$5000,1)),IF(INDEX('CPT Data'!$S$12:$S$20000,MATCH($B12,'CPT Data'!$B$12:$B$20000,1))&lt;2,INDEX('p-y cyclic clay'!$GL$27:$GL$5000,MATCH($B12,'p-y cyclic clay'!$C$27:$C$5000,1)),INDEX('p-y cyclic clay'!$HL$27:$HL$5000,MATCH($B12,'p-y cyclic clay'!$C$27:$C$5000,1))))</f>
        <v>0</v>
      </c>
      <c r="F12">
        <f>IF($D12="SAND",INDEX('p-y cyclic sand'!$Z$27:$Z$5000,MATCH($B12,'p-y cyclic sand'!$C$27:$C$5000,1)),IF(INDEX('CPT Data'!$S$12:$S$20000,MATCH($B12,'CPT Data'!$B$12:$B$20000,1))&lt;2,INDEX('p-y cyclic clay'!$GY$27:$GY$5000,MATCH($B12,'p-y cyclic clay'!$C$27:$C$5000,1)),INDEX('p-y cyclic clay'!$HY$27:$HY$5000,MATCH($B12,'p-y cyclic clay'!$C$27:$C$5000,1))))</f>
        <v>0</v>
      </c>
      <c r="G12">
        <f>IF($D12="SAND",INDEX('p-y cyclic sand'!$AN$27:$AN$5000,MATCH($B12,'p-y cyclic sand'!$C$27:$C$5000,1)),IF(INDEX('CPT Data'!$S$12:$S$20000,MATCH($B12,'CPT Data'!$B$12:$B$20000,1))&lt;2,INDEX('p-y cyclic clay'!$GM$27:$GM$5000,MATCH($B12,'p-y cyclic clay'!$C$27:$C$5000,1)),INDEX('p-y cyclic clay'!$HM$27:$HM$5000,MATCH($B12,'p-y cyclic clay'!$C$27:$C$5000,1))))</f>
        <v>21.997420146097586</v>
      </c>
      <c r="H12">
        <f>IF($D12="SAND",INDEX('p-y cyclic sand'!$AA$27:$AA$5000,MATCH($B12,'p-y cyclic sand'!$C$27:$C$5000,1)),IF(INDEX('CPT Data'!$S$12:$S$20000,MATCH($B12,'CPT Data'!$B$12:$B$20000,1))&lt;2,INDEX('p-y cyclic clay'!$GZ$27:$GZ$5000,MATCH($B12,'p-y cyclic clay'!$C$27:$C$5000,1)),INDEX('p-y cyclic clay'!$HZ$27:$HZ$5000,MATCH($B12,'p-y cyclic clay'!$C$27:$C$5000,1))))</f>
        <v>0.63217138477429624</v>
      </c>
      <c r="I12">
        <f>IF($D12="SAND",INDEX('p-y cyclic sand'!$AO$27:$AO$5000,MATCH($B12,'p-y cyclic sand'!$C$27:$C$5000,1)),IF(INDEX('CPT Data'!$S$12:$S$20000,MATCH($B12,'CPT Data'!$B$12:$B$20000,1))&lt;2,INDEX('p-y cyclic clay'!$GN$27:$GN$5000,MATCH($B12,'p-y cyclic clay'!$C$27:$C$5000,1)),INDEX('p-y cyclic clay'!$HN$27:$HN$5000,MATCH($B12,'p-y cyclic clay'!$C$27:$C$5000,1))))</f>
        <v>86.21149403089089</v>
      </c>
      <c r="J12">
        <f>IF($D12="SAND",INDEX('p-y cyclic sand'!$AB$27:$AB$5000,MATCH($B12,'p-y cyclic sand'!$C$27:$C$5000,1)),IF(INDEX('CPT Data'!$S$12:$S$20000,MATCH($B12,'CPT Data'!$B$12:$B$20000,1))&lt;2,INDEX('p-y cyclic clay'!$HA$27:$HA$5000,MATCH($B12,'p-y cyclic clay'!$C$27:$C$5000,1)),INDEX('p-y cyclic clay'!$IA$27:$IA$5000,MATCH($B12,'p-y cyclic clay'!$C$27:$C$5000,1))))</f>
        <v>6.1154662171982164</v>
      </c>
      <c r="K12">
        <f>IF($D12="SAND",INDEX('p-y cyclic sand'!$AP$27:$AP$5000,MATCH($B12,'p-y cyclic sand'!$C$27:$C$5000,1)),IF(INDEX('CPT Data'!$S$12:$S$20000,MATCH($B12,'CPT Data'!$B$12:$B$20000,1))&lt;2,INDEX('p-y cyclic clay'!$GO$27:$GO$5000,MATCH($B12,'p-y cyclic clay'!$C$27:$C$5000,1)),INDEX('p-y cyclic clay'!$HO$27:$HO$5000,MATCH($B12,'p-y cyclic clay'!$C$27:$C$5000,1))))</f>
        <v>127.26452124986955</v>
      </c>
      <c r="L12">
        <f>IF($D12="SAND",INDEX('p-y cyclic sand'!$AC$27:$AC$5000,MATCH($B12,'p-y cyclic sand'!$C$27:$C$5000,1)),IF(INDEX('CPT Data'!$S$12:$S$20000,MATCH($B12,'CPT Data'!$B$12:$B$20000,1))&lt;2,INDEX('p-y cyclic clay'!$HB$27:$HB$5000,MATCH($B12,'p-y cyclic clay'!$C$27:$C$5000,1)),INDEX('p-y cyclic clay'!$IB$27:$IB$5000,MATCH($B12,'p-y cyclic clay'!$C$27:$C$5000,1))))</f>
        <v>10.523573101506122</v>
      </c>
      <c r="M12">
        <f>IF($D12="SAND",INDEX('p-y cyclic sand'!$AQ$27:$AQ$5000,MATCH($B12,'p-y cyclic sand'!$C$27:$C$5000,1)),IF(INDEX('CPT Data'!$S$12:$S$20000,MATCH($B12,'CPT Data'!$B$12:$B$20000,1))&lt;2,INDEX('p-y cyclic clay'!$GP$27:$GP$5000,MATCH($B12,'p-y cyclic clay'!$C$27:$C$5000,1)),INDEX('p-y cyclic clay'!$HP$27:$HP$5000,MATCH($B12,'p-y cyclic clay'!$C$27:$C$5000,1))))</f>
        <v>166.55923452240521</v>
      </c>
      <c r="N12">
        <f>IF($D12="SAND",INDEX('p-y cyclic sand'!$AD$27:$AD$5000,MATCH($B12,'p-y cyclic sand'!$C$27:$C$5000,1)),IF(INDEX('CPT Data'!$S$12:$S$20000,MATCH($B12,'CPT Data'!$B$12:$B$20000,1))&lt;2,INDEX('p-y cyclic clay'!$HC$27:$HC$5000,MATCH($B12,'p-y cyclic clay'!$C$27:$C$5000,1)),INDEX('p-y cyclic clay'!$IC$27:$IC$5000,MATCH($B12,'p-y cyclic clay'!$C$27:$C$5000,1))))</f>
        <v>17.326214404434467</v>
      </c>
      <c r="O12">
        <f>IF($D12="SAND",INDEX('p-y cyclic sand'!$AR$27:$AR$5000,MATCH($B12,'p-y cyclic sand'!$C$27:$C$5000,1)),IF(INDEX('CPT Data'!$S$12:$S$20000,MATCH($B12,'CPT Data'!$B$12:$B$20000,1))&lt;2,INDEX('p-y cyclic clay'!$GQ$27:$GQ$5000,MATCH($B12,'p-y cyclic clay'!$C$27:$C$5000,1)),INDEX('p-y cyclic clay'!$HQ$27:$HQ$5000,MATCH($B12,'p-y cyclic clay'!$C$27:$C$5000,1))))</f>
        <v>203.64101831865068</v>
      </c>
      <c r="P12">
        <f>IF($D12="SAND",INDEX('p-y cyclic sand'!$AE$27:$AE$5000,MATCH($B12,'p-y cyclic sand'!$C$27:$C$5000,1)),IF(INDEX('CPT Data'!$S$12:$S$20000,MATCH($B12,'CPT Data'!$B$12:$B$20000,1))&lt;2,INDEX('p-y cyclic clay'!$HD$27:$HD$5000,MATCH($B12,'p-y cyclic clay'!$C$27:$C$5000,1)),INDEX('p-y cyclic clay'!$ID$27:$ID$5000,MATCH($B12,'p-y cyclic clay'!$C$27:$C$5000,1))))</f>
        <v>25.965030075161806</v>
      </c>
      <c r="Q12">
        <f>IF($D12="SAND",INDEX('p-y cyclic sand'!$AS$27:$AS$5000,MATCH($B12,'p-y cyclic sand'!$C$27:$C$5000,1)),IF(INDEX('CPT Data'!$S$12:$S$20000,MATCH($B12,'CPT Data'!$B$12:$B$20000,1))&lt;2,INDEX('p-y cyclic clay'!$GR$27:$GR$5000,MATCH($B12,'p-y cyclic clay'!$C$27:$C$5000,1)),INDEX('p-y cyclic clay'!$HR$27:$HR$5000,MATCH($B12,'p-y cyclic clay'!$C$27:$C$5000,1))))</f>
        <v>237.80843315300876</v>
      </c>
      <c r="R12">
        <f>IF($D12="SAND",INDEX('p-y cyclic sand'!$AF$27:$AF$5000,MATCH($B12,'p-y cyclic sand'!$C$27:$C$5000,1)),IF(INDEX('CPT Data'!$S$12:$S$20000,MATCH($B12,'CPT Data'!$B$12:$B$20000,1))&lt;2,INDEX('p-y cyclic clay'!$HE$27:$HE$5000,MATCH($B12,'p-y cyclic clay'!$C$27:$C$5000,1)),INDEX('p-y cyclic clay'!$IE$27:$IE$5000,MATCH($B12,'p-y cyclic clay'!$C$27:$C$5000,1))))</f>
        <v>38.942040502089021</v>
      </c>
      <c r="S12">
        <f>IF($D12="SAND",INDEX('p-y cyclic sand'!$AT$27:$AT$5000,MATCH($B12,'p-y cyclic sand'!$C$27:$C$5000,1)),IF(INDEX('CPT Data'!$S$12:$S$20000,MATCH($B12,'CPT Data'!$B$12:$B$20000,1))&lt;2,INDEX('p-y cyclic clay'!$GS$27:$GS$5000,MATCH($B12,'p-y cyclic clay'!$C$27:$C$5000,1)),INDEX('p-y cyclic clay'!$HS$27:$HS$5000,MATCH($B12,'p-y cyclic clay'!$C$27:$C$5000,1))))</f>
        <v>267.87813124691911</v>
      </c>
      <c r="T12">
        <f>IF($D12="SAND",INDEX('p-y cyclic sand'!$AG$27:$AG$5000,MATCH($B12,'p-y cyclic sand'!$C$27:$C$5000,1)),IF(INDEX('CPT Data'!$S$12:$S$20000,MATCH($B12,'CPT Data'!$B$12:$B$20000,1))&lt;2,INDEX('p-y cyclic clay'!$HF$27:$HF$5000,MATCH($B12,'p-y cyclic clay'!$C$27:$C$5000,1)),INDEX('p-y cyclic clay'!$IF$27:$IF$5000,MATCH($B12,'p-y cyclic clay'!$C$27:$C$5000,1))))</f>
        <v>53.261859167704543</v>
      </c>
      <c r="U12">
        <f>IF($D12="SAND",INDEX('p-y cyclic sand'!$AU$27:$AU$5000,MATCH($B12,'p-y cyclic sand'!$C$27:$C$5000,1)),IF(INDEX('CPT Data'!$S$12:$S$20000,MATCH($B12,'CPT Data'!$B$12:$B$20000,1))&lt;2,INDEX('p-y cyclic clay'!$GT$27:$GT$5000,MATCH($B12,'p-y cyclic clay'!$C$27:$C$5000,1)),INDEX('p-y cyclic clay'!$HT$27:$HT$5000,MATCH($B12,'p-y cyclic clay'!$C$27:$C$5000,1))))</f>
        <v>291.56484562992836</v>
      </c>
      <c r="V12">
        <f>IF($D12="SAND",INDEX('p-y cyclic sand'!$AH$27:$AH$5000,MATCH($B12,'p-y cyclic sand'!$C$27:$C$5000,1)),IF(INDEX('CPT Data'!$S$12:$S$20000,MATCH($B12,'CPT Data'!$B$12:$B$20000,1))&lt;2,INDEX('p-y cyclic clay'!$HG$27:$HG$5000,MATCH($B12,'p-y cyclic clay'!$C$27:$C$5000,1)),INDEX('p-y cyclic clay'!$IG$27:$IG$5000,MATCH($B12,'p-y cyclic clay'!$C$27:$C$5000,1))))</f>
        <v>76.174638430966041</v>
      </c>
      <c r="W12">
        <f>IF($D12="SAND",INDEX('p-y cyclic sand'!$AV$27:$AV$5000,MATCH($B12,'p-y cyclic sand'!$C$27:$C$5000,1)),IF(INDEX('CPT Data'!$S$12:$S$20000,MATCH($B12,'CPT Data'!$B$12:$B$20000,1))&lt;2,INDEX('p-y cyclic clay'!$GU$27:$GU$5000,MATCH($B12,'p-y cyclic clay'!$C$27:$C$5000,1)),INDEX('p-y cyclic clay'!$HU$27:$HU$5000,MATCH($B12,'p-y cyclic clay'!$C$27:$C$5000,1))))</f>
        <v>303.29677982338768</v>
      </c>
      <c r="X12">
        <f>IF($D12="SAND",INDEX('p-y cyclic sand'!$AI$27:$AI$5000,MATCH($B12,'p-y cyclic sand'!$C$27:$C$5000,1)),IF(INDEX('CPT Data'!$S$12:$S$20000,MATCH($B12,'CPT Data'!$B$12:$B$20000,1))&lt;2,INDEX('p-y cyclic clay'!$HH$27:$HH$5000,MATCH($B12,'p-y cyclic clay'!$C$27:$C$5000,1)),INDEX('p-y cyclic clay'!$IH$27:$IH$5000,MATCH($B12,'p-y cyclic clay'!$C$27:$C$5000,1))))</f>
        <v>107.51519517772756</v>
      </c>
      <c r="Y12">
        <f>IF($D12="SAND",INDEX('p-y cyclic sand'!$AW$27:$AW$5000,MATCH($B12,'p-y cyclic sand'!$C$27:$C$5000,1)),IF(INDEX('CPT Data'!$S$12:$S$20000,MATCH($B12,'CPT Data'!$B$12:$B$20000,1))&lt;2,INDEX('p-y cyclic clay'!$GV$27:$GV$5000,MATCH($B12,'p-y cyclic clay'!$C$27:$C$5000,1)),INDEX('p-y cyclic clay'!$HV$27:$HV$5000,MATCH($B12,'p-y cyclic clay'!$C$27:$C$5000,1))))</f>
        <v>327.86808773335895</v>
      </c>
      <c r="Z12">
        <f>IF($D12="SAND",INDEX('p-y cyclic sand'!$AJ$27:$AJ$5000,MATCH($B12,'p-y cyclic sand'!$C$27:$C$5000,1)),IF(INDEX('CPT Data'!$S$12:$S$20000,MATCH($B12,'CPT Data'!$B$12:$B$20000,1))&lt;2,INDEX('p-y cyclic clay'!$HI$27:$HI$5000,MATCH($B12,'p-y cyclic clay'!$C$27:$C$5000,1)),INDEX('p-y cyclic clay'!$II$27:$II$5000,MATCH($B12,'p-y cyclic clay'!$C$27:$C$5000,1))))</f>
        <v>195.83733293172176</v>
      </c>
      <c r="AA12">
        <f>IF($D12="SAND",INDEX('p-y cyclic sand'!$AX$27:$AX$5000,MATCH($B12,'p-y cyclic sand'!$C$27:$C$5000,1)),IF(INDEX('CPT Data'!$S$12:$S$20000,MATCH($B12,'CPT Data'!$B$12:$B$20000,1))&lt;2,INDEX('p-y cyclic clay'!$GW$27:$GW$5000,MATCH($B12,'p-y cyclic clay'!$C$27:$C$5000,1)),INDEX('p-y cyclic clay'!$HW$27:$HW$5000,MATCH($B12,'p-y cyclic clay'!$C$27:$C$5000,1))))</f>
        <v>336.27496177780409</v>
      </c>
      <c r="AB12">
        <f>IF($D12="SAND",INDEX('p-y cyclic sand'!$AK$27:$AK$5000,MATCH($B12,'p-y cyclic sand'!$C$27:$C$5000,1)),IF(INDEX('CPT Data'!$S$12:$S$20000,MATCH($B12,'CPT Data'!$B$12:$B$20000,1))&lt;2,INDEX('p-y cyclic clay'!$HJ$27:$HJ$5000,MATCH($B12,'p-y cyclic clay'!$C$27:$C$5000,1)),INDEX('p-y cyclic clay'!$IJ$27:$IJ$5000,MATCH($B12,'p-y cyclic clay'!$C$27:$C$5000,1))))</f>
        <v>326.39555488620294</v>
      </c>
      <c r="AC12">
        <f>IF($D12="SAND",INDEX('p-y cyclic sand'!$AY$27:$AY$5000,MATCH($B12,'p-y cyclic sand'!$C$27:$C$5000,1)),IF(INDEX('CPT Data'!$S$12:$S$20000,MATCH($B12,'CPT Data'!$B$12:$B$20000,1))&lt;2,INDEX('p-y cyclic clay'!$GX$27:$GX$5000,MATCH($B12,'p-y cyclic clay'!$C$27:$C$5000,1)),INDEX('p-y cyclic clay'!$HX$27:$HX$5000,MATCH($B12,'p-y cyclic clay'!$C$27:$C$5000,1))))</f>
        <v>336.27496177780409</v>
      </c>
      <c r="AD12" s="98">
        <f>IF($D12="SAND",INDEX('p-y cyclic sand'!$AL$27:$AL$5000,MATCH($B12,'p-y cyclic sand'!$C$27:$C$5000,1)),IF(INDEX('CPT Data'!$S$12:$S$20000,MATCH($B12,'CPT Data'!$B$12:$B$20000,1))&lt;2,INDEX('p-y cyclic clay'!$HK$27:$HK$5000,MATCH($B12,'p-y cyclic clay'!$C$27:$C$5000,1)),INDEX('p-y cyclic clay'!$IK$27:$IK$5000,MATCH($B12,'p-y cyclic clay'!$C$27:$C$5000,1))))</f>
        <v>3916.7466586344349</v>
      </c>
    </row>
    <row r="13" spans="1:30" x14ac:dyDescent="0.2">
      <c r="A13" s="214">
        <f t="shared" si="0"/>
        <v>-23.5</v>
      </c>
      <c r="B13" s="216">
        <f>'p-y cyclic clay'!C34</f>
        <v>8</v>
      </c>
      <c r="C13">
        <f>INDEX('CPT Data'!$C$13:$C$20000,MATCH(B13,'CPT Data'!$B$13:$B$20000,1))</f>
        <v>7.9860000000000007</v>
      </c>
      <c r="D13" s="216" t="str">
        <f>INDEX('CPT Data'!$P$13:$P$20000,MATCH(B13,'CPT Data'!$B$13:$B$20000,1))</f>
        <v>CLAY</v>
      </c>
      <c r="E13">
        <f>IF($D13="SAND",INDEX('p-y cyclic sand'!$AM$27:$AM$5000,MATCH($B13,'p-y cyclic sand'!$C$27:$C$5000,1)),IF(INDEX('CPT Data'!$S$12:$S$20000,MATCH($B13,'CPT Data'!$B$12:$B$20000,1))&lt;2,INDEX('p-y cyclic clay'!$GL$27:$GL$5000,MATCH($B13,'p-y cyclic clay'!$C$27:$C$5000,1)),INDEX('p-y cyclic clay'!$HL$27:$HL$5000,MATCH($B13,'p-y cyclic clay'!$C$27:$C$5000,1))))</f>
        <v>0</v>
      </c>
      <c r="F13">
        <f>IF($D13="SAND",INDEX('p-y cyclic sand'!$Z$27:$Z$5000,MATCH($B13,'p-y cyclic sand'!$C$27:$C$5000,1)),IF(INDEX('CPT Data'!$S$12:$S$20000,MATCH($B13,'CPT Data'!$B$12:$B$20000,1))&lt;2,INDEX('p-y cyclic clay'!$GY$27:$GY$5000,MATCH($B13,'p-y cyclic clay'!$C$27:$C$5000,1)),INDEX('p-y cyclic clay'!$HY$27:$HY$5000,MATCH($B13,'p-y cyclic clay'!$C$27:$C$5000,1))))</f>
        <v>0</v>
      </c>
      <c r="G13">
        <f>IF($D13="SAND",INDEX('p-y cyclic sand'!$AN$27:$AN$5000,MATCH($B13,'p-y cyclic sand'!$C$27:$C$5000,1)),IF(INDEX('CPT Data'!$S$12:$S$20000,MATCH($B13,'CPT Data'!$B$12:$B$20000,1))&lt;2,INDEX('p-y cyclic clay'!$GM$27:$GM$5000,MATCH($B13,'p-y cyclic clay'!$C$27:$C$5000,1)),INDEX('p-y cyclic clay'!$HM$27:$HM$5000,MATCH($B13,'p-y cyclic clay'!$C$27:$C$5000,1))))</f>
        <v>25.9779189453999</v>
      </c>
      <c r="H13">
        <f>IF($D13="SAND",INDEX('p-y cyclic sand'!$AA$27:$AA$5000,MATCH($B13,'p-y cyclic sand'!$C$27:$C$5000,1)),IF(INDEX('CPT Data'!$S$12:$S$20000,MATCH($B13,'CPT Data'!$B$12:$B$20000,1))&lt;2,INDEX('p-y cyclic clay'!$GZ$27:$GZ$5000,MATCH($B13,'p-y cyclic clay'!$C$27:$C$5000,1)),INDEX('p-y cyclic clay'!$HZ$27:$HZ$5000,MATCH($B13,'p-y cyclic clay'!$C$27:$C$5000,1))))</f>
        <v>0.63425632890839512</v>
      </c>
      <c r="I13">
        <f>IF($D13="SAND",INDEX('p-y cyclic sand'!$AO$27:$AO$5000,MATCH($B13,'p-y cyclic sand'!$C$27:$C$5000,1)),IF(INDEX('CPT Data'!$S$12:$S$20000,MATCH($B13,'CPT Data'!$B$12:$B$20000,1))&lt;2,INDEX('p-y cyclic clay'!$GN$27:$GN$5000,MATCH($B13,'p-y cyclic clay'!$C$27:$C$5000,1)),INDEX('p-y cyclic clay'!$HN$27:$HN$5000,MATCH($B13,'p-y cyclic clay'!$C$27:$C$5000,1))))</f>
        <v>101.85284441397398</v>
      </c>
      <c r="J13">
        <f>IF($D13="SAND",INDEX('p-y cyclic sand'!$AB$27:$AB$5000,MATCH($B13,'p-y cyclic sand'!$C$27:$C$5000,1)),IF(INDEX('CPT Data'!$S$12:$S$20000,MATCH($B13,'CPT Data'!$B$12:$B$20000,1))&lt;2,INDEX('p-y cyclic clay'!$HA$27:$HA$5000,MATCH($B13,'p-y cyclic clay'!$C$27:$C$5000,1)),INDEX('p-y cyclic clay'!$IA$27:$IA$5000,MATCH($B13,'p-y cyclic clay'!$C$27:$C$5000,1))))</f>
        <v>6.1399415035703839</v>
      </c>
      <c r="K13">
        <f>IF($D13="SAND",INDEX('p-y cyclic sand'!$AP$27:$AP$5000,MATCH($B13,'p-y cyclic sand'!$C$27:$C$5000,1)),IF(INDEX('CPT Data'!$S$12:$S$20000,MATCH($B13,'CPT Data'!$B$12:$B$20000,1))&lt;2,INDEX('p-y cyclic clay'!$GO$27:$GO$5000,MATCH($B13,'p-y cyclic clay'!$C$27:$C$5000,1)),INDEX('p-y cyclic clay'!$HO$27:$HO$5000,MATCH($B13,'p-y cyclic clay'!$C$27:$C$5000,1))))</f>
        <v>150.40896467925563</v>
      </c>
      <c r="L13">
        <f>IF($D13="SAND",INDEX('p-y cyclic sand'!$AC$27:$AC$5000,MATCH($B13,'p-y cyclic sand'!$C$27:$C$5000,1)),IF(INDEX('CPT Data'!$S$12:$S$20000,MATCH($B13,'CPT Data'!$B$12:$B$20000,1))&lt;2,INDEX('p-y cyclic clay'!$HB$27:$HB$5000,MATCH($B13,'p-y cyclic clay'!$C$27:$C$5000,1)),INDEX('p-y cyclic clay'!$IB$27:$IB$5000,MATCH($B13,'p-y cyclic clay'!$C$27:$C$5000,1))))</f>
        <v>10.572483349744028</v>
      </c>
      <c r="M13">
        <f>IF($D13="SAND",INDEX('p-y cyclic sand'!$AQ$27:$AQ$5000,MATCH($B13,'p-y cyclic sand'!$C$27:$C$5000,1)),IF(INDEX('CPT Data'!$S$12:$S$20000,MATCH($B13,'CPT Data'!$B$12:$B$20000,1))&lt;2,INDEX('p-y cyclic clay'!$GP$27:$GP$5000,MATCH($B13,'p-y cyclic clay'!$C$27:$C$5000,1)),INDEX('p-y cyclic clay'!$HP$27:$HP$5000,MATCH($B13,'p-y cyclic clay'!$C$27:$C$5000,1))))</f>
        <v>196.94513835406664</v>
      </c>
      <c r="N13">
        <f>IF($D13="SAND",INDEX('p-y cyclic sand'!$AD$27:$AD$5000,MATCH($B13,'p-y cyclic sand'!$C$27:$C$5000,1)),IF(INDEX('CPT Data'!$S$12:$S$20000,MATCH($B13,'CPT Data'!$B$12:$B$20000,1))&lt;2,INDEX('p-y cyclic clay'!$HC$27:$HC$5000,MATCH($B13,'p-y cyclic clay'!$C$27:$C$5000,1)),INDEX('p-y cyclic clay'!$IC$27:$IC$5000,MATCH($B13,'p-y cyclic clay'!$C$27:$C$5000,1))))</f>
        <v>17.421805807276339</v>
      </c>
      <c r="O13">
        <f>IF($D13="SAND",INDEX('p-y cyclic sand'!$AR$27:$AR$5000,MATCH($B13,'p-y cyclic sand'!$C$27:$C$5000,1)),IF(INDEX('CPT Data'!$S$12:$S$20000,MATCH($B13,'CPT Data'!$B$12:$B$20000,1))&lt;2,INDEX('p-y cyclic clay'!$GQ$27:$GQ$5000,MATCH($B13,'p-y cyclic clay'!$C$27:$C$5000,1)),INDEX('p-y cyclic clay'!$HQ$27:$HQ$5000,MATCH($B13,'p-y cyclic clay'!$C$27:$C$5000,1))))</f>
        <v>240.95347832306666</v>
      </c>
      <c r="P13">
        <f>IF($D13="SAND",INDEX('p-y cyclic sand'!$AE$27:$AE$5000,MATCH($B13,'p-y cyclic sand'!$C$27:$C$5000,1)),IF(INDEX('CPT Data'!$S$12:$S$20000,MATCH($B13,'CPT Data'!$B$12:$B$20000,1))&lt;2,INDEX('p-y cyclic clay'!$HD$27:$HD$5000,MATCH($B13,'p-y cyclic clay'!$C$27:$C$5000,1)),INDEX('p-y cyclic clay'!$ID$27:$ID$5000,MATCH($B13,'p-y cyclic clay'!$C$27:$C$5000,1))))</f>
        <v>26.140162571923288</v>
      </c>
      <c r="Q13">
        <f>IF($D13="SAND",INDEX('p-y cyclic sand'!$AS$27:$AS$5000,MATCH($B13,'p-y cyclic sand'!$C$27:$C$5000,1)),IF(INDEX('CPT Data'!$S$12:$S$20000,MATCH($B13,'CPT Data'!$B$12:$B$20000,1))&lt;2,INDEX('p-y cyclic clay'!$GR$27:$GR$5000,MATCH($B13,'p-y cyclic clay'!$C$27:$C$5000,1)),INDEX('p-y cyclic clay'!$HR$27:$HR$5000,MATCH($B13,'p-y cyclic clay'!$C$27:$C$5000,1))))</f>
        <v>281.65933611819048</v>
      </c>
      <c r="R13">
        <f>IF($D13="SAND",INDEX('p-y cyclic sand'!$AF$27:$AF$5000,MATCH($B13,'p-y cyclic sand'!$C$27:$C$5000,1)),IF(INDEX('CPT Data'!$S$12:$S$20000,MATCH($B13,'CPT Data'!$B$12:$B$20000,1))&lt;2,INDEX('p-y cyclic clay'!$HE$27:$HE$5000,MATCH($B13,'p-y cyclic clay'!$C$27:$C$5000,1)),INDEX('p-y cyclic clay'!$IE$27:$IE$5000,MATCH($B13,'p-y cyclic clay'!$C$27:$C$5000,1))))</f>
        <v>39.276754027647215</v>
      </c>
      <c r="S13">
        <f>IF($D13="SAND",INDEX('p-y cyclic sand'!$AT$27:$AT$5000,MATCH($B13,'p-y cyclic sand'!$C$27:$C$5000,1)),IF(INDEX('CPT Data'!$S$12:$S$20000,MATCH($B13,'CPT Data'!$B$12:$B$20000,1))&lt;2,INDEX('p-y cyclic clay'!$GS$27:$GS$5000,MATCH($B13,'p-y cyclic clay'!$C$27:$C$5000,1)),INDEX('p-y cyclic clay'!$HS$27:$HS$5000,MATCH($B13,'p-y cyclic clay'!$C$27:$C$5000,1))))</f>
        <v>317.77754246343795</v>
      </c>
      <c r="T13">
        <f>IF($D13="SAND",INDEX('p-y cyclic sand'!$AG$27:$AG$5000,MATCH($B13,'p-y cyclic sand'!$C$27:$C$5000,1)),IF(INDEX('CPT Data'!$S$12:$S$20000,MATCH($B13,'CPT Data'!$B$12:$B$20000,1))&lt;2,INDEX('p-y cyclic clay'!$HF$27:$HF$5000,MATCH($B13,'p-y cyclic clay'!$C$27:$C$5000,1)),INDEX('p-y cyclic clay'!$IF$27:$IF$5000,MATCH($B13,'p-y cyclic clay'!$C$27:$C$5000,1))))</f>
        <v>53.883031035872357</v>
      </c>
      <c r="U13">
        <f>IF($D13="SAND",INDEX('p-y cyclic sand'!$AU$27:$AU$5000,MATCH($B13,'p-y cyclic sand'!$C$27:$C$5000,1)),IF(INDEX('CPT Data'!$S$12:$S$20000,MATCH($B13,'CPT Data'!$B$12:$B$20000,1))&lt;2,INDEX('p-y cyclic clay'!$GT$27:$GT$5000,MATCH($B13,'p-y cyclic clay'!$C$27:$C$5000,1)),INDEX('p-y cyclic clay'!$HT$27:$HT$5000,MATCH($B13,'p-y cyclic clay'!$C$27:$C$5000,1))))</f>
        <v>346.89116987505207</v>
      </c>
      <c r="V13">
        <f>IF($D13="SAND",INDEX('p-y cyclic sand'!$AH$27:$AH$5000,MATCH($B13,'p-y cyclic sand'!$C$27:$C$5000,1)),IF(INDEX('CPT Data'!$S$12:$S$20000,MATCH($B13,'CPT Data'!$B$12:$B$20000,1))&lt;2,INDEX('p-y cyclic clay'!$HG$27:$HG$5000,MATCH($B13,'p-y cyclic clay'!$C$27:$C$5000,1)),INDEX('p-y cyclic clay'!$IG$27:$IG$5000,MATCH($B13,'p-y cyclic clay'!$C$27:$C$5000,1))))</f>
        <v>77.515058408502682</v>
      </c>
      <c r="W13">
        <f>IF($D13="SAND",INDEX('p-y cyclic sand'!$AV$27:$AV$5000,MATCH($B13,'p-y cyclic sand'!$C$27:$C$5000,1)),IF(INDEX('CPT Data'!$S$12:$S$20000,MATCH($B13,'CPT Data'!$B$12:$B$20000,1))&lt;2,INDEX('p-y cyclic clay'!$GU$27:$GU$5000,MATCH($B13,'p-y cyclic clay'!$C$27:$C$5000,1)),INDEX('p-y cyclic clay'!$HU$27:$HU$5000,MATCH($B13,'p-y cyclic clay'!$C$27:$C$5000,1))))</f>
        <v>363.39140072727031</v>
      </c>
      <c r="X13">
        <f>IF($D13="SAND",INDEX('p-y cyclic sand'!$AI$27:$AI$5000,MATCH($B13,'p-y cyclic sand'!$C$27:$C$5000,1)),IF(INDEX('CPT Data'!$S$12:$S$20000,MATCH($B13,'CPT Data'!$B$12:$B$20000,1))&lt;2,INDEX('p-y cyclic clay'!$HH$27:$HH$5000,MATCH($B13,'p-y cyclic clay'!$C$27:$C$5000,1)),INDEX('p-y cyclic clay'!$IH$27:$IH$5000,MATCH($B13,'p-y cyclic clay'!$C$27:$C$5000,1))))</f>
        <v>111.06747805788086</v>
      </c>
      <c r="Y13">
        <f>IF($D13="SAND",INDEX('p-y cyclic sand'!$AW$27:$AW$5000,MATCH($B13,'p-y cyclic sand'!$C$27:$C$5000,1)),IF(INDEX('CPT Data'!$S$12:$S$20000,MATCH($B13,'CPT Data'!$B$12:$B$20000,1))&lt;2,INDEX('p-y cyclic clay'!$GV$27:$GV$5000,MATCH($B13,'p-y cyclic clay'!$C$27:$C$5000,1)),INDEX('p-y cyclic clay'!$HV$27:$HV$5000,MATCH($B13,'p-y cyclic clay'!$C$27:$C$5000,1))))</f>
        <v>386.40739751196065</v>
      </c>
      <c r="Z13">
        <f>IF($D13="SAND",INDEX('p-y cyclic sand'!$AJ$27:$AJ$5000,MATCH($B13,'p-y cyclic sand'!$C$27:$C$5000,1)),IF(INDEX('CPT Data'!$S$12:$S$20000,MATCH($B13,'CPT Data'!$B$12:$B$20000,1))&lt;2,INDEX('p-y cyclic clay'!$HI$27:$HI$5000,MATCH($B13,'p-y cyclic clay'!$C$27:$C$5000,1)),INDEX('p-y cyclic clay'!$II$27:$II$5000,MATCH($B13,'p-y cyclic clay'!$C$27:$C$5000,1))))</f>
        <v>195.83733293172176</v>
      </c>
      <c r="AA13">
        <f>IF($D13="SAND",INDEX('p-y cyclic sand'!$AX$27:$AX$5000,MATCH($B13,'p-y cyclic sand'!$C$27:$C$5000,1)),IF(INDEX('CPT Data'!$S$12:$S$20000,MATCH($B13,'CPT Data'!$B$12:$B$20000,1))&lt;2,INDEX('p-y cyclic clay'!$GW$27:$GW$5000,MATCH($B13,'p-y cyclic clay'!$C$27:$C$5000,1)),INDEX('p-y cyclic clay'!$HW$27:$HW$5000,MATCH($B13,'p-y cyclic clay'!$C$27:$C$5000,1))))</f>
        <v>396.31527949944683</v>
      </c>
      <c r="AB13">
        <f>IF($D13="SAND",INDEX('p-y cyclic sand'!$AK$27:$AK$5000,MATCH($B13,'p-y cyclic sand'!$C$27:$C$5000,1)),IF(INDEX('CPT Data'!$S$12:$S$20000,MATCH($B13,'CPT Data'!$B$12:$B$20000,1))&lt;2,INDEX('p-y cyclic clay'!$HJ$27:$HJ$5000,MATCH($B13,'p-y cyclic clay'!$C$27:$C$5000,1)),INDEX('p-y cyclic clay'!$IJ$27:$IJ$5000,MATCH($B13,'p-y cyclic clay'!$C$27:$C$5000,1))))</f>
        <v>326.39555488620294</v>
      </c>
      <c r="AC13">
        <f>IF($D13="SAND",INDEX('p-y cyclic sand'!$AY$27:$AY$5000,MATCH($B13,'p-y cyclic sand'!$C$27:$C$5000,1)),IF(INDEX('CPT Data'!$S$12:$S$20000,MATCH($B13,'CPT Data'!$B$12:$B$20000,1))&lt;2,INDEX('p-y cyclic clay'!$GX$27:$GX$5000,MATCH($B13,'p-y cyclic clay'!$C$27:$C$5000,1)),INDEX('p-y cyclic clay'!$HX$27:$HX$5000,MATCH($B13,'p-y cyclic clay'!$C$27:$C$5000,1))))</f>
        <v>396.31527949944683</v>
      </c>
      <c r="AD13" s="98">
        <f>IF($D13="SAND",INDEX('p-y cyclic sand'!$AL$27:$AL$5000,MATCH($B13,'p-y cyclic sand'!$C$27:$C$5000,1)),IF(INDEX('CPT Data'!$S$12:$S$20000,MATCH($B13,'CPT Data'!$B$12:$B$20000,1))&lt;2,INDEX('p-y cyclic clay'!$HK$27:$HK$5000,MATCH($B13,'p-y cyclic clay'!$C$27:$C$5000,1)),INDEX('p-y cyclic clay'!$IK$27:$IK$5000,MATCH($B13,'p-y cyclic clay'!$C$27:$C$5000,1))))</f>
        <v>3916.7466586344349</v>
      </c>
    </row>
    <row r="14" spans="1:30" x14ac:dyDescent="0.2">
      <c r="A14" s="214">
        <f t="shared" si="0"/>
        <v>-24.5</v>
      </c>
      <c r="B14" s="216">
        <f>'p-y cyclic clay'!C35</f>
        <v>9</v>
      </c>
      <c r="C14">
        <f>INDEX('CPT Data'!$C$13:$C$20000,MATCH(B14,'CPT Data'!$B$13:$B$20000,1))</f>
        <v>8.9459999999999997</v>
      </c>
      <c r="D14" s="216" t="str">
        <f>INDEX('CPT Data'!$P$13:$P$20000,MATCH(B14,'CPT Data'!$B$13:$B$20000,1))</f>
        <v>CLAY</v>
      </c>
      <c r="E14">
        <f>IF($D14="SAND",INDEX('p-y cyclic sand'!$AM$27:$AM$5000,MATCH($B14,'p-y cyclic sand'!$C$27:$C$5000,1)),IF(INDEX('CPT Data'!$S$12:$S$20000,MATCH($B14,'CPT Data'!$B$12:$B$20000,1))&lt;2,INDEX('p-y cyclic clay'!$GL$27:$GL$5000,MATCH($B14,'p-y cyclic clay'!$C$27:$C$5000,1)),INDEX('p-y cyclic clay'!$HL$27:$HL$5000,MATCH($B14,'p-y cyclic clay'!$C$27:$C$5000,1))))</f>
        <v>0</v>
      </c>
      <c r="F14">
        <f>IF($D14="SAND",INDEX('p-y cyclic sand'!$Z$27:$Z$5000,MATCH($B14,'p-y cyclic sand'!$C$27:$C$5000,1)),IF(INDEX('CPT Data'!$S$12:$S$20000,MATCH($B14,'CPT Data'!$B$12:$B$20000,1))&lt;2,INDEX('p-y cyclic clay'!$GY$27:$GY$5000,MATCH($B14,'p-y cyclic clay'!$C$27:$C$5000,1)),INDEX('p-y cyclic clay'!$HY$27:$HY$5000,MATCH($B14,'p-y cyclic clay'!$C$27:$C$5000,1))))</f>
        <v>0</v>
      </c>
      <c r="G14">
        <f>IF($D14="SAND",INDEX('p-y cyclic sand'!$AN$27:$AN$5000,MATCH($B14,'p-y cyclic sand'!$C$27:$C$5000,1)),IF(INDEX('CPT Data'!$S$12:$S$20000,MATCH($B14,'CPT Data'!$B$12:$B$20000,1))&lt;2,INDEX('p-y cyclic clay'!$GM$27:$GM$5000,MATCH($B14,'p-y cyclic clay'!$C$27:$C$5000,1)),INDEX('p-y cyclic clay'!$HM$27:$HM$5000,MATCH($B14,'p-y cyclic clay'!$C$27:$C$5000,1))))</f>
        <v>29.068990642858012</v>
      </c>
      <c r="H14">
        <f>IF($D14="SAND",INDEX('p-y cyclic sand'!$AA$27:$AA$5000,MATCH($B14,'p-y cyclic sand'!$C$27:$C$5000,1)),IF(INDEX('CPT Data'!$S$12:$S$20000,MATCH($B14,'CPT Data'!$B$12:$B$20000,1))&lt;2,INDEX('p-y cyclic clay'!$GZ$27:$GZ$5000,MATCH($B14,'p-y cyclic clay'!$C$27:$C$5000,1)),INDEX('p-y cyclic clay'!$HZ$27:$HZ$5000,MATCH($B14,'p-y cyclic clay'!$C$27:$C$5000,1))))</f>
        <v>0.63649230038754967</v>
      </c>
      <c r="I14">
        <f>IF($D14="SAND",INDEX('p-y cyclic sand'!$AO$27:$AO$5000,MATCH($B14,'p-y cyclic sand'!$C$27:$C$5000,1)),IF(INDEX('CPT Data'!$S$12:$S$20000,MATCH($B14,'CPT Data'!$B$12:$B$20000,1))&lt;2,INDEX('p-y cyclic clay'!$GN$27:$GN$5000,MATCH($B14,'p-y cyclic clay'!$C$27:$C$5000,1)),INDEX('p-y cyclic clay'!$HN$27:$HN$5000,MATCH($B14,'p-y cyclic clay'!$C$27:$C$5000,1))))</f>
        <v>114.02042840591758</v>
      </c>
      <c r="J14">
        <f>IF($D14="SAND",INDEX('p-y cyclic sand'!$AB$27:$AB$5000,MATCH($B14,'p-y cyclic sand'!$C$27:$C$5000,1)),IF(INDEX('CPT Data'!$S$12:$S$20000,MATCH($B14,'CPT Data'!$B$12:$B$20000,1))&lt;2,INDEX('p-y cyclic clay'!$HA$27:$HA$5000,MATCH($B14,'p-y cyclic clay'!$C$27:$C$5000,1)),INDEX('p-y cyclic clay'!$IA$27:$IA$5000,MATCH($B14,'p-y cyclic clay'!$C$27:$C$5000,1))))</f>
        <v>6.1661132457471393</v>
      </c>
      <c r="K14">
        <f>IF($D14="SAND",INDEX('p-y cyclic sand'!$AP$27:$AP$5000,MATCH($B14,'p-y cyclic sand'!$C$27:$C$5000,1)),IF(INDEX('CPT Data'!$S$12:$S$20000,MATCH($B14,'CPT Data'!$B$12:$B$20000,1))&lt;2,INDEX('p-y cyclic clay'!$GO$27:$GO$5000,MATCH($B14,'p-y cyclic clay'!$C$27:$C$5000,1)),INDEX('p-y cyclic clay'!$HO$27:$HO$5000,MATCH($B14,'p-y cyclic clay'!$C$27:$C$5000,1))))</f>
        <v>168.44120199107991</v>
      </c>
      <c r="L14">
        <f>IF($D14="SAND",INDEX('p-y cyclic sand'!$AC$27:$AC$5000,MATCH($B14,'p-y cyclic sand'!$C$27:$C$5000,1)),IF(INDEX('CPT Data'!$S$12:$S$20000,MATCH($B14,'CPT Data'!$B$12:$B$20000,1))&lt;2,INDEX('p-y cyclic clay'!$HB$27:$HB$5000,MATCH($B14,'p-y cyclic clay'!$C$27:$C$5000,1)),INDEX('p-y cyclic clay'!$IB$27:$IB$5000,MATCH($B14,'p-y cyclic clay'!$C$27:$C$5000,1))))</f>
        <v>10.624649196368589</v>
      </c>
      <c r="M14">
        <f>IF($D14="SAND",INDEX('p-y cyclic sand'!$AQ$27:$AQ$5000,MATCH($B14,'p-y cyclic sand'!$C$27:$C$5000,1)),IF(INDEX('CPT Data'!$S$12:$S$20000,MATCH($B14,'CPT Data'!$B$12:$B$20000,1))&lt;2,INDEX('p-y cyclic clay'!$GP$27:$GP$5000,MATCH($B14,'p-y cyclic clay'!$C$27:$C$5000,1)),INDEX('p-y cyclic clay'!$HP$27:$HP$5000,MATCH($B14,'p-y cyclic clay'!$C$27:$C$5000,1))))</f>
        <v>220.66708985423554</v>
      </c>
      <c r="N14">
        <f>IF($D14="SAND",INDEX('p-y cyclic sand'!$AD$27:$AD$5000,MATCH($B14,'p-y cyclic sand'!$C$27:$C$5000,1)),IF(INDEX('CPT Data'!$S$12:$S$20000,MATCH($B14,'CPT Data'!$B$12:$B$20000,1))&lt;2,INDEX('p-y cyclic clay'!$HC$27:$HC$5000,MATCH($B14,'p-y cyclic clay'!$C$27:$C$5000,1)),INDEX('p-y cyclic clay'!$IC$27:$IC$5000,MATCH($B14,'p-y cyclic clay'!$C$27:$C$5000,1))))</f>
        <v>17.523419795161399</v>
      </c>
      <c r="O14">
        <f>IF($D14="SAND",INDEX('p-y cyclic sand'!$AR$27:$AR$5000,MATCH($B14,'p-y cyclic sand'!$C$27:$C$5000,1)),IF(INDEX('CPT Data'!$S$12:$S$20000,MATCH($B14,'CPT Data'!$B$12:$B$20000,1))&lt;2,INDEX('p-y cyclic clay'!$GQ$27:$GQ$5000,MATCH($B14,'p-y cyclic clay'!$C$27:$C$5000,1)),INDEX('p-y cyclic clay'!$HQ$27:$HQ$5000,MATCH($B14,'p-y cyclic clay'!$C$27:$C$5000,1))))</f>
        <v>270.16230745233656</v>
      </c>
      <c r="P14">
        <f>IF($D14="SAND",INDEX('p-y cyclic sand'!$AE$27:$AE$5000,MATCH($B14,'p-y cyclic sand'!$C$27:$C$5000,1)),IF(INDEX('CPT Data'!$S$12:$S$20000,MATCH($B14,'CPT Data'!$B$12:$B$20000,1))&lt;2,INDEX('p-y cyclic clay'!$HD$27:$HD$5000,MATCH($B14,'p-y cyclic clay'!$C$27:$C$5000,1)),INDEX('p-y cyclic clay'!$ID$27:$ID$5000,MATCH($B14,'p-y cyclic clay'!$C$27:$C$5000,1))))</f>
        <v>26.32549068856499</v>
      </c>
      <c r="Q14">
        <f>IF($D14="SAND",INDEX('p-y cyclic sand'!$AS$27:$AS$5000,MATCH($B14,'p-y cyclic sand'!$C$27:$C$5000,1)),IF(INDEX('CPT Data'!$S$12:$S$20000,MATCH($B14,'CPT Data'!$B$12:$B$20000,1))&lt;2,INDEX('p-y cyclic clay'!$GR$27:$GR$5000,MATCH($B14,'p-y cyclic clay'!$C$27:$C$5000,1)),INDEX('p-y cyclic clay'!$HR$27:$HR$5000,MATCH($B14,'p-y cyclic clay'!$C$27:$C$5000,1))))</f>
        <v>316.11931392291206</v>
      </c>
      <c r="R14">
        <f>IF($D14="SAND",INDEX('p-y cyclic sand'!$AF$27:$AF$5000,MATCH($B14,'p-y cyclic sand'!$C$27:$C$5000,1)),IF(INDEX('CPT Data'!$S$12:$S$20000,MATCH($B14,'CPT Data'!$B$12:$B$20000,1))&lt;2,INDEX('p-y cyclic clay'!$HE$27:$HE$5000,MATCH($B14,'p-y cyclic clay'!$C$27:$C$5000,1)),INDEX('p-y cyclic clay'!$IE$27:$IE$5000,MATCH($B14,'p-y cyclic clay'!$C$27:$C$5000,1))))</f>
        <v>39.628683463232974</v>
      </c>
      <c r="S14">
        <f>IF($D14="SAND",INDEX('p-y cyclic sand'!$AT$27:$AT$5000,MATCH($B14,'p-y cyclic sand'!$C$27:$C$5000,1)),IF(INDEX('CPT Data'!$S$12:$S$20000,MATCH($B14,'CPT Data'!$B$12:$B$20000,1))&lt;2,INDEX('p-y cyclic clay'!$GS$27:$GS$5000,MATCH($B14,'p-y cyclic clay'!$C$27:$C$5000,1)),INDEX('p-y cyclic clay'!$HS$27:$HS$5000,MATCH($B14,'p-y cyclic clay'!$C$27:$C$5000,1))))</f>
        <v>357.22101190076438</v>
      </c>
      <c r="T14">
        <f>IF($D14="SAND",INDEX('p-y cyclic sand'!$AG$27:$AG$5000,MATCH($B14,'p-y cyclic sand'!$C$27:$C$5000,1)),IF(INDEX('CPT Data'!$S$12:$S$20000,MATCH($B14,'CPT Data'!$B$12:$B$20000,1))&lt;2,INDEX('p-y cyclic clay'!$HF$27:$HF$5000,MATCH($B14,'p-y cyclic clay'!$C$27:$C$5000,1)),INDEX('p-y cyclic clay'!$IF$27:$IF$5000,MATCH($B14,'p-y cyclic clay'!$C$27:$C$5000,1))))</f>
        <v>54.529721718524257</v>
      </c>
      <c r="U14">
        <f>IF($D14="SAND",INDEX('p-y cyclic sand'!$AU$27:$AU$5000,MATCH($B14,'p-y cyclic sand'!$C$27:$C$5000,1)),IF(INDEX('CPT Data'!$S$12:$S$20000,MATCH($B14,'CPT Data'!$B$12:$B$20000,1))&lt;2,INDEX('p-y cyclic clay'!$GT$27:$GT$5000,MATCH($B14,'p-y cyclic clay'!$C$27:$C$5000,1)),INDEX('p-y cyclic clay'!$HT$27:$HT$5000,MATCH($B14,'p-y cyclic clay'!$C$27:$C$5000,1))))</f>
        <v>391.05524384071344</v>
      </c>
      <c r="V14">
        <f>IF($D14="SAND",INDEX('p-y cyclic sand'!$AH$27:$AH$5000,MATCH($B14,'p-y cyclic sand'!$C$27:$C$5000,1)),IF(INDEX('CPT Data'!$S$12:$S$20000,MATCH($B14,'CPT Data'!$B$12:$B$20000,1))&lt;2,INDEX('p-y cyclic clay'!$HG$27:$HG$5000,MATCH($B14,'p-y cyclic clay'!$C$27:$C$5000,1)),INDEX('p-y cyclic clay'!$IG$27:$IG$5000,MATCH($B14,'p-y cyclic clay'!$C$27:$C$5000,1))))</f>
        <v>78.886744989785655</v>
      </c>
      <c r="W14">
        <f>IF($D14="SAND",INDEX('p-y cyclic sand'!$AV$27:$AV$5000,MATCH($B14,'p-y cyclic sand'!$C$27:$C$5000,1)),IF(INDEX('CPT Data'!$S$12:$S$20000,MATCH($B14,'CPT Data'!$B$12:$B$20000,1))&lt;2,INDEX('p-y cyclic clay'!$GU$27:$GU$5000,MATCH($B14,'p-y cyclic clay'!$C$27:$C$5000,1)),INDEX('p-y cyclic clay'!$HU$27:$HU$5000,MATCH($B14,'p-y cyclic clay'!$C$27:$C$5000,1))))</f>
        <v>412.28431675560523</v>
      </c>
      <c r="X14">
        <f>IF($D14="SAND",INDEX('p-y cyclic sand'!$AI$27:$AI$5000,MATCH($B14,'p-y cyclic sand'!$C$27:$C$5000,1)),IF(INDEX('CPT Data'!$S$12:$S$20000,MATCH($B14,'CPT Data'!$B$12:$B$20000,1))&lt;2,INDEX('p-y cyclic clay'!$HH$27:$HH$5000,MATCH($B14,'p-y cyclic clay'!$C$27:$C$5000,1)),INDEX('p-y cyclic clay'!$IH$27:$IH$5000,MATCH($B14,'p-y cyclic clay'!$C$27:$C$5000,1))))</f>
        <v>114.56927599061453</v>
      </c>
      <c r="Y14">
        <f>IF($D14="SAND",INDEX('p-y cyclic sand'!$AW$27:$AW$5000,MATCH($B14,'p-y cyclic sand'!$C$27:$C$5000,1)),IF(INDEX('CPT Data'!$S$12:$S$20000,MATCH($B14,'CPT Data'!$B$12:$B$20000,1))&lt;2,INDEX('p-y cyclic clay'!$GV$27:$GV$5000,MATCH($B14,'p-y cyclic clay'!$C$27:$C$5000,1)),INDEX('p-y cyclic clay'!$HV$27:$HV$5000,MATCH($B14,'p-y cyclic clay'!$C$27:$C$5000,1))))</f>
        <v>431.4420856764537</v>
      </c>
      <c r="Z14">
        <f>IF($D14="SAND",INDEX('p-y cyclic sand'!$AJ$27:$AJ$5000,MATCH($B14,'p-y cyclic sand'!$C$27:$C$5000,1)),IF(INDEX('CPT Data'!$S$12:$S$20000,MATCH($B14,'CPT Data'!$B$12:$B$20000,1))&lt;2,INDEX('p-y cyclic clay'!$HI$27:$HI$5000,MATCH($B14,'p-y cyclic clay'!$C$27:$C$5000,1)),INDEX('p-y cyclic clay'!$II$27:$II$5000,MATCH($B14,'p-y cyclic clay'!$C$27:$C$5000,1))))</f>
        <v>195.83733293172176</v>
      </c>
      <c r="AA14">
        <f>IF($D14="SAND",INDEX('p-y cyclic sand'!$AX$27:$AX$5000,MATCH($B14,'p-y cyclic sand'!$C$27:$C$5000,1)),IF(INDEX('CPT Data'!$S$12:$S$20000,MATCH($B14,'CPT Data'!$B$12:$B$20000,1))&lt;2,INDEX('p-y cyclic clay'!$GW$27:$GW$5000,MATCH($B14,'p-y cyclic clay'!$C$27:$C$5000,1)),INDEX('p-y cyclic clay'!$HW$27:$HW$5000,MATCH($B14,'p-y cyclic clay'!$C$27:$C$5000,1))))</f>
        <v>442.50470325790127</v>
      </c>
      <c r="AB14">
        <f>IF($D14="SAND",INDEX('p-y cyclic sand'!$AK$27:$AK$5000,MATCH($B14,'p-y cyclic sand'!$C$27:$C$5000,1)),IF(INDEX('CPT Data'!$S$12:$S$20000,MATCH($B14,'CPT Data'!$B$12:$B$20000,1))&lt;2,INDEX('p-y cyclic clay'!$HJ$27:$HJ$5000,MATCH($B14,'p-y cyclic clay'!$C$27:$C$5000,1)),INDEX('p-y cyclic clay'!$IJ$27:$IJ$5000,MATCH($B14,'p-y cyclic clay'!$C$27:$C$5000,1))))</f>
        <v>326.39555488620294</v>
      </c>
      <c r="AC14">
        <f>IF($D14="SAND",INDEX('p-y cyclic sand'!$AY$27:$AY$5000,MATCH($B14,'p-y cyclic sand'!$C$27:$C$5000,1)),IF(INDEX('CPT Data'!$S$12:$S$20000,MATCH($B14,'CPT Data'!$B$12:$B$20000,1))&lt;2,INDEX('p-y cyclic clay'!$GX$27:$GX$5000,MATCH($B14,'p-y cyclic clay'!$C$27:$C$5000,1)),INDEX('p-y cyclic clay'!$HX$27:$HX$5000,MATCH($B14,'p-y cyclic clay'!$C$27:$C$5000,1))))</f>
        <v>442.50470325790127</v>
      </c>
      <c r="AD14" s="98">
        <f>IF($D14="SAND",INDEX('p-y cyclic sand'!$AL$27:$AL$5000,MATCH($B14,'p-y cyclic sand'!$C$27:$C$5000,1)),IF(INDEX('CPT Data'!$S$12:$S$20000,MATCH($B14,'CPT Data'!$B$12:$B$20000,1))&lt;2,INDEX('p-y cyclic clay'!$HK$27:$HK$5000,MATCH($B14,'p-y cyclic clay'!$C$27:$C$5000,1)),INDEX('p-y cyclic clay'!$IK$27:$IK$5000,MATCH($B14,'p-y cyclic clay'!$C$27:$C$5000,1))))</f>
        <v>3916.7466586344349</v>
      </c>
    </row>
    <row r="15" spans="1:30" x14ac:dyDescent="0.2">
      <c r="A15" s="214">
        <f t="shared" si="0"/>
        <v>-25.5</v>
      </c>
      <c r="B15" s="216">
        <f>'p-y cyclic clay'!C36</f>
        <v>10</v>
      </c>
      <c r="C15">
        <f>INDEX('CPT Data'!$C$13:$C$20000,MATCH(B15,'CPT Data'!$B$13:$B$20000,1))</f>
        <v>9.9860000000000007</v>
      </c>
      <c r="D15" s="216" t="str">
        <f>INDEX('CPT Data'!$P$13:$P$20000,MATCH(B15,'CPT Data'!$B$13:$B$20000,1))</f>
        <v>CLAY</v>
      </c>
      <c r="E15">
        <f>IF($D15="SAND",INDEX('p-y cyclic sand'!$AM$27:$AM$5000,MATCH($B15,'p-y cyclic sand'!$C$27:$C$5000,1)),IF(INDEX('CPT Data'!$S$12:$S$20000,MATCH($B15,'CPT Data'!$B$12:$B$20000,1))&lt;2,INDEX('p-y cyclic clay'!$GL$27:$GL$5000,MATCH($B15,'p-y cyclic clay'!$C$27:$C$5000,1)),INDEX('p-y cyclic clay'!$HL$27:$HL$5000,MATCH($B15,'p-y cyclic clay'!$C$27:$C$5000,1))))</f>
        <v>0</v>
      </c>
      <c r="F15">
        <f>IF($D15="SAND",INDEX('p-y cyclic sand'!$Z$27:$Z$5000,MATCH($B15,'p-y cyclic sand'!$C$27:$C$5000,1)),IF(INDEX('CPT Data'!$S$12:$S$20000,MATCH($B15,'CPT Data'!$B$12:$B$20000,1))&lt;2,INDEX('p-y cyclic clay'!$GY$27:$GY$5000,MATCH($B15,'p-y cyclic clay'!$C$27:$C$5000,1)),INDEX('p-y cyclic clay'!$HY$27:$HY$5000,MATCH($B15,'p-y cyclic clay'!$C$27:$C$5000,1))))</f>
        <v>0</v>
      </c>
      <c r="G15">
        <f>IF($D15="SAND",INDEX('p-y cyclic sand'!$AN$27:$AN$5000,MATCH($B15,'p-y cyclic sand'!$C$27:$C$5000,1)),IF(INDEX('CPT Data'!$S$12:$S$20000,MATCH($B15,'CPT Data'!$B$12:$B$20000,1))&lt;2,INDEX('p-y cyclic clay'!$GM$27:$GM$5000,MATCH($B15,'p-y cyclic clay'!$C$27:$C$5000,1)),INDEX('p-y cyclic clay'!$HM$27:$HM$5000,MATCH($B15,'p-y cyclic clay'!$C$27:$C$5000,1))))</f>
        <v>30.421991331387602</v>
      </c>
      <c r="H15">
        <f>IF($D15="SAND",INDEX('p-y cyclic sand'!$AA$27:$AA$5000,MATCH($B15,'p-y cyclic sand'!$C$27:$C$5000,1)),IF(INDEX('CPT Data'!$S$12:$S$20000,MATCH($B15,'CPT Data'!$B$12:$B$20000,1))&lt;2,INDEX('p-y cyclic clay'!$GZ$27:$GZ$5000,MATCH($B15,'p-y cyclic clay'!$C$27:$C$5000,1)),INDEX('p-y cyclic clay'!$HZ$27:$HZ$5000,MATCH($B15,'p-y cyclic clay'!$C$27:$C$5000,1))))</f>
        <v>0.6391492365611241</v>
      </c>
      <c r="I15">
        <f>IF($D15="SAND",INDEX('p-y cyclic sand'!$AO$27:$AO$5000,MATCH($B15,'p-y cyclic sand'!$C$27:$C$5000,1)),IF(INDEX('CPT Data'!$S$12:$S$20000,MATCH($B15,'CPT Data'!$B$12:$B$20000,1))&lt;2,INDEX('p-y cyclic clay'!$GN$27:$GN$5000,MATCH($B15,'p-y cyclic clay'!$C$27:$C$5000,1)),INDEX('p-y cyclic clay'!$HN$27:$HN$5000,MATCH($B15,'p-y cyclic clay'!$C$27:$C$5000,1))))</f>
        <v>119.38600644323738</v>
      </c>
      <c r="J15">
        <f>IF($D15="SAND",INDEX('p-y cyclic sand'!$AB$27:$AB$5000,MATCH($B15,'p-y cyclic sand'!$C$27:$C$5000,1)),IF(INDEX('CPT Data'!$S$12:$S$20000,MATCH($B15,'CPT Data'!$B$12:$B$20000,1))&lt;2,INDEX('p-y cyclic clay'!$HA$27:$HA$5000,MATCH($B15,'p-y cyclic clay'!$C$27:$C$5000,1)),INDEX('p-y cyclic clay'!$IA$27:$IA$5000,MATCH($B15,'p-y cyclic clay'!$C$27:$C$5000,1))))</f>
        <v>6.1971119200357254</v>
      </c>
      <c r="K15">
        <f>IF($D15="SAND",INDEX('p-y cyclic sand'!$AP$27:$AP$5000,MATCH($B15,'p-y cyclic sand'!$C$27:$C$5000,1)),IF(INDEX('CPT Data'!$S$12:$S$20000,MATCH($B15,'CPT Data'!$B$12:$B$20000,1))&lt;2,INDEX('p-y cyclic clay'!$GO$27:$GO$5000,MATCH($B15,'p-y cyclic clay'!$C$27:$C$5000,1)),INDEX('p-y cyclic clay'!$HO$27:$HO$5000,MATCH($B15,'p-y cyclic clay'!$C$27:$C$5000,1))))</f>
        <v>176.44490392089907</v>
      </c>
      <c r="L15">
        <f>IF($D15="SAND",INDEX('p-y cyclic sand'!$AC$27:$AC$5000,MATCH($B15,'p-y cyclic sand'!$C$27:$C$5000,1)),IF(INDEX('CPT Data'!$S$12:$S$20000,MATCH($B15,'CPT Data'!$B$12:$B$20000,1))&lt;2,INDEX('p-y cyclic clay'!$HB$27:$HB$5000,MATCH($B15,'p-y cyclic clay'!$C$27:$C$5000,1)),INDEX('p-y cyclic clay'!$IB$27:$IB$5000,MATCH($B15,'p-y cyclic clay'!$C$27:$C$5000,1))))</f>
        <v>10.686261051230856</v>
      </c>
      <c r="M15">
        <f>IF($D15="SAND",INDEX('p-y cyclic sand'!$AQ$27:$AQ$5000,MATCH($B15,'p-y cyclic sand'!$C$27:$C$5000,1)),IF(INDEX('CPT Data'!$S$12:$S$20000,MATCH($B15,'CPT Data'!$B$12:$B$20000,1))&lt;2,INDEX('p-y cyclic clay'!$GP$27:$GP$5000,MATCH($B15,'p-y cyclic clay'!$C$27:$C$5000,1)),INDEX('p-y cyclic clay'!$HP$27:$HP$5000,MATCH($B15,'p-y cyclic clay'!$C$27:$C$5000,1))))</f>
        <v>231.28483672120106</v>
      </c>
      <c r="N15">
        <f>IF($D15="SAND",INDEX('p-y cyclic sand'!$AD$27:$AD$5000,MATCH($B15,'p-y cyclic sand'!$C$27:$C$5000,1)),IF(INDEX('CPT Data'!$S$12:$S$20000,MATCH($B15,'CPT Data'!$B$12:$B$20000,1))&lt;2,INDEX('p-y cyclic clay'!$HC$27:$HC$5000,MATCH($B15,'p-y cyclic clay'!$C$27:$C$5000,1)),INDEX('p-y cyclic clay'!$IC$27:$IC$5000,MATCH($B15,'p-y cyclic clay'!$C$27:$C$5000,1))))</f>
        <v>17.642995207443217</v>
      </c>
      <c r="O15">
        <f>IF($D15="SAND",INDEX('p-y cyclic sand'!$AR$27:$AR$5000,MATCH($B15,'p-y cyclic sand'!$C$27:$C$5000,1)),IF(INDEX('CPT Data'!$S$12:$S$20000,MATCH($B15,'CPT Data'!$B$12:$B$20000,1))&lt;2,INDEX('p-y cyclic clay'!$GQ$27:$GQ$5000,MATCH($B15,'p-y cyclic clay'!$C$27:$C$5000,1)),INDEX('p-y cyclic clay'!$HQ$27:$HQ$5000,MATCH($B15,'p-y cyclic clay'!$C$27:$C$5000,1))))</f>
        <v>283.38262226201095</v>
      </c>
      <c r="P15">
        <f>IF($D15="SAND",INDEX('p-y cyclic sand'!$AE$27:$AE$5000,MATCH($B15,'p-y cyclic sand'!$C$27:$C$5000,1)),IF(INDEX('CPT Data'!$S$12:$S$20000,MATCH($B15,'CPT Data'!$B$12:$B$20000,1))&lt;2,INDEX('p-y cyclic clay'!$HD$27:$HD$5000,MATCH($B15,'p-y cyclic clay'!$C$27:$C$5000,1)),INDEX('p-y cyclic clay'!$ID$27:$ID$5000,MATCH($B15,'p-y cyclic clay'!$C$27:$C$5000,1))))</f>
        <v>26.542511448567513</v>
      </c>
      <c r="Q15">
        <f>IF($D15="SAND",INDEX('p-y cyclic sand'!$AS$27:$AS$5000,MATCH($B15,'p-y cyclic sand'!$C$27:$C$5000,1)),IF(INDEX('CPT Data'!$S$12:$S$20000,MATCH($B15,'CPT Data'!$B$12:$B$20000,1))&lt;2,INDEX('p-y cyclic clay'!$GR$27:$GR$5000,MATCH($B15,'p-y cyclic clay'!$C$27:$C$5000,1)),INDEX('p-y cyclic clay'!$HR$27:$HR$5000,MATCH($B15,'p-y cyclic clay'!$C$27:$C$5000,1))))</f>
        <v>331.96030328349315</v>
      </c>
      <c r="R15">
        <f>IF($D15="SAND",INDEX('p-y cyclic sand'!$AF$27:$AF$5000,MATCH($B15,'p-y cyclic sand'!$C$27:$C$5000,1)),IF(INDEX('CPT Data'!$S$12:$S$20000,MATCH($B15,'CPT Data'!$B$12:$B$20000,1))&lt;2,INDEX('p-y cyclic clay'!$HE$27:$HE$5000,MATCH($B15,'p-y cyclic clay'!$C$27:$C$5000,1)),INDEX('p-y cyclic clay'!$IE$27:$IE$5000,MATCH($B15,'p-y cyclic clay'!$C$27:$C$5000,1))))</f>
        <v>40.037961450501079</v>
      </c>
      <c r="S15">
        <f>IF($D15="SAND",INDEX('p-y cyclic sand'!$AT$27:$AT$5000,MATCH($B15,'p-y cyclic sand'!$C$27:$C$5000,1)),IF(INDEX('CPT Data'!$S$12:$S$20000,MATCH($B15,'CPT Data'!$B$12:$B$20000,1))&lt;2,INDEX('p-y cyclic clay'!$GS$27:$GS$5000,MATCH($B15,'p-y cyclic clay'!$C$27:$C$5000,1)),INDEX('p-y cyclic clay'!$HS$27:$HS$5000,MATCH($B15,'p-y cyclic clay'!$C$27:$C$5000,1))))</f>
        <v>375.77308676488718</v>
      </c>
      <c r="T15">
        <f>IF($D15="SAND",INDEX('p-y cyclic sand'!$AG$27:$AG$5000,MATCH($B15,'p-y cyclic sand'!$C$27:$C$5000,1)),IF(INDEX('CPT Data'!$S$12:$S$20000,MATCH($B15,'CPT Data'!$B$12:$B$20000,1))&lt;2,INDEX('p-y cyclic clay'!$HF$27:$HF$5000,MATCH($B15,'p-y cyclic clay'!$C$27:$C$5000,1)),INDEX('p-y cyclic clay'!$IF$27:$IF$5000,MATCH($B15,'p-y cyclic clay'!$C$27:$C$5000,1))))</f>
        <v>55.273981861546034</v>
      </c>
      <c r="U15">
        <f>IF($D15="SAND",INDEX('p-y cyclic sand'!$AU$27:$AU$5000,MATCH($B15,'p-y cyclic sand'!$C$27:$C$5000,1)),IF(INDEX('CPT Data'!$S$12:$S$20000,MATCH($B15,'CPT Data'!$B$12:$B$20000,1))&lt;2,INDEX('p-y cyclic clay'!$GT$27:$GT$5000,MATCH($B15,'p-y cyclic clay'!$C$27:$C$5000,1)),INDEX('p-y cyclic clay'!$HT$27:$HT$5000,MATCH($B15,'p-y cyclic clay'!$C$27:$C$5000,1))))</f>
        <v>412.6068170100956</v>
      </c>
      <c r="V15">
        <f>IF($D15="SAND",INDEX('p-y cyclic sand'!$AH$27:$AH$5000,MATCH($B15,'p-y cyclic sand'!$C$27:$C$5000,1)),IF(INDEX('CPT Data'!$S$12:$S$20000,MATCH($B15,'CPT Data'!$B$12:$B$20000,1))&lt;2,INDEX('p-y cyclic clay'!$HG$27:$HG$5000,MATCH($B15,'p-y cyclic clay'!$C$27:$C$5000,1)),INDEX('p-y cyclic clay'!$IG$27:$IG$5000,MATCH($B15,'p-y cyclic clay'!$C$27:$C$5000,1))))</f>
        <v>80.437767017602127</v>
      </c>
      <c r="W15">
        <f>IF($D15="SAND",INDEX('p-y cyclic sand'!$AV$27:$AV$5000,MATCH($B15,'p-y cyclic sand'!$C$27:$C$5000,1)),IF(INDEX('CPT Data'!$S$12:$S$20000,MATCH($B15,'CPT Data'!$B$12:$B$20000,1))&lt;2,INDEX('p-y cyclic clay'!$GU$27:$GU$5000,MATCH($B15,'p-y cyclic clay'!$C$27:$C$5000,1)),INDEX('p-y cyclic clay'!$HU$27:$HU$5000,MATCH($B15,'p-y cyclic clay'!$C$27:$C$5000,1))))</f>
        <v>437.80311979173041</v>
      </c>
      <c r="X15">
        <f>IF($D15="SAND",INDEX('p-y cyclic sand'!$AI$27:$AI$5000,MATCH($B15,'p-y cyclic sand'!$C$27:$C$5000,1)),IF(INDEX('CPT Data'!$S$12:$S$20000,MATCH($B15,'CPT Data'!$B$12:$B$20000,1))&lt;2,INDEX('p-y cyclic clay'!$HH$27:$HH$5000,MATCH($B15,'p-y cyclic clay'!$C$27:$C$5000,1)),INDEX('p-y cyclic clay'!$IH$27:$IH$5000,MATCH($B15,'p-y cyclic clay'!$C$27:$C$5000,1))))</f>
        <v>118.38779239937621</v>
      </c>
      <c r="Y15">
        <f>IF($D15="SAND",INDEX('p-y cyclic sand'!$AW$27:$AW$5000,MATCH($B15,'p-y cyclic sand'!$C$27:$C$5000,1)),IF(INDEX('CPT Data'!$S$12:$S$20000,MATCH($B15,'CPT Data'!$B$12:$B$20000,1))&lt;2,INDEX('p-y cyclic clay'!$GV$27:$GV$5000,MATCH($B15,'p-y cyclic clay'!$C$27:$C$5000,1)),INDEX('p-y cyclic clay'!$HV$27:$HV$5000,MATCH($B15,'p-y cyclic clay'!$C$27:$C$5000,1))))</f>
        <v>450.3558229890827</v>
      </c>
      <c r="Z15">
        <f>IF($D15="SAND",INDEX('p-y cyclic sand'!$AJ$27:$AJ$5000,MATCH($B15,'p-y cyclic sand'!$C$27:$C$5000,1)),IF(INDEX('CPT Data'!$S$12:$S$20000,MATCH($B15,'CPT Data'!$B$12:$B$20000,1))&lt;2,INDEX('p-y cyclic clay'!$HI$27:$HI$5000,MATCH($B15,'p-y cyclic clay'!$C$27:$C$5000,1)),INDEX('p-y cyclic clay'!$II$27:$II$5000,MATCH($B15,'p-y cyclic clay'!$C$27:$C$5000,1))))</f>
        <v>195.83733293172176</v>
      </c>
      <c r="AA15">
        <f>IF($D15="SAND",INDEX('p-y cyclic sand'!$AX$27:$AX$5000,MATCH($B15,'p-y cyclic sand'!$C$27:$C$5000,1)),IF(INDEX('CPT Data'!$S$12:$S$20000,MATCH($B15,'CPT Data'!$B$12:$B$20000,1))&lt;2,INDEX('p-y cyclic clay'!$GW$27:$GW$5000,MATCH($B15,'p-y cyclic clay'!$C$27:$C$5000,1)),INDEX('p-y cyclic clay'!$HW$27:$HW$5000,MATCH($B15,'p-y cyclic clay'!$C$27:$C$5000,1))))</f>
        <v>461.903408193931</v>
      </c>
      <c r="AB15">
        <f>IF($D15="SAND",INDEX('p-y cyclic sand'!$AK$27:$AK$5000,MATCH($B15,'p-y cyclic sand'!$C$27:$C$5000,1)),IF(INDEX('CPT Data'!$S$12:$S$20000,MATCH($B15,'CPT Data'!$B$12:$B$20000,1))&lt;2,INDEX('p-y cyclic clay'!$HJ$27:$HJ$5000,MATCH($B15,'p-y cyclic clay'!$C$27:$C$5000,1)),INDEX('p-y cyclic clay'!$IJ$27:$IJ$5000,MATCH($B15,'p-y cyclic clay'!$C$27:$C$5000,1))))</f>
        <v>326.39555488620294</v>
      </c>
      <c r="AC15">
        <f>IF($D15="SAND",INDEX('p-y cyclic sand'!$AY$27:$AY$5000,MATCH($B15,'p-y cyclic sand'!$C$27:$C$5000,1)),IF(INDEX('CPT Data'!$S$12:$S$20000,MATCH($B15,'CPT Data'!$B$12:$B$20000,1))&lt;2,INDEX('p-y cyclic clay'!$GX$27:$GX$5000,MATCH($B15,'p-y cyclic clay'!$C$27:$C$5000,1)),INDEX('p-y cyclic clay'!$HX$27:$HX$5000,MATCH($B15,'p-y cyclic clay'!$C$27:$C$5000,1))))</f>
        <v>461.903408193931</v>
      </c>
      <c r="AD15" s="98">
        <f>IF($D15="SAND",INDEX('p-y cyclic sand'!$AL$27:$AL$5000,MATCH($B15,'p-y cyclic sand'!$C$27:$C$5000,1)),IF(INDEX('CPT Data'!$S$12:$S$20000,MATCH($B15,'CPT Data'!$B$12:$B$20000,1))&lt;2,INDEX('p-y cyclic clay'!$HK$27:$HK$5000,MATCH($B15,'p-y cyclic clay'!$C$27:$C$5000,1)),INDEX('p-y cyclic clay'!$IK$27:$IK$5000,MATCH($B15,'p-y cyclic clay'!$C$27:$C$5000,1))))</f>
        <v>3916.7466586344349</v>
      </c>
    </row>
    <row r="16" spans="1:30" x14ac:dyDescent="0.2">
      <c r="A16" s="214">
        <f t="shared" si="0"/>
        <v>-26.5</v>
      </c>
      <c r="B16" s="216">
        <f>'p-y cyclic clay'!C37</f>
        <v>11</v>
      </c>
      <c r="C16">
        <f>INDEX('CPT Data'!$C$13:$C$20000,MATCH(B16,'CPT Data'!$B$13:$B$20000,1))</f>
        <v>10.991</v>
      </c>
      <c r="D16" s="216" t="str">
        <f>INDEX('CPT Data'!$P$13:$P$20000,MATCH(B16,'CPT Data'!$B$13:$B$20000,1))</f>
        <v>CLAY</v>
      </c>
      <c r="E16">
        <f>IF($D16="SAND",INDEX('p-y cyclic sand'!$AM$27:$AM$5000,MATCH($B16,'p-y cyclic sand'!$C$27:$C$5000,1)),IF(INDEX('CPT Data'!$S$12:$S$20000,MATCH($B16,'CPT Data'!$B$12:$B$20000,1))&lt;2,INDEX('p-y cyclic clay'!$GL$27:$GL$5000,MATCH($B16,'p-y cyclic clay'!$C$27:$C$5000,1)),INDEX('p-y cyclic clay'!$HL$27:$HL$5000,MATCH($B16,'p-y cyclic clay'!$C$27:$C$5000,1))))</f>
        <v>0</v>
      </c>
      <c r="F16">
        <f>IF($D16="SAND",INDEX('p-y cyclic sand'!$Z$27:$Z$5000,MATCH($B16,'p-y cyclic sand'!$C$27:$C$5000,1)),IF(INDEX('CPT Data'!$S$12:$S$20000,MATCH($B16,'CPT Data'!$B$12:$B$20000,1))&lt;2,INDEX('p-y cyclic clay'!$GY$27:$GY$5000,MATCH($B16,'p-y cyclic clay'!$C$27:$C$5000,1)),INDEX('p-y cyclic clay'!$HY$27:$HY$5000,MATCH($B16,'p-y cyclic clay'!$C$27:$C$5000,1))))</f>
        <v>0</v>
      </c>
      <c r="G16">
        <f>IF($D16="SAND",INDEX('p-y cyclic sand'!$AN$27:$AN$5000,MATCH($B16,'p-y cyclic sand'!$C$27:$C$5000,1)),IF(INDEX('CPT Data'!$S$12:$S$20000,MATCH($B16,'CPT Data'!$B$12:$B$20000,1))&lt;2,INDEX('p-y cyclic clay'!$GM$27:$GM$5000,MATCH($B16,'p-y cyclic clay'!$C$27:$C$5000,1)),INDEX('p-y cyclic clay'!$HM$27:$HM$5000,MATCH($B16,'p-y cyclic clay'!$C$27:$C$5000,1))))</f>
        <v>34.451359438237787</v>
      </c>
      <c r="H16">
        <f>IF($D16="SAND",INDEX('p-y cyclic sand'!$AA$27:$AA$5000,MATCH($B16,'p-y cyclic sand'!$C$27:$C$5000,1)),IF(INDEX('CPT Data'!$S$12:$S$20000,MATCH($B16,'CPT Data'!$B$12:$B$20000,1))&lt;2,INDEX('p-y cyclic clay'!$GZ$27:$GZ$5000,MATCH($B16,'p-y cyclic clay'!$C$27:$C$5000,1)),INDEX('p-y cyclic clay'!$HZ$27:$HZ$5000,MATCH($B16,'p-y cyclic clay'!$C$27:$C$5000,1))))</f>
        <v>0.64193402410330425</v>
      </c>
      <c r="I16">
        <f>IF($D16="SAND",INDEX('p-y cyclic sand'!$AO$27:$AO$5000,MATCH($B16,'p-y cyclic sand'!$C$27:$C$5000,1)),IF(INDEX('CPT Data'!$S$12:$S$20000,MATCH($B16,'CPT Data'!$B$12:$B$20000,1))&lt;2,INDEX('p-y cyclic clay'!$GN$27:$GN$5000,MATCH($B16,'p-y cyclic clay'!$C$27:$C$5000,1)),INDEX('p-y cyclic clay'!$HN$27:$HN$5000,MATCH($B16,'p-y cyclic clay'!$C$27:$C$5000,1))))</f>
        <v>135.26620002769081</v>
      </c>
      <c r="J16">
        <f>IF($D16="SAND",INDEX('p-y cyclic sand'!$AB$27:$AB$5000,MATCH($B16,'p-y cyclic sand'!$C$27:$C$5000,1)),IF(INDEX('CPT Data'!$S$12:$S$20000,MATCH($B16,'CPT Data'!$B$12:$B$20000,1))&lt;2,INDEX('p-y cyclic clay'!$HA$27:$HA$5000,MATCH($B16,'p-y cyclic clay'!$C$27:$C$5000,1)),INDEX('p-y cyclic clay'!$IA$27:$IA$5000,MATCH($B16,'p-y cyclic clay'!$C$27:$C$5000,1))))</f>
        <v>6.2294882971414918</v>
      </c>
      <c r="K16">
        <f>IF($D16="SAND",INDEX('p-y cyclic sand'!$AP$27:$AP$5000,MATCH($B16,'p-y cyclic sand'!$C$27:$C$5000,1)),IF(INDEX('CPT Data'!$S$12:$S$20000,MATCH($B16,'CPT Data'!$B$12:$B$20000,1))&lt;2,INDEX('p-y cyclic clay'!$GO$27:$GO$5000,MATCH($B16,'p-y cyclic clay'!$C$27:$C$5000,1)),INDEX('p-y cyclic clay'!$HO$27:$HO$5000,MATCH($B16,'p-y cyclic clay'!$C$27:$C$5000,1))))</f>
        <v>200.00335224335996</v>
      </c>
      <c r="L16">
        <f>IF($D16="SAND",INDEX('p-y cyclic sand'!$AC$27:$AC$5000,MATCH($B16,'p-y cyclic sand'!$C$27:$C$5000,1)),IF(INDEX('CPT Data'!$S$12:$S$20000,MATCH($B16,'CPT Data'!$B$12:$B$20000,1))&lt;2,INDEX('p-y cyclic clay'!$HB$27:$HB$5000,MATCH($B16,'p-y cyclic clay'!$C$27:$C$5000,1)),INDEX('p-y cyclic clay'!$IB$27:$IB$5000,MATCH($B16,'p-y cyclic clay'!$C$27:$C$5000,1))))</f>
        <v>10.750414298533807</v>
      </c>
      <c r="M16">
        <f>IF($D16="SAND",INDEX('p-y cyclic sand'!$AQ$27:$AQ$5000,MATCH($B16,'p-y cyclic sand'!$C$27:$C$5000,1)),IF(INDEX('CPT Data'!$S$12:$S$20000,MATCH($B16,'CPT Data'!$B$12:$B$20000,1))&lt;2,INDEX('p-y cyclic clay'!$GP$27:$GP$5000,MATCH($B16,'p-y cyclic clay'!$C$27:$C$5000,1)),INDEX('p-y cyclic clay'!$HP$27:$HP$5000,MATCH($B16,'p-y cyclic clay'!$C$27:$C$5000,1))))</f>
        <v>262.31624245862577</v>
      </c>
      <c r="N16">
        <f>IF($D16="SAND",INDEX('p-y cyclic sand'!$AD$27:$AD$5000,MATCH($B16,'p-y cyclic sand'!$C$27:$C$5000,1)),IF(INDEX('CPT Data'!$S$12:$S$20000,MATCH($B16,'CPT Data'!$B$12:$B$20000,1))&lt;2,INDEX('p-y cyclic clay'!$HC$27:$HC$5000,MATCH($B16,'p-y cyclic clay'!$C$27:$C$5000,1)),INDEX('p-y cyclic clay'!$IC$27:$IC$5000,MATCH($B16,'p-y cyclic clay'!$C$27:$C$5000,1))))</f>
        <v>17.767015035304652</v>
      </c>
      <c r="O16">
        <f>IF($D16="SAND",INDEX('p-y cyclic sand'!$AR$27:$AR$5000,MATCH($B16,'p-y cyclic sand'!$C$27:$C$5000,1)),IF(INDEX('CPT Data'!$S$12:$S$20000,MATCH($B16,'CPT Data'!$B$12:$B$20000,1))&lt;2,INDEX('p-y cyclic clay'!$GQ$27:$GQ$5000,MATCH($B16,'p-y cyclic clay'!$C$27:$C$5000,1)),INDEX('p-y cyclic clay'!$HQ$27:$HQ$5000,MATCH($B16,'p-y cyclic clay'!$C$27:$C$5000,1))))</f>
        <v>321.65343326933123</v>
      </c>
      <c r="P16">
        <f>IF($D16="SAND",INDEX('p-y cyclic sand'!$AE$27:$AE$5000,MATCH($B16,'p-y cyclic sand'!$C$27:$C$5000,1)),IF(INDEX('CPT Data'!$S$12:$S$20000,MATCH($B16,'CPT Data'!$B$12:$B$20000,1))&lt;2,INDEX('p-y cyclic clay'!$HD$27:$HD$5000,MATCH($B16,'p-y cyclic clay'!$C$27:$C$5000,1)),INDEX('p-y cyclic clay'!$ID$27:$ID$5000,MATCH($B16,'p-y cyclic clay'!$C$27:$C$5000,1))))</f>
        <v>26.766428495459088</v>
      </c>
      <c r="Q16">
        <f>IF($D16="SAND",INDEX('p-y cyclic sand'!$AS$27:$AS$5000,MATCH($B16,'p-y cyclic sand'!$C$27:$C$5000,1)),IF(INDEX('CPT Data'!$S$12:$S$20000,MATCH($B16,'CPT Data'!$B$12:$B$20000,1))&lt;2,INDEX('p-y cyclic clay'!$GR$27:$GR$5000,MATCH($B16,'p-y cyclic clay'!$C$27:$C$5000,1)),INDEX('p-y cyclic clay'!$HR$27:$HR$5000,MATCH($B16,'p-y cyclic clay'!$C$27:$C$5000,1))))</f>
        <v>377.20595616494677</v>
      </c>
      <c r="R16">
        <f>IF($D16="SAND",INDEX('p-y cyclic sand'!$AF$27:$AF$5000,MATCH($B16,'p-y cyclic sand'!$C$27:$C$5000,1)),IF(INDEX('CPT Data'!$S$12:$S$20000,MATCH($B16,'CPT Data'!$B$12:$B$20000,1))&lt;2,INDEX('p-y cyclic clay'!$HE$27:$HE$5000,MATCH($B16,'p-y cyclic clay'!$C$27:$C$5000,1)),INDEX('p-y cyclic clay'!$IE$27:$IE$5000,MATCH($B16,'p-y cyclic clay'!$C$27:$C$5000,1))))</f>
        <v>40.45719372640896</v>
      </c>
      <c r="S16">
        <f>IF($D16="SAND",INDEX('p-y cyclic sand'!$AT$27:$AT$5000,MATCH($B16,'p-y cyclic sand'!$C$27:$C$5000,1)),IF(INDEX('CPT Data'!$S$12:$S$20000,MATCH($B16,'CPT Data'!$B$12:$B$20000,1))&lt;2,INDEX('p-y cyclic clay'!$GS$27:$GS$5000,MATCH($B16,'p-y cyclic clay'!$C$27:$C$5000,1)),INDEX('p-y cyclic clay'!$HS$27:$HS$5000,MATCH($B16,'p-y cyclic clay'!$C$27:$C$5000,1))))</f>
        <v>427.70359441233853</v>
      </c>
      <c r="T16">
        <f>IF($D16="SAND",INDEX('p-y cyclic sand'!$AG$27:$AG$5000,MATCH($B16,'p-y cyclic sand'!$C$27:$C$5000,1)),IF(INDEX('CPT Data'!$S$12:$S$20000,MATCH($B16,'CPT Data'!$B$12:$B$20000,1))&lt;2,INDEX('p-y cyclic clay'!$HF$27:$HF$5000,MATCH($B16,'p-y cyclic clay'!$C$27:$C$5000,1)),INDEX('p-y cyclic clay'!$IF$27:$IF$5000,MATCH($B16,'p-y cyclic clay'!$C$27:$C$5000,1))))</f>
        <v>56.02816649692663</v>
      </c>
      <c r="U16">
        <f>IF($D16="SAND",INDEX('p-y cyclic sand'!$AU$27:$AU$5000,MATCH($B16,'p-y cyclic sand'!$C$27:$C$5000,1)),IF(INDEX('CPT Data'!$S$12:$S$20000,MATCH($B16,'CPT Data'!$B$12:$B$20000,1))&lt;2,INDEX('p-y cyclic clay'!$GT$27:$GT$5000,MATCH($B16,'p-y cyclic clay'!$C$27:$C$5000,1)),INDEX('p-y cyclic clay'!$HT$27:$HT$5000,MATCH($B16,'p-y cyclic clay'!$C$27:$C$5000,1))))</f>
        <v>470.94979749774996</v>
      </c>
      <c r="V16">
        <f>IF($D16="SAND",INDEX('p-y cyclic sand'!$AH$27:$AH$5000,MATCH($B16,'p-y cyclic sand'!$C$27:$C$5000,1)),IF(INDEX('CPT Data'!$S$12:$S$20000,MATCH($B16,'CPT Data'!$B$12:$B$20000,1))&lt;2,INDEX('p-y cyclic clay'!$HG$27:$HG$5000,MATCH($B16,'p-y cyclic clay'!$C$27:$C$5000,1)),INDEX('p-y cyclic clay'!$IG$27:$IG$5000,MATCH($B16,'p-y cyclic clay'!$C$27:$C$5000,1))))</f>
        <v>81.981849535693627</v>
      </c>
      <c r="W16">
        <f>IF($D16="SAND",INDEX('p-y cyclic sand'!$AV$27:$AV$5000,MATCH($B16,'p-y cyclic sand'!$C$27:$C$5000,1)),IF(INDEX('CPT Data'!$S$12:$S$20000,MATCH($B16,'CPT Data'!$B$12:$B$20000,1))&lt;2,INDEX('p-y cyclic clay'!$GU$27:$GU$5000,MATCH($B16,'p-y cyclic clay'!$C$27:$C$5000,1)),INDEX('p-y cyclic clay'!$HU$27:$HU$5000,MATCH($B16,'p-y cyclic clay'!$C$27:$C$5000,1))))</f>
        <v>502.53561084293472</v>
      </c>
      <c r="X16">
        <f>IF($D16="SAND",INDEX('p-y cyclic sand'!$AI$27:$AI$5000,MATCH($B16,'p-y cyclic sand'!$C$27:$C$5000,1)),IF(INDEX('CPT Data'!$S$12:$S$20000,MATCH($B16,'CPT Data'!$B$12:$B$20000,1))&lt;2,INDEX('p-y cyclic clay'!$HH$27:$HH$5000,MATCH($B16,'p-y cyclic clay'!$C$27:$C$5000,1)),INDEX('p-y cyclic clay'!$IH$27:$IH$5000,MATCH($B16,'p-y cyclic clay'!$C$27:$C$5000,1))))</f>
        <v>122.05991440107803</v>
      </c>
      <c r="Y16">
        <f>IF($D16="SAND",INDEX('p-y cyclic sand'!$AW$27:$AW$5000,MATCH($B16,'p-y cyclic sand'!$C$27:$C$5000,1)),IF(INDEX('CPT Data'!$S$12:$S$20000,MATCH($B16,'CPT Data'!$B$12:$B$20000,1))&lt;2,INDEX('p-y cyclic clay'!$GV$27:$GV$5000,MATCH($B16,'p-y cyclic clay'!$C$27:$C$5000,1)),INDEX('p-y cyclic clay'!$HV$27:$HV$5000,MATCH($B16,'p-y cyclic clay'!$C$27:$C$5000,1))))</f>
        <v>512.32718878124058</v>
      </c>
      <c r="Z16">
        <f>IF($D16="SAND",INDEX('p-y cyclic sand'!$AJ$27:$AJ$5000,MATCH($B16,'p-y cyclic sand'!$C$27:$C$5000,1)),IF(INDEX('CPT Data'!$S$12:$S$20000,MATCH($B16,'CPT Data'!$B$12:$B$20000,1))&lt;2,INDEX('p-y cyclic clay'!$HI$27:$HI$5000,MATCH($B16,'p-y cyclic clay'!$C$27:$C$5000,1)),INDEX('p-y cyclic clay'!$II$27:$II$5000,MATCH($B16,'p-y cyclic clay'!$C$27:$C$5000,1))))</f>
        <v>198.67507319267557</v>
      </c>
      <c r="AA16">
        <f>IF($D16="SAND",INDEX('p-y cyclic sand'!$AX$27:$AX$5000,MATCH($B16,'p-y cyclic sand'!$C$27:$C$5000,1)),IF(INDEX('CPT Data'!$S$12:$S$20000,MATCH($B16,'CPT Data'!$B$12:$B$20000,1))&lt;2,INDEX('p-y cyclic clay'!$GW$27:$GW$5000,MATCH($B16,'p-y cyclic clay'!$C$27:$C$5000,1)),INDEX('p-y cyclic clay'!$HW$27:$HW$5000,MATCH($B16,'p-y cyclic clay'!$C$27:$C$5000,1))))</f>
        <v>521.6683536334466</v>
      </c>
      <c r="AB16">
        <f>IF($D16="SAND",INDEX('p-y cyclic sand'!$AK$27:$AK$5000,MATCH($B16,'p-y cyclic sand'!$C$27:$C$5000,1)),IF(INDEX('CPT Data'!$S$12:$S$20000,MATCH($B16,'CPT Data'!$B$12:$B$20000,1))&lt;2,INDEX('p-y cyclic clay'!$HJ$27:$HJ$5000,MATCH($B16,'p-y cyclic clay'!$C$27:$C$5000,1)),INDEX('p-y cyclic clay'!$IJ$27:$IJ$5000,MATCH($B16,'p-y cyclic clay'!$C$27:$C$5000,1))))</f>
        <v>326.39555488620294</v>
      </c>
      <c r="AC16">
        <f>IF($D16="SAND",INDEX('p-y cyclic sand'!$AY$27:$AY$5000,MATCH($B16,'p-y cyclic sand'!$C$27:$C$5000,1)),IF(INDEX('CPT Data'!$S$12:$S$20000,MATCH($B16,'CPT Data'!$B$12:$B$20000,1))&lt;2,INDEX('p-y cyclic clay'!$GX$27:$GX$5000,MATCH($B16,'p-y cyclic clay'!$C$27:$C$5000,1)),INDEX('p-y cyclic clay'!$HX$27:$HX$5000,MATCH($B16,'p-y cyclic clay'!$C$27:$C$5000,1))))</f>
        <v>521.6683536334466</v>
      </c>
      <c r="AD16" s="98">
        <f>IF($D16="SAND",INDEX('p-y cyclic sand'!$AL$27:$AL$5000,MATCH($B16,'p-y cyclic sand'!$C$27:$C$5000,1)),IF(INDEX('CPT Data'!$S$12:$S$20000,MATCH($B16,'CPT Data'!$B$12:$B$20000,1))&lt;2,INDEX('p-y cyclic clay'!$HK$27:$HK$5000,MATCH($B16,'p-y cyclic clay'!$C$27:$C$5000,1)),INDEX('p-y cyclic clay'!$IK$27:$IK$5000,MATCH($B16,'p-y cyclic clay'!$C$27:$C$5000,1))))</f>
        <v>3916.7466586344349</v>
      </c>
    </row>
    <row r="17" spans="1:30" x14ac:dyDescent="0.2">
      <c r="A17" s="214">
        <f t="shared" si="0"/>
        <v>-27.5</v>
      </c>
      <c r="B17" s="216">
        <f>'p-y cyclic clay'!C38</f>
        <v>12</v>
      </c>
      <c r="C17">
        <f>INDEX('CPT Data'!$C$13:$C$20000,MATCH(B17,'CPT Data'!$B$13:$B$20000,1))</f>
        <v>11.986000000000001</v>
      </c>
      <c r="D17" s="216" t="str">
        <f>INDEX('CPT Data'!$P$13:$P$20000,MATCH(B17,'CPT Data'!$B$13:$B$20000,1))</f>
        <v>CLAY</v>
      </c>
      <c r="E17">
        <f>IF($D17="SAND",INDEX('p-y cyclic sand'!$AM$27:$AM$5000,MATCH($B17,'p-y cyclic sand'!$C$27:$C$5000,1)),IF(INDEX('CPT Data'!$S$12:$S$20000,MATCH($B17,'CPT Data'!$B$12:$B$20000,1))&lt;2,INDEX('p-y cyclic clay'!$GL$27:$GL$5000,MATCH($B17,'p-y cyclic clay'!$C$27:$C$5000,1)),INDEX('p-y cyclic clay'!$HL$27:$HL$5000,MATCH($B17,'p-y cyclic clay'!$C$27:$C$5000,1))))</f>
        <v>0</v>
      </c>
      <c r="F17">
        <f>IF($D17="SAND",INDEX('p-y cyclic sand'!$Z$27:$Z$5000,MATCH($B17,'p-y cyclic sand'!$C$27:$C$5000,1)),IF(INDEX('CPT Data'!$S$12:$S$20000,MATCH($B17,'CPT Data'!$B$12:$B$20000,1))&lt;2,INDEX('p-y cyclic clay'!$GY$27:$GY$5000,MATCH($B17,'p-y cyclic clay'!$C$27:$C$5000,1)),INDEX('p-y cyclic clay'!$HY$27:$HY$5000,MATCH($B17,'p-y cyclic clay'!$C$27:$C$5000,1))))</f>
        <v>0</v>
      </c>
      <c r="G17">
        <f>IF($D17="SAND",INDEX('p-y cyclic sand'!$AN$27:$AN$5000,MATCH($B17,'p-y cyclic sand'!$C$27:$C$5000,1)),IF(INDEX('CPT Data'!$S$12:$S$20000,MATCH($B17,'CPT Data'!$B$12:$B$20000,1))&lt;2,INDEX('p-y cyclic clay'!$GM$27:$GM$5000,MATCH($B17,'p-y cyclic clay'!$C$27:$C$5000,1)),INDEX('p-y cyclic clay'!$HM$27:$HM$5000,MATCH($B17,'p-y cyclic clay'!$C$27:$C$5000,1))))</f>
        <v>41.503489956447403</v>
      </c>
      <c r="H17">
        <f>IF($D17="SAND",INDEX('p-y cyclic sand'!$AA$27:$AA$5000,MATCH($B17,'p-y cyclic sand'!$C$27:$C$5000,1)),IF(INDEX('CPT Data'!$S$12:$S$20000,MATCH($B17,'CPT Data'!$B$12:$B$20000,1))&lt;2,INDEX('p-y cyclic clay'!$GZ$27:$GZ$5000,MATCH($B17,'p-y cyclic clay'!$C$27:$C$5000,1)),INDEX('p-y cyclic clay'!$HZ$27:$HZ$5000,MATCH($B17,'p-y cyclic clay'!$C$27:$C$5000,1))))</f>
        <v>0.64488677135984052</v>
      </c>
      <c r="I17">
        <f>IF($D17="SAND",INDEX('p-y cyclic sand'!$AO$27:$AO$5000,MATCH($B17,'p-y cyclic sand'!$C$27:$C$5000,1)),IF(INDEX('CPT Data'!$S$12:$S$20000,MATCH($B17,'CPT Data'!$B$12:$B$20000,1))&lt;2,INDEX('p-y cyclic clay'!$GN$27:$GN$5000,MATCH($B17,'p-y cyclic clay'!$C$27:$C$5000,1)),INDEX('p-y cyclic clay'!$HN$27:$HN$5000,MATCH($B17,'p-y cyclic clay'!$C$27:$C$5000,1))))</f>
        <v>163.03884405709289</v>
      </c>
      <c r="J17">
        <f>IF($D17="SAND",INDEX('p-y cyclic sand'!$AB$27:$AB$5000,MATCH($B17,'p-y cyclic sand'!$C$27:$C$5000,1)),IF(INDEX('CPT Data'!$S$12:$S$20000,MATCH($B17,'CPT Data'!$B$12:$B$20000,1))&lt;2,INDEX('p-y cyclic clay'!$HA$27:$HA$5000,MATCH($B17,'p-y cyclic clay'!$C$27:$C$5000,1)),INDEX('p-y cyclic clay'!$IA$27:$IA$5000,MATCH($B17,'p-y cyclic clay'!$C$27:$C$5000,1))))</f>
        <v>6.2636936613509739</v>
      </c>
      <c r="K17">
        <f>IF($D17="SAND",INDEX('p-y cyclic sand'!$AP$27:$AP$5000,MATCH($B17,'p-y cyclic sand'!$C$27:$C$5000,1)),IF(INDEX('CPT Data'!$S$12:$S$20000,MATCH($B17,'CPT Data'!$B$12:$B$20000,1))&lt;2,INDEX('p-y cyclic clay'!$GO$27:$GO$5000,MATCH($B17,'p-y cyclic clay'!$C$27:$C$5000,1)),INDEX('p-y cyclic clay'!$HO$27:$HO$5000,MATCH($B17,'p-y cyclic clay'!$C$27:$C$5000,1))))</f>
        <v>241.17684024730914</v>
      </c>
      <c r="L17">
        <f>IF($D17="SAND",INDEX('p-y cyclic sand'!$AC$27:$AC$5000,MATCH($B17,'p-y cyclic sand'!$C$27:$C$5000,1)),IF(INDEX('CPT Data'!$S$12:$S$20000,MATCH($B17,'CPT Data'!$B$12:$B$20000,1))&lt;2,INDEX('p-y cyclic clay'!$HB$27:$HB$5000,MATCH($B17,'p-y cyclic clay'!$C$27:$C$5000,1)),INDEX('p-y cyclic clay'!$IB$27:$IB$5000,MATCH($B17,'p-y cyclic clay'!$C$27:$C$5000,1))))</f>
        <v>10.817979945548879</v>
      </c>
      <c r="M17">
        <f>IF($D17="SAND",INDEX('p-y cyclic sand'!$AQ$27:$AQ$5000,MATCH($B17,'p-y cyclic sand'!$C$27:$C$5000,1)),IF(INDEX('CPT Data'!$S$12:$S$20000,MATCH($B17,'CPT Data'!$B$12:$B$20000,1))&lt;2,INDEX('p-y cyclic clay'!$GP$27:$GP$5000,MATCH($B17,'p-y cyclic clay'!$C$27:$C$5000,1)),INDEX('p-y cyclic clay'!$HP$27:$HP$5000,MATCH($B17,'p-y cyclic clay'!$C$27:$C$5000,1))))</f>
        <v>316.50234049892077</v>
      </c>
      <c r="N17">
        <f>IF($D17="SAND",INDEX('p-y cyclic sand'!$AD$27:$AD$5000,MATCH($B17,'p-y cyclic sand'!$C$27:$C$5000,1)),IF(INDEX('CPT Data'!$S$12:$S$20000,MATCH($B17,'CPT Data'!$B$12:$B$20000,1))&lt;2,INDEX('p-y cyclic clay'!$HC$27:$HC$5000,MATCH($B17,'p-y cyclic clay'!$C$27:$C$5000,1)),INDEX('p-y cyclic clay'!$IC$27:$IC$5000,MATCH($B17,'p-y cyclic clay'!$C$27:$C$5000,1))))</f>
        <v>17.897112787124669</v>
      </c>
      <c r="O17">
        <f>IF($D17="SAND",INDEX('p-y cyclic sand'!$AR$27:$AR$5000,MATCH($B17,'p-y cyclic sand'!$C$27:$C$5000,1)),IF(INDEX('CPT Data'!$S$12:$S$20000,MATCH($B17,'CPT Data'!$B$12:$B$20000,1))&lt;2,INDEX('p-y cyclic clay'!$GQ$27:$GQ$5000,MATCH($B17,'p-y cyclic clay'!$C$27:$C$5000,1)),INDEX('p-y cyclic clay'!$HQ$27:$HQ$5000,MATCH($B17,'p-y cyclic clay'!$C$27:$C$5000,1))))</f>
        <v>388.39916047775625</v>
      </c>
      <c r="P17">
        <f>IF($D17="SAND",INDEX('p-y cyclic sand'!$AE$27:$AE$5000,MATCH($B17,'p-y cyclic sand'!$C$27:$C$5000,1)),IF(INDEX('CPT Data'!$S$12:$S$20000,MATCH($B17,'CPT Data'!$B$12:$B$20000,1))&lt;2,INDEX('p-y cyclic clay'!$HD$27:$HD$5000,MATCH($B17,'p-y cyclic clay'!$C$27:$C$5000,1)),INDEX('p-y cyclic clay'!$ID$27:$ID$5000,MATCH($B17,'p-y cyclic clay'!$C$27:$C$5000,1))))</f>
        <v>27.000092739679289</v>
      </c>
      <c r="Q17">
        <f>IF($D17="SAND",INDEX('p-y cyclic sand'!$AS$27:$AS$5000,MATCH($B17,'p-y cyclic sand'!$C$27:$C$5000,1)),IF(INDEX('CPT Data'!$S$12:$S$20000,MATCH($B17,'CPT Data'!$B$12:$B$20000,1))&lt;2,INDEX('p-y cyclic clay'!$GR$27:$GR$5000,MATCH($B17,'p-y cyclic clay'!$C$27:$C$5000,1)),INDEX('p-y cyclic clay'!$HR$27:$HR$5000,MATCH($B17,'p-y cyclic clay'!$C$27:$C$5000,1))))</f>
        <v>455.97558833619496</v>
      </c>
      <c r="R17">
        <f>IF($D17="SAND",INDEX('p-y cyclic sand'!$AF$27:$AF$5000,MATCH($B17,'p-y cyclic sand'!$C$27:$C$5000,1)),IF(INDEX('CPT Data'!$S$12:$S$20000,MATCH($B17,'CPT Data'!$B$12:$B$20000,1))&lt;2,INDEX('p-y cyclic clay'!$HE$27:$HE$5000,MATCH($B17,'p-y cyclic clay'!$C$27:$C$5000,1)),INDEX('p-y cyclic clay'!$IE$27:$IE$5000,MATCH($B17,'p-y cyclic clay'!$C$27:$C$5000,1))))</f>
        <v>40.891539157650563</v>
      </c>
      <c r="S17">
        <f>IF($D17="SAND",INDEX('p-y cyclic sand'!$AT$27:$AT$5000,MATCH($B17,'p-y cyclic sand'!$C$27:$C$5000,1)),IF(INDEX('CPT Data'!$S$12:$S$20000,MATCH($B17,'CPT Data'!$B$12:$B$20000,1))&lt;2,INDEX('p-y cyclic clay'!$GS$27:$GS$5000,MATCH($B17,'p-y cyclic clay'!$C$27:$C$5000,1)),INDEX('p-y cyclic clay'!$HS$27:$HS$5000,MATCH($B17,'p-y cyclic clay'!$C$27:$C$5000,1))))</f>
        <v>517.85755728162678</v>
      </c>
      <c r="T17">
        <f>IF($D17="SAND",INDEX('p-y cyclic sand'!$AG$27:$AG$5000,MATCH($B17,'p-y cyclic sand'!$C$27:$C$5000,1)),IF(INDEX('CPT Data'!$S$12:$S$20000,MATCH($B17,'CPT Data'!$B$12:$B$20000,1))&lt;2,INDEX('p-y cyclic clay'!$HF$27:$HF$5000,MATCH($B17,'p-y cyclic clay'!$C$27:$C$5000,1)),INDEX('p-y cyclic clay'!$IF$27:$IF$5000,MATCH($B17,'p-y cyclic clay'!$C$27:$C$5000,1))))</f>
        <v>56.801371088430649</v>
      </c>
      <c r="U17">
        <f>IF($D17="SAND",INDEX('p-y cyclic sand'!$AU$27:$AU$5000,MATCH($B17,'p-y cyclic sand'!$C$27:$C$5000,1)),IF(INDEX('CPT Data'!$S$12:$S$20000,MATCH($B17,'CPT Data'!$B$12:$B$20000,1))&lt;2,INDEX('p-y cyclic clay'!$GT$27:$GT$5000,MATCH($B17,'p-y cyclic clay'!$C$27:$C$5000,1)),INDEX('p-y cyclic clay'!$HT$27:$HT$5000,MATCH($B17,'p-y cyclic clay'!$C$27:$C$5000,1))))</f>
        <v>571.73348965959576</v>
      </c>
      <c r="V17">
        <f>IF($D17="SAND",INDEX('p-y cyclic sand'!$AH$27:$AH$5000,MATCH($B17,'p-y cyclic sand'!$C$27:$C$5000,1)),IF(INDEX('CPT Data'!$S$12:$S$20000,MATCH($B17,'CPT Data'!$B$12:$B$20000,1))&lt;2,INDEX('p-y cyclic clay'!$HG$27:$HG$5000,MATCH($B17,'p-y cyclic clay'!$C$27:$C$5000,1)),INDEX('p-y cyclic clay'!$IG$27:$IG$5000,MATCH($B17,'p-y cyclic clay'!$C$27:$C$5000,1))))</f>
        <v>83.538497799770937</v>
      </c>
      <c r="W17">
        <f>IF($D17="SAND",INDEX('p-y cyclic sand'!$AV$27:$AV$5000,MATCH($B17,'p-y cyclic sand'!$C$27:$C$5000,1)),IF(INDEX('CPT Data'!$S$12:$S$20000,MATCH($B17,'CPT Data'!$B$12:$B$20000,1))&lt;2,INDEX('p-y cyclic clay'!$GU$27:$GU$5000,MATCH($B17,'p-y cyclic clay'!$C$27:$C$5000,1)),INDEX('p-y cyclic clay'!$HU$27:$HU$5000,MATCH($B17,'p-y cyclic clay'!$C$27:$C$5000,1))))</f>
        <v>613.16527484860671</v>
      </c>
      <c r="X17">
        <f>IF($D17="SAND",INDEX('p-y cyclic sand'!$AI$27:$AI$5000,MATCH($B17,'p-y cyclic sand'!$C$27:$C$5000,1)),IF(INDEX('CPT Data'!$S$12:$S$20000,MATCH($B17,'CPT Data'!$B$12:$B$20000,1))&lt;2,INDEX('p-y cyclic clay'!$HH$27:$HH$5000,MATCH($B17,'p-y cyclic clay'!$C$27:$C$5000,1)),INDEX('p-y cyclic clay'!$IH$27:$IH$5000,MATCH($B17,'p-y cyclic clay'!$C$27:$C$5000,1))))</f>
        <v>125.6482563714507</v>
      </c>
      <c r="Y17">
        <f>IF($D17="SAND",INDEX('p-y cyclic sand'!$AW$27:$AW$5000,MATCH($B17,'p-y cyclic sand'!$C$27:$C$5000,1)),IF(INDEX('CPT Data'!$S$12:$S$20000,MATCH($B17,'CPT Data'!$B$12:$B$20000,1))&lt;2,INDEX('p-y cyclic clay'!$GV$27:$GV$5000,MATCH($B17,'p-y cyclic clay'!$C$27:$C$5000,1)),INDEX('p-y cyclic clay'!$HV$27:$HV$5000,MATCH($B17,'p-y cyclic clay'!$C$27:$C$5000,1))))</f>
        <v>630.21791778090267</v>
      </c>
      <c r="Z17">
        <f>IF($D17="SAND",INDEX('p-y cyclic sand'!$AJ$27:$AJ$5000,MATCH($B17,'p-y cyclic sand'!$C$27:$C$5000,1)),IF(INDEX('CPT Data'!$S$12:$S$20000,MATCH($B17,'CPT Data'!$B$12:$B$20000,1))&lt;2,INDEX('p-y cyclic clay'!$HI$27:$HI$5000,MATCH($B17,'p-y cyclic clay'!$C$27:$C$5000,1)),INDEX('p-y cyclic clay'!$II$27:$II$5000,MATCH($B17,'p-y cyclic clay'!$C$27:$C$5000,1))))</f>
        <v>208.11144861848965</v>
      </c>
      <c r="AA17">
        <f>IF($D17="SAND",INDEX('p-y cyclic sand'!$AX$27:$AX$5000,MATCH($B17,'p-y cyclic sand'!$C$27:$C$5000,1)),IF(INDEX('CPT Data'!$S$12:$S$20000,MATCH($B17,'CPT Data'!$B$12:$B$20000,1))&lt;2,INDEX('p-y cyclic clay'!$GW$27:$GW$5000,MATCH($B17,'p-y cyclic clay'!$C$27:$C$5000,1)),INDEX('p-y cyclic clay'!$HW$27:$HW$5000,MATCH($B17,'p-y cyclic clay'!$C$27:$C$5000,1))))</f>
        <v>631.4748066901692</v>
      </c>
      <c r="AB17">
        <f>IF($D17="SAND",INDEX('p-y cyclic sand'!$AK$27:$AK$5000,MATCH($B17,'p-y cyclic sand'!$C$27:$C$5000,1)),IF(INDEX('CPT Data'!$S$12:$S$20000,MATCH($B17,'CPT Data'!$B$12:$B$20000,1))&lt;2,INDEX('p-y cyclic clay'!$HJ$27:$HJ$5000,MATCH($B17,'p-y cyclic clay'!$C$27:$C$5000,1)),INDEX('p-y cyclic clay'!$IJ$27:$IJ$5000,MATCH($B17,'p-y cyclic clay'!$C$27:$C$5000,1))))</f>
        <v>331.39327014494631</v>
      </c>
      <c r="AC17">
        <f>IF($D17="SAND",INDEX('p-y cyclic sand'!$AY$27:$AY$5000,MATCH($B17,'p-y cyclic sand'!$C$27:$C$5000,1)),IF(INDEX('CPT Data'!$S$12:$S$20000,MATCH($B17,'CPT Data'!$B$12:$B$20000,1))&lt;2,INDEX('p-y cyclic clay'!$GX$27:$GX$5000,MATCH($B17,'p-y cyclic clay'!$C$27:$C$5000,1)),INDEX('p-y cyclic clay'!$HX$27:$HX$5000,MATCH($B17,'p-y cyclic clay'!$C$27:$C$5000,1))))</f>
        <v>631.4748066901692</v>
      </c>
      <c r="AD17" s="98">
        <f>IF($D17="SAND",INDEX('p-y cyclic sand'!$AL$27:$AL$5000,MATCH($B17,'p-y cyclic sand'!$C$27:$C$5000,1)),IF(INDEX('CPT Data'!$S$12:$S$20000,MATCH($B17,'CPT Data'!$B$12:$B$20000,1))&lt;2,INDEX('p-y cyclic clay'!$HK$27:$HK$5000,MATCH($B17,'p-y cyclic clay'!$C$27:$C$5000,1)),INDEX('p-y cyclic clay'!$IK$27:$IK$5000,MATCH($B17,'p-y cyclic clay'!$C$27:$C$5000,1))))</f>
        <v>3976.7192417393553</v>
      </c>
    </row>
    <row r="18" spans="1:30" x14ac:dyDescent="0.2">
      <c r="A18" s="214">
        <f t="shared" si="0"/>
        <v>-28.5</v>
      </c>
      <c r="B18" s="216">
        <f>'p-y cyclic clay'!C39</f>
        <v>13</v>
      </c>
      <c r="C18">
        <f>INDEX('CPT Data'!$C$13:$C$20000,MATCH(B18,'CPT Data'!$B$13:$B$20000,1))</f>
        <v>12.98</v>
      </c>
      <c r="D18" s="216" t="str">
        <f>INDEX('CPT Data'!$P$13:$P$20000,MATCH(B18,'CPT Data'!$B$13:$B$20000,1))</f>
        <v>CLAY</v>
      </c>
      <c r="E18">
        <f>IF($D18="SAND",INDEX('p-y cyclic sand'!$AM$27:$AM$5000,MATCH($B18,'p-y cyclic sand'!$C$27:$C$5000,1)),IF(INDEX('CPT Data'!$S$12:$S$20000,MATCH($B18,'CPT Data'!$B$12:$B$20000,1))&lt;2,INDEX('p-y cyclic clay'!$GL$27:$GL$5000,MATCH($B18,'p-y cyclic clay'!$C$27:$C$5000,1)),INDEX('p-y cyclic clay'!$HL$27:$HL$5000,MATCH($B18,'p-y cyclic clay'!$C$27:$C$5000,1))))</f>
        <v>0</v>
      </c>
      <c r="F18">
        <f>IF($D18="SAND",INDEX('p-y cyclic sand'!$Z$27:$Z$5000,MATCH($B18,'p-y cyclic sand'!$C$27:$C$5000,1)),IF(INDEX('CPT Data'!$S$12:$S$20000,MATCH($B18,'CPT Data'!$B$12:$B$20000,1))&lt;2,INDEX('p-y cyclic clay'!$GY$27:$GY$5000,MATCH($B18,'p-y cyclic clay'!$C$27:$C$5000,1)),INDEX('p-y cyclic clay'!$HY$27:$HY$5000,MATCH($B18,'p-y cyclic clay'!$C$27:$C$5000,1))))</f>
        <v>0</v>
      </c>
      <c r="G18">
        <f>IF($D18="SAND",INDEX('p-y cyclic sand'!$AN$27:$AN$5000,MATCH($B18,'p-y cyclic sand'!$C$27:$C$5000,1)),IF(INDEX('CPT Data'!$S$12:$S$20000,MATCH($B18,'CPT Data'!$B$12:$B$20000,1))&lt;2,INDEX('p-y cyclic clay'!$GM$27:$GM$5000,MATCH($B18,'p-y cyclic clay'!$C$27:$C$5000,1)),INDEX('p-y cyclic clay'!$HM$27:$HM$5000,MATCH($B18,'p-y cyclic clay'!$C$27:$C$5000,1))))</f>
        <v>32.361992639249223</v>
      </c>
      <c r="H18">
        <f>IF($D18="SAND",INDEX('p-y cyclic sand'!$AA$27:$AA$5000,MATCH($B18,'p-y cyclic sand'!$C$27:$C$5000,1)),IF(INDEX('CPT Data'!$S$12:$S$20000,MATCH($B18,'CPT Data'!$B$12:$B$20000,1))&lt;2,INDEX('p-y cyclic clay'!$GZ$27:$GZ$5000,MATCH($B18,'p-y cyclic clay'!$C$27:$C$5000,1)),INDEX('p-y cyclic clay'!$HZ$27:$HZ$5000,MATCH($B18,'p-y cyclic clay'!$C$27:$C$5000,1))))</f>
        <v>0.6480163446599142</v>
      </c>
      <c r="I18">
        <f>IF($D18="SAND",INDEX('p-y cyclic sand'!$AO$27:$AO$5000,MATCH($B18,'p-y cyclic sand'!$C$27:$C$5000,1)),IF(INDEX('CPT Data'!$S$12:$S$20000,MATCH($B18,'CPT Data'!$B$12:$B$20000,1))&lt;2,INDEX('p-y cyclic clay'!$GN$27:$GN$5000,MATCH($B18,'p-y cyclic clay'!$C$27:$C$5000,1)),INDEX('p-y cyclic clay'!$HN$27:$HN$5000,MATCH($B18,'p-y cyclic clay'!$C$27:$C$5000,1))))</f>
        <v>127.19539561718686</v>
      </c>
      <c r="J18">
        <f>IF($D18="SAND",INDEX('p-y cyclic sand'!$AB$27:$AB$5000,MATCH($B18,'p-y cyclic sand'!$C$27:$C$5000,1)),IF(INDEX('CPT Data'!$S$12:$S$20000,MATCH($B18,'CPT Data'!$B$12:$B$20000,1))&lt;2,INDEX('p-y cyclic clay'!$HA$27:$HA$5000,MATCH($B18,'p-y cyclic clay'!$C$27:$C$5000,1)),INDEX('p-y cyclic clay'!$IA$27:$IA$5000,MATCH($B18,'p-y cyclic clay'!$C$27:$C$5000,1))))</f>
        <v>6.2998125708654449</v>
      </c>
      <c r="K18">
        <f>IF($D18="SAND",INDEX('p-y cyclic sand'!$AP$27:$AP$5000,MATCH($B18,'p-y cyclic sand'!$C$27:$C$5000,1)),IF(INDEX('CPT Data'!$S$12:$S$20000,MATCH($B18,'CPT Data'!$B$12:$B$20000,1))&lt;2,INDEX('p-y cyclic clay'!$GO$27:$GO$5000,MATCH($B18,'p-y cyclic clay'!$C$27:$C$5000,1)),INDEX('p-y cyclic clay'!$HO$27:$HO$5000,MATCH($B18,'p-y cyclic clay'!$C$27:$C$5000,1))))</f>
        <v>188.24190521951488</v>
      </c>
      <c r="L18">
        <f>IF($D18="SAND",INDEX('p-y cyclic sand'!$AC$27:$AC$5000,MATCH($B18,'p-y cyclic sand'!$C$27:$C$5000,1)),IF(INDEX('CPT Data'!$S$12:$S$20000,MATCH($B18,'CPT Data'!$B$12:$B$20000,1))&lt;2,INDEX('p-y cyclic clay'!$HB$27:$HB$5000,MATCH($B18,'p-y cyclic clay'!$C$27:$C$5000,1)),INDEX('p-y cyclic clay'!$IB$27:$IB$5000,MATCH($B18,'p-y cyclic clay'!$C$27:$C$5000,1))))</f>
        <v>10.889096995446568</v>
      </c>
      <c r="M18">
        <f>IF($D18="SAND",INDEX('p-y cyclic sand'!$AQ$27:$AQ$5000,MATCH($B18,'p-y cyclic sand'!$C$27:$C$5000,1)),IF(INDEX('CPT Data'!$S$12:$S$20000,MATCH($B18,'CPT Data'!$B$12:$B$20000,1))&lt;2,INDEX('p-y cyclic clay'!$GP$27:$GP$5000,MATCH($B18,'p-y cyclic clay'!$C$27:$C$5000,1)),INDEX('p-y cyclic clay'!$HP$27:$HP$5000,MATCH($B18,'p-y cyclic clay'!$C$27:$C$5000,1))))</f>
        <v>247.18040078251599</v>
      </c>
      <c r="N18">
        <f>IF($D18="SAND",INDEX('p-y cyclic sand'!$AD$27:$AD$5000,MATCH($B18,'p-y cyclic sand'!$C$27:$C$5000,1)),IF(INDEX('CPT Data'!$S$12:$S$20000,MATCH($B18,'CPT Data'!$B$12:$B$20000,1))&lt;2,INDEX('p-y cyclic clay'!$HC$27:$HC$5000,MATCH($B18,'p-y cyclic clay'!$C$27:$C$5000,1)),INDEX('p-y cyclic clay'!$IC$27:$IC$5000,MATCH($B18,'p-y cyclic clay'!$C$27:$C$5000,1))))</f>
        <v>18.033495224251787</v>
      </c>
      <c r="O18">
        <f>IF($D18="SAND",INDEX('p-y cyclic sand'!$AR$27:$AR$5000,MATCH($B18,'p-y cyclic sand'!$C$27:$C$5000,1)),IF(INDEX('CPT Data'!$S$12:$S$20000,MATCH($B18,'CPT Data'!$B$12:$B$20000,1))&lt;2,INDEX('p-y cyclic clay'!$GQ$27:$GQ$5000,MATCH($B18,'p-y cyclic clay'!$C$27:$C$5000,1)),INDEX('p-y cyclic clay'!$HQ$27:$HQ$5000,MATCH($B18,'p-y cyclic clay'!$C$27:$C$5000,1))))</f>
        <v>303.56680134355389</v>
      </c>
      <c r="P18">
        <f>IF($D18="SAND",INDEX('p-y cyclic sand'!$AE$27:$AE$5000,MATCH($B18,'p-y cyclic sand'!$C$27:$C$5000,1)),IF(INDEX('CPT Data'!$S$12:$S$20000,MATCH($B18,'CPT Data'!$B$12:$B$20000,1))&lt;2,INDEX('p-y cyclic clay'!$HD$27:$HD$5000,MATCH($B18,'p-y cyclic clay'!$C$27:$C$5000,1)),INDEX('p-y cyclic clay'!$ID$27:$ID$5000,MATCH($B18,'p-y cyclic clay'!$C$27:$C$5000,1))))</f>
        <v>27.243755169353971</v>
      </c>
      <c r="Q18">
        <f>IF($D18="SAND",INDEX('p-y cyclic sand'!$AS$27:$AS$5000,MATCH($B18,'p-y cyclic sand'!$C$27:$C$5000,1)),IF(INDEX('CPT Data'!$S$12:$S$20000,MATCH($B18,'CPT Data'!$B$12:$B$20000,1))&lt;2,INDEX('p-y cyclic clay'!$GR$27:$GR$5000,MATCH($B18,'p-y cyclic clay'!$C$27:$C$5000,1)),INDEX('p-y cyclic clay'!$HR$27:$HR$5000,MATCH($B18,'p-y cyclic clay'!$C$27:$C$5000,1))))</f>
        <v>356.76721842152926</v>
      </c>
      <c r="R18">
        <f>IF($D18="SAND",INDEX('p-y cyclic sand'!$AF$27:$AF$5000,MATCH($B18,'p-y cyclic sand'!$C$27:$C$5000,1)),IF(INDEX('CPT Data'!$S$12:$S$20000,MATCH($B18,'CPT Data'!$B$12:$B$20000,1))&lt;2,INDEX('p-y cyclic clay'!$HE$27:$HE$5000,MATCH($B18,'p-y cyclic clay'!$C$27:$C$5000,1)),INDEX('p-y cyclic clay'!$IE$27:$IE$5000,MATCH($B18,'p-y cyclic clay'!$C$27:$C$5000,1))))</f>
        <v>41.341236292936493</v>
      </c>
      <c r="S18">
        <f>IF($D18="SAND",INDEX('p-y cyclic sand'!$AT$27:$AT$5000,MATCH($B18,'p-y cyclic sand'!$C$27:$C$5000,1)),IF(INDEX('CPT Data'!$S$12:$S$20000,MATCH($B18,'CPT Data'!$B$12:$B$20000,1))&lt;2,INDEX('p-y cyclic clay'!$GS$27:$GS$5000,MATCH($B18,'p-y cyclic clay'!$C$27:$C$5000,1)),INDEX('p-y cyclic clay'!$HS$27:$HS$5000,MATCH($B18,'p-y cyclic clay'!$C$27:$C$5000,1))))</f>
        <v>405.82295185570462</v>
      </c>
      <c r="T18">
        <f>IF($D18="SAND",INDEX('p-y cyclic sand'!$AG$27:$AG$5000,MATCH($B18,'p-y cyclic sand'!$C$27:$C$5000,1)),IF(INDEX('CPT Data'!$S$12:$S$20000,MATCH($B18,'CPT Data'!$B$12:$B$20000,1))&lt;2,INDEX('p-y cyclic clay'!$HF$27:$HF$5000,MATCH($B18,'p-y cyclic clay'!$C$27:$C$5000,1)),INDEX('p-y cyclic clay'!$IF$27:$IF$5000,MATCH($B18,'p-y cyclic clay'!$C$27:$C$5000,1))))</f>
        <v>57.593715099698528</v>
      </c>
      <c r="U18">
        <f>IF($D18="SAND",INDEX('p-y cyclic sand'!$AU$27:$AU$5000,MATCH($B18,'p-y cyclic sand'!$C$27:$C$5000,1)),IF(INDEX('CPT Data'!$S$12:$S$20000,MATCH($B18,'CPT Data'!$B$12:$B$20000,1))&lt;2,INDEX('p-y cyclic clay'!$GT$27:$GT$5000,MATCH($B18,'p-y cyclic clay'!$C$27:$C$5000,1)),INDEX('p-y cyclic clay'!$HT$27:$HT$5000,MATCH($B18,'p-y cyclic clay'!$C$27:$C$5000,1))))</f>
        <v>449.16393762020056</v>
      </c>
      <c r="V18">
        <f>IF($D18="SAND",INDEX('p-y cyclic sand'!$AH$27:$AH$5000,MATCH($B18,'p-y cyclic sand'!$C$27:$C$5000,1)),IF(INDEX('CPT Data'!$S$12:$S$20000,MATCH($B18,'CPT Data'!$B$12:$B$20000,1))&lt;2,INDEX('p-y cyclic clay'!$HG$27:$HG$5000,MATCH($B18,'p-y cyclic clay'!$C$27:$C$5000,1)),INDEX('p-y cyclic clay'!$IG$27:$IG$5000,MATCH($B18,'p-y cyclic clay'!$C$27:$C$5000,1))))</f>
        <v>85.108350928661906</v>
      </c>
      <c r="W18">
        <f>IF($D18="SAND",INDEX('p-y cyclic sand'!$AV$27:$AV$5000,MATCH($B18,'p-y cyclic sand'!$C$27:$C$5000,1)),IF(INDEX('CPT Data'!$S$12:$S$20000,MATCH($B18,'CPT Data'!$B$12:$B$20000,1))&lt;2,INDEX('p-y cyclic clay'!$GU$27:$GU$5000,MATCH($B18,'p-y cyclic clay'!$C$27:$C$5000,1)),INDEX('p-y cyclic clay'!$HU$27:$HU$5000,MATCH($B18,'p-y cyclic clay'!$C$27:$C$5000,1))))</f>
        <v>483.89979687447112</v>
      </c>
      <c r="X18">
        <f>IF($D18="SAND",INDEX('p-y cyclic sand'!$AI$27:$AI$5000,MATCH($B18,'p-y cyclic sand'!$C$27:$C$5000,1)),IF(INDEX('CPT Data'!$S$12:$S$20000,MATCH($B18,'CPT Data'!$B$12:$B$20000,1))&lt;2,INDEX('p-y cyclic clay'!$HH$27:$HH$5000,MATCH($B18,'p-y cyclic clay'!$C$27:$C$5000,1)),INDEX('p-y cyclic clay'!$IH$27:$IH$5000,MATCH($B18,'p-y cyclic clay'!$C$27:$C$5000,1))))</f>
        <v>129.16583569110463</v>
      </c>
      <c r="Y18">
        <f>IF($D18="SAND",INDEX('p-y cyclic sand'!$AW$27:$AW$5000,MATCH($B18,'p-y cyclic sand'!$C$27:$C$5000,1)),IF(INDEX('CPT Data'!$S$12:$S$20000,MATCH($B18,'CPT Data'!$B$12:$B$20000,1))&lt;2,INDEX('p-y cyclic clay'!$GV$27:$GV$5000,MATCH($B18,'p-y cyclic clay'!$C$27:$C$5000,1)),INDEX('p-y cyclic clay'!$HV$27:$HV$5000,MATCH($B18,'p-y cyclic clay'!$C$27:$C$5000,1))))</f>
        <v>500.72925607864391</v>
      </c>
      <c r="Z18">
        <f>IF($D18="SAND",INDEX('p-y cyclic sand'!$AJ$27:$AJ$5000,MATCH($B18,'p-y cyclic sand'!$C$27:$C$5000,1)),IF(INDEX('CPT Data'!$S$12:$S$20000,MATCH($B18,'CPT Data'!$B$12:$B$20000,1))&lt;2,INDEX('p-y cyclic clay'!$HI$27:$HI$5000,MATCH($B18,'p-y cyclic clay'!$C$27:$C$5000,1)),INDEX('p-y cyclic clay'!$II$27:$II$5000,MATCH($B18,'p-y cyclic clay'!$C$27:$C$5000,1))))</f>
        <v>216.98508989485467</v>
      </c>
      <c r="AA18">
        <f>IF($D18="SAND",INDEX('p-y cyclic sand'!$AX$27:$AX$5000,MATCH($B18,'p-y cyclic sand'!$C$27:$C$5000,1)),IF(INDEX('CPT Data'!$S$12:$S$20000,MATCH($B18,'CPT Data'!$B$12:$B$20000,1))&lt;2,INDEX('p-y cyclic clay'!$GW$27:$GW$5000,MATCH($B18,'p-y cyclic clay'!$C$27:$C$5000,1)),INDEX('p-y cyclic clay'!$HW$27:$HW$5000,MATCH($B18,'p-y cyclic clay'!$C$27:$C$5000,1))))</f>
        <v>503.58755385963701</v>
      </c>
      <c r="AB18">
        <f>IF($D18="SAND",INDEX('p-y cyclic sand'!$AK$27:$AK$5000,MATCH($B18,'p-y cyclic sand'!$C$27:$C$5000,1)),IF(INDEX('CPT Data'!$S$12:$S$20000,MATCH($B18,'CPT Data'!$B$12:$B$20000,1))&lt;2,INDEX('p-y cyclic clay'!$HJ$27:$HJ$5000,MATCH($B18,'p-y cyclic clay'!$C$27:$C$5000,1)),INDEX('p-y cyclic clay'!$IJ$27:$IJ$5000,MATCH($B18,'p-y cyclic clay'!$C$27:$C$5000,1))))</f>
        <v>348.32323210843583</v>
      </c>
      <c r="AC18">
        <f>IF($D18="SAND",INDEX('p-y cyclic sand'!$AY$27:$AY$5000,MATCH($B18,'p-y cyclic sand'!$C$27:$C$5000,1)),IF(INDEX('CPT Data'!$S$12:$S$20000,MATCH($B18,'CPT Data'!$B$12:$B$20000,1))&lt;2,INDEX('p-y cyclic clay'!$GX$27:$GX$5000,MATCH($B18,'p-y cyclic clay'!$C$27:$C$5000,1)),INDEX('p-y cyclic clay'!$HX$27:$HX$5000,MATCH($B18,'p-y cyclic clay'!$C$27:$C$5000,1))))</f>
        <v>503.58755385963701</v>
      </c>
      <c r="AD18" s="98">
        <f>IF($D18="SAND",INDEX('p-y cyclic sand'!$AL$27:$AL$5000,MATCH($B18,'p-y cyclic sand'!$C$27:$C$5000,1)),IF(INDEX('CPT Data'!$S$12:$S$20000,MATCH($B18,'CPT Data'!$B$12:$B$20000,1))&lt;2,INDEX('p-y cyclic clay'!$HK$27:$HK$5000,MATCH($B18,'p-y cyclic clay'!$C$27:$C$5000,1)),INDEX('p-y cyclic clay'!$IK$27:$IK$5000,MATCH($B18,'p-y cyclic clay'!$C$27:$C$5000,1))))</f>
        <v>4179.87878530123</v>
      </c>
    </row>
    <row r="19" spans="1:30" x14ac:dyDescent="0.2">
      <c r="A19" s="214">
        <f t="shared" si="0"/>
        <v>-29.5</v>
      </c>
      <c r="B19" s="216">
        <f>'p-y cyclic clay'!C40</f>
        <v>14</v>
      </c>
      <c r="C19">
        <f>INDEX('CPT Data'!$C$13:$C$20000,MATCH(B19,'CPT Data'!$B$13:$B$20000,1))</f>
        <v>13.993</v>
      </c>
      <c r="D19" s="216" t="str">
        <f>INDEX('CPT Data'!$P$13:$P$20000,MATCH(B19,'CPT Data'!$B$13:$B$20000,1))</f>
        <v>CLAY</v>
      </c>
      <c r="E19">
        <f>IF($D19="SAND",INDEX('p-y cyclic sand'!$AM$27:$AM$5000,MATCH($B19,'p-y cyclic sand'!$C$27:$C$5000,1)),IF(INDEX('CPT Data'!$S$12:$S$20000,MATCH($B19,'CPT Data'!$B$12:$B$20000,1))&lt;2,INDEX('p-y cyclic clay'!$GL$27:$GL$5000,MATCH($B19,'p-y cyclic clay'!$C$27:$C$5000,1)),INDEX('p-y cyclic clay'!$HL$27:$HL$5000,MATCH($B19,'p-y cyclic clay'!$C$27:$C$5000,1))))</f>
        <v>0</v>
      </c>
      <c r="F19">
        <f>IF($D19="SAND",INDEX('p-y cyclic sand'!$Z$27:$Z$5000,MATCH($B19,'p-y cyclic sand'!$C$27:$C$5000,1)),IF(INDEX('CPT Data'!$S$12:$S$20000,MATCH($B19,'CPT Data'!$B$12:$B$20000,1))&lt;2,INDEX('p-y cyclic clay'!$GY$27:$GY$5000,MATCH($B19,'p-y cyclic clay'!$C$27:$C$5000,1)),INDEX('p-y cyclic clay'!$HY$27:$HY$5000,MATCH($B19,'p-y cyclic clay'!$C$27:$C$5000,1))))</f>
        <v>0</v>
      </c>
      <c r="G19">
        <f>IF($D19="SAND",INDEX('p-y cyclic sand'!$AN$27:$AN$5000,MATCH($B19,'p-y cyclic sand'!$C$27:$C$5000,1)),IF(INDEX('CPT Data'!$S$12:$S$20000,MATCH($B19,'CPT Data'!$B$12:$B$20000,1))&lt;2,INDEX('p-y cyclic clay'!$GM$27:$GM$5000,MATCH($B19,'p-y cyclic clay'!$C$27:$C$5000,1)),INDEX('p-y cyclic clay'!$HM$27:$HM$5000,MATCH($B19,'p-y cyclic clay'!$C$27:$C$5000,1))))</f>
        <v>40.780352743660096</v>
      </c>
      <c r="H19">
        <f>IF($D19="SAND",INDEX('p-y cyclic sand'!$AA$27:$AA$5000,MATCH($B19,'p-y cyclic sand'!$C$27:$C$5000,1)),IF(INDEX('CPT Data'!$S$12:$S$20000,MATCH($B19,'CPT Data'!$B$12:$B$20000,1))&lt;2,INDEX('p-y cyclic clay'!$GZ$27:$GZ$5000,MATCH($B19,'p-y cyclic clay'!$C$27:$C$5000,1)),INDEX('p-y cyclic clay'!$HZ$27:$HZ$5000,MATCH($B19,'p-y cyclic clay'!$C$27:$C$5000,1))))</f>
        <v>0.65137554331473191</v>
      </c>
      <c r="I19">
        <f>IF($D19="SAND",INDEX('p-y cyclic sand'!$AO$27:$AO$5000,MATCH($B19,'p-y cyclic sand'!$C$27:$C$5000,1)),IF(INDEX('CPT Data'!$S$12:$S$20000,MATCH($B19,'CPT Data'!$B$12:$B$20000,1))&lt;2,INDEX('p-y cyclic clay'!$GN$27:$GN$5000,MATCH($B19,'p-y cyclic clay'!$C$27:$C$5000,1)),INDEX('p-y cyclic clay'!$HN$27:$HN$5000,MATCH($B19,'p-y cyclic clay'!$C$27:$C$5000,1))))</f>
        <v>160.37091465787825</v>
      </c>
      <c r="J19">
        <f>IF($D19="SAND",INDEX('p-y cyclic sand'!$AB$27:$AB$5000,MATCH($B19,'p-y cyclic sand'!$C$27:$C$5000,1)),IF(INDEX('CPT Data'!$S$12:$S$20000,MATCH($B19,'CPT Data'!$B$12:$B$20000,1))&lt;2,INDEX('p-y cyclic clay'!$HA$27:$HA$5000,MATCH($B19,'p-y cyclic clay'!$C$27:$C$5000,1)),INDEX('p-y cyclic clay'!$IA$27:$IA$5000,MATCH($B19,'p-y cyclic clay'!$C$27:$C$5000,1))))</f>
        <v>6.3384321089399798</v>
      </c>
      <c r="K19">
        <f>IF($D19="SAND",INDEX('p-y cyclic sand'!$AP$27:$AP$5000,MATCH($B19,'p-y cyclic sand'!$C$27:$C$5000,1)),IF(INDEX('CPT Data'!$S$12:$S$20000,MATCH($B19,'CPT Data'!$B$12:$B$20000,1))&lt;2,INDEX('p-y cyclic clay'!$GO$27:$GO$5000,MATCH($B19,'p-y cyclic clay'!$C$27:$C$5000,1)),INDEX('p-y cyclic clay'!$HO$27:$HO$5000,MATCH($B19,'p-y cyclic clay'!$C$27:$C$5000,1))))</f>
        <v>237.45265638150073</v>
      </c>
      <c r="L19">
        <f>IF($D19="SAND",INDEX('p-y cyclic sand'!$AC$27:$AC$5000,MATCH($B19,'p-y cyclic sand'!$C$27:$C$5000,1)),IF(INDEX('CPT Data'!$S$12:$S$20000,MATCH($B19,'CPT Data'!$B$12:$B$20000,1))&lt;2,INDEX('p-y cyclic clay'!$HB$27:$HB$5000,MATCH($B19,'p-y cyclic clay'!$C$27:$C$5000,1)),INDEX('p-y cyclic clay'!$IB$27:$IB$5000,MATCH($B19,'p-y cyclic clay'!$C$27:$C$5000,1))))</f>
        <v>10.964887077461603</v>
      </c>
      <c r="M19">
        <f>IF($D19="SAND",INDEX('p-y cyclic sand'!$AQ$27:$AQ$5000,MATCH($B19,'p-y cyclic sand'!$C$27:$C$5000,1)),IF(INDEX('CPT Data'!$S$12:$S$20000,MATCH($B19,'CPT Data'!$B$12:$B$20000,1))&lt;2,INDEX('p-y cyclic clay'!$GP$27:$GP$5000,MATCH($B19,'p-y cyclic clay'!$C$27:$C$5000,1)),INDEX('p-y cyclic clay'!$HP$27:$HP$5000,MATCH($B19,'p-y cyclic clay'!$C$27:$C$5000,1))))</f>
        <v>311.98724697619537</v>
      </c>
      <c r="N19">
        <f>IF($D19="SAND",INDEX('p-y cyclic sand'!$AD$27:$AD$5000,MATCH($B19,'p-y cyclic sand'!$C$27:$C$5000,1)),IF(INDEX('CPT Data'!$S$12:$S$20000,MATCH($B19,'CPT Data'!$B$12:$B$20000,1))&lt;2,INDEX('p-y cyclic clay'!$HC$27:$HC$5000,MATCH($B19,'p-y cyclic clay'!$C$27:$C$5000,1)),INDEX('p-y cyclic clay'!$IC$27:$IC$5000,MATCH($B19,'p-y cyclic clay'!$C$27:$C$5000,1))))</f>
        <v>18.178238773716824</v>
      </c>
      <c r="O19">
        <f>IF($D19="SAND",INDEX('p-y cyclic sand'!$AR$27:$AR$5000,MATCH($B19,'p-y cyclic sand'!$C$27:$C$5000,1)),IF(INDEX('CPT Data'!$S$12:$S$20000,MATCH($B19,'CPT Data'!$B$12:$B$20000,1))&lt;2,INDEX('p-y cyclic clay'!$GQ$27:$GQ$5000,MATCH($B19,'p-y cyclic clay'!$C$27:$C$5000,1)),INDEX('p-y cyclic clay'!$HQ$27:$HQ$5000,MATCH($B19,'p-y cyclic clay'!$C$27:$C$5000,1))))</f>
        <v>383.45989833119154</v>
      </c>
      <c r="P19">
        <f>IF($D19="SAND",INDEX('p-y cyclic sand'!$AE$27:$AE$5000,MATCH($B19,'p-y cyclic sand'!$C$27:$C$5000,1)),IF(INDEX('CPT Data'!$S$12:$S$20000,MATCH($B19,'CPT Data'!$B$12:$B$20000,1))&lt;2,INDEX('p-y cyclic clay'!$HD$27:$HD$5000,MATCH($B19,'p-y cyclic clay'!$C$27:$C$5000,1)),INDEX('p-y cyclic clay'!$ID$27:$ID$5000,MATCH($B19,'p-y cyclic clay'!$C$27:$C$5000,1))))</f>
        <v>27.500977395771148</v>
      </c>
      <c r="Q19">
        <f>IF($D19="SAND",INDEX('p-y cyclic sand'!$AS$27:$AS$5000,MATCH($B19,'p-y cyclic sand'!$C$27:$C$5000,1)),IF(INDEX('CPT Data'!$S$12:$S$20000,MATCH($B19,'CPT Data'!$B$12:$B$20000,1))&lt;2,INDEX('p-y cyclic clay'!$GR$27:$GR$5000,MATCH($B19,'p-y cyclic clay'!$C$27:$C$5000,1)),INDEX('p-y cyclic clay'!$HR$27:$HR$5000,MATCH($B19,'p-y cyclic clay'!$C$27:$C$5000,1))))</f>
        <v>451.14598931675346</v>
      </c>
      <c r="R19">
        <f>IF($D19="SAND",INDEX('p-y cyclic sand'!$AF$27:$AF$5000,MATCH($B19,'p-y cyclic sand'!$C$27:$C$5000,1)),IF(INDEX('CPT Data'!$S$12:$S$20000,MATCH($B19,'CPT Data'!$B$12:$B$20000,1))&lt;2,INDEX('p-y cyclic clay'!$HE$27:$HE$5000,MATCH($B19,'p-y cyclic clay'!$C$27:$C$5000,1)),INDEX('p-y cyclic clay'!$IE$27:$IE$5000,MATCH($B19,'p-y cyclic clay'!$C$27:$C$5000,1))))</f>
        <v>41.8125705759672</v>
      </c>
      <c r="S19">
        <f>IF($D19="SAND",INDEX('p-y cyclic sand'!$AT$27:$AT$5000,MATCH($B19,'p-y cyclic sand'!$C$27:$C$5000,1)),IF(INDEX('CPT Data'!$S$12:$S$20000,MATCH($B19,'CPT Data'!$B$12:$B$20000,1))&lt;2,INDEX('p-y cyclic clay'!$GS$27:$GS$5000,MATCH($B19,'p-y cyclic clay'!$C$27:$C$5000,1)),INDEX('p-y cyclic clay'!$HS$27:$HS$5000,MATCH($B19,'p-y cyclic clay'!$C$27:$C$5000,1))))</f>
        <v>513.96996672442162</v>
      </c>
      <c r="T19">
        <f>IF($D19="SAND",INDEX('p-y cyclic sand'!$AG$27:$AG$5000,MATCH($B19,'p-y cyclic sand'!$C$27:$C$5000,1)),IF(INDEX('CPT Data'!$S$12:$S$20000,MATCH($B19,'CPT Data'!$B$12:$B$20000,1))&lt;2,INDEX('p-y cyclic clay'!$HF$27:$HF$5000,MATCH($B19,'p-y cyclic clay'!$C$27:$C$5000,1)),INDEX('p-y cyclic clay'!$IF$27:$IF$5000,MATCH($B19,'p-y cyclic clay'!$C$27:$C$5000,1))))</f>
        <v>58.415834242961679</v>
      </c>
      <c r="U19">
        <f>IF($D19="SAND",INDEX('p-y cyclic sand'!$AU$27:$AU$5000,MATCH($B19,'p-y cyclic sand'!$C$27:$C$5000,1)),IF(INDEX('CPT Data'!$S$12:$S$20000,MATCH($B19,'CPT Data'!$B$12:$B$20000,1))&lt;2,INDEX('p-y cyclic clay'!$GT$27:$GT$5000,MATCH($B19,'p-y cyclic clay'!$C$27:$C$5000,1)),INDEX('p-y cyclic clay'!$HT$27:$HT$5000,MATCH($B19,'p-y cyclic clay'!$C$27:$C$5000,1))))</f>
        <v>570.21643332297037</v>
      </c>
      <c r="V19">
        <f>IF($D19="SAND",INDEX('p-y cyclic sand'!$AH$27:$AH$5000,MATCH($B19,'p-y cyclic sand'!$C$27:$C$5000,1)),IF(INDEX('CPT Data'!$S$12:$S$20000,MATCH($B19,'CPT Data'!$B$12:$B$20000,1))&lt;2,INDEX('p-y cyclic clay'!$HG$27:$HG$5000,MATCH($B19,'p-y cyclic clay'!$C$27:$C$5000,1)),INDEX('p-y cyclic clay'!$IG$27:$IG$5000,MATCH($B19,'p-y cyclic clay'!$C$27:$C$5000,1))))</f>
        <v>86.712425744433872</v>
      </c>
      <c r="W19">
        <f>IF($D19="SAND",INDEX('p-y cyclic sand'!$AV$27:$AV$5000,MATCH($B19,'p-y cyclic sand'!$C$27:$C$5000,1)),IF(INDEX('CPT Data'!$S$12:$S$20000,MATCH($B19,'CPT Data'!$B$12:$B$20000,1))&lt;2,INDEX('p-y cyclic clay'!$GU$27:$GU$5000,MATCH($B19,'p-y cyclic clay'!$C$27:$C$5000,1)),INDEX('p-y cyclic clay'!$HU$27:$HU$5000,MATCH($B19,'p-y cyclic clay'!$C$27:$C$5000,1))))</f>
        <v>616.85203360103662</v>
      </c>
      <c r="X19">
        <f>IF($D19="SAND",INDEX('p-y cyclic sand'!$AI$27:$AI$5000,MATCH($B19,'p-y cyclic sand'!$C$27:$C$5000,1)),IF(INDEX('CPT Data'!$S$12:$S$20000,MATCH($B19,'CPT Data'!$B$12:$B$20000,1))&lt;2,INDEX('p-y cyclic clay'!$HH$27:$HH$5000,MATCH($B19,'p-y cyclic clay'!$C$27:$C$5000,1)),INDEX('p-y cyclic clay'!$IH$27:$IH$5000,MATCH($B19,'p-y cyclic clay'!$C$27:$C$5000,1))))</f>
        <v>132.66779243332019</v>
      </c>
      <c r="Y19">
        <f>IF($D19="SAND",INDEX('p-y cyclic sand'!$AW$27:$AW$5000,MATCH($B19,'p-y cyclic sand'!$C$27:$C$5000,1)),IF(INDEX('CPT Data'!$S$12:$S$20000,MATCH($B19,'CPT Data'!$B$12:$B$20000,1))&lt;2,INDEX('p-y cyclic clay'!$GV$27:$GV$5000,MATCH($B19,'p-y cyclic clay'!$C$27:$C$5000,1)),INDEX('p-y cyclic clay'!$HV$27:$HV$5000,MATCH($B19,'p-y cyclic clay'!$C$27:$C$5000,1))))</f>
        <v>641.98503284603612</v>
      </c>
      <c r="Z19">
        <f>IF($D19="SAND",INDEX('p-y cyclic sand'!$AJ$27:$AJ$5000,MATCH($B19,'p-y cyclic sand'!$C$27:$C$5000,1)),IF(INDEX('CPT Data'!$S$12:$S$20000,MATCH($B19,'CPT Data'!$B$12:$B$20000,1))&lt;2,INDEX('p-y cyclic clay'!$HI$27:$HI$5000,MATCH($B19,'p-y cyclic clay'!$C$27:$C$5000,1)),INDEX('p-y cyclic clay'!$II$27:$II$5000,MATCH($B19,'p-y cyclic clay'!$C$27:$C$5000,1))))</f>
        <v>225.50961279480796</v>
      </c>
      <c r="AA19">
        <f>IF($D19="SAND",INDEX('p-y cyclic sand'!$AX$27:$AX$5000,MATCH($B19,'p-y cyclic sand'!$C$27:$C$5000,1)),IF(INDEX('CPT Data'!$S$12:$S$20000,MATCH($B19,'CPT Data'!$B$12:$B$20000,1))&lt;2,INDEX('p-y cyclic clay'!$GW$27:$GW$5000,MATCH($B19,'p-y cyclic clay'!$C$27:$C$5000,1)),INDEX('p-y cyclic clay'!$HW$27:$HW$5000,MATCH($B19,'p-y cyclic clay'!$C$27:$C$5000,1))))</f>
        <v>647.56745585468832</v>
      </c>
      <c r="AB19">
        <f>IF($D19="SAND",INDEX('p-y cyclic sand'!$AK$27:$AK$5000,MATCH($B19,'p-y cyclic sand'!$C$27:$C$5000,1)),IF(INDEX('CPT Data'!$S$12:$S$20000,MATCH($B19,'CPT Data'!$B$12:$B$20000,1))&lt;2,INDEX('p-y cyclic clay'!$HJ$27:$HJ$5000,MATCH($B19,'p-y cyclic clay'!$C$27:$C$5000,1)),INDEX('p-y cyclic clay'!$IJ$27:$IJ$5000,MATCH($B19,'p-y cyclic clay'!$C$27:$C$5000,1))))</f>
        <v>364.29207443418278</v>
      </c>
      <c r="AC19">
        <f>IF($D19="SAND",INDEX('p-y cyclic sand'!$AY$27:$AY$5000,MATCH($B19,'p-y cyclic sand'!$C$27:$C$5000,1)),IF(INDEX('CPT Data'!$S$12:$S$20000,MATCH($B19,'CPT Data'!$B$12:$B$20000,1))&lt;2,INDEX('p-y cyclic clay'!$GX$27:$GX$5000,MATCH($B19,'p-y cyclic clay'!$C$27:$C$5000,1)),INDEX('p-y cyclic clay'!$HX$27:$HX$5000,MATCH($B19,'p-y cyclic clay'!$C$27:$C$5000,1))))</f>
        <v>647.56745585468832</v>
      </c>
      <c r="AD19" s="98">
        <f>IF($D19="SAND",INDEX('p-y cyclic sand'!$AL$27:$AL$5000,MATCH($B19,'p-y cyclic sand'!$C$27:$C$5000,1)),IF(INDEX('CPT Data'!$S$12:$S$20000,MATCH($B19,'CPT Data'!$B$12:$B$20000,1))&lt;2,INDEX('p-y cyclic clay'!$HK$27:$HK$5000,MATCH($B19,'p-y cyclic clay'!$C$27:$C$5000,1)),INDEX('p-y cyclic clay'!$IK$27:$IK$5000,MATCH($B19,'p-y cyclic clay'!$C$27:$C$5000,1))))</f>
        <v>4371.5048932101936</v>
      </c>
    </row>
    <row r="20" spans="1:30" x14ac:dyDescent="0.2">
      <c r="A20" s="214">
        <f t="shared" si="0"/>
        <v>-30.5</v>
      </c>
      <c r="B20" s="216">
        <f>'p-y cyclic clay'!C41</f>
        <v>15</v>
      </c>
      <c r="C20">
        <f>INDEX('CPT Data'!$C$13:$C$20000,MATCH(B20,'CPT Data'!$B$13:$B$20000,1))</f>
        <v>14.993</v>
      </c>
      <c r="D20" s="216" t="str">
        <f>INDEX('CPT Data'!$P$13:$P$20000,MATCH(B20,'CPT Data'!$B$13:$B$20000,1))</f>
        <v>CLAY</v>
      </c>
      <c r="E20">
        <f>IF($D20="SAND",INDEX('p-y cyclic sand'!$AM$27:$AM$5000,MATCH($B20,'p-y cyclic sand'!$C$27:$C$5000,1)),IF(INDEX('CPT Data'!$S$12:$S$20000,MATCH($B20,'CPT Data'!$B$12:$B$20000,1))&lt;2,INDEX('p-y cyclic clay'!$GL$27:$GL$5000,MATCH($B20,'p-y cyclic clay'!$C$27:$C$5000,1)),INDEX('p-y cyclic clay'!$HL$27:$HL$5000,MATCH($B20,'p-y cyclic clay'!$C$27:$C$5000,1))))</f>
        <v>0</v>
      </c>
      <c r="F20">
        <f>IF($D20="SAND",INDEX('p-y cyclic sand'!$Z$27:$Z$5000,MATCH($B20,'p-y cyclic sand'!$C$27:$C$5000,1)),IF(INDEX('CPT Data'!$S$12:$S$20000,MATCH($B20,'CPT Data'!$B$12:$B$20000,1))&lt;2,INDEX('p-y cyclic clay'!$GY$27:$GY$5000,MATCH($B20,'p-y cyclic clay'!$C$27:$C$5000,1)),INDEX('p-y cyclic clay'!$HY$27:$HY$5000,MATCH($B20,'p-y cyclic clay'!$C$27:$C$5000,1))))</f>
        <v>0</v>
      </c>
      <c r="G20">
        <f>IF($D20="SAND",INDEX('p-y cyclic sand'!$AN$27:$AN$5000,MATCH($B20,'p-y cyclic sand'!$C$27:$C$5000,1)),IF(INDEX('CPT Data'!$S$12:$S$20000,MATCH($B20,'CPT Data'!$B$12:$B$20000,1))&lt;2,INDEX('p-y cyclic clay'!$GM$27:$GM$5000,MATCH($B20,'p-y cyclic clay'!$C$27:$C$5000,1)),INDEX('p-y cyclic clay'!$HM$27:$HM$5000,MATCH($B20,'p-y cyclic clay'!$C$27:$C$5000,1))))</f>
        <v>37.545572534755415</v>
      </c>
      <c r="H20">
        <f>IF($D20="SAND",INDEX('p-y cyclic sand'!$AA$27:$AA$5000,MATCH($B20,'p-y cyclic sand'!$C$27:$C$5000,1)),IF(INDEX('CPT Data'!$S$12:$S$20000,MATCH($B20,'CPT Data'!$B$12:$B$20000,1))&lt;2,INDEX('p-y cyclic clay'!$GZ$27:$GZ$5000,MATCH($B20,'p-y cyclic clay'!$C$27:$C$5000,1)),INDEX('p-y cyclic clay'!$HZ$27:$HZ$5000,MATCH($B20,'p-y cyclic clay'!$C$27:$C$5000,1))))</f>
        <v>0.65484494467840315</v>
      </c>
      <c r="I20">
        <f>IF($D20="SAND",INDEX('p-y cyclic sand'!$AO$27:$AO$5000,MATCH($B20,'p-y cyclic sand'!$C$27:$C$5000,1)),IF(INDEX('CPT Data'!$S$12:$S$20000,MATCH($B20,'CPT Data'!$B$12:$B$20000,1))&lt;2,INDEX('p-y cyclic clay'!$GN$27:$GN$5000,MATCH($B20,'p-y cyclic clay'!$C$27:$C$5000,1)),INDEX('p-y cyclic clay'!$HN$27:$HN$5000,MATCH($B20,'p-y cyclic clay'!$C$27:$C$5000,1))))</f>
        <v>147.73087801866558</v>
      </c>
      <c r="J20">
        <f>IF($D20="SAND",INDEX('p-y cyclic sand'!$AB$27:$AB$5000,MATCH($B20,'p-y cyclic sand'!$C$27:$C$5000,1)),IF(INDEX('CPT Data'!$S$12:$S$20000,MATCH($B20,'CPT Data'!$B$12:$B$20000,1))&lt;2,INDEX('p-y cyclic clay'!$HA$27:$HA$5000,MATCH($B20,'p-y cyclic clay'!$C$27:$C$5000,1)),INDEX('p-y cyclic clay'!$IA$27:$IA$5000,MATCH($B20,'p-y cyclic clay'!$C$27:$C$5000,1))))</f>
        <v>6.3781615054084195</v>
      </c>
      <c r="K20">
        <f>IF($D20="SAND",INDEX('p-y cyclic sand'!$AP$27:$AP$5000,MATCH($B20,'p-y cyclic sand'!$C$27:$C$5000,1)),IF(INDEX('CPT Data'!$S$12:$S$20000,MATCH($B20,'CPT Data'!$B$12:$B$20000,1))&lt;2,INDEX('p-y cyclic clay'!$GO$27:$GO$5000,MATCH($B20,'p-y cyclic clay'!$C$27:$C$5000,1)),INDEX('p-y cyclic clay'!$HO$27:$HO$5000,MATCH($B20,'p-y cyclic clay'!$C$27:$C$5000,1))))</f>
        <v>218.84019986774715</v>
      </c>
      <c r="L20">
        <f>IF($D20="SAND",INDEX('p-y cyclic sand'!$AC$27:$AC$5000,MATCH($B20,'p-y cyclic sand'!$C$27:$C$5000,1)),IF(INDEX('CPT Data'!$S$12:$S$20000,MATCH($B20,'CPT Data'!$B$12:$B$20000,1))&lt;2,INDEX('p-y cyclic clay'!$HB$27:$HB$5000,MATCH($B20,'p-y cyclic clay'!$C$27:$C$5000,1)),INDEX('p-y cyclic clay'!$IB$27:$IB$5000,MATCH($B20,'p-y cyclic clay'!$C$27:$C$5000,1))))</f>
        <v>11.042594645735512</v>
      </c>
      <c r="M20">
        <f>IF($D20="SAND",INDEX('p-y cyclic sand'!$AQ$27:$AQ$5000,MATCH($B20,'p-y cyclic sand'!$C$27:$C$5000,1)),IF(INDEX('CPT Data'!$S$12:$S$20000,MATCH($B20,'CPT Data'!$B$12:$B$20000,1))&lt;2,INDEX('p-y cyclic clay'!$GP$27:$GP$5000,MATCH($B20,'p-y cyclic clay'!$C$27:$C$5000,1)),INDEX('p-y cyclic clay'!$HP$27:$HP$5000,MATCH($B20,'p-y cyclic clay'!$C$27:$C$5000,1))))</f>
        <v>287.70288998825532</v>
      </c>
      <c r="N20">
        <f>IF($D20="SAND",INDEX('p-y cyclic sand'!$AD$27:$AD$5000,MATCH($B20,'p-y cyclic sand'!$C$27:$C$5000,1)),IF(INDEX('CPT Data'!$S$12:$S$20000,MATCH($B20,'CPT Data'!$B$12:$B$20000,1))&lt;2,INDEX('p-y cyclic clay'!$HC$27:$HC$5000,MATCH($B20,'p-y cyclic clay'!$C$27:$C$5000,1)),INDEX('p-y cyclic clay'!$IC$27:$IC$5000,MATCH($B20,'p-y cyclic clay'!$C$27:$C$5000,1))))</f>
        <v>18.326027229952459</v>
      </c>
      <c r="O20">
        <f>IF($D20="SAND",INDEX('p-y cyclic sand'!$AR$27:$AR$5000,MATCH($B20,'p-y cyclic sand'!$C$27:$C$5000,1)),IF(INDEX('CPT Data'!$S$12:$S$20000,MATCH($B20,'CPT Data'!$B$12:$B$20000,1))&lt;2,INDEX('p-y cyclic clay'!$GQ$27:$GQ$5000,MATCH($B20,'p-y cyclic clay'!$C$27:$C$5000,1)),INDEX('p-y cyclic clay'!$HQ$27:$HQ$5000,MATCH($B20,'p-y cyclic clay'!$C$27:$C$5000,1))))</f>
        <v>353.88366482365404</v>
      </c>
      <c r="P20">
        <f>IF($D20="SAND",INDEX('p-y cyclic sand'!$AE$27:$AE$5000,MATCH($B20,'p-y cyclic sand'!$C$27:$C$5000,1)),IF(INDEX('CPT Data'!$S$12:$S$20000,MATCH($B20,'CPT Data'!$B$12:$B$20000,1))&lt;2,INDEX('p-y cyclic clay'!$HD$27:$HD$5000,MATCH($B20,'p-y cyclic clay'!$C$27:$C$5000,1)),INDEX('p-y cyclic clay'!$ID$27:$ID$5000,MATCH($B20,'p-y cyclic clay'!$C$27:$C$5000,1))))</f>
        <v>27.762214977519093</v>
      </c>
      <c r="Q20">
        <f>IF($D20="SAND",INDEX('p-y cyclic sand'!$AS$27:$AS$5000,MATCH($B20,'p-y cyclic sand'!$C$27:$C$5000,1)),IF(INDEX('CPT Data'!$S$12:$S$20000,MATCH($B20,'CPT Data'!$B$12:$B$20000,1))&lt;2,INDEX('p-y cyclic clay'!$GR$27:$GR$5000,MATCH($B20,'p-y cyclic clay'!$C$27:$C$5000,1)),INDEX('p-y cyclic clay'!$HR$27:$HR$5000,MATCH($B20,'p-y cyclic clay'!$C$27:$C$5000,1))))</f>
        <v>416.77812760551279</v>
      </c>
      <c r="R20">
        <f>IF($D20="SAND",INDEX('p-y cyclic sand'!$AF$27:$AF$5000,MATCH($B20,'p-y cyclic sand'!$C$27:$C$5000,1)),IF(INDEX('CPT Data'!$S$12:$S$20000,MATCH($B20,'CPT Data'!$B$12:$B$20000,1))&lt;2,INDEX('p-y cyclic clay'!$HE$27:$HE$5000,MATCH($B20,'p-y cyclic clay'!$C$27:$C$5000,1)),INDEX('p-y cyclic clay'!$IE$27:$IE$5000,MATCH($B20,'p-y cyclic clay'!$C$27:$C$5000,1))))</f>
        <v>42.287897366910428</v>
      </c>
      <c r="S20">
        <f>IF($D20="SAND",INDEX('p-y cyclic sand'!$AT$27:$AT$5000,MATCH($B20,'p-y cyclic sand'!$C$27:$C$5000,1)),IF(INDEX('CPT Data'!$S$12:$S$20000,MATCH($B20,'CPT Data'!$B$12:$B$20000,1))&lt;2,INDEX('p-y cyclic clay'!$GS$27:$GS$5000,MATCH($B20,'p-y cyclic clay'!$C$27:$C$5000,1)),INDEX('p-y cyclic clay'!$HS$27:$HS$5000,MATCH($B20,'p-y cyclic clay'!$C$27:$C$5000,1))))</f>
        <v>475.50527416187066</v>
      </c>
      <c r="T20">
        <f>IF($D20="SAND",INDEX('p-y cyclic sand'!$AG$27:$AG$5000,MATCH($B20,'p-y cyclic sand'!$C$27:$C$5000,1)),IF(INDEX('CPT Data'!$S$12:$S$20000,MATCH($B20,'CPT Data'!$B$12:$B$20000,1))&lt;2,INDEX('p-y cyclic clay'!$HF$27:$HF$5000,MATCH($B20,'p-y cyclic clay'!$C$27:$C$5000,1)),INDEX('p-y cyclic clay'!$IF$27:$IF$5000,MATCH($B20,'p-y cyclic clay'!$C$27:$C$5000,1))))</f>
        <v>59.236845559751181</v>
      </c>
      <c r="U20">
        <f>IF($D20="SAND",INDEX('p-y cyclic sand'!$AU$27:$AU$5000,MATCH($B20,'p-y cyclic sand'!$C$27:$C$5000,1)),IF(INDEX('CPT Data'!$S$12:$S$20000,MATCH($B20,'CPT Data'!$B$12:$B$20000,1))&lt;2,INDEX('p-y cyclic clay'!$GT$27:$GT$5000,MATCH($B20,'p-y cyclic clay'!$C$27:$C$5000,1)),INDEX('p-y cyclic clay'!$HT$27:$HT$5000,MATCH($B20,'p-y cyclic clay'!$C$27:$C$5000,1))))</f>
        <v>528.69483266850557</v>
      </c>
      <c r="V20">
        <f>IF($D20="SAND",INDEX('p-y cyclic sand'!$AH$27:$AH$5000,MATCH($B20,'p-y cyclic sand'!$C$27:$C$5000,1)),IF(INDEX('CPT Data'!$S$12:$S$20000,MATCH($B20,'CPT Data'!$B$12:$B$20000,1))&lt;2,INDEX('p-y cyclic clay'!$HG$27:$HG$5000,MATCH($B20,'p-y cyclic clay'!$C$27:$C$5000,1)),INDEX('p-y cyclic clay'!$IG$27:$IG$5000,MATCH($B20,'p-y cyclic clay'!$C$27:$C$5000,1))))</f>
        <v>88.291315064635469</v>
      </c>
      <c r="W20">
        <f>IF($D20="SAND",INDEX('p-y cyclic sand'!$AV$27:$AV$5000,MATCH($B20,'p-y cyclic sand'!$C$27:$C$5000,1)),IF(INDEX('CPT Data'!$S$12:$S$20000,MATCH($B20,'CPT Data'!$B$12:$B$20000,1))&lt;2,INDEX('p-y cyclic clay'!$GU$27:$GU$5000,MATCH($B20,'p-y cyclic clay'!$C$27:$C$5000,1)),INDEX('p-y cyclic clay'!$HU$27:$HU$5000,MATCH($B20,'p-y cyclic clay'!$C$27:$C$5000,1))))</f>
        <v>574.01206510882446</v>
      </c>
      <c r="X20">
        <f>IF($D20="SAND",INDEX('p-y cyclic sand'!$AI$27:$AI$5000,MATCH($B20,'p-y cyclic sand'!$C$27:$C$5000,1)),IF(INDEX('CPT Data'!$S$12:$S$20000,MATCH($B20,'CPT Data'!$B$12:$B$20000,1))&lt;2,INDEX('p-y cyclic clay'!$HH$27:$HH$5000,MATCH($B20,'p-y cyclic clay'!$C$27:$C$5000,1)),INDEX('p-y cyclic clay'!$IH$27:$IH$5000,MATCH($B20,'p-y cyclic clay'!$C$27:$C$5000,1))))</f>
        <v>136.03428406221266</v>
      </c>
      <c r="Y20">
        <f>IF($D20="SAND",INDEX('p-y cyclic sand'!$AW$27:$AW$5000,MATCH($B20,'p-y cyclic sand'!$C$27:$C$5000,1)),IF(INDEX('CPT Data'!$S$12:$S$20000,MATCH($B20,'CPT Data'!$B$12:$B$20000,1))&lt;2,INDEX('p-y cyclic clay'!$GV$27:$GV$5000,MATCH($B20,'p-y cyclic clay'!$C$27:$C$5000,1)),INDEX('p-y cyclic clay'!$HV$27:$HV$5000,MATCH($B20,'p-y cyclic clay'!$C$27:$C$5000,1))))</f>
        <v>600.2513798414119</v>
      </c>
      <c r="Z20">
        <f>IF($D20="SAND",INDEX('p-y cyclic sand'!$AJ$27:$AJ$5000,MATCH($B20,'p-y cyclic sand'!$C$27:$C$5000,1)),IF(INDEX('CPT Data'!$S$12:$S$20000,MATCH($B20,'CPT Data'!$B$12:$B$20000,1))&lt;2,INDEX('p-y cyclic clay'!$HI$27:$HI$5000,MATCH($B20,'p-y cyclic clay'!$C$27:$C$5000,1)),INDEX('p-y cyclic clay'!$II$27:$II$5000,MATCH($B20,'p-y cyclic clay'!$C$27:$C$5000,1))))</f>
        <v>233.45752444262695</v>
      </c>
      <c r="AA20">
        <f>IF($D20="SAND",INDEX('p-y cyclic sand'!$AX$27:$AX$5000,MATCH($B20,'p-y cyclic sand'!$C$27:$C$5000,1)),IF(INDEX('CPT Data'!$S$12:$S$20000,MATCH($B20,'CPT Data'!$B$12:$B$20000,1))&lt;2,INDEX('p-y cyclic clay'!$GW$27:$GW$5000,MATCH($B20,'p-y cyclic clay'!$C$27:$C$5000,1)),INDEX('p-y cyclic clay'!$HW$27:$HW$5000,MATCH($B20,'p-y cyclic clay'!$C$27:$C$5000,1))))</f>
        <v>606.88779429182432</v>
      </c>
      <c r="AB20">
        <f>IF($D20="SAND",INDEX('p-y cyclic sand'!$AK$27:$AK$5000,MATCH($B20,'p-y cyclic sand'!$C$27:$C$5000,1)),IF(INDEX('CPT Data'!$S$12:$S$20000,MATCH($B20,'CPT Data'!$B$12:$B$20000,1))&lt;2,INDEX('p-y cyclic clay'!$HJ$27:$HJ$5000,MATCH($B20,'p-y cyclic clay'!$C$27:$C$5000,1)),INDEX('p-y cyclic clay'!$IJ$27:$IJ$5000,MATCH($B20,'p-y cyclic clay'!$C$27:$C$5000,1))))</f>
        <v>378.96014638376062</v>
      </c>
      <c r="AC20">
        <f>IF($D20="SAND",INDEX('p-y cyclic sand'!$AY$27:$AY$5000,MATCH($B20,'p-y cyclic sand'!$C$27:$C$5000,1)),IF(INDEX('CPT Data'!$S$12:$S$20000,MATCH($B20,'CPT Data'!$B$12:$B$20000,1))&lt;2,INDEX('p-y cyclic clay'!$GX$27:$GX$5000,MATCH($B20,'p-y cyclic clay'!$C$27:$C$5000,1)),INDEX('p-y cyclic clay'!$HX$27:$HX$5000,MATCH($B20,'p-y cyclic clay'!$C$27:$C$5000,1))))</f>
        <v>606.88779429182432</v>
      </c>
      <c r="AD20" s="98">
        <f>IF($D20="SAND",INDEX('p-y cyclic sand'!$AL$27:$AL$5000,MATCH($B20,'p-y cyclic sand'!$C$27:$C$5000,1)),IF(INDEX('CPT Data'!$S$12:$S$20000,MATCH($B20,'CPT Data'!$B$12:$B$20000,1))&lt;2,INDEX('p-y cyclic clay'!$HK$27:$HK$5000,MATCH($B20,'p-y cyclic clay'!$C$27:$C$5000,1)),INDEX('p-y cyclic clay'!$IK$27:$IK$5000,MATCH($B20,'p-y cyclic clay'!$C$27:$C$5000,1))))</f>
        <v>4547.5217566051278</v>
      </c>
    </row>
    <row r="21" spans="1:30" x14ac:dyDescent="0.2">
      <c r="A21" s="214">
        <f t="shared" si="0"/>
        <v>-31.5</v>
      </c>
      <c r="B21" s="216">
        <f>'p-y cyclic clay'!C42</f>
        <v>16</v>
      </c>
      <c r="C21">
        <f>INDEX('CPT Data'!$C$13:$C$20000,MATCH(B21,'CPT Data'!$B$13:$B$20000,1))</f>
        <v>15.99</v>
      </c>
      <c r="D21" s="216" t="str">
        <f>INDEX('CPT Data'!$P$13:$P$20000,MATCH(B21,'CPT Data'!$B$13:$B$20000,1))</f>
        <v>CLAY</v>
      </c>
      <c r="E21">
        <f>IF($D21="SAND",INDEX('p-y cyclic sand'!$AM$27:$AM$5000,MATCH($B21,'p-y cyclic sand'!$C$27:$C$5000,1)),IF(INDEX('CPT Data'!$S$12:$S$20000,MATCH($B21,'CPT Data'!$B$12:$B$20000,1))&lt;2,INDEX('p-y cyclic clay'!$GL$27:$GL$5000,MATCH($B21,'p-y cyclic clay'!$C$27:$C$5000,1)),INDEX('p-y cyclic clay'!$HL$27:$HL$5000,MATCH($B21,'p-y cyclic clay'!$C$27:$C$5000,1))))</f>
        <v>0</v>
      </c>
      <c r="F21">
        <f>IF($D21="SAND",INDEX('p-y cyclic sand'!$Z$27:$Z$5000,MATCH($B21,'p-y cyclic sand'!$C$27:$C$5000,1)),IF(INDEX('CPT Data'!$S$12:$S$20000,MATCH($B21,'CPT Data'!$B$12:$B$20000,1))&lt;2,INDEX('p-y cyclic clay'!$GY$27:$GY$5000,MATCH($B21,'p-y cyclic clay'!$C$27:$C$5000,1)),INDEX('p-y cyclic clay'!$HY$27:$HY$5000,MATCH($B21,'p-y cyclic clay'!$C$27:$C$5000,1))))</f>
        <v>0</v>
      </c>
      <c r="G21">
        <f>IF($D21="SAND",INDEX('p-y cyclic sand'!$AN$27:$AN$5000,MATCH($B21,'p-y cyclic sand'!$C$27:$C$5000,1)),IF(INDEX('CPT Data'!$S$12:$S$20000,MATCH($B21,'CPT Data'!$B$12:$B$20000,1))&lt;2,INDEX('p-y cyclic clay'!$GM$27:$GM$5000,MATCH($B21,'p-y cyclic clay'!$C$27:$C$5000,1)),INDEX('p-y cyclic clay'!$HM$27:$HM$5000,MATCH($B21,'p-y cyclic clay'!$C$27:$C$5000,1))))</f>
        <v>65.4530299722785</v>
      </c>
      <c r="H21">
        <f>IF($D21="SAND",INDEX('p-y cyclic sand'!$AA$27:$AA$5000,MATCH($B21,'p-y cyclic sand'!$C$27:$C$5000,1)),IF(INDEX('CPT Data'!$S$12:$S$20000,MATCH($B21,'CPT Data'!$B$12:$B$20000,1))&lt;2,INDEX('p-y cyclic clay'!$GZ$27:$GZ$5000,MATCH($B21,'p-y cyclic clay'!$C$27:$C$5000,1)),INDEX('p-y cyclic clay'!$HZ$27:$HZ$5000,MATCH($B21,'p-y cyclic clay'!$C$27:$C$5000,1))))</f>
        <v>0.63193940363242784</v>
      </c>
      <c r="I21">
        <f>IF($D21="SAND",INDEX('p-y cyclic sand'!$AO$27:$AO$5000,MATCH($B21,'p-y cyclic sand'!$C$27:$C$5000,1)),IF(INDEX('CPT Data'!$S$12:$S$20000,MATCH($B21,'CPT Data'!$B$12:$B$20000,1))&lt;2,INDEX('p-y cyclic clay'!$GN$27:$GN$5000,MATCH($B21,'p-y cyclic clay'!$C$27:$C$5000,1)),INDEX('p-y cyclic clay'!$HN$27:$HN$5000,MATCH($B21,'p-y cyclic clay'!$C$27:$C$5000,1))))</f>
        <v>250.22809738425167</v>
      </c>
      <c r="J21">
        <f>IF($D21="SAND",INDEX('p-y cyclic sand'!$AB$27:$AB$5000,MATCH($B21,'p-y cyclic sand'!$C$27:$C$5000,1)),IF(INDEX('CPT Data'!$S$12:$S$20000,MATCH($B21,'CPT Data'!$B$12:$B$20000,1))&lt;2,INDEX('p-y cyclic clay'!$HA$27:$HA$5000,MATCH($B21,'p-y cyclic clay'!$C$27:$C$5000,1)),INDEX('p-y cyclic clay'!$IA$27:$IA$5000,MATCH($B21,'p-y cyclic clay'!$C$27:$C$5000,1))))</f>
        <v>5.9695225625860822</v>
      </c>
      <c r="K21">
        <f>IF($D21="SAND",INDEX('p-y cyclic sand'!$AP$27:$AP$5000,MATCH($B21,'p-y cyclic sand'!$C$27:$C$5000,1)),IF(INDEX('CPT Data'!$S$12:$S$20000,MATCH($B21,'CPT Data'!$B$12:$B$20000,1))&lt;2,INDEX('p-y cyclic clay'!$GO$27:$GO$5000,MATCH($B21,'p-y cyclic clay'!$C$27:$C$5000,1)),INDEX('p-y cyclic clay'!$HO$27:$HO$5000,MATCH($B21,'p-y cyclic clay'!$C$27:$C$5000,1))))</f>
        <v>362.36587728764397</v>
      </c>
      <c r="L21">
        <f>IF($D21="SAND",INDEX('p-y cyclic sand'!$AC$27:$AC$5000,MATCH($B21,'p-y cyclic sand'!$C$27:$C$5000,1)),IF(INDEX('CPT Data'!$S$12:$S$20000,MATCH($B21,'CPT Data'!$B$12:$B$20000,1))&lt;2,INDEX('p-y cyclic clay'!$HB$27:$HB$5000,MATCH($B21,'p-y cyclic clay'!$C$27:$C$5000,1)),INDEX('p-y cyclic clay'!$IB$27:$IB$5000,MATCH($B21,'p-y cyclic clay'!$C$27:$C$5000,1))))</f>
        <v>10.380115368342759</v>
      </c>
      <c r="M21">
        <f>IF($D21="SAND",INDEX('p-y cyclic sand'!$AQ$27:$AQ$5000,MATCH($B21,'p-y cyclic sand'!$C$27:$C$5000,1)),IF(INDEX('CPT Data'!$S$12:$S$20000,MATCH($B21,'CPT Data'!$B$12:$B$20000,1))&lt;2,INDEX('p-y cyclic clay'!$GP$27:$GP$5000,MATCH($B21,'p-y cyclic clay'!$C$27:$C$5000,1)),INDEX('p-y cyclic clay'!$HP$27:$HP$5000,MATCH($B21,'p-y cyclic clay'!$C$27:$C$5000,1))))</f>
        <v>463.99718335831784</v>
      </c>
      <c r="N21">
        <f>IF($D21="SAND",INDEX('p-y cyclic sand'!$AD$27:$AD$5000,MATCH($B21,'p-y cyclic sand'!$C$27:$C$5000,1)),IF(INDEX('CPT Data'!$S$12:$S$20000,MATCH($B21,'CPT Data'!$B$12:$B$20000,1))&lt;2,INDEX('p-y cyclic clay'!$HC$27:$HC$5000,MATCH($B21,'p-y cyclic clay'!$C$27:$C$5000,1)),INDEX('p-y cyclic clay'!$IC$27:$IC$5000,MATCH($B21,'p-y cyclic clay'!$C$27:$C$5000,1))))</f>
        <v>17.158665100286946</v>
      </c>
      <c r="O21">
        <f>IF($D21="SAND",INDEX('p-y cyclic sand'!$AR$27:$AR$5000,MATCH($B21,'p-y cyclic sand'!$C$27:$C$5000,1)),IF(INDEX('CPT Data'!$S$12:$S$20000,MATCH($B21,'CPT Data'!$B$12:$B$20000,1))&lt;2,INDEX('p-y cyclic clay'!$GQ$27:$GQ$5000,MATCH($B21,'p-y cyclic clay'!$C$27:$C$5000,1)),INDEX('p-y cyclic clay'!$HQ$27:$HQ$5000,MATCH($B21,'p-y cyclic clay'!$C$27:$C$5000,1))))</f>
        <v>553.17230623243438</v>
      </c>
      <c r="P21">
        <f>IF($D21="SAND",INDEX('p-y cyclic sand'!$AE$27:$AE$5000,MATCH($B21,'p-y cyclic sand'!$C$27:$C$5000,1)),IF(INDEX('CPT Data'!$S$12:$S$20000,MATCH($B21,'CPT Data'!$B$12:$B$20000,1))&lt;2,INDEX('p-y cyclic clay'!$HD$27:$HD$5000,MATCH($B21,'p-y cyclic clay'!$C$27:$C$5000,1)),INDEX('p-y cyclic clay'!$ID$27:$ID$5000,MATCH($B21,'p-y cyclic clay'!$C$27:$C$5000,1))))</f>
        <v>25.283471965355385</v>
      </c>
      <c r="Q21">
        <f>IF($D21="SAND",INDEX('p-y cyclic sand'!$AS$27:$AS$5000,MATCH($B21,'p-y cyclic sand'!$C$27:$C$5000,1)),IF(INDEX('CPT Data'!$S$12:$S$20000,MATCH($B21,'CPT Data'!$B$12:$B$20000,1))&lt;2,INDEX('p-y cyclic clay'!$GR$27:$GR$5000,MATCH($B21,'p-y cyclic clay'!$C$27:$C$5000,1)),INDEX('p-y cyclic clay'!$HR$27:$HR$5000,MATCH($B21,'p-y cyclic clay'!$C$27:$C$5000,1))))</f>
        <v>627.2200717185101</v>
      </c>
      <c r="R21">
        <f>IF($D21="SAND",INDEX('p-y cyclic sand'!$AF$27:$AF$5000,MATCH($B21,'p-y cyclic sand'!$C$27:$C$5000,1)),IF(INDEX('CPT Data'!$S$12:$S$20000,MATCH($B21,'CPT Data'!$B$12:$B$20000,1))&lt;2,INDEX('p-y cyclic clay'!$HE$27:$HE$5000,MATCH($B21,'p-y cyclic clay'!$C$27:$C$5000,1)),INDEX('p-y cyclic clay'!$IE$27:$IE$5000,MATCH($B21,'p-y cyclic clay'!$C$27:$C$5000,1))))</f>
        <v>36.409246312378208</v>
      </c>
      <c r="S21">
        <f>IF($D21="SAND",INDEX('p-y cyclic sand'!$AT$27:$AT$5000,MATCH($B21,'p-y cyclic sand'!$C$27:$C$5000,1)),IF(INDEX('CPT Data'!$S$12:$S$20000,MATCH($B21,'CPT Data'!$B$12:$B$20000,1))&lt;2,INDEX('p-y cyclic clay'!$GS$27:$GS$5000,MATCH($B21,'p-y cyclic clay'!$C$27:$C$5000,1)),INDEX('p-y cyclic clay'!$HS$27:$HS$5000,MATCH($B21,'p-y cyclic clay'!$C$27:$C$5000,1))))</f>
        <v>682.31451598331444</v>
      </c>
      <c r="T21">
        <f>IF($D21="SAND",INDEX('p-y cyclic sand'!$AG$27:$AG$5000,MATCH($B21,'p-y cyclic sand'!$C$27:$C$5000,1)),IF(INDEX('CPT Data'!$S$12:$S$20000,MATCH($B21,'CPT Data'!$B$12:$B$20000,1))&lt;2,INDEX('p-y cyclic clay'!$HF$27:$HF$5000,MATCH($B21,'p-y cyclic clay'!$C$27:$C$5000,1)),INDEX('p-y cyclic clay'!$IF$27:$IF$5000,MATCH($B21,'p-y cyclic clay'!$C$27:$C$5000,1))))</f>
        <v>48.807244582615333</v>
      </c>
      <c r="U21">
        <f>IF($D21="SAND",INDEX('p-y cyclic sand'!$AU$27:$AU$5000,MATCH($B21,'p-y cyclic sand'!$C$27:$C$5000,1)),IF(INDEX('CPT Data'!$S$12:$S$20000,MATCH($B21,'CPT Data'!$B$12:$B$20000,1))&lt;2,INDEX('p-y cyclic clay'!$GT$27:$GT$5000,MATCH($B21,'p-y cyclic clay'!$C$27:$C$5000,1)),INDEX('p-y cyclic clay'!$HT$27:$HT$5000,MATCH($B21,'p-y cyclic clay'!$C$27:$C$5000,1))))</f>
        <v>759.51444766126292</v>
      </c>
      <c r="V21">
        <f>IF($D21="SAND",INDEX('p-y cyclic sand'!$AH$27:$AH$5000,MATCH($B21,'p-y cyclic sand'!$C$27:$C$5000,1)),IF(INDEX('CPT Data'!$S$12:$S$20000,MATCH($B21,'CPT Data'!$B$12:$B$20000,1))&lt;2,INDEX('p-y cyclic clay'!$HG$27:$HG$5000,MATCH($B21,'p-y cyclic clay'!$C$27:$C$5000,1)),INDEX('p-y cyclic clay'!$IG$27:$IG$5000,MATCH($B21,'p-y cyclic clay'!$C$27:$C$5000,1))))</f>
        <v>73.100618645193521</v>
      </c>
      <c r="W21">
        <f>IF($D21="SAND",INDEX('p-y cyclic sand'!$AV$27:$AV$5000,MATCH($B21,'p-y cyclic sand'!$C$27:$C$5000,1)),IF(INDEX('CPT Data'!$S$12:$S$20000,MATCH($B21,'CPT Data'!$B$12:$B$20000,1))&lt;2,INDEX('p-y cyclic clay'!$GU$27:$GU$5000,MATCH($B21,'p-y cyclic clay'!$C$27:$C$5000,1)),INDEX('p-y cyclic clay'!$HU$27:$HU$5000,MATCH($B21,'p-y cyclic clay'!$C$27:$C$5000,1))))</f>
        <v>854.45375361892081</v>
      </c>
      <c r="X21">
        <f>IF($D21="SAND",INDEX('p-y cyclic sand'!$AI$27:$AI$5000,MATCH($B21,'p-y cyclic sand'!$C$27:$C$5000,1)),IF(INDEX('CPT Data'!$S$12:$S$20000,MATCH($B21,'CPT Data'!$B$12:$B$20000,1))&lt;2,INDEX('p-y cyclic clay'!$HH$27:$HH$5000,MATCH($B21,'p-y cyclic clay'!$C$27:$C$5000,1)),INDEX('p-y cyclic clay'!$IH$27:$IH$5000,MATCH($B21,'p-y cyclic clay'!$C$27:$C$5000,1))))</f>
        <v>120.4003139068296</v>
      </c>
      <c r="Y21">
        <f>IF($D21="SAND",INDEX('p-y cyclic sand'!$AW$27:$AW$5000,MATCH($B21,'p-y cyclic sand'!$C$27:$C$5000,1)),IF(INDEX('CPT Data'!$S$12:$S$20000,MATCH($B21,'CPT Data'!$B$12:$B$20000,1))&lt;2,INDEX('p-y cyclic clay'!$GV$27:$GV$5000,MATCH($B21,'p-y cyclic clay'!$C$27:$C$5000,1)),INDEX('p-y cyclic clay'!$HV$27:$HV$5000,MATCH($B21,'p-y cyclic clay'!$C$27:$C$5000,1))))</f>
        <v>925.65823308716415</v>
      </c>
      <c r="Z21">
        <f>IF($D21="SAND",INDEX('p-y cyclic sand'!$AJ$27:$AJ$5000,MATCH($B21,'p-y cyclic sand'!$C$27:$C$5000,1)),IF(INDEX('CPT Data'!$S$12:$S$20000,MATCH($B21,'CPT Data'!$B$12:$B$20000,1))&lt;2,INDEX('p-y cyclic clay'!$HI$27:$HI$5000,MATCH($B21,'p-y cyclic clay'!$C$27:$C$5000,1)),INDEX('p-y cyclic clay'!$II$27:$II$5000,MATCH($B21,'p-y cyclic clay'!$C$27:$C$5000,1))))</f>
        <v>214.24088038572867</v>
      </c>
      <c r="AA21">
        <f>IF($D21="SAND",INDEX('p-y cyclic sand'!$AX$27:$AX$5000,MATCH($B21,'p-y cyclic sand'!$C$27:$C$5000,1)),IF(INDEX('CPT Data'!$S$12:$S$20000,MATCH($B21,'CPT Data'!$B$12:$B$20000,1))&lt;2,INDEX('p-y cyclic clay'!$GW$27:$GW$5000,MATCH($B21,'p-y cyclic clay'!$C$27:$C$5000,1)),INDEX('p-y cyclic clay'!$HW$27:$HW$5000,MATCH($B21,'p-y cyclic clay'!$C$27:$C$5000,1))))</f>
        <v>949.39305957657859</v>
      </c>
      <c r="AB21">
        <f>IF($D21="SAND",INDEX('p-y cyclic sand'!$AK$27:$AK$5000,MATCH($B21,'p-y cyclic sand'!$C$27:$C$5000,1)),IF(INDEX('CPT Data'!$S$12:$S$20000,MATCH($B21,'CPT Data'!$B$12:$B$20000,1))&lt;2,INDEX('p-y cyclic clay'!$HJ$27:$HJ$5000,MATCH($B21,'p-y cyclic clay'!$C$27:$C$5000,1)),INDEX('p-y cyclic clay'!$IJ$27:$IJ$5000,MATCH($B21,'p-y cyclic clay'!$C$27:$C$5000,1))))</f>
        <v>337.89777204495726</v>
      </c>
      <c r="AC21">
        <f>IF($D21="SAND",INDEX('p-y cyclic sand'!$AY$27:$AY$5000,MATCH($B21,'p-y cyclic sand'!$C$27:$C$5000,1)),IF(INDEX('CPT Data'!$S$12:$S$20000,MATCH($B21,'CPT Data'!$B$12:$B$20000,1))&lt;2,INDEX('p-y cyclic clay'!$GX$27:$GX$5000,MATCH($B21,'p-y cyclic clay'!$C$27:$C$5000,1)),INDEX('p-y cyclic clay'!$HX$27:$HX$5000,MATCH($B21,'p-y cyclic clay'!$C$27:$C$5000,1))))</f>
        <v>949.39305957657859</v>
      </c>
      <c r="AD21" s="98">
        <f>IF($D21="SAND",INDEX('p-y cyclic sand'!$AL$27:$AL$5000,MATCH($B21,'p-y cyclic sand'!$C$27:$C$5000,1)),IF(INDEX('CPT Data'!$S$12:$S$20000,MATCH($B21,'CPT Data'!$B$12:$B$20000,1))&lt;2,INDEX('p-y cyclic clay'!$HK$27:$HK$5000,MATCH($B21,'p-y cyclic clay'!$C$27:$C$5000,1)),INDEX('p-y cyclic clay'!$IK$27:$IK$5000,MATCH($B21,'p-y cyclic clay'!$C$27:$C$5000,1))))</f>
        <v>3916.7466586344349</v>
      </c>
    </row>
    <row r="22" spans="1:30" x14ac:dyDescent="0.2">
      <c r="A22" s="214">
        <f t="shared" si="0"/>
        <v>-32.5</v>
      </c>
      <c r="B22" s="216">
        <f>'p-y cyclic clay'!C43</f>
        <v>17</v>
      </c>
      <c r="C22">
        <f>INDEX('CPT Data'!$C$13:$C$20000,MATCH(B22,'CPT Data'!$B$13:$B$20000,1))</f>
        <v>16.977</v>
      </c>
      <c r="D22" s="216" t="str">
        <f>INDEX('CPT Data'!$P$13:$P$20000,MATCH(B22,'CPT Data'!$B$13:$B$20000,1))</f>
        <v>CLAY</v>
      </c>
      <c r="E22">
        <f>IF($D22="SAND",INDEX('p-y cyclic sand'!$AM$27:$AM$5000,MATCH($B22,'p-y cyclic sand'!$C$27:$C$5000,1)),IF(INDEX('CPT Data'!$S$12:$S$20000,MATCH($B22,'CPT Data'!$B$12:$B$20000,1))&lt;2,INDEX('p-y cyclic clay'!$GL$27:$GL$5000,MATCH($B22,'p-y cyclic clay'!$C$27:$C$5000,1)),INDEX('p-y cyclic clay'!$HL$27:$HL$5000,MATCH($B22,'p-y cyclic clay'!$C$27:$C$5000,1))))</f>
        <v>0</v>
      </c>
      <c r="F22">
        <f>IF($D22="SAND",INDEX('p-y cyclic sand'!$Z$27:$Z$5000,MATCH($B22,'p-y cyclic sand'!$C$27:$C$5000,1)),IF(INDEX('CPT Data'!$S$12:$S$20000,MATCH($B22,'CPT Data'!$B$12:$B$20000,1))&lt;2,INDEX('p-y cyclic clay'!$GY$27:$GY$5000,MATCH($B22,'p-y cyclic clay'!$C$27:$C$5000,1)),INDEX('p-y cyclic clay'!$HY$27:$HY$5000,MATCH($B22,'p-y cyclic clay'!$C$27:$C$5000,1))))</f>
        <v>0</v>
      </c>
      <c r="G22">
        <f>IF($D22="SAND",INDEX('p-y cyclic sand'!$AN$27:$AN$5000,MATCH($B22,'p-y cyclic sand'!$C$27:$C$5000,1)),IF(INDEX('CPT Data'!$S$12:$S$20000,MATCH($B22,'CPT Data'!$B$12:$B$20000,1))&lt;2,INDEX('p-y cyclic clay'!$GM$27:$GM$5000,MATCH($B22,'p-y cyclic clay'!$C$27:$C$5000,1)),INDEX('p-y cyclic clay'!$HM$27:$HM$5000,MATCH($B22,'p-y cyclic clay'!$C$27:$C$5000,1))))</f>
        <v>43.971969035521681</v>
      </c>
      <c r="H22">
        <f>IF($D22="SAND",INDEX('p-y cyclic sand'!$AA$27:$AA$5000,MATCH($B22,'p-y cyclic sand'!$C$27:$C$5000,1)),IF(INDEX('CPT Data'!$S$12:$S$20000,MATCH($B22,'CPT Data'!$B$12:$B$20000,1))&lt;2,INDEX('p-y cyclic clay'!$GZ$27:$GZ$5000,MATCH($B22,'p-y cyclic clay'!$C$27:$C$5000,1)),INDEX('p-y cyclic clay'!$HZ$27:$HZ$5000,MATCH($B22,'p-y cyclic clay'!$C$27:$C$5000,1))))</f>
        <v>0.66212276355311284</v>
      </c>
      <c r="I22">
        <f>IF($D22="SAND",INDEX('p-y cyclic sand'!$AO$27:$AO$5000,MATCH($B22,'p-y cyclic sand'!$C$27:$C$5000,1)),IF(INDEX('CPT Data'!$S$12:$S$20000,MATCH($B22,'CPT Data'!$B$12:$B$20000,1))&lt;2,INDEX('p-y cyclic clay'!$GN$27:$GN$5000,MATCH($B22,'p-y cyclic clay'!$C$27:$C$5000,1)),INDEX('p-y cyclic clay'!$HN$27:$HN$5000,MATCH($B22,'p-y cyclic clay'!$C$27:$C$5000,1))))</f>
        <v>173.20533300691272</v>
      </c>
      <c r="J22">
        <f>IF($D22="SAND",INDEX('p-y cyclic sand'!$AB$27:$AB$5000,MATCH($B22,'p-y cyclic sand'!$C$27:$C$5000,1)),IF(INDEX('CPT Data'!$S$12:$S$20000,MATCH($B22,'CPT Data'!$B$12:$B$20000,1))&lt;2,INDEX('p-y cyclic clay'!$HA$27:$HA$5000,MATCH($B22,'p-y cyclic clay'!$C$27:$C$5000,1)),INDEX('p-y cyclic clay'!$IA$27:$IA$5000,MATCH($B22,'p-y cyclic clay'!$C$27:$C$5000,1))))</f>
        <v>6.4610078017640244</v>
      </c>
      <c r="K22">
        <f>IF($D22="SAND",INDEX('p-y cyclic sand'!$AP$27:$AP$5000,MATCH($B22,'p-y cyclic sand'!$C$27:$C$5000,1)),IF(INDEX('CPT Data'!$S$12:$S$20000,MATCH($B22,'CPT Data'!$B$12:$B$20000,1))&lt;2,INDEX('p-y cyclic clay'!$GO$27:$GO$5000,MATCH($B22,'p-y cyclic clay'!$C$27:$C$5000,1)),INDEX('p-y cyclic clay'!$HO$27:$HO$5000,MATCH($B22,'p-y cyclic clay'!$C$27:$C$5000,1))))</f>
        <v>256.81390278615606</v>
      </c>
      <c r="L22">
        <f>IF($D22="SAND",INDEX('p-y cyclic sand'!$AC$27:$AC$5000,MATCH($B22,'p-y cyclic sand'!$C$27:$C$5000,1)),IF(INDEX('CPT Data'!$S$12:$S$20000,MATCH($B22,'CPT Data'!$B$12:$B$20000,1))&lt;2,INDEX('p-y cyclic clay'!$HB$27:$HB$5000,MATCH($B22,'p-y cyclic clay'!$C$27:$C$5000,1)),INDEX('p-y cyclic clay'!$IB$27:$IB$5000,MATCH($B22,'p-y cyclic clay'!$C$27:$C$5000,1))))</f>
        <v>11.203827535378572</v>
      </c>
      <c r="M22">
        <f>IF($D22="SAND",INDEX('p-y cyclic sand'!$AQ$27:$AQ$5000,MATCH($B22,'p-y cyclic sand'!$C$27:$C$5000,1)),IF(INDEX('CPT Data'!$S$12:$S$20000,MATCH($B22,'CPT Data'!$B$12:$B$20000,1))&lt;2,INDEX('p-y cyclic clay'!$GP$27:$GP$5000,MATCH($B22,'p-y cyclic clay'!$C$27:$C$5000,1)),INDEX('p-y cyclic clay'!$HP$27:$HP$5000,MATCH($B22,'p-y cyclic clay'!$C$27:$C$5000,1))))</f>
        <v>338.01425543926496</v>
      </c>
      <c r="N22">
        <f>IF($D22="SAND",INDEX('p-y cyclic sand'!$AD$27:$AD$5000,MATCH($B22,'p-y cyclic sand'!$C$27:$C$5000,1)),IF(INDEX('CPT Data'!$S$12:$S$20000,MATCH($B22,'CPT Data'!$B$12:$B$20000,1))&lt;2,INDEX('p-y cyclic clay'!$HC$27:$HC$5000,MATCH($B22,'p-y cyclic clay'!$C$27:$C$5000,1)),INDEX('p-y cyclic clay'!$IC$27:$IC$5000,MATCH($B22,'p-y cyclic clay'!$C$27:$C$5000,1))))</f>
        <v>18.630786755940385</v>
      </c>
      <c r="O22">
        <f>IF($D22="SAND",INDEX('p-y cyclic sand'!$AR$27:$AR$5000,MATCH($B22,'p-y cyclic sand'!$C$27:$C$5000,1)),IF(INDEX('CPT Data'!$S$12:$S$20000,MATCH($B22,'CPT Data'!$B$12:$B$20000,1))&lt;2,INDEX('p-y cyclic clay'!$GQ$27:$GQ$5000,MATCH($B22,'p-y cyclic clay'!$C$27:$C$5000,1)),INDEX('p-y cyclic clay'!$HQ$27:$HQ$5000,MATCH($B22,'p-y cyclic clay'!$C$27:$C$5000,1))))</f>
        <v>416.37852071711825</v>
      </c>
      <c r="P22">
        <f>IF($D22="SAND",INDEX('p-y cyclic sand'!$AE$27:$AE$5000,MATCH($B22,'p-y cyclic sand'!$C$27:$C$5000,1)),IF(INDEX('CPT Data'!$S$12:$S$20000,MATCH($B22,'CPT Data'!$B$12:$B$20000,1))&lt;2,INDEX('p-y cyclic clay'!$HD$27:$HD$5000,MATCH($B22,'p-y cyclic clay'!$C$27:$C$5000,1)),INDEX('p-y cyclic clay'!$ID$27:$ID$5000,MATCH($B22,'p-y cyclic clay'!$C$27:$C$5000,1))))</f>
        <v>28.296752782510808</v>
      </c>
      <c r="Q22">
        <f>IF($D22="SAND",INDEX('p-y cyclic sand'!$AS$27:$AS$5000,MATCH($B22,'p-y cyclic sand'!$C$27:$C$5000,1)),IF(INDEX('CPT Data'!$S$12:$S$20000,MATCH($B22,'CPT Data'!$B$12:$B$20000,1))&lt;2,INDEX('p-y cyclic clay'!$GR$27:$GR$5000,MATCH($B22,'p-y cyclic clay'!$C$27:$C$5000,1)),INDEX('p-y cyclic clay'!$HR$27:$HR$5000,MATCH($B22,'p-y cyclic clay'!$C$27:$C$5000,1))))</f>
        <v>491.32805309800574</v>
      </c>
      <c r="R22">
        <f>IF($D22="SAND",INDEX('p-y cyclic sand'!$AF$27:$AF$5000,MATCH($B22,'p-y cyclic sand'!$C$27:$C$5000,1)),IF(INDEX('CPT Data'!$S$12:$S$20000,MATCH($B22,'CPT Data'!$B$12:$B$20000,1))&lt;2,INDEX('p-y cyclic clay'!$HE$27:$HE$5000,MATCH($B22,'p-y cyclic clay'!$C$27:$C$5000,1)),INDEX('p-y cyclic clay'!$IE$27:$IE$5000,MATCH($B22,'p-y cyclic clay'!$C$27:$C$5000,1))))</f>
        <v>43.250713461655053</v>
      </c>
      <c r="S22">
        <f>IF($D22="SAND",INDEX('p-y cyclic sand'!$AT$27:$AT$5000,MATCH($B22,'p-y cyclic sand'!$C$27:$C$5000,1)),IF(INDEX('CPT Data'!$S$12:$S$20000,MATCH($B22,'CPT Data'!$B$12:$B$20000,1))&lt;2,INDEX('p-y cyclic clay'!$GS$27:$GS$5000,MATCH($B22,'p-y cyclic clay'!$C$27:$C$5000,1)),INDEX('p-y cyclic clay'!$HS$27:$HS$5000,MATCH($B22,'p-y cyclic clay'!$C$27:$C$5000,1))))</f>
        <v>562.04783866965727</v>
      </c>
      <c r="T22">
        <f>IF($D22="SAND",INDEX('p-y cyclic sand'!$AG$27:$AG$5000,MATCH($B22,'p-y cyclic sand'!$C$27:$C$5000,1)),IF(INDEX('CPT Data'!$S$12:$S$20000,MATCH($B22,'CPT Data'!$B$12:$B$20000,1))&lt;2,INDEX('p-y cyclic clay'!$HF$27:$HF$5000,MATCH($B22,'p-y cyclic clay'!$C$27:$C$5000,1)),INDEX('p-y cyclic clay'!$IF$27:$IF$5000,MATCH($B22,'p-y cyclic clay'!$C$27:$C$5000,1))))</f>
        <v>60.877236563732438</v>
      </c>
      <c r="U22">
        <f>IF($D22="SAND",INDEX('p-y cyclic sand'!$AU$27:$AU$5000,MATCH($B22,'p-y cyclic sand'!$C$27:$C$5000,1)),IF(INDEX('CPT Data'!$S$12:$S$20000,MATCH($B22,'CPT Data'!$B$12:$B$20000,1))&lt;2,INDEX('p-y cyclic clay'!$GT$27:$GT$5000,MATCH($B22,'p-y cyclic clay'!$C$27:$C$5000,1)),INDEX('p-y cyclic clay'!$HT$27:$HT$5000,MATCH($B22,'p-y cyclic clay'!$C$27:$C$5000,1))))</f>
        <v>627.32773252372033</v>
      </c>
      <c r="V22">
        <f>IF($D22="SAND",INDEX('p-y cyclic sand'!$AH$27:$AH$5000,MATCH($B22,'p-y cyclic sand'!$C$27:$C$5000,1)),IF(INDEX('CPT Data'!$S$12:$S$20000,MATCH($B22,'CPT Data'!$B$12:$B$20000,1))&lt;2,INDEX('p-y cyclic clay'!$HG$27:$HG$5000,MATCH($B22,'p-y cyclic clay'!$C$27:$C$5000,1)),INDEX('p-y cyclic clay'!$IG$27:$IG$5000,MATCH($B22,'p-y cyclic clay'!$C$27:$C$5000,1))))</f>
        <v>91.384605188845768</v>
      </c>
      <c r="W22">
        <f>IF($D22="SAND",INDEX('p-y cyclic sand'!$AV$27:$AV$5000,MATCH($B22,'p-y cyclic sand'!$C$27:$C$5000,1)),IF(INDEX('CPT Data'!$S$12:$S$20000,MATCH($B22,'CPT Data'!$B$12:$B$20000,1))&lt;2,INDEX('p-y cyclic clay'!$GU$27:$GU$5000,MATCH($B22,'p-y cyclic clay'!$C$27:$C$5000,1)),INDEX('p-y cyclic clay'!$HU$27:$HU$5000,MATCH($B22,'p-y cyclic clay'!$C$27:$C$5000,1))))</f>
        <v>685.23794678106583</v>
      </c>
      <c r="X22">
        <f>IF($D22="SAND",INDEX('p-y cyclic sand'!$AI$27:$AI$5000,MATCH($B22,'p-y cyclic sand'!$C$27:$C$5000,1)),IF(INDEX('CPT Data'!$S$12:$S$20000,MATCH($B22,'CPT Data'!$B$12:$B$20000,1))&lt;2,INDEX('p-y cyclic clay'!$HH$27:$HH$5000,MATCH($B22,'p-y cyclic clay'!$C$27:$C$5000,1)),INDEX('p-y cyclic clay'!$IH$27:$IH$5000,MATCH($B22,'p-y cyclic clay'!$C$27:$C$5000,1))))</f>
        <v>142.43156760021745</v>
      </c>
      <c r="Y22">
        <f>IF($D22="SAND",INDEX('p-y cyclic sand'!$AW$27:$AW$5000,MATCH($B22,'p-y cyclic sand'!$C$27:$C$5000,1)),IF(INDEX('CPT Data'!$S$12:$S$20000,MATCH($B22,'CPT Data'!$B$12:$B$20000,1))&lt;2,INDEX('p-y cyclic clay'!$GV$27:$GV$5000,MATCH($B22,'p-y cyclic clay'!$C$27:$C$5000,1)),INDEX('p-y cyclic clay'!$HV$27:$HV$5000,MATCH($B22,'p-y cyclic clay'!$C$27:$C$5000,1))))</f>
        <v>721.88302541602081</v>
      </c>
      <c r="Z22">
        <f>IF($D22="SAND",INDEX('p-y cyclic sand'!$AJ$27:$AJ$5000,MATCH($B22,'p-y cyclic sand'!$C$27:$C$5000,1)),IF(INDEX('CPT Data'!$S$12:$S$20000,MATCH($B22,'CPT Data'!$B$12:$B$20000,1))&lt;2,INDEX('p-y cyclic clay'!$HI$27:$HI$5000,MATCH($B22,'p-y cyclic clay'!$C$27:$C$5000,1)),INDEX('p-y cyclic clay'!$II$27:$II$5000,MATCH($B22,'p-y cyclic clay'!$C$27:$C$5000,1))))</f>
        <v>248.01327607390769</v>
      </c>
      <c r="AA22">
        <f>IF($D22="SAND",INDEX('p-y cyclic sand'!$AX$27:$AX$5000,MATCH($B22,'p-y cyclic sand'!$C$27:$C$5000,1)),IF(INDEX('CPT Data'!$S$12:$S$20000,MATCH($B22,'CPT Data'!$B$12:$B$20000,1))&lt;2,INDEX('p-y cyclic clay'!$GW$27:$GW$5000,MATCH($B22,'p-y cyclic clay'!$C$27:$C$5000,1)),INDEX('p-y cyclic clay'!$HW$27:$HW$5000,MATCH($B22,'p-y cyclic clay'!$C$27:$C$5000,1))))</f>
        <v>732.36966947532528</v>
      </c>
      <c r="AB22">
        <f>IF($D22="SAND",INDEX('p-y cyclic sand'!$AK$27:$AK$5000,MATCH($B22,'p-y cyclic sand'!$C$27:$C$5000,1)),IF(INDEX('CPT Data'!$S$12:$S$20000,MATCH($B22,'CPT Data'!$B$12:$B$20000,1))&lt;2,INDEX('p-y cyclic clay'!$HJ$27:$HJ$5000,MATCH($B22,'p-y cyclic clay'!$C$27:$C$5000,1)),INDEX('p-y cyclic clay'!$IJ$27:$IJ$5000,MATCH($B22,'p-y cyclic clay'!$C$27:$C$5000,1))))</f>
        <v>405.36880941335318</v>
      </c>
      <c r="AC22">
        <f>IF($D22="SAND",INDEX('p-y cyclic sand'!$AY$27:$AY$5000,MATCH($B22,'p-y cyclic sand'!$C$27:$C$5000,1)),IF(INDEX('CPT Data'!$S$12:$S$20000,MATCH($B22,'CPT Data'!$B$12:$B$20000,1))&lt;2,INDEX('p-y cyclic clay'!$GX$27:$GX$5000,MATCH($B22,'p-y cyclic clay'!$C$27:$C$5000,1)),INDEX('p-y cyclic clay'!$HX$27:$HX$5000,MATCH($B22,'p-y cyclic clay'!$C$27:$C$5000,1))))</f>
        <v>732.36966947532528</v>
      </c>
      <c r="AD22" s="98">
        <f>IF($D22="SAND",INDEX('p-y cyclic sand'!$AL$27:$AL$5000,MATCH($B22,'p-y cyclic sand'!$C$27:$C$5000,1)),IF(INDEX('CPT Data'!$S$12:$S$20000,MATCH($B22,'CPT Data'!$B$12:$B$20000,1))&lt;2,INDEX('p-y cyclic clay'!$HK$27:$HK$5000,MATCH($B22,'p-y cyclic clay'!$C$27:$C$5000,1)),INDEX('p-y cyclic clay'!$IK$27:$IK$5000,MATCH($B22,'p-y cyclic clay'!$C$27:$C$5000,1))))</f>
        <v>4864.4257129602383</v>
      </c>
    </row>
    <row r="23" spans="1:30" x14ac:dyDescent="0.2">
      <c r="A23" s="214">
        <f t="shared" si="0"/>
        <v>-33.5</v>
      </c>
      <c r="B23" s="216">
        <f>'p-y cyclic clay'!C44</f>
        <v>18</v>
      </c>
      <c r="C23">
        <f>INDEX('CPT Data'!$C$13:$C$20000,MATCH(B23,'CPT Data'!$B$13:$B$20000,1))</f>
        <v>17.988999999999997</v>
      </c>
      <c r="D23" s="216" t="str">
        <f>INDEX('CPT Data'!$P$13:$P$20000,MATCH(B23,'CPT Data'!$B$13:$B$20000,1))</f>
        <v>CLAY</v>
      </c>
      <c r="E23">
        <f>IF($D23="SAND",INDEX('p-y cyclic sand'!$AM$27:$AM$5000,MATCH($B23,'p-y cyclic sand'!$C$27:$C$5000,1)),IF(INDEX('CPT Data'!$S$12:$S$20000,MATCH($B23,'CPT Data'!$B$12:$B$20000,1))&lt;2,INDEX('p-y cyclic clay'!$GL$27:$GL$5000,MATCH($B23,'p-y cyclic clay'!$C$27:$C$5000,1)),INDEX('p-y cyclic clay'!$HL$27:$HL$5000,MATCH($B23,'p-y cyclic clay'!$C$27:$C$5000,1))))</f>
        <v>0</v>
      </c>
      <c r="F23">
        <f>IF($D23="SAND",INDEX('p-y cyclic sand'!$Z$27:$Z$5000,MATCH($B23,'p-y cyclic sand'!$C$27:$C$5000,1)),IF(INDEX('CPT Data'!$S$12:$S$20000,MATCH($B23,'CPT Data'!$B$12:$B$20000,1))&lt;2,INDEX('p-y cyclic clay'!$GY$27:$GY$5000,MATCH($B23,'p-y cyclic clay'!$C$27:$C$5000,1)),INDEX('p-y cyclic clay'!$HY$27:$HY$5000,MATCH($B23,'p-y cyclic clay'!$C$27:$C$5000,1))))</f>
        <v>0</v>
      </c>
      <c r="G23">
        <f>IF($D23="SAND",INDEX('p-y cyclic sand'!$AN$27:$AN$5000,MATCH($B23,'p-y cyclic sand'!$C$27:$C$5000,1)),IF(INDEX('CPT Data'!$S$12:$S$20000,MATCH($B23,'CPT Data'!$B$12:$B$20000,1))&lt;2,INDEX('p-y cyclic clay'!$GM$27:$GM$5000,MATCH($B23,'p-y cyclic clay'!$C$27:$C$5000,1)),INDEX('p-y cyclic clay'!$HM$27:$HM$5000,MATCH($B23,'p-y cyclic clay'!$C$27:$C$5000,1))))</f>
        <v>45.929385135162086</v>
      </c>
      <c r="H23">
        <f>IF($D23="SAND",INDEX('p-y cyclic sand'!$AA$27:$AA$5000,MATCH($B23,'p-y cyclic sand'!$C$27:$C$5000,1)),IF(INDEX('CPT Data'!$S$12:$S$20000,MATCH($B23,'CPT Data'!$B$12:$B$20000,1))&lt;2,INDEX('p-y cyclic clay'!$GZ$27:$GZ$5000,MATCH($B23,'p-y cyclic clay'!$C$27:$C$5000,1)),INDEX('p-y cyclic clay'!$HZ$27:$HZ$5000,MATCH($B23,'p-y cyclic clay'!$C$27:$C$5000,1))))</f>
        <v>0.66600937594192944</v>
      </c>
      <c r="I23">
        <f>IF($D23="SAND",INDEX('p-y cyclic sand'!$AO$27:$AO$5000,MATCH($B23,'p-y cyclic sand'!$C$27:$C$5000,1)),IF(INDEX('CPT Data'!$S$12:$S$20000,MATCH($B23,'CPT Data'!$B$12:$B$20000,1))&lt;2,INDEX('p-y cyclic clay'!$GN$27:$GN$5000,MATCH($B23,'p-y cyclic clay'!$C$27:$C$5000,1)),INDEX('p-y cyclic clay'!$HN$27:$HN$5000,MATCH($B23,'p-y cyclic clay'!$C$27:$C$5000,1))))</f>
        <v>181.01504064793642</v>
      </c>
      <c r="J23">
        <f>IF($D23="SAND",INDEX('p-y cyclic sand'!$AB$27:$AB$5000,MATCH($B23,'p-y cyclic sand'!$C$27:$C$5000,1)),IF(INDEX('CPT Data'!$S$12:$S$20000,MATCH($B23,'CPT Data'!$B$12:$B$20000,1))&lt;2,INDEX('p-y cyclic clay'!$HA$27:$HA$5000,MATCH($B23,'p-y cyclic clay'!$C$27:$C$5000,1)),INDEX('p-y cyclic clay'!$IA$27:$IA$5000,MATCH($B23,'p-y cyclic clay'!$C$27:$C$5000,1))))</f>
        <v>6.5049892867069001</v>
      </c>
      <c r="K23">
        <f>IF($D23="SAND",INDEX('p-y cyclic sand'!$AP$27:$AP$5000,MATCH($B23,'p-y cyclic sand'!$C$27:$C$5000,1)),IF(INDEX('CPT Data'!$S$12:$S$20000,MATCH($B23,'CPT Data'!$B$12:$B$20000,1))&lt;2,INDEX('p-y cyclic clay'!$GO$27:$GO$5000,MATCH($B23,'p-y cyclic clay'!$C$27:$C$5000,1)),INDEX('p-y cyclic clay'!$HO$27:$HO$5000,MATCH($B23,'p-y cyclic clay'!$C$27:$C$5000,1))))</f>
        <v>268.51727232348748</v>
      </c>
      <c r="L23">
        <f>IF($D23="SAND",INDEX('p-y cyclic sand'!$AC$27:$AC$5000,MATCH($B23,'p-y cyclic sand'!$C$27:$C$5000,1)),IF(INDEX('CPT Data'!$S$12:$S$20000,MATCH($B23,'CPT Data'!$B$12:$B$20000,1))&lt;2,INDEX('p-y cyclic clay'!$HB$27:$HB$5000,MATCH($B23,'p-y cyclic clay'!$C$27:$C$5000,1)),INDEX('p-y cyclic clay'!$IB$27:$IB$5000,MATCH($B23,'p-y cyclic clay'!$C$27:$C$5000,1))))</f>
        <v>11.289001783040721</v>
      </c>
      <c r="M23">
        <f>IF($D23="SAND",INDEX('p-y cyclic sand'!$AQ$27:$AQ$5000,MATCH($B23,'p-y cyclic sand'!$C$27:$C$5000,1)),IF(INDEX('CPT Data'!$S$12:$S$20000,MATCH($B23,'CPT Data'!$B$12:$B$20000,1))&lt;2,INDEX('p-y cyclic clay'!$GP$27:$GP$5000,MATCH($B23,'p-y cyclic clay'!$C$27:$C$5000,1)),INDEX('p-y cyclic clay'!$HP$27:$HP$5000,MATCH($B23,'p-y cyclic clay'!$C$27:$C$5000,1))))</f>
        <v>353.61844654844089</v>
      </c>
      <c r="N23">
        <f>IF($D23="SAND",INDEX('p-y cyclic sand'!$AD$27:$AD$5000,MATCH($B23,'p-y cyclic sand'!$C$27:$C$5000,1)),IF(INDEX('CPT Data'!$S$12:$S$20000,MATCH($B23,'CPT Data'!$B$12:$B$20000,1))&lt;2,INDEX('p-y cyclic clay'!$HC$27:$HC$5000,MATCH($B23,'p-y cyclic clay'!$C$27:$C$5000,1)),INDEX('p-y cyclic clay'!$IC$27:$IC$5000,MATCH($B23,'p-y cyclic clay'!$C$27:$C$5000,1))))</f>
        <v>18.790814914360297</v>
      </c>
      <c r="O23">
        <f>IF($D23="SAND",INDEX('p-y cyclic sand'!$AR$27:$AR$5000,MATCH($B23,'p-y cyclic sand'!$C$27:$C$5000,1)),IF(INDEX('CPT Data'!$S$12:$S$20000,MATCH($B23,'CPT Data'!$B$12:$B$20000,1))&lt;2,INDEX('p-y cyclic clay'!$GQ$27:$GQ$5000,MATCH($B23,'p-y cyclic clay'!$C$27:$C$5000,1)),INDEX('p-y cyclic clay'!$HQ$27:$HQ$5000,MATCH($B23,'p-y cyclic clay'!$C$27:$C$5000,1))))</f>
        <v>435.91084947024513</v>
      </c>
      <c r="P23">
        <f>IF($D23="SAND",INDEX('p-y cyclic sand'!$AE$27:$AE$5000,MATCH($B23,'p-y cyclic sand'!$C$27:$C$5000,1)),IF(INDEX('CPT Data'!$S$12:$S$20000,MATCH($B23,'CPT Data'!$B$12:$B$20000,1))&lt;2,INDEX('p-y cyclic clay'!$HD$27:$HD$5000,MATCH($B23,'p-y cyclic clay'!$C$27:$C$5000,1)),INDEX('p-y cyclic clay'!$ID$27:$ID$5000,MATCH($B23,'p-y cyclic clay'!$C$27:$C$5000,1))))</f>
        <v>28.575334047334081</v>
      </c>
      <c r="Q23">
        <f>IF($D23="SAND",INDEX('p-y cyclic sand'!$AS$27:$AS$5000,MATCH($B23,'p-y cyclic sand'!$C$27:$C$5000,1)),IF(INDEX('CPT Data'!$S$12:$S$20000,MATCH($B23,'CPT Data'!$B$12:$B$20000,1))&lt;2,INDEX('p-y cyclic clay'!$GR$27:$GR$5000,MATCH($B23,'p-y cyclic clay'!$C$27:$C$5000,1)),INDEX('p-y cyclic clay'!$HR$27:$HR$5000,MATCH($B23,'p-y cyclic clay'!$C$27:$C$5000,1))))</f>
        <v>514.8501804063136</v>
      </c>
      <c r="R23">
        <f>IF($D23="SAND",INDEX('p-y cyclic sand'!$AF$27:$AF$5000,MATCH($B23,'p-y cyclic sand'!$C$27:$C$5000,1)),IF(INDEX('CPT Data'!$S$12:$S$20000,MATCH($B23,'CPT Data'!$B$12:$B$20000,1))&lt;2,INDEX('p-y cyclic clay'!$HE$27:$HE$5000,MATCH($B23,'p-y cyclic clay'!$C$27:$C$5000,1)),INDEX('p-y cyclic clay'!$IE$27:$IE$5000,MATCH($B23,'p-y cyclic clay'!$C$27:$C$5000,1))))</f>
        <v>43.747676283964964</v>
      </c>
      <c r="S23">
        <f>IF($D23="SAND",INDEX('p-y cyclic sand'!$AT$27:$AT$5000,MATCH($B23,'p-y cyclic sand'!$C$27:$C$5000,1)),IF(INDEX('CPT Data'!$S$12:$S$20000,MATCH($B23,'CPT Data'!$B$12:$B$20000,1))&lt;2,INDEX('p-y cyclic clay'!$GS$27:$GS$5000,MATCH($B23,'p-y cyclic clay'!$C$27:$C$5000,1)),INDEX('p-y cyclic clay'!$HS$27:$HS$5000,MATCH($B23,'p-y cyclic clay'!$C$27:$C$5000,1))))</f>
        <v>589.68237533410991</v>
      </c>
      <c r="T23">
        <f>IF($D23="SAND",INDEX('p-y cyclic sand'!$AG$27:$AG$5000,MATCH($B23,'p-y cyclic sand'!$C$27:$C$5000,1)),IF(INDEX('CPT Data'!$S$12:$S$20000,MATCH($B23,'CPT Data'!$B$12:$B$20000,1))&lt;2,INDEX('p-y cyclic clay'!$HF$27:$HF$5000,MATCH($B23,'p-y cyclic clay'!$C$27:$C$5000,1)),INDEX('p-y cyclic clay'!$IF$27:$IF$5000,MATCH($B23,'p-y cyclic clay'!$C$27:$C$5000,1))))</f>
        <v>61.713121388491544</v>
      </c>
      <c r="U23">
        <f>IF($D23="SAND",INDEX('p-y cyclic sand'!$AU$27:$AU$5000,MATCH($B23,'p-y cyclic sand'!$C$27:$C$5000,1)),IF(INDEX('CPT Data'!$S$12:$S$20000,MATCH($B23,'CPT Data'!$B$12:$B$20000,1))&lt;2,INDEX('p-y cyclic clay'!$GT$27:$GT$5000,MATCH($B23,'p-y cyclic clay'!$C$27:$C$5000,1)),INDEX('p-y cyclic clay'!$HT$27:$HT$5000,MATCH($B23,'p-y cyclic clay'!$C$27:$C$5000,1))))</f>
        <v>659.31198652749629</v>
      </c>
      <c r="V23">
        <f>IF($D23="SAND",INDEX('p-y cyclic sand'!$AH$27:$AH$5000,MATCH($B23,'p-y cyclic sand'!$C$27:$C$5000,1)),IF(INDEX('CPT Data'!$S$12:$S$20000,MATCH($B23,'CPT Data'!$B$12:$B$20000,1))&lt;2,INDEX('p-y cyclic clay'!$HG$27:$HG$5000,MATCH($B23,'p-y cyclic clay'!$C$27:$C$5000,1)),INDEX('p-y cyclic clay'!$IG$27:$IG$5000,MATCH($B23,'p-y cyclic clay'!$C$27:$C$5000,1))))</f>
        <v>92.932781503353141</v>
      </c>
      <c r="W23">
        <f>IF($D23="SAND",INDEX('p-y cyclic sand'!$AV$27:$AV$5000,MATCH($B23,'p-y cyclic sand'!$C$27:$C$5000,1)),IF(INDEX('CPT Data'!$S$12:$S$20000,MATCH($B23,'CPT Data'!$B$12:$B$20000,1))&lt;2,INDEX('p-y cyclic clay'!$GU$27:$GU$5000,MATCH($B23,'p-y cyclic clay'!$C$27:$C$5000,1)),INDEX('p-y cyclic clay'!$HU$27:$HU$5000,MATCH($B23,'p-y cyclic clay'!$C$27:$C$5000,1))))</f>
        <v>722.04402658711649</v>
      </c>
      <c r="X23">
        <f>IF($D23="SAND",INDEX('p-y cyclic sand'!$AI$27:$AI$5000,MATCH($B23,'p-y cyclic sand'!$C$27:$C$5000,1)),IF(INDEX('CPT Data'!$S$12:$S$20000,MATCH($B23,'CPT Data'!$B$12:$B$20000,1))&lt;2,INDEX('p-y cyclic clay'!$HH$27:$HH$5000,MATCH($B23,'p-y cyclic clay'!$C$27:$C$5000,1)),INDEX('p-y cyclic clay'!$IH$27:$IH$5000,MATCH($B23,'p-y cyclic clay'!$C$27:$C$5000,1))))</f>
        <v>145.54845190332</v>
      </c>
      <c r="Y23">
        <f>IF($D23="SAND",INDEX('p-y cyclic sand'!$AW$27:$AW$5000,MATCH($B23,'p-y cyclic sand'!$C$27:$C$5000,1)),IF(INDEX('CPT Data'!$S$12:$S$20000,MATCH($B23,'CPT Data'!$B$12:$B$20000,1))&lt;2,INDEX('p-y cyclic clay'!$GV$27:$GV$5000,MATCH($B23,'p-y cyclic clay'!$C$27:$C$5000,1)),INDEX('p-y cyclic clay'!$HV$27:$HV$5000,MATCH($B23,'p-y cyclic clay'!$C$27:$C$5000,1))))</f>
        <v>762.91869293766683</v>
      </c>
      <c r="Z23">
        <f>IF($D23="SAND",INDEX('p-y cyclic sand'!$AJ$27:$AJ$5000,MATCH($B23,'p-y cyclic sand'!$C$27:$C$5000,1)),IF(INDEX('CPT Data'!$S$12:$S$20000,MATCH($B23,'CPT Data'!$B$12:$B$20000,1))&lt;2,INDEX('p-y cyclic clay'!$HI$27:$HI$5000,MATCH($B23,'p-y cyclic clay'!$C$27:$C$5000,1)),INDEX('p-y cyclic clay'!$II$27:$II$5000,MATCH($B23,'p-y cyclic clay'!$C$27:$C$5000,1))))</f>
        <v>254.88885424515308</v>
      </c>
      <c r="AA23">
        <f>IF($D23="SAND",INDEX('p-y cyclic sand'!$AX$27:$AX$5000,MATCH($B23,'p-y cyclic sand'!$C$27:$C$5000,1)),IF(INDEX('CPT Data'!$S$12:$S$20000,MATCH($B23,'CPT Data'!$B$12:$B$20000,1))&lt;2,INDEX('p-y cyclic clay'!$GW$27:$GW$5000,MATCH($B23,'p-y cyclic clay'!$C$27:$C$5000,1)),INDEX('p-y cyclic clay'!$HW$27:$HW$5000,MATCH($B23,'p-y cyclic clay'!$C$27:$C$5000,1))))</f>
        <v>775.01429949953683</v>
      </c>
      <c r="AB23">
        <f>IF($D23="SAND",INDEX('p-y cyclic sand'!$AK$27:$AK$5000,MATCH($B23,'p-y cyclic sand'!$C$27:$C$5000,1)),IF(INDEX('CPT Data'!$S$12:$S$20000,MATCH($B23,'CPT Data'!$B$12:$B$20000,1))&lt;2,INDEX('p-y cyclic clay'!$HJ$27:$HJ$5000,MATCH($B23,'p-y cyclic clay'!$C$27:$C$5000,1)),INDEX('p-y cyclic clay'!$IJ$27:$IJ$5000,MATCH($B23,'p-y cyclic clay'!$C$27:$C$5000,1))))</f>
        <v>417.67276620816438</v>
      </c>
      <c r="AC23">
        <f>IF($D23="SAND",INDEX('p-y cyclic sand'!$AY$27:$AY$5000,MATCH($B23,'p-y cyclic sand'!$C$27:$C$5000,1)),IF(INDEX('CPT Data'!$S$12:$S$20000,MATCH($B23,'CPT Data'!$B$12:$B$20000,1))&lt;2,INDEX('p-y cyclic clay'!$GX$27:$GX$5000,MATCH($B23,'p-y cyclic clay'!$C$27:$C$5000,1)),INDEX('p-y cyclic clay'!$HX$27:$HX$5000,MATCH($B23,'p-y cyclic clay'!$C$27:$C$5000,1))))</f>
        <v>775.01429949953683</v>
      </c>
      <c r="AD23" s="98">
        <f>IF($D23="SAND",INDEX('p-y cyclic sand'!$AL$27:$AL$5000,MATCH($B23,'p-y cyclic sand'!$C$27:$C$5000,1)),IF(INDEX('CPT Data'!$S$12:$S$20000,MATCH($B23,'CPT Data'!$B$12:$B$20000,1))&lt;2,INDEX('p-y cyclic clay'!$HK$27:$HK$5000,MATCH($B23,'p-y cyclic clay'!$C$27:$C$5000,1)),INDEX('p-y cyclic clay'!$IK$27:$IK$5000,MATCH($B23,'p-y cyclic clay'!$C$27:$C$5000,1))))</f>
        <v>5012.0731944979725</v>
      </c>
    </row>
    <row r="24" spans="1:30" x14ac:dyDescent="0.2">
      <c r="A24" s="214">
        <f t="shared" si="0"/>
        <v>-34.5</v>
      </c>
      <c r="B24" s="216">
        <f>'p-y cyclic clay'!C45</f>
        <v>19</v>
      </c>
      <c r="C24">
        <f>INDEX('CPT Data'!$C$13:$C$20000,MATCH(B24,'CPT Data'!$B$13:$B$20000,1))</f>
        <v>18.988</v>
      </c>
      <c r="D24" s="216" t="str">
        <f>INDEX('CPT Data'!$P$13:$P$20000,MATCH(B24,'CPT Data'!$B$13:$B$20000,1))</f>
        <v>CLAY</v>
      </c>
      <c r="E24">
        <f>IF($D24="SAND",INDEX('p-y cyclic sand'!$AM$27:$AM$5000,MATCH($B24,'p-y cyclic sand'!$C$27:$C$5000,1)),IF(INDEX('CPT Data'!$S$12:$S$20000,MATCH($B24,'CPT Data'!$B$12:$B$20000,1))&lt;2,INDEX('p-y cyclic clay'!$GL$27:$GL$5000,MATCH($B24,'p-y cyclic clay'!$C$27:$C$5000,1)),INDEX('p-y cyclic clay'!$HL$27:$HL$5000,MATCH($B24,'p-y cyclic clay'!$C$27:$C$5000,1))))</f>
        <v>0</v>
      </c>
      <c r="F24">
        <f>IF($D24="SAND",INDEX('p-y cyclic sand'!$Z$27:$Z$5000,MATCH($B24,'p-y cyclic sand'!$C$27:$C$5000,1)),IF(INDEX('CPT Data'!$S$12:$S$20000,MATCH($B24,'CPT Data'!$B$12:$B$20000,1))&lt;2,INDEX('p-y cyclic clay'!$GY$27:$GY$5000,MATCH($B24,'p-y cyclic clay'!$C$27:$C$5000,1)),INDEX('p-y cyclic clay'!$HY$27:$HY$5000,MATCH($B24,'p-y cyclic clay'!$C$27:$C$5000,1))))</f>
        <v>0</v>
      </c>
      <c r="G24">
        <f>IF($D24="SAND",INDEX('p-y cyclic sand'!$AN$27:$AN$5000,MATCH($B24,'p-y cyclic sand'!$C$27:$C$5000,1)),IF(INDEX('CPT Data'!$S$12:$S$20000,MATCH($B24,'CPT Data'!$B$12:$B$20000,1))&lt;2,INDEX('p-y cyclic clay'!$GM$27:$GM$5000,MATCH($B24,'p-y cyclic clay'!$C$27:$C$5000,1)),INDEX('p-y cyclic clay'!$HM$27:$HM$5000,MATCH($B24,'p-y cyclic clay'!$C$27:$C$5000,1))))</f>
        <v>75.309973196446407</v>
      </c>
      <c r="H24">
        <f>IF($D24="SAND",INDEX('p-y cyclic sand'!$AA$27:$AA$5000,MATCH($B24,'p-y cyclic sand'!$C$27:$C$5000,1)),IF(INDEX('CPT Data'!$S$12:$S$20000,MATCH($B24,'CPT Data'!$B$12:$B$20000,1))&lt;2,INDEX('p-y cyclic clay'!$GZ$27:$GZ$5000,MATCH($B24,'p-y cyclic clay'!$C$27:$C$5000,1)),INDEX('p-y cyclic clay'!$HZ$27:$HZ$5000,MATCH($B24,'p-y cyclic clay'!$C$27:$C$5000,1))))</f>
        <v>0.66994415876409841</v>
      </c>
      <c r="I24">
        <f>IF($D24="SAND",INDEX('p-y cyclic sand'!$AO$27:$AO$5000,MATCH($B24,'p-y cyclic sand'!$C$27:$C$5000,1)),IF(INDEX('CPT Data'!$S$12:$S$20000,MATCH($B24,'CPT Data'!$B$12:$B$20000,1))&lt;2,INDEX('p-y cyclic clay'!$GN$27:$GN$5000,MATCH($B24,'p-y cyclic clay'!$C$27:$C$5000,1)),INDEX('p-y cyclic clay'!$HN$27:$HN$5000,MATCH($B24,'p-y cyclic clay'!$C$27:$C$5000,1))))</f>
        <v>296.96749062855207</v>
      </c>
      <c r="J24">
        <f>IF($D24="SAND",INDEX('p-y cyclic sand'!$AB$27:$AB$5000,MATCH($B24,'p-y cyclic sand'!$C$27:$C$5000,1)),IF(INDEX('CPT Data'!$S$12:$S$20000,MATCH($B24,'CPT Data'!$B$12:$B$20000,1))&lt;2,INDEX('p-y cyclic clay'!$HA$27:$HA$5000,MATCH($B24,'p-y cyclic clay'!$C$27:$C$5000,1)),INDEX('p-y cyclic clay'!$IA$27:$IA$5000,MATCH($B24,'p-y cyclic clay'!$C$27:$C$5000,1))))</f>
        <v>6.5493395601444249</v>
      </c>
      <c r="K24">
        <f>IF($D24="SAND",INDEX('p-y cyclic sand'!$AP$27:$AP$5000,MATCH($B24,'p-y cyclic sand'!$C$27:$C$5000,1)),IF(INDEX('CPT Data'!$S$12:$S$20000,MATCH($B24,'CPT Data'!$B$12:$B$20000,1))&lt;2,INDEX('p-y cyclic clay'!$GO$27:$GO$5000,MATCH($B24,'p-y cyclic clay'!$C$27:$C$5000,1)),INDEX('p-y cyclic clay'!$HO$27:$HO$5000,MATCH($B24,'p-y cyclic clay'!$C$27:$C$5000,1))))</f>
        <v>440.717167882897</v>
      </c>
      <c r="L24">
        <f>IF($D24="SAND",INDEX('p-y cyclic sand'!$AC$27:$AC$5000,MATCH($B24,'p-y cyclic sand'!$C$27:$C$5000,1)),IF(INDEX('CPT Data'!$S$12:$S$20000,MATCH($B24,'CPT Data'!$B$12:$B$20000,1))&lt;2,INDEX('p-y cyclic clay'!$HB$27:$HB$5000,MATCH($B24,'p-y cyclic clay'!$C$27:$C$5000,1)),INDEX('p-y cyclic clay'!$IB$27:$IB$5000,MATCH($B24,'p-y cyclic clay'!$C$27:$C$5000,1))))</f>
        <v>11.374609880687411</v>
      </c>
      <c r="M24">
        <f>IF($D24="SAND",INDEX('p-y cyclic sand'!$AQ$27:$AQ$5000,MATCH($B24,'p-y cyclic sand'!$C$27:$C$5000,1)),IF(INDEX('CPT Data'!$S$12:$S$20000,MATCH($B24,'CPT Data'!$B$12:$B$20000,1))&lt;2,INDEX('p-y cyclic clay'!$GP$27:$GP$5000,MATCH($B24,'p-y cyclic clay'!$C$27:$C$5000,1)),INDEX('p-y cyclic clay'!$HP$27:$HP$5000,MATCH($B24,'p-y cyclic clay'!$C$27:$C$5000,1))))</f>
        <v>580.70912481757637</v>
      </c>
      <c r="N24">
        <f>IF($D24="SAND",INDEX('p-y cyclic sand'!$AD$27:$AD$5000,MATCH($B24,'p-y cyclic sand'!$C$27:$C$5000,1)),IF(INDEX('CPT Data'!$S$12:$S$20000,MATCH($B24,'CPT Data'!$B$12:$B$20000,1))&lt;2,INDEX('p-y cyclic clay'!$HC$27:$HC$5000,MATCH($B24,'p-y cyclic clay'!$C$27:$C$5000,1)),INDEX('p-y cyclic clay'!$IC$27:$IC$5000,MATCH($B24,'p-y cyclic clay'!$C$27:$C$5000,1))))</f>
        <v>18.951023947532121</v>
      </c>
      <c r="O24">
        <f>IF($D24="SAND",INDEX('p-y cyclic sand'!$AR$27:$AR$5000,MATCH($B24,'p-y cyclic sand'!$C$27:$C$5000,1)),IF(INDEX('CPT Data'!$S$12:$S$20000,MATCH($B24,'CPT Data'!$B$12:$B$20000,1))&lt;2,INDEX('p-y cyclic clay'!$GQ$27:$GQ$5000,MATCH($B24,'p-y cyclic clay'!$C$27:$C$5000,1)),INDEX('p-y cyclic clay'!$HQ$27:$HQ$5000,MATCH($B24,'p-y cyclic clay'!$C$27:$C$5000,1))))</f>
        <v>716.33347089107951</v>
      </c>
      <c r="P24">
        <f>IF($D24="SAND",INDEX('p-y cyclic sand'!$AE$27:$AE$5000,MATCH($B24,'p-y cyclic sand'!$C$27:$C$5000,1)),IF(INDEX('CPT Data'!$S$12:$S$20000,MATCH($B24,'CPT Data'!$B$12:$B$20000,1))&lt;2,INDEX('p-y cyclic clay'!$HD$27:$HD$5000,MATCH($B24,'p-y cyclic clay'!$C$27:$C$5000,1)),INDEX('p-y cyclic clay'!$ID$27:$ID$5000,MATCH($B24,'p-y cyclic clay'!$C$27:$C$5000,1))))</f>
        <v>28.852874972671984</v>
      </c>
      <c r="Q24">
        <f>IF($D24="SAND",INDEX('p-y cyclic sand'!$AS$27:$AS$5000,MATCH($B24,'p-y cyclic sand'!$C$27:$C$5000,1)),IF(INDEX('CPT Data'!$S$12:$S$20000,MATCH($B24,'CPT Data'!$B$12:$B$20000,1))&lt;2,INDEX('p-y cyclic clay'!$GR$27:$GR$5000,MATCH($B24,'p-y cyclic clay'!$C$27:$C$5000,1)),INDEX('p-y cyclic clay'!$HR$27:$HR$5000,MATCH($B24,'p-y cyclic clay'!$C$27:$C$5000,1))))</f>
        <v>846.78600241157744</v>
      </c>
      <c r="R24">
        <f>IF($D24="SAND",INDEX('p-y cyclic sand'!$AF$27:$AF$5000,MATCH($B24,'p-y cyclic sand'!$C$27:$C$5000,1)),IF(INDEX('CPT Data'!$S$12:$S$20000,MATCH($B24,'CPT Data'!$B$12:$B$20000,1))&lt;2,INDEX('p-y cyclic clay'!$HE$27:$HE$5000,MATCH($B24,'p-y cyclic clay'!$C$27:$C$5000,1)),INDEX('p-y cyclic clay'!$IE$27:$IE$5000,MATCH($B24,'p-y cyclic clay'!$C$27:$C$5000,1))))</f>
        <v>44.239745302562476</v>
      </c>
      <c r="S24">
        <f>IF($D24="SAND",INDEX('p-y cyclic sand'!$AT$27:$AT$5000,MATCH($B24,'p-y cyclic sand'!$C$27:$C$5000,1)),IF(INDEX('CPT Data'!$S$12:$S$20000,MATCH($B24,'CPT Data'!$B$12:$B$20000,1))&lt;2,INDEX('p-y cyclic clay'!$GS$27:$GS$5000,MATCH($B24,'p-y cyclic clay'!$C$27:$C$5000,1)),INDEX('p-y cyclic clay'!$HS$27:$HS$5000,MATCH($B24,'p-y cyclic clay'!$C$27:$C$5000,1))))</f>
        <v>970.96987231080686</v>
      </c>
      <c r="T24">
        <f>IF($D24="SAND",INDEX('p-y cyclic sand'!$AG$27:$AG$5000,MATCH($B24,'p-y cyclic sand'!$C$27:$C$5000,1)),IF(INDEX('CPT Data'!$S$12:$S$20000,MATCH($B24,'CPT Data'!$B$12:$B$20000,1))&lt;2,INDEX('p-y cyclic clay'!$HF$27:$HF$5000,MATCH($B24,'p-y cyclic clay'!$C$27:$C$5000,1)),INDEX('p-y cyclic clay'!$IF$27:$IF$5000,MATCH($B24,'p-y cyclic clay'!$C$27:$C$5000,1))))</f>
        <v>62.534160637481371</v>
      </c>
      <c r="U24">
        <f>IF($D24="SAND",INDEX('p-y cyclic sand'!$AU$27:$AU$5000,MATCH($B24,'p-y cyclic sand'!$C$27:$C$5000,1)),IF(INDEX('CPT Data'!$S$12:$S$20000,MATCH($B24,'CPT Data'!$B$12:$B$20000,1))&lt;2,INDEX('p-y cyclic clay'!$GT$27:$GT$5000,MATCH($B24,'p-y cyclic clay'!$C$27:$C$5000,1)),INDEX('p-y cyclic clay'!$HT$27:$HT$5000,MATCH($B24,'p-y cyclic clay'!$C$27:$C$5000,1))))</f>
        <v>1087.3237659778699</v>
      </c>
      <c r="V24">
        <f>IF($D24="SAND",INDEX('p-y cyclic sand'!$AH$27:$AH$5000,MATCH($B24,'p-y cyclic sand'!$C$27:$C$5000,1)),IF(INDEX('CPT Data'!$S$12:$S$20000,MATCH($B24,'CPT Data'!$B$12:$B$20000,1))&lt;2,INDEX('p-y cyclic clay'!$HG$27:$HG$5000,MATCH($B24,'p-y cyclic clay'!$C$27:$C$5000,1)),INDEX('p-y cyclic clay'!$IG$27:$IG$5000,MATCH($B24,'p-y cyclic clay'!$C$27:$C$5000,1))))</f>
        <v>94.436980200690329</v>
      </c>
      <c r="W24">
        <f>IF($D24="SAND",INDEX('p-y cyclic sand'!$AV$27:$AV$5000,MATCH($B24,'p-y cyclic sand'!$C$27:$C$5000,1)),IF(INDEX('CPT Data'!$S$12:$S$20000,MATCH($B24,'CPT Data'!$B$12:$B$20000,1))&lt;2,INDEX('p-y cyclic clay'!$GU$27:$GU$5000,MATCH($B24,'p-y cyclic clay'!$C$27:$C$5000,1)),INDEX('p-y cyclic clay'!$HU$27:$HU$5000,MATCH($B24,'p-y cyclic clay'!$C$27:$C$5000,1))))</f>
        <v>1193.4974885648726</v>
      </c>
      <c r="X24">
        <f>IF($D24="SAND",INDEX('p-y cyclic sand'!$AI$27:$AI$5000,MATCH($B24,'p-y cyclic sand'!$C$27:$C$5000,1)),IF(INDEX('CPT Data'!$S$12:$S$20000,MATCH($B24,'CPT Data'!$B$12:$B$20000,1))&lt;2,INDEX('p-y cyclic clay'!$HH$27:$HH$5000,MATCH($B24,'p-y cyclic clay'!$C$27:$C$5000,1)),INDEX('p-y cyclic clay'!$IH$27:$IH$5000,MATCH($B24,'p-y cyclic clay'!$C$27:$C$5000,1))))</f>
        <v>148.52975698667683</v>
      </c>
      <c r="Y24">
        <f>IF($D24="SAND",INDEX('p-y cyclic sand'!$AW$27:$AW$5000,MATCH($B24,'p-y cyclic sand'!$C$27:$C$5000,1)),IF(INDEX('CPT Data'!$S$12:$S$20000,MATCH($B24,'CPT Data'!$B$12:$B$20000,1))&lt;2,INDEX('p-y cyclic clay'!$GV$27:$GV$5000,MATCH($B24,'p-y cyclic clay'!$C$27:$C$5000,1)),INDEX('p-y cyclic clay'!$HV$27:$HV$5000,MATCH($B24,'p-y cyclic clay'!$C$27:$C$5000,1))))</f>
        <v>1264.2409005680402</v>
      </c>
      <c r="Z24">
        <f>IF($D24="SAND",INDEX('p-y cyclic sand'!$AJ$27:$AJ$5000,MATCH($B24,'p-y cyclic sand'!$C$27:$C$5000,1)),IF(INDEX('CPT Data'!$S$12:$S$20000,MATCH($B24,'CPT Data'!$B$12:$B$20000,1))&lt;2,INDEX('p-y cyclic clay'!$HI$27:$HI$5000,MATCH($B24,'p-y cyclic clay'!$C$27:$C$5000,1)),INDEX('p-y cyclic clay'!$II$27:$II$5000,MATCH($B24,'p-y cyclic clay'!$C$27:$C$5000,1))))</f>
        <v>261.35377894269288</v>
      </c>
      <c r="AA24">
        <f>IF($D24="SAND",INDEX('p-y cyclic sand'!$AX$27:$AX$5000,MATCH($B24,'p-y cyclic sand'!$C$27:$C$5000,1)),IF(INDEX('CPT Data'!$S$12:$S$20000,MATCH($B24,'CPT Data'!$B$12:$B$20000,1))&lt;2,INDEX('p-y cyclic clay'!$GW$27:$GW$5000,MATCH($B24,'p-y cyclic clay'!$C$27:$C$5000,1)),INDEX('p-y cyclic clay'!$HW$27:$HW$5000,MATCH($B24,'p-y cyclic clay'!$C$27:$C$5000,1))))</f>
        <v>1285.6728836501375</v>
      </c>
      <c r="AB24">
        <f>IF($D24="SAND",INDEX('p-y cyclic sand'!$AK$27:$AK$5000,MATCH($B24,'p-y cyclic sand'!$C$27:$C$5000,1)),IF(INDEX('CPT Data'!$S$12:$S$20000,MATCH($B24,'CPT Data'!$B$12:$B$20000,1))&lt;2,INDEX('p-y cyclic clay'!$HJ$27:$HJ$5000,MATCH($B24,'p-y cyclic clay'!$C$27:$C$5000,1)),INDEX('p-y cyclic clay'!$IJ$27:$IJ$5000,MATCH($B24,'p-y cyclic clay'!$C$27:$C$5000,1))))</f>
        <v>429.15769860872547</v>
      </c>
      <c r="AC24">
        <f>IF($D24="SAND",INDEX('p-y cyclic sand'!$AY$27:$AY$5000,MATCH($B24,'p-y cyclic sand'!$C$27:$C$5000,1)),IF(INDEX('CPT Data'!$S$12:$S$20000,MATCH($B24,'CPT Data'!$B$12:$B$20000,1))&lt;2,INDEX('p-y cyclic clay'!$GX$27:$GX$5000,MATCH($B24,'p-y cyclic clay'!$C$27:$C$5000,1)),INDEX('p-y cyclic clay'!$HX$27:$HX$5000,MATCH($B24,'p-y cyclic clay'!$C$27:$C$5000,1))))</f>
        <v>1285.6728836501375</v>
      </c>
      <c r="AD24" s="98">
        <f>IF($D24="SAND",INDEX('p-y cyclic sand'!$AL$27:$AL$5000,MATCH($B24,'p-y cyclic sand'!$C$27:$C$5000,1)),IF(INDEX('CPT Data'!$S$12:$S$20000,MATCH($B24,'CPT Data'!$B$12:$B$20000,1))&lt;2,INDEX('p-y cyclic clay'!$HK$27:$HK$5000,MATCH($B24,'p-y cyclic clay'!$C$27:$C$5000,1)),INDEX('p-y cyclic clay'!$IK$27:$IK$5000,MATCH($B24,'p-y cyclic clay'!$C$27:$C$5000,1))))</f>
        <v>5149.8923833047056</v>
      </c>
    </row>
    <row r="25" spans="1:30" x14ac:dyDescent="0.2">
      <c r="A25" s="214">
        <f t="shared" si="0"/>
        <v>-35.5</v>
      </c>
      <c r="B25" s="216">
        <f>'p-y cyclic clay'!C46</f>
        <v>20</v>
      </c>
      <c r="C25">
        <f>INDEX('CPT Data'!$C$13:$C$20000,MATCH(B25,'CPT Data'!$B$13:$B$20000,1))</f>
        <v>19.985999999999997</v>
      </c>
      <c r="D25" s="216" t="str">
        <f>INDEX('CPT Data'!$P$13:$P$20000,MATCH(B25,'CPT Data'!$B$13:$B$20000,1))</f>
        <v>CLAY</v>
      </c>
      <c r="E25">
        <f>IF($D25="SAND",INDEX('p-y cyclic sand'!$AM$27:$AM$5000,MATCH($B25,'p-y cyclic sand'!$C$27:$C$5000,1)),IF(INDEX('CPT Data'!$S$12:$S$20000,MATCH($B25,'CPT Data'!$B$12:$B$20000,1))&lt;2,INDEX('p-y cyclic clay'!$GL$27:$GL$5000,MATCH($B25,'p-y cyclic clay'!$C$27:$C$5000,1)),INDEX('p-y cyclic clay'!$HL$27:$HL$5000,MATCH($B25,'p-y cyclic clay'!$C$27:$C$5000,1))))</f>
        <v>0</v>
      </c>
      <c r="F25">
        <f>IF($D25="SAND",INDEX('p-y cyclic sand'!$Z$27:$Z$5000,MATCH($B25,'p-y cyclic sand'!$C$27:$C$5000,1)),IF(INDEX('CPT Data'!$S$12:$S$20000,MATCH($B25,'CPT Data'!$B$12:$B$20000,1))&lt;2,INDEX('p-y cyclic clay'!$GY$27:$GY$5000,MATCH($B25,'p-y cyclic clay'!$C$27:$C$5000,1)),INDEX('p-y cyclic clay'!$HY$27:$HY$5000,MATCH($B25,'p-y cyclic clay'!$C$27:$C$5000,1))))</f>
        <v>0</v>
      </c>
      <c r="G25">
        <f>IF($D25="SAND",INDEX('p-y cyclic sand'!$AN$27:$AN$5000,MATCH($B25,'p-y cyclic sand'!$C$27:$C$5000,1)),IF(INDEX('CPT Data'!$S$12:$S$20000,MATCH($B25,'CPT Data'!$B$12:$B$20000,1))&lt;2,INDEX('p-y cyclic clay'!$GM$27:$GM$5000,MATCH($B25,'p-y cyclic clay'!$C$27:$C$5000,1)),INDEX('p-y cyclic clay'!$HM$27:$HM$5000,MATCH($B25,'p-y cyclic clay'!$C$27:$C$5000,1))))</f>
        <v>99.431241569724463</v>
      </c>
      <c r="H25">
        <f>IF($D25="SAND",INDEX('p-y cyclic sand'!$AA$27:$AA$5000,MATCH($B25,'p-y cyclic sand'!$C$27:$C$5000,1)),IF(INDEX('CPT Data'!$S$12:$S$20000,MATCH($B25,'CPT Data'!$B$12:$B$20000,1))&lt;2,INDEX('p-y cyclic clay'!$GZ$27:$GZ$5000,MATCH($B25,'p-y cyclic clay'!$C$27:$C$5000,1)),INDEX('p-y cyclic clay'!$HZ$27:$HZ$5000,MATCH($B25,'p-y cyclic clay'!$C$27:$C$5000,1))))</f>
        <v>0.67396010052345778</v>
      </c>
      <c r="I25">
        <f>IF($D25="SAND",INDEX('p-y cyclic sand'!$AO$27:$AO$5000,MATCH($B25,'p-y cyclic sand'!$C$27:$C$5000,1)),IF(INDEX('CPT Data'!$S$12:$S$20000,MATCH($B25,'CPT Data'!$B$12:$B$20000,1))&lt;2,INDEX('p-y cyclic clay'!$GN$27:$GN$5000,MATCH($B25,'p-y cyclic clay'!$C$27:$C$5000,1)),INDEX('p-y cyclic clay'!$HN$27:$HN$5000,MATCH($B25,'p-y cyclic clay'!$C$27:$C$5000,1))))</f>
        <v>392.29002250523484</v>
      </c>
      <c r="J25">
        <f>IF($D25="SAND",INDEX('p-y cyclic sand'!$AB$27:$AB$5000,MATCH($B25,'p-y cyclic sand'!$C$27:$C$5000,1)),IF(INDEX('CPT Data'!$S$12:$S$20000,MATCH($B25,'CPT Data'!$B$12:$B$20000,1))&lt;2,INDEX('p-y cyclic clay'!$HA$27:$HA$5000,MATCH($B25,'p-y cyclic clay'!$C$27:$C$5000,1)),INDEX('p-y cyclic clay'!$IA$27:$IA$5000,MATCH($B25,'p-y cyclic clay'!$C$27:$C$5000,1))))</f>
        <v>6.594428639824681</v>
      </c>
      <c r="K25">
        <f>IF($D25="SAND",INDEX('p-y cyclic sand'!$AP$27:$AP$5000,MATCH($B25,'p-y cyclic sand'!$C$27:$C$5000,1)),IF(INDEX('CPT Data'!$S$12:$S$20000,MATCH($B25,'CPT Data'!$B$12:$B$20000,1))&lt;2,INDEX('p-y cyclic clay'!$GO$27:$GO$5000,MATCH($B25,'p-y cyclic clay'!$C$27:$C$5000,1)),INDEX('p-y cyclic clay'!$HO$27:$HO$5000,MATCH($B25,'p-y cyclic clay'!$C$27:$C$5000,1))))</f>
        <v>582.43398801723367</v>
      </c>
      <c r="L25">
        <f>IF($D25="SAND",INDEX('p-y cyclic sand'!$AC$27:$AC$5000,MATCH($B25,'p-y cyclic sand'!$C$27:$C$5000,1)),IF(INDEX('CPT Data'!$S$12:$S$20000,MATCH($B25,'CPT Data'!$B$12:$B$20000,1))&lt;2,INDEX('p-y cyclic clay'!$HB$27:$HB$5000,MATCH($B25,'p-y cyclic clay'!$C$27:$C$5000,1)),INDEX('p-y cyclic clay'!$IB$27:$IB$5000,MATCH($B25,'p-y cyclic clay'!$C$27:$C$5000,1))))</f>
        <v>11.461367174989023</v>
      </c>
      <c r="M25">
        <f>IF($D25="SAND",INDEX('p-y cyclic sand'!$AQ$27:$AQ$5000,MATCH($B25,'p-y cyclic sand'!$C$27:$C$5000,1)),IF(INDEX('CPT Data'!$S$12:$S$20000,MATCH($B25,'CPT Data'!$B$12:$B$20000,1))&lt;2,INDEX('p-y cyclic clay'!$GP$27:$GP$5000,MATCH($B25,'p-y cyclic clay'!$C$27:$C$5000,1)),INDEX('p-y cyclic clay'!$HP$27:$HP$5000,MATCH($B25,'p-y cyclic clay'!$C$27:$C$5000,1))))</f>
        <v>767.84477075981385</v>
      </c>
      <c r="N25">
        <f>IF($D25="SAND",INDEX('p-y cyclic sand'!$AD$27:$AD$5000,MATCH($B25,'p-y cyclic sand'!$C$27:$C$5000,1)),IF(INDEX('CPT Data'!$S$12:$S$20000,MATCH($B25,'CPT Data'!$B$12:$B$20000,1))&lt;2,INDEX('p-y cyclic clay'!$HC$27:$HC$5000,MATCH($B25,'p-y cyclic clay'!$C$27:$C$5000,1)),INDEX('p-y cyclic clay'!$IC$27:$IC$5000,MATCH($B25,'p-y cyclic clay'!$C$27:$C$5000,1))))</f>
        <v>19.112763983113606</v>
      </c>
      <c r="O25">
        <f>IF($D25="SAND",INDEX('p-y cyclic sand'!$AR$27:$AR$5000,MATCH($B25,'p-y cyclic sand'!$C$27:$C$5000,1)),IF(INDEX('CPT Data'!$S$12:$S$20000,MATCH($B25,'CPT Data'!$B$12:$B$20000,1))&lt;2,INDEX('p-y cyclic clay'!$GQ$27:$GQ$5000,MATCH($B25,'p-y cyclic clay'!$C$27:$C$5000,1)),INDEX('p-y cyclic clay'!$HQ$27:$HQ$5000,MATCH($B25,'p-y cyclic clay'!$C$27:$C$5000,1))))</f>
        <v>947.78831971990678</v>
      </c>
      <c r="P25">
        <f>IF($D25="SAND",INDEX('p-y cyclic sand'!$AE$27:$AE$5000,MATCH($B25,'p-y cyclic sand'!$C$27:$C$5000,1)),IF(INDEX('CPT Data'!$S$12:$S$20000,MATCH($B25,'CPT Data'!$B$12:$B$20000,1))&lt;2,INDEX('p-y cyclic clay'!$HD$27:$HD$5000,MATCH($B25,'p-y cyclic clay'!$C$27:$C$5000,1)),INDEX('p-y cyclic clay'!$ID$27:$ID$5000,MATCH($B25,'p-y cyclic clay'!$C$27:$C$5000,1))))</f>
        <v>29.131761794363413</v>
      </c>
      <c r="Q25">
        <f>IF($D25="SAND",INDEX('p-y cyclic sand'!$AS$27:$AS$5000,MATCH($B25,'p-y cyclic sand'!$C$27:$C$5000,1)),IF(INDEX('CPT Data'!$S$12:$S$20000,MATCH($B25,'CPT Data'!$B$12:$B$20000,1))&lt;2,INDEX('p-y cyclic clay'!$GR$27:$GR$5000,MATCH($B25,'p-y cyclic clay'!$C$27:$C$5000,1)),INDEX('p-y cyclic clay'!$HR$27:$HR$5000,MATCH($B25,'p-y cyclic clay'!$C$27:$C$5000,1))))</f>
        <v>1121.3081795010044</v>
      </c>
      <c r="R25">
        <f>IF($D25="SAND",INDEX('p-y cyclic sand'!$AF$27:$AF$5000,MATCH($B25,'p-y cyclic sand'!$C$27:$C$5000,1)),IF(INDEX('CPT Data'!$S$12:$S$20000,MATCH($B25,'CPT Data'!$B$12:$B$20000,1))&lt;2,INDEX('p-y cyclic clay'!$HE$27:$HE$5000,MATCH($B25,'p-y cyclic clay'!$C$27:$C$5000,1)),INDEX('p-y cyclic clay'!$IE$27:$IE$5000,MATCH($B25,'p-y cyclic clay'!$C$27:$C$5000,1))))</f>
        <v>44.731320575788381</v>
      </c>
      <c r="S25">
        <f>IF($D25="SAND",INDEX('p-y cyclic sand'!$AT$27:$AT$5000,MATCH($B25,'p-y cyclic sand'!$C$27:$C$5000,1)),IF(INDEX('CPT Data'!$S$12:$S$20000,MATCH($B25,'CPT Data'!$B$12:$B$20000,1))&lt;2,INDEX('p-y cyclic clay'!$GS$27:$GS$5000,MATCH($B25,'p-y cyclic clay'!$C$27:$C$5000,1)),INDEX('p-y cyclic clay'!$HS$27:$HS$5000,MATCH($B25,'p-y cyclic clay'!$C$27:$C$5000,1))))</f>
        <v>1287.1191528123327</v>
      </c>
      <c r="T25">
        <f>IF($D25="SAND",INDEX('p-y cyclic sand'!$AG$27:$AG$5000,MATCH($B25,'p-y cyclic sand'!$C$27:$C$5000,1)),IF(INDEX('CPT Data'!$S$12:$S$20000,MATCH($B25,'CPT Data'!$B$12:$B$20000,1))&lt;2,INDEX('p-y cyclic clay'!$HF$27:$HF$5000,MATCH($B25,'p-y cyclic clay'!$C$27:$C$5000,1)),INDEX('p-y cyclic clay'!$IF$27:$IF$5000,MATCH($B25,'p-y cyclic clay'!$C$27:$C$5000,1))))</f>
        <v>63.348238516160798</v>
      </c>
      <c r="U25">
        <f>IF($D25="SAND",INDEX('p-y cyclic sand'!$AU$27:$AU$5000,MATCH($B25,'p-y cyclic sand'!$C$27:$C$5000,1)),IF(INDEX('CPT Data'!$S$12:$S$20000,MATCH($B25,'CPT Data'!$B$12:$B$20000,1))&lt;2,INDEX('p-y cyclic clay'!$GT$27:$GT$5000,MATCH($B25,'p-y cyclic clay'!$C$27:$C$5000,1)),INDEX('p-y cyclic clay'!$HT$27:$HT$5000,MATCH($B25,'p-y cyclic clay'!$C$27:$C$5000,1))))</f>
        <v>1443.4265120784441</v>
      </c>
      <c r="V25">
        <f>IF($D25="SAND",INDEX('p-y cyclic sand'!$AH$27:$AH$5000,MATCH($B25,'p-y cyclic sand'!$C$27:$C$5000,1)),IF(INDEX('CPT Data'!$S$12:$S$20000,MATCH($B25,'CPT Data'!$B$12:$B$20000,1))&lt;2,INDEX('p-y cyclic clay'!$HG$27:$HG$5000,MATCH($B25,'p-y cyclic clay'!$C$27:$C$5000,1)),INDEX('p-y cyclic clay'!$IG$27:$IG$5000,MATCH($B25,'p-y cyclic clay'!$C$27:$C$5000,1))))</f>
        <v>95.913560928033178</v>
      </c>
      <c r="W25">
        <f>IF($D25="SAND",INDEX('p-y cyclic sand'!$AV$27:$AV$5000,MATCH($B25,'p-y cyclic sand'!$C$27:$C$5000,1)),IF(INDEX('CPT Data'!$S$12:$S$20000,MATCH($B25,'CPT Data'!$B$12:$B$20000,1))&lt;2,INDEX('p-y cyclic clay'!$GU$27:$GU$5000,MATCH($B25,'p-y cyclic clay'!$C$27:$C$5000,1)),INDEX('p-y cyclic clay'!$HU$27:$HU$5000,MATCH($B25,'p-y cyclic clay'!$C$27:$C$5000,1))))</f>
        <v>1587.5965877606429</v>
      </c>
      <c r="X25">
        <f>IF($D25="SAND",INDEX('p-y cyclic sand'!$AI$27:$AI$5000,MATCH($B25,'p-y cyclic sand'!$C$27:$C$5000,1)),IF(INDEX('CPT Data'!$S$12:$S$20000,MATCH($B25,'CPT Data'!$B$12:$B$20000,1))&lt;2,INDEX('p-y cyclic clay'!$HH$27:$HH$5000,MATCH($B25,'p-y cyclic clay'!$C$27:$C$5000,1)),INDEX('p-y cyclic clay'!$IH$27:$IH$5000,MATCH($B25,'p-y cyclic clay'!$C$27:$C$5000,1))))</f>
        <v>151.41555374361087</v>
      </c>
      <c r="Y25">
        <f>IF($D25="SAND",INDEX('p-y cyclic sand'!$AW$27:$AW$5000,MATCH($B25,'p-y cyclic sand'!$C$27:$C$5000,1)),IF(INDEX('CPT Data'!$S$12:$S$20000,MATCH($B25,'CPT Data'!$B$12:$B$20000,1))&lt;2,INDEX('p-y cyclic clay'!$GV$27:$GV$5000,MATCH($B25,'p-y cyclic clay'!$C$27:$C$5000,1)),INDEX('p-y cyclic clay'!$HV$27:$HV$5000,MATCH($B25,'p-y cyclic clay'!$C$27:$C$5000,1))))</f>
        <v>1685.3639655219197</v>
      </c>
      <c r="Z25">
        <f>IF($D25="SAND",INDEX('p-y cyclic sand'!$AJ$27:$AJ$5000,MATCH($B25,'p-y cyclic sand'!$C$27:$C$5000,1)),IF(INDEX('CPT Data'!$S$12:$S$20000,MATCH($B25,'CPT Data'!$B$12:$B$20000,1))&lt;2,INDEX('p-y cyclic clay'!$HI$27:$HI$5000,MATCH($B25,'p-y cyclic clay'!$C$27:$C$5000,1)),INDEX('p-y cyclic clay'!$II$27:$II$5000,MATCH($B25,'p-y cyclic clay'!$C$27:$C$5000,1))))</f>
        <v>267.51925483492005</v>
      </c>
      <c r="AA25">
        <f>IF($D25="SAND",INDEX('p-y cyclic sand'!$AX$27:$AX$5000,MATCH($B25,'p-y cyclic sand'!$C$27:$C$5000,1)),IF(INDEX('CPT Data'!$S$12:$S$20000,MATCH($B25,'CPT Data'!$B$12:$B$20000,1))&lt;2,INDEX('p-y cyclic clay'!$GW$27:$GW$5000,MATCH($B25,'p-y cyclic clay'!$C$27:$C$5000,1)),INDEX('p-y cyclic clay'!$HW$27:$HW$5000,MATCH($B25,'p-y cyclic clay'!$C$27:$C$5000,1))))</f>
        <v>1715.4996190038853</v>
      </c>
      <c r="AB25">
        <f>IF($D25="SAND",INDEX('p-y cyclic sand'!$AK$27:$AK$5000,MATCH($B25,'p-y cyclic sand'!$C$27:$C$5000,1)),IF(INDEX('CPT Data'!$S$12:$S$20000,MATCH($B25,'CPT Data'!$B$12:$B$20000,1))&lt;2,INDEX('p-y cyclic clay'!$HJ$27:$HJ$5000,MATCH($B25,'p-y cyclic clay'!$C$27:$C$5000,1)),INDEX('p-y cyclic clay'!$IJ$27:$IJ$5000,MATCH($B25,'p-y cyclic clay'!$C$27:$C$5000,1))))</f>
        <v>440.04297450571221</v>
      </c>
      <c r="AC25">
        <f>IF($D25="SAND",INDEX('p-y cyclic sand'!$AY$27:$AY$5000,MATCH($B25,'p-y cyclic sand'!$C$27:$C$5000,1)),IF(INDEX('CPT Data'!$S$12:$S$20000,MATCH($B25,'CPT Data'!$B$12:$B$20000,1))&lt;2,INDEX('p-y cyclic clay'!$GX$27:$GX$5000,MATCH($B25,'p-y cyclic clay'!$C$27:$C$5000,1)),INDEX('p-y cyclic clay'!$HX$27:$HX$5000,MATCH($B25,'p-y cyclic clay'!$C$27:$C$5000,1))))</f>
        <v>1715.4996190038853</v>
      </c>
      <c r="AD25" s="98">
        <f>IF($D25="SAND",INDEX('p-y cyclic sand'!$AL$27:$AL$5000,MATCH($B25,'p-y cyclic sand'!$C$27:$C$5000,1)),IF(INDEX('CPT Data'!$S$12:$S$20000,MATCH($B25,'CPT Data'!$B$12:$B$20000,1))&lt;2,INDEX('p-y cyclic clay'!$HK$27:$HK$5000,MATCH($B25,'p-y cyclic clay'!$C$27:$C$5000,1)),INDEX('p-y cyclic clay'!$IK$27:$IK$5000,MATCH($B25,'p-y cyclic clay'!$C$27:$C$5000,1))))</f>
        <v>5280.5156940685465</v>
      </c>
    </row>
    <row r="26" spans="1:30" x14ac:dyDescent="0.2">
      <c r="A26" s="214">
        <f t="shared" si="0"/>
        <v>-36.5</v>
      </c>
      <c r="B26" s="216">
        <f>'p-y cyclic clay'!C47</f>
        <v>21</v>
      </c>
      <c r="C26">
        <f>INDEX('CPT Data'!$C$13:$C$20000,MATCH(B26,'CPT Data'!$B$13:$B$20000,1))</f>
        <v>20.988</v>
      </c>
      <c r="D26" s="216" t="str">
        <f>INDEX('CPT Data'!$P$13:$P$20000,MATCH(B26,'CPT Data'!$B$13:$B$20000,1))</f>
        <v>SAND</v>
      </c>
      <c r="E26">
        <f>IF($D26="SAND",INDEX('p-y cyclic sand'!$AM$27:$AM$5000,MATCH($B26,'p-y cyclic sand'!$C$27:$C$5000,1)),IF(INDEX('CPT Data'!$S$12:$S$20000,MATCH($B26,'CPT Data'!$B$12:$B$20000,1))&lt;2,INDEX('p-y cyclic clay'!$GL$27:$GL$5000,MATCH($B26,'p-y cyclic clay'!$C$27:$C$5000,1)),INDEX('p-y cyclic clay'!$HL$27:$HL$5000,MATCH($B26,'p-y cyclic clay'!$C$27:$C$5000,1))))</f>
        <v>0</v>
      </c>
      <c r="F26">
        <f>IF($D26="SAND",INDEX('p-y cyclic sand'!$Z$27:$Z$5000,MATCH($B26,'p-y cyclic sand'!$C$27:$C$5000,1)),IF(INDEX('CPT Data'!$S$12:$S$20000,MATCH($B26,'CPT Data'!$B$12:$B$20000,1))&lt;2,INDEX('p-y cyclic clay'!$GY$27:$GY$5000,MATCH($B26,'p-y cyclic clay'!$C$27:$C$5000,1)),INDEX('p-y cyclic clay'!$HY$27:$HY$5000,MATCH($B26,'p-y cyclic clay'!$C$27:$C$5000,1))))</f>
        <v>0</v>
      </c>
      <c r="G26">
        <f>IF($D26="SAND",INDEX('p-y cyclic sand'!$AN$27:$AN$5000,MATCH($B26,'p-y cyclic sand'!$C$27:$C$5000,1)),IF(INDEX('CPT Data'!$S$12:$S$20000,MATCH($B26,'CPT Data'!$B$12:$B$20000,1))&lt;2,INDEX('p-y cyclic clay'!$GM$27:$GM$5000,MATCH($B26,'p-y cyclic clay'!$C$27:$C$5000,1)),INDEX('p-y cyclic clay'!$HM$27:$HM$5000,MATCH($B26,'p-y cyclic clay'!$C$27:$C$5000,1))))</f>
        <v>7337.1391099150214</v>
      </c>
      <c r="H26">
        <f>IF($D26="SAND",INDEX('p-y cyclic sand'!$AA$27:$AA$5000,MATCH($B26,'p-y cyclic sand'!$C$27:$C$5000,1)),IF(INDEX('CPT Data'!$S$12:$S$20000,MATCH($B26,'CPT Data'!$B$12:$B$20000,1))&lt;2,INDEX('p-y cyclic clay'!$GZ$27:$GZ$5000,MATCH($B26,'p-y cyclic clay'!$C$27:$C$5000,1)),INDEX('p-y cyclic clay'!$HZ$27:$HZ$5000,MATCH($B26,'p-y cyclic clay'!$C$27:$C$5000,1))))</f>
        <v>10</v>
      </c>
      <c r="I26">
        <f>IF($D26="SAND",INDEX('p-y cyclic sand'!$AO$27:$AO$5000,MATCH($B26,'p-y cyclic sand'!$C$27:$C$5000,1)),IF(INDEX('CPT Data'!$S$12:$S$20000,MATCH($B26,'CPT Data'!$B$12:$B$20000,1))&lt;2,INDEX('p-y cyclic clay'!$GN$27:$GN$5000,MATCH($B26,'p-y cyclic clay'!$C$27:$C$5000,1)),INDEX('p-y cyclic clay'!$HN$27:$HN$5000,MATCH($B26,'p-y cyclic clay'!$C$27:$C$5000,1))))</f>
        <v>11735.922099349595</v>
      </c>
      <c r="J26">
        <f>IF($D26="SAND",INDEX('p-y cyclic sand'!$AB$27:$AB$5000,MATCH($B26,'p-y cyclic sand'!$C$27:$C$5000,1)),IF(INDEX('CPT Data'!$S$12:$S$20000,MATCH($B26,'CPT Data'!$B$12:$B$20000,1))&lt;2,INDEX('p-y cyclic clay'!$HA$27:$HA$5000,MATCH($B26,'p-y cyclic clay'!$C$27:$C$5000,1)),INDEX('p-y cyclic clay'!$IA$27:$IA$5000,MATCH($B26,'p-y cyclic clay'!$C$27:$C$5000,1))))</f>
        <v>20</v>
      </c>
      <c r="K26">
        <f>IF($D26="SAND",INDEX('p-y cyclic sand'!$AP$27:$AP$5000,MATCH($B26,'p-y cyclic sand'!$C$27:$C$5000,1)),IF(INDEX('CPT Data'!$S$12:$S$20000,MATCH($B26,'CPT Data'!$B$12:$B$20000,1))&lt;2,INDEX('p-y cyclic clay'!$GO$27:$GO$5000,MATCH($B26,'p-y cyclic clay'!$C$27:$C$5000,1)),INDEX('p-y cyclic clay'!$HO$27:$HO$5000,MATCH($B26,'p-y cyclic clay'!$C$27:$C$5000,1))))</f>
        <v>13618.974093856164</v>
      </c>
      <c r="L26">
        <f>IF($D26="SAND",INDEX('p-y cyclic sand'!$AC$27:$AC$5000,MATCH($B26,'p-y cyclic sand'!$C$27:$C$5000,1)),IF(INDEX('CPT Data'!$S$12:$S$20000,MATCH($B26,'CPT Data'!$B$12:$B$20000,1))&lt;2,INDEX('p-y cyclic clay'!$HB$27:$HB$5000,MATCH($B26,'p-y cyclic clay'!$C$27:$C$5000,1)),INDEX('p-y cyclic clay'!$IB$27:$IB$5000,MATCH($B26,'p-y cyclic clay'!$C$27:$C$5000,1))))</f>
        <v>30</v>
      </c>
      <c r="M26">
        <f>IF($D26="SAND",INDEX('p-y cyclic sand'!$AQ$27:$AQ$5000,MATCH($B26,'p-y cyclic sand'!$C$27:$C$5000,1)),IF(INDEX('CPT Data'!$S$12:$S$20000,MATCH($B26,'CPT Data'!$B$12:$B$20000,1))&lt;2,INDEX('p-y cyclic clay'!$GP$27:$GP$5000,MATCH($B26,'p-y cyclic clay'!$C$27:$C$5000,1)),INDEX('p-y cyclic clay'!$HP$27:$HP$5000,MATCH($B26,'p-y cyclic clay'!$C$27:$C$5000,1))))</f>
        <v>14307.107633977595</v>
      </c>
      <c r="N26">
        <f>IF($D26="SAND",INDEX('p-y cyclic sand'!$AD$27:$AD$5000,MATCH($B26,'p-y cyclic sand'!$C$27:$C$5000,1)),IF(INDEX('CPT Data'!$S$12:$S$20000,MATCH($B26,'CPT Data'!$B$12:$B$20000,1))&lt;2,INDEX('p-y cyclic clay'!$HC$27:$HC$5000,MATCH($B26,'p-y cyclic clay'!$C$27:$C$5000,1)),INDEX('p-y cyclic clay'!$IC$27:$IC$5000,MATCH($B26,'p-y cyclic clay'!$C$27:$C$5000,1))))</f>
        <v>40</v>
      </c>
      <c r="O26">
        <f>IF($D26="SAND",INDEX('p-y cyclic sand'!$AR$27:$AR$5000,MATCH($B26,'p-y cyclic sand'!$C$27:$C$5000,1)),IF(INDEX('CPT Data'!$S$12:$S$20000,MATCH($B26,'CPT Data'!$B$12:$B$20000,1))&lt;2,INDEX('p-y cyclic clay'!$GQ$27:$GQ$5000,MATCH($B26,'p-y cyclic clay'!$C$27:$C$5000,1)),INDEX('p-y cyclic clay'!$HQ$27:$HQ$5000,MATCH($B26,'p-y cyclic clay'!$C$27:$C$5000,1))))</f>
        <v>14543.75031837895</v>
      </c>
      <c r="P26">
        <f>IF($D26="SAND",INDEX('p-y cyclic sand'!$AE$27:$AE$5000,MATCH($B26,'p-y cyclic sand'!$C$27:$C$5000,1)),IF(INDEX('CPT Data'!$S$12:$S$20000,MATCH($B26,'CPT Data'!$B$12:$B$20000,1))&lt;2,INDEX('p-y cyclic clay'!$HD$27:$HD$5000,MATCH($B26,'p-y cyclic clay'!$C$27:$C$5000,1)),INDEX('p-y cyclic clay'!$ID$27:$ID$5000,MATCH($B26,'p-y cyclic clay'!$C$27:$C$5000,1))))</f>
        <v>50</v>
      </c>
      <c r="Q26">
        <f>IF($D26="SAND",INDEX('p-y cyclic sand'!$AS$27:$AS$5000,MATCH($B26,'p-y cyclic sand'!$C$27:$C$5000,1)),IF(INDEX('CPT Data'!$S$12:$S$20000,MATCH($B26,'CPT Data'!$B$12:$B$20000,1))&lt;2,INDEX('p-y cyclic clay'!$GR$27:$GR$5000,MATCH($B26,'p-y cyclic clay'!$C$27:$C$5000,1)),INDEX('p-y cyclic clay'!$HR$27:$HR$5000,MATCH($B26,'p-y cyclic clay'!$C$27:$C$5000,1))))</f>
        <v>14623.413218396558</v>
      </c>
      <c r="R26">
        <f>IF($D26="SAND",INDEX('p-y cyclic sand'!$AF$27:$AF$5000,MATCH($B26,'p-y cyclic sand'!$C$27:$C$5000,1)),IF(INDEX('CPT Data'!$S$12:$S$20000,MATCH($B26,'CPT Data'!$B$12:$B$20000,1))&lt;2,INDEX('p-y cyclic clay'!$HE$27:$HE$5000,MATCH($B26,'p-y cyclic clay'!$C$27:$C$5000,1)),INDEX('p-y cyclic clay'!$IE$27:$IE$5000,MATCH($B26,'p-y cyclic clay'!$C$27:$C$5000,1))))</f>
        <v>60</v>
      </c>
      <c r="S26">
        <f>IF($D26="SAND",INDEX('p-y cyclic sand'!$AT$27:$AT$5000,MATCH($B26,'p-y cyclic sand'!$C$27:$C$5000,1)),IF(INDEX('CPT Data'!$S$12:$S$20000,MATCH($B26,'CPT Data'!$B$12:$B$20000,1))&lt;2,INDEX('p-y cyclic clay'!$GS$27:$GS$5000,MATCH($B26,'p-y cyclic clay'!$C$27:$C$5000,1)),INDEX('p-y cyclic clay'!$HS$27:$HS$5000,MATCH($B26,'p-y cyclic clay'!$C$27:$C$5000,1))))</f>
        <v>14650.037671156224</v>
      </c>
      <c r="T26">
        <f>IF($D26="SAND",INDEX('p-y cyclic sand'!$AG$27:$AG$5000,MATCH($B26,'p-y cyclic sand'!$C$27:$C$5000,1)),IF(INDEX('CPT Data'!$S$12:$S$20000,MATCH($B26,'CPT Data'!$B$12:$B$20000,1))&lt;2,INDEX('p-y cyclic clay'!$HF$27:$HF$5000,MATCH($B26,'p-y cyclic clay'!$C$27:$C$5000,1)),INDEX('p-y cyclic clay'!$IF$27:$IF$5000,MATCH($B26,'p-y cyclic clay'!$C$27:$C$5000,1))))</f>
        <v>70</v>
      </c>
      <c r="U26">
        <f>IF($D26="SAND",INDEX('p-y cyclic sand'!$AU$27:$AU$5000,MATCH($B26,'p-y cyclic sand'!$C$27:$C$5000,1)),IF(INDEX('CPT Data'!$S$12:$S$20000,MATCH($B26,'CPT Data'!$B$12:$B$20000,1))&lt;2,INDEX('p-y cyclic clay'!$GT$27:$GT$5000,MATCH($B26,'p-y cyclic clay'!$C$27:$C$5000,1)),INDEX('p-y cyclic clay'!$HT$27:$HT$5000,MATCH($B26,'p-y cyclic clay'!$C$27:$C$5000,1))))</f>
        <v>14658.914417874123</v>
      </c>
      <c r="V26">
        <f>IF($D26="SAND",INDEX('p-y cyclic sand'!$AH$27:$AH$5000,MATCH($B26,'p-y cyclic sand'!$C$27:$C$5000,1)),IF(INDEX('CPT Data'!$S$12:$S$20000,MATCH($B26,'CPT Data'!$B$12:$B$20000,1))&lt;2,INDEX('p-y cyclic clay'!$HG$27:$HG$5000,MATCH($B26,'p-y cyclic clay'!$C$27:$C$5000,1)),INDEX('p-y cyclic clay'!$IG$27:$IG$5000,MATCH($B26,'p-y cyclic clay'!$C$27:$C$5000,1))))</f>
        <v>80</v>
      </c>
      <c r="W26">
        <f>IF($D26="SAND",INDEX('p-y cyclic sand'!$AV$27:$AV$5000,MATCH($B26,'p-y cyclic sand'!$C$27:$C$5000,1)),IF(INDEX('CPT Data'!$S$12:$S$20000,MATCH($B26,'CPT Data'!$B$12:$B$20000,1))&lt;2,INDEX('p-y cyclic clay'!$GU$27:$GU$5000,MATCH($B26,'p-y cyclic clay'!$C$27:$C$5000,1)),INDEX('p-y cyclic clay'!$HU$27:$HU$5000,MATCH($B26,'p-y cyclic clay'!$C$27:$C$5000,1))))</f>
        <v>14661.871586755818</v>
      </c>
      <c r="X26">
        <f>IF($D26="SAND",INDEX('p-y cyclic sand'!$AI$27:$AI$5000,MATCH($B26,'p-y cyclic sand'!$C$27:$C$5000,1)),IF(INDEX('CPT Data'!$S$12:$S$20000,MATCH($B26,'CPT Data'!$B$12:$B$20000,1))&lt;2,INDEX('p-y cyclic clay'!$HH$27:$HH$5000,MATCH($B26,'p-y cyclic clay'!$C$27:$C$5000,1)),INDEX('p-y cyclic clay'!$IH$27:$IH$5000,MATCH($B26,'p-y cyclic clay'!$C$27:$C$5000,1))))</f>
        <v>90</v>
      </c>
      <c r="Y26">
        <f>IF($D26="SAND",INDEX('p-y cyclic sand'!$AW$27:$AW$5000,MATCH($B26,'p-y cyclic sand'!$C$27:$C$5000,1)),IF(INDEX('CPT Data'!$S$12:$S$20000,MATCH($B26,'CPT Data'!$B$12:$B$20000,1))&lt;2,INDEX('p-y cyclic clay'!$GV$27:$GV$5000,MATCH($B26,'p-y cyclic clay'!$C$27:$C$5000,1)),INDEX('p-y cyclic clay'!$HV$27:$HV$5000,MATCH($B26,'p-y cyclic clay'!$C$27:$C$5000,1))))</f>
        <v>14662.856462672962</v>
      </c>
      <c r="Z26">
        <f>IF($D26="SAND",INDEX('p-y cyclic sand'!$AJ$27:$AJ$5000,MATCH($B26,'p-y cyclic sand'!$C$27:$C$5000,1)),IF(INDEX('CPT Data'!$S$12:$S$20000,MATCH($B26,'CPT Data'!$B$12:$B$20000,1))&lt;2,INDEX('p-y cyclic clay'!$HI$27:$HI$5000,MATCH($B26,'p-y cyclic clay'!$C$27:$C$5000,1)),INDEX('p-y cyclic clay'!$II$27:$II$5000,MATCH($B26,'p-y cyclic clay'!$C$27:$C$5000,1))))</f>
        <v>100</v>
      </c>
      <c r="AA26">
        <f>IF($D26="SAND",INDEX('p-y cyclic sand'!$AX$27:$AX$5000,MATCH($B26,'p-y cyclic sand'!$C$27:$C$5000,1)),IF(INDEX('CPT Data'!$S$12:$S$20000,MATCH($B26,'CPT Data'!$B$12:$B$20000,1))&lt;2,INDEX('p-y cyclic clay'!$GW$27:$GW$5000,MATCH($B26,'p-y cyclic clay'!$C$27:$C$5000,1)),INDEX('p-y cyclic clay'!$HW$27:$HW$5000,MATCH($B26,'p-y cyclic clay'!$C$27:$C$5000,1))))</f>
        <v>14663.18444313154</v>
      </c>
      <c r="AB26">
        <f>IF($D26="SAND",INDEX('p-y cyclic sand'!$AK$27:$AK$5000,MATCH($B26,'p-y cyclic sand'!$C$27:$C$5000,1)),IF(INDEX('CPT Data'!$S$12:$S$20000,MATCH($B26,'CPT Data'!$B$12:$B$20000,1))&lt;2,INDEX('p-y cyclic clay'!$HJ$27:$HJ$5000,MATCH($B26,'p-y cyclic clay'!$C$27:$C$5000,1)),INDEX('p-y cyclic clay'!$IJ$27:$IJ$5000,MATCH($B26,'p-y cyclic clay'!$C$27:$C$5000,1))))</f>
        <v>110</v>
      </c>
      <c r="AC26">
        <f>IF($D26="SAND",INDEX('p-y cyclic sand'!$AY$27:$AY$5000,MATCH($B26,'p-y cyclic sand'!$C$27:$C$5000,1)),IF(INDEX('CPT Data'!$S$12:$S$20000,MATCH($B26,'CPT Data'!$B$12:$B$20000,1))&lt;2,INDEX('p-y cyclic clay'!$GX$27:$GX$5000,MATCH($B26,'p-y cyclic clay'!$C$27:$C$5000,1)),INDEX('p-y cyclic clay'!$HX$27:$HX$5000,MATCH($B26,'p-y cyclic clay'!$C$27:$C$5000,1))))</f>
        <v>14663.293662950335</v>
      </c>
      <c r="AD26" s="98">
        <f>IF($D26="SAND",INDEX('p-y cyclic sand'!$AL$27:$AL$5000,MATCH($B26,'p-y cyclic sand'!$C$27:$C$5000,1)),IF(INDEX('CPT Data'!$S$12:$S$20000,MATCH($B26,'CPT Data'!$B$12:$B$20000,1))&lt;2,INDEX('p-y cyclic clay'!$HK$27:$HK$5000,MATCH($B26,'p-y cyclic clay'!$C$27:$C$5000,1)),INDEX('p-y cyclic clay'!$IK$27:$IK$5000,MATCH($B26,'p-y cyclic clay'!$C$27:$C$5000,1))))</f>
        <v>120</v>
      </c>
    </row>
    <row r="27" spans="1:30" x14ac:dyDescent="0.2">
      <c r="A27" s="214">
        <f t="shared" si="0"/>
        <v>-37.5</v>
      </c>
      <c r="B27" s="216">
        <f>'p-y cyclic clay'!C48</f>
        <v>22</v>
      </c>
      <c r="C27">
        <f>INDEX('CPT Data'!$C$13:$C$20000,MATCH(B27,'CPT Data'!$B$13:$B$20000,1))</f>
        <v>21.988999999999997</v>
      </c>
      <c r="D27" s="216" t="str">
        <f>INDEX('CPT Data'!$P$13:$P$20000,MATCH(B27,'CPT Data'!$B$13:$B$20000,1))</f>
        <v>SAND</v>
      </c>
      <c r="E27">
        <f>IF($D27="SAND",INDEX('p-y cyclic sand'!$AM$27:$AM$5000,MATCH($B27,'p-y cyclic sand'!$C$27:$C$5000,1)),IF(INDEX('CPT Data'!$S$12:$S$20000,MATCH($B27,'CPT Data'!$B$12:$B$20000,1))&lt;2,INDEX('p-y cyclic clay'!$GL$27:$GL$5000,MATCH($B27,'p-y cyclic clay'!$C$27:$C$5000,1)),INDEX('p-y cyclic clay'!$HL$27:$HL$5000,MATCH($B27,'p-y cyclic clay'!$C$27:$C$5000,1))))</f>
        <v>0</v>
      </c>
      <c r="F27">
        <f>IF($D27="SAND",INDEX('p-y cyclic sand'!$Z$27:$Z$5000,MATCH($B27,'p-y cyclic sand'!$C$27:$C$5000,1)),IF(INDEX('CPT Data'!$S$12:$S$20000,MATCH($B27,'CPT Data'!$B$12:$B$20000,1))&lt;2,INDEX('p-y cyclic clay'!$GY$27:$GY$5000,MATCH($B27,'p-y cyclic clay'!$C$27:$C$5000,1)),INDEX('p-y cyclic clay'!$HY$27:$HY$5000,MATCH($B27,'p-y cyclic clay'!$C$27:$C$5000,1))))</f>
        <v>0</v>
      </c>
      <c r="G27">
        <f>IF($D27="SAND",INDEX('p-y cyclic sand'!$AN$27:$AN$5000,MATCH($B27,'p-y cyclic sand'!$C$27:$C$5000,1)),IF(INDEX('CPT Data'!$S$12:$S$20000,MATCH($B27,'CPT Data'!$B$12:$B$20000,1))&lt;2,INDEX('p-y cyclic clay'!$GM$27:$GM$5000,MATCH($B27,'p-y cyclic clay'!$C$27:$C$5000,1)),INDEX('p-y cyclic clay'!$HM$27:$HM$5000,MATCH($B27,'p-y cyclic clay'!$C$27:$C$5000,1))))</f>
        <v>4417.7080114407881</v>
      </c>
      <c r="H27">
        <f>IF($D27="SAND",INDEX('p-y cyclic sand'!$AA$27:$AA$5000,MATCH($B27,'p-y cyclic sand'!$C$27:$C$5000,1)),IF(INDEX('CPT Data'!$S$12:$S$20000,MATCH($B27,'CPT Data'!$B$12:$B$20000,1))&lt;2,INDEX('p-y cyclic clay'!$GZ$27:$GZ$5000,MATCH($B27,'p-y cyclic clay'!$C$27:$C$5000,1)),INDEX('p-y cyclic clay'!$HZ$27:$HZ$5000,MATCH($B27,'p-y cyclic clay'!$C$27:$C$5000,1))))</f>
        <v>10</v>
      </c>
      <c r="I27">
        <f>IF($D27="SAND",INDEX('p-y cyclic sand'!$AO$27:$AO$5000,MATCH($B27,'p-y cyclic sand'!$C$27:$C$5000,1)),IF(INDEX('CPT Data'!$S$12:$S$20000,MATCH($B27,'CPT Data'!$B$12:$B$20000,1))&lt;2,INDEX('p-y cyclic clay'!$GN$27:$GN$5000,MATCH($B27,'p-y cyclic clay'!$C$27:$C$5000,1)),INDEX('p-y cyclic clay'!$HN$27:$HN$5000,MATCH($B27,'p-y cyclic clay'!$C$27:$C$5000,1))))</f>
        <v>7855.6020056709021</v>
      </c>
      <c r="J27">
        <f>IF($D27="SAND",INDEX('p-y cyclic sand'!$AB$27:$AB$5000,MATCH($B27,'p-y cyclic sand'!$C$27:$C$5000,1)),IF(INDEX('CPT Data'!$S$12:$S$20000,MATCH($B27,'CPT Data'!$B$12:$B$20000,1))&lt;2,INDEX('p-y cyclic clay'!$HA$27:$HA$5000,MATCH($B27,'p-y cyclic clay'!$C$27:$C$5000,1)),INDEX('p-y cyclic clay'!$IA$27:$IA$5000,MATCH($B27,'p-y cyclic clay'!$C$27:$C$5000,1))))</f>
        <v>20</v>
      </c>
      <c r="K27">
        <f>IF($D27="SAND",INDEX('p-y cyclic sand'!$AP$27:$AP$5000,MATCH($B27,'p-y cyclic sand'!$C$27:$C$5000,1)),IF(INDEX('CPT Data'!$S$12:$S$20000,MATCH($B27,'CPT Data'!$B$12:$B$20000,1))&lt;2,INDEX('p-y cyclic clay'!$GO$27:$GO$5000,MATCH($B27,'p-y cyclic clay'!$C$27:$C$5000,1)),INDEX('p-y cyclic clay'!$HO$27:$HO$5000,MATCH($B27,'p-y cyclic clay'!$C$27:$C$5000,1))))</f>
        <v>10045.331858152196</v>
      </c>
      <c r="L27">
        <f>IF($D27="SAND",INDEX('p-y cyclic sand'!$AC$27:$AC$5000,MATCH($B27,'p-y cyclic sand'!$C$27:$C$5000,1)),IF(INDEX('CPT Data'!$S$12:$S$20000,MATCH($B27,'CPT Data'!$B$12:$B$20000,1))&lt;2,INDEX('p-y cyclic clay'!$HB$27:$HB$5000,MATCH($B27,'p-y cyclic clay'!$C$27:$C$5000,1)),INDEX('p-y cyclic clay'!$IB$27:$IB$5000,MATCH($B27,'p-y cyclic clay'!$C$27:$C$5000,1))))</f>
        <v>30</v>
      </c>
      <c r="M27">
        <f>IF($D27="SAND",INDEX('p-y cyclic sand'!$AQ$27:$AQ$5000,MATCH($B27,'p-y cyclic sand'!$C$27:$C$5000,1)),IF(INDEX('CPT Data'!$S$12:$S$20000,MATCH($B27,'CPT Data'!$B$12:$B$20000,1))&lt;2,INDEX('p-y cyclic clay'!$GP$27:$GP$5000,MATCH($B27,'p-y cyclic clay'!$C$27:$C$5000,1)),INDEX('p-y cyclic clay'!$HP$27:$HP$5000,MATCH($B27,'p-y cyclic clay'!$C$27:$C$5000,1))))</f>
        <v>11267.415258540499</v>
      </c>
      <c r="N27">
        <f>IF($D27="SAND",INDEX('p-y cyclic sand'!$AD$27:$AD$5000,MATCH($B27,'p-y cyclic sand'!$C$27:$C$5000,1)),IF(INDEX('CPT Data'!$S$12:$S$20000,MATCH($B27,'CPT Data'!$B$12:$B$20000,1))&lt;2,INDEX('p-y cyclic clay'!$HC$27:$HC$5000,MATCH($B27,'p-y cyclic clay'!$C$27:$C$5000,1)),INDEX('p-y cyclic clay'!$IC$27:$IC$5000,MATCH($B27,'p-y cyclic clay'!$C$27:$C$5000,1))))</f>
        <v>40</v>
      </c>
      <c r="O27">
        <f>IF($D27="SAND",INDEX('p-y cyclic sand'!$AR$27:$AR$5000,MATCH($B27,'p-y cyclic sand'!$C$27:$C$5000,1)),IF(INDEX('CPT Data'!$S$12:$S$20000,MATCH($B27,'CPT Data'!$B$12:$B$20000,1))&lt;2,INDEX('p-y cyclic clay'!$GQ$27:$GQ$5000,MATCH($B27,'p-y cyclic clay'!$C$27:$C$5000,1)),INDEX('p-y cyclic clay'!$HQ$27:$HQ$5000,MATCH($B27,'p-y cyclic clay'!$C$27:$C$5000,1))))</f>
        <v>11899.613811845073</v>
      </c>
      <c r="P27">
        <f>IF($D27="SAND",INDEX('p-y cyclic sand'!$AE$27:$AE$5000,MATCH($B27,'p-y cyclic sand'!$C$27:$C$5000,1)),IF(INDEX('CPT Data'!$S$12:$S$20000,MATCH($B27,'CPT Data'!$B$12:$B$20000,1))&lt;2,INDEX('p-y cyclic clay'!$HD$27:$HD$5000,MATCH($B27,'p-y cyclic clay'!$C$27:$C$5000,1)),INDEX('p-y cyclic clay'!$ID$27:$ID$5000,MATCH($B27,'p-y cyclic clay'!$C$27:$C$5000,1))))</f>
        <v>50</v>
      </c>
      <c r="Q27">
        <f>IF($D27="SAND",INDEX('p-y cyclic sand'!$AS$27:$AS$5000,MATCH($B27,'p-y cyclic sand'!$C$27:$C$5000,1)),IF(INDEX('CPT Data'!$S$12:$S$20000,MATCH($B27,'CPT Data'!$B$12:$B$20000,1))&lt;2,INDEX('p-y cyclic clay'!$GR$27:$GR$5000,MATCH($B27,'p-y cyclic clay'!$C$27:$C$5000,1)),INDEX('p-y cyclic clay'!$HR$27:$HR$5000,MATCH($B27,'p-y cyclic clay'!$C$27:$C$5000,1))))</f>
        <v>12213.841784946962</v>
      </c>
      <c r="R27">
        <f>IF($D27="SAND",INDEX('p-y cyclic sand'!$AF$27:$AF$5000,MATCH($B27,'p-y cyclic sand'!$C$27:$C$5000,1)),IF(INDEX('CPT Data'!$S$12:$S$20000,MATCH($B27,'CPT Data'!$B$12:$B$20000,1))&lt;2,INDEX('p-y cyclic clay'!$HE$27:$HE$5000,MATCH($B27,'p-y cyclic clay'!$C$27:$C$5000,1)),INDEX('p-y cyclic clay'!$IE$27:$IE$5000,MATCH($B27,'p-y cyclic clay'!$C$27:$C$5000,1))))</f>
        <v>60</v>
      </c>
      <c r="S27">
        <f>IF($D27="SAND",INDEX('p-y cyclic sand'!$AT$27:$AT$5000,MATCH($B27,'p-y cyclic sand'!$C$27:$C$5000,1)),IF(INDEX('CPT Data'!$S$12:$S$20000,MATCH($B27,'CPT Data'!$B$12:$B$20000,1))&lt;2,INDEX('p-y cyclic clay'!$GS$27:$GS$5000,MATCH($B27,'p-y cyclic clay'!$C$27:$C$5000,1)),INDEX('p-y cyclic clay'!$HS$27:$HS$5000,MATCH($B27,'p-y cyclic clay'!$C$27:$C$5000,1))))</f>
        <v>12366.922391523041</v>
      </c>
      <c r="T27">
        <f>IF($D27="SAND",INDEX('p-y cyclic sand'!$AG$27:$AG$5000,MATCH($B27,'p-y cyclic sand'!$C$27:$C$5000,1)),IF(INDEX('CPT Data'!$S$12:$S$20000,MATCH($B27,'CPT Data'!$B$12:$B$20000,1))&lt;2,INDEX('p-y cyclic clay'!$HF$27:$HF$5000,MATCH($B27,'p-y cyclic clay'!$C$27:$C$5000,1)),INDEX('p-y cyclic clay'!$IF$27:$IF$5000,MATCH($B27,'p-y cyclic clay'!$C$27:$C$5000,1))))</f>
        <v>70</v>
      </c>
      <c r="U27">
        <f>IF($D27="SAND",INDEX('p-y cyclic sand'!$AU$27:$AU$5000,MATCH($B27,'p-y cyclic sand'!$C$27:$C$5000,1)),IF(INDEX('CPT Data'!$S$12:$S$20000,MATCH($B27,'CPT Data'!$B$12:$B$20000,1))&lt;2,INDEX('p-y cyclic clay'!$GT$27:$GT$5000,MATCH($B27,'p-y cyclic clay'!$C$27:$C$5000,1)),INDEX('p-y cyclic clay'!$HT$27:$HT$5000,MATCH($B27,'p-y cyclic clay'!$C$27:$C$5000,1))))</f>
        <v>12440.768483965816</v>
      </c>
      <c r="V27">
        <f>IF($D27="SAND",INDEX('p-y cyclic sand'!$AH$27:$AH$5000,MATCH($B27,'p-y cyclic sand'!$C$27:$C$5000,1)),IF(INDEX('CPT Data'!$S$12:$S$20000,MATCH($B27,'CPT Data'!$B$12:$B$20000,1))&lt;2,INDEX('p-y cyclic clay'!$HG$27:$HG$5000,MATCH($B27,'p-y cyclic clay'!$C$27:$C$5000,1)),INDEX('p-y cyclic clay'!$IG$27:$IG$5000,MATCH($B27,'p-y cyclic clay'!$C$27:$C$5000,1))))</f>
        <v>80</v>
      </c>
      <c r="W27">
        <f>IF($D27="SAND",INDEX('p-y cyclic sand'!$AV$27:$AV$5000,MATCH($B27,'p-y cyclic sand'!$C$27:$C$5000,1)),IF(INDEX('CPT Data'!$S$12:$S$20000,MATCH($B27,'CPT Data'!$B$12:$B$20000,1))&lt;2,INDEX('p-y cyclic clay'!$GU$27:$GU$5000,MATCH($B27,'p-y cyclic clay'!$C$27:$C$5000,1)),INDEX('p-y cyclic clay'!$HU$27:$HU$5000,MATCH($B27,'p-y cyclic clay'!$C$27:$C$5000,1))))</f>
        <v>12476.222933877843</v>
      </c>
      <c r="X27">
        <f>IF($D27="SAND",INDEX('p-y cyclic sand'!$AI$27:$AI$5000,MATCH($B27,'p-y cyclic sand'!$C$27:$C$5000,1)),IF(INDEX('CPT Data'!$S$12:$S$20000,MATCH($B27,'CPT Data'!$B$12:$B$20000,1))&lt;2,INDEX('p-y cyclic clay'!$HH$27:$HH$5000,MATCH($B27,'p-y cyclic clay'!$C$27:$C$5000,1)),INDEX('p-y cyclic clay'!$IH$27:$IH$5000,MATCH($B27,'p-y cyclic clay'!$C$27:$C$5000,1))))</f>
        <v>90</v>
      </c>
      <c r="Y27">
        <f>IF($D27="SAND",INDEX('p-y cyclic sand'!$AW$27:$AW$5000,MATCH($B27,'p-y cyclic sand'!$C$27:$C$5000,1)),IF(INDEX('CPT Data'!$S$12:$S$20000,MATCH($B27,'CPT Data'!$B$12:$B$20000,1))&lt;2,INDEX('p-y cyclic clay'!$GV$27:$GV$5000,MATCH($B27,'p-y cyclic clay'!$C$27:$C$5000,1)),INDEX('p-y cyclic clay'!$HV$27:$HV$5000,MATCH($B27,'p-y cyclic clay'!$C$27:$C$5000,1))))</f>
        <v>12493.206221001299</v>
      </c>
      <c r="Z27">
        <f>IF($D27="SAND",INDEX('p-y cyclic sand'!$AJ$27:$AJ$5000,MATCH($B27,'p-y cyclic sand'!$C$27:$C$5000,1)),IF(INDEX('CPT Data'!$S$12:$S$20000,MATCH($B27,'CPT Data'!$B$12:$B$20000,1))&lt;2,INDEX('p-y cyclic clay'!$HI$27:$HI$5000,MATCH($B27,'p-y cyclic clay'!$C$27:$C$5000,1)),INDEX('p-y cyclic clay'!$II$27:$II$5000,MATCH($B27,'p-y cyclic clay'!$C$27:$C$5000,1))))</f>
        <v>100</v>
      </c>
      <c r="AA27">
        <f>IF($D27="SAND",INDEX('p-y cyclic sand'!$AX$27:$AX$5000,MATCH($B27,'p-y cyclic sand'!$C$27:$C$5000,1)),IF(INDEX('CPT Data'!$S$12:$S$20000,MATCH($B27,'CPT Data'!$B$12:$B$20000,1))&lt;2,INDEX('p-y cyclic clay'!$GW$27:$GW$5000,MATCH($B27,'p-y cyclic clay'!$C$27:$C$5000,1)),INDEX('p-y cyclic clay'!$HW$27:$HW$5000,MATCH($B27,'p-y cyclic clay'!$C$27:$C$5000,1))))</f>
        <v>12501.332601881038</v>
      </c>
      <c r="AB27">
        <f>IF($D27="SAND",INDEX('p-y cyclic sand'!$AK$27:$AK$5000,MATCH($B27,'p-y cyclic sand'!$C$27:$C$5000,1)),IF(INDEX('CPT Data'!$S$12:$S$20000,MATCH($B27,'CPT Data'!$B$12:$B$20000,1))&lt;2,INDEX('p-y cyclic clay'!$HJ$27:$HJ$5000,MATCH($B27,'p-y cyclic clay'!$C$27:$C$5000,1)),INDEX('p-y cyclic clay'!$IJ$27:$IJ$5000,MATCH($B27,'p-y cyclic clay'!$C$27:$C$5000,1))))</f>
        <v>110</v>
      </c>
      <c r="AC27">
        <f>IF($D27="SAND",INDEX('p-y cyclic sand'!$AY$27:$AY$5000,MATCH($B27,'p-y cyclic sand'!$C$27:$C$5000,1)),IF(INDEX('CPT Data'!$S$12:$S$20000,MATCH($B27,'CPT Data'!$B$12:$B$20000,1))&lt;2,INDEX('p-y cyclic clay'!$GX$27:$GX$5000,MATCH($B27,'p-y cyclic clay'!$C$27:$C$5000,1)),INDEX('p-y cyclic clay'!$HX$27:$HX$5000,MATCH($B27,'p-y cyclic clay'!$C$27:$C$5000,1))))</f>
        <v>12505.218979257814</v>
      </c>
      <c r="AD27" s="98">
        <f>IF($D27="SAND",INDEX('p-y cyclic sand'!$AL$27:$AL$5000,MATCH($B27,'p-y cyclic sand'!$C$27:$C$5000,1)),IF(INDEX('CPT Data'!$S$12:$S$20000,MATCH($B27,'CPT Data'!$B$12:$B$20000,1))&lt;2,INDEX('p-y cyclic clay'!$HK$27:$HK$5000,MATCH($B27,'p-y cyclic clay'!$C$27:$C$5000,1)),INDEX('p-y cyclic clay'!$IK$27:$IK$5000,MATCH($B27,'p-y cyclic clay'!$C$27:$C$5000,1))))</f>
        <v>120</v>
      </c>
    </row>
    <row r="28" spans="1:30" x14ac:dyDescent="0.2">
      <c r="A28" s="214">
        <f t="shared" si="0"/>
        <v>-38.5</v>
      </c>
      <c r="B28" s="216">
        <f>'p-y cyclic clay'!C49</f>
        <v>23</v>
      </c>
      <c r="C28">
        <f>INDEX('CPT Data'!$C$13:$C$20000,MATCH(B28,'CPT Data'!$B$13:$B$20000,1))</f>
        <v>22.986999999999998</v>
      </c>
      <c r="D28" s="216" t="str">
        <f>INDEX('CPT Data'!$P$13:$P$20000,MATCH(B28,'CPT Data'!$B$13:$B$20000,1))</f>
        <v>SAND</v>
      </c>
      <c r="E28">
        <f>IF($D28="SAND",INDEX('p-y cyclic sand'!$AM$27:$AM$5000,MATCH($B28,'p-y cyclic sand'!$C$27:$C$5000,1)),IF(INDEX('CPT Data'!$S$12:$S$20000,MATCH($B28,'CPT Data'!$B$12:$B$20000,1))&lt;2,INDEX('p-y cyclic clay'!$GL$27:$GL$5000,MATCH($B28,'p-y cyclic clay'!$C$27:$C$5000,1)),INDEX('p-y cyclic clay'!$HL$27:$HL$5000,MATCH($B28,'p-y cyclic clay'!$C$27:$C$5000,1))))</f>
        <v>0</v>
      </c>
      <c r="F28">
        <f>IF($D28="SAND",INDEX('p-y cyclic sand'!$Z$27:$Z$5000,MATCH($B28,'p-y cyclic sand'!$C$27:$C$5000,1)),IF(INDEX('CPT Data'!$S$12:$S$20000,MATCH($B28,'CPT Data'!$B$12:$B$20000,1))&lt;2,INDEX('p-y cyclic clay'!$GY$27:$GY$5000,MATCH($B28,'p-y cyclic clay'!$C$27:$C$5000,1)),INDEX('p-y cyclic clay'!$HY$27:$HY$5000,MATCH($B28,'p-y cyclic clay'!$C$27:$C$5000,1))))</f>
        <v>0</v>
      </c>
      <c r="G28">
        <f>IF($D28="SAND",INDEX('p-y cyclic sand'!$AN$27:$AN$5000,MATCH($B28,'p-y cyclic sand'!$C$27:$C$5000,1)),IF(INDEX('CPT Data'!$S$12:$S$20000,MATCH($B28,'CPT Data'!$B$12:$B$20000,1))&lt;2,INDEX('p-y cyclic clay'!$GM$27:$GM$5000,MATCH($B28,'p-y cyclic clay'!$C$27:$C$5000,1)),INDEX('p-y cyclic clay'!$HM$27:$HM$5000,MATCH($B28,'p-y cyclic clay'!$C$27:$C$5000,1))))</f>
        <v>5711.5740477787003</v>
      </c>
      <c r="H28">
        <f>IF($D28="SAND",INDEX('p-y cyclic sand'!$AA$27:$AA$5000,MATCH($B28,'p-y cyclic sand'!$C$27:$C$5000,1)),IF(INDEX('CPT Data'!$S$12:$S$20000,MATCH($B28,'CPT Data'!$B$12:$B$20000,1))&lt;2,INDEX('p-y cyclic clay'!$GZ$27:$GZ$5000,MATCH($B28,'p-y cyclic clay'!$C$27:$C$5000,1)),INDEX('p-y cyclic clay'!$HZ$27:$HZ$5000,MATCH($B28,'p-y cyclic clay'!$C$27:$C$5000,1))))</f>
        <v>10</v>
      </c>
      <c r="I28">
        <f>IF($D28="SAND",INDEX('p-y cyclic sand'!$AO$27:$AO$5000,MATCH($B28,'p-y cyclic sand'!$C$27:$C$5000,1)),IF(INDEX('CPT Data'!$S$12:$S$20000,MATCH($B28,'CPT Data'!$B$12:$B$20000,1))&lt;2,INDEX('p-y cyclic clay'!$GN$27:$GN$5000,MATCH($B28,'p-y cyclic clay'!$C$27:$C$5000,1)),INDEX('p-y cyclic clay'!$HN$27:$HN$5000,MATCH($B28,'p-y cyclic clay'!$C$27:$C$5000,1))))</f>
        <v>9956.7436506887807</v>
      </c>
      <c r="J28">
        <f>IF($D28="SAND",INDEX('p-y cyclic sand'!$AB$27:$AB$5000,MATCH($B28,'p-y cyclic sand'!$C$27:$C$5000,1)),IF(INDEX('CPT Data'!$S$12:$S$20000,MATCH($B28,'CPT Data'!$B$12:$B$20000,1))&lt;2,INDEX('p-y cyclic clay'!$HA$27:$HA$5000,MATCH($B28,'p-y cyclic clay'!$C$27:$C$5000,1)),INDEX('p-y cyclic clay'!$IA$27:$IA$5000,MATCH($B28,'p-y cyclic clay'!$C$27:$C$5000,1))))</f>
        <v>20</v>
      </c>
      <c r="K28">
        <f>IF($D28="SAND",INDEX('p-y cyclic sand'!$AP$27:$AP$5000,MATCH($B28,'p-y cyclic sand'!$C$27:$C$5000,1)),IF(INDEX('CPT Data'!$S$12:$S$20000,MATCH($B28,'CPT Data'!$B$12:$B$20000,1))&lt;2,INDEX('p-y cyclic clay'!$GO$27:$GO$5000,MATCH($B28,'p-y cyclic clay'!$C$27:$C$5000,1)),INDEX('p-y cyclic clay'!$HO$27:$HO$5000,MATCH($B28,'p-y cyclic clay'!$C$27:$C$5000,1))))</f>
        <v>12467.403856195362</v>
      </c>
      <c r="L28">
        <f>IF($D28="SAND",INDEX('p-y cyclic sand'!$AC$27:$AC$5000,MATCH($B28,'p-y cyclic sand'!$C$27:$C$5000,1)),IF(INDEX('CPT Data'!$S$12:$S$20000,MATCH($B28,'CPT Data'!$B$12:$B$20000,1))&lt;2,INDEX('p-y cyclic clay'!$HB$27:$HB$5000,MATCH($B28,'p-y cyclic clay'!$C$27:$C$5000,1)),INDEX('p-y cyclic clay'!$IB$27:$IB$5000,MATCH($B28,'p-y cyclic clay'!$C$27:$C$5000,1))))</f>
        <v>30</v>
      </c>
      <c r="M28">
        <f>IF($D28="SAND",INDEX('p-y cyclic sand'!$AQ$27:$AQ$5000,MATCH($B28,'p-y cyclic sand'!$C$27:$C$5000,1)),IF(INDEX('CPT Data'!$S$12:$S$20000,MATCH($B28,'CPT Data'!$B$12:$B$20000,1))&lt;2,INDEX('p-y cyclic clay'!$GP$27:$GP$5000,MATCH($B28,'p-y cyclic clay'!$C$27:$C$5000,1)),INDEX('p-y cyclic clay'!$HP$27:$HP$5000,MATCH($B28,'p-y cyclic clay'!$C$27:$C$5000,1))))</f>
        <v>13756.508171628482</v>
      </c>
      <c r="N28">
        <f>IF($D28="SAND",INDEX('p-y cyclic sand'!$AD$27:$AD$5000,MATCH($B28,'p-y cyclic sand'!$C$27:$C$5000,1)),IF(INDEX('CPT Data'!$S$12:$S$20000,MATCH($B28,'CPT Data'!$B$12:$B$20000,1))&lt;2,INDEX('p-y cyclic clay'!$HC$27:$HC$5000,MATCH($B28,'p-y cyclic clay'!$C$27:$C$5000,1)),INDEX('p-y cyclic clay'!$IC$27:$IC$5000,MATCH($B28,'p-y cyclic clay'!$C$27:$C$5000,1))))</f>
        <v>40</v>
      </c>
      <c r="O28">
        <f>IF($D28="SAND",INDEX('p-y cyclic sand'!$AR$27:$AR$5000,MATCH($B28,'p-y cyclic sand'!$C$27:$C$5000,1)),IF(INDEX('CPT Data'!$S$12:$S$20000,MATCH($B28,'CPT Data'!$B$12:$B$20000,1))&lt;2,INDEX('p-y cyclic clay'!$GQ$27:$GQ$5000,MATCH($B28,'p-y cyclic clay'!$C$27:$C$5000,1)),INDEX('p-y cyclic clay'!$HQ$27:$HQ$5000,MATCH($B28,'p-y cyclic clay'!$C$27:$C$5000,1))))</f>
        <v>14370.530487548365</v>
      </c>
      <c r="P28">
        <f>IF($D28="SAND",INDEX('p-y cyclic sand'!$AE$27:$AE$5000,MATCH($B28,'p-y cyclic sand'!$C$27:$C$5000,1)),IF(INDEX('CPT Data'!$S$12:$S$20000,MATCH($B28,'CPT Data'!$B$12:$B$20000,1))&lt;2,INDEX('p-y cyclic clay'!$HD$27:$HD$5000,MATCH($B28,'p-y cyclic clay'!$C$27:$C$5000,1)),INDEX('p-y cyclic clay'!$ID$27:$ID$5000,MATCH($B28,'p-y cyclic clay'!$C$27:$C$5000,1))))</f>
        <v>50</v>
      </c>
      <c r="Q28">
        <f>IF($D28="SAND",INDEX('p-y cyclic sand'!$AS$27:$AS$5000,MATCH($B28,'p-y cyclic sand'!$C$27:$C$5000,1)),IF(INDEX('CPT Data'!$S$12:$S$20000,MATCH($B28,'CPT Data'!$B$12:$B$20000,1))&lt;2,INDEX('p-y cyclic clay'!$GR$27:$GR$5000,MATCH($B28,'p-y cyclic clay'!$C$27:$C$5000,1)),INDEX('p-y cyclic clay'!$HR$27:$HR$5000,MATCH($B28,'p-y cyclic clay'!$C$27:$C$5000,1))))</f>
        <v>14652.527707977972</v>
      </c>
      <c r="R28">
        <f>IF($D28="SAND",INDEX('p-y cyclic sand'!$AF$27:$AF$5000,MATCH($B28,'p-y cyclic sand'!$C$27:$C$5000,1)),IF(INDEX('CPT Data'!$S$12:$S$20000,MATCH($B28,'CPT Data'!$B$12:$B$20000,1))&lt;2,INDEX('p-y cyclic clay'!$HE$27:$HE$5000,MATCH($B28,'p-y cyclic clay'!$C$27:$C$5000,1)),INDEX('p-y cyclic clay'!$IE$27:$IE$5000,MATCH($B28,'p-y cyclic clay'!$C$27:$C$5000,1))))</f>
        <v>60</v>
      </c>
      <c r="S28">
        <f>IF($D28="SAND",INDEX('p-y cyclic sand'!$AT$27:$AT$5000,MATCH($B28,'p-y cyclic sand'!$C$27:$C$5000,1)),IF(INDEX('CPT Data'!$S$12:$S$20000,MATCH($B28,'CPT Data'!$B$12:$B$20000,1))&lt;2,INDEX('p-y cyclic clay'!$GS$27:$GS$5000,MATCH($B28,'p-y cyclic clay'!$C$27:$C$5000,1)),INDEX('p-y cyclic clay'!$HS$27:$HS$5000,MATCH($B28,'p-y cyclic clay'!$C$27:$C$5000,1))))</f>
        <v>14779.86661781656</v>
      </c>
      <c r="T28">
        <f>IF($D28="SAND",INDEX('p-y cyclic sand'!$AG$27:$AG$5000,MATCH($B28,'p-y cyclic sand'!$C$27:$C$5000,1)),IF(INDEX('CPT Data'!$S$12:$S$20000,MATCH($B28,'CPT Data'!$B$12:$B$20000,1))&lt;2,INDEX('p-y cyclic clay'!$HF$27:$HF$5000,MATCH($B28,'p-y cyclic clay'!$C$27:$C$5000,1)),INDEX('p-y cyclic clay'!$IF$27:$IF$5000,MATCH($B28,'p-y cyclic clay'!$C$27:$C$5000,1))))</f>
        <v>70</v>
      </c>
      <c r="U28">
        <f>IF($D28="SAND",INDEX('p-y cyclic sand'!$AU$27:$AU$5000,MATCH($B28,'p-y cyclic sand'!$C$27:$C$5000,1)),IF(INDEX('CPT Data'!$S$12:$S$20000,MATCH($B28,'CPT Data'!$B$12:$B$20000,1))&lt;2,INDEX('p-y cyclic clay'!$GT$27:$GT$5000,MATCH($B28,'p-y cyclic clay'!$C$27:$C$5000,1)),INDEX('p-y cyclic clay'!$HT$27:$HT$5000,MATCH($B28,'p-y cyclic clay'!$C$27:$C$5000,1))))</f>
        <v>14836.928436386963</v>
      </c>
      <c r="V28">
        <f>IF($D28="SAND",INDEX('p-y cyclic sand'!$AH$27:$AH$5000,MATCH($B28,'p-y cyclic sand'!$C$27:$C$5000,1)),IF(INDEX('CPT Data'!$S$12:$S$20000,MATCH($B28,'CPT Data'!$B$12:$B$20000,1))&lt;2,INDEX('p-y cyclic clay'!$HG$27:$HG$5000,MATCH($B28,'p-y cyclic clay'!$C$27:$C$5000,1)),INDEX('p-y cyclic clay'!$IG$27:$IG$5000,MATCH($B28,'p-y cyclic clay'!$C$27:$C$5000,1))))</f>
        <v>80</v>
      </c>
      <c r="W28">
        <f>IF($D28="SAND",INDEX('p-y cyclic sand'!$AV$27:$AV$5000,MATCH($B28,'p-y cyclic sand'!$C$27:$C$5000,1)),IF(INDEX('CPT Data'!$S$12:$S$20000,MATCH($B28,'CPT Data'!$B$12:$B$20000,1))&lt;2,INDEX('p-y cyclic clay'!$GU$27:$GU$5000,MATCH($B28,'p-y cyclic clay'!$C$27:$C$5000,1)),INDEX('p-y cyclic clay'!$HU$27:$HU$5000,MATCH($B28,'p-y cyclic clay'!$C$27:$C$5000,1))))</f>
        <v>14862.410459619057</v>
      </c>
      <c r="X28">
        <f>IF($D28="SAND",INDEX('p-y cyclic sand'!$AI$27:$AI$5000,MATCH($B28,'p-y cyclic sand'!$C$27:$C$5000,1)),IF(INDEX('CPT Data'!$S$12:$S$20000,MATCH($B28,'CPT Data'!$B$12:$B$20000,1))&lt;2,INDEX('p-y cyclic clay'!$HH$27:$HH$5000,MATCH($B28,'p-y cyclic clay'!$C$27:$C$5000,1)),INDEX('p-y cyclic clay'!$IH$27:$IH$5000,MATCH($B28,'p-y cyclic clay'!$C$27:$C$5000,1))))</f>
        <v>90</v>
      </c>
      <c r="Y28">
        <f>IF($D28="SAND",INDEX('p-y cyclic sand'!$AW$27:$AW$5000,MATCH($B28,'p-y cyclic sand'!$C$27:$C$5000,1)),IF(INDEX('CPT Data'!$S$12:$S$20000,MATCH($B28,'CPT Data'!$B$12:$B$20000,1))&lt;2,INDEX('p-y cyclic clay'!$GV$27:$GV$5000,MATCH($B28,'p-y cyclic clay'!$C$27:$C$5000,1)),INDEX('p-y cyclic clay'!$HV$27:$HV$5000,MATCH($B28,'p-y cyclic clay'!$C$27:$C$5000,1))))</f>
        <v>14873.772423930477</v>
      </c>
      <c r="Z28">
        <f>IF($D28="SAND",INDEX('p-y cyclic sand'!$AJ$27:$AJ$5000,MATCH($B28,'p-y cyclic sand'!$C$27:$C$5000,1)),IF(INDEX('CPT Data'!$S$12:$S$20000,MATCH($B28,'CPT Data'!$B$12:$B$20000,1))&lt;2,INDEX('p-y cyclic clay'!$HI$27:$HI$5000,MATCH($B28,'p-y cyclic clay'!$C$27:$C$5000,1)),INDEX('p-y cyclic clay'!$II$27:$II$5000,MATCH($B28,'p-y cyclic clay'!$C$27:$C$5000,1))))</f>
        <v>100</v>
      </c>
      <c r="AA28">
        <f>IF($D28="SAND",INDEX('p-y cyclic sand'!$AX$27:$AX$5000,MATCH($B28,'p-y cyclic sand'!$C$27:$C$5000,1)),IF(INDEX('CPT Data'!$S$12:$S$20000,MATCH($B28,'CPT Data'!$B$12:$B$20000,1))&lt;2,INDEX('p-y cyclic clay'!$GW$27:$GW$5000,MATCH($B28,'p-y cyclic clay'!$C$27:$C$5000,1)),INDEX('p-y cyclic clay'!$HW$27:$HW$5000,MATCH($B28,'p-y cyclic clay'!$C$27:$C$5000,1))))</f>
        <v>14878.83503550864</v>
      </c>
      <c r="AB28">
        <f>IF($D28="SAND",INDEX('p-y cyclic sand'!$AK$27:$AK$5000,MATCH($B28,'p-y cyclic sand'!$C$27:$C$5000,1)),IF(INDEX('CPT Data'!$S$12:$S$20000,MATCH($B28,'CPT Data'!$B$12:$B$20000,1))&lt;2,INDEX('p-y cyclic clay'!$HJ$27:$HJ$5000,MATCH($B28,'p-y cyclic clay'!$C$27:$C$5000,1)),INDEX('p-y cyclic clay'!$IJ$27:$IJ$5000,MATCH($B28,'p-y cyclic clay'!$C$27:$C$5000,1))))</f>
        <v>110</v>
      </c>
      <c r="AC28">
        <f>IF($D28="SAND",INDEX('p-y cyclic sand'!$AY$27:$AY$5000,MATCH($B28,'p-y cyclic sand'!$C$27:$C$5000,1)),IF(INDEX('CPT Data'!$S$12:$S$20000,MATCH($B28,'CPT Data'!$B$12:$B$20000,1))&lt;2,INDEX('p-y cyclic clay'!$GX$27:$GX$5000,MATCH($B28,'p-y cyclic clay'!$C$27:$C$5000,1)),INDEX('p-y cyclic clay'!$HX$27:$HX$5000,MATCH($B28,'p-y cyclic clay'!$C$27:$C$5000,1))))</f>
        <v>14881.090120129042</v>
      </c>
      <c r="AD28" s="98">
        <f>IF($D28="SAND",INDEX('p-y cyclic sand'!$AL$27:$AL$5000,MATCH($B28,'p-y cyclic sand'!$C$27:$C$5000,1)),IF(INDEX('CPT Data'!$S$12:$S$20000,MATCH($B28,'CPT Data'!$B$12:$B$20000,1))&lt;2,INDEX('p-y cyclic clay'!$HK$27:$HK$5000,MATCH($B28,'p-y cyclic clay'!$C$27:$C$5000,1)),INDEX('p-y cyclic clay'!$IK$27:$IK$5000,MATCH($B28,'p-y cyclic clay'!$C$27:$C$5000,1))))</f>
        <v>120</v>
      </c>
    </row>
    <row r="29" spans="1:30" x14ac:dyDescent="0.2">
      <c r="A29" s="214">
        <f t="shared" si="0"/>
        <v>-39.5</v>
      </c>
      <c r="B29" s="216">
        <f>'p-y cyclic clay'!C50</f>
        <v>24</v>
      </c>
      <c r="C29">
        <f>INDEX('CPT Data'!$C$13:$C$20000,MATCH(B29,'CPT Data'!$B$13:$B$20000,1))</f>
        <v>23.985999999999997</v>
      </c>
      <c r="D29" s="216" t="str">
        <f>INDEX('CPT Data'!$P$13:$P$20000,MATCH(B29,'CPT Data'!$B$13:$B$20000,1))</f>
        <v>SAND</v>
      </c>
      <c r="E29">
        <f>IF($D29="SAND",INDEX('p-y cyclic sand'!$AM$27:$AM$5000,MATCH($B29,'p-y cyclic sand'!$C$27:$C$5000,1)),IF(INDEX('CPT Data'!$S$12:$S$20000,MATCH($B29,'CPT Data'!$B$12:$B$20000,1))&lt;2,INDEX('p-y cyclic clay'!$GL$27:$GL$5000,MATCH($B29,'p-y cyclic clay'!$C$27:$C$5000,1)),INDEX('p-y cyclic clay'!$HL$27:$HL$5000,MATCH($B29,'p-y cyclic clay'!$C$27:$C$5000,1))))</f>
        <v>0</v>
      </c>
      <c r="F29">
        <f>IF($D29="SAND",INDEX('p-y cyclic sand'!$Z$27:$Z$5000,MATCH($B29,'p-y cyclic sand'!$C$27:$C$5000,1)),IF(INDEX('CPT Data'!$S$12:$S$20000,MATCH($B29,'CPT Data'!$B$12:$B$20000,1))&lt;2,INDEX('p-y cyclic clay'!$GY$27:$GY$5000,MATCH($B29,'p-y cyclic clay'!$C$27:$C$5000,1)),INDEX('p-y cyclic clay'!$HY$27:$HY$5000,MATCH($B29,'p-y cyclic clay'!$C$27:$C$5000,1))))</f>
        <v>0</v>
      </c>
      <c r="G29">
        <f>IF($D29="SAND",INDEX('p-y cyclic sand'!$AN$27:$AN$5000,MATCH($B29,'p-y cyclic sand'!$C$27:$C$5000,1)),IF(INDEX('CPT Data'!$S$12:$S$20000,MATCH($B29,'CPT Data'!$B$12:$B$20000,1))&lt;2,INDEX('p-y cyclic clay'!$GM$27:$GM$5000,MATCH($B29,'p-y cyclic clay'!$C$27:$C$5000,1)),INDEX('p-y cyclic clay'!$HM$27:$HM$5000,MATCH($B29,'p-y cyclic clay'!$C$27:$C$5000,1))))</f>
        <v>6867.7500609641302</v>
      </c>
      <c r="H29">
        <f>IF($D29="SAND",INDEX('p-y cyclic sand'!$AA$27:$AA$5000,MATCH($B29,'p-y cyclic sand'!$C$27:$C$5000,1)),IF(INDEX('CPT Data'!$S$12:$S$20000,MATCH($B29,'CPT Data'!$B$12:$B$20000,1))&lt;2,INDEX('p-y cyclic clay'!$GZ$27:$GZ$5000,MATCH($B29,'p-y cyclic clay'!$C$27:$C$5000,1)),INDEX('p-y cyclic clay'!$HZ$27:$HZ$5000,MATCH($B29,'p-y cyclic clay'!$C$27:$C$5000,1))))</f>
        <v>10</v>
      </c>
      <c r="I29">
        <f>IF($D29="SAND",INDEX('p-y cyclic sand'!$AO$27:$AO$5000,MATCH($B29,'p-y cyclic sand'!$C$27:$C$5000,1)),IF(INDEX('CPT Data'!$S$12:$S$20000,MATCH($B29,'CPT Data'!$B$12:$B$20000,1))&lt;2,INDEX('p-y cyclic clay'!$GN$27:$GN$5000,MATCH($B29,'p-y cyclic clay'!$C$27:$C$5000,1)),INDEX('p-y cyclic clay'!$HN$27:$HN$5000,MATCH($B29,'p-y cyclic clay'!$C$27:$C$5000,1))))</f>
        <v>12050.764346719816</v>
      </c>
      <c r="J29">
        <f>IF($D29="SAND",INDEX('p-y cyclic sand'!$AB$27:$AB$5000,MATCH($B29,'p-y cyclic sand'!$C$27:$C$5000,1)),IF(INDEX('CPT Data'!$S$12:$S$20000,MATCH($B29,'CPT Data'!$B$12:$B$20000,1))&lt;2,INDEX('p-y cyclic clay'!$HA$27:$HA$5000,MATCH($B29,'p-y cyclic clay'!$C$27:$C$5000,1)),INDEX('p-y cyclic clay'!$IA$27:$IA$5000,MATCH($B29,'p-y cyclic clay'!$C$27:$C$5000,1))))</f>
        <v>20</v>
      </c>
      <c r="K29">
        <f>IF($D29="SAND",INDEX('p-y cyclic sand'!$AP$27:$AP$5000,MATCH($B29,'p-y cyclic sand'!$C$27:$C$5000,1)),IF(INDEX('CPT Data'!$S$12:$S$20000,MATCH($B29,'CPT Data'!$B$12:$B$20000,1))&lt;2,INDEX('p-y cyclic clay'!$GO$27:$GO$5000,MATCH($B29,'p-y cyclic clay'!$C$27:$C$5000,1)),INDEX('p-y cyclic clay'!$HO$27:$HO$5000,MATCH($B29,'p-y cyclic clay'!$C$27:$C$5000,1))))</f>
        <v>15191.79697757531</v>
      </c>
      <c r="L29">
        <f>IF($D29="SAND",INDEX('p-y cyclic sand'!$AC$27:$AC$5000,MATCH($B29,'p-y cyclic sand'!$C$27:$C$5000,1)),IF(INDEX('CPT Data'!$S$12:$S$20000,MATCH($B29,'CPT Data'!$B$12:$B$20000,1))&lt;2,INDEX('p-y cyclic clay'!$HB$27:$HB$5000,MATCH($B29,'p-y cyclic clay'!$C$27:$C$5000,1)),INDEX('p-y cyclic clay'!$IB$27:$IB$5000,MATCH($B29,'p-y cyclic clay'!$C$27:$C$5000,1))))</f>
        <v>30</v>
      </c>
      <c r="M29">
        <f>IF($D29="SAND",INDEX('p-y cyclic sand'!$AQ$27:$AQ$5000,MATCH($B29,'p-y cyclic sand'!$C$27:$C$5000,1)),IF(INDEX('CPT Data'!$S$12:$S$20000,MATCH($B29,'CPT Data'!$B$12:$B$20000,1))&lt;2,INDEX('p-y cyclic clay'!$GP$27:$GP$5000,MATCH($B29,'p-y cyclic clay'!$C$27:$C$5000,1)),INDEX('p-y cyclic clay'!$HP$27:$HP$5000,MATCH($B29,'p-y cyclic clay'!$C$27:$C$5000,1))))</f>
        <v>16848.975439619051</v>
      </c>
      <c r="N29">
        <f>IF($D29="SAND",INDEX('p-y cyclic sand'!$AD$27:$AD$5000,MATCH($B29,'p-y cyclic sand'!$C$27:$C$5000,1)),IF(INDEX('CPT Data'!$S$12:$S$20000,MATCH($B29,'CPT Data'!$B$12:$B$20000,1))&lt;2,INDEX('p-y cyclic clay'!$HC$27:$HC$5000,MATCH($B29,'p-y cyclic clay'!$C$27:$C$5000,1)),INDEX('p-y cyclic clay'!$IC$27:$IC$5000,MATCH($B29,'p-y cyclic clay'!$C$27:$C$5000,1))))</f>
        <v>40</v>
      </c>
      <c r="O29">
        <f>IF($D29="SAND",INDEX('p-y cyclic sand'!$AR$27:$AR$5000,MATCH($B29,'p-y cyclic sand'!$C$27:$C$5000,1)),IF(INDEX('CPT Data'!$S$12:$S$20000,MATCH($B29,'CPT Data'!$B$12:$B$20000,1))&lt;2,INDEX('p-y cyclic clay'!$GQ$27:$GQ$5000,MATCH($B29,'p-y cyclic clay'!$C$27:$C$5000,1)),INDEX('p-y cyclic clay'!$HQ$27:$HQ$5000,MATCH($B29,'p-y cyclic clay'!$C$27:$C$5000,1))))</f>
        <v>17659.698550531124</v>
      </c>
      <c r="P29">
        <f>IF($D29="SAND",INDEX('p-y cyclic sand'!$AE$27:$AE$5000,MATCH($B29,'p-y cyclic sand'!$C$27:$C$5000,1)),IF(INDEX('CPT Data'!$S$12:$S$20000,MATCH($B29,'CPT Data'!$B$12:$B$20000,1))&lt;2,INDEX('p-y cyclic clay'!$HD$27:$HD$5000,MATCH($B29,'p-y cyclic clay'!$C$27:$C$5000,1)),INDEX('p-y cyclic clay'!$ID$27:$ID$5000,MATCH($B29,'p-y cyclic clay'!$C$27:$C$5000,1))))</f>
        <v>50</v>
      </c>
      <c r="Q29">
        <f>IF($D29="SAND",INDEX('p-y cyclic sand'!$AS$27:$AS$5000,MATCH($B29,'p-y cyclic sand'!$C$27:$C$5000,1)),IF(INDEX('CPT Data'!$S$12:$S$20000,MATCH($B29,'CPT Data'!$B$12:$B$20000,1))&lt;2,INDEX('p-y cyclic clay'!$GR$27:$GR$5000,MATCH($B29,'p-y cyclic clay'!$C$27:$C$5000,1)),INDEX('p-y cyclic clay'!$HR$27:$HR$5000,MATCH($B29,'p-y cyclic clay'!$C$27:$C$5000,1))))</f>
        <v>18041.663151050416</v>
      </c>
      <c r="R29">
        <f>IF($D29="SAND",INDEX('p-y cyclic sand'!$AF$27:$AF$5000,MATCH($B29,'p-y cyclic sand'!$C$27:$C$5000,1)),IF(INDEX('CPT Data'!$S$12:$S$20000,MATCH($B29,'CPT Data'!$B$12:$B$20000,1))&lt;2,INDEX('p-y cyclic clay'!$HE$27:$HE$5000,MATCH($B29,'p-y cyclic clay'!$C$27:$C$5000,1)),INDEX('p-y cyclic clay'!$IE$27:$IE$5000,MATCH($B29,'p-y cyclic clay'!$C$27:$C$5000,1))))</f>
        <v>60</v>
      </c>
      <c r="S29">
        <f>IF($D29="SAND",INDEX('p-y cyclic sand'!$AT$27:$AT$5000,MATCH($B29,'p-y cyclic sand'!$C$27:$C$5000,1)),IF(INDEX('CPT Data'!$S$12:$S$20000,MATCH($B29,'CPT Data'!$B$12:$B$20000,1))&lt;2,INDEX('p-y cyclic clay'!$GS$27:$GS$5000,MATCH($B29,'p-y cyclic clay'!$C$27:$C$5000,1)),INDEX('p-y cyclic clay'!$HS$27:$HS$5000,MATCH($B29,'p-y cyclic clay'!$C$27:$C$5000,1))))</f>
        <v>18218.42660908472</v>
      </c>
      <c r="T29">
        <f>IF($D29="SAND",INDEX('p-y cyclic sand'!$AG$27:$AG$5000,MATCH($B29,'p-y cyclic sand'!$C$27:$C$5000,1)),IF(INDEX('CPT Data'!$S$12:$S$20000,MATCH($B29,'CPT Data'!$B$12:$B$20000,1))&lt;2,INDEX('p-y cyclic clay'!$HF$27:$HF$5000,MATCH($B29,'p-y cyclic clay'!$C$27:$C$5000,1)),INDEX('p-y cyclic clay'!$IF$27:$IF$5000,MATCH($B29,'p-y cyclic clay'!$C$27:$C$5000,1))))</f>
        <v>70</v>
      </c>
      <c r="U29">
        <f>IF($D29="SAND",INDEX('p-y cyclic sand'!$AU$27:$AU$5000,MATCH($B29,'p-y cyclic sand'!$C$27:$C$5000,1)),IF(INDEX('CPT Data'!$S$12:$S$20000,MATCH($B29,'CPT Data'!$B$12:$B$20000,1))&lt;2,INDEX('p-y cyclic clay'!$GT$27:$GT$5000,MATCH($B29,'p-y cyclic clay'!$C$27:$C$5000,1)),INDEX('p-y cyclic clay'!$HT$27:$HT$5000,MATCH($B29,'p-y cyclic clay'!$C$27:$C$5000,1))))</f>
        <v>18299.549531926896</v>
      </c>
      <c r="V29">
        <f>IF($D29="SAND",INDEX('p-y cyclic sand'!$AH$27:$AH$5000,MATCH($B29,'p-y cyclic sand'!$C$27:$C$5000,1)),IF(INDEX('CPT Data'!$S$12:$S$20000,MATCH($B29,'CPT Data'!$B$12:$B$20000,1))&lt;2,INDEX('p-y cyclic clay'!$HG$27:$HG$5000,MATCH($B29,'p-y cyclic clay'!$C$27:$C$5000,1)),INDEX('p-y cyclic clay'!$IG$27:$IG$5000,MATCH($B29,'p-y cyclic clay'!$C$27:$C$5000,1))))</f>
        <v>80</v>
      </c>
      <c r="W29">
        <f>IF($D29="SAND",INDEX('p-y cyclic sand'!$AV$27:$AV$5000,MATCH($B29,'p-y cyclic sand'!$C$27:$C$5000,1)),IF(INDEX('CPT Data'!$S$12:$S$20000,MATCH($B29,'CPT Data'!$B$12:$B$20000,1))&lt;2,INDEX('p-y cyclic clay'!$GU$27:$GU$5000,MATCH($B29,'p-y cyclic clay'!$C$27:$C$5000,1)),INDEX('p-y cyclic clay'!$HU$27:$HU$5000,MATCH($B29,'p-y cyclic clay'!$C$27:$C$5000,1))))</f>
        <v>18336.637274101162</v>
      </c>
      <c r="X29">
        <f>IF($D29="SAND",INDEX('p-y cyclic sand'!$AI$27:$AI$5000,MATCH($B29,'p-y cyclic sand'!$C$27:$C$5000,1)),IF(INDEX('CPT Data'!$S$12:$S$20000,MATCH($B29,'CPT Data'!$B$12:$B$20000,1))&lt;2,INDEX('p-y cyclic clay'!$HH$27:$HH$5000,MATCH($B29,'p-y cyclic clay'!$C$27:$C$5000,1)),INDEX('p-y cyclic clay'!$IH$27:$IH$5000,MATCH($B29,'p-y cyclic clay'!$C$27:$C$5000,1))))</f>
        <v>90</v>
      </c>
      <c r="Y29">
        <f>IF($D29="SAND",INDEX('p-y cyclic sand'!$AW$27:$AW$5000,MATCH($B29,'p-y cyclic sand'!$C$27:$C$5000,1)),IF(INDEX('CPT Data'!$S$12:$S$20000,MATCH($B29,'CPT Data'!$B$12:$B$20000,1))&lt;2,INDEX('p-y cyclic clay'!$GV$27:$GV$5000,MATCH($B29,'p-y cyclic clay'!$C$27:$C$5000,1)),INDEX('p-y cyclic clay'!$HV$27:$HV$5000,MATCH($B29,'p-y cyclic clay'!$C$27:$C$5000,1))))</f>
        <v>18353.56332050751</v>
      </c>
      <c r="Z29">
        <f>IF($D29="SAND",INDEX('p-y cyclic sand'!$AJ$27:$AJ$5000,MATCH($B29,'p-y cyclic sand'!$C$27:$C$5000,1)),IF(INDEX('CPT Data'!$S$12:$S$20000,MATCH($B29,'CPT Data'!$B$12:$B$20000,1))&lt;2,INDEX('p-y cyclic clay'!$HI$27:$HI$5000,MATCH($B29,'p-y cyclic clay'!$C$27:$C$5000,1)),INDEX('p-y cyclic clay'!$II$27:$II$5000,MATCH($B29,'p-y cyclic clay'!$C$27:$C$5000,1))))</f>
        <v>100</v>
      </c>
      <c r="AA29">
        <f>IF($D29="SAND",INDEX('p-y cyclic sand'!$AX$27:$AX$5000,MATCH($B29,'p-y cyclic sand'!$C$27:$C$5000,1)),IF(INDEX('CPT Data'!$S$12:$S$20000,MATCH($B29,'CPT Data'!$B$12:$B$20000,1))&lt;2,INDEX('p-y cyclic clay'!$GW$27:$GW$5000,MATCH($B29,'p-y cyclic clay'!$C$27:$C$5000,1)),INDEX('p-y cyclic clay'!$HW$27:$HW$5000,MATCH($B29,'p-y cyclic clay'!$C$27:$C$5000,1))))</f>
        <v>18361.281820042561</v>
      </c>
      <c r="AB29">
        <f>IF($D29="SAND",INDEX('p-y cyclic sand'!$AK$27:$AK$5000,MATCH($B29,'p-y cyclic sand'!$C$27:$C$5000,1)),IF(INDEX('CPT Data'!$S$12:$S$20000,MATCH($B29,'CPT Data'!$B$12:$B$20000,1))&lt;2,INDEX('p-y cyclic clay'!$HJ$27:$HJ$5000,MATCH($B29,'p-y cyclic clay'!$C$27:$C$5000,1)),INDEX('p-y cyclic clay'!$IJ$27:$IJ$5000,MATCH($B29,'p-y cyclic clay'!$C$27:$C$5000,1))))</f>
        <v>110</v>
      </c>
      <c r="AC29">
        <f>IF($D29="SAND",INDEX('p-y cyclic sand'!$AY$27:$AY$5000,MATCH($B29,'p-y cyclic sand'!$C$27:$C$5000,1)),IF(INDEX('CPT Data'!$S$12:$S$20000,MATCH($B29,'CPT Data'!$B$12:$B$20000,1))&lt;2,INDEX('p-y cyclic clay'!$GX$27:$GX$5000,MATCH($B29,'p-y cyclic clay'!$C$27:$C$5000,1)),INDEX('p-y cyclic clay'!$HX$27:$HX$5000,MATCH($B29,'p-y cyclic clay'!$C$27:$C$5000,1))))</f>
        <v>18364.800271891811</v>
      </c>
      <c r="AD29" s="98">
        <f>IF($D29="SAND",INDEX('p-y cyclic sand'!$AL$27:$AL$5000,MATCH($B29,'p-y cyclic sand'!$C$27:$C$5000,1)),IF(INDEX('CPT Data'!$S$12:$S$20000,MATCH($B29,'CPT Data'!$B$12:$B$20000,1))&lt;2,INDEX('p-y cyclic clay'!$HK$27:$HK$5000,MATCH($B29,'p-y cyclic clay'!$C$27:$C$5000,1)),INDEX('p-y cyclic clay'!$IK$27:$IK$5000,MATCH($B29,'p-y cyclic clay'!$C$27:$C$5000,1))))</f>
        <v>120</v>
      </c>
    </row>
    <row r="30" spans="1:30" x14ac:dyDescent="0.2">
      <c r="A30" s="214">
        <f t="shared" si="0"/>
        <v>-40.5</v>
      </c>
      <c r="B30" s="216">
        <f>'p-y cyclic clay'!C51</f>
        <v>25</v>
      </c>
      <c r="C30">
        <f>INDEX('CPT Data'!$C$13:$C$20000,MATCH(B30,'CPT Data'!$B$13:$B$20000,1))</f>
        <v>24.991</v>
      </c>
      <c r="D30" s="216" t="str">
        <f>INDEX('CPT Data'!$P$13:$P$20000,MATCH(B30,'CPT Data'!$B$13:$B$20000,1))</f>
        <v>SAND</v>
      </c>
      <c r="E30">
        <f>IF($D30="SAND",INDEX('p-y cyclic sand'!$AM$27:$AM$5000,MATCH($B30,'p-y cyclic sand'!$C$27:$C$5000,1)),IF(INDEX('CPT Data'!$S$12:$S$20000,MATCH($B30,'CPT Data'!$B$12:$B$20000,1))&lt;2,INDEX('p-y cyclic clay'!$GL$27:$GL$5000,MATCH($B30,'p-y cyclic clay'!$C$27:$C$5000,1)),INDEX('p-y cyclic clay'!$HL$27:$HL$5000,MATCH($B30,'p-y cyclic clay'!$C$27:$C$5000,1))))</f>
        <v>0</v>
      </c>
      <c r="F30">
        <f>IF($D30="SAND",INDEX('p-y cyclic sand'!$Z$27:$Z$5000,MATCH($B30,'p-y cyclic sand'!$C$27:$C$5000,1)),IF(INDEX('CPT Data'!$S$12:$S$20000,MATCH($B30,'CPT Data'!$B$12:$B$20000,1))&lt;2,INDEX('p-y cyclic clay'!$GY$27:$GY$5000,MATCH($B30,'p-y cyclic clay'!$C$27:$C$5000,1)),INDEX('p-y cyclic clay'!$HY$27:$HY$5000,MATCH($B30,'p-y cyclic clay'!$C$27:$C$5000,1))))</f>
        <v>0</v>
      </c>
      <c r="G30">
        <f>IF($D30="SAND",INDEX('p-y cyclic sand'!$AN$27:$AN$5000,MATCH($B30,'p-y cyclic sand'!$C$27:$C$5000,1)),IF(INDEX('CPT Data'!$S$12:$S$20000,MATCH($B30,'CPT Data'!$B$12:$B$20000,1))&lt;2,INDEX('p-y cyclic clay'!$GM$27:$GM$5000,MATCH($B30,'p-y cyclic clay'!$C$27:$C$5000,1)),INDEX('p-y cyclic clay'!$HM$27:$HM$5000,MATCH($B30,'p-y cyclic clay'!$C$27:$C$5000,1))))</f>
        <v>5791.2102347339578</v>
      </c>
      <c r="H30">
        <f>IF($D30="SAND",INDEX('p-y cyclic sand'!$AA$27:$AA$5000,MATCH($B30,'p-y cyclic sand'!$C$27:$C$5000,1)),IF(INDEX('CPT Data'!$S$12:$S$20000,MATCH($B30,'CPT Data'!$B$12:$B$20000,1))&lt;2,INDEX('p-y cyclic clay'!$GZ$27:$GZ$5000,MATCH($B30,'p-y cyclic clay'!$C$27:$C$5000,1)),INDEX('p-y cyclic clay'!$HZ$27:$HZ$5000,MATCH($B30,'p-y cyclic clay'!$C$27:$C$5000,1))))</f>
        <v>10</v>
      </c>
      <c r="I30">
        <f>IF($D30="SAND",INDEX('p-y cyclic sand'!$AO$27:$AO$5000,MATCH($B30,'p-y cyclic sand'!$C$27:$C$5000,1)),IF(INDEX('CPT Data'!$S$12:$S$20000,MATCH($B30,'CPT Data'!$B$12:$B$20000,1))&lt;2,INDEX('p-y cyclic clay'!$GN$27:$GN$5000,MATCH($B30,'p-y cyclic clay'!$C$27:$C$5000,1)),INDEX('p-y cyclic clay'!$HN$27:$HN$5000,MATCH($B30,'p-y cyclic clay'!$C$27:$C$5000,1))))</f>
        <v>10520.538759267512</v>
      </c>
      <c r="J30">
        <f>IF($D30="SAND",INDEX('p-y cyclic sand'!$AB$27:$AB$5000,MATCH($B30,'p-y cyclic sand'!$C$27:$C$5000,1)),IF(INDEX('CPT Data'!$S$12:$S$20000,MATCH($B30,'CPT Data'!$B$12:$B$20000,1))&lt;2,INDEX('p-y cyclic clay'!$HA$27:$HA$5000,MATCH($B30,'p-y cyclic clay'!$C$27:$C$5000,1)),INDEX('p-y cyclic clay'!$IA$27:$IA$5000,MATCH($B30,'p-y cyclic clay'!$C$27:$C$5000,1))))</f>
        <v>20</v>
      </c>
      <c r="K30">
        <f>IF($D30="SAND",INDEX('p-y cyclic sand'!$AP$27:$AP$5000,MATCH($B30,'p-y cyclic sand'!$C$27:$C$5000,1)),IF(INDEX('CPT Data'!$S$12:$S$20000,MATCH($B30,'CPT Data'!$B$12:$B$20000,1))&lt;2,INDEX('p-y cyclic clay'!$GO$27:$GO$5000,MATCH($B30,'p-y cyclic clay'!$C$27:$C$5000,1)),INDEX('p-y cyclic clay'!$HO$27:$HO$5000,MATCH($B30,'p-y cyclic clay'!$C$27:$C$5000,1))))</f>
        <v>13784.255118640098</v>
      </c>
      <c r="L30">
        <f>IF($D30="SAND",INDEX('p-y cyclic sand'!$AC$27:$AC$5000,MATCH($B30,'p-y cyclic sand'!$C$27:$C$5000,1)),IF(INDEX('CPT Data'!$S$12:$S$20000,MATCH($B30,'CPT Data'!$B$12:$B$20000,1))&lt;2,INDEX('p-y cyclic clay'!$HB$27:$HB$5000,MATCH($B30,'p-y cyclic clay'!$C$27:$C$5000,1)),INDEX('p-y cyclic clay'!$IB$27:$IB$5000,MATCH($B30,'p-y cyclic clay'!$C$27:$C$5000,1))))</f>
        <v>30</v>
      </c>
      <c r="M30">
        <f>IF($D30="SAND",INDEX('p-y cyclic sand'!$AQ$27:$AQ$5000,MATCH($B30,'p-y cyclic sand'!$C$27:$C$5000,1)),IF(INDEX('CPT Data'!$S$12:$S$20000,MATCH($B30,'CPT Data'!$B$12:$B$20000,1))&lt;2,INDEX('p-y cyclic clay'!$GP$27:$GP$5000,MATCH($B30,'p-y cyclic clay'!$C$27:$C$5000,1)),INDEX('p-y cyclic clay'!$HP$27:$HP$5000,MATCH($B30,'p-y cyclic clay'!$C$27:$C$5000,1))))</f>
        <v>15783.562759821958</v>
      </c>
      <c r="N30">
        <f>IF($D30="SAND",INDEX('p-y cyclic sand'!$AD$27:$AD$5000,MATCH($B30,'p-y cyclic sand'!$C$27:$C$5000,1)),IF(INDEX('CPT Data'!$S$12:$S$20000,MATCH($B30,'CPT Data'!$B$12:$B$20000,1))&lt;2,INDEX('p-y cyclic clay'!$HC$27:$HC$5000,MATCH($B30,'p-y cyclic clay'!$C$27:$C$5000,1)),INDEX('p-y cyclic clay'!$IC$27:$IC$5000,MATCH($B30,'p-y cyclic clay'!$C$27:$C$5000,1))))</f>
        <v>40</v>
      </c>
      <c r="O30">
        <f>IF($D30="SAND",INDEX('p-y cyclic sand'!$AR$27:$AR$5000,MATCH($B30,'p-y cyclic sand'!$C$27:$C$5000,1)),IF(INDEX('CPT Data'!$S$12:$S$20000,MATCH($B30,'CPT Data'!$B$12:$B$20000,1))&lt;2,INDEX('p-y cyclic clay'!$GQ$27:$GQ$5000,MATCH($B30,'p-y cyclic clay'!$C$27:$C$5000,1)),INDEX('p-y cyclic clay'!$HQ$27:$HQ$5000,MATCH($B30,'p-y cyclic clay'!$C$27:$C$5000,1))))</f>
        <v>16920.204060151958</v>
      </c>
      <c r="P30">
        <f>IF($D30="SAND",INDEX('p-y cyclic sand'!$AE$27:$AE$5000,MATCH($B30,'p-y cyclic sand'!$C$27:$C$5000,1)),IF(INDEX('CPT Data'!$S$12:$S$20000,MATCH($B30,'CPT Data'!$B$12:$B$20000,1))&lt;2,INDEX('p-y cyclic clay'!$HD$27:$HD$5000,MATCH($B30,'p-y cyclic clay'!$C$27:$C$5000,1)),INDEX('p-y cyclic clay'!$ID$27:$ID$5000,MATCH($B30,'p-y cyclic clay'!$C$27:$C$5000,1))))</f>
        <v>50</v>
      </c>
      <c r="Q30">
        <f>IF($D30="SAND",INDEX('p-y cyclic sand'!$AS$27:$AS$5000,MATCH($B30,'p-y cyclic sand'!$C$27:$C$5000,1)),IF(INDEX('CPT Data'!$S$12:$S$20000,MATCH($B30,'CPT Data'!$B$12:$B$20000,1))&lt;2,INDEX('p-y cyclic clay'!$GR$27:$GR$5000,MATCH($B30,'p-y cyclic clay'!$C$27:$C$5000,1)),INDEX('p-y cyclic clay'!$HR$27:$HR$5000,MATCH($B30,'p-y cyclic clay'!$C$27:$C$5000,1))))</f>
        <v>17539.129224268669</v>
      </c>
      <c r="R30">
        <f>IF($D30="SAND",INDEX('p-y cyclic sand'!$AF$27:$AF$5000,MATCH($B30,'p-y cyclic sand'!$C$27:$C$5000,1)),IF(INDEX('CPT Data'!$S$12:$S$20000,MATCH($B30,'CPT Data'!$B$12:$B$20000,1))&lt;2,INDEX('p-y cyclic clay'!$HE$27:$HE$5000,MATCH($B30,'p-y cyclic clay'!$C$27:$C$5000,1)),INDEX('p-y cyclic clay'!$IE$27:$IE$5000,MATCH($B30,'p-y cyclic clay'!$C$27:$C$5000,1))))</f>
        <v>60</v>
      </c>
      <c r="S30">
        <f>IF($D30="SAND",INDEX('p-y cyclic sand'!$AT$27:$AT$5000,MATCH($B30,'p-y cyclic sand'!$C$27:$C$5000,1)),IF(INDEX('CPT Data'!$S$12:$S$20000,MATCH($B30,'CPT Data'!$B$12:$B$20000,1))&lt;2,INDEX('p-y cyclic clay'!$GS$27:$GS$5000,MATCH($B30,'p-y cyclic clay'!$C$27:$C$5000,1)),INDEX('p-y cyclic clay'!$HS$27:$HS$5000,MATCH($B30,'p-y cyclic clay'!$C$27:$C$5000,1))))</f>
        <v>17868.249344939039</v>
      </c>
      <c r="T30">
        <f>IF($D30="SAND",INDEX('p-y cyclic sand'!$AG$27:$AG$5000,MATCH($B30,'p-y cyclic sand'!$C$27:$C$5000,1)),IF(INDEX('CPT Data'!$S$12:$S$20000,MATCH($B30,'CPT Data'!$B$12:$B$20000,1))&lt;2,INDEX('p-y cyclic clay'!$HF$27:$HF$5000,MATCH($B30,'p-y cyclic clay'!$C$27:$C$5000,1)),INDEX('p-y cyclic clay'!$IF$27:$IF$5000,MATCH($B30,'p-y cyclic clay'!$C$27:$C$5000,1))))</f>
        <v>70</v>
      </c>
      <c r="U30">
        <f>IF($D30="SAND",INDEX('p-y cyclic sand'!$AU$27:$AU$5000,MATCH($B30,'p-y cyclic sand'!$C$27:$C$5000,1)),IF(INDEX('CPT Data'!$S$12:$S$20000,MATCH($B30,'CPT Data'!$B$12:$B$20000,1))&lt;2,INDEX('p-y cyclic clay'!$GT$27:$GT$5000,MATCH($B30,'p-y cyclic clay'!$C$27:$C$5000,1)),INDEX('p-y cyclic clay'!$HT$27:$HT$5000,MATCH($B30,'p-y cyclic clay'!$C$27:$C$5000,1))))</f>
        <v>18041.057425711835</v>
      </c>
      <c r="V30">
        <f>IF($D30="SAND",INDEX('p-y cyclic sand'!$AH$27:$AH$5000,MATCH($B30,'p-y cyclic sand'!$C$27:$C$5000,1)),IF(INDEX('CPT Data'!$S$12:$S$20000,MATCH($B30,'CPT Data'!$B$12:$B$20000,1))&lt;2,INDEX('p-y cyclic clay'!$HG$27:$HG$5000,MATCH($B30,'p-y cyclic clay'!$C$27:$C$5000,1)),INDEX('p-y cyclic clay'!$IG$27:$IG$5000,MATCH($B30,'p-y cyclic clay'!$C$27:$C$5000,1))))</f>
        <v>80</v>
      </c>
      <c r="W30">
        <f>IF($D30="SAND",INDEX('p-y cyclic sand'!$AV$27:$AV$5000,MATCH($B30,'p-y cyclic sand'!$C$27:$C$5000,1)),IF(INDEX('CPT Data'!$S$12:$S$20000,MATCH($B30,'CPT Data'!$B$12:$B$20000,1))&lt;2,INDEX('p-y cyclic clay'!$GU$27:$GU$5000,MATCH($B30,'p-y cyclic clay'!$C$27:$C$5000,1)),INDEX('p-y cyclic clay'!$HU$27:$HU$5000,MATCH($B30,'p-y cyclic clay'!$C$27:$C$5000,1))))</f>
        <v>18131.188306349814</v>
      </c>
      <c r="X30">
        <f>IF($D30="SAND",INDEX('p-y cyclic sand'!$AI$27:$AI$5000,MATCH($B30,'p-y cyclic sand'!$C$27:$C$5000,1)),IF(INDEX('CPT Data'!$S$12:$S$20000,MATCH($B30,'CPT Data'!$B$12:$B$20000,1))&lt;2,INDEX('p-y cyclic clay'!$HH$27:$HH$5000,MATCH($B30,'p-y cyclic clay'!$C$27:$C$5000,1)),INDEX('p-y cyclic clay'!$IH$27:$IH$5000,MATCH($B30,'p-y cyclic clay'!$C$27:$C$5000,1))))</f>
        <v>90</v>
      </c>
      <c r="Y30">
        <f>IF($D30="SAND",INDEX('p-y cyclic sand'!$AW$27:$AW$5000,MATCH($B30,'p-y cyclic sand'!$C$27:$C$5000,1)),IF(INDEX('CPT Data'!$S$12:$S$20000,MATCH($B30,'CPT Data'!$B$12:$B$20000,1))&lt;2,INDEX('p-y cyclic clay'!$GV$27:$GV$5000,MATCH($B30,'p-y cyclic clay'!$C$27:$C$5000,1)),INDEX('p-y cyclic clay'!$HV$27:$HV$5000,MATCH($B30,'p-y cyclic clay'!$C$27:$C$5000,1))))</f>
        <v>18178.033840977252</v>
      </c>
      <c r="Z30">
        <f>IF($D30="SAND",INDEX('p-y cyclic sand'!$AJ$27:$AJ$5000,MATCH($B30,'p-y cyclic sand'!$C$27:$C$5000,1)),IF(INDEX('CPT Data'!$S$12:$S$20000,MATCH($B30,'CPT Data'!$B$12:$B$20000,1))&lt;2,INDEX('p-y cyclic clay'!$HI$27:$HI$5000,MATCH($B30,'p-y cyclic clay'!$C$27:$C$5000,1)),INDEX('p-y cyclic clay'!$II$27:$II$5000,MATCH($B30,'p-y cyclic clay'!$C$27:$C$5000,1))))</f>
        <v>100</v>
      </c>
      <c r="AA30">
        <f>IF($D30="SAND",INDEX('p-y cyclic sand'!$AX$27:$AX$5000,MATCH($B30,'p-y cyclic sand'!$C$27:$C$5000,1)),IF(INDEX('CPT Data'!$S$12:$S$20000,MATCH($B30,'CPT Data'!$B$12:$B$20000,1))&lt;2,INDEX('p-y cyclic clay'!$GW$27:$GW$5000,MATCH($B30,'p-y cyclic clay'!$C$27:$C$5000,1)),INDEX('p-y cyclic clay'!$HW$27:$HW$5000,MATCH($B30,'p-y cyclic clay'!$C$27:$C$5000,1))))</f>
        <v>18202.337670673402</v>
      </c>
      <c r="AB30">
        <f>IF($D30="SAND",INDEX('p-y cyclic sand'!$AK$27:$AK$5000,MATCH($B30,'p-y cyclic sand'!$C$27:$C$5000,1)),IF(INDEX('CPT Data'!$S$12:$S$20000,MATCH($B30,'CPT Data'!$B$12:$B$20000,1))&lt;2,INDEX('p-y cyclic clay'!$HJ$27:$HJ$5000,MATCH($B30,'p-y cyclic clay'!$C$27:$C$5000,1)),INDEX('p-y cyclic clay'!$IJ$27:$IJ$5000,MATCH($B30,'p-y cyclic clay'!$C$27:$C$5000,1))))</f>
        <v>110</v>
      </c>
      <c r="AC30">
        <f>IF($D30="SAND",INDEX('p-y cyclic sand'!$AY$27:$AY$5000,MATCH($B30,'p-y cyclic sand'!$C$27:$C$5000,1)),IF(INDEX('CPT Data'!$S$12:$S$20000,MATCH($B30,'CPT Data'!$B$12:$B$20000,1))&lt;2,INDEX('p-y cyclic clay'!$GX$27:$GX$5000,MATCH($B30,'p-y cyclic clay'!$C$27:$C$5000,1)),INDEX('p-y cyclic clay'!$HX$27:$HX$5000,MATCH($B30,'p-y cyclic clay'!$C$27:$C$5000,1))))</f>
        <v>18214.934817479414</v>
      </c>
      <c r="AD30" s="98">
        <f>IF($D30="SAND",INDEX('p-y cyclic sand'!$AL$27:$AL$5000,MATCH($B30,'p-y cyclic sand'!$C$27:$C$5000,1)),IF(INDEX('CPT Data'!$S$12:$S$20000,MATCH($B30,'CPT Data'!$B$12:$B$20000,1))&lt;2,INDEX('p-y cyclic clay'!$HK$27:$HK$5000,MATCH($B30,'p-y cyclic clay'!$C$27:$C$5000,1)),INDEX('p-y cyclic clay'!$IK$27:$IK$5000,MATCH($B30,'p-y cyclic clay'!$C$27:$C$5000,1))))</f>
        <v>120</v>
      </c>
    </row>
    <row r="31" spans="1:30" x14ac:dyDescent="0.2">
      <c r="A31" s="214">
        <f t="shared" si="0"/>
        <v>-41.5</v>
      </c>
      <c r="B31" s="216">
        <f>'p-y cyclic clay'!C52</f>
        <v>26</v>
      </c>
      <c r="C31">
        <f>INDEX('CPT Data'!$C$13:$C$20000,MATCH(B31,'CPT Data'!$B$13:$B$20000,1))</f>
        <v>25.986999999999998</v>
      </c>
      <c r="D31" s="216" t="str">
        <f>INDEX('CPT Data'!$P$13:$P$20000,MATCH(B31,'CPT Data'!$B$13:$B$20000,1))</f>
        <v>SAND</v>
      </c>
      <c r="E31">
        <f>IF($D31="SAND",INDEX('p-y cyclic sand'!$AM$27:$AM$5000,MATCH($B31,'p-y cyclic sand'!$C$27:$C$5000,1)),IF(INDEX('CPT Data'!$S$12:$S$20000,MATCH($B31,'CPT Data'!$B$12:$B$20000,1))&lt;2,INDEX('p-y cyclic clay'!$GL$27:$GL$5000,MATCH($B31,'p-y cyclic clay'!$C$27:$C$5000,1)),INDEX('p-y cyclic clay'!$HL$27:$HL$5000,MATCH($B31,'p-y cyclic clay'!$C$27:$C$5000,1))))</f>
        <v>0</v>
      </c>
      <c r="F31">
        <f>IF($D31="SAND",INDEX('p-y cyclic sand'!$Z$27:$Z$5000,MATCH($B31,'p-y cyclic sand'!$C$27:$C$5000,1)),IF(INDEX('CPT Data'!$S$12:$S$20000,MATCH($B31,'CPT Data'!$B$12:$B$20000,1))&lt;2,INDEX('p-y cyclic clay'!$GY$27:$GY$5000,MATCH($B31,'p-y cyclic clay'!$C$27:$C$5000,1)),INDEX('p-y cyclic clay'!$HY$27:$HY$5000,MATCH($B31,'p-y cyclic clay'!$C$27:$C$5000,1))))</f>
        <v>0</v>
      </c>
      <c r="G31">
        <f>IF($D31="SAND",INDEX('p-y cyclic sand'!$AN$27:$AN$5000,MATCH($B31,'p-y cyclic sand'!$C$27:$C$5000,1)),IF(INDEX('CPT Data'!$S$12:$S$20000,MATCH($B31,'CPT Data'!$B$12:$B$20000,1))&lt;2,INDEX('p-y cyclic clay'!$GM$27:$GM$5000,MATCH($B31,'p-y cyclic clay'!$C$27:$C$5000,1)),INDEX('p-y cyclic clay'!$HM$27:$HM$5000,MATCH($B31,'p-y cyclic clay'!$C$27:$C$5000,1))))</f>
        <v>5467.034397333161</v>
      </c>
      <c r="H31">
        <f>IF($D31="SAND",INDEX('p-y cyclic sand'!$AA$27:$AA$5000,MATCH($B31,'p-y cyclic sand'!$C$27:$C$5000,1)),IF(INDEX('CPT Data'!$S$12:$S$20000,MATCH($B31,'CPT Data'!$B$12:$B$20000,1))&lt;2,INDEX('p-y cyclic clay'!$GZ$27:$GZ$5000,MATCH($B31,'p-y cyclic clay'!$C$27:$C$5000,1)),INDEX('p-y cyclic clay'!$HZ$27:$HZ$5000,MATCH($B31,'p-y cyclic clay'!$C$27:$C$5000,1))))</f>
        <v>10</v>
      </c>
      <c r="I31">
        <f>IF($D31="SAND",INDEX('p-y cyclic sand'!$AO$27:$AO$5000,MATCH($B31,'p-y cyclic sand'!$C$27:$C$5000,1)),IF(INDEX('CPT Data'!$S$12:$S$20000,MATCH($B31,'CPT Data'!$B$12:$B$20000,1))&lt;2,INDEX('p-y cyclic clay'!$GN$27:$GN$5000,MATCH($B31,'p-y cyclic clay'!$C$27:$C$5000,1)),INDEX('p-y cyclic clay'!$HN$27:$HN$5000,MATCH($B31,'p-y cyclic clay'!$C$27:$C$5000,1))))</f>
        <v>9963.3422168350462</v>
      </c>
      <c r="J31">
        <f>IF($D31="SAND",INDEX('p-y cyclic sand'!$AB$27:$AB$5000,MATCH($B31,'p-y cyclic sand'!$C$27:$C$5000,1)),IF(INDEX('CPT Data'!$S$12:$S$20000,MATCH($B31,'CPT Data'!$B$12:$B$20000,1))&lt;2,INDEX('p-y cyclic clay'!$HA$27:$HA$5000,MATCH($B31,'p-y cyclic clay'!$C$27:$C$5000,1)),INDEX('p-y cyclic clay'!$IA$27:$IA$5000,MATCH($B31,'p-y cyclic clay'!$C$27:$C$5000,1))))</f>
        <v>20</v>
      </c>
      <c r="K31">
        <f>IF($D31="SAND",INDEX('p-y cyclic sand'!$AP$27:$AP$5000,MATCH($B31,'p-y cyclic sand'!$C$27:$C$5000,1)),IF(INDEX('CPT Data'!$S$12:$S$20000,MATCH($B31,'CPT Data'!$B$12:$B$20000,1))&lt;2,INDEX('p-y cyclic clay'!$GO$27:$GO$5000,MATCH($B31,'p-y cyclic clay'!$C$27:$C$5000,1)),INDEX('p-y cyclic clay'!$HO$27:$HO$5000,MATCH($B31,'p-y cyclic clay'!$C$27:$C$5000,1))))</f>
        <v>13103.68620998826</v>
      </c>
      <c r="L31">
        <f>IF($D31="SAND",INDEX('p-y cyclic sand'!$AC$27:$AC$5000,MATCH($B31,'p-y cyclic sand'!$C$27:$C$5000,1)),IF(INDEX('CPT Data'!$S$12:$S$20000,MATCH($B31,'CPT Data'!$B$12:$B$20000,1))&lt;2,INDEX('p-y cyclic clay'!$HB$27:$HB$5000,MATCH($B31,'p-y cyclic clay'!$C$27:$C$5000,1)),INDEX('p-y cyclic clay'!$IB$27:$IB$5000,MATCH($B31,'p-y cyclic clay'!$C$27:$C$5000,1))))</f>
        <v>30</v>
      </c>
      <c r="M31">
        <f>IF($D31="SAND",INDEX('p-y cyclic sand'!$AQ$27:$AQ$5000,MATCH($B31,'p-y cyclic sand'!$C$27:$C$5000,1)),IF(INDEX('CPT Data'!$S$12:$S$20000,MATCH($B31,'CPT Data'!$B$12:$B$20000,1))&lt;2,INDEX('p-y cyclic clay'!$GP$27:$GP$5000,MATCH($B31,'p-y cyclic clay'!$C$27:$C$5000,1)),INDEX('p-y cyclic clay'!$HP$27:$HP$5000,MATCH($B31,'p-y cyclic clay'!$C$27:$C$5000,1))))</f>
        <v>15055.000285971029</v>
      </c>
      <c r="N31">
        <f>IF($D31="SAND",INDEX('p-y cyclic sand'!$AD$27:$AD$5000,MATCH($B31,'p-y cyclic sand'!$C$27:$C$5000,1)),IF(INDEX('CPT Data'!$S$12:$S$20000,MATCH($B31,'CPT Data'!$B$12:$B$20000,1))&lt;2,INDEX('p-y cyclic clay'!$HC$27:$HC$5000,MATCH($B31,'p-y cyclic clay'!$C$27:$C$5000,1)),INDEX('p-y cyclic clay'!$IC$27:$IC$5000,MATCH($B31,'p-y cyclic clay'!$C$27:$C$5000,1))))</f>
        <v>40</v>
      </c>
      <c r="O31">
        <f>IF($D31="SAND",INDEX('p-y cyclic sand'!$AR$27:$AR$5000,MATCH($B31,'p-y cyclic sand'!$C$27:$C$5000,1)),IF(INDEX('CPT Data'!$S$12:$S$20000,MATCH($B31,'CPT Data'!$B$12:$B$20000,1))&lt;2,INDEX('p-y cyclic clay'!$GQ$27:$GQ$5000,MATCH($B31,'p-y cyclic clay'!$C$27:$C$5000,1)),INDEX('p-y cyclic clay'!$HQ$27:$HQ$5000,MATCH($B31,'p-y cyclic clay'!$C$27:$C$5000,1))))</f>
        <v>16180.740411724775</v>
      </c>
      <c r="P31">
        <f>IF($D31="SAND",INDEX('p-y cyclic sand'!$AE$27:$AE$5000,MATCH($B31,'p-y cyclic sand'!$C$27:$C$5000,1)),IF(INDEX('CPT Data'!$S$12:$S$20000,MATCH($B31,'CPT Data'!$B$12:$B$20000,1))&lt;2,INDEX('p-y cyclic clay'!$HD$27:$HD$5000,MATCH($B31,'p-y cyclic clay'!$C$27:$C$5000,1)),INDEX('p-y cyclic clay'!$ID$27:$ID$5000,MATCH($B31,'p-y cyclic clay'!$C$27:$C$5000,1))))</f>
        <v>50</v>
      </c>
      <c r="Q31">
        <f>IF($D31="SAND",INDEX('p-y cyclic sand'!$AS$27:$AS$5000,MATCH($B31,'p-y cyclic sand'!$C$27:$C$5000,1)),IF(INDEX('CPT Data'!$S$12:$S$20000,MATCH($B31,'CPT Data'!$B$12:$B$20000,1))&lt;2,INDEX('p-y cyclic clay'!$GR$27:$GR$5000,MATCH($B31,'p-y cyclic clay'!$C$27:$C$5000,1)),INDEX('p-y cyclic clay'!$HR$27:$HR$5000,MATCH($B31,'p-y cyclic clay'!$C$27:$C$5000,1))))</f>
        <v>16802.552414019556</v>
      </c>
      <c r="R31">
        <f>IF($D31="SAND",INDEX('p-y cyclic sand'!$AF$27:$AF$5000,MATCH($B31,'p-y cyclic sand'!$C$27:$C$5000,1)),IF(INDEX('CPT Data'!$S$12:$S$20000,MATCH($B31,'CPT Data'!$B$12:$B$20000,1))&lt;2,INDEX('p-y cyclic clay'!$HE$27:$HE$5000,MATCH($B31,'p-y cyclic clay'!$C$27:$C$5000,1)),INDEX('p-y cyclic clay'!$IE$27:$IE$5000,MATCH($B31,'p-y cyclic clay'!$C$27:$C$5000,1))))</f>
        <v>60</v>
      </c>
      <c r="S31">
        <f>IF($D31="SAND",INDEX('p-y cyclic sand'!$AT$27:$AT$5000,MATCH($B31,'p-y cyclic sand'!$C$27:$C$5000,1)),IF(INDEX('CPT Data'!$S$12:$S$20000,MATCH($B31,'CPT Data'!$B$12:$B$20000,1))&lt;2,INDEX('p-y cyclic clay'!$GS$27:$GS$5000,MATCH($B31,'p-y cyclic clay'!$C$27:$C$5000,1)),INDEX('p-y cyclic clay'!$HS$27:$HS$5000,MATCH($B31,'p-y cyclic clay'!$C$27:$C$5000,1))))</f>
        <v>17137.783728741426</v>
      </c>
      <c r="T31">
        <f>IF($D31="SAND",INDEX('p-y cyclic sand'!$AG$27:$AG$5000,MATCH($B31,'p-y cyclic sand'!$C$27:$C$5000,1)),IF(INDEX('CPT Data'!$S$12:$S$20000,MATCH($B31,'CPT Data'!$B$12:$B$20000,1))&lt;2,INDEX('p-y cyclic clay'!$HF$27:$HF$5000,MATCH($B31,'p-y cyclic clay'!$C$27:$C$5000,1)),INDEX('p-y cyclic clay'!$IF$27:$IF$5000,MATCH($B31,'p-y cyclic clay'!$C$27:$C$5000,1))))</f>
        <v>70</v>
      </c>
      <c r="U31">
        <f>IF($D31="SAND",INDEX('p-y cyclic sand'!$AU$27:$AU$5000,MATCH($B31,'p-y cyclic sand'!$C$27:$C$5000,1)),IF(INDEX('CPT Data'!$S$12:$S$20000,MATCH($B31,'CPT Data'!$B$12:$B$20000,1))&lt;2,INDEX('p-y cyclic clay'!$GT$27:$GT$5000,MATCH($B31,'p-y cyclic clay'!$C$27:$C$5000,1)),INDEX('p-y cyclic clay'!$HT$27:$HT$5000,MATCH($B31,'p-y cyclic clay'!$C$27:$C$5000,1))))</f>
        <v>17316.152345168673</v>
      </c>
      <c r="V31">
        <f>IF($D31="SAND",INDEX('p-y cyclic sand'!$AH$27:$AH$5000,MATCH($B31,'p-y cyclic sand'!$C$27:$C$5000,1)),IF(INDEX('CPT Data'!$S$12:$S$20000,MATCH($B31,'CPT Data'!$B$12:$B$20000,1))&lt;2,INDEX('p-y cyclic clay'!$HG$27:$HG$5000,MATCH($B31,'p-y cyclic clay'!$C$27:$C$5000,1)),INDEX('p-y cyclic clay'!$IG$27:$IG$5000,MATCH($B31,'p-y cyclic clay'!$C$27:$C$5000,1))))</f>
        <v>80</v>
      </c>
      <c r="W31">
        <f>IF($D31="SAND",INDEX('p-y cyclic sand'!$AV$27:$AV$5000,MATCH($B31,'p-y cyclic sand'!$C$27:$C$5000,1)),IF(INDEX('CPT Data'!$S$12:$S$20000,MATCH($B31,'CPT Data'!$B$12:$B$20000,1))&lt;2,INDEX('p-y cyclic clay'!$GU$27:$GU$5000,MATCH($B31,'p-y cyclic clay'!$C$27:$C$5000,1)),INDEX('p-y cyclic clay'!$HU$27:$HU$5000,MATCH($B31,'p-y cyclic clay'!$C$27:$C$5000,1))))</f>
        <v>17410.394225646876</v>
      </c>
      <c r="X31">
        <f>IF($D31="SAND",INDEX('p-y cyclic sand'!$AI$27:$AI$5000,MATCH($B31,'p-y cyclic sand'!$C$27:$C$5000,1)),IF(INDEX('CPT Data'!$S$12:$S$20000,MATCH($B31,'CPT Data'!$B$12:$B$20000,1))&lt;2,INDEX('p-y cyclic clay'!$HH$27:$HH$5000,MATCH($B31,'p-y cyclic clay'!$C$27:$C$5000,1)),INDEX('p-y cyclic clay'!$IH$27:$IH$5000,MATCH($B31,'p-y cyclic clay'!$C$27:$C$5000,1))))</f>
        <v>90</v>
      </c>
      <c r="Y31">
        <f>IF($D31="SAND",INDEX('p-y cyclic sand'!$AW$27:$AW$5000,MATCH($B31,'p-y cyclic sand'!$C$27:$C$5000,1)),IF(INDEX('CPT Data'!$S$12:$S$20000,MATCH($B31,'CPT Data'!$B$12:$B$20000,1))&lt;2,INDEX('p-y cyclic clay'!$GV$27:$GV$5000,MATCH($B31,'p-y cyclic clay'!$C$27:$C$5000,1)),INDEX('p-y cyclic clay'!$HV$27:$HV$5000,MATCH($B31,'p-y cyclic clay'!$C$27:$C$5000,1))))</f>
        <v>17460.00273306284</v>
      </c>
      <c r="Z31">
        <f>IF($D31="SAND",INDEX('p-y cyclic sand'!$AJ$27:$AJ$5000,MATCH($B31,'p-y cyclic sand'!$C$27:$C$5000,1)),IF(INDEX('CPT Data'!$S$12:$S$20000,MATCH($B31,'CPT Data'!$B$12:$B$20000,1))&lt;2,INDEX('p-y cyclic clay'!$HI$27:$HI$5000,MATCH($B31,'p-y cyclic clay'!$C$27:$C$5000,1)),INDEX('p-y cyclic clay'!$II$27:$II$5000,MATCH($B31,'p-y cyclic clay'!$C$27:$C$5000,1))))</f>
        <v>100</v>
      </c>
      <c r="AA31">
        <f>IF($D31="SAND",INDEX('p-y cyclic sand'!$AX$27:$AX$5000,MATCH($B31,'p-y cyclic sand'!$C$27:$C$5000,1)),IF(INDEX('CPT Data'!$S$12:$S$20000,MATCH($B31,'CPT Data'!$B$12:$B$20000,1))&lt;2,INDEX('p-y cyclic clay'!$GW$27:$GW$5000,MATCH($B31,'p-y cyclic clay'!$C$27:$C$5000,1)),INDEX('p-y cyclic clay'!$HW$27:$HW$5000,MATCH($B31,'p-y cyclic clay'!$C$27:$C$5000,1))))</f>
        <v>17486.065373105153</v>
      </c>
      <c r="AB31">
        <f>IF($D31="SAND",INDEX('p-y cyclic sand'!$AK$27:$AK$5000,MATCH($B31,'p-y cyclic sand'!$C$27:$C$5000,1)),IF(INDEX('CPT Data'!$S$12:$S$20000,MATCH($B31,'CPT Data'!$B$12:$B$20000,1))&lt;2,INDEX('p-y cyclic clay'!$HJ$27:$HJ$5000,MATCH($B31,'p-y cyclic clay'!$C$27:$C$5000,1)),INDEX('p-y cyclic clay'!$IJ$27:$IJ$5000,MATCH($B31,'p-y cyclic clay'!$C$27:$C$5000,1))))</f>
        <v>110</v>
      </c>
      <c r="AC31">
        <f>IF($D31="SAND",INDEX('p-y cyclic sand'!$AY$27:$AY$5000,MATCH($B31,'p-y cyclic sand'!$C$27:$C$5000,1)),IF(INDEX('CPT Data'!$S$12:$S$20000,MATCH($B31,'CPT Data'!$B$12:$B$20000,1))&lt;2,INDEX('p-y cyclic clay'!$GX$27:$GX$5000,MATCH($B31,'p-y cyclic clay'!$C$27:$C$5000,1)),INDEX('p-y cyclic clay'!$HX$27:$HX$5000,MATCH($B31,'p-y cyclic clay'!$C$27:$C$5000,1))))</f>
        <v>17499.743728937163</v>
      </c>
      <c r="AD31" s="98">
        <f>IF($D31="SAND",INDEX('p-y cyclic sand'!$AL$27:$AL$5000,MATCH($B31,'p-y cyclic sand'!$C$27:$C$5000,1)),IF(INDEX('CPT Data'!$S$12:$S$20000,MATCH($B31,'CPT Data'!$B$12:$B$20000,1))&lt;2,INDEX('p-y cyclic clay'!$HK$27:$HK$5000,MATCH($B31,'p-y cyclic clay'!$C$27:$C$5000,1)),INDEX('p-y cyclic clay'!$IK$27:$IK$5000,MATCH($B31,'p-y cyclic clay'!$C$27:$C$5000,1))))</f>
        <v>120</v>
      </c>
    </row>
    <row r="32" spans="1:30" x14ac:dyDescent="0.2">
      <c r="A32" s="214">
        <f t="shared" si="0"/>
        <v>-42.5</v>
      </c>
      <c r="B32" s="216">
        <f>'p-y cyclic clay'!C53</f>
        <v>27</v>
      </c>
      <c r="C32">
        <f>INDEX('CPT Data'!$C$13:$C$20000,MATCH(B32,'CPT Data'!$B$13:$B$20000,1))</f>
        <v>26.992999999999999</v>
      </c>
      <c r="D32" s="216" t="str">
        <f>INDEX('CPT Data'!$P$13:$P$20000,MATCH(B32,'CPT Data'!$B$13:$B$20000,1))</f>
        <v>SAND</v>
      </c>
      <c r="E32">
        <f>IF($D32="SAND",INDEX('p-y cyclic sand'!$AM$27:$AM$5000,MATCH($B32,'p-y cyclic sand'!$C$27:$C$5000,1)),IF(INDEX('CPT Data'!$S$12:$S$20000,MATCH($B32,'CPT Data'!$B$12:$B$20000,1))&lt;2,INDEX('p-y cyclic clay'!$GL$27:$GL$5000,MATCH($B32,'p-y cyclic clay'!$C$27:$C$5000,1)),INDEX('p-y cyclic clay'!$HL$27:$HL$5000,MATCH($B32,'p-y cyclic clay'!$C$27:$C$5000,1))))</f>
        <v>0</v>
      </c>
      <c r="F32">
        <f>IF($D32="SAND",INDEX('p-y cyclic sand'!$Z$27:$Z$5000,MATCH($B32,'p-y cyclic sand'!$C$27:$C$5000,1)),IF(INDEX('CPT Data'!$S$12:$S$20000,MATCH($B32,'CPT Data'!$B$12:$B$20000,1))&lt;2,INDEX('p-y cyclic clay'!$GY$27:$GY$5000,MATCH($B32,'p-y cyclic clay'!$C$27:$C$5000,1)),INDEX('p-y cyclic clay'!$HY$27:$HY$5000,MATCH($B32,'p-y cyclic clay'!$C$27:$C$5000,1))))</f>
        <v>0</v>
      </c>
      <c r="G32">
        <f>IF($D32="SAND",INDEX('p-y cyclic sand'!$AN$27:$AN$5000,MATCH($B32,'p-y cyclic sand'!$C$27:$C$5000,1)),IF(INDEX('CPT Data'!$S$12:$S$20000,MATCH($B32,'CPT Data'!$B$12:$B$20000,1))&lt;2,INDEX('p-y cyclic clay'!$GM$27:$GM$5000,MATCH($B32,'p-y cyclic clay'!$C$27:$C$5000,1)),INDEX('p-y cyclic clay'!$HM$27:$HM$5000,MATCH($B32,'p-y cyclic clay'!$C$27:$C$5000,1))))</f>
        <v>5270.4532934400258</v>
      </c>
      <c r="H32">
        <f>IF($D32="SAND",INDEX('p-y cyclic sand'!$AA$27:$AA$5000,MATCH($B32,'p-y cyclic sand'!$C$27:$C$5000,1)),IF(INDEX('CPT Data'!$S$12:$S$20000,MATCH($B32,'CPT Data'!$B$12:$B$20000,1))&lt;2,INDEX('p-y cyclic clay'!$GZ$27:$GZ$5000,MATCH($B32,'p-y cyclic clay'!$C$27:$C$5000,1)),INDEX('p-y cyclic clay'!$HZ$27:$HZ$5000,MATCH($B32,'p-y cyclic clay'!$C$27:$C$5000,1))))</f>
        <v>10</v>
      </c>
      <c r="I32">
        <f>IF($D32="SAND",INDEX('p-y cyclic sand'!$AO$27:$AO$5000,MATCH($B32,'p-y cyclic sand'!$C$27:$C$5000,1)),IF(INDEX('CPT Data'!$S$12:$S$20000,MATCH($B32,'CPT Data'!$B$12:$B$20000,1))&lt;2,INDEX('p-y cyclic clay'!$GN$27:$GN$5000,MATCH($B32,'p-y cyclic clay'!$C$27:$C$5000,1)),INDEX('p-y cyclic clay'!$HN$27:$HN$5000,MATCH($B32,'p-y cyclic clay'!$C$27:$C$5000,1))))</f>
        <v>9843.1772614193378</v>
      </c>
      <c r="J32">
        <f>IF($D32="SAND",INDEX('p-y cyclic sand'!$AB$27:$AB$5000,MATCH($B32,'p-y cyclic sand'!$C$27:$C$5000,1)),IF(INDEX('CPT Data'!$S$12:$S$20000,MATCH($B32,'CPT Data'!$B$12:$B$20000,1))&lt;2,INDEX('p-y cyclic clay'!$HA$27:$HA$5000,MATCH($B32,'p-y cyclic clay'!$C$27:$C$5000,1)),INDEX('p-y cyclic clay'!$IA$27:$IA$5000,MATCH($B32,'p-y cyclic clay'!$C$27:$C$5000,1))))</f>
        <v>20</v>
      </c>
      <c r="K32">
        <f>IF($D32="SAND",INDEX('p-y cyclic sand'!$AP$27:$AP$5000,MATCH($B32,'p-y cyclic sand'!$C$27:$C$5000,1)),IF(INDEX('CPT Data'!$S$12:$S$20000,MATCH($B32,'CPT Data'!$B$12:$B$20000,1))&lt;2,INDEX('p-y cyclic clay'!$GO$27:$GO$5000,MATCH($B32,'p-y cyclic clay'!$C$27:$C$5000,1)),INDEX('p-y cyclic clay'!$HO$27:$HO$5000,MATCH($B32,'p-y cyclic clay'!$C$27:$C$5000,1))))</f>
        <v>13346.72362092798</v>
      </c>
      <c r="L32">
        <f>IF($D32="SAND",INDEX('p-y cyclic sand'!$AC$27:$AC$5000,MATCH($B32,'p-y cyclic sand'!$C$27:$C$5000,1)),IF(INDEX('CPT Data'!$S$12:$S$20000,MATCH($B32,'CPT Data'!$B$12:$B$20000,1))&lt;2,INDEX('p-y cyclic clay'!$HB$27:$HB$5000,MATCH($B32,'p-y cyclic clay'!$C$27:$C$5000,1)),INDEX('p-y cyclic clay'!$IB$27:$IB$5000,MATCH($B32,'p-y cyclic clay'!$C$27:$C$5000,1))))</f>
        <v>30</v>
      </c>
      <c r="M32">
        <f>IF($D32="SAND",INDEX('p-y cyclic sand'!$AQ$27:$AQ$5000,MATCH($B32,'p-y cyclic sand'!$C$27:$C$5000,1)),IF(INDEX('CPT Data'!$S$12:$S$20000,MATCH($B32,'CPT Data'!$B$12:$B$20000,1))&lt;2,INDEX('p-y cyclic clay'!$GP$27:$GP$5000,MATCH($B32,'p-y cyclic clay'!$C$27:$C$5000,1)),INDEX('p-y cyclic clay'!$HP$27:$HP$5000,MATCH($B32,'p-y cyclic clay'!$C$27:$C$5000,1))))</f>
        <v>15783.879719727774</v>
      </c>
      <c r="N32">
        <f>IF($D32="SAND",INDEX('p-y cyclic sand'!$AD$27:$AD$5000,MATCH($B32,'p-y cyclic sand'!$C$27:$C$5000,1)),IF(INDEX('CPT Data'!$S$12:$S$20000,MATCH($B32,'CPT Data'!$B$12:$B$20000,1))&lt;2,INDEX('p-y cyclic clay'!$HC$27:$HC$5000,MATCH($B32,'p-y cyclic clay'!$C$27:$C$5000,1)),INDEX('p-y cyclic clay'!$IC$27:$IC$5000,MATCH($B32,'p-y cyclic clay'!$C$27:$C$5000,1))))</f>
        <v>40</v>
      </c>
      <c r="O32">
        <f>IF($D32="SAND",INDEX('p-y cyclic sand'!$AR$27:$AR$5000,MATCH($B32,'p-y cyclic sand'!$C$27:$C$5000,1)),IF(INDEX('CPT Data'!$S$12:$S$20000,MATCH($B32,'CPT Data'!$B$12:$B$20000,1))&lt;2,INDEX('p-y cyclic clay'!$GQ$27:$GQ$5000,MATCH($B32,'p-y cyclic clay'!$C$27:$C$5000,1)),INDEX('p-y cyclic clay'!$HQ$27:$HQ$5000,MATCH($B32,'p-y cyclic clay'!$C$27:$C$5000,1))))</f>
        <v>17367.490867462282</v>
      </c>
      <c r="P32">
        <f>IF($D32="SAND",INDEX('p-y cyclic sand'!$AE$27:$AE$5000,MATCH($B32,'p-y cyclic sand'!$C$27:$C$5000,1)),IF(INDEX('CPT Data'!$S$12:$S$20000,MATCH($B32,'CPT Data'!$B$12:$B$20000,1))&lt;2,INDEX('p-y cyclic clay'!$HD$27:$HD$5000,MATCH($B32,'p-y cyclic clay'!$C$27:$C$5000,1)),INDEX('p-y cyclic clay'!$ID$27:$ID$5000,MATCH($B32,'p-y cyclic clay'!$C$27:$C$5000,1))))</f>
        <v>50</v>
      </c>
      <c r="Q32">
        <f>IF($D32="SAND",INDEX('p-y cyclic sand'!$AS$27:$AS$5000,MATCH($B32,'p-y cyclic sand'!$C$27:$C$5000,1)),IF(INDEX('CPT Data'!$S$12:$S$20000,MATCH($B32,'CPT Data'!$B$12:$B$20000,1))&lt;2,INDEX('p-y cyclic clay'!$GR$27:$GR$5000,MATCH($B32,'p-y cyclic clay'!$C$27:$C$5000,1)),INDEX('p-y cyclic clay'!$HR$27:$HR$5000,MATCH($B32,'p-y cyclic clay'!$C$27:$C$5000,1))))</f>
        <v>18351.378557358083</v>
      </c>
      <c r="R32">
        <f>IF($D32="SAND",INDEX('p-y cyclic sand'!$AF$27:$AF$5000,MATCH($B32,'p-y cyclic sand'!$C$27:$C$5000,1)),IF(INDEX('CPT Data'!$S$12:$S$20000,MATCH($B32,'CPT Data'!$B$12:$B$20000,1))&lt;2,INDEX('p-y cyclic clay'!$HE$27:$HE$5000,MATCH($B32,'p-y cyclic clay'!$C$27:$C$5000,1)),INDEX('p-y cyclic clay'!$IE$27:$IE$5000,MATCH($B32,'p-y cyclic clay'!$C$27:$C$5000,1))))</f>
        <v>60</v>
      </c>
      <c r="S32">
        <f>IF($D32="SAND",INDEX('p-y cyclic sand'!$AT$27:$AT$5000,MATCH($B32,'p-y cyclic sand'!$C$27:$C$5000,1)),IF(INDEX('CPT Data'!$S$12:$S$20000,MATCH($B32,'CPT Data'!$B$12:$B$20000,1))&lt;2,INDEX('p-y cyclic clay'!$GS$27:$GS$5000,MATCH($B32,'p-y cyclic clay'!$C$27:$C$5000,1)),INDEX('p-y cyclic clay'!$HS$27:$HS$5000,MATCH($B32,'p-y cyclic clay'!$C$27:$C$5000,1))))</f>
        <v>18945.73192282789</v>
      </c>
      <c r="T32">
        <f>IF($D32="SAND",INDEX('p-y cyclic sand'!$AG$27:$AG$5000,MATCH($B32,'p-y cyclic sand'!$C$27:$C$5000,1)),IF(INDEX('CPT Data'!$S$12:$S$20000,MATCH($B32,'CPT Data'!$B$12:$B$20000,1))&lt;2,INDEX('p-y cyclic clay'!$HF$27:$HF$5000,MATCH($B32,'p-y cyclic clay'!$C$27:$C$5000,1)),INDEX('p-y cyclic clay'!$IF$27:$IF$5000,MATCH($B32,'p-y cyclic clay'!$C$27:$C$5000,1))))</f>
        <v>70</v>
      </c>
      <c r="U32">
        <f>IF($D32="SAND",INDEX('p-y cyclic sand'!$AU$27:$AU$5000,MATCH($B32,'p-y cyclic sand'!$C$27:$C$5000,1)),IF(INDEX('CPT Data'!$S$12:$S$20000,MATCH($B32,'CPT Data'!$B$12:$B$20000,1))&lt;2,INDEX('p-y cyclic clay'!$GT$27:$GT$5000,MATCH($B32,'p-y cyclic clay'!$C$27:$C$5000,1)),INDEX('p-y cyclic clay'!$HT$27:$HT$5000,MATCH($B32,'p-y cyclic clay'!$C$27:$C$5000,1))))</f>
        <v>19298.699264966221</v>
      </c>
      <c r="V32">
        <f>IF($D32="SAND",INDEX('p-y cyclic sand'!$AH$27:$AH$5000,MATCH($B32,'p-y cyclic sand'!$C$27:$C$5000,1)),IF(INDEX('CPT Data'!$S$12:$S$20000,MATCH($B32,'CPT Data'!$B$12:$B$20000,1))&lt;2,INDEX('p-y cyclic clay'!$HG$27:$HG$5000,MATCH($B32,'p-y cyclic clay'!$C$27:$C$5000,1)),INDEX('p-y cyclic clay'!$IG$27:$IG$5000,MATCH($B32,'p-y cyclic clay'!$C$27:$C$5000,1))))</f>
        <v>80</v>
      </c>
      <c r="W32">
        <f>IF($D32="SAND",INDEX('p-y cyclic sand'!$AV$27:$AV$5000,MATCH($B32,'p-y cyclic sand'!$C$27:$C$5000,1)),IF(INDEX('CPT Data'!$S$12:$S$20000,MATCH($B32,'CPT Data'!$B$12:$B$20000,1))&lt;2,INDEX('p-y cyclic clay'!$GU$27:$GU$5000,MATCH($B32,'p-y cyclic clay'!$C$27:$C$5000,1)),INDEX('p-y cyclic clay'!$HU$27:$HU$5000,MATCH($B32,'p-y cyclic clay'!$C$27:$C$5000,1))))</f>
        <v>19506.194864325451</v>
      </c>
      <c r="X32">
        <f>IF($D32="SAND",INDEX('p-y cyclic sand'!$AI$27:$AI$5000,MATCH($B32,'p-y cyclic sand'!$C$27:$C$5000,1)),IF(INDEX('CPT Data'!$S$12:$S$20000,MATCH($B32,'CPT Data'!$B$12:$B$20000,1))&lt;2,INDEX('p-y cyclic clay'!$HH$27:$HH$5000,MATCH($B32,'p-y cyclic clay'!$C$27:$C$5000,1)),INDEX('p-y cyclic clay'!$IH$27:$IH$5000,MATCH($B32,'p-y cyclic clay'!$C$27:$C$5000,1))))</f>
        <v>90</v>
      </c>
      <c r="Y32">
        <f>IF($D32="SAND",INDEX('p-y cyclic sand'!$AW$27:$AW$5000,MATCH($B32,'p-y cyclic sand'!$C$27:$C$5000,1)),IF(INDEX('CPT Data'!$S$12:$S$20000,MATCH($B32,'CPT Data'!$B$12:$B$20000,1))&lt;2,INDEX('p-y cyclic clay'!$GV$27:$GV$5000,MATCH($B32,'p-y cyclic clay'!$C$27:$C$5000,1)),INDEX('p-y cyclic clay'!$HV$27:$HV$5000,MATCH($B32,'p-y cyclic clay'!$C$27:$C$5000,1))))</f>
        <v>19627.444980216151</v>
      </c>
      <c r="Z32">
        <f>IF($D32="SAND",INDEX('p-y cyclic sand'!$AJ$27:$AJ$5000,MATCH($B32,'p-y cyclic sand'!$C$27:$C$5000,1)),IF(INDEX('CPT Data'!$S$12:$S$20000,MATCH($B32,'CPT Data'!$B$12:$B$20000,1))&lt;2,INDEX('p-y cyclic clay'!$HI$27:$HI$5000,MATCH($B32,'p-y cyclic clay'!$C$27:$C$5000,1)),INDEX('p-y cyclic clay'!$II$27:$II$5000,MATCH($B32,'p-y cyclic clay'!$C$27:$C$5000,1))))</f>
        <v>100</v>
      </c>
      <c r="AA32">
        <f>IF($D32="SAND",INDEX('p-y cyclic sand'!$AX$27:$AX$5000,MATCH($B32,'p-y cyclic sand'!$C$27:$C$5000,1)),IF(INDEX('CPT Data'!$S$12:$S$20000,MATCH($B32,'CPT Data'!$B$12:$B$20000,1))&lt;2,INDEX('p-y cyclic clay'!$GW$27:$GW$5000,MATCH($B32,'p-y cyclic clay'!$C$27:$C$5000,1)),INDEX('p-y cyclic clay'!$HW$27:$HW$5000,MATCH($B32,'p-y cyclic clay'!$C$27:$C$5000,1))))</f>
        <v>19698.049677122966</v>
      </c>
      <c r="AB32">
        <f>IF($D32="SAND",INDEX('p-y cyclic sand'!$AK$27:$AK$5000,MATCH($B32,'p-y cyclic sand'!$C$27:$C$5000,1)),IF(INDEX('CPT Data'!$S$12:$S$20000,MATCH($B32,'CPT Data'!$B$12:$B$20000,1))&lt;2,INDEX('p-y cyclic clay'!$HJ$27:$HJ$5000,MATCH($B32,'p-y cyclic clay'!$C$27:$C$5000,1)),INDEX('p-y cyclic clay'!$IJ$27:$IJ$5000,MATCH($B32,'p-y cyclic clay'!$C$27:$C$5000,1))))</f>
        <v>110</v>
      </c>
      <c r="AC32">
        <f>IF($D32="SAND",INDEX('p-y cyclic sand'!$AY$27:$AY$5000,MATCH($B32,'p-y cyclic sand'!$C$27:$C$5000,1)),IF(INDEX('CPT Data'!$S$12:$S$20000,MATCH($B32,'CPT Data'!$B$12:$B$20000,1))&lt;2,INDEX('p-y cyclic clay'!$GX$27:$GX$5000,MATCH($B32,'p-y cyclic clay'!$C$27:$C$5000,1)),INDEX('p-y cyclic clay'!$HX$27:$HX$5000,MATCH($B32,'p-y cyclic clay'!$C$27:$C$5000,1))))</f>
        <v>19739.079363528966</v>
      </c>
      <c r="AD32" s="98">
        <f>IF($D32="SAND",INDEX('p-y cyclic sand'!$AL$27:$AL$5000,MATCH($B32,'p-y cyclic sand'!$C$27:$C$5000,1)),IF(INDEX('CPT Data'!$S$12:$S$20000,MATCH($B32,'CPT Data'!$B$12:$B$20000,1))&lt;2,INDEX('p-y cyclic clay'!$HK$27:$HK$5000,MATCH($B32,'p-y cyclic clay'!$C$27:$C$5000,1)),INDEX('p-y cyclic clay'!$IK$27:$IK$5000,MATCH($B32,'p-y cyclic clay'!$C$27:$C$5000,1))))</f>
        <v>120</v>
      </c>
    </row>
    <row r="33" spans="1:30" x14ac:dyDescent="0.2">
      <c r="A33" s="214">
        <f t="shared" si="0"/>
        <v>-43.5</v>
      </c>
      <c r="B33" s="216">
        <f>'p-y cyclic clay'!C54</f>
        <v>28</v>
      </c>
      <c r="C33">
        <f>INDEX('CPT Data'!$C$13:$C$20000,MATCH(B33,'CPT Data'!$B$13:$B$20000,1))</f>
        <v>27.991999999999997</v>
      </c>
      <c r="D33" s="216" t="str">
        <f>INDEX('CPT Data'!$P$13:$P$20000,MATCH(B33,'CPT Data'!$B$13:$B$20000,1))</f>
        <v>SAND</v>
      </c>
      <c r="E33">
        <f>IF($D33="SAND",INDEX('p-y cyclic sand'!$AM$27:$AM$5000,MATCH($B33,'p-y cyclic sand'!$C$27:$C$5000,1)),IF(INDEX('CPT Data'!$S$12:$S$20000,MATCH($B33,'CPT Data'!$B$12:$B$20000,1))&lt;2,INDEX('p-y cyclic clay'!$GL$27:$GL$5000,MATCH($B33,'p-y cyclic clay'!$C$27:$C$5000,1)),INDEX('p-y cyclic clay'!$HL$27:$HL$5000,MATCH($B33,'p-y cyclic clay'!$C$27:$C$5000,1))))</f>
        <v>0</v>
      </c>
      <c r="F33">
        <f>IF($D33="SAND",INDEX('p-y cyclic sand'!$Z$27:$Z$5000,MATCH($B33,'p-y cyclic sand'!$C$27:$C$5000,1)),IF(INDEX('CPT Data'!$S$12:$S$20000,MATCH($B33,'CPT Data'!$B$12:$B$20000,1))&lt;2,INDEX('p-y cyclic clay'!$GY$27:$GY$5000,MATCH($B33,'p-y cyclic clay'!$C$27:$C$5000,1)),INDEX('p-y cyclic clay'!$HY$27:$HY$5000,MATCH($B33,'p-y cyclic clay'!$C$27:$C$5000,1))))</f>
        <v>0</v>
      </c>
      <c r="G33">
        <f>IF($D33="SAND",INDEX('p-y cyclic sand'!$AN$27:$AN$5000,MATCH($B33,'p-y cyclic sand'!$C$27:$C$5000,1)),IF(INDEX('CPT Data'!$S$12:$S$20000,MATCH($B33,'CPT Data'!$B$12:$B$20000,1))&lt;2,INDEX('p-y cyclic clay'!$GM$27:$GM$5000,MATCH($B33,'p-y cyclic clay'!$C$27:$C$5000,1)),INDEX('p-y cyclic clay'!$HM$27:$HM$5000,MATCH($B33,'p-y cyclic clay'!$C$27:$C$5000,1))))</f>
        <v>8669.3617660250038</v>
      </c>
      <c r="H33">
        <f>IF($D33="SAND",INDEX('p-y cyclic sand'!$AA$27:$AA$5000,MATCH($B33,'p-y cyclic sand'!$C$27:$C$5000,1)),IF(INDEX('CPT Data'!$S$12:$S$20000,MATCH($B33,'CPT Data'!$B$12:$B$20000,1))&lt;2,INDEX('p-y cyclic clay'!$GZ$27:$GZ$5000,MATCH($B33,'p-y cyclic clay'!$C$27:$C$5000,1)),INDEX('p-y cyclic clay'!$HZ$27:$HZ$5000,MATCH($B33,'p-y cyclic clay'!$C$27:$C$5000,1))))</f>
        <v>10</v>
      </c>
      <c r="I33">
        <f>IF($D33="SAND",INDEX('p-y cyclic sand'!$AO$27:$AO$5000,MATCH($B33,'p-y cyclic sand'!$C$27:$C$5000,1)),IF(INDEX('CPT Data'!$S$12:$S$20000,MATCH($B33,'CPT Data'!$B$12:$B$20000,1))&lt;2,INDEX('p-y cyclic clay'!$GN$27:$GN$5000,MATCH($B33,'p-y cyclic clay'!$C$27:$C$5000,1)),INDEX('p-y cyclic clay'!$HN$27:$HN$5000,MATCH($B33,'p-y cyclic clay'!$C$27:$C$5000,1))))</f>
        <v>15858.573613427992</v>
      </c>
      <c r="J33">
        <f>IF($D33="SAND",INDEX('p-y cyclic sand'!$AB$27:$AB$5000,MATCH($B33,'p-y cyclic sand'!$C$27:$C$5000,1)),IF(INDEX('CPT Data'!$S$12:$S$20000,MATCH($B33,'CPT Data'!$B$12:$B$20000,1))&lt;2,INDEX('p-y cyclic clay'!$HA$27:$HA$5000,MATCH($B33,'p-y cyclic clay'!$C$27:$C$5000,1)),INDEX('p-y cyclic clay'!$IA$27:$IA$5000,MATCH($B33,'p-y cyclic clay'!$C$27:$C$5000,1))))</f>
        <v>20</v>
      </c>
      <c r="K33">
        <f>IF($D33="SAND",INDEX('p-y cyclic sand'!$AP$27:$AP$5000,MATCH($B33,'p-y cyclic sand'!$C$27:$C$5000,1)),IF(INDEX('CPT Data'!$S$12:$S$20000,MATCH($B33,'CPT Data'!$B$12:$B$20000,1))&lt;2,INDEX('p-y cyclic clay'!$GO$27:$GO$5000,MATCH($B33,'p-y cyclic clay'!$C$27:$C$5000,1)),INDEX('p-y cyclic clay'!$HO$27:$HO$5000,MATCH($B33,'p-y cyclic clay'!$C$27:$C$5000,1))))</f>
        <v>20950.913874981878</v>
      </c>
      <c r="L33">
        <f>IF($D33="SAND",INDEX('p-y cyclic sand'!$AC$27:$AC$5000,MATCH($B33,'p-y cyclic sand'!$C$27:$C$5000,1)),IF(INDEX('CPT Data'!$S$12:$S$20000,MATCH($B33,'CPT Data'!$B$12:$B$20000,1))&lt;2,INDEX('p-y cyclic clay'!$HB$27:$HB$5000,MATCH($B33,'p-y cyclic clay'!$C$27:$C$5000,1)),INDEX('p-y cyclic clay'!$IB$27:$IB$5000,MATCH($B33,'p-y cyclic clay'!$C$27:$C$5000,1))))</f>
        <v>30</v>
      </c>
      <c r="M33">
        <f>IF($D33="SAND",INDEX('p-y cyclic sand'!$AQ$27:$AQ$5000,MATCH($B33,'p-y cyclic sand'!$C$27:$C$5000,1)),IF(INDEX('CPT Data'!$S$12:$S$20000,MATCH($B33,'CPT Data'!$B$12:$B$20000,1))&lt;2,INDEX('p-y cyclic clay'!$GP$27:$GP$5000,MATCH($B33,'p-y cyclic clay'!$C$27:$C$5000,1)),INDEX('p-y cyclic clay'!$HP$27:$HP$5000,MATCH($B33,'p-y cyclic clay'!$C$27:$C$5000,1))))</f>
        <v>24168.815971595086</v>
      </c>
      <c r="N33">
        <f>IF($D33="SAND",INDEX('p-y cyclic sand'!$AD$27:$AD$5000,MATCH($B33,'p-y cyclic sand'!$C$27:$C$5000,1)),IF(INDEX('CPT Data'!$S$12:$S$20000,MATCH($B33,'CPT Data'!$B$12:$B$20000,1))&lt;2,INDEX('p-y cyclic clay'!$HC$27:$HC$5000,MATCH($B33,'p-y cyclic clay'!$C$27:$C$5000,1)),INDEX('p-y cyclic clay'!$IC$27:$IC$5000,MATCH($B33,'p-y cyclic clay'!$C$27:$C$5000,1))))</f>
        <v>40</v>
      </c>
      <c r="O33">
        <f>IF($D33="SAND",INDEX('p-y cyclic sand'!$AR$27:$AR$5000,MATCH($B33,'p-y cyclic sand'!$C$27:$C$5000,1)),IF(INDEX('CPT Data'!$S$12:$S$20000,MATCH($B33,'CPT Data'!$B$12:$B$20000,1))&lt;2,INDEX('p-y cyclic clay'!$GQ$27:$GQ$5000,MATCH($B33,'p-y cyclic clay'!$C$27:$C$5000,1)),INDEX('p-y cyclic clay'!$HQ$27:$HQ$5000,MATCH($B33,'p-y cyclic clay'!$C$27:$C$5000,1))))</f>
        <v>26057.87818414966</v>
      </c>
      <c r="P33">
        <f>IF($D33="SAND",INDEX('p-y cyclic sand'!$AE$27:$AE$5000,MATCH($B33,'p-y cyclic sand'!$C$27:$C$5000,1)),IF(INDEX('CPT Data'!$S$12:$S$20000,MATCH($B33,'CPT Data'!$B$12:$B$20000,1))&lt;2,INDEX('p-y cyclic clay'!$HD$27:$HD$5000,MATCH($B33,'p-y cyclic clay'!$C$27:$C$5000,1)),INDEX('p-y cyclic clay'!$ID$27:$ID$5000,MATCH($B33,'p-y cyclic clay'!$C$27:$C$5000,1))))</f>
        <v>50</v>
      </c>
      <c r="Q33">
        <f>IF($D33="SAND",INDEX('p-y cyclic sand'!$AS$27:$AS$5000,MATCH($B33,'p-y cyclic sand'!$C$27:$C$5000,1)),IF(INDEX('CPT Data'!$S$12:$S$20000,MATCH($B33,'CPT Data'!$B$12:$B$20000,1))&lt;2,INDEX('p-y cyclic clay'!$GR$27:$GR$5000,MATCH($B33,'p-y cyclic clay'!$C$27:$C$5000,1)),INDEX('p-y cyclic clay'!$HR$27:$HR$5000,MATCH($B33,'p-y cyclic clay'!$C$27:$C$5000,1))))</f>
        <v>27119.232886556598</v>
      </c>
      <c r="R33">
        <f>IF($D33="SAND",INDEX('p-y cyclic sand'!$AF$27:$AF$5000,MATCH($B33,'p-y cyclic sand'!$C$27:$C$5000,1)),IF(INDEX('CPT Data'!$S$12:$S$20000,MATCH($B33,'CPT Data'!$B$12:$B$20000,1))&lt;2,INDEX('p-y cyclic clay'!$HE$27:$HE$5000,MATCH($B33,'p-y cyclic clay'!$C$27:$C$5000,1)),INDEX('p-y cyclic clay'!$IE$27:$IE$5000,MATCH($B33,'p-y cyclic clay'!$C$27:$C$5000,1))))</f>
        <v>60</v>
      </c>
      <c r="S33">
        <f>IF($D33="SAND",INDEX('p-y cyclic sand'!$AT$27:$AT$5000,MATCH($B33,'p-y cyclic sand'!$C$27:$C$5000,1)),IF(INDEX('CPT Data'!$S$12:$S$20000,MATCH($B33,'CPT Data'!$B$12:$B$20000,1))&lt;2,INDEX('p-y cyclic clay'!$GS$27:$GS$5000,MATCH($B33,'p-y cyclic clay'!$C$27:$C$5000,1)),INDEX('p-y cyclic clay'!$HS$27:$HS$5000,MATCH($B33,'p-y cyclic clay'!$C$27:$C$5000,1))))</f>
        <v>27700.885717856392</v>
      </c>
      <c r="T33">
        <f>IF($D33="SAND",INDEX('p-y cyclic sand'!$AG$27:$AG$5000,MATCH($B33,'p-y cyclic sand'!$C$27:$C$5000,1)),IF(INDEX('CPT Data'!$S$12:$S$20000,MATCH($B33,'CPT Data'!$B$12:$B$20000,1))&lt;2,INDEX('p-y cyclic clay'!$HF$27:$HF$5000,MATCH($B33,'p-y cyclic clay'!$C$27:$C$5000,1)),INDEX('p-y cyclic clay'!$IF$27:$IF$5000,MATCH($B33,'p-y cyclic clay'!$C$27:$C$5000,1))))</f>
        <v>70</v>
      </c>
      <c r="U33">
        <f>IF($D33="SAND",INDEX('p-y cyclic sand'!$AU$27:$AU$5000,MATCH($B33,'p-y cyclic sand'!$C$27:$C$5000,1)),IF(INDEX('CPT Data'!$S$12:$S$20000,MATCH($B33,'CPT Data'!$B$12:$B$20000,1))&lt;2,INDEX('p-y cyclic clay'!$GT$27:$GT$5000,MATCH($B33,'p-y cyclic clay'!$C$27:$C$5000,1)),INDEX('p-y cyclic clay'!$HT$27:$HT$5000,MATCH($B33,'p-y cyclic clay'!$C$27:$C$5000,1))))</f>
        <v>28015.304955026306</v>
      </c>
      <c r="V33">
        <f>IF($D33="SAND",INDEX('p-y cyclic sand'!$AH$27:$AH$5000,MATCH($B33,'p-y cyclic sand'!$C$27:$C$5000,1)),IF(INDEX('CPT Data'!$S$12:$S$20000,MATCH($B33,'CPT Data'!$B$12:$B$20000,1))&lt;2,INDEX('p-y cyclic clay'!$HG$27:$HG$5000,MATCH($B33,'p-y cyclic clay'!$C$27:$C$5000,1)),INDEX('p-y cyclic clay'!$IG$27:$IG$5000,MATCH($B33,'p-y cyclic clay'!$C$27:$C$5000,1))))</f>
        <v>80</v>
      </c>
      <c r="W33">
        <f>IF($D33="SAND",INDEX('p-y cyclic sand'!$AV$27:$AV$5000,MATCH($B33,'p-y cyclic sand'!$C$27:$C$5000,1)),IF(INDEX('CPT Data'!$S$12:$S$20000,MATCH($B33,'CPT Data'!$B$12:$B$20000,1))&lt;2,INDEX('p-y cyclic clay'!$GU$27:$GU$5000,MATCH($B33,'p-y cyclic clay'!$C$27:$C$5000,1)),INDEX('p-y cyclic clay'!$HU$27:$HU$5000,MATCH($B33,'p-y cyclic clay'!$C$27:$C$5000,1))))</f>
        <v>28184.008240891686</v>
      </c>
      <c r="X33">
        <f>IF($D33="SAND",INDEX('p-y cyclic sand'!$AI$27:$AI$5000,MATCH($B33,'p-y cyclic sand'!$C$27:$C$5000,1)),IF(INDEX('CPT Data'!$S$12:$S$20000,MATCH($B33,'CPT Data'!$B$12:$B$20000,1))&lt;2,INDEX('p-y cyclic clay'!$HH$27:$HH$5000,MATCH($B33,'p-y cyclic clay'!$C$27:$C$5000,1)),INDEX('p-y cyclic clay'!$IH$27:$IH$5000,MATCH($B33,'p-y cyclic clay'!$C$27:$C$5000,1))))</f>
        <v>90</v>
      </c>
      <c r="Y33">
        <f>IF($D33="SAND",INDEX('p-y cyclic sand'!$AW$27:$AW$5000,MATCH($B33,'p-y cyclic sand'!$C$27:$C$5000,1)),IF(INDEX('CPT Data'!$S$12:$S$20000,MATCH($B33,'CPT Data'!$B$12:$B$20000,1))&lt;2,INDEX('p-y cyclic clay'!$GV$27:$GV$5000,MATCH($B33,'p-y cyclic clay'!$C$27:$C$5000,1)),INDEX('p-y cyclic clay'!$HV$27:$HV$5000,MATCH($B33,'p-y cyclic clay'!$C$27:$C$5000,1))))</f>
        <v>28274.165658993359</v>
      </c>
      <c r="Z33">
        <f>IF($D33="SAND",INDEX('p-y cyclic sand'!$AJ$27:$AJ$5000,MATCH($B33,'p-y cyclic sand'!$C$27:$C$5000,1)),IF(INDEX('CPT Data'!$S$12:$S$20000,MATCH($B33,'CPT Data'!$B$12:$B$20000,1))&lt;2,INDEX('p-y cyclic clay'!$HI$27:$HI$5000,MATCH($B33,'p-y cyclic clay'!$C$27:$C$5000,1)),INDEX('p-y cyclic clay'!$II$27:$II$5000,MATCH($B33,'p-y cyclic clay'!$C$27:$C$5000,1))))</f>
        <v>100</v>
      </c>
      <c r="AA33">
        <f>IF($D33="SAND",INDEX('p-y cyclic sand'!$AX$27:$AX$5000,MATCH($B33,'p-y cyclic sand'!$C$27:$C$5000,1)),IF(INDEX('CPT Data'!$S$12:$S$20000,MATCH($B33,'CPT Data'!$B$12:$B$20000,1))&lt;2,INDEX('p-y cyclic clay'!$GW$27:$GW$5000,MATCH($B33,'p-y cyclic clay'!$C$27:$C$5000,1)),INDEX('p-y cyclic clay'!$HW$27:$HW$5000,MATCH($B33,'p-y cyclic clay'!$C$27:$C$5000,1))))</f>
        <v>28322.244115061614</v>
      </c>
      <c r="AB33">
        <f>IF($D33="SAND",INDEX('p-y cyclic sand'!$AK$27:$AK$5000,MATCH($B33,'p-y cyclic sand'!$C$27:$C$5000,1)),IF(INDEX('CPT Data'!$S$12:$S$20000,MATCH($B33,'CPT Data'!$B$12:$B$20000,1))&lt;2,INDEX('p-y cyclic clay'!$HJ$27:$HJ$5000,MATCH($B33,'p-y cyclic clay'!$C$27:$C$5000,1)),INDEX('p-y cyclic clay'!$IJ$27:$IJ$5000,MATCH($B33,'p-y cyclic clay'!$C$27:$C$5000,1))))</f>
        <v>110</v>
      </c>
      <c r="AC33">
        <f>IF($D33="SAND",INDEX('p-y cyclic sand'!$AY$27:$AY$5000,MATCH($B33,'p-y cyclic sand'!$C$27:$C$5000,1)),IF(INDEX('CPT Data'!$S$12:$S$20000,MATCH($B33,'CPT Data'!$B$12:$B$20000,1))&lt;2,INDEX('p-y cyclic clay'!$GX$27:$GX$5000,MATCH($B33,'p-y cyclic clay'!$C$27:$C$5000,1)),INDEX('p-y cyclic clay'!$HX$27:$HX$5000,MATCH($B33,'p-y cyclic clay'!$C$27:$C$5000,1))))</f>
        <v>28347.853784195286</v>
      </c>
      <c r="AD33" s="98">
        <f>IF($D33="SAND",INDEX('p-y cyclic sand'!$AL$27:$AL$5000,MATCH($B33,'p-y cyclic sand'!$C$27:$C$5000,1)),IF(INDEX('CPT Data'!$S$12:$S$20000,MATCH($B33,'CPT Data'!$B$12:$B$20000,1))&lt;2,INDEX('p-y cyclic clay'!$HK$27:$HK$5000,MATCH($B33,'p-y cyclic clay'!$C$27:$C$5000,1)),INDEX('p-y cyclic clay'!$IK$27:$IK$5000,MATCH($B33,'p-y cyclic clay'!$C$27:$C$5000,1))))</f>
        <v>120</v>
      </c>
    </row>
    <row r="34" spans="1:30" x14ac:dyDescent="0.2">
      <c r="A34" s="214">
        <f t="shared" si="0"/>
        <v>-44.5</v>
      </c>
      <c r="B34" s="216">
        <f>'p-y cyclic clay'!C55</f>
        <v>29</v>
      </c>
      <c r="C34">
        <f>INDEX('CPT Data'!$C$13:$C$20000,MATCH(B34,'CPT Data'!$B$13:$B$20000,1))</f>
        <v>28.983999999999998</v>
      </c>
      <c r="D34" s="216" t="str">
        <f>INDEX('CPT Data'!$P$13:$P$20000,MATCH(B34,'CPT Data'!$B$13:$B$20000,1))</f>
        <v>CLAY</v>
      </c>
      <c r="E34">
        <f>IF($D34="SAND",INDEX('p-y cyclic sand'!$AM$27:$AM$5000,MATCH($B34,'p-y cyclic sand'!$C$27:$C$5000,1)),IF(INDEX('CPT Data'!$S$12:$S$20000,MATCH($B34,'CPT Data'!$B$12:$B$20000,1))&lt;2,INDEX('p-y cyclic clay'!$GL$27:$GL$5000,MATCH($B34,'p-y cyclic clay'!$C$27:$C$5000,1)),INDEX('p-y cyclic clay'!$HL$27:$HL$5000,MATCH($B34,'p-y cyclic clay'!$C$27:$C$5000,1))))</f>
        <v>0</v>
      </c>
      <c r="F34">
        <f>IF($D34="SAND",INDEX('p-y cyclic sand'!$Z$27:$Z$5000,MATCH($B34,'p-y cyclic sand'!$C$27:$C$5000,1)),IF(INDEX('CPT Data'!$S$12:$S$20000,MATCH($B34,'CPT Data'!$B$12:$B$20000,1))&lt;2,INDEX('p-y cyclic clay'!$GY$27:$GY$5000,MATCH($B34,'p-y cyclic clay'!$C$27:$C$5000,1)),INDEX('p-y cyclic clay'!$HY$27:$HY$5000,MATCH($B34,'p-y cyclic clay'!$C$27:$C$5000,1))))</f>
        <v>0</v>
      </c>
      <c r="G34">
        <f>IF($D34="SAND",INDEX('p-y cyclic sand'!$AN$27:$AN$5000,MATCH($B34,'p-y cyclic sand'!$C$27:$C$5000,1)),IF(INDEX('CPT Data'!$S$12:$S$20000,MATCH($B34,'CPT Data'!$B$12:$B$20000,1))&lt;2,INDEX('p-y cyclic clay'!$GM$27:$GM$5000,MATCH($B34,'p-y cyclic clay'!$C$27:$C$5000,1)),INDEX('p-y cyclic clay'!$HM$27:$HM$5000,MATCH($B34,'p-y cyclic clay'!$C$27:$C$5000,1))))</f>
        <v>432.00653051200936</v>
      </c>
      <c r="H34">
        <f>IF($D34="SAND",INDEX('p-y cyclic sand'!$AA$27:$AA$5000,MATCH($B34,'p-y cyclic sand'!$C$27:$C$5000,1)),IF(INDEX('CPT Data'!$S$12:$S$20000,MATCH($B34,'CPT Data'!$B$12:$B$20000,1))&lt;2,INDEX('p-y cyclic clay'!$GZ$27:$GZ$5000,MATCH($B34,'p-y cyclic clay'!$C$27:$C$5000,1)),INDEX('p-y cyclic clay'!$HZ$27:$HZ$5000,MATCH($B34,'p-y cyclic clay'!$C$27:$C$5000,1))))</f>
        <v>1.0116480105994745</v>
      </c>
      <c r="I34">
        <f>IF($D34="SAND",INDEX('p-y cyclic sand'!$AO$27:$AO$5000,MATCH($B34,'p-y cyclic sand'!$C$27:$C$5000,1)),IF(INDEX('CPT Data'!$S$12:$S$20000,MATCH($B34,'CPT Data'!$B$12:$B$20000,1))&lt;2,INDEX('p-y cyclic clay'!$GN$27:$GN$5000,MATCH($B34,'p-y cyclic clay'!$C$27:$C$5000,1)),INDEX('p-y cyclic clay'!$HN$27:$HN$5000,MATCH($B34,'p-y cyclic clay'!$C$27:$C$5000,1))))</f>
        <v>1685.2375894547263</v>
      </c>
      <c r="J34">
        <f>IF($D34="SAND",INDEX('p-y cyclic sand'!$AB$27:$AB$5000,MATCH($B34,'p-y cyclic sand'!$C$27:$C$5000,1)),IF(INDEX('CPT Data'!$S$12:$S$20000,MATCH($B34,'CPT Data'!$B$12:$B$20000,1))&lt;2,INDEX('p-y cyclic clay'!$HA$27:$HA$5000,MATCH($B34,'p-y cyclic clay'!$C$27:$C$5000,1)),INDEX('p-y cyclic clay'!$IA$27:$IA$5000,MATCH($B34,'p-y cyclic clay'!$C$27:$C$5000,1))))</f>
        <v>9.8126592069989051</v>
      </c>
      <c r="K34">
        <f>IF($D34="SAND",INDEX('p-y cyclic sand'!$AP$27:$AP$5000,MATCH($B34,'p-y cyclic sand'!$C$27:$C$5000,1)),IF(INDEX('CPT Data'!$S$12:$S$20000,MATCH($B34,'CPT Data'!$B$12:$B$20000,1))&lt;2,INDEX('p-y cyclic clay'!$GO$27:$GO$5000,MATCH($B34,'p-y cyclic clay'!$C$27:$C$5000,1)),INDEX('p-y cyclic clay'!$HO$27:$HO$5000,MATCH($B34,'p-y cyclic clay'!$C$27:$C$5000,1))))</f>
        <v>2481.9034864207806</v>
      </c>
      <c r="L34">
        <f>IF($D34="SAND",INDEX('p-y cyclic sand'!$AC$27:$AC$5000,MATCH($B34,'p-y cyclic sand'!$C$27:$C$5000,1)),IF(INDEX('CPT Data'!$S$12:$S$20000,MATCH($B34,'CPT Data'!$B$12:$B$20000,1))&lt;2,INDEX('p-y cyclic clay'!$HB$27:$HB$5000,MATCH($B34,'p-y cyclic clay'!$C$27:$C$5000,1)),INDEX('p-y cyclic clay'!$IB$27:$IB$5000,MATCH($B34,'p-y cyclic clay'!$C$27:$C$5000,1))))</f>
        <v>19.873813916054225</v>
      </c>
      <c r="M34">
        <f>IF($D34="SAND",INDEX('p-y cyclic sand'!$AQ$27:$AQ$5000,MATCH($B34,'p-y cyclic sand'!$C$27:$C$5000,1)),IF(INDEX('CPT Data'!$S$12:$S$20000,MATCH($B34,'CPT Data'!$B$12:$B$20000,1))&lt;2,INDEX('p-y cyclic clay'!$GP$27:$GP$5000,MATCH($B34,'p-y cyclic clay'!$C$27:$C$5000,1)),INDEX('p-y cyclic clay'!$HP$27:$HP$5000,MATCH($B34,'p-y cyclic clay'!$C$27:$C$5000,1))))</f>
        <v>3244.0620987583588</v>
      </c>
      <c r="N34">
        <f>IF($D34="SAND",INDEX('p-y cyclic sand'!$AD$27:$AD$5000,MATCH($B34,'p-y cyclic sand'!$C$27:$C$5000,1)),IF(INDEX('CPT Data'!$S$12:$S$20000,MATCH($B34,'CPT Data'!$B$12:$B$20000,1))&lt;2,INDEX('p-y cyclic clay'!$HC$27:$HC$5000,MATCH($B34,'p-y cyclic clay'!$C$27:$C$5000,1)),INDEX('p-y cyclic clay'!$IC$27:$IC$5000,MATCH($B34,'p-y cyclic clay'!$C$27:$C$5000,1))))</f>
        <v>36.615387510477589</v>
      </c>
      <c r="O34">
        <f>IF($D34="SAND",INDEX('p-y cyclic sand'!$AR$27:$AR$5000,MATCH($B34,'p-y cyclic sand'!$C$27:$C$5000,1)),IF(INDEX('CPT Data'!$S$12:$S$20000,MATCH($B34,'CPT Data'!$B$12:$B$20000,1))&lt;2,INDEX('p-y cyclic clay'!$GQ$27:$GQ$5000,MATCH($B34,'p-y cyclic clay'!$C$27:$C$5000,1)),INDEX('p-y cyclic clay'!$HQ$27:$HQ$5000,MATCH($B34,'p-y cyclic clay'!$C$27:$C$5000,1))))</f>
        <v>3968.1561625049903</v>
      </c>
      <c r="P34">
        <f>IF($D34="SAND",INDEX('p-y cyclic sand'!$AE$27:$AE$5000,MATCH($B34,'p-y cyclic sand'!$C$27:$C$5000,1)),IF(INDEX('CPT Data'!$S$12:$S$20000,MATCH($B34,'CPT Data'!$B$12:$B$20000,1))&lt;2,INDEX('p-y cyclic clay'!$HD$27:$HD$5000,MATCH($B34,'p-y cyclic clay'!$C$27:$C$5000,1)),INDEX('p-y cyclic clay'!$ID$27:$ID$5000,MATCH($B34,'p-y cyclic clay'!$C$27:$C$5000,1))))</f>
        <v>57.299849941992754</v>
      </c>
      <c r="Q34">
        <f>IF($D34="SAND",INDEX('p-y cyclic sand'!$AS$27:$AS$5000,MATCH($B34,'p-y cyclic sand'!$C$27:$C$5000,1)),IF(INDEX('CPT Data'!$S$12:$S$20000,MATCH($B34,'CPT Data'!$B$12:$B$20000,1))&lt;2,INDEX('p-y cyclic clay'!$GR$27:$GR$5000,MATCH($B34,'p-y cyclic clay'!$C$27:$C$5000,1)),INDEX('p-y cyclic clay'!$HR$27:$HR$5000,MATCH($B34,'p-y cyclic clay'!$C$27:$C$5000,1))))</f>
        <v>4649.9355529436571</v>
      </c>
      <c r="R34">
        <f>IF($D34="SAND",INDEX('p-y cyclic sand'!$AF$27:$AF$5000,MATCH($B34,'p-y cyclic sand'!$C$27:$C$5000,1)),IF(INDEX('CPT Data'!$S$12:$S$20000,MATCH($B34,'CPT Data'!$B$12:$B$20000,1))&lt;2,INDEX('p-y cyclic clay'!$HE$27:$HE$5000,MATCH($B34,'p-y cyclic clay'!$C$27:$C$5000,1)),INDEX('p-y cyclic clay'!$IE$27:$IE$5000,MATCH($B34,'p-y cyclic clay'!$C$27:$C$5000,1))))</f>
        <v>84.084624521692135</v>
      </c>
      <c r="S34">
        <f>IF($D34="SAND",INDEX('p-y cyclic sand'!$AT$27:$AT$5000,MATCH($B34,'p-y cyclic sand'!$C$27:$C$5000,1)),IF(INDEX('CPT Data'!$S$12:$S$20000,MATCH($B34,'CPT Data'!$B$12:$B$20000,1))&lt;2,INDEX('p-y cyclic clay'!$GS$27:$GS$5000,MATCH($B34,'p-y cyclic clay'!$C$27:$C$5000,1)),INDEX('p-y cyclic clay'!$HS$27:$HS$5000,MATCH($B34,'p-y cyclic clay'!$C$27:$C$5000,1))))</f>
        <v>5284.2533539893748</v>
      </c>
      <c r="T34">
        <f>IF($D34="SAND",INDEX('p-y cyclic sand'!$AG$27:$AG$5000,MATCH($B34,'p-y cyclic sand'!$C$27:$C$5000,1)),IF(INDEX('CPT Data'!$S$12:$S$20000,MATCH($B34,'CPT Data'!$B$12:$B$20000,1))&lt;2,INDEX('p-y cyclic clay'!$HF$27:$HF$5000,MATCH($B34,'p-y cyclic clay'!$C$27:$C$5000,1)),INDEX('p-y cyclic clay'!$IF$27:$IF$5000,MATCH($B34,'p-y cyclic clay'!$C$27:$C$5000,1))))</f>
        <v>123.4396432127167</v>
      </c>
      <c r="U34">
        <f>IF($D34="SAND",INDEX('p-y cyclic sand'!$AU$27:$AU$5000,MATCH($B34,'p-y cyclic sand'!$C$27:$C$5000,1)),IF(INDEX('CPT Data'!$S$12:$S$20000,MATCH($B34,'CPT Data'!$B$12:$B$20000,1))&lt;2,INDEX('p-y cyclic clay'!$GT$27:$GT$5000,MATCH($B34,'p-y cyclic clay'!$C$27:$C$5000,1)),INDEX('p-y cyclic clay'!$HT$27:$HT$5000,MATCH($B34,'p-y cyclic clay'!$C$27:$C$5000,1))))</f>
        <v>5864.7786954528874</v>
      </c>
      <c r="V34">
        <f>IF($D34="SAND",INDEX('p-y cyclic sand'!$AH$27:$AH$5000,MATCH($B34,'p-y cyclic sand'!$C$27:$C$5000,1)),IF(INDEX('CPT Data'!$S$12:$S$20000,MATCH($B34,'CPT Data'!$B$12:$B$20000,1))&lt;2,INDEX('p-y cyclic clay'!$HG$27:$HG$5000,MATCH($B34,'p-y cyclic clay'!$C$27:$C$5000,1)),INDEX('p-y cyclic clay'!$IG$27:$IG$5000,MATCH($B34,'p-y cyclic clay'!$C$27:$C$5000,1))))</f>
        <v>182.22782254105641</v>
      </c>
      <c r="W34">
        <f>IF($D34="SAND",INDEX('p-y cyclic sand'!$AV$27:$AV$5000,MATCH($B34,'p-y cyclic sand'!$C$27:$C$5000,1)),IF(INDEX('CPT Data'!$S$12:$S$20000,MATCH($B34,'CPT Data'!$B$12:$B$20000,1))&lt;2,INDEX('p-y cyclic clay'!$GU$27:$GU$5000,MATCH($B34,'p-y cyclic clay'!$C$27:$C$5000,1)),INDEX('p-y cyclic clay'!$HU$27:$HU$5000,MATCH($B34,'p-y cyclic clay'!$C$27:$C$5000,1))))</f>
        <v>6383.5812683705062</v>
      </c>
      <c r="X34">
        <f>IF($D34="SAND",INDEX('p-y cyclic sand'!$AI$27:$AI$5000,MATCH($B34,'p-y cyclic sand'!$C$27:$C$5000,1)),IF(INDEX('CPT Data'!$S$12:$S$20000,MATCH($B34,'CPT Data'!$B$12:$B$20000,1))&lt;2,INDEX('p-y cyclic clay'!$HH$27:$HH$5000,MATCH($B34,'p-y cyclic clay'!$C$27:$C$5000,1)),INDEX('p-y cyclic clay'!$IH$27:$IH$5000,MATCH($B34,'p-y cyclic clay'!$C$27:$C$5000,1))))</f>
        <v>285.63455814864477</v>
      </c>
      <c r="Y34">
        <f>IF($D34="SAND",INDEX('p-y cyclic sand'!$AW$27:$AW$5000,MATCH($B34,'p-y cyclic sand'!$C$27:$C$5000,1)),IF(INDEX('CPT Data'!$S$12:$S$20000,MATCH($B34,'CPT Data'!$B$12:$B$20000,1))&lt;2,INDEX('p-y cyclic clay'!$GV$27:$GV$5000,MATCH($B34,'p-y cyclic clay'!$C$27:$C$5000,1)),INDEX('p-y cyclic clay'!$HV$27:$HV$5000,MATCH($B34,'p-y cyclic clay'!$C$27:$C$5000,1))))</f>
        <v>6726.179369070067</v>
      </c>
      <c r="Z34">
        <f>IF($D34="SAND",INDEX('p-y cyclic sand'!$AJ$27:$AJ$5000,MATCH($B34,'p-y cyclic sand'!$C$27:$C$5000,1)),IF(INDEX('CPT Data'!$S$12:$S$20000,MATCH($B34,'CPT Data'!$B$12:$B$20000,1))&lt;2,INDEX('p-y cyclic clay'!$HI$27:$HI$5000,MATCH($B34,'p-y cyclic clay'!$C$27:$C$5000,1)),INDEX('p-y cyclic clay'!$II$27:$II$5000,MATCH($B34,'p-y cyclic clay'!$C$27:$C$5000,1))))</f>
        <v>446.30125012741036</v>
      </c>
      <c r="AA34">
        <f>IF($D34="SAND",INDEX('p-y cyclic sand'!$AX$27:$AX$5000,MATCH($B34,'p-y cyclic sand'!$C$27:$C$5000,1)),IF(INDEX('CPT Data'!$S$12:$S$20000,MATCH($B34,'CPT Data'!$B$12:$B$20000,1))&lt;2,INDEX('p-y cyclic clay'!$GW$27:$GW$5000,MATCH($B34,'p-y cyclic clay'!$C$27:$C$5000,1)),INDEX('p-y cyclic clay'!$HW$27:$HW$5000,MATCH($B34,'p-y cyclic clay'!$C$27:$C$5000,1))))</f>
        <v>6830.5107767198242</v>
      </c>
      <c r="AB34">
        <f>IF($D34="SAND",INDEX('p-y cyclic sand'!$AK$27:$AK$5000,MATCH($B34,'p-y cyclic sand'!$C$27:$C$5000,1)),IF(INDEX('CPT Data'!$S$12:$S$20000,MATCH($B34,'CPT Data'!$B$12:$B$20000,1))&lt;2,INDEX('p-y cyclic clay'!$HJ$27:$HJ$5000,MATCH($B34,'p-y cyclic clay'!$C$27:$C$5000,1)),INDEX('p-y cyclic clay'!$IJ$27:$IJ$5000,MATCH($B34,'p-y cyclic clay'!$C$27:$C$5000,1))))</f>
        <v>579.43771017904123</v>
      </c>
      <c r="AC34">
        <f>IF($D34="SAND",INDEX('p-y cyclic sand'!$AY$27:$AY$5000,MATCH($B34,'p-y cyclic sand'!$C$27:$C$5000,1)),IF(INDEX('CPT Data'!$S$12:$S$20000,MATCH($B34,'CPT Data'!$B$12:$B$20000,1))&lt;2,INDEX('p-y cyclic clay'!$GX$27:$GX$5000,MATCH($B34,'p-y cyclic clay'!$C$27:$C$5000,1)),INDEX('p-y cyclic clay'!$HX$27:$HX$5000,MATCH($B34,'p-y cyclic clay'!$C$27:$C$5000,1))))</f>
        <v>6830.5107767198242</v>
      </c>
      <c r="AD34" s="98">
        <f>IF($D34="SAND",INDEX('p-y cyclic sand'!$AL$27:$AL$5000,MATCH($B34,'p-y cyclic sand'!$C$27:$C$5000,1)),IF(INDEX('CPT Data'!$S$12:$S$20000,MATCH($B34,'CPT Data'!$B$12:$B$20000,1))&lt;2,INDEX('p-y cyclic clay'!$HK$27:$HK$5000,MATCH($B34,'p-y cyclic clay'!$C$27:$C$5000,1)),INDEX('p-y cyclic clay'!$IK$27:$IK$5000,MATCH($B34,'p-y cyclic clay'!$C$27:$C$5000,1))))</f>
        <v>5256.7622064183042</v>
      </c>
    </row>
    <row r="35" spans="1:30" x14ac:dyDescent="0.2">
      <c r="A35" s="214">
        <f t="shared" si="0"/>
        <v>-45.5</v>
      </c>
      <c r="B35" s="216">
        <f>'p-y cyclic clay'!C56</f>
        <v>30</v>
      </c>
      <c r="C35">
        <f>INDEX('CPT Data'!$C$13:$C$20000,MATCH(B35,'CPT Data'!$B$13:$B$20000,1))</f>
        <v>29.992999999999999</v>
      </c>
      <c r="D35" s="216" t="str">
        <f>INDEX('CPT Data'!$P$13:$P$20000,MATCH(B35,'CPT Data'!$B$13:$B$20000,1))</f>
        <v>CLAY</v>
      </c>
      <c r="E35">
        <f>IF($D35="SAND",INDEX('p-y cyclic sand'!$AM$27:$AM$5000,MATCH($B35,'p-y cyclic sand'!$C$27:$C$5000,1)),IF(INDEX('CPT Data'!$S$12:$S$20000,MATCH($B35,'CPT Data'!$B$12:$B$20000,1))&lt;2,INDEX('p-y cyclic clay'!$GL$27:$GL$5000,MATCH($B35,'p-y cyclic clay'!$C$27:$C$5000,1)),INDEX('p-y cyclic clay'!$HL$27:$HL$5000,MATCH($B35,'p-y cyclic clay'!$C$27:$C$5000,1))))</f>
        <v>0</v>
      </c>
      <c r="F35">
        <f>IF($D35="SAND",INDEX('p-y cyclic sand'!$Z$27:$Z$5000,MATCH($B35,'p-y cyclic sand'!$C$27:$C$5000,1)),IF(INDEX('CPT Data'!$S$12:$S$20000,MATCH($B35,'CPT Data'!$B$12:$B$20000,1))&lt;2,INDEX('p-y cyclic clay'!$GY$27:$GY$5000,MATCH($B35,'p-y cyclic clay'!$C$27:$C$5000,1)),INDEX('p-y cyclic clay'!$HY$27:$HY$5000,MATCH($B35,'p-y cyclic clay'!$C$27:$C$5000,1))))</f>
        <v>0</v>
      </c>
      <c r="G35">
        <f>IF($D35="SAND",INDEX('p-y cyclic sand'!$AN$27:$AN$5000,MATCH($B35,'p-y cyclic sand'!$C$27:$C$5000,1)),IF(INDEX('CPT Data'!$S$12:$S$20000,MATCH($B35,'CPT Data'!$B$12:$B$20000,1))&lt;2,INDEX('p-y cyclic clay'!$GM$27:$GM$5000,MATCH($B35,'p-y cyclic clay'!$C$27:$C$5000,1)),INDEX('p-y cyclic clay'!$HM$27:$HM$5000,MATCH($B35,'p-y cyclic clay'!$C$27:$C$5000,1))))</f>
        <v>397.10633807907953</v>
      </c>
      <c r="H35">
        <f>IF($D35="SAND",INDEX('p-y cyclic sand'!$AA$27:$AA$5000,MATCH($B35,'p-y cyclic sand'!$C$27:$C$5000,1)),IF(INDEX('CPT Data'!$S$12:$S$20000,MATCH($B35,'CPT Data'!$B$12:$B$20000,1))&lt;2,INDEX('p-y cyclic clay'!$GZ$27:$GZ$5000,MATCH($B35,'p-y cyclic clay'!$C$27:$C$5000,1)),INDEX('p-y cyclic clay'!$HZ$27:$HZ$5000,MATCH($B35,'p-y cyclic clay'!$C$27:$C$5000,1))))</f>
        <v>0.99015998603844968</v>
      </c>
      <c r="I35">
        <f>IF($D35="SAND",INDEX('p-y cyclic sand'!$AO$27:$AO$5000,MATCH($B35,'p-y cyclic sand'!$C$27:$C$5000,1)),IF(INDEX('CPT Data'!$S$12:$S$20000,MATCH($B35,'CPT Data'!$B$12:$B$20000,1))&lt;2,INDEX('p-y cyclic clay'!$GN$27:$GN$5000,MATCH($B35,'p-y cyclic clay'!$C$27:$C$5000,1)),INDEX('p-y cyclic clay'!$HN$27:$HN$5000,MATCH($B35,'p-y cyclic clay'!$C$27:$C$5000,1))))</f>
        <v>1550.8690167118198</v>
      </c>
      <c r="J35">
        <f>IF($D35="SAND",INDEX('p-y cyclic sand'!$AB$27:$AB$5000,MATCH($B35,'p-y cyclic sand'!$C$27:$C$5000,1)),IF(INDEX('CPT Data'!$S$12:$S$20000,MATCH($B35,'CPT Data'!$B$12:$B$20000,1))&lt;2,INDEX('p-y cyclic clay'!$HA$27:$HA$5000,MATCH($B35,'p-y cyclic clay'!$C$27:$C$5000,1)),INDEX('p-y cyclic clay'!$IA$27:$IA$5000,MATCH($B35,'p-y cyclic clay'!$C$27:$C$5000,1))))</f>
        <v>9.6182702645732867</v>
      </c>
      <c r="K35">
        <f>IF($D35="SAND",INDEX('p-y cyclic sand'!$AP$27:$AP$5000,MATCH($B35,'p-y cyclic sand'!$C$27:$C$5000,1)),IF(INDEX('CPT Data'!$S$12:$S$20000,MATCH($B35,'CPT Data'!$B$12:$B$20000,1))&lt;2,INDEX('p-y cyclic clay'!$GO$27:$GO$5000,MATCH($B35,'p-y cyclic clay'!$C$27:$C$5000,1)),INDEX('p-y cyclic clay'!$HO$27:$HO$5000,MATCH($B35,'p-y cyclic clay'!$C$27:$C$5000,1))))</f>
        <v>2286.0744046749633</v>
      </c>
      <c r="L35">
        <f>IF($D35="SAND",INDEX('p-y cyclic sand'!$AC$27:$AC$5000,MATCH($B35,'p-y cyclic sand'!$C$27:$C$5000,1)),IF(INDEX('CPT Data'!$S$12:$S$20000,MATCH($B35,'CPT Data'!$B$12:$B$20000,1))&lt;2,INDEX('p-y cyclic clay'!$HB$27:$HB$5000,MATCH($B35,'p-y cyclic clay'!$C$27:$C$5000,1)),INDEX('p-y cyclic clay'!$IB$27:$IB$5000,MATCH($B35,'p-y cyclic clay'!$C$27:$C$5000,1))))</f>
        <v>19.201321683305906</v>
      </c>
      <c r="M35">
        <f>IF($D35="SAND",INDEX('p-y cyclic sand'!$AQ$27:$AQ$5000,MATCH($B35,'p-y cyclic sand'!$C$27:$C$5000,1)),IF(INDEX('CPT Data'!$S$12:$S$20000,MATCH($B35,'CPT Data'!$B$12:$B$20000,1))&lt;2,INDEX('p-y cyclic clay'!$GP$27:$GP$5000,MATCH($B35,'p-y cyclic clay'!$C$27:$C$5000,1)),INDEX('p-y cyclic clay'!$HP$27:$HP$5000,MATCH($B35,'p-y cyclic clay'!$C$27:$C$5000,1))))</f>
        <v>2991.2066850887568</v>
      </c>
      <c r="N35">
        <f>IF($D35="SAND",INDEX('p-y cyclic sand'!$AD$27:$AD$5000,MATCH($B35,'p-y cyclic sand'!$C$27:$C$5000,1)),IF(INDEX('CPT Data'!$S$12:$S$20000,MATCH($B35,'CPT Data'!$B$12:$B$20000,1))&lt;2,INDEX('p-y cyclic clay'!$HC$27:$HC$5000,MATCH($B35,'p-y cyclic clay'!$C$27:$C$5000,1)),INDEX('p-y cyclic clay'!$IC$27:$IC$5000,MATCH($B35,'p-y cyclic clay'!$C$27:$C$5000,1))))</f>
        <v>35.31731497992611</v>
      </c>
      <c r="O35">
        <f>IF($D35="SAND",INDEX('p-y cyclic sand'!$AR$27:$AR$5000,MATCH($B35,'p-y cyclic sand'!$C$27:$C$5000,1)),IF(INDEX('CPT Data'!$S$12:$S$20000,MATCH($B35,'CPT Data'!$B$12:$B$20000,1))&lt;2,INDEX('p-y cyclic clay'!$GQ$27:$GQ$5000,MATCH($B35,'p-y cyclic clay'!$C$27:$C$5000,1)),INDEX('p-y cyclic clay'!$HQ$27:$HQ$5000,MATCH($B35,'p-y cyclic clay'!$C$27:$C$5000,1))))</f>
        <v>3663.3001248961496</v>
      </c>
      <c r="P35">
        <f>IF($D35="SAND",INDEX('p-y cyclic sand'!$AE$27:$AE$5000,MATCH($B35,'p-y cyclic sand'!$C$27:$C$5000,1)),IF(INDEX('CPT Data'!$S$12:$S$20000,MATCH($B35,'CPT Data'!$B$12:$B$20000,1))&lt;2,INDEX('p-y cyclic clay'!$HD$27:$HD$5000,MATCH($B35,'p-y cyclic clay'!$C$27:$C$5000,1)),INDEX('p-y cyclic clay'!$ID$27:$ID$5000,MATCH($B35,'p-y cyclic clay'!$C$27:$C$5000,1))))</f>
        <v>55.245491271940409</v>
      </c>
      <c r="Q35">
        <f>IF($D35="SAND",INDEX('p-y cyclic sand'!$AS$27:$AS$5000,MATCH($B35,'p-y cyclic sand'!$C$27:$C$5000,1)),IF(INDEX('CPT Data'!$S$12:$S$20000,MATCH($B35,'CPT Data'!$B$12:$B$20000,1))&lt;2,INDEX('p-y cyclic clay'!$GR$27:$GR$5000,MATCH($B35,'p-y cyclic clay'!$C$27:$C$5000,1)),INDEX('p-y cyclic clay'!$HR$27:$HR$5000,MATCH($B35,'p-y cyclic clay'!$C$27:$C$5000,1))))</f>
        <v>4298.837930540265</v>
      </c>
      <c r="R35">
        <f>IF($D35="SAND",INDEX('p-y cyclic sand'!$AF$27:$AF$5000,MATCH($B35,'p-y cyclic sand'!$C$27:$C$5000,1)),IF(INDEX('CPT Data'!$S$12:$S$20000,MATCH($B35,'CPT Data'!$B$12:$B$20000,1))&lt;2,INDEX('p-y cyclic clay'!$HE$27:$HE$5000,MATCH($B35,'p-y cyclic clay'!$C$27:$C$5000,1)),INDEX('p-y cyclic clay'!$IE$27:$IE$5000,MATCH($B35,'p-y cyclic clay'!$C$27:$C$5000,1))))</f>
        <v>80.9551079280332</v>
      </c>
      <c r="S35">
        <f>IF($D35="SAND",INDEX('p-y cyclic sand'!$AT$27:$AT$5000,MATCH($B35,'p-y cyclic sand'!$C$27:$C$5000,1)),IF(INDEX('CPT Data'!$S$12:$S$20000,MATCH($B35,'CPT Data'!$B$12:$B$20000,1))&lt;2,INDEX('p-y cyclic clay'!$GS$27:$GS$5000,MATCH($B35,'p-y cyclic clay'!$C$27:$C$5000,1)),INDEX('p-y cyclic clay'!$HS$27:$HS$5000,MATCH($B35,'p-y cyclic clay'!$C$27:$C$5000,1))))</f>
        <v>4893.598055802614</v>
      </c>
      <c r="T35">
        <f>IF($D35="SAND",INDEX('p-y cyclic sand'!$AG$27:$AG$5000,MATCH($B35,'p-y cyclic sand'!$C$27:$C$5000,1)),IF(INDEX('CPT Data'!$S$12:$S$20000,MATCH($B35,'CPT Data'!$B$12:$B$20000,1))&lt;2,INDEX('p-y cyclic clay'!$HF$27:$HF$5000,MATCH($B35,'p-y cyclic clay'!$C$27:$C$5000,1)),INDEX('p-y cyclic clay'!$IF$27:$IF$5000,MATCH($B35,'p-y cyclic clay'!$C$27:$C$5000,1))))</f>
        <v>119.48423878525105</v>
      </c>
      <c r="U35">
        <f>IF($D35="SAND",INDEX('p-y cyclic sand'!$AU$27:$AU$5000,MATCH($B35,'p-y cyclic sand'!$C$27:$C$5000,1)),IF(INDEX('CPT Data'!$S$12:$S$20000,MATCH($B35,'CPT Data'!$B$12:$B$20000,1))&lt;2,INDEX('p-y cyclic clay'!$GT$27:$GT$5000,MATCH($B35,'p-y cyclic clay'!$C$27:$C$5000,1)),INDEX('p-y cyclic clay'!$HT$27:$HT$5000,MATCH($B35,'p-y cyclic clay'!$C$27:$C$5000,1))))</f>
        <v>5442.4394304317484</v>
      </c>
      <c r="V35">
        <f>IF($D35="SAND",INDEX('p-y cyclic sand'!$AH$27:$AH$5000,MATCH($B35,'p-y cyclic sand'!$C$27:$C$5000,1)),IF(INDEX('CPT Data'!$S$12:$S$20000,MATCH($B35,'CPT Data'!$B$12:$B$20000,1))&lt;2,INDEX('p-y cyclic clay'!$HG$27:$HG$5000,MATCH($B35,'p-y cyclic clay'!$C$27:$C$5000,1)),INDEX('p-y cyclic clay'!$IG$27:$IG$5000,MATCH($B35,'p-y cyclic clay'!$C$27:$C$5000,1))))</f>
        <v>176.65748882053225</v>
      </c>
      <c r="W35">
        <f>IF($D35="SAND",INDEX('p-y cyclic sand'!$AV$27:$AV$5000,MATCH($B35,'p-y cyclic sand'!$C$27:$C$5000,1)),IF(INDEX('CPT Data'!$S$12:$S$20000,MATCH($B35,'CPT Data'!$B$12:$B$20000,1))&lt;2,INDEX('p-y cyclic clay'!$GU$27:$GU$5000,MATCH($B35,'p-y cyclic clay'!$C$27:$C$5000,1)),INDEX('p-y cyclic clay'!$HU$27:$HU$5000,MATCH($B35,'p-y cyclic clay'!$C$27:$C$5000,1))))</f>
        <v>5938.9982038058652</v>
      </c>
      <c r="X35">
        <f>IF($D35="SAND",INDEX('p-y cyclic sand'!$AI$27:$AI$5000,MATCH($B35,'p-y cyclic sand'!$C$27:$C$5000,1)),IF(INDEX('CPT Data'!$S$12:$S$20000,MATCH($B35,'CPT Data'!$B$12:$B$20000,1))&lt;2,INDEX('p-y cyclic clay'!$HH$27:$HH$5000,MATCH($B35,'p-y cyclic clay'!$C$27:$C$5000,1)),INDEX('p-y cyclic clay'!$IH$27:$IH$5000,MATCH($B35,'p-y cyclic clay'!$C$27:$C$5000,1))))</f>
        <v>280.25565757014095</v>
      </c>
      <c r="Y35">
        <f>IF($D35="SAND",INDEX('p-y cyclic sand'!$AW$27:$AW$5000,MATCH($B35,'p-y cyclic sand'!$C$27:$C$5000,1)),IF(INDEX('CPT Data'!$S$12:$S$20000,MATCH($B35,'CPT Data'!$B$12:$B$20000,1))&lt;2,INDEX('p-y cyclic clay'!$GV$27:$GV$5000,MATCH($B35,'p-y cyclic clay'!$C$27:$C$5000,1)),INDEX('p-y cyclic clay'!$HV$27:$HV$5000,MATCH($B35,'p-y cyclic clay'!$C$27:$C$5000,1))))</f>
        <v>6272.3555811727738</v>
      </c>
      <c r="Z35">
        <f>IF($D35="SAND",INDEX('p-y cyclic sand'!$AJ$27:$AJ$5000,MATCH($B35,'p-y cyclic sand'!$C$27:$C$5000,1)),IF(INDEX('CPT Data'!$S$12:$S$20000,MATCH($B35,'CPT Data'!$B$12:$B$20000,1))&lt;2,INDEX('p-y cyclic clay'!$HI$27:$HI$5000,MATCH($B35,'p-y cyclic clay'!$C$27:$C$5000,1)),INDEX('p-y cyclic clay'!$II$27:$II$5000,MATCH($B35,'p-y cyclic clay'!$C$27:$C$5000,1))))</f>
        <v>442.16970287440927</v>
      </c>
      <c r="AA35">
        <f>IF($D35="SAND",INDEX('p-y cyclic sand'!$AX$27:$AX$5000,MATCH($B35,'p-y cyclic sand'!$C$27:$C$5000,1)),IF(INDEX('CPT Data'!$S$12:$S$20000,MATCH($B35,'CPT Data'!$B$12:$B$20000,1))&lt;2,INDEX('p-y cyclic clay'!$GW$27:$GW$5000,MATCH($B35,'p-y cyclic clay'!$C$27:$C$5000,1)),INDEX('p-y cyclic clay'!$HW$27:$HW$5000,MATCH($B35,'p-y cyclic clay'!$C$27:$C$5000,1))))</f>
        <v>6375.2436104491426</v>
      </c>
      <c r="AB35">
        <f>IF($D35="SAND",INDEX('p-y cyclic sand'!$AK$27:$AK$5000,MATCH($B35,'p-y cyclic sand'!$C$27:$C$5000,1)),IF(INDEX('CPT Data'!$S$12:$S$20000,MATCH($B35,'CPT Data'!$B$12:$B$20000,1))&lt;2,INDEX('p-y cyclic clay'!$HJ$27:$HJ$5000,MATCH($B35,'p-y cyclic clay'!$C$27:$C$5000,1)),INDEX('p-y cyclic clay'!$IJ$27:$IJ$5000,MATCH($B35,'p-y cyclic clay'!$C$27:$C$5000,1))))</f>
        <v>572.70199950884967</v>
      </c>
      <c r="AC35">
        <f>IF($D35="SAND",INDEX('p-y cyclic sand'!$AY$27:$AY$5000,MATCH($B35,'p-y cyclic sand'!$C$27:$C$5000,1)),IF(INDEX('CPT Data'!$S$12:$S$20000,MATCH($B35,'CPT Data'!$B$12:$B$20000,1))&lt;2,INDEX('p-y cyclic clay'!$GX$27:$GX$5000,MATCH($B35,'p-y cyclic clay'!$C$27:$C$5000,1)),INDEX('p-y cyclic clay'!$HX$27:$HX$5000,MATCH($B35,'p-y cyclic clay'!$C$27:$C$5000,1))))</f>
        <v>6375.2436104491426</v>
      </c>
      <c r="AD35" s="98">
        <f>IF($D35="SAND",INDEX('p-y cyclic sand'!$AL$27:$AL$5000,MATCH($B35,'p-y cyclic sand'!$C$27:$C$5000,1)),IF(INDEX('CPT Data'!$S$12:$S$20000,MATCH($B35,'CPT Data'!$B$12:$B$20000,1))&lt;2,INDEX('p-y cyclic clay'!$HK$27:$HK$5000,MATCH($B35,'p-y cyclic clay'!$C$27:$C$5000,1)),INDEX('p-y cyclic clay'!$IK$27:$IK$5000,MATCH($B35,'p-y cyclic clay'!$C$27:$C$5000,1))))</f>
        <v>5431.2845507172051</v>
      </c>
    </row>
    <row r="36" spans="1:30" x14ac:dyDescent="0.2">
      <c r="A36" s="214">
        <f t="shared" si="0"/>
        <v>-46.5</v>
      </c>
      <c r="B36" s="216">
        <f>'p-y cyclic clay'!C57</f>
        <v>31</v>
      </c>
      <c r="C36">
        <f>INDEX('CPT Data'!$C$13:$C$20000,MATCH(B36,'CPT Data'!$B$13:$B$20000,1))</f>
        <v>30.983999999999998</v>
      </c>
      <c r="D36" s="216" t="str">
        <f>INDEX('CPT Data'!$P$13:$P$20000,MATCH(B36,'CPT Data'!$B$13:$B$20000,1))</f>
        <v>CLAY</v>
      </c>
      <c r="E36">
        <f>IF($D36="SAND",INDEX('p-y cyclic sand'!$AM$27:$AM$5000,MATCH($B36,'p-y cyclic sand'!$C$27:$C$5000,1)),IF(INDEX('CPT Data'!$S$12:$S$20000,MATCH($B36,'CPT Data'!$B$12:$B$20000,1))&lt;2,INDEX('p-y cyclic clay'!$GL$27:$GL$5000,MATCH($B36,'p-y cyclic clay'!$C$27:$C$5000,1)),INDEX('p-y cyclic clay'!$HL$27:$HL$5000,MATCH($B36,'p-y cyclic clay'!$C$27:$C$5000,1))))</f>
        <v>0</v>
      </c>
      <c r="F36">
        <f>IF($D36="SAND",INDEX('p-y cyclic sand'!$Z$27:$Z$5000,MATCH($B36,'p-y cyclic sand'!$C$27:$C$5000,1)),IF(INDEX('CPT Data'!$S$12:$S$20000,MATCH($B36,'CPT Data'!$B$12:$B$20000,1))&lt;2,INDEX('p-y cyclic clay'!$GY$27:$GY$5000,MATCH($B36,'p-y cyclic clay'!$C$27:$C$5000,1)),INDEX('p-y cyclic clay'!$HY$27:$HY$5000,MATCH($B36,'p-y cyclic clay'!$C$27:$C$5000,1))))</f>
        <v>0</v>
      </c>
      <c r="G36">
        <f>IF($D36="SAND",INDEX('p-y cyclic sand'!$AN$27:$AN$5000,MATCH($B36,'p-y cyclic sand'!$C$27:$C$5000,1)),IF(INDEX('CPT Data'!$S$12:$S$20000,MATCH($B36,'CPT Data'!$B$12:$B$20000,1))&lt;2,INDEX('p-y cyclic clay'!$GM$27:$GM$5000,MATCH($B36,'p-y cyclic clay'!$C$27:$C$5000,1)),INDEX('p-y cyclic clay'!$HM$27:$HM$5000,MATCH($B36,'p-y cyclic clay'!$C$27:$C$5000,1))))</f>
        <v>160.4343803292123</v>
      </c>
      <c r="H36">
        <f>IF($D36="SAND",INDEX('p-y cyclic sand'!$AA$27:$AA$5000,MATCH($B36,'p-y cyclic sand'!$C$27:$C$5000,1)),IF(INDEX('CPT Data'!$S$12:$S$20000,MATCH($B36,'CPT Data'!$B$12:$B$20000,1))&lt;2,INDEX('p-y cyclic clay'!$GZ$27:$GZ$5000,MATCH($B36,'p-y cyclic clay'!$C$27:$C$5000,1)),INDEX('p-y cyclic clay'!$HZ$27:$HZ$5000,MATCH($B36,'p-y cyclic clay'!$C$27:$C$5000,1))))</f>
        <v>0.716771979482003</v>
      </c>
      <c r="I36">
        <f>IF($D36="SAND",INDEX('p-y cyclic sand'!$AO$27:$AO$5000,MATCH($B36,'p-y cyclic sand'!$C$27:$C$5000,1)),IF(INDEX('CPT Data'!$S$12:$S$20000,MATCH($B36,'CPT Data'!$B$12:$B$20000,1))&lt;2,INDEX('p-y cyclic clay'!$GN$27:$GN$5000,MATCH($B36,'p-y cyclic clay'!$C$27:$C$5000,1)),INDEX('p-y cyclic clay'!$HN$27:$HN$5000,MATCH($B36,'p-y cyclic clay'!$C$27:$C$5000,1))))</f>
        <v>635.81155029479851</v>
      </c>
      <c r="J36">
        <f>IF($D36="SAND",INDEX('p-y cyclic sand'!$AB$27:$AB$5000,MATCH($B36,'p-y cyclic sand'!$C$27:$C$5000,1)),IF(INDEX('CPT Data'!$S$12:$S$20000,MATCH($B36,'CPT Data'!$B$12:$B$20000,1))&lt;2,INDEX('p-y cyclic clay'!$HA$27:$HA$5000,MATCH($B36,'p-y cyclic clay'!$C$27:$C$5000,1)),INDEX('p-y cyclic clay'!$IA$27:$IA$5000,MATCH($B36,'p-y cyclic clay'!$C$27:$C$5000,1))))</f>
        <v>7.0656653425362705</v>
      </c>
      <c r="K36">
        <f>IF($D36="SAND",INDEX('p-y cyclic sand'!$AP$27:$AP$5000,MATCH($B36,'p-y cyclic sand'!$C$27:$C$5000,1)),IF(INDEX('CPT Data'!$S$12:$S$20000,MATCH($B36,'CPT Data'!$B$12:$B$20000,1))&lt;2,INDEX('p-y cyclic clay'!$GO$27:$GO$5000,MATCH($B36,'p-y cyclic clay'!$C$27:$C$5000,1)),INDEX('p-y cyclic clay'!$HO$27:$HO$5000,MATCH($B36,'p-y cyclic clay'!$C$27:$C$5000,1))))</f>
        <v>947.36973087811657</v>
      </c>
      <c r="L36">
        <f>IF($D36="SAND",INDEX('p-y cyclic sand'!$AC$27:$AC$5000,MATCH($B36,'p-y cyclic sand'!$C$27:$C$5000,1)),IF(INDEX('CPT Data'!$S$12:$S$20000,MATCH($B36,'CPT Data'!$B$12:$B$20000,1))&lt;2,INDEX('p-y cyclic clay'!$HB$27:$HB$5000,MATCH($B36,'p-y cyclic clay'!$C$27:$C$5000,1)),INDEX('p-y cyclic clay'!$IB$27:$IB$5000,MATCH($B36,'p-y cyclic clay'!$C$27:$C$5000,1))))</f>
        <v>12.35392611130626</v>
      </c>
      <c r="M36">
        <f>IF($D36="SAND",INDEX('p-y cyclic sand'!$AQ$27:$AQ$5000,MATCH($B36,'p-y cyclic sand'!$C$27:$C$5000,1)),IF(INDEX('CPT Data'!$S$12:$S$20000,MATCH($B36,'CPT Data'!$B$12:$B$20000,1))&lt;2,INDEX('p-y cyclic clay'!$GP$27:$GP$5000,MATCH($B36,'p-y cyclic clay'!$C$27:$C$5000,1)),INDEX('p-y cyclic clay'!$HP$27:$HP$5000,MATCH($B36,'p-y cyclic clay'!$C$27:$C$5000,1))))</f>
        <v>1254.1829395436791</v>
      </c>
      <c r="N36">
        <f>IF($D36="SAND",INDEX('p-y cyclic sand'!$AD$27:$AD$5000,MATCH($B36,'p-y cyclic sand'!$C$27:$C$5000,1)),IF(INDEX('CPT Data'!$S$12:$S$20000,MATCH($B36,'CPT Data'!$B$12:$B$20000,1))&lt;2,INDEX('p-y cyclic clay'!$HC$27:$HC$5000,MATCH($B36,'p-y cyclic clay'!$C$27:$C$5000,1)),INDEX('p-y cyclic clay'!$IC$27:$IC$5000,MATCH($B36,'p-y cyclic clay'!$C$27:$C$5000,1))))</f>
        <v>20.746475916223147</v>
      </c>
      <c r="O36">
        <f>IF($D36="SAND",INDEX('p-y cyclic sand'!$AR$27:$AR$5000,MATCH($B36,'p-y cyclic sand'!$C$27:$C$5000,1)),IF(INDEX('CPT Data'!$S$12:$S$20000,MATCH($B36,'CPT Data'!$B$12:$B$20000,1))&lt;2,INDEX('p-y cyclic clay'!$GQ$27:$GQ$5000,MATCH($B36,'p-y cyclic clay'!$C$27:$C$5000,1)),INDEX('p-y cyclic clay'!$HQ$27:$HQ$5000,MATCH($B36,'p-y cyclic clay'!$C$27:$C$5000,1))))</f>
        <v>1555.783382435382</v>
      </c>
      <c r="P36">
        <f>IF($D36="SAND",INDEX('p-y cyclic sand'!$AE$27:$AE$5000,MATCH($B36,'p-y cyclic sand'!$C$27:$C$5000,1)),IF(INDEX('CPT Data'!$S$12:$S$20000,MATCH($B36,'CPT Data'!$B$12:$B$20000,1))&lt;2,INDEX('p-y cyclic clay'!$HD$27:$HD$5000,MATCH($B36,'p-y cyclic clay'!$C$27:$C$5000,1)),INDEX('p-y cyclic clay'!$ID$27:$ID$5000,MATCH($B36,'p-y cyclic clay'!$C$27:$C$5000,1))))</f>
        <v>31.888291668911904</v>
      </c>
      <c r="Q36">
        <f>IF($D36="SAND",INDEX('p-y cyclic sand'!$AS$27:$AS$5000,MATCH($B36,'p-y cyclic sand'!$C$27:$C$5000,1)),IF(INDEX('CPT Data'!$S$12:$S$20000,MATCH($B36,'CPT Data'!$B$12:$B$20000,1))&lt;2,INDEX('p-y cyclic clay'!$GR$27:$GR$5000,MATCH($B36,'p-y cyclic clay'!$C$27:$C$5000,1)),INDEX('p-y cyclic clay'!$HR$27:$HR$5000,MATCH($B36,'p-y cyclic clay'!$C$27:$C$5000,1))))</f>
        <v>1851.6163735158893</v>
      </c>
      <c r="R36">
        <f>IF($D36="SAND",INDEX('p-y cyclic sand'!$AF$27:$AF$5000,MATCH($B36,'p-y cyclic sand'!$C$27:$C$5000,1)),IF(INDEX('CPT Data'!$S$12:$S$20000,MATCH($B36,'CPT Data'!$B$12:$B$20000,1))&lt;2,INDEX('p-y cyclic clay'!$HE$27:$HE$5000,MATCH($B36,'p-y cyclic clay'!$C$27:$C$5000,1)),INDEX('p-y cyclic clay'!$IE$27:$IE$5000,MATCH($B36,'p-y cyclic clay'!$C$27:$C$5000,1))))</f>
        <v>49.465089274172854</v>
      </c>
      <c r="S36">
        <f>IF($D36="SAND",INDEX('p-y cyclic sand'!$AT$27:$AT$5000,MATCH($B36,'p-y cyclic sand'!$C$27:$C$5000,1)),IF(INDEX('CPT Data'!$S$12:$S$20000,MATCH($B36,'CPT Data'!$B$12:$B$20000,1))&lt;2,INDEX('p-y cyclic clay'!$GS$27:$GS$5000,MATCH($B36,'p-y cyclic clay'!$C$27:$C$5000,1)),INDEX('p-y cyclic clay'!$HS$27:$HS$5000,MATCH($B36,'p-y cyclic clay'!$C$27:$C$5000,1))))</f>
        <v>2141.0160297396906</v>
      </c>
      <c r="T36">
        <f>IF($D36="SAND",INDEX('p-y cyclic sand'!$AG$27:$AG$5000,MATCH($B36,'p-y cyclic sand'!$C$27:$C$5000,1)),IF(INDEX('CPT Data'!$S$12:$S$20000,MATCH($B36,'CPT Data'!$B$12:$B$20000,1))&lt;2,INDEX('p-y cyclic clay'!$HF$27:$HF$5000,MATCH($B36,'p-y cyclic clay'!$C$27:$C$5000,1)),INDEX('p-y cyclic clay'!$IF$27:$IF$5000,MATCH($B36,'p-y cyclic clay'!$C$27:$C$5000,1))))</f>
        <v>70.941352341142618</v>
      </c>
      <c r="U36">
        <f>IF($D36="SAND",INDEX('p-y cyclic sand'!$AU$27:$AU$5000,MATCH($B36,'p-y cyclic sand'!$C$27:$C$5000,1)),IF(INDEX('CPT Data'!$S$12:$S$20000,MATCH($B36,'CPT Data'!$B$12:$B$20000,1))&lt;2,INDEX('p-y cyclic clay'!$GT$27:$GT$5000,MATCH($B36,'p-y cyclic clay'!$C$27:$C$5000,1)),INDEX('p-y cyclic clay'!$HT$27:$HT$5000,MATCH($B36,'p-y cyclic clay'!$C$27:$C$5000,1))))</f>
        <v>2423.1715784714438</v>
      </c>
      <c r="V36">
        <f>IF($D36="SAND",INDEX('p-y cyclic sand'!$AH$27:$AH$5000,MATCH($B36,'p-y cyclic sand'!$C$27:$C$5000,1)),IF(INDEX('CPT Data'!$S$12:$S$20000,MATCH($B36,'CPT Data'!$B$12:$B$20000,1))&lt;2,INDEX('p-y cyclic clay'!$HG$27:$HG$5000,MATCH($B36,'p-y cyclic clay'!$C$27:$C$5000,1)),INDEX('p-y cyclic clay'!$IG$27:$IG$5000,MATCH($B36,'p-y cyclic clay'!$C$27:$C$5000,1))))</f>
        <v>109.14495549497269</v>
      </c>
      <c r="W36">
        <f>IF($D36="SAND",INDEX('p-y cyclic sand'!$AV$27:$AV$5000,MATCH($B36,'p-y cyclic sand'!$C$27:$C$5000,1)),IF(INDEX('CPT Data'!$S$12:$S$20000,MATCH($B36,'CPT Data'!$B$12:$B$20000,1))&lt;2,INDEX('p-y cyclic clay'!$GU$27:$GU$5000,MATCH($B36,'p-y cyclic clay'!$C$27:$C$5000,1)),INDEX('p-y cyclic clay'!$HU$27:$HU$5000,MATCH($B36,'p-y cyclic clay'!$C$27:$C$5000,1))))</f>
        <v>2697.0794881449979</v>
      </c>
      <c r="X36">
        <f>IF($D36="SAND",INDEX('p-y cyclic sand'!$AI$27:$AI$5000,MATCH($B36,'p-y cyclic sand'!$C$27:$C$5000,1)),IF(INDEX('CPT Data'!$S$12:$S$20000,MATCH($B36,'CPT Data'!$B$12:$B$20000,1))&lt;2,INDEX('p-y cyclic clay'!$HH$27:$HH$5000,MATCH($B36,'p-y cyclic clay'!$C$27:$C$5000,1)),INDEX('p-y cyclic clay'!$IH$27:$IH$5000,MATCH($B36,'p-y cyclic clay'!$C$27:$C$5000,1))))</f>
        <v>175.96538052366662</v>
      </c>
      <c r="Y36">
        <f>IF($D36="SAND",INDEX('p-y cyclic sand'!$AW$27:$AW$5000,MATCH($B36,'p-y cyclic sand'!$C$27:$C$5000,1)),IF(INDEX('CPT Data'!$S$12:$S$20000,MATCH($B36,'CPT Data'!$B$12:$B$20000,1))&lt;2,INDEX('p-y cyclic clay'!$GV$27:$GV$5000,MATCH($B36,'p-y cyclic clay'!$C$27:$C$5000,1)),INDEX('p-y cyclic clay'!$HV$27:$HV$5000,MATCH($B36,'p-y cyclic clay'!$C$27:$C$5000,1))))</f>
        <v>2896.3487362678366</v>
      </c>
      <c r="Z36">
        <f>IF($D36="SAND",INDEX('p-y cyclic sand'!$AJ$27:$AJ$5000,MATCH($B36,'p-y cyclic sand'!$C$27:$C$5000,1)),IF(INDEX('CPT Data'!$S$12:$S$20000,MATCH($B36,'CPT Data'!$B$12:$B$20000,1))&lt;2,INDEX('p-y cyclic clay'!$HI$27:$HI$5000,MATCH($B36,'p-y cyclic clay'!$C$27:$C$5000,1)),INDEX('p-y cyclic clay'!$II$27:$II$5000,MATCH($B36,'p-y cyclic clay'!$C$27:$C$5000,1))))</f>
        <v>317.38602129193964</v>
      </c>
      <c r="AA36">
        <f>IF($D36="SAND",INDEX('p-y cyclic sand'!$AX$27:$AX$5000,MATCH($B36,'p-y cyclic sand'!$C$27:$C$5000,1)),IF(INDEX('CPT Data'!$S$12:$S$20000,MATCH($B36,'CPT Data'!$B$12:$B$20000,1))&lt;2,INDEX('p-y cyclic clay'!$GW$27:$GW$5000,MATCH($B36,'p-y cyclic clay'!$C$27:$C$5000,1)),INDEX('p-y cyclic clay'!$HW$27:$HW$5000,MATCH($B36,'p-y cyclic clay'!$C$27:$C$5000,1))))</f>
        <v>2961.4734864860766</v>
      </c>
      <c r="AB36">
        <f>IF($D36="SAND",INDEX('p-y cyclic sand'!$AK$27:$AK$5000,MATCH($B36,'p-y cyclic sand'!$C$27:$C$5000,1)),IF(INDEX('CPT Data'!$S$12:$S$20000,MATCH($B36,'CPT Data'!$B$12:$B$20000,1))&lt;2,INDEX('p-y cyclic clay'!$HJ$27:$HJ$5000,MATCH($B36,'p-y cyclic clay'!$C$27:$C$5000,1)),INDEX('p-y cyclic clay'!$IJ$27:$IJ$5000,MATCH($B36,'p-y cyclic clay'!$C$27:$C$5000,1))))</f>
        <v>526.3531120655058</v>
      </c>
      <c r="AC36">
        <f>IF($D36="SAND",INDEX('p-y cyclic sand'!$AY$27:$AY$5000,MATCH($B36,'p-y cyclic sand'!$C$27:$C$5000,1)),IF(INDEX('CPT Data'!$S$12:$S$20000,MATCH($B36,'CPT Data'!$B$12:$B$20000,1))&lt;2,INDEX('p-y cyclic clay'!$GX$27:$GX$5000,MATCH($B36,'p-y cyclic clay'!$C$27:$C$5000,1)),INDEX('p-y cyclic clay'!$HX$27:$HX$5000,MATCH($B36,'p-y cyclic clay'!$C$27:$C$5000,1))))</f>
        <v>2961.4734864860766</v>
      </c>
      <c r="AD36" s="98">
        <f>IF($D36="SAND",INDEX('p-y cyclic sand'!$AL$27:$AL$5000,MATCH($B36,'p-y cyclic sand'!$C$27:$C$5000,1)),IF(INDEX('CPT Data'!$S$12:$S$20000,MATCH($B36,'CPT Data'!$B$12:$B$20000,1))&lt;2,INDEX('p-y cyclic clay'!$HK$27:$HK$5000,MATCH($B36,'p-y cyclic clay'!$C$27:$C$5000,1)),INDEX('p-y cyclic clay'!$IK$27:$IK$5000,MATCH($B36,'p-y cyclic clay'!$C$27:$C$5000,1))))</f>
        <v>6316.23734478607</v>
      </c>
    </row>
    <row r="37" spans="1:30" x14ac:dyDescent="0.2">
      <c r="A37" s="214">
        <f t="shared" si="0"/>
        <v>-47.5</v>
      </c>
      <c r="B37" s="216">
        <f>'p-y cyclic clay'!C58</f>
        <v>32</v>
      </c>
      <c r="C37">
        <f>INDEX('CPT Data'!$C$13:$C$20000,MATCH(B37,'CPT Data'!$B$13:$B$20000,1))</f>
        <v>31.988</v>
      </c>
      <c r="D37" s="216" t="str">
        <f>INDEX('CPT Data'!$P$13:$P$20000,MATCH(B37,'CPT Data'!$B$13:$B$20000,1))</f>
        <v>SAND</v>
      </c>
      <c r="E37">
        <f>IF($D37="SAND",INDEX('p-y cyclic sand'!$AM$27:$AM$5000,MATCH($B37,'p-y cyclic sand'!$C$27:$C$5000,1)),IF(INDEX('CPT Data'!$S$12:$S$20000,MATCH($B37,'CPT Data'!$B$12:$B$20000,1))&lt;2,INDEX('p-y cyclic clay'!$GL$27:$GL$5000,MATCH($B37,'p-y cyclic clay'!$C$27:$C$5000,1)),INDEX('p-y cyclic clay'!$HL$27:$HL$5000,MATCH($B37,'p-y cyclic clay'!$C$27:$C$5000,1))))</f>
        <v>0</v>
      </c>
      <c r="F37">
        <f>IF($D37="SAND",INDEX('p-y cyclic sand'!$Z$27:$Z$5000,MATCH($B37,'p-y cyclic sand'!$C$27:$C$5000,1)),IF(INDEX('CPT Data'!$S$12:$S$20000,MATCH($B37,'CPT Data'!$B$12:$B$20000,1))&lt;2,INDEX('p-y cyclic clay'!$GY$27:$GY$5000,MATCH($B37,'p-y cyclic clay'!$C$27:$C$5000,1)),INDEX('p-y cyclic clay'!$HY$27:$HY$5000,MATCH($B37,'p-y cyclic clay'!$C$27:$C$5000,1))))</f>
        <v>0</v>
      </c>
      <c r="G37">
        <f>IF($D37="SAND",INDEX('p-y cyclic sand'!$AN$27:$AN$5000,MATCH($B37,'p-y cyclic sand'!$C$27:$C$5000,1)),IF(INDEX('CPT Data'!$S$12:$S$20000,MATCH($B37,'CPT Data'!$B$12:$B$20000,1))&lt;2,INDEX('p-y cyclic clay'!$GM$27:$GM$5000,MATCH($B37,'p-y cyclic clay'!$C$27:$C$5000,1)),INDEX('p-y cyclic clay'!$HM$27:$HM$5000,MATCH($B37,'p-y cyclic clay'!$C$27:$C$5000,1))))</f>
        <v>4497.4859266435742</v>
      </c>
      <c r="H37">
        <f>IF($D37="SAND",INDEX('p-y cyclic sand'!$AA$27:$AA$5000,MATCH($B37,'p-y cyclic sand'!$C$27:$C$5000,1)),IF(INDEX('CPT Data'!$S$12:$S$20000,MATCH($B37,'CPT Data'!$B$12:$B$20000,1))&lt;2,INDEX('p-y cyclic clay'!$GZ$27:$GZ$5000,MATCH($B37,'p-y cyclic clay'!$C$27:$C$5000,1)),INDEX('p-y cyclic clay'!$HZ$27:$HZ$5000,MATCH($B37,'p-y cyclic clay'!$C$27:$C$5000,1))))</f>
        <v>10</v>
      </c>
      <c r="I37">
        <f>IF($D37="SAND",INDEX('p-y cyclic sand'!$AO$27:$AO$5000,MATCH($B37,'p-y cyclic sand'!$C$27:$C$5000,1)),IF(INDEX('CPT Data'!$S$12:$S$20000,MATCH($B37,'CPT Data'!$B$12:$B$20000,1))&lt;2,INDEX('p-y cyclic clay'!$GN$27:$GN$5000,MATCH($B37,'p-y cyclic clay'!$C$27:$C$5000,1)),INDEX('p-y cyclic clay'!$HN$27:$HN$5000,MATCH($B37,'p-y cyclic clay'!$C$27:$C$5000,1))))</f>
        <v>8547.4399443374368</v>
      </c>
      <c r="J37">
        <f>IF($D37="SAND",INDEX('p-y cyclic sand'!$AB$27:$AB$5000,MATCH($B37,'p-y cyclic sand'!$C$27:$C$5000,1)),IF(INDEX('CPT Data'!$S$12:$S$20000,MATCH($B37,'CPT Data'!$B$12:$B$20000,1))&lt;2,INDEX('p-y cyclic clay'!$HA$27:$HA$5000,MATCH($B37,'p-y cyclic clay'!$C$27:$C$5000,1)),INDEX('p-y cyclic clay'!$IA$27:$IA$5000,MATCH($B37,'p-y cyclic clay'!$C$27:$C$5000,1))))</f>
        <v>20</v>
      </c>
      <c r="K37">
        <f>IF($D37="SAND",INDEX('p-y cyclic sand'!$AP$27:$AP$5000,MATCH($B37,'p-y cyclic sand'!$C$27:$C$5000,1)),IF(INDEX('CPT Data'!$S$12:$S$20000,MATCH($B37,'CPT Data'!$B$12:$B$20000,1))&lt;2,INDEX('p-y cyclic clay'!$GO$27:$GO$5000,MATCH($B37,'p-y cyclic clay'!$C$27:$C$5000,1)),INDEX('p-y cyclic clay'!$HO$27:$HO$5000,MATCH($B37,'p-y cyclic clay'!$C$27:$C$5000,1))))</f>
        <v>11864.33951694875</v>
      </c>
      <c r="L37">
        <f>IF($D37="SAND",INDEX('p-y cyclic sand'!$AC$27:$AC$5000,MATCH($B37,'p-y cyclic sand'!$C$27:$C$5000,1)),IF(INDEX('CPT Data'!$S$12:$S$20000,MATCH($B37,'CPT Data'!$B$12:$B$20000,1))&lt;2,INDEX('p-y cyclic clay'!$HB$27:$HB$5000,MATCH($B37,'p-y cyclic clay'!$C$27:$C$5000,1)),INDEX('p-y cyclic clay'!$IB$27:$IB$5000,MATCH($B37,'p-y cyclic clay'!$C$27:$C$5000,1))))</f>
        <v>30</v>
      </c>
      <c r="M37">
        <f>IF($D37="SAND",INDEX('p-y cyclic sand'!$AQ$27:$AQ$5000,MATCH($B37,'p-y cyclic sand'!$C$27:$C$5000,1)),IF(INDEX('CPT Data'!$S$12:$S$20000,MATCH($B37,'CPT Data'!$B$12:$B$20000,1))&lt;2,INDEX('p-y cyclic clay'!$GP$27:$GP$5000,MATCH($B37,'p-y cyclic clay'!$C$27:$C$5000,1)),INDEX('p-y cyclic clay'!$HP$27:$HP$5000,MATCH($B37,'p-y cyclic clay'!$C$27:$C$5000,1))))</f>
        <v>14376.165942548399</v>
      </c>
      <c r="N37">
        <f>IF($D37="SAND",INDEX('p-y cyclic sand'!$AD$27:$AD$5000,MATCH($B37,'p-y cyclic sand'!$C$27:$C$5000,1)),IF(INDEX('CPT Data'!$S$12:$S$20000,MATCH($B37,'CPT Data'!$B$12:$B$20000,1))&lt;2,INDEX('p-y cyclic clay'!$HC$27:$HC$5000,MATCH($B37,'p-y cyclic clay'!$C$27:$C$5000,1)),INDEX('p-y cyclic clay'!$IC$27:$IC$5000,MATCH($B37,'p-y cyclic clay'!$C$27:$C$5000,1))))</f>
        <v>40</v>
      </c>
      <c r="O37">
        <f>IF($D37="SAND",INDEX('p-y cyclic sand'!$AR$27:$AR$5000,MATCH($B37,'p-y cyclic sand'!$C$27:$C$5000,1)),IF(INDEX('CPT Data'!$S$12:$S$20000,MATCH($B37,'CPT Data'!$B$12:$B$20000,1))&lt;2,INDEX('p-y cyclic clay'!$GQ$27:$GQ$5000,MATCH($B37,'p-y cyclic clay'!$C$27:$C$5000,1)),INDEX('p-y cyclic clay'!$HQ$27:$HQ$5000,MATCH($B37,'p-y cyclic clay'!$C$27:$C$5000,1))))</f>
        <v>16167.756648205299</v>
      </c>
      <c r="P37">
        <f>IF($D37="SAND",INDEX('p-y cyclic sand'!$AE$27:$AE$5000,MATCH($B37,'p-y cyclic sand'!$C$27:$C$5000,1)),IF(INDEX('CPT Data'!$S$12:$S$20000,MATCH($B37,'CPT Data'!$B$12:$B$20000,1))&lt;2,INDEX('p-y cyclic clay'!$HD$27:$HD$5000,MATCH($B37,'p-y cyclic clay'!$C$27:$C$5000,1)),INDEX('p-y cyclic clay'!$ID$27:$ID$5000,MATCH($B37,'p-y cyclic clay'!$C$27:$C$5000,1))))</f>
        <v>50</v>
      </c>
      <c r="Q37">
        <f>IF($D37="SAND",INDEX('p-y cyclic sand'!$AS$27:$AS$5000,MATCH($B37,'p-y cyclic sand'!$C$27:$C$5000,1)),IF(INDEX('CPT Data'!$S$12:$S$20000,MATCH($B37,'CPT Data'!$B$12:$B$20000,1))&lt;2,INDEX('p-y cyclic clay'!$GR$27:$GR$5000,MATCH($B37,'p-y cyclic clay'!$C$27:$C$5000,1)),INDEX('p-y cyclic clay'!$HR$27:$HR$5000,MATCH($B37,'p-y cyclic clay'!$C$27:$C$5000,1))))</f>
        <v>17391.751127389271</v>
      </c>
      <c r="R37">
        <f>IF($D37="SAND",INDEX('p-y cyclic sand'!$AF$27:$AF$5000,MATCH($B37,'p-y cyclic sand'!$C$27:$C$5000,1)),IF(INDEX('CPT Data'!$S$12:$S$20000,MATCH($B37,'CPT Data'!$B$12:$B$20000,1))&lt;2,INDEX('p-y cyclic clay'!$HE$27:$HE$5000,MATCH($B37,'p-y cyclic clay'!$C$27:$C$5000,1)),INDEX('p-y cyclic clay'!$IE$27:$IE$5000,MATCH($B37,'p-y cyclic clay'!$C$27:$C$5000,1))))</f>
        <v>60</v>
      </c>
      <c r="S37">
        <f>IF($D37="SAND",INDEX('p-y cyclic sand'!$AT$27:$AT$5000,MATCH($B37,'p-y cyclic sand'!$C$27:$C$5000,1)),IF(INDEX('CPT Data'!$S$12:$S$20000,MATCH($B37,'CPT Data'!$B$12:$B$20000,1))&lt;2,INDEX('p-y cyclic clay'!$GS$27:$GS$5000,MATCH($B37,'p-y cyclic clay'!$C$27:$C$5000,1)),INDEX('p-y cyclic clay'!$HS$27:$HS$5000,MATCH($B37,'p-y cyclic clay'!$C$27:$C$5000,1))))</f>
        <v>18203.556487888014</v>
      </c>
      <c r="T37">
        <f>IF($D37="SAND",INDEX('p-y cyclic sand'!$AG$27:$AG$5000,MATCH($B37,'p-y cyclic sand'!$C$27:$C$5000,1)),IF(INDEX('CPT Data'!$S$12:$S$20000,MATCH($B37,'CPT Data'!$B$12:$B$20000,1))&lt;2,INDEX('p-y cyclic clay'!$HF$27:$HF$5000,MATCH($B37,'p-y cyclic clay'!$C$27:$C$5000,1)),INDEX('p-y cyclic clay'!$IF$27:$IF$5000,MATCH($B37,'p-y cyclic clay'!$C$27:$C$5000,1))))</f>
        <v>70</v>
      </c>
      <c r="U37">
        <f>IF($D37="SAND",INDEX('p-y cyclic sand'!$AU$27:$AU$5000,MATCH($B37,'p-y cyclic sand'!$C$27:$C$5000,1)),IF(INDEX('CPT Data'!$S$12:$S$20000,MATCH($B37,'CPT Data'!$B$12:$B$20000,1))&lt;2,INDEX('p-y cyclic clay'!$GT$27:$GT$5000,MATCH($B37,'p-y cyclic clay'!$C$27:$C$5000,1)),INDEX('p-y cyclic clay'!$HT$27:$HT$5000,MATCH($B37,'p-y cyclic clay'!$C$27:$C$5000,1))))</f>
        <v>18731.451048988907</v>
      </c>
      <c r="V37">
        <f>IF($D37="SAND",INDEX('p-y cyclic sand'!$AH$27:$AH$5000,MATCH($B37,'p-y cyclic sand'!$C$27:$C$5000,1)),IF(INDEX('CPT Data'!$S$12:$S$20000,MATCH($B37,'CPT Data'!$B$12:$B$20000,1))&lt;2,INDEX('p-y cyclic clay'!$HG$27:$HG$5000,MATCH($B37,'p-y cyclic clay'!$C$27:$C$5000,1)),INDEX('p-y cyclic clay'!$IG$27:$IG$5000,MATCH($B37,'p-y cyclic clay'!$C$27:$C$5000,1))))</f>
        <v>80</v>
      </c>
      <c r="W37">
        <f>IF($D37="SAND",INDEX('p-y cyclic sand'!$AV$27:$AV$5000,MATCH($B37,'p-y cyclic sand'!$C$27:$C$5000,1)),IF(INDEX('CPT Data'!$S$12:$S$20000,MATCH($B37,'CPT Data'!$B$12:$B$20000,1))&lt;2,INDEX('p-y cyclic clay'!$GU$27:$GU$5000,MATCH($B37,'p-y cyclic clay'!$C$27:$C$5000,1)),INDEX('p-y cyclic clay'!$HU$27:$HU$5000,MATCH($B37,'p-y cyclic clay'!$C$27:$C$5000,1))))</f>
        <v>19070.330887821681</v>
      </c>
      <c r="X37">
        <f>IF($D37="SAND",INDEX('p-y cyclic sand'!$AI$27:$AI$5000,MATCH($B37,'p-y cyclic sand'!$C$27:$C$5000,1)),IF(INDEX('CPT Data'!$S$12:$S$20000,MATCH($B37,'CPT Data'!$B$12:$B$20000,1))&lt;2,INDEX('p-y cyclic clay'!$HH$27:$HH$5000,MATCH($B37,'p-y cyclic clay'!$C$27:$C$5000,1)),INDEX('p-y cyclic clay'!$IH$27:$IH$5000,MATCH($B37,'p-y cyclic clay'!$C$27:$C$5000,1))))</f>
        <v>90</v>
      </c>
      <c r="Y37">
        <f>IF($D37="SAND",INDEX('p-y cyclic sand'!$AW$27:$AW$5000,MATCH($B37,'p-y cyclic sand'!$C$27:$C$5000,1)),IF(INDEX('CPT Data'!$S$12:$S$20000,MATCH($B37,'CPT Data'!$B$12:$B$20000,1))&lt;2,INDEX('p-y cyclic clay'!$GV$27:$GV$5000,MATCH($B37,'p-y cyclic clay'!$C$27:$C$5000,1)),INDEX('p-y cyclic clay'!$HV$27:$HV$5000,MATCH($B37,'p-y cyclic clay'!$C$27:$C$5000,1))))</f>
        <v>19286.077109959311</v>
      </c>
      <c r="Z37">
        <f>IF($D37="SAND",INDEX('p-y cyclic sand'!$AJ$27:$AJ$5000,MATCH($B37,'p-y cyclic sand'!$C$27:$C$5000,1)),IF(INDEX('CPT Data'!$S$12:$S$20000,MATCH($B37,'CPT Data'!$B$12:$B$20000,1))&lt;2,INDEX('p-y cyclic clay'!$HI$27:$HI$5000,MATCH($B37,'p-y cyclic clay'!$C$27:$C$5000,1)),INDEX('p-y cyclic clay'!$II$27:$II$5000,MATCH($B37,'p-y cyclic clay'!$C$27:$C$5000,1))))</f>
        <v>100</v>
      </c>
      <c r="AA37">
        <f>IF($D37="SAND",INDEX('p-y cyclic sand'!$AX$27:$AX$5000,MATCH($B37,'p-y cyclic sand'!$C$27:$C$5000,1)),IF(INDEX('CPT Data'!$S$12:$S$20000,MATCH($B37,'CPT Data'!$B$12:$B$20000,1))&lt;2,INDEX('p-y cyclic clay'!$GW$27:$GW$5000,MATCH($B37,'p-y cyclic clay'!$C$27:$C$5000,1)),INDEX('p-y cyclic clay'!$HW$27:$HW$5000,MATCH($B37,'p-y cyclic clay'!$C$27:$C$5000,1))))</f>
        <v>19422.7066506214</v>
      </c>
      <c r="AB37">
        <f>IF($D37="SAND",INDEX('p-y cyclic sand'!$AK$27:$AK$5000,MATCH($B37,'p-y cyclic sand'!$C$27:$C$5000,1)),IF(INDEX('CPT Data'!$S$12:$S$20000,MATCH($B37,'CPT Data'!$B$12:$B$20000,1))&lt;2,INDEX('p-y cyclic clay'!$HJ$27:$HJ$5000,MATCH($B37,'p-y cyclic clay'!$C$27:$C$5000,1)),INDEX('p-y cyclic clay'!$IJ$27:$IJ$5000,MATCH($B37,'p-y cyclic clay'!$C$27:$C$5000,1))))</f>
        <v>110</v>
      </c>
      <c r="AC37">
        <f>IF($D37="SAND",INDEX('p-y cyclic sand'!$AY$27:$AY$5000,MATCH($B37,'p-y cyclic sand'!$C$27:$C$5000,1)),IF(INDEX('CPT Data'!$S$12:$S$20000,MATCH($B37,'CPT Data'!$B$12:$B$20000,1))&lt;2,INDEX('p-y cyclic clay'!$GX$27:$GX$5000,MATCH($B37,'p-y cyclic clay'!$C$27:$C$5000,1)),INDEX('p-y cyclic clay'!$HX$27:$HX$5000,MATCH($B37,'p-y cyclic clay'!$C$27:$C$5000,1))))</f>
        <v>19508.943035231154</v>
      </c>
      <c r="AD37" s="98">
        <f>IF($D37="SAND",INDEX('p-y cyclic sand'!$AL$27:$AL$5000,MATCH($B37,'p-y cyclic sand'!$C$27:$C$5000,1)),IF(INDEX('CPT Data'!$S$12:$S$20000,MATCH($B37,'CPT Data'!$B$12:$B$20000,1))&lt;2,INDEX('p-y cyclic clay'!$HK$27:$HK$5000,MATCH($B37,'p-y cyclic clay'!$C$27:$C$5000,1)),INDEX('p-y cyclic clay'!$IK$27:$IK$5000,MATCH($B37,'p-y cyclic clay'!$C$27:$C$5000,1))))</f>
        <v>120</v>
      </c>
    </row>
    <row r="38" spans="1:30" x14ac:dyDescent="0.2">
      <c r="A38" s="214">
        <f t="shared" si="0"/>
        <v>-48.5</v>
      </c>
      <c r="B38" s="216">
        <f>'p-y cyclic clay'!C59</f>
        <v>33</v>
      </c>
      <c r="C38">
        <f>INDEX('CPT Data'!$C$13:$C$20000,MATCH(B38,'CPT Data'!$B$13:$B$20000,1))</f>
        <v>32.986000000000004</v>
      </c>
      <c r="D38" s="216" t="str">
        <f>INDEX('CPT Data'!$P$13:$P$20000,MATCH(B38,'CPT Data'!$B$13:$B$20000,1))</f>
        <v>SAND</v>
      </c>
      <c r="E38">
        <f>IF($D38="SAND",INDEX('p-y cyclic sand'!$AM$27:$AM$5000,MATCH($B38,'p-y cyclic sand'!$C$27:$C$5000,1)),IF(INDEX('CPT Data'!$S$12:$S$20000,MATCH($B38,'CPT Data'!$B$12:$B$20000,1))&lt;2,INDEX('p-y cyclic clay'!$GL$27:$GL$5000,MATCH($B38,'p-y cyclic clay'!$C$27:$C$5000,1)),INDEX('p-y cyclic clay'!$HL$27:$HL$5000,MATCH($B38,'p-y cyclic clay'!$C$27:$C$5000,1))))</f>
        <v>0</v>
      </c>
      <c r="F38">
        <f>IF($D38="SAND",INDEX('p-y cyclic sand'!$Z$27:$Z$5000,MATCH($B38,'p-y cyclic sand'!$C$27:$C$5000,1)),IF(INDEX('CPT Data'!$S$12:$S$20000,MATCH($B38,'CPT Data'!$B$12:$B$20000,1))&lt;2,INDEX('p-y cyclic clay'!$GY$27:$GY$5000,MATCH($B38,'p-y cyclic clay'!$C$27:$C$5000,1)),INDEX('p-y cyclic clay'!$HY$27:$HY$5000,MATCH($B38,'p-y cyclic clay'!$C$27:$C$5000,1))))</f>
        <v>0</v>
      </c>
      <c r="G38">
        <f>IF($D38="SAND",INDEX('p-y cyclic sand'!$AN$27:$AN$5000,MATCH($B38,'p-y cyclic sand'!$C$27:$C$5000,1)),IF(INDEX('CPT Data'!$S$12:$S$20000,MATCH($B38,'CPT Data'!$B$12:$B$20000,1))&lt;2,INDEX('p-y cyclic clay'!$GM$27:$GM$5000,MATCH($B38,'p-y cyclic clay'!$C$27:$C$5000,1)),INDEX('p-y cyclic clay'!$HM$27:$HM$5000,MATCH($B38,'p-y cyclic clay'!$C$27:$C$5000,1))))</f>
        <v>9776.6578056311482</v>
      </c>
      <c r="H38">
        <f>IF($D38="SAND",INDEX('p-y cyclic sand'!$AA$27:$AA$5000,MATCH($B38,'p-y cyclic sand'!$C$27:$C$5000,1)),IF(INDEX('CPT Data'!$S$12:$S$20000,MATCH($B38,'CPT Data'!$B$12:$B$20000,1))&lt;2,INDEX('p-y cyclic clay'!$GZ$27:$GZ$5000,MATCH($B38,'p-y cyclic clay'!$C$27:$C$5000,1)),INDEX('p-y cyclic clay'!$HZ$27:$HZ$5000,MATCH($B38,'p-y cyclic clay'!$C$27:$C$5000,1))))</f>
        <v>10</v>
      </c>
      <c r="I38">
        <f>IF($D38="SAND",INDEX('p-y cyclic sand'!$AO$27:$AO$5000,MATCH($B38,'p-y cyclic sand'!$C$27:$C$5000,1)),IF(INDEX('CPT Data'!$S$12:$S$20000,MATCH($B38,'CPT Data'!$B$12:$B$20000,1))&lt;2,INDEX('p-y cyclic clay'!$GN$27:$GN$5000,MATCH($B38,'p-y cyclic clay'!$C$27:$C$5000,1)),INDEX('p-y cyclic clay'!$HN$27:$HN$5000,MATCH($B38,'p-y cyclic clay'!$C$27:$C$5000,1))))</f>
        <v>18303.344381398787</v>
      </c>
      <c r="J38">
        <f>IF($D38="SAND",INDEX('p-y cyclic sand'!$AB$27:$AB$5000,MATCH($B38,'p-y cyclic sand'!$C$27:$C$5000,1)),IF(INDEX('CPT Data'!$S$12:$S$20000,MATCH($B38,'CPT Data'!$B$12:$B$20000,1))&lt;2,INDEX('p-y cyclic clay'!$HA$27:$HA$5000,MATCH($B38,'p-y cyclic clay'!$C$27:$C$5000,1)),INDEX('p-y cyclic clay'!$IA$27:$IA$5000,MATCH($B38,'p-y cyclic clay'!$C$27:$C$5000,1))))</f>
        <v>20</v>
      </c>
      <c r="K38">
        <f>IF($D38="SAND",INDEX('p-y cyclic sand'!$AP$27:$AP$5000,MATCH($B38,'p-y cyclic sand'!$C$27:$C$5000,1)),IF(INDEX('CPT Data'!$S$12:$S$20000,MATCH($B38,'CPT Data'!$B$12:$B$20000,1))&lt;2,INDEX('p-y cyclic clay'!$GO$27:$GO$5000,MATCH($B38,'p-y cyclic clay'!$C$27:$C$5000,1)),INDEX('p-y cyclic clay'!$HO$27:$HO$5000,MATCH($B38,'p-y cyclic clay'!$C$27:$C$5000,1))))</f>
        <v>24896.87207942336</v>
      </c>
      <c r="L38">
        <f>IF($D38="SAND",INDEX('p-y cyclic sand'!$AC$27:$AC$5000,MATCH($B38,'p-y cyclic sand'!$C$27:$C$5000,1)),IF(INDEX('CPT Data'!$S$12:$S$20000,MATCH($B38,'CPT Data'!$B$12:$B$20000,1))&lt;2,INDEX('p-y cyclic clay'!$HB$27:$HB$5000,MATCH($B38,'p-y cyclic clay'!$C$27:$C$5000,1)),INDEX('p-y cyclic clay'!$IB$27:$IB$5000,MATCH($B38,'p-y cyclic clay'!$C$27:$C$5000,1))))</f>
        <v>30</v>
      </c>
      <c r="M38">
        <f>IF($D38="SAND",INDEX('p-y cyclic sand'!$AQ$27:$AQ$5000,MATCH($B38,'p-y cyclic sand'!$C$27:$C$5000,1)),IF(INDEX('CPT Data'!$S$12:$S$20000,MATCH($B38,'CPT Data'!$B$12:$B$20000,1))&lt;2,INDEX('p-y cyclic clay'!$GP$27:$GP$5000,MATCH($B38,'p-y cyclic clay'!$C$27:$C$5000,1)),INDEX('p-y cyclic clay'!$HP$27:$HP$5000,MATCH($B38,'p-y cyclic clay'!$C$27:$C$5000,1))))</f>
        <v>29536.79342460867</v>
      </c>
      <c r="N38">
        <f>IF($D38="SAND",INDEX('p-y cyclic sand'!$AD$27:$AD$5000,MATCH($B38,'p-y cyclic sand'!$C$27:$C$5000,1)),IF(INDEX('CPT Data'!$S$12:$S$20000,MATCH($B38,'CPT Data'!$B$12:$B$20000,1))&lt;2,INDEX('p-y cyclic clay'!$HC$27:$HC$5000,MATCH($B38,'p-y cyclic clay'!$C$27:$C$5000,1)),INDEX('p-y cyclic clay'!$IC$27:$IC$5000,MATCH($B38,'p-y cyclic clay'!$C$27:$C$5000,1))))</f>
        <v>40</v>
      </c>
      <c r="O38">
        <f>IF($D38="SAND",INDEX('p-y cyclic sand'!$AR$27:$AR$5000,MATCH($B38,'p-y cyclic sand'!$C$27:$C$5000,1)),IF(INDEX('CPT Data'!$S$12:$S$20000,MATCH($B38,'CPT Data'!$B$12:$B$20000,1))&lt;2,INDEX('p-y cyclic clay'!$GQ$27:$GQ$5000,MATCH($B38,'p-y cyclic clay'!$C$27:$C$5000,1)),INDEX('p-y cyclic clay'!$HQ$27:$HQ$5000,MATCH($B38,'p-y cyclic clay'!$C$27:$C$5000,1))))</f>
        <v>32589.555962967625</v>
      </c>
      <c r="P38">
        <f>IF($D38="SAND",INDEX('p-y cyclic sand'!$AE$27:$AE$5000,MATCH($B38,'p-y cyclic sand'!$C$27:$C$5000,1)),IF(INDEX('CPT Data'!$S$12:$S$20000,MATCH($B38,'CPT Data'!$B$12:$B$20000,1))&lt;2,INDEX('p-y cyclic clay'!$HD$27:$HD$5000,MATCH($B38,'p-y cyclic clay'!$C$27:$C$5000,1)),INDEX('p-y cyclic clay'!$ID$27:$ID$5000,MATCH($B38,'p-y cyclic clay'!$C$27:$C$5000,1))))</f>
        <v>50</v>
      </c>
      <c r="Q38">
        <f>IF($D38="SAND",INDEX('p-y cyclic sand'!$AS$27:$AS$5000,MATCH($B38,'p-y cyclic sand'!$C$27:$C$5000,1)),IF(INDEX('CPT Data'!$S$12:$S$20000,MATCH($B38,'CPT Data'!$B$12:$B$20000,1))&lt;2,INDEX('p-y cyclic clay'!$GR$27:$GR$5000,MATCH($B38,'p-y cyclic clay'!$C$27:$C$5000,1)),INDEX('p-y cyclic clay'!$HR$27:$HR$5000,MATCH($B38,'p-y cyclic clay'!$C$27:$C$5000,1))))</f>
        <v>34510.158229457622</v>
      </c>
      <c r="R38">
        <f>IF($D38="SAND",INDEX('p-y cyclic sand'!$AF$27:$AF$5000,MATCH($B38,'p-y cyclic sand'!$C$27:$C$5000,1)),IF(INDEX('CPT Data'!$S$12:$S$20000,MATCH($B38,'CPT Data'!$B$12:$B$20000,1))&lt;2,INDEX('p-y cyclic clay'!$HE$27:$HE$5000,MATCH($B38,'p-y cyclic clay'!$C$27:$C$5000,1)),INDEX('p-y cyclic clay'!$IE$27:$IE$5000,MATCH($B38,'p-y cyclic clay'!$C$27:$C$5000,1))))</f>
        <v>60</v>
      </c>
      <c r="S38">
        <f>IF($D38="SAND",INDEX('p-y cyclic sand'!$AT$27:$AT$5000,MATCH($B38,'p-y cyclic sand'!$C$27:$C$5000,1)),IF(INDEX('CPT Data'!$S$12:$S$20000,MATCH($B38,'CPT Data'!$B$12:$B$20000,1))&lt;2,INDEX('p-y cyclic clay'!$GS$27:$GS$5000,MATCH($B38,'p-y cyclic clay'!$C$27:$C$5000,1)),INDEX('p-y cyclic clay'!$HS$27:$HS$5000,MATCH($B38,'p-y cyclic clay'!$C$27:$C$5000,1))))</f>
        <v>35684.654428377893</v>
      </c>
      <c r="T38">
        <f>IF($D38="SAND",INDEX('p-y cyclic sand'!$AG$27:$AG$5000,MATCH($B38,'p-y cyclic sand'!$C$27:$C$5000,1)),IF(INDEX('CPT Data'!$S$12:$S$20000,MATCH($B38,'CPT Data'!$B$12:$B$20000,1))&lt;2,INDEX('p-y cyclic clay'!$HF$27:$HF$5000,MATCH($B38,'p-y cyclic clay'!$C$27:$C$5000,1)),INDEX('p-y cyclic clay'!$IF$27:$IF$5000,MATCH($B38,'p-y cyclic clay'!$C$27:$C$5000,1))))</f>
        <v>70</v>
      </c>
      <c r="U38">
        <f>IF($D38="SAND",INDEX('p-y cyclic sand'!$AU$27:$AU$5000,MATCH($B38,'p-y cyclic sand'!$C$27:$C$5000,1)),IF(INDEX('CPT Data'!$S$12:$S$20000,MATCH($B38,'CPT Data'!$B$12:$B$20000,1))&lt;2,INDEX('p-y cyclic clay'!$GT$27:$GT$5000,MATCH($B38,'p-y cyclic clay'!$C$27:$C$5000,1)),INDEX('p-y cyclic clay'!$HT$27:$HT$5000,MATCH($B38,'p-y cyclic clay'!$C$27:$C$5000,1))))</f>
        <v>36390.458330155583</v>
      </c>
      <c r="V38">
        <f>IF($D38="SAND",INDEX('p-y cyclic sand'!$AH$27:$AH$5000,MATCH($B38,'p-y cyclic sand'!$C$27:$C$5000,1)),IF(INDEX('CPT Data'!$S$12:$S$20000,MATCH($B38,'CPT Data'!$B$12:$B$20000,1))&lt;2,INDEX('p-y cyclic clay'!$HG$27:$HG$5000,MATCH($B38,'p-y cyclic clay'!$C$27:$C$5000,1)),INDEX('p-y cyclic clay'!$IG$27:$IG$5000,MATCH($B38,'p-y cyclic clay'!$C$27:$C$5000,1))))</f>
        <v>80</v>
      </c>
      <c r="W38">
        <f>IF($D38="SAND",INDEX('p-y cyclic sand'!$AV$27:$AV$5000,MATCH($B38,'p-y cyclic sand'!$C$27:$C$5000,1)),IF(INDEX('CPT Data'!$S$12:$S$20000,MATCH($B38,'CPT Data'!$B$12:$B$20000,1))&lt;2,INDEX('p-y cyclic clay'!$GU$27:$GU$5000,MATCH($B38,'p-y cyclic clay'!$C$27:$C$5000,1)),INDEX('p-y cyclic clay'!$HU$27:$HU$5000,MATCH($B38,'p-y cyclic clay'!$C$27:$C$5000,1))))</f>
        <v>36810.16363462677</v>
      </c>
      <c r="X38">
        <f>IF($D38="SAND",INDEX('p-y cyclic sand'!$AI$27:$AI$5000,MATCH($B38,'p-y cyclic sand'!$C$27:$C$5000,1)),IF(INDEX('CPT Data'!$S$12:$S$20000,MATCH($B38,'CPT Data'!$B$12:$B$20000,1))&lt;2,INDEX('p-y cyclic clay'!$HH$27:$HH$5000,MATCH($B38,'p-y cyclic clay'!$C$27:$C$5000,1)),INDEX('p-y cyclic clay'!$IH$27:$IH$5000,MATCH($B38,'p-y cyclic clay'!$C$27:$C$5000,1))))</f>
        <v>90</v>
      </c>
      <c r="Y38">
        <f>IF($D38="SAND",INDEX('p-y cyclic sand'!$AW$27:$AW$5000,MATCH($B38,'p-y cyclic sand'!$C$27:$C$5000,1)),IF(INDEX('CPT Data'!$S$12:$S$20000,MATCH($B38,'CPT Data'!$B$12:$B$20000,1))&lt;2,INDEX('p-y cyclic clay'!$GV$27:$GV$5000,MATCH($B38,'p-y cyclic clay'!$C$27:$C$5000,1)),INDEX('p-y cyclic clay'!$HV$27:$HV$5000,MATCH($B38,'p-y cyclic clay'!$C$27:$C$5000,1))))</f>
        <v>37058.17998328351</v>
      </c>
      <c r="Z38">
        <f>IF($D38="SAND",INDEX('p-y cyclic sand'!$AJ$27:$AJ$5000,MATCH($B38,'p-y cyclic sand'!$C$27:$C$5000,1)),IF(INDEX('CPT Data'!$S$12:$S$20000,MATCH($B38,'CPT Data'!$B$12:$B$20000,1))&lt;2,INDEX('p-y cyclic clay'!$HI$27:$HI$5000,MATCH($B38,'p-y cyclic clay'!$C$27:$C$5000,1)),INDEX('p-y cyclic clay'!$II$27:$II$5000,MATCH($B38,'p-y cyclic clay'!$C$27:$C$5000,1))))</f>
        <v>100</v>
      </c>
      <c r="AA38">
        <f>IF($D38="SAND",INDEX('p-y cyclic sand'!$AX$27:$AX$5000,MATCH($B38,'p-y cyclic sand'!$C$27:$C$5000,1)),IF(INDEX('CPT Data'!$S$12:$S$20000,MATCH($B38,'CPT Data'!$B$12:$B$20000,1))&lt;2,INDEX('p-y cyclic clay'!$GW$27:$GW$5000,MATCH($B38,'p-y cyclic clay'!$C$27:$C$5000,1)),INDEX('p-y cyclic clay'!$HW$27:$HW$5000,MATCH($B38,'p-y cyclic clay'!$C$27:$C$5000,1))))</f>
        <v>37204.197203687087</v>
      </c>
      <c r="AB38">
        <f>IF($D38="SAND",INDEX('p-y cyclic sand'!$AK$27:$AK$5000,MATCH($B38,'p-y cyclic sand'!$C$27:$C$5000,1)),IF(INDEX('CPT Data'!$S$12:$S$20000,MATCH($B38,'CPT Data'!$B$12:$B$20000,1))&lt;2,INDEX('p-y cyclic clay'!$HJ$27:$HJ$5000,MATCH($B38,'p-y cyclic clay'!$C$27:$C$5000,1)),INDEX('p-y cyclic clay'!$IJ$27:$IJ$5000,MATCH($B38,'p-y cyclic clay'!$C$27:$C$5000,1))))</f>
        <v>110</v>
      </c>
      <c r="AC38">
        <f>IF($D38="SAND",INDEX('p-y cyclic sand'!$AY$27:$AY$5000,MATCH($B38,'p-y cyclic sand'!$C$27:$C$5000,1)),IF(INDEX('CPT Data'!$S$12:$S$20000,MATCH($B38,'CPT Data'!$B$12:$B$20000,1))&lt;2,INDEX('p-y cyclic clay'!$GX$27:$GX$5000,MATCH($B38,'p-y cyclic clay'!$C$27:$C$5000,1)),INDEX('p-y cyclic clay'!$HX$27:$HX$5000,MATCH($B38,'p-y cyclic clay'!$C$27:$C$5000,1))))</f>
        <v>37289.975619518715</v>
      </c>
      <c r="AD38" s="98">
        <f>IF($D38="SAND",INDEX('p-y cyclic sand'!$AL$27:$AL$5000,MATCH($B38,'p-y cyclic sand'!$C$27:$C$5000,1)),IF(INDEX('CPT Data'!$S$12:$S$20000,MATCH($B38,'CPT Data'!$B$12:$B$20000,1))&lt;2,INDEX('p-y cyclic clay'!$HK$27:$HK$5000,MATCH($B38,'p-y cyclic clay'!$C$27:$C$5000,1)),INDEX('p-y cyclic clay'!$IK$27:$IK$5000,MATCH($B38,'p-y cyclic clay'!$C$27:$C$5000,1))))</f>
        <v>120</v>
      </c>
    </row>
    <row r="39" spans="1:30" x14ac:dyDescent="0.2">
      <c r="A39" s="214">
        <f t="shared" si="0"/>
        <v>-49.5</v>
      </c>
      <c r="B39" s="216">
        <f>'p-y cyclic clay'!C60</f>
        <v>34</v>
      </c>
      <c r="C39">
        <f>INDEX('CPT Data'!$C$13:$C$20000,MATCH(B39,'CPT Data'!$B$13:$B$20000,1))</f>
        <v>33.993000000000002</v>
      </c>
      <c r="D39" s="216" t="str">
        <f>INDEX('CPT Data'!$P$13:$P$20000,MATCH(B39,'CPT Data'!$B$13:$B$20000,1))</f>
        <v>CLAY</v>
      </c>
      <c r="E39">
        <f>IF($D39="SAND",INDEX('p-y cyclic sand'!$AM$27:$AM$5000,MATCH($B39,'p-y cyclic sand'!$C$27:$C$5000,1)),IF(INDEX('CPT Data'!$S$12:$S$20000,MATCH($B39,'CPT Data'!$B$12:$B$20000,1))&lt;2,INDEX('p-y cyclic clay'!$GL$27:$GL$5000,MATCH($B39,'p-y cyclic clay'!$C$27:$C$5000,1)),INDEX('p-y cyclic clay'!$HL$27:$HL$5000,MATCH($B39,'p-y cyclic clay'!$C$27:$C$5000,1))))</f>
        <v>0</v>
      </c>
      <c r="F39">
        <f>IF($D39="SAND",INDEX('p-y cyclic sand'!$Z$27:$Z$5000,MATCH($B39,'p-y cyclic sand'!$C$27:$C$5000,1)),IF(INDEX('CPT Data'!$S$12:$S$20000,MATCH($B39,'CPT Data'!$B$12:$B$20000,1))&lt;2,INDEX('p-y cyclic clay'!$GY$27:$GY$5000,MATCH($B39,'p-y cyclic clay'!$C$27:$C$5000,1)),INDEX('p-y cyclic clay'!$HY$27:$HY$5000,MATCH($B39,'p-y cyclic clay'!$C$27:$C$5000,1))))</f>
        <v>0</v>
      </c>
      <c r="G39">
        <f>IF($D39="SAND",INDEX('p-y cyclic sand'!$AN$27:$AN$5000,MATCH($B39,'p-y cyclic sand'!$C$27:$C$5000,1)),IF(INDEX('CPT Data'!$S$12:$S$20000,MATCH($B39,'CPT Data'!$B$12:$B$20000,1))&lt;2,INDEX('p-y cyclic clay'!$GM$27:$GM$5000,MATCH($B39,'p-y cyclic clay'!$C$27:$C$5000,1)),INDEX('p-y cyclic clay'!$HM$27:$HM$5000,MATCH($B39,'p-y cyclic clay'!$C$27:$C$5000,1))))</f>
        <v>520.58339036743962</v>
      </c>
      <c r="H39">
        <f>IF($D39="SAND",INDEX('p-y cyclic sand'!$AA$27:$AA$5000,MATCH($B39,'p-y cyclic sand'!$C$27:$C$5000,1)),IF(INDEX('CPT Data'!$S$12:$S$20000,MATCH($B39,'CPT Data'!$B$12:$B$20000,1))&lt;2,INDEX('p-y cyclic clay'!$GZ$27:$GZ$5000,MATCH($B39,'p-y cyclic clay'!$C$27:$C$5000,1)),INDEX('p-y cyclic clay'!$HZ$27:$HZ$5000,MATCH($B39,'p-y cyclic clay'!$C$27:$C$5000,1))))</f>
        <v>1.0271594033688394</v>
      </c>
      <c r="I39">
        <f>IF($D39="SAND",INDEX('p-y cyclic sand'!$AO$27:$AO$5000,MATCH($B39,'p-y cyclic sand'!$C$27:$C$5000,1)),IF(INDEX('CPT Data'!$S$12:$S$20000,MATCH($B39,'CPT Data'!$B$12:$B$20000,1))&lt;2,INDEX('p-y cyclic clay'!$GN$27:$GN$5000,MATCH($B39,'p-y cyclic clay'!$C$27:$C$5000,1)),INDEX('p-y cyclic clay'!$HN$27:$HN$5000,MATCH($B39,'p-y cyclic clay'!$C$27:$C$5000,1))))</f>
        <v>2033.1151264655152</v>
      </c>
      <c r="J39">
        <f>IF($D39="SAND",INDEX('p-y cyclic sand'!$AB$27:$AB$5000,MATCH($B39,'p-y cyclic sand'!$C$27:$C$5000,1)),IF(INDEX('CPT Data'!$S$12:$S$20000,MATCH($B39,'CPT Data'!$B$12:$B$20000,1))&lt;2,INDEX('p-y cyclic clay'!$HA$27:$HA$5000,MATCH($B39,'p-y cyclic clay'!$C$27:$C$5000,1)),INDEX('p-y cyclic clay'!$IA$27:$IA$5000,MATCH($B39,'p-y cyclic clay'!$C$27:$C$5000,1))))</f>
        <v>9.9777755828360686</v>
      </c>
      <c r="K39">
        <f>IF($D39="SAND",INDEX('p-y cyclic sand'!$AP$27:$AP$5000,MATCH($B39,'p-y cyclic sand'!$C$27:$C$5000,1)),IF(INDEX('CPT Data'!$S$12:$S$20000,MATCH($B39,'CPT Data'!$B$12:$B$20000,1))&lt;2,INDEX('p-y cyclic clay'!$GO$27:$GO$5000,MATCH($B39,'p-y cyclic clay'!$C$27:$C$5000,1)),INDEX('p-y cyclic clay'!$HO$27:$HO$5000,MATCH($B39,'p-y cyclic clay'!$C$27:$C$5000,1))))</f>
        <v>2996.9524402534144</v>
      </c>
      <c r="L39">
        <f>IF($D39="SAND",INDEX('p-y cyclic sand'!$AC$27:$AC$5000,MATCH($B39,'p-y cyclic sand'!$C$27:$C$5000,1)),IF(INDEX('CPT Data'!$S$12:$S$20000,MATCH($B39,'CPT Data'!$B$12:$B$20000,1))&lt;2,INDEX('p-y cyclic clay'!$HB$27:$HB$5000,MATCH($B39,'p-y cyclic clay'!$C$27:$C$5000,1)),INDEX('p-y cyclic clay'!$IB$27:$IB$5000,MATCH($B39,'p-y cyclic clay'!$C$27:$C$5000,1))))</f>
        <v>20.256444763377388</v>
      </c>
      <c r="M39">
        <f>IF($D39="SAND",INDEX('p-y cyclic sand'!$AQ$27:$AQ$5000,MATCH($B39,'p-y cyclic sand'!$C$27:$C$5000,1)),IF(INDEX('CPT Data'!$S$12:$S$20000,MATCH($B39,'CPT Data'!$B$12:$B$20000,1))&lt;2,INDEX('p-y cyclic clay'!$GP$27:$GP$5000,MATCH($B39,'p-y cyclic clay'!$C$27:$C$5000,1)),INDEX('p-y cyclic clay'!$HP$27:$HP$5000,MATCH($B39,'p-y cyclic clay'!$C$27:$C$5000,1))))</f>
        <v>3921.3801634338001</v>
      </c>
      <c r="N39">
        <f>IF($D39="SAND",INDEX('p-y cyclic sand'!$AD$27:$AD$5000,MATCH($B39,'p-y cyclic sand'!$C$27:$C$5000,1)),IF(INDEX('CPT Data'!$S$12:$S$20000,MATCH($B39,'CPT Data'!$B$12:$B$20000,1))&lt;2,INDEX('p-y cyclic clay'!$HC$27:$HC$5000,MATCH($B39,'p-y cyclic clay'!$C$27:$C$5000,1)),INDEX('p-y cyclic clay'!$IC$27:$IC$5000,MATCH($B39,'p-y cyclic clay'!$C$27:$C$5000,1))))</f>
        <v>37.379574348358581</v>
      </c>
      <c r="O39">
        <f>IF($D39="SAND",INDEX('p-y cyclic sand'!$AR$27:$AR$5000,MATCH($B39,'p-y cyclic sand'!$C$27:$C$5000,1)),IF(INDEX('CPT Data'!$S$12:$S$20000,MATCH($B39,'CPT Data'!$B$12:$B$20000,1))&lt;2,INDEX('p-y cyclic clay'!$GQ$27:$GQ$5000,MATCH($B39,'p-y cyclic clay'!$C$27:$C$5000,1)),INDEX('p-y cyclic clay'!$HQ$27:$HQ$5000,MATCH($B39,'p-y cyclic clay'!$C$27:$C$5000,1))))</f>
        <v>4802.5130118201014</v>
      </c>
      <c r="P39">
        <f>IF($D39="SAND",INDEX('p-y cyclic sand'!$AE$27:$AE$5000,MATCH($B39,'p-y cyclic sand'!$C$27:$C$5000,1)),IF(INDEX('CPT Data'!$S$12:$S$20000,MATCH($B39,'CPT Data'!$B$12:$B$20000,1))&lt;2,INDEX('p-y cyclic clay'!$HD$27:$HD$5000,MATCH($B39,'p-y cyclic clay'!$C$27:$C$5000,1)),INDEX('p-y cyclic clay'!$ID$27:$ID$5000,MATCH($B39,'p-y cyclic clay'!$C$27:$C$5000,1))))</f>
        <v>58.597625162788141</v>
      </c>
      <c r="Q39">
        <f>IF($D39="SAND",INDEX('p-y cyclic sand'!$AS$27:$AS$5000,MATCH($B39,'p-y cyclic sand'!$C$27:$C$5000,1)),IF(INDEX('CPT Data'!$S$12:$S$20000,MATCH($B39,'CPT Data'!$B$12:$B$20000,1))&lt;2,INDEX('p-y cyclic clay'!$GR$27:$GR$5000,MATCH($B39,'p-y cyclic clay'!$C$27:$C$5000,1)),INDEX('p-y cyclic clay'!$HR$27:$HR$5000,MATCH($B39,'p-y cyclic clay'!$C$27:$C$5000,1))))</f>
        <v>5635.7440140695981</v>
      </c>
      <c r="R39">
        <f>IF($D39="SAND",INDEX('p-y cyclic sand'!$AF$27:$AF$5000,MATCH($B39,'p-y cyclic sand'!$C$27:$C$5000,1)),IF(INDEX('CPT Data'!$S$12:$S$20000,MATCH($B39,'CPT Data'!$B$12:$B$20000,1))&lt;2,INDEX('p-y cyclic clay'!$HE$27:$HE$5000,MATCH($B39,'p-y cyclic clay'!$C$27:$C$5000,1)),INDEX('p-y cyclic clay'!$IE$27:$IE$5000,MATCH($B39,'p-y cyclic clay'!$C$27:$C$5000,1))))</f>
        <v>86.17298950935529</v>
      </c>
      <c r="S39">
        <f>IF($D39="SAND",INDEX('p-y cyclic sand'!$AT$27:$AT$5000,MATCH($B39,'p-y cyclic sand'!$C$27:$C$5000,1)),IF(INDEX('CPT Data'!$S$12:$S$20000,MATCH($B39,'CPT Data'!$B$12:$B$20000,1))&lt;2,INDEX('p-y cyclic clay'!$GS$27:$GS$5000,MATCH($B39,'p-y cyclic clay'!$C$27:$C$5000,1)),INDEX('p-y cyclic clay'!$HS$27:$HS$5000,MATCH($B39,'p-y cyclic clay'!$C$27:$C$5000,1))))</f>
        <v>6415.5426467838597</v>
      </c>
      <c r="T39">
        <f>IF($D39="SAND",INDEX('p-y cyclic sand'!$AG$27:$AG$5000,MATCH($B39,'p-y cyclic sand'!$C$27:$C$5000,1)),IF(INDEX('CPT Data'!$S$12:$S$20000,MATCH($B39,'CPT Data'!$B$12:$B$20000,1))&lt;2,INDEX('p-y cyclic clay'!$HF$27:$HF$5000,MATCH($B39,'p-y cyclic clay'!$C$27:$C$5000,1)),INDEX('p-y cyclic clay'!$IF$27:$IF$5000,MATCH($B39,'p-y cyclic clay'!$C$27:$C$5000,1))))</f>
        <v>126.76228550889196</v>
      </c>
      <c r="U39">
        <f>IF($D39="SAND",INDEX('p-y cyclic sand'!$AU$27:$AU$5000,MATCH($B39,'p-y cyclic sand'!$C$27:$C$5000,1)),IF(INDEX('CPT Data'!$S$12:$S$20000,MATCH($B39,'CPT Data'!$B$12:$B$20000,1))&lt;2,INDEX('p-y cyclic clay'!$GT$27:$GT$5000,MATCH($B39,'p-y cyclic clay'!$C$27:$C$5000,1)),INDEX('p-y cyclic clay'!$HT$27:$HT$5000,MATCH($B39,'p-y cyclic clay'!$C$27:$C$5000,1))))</f>
        <v>7135.174999164582</v>
      </c>
      <c r="V39">
        <f>IF($D39="SAND",INDEX('p-y cyclic sand'!$AH$27:$AH$5000,MATCH($B39,'p-y cyclic sand'!$C$27:$C$5000,1)),IF(INDEX('CPT Data'!$S$12:$S$20000,MATCH($B39,'CPT Data'!$B$12:$B$20000,1))&lt;2,INDEX('p-y cyclic clay'!$HG$27:$HG$5000,MATCH($B39,'p-y cyclic clay'!$C$27:$C$5000,1)),INDEX('p-y cyclic clay'!$IG$27:$IG$5000,MATCH($B39,'p-y cyclic clay'!$C$27:$C$5000,1))))</f>
        <v>187.67072348226159</v>
      </c>
      <c r="W39">
        <f>IF($D39="SAND",INDEX('p-y cyclic sand'!$AV$27:$AV$5000,MATCH($B39,'p-y cyclic sand'!$C$27:$C$5000,1)),IF(INDEX('CPT Data'!$S$12:$S$20000,MATCH($B39,'CPT Data'!$B$12:$B$20000,1))&lt;2,INDEX('p-y cyclic clay'!$GU$27:$GU$5000,MATCH($B39,'p-y cyclic clay'!$C$27:$C$5000,1)),INDEX('p-y cyclic clay'!$HU$27:$HU$5000,MATCH($B39,'p-y cyclic clay'!$C$27:$C$5000,1))))</f>
        <v>7786.3061919186457</v>
      </c>
      <c r="X39">
        <f>IF($D39="SAND",INDEX('p-y cyclic sand'!$AI$27:$AI$5000,MATCH($B39,'p-y cyclic sand'!$C$27:$C$5000,1)),IF(INDEX('CPT Data'!$S$12:$S$20000,MATCH($B39,'CPT Data'!$B$12:$B$20000,1))&lt;2,INDEX('p-y cyclic clay'!$HH$27:$HH$5000,MATCH($B39,'p-y cyclic clay'!$C$27:$C$5000,1)),INDEX('p-y cyclic clay'!$IH$27:$IH$5000,MATCH($B39,'p-y cyclic clay'!$C$27:$C$5000,1))))</f>
        <v>294.99004596172227</v>
      </c>
      <c r="Y39">
        <f>IF($D39="SAND",INDEX('p-y cyclic sand'!$AW$27:$AW$5000,MATCH($B39,'p-y cyclic sand'!$C$27:$C$5000,1)),IF(INDEX('CPT Data'!$S$12:$S$20000,MATCH($B39,'CPT Data'!$B$12:$B$20000,1))&lt;2,INDEX('p-y cyclic clay'!$GV$27:$GV$5000,MATCH($B39,'p-y cyclic clay'!$C$27:$C$5000,1)),INDEX('p-y cyclic clay'!$HV$27:$HV$5000,MATCH($B39,'p-y cyclic clay'!$C$27:$C$5000,1))))</f>
        <v>8223.4784249985696</v>
      </c>
      <c r="Z39">
        <f>IF($D39="SAND",INDEX('p-y cyclic sand'!$AJ$27:$AJ$5000,MATCH($B39,'p-y cyclic sand'!$C$27:$C$5000,1)),IF(INDEX('CPT Data'!$S$12:$S$20000,MATCH($B39,'CPT Data'!$B$12:$B$20000,1))&lt;2,INDEX('p-y cyclic clay'!$HI$27:$HI$5000,MATCH($B39,'p-y cyclic clay'!$C$27:$C$5000,1)),INDEX('p-y cyclic clay'!$II$27:$II$5000,MATCH($B39,'p-y cyclic clay'!$C$27:$C$5000,1))))</f>
        <v>462.16435733668919</v>
      </c>
      <c r="AA39">
        <f>IF($D39="SAND",INDEX('p-y cyclic sand'!$AX$27:$AX$5000,MATCH($B39,'p-y cyclic sand'!$C$27:$C$5000,1)),IF(INDEX('CPT Data'!$S$12:$S$20000,MATCH($B39,'CPT Data'!$B$12:$B$20000,1))&lt;2,INDEX('p-y cyclic clay'!$GW$27:$GW$5000,MATCH($B39,'p-y cyclic clay'!$C$27:$C$5000,1)),INDEX('p-y cyclic clay'!$HW$27:$HW$5000,MATCH($B39,'p-y cyclic clay'!$C$27:$C$5000,1))))</f>
        <v>8358.4191402683518</v>
      </c>
      <c r="AB39">
        <f>IF($D39="SAND",INDEX('p-y cyclic sand'!$AK$27:$AK$5000,MATCH($B39,'p-y cyclic sand'!$C$27:$C$5000,1)),IF(INDEX('CPT Data'!$S$12:$S$20000,MATCH($B39,'CPT Data'!$B$12:$B$20000,1))&lt;2,INDEX('p-y cyclic clay'!$HJ$27:$HJ$5000,MATCH($B39,'p-y cyclic clay'!$C$27:$C$5000,1)),INDEX('p-y cyclic clay'!$IJ$27:$IJ$5000,MATCH($B39,'p-y cyclic clay'!$C$27:$C$5000,1))))</f>
        <v>600.93204370008323</v>
      </c>
      <c r="AC39">
        <f>IF($D39="SAND",INDEX('p-y cyclic sand'!$AY$27:$AY$5000,MATCH($B39,'p-y cyclic sand'!$C$27:$C$5000,1)),IF(INDEX('CPT Data'!$S$12:$S$20000,MATCH($B39,'CPT Data'!$B$12:$B$20000,1))&lt;2,INDEX('p-y cyclic clay'!$GX$27:$GX$5000,MATCH($B39,'p-y cyclic clay'!$C$27:$C$5000,1)),INDEX('p-y cyclic clay'!$HX$27:$HX$5000,MATCH($B39,'p-y cyclic clay'!$C$27:$C$5000,1))))</f>
        <v>8358.4191402683518</v>
      </c>
      <c r="AD39" s="98">
        <f>IF($D39="SAND",INDEX('p-y cyclic sand'!$AL$27:$AL$5000,MATCH($B39,'p-y cyclic sand'!$C$27:$C$5000,1)),IF(INDEX('CPT Data'!$S$12:$S$20000,MATCH($B39,'CPT Data'!$B$12:$B$20000,1))&lt;2,INDEX('p-y cyclic clay'!$HK$27:$HK$5000,MATCH($B39,'p-y cyclic clay'!$C$27:$C$5000,1)),INDEX('p-y cyclic clay'!$IK$27:$IK$5000,MATCH($B39,'p-y cyclic clay'!$C$27:$C$5000,1))))</f>
        <v>5432.4746895721391</v>
      </c>
    </row>
    <row r="40" spans="1:30" x14ac:dyDescent="0.2">
      <c r="A40" s="214">
        <f t="shared" si="0"/>
        <v>-50.5</v>
      </c>
      <c r="B40" s="216">
        <f>'p-y cyclic clay'!C61</f>
        <v>35</v>
      </c>
      <c r="C40">
        <f>INDEX('CPT Data'!$C$13:$C$20000,MATCH(B40,'CPT Data'!$B$13:$B$20000,1))</f>
        <v>34.984000000000002</v>
      </c>
      <c r="D40" s="216" t="str">
        <f>INDEX('CPT Data'!$P$13:$P$20000,MATCH(B40,'CPT Data'!$B$13:$B$20000,1))</f>
        <v>CLAY</v>
      </c>
      <c r="E40">
        <f>IF($D40="SAND",INDEX('p-y cyclic sand'!$AM$27:$AM$5000,MATCH($B40,'p-y cyclic sand'!$C$27:$C$5000,1)),IF(INDEX('CPT Data'!$S$12:$S$20000,MATCH($B40,'CPT Data'!$B$12:$B$20000,1))&lt;2,INDEX('p-y cyclic clay'!$GL$27:$GL$5000,MATCH($B40,'p-y cyclic clay'!$C$27:$C$5000,1)),INDEX('p-y cyclic clay'!$HL$27:$HL$5000,MATCH($B40,'p-y cyclic clay'!$C$27:$C$5000,1))))</f>
        <v>0</v>
      </c>
      <c r="F40">
        <f>IF($D40="SAND",INDEX('p-y cyclic sand'!$Z$27:$Z$5000,MATCH($B40,'p-y cyclic sand'!$C$27:$C$5000,1)),IF(INDEX('CPT Data'!$S$12:$S$20000,MATCH($B40,'CPT Data'!$B$12:$B$20000,1))&lt;2,INDEX('p-y cyclic clay'!$GY$27:$GY$5000,MATCH($B40,'p-y cyclic clay'!$C$27:$C$5000,1)),INDEX('p-y cyclic clay'!$HY$27:$HY$5000,MATCH($B40,'p-y cyclic clay'!$C$27:$C$5000,1))))</f>
        <v>0</v>
      </c>
      <c r="G40">
        <f>IF($D40="SAND",INDEX('p-y cyclic sand'!$AN$27:$AN$5000,MATCH($B40,'p-y cyclic sand'!$C$27:$C$5000,1)),IF(INDEX('CPT Data'!$S$12:$S$20000,MATCH($B40,'CPT Data'!$B$12:$B$20000,1))&lt;2,INDEX('p-y cyclic clay'!$GM$27:$GM$5000,MATCH($B40,'p-y cyclic clay'!$C$27:$C$5000,1)),INDEX('p-y cyclic clay'!$HM$27:$HM$5000,MATCH($B40,'p-y cyclic clay'!$C$27:$C$5000,1))))</f>
        <v>750.34938999434758</v>
      </c>
      <c r="H40">
        <f>IF($D40="SAND",INDEX('p-y cyclic sand'!$AA$27:$AA$5000,MATCH($B40,'p-y cyclic sand'!$C$27:$C$5000,1)),IF(INDEX('CPT Data'!$S$12:$S$20000,MATCH($B40,'CPT Data'!$B$12:$B$20000,1))&lt;2,INDEX('p-y cyclic clay'!$GZ$27:$GZ$5000,MATCH($B40,'p-y cyclic clay'!$C$27:$C$5000,1)),INDEX('p-y cyclic clay'!$HZ$27:$HZ$5000,MATCH($B40,'p-y cyclic clay'!$C$27:$C$5000,1))))</f>
        <v>1.1522140035151356</v>
      </c>
      <c r="I40">
        <f>IF($D40="SAND",INDEX('p-y cyclic sand'!$AO$27:$AO$5000,MATCH($B40,'p-y cyclic sand'!$C$27:$C$5000,1)),IF(INDEX('CPT Data'!$S$12:$S$20000,MATCH($B40,'CPT Data'!$B$12:$B$20000,1))&lt;2,INDEX('p-y cyclic clay'!$GN$27:$GN$5000,MATCH($B40,'p-y cyclic clay'!$C$27:$C$5000,1)),INDEX('p-y cyclic clay'!$HN$27:$HN$5000,MATCH($B40,'p-y cyclic clay'!$C$27:$C$5000,1))))</f>
        <v>2930.4559522248965</v>
      </c>
      <c r="J40">
        <f>IF($D40="SAND",INDEX('p-y cyclic sand'!$AB$27:$AB$5000,MATCH($B40,'p-y cyclic sand'!$C$27:$C$5000,1)),IF(INDEX('CPT Data'!$S$12:$S$20000,MATCH($B40,'CPT Data'!$B$12:$B$20000,1))&lt;2,INDEX('p-y cyclic clay'!$HA$27:$HA$5000,MATCH($B40,'p-y cyclic clay'!$C$27:$C$5000,1)),INDEX('p-y cyclic clay'!$IA$27:$IA$5000,MATCH($B40,'p-y cyclic clay'!$C$27:$C$5000,1))))</f>
        <v>11.192549776372793</v>
      </c>
      <c r="K40">
        <f>IF($D40="SAND",INDEX('p-y cyclic sand'!$AP$27:$AP$5000,MATCH($B40,'p-y cyclic sand'!$C$27:$C$5000,1)),IF(INDEX('CPT Data'!$S$12:$S$20000,MATCH($B40,'CPT Data'!$B$12:$B$20000,1))&lt;2,INDEX('p-y cyclic clay'!$GO$27:$GO$5000,MATCH($B40,'p-y cyclic clay'!$C$27:$C$5000,1)),INDEX('p-y cyclic clay'!$HO$27:$HO$5000,MATCH($B40,'p-y cyclic clay'!$C$27:$C$5000,1))))</f>
        <v>4319.6949364807697</v>
      </c>
      <c r="L40">
        <f>IF($D40="SAND",INDEX('p-y cyclic sand'!$AC$27:$AC$5000,MATCH($B40,'p-y cyclic sand'!$C$27:$C$5000,1)),IF(INDEX('CPT Data'!$S$12:$S$20000,MATCH($B40,'CPT Data'!$B$12:$B$20000,1))&lt;2,INDEX('p-y cyclic clay'!$HB$27:$HB$5000,MATCH($B40,'p-y cyclic clay'!$C$27:$C$5000,1)),INDEX('p-y cyclic clay'!$IB$27:$IB$5000,MATCH($B40,'p-y cyclic clay'!$C$27:$C$5000,1))))</f>
        <v>23.824133512099063</v>
      </c>
      <c r="M40">
        <f>IF($D40="SAND",INDEX('p-y cyclic sand'!$AQ$27:$AQ$5000,MATCH($B40,'p-y cyclic sand'!$C$27:$C$5000,1)),IF(INDEX('CPT Data'!$S$12:$S$20000,MATCH($B40,'CPT Data'!$B$12:$B$20000,1))&lt;2,INDEX('p-y cyclic clay'!$GP$27:$GP$5000,MATCH($B40,'p-y cyclic clay'!$C$27:$C$5000,1)),INDEX('p-y cyclic clay'!$HP$27:$HP$5000,MATCH($B40,'p-y cyclic clay'!$C$27:$C$5000,1))))</f>
        <v>5652.1304137107991</v>
      </c>
      <c r="N40">
        <f>IF($D40="SAND",INDEX('p-y cyclic sand'!$AD$27:$AD$5000,MATCH($B40,'p-y cyclic sand'!$C$27:$C$5000,1)),IF(INDEX('CPT Data'!$S$12:$S$20000,MATCH($B40,'CPT Data'!$B$12:$B$20000,1))&lt;2,INDEX('p-y cyclic clay'!$HC$27:$HC$5000,MATCH($B40,'p-y cyclic clay'!$C$27:$C$5000,1)),INDEX('p-y cyclic clay'!$IC$27:$IC$5000,MATCH($B40,'p-y cyclic clay'!$C$27:$C$5000,1))))</f>
        <v>44.352389704396352</v>
      </c>
      <c r="O40">
        <f>IF($D40="SAND",INDEX('p-y cyclic sand'!$AR$27:$AR$5000,MATCH($B40,'p-y cyclic sand'!$C$27:$C$5000,1)),IF(INDEX('CPT Data'!$S$12:$S$20000,MATCH($B40,'CPT Data'!$B$12:$B$20000,1))&lt;2,INDEX('p-y cyclic clay'!$GQ$27:$GQ$5000,MATCH($B40,'p-y cyclic clay'!$C$27:$C$5000,1)),INDEX('p-y cyclic clay'!$HQ$27:$HQ$5000,MATCH($B40,'p-y cyclic clay'!$C$27:$C$5000,1))))</f>
        <v>6922.1622808896254</v>
      </c>
      <c r="P40">
        <f>IF($D40="SAND",INDEX('p-y cyclic sand'!$AE$27:$AE$5000,MATCH($B40,'p-y cyclic sand'!$C$27:$C$5000,1)),IF(INDEX('CPT Data'!$S$12:$S$20000,MATCH($B40,'CPT Data'!$B$12:$B$20000,1))&lt;2,INDEX('p-y cyclic clay'!$HD$27:$HD$5000,MATCH($B40,'p-y cyclic clay'!$C$27:$C$5000,1)),INDEX('p-y cyclic clay'!$ID$27:$ID$5000,MATCH($B40,'p-y cyclic clay'!$C$27:$C$5000,1))))</f>
        <v>69.930555618133099</v>
      </c>
      <c r="Q40">
        <f>IF($D40="SAND",INDEX('p-y cyclic sand'!$AS$27:$AS$5000,MATCH($B40,'p-y cyclic sand'!$C$27:$C$5000,1)),IF(INDEX('CPT Data'!$S$12:$S$20000,MATCH($B40,'CPT Data'!$B$12:$B$20000,1))&lt;2,INDEX('p-y cyclic clay'!$GR$27:$GR$5000,MATCH($B40,'p-y cyclic clay'!$C$27:$C$5000,1)),INDEX('p-y cyclic clay'!$HR$27:$HR$5000,MATCH($B40,'p-y cyclic clay'!$C$27:$C$5000,1))))</f>
        <v>8123.1502221702694</v>
      </c>
      <c r="R40">
        <f>IF($D40="SAND",INDEX('p-y cyclic sand'!$AF$27:$AF$5000,MATCH($B40,'p-y cyclic sand'!$C$27:$C$5000,1)),IF(INDEX('CPT Data'!$S$12:$S$20000,MATCH($B40,'CPT Data'!$B$12:$B$20000,1))&lt;2,INDEX('p-y cyclic clay'!$HE$27:$HE$5000,MATCH($B40,'p-y cyclic clay'!$C$27:$C$5000,1)),INDEX('p-y cyclic clay'!$IE$27:$IE$5000,MATCH($B40,'p-y cyclic clay'!$C$27:$C$5000,1))))</f>
        <v>103.812341654207</v>
      </c>
      <c r="S40">
        <f>IF($D40="SAND",INDEX('p-y cyclic sand'!$AT$27:$AT$5000,MATCH($B40,'p-y cyclic sand'!$C$27:$C$5000,1)),IF(INDEX('CPT Data'!$S$12:$S$20000,MATCH($B40,'CPT Data'!$B$12:$B$20000,1))&lt;2,INDEX('p-y cyclic clay'!$GS$27:$GS$5000,MATCH($B40,'p-y cyclic clay'!$C$27:$C$5000,1)),INDEX('p-y cyclic clay'!$HS$27:$HS$5000,MATCH($B40,'p-y cyclic clay'!$C$27:$C$5000,1))))</f>
        <v>9247.1227483827952</v>
      </c>
      <c r="T40">
        <f>IF($D40="SAND",INDEX('p-y cyclic sand'!$AG$27:$AG$5000,MATCH($B40,'p-y cyclic sand'!$C$27:$C$5000,1)),IF(INDEX('CPT Data'!$S$12:$S$20000,MATCH($B40,'CPT Data'!$B$12:$B$20000,1))&lt;2,INDEX('p-y cyclic clay'!$HF$27:$HF$5000,MATCH($B40,'p-y cyclic clay'!$C$27:$C$5000,1)),INDEX('p-y cyclic clay'!$IF$27:$IF$5000,MATCH($B40,'p-y cyclic clay'!$C$27:$C$5000,1))))</f>
        <v>151.35710523181882</v>
      </c>
      <c r="U40">
        <f>IF($D40="SAND",INDEX('p-y cyclic sand'!$AU$27:$AU$5000,MATCH($B40,'p-y cyclic sand'!$C$27:$C$5000,1)),IF(INDEX('CPT Data'!$S$12:$S$20000,MATCH($B40,'CPT Data'!$B$12:$B$20000,1))&lt;2,INDEX('p-y cyclic clay'!$GT$27:$GT$5000,MATCH($B40,'p-y cyclic clay'!$C$27:$C$5000,1)),INDEX('p-y cyclic clay'!$HT$27:$HT$5000,MATCH($B40,'p-y cyclic clay'!$C$27:$C$5000,1))))</f>
        <v>10284.373852856075</v>
      </c>
      <c r="V40">
        <f>IF($D40="SAND",INDEX('p-y cyclic sand'!$AH$27:$AH$5000,MATCH($B40,'p-y cyclic sand'!$C$27:$C$5000,1)),IF(INDEX('CPT Data'!$S$12:$S$20000,MATCH($B40,'CPT Data'!$B$12:$B$20000,1))&lt;2,INDEX('p-y cyclic clay'!$HG$27:$HG$5000,MATCH($B40,'p-y cyclic clay'!$C$27:$C$5000,1)),INDEX('p-y cyclic clay'!$IG$27:$IG$5000,MATCH($B40,'p-y cyclic clay'!$C$27:$C$5000,1))))</f>
        <v>224.87917796323723</v>
      </c>
      <c r="W40">
        <f>IF($D40="SAND",INDEX('p-y cyclic sand'!$AV$27:$AV$5000,MATCH($B40,'p-y cyclic sand'!$C$27:$C$5000,1)),IF(INDEX('CPT Data'!$S$12:$S$20000,MATCH($B40,'CPT Data'!$B$12:$B$20000,1))&lt;2,INDEX('p-y cyclic clay'!$GU$27:$GU$5000,MATCH($B40,'p-y cyclic clay'!$C$27:$C$5000,1)),INDEX('p-y cyclic clay'!$HU$27:$HU$5000,MATCH($B40,'p-y cyclic clay'!$C$27:$C$5000,1))))</f>
        <v>11222.889952926915</v>
      </c>
      <c r="X40">
        <f>IF($D40="SAND",INDEX('p-y cyclic sand'!$AI$27:$AI$5000,MATCH($B40,'p-y cyclic sand'!$C$27:$C$5000,1)),IF(INDEX('CPT Data'!$S$12:$S$20000,MATCH($B40,'CPT Data'!$B$12:$B$20000,1))&lt;2,INDEX('p-y cyclic clay'!$HH$27:$HH$5000,MATCH($B40,'p-y cyclic clay'!$C$27:$C$5000,1)),INDEX('p-y cyclic clay'!$IH$27:$IH$5000,MATCH($B40,'p-y cyclic clay'!$C$27:$C$5000,1))))</f>
        <v>344.72414650854233</v>
      </c>
      <c r="Y40">
        <f>IF($D40="SAND",INDEX('p-y cyclic sand'!$AW$27:$AW$5000,MATCH($B40,'p-y cyclic sand'!$C$27:$C$5000,1)),IF(INDEX('CPT Data'!$S$12:$S$20000,MATCH($B40,'CPT Data'!$B$12:$B$20000,1))&lt;2,INDEX('p-y cyclic clay'!$GV$27:$GV$5000,MATCH($B40,'p-y cyclic clay'!$C$27:$C$5000,1)),INDEX('p-y cyclic clay'!$HV$27:$HV$5000,MATCH($B40,'p-y cyclic clay'!$C$27:$C$5000,1))))</f>
        <v>11853.013626643156</v>
      </c>
      <c r="Z40">
        <f>IF($D40="SAND",INDEX('p-y cyclic sand'!$AJ$27:$AJ$5000,MATCH($B40,'p-y cyclic sand'!$C$27:$C$5000,1)),IF(INDEX('CPT Data'!$S$12:$S$20000,MATCH($B40,'CPT Data'!$B$12:$B$20000,1))&lt;2,INDEX('p-y cyclic clay'!$HI$27:$HI$5000,MATCH($B40,'p-y cyclic clay'!$C$27:$C$5000,1)),INDEX('p-y cyclic clay'!$II$27:$II$5000,MATCH($B40,'p-y cyclic clay'!$C$27:$C$5000,1))))</f>
        <v>529.58292416645611</v>
      </c>
      <c r="AA40">
        <f>IF($D40="SAND",INDEX('p-y cyclic sand'!$AX$27:$AX$5000,MATCH($B40,'p-y cyclic sand'!$C$27:$C$5000,1)),IF(INDEX('CPT Data'!$S$12:$S$20000,MATCH($B40,'CPT Data'!$B$12:$B$20000,1))&lt;2,INDEX('p-y cyclic clay'!$GW$27:$GW$5000,MATCH($B40,'p-y cyclic clay'!$C$27:$C$5000,1)),INDEX('p-y cyclic clay'!$HW$27:$HW$5000,MATCH($B40,'p-y cyclic clay'!$C$27:$C$5000,1))))</f>
        <v>12047.51211672486</v>
      </c>
      <c r="AB40">
        <f>IF($D40="SAND",INDEX('p-y cyclic sand'!$AK$27:$AK$5000,MATCH($B40,'p-y cyclic sand'!$C$27:$C$5000,1)),IF(INDEX('CPT Data'!$S$12:$S$20000,MATCH($B40,'CPT Data'!$B$12:$B$20000,1))&lt;2,INDEX('p-y cyclic clay'!$HJ$27:$HJ$5000,MATCH($B40,'p-y cyclic clay'!$C$27:$C$5000,1)),INDEX('p-y cyclic clay'!$IJ$27:$IJ$5000,MATCH($B40,'p-y cyclic clay'!$C$27:$C$5000,1))))</f>
        <v>696.14074690257064</v>
      </c>
      <c r="AC40">
        <f>IF($D40="SAND",INDEX('p-y cyclic sand'!$AY$27:$AY$5000,MATCH($B40,'p-y cyclic sand'!$C$27:$C$5000,1)),IF(INDEX('CPT Data'!$S$12:$S$20000,MATCH($B40,'CPT Data'!$B$12:$B$20000,1))&lt;2,INDEX('p-y cyclic clay'!$GX$27:$GX$5000,MATCH($B40,'p-y cyclic clay'!$C$27:$C$5000,1)),INDEX('p-y cyclic clay'!$HX$27:$HX$5000,MATCH($B40,'p-y cyclic clay'!$C$27:$C$5000,1))))</f>
        <v>12047.51211672486</v>
      </c>
      <c r="AD40" s="98">
        <f>IF($D40="SAND",INDEX('p-y cyclic sand'!$AL$27:$AL$5000,MATCH($B40,'p-y cyclic sand'!$C$27:$C$5000,1)),IF(INDEX('CPT Data'!$S$12:$S$20000,MATCH($B40,'CPT Data'!$B$12:$B$20000,1))&lt;2,INDEX('p-y cyclic clay'!$HK$27:$HK$5000,MATCH($B40,'p-y cyclic clay'!$C$27:$C$5000,1)),INDEX('p-y cyclic clay'!$IK$27:$IK$5000,MATCH($B40,'p-y cyclic clay'!$C$27:$C$5000,1))))</f>
        <v>5432.4746895721391</v>
      </c>
    </row>
    <row r="41" spans="1:30" x14ac:dyDescent="0.2">
      <c r="A41" s="214">
        <f t="shared" si="0"/>
        <v>-51.5</v>
      </c>
      <c r="B41" s="216">
        <f>'p-y cyclic clay'!C62</f>
        <v>36</v>
      </c>
      <c r="C41">
        <f>INDEX('CPT Data'!$C$13:$C$20000,MATCH(B41,'CPT Data'!$B$13:$B$20000,1))</f>
        <v>35.993000000000002</v>
      </c>
      <c r="D41" s="216" t="str">
        <f>INDEX('CPT Data'!$P$13:$P$20000,MATCH(B41,'CPT Data'!$B$13:$B$20000,1))</f>
        <v>CLAY</v>
      </c>
      <c r="E41">
        <f>IF($D41="SAND",INDEX('p-y cyclic sand'!$AM$27:$AM$5000,MATCH($B41,'p-y cyclic sand'!$C$27:$C$5000,1)),IF(INDEX('CPT Data'!$S$12:$S$20000,MATCH($B41,'CPT Data'!$B$12:$B$20000,1))&lt;2,INDEX('p-y cyclic clay'!$GL$27:$GL$5000,MATCH($B41,'p-y cyclic clay'!$C$27:$C$5000,1)),INDEX('p-y cyclic clay'!$HL$27:$HL$5000,MATCH($B41,'p-y cyclic clay'!$C$27:$C$5000,1))))</f>
        <v>0</v>
      </c>
      <c r="F41">
        <f>IF($D41="SAND",INDEX('p-y cyclic sand'!$Z$27:$Z$5000,MATCH($B41,'p-y cyclic sand'!$C$27:$C$5000,1)),IF(INDEX('CPT Data'!$S$12:$S$20000,MATCH($B41,'CPT Data'!$B$12:$B$20000,1))&lt;2,INDEX('p-y cyclic clay'!$GY$27:$GY$5000,MATCH($B41,'p-y cyclic clay'!$C$27:$C$5000,1)),INDEX('p-y cyclic clay'!$HY$27:$HY$5000,MATCH($B41,'p-y cyclic clay'!$C$27:$C$5000,1))))</f>
        <v>0</v>
      </c>
      <c r="G41">
        <f>IF($D41="SAND",INDEX('p-y cyclic sand'!$AN$27:$AN$5000,MATCH($B41,'p-y cyclic sand'!$C$27:$C$5000,1)),IF(INDEX('CPT Data'!$S$12:$S$20000,MATCH($B41,'CPT Data'!$B$12:$B$20000,1))&lt;2,INDEX('p-y cyclic clay'!$GM$27:$GM$5000,MATCH($B41,'p-y cyclic clay'!$C$27:$C$5000,1)),INDEX('p-y cyclic clay'!$HM$27:$HM$5000,MATCH($B41,'p-y cyclic clay'!$C$27:$C$5000,1))))</f>
        <v>563.08827074482667</v>
      </c>
      <c r="H41">
        <f>IF($D41="SAND",INDEX('p-y cyclic sand'!$AA$27:$AA$5000,MATCH($B41,'p-y cyclic sand'!$C$27:$C$5000,1)),IF(INDEX('CPT Data'!$S$12:$S$20000,MATCH($B41,'CPT Data'!$B$12:$B$20000,1))&lt;2,INDEX('p-y cyclic clay'!$GZ$27:$GZ$5000,MATCH($B41,'p-y cyclic clay'!$C$27:$C$5000,1)),INDEX('p-y cyclic clay'!$HZ$27:$HZ$5000,MATCH($B41,'p-y cyclic clay'!$C$27:$C$5000,1))))</f>
        <v>1.0341172429598622</v>
      </c>
      <c r="I41">
        <f>IF($D41="SAND",INDEX('p-y cyclic sand'!$AO$27:$AO$5000,MATCH($B41,'p-y cyclic sand'!$C$27:$C$5000,1)),IF(INDEX('CPT Data'!$S$12:$S$20000,MATCH($B41,'CPT Data'!$B$12:$B$20000,1))&lt;2,INDEX('p-y cyclic clay'!$GN$27:$GN$5000,MATCH($B41,'p-y cyclic clay'!$C$27:$C$5000,1)),INDEX('p-y cyclic clay'!$HN$27:$HN$5000,MATCH($B41,'p-y cyclic clay'!$C$27:$C$5000,1))))</f>
        <v>2199.1160339913536</v>
      </c>
      <c r="J41">
        <f>IF($D41="SAND",INDEX('p-y cyclic sand'!$AB$27:$AB$5000,MATCH($B41,'p-y cyclic sand'!$C$27:$C$5000,1)),IF(INDEX('CPT Data'!$S$12:$S$20000,MATCH($B41,'CPT Data'!$B$12:$B$20000,1))&lt;2,INDEX('p-y cyclic clay'!$HA$27:$HA$5000,MATCH($B41,'p-y cyclic clay'!$C$27:$C$5000,1)),INDEX('p-y cyclic clay'!$IA$27:$IA$5000,MATCH($B41,'p-y cyclic clay'!$C$27:$C$5000,1))))</f>
        <v>10.045363692094384</v>
      </c>
      <c r="K41">
        <f>IF($D41="SAND",INDEX('p-y cyclic sand'!$AP$27:$AP$5000,MATCH($B41,'p-y cyclic sand'!$C$27:$C$5000,1)),IF(INDEX('CPT Data'!$S$12:$S$20000,MATCH($B41,'CPT Data'!$B$12:$B$20000,1))&lt;2,INDEX('p-y cyclic clay'!$GO$27:$GO$5000,MATCH($B41,'p-y cyclic clay'!$C$27:$C$5000,1)),INDEX('p-y cyclic clay'!$HO$27:$HO$5000,MATCH($B41,'p-y cyclic clay'!$C$27:$C$5000,1))))</f>
        <v>3241.6492694776007</v>
      </c>
      <c r="L41">
        <f>IF($D41="SAND",INDEX('p-y cyclic sand'!$AC$27:$AC$5000,MATCH($B41,'p-y cyclic sand'!$C$27:$C$5000,1)),IF(INDEX('CPT Data'!$S$12:$S$20000,MATCH($B41,'CPT Data'!$B$12:$B$20000,1))&lt;2,INDEX('p-y cyclic clay'!$HB$27:$HB$5000,MATCH($B41,'p-y cyclic clay'!$C$27:$C$5000,1)),INDEX('p-y cyclic clay'!$IB$27:$IB$5000,MATCH($B41,'p-y cyclic clay'!$C$27:$C$5000,1))))</f>
        <v>20.454945306302339</v>
      </c>
      <c r="M41">
        <f>IF($D41="SAND",INDEX('p-y cyclic sand'!$AQ$27:$AQ$5000,MATCH($B41,'p-y cyclic sand'!$C$27:$C$5000,1)),IF(INDEX('CPT Data'!$S$12:$S$20000,MATCH($B41,'CPT Data'!$B$12:$B$20000,1))&lt;2,INDEX('p-y cyclic clay'!$GP$27:$GP$5000,MATCH($B41,'p-y cyclic clay'!$C$27:$C$5000,1)),INDEX('p-y cyclic clay'!$HP$27:$HP$5000,MATCH($B41,'p-y cyclic clay'!$C$27:$C$5000,1))))</f>
        <v>4241.5551783211686</v>
      </c>
      <c r="N41">
        <f>IF($D41="SAND",INDEX('p-y cyclic sand'!$AD$27:$AD$5000,MATCH($B41,'p-y cyclic sand'!$C$27:$C$5000,1)),IF(INDEX('CPT Data'!$S$12:$S$20000,MATCH($B41,'CPT Data'!$B$12:$B$20000,1))&lt;2,INDEX('p-y cyclic clay'!$HC$27:$HC$5000,MATCH($B41,'p-y cyclic clay'!$C$27:$C$5000,1)),INDEX('p-y cyclic clay'!$IC$27:$IC$5000,MATCH($B41,'p-y cyclic clay'!$C$27:$C$5000,1))))</f>
        <v>37.767530734516114</v>
      </c>
      <c r="O41">
        <f>IF($D41="SAND",INDEX('p-y cyclic sand'!$AR$27:$AR$5000,MATCH($B41,'p-y cyclic sand'!$C$27:$C$5000,1)),IF(INDEX('CPT Data'!$S$12:$S$20000,MATCH($B41,'CPT Data'!$B$12:$B$20000,1))&lt;2,INDEX('p-y cyclic clay'!$GQ$27:$GQ$5000,MATCH($B41,'p-y cyclic clay'!$C$27:$C$5000,1)),INDEX('p-y cyclic clay'!$HQ$27:$HQ$5000,MATCH($B41,'p-y cyclic clay'!$C$27:$C$5000,1))))</f>
        <v>5194.6312485048675</v>
      </c>
      <c r="P41">
        <f>IF($D41="SAND",INDEX('p-y cyclic sand'!$AE$27:$AE$5000,MATCH($B41,'p-y cyclic sand'!$C$27:$C$5000,1)),IF(INDEX('CPT Data'!$S$12:$S$20000,MATCH($B41,'CPT Data'!$B$12:$B$20000,1))&lt;2,INDEX('p-y cyclic clay'!$HD$27:$HD$5000,MATCH($B41,'p-y cyclic clay'!$C$27:$C$5000,1)),INDEX('p-y cyclic clay'!$ID$27:$ID$5000,MATCH($B41,'p-y cyclic clay'!$C$27:$C$5000,1))))</f>
        <v>59.228171437073627</v>
      </c>
      <c r="Q41">
        <f>IF($D41="SAND",INDEX('p-y cyclic sand'!$AS$27:$AS$5000,MATCH($B41,'p-y cyclic sand'!$C$27:$C$5000,1)),IF(INDEX('CPT Data'!$S$12:$S$20000,MATCH($B41,'CPT Data'!$B$12:$B$20000,1))&lt;2,INDEX('p-y cyclic clay'!$GR$27:$GR$5000,MATCH($B41,'p-y cyclic clay'!$C$27:$C$5000,1)),INDEX('p-y cyclic clay'!$HR$27:$HR$5000,MATCH($B41,'p-y cyclic clay'!$C$27:$C$5000,1))))</f>
        <v>6095.8943561435663</v>
      </c>
      <c r="R41">
        <f>IF($D41="SAND",INDEX('p-y cyclic sand'!$AF$27:$AF$5000,MATCH($B41,'p-y cyclic sand'!$C$27:$C$5000,1)),IF(INDEX('CPT Data'!$S$12:$S$20000,MATCH($B41,'CPT Data'!$B$12:$B$20000,1))&lt;2,INDEX('p-y cyclic clay'!$HE$27:$HE$5000,MATCH($B41,'p-y cyclic clay'!$C$27:$C$5000,1)),INDEX('p-y cyclic clay'!$IE$27:$IE$5000,MATCH($B41,'p-y cyclic clay'!$C$27:$C$5000,1))))</f>
        <v>87.154415083223554</v>
      </c>
      <c r="S41">
        <f>IF($D41="SAND",INDEX('p-y cyclic sand'!$AT$27:$AT$5000,MATCH($B41,'p-y cyclic sand'!$C$27:$C$5000,1)),IF(INDEX('CPT Data'!$S$12:$S$20000,MATCH($B41,'CPT Data'!$B$12:$B$20000,1))&lt;2,INDEX('p-y cyclic clay'!$GS$27:$GS$5000,MATCH($B41,'p-y cyclic clay'!$C$27:$C$5000,1)),INDEX('p-y cyclic clay'!$HS$27:$HS$5000,MATCH($B41,'p-y cyclic clay'!$C$27:$C$5000,1))))</f>
        <v>6939.3624186077377</v>
      </c>
      <c r="T41">
        <f>IF($D41="SAND",INDEX('p-y cyclic sand'!$AG$27:$AG$5000,MATCH($B41,'p-y cyclic sand'!$C$27:$C$5000,1)),IF(INDEX('CPT Data'!$S$12:$S$20000,MATCH($B41,'CPT Data'!$B$12:$B$20000,1))&lt;2,INDEX('p-y cyclic clay'!$HF$27:$HF$5000,MATCH($B41,'p-y cyclic clay'!$C$27:$C$5000,1)),INDEX('p-y cyclic clay'!$IF$27:$IF$5000,MATCH($B41,'p-y cyclic clay'!$C$27:$C$5000,1))))</f>
        <v>128.13070226606891</v>
      </c>
      <c r="U41">
        <f>IF($D41="SAND",INDEX('p-y cyclic sand'!$AU$27:$AU$5000,MATCH($B41,'p-y cyclic sand'!$C$27:$C$5000,1)),IF(INDEX('CPT Data'!$S$12:$S$20000,MATCH($B41,'CPT Data'!$B$12:$B$20000,1))&lt;2,INDEX('p-y cyclic clay'!$GT$27:$GT$5000,MATCH($B41,'p-y cyclic clay'!$C$27:$C$5000,1)),INDEX('p-y cyclic clay'!$HT$27:$HT$5000,MATCH($B41,'p-y cyclic clay'!$C$27:$C$5000,1))))</f>
        <v>7717.7517110284607</v>
      </c>
      <c r="V41">
        <f>IF($D41="SAND",INDEX('p-y cyclic sand'!$AH$27:$AH$5000,MATCH($B41,'p-y cyclic sand'!$C$27:$C$5000,1)),IF(INDEX('CPT Data'!$S$12:$S$20000,MATCH($B41,'CPT Data'!$B$12:$B$20000,1))&lt;2,INDEX('p-y cyclic clay'!$HG$27:$HG$5000,MATCH($B41,'p-y cyclic clay'!$C$27:$C$5000,1)),INDEX('p-y cyclic clay'!$IG$27:$IG$5000,MATCH($B41,'p-y cyclic clay'!$C$27:$C$5000,1))))</f>
        <v>189.74094286967829</v>
      </c>
      <c r="W41">
        <f>IF($D41="SAND",INDEX('p-y cyclic sand'!$AV$27:$AV$5000,MATCH($B41,'p-y cyclic sand'!$C$27:$C$5000,1)),IF(INDEX('CPT Data'!$S$12:$S$20000,MATCH($B41,'CPT Data'!$B$12:$B$20000,1))&lt;2,INDEX('p-y cyclic clay'!$GU$27:$GU$5000,MATCH($B41,'p-y cyclic clay'!$C$27:$C$5000,1)),INDEX('p-y cyclic clay'!$HU$27:$HU$5000,MATCH($B41,'p-y cyclic clay'!$C$27:$C$5000,1))))</f>
        <v>8422.0468232814983</v>
      </c>
      <c r="X41">
        <f>IF($D41="SAND",INDEX('p-y cyclic sand'!$AI$27:$AI$5000,MATCH($B41,'p-y cyclic sand'!$C$27:$C$5000,1)),IF(INDEX('CPT Data'!$S$12:$S$20000,MATCH($B41,'CPT Data'!$B$12:$B$20000,1))&lt;2,INDEX('p-y cyclic clay'!$HH$27:$HH$5000,MATCH($B41,'p-y cyclic clay'!$C$27:$C$5000,1)),INDEX('p-y cyclic clay'!$IH$27:$IH$5000,MATCH($B41,'p-y cyclic clay'!$C$27:$C$5000,1))))</f>
        <v>297.7571724281118</v>
      </c>
      <c r="Y41">
        <f>IF($D41="SAND",INDEX('p-y cyclic sand'!$AW$27:$AW$5000,MATCH($B41,'p-y cyclic sand'!$C$27:$C$5000,1)),IF(INDEX('CPT Data'!$S$12:$S$20000,MATCH($B41,'CPT Data'!$B$12:$B$20000,1))&lt;2,INDEX('p-y cyclic clay'!$GV$27:$GV$5000,MATCH($B41,'p-y cyclic clay'!$C$27:$C$5000,1)),INDEX('p-y cyclic clay'!$HV$27:$HV$5000,MATCH($B41,'p-y cyclic clay'!$C$27:$C$5000,1))))</f>
        <v>8894.9135364681752</v>
      </c>
      <c r="Z41">
        <f>IF($D41="SAND",INDEX('p-y cyclic sand'!$AJ$27:$AJ$5000,MATCH($B41,'p-y cyclic sand'!$C$27:$C$5000,1)),IF(INDEX('CPT Data'!$S$12:$S$20000,MATCH($B41,'CPT Data'!$B$12:$B$20000,1))&lt;2,INDEX('p-y cyclic clay'!$HI$27:$HI$5000,MATCH($B41,'p-y cyclic clay'!$C$27:$C$5000,1)),INDEX('p-y cyclic clay'!$II$27:$II$5000,MATCH($B41,'p-y cyclic clay'!$C$27:$C$5000,1))))</f>
        <v>465.91541945603075</v>
      </c>
      <c r="AA41">
        <f>IF($D41="SAND",INDEX('p-y cyclic sand'!$AX$27:$AX$5000,MATCH($B41,'p-y cyclic sand'!$C$27:$C$5000,1)),IF(INDEX('CPT Data'!$S$12:$S$20000,MATCH($B41,'CPT Data'!$B$12:$B$20000,1))&lt;2,INDEX('p-y cyclic clay'!$GW$27:$GW$5000,MATCH($B41,'p-y cyclic clay'!$C$27:$C$5000,1)),INDEX('p-y cyclic clay'!$HW$27:$HW$5000,MATCH($B41,'p-y cyclic clay'!$C$27:$C$5000,1))))</f>
        <v>9040.8719658385417</v>
      </c>
      <c r="AB41">
        <f>IF($D41="SAND",INDEX('p-y cyclic sand'!$AK$27:$AK$5000,MATCH($B41,'p-y cyclic sand'!$C$27:$C$5000,1)),IF(INDEX('CPT Data'!$S$12:$S$20000,MATCH($B41,'CPT Data'!$B$12:$B$20000,1))&lt;2,INDEX('p-y cyclic clay'!$HJ$27:$HJ$5000,MATCH($B41,'p-y cyclic clay'!$C$27:$C$5000,1)),INDEX('p-y cyclic clay'!$IJ$27:$IJ$5000,MATCH($B41,'p-y cyclic clay'!$C$27:$C$5000,1))))</f>
        <v>606.22930492659748</v>
      </c>
      <c r="AC41">
        <f>IF($D41="SAND",INDEX('p-y cyclic sand'!$AY$27:$AY$5000,MATCH($B41,'p-y cyclic sand'!$C$27:$C$5000,1)),IF(INDEX('CPT Data'!$S$12:$S$20000,MATCH($B41,'CPT Data'!$B$12:$B$20000,1))&lt;2,INDEX('p-y cyclic clay'!$GX$27:$GX$5000,MATCH($B41,'p-y cyclic clay'!$C$27:$C$5000,1)),INDEX('p-y cyclic clay'!$HX$27:$HX$5000,MATCH($B41,'p-y cyclic clay'!$C$27:$C$5000,1))))</f>
        <v>9040.8719658385417</v>
      </c>
      <c r="AD41" s="98">
        <f>IF($D41="SAND",INDEX('p-y cyclic sand'!$AL$27:$AL$5000,MATCH($B41,'p-y cyclic sand'!$C$27:$C$5000,1)),IF(INDEX('CPT Data'!$S$12:$S$20000,MATCH($B41,'CPT Data'!$B$12:$B$20000,1))&lt;2,INDEX('p-y cyclic clay'!$HK$27:$HK$5000,MATCH($B41,'p-y cyclic clay'!$C$27:$C$5000,1)),INDEX('p-y cyclic clay'!$IK$27:$IK$5000,MATCH($B41,'p-y cyclic clay'!$C$27:$C$5000,1))))</f>
        <v>5432.4746895721391</v>
      </c>
    </row>
    <row r="42" spans="1:30" x14ac:dyDescent="0.2">
      <c r="A42" s="214">
        <f t="shared" si="0"/>
        <v>-52.5</v>
      </c>
      <c r="B42" s="216">
        <f>'p-y cyclic clay'!C63</f>
        <v>37</v>
      </c>
      <c r="C42">
        <f>INDEX('CPT Data'!$C$13:$C$20000,MATCH(B42,'CPT Data'!$B$13:$B$20000,1))</f>
        <v>36.984999999999999</v>
      </c>
      <c r="D42" s="216" t="str">
        <f>INDEX('CPT Data'!$P$13:$P$20000,MATCH(B42,'CPT Data'!$B$13:$B$20000,1))</f>
        <v>SAND</v>
      </c>
      <c r="E42">
        <f>IF($D42="SAND",INDEX('p-y cyclic sand'!$AM$27:$AM$5000,MATCH($B42,'p-y cyclic sand'!$C$27:$C$5000,1)),IF(INDEX('CPT Data'!$S$12:$S$20000,MATCH($B42,'CPT Data'!$B$12:$B$20000,1))&lt;2,INDEX('p-y cyclic clay'!$GL$27:$GL$5000,MATCH($B42,'p-y cyclic clay'!$C$27:$C$5000,1)),INDEX('p-y cyclic clay'!$HL$27:$HL$5000,MATCH($B42,'p-y cyclic clay'!$C$27:$C$5000,1))))</f>
        <v>0</v>
      </c>
      <c r="F42">
        <f>IF($D42="SAND",INDEX('p-y cyclic sand'!$Z$27:$Z$5000,MATCH($B42,'p-y cyclic sand'!$C$27:$C$5000,1)),IF(INDEX('CPT Data'!$S$12:$S$20000,MATCH($B42,'CPT Data'!$B$12:$B$20000,1))&lt;2,INDEX('p-y cyclic clay'!$GY$27:$GY$5000,MATCH($B42,'p-y cyclic clay'!$C$27:$C$5000,1)),INDEX('p-y cyclic clay'!$HY$27:$HY$5000,MATCH($B42,'p-y cyclic clay'!$C$27:$C$5000,1))))</f>
        <v>0</v>
      </c>
      <c r="G42">
        <f>IF($D42="SAND",INDEX('p-y cyclic sand'!$AN$27:$AN$5000,MATCH($B42,'p-y cyclic sand'!$C$27:$C$5000,1)),IF(INDEX('CPT Data'!$S$12:$S$20000,MATCH($B42,'CPT Data'!$B$12:$B$20000,1))&lt;2,INDEX('p-y cyclic clay'!$GM$27:$GM$5000,MATCH($B42,'p-y cyclic clay'!$C$27:$C$5000,1)),INDEX('p-y cyclic clay'!$HM$27:$HM$5000,MATCH($B42,'p-y cyclic clay'!$C$27:$C$5000,1))))</f>
        <v>7078.8372550315762</v>
      </c>
      <c r="H42">
        <f>IF($D42="SAND",INDEX('p-y cyclic sand'!$AA$27:$AA$5000,MATCH($B42,'p-y cyclic sand'!$C$27:$C$5000,1)),IF(INDEX('CPT Data'!$S$12:$S$20000,MATCH($B42,'CPT Data'!$B$12:$B$20000,1))&lt;2,INDEX('p-y cyclic clay'!$GZ$27:$GZ$5000,MATCH($B42,'p-y cyclic clay'!$C$27:$C$5000,1)),INDEX('p-y cyclic clay'!$HZ$27:$HZ$5000,MATCH($B42,'p-y cyclic clay'!$C$27:$C$5000,1))))</f>
        <v>10</v>
      </c>
      <c r="I42">
        <f>IF($D42="SAND",INDEX('p-y cyclic sand'!$AO$27:$AO$5000,MATCH($B42,'p-y cyclic sand'!$C$27:$C$5000,1)),IF(INDEX('CPT Data'!$S$12:$S$20000,MATCH($B42,'CPT Data'!$B$12:$B$20000,1))&lt;2,INDEX('p-y cyclic clay'!$GN$27:$GN$5000,MATCH($B42,'p-y cyclic clay'!$C$27:$C$5000,1)),INDEX('p-y cyclic clay'!$HN$27:$HN$5000,MATCH($B42,'p-y cyclic clay'!$C$27:$C$5000,1))))</f>
        <v>13518.432766185473</v>
      </c>
      <c r="J42">
        <f>IF($D42="SAND",INDEX('p-y cyclic sand'!$AB$27:$AB$5000,MATCH($B42,'p-y cyclic sand'!$C$27:$C$5000,1)),IF(INDEX('CPT Data'!$S$12:$S$20000,MATCH($B42,'CPT Data'!$B$12:$B$20000,1))&lt;2,INDEX('p-y cyclic clay'!$HA$27:$HA$5000,MATCH($B42,'p-y cyclic clay'!$C$27:$C$5000,1)),INDEX('p-y cyclic clay'!$IA$27:$IA$5000,MATCH($B42,'p-y cyclic clay'!$C$27:$C$5000,1))))</f>
        <v>20</v>
      </c>
      <c r="K42">
        <f>IF($D42="SAND",INDEX('p-y cyclic sand'!$AP$27:$AP$5000,MATCH($B42,'p-y cyclic sand'!$C$27:$C$5000,1)),IF(INDEX('CPT Data'!$S$12:$S$20000,MATCH($B42,'CPT Data'!$B$12:$B$20000,1))&lt;2,INDEX('p-y cyclic clay'!$GO$27:$GO$5000,MATCH($B42,'p-y cyclic clay'!$C$27:$C$5000,1)),INDEX('p-y cyclic clay'!$HO$27:$HO$5000,MATCH($B42,'p-y cyclic clay'!$C$27:$C$5000,1))))</f>
        <v>18891.322879532821</v>
      </c>
      <c r="L42">
        <f>IF($D42="SAND",INDEX('p-y cyclic sand'!$AC$27:$AC$5000,MATCH($B42,'p-y cyclic sand'!$C$27:$C$5000,1)),IF(INDEX('CPT Data'!$S$12:$S$20000,MATCH($B42,'CPT Data'!$B$12:$B$20000,1))&lt;2,INDEX('p-y cyclic clay'!$HB$27:$HB$5000,MATCH($B42,'p-y cyclic clay'!$C$27:$C$5000,1)),INDEX('p-y cyclic clay'!$IB$27:$IB$5000,MATCH($B42,'p-y cyclic clay'!$C$27:$C$5000,1))))</f>
        <v>30</v>
      </c>
      <c r="M42">
        <f>IF($D42="SAND",INDEX('p-y cyclic sand'!$AQ$27:$AQ$5000,MATCH($B42,'p-y cyclic sand'!$C$27:$C$5000,1)),IF(INDEX('CPT Data'!$S$12:$S$20000,MATCH($B42,'CPT Data'!$B$12:$B$20000,1))&lt;2,INDEX('p-y cyclic clay'!$GP$27:$GP$5000,MATCH($B42,'p-y cyclic clay'!$C$27:$C$5000,1)),INDEX('p-y cyclic clay'!$HP$27:$HP$5000,MATCH($B42,'p-y cyclic clay'!$C$27:$C$5000,1))))</f>
        <v>23060.109234708674</v>
      </c>
      <c r="N42">
        <f>IF($D42="SAND",INDEX('p-y cyclic sand'!$AD$27:$AD$5000,MATCH($B42,'p-y cyclic sand'!$C$27:$C$5000,1)),IF(INDEX('CPT Data'!$S$12:$S$20000,MATCH($B42,'CPT Data'!$B$12:$B$20000,1))&lt;2,INDEX('p-y cyclic clay'!$HC$27:$HC$5000,MATCH($B42,'p-y cyclic clay'!$C$27:$C$5000,1)),INDEX('p-y cyclic clay'!$IC$27:$IC$5000,MATCH($B42,'p-y cyclic clay'!$C$27:$C$5000,1))))</f>
        <v>40</v>
      </c>
      <c r="O42">
        <f>IF($D42="SAND",INDEX('p-y cyclic sand'!$AR$27:$AR$5000,MATCH($B42,'p-y cyclic sand'!$C$27:$C$5000,1)),IF(INDEX('CPT Data'!$S$12:$S$20000,MATCH($B42,'CPT Data'!$B$12:$B$20000,1))&lt;2,INDEX('p-y cyclic clay'!$GQ$27:$GQ$5000,MATCH($B42,'p-y cyclic clay'!$C$27:$C$5000,1)),INDEX('p-y cyclic clay'!$HQ$27:$HQ$5000,MATCH($B42,'p-y cyclic clay'!$C$27:$C$5000,1))))</f>
        <v>26115.995035364882</v>
      </c>
      <c r="P42">
        <f>IF($D42="SAND",INDEX('p-y cyclic sand'!$AE$27:$AE$5000,MATCH($B42,'p-y cyclic sand'!$C$27:$C$5000,1)),IF(INDEX('CPT Data'!$S$12:$S$20000,MATCH($B42,'CPT Data'!$B$12:$B$20000,1))&lt;2,INDEX('p-y cyclic clay'!$HD$27:$HD$5000,MATCH($B42,'p-y cyclic clay'!$C$27:$C$5000,1)),INDEX('p-y cyclic clay'!$ID$27:$ID$5000,MATCH($B42,'p-y cyclic clay'!$C$27:$C$5000,1))))</f>
        <v>50</v>
      </c>
      <c r="Q42">
        <f>IF($D42="SAND",INDEX('p-y cyclic sand'!$AS$27:$AS$5000,MATCH($B42,'p-y cyclic sand'!$C$27:$C$5000,1)),IF(INDEX('CPT Data'!$S$12:$S$20000,MATCH($B42,'CPT Data'!$B$12:$B$20000,1))&lt;2,INDEX('p-y cyclic clay'!$GR$27:$GR$5000,MATCH($B42,'p-y cyclic clay'!$C$27:$C$5000,1)),INDEX('p-y cyclic clay'!$HR$27:$HR$5000,MATCH($B42,'p-y cyclic clay'!$C$27:$C$5000,1))))</f>
        <v>28264.030695500598</v>
      </c>
      <c r="R42">
        <f>IF($D42="SAND",INDEX('p-y cyclic sand'!$AF$27:$AF$5000,MATCH($B42,'p-y cyclic sand'!$C$27:$C$5000,1)),IF(INDEX('CPT Data'!$S$12:$S$20000,MATCH($B42,'CPT Data'!$B$12:$B$20000,1))&lt;2,INDEX('p-y cyclic clay'!$HE$27:$HE$5000,MATCH($B42,'p-y cyclic clay'!$C$27:$C$5000,1)),INDEX('p-y cyclic clay'!$IE$27:$IE$5000,MATCH($B42,'p-y cyclic clay'!$C$27:$C$5000,1))))</f>
        <v>60</v>
      </c>
      <c r="S42">
        <f>IF($D42="SAND",INDEX('p-y cyclic sand'!$AT$27:$AT$5000,MATCH($B42,'p-y cyclic sand'!$C$27:$C$5000,1)),IF(INDEX('CPT Data'!$S$12:$S$20000,MATCH($B42,'CPT Data'!$B$12:$B$20000,1))&lt;2,INDEX('p-y cyclic clay'!$GS$27:$GS$5000,MATCH($B42,'p-y cyclic clay'!$C$27:$C$5000,1)),INDEX('p-y cyclic clay'!$HS$27:$HS$5000,MATCH($B42,'p-y cyclic clay'!$C$27:$C$5000,1))))</f>
        <v>29729.771316632712</v>
      </c>
      <c r="T42">
        <f>IF($D42="SAND",INDEX('p-y cyclic sand'!$AG$27:$AG$5000,MATCH($B42,'p-y cyclic sand'!$C$27:$C$5000,1)),IF(INDEX('CPT Data'!$S$12:$S$20000,MATCH($B42,'CPT Data'!$B$12:$B$20000,1))&lt;2,INDEX('p-y cyclic clay'!$HF$27:$HF$5000,MATCH($B42,'p-y cyclic clay'!$C$27:$C$5000,1)),INDEX('p-y cyclic clay'!$IF$27:$IF$5000,MATCH($B42,'p-y cyclic clay'!$C$27:$C$5000,1))))</f>
        <v>70</v>
      </c>
      <c r="U42">
        <f>IF($D42="SAND",INDEX('p-y cyclic sand'!$AU$27:$AU$5000,MATCH($B42,'p-y cyclic sand'!$C$27:$C$5000,1)),IF(INDEX('CPT Data'!$S$12:$S$20000,MATCH($B42,'CPT Data'!$B$12:$B$20000,1))&lt;2,INDEX('p-y cyclic clay'!$GT$27:$GT$5000,MATCH($B42,'p-y cyclic clay'!$C$27:$C$5000,1)),INDEX('p-y cyclic clay'!$HT$27:$HT$5000,MATCH($B42,'p-y cyclic clay'!$C$27:$C$5000,1))))</f>
        <v>30709.795208205749</v>
      </c>
      <c r="V42">
        <f>IF($D42="SAND",INDEX('p-y cyclic sand'!$AH$27:$AH$5000,MATCH($B42,'p-y cyclic sand'!$C$27:$C$5000,1)),IF(INDEX('CPT Data'!$S$12:$S$20000,MATCH($B42,'CPT Data'!$B$12:$B$20000,1))&lt;2,INDEX('p-y cyclic clay'!$HG$27:$HG$5000,MATCH($B42,'p-y cyclic clay'!$C$27:$C$5000,1)),INDEX('p-y cyclic clay'!$IG$27:$IG$5000,MATCH($B42,'p-y cyclic clay'!$C$27:$C$5000,1))))</f>
        <v>80</v>
      </c>
      <c r="W42">
        <f>IF($D42="SAND",INDEX('p-y cyclic sand'!$AV$27:$AV$5000,MATCH($B42,'p-y cyclic sand'!$C$27:$C$5000,1)),IF(INDEX('CPT Data'!$S$12:$S$20000,MATCH($B42,'CPT Data'!$B$12:$B$20000,1))&lt;2,INDEX('p-y cyclic clay'!$GU$27:$GU$5000,MATCH($B42,'p-y cyclic clay'!$C$27:$C$5000,1)),INDEX('p-y cyclic clay'!$HU$27:$HU$5000,MATCH($B42,'p-y cyclic clay'!$C$27:$C$5000,1))))</f>
        <v>31356.175844830144</v>
      </c>
      <c r="X42">
        <f>IF($D42="SAND",INDEX('p-y cyclic sand'!$AI$27:$AI$5000,MATCH($B42,'p-y cyclic sand'!$C$27:$C$5000,1)),IF(INDEX('CPT Data'!$S$12:$S$20000,MATCH($B42,'CPT Data'!$B$12:$B$20000,1))&lt;2,INDEX('p-y cyclic clay'!$HH$27:$HH$5000,MATCH($B42,'p-y cyclic clay'!$C$27:$C$5000,1)),INDEX('p-y cyclic clay'!$IH$27:$IH$5000,MATCH($B42,'p-y cyclic clay'!$C$27:$C$5000,1))))</f>
        <v>90</v>
      </c>
      <c r="Y42">
        <f>IF($D42="SAND",INDEX('p-y cyclic sand'!$AW$27:$AW$5000,MATCH($B42,'p-y cyclic sand'!$C$27:$C$5000,1)),IF(INDEX('CPT Data'!$S$12:$S$20000,MATCH($B42,'CPT Data'!$B$12:$B$20000,1))&lt;2,INDEX('p-y cyclic clay'!$GV$27:$GV$5000,MATCH($B42,'p-y cyclic clay'!$C$27:$C$5000,1)),INDEX('p-y cyclic clay'!$HV$27:$HV$5000,MATCH($B42,'p-y cyclic clay'!$C$27:$C$5000,1))))</f>
        <v>31778.670464878356</v>
      </c>
      <c r="Z42">
        <f>IF($D42="SAND",INDEX('p-y cyclic sand'!$AJ$27:$AJ$5000,MATCH($B42,'p-y cyclic sand'!$C$27:$C$5000,1)),IF(INDEX('CPT Data'!$S$12:$S$20000,MATCH($B42,'CPT Data'!$B$12:$B$20000,1))&lt;2,INDEX('p-y cyclic clay'!$HI$27:$HI$5000,MATCH($B42,'p-y cyclic clay'!$C$27:$C$5000,1)),INDEX('p-y cyclic clay'!$II$27:$II$5000,MATCH($B42,'p-y cyclic clay'!$C$27:$C$5000,1))))</f>
        <v>100</v>
      </c>
      <c r="AA42">
        <f>IF($D42="SAND",INDEX('p-y cyclic sand'!$AX$27:$AX$5000,MATCH($B42,'p-y cyclic sand'!$C$27:$C$5000,1)),IF(INDEX('CPT Data'!$S$12:$S$20000,MATCH($B42,'CPT Data'!$B$12:$B$20000,1))&lt;2,INDEX('p-y cyclic clay'!$GW$27:$GW$5000,MATCH($B42,'p-y cyclic clay'!$C$27:$C$5000,1)),INDEX('p-y cyclic clay'!$HW$27:$HW$5000,MATCH($B42,'p-y cyclic clay'!$C$27:$C$5000,1))))</f>
        <v>32053.199674322619</v>
      </c>
      <c r="AB42">
        <f>IF($D42="SAND",INDEX('p-y cyclic sand'!$AK$27:$AK$5000,MATCH($B42,'p-y cyclic sand'!$C$27:$C$5000,1)),IF(INDEX('CPT Data'!$S$12:$S$20000,MATCH($B42,'CPT Data'!$B$12:$B$20000,1))&lt;2,INDEX('p-y cyclic clay'!$HJ$27:$HJ$5000,MATCH($B42,'p-y cyclic clay'!$C$27:$C$5000,1)),INDEX('p-y cyclic clay'!$IJ$27:$IJ$5000,MATCH($B42,'p-y cyclic clay'!$C$27:$C$5000,1))))</f>
        <v>110</v>
      </c>
      <c r="AC42">
        <f>IF($D42="SAND",INDEX('p-y cyclic sand'!$AY$27:$AY$5000,MATCH($B42,'p-y cyclic sand'!$C$27:$C$5000,1)),IF(INDEX('CPT Data'!$S$12:$S$20000,MATCH($B42,'CPT Data'!$B$12:$B$20000,1))&lt;2,INDEX('p-y cyclic clay'!$GX$27:$GX$5000,MATCH($B42,'p-y cyclic clay'!$C$27:$C$5000,1)),INDEX('p-y cyclic clay'!$HX$27:$HX$5000,MATCH($B42,'p-y cyclic clay'!$C$27:$C$5000,1))))</f>
        <v>32230.899588534339</v>
      </c>
      <c r="AD42" s="98">
        <f>IF($D42="SAND",INDEX('p-y cyclic sand'!$AL$27:$AL$5000,MATCH($B42,'p-y cyclic sand'!$C$27:$C$5000,1)),IF(INDEX('CPT Data'!$S$12:$S$20000,MATCH($B42,'CPT Data'!$B$12:$B$20000,1))&lt;2,INDEX('p-y cyclic clay'!$HK$27:$HK$5000,MATCH($B42,'p-y cyclic clay'!$C$27:$C$5000,1)),INDEX('p-y cyclic clay'!$IK$27:$IK$5000,MATCH($B42,'p-y cyclic clay'!$C$27:$C$5000,1))))</f>
        <v>120</v>
      </c>
    </row>
    <row r="43" spans="1:30" x14ac:dyDescent="0.2">
      <c r="A43" s="214">
        <f t="shared" si="0"/>
        <v>-53.5</v>
      </c>
      <c r="B43" s="216">
        <f>'p-y cyclic clay'!C64</f>
        <v>38</v>
      </c>
      <c r="C43">
        <f>INDEX('CPT Data'!$C$13:$C$20000,MATCH(B43,'CPT Data'!$B$13:$B$20000,1))</f>
        <v>37.99</v>
      </c>
      <c r="D43" s="216" t="str">
        <f>INDEX('CPT Data'!$P$13:$P$20000,MATCH(B43,'CPT Data'!$B$13:$B$20000,1))</f>
        <v>CLAY</v>
      </c>
      <c r="E43">
        <f>IF($D43="SAND",INDEX('p-y cyclic sand'!$AM$27:$AM$5000,MATCH($B43,'p-y cyclic sand'!$C$27:$C$5000,1)),IF(INDEX('CPT Data'!$S$12:$S$20000,MATCH($B43,'CPT Data'!$B$12:$B$20000,1))&lt;2,INDEX('p-y cyclic clay'!$GL$27:$GL$5000,MATCH($B43,'p-y cyclic clay'!$C$27:$C$5000,1)),INDEX('p-y cyclic clay'!$HL$27:$HL$5000,MATCH($B43,'p-y cyclic clay'!$C$27:$C$5000,1))))</f>
        <v>0</v>
      </c>
      <c r="F43">
        <f>IF($D43="SAND",INDEX('p-y cyclic sand'!$Z$27:$Z$5000,MATCH($B43,'p-y cyclic sand'!$C$27:$C$5000,1)),IF(INDEX('CPT Data'!$S$12:$S$20000,MATCH($B43,'CPT Data'!$B$12:$B$20000,1))&lt;2,INDEX('p-y cyclic clay'!$GY$27:$GY$5000,MATCH($B43,'p-y cyclic clay'!$C$27:$C$5000,1)),INDEX('p-y cyclic clay'!$HY$27:$HY$5000,MATCH($B43,'p-y cyclic clay'!$C$27:$C$5000,1))))</f>
        <v>0</v>
      </c>
      <c r="G43">
        <f>IF($D43="SAND",INDEX('p-y cyclic sand'!$AN$27:$AN$5000,MATCH($B43,'p-y cyclic sand'!$C$27:$C$5000,1)),IF(INDEX('CPT Data'!$S$12:$S$20000,MATCH($B43,'CPT Data'!$B$12:$B$20000,1))&lt;2,INDEX('p-y cyclic clay'!$GM$27:$GM$5000,MATCH($B43,'p-y cyclic clay'!$C$27:$C$5000,1)),INDEX('p-y cyclic clay'!$HM$27:$HM$5000,MATCH($B43,'p-y cyclic clay'!$C$27:$C$5000,1))))</f>
        <v>772.89091020271758</v>
      </c>
      <c r="H43">
        <f>IF($D43="SAND",INDEX('p-y cyclic sand'!$AA$27:$AA$5000,MATCH($B43,'p-y cyclic sand'!$C$27:$C$5000,1)),IF(INDEX('CPT Data'!$S$12:$S$20000,MATCH($B43,'CPT Data'!$B$12:$B$20000,1))&lt;2,INDEX('p-y cyclic clay'!$GZ$27:$GZ$5000,MATCH($B43,'p-y cyclic clay'!$C$27:$C$5000,1)),INDEX('p-y cyclic clay'!$HZ$27:$HZ$5000,MATCH($B43,'p-y cyclic clay'!$C$27:$C$5000,1))))</f>
        <v>1.1153565049081471</v>
      </c>
      <c r="I43">
        <f>IF($D43="SAND",INDEX('p-y cyclic sand'!$AO$27:$AO$5000,MATCH($B43,'p-y cyclic sand'!$C$27:$C$5000,1)),IF(INDEX('CPT Data'!$S$12:$S$20000,MATCH($B43,'CPT Data'!$B$12:$B$20000,1))&lt;2,INDEX('p-y cyclic clay'!$GN$27:$GN$5000,MATCH($B43,'p-y cyclic clay'!$C$27:$C$5000,1)),INDEX('p-y cyclic clay'!$HN$27:$HN$5000,MATCH($B43,'p-y cyclic clay'!$C$27:$C$5000,1))))</f>
        <v>3018.4908502972635</v>
      </c>
      <c r="J43">
        <f>IF($D43="SAND",INDEX('p-y cyclic sand'!$AB$27:$AB$5000,MATCH($B43,'p-y cyclic sand'!$C$27:$C$5000,1)),IF(INDEX('CPT Data'!$S$12:$S$20000,MATCH($B43,'CPT Data'!$B$12:$B$20000,1))&lt;2,INDEX('p-y cyclic clay'!$HA$27:$HA$5000,MATCH($B43,'p-y cyclic clay'!$C$27:$C$5000,1)),INDEX('p-y cyclic clay'!$IA$27:$IA$5000,MATCH($B43,'p-y cyclic clay'!$C$27:$C$5000,1))))</f>
        <v>10.83451785996423</v>
      </c>
      <c r="K43">
        <f>IF($D43="SAND",INDEX('p-y cyclic sand'!$AP$27:$AP$5000,MATCH($B43,'p-y cyclic sand'!$C$27:$C$5000,1)),IF(INDEX('CPT Data'!$S$12:$S$20000,MATCH($B43,'CPT Data'!$B$12:$B$20000,1))&lt;2,INDEX('p-y cyclic clay'!$GO$27:$GO$5000,MATCH($B43,'p-y cyclic clay'!$C$27:$C$5000,1)),INDEX('p-y cyclic clay'!$HO$27:$HO$5000,MATCH($B43,'p-y cyclic clay'!$C$27:$C$5000,1))))</f>
        <v>4449.4644705179835</v>
      </c>
      <c r="L43">
        <f>IF($D43="SAND",INDEX('p-y cyclic sand'!$AC$27:$AC$5000,MATCH($B43,'p-y cyclic sand'!$C$27:$C$5000,1)),IF(INDEX('CPT Data'!$S$12:$S$20000,MATCH($B43,'CPT Data'!$B$12:$B$20000,1))&lt;2,INDEX('p-y cyclic clay'!$HB$27:$HB$5000,MATCH($B43,'p-y cyclic clay'!$C$27:$C$5000,1)),INDEX('p-y cyclic clay'!$IB$27:$IB$5000,MATCH($B43,'p-y cyclic clay'!$C$27:$C$5000,1))))</f>
        <v>22.772624147930568</v>
      </c>
      <c r="M43">
        <f>IF($D43="SAND",INDEX('p-y cyclic sand'!$AQ$27:$AQ$5000,MATCH($B43,'p-y cyclic sand'!$C$27:$C$5000,1)),IF(INDEX('CPT Data'!$S$12:$S$20000,MATCH($B43,'CPT Data'!$B$12:$B$20000,1))&lt;2,INDEX('p-y cyclic clay'!$GP$27:$GP$5000,MATCH($B43,'p-y cyclic clay'!$C$27:$C$5000,1)),INDEX('p-y cyclic clay'!$HP$27:$HP$5000,MATCH($B43,'p-y cyclic clay'!$C$27:$C$5000,1))))</f>
        <v>5821.9281288018501</v>
      </c>
      <c r="N43">
        <f>IF($D43="SAND",INDEX('p-y cyclic sand'!$AD$27:$AD$5000,MATCH($B43,'p-y cyclic sand'!$C$27:$C$5000,1)),IF(INDEX('CPT Data'!$S$12:$S$20000,MATCH($B43,'CPT Data'!$B$12:$B$20000,1))&lt;2,INDEX('p-y cyclic clay'!$HC$27:$HC$5000,MATCH($B43,'p-y cyclic clay'!$C$27:$C$5000,1)),INDEX('p-y cyclic clay'!$IC$27:$IC$5000,MATCH($B43,'p-y cyclic clay'!$C$27:$C$5000,1))))</f>
        <v>42.29728311918241</v>
      </c>
      <c r="O43">
        <f>IF($D43="SAND",INDEX('p-y cyclic sand'!$AR$27:$AR$5000,MATCH($B43,'p-y cyclic sand'!$C$27:$C$5000,1)),IF(INDEX('CPT Data'!$S$12:$S$20000,MATCH($B43,'CPT Data'!$B$12:$B$20000,1))&lt;2,INDEX('p-y cyclic clay'!$GQ$27:$GQ$5000,MATCH($B43,'p-y cyclic clay'!$C$27:$C$5000,1)),INDEX('p-y cyclic clay'!$HQ$27:$HQ$5000,MATCH($B43,'p-y cyclic clay'!$C$27:$C$5000,1))))</f>
        <v>7130.1134873821966</v>
      </c>
      <c r="P43">
        <f>IF($D43="SAND",INDEX('p-y cyclic sand'!$AE$27:$AE$5000,MATCH($B43,'p-y cyclic sand'!$C$27:$C$5000,1)),IF(INDEX('CPT Data'!$S$12:$S$20000,MATCH($B43,'CPT Data'!$B$12:$B$20000,1))&lt;2,INDEX('p-y cyclic clay'!$HD$27:$HD$5000,MATCH($B43,'p-y cyclic clay'!$C$27:$C$5000,1)),INDEX('p-y cyclic clay'!$ID$27:$ID$5000,MATCH($B43,'p-y cyclic clay'!$C$27:$C$5000,1))))</f>
        <v>66.590386859988101</v>
      </c>
      <c r="Q43">
        <f>IF($D43="SAND",INDEX('p-y cyclic sand'!$AS$27:$AS$5000,MATCH($B43,'p-y cyclic sand'!$C$27:$C$5000,1)),IF(INDEX('CPT Data'!$S$12:$S$20000,MATCH($B43,'CPT Data'!$B$12:$B$20000,1))&lt;2,INDEX('p-y cyclic clay'!$GR$27:$GR$5000,MATCH($B43,'p-y cyclic clay'!$C$27:$C$5000,1)),INDEX('p-y cyclic clay'!$HR$27:$HR$5000,MATCH($B43,'p-y cyclic clay'!$C$27:$C$5000,1))))</f>
        <v>8367.1807462572615</v>
      </c>
      <c r="R43">
        <f>IF($D43="SAND",INDEX('p-y cyclic sand'!$AF$27:$AF$5000,MATCH($B43,'p-y cyclic sand'!$C$27:$C$5000,1)),IF(INDEX('CPT Data'!$S$12:$S$20000,MATCH($B43,'CPT Data'!$B$12:$B$20000,1))&lt;2,INDEX('p-y cyclic clay'!$HE$27:$HE$5000,MATCH($B43,'p-y cyclic clay'!$C$27:$C$5000,1)),INDEX('p-y cyclic clay'!$IE$27:$IE$5000,MATCH($B43,'p-y cyclic clay'!$C$27:$C$5000,1))))</f>
        <v>98.613473349110876</v>
      </c>
      <c r="S43">
        <f>IF($D43="SAND",INDEX('p-y cyclic sand'!$AT$27:$AT$5000,MATCH($B43,'p-y cyclic sand'!$C$27:$C$5000,1)),IF(INDEX('CPT Data'!$S$12:$S$20000,MATCH($B43,'CPT Data'!$B$12:$B$20000,1))&lt;2,INDEX('p-y cyclic clay'!$GS$27:$GS$5000,MATCH($B43,'p-y cyclic clay'!$C$27:$C$5000,1)),INDEX('p-y cyclic clay'!$HS$27:$HS$5000,MATCH($B43,'p-y cyclic clay'!$C$27:$C$5000,1))))</f>
        <v>9524.9189418381102</v>
      </c>
      <c r="T43">
        <f>IF($D43="SAND",INDEX('p-y cyclic sand'!$AG$27:$AG$5000,MATCH($B43,'p-y cyclic sand'!$C$27:$C$5000,1)),IF(INDEX('CPT Data'!$S$12:$S$20000,MATCH($B43,'CPT Data'!$B$12:$B$20000,1))&lt;2,INDEX('p-y cyclic clay'!$HF$27:$HF$5000,MATCH($B43,'p-y cyclic clay'!$C$27:$C$5000,1)),INDEX('p-y cyclic clay'!$IF$27:$IF$5000,MATCH($B43,'p-y cyclic clay'!$C$27:$C$5000,1))))</f>
        <v>144.10824327379069</v>
      </c>
      <c r="U43">
        <f>IF($D43="SAND",INDEX('p-y cyclic sand'!$AU$27:$AU$5000,MATCH($B43,'p-y cyclic sand'!$C$27:$C$5000,1)),IF(INDEX('CPT Data'!$S$12:$S$20000,MATCH($B43,'CPT Data'!$B$12:$B$20000,1))&lt;2,INDEX('p-y cyclic clay'!$GT$27:$GT$5000,MATCH($B43,'p-y cyclic clay'!$C$27:$C$5000,1)),INDEX('p-y cyclic clay'!$HT$27:$HT$5000,MATCH($B43,'p-y cyclic clay'!$C$27:$C$5000,1))))</f>
        <v>10593.330485760558</v>
      </c>
      <c r="V43">
        <f>IF($D43="SAND",INDEX('p-y cyclic sand'!$AH$27:$AH$5000,MATCH($B43,'p-y cyclic sand'!$C$27:$C$5000,1)),IF(INDEX('CPT Data'!$S$12:$S$20000,MATCH($B43,'CPT Data'!$B$12:$B$20000,1))&lt;2,INDEX('p-y cyclic clay'!$HG$27:$HG$5000,MATCH($B43,'p-y cyclic clay'!$C$27:$C$5000,1)),INDEX('p-y cyclic clay'!$IG$27:$IG$5000,MATCH($B43,'p-y cyclic clay'!$C$27:$C$5000,1))))</f>
        <v>213.91268366717458</v>
      </c>
      <c r="W43">
        <f>IF($D43="SAND",INDEX('p-y cyclic sand'!$AV$27:$AV$5000,MATCH($B43,'p-y cyclic sand'!$C$27:$C$5000,1)),IF(INDEX('CPT Data'!$S$12:$S$20000,MATCH($B43,'CPT Data'!$B$12:$B$20000,1))&lt;2,INDEX('p-y cyclic clay'!$GU$27:$GU$5000,MATCH($B43,'p-y cyclic clay'!$C$27:$C$5000,1)),INDEX('p-y cyclic clay'!$HU$27:$HU$5000,MATCH($B43,'p-y cyclic clay'!$C$27:$C$5000,1))))</f>
        <v>11560.040890934768</v>
      </c>
      <c r="X43">
        <f>IF($D43="SAND",INDEX('p-y cyclic sand'!$AI$27:$AI$5000,MATCH($B43,'p-y cyclic sand'!$C$27:$C$5000,1)),IF(INDEX('CPT Data'!$S$12:$S$20000,MATCH($B43,'CPT Data'!$B$12:$B$20000,1))&lt;2,INDEX('p-y cyclic clay'!$HH$27:$HH$5000,MATCH($B43,'p-y cyclic clay'!$C$27:$C$5000,1)),INDEX('p-y cyclic clay'!$IH$27:$IH$5000,MATCH($B43,'p-y cyclic clay'!$C$27:$C$5000,1))))</f>
        <v>330.06595289167575</v>
      </c>
      <c r="Y43">
        <f>IF($D43="SAND",INDEX('p-y cyclic sand'!$AW$27:$AW$5000,MATCH($B43,'p-y cyclic sand'!$C$27:$C$5000,1)),IF(INDEX('CPT Data'!$S$12:$S$20000,MATCH($B43,'CPT Data'!$B$12:$B$20000,1))&lt;2,INDEX('p-y cyclic clay'!$GV$27:$GV$5000,MATCH($B43,'p-y cyclic clay'!$C$27:$C$5000,1)),INDEX('p-y cyclic clay'!$HV$27:$HV$5000,MATCH($B43,'p-y cyclic clay'!$C$27:$C$5000,1))))</f>
        <v>12209.094340185249</v>
      </c>
      <c r="Z43">
        <f>IF($D43="SAND",INDEX('p-y cyclic sand'!$AJ$27:$AJ$5000,MATCH($B43,'p-y cyclic sand'!$C$27:$C$5000,1)),IF(INDEX('CPT Data'!$S$12:$S$20000,MATCH($B43,'CPT Data'!$B$12:$B$20000,1))&lt;2,INDEX('p-y cyclic clay'!$HI$27:$HI$5000,MATCH($B43,'p-y cyclic clay'!$C$27:$C$5000,1)),INDEX('p-y cyclic clay'!$II$27:$II$5000,MATCH($B43,'p-y cyclic clay'!$C$27:$C$5000,1))))</f>
        <v>509.71256569818462</v>
      </c>
      <c r="AA43">
        <f>IF($D43="SAND",INDEX('p-y cyclic sand'!$AX$27:$AX$5000,MATCH($B43,'p-y cyclic sand'!$C$27:$C$5000,1)),IF(INDEX('CPT Data'!$S$12:$S$20000,MATCH($B43,'CPT Data'!$B$12:$B$20000,1))&lt;2,INDEX('p-y cyclic clay'!$GW$27:$GW$5000,MATCH($B43,'p-y cyclic clay'!$C$27:$C$5000,1)),INDEX('p-y cyclic clay'!$HW$27:$HW$5000,MATCH($B43,'p-y cyclic clay'!$C$27:$C$5000,1))))</f>
        <v>12409.435830478769</v>
      </c>
      <c r="AB43">
        <f>IF($D43="SAND",INDEX('p-y cyclic sand'!$AK$27:$AK$5000,MATCH($B43,'p-y cyclic sand'!$C$27:$C$5000,1)),IF(INDEX('CPT Data'!$S$12:$S$20000,MATCH($B43,'CPT Data'!$B$12:$B$20000,1))&lt;2,INDEX('p-y cyclic clay'!$HJ$27:$HJ$5000,MATCH($B43,'p-y cyclic clay'!$C$27:$C$5000,1)),INDEX('p-y cyclic clay'!$IJ$27:$IJ$5000,MATCH($B43,'p-y cyclic clay'!$C$27:$C$5000,1))))</f>
        <v>668.07976680624756</v>
      </c>
      <c r="AC43">
        <f>IF($D43="SAND",INDEX('p-y cyclic sand'!$AY$27:$AY$5000,MATCH($B43,'p-y cyclic sand'!$C$27:$C$5000,1)),IF(INDEX('CPT Data'!$S$12:$S$20000,MATCH($B43,'CPT Data'!$B$12:$B$20000,1))&lt;2,INDEX('p-y cyclic clay'!$GX$27:$GX$5000,MATCH($B43,'p-y cyclic clay'!$C$27:$C$5000,1)),INDEX('p-y cyclic clay'!$HX$27:$HX$5000,MATCH($B43,'p-y cyclic clay'!$C$27:$C$5000,1))))</f>
        <v>12409.435830478769</v>
      </c>
      <c r="AD43" s="98">
        <f>IF($D43="SAND",INDEX('p-y cyclic sand'!$AL$27:$AL$5000,MATCH($B43,'p-y cyclic sand'!$C$27:$C$5000,1)),IF(INDEX('CPT Data'!$S$12:$S$20000,MATCH($B43,'CPT Data'!$B$12:$B$20000,1))&lt;2,INDEX('p-y cyclic clay'!$HK$27:$HK$5000,MATCH($B43,'p-y cyclic clay'!$C$27:$C$5000,1)),INDEX('p-y cyclic clay'!$IK$27:$IK$5000,MATCH($B43,'p-y cyclic clay'!$C$27:$C$5000,1))))</f>
        <v>5432.4746895721391</v>
      </c>
    </row>
    <row r="44" spans="1:30" x14ac:dyDescent="0.2">
      <c r="A44" s="214">
        <f t="shared" si="0"/>
        <v>-54.5</v>
      </c>
      <c r="B44" s="216">
        <f>'p-y cyclic clay'!C65</f>
        <v>39</v>
      </c>
      <c r="C44">
        <f>INDEX('CPT Data'!$C$13:$C$20000,MATCH(B44,'CPT Data'!$B$13:$B$20000,1))</f>
        <v>38.992000000000004</v>
      </c>
      <c r="D44" s="216" t="str">
        <f>INDEX('CPT Data'!$P$13:$P$20000,MATCH(B44,'CPT Data'!$B$13:$B$20000,1))</f>
        <v>CLAY</v>
      </c>
      <c r="E44">
        <f>IF($D44="SAND",INDEX('p-y cyclic sand'!$AM$27:$AM$5000,MATCH($B44,'p-y cyclic sand'!$C$27:$C$5000,1)),IF(INDEX('CPT Data'!$S$12:$S$20000,MATCH($B44,'CPT Data'!$B$12:$B$20000,1))&lt;2,INDEX('p-y cyclic clay'!$GL$27:$GL$5000,MATCH($B44,'p-y cyclic clay'!$C$27:$C$5000,1)),INDEX('p-y cyclic clay'!$HL$27:$HL$5000,MATCH($B44,'p-y cyclic clay'!$C$27:$C$5000,1))))</f>
        <v>0</v>
      </c>
      <c r="F44">
        <f>IF($D44="SAND",INDEX('p-y cyclic sand'!$Z$27:$Z$5000,MATCH($B44,'p-y cyclic sand'!$C$27:$C$5000,1)),IF(INDEX('CPT Data'!$S$12:$S$20000,MATCH($B44,'CPT Data'!$B$12:$B$20000,1))&lt;2,INDEX('p-y cyclic clay'!$GY$27:$GY$5000,MATCH($B44,'p-y cyclic clay'!$C$27:$C$5000,1)),INDEX('p-y cyclic clay'!$HY$27:$HY$5000,MATCH($B44,'p-y cyclic clay'!$C$27:$C$5000,1))))</f>
        <v>0</v>
      </c>
      <c r="G44">
        <f>IF($D44="SAND",INDEX('p-y cyclic sand'!$AN$27:$AN$5000,MATCH($B44,'p-y cyclic sand'!$C$27:$C$5000,1)),IF(INDEX('CPT Data'!$S$12:$S$20000,MATCH($B44,'CPT Data'!$B$12:$B$20000,1))&lt;2,INDEX('p-y cyclic clay'!$GM$27:$GM$5000,MATCH($B44,'p-y cyclic clay'!$C$27:$C$5000,1)),INDEX('p-y cyclic clay'!$HM$27:$HM$5000,MATCH($B44,'p-y cyclic clay'!$C$27:$C$5000,1))))</f>
        <v>635.7996031572111</v>
      </c>
      <c r="H44">
        <f>IF($D44="SAND",INDEX('p-y cyclic sand'!$AA$27:$AA$5000,MATCH($B44,'p-y cyclic sand'!$C$27:$C$5000,1)),IF(INDEX('CPT Data'!$S$12:$S$20000,MATCH($B44,'CPT Data'!$B$12:$B$20000,1))&lt;2,INDEX('p-y cyclic clay'!$GZ$27:$GZ$5000,MATCH($B44,'p-y cyclic clay'!$C$27:$C$5000,1)),INDEX('p-y cyclic clay'!$HZ$27:$HZ$5000,MATCH($B44,'p-y cyclic clay'!$C$27:$C$5000,1))))</f>
        <v>1.0550780767275121</v>
      </c>
      <c r="I44">
        <f>IF($D44="SAND",INDEX('p-y cyclic sand'!$AO$27:$AO$5000,MATCH($B44,'p-y cyclic sand'!$C$27:$C$5000,1)),IF(INDEX('CPT Data'!$S$12:$S$20000,MATCH($B44,'CPT Data'!$B$12:$B$20000,1))&lt;2,INDEX('p-y cyclic clay'!$GN$27:$GN$5000,MATCH($B44,'p-y cyclic clay'!$C$27:$C$5000,1)),INDEX('p-y cyclic clay'!$HN$27:$HN$5000,MATCH($B44,'p-y cyclic clay'!$C$27:$C$5000,1))))</f>
        <v>2483.0868877074872</v>
      </c>
      <c r="J44">
        <f>IF($D44="SAND",INDEX('p-y cyclic sand'!$AB$27:$AB$5000,MATCH($B44,'p-y cyclic sand'!$C$27:$C$5000,1)),IF(INDEX('CPT Data'!$S$12:$S$20000,MATCH($B44,'CPT Data'!$B$12:$B$20000,1))&lt;2,INDEX('p-y cyclic clay'!$HA$27:$HA$5000,MATCH($B44,'p-y cyclic clay'!$C$27:$C$5000,1)),INDEX('p-y cyclic clay'!$IA$27:$IA$5000,MATCH($B44,'p-y cyclic clay'!$C$27:$C$5000,1))))</f>
        <v>10.248976193403145</v>
      </c>
      <c r="K44">
        <f>IF($D44="SAND",INDEX('p-y cyclic sand'!$AP$27:$AP$5000,MATCH($B44,'p-y cyclic sand'!$C$27:$C$5000,1)),IF(INDEX('CPT Data'!$S$12:$S$20000,MATCH($B44,'CPT Data'!$B$12:$B$20000,1))&lt;2,INDEX('p-y cyclic clay'!$GO$27:$GO$5000,MATCH($B44,'p-y cyclic clay'!$C$27:$C$5000,1)),INDEX('p-y cyclic clay'!$HO$27:$HO$5000,MATCH($B44,'p-y cyclic clay'!$C$27:$C$5000,1))))</f>
        <v>3660.241965939862</v>
      </c>
      <c r="L44">
        <f>IF($D44="SAND",INDEX('p-y cyclic sand'!$AC$27:$AC$5000,MATCH($B44,'p-y cyclic sand'!$C$27:$C$5000,1)),IF(INDEX('CPT Data'!$S$12:$S$20000,MATCH($B44,'CPT Data'!$B$12:$B$20000,1))&lt;2,INDEX('p-y cyclic clay'!$HB$27:$HB$5000,MATCH($B44,'p-y cyclic clay'!$C$27:$C$5000,1)),INDEX('p-y cyclic clay'!$IB$27:$IB$5000,MATCH($B44,'p-y cyclic clay'!$C$27:$C$5000,1))))</f>
        <v>21.052937948789591</v>
      </c>
      <c r="M44">
        <f>IF($D44="SAND",INDEX('p-y cyclic sand'!$AQ$27:$AQ$5000,MATCH($B44,'p-y cyclic sand'!$C$27:$C$5000,1)),IF(INDEX('CPT Data'!$S$12:$S$20000,MATCH($B44,'CPT Data'!$B$12:$B$20000,1))&lt;2,INDEX('p-y cyclic clay'!$GP$27:$GP$5000,MATCH($B44,'p-y cyclic clay'!$C$27:$C$5000,1)),INDEX('p-y cyclic clay'!$HP$27:$HP$5000,MATCH($B44,'p-y cyclic clay'!$C$27:$C$5000,1))))</f>
        <v>4789.2652702192509</v>
      </c>
      <c r="N44">
        <f>IF($D44="SAND",INDEX('p-y cyclic sand'!$AD$27:$AD$5000,MATCH($B44,'p-y cyclic sand'!$C$27:$C$5000,1)),IF(INDEX('CPT Data'!$S$12:$S$20000,MATCH($B44,'CPT Data'!$B$12:$B$20000,1))&lt;2,INDEX('p-y cyclic clay'!$HC$27:$HC$5000,MATCH($B44,'p-y cyclic clay'!$C$27:$C$5000,1)),INDEX('p-y cyclic clay'!$IC$27:$IC$5000,MATCH($B44,'p-y cyclic clay'!$C$27:$C$5000,1))))</f>
        <v>38.936268417091902</v>
      </c>
      <c r="O44">
        <f>IF($D44="SAND",INDEX('p-y cyclic sand'!$AR$27:$AR$5000,MATCH($B44,'p-y cyclic sand'!$C$27:$C$5000,1)),IF(INDEX('CPT Data'!$S$12:$S$20000,MATCH($B44,'CPT Data'!$B$12:$B$20000,1))&lt;2,INDEX('p-y cyclic clay'!$GQ$27:$GQ$5000,MATCH($B44,'p-y cyclic clay'!$C$27:$C$5000,1)),INDEX('p-y cyclic clay'!$HQ$27:$HQ$5000,MATCH($B44,'p-y cyclic clay'!$C$27:$C$5000,1))))</f>
        <v>5865.411620062212</v>
      </c>
      <c r="P44">
        <f>IF($D44="SAND",INDEX('p-y cyclic sand'!$AE$27:$AE$5000,MATCH($B44,'p-y cyclic sand'!$C$27:$C$5000,1)),IF(INDEX('CPT Data'!$S$12:$S$20000,MATCH($B44,'CPT Data'!$B$12:$B$20000,1))&lt;2,INDEX('p-y cyclic clay'!$HD$27:$HD$5000,MATCH($B44,'p-y cyclic clay'!$C$27:$C$5000,1)),INDEX('p-y cyclic clay'!$ID$27:$ID$5000,MATCH($B44,'p-y cyclic clay'!$C$27:$C$5000,1))))</f>
        <v>61.127723081690661</v>
      </c>
      <c r="Q44">
        <f>IF($D44="SAND",INDEX('p-y cyclic sand'!$AS$27:$AS$5000,MATCH($B44,'p-y cyclic sand'!$C$27:$C$5000,1)),IF(INDEX('CPT Data'!$S$12:$S$20000,MATCH($B44,'CPT Data'!$B$12:$B$20000,1))&lt;2,INDEX('p-y cyclic clay'!$GR$27:$GR$5000,MATCH($B44,'p-y cyclic clay'!$C$27:$C$5000,1)),INDEX('p-y cyclic clay'!$HR$27:$HR$5000,MATCH($B44,'p-y cyclic clay'!$C$27:$C$5000,1))))</f>
        <v>6883.0544230617325</v>
      </c>
      <c r="R44">
        <f>IF($D44="SAND",INDEX('p-y cyclic sand'!$AF$27:$AF$5000,MATCH($B44,'p-y cyclic sand'!$C$27:$C$5000,1)),IF(INDEX('CPT Data'!$S$12:$S$20000,MATCH($B44,'CPT Data'!$B$12:$B$20000,1))&lt;2,INDEX('p-y cyclic clay'!$HE$27:$HE$5000,MATCH($B44,'p-y cyclic clay'!$C$27:$C$5000,1)),INDEX('p-y cyclic clay'!$IE$27:$IE$5000,MATCH($B44,'p-y cyclic clay'!$C$27:$C$5000,1))))</f>
        <v>90.111007864654511</v>
      </c>
      <c r="S44">
        <f>IF($D44="SAND",INDEX('p-y cyclic sand'!$AT$27:$AT$5000,MATCH($B44,'p-y cyclic sand'!$C$27:$C$5000,1)),IF(INDEX('CPT Data'!$S$12:$S$20000,MATCH($B44,'CPT Data'!$B$12:$B$20000,1))&lt;2,INDEX('p-y cyclic clay'!$GS$27:$GS$5000,MATCH($B44,'p-y cyclic clay'!$C$27:$C$5000,1)),INDEX('p-y cyclic clay'!$HS$27:$HS$5000,MATCH($B44,'p-y cyclic clay'!$C$27:$C$5000,1))))</f>
        <v>7835.4391329778909</v>
      </c>
      <c r="T44">
        <f>IF($D44="SAND",INDEX('p-y cyclic sand'!$AG$27:$AG$5000,MATCH($B44,'p-y cyclic sand'!$C$27:$C$5000,1)),IF(INDEX('CPT Data'!$S$12:$S$20000,MATCH($B44,'CPT Data'!$B$12:$B$20000,1))&lt;2,INDEX('p-y cyclic clay'!$HF$27:$HF$5000,MATCH($B44,'p-y cyclic clay'!$C$27:$C$5000,1)),INDEX('p-y cyclic clay'!$IF$27:$IF$5000,MATCH($B44,'p-y cyclic clay'!$C$27:$C$5000,1))))</f>
        <v>132.25312500905071</v>
      </c>
      <c r="U44">
        <f>IF($D44="SAND",INDEX('p-y cyclic sand'!$AU$27:$AU$5000,MATCH($B44,'p-y cyclic sand'!$C$27:$C$5000,1)),IF(INDEX('CPT Data'!$S$12:$S$20000,MATCH($B44,'CPT Data'!$B$12:$B$20000,1))&lt;2,INDEX('p-y cyclic clay'!$GT$27:$GT$5000,MATCH($B44,'p-y cyclic clay'!$C$27:$C$5000,1)),INDEX('p-y cyclic clay'!$HT$27:$HT$5000,MATCH($B44,'p-y cyclic clay'!$C$27:$C$5000,1))))</f>
        <v>8714.3414808607322</v>
      </c>
      <c r="V44">
        <f>IF($D44="SAND",INDEX('p-y cyclic sand'!$AH$27:$AH$5000,MATCH($B44,'p-y cyclic sand'!$C$27:$C$5000,1)),IF(INDEX('CPT Data'!$S$12:$S$20000,MATCH($B44,'CPT Data'!$B$12:$B$20000,1))&lt;2,INDEX('p-y cyclic clay'!$HG$27:$HG$5000,MATCH($B44,'p-y cyclic clay'!$C$27:$C$5000,1)),INDEX('p-y cyclic clay'!$IG$27:$IG$5000,MATCH($B44,'p-y cyclic clay'!$C$27:$C$5000,1))))</f>
        <v>195.9775805320634</v>
      </c>
      <c r="W44">
        <f>IF($D44="SAND",INDEX('p-y cyclic sand'!$AV$27:$AV$5000,MATCH($B44,'p-y cyclic sand'!$C$27:$C$5000,1)),IF(INDEX('CPT Data'!$S$12:$S$20000,MATCH($B44,'CPT Data'!$B$12:$B$20000,1))&lt;2,INDEX('p-y cyclic clay'!$GU$27:$GU$5000,MATCH($B44,'p-y cyclic clay'!$C$27:$C$5000,1)),INDEX('p-y cyclic clay'!$HU$27:$HU$5000,MATCH($B44,'p-y cyclic clay'!$C$27:$C$5000,1))))</f>
        <v>9509.5819007752325</v>
      </c>
      <c r="X44">
        <f>IF($D44="SAND",INDEX('p-y cyclic sand'!$AI$27:$AI$5000,MATCH($B44,'p-y cyclic sand'!$C$27:$C$5000,1)),IF(INDEX('CPT Data'!$S$12:$S$20000,MATCH($B44,'CPT Data'!$B$12:$B$20000,1))&lt;2,INDEX('p-y cyclic clay'!$HH$27:$HH$5000,MATCH($B44,'p-y cyclic clay'!$C$27:$C$5000,1)),INDEX('p-y cyclic clay'!$IH$27:$IH$5000,MATCH($B44,'p-y cyclic clay'!$C$27:$C$5000,1))))</f>
        <v>306.09327692107684</v>
      </c>
      <c r="Y44">
        <f>IF($D44="SAND",INDEX('p-y cyclic sand'!$AW$27:$AW$5000,MATCH($B44,'p-y cyclic sand'!$C$27:$C$5000,1)),IF(INDEX('CPT Data'!$S$12:$S$20000,MATCH($B44,'CPT Data'!$B$12:$B$20000,1))&lt;2,INDEX('p-y cyclic clay'!$GV$27:$GV$5000,MATCH($B44,'p-y cyclic clay'!$C$27:$C$5000,1)),INDEX('p-y cyclic clay'!$HV$27:$HV$5000,MATCH($B44,'p-y cyclic clay'!$C$27:$C$5000,1))))</f>
        <v>10043.509677662965</v>
      </c>
      <c r="Z44">
        <f>IF($D44="SAND",INDEX('p-y cyclic sand'!$AJ$27:$AJ$5000,MATCH($B44,'p-y cyclic sand'!$C$27:$C$5000,1)),IF(INDEX('CPT Data'!$S$12:$S$20000,MATCH($B44,'CPT Data'!$B$12:$B$20000,1))&lt;2,INDEX('p-y cyclic clay'!$HI$27:$HI$5000,MATCH($B44,'p-y cyclic clay'!$C$27:$C$5000,1)),INDEX('p-y cyclic clay'!$II$27:$II$5000,MATCH($B44,'p-y cyclic clay'!$C$27:$C$5000,1))))</f>
        <v>477.21567846704477</v>
      </c>
      <c r="AA44">
        <f>IF($D44="SAND",INDEX('p-y cyclic sand'!$AX$27:$AX$5000,MATCH($B44,'p-y cyclic sand'!$C$27:$C$5000,1)),IF(INDEX('CPT Data'!$S$12:$S$20000,MATCH($B44,'CPT Data'!$B$12:$B$20000,1))&lt;2,INDEX('p-y cyclic clay'!$GW$27:$GW$5000,MATCH($B44,'p-y cyclic clay'!$C$27:$C$5000,1)),INDEX('p-y cyclic clay'!$HW$27:$HW$5000,MATCH($B44,'p-y cyclic clay'!$C$27:$C$5000,1))))</f>
        <v>10208.315652662901</v>
      </c>
      <c r="AB44">
        <f>IF($D44="SAND",INDEX('p-y cyclic sand'!$AK$27:$AK$5000,MATCH($B44,'p-y cyclic sand'!$C$27:$C$5000,1)),IF(INDEX('CPT Data'!$S$12:$S$20000,MATCH($B44,'CPT Data'!$B$12:$B$20000,1))&lt;2,INDEX('p-y cyclic clay'!$HJ$27:$HJ$5000,MATCH($B44,'p-y cyclic clay'!$C$27:$C$5000,1)),INDEX('p-y cyclic clay'!$IJ$27:$IJ$5000,MATCH($B44,'p-y cyclic clay'!$C$27:$C$5000,1))))</f>
        <v>622.18756474851705</v>
      </c>
      <c r="AC44">
        <f>IF($D44="SAND",INDEX('p-y cyclic sand'!$AY$27:$AY$5000,MATCH($B44,'p-y cyclic sand'!$C$27:$C$5000,1)),IF(INDEX('CPT Data'!$S$12:$S$20000,MATCH($B44,'CPT Data'!$B$12:$B$20000,1))&lt;2,INDEX('p-y cyclic clay'!$GX$27:$GX$5000,MATCH($B44,'p-y cyclic clay'!$C$27:$C$5000,1)),INDEX('p-y cyclic clay'!$HX$27:$HX$5000,MATCH($B44,'p-y cyclic clay'!$C$27:$C$5000,1))))</f>
        <v>10208.315652662901</v>
      </c>
      <c r="AD44" s="98">
        <f>IF($D44="SAND",INDEX('p-y cyclic sand'!$AL$27:$AL$5000,MATCH($B44,'p-y cyclic sand'!$C$27:$C$5000,1)),IF(INDEX('CPT Data'!$S$12:$S$20000,MATCH($B44,'CPT Data'!$B$12:$B$20000,1))&lt;2,INDEX('p-y cyclic clay'!$HK$27:$HK$5000,MATCH($B44,'p-y cyclic clay'!$C$27:$C$5000,1)),INDEX('p-y cyclic clay'!$IK$27:$IK$5000,MATCH($B44,'p-y cyclic clay'!$C$27:$C$5000,1))))</f>
        <v>5432.4746895721391</v>
      </c>
    </row>
    <row r="45" spans="1:30" x14ac:dyDescent="0.2">
      <c r="A45" s="214">
        <f t="shared" si="0"/>
        <v>-55.5</v>
      </c>
      <c r="B45" s="216">
        <f>'p-y cyclic clay'!C66</f>
        <v>40</v>
      </c>
      <c r="C45">
        <f>INDEX('CPT Data'!$C$13:$C$20000,MATCH(B45,'CPT Data'!$B$13:$B$20000,1))</f>
        <v>39.991</v>
      </c>
      <c r="D45" s="216" t="str">
        <f>INDEX('CPT Data'!$P$13:$P$20000,MATCH(B45,'CPT Data'!$B$13:$B$20000,1))</f>
        <v>CLAY</v>
      </c>
      <c r="E45">
        <f>IF($D45="SAND",INDEX('p-y cyclic sand'!$AM$27:$AM$5000,MATCH($B45,'p-y cyclic sand'!$C$27:$C$5000,1)),IF(INDEX('CPT Data'!$S$12:$S$20000,MATCH($B45,'CPT Data'!$B$12:$B$20000,1))&lt;2,INDEX('p-y cyclic clay'!$GL$27:$GL$5000,MATCH($B45,'p-y cyclic clay'!$C$27:$C$5000,1)),INDEX('p-y cyclic clay'!$HL$27:$HL$5000,MATCH($B45,'p-y cyclic clay'!$C$27:$C$5000,1))))</f>
        <v>0</v>
      </c>
      <c r="F45">
        <f>IF($D45="SAND",INDEX('p-y cyclic sand'!$Z$27:$Z$5000,MATCH($B45,'p-y cyclic sand'!$C$27:$C$5000,1)),IF(INDEX('CPT Data'!$S$12:$S$20000,MATCH($B45,'CPT Data'!$B$12:$B$20000,1))&lt;2,INDEX('p-y cyclic clay'!$GY$27:$GY$5000,MATCH($B45,'p-y cyclic clay'!$C$27:$C$5000,1)),INDEX('p-y cyclic clay'!$HY$27:$HY$5000,MATCH($B45,'p-y cyclic clay'!$C$27:$C$5000,1))))</f>
        <v>0</v>
      </c>
      <c r="G45">
        <f>IF($D45="SAND",INDEX('p-y cyclic sand'!$AN$27:$AN$5000,MATCH($B45,'p-y cyclic sand'!$C$27:$C$5000,1)),IF(INDEX('CPT Data'!$S$12:$S$20000,MATCH($B45,'CPT Data'!$B$12:$B$20000,1))&lt;2,INDEX('p-y cyclic clay'!$GM$27:$GM$5000,MATCH($B45,'p-y cyclic clay'!$C$27:$C$5000,1)),INDEX('p-y cyclic clay'!$HM$27:$HM$5000,MATCH($B45,'p-y cyclic clay'!$C$27:$C$5000,1))))</f>
        <v>396.95064992457372</v>
      </c>
      <c r="H45">
        <f>IF($D45="SAND",INDEX('p-y cyclic sand'!$AA$27:$AA$5000,MATCH($B45,'p-y cyclic sand'!$C$27:$C$5000,1)),IF(INDEX('CPT Data'!$S$12:$S$20000,MATCH($B45,'CPT Data'!$B$12:$B$20000,1))&lt;2,INDEX('p-y cyclic clay'!$GZ$27:$GZ$5000,MATCH($B45,'p-y cyclic clay'!$C$27:$C$5000,1)),INDEX('p-y cyclic clay'!$HZ$27:$HZ$5000,MATCH($B45,'p-y cyclic clay'!$C$27:$C$5000,1))))</f>
        <v>0.89230392673907322</v>
      </c>
      <c r="I45">
        <f>IF($D45="SAND",INDEX('p-y cyclic sand'!$AO$27:$AO$5000,MATCH($B45,'p-y cyclic sand'!$C$27:$C$5000,1)),IF(INDEX('CPT Data'!$S$12:$S$20000,MATCH($B45,'CPT Data'!$B$12:$B$20000,1))&lt;2,INDEX('p-y cyclic clay'!$GN$27:$GN$5000,MATCH($B45,'p-y cyclic clay'!$C$27:$C$5000,1)),INDEX('p-y cyclic clay'!$HN$27:$HN$5000,MATCH($B45,'p-y cyclic clay'!$C$27:$C$5000,1))))</f>
        <v>1550.2729932515449</v>
      </c>
      <c r="J45">
        <f>IF($D45="SAND",INDEX('p-y cyclic sand'!$AB$27:$AB$5000,MATCH($B45,'p-y cyclic sand'!$C$27:$C$5000,1)),IF(INDEX('CPT Data'!$S$12:$S$20000,MATCH($B45,'CPT Data'!$B$12:$B$20000,1))&lt;2,INDEX('p-y cyclic clay'!$HA$27:$HA$5000,MATCH($B45,'p-y cyclic clay'!$C$27:$C$5000,1)),INDEX('p-y cyclic clay'!$IA$27:$IA$5000,MATCH($B45,'p-y cyclic clay'!$C$27:$C$5000,1))))</f>
        <v>8.6677961604454534</v>
      </c>
      <c r="K45">
        <f>IF($D45="SAND",INDEX('p-y cyclic sand'!$AP$27:$AP$5000,MATCH($B45,'p-y cyclic sand'!$C$27:$C$5000,1)),IF(INDEX('CPT Data'!$S$12:$S$20000,MATCH($B45,'CPT Data'!$B$12:$B$20000,1))&lt;2,INDEX('p-y cyclic clay'!$GO$27:$GO$5000,MATCH($B45,'p-y cyclic clay'!$C$27:$C$5000,1)),INDEX('p-y cyclic clay'!$HO$27:$HO$5000,MATCH($B45,'p-y cyclic clay'!$C$27:$C$5000,1))))</f>
        <v>2285.2097108053204</v>
      </c>
      <c r="L45">
        <f>IF($D45="SAND",INDEX('p-y cyclic sand'!$AC$27:$AC$5000,MATCH($B45,'p-y cyclic sand'!$C$27:$C$5000,1)),IF(INDEX('CPT Data'!$S$12:$S$20000,MATCH($B45,'CPT Data'!$B$12:$B$20000,1))&lt;2,INDEX('p-y cyclic clay'!$HB$27:$HB$5000,MATCH($B45,'p-y cyclic clay'!$C$27:$C$5000,1)),INDEX('p-y cyclic clay'!$IB$27:$IB$5000,MATCH($B45,'p-y cyclic clay'!$C$27:$C$5000,1))))</f>
        <v>16.577718828928326</v>
      </c>
      <c r="M45">
        <f>IF($D45="SAND",INDEX('p-y cyclic sand'!$AQ$27:$AQ$5000,MATCH($B45,'p-y cyclic sand'!$C$27:$C$5000,1)),IF(INDEX('CPT Data'!$S$12:$S$20000,MATCH($B45,'CPT Data'!$B$12:$B$20000,1))&lt;2,INDEX('p-y cyclic clay'!$GP$27:$GP$5000,MATCH($B45,'p-y cyclic clay'!$C$27:$C$5000,1)),INDEX('p-y cyclic clay'!$HP$27:$HP$5000,MATCH($B45,'p-y cyclic clay'!$C$27:$C$5000,1))))</f>
        <v>2990.096175326873</v>
      </c>
      <c r="N45">
        <f>IF($D45="SAND",INDEX('p-y cyclic sand'!$AD$27:$AD$5000,MATCH($B45,'p-y cyclic sand'!$C$27:$C$5000,1)),IF(INDEX('CPT Data'!$S$12:$S$20000,MATCH($B45,'CPT Data'!$B$12:$B$20000,1))&lt;2,INDEX('p-y cyclic clay'!$HC$27:$HC$5000,MATCH($B45,'p-y cyclic clay'!$C$27:$C$5000,1)),INDEX('p-y cyclic clay'!$IC$27:$IC$5000,MATCH($B45,'p-y cyclic clay'!$C$27:$C$5000,1))))</f>
        <v>29.860280078577368</v>
      </c>
      <c r="O45">
        <f>IF($D45="SAND",INDEX('p-y cyclic sand'!$AR$27:$AR$5000,MATCH($B45,'p-y cyclic sand'!$C$27:$C$5000,1)),IF(INDEX('CPT Data'!$S$12:$S$20000,MATCH($B45,'CPT Data'!$B$12:$B$20000,1))&lt;2,INDEX('p-y cyclic clay'!$GQ$27:$GQ$5000,MATCH($B45,'p-y cyclic clay'!$C$27:$C$5000,1)),INDEX('p-y cyclic clay'!$HQ$27:$HQ$5000,MATCH($B45,'p-y cyclic clay'!$C$27:$C$5000,1))))</f>
        <v>3661.9698142264165</v>
      </c>
      <c r="P45">
        <f>IF($D45="SAND",INDEX('p-y cyclic sand'!$AE$27:$AE$5000,MATCH($B45,'p-y cyclic sand'!$C$27:$C$5000,1)),IF(INDEX('CPT Data'!$S$12:$S$20000,MATCH($B45,'CPT Data'!$B$12:$B$20000,1))&lt;2,INDEX('p-y cyclic clay'!$HD$27:$HD$5000,MATCH($B45,'p-y cyclic clay'!$C$27:$C$5000,1)),INDEX('p-y cyclic clay'!$ID$27:$ID$5000,MATCH($B45,'p-y cyclic clay'!$C$27:$C$5000,1))))</f>
        <v>46.376501458585089</v>
      </c>
      <c r="Q45">
        <f>IF($D45="SAND",INDEX('p-y cyclic sand'!$AS$27:$AS$5000,MATCH($B45,'p-y cyclic sand'!$C$27:$C$5000,1)),IF(INDEX('CPT Data'!$S$12:$S$20000,MATCH($B45,'CPT Data'!$B$12:$B$20000,1))&lt;2,INDEX('p-y cyclic clay'!$GR$27:$GR$5000,MATCH($B45,'p-y cyclic clay'!$C$27:$C$5000,1)),INDEX('p-y cyclic clay'!$HR$27:$HR$5000,MATCH($B45,'p-y cyclic clay'!$C$27:$C$5000,1))))</f>
        <v>4297.3177603965578</v>
      </c>
      <c r="R45">
        <f>IF($D45="SAND",INDEX('p-y cyclic sand'!$AF$27:$AF$5000,MATCH($B45,'p-y cyclic sand'!$C$27:$C$5000,1)),IF(INDEX('CPT Data'!$S$12:$S$20000,MATCH($B45,'CPT Data'!$B$12:$B$20000,1))&lt;2,INDEX('p-y cyclic clay'!$HE$27:$HE$5000,MATCH($B45,'p-y cyclic clay'!$C$27:$C$5000,1)),INDEX('p-y cyclic clay'!$IE$27:$IE$5000,MATCH($B45,'p-y cyclic clay'!$C$27:$C$5000,1))))</f>
        <v>68.193011623943889</v>
      </c>
      <c r="S45">
        <f>IF($D45="SAND",INDEX('p-y cyclic sand'!$AT$27:$AT$5000,MATCH($B45,'p-y cyclic sand'!$C$27:$C$5000,1)),IF(INDEX('CPT Data'!$S$12:$S$20000,MATCH($B45,'CPT Data'!$B$12:$B$20000,1))&lt;2,INDEX('p-y cyclic clay'!$GS$27:$GS$5000,MATCH($B45,'p-y cyclic clay'!$C$27:$C$5000,1)),INDEX('p-y cyclic clay'!$HS$27:$HS$5000,MATCH($B45,'p-y cyclic clay'!$C$27:$C$5000,1))))</f>
        <v>4891.9229279716101</v>
      </c>
      <c r="T45">
        <f>IF($D45="SAND",INDEX('p-y cyclic sand'!$AG$27:$AG$5000,MATCH($B45,'p-y cyclic sand'!$C$27:$C$5000,1)),IF(INDEX('CPT Data'!$S$12:$S$20000,MATCH($B45,'CPT Data'!$B$12:$B$20000,1))&lt;2,INDEX('p-y cyclic clay'!$HF$27:$HF$5000,MATCH($B45,'p-y cyclic clay'!$C$27:$C$5000,1)),INDEX('p-y cyclic clay'!$IF$27:$IF$5000,MATCH($B45,'p-y cyclic clay'!$C$27:$C$5000,1))))</f>
        <v>100.2399014264324</v>
      </c>
      <c r="U45">
        <f>IF($D45="SAND",INDEX('p-y cyclic sand'!$AU$27:$AU$5000,MATCH($B45,'p-y cyclic sand'!$C$27:$C$5000,1)),IF(INDEX('CPT Data'!$S$12:$S$20000,MATCH($B45,'CPT Data'!$B$12:$B$20000,1))&lt;2,INDEX('p-y cyclic clay'!$GT$27:$GT$5000,MATCH($B45,'p-y cyclic clay'!$C$27:$C$5000,1)),INDEX('p-y cyclic clay'!$HT$27:$HT$5000,MATCH($B45,'p-y cyclic clay'!$C$27:$C$5000,1))))</f>
        <v>5440.6506347519835</v>
      </c>
      <c r="V45">
        <f>IF($D45="SAND",INDEX('p-y cyclic sand'!$AH$27:$AH$5000,MATCH($B45,'p-y cyclic sand'!$C$27:$C$5000,1)),IF(INDEX('CPT Data'!$S$12:$S$20000,MATCH($B45,'CPT Data'!$B$12:$B$20000,1))&lt;2,INDEX('p-y cyclic clay'!$HG$27:$HG$5000,MATCH($B45,'p-y cyclic clay'!$C$27:$C$5000,1)),INDEX('p-y cyclic clay'!$IG$27:$IG$5000,MATCH($B45,'p-y cyclic clay'!$C$27:$C$5000,1))))</f>
        <v>148.52285633957996</v>
      </c>
      <c r="W45">
        <f>IF($D45="SAND",INDEX('p-y cyclic sand'!$AV$27:$AV$5000,MATCH($B45,'p-y cyclic sand'!$C$27:$C$5000,1)),IF(INDEX('CPT Data'!$S$12:$S$20000,MATCH($B45,'CPT Data'!$B$12:$B$20000,1))&lt;2,INDEX('p-y cyclic clay'!$GU$27:$GU$5000,MATCH($B45,'p-y cyclic clay'!$C$27:$C$5000,1)),INDEX('p-y cyclic clay'!$HU$27:$HU$5000,MATCH($B45,'p-y cyclic clay'!$C$27:$C$5000,1))))</f>
        <v>5937.145442178431</v>
      </c>
      <c r="X45">
        <f>IF($D45="SAND",INDEX('p-y cyclic sand'!$AI$27:$AI$5000,MATCH($B45,'p-y cyclic sand'!$C$27:$C$5000,1)),IF(INDEX('CPT Data'!$S$12:$S$20000,MATCH($B45,'CPT Data'!$B$12:$B$20000,1))&lt;2,INDEX('p-y cyclic clay'!$HH$27:$HH$5000,MATCH($B45,'p-y cyclic clay'!$C$27:$C$5000,1)),INDEX('p-y cyclic clay'!$IH$27:$IH$5000,MATCH($B45,'p-y cyclic clay'!$C$27:$C$5000,1))))</f>
        <v>237.59826558357781</v>
      </c>
      <c r="Y45">
        <f>IF($D45="SAND",INDEX('p-y cyclic sand'!$AW$27:$AW$5000,MATCH($B45,'p-y cyclic sand'!$C$27:$C$5000,1)),IF(INDEX('CPT Data'!$S$12:$S$20000,MATCH($B45,'CPT Data'!$B$12:$B$20000,1))&lt;2,INDEX('p-y cyclic clay'!$GV$27:$GV$5000,MATCH($B45,'p-y cyclic clay'!$C$27:$C$5000,1)),INDEX('p-y cyclic clay'!$HV$27:$HV$5000,MATCH($B45,'p-y cyclic clay'!$C$27:$C$5000,1))))</f>
        <v>6270.4941529922107</v>
      </c>
      <c r="Z45">
        <f>IF($D45="SAND",INDEX('p-y cyclic sand'!$AJ$27:$AJ$5000,MATCH($B45,'p-y cyclic sand'!$C$27:$C$5000,1)),IF(INDEX('CPT Data'!$S$12:$S$20000,MATCH($B45,'CPT Data'!$B$12:$B$20000,1))&lt;2,INDEX('p-y cyclic clay'!$HI$27:$HI$5000,MATCH($B45,'p-y cyclic clay'!$C$27:$C$5000,1)),INDEX('p-y cyclic clay'!$II$27:$II$5000,MATCH($B45,'p-y cyclic clay'!$C$27:$C$5000,1))))</f>
        <v>384.91127840413264</v>
      </c>
      <c r="AA45">
        <f>IF($D45="SAND",INDEX('p-y cyclic sand'!$AX$27:$AX$5000,MATCH($B45,'p-y cyclic sand'!$C$27:$C$5000,1)),IF(INDEX('CPT Data'!$S$12:$S$20000,MATCH($B45,'CPT Data'!$B$12:$B$20000,1))&lt;2,INDEX('p-y cyclic clay'!$GW$27:$GW$5000,MATCH($B45,'p-y cyclic clay'!$C$27:$C$5000,1)),INDEX('p-y cyclic clay'!$HW$27:$HW$5000,MATCH($B45,'p-y cyclic clay'!$C$27:$C$5000,1))))</f>
        <v>6373.3879556350867</v>
      </c>
      <c r="AB45">
        <f>IF($D45="SAND",INDEX('p-y cyclic sand'!$AK$27:$AK$5000,MATCH($B45,'p-y cyclic sand'!$C$27:$C$5000,1)),IF(INDEX('CPT Data'!$S$12:$S$20000,MATCH($B45,'CPT Data'!$B$12:$B$20000,1))&lt;2,INDEX('p-y cyclic clay'!$HJ$27:$HJ$5000,MATCH($B45,'p-y cyclic clay'!$C$27:$C$5000,1)),INDEX('p-y cyclic clay'!$IJ$27:$IJ$5000,MATCH($B45,'p-y cyclic clay'!$C$27:$C$5000,1))))</f>
        <v>520.75451942151733</v>
      </c>
      <c r="AC45">
        <f>IF($D45="SAND",INDEX('p-y cyclic sand'!$AY$27:$AY$5000,MATCH($B45,'p-y cyclic sand'!$C$27:$C$5000,1)),IF(INDEX('CPT Data'!$S$12:$S$20000,MATCH($B45,'CPT Data'!$B$12:$B$20000,1))&lt;2,INDEX('p-y cyclic clay'!$GX$27:$GX$5000,MATCH($B45,'p-y cyclic clay'!$C$27:$C$5000,1)),INDEX('p-y cyclic clay'!$HX$27:$HX$5000,MATCH($B45,'p-y cyclic clay'!$C$27:$C$5000,1))))</f>
        <v>6373.3879556350867</v>
      </c>
      <c r="AD45" s="98">
        <f>IF($D45="SAND",INDEX('p-y cyclic sand'!$AL$27:$AL$5000,MATCH($B45,'p-y cyclic sand'!$C$27:$C$5000,1)),IF(INDEX('CPT Data'!$S$12:$S$20000,MATCH($B45,'CPT Data'!$B$12:$B$20000,1))&lt;2,INDEX('p-y cyclic clay'!$HK$27:$HK$5000,MATCH($B45,'p-y cyclic clay'!$C$27:$C$5000,1)),INDEX('p-y cyclic clay'!$IK$27:$IK$5000,MATCH($B45,'p-y cyclic clay'!$C$27:$C$5000,1))))</f>
        <v>5432.4746895721391</v>
      </c>
    </row>
    <row r="46" spans="1:30" x14ac:dyDescent="0.2">
      <c r="A46" s="214">
        <f t="shared" si="0"/>
        <v>-56.5</v>
      </c>
      <c r="B46" s="216">
        <f>'p-y cyclic clay'!C67</f>
        <v>41</v>
      </c>
      <c r="C46">
        <f>INDEX('CPT Data'!$C$13:$C$20000,MATCH(B46,'CPT Data'!$B$13:$B$20000,1))</f>
        <v>40.984999999999999</v>
      </c>
      <c r="D46" s="216" t="str">
        <f>INDEX('CPT Data'!$P$13:$P$20000,MATCH(B46,'CPT Data'!$B$13:$B$20000,1))</f>
        <v>CLAY</v>
      </c>
      <c r="E46">
        <f>IF($D46="SAND",INDEX('p-y cyclic sand'!$AM$27:$AM$5000,MATCH($B46,'p-y cyclic sand'!$C$27:$C$5000,1)),IF(INDEX('CPT Data'!$S$12:$S$20000,MATCH($B46,'CPT Data'!$B$12:$B$20000,1))&lt;2,INDEX('p-y cyclic clay'!$GL$27:$GL$5000,MATCH($B46,'p-y cyclic clay'!$C$27:$C$5000,1)),INDEX('p-y cyclic clay'!$HL$27:$HL$5000,MATCH($B46,'p-y cyclic clay'!$C$27:$C$5000,1))))</f>
        <v>0</v>
      </c>
      <c r="F46">
        <f>IF($D46="SAND",INDEX('p-y cyclic sand'!$Z$27:$Z$5000,MATCH($B46,'p-y cyclic sand'!$C$27:$C$5000,1)),IF(INDEX('CPT Data'!$S$12:$S$20000,MATCH($B46,'CPT Data'!$B$12:$B$20000,1))&lt;2,INDEX('p-y cyclic clay'!$GY$27:$GY$5000,MATCH($B46,'p-y cyclic clay'!$C$27:$C$5000,1)),INDEX('p-y cyclic clay'!$HY$27:$HY$5000,MATCH($B46,'p-y cyclic clay'!$C$27:$C$5000,1))))</f>
        <v>0</v>
      </c>
      <c r="G46">
        <f>IF($D46="SAND",INDEX('p-y cyclic sand'!$AN$27:$AN$5000,MATCH($B46,'p-y cyclic sand'!$C$27:$C$5000,1)),IF(INDEX('CPT Data'!$S$12:$S$20000,MATCH($B46,'CPT Data'!$B$12:$B$20000,1))&lt;2,INDEX('p-y cyclic clay'!$GM$27:$GM$5000,MATCH($B46,'p-y cyclic clay'!$C$27:$C$5000,1)),INDEX('p-y cyclic clay'!$HM$27:$HM$5000,MATCH($B46,'p-y cyclic clay'!$C$27:$C$5000,1))))</f>
        <v>772.67029857873251</v>
      </c>
      <c r="H46">
        <f>IF($D46="SAND",INDEX('p-y cyclic sand'!$AA$27:$AA$5000,MATCH($B46,'p-y cyclic sand'!$C$27:$C$5000,1)),IF(INDEX('CPT Data'!$S$12:$S$20000,MATCH($B46,'CPT Data'!$B$12:$B$20000,1))&lt;2,INDEX('p-y cyclic clay'!$GZ$27:$GZ$5000,MATCH($B46,'p-y cyclic clay'!$C$27:$C$5000,1)),INDEX('p-y cyclic clay'!$HZ$27:$HZ$5000,MATCH($B46,'p-y cyclic clay'!$C$27:$C$5000,1))))</f>
        <v>1.0926558867273126</v>
      </c>
      <c r="I46">
        <f>IF($D46="SAND",INDEX('p-y cyclic sand'!$AO$27:$AO$5000,MATCH($B46,'p-y cyclic sand'!$C$27:$C$5000,1)),IF(INDEX('CPT Data'!$S$12:$S$20000,MATCH($B46,'CPT Data'!$B$12:$B$20000,1))&lt;2,INDEX('p-y cyclic clay'!$GN$27:$GN$5000,MATCH($B46,'p-y cyclic clay'!$C$27:$C$5000,1)),INDEX('p-y cyclic clay'!$HN$27:$HN$5000,MATCH($B46,'p-y cyclic clay'!$C$27:$C$5000,1))))</f>
        <v>3017.6292614757654</v>
      </c>
      <c r="J46">
        <f>IF($D46="SAND",INDEX('p-y cyclic sand'!$AB$27:$AB$5000,MATCH($B46,'p-y cyclic sand'!$C$27:$C$5000,1)),IF(INDEX('CPT Data'!$S$12:$S$20000,MATCH($B46,'CPT Data'!$B$12:$B$20000,1))&lt;2,INDEX('p-y cyclic clay'!$HA$27:$HA$5000,MATCH($B46,'p-y cyclic clay'!$C$27:$C$5000,1)),INDEX('p-y cyclic clay'!$IA$27:$IA$5000,MATCH($B46,'p-y cyclic clay'!$C$27:$C$5000,1))))</f>
        <v>10.614005179014082</v>
      </c>
      <c r="K46">
        <f>IF($D46="SAND",INDEX('p-y cyclic sand'!$AP$27:$AP$5000,MATCH($B46,'p-y cyclic sand'!$C$27:$C$5000,1)),IF(INDEX('CPT Data'!$S$12:$S$20000,MATCH($B46,'CPT Data'!$B$12:$B$20000,1))&lt;2,INDEX('p-y cyclic clay'!$GO$27:$GO$5000,MATCH($B46,'p-y cyclic clay'!$C$27:$C$5000,1)),INDEX('p-y cyclic clay'!$HO$27:$HO$5000,MATCH($B46,'p-y cyclic clay'!$C$27:$C$5000,1))))</f>
        <v>4448.1944289509947</v>
      </c>
      <c r="L46">
        <f>IF($D46="SAND",INDEX('p-y cyclic sand'!$AC$27:$AC$5000,MATCH($B46,'p-y cyclic sand'!$C$27:$C$5000,1)),IF(INDEX('CPT Data'!$S$12:$S$20000,MATCH($B46,'CPT Data'!$B$12:$B$20000,1))&lt;2,INDEX('p-y cyclic clay'!$HB$27:$HB$5000,MATCH($B46,'p-y cyclic clay'!$C$27:$C$5000,1)),INDEX('p-y cyclic clay'!$IB$27:$IB$5000,MATCH($B46,'p-y cyclic clay'!$C$27:$C$5000,1))))</f>
        <v>22.124997111595682</v>
      </c>
      <c r="M46">
        <f>IF($D46="SAND",INDEX('p-y cyclic sand'!$AQ$27:$AQ$5000,MATCH($B46,'p-y cyclic sand'!$C$27:$C$5000,1)),IF(INDEX('CPT Data'!$S$12:$S$20000,MATCH($B46,'CPT Data'!$B$12:$B$20000,1))&lt;2,INDEX('p-y cyclic clay'!$GP$27:$GP$5000,MATCH($B46,'p-y cyclic clay'!$C$27:$C$5000,1)),INDEX('p-y cyclic clay'!$HP$27:$HP$5000,MATCH($B46,'p-y cyclic clay'!$C$27:$C$5000,1))))</f>
        <v>5820.2663353944436</v>
      </c>
      <c r="N46">
        <f>IF($D46="SAND",INDEX('p-y cyclic sand'!$AD$27:$AD$5000,MATCH($B46,'p-y cyclic sand'!$C$27:$C$5000,1)),IF(INDEX('CPT Data'!$S$12:$S$20000,MATCH($B46,'CPT Data'!$B$12:$B$20000,1))&lt;2,INDEX('p-y cyclic clay'!$HC$27:$HC$5000,MATCH($B46,'p-y cyclic clay'!$C$27:$C$5000,1)),INDEX('p-y cyclic clay'!$IC$27:$IC$5000,MATCH($B46,'p-y cyclic clay'!$C$27:$C$5000,1))))</f>
        <v>41.031538245681553</v>
      </c>
      <c r="O46">
        <f>IF($D46="SAND",INDEX('p-y cyclic sand'!$AR$27:$AR$5000,MATCH($B46,'p-y cyclic sand'!$C$27:$C$5000,1)),IF(INDEX('CPT Data'!$S$12:$S$20000,MATCH($B46,'CPT Data'!$B$12:$B$20000,1))&lt;2,INDEX('p-y cyclic clay'!$GQ$27:$GQ$5000,MATCH($B46,'p-y cyclic clay'!$C$27:$C$5000,1)),INDEX('p-y cyclic clay'!$HQ$27:$HQ$5000,MATCH($B46,'p-y cyclic clay'!$C$27:$C$5000,1))))</f>
        <v>7128.0782895361808</v>
      </c>
      <c r="P46">
        <f>IF($D46="SAND",INDEX('p-y cyclic sand'!$AE$27:$AE$5000,MATCH($B46,'p-y cyclic sand'!$C$27:$C$5000,1)),IF(INDEX('CPT Data'!$S$12:$S$20000,MATCH($B46,'CPT Data'!$B$12:$B$20000,1))&lt;2,INDEX('p-y cyclic clay'!$HD$27:$HD$5000,MATCH($B46,'p-y cyclic clay'!$C$27:$C$5000,1)),INDEX('p-y cyclic clay'!$ID$27:$ID$5000,MATCH($B46,'p-y cyclic clay'!$C$27:$C$5000,1))))</f>
        <v>64.533169237959214</v>
      </c>
      <c r="Q46">
        <f>IF($D46="SAND",INDEX('p-y cyclic sand'!$AS$27:$AS$5000,MATCH($B46,'p-y cyclic sand'!$C$27:$C$5000,1)),IF(INDEX('CPT Data'!$S$12:$S$20000,MATCH($B46,'CPT Data'!$B$12:$B$20000,1))&lt;2,INDEX('p-y cyclic clay'!$GR$27:$GR$5000,MATCH($B46,'p-y cyclic clay'!$C$27:$C$5000,1)),INDEX('p-y cyclic clay'!$HR$27:$HR$5000,MATCH($B46,'p-y cyclic clay'!$C$27:$C$5000,1))))</f>
        <v>8364.7924437060974</v>
      </c>
      <c r="R46">
        <f>IF($D46="SAND",INDEX('p-y cyclic sand'!$AF$27:$AF$5000,MATCH($B46,'p-y cyclic sand'!$C$27:$C$5000,1)),IF(INDEX('CPT Data'!$S$12:$S$20000,MATCH($B46,'CPT Data'!$B$12:$B$20000,1))&lt;2,INDEX('p-y cyclic clay'!$HE$27:$HE$5000,MATCH($B46,'p-y cyclic clay'!$C$27:$C$5000,1)),INDEX('p-y cyclic clay'!$IE$27:$IE$5000,MATCH($B46,'p-y cyclic clay'!$C$27:$C$5000,1))))</f>
        <v>95.411478400271534</v>
      </c>
      <c r="S46">
        <f>IF($D46="SAND",INDEX('p-y cyclic sand'!$AT$27:$AT$5000,MATCH($B46,'p-y cyclic sand'!$C$27:$C$5000,1)),IF(INDEX('CPT Data'!$S$12:$S$20000,MATCH($B46,'CPT Data'!$B$12:$B$20000,1))&lt;2,INDEX('p-y cyclic clay'!$GS$27:$GS$5000,MATCH($B46,'p-y cyclic clay'!$C$27:$C$5000,1)),INDEX('p-y cyclic clay'!$HS$27:$HS$5000,MATCH($B46,'p-y cyclic clay'!$C$27:$C$5000,1))))</f>
        <v>9522.2001780276587</v>
      </c>
      <c r="T46">
        <f>IF($D46="SAND",INDEX('p-y cyclic sand'!$AG$27:$AG$5000,MATCH($B46,'p-y cyclic sand'!$C$27:$C$5000,1)),IF(INDEX('CPT Data'!$S$12:$S$20000,MATCH($B46,'CPT Data'!$B$12:$B$20000,1))&lt;2,INDEX('p-y cyclic clay'!$HF$27:$HF$5000,MATCH($B46,'p-y cyclic clay'!$C$27:$C$5000,1)),INDEX('p-y cyclic clay'!$IF$27:$IF$5000,MATCH($B46,'p-y cyclic clay'!$C$27:$C$5000,1))))</f>
        <v>139.64365251820499</v>
      </c>
      <c r="U46">
        <f>IF($D46="SAND",INDEX('p-y cyclic sand'!$AU$27:$AU$5000,MATCH($B46,'p-y cyclic sand'!$C$27:$C$5000,1)),IF(INDEX('CPT Data'!$S$12:$S$20000,MATCH($B46,'CPT Data'!$B$12:$B$20000,1))&lt;2,INDEX('p-y cyclic clay'!$GT$27:$GT$5000,MATCH($B46,'p-y cyclic clay'!$C$27:$C$5000,1)),INDEX('p-y cyclic clay'!$HT$27:$HT$5000,MATCH($B46,'p-y cyclic clay'!$C$27:$C$5000,1))))</f>
        <v>10590.306757817812</v>
      </c>
      <c r="V46">
        <f>IF($D46="SAND",INDEX('p-y cyclic sand'!$AH$27:$AH$5000,MATCH($B46,'p-y cyclic sand'!$C$27:$C$5000,1)),IF(INDEX('CPT Data'!$S$12:$S$20000,MATCH($B46,'CPT Data'!$B$12:$B$20000,1))&lt;2,INDEX('p-y cyclic clay'!$HG$27:$HG$5000,MATCH($B46,'p-y cyclic clay'!$C$27:$C$5000,1)),INDEX('p-y cyclic clay'!$IG$27:$IG$5000,MATCH($B46,'p-y cyclic clay'!$C$27:$C$5000,1))))</f>
        <v>207.15839460237041</v>
      </c>
      <c r="W46">
        <f>IF($D46="SAND",INDEX('p-y cyclic sand'!$AV$27:$AV$5000,MATCH($B46,'p-y cyclic sand'!$C$27:$C$5000,1)),IF(INDEX('CPT Data'!$S$12:$S$20000,MATCH($B46,'CPT Data'!$B$12:$B$20000,1))&lt;2,INDEX('p-y cyclic clay'!$GU$27:$GU$5000,MATCH($B46,'p-y cyclic clay'!$C$27:$C$5000,1)),INDEX('p-y cyclic clay'!$HU$27:$HU$5000,MATCH($B46,'p-y cyclic clay'!$C$27:$C$5000,1))))</f>
        <v>11556.741228122564</v>
      </c>
      <c r="X46">
        <f>IF($D46="SAND",INDEX('p-y cyclic sand'!$AI$27:$AI$5000,MATCH($B46,'p-y cyclic sand'!$C$27:$C$5000,1)),IF(INDEX('CPT Data'!$S$12:$S$20000,MATCH($B46,'CPT Data'!$B$12:$B$20000,1))&lt;2,INDEX('p-y cyclic clay'!$HH$27:$HH$5000,MATCH($B46,'p-y cyclic clay'!$C$27:$C$5000,1)),INDEX('p-y cyclic clay'!$IH$27:$IH$5000,MATCH($B46,'p-y cyclic clay'!$C$27:$C$5000,1))))</f>
        <v>321.03793772262287</v>
      </c>
      <c r="Y46">
        <f>IF($D46="SAND",INDEX('p-y cyclic sand'!$AW$27:$AW$5000,MATCH($B46,'p-y cyclic sand'!$C$27:$C$5000,1)),IF(INDEX('CPT Data'!$S$12:$S$20000,MATCH($B46,'CPT Data'!$B$12:$B$20000,1))&lt;2,INDEX('p-y cyclic clay'!$GV$27:$GV$5000,MATCH($B46,'p-y cyclic clay'!$C$27:$C$5000,1)),INDEX('p-y cyclic clay'!$HV$27:$HV$5000,MATCH($B46,'p-y cyclic clay'!$C$27:$C$5000,1))))</f>
        <v>12205.609413536195</v>
      </c>
      <c r="Z46">
        <f>IF($D46="SAND",INDEX('p-y cyclic sand'!$AJ$27:$AJ$5000,MATCH($B46,'p-y cyclic sand'!$C$27:$C$5000,1)),IF(INDEX('CPT Data'!$S$12:$S$20000,MATCH($B46,'CPT Data'!$B$12:$B$20000,1))&lt;2,INDEX('p-y cyclic clay'!$HI$27:$HI$5000,MATCH($B46,'p-y cyclic clay'!$C$27:$C$5000,1)),INDEX('p-y cyclic clay'!$II$27:$II$5000,MATCH($B46,'p-y cyclic clay'!$C$27:$C$5000,1))))</f>
        <v>497.47436620683254</v>
      </c>
      <c r="AA46">
        <f>IF($D46="SAND",INDEX('p-y cyclic sand'!$AX$27:$AX$5000,MATCH($B46,'p-y cyclic sand'!$C$27:$C$5000,1)),IF(INDEX('CPT Data'!$S$12:$S$20000,MATCH($B46,'CPT Data'!$B$12:$B$20000,1))&lt;2,INDEX('p-y cyclic clay'!$GW$27:$GW$5000,MATCH($B46,'p-y cyclic clay'!$C$27:$C$5000,1)),INDEX('p-y cyclic clay'!$HW$27:$HW$5000,MATCH($B46,'p-y cyclic clay'!$C$27:$C$5000,1))))</f>
        <v>12405.893718965797</v>
      </c>
      <c r="AB46">
        <f>IF($D46="SAND",INDEX('p-y cyclic sand'!$AK$27:$AK$5000,MATCH($B46,'p-y cyclic sand'!$C$27:$C$5000,1)),IF(INDEX('CPT Data'!$S$12:$S$20000,MATCH($B46,'CPT Data'!$B$12:$B$20000,1))&lt;2,INDEX('p-y cyclic clay'!$HJ$27:$HJ$5000,MATCH($B46,'p-y cyclic clay'!$C$27:$C$5000,1)),INDEX('p-y cyclic clay'!$IJ$27:$IJ$5000,MATCH($B46,'p-y cyclic clay'!$C$27:$C$5000,1))))</f>
        <v>650.79694461207271</v>
      </c>
      <c r="AC46">
        <f>IF($D46="SAND",INDEX('p-y cyclic sand'!$AY$27:$AY$5000,MATCH($B46,'p-y cyclic sand'!$C$27:$C$5000,1)),IF(INDEX('CPT Data'!$S$12:$S$20000,MATCH($B46,'CPT Data'!$B$12:$B$20000,1))&lt;2,INDEX('p-y cyclic clay'!$GX$27:$GX$5000,MATCH($B46,'p-y cyclic clay'!$C$27:$C$5000,1)),INDEX('p-y cyclic clay'!$HX$27:$HX$5000,MATCH($B46,'p-y cyclic clay'!$C$27:$C$5000,1))))</f>
        <v>12405.893718965797</v>
      </c>
      <c r="AD46" s="98">
        <f>IF($D46="SAND",INDEX('p-y cyclic sand'!$AL$27:$AL$5000,MATCH($B46,'p-y cyclic sand'!$C$27:$C$5000,1)),IF(INDEX('CPT Data'!$S$12:$S$20000,MATCH($B46,'CPT Data'!$B$12:$B$20000,1))&lt;2,INDEX('p-y cyclic clay'!$HK$27:$HK$5000,MATCH($B46,'p-y cyclic clay'!$C$27:$C$5000,1)),INDEX('p-y cyclic clay'!$IK$27:$IK$5000,MATCH($B46,'p-y cyclic clay'!$C$27:$C$5000,1))))</f>
        <v>5432.4746895721391</v>
      </c>
    </row>
    <row r="47" spans="1:30" x14ac:dyDescent="0.2">
      <c r="A47" s="214">
        <f t="shared" si="0"/>
        <v>-57.5</v>
      </c>
      <c r="B47" s="216">
        <f>'p-y cyclic clay'!C68</f>
        <v>42</v>
      </c>
      <c r="C47">
        <f>INDEX('CPT Data'!$C$13:$C$20000,MATCH(B47,'CPT Data'!$B$13:$B$20000,1))</f>
        <v>41.99</v>
      </c>
      <c r="D47" s="216" t="str">
        <f>INDEX('CPT Data'!$P$13:$P$20000,MATCH(B47,'CPT Data'!$B$13:$B$20000,1))</f>
        <v>CLAY</v>
      </c>
      <c r="E47">
        <f>IF($D47="SAND",INDEX('p-y cyclic sand'!$AM$27:$AM$5000,MATCH($B47,'p-y cyclic sand'!$C$27:$C$5000,1)),IF(INDEX('CPT Data'!$S$12:$S$20000,MATCH($B47,'CPT Data'!$B$12:$B$20000,1))&lt;2,INDEX('p-y cyclic clay'!$GL$27:$GL$5000,MATCH($B47,'p-y cyclic clay'!$C$27:$C$5000,1)),INDEX('p-y cyclic clay'!$HL$27:$HL$5000,MATCH($B47,'p-y cyclic clay'!$C$27:$C$5000,1))))</f>
        <v>0</v>
      </c>
      <c r="F47">
        <f>IF($D47="SAND",INDEX('p-y cyclic sand'!$Z$27:$Z$5000,MATCH($B47,'p-y cyclic sand'!$C$27:$C$5000,1)),IF(INDEX('CPT Data'!$S$12:$S$20000,MATCH($B47,'CPT Data'!$B$12:$B$20000,1))&lt;2,INDEX('p-y cyclic clay'!$GY$27:$GY$5000,MATCH($B47,'p-y cyclic clay'!$C$27:$C$5000,1)),INDEX('p-y cyclic clay'!$HY$27:$HY$5000,MATCH($B47,'p-y cyclic clay'!$C$27:$C$5000,1))))</f>
        <v>0</v>
      </c>
      <c r="G47">
        <f>IF($D47="SAND",INDEX('p-y cyclic sand'!$AN$27:$AN$5000,MATCH($B47,'p-y cyclic sand'!$C$27:$C$5000,1)),IF(INDEX('CPT Data'!$S$12:$S$20000,MATCH($B47,'CPT Data'!$B$12:$B$20000,1))&lt;2,INDEX('p-y cyclic clay'!$GM$27:$GM$5000,MATCH($B47,'p-y cyclic clay'!$C$27:$C$5000,1)),INDEX('p-y cyclic clay'!$HM$27:$HM$5000,MATCH($B47,'p-y cyclic clay'!$C$27:$C$5000,1))))</f>
        <v>828.3082173321709</v>
      </c>
      <c r="H47">
        <f>IF($D47="SAND",INDEX('p-y cyclic sand'!$AA$27:$AA$5000,MATCH($B47,'p-y cyclic sand'!$C$27:$C$5000,1)),IF(INDEX('CPT Data'!$S$12:$S$20000,MATCH($B47,'CPT Data'!$B$12:$B$20000,1))&lt;2,INDEX('p-y cyclic clay'!$GZ$27:$GZ$5000,MATCH($B47,'p-y cyclic clay'!$C$27:$C$5000,1)),INDEX('p-y cyclic clay'!$HZ$27:$HZ$5000,MATCH($B47,'p-y cyclic clay'!$C$27:$C$5000,1))))</f>
        <v>1.1064813884239715</v>
      </c>
      <c r="I47">
        <f>IF($D47="SAND",INDEX('p-y cyclic sand'!$AO$27:$AO$5000,MATCH($B47,'p-y cyclic sand'!$C$27:$C$5000,1)),IF(INDEX('CPT Data'!$S$12:$S$20000,MATCH($B47,'CPT Data'!$B$12:$B$20000,1))&lt;2,INDEX('p-y cyclic clay'!$GN$27:$GN$5000,MATCH($B47,'p-y cyclic clay'!$C$27:$C$5000,1)),INDEX('p-y cyclic clay'!$HN$27:$HN$5000,MATCH($B47,'p-y cyclic clay'!$C$27:$C$5000,1))))</f>
        <v>3234.9206624611743</v>
      </c>
      <c r="J47">
        <f>IF($D47="SAND",INDEX('p-y cyclic sand'!$AB$27:$AB$5000,MATCH($B47,'p-y cyclic sand'!$C$27:$C$5000,1)),IF(INDEX('CPT Data'!$S$12:$S$20000,MATCH($B47,'CPT Data'!$B$12:$B$20000,1))&lt;2,INDEX('p-y cyclic clay'!$HA$27:$HA$5000,MATCH($B47,'p-y cyclic clay'!$C$27:$C$5000,1)),INDEX('p-y cyclic clay'!$IA$27:$IA$5000,MATCH($B47,'p-y cyclic clay'!$C$27:$C$5000,1))))</f>
        <v>10.74830541790295</v>
      </c>
      <c r="K47">
        <f>IF($D47="SAND",INDEX('p-y cyclic sand'!$AP$27:$AP$5000,MATCH($B47,'p-y cyclic sand'!$C$27:$C$5000,1)),IF(INDEX('CPT Data'!$S$12:$S$20000,MATCH($B47,'CPT Data'!$B$12:$B$20000,1))&lt;2,INDEX('p-y cyclic clay'!$GO$27:$GO$5000,MATCH($B47,'p-y cyclic clay'!$C$27:$C$5000,1)),INDEX('p-y cyclic clay'!$HO$27:$HO$5000,MATCH($B47,'p-y cyclic clay'!$C$27:$C$5000,1))))</f>
        <v>4768.4969961555425</v>
      </c>
      <c r="L47">
        <f>IF($D47="SAND",INDEX('p-y cyclic sand'!$AC$27:$AC$5000,MATCH($B47,'p-y cyclic sand'!$C$27:$C$5000,1)),IF(INDEX('CPT Data'!$S$12:$S$20000,MATCH($B47,'CPT Data'!$B$12:$B$20000,1))&lt;2,INDEX('p-y cyclic clay'!$HB$27:$HB$5000,MATCH($B47,'p-y cyclic clay'!$C$27:$C$5000,1)),INDEX('p-y cyclic clay'!$IB$27:$IB$5000,MATCH($B47,'p-y cyclic clay'!$C$27:$C$5000,1))))</f>
        <v>22.519425519594261</v>
      </c>
      <c r="M47">
        <f>IF($D47="SAND",INDEX('p-y cyclic sand'!$AQ$27:$AQ$5000,MATCH($B47,'p-y cyclic sand'!$C$27:$C$5000,1)),IF(INDEX('CPT Data'!$S$12:$S$20000,MATCH($B47,'CPT Data'!$B$12:$B$20000,1))&lt;2,INDEX('p-y cyclic clay'!$GP$27:$GP$5000,MATCH($B47,'p-y cyclic clay'!$C$27:$C$5000,1)),INDEX('p-y cyclic clay'!$HP$27:$HP$5000,MATCH($B47,'p-y cyclic clay'!$C$27:$C$5000,1))))</f>
        <v>6239.3681257540629</v>
      </c>
      <c r="N47">
        <f>IF($D47="SAND",INDEX('p-y cyclic sand'!$AD$27:$AD$5000,MATCH($B47,'p-y cyclic sand'!$C$27:$C$5000,1)),IF(INDEX('CPT Data'!$S$12:$S$20000,MATCH($B47,'CPT Data'!$B$12:$B$20000,1))&lt;2,INDEX('p-y cyclic clay'!$HC$27:$HC$5000,MATCH($B47,'p-y cyclic clay'!$C$27:$C$5000,1)),INDEX('p-y cyclic clay'!$IC$27:$IC$5000,MATCH($B47,'p-y cyclic clay'!$C$27:$C$5000,1))))</f>
        <v>41.802422886651286</v>
      </c>
      <c r="O47">
        <f>IF($D47="SAND",INDEX('p-y cyclic sand'!$AR$27:$AR$5000,MATCH($B47,'p-y cyclic sand'!$C$27:$C$5000,1)),IF(INDEX('CPT Data'!$S$12:$S$20000,MATCH($B47,'CPT Data'!$B$12:$B$20000,1))&lt;2,INDEX('p-y cyclic clay'!$GQ$27:$GQ$5000,MATCH($B47,'p-y cyclic clay'!$C$27:$C$5000,1)),INDEX('p-y cyclic clay'!$HQ$27:$HQ$5000,MATCH($B47,'p-y cyclic clay'!$C$27:$C$5000,1))))</f>
        <v>7641.352115993418</v>
      </c>
      <c r="P47">
        <f>IF($D47="SAND",INDEX('p-y cyclic sand'!$AE$27:$AE$5000,MATCH($B47,'p-y cyclic sand'!$C$27:$C$5000,1)),IF(INDEX('CPT Data'!$S$12:$S$20000,MATCH($B47,'CPT Data'!$B$12:$B$20000,1))&lt;2,INDEX('p-y cyclic clay'!$HD$27:$HD$5000,MATCH($B47,'p-y cyclic clay'!$C$27:$C$5000,1)),INDEX('p-y cyclic clay'!$ID$27:$ID$5000,MATCH($B47,'p-y cyclic clay'!$C$27:$C$5000,1))))</f>
        <v>65.786089554806352</v>
      </c>
      <c r="Q47">
        <f>IF($D47="SAND",INDEX('p-y cyclic sand'!$AS$27:$AS$5000,MATCH($B47,'p-y cyclic sand'!$C$27:$C$5000,1)),IF(INDEX('CPT Data'!$S$12:$S$20000,MATCH($B47,'CPT Data'!$B$12:$B$20000,1))&lt;2,INDEX('p-y cyclic clay'!$GR$27:$GR$5000,MATCH($B47,'p-y cyclic clay'!$C$27:$C$5000,1)),INDEX('p-y cyclic clay'!$HR$27:$HR$5000,MATCH($B47,'p-y cyclic clay'!$C$27:$C$5000,1))))</f>
        <v>8967.1187441066195</v>
      </c>
      <c r="R47">
        <f>IF($D47="SAND",INDEX('p-y cyclic sand'!$AF$27:$AF$5000,MATCH($B47,'p-y cyclic sand'!$C$27:$C$5000,1)),IF(INDEX('CPT Data'!$S$12:$S$20000,MATCH($B47,'CPT Data'!$B$12:$B$20000,1))&lt;2,INDEX('p-y cyclic clay'!$HE$27:$HE$5000,MATCH($B47,'p-y cyclic clay'!$C$27:$C$5000,1)),INDEX('p-y cyclic clay'!$IE$27:$IE$5000,MATCH($B47,'p-y cyclic clay'!$C$27:$C$5000,1))))</f>
        <v>97.361609724679539</v>
      </c>
      <c r="S47">
        <f>IF($D47="SAND",INDEX('p-y cyclic sand'!$AT$27:$AT$5000,MATCH($B47,'p-y cyclic sand'!$C$27:$C$5000,1)),IF(INDEX('CPT Data'!$S$12:$S$20000,MATCH($B47,'CPT Data'!$B$12:$B$20000,1))&lt;2,INDEX('p-y cyclic clay'!$GS$27:$GS$5000,MATCH($B47,'p-y cyclic clay'!$C$27:$C$5000,1)),INDEX('p-y cyclic clay'!$HS$27:$HS$5000,MATCH($B47,'p-y cyclic clay'!$C$27:$C$5000,1))))</f>
        <v>10207.868309485018</v>
      </c>
      <c r="T47">
        <f>IF($D47="SAND",INDEX('p-y cyclic sand'!$AG$27:$AG$5000,MATCH($B47,'p-y cyclic sand'!$C$27:$C$5000,1)),IF(INDEX('CPT Data'!$S$12:$S$20000,MATCH($B47,'CPT Data'!$B$12:$B$20000,1))&lt;2,INDEX('p-y cyclic clay'!$HF$27:$HF$5000,MATCH($B47,'p-y cyclic clay'!$C$27:$C$5000,1)),INDEX('p-y cyclic clay'!$IF$27:$IF$5000,MATCH($B47,'p-y cyclic clay'!$C$27:$C$5000,1))))</f>
        <v>142.36275058745272</v>
      </c>
      <c r="U47">
        <f>IF($D47="SAND",INDEX('p-y cyclic sand'!$AU$27:$AU$5000,MATCH($B47,'p-y cyclic sand'!$C$27:$C$5000,1)),IF(INDEX('CPT Data'!$S$12:$S$20000,MATCH($B47,'CPT Data'!$B$12:$B$20000,1))&lt;2,INDEX('p-y cyclic clay'!$GT$27:$GT$5000,MATCH($B47,'p-y cyclic clay'!$C$27:$C$5000,1)),INDEX('p-y cyclic clay'!$HT$27:$HT$5000,MATCH($B47,'p-y cyclic clay'!$C$27:$C$5000,1))))</f>
        <v>11352.886383369987</v>
      </c>
      <c r="V47">
        <f>IF($D47="SAND",INDEX('p-y cyclic sand'!$AH$27:$AH$5000,MATCH($B47,'p-y cyclic sand'!$C$27:$C$5000,1)),IF(INDEX('CPT Data'!$S$12:$S$20000,MATCH($B47,'CPT Data'!$B$12:$B$20000,1))&lt;2,INDEX('p-y cyclic clay'!$HG$27:$HG$5000,MATCH($B47,'p-y cyclic clay'!$C$27:$C$5000,1)),INDEX('p-y cyclic clay'!$IG$27:$IG$5000,MATCH($B47,'p-y cyclic clay'!$C$27:$C$5000,1))))</f>
        <v>211.2720021782211</v>
      </c>
      <c r="W47">
        <f>IF($D47="SAND",INDEX('p-y cyclic sand'!$AV$27:$AV$5000,MATCH($B47,'p-y cyclic sand'!$C$27:$C$5000,1)),IF(INDEX('CPT Data'!$S$12:$S$20000,MATCH($B47,'CPT Data'!$B$12:$B$20000,1))&lt;2,INDEX('p-y cyclic clay'!$GU$27:$GU$5000,MATCH($B47,'p-y cyclic clay'!$C$27:$C$5000,1)),INDEX('p-y cyclic clay'!$HU$27:$HU$5000,MATCH($B47,'p-y cyclic clay'!$C$27:$C$5000,1))))</f>
        <v>12388.911211474497</v>
      </c>
      <c r="X47">
        <f>IF($D47="SAND",INDEX('p-y cyclic sand'!$AI$27:$AI$5000,MATCH($B47,'p-y cyclic sand'!$C$27:$C$5000,1)),IF(INDEX('CPT Data'!$S$12:$S$20000,MATCH($B47,'CPT Data'!$B$12:$B$20000,1))&lt;2,INDEX('p-y cyclic clay'!$HH$27:$HH$5000,MATCH($B47,'p-y cyclic clay'!$C$27:$C$5000,1)),INDEX('p-y cyclic clay'!$IH$27:$IH$5000,MATCH($B47,'p-y cyclic clay'!$C$27:$C$5000,1))))</f>
        <v>326.53632715162007</v>
      </c>
      <c r="Y47">
        <f>IF($D47="SAND",INDEX('p-y cyclic sand'!$AW$27:$AW$5000,MATCH($B47,'p-y cyclic sand'!$C$27:$C$5000,1)),IF(INDEX('CPT Data'!$S$12:$S$20000,MATCH($B47,'CPT Data'!$B$12:$B$20000,1))&lt;2,INDEX('p-y cyclic clay'!$GV$27:$GV$5000,MATCH($B47,'p-y cyclic clay'!$C$27:$C$5000,1)),INDEX('p-y cyclic clay'!$HV$27:$HV$5000,MATCH($B47,'p-y cyclic clay'!$C$27:$C$5000,1))))</f>
        <v>13084.502657052442</v>
      </c>
      <c r="Z47">
        <f>IF($D47="SAND",INDEX('p-y cyclic sand'!$AJ$27:$AJ$5000,MATCH($B47,'p-y cyclic sand'!$C$27:$C$5000,1)),IF(INDEX('CPT Data'!$S$12:$S$20000,MATCH($B47,'CPT Data'!$B$12:$B$20000,1))&lt;2,INDEX('p-y cyclic clay'!$HI$27:$HI$5000,MATCH($B47,'p-y cyclic clay'!$C$27:$C$5000,1)),INDEX('p-y cyclic clay'!$II$27:$II$5000,MATCH($B47,'p-y cyclic clay'!$C$27:$C$5000,1))))</f>
        <v>504.92787458637906</v>
      </c>
      <c r="AA47">
        <f>IF($D47="SAND",INDEX('p-y cyclic sand'!$AX$27:$AX$5000,MATCH($B47,'p-y cyclic sand'!$C$27:$C$5000,1)),IF(INDEX('CPT Data'!$S$12:$S$20000,MATCH($B47,'CPT Data'!$B$12:$B$20000,1))&lt;2,INDEX('p-y cyclic clay'!$GW$27:$GW$5000,MATCH($B47,'p-y cyclic clay'!$C$27:$C$5000,1)),INDEX('p-y cyclic clay'!$HW$27:$HW$5000,MATCH($B47,'p-y cyclic clay'!$C$27:$C$5000,1))))</f>
        <v>13299.208898893445</v>
      </c>
      <c r="AB47">
        <f>IF($D47="SAND",INDEX('p-y cyclic sand'!$AK$27:$AK$5000,MATCH($B47,'p-y cyclic sand'!$C$27:$C$5000,1)),IF(INDEX('CPT Data'!$S$12:$S$20000,MATCH($B47,'CPT Data'!$B$12:$B$20000,1))&lt;2,INDEX('p-y cyclic clay'!$HJ$27:$HJ$5000,MATCH($B47,'p-y cyclic clay'!$C$27:$C$5000,1)),INDEX('p-y cyclic clay'!$IJ$27:$IJ$5000,MATCH($B47,'p-y cyclic clay'!$C$27:$C$5000,1))))</f>
        <v>661.3228116023538</v>
      </c>
      <c r="AC47">
        <f>IF($D47="SAND",INDEX('p-y cyclic sand'!$AY$27:$AY$5000,MATCH($B47,'p-y cyclic sand'!$C$27:$C$5000,1)),IF(INDEX('CPT Data'!$S$12:$S$20000,MATCH($B47,'CPT Data'!$B$12:$B$20000,1))&lt;2,INDEX('p-y cyclic clay'!$GX$27:$GX$5000,MATCH($B47,'p-y cyclic clay'!$C$27:$C$5000,1)),INDEX('p-y cyclic clay'!$HX$27:$HX$5000,MATCH($B47,'p-y cyclic clay'!$C$27:$C$5000,1))))</f>
        <v>13299.208898893445</v>
      </c>
      <c r="AD47" s="98">
        <f>IF($D47="SAND",INDEX('p-y cyclic sand'!$AL$27:$AL$5000,MATCH($B47,'p-y cyclic sand'!$C$27:$C$5000,1)),IF(INDEX('CPT Data'!$S$12:$S$20000,MATCH($B47,'CPT Data'!$B$12:$B$20000,1))&lt;2,INDEX('p-y cyclic clay'!$HK$27:$HK$5000,MATCH($B47,'p-y cyclic clay'!$C$27:$C$5000,1)),INDEX('p-y cyclic clay'!$IK$27:$IK$5000,MATCH($B47,'p-y cyclic clay'!$C$27:$C$5000,1))))</f>
        <v>5432.4746895721391</v>
      </c>
    </row>
    <row r="48" spans="1:30" x14ac:dyDescent="0.2">
      <c r="A48" s="214">
        <f t="shared" si="0"/>
        <v>-58.5</v>
      </c>
      <c r="B48" s="216">
        <f>'p-y cyclic clay'!C69</f>
        <v>43</v>
      </c>
      <c r="C48">
        <f>INDEX('CPT Data'!$C$13:$C$20000,MATCH(B48,'CPT Data'!$B$13:$B$20000,1))</f>
        <v>42.992000000000004</v>
      </c>
      <c r="D48" s="216" t="str">
        <f>INDEX('CPT Data'!$P$13:$P$20000,MATCH(B48,'CPT Data'!$B$13:$B$20000,1))</f>
        <v>CLAY</v>
      </c>
      <c r="E48">
        <f>IF($D48="SAND",INDEX('p-y cyclic sand'!$AM$27:$AM$5000,MATCH($B48,'p-y cyclic sand'!$C$27:$C$5000,1)),IF(INDEX('CPT Data'!$S$12:$S$20000,MATCH($B48,'CPT Data'!$B$12:$B$20000,1))&lt;2,INDEX('p-y cyclic clay'!$GL$27:$GL$5000,MATCH($B48,'p-y cyclic clay'!$C$27:$C$5000,1)),INDEX('p-y cyclic clay'!$HL$27:$HL$5000,MATCH($B48,'p-y cyclic clay'!$C$27:$C$5000,1))))</f>
        <v>0</v>
      </c>
      <c r="F48">
        <f>IF($D48="SAND",INDEX('p-y cyclic sand'!$Z$27:$Z$5000,MATCH($B48,'p-y cyclic sand'!$C$27:$C$5000,1)),IF(INDEX('CPT Data'!$S$12:$S$20000,MATCH($B48,'CPT Data'!$B$12:$B$20000,1))&lt;2,INDEX('p-y cyclic clay'!$GY$27:$GY$5000,MATCH($B48,'p-y cyclic clay'!$C$27:$C$5000,1)),INDEX('p-y cyclic clay'!$HY$27:$HY$5000,MATCH($B48,'p-y cyclic clay'!$C$27:$C$5000,1))))</f>
        <v>0</v>
      </c>
      <c r="G48">
        <f>IF($D48="SAND",INDEX('p-y cyclic sand'!$AN$27:$AN$5000,MATCH($B48,'p-y cyclic sand'!$C$27:$C$5000,1)),IF(INDEX('CPT Data'!$S$12:$S$20000,MATCH($B48,'CPT Data'!$B$12:$B$20000,1))&lt;2,INDEX('p-y cyclic clay'!$GM$27:$GM$5000,MATCH($B48,'p-y cyclic clay'!$C$27:$C$5000,1)),INDEX('p-y cyclic clay'!$HM$27:$HM$5000,MATCH($B48,'p-y cyclic clay'!$C$27:$C$5000,1))))</f>
        <v>1092.8065495098226</v>
      </c>
      <c r="H48">
        <f>IF($D48="SAND",INDEX('p-y cyclic sand'!$AA$27:$AA$5000,MATCH($B48,'p-y cyclic sand'!$C$27:$C$5000,1)),IF(INDEX('CPT Data'!$S$12:$S$20000,MATCH($B48,'CPT Data'!$B$12:$B$20000,1))&lt;2,INDEX('p-y cyclic clay'!$GZ$27:$GZ$5000,MATCH($B48,'p-y cyclic clay'!$C$27:$C$5000,1)),INDEX('p-y cyclic clay'!$HZ$27:$HZ$5000,MATCH($B48,'p-y cyclic clay'!$C$27:$C$5000,1))))</f>
        <v>1.1892399316066766</v>
      </c>
      <c r="I48">
        <f>IF($D48="SAND",INDEX('p-y cyclic sand'!$AO$27:$AO$5000,MATCH($B48,'p-y cyclic sand'!$C$27:$C$5000,1)),IF(INDEX('CPT Data'!$S$12:$S$20000,MATCH($B48,'CPT Data'!$B$12:$B$20000,1))&lt;2,INDEX('p-y cyclic clay'!$GN$27:$GN$5000,MATCH($B48,'p-y cyclic clay'!$C$27:$C$5000,1)),INDEX('p-y cyclic clay'!$HN$27:$HN$5000,MATCH($B48,'p-y cyclic clay'!$C$27:$C$5000,1))))</f>
        <v>4267.9070581579799</v>
      </c>
      <c r="J48">
        <f>IF($D48="SAND",INDEX('p-y cyclic sand'!$AB$27:$AB$5000,MATCH($B48,'p-y cyclic sand'!$C$27:$C$5000,1)),IF(INDEX('CPT Data'!$S$12:$S$20000,MATCH($B48,'CPT Data'!$B$12:$B$20000,1))&lt;2,INDEX('p-y cyclic clay'!$HA$27:$HA$5000,MATCH($B48,'p-y cyclic clay'!$C$27:$C$5000,1)),INDEX('p-y cyclic clay'!$IA$27:$IA$5000,MATCH($B48,'p-y cyclic clay'!$C$27:$C$5000,1))))</f>
        <v>11.552217808454238</v>
      </c>
      <c r="K48">
        <f>IF($D48="SAND",INDEX('p-y cyclic sand'!$AP$27:$AP$5000,MATCH($B48,'p-y cyclic sand'!$C$27:$C$5000,1)),IF(INDEX('CPT Data'!$S$12:$S$20000,MATCH($B48,'CPT Data'!$B$12:$B$20000,1))&lt;2,INDEX('p-y cyclic clay'!$GO$27:$GO$5000,MATCH($B48,'p-y cyclic clay'!$C$27:$C$5000,1)),INDEX('p-y cyclic clay'!$HO$27:$HO$5000,MATCH($B48,'p-y cyclic clay'!$C$27:$C$5000,1))))</f>
        <v>6291.1904526318895</v>
      </c>
      <c r="L48">
        <f>IF($D48="SAND",INDEX('p-y cyclic sand'!$AC$27:$AC$5000,MATCH($B48,'p-y cyclic sand'!$C$27:$C$5000,1)),IF(INDEX('CPT Data'!$S$12:$S$20000,MATCH($B48,'CPT Data'!$B$12:$B$20000,1))&lt;2,INDEX('p-y cyclic clay'!$HB$27:$HB$5000,MATCH($B48,'p-y cyclic clay'!$C$27:$C$5000,1)),INDEX('p-y cyclic clay'!$IB$27:$IB$5000,MATCH($B48,'p-y cyclic clay'!$C$27:$C$5000,1))))</f>
        <v>24.880448009195803</v>
      </c>
      <c r="M48">
        <f>IF($D48="SAND",INDEX('p-y cyclic sand'!$AQ$27:$AQ$5000,MATCH($B48,'p-y cyclic sand'!$C$27:$C$5000,1)),IF(INDEX('CPT Data'!$S$12:$S$20000,MATCH($B48,'CPT Data'!$B$12:$B$20000,1))&lt;2,INDEX('p-y cyclic clay'!$GP$27:$GP$5000,MATCH($B48,'p-y cyclic clay'!$C$27:$C$5000,1)),INDEX('p-y cyclic clay'!$HP$27:$HP$5000,MATCH($B48,'p-y cyclic clay'!$C$27:$C$5000,1))))</f>
        <v>8231.7453937469763</v>
      </c>
      <c r="N48">
        <f>IF($D48="SAND",INDEX('p-y cyclic sand'!$AD$27:$AD$5000,MATCH($B48,'p-y cyclic sand'!$C$27:$C$5000,1)),IF(INDEX('CPT Data'!$S$12:$S$20000,MATCH($B48,'CPT Data'!$B$12:$B$20000,1))&lt;2,INDEX('p-y cyclic clay'!$HC$27:$HC$5000,MATCH($B48,'p-y cyclic clay'!$C$27:$C$5000,1)),INDEX('p-y cyclic clay'!$IC$27:$IC$5000,MATCH($B48,'p-y cyclic clay'!$C$27:$C$5000,1))))</f>
        <v>46.416887609041353</v>
      </c>
      <c r="O48">
        <f>IF($D48="SAND",INDEX('p-y cyclic sand'!$AR$27:$AR$5000,MATCH($B48,'p-y cyclic sand'!$C$27:$C$5000,1)),IF(INDEX('CPT Data'!$S$12:$S$20000,MATCH($B48,'CPT Data'!$B$12:$B$20000,1))&lt;2,INDEX('p-y cyclic clay'!$GQ$27:$GQ$5000,MATCH($B48,'p-y cyclic clay'!$C$27:$C$5000,1)),INDEX('p-y cyclic clay'!$HQ$27:$HQ$5000,MATCH($B48,'p-y cyclic clay'!$C$27:$C$5000,1))))</f>
        <v>10081.415908638266</v>
      </c>
      <c r="P48">
        <f>IF($D48="SAND",INDEX('p-y cyclic sand'!$AE$27:$AE$5000,MATCH($B48,'p-y cyclic sand'!$C$27:$C$5000,1)),IF(INDEX('CPT Data'!$S$12:$S$20000,MATCH($B48,'CPT Data'!$B$12:$B$20000,1))&lt;2,INDEX('p-y cyclic clay'!$HD$27:$HD$5000,MATCH($B48,'p-y cyclic clay'!$C$27:$C$5000,1)),INDEX('p-y cyclic clay'!$ID$27:$ID$5000,MATCH($B48,'p-y cyclic clay'!$C$27:$C$5000,1))))</f>
        <v>73.285988106143535</v>
      </c>
      <c r="Q48">
        <f>IF($D48="SAND",INDEX('p-y cyclic sand'!$AS$27:$AS$5000,MATCH($B48,'p-y cyclic sand'!$C$27:$C$5000,1)),IF(INDEX('CPT Data'!$S$12:$S$20000,MATCH($B48,'CPT Data'!$B$12:$B$20000,1))&lt;2,INDEX('p-y cyclic clay'!$GR$27:$GR$5000,MATCH($B48,'p-y cyclic clay'!$C$27:$C$5000,1)),INDEX('p-y cyclic clay'!$HR$27:$HR$5000,MATCH($B48,'p-y cyclic clay'!$C$27:$C$5000,1))))</f>
        <v>11830.531061678761</v>
      </c>
      <c r="R48">
        <f>IF($D48="SAND",INDEX('p-y cyclic sand'!$AF$27:$AF$5000,MATCH($B48,'p-y cyclic sand'!$C$27:$C$5000,1)),IF(INDEX('CPT Data'!$S$12:$S$20000,MATCH($B48,'CPT Data'!$B$12:$B$20000,1))&lt;2,INDEX('p-y cyclic clay'!$HE$27:$HE$5000,MATCH($B48,'p-y cyclic clay'!$C$27:$C$5000,1)),INDEX('p-y cyclic clay'!$IE$27:$IE$5000,MATCH($B48,'p-y cyclic clay'!$C$27:$C$5000,1))))</f>
        <v>109.03496747790803</v>
      </c>
      <c r="S48">
        <f>IF($D48="SAND",INDEX('p-y cyclic sand'!$AT$27:$AT$5000,MATCH($B48,'p-y cyclic sand'!$C$27:$C$5000,1)),IF(INDEX('CPT Data'!$S$12:$S$20000,MATCH($B48,'CPT Data'!$B$12:$B$20000,1))&lt;2,INDEX('p-y cyclic clay'!$GS$27:$GS$5000,MATCH($B48,'p-y cyclic clay'!$C$27:$C$5000,1)),INDEX('p-y cyclic clay'!$HS$27:$HS$5000,MATCH($B48,'p-y cyclic clay'!$C$27:$C$5000,1))))</f>
        <v>13467.481200497963</v>
      </c>
      <c r="T48">
        <f>IF($D48="SAND",INDEX('p-y cyclic sand'!$AG$27:$AG$5000,MATCH($B48,'p-y cyclic sand'!$C$27:$C$5000,1)),IF(INDEX('CPT Data'!$S$12:$S$20000,MATCH($B48,'CPT Data'!$B$12:$B$20000,1))&lt;2,INDEX('p-y cyclic clay'!$HF$27:$HF$5000,MATCH($B48,'p-y cyclic clay'!$C$27:$C$5000,1)),INDEX('p-y cyclic clay'!$IF$27:$IF$5000,MATCH($B48,'p-y cyclic clay'!$C$27:$C$5000,1))))</f>
        <v>158.63909266307027</v>
      </c>
      <c r="U48">
        <f>IF($D48="SAND",INDEX('p-y cyclic sand'!$AU$27:$AU$5000,MATCH($B48,'p-y cyclic sand'!$C$27:$C$5000,1)),IF(INDEX('CPT Data'!$S$12:$S$20000,MATCH($B48,'CPT Data'!$B$12:$B$20000,1))&lt;2,INDEX('p-y cyclic clay'!$GT$27:$GT$5000,MATCH($B48,'p-y cyclic clay'!$C$27:$C$5000,1)),INDEX('p-y cyclic clay'!$HT$27:$HT$5000,MATCH($B48,'p-y cyclic clay'!$C$27:$C$5000,1))))</f>
        <v>14978.130526758141</v>
      </c>
      <c r="V48">
        <f>IF($D48="SAND",INDEX('p-y cyclic sand'!$AH$27:$AH$5000,MATCH($B48,'p-y cyclic sand'!$C$27:$C$5000,1)),IF(INDEX('CPT Data'!$S$12:$S$20000,MATCH($B48,'CPT Data'!$B$12:$B$20000,1))&lt;2,INDEX('p-y cyclic clay'!$HG$27:$HG$5000,MATCH($B48,'p-y cyclic clay'!$C$27:$C$5000,1)),INDEX('p-y cyclic clay'!$IG$27:$IG$5000,MATCH($B48,'p-y cyclic clay'!$C$27:$C$5000,1))))</f>
        <v>235.89578637586894</v>
      </c>
      <c r="W48">
        <f>IF($D48="SAND",INDEX('p-y cyclic sand'!$AV$27:$AV$5000,MATCH($B48,'p-y cyclic sand'!$C$27:$C$5000,1)),IF(INDEX('CPT Data'!$S$12:$S$20000,MATCH($B48,'CPT Data'!$B$12:$B$20000,1))&lt;2,INDEX('p-y cyclic clay'!$GU$27:$GU$5000,MATCH($B48,'p-y cyclic clay'!$C$27:$C$5000,1)),INDEX('p-y cyclic clay'!$HU$27:$HU$5000,MATCH($B48,'p-y cyclic clay'!$C$27:$C$5000,1))))</f>
        <v>16344.98249552639</v>
      </c>
      <c r="X48">
        <f>IF($D48="SAND",INDEX('p-y cyclic sand'!$AI$27:$AI$5000,MATCH($B48,'p-y cyclic sand'!$C$27:$C$5000,1)),IF(INDEX('CPT Data'!$S$12:$S$20000,MATCH($B48,'CPT Data'!$B$12:$B$20000,1))&lt;2,INDEX('p-y cyclic clay'!$HH$27:$HH$5000,MATCH($B48,'p-y cyclic clay'!$C$27:$C$5000,1)),INDEX('p-y cyclic clay'!$IH$27:$IH$5000,MATCH($B48,'p-y cyclic clay'!$C$27:$C$5000,1))))</f>
        <v>359.44932437796723</v>
      </c>
      <c r="Y48">
        <f>IF($D48="SAND",INDEX('p-y cyclic sand'!$AW$27:$AW$5000,MATCH($B48,'p-y cyclic sand'!$C$27:$C$5000,1)),IF(INDEX('CPT Data'!$S$12:$S$20000,MATCH($B48,'CPT Data'!$B$12:$B$20000,1))&lt;2,INDEX('p-y cyclic clay'!$GV$27:$GV$5000,MATCH($B48,'p-y cyclic clay'!$C$27:$C$5000,1)),INDEX('p-y cyclic clay'!$HV$27:$HV$5000,MATCH($B48,'p-y cyclic clay'!$C$27:$C$5000,1))))</f>
        <v>17262.692680702239</v>
      </c>
      <c r="Z48">
        <f>IF($D48="SAND",INDEX('p-y cyclic sand'!$AJ$27:$AJ$5000,MATCH($B48,'p-y cyclic sand'!$C$27:$C$5000,1)),IF(INDEX('CPT Data'!$S$12:$S$20000,MATCH($B48,'CPT Data'!$B$12:$B$20000,1))&lt;2,INDEX('p-y cyclic clay'!$HI$27:$HI$5000,MATCH($B48,'p-y cyclic clay'!$C$27:$C$5000,1)),INDEX('p-y cyclic clay'!$II$27:$II$5000,MATCH($B48,'p-y cyclic clay'!$C$27:$C$5000,1))))</f>
        <v>549.54408516775857</v>
      </c>
      <c r="AA48">
        <f>IF($D48="SAND",INDEX('p-y cyclic sand'!$AX$27:$AX$5000,MATCH($B48,'p-y cyclic sand'!$C$27:$C$5000,1)),IF(INDEX('CPT Data'!$S$12:$S$20000,MATCH($B48,'CPT Data'!$B$12:$B$20000,1))&lt;2,INDEX('p-y cyclic clay'!$GW$27:$GW$5000,MATCH($B48,'p-y cyclic clay'!$C$27:$C$5000,1)),INDEX('p-y cyclic clay'!$HW$27:$HW$5000,MATCH($B48,'p-y cyclic clay'!$C$27:$C$5000,1))))</f>
        <v>17545.959684934307</v>
      </c>
      <c r="AB48">
        <f>IF($D48="SAND",INDEX('p-y cyclic sand'!$AK$27:$AK$5000,MATCH($B48,'p-y cyclic sand'!$C$27:$C$5000,1)),IF(INDEX('CPT Data'!$S$12:$S$20000,MATCH($B48,'CPT Data'!$B$12:$B$20000,1))&lt;2,INDEX('p-y cyclic clay'!$HJ$27:$HJ$5000,MATCH($B48,'p-y cyclic clay'!$C$27:$C$5000,1)),INDEX('p-y cyclic clay'!$IJ$27:$IJ$5000,MATCH($B48,'p-y cyclic clay'!$C$27:$C$5000,1))))</f>
        <v>724.32995860961853</v>
      </c>
      <c r="AC48">
        <f>IF($D48="SAND",INDEX('p-y cyclic sand'!$AY$27:$AY$5000,MATCH($B48,'p-y cyclic sand'!$C$27:$C$5000,1)),IF(INDEX('CPT Data'!$S$12:$S$20000,MATCH($B48,'CPT Data'!$B$12:$B$20000,1))&lt;2,INDEX('p-y cyclic clay'!$GX$27:$GX$5000,MATCH($B48,'p-y cyclic clay'!$C$27:$C$5000,1)),INDEX('p-y cyclic clay'!$HX$27:$HX$5000,MATCH($B48,'p-y cyclic clay'!$C$27:$C$5000,1))))</f>
        <v>17545.959684934307</v>
      </c>
      <c r="AD48" s="98">
        <f>IF($D48="SAND",INDEX('p-y cyclic sand'!$AL$27:$AL$5000,MATCH($B48,'p-y cyclic sand'!$C$27:$C$5000,1)),IF(INDEX('CPT Data'!$S$12:$S$20000,MATCH($B48,'CPT Data'!$B$12:$B$20000,1))&lt;2,INDEX('p-y cyclic clay'!$HK$27:$HK$5000,MATCH($B48,'p-y cyclic clay'!$C$27:$C$5000,1)),INDEX('p-y cyclic clay'!$IK$27:$IK$5000,MATCH($B48,'p-y cyclic clay'!$C$27:$C$5000,1))))</f>
        <v>5432.4746895721391</v>
      </c>
    </row>
    <row r="49" spans="1:30" x14ac:dyDescent="0.2">
      <c r="A49" s="214">
        <f t="shared" si="0"/>
        <v>-59.5</v>
      </c>
      <c r="B49" s="216">
        <f>'p-y cyclic clay'!C70</f>
        <v>44</v>
      </c>
      <c r="C49">
        <f>INDEX('CPT Data'!$C$13:$C$20000,MATCH(B49,'CPT Data'!$B$13:$B$20000,1))</f>
        <v>43.99</v>
      </c>
      <c r="D49" s="216" t="str">
        <f>INDEX('CPT Data'!$P$13:$P$20000,MATCH(B49,'CPT Data'!$B$13:$B$20000,1))</f>
        <v>CLAY</v>
      </c>
      <c r="E49">
        <f>IF($D49="SAND",INDEX('p-y cyclic sand'!$AM$27:$AM$5000,MATCH($B49,'p-y cyclic sand'!$C$27:$C$5000,1)),IF(INDEX('CPT Data'!$S$12:$S$20000,MATCH($B49,'CPT Data'!$B$12:$B$20000,1))&lt;2,INDEX('p-y cyclic clay'!$GL$27:$GL$5000,MATCH($B49,'p-y cyclic clay'!$C$27:$C$5000,1)),INDEX('p-y cyclic clay'!$HL$27:$HL$5000,MATCH($B49,'p-y cyclic clay'!$C$27:$C$5000,1))))</f>
        <v>0</v>
      </c>
      <c r="F49">
        <f>IF($D49="SAND",INDEX('p-y cyclic sand'!$Z$27:$Z$5000,MATCH($B49,'p-y cyclic sand'!$C$27:$C$5000,1)),IF(INDEX('CPT Data'!$S$12:$S$20000,MATCH($B49,'CPT Data'!$B$12:$B$20000,1))&lt;2,INDEX('p-y cyclic clay'!$GY$27:$GY$5000,MATCH($B49,'p-y cyclic clay'!$C$27:$C$5000,1)),INDEX('p-y cyclic clay'!$HY$27:$HY$5000,MATCH($B49,'p-y cyclic clay'!$C$27:$C$5000,1))))</f>
        <v>0</v>
      </c>
      <c r="G49">
        <f>IF($D49="SAND",INDEX('p-y cyclic sand'!$AN$27:$AN$5000,MATCH($B49,'p-y cyclic sand'!$C$27:$C$5000,1)),IF(INDEX('CPT Data'!$S$12:$S$20000,MATCH($B49,'CPT Data'!$B$12:$B$20000,1))&lt;2,INDEX('p-y cyclic clay'!$GM$27:$GM$5000,MATCH($B49,'p-y cyclic clay'!$C$27:$C$5000,1)),INDEX('p-y cyclic clay'!$HM$27:$HM$5000,MATCH($B49,'p-y cyclic clay'!$C$27:$C$5000,1))))</f>
        <v>978.77397173390352</v>
      </c>
      <c r="H49">
        <f>IF($D49="SAND",INDEX('p-y cyclic sand'!$AA$27:$AA$5000,MATCH($B49,'p-y cyclic sand'!$C$27:$C$5000,1)),IF(INDEX('CPT Data'!$S$12:$S$20000,MATCH($B49,'CPT Data'!$B$12:$B$20000,1))&lt;2,INDEX('p-y cyclic clay'!$GZ$27:$GZ$5000,MATCH($B49,'p-y cyclic clay'!$C$27:$C$5000,1)),INDEX('p-y cyclic clay'!$HZ$27:$HZ$5000,MATCH($B49,'p-y cyclic clay'!$C$27:$C$5000,1))))</f>
        <v>1.1446254522592829</v>
      </c>
      <c r="I49">
        <f>IF($D49="SAND",INDEX('p-y cyclic sand'!$AO$27:$AO$5000,MATCH($B49,'p-y cyclic sand'!$C$27:$C$5000,1)),IF(INDEX('CPT Data'!$S$12:$S$20000,MATCH($B49,'CPT Data'!$B$12:$B$20000,1))&lt;2,INDEX('p-y cyclic clay'!$GN$27:$GN$5000,MATCH($B49,'p-y cyclic clay'!$C$27:$C$5000,1)),INDEX('p-y cyclic clay'!$HN$27:$HN$5000,MATCH($B49,'p-y cyclic clay'!$C$27:$C$5000,1))))</f>
        <v>3822.5579304755965</v>
      </c>
      <c r="J49">
        <f>IF($D49="SAND",INDEX('p-y cyclic sand'!$AB$27:$AB$5000,MATCH($B49,'p-y cyclic sand'!$C$27:$C$5000,1)),IF(INDEX('CPT Data'!$S$12:$S$20000,MATCH($B49,'CPT Data'!$B$12:$B$20000,1))&lt;2,INDEX('p-y cyclic clay'!$HA$27:$HA$5000,MATCH($B49,'p-y cyclic clay'!$C$27:$C$5000,1)),INDEX('p-y cyclic clay'!$IA$27:$IA$5000,MATCH($B49,'p-y cyclic clay'!$C$27:$C$5000,1))))</f>
        <v>11.118834965233047</v>
      </c>
      <c r="K49">
        <f>IF($D49="SAND",INDEX('p-y cyclic sand'!$AP$27:$AP$5000,MATCH($B49,'p-y cyclic sand'!$C$27:$C$5000,1)),IF(INDEX('CPT Data'!$S$12:$S$20000,MATCH($B49,'CPT Data'!$B$12:$B$20000,1))&lt;2,INDEX('p-y cyclic clay'!$GO$27:$GO$5000,MATCH($B49,'p-y cyclic clay'!$C$27:$C$5000,1)),INDEX('p-y cyclic clay'!$HO$27:$HO$5000,MATCH($B49,'p-y cyclic clay'!$C$27:$C$5000,1))))</f>
        <v>5634.7150088173776</v>
      </c>
      <c r="L49">
        <f>IF($D49="SAND",INDEX('p-y cyclic sand'!$AC$27:$AC$5000,MATCH($B49,'p-y cyclic sand'!$C$27:$C$5000,1)),IF(INDEX('CPT Data'!$S$12:$S$20000,MATCH($B49,'CPT Data'!$B$12:$B$20000,1))&lt;2,INDEX('p-y cyclic clay'!$HB$27:$HB$5000,MATCH($B49,'p-y cyclic clay'!$C$27:$C$5000,1)),INDEX('p-y cyclic clay'!$IB$27:$IB$5000,MATCH($B49,'p-y cyclic clay'!$C$27:$C$5000,1))))</f>
        <v>23.607639365518843</v>
      </c>
      <c r="M49">
        <f>IF($D49="SAND",INDEX('p-y cyclic sand'!$AQ$27:$AQ$5000,MATCH($B49,'p-y cyclic sand'!$C$27:$C$5000,1)),IF(INDEX('CPT Data'!$S$12:$S$20000,MATCH($B49,'CPT Data'!$B$12:$B$20000,1))&lt;2,INDEX('p-y cyclic clay'!$GP$27:$GP$5000,MATCH($B49,'p-y cyclic clay'!$C$27:$C$5000,1)),INDEX('p-y cyclic clay'!$HP$27:$HP$5000,MATCH($B49,'p-y cyclic clay'!$C$27:$C$5000,1))))</f>
        <v>7372.7762127285569</v>
      </c>
      <c r="N49">
        <f>IF($D49="SAND",INDEX('p-y cyclic sand'!$AD$27:$AD$5000,MATCH($B49,'p-y cyclic sand'!$C$27:$C$5000,1)),IF(INDEX('CPT Data'!$S$12:$S$20000,MATCH($B49,'CPT Data'!$B$12:$B$20000,1))&lt;2,INDEX('p-y cyclic clay'!$HC$27:$HC$5000,MATCH($B49,'p-y cyclic clay'!$C$27:$C$5000,1)),INDEX('p-y cyclic clay'!$IC$27:$IC$5000,MATCH($B49,'p-y cyclic clay'!$C$27:$C$5000,1))))</f>
        <v>43.929265991514228</v>
      </c>
      <c r="O49">
        <f>IF($D49="SAND",INDEX('p-y cyclic sand'!$AR$27:$AR$5000,MATCH($B49,'p-y cyclic sand'!$C$27:$C$5000,1)),IF(INDEX('CPT Data'!$S$12:$S$20000,MATCH($B49,'CPT Data'!$B$12:$B$20000,1))&lt;2,INDEX('p-y cyclic clay'!$GQ$27:$GQ$5000,MATCH($B49,'p-y cyclic clay'!$C$27:$C$5000,1)),INDEX('p-y cyclic clay'!$HQ$27:$HQ$5000,MATCH($B49,'p-y cyclic clay'!$C$27:$C$5000,1))))</f>
        <v>9029.4366317856166</v>
      </c>
      <c r="P49">
        <f>IF($D49="SAND",INDEX('p-y cyclic sand'!$AE$27:$AE$5000,MATCH($B49,'p-y cyclic sand'!$C$27:$C$5000,1)),IF(INDEX('CPT Data'!$S$12:$S$20000,MATCH($B49,'CPT Data'!$B$12:$B$20000,1))&lt;2,INDEX('p-y cyclic clay'!$HD$27:$HD$5000,MATCH($B49,'p-y cyclic clay'!$C$27:$C$5000,1)),INDEX('p-y cyclic clay'!$ID$27:$ID$5000,MATCH($B49,'p-y cyclic clay'!$C$27:$C$5000,1))))</f>
        <v>69.242851818842297</v>
      </c>
      <c r="Q49">
        <f>IF($D49="SAND",INDEX('p-y cyclic sand'!$AS$27:$AS$5000,MATCH($B49,'p-y cyclic sand'!$C$27:$C$5000,1)),IF(INDEX('CPT Data'!$S$12:$S$20000,MATCH($B49,'CPT Data'!$B$12:$B$20000,1))&lt;2,INDEX('p-y cyclic clay'!$GR$27:$GR$5000,MATCH($B49,'p-y cyclic clay'!$C$27:$C$5000,1)),INDEX('p-y cyclic clay'!$HR$27:$HR$5000,MATCH($B49,'p-y cyclic clay'!$C$27:$C$5000,1))))</f>
        <v>10596.034476691753</v>
      </c>
      <c r="R49">
        <f>IF($D49="SAND",INDEX('p-y cyclic sand'!$AF$27:$AF$5000,MATCH($B49,'p-y cyclic sand'!$C$27:$C$5000,1)),IF(INDEX('CPT Data'!$S$12:$S$20000,MATCH($B49,'CPT Data'!$B$12:$B$20000,1))&lt;2,INDEX('p-y cyclic clay'!$HE$27:$HE$5000,MATCH($B49,'p-y cyclic clay'!$C$27:$C$5000,1)),INDEX('p-y cyclic clay'!$IE$27:$IE$5000,MATCH($B49,'p-y cyclic clay'!$C$27:$C$5000,1))))</f>
        <v>102.74195217861276</v>
      </c>
      <c r="S49">
        <f>IF($D49="SAND",INDEX('p-y cyclic sand'!$AT$27:$AT$5000,MATCH($B49,'p-y cyclic sand'!$C$27:$C$5000,1)),IF(INDEX('CPT Data'!$S$12:$S$20000,MATCH($B49,'CPT Data'!$B$12:$B$20000,1))&lt;2,INDEX('p-y cyclic clay'!$GS$27:$GS$5000,MATCH($B49,'p-y cyclic clay'!$C$27:$C$5000,1)),INDEX('p-y cyclic clay'!$HS$27:$HS$5000,MATCH($B49,'p-y cyclic clay'!$C$27:$C$5000,1))))</f>
        <v>12062.171543330949</v>
      </c>
      <c r="T49">
        <f>IF($D49="SAND",INDEX('p-y cyclic sand'!$AG$27:$AG$5000,MATCH($B49,'p-y cyclic sand'!$C$27:$C$5000,1)),IF(INDEX('CPT Data'!$S$12:$S$20000,MATCH($B49,'CPT Data'!$B$12:$B$20000,1))&lt;2,INDEX('p-y cyclic clay'!$HF$27:$HF$5000,MATCH($B49,'p-y cyclic clay'!$C$27:$C$5000,1)),INDEX('p-y cyclic clay'!$IF$27:$IF$5000,MATCH($B49,'p-y cyclic clay'!$C$27:$C$5000,1))))</f>
        <v>149.86464473954149</v>
      </c>
      <c r="U49">
        <f>IF($D49="SAND",INDEX('p-y cyclic sand'!$AU$27:$AU$5000,MATCH($B49,'p-y cyclic sand'!$C$27:$C$5000,1)),IF(INDEX('CPT Data'!$S$12:$S$20000,MATCH($B49,'CPT Data'!$B$12:$B$20000,1))&lt;2,INDEX('p-y cyclic clay'!$GT$27:$GT$5000,MATCH($B49,'p-y cyclic clay'!$C$27:$C$5000,1)),INDEX('p-y cyclic clay'!$HT$27:$HT$5000,MATCH($B49,'p-y cyclic clay'!$C$27:$C$5000,1))))</f>
        <v>13415.187080823875</v>
      </c>
      <c r="V49">
        <f>IF($D49="SAND",INDEX('p-y cyclic sand'!$AH$27:$AH$5000,MATCH($B49,'p-y cyclic sand'!$C$27:$C$5000,1)),IF(INDEX('CPT Data'!$S$12:$S$20000,MATCH($B49,'CPT Data'!$B$12:$B$20000,1))&lt;2,INDEX('p-y cyclic clay'!$HG$27:$HG$5000,MATCH($B49,'p-y cyclic clay'!$C$27:$C$5000,1)),INDEX('p-y cyclic clay'!$IG$27:$IG$5000,MATCH($B49,'p-y cyclic clay'!$C$27:$C$5000,1))))</f>
        <v>222.62129809596627</v>
      </c>
      <c r="W49">
        <f>IF($D49="SAND",INDEX('p-y cyclic sand'!$AV$27:$AV$5000,MATCH($B49,'p-y cyclic sand'!$C$27:$C$5000,1)),IF(INDEX('CPT Data'!$S$12:$S$20000,MATCH($B49,'CPT Data'!$B$12:$B$20000,1))&lt;2,INDEX('p-y cyclic clay'!$GU$27:$GU$5000,MATCH($B49,'p-y cyclic clay'!$C$27:$C$5000,1)),INDEX('p-y cyclic clay'!$HU$27:$HU$5000,MATCH($B49,'p-y cyclic clay'!$C$27:$C$5000,1))))</f>
        <v>14639.410280111699</v>
      </c>
      <c r="X49">
        <f>IF($D49="SAND",INDEX('p-y cyclic sand'!$AI$27:$AI$5000,MATCH($B49,'p-y cyclic sand'!$C$27:$C$5000,1)),IF(INDEX('CPT Data'!$S$12:$S$20000,MATCH($B49,'CPT Data'!$B$12:$B$20000,1))&lt;2,INDEX('p-y cyclic clay'!$HH$27:$HH$5000,MATCH($B49,'p-y cyclic clay'!$C$27:$C$5000,1)),INDEX('p-y cyclic clay'!$IH$27:$IH$5000,MATCH($B49,'p-y cyclic clay'!$C$27:$C$5000,1))))</f>
        <v>341.70618658766165</v>
      </c>
      <c r="Y49">
        <f>IF($D49="SAND",INDEX('p-y cyclic sand'!$AW$27:$AW$5000,MATCH($B49,'p-y cyclic sand'!$C$27:$C$5000,1)),IF(INDEX('CPT Data'!$S$12:$S$20000,MATCH($B49,'CPT Data'!$B$12:$B$20000,1))&lt;2,INDEX('p-y cyclic clay'!$GV$27:$GV$5000,MATCH($B49,'p-y cyclic clay'!$C$27:$C$5000,1)),INDEX('p-y cyclic clay'!$HV$27:$HV$5000,MATCH($B49,'p-y cyclic clay'!$C$27:$C$5000,1))))</f>
        <v>15461.358907019294</v>
      </c>
      <c r="Z49">
        <f>IF($D49="SAND",INDEX('p-y cyclic sand'!$AJ$27:$AJ$5000,MATCH($B49,'p-y cyclic sand'!$C$27:$C$5000,1)),IF(INDEX('CPT Data'!$S$12:$S$20000,MATCH($B49,'CPT Data'!$B$12:$B$20000,1))&lt;2,INDEX('p-y cyclic clay'!$HI$27:$HI$5000,MATCH($B49,'p-y cyclic clay'!$C$27:$C$5000,1)),INDEX('p-y cyclic clay'!$II$27:$II$5000,MATCH($B49,'p-y cyclic clay'!$C$27:$C$5000,1))))</f>
        <v>525.49183715817901</v>
      </c>
      <c r="AA49">
        <f>IF($D49="SAND",INDEX('p-y cyclic sand'!$AX$27:$AX$5000,MATCH($B49,'p-y cyclic sand'!$C$27:$C$5000,1)),IF(INDEX('CPT Data'!$S$12:$S$20000,MATCH($B49,'CPT Data'!$B$12:$B$20000,1))&lt;2,INDEX('p-y cyclic clay'!$GW$27:$GW$5000,MATCH($B49,'p-y cyclic clay'!$C$27:$C$5000,1)),INDEX('p-y cyclic clay'!$HW$27:$HW$5000,MATCH($B49,'p-y cyclic clay'!$C$27:$C$5000,1))))</f>
        <v>15715.067462223091</v>
      </c>
      <c r="AB49">
        <f>IF($D49="SAND",INDEX('p-y cyclic sand'!$AK$27:$AK$5000,MATCH($B49,'p-y cyclic sand'!$C$27:$C$5000,1)),IF(INDEX('CPT Data'!$S$12:$S$20000,MATCH($B49,'CPT Data'!$B$12:$B$20000,1))&lt;2,INDEX('p-y cyclic clay'!$HJ$27:$HJ$5000,MATCH($B49,'p-y cyclic clay'!$C$27:$C$5000,1)),INDEX('p-y cyclic clay'!$IJ$27:$IJ$5000,MATCH($B49,'p-y cyclic clay'!$C$27:$C$5000,1))))</f>
        <v>690.36330150343997</v>
      </c>
      <c r="AC49">
        <f>IF($D49="SAND",INDEX('p-y cyclic sand'!$AY$27:$AY$5000,MATCH($B49,'p-y cyclic sand'!$C$27:$C$5000,1)),IF(INDEX('CPT Data'!$S$12:$S$20000,MATCH($B49,'CPT Data'!$B$12:$B$20000,1))&lt;2,INDEX('p-y cyclic clay'!$GX$27:$GX$5000,MATCH($B49,'p-y cyclic clay'!$C$27:$C$5000,1)),INDEX('p-y cyclic clay'!$HX$27:$HX$5000,MATCH($B49,'p-y cyclic clay'!$C$27:$C$5000,1))))</f>
        <v>15715.067462223091</v>
      </c>
      <c r="AD49" s="98">
        <f>IF($D49="SAND",INDEX('p-y cyclic sand'!$AL$27:$AL$5000,MATCH($B49,'p-y cyclic sand'!$C$27:$C$5000,1)),IF(INDEX('CPT Data'!$S$12:$S$20000,MATCH($B49,'CPT Data'!$B$12:$B$20000,1))&lt;2,INDEX('p-y cyclic clay'!$HK$27:$HK$5000,MATCH($B49,'p-y cyclic clay'!$C$27:$C$5000,1)),INDEX('p-y cyclic clay'!$IK$27:$IK$5000,MATCH($B49,'p-y cyclic clay'!$C$27:$C$5000,1))))</f>
        <v>5432.4746895721391</v>
      </c>
    </row>
    <row r="50" spans="1:30" x14ac:dyDescent="0.2">
      <c r="A50" s="214">
        <f t="shared" si="0"/>
        <v>-60.5</v>
      </c>
      <c r="B50" s="216">
        <f>'p-y cyclic clay'!C71</f>
        <v>45</v>
      </c>
      <c r="C50">
        <f>INDEX('CPT Data'!$C$13:$C$20000,MATCH(B50,'CPT Data'!$B$13:$B$20000,1))</f>
        <v>44.991</v>
      </c>
      <c r="D50" s="216" t="str">
        <f>INDEX('CPT Data'!$P$13:$P$20000,MATCH(B50,'CPT Data'!$B$13:$B$20000,1))</f>
        <v>CLAY</v>
      </c>
      <c r="E50">
        <f>IF($D50="SAND",INDEX('p-y cyclic sand'!$AM$27:$AM$5000,MATCH($B50,'p-y cyclic sand'!$C$27:$C$5000,1)),IF(INDEX('CPT Data'!$S$12:$S$20000,MATCH($B50,'CPT Data'!$B$12:$B$20000,1))&lt;2,INDEX('p-y cyclic clay'!$GL$27:$GL$5000,MATCH($B50,'p-y cyclic clay'!$C$27:$C$5000,1)),INDEX('p-y cyclic clay'!$HL$27:$HL$5000,MATCH($B50,'p-y cyclic clay'!$C$27:$C$5000,1))))</f>
        <v>0</v>
      </c>
      <c r="F50">
        <f>IF($D50="SAND",INDEX('p-y cyclic sand'!$Z$27:$Z$5000,MATCH($B50,'p-y cyclic sand'!$C$27:$C$5000,1)),IF(INDEX('CPT Data'!$S$12:$S$20000,MATCH($B50,'CPT Data'!$B$12:$B$20000,1))&lt;2,INDEX('p-y cyclic clay'!$GY$27:$GY$5000,MATCH($B50,'p-y cyclic clay'!$C$27:$C$5000,1)),INDEX('p-y cyclic clay'!$HY$27:$HY$5000,MATCH($B50,'p-y cyclic clay'!$C$27:$C$5000,1))))</f>
        <v>0</v>
      </c>
      <c r="G50">
        <f>IF($D50="SAND",INDEX('p-y cyclic sand'!$AN$27:$AN$5000,MATCH($B50,'p-y cyclic sand'!$C$27:$C$5000,1)),IF(INDEX('CPT Data'!$S$12:$S$20000,MATCH($B50,'CPT Data'!$B$12:$B$20000,1))&lt;2,INDEX('p-y cyclic clay'!$GM$27:$GM$5000,MATCH($B50,'p-y cyclic clay'!$C$27:$C$5000,1)),INDEX('p-y cyclic clay'!$HM$27:$HM$5000,MATCH($B50,'p-y cyclic clay'!$C$27:$C$5000,1))))</f>
        <v>768.56919048777615</v>
      </c>
      <c r="H50">
        <f>IF($D50="SAND",INDEX('p-y cyclic sand'!$AA$27:$AA$5000,MATCH($B50,'p-y cyclic sand'!$C$27:$C$5000,1)),IF(INDEX('CPT Data'!$S$12:$S$20000,MATCH($B50,'CPT Data'!$B$12:$B$20000,1))&lt;2,INDEX('p-y cyclic clay'!$GZ$27:$GZ$5000,MATCH($B50,'p-y cyclic clay'!$C$27:$C$5000,1)),INDEX('p-y cyclic clay'!$HZ$27:$HZ$5000,MATCH($B50,'p-y cyclic clay'!$C$27:$C$5000,1))))</f>
        <v>1.0447152550460257</v>
      </c>
      <c r="I50">
        <f>IF($D50="SAND",INDEX('p-y cyclic sand'!$AO$27:$AO$5000,MATCH($B50,'p-y cyclic sand'!$C$27:$C$5000,1)),IF(INDEX('CPT Data'!$S$12:$S$20000,MATCH($B50,'CPT Data'!$B$12:$B$20000,1))&lt;2,INDEX('p-y cyclic clay'!$GN$27:$GN$5000,MATCH($B50,'p-y cyclic clay'!$C$27:$C$5000,1)),INDEX('p-y cyclic clay'!$HN$27:$HN$5000,MATCH($B50,'p-y cyclic clay'!$C$27:$C$5000,1))))</f>
        <v>3001.6125674181467</v>
      </c>
      <c r="J50">
        <f>IF($D50="SAND",INDEX('p-y cyclic sand'!$AB$27:$AB$5000,MATCH($B50,'p-y cyclic sand'!$C$27:$C$5000,1)),IF(INDEX('CPT Data'!$S$12:$S$20000,MATCH($B50,'CPT Data'!$B$12:$B$20000,1))&lt;2,INDEX('p-y cyclic clay'!$HA$27:$HA$5000,MATCH($B50,'p-y cyclic clay'!$C$27:$C$5000,1)),INDEX('p-y cyclic clay'!$IA$27:$IA$5000,MATCH($B50,'p-y cyclic clay'!$C$27:$C$5000,1))))</f>
        <v>10.148312256721363</v>
      </c>
      <c r="K50">
        <f>IF($D50="SAND",INDEX('p-y cyclic sand'!$AP$27:$AP$5000,MATCH($B50,'p-y cyclic sand'!$C$27:$C$5000,1)),IF(INDEX('CPT Data'!$S$12:$S$20000,MATCH($B50,'CPT Data'!$B$12:$B$20000,1))&lt;2,INDEX('p-y cyclic clay'!$GO$27:$GO$5000,MATCH($B50,'p-y cyclic clay'!$C$27:$C$5000,1)),INDEX('p-y cyclic clay'!$HO$27:$HO$5000,MATCH($B50,'p-y cyclic clay'!$C$27:$C$5000,1))))</f>
        <v>4424.5847131430064</v>
      </c>
      <c r="L50">
        <f>IF($D50="SAND",INDEX('p-y cyclic sand'!$AC$27:$AC$5000,MATCH($B50,'p-y cyclic sand'!$C$27:$C$5000,1)),IF(INDEX('CPT Data'!$S$12:$S$20000,MATCH($B50,'CPT Data'!$B$12:$B$20000,1))&lt;2,INDEX('p-y cyclic clay'!$HB$27:$HB$5000,MATCH($B50,'p-y cyclic clay'!$C$27:$C$5000,1)),INDEX('p-y cyclic clay'!$IB$27:$IB$5000,MATCH($B50,'p-y cyclic clay'!$C$27:$C$5000,1))))</f>
        <v>20.757296506773088</v>
      </c>
      <c r="M50">
        <f>IF($D50="SAND",INDEX('p-y cyclic sand'!$AQ$27:$AQ$5000,MATCH($B50,'p-y cyclic sand'!$C$27:$C$5000,1)),IF(INDEX('CPT Data'!$S$12:$S$20000,MATCH($B50,'CPT Data'!$B$12:$B$20000,1))&lt;2,INDEX('p-y cyclic clay'!$GP$27:$GP$5000,MATCH($B50,'p-y cyclic clay'!$C$27:$C$5000,1)),INDEX('p-y cyclic clay'!$HP$27:$HP$5000,MATCH($B50,'p-y cyclic clay'!$C$27:$C$5000,1))))</f>
        <v>5789.3740629678823</v>
      </c>
      <c r="N50">
        <f>IF($D50="SAND",INDEX('p-y cyclic sand'!$AD$27:$AD$5000,MATCH($B50,'p-y cyclic sand'!$C$27:$C$5000,1)),IF(INDEX('CPT Data'!$S$12:$S$20000,MATCH($B50,'CPT Data'!$B$12:$B$20000,1))&lt;2,INDEX('p-y cyclic clay'!$HC$27:$HC$5000,MATCH($B50,'p-y cyclic clay'!$C$27:$C$5000,1)),INDEX('p-y cyclic clay'!$IC$27:$IC$5000,MATCH($B50,'p-y cyclic clay'!$C$27:$C$5000,1))))</f>
        <v>38.358456468806779</v>
      </c>
      <c r="O50">
        <f>IF($D50="SAND",INDEX('p-y cyclic sand'!$AR$27:$AR$5000,MATCH($B50,'p-y cyclic sand'!$C$27:$C$5000,1)),IF(INDEX('CPT Data'!$S$12:$S$20000,MATCH($B50,'CPT Data'!$B$12:$B$20000,1))&lt;2,INDEX('p-y cyclic clay'!$GQ$27:$GQ$5000,MATCH($B50,'p-y cyclic clay'!$C$27:$C$5000,1)),INDEX('p-y cyclic clay'!$HQ$27:$HQ$5000,MATCH($B50,'p-y cyclic clay'!$C$27:$C$5000,1))))</f>
        <v>7090.2445335344828</v>
      </c>
      <c r="P50">
        <f>IF($D50="SAND",INDEX('p-y cyclic sand'!$AE$27:$AE$5000,MATCH($B50,'p-y cyclic sand'!$C$27:$C$5000,1)),IF(INDEX('CPT Data'!$S$12:$S$20000,MATCH($B50,'CPT Data'!$B$12:$B$20000,1))&lt;2,INDEX('p-y cyclic clay'!$HD$27:$HD$5000,MATCH($B50,'p-y cyclic clay'!$C$27:$C$5000,1)),INDEX('p-y cyclic clay'!$ID$27:$ID$5000,MATCH($B50,'p-y cyclic clay'!$C$27:$C$5000,1))))</f>
        <v>60.188604190422076</v>
      </c>
      <c r="Q50">
        <f>IF($D50="SAND",INDEX('p-y cyclic sand'!$AS$27:$AS$5000,MATCH($B50,'p-y cyclic sand'!$C$27:$C$5000,1)),IF(INDEX('CPT Data'!$S$12:$S$20000,MATCH($B50,'CPT Data'!$B$12:$B$20000,1))&lt;2,INDEX('p-y cyclic clay'!$GR$27:$GR$5000,MATCH($B50,'p-y cyclic clay'!$C$27:$C$5000,1)),INDEX('p-y cyclic clay'!$HR$27:$HR$5000,MATCH($B50,'p-y cyclic clay'!$C$27:$C$5000,1))))</f>
        <v>8320.394570469407</v>
      </c>
      <c r="R50">
        <f>IF($D50="SAND",INDEX('p-y cyclic sand'!$AF$27:$AF$5000,MATCH($B50,'p-y cyclic sand'!$C$27:$C$5000,1)),IF(INDEX('CPT Data'!$S$12:$S$20000,MATCH($B50,'CPT Data'!$B$12:$B$20000,1))&lt;2,INDEX('p-y cyclic clay'!$HE$27:$HE$5000,MATCH($B50,'p-y cyclic clay'!$C$27:$C$5000,1)),INDEX('p-y cyclic clay'!$IE$27:$IE$5000,MATCH($B50,'p-y cyclic clay'!$C$27:$C$5000,1))))</f>
        <v>88.64929865411608</v>
      </c>
      <c r="S50">
        <f>IF($D50="SAND",INDEX('p-y cyclic sand'!$AT$27:$AT$5000,MATCH($B50,'p-y cyclic sand'!$C$27:$C$5000,1)),IF(INDEX('CPT Data'!$S$12:$S$20000,MATCH($B50,'CPT Data'!$B$12:$B$20000,1))&lt;2,INDEX('p-y cyclic clay'!$GS$27:$GS$5000,MATCH($B50,'p-y cyclic clay'!$C$27:$C$5000,1)),INDEX('p-y cyclic clay'!$HS$27:$HS$5000,MATCH($B50,'p-y cyclic clay'!$C$27:$C$5000,1))))</f>
        <v>9471.6591228510242</v>
      </c>
      <c r="T50">
        <f>IF($D50="SAND",INDEX('p-y cyclic sand'!$AG$27:$AG$5000,MATCH($B50,'p-y cyclic sand'!$C$27:$C$5000,1)),IF(INDEX('CPT Data'!$S$12:$S$20000,MATCH($B50,'CPT Data'!$B$12:$B$20000,1))&lt;2,INDEX('p-y cyclic clay'!$HF$27:$HF$5000,MATCH($B50,'p-y cyclic clay'!$C$27:$C$5000,1)),INDEX('p-y cyclic clay'!$IF$27:$IF$5000,MATCH($B50,'p-y cyclic clay'!$C$27:$C$5000,1))))</f>
        <v>130.21504139774149</v>
      </c>
      <c r="U50">
        <f>IF($D50="SAND",INDEX('p-y cyclic sand'!$AU$27:$AU$5000,MATCH($B50,'p-y cyclic sand'!$C$27:$C$5000,1)),IF(INDEX('CPT Data'!$S$12:$S$20000,MATCH($B50,'CPT Data'!$B$12:$B$20000,1))&lt;2,INDEX('p-y cyclic clay'!$GT$27:$GT$5000,MATCH($B50,'p-y cyclic clay'!$C$27:$C$5000,1)),INDEX('p-y cyclic clay'!$HT$27:$HT$5000,MATCH($B50,'p-y cyclic clay'!$C$27:$C$5000,1))))</f>
        <v>10534.096505126481</v>
      </c>
      <c r="V50">
        <f>IF($D50="SAND",INDEX('p-y cyclic sand'!$AH$27:$AH$5000,MATCH($B50,'p-y cyclic sand'!$C$27:$C$5000,1)),IF(INDEX('CPT Data'!$S$12:$S$20000,MATCH($B50,'CPT Data'!$B$12:$B$20000,1))&lt;2,INDEX('p-y cyclic clay'!$HG$27:$HG$5000,MATCH($B50,'p-y cyclic clay'!$C$27:$C$5000,1)),INDEX('p-y cyclic clay'!$IG$27:$IG$5000,MATCH($B50,'p-y cyclic clay'!$C$27:$C$5000,1))))</f>
        <v>192.89425070350072</v>
      </c>
      <c r="W50">
        <f>IF($D50="SAND",INDEX('p-y cyclic sand'!$AV$27:$AV$5000,MATCH($B50,'p-y cyclic sand'!$C$27:$C$5000,1)),IF(INDEX('CPT Data'!$S$12:$S$20000,MATCH($B50,'CPT Data'!$B$12:$B$20000,1))&lt;2,INDEX('p-y cyclic clay'!$GU$27:$GU$5000,MATCH($B50,'p-y cyclic clay'!$C$27:$C$5000,1)),INDEX('p-y cyclic clay'!$HU$27:$HU$5000,MATCH($B50,'p-y cyclic clay'!$C$27:$C$5000,1))))</f>
        <v>11495.40142375462</v>
      </c>
      <c r="X50">
        <f>IF($D50="SAND",INDEX('p-y cyclic sand'!$AI$27:$AI$5000,MATCH($B50,'p-y cyclic sand'!$C$27:$C$5000,1)),IF(INDEX('CPT Data'!$S$12:$S$20000,MATCH($B50,'CPT Data'!$B$12:$B$20000,1))&lt;2,INDEX('p-y cyclic clay'!$HH$27:$HH$5000,MATCH($B50,'p-y cyclic clay'!$C$27:$C$5000,1)),INDEX('p-y cyclic clay'!$IH$27:$IH$5000,MATCH($B50,'p-y cyclic clay'!$C$27:$C$5000,1))))</f>
        <v>301.97199217942892</v>
      </c>
      <c r="Y50">
        <f>IF($D50="SAND",INDEX('p-y cyclic sand'!$AW$27:$AW$5000,MATCH($B50,'p-y cyclic sand'!$C$27:$C$5000,1)),IF(INDEX('CPT Data'!$S$12:$S$20000,MATCH($B50,'CPT Data'!$B$12:$B$20000,1))&lt;2,INDEX('p-y cyclic clay'!$GV$27:$GV$5000,MATCH($B50,'p-y cyclic clay'!$C$27:$C$5000,1)),INDEX('p-y cyclic clay'!$HV$27:$HV$5000,MATCH($B50,'p-y cyclic clay'!$C$27:$C$5000,1))))</f>
        <v>12140.825606506236</v>
      </c>
      <c r="Z50">
        <f>IF($D50="SAND",INDEX('p-y cyclic sand'!$AJ$27:$AJ$5000,MATCH($B50,'p-y cyclic sand'!$C$27:$C$5000,1)),IF(INDEX('CPT Data'!$S$12:$S$20000,MATCH($B50,'CPT Data'!$B$12:$B$20000,1))&lt;2,INDEX('p-y cyclic clay'!$HI$27:$HI$5000,MATCH($B50,'p-y cyclic clay'!$C$27:$C$5000,1)),INDEX('p-y cyclic clay'!$II$27:$II$5000,MATCH($B50,'p-y cyclic clay'!$C$27:$C$5000,1))))</f>
        <v>471.62894606966853</v>
      </c>
      <c r="AA50">
        <f>IF($D50="SAND",INDEX('p-y cyclic sand'!$AX$27:$AX$5000,MATCH($B50,'p-y cyclic sand'!$C$27:$C$5000,1)),IF(INDEX('CPT Data'!$S$12:$S$20000,MATCH($B50,'CPT Data'!$B$12:$B$20000,1))&lt;2,INDEX('p-y cyclic clay'!$GW$27:$GW$5000,MATCH($B50,'p-y cyclic clay'!$C$27:$C$5000,1)),INDEX('p-y cyclic clay'!$HW$27:$HW$5000,MATCH($B50,'p-y cyclic clay'!$C$27:$C$5000,1))))</f>
        <v>12340.046861386334</v>
      </c>
      <c r="AB50">
        <f>IF($D50="SAND",INDEX('p-y cyclic sand'!$AK$27:$AK$5000,MATCH($B50,'p-y cyclic sand'!$C$27:$C$5000,1)),IF(INDEX('CPT Data'!$S$12:$S$20000,MATCH($B50,'CPT Data'!$B$12:$B$20000,1))&lt;2,INDEX('p-y cyclic clay'!$HJ$27:$HJ$5000,MATCH($B50,'p-y cyclic clay'!$C$27:$C$5000,1)),INDEX('p-y cyclic clay'!$IJ$27:$IJ$5000,MATCH($B50,'p-y cyclic clay'!$C$27:$C$5000,1))))</f>
        <v>614.29796442466875</v>
      </c>
      <c r="AC50">
        <f>IF($D50="SAND",INDEX('p-y cyclic sand'!$AY$27:$AY$5000,MATCH($B50,'p-y cyclic sand'!$C$27:$C$5000,1)),IF(INDEX('CPT Data'!$S$12:$S$20000,MATCH($B50,'CPT Data'!$B$12:$B$20000,1))&lt;2,INDEX('p-y cyclic clay'!$GX$27:$GX$5000,MATCH($B50,'p-y cyclic clay'!$C$27:$C$5000,1)),INDEX('p-y cyclic clay'!$HX$27:$HX$5000,MATCH($B50,'p-y cyclic clay'!$C$27:$C$5000,1))))</f>
        <v>12340.046861386334</v>
      </c>
      <c r="AD50" s="98">
        <f>IF($D50="SAND",INDEX('p-y cyclic sand'!$AL$27:$AL$5000,MATCH($B50,'p-y cyclic sand'!$C$27:$C$5000,1)),IF(INDEX('CPT Data'!$S$12:$S$20000,MATCH($B50,'CPT Data'!$B$12:$B$20000,1))&lt;2,INDEX('p-y cyclic clay'!$HK$27:$HK$5000,MATCH($B50,'p-y cyclic clay'!$C$27:$C$5000,1)),INDEX('p-y cyclic clay'!$IK$27:$IK$5000,MATCH($B50,'p-y cyclic clay'!$C$27:$C$5000,1))))</f>
        <v>5432.4746895721391</v>
      </c>
    </row>
    <row r="51" spans="1:30" x14ac:dyDescent="0.2">
      <c r="A51" s="214">
        <f t="shared" si="0"/>
        <v>-61.5</v>
      </c>
      <c r="B51" s="216">
        <f>'p-y cyclic clay'!C72</f>
        <v>46</v>
      </c>
      <c r="C51">
        <f>INDEX('CPT Data'!$C$13:$C$20000,MATCH(B51,'CPT Data'!$B$13:$B$20000,1))</f>
        <v>45.989000000000004</v>
      </c>
      <c r="D51" s="216" t="str">
        <f>INDEX('CPT Data'!$P$13:$P$20000,MATCH(B51,'CPT Data'!$B$13:$B$20000,1))</f>
        <v>CLAY</v>
      </c>
      <c r="E51">
        <f>IF($D51="SAND",INDEX('p-y cyclic sand'!$AM$27:$AM$5000,MATCH($B51,'p-y cyclic sand'!$C$27:$C$5000,1)),IF(INDEX('CPT Data'!$S$12:$S$20000,MATCH($B51,'CPT Data'!$B$12:$B$20000,1))&lt;2,INDEX('p-y cyclic clay'!$GL$27:$GL$5000,MATCH($B51,'p-y cyclic clay'!$C$27:$C$5000,1)),INDEX('p-y cyclic clay'!$HL$27:$HL$5000,MATCH($B51,'p-y cyclic clay'!$C$27:$C$5000,1))))</f>
        <v>0</v>
      </c>
      <c r="F51">
        <f>IF($D51="SAND",INDEX('p-y cyclic sand'!$Z$27:$Z$5000,MATCH($B51,'p-y cyclic sand'!$C$27:$C$5000,1)),IF(INDEX('CPT Data'!$S$12:$S$20000,MATCH($B51,'CPT Data'!$B$12:$B$20000,1))&lt;2,INDEX('p-y cyclic clay'!$GY$27:$GY$5000,MATCH($B51,'p-y cyclic clay'!$C$27:$C$5000,1)),INDEX('p-y cyclic clay'!$HY$27:$HY$5000,MATCH($B51,'p-y cyclic clay'!$C$27:$C$5000,1))))</f>
        <v>0</v>
      </c>
      <c r="G51">
        <f>IF($D51="SAND",INDEX('p-y cyclic sand'!$AN$27:$AN$5000,MATCH($B51,'p-y cyclic sand'!$C$27:$C$5000,1)),IF(INDEX('CPT Data'!$S$12:$S$20000,MATCH($B51,'CPT Data'!$B$12:$B$20000,1))&lt;2,INDEX('p-y cyclic clay'!$GM$27:$GM$5000,MATCH($B51,'p-y cyclic clay'!$C$27:$C$5000,1)),INDEX('p-y cyclic clay'!$HM$27:$HM$5000,MATCH($B51,'p-y cyclic clay'!$C$27:$C$5000,1))))</f>
        <v>1265.2690790728516</v>
      </c>
      <c r="H51">
        <f>IF($D51="SAND",INDEX('p-y cyclic sand'!$AA$27:$AA$5000,MATCH($B51,'p-y cyclic sand'!$C$27:$C$5000,1)),IF(INDEX('CPT Data'!$S$12:$S$20000,MATCH($B51,'CPT Data'!$B$12:$B$20000,1))&lt;2,INDEX('p-y cyclic clay'!$GZ$27:$GZ$5000,MATCH($B51,'p-y cyclic clay'!$C$27:$C$5000,1)),INDEX('p-y cyclic clay'!$HZ$27:$HZ$5000,MATCH($B51,'p-y cyclic clay'!$C$27:$C$5000,1))))</f>
        <v>1.1892399316066766</v>
      </c>
      <c r="I51">
        <f>IF($D51="SAND",INDEX('p-y cyclic sand'!$AO$27:$AO$5000,MATCH($B51,'p-y cyclic sand'!$C$27:$C$5000,1)),IF(INDEX('CPT Data'!$S$12:$S$20000,MATCH($B51,'CPT Data'!$B$12:$B$20000,1))&lt;2,INDEX('p-y cyclic clay'!$GN$27:$GN$5000,MATCH($B51,'p-y cyclic clay'!$C$27:$C$5000,1)),INDEX('p-y cyclic clay'!$HN$27:$HN$5000,MATCH($B51,'p-y cyclic clay'!$C$27:$C$5000,1))))</f>
        <v>4941.4517468496661</v>
      </c>
      <c r="J51">
        <f>IF($D51="SAND",INDEX('p-y cyclic sand'!$AB$27:$AB$5000,MATCH($B51,'p-y cyclic sand'!$C$27:$C$5000,1)),IF(INDEX('CPT Data'!$S$12:$S$20000,MATCH($B51,'CPT Data'!$B$12:$B$20000,1))&lt;2,INDEX('p-y cyclic clay'!$HA$27:$HA$5000,MATCH($B51,'p-y cyclic clay'!$C$27:$C$5000,1)),INDEX('p-y cyclic clay'!$IA$27:$IA$5000,MATCH($B51,'p-y cyclic clay'!$C$27:$C$5000,1))))</f>
        <v>11.552217808454238</v>
      </c>
      <c r="K51">
        <f>IF($D51="SAND",INDEX('p-y cyclic sand'!$AP$27:$AP$5000,MATCH($B51,'p-y cyclic sand'!$C$27:$C$5000,1)),IF(INDEX('CPT Data'!$S$12:$S$20000,MATCH($B51,'CPT Data'!$B$12:$B$20000,1))&lt;2,INDEX('p-y cyclic clay'!$GO$27:$GO$5000,MATCH($B51,'p-y cyclic clay'!$C$27:$C$5000,1)),INDEX('p-y cyclic clay'!$HO$27:$HO$5000,MATCH($B51,'p-y cyclic clay'!$C$27:$C$5000,1))))</f>
        <v>7284.0419503744188</v>
      </c>
      <c r="L51">
        <f>IF($D51="SAND",INDEX('p-y cyclic sand'!$AC$27:$AC$5000,MATCH($B51,'p-y cyclic sand'!$C$27:$C$5000,1)),IF(INDEX('CPT Data'!$S$12:$S$20000,MATCH($B51,'CPT Data'!$B$12:$B$20000,1))&lt;2,INDEX('p-y cyclic clay'!$HB$27:$HB$5000,MATCH($B51,'p-y cyclic clay'!$C$27:$C$5000,1)),INDEX('p-y cyclic clay'!$IB$27:$IB$5000,MATCH($B51,'p-y cyclic clay'!$C$27:$C$5000,1))))</f>
        <v>24.880448009195803</v>
      </c>
      <c r="M51">
        <f>IF($D51="SAND",INDEX('p-y cyclic sand'!$AQ$27:$AQ$5000,MATCH($B51,'p-y cyclic sand'!$C$27:$C$5000,1)),IF(INDEX('CPT Data'!$S$12:$S$20000,MATCH($B51,'CPT Data'!$B$12:$B$20000,1))&lt;2,INDEX('p-y cyclic clay'!$GP$27:$GP$5000,MATCH($B51,'p-y cyclic clay'!$C$27:$C$5000,1)),INDEX('p-y cyclic clay'!$HP$27:$HP$5000,MATCH($B51,'p-y cyclic clay'!$C$27:$C$5000,1))))</f>
        <v>9530.8478139888794</v>
      </c>
      <c r="N51">
        <f>IF($D51="SAND",INDEX('p-y cyclic sand'!$AD$27:$AD$5000,MATCH($B51,'p-y cyclic sand'!$C$27:$C$5000,1)),IF(INDEX('CPT Data'!$S$12:$S$20000,MATCH($B51,'CPT Data'!$B$12:$B$20000,1))&lt;2,INDEX('p-y cyclic clay'!$HC$27:$HC$5000,MATCH($B51,'p-y cyclic clay'!$C$27:$C$5000,1)),INDEX('p-y cyclic clay'!$IC$27:$IC$5000,MATCH($B51,'p-y cyclic clay'!$C$27:$C$5000,1))))</f>
        <v>46.416887609041353</v>
      </c>
      <c r="O51">
        <f>IF($D51="SAND",INDEX('p-y cyclic sand'!$AR$27:$AR$5000,MATCH($B51,'p-y cyclic sand'!$C$27:$C$5000,1)),IF(INDEX('CPT Data'!$S$12:$S$20000,MATCH($B51,'CPT Data'!$B$12:$B$20000,1))&lt;2,INDEX('p-y cyclic clay'!$GQ$27:$GQ$5000,MATCH($B51,'p-y cyclic clay'!$C$27:$C$5000,1)),INDEX('p-y cyclic clay'!$HQ$27:$HQ$5000,MATCH($B51,'p-y cyclic clay'!$C$27:$C$5000,1))))</f>
        <v>11672.426220537105</v>
      </c>
      <c r="P51">
        <f>IF($D51="SAND",INDEX('p-y cyclic sand'!$AE$27:$AE$5000,MATCH($B51,'p-y cyclic sand'!$C$27:$C$5000,1)),IF(INDEX('CPT Data'!$S$12:$S$20000,MATCH($B51,'CPT Data'!$B$12:$B$20000,1))&lt;2,INDEX('p-y cyclic clay'!$HD$27:$HD$5000,MATCH($B51,'p-y cyclic clay'!$C$27:$C$5000,1)),INDEX('p-y cyclic clay'!$ID$27:$ID$5000,MATCH($B51,'p-y cyclic clay'!$C$27:$C$5000,1))))</f>
        <v>73.285988106143535</v>
      </c>
      <c r="Q51">
        <f>IF($D51="SAND",INDEX('p-y cyclic sand'!$AS$27:$AS$5000,MATCH($B51,'p-y cyclic sand'!$C$27:$C$5000,1)),IF(INDEX('CPT Data'!$S$12:$S$20000,MATCH($B51,'CPT Data'!$B$12:$B$20000,1))&lt;2,INDEX('p-y cyclic clay'!$GR$27:$GR$5000,MATCH($B51,'p-y cyclic clay'!$C$27:$C$5000,1)),INDEX('p-y cyclic clay'!$HR$27:$HR$5000,MATCH($B51,'p-y cyclic clay'!$C$27:$C$5000,1))))</f>
        <v>13697.580004500609</v>
      </c>
      <c r="R51">
        <f>IF($D51="SAND",INDEX('p-y cyclic sand'!$AF$27:$AF$5000,MATCH($B51,'p-y cyclic sand'!$C$27:$C$5000,1)),IF(INDEX('CPT Data'!$S$12:$S$20000,MATCH($B51,'CPT Data'!$B$12:$B$20000,1))&lt;2,INDEX('p-y cyclic clay'!$HE$27:$HE$5000,MATCH($B51,'p-y cyclic clay'!$C$27:$C$5000,1)),INDEX('p-y cyclic clay'!$IE$27:$IE$5000,MATCH($B51,'p-y cyclic clay'!$C$27:$C$5000,1))))</f>
        <v>109.03496747790803</v>
      </c>
      <c r="S51">
        <f>IF($D51="SAND",INDEX('p-y cyclic sand'!$AT$27:$AT$5000,MATCH($B51,'p-y cyclic sand'!$C$27:$C$5000,1)),IF(INDEX('CPT Data'!$S$12:$S$20000,MATCH($B51,'CPT Data'!$B$12:$B$20000,1))&lt;2,INDEX('p-y cyclic clay'!$GS$27:$GS$5000,MATCH($B51,'p-y cyclic clay'!$C$27:$C$5000,1)),INDEX('p-y cyclic clay'!$HS$27:$HS$5000,MATCH($B51,'p-y cyclic clay'!$C$27:$C$5000,1))))</f>
        <v>15592.867322792188</v>
      </c>
      <c r="T51">
        <f>IF($D51="SAND",INDEX('p-y cyclic sand'!$AG$27:$AG$5000,MATCH($B51,'p-y cyclic sand'!$C$27:$C$5000,1)),IF(INDEX('CPT Data'!$S$12:$S$20000,MATCH($B51,'CPT Data'!$B$12:$B$20000,1))&lt;2,INDEX('p-y cyclic clay'!$HF$27:$HF$5000,MATCH($B51,'p-y cyclic clay'!$C$27:$C$5000,1)),INDEX('p-y cyclic clay'!$IF$27:$IF$5000,MATCH($B51,'p-y cyclic clay'!$C$27:$C$5000,1))))</f>
        <v>158.63909266307027</v>
      </c>
      <c r="U51">
        <f>IF($D51="SAND",INDEX('p-y cyclic sand'!$AU$27:$AU$5000,MATCH($B51,'p-y cyclic sand'!$C$27:$C$5000,1)),IF(INDEX('CPT Data'!$S$12:$S$20000,MATCH($B51,'CPT Data'!$B$12:$B$20000,1))&lt;2,INDEX('p-y cyclic clay'!$GT$27:$GT$5000,MATCH($B51,'p-y cyclic clay'!$C$27:$C$5000,1)),INDEX('p-y cyclic clay'!$HT$27:$HT$5000,MATCH($B51,'p-y cyclic clay'!$C$27:$C$5000,1))))</f>
        <v>17341.921519709827</v>
      </c>
      <c r="V51">
        <f>IF($D51="SAND",INDEX('p-y cyclic sand'!$AH$27:$AH$5000,MATCH($B51,'p-y cyclic sand'!$C$27:$C$5000,1)),IF(INDEX('CPT Data'!$S$12:$S$20000,MATCH($B51,'CPT Data'!$B$12:$B$20000,1))&lt;2,INDEX('p-y cyclic clay'!$HG$27:$HG$5000,MATCH($B51,'p-y cyclic clay'!$C$27:$C$5000,1)),INDEX('p-y cyclic clay'!$IG$27:$IG$5000,MATCH($B51,'p-y cyclic clay'!$C$27:$C$5000,1))))</f>
        <v>235.89578637586894</v>
      </c>
      <c r="W51">
        <f>IF($D51="SAND",INDEX('p-y cyclic sand'!$AV$27:$AV$5000,MATCH($B51,'p-y cyclic sand'!$C$27:$C$5000,1)),IF(INDEX('CPT Data'!$S$12:$S$20000,MATCH($B51,'CPT Data'!$B$12:$B$20000,1))&lt;2,INDEX('p-y cyclic clay'!$GU$27:$GU$5000,MATCH($B51,'p-y cyclic clay'!$C$27:$C$5000,1)),INDEX('p-y cyclic clay'!$HU$27:$HU$5000,MATCH($B51,'p-y cyclic clay'!$C$27:$C$5000,1))))</f>
        <v>18924.484812845338</v>
      </c>
      <c r="X51">
        <f>IF($D51="SAND",INDEX('p-y cyclic sand'!$AI$27:$AI$5000,MATCH($B51,'p-y cyclic sand'!$C$27:$C$5000,1)),IF(INDEX('CPT Data'!$S$12:$S$20000,MATCH($B51,'CPT Data'!$B$12:$B$20000,1))&lt;2,INDEX('p-y cyclic clay'!$HH$27:$HH$5000,MATCH($B51,'p-y cyclic clay'!$C$27:$C$5000,1)),INDEX('p-y cyclic clay'!$IH$27:$IH$5000,MATCH($B51,'p-y cyclic clay'!$C$27:$C$5000,1))))</f>
        <v>359.44932437796723</v>
      </c>
      <c r="Y51">
        <f>IF($D51="SAND",INDEX('p-y cyclic sand'!$AW$27:$AW$5000,MATCH($B51,'p-y cyclic sand'!$C$27:$C$5000,1)),IF(INDEX('CPT Data'!$S$12:$S$20000,MATCH($B51,'CPT Data'!$B$12:$B$20000,1))&lt;2,INDEX('p-y cyclic clay'!$GV$27:$GV$5000,MATCH($B51,'p-y cyclic clay'!$C$27:$C$5000,1)),INDEX('p-y cyclic clay'!$HV$27:$HV$5000,MATCH($B51,'p-y cyclic clay'!$C$27:$C$5000,1))))</f>
        <v>19987.024492328459</v>
      </c>
      <c r="Z51">
        <f>IF($D51="SAND",INDEX('p-y cyclic sand'!$AJ$27:$AJ$5000,MATCH($B51,'p-y cyclic sand'!$C$27:$C$5000,1)),IF(INDEX('CPT Data'!$S$12:$S$20000,MATCH($B51,'CPT Data'!$B$12:$B$20000,1))&lt;2,INDEX('p-y cyclic clay'!$HI$27:$HI$5000,MATCH($B51,'p-y cyclic clay'!$C$27:$C$5000,1)),INDEX('p-y cyclic clay'!$II$27:$II$5000,MATCH($B51,'p-y cyclic clay'!$C$27:$C$5000,1))))</f>
        <v>549.54408516775857</v>
      </c>
      <c r="AA51">
        <f>IF($D51="SAND",INDEX('p-y cyclic sand'!$AX$27:$AX$5000,MATCH($B51,'p-y cyclic sand'!$C$27:$C$5000,1)),IF(INDEX('CPT Data'!$S$12:$S$20000,MATCH($B51,'CPT Data'!$B$12:$B$20000,1))&lt;2,INDEX('p-y cyclic clay'!$GW$27:$GW$5000,MATCH($B51,'p-y cyclic clay'!$C$27:$C$5000,1)),INDEX('p-y cyclic clay'!$HW$27:$HW$5000,MATCH($B51,'p-y cyclic clay'!$C$27:$C$5000,1))))</f>
        <v>20314.995606463159</v>
      </c>
      <c r="AB51">
        <f>IF($D51="SAND",INDEX('p-y cyclic sand'!$AK$27:$AK$5000,MATCH($B51,'p-y cyclic sand'!$C$27:$C$5000,1)),IF(INDEX('CPT Data'!$S$12:$S$20000,MATCH($B51,'CPT Data'!$B$12:$B$20000,1))&lt;2,INDEX('p-y cyclic clay'!$HJ$27:$HJ$5000,MATCH($B51,'p-y cyclic clay'!$C$27:$C$5000,1)),INDEX('p-y cyclic clay'!$IJ$27:$IJ$5000,MATCH($B51,'p-y cyclic clay'!$C$27:$C$5000,1))))</f>
        <v>724.32995860961853</v>
      </c>
      <c r="AC51">
        <f>IF($D51="SAND",INDEX('p-y cyclic sand'!$AY$27:$AY$5000,MATCH($B51,'p-y cyclic sand'!$C$27:$C$5000,1)),IF(INDEX('CPT Data'!$S$12:$S$20000,MATCH($B51,'CPT Data'!$B$12:$B$20000,1))&lt;2,INDEX('p-y cyclic clay'!$GX$27:$GX$5000,MATCH($B51,'p-y cyclic clay'!$C$27:$C$5000,1)),INDEX('p-y cyclic clay'!$HX$27:$HX$5000,MATCH($B51,'p-y cyclic clay'!$C$27:$C$5000,1))))</f>
        <v>20314.995606463159</v>
      </c>
      <c r="AD51" s="98">
        <f>IF($D51="SAND",INDEX('p-y cyclic sand'!$AL$27:$AL$5000,MATCH($B51,'p-y cyclic sand'!$C$27:$C$5000,1)),IF(INDEX('CPT Data'!$S$12:$S$20000,MATCH($B51,'CPT Data'!$B$12:$B$20000,1))&lt;2,INDEX('p-y cyclic clay'!$HK$27:$HK$5000,MATCH($B51,'p-y cyclic clay'!$C$27:$C$5000,1)),INDEX('p-y cyclic clay'!$IK$27:$IK$5000,MATCH($B51,'p-y cyclic clay'!$C$27:$C$5000,1))))</f>
        <v>5432.4746895721391</v>
      </c>
    </row>
    <row r="52" spans="1:30" x14ac:dyDescent="0.2">
      <c r="A52" s="214">
        <f t="shared" si="0"/>
        <v>-62.5</v>
      </c>
      <c r="B52" s="216">
        <f>'p-y cyclic clay'!C73</f>
        <v>47</v>
      </c>
      <c r="C52">
        <f>INDEX('CPT Data'!$C$13:$C$20000,MATCH(B52,'CPT Data'!$B$13:$B$20000,1))</f>
        <v>46.992000000000004</v>
      </c>
      <c r="D52" s="216" t="str">
        <f>INDEX('CPT Data'!$P$13:$P$20000,MATCH(B52,'CPT Data'!$B$13:$B$20000,1))</f>
        <v>CLAY</v>
      </c>
      <c r="E52">
        <f>IF($D52="SAND",INDEX('p-y cyclic sand'!$AM$27:$AM$5000,MATCH($B52,'p-y cyclic sand'!$C$27:$C$5000,1)),IF(INDEX('CPT Data'!$S$12:$S$20000,MATCH($B52,'CPT Data'!$B$12:$B$20000,1))&lt;2,INDEX('p-y cyclic clay'!$GL$27:$GL$5000,MATCH($B52,'p-y cyclic clay'!$C$27:$C$5000,1)),INDEX('p-y cyclic clay'!$HL$27:$HL$5000,MATCH($B52,'p-y cyclic clay'!$C$27:$C$5000,1))))</f>
        <v>0</v>
      </c>
      <c r="F52">
        <f>IF($D52="SAND",INDEX('p-y cyclic sand'!$Z$27:$Z$5000,MATCH($B52,'p-y cyclic sand'!$C$27:$C$5000,1)),IF(INDEX('CPT Data'!$S$12:$S$20000,MATCH($B52,'CPT Data'!$B$12:$B$20000,1))&lt;2,INDEX('p-y cyclic clay'!$GY$27:$GY$5000,MATCH($B52,'p-y cyclic clay'!$C$27:$C$5000,1)),INDEX('p-y cyclic clay'!$HY$27:$HY$5000,MATCH($B52,'p-y cyclic clay'!$C$27:$C$5000,1))))</f>
        <v>0</v>
      </c>
      <c r="G52">
        <f>IF($D52="SAND",INDEX('p-y cyclic sand'!$AN$27:$AN$5000,MATCH($B52,'p-y cyclic sand'!$C$27:$C$5000,1)),IF(INDEX('CPT Data'!$S$12:$S$20000,MATCH($B52,'CPT Data'!$B$12:$B$20000,1))&lt;2,INDEX('p-y cyclic clay'!$GM$27:$GM$5000,MATCH($B52,'p-y cyclic clay'!$C$27:$C$5000,1)),INDEX('p-y cyclic clay'!$HM$27:$HM$5000,MATCH($B52,'p-y cyclic clay'!$C$27:$C$5000,1))))</f>
        <v>436.09528242217925</v>
      </c>
      <c r="H52">
        <f>IF($D52="SAND",INDEX('p-y cyclic sand'!$AA$27:$AA$5000,MATCH($B52,'p-y cyclic sand'!$C$27:$C$5000,1)),IF(INDEX('CPT Data'!$S$12:$S$20000,MATCH($B52,'CPT Data'!$B$12:$B$20000,1))&lt;2,INDEX('p-y cyclic clay'!$GZ$27:$GZ$5000,MATCH($B52,'p-y cyclic clay'!$C$27:$C$5000,1)),INDEX('p-y cyclic clay'!$HZ$27:$HZ$5000,MATCH($B52,'p-y cyclic clay'!$C$27:$C$5000,1))))</f>
        <v>0.8199446817215168</v>
      </c>
      <c r="I52">
        <f>IF($D52="SAND",INDEX('p-y cyclic sand'!$AO$27:$AO$5000,MATCH($B52,'p-y cyclic sand'!$C$27:$C$5000,1)),IF(INDEX('CPT Data'!$S$12:$S$20000,MATCH($B52,'CPT Data'!$B$12:$B$20000,1))&lt;2,INDEX('p-y cyclic clay'!$GN$27:$GN$5000,MATCH($B52,'p-y cyclic clay'!$C$27:$C$5000,1)),INDEX('p-y cyclic clay'!$HN$27:$HN$5000,MATCH($B52,'p-y cyclic clay'!$C$27:$C$5000,1))))</f>
        <v>1703.1506031089054</v>
      </c>
      <c r="J52">
        <f>IF($D52="SAND",INDEX('p-y cyclic sand'!$AB$27:$AB$5000,MATCH($B52,'p-y cyclic sand'!$C$27:$C$5000,1)),IF(INDEX('CPT Data'!$S$12:$S$20000,MATCH($B52,'CPT Data'!$B$12:$B$20000,1))&lt;2,INDEX('p-y cyclic clay'!$HA$27:$HA$5000,MATCH($B52,'p-y cyclic clay'!$C$27:$C$5000,1)),INDEX('p-y cyclic clay'!$IA$27:$IA$5000,MATCH($B52,'p-y cyclic clay'!$C$27:$C$5000,1))))</f>
        <v>7.9649020373320507</v>
      </c>
      <c r="K52">
        <f>IF($D52="SAND",INDEX('p-y cyclic sand'!$AP$27:$AP$5000,MATCH($B52,'p-y cyclic sand'!$C$27:$C$5000,1)),IF(INDEX('CPT Data'!$S$12:$S$20000,MATCH($B52,'CPT Data'!$B$12:$B$20000,1))&lt;2,INDEX('p-y cyclic clay'!$GO$27:$GO$5000,MATCH($B52,'p-y cyclic clay'!$C$27:$C$5000,1)),INDEX('p-y cyclic clay'!$HO$27:$HO$5000,MATCH($B52,'p-y cyclic clay'!$C$27:$C$5000,1))))</f>
        <v>2510.5618907965386</v>
      </c>
      <c r="L52">
        <f>IF($D52="SAND",INDEX('p-y cyclic sand'!$AC$27:$AC$5000,MATCH($B52,'p-y cyclic sand'!$C$27:$C$5000,1)),IF(INDEX('CPT Data'!$S$12:$S$20000,MATCH($B52,'CPT Data'!$B$12:$B$20000,1))&lt;2,INDEX('p-y cyclic clay'!$HB$27:$HB$5000,MATCH($B52,'p-y cyclic clay'!$C$27:$C$5000,1)),INDEX('p-y cyclic clay'!$IB$27:$IB$5000,MATCH($B52,'p-y cyclic clay'!$C$27:$C$5000,1))))</f>
        <v>14.719812461535101</v>
      </c>
      <c r="M52">
        <f>IF($D52="SAND",INDEX('p-y cyclic sand'!$AQ$27:$AQ$5000,MATCH($B52,'p-y cyclic sand'!$C$27:$C$5000,1)),IF(INDEX('CPT Data'!$S$12:$S$20000,MATCH($B52,'CPT Data'!$B$12:$B$20000,1))&lt;2,INDEX('p-y cyclic clay'!$GP$27:$GP$5000,MATCH($B52,'p-y cyclic clay'!$C$27:$C$5000,1)),INDEX('p-y cyclic clay'!$HP$27:$HP$5000,MATCH($B52,'p-y cyclic clay'!$C$27:$C$5000,1))))</f>
        <v>3284.9595693984206</v>
      </c>
      <c r="N52">
        <f>IF($D52="SAND",INDEX('p-y cyclic sand'!$AD$27:$AD$5000,MATCH($B52,'p-y cyclic sand'!$C$27:$C$5000,1)),IF(INDEX('CPT Data'!$S$12:$S$20000,MATCH($B52,'CPT Data'!$B$12:$B$20000,1))&lt;2,INDEX('p-y cyclic clay'!$HC$27:$HC$5000,MATCH($B52,'p-y cyclic clay'!$C$27:$C$5000,1)),INDEX('p-y cyclic clay'!$IC$27:$IC$5000,MATCH($B52,'p-y cyclic clay'!$C$27:$C$5000,1))))</f>
        <v>25.82566116636248</v>
      </c>
      <c r="O52">
        <f>IF($D52="SAND",INDEX('p-y cyclic sand'!$AR$27:$AR$5000,MATCH($B52,'p-y cyclic sand'!$C$27:$C$5000,1)),IF(INDEX('CPT Data'!$S$12:$S$20000,MATCH($B52,'CPT Data'!$B$12:$B$20000,1))&lt;2,INDEX('p-y cyclic clay'!$GQ$27:$GQ$5000,MATCH($B52,'p-y cyclic clay'!$C$27:$C$5000,1)),INDEX('p-y cyclic clay'!$HQ$27:$HQ$5000,MATCH($B52,'p-y cyclic clay'!$C$27:$C$5000,1))))</f>
        <v>4023.0889171236049</v>
      </c>
      <c r="P52">
        <f>IF($D52="SAND",INDEX('p-y cyclic sand'!$AE$27:$AE$5000,MATCH($B52,'p-y cyclic sand'!$C$27:$C$5000,1)),IF(INDEX('CPT Data'!$S$12:$S$20000,MATCH($B52,'CPT Data'!$B$12:$B$20000,1))&lt;2,INDEX('p-y cyclic clay'!$HD$27:$HD$5000,MATCH($B52,'p-y cyclic clay'!$C$27:$C$5000,1)),INDEX('p-y cyclic clay'!$ID$27:$ID$5000,MATCH($B52,'p-y cyclic clay'!$C$27:$C$5000,1))))</f>
        <v>39.819027438229995</v>
      </c>
      <c r="Q52">
        <f>IF($D52="SAND",INDEX('p-y cyclic sand'!$AS$27:$AS$5000,MATCH($B52,'p-y cyclic sand'!$C$27:$C$5000,1)),IF(INDEX('CPT Data'!$S$12:$S$20000,MATCH($B52,'CPT Data'!$B$12:$B$20000,1))&lt;2,INDEX('p-y cyclic clay'!$GR$27:$GR$5000,MATCH($B52,'p-y cyclic clay'!$C$27:$C$5000,1)),INDEX('p-y cyclic clay'!$HR$27:$HR$5000,MATCH($B52,'p-y cyclic clay'!$C$27:$C$5000,1))))</f>
        <v>4721.0906512788888</v>
      </c>
      <c r="R52">
        <f>IF($D52="SAND",INDEX('p-y cyclic sand'!$AF$27:$AF$5000,MATCH($B52,'p-y cyclic sand'!$C$27:$C$5000,1)),IF(INDEX('CPT Data'!$S$12:$S$20000,MATCH($B52,'CPT Data'!$B$12:$B$20000,1))&lt;2,INDEX('p-y cyclic clay'!$HE$27:$HE$5000,MATCH($B52,'p-y cyclic clay'!$C$27:$C$5000,1)),INDEX('p-y cyclic clay'!$IE$27:$IE$5000,MATCH($B52,'p-y cyclic clay'!$C$27:$C$5000,1))))</f>
        <v>59.262321133400384</v>
      </c>
      <c r="S52">
        <f>IF($D52="SAND",INDEX('p-y cyclic sand'!$AT$27:$AT$5000,MATCH($B52,'p-y cyclic sand'!$C$27:$C$5000,1)),IF(INDEX('CPT Data'!$S$12:$S$20000,MATCH($B52,'CPT Data'!$B$12:$B$20000,1))&lt;2,INDEX('p-y cyclic clay'!$GS$27:$GS$5000,MATCH($B52,'p-y cyclic clay'!$C$27:$C$5000,1)),INDEX('p-y cyclic clay'!$HS$27:$HS$5000,MATCH($B52,'p-y cyclic clay'!$C$27:$C$5000,1))))</f>
        <v>5374.3318250434395</v>
      </c>
      <c r="T52">
        <f>IF($D52="SAND",INDEX('p-y cyclic sand'!$AG$27:$AG$5000,MATCH($B52,'p-y cyclic sand'!$C$27:$C$5000,1)),IF(INDEX('CPT Data'!$S$12:$S$20000,MATCH($B52,'CPT Data'!$B$12:$B$20000,1))&lt;2,INDEX('p-y cyclic clay'!$HF$27:$HF$5000,MATCH($B52,'p-y cyclic clay'!$C$27:$C$5000,1)),INDEX('p-y cyclic clay'!$IF$27:$IF$5000,MATCH($B52,'p-y cyclic clay'!$C$27:$C$5000,1))))</f>
        <v>86.008816888862896</v>
      </c>
      <c r="U52">
        <f>IF($D52="SAND",INDEX('p-y cyclic sand'!$AU$27:$AU$5000,MATCH($B52,'p-y cyclic sand'!$C$27:$C$5000,1)),IF(INDEX('CPT Data'!$S$12:$S$20000,MATCH($B52,'CPT Data'!$B$12:$B$20000,1))&lt;2,INDEX('p-y cyclic clay'!$GT$27:$GT$5000,MATCH($B52,'p-y cyclic clay'!$C$27:$C$5000,1)),INDEX('p-y cyclic clay'!$HT$27:$HT$5000,MATCH($B52,'p-y cyclic clay'!$C$27:$C$5000,1))))</f>
        <v>5977.1714080161128</v>
      </c>
      <c r="V52">
        <f>IF($D52="SAND",INDEX('p-y cyclic sand'!$AH$27:$AH$5000,MATCH($B52,'p-y cyclic sand'!$C$27:$C$5000,1)),IF(INDEX('CPT Data'!$S$12:$S$20000,MATCH($B52,'CPT Data'!$B$12:$B$20000,1))&lt;2,INDEX('p-y cyclic clay'!$HG$27:$HG$5000,MATCH($B52,'p-y cyclic clay'!$C$27:$C$5000,1)),INDEX('p-y cyclic clay'!$IG$27:$IG$5000,MATCH($B52,'p-y cyclic clay'!$C$27:$C$5000,1))))</f>
        <v>128.18934405632984</v>
      </c>
      <c r="W52">
        <f>IF($D52="SAND",INDEX('p-y cyclic sand'!$AV$27:$AV$5000,MATCH($B52,'p-y cyclic sand'!$C$27:$C$5000,1)),IF(INDEX('CPT Data'!$S$12:$S$20000,MATCH($B52,'CPT Data'!$B$12:$B$20000,1))&lt;2,INDEX('p-y cyclic clay'!$GU$27:$GU$5000,MATCH($B52,'p-y cyclic clay'!$C$27:$C$5000,1)),INDEX('p-y cyclic clay'!$HU$27:$HU$5000,MATCH($B52,'p-y cyclic clay'!$C$27:$C$5000,1))))</f>
        <v>6522.6272305646426</v>
      </c>
      <c r="X52">
        <f>IF($D52="SAND",INDEX('p-y cyclic sand'!$AI$27:$AI$5000,MATCH($B52,'p-y cyclic sand'!$C$27:$C$5000,1)),IF(INDEX('CPT Data'!$S$12:$S$20000,MATCH($B52,'CPT Data'!$B$12:$B$20000,1))&lt;2,INDEX('p-y cyclic clay'!$HH$27:$HH$5000,MATCH($B52,'p-y cyclic clay'!$C$27:$C$5000,1)),INDEX('p-y cyclic clay'!$IH$27:$IH$5000,MATCH($B52,'p-y cyclic clay'!$C$27:$C$5000,1))))</f>
        <v>204.21670683193847</v>
      </c>
      <c r="Y52">
        <f>IF($D52="SAND",INDEX('p-y cyclic sand'!$AW$27:$AW$5000,MATCH($B52,'p-y cyclic sand'!$C$27:$C$5000,1)),IF(INDEX('CPT Data'!$S$12:$S$20000,MATCH($B52,'CPT Data'!$B$12:$B$20000,1))&lt;2,INDEX('p-y cyclic clay'!$GV$27:$GV$5000,MATCH($B52,'p-y cyclic clay'!$C$27:$C$5000,1)),INDEX('p-y cyclic clay'!$HV$27:$HV$5000,MATCH($B52,'p-y cyclic clay'!$C$27:$C$5000,1))))</f>
        <v>6888.8485737341962</v>
      </c>
      <c r="Z52">
        <f>IF($D52="SAND",INDEX('p-y cyclic sand'!$AJ$27:$AJ$5000,MATCH($B52,'p-y cyclic sand'!$C$27:$C$5000,1)),IF(INDEX('CPT Data'!$S$12:$S$20000,MATCH($B52,'CPT Data'!$B$12:$B$20000,1))&lt;2,INDEX('p-y cyclic clay'!$HI$27:$HI$5000,MATCH($B52,'p-y cyclic clay'!$C$27:$C$5000,1)),INDEX('p-y cyclic clay'!$II$27:$II$5000,MATCH($B52,'p-y cyclic clay'!$C$27:$C$5000,1))))</f>
        <v>340.32863470623136</v>
      </c>
      <c r="AA52">
        <f>IF($D52="SAND",INDEX('p-y cyclic sand'!$AX$27:$AX$5000,MATCH($B52,'p-y cyclic sand'!$C$27:$C$5000,1)),IF(INDEX('CPT Data'!$S$12:$S$20000,MATCH($B52,'CPT Data'!$B$12:$B$20000,1))&lt;2,INDEX('p-y cyclic clay'!$GW$27:$GW$5000,MATCH($B52,'p-y cyclic clay'!$C$27:$C$5000,1)),INDEX('p-y cyclic clay'!$HW$27:$HW$5000,MATCH($B52,'p-y cyclic clay'!$C$27:$C$5000,1))))</f>
        <v>7001.889078722822</v>
      </c>
      <c r="AB52">
        <f>IF($D52="SAND",INDEX('p-y cyclic sand'!$AK$27:$AK$5000,MATCH($B52,'p-y cyclic sand'!$C$27:$C$5000,1)),IF(INDEX('CPT Data'!$S$12:$S$20000,MATCH($B52,'CPT Data'!$B$12:$B$20000,1))&lt;2,INDEX('p-y cyclic clay'!$HJ$27:$HJ$5000,MATCH($B52,'p-y cyclic clay'!$C$27:$C$5000,1)),INDEX('p-y cyclic clay'!$IJ$27:$IJ$5000,MATCH($B52,'p-y cyclic clay'!$C$27:$C$5000,1))))</f>
        <v>493.20963152945598</v>
      </c>
      <c r="AC52">
        <f>IF($D52="SAND",INDEX('p-y cyclic sand'!$AY$27:$AY$5000,MATCH($B52,'p-y cyclic sand'!$C$27:$C$5000,1)),IF(INDEX('CPT Data'!$S$12:$S$20000,MATCH($B52,'CPT Data'!$B$12:$B$20000,1))&lt;2,INDEX('p-y cyclic clay'!$GX$27:$GX$5000,MATCH($B52,'p-y cyclic clay'!$C$27:$C$5000,1)),INDEX('p-y cyclic clay'!$HX$27:$HX$5000,MATCH($B52,'p-y cyclic clay'!$C$27:$C$5000,1))))</f>
        <v>7001.889078722822</v>
      </c>
      <c r="AD52" s="98">
        <f>IF($D52="SAND",INDEX('p-y cyclic sand'!$AL$27:$AL$5000,MATCH($B52,'p-y cyclic sand'!$C$27:$C$5000,1)),IF(INDEX('CPT Data'!$S$12:$S$20000,MATCH($B52,'CPT Data'!$B$12:$B$20000,1))&lt;2,INDEX('p-y cyclic clay'!$HK$27:$HK$5000,MATCH($B52,'p-y cyclic clay'!$C$27:$C$5000,1)),INDEX('p-y cyclic clay'!$IK$27:$IK$5000,MATCH($B52,'p-y cyclic clay'!$C$27:$C$5000,1))))</f>
        <v>5432.4746895721391</v>
      </c>
    </row>
    <row r="53" spans="1:30" x14ac:dyDescent="0.2">
      <c r="A53" s="214">
        <f t="shared" si="0"/>
        <v>-63.5</v>
      </c>
      <c r="B53" s="216">
        <f>'p-y cyclic clay'!C74</f>
        <v>48</v>
      </c>
      <c r="C53">
        <f>INDEX('CPT Data'!$C$13:$C$20000,MATCH(B53,'CPT Data'!$B$13:$B$20000,1))</f>
        <v>47.983000000000004</v>
      </c>
      <c r="D53" s="216" t="str">
        <f>INDEX('CPT Data'!$P$13:$P$20000,MATCH(B53,'CPT Data'!$B$13:$B$20000,1))</f>
        <v>CLAY</v>
      </c>
      <c r="E53">
        <f>IF($D53="SAND",INDEX('p-y cyclic sand'!$AM$27:$AM$5000,MATCH($B53,'p-y cyclic sand'!$C$27:$C$5000,1)),IF(INDEX('CPT Data'!$S$12:$S$20000,MATCH($B53,'CPT Data'!$B$12:$B$20000,1))&lt;2,INDEX('p-y cyclic clay'!$GL$27:$GL$5000,MATCH($B53,'p-y cyclic clay'!$C$27:$C$5000,1)),INDEX('p-y cyclic clay'!$HL$27:$HL$5000,MATCH($B53,'p-y cyclic clay'!$C$27:$C$5000,1))))</f>
        <v>0</v>
      </c>
      <c r="F53">
        <f>IF($D53="SAND",INDEX('p-y cyclic sand'!$Z$27:$Z$5000,MATCH($B53,'p-y cyclic sand'!$C$27:$C$5000,1)),IF(INDEX('CPT Data'!$S$12:$S$20000,MATCH($B53,'CPT Data'!$B$12:$B$20000,1))&lt;2,INDEX('p-y cyclic clay'!$GY$27:$GY$5000,MATCH($B53,'p-y cyclic clay'!$C$27:$C$5000,1)),INDEX('p-y cyclic clay'!$HY$27:$HY$5000,MATCH($B53,'p-y cyclic clay'!$C$27:$C$5000,1))))</f>
        <v>0</v>
      </c>
      <c r="G53">
        <f>IF($D53="SAND",INDEX('p-y cyclic sand'!$AN$27:$AN$5000,MATCH($B53,'p-y cyclic sand'!$C$27:$C$5000,1)),IF(INDEX('CPT Data'!$S$12:$S$20000,MATCH($B53,'CPT Data'!$B$12:$B$20000,1))&lt;2,INDEX('p-y cyclic clay'!$GM$27:$GM$5000,MATCH($B53,'p-y cyclic clay'!$C$27:$C$5000,1)),INDEX('p-y cyclic clay'!$HM$27:$HM$5000,MATCH($B53,'p-y cyclic clay'!$C$27:$C$5000,1))))</f>
        <v>848.11236183187566</v>
      </c>
      <c r="H53">
        <f>IF($D53="SAND",INDEX('p-y cyclic sand'!$AA$27:$AA$5000,MATCH($B53,'p-y cyclic sand'!$C$27:$C$5000,1)),IF(INDEX('CPT Data'!$S$12:$S$20000,MATCH($B53,'CPT Data'!$B$12:$B$20000,1))&lt;2,INDEX('p-y cyclic clay'!$GZ$27:$GZ$5000,MATCH($B53,'p-y cyclic clay'!$C$27:$C$5000,1)),INDEX('p-y cyclic clay'!$HZ$27:$HZ$5000,MATCH($B53,'p-y cyclic clay'!$C$27:$C$5000,1))))</f>
        <v>1.0633114781871711</v>
      </c>
      <c r="I53">
        <f>IF($D53="SAND",INDEX('p-y cyclic sand'!$AO$27:$AO$5000,MATCH($B53,'p-y cyclic sand'!$C$27:$C$5000,1)),IF(INDEX('CPT Data'!$S$12:$S$20000,MATCH($B53,'CPT Data'!$B$12:$B$20000,1))&lt;2,INDEX('p-y cyclic clay'!$GN$27:$GN$5000,MATCH($B53,'p-y cyclic clay'!$C$27:$C$5000,1)),INDEX('p-y cyclic clay'!$HN$27:$HN$5000,MATCH($B53,'p-y cyclic clay'!$C$27:$C$5000,1))))</f>
        <v>3312.2648622456491</v>
      </c>
      <c r="J53">
        <f>IF($D53="SAND",INDEX('p-y cyclic sand'!$AB$27:$AB$5000,MATCH($B53,'p-y cyclic sand'!$C$27:$C$5000,1)),IF(INDEX('CPT Data'!$S$12:$S$20000,MATCH($B53,'CPT Data'!$B$12:$B$20000,1))&lt;2,INDEX('p-y cyclic clay'!$HA$27:$HA$5000,MATCH($B53,'p-y cyclic clay'!$C$27:$C$5000,1)),INDEX('p-y cyclic clay'!$IA$27:$IA$5000,MATCH($B53,'p-y cyclic clay'!$C$27:$C$5000,1))))</f>
        <v>10.328955047491847</v>
      </c>
      <c r="K53">
        <f>IF($D53="SAND",INDEX('p-y cyclic sand'!$AP$27:$AP$5000,MATCH($B53,'p-y cyclic sand'!$C$27:$C$5000,1)),IF(INDEX('CPT Data'!$S$12:$S$20000,MATCH($B53,'CPT Data'!$B$12:$B$20000,1))&lt;2,INDEX('p-y cyclic clay'!$GO$27:$GO$5000,MATCH($B53,'p-y cyclic clay'!$C$27:$C$5000,1)),INDEX('p-y cyclic clay'!$HO$27:$HO$5000,MATCH($B53,'p-y cyclic clay'!$C$27:$C$5000,1))))</f>
        <v>4882.507700845199</v>
      </c>
      <c r="L53">
        <f>IF($D53="SAND",INDEX('p-y cyclic sand'!$AC$27:$AC$5000,MATCH($B53,'p-y cyclic sand'!$C$27:$C$5000,1)),IF(INDEX('CPT Data'!$S$12:$S$20000,MATCH($B53,'CPT Data'!$B$12:$B$20000,1))&lt;2,INDEX('p-y cyclic clay'!$HB$27:$HB$5000,MATCH($B53,'p-y cyclic clay'!$C$27:$C$5000,1)),INDEX('p-y cyclic clay'!$IB$27:$IB$5000,MATCH($B53,'p-y cyclic clay'!$C$27:$C$5000,1))))</f>
        <v>21.287829058088811</v>
      </c>
      <c r="M53">
        <f>IF($D53="SAND",INDEX('p-y cyclic sand'!$AQ$27:$AQ$5000,MATCH($B53,'p-y cyclic sand'!$C$27:$C$5000,1)),IF(INDEX('CPT Data'!$S$12:$S$20000,MATCH($B53,'CPT Data'!$B$12:$B$20000,1))&lt;2,INDEX('p-y cyclic clay'!$GP$27:$GP$5000,MATCH($B53,'p-y cyclic clay'!$C$27:$C$5000,1)),INDEX('p-y cyclic clay'!$HP$27:$HP$5000,MATCH($B53,'p-y cyclic clay'!$C$27:$C$5000,1))))</f>
        <v>6388.546107287636</v>
      </c>
      <c r="N53">
        <f>IF($D53="SAND",INDEX('p-y cyclic sand'!$AD$27:$AD$5000,MATCH($B53,'p-y cyclic sand'!$C$27:$C$5000,1)),IF(INDEX('CPT Data'!$S$12:$S$20000,MATCH($B53,'CPT Data'!$B$12:$B$20000,1))&lt;2,INDEX('p-y cyclic clay'!$HC$27:$HC$5000,MATCH($B53,'p-y cyclic clay'!$C$27:$C$5000,1)),INDEX('p-y cyclic clay'!$IC$27:$IC$5000,MATCH($B53,'p-y cyclic clay'!$C$27:$C$5000,1))))</f>
        <v>39.395347795724703</v>
      </c>
      <c r="O53">
        <f>IF($D53="SAND",INDEX('p-y cyclic sand'!$AR$27:$AR$5000,MATCH($B53,'p-y cyclic sand'!$C$27:$C$5000,1)),IF(INDEX('CPT Data'!$S$12:$S$20000,MATCH($B53,'CPT Data'!$B$12:$B$20000,1))&lt;2,INDEX('p-y cyclic clay'!$GQ$27:$GQ$5000,MATCH($B53,'p-y cyclic clay'!$C$27:$C$5000,1)),INDEX('p-y cyclic clay'!$HQ$27:$HQ$5000,MATCH($B53,'p-y cyclic clay'!$C$27:$C$5000,1))))</f>
        <v>7824.0503414989753</v>
      </c>
      <c r="P53">
        <f>IF($D53="SAND",INDEX('p-y cyclic sand'!$AE$27:$AE$5000,MATCH($B53,'p-y cyclic sand'!$C$27:$C$5000,1)),IF(INDEX('CPT Data'!$S$12:$S$20000,MATCH($B53,'CPT Data'!$B$12:$B$20000,1))&lt;2,INDEX('p-y cyclic clay'!$HD$27:$HD$5000,MATCH($B53,'p-y cyclic clay'!$C$27:$C$5000,1)),INDEX('p-y cyclic clay'!$ID$27:$ID$5000,MATCH($B53,'p-y cyclic clay'!$C$27:$C$5000,1))))</f>
        <v>61.873865694949941</v>
      </c>
      <c r="Q53">
        <f>IF($D53="SAND",INDEX('p-y cyclic sand'!$AS$27:$AS$5000,MATCH($B53,'p-y cyclic sand'!$C$27:$C$5000,1)),IF(INDEX('CPT Data'!$S$12:$S$20000,MATCH($B53,'CPT Data'!$B$12:$B$20000,1))&lt;2,INDEX('p-y cyclic clay'!$GR$27:$GR$5000,MATCH($B53,'p-y cyclic clay'!$C$27:$C$5000,1)),INDEX('p-y cyclic clay'!$HR$27:$HR$5000,MATCH($B53,'p-y cyclic clay'!$C$27:$C$5000,1))))</f>
        <v>9181.5149213246514</v>
      </c>
      <c r="R53">
        <f>IF($D53="SAND",INDEX('p-y cyclic sand'!$AF$27:$AF$5000,MATCH($B53,'p-y cyclic sand'!$C$27:$C$5000,1)),IF(INDEX('CPT Data'!$S$12:$S$20000,MATCH($B53,'CPT Data'!$B$12:$B$20000,1))&lt;2,INDEX('p-y cyclic clay'!$HE$27:$HE$5000,MATCH($B53,'p-y cyclic clay'!$C$27:$C$5000,1)),INDEX('p-y cyclic clay'!$IE$27:$IE$5000,MATCH($B53,'p-y cyclic clay'!$C$27:$C$5000,1))))</f>
        <v>91.272355528210767</v>
      </c>
      <c r="S53">
        <f>IF($D53="SAND",INDEX('p-y cyclic sand'!$AT$27:$AT$5000,MATCH($B53,'p-y cyclic sand'!$C$27:$C$5000,1)),IF(INDEX('CPT Data'!$S$12:$S$20000,MATCH($B53,'CPT Data'!$B$12:$B$20000,1))&lt;2,INDEX('p-y cyclic clay'!$GS$27:$GS$5000,MATCH($B53,'p-y cyclic clay'!$C$27:$C$5000,1)),INDEX('p-y cyclic clay'!$HS$27:$HS$5000,MATCH($B53,'p-y cyclic clay'!$C$27:$C$5000,1))))</f>
        <v>10451.929752803924</v>
      </c>
      <c r="T53">
        <f>IF($D53="SAND",INDEX('p-y cyclic sand'!$AG$27:$AG$5000,MATCH($B53,'p-y cyclic sand'!$C$27:$C$5000,1)),IF(INDEX('CPT Data'!$S$12:$S$20000,MATCH($B53,'CPT Data'!$B$12:$B$20000,1))&lt;2,INDEX('p-y cyclic clay'!$HF$27:$HF$5000,MATCH($B53,'p-y cyclic clay'!$C$27:$C$5000,1)),INDEX('p-y cyclic clay'!$IF$27:$IF$5000,MATCH($B53,'p-y cyclic clay'!$C$27:$C$5000,1))))</f>
        <v>133.87240990036938</v>
      </c>
      <c r="U53">
        <f>IF($D53="SAND",INDEX('p-y cyclic sand'!$AU$27:$AU$5000,MATCH($B53,'p-y cyclic sand'!$C$27:$C$5000,1)),IF(INDEX('CPT Data'!$S$12:$S$20000,MATCH($B53,'CPT Data'!$B$12:$B$20000,1))&lt;2,INDEX('p-y cyclic clay'!$GT$27:$GT$5000,MATCH($B53,'p-y cyclic clay'!$C$27:$C$5000,1)),INDEX('p-y cyclic clay'!$HT$27:$HT$5000,MATCH($B53,'p-y cyclic clay'!$C$27:$C$5000,1))))</f>
        <v>11624.324234305644</v>
      </c>
      <c r="V53">
        <f>IF($D53="SAND",INDEX('p-y cyclic sand'!$AH$27:$AH$5000,MATCH($B53,'p-y cyclic sand'!$C$27:$C$5000,1)),IF(INDEX('CPT Data'!$S$12:$S$20000,MATCH($B53,'CPT Data'!$B$12:$B$20000,1))&lt;2,INDEX('p-y cyclic clay'!$HG$27:$HG$5000,MATCH($B53,'p-y cyclic clay'!$C$27:$C$5000,1)),INDEX('p-y cyclic clay'!$IG$27:$IG$5000,MATCH($B53,'p-y cyclic clay'!$C$27:$C$5000,1))))</f>
        <v>198.42732762714772</v>
      </c>
      <c r="W53">
        <f>IF($D53="SAND",INDEX('p-y cyclic sand'!$AV$27:$AV$5000,MATCH($B53,'p-y cyclic sand'!$C$27:$C$5000,1)),IF(INDEX('CPT Data'!$S$12:$S$20000,MATCH($B53,'CPT Data'!$B$12:$B$20000,1))&lt;2,INDEX('p-y cyclic clay'!$GU$27:$GU$5000,MATCH($B53,'p-y cyclic clay'!$C$27:$C$5000,1)),INDEX('p-y cyclic clay'!$HU$27:$HU$5000,MATCH($B53,'p-y cyclic clay'!$C$27:$C$5000,1))))</f>
        <v>12685.119534284921</v>
      </c>
      <c r="X53">
        <f>IF($D53="SAND",INDEX('p-y cyclic sand'!$AI$27:$AI$5000,MATCH($B53,'p-y cyclic sand'!$C$27:$C$5000,1)),IF(INDEX('CPT Data'!$S$12:$S$20000,MATCH($B53,'CPT Data'!$B$12:$B$20000,1))&lt;2,INDEX('p-y cyclic clay'!$HH$27:$HH$5000,MATCH($B53,'p-y cyclic clay'!$C$27:$C$5000,1)),INDEX('p-y cyclic clay'!$IH$27:$IH$5000,MATCH($B53,'p-y cyclic clay'!$C$27:$C$5000,1))))</f>
        <v>309.36769318051859</v>
      </c>
      <c r="Y53">
        <f>IF($D53="SAND",INDEX('p-y cyclic sand'!$AW$27:$AW$5000,MATCH($B53,'p-y cyclic sand'!$C$27:$C$5000,1)),IF(INDEX('CPT Data'!$S$12:$S$20000,MATCH($B53,'CPT Data'!$B$12:$B$20000,1))&lt;2,INDEX('p-y cyclic clay'!$GV$27:$GV$5000,MATCH($B53,'p-y cyclic clay'!$C$27:$C$5000,1)),INDEX('p-y cyclic clay'!$HV$27:$HV$5000,MATCH($B53,'p-y cyclic clay'!$C$27:$C$5000,1))))</f>
        <v>13397.341979305746</v>
      </c>
      <c r="Z53">
        <f>IF($D53="SAND",INDEX('p-y cyclic sand'!$AJ$27:$AJ$5000,MATCH($B53,'p-y cyclic sand'!$C$27:$C$5000,1)),IF(INDEX('CPT Data'!$S$12:$S$20000,MATCH($B53,'CPT Data'!$B$12:$B$20000,1))&lt;2,INDEX('p-y cyclic clay'!$HI$27:$HI$5000,MATCH($B53,'p-y cyclic clay'!$C$27:$C$5000,1)),INDEX('p-y cyclic clay'!$II$27:$II$5000,MATCH($B53,'p-y cyclic clay'!$C$27:$C$5000,1))))</f>
        <v>481.6544126351198</v>
      </c>
      <c r="AA53">
        <f>IF($D53="SAND",INDEX('p-y cyclic sand'!$AX$27:$AX$5000,MATCH($B53,'p-y cyclic sand'!$C$27:$C$5000,1)),IF(INDEX('CPT Data'!$S$12:$S$20000,MATCH($B53,'CPT Data'!$B$12:$B$20000,1))&lt;2,INDEX('p-y cyclic clay'!$GW$27:$GW$5000,MATCH($B53,'p-y cyclic clay'!$C$27:$C$5000,1)),INDEX('p-y cyclic clay'!$HW$27:$HW$5000,MATCH($B53,'p-y cyclic clay'!$C$27:$C$5000,1))))</f>
        <v>13617.181664651756</v>
      </c>
      <c r="AB53">
        <f>IF($D53="SAND",INDEX('p-y cyclic sand'!$AK$27:$AK$5000,MATCH($B53,'p-y cyclic sand'!$C$27:$C$5000,1)),IF(INDEX('CPT Data'!$S$12:$S$20000,MATCH($B53,'CPT Data'!$B$12:$B$20000,1))&lt;2,INDEX('p-y cyclic clay'!$HJ$27:$HJ$5000,MATCH($B53,'p-y cyclic clay'!$C$27:$C$5000,1)),INDEX('p-y cyclic clay'!$IJ$27:$IJ$5000,MATCH($B53,'p-y cyclic clay'!$C$27:$C$5000,1))))</f>
        <v>628.45595851414066</v>
      </c>
      <c r="AC53">
        <f>IF($D53="SAND",INDEX('p-y cyclic sand'!$AY$27:$AY$5000,MATCH($B53,'p-y cyclic sand'!$C$27:$C$5000,1)),IF(INDEX('CPT Data'!$S$12:$S$20000,MATCH($B53,'CPT Data'!$B$12:$B$20000,1))&lt;2,INDEX('p-y cyclic clay'!$GX$27:$GX$5000,MATCH($B53,'p-y cyclic clay'!$C$27:$C$5000,1)),INDEX('p-y cyclic clay'!$HX$27:$HX$5000,MATCH($B53,'p-y cyclic clay'!$C$27:$C$5000,1))))</f>
        <v>13617.181664651756</v>
      </c>
      <c r="AD53" s="98">
        <f>IF($D53="SAND",INDEX('p-y cyclic sand'!$AL$27:$AL$5000,MATCH($B53,'p-y cyclic sand'!$C$27:$C$5000,1)),IF(INDEX('CPT Data'!$S$12:$S$20000,MATCH($B53,'CPT Data'!$B$12:$B$20000,1))&lt;2,INDEX('p-y cyclic clay'!$HK$27:$HK$5000,MATCH($B53,'p-y cyclic clay'!$C$27:$C$5000,1)),INDEX('p-y cyclic clay'!$IK$27:$IK$5000,MATCH($B53,'p-y cyclic clay'!$C$27:$C$5000,1))))</f>
        <v>5432.4746895721391</v>
      </c>
    </row>
    <row r="54" spans="1:30" x14ac:dyDescent="0.2">
      <c r="A54" s="214">
        <f t="shared" si="0"/>
        <v>-64.5</v>
      </c>
      <c r="B54" s="216">
        <f>'p-y cyclic clay'!C75</f>
        <v>49</v>
      </c>
      <c r="C54">
        <f>INDEX('CPT Data'!$C$13:$C$20000,MATCH(B54,'CPT Data'!$B$13:$B$20000,1))</f>
        <v>48.988</v>
      </c>
      <c r="D54" s="216" t="str">
        <f>INDEX('CPT Data'!$P$13:$P$20000,MATCH(B54,'CPT Data'!$B$13:$B$20000,1))</f>
        <v>CLAY</v>
      </c>
      <c r="E54">
        <f>IF($D54="SAND",INDEX('p-y cyclic sand'!$AM$27:$AM$5000,MATCH($B54,'p-y cyclic sand'!$C$27:$C$5000,1)),IF(INDEX('CPT Data'!$S$12:$S$20000,MATCH($B54,'CPT Data'!$B$12:$B$20000,1))&lt;2,INDEX('p-y cyclic clay'!$GL$27:$GL$5000,MATCH($B54,'p-y cyclic clay'!$C$27:$C$5000,1)),INDEX('p-y cyclic clay'!$HL$27:$HL$5000,MATCH($B54,'p-y cyclic clay'!$C$27:$C$5000,1))))</f>
        <v>0</v>
      </c>
      <c r="F54">
        <f>IF($D54="SAND",INDEX('p-y cyclic sand'!$Z$27:$Z$5000,MATCH($B54,'p-y cyclic sand'!$C$27:$C$5000,1)),IF(INDEX('CPT Data'!$S$12:$S$20000,MATCH($B54,'CPT Data'!$B$12:$B$20000,1))&lt;2,INDEX('p-y cyclic clay'!$GY$27:$GY$5000,MATCH($B54,'p-y cyclic clay'!$C$27:$C$5000,1)),INDEX('p-y cyclic clay'!$HY$27:$HY$5000,MATCH($B54,'p-y cyclic clay'!$C$27:$C$5000,1))))</f>
        <v>0</v>
      </c>
      <c r="G54">
        <f>IF($D54="SAND",INDEX('p-y cyclic sand'!$AN$27:$AN$5000,MATCH($B54,'p-y cyclic sand'!$C$27:$C$5000,1)),IF(INDEX('CPT Data'!$S$12:$S$20000,MATCH($B54,'CPT Data'!$B$12:$B$20000,1))&lt;2,INDEX('p-y cyclic clay'!$GM$27:$GM$5000,MATCH($B54,'p-y cyclic clay'!$C$27:$C$5000,1)),INDEX('p-y cyclic clay'!$HM$27:$HM$5000,MATCH($B54,'p-y cyclic clay'!$C$27:$C$5000,1))))</f>
        <v>521.65754179821579</v>
      </c>
      <c r="H54">
        <f>IF($D54="SAND",INDEX('p-y cyclic sand'!$AA$27:$AA$5000,MATCH($B54,'p-y cyclic sand'!$C$27:$C$5000,1)),IF(INDEX('CPT Data'!$S$12:$S$20000,MATCH($B54,'CPT Data'!$B$12:$B$20000,1))&lt;2,INDEX('p-y cyclic clay'!$GZ$27:$GZ$5000,MATCH($B54,'p-y cyclic clay'!$C$27:$C$5000,1)),INDEX('p-y cyclic clay'!$HZ$27:$HZ$5000,MATCH($B54,'p-y cyclic clay'!$C$27:$C$5000,1))))</f>
        <v>0.89953828232819777</v>
      </c>
      <c r="I54">
        <f>IF($D54="SAND",INDEX('p-y cyclic sand'!$AO$27:$AO$5000,MATCH($B54,'p-y cyclic sand'!$C$27:$C$5000,1)),IF(INDEX('CPT Data'!$S$12:$S$20000,MATCH($B54,'CPT Data'!$B$12:$B$20000,1))&lt;2,INDEX('p-y cyclic clay'!$GN$27:$GN$5000,MATCH($B54,'p-y cyclic clay'!$C$27:$C$5000,1)),INDEX('p-y cyclic clay'!$HN$27:$HN$5000,MATCH($B54,'p-y cyclic clay'!$C$27:$C$5000,1))))</f>
        <v>2037.31017679258</v>
      </c>
      <c r="J54">
        <f>IF($D54="SAND",INDEX('p-y cyclic sand'!$AB$27:$AB$5000,MATCH($B54,'p-y cyclic sand'!$C$27:$C$5000,1)),IF(INDEX('CPT Data'!$S$12:$S$20000,MATCH($B54,'CPT Data'!$B$12:$B$20000,1))&lt;2,INDEX('p-y cyclic clay'!$HA$27:$HA$5000,MATCH($B54,'p-y cyclic clay'!$C$27:$C$5000,1)),INDEX('p-y cyclic clay'!$IA$27:$IA$5000,MATCH($B54,'p-y cyclic clay'!$C$27:$C$5000,1))))</f>
        <v>8.7380703324171822</v>
      </c>
      <c r="K54">
        <f>IF($D54="SAND",INDEX('p-y cyclic sand'!$AP$27:$AP$5000,MATCH($B54,'p-y cyclic sand'!$C$27:$C$5000,1)),IF(INDEX('CPT Data'!$S$12:$S$20000,MATCH($B54,'CPT Data'!$B$12:$B$20000,1))&lt;2,INDEX('p-y cyclic clay'!$GO$27:$GO$5000,MATCH($B54,'p-y cyclic clay'!$C$27:$C$5000,1)),INDEX('p-y cyclic clay'!$HO$27:$HO$5000,MATCH($B54,'p-y cyclic clay'!$C$27:$C$5000,1))))</f>
        <v>3003.1362348408552</v>
      </c>
      <c r="L54">
        <f>IF($D54="SAND",INDEX('p-y cyclic sand'!$AC$27:$AC$5000,MATCH($B54,'p-y cyclic sand'!$C$27:$C$5000,1)),IF(INDEX('CPT Data'!$S$12:$S$20000,MATCH($B54,'CPT Data'!$B$12:$B$20000,1))&lt;2,INDEX('p-y cyclic clay'!$HB$27:$HB$5000,MATCH($B54,'p-y cyclic clay'!$C$27:$C$5000,1)),INDEX('p-y cyclic clay'!$IB$27:$IB$5000,MATCH($B54,'p-y cyclic clay'!$C$27:$C$5000,1))))</f>
        <v>16.763469182041604</v>
      </c>
      <c r="M54">
        <f>IF($D54="SAND",INDEX('p-y cyclic sand'!$AQ$27:$AQ$5000,MATCH($B54,'p-y cyclic sand'!$C$27:$C$5000,1)),IF(INDEX('CPT Data'!$S$12:$S$20000,MATCH($B54,'CPT Data'!$B$12:$B$20000,1))&lt;2,INDEX('p-y cyclic clay'!$GP$27:$GP$5000,MATCH($B54,'p-y cyclic clay'!$C$27:$C$5000,1)),INDEX('p-y cyclic clay'!$HP$27:$HP$5000,MATCH($B54,'p-y cyclic clay'!$C$27:$C$5000,1))))</f>
        <v>3929.4713860719185</v>
      </c>
      <c r="N54">
        <f>IF($D54="SAND",INDEX('p-y cyclic sand'!$AD$27:$AD$5000,MATCH($B54,'p-y cyclic sand'!$C$27:$C$5000,1)),IF(INDEX('CPT Data'!$S$12:$S$20000,MATCH($B54,'CPT Data'!$B$12:$B$20000,1))&lt;2,INDEX('p-y cyclic clay'!$HC$27:$HC$5000,MATCH($B54,'p-y cyclic clay'!$C$27:$C$5000,1)),INDEX('p-y cyclic clay'!$IC$27:$IC$5000,MATCH($B54,'p-y cyclic clay'!$C$27:$C$5000,1))))</f>
        <v>30.263654490105392</v>
      </c>
      <c r="O54">
        <f>IF($D54="SAND",INDEX('p-y cyclic sand'!$AR$27:$AR$5000,MATCH($B54,'p-y cyclic sand'!$C$27:$C$5000,1)),IF(INDEX('CPT Data'!$S$12:$S$20000,MATCH($B54,'CPT Data'!$B$12:$B$20000,1))&lt;2,INDEX('p-y cyclic clay'!$GQ$27:$GQ$5000,MATCH($B54,'p-y cyclic clay'!$C$27:$C$5000,1)),INDEX('p-y cyclic clay'!$HQ$27:$HQ$5000,MATCH($B54,'p-y cyclic clay'!$C$27:$C$5000,1))))</f>
        <v>4812.4223295555867</v>
      </c>
      <c r="P54">
        <f>IF($D54="SAND",INDEX('p-y cyclic sand'!$AE$27:$AE$5000,MATCH($B54,'p-y cyclic sand'!$C$27:$C$5000,1)),IF(INDEX('CPT Data'!$S$12:$S$20000,MATCH($B54,'CPT Data'!$B$12:$B$20000,1))&lt;2,INDEX('p-y cyclic clay'!$HD$27:$HD$5000,MATCH($B54,'p-y cyclic clay'!$C$27:$C$5000,1)),INDEX('p-y cyclic clay'!$ID$27:$ID$5000,MATCH($B54,'p-y cyclic clay'!$C$27:$C$5000,1))))</f>
        <v>47.032106679703475</v>
      </c>
      <c r="Q54">
        <f>IF($D54="SAND",INDEX('p-y cyclic sand'!$AS$27:$AS$5000,MATCH($B54,'p-y cyclic sand'!$C$27:$C$5000,1)),IF(INDEX('CPT Data'!$S$12:$S$20000,MATCH($B54,'CPT Data'!$B$12:$B$20000,1))&lt;2,INDEX('p-y cyclic clay'!$GR$27:$GR$5000,MATCH($B54,'p-y cyclic clay'!$C$27:$C$5000,1)),INDEX('p-y cyclic clay'!$HR$27:$HR$5000,MATCH($B54,'p-y cyclic clay'!$C$27:$C$5000,1))))</f>
        <v>5647.3725881044465</v>
      </c>
      <c r="R54">
        <f>IF($D54="SAND",INDEX('p-y cyclic sand'!$AF$27:$AF$5000,MATCH($B54,'p-y cyclic sand'!$C$27:$C$5000,1)),IF(INDEX('CPT Data'!$S$12:$S$20000,MATCH($B54,'CPT Data'!$B$12:$B$20000,1))&lt;2,INDEX('p-y cyclic clay'!$HE$27:$HE$5000,MATCH($B54,'p-y cyclic clay'!$C$27:$C$5000,1)),INDEX('p-y cyclic clay'!$IE$27:$IE$5000,MATCH($B54,'p-y cyclic clay'!$C$27:$C$5000,1))))</f>
        <v>69.085887035362688</v>
      </c>
      <c r="S54">
        <f>IF($D54="SAND",INDEX('p-y cyclic sand'!$AT$27:$AT$5000,MATCH($B54,'p-y cyclic sand'!$C$27:$C$5000,1)),IF(INDEX('CPT Data'!$S$12:$S$20000,MATCH($B54,'CPT Data'!$B$12:$B$20000,1))&lt;2,INDEX('p-y cyclic clay'!$GS$27:$GS$5000,MATCH($B54,'p-y cyclic clay'!$C$27:$C$5000,1)),INDEX('p-y cyclic clay'!$HS$27:$HS$5000,MATCH($B54,'p-y cyclic clay'!$C$27:$C$5000,1))))</f>
        <v>6428.7802268541418</v>
      </c>
      <c r="T54">
        <f>IF($D54="SAND",INDEX('p-y cyclic sand'!$AG$27:$AG$5000,MATCH($B54,'p-y cyclic sand'!$C$27:$C$5000,1)),IF(INDEX('CPT Data'!$S$12:$S$20000,MATCH($B54,'CPT Data'!$B$12:$B$20000,1))&lt;2,INDEX('p-y cyclic clay'!$HF$27:$HF$5000,MATCH($B54,'p-y cyclic clay'!$C$27:$C$5000,1)),INDEX('p-y cyclic clay'!$IF$27:$IF$5000,MATCH($B54,'p-y cyclic clay'!$C$27:$C$5000,1))))</f>
        <v>101.66270131798306</v>
      </c>
      <c r="U54">
        <f>IF($D54="SAND",INDEX('p-y cyclic sand'!$AU$27:$AU$5000,MATCH($B54,'p-y cyclic sand'!$C$27:$C$5000,1)),IF(INDEX('CPT Data'!$S$12:$S$20000,MATCH($B54,'CPT Data'!$B$12:$B$20000,1))&lt;2,INDEX('p-y cyclic clay'!$GT$27:$GT$5000,MATCH($B54,'p-y cyclic clay'!$C$27:$C$5000,1)),INDEX('p-y cyclic clay'!$HT$27:$HT$5000,MATCH($B54,'p-y cyclic clay'!$C$27:$C$5000,1))))</f>
        <v>7149.8974405178878</v>
      </c>
      <c r="V54">
        <f>IF($D54="SAND",INDEX('p-y cyclic sand'!$AH$27:$AH$5000,MATCH($B54,'p-y cyclic sand'!$C$27:$C$5000,1)),IF(INDEX('CPT Data'!$S$12:$S$20000,MATCH($B54,'CPT Data'!$B$12:$B$20000,1))&lt;2,INDEX('p-y cyclic clay'!$HG$27:$HG$5000,MATCH($B54,'p-y cyclic clay'!$C$27:$C$5000,1)),INDEX('p-y cyclic clay'!$IG$27:$IG$5000,MATCH($B54,'p-y cyclic clay'!$C$27:$C$5000,1))))</f>
        <v>150.55576669121743</v>
      </c>
      <c r="W54">
        <f>IF($D54="SAND",INDEX('p-y cyclic sand'!$AV$27:$AV$5000,MATCH($B54,'p-y cyclic sand'!$C$27:$C$5000,1)),IF(INDEX('CPT Data'!$S$12:$S$20000,MATCH($B54,'CPT Data'!$B$12:$B$20000,1))&lt;2,INDEX('p-y cyclic clay'!$GU$27:$GU$5000,MATCH($B54,'p-y cyclic clay'!$C$27:$C$5000,1)),INDEX('p-y cyclic clay'!$HU$27:$HU$5000,MATCH($B54,'p-y cyclic clay'!$C$27:$C$5000,1))))</f>
        <v>7802.3721519382443</v>
      </c>
      <c r="X54">
        <f>IF($D54="SAND",INDEX('p-y cyclic sand'!$AI$27:$AI$5000,MATCH($B54,'p-y cyclic sand'!$C$27:$C$5000,1)),IF(INDEX('CPT Data'!$S$12:$S$20000,MATCH($B54,'CPT Data'!$B$12:$B$20000,1))&lt;2,INDEX('p-y cyclic clay'!$HH$27:$HH$5000,MATCH($B54,'p-y cyclic clay'!$C$27:$C$5000,1)),INDEX('p-y cyclic clay'!$IH$27:$IH$5000,MATCH($B54,'p-y cyclic clay'!$C$27:$C$5000,1))))</f>
        <v>240.93569767079782</v>
      </c>
      <c r="Y54">
        <f>IF($D54="SAND",INDEX('p-y cyclic sand'!$AW$27:$AW$5000,MATCH($B54,'p-y cyclic sand'!$C$27:$C$5000,1)),IF(INDEX('CPT Data'!$S$12:$S$20000,MATCH($B54,'CPT Data'!$B$12:$B$20000,1))&lt;2,INDEX('p-y cyclic clay'!$GV$27:$GV$5000,MATCH($B54,'p-y cyclic clay'!$C$27:$C$5000,1)),INDEX('p-y cyclic clay'!$HV$27:$HV$5000,MATCH($B54,'p-y cyclic clay'!$C$27:$C$5000,1))))</f>
        <v>8240.4464291255044</v>
      </c>
      <c r="Z54">
        <f>IF($D54="SAND",INDEX('p-y cyclic sand'!$AJ$27:$AJ$5000,MATCH($B54,'p-y cyclic sand'!$C$27:$C$5000,1)),IF(INDEX('CPT Data'!$S$12:$S$20000,MATCH($B54,'CPT Data'!$B$12:$B$20000,1))&lt;2,INDEX('p-y cyclic clay'!$HI$27:$HI$5000,MATCH($B54,'p-y cyclic clay'!$C$27:$C$5000,1)),INDEX('p-y cyclic clay'!$II$27:$II$5000,MATCH($B54,'p-y cyclic clay'!$C$27:$C$5000,1))))</f>
        <v>389.3685761210395</v>
      </c>
      <c r="AA54">
        <f>IF($D54="SAND",INDEX('p-y cyclic sand'!$AX$27:$AX$5000,MATCH($B54,'p-y cyclic sand'!$C$27:$C$5000,1)),IF(INDEX('CPT Data'!$S$12:$S$20000,MATCH($B54,'CPT Data'!$B$12:$B$20000,1))&lt;2,INDEX('p-y cyclic clay'!$GW$27:$GW$5000,MATCH($B54,'p-y cyclic clay'!$C$27:$C$5000,1)),INDEX('p-y cyclic clay'!$HW$27:$HW$5000,MATCH($B54,'p-y cyclic clay'!$C$27:$C$5000,1))))</f>
        <v>8375.6655757956323</v>
      </c>
      <c r="AB54">
        <f>IF($D54="SAND",INDEX('p-y cyclic sand'!$AK$27:$AK$5000,MATCH($B54,'p-y cyclic sand'!$C$27:$C$5000,1)),IF(INDEX('CPT Data'!$S$12:$S$20000,MATCH($B54,'CPT Data'!$B$12:$B$20000,1))&lt;2,INDEX('p-y cyclic clay'!$HJ$27:$HJ$5000,MATCH($B54,'p-y cyclic clay'!$C$27:$C$5000,1)),INDEX('p-y cyclic clay'!$IJ$27:$IJ$5000,MATCH($B54,'p-y cyclic clay'!$C$27:$C$5000,1))))</f>
        <v>523.50841097504849</v>
      </c>
      <c r="AC54">
        <f>IF($D54="SAND",INDEX('p-y cyclic sand'!$AY$27:$AY$5000,MATCH($B54,'p-y cyclic sand'!$C$27:$C$5000,1)),IF(INDEX('CPT Data'!$S$12:$S$20000,MATCH($B54,'CPT Data'!$B$12:$B$20000,1))&lt;2,INDEX('p-y cyclic clay'!$GX$27:$GX$5000,MATCH($B54,'p-y cyclic clay'!$C$27:$C$5000,1)),INDEX('p-y cyclic clay'!$HX$27:$HX$5000,MATCH($B54,'p-y cyclic clay'!$C$27:$C$5000,1))))</f>
        <v>8375.6655757956323</v>
      </c>
      <c r="AD54" s="98">
        <f>IF($D54="SAND",INDEX('p-y cyclic sand'!$AL$27:$AL$5000,MATCH($B54,'p-y cyclic sand'!$C$27:$C$5000,1)),IF(INDEX('CPT Data'!$S$12:$S$20000,MATCH($B54,'CPT Data'!$B$12:$B$20000,1))&lt;2,INDEX('p-y cyclic clay'!$HK$27:$HK$5000,MATCH($B54,'p-y cyclic clay'!$C$27:$C$5000,1)),INDEX('p-y cyclic clay'!$IK$27:$IK$5000,MATCH($B54,'p-y cyclic clay'!$C$27:$C$5000,1))))</f>
        <v>5432.4746895721391</v>
      </c>
    </row>
    <row r="55" spans="1:30" x14ac:dyDescent="0.2">
      <c r="A55" s="214">
        <f t="shared" si="0"/>
        <v>-65.5</v>
      </c>
      <c r="B55" s="216">
        <f>'p-y cyclic clay'!C76</f>
        <v>50</v>
      </c>
      <c r="C55">
        <f>INDEX('CPT Data'!$C$13:$C$20000,MATCH(B55,'CPT Data'!$B$13:$B$20000,1))</f>
        <v>49.988</v>
      </c>
      <c r="D55" s="216" t="str">
        <f>INDEX('CPT Data'!$P$13:$P$20000,MATCH(B55,'CPT Data'!$B$13:$B$20000,1))</f>
        <v>CLAY</v>
      </c>
      <c r="E55">
        <f>IF($D55="SAND",INDEX('p-y cyclic sand'!$AM$27:$AM$5000,MATCH($B55,'p-y cyclic sand'!$C$27:$C$5000,1)),IF(INDEX('CPT Data'!$S$12:$S$20000,MATCH($B55,'CPT Data'!$B$12:$B$20000,1))&lt;2,INDEX('p-y cyclic clay'!$GL$27:$GL$5000,MATCH($B55,'p-y cyclic clay'!$C$27:$C$5000,1)),INDEX('p-y cyclic clay'!$HL$27:$HL$5000,MATCH($B55,'p-y cyclic clay'!$C$27:$C$5000,1))))</f>
        <v>0</v>
      </c>
      <c r="F55">
        <f>IF($D55="SAND",INDEX('p-y cyclic sand'!$Z$27:$Z$5000,MATCH($B55,'p-y cyclic sand'!$C$27:$C$5000,1)),IF(INDEX('CPT Data'!$S$12:$S$20000,MATCH($B55,'CPT Data'!$B$12:$B$20000,1))&lt;2,INDEX('p-y cyclic clay'!$GY$27:$GY$5000,MATCH($B55,'p-y cyclic clay'!$C$27:$C$5000,1)),INDEX('p-y cyclic clay'!$HY$27:$HY$5000,MATCH($B55,'p-y cyclic clay'!$C$27:$C$5000,1))))</f>
        <v>0</v>
      </c>
      <c r="G55">
        <f>IF($D55="SAND",INDEX('p-y cyclic sand'!$AN$27:$AN$5000,MATCH($B55,'p-y cyclic sand'!$C$27:$C$5000,1)),IF(INDEX('CPT Data'!$S$12:$S$20000,MATCH($B55,'CPT Data'!$B$12:$B$20000,1))&lt;2,INDEX('p-y cyclic clay'!$GM$27:$GM$5000,MATCH($B55,'p-y cyclic clay'!$C$27:$C$5000,1)),INDEX('p-y cyclic clay'!$HM$27:$HM$5000,MATCH($B55,'p-y cyclic clay'!$C$27:$C$5000,1))))</f>
        <v>376.5961590030272</v>
      </c>
      <c r="H55">
        <f>IF($D55="SAND",INDEX('p-y cyclic sand'!$AA$27:$AA$5000,MATCH($B55,'p-y cyclic sand'!$C$27:$C$5000,1)),IF(INDEX('CPT Data'!$S$12:$S$20000,MATCH($B55,'CPT Data'!$B$12:$B$20000,1))&lt;2,INDEX('p-y cyclic clay'!$GZ$27:$GZ$5000,MATCH($B55,'p-y cyclic clay'!$C$27:$C$5000,1)),INDEX('p-y cyclic clay'!$HZ$27:$HZ$5000,MATCH($B55,'p-y cyclic clay'!$C$27:$C$5000,1))))</f>
        <v>0.716771979482003</v>
      </c>
      <c r="I55">
        <f>IF($D55="SAND",INDEX('p-y cyclic sand'!$AO$27:$AO$5000,MATCH($B55,'p-y cyclic sand'!$C$27:$C$5000,1)),IF(INDEX('CPT Data'!$S$12:$S$20000,MATCH($B55,'CPT Data'!$B$12:$B$20000,1))&lt;2,INDEX('p-y cyclic clay'!$GN$27:$GN$5000,MATCH($B55,'p-y cyclic clay'!$C$27:$C$5000,1)),INDEX('p-y cyclic clay'!$HN$27:$HN$5000,MATCH($B55,'p-y cyclic clay'!$C$27:$C$5000,1))))</f>
        <v>1492.4742888615287</v>
      </c>
      <c r="J55">
        <f>IF($D55="SAND",INDEX('p-y cyclic sand'!$AB$27:$AB$5000,MATCH($B55,'p-y cyclic sand'!$C$27:$C$5000,1)),IF(INDEX('CPT Data'!$S$12:$S$20000,MATCH($B55,'CPT Data'!$B$12:$B$20000,1))&lt;2,INDEX('p-y cyclic clay'!$HA$27:$HA$5000,MATCH($B55,'p-y cyclic clay'!$C$27:$C$5000,1)),INDEX('p-y cyclic clay'!$IA$27:$IA$5000,MATCH($B55,'p-y cyclic clay'!$C$27:$C$5000,1))))</f>
        <v>7.0656653425362705</v>
      </c>
      <c r="K55">
        <f>IF($D55="SAND",INDEX('p-y cyclic sand'!$AP$27:$AP$5000,MATCH($B55,'p-y cyclic sand'!$C$27:$C$5000,1)),IF(INDEX('CPT Data'!$S$12:$S$20000,MATCH($B55,'CPT Data'!$B$12:$B$20000,1))&lt;2,INDEX('p-y cyclic clay'!$GO$27:$GO$5000,MATCH($B55,'p-y cyclic clay'!$C$27:$C$5000,1)),INDEX('p-y cyclic clay'!$HO$27:$HO$5000,MATCH($B55,'p-y cyclic clay'!$C$27:$C$5000,1))))</f>
        <v>2223.811386763387</v>
      </c>
      <c r="L55">
        <f>IF($D55="SAND",INDEX('p-y cyclic sand'!$AC$27:$AC$5000,MATCH($B55,'p-y cyclic sand'!$C$27:$C$5000,1)),IF(INDEX('CPT Data'!$S$12:$S$20000,MATCH($B55,'CPT Data'!$B$12:$B$20000,1))&lt;2,INDEX('p-y cyclic clay'!$HB$27:$HB$5000,MATCH($B55,'p-y cyclic clay'!$C$27:$C$5000,1)),INDEX('p-y cyclic clay'!$IB$27:$IB$5000,MATCH($B55,'p-y cyclic clay'!$C$27:$C$5000,1))))</f>
        <v>12.35392611130626</v>
      </c>
      <c r="M55">
        <f>IF($D55="SAND",INDEX('p-y cyclic sand'!$AQ$27:$AQ$5000,MATCH($B55,'p-y cyclic sand'!$C$27:$C$5000,1)),IF(INDEX('CPT Data'!$S$12:$S$20000,MATCH($B55,'CPT Data'!$B$12:$B$20000,1))&lt;2,INDEX('p-y cyclic clay'!$GP$27:$GP$5000,MATCH($B55,'p-y cyclic clay'!$C$27:$C$5000,1)),INDEX('p-y cyclic clay'!$HP$27:$HP$5000,MATCH($B55,'p-y cyclic clay'!$C$27:$C$5000,1))))</f>
        <v>2944.0103595630253</v>
      </c>
      <c r="N55">
        <f>IF($D55="SAND",INDEX('p-y cyclic sand'!$AD$27:$AD$5000,MATCH($B55,'p-y cyclic sand'!$C$27:$C$5000,1)),IF(INDEX('CPT Data'!$S$12:$S$20000,MATCH($B55,'CPT Data'!$B$12:$B$20000,1))&lt;2,INDEX('p-y cyclic clay'!$HC$27:$HC$5000,MATCH($B55,'p-y cyclic clay'!$C$27:$C$5000,1)),INDEX('p-y cyclic clay'!$IC$27:$IC$5000,MATCH($B55,'p-y cyclic clay'!$C$27:$C$5000,1))))</f>
        <v>20.746475916223147</v>
      </c>
      <c r="O55">
        <f>IF($D55="SAND",INDEX('p-y cyclic sand'!$AR$27:$AR$5000,MATCH($B55,'p-y cyclic sand'!$C$27:$C$5000,1)),IF(INDEX('CPT Data'!$S$12:$S$20000,MATCH($B55,'CPT Data'!$B$12:$B$20000,1))&lt;2,INDEX('p-y cyclic clay'!$GQ$27:$GQ$5000,MATCH($B55,'p-y cyclic clay'!$C$27:$C$5000,1)),INDEX('p-y cyclic clay'!$HQ$27:$HQ$5000,MATCH($B55,'p-y cyclic clay'!$C$27:$C$5000,1))))</f>
        <v>3651.9731298467827</v>
      </c>
      <c r="P55">
        <f>IF($D55="SAND",INDEX('p-y cyclic sand'!$AE$27:$AE$5000,MATCH($B55,'p-y cyclic sand'!$C$27:$C$5000,1)),IF(INDEX('CPT Data'!$S$12:$S$20000,MATCH($B55,'CPT Data'!$B$12:$B$20000,1))&lt;2,INDEX('p-y cyclic clay'!$HD$27:$HD$5000,MATCH($B55,'p-y cyclic clay'!$C$27:$C$5000,1)),INDEX('p-y cyclic clay'!$ID$27:$ID$5000,MATCH($B55,'p-y cyclic clay'!$C$27:$C$5000,1))))</f>
        <v>31.888291668911904</v>
      </c>
      <c r="Q55">
        <f>IF($D55="SAND",INDEX('p-y cyclic sand'!$AS$27:$AS$5000,MATCH($B55,'p-y cyclic sand'!$C$27:$C$5000,1)),IF(INDEX('CPT Data'!$S$12:$S$20000,MATCH($B55,'CPT Data'!$B$12:$B$20000,1))&lt;2,INDEX('p-y cyclic clay'!$GR$27:$GR$5000,MATCH($B55,'p-y cyclic clay'!$C$27:$C$5000,1)),INDEX('p-y cyclic clay'!$HR$27:$HR$5000,MATCH($B55,'p-y cyclic clay'!$C$27:$C$5000,1))))</f>
        <v>4346.3976535597349</v>
      </c>
      <c r="R55">
        <f>IF($D55="SAND",INDEX('p-y cyclic sand'!$AF$27:$AF$5000,MATCH($B55,'p-y cyclic sand'!$C$27:$C$5000,1)),IF(INDEX('CPT Data'!$S$12:$S$20000,MATCH($B55,'CPT Data'!$B$12:$B$20000,1))&lt;2,INDEX('p-y cyclic clay'!$HE$27:$HE$5000,MATCH($B55,'p-y cyclic clay'!$C$27:$C$5000,1)),INDEX('p-y cyclic clay'!$IE$27:$IE$5000,MATCH($B55,'p-y cyclic clay'!$C$27:$C$5000,1))))</f>
        <v>49.465089274172854</v>
      </c>
      <c r="S55">
        <f>IF($D55="SAND",INDEX('p-y cyclic sand'!$AT$27:$AT$5000,MATCH($B55,'p-y cyclic sand'!$C$27:$C$5000,1)),IF(INDEX('CPT Data'!$S$12:$S$20000,MATCH($B55,'CPT Data'!$B$12:$B$20000,1))&lt;2,INDEX('p-y cyclic clay'!$GS$27:$GS$5000,MATCH($B55,'p-y cyclic clay'!$C$27:$C$5000,1)),INDEX('p-y cyclic clay'!$HS$27:$HS$5000,MATCH($B55,'p-y cyclic clay'!$C$27:$C$5000,1))))</f>
        <v>5025.7208679919449</v>
      </c>
      <c r="T55">
        <f>IF($D55="SAND",INDEX('p-y cyclic sand'!$AG$27:$AG$5000,MATCH($B55,'p-y cyclic sand'!$C$27:$C$5000,1)),IF(INDEX('CPT Data'!$S$12:$S$20000,MATCH($B55,'CPT Data'!$B$12:$B$20000,1))&lt;2,INDEX('p-y cyclic clay'!$HF$27:$HF$5000,MATCH($B55,'p-y cyclic clay'!$C$27:$C$5000,1)),INDEX('p-y cyclic clay'!$IF$27:$IF$5000,MATCH($B55,'p-y cyclic clay'!$C$27:$C$5000,1))))</f>
        <v>70.941352341142618</v>
      </c>
      <c r="U55">
        <f>IF($D55="SAND",INDEX('p-y cyclic sand'!$AU$27:$AU$5000,MATCH($B55,'p-y cyclic sand'!$C$27:$C$5000,1)),IF(INDEX('CPT Data'!$S$12:$S$20000,MATCH($B55,'CPT Data'!$B$12:$B$20000,1))&lt;2,INDEX('p-y cyclic clay'!$GT$27:$GT$5000,MATCH($B55,'p-y cyclic clay'!$C$27:$C$5000,1)),INDEX('p-y cyclic clay'!$HT$27:$HT$5000,MATCH($B55,'p-y cyclic clay'!$C$27:$C$5000,1))))</f>
        <v>5688.0396033884736</v>
      </c>
      <c r="V55">
        <f>IF($D55="SAND",INDEX('p-y cyclic sand'!$AH$27:$AH$5000,MATCH($B55,'p-y cyclic sand'!$C$27:$C$5000,1)),IF(INDEX('CPT Data'!$S$12:$S$20000,MATCH($B55,'CPT Data'!$B$12:$B$20000,1))&lt;2,INDEX('p-y cyclic clay'!$HG$27:$HG$5000,MATCH($B55,'p-y cyclic clay'!$C$27:$C$5000,1)),INDEX('p-y cyclic clay'!$IG$27:$IG$5000,MATCH($B55,'p-y cyclic clay'!$C$27:$C$5000,1))))</f>
        <v>109.14495549497269</v>
      </c>
      <c r="W55">
        <f>IF($D55="SAND",INDEX('p-y cyclic sand'!$AV$27:$AV$5000,MATCH($B55,'p-y cyclic sand'!$C$27:$C$5000,1)),IF(INDEX('CPT Data'!$S$12:$S$20000,MATCH($B55,'CPT Data'!$B$12:$B$20000,1))&lt;2,INDEX('p-y cyclic clay'!$GU$27:$GU$5000,MATCH($B55,'p-y cyclic clay'!$C$27:$C$5000,1)),INDEX('p-y cyclic clay'!$HU$27:$HU$5000,MATCH($B55,'p-y cyclic clay'!$C$27:$C$5000,1))))</f>
        <v>6330.9982166977825</v>
      </c>
      <c r="X55">
        <f>IF($D55="SAND",INDEX('p-y cyclic sand'!$AI$27:$AI$5000,MATCH($B55,'p-y cyclic sand'!$C$27:$C$5000,1)),IF(INDEX('CPT Data'!$S$12:$S$20000,MATCH($B55,'CPT Data'!$B$12:$B$20000,1))&lt;2,INDEX('p-y cyclic clay'!$HH$27:$HH$5000,MATCH($B55,'p-y cyclic clay'!$C$27:$C$5000,1)),INDEX('p-y cyclic clay'!$IH$27:$IH$5000,MATCH($B55,'p-y cyclic clay'!$C$27:$C$5000,1))))</f>
        <v>175.96538052366662</v>
      </c>
      <c r="Y55">
        <f>IF($D55="SAND",INDEX('p-y cyclic sand'!$AW$27:$AW$5000,MATCH($B55,'p-y cyclic sand'!$C$27:$C$5000,1)),IF(INDEX('CPT Data'!$S$12:$S$20000,MATCH($B55,'CPT Data'!$B$12:$B$20000,1))&lt;2,INDEX('p-y cyclic clay'!$GV$27:$GV$5000,MATCH($B55,'p-y cyclic clay'!$C$27:$C$5000,1)),INDEX('p-y cyclic clay'!$HV$27:$HV$5000,MATCH($B55,'p-y cyclic clay'!$C$27:$C$5000,1))))</f>
        <v>6798.753527601164</v>
      </c>
      <c r="Z55">
        <f>IF($D55="SAND",INDEX('p-y cyclic sand'!$AJ$27:$AJ$5000,MATCH($B55,'p-y cyclic sand'!$C$27:$C$5000,1)),IF(INDEX('CPT Data'!$S$12:$S$20000,MATCH($B55,'CPT Data'!$B$12:$B$20000,1))&lt;2,INDEX('p-y cyclic clay'!$HI$27:$HI$5000,MATCH($B55,'p-y cyclic clay'!$C$27:$C$5000,1)),INDEX('p-y cyclic clay'!$II$27:$II$5000,MATCH($B55,'p-y cyclic clay'!$C$27:$C$5000,1))))</f>
        <v>317.38602129193964</v>
      </c>
      <c r="AA55">
        <f>IF($D55="SAND",INDEX('p-y cyclic sand'!$AX$27:$AX$5000,MATCH($B55,'p-y cyclic sand'!$C$27:$C$5000,1)),IF(INDEX('CPT Data'!$S$12:$S$20000,MATCH($B55,'CPT Data'!$B$12:$B$20000,1))&lt;2,INDEX('p-y cyclic clay'!$GW$27:$GW$5000,MATCH($B55,'p-y cyclic clay'!$C$27:$C$5000,1)),INDEX('p-y cyclic clay'!$HW$27:$HW$5000,MATCH($B55,'p-y cyclic clay'!$C$27:$C$5000,1))))</f>
        <v>6951.6243196215146</v>
      </c>
      <c r="AB55">
        <f>IF($D55="SAND",INDEX('p-y cyclic sand'!$AK$27:$AK$5000,MATCH($B55,'p-y cyclic sand'!$C$27:$C$5000,1)),IF(INDEX('CPT Data'!$S$12:$S$20000,MATCH($B55,'CPT Data'!$B$12:$B$20000,1))&lt;2,INDEX('p-y cyclic clay'!$HJ$27:$HJ$5000,MATCH($B55,'p-y cyclic clay'!$C$27:$C$5000,1)),INDEX('p-y cyclic clay'!$IJ$27:$IJ$5000,MATCH($B55,'p-y cyclic clay'!$C$27:$C$5000,1))))</f>
        <v>526.3531120655058</v>
      </c>
      <c r="AC55">
        <f>IF($D55="SAND",INDEX('p-y cyclic sand'!$AY$27:$AY$5000,MATCH($B55,'p-y cyclic sand'!$C$27:$C$5000,1)),IF(INDEX('CPT Data'!$S$12:$S$20000,MATCH($B55,'CPT Data'!$B$12:$B$20000,1))&lt;2,INDEX('p-y cyclic clay'!$GX$27:$GX$5000,MATCH($B55,'p-y cyclic clay'!$C$27:$C$5000,1)),INDEX('p-y cyclic clay'!$HX$27:$HX$5000,MATCH($B55,'p-y cyclic clay'!$C$27:$C$5000,1))))</f>
        <v>6951.6243196215146</v>
      </c>
      <c r="AD55" s="98">
        <f>IF($D55="SAND",INDEX('p-y cyclic sand'!$AL$27:$AL$5000,MATCH($B55,'p-y cyclic sand'!$C$27:$C$5000,1)),IF(INDEX('CPT Data'!$S$12:$S$20000,MATCH($B55,'CPT Data'!$B$12:$B$20000,1))&lt;2,INDEX('p-y cyclic clay'!$HK$27:$HK$5000,MATCH($B55,'p-y cyclic clay'!$C$27:$C$5000,1)),INDEX('p-y cyclic clay'!$IK$27:$IK$5000,MATCH($B55,'p-y cyclic clay'!$C$27:$C$5000,1))))</f>
        <v>6316.23734478607</v>
      </c>
    </row>
    <row r="56" spans="1:30" x14ac:dyDescent="0.2">
      <c r="A56" s="214">
        <f t="shared" si="0"/>
        <v>-66.5</v>
      </c>
      <c r="B56" s="216">
        <f>'p-y cyclic clay'!C77</f>
        <v>51</v>
      </c>
      <c r="C56">
        <f>INDEX('CPT Data'!$C$13:$C$20000,MATCH(B56,'CPT Data'!$B$13:$B$20000,1))</f>
        <v>50.989000000000004</v>
      </c>
      <c r="D56" s="216" t="str">
        <f>INDEX('CPT Data'!$P$13:$P$20000,MATCH(B56,'CPT Data'!$B$13:$B$20000,1))</f>
        <v>CLAY</v>
      </c>
      <c r="E56">
        <f>IF($D56="SAND",INDEX('p-y cyclic sand'!$AM$27:$AM$5000,MATCH($B56,'p-y cyclic sand'!$C$27:$C$5000,1)),IF(INDEX('CPT Data'!$S$12:$S$20000,MATCH($B56,'CPT Data'!$B$12:$B$20000,1))&lt;2,INDEX('p-y cyclic clay'!$GL$27:$GL$5000,MATCH($B56,'p-y cyclic clay'!$C$27:$C$5000,1)),INDEX('p-y cyclic clay'!$HL$27:$HL$5000,MATCH($B56,'p-y cyclic clay'!$C$27:$C$5000,1))))</f>
        <v>0</v>
      </c>
      <c r="F56">
        <f>IF($D56="SAND",INDEX('p-y cyclic sand'!$Z$27:$Z$5000,MATCH($B56,'p-y cyclic sand'!$C$27:$C$5000,1)),IF(INDEX('CPT Data'!$S$12:$S$20000,MATCH($B56,'CPT Data'!$B$12:$B$20000,1))&lt;2,INDEX('p-y cyclic clay'!$GY$27:$GY$5000,MATCH($B56,'p-y cyclic clay'!$C$27:$C$5000,1)),INDEX('p-y cyclic clay'!$HY$27:$HY$5000,MATCH($B56,'p-y cyclic clay'!$C$27:$C$5000,1))))</f>
        <v>0</v>
      </c>
      <c r="G56">
        <f>IF($D56="SAND",INDEX('p-y cyclic sand'!$AN$27:$AN$5000,MATCH($B56,'p-y cyclic sand'!$C$27:$C$5000,1)),IF(INDEX('CPT Data'!$S$12:$S$20000,MATCH($B56,'CPT Data'!$B$12:$B$20000,1))&lt;2,INDEX('p-y cyclic clay'!$GM$27:$GM$5000,MATCH($B56,'p-y cyclic clay'!$C$27:$C$5000,1)),INDEX('p-y cyclic clay'!$HM$27:$HM$5000,MATCH($B56,'p-y cyclic clay'!$C$27:$C$5000,1))))</f>
        <v>489.15519932985359</v>
      </c>
      <c r="H56">
        <f>IF($D56="SAND",INDEX('p-y cyclic sand'!$AA$27:$AA$5000,MATCH($B56,'p-y cyclic sand'!$C$27:$C$5000,1)),IF(INDEX('CPT Data'!$S$12:$S$20000,MATCH($B56,'CPT Data'!$B$12:$B$20000,1))&lt;2,INDEX('p-y cyclic clay'!$GZ$27:$GZ$5000,MATCH($B56,'p-y cyclic clay'!$C$27:$C$5000,1)),INDEX('p-y cyclic clay'!$HZ$27:$HZ$5000,MATCH($B56,'p-y cyclic clay'!$C$27:$C$5000,1))))</f>
        <v>0.8601222459827953</v>
      </c>
      <c r="I56">
        <f>IF($D56="SAND",INDEX('p-y cyclic sand'!$AO$27:$AO$5000,MATCH($B56,'p-y cyclic sand'!$C$27:$C$5000,1)),IF(INDEX('CPT Data'!$S$12:$S$20000,MATCH($B56,'CPT Data'!$B$12:$B$20000,1))&lt;2,INDEX('p-y cyclic clay'!$GN$27:$GN$5000,MATCH($B56,'p-y cyclic clay'!$C$27:$C$5000,1)),INDEX('p-y cyclic clay'!$HN$27:$HN$5000,MATCH($B56,'p-y cyclic clay'!$C$27:$C$5000,1))))</f>
        <v>1910.373733293397</v>
      </c>
      <c r="J56">
        <f>IF($D56="SAND",INDEX('p-y cyclic sand'!$AB$27:$AB$5000,MATCH($B56,'p-y cyclic sand'!$C$27:$C$5000,1)),IF(INDEX('CPT Data'!$S$12:$S$20000,MATCH($B56,'CPT Data'!$B$12:$B$20000,1))&lt;2,INDEX('p-y cyclic clay'!$HA$27:$HA$5000,MATCH($B56,'p-y cyclic clay'!$C$27:$C$5000,1)),INDEX('p-y cyclic clay'!$IA$27:$IA$5000,MATCH($B56,'p-y cyclic clay'!$C$27:$C$5000,1))))</f>
        <v>8.3551849071078728</v>
      </c>
      <c r="K56">
        <f>IF($D56="SAND",INDEX('p-y cyclic sand'!$AP$27:$AP$5000,MATCH($B56,'p-y cyclic sand'!$C$27:$C$5000,1)),IF(INDEX('CPT Data'!$S$12:$S$20000,MATCH($B56,'CPT Data'!$B$12:$B$20000,1))&lt;2,INDEX('p-y cyclic clay'!$GO$27:$GO$5000,MATCH($B56,'p-y cyclic clay'!$C$27:$C$5000,1)),INDEX('p-y cyclic clay'!$HO$27:$HO$5000,MATCH($B56,'p-y cyclic clay'!$C$27:$C$5000,1))))</f>
        <v>2816.0231298573149</v>
      </c>
      <c r="L56">
        <f>IF($D56="SAND",INDEX('p-y cyclic sand'!$AC$27:$AC$5000,MATCH($B56,'p-y cyclic sand'!$C$27:$C$5000,1)),IF(INDEX('CPT Data'!$S$12:$S$20000,MATCH($B56,'CPT Data'!$B$12:$B$20000,1))&lt;2,INDEX('p-y cyclic clay'!$HB$27:$HB$5000,MATCH($B56,'p-y cyclic clay'!$C$27:$C$5000,1)),INDEX('p-y cyclic clay'!$IB$27:$IB$5000,MATCH($B56,'p-y cyclic clay'!$C$27:$C$5000,1))))</f>
        <v>15.751417371858153</v>
      </c>
      <c r="M56">
        <f>IF($D56="SAND",INDEX('p-y cyclic sand'!$AQ$27:$AQ$5000,MATCH($B56,'p-y cyclic sand'!$C$27:$C$5000,1)),IF(INDEX('CPT Data'!$S$12:$S$20000,MATCH($B56,'CPT Data'!$B$12:$B$20000,1))&lt;2,INDEX('p-y cyclic clay'!$GP$27:$GP$5000,MATCH($B56,'p-y cyclic clay'!$C$27:$C$5000,1)),INDEX('p-y cyclic clay'!$HP$27:$HP$5000,MATCH($B56,'p-y cyclic clay'!$C$27:$C$5000,1))))</f>
        <v>3684.6421360825793</v>
      </c>
      <c r="N56">
        <f>IF($D56="SAND",INDEX('p-y cyclic sand'!$AD$27:$AD$5000,MATCH($B56,'p-y cyclic sand'!$C$27:$C$5000,1)),IF(INDEX('CPT Data'!$S$12:$S$20000,MATCH($B56,'CPT Data'!$B$12:$B$20000,1))&lt;2,INDEX('p-y cyclic clay'!$HC$27:$HC$5000,MATCH($B56,'p-y cyclic clay'!$C$27:$C$5000,1)),INDEX('p-y cyclic clay'!$IC$27:$IC$5000,MATCH($B56,'p-y cyclic clay'!$C$27:$C$5000,1))))</f>
        <v>28.065888528822562</v>
      </c>
      <c r="O56">
        <f>IF($D56="SAND",INDEX('p-y cyclic sand'!$AR$27:$AR$5000,MATCH($B56,'p-y cyclic sand'!$C$27:$C$5000,1)),IF(INDEX('CPT Data'!$S$12:$S$20000,MATCH($B56,'CPT Data'!$B$12:$B$20000,1))&lt;2,INDEX('p-y cyclic clay'!$GQ$27:$GQ$5000,MATCH($B56,'p-y cyclic clay'!$C$27:$C$5000,1)),INDEX('p-y cyclic clay'!$HQ$27:$HQ$5000,MATCH($B56,'p-y cyclic clay'!$C$27:$C$5000,1))))</f>
        <v>4512.5800266562019</v>
      </c>
      <c r="P56">
        <f>IF($D56="SAND",INDEX('p-y cyclic sand'!$AE$27:$AE$5000,MATCH($B56,'p-y cyclic sand'!$C$27:$C$5000,1)),IF(INDEX('CPT Data'!$S$12:$S$20000,MATCH($B56,'CPT Data'!$B$12:$B$20000,1))&lt;2,INDEX('p-y cyclic clay'!$HD$27:$HD$5000,MATCH($B56,'p-y cyclic clay'!$C$27:$C$5000,1)),INDEX('p-y cyclic clay'!$ID$27:$ID$5000,MATCH($B56,'p-y cyclic clay'!$C$27:$C$5000,1))))</f>
        <v>43.460073358216547</v>
      </c>
      <c r="Q56">
        <f>IF($D56="SAND",INDEX('p-y cyclic sand'!$AS$27:$AS$5000,MATCH($B56,'p-y cyclic sand'!$C$27:$C$5000,1)),IF(INDEX('CPT Data'!$S$12:$S$20000,MATCH($B56,'CPT Data'!$B$12:$B$20000,1))&lt;2,INDEX('p-y cyclic clay'!$GR$27:$GR$5000,MATCH($B56,'p-y cyclic clay'!$C$27:$C$5000,1)),INDEX('p-y cyclic clay'!$HR$27:$HR$5000,MATCH($B56,'p-y cyclic clay'!$C$27:$C$5000,1))))</f>
        <v>5295.5079581552982</v>
      </c>
      <c r="R56">
        <f>IF($D56="SAND",INDEX('p-y cyclic sand'!$AF$27:$AF$5000,MATCH($B56,'p-y cyclic sand'!$C$27:$C$5000,1)),IF(INDEX('CPT Data'!$S$12:$S$20000,MATCH($B56,'CPT Data'!$B$12:$B$20000,1))&lt;2,INDEX('p-y cyclic clay'!$HE$27:$HE$5000,MATCH($B56,'p-y cyclic clay'!$C$27:$C$5000,1)),INDEX('p-y cyclic clay'!$IE$27:$IE$5000,MATCH($B56,'p-y cyclic clay'!$C$27:$C$5000,1))))</f>
        <v>64.221098563904832</v>
      </c>
      <c r="S56">
        <f>IF($D56="SAND",INDEX('p-y cyclic sand'!$AT$27:$AT$5000,MATCH($B56,'p-y cyclic sand'!$C$27:$C$5000,1)),IF(INDEX('CPT Data'!$S$12:$S$20000,MATCH($B56,'CPT Data'!$B$12:$B$20000,1))&lt;2,INDEX('p-y cyclic clay'!$GS$27:$GS$5000,MATCH($B56,'p-y cyclic clay'!$C$27:$C$5000,1)),INDEX('p-y cyclic clay'!$HS$27:$HS$5000,MATCH($B56,'p-y cyclic clay'!$C$27:$C$5000,1))))</f>
        <v>6028.2292909532225</v>
      </c>
      <c r="T56">
        <f>IF($D56="SAND",INDEX('p-y cyclic sand'!$AG$27:$AG$5000,MATCH($B56,'p-y cyclic sand'!$C$27:$C$5000,1)),IF(INDEX('CPT Data'!$S$12:$S$20000,MATCH($B56,'CPT Data'!$B$12:$B$20000,1))&lt;2,INDEX('p-y cyclic clay'!$HF$27:$HF$5000,MATCH($B56,'p-y cyclic clay'!$C$27:$C$5000,1)),INDEX('p-y cyclic clay'!$IF$27:$IF$5000,MATCH($B56,'p-y cyclic clay'!$C$27:$C$5000,1))))</f>
        <v>93.910644960412824</v>
      </c>
      <c r="U56">
        <f>IF($D56="SAND",INDEX('p-y cyclic sand'!$AU$27:$AU$5000,MATCH($B56,'p-y cyclic sand'!$C$27:$C$5000,1)),IF(INDEX('CPT Data'!$S$12:$S$20000,MATCH($B56,'CPT Data'!$B$12:$B$20000,1))&lt;2,INDEX('p-y cyclic clay'!$GT$27:$GT$5000,MATCH($B56,'p-y cyclic clay'!$C$27:$C$5000,1)),INDEX('p-y cyclic clay'!$HT$27:$HT$5000,MATCH($B56,'p-y cyclic clay'!$C$27:$C$5000,1))))</f>
        <v>6704.4166478424704</v>
      </c>
      <c r="V56">
        <f>IF($D56="SAND",INDEX('p-y cyclic sand'!$AH$27:$AH$5000,MATCH($B56,'p-y cyclic sand'!$C$27:$C$5000,1)),IF(INDEX('CPT Data'!$S$12:$S$20000,MATCH($B56,'CPT Data'!$B$12:$B$20000,1))&lt;2,INDEX('p-y cyclic clay'!$HG$27:$HG$5000,MATCH($B56,'p-y cyclic clay'!$C$27:$C$5000,1)),INDEX('p-y cyclic clay'!$IG$27:$IG$5000,MATCH($B56,'p-y cyclic clay'!$C$27:$C$5000,1))))</f>
        <v>139.47955301607732</v>
      </c>
      <c r="W56">
        <f>IF($D56="SAND",INDEX('p-y cyclic sand'!$AV$27:$AV$5000,MATCH($B56,'p-y cyclic sand'!$C$27:$C$5000,1)),IF(INDEX('CPT Data'!$S$12:$S$20000,MATCH($B56,'CPT Data'!$B$12:$B$20000,1))&lt;2,INDEX('p-y cyclic clay'!$GU$27:$GU$5000,MATCH($B56,'p-y cyclic clay'!$C$27:$C$5000,1)),INDEX('p-y cyclic clay'!$HU$27:$HU$5000,MATCH($B56,'p-y cyclic clay'!$C$27:$C$5000,1))))</f>
        <v>7316.2383353471232</v>
      </c>
      <c r="X56">
        <f>IF($D56="SAND",INDEX('p-y cyclic sand'!$AI$27:$AI$5000,MATCH($B56,'p-y cyclic sand'!$C$27:$C$5000,1)),IF(INDEX('CPT Data'!$S$12:$S$20000,MATCH($B56,'CPT Data'!$B$12:$B$20000,1))&lt;2,INDEX('p-y cyclic clay'!$HH$27:$HH$5000,MATCH($B56,'p-y cyclic clay'!$C$27:$C$5000,1)),INDEX('p-y cyclic clay'!$IH$27:$IH$5000,MATCH($B56,'p-y cyclic clay'!$C$27:$C$5000,1))))</f>
        <v>222.75186044721212</v>
      </c>
      <c r="Y56">
        <f>IF($D56="SAND",INDEX('p-y cyclic sand'!$AW$27:$AW$5000,MATCH($B56,'p-y cyclic sand'!$C$27:$C$5000,1)),IF(INDEX('CPT Data'!$S$12:$S$20000,MATCH($B56,'CPT Data'!$B$12:$B$20000,1))&lt;2,INDEX('p-y cyclic clay'!$GV$27:$GV$5000,MATCH($B56,'p-y cyclic clay'!$C$27:$C$5000,1)),INDEX('p-y cyclic clay'!$HV$27:$HV$5000,MATCH($B56,'p-y cyclic clay'!$C$27:$C$5000,1))))</f>
        <v>7727.0180005660823</v>
      </c>
      <c r="Z56">
        <f>IF($D56="SAND",INDEX('p-y cyclic sand'!$AJ$27:$AJ$5000,MATCH($B56,'p-y cyclic sand'!$C$27:$C$5000,1)),IF(INDEX('CPT Data'!$S$12:$S$20000,MATCH($B56,'CPT Data'!$B$12:$B$20000,1))&lt;2,INDEX('p-y cyclic clay'!$HI$27:$HI$5000,MATCH($B56,'p-y cyclic clay'!$C$27:$C$5000,1)),INDEX('p-y cyclic clay'!$II$27:$II$5000,MATCH($B56,'p-y cyclic clay'!$C$27:$C$5000,1))))</f>
        <v>365.08320520617946</v>
      </c>
      <c r="AA56">
        <f>IF($D56="SAND",INDEX('p-y cyclic sand'!$AX$27:$AX$5000,MATCH($B56,'p-y cyclic sand'!$C$27:$C$5000,1)),IF(INDEX('CPT Data'!$S$12:$S$20000,MATCH($B56,'CPT Data'!$B$12:$B$20000,1))&lt;2,INDEX('p-y cyclic clay'!$GW$27:$GW$5000,MATCH($B56,'p-y cyclic clay'!$C$27:$C$5000,1)),INDEX('p-y cyclic clay'!$HW$27:$HW$5000,MATCH($B56,'p-y cyclic clay'!$C$27:$C$5000,1))))</f>
        <v>7853.8121966485069</v>
      </c>
      <c r="AB56">
        <f>IF($D56="SAND",INDEX('p-y cyclic sand'!$AK$27:$AK$5000,MATCH($B56,'p-y cyclic sand'!$C$27:$C$5000,1)),IF(INDEX('CPT Data'!$S$12:$S$20000,MATCH($B56,'CPT Data'!$B$12:$B$20000,1))&lt;2,INDEX('p-y cyclic clay'!$HJ$27:$HJ$5000,MATCH($B56,'p-y cyclic clay'!$C$27:$C$5000,1)),INDEX('p-y cyclic clay'!$IJ$27:$IJ$5000,MATCH($B56,'p-y cyclic clay'!$C$27:$C$5000,1))))</f>
        <v>508.50396611081447</v>
      </c>
      <c r="AC56">
        <f>IF($D56="SAND",INDEX('p-y cyclic sand'!$AY$27:$AY$5000,MATCH($B56,'p-y cyclic sand'!$C$27:$C$5000,1)),IF(INDEX('CPT Data'!$S$12:$S$20000,MATCH($B56,'CPT Data'!$B$12:$B$20000,1))&lt;2,INDEX('p-y cyclic clay'!$GX$27:$GX$5000,MATCH($B56,'p-y cyclic clay'!$C$27:$C$5000,1)),INDEX('p-y cyclic clay'!$HX$27:$HX$5000,MATCH($B56,'p-y cyclic clay'!$C$27:$C$5000,1))))</f>
        <v>7853.8121966485069</v>
      </c>
      <c r="AD56" s="98">
        <f>IF($D56="SAND",INDEX('p-y cyclic sand'!$AL$27:$AL$5000,MATCH($B56,'p-y cyclic sand'!$C$27:$C$5000,1)),IF(INDEX('CPT Data'!$S$12:$S$20000,MATCH($B56,'CPT Data'!$B$12:$B$20000,1))&lt;2,INDEX('p-y cyclic clay'!$HK$27:$HK$5000,MATCH($B56,'p-y cyclic clay'!$C$27:$C$5000,1)),INDEX('p-y cyclic clay'!$IK$27:$IK$5000,MATCH($B56,'p-y cyclic clay'!$C$27:$C$5000,1))))</f>
        <v>5432.4746895721391</v>
      </c>
    </row>
    <row r="57" spans="1:30" x14ac:dyDescent="0.2">
      <c r="A57" s="214">
        <f t="shared" si="0"/>
        <v>-67.5</v>
      </c>
      <c r="B57" s="216">
        <f>'p-y cyclic clay'!C78</f>
        <v>52</v>
      </c>
      <c r="C57">
        <f>INDEX('CPT Data'!$C$13:$C$20000,MATCH(B57,'CPT Data'!$B$13:$B$20000,1))</f>
        <v>51.993000000000002</v>
      </c>
      <c r="D57" s="216" t="str">
        <f>INDEX('CPT Data'!$P$13:$P$20000,MATCH(B57,'CPT Data'!$B$13:$B$20000,1))</f>
        <v>CLAY</v>
      </c>
      <c r="E57">
        <f>IF($D57="SAND",INDEX('p-y cyclic sand'!$AM$27:$AM$5000,MATCH($B57,'p-y cyclic sand'!$C$27:$C$5000,1)),IF(INDEX('CPT Data'!$S$12:$S$20000,MATCH($B57,'CPT Data'!$B$12:$B$20000,1))&lt;2,INDEX('p-y cyclic clay'!$GL$27:$GL$5000,MATCH($B57,'p-y cyclic clay'!$C$27:$C$5000,1)),INDEX('p-y cyclic clay'!$HL$27:$HL$5000,MATCH($B57,'p-y cyclic clay'!$C$27:$C$5000,1))))</f>
        <v>0</v>
      </c>
      <c r="F57">
        <f>IF($D57="SAND",INDEX('p-y cyclic sand'!$Z$27:$Z$5000,MATCH($B57,'p-y cyclic sand'!$C$27:$C$5000,1)),IF(INDEX('CPT Data'!$S$12:$S$20000,MATCH($B57,'CPT Data'!$B$12:$B$20000,1))&lt;2,INDEX('p-y cyclic clay'!$GY$27:$GY$5000,MATCH($B57,'p-y cyclic clay'!$C$27:$C$5000,1)),INDEX('p-y cyclic clay'!$HY$27:$HY$5000,MATCH($B57,'p-y cyclic clay'!$C$27:$C$5000,1))))</f>
        <v>0</v>
      </c>
      <c r="G57">
        <f>IF($D57="SAND",INDEX('p-y cyclic sand'!$AN$27:$AN$5000,MATCH($B57,'p-y cyclic sand'!$C$27:$C$5000,1)),IF(INDEX('CPT Data'!$S$12:$S$20000,MATCH($B57,'CPT Data'!$B$12:$B$20000,1))&lt;2,INDEX('p-y cyclic clay'!$GM$27:$GM$5000,MATCH($B57,'p-y cyclic clay'!$C$27:$C$5000,1)),INDEX('p-y cyclic clay'!$HM$27:$HM$5000,MATCH($B57,'p-y cyclic clay'!$C$27:$C$5000,1))))</f>
        <v>403.72436117061295</v>
      </c>
      <c r="H57">
        <f>IF($D57="SAND",INDEX('p-y cyclic sand'!$AA$27:$AA$5000,MATCH($B57,'p-y cyclic sand'!$C$27:$C$5000,1)),IF(INDEX('CPT Data'!$S$12:$S$20000,MATCH($B57,'CPT Data'!$B$12:$B$20000,1))&lt;2,INDEX('p-y cyclic clay'!$GZ$27:$GZ$5000,MATCH($B57,'p-y cyclic clay'!$C$27:$C$5000,1)),INDEX('p-y cyclic clay'!$HZ$27:$HZ$5000,MATCH($B57,'p-y cyclic clay'!$C$27:$C$5000,1))))</f>
        <v>0.76023688746666462</v>
      </c>
      <c r="I57">
        <f>IF($D57="SAND",INDEX('p-y cyclic sand'!$AO$27:$AO$5000,MATCH($B57,'p-y cyclic sand'!$C$27:$C$5000,1)),IF(INDEX('CPT Data'!$S$12:$S$20000,MATCH($B57,'CPT Data'!$B$12:$B$20000,1))&lt;2,INDEX('p-y cyclic clay'!$GN$27:$GN$5000,MATCH($B57,'p-y cyclic clay'!$C$27:$C$5000,1)),INDEX('p-y cyclic clay'!$HN$27:$HN$5000,MATCH($B57,'p-y cyclic clay'!$C$27:$C$5000,1))))</f>
        <v>1576.7274192886712</v>
      </c>
      <c r="J57">
        <f>IF($D57="SAND",INDEX('p-y cyclic sand'!$AB$27:$AB$5000,MATCH($B57,'p-y cyclic sand'!$C$27:$C$5000,1)),IF(INDEX('CPT Data'!$S$12:$S$20000,MATCH($B57,'CPT Data'!$B$12:$B$20000,1))&lt;2,INDEX('p-y cyclic clay'!$HA$27:$HA$5000,MATCH($B57,'p-y cyclic clay'!$C$27:$C$5000,1)),INDEX('p-y cyclic clay'!$IA$27:$IA$5000,MATCH($B57,'p-y cyclic clay'!$C$27:$C$5000,1))))</f>
        <v>7.3849034804701441</v>
      </c>
      <c r="K57">
        <f>IF($D57="SAND",INDEX('p-y cyclic sand'!$AP$27:$AP$5000,MATCH($B57,'p-y cyclic sand'!$C$27:$C$5000,1)),IF(INDEX('CPT Data'!$S$12:$S$20000,MATCH($B57,'CPT Data'!$B$12:$B$20000,1))&lt;2,INDEX('p-y cyclic clay'!$GO$27:$GO$5000,MATCH($B57,'p-y cyclic clay'!$C$27:$C$5000,1)),INDEX('p-y cyclic clay'!$HO$27:$HO$5000,MATCH($B57,'p-y cyclic clay'!$C$27:$C$5000,1))))</f>
        <v>2324.205366110536</v>
      </c>
      <c r="L57">
        <f>IF($D57="SAND",INDEX('p-y cyclic sand'!$AC$27:$AC$5000,MATCH($B57,'p-y cyclic sand'!$C$27:$C$5000,1)),IF(INDEX('CPT Data'!$S$12:$S$20000,MATCH($B57,'CPT Data'!$B$12:$B$20000,1))&lt;2,INDEX('p-y cyclic clay'!$HB$27:$HB$5000,MATCH($B57,'p-y cyclic clay'!$C$27:$C$5000,1)),INDEX('p-y cyclic clay'!$IB$27:$IB$5000,MATCH($B57,'p-y cyclic clay'!$C$27:$C$5000,1))))</f>
        <v>13.186746560941756</v>
      </c>
      <c r="M57">
        <f>IF($D57="SAND",INDEX('p-y cyclic sand'!$AQ$27:$AQ$5000,MATCH($B57,'p-y cyclic sand'!$C$27:$C$5000,1)),IF(INDEX('CPT Data'!$S$12:$S$20000,MATCH($B57,'CPT Data'!$B$12:$B$20000,1))&lt;2,INDEX('p-y cyclic clay'!$GP$27:$GP$5000,MATCH($B57,'p-y cyclic clay'!$C$27:$C$5000,1)),INDEX('p-y cyclic clay'!$HP$27:$HP$5000,MATCH($B57,'p-y cyclic clay'!$C$27:$C$5000,1))))</f>
        <v>3041.1202713786092</v>
      </c>
      <c r="N57">
        <f>IF($D57="SAND",INDEX('p-y cyclic sand'!$AD$27:$AD$5000,MATCH($B57,'p-y cyclic sand'!$C$27:$C$5000,1)),IF(INDEX('CPT Data'!$S$12:$S$20000,MATCH($B57,'CPT Data'!$B$12:$B$20000,1))&lt;2,INDEX('p-y cyclic clay'!$HC$27:$HC$5000,MATCH($B57,'p-y cyclic clay'!$C$27:$C$5000,1)),INDEX('p-y cyclic clay'!$IC$27:$IC$5000,MATCH($B57,'p-y cyclic clay'!$C$27:$C$5000,1))))</f>
        <v>22.496463966352817</v>
      </c>
      <c r="O57">
        <f>IF($D57="SAND",INDEX('p-y cyclic sand'!$AR$27:$AR$5000,MATCH($B57,'p-y cyclic sand'!$C$27:$C$5000,1)),IF(INDEX('CPT Data'!$S$12:$S$20000,MATCH($B57,'CPT Data'!$B$12:$B$20000,1))&lt;2,INDEX('p-y cyclic clay'!$GQ$27:$GQ$5000,MATCH($B57,'p-y cyclic clay'!$C$27:$C$5000,1)),INDEX('p-y cyclic clay'!$HQ$27:$HQ$5000,MATCH($B57,'p-y cyclic clay'!$C$27:$C$5000,1))))</f>
        <v>3724.4590080795942</v>
      </c>
      <c r="P57">
        <f>IF($D57="SAND",INDEX('p-y cyclic sand'!$AE$27:$AE$5000,MATCH($B57,'p-y cyclic sand'!$C$27:$C$5000,1)),IF(INDEX('CPT Data'!$S$12:$S$20000,MATCH($B57,'CPT Data'!$B$12:$B$20000,1))&lt;2,INDEX('p-y cyclic clay'!$HD$27:$HD$5000,MATCH($B57,'p-y cyclic clay'!$C$27:$C$5000,1)),INDEX('p-y cyclic clay'!$ID$27:$ID$5000,MATCH($B57,'p-y cyclic clay'!$C$27:$C$5000,1))))</f>
        <v>34.408076708383327</v>
      </c>
      <c r="Q57">
        <f>IF($D57="SAND",INDEX('p-y cyclic sand'!$AS$27:$AS$5000,MATCH($B57,'p-y cyclic sand'!$C$27:$C$5000,1)),IF(INDEX('CPT Data'!$S$12:$S$20000,MATCH($B57,'CPT Data'!$B$12:$B$20000,1))&lt;2,INDEX('p-y cyclic clay'!$GR$27:$GR$5000,MATCH($B57,'p-y cyclic clay'!$C$27:$C$5000,1)),INDEX('p-y cyclic clay'!$HR$27:$HR$5000,MATCH($B57,'p-y cyclic clay'!$C$27:$C$5000,1))))</f>
        <v>4370.6487642554339</v>
      </c>
      <c r="R57">
        <f>IF($D57="SAND",INDEX('p-y cyclic sand'!$AF$27:$AF$5000,MATCH($B57,'p-y cyclic sand'!$C$27:$C$5000,1)),IF(INDEX('CPT Data'!$S$12:$S$20000,MATCH($B57,'CPT Data'!$B$12:$B$20000,1))&lt;2,INDEX('p-y cyclic clay'!$HE$27:$HE$5000,MATCH($B57,'p-y cyclic clay'!$C$27:$C$5000,1)),INDEX('p-y cyclic clay'!$IE$27:$IE$5000,MATCH($B57,'p-y cyclic clay'!$C$27:$C$5000,1))))</f>
        <v>51.893092360577214</v>
      </c>
      <c r="S57">
        <f>IF($D57="SAND",INDEX('p-y cyclic sand'!$AT$27:$AT$5000,MATCH($B57,'p-y cyclic sand'!$C$27:$C$5000,1)),IF(INDEX('CPT Data'!$S$12:$S$20000,MATCH($B57,'CPT Data'!$B$12:$B$20000,1))&lt;2,INDEX('p-y cyclic clay'!$GS$27:$GS$5000,MATCH($B57,'p-y cyclic clay'!$C$27:$C$5000,1)),INDEX('p-y cyclic clay'!$HS$27:$HS$5000,MATCH($B57,'p-y cyclic clay'!$C$27:$C$5000,1))))</f>
        <v>4975.4004921430123</v>
      </c>
      <c r="T57">
        <f>IF($D57="SAND",INDEX('p-y cyclic sand'!$AG$27:$AG$5000,MATCH($B57,'p-y cyclic sand'!$C$27:$C$5000,1)),IF(INDEX('CPT Data'!$S$12:$S$20000,MATCH($B57,'CPT Data'!$B$12:$B$20000,1))&lt;2,INDEX('p-y cyclic clay'!$HF$27:$HF$5000,MATCH($B57,'p-y cyclic clay'!$C$27:$C$5000,1)),INDEX('p-y cyclic clay'!$IF$27:$IF$5000,MATCH($B57,'p-y cyclic clay'!$C$27:$C$5000,1))))</f>
        <v>74.265926711022516</v>
      </c>
      <c r="U57">
        <f>IF($D57="SAND",INDEX('p-y cyclic sand'!$AU$27:$AU$5000,MATCH($B57,'p-y cyclic sand'!$C$27:$C$5000,1)),IF(INDEX('CPT Data'!$S$12:$S$20000,MATCH($B57,'CPT Data'!$B$12:$B$20000,1))&lt;2,INDEX('p-y cyclic clay'!$GT$27:$GT$5000,MATCH($B57,'p-y cyclic clay'!$C$27:$C$5000,1)),INDEX('p-y cyclic clay'!$HT$27:$HT$5000,MATCH($B57,'p-y cyclic clay'!$C$27:$C$5000,1))))</f>
        <v>5533.491889445464</v>
      </c>
      <c r="V57">
        <f>IF($D57="SAND",INDEX('p-y cyclic sand'!$AH$27:$AH$5000,MATCH($B57,'p-y cyclic sand'!$C$27:$C$5000,1)),IF(INDEX('CPT Data'!$S$12:$S$20000,MATCH($B57,'CPT Data'!$B$12:$B$20000,1))&lt;2,INDEX('p-y cyclic clay'!$HG$27:$HG$5000,MATCH($B57,'p-y cyclic clay'!$C$27:$C$5000,1)),INDEX('p-y cyclic clay'!$IG$27:$IG$5000,MATCH($B57,'p-y cyclic clay'!$C$27:$C$5000,1))))</f>
        <v>111.41098812417155</v>
      </c>
      <c r="W57">
        <f>IF($D57="SAND",INDEX('p-y cyclic sand'!$AV$27:$AV$5000,MATCH($B57,'p-y cyclic sand'!$C$27:$C$5000,1)),IF(INDEX('CPT Data'!$S$12:$S$20000,MATCH($B57,'CPT Data'!$B$12:$B$20000,1))&lt;2,INDEX('p-y cyclic clay'!$GU$27:$GU$5000,MATCH($B57,'p-y cyclic clay'!$C$27:$C$5000,1)),INDEX('p-y cyclic clay'!$HU$27:$HU$5000,MATCH($B57,'p-y cyclic clay'!$C$27:$C$5000,1))))</f>
        <v>6038.4590660727272</v>
      </c>
      <c r="X57">
        <f>IF($D57="SAND",INDEX('p-y cyclic sand'!$AI$27:$AI$5000,MATCH($B57,'p-y cyclic sand'!$C$27:$C$5000,1)),IF(INDEX('CPT Data'!$S$12:$S$20000,MATCH($B57,'CPT Data'!$B$12:$B$20000,1))&lt;2,INDEX('p-y cyclic clay'!$HH$27:$HH$5000,MATCH($B57,'p-y cyclic clay'!$C$27:$C$5000,1)),INDEX('p-y cyclic clay'!$IH$27:$IH$5000,MATCH($B57,'p-y cyclic clay'!$C$27:$C$5000,1))))</f>
        <v>176.67165379323478</v>
      </c>
      <c r="Y57">
        <f>IF($D57="SAND",INDEX('p-y cyclic sand'!$AW$27:$AW$5000,MATCH($B57,'p-y cyclic sand'!$C$27:$C$5000,1)),IF(INDEX('CPT Data'!$S$12:$S$20000,MATCH($B57,'CPT Data'!$B$12:$B$20000,1))&lt;2,INDEX('p-y cyclic clay'!$GV$27:$GV$5000,MATCH($B57,'p-y cyclic clay'!$C$27:$C$5000,1)),INDEX('p-y cyclic clay'!$HV$27:$HV$5000,MATCH($B57,'p-y cyclic clay'!$C$27:$C$5000,1))))</f>
        <v>6377.4961613537471</v>
      </c>
      <c r="Z57">
        <f>IF($D57="SAND",INDEX('p-y cyclic sand'!$AJ$27:$AJ$5000,MATCH($B57,'p-y cyclic sand'!$C$27:$C$5000,1)),IF(INDEX('CPT Data'!$S$12:$S$20000,MATCH($B57,'CPT Data'!$B$12:$B$20000,1))&lt;2,INDEX('p-y cyclic clay'!$HI$27:$HI$5000,MATCH($B57,'p-y cyclic clay'!$C$27:$C$5000,1)),INDEX('p-y cyclic clay'!$II$27:$II$5000,MATCH($B57,'p-y cyclic clay'!$C$27:$C$5000,1))))</f>
        <v>303.5409192373121</v>
      </c>
      <c r="AA57">
        <f>IF($D57="SAND",INDEX('p-y cyclic sand'!$AX$27:$AX$5000,MATCH($B57,'p-y cyclic sand'!$C$27:$C$5000,1)),IF(INDEX('CPT Data'!$S$12:$S$20000,MATCH($B57,'CPT Data'!$B$12:$B$20000,1))&lt;2,INDEX('p-y cyclic clay'!$GW$27:$GW$5000,MATCH($B57,'p-y cyclic clay'!$C$27:$C$5000,1)),INDEX('p-y cyclic clay'!$HW$27:$HW$5000,MATCH($B57,'p-y cyclic clay'!$C$27:$C$5000,1))))</f>
        <v>6482.1457815226613</v>
      </c>
      <c r="AB57">
        <f>IF($D57="SAND",INDEX('p-y cyclic sand'!$AK$27:$AK$5000,MATCH($B57,'p-y cyclic sand'!$C$27:$C$5000,1)),IF(INDEX('CPT Data'!$S$12:$S$20000,MATCH($B57,'CPT Data'!$B$12:$B$20000,1))&lt;2,INDEX('p-y cyclic clay'!$HJ$27:$HJ$5000,MATCH($B57,'p-y cyclic clay'!$C$27:$C$5000,1)),INDEX('p-y cyclic clay'!$IJ$27:$IJ$5000,MATCH($B57,'p-y cyclic clay'!$C$27:$C$5000,1))))</f>
        <v>470.48075288190876</v>
      </c>
      <c r="AC57">
        <f>IF($D57="SAND",INDEX('p-y cyclic sand'!$AY$27:$AY$5000,MATCH($B57,'p-y cyclic sand'!$C$27:$C$5000,1)),IF(INDEX('CPT Data'!$S$12:$S$20000,MATCH($B57,'CPT Data'!$B$12:$B$20000,1))&lt;2,INDEX('p-y cyclic clay'!$GX$27:$GX$5000,MATCH($B57,'p-y cyclic clay'!$C$27:$C$5000,1)),INDEX('p-y cyclic clay'!$HX$27:$HX$5000,MATCH($B57,'p-y cyclic clay'!$C$27:$C$5000,1))))</f>
        <v>6482.1457815226613</v>
      </c>
      <c r="AD57" s="98">
        <f>IF($D57="SAND",INDEX('p-y cyclic sand'!$AL$27:$AL$5000,MATCH($B57,'p-y cyclic sand'!$C$27:$C$5000,1)),IF(INDEX('CPT Data'!$S$12:$S$20000,MATCH($B57,'CPT Data'!$B$12:$B$20000,1))&lt;2,INDEX('p-y cyclic clay'!$HK$27:$HK$5000,MATCH($B57,'p-y cyclic clay'!$C$27:$C$5000,1)),INDEX('p-y cyclic clay'!$IK$27:$IK$5000,MATCH($B57,'p-y cyclic clay'!$C$27:$C$5000,1))))</f>
        <v>5432.4746895721391</v>
      </c>
    </row>
    <row r="58" spans="1:30" x14ac:dyDescent="0.2">
      <c r="A58" s="214">
        <f t="shared" si="0"/>
        <v>-68.5</v>
      </c>
      <c r="B58" s="216">
        <f>'p-y cyclic clay'!C79</f>
        <v>53</v>
      </c>
      <c r="C58">
        <f>INDEX('CPT Data'!$C$13:$C$20000,MATCH(B58,'CPT Data'!$B$13:$B$20000,1))</f>
        <v>52.988</v>
      </c>
      <c r="D58" s="216" t="str">
        <f>INDEX('CPT Data'!$P$13:$P$20000,MATCH(B58,'CPT Data'!$B$13:$B$20000,1))</f>
        <v>SAND</v>
      </c>
      <c r="E58">
        <f>IF($D58="SAND",INDEX('p-y cyclic sand'!$AM$27:$AM$5000,MATCH($B58,'p-y cyclic sand'!$C$27:$C$5000,1)),IF(INDEX('CPT Data'!$S$12:$S$20000,MATCH($B58,'CPT Data'!$B$12:$B$20000,1))&lt;2,INDEX('p-y cyclic clay'!$GL$27:$GL$5000,MATCH($B58,'p-y cyclic clay'!$C$27:$C$5000,1)),INDEX('p-y cyclic clay'!$HL$27:$HL$5000,MATCH($B58,'p-y cyclic clay'!$C$27:$C$5000,1))))</f>
        <v>0</v>
      </c>
      <c r="F58">
        <f>IF($D58="SAND",INDEX('p-y cyclic sand'!$Z$27:$Z$5000,MATCH($B58,'p-y cyclic sand'!$C$27:$C$5000,1)),IF(INDEX('CPT Data'!$S$12:$S$20000,MATCH($B58,'CPT Data'!$B$12:$B$20000,1))&lt;2,INDEX('p-y cyclic clay'!$GY$27:$GY$5000,MATCH($B58,'p-y cyclic clay'!$C$27:$C$5000,1)),INDEX('p-y cyclic clay'!$HY$27:$HY$5000,MATCH($B58,'p-y cyclic clay'!$C$27:$C$5000,1))))</f>
        <v>0</v>
      </c>
      <c r="G58">
        <f>IF($D58="SAND",INDEX('p-y cyclic sand'!$AN$27:$AN$5000,MATCH($B58,'p-y cyclic sand'!$C$27:$C$5000,1)),IF(INDEX('CPT Data'!$S$12:$S$20000,MATCH($B58,'CPT Data'!$B$12:$B$20000,1))&lt;2,INDEX('p-y cyclic clay'!$GM$27:$GM$5000,MATCH($B58,'p-y cyclic clay'!$C$27:$C$5000,1)),INDEX('p-y cyclic clay'!$HM$27:$HM$5000,MATCH($B58,'p-y cyclic clay'!$C$27:$C$5000,1))))</f>
        <v>11673.956693591914</v>
      </c>
      <c r="H58">
        <f>IF($D58="SAND",INDEX('p-y cyclic sand'!$AA$27:$AA$5000,MATCH($B58,'p-y cyclic sand'!$C$27:$C$5000,1)),IF(INDEX('CPT Data'!$S$12:$S$20000,MATCH($B58,'CPT Data'!$B$12:$B$20000,1))&lt;2,INDEX('p-y cyclic clay'!$GZ$27:$GZ$5000,MATCH($B58,'p-y cyclic clay'!$C$27:$C$5000,1)),INDEX('p-y cyclic clay'!$HZ$27:$HZ$5000,MATCH($B58,'p-y cyclic clay'!$C$27:$C$5000,1))))</f>
        <v>10</v>
      </c>
      <c r="I58">
        <f>IF($D58="SAND",INDEX('p-y cyclic sand'!$AO$27:$AO$5000,MATCH($B58,'p-y cyclic sand'!$C$27:$C$5000,1)),IF(INDEX('CPT Data'!$S$12:$S$20000,MATCH($B58,'CPT Data'!$B$12:$B$20000,1))&lt;2,INDEX('p-y cyclic clay'!$GN$27:$GN$5000,MATCH($B58,'p-y cyclic clay'!$C$27:$C$5000,1)),INDEX('p-y cyclic clay'!$HN$27:$HN$5000,MATCH($B58,'p-y cyclic clay'!$C$27:$C$5000,1))))</f>
        <v>22028.237482255488</v>
      </c>
      <c r="J58">
        <f>IF($D58="SAND",INDEX('p-y cyclic sand'!$AB$27:$AB$5000,MATCH($B58,'p-y cyclic sand'!$C$27:$C$5000,1)),IF(INDEX('CPT Data'!$S$12:$S$20000,MATCH($B58,'CPT Data'!$B$12:$B$20000,1))&lt;2,INDEX('p-y cyclic clay'!$HA$27:$HA$5000,MATCH($B58,'p-y cyclic clay'!$C$27:$C$5000,1)),INDEX('p-y cyclic clay'!$IA$27:$IA$5000,MATCH($B58,'p-y cyclic clay'!$C$27:$C$5000,1))))</f>
        <v>20</v>
      </c>
      <c r="K58">
        <f>IF($D58="SAND",INDEX('p-y cyclic sand'!$AP$27:$AP$5000,MATCH($B58,'p-y cyclic sand'!$C$27:$C$5000,1)),IF(INDEX('CPT Data'!$S$12:$S$20000,MATCH($B58,'CPT Data'!$B$12:$B$20000,1))&lt;2,INDEX('p-y cyclic clay'!$GO$27:$GO$5000,MATCH($B58,'p-y cyclic clay'!$C$27:$C$5000,1)),INDEX('p-y cyclic clay'!$HO$27:$HO$5000,MATCH($B58,'p-y cyclic clay'!$C$27:$C$5000,1))))</f>
        <v>30279.288898215724</v>
      </c>
      <c r="L58">
        <f>IF($D58="SAND",INDEX('p-y cyclic sand'!$AC$27:$AC$5000,MATCH($B58,'p-y cyclic sand'!$C$27:$C$5000,1)),IF(INDEX('CPT Data'!$S$12:$S$20000,MATCH($B58,'CPT Data'!$B$12:$B$20000,1))&lt;2,INDEX('p-y cyclic clay'!$HB$27:$HB$5000,MATCH($B58,'p-y cyclic clay'!$C$27:$C$5000,1)),INDEX('p-y cyclic clay'!$IB$27:$IB$5000,MATCH($B58,'p-y cyclic clay'!$C$27:$C$5000,1))))</f>
        <v>30</v>
      </c>
      <c r="M58">
        <f>IF($D58="SAND",INDEX('p-y cyclic sand'!$AQ$27:$AQ$5000,MATCH($B58,'p-y cyclic sand'!$C$27:$C$5000,1)),IF(INDEX('CPT Data'!$S$12:$S$20000,MATCH($B58,'CPT Data'!$B$12:$B$20000,1))&lt;2,INDEX('p-y cyclic clay'!$GP$27:$GP$5000,MATCH($B58,'p-y cyclic clay'!$C$27:$C$5000,1)),INDEX('p-y cyclic clay'!$HP$27:$HP$5000,MATCH($B58,'p-y cyclic clay'!$C$27:$C$5000,1))))</f>
        <v>36310.98476663544</v>
      </c>
      <c r="N58">
        <f>IF($D58="SAND",INDEX('p-y cyclic sand'!$AD$27:$AD$5000,MATCH($B58,'p-y cyclic sand'!$C$27:$C$5000,1)),IF(INDEX('CPT Data'!$S$12:$S$20000,MATCH($B58,'CPT Data'!$B$12:$B$20000,1))&lt;2,INDEX('p-y cyclic clay'!$HC$27:$HC$5000,MATCH($B58,'p-y cyclic clay'!$C$27:$C$5000,1)),INDEX('p-y cyclic clay'!$IC$27:$IC$5000,MATCH($B58,'p-y cyclic clay'!$C$27:$C$5000,1))))</f>
        <v>40</v>
      </c>
      <c r="O58">
        <f>IF($D58="SAND",INDEX('p-y cyclic sand'!$AR$27:$AR$5000,MATCH($B58,'p-y cyclic sand'!$C$27:$C$5000,1)),IF(INDEX('CPT Data'!$S$12:$S$20000,MATCH($B58,'CPT Data'!$B$12:$B$20000,1))&lt;2,INDEX('p-y cyclic clay'!$GQ$27:$GQ$5000,MATCH($B58,'p-y cyclic clay'!$C$27:$C$5000,1)),INDEX('p-y cyclic clay'!$HQ$27:$HQ$5000,MATCH($B58,'p-y cyclic clay'!$C$27:$C$5000,1))))</f>
        <v>40447.86253451091</v>
      </c>
      <c r="P58">
        <f>IF($D58="SAND",INDEX('p-y cyclic sand'!$AE$27:$AE$5000,MATCH($B58,'p-y cyclic sand'!$C$27:$C$5000,1)),IF(INDEX('CPT Data'!$S$12:$S$20000,MATCH($B58,'CPT Data'!$B$12:$B$20000,1))&lt;2,INDEX('p-y cyclic clay'!$HD$27:$HD$5000,MATCH($B58,'p-y cyclic clay'!$C$27:$C$5000,1)),INDEX('p-y cyclic clay'!$ID$27:$ID$5000,MATCH($B58,'p-y cyclic clay'!$C$27:$C$5000,1))))</f>
        <v>50</v>
      </c>
      <c r="Q58">
        <f>IF($D58="SAND",INDEX('p-y cyclic sand'!$AS$27:$AS$5000,MATCH($B58,'p-y cyclic sand'!$C$27:$C$5000,1)),IF(INDEX('CPT Data'!$S$12:$S$20000,MATCH($B58,'CPT Data'!$B$12:$B$20000,1))&lt;2,INDEX('p-y cyclic clay'!$GR$27:$GR$5000,MATCH($B58,'p-y cyclic clay'!$C$27:$C$5000,1)),INDEX('p-y cyclic clay'!$HR$27:$HR$5000,MATCH($B58,'p-y cyclic clay'!$C$27:$C$5000,1))))</f>
        <v>43162.557810530649</v>
      </c>
      <c r="R58">
        <f>IF($D58="SAND",INDEX('p-y cyclic sand'!$AF$27:$AF$5000,MATCH($B58,'p-y cyclic sand'!$C$27:$C$5000,1)),IF(INDEX('CPT Data'!$S$12:$S$20000,MATCH($B58,'CPT Data'!$B$12:$B$20000,1))&lt;2,INDEX('p-y cyclic clay'!$HE$27:$HE$5000,MATCH($B58,'p-y cyclic clay'!$C$27:$C$5000,1)),INDEX('p-y cyclic clay'!$IE$27:$IE$5000,MATCH($B58,'p-y cyclic clay'!$C$27:$C$5000,1))))</f>
        <v>60</v>
      </c>
      <c r="S58">
        <f>IF($D58="SAND",INDEX('p-y cyclic sand'!$AT$27:$AT$5000,MATCH($B58,'p-y cyclic sand'!$C$27:$C$5000,1)),IF(INDEX('CPT Data'!$S$12:$S$20000,MATCH($B58,'CPT Data'!$B$12:$B$20000,1))&lt;2,INDEX('p-y cyclic clay'!$GS$27:$GS$5000,MATCH($B58,'p-y cyclic clay'!$C$27:$C$5000,1)),INDEX('p-y cyclic clay'!$HS$27:$HS$5000,MATCH($B58,'p-y cyclic clay'!$C$27:$C$5000,1))))</f>
        <v>44892.712287515125</v>
      </c>
      <c r="T58">
        <f>IF($D58="SAND",INDEX('p-y cyclic sand'!$AG$27:$AG$5000,MATCH($B58,'p-y cyclic sand'!$C$27:$C$5000,1)),IF(INDEX('CPT Data'!$S$12:$S$20000,MATCH($B58,'CPT Data'!$B$12:$B$20000,1))&lt;2,INDEX('p-y cyclic clay'!$HF$27:$HF$5000,MATCH($B58,'p-y cyclic clay'!$C$27:$C$5000,1)),INDEX('p-y cyclic clay'!$IF$27:$IF$5000,MATCH($B58,'p-y cyclic clay'!$C$27:$C$5000,1))))</f>
        <v>70</v>
      </c>
      <c r="U58">
        <f>IF($D58="SAND",INDEX('p-y cyclic sand'!$AU$27:$AU$5000,MATCH($B58,'p-y cyclic sand'!$C$27:$C$5000,1)),IF(INDEX('CPT Data'!$S$12:$S$20000,MATCH($B58,'CPT Data'!$B$12:$B$20000,1))&lt;2,INDEX('p-y cyclic clay'!$GT$27:$GT$5000,MATCH($B58,'p-y cyclic clay'!$C$27:$C$5000,1)),INDEX('p-y cyclic clay'!$HT$27:$HT$5000,MATCH($B58,'p-y cyclic clay'!$C$27:$C$5000,1))))</f>
        <v>45974.947610766612</v>
      </c>
      <c r="V58">
        <f>IF($D58="SAND",INDEX('p-y cyclic sand'!$AH$27:$AH$5000,MATCH($B58,'p-y cyclic sand'!$C$27:$C$5000,1)),IF(INDEX('CPT Data'!$S$12:$S$20000,MATCH($B58,'CPT Data'!$B$12:$B$20000,1))&lt;2,INDEX('p-y cyclic clay'!$HG$27:$HG$5000,MATCH($B58,'p-y cyclic clay'!$C$27:$C$5000,1)),INDEX('p-y cyclic clay'!$IG$27:$IG$5000,MATCH($B58,'p-y cyclic clay'!$C$27:$C$5000,1))))</f>
        <v>80</v>
      </c>
      <c r="W58">
        <f>IF($D58="SAND",INDEX('p-y cyclic sand'!$AV$27:$AV$5000,MATCH($B58,'p-y cyclic sand'!$C$27:$C$5000,1)),IF(INDEX('CPT Data'!$S$12:$S$20000,MATCH($B58,'CPT Data'!$B$12:$B$20000,1))&lt;2,INDEX('p-y cyclic clay'!$GU$27:$GU$5000,MATCH($B58,'p-y cyclic clay'!$C$27:$C$5000,1)),INDEX('p-y cyclic clay'!$HU$27:$HU$5000,MATCH($B58,'p-y cyclic clay'!$C$27:$C$5000,1))))</f>
        <v>46643.995513859678</v>
      </c>
      <c r="X58">
        <f>IF($D58="SAND",INDEX('p-y cyclic sand'!$AI$27:$AI$5000,MATCH($B58,'p-y cyclic sand'!$C$27:$C$5000,1)),IF(INDEX('CPT Data'!$S$12:$S$20000,MATCH($B58,'CPT Data'!$B$12:$B$20000,1))&lt;2,INDEX('p-y cyclic clay'!$HH$27:$HH$5000,MATCH($B58,'p-y cyclic clay'!$C$27:$C$5000,1)),INDEX('p-y cyclic clay'!$IH$27:$IH$5000,MATCH($B58,'p-y cyclic clay'!$C$27:$C$5000,1))))</f>
        <v>90</v>
      </c>
      <c r="Y58">
        <f>IF($D58="SAND",INDEX('p-y cyclic sand'!$AW$27:$AW$5000,MATCH($B58,'p-y cyclic sand'!$C$27:$C$5000,1)),IF(INDEX('CPT Data'!$S$12:$S$20000,MATCH($B58,'CPT Data'!$B$12:$B$20000,1))&lt;2,INDEX('p-y cyclic clay'!$GV$27:$GV$5000,MATCH($B58,'p-y cyclic clay'!$C$27:$C$5000,1)),INDEX('p-y cyclic clay'!$HV$27:$HV$5000,MATCH($B58,'p-y cyclic clay'!$C$27:$C$5000,1))))</f>
        <v>47054.60783585324</v>
      </c>
      <c r="Z58">
        <f>IF($D58="SAND",INDEX('p-y cyclic sand'!$AJ$27:$AJ$5000,MATCH($B58,'p-y cyclic sand'!$C$27:$C$5000,1)),IF(INDEX('CPT Data'!$S$12:$S$20000,MATCH($B58,'CPT Data'!$B$12:$B$20000,1))&lt;2,INDEX('p-y cyclic clay'!$HI$27:$HI$5000,MATCH($B58,'p-y cyclic clay'!$C$27:$C$5000,1)),INDEX('p-y cyclic clay'!$II$27:$II$5000,MATCH($B58,'p-y cyclic clay'!$C$27:$C$5000,1))))</f>
        <v>100</v>
      </c>
      <c r="AA58">
        <f>IF($D58="SAND",INDEX('p-y cyclic sand'!$AX$27:$AX$5000,MATCH($B58,'p-y cyclic sand'!$C$27:$C$5000,1)),IF(INDEX('CPT Data'!$S$12:$S$20000,MATCH($B58,'CPT Data'!$B$12:$B$20000,1))&lt;2,INDEX('p-y cyclic clay'!$GW$27:$GW$5000,MATCH($B58,'p-y cyclic clay'!$C$27:$C$5000,1)),INDEX('p-y cyclic clay'!$HW$27:$HW$5000,MATCH($B58,'p-y cyclic clay'!$C$27:$C$5000,1))))</f>
        <v>47305.486763255263</v>
      </c>
      <c r="AB58">
        <f>IF($D58="SAND",INDEX('p-y cyclic sand'!$AK$27:$AK$5000,MATCH($B58,'p-y cyclic sand'!$C$27:$C$5000,1)),IF(INDEX('CPT Data'!$S$12:$S$20000,MATCH($B58,'CPT Data'!$B$12:$B$20000,1))&lt;2,INDEX('p-y cyclic clay'!$HJ$27:$HJ$5000,MATCH($B58,'p-y cyclic clay'!$C$27:$C$5000,1)),INDEX('p-y cyclic clay'!$IJ$27:$IJ$5000,MATCH($B58,'p-y cyclic clay'!$C$27:$C$5000,1))))</f>
        <v>110</v>
      </c>
      <c r="AC58">
        <f>IF($D58="SAND",INDEX('p-y cyclic sand'!$AY$27:$AY$5000,MATCH($B58,'p-y cyclic sand'!$C$27:$C$5000,1)),IF(INDEX('CPT Data'!$S$12:$S$20000,MATCH($B58,'CPT Data'!$B$12:$B$20000,1))&lt;2,INDEX('p-y cyclic clay'!$GX$27:$GX$5000,MATCH($B58,'p-y cyclic clay'!$C$27:$C$5000,1)),INDEX('p-y cyclic clay'!$HX$27:$HX$5000,MATCH($B58,'p-y cyclic clay'!$C$27:$C$5000,1))))</f>
        <v>47458.351910935766</v>
      </c>
      <c r="AD58" s="98">
        <f>IF($D58="SAND",INDEX('p-y cyclic sand'!$AL$27:$AL$5000,MATCH($B58,'p-y cyclic sand'!$C$27:$C$5000,1)),IF(INDEX('CPT Data'!$S$12:$S$20000,MATCH($B58,'CPT Data'!$B$12:$B$20000,1))&lt;2,INDEX('p-y cyclic clay'!$HK$27:$HK$5000,MATCH($B58,'p-y cyclic clay'!$C$27:$C$5000,1)),INDEX('p-y cyclic clay'!$IK$27:$IK$5000,MATCH($B58,'p-y cyclic clay'!$C$27:$C$5000,1))))</f>
        <v>120</v>
      </c>
    </row>
    <row r="59" spans="1:30" x14ac:dyDescent="0.2">
      <c r="A59" s="214">
        <f t="shared" si="0"/>
        <v>-69.5</v>
      </c>
      <c r="B59" s="216">
        <f>'p-y cyclic clay'!C80</f>
        <v>54</v>
      </c>
      <c r="C59">
        <f>INDEX('CPT Data'!$C$13:$C$20000,MATCH(B59,'CPT Data'!$B$13:$B$20000,1))</f>
        <v>53.992000000000004</v>
      </c>
      <c r="D59" s="216" t="str">
        <f>INDEX('CPT Data'!$P$13:$P$20000,MATCH(B59,'CPT Data'!$B$13:$B$20000,1))</f>
        <v>SAND</v>
      </c>
      <c r="E59">
        <f>IF($D59="SAND",INDEX('p-y cyclic sand'!$AM$27:$AM$5000,MATCH($B59,'p-y cyclic sand'!$C$27:$C$5000,1)),IF(INDEX('CPT Data'!$S$12:$S$20000,MATCH($B59,'CPT Data'!$B$12:$B$20000,1))&lt;2,INDEX('p-y cyclic clay'!$GL$27:$GL$5000,MATCH($B59,'p-y cyclic clay'!$C$27:$C$5000,1)),INDEX('p-y cyclic clay'!$HL$27:$HL$5000,MATCH($B59,'p-y cyclic clay'!$C$27:$C$5000,1))))</f>
        <v>0</v>
      </c>
      <c r="F59">
        <f>IF($D59="SAND",INDEX('p-y cyclic sand'!$Z$27:$Z$5000,MATCH($B59,'p-y cyclic sand'!$C$27:$C$5000,1)),IF(INDEX('CPT Data'!$S$12:$S$20000,MATCH($B59,'CPT Data'!$B$12:$B$20000,1))&lt;2,INDEX('p-y cyclic clay'!$GY$27:$GY$5000,MATCH($B59,'p-y cyclic clay'!$C$27:$C$5000,1)),INDEX('p-y cyclic clay'!$HY$27:$HY$5000,MATCH($B59,'p-y cyclic clay'!$C$27:$C$5000,1))))</f>
        <v>0</v>
      </c>
      <c r="G59">
        <f>IF($D59="SAND",INDEX('p-y cyclic sand'!$AN$27:$AN$5000,MATCH($B59,'p-y cyclic sand'!$C$27:$C$5000,1)),IF(INDEX('CPT Data'!$S$12:$S$20000,MATCH($B59,'CPT Data'!$B$12:$B$20000,1))&lt;2,INDEX('p-y cyclic clay'!$GM$27:$GM$5000,MATCH($B59,'p-y cyclic clay'!$C$27:$C$5000,1)),INDEX('p-y cyclic clay'!$HM$27:$HM$5000,MATCH($B59,'p-y cyclic clay'!$C$27:$C$5000,1))))</f>
        <v>10780.108644808197</v>
      </c>
      <c r="H59">
        <f>IF($D59="SAND",INDEX('p-y cyclic sand'!$AA$27:$AA$5000,MATCH($B59,'p-y cyclic sand'!$C$27:$C$5000,1)),IF(INDEX('CPT Data'!$S$12:$S$20000,MATCH($B59,'CPT Data'!$B$12:$B$20000,1))&lt;2,INDEX('p-y cyclic clay'!$GZ$27:$GZ$5000,MATCH($B59,'p-y cyclic clay'!$C$27:$C$5000,1)),INDEX('p-y cyclic clay'!$HZ$27:$HZ$5000,MATCH($B59,'p-y cyclic clay'!$C$27:$C$5000,1))))</f>
        <v>10</v>
      </c>
      <c r="I59">
        <f>IF($D59="SAND",INDEX('p-y cyclic sand'!$AO$27:$AO$5000,MATCH($B59,'p-y cyclic sand'!$C$27:$C$5000,1)),IF(INDEX('CPT Data'!$S$12:$S$20000,MATCH($B59,'CPT Data'!$B$12:$B$20000,1))&lt;2,INDEX('p-y cyclic clay'!$GN$27:$GN$5000,MATCH($B59,'p-y cyclic clay'!$C$27:$C$5000,1)),INDEX('p-y cyclic clay'!$HN$27:$HN$5000,MATCH($B59,'p-y cyclic clay'!$C$27:$C$5000,1))))</f>
        <v>20417.864105521407</v>
      </c>
      <c r="J59">
        <f>IF($D59="SAND",INDEX('p-y cyclic sand'!$AB$27:$AB$5000,MATCH($B59,'p-y cyclic sand'!$C$27:$C$5000,1)),IF(INDEX('CPT Data'!$S$12:$S$20000,MATCH($B59,'CPT Data'!$B$12:$B$20000,1))&lt;2,INDEX('p-y cyclic clay'!$HA$27:$HA$5000,MATCH($B59,'p-y cyclic clay'!$C$27:$C$5000,1)),INDEX('p-y cyclic clay'!$IA$27:$IA$5000,MATCH($B59,'p-y cyclic clay'!$C$27:$C$5000,1))))</f>
        <v>20</v>
      </c>
      <c r="K59">
        <f>IF($D59="SAND",INDEX('p-y cyclic sand'!$AP$27:$AP$5000,MATCH($B59,'p-y cyclic sand'!$C$27:$C$5000,1)),IF(INDEX('CPT Data'!$S$12:$S$20000,MATCH($B59,'CPT Data'!$B$12:$B$20000,1))&lt;2,INDEX('p-y cyclic clay'!$GO$27:$GO$5000,MATCH($B59,'p-y cyclic clay'!$C$27:$C$5000,1)),INDEX('p-y cyclic clay'!$HO$27:$HO$5000,MATCH($B59,'p-y cyclic clay'!$C$27:$C$5000,1))))</f>
        <v>28208.732439050182</v>
      </c>
      <c r="L59">
        <f>IF($D59="SAND",INDEX('p-y cyclic sand'!$AC$27:$AC$5000,MATCH($B59,'p-y cyclic sand'!$C$27:$C$5000,1)),IF(INDEX('CPT Data'!$S$12:$S$20000,MATCH($B59,'CPT Data'!$B$12:$B$20000,1))&lt;2,INDEX('p-y cyclic clay'!$HB$27:$HB$5000,MATCH($B59,'p-y cyclic clay'!$C$27:$C$5000,1)),INDEX('p-y cyclic clay'!$IB$27:$IB$5000,MATCH($B59,'p-y cyclic clay'!$C$27:$C$5000,1))))</f>
        <v>30</v>
      </c>
      <c r="M59">
        <f>IF($D59="SAND",INDEX('p-y cyclic sand'!$AQ$27:$AQ$5000,MATCH($B59,'p-y cyclic sand'!$C$27:$C$5000,1)),IF(INDEX('CPT Data'!$S$12:$S$20000,MATCH($B59,'CPT Data'!$B$12:$B$20000,1))&lt;2,INDEX('p-y cyclic clay'!$GP$27:$GP$5000,MATCH($B59,'p-y cyclic clay'!$C$27:$C$5000,1)),INDEX('p-y cyclic clay'!$HP$27:$HP$5000,MATCH($B59,'p-y cyclic clay'!$C$27:$C$5000,1))))</f>
        <v>34009.7110991054</v>
      </c>
      <c r="N59">
        <f>IF($D59="SAND",INDEX('p-y cyclic sand'!$AD$27:$AD$5000,MATCH($B59,'p-y cyclic sand'!$C$27:$C$5000,1)),IF(INDEX('CPT Data'!$S$12:$S$20000,MATCH($B59,'CPT Data'!$B$12:$B$20000,1))&lt;2,INDEX('p-y cyclic clay'!$HC$27:$HC$5000,MATCH($B59,'p-y cyclic clay'!$C$27:$C$5000,1)),INDEX('p-y cyclic clay'!$IC$27:$IC$5000,MATCH($B59,'p-y cyclic clay'!$C$27:$C$5000,1))))</f>
        <v>40</v>
      </c>
      <c r="O59">
        <f>IF($D59="SAND",INDEX('p-y cyclic sand'!$AR$27:$AR$5000,MATCH($B59,'p-y cyclic sand'!$C$27:$C$5000,1)),IF(INDEX('CPT Data'!$S$12:$S$20000,MATCH($B59,'CPT Data'!$B$12:$B$20000,1))&lt;2,INDEX('p-y cyclic clay'!$GQ$27:$GQ$5000,MATCH($B59,'p-y cyclic clay'!$C$27:$C$5000,1)),INDEX('p-y cyclic clay'!$HQ$27:$HQ$5000,MATCH($B59,'p-y cyclic clay'!$C$27:$C$5000,1))))</f>
        <v>38070.063838855676</v>
      </c>
      <c r="P59">
        <f>IF($D59="SAND",INDEX('p-y cyclic sand'!$AE$27:$AE$5000,MATCH($B59,'p-y cyclic sand'!$C$27:$C$5000,1)),IF(INDEX('CPT Data'!$S$12:$S$20000,MATCH($B59,'CPT Data'!$B$12:$B$20000,1))&lt;2,INDEX('p-y cyclic clay'!$HD$27:$HD$5000,MATCH($B59,'p-y cyclic clay'!$C$27:$C$5000,1)),INDEX('p-y cyclic clay'!$ID$27:$ID$5000,MATCH($B59,'p-y cyclic clay'!$C$27:$C$5000,1))))</f>
        <v>50</v>
      </c>
      <c r="Q59">
        <f>IF($D59="SAND",INDEX('p-y cyclic sand'!$AS$27:$AS$5000,MATCH($B59,'p-y cyclic sand'!$C$27:$C$5000,1)),IF(INDEX('CPT Data'!$S$12:$S$20000,MATCH($B59,'CPT Data'!$B$12:$B$20000,1))&lt;2,INDEX('p-y cyclic clay'!$GR$27:$GR$5000,MATCH($B59,'p-y cyclic clay'!$C$27:$C$5000,1)),INDEX('p-y cyclic clay'!$HR$27:$HR$5000,MATCH($B59,'p-y cyclic clay'!$C$27:$C$5000,1))))</f>
        <v>40790.621029758433</v>
      </c>
      <c r="R59">
        <f>IF($D59="SAND",INDEX('p-y cyclic sand'!$AF$27:$AF$5000,MATCH($B59,'p-y cyclic sand'!$C$27:$C$5000,1)),IF(INDEX('CPT Data'!$S$12:$S$20000,MATCH($B59,'CPT Data'!$B$12:$B$20000,1))&lt;2,INDEX('p-y cyclic clay'!$HE$27:$HE$5000,MATCH($B59,'p-y cyclic clay'!$C$27:$C$5000,1)),INDEX('p-y cyclic clay'!$IE$27:$IE$5000,MATCH($B59,'p-y cyclic clay'!$C$27:$C$5000,1))))</f>
        <v>60</v>
      </c>
      <c r="S59">
        <f>IF($D59="SAND",INDEX('p-y cyclic sand'!$AT$27:$AT$5000,MATCH($B59,'p-y cyclic sand'!$C$27:$C$5000,1)),IF(INDEX('CPT Data'!$S$12:$S$20000,MATCH($B59,'CPT Data'!$B$12:$B$20000,1))&lt;2,INDEX('p-y cyclic clay'!$GS$27:$GS$5000,MATCH($B59,'p-y cyclic clay'!$C$27:$C$5000,1)),INDEX('p-y cyclic clay'!$HS$27:$HS$5000,MATCH($B59,'p-y cyclic clay'!$C$27:$C$5000,1))))</f>
        <v>42560.532067459302</v>
      </c>
      <c r="T59">
        <f>IF($D59="SAND",INDEX('p-y cyclic sand'!$AG$27:$AG$5000,MATCH($B59,'p-y cyclic sand'!$C$27:$C$5000,1)),IF(INDEX('CPT Data'!$S$12:$S$20000,MATCH($B59,'CPT Data'!$B$12:$B$20000,1))&lt;2,INDEX('p-y cyclic clay'!$HF$27:$HF$5000,MATCH($B59,'p-y cyclic clay'!$C$27:$C$5000,1)),INDEX('p-y cyclic clay'!$IF$27:$IF$5000,MATCH($B59,'p-y cyclic clay'!$C$27:$C$5000,1))))</f>
        <v>70</v>
      </c>
      <c r="U59">
        <f>IF($D59="SAND",INDEX('p-y cyclic sand'!$AU$27:$AU$5000,MATCH($B59,'p-y cyclic sand'!$C$27:$C$5000,1)),IF(INDEX('CPT Data'!$S$12:$S$20000,MATCH($B59,'CPT Data'!$B$12:$B$20000,1))&lt;2,INDEX('p-y cyclic clay'!$GT$27:$GT$5000,MATCH($B59,'p-y cyclic clay'!$C$27:$C$5000,1)),INDEX('p-y cyclic clay'!$HT$27:$HT$5000,MATCH($B59,'p-y cyclic clay'!$C$27:$C$5000,1))))</f>
        <v>43690.001898240727</v>
      </c>
      <c r="V59">
        <f>IF($D59="SAND",INDEX('p-y cyclic sand'!$AH$27:$AH$5000,MATCH($B59,'p-y cyclic sand'!$C$27:$C$5000,1)),IF(INDEX('CPT Data'!$S$12:$S$20000,MATCH($B59,'CPT Data'!$B$12:$B$20000,1))&lt;2,INDEX('p-y cyclic clay'!$HG$27:$HG$5000,MATCH($B59,'p-y cyclic clay'!$C$27:$C$5000,1)),INDEX('p-y cyclic clay'!$IG$27:$IG$5000,MATCH($B59,'p-y cyclic clay'!$C$27:$C$5000,1))))</f>
        <v>80</v>
      </c>
      <c r="W59">
        <f>IF($D59="SAND",INDEX('p-y cyclic sand'!$AV$27:$AV$5000,MATCH($B59,'p-y cyclic sand'!$C$27:$C$5000,1)),IF(INDEX('CPT Data'!$S$12:$S$20000,MATCH($B59,'CPT Data'!$B$12:$B$20000,1))&lt;2,INDEX('p-y cyclic clay'!$GU$27:$GU$5000,MATCH($B59,'p-y cyclic clay'!$C$27:$C$5000,1)),INDEX('p-y cyclic clay'!$HU$27:$HU$5000,MATCH($B59,'p-y cyclic clay'!$C$27:$C$5000,1))))</f>
        <v>44401.932524128482</v>
      </c>
      <c r="X59">
        <f>IF($D59="SAND",INDEX('p-y cyclic sand'!$AI$27:$AI$5000,MATCH($B59,'p-y cyclic sand'!$C$27:$C$5000,1)),IF(INDEX('CPT Data'!$S$12:$S$20000,MATCH($B59,'CPT Data'!$B$12:$B$20000,1))&lt;2,INDEX('p-y cyclic clay'!$HH$27:$HH$5000,MATCH($B59,'p-y cyclic clay'!$C$27:$C$5000,1)),INDEX('p-y cyclic clay'!$IH$27:$IH$5000,MATCH($B59,'p-y cyclic clay'!$C$27:$C$5000,1))))</f>
        <v>90</v>
      </c>
      <c r="Y59">
        <f>IF($D59="SAND",INDEX('p-y cyclic sand'!$AW$27:$AW$5000,MATCH($B59,'p-y cyclic sand'!$C$27:$C$5000,1)),IF(INDEX('CPT Data'!$S$12:$S$20000,MATCH($B59,'CPT Data'!$B$12:$B$20000,1))&lt;2,INDEX('p-y cyclic clay'!$GV$27:$GV$5000,MATCH($B59,'p-y cyclic clay'!$C$27:$C$5000,1)),INDEX('p-y cyclic clay'!$HV$27:$HV$5000,MATCH($B59,'p-y cyclic clay'!$C$27:$C$5000,1))))</f>
        <v>44847.193248259726</v>
      </c>
      <c r="Z59">
        <f>IF($D59="SAND",INDEX('p-y cyclic sand'!$AJ$27:$AJ$5000,MATCH($B59,'p-y cyclic sand'!$C$27:$C$5000,1)),IF(INDEX('CPT Data'!$S$12:$S$20000,MATCH($B59,'CPT Data'!$B$12:$B$20000,1))&lt;2,INDEX('p-y cyclic clay'!$HI$27:$HI$5000,MATCH($B59,'p-y cyclic clay'!$C$27:$C$5000,1)),INDEX('p-y cyclic clay'!$II$27:$II$5000,MATCH($B59,'p-y cyclic clay'!$C$27:$C$5000,1))))</f>
        <v>100</v>
      </c>
      <c r="AA59">
        <f>IF($D59="SAND",INDEX('p-y cyclic sand'!$AX$27:$AX$5000,MATCH($B59,'p-y cyclic sand'!$C$27:$C$5000,1)),IF(INDEX('CPT Data'!$S$12:$S$20000,MATCH($B59,'CPT Data'!$B$12:$B$20000,1))&lt;2,INDEX('p-y cyclic clay'!$GW$27:$GW$5000,MATCH($B59,'p-y cyclic clay'!$C$27:$C$5000,1)),INDEX('p-y cyclic clay'!$HW$27:$HW$5000,MATCH($B59,'p-y cyclic clay'!$C$27:$C$5000,1))))</f>
        <v>45124.314676233902</v>
      </c>
      <c r="AB59">
        <f>IF($D59="SAND",INDEX('p-y cyclic sand'!$AK$27:$AK$5000,MATCH($B59,'p-y cyclic sand'!$C$27:$C$5000,1)),IF(INDEX('CPT Data'!$S$12:$S$20000,MATCH($B59,'CPT Data'!$B$12:$B$20000,1))&lt;2,INDEX('p-y cyclic clay'!$HJ$27:$HJ$5000,MATCH($B59,'p-y cyclic clay'!$C$27:$C$5000,1)),INDEX('p-y cyclic clay'!$IJ$27:$IJ$5000,MATCH($B59,'p-y cyclic clay'!$C$27:$C$5000,1))))</f>
        <v>110</v>
      </c>
      <c r="AC59">
        <f>IF($D59="SAND",INDEX('p-y cyclic sand'!$AY$27:$AY$5000,MATCH($B59,'p-y cyclic sand'!$C$27:$C$5000,1)),IF(INDEX('CPT Data'!$S$12:$S$20000,MATCH($B59,'CPT Data'!$B$12:$B$20000,1))&lt;2,INDEX('p-y cyclic clay'!$GX$27:$GX$5000,MATCH($B59,'p-y cyclic clay'!$C$27:$C$5000,1)),INDEX('p-y cyclic clay'!$HX$27:$HX$5000,MATCH($B59,'p-y cyclic clay'!$C$27:$C$5000,1))))</f>
        <v>45296.265613667056</v>
      </c>
      <c r="AD59" s="98">
        <f>IF($D59="SAND",INDEX('p-y cyclic sand'!$AL$27:$AL$5000,MATCH($B59,'p-y cyclic sand'!$C$27:$C$5000,1)),IF(INDEX('CPT Data'!$S$12:$S$20000,MATCH($B59,'CPT Data'!$B$12:$B$20000,1))&lt;2,INDEX('p-y cyclic clay'!$HK$27:$HK$5000,MATCH($B59,'p-y cyclic clay'!$C$27:$C$5000,1)),INDEX('p-y cyclic clay'!$IK$27:$IK$5000,MATCH($B59,'p-y cyclic clay'!$C$27:$C$5000,1))))</f>
        <v>120</v>
      </c>
    </row>
    <row r="60" spans="1:30" x14ac:dyDescent="0.2">
      <c r="A60" s="214">
        <f t="shared" si="0"/>
        <v>-70.5</v>
      </c>
      <c r="B60" s="216">
        <f>'p-y cyclic clay'!C81</f>
        <v>55</v>
      </c>
      <c r="C60">
        <f>INDEX('CPT Data'!$C$13:$C$20000,MATCH(B60,'CPT Data'!$B$13:$B$20000,1))</f>
        <v>54.987000000000002</v>
      </c>
      <c r="D60" s="216" t="str">
        <f>INDEX('CPT Data'!$P$13:$P$20000,MATCH(B60,'CPT Data'!$B$13:$B$20000,1))</f>
        <v>SAND</v>
      </c>
      <c r="E60">
        <f>IF($D60="SAND",INDEX('p-y cyclic sand'!$AM$27:$AM$5000,MATCH($B60,'p-y cyclic sand'!$C$27:$C$5000,1)),IF(INDEX('CPT Data'!$S$12:$S$20000,MATCH($B60,'CPT Data'!$B$12:$B$20000,1))&lt;2,INDEX('p-y cyclic clay'!$GL$27:$GL$5000,MATCH($B60,'p-y cyclic clay'!$C$27:$C$5000,1)),INDEX('p-y cyclic clay'!$HL$27:$HL$5000,MATCH($B60,'p-y cyclic clay'!$C$27:$C$5000,1))))</f>
        <v>0</v>
      </c>
      <c r="F60">
        <f>IF($D60="SAND",INDEX('p-y cyclic sand'!$Z$27:$Z$5000,MATCH($B60,'p-y cyclic sand'!$C$27:$C$5000,1)),IF(INDEX('CPT Data'!$S$12:$S$20000,MATCH($B60,'CPT Data'!$B$12:$B$20000,1))&lt;2,INDEX('p-y cyclic clay'!$GY$27:$GY$5000,MATCH($B60,'p-y cyclic clay'!$C$27:$C$5000,1)),INDEX('p-y cyclic clay'!$HY$27:$HY$5000,MATCH($B60,'p-y cyclic clay'!$C$27:$C$5000,1))))</f>
        <v>0</v>
      </c>
      <c r="G60">
        <f>IF($D60="SAND",INDEX('p-y cyclic sand'!$AN$27:$AN$5000,MATCH($B60,'p-y cyclic sand'!$C$27:$C$5000,1)),IF(INDEX('CPT Data'!$S$12:$S$20000,MATCH($B60,'CPT Data'!$B$12:$B$20000,1))&lt;2,INDEX('p-y cyclic clay'!$GM$27:$GM$5000,MATCH($B60,'p-y cyclic clay'!$C$27:$C$5000,1)),INDEX('p-y cyclic clay'!$HM$27:$HM$5000,MATCH($B60,'p-y cyclic clay'!$C$27:$C$5000,1))))</f>
        <v>15480.202900174512</v>
      </c>
      <c r="H60">
        <f>IF($D60="SAND",INDEX('p-y cyclic sand'!$AA$27:$AA$5000,MATCH($B60,'p-y cyclic sand'!$C$27:$C$5000,1)),IF(INDEX('CPT Data'!$S$12:$S$20000,MATCH($B60,'CPT Data'!$B$12:$B$20000,1))&lt;2,INDEX('p-y cyclic clay'!$GZ$27:$GZ$5000,MATCH($B60,'p-y cyclic clay'!$C$27:$C$5000,1)),INDEX('p-y cyclic clay'!$HZ$27:$HZ$5000,MATCH($B60,'p-y cyclic clay'!$C$27:$C$5000,1))))</f>
        <v>10</v>
      </c>
      <c r="I60">
        <f>IF($D60="SAND",INDEX('p-y cyclic sand'!$AO$27:$AO$5000,MATCH($B60,'p-y cyclic sand'!$C$27:$C$5000,1)),IF(INDEX('CPT Data'!$S$12:$S$20000,MATCH($B60,'CPT Data'!$B$12:$B$20000,1))&lt;2,INDEX('p-y cyclic clay'!$GN$27:$GN$5000,MATCH($B60,'p-y cyclic clay'!$C$27:$C$5000,1)),INDEX('p-y cyclic clay'!$HN$27:$HN$5000,MATCH($B60,'p-y cyclic clay'!$C$27:$C$5000,1))))</f>
        <v>29187.121754546828</v>
      </c>
      <c r="J60">
        <f>IF($D60="SAND",INDEX('p-y cyclic sand'!$AB$27:$AB$5000,MATCH($B60,'p-y cyclic sand'!$C$27:$C$5000,1)),IF(INDEX('CPT Data'!$S$12:$S$20000,MATCH($B60,'CPT Data'!$B$12:$B$20000,1))&lt;2,INDEX('p-y cyclic clay'!$HA$27:$HA$5000,MATCH($B60,'p-y cyclic clay'!$C$27:$C$5000,1)),INDEX('p-y cyclic clay'!$IA$27:$IA$5000,MATCH($B60,'p-y cyclic clay'!$C$27:$C$5000,1))))</f>
        <v>20</v>
      </c>
      <c r="K60">
        <f>IF($D60="SAND",INDEX('p-y cyclic sand'!$AP$27:$AP$5000,MATCH($B60,'p-y cyclic sand'!$C$27:$C$5000,1)),IF(INDEX('CPT Data'!$S$12:$S$20000,MATCH($B60,'CPT Data'!$B$12:$B$20000,1))&lt;2,INDEX('p-y cyclic clay'!$GO$27:$GO$5000,MATCH($B60,'p-y cyclic clay'!$C$27:$C$5000,1)),INDEX('p-y cyclic clay'!$HO$27:$HO$5000,MATCH($B60,'p-y cyclic clay'!$C$27:$C$5000,1))))</f>
        <v>40076.492991133775</v>
      </c>
      <c r="L60">
        <f>IF($D60="SAND",INDEX('p-y cyclic sand'!$AC$27:$AC$5000,MATCH($B60,'p-y cyclic sand'!$C$27:$C$5000,1)),IF(INDEX('CPT Data'!$S$12:$S$20000,MATCH($B60,'CPT Data'!$B$12:$B$20000,1))&lt;2,INDEX('p-y cyclic clay'!$HB$27:$HB$5000,MATCH($B60,'p-y cyclic clay'!$C$27:$C$5000,1)),INDEX('p-y cyclic clay'!$IB$27:$IB$5000,MATCH($B60,'p-y cyclic clay'!$C$27:$C$5000,1))))</f>
        <v>30</v>
      </c>
      <c r="M60">
        <f>IF($D60="SAND",INDEX('p-y cyclic sand'!$AQ$27:$AQ$5000,MATCH($B60,'p-y cyclic sand'!$C$27:$C$5000,1)),IF(INDEX('CPT Data'!$S$12:$S$20000,MATCH($B60,'CPT Data'!$B$12:$B$20000,1))&lt;2,INDEX('p-y cyclic clay'!$GP$27:$GP$5000,MATCH($B60,'p-y cyclic clay'!$C$27:$C$5000,1)),INDEX('p-y cyclic clay'!$HP$27:$HP$5000,MATCH($B60,'p-y cyclic clay'!$C$27:$C$5000,1))))</f>
        <v>48005.8701954805</v>
      </c>
      <c r="N60">
        <f>IF($D60="SAND",INDEX('p-y cyclic sand'!$AD$27:$AD$5000,MATCH($B60,'p-y cyclic sand'!$C$27:$C$5000,1)),IF(INDEX('CPT Data'!$S$12:$S$20000,MATCH($B60,'CPT Data'!$B$12:$B$20000,1))&lt;2,INDEX('p-y cyclic clay'!$HC$27:$HC$5000,MATCH($B60,'p-y cyclic clay'!$C$27:$C$5000,1)),INDEX('p-y cyclic clay'!$IC$27:$IC$5000,MATCH($B60,'p-y cyclic clay'!$C$27:$C$5000,1))))</f>
        <v>40</v>
      </c>
      <c r="O60">
        <f>IF($D60="SAND",INDEX('p-y cyclic sand'!$AR$27:$AR$5000,MATCH($B60,'p-y cyclic sand'!$C$27:$C$5000,1)),IF(INDEX('CPT Data'!$S$12:$S$20000,MATCH($B60,'CPT Data'!$B$12:$B$20000,1))&lt;2,INDEX('p-y cyclic clay'!$GQ$27:$GQ$5000,MATCH($B60,'p-y cyclic clay'!$C$27:$C$5000,1)),INDEX('p-y cyclic clay'!$HQ$27:$HQ$5000,MATCH($B60,'p-y cyclic clay'!$C$27:$C$5000,1))))</f>
        <v>53421.003608778672</v>
      </c>
      <c r="P60">
        <f>IF($D60="SAND",INDEX('p-y cyclic sand'!$AE$27:$AE$5000,MATCH($B60,'p-y cyclic sand'!$C$27:$C$5000,1)),IF(INDEX('CPT Data'!$S$12:$S$20000,MATCH($B60,'CPT Data'!$B$12:$B$20000,1))&lt;2,INDEX('p-y cyclic clay'!$HD$27:$HD$5000,MATCH($B60,'p-y cyclic clay'!$C$27:$C$5000,1)),INDEX('p-y cyclic clay'!$ID$27:$ID$5000,MATCH($B60,'p-y cyclic clay'!$C$27:$C$5000,1))))</f>
        <v>50</v>
      </c>
      <c r="Q60">
        <f>IF($D60="SAND",INDEX('p-y cyclic sand'!$AS$27:$AS$5000,MATCH($B60,'p-y cyclic sand'!$C$27:$C$5000,1)),IF(INDEX('CPT Data'!$S$12:$S$20000,MATCH($B60,'CPT Data'!$B$12:$B$20000,1))&lt;2,INDEX('p-y cyclic clay'!$GR$27:$GR$5000,MATCH($B60,'p-y cyclic clay'!$C$27:$C$5000,1)),INDEX('p-y cyclic clay'!$HR$27:$HR$5000,MATCH($B60,'p-y cyclic clay'!$C$27:$C$5000,1))))</f>
        <v>56958.995223315433</v>
      </c>
      <c r="R60">
        <f>IF($D60="SAND",INDEX('p-y cyclic sand'!$AF$27:$AF$5000,MATCH($B60,'p-y cyclic sand'!$C$27:$C$5000,1)),IF(INDEX('CPT Data'!$S$12:$S$20000,MATCH($B60,'CPT Data'!$B$12:$B$20000,1))&lt;2,INDEX('p-y cyclic clay'!$HE$27:$HE$5000,MATCH($B60,'p-y cyclic clay'!$C$27:$C$5000,1)),INDEX('p-y cyclic clay'!$IE$27:$IE$5000,MATCH($B60,'p-y cyclic clay'!$C$27:$C$5000,1))))</f>
        <v>60</v>
      </c>
      <c r="S60">
        <f>IF($D60="SAND",INDEX('p-y cyclic sand'!$AT$27:$AT$5000,MATCH($B60,'p-y cyclic sand'!$C$27:$C$5000,1)),IF(INDEX('CPT Data'!$S$12:$S$20000,MATCH($B60,'CPT Data'!$B$12:$B$20000,1))&lt;2,INDEX('p-y cyclic clay'!$GS$27:$GS$5000,MATCH($B60,'p-y cyclic clay'!$C$27:$C$5000,1)),INDEX('p-y cyclic clay'!$HS$27:$HS$5000,MATCH($B60,'p-y cyclic clay'!$C$27:$C$5000,1))))</f>
        <v>59204.166603845559</v>
      </c>
      <c r="T60">
        <f>IF($D60="SAND",INDEX('p-y cyclic sand'!$AG$27:$AG$5000,MATCH($B60,'p-y cyclic sand'!$C$27:$C$5000,1)),IF(INDEX('CPT Data'!$S$12:$S$20000,MATCH($B60,'CPT Data'!$B$12:$B$20000,1))&lt;2,INDEX('p-y cyclic clay'!$HF$27:$HF$5000,MATCH($B60,'p-y cyclic clay'!$C$27:$C$5000,1)),INDEX('p-y cyclic clay'!$IF$27:$IF$5000,MATCH($B60,'p-y cyclic clay'!$C$27:$C$5000,1))))</f>
        <v>70</v>
      </c>
      <c r="U60">
        <f>IF($D60="SAND",INDEX('p-y cyclic sand'!$AU$27:$AU$5000,MATCH($B60,'p-y cyclic sand'!$C$27:$C$5000,1)),IF(INDEX('CPT Data'!$S$12:$S$20000,MATCH($B60,'CPT Data'!$B$12:$B$20000,1))&lt;2,INDEX('p-y cyclic clay'!$GT$27:$GT$5000,MATCH($B60,'p-y cyclic clay'!$C$27:$C$5000,1)),INDEX('p-y cyclic clay'!$HT$27:$HT$5000,MATCH($B60,'p-y cyclic clay'!$C$27:$C$5000,1))))</f>
        <v>60602.68719748946</v>
      </c>
      <c r="V60">
        <f>IF($D60="SAND",INDEX('p-y cyclic sand'!$AH$27:$AH$5000,MATCH($B60,'p-y cyclic sand'!$C$27:$C$5000,1)),IF(INDEX('CPT Data'!$S$12:$S$20000,MATCH($B60,'CPT Data'!$B$12:$B$20000,1))&lt;2,INDEX('p-y cyclic clay'!$HG$27:$HG$5000,MATCH($B60,'p-y cyclic clay'!$C$27:$C$5000,1)),INDEX('p-y cyclic clay'!$IG$27:$IG$5000,MATCH($B60,'p-y cyclic clay'!$C$27:$C$5000,1))))</f>
        <v>80</v>
      </c>
      <c r="W60">
        <f>IF($D60="SAND",INDEX('p-y cyclic sand'!$AV$27:$AV$5000,MATCH($B60,'p-y cyclic sand'!$C$27:$C$5000,1)),IF(INDEX('CPT Data'!$S$12:$S$20000,MATCH($B60,'CPT Data'!$B$12:$B$20000,1))&lt;2,INDEX('p-y cyclic clay'!$GU$27:$GU$5000,MATCH($B60,'p-y cyclic clay'!$C$27:$C$5000,1)),INDEX('p-y cyclic clay'!$HU$27:$HU$5000,MATCH($B60,'p-y cyclic clay'!$C$27:$C$5000,1))))</f>
        <v>61463.76371450357</v>
      </c>
      <c r="X60">
        <f>IF($D60="SAND",INDEX('p-y cyclic sand'!$AI$27:$AI$5000,MATCH($B60,'p-y cyclic sand'!$C$27:$C$5000,1)),IF(INDEX('CPT Data'!$S$12:$S$20000,MATCH($B60,'CPT Data'!$B$12:$B$20000,1))&lt;2,INDEX('p-y cyclic clay'!$HH$27:$HH$5000,MATCH($B60,'p-y cyclic clay'!$C$27:$C$5000,1)),INDEX('p-y cyclic clay'!$IH$27:$IH$5000,MATCH($B60,'p-y cyclic clay'!$C$27:$C$5000,1))))</f>
        <v>90</v>
      </c>
      <c r="Y60">
        <f>IF($D60="SAND",INDEX('p-y cyclic sand'!$AW$27:$AW$5000,MATCH($B60,'p-y cyclic sand'!$C$27:$C$5000,1)),IF(INDEX('CPT Data'!$S$12:$S$20000,MATCH($B60,'CPT Data'!$B$12:$B$20000,1))&lt;2,INDEX('p-y cyclic clay'!$GV$27:$GV$5000,MATCH($B60,'p-y cyclic clay'!$C$27:$C$5000,1)),INDEX('p-y cyclic clay'!$HV$27:$HV$5000,MATCH($B60,'p-y cyclic clay'!$C$27:$C$5000,1))))</f>
        <v>61990.14512570759</v>
      </c>
      <c r="Z60">
        <f>IF($D60="SAND",INDEX('p-y cyclic sand'!$AJ$27:$AJ$5000,MATCH($B60,'p-y cyclic sand'!$C$27:$C$5000,1)),IF(INDEX('CPT Data'!$S$12:$S$20000,MATCH($B60,'CPT Data'!$B$12:$B$20000,1))&lt;2,INDEX('p-y cyclic clay'!$HI$27:$HI$5000,MATCH($B60,'p-y cyclic clay'!$C$27:$C$5000,1)),INDEX('p-y cyclic clay'!$II$27:$II$5000,MATCH($B60,'p-y cyclic clay'!$C$27:$C$5000,1))))</f>
        <v>100</v>
      </c>
      <c r="AA60">
        <f>IF($D60="SAND",INDEX('p-y cyclic sand'!$AX$27:$AX$5000,MATCH($B60,'p-y cyclic sand'!$C$27:$C$5000,1)),IF(INDEX('CPT Data'!$S$12:$S$20000,MATCH($B60,'CPT Data'!$B$12:$B$20000,1))&lt;2,INDEX('p-y cyclic clay'!$GW$27:$GW$5000,MATCH($B60,'p-y cyclic clay'!$C$27:$C$5000,1)),INDEX('p-y cyclic clay'!$HW$27:$HW$5000,MATCH($B60,'p-y cyclic clay'!$C$27:$C$5000,1))))</f>
        <v>62310.516005767546</v>
      </c>
      <c r="AB60">
        <f>IF($D60="SAND",INDEX('p-y cyclic sand'!$AK$27:$AK$5000,MATCH($B60,'p-y cyclic sand'!$C$27:$C$5000,1)),IF(INDEX('CPT Data'!$S$12:$S$20000,MATCH($B60,'CPT Data'!$B$12:$B$20000,1))&lt;2,INDEX('p-y cyclic clay'!$HJ$27:$HJ$5000,MATCH($B60,'p-y cyclic clay'!$C$27:$C$5000,1)),INDEX('p-y cyclic clay'!$IJ$27:$IJ$5000,MATCH($B60,'p-y cyclic clay'!$C$27:$C$5000,1))))</f>
        <v>110</v>
      </c>
      <c r="AC60">
        <f>IF($D60="SAND",INDEX('p-y cyclic sand'!$AY$27:$AY$5000,MATCH($B60,'p-y cyclic sand'!$C$27:$C$5000,1)),IF(INDEX('CPT Data'!$S$12:$S$20000,MATCH($B60,'CPT Data'!$B$12:$B$20000,1))&lt;2,INDEX('p-y cyclic clay'!$GX$27:$GX$5000,MATCH($B60,'p-y cyclic clay'!$C$27:$C$5000,1)),INDEX('p-y cyclic clay'!$HX$27:$HX$5000,MATCH($B60,'p-y cyclic clay'!$C$27:$C$5000,1))))</f>
        <v>62504.982280135519</v>
      </c>
      <c r="AD60" s="98">
        <f>IF($D60="SAND",INDEX('p-y cyclic sand'!$AL$27:$AL$5000,MATCH($B60,'p-y cyclic sand'!$C$27:$C$5000,1)),IF(INDEX('CPT Data'!$S$12:$S$20000,MATCH($B60,'CPT Data'!$B$12:$B$20000,1))&lt;2,INDEX('p-y cyclic clay'!$HK$27:$HK$5000,MATCH($B60,'p-y cyclic clay'!$C$27:$C$5000,1)),INDEX('p-y cyclic clay'!$IK$27:$IK$5000,MATCH($B60,'p-y cyclic clay'!$C$27:$C$5000,1))))</f>
        <v>120</v>
      </c>
    </row>
    <row r="61" spans="1:30" s="100" customFormat="1" ht="13.5" thickBot="1" x14ac:dyDescent="0.25">
      <c r="A61" s="214">
        <f t="shared" si="0"/>
        <v>-71.5</v>
      </c>
      <c r="B61" s="216">
        <f>'p-y cyclic clay'!C82</f>
        <v>56</v>
      </c>
      <c r="C61">
        <f>INDEX('CPT Data'!$C$13:$C$20000,MATCH(B61,'CPT Data'!$B$13:$B$20000,1))</f>
        <v>55.989000000000004</v>
      </c>
      <c r="D61" s="216" t="str">
        <f>INDEX('CPT Data'!$P$13:$P$20000,MATCH(B61,'CPT Data'!$B$13:$B$20000,1))</f>
        <v>SAND</v>
      </c>
      <c r="E61">
        <f>IF($D61="SAND",INDEX('p-y cyclic sand'!$AM$27:$AM$5000,MATCH($B61,'p-y cyclic sand'!$C$27:$C$5000,1)),IF(INDEX('CPT Data'!$S$12:$S$20000,MATCH($B61,'CPT Data'!$B$12:$B$20000,1))&lt;2,INDEX('p-y cyclic clay'!$GL$27:$GL$5000,MATCH($B61,'p-y cyclic clay'!$C$27:$C$5000,1)),INDEX('p-y cyclic clay'!$HL$27:$HL$5000,MATCH($B61,'p-y cyclic clay'!$C$27:$C$5000,1))))</f>
        <v>0</v>
      </c>
      <c r="F61">
        <f>IF($D61="SAND",INDEX('p-y cyclic sand'!$Z$27:$Z$5000,MATCH($B61,'p-y cyclic sand'!$C$27:$C$5000,1)),IF(INDEX('CPT Data'!$S$12:$S$20000,MATCH($B61,'CPT Data'!$B$12:$B$20000,1))&lt;2,INDEX('p-y cyclic clay'!$GY$27:$GY$5000,MATCH($B61,'p-y cyclic clay'!$C$27:$C$5000,1)),INDEX('p-y cyclic clay'!$HY$27:$HY$5000,MATCH($B61,'p-y cyclic clay'!$C$27:$C$5000,1))))</f>
        <v>0</v>
      </c>
      <c r="G61">
        <f>IF($D61="SAND",INDEX('p-y cyclic sand'!$AN$27:$AN$5000,MATCH($B61,'p-y cyclic sand'!$C$27:$C$5000,1)),IF(INDEX('CPT Data'!$S$12:$S$20000,MATCH($B61,'CPT Data'!$B$12:$B$20000,1))&lt;2,INDEX('p-y cyclic clay'!$GM$27:$GM$5000,MATCH($B61,'p-y cyclic clay'!$C$27:$C$5000,1)),INDEX('p-y cyclic clay'!$HM$27:$HM$5000,MATCH($B61,'p-y cyclic clay'!$C$27:$C$5000,1))))</f>
        <v>8423.3875860430508</v>
      </c>
      <c r="H61">
        <f>IF($D61="SAND",INDEX('p-y cyclic sand'!$AA$27:$AA$5000,MATCH($B61,'p-y cyclic sand'!$C$27:$C$5000,1)),IF(INDEX('CPT Data'!$S$12:$S$20000,MATCH($B61,'CPT Data'!$B$12:$B$20000,1))&lt;2,INDEX('p-y cyclic clay'!$GZ$27:$GZ$5000,MATCH($B61,'p-y cyclic clay'!$C$27:$C$5000,1)),INDEX('p-y cyclic clay'!$HZ$27:$HZ$5000,MATCH($B61,'p-y cyclic clay'!$C$27:$C$5000,1))))</f>
        <v>10</v>
      </c>
      <c r="I61">
        <f>IF($D61="SAND",INDEX('p-y cyclic sand'!$AO$27:$AO$5000,MATCH($B61,'p-y cyclic sand'!$C$27:$C$5000,1)),IF(INDEX('CPT Data'!$S$12:$S$20000,MATCH($B61,'CPT Data'!$B$12:$B$20000,1))&lt;2,INDEX('p-y cyclic clay'!$GN$27:$GN$5000,MATCH($B61,'p-y cyclic clay'!$C$27:$C$5000,1)),INDEX('p-y cyclic clay'!$HN$27:$HN$5000,MATCH($B61,'p-y cyclic clay'!$C$27:$C$5000,1))))</f>
        <v>16028.848041724923</v>
      </c>
      <c r="J61">
        <f>IF($D61="SAND",INDEX('p-y cyclic sand'!$AB$27:$AB$5000,MATCH($B61,'p-y cyclic sand'!$C$27:$C$5000,1)),IF(INDEX('CPT Data'!$S$12:$S$20000,MATCH($B61,'CPT Data'!$B$12:$B$20000,1))&lt;2,INDEX('p-y cyclic clay'!$HA$27:$HA$5000,MATCH($B61,'p-y cyclic clay'!$C$27:$C$5000,1)),INDEX('p-y cyclic clay'!$IA$27:$IA$5000,MATCH($B61,'p-y cyclic clay'!$C$27:$C$5000,1))))</f>
        <v>20</v>
      </c>
      <c r="K61">
        <f>IF($D61="SAND",INDEX('p-y cyclic sand'!$AP$27:$AP$5000,MATCH($B61,'p-y cyclic sand'!$C$27:$C$5000,1)),IF(INDEX('CPT Data'!$S$12:$S$20000,MATCH($B61,'CPT Data'!$B$12:$B$20000,1))&lt;2,INDEX('p-y cyclic clay'!$GO$27:$GO$5000,MATCH($B61,'p-y cyclic clay'!$C$27:$C$5000,1)),INDEX('p-y cyclic clay'!$HO$27:$HO$5000,MATCH($B61,'p-y cyclic clay'!$C$27:$C$5000,1))))</f>
        <v>22288.025498398238</v>
      </c>
      <c r="L61">
        <f>IF($D61="SAND",INDEX('p-y cyclic sand'!$AC$27:$AC$5000,MATCH($B61,'p-y cyclic sand'!$C$27:$C$5000,1)),IF(INDEX('CPT Data'!$S$12:$S$20000,MATCH($B61,'CPT Data'!$B$12:$B$20000,1))&lt;2,INDEX('p-y cyclic clay'!$HB$27:$HB$5000,MATCH($B61,'p-y cyclic clay'!$C$27:$C$5000,1)),INDEX('p-y cyclic clay'!$IB$27:$IB$5000,MATCH($B61,'p-y cyclic clay'!$C$27:$C$5000,1))))</f>
        <v>30</v>
      </c>
      <c r="M61">
        <f>IF($D61="SAND",INDEX('p-y cyclic sand'!$AQ$27:$AQ$5000,MATCH($B61,'p-y cyclic sand'!$C$27:$C$5000,1)),IF(INDEX('CPT Data'!$S$12:$S$20000,MATCH($B61,'CPT Data'!$B$12:$B$20000,1))&lt;2,INDEX('p-y cyclic clay'!$GP$27:$GP$5000,MATCH($B61,'p-y cyclic clay'!$C$27:$C$5000,1)),INDEX('p-y cyclic clay'!$HP$27:$HP$5000,MATCH($B61,'p-y cyclic clay'!$C$27:$C$5000,1))))</f>
        <v>27058.044274231681</v>
      </c>
      <c r="N61">
        <f>IF($D61="SAND",INDEX('p-y cyclic sand'!$AD$27:$AD$5000,MATCH($B61,'p-y cyclic sand'!$C$27:$C$5000,1)),IF(INDEX('CPT Data'!$S$12:$S$20000,MATCH($B61,'CPT Data'!$B$12:$B$20000,1))&lt;2,INDEX('p-y cyclic clay'!$HC$27:$HC$5000,MATCH($B61,'p-y cyclic clay'!$C$27:$C$5000,1)),INDEX('p-y cyclic clay'!$IC$27:$IC$5000,MATCH($B61,'p-y cyclic clay'!$C$27:$C$5000,1))))</f>
        <v>40</v>
      </c>
      <c r="O61">
        <f>IF($D61="SAND",INDEX('p-y cyclic sand'!$AR$27:$AR$5000,MATCH($B61,'p-y cyclic sand'!$C$27:$C$5000,1)),IF(INDEX('CPT Data'!$S$12:$S$20000,MATCH($B61,'CPT Data'!$B$12:$B$20000,1))&lt;2,INDEX('p-y cyclic clay'!$GQ$27:$GQ$5000,MATCH($B61,'p-y cyclic clay'!$C$27:$C$5000,1)),INDEX('p-y cyclic clay'!$HQ$27:$HQ$5000,MATCH($B61,'p-y cyclic clay'!$C$27:$C$5000,1))))</f>
        <v>30484.524024180038</v>
      </c>
      <c r="P61">
        <f>IF($D61="SAND",INDEX('p-y cyclic sand'!$AE$27:$AE$5000,MATCH($B61,'p-y cyclic sand'!$C$27:$C$5000,1)),IF(INDEX('CPT Data'!$S$12:$S$20000,MATCH($B61,'CPT Data'!$B$12:$B$20000,1))&lt;2,INDEX('p-y cyclic clay'!$HD$27:$HD$5000,MATCH($B61,'p-y cyclic clay'!$C$27:$C$5000,1)),INDEX('p-y cyclic clay'!$ID$27:$ID$5000,MATCH($B61,'p-y cyclic clay'!$C$27:$C$5000,1))))</f>
        <v>50</v>
      </c>
      <c r="Q61">
        <f>IF($D61="SAND",INDEX('p-y cyclic sand'!$AS$27:$AS$5000,MATCH($B61,'p-y cyclic sand'!$C$27:$C$5000,1)),IF(INDEX('CPT Data'!$S$12:$S$20000,MATCH($B61,'CPT Data'!$B$12:$B$20000,1))&lt;2,INDEX('p-y cyclic clay'!$GR$27:$GR$5000,MATCH($B61,'p-y cyclic clay'!$C$27:$C$5000,1)),INDEX('p-y cyclic clay'!$HR$27:$HR$5000,MATCH($B61,'p-y cyclic clay'!$C$27:$C$5000,1))))</f>
        <v>32842.725559030318</v>
      </c>
      <c r="R61">
        <f>IF($D61="SAND",INDEX('p-y cyclic sand'!$AF$27:$AF$5000,MATCH($B61,'p-y cyclic sand'!$C$27:$C$5000,1)),IF(INDEX('CPT Data'!$S$12:$S$20000,MATCH($B61,'CPT Data'!$B$12:$B$20000,1))&lt;2,INDEX('p-y cyclic clay'!$HE$27:$HE$5000,MATCH($B61,'p-y cyclic clay'!$C$27:$C$5000,1)),INDEX('p-y cyclic clay'!$IE$27:$IE$5000,MATCH($B61,'p-y cyclic clay'!$C$27:$C$5000,1))))</f>
        <v>60</v>
      </c>
      <c r="S61">
        <f>IF($D61="SAND",INDEX('p-y cyclic sand'!$AT$27:$AT$5000,MATCH($B61,'p-y cyclic sand'!$C$27:$C$5000,1)),IF(INDEX('CPT Data'!$S$12:$S$20000,MATCH($B61,'CPT Data'!$B$12:$B$20000,1))&lt;2,INDEX('p-y cyclic clay'!$GS$27:$GS$5000,MATCH($B61,'p-y cyclic clay'!$C$27:$C$5000,1)),INDEX('p-y cyclic clay'!$HS$27:$HS$5000,MATCH($B61,'p-y cyclic clay'!$C$27:$C$5000,1))))</f>
        <v>34418.270759503132</v>
      </c>
      <c r="T61">
        <f>IF($D61="SAND",INDEX('p-y cyclic sand'!$AG$27:$AG$5000,MATCH($B61,'p-y cyclic sand'!$C$27:$C$5000,1)),IF(INDEX('CPT Data'!$S$12:$S$20000,MATCH($B61,'CPT Data'!$B$12:$B$20000,1))&lt;2,INDEX('p-y cyclic clay'!$HF$27:$HF$5000,MATCH($B61,'p-y cyclic clay'!$C$27:$C$5000,1)),INDEX('p-y cyclic clay'!$IF$27:$IF$5000,MATCH($B61,'p-y cyclic clay'!$C$27:$C$5000,1))))</f>
        <v>70</v>
      </c>
      <c r="U61">
        <f>IF($D61="SAND",INDEX('p-y cyclic sand'!$AU$27:$AU$5000,MATCH($B61,'p-y cyclic sand'!$C$27:$C$5000,1)),IF(INDEX('CPT Data'!$S$12:$S$20000,MATCH($B61,'CPT Data'!$B$12:$B$20000,1))&lt;2,INDEX('p-y cyclic clay'!$GT$27:$GT$5000,MATCH($B61,'p-y cyclic clay'!$C$27:$C$5000,1)),INDEX('p-y cyclic clay'!$HT$27:$HT$5000,MATCH($B61,'p-y cyclic clay'!$C$27:$C$5000,1))))</f>
        <v>35450.156054718929</v>
      </c>
      <c r="V61">
        <f>IF($D61="SAND",INDEX('p-y cyclic sand'!$AH$27:$AH$5000,MATCH($B61,'p-y cyclic sand'!$C$27:$C$5000,1)),IF(INDEX('CPT Data'!$S$12:$S$20000,MATCH($B61,'CPT Data'!$B$12:$B$20000,1))&lt;2,INDEX('p-y cyclic clay'!$HG$27:$HG$5000,MATCH($B61,'p-y cyclic clay'!$C$27:$C$5000,1)),INDEX('p-y cyclic clay'!$IG$27:$IG$5000,MATCH($B61,'p-y cyclic clay'!$C$27:$C$5000,1))))</f>
        <v>80</v>
      </c>
      <c r="W61">
        <f>IF($D61="SAND",INDEX('p-y cyclic sand'!$AV$27:$AV$5000,MATCH($B61,'p-y cyclic sand'!$C$27:$C$5000,1)),IF(INDEX('CPT Data'!$S$12:$S$20000,MATCH($B61,'CPT Data'!$B$12:$B$20000,1))&lt;2,INDEX('p-y cyclic clay'!$GU$27:$GU$5000,MATCH($B61,'p-y cyclic clay'!$C$27:$C$5000,1)),INDEX('p-y cyclic clay'!$HU$27:$HU$5000,MATCH($B61,'p-y cyclic clay'!$C$27:$C$5000,1))))</f>
        <v>36117.189691243482</v>
      </c>
      <c r="X61">
        <f>IF($D61="SAND",INDEX('p-y cyclic sand'!$AI$27:$AI$5000,MATCH($B61,'p-y cyclic sand'!$C$27:$C$5000,1)),IF(INDEX('CPT Data'!$S$12:$S$20000,MATCH($B61,'CPT Data'!$B$12:$B$20000,1))&lt;2,INDEX('p-y cyclic clay'!$HH$27:$HH$5000,MATCH($B61,'p-y cyclic clay'!$C$27:$C$5000,1)),INDEX('p-y cyclic clay'!$IH$27:$IH$5000,MATCH($B61,'p-y cyclic clay'!$C$27:$C$5000,1))))</f>
        <v>90</v>
      </c>
      <c r="Y61">
        <f>IF($D61="SAND",INDEX('p-y cyclic sand'!$AW$27:$AW$5000,MATCH($B61,'p-y cyclic sand'!$C$27:$C$5000,1)),IF(INDEX('CPT Data'!$S$12:$S$20000,MATCH($B61,'CPT Data'!$B$12:$B$20000,1))&lt;2,INDEX('p-y cyclic clay'!$GV$27:$GV$5000,MATCH($B61,'p-y cyclic clay'!$C$27:$C$5000,1)),INDEX('p-y cyclic clay'!$HV$27:$HV$5000,MATCH($B61,'p-y cyclic clay'!$C$27:$C$5000,1))))</f>
        <v>36544.734001709934</v>
      </c>
      <c r="Z61">
        <f>IF($D61="SAND",INDEX('p-y cyclic sand'!$AJ$27:$AJ$5000,MATCH($B61,'p-y cyclic sand'!$C$27:$C$5000,1)),IF(INDEX('CPT Data'!$S$12:$S$20000,MATCH($B61,'CPT Data'!$B$12:$B$20000,1))&lt;2,INDEX('p-y cyclic clay'!$HI$27:$HI$5000,MATCH($B61,'p-y cyclic clay'!$C$27:$C$5000,1)),INDEX('p-y cyclic clay'!$II$27:$II$5000,MATCH($B61,'p-y cyclic clay'!$C$27:$C$5000,1))))</f>
        <v>100</v>
      </c>
      <c r="AA61">
        <f>IF($D61="SAND",INDEX('p-y cyclic sand'!$AX$27:$AX$5000,MATCH($B61,'p-y cyclic sand'!$C$27:$C$5000,1)),IF(INDEX('CPT Data'!$S$12:$S$20000,MATCH($B61,'CPT Data'!$B$12:$B$20000,1))&lt;2,INDEX('p-y cyclic clay'!$GW$27:$GW$5000,MATCH($B61,'p-y cyclic clay'!$C$27:$C$5000,1)),INDEX('p-y cyclic clay'!$HW$27:$HW$5000,MATCH($B61,'p-y cyclic clay'!$C$27:$C$5000,1))))</f>
        <v>36817.286597939659</v>
      </c>
      <c r="AB61">
        <f>IF($D61="SAND",INDEX('p-y cyclic sand'!$AK$27:$AK$5000,MATCH($B61,'p-y cyclic sand'!$C$27:$C$5000,1)),IF(INDEX('CPT Data'!$S$12:$S$20000,MATCH($B61,'CPT Data'!$B$12:$B$20000,1))&lt;2,INDEX('p-y cyclic clay'!$HJ$27:$HJ$5000,MATCH($B61,'p-y cyclic clay'!$C$27:$C$5000,1)),INDEX('p-y cyclic clay'!$IJ$27:$IJ$5000,MATCH($B61,'p-y cyclic clay'!$C$27:$C$5000,1))))</f>
        <v>110</v>
      </c>
      <c r="AC61">
        <f>IF($D61="SAND",INDEX('p-y cyclic sand'!$AY$27:$AY$5000,MATCH($B61,'p-y cyclic sand'!$C$27:$C$5000,1)),IF(INDEX('CPT Data'!$S$12:$S$20000,MATCH($B61,'CPT Data'!$B$12:$B$20000,1))&lt;2,INDEX('p-y cyclic clay'!$GX$27:$GX$5000,MATCH($B61,'p-y cyclic clay'!$C$27:$C$5000,1)),INDEX('p-y cyclic clay'!$HX$27:$HX$5000,MATCH($B61,'p-y cyclic clay'!$C$27:$C$5000,1))))</f>
        <v>36990.43196933531</v>
      </c>
      <c r="AD61" s="98">
        <f>IF($D61="SAND",INDEX('p-y cyclic sand'!$AL$27:$AL$5000,MATCH($B61,'p-y cyclic sand'!$C$27:$C$5000,1)),IF(INDEX('CPT Data'!$S$12:$S$20000,MATCH($B61,'CPT Data'!$B$12:$B$20000,1))&lt;2,INDEX('p-y cyclic clay'!$HK$27:$HK$5000,MATCH($B61,'p-y cyclic clay'!$C$27:$C$5000,1)),INDEX('p-y cyclic clay'!$IK$27:$IK$5000,MATCH($B61,'p-y cyclic clay'!$C$27:$C$5000,1))))</f>
        <v>120</v>
      </c>
    </row>
    <row r="62" spans="1:30" x14ac:dyDescent="0.2">
      <c r="A62" s="214">
        <f t="shared" si="0"/>
        <v>-72.5</v>
      </c>
      <c r="B62" s="216">
        <f>'p-y cyclic clay'!C83</f>
        <v>57</v>
      </c>
      <c r="C62">
        <f>INDEX('CPT Data'!$C$13:$C$20000,MATCH(B62,'CPT Data'!$B$13:$B$20000,1))</f>
        <v>56.987000000000002</v>
      </c>
      <c r="D62" s="216" t="str">
        <f>INDEX('CPT Data'!$P$13:$P$20000,MATCH(B62,'CPT Data'!$B$13:$B$20000,1))</f>
        <v>SAND</v>
      </c>
      <c r="E62">
        <f>IF($D62="SAND",INDEX('p-y cyclic sand'!$AM$27:$AM$5000,MATCH($B62,'p-y cyclic sand'!$C$27:$C$5000,1)),IF(INDEX('CPT Data'!$S$12:$S$20000,MATCH($B62,'CPT Data'!$B$12:$B$20000,1))&lt;2,INDEX('p-y cyclic clay'!$GL$27:$GL$5000,MATCH($B62,'p-y cyclic clay'!$C$27:$C$5000,1)),INDEX('p-y cyclic clay'!$HL$27:$HL$5000,MATCH($B62,'p-y cyclic clay'!$C$27:$C$5000,1))))</f>
        <v>0</v>
      </c>
      <c r="F62">
        <f>IF($D62="SAND",INDEX('p-y cyclic sand'!$Z$27:$Z$5000,MATCH($B62,'p-y cyclic sand'!$C$27:$C$5000,1)),IF(INDEX('CPT Data'!$S$12:$S$20000,MATCH($B62,'CPT Data'!$B$12:$B$20000,1))&lt;2,INDEX('p-y cyclic clay'!$GY$27:$GY$5000,MATCH($B62,'p-y cyclic clay'!$C$27:$C$5000,1)),INDEX('p-y cyclic clay'!$HY$27:$HY$5000,MATCH($B62,'p-y cyclic clay'!$C$27:$C$5000,1))))</f>
        <v>0</v>
      </c>
      <c r="G62">
        <f>IF($D62="SAND",INDEX('p-y cyclic sand'!$AN$27:$AN$5000,MATCH($B62,'p-y cyclic sand'!$C$27:$C$5000,1)),IF(INDEX('CPT Data'!$S$12:$S$20000,MATCH($B62,'CPT Data'!$B$12:$B$20000,1))&lt;2,INDEX('p-y cyclic clay'!$GM$27:$GM$5000,MATCH($B62,'p-y cyclic clay'!$C$27:$C$5000,1)),INDEX('p-y cyclic clay'!$HM$27:$HM$5000,MATCH($B62,'p-y cyclic clay'!$C$27:$C$5000,1))))</f>
        <v>11395.820753235159</v>
      </c>
      <c r="H62">
        <f>IF($D62="SAND",INDEX('p-y cyclic sand'!$AA$27:$AA$5000,MATCH($B62,'p-y cyclic sand'!$C$27:$C$5000,1)),IF(INDEX('CPT Data'!$S$12:$S$20000,MATCH($B62,'CPT Data'!$B$12:$B$20000,1))&lt;2,INDEX('p-y cyclic clay'!$GZ$27:$GZ$5000,MATCH($B62,'p-y cyclic clay'!$C$27:$C$5000,1)),INDEX('p-y cyclic clay'!$HZ$27:$HZ$5000,MATCH($B62,'p-y cyclic clay'!$C$27:$C$5000,1))))</f>
        <v>10</v>
      </c>
      <c r="I62">
        <f>IF($D62="SAND",INDEX('p-y cyclic sand'!$AO$27:$AO$5000,MATCH($B62,'p-y cyclic sand'!$C$27:$C$5000,1)),IF(INDEX('CPT Data'!$S$12:$S$20000,MATCH($B62,'CPT Data'!$B$12:$B$20000,1))&lt;2,INDEX('p-y cyclic clay'!$GN$27:$GN$5000,MATCH($B62,'p-y cyclic clay'!$C$27:$C$5000,1)),INDEX('p-y cyclic clay'!$HN$27:$HN$5000,MATCH($B62,'p-y cyclic clay'!$C$27:$C$5000,1))))</f>
        <v>22570.611969708865</v>
      </c>
      <c r="J62">
        <f>IF($D62="SAND",INDEX('p-y cyclic sand'!$AB$27:$AB$5000,MATCH($B62,'p-y cyclic sand'!$C$27:$C$5000,1)),IF(INDEX('CPT Data'!$S$12:$S$20000,MATCH($B62,'CPT Data'!$B$12:$B$20000,1))&lt;2,INDEX('p-y cyclic clay'!$HA$27:$HA$5000,MATCH($B62,'p-y cyclic clay'!$C$27:$C$5000,1)),INDEX('p-y cyclic clay'!$IA$27:$IA$5000,MATCH($B62,'p-y cyclic clay'!$C$27:$C$5000,1))))</f>
        <v>20</v>
      </c>
      <c r="K62">
        <f>IF($D62="SAND",INDEX('p-y cyclic sand'!$AP$27:$AP$5000,MATCH($B62,'p-y cyclic sand'!$C$27:$C$5000,1)),IF(INDEX('CPT Data'!$S$12:$S$20000,MATCH($B62,'CPT Data'!$B$12:$B$20000,1))&lt;2,INDEX('p-y cyclic clay'!$GO$27:$GO$5000,MATCH($B62,'p-y cyclic clay'!$C$27:$C$5000,1)),INDEX('p-y cyclic clay'!$HO$27:$HO$5000,MATCH($B62,'p-y cyclic clay'!$C$27:$C$5000,1))))</f>
        <v>33320.165903386573</v>
      </c>
      <c r="L62">
        <f>IF($D62="SAND",INDEX('p-y cyclic sand'!$AC$27:$AC$5000,MATCH($B62,'p-y cyclic sand'!$C$27:$C$5000,1)),IF(INDEX('CPT Data'!$S$12:$S$20000,MATCH($B62,'CPT Data'!$B$12:$B$20000,1))&lt;2,INDEX('p-y cyclic clay'!$HB$27:$HB$5000,MATCH($B62,'p-y cyclic clay'!$C$27:$C$5000,1)),INDEX('p-y cyclic clay'!$IB$27:$IB$5000,MATCH($B62,'p-y cyclic clay'!$C$27:$C$5000,1))))</f>
        <v>30</v>
      </c>
      <c r="M62">
        <f>IF($D62="SAND",INDEX('p-y cyclic sand'!$AQ$27:$AQ$5000,MATCH($B62,'p-y cyclic sand'!$C$27:$C$5000,1)),IF(INDEX('CPT Data'!$S$12:$S$20000,MATCH($B62,'CPT Data'!$B$12:$B$20000,1))&lt;2,INDEX('p-y cyclic clay'!$GP$27:$GP$5000,MATCH($B62,'p-y cyclic clay'!$C$27:$C$5000,1)),INDEX('p-y cyclic clay'!$HP$27:$HP$5000,MATCH($B62,'p-y cyclic clay'!$C$27:$C$5000,1))))</f>
        <v>43471.269020704676</v>
      </c>
      <c r="N62">
        <f>IF($D62="SAND",INDEX('p-y cyclic sand'!$AD$27:$AD$5000,MATCH($B62,'p-y cyclic sand'!$C$27:$C$5000,1)),IF(INDEX('CPT Data'!$S$12:$S$20000,MATCH($B62,'CPT Data'!$B$12:$B$20000,1))&lt;2,INDEX('p-y cyclic clay'!$HC$27:$HC$5000,MATCH($B62,'p-y cyclic clay'!$C$27:$C$5000,1)),INDEX('p-y cyclic clay'!$IC$27:$IC$5000,MATCH($B62,'p-y cyclic clay'!$C$27:$C$5000,1))))</f>
        <v>40</v>
      </c>
      <c r="O62">
        <f>IF($D62="SAND",INDEX('p-y cyclic sand'!$AR$27:$AR$5000,MATCH($B62,'p-y cyclic sand'!$C$27:$C$5000,1)),IF(INDEX('CPT Data'!$S$12:$S$20000,MATCH($B62,'CPT Data'!$B$12:$B$20000,1))&lt;2,INDEX('p-y cyclic clay'!$GQ$27:$GQ$5000,MATCH($B62,'p-y cyclic clay'!$C$27:$C$5000,1)),INDEX('p-y cyclic clay'!$HQ$27:$HQ$5000,MATCH($B62,'p-y cyclic clay'!$C$27:$C$5000,1))))</f>
        <v>52891.268440839995</v>
      </c>
      <c r="P62">
        <f>IF($D62="SAND",INDEX('p-y cyclic sand'!$AE$27:$AE$5000,MATCH($B62,'p-y cyclic sand'!$C$27:$C$5000,1)),IF(INDEX('CPT Data'!$S$12:$S$20000,MATCH($B62,'CPT Data'!$B$12:$B$20000,1))&lt;2,INDEX('p-y cyclic clay'!$HD$27:$HD$5000,MATCH($B62,'p-y cyclic clay'!$C$27:$C$5000,1)),INDEX('p-y cyclic clay'!$ID$27:$ID$5000,MATCH($B62,'p-y cyclic clay'!$C$27:$C$5000,1))))</f>
        <v>50</v>
      </c>
      <c r="Q62">
        <f>IF($D62="SAND",INDEX('p-y cyclic sand'!$AS$27:$AS$5000,MATCH($B62,'p-y cyclic sand'!$C$27:$C$5000,1)),IF(INDEX('CPT Data'!$S$12:$S$20000,MATCH($B62,'CPT Data'!$B$12:$B$20000,1))&lt;2,INDEX('p-y cyclic clay'!$GR$27:$GR$5000,MATCH($B62,'p-y cyclic clay'!$C$27:$C$5000,1)),INDEX('p-y cyclic clay'!$HR$27:$HR$5000,MATCH($B62,'p-y cyclic clay'!$C$27:$C$5000,1))))</f>
        <v>61492.195147312224</v>
      </c>
      <c r="R62">
        <f>IF($D62="SAND",INDEX('p-y cyclic sand'!$AF$27:$AF$5000,MATCH($B62,'p-y cyclic sand'!$C$27:$C$5000,1)),IF(INDEX('CPT Data'!$S$12:$S$20000,MATCH($B62,'CPT Data'!$B$12:$B$20000,1))&lt;2,INDEX('p-y cyclic clay'!$HE$27:$HE$5000,MATCH($B62,'p-y cyclic clay'!$C$27:$C$5000,1)),INDEX('p-y cyclic clay'!$IE$27:$IE$5000,MATCH($B62,'p-y cyclic clay'!$C$27:$C$5000,1))))</f>
        <v>60</v>
      </c>
      <c r="S62">
        <f>IF($D62="SAND",INDEX('p-y cyclic sand'!$AT$27:$AT$5000,MATCH($B62,'p-y cyclic sand'!$C$27:$C$5000,1)),IF(INDEX('CPT Data'!$S$12:$S$20000,MATCH($B62,'CPT Data'!$B$12:$B$20000,1))&lt;2,INDEX('p-y cyclic clay'!$GS$27:$GS$5000,MATCH($B62,'p-y cyclic clay'!$C$27:$C$5000,1)),INDEX('p-y cyclic clay'!$HS$27:$HS$5000,MATCH($B62,'p-y cyclic clay'!$C$27:$C$5000,1))))</f>
        <v>69229.759116087618</v>
      </c>
      <c r="T62">
        <f>IF($D62="SAND",INDEX('p-y cyclic sand'!$AG$27:$AG$5000,MATCH($B62,'p-y cyclic sand'!$C$27:$C$5000,1)),IF(INDEX('CPT Data'!$S$12:$S$20000,MATCH($B62,'CPT Data'!$B$12:$B$20000,1))&lt;2,INDEX('p-y cyclic clay'!$HF$27:$HF$5000,MATCH($B62,'p-y cyclic clay'!$C$27:$C$5000,1)),INDEX('p-y cyclic clay'!$IF$27:$IF$5000,MATCH($B62,'p-y cyclic clay'!$C$27:$C$5000,1))))</f>
        <v>70</v>
      </c>
      <c r="U62">
        <f>IF($D62="SAND",INDEX('p-y cyclic sand'!$AU$27:$AU$5000,MATCH($B62,'p-y cyclic sand'!$C$27:$C$5000,1)),IF(INDEX('CPT Data'!$S$12:$S$20000,MATCH($B62,'CPT Data'!$B$12:$B$20000,1))&lt;2,INDEX('p-y cyclic clay'!$GT$27:$GT$5000,MATCH($B62,'p-y cyclic clay'!$C$27:$C$5000,1)),INDEX('p-y cyclic clay'!$HT$27:$HT$5000,MATCH($B62,'p-y cyclic clay'!$C$27:$C$5000,1))))</f>
        <v>76098.380658688984</v>
      </c>
      <c r="V62">
        <f>IF($D62="SAND",INDEX('p-y cyclic sand'!$AH$27:$AH$5000,MATCH($B62,'p-y cyclic sand'!$C$27:$C$5000,1)),IF(INDEX('CPT Data'!$S$12:$S$20000,MATCH($B62,'CPT Data'!$B$12:$B$20000,1))&lt;2,INDEX('p-y cyclic clay'!$HG$27:$HG$5000,MATCH($B62,'p-y cyclic clay'!$C$27:$C$5000,1)),INDEX('p-y cyclic clay'!$IG$27:$IG$5000,MATCH($B62,'p-y cyclic clay'!$C$27:$C$5000,1))))</f>
        <v>80</v>
      </c>
      <c r="W62">
        <f>IF($D62="SAND",INDEX('p-y cyclic sand'!$AV$27:$AV$5000,MATCH($B62,'p-y cyclic sand'!$C$27:$C$5000,1)),IF(INDEX('CPT Data'!$S$12:$S$20000,MATCH($B62,'CPT Data'!$B$12:$B$20000,1))&lt;2,INDEX('p-y cyclic clay'!$GU$27:$GU$5000,MATCH($B62,'p-y cyclic clay'!$C$27:$C$5000,1)),INDEX('p-y cyclic clay'!$HU$27:$HU$5000,MATCH($B62,'p-y cyclic clay'!$C$27:$C$5000,1))))</f>
        <v>82123.810759255488</v>
      </c>
      <c r="X62">
        <f>IF($D62="SAND",INDEX('p-y cyclic sand'!$AI$27:$AI$5000,MATCH($B62,'p-y cyclic sand'!$C$27:$C$5000,1)),IF(INDEX('CPT Data'!$S$12:$S$20000,MATCH($B62,'CPT Data'!$B$12:$B$20000,1))&lt;2,INDEX('p-y cyclic clay'!$HH$27:$HH$5000,MATCH($B62,'p-y cyclic clay'!$C$27:$C$5000,1)),INDEX('p-y cyclic clay'!$IH$27:$IH$5000,MATCH($B62,'p-y cyclic clay'!$C$27:$C$5000,1))))</f>
        <v>90</v>
      </c>
      <c r="Y62">
        <f>IF($D62="SAND",INDEX('p-y cyclic sand'!$AW$27:$AW$5000,MATCH($B62,'p-y cyclic sand'!$C$27:$C$5000,1)),IF(INDEX('CPT Data'!$S$12:$S$20000,MATCH($B62,'CPT Data'!$B$12:$B$20000,1))&lt;2,INDEX('p-y cyclic clay'!$GV$27:$GV$5000,MATCH($B62,'p-y cyclic clay'!$C$27:$C$5000,1)),INDEX('p-y cyclic clay'!$HV$27:$HV$5000,MATCH($B62,'p-y cyclic clay'!$C$27:$C$5000,1))))</f>
        <v>87354.85270422505</v>
      </c>
      <c r="Z62">
        <f>IF($D62="SAND",INDEX('p-y cyclic sand'!$AJ$27:$AJ$5000,MATCH($B62,'p-y cyclic sand'!$C$27:$C$5000,1)),IF(INDEX('CPT Data'!$S$12:$S$20000,MATCH($B62,'CPT Data'!$B$12:$B$20000,1))&lt;2,INDEX('p-y cyclic clay'!$HI$27:$HI$5000,MATCH($B62,'p-y cyclic clay'!$C$27:$C$5000,1)),INDEX('p-y cyclic clay'!$II$27:$II$5000,MATCH($B62,'p-y cyclic clay'!$C$27:$C$5000,1))))</f>
        <v>100</v>
      </c>
      <c r="AA62">
        <f>IF($D62="SAND",INDEX('p-y cyclic sand'!$AX$27:$AX$5000,MATCH($B62,'p-y cyclic sand'!$C$27:$C$5000,1)),IF(INDEX('CPT Data'!$S$12:$S$20000,MATCH($B62,'CPT Data'!$B$12:$B$20000,1))&lt;2,INDEX('p-y cyclic clay'!$GW$27:$GW$5000,MATCH($B62,'p-y cyclic clay'!$C$27:$C$5000,1)),INDEX('p-y cyclic clay'!$HW$27:$HW$5000,MATCH($B62,'p-y cyclic clay'!$C$27:$C$5000,1))))</f>
        <v>91855.376318672716</v>
      </c>
      <c r="AB62">
        <f>IF($D62="SAND",INDEX('p-y cyclic sand'!$AK$27:$AK$5000,MATCH($B62,'p-y cyclic sand'!$C$27:$C$5000,1)),IF(INDEX('CPT Data'!$S$12:$S$20000,MATCH($B62,'CPT Data'!$B$12:$B$20000,1))&lt;2,INDEX('p-y cyclic clay'!$HJ$27:$HJ$5000,MATCH($B62,'p-y cyclic clay'!$C$27:$C$5000,1)),INDEX('p-y cyclic clay'!$IJ$27:$IJ$5000,MATCH($B62,'p-y cyclic clay'!$C$27:$C$5000,1))))</f>
        <v>110</v>
      </c>
      <c r="AC62">
        <f>IF($D62="SAND",INDEX('p-y cyclic sand'!$AY$27:$AY$5000,MATCH($B62,'p-y cyclic sand'!$C$27:$C$5000,1)),IF(INDEX('CPT Data'!$S$12:$S$20000,MATCH($B62,'CPT Data'!$B$12:$B$20000,1))&lt;2,INDEX('p-y cyclic clay'!$GX$27:$GX$5000,MATCH($B62,'p-y cyclic clay'!$C$27:$C$5000,1)),INDEX('p-y cyclic clay'!$HX$27:$HX$5000,MATCH($B62,'p-y cyclic clay'!$C$27:$C$5000,1))))</f>
        <v>95697.387503093792</v>
      </c>
      <c r="AD62" s="98">
        <f>IF($D62="SAND",INDEX('p-y cyclic sand'!$AL$27:$AL$5000,MATCH($B62,'p-y cyclic sand'!$C$27:$C$5000,1)),IF(INDEX('CPT Data'!$S$12:$S$20000,MATCH($B62,'CPT Data'!$B$12:$B$20000,1))&lt;2,INDEX('p-y cyclic clay'!$HK$27:$HK$5000,MATCH($B62,'p-y cyclic clay'!$C$27:$C$5000,1)),INDEX('p-y cyclic clay'!$IK$27:$IK$5000,MATCH($B62,'p-y cyclic clay'!$C$27:$C$5000,1))))</f>
        <v>120</v>
      </c>
    </row>
    <row r="63" spans="1:30" x14ac:dyDescent="0.2">
      <c r="A63" s="214">
        <f t="shared" si="0"/>
        <v>-73.5</v>
      </c>
      <c r="B63" s="216">
        <f>'p-y cyclic clay'!C84</f>
        <v>58</v>
      </c>
      <c r="C63">
        <f>INDEX('CPT Data'!$C$13:$C$20000,MATCH(B63,'CPT Data'!$B$13:$B$20000,1))</f>
        <v>57.984000000000002</v>
      </c>
      <c r="D63" s="216" t="str">
        <f>INDEX('CPT Data'!$P$13:$P$20000,MATCH(B63,'CPT Data'!$B$13:$B$20000,1))</f>
        <v>SAND</v>
      </c>
      <c r="E63">
        <f>IF($D63="SAND",INDEX('p-y cyclic sand'!$AM$27:$AM$5000,MATCH($B63,'p-y cyclic sand'!$C$27:$C$5000,1)),IF(INDEX('CPT Data'!$S$12:$S$20000,MATCH($B63,'CPT Data'!$B$12:$B$20000,1))&lt;2,INDEX('p-y cyclic clay'!$GL$27:$GL$5000,MATCH($B63,'p-y cyclic clay'!$C$27:$C$5000,1)),INDEX('p-y cyclic clay'!$HL$27:$HL$5000,MATCH($B63,'p-y cyclic clay'!$C$27:$C$5000,1))))</f>
        <v>0</v>
      </c>
      <c r="F63">
        <f>IF($D63="SAND",INDEX('p-y cyclic sand'!$Z$27:$Z$5000,MATCH($B63,'p-y cyclic sand'!$C$27:$C$5000,1)),IF(INDEX('CPT Data'!$S$12:$S$20000,MATCH($B63,'CPT Data'!$B$12:$B$20000,1))&lt;2,INDEX('p-y cyclic clay'!$GY$27:$GY$5000,MATCH($B63,'p-y cyclic clay'!$C$27:$C$5000,1)),INDEX('p-y cyclic clay'!$HY$27:$HY$5000,MATCH($B63,'p-y cyclic clay'!$C$27:$C$5000,1))))</f>
        <v>0</v>
      </c>
      <c r="G63">
        <f>IF($D63="SAND",INDEX('p-y cyclic sand'!$AN$27:$AN$5000,MATCH($B63,'p-y cyclic sand'!$C$27:$C$5000,1)),IF(INDEX('CPT Data'!$S$12:$S$20000,MATCH($B63,'CPT Data'!$B$12:$B$20000,1))&lt;2,INDEX('p-y cyclic clay'!$GM$27:$GM$5000,MATCH($B63,'p-y cyclic clay'!$C$27:$C$5000,1)),INDEX('p-y cyclic clay'!$HM$27:$HM$5000,MATCH($B63,'p-y cyclic clay'!$C$27:$C$5000,1))))</f>
        <v>10187.371707506218</v>
      </c>
      <c r="H63">
        <f>IF($D63="SAND",INDEX('p-y cyclic sand'!$AA$27:$AA$5000,MATCH($B63,'p-y cyclic sand'!$C$27:$C$5000,1)),IF(INDEX('CPT Data'!$S$12:$S$20000,MATCH($B63,'CPT Data'!$B$12:$B$20000,1))&lt;2,INDEX('p-y cyclic clay'!$GZ$27:$GZ$5000,MATCH($B63,'p-y cyclic clay'!$C$27:$C$5000,1)),INDEX('p-y cyclic clay'!$HZ$27:$HZ$5000,MATCH($B63,'p-y cyclic clay'!$C$27:$C$5000,1))))</f>
        <v>10</v>
      </c>
      <c r="I63">
        <f>IF($D63="SAND",INDEX('p-y cyclic sand'!$AO$27:$AO$5000,MATCH($B63,'p-y cyclic sand'!$C$27:$C$5000,1)),IF(INDEX('CPT Data'!$S$12:$S$20000,MATCH($B63,'CPT Data'!$B$12:$B$20000,1))&lt;2,INDEX('p-y cyclic clay'!$GN$27:$GN$5000,MATCH($B63,'p-y cyclic clay'!$C$27:$C$5000,1)),INDEX('p-y cyclic clay'!$HN$27:$HN$5000,MATCH($B63,'p-y cyclic clay'!$C$27:$C$5000,1))))</f>
        <v>20326.307824173367</v>
      </c>
      <c r="J63">
        <f>IF($D63="SAND",INDEX('p-y cyclic sand'!$AB$27:$AB$5000,MATCH($B63,'p-y cyclic sand'!$C$27:$C$5000,1)),IF(INDEX('CPT Data'!$S$12:$S$20000,MATCH($B63,'CPT Data'!$B$12:$B$20000,1))&lt;2,INDEX('p-y cyclic clay'!$HA$27:$HA$5000,MATCH($B63,'p-y cyclic clay'!$C$27:$C$5000,1)),INDEX('p-y cyclic clay'!$IA$27:$IA$5000,MATCH($B63,'p-y cyclic clay'!$C$27:$C$5000,1))))</f>
        <v>20</v>
      </c>
      <c r="K63">
        <f>IF($D63="SAND",INDEX('p-y cyclic sand'!$AP$27:$AP$5000,MATCH($B63,'p-y cyclic sand'!$C$27:$C$5000,1)),IF(INDEX('CPT Data'!$S$12:$S$20000,MATCH($B63,'CPT Data'!$B$12:$B$20000,1))&lt;2,INDEX('p-y cyclic clay'!$GO$27:$GO$5000,MATCH($B63,'p-y cyclic clay'!$C$27:$C$5000,1)),INDEX('p-y cyclic clay'!$HO$27:$HO$5000,MATCH($B63,'p-y cyclic clay'!$C$27:$C$5000,1))))</f>
        <v>30369.289543307113</v>
      </c>
      <c r="L63">
        <f>IF($D63="SAND",INDEX('p-y cyclic sand'!$AC$27:$AC$5000,MATCH($B63,'p-y cyclic sand'!$C$27:$C$5000,1)),IF(INDEX('CPT Data'!$S$12:$S$20000,MATCH($B63,'CPT Data'!$B$12:$B$20000,1))&lt;2,INDEX('p-y cyclic clay'!$HB$27:$HB$5000,MATCH($B63,'p-y cyclic clay'!$C$27:$C$5000,1)),INDEX('p-y cyclic clay'!$IB$27:$IB$5000,MATCH($B63,'p-y cyclic clay'!$C$27:$C$5000,1))))</f>
        <v>30</v>
      </c>
      <c r="M63">
        <f>IF($D63="SAND",INDEX('p-y cyclic sand'!$AQ$27:$AQ$5000,MATCH($B63,'p-y cyclic sand'!$C$27:$C$5000,1)),IF(INDEX('CPT Data'!$S$12:$S$20000,MATCH($B63,'CPT Data'!$B$12:$B$20000,1))&lt;2,INDEX('p-y cyclic clay'!$GP$27:$GP$5000,MATCH($B63,'p-y cyclic clay'!$C$27:$C$5000,1)),INDEX('p-y cyclic clay'!$HP$27:$HP$5000,MATCH($B63,'p-y cyclic clay'!$C$27:$C$5000,1))))</f>
        <v>40270.594996499225</v>
      </c>
      <c r="N63">
        <f>IF($D63="SAND",INDEX('p-y cyclic sand'!$AD$27:$AD$5000,MATCH($B63,'p-y cyclic sand'!$C$27:$C$5000,1)),IF(INDEX('CPT Data'!$S$12:$S$20000,MATCH($B63,'CPT Data'!$B$12:$B$20000,1))&lt;2,INDEX('p-y cyclic clay'!$HC$27:$HC$5000,MATCH($B63,'p-y cyclic clay'!$C$27:$C$5000,1)),INDEX('p-y cyclic clay'!$IC$27:$IC$5000,MATCH($B63,'p-y cyclic clay'!$C$27:$C$5000,1))))</f>
        <v>40</v>
      </c>
      <c r="O63">
        <f>IF($D63="SAND",INDEX('p-y cyclic sand'!$AR$27:$AR$5000,MATCH($B63,'p-y cyclic sand'!$C$27:$C$5000,1)),IF(INDEX('CPT Data'!$S$12:$S$20000,MATCH($B63,'CPT Data'!$B$12:$B$20000,1))&lt;2,INDEX('p-y cyclic clay'!$GQ$27:$GQ$5000,MATCH($B63,'p-y cyclic clay'!$C$27:$C$5000,1)),INDEX('p-y cyclic clay'!$HQ$27:$HQ$5000,MATCH($B63,'p-y cyclic clay'!$C$27:$C$5000,1))))</f>
        <v>49987.10863826931</v>
      </c>
      <c r="P63">
        <f>IF($D63="SAND",INDEX('p-y cyclic sand'!$AE$27:$AE$5000,MATCH($B63,'p-y cyclic sand'!$C$27:$C$5000,1)),IF(INDEX('CPT Data'!$S$12:$S$20000,MATCH($B63,'CPT Data'!$B$12:$B$20000,1))&lt;2,INDEX('p-y cyclic clay'!$HD$27:$HD$5000,MATCH($B63,'p-y cyclic clay'!$C$27:$C$5000,1)),INDEX('p-y cyclic clay'!$ID$27:$ID$5000,MATCH($B63,'p-y cyclic clay'!$C$27:$C$5000,1))))</f>
        <v>50</v>
      </c>
      <c r="Q63">
        <f>IF($D63="SAND",INDEX('p-y cyclic sand'!$AS$27:$AS$5000,MATCH($B63,'p-y cyclic sand'!$C$27:$C$5000,1)),IF(INDEX('CPT Data'!$S$12:$S$20000,MATCH($B63,'CPT Data'!$B$12:$B$20000,1))&lt;2,INDEX('p-y cyclic clay'!$GR$27:$GR$5000,MATCH($B63,'p-y cyclic clay'!$C$27:$C$5000,1)),INDEX('p-y cyclic clay'!$HR$27:$HR$5000,MATCH($B63,'p-y cyclic clay'!$C$27:$C$5000,1))))</f>
        <v>59479.030446651712</v>
      </c>
      <c r="R63">
        <f>IF($D63="SAND",INDEX('p-y cyclic sand'!$AF$27:$AF$5000,MATCH($B63,'p-y cyclic sand'!$C$27:$C$5000,1)),IF(INDEX('CPT Data'!$S$12:$S$20000,MATCH($B63,'CPT Data'!$B$12:$B$20000,1))&lt;2,INDEX('p-y cyclic clay'!$HE$27:$HE$5000,MATCH($B63,'p-y cyclic clay'!$C$27:$C$5000,1)),INDEX('p-y cyclic clay'!$IE$27:$IE$5000,MATCH($B63,'p-y cyclic clay'!$C$27:$C$5000,1))))</f>
        <v>60</v>
      </c>
      <c r="S63">
        <f>IF($D63="SAND",INDEX('p-y cyclic sand'!$AT$27:$AT$5000,MATCH($B63,'p-y cyclic sand'!$C$27:$C$5000,1)),IF(INDEX('CPT Data'!$S$12:$S$20000,MATCH($B63,'CPT Data'!$B$12:$B$20000,1))&lt;2,INDEX('p-y cyclic clay'!$GS$27:$GS$5000,MATCH($B63,'p-y cyclic clay'!$C$27:$C$5000,1)),INDEX('p-y cyclic clay'!$HS$27:$HS$5000,MATCH($B63,'p-y cyclic clay'!$C$27:$C$5000,1))))</f>
        <v>68710.462009291674</v>
      </c>
      <c r="T63">
        <f>IF($D63="SAND",INDEX('p-y cyclic sand'!$AG$27:$AG$5000,MATCH($B63,'p-y cyclic sand'!$C$27:$C$5000,1)),IF(INDEX('CPT Data'!$S$12:$S$20000,MATCH($B63,'CPT Data'!$B$12:$B$20000,1))&lt;2,INDEX('p-y cyclic clay'!$HF$27:$HF$5000,MATCH($B63,'p-y cyclic clay'!$C$27:$C$5000,1)),INDEX('p-y cyclic clay'!$IF$27:$IF$5000,MATCH($B63,'p-y cyclic clay'!$C$27:$C$5000,1))))</f>
        <v>70</v>
      </c>
      <c r="U63">
        <f>IF($D63="SAND",INDEX('p-y cyclic sand'!$AU$27:$AU$5000,MATCH($B63,'p-y cyclic sand'!$C$27:$C$5000,1)),IF(INDEX('CPT Data'!$S$12:$S$20000,MATCH($B63,'CPT Data'!$B$12:$B$20000,1))&lt;2,INDEX('p-y cyclic clay'!$GT$27:$GT$5000,MATCH($B63,'p-y cyclic clay'!$C$27:$C$5000,1)),INDEX('p-y cyclic clay'!$HT$27:$HT$5000,MATCH($B63,'p-y cyclic clay'!$C$27:$C$5000,1))))</f>
        <v>77649.854180203954</v>
      </c>
      <c r="V63">
        <f>IF($D63="SAND",INDEX('p-y cyclic sand'!$AH$27:$AH$5000,MATCH($B63,'p-y cyclic sand'!$C$27:$C$5000,1)),IF(INDEX('CPT Data'!$S$12:$S$20000,MATCH($B63,'CPT Data'!$B$12:$B$20000,1))&lt;2,INDEX('p-y cyclic clay'!$HG$27:$HG$5000,MATCH($B63,'p-y cyclic clay'!$C$27:$C$5000,1)),INDEX('p-y cyclic clay'!$IG$27:$IG$5000,MATCH($B63,'p-y cyclic clay'!$C$27:$C$5000,1))))</f>
        <v>80</v>
      </c>
      <c r="W63">
        <f>IF($D63="SAND",INDEX('p-y cyclic sand'!$AV$27:$AV$5000,MATCH($B63,'p-y cyclic sand'!$C$27:$C$5000,1)),IF(INDEX('CPT Data'!$S$12:$S$20000,MATCH($B63,'CPT Data'!$B$12:$B$20000,1))&lt;2,INDEX('p-y cyclic clay'!$GU$27:$GU$5000,MATCH($B63,'p-y cyclic clay'!$C$27:$C$5000,1)),INDEX('p-y cyclic clay'!$HU$27:$HU$5000,MATCH($B63,'p-y cyclic clay'!$C$27:$C$5000,1))))</f>
        <v>86270.309043412824</v>
      </c>
      <c r="X63">
        <f>IF($D63="SAND",INDEX('p-y cyclic sand'!$AI$27:$AI$5000,MATCH($B63,'p-y cyclic sand'!$C$27:$C$5000,1)),IF(INDEX('CPT Data'!$S$12:$S$20000,MATCH($B63,'CPT Data'!$B$12:$B$20000,1))&lt;2,INDEX('p-y cyclic clay'!$HH$27:$HH$5000,MATCH($B63,'p-y cyclic clay'!$C$27:$C$5000,1)),INDEX('p-y cyclic clay'!$IH$27:$IH$5000,MATCH($B63,'p-y cyclic clay'!$C$27:$C$5000,1))))</f>
        <v>90</v>
      </c>
      <c r="Y63">
        <f>IF($D63="SAND",INDEX('p-y cyclic sand'!$AW$27:$AW$5000,MATCH($B63,'p-y cyclic sand'!$C$27:$C$5000,1)),IF(INDEX('CPT Data'!$S$12:$S$20000,MATCH($B63,'CPT Data'!$B$12:$B$20000,1))&lt;2,INDEX('p-y cyclic clay'!$GV$27:$GV$5000,MATCH($B63,'p-y cyclic clay'!$C$27:$C$5000,1)),INDEX('p-y cyclic clay'!$HV$27:$HV$5000,MATCH($B63,'p-y cyclic clay'!$C$27:$C$5000,1))))</f>
        <v>94549.736728765929</v>
      </c>
      <c r="Z63">
        <f>IF($D63="SAND",INDEX('p-y cyclic sand'!$AJ$27:$AJ$5000,MATCH($B63,'p-y cyclic sand'!$C$27:$C$5000,1)),IF(INDEX('CPT Data'!$S$12:$S$20000,MATCH($B63,'CPT Data'!$B$12:$B$20000,1))&lt;2,INDEX('p-y cyclic clay'!$HI$27:$HI$5000,MATCH($B63,'p-y cyclic clay'!$C$27:$C$5000,1)),INDEX('p-y cyclic clay'!$II$27:$II$5000,MATCH($B63,'p-y cyclic clay'!$C$27:$C$5000,1))))</f>
        <v>100</v>
      </c>
      <c r="AA63">
        <f>IF($D63="SAND",INDEX('p-y cyclic sand'!$AX$27:$AX$5000,MATCH($B63,'p-y cyclic sand'!$C$27:$C$5000,1)),IF(INDEX('CPT Data'!$S$12:$S$20000,MATCH($B63,'CPT Data'!$B$12:$B$20000,1))&lt;2,INDEX('p-y cyclic clay'!$GW$27:$GW$5000,MATCH($B63,'p-y cyclic clay'!$C$27:$C$5000,1)),INDEX('p-y cyclic clay'!$HW$27:$HW$5000,MATCH($B63,'p-y cyclic clay'!$C$27:$C$5000,1))))</f>
        <v>102470.87460886793</v>
      </c>
      <c r="AB63">
        <f>IF($D63="SAND",INDEX('p-y cyclic sand'!$AK$27:$AK$5000,MATCH($B63,'p-y cyclic sand'!$C$27:$C$5000,1)),IF(INDEX('CPT Data'!$S$12:$S$20000,MATCH($B63,'CPT Data'!$B$12:$B$20000,1))&lt;2,INDEX('p-y cyclic clay'!$HJ$27:$HJ$5000,MATCH($B63,'p-y cyclic clay'!$C$27:$C$5000,1)),INDEX('p-y cyclic clay'!$IJ$27:$IJ$5000,MATCH($B63,'p-y cyclic clay'!$C$27:$C$5000,1))))</f>
        <v>110</v>
      </c>
      <c r="AC63">
        <f>IF($D63="SAND",INDEX('p-y cyclic sand'!$AY$27:$AY$5000,MATCH($B63,'p-y cyclic sand'!$C$27:$C$5000,1)),IF(INDEX('CPT Data'!$S$12:$S$20000,MATCH($B63,'CPT Data'!$B$12:$B$20000,1))&lt;2,INDEX('p-y cyclic clay'!$GX$27:$GX$5000,MATCH($B63,'p-y cyclic clay'!$C$27:$C$5000,1)),INDEX('p-y cyclic clay'!$HX$27:$HX$5000,MATCH($B63,'p-y cyclic clay'!$C$27:$C$5000,1))))</f>
        <v>110021.18212880738</v>
      </c>
      <c r="AD63" s="98">
        <f>IF($D63="SAND",INDEX('p-y cyclic sand'!$AL$27:$AL$5000,MATCH($B63,'p-y cyclic sand'!$C$27:$C$5000,1)),IF(INDEX('CPT Data'!$S$12:$S$20000,MATCH($B63,'CPT Data'!$B$12:$B$20000,1))&lt;2,INDEX('p-y cyclic clay'!$HK$27:$HK$5000,MATCH($B63,'p-y cyclic clay'!$C$27:$C$5000,1)),INDEX('p-y cyclic clay'!$IK$27:$IK$5000,MATCH($B63,'p-y cyclic clay'!$C$27:$C$5000,1))))</f>
        <v>120</v>
      </c>
    </row>
    <row r="64" spans="1:30" x14ac:dyDescent="0.2">
      <c r="A64" s="214">
        <f t="shared" si="0"/>
        <v>-74.5</v>
      </c>
      <c r="B64" s="216">
        <f>'p-y cyclic clay'!C85</f>
        <v>59</v>
      </c>
      <c r="C64">
        <f>INDEX('CPT Data'!$C$13:$C$20000,MATCH(B64,'CPT Data'!$B$13:$B$20000,1))</f>
        <v>58.988</v>
      </c>
      <c r="D64" s="216" t="str">
        <f>INDEX('CPT Data'!$P$13:$P$20000,MATCH(B64,'CPT Data'!$B$13:$B$20000,1))</f>
        <v>SAND</v>
      </c>
      <c r="E64">
        <f>IF($D64="SAND",INDEX('p-y cyclic sand'!$AM$27:$AM$5000,MATCH($B64,'p-y cyclic sand'!$C$27:$C$5000,1)),IF(INDEX('CPT Data'!$S$12:$S$20000,MATCH($B64,'CPT Data'!$B$12:$B$20000,1))&lt;2,INDEX('p-y cyclic clay'!$GL$27:$GL$5000,MATCH($B64,'p-y cyclic clay'!$C$27:$C$5000,1)),INDEX('p-y cyclic clay'!$HL$27:$HL$5000,MATCH($B64,'p-y cyclic clay'!$C$27:$C$5000,1))))</f>
        <v>0</v>
      </c>
      <c r="F64">
        <f>IF($D64="SAND",INDEX('p-y cyclic sand'!$Z$27:$Z$5000,MATCH($B64,'p-y cyclic sand'!$C$27:$C$5000,1)),IF(INDEX('CPT Data'!$S$12:$S$20000,MATCH($B64,'CPT Data'!$B$12:$B$20000,1))&lt;2,INDEX('p-y cyclic clay'!$GY$27:$GY$5000,MATCH($B64,'p-y cyclic clay'!$C$27:$C$5000,1)),INDEX('p-y cyclic clay'!$HY$27:$HY$5000,MATCH($B64,'p-y cyclic clay'!$C$27:$C$5000,1))))</f>
        <v>0</v>
      </c>
      <c r="G64">
        <f>IF($D64="SAND",INDEX('p-y cyclic sand'!$AN$27:$AN$5000,MATCH($B64,'p-y cyclic sand'!$C$27:$C$5000,1)),IF(INDEX('CPT Data'!$S$12:$S$20000,MATCH($B64,'CPT Data'!$B$12:$B$20000,1))&lt;2,INDEX('p-y cyclic clay'!$GM$27:$GM$5000,MATCH($B64,'p-y cyclic clay'!$C$27:$C$5000,1)),INDEX('p-y cyclic clay'!$HM$27:$HM$5000,MATCH($B64,'p-y cyclic clay'!$C$27:$C$5000,1))))</f>
        <v>15221.783708669607</v>
      </c>
      <c r="H64">
        <f>IF($D64="SAND",INDEX('p-y cyclic sand'!$AA$27:$AA$5000,MATCH($B64,'p-y cyclic sand'!$C$27:$C$5000,1)),IF(INDEX('CPT Data'!$S$12:$S$20000,MATCH($B64,'CPT Data'!$B$12:$B$20000,1))&lt;2,INDEX('p-y cyclic clay'!$GZ$27:$GZ$5000,MATCH($B64,'p-y cyclic clay'!$C$27:$C$5000,1)),INDEX('p-y cyclic clay'!$HZ$27:$HZ$5000,MATCH($B64,'p-y cyclic clay'!$C$27:$C$5000,1))))</f>
        <v>10</v>
      </c>
      <c r="I64">
        <f>IF($D64="SAND",INDEX('p-y cyclic sand'!$AO$27:$AO$5000,MATCH($B64,'p-y cyclic sand'!$C$27:$C$5000,1)),IF(INDEX('CPT Data'!$S$12:$S$20000,MATCH($B64,'CPT Data'!$B$12:$B$20000,1))&lt;2,INDEX('p-y cyclic clay'!$GN$27:$GN$5000,MATCH($B64,'p-y cyclic clay'!$C$27:$C$5000,1)),INDEX('p-y cyclic clay'!$HN$27:$HN$5000,MATCH($B64,'p-y cyclic clay'!$C$27:$C$5000,1))))</f>
        <v>30397.780832988727</v>
      </c>
      <c r="J64">
        <f>IF($D64="SAND",INDEX('p-y cyclic sand'!$AB$27:$AB$5000,MATCH($B64,'p-y cyclic sand'!$C$27:$C$5000,1)),IF(INDEX('CPT Data'!$S$12:$S$20000,MATCH($B64,'CPT Data'!$B$12:$B$20000,1))&lt;2,INDEX('p-y cyclic clay'!$HA$27:$HA$5000,MATCH($B64,'p-y cyclic clay'!$C$27:$C$5000,1)),INDEX('p-y cyclic clay'!$IA$27:$IA$5000,MATCH($B64,'p-y cyclic clay'!$C$27:$C$5000,1))))</f>
        <v>20</v>
      </c>
      <c r="K64">
        <f>IF($D64="SAND",INDEX('p-y cyclic sand'!$AP$27:$AP$5000,MATCH($B64,'p-y cyclic sand'!$C$27:$C$5000,1)),IF(INDEX('CPT Data'!$S$12:$S$20000,MATCH($B64,'CPT Data'!$B$12:$B$20000,1))&lt;2,INDEX('p-y cyclic clay'!$GO$27:$GO$5000,MATCH($B64,'p-y cyclic clay'!$C$27:$C$5000,1)),INDEX('p-y cyclic clay'!$HO$27:$HO$5000,MATCH($B64,'p-y cyclic clay'!$C$27:$C$5000,1))))</f>
        <v>45482.754034168844</v>
      </c>
      <c r="L64">
        <f>IF($D64="SAND",INDEX('p-y cyclic sand'!$AC$27:$AC$5000,MATCH($B64,'p-y cyclic sand'!$C$27:$C$5000,1)),IF(INDEX('CPT Data'!$S$12:$S$20000,MATCH($B64,'CPT Data'!$B$12:$B$20000,1))&lt;2,INDEX('p-y cyclic clay'!$HB$27:$HB$5000,MATCH($B64,'p-y cyclic clay'!$C$27:$C$5000,1)),INDEX('p-y cyclic clay'!$IB$27:$IB$5000,MATCH($B64,'p-y cyclic clay'!$C$27:$C$5000,1))))</f>
        <v>30</v>
      </c>
      <c r="M64">
        <f>IF($D64="SAND",INDEX('p-y cyclic sand'!$AQ$27:$AQ$5000,MATCH($B64,'p-y cyclic sand'!$C$27:$C$5000,1)),IF(INDEX('CPT Data'!$S$12:$S$20000,MATCH($B64,'CPT Data'!$B$12:$B$20000,1))&lt;2,INDEX('p-y cyclic clay'!$GP$27:$GP$5000,MATCH($B64,'p-y cyclic clay'!$C$27:$C$5000,1)),INDEX('p-y cyclic clay'!$HP$27:$HP$5000,MATCH($B64,'p-y cyclic clay'!$C$27:$C$5000,1))))</f>
        <v>60432.550522740872</v>
      </c>
      <c r="N64">
        <f>IF($D64="SAND",INDEX('p-y cyclic sand'!$AD$27:$AD$5000,MATCH($B64,'p-y cyclic sand'!$C$27:$C$5000,1)),IF(INDEX('CPT Data'!$S$12:$S$20000,MATCH($B64,'CPT Data'!$B$12:$B$20000,1))&lt;2,INDEX('p-y cyclic clay'!$HC$27:$HC$5000,MATCH($B64,'p-y cyclic clay'!$C$27:$C$5000,1)),INDEX('p-y cyclic clay'!$IC$27:$IC$5000,MATCH($B64,'p-y cyclic clay'!$C$27:$C$5000,1))))</f>
        <v>40</v>
      </c>
      <c r="O64">
        <f>IF($D64="SAND",INDEX('p-y cyclic sand'!$AR$27:$AR$5000,MATCH($B64,'p-y cyclic sand'!$C$27:$C$5000,1)),IF(INDEX('CPT Data'!$S$12:$S$20000,MATCH($B64,'CPT Data'!$B$12:$B$20000,1))&lt;2,INDEX('p-y cyclic clay'!$GQ$27:$GQ$5000,MATCH($B64,'p-y cyclic clay'!$C$27:$C$5000,1)),INDEX('p-y cyclic clay'!$HQ$27:$HQ$5000,MATCH($B64,'p-y cyclic clay'!$C$27:$C$5000,1))))</f>
        <v>75204.610082789804</v>
      </c>
      <c r="P64">
        <f>IF($D64="SAND",INDEX('p-y cyclic sand'!$AE$27:$AE$5000,MATCH($B64,'p-y cyclic sand'!$C$27:$C$5000,1)),IF(INDEX('CPT Data'!$S$12:$S$20000,MATCH($B64,'CPT Data'!$B$12:$B$20000,1))&lt;2,INDEX('p-y cyclic clay'!$HD$27:$HD$5000,MATCH($B64,'p-y cyclic clay'!$C$27:$C$5000,1)),INDEX('p-y cyclic clay'!$ID$27:$ID$5000,MATCH($B64,'p-y cyclic clay'!$C$27:$C$5000,1))))</f>
        <v>50</v>
      </c>
      <c r="Q64">
        <f>IF($D64="SAND",INDEX('p-y cyclic sand'!$AS$27:$AS$5000,MATCH($B64,'p-y cyclic sand'!$C$27:$C$5000,1)),IF(INDEX('CPT Data'!$S$12:$S$20000,MATCH($B64,'CPT Data'!$B$12:$B$20000,1))&lt;2,INDEX('p-y cyclic clay'!$GR$27:$GR$5000,MATCH($B64,'p-y cyclic clay'!$C$27:$C$5000,1)),INDEX('p-y cyclic clay'!$HR$27:$HR$5000,MATCH($B64,'p-y cyclic clay'!$C$27:$C$5000,1))))</f>
        <v>89758.433647390848</v>
      </c>
      <c r="R64">
        <f>IF($D64="SAND",INDEX('p-y cyclic sand'!$AF$27:$AF$5000,MATCH($B64,'p-y cyclic sand'!$C$27:$C$5000,1)),IF(INDEX('CPT Data'!$S$12:$S$20000,MATCH($B64,'CPT Data'!$B$12:$B$20000,1))&lt;2,INDEX('p-y cyclic clay'!$HE$27:$HE$5000,MATCH($B64,'p-y cyclic clay'!$C$27:$C$5000,1)),INDEX('p-y cyclic clay'!$IE$27:$IE$5000,MATCH($B64,'p-y cyclic clay'!$C$27:$C$5000,1))))</f>
        <v>60</v>
      </c>
      <c r="S64">
        <f>IF($D64="SAND",INDEX('p-y cyclic sand'!$AT$27:$AT$5000,MATCH($B64,'p-y cyclic sand'!$C$27:$C$5000,1)),IF(INDEX('CPT Data'!$S$12:$S$20000,MATCH($B64,'CPT Data'!$B$12:$B$20000,1))&lt;2,INDEX('p-y cyclic clay'!$GS$27:$GS$5000,MATCH($B64,'p-y cyclic clay'!$C$27:$C$5000,1)),INDEX('p-y cyclic clay'!$HS$27:$HS$5000,MATCH($B64,'p-y cyclic clay'!$C$27:$C$5000,1))))</f>
        <v>104056.00191298487</v>
      </c>
      <c r="T64">
        <f>IF($D64="SAND",INDEX('p-y cyclic sand'!$AG$27:$AG$5000,MATCH($B64,'p-y cyclic sand'!$C$27:$C$5000,1)),IF(INDEX('CPT Data'!$S$12:$S$20000,MATCH($B64,'CPT Data'!$B$12:$B$20000,1))&lt;2,INDEX('p-y cyclic clay'!$HF$27:$HF$5000,MATCH($B64,'p-y cyclic clay'!$C$27:$C$5000,1)),INDEX('p-y cyclic clay'!$IF$27:$IF$5000,MATCH($B64,'p-y cyclic clay'!$C$27:$C$5000,1))))</f>
        <v>70</v>
      </c>
      <c r="U64">
        <f>IF($D64="SAND",INDEX('p-y cyclic sand'!$AU$27:$AU$5000,MATCH($B64,'p-y cyclic sand'!$C$27:$C$5000,1)),IF(INDEX('CPT Data'!$S$12:$S$20000,MATCH($B64,'CPT Data'!$B$12:$B$20000,1))&lt;2,INDEX('p-y cyclic clay'!$GT$27:$GT$5000,MATCH($B64,'p-y cyclic clay'!$C$27:$C$5000,1)),INDEX('p-y cyclic clay'!$HT$27:$HT$5000,MATCH($B64,'p-y cyclic clay'!$C$27:$C$5000,1))))</f>
        <v>118062.13552107768</v>
      </c>
      <c r="V64">
        <f>IF($D64="SAND",INDEX('p-y cyclic sand'!$AH$27:$AH$5000,MATCH($B64,'p-y cyclic sand'!$C$27:$C$5000,1)),IF(INDEX('CPT Data'!$S$12:$S$20000,MATCH($B64,'CPT Data'!$B$12:$B$20000,1))&lt;2,INDEX('p-y cyclic clay'!$HG$27:$HG$5000,MATCH($B64,'p-y cyclic clay'!$C$27:$C$5000,1)),INDEX('p-y cyclic clay'!$IG$27:$IG$5000,MATCH($B64,'p-y cyclic clay'!$C$27:$C$5000,1))))</f>
        <v>80</v>
      </c>
      <c r="W64">
        <f>IF($D64="SAND",INDEX('p-y cyclic sand'!$AV$27:$AV$5000,MATCH($B64,'p-y cyclic sand'!$C$27:$C$5000,1)),IF(INDEX('CPT Data'!$S$12:$S$20000,MATCH($B64,'CPT Data'!$B$12:$B$20000,1))&lt;2,INDEX('p-y cyclic clay'!$GU$27:$GU$5000,MATCH($B64,'p-y cyclic clay'!$C$27:$C$5000,1)),INDEX('p-y cyclic clay'!$HU$27:$HU$5000,MATCH($B64,'p-y cyclic clay'!$C$27:$C$5000,1))))</f>
        <v>131744.79063512775</v>
      </c>
      <c r="X64">
        <f>IF($D64="SAND",INDEX('p-y cyclic sand'!$AI$27:$AI$5000,MATCH($B64,'p-y cyclic sand'!$C$27:$C$5000,1)),IF(INDEX('CPT Data'!$S$12:$S$20000,MATCH($B64,'CPT Data'!$B$12:$B$20000,1))&lt;2,INDEX('p-y cyclic clay'!$HH$27:$HH$5000,MATCH($B64,'p-y cyclic clay'!$C$27:$C$5000,1)),INDEX('p-y cyclic clay'!$IH$27:$IH$5000,MATCH($B64,'p-y cyclic clay'!$C$27:$C$5000,1))))</f>
        <v>90</v>
      </c>
      <c r="Y64">
        <f>IF($D64="SAND",INDEX('p-y cyclic sand'!$AW$27:$AW$5000,MATCH($B64,'p-y cyclic sand'!$C$27:$C$5000,1)),IF(INDEX('CPT Data'!$S$12:$S$20000,MATCH($B64,'CPT Data'!$B$12:$B$20000,1))&lt;2,INDEX('p-y cyclic clay'!$GV$27:$GV$5000,MATCH($B64,'p-y cyclic clay'!$C$27:$C$5000,1)),INDEX('p-y cyclic clay'!$HV$27:$HV$5000,MATCH($B64,'p-y cyclic clay'!$C$27:$C$5000,1))))</f>
        <v>145075.28616471088</v>
      </c>
      <c r="Z64">
        <f>IF($D64="SAND",INDEX('p-y cyclic sand'!$AJ$27:$AJ$5000,MATCH($B64,'p-y cyclic sand'!$C$27:$C$5000,1)),IF(INDEX('CPT Data'!$S$12:$S$20000,MATCH($B64,'CPT Data'!$B$12:$B$20000,1))&lt;2,INDEX('p-y cyclic clay'!$HI$27:$HI$5000,MATCH($B64,'p-y cyclic clay'!$C$27:$C$5000,1)),INDEX('p-y cyclic clay'!$II$27:$II$5000,MATCH($B64,'p-y cyclic clay'!$C$27:$C$5000,1))))</f>
        <v>100</v>
      </c>
      <c r="AA64">
        <f>IF($D64="SAND",INDEX('p-y cyclic sand'!$AX$27:$AX$5000,MATCH($B64,'p-y cyclic sand'!$C$27:$C$5000,1)),IF(INDEX('CPT Data'!$S$12:$S$20000,MATCH($B64,'CPT Data'!$B$12:$B$20000,1))&lt;2,INDEX('p-y cyclic clay'!$GW$27:$GW$5000,MATCH($B64,'p-y cyclic clay'!$C$27:$C$5000,1)),INDEX('p-y cyclic clay'!$HW$27:$HW$5000,MATCH($B64,'p-y cyclic clay'!$C$27:$C$5000,1))))</f>
        <v>158028.46130536648</v>
      </c>
      <c r="AB64">
        <f>IF($D64="SAND",INDEX('p-y cyclic sand'!$AK$27:$AK$5000,MATCH($B64,'p-y cyclic sand'!$C$27:$C$5000,1)),IF(INDEX('CPT Data'!$S$12:$S$20000,MATCH($B64,'CPT Data'!$B$12:$B$20000,1))&lt;2,INDEX('p-y cyclic clay'!$HJ$27:$HJ$5000,MATCH($B64,'p-y cyclic clay'!$C$27:$C$5000,1)),INDEX('p-y cyclic clay'!$IJ$27:$IJ$5000,MATCH($B64,'p-y cyclic clay'!$C$27:$C$5000,1))))</f>
        <v>110</v>
      </c>
      <c r="AC64">
        <f>IF($D64="SAND",INDEX('p-y cyclic sand'!$AY$27:$AY$5000,MATCH($B64,'p-y cyclic sand'!$C$27:$C$5000,1)),IF(INDEX('CPT Data'!$S$12:$S$20000,MATCH($B64,'CPT Data'!$B$12:$B$20000,1))&lt;2,INDEX('p-y cyclic clay'!$GX$27:$GX$5000,MATCH($B64,'p-y cyclic clay'!$C$27:$C$5000,1)),INDEX('p-y cyclic clay'!$HX$27:$HX$5000,MATCH($B64,'p-y cyclic clay'!$C$27:$C$5000,1))))</f>
        <v>170582.76434941593</v>
      </c>
      <c r="AD64" s="98">
        <f>IF($D64="SAND",INDEX('p-y cyclic sand'!$AL$27:$AL$5000,MATCH($B64,'p-y cyclic sand'!$C$27:$C$5000,1)),IF(INDEX('CPT Data'!$S$12:$S$20000,MATCH($B64,'CPT Data'!$B$12:$B$20000,1))&lt;2,INDEX('p-y cyclic clay'!$HK$27:$HK$5000,MATCH($B64,'p-y cyclic clay'!$C$27:$C$5000,1)),INDEX('p-y cyclic clay'!$IK$27:$IK$5000,MATCH($B64,'p-y cyclic clay'!$C$27:$C$5000,1))))</f>
        <v>120</v>
      </c>
    </row>
    <row r="65" spans="1:30" x14ac:dyDescent="0.2">
      <c r="A65" s="214">
        <f t="shared" si="0"/>
        <v>-75.5</v>
      </c>
      <c r="B65" s="216">
        <f>'p-y cyclic clay'!C86</f>
        <v>60</v>
      </c>
      <c r="C65">
        <f>INDEX('CPT Data'!$C$13:$C$20000,MATCH(B65,'CPT Data'!$B$13:$B$20000,1))</f>
        <v>59.993000000000002</v>
      </c>
      <c r="D65" s="216" t="str">
        <f>INDEX('CPT Data'!$P$13:$P$20000,MATCH(B65,'CPT Data'!$B$13:$B$20000,1))</f>
        <v>SAND</v>
      </c>
      <c r="E65">
        <f>IF($D65="SAND",INDEX('p-y cyclic sand'!$AM$27:$AM$5000,MATCH($B65,'p-y cyclic sand'!$C$27:$C$5000,1)),IF(INDEX('CPT Data'!$S$12:$S$20000,MATCH($B65,'CPT Data'!$B$12:$B$20000,1))&lt;2,INDEX('p-y cyclic clay'!$GL$27:$GL$5000,MATCH($B65,'p-y cyclic clay'!$C$27:$C$5000,1)),INDEX('p-y cyclic clay'!$HL$27:$HL$5000,MATCH($B65,'p-y cyclic clay'!$C$27:$C$5000,1))))</f>
        <v>0</v>
      </c>
      <c r="F65">
        <f>IF($D65="SAND",INDEX('p-y cyclic sand'!$Z$27:$Z$5000,MATCH($B65,'p-y cyclic sand'!$C$27:$C$5000,1)),IF(INDEX('CPT Data'!$S$12:$S$20000,MATCH($B65,'CPT Data'!$B$12:$B$20000,1))&lt;2,INDEX('p-y cyclic clay'!$GY$27:$GY$5000,MATCH($B65,'p-y cyclic clay'!$C$27:$C$5000,1)),INDEX('p-y cyclic clay'!$HY$27:$HY$5000,MATCH($B65,'p-y cyclic clay'!$C$27:$C$5000,1))))</f>
        <v>0</v>
      </c>
      <c r="G65">
        <f>IF($D65="SAND",INDEX('p-y cyclic sand'!$AN$27:$AN$5000,MATCH($B65,'p-y cyclic sand'!$C$27:$C$5000,1)),IF(INDEX('CPT Data'!$S$12:$S$20000,MATCH($B65,'CPT Data'!$B$12:$B$20000,1))&lt;2,INDEX('p-y cyclic clay'!$GM$27:$GM$5000,MATCH($B65,'p-y cyclic clay'!$C$27:$C$5000,1)),INDEX('p-y cyclic clay'!$HM$27:$HM$5000,MATCH($B65,'p-y cyclic clay'!$C$27:$C$5000,1))))</f>
        <v>18403.377744390047</v>
      </c>
      <c r="H65">
        <f>IF($D65="SAND",INDEX('p-y cyclic sand'!$AA$27:$AA$5000,MATCH($B65,'p-y cyclic sand'!$C$27:$C$5000,1)),IF(INDEX('CPT Data'!$S$12:$S$20000,MATCH($B65,'CPT Data'!$B$12:$B$20000,1))&lt;2,INDEX('p-y cyclic clay'!$GZ$27:$GZ$5000,MATCH($B65,'p-y cyclic clay'!$C$27:$C$5000,1)),INDEX('p-y cyclic clay'!$HZ$27:$HZ$5000,MATCH($B65,'p-y cyclic clay'!$C$27:$C$5000,1))))</f>
        <v>10</v>
      </c>
      <c r="I65">
        <f>IF($D65="SAND",INDEX('p-y cyclic sand'!$AO$27:$AO$5000,MATCH($B65,'p-y cyclic sand'!$C$27:$C$5000,1)),IF(INDEX('CPT Data'!$S$12:$S$20000,MATCH($B65,'CPT Data'!$B$12:$B$20000,1))&lt;2,INDEX('p-y cyclic clay'!$GN$27:$GN$5000,MATCH($B65,'p-y cyclic clay'!$C$27:$C$5000,1)),INDEX('p-y cyclic clay'!$HN$27:$HN$5000,MATCH($B65,'p-y cyclic clay'!$C$27:$C$5000,1))))</f>
        <v>36780.396087851834</v>
      </c>
      <c r="J65">
        <f>IF($D65="SAND",INDEX('p-y cyclic sand'!$AB$27:$AB$5000,MATCH($B65,'p-y cyclic sand'!$C$27:$C$5000,1)),IF(INDEX('CPT Data'!$S$12:$S$20000,MATCH($B65,'CPT Data'!$B$12:$B$20000,1))&lt;2,INDEX('p-y cyclic clay'!$HA$27:$HA$5000,MATCH($B65,'p-y cyclic clay'!$C$27:$C$5000,1)),INDEX('p-y cyclic clay'!$IA$27:$IA$5000,MATCH($B65,'p-y cyclic clay'!$C$27:$C$5000,1))))</f>
        <v>20</v>
      </c>
      <c r="K65">
        <f>IF($D65="SAND",INDEX('p-y cyclic sand'!$AP$27:$AP$5000,MATCH($B65,'p-y cyclic sand'!$C$27:$C$5000,1)),IF(INDEX('CPT Data'!$S$12:$S$20000,MATCH($B65,'CPT Data'!$B$12:$B$20000,1))&lt;2,INDEX('p-y cyclic clay'!$GO$27:$GO$5000,MATCH($B65,'p-y cyclic clay'!$C$27:$C$5000,1)),INDEX('p-y cyclic clay'!$HO$27:$HO$5000,MATCH($B65,'p-y cyclic clay'!$C$27:$C$5000,1))))</f>
        <v>55104.846433130901</v>
      </c>
      <c r="L65">
        <f>IF($D65="SAND",INDEX('p-y cyclic sand'!$AC$27:$AC$5000,MATCH($B65,'p-y cyclic sand'!$C$27:$C$5000,1)),IF(INDEX('CPT Data'!$S$12:$S$20000,MATCH($B65,'CPT Data'!$B$12:$B$20000,1))&lt;2,INDEX('p-y cyclic clay'!$HB$27:$HB$5000,MATCH($B65,'p-y cyclic clay'!$C$27:$C$5000,1)),INDEX('p-y cyclic clay'!$IB$27:$IB$5000,MATCH($B65,'p-y cyclic clay'!$C$27:$C$5000,1))))</f>
        <v>30</v>
      </c>
      <c r="M65">
        <f>IF($D65="SAND",INDEX('p-y cyclic sand'!$AQ$27:$AQ$5000,MATCH($B65,'p-y cyclic sand'!$C$27:$C$5000,1)),IF(INDEX('CPT Data'!$S$12:$S$20000,MATCH($B65,'CPT Data'!$B$12:$B$20000,1))&lt;2,INDEX('p-y cyclic clay'!$GP$27:$GP$5000,MATCH($B65,'p-y cyclic clay'!$C$27:$C$5000,1)),INDEX('p-y cyclic clay'!$HP$27:$HP$5000,MATCH($B65,'p-y cyclic clay'!$C$27:$C$5000,1))))</f>
        <v>73350.8199606571</v>
      </c>
      <c r="N65">
        <f>IF($D65="SAND",INDEX('p-y cyclic sand'!$AD$27:$AD$5000,MATCH($B65,'p-y cyclic sand'!$C$27:$C$5000,1)),IF(INDEX('CPT Data'!$S$12:$S$20000,MATCH($B65,'CPT Data'!$B$12:$B$20000,1))&lt;2,INDEX('p-y cyclic clay'!$HC$27:$HC$5000,MATCH($B65,'p-y cyclic clay'!$C$27:$C$5000,1)),INDEX('p-y cyclic clay'!$IC$27:$IC$5000,MATCH($B65,'p-y cyclic clay'!$C$27:$C$5000,1))))</f>
        <v>40</v>
      </c>
      <c r="O65">
        <f>IF($D65="SAND",INDEX('p-y cyclic sand'!$AR$27:$AR$5000,MATCH($B65,'p-y cyclic sand'!$C$27:$C$5000,1)),IF(INDEX('CPT Data'!$S$12:$S$20000,MATCH($B65,'CPT Data'!$B$12:$B$20000,1))&lt;2,INDEX('p-y cyclic clay'!$GQ$27:$GQ$5000,MATCH($B65,'p-y cyclic clay'!$C$27:$C$5000,1)),INDEX('p-y cyclic clay'!$HQ$27:$HQ$5000,MATCH($B65,'p-y cyclic clay'!$C$27:$C$5000,1))))</f>
        <v>91492.852981228207</v>
      </c>
      <c r="P65">
        <f>IF($D65="SAND",INDEX('p-y cyclic sand'!$AE$27:$AE$5000,MATCH($B65,'p-y cyclic sand'!$C$27:$C$5000,1)),IF(INDEX('CPT Data'!$S$12:$S$20000,MATCH($B65,'CPT Data'!$B$12:$B$20000,1))&lt;2,INDEX('p-y cyclic clay'!$HD$27:$HD$5000,MATCH($B65,'p-y cyclic clay'!$C$27:$C$5000,1)),INDEX('p-y cyclic clay'!$ID$27:$ID$5000,MATCH($B65,'p-y cyclic clay'!$C$27:$C$5000,1))))</f>
        <v>50</v>
      </c>
      <c r="Q65">
        <f>IF($D65="SAND",INDEX('p-y cyclic sand'!$AS$27:$AS$5000,MATCH($B65,'p-y cyclic sand'!$C$27:$C$5000,1)),IF(INDEX('CPT Data'!$S$12:$S$20000,MATCH($B65,'CPT Data'!$B$12:$B$20000,1))&lt;2,INDEX('p-y cyclic clay'!$GR$27:$GR$5000,MATCH($B65,'p-y cyclic clay'!$C$27:$C$5000,1)),INDEX('p-y cyclic clay'!$HR$27:$HR$5000,MATCH($B65,'p-y cyclic clay'!$C$27:$C$5000,1))))</f>
        <v>109506.0669505026</v>
      </c>
      <c r="R65">
        <f>IF($D65="SAND",INDEX('p-y cyclic sand'!$AF$27:$AF$5000,MATCH($B65,'p-y cyclic sand'!$C$27:$C$5000,1)),IF(INDEX('CPT Data'!$S$12:$S$20000,MATCH($B65,'CPT Data'!$B$12:$B$20000,1))&lt;2,INDEX('p-y cyclic clay'!$HE$27:$HE$5000,MATCH($B65,'p-y cyclic clay'!$C$27:$C$5000,1)),INDEX('p-y cyclic clay'!$IE$27:$IE$5000,MATCH($B65,'p-y cyclic clay'!$C$27:$C$5000,1))))</f>
        <v>60</v>
      </c>
      <c r="S65">
        <f>IF($D65="SAND",INDEX('p-y cyclic sand'!$AT$27:$AT$5000,MATCH($B65,'p-y cyclic sand'!$C$27:$C$5000,1)),IF(INDEX('CPT Data'!$S$12:$S$20000,MATCH($B65,'CPT Data'!$B$12:$B$20000,1))&lt;2,INDEX('p-y cyclic clay'!$GS$27:$GS$5000,MATCH($B65,'p-y cyclic clay'!$C$27:$C$5000,1)),INDEX('p-y cyclic clay'!$HS$27:$HS$5000,MATCH($B65,'p-y cyclic clay'!$C$27:$C$5000,1))))</f>
        <v>127366.30153768175</v>
      </c>
      <c r="T65">
        <f>IF($D65="SAND",INDEX('p-y cyclic sand'!$AG$27:$AG$5000,MATCH($B65,'p-y cyclic sand'!$C$27:$C$5000,1)),IF(INDEX('CPT Data'!$S$12:$S$20000,MATCH($B65,'CPT Data'!$B$12:$B$20000,1))&lt;2,INDEX('p-y cyclic clay'!$HF$27:$HF$5000,MATCH($B65,'p-y cyclic clay'!$C$27:$C$5000,1)),INDEX('p-y cyclic clay'!$IF$27:$IF$5000,MATCH($B65,'p-y cyclic clay'!$C$27:$C$5000,1))))</f>
        <v>70</v>
      </c>
      <c r="U65">
        <f>IF($D65="SAND",INDEX('p-y cyclic sand'!$AU$27:$AU$5000,MATCH($B65,'p-y cyclic sand'!$C$27:$C$5000,1)),IF(INDEX('CPT Data'!$S$12:$S$20000,MATCH($B65,'CPT Data'!$B$12:$B$20000,1))&lt;2,INDEX('p-y cyclic clay'!$GT$27:$GT$5000,MATCH($B65,'p-y cyclic clay'!$C$27:$C$5000,1)),INDEX('p-y cyclic clay'!$HT$27:$HT$5000,MATCH($B65,'p-y cyclic clay'!$C$27:$C$5000,1))))</f>
        <v>145050.2392810632</v>
      </c>
      <c r="V65">
        <f>IF($D65="SAND",INDEX('p-y cyclic sand'!$AH$27:$AH$5000,MATCH($B65,'p-y cyclic sand'!$C$27:$C$5000,1)),IF(INDEX('CPT Data'!$S$12:$S$20000,MATCH($B65,'CPT Data'!$B$12:$B$20000,1))&lt;2,INDEX('p-y cyclic clay'!$HG$27:$HG$5000,MATCH($B65,'p-y cyclic clay'!$C$27:$C$5000,1)),INDEX('p-y cyclic clay'!$IG$27:$IG$5000,MATCH($B65,'p-y cyclic clay'!$C$27:$C$5000,1))))</f>
        <v>80</v>
      </c>
      <c r="W65">
        <f>IF($D65="SAND",INDEX('p-y cyclic sand'!$AV$27:$AV$5000,MATCH($B65,'p-y cyclic sand'!$C$27:$C$5000,1)),IF(INDEX('CPT Data'!$S$12:$S$20000,MATCH($B65,'CPT Data'!$B$12:$B$20000,1))&lt;2,INDEX('p-y cyclic clay'!$GU$27:$GU$5000,MATCH($B65,'p-y cyclic clay'!$C$27:$C$5000,1)),INDEX('p-y cyclic clay'!$HU$27:$HU$5000,MATCH($B65,'p-y cyclic clay'!$C$27:$C$5000,1))))</f>
        <v>162535.52053020729</v>
      </c>
      <c r="X65">
        <f>IF($D65="SAND",INDEX('p-y cyclic sand'!$AI$27:$AI$5000,MATCH($B65,'p-y cyclic sand'!$C$27:$C$5000,1)),IF(INDEX('CPT Data'!$S$12:$S$20000,MATCH($B65,'CPT Data'!$B$12:$B$20000,1))&lt;2,INDEX('p-y cyclic clay'!$HH$27:$HH$5000,MATCH($B65,'p-y cyclic clay'!$C$27:$C$5000,1)),INDEX('p-y cyclic clay'!$IH$27:$IH$5000,MATCH($B65,'p-y cyclic clay'!$C$27:$C$5000,1))))</f>
        <v>90</v>
      </c>
      <c r="Y65">
        <f>IF($D65="SAND",INDEX('p-y cyclic sand'!$AW$27:$AW$5000,MATCH($B65,'p-y cyclic sand'!$C$27:$C$5000,1)),IF(INDEX('CPT Data'!$S$12:$S$20000,MATCH($B65,'CPT Data'!$B$12:$B$20000,1))&lt;2,INDEX('p-y cyclic clay'!$GV$27:$GV$5000,MATCH($B65,'p-y cyclic clay'!$C$27:$C$5000,1)),INDEX('p-y cyclic clay'!$HV$27:$HV$5000,MATCH($B65,'p-y cyclic clay'!$C$27:$C$5000,1))))</f>
        <v>179800.8475632832</v>
      </c>
      <c r="Z65">
        <f>IF($D65="SAND",INDEX('p-y cyclic sand'!$AJ$27:$AJ$5000,MATCH($B65,'p-y cyclic sand'!$C$27:$C$5000,1)),IF(INDEX('CPT Data'!$S$12:$S$20000,MATCH($B65,'CPT Data'!$B$12:$B$20000,1))&lt;2,INDEX('p-y cyclic clay'!$HI$27:$HI$5000,MATCH($B65,'p-y cyclic clay'!$C$27:$C$5000,1)),INDEX('p-y cyclic clay'!$II$27:$II$5000,MATCH($B65,'p-y cyclic clay'!$C$27:$C$5000,1))))</f>
        <v>100</v>
      </c>
      <c r="AA65">
        <f>IF($D65="SAND",INDEX('p-y cyclic sand'!$AX$27:$AX$5000,MATCH($B65,'p-y cyclic sand'!$C$27:$C$5000,1)),IF(INDEX('CPT Data'!$S$12:$S$20000,MATCH($B65,'CPT Data'!$B$12:$B$20000,1))&lt;2,INDEX('p-y cyclic clay'!$GW$27:$GW$5000,MATCH($B65,'p-y cyclic clay'!$C$27:$C$5000,1)),INDEX('p-y cyclic clay'!$HW$27:$HW$5000,MATCH($B65,'p-y cyclic clay'!$C$27:$C$5000,1))))</f>
        <v>196826.07697324228</v>
      </c>
      <c r="AB65">
        <f>IF($D65="SAND",INDEX('p-y cyclic sand'!$AK$27:$AK$5000,MATCH($B65,'p-y cyclic sand'!$C$27:$C$5000,1)),IF(INDEX('CPT Data'!$S$12:$S$20000,MATCH($B65,'CPT Data'!$B$12:$B$20000,1))&lt;2,INDEX('p-y cyclic clay'!$HJ$27:$HJ$5000,MATCH($B65,'p-y cyclic clay'!$C$27:$C$5000,1)),INDEX('p-y cyclic clay'!$IJ$27:$IJ$5000,MATCH($B65,'p-y cyclic clay'!$C$27:$C$5000,1))))</f>
        <v>110</v>
      </c>
      <c r="AC65">
        <f>IF($D65="SAND",INDEX('p-y cyclic sand'!$AY$27:$AY$5000,MATCH($B65,'p-y cyclic sand'!$C$27:$C$5000,1)),IF(INDEX('CPT Data'!$S$12:$S$20000,MATCH($B65,'CPT Data'!$B$12:$B$20000,1))&lt;2,INDEX('p-y cyclic clay'!$GX$27:$GX$5000,MATCH($B65,'p-y cyclic clay'!$C$27:$C$5000,1)),INDEX('p-y cyclic clay'!$HX$27:$HX$5000,MATCH($B65,'p-y cyclic clay'!$C$27:$C$5000,1))))</f>
        <v>213592.29963202277</v>
      </c>
      <c r="AD65" s="98">
        <f>IF($D65="SAND",INDEX('p-y cyclic sand'!$AL$27:$AL$5000,MATCH($B65,'p-y cyclic sand'!$C$27:$C$5000,1)),IF(INDEX('CPT Data'!$S$12:$S$20000,MATCH($B65,'CPT Data'!$B$12:$B$20000,1))&lt;2,INDEX('p-y cyclic clay'!$HK$27:$HK$5000,MATCH($B65,'p-y cyclic clay'!$C$27:$C$5000,1)),INDEX('p-y cyclic clay'!$IK$27:$IK$5000,MATCH($B65,'p-y cyclic clay'!$C$27:$C$5000,1))))</f>
        <v>120</v>
      </c>
    </row>
    <row r="66" spans="1:30" x14ac:dyDescent="0.2">
      <c r="A66" s="214">
        <f t="shared" si="0"/>
        <v>-76.5</v>
      </c>
      <c r="B66" s="216">
        <f>'p-y cyclic clay'!C87</f>
        <v>61</v>
      </c>
      <c r="C66">
        <f>INDEX('CPT Data'!$C$13:$C$20000,MATCH(B66,'CPT Data'!$B$13:$B$20000,1))</f>
        <v>60.984999999999999</v>
      </c>
      <c r="D66" s="216" t="str">
        <f>INDEX('CPT Data'!$P$13:$P$20000,MATCH(B66,'CPT Data'!$B$13:$B$20000,1))</f>
        <v>SAND</v>
      </c>
      <c r="E66">
        <f>IF($D66="SAND",INDEX('p-y cyclic sand'!$AM$27:$AM$5000,MATCH($B66,'p-y cyclic sand'!$C$27:$C$5000,1)),IF(INDEX('CPT Data'!$S$12:$S$20000,MATCH($B66,'CPT Data'!$B$12:$B$20000,1))&lt;2,INDEX('p-y cyclic clay'!$GL$27:$GL$5000,MATCH($B66,'p-y cyclic clay'!$C$27:$C$5000,1)),INDEX('p-y cyclic clay'!$HL$27:$HL$5000,MATCH($B66,'p-y cyclic clay'!$C$27:$C$5000,1))))</f>
        <v>0</v>
      </c>
      <c r="F66">
        <f>IF($D66="SAND",INDEX('p-y cyclic sand'!$Z$27:$Z$5000,MATCH($B66,'p-y cyclic sand'!$C$27:$C$5000,1)),IF(INDEX('CPT Data'!$S$12:$S$20000,MATCH($B66,'CPT Data'!$B$12:$B$20000,1))&lt;2,INDEX('p-y cyclic clay'!$GY$27:$GY$5000,MATCH($B66,'p-y cyclic clay'!$C$27:$C$5000,1)),INDEX('p-y cyclic clay'!$HY$27:$HY$5000,MATCH($B66,'p-y cyclic clay'!$C$27:$C$5000,1))))</f>
        <v>0</v>
      </c>
      <c r="G66">
        <f>IF($D66="SAND",INDEX('p-y cyclic sand'!$AN$27:$AN$5000,MATCH($B66,'p-y cyclic sand'!$C$27:$C$5000,1)),IF(INDEX('CPT Data'!$S$12:$S$20000,MATCH($B66,'CPT Data'!$B$12:$B$20000,1))&lt;2,INDEX('p-y cyclic clay'!$GM$27:$GM$5000,MATCH($B66,'p-y cyclic clay'!$C$27:$C$5000,1)),INDEX('p-y cyclic clay'!$HM$27:$HM$5000,MATCH($B66,'p-y cyclic clay'!$C$27:$C$5000,1))))</f>
        <v>11877.41186079028</v>
      </c>
      <c r="H66">
        <f>IF($D66="SAND",INDEX('p-y cyclic sand'!$AA$27:$AA$5000,MATCH($B66,'p-y cyclic sand'!$C$27:$C$5000,1)),IF(INDEX('CPT Data'!$S$12:$S$20000,MATCH($B66,'CPT Data'!$B$12:$B$20000,1))&lt;2,INDEX('p-y cyclic clay'!$GZ$27:$GZ$5000,MATCH($B66,'p-y cyclic clay'!$C$27:$C$5000,1)),INDEX('p-y cyclic clay'!$HZ$27:$HZ$5000,MATCH($B66,'p-y cyclic clay'!$C$27:$C$5000,1))))</f>
        <v>10</v>
      </c>
      <c r="I66">
        <f>IF($D66="SAND",INDEX('p-y cyclic sand'!$AO$27:$AO$5000,MATCH($B66,'p-y cyclic sand'!$C$27:$C$5000,1)),IF(INDEX('CPT Data'!$S$12:$S$20000,MATCH($B66,'CPT Data'!$B$12:$B$20000,1))&lt;2,INDEX('p-y cyclic clay'!$GN$27:$GN$5000,MATCH($B66,'p-y cyclic clay'!$C$27:$C$5000,1)),INDEX('p-y cyclic clay'!$HN$27:$HN$5000,MATCH($B66,'p-y cyclic clay'!$C$27:$C$5000,1))))</f>
        <v>23746.519750513573</v>
      </c>
      <c r="J66">
        <f>IF($D66="SAND",INDEX('p-y cyclic sand'!$AB$27:$AB$5000,MATCH($B66,'p-y cyclic sand'!$C$27:$C$5000,1)),IF(INDEX('CPT Data'!$S$12:$S$20000,MATCH($B66,'CPT Data'!$B$12:$B$20000,1))&lt;2,INDEX('p-y cyclic clay'!$HA$27:$HA$5000,MATCH($B66,'p-y cyclic clay'!$C$27:$C$5000,1)),INDEX('p-y cyclic clay'!$IA$27:$IA$5000,MATCH($B66,'p-y cyclic clay'!$C$27:$C$5000,1))))</f>
        <v>20</v>
      </c>
      <c r="K66">
        <f>IF($D66="SAND",INDEX('p-y cyclic sand'!$AP$27:$AP$5000,MATCH($B66,'p-y cyclic sand'!$C$27:$C$5000,1)),IF(INDEX('CPT Data'!$S$12:$S$20000,MATCH($B66,'CPT Data'!$B$12:$B$20000,1))&lt;2,INDEX('p-y cyclic clay'!$GO$27:$GO$5000,MATCH($B66,'p-y cyclic clay'!$C$27:$C$5000,1)),INDEX('p-y cyclic clay'!$HO$27:$HO$5000,MATCH($B66,'p-y cyclic clay'!$C$27:$C$5000,1))))</f>
        <v>35599.042904424314</v>
      </c>
      <c r="L66">
        <f>IF($D66="SAND",INDEX('p-y cyclic sand'!$AC$27:$AC$5000,MATCH($B66,'p-y cyclic sand'!$C$27:$C$5000,1)),IF(INDEX('CPT Data'!$S$12:$S$20000,MATCH($B66,'CPT Data'!$B$12:$B$20000,1))&lt;2,INDEX('p-y cyclic clay'!$HB$27:$HB$5000,MATCH($B66,'p-y cyclic clay'!$C$27:$C$5000,1)),INDEX('p-y cyclic clay'!$IB$27:$IB$5000,MATCH($B66,'p-y cyclic clay'!$C$27:$C$5000,1))))</f>
        <v>30</v>
      </c>
      <c r="M66">
        <f>IF($D66="SAND",INDEX('p-y cyclic sand'!$AQ$27:$AQ$5000,MATCH($B66,'p-y cyclic sand'!$C$27:$C$5000,1)),IF(INDEX('CPT Data'!$S$12:$S$20000,MATCH($B66,'CPT Data'!$B$12:$B$20000,1))&lt;2,INDEX('p-y cyclic clay'!$GP$27:$GP$5000,MATCH($B66,'p-y cyclic clay'!$C$27:$C$5000,1)),INDEX('p-y cyclic clay'!$HP$27:$HP$5000,MATCH($B66,'p-y cyclic clay'!$C$27:$C$5000,1))))</f>
        <v>47426.746832744015</v>
      </c>
      <c r="N66">
        <f>IF($D66="SAND",INDEX('p-y cyclic sand'!$AD$27:$AD$5000,MATCH($B66,'p-y cyclic sand'!$C$27:$C$5000,1)),IF(INDEX('CPT Data'!$S$12:$S$20000,MATCH($B66,'CPT Data'!$B$12:$B$20000,1))&lt;2,INDEX('p-y cyclic clay'!$HC$27:$HC$5000,MATCH($B66,'p-y cyclic clay'!$C$27:$C$5000,1)),INDEX('p-y cyclic clay'!$IC$27:$IC$5000,MATCH($B66,'p-y cyclic clay'!$C$27:$C$5000,1))))</f>
        <v>40</v>
      </c>
      <c r="O66">
        <f>IF($D66="SAND",INDEX('p-y cyclic sand'!$AR$27:$AR$5000,MATCH($B66,'p-y cyclic sand'!$C$27:$C$5000,1)),IF(INDEX('CPT Data'!$S$12:$S$20000,MATCH($B66,'CPT Data'!$B$12:$B$20000,1))&lt;2,INDEX('p-y cyclic clay'!$GQ$27:$GQ$5000,MATCH($B66,'p-y cyclic clay'!$C$27:$C$5000,1)),INDEX('p-y cyclic clay'!$HQ$27:$HQ$5000,MATCH($B66,'p-y cyclic clay'!$C$27:$C$5000,1))))</f>
        <v>59221.46611535531</v>
      </c>
      <c r="P66">
        <f>IF($D66="SAND",INDEX('p-y cyclic sand'!$AE$27:$AE$5000,MATCH($B66,'p-y cyclic sand'!$C$27:$C$5000,1)),IF(INDEX('CPT Data'!$S$12:$S$20000,MATCH($B66,'CPT Data'!$B$12:$B$20000,1))&lt;2,INDEX('p-y cyclic clay'!$HD$27:$HD$5000,MATCH($B66,'p-y cyclic clay'!$C$27:$C$5000,1)),INDEX('p-y cyclic clay'!$ID$27:$ID$5000,MATCH($B66,'p-y cyclic clay'!$C$27:$C$5000,1))))</f>
        <v>50</v>
      </c>
      <c r="Q66">
        <f>IF($D66="SAND",INDEX('p-y cyclic sand'!$AS$27:$AS$5000,MATCH($B66,'p-y cyclic sand'!$C$27:$C$5000,1)),IF(INDEX('CPT Data'!$S$12:$S$20000,MATCH($B66,'CPT Data'!$B$12:$B$20000,1))&lt;2,INDEX('p-y cyclic clay'!$GR$27:$GR$5000,MATCH($B66,'p-y cyclic clay'!$C$27:$C$5000,1)),INDEX('p-y cyclic clay'!$HR$27:$HR$5000,MATCH($B66,'p-y cyclic clay'!$C$27:$C$5000,1))))</f>
        <v>70975.126789047194</v>
      </c>
      <c r="R66">
        <f>IF($D66="SAND",INDEX('p-y cyclic sand'!$AF$27:$AF$5000,MATCH($B66,'p-y cyclic sand'!$C$27:$C$5000,1)),IF(INDEX('CPT Data'!$S$12:$S$20000,MATCH($B66,'CPT Data'!$B$12:$B$20000,1))&lt;2,INDEX('p-y cyclic clay'!$HE$27:$HE$5000,MATCH($B66,'p-y cyclic clay'!$C$27:$C$5000,1)),INDEX('p-y cyclic clay'!$IE$27:$IE$5000,MATCH($B66,'p-y cyclic clay'!$C$27:$C$5000,1))))</f>
        <v>60</v>
      </c>
      <c r="S66">
        <f>IF($D66="SAND",INDEX('p-y cyclic sand'!$AT$27:$AT$5000,MATCH($B66,'p-y cyclic sand'!$C$27:$C$5000,1)),IF(INDEX('CPT Data'!$S$12:$S$20000,MATCH($B66,'CPT Data'!$B$12:$B$20000,1))&lt;2,INDEX('p-y cyclic clay'!$GS$27:$GS$5000,MATCH($B66,'p-y cyclic clay'!$C$27:$C$5000,1)),INDEX('p-y cyclic clay'!$HS$27:$HS$5000,MATCH($B66,'p-y cyclic clay'!$C$27:$C$5000,1))))</f>
        <v>82679.768197927653</v>
      </c>
      <c r="T66">
        <f>IF($D66="SAND",INDEX('p-y cyclic sand'!$AG$27:$AG$5000,MATCH($B66,'p-y cyclic sand'!$C$27:$C$5000,1)),IF(INDEX('CPT Data'!$S$12:$S$20000,MATCH($B66,'CPT Data'!$B$12:$B$20000,1))&lt;2,INDEX('p-y cyclic clay'!$HF$27:$HF$5000,MATCH($B66,'p-y cyclic clay'!$C$27:$C$5000,1)),INDEX('p-y cyclic clay'!$IF$27:$IF$5000,MATCH($B66,'p-y cyclic clay'!$C$27:$C$5000,1))))</f>
        <v>70</v>
      </c>
      <c r="U66">
        <f>IF($D66="SAND",INDEX('p-y cyclic sand'!$AU$27:$AU$5000,MATCH($B66,'p-y cyclic sand'!$C$27:$C$5000,1)),IF(INDEX('CPT Data'!$S$12:$S$20000,MATCH($B66,'CPT Data'!$B$12:$B$20000,1))&lt;2,INDEX('p-y cyclic clay'!$GT$27:$GT$5000,MATCH($B66,'p-y cyclic clay'!$C$27:$C$5000,1)),INDEX('p-y cyclic clay'!$HT$27:$HT$5000,MATCH($B66,'p-y cyclic clay'!$C$27:$C$5000,1))))</f>
        <v>94327.564183005699</v>
      </c>
      <c r="V66">
        <f>IF($D66="SAND",INDEX('p-y cyclic sand'!$AH$27:$AH$5000,MATCH($B66,'p-y cyclic sand'!$C$27:$C$5000,1)),IF(INDEX('CPT Data'!$S$12:$S$20000,MATCH($B66,'CPT Data'!$B$12:$B$20000,1))&lt;2,INDEX('p-y cyclic clay'!$HG$27:$HG$5000,MATCH($B66,'p-y cyclic clay'!$C$27:$C$5000,1)),INDEX('p-y cyclic clay'!$IG$27:$IG$5000,MATCH($B66,'p-y cyclic clay'!$C$27:$C$5000,1))))</f>
        <v>80</v>
      </c>
      <c r="W66">
        <f>IF($D66="SAND",INDEX('p-y cyclic sand'!$AV$27:$AV$5000,MATCH($B66,'p-y cyclic sand'!$C$27:$C$5000,1)),IF(INDEX('CPT Data'!$S$12:$S$20000,MATCH($B66,'CPT Data'!$B$12:$B$20000,1))&lt;2,INDEX('p-y cyclic clay'!$GU$27:$GU$5000,MATCH($B66,'p-y cyclic clay'!$C$27:$C$5000,1)),INDEX('p-y cyclic clay'!$HU$27:$HU$5000,MATCH($B66,'p-y cyclic clay'!$C$27:$C$5000,1))))</f>
        <v>105910.84349352121</v>
      </c>
      <c r="X66">
        <f>IF($D66="SAND",INDEX('p-y cyclic sand'!$AI$27:$AI$5000,MATCH($B66,'p-y cyclic sand'!$C$27:$C$5000,1)),IF(INDEX('CPT Data'!$S$12:$S$20000,MATCH($B66,'CPT Data'!$B$12:$B$20000,1))&lt;2,INDEX('p-y cyclic clay'!$HH$27:$HH$5000,MATCH($B66,'p-y cyclic clay'!$C$27:$C$5000,1)),INDEX('p-y cyclic clay'!$IH$27:$IH$5000,MATCH($B66,'p-y cyclic clay'!$C$27:$C$5000,1))))</f>
        <v>90</v>
      </c>
      <c r="Y66">
        <f>IF($D66="SAND",INDEX('p-y cyclic sand'!$AW$27:$AW$5000,MATCH($B66,'p-y cyclic sand'!$C$27:$C$5000,1)),IF(INDEX('CPT Data'!$S$12:$S$20000,MATCH($B66,'CPT Data'!$B$12:$B$20000,1))&lt;2,INDEX('p-y cyclic clay'!$GV$27:$GV$5000,MATCH($B66,'p-y cyclic clay'!$C$27:$C$5000,1)),INDEX('p-y cyclic clay'!$HV$27:$HV$5000,MATCH($B66,'p-y cyclic clay'!$C$27:$C$5000,1))))</f>
        <v>117422.10931026585</v>
      </c>
      <c r="Z66">
        <f>IF($D66="SAND",INDEX('p-y cyclic sand'!$AJ$27:$AJ$5000,MATCH($B66,'p-y cyclic sand'!$C$27:$C$5000,1)),IF(INDEX('CPT Data'!$S$12:$S$20000,MATCH($B66,'CPT Data'!$B$12:$B$20000,1))&lt;2,INDEX('p-y cyclic clay'!$HI$27:$HI$5000,MATCH($B66,'p-y cyclic clay'!$C$27:$C$5000,1)),INDEX('p-y cyclic clay'!$II$27:$II$5000,MATCH($B66,'p-y cyclic clay'!$C$27:$C$5000,1))))</f>
        <v>100</v>
      </c>
      <c r="AA66">
        <f>IF($D66="SAND",INDEX('p-y cyclic sand'!$AX$27:$AX$5000,MATCH($B66,'p-y cyclic sand'!$C$27:$C$5000,1)),IF(INDEX('CPT Data'!$S$12:$S$20000,MATCH($B66,'CPT Data'!$B$12:$B$20000,1))&lt;2,INDEX('p-y cyclic clay'!$GW$27:$GW$5000,MATCH($B66,'p-y cyclic clay'!$C$27:$C$5000,1)),INDEX('p-y cyclic clay'!$HW$27:$HW$5000,MATCH($B66,'p-y cyclic clay'!$C$27:$C$5000,1))))</f>
        <v>128854.05777978225</v>
      </c>
      <c r="AB66">
        <f>IF($D66="SAND",INDEX('p-y cyclic sand'!$AK$27:$AK$5000,MATCH($B66,'p-y cyclic sand'!$C$27:$C$5000,1)),IF(INDEX('CPT Data'!$S$12:$S$20000,MATCH($B66,'CPT Data'!$B$12:$B$20000,1))&lt;2,INDEX('p-y cyclic clay'!$HJ$27:$HJ$5000,MATCH($B66,'p-y cyclic clay'!$C$27:$C$5000,1)),INDEX('p-y cyclic clay'!$IJ$27:$IJ$5000,MATCH($B66,'p-y cyclic clay'!$C$27:$C$5000,1))))</f>
        <v>110</v>
      </c>
      <c r="AC66">
        <f>IF($D66="SAND",INDEX('p-y cyclic sand'!$AY$27:$AY$5000,MATCH($B66,'p-y cyclic sand'!$C$27:$C$5000,1)),IF(INDEX('CPT Data'!$S$12:$S$20000,MATCH($B66,'CPT Data'!$B$12:$B$20000,1))&lt;2,INDEX('p-y cyclic clay'!$GX$27:$GX$5000,MATCH($B66,'p-y cyclic clay'!$C$27:$C$5000,1)),INDEX('p-y cyclic clay'!$HX$27:$HX$5000,MATCH($B66,'p-y cyclic clay'!$C$27:$C$5000,1))))</f>
        <v>140199.59546781945</v>
      </c>
      <c r="AD66" s="98">
        <f>IF($D66="SAND",INDEX('p-y cyclic sand'!$AL$27:$AL$5000,MATCH($B66,'p-y cyclic sand'!$C$27:$C$5000,1)),IF(INDEX('CPT Data'!$S$12:$S$20000,MATCH($B66,'CPT Data'!$B$12:$B$20000,1))&lt;2,INDEX('p-y cyclic clay'!$HK$27:$HK$5000,MATCH($B66,'p-y cyclic clay'!$C$27:$C$5000,1)),INDEX('p-y cyclic clay'!$IK$27:$IK$5000,MATCH($B66,'p-y cyclic clay'!$C$27:$C$5000,1))))</f>
        <v>120</v>
      </c>
    </row>
    <row r="67" spans="1:30" x14ac:dyDescent="0.2">
      <c r="A67" s="214">
        <f t="shared" si="0"/>
        <v>-77.5</v>
      </c>
      <c r="B67" s="216">
        <f>'p-y cyclic clay'!C88</f>
        <v>62</v>
      </c>
      <c r="C67">
        <f>INDEX('CPT Data'!$C$13:$C$20000,MATCH(B67,'CPT Data'!$B$13:$B$20000,1))</f>
        <v>61.993000000000002</v>
      </c>
      <c r="D67" s="216" t="str">
        <f>INDEX('CPT Data'!$P$13:$P$20000,MATCH(B67,'CPT Data'!$B$13:$B$20000,1))</f>
        <v>SAND</v>
      </c>
      <c r="E67">
        <f>IF($D67="SAND",INDEX('p-y cyclic sand'!$AM$27:$AM$5000,MATCH($B67,'p-y cyclic sand'!$C$27:$C$5000,1)),IF(INDEX('CPT Data'!$S$12:$S$20000,MATCH($B67,'CPT Data'!$B$12:$B$20000,1))&lt;2,INDEX('p-y cyclic clay'!$GL$27:$GL$5000,MATCH($B67,'p-y cyclic clay'!$C$27:$C$5000,1)),INDEX('p-y cyclic clay'!$HL$27:$HL$5000,MATCH($B67,'p-y cyclic clay'!$C$27:$C$5000,1))))</f>
        <v>0</v>
      </c>
      <c r="F67">
        <f>IF($D67="SAND",INDEX('p-y cyclic sand'!$Z$27:$Z$5000,MATCH($B67,'p-y cyclic sand'!$C$27:$C$5000,1)),IF(INDEX('CPT Data'!$S$12:$S$20000,MATCH($B67,'CPT Data'!$B$12:$B$20000,1))&lt;2,INDEX('p-y cyclic clay'!$GY$27:$GY$5000,MATCH($B67,'p-y cyclic clay'!$C$27:$C$5000,1)),INDEX('p-y cyclic clay'!$HY$27:$HY$5000,MATCH($B67,'p-y cyclic clay'!$C$27:$C$5000,1))))</f>
        <v>0</v>
      </c>
      <c r="G67">
        <f>IF($D67="SAND",INDEX('p-y cyclic sand'!$AN$27:$AN$5000,MATCH($B67,'p-y cyclic sand'!$C$27:$C$5000,1)),IF(INDEX('CPT Data'!$S$12:$S$20000,MATCH($B67,'CPT Data'!$B$12:$B$20000,1))&lt;2,INDEX('p-y cyclic clay'!$GM$27:$GM$5000,MATCH($B67,'p-y cyclic clay'!$C$27:$C$5000,1)),INDEX('p-y cyclic clay'!$HM$27:$HM$5000,MATCH($B67,'p-y cyclic clay'!$C$27:$C$5000,1))))</f>
        <v>9042.6078559086545</v>
      </c>
      <c r="H67">
        <f>IF($D67="SAND",INDEX('p-y cyclic sand'!$AA$27:$AA$5000,MATCH($B67,'p-y cyclic sand'!$C$27:$C$5000,1)),IF(INDEX('CPT Data'!$S$12:$S$20000,MATCH($B67,'CPT Data'!$B$12:$B$20000,1))&lt;2,INDEX('p-y cyclic clay'!$GZ$27:$GZ$5000,MATCH($B67,'p-y cyclic clay'!$C$27:$C$5000,1)),INDEX('p-y cyclic clay'!$HZ$27:$HZ$5000,MATCH($B67,'p-y cyclic clay'!$C$27:$C$5000,1))))</f>
        <v>10</v>
      </c>
      <c r="I67">
        <f>IF($D67="SAND",INDEX('p-y cyclic sand'!$AO$27:$AO$5000,MATCH($B67,'p-y cyclic sand'!$C$27:$C$5000,1)),IF(INDEX('CPT Data'!$S$12:$S$20000,MATCH($B67,'CPT Data'!$B$12:$B$20000,1))&lt;2,INDEX('p-y cyclic clay'!$GN$27:$GN$5000,MATCH($B67,'p-y cyclic clay'!$C$27:$C$5000,1)),INDEX('p-y cyclic clay'!$HN$27:$HN$5000,MATCH($B67,'p-y cyclic clay'!$C$27:$C$5000,1))))</f>
        <v>18081.913279578657</v>
      </c>
      <c r="J67">
        <f>IF($D67="SAND",INDEX('p-y cyclic sand'!$AB$27:$AB$5000,MATCH($B67,'p-y cyclic sand'!$C$27:$C$5000,1)),IF(INDEX('CPT Data'!$S$12:$S$20000,MATCH($B67,'CPT Data'!$B$12:$B$20000,1))&lt;2,INDEX('p-y cyclic clay'!$HA$27:$HA$5000,MATCH($B67,'p-y cyclic clay'!$C$27:$C$5000,1)),INDEX('p-y cyclic clay'!$IA$27:$IA$5000,MATCH($B67,'p-y cyclic clay'!$C$27:$C$5000,1))))</f>
        <v>20</v>
      </c>
      <c r="K67">
        <f>IF($D67="SAND",INDEX('p-y cyclic sand'!$AP$27:$AP$5000,MATCH($B67,'p-y cyclic sand'!$C$27:$C$5000,1)),IF(INDEX('CPT Data'!$S$12:$S$20000,MATCH($B67,'CPT Data'!$B$12:$B$20000,1))&lt;2,INDEX('p-y cyclic clay'!$GO$27:$GO$5000,MATCH($B67,'p-y cyclic clay'!$C$27:$C$5000,1)),INDEX('p-y cyclic clay'!$HO$27:$HO$5000,MATCH($B67,'p-y cyclic clay'!$C$27:$C$5000,1))))</f>
        <v>27114.618661308094</v>
      </c>
      <c r="L67">
        <f>IF($D67="SAND",INDEX('p-y cyclic sand'!$AC$27:$AC$5000,MATCH($B67,'p-y cyclic sand'!$C$27:$C$5000,1)),IF(INDEX('CPT Data'!$S$12:$S$20000,MATCH($B67,'CPT Data'!$B$12:$B$20000,1))&lt;2,INDEX('p-y cyclic clay'!$HB$27:$HB$5000,MATCH($B67,'p-y cyclic clay'!$C$27:$C$5000,1)),INDEX('p-y cyclic clay'!$IB$27:$IB$5000,MATCH($B67,'p-y cyclic clay'!$C$27:$C$5000,1))))</f>
        <v>30</v>
      </c>
      <c r="M67">
        <f>IF($D67="SAND",INDEX('p-y cyclic sand'!$AQ$27:$AQ$5000,MATCH($B67,'p-y cyclic sand'!$C$27:$C$5000,1)),IF(INDEX('CPT Data'!$S$12:$S$20000,MATCH($B67,'CPT Data'!$B$12:$B$20000,1))&lt;2,INDEX('p-y cyclic clay'!$GP$27:$GP$5000,MATCH($B67,'p-y cyclic clay'!$C$27:$C$5000,1)),INDEX('p-y cyclic clay'!$HP$27:$HP$5000,MATCH($B67,'p-y cyclic clay'!$C$27:$C$5000,1))))</f>
        <v>36137.436021511276</v>
      </c>
      <c r="N67">
        <f>IF($D67="SAND",INDEX('p-y cyclic sand'!$AD$27:$AD$5000,MATCH($B67,'p-y cyclic sand'!$C$27:$C$5000,1)),IF(INDEX('CPT Data'!$S$12:$S$20000,MATCH($B67,'CPT Data'!$B$12:$B$20000,1))&lt;2,INDEX('p-y cyclic clay'!$HC$27:$HC$5000,MATCH($B67,'p-y cyclic clay'!$C$27:$C$5000,1)),INDEX('p-y cyclic clay'!$IC$27:$IC$5000,MATCH($B67,'p-y cyclic clay'!$C$27:$C$5000,1))))</f>
        <v>40</v>
      </c>
      <c r="O67">
        <f>IF($D67="SAND",INDEX('p-y cyclic sand'!$AR$27:$AR$5000,MATCH($B67,'p-y cyclic sand'!$C$27:$C$5000,1)),IF(INDEX('CPT Data'!$S$12:$S$20000,MATCH($B67,'CPT Data'!$B$12:$B$20000,1))&lt;2,INDEX('p-y cyclic clay'!$GQ$27:$GQ$5000,MATCH($B67,'p-y cyclic clay'!$C$27:$C$5000,1)),INDEX('p-y cyclic clay'!$HQ$27:$HQ$5000,MATCH($B67,'p-y cyclic clay'!$C$27:$C$5000,1))))</f>
        <v>45147.091788463244</v>
      </c>
      <c r="P67">
        <f>IF($D67="SAND",INDEX('p-y cyclic sand'!$AE$27:$AE$5000,MATCH($B67,'p-y cyclic sand'!$C$27:$C$5000,1)),IF(INDEX('CPT Data'!$S$12:$S$20000,MATCH($B67,'CPT Data'!$B$12:$B$20000,1))&lt;2,INDEX('p-y cyclic clay'!$HD$27:$HD$5000,MATCH($B67,'p-y cyclic clay'!$C$27:$C$5000,1)),INDEX('p-y cyclic clay'!$ID$27:$ID$5000,MATCH($B67,'p-y cyclic clay'!$C$27:$C$5000,1))))</f>
        <v>50</v>
      </c>
      <c r="Q67">
        <f>IF($D67="SAND",INDEX('p-y cyclic sand'!$AS$27:$AS$5000,MATCH($B67,'p-y cyclic sand'!$C$27:$C$5000,1)),IF(INDEX('CPT Data'!$S$12:$S$20000,MATCH($B67,'CPT Data'!$B$12:$B$20000,1))&lt;2,INDEX('p-y cyclic clay'!$GR$27:$GR$5000,MATCH($B67,'p-y cyclic clay'!$C$27:$C$5000,1)),INDEX('p-y cyclic clay'!$HR$27:$HR$5000,MATCH($B67,'p-y cyclic clay'!$C$27:$C$5000,1))))</f>
        <v>54140.331531490076</v>
      </c>
      <c r="R67">
        <f>IF($D67="SAND",INDEX('p-y cyclic sand'!$AF$27:$AF$5000,MATCH($B67,'p-y cyclic sand'!$C$27:$C$5000,1)),IF(INDEX('CPT Data'!$S$12:$S$20000,MATCH($B67,'CPT Data'!$B$12:$B$20000,1))&lt;2,INDEX('p-y cyclic clay'!$HE$27:$HE$5000,MATCH($B67,'p-y cyclic clay'!$C$27:$C$5000,1)),INDEX('p-y cyclic clay'!$IE$27:$IE$5000,MATCH($B67,'p-y cyclic clay'!$C$27:$C$5000,1))))</f>
        <v>60</v>
      </c>
      <c r="S67">
        <f>IF($D67="SAND",INDEX('p-y cyclic sand'!$AT$27:$AT$5000,MATCH($B67,'p-y cyclic sand'!$C$27:$C$5000,1)),IF(INDEX('CPT Data'!$S$12:$S$20000,MATCH($B67,'CPT Data'!$B$12:$B$20000,1))&lt;2,INDEX('p-y cyclic clay'!$GS$27:$GS$5000,MATCH($B67,'p-y cyclic clay'!$C$27:$C$5000,1)),INDEX('p-y cyclic clay'!$HS$27:$HS$5000,MATCH($B67,'p-y cyclic clay'!$C$27:$C$5000,1))))</f>
        <v>63113.924635121853</v>
      </c>
      <c r="T67">
        <f>IF($D67="SAND",INDEX('p-y cyclic sand'!$AG$27:$AG$5000,MATCH($B67,'p-y cyclic sand'!$C$27:$C$5000,1)),IF(INDEX('CPT Data'!$S$12:$S$20000,MATCH($B67,'CPT Data'!$B$12:$B$20000,1))&lt;2,INDEX('p-y cyclic clay'!$HF$27:$HF$5000,MATCH($B67,'p-y cyclic clay'!$C$27:$C$5000,1)),INDEX('p-y cyclic clay'!$IF$27:$IF$5000,MATCH($B67,'p-y cyclic clay'!$C$27:$C$5000,1))))</f>
        <v>70</v>
      </c>
      <c r="U67">
        <f>IF($D67="SAND",INDEX('p-y cyclic sand'!$AU$27:$AU$5000,MATCH($B67,'p-y cyclic sand'!$C$27:$C$5000,1)),IF(INDEX('CPT Data'!$S$12:$S$20000,MATCH($B67,'CPT Data'!$B$12:$B$20000,1))&lt;2,INDEX('p-y cyclic clay'!$GT$27:$GT$5000,MATCH($B67,'p-y cyclic clay'!$C$27:$C$5000,1)),INDEX('p-y cyclic clay'!$HT$27:$HT$5000,MATCH($B67,'p-y cyclic clay'!$C$27:$C$5000,1))))</f>
        <v>72064.668900037213</v>
      </c>
      <c r="V67">
        <f>IF($D67="SAND",INDEX('p-y cyclic sand'!$AH$27:$AH$5000,MATCH($B67,'p-y cyclic sand'!$C$27:$C$5000,1)),IF(INDEX('CPT Data'!$S$12:$S$20000,MATCH($B67,'CPT Data'!$B$12:$B$20000,1))&lt;2,INDEX('p-y cyclic clay'!$HG$27:$HG$5000,MATCH($B67,'p-y cyclic clay'!$C$27:$C$5000,1)),INDEX('p-y cyclic clay'!$IG$27:$IG$5000,MATCH($B67,'p-y cyclic clay'!$C$27:$C$5000,1))))</f>
        <v>80</v>
      </c>
      <c r="W67">
        <f>IF($D67="SAND",INDEX('p-y cyclic sand'!$AV$27:$AV$5000,MATCH($B67,'p-y cyclic sand'!$C$27:$C$5000,1)),IF(INDEX('CPT Data'!$S$12:$S$20000,MATCH($B67,'CPT Data'!$B$12:$B$20000,1))&lt;2,INDEX('p-y cyclic clay'!$GU$27:$GU$5000,MATCH($B67,'p-y cyclic clay'!$C$27:$C$5000,1)),INDEX('p-y cyclic clay'!$HU$27:$HU$5000,MATCH($B67,'p-y cyclic clay'!$C$27:$C$5000,1))))</f>
        <v>80989.395057012924</v>
      </c>
      <c r="X67">
        <f>IF($D67="SAND",INDEX('p-y cyclic sand'!$AI$27:$AI$5000,MATCH($B67,'p-y cyclic sand'!$C$27:$C$5000,1)),IF(INDEX('CPT Data'!$S$12:$S$20000,MATCH($B67,'CPT Data'!$B$12:$B$20000,1))&lt;2,INDEX('p-y cyclic clay'!$HH$27:$HH$5000,MATCH($B67,'p-y cyclic clay'!$C$27:$C$5000,1)),INDEX('p-y cyclic clay'!$IH$27:$IH$5000,MATCH($B67,'p-y cyclic clay'!$C$27:$C$5000,1))))</f>
        <v>90</v>
      </c>
      <c r="Y67">
        <f>IF($D67="SAND",INDEX('p-y cyclic sand'!$AW$27:$AW$5000,MATCH($B67,'p-y cyclic sand'!$C$27:$C$5000,1)),IF(INDEX('CPT Data'!$S$12:$S$20000,MATCH($B67,'CPT Data'!$B$12:$B$20000,1))&lt;2,INDEX('p-y cyclic clay'!$GV$27:$GV$5000,MATCH($B67,'p-y cyclic clay'!$C$27:$C$5000,1)),INDEX('p-y cyclic clay'!$HV$27:$HV$5000,MATCH($B67,'p-y cyclic clay'!$C$27:$C$5000,1))))</f>
        <v>89884.971180548018</v>
      </c>
      <c r="Z67">
        <f>IF($D67="SAND",INDEX('p-y cyclic sand'!$AJ$27:$AJ$5000,MATCH($B67,'p-y cyclic sand'!$C$27:$C$5000,1)),IF(INDEX('CPT Data'!$S$12:$S$20000,MATCH($B67,'CPT Data'!$B$12:$B$20000,1))&lt;2,INDEX('p-y cyclic clay'!$HI$27:$HI$5000,MATCH($B67,'p-y cyclic clay'!$C$27:$C$5000,1)),INDEX('p-y cyclic clay'!$II$27:$II$5000,MATCH($B67,'p-y cyclic clay'!$C$27:$C$5000,1))))</f>
        <v>100</v>
      </c>
      <c r="AA67">
        <f>IF($D67="SAND",INDEX('p-y cyclic sand'!$AX$27:$AX$5000,MATCH($B67,'p-y cyclic sand'!$C$27:$C$5000,1)),IF(INDEX('CPT Data'!$S$12:$S$20000,MATCH($B67,'CPT Data'!$B$12:$B$20000,1))&lt;2,INDEX('p-y cyclic clay'!$GW$27:$GW$5000,MATCH($B67,'p-y cyclic clay'!$C$27:$C$5000,1)),INDEX('p-y cyclic clay'!$HW$27:$HW$5000,MATCH($B67,'p-y cyclic clay'!$C$27:$C$5000,1))))</f>
        <v>98748.306989352495</v>
      </c>
      <c r="AB67">
        <f>IF($D67="SAND",INDEX('p-y cyclic sand'!$AK$27:$AK$5000,MATCH($B67,'p-y cyclic sand'!$C$27:$C$5000,1)),IF(INDEX('CPT Data'!$S$12:$S$20000,MATCH($B67,'CPT Data'!$B$12:$B$20000,1))&lt;2,INDEX('p-y cyclic clay'!$HJ$27:$HJ$5000,MATCH($B67,'p-y cyclic clay'!$C$27:$C$5000,1)),INDEX('p-y cyclic clay'!$IJ$27:$IJ$5000,MATCH($B67,'p-y cyclic clay'!$C$27:$C$5000,1))))</f>
        <v>110</v>
      </c>
      <c r="AC67">
        <f>IF($D67="SAND",INDEX('p-y cyclic sand'!$AY$27:$AY$5000,MATCH($B67,'p-y cyclic sand'!$C$27:$C$5000,1)),IF(INDEX('CPT Data'!$S$12:$S$20000,MATCH($B67,'CPT Data'!$B$12:$B$20000,1))&lt;2,INDEX('p-y cyclic clay'!$GX$27:$GX$5000,MATCH($B67,'p-y cyclic clay'!$C$27:$C$5000,1)),INDEX('p-y cyclic clay'!$HX$27:$HX$5000,MATCH($B67,'p-y cyclic clay'!$C$27:$C$5000,1))))</f>
        <v>107576.35802147593</v>
      </c>
      <c r="AD67" s="98">
        <f>IF($D67="SAND",INDEX('p-y cyclic sand'!$AL$27:$AL$5000,MATCH($B67,'p-y cyclic sand'!$C$27:$C$5000,1)),IF(INDEX('CPT Data'!$S$12:$S$20000,MATCH($B67,'CPT Data'!$B$12:$B$20000,1))&lt;2,INDEX('p-y cyclic clay'!$HK$27:$HK$5000,MATCH($B67,'p-y cyclic clay'!$C$27:$C$5000,1)),INDEX('p-y cyclic clay'!$IK$27:$IK$5000,MATCH($B67,'p-y cyclic clay'!$C$27:$C$5000,1))))</f>
        <v>120</v>
      </c>
    </row>
    <row r="68" spans="1:30" x14ac:dyDescent="0.2">
      <c r="A68" s="214">
        <f t="shared" si="0"/>
        <v>-78.5</v>
      </c>
      <c r="B68" s="216">
        <f>'p-y cyclic clay'!C89</f>
        <v>63</v>
      </c>
      <c r="C68">
        <f>INDEX('CPT Data'!$C$13:$C$20000,MATCH(B68,'CPT Data'!$B$13:$B$20000,1))</f>
        <v>62.986000000000004</v>
      </c>
      <c r="D68" s="216" t="str">
        <f>INDEX('CPT Data'!$P$13:$P$20000,MATCH(B68,'CPT Data'!$B$13:$B$20000,1))</f>
        <v>SAND</v>
      </c>
      <c r="E68">
        <f>IF($D68="SAND",INDEX('p-y cyclic sand'!$AM$27:$AM$5000,MATCH($B68,'p-y cyclic sand'!$C$27:$C$5000,1)),IF(INDEX('CPT Data'!$S$12:$S$20000,MATCH($B68,'CPT Data'!$B$12:$B$20000,1))&lt;2,INDEX('p-y cyclic clay'!$GL$27:$GL$5000,MATCH($B68,'p-y cyclic clay'!$C$27:$C$5000,1)),INDEX('p-y cyclic clay'!$HL$27:$HL$5000,MATCH($B68,'p-y cyclic clay'!$C$27:$C$5000,1))))</f>
        <v>0</v>
      </c>
      <c r="F68">
        <f>IF($D68="SAND",INDEX('p-y cyclic sand'!$Z$27:$Z$5000,MATCH($B68,'p-y cyclic sand'!$C$27:$C$5000,1)),IF(INDEX('CPT Data'!$S$12:$S$20000,MATCH($B68,'CPT Data'!$B$12:$B$20000,1))&lt;2,INDEX('p-y cyclic clay'!$GY$27:$GY$5000,MATCH($B68,'p-y cyclic clay'!$C$27:$C$5000,1)),INDEX('p-y cyclic clay'!$HY$27:$HY$5000,MATCH($B68,'p-y cyclic clay'!$C$27:$C$5000,1))))</f>
        <v>0</v>
      </c>
      <c r="G68">
        <f>IF($D68="SAND",INDEX('p-y cyclic sand'!$AN$27:$AN$5000,MATCH($B68,'p-y cyclic sand'!$C$27:$C$5000,1)),IF(INDEX('CPT Data'!$S$12:$S$20000,MATCH($B68,'CPT Data'!$B$12:$B$20000,1))&lt;2,INDEX('p-y cyclic clay'!$GM$27:$GM$5000,MATCH($B68,'p-y cyclic clay'!$C$27:$C$5000,1)),INDEX('p-y cyclic clay'!$HM$27:$HM$5000,MATCH($B68,'p-y cyclic clay'!$C$27:$C$5000,1))))</f>
        <v>12055.954304240831</v>
      </c>
      <c r="H68">
        <f>IF($D68="SAND",INDEX('p-y cyclic sand'!$AA$27:$AA$5000,MATCH($B68,'p-y cyclic sand'!$C$27:$C$5000,1)),IF(INDEX('CPT Data'!$S$12:$S$20000,MATCH($B68,'CPT Data'!$B$12:$B$20000,1))&lt;2,INDEX('p-y cyclic clay'!$GZ$27:$GZ$5000,MATCH($B68,'p-y cyclic clay'!$C$27:$C$5000,1)),INDEX('p-y cyclic clay'!$HZ$27:$HZ$5000,MATCH($B68,'p-y cyclic clay'!$C$27:$C$5000,1))))</f>
        <v>10</v>
      </c>
      <c r="I68">
        <f>IF($D68="SAND",INDEX('p-y cyclic sand'!$AO$27:$AO$5000,MATCH($B68,'p-y cyclic sand'!$C$27:$C$5000,1)),IF(INDEX('CPT Data'!$S$12:$S$20000,MATCH($B68,'CPT Data'!$B$12:$B$20000,1))&lt;2,INDEX('p-y cyclic clay'!$GN$27:$GN$5000,MATCH($B68,'p-y cyclic clay'!$C$27:$C$5000,1)),INDEX('p-y cyclic clay'!$HN$27:$HN$5000,MATCH($B68,'p-y cyclic clay'!$C$27:$C$5000,1))))</f>
        <v>24108.799438560014</v>
      </c>
      <c r="J68">
        <f>IF($D68="SAND",INDEX('p-y cyclic sand'!$AB$27:$AB$5000,MATCH($B68,'p-y cyclic sand'!$C$27:$C$5000,1)),IF(INDEX('CPT Data'!$S$12:$S$20000,MATCH($B68,'CPT Data'!$B$12:$B$20000,1))&lt;2,INDEX('p-y cyclic clay'!$HA$27:$HA$5000,MATCH($B68,'p-y cyclic clay'!$C$27:$C$5000,1)),INDEX('p-y cyclic clay'!$IA$27:$IA$5000,MATCH($B68,'p-y cyclic clay'!$C$27:$C$5000,1))))</f>
        <v>20</v>
      </c>
      <c r="K68">
        <f>IF($D68="SAND",INDEX('p-y cyclic sand'!$AP$27:$AP$5000,MATCH($B68,'p-y cyclic sand'!$C$27:$C$5000,1)),IF(INDEX('CPT Data'!$S$12:$S$20000,MATCH($B68,'CPT Data'!$B$12:$B$20000,1))&lt;2,INDEX('p-y cyclic clay'!$GO$27:$GO$5000,MATCH($B68,'p-y cyclic clay'!$C$27:$C$5000,1)),INDEX('p-y cyclic clay'!$HO$27:$HO$5000,MATCH($B68,'p-y cyclic clay'!$C$27:$C$5000,1))))</f>
        <v>36155.429439566054</v>
      </c>
      <c r="L68">
        <f>IF($D68="SAND",INDEX('p-y cyclic sand'!$AC$27:$AC$5000,MATCH($B68,'p-y cyclic sand'!$C$27:$C$5000,1)),IF(INDEX('CPT Data'!$S$12:$S$20000,MATCH($B68,'CPT Data'!$B$12:$B$20000,1))&lt;2,INDEX('p-y cyclic clay'!$HB$27:$HB$5000,MATCH($B68,'p-y cyclic clay'!$C$27:$C$5000,1)),INDEX('p-y cyclic clay'!$IB$27:$IB$5000,MATCH($B68,'p-y cyclic clay'!$C$27:$C$5000,1))))</f>
        <v>30</v>
      </c>
      <c r="M68">
        <f>IF($D68="SAND",INDEX('p-y cyclic sand'!$AQ$27:$AQ$5000,MATCH($B68,'p-y cyclic sand'!$C$27:$C$5000,1)),IF(INDEX('CPT Data'!$S$12:$S$20000,MATCH($B68,'CPT Data'!$B$12:$B$20000,1))&lt;2,INDEX('p-y cyclic clay'!$GP$27:$GP$5000,MATCH($B68,'p-y cyclic clay'!$C$27:$C$5000,1)),INDEX('p-y cyclic clay'!$HP$27:$HP$5000,MATCH($B68,'p-y cyclic clay'!$C$27:$C$5000,1))))</f>
        <v>48192.744749902988</v>
      </c>
      <c r="N68">
        <f>IF($D68="SAND",INDEX('p-y cyclic sand'!$AD$27:$AD$5000,MATCH($B68,'p-y cyclic sand'!$C$27:$C$5000,1)),IF(INDEX('CPT Data'!$S$12:$S$20000,MATCH($B68,'CPT Data'!$B$12:$B$20000,1))&lt;2,INDEX('p-y cyclic clay'!$HC$27:$HC$5000,MATCH($B68,'p-y cyclic clay'!$C$27:$C$5000,1)),INDEX('p-y cyclic clay'!$IC$27:$IC$5000,MATCH($B68,'p-y cyclic clay'!$C$27:$C$5000,1))))</f>
        <v>40</v>
      </c>
      <c r="O68">
        <f>IF($D68="SAND",INDEX('p-y cyclic sand'!$AR$27:$AR$5000,MATCH($B68,'p-y cyclic sand'!$C$27:$C$5000,1)),IF(INDEX('CPT Data'!$S$12:$S$20000,MATCH($B68,'CPT Data'!$B$12:$B$20000,1))&lt;2,INDEX('p-y cyclic clay'!$GQ$27:$GQ$5000,MATCH($B68,'p-y cyclic clay'!$C$27:$C$5000,1)),INDEX('p-y cyclic clay'!$HQ$27:$HQ$5000,MATCH($B68,'p-y cyclic clay'!$C$27:$C$5000,1))))</f>
        <v>60217.65540373297</v>
      </c>
      <c r="P68">
        <f>IF($D68="SAND",INDEX('p-y cyclic sand'!$AE$27:$AE$5000,MATCH($B68,'p-y cyclic sand'!$C$27:$C$5000,1)),IF(INDEX('CPT Data'!$S$12:$S$20000,MATCH($B68,'CPT Data'!$B$12:$B$20000,1))&lt;2,INDEX('p-y cyclic clay'!$HD$27:$HD$5000,MATCH($B68,'p-y cyclic clay'!$C$27:$C$5000,1)),INDEX('p-y cyclic clay'!$ID$27:$ID$5000,MATCH($B68,'p-y cyclic clay'!$C$27:$C$5000,1))))</f>
        <v>50</v>
      </c>
      <c r="Q68">
        <f>IF($D68="SAND",INDEX('p-y cyclic sand'!$AS$27:$AS$5000,MATCH($B68,'p-y cyclic sand'!$C$27:$C$5000,1)),IF(INDEX('CPT Data'!$S$12:$S$20000,MATCH($B68,'CPT Data'!$B$12:$B$20000,1))&lt;2,INDEX('p-y cyclic clay'!$GR$27:$GR$5000,MATCH($B68,'p-y cyclic clay'!$C$27:$C$5000,1)),INDEX('p-y cyclic clay'!$HR$27:$HR$5000,MATCH($B68,'p-y cyclic clay'!$C$27:$C$5000,1))))</f>
        <v>72227.084191249989</v>
      </c>
      <c r="R68">
        <f>IF($D68="SAND",INDEX('p-y cyclic sand'!$AF$27:$AF$5000,MATCH($B68,'p-y cyclic sand'!$C$27:$C$5000,1)),IF(INDEX('CPT Data'!$S$12:$S$20000,MATCH($B68,'CPT Data'!$B$12:$B$20000,1))&lt;2,INDEX('p-y cyclic clay'!$HE$27:$HE$5000,MATCH($B68,'p-y cyclic clay'!$C$27:$C$5000,1)),INDEX('p-y cyclic clay'!$IE$27:$IE$5000,MATCH($B68,'p-y cyclic clay'!$C$27:$C$5000,1))))</f>
        <v>60</v>
      </c>
      <c r="S68">
        <f>IF($D68="SAND",INDEX('p-y cyclic sand'!$AT$27:$AT$5000,MATCH($B68,'p-y cyclic sand'!$C$27:$C$5000,1)),IF(INDEX('CPT Data'!$S$12:$S$20000,MATCH($B68,'CPT Data'!$B$12:$B$20000,1))&lt;2,INDEX('p-y cyclic clay'!$GS$27:$GS$5000,MATCH($B68,'p-y cyclic clay'!$C$27:$C$5000,1)),INDEX('p-y cyclic clay'!$HS$27:$HS$5000,MATCH($B68,'p-y cyclic clay'!$C$27:$C$5000,1))))</f>
        <v>84217.969795358105</v>
      </c>
      <c r="T68">
        <f>IF($D68="SAND",INDEX('p-y cyclic sand'!$AG$27:$AG$5000,MATCH($B68,'p-y cyclic sand'!$C$27:$C$5000,1)),IF(INDEX('CPT Data'!$S$12:$S$20000,MATCH($B68,'CPT Data'!$B$12:$B$20000,1))&lt;2,INDEX('p-y cyclic clay'!$HF$27:$HF$5000,MATCH($B68,'p-y cyclic clay'!$C$27:$C$5000,1)),INDEX('p-y cyclic clay'!$IF$27:$IF$5000,MATCH($B68,'p-y cyclic clay'!$C$27:$C$5000,1))))</f>
        <v>70</v>
      </c>
      <c r="U68">
        <f>IF($D68="SAND",INDEX('p-y cyclic sand'!$AU$27:$AU$5000,MATCH($B68,'p-y cyclic sand'!$C$27:$C$5000,1)),IF(INDEX('CPT Data'!$S$12:$S$20000,MATCH($B68,'CPT Data'!$B$12:$B$20000,1))&lt;2,INDEX('p-y cyclic clay'!$GT$27:$GT$5000,MATCH($B68,'p-y cyclic clay'!$C$27:$C$5000,1)),INDEX('p-y cyclic clay'!$HT$27:$HT$5000,MATCH($B68,'p-y cyclic clay'!$C$27:$C$5000,1))))</f>
        <v>96187.269893751029</v>
      </c>
      <c r="V68">
        <f>IF($D68="SAND",INDEX('p-y cyclic sand'!$AH$27:$AH$5000,MATCH($B68,'p-y cyclic sand'!$C$27:$C$5000,1)),IF(INDEX('CPT Data'!$S$12:$S$20000,MATCH($B68,'CPT Data'!$B$12:$B$20000,1))&lt;2,INDEX('p-y cyclic clay'!$HG$27:$HG$5000,MATCH($B68,'p-y cyclic clay'!$C$27:$C$5000,1)),INDEX('p-y cyclic clay'!$IG$27:$IG$5000,MATCH($B68,'p-y cyclic clay'!$C$27:$C$5000,1))))</f>
        <v>80</v>
      </c>
      <c r="W68">
        <f>IF($D68="SAND",INDEX('p-y cyclic sand'!$AV$27:$AV$5000,MATCH($B68,'p-y cyclic sand'!$C$27:$C$5000,1)),IF(INDEX('CPT Data'!$S$12:$S$20000,MATCH($B68,'CPT Data'!$B$12:$B$20000,1))&lt;2,INDEX('p-y cyclic clay'!$GU$27:$GU$5000,MATCH($B68,'p-y cyclic clay'!$C$27:$C$5000,1)),INDEX('p-y cyclic clay'!$HU$27:$HU$5000,MATCH($B68,'p-y cyclic clay'!$C$27:$C$5000,1))))</f>
        <v>108131.96421975913</v>
      </c>
      <c r="X68">
        <f>IF($D68="SAND",INDEX('p-y cyclic sand'!$AI$27:$AI$5000,MATCH($B68,'p-y cyclic sand'!$C$27:$C$5000,1)),IF(INDEX('CPT Data'!$S$12:$S$20000,MATCH($B68,'CPT Data'!$B$12:$B$20000,1))&lt;2,INDEX('p-y cyclic clay'!$HH$27:$HH$5000,MATCH($B68,'p-y cyclic clay'!$C$27:$C$5000,1)),INDEX('p-y cyclic clay'!$IH$27:$IH$5000,MATCH($B68,'p-y cyclic clay'!$C$27:$C$5000,1))))</f>
        <v>90</v>
      </c>
      <c r="Y68">
        <f>IF($D68="SAND",INDEX('p-y cyclic sand'!$AW$27:$AW$5000,MATCH($B68,'p-y cyclic sand'!$C$27:$C$5000,1)),IF(INDEX('CPT Data'!$S$12:$S$20000,MATCH($B68,'CPT Data'!$B$12:$B$20000,1))&lt;2,INDEX('p-y cyclic clay'!$GV$27:$GV$5000,MATCH($B68,'p-y cyclic clay'!$C$27:$C$5000,1)),INDEX('p-y cyclic clay'!$HV$27:$HV$5000,MATCH($B68,'p-y cyclic clay'!$C$27:$C$5000,1))))</f>
        <v>120049.05757548296</v>
      </c>
      <c r="Z68">
        <f>IF($D68="SAND",INDEX('p-y cyclic sand'!$AJ$27:$AJ$5000,MATCH($B68,'p-y cyclic sand'!$C$27:$C$5000,1)),IF(INDEX('CPT Data'!$S$12:$S$20000,MATCH($B68,'CPT Data'!$B$12:$B$20000,1))&lt;2,INDEX('p-y cyclic clay'!$HI$27:$HI$5000,MATCH($B68,'p-y cyclic clay'!$C$27:$C$5000,1)),INDEX('p-y cyclic clay'!$II$27:$II$5000,MATCH($B68,'p-y cyclic clay'!$C$27:$C$5000,1))))</f>
        <v>100</v>
      </c>
      <c r="AA68">
        <f>IF($D68="SAND",INDEX('p-y cyclic sand'!$AX$27:$AX$5000,MATCH($B68,'p-y cyclic sand'!$C$27:$C$5000,1)),IF(INDEX('CPT Data'!$S$12:$S$20000,MATCH($B68,'CPT Data'!$B$12:$B$20000,1))&lt;2,INDEX('p-y cyclic clay'!$GW$27:$GW$5000,MATCH($B68,'p-y cyclic clay'!$C$27:$C$5000,1)),INDEX('p-y cyclic clay'!$HW$27:$HW$5000,MATCH($B68,'p-y cyclic clay'!$C$27:$C$5000,1))))</f>
        <v>131935.58279090919</v>
      </c>
      <c r="AB68">
        <f>IF($D68="SAND",INDEX('p-y cyclic sand'!$AK$27:$AK$5000,MATCH($B68,'p-y cyclic sand'!$C$27:$C$5000,1)),IF(INDEX('CPT Data'!$S$12:$S$20000,MATCH($B68,'CPT Data'!$B$12:$B$20000,1))&lt;2,INDEX('p-y cyclic clay'!$HJ$27:$HJ$5000,MATCH($B68,'p-y cyclic clay'!$C$27:$C$5000,1)),INDEX('p-y cyclic clay'!$IJ$27:$IJ$5000,MATCH($B68,'p-y cyclic clay'!$C$27:$C$5000,1))))</f>
        <v>110</v>
      </c>
      <c r="AC68">
        <f>IF($D68="SAND",INDEX('p-y cyclic sand'!$AY$27:$AY$5000,MATCH($B68,'p-y cyclic sand'!$C$27:$C$5000,1)),IF(INDEX('CPT Data'!$S$12:$S$20000,MATCH($B68,'CPT Data'!$B$12:$B$20000,1))&lt;2,INDEX('p-y cyclic clay'!$GX$27:$GX$5000,MATCH($B68,'p-y cyclic clay'!$C$27:$C$5000,1)),INDEX('p-y cyclic clay'!$HX$27:$HX$5000,MATCH($B68,'p-y cyclic clay'!$C$27:$C$5000,1))))</f>
        <v>143788.6036229032</v>
      </c>
      <c r="AD68" s="98">
        <f>IF($D68="SAND",INDEX('p-y cyclic sand'!$AL$27:$AL$5000,MATCH($B68,'p-y cyclic sand'!$C$27:$C$5000,1)),IF(INDEX('CPT Data'!$S$12:$S$20000,MATCH($B68,'CPT Data'!$B$12:$B$20000,1))&lt;2,INDEX('p-y cyclic clay'!$HK$27:$HK$5000,MATCH($B68,'p-y cyclic clay'!$C$27:$C$5000,1)),INDEX('p-y cyclic clay'!$IK$27:$IK$5000,MATCH($B68,'p-y cyclic clay'!$C$27:$C$5000,1))))</f>
        <v>120</v>
      </c>
    </row>
    <row r="69" spans="1:30" x14ac:dyDescent="0.2">
      <c r="A69" s="214">
        <f t="shared" si="0"/>
        <v>-79.5</v>
      </c>
      <c r="B69" s="216">
        <f>'p-y cyclic clay'!C90</f>
        <v>64</v>
      </c>
      <c r="C69">
        <f>INDEX('CPT Data'!$C$13:$C$20000,MATCH(B69,'CPT Data'!$B$13:$B$20000,1))</f>
        <v>63.989000000000004</v>
      </c>
      <c r="D69" s="216" t="str">
        <f>INDEX('CPT Data'!$P$13:$P$20000,MATCH(B69,'CPT Data'!$B$13:$B$20000,1))</f>
        <v>SAND</v>
      </c>
      <c r="E69">
        <f>IF($D69="SAND",INDEX('p-y cyclic sand'!$AM$27:$AM$5000,MATCH($B69,'p-y cyclic sand'!$C$27:$C$5000,1)),IF(INDEX('CPT Data'!$S$12:$S$20000,MATCH($B69,'CPT Data'!$B$12:$B$20000,1))&lt;2,INDEX('p-y cyclic clay'!$GL$27:$GL$5000,MATCH($B69,'p-y cyclic clay'!$C$27:$C$5000,1)),INDEX('p-y cyclic clay'!$HL$27:$HL$5000,MATCH($B69,'p-y cyclic clay'!$C$27:$C$5000,1))))</f>
        <v>0</v>
      </c>
      <c r="F69">
        <f>IF($D69="SAND",INDEX('p-y cyclic sand'!$Z$27:$Z$5000,MATCH($B69,'p-y cyclic sand'!$C$27:$C$5000,1)),IF(INDEX('CPT Data'!$S$12:$S$20000,MATCH($B69,'CPT Data'!$B$12:$B$20000,1))&lt;2,INDEX('p-y cyclic clay'!$GY$27:$GY$5000,MATCH($B69,'p-y cyclic clay'!$C$27:$C$5000,1)),INDEX('p-y cyclic clay'!$HY$27:$HY$5000,MATCH($B69,'p-y cyclic clay'!$C$27:$C$5000,1))))</f>
        <v>0</v>
      </c>
      <c r="G69">
        <f>IF($D69="SAND",INDEX('p-y cyclic sand'!$AN$27:$AN$5000,MATCH($B69,'p-y cyclic sand'!$C$27:$C$5000,1)),IF(INDEX('CPT Data'!$S$12:$S$20000,MATCH($B69,'CPT Data'!$B$12:$B$20000,1))&lt;2,INDEX('p-y cyclic clay'!$GM$27:$GM$5000,MATCH($B69,'p-y cyclic clay'!$C$27:$C$5000,1)),INDEX('p-y cyclic clay'!$HM$27:$HM$5000,MATCH($B69,'p-y cyclic clay'!$C$27:$C$5000,1))))</f>
        <v>17543.28491384078</v>
      </c>
      <c r="H69">
        <f>IF($D69="SAND",INDEX('p-y cyclic sand'!$AA$27:$AA$5000,MATCH($B69,'p-y cyclic sand'!$C$27:$C$5000,1)),IF(INDEX('CPT Data'!$S$12:$S$20000,MATCH($B69,'CPT Data'!$B$12:$B$20000,1))&lt;2,INDEX('p-y cyclic clay'!$GZ$27:$GZ$5000,MATCH($B69,'p-y cyclic clay'!$C$27:$C$5000,1)),INDEX('p-y cyclic clay'!$HZ$27:$HZ$5000,MATCH($B69,'p-y cyclic clay'!$C$27:$C$5000,1))))</f>
        <v>10</v>
      </c>
      <c r="I69">
        <f>IF($D69="SAND",INDEX('p-y cyclic sand'!$AO$27:$AO$5000,MATCH($B69,'p-y cyclic sand'!$C$27:$C$5000,1)),IF(INDEX('CPT Data'!$S$12:$S$20000,MATCH($B69,'CPT Data'!$B$12:$B$20000,1))&lt;2,INDEX('p-y cyclic clay'!$GN$27:$GN$5000,MATCH($B69,'p-y cyclic clay'!$C$27:$C$5000,1)),INDEX('p-y cyclic clay'!$HN$27:$HN$5000,MATCH($B69,'p-y cyclic clay'!$C$27:$C$5000,1))))</f>
        <v>35083.192140984218</v>
      </c>
      <c r="J69">
        <f>IF($D69="SAND",INDEX('p-y cyclic sand'!$AB$27:$AB$5000,MATCH($B69,'p-y cyclic sand'!$C$27:$C$5000,1)),IF(INDEX('CPT Data'!$S$12:$S$20000,MATCH($B69,'CPT Data'!$B$12:$B$20000,1))&lt;2,INDEX('p-y cyclic clay'!$HA$27:$HA$5000,MATCH($B69,'p-y cyclic clay'!$C$27:$C$5000,1)),INDEX('p-y cyclic clay'!$IA$27:$IA$5000,MATCH($B69,'p-y cyclic clay'!$C$27:$C$5000,1))))</f>
        <v>20</v>
      </c>
      <c r="K69">
        <f>IF($D69="SAND",INDEX('p-y cyclic sand'!$AP$27:$AP$5000,MATCH($B69,'p-y cyclic sand'!$C$27:$C$5000,1)),IF(INDEX('CPT Data'!$S$12:$S$20000,MATCH($B69,'CPT Data'!$B$12:$B$20000,1))&lt;2,INDEX('p-y cyclic clay'!$GO$27:$GO$5000,MATCH($B69,'p-y cyclic clay'!$C$27:$C$5000,1)),INDEX('p-y cyclic clay'!$HO$27:$HO$5000,MATCH($B69,'p-y cyclic clay'!$C$27:$C$5000,1))))</f>
        <v>52616.346595516399</v>
      </c>
      <c r="L69">
        <f>IF($D69="SAND",INDEX('p-y cyclic sand'!$AC$27:$AC$5000,MATCH($B69,'p-y cyclic sand'!$C$27:$C$5000,1)),IF(INDEX('CPT Data'!$S$12:$S$20000,MATCH($B69,'CPT Data'!$B$12:$B$20000,1))&lt;2,INDEX('p-y cyclic clay'!$HB$27:$HB$5000,MATCH($B69,'p-y cyclic clay'!$C$27:$C$5000,1)),INDEX('p-y cyclic clay'!$IB$27:$IB$5000,MATCH($B69,'p-y cyclic clay'!$C$27:$C$5000,1))))</f>
        <v>30</v>
      </c>
      <c r="M69">
        <f>IF($D69="SAND",INDEX('p-y cyclic sand'!$AQ$27:$AQ$5000,MATCH($B69,'p-y cyclic sand'!$C$27:$C$5000,1)),IF(INDEX('CPT Data'!$S$12:$S$20000,MATCH($B69,'CPT Data'!$B$12:$B$20000,1))&lt;2,INDEX('p-y cyclic clay'!$GP$27:$GP$5000,MATCH($B69,'p-y cyclic clay'!$C$27:$C$5000,1)),INDEX('p-y cyclic clay'!$HP$27:$HP$5000,MATCH($B69,'p-y cyclic clay'!$C$27:$C$5000,1))))</f>
        <v>70139.378388836019</v>
      </c>
      <c r="N69">
        <f>IF($D69="SAND",INDEX('p-y cyclic sand'!$AD$27:$AD$5000,MATCH($B69,'p-y cyclic sand'!$C$27:$C$5000,1)),IF(INDEX('CPT Data'!$S$12:$S$20000,MATCH($B69,'CPT Data'!$B$12:$B$20000,1))&lt;2,INDEX('p-y cyclic clay'!$HC$27:$HC$5000,MATCH($B69,'p-y cyclic clay'!$C$27:$C$5000,1)),INDEX('p-y cyclic clay'!$IC$27:$IC$5000,MATCH($B69,'p-y cyclic clay'!$C$27:$C$5000,1))))</f>
        <v>40</v>
      </c>
      <c r="O69">
        <f>IF($D69="SAND",INDEX('p-y cyclic sand'!$AR$27:$AR$5000,MATCH($B69,'p-y cyclic sand'!$C$27:$C$5000,1)),IF(INDEX('CPT Data'!$S$12:$S$20000,MATCH($B69,'CPT Data'!$B$12:$B$20000,1))&lt;2,INDEX('p-y cyclic clay'!$GQ$27:$GQ$5000,MATCH($B69,'p-y cyclic clay'!$C$27:$C$5000,1)),INDEX('p-y cyclic clay'!$HQ$27:$HQ$5000,MATCH($B69,'p-y cyclic clay'!$C$27:$C$5000,1))))</f>
        <v>87648.925417686798</v>
      </c>
      <c r="P69">
        <f>IF($D69="SAND",INDEX('p-y cyclic sand'!$AE$27:$AE$5000,MATCH($B69,'p-y cyclic sand'!$C$27:$C$5000,1)),IF(INDEX('CPT Data'!$S$12:$S$20000,MATCH($B69,'CPT Data'!$B$12:$B$20000,1))&lt;2,INDEX('p-y cyclic clay'!$HD$27:$HD$5000,MATCH($B69,'p-y cyclic clay'!$C$27:$C$5000,1)),INDEX('p-y cyclic clay'!$ID$27:$ID$5000,MATCH($B69,'p-y cyclic clay'!$C$27:$C$5000,1))))</f>
        <v>50</v>
      </c>
      <c r="Q69">
        <f>IF($D69="SAND",INDEX('p-y cyclic sand'!$AS$27:$AS$5000,MATCH($B69,'p-y cyclic sand'!$C$27:$C$5000,1)),IF(INDEX('CPT Data'!$S$12:$S$20000,MATCH($B69,'CPT Data'!$B$12:$B$20000,1))&lt;2,INDEX('p-y cyclic clay'!$GR$27:$GR$5000,MATCH($B69,'p-y cyclic clay'!$C$27:$C$5000,1)),INDEX('p-y cyclic clay'!$HR$27:$HR$5000,MATCH($B69,'p-y cyclic clay'!$C$27:$C$5000,1))))</f>
        <v>105141.63593947464</v>
      </c>
      <c r="R69">
        <f>IF($D69="SAND",INDEX('p-y cyclic sand'!$AF$27:$AF$5000,MATCH($B69,'p-y cyclic sand'!$C$27:$C$5000,1)),IF(INDEX('CPT Data'!$S$12:$S$20000,MATCH($B69,'CPT Data'!$B$12:$B$20000,1))&lt;2,INDEX('p-y cyclic clay'!$HE$27:$HE$5000,MATCH($B69,'p-y cyclic clay'!$C$27:$C$5000,1)),INDEX('p-y cyclic clay'!$IE$27:$IE$5000,MATCH($B69,'p-y cyclic clay'!$C$27:$C$5000,1))))</f>
        <v>60</v>
      </c>
      <c r="S69">
        <f>IF($D69="SAND",INDEX('p-y cyclic sand'!$AT$27:$AT$5000,MATCH($B69,'p-y cyclic sand'!$C$27:$C$5000,1)),IF(INDEX('CPT Data'!$S$12:$S$20000,MATCH($B69,'CPT Data'!$B$12:$B$20000,1))&lt;2,INDEX('p-y cyclic clay'!$GS$27:$GS$5000,MATCH($B69,'p-y cyclic clay'!$C$27:$C$5000,1)),INDEX('p-y cyclic clay'!$HS$27:$HS$5000,MATCH($B69,'p-y cyclic clay'!$C$27:$C$5000,1))))</f>
        <v>122614.17113068666</v>
      </c>
      <c r="T69">
        <f>IF($D69="SAND",INDEX('p-y cyclic sand'!$AG$27:$AG$5000,MATCH($B69,'p-y cyclic sand'!$C$27:$C$5000,1)),IF(INDEX('CPT Data'!$S$12:$S$20000,MATCH($B69,'CPT Data'!$B$12:$B$20000,1))&lt;2,INDEX('p-y cyclic clay'!$HF$27:$HF$5000,MATCH($B69,'p-y cyclic clay'!$C$27:$C$5000,1)),INDEX('p-y cyclic clay'!$IF$27:$IF$5000,MATCH($B69,'p-y cyclic clay'!$C$27:$C$5000,1))))</f>
        <v>70</v>
      </c>
      <c r="U69">
        <f>IF($D69="SAND",INDEX('p-y cyclic sand'!$AU$27:$AU$5000,MATCH($B69,'p-y cyclic sand'!$C$27:$C$5000,1)),IF(INDEX('CPT Data'!$S$12:$S$20000,MATCH($B69,'CPT Data'!$B$12:$B$20000,1))&lt;2,INDEX('p-y cyclic clay'!$GT$27:$GT$5000,MATCH($B69,'p-y cyclic clay'!$C$27:$C$5000,1)),INDEX('p-y cyclic clay'!$HT$27:$HT$5000,MATCH($B69,'p-y cyclic clay'!$C$27:$C$5000,1))))</f>
        <v>140063.20762427631</v>
      </c>
      <c r="V69">
        <f>IF($D69="SAND",INDEX('p-y cyclic sand'!$AH$27:$AH$5000,MATCH($B69,'p-y cyclic sand'!$C$27:$C$5000,1)),IF(INDEX('CPT Data'!$S$12:$S$20000,MATCH($B69,'CPT Data'!$B$12:$B$20000,1))&lt;2,INDEX('p-y cyclic clay'!$HG$27:$HG$5000,MATCH($B69,'p-y cyclic clay'!$C$27:$C$5000,1)),INDEX('p-y cyclic clay'!$IG$27:$IG$5000,MATCH($B69,'p-y cyclic clay'!$C$27:$C$5000,1))))</f>
        <v>80</v>
      </c>
      <c r="W69">
        <f>IF($D69="SAND",INDEX('p-y cyclic sand'!$AV$27:$AV$5000,MATCH($B69,'p-y cyclic sand'!$C$27:$C$5000,1)),IF(INDEX('CPT Data'!$S$12:$S$20000,MATCH($B69,'CPT Data'!$B$12:$B$20000,1))&lt;2,INDEX('p-y cyclic clay'!$GU$27:$GU$5000,MATCH($B69,'p-y cyclic clay'!$C$27:$C$5000,1)),INDEX('p-y cyclic clay'!$HU$27:$HU$5000,MATCH($B69,'p-y cyclic clay'!$C$27:$C$5000,1))))</f>
        <v>157485.44002193771</v>
      </c>
      <c r="X69">
        <f>IF($D69="SAND",INDEX('p-y cyclic sand'!$AI$27:$AI$5000,MATCH($B69,'p-y cyclic sand'!$C$27:$C$5000,1)),IF(INDEX('CPT Data'!$S$12:$S$20000,MATCH($B69,'CPT Data'!$B$12:$B$20000,1))&lt;2,INDEX('p-y cyclic clay'!$HH$27:$HH$5000,MATCH($B69,'p-y cyclic clay'!$C$27:$C$5000,1)),INDEX('p-y cyclic clay'!$IH$27:$IH$5000,MATCH($B69,'p-y cyclic clay'!$C$27:$C$5000,1))))</f>
        <v>90</v>
      </c>
      <c r="Y69">
        <f>IF($D69="SAND",INDEX('p-y cyclic sand'!$AW$27:$AW$5000,MATCH($B69,'p-y cyclic sand'!$C$27:$C$5000,1)),IF(INDEX('CPT Data'!$S$12:$S$20000,MATCH($B69,'CPT Data'!$B$12:$B$20000,1))&lt;2,INDEX('p-y cyclic clay'!$GV$27:$GV$5000,MATCH($B69,'p-y cyclic clay'!$C$27:$C$5000,1)),INDEX('p-y cyclic clay'!$HV$27:$HV$5000,MATCH($B69,'p-y cyclic clay'!$C$27:$C$5000,1))))</f>
        <v>174877.58337726179</v>
      </c>
      <c r="Z69">
        <f>IF($D69="SAND",INDEX('p-y cyclic sand'!$AJ$27:$AJ$5000,MATCH($B69,'p-y cyclic sand'!$C$27:$C$5000,1)),IF(INDEX('CPT Data'!$S$12:$S$20000,MATCH($B69,'CPT Data'!$B$12:$B$20000,1))&lt;2,INDEX('p-y cyclic clay'!$HI$27:$HI$5000,MATCH($B69,'p-y cyclic clay'!$C$27:$C$5000,1)),INDEX('p-y cyclic clay'!$II$27:$II$5000,MATCH($B69,'p-y cyclic clay'!$C$27:$C$5000,1))))</f>
        <v>100</v>
      </c>
      <c r="AA69">
        <f>IF($D69="SAND",INDEX('p-y cyclic sand'!$AX$27:$AX$5000,MATCH($B69,'p-y cyclic sand'!$C$27:$C$5000,1)),IF(INDEX('CPT Data'!$S$12:$S$20000,MATCH($B69,'CPT Data'!$B$12:$B$20000,1))&lt;2,INDEX('p-y cyclic clay'!$GW$27:$GW$5000,MATCH($B69,'p-y cyclic clay'!$C$27:$C$5000,1)),INDEX('p-y cyclic clay'!$HW$27:$HW$5000,MATCH($B69,'p-y cyclic clay'!$C$27:$C$5000,1))))</f>
        <v>192236.37564584799</v>
      </c>
      <c r="AB69">
        <f>IF($D69="SAND",INDEX('p-y cyclic sand'!$AK$27:$AK$5000,MATCH($B69,'p-y cyclic sand'!$C$27:$C$5000,1)),IF(INDEX('CPT Data'!$S$12:$S$20000,MATCH($B69,'CPT Data'!$B$12:$B$20000,1))&lt;2,INDEX('p-y cyclic clay'!$HJ$27:$HJ$5000,MATCH($B69,'p-y cyclic clay'!$C$27:$C$5000,1)),INDEX('p-y cyclic clay'!$IJ$27:$IJ$5000,MATCH($B69,'p-y cyclic clay'!$C$27:$C$5000,1))))</f>
        <v>110</v>
      </c>
      <c r="AC69">
        <f>IF($D69="SAND",INDEX('p-y cyclic sand'!$AY$27:$AY$5000,MATCH($B69,'p-y cyclic sand'!$C$27:$C$5000,1)),IF(INDEX('CPT Data'!$S$12:$S$20000,MATCH($B69,'CPT Data'!$B$12:$B$20000,1))&lt;2,INDEX('p-y cyclic clay'!$GX$27:$GX$5000,MATCH($B69,'p-y cyclic clay'!$C$27:$C$5000,1)),INDEX('p-y cyclic clay'!$HX$27:$HX$5000,MATCH($B69,'p-y cyclic clay'!$C$27:$C$5000,1))))</f>
        <v>209558.58009853694</v>
      </c>
      <c r="AD69" s="98">
        <f>IF($D69="SAND",INDEX('p-y cyclic sand'!$AL$27:$AL$5000,MATCH($B69,'p-y cyclic sand'!$C$27:$C$5000,1)),IF(INDEX('CPT Data'!$S$12:$S$20000,MATCH($B69,'CPT Data'!$B$12:$B$20000,1))&lt;2,INDEX('p-y cyclic clay'!$HK$27:$HK$5000,MATCH($B69,'p-y cyclic clay'!$C$27:$C$5000,1)),INDEX('p-y cyclic clay'!$IK$27:$IK$5000,MATCH($B69,'p-y cyclic clay'!$C$27:$C$5000,1))))</f>
        <v>120</v>
      </c>
    </row>
    <row r="70" spans="1:30" x14ac:dyDescent="0.2">
      <c r="A70" s="214">
        <f t="shared" si="0"/>
        <v>-80.5</v>
      </c>
      <c r="B70" s="216">
        <f>'p-y cyclic clay'!C91</f>
        <v>65</v>
      </c>
      <c r="C70">
        <f>INDEX('CPT Data'!$C$13:$C$20000,MATCH(B70,'CPT Data'!$B$13:$B$20000,1))</f>
        <v>64.989999999999995</v>
      </c>
      <c r="D70" s="216" t="str">
        <f>INDEX('CPT Data'!$P$13:$P$20000,MATCH(B70,'CPT Data'!$B$13:$B$20000,1))</f>
        <v>SAND</v>
      </c>
      <c r="E70">
        <f>IF($D70="SAND",INDEX('p-y cyclic sand'!$AM$27:$AM$5000,MATCH($B70,'p-y cyclic sand'!$C$27:$C$5000,1)),IF(INDEX('CPT Data'!$S$12:$S$20000,MATCH($B70,'CPT Data'!$B$12:$B$20000,1))&lt;2,INDEX('p-y cyclic clay'!$GL$27:$GL$5000,MATCH($B70,'p-y cyclic clay'!$C$27:$C$5000,1)),INDEX('p-y cyclic clay'!$HL$27:$HL$5000,MATCH($B70,'p-y cyclic clay'!$C$27:$C$5000,1))))</f>
        <v>0</v>
      </c>
      <c r="F70">
        <f>IF($D70="SAND",INDEX('p-y cyclic sand'!$Z$27:$Z$5000,MATCH($B70,'p-y cyclic sand'!$C$27:$C$5000,1)),IF(INDEX('CPT Data'!$S$12:$S$20000,MATCH($B70,'CPT Data'!$B$12:$B$20000,1))&lt;2,INDEX('p-y cyclic clay'!$GY$27:$GY$5000,MATCH($B70,'p-y cyclic clay'!$C$27:$C$5000,1)),INDEX('p-y cyclic clay'!$HY$27:$HY$5000,MATCH($B70,'p-y cyclic clay'!$C$27:$C$5000,1))))</f>
        <v>0</v>
      </c>
      <c r="G70">
        <f>IF($D70="SAND",INDEX('p-y cyclic sand'!$AN$27:$AN$5000,MATCH($B70,'p-y cyclic sand'!$C$27:$C$5000,1)),IF(INDEX('CPT Data'!$S$12:$S$20000,MATCH($B70,'CPT Data'!$B$12:$B$20000,1))&lt;2,INDEX('p-y cyclic clay'!$GM$27:$GM$5000,MATCH($B70,'p-y cyclic clay'!$C$27:$C$5000,1)),INDEX('p-y cyclic clay'!$HM$27:$HM$5000,MATCH($B70,'p-y cyclic clay'!$C$27:$C$5000,1))))</f>
        <v>9838.5439658761861</v>
      </c>
      <c r="H70">
        <f>IF($D70="SAND",INDEX('p-y cyclic sand'!$AA$27:$AA$5000,MATCH($B70,'p-y cyclic sand'!$C$27:$C$5000,1)),IF(INDEX('CPT Data'!$S$12:$S$20000,MATCH($B70,'CPT Data'!$B$12:$B$20000,1))&lt;2,INDEX('p-y cyclic clay'!$GZ$27:$GZ$5000,MATCH($B70,'p-y cyclic clay'!$C$27:$C$5000,1)),INDEX('p-y cyclic clay'!$HZ$27:$HZ$5000,MATCH($B70,'p-y cyclic clay'!$C$27:$C$5000,1))))</f>
        <v>10</v>
      </c>
      <c r="I70">
        <f>IF($D70="SAND",INDEX('p-y cyclic sand'!$AO$27:$AO$5000,MATCH($B70,'p-y cyclic sand'!$C$27:$C$5000,1)),IF(INDEX('CPT Data'!$S$12:$S$20000,MATCH($B70,'CPT Data'!$B$12:$B$20000,1))&lt;2,INDEX('p-y cyclic clay'!$GN$27:$GN$5000,MATCH($B70,'p-y cyclic clay'!$C$27:$C$5000,1)),INDEX('p-y cyclic clay'!$HN$27:$HN$5000,MATCH($B70,'p-y cyclic clay'!$C$27:$C$5000,1))))</f>
        <v>19675.981962567581</v>
      </c>
      <c r="J70">
        <f>IF($D70="SAND",INDEX('p-y cyclic sand'!$AB$27:$AB$5000,MATCH($B70,'p-y cyclic sand'!$C$27:$C$5000,1)),IF(INDEX('CPT Data'!$S$12:$S$20000,MATCH($B70,'CPT Data'!$B$12:$B$20000,1))&lt;2,INDEX('p-y cyclic clay'!$HA$27:$HA$5000,MATCH($B70,'p-y cyclic clay'!$C$27:$C$5000,1)),INDEX('p-y cyclic clay'!$IA$27:$IA$5000,MATCH($B70,'p-y cyclic clay'!$C$27:$C$5000,1))))</f>
        <v>20</v>
      </c>
      <c r="K70">
        <f>IF($D70="SAND",INDEX('p-y cyclic sand'!$AP$27:$AP$5000,MATCH($B70,'p-y cyclic sand'!$C$27:$C$5000,1)),IF(INDEX('CPT Data'!$S$12:$S$20000,MATCH($B70,'CPT Data'!$B$12:$B$20000,1))&lt;2,INDEX('p-y cyclic clay'!$GO$27:$GO$5000,MATCH($B70,'p-y cyclic clay'!$C$27:$C$5000,1)),INDEX('p-y cyclic clay'!$HO$27:$HO$5000,MATCH($B70,'p-y cyclic clay'!$C$27:$C$5000,1))))</f>
        <v>29511.208518129777</v>
      </c>
      <c r="L70">
        <f>IF($D70="SAND",INDEX('p-y cyclic sand'!$AC$27:$AC$5000,MATCH($B70,'p-y cyclic sand'!$C$27:$C$5000,1)),IF(INDEX('CPT Data'!$S$12:$S$20000,MATCH($B70,'CPT Data'!$B$12:$B$20000,1))&lt;2,INDEX('p-y cyclic clay'!$HB$27:$HB$5000,MATCH($B70,'p-y cyclic clay'!$C$27:$C$5000,1)),INDEX('p-y cyclic clay'!$IB$27:$IB$5000,MATCH($B70,'p-y cyclic clay'!$C$27:$C$5000,1))))</f>
        <v>30</v>
      </c>
      <c r="M70">
        <f>IF($D70="SAND",INDEX('p-y cyclic sand'!$AQ$27:$AQ$5000,MATCH($B70,'p-y cyclic sand'!$C$27:$C$5000,1)),IF(INDEX('CPT Data'!$S$12:$S$20000,MATCH($B70,'CPT Data'!$B$12:$B$20000,1))&lt;2,INDEX('p-y cyclic clay'!$GP$27:$GP$5000,MATCH($B70,'p-y cyclic clay'!$C$27:$C$5000,1)),INDEX('p-y cyclic clay'!$HP$27:$HP$5000,MATCH($B70,'p-y cyclic clay'!$C$27:$C$5000,1))))</f>
        <v>39343.11915462419</v>
      </c>
      <c r="N70">
        <f>IF($D70="SAND",INDEX('p-y cyclic sand'!$AD$27:$AD$5000,MATCH($B70,'p-y cyclic sand'!$C$27:$C$5000,1)),IF(INDEX('CPT Data'!$S$12:$S$20000,MATCH($B70,'CPT Data'!$B$12:$B$20000,1))&lt;2,INDEX('p-y cyclic clay'!$HC$27:$HC$5000,MATCH($B70,'p-y cyclic clay'!$C$27:$C$5000,1)),INDEX('p-y cyclic clay'!$IC$27:$IC$5000,MATCH($B70,'p-y cyclic clay'!$C$27:$C$5000,1))))</f>
        <v>40</v>
      </c>
      <c r="O70">
        <f>IF($D70="SAND",INDEX('p-y cyclic sand'!$AR$27:$AR$5000,MATCH($B70,'p-y cyclic sand'!$C$27:$C$5000,1)),IF(INDEX('CPT Data'!$S$12:$S$20000,MATCH($B70,'CPT Data'!$B$12:$B$20000,1))&lt;2,INDEX('p-y cyclic clay'!$GQ$27:$GQ$5000,MATCH($B70,'p-y cyclic clay'!$C$27:$C$5000,1)),INDEX('p-y cyclic clay'!$HQ$27:$HQ$5000,MATCH($B70,'p-y cyclic clay'!$C$27:$C$5000,1))))</f>
        <v>49170.610883934176</v>
      </c>
      <c r="P70">
        <f>IF($D70="SAND",INDEX('p-y cyclic sand'!$AE$27:$AE$5000,MATCH($B70,'p-y cyclic sand'!$C$27:$C$5000,1)),IF(INDEX('CPT Data'!$S$12:$S$20000,MATCH($B70,'CPT Data'!$B$12:$B$20000,1))&lt;2,INDEX('p-y cyclic clay'!$HD$27:$HD$5000,MATCH($B70,'p-y cyclic clay'!$C$27:$C$5000,1)),INDEX('p-y cyclic clay'!$ID$27:$ID$5000,MATCH($B70,'p-y cyclic clay'!$C$27:$C$5000,1))))</f>
        <v>50</v>
      </c>
      <c r="Q70">
        <f>IF($D70="SAND",INDEX('p-y cyclic sand'!$AS$27:$AS$5000,MATCH($B70,'p-y cyclic sand'!$C$27:$C$5000,1)),IF(INDEX('CPT Data'!$S$12:$S$20000,MATCH($B70,'CPT Data'!$B$12:$B$20000,1))&lt;2,INDEX('p-y cyclic clay'!$GR$27:$GR$5000,MATCH($B70,'p-y cyclic clay'!$C$27:$C$5000,1)),INDEX('p-y cyclic clay'!$HR$27:$HR$5000,MATCH($B70,'p-y cyclic clay'!$C$27:$C$5000,1))))</f>
        <v>58992.582702159503</v>
      </c>
      <c r="R70">
        <f>IF($D70="SAND",INDEX('p-y cyclic sand'!$AF$27:$AF$5000,MATCH($B70,'p-y cyclic sand'!$C$27:$C$5000,1)),IF(INDEX('CPT Data'!$S$12:$S$20000,MATCH($B70,'CPT Data'!$B$12:$B$20000,1))&lt;2,INDEX('p-y cyclic clay'!$HE$27:$HE$5000,MATCH($B70,'p-y cyclic clay'!$C$27:$C$5000,1)),INDEX('p-y cyclic clay'!$IE$27:$IE$5000,MATCH($B70,'p-y cyclic clay'!$C$27:$C$5000,1))))</f>
        <v>60</v>
      </c>
      <c r="S70">
        <f>IF($D70="SAND",INDEX('p-y cyclic sand'!$AT$27:$AT$5000,MATCH($B70,'p-y cyclic sand'!$C$27:$C$5000,1)),IF(INDEX('CPT Data'!$S$12:$S$20000,MATCH($B70,'CPT Data'!$B$12:$B$20000,1))&lt;2,INDEX('p-y cyclic clay'!$GS$27:$GS$5000,MATCH($B70,'p-y cyclic clay'!$C$27:$C$5000,1)),INDEX('p-y cyclic clay'!$HS$27:$HS$5000,MATCH($B70,'p-y cyclic clay'!$C$27:$C$5000,1))))</f>
        <v>68807.93608211854</v>
      </c>
      <c r="T70">
        <f>IF($D70="SAND",INDEX('p-y cyclic sand'!$AG$27:$AG$5000,MATCH($B70,'p-y cyclic sand'!$C$27:$C$5000,1)),IF(INDEX('CPT Data'!$S$12:$S$20000,MATCH($B70,'CPT Data'!$B$12:$B$20000,1))&lt;2,INDEX('p-y cyclic clay'!$HF$27:$HF$5000,MATCH($B70,'p-y cyclic clay'!$C$27:$C$5000,1)),INDEX('p-y cyclic clay'!$IF$27:$IF$5000,MATCH($B70,'p-y cyclic clay'!$C$27:$C$5000,1))))</f>
        <v>70</v>
      </c>
      <c r="U70">
        <f>IF($D70="SAND",INDEX('p-y cyclic sand'!$AU$27:$AU$5000,MATCH($B70,'p-y cyclic sand'!$C$27:$C$5000,1)),IF(INDEX('CPT Data'!$S$12:$S$20000,MATCH($B70,'CPT Data'!$B$12:$B$20000,1))&lt;2,INDEX('p-y cyclic clay'!$GT$27:$GT$5000,MATCH($B70,'p-y cyclic clay'!$C$27:$C$5000,1)),INDEX('p-y cyclic clay'!$HT$27:$HT$5000,MATCH($B70,'p-y cyclic clay'!$C$27:$C$5000,1))))</f>
        <v>78615.575463490997</v>
      </c>
      <c r="V70">
        <f>IF($D70="SAND",INDEX('p-y cyclic sand'!$AH$27:$AH$5000,MATCH($B70,'p-y cyclic sand'!$C$27:$C$5000,1)),IF(INDEX('CPT Data'!$S$12:$S$20000,MATCH($B70,'CPT Data'!$B$12:$B$20000,1))&lt;2,INDEX('p-y cyclic clay'!$HG$27:$HG$5000,MATCH($B70,'p-y cyclic clay'!$C$27:$C$5000,1)),INDEX('p-y cyclic clay'!$IG$27:$IG$5000,MATCH($B70,'p-y cyclic clay'!$C$27:$C$5000,1))))</f>
        <v>80</v>
      </c>
      <c r="W70">
        <f>IF($D70="SAND",INDEX('p-y cyclic sand'!$AV$27:$AV$5000,MATCH($B70,'p-y cyclic sand'!$C$27:$C$5000,1)),IF(INDEX('CPT Data'!$S$12:$S$20000,MATCH($B70,'CPT Data'!$B$12:$B$20000,1))&lt;2,INDEX('p-y cyclic clay'!$GU$27:$GU$5000,MATCH($B70,'p-y cyclic clay'!$C$27:$C$5000,1)),INDEX('p-y cyclic clay'!$HU$27:$HU$5000,MATCH($B70,'p-y cyclic clay'!$C$27:$C$5000,1))))</f>
        <v>88414.408740137995</v>
      </c>
      <c r="X70">
        <f>IF($D70="SAND",INDEX('p-y cyclic sand'!$AI$27:$AI$5000,MATCH($B70,'p-y cyclic sand'!$C$27:$C$5000,1)),IF(INDEX('CPT Data'!$S$12:$S$20000,MATCH($B70,'CPT Data'!$B$12:$B$20000,1))&lt;2,INDEX('p-y cyclic clay'!$HH$27:$HH$5000,MATCH($B70,'p-y cyclic clay'!$C$27:$C$5000,1)),INDEX('p-y cyclic clay'!$IH$27:$IH$5000,MATCH($B70,'p-y cyclic clay'!$C$27:$C$5000,1))))</f>
        <v>90</v>
      </c>
      <c r="Y70">
        <f>IF($D70="SAND",INDEX('p-y cyclic sand'!$AW$27:$AW$5000,MATCH($B70,'p-y cyclic sand'!$C$27:$C$5000,1)),IF(INDEX('CPT Data'!$S$12:$S$20000,MATCH($B70,'CPT Data'!$B$12:$B$20000,1))&lt;2,INDEX('p-y cyclic clay'!$GV$27:$GV$5000,MATCH($B70,'p-y cyclic clay'!$C$27:$C$5000,1)),INDEX('p-y cyclic clay'!$HV$27:$HV$5000,MATCH($B70,'p-y cyclic clay'!$C$27:$C$5000,1))))</f>
        <v>98203.347744140658</v>
      </c>
      <c r="Z70">
        <f>IF($D70="SAND",INDEX('p-y cyclic sand'!$AJ$27:$AJ$5000,MATCH($B70,'p-y cyclic sand'!$C$27:$C$5000,1)),IF(INDEX('CPT Data'!$S$12:$S$20000,MATCH($B70,'CPT Data'!$B$12:$B$20000,1))&lt;2,INDEX('p-y cyclic clay'!$HI$27:$HI$5000,MATCH($B70,'p-y cyclic clay'!$C$27:$C$5000,1)),INDEX('p-y cyclic clay'!$II$27:$II$5000,MATCH($B70,'p-y cyclic clay'!$C$27:$C$5000,1))))</f>
        <v>100</v>
      </c>
      <c r="AA70">
        <f>IF($D70="SAND",INDEX('p-y cyclic sand'!$AX$27:$AX$5000,MATCH($B70,'p-y cyclic sand'!$C$27:$C$5000,1)),IF(INDEX('CPT Data'!$S$12:$S$20000,MATCH($B70,'CPT Data'!$B$12:$B$20000,1))&lt;2,INDEX('p-y cyclic clay'!$GW$27:$GW$5000,MATCH($B70,'p-y cyclic clay'!$C$27:$C$5000,1)),INDEX('p-y cyclic clay'!$HW$27:$HW$5000,MATCH($B70,'p-y cyclic clay'!$C$27:$C$5000,1))))</f>
        <v>107981.30872610351</v>
      </c>
      <c r="AB70">
        <f>IF($D70="SAND",INDEX('p-y cyclic sand'!$AK$27:$AK$5000,MATCH($B70,'p-y cyclic sand'!$C$27:$C$5000,1)),IF(INDEX('CPT Data'!$S$12:$S$20000,MATCH($B70,'CPT Data'!$B$12:$B$20000,1))&lt;2,INDEX('p-y cyclic clay'!$HJ$27:$HJ$5000,MATCH($B70,'p-y cyclic clay'!$C$27:$C$5000,1)),INDEX('p-y cyclic clay'!$IJ$27:$IJ$5000,MATCH($B70,'p-y cyclic clay'!$C$27:$C$5000,1))))</f>
        <v>110</v>
      </c>
      <c r="AC70">
        <f>IF($D70="SAND",INDEX('p-y cyclic sand'!$AY$27:$AY$5000,MATCH($B70,'p-y cyclic sand'!$C$27:$C$5000,1)),IF(INDEX('CPT Data'!$S$12:$S$20000,MATCH($B70,'CPT Data'!$B$12:$B$20000,1))&lt;2,INDEX('p-y cyclic clay'!$GX$27:$GX$5000,MATCH($B70,'p-y cyclic clay'!$C$27:$C$5000,1)),INDEX('p-y cyclic clay'!$HX$27:$HX$5000,MATCH($B70,'p-y cyclic clay'!$C$27:$C$5000,1))))</f>
        <v>117747.21283127571</v>
      </c>
      <c r="AD70" s="98">
        <f>IF($D70="SAND",INDEX('p-y cyclic sand'!$AL$27:$AL$5000,MATCH($B70,'p-y cyclic sand'!$C$27:$C$5000,1)),IF(INDEX('CPT Data'!$S$12:$S$20000,MATCH($B70,'CPT Data'!$B$12:$B$20000,1))&lt;2,INDEX('p-y cyclic clay'!$HK$27:$HK$5000,MATCH($B70,'p-y cyclic clay'!$C$27:$C$5000,1)),INDEX('p-y cyclic clay'!$IK$27:$IK$5000,MATCH($B70,'p-y cyclic clay'!$C$27:$C$5000,1))))</f>
        <v>120</v>
      </c>
    </row>
    <row r="71" spans="1:30" x14ac:dyDescent="0.2">
      <c r="A71" s="214">
        <f t="shared" ref="A71:A79" si="1">$A$5-B71</f>
        <v>-81.5</v>
      </c>
      <c r="B71" s="216">
        <f>'p-y cyclic clay'!C92</f>
        <v>66</v>
      </c>
      <c r="C71">
        <f>INDEX('CPT Data'!$C$13:$C$20000,MATCH(B71,'CPT Data'!$B$13:$B$20000,1))</f>
        <v>65.988</v>
      </c>
      <c r="D71" s="216" t="str">
        <f>INDEX('CPT Data'!$P$13:$P$20000,MATCH(B71,'CPT Data'!$B$13:$B$20000,1))</f>
        <v>SAND</v>
      </c>
      <c r="E71">
        <f>IF($D71="SAND",INDEX('p-y cyclic sand'!$AM$27:$AM$5000,MATCH($B71,'p-y cyclic sand'!$C$27:$C$5000,1)),IF(INDEX('CPT Data'!$S$12:$S$20000,MATCH($B71,'CPT Data'!$B$12:$B$20000,1))&lt;2,INDEX('p-y cyclic clay'!$GL$27:$GL$5000,MATCH($B71,'p-y cyclic clay'!$C$27:$C$5000,1)),INDEX('p-y cyclic clay'!$HL$27:$HL$5000,MATCH($B71,'p-y cyclic clay'!$C$27:$C$5000,1))))</f>
        <v>0</v>
      </c>
      <c r="F71">
        <f>IF($D71="SAND",INDEX('p-y cyclic sand'!$Z$27:$Z$5000,MATCH($B71,'p-y cyclic sand'!$C$27:$C$5000,1)),IF(INDEX('CPT Data'!$S$12:$S$20000,MATCH($B71,'CPT Data'!$B$12:$B$20000,1))&lt;2,INDEX('p-y cyclic clay'!$GY$27:$GY$5000,MATCH($B71,'p-y cyclic clay'!$C$27:$C$5000,1)),INDEX('p-y cyclic clay'!$HY$27:$HY$5000,MATCH($B71,'p-y cyclic clay'!$C$27:$C$5000,1))))</f>
        <v>0</v>
      </c>
      <c r="G71">
        <f>IF($D71="SAND",INDEX('p-y cyclic sand'!$AN$27:$AN$5000,MATCH($B71,'p-y cyclic sand'!$C$27:$C$5000,1)),IF(INDEX('CPT Data'!$S$12:$S$20000,MATCH($B71,'CPT Data'!$B$12:$B$20000,1))&lt;2,INDEX('p-y cyclic clay'!$GM$27:$GM$5000,MATCH($B71,'p-y cyclic clay'!$C$27:$C$5000,1)),INDEX('p-y cyclic clay'!$HM$27:$HM$5000,MATCH($B71,'p-y cyclic clay'!$C$27:$C$5000,1))))</f>
        <v>15454.65503836274</v>
      </c>
      <c r="H71">
        <f>IF($D71="SAND",INDEX('p-y cyclic sand'!$AA$27:$AA$5000,MATCH($B71,'p-y cyclic sand'!$C$27:$C$5000,1)),IF(INDEX('CPT Data'!$S$12:$S$20000,MATCH($B71,'CPT Data'!$B$12:$B$20000,1))&lt;2,INDEX('p-y cyclic clay'!$GZ$27:$GZ$5000,MATCH($B71,'p-y cyclic clay'!$C$27:$C$5000,1)),INDEX('p-y cyclic clay'!$HZ$27:$HZ$5000,MATCH($B71,'p-y cyclic clay'!$C$27:$C$5000,1))))</f>
        <v>10</v>
      </c>
      <c r="I71">
        <f>IF($D71="SAND",INDEX('p-y cyclic sand'!$AO$27:$AO$5000,MATCH($B71,'p-y cyclic sand'!$C$27:$C$5000,1)),IF(INDEX('CPT Data'!$S$12:$S$20000,MATCH($B71,'CPT Data'!$B$12:$B$20000,1))&lt;2,INDEX('p-y cyclic clay'!$GN$27:$GN$5000,MATCH($B71,'p-y cyclic clay'!$C$27:$C$5000,1)),INDEX('p-y cyclic clay'!$HN$27:$HN$5000,MATCH($B71,'p-y cyclic clay'!$C$27:$C$5000,1))))</f>
        <v>30907.727363197715</v>
      </c>
      <c r="J71">
        <f>IF($D71="SAND",INDEX('p-y cyclic sand'!$AB$27:$AB$5000,MATCH($B71,'p-y cyclic sand'!$C$27:$C$5000,1)),IF(INDEX('CPT Data'!$S$12:$S$20000,MATCH($B71,'CPT Data'!$B$12:$B$20000,1))&lt;2,INDEX('p-y cyclic clay'!$HA$27:$HA$5000,MATCH($B71,'p-y cyclic clay'!$C$27:$C$5000,1)),INDEX('p-y cyclic clay'!$IA$27:$IA$5000,MATCH($B71,'p-y cyclic clay'!$C$27:$C$5000,1))))</f>
        <v>20</v>
      </c>
      <c r="K71">
        <f>IF($D71="SAND",INDEX('p-y cyclic sand'!$AP$27:$AP$5000,MATCH($B71,'p-y cyclic sand'!$C$27:$C$5000,1)),IF(INDEX('CPT Data'!$S$12:$S$20000,MATCH($B71,'CPT Data'!$B$12:$B$20000,1))&lt;2,INDEX('p-y cyclic clay'!$GO$27:$GO$5000,MATCH($B71,'p-y cyclic clay'!$C$27:$C$5000,1)),INDEX('p-y cyclic clay'!$HO$27:$HO$5000,MATCH($B71,'p-y cyclic clay'!$C$27:$C$5000,1))))</f>
        <v>46357.634909254484</v>
      </c>
      <c r="L71">
        <f>IF($D71="SAND",INDEX('p-y cyclic sand'!$AC$27:$AC$5000,MATCH($B71,'p-y cyclic sand'!$C$27:$C$5000,1)),IF(INDEX('CPT Data'!$S$12:$S$20000,MATCH($B71,'CPT Data'!$B$12:$B$20000,1))&lt;2,INDEX('p-y cyclic clay'!$HB$27:$HB$5000,MATCH($B71,'p-y cyclic clay'!$C$27:$C$5000,1)),INDEX('p-y cyclic clay'!$IB$27:$IB$5000,MATCH($B71,'p-y cyclic clay'!$C$27:$C$5000,1))))</f>
        <v>30</v>
      </c>
      <c r="M71">
        <f>IF($D71="SAND",INDEX('p-y cyclic sand'!$AQ$27:$AQ$5000,MATCH($B71,'p-y cyclic sand'!$C$27:$C$5000,1)),IF(INDEX('CPT Data'!$S$12:$S$20000,MATCH($B71,'CPT Data'!$B$12:$B$20000,1))&lt;2,INDEX('p-y cyclic clay'!$GP$27:$GP$5000,MATCH($B71,'p-y cyclic clay'!$C$27:$C$5000,1)),INDEX('p-y cyclic clay'!$HP$27:$HP$5000,MATCH($B71,'p-y cyclic clay'!$C$27:$C$5000,1))))</f>
        <v>61802.796907273099</v>
      </c>
      <c r="N71">
        <f>IF($D71="SAND",INDEX('p-y cyclic sand'!$AD$27:$AD$5000,MATCH($B71,'p-y cyclic sand'!$C$27:$C$5000,1)),IF(INDEX('CPT Data'!$S$12:$S$20000,MATCH($B71,'CPT Data'!$B$12:$B$20000,1))&lt;2,INDEX('p-y cyclic clay'!$HC$27:$HC$5000,MATCH($B71,'p-y cyclic clay'!$C$27:$C$5000,1)),INDEX('p-y cyclic clay'!$IC$27:$IC$5000,MATCH($B71,'p-y cyclic clay'!$C$27:$C$5000,1))))</f>
        <v>40</v>
      </c>
      <c r="O71">
        <f>IF($D71="SAND",INDEX('p-y cyclic sand'!$AR$27:$AR$5000,MATCH($B71,'p-y cyclic sand'!$C$27:$C$5000,1)),IF(INDEX('CPT Data'!$S$12:$S$20000,MATCH($B71,'CPT Data'!$B$12:$B$20000,1))&lt;2,INDEX('p-y cyclic clay'!$GQ$27:$GQ$5000,MATCH($B71,'p-y cyclic clay'!$C$27:$C$5000,1)),INDEX('p-y cyclic clay'!$HQ$27:$HQ$5000,MATCH($B71,'p-y cyclic clay'!$C$27:$C$5000,1))))</f>
        <v>77241.634530569689</v>
      </c>
      <c r="P71">
        <f>IF($D71="SAND",INDEX('p-y cyclic sand'!$AE$27:$AE$5000,MATCH($B71,'p-y cyclic sand'!$C$27:$C$5000,1)),IF(INDEX('CPT Data'!$S$12:$S$20000,MATCH($B71,'CPT Data'!$B$12:$B$20000,1))&lt;2,INDEX('p-y cyclic clay'!$HD$27:$HD$5000,MATCH($B71,'p-y cyclic clay'!$C$27:$C$5000,1)),INDEX('p-y cyclic clay'!$ID$27:$ID$5000,MATCH($B71,'p-y cyclic clay'!$C$27:$C$5000,1))))</f>
        <v>50</v>
      </c>
      <c r="Q71">
        <f>IF($D71="SAND",INDEX('p-y cyclic sand'!$AS$27:$AS$5000,MATCH($B71,'p-y cyclic sand'!$C$27:$C$5000,1)),IF(INDEX('CPT Data'!$S$12:$S$20000,MATCH($B71,'CPT Data'!$B$12:$B$20000,1))&lt;2,INDEX('p-y cyclic clay'!$GR$27:$GR$5000,MATCH($B71,'p-y cyclic clay'!$C$27:$C$5000,1)),INDEX('p-y cyclic clay'!$HR$27:$HR$5000,MATCH($B71,'p-y cyclic clay'!$C$27:$C$5000,1))))</f>
        <v>92672.571539932935</v>
      </c>
      <c r="R71">
        <f>IF($D71="SAND",INDEX('p-y cyclic sand'!$AF$27:$AF$5000,MATCH($B71,'p-y cyclic sand'!$C$27:$C$5000,1)),IF(INDEX('CPT Data'!$S$12:$S$20000,MATCH($B71,'CPT Data'!$B$12:$B$20000,1))&lt;2,INDEX('p-y cyclic clay'!$HE$27:$HE$5000,MATCH($B71,'p-y cyclic clay'!$C$27:$C$5000,1)),INDEX('p-y cyclic clay'!$IE$27:$IE$5000,MATCH($B71,'p-y cyclic clay'!$C$27:$C$5000,1))))</f>
        <v>60</v>
      </c>
      <c r="S71">
        <f>IF($D71="SAND",INDEX('p-y cyclic sand'!$AT$27:$AT$5000,MATCH($B71,'p-y cyclic sand'!$C$27:$C$5000,1)),IF(INDEX('CPT Data'!$S$12:$S$20000,MATCH($B71,'CPT Data'!$B$12:$B$20000,1))&lt;2,INDEX('p-y cyclic clay'!$GS$27:$GS$5000,MATCH($B71,'p-y cyclic clay'!$C$27:$C$5000,1)),INDEX('p-y cyclic clay'!$HS$27:$HS$5000,MATCH($B71,'p-y cyclic clay'!$C$27:$C$5000,1))))</f>
        <v>108094.03492627233</v>
      </c>
      <c r="T71">
        <f>IF($D71="SAND",INDEX('p-y cyclic sand'!$AG$27:$AG$5000,MATCH($B71,'p-y cyclic sand'!$C$27:$C$5000,1)),IF(INDEX('CPT Data'!$S$12:$S$20000,MATCH($B71,'CPT Data'!$B$12:$B$20000,1))&lt;2,INDEX('p-y cyclic clay'!$HF$27:$HF$5000,MATCH($B71,'p-y cyclic clay'!$C$27:$C$5000,1)),INDEX('p-y cyclic clay'!$IF$27:$IF$5000,MATCH($B71,'p-y cyclic clay'!$C$27:$C$5000,1))))</f>
        <v>70</v>
      </c>
      <c r="U71">
        <f>IF($D71="SAND",INDEX('p-y cyclic sand'!$AU$27:$AU$5000,MATCH($B71,'p-y cyclic sand'!$C$27:$C$5000,1)),IF(INDEX('CPT Data'!$S$12:$S$20000,MATCH($B71,'CPT Data'!$B$12:$B$20000,1))&lt;2,INDEX('p-y cyclic clay'!$GT$27:$GT$5000,MATCH($B71,'p-y cyclic clay'!$C$27:$C$5000,1)),INDEX('p-y cyclic clay'!$HT$27:$HT$5000,MATCH($B71,'p-y cyclic clay'!$C$27:$C$5000,1))))</f>
        <v>123504.45555046217</v>
      </c>
      <c r="V71">
        <f>IF($D71="SAND",INDEX('p-y cyclic sand'!$AH$27:$AH$5000,MATCH($B71,'p-y cyclic sand'!$C$27:$C$5000,1)),IF(INDEX('CPT Data'!$S$12:$S$20000,MATCH($B71,'CPT Data'!$B$12:$B$20000,1))&lt;2,INDEX('p-y cyclic clay'!$HG$27:$HG$5000,MATCH($B71,'p-y cyclic clay'!$C$27:$C$5000,1)),INDEX('p-y cyclic clay'!$IG$27:$IG$5000,MATCH($B71,'p-y cyclic clay'!$C$27:$C$5000,1))))</f>
        <v>80</v>
      </c>
      <c r="W71">
        <f>IF($D71="SAND",INDEX('p-y cyclic sand'!$AV$27:$AV$5000,MATCH($B71,'p-y cyclic sand'!$C$27:$C$5000,1)),IF(INDEX('CPT Data'!$S$12:$S$20000,MATCH($B71,'CPT Data'!$B$12:$B$20000,1))&lt;2,INDEX('p-y cyclic clay'!$GU$27:$GU$5000,MATCH($B71,'p-y cyclic clay'!$C$27:$C$5000,1)),INDEX('p-y cyclic clay'!$HU$27:$HU$5000,MATCH($B71,'p-y cyclic clay'!$C$27:$C$5000,1))))</f>
        <v>138902.26877983002</v>
      </c>
      <c r="X71">
        <f>IF($D71="SAND",INDEX('p-y cyclic sand'!$AI$27:$AI$5000,MATCH($B71,'p-y cyclic sand'!$C$27:$C$5000,1)),IF(INDEX('CPT Data'!$S$12:$S$20000,MATCH($B71,'CPT Data'!$B$12:$B$20000,1))&lt;2,INDEX('p-y cyclic clay'!$HH$27:$HH$5000,MATCH($B71,'p-y cyclic clay'!$C$27:$C$5000,1)),INDEX('p-y cyclic clay'!$IH$27:$IH$5000,MATCH($B71,'p-y cyclic clay'!$C$27:$C$5000,1))))</f>
        <v>90</v>
      </c>
      <c r="Y71">
        <f>IF($D71="SAND",INDEX('p-y cyclic sand'!$AW$27:$AW$5000,MATCH($B71,'p-y cyclic sand'!$C$27:$C$5000,1)),IF(INDEX('CPT Data'!$S$12:$S$20000,MATCH($B71,'CPT Data'!$B$12:$B$20000,1))&lt;2,INDEX('p-y cyclic clay'!$GV$27:$GV$5000,MATCH($B71,'p-y cyclic clay'!$C$27:$C$5000,1)),INDEX('p-y cyclic clay'!$HV$27:$HV$5000,MATCH($B71,'p-y cyclic clay'!$C$27:$C$5000,1))))</f>
        <v>154285.91512074304</v>
      </c>
      <c r="Z71">
        <f>IF($D71="SAND",INDEX('p-y cyclic sand'!$AJ$27:$AJ$5000,MATCH($B71,'p-y cyclic sand'!$C$27:$C$5000,1)),IF(INDEX('CPT Data'!$S$12:$S$20000,MATCH($B71,'CPT Data'!$B$12:$B$20000,1))&lt;2,INDEX('p-y cyclic clay'!$HI$27:$HI$5000,MATCH($B71,'p-y cyclic clay'!$C$27:$C$5000,1)),INDEX('p-y cyclic clay'!$II$27:$II$5000,MATCH($B71,'p-y cyclic clay'!$C$27:$C$5000,1))))</f>
        <v>100</v>
      </c>
      <c r="AA71">
        <f>IF($D71="SAND",INDEX('p-y cyclic sand'!$AX$27:$AX$5000,MATCH($B71,'p-y cyclic sand'!$C$27:$C$5000,1)),IF(INDEX('CPT Data'!$S$12:$S$20000,MATCH($B71,'CPT Data'!$B$12:$B$20000,1))&lt;2,INDEX('p-y cyclic clay'!$GW$27:$GW$5000,MATCH($B71,'p-y cyclic clay'!$C$27:$C$5000,1)),INDEX('p-y cyclic clay'!$HW$27:$HW$5000,MATCH($B71,'p-y cyclic clay'!$C$27:$C$5000,1))))</f>
        <v>169653.84084675027</v>
      </c>
      <c r="AB71">
        <f>IF($D71="SAND",INDEX('p-y cyclic sand'!$AK$27:$AK$5000,MATCH($B71,'p-y cyclic sand'!$C$27:$C$5000,1)),IF(INDEX('CPT Data'!$S$12:$S$20000,MATCH($B71,'CPT Data'!$B$12:$B$20000,1))&lt;2,INDEX('p-y cyclic clay'!$HJ$27:$HJ$5000,MATCH($B71,'p-y cyclic clay'!$C$27:$C$5000,1)),INDEX('p-y cyclic clay'!$IJ$27:$IJ$5000,MATCH($B71,'p-y cyclic clay'!$C$27:$C$5000,1))))</f>
        <v>110</v>
      </c>
      <c r="AC71">
        <f>IF($D71="SAND",INDEX('p-y cyclic sand'!$AY$27:$AY$5000,MATCH($B71,'p-y cyclic sand'!$C$27:$C$5000,1)),IF(INDEX('CPT Data'!$S$12:$S$20000,MATCH($B71,'CPT Data'!$B$12:$B$20000,1))&lt;2,INDEX('p-y cyclic clay'!$GX$27:$GX$5000,MATCH($B71,'p-y cyclic clay'!$C$27:$C$5000,1)),INDEX('p-y cyclic clay'!$HX$27:$HX$5000,MATCH($B71,'p-y cyclic clay'!$C$27:$C$5000,1))))</f>
        <v>185004.49862174923</v>
      </c>
      <c r="AD71" s="98">
        <f>IF($D71="SAND",INDEX('p-y cyclic sand'!$AL$27:$AL$5000,MATCH($B71,'p-y cyclic sand'!$C$27:$C$5000,1)),IF(INDEX('CPT Data'!$S$12:$S$20000,MATCH($B71,'CPT Data'!$B$12:$B$20000,1))&lt;2,INDEX('p-y cyclic clay'!$HK$27:$HK$5000,MATCH($B71,'p-y cyclic clay'!$C$27:$C$5000,1)),INDEX('p-y cyclic clay'!$IK$27:$IK$5000,MATCH($B71,'p-y cyclic clay'!$C$27:$C$5000,1))))</f>
        <v>120</v>
      </c>
    </row>
    <row r="72" spans="1:30" x14ac:dyDescent="0.2">
      <c r="A72" s="214">
        <f t="shared" si="1"/>
        <v>-82.5</v>
      </c>
      <c r="B72" s="216">
        <f>'p-y cyclic clay'!C93</f>
        <v>67</v>
      </c>
      <c r="C72">
        <f>INDEX('CPT Data'!$C$13:$C$20000,MATCH(B72,'CPT Data'!$B$13:$B$20000,1))</f>
        <v>66.98599999999999</v>
      </c>
      <c r="D72" s="216" t="str">
        <f>INDEX('CPT Data'!$P$13:$P$20000,MATCH(B72,'CPT Data'!$B$13:$B$20000,1))</f>
        <v>SAND</v>
      </c>
      <c r="E72">
        <f>IF($D72="SAND",INDEX('p-y cyclic sand'!$AM$27:$AM$5000,MATCH($B72,'p-y cyclic sand'!$C$27:$C$5000,1)),IF(INDEX('CPT Data'!$S$12:$S$20000,MATCH($B72,'CPT Data'!$B$12:$B$20000,1))&lt;2,INDEX('p-y cyclic clay'!$GL$27:$GL$5000,MATCH($B72,'p-y cyclic clay'!$C$27:$C$5000,1)),INDEX('p-y cyclic clay'!$HL$27:$HL$5000,MATCH($B72,'p-y cyclic clay'!$C$27:$C$5000,1))))</f>
        <v>0</v>
      </c>
      <c r="F72">
        <f>IF($D72="SAND",INDEX('p-y cyclic sand'!$Z$27:$Z$5000,MATCH($B72,'p-y cyclic sand'!$C$27:$C$5000,1)),IF(INDEX('CPT Data'!$S$12:$S$20000,MATCH($B72,'CPT Data'!$B$12:$B$20000,1))&lt;2,INDEX('p-y cyclic clay'!$GY$27:$GY$5000,MATCH($B72,'p-y cyclic clay'!$C$27:$C$5000,1)),INDEX('p-y cyclic clay'!$HY$27:$HY$5000,MATCH($B72,'p-y cyclic clay'!$C$27:$C$5000,1))))</f>
        <v>0</v>
      </c>
      <c r="G72">
        <f>IF($D72="SAND",INDEX('p-y cyclic sand'!$AN$27:$AN$5000,MATCH($B72,'p-y cyclic sand'!$C$27:$C$5000,1)),IF(INDEX('CPT Data'!$S$12:$S$20000,MATCH($B72,'CPT Data'!$B$12:$B$20000,1))&lt;2,INDEX('p-y cyclic clay'!$GM$27:$GM$5000,MATCH($B72,'p-y cyclic clay'!$C$27:$C$5000,1)),INDEX('p-y cyclic clay'!$HM$27:$HM$5000,MATCH($B72,'p-y cyclic clay'!$C$27:$C$5000,1))))</f>
        <v>13660.150681127185</v>
      </c>
      <c r="H72">
        <f>IF($D72="SAND",INDEX('p-y cyclic sand'!$AA$27:$AA$5000,MATCH($B72,'p-y cyclic sand'!$C$27:$C$5000,1)),IF(INDEX('CPT Data'!$S$12:$S$20000,MATCH($B72,'CPT Data'!$B$12:$B$20000,1))&lt;2,INDEX('p-y cyclic clay'!$GZ$27:$GZ$5000,MATCH($B72,'p-y cyclic clay'!$C$27:$C$5000,1)),INDEX('p-y cyclic clay'!$HZ$27:$HZ$5000,MATCH($B72,'p-y cyclic clay'!$C$27:$C$5000,1))))</f>
        <v>10</v>
      </c>
      <c r="I72">
        <f>IF($D72="SAND",INDEX('p-y cyclic sand'!$AO$27:$AO$5000,MATCH($B72,'p-y cyclic sand'!$C$27:$C$5000,1)),IF(INDEX('CPT Data'!$S$12:$S$20000,MATCH($B72,'CPT Data'!$B$12:$B$20000,1))&lt;2,INDEX('p-y cyclic clay'!$GN$27:$GN$5000,MATCH($B72,'p-y cyclic clay'!$C$27:$C$5000,1)),INDEX('p-y cyclic clay'!$HN$27:$HN$5000,MATCH($B72,'p-y cyclic clay'!$C$27:$C$5000,1))))</f>
        <v>27319.30838378561</v>
      </c>
      <c r="J72">
        <f>IF($D72="SAND",INDEX('p-y cyclic sand'!$AB$27:$AB$5000,MATCH($B72,'p-y cyclic sand'!$C$27:$C$5000,1)),IF(INDEX('CPT Data'!$S$12:$S$20000,MATCH($B72,'CPT Data'!$B$12:$B$20000,1))&lt;2,INDEX('p-y cyclic clay'!$HA$27:$HA$5000,MATCH($B72,'p-y cyclic clay'!$C$27:$C$5000,1)),INDEX('p-y cyclic clay'!$IA$27:$IA$5000,MATCH($B72,'p-y cyclic clay'!$C$27:$C$5000,1))))</f>
        <v>20</v>
      </c>
      <c r="K72">
        <f>IF($D72="SAND",INDEX('p-y cyclic sand'!$AP$27:$AP$5000,MATCH($B72,'p-y cyclic sand'!$C$27:$C$5000,1)),IF(INDEX('CPT Data'!$S$12:$S$20000,MATCH($B72,'CPT Data'!$B$12:$B$20000,1))&lt;2,INDEX('p-y cyclic clay'!$GO$27:$GO$5000,MATCH($B72,'p-y cyclic clay'!$C$27:$C$5000,1)),INDEX('p-y cyclic clay'!$HO$27:$HO$5000,MATCH($B72,'p-y cyclic clay'!$C$27:$C$5000,1))))</f>
        <v>40976.480418210398</v>
      </c>
      <c r="L72">
        <f>IF($D72="SAND",INDEX('p-y cyclic sand'!$AC$27:$AC$5000,MATCH($B72,'p-y cyclic sand'!$C$27:$C$5000,1)),IF(INDEX('CPT Data'!$S$12:$S$20000,MATCH($B72,'CPT Data'!$B$12:$B$20000,1))&lt;2,INDEX('p-y cyclic clay'!$HB$27:$HB$5000,MATCH($B72,'p-y cyclic clay'!$C$27:$C$5000,1)),INDEX('p-y cyclic clay'!$IB$27:$IB$5000,MATCH($B72,'p-y cyclic clay'!$C$27:$C$5000,1))))</f>
        <v>30</v>
      </c>
      <c r="M72">
        <f>IF($D72="SAND",INDEX('p-y cyclic sand'!$AQ$27:$AQ$5000,MATCH($B72,'p-y cyclic sand'!$C$27:$C$5000,1)),IF(INDEX('CPT Data'!$S$12:$S$20000,MATCH($B72,'CPT Data'!$B$12:$B$20000,1))&lt;2,INDEX('p-y cyclic clay'!$GP$27:$GP$5000,MATCH($B72,'p-y cyclic clay'!$C$27:$C$5000,1)),INDEX('p-y cyclic clay'!$HP$27:$HP$5000,MATCH($B72,'p-y cyclic clay'!$C$27:$C$5000,1))))</f>
        <v>54630.674671866029</v>
      </c>
      <c r="N72">
        <f>IF($D72="SAND",INDEX('p-y cyclic sand'!$AD$27:$AD$5000,MATCH($B72,'p-y cyclic sand'!$C$27:$C$5000,1)),IF(INDEX('CPT Data'!$S$12:$S$20000,MATCH($B72,'CPT Data'!$B$12:$B$20000,1))&lt;2,INDEX('p-y cyclic clay'!$HC$27:$HC$5000,MATCH($B72,'p-y cyclic clay'!$C$27:$C$5000,1)),INDEX('p-y cyclic clay'!$IC$27:$IC$5000,MATCH($B72,'p-y cyclic clay'!$C$27:$C$5000,1))))</f>
        <v>40</v>
      </c>
      <c r="O72">
        <f>IF($D72="SAND",INDEX('p-y cyclic sand'!$AR$27:$AR$5000,MATCH($B72,'p-y cyclic sand'!$C$27:$C$5000,1)),IF(INDEX('CPT Data'!$S$12:$S$20000,MATCH($B72,'CPT Data'!$B$12:$B$20000,1))&lt;2,INDEX('p-y cyclic clay'!$GQ$27:$GQ$5000,MATCH($B72,'p-y cyclic clay'!$C$27:$C$5000,1)),INDEX('p-y cyclic clay'!$HQ$27:$HQ$5000,MATCH($B72,'p-y cyclic clay'!$C$27:$C$5000,1))))</f>
        <v>68280.899897615353</v>
      </c>
      <c r="P72">
        <f>IF($D72="SAND",INDEX('p-y cyclic sand'!$AE$27:$AE$5000,MATCH($B72,'p-y cyclic sand'!$C$27:$C$5000,1)),IF(INDEX('CPT Data'!$S$12:$S$20000,MATCH($B72,'CPT Data'!$B$12:$B$20000,1))&lt;2,INDEX('p-y cyclic clay'!$HD$27:$HD$5000,MATCH($B72,'p-y cyclic clay'!$C$27:$C$5000,1)),INDEX('p-y cyclic clay'!$ID$27:$ID$5000,MATCH($B72,'p-y cyclic clay'!$C$27:$C$5000,1))))</f>
        <v>50</v>
      </c>
      <c r="Q72">
        <f>IF($D72="SAND",INDEX('p-y cyclic sand'!$AS$27:$AS$5000,MATCH($B72,'p-y cyclic sand'!$C$27:$C$5000,1)),IF(INDEX('CPT Data'!$S$12:$S$20000,MATCH($B72,'CPT Data'!$B$12:$B$20000,1))&lt;2,INDEX('p-y cyclic clay'!$GR$27:$GR$5000,MATCH($B72,'p-y cyclic clay'!$C$27:$C$5000,1)),INDEX('p-y cyclic clay'!$HR$27:$HR$5000,MATCH($B72,'p-y cyclic clay'!$C$27:$C$5000,1))))</f>
        <v>81926.166001354271</v>
      </c>
      <c r="R72">
        <f>IF($D72="SAND",INDEX('p-y cyclic sand'!$AF$27:$AF$5000,MATCH($B72,'p-y cyclic sand'!$C$27:$C$5000,1)),IF(INDEX('CPT Data'!$S$12:$S$20000,MATCH($B72,'CPT Data'!$B$12:$B$20000,1))&lt;2,INDEX('p-y cyclic clay'!$HE$27:$HE$5000,MATCH($B72,'p-y cyclic clay'!$C$27:$C$5000,1)),INDEX('p-y cyclic clay'!$IE$27:$IE$5000,MATCH($B72,'p-y cyclic clay'!$C$27:$C$5000,1))))</f>
        <v>60</v>
      </c>
      <c r="S72">
        <f>IF($D72="SAND",INDEX('p-y cyclic sand'!$AT$27:$AT$5000,MATCH($B72,'p-y cyclic sand'!$C$27:$C$5000,1)),IF(INDEX('CPT Data'!$S$12:$S$20000,MATCH($B72,'CPT Data'!$B$12:$B$20000,1))&lt;2,INDEX('p-y cyclic clay'!$GS$27:$GS$5000,MATCH($B72,'p-y cyclic clay'!$C$27:$C$5000,1)),INDEX('p-y cyclic clay'!$HS$27:$HS$5000,MATCH($B72,'p-y cyclic clay'!$C$27:$C$5000,1))))</f>
        <v>95565.484328934952</v>
      </c>
      <c r="T72">
        <f>IF($D72="SAND",INDEX('p-y cyclic sand'!$AG$27:$AG$5000,MATCH($B72,'p-y cyclic sand'!$C$27:$C$5000,1)),IF(INDEX('CPT Data'!$S$12:$S$20000,MATCH($B72,'CPT Data'!$B$12:$B$20000,1))&lt;2,INDEX('p-y cyclic clay'!$HF$27:$HF$5000,MATCH($B72,'p-y cyclic clay'!$C$27:$C$5000,1)),INDEX('p-y cyclic clay'!$IF$27:$IF$5000,MATCH($B72,'p-y cyclic clay'!$C$27:$C$5000,1))))</f>
        <v>70</v>
      </c>
      <c r="U72">
        <f>IF($D72="SAND",INDEX('p-y cyclic sand'!$AU$27:$AU$5000,MATCH($B72,'p-y cyclic sand'!$C$27:$C$5000,1)),IF(INDEX('CPT Data'!$S$12:$S$20000,MATCH($B72,'CPT Data'!$B$12:$B$20000,1))&lt;2,INDEX('p-y cyclic clay'!$GT$27:$GT$5000,MATCH($B72,'p-y cyclic clay'!$C$27:$C$5000,1)),INDEX('p-y cyclic clay'!$HT$27:$HT$5000,MATCH($B72,'p-y cyclic clay'!$C$27:$C$5000,1))))</f>
        <v>109197.86795220096</v>
      </c>
      <c r="V72">
        <f>IF($D72="SAND",INDEX('p-y cyclic sand'!$AH$27:$AH$5000,MATCH($B72,'p-y cyclic sand'!$C$27:$C$5000,1)),IF(INDEX('CPT Data'!$S$12:$S$20000,MATCH($B72,'CPT Data'!$B$12:$B$20000,1))&lt;2,INDEX('p-y cyclic clay'!$HG$27:$HG$5000,MATCH($B72,'p-y cyclic clay'!$C$27:$C$5000,1)),INDEX('p-y cyclic clay'!$IG$27:$IG$5000,MATCH($B72,'p-y cyclic clay'!$C$27:$C$5000,1))))</f>
        <v>80</v>
      </c>
      <c r="W72">
        <f>IF($D72="SAND",INDEX('p-y cyclic sand'!$AV$27:$AV$5000,MATCH($B72,'p-y cyclic sand'!$C$27:$C$5000,1)),IF(INDEX('CPT Data'!$S$12:$S$20000,MATCH($B72,'CPT Data'!$B$12:$B$20000,1))&lt;2,INDEX('p-y cyclic clay'!$GU$27:$GU$5000,MATCH($B72,'p-y cyclic clay'!$C$27:$C$5000,1)),INDEX('p-y cyclic clay'!$HU$27:$HU$5000,MATCH($B72,'p-y cyclic clay'!$C$27:$C$5000,1))))</f>
        <v>122822.33195395893</v>
      </c>
      <c r="X72">
        <f>IF($D72="SAND",INDEX('p-y cyclic sand'!$AI$27:$AI$5000,MATCH($B72,'p-y cyclic sand'!$C$27:$C$5000,1)),IF(INDEX('CPT Data'!$S$12:$S$20000,MATCH($B72,'CPT Data'!$B$12:$B$20000,1))&lt;2,INDEX('p-y cyclic clay'!$HH$27:$HH$5000,MATCH($B72,'p-y cyclic clay'!$C$27:$C$5000,1)),INDEX('p-y cyclic clay'!$IH$27:$IH$5000,MATCH($B72,'p-y cyclic clay'!$C$27:$C$5000,1))))</f>
        <v>90</v>
      </c>
      <c r="Y72">
        <f>IF($D72="SAND",INDEX('p-y cyclic sand'!$AW$27:$AW$5000,MATCH($B72,'p-y cyclic sand'!$C$27:$C$5000,1)),IF(INDEX('CPT Data'!$S$12:$S$20000,MATCH($B72,'CPT Data'!$B$12:$B$20000,1))&lt;2,INDEX('p-y cyclic clay'!$GV$27:$GV$5000,MATCH($B72,'p-y cyclic clay'!$C$27:$C$5000,1)),INDEX('p-y cyclic clay'!$HV$27:$HV$5000,MATCH($B72,'p-y cyclic clay'!$C$27:$C$5000,1))))</f>
        <v>136437.89371171236</v>
      </c>
      <c r="Z72">
        <f>IF($D72="SAND",INDEX('p-y cyclic sand'!$AJ$27:$AJ$5000,MATCH($B72,'p-y cyclic sand'!$C$27:$C$5000,1)),IF(INDEX('CPT Data'!$S$12:$S$20000,MATCH($B72,'CPT Data'!$B$12:$B$20000,1))&lt;2,INDEX('p-y cyclic clay'!$HI$27:$HI$5000,MATCH($B72,'p-y cyclic clay'!$C$27:$C$5000,1)),INDEX('p-y cyclic clay'!$II$27:$II$5000,MATCH($B72,'p-y cyclic clay'!$C$27:$C$5000,1))))</f>
        <v>100</v>
      </c>
      <c r="AA72">
        <f>IF($D72="SAND",INDEX('p-y cyclic sand'!$AX$27:$AX$5000,MATCH($B72,'p-y cyclic sand'!$C$27:$C$5000,1)),IF(INDEX('CPT Data'!$S$12:$S$20000,MATCH($B72,'CPT Data'!$B$12:$B$20000,1))&lt;2,INDEX('p-y cyclic clay'!$GW$27:$GW$5000,MATCH($B72,'p-y cyclic clay'!$C$27:$C$5000,1)),INDEX('p-y cyclic clay'!$HW$27:$HW$5000,MATCH($B72,'p-y cyclic clay'!$C$27:$C$5000,1))))</f>
        <v>150043.5731799842</v>
      </c>
      <c r="AB72">
        <f>IF($D72="SAND",INDEX('p-y cyclic sand'!$AK$27:$AK$5000,MATCH($B72,'p-y cyclic sand'!$C$27:$C$5000,1)),IF(INDEX('CPT Data'!$S$12:$S$20000,MATCH($B72,'CPT Data'!$B$12:$B$20000,1))&lt;2,INDEX('p-y cyclic clay'!$HJ$27:$HJ$5000,MATCH($B72,'p-y cyclic clay'!$C$27:$C$5000,1)),INDEX('p-y cyclic clay'!$IJ$27:$IJ$5000,MATCH($B72,'p-y cyclic clay'!$C$27:$C$5000,1))))</f>
        <v>110</v>
      </c>
      <c r="AC72">
        <f>IF($D72="SAND",INDEX('p-y cyclic sand'!$AY$27:$AY$5000,MATCH($B72,'p-y cyclic sand'!$C$27:$C$5000,1)),IF(INDEX('CPT Data'!$S$12:$S$20000,MATCH($B72,'CPT Data'!$B$12:$B$20000,1))&lt;2,INDEX('p-y cyclic clay'!$GX$27:$GX$5000,MATCH($B72,'p-y cyclic clay'!$C$27:$C$5000,1)),INDEX('p-y cyclic clay'!$HX$27:$HX$5000,MATCH($B72,'p-y cyclic clay'!$C$27:$C$5000,1))))</f>
        <v>163638.39317105728</v>
      </c>
      <c r="AD72" s="98">
        <f>IF($D72="SAND",INDEX('p-y cyclic sand'!$AL$27:$AL$5000,MATCH($B72,'p-y cyclic sand'!$C$27:$C$5000,1)),IF(INDEX('CPT Data'!$S$12:$S$20000,MATCH($B72,'CPT Data'!$B$12:$B$20000,1))&lt;2,INDEX('p-y cyclic clay'!$HK$27:$HK$5000,MATCH($B72,'p-y cyclic clay'!$C$27:$C$5000,1)),INDEX('p-y cyclic clay'!$IK$27:$IK$5000,MATCH($B72,'p-y cyclic clay'!$C$27:$C$5000,1))))</f>
        <v>120</v>
      </c>
    </row>
    <row r="73" spans="1:30" x14ac:dyDescent="0.2">
      <c r="A73" s="214">
        <f t="shared" si="1"/>
        <v>-83.5</v>
      </c>
      <c r="B73" s="216">
        <f>'p-y cyclic clay'!C94</f>
        <v>68</v>
      </c>
      <c r="C73">
        <f>INDEX('CPT Data'!$C$13:$C$20000,MATCH(B73,'CPT Data'!$B$13:$B$20000,1))</f>
        <v>67.984999999999999</v>
      </c>
      <c r="D73" s="216" t="str">
        <f>INDEX('CPT Data'!$P$13:$P$20000,MATCH(B73,'CPT Data'!$B$13:$B$20000,1))</f>
        <v>CLAY</v>
      </c>
      <c r="E73">
        <f>IF($D73="SAND",INDEX('p-y cyclic sand'!$AM$27:$AM$5000,MATCH($B73,'p-y cyclic sand'!$C$27:$C$5000,1)),IF(INDEX('CPT Data'!$S$12:$S$20000,MATCH($B73,'CPT Data'!$B$12:$B$20000,1))&lt;2,INDEX('p-y cyclic clay'!$GL$27:$GL$5000,MATCH($B73,'p-y cyclic clay'!$C$27:$C$5000,1)),INDEX('p-y cyclic clay'!$HL$27:$HL$5000,MATCH($B73,'p-y cyclic clay'!$C$27:$C$5000,1))))</f>
        <v>13.864949379144278</v>
      </c>
      <c r="F73">
        <f>IF($D73="SAND",INDEX('p-y cyclic sand'!$Z$27:$Z$5000,MATCH($B73,'p-y cyclic sand'!$C$27:$C$5000,1)),IF(INDEX('CPT Data'!$S$12:$S$20000,MATCH($B73,'CPT Data'!$B$12:$B$20000,1))&lt;2,INDEX('p-y cyclic clay'!$GY$27:$GY$5000,MATCH($B73,'p-y cyclic clay'!$C$27:$C$5000,1)),INDEX('p-y cyclic clay'!$HY$27:$HY$5000,MATCH($B73,'p-y cyclic clay'!$C$27:$C$5000,1))))</f>
        <v>0</v>
      </c>
      <c r="G73">
        <f>IF($D73="SAND",INDEX('p-y cyclic sand'!$AN$27:$AN$5000,MATCH($B73,'p-y cyclic sand'!$C$27:$C$5000,1)),IF(INDEX('CPT Data'!$S$12:$S$20000,MATCH($B73,'CPT Data'!$B$12:$B$20000,1))&lt;2,INDEX('p-y cyclic clay'!$GM$27:$GM$5000,MATCH($B73,'p-y cyclic clay'!$C$27:$C$5000,1)),INDEX('p-y cyclic clay'!$HM$27:$HM$5000,MATCH($B73,'p-y cyclic clay'!$C$27:$C$5000,1))))</f>
        <v>546.78411981221257</v>
      </c>
      <c r="H73">
        <f>IF($D73="SAND",INDEX('p-y cyclic sand'!$AA$27:$AA$5000,MATCH($B73,'p-y cyclic sand'!$C$27:$C$5000,1)),IF(INDEX('CPT Data'!$S$12:$S$20000,MATCH($B73,'CPT Data'!$B$12:$B$20000,1))&lt;2,INDEX('p-y cyclic clay'!$GZ$27:$GZ$5000,MATCH($B73,'p-y cyclic clay'!$C$27:$C$5000,1)),INDEX('p-y cyclic clay'!$HZ$27:$HZ$5000,MATCH($B73,'p-y cyclic clay'!$C$27:$C$5000,1))))</f>
        <v>0.72399540072211399</v>
      </c>
      <c r="I73">
        <f>IF($D73="SAND",INDEX('p-y cyclic sand'!$AO$27:$AO$5000,MATCH($B73,'p-y cyclic sand'!$C$27:$C$5000,1)),IF(INDEX('CPT Data'!$S$12:$S$20000,MATCH($B73,'CPT Data'!$B$12:$B$20000,1))&lt;2,INDEX('p-y cyclic clay'!$GN$27:$GN$5000,MATCH($B73,'p-y cyclic clay'!$C$27:$C$5000,1)),INDEX('p-y cyclic clay'!$HN$27:$HN$5000,MATCH($B73,'p-y cyclic clay'!$C$27:$C$5000,1))))</f>
        <v>2135.4409024012393</v>
      </c>
      <c r="J73">
        <f>IF($D73="SAND",INDEX('p-y cyclic sand'!$AB$27:$AB$5000,MATCH($B73,'p-y cyclic sand'!$C$27:$C$5000,1)),IF(INDEX('CPT Data'!$S$12:$S$20000,MATCH($B73,'CPT Data'!$B$12:$B$20000,1))&lt;2,INDEX('p-y cyclic clay'!$HA$27:$HA$5000,MATCH($B73,'p-y cyclic clay'!$C$27:$C$5000,1)),INDEX('p-y cyclic clay'!$IA$27:$IA$5000,MATCH($B73,'p-y cyclic clay'!$C$27:$C$5000,1))))</f>
        <v>7.0328554727904597</v>
      </c>
      <c r="K73">
        <f>IF($D73="SAND",INDEX('p-y cyclic sand'!$AP$27:$AP$5000,MATCH($B73,'p-y cyclic sand'!$C$27:$C$5000,1)),IF(INDEX('CPT Data'!$S$12:$S$20000,MATCH($B73,'CPT Data'!$B$12:$B$20000,1))&lt;2,INDEX('p-y cyclic clay'!$GO$27:$GO$5000,MATCH($B73,'p-y cyclic clay'!$C$27:$C$5000,1)),INDEX('p-y cyclic clay'!$HO$27:$HO$5000,MATCH($B73,'p-y cyclic clay'!$C$27:$C$5000,1))))</f>
        <v>3147.7877175574185</v>
      </c>
      <c r="L73">
        <f>IF($D73="SAND",INDEX('p-y cyclic sand'!$AC$27:$AC$5000,MATCH($B73,'p-y cyclic sand'!$C$27:$C$5000,1)),IF(INDEX('CPT Data'!$S$12:$S$20000,MATCH($B73,'CPT Data'!$B$12:$B$20000,1))&lt;2,INDEX('p-y cyclic clay'!$HB$27:$HB$5000,MATCH($B73,'p-y cyclic clay'!$C$27:$C$5000,1)),INDEX('p-y cyclic clay'!$IB$27:$IB$5000,MATCH($B73,'p-y cyclic clay'!$C$27:$C$5000,1))))</f>
        <v>12.256204942242439</v>
      </c>
      <c r="M73">
        <f>IF($D73="SAND",INDEX('p-y cyclic sand'!$AQ$27:$AQ$5000,MATCH($B73,'p-y cyclic sand'!$C$27:$C$5000,1)),IF(INDEX('CPT Data'!$S$12:$S$20000,MATCH($B73,'CPT Data'!$B$12:$B$20000,1))&lt;2,INDEX('p-y cyclic clay'!$GP$27:$GP$5000,MATCH($B73,'p-y cyclic clay'!$C$27:$C$5000,1)),INDEX('p-y cyclic clay'!$HP$27:$HP$5000,MATCH($B73,'p-y cyclic clay'!$C$27:$C$5000,1))))</f>
        <v>4118.7414750186927</v>
      </c>
      <c r="N73">
        <f>IF($D73="SAND",INDEX('p-y cyclic sand'!$AD$27:$AD$5000,MATCH($B73,'p-y cyclic sand'!$C$27:$C$5000,1)),IF(INDEX('CPT Data'!$S$12:$S$20000,MATCH($B73,'CPT Data'!$B$12:$B$20000,1))&lt;2,INDEX('p-y cyclic clay'!$HC$27:$HC$5000,MATCH($B73,'p-y cyclic clay'!$C$27:$C$5000,1)),INDEX('p-y cyclic clay'!$IC$27:$IC$5000,MATCH($B73,'p-y cyclic clay'!$C$27:$C$5000,1))))</f>
        <v>20.475705073817789</v>
      </c>
      <c r="O73">
        <f>IF($D73="SAND",INDEX('p-y cyclic sand'!$AR$27:$AR$5000,MATCH($B73,'p-y cyclic sand'!$C$27:$C$5000,1)),IF(INDEX('CPT Data'!$S$12:$S$20000,MATCH($B73,'CPT Data'!$B$12:$B$20000,1))&lt;2,INDEX('p-y cyclic clay'!$GQ$27:$GQ$5000,MATCH($B73,'p-y cyclic clay'!$C$27:$C$5000,1)),INDEX('p-y cyclic clay'!$HQ$27:$HQ$5000,MATCH($B73,'p-y cyclic clay'!$C$27:$C$5000,1))))</f>
        <v>5044.2213459812938</v>
      </c>
      <c r="P73">
        <f>IF($D73="SAND",INDEX('p-y cyclic sand'!$AE$27:$AE$5000,MATCH($B73,'p-y cyclic sand'!$C$27:$C$5000,1)),IF(INDEX('CPT Data'!$S$12:$S$20000,MATCH($B73,'CPT Data'!$B$12:$B$20000,1))&lt;2,INDEX('p-y cyclic clay'!$HD$27:$HD$5000,MATCH($B73,'p-y cyclic clay'!$C$27:$C$5000,1)),INDEX('p-y cyclic clay'!$ID$27:$ID$5000,MATCH($B73,'p-y cyclic clay'!$C$27:$C$5000,1))))</f>
        <v>31.123733322423842</v>
      </c>
      <c r="Q73">
        <f>IF($D73="SAND",INDEX('p-y cyclic sand'!$AS$27:$AS$5000,MATCH($B73,'p-y cyclic sand'!$C$27:$C$5000,1)),IF(INDEX('CPT Data'!$S$12:$S$20000,MATCH($B73,'CPT Data'!$B$12:$B$20000,1))&lt;2,INDEX('p-y cyclic clay'!$GR$27:$GR$5000,MATCH($B73,'p-y cyclic clay'!$C$27:$C$5000,1)),INDEX('p-y cyclic clay'!$HR$27:$HR$5000,MATCH($B73,'p-y cyclic clay'!$C$27:$C$5000,1))))</f>
        <v>5919.3884922931811</v>
      </c>
      <c r="R73">
        <f>IF($D73="SAND",INDEX('p-y cyclic sand'!$AF$27:$AF$5000,MATCH($B73,'p-y cyclic sand'!$C$27:$C$5000,1)),IF(INDEX('CPT Data'!$S$12:$S$20000,MATCH($B73,'CPT Data'!$B$12:$B$20000,1))&lt;2,INDEX('p-y cyclic clay'!$HE$27:$HE$5000,MATCH($B73,'p-y cyclic clay'!$C$27:$C$5000,1)),INDEX('p-y cyclic clay'!$IE$27:$IE$5000,MATCH($B73,'p-y cyclic clay'!$C$27:$C$5000,1))))</f>
        <v>47.420111735168732</v>
      </c>
      <c r="S73">
        <f>IF($D73="SAND",INDEX('p-y cyclic sand'!$AT$27:$AT$5000,MATCH($B73,'p-y cyclic sand'!$C$27:$C$5000,1)),IF(INDEX('CPT Data'!$S$12:$S$20000,MATCH($B73,'CPT Data'!$B$12:$B$20000,1))&lt;2,INDEX('p-y cyclic clay'!$GS$27:$GS$5000,MATCH($B73,'p-y cyclic clay'!$C$27:$C$5000,1)),INDEX('p-y cyclic clay'!$HS$27:$HS$5000,MATCH($B73,'p-y cyclic clay'!$C$27:$C$5000,1))))</f>
        <v>6738.4340417842704</v>
      </c>
      <c r="T73">
        <f>IF($D73="SAND",INDEX('p-y cyclic sand'!$AG$27:$AG$5000,MATCH($B73,'p-y cyclic sand'!$C$27:$C$5000,1)),IF(INDEX('CPT Data'!$S$12:$S$20000,MATCH($B73,'CPT Data'!$B$12:$B$20000,1))&lt;2,INDEX('p-y cyclic clay'!$HF$27:$HF$5000,MATCH($B73,'p-y cyclic clay'!$C$27:$C$5000,1)),INDEX('p-y cyclic clay'!$IF$27:$IF$5000,MATCH($B73,'p-y cyclic clay'!$C$27:$C$5000,1))))</f>
        <v>67.138217438990125</v>
      </c>
      <c r="U73">
        <f>IF($D73="SAND",INDEX('p-y cyclic sand'!$AU$27:$AU$5000,MATCH($B73,'p-y cyclic sand'!$C$27:$C$5000,1)),IF(INDEX('CPT Data'!$S$12:$S$20000,MATCH($B73,'CPT Data'!$B$12:$B$20000,1))&lt;2,INDEX('p-y cyclic clay'!$GT$27:$GT$5000,MATCH($B73,'p-y cyclic clay'!$C$27:$C$5000,1)),INDEX('p-y cyclic clay'!$HT$27:$HT$5000,MATCH($B73,'p-y cyclic clay'!$C$27:$C$5000,1))))</f>
        <v>7494.2851689344379</v>
      </c>
      <c r="V73">
        <f>IF($D73="SAND",INDEX('p-y cyclic sand'!$AH$27:$AH$5000,MATCH($B73,'p-y cyclic sand'!$C$27:$C$5000,1)),IF(INDEX('CPT Data'!$S$12:$S$20000,MATCH($B73,'CPT Data'!$B$12:$B$20000,1))&lt;2,INDEX('p-y cyclic clay'!$HG$27:$HG$5000,MATCH($B73,'p-y cyclic clay'!$C$27:$C$5000,1)),INDEX('p-y cyclic clay'!$IG$27:$IG$5000,MATCH($B73,'p-y cyclic clay'!$C$27:$C$5000,1))))</f>
        <v>101.22684764972679</v>
      </c>
      <c r="W73">
        <f>IF($D73="SAND",INDEX('p-y cyclic sand'!$AV$27:$AV$5000,MATCH($B73,'p-y cyclic sand'!$C$27:$C$5000,1)),IF(INDEX('CPT Data'!$S$12:$S$20000,MATCH($B73,'CPT Data'!$B$12:$B$20000,1))&lt;2,INDEX('p-y cyclic clay'!$GU$27:$GU$5000,MATCH($B73,'p-y cyclic clay'!$C$27:$C$5000,1)),INDEX('p-y cyclic clay'!$HU$27:$HU$5000,MATCH($B73,'p-y cyclic clay'!$C$27:$C$5000,1))))</f>
        <v>8178.1875036996989</v>
      </c>
      <c r="X73">
        <f>IF($D73="SAND",INDEX('p-y cyclic sand'!$AI$27:$AI$5000,MATCH($B73,'p-y cyclic sand'!$C$27:$C$5000,1)),IF(INDEX('CPT Data'!$S$12:$S$20000,MATCH($B73,'CPT Data'!$B$12:$B$20000,1))&lt;2,INDEX('p-y cyclic clay'!$HH$27:$HH$5000,MATCH($B73,'p-y cyclic clay'!$C$27:$C$5000,1)),INDEX('p-y cyclic clay'!$IH$27:$IH$5000,MATCH($B73,'p-y cyclic clay'!$C$27:$C$5000,1))))</f>
        <v>159.95233453117731</v>
      </c>
      <c r="Y73">
        <f>IF($D73="SAND",INDEX('p-y cyclic sand'!$AW$27:$AW$5000,MATCH($B73,'p-y cyclic sand'!$C$27:$C$5000,1)),IF(INDEX('CPT Data'!$S$12:$S$20000,MATCH($B73,'CPT Data'!$B$12:$B$20000,1))&lt;2,INDEX('p-y cyclic clay'!$GV$27:$GV$5000,MATCH($B73,'p-y cyclic clay'!$C$27:$C$5000,1)),INDEX('p-y cyclic clay'!$HV$27:$HV$5000,MATCH($B73,'p-y cyclic clay'!$C$27:$C$5000,1))))</f>
        <v>8637.3624199455408</v>
      </c>
      <c r="Z73">
        <f>IF($D73="SAND",INDEX('p-y cyclic sand'!$AJ$27:$AJ$5000,MATCH($B73,'p-y cyclic sand'!$C$27:$C$5000,1)),IF(INDEX('CPT Data'!$S$12:$S$20000,MATCH($B73,'CPT Data'!$B$12:$B$20000,1))&lt;2,INDEX('p-y cyclic clay'!$HI$27:$HI$5000,MATCH($B73,'p-y cyclic clay'!$C$27:$C$5000,1)),INDEX('p-y cyclic clay'!$II$27:$II$5000,MATCH($B73,'p-y cyclic clay'!$C$27:$C$5000,1))))</f>
        <v>281.21148102630707</v>
      </c>
      <c r="AA73">
        <f>IF($D73="SAND",INDEX('p-y cyclic sand'!$AX$27:$AX$5000,MATCH($B73,'p-y cyclic sand'!$C$27:$C$5000,1)),IF(INDEX('CPT Data'!$S$12:$S$20000,MATCH($B73,'CPT Data'!$B$12:$B$20000,1))&lt;2,INDEX('p-y cyclic clay'!$GW$27:$GW$5000,MATCH($B73,'p-y cyclic clay'!$C$27:$C$5000,1)),INDEX('p-y cyclic clay'!$HW$27:$HW$5000,MATCH($B73,'p-y cyclic clay'!$C$27:$C$5000,1))))</f>
        <v>8779.0946411244386</v>
      </c>
      <c r="AB73">
        <f>IF($D73="SAND",INDEX('p-y cyclic sand'!$AK$27:$AK$5000,MATCH($B73,'p-y cyclic sand'!$C$27:$C$5000,1)),IF(INDEX('CPT Data'!$S$12:$S$20000,MATCH($B73,'CPT Data'!$B$12:$B$20000,1))&lt;2,INDEX('p-y cyclic clay'!$HJ$27:$HJ$5000,MATCH($B73,'p-y cyclic clay'!$C$27:$C$5000,1)),INDEX('p-y cyclic clay'!$IJ$27:$IJ$5000,MATCH($B73,'p-y cyclic clay'!$C$27:$C$5000,1))))</f>
        <v>456.68475916779437</v>
      </c>
      <c r="AC73">
        <f>IF($D73="SAND",INDEX('p-y cyclic sand'!$AY$27:$AY$5000,MATCH($B73,'p-y cyclic sand'!$C$27:$C$5000,1)),IF(INDEX('CPT Data'!$S$12:$S$20000,MATCH($B73,'CPT Data'!$B$12:$B$20000,1))&lt;2,INDEX('p-y cyclic clay'!$GX$27:$GX$5000,MATCH($B73,'p-y cyclic clay'!$C$27:$C$5000,1)),INDEX('p-y cyclic clay'!$HX$27:$HX$5000,MATCH($B73,'p-y cyclic clay'!$C$27:$C$5000,1))))</f>
        <v>8779.0946411244386</v>
      </c>
      <c r="AD73" s="98">
        <f>IF($D73="SAND",INDEX('p-y cyclic sand'!$AL$27:$AL$5000,MATCH($B73,'p-y cyclic sand'!$C$27:$C$5000,1)),IF(INDEX('CPT Data'!$S$12:$S$20000,MATCH($B73,'CPT Data'!$B$12:$B$20000,1))&lt;2,INDEX('p-y cyclic clay'!$HK$27:$HK$5000,MATCH($B73,'p-y cyclic clay'!$C$27:$C$5000,1)),INDEX('p-y cyclic clay'!$IK$27:$IK$5000,MATCH($B73,'p-y cyclic clay'!$C$27:$C$5000,1))))</f>
        <v>5432.4746895721391</v>
      </c>
    </row>
    <row r="74" spans="1:30" x14ac:dyDescent="0.2">
      <c r="A74" s="214">
        <f t="shared" si="1"/>
        <v>-84.5</v>
      </c>
      <c r="B74" s="216">
        <f>'p-y cyclic clay'!C95</f>
        <v>69</v>
      </c>
      <c r="C74">
        <f>INDEX('CPT Data'!$C$13:$C$20000,MATCH(B74,'CPT Data'!$B$13:$B$20000,1))</f>
        <v>68.99199999999999</v>
      </c>
      <c r="D74" s="216" t="str">
        <f>INDEX('CPT Data'!$P$13:$P$20000,MATCH(B74,'CPT Data'!$B$13:$B$20000,1))</f>
        <v>SAND</v>
      </c>
      <c r="E74">
        <f>IF($D74="SAND",INDEX('p-y cyclic sand'!$AM$27:$AM$5000,MATCH($B74,'p-y cyclic sand'!$C$27:$C$5000,1)),IF(INDEX('CPT Data'!$S$12:$S$20000,MATCH($B74,'CPT Data'!$B$12:$B$20000,1))&lt;2,INDEX('p-y cyclic clay'!$GL$27:$GL$5000,MATCH($B74,'p-y cyclic clay'!$C$27:$C$5000,1)),INDEX('p-y cyclic clay'!$HL$27:$HL$5000,MATCH($B74,'p-y cyclic clay'!$C$27:$C$5000,1))))</f>
        <v>0</v>
      </c>
      <c r="F74">
        <f>IF($D74="SAND",INDEX('p-y cyclic sand'!$Z$27:$Z$5000,MATCH($B74,'p-y cyclic sand'!$C$27:$C$5000,1)),IF(INDEX('CPT Data'!$S$12:$S$20000,MATCH($B74,'CPT Data'!$B$12:$B$20000,1))&lt;2,INDEX('p-y cyclic clay'!$GY$27:$GY$5000,MATCH($B74,'p-y cyclic clay'!$C$27:$C$5000,1)),INDEX('p-y cyclic clay'!$HY$27:$HY$5000,MATCH($B74,'p-y cyclic clay'!$C$27:$C$5000,1))))</f>
        <v>0</v>
      </c>
      <c r="G74">
        <f>IF($D74="SAND",INDEX('p-y cyclic sand'!$AN$27:$AN$5000,MATCH($B74,'p-y cyclic sand'!$C$27:$C$5000,1)),IF(INDEX('CPT Data'!$S$12:$S$20000,MATCH($B74,'CPT Data'!$B$12:$B$20000,1))&lt;2,INDEX('p-y cyclic clay'!$GM$27:$GM$5000,MATCH($B74,'p-y cyclic clay'!$C$27:$C$5000,1)),INDEX('p-y cyclic clay'!$HM$27:$HM$5000,MATCH($B74,'p-y cyclic clay'!$C$27:$C$5000,1))))</f>
        <v>12066.384412829437</v>
      </c>
      <c r="H74">
        <f>IF($D74="SAND",INDEX('p-y cyclic sand'!$AA$27:$AA$5000,MATCH($B74,'p-y cyclic sand'!$C$27:$C$5000,1)),IF(INDEX('CPT Data'!$S$12:$S$20000,MATCH($B74,'CPT Data'!$B$12:$B$20000,1))&lt;2,INDEX('p-y cyclic clay'!$GZ$27:$GZ$5000,MATCH($B74,'p-y cyclic clay'!$C$27:$C$5000,1)),INDEX('p-y cyclic clay'!$HZ$27:$HZ$5000,MATCH($B74,'p-y cyclic clay'!$C$27:$C$5000,1))))</f>
        <v>10</v>
      </c>
      <c r="I74">
        <f>IF($D74="SAND",INDEX('p-y cyclic sand'!$AO$27:$AO$5000,MATCH($B74,'p-y cyclic sand'!$C$27:$C$5000,1)),IF(INDEX('CPT Data'!$S$12:$S$20000,MATCH($B74,'CPT Data'!$B$12:$B$20000,1))&lt;2,INDEX('p-y cyclic clay'!$GN$27:$GN$5000,MATCH($B74,'p-y cyclic clay'!$C$27:$C$5000,1)),INDEX('p-y cyclic clay'!$HN$27:$HN$5000,MATCH($B74,'p-y cyclic clay'!$C$27:$C$5000,1))))</f>
        <v>24132.29594625147</v>
      </c>
      <c r="J74">
        <f>IF($D74="SAND",INDEX('p-y cyclic sand'!$AB$27:$AB$5000,MATCH($B74,'p-y cyclic sand'!$C$27:$C$5000,1)),IF(INDEX('CPT Data'!$S$12:$S$20000,MATCH($B74,'CPT Data'!$B$12:$B$20000,1))&lt;2,INDEX('p-y cyclic clay'!$HA$27:$HA$5000,MATCH($B74,'p-y cyclic clay'!$C$27:$C$5000,1)),INDEX('p-y cyclic clay'!$IA$27:$IA$5000,MATCH($B74,'p-y cyclic clay'!$C$27:$C$5000,1))))</f>
        <v>20</v>
      </c>
      <c r="K74">
        <f>IF($D74="SAND",INDEX('p-y cyclic sand'!$AP$27:$AP$5000,MATCH($B74,'p-y cyclic sand'!$C$27:$C$5000,1)),IF(INDEX('CPT Data'!$S$12:$S$20000,MATCH($B74,'CPT Data'!$B$12:$B$20000,1))&lt;2,INDEX('p-y cyclic clay'!$GO$27:$GO$5000,MATCH($B74,'p-y cyclic clay'!$C$27:$C$5000,1)),INDEX('p-y cyclic clay'!$HO$27:$HO$5000,MATCH($B74,'p-y cyclic clay'!$C$27:$C$5000,1))))</f>
        <v>36197.261794984028</v>
      </c>
      <c r="L74">
        <f>IF($D74="SAND",INDEX('p-y cyclic sand'!$AC$27:$AC$5000,MATCH($B74,'p-y cyclic sand'!$C$27:$C$5000,1)),IF(INDEX('CPT Data'!$S$12:$S$20000,MATCH($B74,'CPT Data'!$B$12:$B$20000,1))&lt;2,INDEX('p-y cyclic clay'!$HB$27:$HB$5000,MATCH($B74,'p-y cyclic clay'!$C$27:$C$5000,1)),INDEX('p-y cyclic clay'!$IB$27:$IB$5000,MATCH($B74,'p-y cyclic clay'!$C$27:$C$5000,1))))</f>
        <v>30</v>
      </c>
      <c r="M74">
        <f>IF($D74="SAND",INDEX('p-y cyclic sand'!$AQ$27:$AQ$5000,MATCH($B74,'p-y cyclic sand'!$C$27:$C$5000,1)),IF(INDEX('CPT Data'!$S$12:$S$20000,MATCH($B74,'CPT Data'!$B$12:$B$20000,1))&lt;2,INDEX('p-y cyclic clay'!$GP$27:$GP$5000,MATCH($B74,'p-y cyclic clay'!$C$27:$C$5000,1)),INDEX('p-y cyclic clay'!$HP$27:$HP$5000,MATCH($B74,'p-y cyclic clay'!$C$27:$C$5000,1))))</f>
        <v>48260.809301971021</v>
      </c>
      <c r="N74">
        <f>IF($D74="SAND",INDEX('p-y cyclic sand'!$AD$27:$AD$5000,MATCH($B74,'p-y cyclic sand'!$C$27:$C$5000,1)),IF(INDEX('CPT Data'!$S$12:$S$20000,MATCH($B74,'CPT Data'!$B$12:$B$20000,1))&lt;2,INDEX('p-y cyclic clay'!$HC$27:$HC$5000,MATCH($B74,'p-y cyclic clay'!$C$27:$C$5000,1)),INDEX('p-y cyclic clay'!$IC$27:$IC$5000,MATCH($B74,'p-y cyclic clay'!$C$27:$C$5000,1))))</f>
        <v>40</v>
      </c>
      <c r="O74">
        <f>IF($D74="SAND",INDEX('p-y cyclic sand'!$AR$27:$AR$5000,MATCH($B74,'p-y cyclic sand'!$C$27:$C$5000,1)),IF(INDEX('CPT Data'!$S$12:$S$20000,MATCH($B74,'CPT Data'!$B$12:$B$20000,1))&lt;2,INDEX('p-y cyclic clay'!$GQ$27:$GQ$5000,MATCH($B74,'p-y cyclic clay'!$C$27:$C$5000,1)),INDEX('p-y cyclic clay'!$HQ$27:$HQ$5000,MATCH($B74,'p-y cyclic clay'!$C$27:$C$5000,1))))</f>
        <v>60322.466032433549</v>
      </c>
      <c r="P74">
        <f>IF($D74="SAND",INDEX('p-y cyclic sand'!$AE$27:$AE$5000,MATCH($B74,'p-y cyclic sand'!$C$27:$C$5000,1)),IF(INDEX('CPT Data'!$S$12:$S$20000,MATCH($B74,'CPT Data'!$B$12:$B$20000,1))&lt;2,INDEX('p-y cyclic clay'!$HD$27:$HD$5000,MATCH($B74,'p-y cyclic clay'!$C$27:$C$5000,1)),INDEX('p-y cyclic clay'!$ID$27:$ID$5000,MATCH($B74,'p-y cyclic clay'!$C$27:$C$5000,1))))</f>
        <v>50</v>
      </c>
      <c r="Q74">
        <f>IF($D74="SAND",INDEX('p-y cyclic sand'!$AS$27:$AS$5000,MATCH($B74,'p-y cyclic sand'!$C$27:$C$5000,1)),IF(INDEX('CPT Data'!$S$12:$S$20000,MATCH($B74,'CPT Data'!$B$12:$B$20000,1))&lt;2,INDEX('p-y cyclic clay'!$GR$27:$GR$5000,MATCH($B74,'p-y cyclic clay'!$C$27:$C$5000,1)),INDEX('p-y cyclic clay'!$HR$27:$HR$5000,MATCH($B74,'p-y cyclic clay'!$C$27:$C$5000,1))))</f>
        <v>72381.759847847206</v>
      </c>
      <c r="R74">
        <f>IF($D74="SAND",INDEX('p-y cyclic sand'!$AF$27:$AF$5000,MATCH($B74,'p-y cyclic sand'!$C$27:$C$5000,1)),IF(INDEX('CPT Data'!$S$12:$S$20000,MATCH($B74,'CPT Data'!$B$12:$B$20000,1))&lt;2,INDEX('p-y cyclic clay'!$HE$27:$HE$5000,MATCH($B74,'p-y cyclic clay'!$C$27:$C$5000,1)),INDEX('p-y cyclic clay'!$IE$27:$IE$5000,MATCH($B74,'p-y cyclic clay'!$C$27:$C$5000,1))))</f>
        <v>60</v>
      </c>
      <c r="S74">
        <f>IF($D74="SAND",INDEX('p-y cyclic sand'!$AT$27:$AT$5000,MATCH($B74,'p-y cyclic sand'!$C$27:$C$5000,1)),IF(INDEX('CPT Data'!$S$12:$S$20000,MATCH($B74,'CPT Data'!$B$12:$B$20000,1))&lt;2,INDEX('p-y cyclic clay'!$GS$27:$GS$5000,MATCH($B74,'p-y cyclic clay'!$C$27:$C$5000,1)),INDEX('p-y cyclic clay'!$HS$27:$HS$5000,MATCH($B74,'p-y cyclic clay'!$C$27:$C$5000,1))))</f>
        <v>84438.218979820784</v>
      </c>
      <c r="T74">
        <f>IF($D74="SAND",INDEX('p-y cyclic sand'!$AG$27:$AG$5000,MATCH($B74,'p-y cyclic sand'!$C$27:$C$5000,1)),IF(INDEX('CPT Data'!$S$12:$S$20000,MATCH($B74,'CPT Data'!$B$12:$B$20000,1))&lt;2,INDEX('p-y cyclic clay'!$HF$27:$HF$5000,MATCH($B74,'p-y cyclic clay'!$C$27:$C$5000,1)),INDEX('p-y cyclic clay'!$IF$27:$IF$5000,MATCH($B74,'p-y cyclic clay'!$C$27:$C$5000,1))))</f>
        <v>70</v>
      </c>
      <c r="U74">
        <f>IF($D74="SAND",INDEX('p-y cyclic sand'!$AU$27:$AU$5000,MATCH($B74,'p-y cyclic sand'!$C$27:$C$5000,1)),IF(INDEX('CPT Data'!$S$12:$S$20000,MATCH($B74,'CPT Data'!$B$12:$B$20000,1))&lt;2,INDEX('p-y cyclic clay'!$GT$27:$GT$5000,MATCH($B74,'p-y cyclic clay'!$C$27:$C$5000,1)),INDEX('p-y cyclic clay'!$HT$27:$HT$5000,MATCH($B74,'p-y cyclic clay'!$C$27:$C$5000,1))))</f>
        <v>96491.372103851594</v>
      </c>
      <c r="V74">
        <f>IF($D74="SAND",INDEX('p-y cyclic sand'!$AH$27:$AH$5000,MATCH($B74,'p-y cyclic sand'!$C$27:$C$5000,1)),IF(INDEX('CPT Data'!$S$12:$S$20000,MATCH($B74,'CPT Data'!$B$12:$B$20000,1))&lt;2,INDEX('p-y cyclic clay'!$HG$27:$HG$5000,MATCH($B74,'p-y cyclic clay'!$C$27:$C$5000,1)),INDEX('p-y cyclic clay'!$IG$27:$IG$5000,MATCH($B74,'p-y cyclic clay'!$C$27:$C$5000,1))))</f>
        <v>80</v>
      </c>
      <c r="W74">
        <f>IF($D74="SAND",INDEX('p-y cyclic sand'!$AV$27:$AV$5000,MATCH($B74,'p-y cyclic sand'!$C$27:$C$5000,1)),IF(INDEX('CPT Data'!$S$12:$S$20000,MATCH($B74,'CPT Data'!$B$12:$B$20000,1))&lt;2,INDEX('p-y cyclic clay'!$GU$27:$GU$5000,MATCH($B74,'p-y cyclic clay'!$C$27:$C$5000,1)),INDEX('p-y cyclic clay'!$HU$27:$HU$5000,MATCH($B74,'p-y cyclic clay'!$C$27:$C$5000,1))))</f>
        <v>108540.74841293349</v>
      </c>
      <c r="X74">
        <f>IF($D74="SAND",INDEX('p-y cyclic sand'!$AI$27:$AI$5000,MATCH($B74,'p-y cyclic sand'!$C$27:$C$5000,1)),IF(INDEX('CPT Data'!$S$12:$S$20000,MATCH($B74,'CPT Data'!$B$12:$B$20000,1))&lt;2,INDEX('p-y cyclic clay'!$HH$27:$HH$5000,MATCH($B74,'p-y cyclic clay'!$C$27:$C$5000,1)),INDEX('p-y cyclic clay'!$IH$27:$IH$5000,MATCH($B74,'p-y cyclic clay'!$C$27:$C$5000,1))))</f>
        <v>90</v>
      </c>
      <c r="Y74">
        <f>IF($D74="SAND",INDEX('p-y cyclic sand'!$AW$27:$AW$5000,MATCH($B74,'p-y cyclic sand'!$C$27:$C$5000,1)),IF(INDEX('CPT Data'!$S$12:$S$20000,MATCH($B74,'CPT Data'!$B$12:$B$20000,1))&lt;2,INDEX('p-y cyclic clay'!$GV$27:$GV$5000,MATCH($B74,'p-y cyclic clay'!$C$27:$C$5000,1)),INDEX('p-y cyclic clay'!$HV$27:$HV$5000,MATCH($B74,'p-y cyclic clay'!$C$27:$C$5000,1))))</f>
        <v>120585.87769099245</v>
      </c>
      <c r="Z74">
        <f>IF($D74="SAND",INDEX('p-y cyclic sand'!$AJ$27:$AJ$5000,MATCH($B74,'p-y cyclic sand'!$C$27:$C$5000,1)),IF(INDEX('CPT Data'!$S$12:$S$20000,MATCH($B74,'CPT Data'!$B$12:$B$20000,1))&lt;2,INDEX('p-y cyclic clay'!$HI$27:$HI$5000,MATCH($B74,'p-y cyclic clay'!$C$27:$C$5000,1)),INDEX('p-y cyclic clay'!$II$27:$II$5000,MATCH($B74,'p-y cyclic clay'!$C$27:$C$5000,1))))</f>
        <v>100</v>
      </c>
      <c r="AA74">
        <f>IF($D74="SAND",INDEX('p-y cyclic sand'!$AX$27:$AX$5000,MATCH($B74,'p-y cyclic sand'!$C$27:$C$5000,1)),IF(INDEX('CPT Data'!$S$12:$S$20000,MATCH($B74,'CPT Data'!$B$12:$B$20000,1))&lt;2,INDEX('p-y cyclic clay'!$GW$27:$GW$5000,MATCH($B74,'p-y cyclic clay'!$C$27:$C$5000,1)),INDEX('p-y cyclic clay'!$HW$27:$HW$5000,MATCH($B74,'p-y cyclic clay'!$C$27:$C$5000,1))))</f>
        <v>132626.29038612606</v>
      </c>
      <c r="AB74">
        <f>IF($D74="SAND",INDEX('p-y cyclic sand'!$AK$27:$AK$5000,MATCH($B74,'p-y cyclic sand'!$C$27:$C$5000,1)),IF(INDEX('CPT Data'!$S$12:$S$20000,MATCH($B74,'CPT Data'!$B$12:$B$20000,1))&lt;2,INDEX('p-y cyclic clay'!$HJ$27:$HJ$5000,MATCH($B74,'p-y cyclic clay'!$C$27:$C$5000,1)),INDEX('p-y cyclic clay'!$IJ$27:$IJ$5000,MATCH($B74,'p-y cyclic clay'!$C$27:$C$5000,1))))</f>
        <v>110</v>
      </c>
      <c r="AC74">
        <f>IF($D74="SAND",INDEX('p-y cyclic sand'!$AY$27:$AY$5000,MATCH($B74,'p-y cyclic sand'!$C$27:$C$5000,1)),IF(INDEX('CPT Data'!$S$12:$S$20000,MATCH($B74,'CPT Data'!$B$12:$B$20000,1))&lt;2,INDEX('p-y cyclic clay'!$GX$27:$GX$5000,MATCH($B74,'p-y cyclic clay'!$C$27:$C$5000,1)),INDEX('p-y cyclic clay'!$HX$27:$HX$5000,MATCH($B74,'p-y cyclic clay'!$C$27:$C$5000,1))))</f>
        <v>144661.51768362275</v>
      </c>
      <c r="AD74" s="98">
        <f>IF($D74="SAND",INDEX('p-y cyclic sand'!$AL$27:$AL$5000,MATCH($B74,'p-y cyclic sand'!$C$27:$C$5000,1)),IF(INDEX('CPT Data'!$S$12:$S$20000,MATCH($B74,'CPT Data'!$B$12:$B$20000,1))&lt;2,INDEX('p-y cyclic clay'!$HK$27:$HK$5000,MATCH($B74,'p-y cyclic clay'!$C$27:$C$5000,1)),INDEX('p-y cyclic clay'!$IK$27:$IK$5000,MATCH($B74,'p-y cyclic clay'!$C$27:$C$5000,1))))</f>
        <v>120</v>
      </c>
    </row>
    <row r="75" spans="1:30" x14ac:dyDescent="0.2">
      <c r="A75" s="214">
        <f t="shared" si="1"/>
        <v>-85.5</v>
      </c>
      <c r="B75" s="216">
        <f>'p-y cyclic clay'!C96</f>
        <v>70</v>
      </c>
      <c r="C75">
        <f>INDEX('CPT Data'!$C$13:$C$20000,MATCH(B75,'CPT Data'!$B$13:$B$20000,1))</f>
        <v>69.983999999999995</v>
      </c>
      <c r="D75" s="216" t="str">
        <f>INDEX('CPT Data'!$P$13:$P$20000,MATCH(B75,'CPT Data'!$B$13:$B$20000,1))</f>
        <v>SAND</v>
      </c>
      <c r="E75">
        <f>IF($D75="SAND",INDEX('p-y cyclic sand'!$AM$27:$AM$5000,MATCH($B75,'p-y cyclic sand'!$C$27:$C$5000,1)),IF(INDEX('CPT Data'!$S$12:$S$20000,MATCH($B75,'CPT Data'!$B$12:$B$20000,1))&lt;2,INDEX('p-y cyclic clay'!$GL$27:$GL$5000,MATCH($B75,'p-y cyclic clay'!$C$27:$C$5000,1)),INDEX('p-y cyclic clay'!$HL$27:$HL$5000,MATCH($B75,'p-y cyclic clay'!$C$27:$C$5000,1))))</f>
        <v>0</v>
      </c>
      <c r="F75">
        <f>IF($D75="SAND",INDEX('p-y cyclic sand'!$Z$27:$Z$5000,MATCH($B75,'p-y cyclic sand'!$C$27:$C$5000,1)),IF(INDEX('CPT Data'!$S$12:$S$20000,MATCH($B75,'CPT Data'!$B$12:$B$20000,1))&lt;2,INDEX('p-y cyclic clay'!$GY$27:$GY$5000,MATCH($B75,'p-y cyclic clay'!$C$27:$C$5000,1)),INDEX('p-y cyclic clay'!$HY$27:$HY$5000,MATCH($B75,'p-y cyclic clay'!$C$27:$C$5000,1))))</f>
        <v>0</v>
      </c>
      <c r="G75">
        <f>IF($D75="SAND",INDEX('p-y cyclic sand'!$AN$27:$AN$5000,MATCH($B75,'p-y cyclic sand'!$C$27:$C$5000,1)),IF(INDEX('CPT Data'!$S$12:$S$20000,MATCH($B75,'CPT Data'!$B$12:$B$20000,1))&lt;2,INDEX('p-y cyclic clay'!$GM$27:$GM$5000,MATCH($B75,'p-y cyclic clay'!$C$27:$C$5000,1)),INDEX('p-y cyclic clay'!$HM$27:$HM$5000,MATCH($B75,'p-y cyclic clay'!$C$27:$C$5000,1))))</f>
        <v>12473.188396638943</v>
      </c>
      <c r="H75">
        <f>IF($D75="SAND",INDEX('p-y cyclic sand'!$AA$27:$AA$5000,MATCH($B75,'p-y cyclic sand'!$C$27:$C$5000,1)),IF(INDEX('CPT Data'!$S$12:$S$20000,MATCH($B75,'CPT Data'!$B$12:$B$20000,1))&lt;2,INDEX('p-y cyclic clay'!$GZ$27:$GZ$5000,MATCH($B75,'p-y cyclic clay'!$C$27:$C$5000,1)),INDEX('p-y cyclic clay'!$HZ$27:$HZ$5000,MATCH($B75,'p-y cyclic clay'!$C$27:$C$5000,1))))</f>
        <v>10</v>
      </c>
      <c r="I75">
        <f>IF($D75="SAND",INDEX('p-y cyclic sand'!$AO$27:$AO$5000,MATCH($B75,'p-y cyclic sand'!$C$27:$C$5000,1)),IF(INDEX('CPT Data'!$S$12:$S$20000,MATCH($B75,'CPT Data'!$B$12:$B$20000,1))&lt;2,INDEX('p-y cyclic clay'!$GN$27:$GN$5000,MATCH($B75,'p-y cyclic clay'!$C$27:$C$5000,1)),INDEX('p-y cyclic clay'!$HN$27:$HN$5000,MATCH($B75,'p-y cyclic clay'!$C$27:$C$5000,1))))</f>
        <v>24945.975394625519</v>
      </c>
      <c r="J75">
        <f>IF($D75="SAND",INDEX('p-y cyclic sand'!$AB$27:$AB$5000,MATCH($B75,'p-y cyclic sand'!$C$27:$C$5000,1)),IF(INDEX('CPT Data'!$S$12:$S$20000,MATCH($B75,'CPT Data'!$B$12:$B$20000,1))&lt;2,INDEX('p-y cyclic clay'!$HA$27:$HA$5000,MATCH($B75,'p-y cyclic clay'!$C$27:$C$5000,1)),INDEX('p-y cyclic clay'!$IA$27:$IA$5000,MATCH($B75,'p-y cyclic clay'!$C$27:$C$5000,1))))</f>
        <v>20</v>
      </c>
      <c r="K75">
        <f>IF($D75="SAND",INDEX('p-y cyclic sand'!$AP$27:$AP$5000,MATCH($B75,'p-y cyclic sand'!$C$27:$C$5000,1)),IF(INDEX('CPT Data'!$S$12:$S$20000,MATCH($B75,'CPT Data'!$B$12:$B$20000,1))&lt;2,INDEX('p-y cyclic clay'!$GO$27:$GO$5000,MATCH($B75,'p-y cyclic clay'!$C$27:$C$5000,1)),INDEX('p-y cyclic clay'!$HO$27:$HO$5000,MATCH($B75,'p-y cyclic clay'!$C$27:$C$5000,1))))</f>
        <v>37417.959646975178</v>
      </c>
      <c r="L75">
        <f>IF($D75="SAND",INDEX('p-y cyclic sand'!$AC$27:$AC$5000,MATCH($B75,'p-y cyclic sand'!$C$27:$C$5000,1)),IF(INDEX('CPT Data'!$S$12:$S$20000,MATCH($B75,'CPT Data'!$B$12:$B$20000,1))&lt;2,INDEX('p-y cyclic clay'!$HB$27:$HB$5000,MATCH($B75,'p-y cyclic clay'!$C$27:$C$5000,1)),INDEX('p-y cyclic clay'!$IB$27:$IB$5000,MATCH($B75,'p-y cyclic clay'!$C$27:$C$5000,1))))</f>
        <v>30</v>
      </c>
      <c r="M75">
        <f>IF($D75="SAND",INDEX('p-y cyclic sand'!$AQ$27:$AQ$5000,MATCH($B75,'p-y cyclic sand'!$C$27:$C$5000,1)),IF(INDEX('CPT Data'!$S$12:$S$20000,MATCH($B75,'CPT Data'!$B$12:$B$20000,1))&lt;2,INDEX('p-y cyclic clay'!$GP$27:$GP$5000,MATCH($B75,'p-y cyclic clay'!$C$27:$C$5000,1)),INDEX('p-y cyclic clay'!$HP$27:$HP$5000,MATCH($B75,'p-y cyclic clay'!$C$27:$C$5000,1))))</f>
        <v>49888.739910024982</v>
      </c>
      <c r="N75">
        <f>IF($D75="SAND",INDEX('p-y cyclic sand'!$AD$27:$AD$5000,MATCH($B75,'p-y cyclic sand'!$C$27:$C$5000,1)),IF(INDEX('CPT Data'!$S$12:$S$20000,MATCH($B75,'CPT Data'!$B$12:$B$20000,1))&lt;2,INDEX('p-y cyclic clay'!$HC$27:$HC$5000,MATCH($B75,'p-y cyclic clay'!$C$27:$C$5000,1)),INDEX('p-y cyclic clay'!$IC$27:$IC$5000,MATCH($B75,'p-y cyclic clay'!$C$27:$C$5000,1))))</f>
        <v>40</v>
      </c>
      <c r="O75">
        <f>IF($D75="SAND",INDEX('p-y cyclic sand'!$AR$27:$AR$5000,MATCH($B75,'p-y cyclic sand'!$C$27:$C$5000,1)),IF(INDEX('CPT Data'!$S$12:$S$20000,MATCH($B75,'CPT Data'!$B$12:$B$20000,1))&lt;2,INDEX('p-y cyclic clay'!$GQ$27:$GQ$5000,MATCH($B75,'p-y cyclic clay'!$C$27:$C$5000,1)),INDEX('p-y cyclic clay'!$HQ$27:$HQ$5000,MATCH($B75,'p-y cyclic clay'!$C$27:$C$5000,1))))</f>
        <v>62357.915095058946</v>
      </c>
      <c r="P75">
        <f>IF($D75="SAND",INDEX('p-y cyclic sand'!$AE$27:$AE$5000,MATCH($B75,'p-y cyclic sand'!$C$27:$C$5000,1)),IF(INDEX('CPT Data'!$S$12:$S$20000,MATCH($B75,'CPT Data'!$B$12:$B$20000,1))&lt;2,INDEX('p-y cyclic clay'!$HD$27:$HD$5000,MATCH($B75,'p-y cyclic clay'!$C$27:$C$5000,1)),INDEX('p-y cyclic clay'!$ID$27:$ID$5000,MATCH($B75,'p-y cyclic clay'!$C$27:$C$5000,1))))</f>
        <v>50</v>
      </c>
      <c r="Q75">
        <f>IF($D75="SAND",INDEX('p-y cyclic sand'!$AS$27:$AS$5000,MATCH($B75,'p-y cyclic sand'!$C$27:$C$5000,1)),IF(INDEX('CPT Data'!$S$12:$S$20000,MATCH($B75,'CPT Data'!$B$12:$B$20000,1))&lt;2,INDEX('p-y cyclic clay'!$GR$27:$GR$5000,MATCH($B75,'p-y cyclic clay'!$C$27:$C$5000,1)),INDEX('p-y cyclic clay'!$HR$27:$HR$5000,MATCH($B75,'p-y cyclic clay'!$C$27:$C$5000,1))))</f>
        <v>74825.084319891219</v>
      </c>
      <c r="R75">
        <f>IF($D75="SAND",INDEX('p-y cyclic sand'!$AF$27:$AF$5000,MATCH($B75,'p-y cyclic sand'!$C$27:$C$5000,1)),IF(INDEX('CPT Data'!$S$12:$S$20000,MATCH($B75,'CPT Data'!$B$12:$B$20000,1))&lt;2,INDEX('p-y cyclic clay'!$HE$27:$HE$5000,MATCH($B75,'p-y cyclic clay'!$C$27:$C$5000,1)),INDEX('p-y cyclic clay'!$IE$27:$IE$5000,MATCH($B75,'p-y cyclic clay'!$C$27:$C$5000,1))))</f>
        <v>60</v>
      </c>
      <c r="S75">
        <f>IF($D75="SAND",INDEX('p-y cyclic sand'!$AT$27:$AT$5000,MATCH($B75,'p-y cyclic sand'!$C$27:$C$5000,1)),IF(INDEX('CPT Data'!$S$12:$S$20000,MATCH($B75,'CPT Data'!$B$12:$B$20000,1))&lt;2,INDEX('p-y cyclic clay'!$GS$27:$GS$5000,MATCH($B75,'p-y cyclic clay'!$C$27:$C$5000,1)),INDEX('p-y cyclic clay'!$HS$27:$HS$5000,MATCH($B75,'p-y cyclic clay'!$C$27:$C$5000,1))))</f>
        <v>87289.846960392722</v>
      </c>
      <c r="T75">
        <f>IF($D75="SAND",INDEX('p-y cyclic sand'!$AG$27:$AG$5000,MATCH($B75,'p-y cyclic sand'!$C$27:$C$5000,1)),IF(INDEX('CPT Data'!$S$12:$S$20000,MATCH($B75,'CPT Data'!$B$12:$B$20000,1))&lt;2,INDEX('p-y cyclic clay'!$HF$27:$HF$5000,MATCH($B75,'p-y cyclic clay'!$C$27:$C$5000,1)),INDEX('p-y cyclic clay'!$IF$27:$IF$5000,MATCH($B75,'p-y cyclic clay'!$C$27:$C$5000,1))))</f>
        <v>70</v>
      </c>
      <c r="U75">
        <f>IF($D75="SAND",INDEX('p-y cyclic sand'!$AU$27:$AU$5000,MATCH($B75,'p-y cyclic sand'!$C$27:$C$5000,1)),IF(INDEX('CPT Data'!$S$12:$S$20000,MATCH($B75,'CPT Data'!$B$12:$B$20000,1))&lt;2,INDEX('p-y cyclic clay'!$GT$27:$GT$5000,MATCH($B75,'p-y cyclic clay'!$C$27:$C$5000,1)),INDEX('p-y cyclic clay'!$HT$27:$HT$5000,MATCH($B75,'p-y cyclic clay'!$C$27:$C$5000,1))))</f>
        <v>99751.80270194709</v>
      </c>
      <c r="V75">
        <f>IF($D75="SAND",INDEX('p-y cyclic sand'!$AH$27:$AH$5000,MATCH($B75,'p-y cyclic sand'!$C$27:$C$5000,1)),IF(INDEX('CPT Data'!$S$12:$S$20000,MATCH($B75,'CPT Data'!$B$12:$B$20000,1))&lt;2,INDEX('p-y cyclic clay'!$HG$27:$HG$5000,MATCH($B75,'p-y cyclic clay'!$C$27:$C$5000,1)),INDEX('p-y cyclic clay'!$IG$27:$IG$5000,MATCH($B75,'p-y cyclic clay'!$C$27:$C$5000,1))))</f>
        <v>80</v>
      </c>
      <c r="W75">
        <f>IF($D75="SAND",INDEX('p-y cyclic sand'!$AV$27:$AV$5000,MATCH($B75,'p-y cyclic sand'!$C$27:$C$5000,1)),IF(INDEX('CPT Data'!$S$12:$S$20000,MATCH($B75,'CPT Data'!$B$12:$B$20000,1))&lt;2,INDEX('p-y cyclic clay'!$GU$27:$GU$5000,MATCH($B75,'p-y cyclic clay'!$C$27:$C$5000,1)),INDEX('p-y cyclic clay'!$HU$27:$HU$5000,MATCH($B75,'p-y cyclic clay'!$C$27:$C$5000,1))))</f>
        <v>112210.5515908224</v>
      </c>
      <c r="X75">
        <f>IF($D75="SAND",INDEX('p-y cyclic sand'!$AI$27:$AI$5000,MATCH($B75,'p-y cyclic sand'!$C$27:$C$5000,1)),IF(INDEX('CPT Data'!$S$12:$S$20000,MATCH($B75,'CPT Data'!$B$12:$B$20000,1))&lt;2,INDEX('p-y cyclic clay'!$HH$27:$HH$5000,MATCH($B75,'p-y cyclic clay'!$C$27:$C$5000,1)),INDEX('p-y cyclic clay'!$IH$27:$IH$5000,MATCH($B75,'p-y cyclic clay'!$C$27:$C$5000,1))))</f>
        <v>90</v>
      </c>
      <c r="Y75">
        <f>IF($D75="SAND",INDEX('p-y cyclic sand'!$AW$27:$AW$5000,MATCH($B75,'p-y cyclic sand'!$C$27:$C$5000,1)),IF(INDEX('CPT Data'!$S$12:$S$20000,MATCH($B75,'CPT Data'!$B$12:$B$20000,1))&lt;2,INDEX('p-y cyclic clay'!$GV$27:$GV$5000,MATCH($B75,'p-y cyclic clay'!$C$27:$C$5000,1)),INDEX('p-y cyclic clay'!$HV$27:$HV$5000,MATCH($B75,'p-y cyclic clay'!$C$27:$C$5000,1))))</f>
        <v>124665.69408544412</v>
      </c>
      <c r="Z75">
        <f>IF($D75="SAND",INDEX('p-y cyclic sand'!$AJ$27:$AJ$5000,MATCH($B75,'p-y cyclic sand'!$C$27:$C$5000,1)),IF(INDEX('CPT Data'!$S$12:$S$20000,MATCH($B75,'CPT Data'!$B$12:$B$20000,1))&lt;2,INDEX('p-y cyclic clay'!$HI$27:$HI$5000,MATCH($B75,'p-y cyclic clay'!$C$27:$C$5000,1)),INDEX('p-y cyclic clay'!$II$27:$II$5000,MATCH($B75,'p-y cyclic clay'!$C$27:$C$5000,1))))</f>
        <v>100</v>
      </c>
      <c r="AA75">
        <f>IF($D75="SAND",INDEX('p-y cyclic sand'!$AX$27:$AX$5000,MATCH($B75,'p-y cyclic sand'!$C$27:$C$5000,1)),IF(INDEX('CPT Data'!$S$12:$S$20000,MATCH($B75,'CPT Data'!$B$12:$B$20000,1))&lt;2,INDEX('p-y cyclic clay'!$GW$27:$GW$5000,MATCH($B75,'p-y cyclic clay'!$C$27:$C$5000,1)),INDEX('p-y cyclic clay'!$HW$27:$HW$5000,MATCH($B75,'p-y cyclic clay'!$C$27:$C$5000,1))))</f>
        <v>137116.83110755539</v>
      </c>
      <c r="AB75">
        <f>IF($D75="SAND",INDEX('p-y cyclic sand'!$AK$27:$AK$5000,MATCH($B75,'p-y cyclic sand'!$C$27:$C$5000,1)),IF(INDEX('CPT Data'!$S$12:$S$20000,MATCH($B75,'CPT Data'!$B$12:$B$20000,1))&lt;2,INDEX('p-y cyclic clay'!$HJ$27:$HJ$5000,MATCH($B75,'p-y cyclic clay'!$C$27:$C$5000,1)),INDEX('p-y cyclic clay'!$IJ$27:$IJ$5000,MATCH($B75,'p-y cyclic clay'!$C$27:$C$5000,1))))</f>
        <v>110</v>
      </c>
      <c r="AC75">
        <f>IF($D75="SAND",INDEX('p-y cyclic sand'!$AY$27:$AY$5000,MATCH($B75,'p-y cyclic sand'!$C$27:$C$5000,1)),IF(INDEX('CPT Data'!$S$12:$S$20000,MATCH($B75,'CPT Data'!$B$12:$B$20000,1))&lt;2,INDEX('p-y cyclic clay'!$GX$27:$GX$5000,MATCH($B75,'p-y cyclic clay'!$C$27:$C$5000,1)),INDEX('p-y cyclic clay'!$HX$27:$HX$5000,MATCH($B75,'p-y cyclic clay'!$C$27:$C$5000,1))))</f>
        <v>149563.56409325148</v>
      </c>
      <c r="AD75" s="98">
        <f>IF($D75="SAND",INDEX('p-y cyclic sand'!$AL$27:$AL$5000,MATCH($B75,'p-y cyclic sand'!$C$27:$C$5000,1)),IF(INDEX('CPT Data'!$S$12:$S$20000,MATCH($B75,'CPT Data'!$B$12:$B$20000,1))&lt;2,INDEX('p-y cyclic clay'!$HK$27:$HK$5000,MATCH($B75,'p-y cyclic clay'!$C$27:$C$5000,1)),INDEX('p-y cyclic clay'!$IK$27:$IK$5000,MATCH($B75,'p-y cyclic clay'!$C$27:$C$5000,1))))</f>
        <v>120</v>
      </c>
    </row>
    <row r="76" spans="1:30" x14ac:dyDescent="0.2">
      <c r="A76" s="214">
        <f t="shared" si="1"/>
        <v>-86.5</v>
      </c>
      <c r="B76" s="216">
        <f>'p-y cyclic clay'!C97</f>
        <v>71</v>
      </c>
      <c r="C76">
        <f>INDEX('CPT Data'!$C$13:$C$20000,MATCH(B76,'CPT Data'!$B$13:$B$20000,1))</f>
        <v>70.98599999999999</v>
      </c>
      <c r="D76" s="216" t="str">
        <f>INDEX('CPT Data'!$P$13:$P$20000,MATCH(B76,'CPT Data'!$B$13:$B$20000,1))</f>
        <v>SAND</v>
      </c>
      <c r="E76">
        <f>IF($D76="SAND",INDEX('p-y cyclic sand'!$AM$27:$AM$5000,MATCH($B76,'p-y cyclic sand'!$C$27:$C$5000,1)),IF(INDEX('CPT Data'!$S$12:$S$20000,MATCH($B76,'CPT Data'!$B$12:$B$20000,1))&lt;2,INDEX('p-y cyclic clay'!$GL$27:$GL$5000,MATCH($B76,'p-y cyclic clay'!$C$27:$C$5000,1)),INDEX('p-y cyclic clay'!$HL$27:$HL$5000,MATCH($B76,'p-y cyclic clay'!$C$27:$C$5000,1))))</f>
        <v>0</v>
      </c>
      <c r="F76">
        <f>IF($D76="SAND",INDEX('p-y cyclic sand'!$Z$27:$Z$5000,MATCH($B76,'p-y cyclic sand'!$C$27:$C$5000,1)),IF(INDEX('CPT Data'!$S$12:$S$20000,MATCH($B76,'CPT Data'!$B$12:$B$20000,1))&lt;2,INDEX('p-y cyclic clay'!$GY$27:$GY$5000,MATCH($B76,'p-y cyclic clay'!$C$27:$C$5000,1)),INDEX('p-y cyclic clay'!$HY$27:$HY$5000,MATCH($B76,'p-y cyclic clay'!$C$27:$C$5000,1))))</f>
        <v>0</v>
      </c>
      <c r="G76">
        <f>IF($D76="SAND",INDEX('p-y cyclic sand'!$AN$27:$AN$5000,MATCH($B76,'p-y cyclic sand'!$C$27:$C$5000,1)),IF(INDEX('CPT Data'!$S$12:$S$20000,MATCH($B76,'CPT Data'!$B$12:$B$20000,1))&lt;2,INDEX('p-y cyclic clay'!$GM$27:$GM$5000,MATCH($B76,'p-y cyclic clay'!$C$27:$C$5000,1)),INDEX('p-y cyclic clay'!$HM$27:$HM$5000,MATCH($B76,'p-y cyclic clay'!$C$27:$C$5000,1))))</f>
        <v>14258.627809073601</v>
      </c>
      <c r="H76">
        <f>IF($D76="SAND",INDEX('p-y cyclic sand'!$AA$27:$AA$5000,MATCH($B76,'p-y cyclic sand'!$C$27:$C$5000,1)),IF(INDEX('CPT Data'!$S$12:$S$20000,MATCH($B76,'CPT Data'!$B$12:$B$20000,1))&lt;2,INDEX('p-y cyclic clay'!$GZ$27:$GZ$5000,MATCH($B76,'p-y cyclic clay'!$C$27:$C$5000,1)),INDEX('p-y cyclic clay'!$HZ$27:$HZ$5000,MATCH($B76,'p-y cyclic clay'!$C$27:$C$5000,1))))</f>
        <v>10</v>
      </c>
      <c r="I76">
        <f>IF($D76="SAND",INDEX('p-y cyclic sand'!$AO$27:$AO$5000,MATCH($B76,'p-y cyclic sand'!$C$27:$C$5000,1)),IF(INDEX('CPT Data'!$S$12:$S$20000,MATCH($B76,'CPT Data'!$B$12:$B$20000,1))&lt;2,INDEX('p-y cyclic clay'!$GN$27:$GN$5000,MATCH($B76,'p-y cyclic clay'!$C$27:$C$5000,1)),INDEX('p-y cyclic clay'!$HN$27:$HN$5000,MATCH($B76,'p-y cyclic clay'!$C$27:$C$5000,1))))</f>
        <v>28516.918434136765</v>
      </c>
      <c r="J76">
        <f>IF($D76="SAND",INDEX('p-y cyclic sand'!$AB$27:$AB$5000,MATCH($B76,'p-y cyclic sand'!$C$27:$C$5000,1)),IF(INDEX('CPT Data'!$S$12:$S$20000,MATCH($B76,'CPT Data'!$B$12:$B$20000,1))&lt;2,INDEX('p-y cyclic clay'!$HA$27:$HA$5000,MATCH($B76,'p-y cyclic clay'!$C$27:$C$5000,1)),INDEX('p-y cyclic clay'!$IA$27:$IA$5000,MATCH($B76,'p-y cyclic clay'!$C$27:$C$5000,1))))</f>
        <v>20</v>
      </c>
      <c r="K76">
        <f>IF($D76="SAND",INDEX('p-y cyclic sand'!$AP$27:$AP$5000,MATCH($B76,'p-y cyclic sand'!$C$27:$C$5000,1)),IF(INDEX('CPT Data'!$S$12:$S$20000,MATCH($B76,'CPT Data'!$B$12:$B$20000,1))&lt;2,INDEX('p-y cyclic clay'!$GO$27:$GO$5000,MATCH($B76,'p-y cyclic clay'!$C$27:$C$5000,1)),INDEX('p-y cyclic clay'!$HO$27:$HO$5000,MATCH($B76,'p-y cyclic clay'!$C$27:$C$5000,1))))</f>
        <v>42774.534723072829</v>
      </c>
      <c r="L76">
        <f>IF($D76="SAND",INDEX('p-y cyclic sand'!$AC$27:$AC$5000,MATCH($B76,'p-y cyclic sand'!$C$27:$C$5000,1)),IF(INDEX('CPT Data'!$S$12:$S$20000,MATCH($B76,'CPT Data'!$B$12:$B$20000,1))&lt;2,INDEX('p-y cyclic clay'!$HB$27:$HB$5000,MATCH($B76,'p-y cyclic clay'!$C$27:$C$5000,1)),INDEX('p-y cyclic clay'!$IB$27:$IB$5000,MATCH($B76,'p-y cyclic clay'!$C$27:$C$5000,1))))</f>
        <v>30</v>
      </c>
      <c r="M76">
        <f>IF($D76="SAND",INDEX('p-y cyclic sand'!$AQ$27:$AQ$5000,MATCH($B76,'p-y cyclic sand'!$C$27:$C$5000,1)),IF(INDEX('CPT Data'!$S$12:$S$20000,MATCH($B76,'CPT Data'!$B$12:$B$20000,1))&lt;2,INDEX('p-y cyclic clay'!$GP$27:$GP$5000,MATCH($B76,'p-y cyclic clay'!$C$27:$C$5000,1)),INDEX('p-y cyclic clay'!$HP$27:$HP$5000,MATCH($B76,'p-y cyclic clay'!$C$27:$C$5000,1))))</f>
        <v>57031.139587546291</v>
      </c>
      <c r="N76">
        <f>IF($D76="SAND",INDEX('p-y cyclic sand'!$AD$27:$AD$5000,MATCH($B76,'p-y cyclic sand'!$C$27:$C$5000,1)),IF(INDEX('CPT Data'!$S$12:$S$20000,MATCH($B76,'CPT Data'!$B$12:$B$20000,1))&lt;2,INDEX('p-y cyclic clay'!$HC$27:$HC$5000,MATCH($B76,'p-y cyclic clay'!$C$27:$C$5000,1)),INDEX('p-y cyclic clay'!$IC$27:$IC$5000,MATCH($B76,'p-y cyclic clay'!$C$27:$C$5000,1))))</f>
        <v>40</v>
      </c>
      <c r="O76">
        <f>IF($D76="SAND",INDEX('p-y cyclic sand'!$AR$27:$AR$5000,MATCH($B76,'p-y cyclic sand'!$C$27:$C$5000,1)),IF(INDEX('CPT Data'!$S$12:$S$20000,MATCH($B76,'CPT Data'!$B$12:$B$20000,1))&lt;2,INDEX('p-y cyclic clay'!$GQ$27:$GQ$5000,MATCH($B76,'p-y cyclic clay'!$C$27:$C$5000,1)),INDEX('p-y cyclic clay'!$HQ$27:$HQ$5000,MATCH($B76,'p-y cyclic clay'!$C$27:$C$5000,1))))</f>
        <v>71286.396034877282</v>
      </c>
      <c r="P76">
        <f>IF($D76="SAND",INDEX('p-y cyclic sand'!$AE$27:$AE$5000,MATCH($B76,'p-y cyclic sand'!$C$27:$C$5000,1)),IF(INDEX('CPT Data'!$S$12:$S$20000,MATCH($B76,'CPT Data'!$B$12:$B$20000,1))&lt;2,INDEX('p-y cyclic clay'!$HD$27:$HD$5000,MATCH($B76,'p-y cyclic clay'!$C$27:$C$5000,1)),INDEX('p-y cyclic clay'!$ID$27:$ID$5000,MATCH($B76,'p-y cyclic clay'!$C$27:$C$5000,1))))</f>
        <v>50</v>
      </c>
      <c r="Q76">
        <f>IF($D76="SAND",INDEX('p-y cyclic sand'!$AS$27:$AS$5000,MATCH($B76,'p-y cyclic sand'!$C$27:$C$5000,1)),IF(INDEX('CPT Data'!$S$12:$S$20000,MATCH($B76,'CPT Data'!$B$12:$B$20000,1))&lt;2,INDEX('p-y cyclic clay'!$GR$27:$GR$5000,MATCH($B76,'p-y cyclic clay'!$C$27:$C$5000,1)),INDEX('p-y cyclic clay'!$HR$27:$HR$5000,MATCH($B76,'p-y cyclic clay'!$C$27:$C$5000,1))))</f>
        <v>85539.967199897015</v>
      </c>
      <c r="R76">
        <f>IF($D76="SAND",INDEX('p-y cyclic sand'!$AF$27:$AF$5000,MATCH($B76,'p-y cyclic sand'!$C$27:$C$5000,1)),IF(INDEX('CPT Data'!$S$12:$S$20000,MATCH($B76,'CPT Data'!$B$12:$B$20000,1))&lt;2,INDEX('p-y cyclic clay'!$HE$27:$HE$5000,MATCH($B76,'p-y cyclic clay'!$C$27:$C$5000,1)),INDEX('p-y cyclic clay'!$IE$27:$IE$5000,MATCH($B76,'p-y cyclic clay'!$C$27:$C$5000,1))))</f>
        <v>60</v>
      </c>
      <c r="S76">
        <f>IF($D76="SAND",INDEX('p-y cyclic sand'!$AT$27:$AT$5000,MATCH($B76,'p-y cyclic sand'!$C$27:$C$5000,1)),IF(INDEX('CPT Data'!$S$12:$S$20000,MATCH($B76,'CPT Data'!$B$12:$B$20000,1))&lt;2,INDEX('p-y cyclic clay'!$GS$27:$GS$5000,MATCH($B76,'p-y cyclic clay'!$C$27:$C$5000,1)),INDEX('p-y cyclic clay'!$HS$27:$HS$5000,MATCH($B76,'p-y cyclic clay'!$C$27:$C$5000,1))))</f>
        <v>99791.516376777407</v>
      </c>
      <c r="T76">
        <f>IF($D76="SAND",INDEX('p-y cyclic sand'!$AG$27:$AG$5000,MATCH($B76,'p-y cyclic sand'!$C$27:$C$5000,1)),IF(INDEX('CPT Data'!$S$12:$S$20000,MATCH($B76,'CPT Data'!$B$12:$B$20000,1))&lt;2,INDEX('p-y cyclic clay'!$HF$27:$HF$5000,MATCH($B76,'p-y cyclic clay'!$C$27:$C$5000,1)),INDEX('p-y cyclic clay'!$IF$27:$IF$5000,MATCH($B76,'p-y cyclic clay'!$C$27:$C$5000,1))))</f>
        <v>70</v>
      </c>
      <c r="U76">
        <f>IF($D76="SAND",INDEX('p-y cyclic sand'!$AU$27:$AU$5000,MATCH($B76,'p-y cyclic sand'!$C$27:$C$5000,1)),IF(INDEX('CPT Data'!$S$12:$S$20000,MATCH($B76,'CPT Data'!$B$12:$B$20000,1))&lt;2,INDEX('p-y cyclic clay'!$GT$27:$GT$5000,MATCH($B76,'p-y cyclic clay'!$C$27:$C$5000,1)),INDEX('p-y cyclic clay'!$HT$27:$HT$5000,MATCH($B76,'p-y cyclic clay'!$C$27:$C$5000,1))))</f>
        <v>114040.70705082867</v>
      </c>
      <c r="V76">
        <f>IF($D76="SAND",INDEX('p-y cyclic sand'!$AH$27:$AH$5000,MATCH($B76,'p-y cyclic sand'!$C$27:$C$5000,1)),IF(INDEX('CPT Data'!$S$12:$S$20000,MATCH($B76,'CPT Data'!$B$12:$B$20000,1))&lt;2,INDEX('p-y cyclic clay'!$HG$27:$HG$5000,MATCH($B76,'p-y cyclic clay'!$C$27:$C$5000,1)),INDEX('p-y cyclic clay'!$IG$27:$IG$5000,MATCH($B76,'p-y cyclic clay'!$C$27:$C$5000,1))))</f>
        <v>80</v>
      </c>
      <c r="W76">
        <f>IF($D76="SAND",INDEX('p-y cyclic sand'!$AV$27:$AV$5000,MATCH($B76,'p-y cyclic sand'!$C$27:$C$5000,1)),IF(INDEX('CPT Data'!$S$12:$S$20000,MATCH($B76,'CPT Data'!$B$12:$B$20000,1))&lt;2,INDEX('p-y cyclic clay'!$GU$27:$GU$5000,MATCH($B76,'p-y cyclic clay'!$C$27:$C$5000,1)),INDEX('p-y cyclic clay'!$HU$27:$HU$5000,MATCH($B76,'p-y cyclic clay'!$C$27:$C$5000,1))))</f>
        <v>128287.20293025888</v>
      </c>
      <c r="X76">
        <f>IF($D76="SAND",INDEX('p-y cyclic sand'!$AI$27:$AI$5000,MATCH($B76,'p-y cyclic sand'!$C$27:$C$5000,1)),IF(INDEX('CPT Data'!$S$12:$S$20000,MATCH($B76,'CPT Data'!$B$12:$B$20000,1))&lt;2,INDEX('p-y cyclic clay'!$HH$27:$HH$5000,MATCH($B76,'p-y cyclic clay'!$C$27:$C$5000,1)),INDEX('p-y cyclic clay'!$IH$27:$IH$5000,MATCH($B76,'p-y cyclic clay'!$C$27:$C$5000,1))))</f>
        <v>90</v>
      </c>
      <c r="Y76">
        <f>IF($D76="SAND",INDEX('p-y cyclic sand'!$AW$27:$AW$5000,MATCH($B76,'p-y cyclic sand'!$C$27:$C$5000,1)),IF(INDEX('CPT Data'!$S$12:$S$20000,MATCH($B76,'CPT Data'!$B$12:$B$20000,1))&lt;2,INDEX('p-y cyclic clay'!$GV$27:$GV$5000,MATCH($B76,'p-y cyclic clay'!$C$27:$C$5000,1)),INDEX('p-y cyclic clay'!$HV$27:$HV$5000,MATCH($B76,'p-y cyclic clay'!$C$27:$C$5000,1))))</f>
        <v>142530.66797788834</v>
      </c>
      <c r="Z76">
        <f>IF($D76="SAND",INDEX('p-y cyclic sand'!$AJ$27:$AJ$5000,MATCH($B76,'p-y cyclic sand'!$C$27:$C$5000,1)),IF(INDEX('CPT Data'!$S$12:$S$20000,MATCH($B76,'CPT Data'!$B$12:$B$20000,1))&lt;2,INDEX('p-y cyclic clay'!$HI$27:$HI$5000,MATCH($B76,'p-y cyclic clay'!$C$27:$C$5000,1)),INDEX('p-y cyclic clay'!$II$27:$II$5000,MATCH($B76,'p-y cyclic clay'!$C$27:$C$5000,1))))</f>
        <v>100</v>
      </c>
      <c r="AA76">
        <f>IF($D76="SAND",INDEX('p-y cyclic sand'!$AX$27:$AX$5000,MATCH($B76,'p-y cyclic sand'!$C$27:$C$5000,1)),IF(INDEX('CPT Data'!$S$12:$S$20000,MATCH($B76,'CPT Data'!$B$12:$B$20000,1))&lt;2,INDEX('p-y cyclic clay'!$GW$27:$GW$5000,MATCH($B76,'p-y cyclic clay'!$C$27:$C$5000,1)),INDEX('p-y cyclic clay'!$HW$27:$HW$5000,MATCH($B76,'p-y cyclic clay'!$C$27:$C$5000,1))))</f>
        <v>156770.7664428131</v>
      </c>
      <c r="AB76">
        <f>IF($D76="SAND",INDEX('p-y cyclic sand'!$AK$27:$AK$5000,MATCH($B76,'p-y cyclic sand'!$C$27:$C$5000,1)),IF(INDEX('CPT Data'!$S$12:$S$20000,MATCH($B76,'CPT Data'!$B$12:$B$20000,1))&lt;2,INDEX('p-y cyclic clay'!$HJ$27:$HJ$5000,MATCH($B76,'p-y cyclic clay'!$C$27:$C$5000,1)),INDEX('p-y cyclic clay'!$IJ$27:$IJ$5000,MATCH($B76,'p-y cyclic clay'!$C$27:$C$5000,1))))</f>
        <v>110</v>
      </c>
      <c r="AC76">
        <f>IF($D76="SAND",INDEX('p-y cyclic sand'!$AY$27:$AY$5000,MATCH($B76,'p-y cyclic sand'!$C$27:$C$5000,1)),IF(INDEX('CPT Data'!$S$12:$S$20000,MATCH($B76,'CPT Data'!$B$12:$B$20000,1))&lt;2,INDEX('p-y cyclic clay'!$GX$27:$GX$5000,MATCH($B76,'p-y cyclic clay'!$C$27:$C$5000,1)),INDEX('p-y cyclic clay'!$HX$27:$HX$5000,MATCH($B76,'p-y cyclic clay'!$C$27:$C$5000,1))))</f>
        <v>171007.16289201102</v>
      </c>
      <c r="AD76" s="98">
        <f>IF($D76="SAND",INDEX('p-y cyclic sand'!$AL$27:$AL$5000,MATCH($B76,'p-y cyclic sand'!$C$27:$C$5000,1)),IF(INDEX('CPT Data'!$S$12:$S$20000,MATCH($B76,'CPT Data'!$B$12:$B$20000,1))&lt;2,INDEX('p-y cyclic clay'!$HK$27:$HK$5000,MATCH($B76,'p-y cyclic clay'!$C$27:$C$5000,1)),INDEX('p-y cyclic clay'!$IK$27:$IK$5000,MATCH($B76,'p-y cyclic clay'!$C$27:$C$5000,1))))</f>
        <v>120</v>
      </c>
    </row>
    <row r="77" spans="1:30" x14ac:dyDescent="0.2">
      <c r="A77" s="214">
        <f t="shared" si="1"/>
        <v>-87.5</v>
      </c>
      <c r="B77" s="216">
        <f>'p-y cyclic clay'!C98</f>
        <v>72</v>
      </c>
      <c r="C77">
        <f>INDEX('CPT Data'!$C$13:$C$20000,MATCH(B77,'CPT Data'!$B$13:$B$20000,1))</f>
        <v>71.988</v>
      </c>
      <c r="D77" s="216" t="str">
        <f>INDEX('CPT Data'!$P$13:$P$20000,MATCH(B77,'CPT Data'!$B$13:$B$20000,1))</f>
        <v>SAND</v>
      </c>
      <c r="E77">
        <f>IF($D77="SAND",INDEX('p-y cyclic sand'!$AM$27:$AM$5000,MATCH($B77,'p-y cyclic sand'!$C$27:$C$5000,1)),IF(INDEX('CPT Data'!$S$12:$S$20000,MATCH($B77,'CPT Data'!$B$12:$B$20000,1))&lt;2,INDEX('p-y cyclic clay'!$GL$27:$GL$5000,MATCH($B77,'p-y cyclic clay'!$C$27:$C$5000,1)),INDEX('p-y cyclic clay'!$HL$27:$HL$5000,MATCH($B77,'p-y cyclic clay'!$C$27:$C$5000,1))))</f>
        <v>0</v>
      </c>
      <c r="F77">
        <f>IF($D77="SAND",INDEX('p-y cyclic sand'!$Z$27:$Z$5000,MATCH($B77,'p-y cyclic sand'!$C$27:$C$5000,1)),IF(INDEX('CPT Data'!$S$12:$S$20000,MATCH($B77,'CPT Data'!$B$12:$B$20000,1))&lt;2,INDEX('p-y cyclic clay'!$GY$27:$GY$5000,MATCH($B77,'p-y cyclic clay'!$C$27:$C$5000,1)),INDEX('p-y cyclic clay'!$HY$27:$HY$5000,MATCH($B77,'p-y cyclic clay'!$C$27:$C$5000,1))))</f>
        <v>0</v>
      </c>
      <c r="G77">
        <f>IF($D77="SAND",INDEX('p-y cyclic sand'!$AN$27:$AN$5000,MATCH($B77,'p-y cyclic sand'!$C$27:$C$5000,1)),IF(INDEX('CPT Data'!$S$12:$S$20000,MATCH($B77,'CPT Data'!$B$12:$B$20000,1))&lt;2,INDEX('p-y cyclic clay'!$GM$27:$GM$5000,MATCH($B77,'p-y cyclic clay'!$C$27:$C$5000,1)),INDEX('p-y cyclic clay'!$HM$27:$HM$5000,MATCH($B77,'p-y cyclic clay'!$C$27:$C$5000,1))))</f>
        <v>12774.883138438987</v>
      </c>
      <c r="H77">
        <f>IF($D77="SAND",INDEX('p-y cyclic sand'!$AA$27:$AA$5000,MATCH($B77,'p-y cyclic sand'!$C$27:$C$5000,1)),IF(INDEX('CPT Data'!$S$12:$S$20000,MATCH($B77,'CPT Data'!$B$12:$B$20000,1))&lt;2,INDEX('p-y cyclic clay'!$GZ$27:$GZ$5000,MATCH($B77,'p-y cyclic clay'!$C$27:$C$5000,1)),INDEX('p-y cyclic clay'!$HZ$27:$HZ$5000,MATCH($B77,'p-y cyclic clay'!$C$27:$C$5000,1))))</f>
        <v>10</v>
      </c>
      <c r="I77">
        <f>IF($D77="SAND",INDEX('p-y cyclic sand'!$AO$27:$AO$5000,MATCH($B77,'p-y cyclic sand'!$C$27:$C$5000,1)),IF(INDEX('CPT Data'!$S$12:$S$20000,MATCH($B77,'CPT Data'!$B$12:$B$20000,1))&lt;2,INDEX('p-y cyclic clay'!$GN$27:$GN$5000,MATCH($B77,'p-y cyclic clay'!$C$27:$C$5000,1)),INDEX('p-y cyclic clay'!$HN$27:$HN$5000,MATCH($B77,'p-y cyclic clay'!$C$27:$C$5000,1))))</f>
        <v>25549.508652042841</v>
      </c>
      <c r="J77">
        <f>IF($D77="SAND",INDEX('p-y cyclic sand'!$AB$27:$AB$5000,MATCH($B77,'p-y cyclic sand'!$C$27:$C$5000,1)),IF(INDEX('CPT Data'!$S$12:$S$20000,MATCH($B77,'CPT Data'!$B$12:$B$20000,1))&lt;2,INDEX('p-y cyclic clay'!$HA$27:$HA$5000,MATCH($B77,'p-y cyclic clay'!$C$27:$C$5000,1)),INDEX('p-y cyclic clay'!$IA$27:$IA$5000,MATCH($B77,'p-y cyclic clay'!$C$27:$C$5000,1))))</f>
        <v>20</v>
      </c>
      <c r="K77">
        <f>IF($D77="SAND",INDEX('p-y cyclic sand'!$AP$27:$AP$5000,MATCH($B77,'p-y cyclic sand'!$C$27:$C$5000,1)),IF(INDEX('CPT Data'!$S$12:$S$20000,MATCH($B77,'CPT Data'!$B$12:$B$20000,1))&lt;2,INDEX('p-y cyclic clay'!$GO$27:$GO$5000,MATCH($B77,'p-y cyclic clay'!$C$27:$C$5000,1)),INDEX('p-y cyclic clay'!$HO$27:$HO$5000,MATCH($B77,'p-y cyclic clay'!$C$27:$C$5000,1))))</f>
        <v>38323.618936757586</v>
      </c>
      <c r="L77">
        <f>IF($D77="SAND",INDEX('p-y cyclic sand'!$AC$27:$AC$5000,MATCH($B77,'p-y cyclic sand'!$C$27:$C$5000,1)),IF(INDEX('CPT Data'!$S$12:$S$20000,MATCH($B77,'CPT Data'!$B$12:$B$20000,1))&lt;2,INDEX('p-y cyclic clay'!$HB$27:$HB$5000,MATCH($B77,'p-y cyclic clay'!$C$27:$C$5000,1)),INDEX('p-y cyclic clay'!$IB$27:$IB$5000,MATCH($B77,'p-y cyclic clay'!$C$27:$C$5000,1))))</f>
        <v>30</v>
      </c>
      <c r="M77">
        <f>IF($D77="SAND",INDEX('p-y cyclic sand'!$AQ$27:$AQ$5000,MATCH($B77,'p-y cyclic sand'!$C$27:$C$5000,1)),IF(INDEX('CPT Data'!$S$12:$S$20000,MATCH($B77,'CPT Data'!$B$12:$B$20000,1))&lt;2,INDEX('p-y cyclic clay'!$GP$27:$GP$5000,MATCH($B77,'p-y cyclic clay'!$C$27:$C$5000,1)),INDEX('p-y cyclic clay'!$HP$27:$HP$5000,MATCH($B77,'p-y cyclic clay'!$C$27:$C$5000,1))))</f>
        <v>51096.956430088008</v>
      </c>
      <c r="N77">
        <f>IF($D77="SAND",INDEX('p-y cyclic sand'!$AD$27:$AD$5000,MATCH($B77,'p-y cyclic sand'!$C$27:$C$5000,1)),IF(INDEX('CPT Data'!$S$12:$S$20000,MATCH($B77,'CPT Data'!$B$12:$B$20000,1))&lt;2,INDEX('p-y cyclic clay'!$HC$27:$HC$5000,MATCH($B77,'p-y cyclic clay'!$C$27:$C$5000,1)),INDEX('p-y cyclic clay'!$IC$27:$IC$5000,MATCH($B77,'p-y cyclic clay'!$C$27:$C$5000,1))))</f>
        <v>40</v>
      </c>
      <c r="O77">
        <f>IF($D77="SAND",INDEX('p-y cyclic sand'!$AR$27:$AR$5000,MATCH($B77,'p-y cyclic sand'!$C$27:$C$5000,1)),IF(INDEX('CPT Data'!$S$12:$S$20000,MATCH($B77,'CPT Data'!$B$12:$B$20000,1))&lt;2,INDEX('p-y cyclic clay'!$GQ$27:$GQ$5000,MATCH($B77,'p-y cyclic clay'!$C$27:$C$5000,1)),INDEX('p-y cyclic clay'!$HQ$27:$HQ$5000,MATCH($B77,'p-y cyclic clay'!$C$27:$C$5000,1))))</f>
        <v>63869.263631868118</v>
      </c>
      <c r="P77">
        <f>IF($D77="SAND",INDEX('p-y cyclic sand'!$AE$27:$AE$5000,MATCH($B77,'p-y cyclic sand'!$C$27:$C$5000,1)),IF(INDEX('CPT Data'!$S$12:$S$20000,MATCH($B77,'CPT Data'!$B$12:$B$20000,1))&lt;2,INDEX('p-y cyclic clay'!$HD$27:$HD$5000,MATCH($B77,'p-y cyclic clay'!$C$27:$C$5000,1)),INDEX('p-y cyclic clay'!$ID$27:$ID$5000,MATCH($B77,'p-y cyclic clay'!$C$27:$C$5000,1))))</f>
        <v>50</v>
      </c>
      <c r="Q77">
        <f>IF($D77="SAND",INDEX('p-y cyclic sand'!$AS$27:$AS$5000,MATCH($B77,'p-y cyclic sand'!$C$27:$C$5000,1)),IF(INDEX('CPT Data'!$S$12:$S$20000,MATCH($B77,'CPT Data'!$B$12:$B$20000,1))&lt;2,INDEX('p-y cyclic clay'!$GR$27:$GR$5000,MATCH($B77,'p-y cyclic clay'!$C$27:$C$5000,1)),INDEX('p-y cyclic clay'!$HR$27:$HR$5000,MATCH($B77,'p-y cyclic clay'!$C$27:$C$5000,1))))</f>
        <v>76640.283125020913</v>
      </c>
      <c r="R77">
        <f>IF($D77="SAND",INDEX('p-y cyclic sand'!$AF$27:$AF$5000,MATCH($B77,'p-y cyclic sand'!$C$27:$C$5000,1)),IF(INDEX('CPT Data'!$S$12:$S$20000,MATCH($B77,'CPT Data'!$B$12:$B$20000,1))&lt;2,INDEX('p-y cyclic clay'!$HE$27:$HE$5000,MATCH($B77,'p-y cyclic clay'!$C$27:$C$5000,1)),INDEX('p-y cyclic clay'!$IE$27:$IE$5000,MATCH($B77,'p-y cyclic clay'!$C$27:$C$5000,1))))</f>
        <v>60</v>
      </c>
      <c r="S77">
        <f>IF($D77="SAND",INDEX('p-y cyclic sand'!$AT$27:$AT$5000,MATCH($B77,'p-y cyclic sand'!$C$27:$C$5000,1)),IF(INDEX('CPT Data'!$S$12:$S$20000,MATCH($B77,'CPT Data'!$B$12:$B$20000,1))&lt;2,INDEX('p-y cyclic clay'!$GS$27:$GS$5000,MATCH($B77,'p-y cyclic clay'!$C$27:$C$5000,1)),INDEX('p-y cyclic clay'!$HS$27:$HS$5000,MATCH($B77,'p-y cyclic clay'!$C$27:$C$5000,1))))</f>
        <v>89409.757596304058</v>
      </c>
      <c r="T77">
        <f>IF($D77="SAND",INDEX('p-y cyclic sand'!$AG$27:$AG$5000,MATCH($B77,'p-y cyclic sand'!$C$27:$C$5000,1)),IF(INDEX('CPT Data'!$S$12:$S$20000,MATCH($B77,'CPT Data'!$B$12:$B$20000,1))&lt;2,INDEX('p-y cyclic clay'!$HF$27:$HF$5000,MATCH($B77,'p-y cyclic clay'!$C$27:$C$5000,1)),INDEX('p-y cyclic clay'!$IF$27:$IF$5000,MATCH($B77,'p-y cyclic clay'!$C$27:$C$5000,1))))</f>
        <v>70</v>
      </c>
      <c r="U77">
        <f>IF($D77="SAND",INDEX('p-y cyclic sand'!$AU$27:$AU$5000,MATCH($B77,'p-y cyclic sand'!$C$27:$C$5000,1)),IF(INDEX('CPT Data'!$S$12:$S$20000,MATCH($B77,'CPT Data'!$B$12:$B$20000,1))&lt;2,INDEX('p-y cyclic clay'!$GT$27:$GT$5000,MATCH($B77,'p-y cyclic clay'!$C$27:$C$5000,1)),INDEX('p-y cyclic clay'!$HT$27:$HT$5000,MATCH($B77,'p-y cyclic clay'!$C$27:$C$5000,1))))</f>
        <v>102177.42985703742</v>
      </c>
      <c r="V77">
        <f>IF($D77="SAND",INDEX('p-y cyclic sand'!$AH$27:$AH$5000,MATCH($B77,'p-y cyclic sand'!$C$27:$C$5000,1)),IF(INDEX('CPT Data'!$S$12:$S$20000,MATCH($B77,'CPT Data'!$B$12:$B$20000,1))&lt;2,INDEX('p-y cyclic clay'!$HG$27:$HG$5000,MATCH($B77,'p-y cyclic clay'!$C$27:$C$5000,1)),INDEX('p-y cyclic clay'!$IG$27:$IG$5000,MATCH($B77,'p-y cyclic clay'!$C$27:$C$5000,1))))</f>
        <v>80</v>
      </c>
      <c r="W77">
        <f>IF($D77="SAND",INDEX('p-y cyclic sand'!$AV$27:$AV$5000,MATCH($B77,'p-y cyclic sand'!$C$27:$C$5000,1)),IF(INDEX('CPT Data'!$S$12:$S$20000,MATCH($B77,'CPT Data'!$B$12:$B$20000,1))&lt;2,INDEX('p-y cyclic clay'!$GU$27:$GU$5000,MATCH($B77,'p-y cyclic clay'!$C$27:$C$5000,1)),INDEX('p-y cyclic clay'!$HU$27:$HU$5000,MATCH($B77,'p-y cyclic clay'!$C$27:$C$5000,1))))</f>
        <v>114943.04286380971</v>
      </c>
      <c r="X77">
        <f>IF($D77="SAND",INDEX('p-y cyclic sand'!$AI$27:$AI$5000,MATCH($B77,'p-y cyclic sand'!$C$27:$C$5000,1)),IF(INDEX('CPT Data'!$S$12:$S$20000,MATCH($B77,'CPT Data'!$B$12:$B$20000,1))&lt;2,INDEX('p-y cyclic clay'!$HH$27:$HH$5000,MATCH($B77,'p-y cyclic clay'!$C$27:$C$5000,1)),INDEX('p-y cyclic clay'!$IH$27:$IH$5000,MATCH($B77,'p-y cyclic clay'!$C$27:$C$5000,1))))</f>
        <v>90</v>
      </c>
      <c r="Y77">
        <f>IF($D77="SAND",INDEX('p-y cyclic sand'!$AW$27:$AW$5000,MATCH($B77,'p-y cyclic sand'!$C$27:$C$5000,1)),IF(INDEX('CPT Data'!$S$12:$S$20000,MATCH($B77,'CPT Data'!$B$12:$B$20000,1))&lt;2,INDEX('p-y cyclic clay'!$GV$27:$GV$5000,MATCH($B77,'p-y cyclic clay'!$C$27:$C$5000,1)),INDEX('p-y cyclic clay'!$HV$27:$HV$5000,MATCH($B77,'p-y cyclic clay'!$C$27:$C$5000,1))))</f>
        <v>127706.33973916009</v>
      </c>
      <c r="Z77">
        <f>IF($D77="SAND",INDEX('p-y cyclic sand'!$AJ$27:$AJ$5000,MATCH($B77,'p-y cyclic sand'!$C$27:$C$5000,1)),IF(INDEX('CPT Data'!$S$12:$S$20000,MATCH($B77,'CPT Data'!$B$12:$B$20000,1))&lt;2,INDEX('p-y cyclic clay'!$HI$27:$HI$5000,MATCH($B77,'p-y cyclic clay'!$C$27:$C$5000,1)),INDEX('p-y cyclic clay'!$II$27:$II$5000,MATCH($B77,'p-y cyclic clay'!$C$27:$C$5000,1))))</f>
        <v>100</v>
      </c>
      <c r="AA77">
        <f>IF($D77="SAND",INDEX('p-y cyclic sand'!$AX$27:$AX$5000,MATCH($B77,'p-y cyclic sand'!$C$27:$C$5000,1)),IF(INDEX('CPT Data'!$S$12:$S$20000,MATCH($B77,'CPT Data'!$B$12:$B$20000,1))&lt;2,INDEX('p-y cyclic clay'!$GW$27:$GW$5000,MATCH($B77,'p-y cyclic clay'!$C$27:$C$5000,1)),INDEX('p-y cyclic clay'!$HW$27:$HW$5000,MATCH($B77,'p-y cyclic clay'!$C$27:$C$5000,1))))</f>
        <v>140467.06379223079</v>
      </c>
      <c r="AB77">
        <f>IF($D77="SAND",INDEX('p-y cyclic sand'!$AK$27:$AK$5000,MATCH($B77,'p-y cyclic sand'!$C$27:$C$5000,1)),IF(INDEX('CPT Data'!$S$12:$S$20000,MATCH($B77,'CPT Data'!$B$12:$B$20000,1))&lt;2,INDEX('p-y cyclic clay'!$HJ$27:$HJ$5000,MATCH($B77,'p-y cyclic clay'!$C$27:$C$5000,1)),INDEX('p-y cyclic clay'!$IJ$27:$IJ$5000,MATCH($B77,'p-y cyclic clay'!$C$27:$C$5000,1))))</f>
        <v>110</v>
      </c>
      <c r="AC77">
        <f>IF($D77="SAND",INDEX('p-y cyclic sand'!$AY$27:$AY$5000,MATCH($B77,'p-y cyclic sand'!$C$27:$C$5000,1)),IF(INDEX('CPT Data'!$S$12:$S$20000,MATCH($B77,'CPT Data'!$B$12:$B$20000,1))&lt;2,INDEX('p-y cyclic clay'!$GX$27:$GX$5000,MATCH($B77,'p-y cyclic clay'!$C$27:$C$5000,1)),INDEX('p-y cyclic clay'!$HX$27:$HX$5000,MATCH($B77,'p-y cyclic clay'!$C$27:$C$5000,1))))</f>
        <v>153224.95853938919</v>
      </c>
      <c r="AD77" s="98">
        <f>IF($D77="SAND",INDEX('p-y cyclic sand'!$AL$27:$AL$5000,MATCH($B77,'p-y cyclic sand'!$C$27:$C$5000,1)),IF(INDEX('CPT Data'!$S$12:$S$20000,MATCH($B77,'CPT Data'!$B$12:$B$20000,1))&lt;2,INDEX('p-y cyclic clay'!$HK$27:$HK$5000,MATCH($B77,'p-y cyclic clay'!$C$27:$C$5000,1)),INDEX('p-y cyclic clay'!$IK$27:$IK$5000,MATCH($B77,'p-y cyclic clay'!$C$27:$C$5000,1))))</f>
        <v>120</v>
      </c>
    </row>
    <row r="78" spans="1:30" x14ac:dyDescent="0.2">
      <c r="A78" s="214">
        <f t="shared" si="1"/>
        <v>-88.5</v>
      </c>
      <c r="B78" s="216">
        <f>'p-y cyclic clay'!C99</f>
        <v>73</v>
      </c>
      <c r="C78">
        <f>INDEX('CPT Data'!$C$13:$C$20000,MATCH(B78,'CPT Data'!$B$13:$B$20000,1))</f>
        <v>72.98899999999999</v>
      </c>
      <c r="D78" s="216" t="str">
        <f>INDEX('CPT Data'!$P$13:$P$20000,MATCH(B78,'CPT Data'!$B$13:$B$20000,1))</f>
        <v>SAND</v>
      </c>
      <c r="E78">
        <f>IF($D78="SAND",INDEX('p-y cyclic sand'!$AM$27:$AM$5000,MATCH($B78,'p-y cyclic sand'!$C$27:$C$5000,1)),IF(INDEX('CPT Data'!$S$12:$S$20000,MATCH($B78,'CPT Data'!$B$12:$B$20000,1))&lt;2,INDEX('p-y cyclic clay'!$GL$27:$GL$5000,MATCH($B78,'p-y cyclic clay'!$C$27:$C$5000,1)),INDEX('p-y cyclic clay'!$HL$27:$HL$5000,MATCH($B78,'p-y cyclic clay'!$C$27:$C$5000,1))))</f>
        <v>0</v>
      </c>
      <c r="F78">
        <f>IF($D78="SAND",INDEX('p-y cyclic sand'!$Z$27:$Z$5000,MATCH($B78,'p-y cyclic sand'!$C$27:$C$5000,1)),IF(INDEX('CPT Data'!$S$12:$S$20000,MATCH($B78,'CPT Data'!$B$12:$B$20000,1))&lt;2,INDEX('p-y cyclic clay'!$GY$27:$GY$5000,MATCH($B78,'p-y cyclic clay'!$C$27:$C$5000,1)),INDEX('p-y cyclic clay'!$HY$27:$HY$5000,MATCH($B78,'p-y cyclic clay'!$C$27:$C$5000,1))))</f>
        <v>0</v>
      </c>
      <c r="G78">
        <f>IF($D78="SAND",INDEX('p-y cyclic sand'!$AN$27:$AN$5000,MATCH($B78,'p-y cyclic sand'!$C$27:$C$5000,1)),IF(INDEX('CPT Data'!$S$12:$S$20000,MATCH($B78,'CPT Data'!$B$12:$B$20000,1))&lt;2,INDEX('p-y cyclic clay'!$GM$27:$GM$5000,MATCH($B78,'p-y cyclic clay'!$C$27:$C$5000,1)),INDEX('p-y cyclic clay'!$HM$27:$HM$5000,MATCH($B78,'p-y cyclic clay'!$C$27:$C$5000,1))))</f>
        <v>14182.943436645035</v>
      </c>
      <c r="H78">
        <f>IF($D78="SAND",INDEX('p-y cyclic sand'!$AA$27:$AA$5000,MATCH($B78,'p-y cyclic sand'!$C$27:$C$5000,1)),IF(INDEX('CPT Data'!$S$12:$S$20000,MATCH($B78,'CPT Data'!$B$12:$B$20000,1))&lt;2,INDEX('p-y cyclic clay'!$GZ$27:$GZ$5000,MATCH($B78,'p-y cyclic clay'!$C$27:$C$5000,1)),INDEX('p-y cyclic clay'!$HZ$27:$HZ$5000,MATCH($B78,'p-y cyclic clay'!$C$27:$C$5000,1))))</f>
        <v>10</v>
      </c>
      <c r="I78">
        <f>IF($D78="SAND",INDEX('p-y cyclic sand'!$AO$27:$AO$5000,MATCH($B78,'p-y cyclic sand'!$C$27:$C$5000,1)),IF(INDEX('CPT Data'!$S$12:$S$20000,MATCH($B78,'CPT Data'!$B$12:$B$20000,1))&lt;2,INDEX('p-y cyclic clay'!$GN$27:$GN$5000,MATCH($B78,'p-y cyclic clay'!$C$27:$C$5000,1)),INDEX('p-y cyclic clay'!$HN$27:$HN$5000,MATCH($B78,'p-y cyclic clay'!$C$27:$C$5000,1))))</f>
        <v>28365.649838718593</v>
      </c>
      <c r="J78">
        <f>IF($D78="SAND",INDEX('p-y cyclic sand'!$AB$27:$AB$5000,MATCH($B78,'p-y cyclic sand'!$C$27:$C$5000,1)),IF(INDEX('CPT Data'!$S$12:$S$20000,MATCH($B78,'CPT Data'!$B$12:$B$20000,1))&lt;2,INDEX('p-y cyclic clay'!$HA$27:$HA$5000,MATCH($B78,'p-y cyclic clay'!$C$27:$C$5000,1)),INDEX('p-y cyclic clay'!$IA$27:$IA$5000,MATCH($B78,'p-y cyclic clay'!$C$27:$C$5000,1))))</f>
        <v>20</v>
      </c>
      <c r="K78">
        <f>IF($D78="SAND",INDEX('p-y cyclic sand'!$AP$27:$AP$5000,MATCH($B78,'p-y cyclic sand'!$C$27:$C$5000,1)),IF(INDEX('CPT Data'!$S$12:$S$20000,MATCH($B78,'CPT Data'!$B$12:$B$20000,1))&lt;2,INDEX('p-y cyclic clay'!$GO$27:$GO$5000,MATCH($B78,'p-y cyclic clay'!$C$27:$C$5000,1)),INDEX('p-y cyclic clay'!$HO$27:$HO$5000,MATCH($B78,'p-y cyclic clay'!$C$27:$C$5000,1))))</f>
        <v>42547.882187494819</v>
      </c>
      <c r="L78">
        <f>IF($D78="SAND",INDEX('p-y cyclic sand'!$AC$27:$AC$5000,MATCH($B78,'p-y cyclic sand'!$C$27:$C$5000,1)),IF(INDEX('CPT Data'!$S$12:$S$20000,MATCH($B78,'CPT Data'!$B$12:$B$20000,1))&lt;2,INDEX('p-y cyclic clay'!$HB$27:$HB$5000,MATCH($B78,'p-y cyclic clay'!$C$27:$C$5000,1)),INDEX('p-y cyclic clay'!$IB$27:$IB$5000,MATCH($B78,'p-y cyclic clay'!$C$27:$C$5000,1))))</f>
        <v>30</v>
      </c>
      <c r="M78">
        <f>IF($D78="SAND",INDEX('p-y cyclic sand'!$AQ$27:$AQ$5000,MATCH($B78,'p-y cyclic sand'!$C$27:$C$5000,1)),IF(INDEX('CPT Data'!$S$12:$S$20000,MATCH($B78,'CPT Data'!$B$12:$B$20000,1))&lt;2,INDEX('p-y cyclic clay'!$GP$27:$GP$5000,MATCH($B78,'p-y cyclic clay'!$C$27:$C$5000,1)),INDEX('p-y cyclic clay'!$HP$27:$HP$5000,MATCH($B78,'p-y cyclic clay'!$C$27:$C$5000,1))))</f>
        <v>56729.403495936931</v>
      </c>
      <c r="N78">
        <f>IF($D78="SAND",INDEX('p-y cyclic sand'!$AD$27:$AD$5000,MATCH($B78,'p-y cyclic sand'!$C$27:$C$5000,1)),IF(INDEX('CPT Data'!$S$12:$S$20000,MATCH($B78,'CPT Data'!$B$12:$B$20000,1))&lt;2,INDEX('p-y cyclic clay'!$HC$27:$HC$5000,MATCH($B78,'p-y cyclic clay'!$C$27:$C$5000,1)),INDEX('p-y cyclic clay'!$IC$27:$IC$5000,MATCH($B78,'p-y cyclic clay'!$C$27:$C$5000,1))))</f>
        <v>40</v>
      </c>
      <c r="O78">
        <f>IF($D78="SAND",INDEX('p-y cyclic sand'!$AR$27:$AR$5000,MATCH($B78,'p-y cyclic sand'!$C$27:$C$5000,1)),IF(INDEX('CPT Data'!$S$12:$S$20000,MATCH($B78,'CPT Data'!$B$12:$B$20000,1))&lt;2,INDEX('p-y cyclic clay'!$GQ$27:$GQ$5000,MATCH($B78,'p-y cyclic clay'!$C$27:$C$5000,1)),INDEX('p-y cyclic clay'!$HQ$27:$HQ$5000,MATCH($B78,'p-y cyclic clay'!$C$27:$C$5000,1))))</f>
        <v>70909.976824536003</v>
      </c>
      <c r="P78">
        <f>IF($D78="SAND",INDEX('p-y cyclic sand'!$AE$27:$AE$5000,MATCH($B78,'p-y cyclic sand'!$C$27:$C$5000,1)),IF(INDEX('CPT Data'!$S$12:$S$20000,MATCH($B78,'CPT Data'!$B$12:$B$20000,1))&lt;2,INDEX('p-y cyclic clay'!$HD$27:$HD$5000,MATCH($B78,'p-y cyclic clay'!$C$27:$C$5000,1)),INDEX('p-y cyclic clay'!$ID$27:$ID$5000,MATCH($B78,'p-y cyclic clay'!$C$27:$C$5000,1))))</f>
        <v>50</v>
      </c>
      <c r="Q78">
        <f>IF($D78="SAND",INDEX('p-y cyclic sand'!$AS$27:$AS$5000,MATCH($B78,'p-y cyclic sand'!$C$27:$C$5000,1)),IF(INDEX('CPT Data'!$S$12:$S$20000,MATCH($B78,'CPT Data'!$B$12:$B$20000,1))&lt;2,INDEX('p-y cyclic clay'!$GR$27:$GR$5000,MATCH($B78,'p-y cyclic clay'!$C$27:$C$5000,1)),INDEX('p-y cyclic clay'!$HR$27:$HR$5000,MATCH($B78,'p-y cyclic clay'!$C$27:$C$5000,1))))</f>
        <v>85089.365297143158</v>
      </c>
      <c r="R78">
        <f>IF($D78="SAND",INDEX('p-y cyclic sand'!$AF$27:$AF$5000,MATCH($B78,'p-y cyclic sand'!$C$27:$C$5000,1)),IF(INDEX('CPT Data'!$S$12:$S$20000,MATCH($B78,'CPT Data'!$B$12:$B$20000,1))&lt;2,INDEX('p-y cyclic clay'!$HE$27:$HE$5000,MATCH($B78,'p-y cyclic clay'!$C$27:$C$5000,1)),INDEX('p-y cyclic clay'!$IE$27:$IE$5000,MATCH($B78,'p-y cyclic clay'!$C$27:$C$5000,1))))</f>
        <v>60</v>
      </c>
      <c r="S78">
        <f>IF($D78="SAND",INDEX('p-y cyclic sand'!$AT$27:$AT$5000,MATCH($B78,'p-y cyclic sand'!$C$27:$C$5000,1)),IF(INDEX('CPT Data'!$S$12:$S$20000,MATCH($B78,'CPT Data'!$B$12:$B$20000,1))&lt;2,INDEX('p-y cyclic clay'!$GS$27:$GS$5000,MATCH($B78,'p-y cyclic clay'!$C$27:$C$5000,1)),INDEX('p-y cyclic clay'!$HS$27:$HS$5000,MATCH($B78,'p-y cyclic clay'!$C$27:$C$5000,1))))</f>
        <v>99267.332116792793</v>
      </c>
      <c r="T78">
        <f>IF($D78="SAND",INDEX('p-y cyclic sand'!$AG$27:$AG$5000,MATCH($B78,'p-y cyclic sand'!$C$27:$C$5000,1)),IF(INDEX('CPT Data'!$S$12:$S$20000,MATCH($B78,'CPT Data'!$B$12:$B$20000,1))&lt;2,INDEX('p-y cyclic clay'!$HF$27:$HF$5000,MATCH($B78,'p-y cyclic clay'!$C$27:$C$5000,1)),INDEX('p-y cyclic clay'!$IF$27:$IF$5000,MATCH($B78,'p-y cyclic clay'!$C$27:$C$5000,1))))</f>
        <v>70</v>
      </c>
      <c r="U78">
        <f>IF($D78="SAND",INDEX('p-y cyclic sand'!$AU$27:$AU$5000,MATCH($B78,'p-y cyclic sand'!$C$27:$C$5000,1)),IF(INDEX('CPT Data'!$S$12:$S$20000,MATCH($B78,'CPT Data'!$B$12:$B$20000,1))&lt;2,INDEX('p-y cyclic clay'!$GT$27:$GT$5000,MATCH($B78,'p-y cyclic clay'!$C$27:$C$5000,1)),INDEX('p-y cyclic clay'!$HT$27:$HT$5000,MATCH($B78,'p-y cyclic clay'!$C$27:$C$5000,1))))</f>
        <v>113443.64058151426</v>
      </c>
      <c r="V78">
        <f>IF($D78="SAND",INDEX('p-y cyclic sand'!$AH$27:$AH$5000,MATCH($B78,'p-y cyclic sand'!$C$27:$C$5000,1)),IF(INDEX('CPT Data'!$S$12:$S$20000,MATCH($B78,'CPT Data'!$B$12:$B$20000,1))&lt;2,INDEX('p-y cyclic clay'!$HG$27:$HG$5000,MATCH($B78,'p-y cyclic clay'!$C$27:$C$5000,1)),INDEX('p-y cyclic clay'!$IG$27:$IG$5000,MATCH($B78,'p-y cyclic clay'!$C$27:$C$5000,1))))</f>
        <v>80</v>
      </c>
      <c r="W78">
        <f>IF($D78="SAND",INDEX('p-y cyclic sand'!$AV$27:$AV$5000,MATCH($B78,'p-y cyclic sand'!$C$27:$C$5000,1)),IF(INDEX('CPT Data'!$S$12:$S$20000,MATCH($B78,'CPT Data'!$B$12:$B$20000,1))&lt;2,INDEX('p-y cyclic clay'!$GU$27:$GU$5000,MATCH($B78,'p-y cyclic clay'!$C$27:$C$5000,1)),INDEX('p-y cyclic clay'!$HU$27:$HU$5000,MATCH($B78,'p-y cyclic clay'!$C$27:$C$5000,1))))</f>
        <v>127618.05410013052</v>
      </c>
      <c r="X78">
        <f>IF($D78="SAND",INDEX('p-y cyclic sand'!$AI$27:$AI$5000,MATCH($B78,'p-y cyclic sand'!$C$27:$C$5000,1)),IF(INDEX('CPT Data'!$S$12:$S$20000,MATCH($B78,'CPT Data'!$B$12:$B$20000,1))&lt;2,INDEX('p-y cyclic clay'!$HH$27:$HH$5000,MATCH($B78,'p-y cyclic clay'!$C$27:$C$5000,1)),INDEX('p-y cyclic clay'!$IH$27:$IH$5000,MATCH($B78,'p-y cyclic clay'!$C$27:$C$5000,1))))</f>
        <v>90</v>
      </c>
      <c r="Y78">
        <f>IF($D78="SAND",INDEX('p-y cyclic sand'!$AW$27:$AW$5000,MATCH($B78,'p-y cyclic sand'!$C$27:$C$5000,1)),IF(INDEX('CPT Data'!$S$12:$S$20000,MATCH($B78,'CPT Data'!$B$12:$B$20000,1))&lt;2,INDEX('p-y cyclic clay'!$GV$27:$GV$5000,MATCH($B78,'p-y cyclic clay'!$C$27:$C$5000,1)),INDEX('p-y cyclic clay'!$HV$27:$HV$5000,MATCH($B78,'p-y cyclic clay'!$C$27:$C$5000,1))))</f>
        <v>141790.33620804059</v>
      </c>
      <c r="Z78">
        <f>IF($D78="SAND",INDEX('p-y cyclic sand'!$AJ$27:$AJ$5000,MATCH($B78,'p-y cyclic sand'!$C$27:$C$5000,1)),IF(INDEX('CPT Data'!$S$12:$S$20000,MATCH($B78,'CPT Data'!$B$12:$B$20000,1))&lt;2,INDEX('p-y cyclic clay'!$HI$27:$HI$5000,MATCH($B78,'p-y cyclic clay'!$C$27:$C$5000,1)),INDEX('p-y cyclic clay'!$II$27:$II$5000,MATCH($B78,'p-y cyclic clay'!$C$27:$C$5000,1))))</f>
        <v>100</v>
      </c>
      <c r="AA78">
        <f>IF($D78="SAND",INDEX('p-y cyclic sand'!$AX$27:$AX$5000,MATCH($B78,'p-y cyclic sand'!$C$27:$C$5000,1)),IF(INDEX('CPT Data'!$S$12:$S$20000,MATCH($B78,'CPT Data'!$B$12:$B$20000,1))&lt;2,INDEX('p-y cyclic clay'!$GW$27:$GW$5000,MATCH($B78,'p-y cyclic clay'!$C$27:$C$5000,1)),INDEX('p-y cyclic clay'!$HW$27:$HW$5000,MATCH($B78,'p-y cyclic clay'!$C$27:$C$5000,1))))</f>
        <v>155960.25058298444</v>
      </c>
      <c r="AB78">
        <f>IF($D78="SAND",INDEX('p-y cyclic sand'!$AK$27:$AK$5000,MATCH($B78,'p-y cyclic sand'!$C$27:$C$5000,1)),IF(INDEX('CPT Data'!$S$12:$S$20000,MATCH($B78,'CPT Data'!$B$12:$B$20000,1))&lt;2,INDEX('p-y cyclic clay'!$HJ$27:$HJ$5000,MATCH($B78,'p-y cyclic clay'!$C$27:$C$5000,1)),INDEX('p-y cyclic clay'!$IJ$27:$IJ$5000,MATCH($B78,'p-y cyclic clay'!$C$27:$C$5000,1))))</f>
        <v>110</v>
      </c>
      <c r="AC78">
        <f>IF($D78="SAND",INDEX('p-y cyclic sand'!$AY$27:$AY$5000,MATCH($B78,'p-y cyclic sand'!$C$27:$C$5000,1)),IF(INDEX('CPT Data'!$S$12:$S$20000,MATCH($B78,'CPT Data'!$B$12:$B$20000,1))&lt;2,INDEX('p-y cyclic clay'!$GX$27:$GX$5000,MATCH($B78,'p-y cyclic clay'!$C$27:$C$5000,1)),INDEX('p-y cyclic clay'!$HX$27:$HX$5000,MATCH($B78,'p-y cyclic clay'!$C$27:$C$5000,1))))</f>
        <v>170127.56106078756</v>
      </c>
      <c r="AD78" s="98">
        <f>IF($D78="SAND",INDEX('p-y cyclic sand'!$AL$27:$AL$5000,MATCH($B78,'p-y cyclic sand'!$C$27:$C$5000,1)),IF(INDEX('CPT Data'!$S$12:$S$20000,MATCH($B78,'CPT Data'!$B$12:$B$20000,1))&lt;2,INDEX('p-y cyclic clay'!$HK$27:$HK$5000,MATCH($B78,'p-y cyclic clay'!$C$27:$C$5000,1)),INDEX('p-y cyclic clay'!$IK$27:$IK$5000,MATCH($B78,'p-y cyclic clay'!$C$27:$C$5000,1))))</f>
        <v>120</v>
      </c>
    </row>
    <row r="79" spans="1:30" x14ac:dyDescent="0.2">
      <c r="A79" s="214">
        <f t="shared" si="1"/>
        <v>-89.5</v>
      </c>
      <c r="B79" s="216">
        <f>'p-y cyclic clay'!C100</f>
        <v>74</v>
      </c>
      <c r="C79">
        <f>INDEX('CPT Data'!$C$13:$C$20000,MATCH(B79,'CPT Data'!$B$13:$B$20000,1))</f>
        <v>73.992999999999995</v>
      </c>
      <c r="D79" s="216" t="str">
        <f>INDEX('CPT Data'!$P$13:$P$20000,MATCH(B79,'CPT Data'!$B$13:$B$20000,1))</f>
        <v>SAND</v>
      </c>
      <c r="E79">
        <f>IF($D79="SAND",INDEX('p-y cyclic sand'!$AM$27:$AM$5000,MATCH($B79,'p-y cyclic sand'!$C$27:$C$5000,1)),IF(INDEX('CPT Data'!$S$12:$S$20000,MATCH($B79,'CPT Data'!$B$12:$B$20000,1))&lt;2,INDEX('p-y cyclic clay'!$GL$27:$GL$5000,MATCH($B79,'p-y cyclic clay'!$C$27:$C$5000,1)),INDEX('p-y cyclic clay'!$HL$27:$HL$5000,MATCH($B79,'p-y cyclic clay'!$C$27:$C$5000,1))))</f>
        <v>0</v>
      </c>
      <c r="F79">
        <f>IF($D79="SAND",INDEX('p-y cyclic sand'!$Z$27:$Z$5000,MATCH($B79,'p-y cyclic sand'!$C$27:$C$5000,1)),IF(INDEX('CPT Data'!$S$12:$S$20000,MATCH($B79,'CPT Data'!$B$12:$B$20000,1))&lt;2,INDEX('p-y cyclic clay'!$GY$27:$GY$5000,MATCH($B79,'p-y cyclic clay'!$C$27:$C$5000,1)),INDEX('p-y cyclic clay'!$HY$27:$HY$5000,MATCH($B79,'p-y cyclic clay'!$C$27:$C$5000,1))))</f>
        <v>0</v>
      </c>
      <c r="G79">
        <f>IF($D79="SAND",INDEX('p-y cyclic sand'!$AN$27:$AN$5000,MATCH($B79,'p-y cyclic sand'!$C$27:$C$5000,1)),IF(INDEX('CPT Data'!$S$12:$S$20000,MATCH($B79,'CPT Data'!$B$12:$B$20000,1))&lt;2,INDEX('p-y cyclic clay'!$GM$27:$GM$5000,MATCH($B79,'p-y cyclic clay'!$C$27:$C$5000,1)),INDEX('p-y cyclic clay'!$HM$27:$HM$5000,MATCH($B79,'p-y cyclic clay'!$C$27:$C$5000,1))))</f>
        <v>14577.090276021692</v>
      </c>
      <c r="H79">
        <f>IF($D79="SAND",INDEX('p-y cyclic sand'!$AA$27:$AA$5000,MATCH($B79,'p-y cyclic sand'!$C$27:$C$5000,1)),IF(INDEX('CPT Data'!$S$12:$S$20000,MATCH($B79,'CPT Data'!$B$12:$B$20000,1))&lt;2,INDEX('p-y cyclic clay'!$GZ$27:$GZ$5000,MATCH($B79,'p-y cyclic clay'!$C$27:$C$5000,1)),INDEX('p-y cyclic clay'!$HZ$27:$HZ$5000,MATCH($B79,'p-y cyclic clay'!$C$27:$C$5000,1))))</f>
        <v>10</v>
      </c>
      <c r="I79">
        <f>IF($D79="SAND",INDEX('p-y cyclic sand'!$AO$27:$AO$5000,MATCH($B79,'p-y cyclic sand'!$C$27:$C$5000,1)),IF(INDEX('CPT Data'!$S$12:$S$20000,MATCH($B79,'CPT Data'!$B$12:$B$20000,1))&lt;2,INDEX('p-y cyclic clay'!$GN$27:$GN$5000,MATCH($B79,'p-y cyclic clay'!$C$27:$C$5000,1)),INDEX('p-y cyclic clay'!$HN$27:$HN$5000,MATCH($B79,'p-y cyclic clay'!$C$27:$C$5000,1))))</f>
        <v>29154.002488201422</v>
      </c>
      <c r="J79">
        <f>IF($D79="SAND",INDEX('p-y cyclic sand'!$AB$27:$AB$5000,MATCH($B79,'p-y cyclic sand'!$C$27:$C$5000,1)),IF(INDEX('CPT Data'!$S$12:$S$20000,MATCH($B79,'CPT Data'!$B$12:$B$20000,1))&lt;2,INDEX('p-y cyclic clay'!$HA$27:$HA$5000,MATCH($B79,'p-y cyclic clay'!$C$27:$C$5000,1)),INDEX('p-y cyclic clay'!$IA$27:$IA$5000,MATCH($B79,'p-y cyclic clay'!$C$27:$C$5000,1))))</f>
        <v>20</v>
      </c>
      <c r="K79">
        <f>IF($D79="SAND",INDEX('p-y cyclic sand'!$AP$27:$AP$5000,MATCH($B79,'p-y cyclic sand'!$C$27:$C$5000,1)),IF(INDEX('CPT Data'!$S$12:$S$20000,MATCH($B79,'CPT Data'!$B$12:$B$20000,1))&lt;2,INDEX('p-y cyclic clay'!$GO$27:$GO$5000,MATCH($B79,'p-y cyclic clay'!$C$27:$C$5000,1)),INDEX('p-y cyclic clay'!$HO$27:$HO$5000,MATCH($B79,'p-y cyclic clay'!$C$27:$C$5000,1))))</f>
        <v>43730.558581397541</v>
      </c>
      <c r="L79">
        <f>IF($D79="SAND",INDEX('p-y cyclic sand'!$AC$27:$AC$5000,MATCH($B79,'p-y cyclic sand'!$C$27:$C$5000,1)),IF(INDEX('CPT Data'!$S$12:$S$20000,MATCH($B79,'CPT Data'!$B$12:$B$20000,1))&lt;2,INDEX('p-y cyclic clay'!$HB$27:$HB$5000,MATCH($B79,'p-y cyclic clay'!$C$27:$C$5000,1)),INDEX('p-y cyclic clay'!$IB$27:$IB$5000,MATCH($B79,'p-y cyclic clay'!$C$27:$C$5000,1))))</f>
        <v>30</v>
      </c>
      <c r="M79">
        <f>IF($D79="SAND",INDEX('p-y cyclic sand'!$AQ$27:$AQ$5000,MATCH($B79,'p-y cyclic sand'!$C$27:$C$5000,1)),IF(INDEX('CPT Data'!$S$12:$S$20000,MATCH($B79,'CPT Data'!$B$12:$B$20000,1))&lt;2,INDEX('p-y cyclic clay'!$GP$27:$GP$5000,MATCH($B79,'p-y cyclic clay'!$C$27:$C$5000,1)),INDEX('p-y cyclic clay'!$HP$27:$HP$5000,MATCH($B79,'p-y cyclic clay'!$C$27:$C$5000,1))))</f>
        <v>58306.580517868155</v>
      </c>
      <c r="N79">
        <f>IF($D79="SAND",INDEX('p-y cyclic sand'!$AD$27:$AD$5000,MATCH($B79,'p-y cyclic sand'!$C$27:$C$5000,1)),IF(INDEX('CPT Data'!$S$12:$S$20000,MATCH($B79,'CPT Data'!$B$12:$B$20000,1))&lt;2,INDEX('p-y cyclic clay'!$HC$27:$HC$5000,MATCH($B79,'p-y cyclic clay'!$C$27:$C$5000,1)),INDEX('p-y cyclic clay'!$IC$27:$IC$5000,MATCH($B79,'p-y cyclic clay'!$C$27:$C$5000,1))))</f>
        <v>40</v>
      </c>
      <c r="O79">
        <f>IF($D79="SAND",INDEX('p-y cyclic sand'!$AR$27:$AR$5000,MATCH($B79,'p-y cyclic sand'!$C$27:$C$5000,1)),IF(INDEX('CPT Data'!$S$12:$S$20000,MATCH($B79,'CPT Data'!$B$12:$B$20000,1))&lt;2,INDEX('p-y cyclic clay'!$GQ$27:$GQ$5000,MATCH($B79,'p-y cyclic clay'!$C$27:$C$5000,1)),INDEX('p-y cyclic clay'!$HQ$27:$HQ$5000,MATCH($B79,'p-y cyclic clay'!$C$27:$C$5000,1))))</f>
        <v>72881.890285968751</v>
      </c>
      <c r="P79">
        <f>IF($D79="SAND",INDEX('p-y cyclic sand'!$AE$27:$AE$5000,MATCH($B79,'p-y cyclic sand'!$C$27:$C$5000,1)),IF(INDEX('CPT Data'!$S$12:$S$20000,MATCH($B79,'CPT Data'!$B$12:$B$20000,1))&lt;2,INDEX('p-y cyclic clay'!$HD$27:$HD$5000,MATCH($B79,'p-y cyclic clay'!$C$27:$C$5000,1)),INDEX('p-y cyclic clay'!$ID$27:$ID$5000,MATCH($B79,'p-y cyclic clay'!$C$27:$C$5000,1))))</f>
        <v>50</v>
      </c>
      <c r="Q79">
        <f>IF($D79="SAND",INDEX('p-y cyclic sand'!$AS$27:$AS$5000,MATCH($B79,'p-y cyclic sand'!$C$27:$C$5000,1)),IF(INDEX('CPT Data'!$S$12:$S$20000,MATCH($B79,'CPT Data'!$B$12:$B$20000,1))&lt;2,INDEX('p-y cyclic clay'!$GR$27:$GR$5000,MATCH($B79,'p-y cyclic clay'!$C$27:$C$5000,1)),INDEX('p-y cyclic clay'!$HR$27:$HR$5000,MATCH($B79,'p-y cyclic clay'!$C$27:$C$5000,1))))</f>
        <v>87456.309908846975</v>
      </c>
      <c r="R79">
        <f>IF($D79="SAND",INDEX('p-y cyclic sand'!$AF$27:$AF$5000,MATCH($B79,'p-y cyclic sand'!$C$27:$C$5000,1)),IF(INDEX('CPT Data'!$S$12:$S$20000,MATCH($B79,'CPT Data'!$B$12:$B$20000,1))&lt;2,INDEX('p-y cyclic clay'!$HE$27:$HE$5000,MATCH($B79,'p-y cyclic clay'!$C$27:$C$5000,1)),INDEX('p-y cyclic clay'!$IE$27:$IE$5000,MATCH($B79,'p-y cyclic clay'!$C$27:$C$5000,1))))</f>
        <v>60</v>
      </c>
      <c r="S79">
        <f>IF($D79="SAND",INDEX('p-y cyclic sand'!$AT$27:$AT$5000,MATCH($B79,'p-y cyclic sand'!$C$27:$C$5000,1)),IF(INDEX('CPT Data'!$S$12:$S$20000,MATCH($B79,'CPT Data'!$B$12:$B$20000,1))&lt;2,INDEX('p-y cyclic clay'!$GS$27:$GS$5000,MATCH($B79,'p-y cyclic clay'!$C$27:$C$5000,1)),INDEX('p-y cyclic clay'!$HS$27:$HS$5000,MATCH($B79,'p-y cyclic clay'!$C$27:$C$5000,1))))</f>
        <v>102029.66145313413</v>
      </c>
      <c r="T79">
        <f>IF($D79="SAND",INDEX('p-y cyclic sand'!$AG$27:$AG$5000,MATCH($B79,'p-y cyclic sand'!$C$27:$C$5000,1)),IF(INDEX('CPT Data'!$S$12:$S$20000,MATCH($B79,'CPT Data'!$B$12:$B$20000,1))&lt;2,INDEX('p-y cyclic clay'!$HF$27:$HF$5000,MATCH($B79,'p-y cyclic clay'!$C$27:$C$5000,1)),INDEX('p-y cyclic clay'!$IF$27:$IF$5000,MATCH($B79,'p-y cyclic clay'!$C$27:$C$5000,1))))</f>
        <v>70</v>
      </c>
      <c r="U79">
        <f>IF($D79="SAND",INDEX('p-y cyclic sand'!$AU$27:$AU$5000,MATCH($B79,'p-y cyclic sand'!$C$27:$C$5000,1)),IF(INDEX('CPT Data'!$S$12:$S$20000,MATCH($B79,'CPT Data'!$B$12:$B$20000,1))&lt;2,INDEX('p-y cyclic clay'!$GT$27:$GT$5000,MATCH($B79,'p-y cyclic clay'!$C$27:$C$5000,1)),INDEX('p-y cyclic clay'!$HT$27:$HT$5000,MATCH($B79,'p-y cyclic clay'!$C$27:$C$5000,1))))</f>
        <v>116601.76703763175</v>
      </c>
      <c r="V79">
        <f>IF($D79="SAND",INDEX('p-y cyclic sand'!$AH$27:$AH$5000,MATCH($B79,'p-y cyclic sand'!$C$27:$C$5000,1)),IF(INDEX('CPT Data'!$S$12:$S$20000,MATCH($B79,'CPT Data'!$B$12:$B$20000,1))&lt;2,INDEX('p-y cyclic clay'!$HG$27:$HG$5000,MATCH($B79,'p-y cyclic clay'!$C$27:$C$5000,1)),INDEX('p-y cyclic clay'!$IG$27:$IG$5000,MATCH($B79,'p-y cyclic clay'!$C$27:$C$5000,1))))</f>
        <v>80</v>
      </c>
      <c r="W79">
        <f>IF($D79="SAND",INDEX('p-y cyclic sand'!$AV$27:$AV$5000,MATCH($B79,'p-y cyclic sand'!$C$27:$C$5000,1)),IF(INDEX('CPT Data'!$S$12:$S$20000,MATCH($B79,'CPT Data'!$B$12:$B$20000,1))&lt;2,INDEX('p-y cyclic clay'!$GU$27:$GU$5000,MATCH($B79,'p-y cyclic clay'!$C$27:$C$5000,1)),INDEX('p-y cyclic clay'!$HU$27:$HU$5000,MATCH($B79,'p-y cyclic clay'!$C$27:$C$5000,1))))</f>
        <v>131172.44884199314</v>
      </c>
      <c r="X79">
        <f>IF($D79="SAND",INDEX('p-y cyclic sand'!$AI$27:$AI$5000,MATCH($B79,'p-y cyclic sand'!$C$27:$C$5000,1)),IF(INDEX('CPT Data'!$S$12:$S$20000,MATCH($B79,'CPT Data'!$B$12:$B$20000,1))&lt;2,INDEX('p-y cyclic clay'!$HH$27:$HH$5000,MATCH($B79,'p-y cyclic clay'!$C$27:$C$5000,1)),INDEX('p-y cyclic clay'!$IH$27:$IH$5000,MATCH($B79,'p-y cyclic clay'!$C$27:$C$5000,1))))</f>
        <v>90</v>
      </c>
      <c r="Y79">
        <f>IF($D79="SAND",INDEX('p-y cyclic sand'!$AW$27:$AW$5000,MATCH($B79,'p-y cyclic sand'!$C$27:$C$5000,1)),IF(INDEX('CPT Data'!$S$12:$S$20000,MATCH($B79,'CPT Data'!$B$12:$B$20000,1))&lt;2,INDEX('p-y cyclic clay'!$GV$27:$GV$5000,MATCH($B79,'p-y cyclic clay'!$C$27:$C$5000,1)),INDEX('p-y cyclic clay'!$HV$27:$HV$5000,MATCH($B79,'p-y cyclic clay'!$C$27:$C$5000,1))))</f>
        <v>145741.52911539833</v>
      </c>
      <c r="Z79">
        <f>IF($D79="SAND",INDEX('p-y cyclic sand'!$AJ$27:$AJ$5000,MATCH($B79,'p-y cyclic sand'!$C$27:$C$5000,1)),IF(INDEX('CPT Data'!$S$12:$S$20000,MATCH($B79,'CPT Data'!$B$12:$B$20000,1))&lt;2,INDEX('p-y cyclic clay'!$HI$27:$HI$5000,MATCH($B79,'p-y cyclic clay'!$C$27:$C$5000,1)),INDEX('p-y cyclic clay'!$II$27:$II$5000,MATCH($B79,'p-y cyclic clay'!$C$27:$C$5000,1))))</f>
        <v>100</v>
      </c>
      <c r="AA79">
        <f>IF($D79="SAND",INDEX('p-y cyclic sand'!$AX$27:$AX$5000,MATCH($B79,'p-y cyclic sand'!$C$27:$C$5000,1)),IF(INDEX('CPT Data'!$S$12:$S$20000,MATCH($B79,'CPT Data'!$B$12:$B$20000,1))&lt;2,INDEX('p-y cyclic clay'!$GW$27:$GW$5000,MATCH($B79,'p-y cyclic clay'!$C$27:$C$5000,1)),INDEX('p-y cyclic clay'!$HW$27:$HW$5000,MATCH($B79,'p-y cyclic clay'!$C$27:$C$5000,1))))</f>
        <v>160308.83018522183</v>
      </c>
      <c r="AB79">
        <f>IF($D79="SAND",INDEX('p-y cyclic sand'!$AK$27:$AK$5000,MATCH($B79,'p-y cyclic sand'!$C$27:$C$5000,1)),IF(INDEX('CPT Data'!$S$12:$S$20000,MATCH($B79,'CPT Data'!$B$12:$B$20000,1))&lt;2,INDEX('p-y cyclic clay'!$HJ$27:$HJ$5000,MATCH($B79,'p-y cyclic clay'!$C$27:$C$5000,1)),INDEX('p-y cyclic clay'!$IJ$27:$IJ$5000,MATCH($B79,'p-y cyclic clay'!$C$27:$C$5000,1))))</f>
        <v>110</v>
      </c>
      <c r="AC79">
        <f>IF($D79="SAND",INDEX('p-y cyclic sand'!$AY$27:$AY$5000,MATCH($B79,'p-y cyclic sand'!$C$27:$C$5000,1)),IF(INDEX('CPT Data'!$S$12:$S$20000,MATCH($B79,'CPT Data'!$B$12:$B$20000,1))&lt;2,INDEX('p-y cyclic clay'!$GX$27:$GX$5000,MATCH($B79,'p-y cyclic clay'!$C$27:$C$5000,1)),INDEX('p-y cyclic clay'!$HX$27:$HX$5000,MATCH($B79,'p-y cyclic clay'!$C$27:$C$5000,1))))</f>
        <v>174874.17446569254</v>
      </c>
      <c r="AD79" s="98">
        <f>IF($D79="SAND",INDEX('p-y cyclic sand'!$AL$27:$AL$5000,MATCH($B79,'p-y cyclic sand'!$C$27:$C$5000,1)),IF(INDEX('CPT Data'!$S$12:$S$20000,MATCH($B79,'CPT Data'!$B$12:$B$20000,1))&lt;2,INDEX('p-y cyclic clay'!$HK$27:$HK$5000,MATCH($B79,'p-y cyclic clay'!$C$27:$C$5000,1)),INDEX('p-y cyclic clay'!$IK$27:$IK$5000,MATCH($B79,'p-y cyclic clay'!$C$27:$C$5000,1))))</f>
        <v>120</v>
      </c>
    </row>
    <row r="80" spans="1:30" x14ac:dyDescent="0.2">
      <c r="A80" s="97"/>
      <c r="B80" s="216"/>
      <c r="D80" s="216"/>
    </row>
    <row r="81" spans="1:4" x14ac:dyDescent="0.2">
      <c r="A81" s="97"/>
      <c r="B81" s="216"/>
      <c r="D81" s="216"/>
    </row>
    <row r="82" spans="1:4" x14ac:dyDescent="0.2">
      <c r="A82" s="97"/>
      <c r="B82" s="216"/>
      <c r="D82" s="216"/>
    </row>
    <row r="83" spans="1:4" x14ac:dyDescent="0.2">
      <c r="A83" s="97"/>
      <c r="B83" s="216"/>
      <c r="D83" s="216"/>
    </row>
    <row r="84" spans="1:4" x14ac:dyDescent="0.2">
      <c r="A84" s="97"/>
      <c r="B84" s="216"/>
      <c r="D84" s="216"/>
    </row>
    <row r="85" spans="1:4" x14ac:dyDescent="0.2">
      <c r="A85" s="97"/>
      <c r="B85" s="216"/>
      <c r="D85" s="216"/>
    </row>
    <row r="86" spans="1:4" x14ac:dyDescent="0.2">
      <c r="A86" s="97"/>
      <c r="B86" s="216"/>
      <c r="D86" s="216"/>
    </row>
    <row r="87" spans="1:4" x14ac:dyDescent="0.2">
      <c r="A87" s="97"/>
      <c r="B87" s="216"/>
      <c r="D87" s="216"/>
    </row>
    <row r="88" spans="1:4" x14ac:dyDescent="0.2">
      <c r="A88" s="97"/>
      <c r="B88" s="216"/>
      <c r="D88" s="216"/>
    </row>
    <row r="89" spans="1:4" x14ac:dyDescent="0.2">
      <c r="A89" s="97"/>
      <c r="B89" s="216"/>
      <c r="D89" s="216"/>
    </row>
    <row r="90" spans="1:4" x14ac:dyDescent="0.2">
      <c r="A90" s="97"/>
      <c r="B90" s="216"/>
      <c r="D90" s="216"/>
    </row>
    <row r="91" spans="1:4" x14ac:dyDescent="0.2">
      <c r="A91" s="97"/>
      <c r="B91" s="216"/>
      <c r="D91" s="216"/>
    </row>
    <row r="92" spans="1:4" x14ac:dyDescent="0.2">
      <c r="A92" s="97"/>
      <c r="B92" s="216"/>
      <c r="D92" s="216"/>
    </row>
    <row r="93" spans="1:4" x14ac:dyDescent="0.2">
      <c r="A93" s="97"/>
      <c r="B93" s="216"/>
      <c r="D93" s="216"/>
    </row>
    <row r="94" spans="1:4" x14ac:dyDescent="0.2">
      <c r="A94" s="97"/>
      <c r="B94" s="216"/>
      <c r="D94" s="216"/>
    </row>
    <row r="95" spans="1:4" x14ac:dyDescent="0.2">
      <c r="A95" s="97"/>
      <c r="B95" s="216"/>
      <c r="D95" s="216"/>
    </row>
    <row r="96" spans="1:4" x14ac:dyDescent="0.2">
      <c r="A96" s="97"/>
      <c r="B96" s="216"/>
      <c r="D96" s="216"/>
    </row>
    <row r="97" spans="1:4" x14ac:dyDescent="0.2">
      <c r="A97" s="97"/>
      <c r="B97" s="216"/>
      <c r="D97" s="216"/>
    </row>
    <row r="98" spans="1:4" x14ac:dyDescent="0.2">
      <c r="A98" s="97"/>
      <c r="B98" s="216"/>
      <c r="D98" s="216"/>
    </row>
    <row r="99" spans="1:4" x14ac:dyDescent="0.2">
      <c r="A99" s="97"/>
      <c r="B99" s="216"/>
      <c r="D99" s="216"/>
    </row>
    <row r="100" spans="1:4" x14ac:dyDescent="0.2">
      <c r="A100" s="97"/>
      <c r="B100" s="216"/>
      <c r="D100" s="216"/>
    </row>
    <row r="101" spans="1:4" x14ac:dyDescent="0.2">
      <c r="A101" s="97"/>
      <c r="B101" s="216"/>
      <c r="D101" s="216"/>
    </row>
    <row r="102" spans="1:4" x14ac:dyDescent="0.2">
      <c r="A102" s="97"/>
      <c r="B102" s="216"/>
      <c r="D102" s="216"/>
    </row>
    <row r="103" spans="1:4" x14ac:dyDescent="0.2">
      <c r="A103" s="97"/>
      <c r="B103" s="216"/>
      <c r="D103" s="216"/>
    </row>
    <row r="104" spans="1:4" x14ac:dyDescent="0.2">
      <c r="A104" s="97"/>
      <c r="B104" s="216"/>
      <c r="D104" s="216"/>
    </row>
    <row r="105" spans="1:4" s="100" customFormat="1" ht="13.5" thickBot="1" x14ac:dyDescent="0.25">
      <c r="A105" s="99"/>
      <c r="B105" s="217"/>
      <c r="D105" s="217"/>
    </row>
  </sheetData>
  <phoneticPr fontId="34" type="noConversion"/>
  <pageMargins left="0.7" right="0.7" top="0.75" bottom="0.75" header="0.3" footer="0.3"/>
</worksheet>
</file>

<file path=xl/worksheets/sheet8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1644FF0-BAE6-4E9C-875B-D7F9F94B8E85}">
  <sheetPr codeName="Sheet14">
    <tabColor theme="6" tint="0.59999389629810485"/>
  </sheetPr>
  <dimension ref="A1:BO6018"/>
  <sheetViews>
    <sheetView topLeftCell="AI20" workbookViewId="0">
      <selection activeCell="A44" sqref="A44:XFD44"/>
    </sheetView>
  </sheetViews>
  <sheetFormatPr defaultRowHeight="12.75" x14ac:dyDescent="0.2"/>
  <cols>
    <col min="2" max="2" width="9.42578125" customWidth="1"/>
    <col min="3" max="3" width="7.7109375" customWidth="1"/>
    <col min="4" max="4" width="11.7109375" customWidth="1"/>
    <col min="5" max="5" width="9.140625" customWidth="1"/>
    <col min="6" max="6" width="16.5703125" customWidth="1"/>
    <col min="7" max="7" width="10.7109375" customWidth="1"/>
    <col min="8" max="8" width="13.140625" customWidth="1"/>
    <col min="9" max="9" width="14.7109375" customWidth="1"/>
    <col min="10" max="10" width="7.7109375" customWidth="1"/>
    <col min="12" max="12" width="9.7109375" customWidth="1"/>
    <col min="13" max="13" width="9.140625" style="82" customWidth="1"/>
    <col min="14" max="24" width="9.140625" customWidth="1"/>
    <col min="25" max="38" width="9.5703125" customWidth="1"/>
    <col min="39" max="54" width="7.7109375" customWidth="1"/>
    <col min="55" max="64" width="8.5703125" bestFit="1" customWidth="1"/>
  </cols>
  <sheetData>
    <row r="1" spans="6:35" ht="99.75" customHeight="1" x14ac:dyDescent="0.2">
      <c r="M1"/>
    </row>
    <row r="2" spans="6:35" x14ac:dyDescent="0.2">
      <c r="M2"/>
    </row>
    <row r="3" spans="6:35" x14ac:dyDescent="0.2">
      <c r="M3"/>
      <c r="AB3">
        <v>2</v>
      </c>
      <c r="AC3">
        <v>4</v>
      </c>
      <c r="AD3">
        <v>10</v>
      </c>
      <c r="AE3">
        <v>2</v>
      </c>
      <c r="AF3">
        <v>4</v>
      </c>
      <c r="AG3">
        <v>10</v>
      </c>
    </row>
    <row r="4" spans="6:35" x14ac:dyDescent="0.2">
      <c r="M4" s="3" t="s">
        <v>82</v>
      </c>
      <c r="AB4" s="249" t="s">
        <v>176</v>
      </c>
      <c r="AC4" s="249"/>
      <c r="AD4" s="249"/>
      <c r="AE4" s="249" t="s">
        <v>177</v>
      </c>
      <c r="AF4" s="249"/>
      <c r="AG4" s="249"/>
    </row>
    <row r="5" spans="6:35" ht="15.75" x14ac:dyDescent="0.3">
      <c r="M5" s="3" t="s">
        <v>83</v>
      </c>
      <c r="N5" s="50">
        <v>12</v>
      </c>
      <c r="AA5" s="3" t="s">
        <v>107</v>
      </c>
    </row>
    <row r="6" spans="6:35" ht="15.75" x14ac:dyDescent="0.3">
      <c r="M6" s="3" t="s">
        <v>84</v>
      </c>
      <c r="N6" s="50">
        <v>3.22</v>
      </c>
      <c r="AA6" s="59"/>
      <c r="AB6" s="248" t="s">
        <v>125</v>
      </c>
      <c r="AC6" s="248"/>
      <c r="AD6" s="248"/>
      <c r="AE6" s="248" t="s">
        <v>126</v>
      </c>
      <c r="AF6" s="248"/>
      <c r="AG6" s="248"/>
    </row>
    <row r="7" spans="6:35" ht="15.75" x14ac:dyDescent="0.2">
      <c r="M7"/>
      <c r="AA7" s="59"/>
      <c r="AB7" s="58" t="s">
        <v>127</v>
      </c>
      <c r="AC7" s="58" t="s">
        <v>122</v>
      </c>
      <c r="AD7" s="58" t="s">
        <v>123</v>
      </c>
      <c r="AE7" s="58" t="s">
        <v>127</v>
      </c>
      <c r="AF7" s="58" t="s">
        <v>122</v>
      </c>
      <c r="AG7" s="58" t="s">
        <v>123</v>
      </c>
    </row>
    <row r="8" spans="6:35" ht="14.25" x14ac:dyDescent="0.2">
      <c r="M8"/>
      <c r="AA8" s="58" t="s">
        <v>128</v>
      </c>
      <c r="AB8" s="58" t="s">
        <v>124</v>
      </c>
      <c r="AC8" s="58" t="s">
        <v>124</v>
      </c>
      <c r="AD8" s="58" t="s">
        <v>124</v>
      </c>
      <c r="AE8" s="58" t="s">
        <v>124</v>
      </c>
      <c r="AF8" s="58" t="s">
        <v>124</v>
      </c>
      <c r="AG8" s="58" t="s">
        <v>124</v>
      </c>
    </row>
    <row r="9" spans="6:35" x14ac:dyDescent="0.2">
      <c r="M9"/>
      <c r="V9" t="s">
        <v>174</v>
      </c>
      <c r="W9">
        <v>35</v>
      </c>
      <c r="AA9" s="66">
        <v>0</v>
      </c>
      <c r="AB9" s="65">
        <v>0</v>
      </c>
      <c r="AC9" s="65">
        <v>0</v>
      </c>
      <c r="AD9" s="65">
        <v>0</v>
      </c>
      <c r="AE9" s="65">
        <v>0</v>
      </c>
      <c r="AF9" s="65">
        <v>0</v>
      </c>
      <c r="AG9" s="65">
        <v>0</v>
      </c>
    </row>
    <row r="10" spans="6:35" s="82" customFormat="1" x14ac:dyDescent="0.2">
      <c r="M10"/>
      <c r="V10" s="82" t="s">
        <v>105</v>
      </c>
      <c r="W10" s="82">
        <v>1</v>
      </c>
      <c r="Z10" s="82" t="s">
        <v>161</v>
      </c>
      <c r="AA10" s="83">
        <v>0.05</v>
      </c>
      <c r="AB10" s="84">
        <v>2.9999999999999997E-4</v>
      </c>
      <c r="AC10" s="84">
        <v>4.0000000000000002E-4</v>
      </c>
      <c r="AD10" s="84">
        <v>5.0000000000000001E-4</v>
      </c>
      <c r="AE10" s="84">
        <v>1E-4</v>
      </c>
      <c r="AF10" s="84">
        <v>2.0000000000000001E-4</v>
      </c>
      <c r="AG10" s="84">
        <v>2.9999999999999997E-4</v>
      </c>
    </row>
    <row r="11" spans="6:35" x14ac:dyDescent="0.2">
      <c r="F11" s="3" t="s">
        <v>173</v>
      </c>
      <c r="G11" s="3"/>
      <c r="H11" s="3"/>
      <c r="M11"/>
      <c r="Z11" s="3" t="s">
        <v>162</v>
      </c>
      <c r="AA11" s="66">
        <v>0.2</v>
      </c>
      <c r="AB11" s="65">
        <v>3.0000000000000001E-3</v>
      </c>
      <c r="AC11" s="65">
        <v>4.0000000000000001E-3</v>
      </c>
      <c r="AD11" s="65">
        <v>5.0000000000000001E-3</v>
      </c>
      <c r="AE11" s="65">
        <v>1E-3</v>
      </c>
      <c r="AF11" s="65">
        <v>2E-3</v>
      </c>
      <c r="AG11" s="65">
        <v>3.3E-3</v>
      </c>
    </row>
    <row r="12" spans="6:35" x14ac:dyDescent="0.2">
      <c r="M12"/>
      <c r="W12" t="s">
        <v>175</v>
      </c>
      <c r="Z12" s="3" t="s">
        <v>163</v>
      </c>
      <c r="AA12" s="66">
        <v>0.3</v>
      </c>
      <c r="AB12" s="65">
        <v>5.3E-3</v>
      </c>
      <c r="AC12" s="65">
        <v>8.0000000000000002E-3</v>
      </c>
      <c r="AD12" s="65">
        <v>1.0999999999999999E-2</v>
      </c>
      <c r="AE12" s="65">
        <v>1.8E-3</v>
      </c>
      <c r="AF12" s="65">
        <v>4.0000000000000001E-3</v>
      </c>
      <c r="AG12" s="65">
        <v>7.3000000000000001E-3</v>
      </c>
      <c r="AI12" s="3" t="s">
        <v>173</v>
      </c>
    </row>
    <row r="13" spans="6:35" x14ac:dyDescent="0.2">
      <c r="M13"/>
      <c r="Z13" s="3" t="s">
        <v>164</v>
      </c>
      <c r="AA13" s="66">
        <v>0.4</v>
      </c>
      <c r="AB13" s="65">
        <v>8.9999999999999993E-3</v>
      </c>
      <c r="AC13" s="65">
        <v>1.4999999999999999E-2</v>
      </c>
      <c r="AD13" s="65">
        <v>2.1000000000000001E-2</v>
      </c>
      <c r="AE13" s="65">
        <v>3.0000000000000001E-3</v>
      </c>
      <c r="AF13" s="65">
        <v>7.4999999999999997E-3</v>
      </c>
      <c r="AG13" s="65">
        <v>1.4E-2</v>
      </c>
      <c r="AI13" s="3" t="s">
        <v>173</v>
      </c>
    </row>
    <row r="14" spans="6:35" x14ac:dyDescent="0.2">
      <c r="M14"/>
      <c r="R14">
        <f>IF(AND(W9&gt;30,W10&lt;=2),1,2)</f>
        <v>1</v>
      </c>
      <c r="Z14" s="3" t="s">
        <v>165</v>
      </c>
      <c r="AA14" s="66">
        <v>0.5</v>
      </c>
      <c r="AB14" s="65">
        <v>1.4E-2</v>
      </c>
      <c r="AC14" s="65">
        <v>2.4E-2</v>
      </c>
      <c r="AD14" s="65">
        <v>3.4000000000000002E-2</v>
      </c>
      <c r="AE14" s="65">
        <v>4.7999999999999996E-3</v>
      </c>
      <c r="AF14" s="65">
        <v>1.2E-2</v>
      </c>
      <c r="AG14" s="65">
        <v>2.3E-2</v>
      </c>
    </row>
    <row r="15" spans="6:35" x14ac:dyDescent="0.2">
      <c r="M15"/>
      <c r="Z15" s="3" t="s">
        <v>166</v>
      </c>
      <c r="AA15" s="66">
        <v>0.6</v>
      </c>
      <c r="AB15" s="65">
        <v>2.1999999999999999E-2</v>
      </c>
      <c r="AC15" s="65">
        <v>3.5999999999999997E-2</v>
      </c>
      <c r="AD15" s="65">
        <v>5.1999999999999998E-2</v>
      </c>
      <c r="AE15" s="65">
        <v>7.3000000000000001E-3</v>
      </c>
      <c r="AF15" s="65">
        <v>1.7999999999999999E-2</v>
      </c>
      <c r="AG15" s="65">
        <v>3.5000000000000003E-2</v>
      </c>
    </row>
    <row r="16" spans="6:35" x14ac:dyDescent="0.2">
      <c r="L16" s="82"/>
      <c r="M16" s="3" t="s">
        <v>335</v>
      </c>
      <c r="Z16" s="3" t="s">
        <v>167</v>
      </c>
      <c r="AA16" s="66">
        <v>0.7</v>
      </c>
      <c r="AB16" s="65">
        <v>3.2000000000000001E-2</v>
      </c>
      <c r="AC16" s="65">
        <v>5.5E-2</v>
      </c>
      <c r="AD16" s="65">
        <v>7.8E-2</v>
      </c>
      <c r="AE16" s="65">
        <v>1.0999999999999999E-2</v>
      </c>
      <c r="AF16" s="65">
        <v>2.7E-2</v>
      </c>
      <c r="AG16" s="65">
        <v>5.1999999999999998E-2</v>
      </c>
    </row>
    <row r="17" spans="1:67" x14ac:dyDescent="0.2">
      <c r="M17"/>
      <c r="Z17" s="3" t="s">
        <v>168</v>
      </c>
      <c r="AA17" s="66">
        <v>0.8</v>
      </c>
      <c r="AB17" s="65">
        <v>0.05</v>
      </c>
      <c r="AC17" s="65">
        <v>8.4000000000000005E-2</v>
      </c>
      <c r="AD17" s="65">
        <v>0.12</v>
      </c>
      <c r="AE17" s="65">
        <v>1.7000000000000001E-2</v>
      </c>
      <c r="AF17" s="65">
        <v>4.2000000000000003E-2</v>
      </c>
      <c r="AG17" s="65">
        <v>0.08</v>
      </c>
    </row>
    <row r="18" spans="1:67" x14ac:dyDescent="0.2">
      <c r="M18"/>
      <c r="Z18" s="3" t="s">
        <v>169</v>
      </c>
      <c r="AA18" s="66">
        <v>0.9</v>
      </c>
      <c r="AB18" s="65">
        <v>8.2000000000000003E-2</v>
      </c>
      <c r="AC18" s="65">
        <v>0.14000000000000001</v>
      </c>
      <c r="AD18" s="65">
        <v>0.19</v>
      </c>
      <c r="AE18" s="65">
        <v>2.7E-2</v>
      </c>
      <c r="AF18" s="65">
        <v>7.0000000000000007E-2</v>
      </c>
      <c r="AG18" s="65">
        <v>0.13</v>
      </c>
    </row>
    <row r="19" spans="1:67" x14ac:dyDescent="0.2">
      <c r="M19"/>
      <c r="Z19" s="3" t="s">
        <v>170</v>
      </c>
      <c r="AA19" s="66">
        <v>0.97499999999999998</v>
      </c>
      <c r="AB19" s="65">
        <v>0.15</v>
      </c>
      <c r="AC19" s="65">
        <v>0.23</v>
      </c>
      <c r="AD19" s="65">
        <v>0.3</v>
      </c>
      <c r="AE19" s="65">
        <v>0.05</v>
      </c>
      <c r="AF19" s="65">
        <v>0.11</v>
      </c>
      <c r="AG19" s="65">
        <v>0.2</v>
      </c>
    </row>
    <row r="20" spans="1:67" x14ac:dyDescent="0.2">
      <c r="M20"/>
      <c r="Z20" s="3" t="s">
        <v>171</v>
      </c>
      <c r="AA20" s="66">
        <v>1</v>
      </c>
      <c r="AB20" s="65">
        <v>0.25</v>
      </c>
      <c r="AC20" s="65">
        <v>0.3</v>
      </c>
      <c r="AD20" s="65">
        <v>0.4</v>
      </c>
      <c r="AE20" s="65">
        <v>8.3000000000000004E-2</v>
      </c>
      <c r="AF20" s="65">
        <v>0.15</v>
      </c>
      <c r="AG20" s="65">
        <v>0.27</v>
      </c>
    </row>
    <row r="21" spans="1:67" x14ac:dyDescent="0.2">
      <c r="M21"/>
      <c r="Z21" s="3" t="s">
        <v>172</v>
      </c>
      <c r="AA21" s="66">
        <v>1</v>
      </c>
      <c r="AB21" s="67" t="s">
        <v>129</v>
      </c>
      <c r="AC21" s="67" t="s">
        <v>129</v>
      </c>
      <c r="AD21" s="67" t="s">
        <v>129</v>
      </c>
      <c r="AE21" s="67" t="s">
        <v>129</v>
      </c>
      <c r="AF21" s="67" t="s">
        <v>129</v>
      </c>
      <c r="AG21" s="67" t="s">
        <v>129</v>
      </c>
    </row>
    <row r="22" spans="1:67" x14ac:dyDescent="0.2">
      <c r="M22"/>
    </row>
    <row r="23" spans="1:67" ht="27.4" customHeight="1" x14ac:dyDescent="0.2">
      <c r="B23" s="250" t="s">
        <v>68</v>
      </c>
      <c r="C23" s="251" t="s">
        <v>59</v>
      </c>
      <c r="D23" s="252" t="s">
        <v>69</v>
      </c>
      <c r="E23" s="253" t="s">
        <v>70</v>
      </c>
      <c r="F23" s="250" t="s">
        <v>88</v>
      </c>
      <c r="G23" s="243" t="s">
        <v>86</v>
      </c>
      <c r="H23" s="243" t="s">
        <v>87</v>
      </c>
      <c r="I23" s="244" t="s">
        <v>95</v>
      </c>
      <c r="J23" s="245" t="s">
        <v>121</v>
      </c>
      <c r="K23" s="154" t="s">
        <v>105</v>
      </c>
      <c r="L23" s="244" t="s">
        <v>81</v>
      </c>
      <c r="M23" s="247" t="s">
        <v>77</v>
      </c>
      <c r="N23" s="247"/>
      <c r="O23" s="247"/>
      <c r="P23" s="247"/>
      <c r="Q23" s="247"/>
      <c r="R23" s="247"/>
      <c r="S23" s="247"/>
      <c r="T23" s="247"/>
      <c r="U23" s="247"/>
      <c r="V23" s="247"/>
      <c r="W23" s="247"/>
      <c r="X23" s="247"/>
      <c r="Y23" s="247"/>
      <c r="Z23" s="247"/>
      <c r="AA23" s="248" t="s">
        <v>108</v>
      </c>
      <c r="AB23" s="248"/>
      <c r="AC23" s="248"/>
      <c r="AD23" s="248"/>
      <c r="AE23" s="248"/>
      <c r="AF23" s="248"/>
      <c r="AG23" s="248"/>
      <c r="AH23" s="248"/>
      <c r="AI23" s="248"/>
      <c r="AJ23" s="248"/>
      <c r="AK23" s="248"/>
      <c r="AL23" s="248"/>
      <c r="AM23" s="248"/>
      <c r="AN23" s="248"/>
      <c r="AO23" s="248"/>
      <c r="AP23" s="248"/>
      <c r="AQ23" s="248"/>
      <c r="AR23" s="248"/>
      <c r="AS23" s="248"/>
      <c r="AT23" s="248"/>
      <c r="AU23" s="248"/>
      <c r="AV23" s="248"/>
      <c r="AW23" s="248"/>
      <c r="AX23" s="248"/>
      <c r="AY23" s="248"/>
      <c r="AZ23" s="248"/>
      <c r="BA23" s="248"/>
      <c r="BB23" s="248"/>
      <c r="BC23" s="248"/>
      <c r="BD23" s="248"/>
      <c r="BE23" s="248"/>
      <c r="BF23" s="248"/>
      <c r="BG23" s="248"/>
      <c r="BH23" s="248"/>
      <c r="BI23" s="248"/>
      <c r="BJ23" s="248"/>
      <c r="BK23" s="248"/>
      <c r="BL23" s="248"/>
    </row>
    <row r="24" spans="1:67" s="59" customFormat="1" ht="27.4" customHeight="1" x14ac:dyDescent="0.2">
      <c r="B24" s="251"/>
      <c r="C24" s="251"/>
      <c r="D24" s="252"/>
      <c r="E24" s="253"/>
      <c r="F24" s="250"/>
      <c r="G24" s="243"/>
      <c r="H24" s="243"/>
      <c r="I24" s="244"/>
      <c r="J24" s="246"/>
      <c r="K24" s="155"/>
      <c r="L24" s="244"/>
      <c r="M24" s="231" t="s">
        <v>85</v>
      </c>
      <c r="N24" s="63" t="s">
        <v>89</v>
      </c>
      <c r="O24" s="58" t="s">
        <v>92</v>
      </c>
      <c r="P24" s="63" t="s">
        <v>94</v>
      </c>
      <c r="Q24" s="58" t="s">
        <v>93</v>
      </c>
      <c r="R24" s="58" t="s">
        <v>96</v>
      </c>
      <c r="S24" s="58" t="s">
        <v>97</v>
      </c>
      <c r="T24" s="58" t="s">
        <v>159</v>
      </c>
      <c r="U24" s="58" t="s">
        <v>160</v>
      </c>
      <c r="V24" s="58" t="s">
        <v>98</v>
      </c>
      <c r="W24" s="58" t="s">
        <v>99</v>
      </c>
      <c r="X24" s="58" t="s">
        <v>102</v>
      </c>
      <c r="Y24" s="58" t="s">
        <v>100</v>
      </c>
      <c r="Z24" s="58" t="s">
        <v>101</v>
      </c>
      <c r="AA24" s="58" t="s">
        <v>109</v>
      </c>
      <c r="AB24" s="58" t="s">
        <v>110</v>
      </c>
      <c r="AC24" s="58" t="s">
        <v>111</v>
      </c>
      <c r="AD24" s="58" t="s">
        <v>112</v>
      </c>
      <c r="AE24" s="58" t="s">
        <v>113</v>
      </c>
      <c r="AF24" s="58" t="s">
        <v>114</v>
      </c>
      <c r="AG24" s="58" t="s">
        <v>115</v>
      </c>
      <c r="AH24" s="58" t="s">
        <v>116</v>
      </c>
      <c r="AI24" s="58" t="s">
        <v>117</v>
      </c>
      <c r="AJ24" s="58" t="s">
        <v>118</v>
      </c>
      <c r="AK24" s="58" t="s">
        <v>119</v>
      </c>
      <c r="AL24" s="58" t="s">
        <v>120</v>
      </c>
      <c r="AM24" s="87" t="s">
        <v>154</v>
      </c>
      <c r="AN24" s="87" t="s">
        <v>130</v>
      </c>
      <c r="AO24" s="87" t="s">
        <v>131</v>
      </c>
      <c r="AP24" s="87" t="s">
        <v>132</v>
      </c>
      <c r="AQ24" s="87" t="s">
        <v>133</v>
      </c>
      <c r="AR24" s="87" t="s">
        <v>134</v>
      </c>
      <c r="AS24" s="87" t="s">
        <v>135</v>
      </c>
      <c r="AT24" s="87" t="s">
        <v>136</v>
      </c>
      <c r="AU24" s="87" t="s">
        <v>137</v>
      </c>
      <c r="AV24" s="87" t="s">
        <v>138</v>
      </c>
      <c r="AW24" s="87" t="s">
        <v>139</v>
      </c>
      <c r="AX24" s="87" t="s">
        <v>140</v>
      </c>
      <c r="AY24" s="87" t="s">
        <v>141</v>
      </c>
      <c r="AZ24" s="88" t="s">
        <v>155</v>
      </c>
      <c r="BA24" s="88" t="s">
        <v>142</v>
      </c>
      <c r="BB24" s="88" t="s">
        <v>143</v>
      </c>
      <c r="BC24" s="88" t="s">
        <v>144</v>
      </c>
      <c r="BD24" s="88" t="s">
        <v>145</v>
      </c>
      <c r="BE24" s="88" t="s">
        <v>146</v>
      </c>
      <c r="BF24" s="88" t="s">
        <v>147</v>
      </c>
      <c r="BG24" s="88" t="s">
        <v>148</v>
      </c>
      <c r="BH24" s="88" t="s">
        <v>149</v>
      </c>
      <c r="BI24" s="88" t="s">
        <v>150</v>
      </c>
      <c r="BJ24" s="88" t="s">
        <v>151</v>
      </c>
      <c r="BK24" s="88" t="s">
        <v>152</v>
      </c>
      <c r="BL24" s="88" t="s">
        <v>153</v>
      </c>
      <c r="BM24"/>
    </row>
    <row r="25" spans="1:67" ht="14.25" x14ac:dyDescent="0.2">
      <c r="B25" s="56" t="s">
        <v>72</v>
      </c>
      <c r="C25" s="56" t="s">
        <v>57</v>
      </c>
      <c r="D25" s="56" t="s">
        <v>57</v>
      </c>
      <c r="E25" s="61"/>
      <c r="F25" s="60" t="s">
        <v>64</v>
      </c>
      <c r="G25" s="62" t="s">
        <v>74</v>
      </c>
      <c r="H25" s="62" t="s">
        <v>74</v>
      </c>
      <c r="I25" s="60" t="s">
        <v>64</v>
      </c>
      <c r="J25" s="7" t="s">
        <v>103</v>
      </c>
      <c r="K25" s="7" t="s">
        <v>90</v>
      </c>
      <c r="L25" s="61" t="s">
        <v>57</v>
      </c>
      <c r="M25" s="232" t="s">
        <v>91</v>
      </c>
      <c r="N25" s="58" t="s">
        <v>90</v>
      </c>
      <c r="O25" s="58" t="s">
        <v>90</v>
      </c>
      <c r="P25" s="58" t="s">
        <v>90</v>
      </c>
      <c r="Q25" s="58" t="s">
        <v>90</v>
      </c>
      <c r="R25" s="58" t="s">
        <v>90</v>
      </c>
      <c r="S25" s="58" t="s">
        <v>90</v>
      </c>
      <c r="T25" s="58" t="s">
        <v>90</v>
      </c>
      <c r="U25" s="58" t="s">
        <v>90</v>
      </c>
      <c r="V25" s="58" t="s">
        <v>90</v>
      </c>
      <c r="W25" s="58" t="s">
        <v>90</v>
      </c>
      <c r="X25" s="58" t="s">
        <v>90</v>
      </c>
      <c r="Y25" s="58" t="s">
        <v>90</v>
      </c>
      <c r="Z25" s="58" t="s">
        <v>90</v>
      </c>
      <c r="AA25" s="58" t="s">
        <v>90</v>
      </c>
      <c r="AB25" s="58" t="s">
        <v>90</v>
      </c>
      <c r="AC25" s="58" t="s">
        <v>90</v>
      </c>
      <c r="AD25" s="58" t="s">
        <v>90</v>
      </c>
      <c r="AE25" s="58" t="s">
        <v>90</v>
      </c>
      <c r="AF25" s="58" t="s">
        <v>90</v>
      </c>
      <c r="AG25" s="58" t="s">
        <v>90</v>
      </c>
      <c r="AH25" s="58" t="s">
        <v>90</v>
      </c>
      <c r="AI25" s="58" t="s">
        <v>90</v>
      </c>
      <c r="AJ25" s="58" t="s">
        <v>90</v>
      </c>
      <c r="AK25" s="58" t="s">
        <v>90</v>
      </c>
      <c r="AL25" s="58" t="s">
        <v>90</v>
      </c>
      <c r="AM25" s="89" t="s">
        <v>58</v>
      </c>
      <c r="AN25" s="89" t="s">
        <v>58</v>
      </c>
      <c r="AO25" s="89" t="s">
        <v>58</v>
      </c>
      <c r="AP25" s="89" t="s">
        <v>58</v>
      </c>
      <c r="AQ25" s="89" t="s">
        <v>58</v>
      </c>
      <c r="AR25" s="89" t="s">
        <v>58</v>
      </c>
      <c r="AS25" s="89" t="s">
        <v>58</v>
      </c>
      <c r="AT25" s="89" t="s">
        <v>58</v>
      </c>
      <c r="AU25" s="89" t="s">
        <v>58</v>
      </c>
      <c r="AV25" s="89" t="s">
        <v>58</v>
      </c>
      <c r="AW25" s="89" t="s">
        <v>58</v>
      </c>
      <c r="AX25" s="89" t="s">
        <v>58</v>
      </c>
      <c r="AY25" s="89" t="s">
        <v>58</v>
      </c>
      <c r="AZ25" s="90" t="s">
        <v>106</v>
      </c>
      <c r="BA25" s="90" t="s">
        <v>106</v>
      </c>
      <c r="BB25" s="90" t="s">
        <v>106</v>
      </c>
      <c r="BC25" s="90" t="s">
        <v>106</v>
      </c>
      <c r="BD25" s="90" t="s">
        <v>106</v>
      </c>
      <c r="BE25" s="90" t="s">
        <v>106</v>
      </c>
      <c r="BF25" s="90" t="s">
        <v>106</v>
      </c>
      <c r="BG25" s="90" t="s">
        <v>106</v>
      </c>
      <c r="BH25" s="90" t="s">
        <v>106</v>
      </c>
      <c r="BI25" s="90" t="s">
        <v>106</v>
      </c>
      <c r="BJ25" s="90" t="s">
        <v>106</v>
      </c>
      <c r="BK25" s="90" t="s">
        <v>106</v>
      </c>
      <c r="BL25" s="90" t="s">
        <v>106</v>
      </c>
    </row>
    <row r="26" spans="1:67" x14ac:dyDescent="0.2">
      <c r="B26" s="78">
        <f>'CPT Data'!$E$6</f>
        <v>-15.5</v>
      </c>
      <c r="C26" s="69"/>
      <c r="D26" s="69"/>
      <c r="E26" s="70"/>
      <c r="F26" s="70"/>
      <c r="G26" s="71"/>
      <c r="H26" s="71"/>
      <c r="I26" s="70"/>
      <c r="J26" s="70"/>
      <c r="K26" s="70"/>
      <c r="L26" s="70"/>
      <c r="M26" s="233"/>
      <c r="N26" s="72"/>
      <c r="O26" s="72"/>
      <c r="P26" s="72"/>
      <c r="Q26" s="72"/>
      <c r="R26" s="72"/>
      <c r="S26" s="72"/>
      <c r="T26" s="72"/>
      <c r="U26" s="72"/>
      <c r="V26" s="72"/>
      <c r="W26" s="72"/>
      <c r="X26" s="72"/>
      <c r="Y26" s="72"/>
      <c r="Z26" s="72"/>
      <c r="AA26" s="72"/>
      <c r="AB26" s="72"/>
      <c r="AC26" s="72"/>
      <c r="AD26" s="72"/>
      <c r="AE26" s="72"/>
      <c r="AF26" s="72"/>
      <c r="AG26" s="72"/>
      <c r="AH26" s="72"/>
      <c r="AI26" s="72"/>
      <c r="AJ26" s="72"/>
      <c r="AK26" s="72"/>
      <c r="AL26" s="72"/>
      <c r="AM26" s="91"/>
      <c r="AN26" s="91"/>
      <c r="AO26" s="91"/>
      <c r="AP26" s="91"/>
      <c r="AQ26" s="91"/>
      <c r="AR26" s="91"/>
      <c r="AS26" s="91"/>
      <c r="AT26" s="91"/>
      <c r="AU26" s="91"/>
      <c r="AV26" s="91"/>
      <c r="AW26" s="91"/>
      <c r="AX26" s="91"/>
      <c r="AY26" s="91"/>
      <c r="AZ26" s="91"/>
      <c r="BA26" s="91"/>
      <c r="BB26" s="91"/>
      <c r="BC26" s="91"/>
      <c r="BD26" s="91"/>
      <c r="BE26" s="91"/>
      <c r="BF26" s="91"/>
      <c r="BG26" s="91"/>
      <c r="BH26" s="91"/>
      <c r="BI26" s="91"/>
      <c r="BJ26" s="91"/>
      <c r="BK26" s="91"/>
      <c r="BL26" s="91"/>
    </row>
    <row r="27" spans="1:67" x14ac:dyDescent="0.2">
      <c r="A27" s="9"/>
      <c r="B27" s="79">
        <f>$B$26 - $C27</f>
        <v>-16.5</v>
      </c>
      <c r="C27" s="73">
        <v>1</v>
      </c>
      <c r="D27" s="64">
        <f>INDEX('CPT Data'!$C$13:$C$20000,MATCH($C27,'CPT Data'!$B$13:$B$20000,1))</f>
        <v>0.98599999999999999</v>
      </c>
      <c r="E27" s="55" t="str">
        <f>INDEX('CPT Data'!$P$13:$P$20000,MATCH($C27,'CPT Data'!$B$13:$B$20000,1))</f>
        <v>SAND</v>
      </c>
      <c r="F27" s="76" t="e">
        <f>INDEX('CPT Data'!$Q$13:$Q$20000,MATCH($C27,'CPT Data'!$B$13:$B$20000,1))</f>
        <v>#N/A</v>
      </c>
      <c r="G27" s="76">
        <f>INDEX('CPT Data'!$I$13:$I$20000,MATCH(C27,'CPT Data'!$B$13:$B$20000,1))</f>
        <v>11.873836288128935</v>
      </c>
      <c r="H27" s="76">
        <f>INDEX('CPT Data'!$J$13:$J$20000,MATCH($C27,'CPT Data'!$B$13:$B$20000,1))</f>
        <v>1.8738362881289348</v>
      </c>
      <c r="I27" s="76">
        <f>INDEX('CPT Data'!$L$13:$L$20000,MATCH(C27,'CPT Data'!$B$13:$B$20000,1))</f>
        <v>1.8607194341120321</v>
      </c>
      <c r="J27" s="226">
        <f>INDEX('CPT Data'!$R$13:$R$20000,MATCH(C27,'CPT Data'!$B$13:$B$20000,1))</f>
        <v>35</v>
      </c>
      <c r="K27" s="76" t="e">
        <f>INDEX('CPT Data'!$S$13:$S$20000,MATCH($C27,'CPT Data'!$B$13:$B$20000,1))</f>
        <v>#N/A</v>
      </c>
      <c r="L27" s="55">
        <f>VLOOKUP($C27, 'Pile Property'!$A$8:$D$108,2,TRUE)</f>
        <v>2</v>
      </c>
      <c r="M27" s="234" t="e">
        <f t="shared" ref="M27:M28" si="0">IF($E27="CLAY",($F27-$F$29)/$D27,#N/A)</f>
        <v>#N/A</v>
      </c>
      <c r="N27" s="65" t="e">
        <f>'CPT Data'!$P$6/($M27*$L27)</f>
        <v>#N/A</v>
      </c>
      <c r="O27" s="76" t="e">
        <f>MAX(16.8 - 2.3*LOG10($N27), 14.5)</f>
        <v>#N/A</v>
      </c>
      <c r="P27" s="76" t="e">
        <f t="shared" ref="P27:P58" si="1">$F27/$I27</f>
        <v>#N/A</v>
      </c>
      <c r="Q27" s="65" t="e">
        <f>IF($P27&gt;1, 0.5*$P27^-0.25, 0.5*$P27^-0.5)</f>
        <v>#N/A</v>
      </c>
      <c r="R27" s="76" t="e">
        <f>9 + 3*$Q27</f>
        <v>#N/A</v>
      </c>
      <c r="S27" s="76" t="e">
        <f t="shared" ref="S27:S28" si="2">MIN($N$5 - (1 - $Q27) - ($N$5 - $N$6)*(1 - ($D27/($O27*$L27))^0.6)^1.35, $R27)</f>
        <v>#N/A</v>
      </c>
      <c r="T27" s="77"/>
      <c r="U27" s="77"/>
      <c r="V27" s="76" t="e">
        <f t="shared" ref="V27:V58" si="3">MIN($S27 + $I27/$F27, $R27)</f>
        <v>#N/A</v>
      </c>
      <c r="W27" s="76" t="e">
        <f>MIN(2*$S27, $R27)</f>
        <v>#N/A</v>
      </c>
      <c r="X27" s="76" t="e">
        <f t="shared" ref="X27:X58" si="4">IF($D27&gt;10, $R27, IF($F27 &lt; 15, $V27, $W27))</f>
        <v>#N/A</v>
      </c>
      <c r="Y27" s="76" t="e">
        <f t="shared" ref="Y27:Y58" si="5">$X27*$F27</f>
        <v>#N/A</v>
      </c>
      <c r="Z27" s="76" t="e">
        <f>$Y27*$L27</f>
        <v>#N/A</v>
      </c>
      <c r="AA27" s="85" t="e" cm="1">
        <f t="array" ref="AA27">IF(J27&gt;30,IF(K27&lt;=2,$AB$10,IF(AND(K27&gt;2,K27&lt;=4),TREND($AB$10:$AC$10,$AB$3:$AC$3,K27,TRUE),IF(AND(K27&gt;4,K27&lt;10),TREND($AC$10:$AD$10,$AC$3:$AD$3,K27,TRUE),IF(K27&gt;=10,$AD$10,1)))),IF(K27&lt;=2,$AE$10,IF(AND(K27&gt;2,K27&lt;=4),TREND($AE$10:$AF$10,$AE$3:$AF$3,K27,TRUE),IF(AND(K27&gt;4,K27&lt;10),TREND($AF$10:$AG$10,$AF$3:$AG$3,K27,TRUE),IF(K27&gt;=10,$AG$10,1)))))</f>
        <v>#N/A</v>
      </c>
      <c r="AB27" s="85" t="e" cm="1">
        <f t="array" ref="AB27">IF(J27&gt;30,IF(K27&lt;=2,$AB$11,IF(AND(K27&gt;2,K27&lt;=4),TREND($AB$11:$AC$11,$AB$3:$AC$3,K27,TRUE),IF(AND(K27&gt;4,K27&lt;10),TREND($AC$11:$AD$11,$AC$3:$AD$3,K27,TRUE),IF(K27&gt;=10,$AD$11,1)))),IF(K27&lt;=2,$AE$11,IF(AND(K27&gt;2,K27&lt;=4),TREND($AE$11:$AF$11,$AE$3:$AF$3,K27,TRUE),IF(AND(K27&gt;4,K27&lt;10),TREND($AF$11:$AG$11,$AF$3:$AG$3,K27,TRUE),IF(K27&gt;=10,$AG$11,1)))))</f>
        <v>#N/A</v>
      </c>
      <c r="AC27" s="85" t="e" cm="1">
        <f t="array" ref="AC27">IF(J27&gt;30,IF(K27&lt;=2,$AB$12,IF(AND(K27&gt;2,K27&lt;=4),TREND($AB$12:$AC$12,$AB$3:$AC$3,K27,TRUE),IF(AND(K27&gt;4,K27&lt;10),TREND($AC$12:$AD$12,$AC$3:$AD$3,K27,TRUE),IF(K27&gt;=10,$AD$12,1)))),IF(K27&lt;=2,$AE$12,IF(AND(K27&gt;2,K27&lt;=4),TREND($AE$12:$AF$12,$AE$3:$AF$3,K27,TRUE),IF(AND(K27&gt;4,K27&lt;10),TREND($AF$12:$AG$12,$AF$3:$AG$3,K27,TRUE),IF(K27&gt;=10,$AG$12,1)))))</f>
        <v>#N/A</v>
      </c>
      <c r="AD27" s="85" t="e" cm="1">
        <f t="array" ref="AD27">IF(J27&gt;30,IF(K27&lt;=2,$AB$13,IF(AND(K27&gt;2,K27&lt;=4),TREND($AB$13:$AC$13,$AB$3:$AC$3,K27,TRUE),IF(AND(K27&gt;4,K27&lt;10),TREND($AC$13:$AD$13,$AC$3:$AD$3,K27,TRUE),IF(K27&gt;=10,$AD$13,1)))),IF(K27&lt;=2,$AE$13,IF(AND(K27&gt;2,K27&lt;=4),TREND($AE$13:$AF$13,$AE$3:$AF$3,K27,TRUE),IF(AND(K27&gt;4,K27&lt;10),TREND($AF$13:$AG$13,$AF$3:$AG$3,K27,TRUE),IF(K27&gt;=10,$AG$13,1)))))</f>
        <v>#N/A</v>
      </c>
      <c r="AE27" s="85" t="e" cm="1">
        <f t="array" ref="AE27">IF(J27&gt;30,IF(K27&lt;=2,$AB$14,IF(AND(K27&gt;2,K27&lt;=4),TREND($AB$14:$AC$14,$AB$3:$AC$3,K27,TRUE),IF(AND(K27&gt;4,K27&lt;10),TREND($AC$14:$AD$14,$AC$3:$AD$3,K27,TRUE),IF(K27&gt;=10,$AD$14,1)))),IF(K27&lt;=2,$AE$14,IF(AND(K27&gt;2,K27&lt;=4),TREND($AE$14:$AF$14,$AE$3:$AF$3,K27,TRUE),IF(AND(K27&gt;4,K27&lt;10),TREND($AF$14:$AG$14,$AF$3:$AG$3,K27,TRUE),IF(K27&gt;=10,$AG$14,1)))))</f>
        <v>#N/A</v>
      </c>
      <c r="AF27" s="85" t="e" cm="1">
        <f t="array" ref="AF27">IF(J27&gt;30,IF(K27&lt;=2,$AB$15,IF(AND(K27&gt;2,K27&lt;=4),TREND($AB$15:$AC$15,$AB$3:$AC$3,K27,TRUE),IF(AND(K27&gt;4,K27&lt;10),TREND($AC$15:$AD$15,$AC$3:$AD$3,K27,TRUE),IF(K27&gt;=10,$AD$15,1)))),IF(K27&lt;=2,$AE$15,IF(AND(K27&gt;2,K27&lt;=4),TREND($AE$15:$AF$15,$AE$3:$AF$3,K27,TRUE),IF(AND(K27&gt;4,K27&lt;10),TREND($AF$15:$AG$15,$AF$3:$AG$3,K27,TRUE),IF(K27&gt;=10,$AG$15,1)))))</f>
        <v>#N/A</v>
      </c>
      <c r="AG27" s="86" t="e" cm="1">
        <f t="array" ref="AG27">IF(J27&gt;30,IF(K27&lt;=2,$AB$16,IF(AND(K27&gt;2,K27&lt;=4),TREND($AB$16:$AC$16,$AB$3:$AC$3,K27,TRUE),IF(AND(K27&gt;4,K27&lt;10),TREND($AC$16:$AD$16,$AC$3:$AD$3,K27,TRUE),IF(K27&gt;=10,$AD$16,1)))),IF(K27&lt;=2,$AE$16,IF(AND(K27&gt;2,K27&lt;=4),TREND($AE$16:$AF$16,$AE$3:$AF$3,K27,TRUE),IF(AND(K27&gt;4,K27&lt;10),TREND($AF$16:$AG$16,$AF$3:$AG$3,K27,TRUE),IF(K27&gt;=10,$AG$16,1)))))</f>
        <v>#N/A</v>
      </c>
      <c r="AH27" s="85" t="e" cm="1">
        <f t="array" ref="AH27">IF(J27&gt;30,IF(K27&lt;=2,$AB$17,IF(AND(K27&gt;2,K27&lt;=4),TREND($AB$17:$AC$17,$AB$3:$AC$3,K27,TRUE),IF(AND(K27&gt;4,K27&lt;10),TREND($AC$17:$AD$17,$AC$3:$AD$3,K27,TRUE),IF(K27&gt;=10,$AD$17,1)))),IF(K27&lt;=2,$AE$17,IF(AND(K27&gt;2,K27&lt;=4),TREND($AE$17:$AF$17,$AE$3:$AF$3,K27,TRUE),IF(AND(K27&gt;4,K27&lt;10),TREND($AF$17:$AG$17,$AF$3:$AG$3,K27,TRUE),IF(K27&gt;=10,$AG$17,1)))))</f>
        <v>#N/A</v>
      </c>
      <c r="AI27" s="85" t="e" cm="1">
        <f t="array" ref="AI27">IF(J27&gt;30,IF(K27&lt;=2,$AB$18,IF(AND(K27&gt;2,K27&lt;=4),TREND($AB$18:$AC$18,$AB$3:$AC$3,K27,TRUE),IF(AND(K27&gt;4,K27&lt;10),TREND($AC$18:$AD$18,$AC$3:$AD$3,K27,TRUE),IF(K27&gt;=10,$AD$18,1)))),IF(K27&lt;=2,$AE$18,IF(AND(K27&gt;2,K27&lt;=4),TREND($AE$18:$AF$18,$AE$3:$AF$3,K27,TRUE),IF(AND(K27&gt;4,K27&lt;10),TREND($AF$18:$AG$18,$AF$3:$AG$3,K27,TRUE),IF(K27&gt;=10,$AG$18,1)))))</f>
        <v>#N/A</v>
      </c>
      <c r="AJ27" s="85" t="e" cm="1">
        <f t="array" ref="AJ27">IF(J27&gt;30,IF(K27&lt;=2,$AB$19,IF(AND(K27&gt;2,K27&lt;=4),TREND($AB$19:$AC$19,$AB$3:$AC$3,K27,TRUE),IF(AND(K27&gt;4,K27&lt;10),TREND($AC$19:$AD$19,$AC$3:$AD$3,K27,TRUE),IF(K27&gt;=10,$AD$19,1)))),IF(K27&lt;=2,$AE$19,IF(AND(K27&gt;2,K27&lt;=4),TREND($AE$19:$AF$19,$AE$3:$AF$3,K27,TRUE),IF(AND(K27&gt;4,K27&lt;10),TREND($AF$19:$AG$19,$AF$3:$AG$3,K27,TRUE),IF(K27&gt;=10,$AG$19,1)))))</f>
        <v>#N/A</v>
      </c>
      <c r="AK27" s="85" t="e" cm="1">
        <f t="array" ref="AK27">IF(J27&gt;30,IF(K27&lt;=2,$AB$20,IF(AND(K27&gt;2,K27&lt;=4),TREND($AB$20:$AC$20,$AB$3:$AC$3,K27,TRUE),IF(AND(K27&gt;4,K27&lt;10),TREND($AC$20:$AD$20,$AC$3:$AD$3,K27,TRUE),IF(K27&gt;=10,$AD$20,1)))),IF(K27&lt;=2,$AE$20,IF(AND(K27&gt;2,K27&lt;=4),TREND($AE$20:$AF$20,$AE$3:$AF$3,K27,TRUE),IF(AND(K27&gt;4,K27&lt;10),TREND($AF$20:$AG$20,$AF$3:$AG$3,K27,TRUE),IF(K27&gt;=10,$AG$20,1)))))</f>
        <v>#N/A</v>
      </c>
      <c r="AL27" s="85">
        <v>3</v>
      </c>
      <c r="AM27" s="92">
        <v>0</v>
      </c>
      <c r="AN27" s="92" t="e">
        <f t="shared" ref="AN27:AN100" si="6">$AA27*$L27*1000</f>
        <v>#N/A</v>
      </c>
      <c r="AO27" s="92" t="e">
        <f>$AB27*$L27*1000</f>
        <v>#N/A</v>
      </c>
      <c r="AP27" s="92" t="e">
        <f t="shared" ref="AP27:AP100" si="7">$AC27*$L27*1000</f>
        <v>#N/A</v>
      </c>
      <c r="AQ27" s="92" t="e">
        <f t="shared" ref="AQ27:AQ100" si="8">$AD27*$L27*1000</f>
        <v>#N/A</v>
      </c>
      <c r="AR27" s="92" t="e">
        <f t="shared" ref="AR27:AR100" si="9">$AE27*$L27*1000</f>
        <v>#N/A</v>
      </c>
      <c r="AS27" s="92" t="e">
        <f t="shared" ref="AS27:AS100" si="10">$AF27*$L27*1000</f>
        <v>#N/A</v>
      </c>
      <c r="AT27" s="92" t="e">
        <f t="shared" ref="AT27:AT100" si="11">$AG27*$L27*1000</f>
        <v>#N/A</v>
      </c>
      <c r="AU27" s="92" t="e">
        <f t="shared" ref="AU27:AU100" si="12">$AH27*$L27*1000</f>
        <v>#N/A</v>
      </c>
      <c r="AV27" s="92" t="e">
        <f t="shared" ref="AV27:AV100" si="13">$AI27*$L27*1000</f>
        <v>#N/A</v>
      </c>
      <c r="AW27" s="92" t="e">
        <f t="shared" ref="AW27:AW100" si="14">$AJ27*$L27*1000</f>
        <v>#N/A</v>
      </c>
      <c r="AX27" s="92" t="e">
        <f t="shared" ref="AX27:AX100" si="15">$AK27*$L27*1000</f>
        <v>#N/A</v>
      </c>
      <c r="AY27" s="92">
        <f t="shared" ref="AY27:AY100" si="16">$AL27*$L27*1000</f>
        <v>6000</v>
      </c>
      <c r="AZ27" s="93">
        <v>0</v>
      </c>
      <c r="BA27" s="93" t="e">
        <f>0.05*$Z27</f>
        <v>#N/A</v>
      </c>
      <c r="BB27" s="93" t="e">
        <f>0.2*$Z27</f>
        <v>#N/A</v>
      </c>
      <c r="BC27" s="93" t="e">
        <f>0.3*$Z27</f>
        <v>#N/A</v>
      </c>
      <c r="BD27" s="93" t="e">
        <f>0.4*$Z27</f>
        <v>#N/A</v>
      </c>
      <c r="BE27" s="93" t="e">
        <f>0.5*$Z27</f>
        <v>#N/A</v>
      </c>
      <c r="BF27" s="93" t="e">
        <f>0.6*$Z27</f>
        <v>#N/A</v>
      </c>
      <c r="BG27" s="93" t="e">
        <f>0.7*$Z27</f>
        <v>#N/A</v>
      </c>
      <c r="BH27" s="93" t="e">
        <f>0.8*$Z27</f>
        <v>#N/A</v>
      </c>
      <c r="BI27" s="93" t="e">
        <f>0.9*$Z27</f>
        <v>#N/A</v>
      </c>
      <c r="BJ27" s="93" t="e">
        <f>0.975*$Z27</f>
        <v>#N/A</v>
      </c>
      <c r="BK27" s="93" t="e">
        <f>1*$Z27</f>
        <v>#N/A</v>
      </c>
      <c r="BL27" s="93" t="e">
        <f>1*$Z27</f>
        <v>#N/A</v>
      </c>
      <c r="BO27" s="59"/>
    </row>
    <row r="28" spans="1:67" x14ac:dyDescent="0.2">
      <c r="B28" s="79">
        <f t="shared" ref="B28" si="17">$B$26 - $C28</f>
        <v>-17.5</v>
      </c>
      <c r="C28" s="73">
        <f>C27+1</f>
        <v>2</v>
      </c>
      <c r="D28" s="64">
        <f>INDEX('CPT Data'!$C$13:$C$20000,MATCH($C28,'CPT Data'!$B$13:$B$20000,1))</f>
        <v>1.9860000000000002</v>
      </c>
      <c r="E28" s="55" t="str">
        <f>INDEX('CPT Data'!$P$13:$P$20000,MATCH($C28,'CPT Data'!$B$13:$B$20000,1))</f>
        <v>SAND</v>
      </c>
      <c r="F28" s="76" t="e">
        <f>INDEX('CPT Data'!$Q$13:$Q$20000,MATCH($C28,'CPT Data'!$B$13:$B$20000,1))</f>
        <v>#N/A</v>
      </c>
      <c r="G28" s="76">
        <f>INDEX('CPT Data'!$I$13:$I$20000,MATCH(C28,'CPT Data'!$B$13:$B$20000,1))</f>
        <v>13.037505341998505</v>
      </c>
      <c r="H28" s="76">
        <f>INDEX('CPT Data'!$J$13:$J$20000,MATCH($C28,'CPT Data'!$B$13:$B$20000,1))</f>
        <v>3.0375053419985054</v>
      </c>
      <c r="I28" s="76">
        <f>INDEX('CPT Data'!$L$13:$L$20000,MATCH(C28,'CPT Data'!$B$13:$B$20000,1))</f>
        <v>6.0537481466030219</v>
      </c>
      <c r="J28" s="226">
        <f>INDEX('CPT Data'!$R$13:$R$20000,MATCH(C28,'CPT Data'!$B$13:$B$20000,1))</f>
        <v>35</v>
      </c>
      <c r="K28" s="76" t="e">
        <f>INDEX('CPT Data'!$S$13:$S$20000,MATCH($C28,'CPT Data'!$B$13:$B$20000,1))</f>
        <v>#N/A</v>
      </c>
      <c r="L28" s="55">
        <f>VLOOKUP($C28, 'Pile Property'!$A$8:$D$108,2,TRUE)</f>
        <v>2</v>
      </c>
      <c r="M28" s="234" t="e">
        <f t="shared" si="0"/>
        <v>#N/A</v>
      </c>
      <c r="N28" s="65" t="e">
        <f>'CPT Data'!$P$6/($M28*$L28)</f>
        <v>#N/A</v>
      </c>
      <c r="O28" s="76" t="e">
        <f>MAX(16.8 - 2.3*LOG10($N28), 14.5)</f>
        <v>#N/A</v>
      </c>
      <c r="P28" s="76" t="e">
        <f t="shared" si="1"/>
        <v>#N/A</v>
      </c>
      <c r="Q28" s="65" t="e">
        <f t="shared" ref="Q28:Q100" si="18">IF($P28&gt;1, 0.5*$P28^-0.25, 0.5*$P28^-0.5)</f>
        <v>#N/A</v>
      </c>
      <c r="R28" s="76" t="e">
        <f t="shared" ref="R28:R100" si="19">9 + 3*$Q28</f>
        <v>#N/A</v>
      </c>
      <c r="S28" s="76" t="e">
        <f t="shared" si="2"/>
        <v>#N/A</v>
      </c>
      <c r="T28" s="76"/>
      <c r="U28" s="76"/>
      <c r="V28" s="76" t="e">
        <f t="shared" si="3"/>
        <v>#N/A</v>
      </c>
      <c r="W28" s="76" t="e">
        <f>MIN(2*$S28, $R28)</f>
        <v>#N/A</v>
      </c>
      <c r="X28" s="76" t="e">
        <f t="shared" si="4"/>
        <v>#N/A</v>
      </c>
      <c r="Y28" s="76" t="e">
        <f t="shared" si="5"/>
        <v>#N/A</v>
      </c>
      <c r="Z28" s="76" t="e">
        <f>$Y28*$L28</f>
        <v>#N/A</v>
      </c>
      <c r="AA28" s="85" t="e" cm="1">
        <f t="array" ref="AA28">IF(J28&gt;30,IF(K28&lt;=2,$AB$10,IF(AND(K28&gt;2,K28&lt;=4),TREND($AB$10:$AC$10,$AB$3:$AC$3,K28,TRUE),IF(AND(K28&gt;4,K28&lt;10),TREND($AC$10:$AD$10,$AC$3:$AD$3,K28,TRUE),IF(K28&gt;=10,$AD$10,1)))),IF(K28&lt;=2,$AE$10,IF(AND(K28&gt;2,K28&lt;=4),TREND($AE$10:$AF$10,$AE$3:$AF$3,K28,TRUE),IF(AND(K28&gt;4,K28&lt;10),TREND($AF$10:$AG$10,$AF$3:$AG$3,K28,TRUE),IF(K28&gt;=10,$AG$10,1)))))</f>
        <v>#N/A</v>
      </c>
      <c r="AB28" s="85" t="e" cm="1">
        <f t="array" ref="AB28">IF(J28&gt;30,IF(K28&lt;=2,$AB$11,IF(AND(K28&gt;2,K28&lt;=4),TREND($AB$11:$AC$11,$AB$3:$AC$3,K28,TRUE),IF(AND(K28&gt;4,K28&lt;10),TREND($AC$11:$AD$11,$AC$3:$AD$3,K28,TRUE),IF(K28&gt;=10,$AD$11,1)))),IF(K28&lt;=2,$AE$11,IF(AND(K28&gt;2,K28&lt;=4),TREND($AE$11:$AF$11,$AE$3:$AF$3,K28,TRUE),IF(AND(K28&gt;4,K28&lt;10),TREND($AF$11:$AG$11,$AF$3:$AG$3,K28,TRUE),IF(K28&gt;=10,$AG$11,1)))))</f>
        <v>#N/A</v>
      </c>
      <c r="AC28" s="85" t="e" cm="1">
        <f t="array" ref="AC28">IF(J28&gt;30,IF(K28&lt;=2,$AB$12,IF(AND(K28&gt;2,K28&lt;=4),TREND($AB$12:$AC$12,$AB$3:$AC$3,K28,TRUE),IF(AND(K28&gt;4,K28&lt;10),TREND($AC$12:$AD$12,$AC$3:$AD$3,K28,TRUE),IF(K28&gt;=10,$AD$12,1)))),IF(K28&lt;=2,$AE$12,IF(AND(K28&gt;2,K28&lt;=4),TREND($AE$12:$AF$12,$AE$3:$AF$3,K28,TRUE),IF(AND(K28&gt;4,K28&lt;10),TREND($AF$12:$AG$12,$AF$3:$AG$3,K28,TRUE),IF(K28&gt;=10,$AG$12,1)))))</f>
        <v>#N/A</v>
      </c>
      <c r="AD28" s="85" t="e" cm="1">
        <f t="array" ref="AD28">IF(J28&gt;30,IF(K28&lt;=2,$AB$13,IF(AND(K28&gt;2,K28&lt;=4),TREND($AB$13:$AC$13,$AB$3:$AC$3,K28,TRUE),IF(AND(K28&gt;4,K28&lt;10),TREND($AC$13:$AD$13,$AC$3:$AD$3,K28,TRUE),IF(K28&gt;=10,$AD$13,1)))),IF(K28&lt;=2,$AE$13,IF(AND(K28&gt;2,K28&lt;=4),TREND($AE$13:$AF$13,$AE$3:$AF$3,K28,TRUE),IF(AND(K28&gt;4,K28&lt;10),TREND($AF$13:$AG$13,$AF$3:$AG$3,K28,TRUE),IF(K28&gt;=10,$AG$13,1)))))</f>
        <v>#N/A</v>
      </c>
      <c r="AE28" s="85" t="e" cm="1">
        <f t="array" ref="AE28">IF(J28&gt;30,IF(K28&lt;=2,$AB$14,IF(AND(K28&gt;2,K28&lt;=4),TREND($AB$14:$AC$14,$AB$3:$AC$3,K28,TRUE),IF(AND(K28&gt;4,K28&lt;10),TREND($AC$14:$AD$14,$AC$3:$AD$3,K28,TRUE),IF(K28&gt;=10,$AD$14,1)))),IF(K28&lt;=2,$AE$14,IF(AND(K28&gt;2,K28&lt;=4),TREND($AE$14:$AF$14,$AE$3:$AF$3,K28,TRUE),IF(AND(K28&gt;4,K28&lt;10),TREND($AF$14:$AG$14,$AF$3:$AG$3,K28,TRUE),IF(K28&gt;=10,$AG$14,1)))))</f>
        <v>#N/A</v>
      </c>
      <c r="AF28" s="85" t="e" cm="1">
        <f t="array" ref="AF28">IF(J28&gt;30,IF(K28&lt;=2,$AB$15,IF(AND(K28&gt;2,K28&lt;=4),TREND($AB$15:$AC$15,$AB$3:$AC$3,K28,TRUE),IF(AND(K28&gt;4,K28&lt;10),TREND($AC$15:$AD$15,$AC$3:$AD$3,K28,TRUE),IF(K28&gt;=10,$AD$15,1)))),IF(K28&lt;=2,$AE$15,IF(AND(K28&gt;2,K28&lt;=4),TREND($AE$15:$AF$15,$AE$3:$AF$3,K28,TRUE),IF(AND(K28&gt;4,K28&lt;10),TREND($AF$15:$AG$15,$AF$3:$AG$3,K28,TRUE),IF(K28&gt;=10,$AG$15,1)))))</f>
        <v>#N/A</v>
      </c>
      <c r="AG28" s="86" t="e" cm="1">
        <f t="array" ref="AG28">IF(J28&gt;30,IF(K28&lt;=2,$AB$16,IF(AND(K28&gt;2,K28&lt;=4),TREND($AB$16:$AC$16,$AB$3:$AC$3,K28,TRUE),IF(AND(K28&gt;4,K28&lt;10),TREND($AC$16:$AD$16,$AC$3:$AD$3,K28,TRUE),IF(K28&gt;=10,$AD$16,1)))),IF(K28&lt;=2,$AE$16,IF(AND(K28&gt;2,K28&lt;=4),TREND($AE$16:$AF$16,$AE$3:$AF$3,K28,TRUE),IF(AND(K28&gt;4,K28&lt;10),TREND($AF$16:$AG$16,$AF$3:$AG$3,K28,TRUE),IF(K28&gt;=10,$AG$16,1)))))</f>
        <v>#N/A</v>
      </c>
      <c r="AH28" s="85" t="e" cm="1">
        <f t="array" ref="AH28">IF(J28&gt;30,IF(K28&lt;=2,$AB$17,IF(AND(K28&gt;2,K28&lt;=4),TREND($AB$17:$AC$17,$AB$3:$AC$3,K28,TRUE),IF(AND(K28&gt;4,K28&lt;10),TREND($AC$17:$AD$17,$AC$3:$AD$3,K28,TRUE),IF(K28&gt;=10,$AD$17,1)))),IF(K28&lt;=2,$AE$17,IF(AND(K28&gt;2,K28&lt;=4),TREND($AE$17:$AF$17,$AE$3:$AF$3,K28,TRUE),IF(AND(K28&gt;4,K28&lt;10),TREND($AF$17:$AG$17,$AF$3:$AG$3,K28,TRUE),IF(K28&gt;=10,$AG$17,1)))))</f>
        <v>#N/A</v>
      </c>
      <c r="AI28" s="85" t="e" cm="1">
        <f t="array" ref="AI28">IF(J28&gt;30,IF(K28&lt;=2,$AB$18,IF(AND(K28&gt;2,K28&lt;=4),TREND($AB$18:$AC$18,$AB$3:$AC$3,K28,TRUE),IF(AND(K28&gt;4,K28&lt;10),TREND($AC$18:$AD$18,$AC$3:$AD$3,K28,TRUE),IF(K28&gt;=10,$AD$18,1)))),IF(K28&lt;=2,$AE$18,IF(AND(K28&gt;2,K28&lt;=4),TREND($AE$18:$AF$18,$AE$3:$AF$3,K28,TRUE),IF(AND(K28&gt;4,K28&lt;10),TREND($AF$18:$AG$18,$AF$3:$AG$3,K28,TRUE),IF(K28&gt;=10,$AG$18,1)))))</f>
        <v>#N/A</v>
      </c>
      <c r="AJ28" s="85" t="e" cm="1">
        <f t="array" ref="AJ28">IF(J28&gt;30,IF(K28&lt;=2,$AB$19,IF(AND(K28&gt;2,K28&lt;=4),TREND($AB$19:$AC$19,$AB$3:$AC$3,K28,TRUE),IF(AND(K28&gt;4,K28&lt;10),TREND($AC$19:$AD$19,$AC$3:$AD$3,K28,TRUE),IF(K28&gt;=10,$AD$19,1)))),IF(K28&lt;=2,$AE$19,IF(AND(K28&gt;2,K28&lt;=4),TREND($AE$19:$AF$19,$AE$3:$AF$3,K28,TRUE),IF(AND(K28&gt;4,K28&lt;10),TREND($AF$19:$AG$19,$AF$3:$AG$3,K28,TRUE),IF(K28&gt;=10,$AG$19,1)))))</f>
        <v>#N/A</v>
      </c>
      <c r="AK28" s="85" t="e" cm="1">
        <f t="array" ref="AK28">IF(J28&gt;30,IF(K28&lt;=2,$AB$20,IF(AND(K28&gt;2,K28&lt;=4),TREND($AB$20:$AC$20,$AB$3:$AC$3,K28,TRUE),IF(AND(K28&gt;4,K28&lt;10),TREND($AC$20:$AD$20,$AC$3:$AD$3,K28,TRUE),IF(K28&gt;=10,$AD$20,1)))),IF(K28&lt;=2,$AE$20,IF(AND(K28&gt;2,K28&lt;=4),TREND($AE$20:$AF$20,$AE$3:$AF$3,K28,TRUE),IF(AND(K28&gt;4,K28&lt;10),TREND($AF$20:$AG$20,$AF$3:$AG$3,K28,TRUE),IF(K28&gt;=10,$AG$20,1)))))</f>
        <v>#N/A</v>
      </c>
      <c r="AL28" s="85">
        <v>3</v>
      </c>
      <c r="AM28" s="92">
        <v>0</v>
      </c>
      <c r="AN28" s="92" t="e">
        <f t="shared" si="6"/>
        <v>#N/A</v>
      </c>
      <c r="AO28" s="92" t="e">
        <f>$AB28*$L28*1000</f>
        <v>#N/A</v>
      </c>
      <c r="AP28" s="92" t="e">
        <f t="shared" si="7"/>
        <v>#N/A</v>
      </c>
      <c r="AQ28" s="92" t="e">
        <f t="shared" si="8"/>
        <v>#N/A</v>
      </c>
      <c r="AR28" s="92" t="e">
        <f t="shared" si="9"/>
        <v>#N/A</v>
      </c>
      <c r="AS28" s="92" t="e">
        <f t="shared" si="10"/>
        <v>#N/A</v>
      </c>
      <c r="AT28" s="92" t="e">
        <f t="shared" si="11"/>
        <v>#N/A</v>
      </c>
      <c r="AU28" s="92" t="e">
        <f t="shared" si="12"/>
        <v>#N/A</v>
      </c>
      <c r="AV28" s="92" t="e">
        <f t="shared" si="13"/>
        <v>#N/A</v>
      </c>
      <c r="AW28" s="92" t="e">
        <f t="shared" si="14"/>
        <v>#N/A</v>
      </c>
      <c r="AX28" s="92" t="e">
        <f t="shared" si="15"/>
        <v>#N/A</v>
      </c>
      <c r="AY28" s="92">
        <f t="shared" si="16"/>
        <v>6000</v>
      </c>
      <c r="AZ28" s="93">
        <v>0</v>
      </c>
      <c r="BA28" s="93" t="e">
        <f>0.05*$Z28</f>
        <v>#N/A</v>
      </c>
      <c r="BB28" s="93" t="e">
        <f>0.2*$Z28</f>
        <v>#N/A</v>
      </c>
      <c r="BC28" s="93" t="e">
        <f>0.3*$Z28</f>
        <v>#N/A</v>
      </c>
      <c r="BD28" s="93" t="e">
        <f>0.4*$Z28</f>
        <v>#N/A</v>
      </c>
      <c r="BE28" s="93" t="e">
        <f>0.5*$Z28</f>
        <v>#N/A</v>
      </c>
      <c r="BF28" s="93" t="e">
        <f>0.6*$Z28</f>
        <v>#N/A</v>
      </c>
      <c r="BG28" s="93" t="e">
        <f>0.7*$Z28</f>
        <v>#N/A</v>
      </c>
      <c r="BH28" s="93" t="e">
        <f>0.8*$Z28</f>
        <v>#N/A</v>
      </c>
      <c r="BI28" s="93" t="e">
        <f>0.9*$Z28</f>
        <v>#N/A</v>
      </c>
      <c r="BJ28" s="93" t="e">
        <f>0.975*$Z28</f>
        <v>#N/A</v>
      </c>
      <c r="BK28" s="93" t="e">
        <f>1*$Z28</f>
        <v>#N/A</v>
      </c>
      <c r="BL28" s="93" t="e">
        <f>1*$Z28</f>
        <v>#N/A</v>
      </c>
    </row>
    <row r="29" spans="1:67" x14ac:dyDescent="0.2">
      <c r="B29" s="79">
        <f>$B$26 - $C29</f>
        <v>-18.5</v>
      </c>
      <c r="C29" s="73">
        <f t="shared" ref="C29:C92" si="20">C28+1</f>
        <v>3</v>
      </c>
      <c r="D29" s="64">
        <f>INDEX('CPT Data'!$C$13:$C$20000,MATCH($C29,'CPT Data'!$B$13:$B$20000,1))</f>
        <v>2.9659999999999997</v>
      </c>
      <c r="E29" s="55" t="str">
        <f>INDEX('CPT Data'!$P$13:$P$20000,MATCH($C29,'CPT Data'!$B$13:$B$20000,1))</f>
        <v>CLAY</v>
      </c>
      <c r="F29" s="76">
        <f>INDEX('CPT Data'!$Q$13:$Q$20000,MATCH($C29,'CPT Data'!$B$13:$B$20000,1))</f>
        <v>11.068176536279937</v>
      </c>
      <c r="G29" s="76">
        <f>INDEX('CPT Data'!$I$13:$I$20000,MATCH(C29,'CPT Data'!$B$13:$B$20000,1))</f>
        <v>13.925111788483058</v>
      </c>
      <c r="H29" s="76">
        <f>INDEX('CPT Data'!$J$13:$J$20000,MATCH($C29,'CPT Data'!$B$13:$B$20000,1))</f>
        <v>3.9251117884830578</v>
      </c>
      <c r="I29" s="76">
        <f>INDEX('CPT Data'!$L$13:$L$20000,MATCH(C29,'CPT Data'!$B$13:$B$20000,1))</f>
        <v>11.66935734716013</v>
      </c>
      <c r="J29" s="226">
        <f>INDEX('CPT Data'!$R$13:$R$20000,MATCH(C29,'CPT Data'!$B$13:$B$20000,1))</f>
        <v>35</v>
      </c>
      <c r="K29" s="76">
        <f>INDEX('CPT Data'!$S$13:$S$20000,MATCH($C29,'CPT Data'!$B$13:$B$20000,1))</f>
        <v>5.2264041368206664</v>
      </c>
      <c r="L29" s="55">
        <f>VLOOKUP($C29, 'Pile Property'!$A$8:$D$108,2,TRUE)</f>
        <v>2</v>
      </c>
      <c r="M29" s="234">
        <f>IF($E29="CLAY",ABS($F29-'CPT Data'!$Q$292)/$D29,#N/A)</f>
        <v>5.4572244003199398E-2</v>
      </c>
      <c r="N29" s="65">
        <f>$F$29/($M29*$L29)</f>
        <v>101.40847914950176</v>
      </c>
      <c r="O29" s="76">
        <f>MAX(16.8 - 2.3*LOG10($N29), 14.5)</f>
        <v>14.5</v>
      </c>
      <c r="P29" s="76">
        <f>$F29/$I29</f>
        <v>0.94848209777151982</v>
      </c>
      <c r="Q29" s="65">
        <f>IF($P29&gt;1, 0.5*$P29^-0.25, 0.5*$P29^-0.5)</f>
        <v>0.51339949276309793</v>
      </c>
      <c r="R29" s="76">
        <f t="shared" si="19"/>
        <v>10.540198478289295</v>
      </c>
      <c r="S29" s="76">
        <f>MIN(IFERROR(($N$5 - (1 - $Q29) - ($N$5 - $N$6)*(1 - ($D29/($O29*$L29))^0.6)^1.35),$R29),$R29)</f>
        <v>5.6084299924756156</v>
      </c>
      <c r="T29" s="76"/>
      <c r="U29" s="76"/>
      <c r="V29" s="76">
        <f>MIN($S29 + $I29/$F29, $R29)</f>
        <v>6.6627461491532403</v>
      </c>
      <c r="W29" s="76">
        <f>MIN(2*$S29, $R29)</f>
        <v>10.540198478289295</v>
      </c>
      <c r="X29" s="76">
        <f t="shared" si="4"/>
        <v>6.6627461491532403</v>
      </c>
      <c r="Y29" s="76">
        <f>$X29*$F29</f>
        <v>73.7444505952474</v>
      </c>
      <c r="Z29" s="76">
        <f>$Y29*$L29</f>
        <v>147.4889011904948</v>
      </c>
      <c r="AA29" s="85" cm="1">
        <f t="array" ref="AA29">IF(J29&gt;30,IF(K29&lt;=2,$AB$10,IF(AND(K29&gt;2,K29&lt;=4),TREND($AB$10:$AC$10,$AB$3:$AC$3,K29,TRUE),IF(AND(K29&gt;4,K29&lt;10),TREND($AC$10:$AD$10,$AC$3:$AD$3,K29,TRUE),IF(K29&gt;=10,$AD$10,1)))),IF(K29&lt;=2,$AE$10,IF(AND(K29&gt;2,K29&lt;=4),TREND($AE$10:$AF$10,$AE$3:$AF$3,K29,TRUE),IF(AND(K29&gt;4,K29&lt;10),TREND($AF$10:$AG$10,$AF$3:$AG$3,K29,TRUE),IF(K29&gt;=10,$AG$10,1)))))</f>
        <v>4.2044006894701108E-4</v>
      </c>
      <c r="AB29" s="85" cm="1">
        <f t="array" ref="AB29">IF(J29&gt;30,IF(K29&lt;=2,$AB$11,IF(AND(K29&gt;2,K29&lt;=4),TREND($AB$11:$AC$11,$AB$3:$AC$3,K29,TRUE),IF(AND(K29&gt;4,K29&lt;10),TREND($AC$11:$AD$11,$AC$3:$AD$3,K29,TRUE),IF(K29&gt;=10,$AD$11,1)))),IF(K29&lt;=2,$AE$11,IF(AND(K29&gt;2,K29&lt;=4),TREND($AE$11:$AF$11,$AE$3:$AF$3,K29,TRUE),IF(AND(K29&gt;4,K29&lt;10),TREND($AF$11:$AG$11,$AF$3:$AG$3,K29,TRUE),IF(K29&gt;=10,$AG$11,1)))))</f>
        <v>4.2044006894701117E-3</v>
      </c>
      <c r="AC29" s="85" cm="1">
        <f t="array" ref="AC29">IF(J29&gt;30,IF(K29&lt;=2,$AB$12,IF(AND(K29&gt;2,K29&lt;=4),TREND($AB$12:$AC$12,$AB$3:$AC$3,K29,TRUE),IF(AND(K29&gt;4,K29&lt;10),TREND($AC$12:$AD$12,$AC$3:$AD$3,K29,TRUE),IF(K29&gt;=10,$AD$12,1)))),IF(K29&lt;=2,$AE$12,IF(AND(K29&gt;2,K29&lt;=4),TREND($AE$12:$AF$12,$AE$3:$AF$3,K29,TRUE),IF(AND(K29&gt;4,K29&lt;10),TREND($AF$12:$AG$12,$AF$3:$AG$3,K29,TRUE),IF(K29&gt;=10,$AG$12,1)))))</f>
        <v>8.6132020684103316E-3</v>
      </c>
      <c r="AD29" s="85" cm="1">
        <f t="array" ref="AD29">IF(J29&gt;30,IF(K29&lt;=2,$AB$13,IF(AND(K29&gt;2,K29&lt;=4),TREND($AB$13:$AC$13,$AB$3:$AC$3,K29,TRUE),IF(AND(K29&gt;4,K29&lt;10),TREND($AC$13:$AD$13,$AC$3:$AD$3,K29,TRUE),IF(K29&gt;=10,$AD$13,1)))),IF(K29&lt;=2,$AE$13,IF(AND(K29&gt;2,K29&lt;=4),TREND($AE$13:$AF$13,$AE$3:$AF$3,K29,TRUE),IF(AND(K29&gt;4,K29&lt;10),TREND($AF$13:$AG$13,$AF$3:$AG$3,K29,TRUE),IF(K29&gt;=10,$AG$13,1)))))</f>
        <v>1.6226404136820669E-2</v>
      </c>
      <c r="AE29" s="85" cm="1">
        <f t="array" ref="AE29">IF(J29&gt;30,IF(K29&lt;=2,$AB$14,IF(AND(K29&gt;2,K29&lt;=4),TREND($AB$14:$AC$14,$AB$3:$AC$3,K29,TRUE),IF(AND(K29&gt;4,K29&lt;10),TREND($AC$14:$AD$14,$AC$3:$AD$3,K29,TRUE),IF(K29&gt;=10,$AD$14,1)))),IF(K29&lt;=2,$AE$14,IF(AND(K29&gt;2,K29&lt;=4),TREND($AE$14:$AF$14,$AE$3:$AF$3,K29,TRUE),IF(AND(K29&gt;4,K29&lt;10),TREND($AF$14:$AG$14,$AF$3:$AG$3,K29,TRUE),IF(K29&gt;=10,$AG$14,1)))))</f>
        <v>2.604400689470111E-2</v>
      </c>
      <c r="AF29" s="85" cm="1">
        <f t="array" ref="AF29">IF(J29&gt;30,IF(K29&lt;=2,$AB$15,IF(AND(K29&gt;2,K29&lt;=4),TREND($AB$15:$AC$15,$AB$3:$AC$3,K29,TRUE),IF(AND(K29&gt;4,K29&lt;10),TREND($AC$15:$AD$15,$AC$3:$AD$3,K29,TRUE),IF(K29&gt;=10,$AD$15,1)))),IF(K29&lt;=2,$AE$15,IF(AND(K29&gt;2,K29&lt;=4),TREND($AE$15:$AF$15,$AE$3:$AF$3,K29,TRUE),IF(AND(K29&gt;4,K29&lt;10),TREND($AF$15:$AG$15,$AF$3:$AG$3,K29,TRUE),IF(K29&gt;=10,$AG$15,1)))))</f>
        <v>3.9270411031521776E-2</v>
      </c>
      <c r="AG29" s="86" cm="1">
        <f t="array" ref="AG29">IF(J29&gt;30,IF(K29&lt;=2,$AB$16,IF(AND(K29&gt;2,K29&lt;=4),TREND($AB$16:$AC$16,$AB$3:$AC$3,K29,TRUE),IF(AND(K29&gt;4,K29&lt;10),TREND($AC$16:$AD$16,$AC$3:$AD$3,K29,TRUE),IF(K29&gt;=10,$AD$16,1)))),IF(K29&lt;=2,$AE$16,IF(AND(K29&gt;2,K29&lt;=4),TREND($AE$16:$AF$16,$AE$3:$AF$3,K29,TRUE),IF(AND(K29&gt;4,K29&lt;10),TREND($AF$16:$AG$16,$AF$3:$AG$3,K29,TRUE),IF(K29&gt;=10,$AG$16,1)))))</f>
        <v>5.9701215857812559E-2</v>
      </c>
      <c r="AH29" s="85" cm="1">
        <f t="array" ref="AH29">IF(J29&gt;30,IF(K29&lt;=2,$AB$17,IF(AND(K29&gt;2,K29&lt;=4),TREND($AB$17:$AC$17,$AB$3:$AC$3,K29,TRUE),IF(AND(K29&gt;4,K29&lt;10),TREND($AC$17:$AD$17,$AC$3:$AD$3,K29,TRUE),IF(K29&gt;=10,$AD$17,1)))),IF(K29&lt;=2,$AE$17,IF(AND(K29&gt;2,K29&lt;=4),TREND($AE$17:$AF$17,$AE$3:$AF$3,K29,TRUE),IF(AND(K29&gt;4,K29&lt;10),TREND($AF$17:$AG$17,$AF$3:$AG$3,K29,TRUE),IF(K29&gt;=10,$AG$17,1)))))</f>
        <v>9.1358424820924017E-2</v>
      </c>
      <c r="AI29" s="85" cm="1">
        <f t="array" ref="AI29">IF(J29&gt;30,IF(K29&lt;=2,$AB$18,IF(AND(K29&gt;2,K29&lt;=4),TREND($AB$18:$AC$18,$AB$3:$AC$3,K29,TRUE),IF(AND(K29&gt;4,K29&lt;10),TREND($AC$18:$AD$18,$AC$3:$AD$3,K29,TRUE),IF(K29&gt;=10,$AD$18,1)))),IF(K29&lt;=2,$AE$18,IF(AND(K29&gt;2,K29&lt;=4),TREND($AE$18:$AF$18,$AE$3:$AF$3,K29,TRUE),IF(AND(K29&gt;4,K29&lt;10),TREND($AF$18:$AG$18,$AF$3:$AG$3,K29,TRUE),IF(K29&gt;=10,$AG$18,1)))))</f>
        <v>0.15022003447350557</v>
      </c>
      <c r="AJ29" s="85" cm="1">
        <f t="array" ref="AJ29">IF(J29&gt;30,IF(K29&lt;=2,$AB$19,IF(AND(K29&gt;2,K29&lt;=4),TREND($AB$19:$AC$19,$AB$3:$AC$3,K29,TRUE),IF(AND(K29&gt;4,K29&lt;10),TREND($AC$19:$AD$19,$AC$3:$AD$3,K29,TRUE),IF(K29&gt;=10,$AD$19,1)))),IF(K29&lt;=2,$AE$19,IF(AND(K29&gt;2,K29&lt;=4),TREND($AE$19:$AF$19,$AE$3:$AF$3,K29,TRUE),IF(AND(K29&gt;4,K29&lt;10),TREND($AF$19:$AG$19,$AF$3:$AG$3,K29,TRUE),IF(K29&gt;=10,$AG$19,1)))))</f>
        <v>0.24430804826290778</v>
      </c>
      <c r="AK29" s="85" cm="1">
        <f t="array" ref="AK29">IF(J29&gt;30,IF(K29&lt;=2,$AB$20,IF(AND(K29&gt;2,K29&lt;=4),TREND($AB$20:$AC$20,$AB$3:$AC$3,K29,TRUE),IF(AND(K29&gt;4,K29&lt;10),TREND($AC$20:$AD$20,$AC$3:$AD$3,K29,TRUE),IF(K29&gt;=10,$AD$20,1)))),IF(K29&lt;=2,$AE$20,IF(AND(K29&gt;2,K29&lt;=4),TREND($AE$20:$AF$20,$AE$3:$AF$3,K29,TRUE),IF(AND(K29&gt;4,K29&lt;10),TREND($AF$20:$AG$20,$AF$3:$AG$3,K29,TRUE),IF(K29&gt;=10,$AG$20,1)))))</f>
        <v>0.32044006894701105</v>
      </c>
      <c r="AL29" s="85">
        <v>3</v>
      </c>
      <c r="AM29" s="92">
        <v>0</v>
      </c>
      <c r="AN29" s="92">
        <f t="shared" si="6"/>
        <v>0.84088013789402216</v>
      </c>
      <c r="AO29" s="92">
        <f t="shared" ref="AO29:AO100" si="21">$AB29*$L29*1000</f>
        <v>8.4088013789402236</v>
      </c>
      <c r="AP29" s="92">
        <f t="shared" si="7"/>
        <v>17.226404136820662</v>
      </c>
      <c r="AQ29" s="92">
        <f t="shared" si="8"/>
        <v>32.452808273641338</v>
      </c>
      <c r="AR29" s="92">
        <f t="shared" si="9"/>
        <v>52.088013789402218</v>
      </c>
      <c r="AS29" s="92">
        <f t="shared" si="10"/>
        <v>78.540822063043549</v>
      </c>
      <c r="AT29" s="92">
        <f t="shared" si="11"/>
        <v>119.40243171562511</v>
      </c>
      <c r="AU29" s="92">
        <f t="shared" si="12"/>
        <v>182.71684964184803</v>
      </c>
      <c r="AV29" s="92">
        <f t="shared" si="13"/>
        <v>300.44006894701113</v>
      </c>
      <c r="AW29" s="92">
        <f t="shared" si="14"/>
        <v>488.61609652581558</v>
      </c>
      <c r="AX29" s="92">
        <f t="shared" si="15"/>
        <v>640.88013789402214</v>
      </c>
      <c r="AY29" s="92">
        <f t="shared" si="16"/>
        <v>6000</v>
      </c>
      <c r="AZ29" s="93">
        <v>0</v>
      </c>
      <c r="BA29" s="93">
        <f>0.05*$Z29</f>
        <v>7.3744450595247404</v>
      </c>
      <c r="BB29" s="93">
        <f t="shared" ref="BB29:BB100" si="22">0.2*$Z29</f>
        <v>29.497780238098962</v>
      </c>
      <c r="BC29" s="93">
        <f t="shared" ref="BC29:BC100" si="23">0.3*$Z29</f>
        <v>44.246670357148439</v>
      </c>
      <c r="BD29" s="93">
        <f t="shared" ref="BD29:BD100" si="24">0.4*$Z29</f>
        <v>58.995560476197923</v>
      </c>
      <c r="BE29" s="93">
        <f t="shared" ref="BE29:BE100" si="25">0.5*$Z29</f>
        <v>73.7444505952474</v>
      </c>
      <c r="BF29" s="93">
        <f t="shared" ref="BF29:BF100" si="26">0.6*$Z29</f>
        <v>88.493340714296878</v>
      </c>
      <c r="BG29" s="93">
        <f t="shared" ref="BG29:BG100" si="27">0.7*$Z29</f>
        <v>103.24223083334635</v>
      </c>
      <c r="BH29" s="93">
        <f t="shared" ref="BH29:BH100" si="28">0.8*$Z29</f>
        <v>117.99112095239585</v>
      </c>
      <c r="BI29" s="93">
        <f t="shared" ref="BI29:BI100" si="29">0.9*$Z29</f>
        <v>132.74001107144534</v>
      </c>
      <c r="BJ29" s="93">
        <f t="shared" ref="BJ29:BJ100" si="30">0.975*$Z29</f>
        <v>143.80167866073242</v>
      </c>
      <c r="BK29" s="93">
        <f t="shared" ref="BK29:BL100" si="31">1*$Z29</f>
        <v>147.4889011904948</v>
      </c>
      <c r="BL29" s="93">
        <f t="shared" si="31"/>
        <v>147.4889011904948</v>
      </c>
    </row>
    <row r="30" spans="1:67" x14ac:dyDescent="0.2">
      <c r="B30" s="79">
        <f>$B$26 - $C30</f>
        <v>-19.5</v>
      </c>
      <c r="C30" s="73">
        <f t="shared" si="20"/>
        <v>4</v>
      </c>
      <c r="D30" s="64">
        <f>INDEX('CPT Data'!$C$13:$C$20000,MATCH($C30,'CPT Data'!$B$13:$B$20000,1))</f>
        <v>3.9899999999999998</v>
      </c>
      <c r="E30" s="55" t="str">
        <f>INDEX('CPT Data'!$P$13:$P$20000,MATCH($C30,'CPT Data'!$B$13:$B$20000,1))</f>
        <v>CLAY</v>
      </c>
      <c r="F30" s="76">
        <f>INDEX('CPT Data'!$Q$13:$Q$20000,MATCH($C30,'CPT Data'!$B$13:$B$20000,1))</f>
        <v>9.8143896692748456</v>
      </c>
      <c r="G30" s="76">
        <f>INDEX('CPT Data'!$I$13:$I$20000,MATCH(C30,'CPT Data'!$B$13:$B$20000,1))</f>
        <v>14.352712774110739</v>
      </c>
      <c r="H30" s="76">
        <f>INDEX('CPT Data'!$J$13:$J$20000,MATCH($C30,'CPT Data'!$B$13:$B$20000,1))</f>
        <v>4.3527127741107385</v>
      </c>
      <c r="I30" s="76">
        <f>INDEX('CPT Data'!$L$13:$L$20000,MATCH(C30,'CPT Data'!$B$13:$B$20000,1))</f>
        <v>17.397792958120622</v>
      </c>
      <c r="J30" s="226">
        <f>INDEX('CPT Data'!$R$13:$R$20000,MATCH(C30,'CPT Data'!$B$13:$B$20000,1))</f>
        <v>35</v>
      </c>
      <c r="K30" s="76">
        <f>INDEX('CPT Data'!$S$13:$S$20000,MATCH($C30,'CPT Data'!$B$13:$B$20000,1))</f>
        <v>2.7297821518763596</v>
      </c>
      <c r="L30" s="55">
        <f>VLOOKUP($C30, 'Pile Property'!$A$8:$D$108,2,TRUE)</f>
        <v>2</v>
      </c>
      <c r="M30" s="234">
        <f>IF($E30="CLAY",ABS($F30-'CPT Data'!$Q$292)/$D30,#N/A)</f>
        <v>0.35479903326280227</v>
      </c>
      <c r="N30" s="65">
        <f t="shared" ref="N30:N93" si="32">$F$29/($M30*$L30)</f>
        <v>15.597811012187366</v>
      </c>
      <c r="O30" s="76">
        <f>MAX(16.8 - 2.3*LOG10($N30), 14.5)</f>
        <v>14.5</v>
      </c>
      <c r="P30" s="76">
        <f t="shared" si="1"/>
        <v>0.5641169367229345</v>
      </c>
      <c r="Q30" s="65">
        <f t="shared" si="18"/>
        <v>0.66571054277134201</v>
      </c>
      <c r="R30" s="76">
        <f t="shared" si="19"/>
        <v>10.997131628314026</v>
      </c>
      <c r="S30" s="76">
        <f t="shared" ref="S30:S93" si="33">MIN(IFERROR(($N$5 - (1 - $Q30) - ($N$5 - $N$6)*(1 - ($D30/($O30*$L30))^0.6)^1.35),$R30),$R30)</f>
        <v>6.2847858800756953</v>
      </c>
      <c r="T30" s="76"/>
      <c r="U30" s="76"/>
      <c r="V30" s="76">
        <f t="shared" si="3"/>
        <v>8.0574679871033545</v>
      </c>
      <c r="W30" s="76">
        <f t="shared" ref="W30:W100" si="34">MIN(2*$S30, $R30)</f>
        <v>10.997131628314026</v>
      </c>
      <c r="X30" s="76">
        <f t="shared" si="4"/>
        <v>8.0574679871033545</v>
      </c>
      <c r="Y30" s="76">
        <f t="shared" si="5"/>
        <v>79.079130573139949</v>
      </c>
      <c r="Z30" s="76">
        <f t="shared" ref="Z30:Z100" si="35">$Y30*$L30</f>
        <v>158.1582611462799</v>
      </c>
      <c r="AA30" s="85" cm="1">
        <f t="array" ref="AA30">IF(J30&gt;30,IF(K30&lt;=2,$AB$10,IF(AND(K30&gt;2,K30&lt;=4),TREND($AB$10:$AC$10,$AB$3:$AC$3,K30,TRUE),IF(AND(K30&gt;4,K30&lt;10),TREND($AC$10:$AD$10,$AC$3:$AD$3,K30,TRUE),IF(K30&gt;=10,$AD$10,1)))),IF(K30&lt;=2,$AE$10,IF(AND(K30&gt;2,K30&lt;=4),TREND($AE$10:$AF$10,$AE$3:$AF$3,K30,TRUE),IF(AND(K30&gt;4,K30&lt;10),TREND($AF$10:$AG$10,$AF$3:$AG$3,K30,TRUE),IF(K30&gt;=10,$AG$10,1)))))</f>
        <v>3.3648910759381801E-4</v>
      </c>
      <c r="AB30" s="85" cm="1">
        <f t="array" ref="AB30">IF(J30&gt;30,IF(K30&lt;=2,$AB$11,IF(AND(K30&gt;2,K30&lt;=4),TREND($AB$11:$AC$11,$AB$3:$AC$3,K30,TRUE),IF(AND(K30&gt;4,K30&lt;10),TREND($AC$11:$AD$11,$AC$3:$AD$3,K30,TRUE),IF(K30&gt;=10,$AD$11,1)))),IF(K30&lt;=2,$AE$11,IF(AND(K30&gt;2,K30&lt;=4),TREND($AE$11:$AF$11,$AE$3:$AF$3,K30,TRUE),IF(AND(K30&gt;4,K30&lt;10),TREND($AF$11:$AG$11,$AF$3:$AG$3,K30,TRUE),IF(K30&gt;=10,$AG$11,1)))))</f>
        <v>3.3648910759381799E-3</v>
      </c>
      <c r="AC30" s="85" cm="1">
        <f t="array" ref="AC30">IF(J30&gt;30,IF(K30&lt;=2,$AB$12,IF(AND(K30&gt;2,K30&lt;=4),TREND($AB$12:$AC$12,$AB$3:$AC$3,K30,TRUE),IF(AND(K30&gt;4,K30&lt;10),TREND($AC$12:$AD$12,$AC$3:$AD$3,K30,TRUE),IF(K30&gt;=10,$AD$12,1)))),IF(K30&lt;=2,$AE$12,IF(AND(K30&gt;2,K30&lt;=4),TREND($AE$12:$AF$12,$AE$3:$AF$3,K30,TRUE),IF(AND(K30&gt;4,K30&lt;10),TREND($AF$12:$AG$12,$AF$3:$AG$3,K30,TRUE),IF(K30&gt;=10,$AG$12,1)))))</f>
        <v>6.2852059050330852E-3</v>
      </c>
      <c r="AD30" s="85" cm="1">
        <f t="array" ref="AD30">IF(J30&gt;30,IF(K30&lt;=2,$AB$13,IF(AND(K30&gt;2,K30&lt;=4),TREND($AB$13:$AC$13,$AB$3:$AC$3,K30,TRUE),IF(AND(K30&gt;4,K30&lt;10),TREND($AC$13:$AD$13,$AC$3:$AD$3,K30,TRUE),IF(K30&gt;=10,$AD$13,1)))),IF(K30&lt;=2,$AE$13,IF(AND(K30&gt;2,K30&lt;=4),TREND($AE$13:$AF$13,$AE$3:$AF$3,K30,TRUE),IF(AND(K30&gt;4,K30&lt;10),TREND($AF$13:$AG$13,$AF$3:$AG$3,K30,TRUE),IF(K30&gt;=10,$AG$13,1)))))</f>
        <v>1.1189346455629079E-2</v>
      </c>
      <c r="AE30" s="85" cm="1">
        <f t="array" ref="AE30">IF(J30&gt;30,IF(K30&lt;=2,$AB$14,IF(AND(K30&gt;2,K30&lt;=4),TREND($AB$14:$AC$14,$AB$3:$AC$3,K30,TRUE),IF(AND(K30&gt;4,K30&lt;10),TREND($AC$14:$AD$14,$AC$3:$AD$3,K30,TRUE),IF(K30&gt;=10,$AD$14,1)))),IF(K30&lt;=2,$AE$14,IF(AND(K30&gt;2,K30&lt;=4),TREND($AE$14:$AF$14,$AE$3:$AF$3,K30,TRUE),IF(AND(K30&gt;4,K30&lt;10),TREND($AF$14:$AG$14,$AF$3:$AG$3,K30,TRUE),IF(K30&gt;=10,$AG$14,1)))))</f>
        <v>1.7648910759381797E-2</v>
      </c>
      <c r="AF30" s="85" cm="1">
        <f t="array" ref="AF30">IF(J30&gt;30,IF(K30&lt;=2,$AB$15,IF(AND(K30&gt;2,K30&lt;=4),TREND($AB$15:$AC$15,$AB$3:$AC$3,K30,TRUE),IF(AND(K30&gt;4,K30&lt;10),TREND($AC$15:$AD$15,$AC$3:$AD$3,K30,TRUE),IF(K30&gt;=10,$AD$15,1)))),IF(K30&lt;=2,$AE$15,IF(AND(K30&gt;2,K30&lt;=4),TREND($AE$15:$AF$15,$AE$3:$AF$3,K30,TRUE),IF(AND(K30&gt;4,K30&lt;10),TREND($AF$15:$AG$15,$AF$3:$AG$3,K30,TRUE),IF(K30&gt;=10,$AG$15,1)))))</f>
        <v>2.7108475063134515E-2</v>
      </c>
      <c r="AG30" s="86" cm="1">
        <f t="array" ref="AG30">IF(J30&gt;30,IF(K30&lt;=2,$AB$16,IF(AND(K30&gt;2,K30&lt;=4),TREND($AB$16:$AC$16,$AB$3:$AC$3,K30,TRUE),IF(AND(K30&gt;4,K30&lt;10),TREND($AC$16:$AD$16,$AC$3:$AD$3,K30,TRUE),IF(K30&gt;=10,$AD$16,1)))),IF(K30&lt;=2,$AE$16,IF(AND(K30&gt;2,K30&lt;=4),TREND($AE$16:$AF$16,$AE$3:$AF$3,K30,TRUE),IF(AND(K30&gt;4,K30&lt;10),TREND($AF$16:$AG$16,$AF$3:$AG$3,K30,TRUE),IF(K30&gt;=10,$AG$16,1)))))</f>
        <v>4.0392494746578127E-2</v>
      </c>
      <c r="AH30" s="85" cm="1">
        <f t="array" ref="AH30">IF(J30&gt;30,IF(K30&lt;=2,$AB$17,IF(AND(K30&gt;2,K30&lt;=4),TREND($AB$17:$AC$17,$AB$3:$AC$3,K30,TRUE),IF(AND(K30&gt;4,K30&lt;10),TREND($AC$17:$AD$17,$AC$3:$AD$3,K30,TRUE),IF(K30&gt;=10,$AD$17,1)))),IF(K30&lt;=2,$AE$17,IF(AND(K30&gt;2,K30&lt;=4),TREND($AE$17:$AF$17,$AE$3:$AF$3,K30,TRUE),IF(AND(K30&gt;4,K30&lt;10),TREND($AF$17:$AG$17,$AF$3:$AG$3,K30,TRUE),IF(K30&gt;=10,$AG$17,1)))))</f>
        <v>6.2406296581898113E-2</v>
      </c>
      <c r="AI30" s="85" cm="1">
        <f t="array" ref="AI30">IF(J30&gt;30,IF(K30&lt;=2,$AB$18,IF(AND(K30&gt;2,K30&lt;=4),TREND($AB$18:$AC$18,$AB$3:$AC$3,K30,TRUE),IF(AND(K30&gt;4,K30&lt;10),TREND($AC$18:$AD$18,$AC$3:$AD$3,K30,TRUE),IF(K30&gt;=10,$AD$18,1)))),IF(K30&lt;=2,$AE$18,IF(AND(K30&gt;2,K30&lt;=4),TREND($AE$18:$AF$18,$AE$3:$AF$3,K30,TRUE),IF(AND(K30&gt;4,K30&lt;10),TREND($AF$18:$AG$18,$AF$3:$AG$3,K30,TRUE),IF(K30&gt;=10,$AG$18,1)))))</f>
        <v>0.10316368240441445</v>
      </c>
      <c r="AJ30" s="85" cm="1">
        <f t="array" ref="AJ30">IF(J30&gt;30,IF(K30&lt;=2,$AB$19,IF(AND(K30&gt;2,K30&lt;=4),TREND($AB$19:$AC$19,$AB$3:$AC$3,K30,TRUE),IF(AND(K30&gt;4,K30&lt;10),TREND($AC$19:$AD$19,$AC$3:$AD$3,K30,TRUE),IF(K30&gt;=10,$AD$19,1)))),IF(K30&lt;=2,$AE$19,IF(AND(K30&gt;2,K30&lt;=4),TREND($AE$19:$AF$19,$AE$3:$AF$3,K30,TRUE),IF(AND(K30&gt;4,K30&lt;10),TREND($AF$19:$AG$19,$AF$3:$AG$3,K30,TRUE),IF(K30&gt;=10,$AG$19,1)))))</f>
        <v>0.17919128607505438</v>
      </c>
      <c r="AK30" s="85" cm="1">
        <f t="array" ref="AK30">IF(J30&gt;30,IF(K30&lt;=2,$AB$20,IF(AND(K30&gt;2,K30&lt;=4),TREND($AB$20:$AC$20,$AB$3:$AC$3,K30,TRUE),IF(AND(K30&gt;4,K30&lt;10),TREND($AC$20:$AD$20,$AC$3:$AD$3,K30,TRUE),IF(K30&gt;=10,$AD$20,1)))),IF(K30&lt;=2,$AE$20,IF(AND(K30&gt;2,K30&lt;=4),TREND($AE$20:$AF$20,$AE$3:$AF$3,K30,TRUE),IF(AND(K30&gt;4,K30&lt;10),TREND($AF$20:$AG$20,$AF$3:$AG$3,K30,TRUE),IF(K30&gt;=10,$AG$20,1)))))</f>
        <v>0.26824455379690898</v>
      </c>
      <c r="AL30" s="85">
        <v>3</v>
      </c>
      <c r="AM30" s="92">
        <v>0</v>
      </c>
      <c r="AN30" s="92">
        <f t="shared" si="6"/>
        <v>0.67297821518763601</v>
      </c>
      <c r="AO30" s="92">
        <f t="shared" si="21"/>
        <v>6.7297821518763596</v>
      </c>
      <c r="AP30" s="92">
        <f t="shared" si="7"/>
        <v>12.570411810066171</v>
      </c>
      <c r="AQ30" s="92">
        <f t="shared" si="8"/>
        <v>22.378692911258156</v>
      </c>
      <c r="AR30" s="92">
        <f t="shared" si="9"/>
        <v>35.297821518763598</v>
      </c>
      <c r="AS30" s="92">
        <f t="shared" si="10"/>
        <v>54.216950126269033</v>
      </c>
      <c r="AT30" s="92">
        <f t="shared" si="11"/>
        <v>80.78498949315626</v>
      </c>
      <c r="AU30" s="92">
        <f t="shared" si="12"/>
        <v>124.81259316379622</v>
      </c>
      <c r="AV30" s="92">
        <f t="shared" si="13"/>
        <v>206.32736480882892</v>
      </c>
      <c r="AW30" s="92">
        <f t="shared" si="14"/>
        <v>358.38257215010879</v>
      </c>
      <c r="AX30" s="92">
        <f t="shared" si="15"/>
        <v>536.48910759381795</v>
      </c>
      <c r="AY30" s="92">
        <f t="shared" si="16"/>
        <v>6000</v>
      </c>
      <c r="AZ30" s="93">
        <v>0</v>
      </c>
      <c r="BA30" s="93">
        <f t="shared" ref="BA30:BA100" si="36">0.05*$Z30</f>
        <v>7.9079130573139951</v>
      </c>
      <c r="BB30" s="93">
        <f t="shared" si="22"/>
        <v>31.63165222925598</v>
      </c>
      <c r="BC30" s="93">
        <f t="shared" si="23"/>
        <v>47.447478343883965</v>
      </c>
      <c r="BD30" s="93">
        <f t="shared" si="24"/>
        <v>63.263304458511961</v>
      </c>
      <c r="BE30" s="93">
        <f t="shared" si="25"/>
        <v>79.079130573139949</v>
      </c>
      <c r="BF30" s="93">
        <f t="shared" si="26"/>
        <v>94.89495668776793</v>
      </c>
      <c r="BG30" s="93">
        <f t="shared" si="27"/>
        <v>110.71078280239593</v>
      </c>
      <c r="BH30" s="93">
        <f t="shared" si="28"/>
        <v>126.52660891702392</v>
      </c>
      <c r="BI30" s="93">
        <f t="shared" si="29"/>
        <v>142.34243503165192</v>
      </c>
      <c r="BJ30" s="93">
        <f t="shared" si="30"/>
        <v>154.20430461762291</v>
      </c>
      <c r="BK30" s="93">
        <f t="shared" si="31"/>
        <v>158.1582611462799</v>
      </c>
      <c r="BL30" s="93">
        <f t="shared" si="31"/>
        <v>158.1582611462799</v>
      </c>
      <c r="BO30" s="59"/>
    </row>
    <row r="31" spans="1:67" x14ac:dyDescent="0.2">
      <c r="B31" s="79">
        <f t="shared" ref="B31:B94" si="37">$B$26 - $C31</f>
        <v>-20.5</v>
      </c>
      <c r="C31" s="73">
        <f t="shared" si="20"/>
        <v>5</v>
      </c>
      <c r="D31" s="64">
        <f>INDEX('CPT Data'!$C$13:$C$20000,MATCH($C31,'CPT Data'!$B$13:$B$20000,1))</f>
        <v>4.9930000000000003</v>
      </c>
      <c r="E31" s="55" t="str">
        <f>INDEX('CPT Data'!$P$13:$P$20000,MATCH($C31,'CPT Data'!$B$13:$B$20000,1))</f>
        <v>CLAY</v>
      </c>
      <c r="F31" s="76">
        <f>INDEX('CPT Data'!$Q$13:$Q$20000,MATCH($C31,'CPT Data'!$B$13:$B$20000,1))</f>
        <v>11.612198170980243</v>
      </c>
      <c r="G31" s="76">
        <f>INDEX('CPT Data'!$I$13:$I$20000,MATCH(C31,'CPT Data'!$B$13:$B$20000,1))</f>
        <v>14.659247335917707</v>
      </c>
      <c r="H31" s="76">
        <f>INDEX('CPT Data'!$J$13:$J$20000,MATCH($C31,'CPT Data'!$B$13:$B$20000,1))</f>
        <v>4.6592473359177067</v>
      </c>
      <c r="I31" s="76">
        <f>INDEX('CPT Data'!$L$13:$L$20000,MATCH(C31,'CPT Data'!$B$13:$B$20000,1))</f>
        <v>23.296236679588532</v>
      </c>
      <c r="J31" s="226">
        <f>INDEX('CPT Data'!$R$13:$R$20000,MATCH(C31,'CPT Data'!$B$13:$B$20000,1))</f>
        <v>35</v>
      </c>
      <c r="K31" s="76">
        <f>INDEX('CPT Data'!$S$13:$S$20000,MATCH($C31,'CPT Data'!$B$13:$B$20000,1))</f>
        <v>2.3385809216362832</v>
      </c>
      <c r="L31" s="55">
        <f>VLOOKUP($C31, 'Pile Property'!$A$8:$D$108,2,TRUE)</f>
        <v>2</v>
      </c>
      <c r="M31" s="234">
        <f>IF($E31="CLAY",ABS($F31-'CPT Data'!$Q$292)/$D31,#N/A)</f>
        <v>7.6539226714763889E-2</v>
      </c>
      <c r="N31" s="65">
        <f t="shared" si="32"/>
        <v>72.303947997327768</v>
      </c>
      <c r="O31" s="76">
        <f>MAX(16.8 - 2.3*LOG10($N31), 14.5)</f>
        <v>14.5</v>
      </c>
      <c r="P31" s="76">
        <f t="shared" si="1"/>
        <v>0.49845811281418279</v>
      </c>
      <c r="Q31" s="65">
        <f t="shared" si="18"/>
        <v>0.70819958819967643</v>
      </c>
      <c r="R31" s="76">
        <f t="shared" si="19"/>
        <v>11.124598764599028</v>
      </c>
      <c r="S31" s="76">
        <f t="shared" si="33"/>
        <v>6.7795315845688977</v>
      </c>
      <c r="T31" s="76"/>
      <c r="U31" s="76"/>
      <c r="V31" s="76">
        <f t="shared" si="3"/>
        <v>8.7857182114736627</v>
      </c>
      <c r="W31" s="76">
        <f t="shared" si="34"/>
        <v>11.124598764599028</v>
      </c>
      <c r="X31" s="76">
        <f t="shared" si="4"/>
        <v>8.7857182114736627</v>
      </c>
      <c r="Y31" s="76">
        <f t="shared" si="5"/>
        <v>102.02150094602227</v>
      </c>
      <c r="Z31" s="76">
        <f t="shared" si="35"/>
        <v>204.04300189204454</v>
      </c>
      <c r="AA31" s="85" cm="1">
        <f t="array" ref="AA31">IF(J31&gt;30,IF(K31&lt;=2,$AB$10,IF(AND(K31&gt;2,K31&lt;=4),TREND($AB$10:$AC$10,$AB$3:$AC$3,K31,TRUE),IF(AND(K31&gt;4,K31&lt;10),TREND($AC$10:$AD$10,$AC$3:$AD$3,K31,TRUE),IF(K31&gt;=10,$AD$10,1)))),IF(K31&lt;=2,$AE$10,IF(AND(K31&gt;2,K31&lt;=4),TREND($AE$10:$AF$10,$AE$3:$AF$3,K31,TRUE),IF(AND(K31&gt;4,K31&lt;10),TREND($AF$10:$AG$10,$AF$3:$AG$3,K31,TRUE),IF(K31&gt;=10,$AG$10,1)))))</f>
        <v>3.1692904608181412E-4</v>
      </c>
      <c r="AB31" s="85" cm="1">
        <f t="array" ref="AB31">IF(J31&gt;30,IF(K31&lt;=2,$AB$11,IF(AND(K31&gt;2,K31&lt;=4),TREND($AB$11:$AC$11,$AB$3:$AC$3,K31,TRUE),IF(AND(K31&gt;4,K31&lt;10),TREND($AC$11:$AD$11,$AC$3:$AD$3,K31,TRUE),IF(K31&gt;=10,$AD$11,1)))),IF(K31&lt;=2,$AE$11,IF(AND(K31&gt;2,K31&lt;=4),TREND($AE$11:$AF$11,$AE$3:$AF$3,K31,TRUE),IF(AND(K31&gt;4,K31&lt;10),TREND($AF$11:$AG$11,$AF$3:$AG$3,K31,TRUE),IF(K31&gt;=10,$AG$11,1)))))</f>
        <v>3.1692904608181414E-3</v>
      </c>
      <c r="AC31" s="85" cm="1">
        <f t="array" ref="AC31">IF(J31&gt;30,IF(K31&lt;=2,$AB$12,IF(AND(K31&gt;2,K31&lt;=4),TREND($AB$12:$AC$12,$AB$3:$AC$3,K31,TRUE),IF(AND(K31&gt;4,K31&lt;10),TREND($AC$12:$AD$12,$AC$3:$AD$3,K31,TRUE),IF(K31&gt;=10,$AD$12,1)))),IF(K31&lt;=2,$AE$12,IF(AND(K31&gt;2,K31&lt;=4),TREND($AE$12:$AF$12,$AE$3:$AF$3,K31,TRUE),IF(AND(K31&gt;4,K31&lt;10),TREND($AF$12:$AG$12,$AF$3:$AG$3,K31,TRUE),IF(K31&gt;=10,$AG$12,1)))))</f>
        <v>5.757084244208982E-3</v>
      </c>
      <c r="AD31" s="85" cm="1">
        <f t="array" ref="AD31">IF(J31&gt;30,IF(K31&lt;=2,$AB$13,IF(AND(K31&gt;2,K31&lt;=4),TREND($AB$13:$AC$13,$AB$3:$AC$3,K31,TRUE),IF(AND(K31&gt;4,K31&lt;10),TREND($AC$13:$AD$13,$AC$3:$AD$3,K31,TRUE),IF(K31&gt;=10,$AD$13,1)))),IF(K31&lt;=2,$AE$13,IF(AND(K31&gt;2,K31&lt;=4),TREND($AE$13:$AF$13,$AE$3:$AF$3,K31,TRUE),IF(AND(K31&gt;4,K31&lt;10),TREND($AF$13:$AG$13,$AF$3:$AG$3,K31,TRUE),IF(K31&gt;=10,$AG$13,1)))))</f>
        <v>1.0015742764908849E-2</v>
      </c>
      <c r="AE31" s="85" cm="1">
        <f t="array" ref="AE31">IF(J31&gt;30,IF(K31&lt;=2,$AB$14,IF(AND(K31&gt;2,K31&lt;=4),TREND($AB$14:$AC$14,$AB$3:$AC$3,K31,TRUE),IF(AND(K31&gt;4,K31&lt;10),TREND($AC$14:$AD$14,$AC$3:$AD$3,K31,TRUE),IF(K31&gt;=10,$AD$14,1)))),IF(K31&lt;=2,$AE$14,IF(AND(K31&gt;2,K31&lt;=4),TREND($AE$14:$AF$14,$AE$3:$AF$3,K31,TRUE),IF(AND(K31&gt;4,K31&lt;10),TREND($AF$14:$AG$14,$AF$3:$AG$3,K31,TRUE),IF(K31&gt;=10,$AG$14,1)))))</f>
        <v>1.5692904608181416E-2</v>
      </c>
      <c r="AF31" s="85" cm="1">
        <f t="array" ref="AF31">IF(J31&gt;30,IF(K31&lt;=2,$AB$15,IF(AND(K31&gt;2,K31&lt;=4),TREND($AB$15:$AC$15,$AB$3:$AC$3,K31,TRUE),IF(AND(K31&gt;4,K31&lt;10),TREND($AC$15:$AD$15,$AC$3:$AD$3,K31,TRUE),IF(K31&gt;=10,$AD$15,1)))),IF(K31&lt;=2,$AE$15,IF(AND(K31&gt;2,K31&lt;=4),TREND($AE$15:$AF$15,$AE$3:$AF$3,K31,TRUE),IF(AND(K31&gt;4,K31&lt;10),TREND($AF$15:$AG$15,$AF$3:$AG$3,K31,TRUE),IF(K31&gt;=10,$AG$15,1)))))</f>
        <v>2.4370066451453978E-2</v>
      </c>
      <c r="AG31" s="86" cm="1">
        <f t="array" ref="AG31">IF(J31&gt;30,IF(K31&lt;=2,$AB$16,IF(AND(K31&gt;2,K31&lt;=4),TREND($AB$16:$AC$16,$AB$3:$AC$3,K31,TRUE),IF(AND(K31&gt;4,K31&lt;10),TREND($AC$16:$AD$16,$AC$3:$AD$3,K31,TRUE),IF(K31&gt;=10,$AD$16,1)))),IF(K31&lt;=2,$AE$16,IF(AND(K31&gt;2,K31&lt;=4),TREND($AE$16:$AF$16,$AE$3:$AF$3,K31,TRUE),IF(AND(K31&gt;4,K31&lt;10),TREND($AF$16:$AG$16,$AF$3:$AG$3,K31,TRUE),IF(K31&gt;=10,$AG$16,1)))))</f>
        <v>3.589368059881725E-2</v>
      </c>
      <c r="AH31" s="85" cm="1">
        <f t="array" ref="AH31">IF(J31&gt;30,IF(K31&lt;=2,$AB$17,IF(AND(K31&gt;2,K31&lt;=4),TREND($AB$17:$AC$17,$AB$3:$AC$3,K31,TRUE),IF(AND(K31&gt;4,K31&lt;10),TREND($AC$17:$AD$17,$AC$3:$AD$3,K31,TRUE),IF(K31&gt;=10,$AD$17,1)))),IF(K31&lt;=2,$AE$17,IF(AND(K31&gt;2,K31&lt;=4),TREND($AE$17:$AF$17,$AE$3:$AF$3,K31,TRUE),IF(AND(K31&gt;4,K31&lt;10),TREND($AF$17:$AG$17,$AF$3:$AG$3,K31,TRUE),IF(K31&gt;=10,$AG$17,1)))))</f>
        <v>5.5755875667816812E-2</v>
      </c>
      <c r="AI31" s="85" cm="1">
        <f t="array" ref="AI31">IF(J31&gt;30,IF(K31&lt;=2,$AB$18,IF(AND(K31&gt;2,K31&lt;=4),TREND($AB$18:$AC$18,$AB$3:$AC$3,K31,TRUE),IF(AND(K31&gt;4,K31&lt;10),TREND($AC$18:$AD$18,$AC$3:$AD$3,K31,TRUE),IF(K31&gt;=10,$AD$18,1)))),IF(K31&lt;=2,$AE$18,IF(AND(K31&gt;2,K31&lt;=4),TREND($AE$18:$AF$18,$AE$3:$AF$3,K31,TRUE),IF(AND(K31&gt;4,K31&lt;10),TREND($AF$18:$AG$18,$AF$3:$AG$3,K31,TRUE),IF(K31&gt;=10,$AG$18,1)))))</f>
        <v>9.1818846727452219E-2</v>
      </c>
      <c r="AJ31" s="85" cm="1">
        <f t="array" ref="AJ31">IF(J31&gt;30,IF(K31&lt;=2,$AB$19,IF(AND(K31&gt;2,K31&lt;=4),TREND($AB$19:$AC$19,$AB$3:$AC$3,K31,TRUE),IF(AND(K31&gt;4,K31&lt;10),TREND($AC$19:$AD$19,$AC$3:$AD$3,K31,TRUE),IF(K31&gt;=10,$AD$19,1)))),IF(K31&lt;=2,$AE$19,IF(AND(K31&gt;2,K31&lt;=4),TREND($AE$19:$AF$19,$AE$3:$AF$3,K31,TRUE),IF(AND(K31&gt;4,K31&lt;10),TREND($AF$19:$AG$19,$AF$3:$AG$3,K31,TRUE),IF(K31&gt;=10,$AG$19,1)))))</f>
        <v>0.16354323686545133</v>
      </c>
      <c r="AK31" s="85" cm="1">
        <f t="array" ref="AK31">IF(J31&gt;30,IF(K31&lt;=2,$AB$20,IF(AND(K31&gt;2,K31&lt;=4),TREND($AB$20:$AC$20,$AB$3:$AC$3,K31,TRUE),IF(AND(K31&gt;4,K31&lt;10),TREND($AC$20:$AD$20,$AC$3:$AD$3,K31,TRUE),IF(K31&gt;=10,$AD$20,1)))),IF(K31&lt;=2,$AE$20,IF(AND(K31&gt;2,K31&lt;=4),TREND($AE$20:$AF$20,$AE$3:$AF$3,K31,TRUE),IF(AND(K31&gt;4,K31&lt;10),TREND($AF$20:$AG$20,$AF$3:$AG$3,K31,TRUE),IF(K31&gt;=10,$AG$20,1)))))</f>
        <v>0.25846452304090706</v>
      </c>
      <c r="AL31" s="85">
        <v>3</v>
      </c>
      <c r="AM31" s="92">
        <v>0</v>
      </c>
      <c r="AN31" s="92">
        <f t="shared" si="6"/>
        <v>0.63385809216362821</v>
      </c>
      <c r="AO31" s="92">
        <f t="shared" si="21"/>
        <v>6.3385809216362832</v>
      </c>
      <c r="AP31" s="92">
        <f t="shared" si="7"/>
        <v>11.514168488417964</v>
      </c>
      <c r="AQ31" s="92">
        <f t="shared" si="8"/>
        <v>20.031485529817697</v>
      </c>
      <c r="AR31" s="92">
        <f t="shared" si="9"/>
        <v>31.38580921636283</v>
      </c>
      <c r="AS31" s="92">
        <f t="shared" si="10"/>
        <v>48.740132902907952</v>
      </c>
      <c r="AT31" s="92">
        <f t="shared" si="11"/>
        <v>71.787361197634496</v>
      </c>
      <c r="AU31" s="92">
        <f t="shared" si="12"/>
        <v>111.51175133563362</v>
      </c>
      <c r="AV31" s="92">
        <f t="shared" si="13"/>
        <v>183.63769345490445</v>
      </c>
      <c r="AW31" s="92">
        <f t="shared" si="14"/>
        <v>327.08647373090264</v>
      </c>
      <c r="AX31" s="92">
        <f t="shared" si="15"/>
        <v>516.92904608181414</v>
      </c>
      <c r="AY31" s="92">
        <f t="shared" si="16"/>
        <v>6000</v>
      </c>
      <c r="AZ31" s="93">
        <v>0</v>
      </c>
      <c r="BA31" s="93">
        <f t="shared" si="36"/>
        <v>10.202150094602228</v>
      </c>
      <c r="BB31" s="93">
        <f t="shared" si="22"/>
        <v>40.808600378408912</v>
      </c>
      <c r="BC31" s="93">
        <f t="shared" si="23"/>
        <v>61.21290056761336</v>
      </c>
      <c r="BD31" s="93">
        <f t="shared" si="24"/>
        <v>81.617200756817823</v>
      </c>
      <c r="BE31" s="93">
        <f t="shared" si="25"/>
        <v>102.02150094602227</v>
      </c>
      <c r="BF31" s="93">
        <f t="shared" si="26"/>
        <v>122.42580113522672</v>
      </c>
      <c r="BG31" s="93">
        <f t="shared" si="27"/>
        <v>142.83010132443118</v>
      </c>
      <c r="BH31" s="93">
        <f t="shared" si="28"/>
        <v>163.23440151363565</v>
      </c>
      <c r="BI31" s="93">
        <f t="shared" si="29"/>
        <v>183.63870170284008</v>
      </c>
      <c r="BJ31" s="93">
        <f t="shared" si="30"/>
        <v>198.94192684474342</v>
      </c>
      <c r="BK31" s="93">
        <f t="shared" si="31"/>
        <v>204.04300189204454</v>
      </c>
      <c r="BL31" s="93">
        <f t="shared" si="31"/>
        <v>204.04300189204454</v>
      </c>
    </row>
    <row r="32" spans="1:67" x14ac:dyDescent="0.2">
      <c r="B32" s="79">
        <f t="shared" si="37"/>
        <v>-21.5</v>
      </c>
      <c r="C32" s="73">
        <f t="shared" si="20"/>
        <v>6</v>
      </c>
      <c r="D32" s="64">
        <f>INDEX('CPT Data'!$C$13:$C$20000,MATCH($C32,'CPT Data'!$B$13:$B$20000,1))</f>
        <v>5.9870000000000001</v>
      </c>
      <c r="E32" s="55" t="str">
        <f>INDEX('CPT Data'!$P$13:$P$20000,MATCH($C32,'CPT Data'!$B$13:$B$20000,1))</f>
        <v>CLAY</v>
      </c>
      <c r="F32" s="76">
        <f>INDEX('CPT Data'!$Q$13:$Q$20000,MATCH($C32,'CPT Data'!$B$13:$B$20000,1))</f>
        <v>14.321388176363337</v>
      </c>
      <c r="G32" s="76">
        <f>INDEX('CPT Data'!$I$13:$I$20000,MATCH(C32,'CPT Data'!$B$13:$B$20000,1))</f>
        <v>14.896165338840818</v>
      </c>
      <c r="H32" s="76">
        <f>INDEX('CPT Data'!$J$13:$J$20000,MATCH($C32,'CPT Data'!$B$13:$B$20000,1))</f>
        <v>4.8961653388408184</v>
      </c>
      <c r="I32" s="76">
        <f>INDEX('CPT Data'!$L$13:$L$20000,MATCH(C32,'CPT Data'!$B$13:$B$20000,1))</f>
        <v>29.347615041011863</v>
      </c>
      <c r="J32" s="226">
        <f>INDEX('CPT Data'!$R$13:$R$20000,MATCH(C32,'CPT Data'!$B$13:$B$20000,1))</f>
        <v>35</v>
      </c>
      <c r="K32" s="76">
        <f>INDEX('CPT Data'!$S$13:$S$20000,MATCH($C32,'CPT Data'!$B$13:$B$20000,1))</f>
        <v>2.2773613431100759</v>
      </c>
      <c r="L32" s="55">
        <f>VLOOKUP($C32, 'Pile Property'!$A$8:$D$108,2,TRUE)</f>
        <v>2</v>
      </c>
      <c r="M32" s="234">
        <f>IF($E32="CLAY",ABS($F32-'CPT Data'!$Q$292)/$D32,#N/A)</f>
        <v>0.51634380564053961</v>
      </c>
      <c r="N32" s="65">
        <f t="shared" si="32"/>
        <v>10.717836076826311</v>
      </c>
      <c r="O32" s="76">
        <f t="shared" ref="O32:O100" si="38">MAX(16.8 - 2.3*LOG10($N32), 14.5)</f>
        <v>14.5</v>
      </c>
      <c r="P32" s="76">
        <f t="shared" si="1"/>
        <v>0.48799155080744699</v>
      </c>
      <c r="Q32" s="65">
        <f t="shared" si="18"/>
        <v>0.71575411417359358</v>
      </c>
      <c r="R32" s="76">
        <f t="shared" si="19"/>
        <v>11.147262342520781</v>
      </c>
      <c r="S32" s="76">
        <f t="shared" si="33"/>
        <v>7.191345388911385</v>
      </c>
      <c r="T32" s="76"/>
      <c r="U32" s="76"/>
      <c r="V32" s="76">
        <f t="shared" si="3"/>
        <v>9.2405611967370866</v>
      </c>
      <c r="W32" s="76">
        <f t="shared" si="34"/>
        <v>11.147262342520781</v>
      </c>
      <c r="X32" s="76">
        <f t="shared" si="4"/>
        <v>9.2405611967370866</v>
      </c>
      <c r="Y32" s="76">
        <f t="shared" si="5"/>
        <v>132.33766386591236</v>
      </c>
      <c r="Z32" s="76">
        <f t="shared" si="35"/>
        <v>264.67532773182472</v>
      </c>
      <c r="AA32" s="85" cm="1">
        <f t="array" ref="AA32">IF(J32&gt;30,IF(K32&lt;=2,$AB$10,IF(AND(K32&gt;2,K32&lt;=4),TREND($AB$10:$AC$10,$AB$3:$AC$3,K32,TRUE),IF(AND(K32&gt;4,K32&lt;10),TREND($AC$10:$AD$10,$AC$3:$AD$3,K32,TRUE),IF(K32&gt;=10,$AD$10,1)))),IF(K32&lt;=2,$AE$10,IF(AND(K32&gt;2,K32&lt;=4),TREND($AE$10:$AF$10,$AE$3:$AF$3,K32,TRUE),IF(AND(K32&gt;4,K32&lt;10),TREND($AF$10:$AG$10,$AF$3:$AG$3,K32,TRUE),IF(K32&gt;=10,$AG$10,1)))))</f>
        <v>3.1386806715550378E-4</v>
      </c>
      <c r="AB32" s="85" cm="1">
        <f t="array" ref="AB32">IF(J32&gt;30,IF(K32&lt;=2,$AB$11,IF(AND(K32&gt;2,K32&lt;=4),TREND($AB$11:$AC$11,$AB$3:$AC$3,K32,TRUE),IF(AND(K32&gt;4,K32&lt;10),TREND($AC$11:$AD$11,$AC$3:$AD$3,K32,TRUE),IF(K32&gt;=10,$AD$11,1)))),IF(K32&lt;=2,$AE$11,IF(AND(K32&gt;2,K32&lt;=4),TREND($AE$11:$AF$11,$AE$3:$AF$3,K32,TRUE),IF(AND(K32&gt;4,K32&lt;10),TREND($AF$11:$AG$11,$AF$3:$AG$3,K32,TRUE),IF(K32&gt;=10,$AG$11,1)))))</f>
        <v>3.1386806715550377E-3</v>
      </c>
      <c r="AC32" s="85" cm="1">
        <f t="array" ref="AC32">IF(J32&gt;30,IF(K32&lt;=2,$AB$12,IF(AND(K32&gt;2,K32&lt;=4),TREND($AB$12:$AC$12,$AB$3:$AC$3,K32,TRUE),IF(AND(K32&gt;4,K32&lt;10),TREND($AC$12:$AD$12,$AC$3:$AD$3,K32,TRUE),IF(K32&gt;=10,$AD$12,1)))),IF(K32&lt;=2,$AE$12,IF(AND(K32&gt;2,K32&lt;=4),TREND($AE$12:$AF$12,$AE$3:$AF$3,K32,TRUE),IF(AND(K32&gt;4,K32&lt;10),TREND($AF$12:$AG$12,$AF$3:$AG$3,K32,TRUE),IF(K32&gt;=10,$AG$12,1)))))</f>
        <v>5.6744378131986023E-3</v>
      </c>
      <c r="AD32" s="85" cm="1">
        <f t="array" ref="AD32">IF(J32&gt;30,IF(K32&lt;=2,$AB$13,IF(AND(K32&gt;2,K32&lt;=4),TREND($AB$13:$AC$13,$AB$3:$AC$3,K32,TRUE),IF(AND(K32&gt;4,K32&lt;10),TREND($AC$13:$AD$13,$AC$3:$AD$3,K32,TRUE),IF(K32&gt;=10,$AD$13,1)))),IF(K32&lt;=2,$AE$13,IF(AND(K32&gt;2,K32&lt;=4),TREND($AE$13:$AF$13,$AE$3:$AF$3,K32,TRUE),IF(AND(K32&gt;4,K32&lt;10),TREND($AF$13:$AG$13,$AF$3:$AG$3,K32,TRUE),IF(K32&gt;=10,$AG$13,1)))))</f>
        <v>9.8320840293302271E-3</v>
      </c>
      <c r="AE32" s="85" cm="1">
        <f t="array" ref="AE32">IF(J32&gt;30,IF(K32&lt;=2,$AB$14,IF(AND(K32&gt;2,K32&lt;=4),TREND($AB$14:$AC$14,$AB$3:$AC$3,K32,TRUE),IF(AND(K32&gt;4,K32&lt;10),TREND($AC$14:$AD$14,$AC$3:$AD$3,K32,TRUE),IF(K32&gt;=10,$AD$14,1)))),IF(K32&lt;=2,$AE$14,IF(AND(K32&gt;2,K32&lt;=4),TREND($AE$14:$AF$14,$AE$3:$AF$3,K32,TRUE),IF(AND(K32&gt;4,K32&lt;10),TREND($AF$14:$AG$14,$AF$3:$AG$3,K32,TRUE),IF(K32&gt;=10,$AG$14,1)))))</f>
        <v>1.5386806715550381E-2</v>
      </c>
      <c r="AF32" s="85" cm="1">
        <f t="array" ref="AF32">IF(J32&gt;30,IF(K32&lt;=2,$AB$15,IF(AND(K32&gt;2,K32&lt;=4),TREND($AB$15:$AC$15,$AB$3:$AC$3,K32,TRUE),IF(AND(K32&gt;4,K32&lt;10),TREND($AC$15:$AD$15,$AC$3:$AD$3,K32,TRUE),IF(K32&gt;=10,$AD$15,1)))),IF(K32&lt;=2,$AE$15,IF(AND(K32&gt;2,K32&lt;=4),TREND($AE$15:$AF$15,$AE$3:$AF$3,K32,TRUE),IF(AND(K32&gt;4,K32&lt;10),TREND($AF$15:$AG$15,$AF$3:$AG$3,K32,TRUE),IF(K32&gt;=10,$AG$15,1)))))</f>
        <v>2.3941529401770526E-2</v>
      </c>
      <c r="AG32" s="86" cm="1">
        <f t="array" ref="AG32">IF(J32&gt;30,IF(K32&lt;=2,$AB$16,IF(AND(K32&gt;2,K32&lt;=4),TREND($AB$16:$AC$16,$AB$3:$AC$3,K32,TRUE),IF(AND(K32&gt;4,K32&lt;10),TREND($AC$16:$AD$16,$AC$3:$AD$3,K32,TRUE),IF(K32&gt;=10,$AD$16,1)))),IF(K32&lt;=2,$AE$16,IF(AND(K32&gt;2,K32&lt;=4),TREND($AE$16:$AF$16,$AE$3:$AF$3,K32,TRUE),IF(AND(K32&gt;4,K32&lt;10),TREND($AF$16:$AG$16,$AF$3:$AG$3,K32,TRUE),IF(K32&gt;=10,$AG$16,1)))))</f>
        <v>3.5189655445765869E-2</v>
      </c>
      <c r="AH32" s="85" cm="1">
        <f t="array" ref="AH32">IF(J32&gt;30,IF(K32&lt;=2,$AB$17,IF(AND(K32&gt;2,K32&lt;=4),TREND($AB$17:$AC$17,$AB$3:$AC$3,K32,TRUE),IF(AND(K32&gt;4,K32&lt;10),TREND($AC$17:$AD$17,$AC$3:$AD$3,K32,TRUE),IF(K32&gt;=10,$AD$17,1)))),IF(K32&lt;=2,$AE$17,IF(AND(K32&gt;2,K32&lt;=4),TREND($AE$17:$AF$17,$AE$3:$AF$3,K32,TRUE),IF(AND(K32&gt;4,K32&lt;10),TREND($AF$17:$AG$17,$AF$3:$AG$3,K32,TRUE),IF(K32&gt;=10,$AG$17,1)))))</f>
        <v>5.4715142832871287E-2</v>
      </c>
      <c r="AI32" s="85" cm="1">
        <f t="array" ref="AI32">IF(J32&gt;30,IF(K32&lt;=2,$AB$18,IF(AND(K32&gt;2,K32&lt;=4),TREND($AB$18:$AC$18,$AB$3:$AC$3,K32,TRUE),IF(AND(K32&gt;4,K32&lt;10),TREND($AC$18:$AD$18,$AC$3:$AD$3,K32,TRUE),IF(K32&gt;=10,$AD$18,1)))),IF(K32&lt;=2,$AE$18,IF(AND(K32&gt;2,K32&lt;=4),TREND($AE$18:$AF$18,$AE$3:$AF$3,K32,TRUE),IF(AND(K32&gt;4,K32&lt;10),TREND($AF$18:$AG$18,$AF$3:$AG$3,K32,TRUE),IF(K32&gt;=10,$AG$18,1)))))</f>
        <v>9.0043478950192213E-2</v>
      </c>
      <c r="AJ32" s="85" cm="1">
        <f t="array" ref="AJ32">IF(J32&gt;30,IF(K32&lt;=2,$AB$19,IF(AND(K32&gt;2,K32&lt;=4),TREND($AB$19:$AC$19,$AB$3:$AC$3,K32,TRUE),IF(AND(K32&gt;4,K32&lt;10),TREND($AC$19:$AD$19,$AC$3:$AD$3,K32,TRUE),IF(K32&gt;=10,$AD$19,1)))),IF(K32&lt;=2,$AE$19,IF(AND(K32&gt;2,K32&lt;=4),TREND($AE$19:$AF$19,$AE$3:$AF$3,K32,TRUE),IF(AND(K32&gt;4,K32&lt;10),TREND($AF$19:$AG$19,$AF$3:$AG$3,K32,TRUE),IF(K32&gt;=10,$AG$19,1)))))</f>
        <v>0.16109445372440304</v>
      </c>
      <c r="AK32" s="85" cm="1">
        <f t="array" ref="AK32">IF(J32&gt;30,IF(K32&lt;=2,$AB$20,IF(AND(K32&gt;2,K32&lt;=4),TREND($AB$20:$AC$20,$AB$3:$AC$3,K32,TRUE),IF(AND(K32&gt;4,K32&lt;10),TREND($AC$20:$AD$20,$AC$3:$AD$3,K32,TRUE),IF(K32&gt;=10,$AD$20,1)))),IF(K32&lt;=2,$AE$20,IF(AND(K32&gt;2,K32&lt;=4),TREND($AE$20:$AF$20,$AE$3:$AF$3,K32,TRUE),IF(AND(K32&gt;4,K32&lt;10),TREND($AF$20:$AG$20,$AF$3:$AG$3,K32,TRUE),IF(K32&gt;=10,$AG$20,1)))))</f>
        <v>0.25693403357775191</v>
      </c>
      <c r="AL32" s="85">
        <v>3</v>
      </c>
      <c r="AM32" s="92">
        <v>0</v>
      </c>
      <c r="AN32" s="92">
        <f t="shared" si="6"/>
        <v>0.62773613431100761</v>
      </c>
      <c r="AO32" s="92">
        <f t="shared" si="21"/>
        <v>6.2773613431100754</v>
      </c>
      <c r="AP32" s="92">
        <f t="shared" si="7"/>
        <v>11.348875626397204</v>
      </c>
      <c r="AQ32" s="92">
        <f t="shared" si="8"/>
        <v>19.664168058660454</v>
      </c>
      <c r="AR32" s="92">
        <f t="shared" si="9"/>
        <v>30.77361343110076</v>
      </c>
      <c r="AS32" s="92">
        <f t="shared" si="10"/>
        <v>47.883058803541054</v>
      </c>
      <c r="AT32" s="92">
        <f t="shared" si="11"/>
        <v>70.379310891531745</v>
      </c>
      <c r="AU32" s="92">
        <f t="shared" si="12"/>
        <v>109.43028566574257</v>
      </c>
      <c r="AV32" s="92">
        <f t="shared" si="13"/>
        <v>180.08695790038442</v>
      </c>
      <c r="AW32" s="92">
        <f t="shared" si="14"/>
        <v>322.18890744880605</v>
      </c>
      <c r="AX32" s="92">
        <f t="shared" si="15"/>
        <v>513.86806715550381</v>
      </c>
      <c r="AY32" s="92">
        <f t="shared" si="16"/>
        <v>6000</v>
      </c>
      <c r="AZ32" s="93">
        <v>0</v>
      </c>
      <c r="BA32" s="93">
        <f t="shared" si="36"/>
        <v>13.233766386591236</v>
      </c>
      <c r="BB32" s="93">
        <f t="shared" si="22"/>
        <v>52.935065546364946</v>
      </c>
      <c r="BC32" s="93">
        <f t="shared" si="23"/>
        <v>79.402598319547408</v>
      </c>
      <c r="BD32" s="93">
        <f t="shared" si="24"/>
        <v>105.87013109272989</v>
      </c>
      <c r="BE32" s="93">
        <f t="shared" si="25"/>
        <v>132.33766386591236</v>
      </c>
      <c r="BF32" s="93">
        <f t="shared" si="26"/>
        <v>158.80519663909482</v>
      </c>
      <c r="BG32" s="93">
        <f t="shared" si="27"/>
        <v>185.2727294122773</v>
      </c>
      <c r="BH32" s="93">
        <f t="shared" si="28"/>
        <v>211.74026218545978</v>
      </c>
      <c r="BI32" s="93">
        <f t="shared" si="29"/>
        <v>238.20779495864227</v>
      </c>
      <c r="BJ32" s="93">
        <f t="shared" si="30"/>
        <v>258.0584445385291</v>
      </c>
      <c r="BK32" s="93">
        <f t="shared" si="31"/>
        <v>264.67532773182472</v>
      </c>
      <c r="BL32" s="93">
        <f t="shared" si="31"/>
        <v>264.67532773182472</v>
      </c>
    </row>
    <row r="33" spans="2:67" x14ac:dyDescent="0.2">
      <c r="B33" s="79">
        <f t="shared" si="37"/>
        <v>-22.5</v>
      </c>
      <c r="C33" s="73">
        <f t="shared" si="20"/>
        <v>7</v>
      </c>
      <c r="D33" s="64">
        <f>INDEX('CPT Data'!$C$13:$C$20000,MATCH($C33,'CPT Data'!$B$13:$B$20000,1))</f>
        <v>6.9910000000000005</v>
      </c>
      <c r="E33" s="55" t="str">
        <f>INDEX('CPT Data'!$P$13:$P$20000,MATCH($C33,'CPT Data'!$B$13:$B$20000,1))</f>
        <v>CLAY</v>
      </c>
      <c r="F33" s="76">
        <f>INDEX('CPT Data'!$Q$13:$Q$20000,MATCH($C33,'CPT Data'!$B$13:$B$20000,1))</f>
        <v>14.643906407394875</v>
      </c>
      <c r="G33" s="76">
        <f>INDEX('CPT Data'!$I$13:$I$20000,MATCH(C33,'CPT Data'!$B$13:$B$20000,1))</f>
        <v>14.995440296275426</v>
      </c>
      <c r="H33" s="76">
        <f>INDEX('CPT Data'!$J$13:$J$20000,MATCH($C33,'CPT Data'!$B$13:$B$20000,1))</f>
        <v>4.9954402962754259</v>
      </c>
      <c r="I33" s="76">
        <f>INDEX('CPT Data'!$L$13:$L$20000,MATCH(C33,'CPT Data'!$B$13:$B$20000,1))</f>
        <v>34.958091193335434</v>
      </c>
      <c r="J33" s="226">
        <f>INDEX('CPT Data'!$R$13:$R$20000,MATCH(C33,'CPT Data'!$B$13:$B$20000,1))</f>
        <v>35</v>
      </c>
      <c r="K33" s="76">
        <f>INDEX('CPT Data'!$S$13:$S$20000,MATCH($C33,'CPT Data'!$B$13:$B$20000,1))</f>
        <v>1.8817117995187618</v>
      </c>
      <c r="L33" s="55">
        <f>VLOOKUP($C33, 'Pile Property'!$A$8:$D$108,2,TRUE)</f>
        <v>2</v>
      </c>
      <c r="M33" s="234">
        <f>IF($E33="CLAY",ABS($F33-'CPT Data'!$Q$292)/$D33,#N/A)</f>
        <v>0.48832335794613757</v>
      </c>
      <c r="N33" s="65">
        <f t="shared" si="32"/>
        <v>11.332835462583756</v>
      </c>
      <c r="O33" s="76">
        <f t="shared" si="38"/>
        <v>14.5</v>
      </c>
      <c r="P33" s="76">
        <f t="shared" si="1"/>
        <v>0.41889891317025496</v>
      </c>
      <c r="Q33" s="65">
        <f t="shared" si="18"/>
        <v>0.77253006042082772</v>
      </c>
      <c r="R33" s="76">
        <f t="shared" si="19"/>
        <v>11.317590181262483</v>
      </c>
      <c r="S33" s="76">
        <f t="shared" si="33"/>
        <v>7.6215504980696567</v>
      </c>
      <c r="T33" s="76"/>
      <c r="U33" s="76"/>
      <c r="V33" s="76">
        <f t="shared" si="3"/>
        <v>10.008761275084888</v>
      </c>
      <c r="W33" s="76">
        <f t="shared" si="34"/>
        <v>11.317590181262483</v>
      </c>
      <c r="X33" s="76">
        <f t="shared" si="4"/>
        <v>10.008761275084888</v>
      </c>
      <c r="Y33" s="76">
        <f t="shared" si="5"/>
        <v>146.56736336630129</v>
      </c>
      <c r="Z33" s="76">
        <f t="shared" si="35"/>
        <v>293.13472673260259</v>
      </c>
      <c r="AA33" s="85" cm="1">
        <f t="array" ref="AA33">IF(J33&gt;30,IF(K33&lt;=2,$AB$10,IF(AND(K33&gt;2,K33&lt;=4),TREND($AB$10:$AC$10,$AB$3:$AC$3,K33,TRUE),IF(AND(K33&gt;4,K33&lt;10),TREND($AC$10:$AD$10,$AC$3:$AD$3,K33,TRUE),IF(K33&gt;=10,$AD$10,1)))),IF(K33&lt;=2,$AE$10,IF(AND(K33&gt;2,K33&lt;=4),TREND($AE$10:$AF$10,$AE$3:$AF$3,K33,TRUE),IF(AND(K33&gt;4,K33&lt;10),TREND($AF$10:$AG$10,$AF$3:$AG$3,K33,TRUE),IF(K33&gt;=10,$AG$10,1)))))</f>
        <v>2.9999999999999997E-4</v>
      </c>
      <c r="AB33" s="85" cm="1">
        <f t="array" ref="AB33">IF(J33&gt;30,IF(K33&lt;=2,$AB$11,IF(AND(K33&gt;2,K33&lt;=4),TREND($AB$11:$AC$11,$AB$3:$AC$3,K33,TRUE),IF(AND(K33&gt;4,K33&lt;10),TREND($AC$11:$AD$11,$AC$3:$AD$3,K33,TRUE),IF(K33&gt;=10,$AD$11,1)))),IF(K33&lt;=2,$AE$11,IF(AND(K33&gt;2,K33&lt;=4),TREND($AE$11:$AF$11,$AE$3:$AF$3,K33,TRUE),IF(AND(K33&gt;4,K33&lt;10),TREND($AF$11:$AG$11,$AF$3:$AG$3,K33,TRUE),IF(K33&gt;=10,$AG$11,1)))))</f>
        <v>3.0000000000000001E-3</v>
      </c>
      <c r="AC33" s="85" cm="1">
        <f t="array" ref="AC33">IF(J33&gt;30,IF(K33&lt;=2,$AB$12,IF(AND(K33&gt;2,K33&lt;=4),TREND($AB$12:$AC$12,$AB$3:$AC$3,K33,TRUE),IF(AND(K33&gt;4,K33&lt;10),TREND($AC$12:$AD$12,$AC$3:$AD$3,K33,TRUE),IF(K33&gt;=10,$AD$12,1)))),IF(K33&lt;=2,$AE$12,IF(AND(K33&gt;2,K33&lt;=4),TREND($AE$12:$AF$12,$AE$3:$AF$3,K33,TRUE),IF(AND(K33&gt;4,K33&lt;10),TREND($AF$12:$AG$12,$AF$3:$AG$3,K33,TRUE),IF(K33&gt;=10,$AG$12,1)))))</f>
        <v>5.3E-3</v>
      </c>
      <c r="AD33" s="85" cm="1">
        <f t="array" ref="AD33">IF(J33&gt;30,IF(K33&lt;=2,$AB$13,IF(AND(K33&gt;2,K33&lt;=4),TREND($AB$13:$AC$13,$AB$3:$AC$3,K33,TRUE),IF(AND(K33&gt;4,K33&lt;10),TREND($AC$13:$AD$13,$AC$3:$AD$3,K33,TRUE),IF(K33&gt;=10,$AD$13,1)))),IF(K33&lt;=2,$AE$13,IF(AND(K33&gt;2,K33&lt;=4),TREND($AE$13:$AF$13,$AE$3:$AF$3,K33,TRUE),IF(AND(K33&gt;4,K33&lt;10),TREND($AF$13:$AG$13,$AF$3:$AG$3,K33,TRUE),IF(K33&gt;=10,$AG$13,1)))))</f>
        <v>8.9999999999999993E-3</v>
      </c>
      <c r="AE33" s="85" cm="1">
        <f t="array" ref="AE33">IF(J33&gt;30,IF(K33&lt;=2,$AB$14,IF(AND(K33&gt;2,K33&lt;=4),TREND($AB$14:$AC$14,$AB$3:$AC$3,K33,TRUE),IF(AND(K33&gt;4,K33&lt;10),TREND($AC$14:$AD$14,$AC$3:$AD$3,K33,TRUE),IF(K33&gt;=10,$AD$14,1)))),IF(K33&lt;=2,$AE$14,IF(AND(K33&gt;2,K33&lt;=4),TREND($AE$14:$AF$14,$AE$3:$AF$3,K33,TRUE),IF(AND(K33&gt;4,K33&lt;10),TREND($AF$14:$AG$14,$AF$3:$AG$3,K33,TRUE),IF(K33&gt;=10,$AG$14,1)))))</f>
        <v>1.4E-2</v>
      </c>
      <c r="AF33" s="85" cm="1">
        <f t="array" ref="AF33">IF(J33&gt;30,IF(K33&lt;=2,$AB$15,IF(AND(K33&gt;2,K33&lt;=4),TREND($AB$15:$AC$15,$AB$3:$AC$3,K33,TRUE),IF(AND(K33&gt;4,K33&lt;10),TREND($AC$15:$AD$15,$AC$3:$AD$3,K33,TRUE),IF(K33&gt;=10,$AD$15,1)))),IF(K33&lt;=2,$AE$15,IF(AND(K33&gt;2,K33&lt;=4),TREND($AE$15:$AF$15,$AE$3:$AF$3,K33,TRUE),IF(AND(K33&gt;4,K33&lt;10),TREND($AF$15:$AG$15,$AF$3:$AG$3,K33,TRUE),IF(K33&gt;=10,$AG$15,1)))))</f>
        <v>2.1999999999999999E-2</v>
      </c>
      <c r="AG33" s="86" cm="1">
        <f t="array" ref="AG33">IF(J33&gt;30,IF(K33&lt;=2,$AB$16,IF(AND(K33&gt;2,K33&lt;=4),TREND($AB$16:$AC$16,$AB$3:$AC$3,K33,TRUE),IF(AND(K33&gt;4,K33&lt;10),TREND($AC$16:$AD$16,$AC$3:$AD$3,K33,TRUE),IF(K33&gt;=10,$AD$16,1)))),IF(K33&lt;=2,$AE$16,IF(AND(K33&gt;2,K33&lt;=4),TREND($AE$16:$AF$16,$AE$3:$AF$3,K33,TRUE),IF(AND(K33&gt;4,K33&lt;10),TREND($AF$16:$AG$16,$AF$3:$AG$3,K33,TRUE),IF(K33&gt;=10,$AG$16,1)))))</f>
        <v>3.2000000000000001E-2</v>
      </c>
      <c r="AH33" s="85" cm="1">
        <f t="array" ref="AH33">IF(J33&gt;30,IF(K33&lt;=2,$AB$17,IF(AND(K33&gt;2,K33&lt;=4),TREND($AB$17:$AC$17,$AB$3:$AC$3,K33,TRUE),IF(AND(K33&gt;4,K33&lt;10),TREND($AC$17:$AD$17,$AC$3:$AD$3,K33,TRUE),IF(K33&gt;=10,$AD$17,1)))),IF(K33&lt;=2,$AE$17,IF(AND(K33&gt;2,K33&lt;=4),TREND($AE$17:$AF$17,$AE$3:$AF$3,K33,TRUE),IF(AND(K33&gt;4,K33&lt;10),TREND($AF$17:$AG$17,$AF$3:$AG$3,K33,TRUE),IF(K33&gt;=10,$AG$17,1)))))</f>
        <v>0.05</v>
      </c>
      <c r="AI33" s="85" cm="1">
        <f t="array" ref="AI33">IF(J33&gt;30,IF(K33&lt;=2,$AB$18,IF(AND(K33&gt;2,K33&lt;=4),TREND($AB$18:$AC$18,$AB$3:$AC$3,K33,TRUE),IF(AND(K33&gt;4,K33&lt;10),TREND($AC$18:$AD$18,$AC$3:$AD$3,K33,TRUE),IF(K33&gt;=10,$AD$18,1)))),IF(K33&lt;=2,$AE$18,IF(AND(K33&gt;2,K33&lt;=4),TREND($AE$18:$AF$18,$AE$3:$AF$3,K33,TRUE),IF(AND(K33&gt;4,K33&lt;10),TREND($AF$18:$AG$18,$AF$3:$AG$3,K33,TRUE),IF(K33&gt;=10,$AG$18,1)))))</f>
        <v>8.2000000000000003E-2</v>
      </c>
      <c r="AJ33" s="85" cm="1">
        <f t="array" ref="AJ33">IF(J33&gt;30,IF(K33&lt;=2,$AB$19,IF(AND(K33&gt;2,K33&lt;=4),TREND($AB$19:$AC$19,$AB$3:$AC$3,K33,TRUE),IF(AND(K33&gt;4,K33&lt;10),TREND($AC$19:$AD$19,$AC$3:$AD$3,K33,TRUE),IF(K33&gt;=10,$AD$19,1)))),IF(K33&lt;=2,$AE$19,IF(AND(K33&gt;2,K33&lt;=4),TREND($AE$19:$AF$19,$AE$3:$AF$3,K33,TRUE),IF(AND(K33&gt;4,K33&lt;10),TREND($AF$19:$AG$19,$AF$3:$AG$3,K33,TRUE),IF(K33&gt;=10,$AG$19,1)))))</f>
        <v>0.15</v>
      </c>
      <c r="AK33" s="85" cm="1">
        <f t="array" ref="AK33">IF(J33&gt;30,IF(K33&lt;=2,$AB$20,IF(AND(K33&gt;2,K33&lt;=4),TREND($AB$20:$AC$20,$AB$3:$AC$3,K33,TRUE),IF(AND(K33&gt;4,K33&lt;10),TREND($AC$20:$AD$20,$AC$3:$AD$3,K33,TRUE),IF(K33&gt;=10,$AD$20,1)))),IF(K33&lt;=2,$AE$20,IF(AND(K33&gt;2,K33&lt;=4),TREND($AE$20:$AF$20,$AE$3:$AF$3,K33,TRUE),IF(AND(K33&gt;4,K33&lt;10),TREND($AF$20:$AG$20,$AF$3:$AG$3,K33,TRUE),IF(K33&gt;=10,$AG$20,1)))))</f>
        <v>0.25</v>
      </c>
      <c r="AL33" s="85">
        <v>3</v>
      </c>
      <c r="AM33" s="92">
        <v>0</v>
      </c>
      <c r="AN33" s="92">
        <f t="shared" si="6"/>
        <v>0.6</v>
      </c>
      <c r="AO33" s="92">
        <f t="shared" si="21"/>
        <v>6</v>
      </c>
      <c r="AP33" s="92">
        <f t="shared" si="7"/>
        <v>10.6</v>
      </c>
      <c r="AQ33" s="92">
        <f t="shared" si="8"/>
        <v>18</v>
      </c>
      <c r="AR33" s="92">
        <f t="shared" si="9"/>
        <v>28</v>
      </c>
      <c r="AS33" s="92">
        <f t="shared" si="10"/>
        <v>44</v>
      </c>
      <c r="AT33" s="92">
        <f t="shared" si="11"/>
        <v>64</v>
      </c>
      <c r="AU33" s="92">
        <f t="shared" si="12"/>
        <v>100</v>
      </c>
      <c r="AV33" s="92">
        <f t="shared" si="13"/>
        <v>164</v>
      </c>
      <c r="AW33" s="92">
        <f t="shared" si="14"/>
        <v>300</v>
      </c>
      <c r="AX33" s="92">
        <f t="shared" si="15"/>
        <v>500</v>
      </c>
      <c r="AY33" s="92">
        <f t="shared" si="16"/>
        <v>6000</v>
      </c>
      <c r="AZ33" s="93">
        <v>0</v>
      </c>
      <c r="BA33" s="93">
        <f t="shared" si="36"/>
        <v>14.65673633663013</v>
      </c>
      <c r="BB33" s="93">
        <f t="shared" si="22"/>
        <v>58.626945346520522</v>
      </c>
      <c r="BC33" s="93">
        <f t="shared" si="23"/>
        <v>87.940418019780779</v>
      </c>
      <c r="BD33" s="93">
        <f t="shared" si="24"/>
        <v>117.25389069304104</v>
      </c>
      <c r="BE33" s="93">
        <f t="shared" si="25"/>
        <v>146.56736336630129</v>
      </c>
      <c r="BF33" s="93">
        <f t="shared" si="26"/>
        <v>175.88083603956156</v>
      </c>
      <c r="BG33" s="93">
        <f t="shared" si="27"/>
        <v>205.19430871282179</v>
      </c>
      <c r="BH33" s="93">
        <f t="shared" si="28"/>
        <v>234.50778138608209</v>
      </c>
      <c r="BI33" s="93">
        <f t="shared" si="29"/>
        <v>263.82125405934232</v>
      </c>
      <c r="BJ33" s="93">
        <f t="shared" si="30"/>
        <v>285.80635856428751</v>
      </c>
      <c r="BK33" s="93">
        <f t="shared" si="31"/>
        <v>293.13472673260259</v>
      </c>
      <c r="BL33" s="93">
        <f t="shared" si="31"/>
        <v>293.13472673260259</v>
      </c>
      <c r="BO33" s="59"/>
    </row>
    <row r="34" spans="2:67" x14ac:dyDescent="0.2">
      <c r="B34" s="79">
        <f t="shared" si="37"/>
        <v>-23.5</v>
      </c>
      <c r="C34" s="73">
        <f t="shared" si="20"/>
        <v>8</v>
      </c>
      <c r="D34" s="64">
        <f>INDEX('CPT Data'!$C$13:$C$20000,MATCH($C34,'CPT Data'!$B$13:$B$20000,1))</f>
        <v>7.9860000000000007</v>
      </c>
      <c r="E34" s="55" t="str">
        <f>INDEX('CPT Data'!$P$13:$P$20000,MATCH($C34,'CPT Data'!$B$13:$B$20000,1))</f>
        <v>CLAY</v>
      </c>
      <c r="F34" s="76">
        <f>INDEX('CPT Data'!$Q$13:$Q$20000,MATCH($C34,'CPT Data'!$B$13:$B$20000,1))</f>
        <v>15.090523592178544</v>
      </c>
      <c r="G34" s="76">
        <f>INDEX('CPT Data'!$I$13:$I$20000,MATCH(C34,'CPT Data'!$B$13:$B$20000,1))</f>
        <v>15.023004870255129</v>
      </c>
      <c r="H34" s="76">
        <f>INDEX('CPT Data'!$J$13:$J$20000,MATCH($C34,'CPT Data'!$B$13:$B$20000,1))</f>
        <v>5.0230048702551287</v>
      </c>
      <c r="I34" s="76">
        <f>INDEX('CPT Data'!$L$13:$L$20000,MATCH(C34,'CPT Data'!$B$13:$B$20000,1))</f>
        <v>40.148877927949243</v>
      </c>
      <c r="J34" s="226">
        <f>INDEX('CPT Data'!$R$13:$R$20000,MATCH(C34,'CPT Data'!$B$13:$B$20000,1))</f>
        <v>35</v>
      </c>
      <c r="K34" s="76">
        <f>INDEX('CPT Data'!$S$13:$S$20000,MATCH($C34,'CPT Data'!$B$13:$B$20000,1))</f>
        <v>1.643255848944978</v>
      </c>
      <c r="L34" s="55">
        <f>VLOOKUP($C34, 'Pile Property'!$A$8:$D$108,2,TRUE)</f>
        <v>2</v>
      </c>
      <c r="M34" s="234">
        <f>IF($E34="CLAY",ABS($F34-'CPT Data'!$Q$292)/$D34,#N/A)</f>
        <v>0.48340668422052552</v>
      </c>
      <c r="N34" s="65">
        <f t="shared" si="32"/>
        <v>11.448100427207519</v>
      </c>
      <c r="O34" s="76">
        <f t="shared" si="38"/>
        <v>14.5</v>
      </c>
      <c r="P34" s="76">
        <f t="shared" si="1"/>
        <v>0.37586414293470016</v>
      </c>
      <c r="Q34" s="65">
        <f t="shared" si="18"/>
        <v>0.8155574440445823</v>
      </c>
      <c r="R34" s="76">
        <f t="shared" si="19"/>
        <v>11.446672332133748</v>
      </c>
      <c r="S34" s="76">
        <f t="shared" si="33"/>
        <v>8.0062901270821776</v>
      </c>
      <c r="T34" s="76"/>
      <c r="U34" s="76"/>
      <c r="V34" s="76">
        <f t="shared" si="3"/>
        <v>10.666825905228306</v>
      </c>
      <c r="W34" s="76">
        <f t="shared" si="34"/>
        <v>11.446672332133748</v>
      </c>
      <c r="X34" s="76">
        <f t="shared" si="4"/>
        <v>11.446672332133748</v>
      </c>
      <c r="Y34" s="76">
        <f t="shared" si="5"/>
        <v>172.73627888000172</v>
      </c>
      <c r="Z34" s="76">
        <f t="shared" si="35"/>
        <v>345.47255776000344</v>
      </c>
      <c r="AA34" s="85" cm="1">
        <f t="array" ref="AA34">IF(J34&gt;30,IF(K34&lt;=2,$AB$10,IF(AND(K34&gt;2,K34&lt;=4),TREND($AB$10:$AC$10,$AB$3:$AC$3,K34,TRUE),IF(AND(K34&gt;4,K34&lt;10),TREND($AC$10:$AD$10,$AC$3:$AD$3,K34,TRUE),IF(K34&gt;=10,$AD$10,1)))),IF(K34&lt;=2,$AE$10,IF(AND(K34&gt;2,K34&lt;=4),TREND($AE$10:$AF$10,$AE$3:$AF$3,K34,TRUE),IF(AND(K34&gt;4,K34&lt;10),TREND($AF$10:$AG$10,$AF$3:$AG$3,K34,TRUE),IF(K34&gt;=10,$AG$10,1)))))</f>
        <v>2.9999999999999997E-4</v>
      </c>
      <c r="AB34" s="85" cm="1">
        <f t="array" ref="AB34">IF(J34&gt;30,IF(K34&lt;=2,$AB$11,IF(AND(K34&gt;2,K34&lt;=4),TREND($AB$11:$AC$11,$AB$3:$AC$3,K34,TRUE),IF(AND(K34&gt;4,K34&lt;10),TREND($AC$11:$AD$11,$AC$3:$AD$3,K34,TRUE),IF(K34&gt;=10,$AD$11,1)))),IF(K34&lt;=2,$AE$11,IF(AND(K34&gt;2,K34&lt;=4),TREND($AE$11:$AF$11,$AE$3:$AF$3,K34,TRUE),IF(AND(K34&gt;4,K34&lt;10),TREND($AF$11:$AG$11,$AF$3:$AG$3,K34,TRUE),IF(K34&gt;=10,$AG$11,1)))))</f>
        <v>3.0000000000000001E-3</v>
      </c>
      <c r="AC34" s="85" cm="1">
        <f t="array" ref="AC34">IF(J34&gt;30,IF(K34&lt;=2,$AB$12,IF(AND(K34&gt;2,K34&lt;=4),TREND($AB$12:$AC$12,$AB$3:$AC$3,K34,TRUE),IF(AND(K34&gt;4,K34&lt;10),TREND($AC$12:$AD$12,$AC$3:$AD$3,K34,TRUE),IF(K34&gt;=10,$AD$12,1)))),IF(K34&lt;=2,$AE$12,IF(AND(K34&gt;2,K34&lt;=4),TREND($AE$12:$AF$12,$AE$3:$AF$3,K34,TRUE),IF(AND(K34&gt;4,K34&lt;10),TREND($AF$12:$AG$12,$AF$3:$AG$3,K34,TRUE),IF(K34&gt;=10,$AG$12,1)))))</f>
        <v>5.3E-3</v>
      </c>
      <c r="AD34" s="85" cm="1">
        <f t="array" ref="AD34">IF(J34&gt;30,IF(K34&lt;=2,$AB$13,IF(AND(K34&gt;2,K34&lt;=4),TREND($AB$13:$AC$13,$AB$3:$AC$3,K34,TRUE),IF(AND(K34&gt;4,K34&lt;10),TREND($AC$13:$AD$13,$AC$3:$AD$3,K34,TRUE),IF(K34&gt;=10,$AD$13,1)))),IF(K34&lt;=2,$AE$13,IF(AND(K34&gt;2,K34&lt;=4),TREND($AE$13:$AF$13,$AE$3:$AF$3,K34,TRUE),IF(AND(K34&gt;4,K34&lt;10),TREND($AF$13:$AG$13,$AF$3:$AG$3,K34,TRUE),IF(K34&gt;=10,$AG$13,1)))))</f>
        <v>8.9999999999999993E-3</v>
      </c>
      <c r="AE34" s="85" cm="1">
        <f t="array" ref="AE34">IF(J34&gt;30,IF(K34&lt;=2,$AB$14,IF(AND(K34&gt;2,K34&lt;=4),TREND($AB$14:$AC$14,$AB$3:$AC$3,K34,TRUE),IF(AND(K34&gt;4,K34&lt;10),TREND($AC$14:$AD$14,$AC$3:$AD$3,K34,TRUE),IF(K34&gt;=10,$AD$14,1)))),IF(K34&lt;=2,$AE$14,IF(AND(K34&gt;2,K34&lt;=4),TREND($AE$14:$AF$14,$AE$3:$AF$3,K34,TRUE),IF(AND(K34&gt;4,K34&lt;10),TREND($AF$14:$AG$14,$AF$3:$AG$3,K34,TRUE),IF(K34&gt;=10,$AG$14,1)))))</f>
        <v>1.4E-2</v>
      </c>
      <c r="AF34" s="85" cm="1">
        <f t="array" ref="AF34">IF(J34&gt;30,IF(K34&lt;=2,$AB$15,IF(AND(K34&gt;2,K34&lt;=4),TREND($AB$15:$AC$15,$AB$3:$AC$3,K34,TRUE),IF(AND(K34&gt;4,K34&lt;10),TREND($AC$15:$AD$15,$AC$3:$AD$3,K34,TRUE),IF(K34&gt;=10,$AD$15,1)))),IF(K34&lt;=2,$AE$15,IF(AND(K34&gt;2,K34&lt;=4),TREND($AE$15:$AF$15,$AE$3:$AF$3,K34,TRUE),IF(AND(K34&gt;4,K34&lt;10),TREND($AF$15:$AG$15,$AF$3:$AG$3,K34,TRUE),IF(K34&gt;=10,$AG$15,1)))))</f>
        <v>2.1999999999999999E-2</v>
      </c>
      <c r="AG34" s="86" cm="1">
        <f t="array" ref="AG34">IF(J34&gt;30,IF(K34&lt;=2,$AB$16,IF(AND(K34&gt;2,K34&lt;=4),TREND($AB$16:$AC$16,$AB$3:$AC$3,K34,TRUE),IF(AND(K34&gt;4,K34&lt;10),TREND($AC$16:$AD$16,$AC$3:$AD$3,K34,TRUE),IF(K34&gt;=10,$AD$16,1)))),IF(K34&lt;=2,$AE$16,IF(AND(K34&gt;2,K34&lt;=4),TREND($AE$16:$AF$16,$AE$3:$AF$3,K34,TRUE),IF(AND(K34&gt;4,K34&lt;10),TREND($AF$16:$AG$16,$AF$3:$AG$3,K34,TRUE),IF(K34&gt;=10,$AG$16,1)))))</f>
        <v>3.2000000000000001E-2</v>
      </c>
      <c r="AH34" s="85" cm="1">
        <f t="array" ref="AH34">IF(J34&gt;30,IF(K34&lt;=2,$AB$17,IF(AND(K34&gt;2,K34&lt;=4),TREND($AB$17:$AC$17,$AB$3:$AC$3,K34,TRUE),IF(AND(K34&gt;4,K34&lt;10),TREND($AC$17:$AD$17,$AC$3:$AD$3,K34,TRUE),IF(K34&gt;=10,$AD$17,1)))),IF(K34&lt;=2,$AE$17,IF(AND(K34&gt;2,K34&lt;=4),TREND($AE$17:$AF$17,$AE$3:$AF$3,K34,TRUE),IF(AND(K34&gt;4,K34&lt;10),TREND($AF$17:$AG$17,$AF$3:$AG$3,K34,TRUE),IF(K34&gt;=10,$AG$17,1)))))</f>
        <v>0.05</v>
      </c>
      <c r="AI34" s="85" cm="1">
        <f t="array" ref="AI34">IF(J34&gt;30,IF(K34&lt;=2,$AB$18,IF(AND(K34&gt;2,K34&lt;=4),TREND($AB$18:$AC$18,$AB$3:$AC$3,K34,TRUE),IF(AND(K34&gt;4,K34&lt;10),TREND($AC$18:$AD$18,$AC$3:$AD$3,K34,TRUE),IF(K34&gt;=10,$AD$18,1)))),IF(K34&lt;=2,$AE$18,IF(AND(K34&gt;2,K34&lt;=4),TREND($AE$18:$AF$18,$AE$3:$AF$3,K34,TRUE),IF(AND(K34&gt;4,K34&lt;10),TREND($AF$18:$AG$18,$AF$3:$AG$3,K34,TRUE),IF(K34&gt;=10,$AG$18,1)))))</f>
        <v>8.2000000000000003E-2</v>
      </c>
      <c r="AJ34" s="85" cm="1">
        <f t="array" ref="AJ34">IF(J34&gt;30,IF(K34&lt;=2,$AB$19,IF(AND(K34&gt;2,K34&lt;=4),TREND($AB$19:$AC$19,$AB$3:$AC$3,K34,TRUE),IF(AND(K34&gt;4,K34&lt;10),TREND($AC$19:$AD$19,$AC$3:$AD$3,K34,TRUE),IF(K34&gt;=10,$AD$19,1)))),IF(K34&lt;=2,$AE$19,IF(AND(K34&gt;2,K34&lt;=4),TREND($AE$19:$AF$19,$AE$3:$AF$3,K34,TRUE),IF(AND(K34&gt;4,K34&lt;10),TREND($AF$19:$AG$19,$AF$3:$AG$3,K34,TRUE),IF(K34&gt;=10,$AG$19,1)))))</f>
        <v>0.15</v>
      </c>
      <c r="AK34" s="85" cm="1">
        <f t="array" ref="AK34">IF(J34&gt;30,IF(K34&lt;=2,$AB$20,IF(AND(K34&gt;2,K34&lt;=4),TREND($AB$20:$AC$20,$AB$3:$AC$3,K34,TRUE),IF(AND(K34&gt;4,K34&lt;10),TREND($AC$20:$AD$20,$AC$3:$AD$3,K34,TRUE),IF(K34&gt;=10,$AD$20,1)))),IF(K34&lt;=2,$AE$20,IF(AND(K34&gt;2,K34&lt;=4),TREND($AE$20:$AF$20,$AE$3:$AF$3,K34,TRUE),IF(AND(K34&gt;4,K34&lt;10),TREND($AF$20:$AG$20,$AF$3:$AG$3,K34,TRUE),IF(K34&gt;=10,$AG$20,1)))))</f>
        <v>0.25</v>
      </c>
      <c r="AL34" s="85">
        <v>3</v>
      </c>
      <c r="AM34" s="92">
        <v>0</v>
      </c>
      <c r="AN34" s="92">
        <f t="shared" si="6"/>
        <v>0.6</v>
      </c>
      <c r="AO34" s="92">
        <f t="shared" si="21"/>
        <v>6</v>
      </c>
      <c r="AP34" s="92">
        <f t="shared" si="7"/>
        <v>10.6</v>
      </c>
      <c r="AQ34" s="92">
        <f t="shared" si="8"/>
        <v>18</v>
      </c>
      <c r="AR34" s="92">
        <f t="shared" si="9"/>
        <v>28</v>
      </c>
      <c r="AS34" s="92">
        <f t="shared" si="10"/>
        <v>44</v>
      </c>
      <c r="AT34" s="92">
        <f t="shared" si="11"/>
        <v>64</v>
      </c>
      <c r="AU34" s="92">
        <f t="shared" si="12"/>
        <v>100</v>
      </c>
      <c r="AV34" s="92">
        <f t="shared" si="13"/>
        <v>164</v>
      </c>
      <c r="AW34" s="92">
        <f t="shared" si="14"/>
        <v>300</v>
      </c>
      <c r="AX34" s="92">
        <f t="shared" si="15"/>
        <v>500</v>
      </c>
      <c r="AY34" s="92">
        <f t="shared" si="16"/>
        <v>6000</v>
      </c>
      <c r="AZ34" s="93">
        <v>0</v>
      </c>
      <c r="BA34" s="93">
        <f t="shared" si="36"/>
        <v>17.273627888000174</v>
      </c>
      <c r="BB34" s="93">
        <f t="shared" si="22"/>
        <v>69.094511552000696</v>
      </c>
      <c r="BC34" s="93">
        <f t="shared" si="23"/>
        <v>103.64176732800102</v>
      </c>
      <c r="BD34" s="93">
        <f t="shared" si="24"/>
        <v>138.18902310400139</v>
      </c>
      <c r="BE34" s="93">
        <f t="shared" si="25"/>
        <v>172.73627888000172</v>
      </c>
      <c r="BF34" s="93">
        <f t="shared" si="26"/>
        <v>207.28353465600205</v>
      </c>
      <c r="BG34" s="93">
        <f t="shared" si="27"/>
        <v>241.8307904320024</v>
      </c>
      <c r="BH34" s="93">
        <f t="shared" si="28"/>
        <v>276.37804620800279</v>
      </c>
      <c r="BI34" s="93">
        <f t="shared" si="29"/>
        <v>310.92530198400311</v>
      </c>
      <c r="BJ34" s="93">
        <f t="shared" si="30"/>
        <v>336.83574381600334</v>
      </c>
      <c r="BK34" s="93">
        <f t="shared" si="31"/>
        <v>345.47255776000344</v>
      </c>
      <c r="BL34" s="93">
        <f t="shared" si="31"/>
        <v>345.47255776000344</v>
      </c>
    </row>
    <row r="35" spans="2:67" x14ac:dyDescent="0.2">
      <c r="B35" s="79">
        <f t="shared" si="37"/>
        <v>-24.5</v>
      </c>
      <c r="C35" s="73">
        <f t="shared" si="20"/>
        <v>9</v>
      </c>
      <c r="D35" s="64">
        <f>INDEX('CPT Data'!$C$13:$C$20000,MATCH($C35,'CPT Data'!$B$13:$B$20000,1))</f>
        <v>8.9459999999999997</v>
      </c>
      <c r="E35" s="55" t="str">
        <f>INDEX('CPT Data'!$P$13:$P$20000,MATCH($C35,'CPT Data'!$B$13:$B$20000,1))</f>
        <v>CLAY</v>
      </c>
      <c r="F35" s="76">
        <f>INDEX('CPT Data'!$Q$13:$Q$20000,MATCH($C35,'CPT Data'!$B$13:$B$20000,1))</f>
        <v>16.79209708435766</v>
      </c>
      <c r="G35" s="76">
        <f>INDEX('CPT Data'!$I$13:$I$20000,MATCH(C35,'CPT Data'!$B$13:$B$20000,1))</f>
        <v>15.150328078214629</v>
      </c>
      <c r="H35" s="76">
        <f>INDEX('CPT Data'!$J$13:$J$20000,MATCH($C35,'CPT Data'!$B$13:$B$20000,1))</f>
        <v>5.1503280782146295</v>
      </c>
      <c r="I35" s="76">
        <f>INDEX('CPT Data'!$L$13:$L$20000,MATCH(C35,'CPT Data'!$B$13:$B$20000,1))</f>
        <v>46.110887284255575</v>
      </c>
      <c r="J35" s="226">
        <f>INDEX('CPT Data'!$R$13:$R$20000,MATCH(C35,'CPT Data'!$B$13:$B$20000,1))</f>
        <v>35</v>
      </c>
      <c r="K35" s="76">
        <f>INDEX('CPT Data'!$S$13:$S$20000,MATCH($C35,'CPT Data'!$B$13:$B$20000,1))</f>
        <v>1.5795864072590069</v>
      </c>
      <c r="L35" s="55">
        <f>VLOOKUP($C35, 'Pile Property'!$A$8:$D$108,2,TRUE)</f>
        <v>2</v>
      </c>
      <c r="M35" s="234">
        <f>IF($E35="CLAY",ABS($F35-'CPT Data'!$Q$292)/$D35,#N/A)</f>
        <v>0.62173700786544084</v>
      </c>
      <c r="N35" s="65">
        <f t="shared" si="32"/>
        <v>8.901011517940205</v>
      </c>
      <c r="O35" s="76">
        <f t="shared" si="38"/>
        <v>14.616289465064455</v>
      </c>
      <c r="P35" s="76">
        <f t="shared" si="1"/>
        <v>0.36416772856355928</v>
      </c>
      <c r="Q35" s="65">
        <f t="shared" si="18"/>
        <v>0.82855105698751175</v>
      </c>
      <c r="R35" s="76">
        <f t="shared" si="19"/>
        <v>11.485653170962536</v>
      </c>
      <c r="S35" s="76">
        <f t="shared" si="33"/>
        <v>8.3042417039414289</v>
      </c>
      <c r="T35" s="76"/>
      <c r="U35" s="76"/>
      <c r="V35" s="76">
        <f t="shared" si="3"/>
        <v>11.050229120081921</v>
      </c>
      <c r="W35" s="76">
        <f t="shared" si="34"/>
        <v>11.485653170962536</v>
      </c>
      <c r="X35" s="76">
        <f t="shared" si="4"/>
        <v>11.485653170962536</v>
      </c>
      <c r="Y35" s="76">
        <f t="shared" si="5"/>
        <v>192.86820312406331</v>
      </c>
      <c r="Z35" s="76">
        <f t="shared" si="35"/>
        <v>385.73640624812663</v>
      </c>
      <c r="AA35" s="85" cm="1">
        <f t="array" ref="AA35">IF(J35&gt;30,IF(K35&lt;=2,$AB$10,IF(AND(K35&gt;2,K35&lt;=4),TREND($AB$10:$AC$10,$AB$3:$AC$3,K35,TRUE),IF(AND(K35&gt;4,K35&lt;10),TREND($AC$10:$AD$10,$AC$3:$AD$3,K35,TRUE),IF(K35&gt;=10,$AD$10,1)))),IF(K35&lt;=2,$AE$10,IF(AND(K35&gt;2,K35&lt;=4),TREND($AE$10:$AF$10,$AE$3:$AF$3,K35,TRUE),IF(AND(K35&gt;4,K35&lt;10),TREND($AF$10:$AG$10,$AF$3:$AG$3,K35,TRUE),IF(K35&gt;=10,$AG$10,1)))))</f>
        <v>2.9999999999999997E-4</v>
      </c>
      <c r="AB35" s="85" cm="1">
        <f t="array" ref="AB35">IF(J35&gt;30,IF(K35&lt;=2,$AB$11,IF(AND(K35&gt;2,K35&lt;=4),TREND($AB$11:$AC$11,$AB$3:$AC$3,K35,TRUE),IF(AND(K35&gt;4,K35&lt;10),TREND($AC$11:$AD$11,$AC$3:$AD$3,K35,TRUE),IF(K35&gt;=10,$AD$11,1)))),IF(K35&lt;=2,$AE$11,IF(AND(K35&gt;2,K35&lt;=4),TREND($AE$11:$AF$11,$AE$3:$AF$3,K35,TRUE),IF(AND(K35&gt;4,K35&lt;10),TREND($AF$11:$AG$11,$AF$3:$AG$3,K35,TRUE),IF(K35&gt;=10,$AG$11,1)))))</f>
        <v>3.0000000000000001E-3</v>
      </c>
      <c r="AC35" s="85" cm="1">
        <f t="array" ref="AC35">IF(J35&gt;30,IF(K35&lt;=2,$AB$12,IF(AND(K35&gt;2,K35&lt;=4),TREND($AB$12:$AC$12,$AB$3:$AC$3,K35,TRUE),IF(AND(K35&gt;4,K35&lt;10),TREND($AC$12:$AD$12,$AC$3:$AD$3,K35,TRUE),IF(K35&gt;=10,$AD$12,1)))),IF(K35&lt;=2,$AE$12,IF(AND(K35&gt;2,K35&lt;=4),TREND($AE$12:$AF$12,$AE$3:$AF$3,K35,TRUE),IF(AND(K35&gt;4,K35&lt;10),TREND($AF$12:$AG$12,$AF$3:$AG$3,K35,TRUE),IF(K35&gt;=10,$AG$12,1)))))</f>
        <v>5.3E-3</v>
      </c>
      <c r="AD35" s="85" cm="1">
        <f t="array" ref="AD35">IF(J35&gt;30,IF(K35&lt;=2,$AB$13,IF(AND(K35&gt;2,K35&lt;=4),TREND($AB$13:$AC$13,$AB$3:$AC$3,K35,TRUE),IF(AND(K35&gt;4,K35&lt;10),TREND($AC$13:$AD$13,$AC$3:$AD$3,K35,TRUE),IF(K35&gt;=10,$AD$13,1)))),IF(K35&lt;=2,$AE$13,IF(AND(K35&gt;2,K35&lt;=4),TREND($AE$13:$AF$13,$AE$3:$AF$3,K35,TRUE),IF(AND(K35&gt;4,K35&lt;10),TREND($AF$13:$AG$13,$AF$3:$AG$3,K35,TRUE),IF(K35&gt;=10,$AG$13,1)))))</f>
        <v>8.9999999999999993E-3</v>
      </c>
      <c r="AE35" s="85" cm="1">
        <f t="array" ref="AE35">IF(J35&gt;30,IF(K35&lt;=2,$AB$14,IF(AND(K35&gt;2,K35&lt;=4),TREND($AB$14:$AC$14,$AB$3:$AC$3,K35,TRUE),IF(AND(K35&gt;4,K35&lt;10),TREND($AC$14:$AD$14,$AC$3:$AD$3,K35,TRUE),IF(K35&gt;=10,$AD$14,1)))),IF(K35&lt;=2,$AE$14,IF(AND(K35&gt;2,K35&lt;=4),TREND($AE$14:$AF$14,$AE$3:$AF$3,K35,TRUE),IF(AND(K35&gt;4,K35&lt;10),TREND($AF$14:$AG$14,$AF$3:$AG$3,K35,TRUE),IF(K35&gt;=10,$AG$14,1)))))</f>
        <v>1.4E-2</v>
      </c>
      <c r="AF35" s="85" cm="1">
        <f t="array" ref="AF35">IF(J35&gt;30,IF(K35&lt;=2,$AB$15,IF(AND(K35&gt;2,K35&lt;=4),TREND($AB$15:$AC$15,$AB$3:$AC$3,K35,TRUE),IF(AND(K35&gt;4,K35&lt;10),TREND($AC$15:$AD$15,$AC$3:$AD$3,K35,TRUE),IF(K35&gt;=10,$AD$15,1)))),IF(K35&lt;=2,$AE$15,IF(AND(K35&gt;2,K35&lt;=4),TREND($AE$15:$AF$15,$AE$3:$AF$3,K35,TRUE),IF(AND(K35&gt;4,K35&lt;10),TREND($AF$15:$AG$15,$AF$3:$AG$3,K35,TRUE),IF(K35&gt;=10,$AG$15,1)))))</f>
        <v>2.1999999999999999E-2</v>
      </c>
      <c r="AG35" s="86" cm="1">
        <f t="array" ref="AG35">IF(J35&gt;30,IF(K35&lt;=2,$AB$16,IF(AND(K35&gt;2,K35&lt;=4),TREND($AB$16:$AC$16,$AB$3:$AC$3,K35,TRUE),IF(AND(K35&gt;4,K35&lt;10),TREND($AC$16:$AD$16,$AC$3:$AD$3,K35,TRUE),IF(K35&gt;=10,$AD$16,1)))),IF(K35&lt;=2,$AE$16,IF(AND(K35&gt;2,K35&lt;=4),TREND($AE$16:$AF$16,$AE$3:$AF$3,K35,TRUE),IF(AND(K35&gt;4,K35&lt;10),TREND($AF$16:$AG$16,$AF$3:$AG$3,K35,TRUE),IF(K35&gt;=10,$AG$16,1)))))</f>
        <v>3.2000000000000001E-2</v>
      </c>
      <c r="AH35" s="85" cm="1">
        <f t="array" ref="AH35">IF(J35&gt;30,IF(K35&lt;=2,$AB$17,IF(AND(K35&gt;2,K35&lt;=4),TREND($AB$17:$AC$17,$AB$3:$AC$3,K35,TRUE),IF(AND(K35&gt;4,K35&lt;10),TREND($AC$17:$AD$17,$AC$3:$AD$3,K35,TRUE),IF(K35&gt;=10,$AD$17,1)))),IF(K35&lt;=2,$AE$17,IF(AND(K35&gt;2,K35&lt;=4),TREND($AE$17:$AF$17,$AE$3:$AF$3,K35,TRUE),IF(AND(K35&gt;4,K35&lt;10),TREND($AF$17:$AG$17,$AF$3:$AG$3,K35,TRUE),IF(K35&gt;=10,$AG$17,1)))))</f>
        <v>0.05</v>
      </c>
      <c r="AI35" s="85" cm="1">
        <f t="array" ref="AI35">IF(J35&gt;30,IF(K35&lt;=2,$AB$18,IF(AND(K35&gt;2,K35&lt;=4),TREND($AB$18:$AC$18,$AB$3:$AC$3,K35,TRUE),IF(AND(K35&gt;4,K35&lt;10),TREND($AC$18:$AD$18,$AC$3:$AD$3,K35,TRUE),IF(K35&gt;=10,$AD$18,1)))),IF(K35&lt;=2,$AE$18,IF(AND(K35&gt;2,K35&lt;=4),TREND($AE$18:$AF$18,$AE$3:$AF$3,K35,TRUE),IF(AND(K35&gt;4,K35&lt;10),TREND($AF$18:$AG$18,$AF$3:$AG$3,K35,TRUE),IF(K35&gt;=10,$AG$18,1)))))</f>
        <v>8.2000000000000003E-2</v>
      </c>
      <c r="AJ35" s="85" cm="1">
        <f t="array" ref="AJ35">IF(J35&gt;30,IF(K35&lt;=2,$AB$19,IF(AND(K35&gt;2,K35&lt;=4),TREND($AB$19:$AC$19,$AB$3:$AC$3,K35,TRUE),IF(AND(K35&gt;4,K35&lt;10),TREND($AC$19:$AD$19,$AC$3:$AD$3,K35,TRUE),IF(K35&gt;=10,$AD$19,1)))),IF(K35&lt;=2,$AE$19,IF(AND(K35&gt;2,K35&lt;=4),TREND($AE$19:$AF$19,$AE$3:$AF$3,K35,TRUE),IF(AND(K35&gt;4,K35&lt;10),TREND($AF$19:$AG$19,$AF$3:$AG$3,K35,TRUE),IF(K35&gt;=10,$AG$19,1)))))</f>
        <v>0.15</v>
      </c>
      <c r="AK35" s="85" cm="1">
        <f t="array" ref="AK35">IF(J35&gt;30,IF(K35&lt;=2,$AB$20,IF(AND(K35&gt;2,K35&lt;=4),TREND($AB$20:$AC$20,$AB$3:$AC$3,K35,TRUE),IF(AND(K35&gt;4,K35&lt;10),TREND($AC$20:$AD$20,$AC$3:$AD$3,K35,TRUE),IF(K35&gt;=10,$AD$20,1)))),IF(K35&lt;=2,$AE$20,IF(AND(K35&gt;2,K35&lt;=4),TREND($AE$20:$AF$20,$AE$3:$AF$3,K35,TRUE),IF(AND(K35&gt;4,K35&lt;10),TREND($AF$20:$AG$20,$AF$3:$AG$3,K35,TRUE),IF(K35&gt;=10,$AG$20,1)))))</f>
        <v>0.25</v>
      </c>
      <c r="AL35" s="85">
        <v>3</v>
      </c>
      <c r="AM35" s="92">
        <v>0</v>
      </c>
      <c r="AN35" s="92">
        <f t="shared" si="6"/>
        <v>0.6</v>
      </c>
      <c r="AO35" s="92">
        <f t="shared" si="21"/>
        <v>6</v>
      </c>
      <c r="AP35" s="92">
        <f t="shared" si="7"/>
        <v>10.6</v>
      </c>
      <c r="AQ35" s="92">
        <f t="shared" si="8"/>
        <v>18</v>
      </c>
      <c r="AR35" s="92">
        <f t="shared" si="9"/>
        <v>28</v>
      </c>
      <c r="AS35" s="92">
        <f t="shared" si="10"/>
        <v>44</v>
      </c>
      <c r="AT35" s="92">
        <f t="shared" si="11"/>
        <v>64</v>
      </c>
      <c r="AU35" s="92">
        <f t="shared" si="12"/>
        <v>100</v>
      </c>
      <c r="AV35" s="92">
        <f t="shared" si="13"/>
        <v>164</v>
      </c>
      <c r="AW35" s="92">
        <f t="shared" si="14"/>
        <v>300</v>
      </c>
      <c r="AX35" s="92">
        <f t="shared" si="15"/>
        <v>500</v>
      </c>
      <c r="AY35" s="92">
        <f t="shared" si="16"/>
        <v>6000</v>
      </c>
      <c r="AZ35" s="93">
        <v>0</v>
      </c>
      <c r="BA35" s="93">
        <f t="shared" si="36"/>
        <v>19.286820312406334</v>
      </c>
      <c r="BB35" s="93">
        <f t="shared" si="22"/>
        <v>77.147281249625337</v>
      </c>
      <c r="BC35" s="93">
        <f t="shared" si="23"/>
        <v>115.72092187443798</v>
      </c>
      <c r="BD35" s="93">
        <f t="shared" si="24"/>
        <v>154.29456249925067</v>
      </c>
      <c r="BE35" s="93">
        <f t="shared" si="25"/>
        <v>192.86820312406331</v>
      </c>
      <c r="BF35" s="93">
        <f t="shared" si="26"/>
        <v>231.44184374887595</v>
      </c>
      <c r="BG35" s="93">
        <f t="shared" si="27"/>
        <v>270.01548437368859</v>
      </c>
      <c r="BH35" s="93">
        <f t="shared" si="28"/>
        <v>308.58912499850135</v>
      </c>
      <c r="BI35" s="93">
        <f t="shared" si="29"/>
        <v>347.16276562331399</v>
      </c>
      <c r="BJ35" s="93">
        <f t="shared" si="30"/>
        <v>376.09299609192345</v>
      </c>
      <c r="BK35" s="93">
        <f t="shared" si="31"/>
        <v>385.73640624812663</v>
      </c>
      <c r="BL35" s="93">
        <f t="shared" si="31"/>
        <v>385.73640624812663</v>
      </c>
    </row>
    <row r="36" spans="2:67" x14ac:dyDescent="0.2">
      <c r="B36" s="79">
        <f t="shared" si="37"/>
        <v>-25.5</v>
      </c>
      <c r="C36" s="73">
        <f t="shared" si="20"/>
        <v>10</v>
      </c>
      <c r="D36" s="64">
        <f>INDEX('CPT Data'!$C$13:$C$20000,MATCH($C36,'CPT Data'!$B$13:$B$20000,1))</f>
        <v>9.9860000000000007</v>
      </c>
      <c r="E36" s="55" t="str">
        <f>INDEX('CPT Data'!$P$13:$P$20000,MATCH($C36,'CPT Data'!$B$13:$B$20000,1))</f>
        <v>CLAY</v>
      </c>
      <c r="F36" s="76">
        <f>INDEX('CPT Data'!$Q$13:$Q$20000,MATCH($C36,'CPT Data'!$B$13:$B$20000,1))</f>
        <v>17.40122630115086</v>
      </c>
      <c r="G36" s="76">
        <f>INDEX('CPT Data'!$I$13:$I$20000,MATCH(C36,'CPT Data'!$B$13:$B$20000,1))</f>
        <v>15.109681993409737</v>
      </c>
      <c r="H36" s="76">
        <f>INDEX('CPT Data'!$J$13:$J$20000,MATCH($C36,'CPT Data'!$B$13:$B$20000,1))</f>
        <v>5.1096819934097368</v>
      </c>
      <c r="I36" s="76">
        <f>INDEX('CPT Data'!$L$13:$L$20000,MATCH(C36,'CPT Data'!$B$13:$B$20000,1))</f>
        <v>51.061052160143504</v>
      </c>
      <c r="J36" s="226">
        <f>INDEX('CPT Data'!$R$13:$R$20000,MATCH(C36,'CPT Data'!$B$13:$B$20000,1))</f>
        <v>35</v>
      </c>
      <c r="K36" s="76">
        <f>INDEX('CPT Data'!$S$13:$S$20000,MATCH($C36,'CPT Data'!$B$13:$B$20000,1))</f>
        <v>1.4538820862328155</v>
      </c>
      <c r="L36" s="55">
        <f>VLOOKUP($C36, 'Pile Property'!$A$8:$D$108,2,TRUE)</f>
        <v>2</v>
      </c>
      <c r="M36" s="234">
        <f>IF($E36="CLAY",ABS($F36-'CPT Data'!$Q$292)/$D36,#N/A)</f>
        <v>0.6179840265529174</v>
      </c>
      <c r="N36" s="65">
        <f t="shared" si="32"/>
        <v>8.9550668469682364</v>
      </c>
      <c r="O36" s="76">
        <f t="shared" si="38"/>
        <v>14.610241686218105</v>
      </c>
      <c r="P36" s="76">
        <f t="shared" si="1"/>
        <v>0.34079255254230068</v>
      </c>
      <c r="Q36" s="65">
        <f t="shared" si="18"/>
        <v>0.85649524577467473</v>
      </c>
      <c r="R36" s="76">
        <f t="shared" si="19"/>
        <v>11.569485737324024</v>
      </c>
      <c r="S36" s="76">
        <f t="shared" si="33"/>
        <v>8.6433039693929157</v>
      </c>
      <c r="T36" s="76"/>
      <c r="U36" s="76"/>
      <c r="V36" s="76">
        <f t="shared" si="3"/>
        <v>11.569485737324024</v>
      </c>
      <c r="W36" s="76">
        <f t="shared" si="34"/>
        <v>11.569485737324024</v>
      </c>
      <c r="X36" s="76">
        <f t="shared" si="4"/>
        <v>11.569485737324024</v>
      </c>
      <c r="Y36" s="76">
        <f t="shared" si="5"/>
        <v>201.32323950311257</v>
      </c>
      <c r="Z36" s="76">
        <f t="shared" si="35"/>
        <v>402.64647900622515</v>
      </c>
      <c r="AA36" s="85" cm="1">
        <f t="array" ref="AA36">IF(J36&gt;30,IF(K36&lt;=2,$AB$10,IF(AND(K36&gt;2,K36&lt;=4),TREND($AB$10:$AC$10,$AB$3:$AC$3,K36,TRUE),IF(AND(K36&gt;4,K36&lt;10),TREND($AC$10:$AD$10,$AC$3:$AD$3,K36,TRUE),IF(K36&gt;=10,$AD$10,1)))),IF(K36&lt;=2,$AE$10,IF(AND(K36&gt;2,K36&lt;=4),TREND($AE$10:$AF$10,$AE$3:$AF$3,K36,TRUE),IF(AND(K36&gt;4,K36&lt;10),TREND($AF$10:$AG$10,$AF$3:$AG$3,K36,TRUE),IF(K36&gt;=10,$AG$10,1)))))</f>
        <v>2.9999999999999997E-4</v>
      </c>
      <c r="AB36" s="85" cm="1">
        <f t="array" ref="AB36">IF(J36&gt;30,IF(K36&lt;=2,$AB$11,IF(AND(K36&gt;2,K36&lt;=4),TREND($AB$11:$AC$11,$AB$3:$AC$3,K36,TRUE),IF(AND(K36&gt;4,K36&lt;10),TREND($AC$11:$AD$11,$AC$3:$AD$3,K36,TRUE),IF(K36&gt;=10,$AD$11,1)))),IF(K36&lt;=2,$AE$11,IF(AND(K36&gt;2,K36&lt;=4),TREND($AE$11:$AF$11,$AE$3:$AF$3,K36,TRUE),IF(AND(K36&gt;4,K36&lt;10),TREND($AF$11:$AG$11,$AF$3:$AG$3,K36,TRUE),IF(K36&gt;=10,$AG$11,1)))))</f>
        <v>3.0000000000000001E-3</v>
      </c>
      <c r="AC36" s="85" cm="1">
        <f t="array" ref="AC36">IF(J36&gt;30,IF(K36&lt;=2,$AB$12,IF(AND(K36&gt;2,K36&lt;=4),TREND($AB$12:$AC$12,$AB$3:$AC$3,K36,TRUE),IF(AND(K36&gt;4,K36&lt;10),TREND($AC$12:$AD$12,$AC$3:$AD$3,K36,TRUE),IF(K36&gt;=10,$AD$12,1)))),IF(K36&lt;=2,$AE$12,IF(AND(K36&gt;2,K36&lt;=4),TREND($AE$12:$AF$12,$AE$3:$AF$3,K36,TRUE),IF(AND(K36&gt;4,K36&lt;10),TREND($AF$12:$AG$12,$AF$3:$AG$3,K36,TRUE),IF(K36&gt;=10,$AG$12,1)))))</f>
        <v>5.3E-3</v>
      </c>
      <c r="AD36" s="85" cm="1">
        <f t="array" ref="AD36">IF(J36&gt;30,IF(K36&lt;=2,$AB$13,IF(AND(K36&gt;2,K36&lt;=4),TREND($AB$13:$AC$13,$AB$3:$AC$3,K36,TRUE),IF(AND(K36&gt;4,K36&lt;10),TREND($AC$13:$AD$13,$AC$3:$AD$3,K36,TRUE),IF(K36&gt;=10,$AD$13,1)))),IF(K36&lt;=2,$AE$13,IF(AND(K36&gt;2,K36&lt;=4),TREND($AE$13:$AF$13,$AE$3:$AF$3,K36,TRUE),IF(AND(K36&gt;4,K36&lt;10),TREND($AF$13:$AG$13,$AF$3:$AG$3,K36,TRUE),IF(K36&gt;=10,$AG$13,1)))))</f>
        <v>8.9999999999999993E-3</v>
      </c>
      <c r="AE36" s="85" cm="1">
        <f t="array" ref="AE36">IF(J36&gt;30,IF(K36&lt;=2,$AB$14,IF(AND(K36&gt;2,K36&lt;=4),TREND($AB$14:$AC$14,$AB$3:$AC$3,K36,TRUE),IF(AND(K36&gt;4,K36&lt;10),TREND($AC$14:$AD$14,$AC$3:$AD$3,K36,TRUE),IF(K36&gt;=10,$AD$14,1)))),IF(K36&lt;=2,$AE$14,IF(AND(K36&gt;2,K36&lt;=4),TREND($AE$14:$AF$14,$AE$3:$AF$3,K36,TRUE),IF(AND(K36&gt;4,K36&lt;10),TREND($AF$14:$AG$14,$AF$3:$AG$3,K36,TRUE),IF(K36&gt;=10,$AG$14,1)))))</f>
        <v>1.4E-2</v>
      </c>
      <c r="AF36" s="85" cm="1">
        <f t="array" ref="AF36">IF(J36&gt;30,IF(K36&lt;=2,$AB$15,IF(AND(K36&gt;2,K36&lt;=4),TREND($AB$15:$AC$15,$AB$3:$AC$3,K36,TRUE),IF(AND(K36&gt;4,K36&lt;10),TREND($AC$15:$AD$15,$AC$3:$AD$3,K36,TRUE),IF(K36&gt;=10,$AD$15,1)))),IF(K36&lt;=2,$AE$15,IF(AND(K36&gt;2,K36&lt;=4),TREND($AE$15:$AF$15,$AE$3:$AF$3,K36,TRUE),IF(AND(K36&gt;4,K36&lt;10),TREND($AF$15:$AG$15,$AF$3:$AG$3,K36,TRUE),IF(K36&gt;=10,$AG$15,1)))))</f>
        <v>2.1999999999999999E-2</v>
      </c>
      <c r="AG36" s="86" cm="1">
        <f t="array" ref="AG36">IF(J36&gt;30,IF(K36&lt;=2,$AB$16,IF(AND(K36&gt;2,K36&lt;=4),TREND($AB$16:$AC$16,$AB$3:$AC$3,K36,TRUE),IF(AND(K36&gt;4,K36&lt;10),TREND($AC$16:$AD$16,$AC$3:$AD$3,K36,TRUE),IF(K36&gt;=10,$AD$16,1)))),IF(K36&lt;=2,$AE$16,IF(AND(K36&gt;2,K36&lt;=4),TREND($AE$16:$AF$16,$AE$3:$AF$3,K36,TRUE),IF(AND(K36&gt;4,K36&lt;10),TREND($AF$16:$AG$16,$AF$3:$AG$3,K36,TRUE),IF(K36&gt;=10,$AG$16,1)))))</f>
        <v>3.2000000000000001E-2</v>
      </c>
      <c r="AH36" s="85" cm="1">
        <f t="array" ref="AH36">IF(J36&gt;30,IF(K36&lt;=2,$AB$17,IF(AND(K36&gt;2,K36&lt;=4),TREND($AB$17:$AC$17,$AB$3:$AC$3,K36,TRUE),IF(AND(K36&gt;4,K36&lt;10),TREND($AC$17:$AD$17,$AC$3:$AD$3,K36,TRUE),IF(K36&gt;=10,$AD$17,1)))),IF(K36&lt;=2,$AE$17,IF(AND(K36&gt;2,K36&lt;=4),TREND($AE$17:$AF$17,$AE$3:$AF$3,K36,TRUE),IF(AND(K36&gt;4,K36&lt;10),TREND($AF$17:$AG$17,$AF$3:$AG$3,K36,TRUE),IF(K36&gt;=10,$AG$17,1)))))</f>
        <v>0.05</v>
      </c>
      <c r="AI36" s="85" cm="1">
        <f t="array" ref="AI36">IF(J36&gt;30,IF(K36&lt;=2,$AB$18,IF(AND(K36&gt;2,K36&lt;=4),TREND($AB$18:$AC$18,$AB$3:$AC$3,K36,TRUE),IF(AND(K36&gt;4,K36&lt;10),TREND($AC$18:$AD$18,$AC$3:$AD$3,K36,TRUE),IF(K36&gt;=10,$AD$18,1)))),IF(K36&lt;=2,$AE$18,IF(AND(K36&gt;2,K36&lt;=4),TREND($AE$18:$AF$18,$AE$3:$AF$3,K36,TRUE),IF(AND(K36&gt;4,K36&lt;10),TREND($AF$18:$AG$18,$AF$3:$AG$3,K36,TRUE),IF(K36&gt;=10,$AG$18,1)))))</f>
        <v>8.2000000000000003E-2</v>
      </c>
      <c r="AJ36" s="85" cm="1">
        <f t="array" ref="AJ36">IF(J36&gt;30,IF(K36&lt;=2,$AB$19,IF(AND(K36&gt;2,K36&lt;=4),TREND($AB$19:$AC$19,$AB$3:$AC$3,K36,TRUE),IF(AND(K36&gt;4,K36&lt;10),TREND($AC$19:$AD$19,$AC$3:$AD$3,K36,TRUE),IF(K36&gt;=10,$AD$19,1)))),IF(K36&lt;=2,$AE$19,IF(AND(K36&gt;2,K36&lt;=4),TREND($AE$19:$AF$19,$AE$3:$AF$3,K36,TRUE),IF(AND(K36&gt;4,K36&lt;10),TREND($AF$19:$AG$19,$AF$3:$AG$3,K36,TRUE),IF(K36&gt;=10,$AG$19,1)))))</f>
        <v>0.15</v>
      </c>
      <c r="AK36" s="85" cm="1">
        <f t="array" ref="AK36">IF(J36&gt;30,IF(K36&lt;=2,$AB$20,IF(AND(K36&gt;2,K36&lt;=4),TREND($AB$20:$AC$20,$AB$3:$AC$3,K36,TRUE),IF(AND(K36&gt;4,K36&lt;10),TREND($AC$20:$AD$20,$AC$3:$AD$3,K36,TRUE),IF(K36&gt;=10,$AD$20,1)))),IF(K36&lt;=2,$AE$20,IF(AND(K36&gt;2,K36&lt;=4),TREND($AE$20:$AF$20,$AE$3:$AF$3,K36,TRUE),IF(AND(K36&gt;4,K36&lt;10),TREND($AF$20:$AG$20,$AF$3:$AG$3,K36,TRUE),IF(K36&gt;=10,$AG$20,1)))))</f>
        <v>0.25</v>
      </c>
      <c r="AL36" s="85">
        <v>3</v>
      </c>
      <c r="AM36" s="92">
        <v>0</v>
      </c>
      <c r="AN36" s="92">
        <f t="shared" si="6"/>
        <v>0.6</v>
      </c>
      <c r="AO36" s="92">
        <f t="shared" si="21"/>
        <v>6</v>
      </c>
      <c r="AP36" s="92">
        <f t="shared" si="7"/>
        <v>10.6</v>
      </c>
      <c r="AQ36" s="92">
        <f t="shared" si="8"/>
        <v>18</v>
      </c>
      <c r="AR36" s="92">
        <f t="shared" si="9"/>
        <v>28</v>
      </c>
      <c r="AS36" s="92">
        <f t="shared" si="10"/>
        <v>44</v>
      </c>
      <c r="AT36" s="92">
        <f t="shared" si="11"/>
        <v>64</v>
      </c>
      <c r="AU36" s="92">
        <f t="shared" si="12"/>
        <v>100</v>
      </c>
      <c r="AV36" s="92">
        <f t="shared" si="13"/>
        <v>164</v>
      </c>
      <c r="AW36" s="92">
        <f t="shared" si="14"/>
        <v>300</v>
      </c>
      <c r="AX36" s="92">
        <f t="shared" si="15"/>
        <v>500</v>
      </c>
      <c r="AY36" s="92">
        <f t="shared" si="16"/>
        <v>6000</v>
      </c>
      <c r="AZ36" s="93">
        <v>0</v>
      </c>
      <c r="BA36" s="93">
        <f t="shared" si="36"/>
        <v>20.13232395031126</v>
      </c>
      <c r="BB36" s="93">
        <f t="shared" si="22"/>
        <v>80.529295801245041</v>
      </c>
      <c r="BC36" s="93">
        <f t="shared" si="23"/>
        <v>120.79394370186753</v>
      </c>
      <c r="BD36" s="93">
        <f t="shared" si="24"/>
        <v>161.05859160249008</v>
      </c>
      <c r="BE36" s="93">
        <f t="shared" si="25"/>
        <v>201.32323950311257</v>
      </c>
      <c r="BF36" s="93">
        <f t="shared" si="26"/>
        <v>241.58788740373507</v>
      </c>
      <c r="BG36" s="93">
        <f t="shared" si="27"/>
        <v>281.85253530435756</v>
      </c>
      <c r="BH36" s="93">
        <f t="shared" si="28"/>
        <v>322.11718320498017</v>
      </c>
      <c r="BI36" s="93">
        <f t="shared" si="29"/>
        <v>362.38183110560266</v>
      </c>
      <c r="BJ36" s="93">
        <f t="shared" si="30"/>
        <v>392.58031703106951</v>
      </c>
      <c r="BK36" s="93">
        <f t="shared" si="31"/>
        <v>402.64647900622515</v>
      </c>
      <c r="BL36" s="93">
        <f t="shared" si="31"/>
        <v>402.64647900622515</v>
      </c>
      <c r="BO36" s="59"/>
    </row>
    <row r="37" spans="2:67" x14ac:dyDescent="0.2">
      <c r="B37" s="79">
        <f t="shared" si="37"/>
        <v>-26.5</v>
      </c>
      <c r="C37" s="73">
        <f t="shared" si="20"/>
        <v>11</v>
      </c>
      <c r="D37" s="64">
        <f>INDEX('CPT Data'!$C$13:$C$20000,MATCH($C37,'CPT Data'!$B$13:$B$20000,1))</f>
        <v>10.991</v>
      </c>
      <c r="E37" s="55" t="str">
        <f>INDEX('CPT Data'!$P$13:$P$20000,MATCH($C37,'CPT Data'!$B$13:$B$20000,1))</f>
        <v>CLAY</v>
      </c>
      <c r="F37" s="76">
        <f>INDEX('CPT Data'!$Q$13:$Q$20000,MATCH($C37,'CPT Data'!$B$13:$B$20000,1))</f>
        <v>19.555385299770744</v>
      </c>
      <c r="G37" s="76">
        <f>INDEX('CPT Data'!$I$13:$I$20000,MATCH(C37,'CPT Data'!$B$13:$B$20000,1))</f>
        <v>15.454042071035488</v>
      </c>
      <c r="H37" s="76">
        <f>INDEX('CPT Data'!$J$13:$J$20000,MATCH($C37,'CPT Data'!$B$13:$B$20000,1))</f>
        <v>5.454042071035488</v>
      </c>
      <c r="I37" s="76">
        <f>INDEX('CPT Data'!$L$13:$L$20000,MATCH(C37,'CPT Data'!$B$13:$B$20000,1))</f>
        <v>59.983554697248294</v>
      </c>
      <c r="J37" s="226">
        <f>INDEX('CPT Data'!$R$13:$R$20000,MATCH(C37,'CPT Data'!$B$13:$B$20000,1))</f>
        <v>35</v>
      </c>
      <c r="K37" s="76">
        <f>INDEX('CPT Data'!$S$13:$S$20000,MATCH($C37,'CPT Data'!$B$13:$B$20000,1))</f>
        <v>1.3754958647624764</v>
      </c>
      <c r="L37" s="55">
        <f>VLOOKUP($C37, 'Pile Property'!$A$8:$D$108,2,TRUE)</f>
        <v>2</v>
      </c>
      <c r="M37" s="234">
        <f>IF($E37="CLAY",ABS($F37-'CPT Data'!$Q$292)/$D37,#N/A)</f>
        <v>0.75746951940472373</v>
      </c>
      <c r="N37" s="65">
        <f t="shared" si="32"/>
        <v>7.3060210693217984</v>
      </c>
      <c r="O37" s="76">
        <f t="shared" si="38"/>
        <v>14.813533883289063</v>
      </c>
      <c r="P37" s="76">
        <f t="shared" si="1"/>
        <v>0.3260124445520371</v>
      </c>
      <c r="Q37" s="65">
        <f t="shared" si="18"/>
        <v>0.87569509112833721</v>
      </c>
      <c r="R37" s="76">
        <f t="shared" si="19"/>
        <v>11.627085273385012</v>
      </c>
      <c r="S37" s="76">
        <f t="shared" si="33"/>
        <v>8.9021932243489381</v>
      </c>
      <c r="T37" s="76"/>
      <c r="U37" s="76"/>
      <c r="V37" s="76">
        <f t="shared" si="3"/>
        <v>11.627085273385012</v>
      </c>
      <c r="W37" s="76">
        <f t="shared" si="34"/>
        <v>11.627085273385012</v>
      </c>
      <c r="X37" s="76">
        <f t="shared" si="4"/>
        <v>11.627085273385012</v>
      </c>
      <c r="Y37" s="76">
        <f t="shared" si="5"/>
        <v>227.37213243433416</v>
      </c>
      <c r="Z37" s="76">
        <f t="shared" si="35"/>
        <v>454.74426486866832</v>
      </c>
      <c r="AA37" s="85" cm="1">
        <f t="array" ref="AA37">IF(J37&gt;30,IF(K37&lt;=2,$AB$10,IF(AND(K37&gt;2,K37&lt;=4),TREND($AB$10:$AC$10,$AB$3:$AC$3,K37,TRUE),IF(AND(K37&gt;4,K37&lt;10),TREND($AC$10:$AD$10,$AC$3:$AD$3,K37,TRUE),IF(K37&gt;=10,$AD$10,1)))),IF(K37&lt;=2,$AE$10,IF(AND(K37&gt;2,K37&lt;=4),TREND($AE$10:$AF$10,$AE$3:$AF$3,K37,TRUE),IF(AND(K37&gt;4,K37&lt;10),TREND($AF$10:$AG$10,$AF$3:$AG$3,K37,TRUE),IF(K37&gt;=10,$AG$10,1)))))</f>
        <v>2.9999999999999997E-4</v>
      </c>
      <c r="AB37" s="85" cm="1">
        <f t="array" ref="AB37">IF(J37&gt;30,IF(K37&lt;=2,$AB$11,IF(AND(K37&gt;2,K37&lt;=4),TREND($AB$11:$AC$11,$AB$3:$AC$3,K37,TRUE),IF(AND(K37&gt;4,K37&lt;10),TREND($AC$11:$AD$11,$AC$3:$AD$3,K37,TRUE),IF(K37&gt;=10,$AD$11,1)))),IF(K37&lt;=2,$AE$11,IF(AND(K37&gt;2,K37&lt;=4),TREND($AE$11:$AF$11,$AE$3:$AF$3,K37,TRUE),IF(AND(K37&gt;4,K37&lt;10),TREND($AF$11:$AG$11,$AF$3:$AG$3,K37,TRUE),IF(K37&gt;=10,$AG$11,1)))))</f>
        <v>3.0000000000000001E-3</v>
      </c>
      <c r="AC37" s="85" cm="1">
        <f t="array" ref="AC37">IF(J37&gt;30,IF(K37&lt;=2,$AB$12,IF(AND(K37&gt;2,K37&lt;=4),TREND($AB$12:$AC$12,$AB$3:$AC$3,K37,TRUE),IF(AND(K37&gt;4,K37&lt;10),TREND($AC$12:$AD$12,$AC$3:$AD$3,K37,TRUE),IF(K37&gt;=10,$AD$12,1)))),IF(K37&lt;=2,$AE$12,IF(AND(K37&gt;2,K37&lt;=4),TREND($AE$12:$AF$12,$AE$3:$AF$3,K37,TRUE),IF(AND(K37&gt;4,K37&lt;10),TREND($AF$12:$AG$12,$AF$3:$AG$3,K37,TRUE),IF(K37&gt;=10,$AG$12,1)))))</f>
        <v>5.3E-3</v>
      </c>
      <c r="AD37" s="85" cm="1">
        <f t="array" ref="AD37">IF(J37&gt;30,IF(K37&lt;=2,$AB$13,IF(AND(K37&gt;2,K37&lt;=4),TREND($AB$13:$AC$13,$AB$3:$AC$3,K37,TRUE),IF(AND(K37&gt;4,K37&lt;10),TREND($AC$13:$AD$13,$AC$3:$AD$3,K37,TRUE),IF(K37&gt;=10,$AD$13,1)))),IF(K37&lt;=2,$AE$13,IF(AND(K37&gt;2,K37&lt;=4),TREND($AE$13:$AF$13,$AE$3:$AF$3,K37,TRUE),IF(AND(K37&gt;4,K37&lt;10),TREND($AF$13:$AG$13,$AF$3:$AG$3,K37,TRUE),IF(K37&gt;=10,$AG$13,1)))))</f>
        <v>8.9999999999999993E-3</v>
      </c>
      <c r="AE37" s="85" cm="1">
        <f t="array" ref="AE37">IF(J37&gt;30,IF(K37&lt;=2,$AB$14,IF(AND(K37&gt;2,K37&lt;=4),TREND($AB$14:$AC$14,$AB$3:$AC$3,K37,TRUE),IF(AND(K37&gt;4,K37&lt;10),TREND($AC$14:$AD$14,$AC$3:$AD$3,K37,TRUE),IF(K37&gt;=10,$AD$14,1)))),IF(K37&lt;=2,$AE$14,IF(AND(K37&gt;2,K37&lt;=4),TREND($AE$14:$AF$14,$AE$3:$AF$3,K37,TRUE),IF(AND(K37&gt;4,K37&lt;10),TREND($AF$14:$AG$14,$AF$3:$AG$3,K37,TRUE),IF(K37&gt;=10,$AG$14,1)))))</f>
        <v>1.4E-2</v>
      </c>
      <c r="AF37" s="85" cm="1">
        <f t="array" ref="AF37">IF(J37&gt;30,IF(K37&lt;=2,$AB$15,IF(AND(K37&gt;2,K37&lt;=4),TREND($AB$15:$AC$15,$AB$3:$AC$3,K37,TRUE),IF(AND(K37&gt;4,K37&lt;10),TREND($AC$15:$AD$15,$AC$3:$AD$3,K37,TRUE),IF(K37&gt;=10,$AD$15,1)))),IF(K37&lt;=2,$AE$15,IF(AND(K37&gt;2,K37&lt;=4),TREND($AE$15:$AF$15,$AE$3:$AF$3,K37,TRUE),IF(AND(K37&gt;4,K37&lt;10),TREND($AF$15:$AG$15,$AF$3:$AG$3,K37,TRUE),IF(K37&gt;=10,$AG$15,1)))))</f>
        <v>2.1999999999999999E-2</v>
      </c>
      <c r="AG37" s="86" cm="1">
        <f t="array" ref="AG37">IF(J37&gt;30,IF(K37&lt;=2,$AB$16,IF(AND(K37&gt;2,K37&lt;=4),TREND($AB$16:$AC$16,$AB$3:$AC$3,K37,TRUE),IF(AND(K37&gt;4,K37&lt;10),TREND($AC$16:$AD$16,$AC$3:$AD$3,K37,TRUE),IF(K37&gt;=10,$AD$16,1)))),IF(K37&lt;=2,$AE$16,IF(AND(K37&gt;2,K37&lt;=4),TREND($AE$16:$AF$16,$AE$3:$AF$3,K37,TRUE),IF(AND(K37&gt;4,K37&lt;10),TREND($AF$16:$AG$16,$AF$3:$AG$3,K37,TRUE),IF(K37&gt;=10,$AG$16,1)))))</f>
        <v>3.2000000000000001E-2</v>
      </c>
      <c r="AH37" s="85" cm="1">
        <f t="array" ref="AH37">IF(J37&gt;30,IF(K37&lt;=2,$AB$17,IF(AND(K37&gt;2,K37&lt;=4),TREND($AB$17:$AC$17,$AB$3:$AC$3,K37,TRUE),IF(AND(K37&gt;4,K37&lt;10),TREND($AC$17:$AD$17,$AC$3:$AD$3,K37,TRUE),IF(K37&gt;=10,$AD$17,1)))),IF(K37&lt;=2,$AE$17,IF(AND(K37&gt;2,K37&lt;=4),TREND($AE$17:$AF$17,$AE$3:$AF$3,K37,TRUE),IF(AND(K37&gt;4,K37&lt;10),TREND($AF$17:$AG$17,$AF$3:$AG$3,K37,TRUE),IF(K37&gt;=10,$AG$17,1)))))</f>
        <v>0.05</v>
      </c>
      <c r="AI37" s="85" cm="1">
        <f t="array" ref="AI37">IF(J37&gt;30,IF(K37&lt;=2,$AB$18,IF(AND(K37&gt;2,K37&lt;=4),TREND($AB$18:$AC$18,$AB$3:$AC$3,K37,TRUE),IF(AND(K37&gt;4,K37&lt;10),TREND($AC$18:$AD$18,$AC$3:$AD$3,K37,TRUE),IF(K37&gt;=10,$AD$18,1)))),IF(K37&lt;=2,$AE$18,IF(AND(K37&gt;2,K37&lt;=4),TREND($AE$18:$AF$18,$AE$3:$AF$3,K37,TRUE),IF(AND(K37&gt;4,K37&lt;10),TREND($AF$18:$AG$18,$AF$3:$AG$3,K37,TRUE),IF(K37&gt;=10,$AG$18,1)))))</f>
        <v>8.2000000000000003E-2</v>
      </c>
      <c r="AJ37" s="85" cm="1">
        <f t="array" ref="AJ37">IF(J37&gt;30,IF(K37&lt;=2,$AB$19,IF(AND(K37&gt;2,K37&lt;=4),TREND($AB$19:$AC$19,$AB$3:$AC$3,K37,TRUE),IF(AND(K37&gt;4,K37&lt;10),TREND($AC$19:$AD$19,$AC$3:$AD$3,K37,TRUE),IF(K37&gt;=10,$AD$19,1)))),IF(K37&lt;=2,$AE$19,IF(AND(K37&gt;2,K37&lt;=4),TREND($AE$19:$AF$19,$AE$3:$AF$3,K37,TRUE),IF(AND(K37&gt;4,K37&lt;10),TREND($AF$19:$AG$19,$AF$3:$AG$3,K37,TRUE),IF(K37&gt;=10,$AG$19,1)))))</f>
        <v>0.15</v>
      </c>
      <c r="AK37" s="85" cm="1">
        <f t="array" ref="AK37">IF(J37&gt;30,IF(K37&lt;=2,$AB$20,IF(AND(K37&gt;2,K37&lt;=4),TREND($AB$20:$AC$20,$AB$3:$AC$3,K37,TRUE),IF(AND(K37&gt;4,K37&lt;10),TREND($AC$20:$AD$20,$AC$3:$AD$3,K37,TRUE),IF(K37&gt;=10,$AD$20,1)))),IF(K37&lt;=2,$AE$20,IF(AND(K37&gt;2,K37&lt;=4),TREND($AE$20:$AF$20,$AE$3:$AF$3,K37,TRUE),IF(AND(K37&gt;4,K37&lt;10),TREND($AF$20:$AG$20,$AF$3:$AG$3,K37,TRUE),IF(K37&gt;=10,$AG$20,1)))))</f>
        <v>0.25</v>
      </c>
      <c r="AL37" s="85">
        <v>3</v>
      </c>
      <c r="AM37" s="92">
        <v>0</v>
      </c>
      <c r="AN37" s="92">
        <f t="shared" si="6"/>
        <v>0.6</v>
      </c>
      <c r="AO37" s="92">
        <f t="shared" si="21"/>
        <v>6</v>
      </c>
      <c r="AP37" s="92">
        <f t="shared" si="7"/>
        <v>10.6</v>
      </c>
      <c r="AQ37" s="92">
        <f t="shared" si="8"/>
        <v>18</v>
      </c>
      <c r="AR37" s="92">
        <f t="shared" si="9"/>
        <v>28</v>
      </c>
      <c r="AS37" s="92">
        <f t="shared" si="10"/>
        <v>44</v>
      </c>
      <c r="AT37" s="92">
        <f t="shared" si="11"/>
        <v>64</v>
      </c>
      <c r="AU37" s="92">
        <f t="shared" si="12"/>
        <v>100</v>
      </c>
      <c r="AV37" s="92">
        <f t="shared" si="13"/>
        <v>164</v>
      </c>
      <c r="AW37" s="92">
        <f t="shared" si="14"/>
        <v>300</v>
      </c>
      <c r="AX37" s="92">
        <f t="shared" si="15"/>
        <v>500</v>
      </c>
      <c r="AY37" s="92">
        <f t="shared" si="16"/>
        <v>6000</v>
      </c>
      <c r="AZ37" s="93">
        <v>0</v>
      </c>
      <c r="BA37" s="93">
        <f t="shared" si="36"/>
        <v>22.737213243433416</v>
      </c>
      <c r="BB37" s="93">
        <f t="shared" si="22"/>
        <v>90.948852973733665</v>
      </c>
      <c r="BC37" s="93">
        <f t="shared" si="23"/>
        <v>136.4232794606005</v>
      </c>
      <c r="BD37" s="93">
        <f t="shared" si="24"/>
        <v>181.89770594746733</v>
      </c>
      <c r="BE37" s="93">
        <f t="shared" si="25"/>
        <v>227.37213243433416</v>
      </c>
      <c r="BF37" s="93">
        <f t="shared" si="26"/>
        <v>272.84655892120099</v>
      </c>
      <c r="BG37" s="93">
        <f t="shared" si="27"/>
        <v>318.32098540806783</v>
      </c>
      <c r="BH37" s="93">
        <f t="shared" si="28"/>
        <v>363.79541189493466</v>
      </c>
      <c r="BI37" s="93">
        <f t="shared" si="29"/>
        <v>409.26983838180149</v>
      </c>
      <c r="BJ37" s="93">
        <f t="shared" si="30"/>
        <v>443.37565824695162</v>
      </c>
      <c r="BK37" s="93">
        <f t="shared" si="31"/>
        <v>454.74426486866832</v>
      </c>
      <c r="BL37" s="93">
        <f t="shared" si="31"/>
        <v>454.74426486866832</v>
      </c>
    </row>
    <row r="38" spans="2:67" x14ac:dyDescent="0.2">
      <c r="B38" s="79">
        <f t="shared" si="37"/>
        <v>-27.5</v>
      </c>
      <c r="C38" s="73">
        <f t="shared" si="20"/>
        <v>12</v>
      </c>
      <c r="D38" s="64">
        <f>INDEX('CPT Data'!$C$13:$C$20000,MATCH($C38,'CPT Data'!$B$13:$B$20000,1))</f>
        <v>11.986000000000001</v>
      </c>
      <c r="E38" s="55" t="str">
        <f>INDEX('CPT Data'!$P$13:$P$20000,MATCH($C38,'CPT Data'!$B$13:$B$20000,1))</f>
        <v>CLAY</v>
      </c>
      <c r="F38" s="76">
        <f>INDEX('CPT Data'!$Q$13:$Q$20000,MATCH($C38,'CPT Data'!$B$13:$B$20000,1))</f>
        <v>23.710367915535727</v>
      </c>
      <c r="G38" s="76">
        <f>INDEX('CPT Data'!$I$13:$I$20000,MATCH(C38,'CPT Data'!$B$13:$B$20000,1))</f>
        <v>15.577806191687911</v>
      </c>
      <c r="H38" s="76">
        <f>INDEX('CPT Data'!$J$13:$J$20000,MATCH($C38,'CPT Data'!$B$13:$B$20000,1))</f>
        <v>5.5778061916879107</v>
      </c>
      <c r="I38" s="76">
        <f>INDEX('CPT Data'!$L$13:$L$20000,MATCH(C38,'CPT Data'!$B$13:$B$20000,1))</f>
        <v>66.894629656913111</v>
      </c>
      <c r="J38" s="226">
        <f>INDEX('CPT Data'!$R$13:$R$20000,MATCH(C38,'CPT Data'!$B$13:$B$20000,1))</f>
        <v>35</v>
      </c>
      <c r="K38" s="76">
        <f>INDEX('CPT Data'!$S$13:$S$20000,MATCH($C38,'CPT Data'!$B$13:$B$20000,1))</f>
        <v>1.5270398312633389</v>
      </c>
      <c r="L38" s="55">
        <f>VLOOKUP($C38, 'Pile Property'!$A$8:$D$108,2,TRUE)</f>
        <v>2</v>
      </c>
      <c r="M38" s="234">
        <f>IF($E38="CLAY",ABS($F38-'CPT Data'!$Q$292)/$D38,#N/A)</f>
        <v>1.0412422913017103</v>
      </c>
      <c r="N38" s="65">
        <f t="shared" si="32"/>
        <v>5.3148900254728622</v>
      </c>
      <c r="O38" s="76">
        <f t="shared" si="38"/>
        <v>15.131363149957753</v>
      </c>
      <c r="P38" s="76">
        <f t="shared" si="1"/>
        <v>0.35444351866720319</v>
      </c>
      <c r="Q38" s="65">
        <f t="shared" si="18"/>
        <v>0.83983986322786519</v>
      </c>
      <c r="R38" s="76">
        <f t="shared" si="19"/>
        <v>11.519519589683595</v>
      </c>
      <c r="S38" s="76">
        <f t="shared" si="33"/>
        <v>9.0623285149820116</v>
      </c>
      <c r="T38" s="76"/>
      <c r="U38" s="76"/>
      <c r="V38" s="76">
        <f t="shared" si="3"/>
        <v>11.519519589683595</v>
      </c>
      <c r="W38" s="76">
        <f t="shared" si="34"/>
        <v>11.519519589683595</v>
      </c>
      <c r="X38" s="76">
        <f t="shared" si="4"/>
        <v>11.519519589683595</v>
      </c>
      <c r="Y38" s="76">
        <f t="shared" si="5"/>
        <v>273.13204768161921</v>
      </c>
      <c r="Z38" s="76">
        <f t="shared" si="35"/>
        <v>546.26409536323843</v>
      </c>
      <c r="AA38" s="85" cm="1">
        <f t="array" ref="AA38">IF(J38&gt;30,IF(K38&lt;=2,$AB$10,IF(AND(K38&gt;2,K38&lt;=4),TREND($AB$10:$AC$10,$AB$3:$AC$3,K38,TRUE),IF(AND(K38&gt;4,K38&lt;10),TREND($AC$10:$AD$10,$AC$3:$AD$3,K38,TRUE),IF(K38&gt;=10,$AD$10,1)))),IF(K38&lt;=2,$AE$10,IF(AND(K38&gt;2,K38&lt;=4),TREND($AE$10:$AF$10,$AE$3:$AF$3,K38,TRUE),IF(AND(K38&gt;4,K38&lt;10),TREND($AF$10:$AG$10,$AF$3:$AG$3,K38,TRUE),IF(K38&gt;=10,$AG$10,1)))))</f>
        <v>2.9999999999999997E-4</v>
      </c>
      <c r="AB38" s="85" cm="1">
        <f t="array" ref="AB38">IF(J38&gt;30,IF(K38&lt;=2,$AB$11,IF(AND(K38&gt;2,K38&lt;=4),TREND($AB$11:$AC$11,$AB$3:$AC$3,K38,TRUE),IF(AND(K38&gt;4,K38&lt;10),TREND($AC$11:$AD$11,$AC$3:$AD$3,K38,TRUE),IF(K38&gt;=10,$AD$11,1)))),IF(K38&lt;=2,$AE$11,IF(AND(K38&gt;2,K38&lt;=4),TREND($AE$11:$AF$11,$AE$3:$AF$3,K38,TRUE),IF(AND(K38&gt;4,K38&lt;10),TREND($AF$11:$AG$11,$AF$3:$AG$3,K38,TRUE),IF(K38&gt;=10,$AG$11,1)))))</f>
        <v>3.0000000000000001E-3</v>
      </c>
      <c r="AC38" s="85" cm="1">
        <f t="array" ref="AC38">IF(J38&gt;30,IF(K38&lt;=2,$AB$12,IF(AND(K38&gt;2,K38&lt;=4),TREND($AB$12:$AC$12,$AB$3:$AC$3,K38,TRUE),IF(AND(K38&gt;4,K38&lt;10),TREND($AC$12:$AD$12,$AC$3:$AD$3,K38,TRUE),IF(K38&gt;=10,$AD$12,1)))),IF(K38&lt;=2,$AE$12,IF(AND(K38&gt;2,K38&lt;=4),TREND($AE$12:$AF$12,$AE$3:$AF$3,K38,TRUE),IF(AND(K38&gt;4,K38&lt;10),TREND($AF$12:$AG$12,$AF$3:$AG$3,K38,TRUE),IF(K38&gt;=10,$AG$12,1)))))</f>
        <v>5.3E-3</v>
      </c>
      <c r="AD38" s="85" cm="1">
        <f t="array" ref="AD38">IF(J38&gt;30,IF(K38&lt;=2,$AB$13,IF(AND(K38&gt;2,K38&lt;=4),TREND($AB$13:$AC$13,$AB$3:$AC$3,K38,TRUE),IF(AND(K38&gt;4,K38&lt;10),TREND($AC$13:$AD$13,$AC$3:$AD$3,K38,TRUE),IF(K38&gt;=10,$AD$13,1)))),IF(K38&lt;=2,$AE$13,IF(AND(K38&gt;2,K38&lt;=4),TREND($AE$13:$AF$13,$AE$3:$AF$3,K38,TRUE),IF(AND(K38&gt;4,K38&lt;10),TREND($AF$13:$AG$13,$AF$3:$AG$3,K38,TRUE),IF(K38&gt;=10,$AG$13,1)))))</f>
        <v>8.9999999999999993E-3</v>
      </c>
      <c r="AE38" s="85" cm="1">
        <f t="array" ref="AE38">IF(J38&gt;30,IF(K38&lt;=2,$AB$14,IF(AND(K38&gt;2,K38&lt;=4),TREND($AB$14:$AC$14,$AB$3:$AC$3,K38,TRUE),IF(AND(K38&gt;4,K38&lt;10),TREND($AC$14:$AD$14,$AC$3:$AD$3,K38,TRUE),IF(K38&gt;=10,$AD$14,1)))),IF(K38&lt;=2,$AE$14,IF(AND(K38&gt;2,K38&lt;=4),TREND($AE$14:$AF$14,$AE$3:$AF$3,K38,TRUE),IF(AND(K38&gt;4,K38&lt;10),TREND($AF$14:$AG$14,$AF$3:$AG$3,K38,TRUE),IF(K38&gt;=10,$AG$14,1)))))</f>
        <v>1.4E-2</v>
      </c>
      <c r="AF38" s="85" cm="1">
        <f t="array" ref="AF38">IF(J38&gt;30,IF(K38&lt;=2,$AB$15,IF(AND(K38&gt;2,K38&lt;=4),TREND($AB$15:$AC$15,$AB$3:$AC$3,K38,TRUE),IF(AND(K38&gt;4,K38&lt;10),TREND($AC$15:$AD$15,$AC$3:$AD$3,K38,TRUE),IF(K38&gt;=10,$AD$15,1)))),IF(K38&lt;=2,$AE$15,IF(AND(K38&gt;2,K38&lt;=4),TREND($AE$15:$AF$15,$AE$3:$AF$3,K38,TRUE),IF(AND(K38&gt;4,K38&lt;10),TREND($AF$15:$AG$15,$AF$3:$AG$3,K38,TRUE),IF(K38&gt;=10,$AG$15,1)))))</f>
        <v>2.1999999999999999E-2</v>
      </c>
      <c r="AG38" s="86" cm="1">
        <f t="array" ref="AG38">IF(J38&gt;30,IF(K38&lt;=2,$AB$16,IF(AND(K38&gt;2,K38&lt;=4),TREND($AB$16:$AC$16,$AB$3:$AC$3,K38,TRUE),IF(AND(K38&gt;4,K38&lt;10),TREND($AC$16:$AD$16,$AC$3:$AD$3,K38,TRUE),IF(K38&gt;=10,$AD$16,1)))),IF(K38&lt;=2,$AE$16,IF(AND(K38&gt;2,K38&lt;=4),TREND($AE$16:$AF$16,$AE$3:$AF$3,K38,TRUE),IF(AND(K38&gt;4,K38&lt;10),TREND($AF$16:$AG$16,$AF$3:$AG$3,K38,TRUE),IF(K38&gt;=10,$AG$16,1)))))</f>
        <v>3.2000000000000001E-2</v>
      </c>
      <c r="AH38" s="85" cm="1">
        <f t="array" ref="AH38">IF(J38&gt;30,IF(K38&lt;=2,$AB$17,IF(AND(K38&gt;2,K38&lt;=4),TREND($AB$17:$AC$17,$AB$3:$AC$3,K38,TRUE),IF(AND(K38&gt;4,K38&lt;10),TREND($AC$17:$AD$17,$AC$3:$AD$3,K38,TRUE),IF(K38&gt;=10,$AD$17,1)))),IF(K38&lt;=2,$AE$17,IF(AND(K38&gt;2,K38&lt;=4),TREND($AE$17:$AF$17,$AE$3:$AF$3,K38,TRUE),IF(AND(K38&gt;4,K38&lt;10),TREND($AF$17:$AG$17,$AF$3:$AG$3,K38,TRUE),IF(K38&gt;=10,$AG$17,1)))))</f>
        <v>0.05</v>
      </c>
      <c r="AI38" s="85" cm="1">
        <f t="array" ref="AI38">IF(J38&gt;30,IF(K38&lt;=2,$AB$18,IF(AND(K38&gt;2,K38&lt;=4),TREND($AB$18:$AC$18,$AB$3:$AC$3,K38,TRUE),IF(AND(K38&gt;4,K38&lt;10),TREND($AC$18:$AD$18,$AC$3:$AD$3,K38,TRUE),IF(K38&gt;=10,$AD$18,1)))),IF(K38&lt;=2,$AE$18,IF(AND(K38&gt;2,K38&lt;=4),TREND($AE$18:$AF$18,$AE$3:$AF$3,K38,TRUE),IF(AND(K38&gt;4,K38&lt;10),TREND($AF$18:$AG$18,$AF$3:$AG$3,K38,TRUE),IF(K38&gt;=10,$AG$18,1)))))</f>
        <v>8.2000000000000003E-2</v>
      </c>
      <c r="AJ38" s="85" cm="1">
        <f t="array" ref="AJ38">IF(J38&gt;30,IF(K38&lt;=2,$AB$19,IF(AND(K38&gt;2,K38&lt;=4),TREND($AB$19:$AC$19,$AB$3:$AC$3,K38,TRUE),IF(AND(K38&gt;4,K38&lt;10),TREND($AC$19:$AD$19,$AC$3:$AD$3,K38,TRUE),IF(K38&gt;=10,$AD$19,1)))),IF(K38&lt;=2,$AE$19,IF(AND(K38&gt;2,K38&lt;=4),TREND($AE$19:$AF$19,$AE$3:$AF$3,K38,TRUE),IF(AND(K38&gt;4,K38&lt;10),TREND($AF$19:$AG$19,$AF$3:$AG$3,K38,TRUE),IF(K38&gt;=10,$AG$19,1)))))</f>
        <v>0.15</v>
      </c>
      <c r="AK38" s="85" cm="1">
        <f t="array" ref="AK38">IF(J38&gt;30,IF(K38&lt;=2,$AB$20,IF(AND(K38&gt;2,K38&lt;=4),TREND($AB$20:$AC$20,$AB$3:$AC$3,K38,TRUE),IF(AND(K38&gt;4,K38&lt;10),TREND($AC$20:$AD$20,$AC$3:$AD$3,K38,TRUE),IF(K38&gt;=10,$AD$20,1)))),IF(K38&lt;=2,$AE$20,IF(AND(K38&gt;2,K38&lt;=4),TREND($AE$20:$AF$20,$AE$3:$AF$3,K38,TRUE),IF(AND(K38&gt;4,K38&lt;10),TREND($AF$20:$AG$20,$AF$3:$AG$3,K38,TRUE),IF(K38&gt;=10,$AG$20,1)))))</f>
        <v>0.25</v>
      </c>
      <c r="AL38" s="85">
        <v>3</v>
      </c>
      <c r="AM38" s="92">
        <v>0</v>
      </c>
      <c r="AN38" s="92">
        <f t="shared" si="6"/>
        <v>0.6</v>
      </c>
      <c r="AO38" s="92">
        <f t="shared" si="21"/>
        <v>6</v>
      </c>
      <c r="AP38" s="92">
        <f t="shared" si="7"/>
        <v>10.6</v>
      </c>
      <c r="AQ38" s="92">
        <f t="shared" si="8"/>
        <v>18</v>
      </c>
      <c r="AR38" s="92">
        <f t="shared" si="9"/>
        <v>28</v>
      </c>
      <c r="AS38" s="92">
        <f t="shared" si="10"/>
        <v>44</v>
      </c>
      <c r="AT38" s="92">
        <f t="shared" si="11"/>
        <v>64</v>
      </c>
      <c r="AU38" s="92">
        <f t="shared" si="12"/>
        <v>100</v>
      </c>
      <c r="AV38" s="92">
        <f t="shared" si="13"/>
        <v>164</v>
      </c>
      <c r="AW38" s="92">
        <f t="shared" si="14"/>
        <v>300</v>
      </c>
      <c r="AX38" s="92">
        <f t="shared" si="15"/>
        <v>500</v>
      </c>
      <c r="AY38" s="92">
        <f t="shared" si="16"/>
        <v>6000</v>
      </c>
      <c r="AZ38" s="93">
        <v>0</v>
      </c>
      <c r="BA38" s="93">
        <f t="shared" si="36"/>
        <v>27.313204768161924</v>
      </c>
      <c r="BB38" s="93">
        <f t="shared" si="22"/>
        <v>109.2528190726477</v>
      </c>
      <c r="BC38" s="93">
        <f t="shared" si="23"/>
        <v>163.87922860897152</v>
      </c>
      <c r="BD38" s="93">
        <f t="shared" si="24"/>
        <v>218.50563814529539</v>
      </c>
      <c r="BE38" s="93">
        <f t="shared" si="25"/>
        <v>273.13204768161921</v>
      </c>
      <c r="BF38" s="93">
        <f t="shared" si="26"/>
        <v>327.75845721794303</v>
      </c>
      <c r="BG38" s="93">
        <f t="shared" si="27"/>
        <v>382.38486675426685</v>
      </c>
      <c r="BH38" s="93">
        <f t="shared" si="28"/>
        <v>437.01127629059079</v>
      </c>
      <c r="BI38" s="93">
        <f t="shared" si="29"/>
        <v>491.63768582691461</v>
      </c>
      <c r="BJ38" s="93">
        <f t="shared" si="30"/>
        <v>532.60749297915743</v>
      </c>
      <c r="BK38" s="93">
        <f t="shared" si="31"/>
        <v>546.26409536323843</v>
      </c>
      <c r="BL38" s="93">
        <f t="shared" si="31"/>
        <v>546.26409536323843</v>
      </c>
    </row>
    <row r="39" spans="2:67" x14ac:dyDescent="0.2">
      <c r="B39" s="79">
        <f t="shared" si="37"/>
        <v>-28.5</v>
      </c>
      <c r="C39" s="73">
        <f t="shared" si="20"/>
        <v>13</v>
      </c>
      <c r="D39" s="64">
        <f>INDEX('CPT Data'!$C$13:$C$20000,MATCH($C39,'CPT Data'!$B$13:$B$20000,1))</f>
        <v>12.98</v>
      </c>
      <c r="E39" s="55" t="str">
        <f>INDEX('CPT Data'!$P$13:$P$20000,MATCH($C39,'CPT Data'!$B$13:$B$20000,1))</f>
        <v>CLAY</v>
      </c>
      <c r="F39" s="76">
        <f>INDEX('CPT Data'!$Q$13:$Q$20000,MATCH($C39,'CPT Data'!$B$13:$B$20000,1))</f>
        <v>17.694581751683099</v>
      </c>
      <c r="G39" s="76">
        <f>INDEX('CPT Data'!$I$13:$I$20000,MATCH(C39,'CPT Data'!$B$13:$B$20000,1))</f>
        <v>15.448768796594976</v>
      </c>
      <c r="H39" s="76">
        <f>INDEX('CPT Data'!$J$13:$J$20000,MATCH($C39,'CPT Data'!$B$13:$B$20000,1))</f>
        <v>5.448768796594976</v>
      </c>
      <c r="I39" s="76">
        <f>INDEX('CPT Data'!$L$13:$L$20000,MATCH(C39,'CPT Data'!$B$13:$B$20000,1))</f>
        <v>70.763160361378951</v>
      </c>
      <c r="J39" s="226">
        <f>INDEX('CPT Data'!$R$13:$R$20000,MATCH(C39,'CPT Data'!$B$13:$B$20000,1))</f>
        <v>35</v>
      </c>
      <c r="K39" s="76">
        <f>INDEX('CPT Data'!$S$13:$S$20000,MATCH($C39,'CPT Data'!$B$13:$B$20000,1))</f>
        <v>0.98731996091035668</v>
      </c>
      <c r="L39" s="55">
        <f>VLOOKUP($C39, 'Pile Property'!$A$8:$D$108,2,TRUE)</f>
        <v>2</v>
      </c>
      <c r="M39" s="234">
        <f>IF($E39="CLAY",ABS($F39-'CPT Data'!$Q$292)/$D39,#N/A)</f>
        <v>0.49803882432123825</v>
      </c>
      <c r="N39" s="65">
        <f t="shared" si="32"/>
        <v>11.111760766205741</v>
      </c>
      <c r="O39" s="76">
        <f t="shared" si="38"/>
        <v>14.5</v>
      </c>
      <c r="P39" s="76">
        <f t="shared" si="1"/>
        <v>0.25005358241942555</v>
      </c>
      <c r="Q39" s="65">
        <f t="shared" si="18"/>
        <v>0.99989285238452674</v>
      </c>
      <c r="R39" s="76">
        <f t="shared" si="19"/>
        <v>11.99967855715358</v>
      </c>
      <c r="S39" s="76">
        <f t="shared" si="33"/>
        <v>9.5994649089239239</v>
      </c>
      <c r="T39" s="76"/>
      <c r="U39" s="76"/>
      <c r="V39" s="76">
        <f t="shared" si="3"/>
        <v>11.99967855715358</v>
      </c>
      <c r="W39" s="76">
        <f t="shared" si="34"/>
        <v>11.99967855715358</v>
      </c>
      <c r="X39" s="76">
        <f t="shared" si="4"/>
        <v>11.99967855715358</v>
      </c>
      <c r="Y39" s="76">
        <f t="shared" si="5"/>
        <v>212.32929322347272</v>
      </c>
      <c r="Z39" s="76">
        <f t="shared" si="35"/>
        <v>424.65858644694544</v>
      </c>
      <c r="AA39" s="85" cm="1">
        <f t="array" ref="AA39">IF(J39&gt;30,IF(K39&lt;=2,$AB$10,IF(AND(K39&gt;2,K39&lt;=4),TREND($AB$10:$AC$10,$AB$3:$AC$3,K39,TRUE),IF(AND(K39&gt;4,K39&lt;10),TREND($AC$10:$AD$10,$AC$3:$AD$3,K39,TRUE),IF(K39&gt;=10,$AD$10,1)))),IF(K39&lt;=2,$AE$10,IF(AND(K39&gt;2,K39&lt;=4),TREND($AE$10:$AF$10,$AE$3:$AF$3,K39,TRUE),IF(AND(K39&gt;4,K39&lt;10),TREND($AF$10:$AG$10,$AF$3:$AG$3,K39,TRUE),IF(K39&gt;=10,$AG$10,1)))))</f>
        <v>2.9999999999999997E-4</v>
      </c>
      <c r="AB39" s="85" cm="1">
        <f t="array" ref="AB39">IF(J39&gt;30,IF(K39&lt;=2,$AB$11,IF(AND(K39&gt;2,K39&lt;=4),TREND($AB$11:$AC$11,$AB$3:$AC$3,K39,TRUE),IF(AND(K39&gt;4,K39&lt;10),TREND($AC$11:$AD$11,$AC$3:$AD$3,K39,TRUE),IF(K39&gt;=10,$AD$11,1)))),IF(K39&lt;=2,$AE$11,IF(AND(K39&gt;2,K39&lt;=4),TREND($AE$11:$AF$11,$AE$3:$AF$3,K39,TRUE),IF(AND(K39&gt;4,K39&lt;10),TREND($AF$11:$AG$11,$AF$3:$AG$3,K39,TRUE),IF(K39&gt;=10,$AG$11,1)))))</f>
        <v>3.0000000000000001E-3</v>
      </c>
      <c r="AC39" s="85" cm="1">
        <f t="array" ref="AC39">IF(J39&gt;30,IF(K39&lt;=2,$AB$12,IF(AND(K39&gt;2,K39&lt;=4),TREND($AB$12:$AC$12,$AB$3:$AC$3,K39,TRUE),IF(AND(K39&gt;4,K39&lt;10),TREND($AC$12:$AD$12,$AC$3:$AD$3,K39,TRUE),IF(K39&gt;=10,$AD$12,1)))),IF(K39&lt;=2,$AE$12,IF(AND(K39&gt;2,K39&lt;=4),TREND($AE$12:$AF$12,$AE$3:$AF$3,K39,TRUE),IF(AND(K39&gt;4,K39&lt;10),TREND($AF$12:$AG$12,$AF$3:$AG$3,K39,TRUE),IF(K39&gt;=10,$AG$12,1)))))</f>
        <v>5.3E-3</v>
      </c>
      <c r="AD39" s="85" cm="1">
        <f t="array" ref="AD39">IF(J39&gt;30,IF(K39&lt;=2,$AB$13,IF(AND(K39&gt;2,K39&lt;=4),TREND($AB$13:$AC$13,$AB$3:$AC$3,K39,TRUE),IF(AND(K39&gt;4,K39&lt;10),TREND($AC$13:$AD$13,$AC$3:$AD$3,K39,TRUE),IF(K39&gt;=10,$AD$13,1)))),IF(K39&lt;=2,$AE$13,IF(AND(K39&gt;2,K39&lt;=4),TREND($AE$13:$AF$13,$AE$3:$AF$3,K39,TRUE),IF(AND(K39&gt;4,K39&lt;10),TREND($AF$13:$AG$13,$AF$3:$AG$3,K39,TRUE),IF(K39&gt;=10,$AG$13,1)))))</f>
        <v>8.9999999999999993E-3</v>
      </c>
      <c r="AE39" s="85" cm="1">
        <f t="array" ref="AE39">IF(J39&gt;30,IF(K39&lt;=2,$AB$14,IF(AND(K39&gt;2,K39&lt;=4),TREND($AB$14:$AC$14,$AB$3:$AC$3,K39,TRUE),IF(AND(K39&gt;4,K39&lt;10),TREND($AC$14:$AD$14,$AC$3:$AD$3,K39,TRUE),IF(K39&gt;=10,$AD$14,1)))),IF(K39&lt;=2,$AE$14,IF(AND(K39&gt;2,K39&lt;=4),TREND($AE$14:$AF$14,$AE$3:$AF$3,K39,TRUE),IF(AND(K39&gt;4,K39&lt;10),TREND($AF$14:$AG$14,$AF$3:$AG$3,K39,TRUE),IF(K39&gt;=10,$AG$14,1)))))</f>
        <v>1.4E-2</v>
      </c>
      <c r="AF39" s="85" cm="1">
        <f t="array" ref="AF39">IF(J39&gt;30,IF(K39&lt;=2,$AB$15,IF(AND(K39&gt;2,K39&lt;=4),TREND($AB$15:$AC$15,$AB$3:$AC$3,K39,TRUE),IF(AND(K39&gt;4,K39&lt;10),TREND($AC$15:$AD$15,$AC$3:$AD$3,K39,TRUE),IF(K39&gt;=10,$AD$15,1)))),IF(K39&lt;=2,$AE$15,IF(AND(K39&gt;2,K39&lt;=4),TREND($AE$15:$AF$15,$AE$3:$AF$3,K39,TRUE),IF(AND(K39&gt;4,K39&lt;10),TREND($AF$15:$AG$15,$AF$3:$AG$3,K39,TRUE),IF(K39&gt;=10,$AG$15,1)))))</f>
        <v>2.1999999999999999E-2</v>
      </c>
      <c r="AG39" s="86" cm="1">
        <f t="array" ref="AG39">IF(J39&gt;30,IF(K39&lt;=2,$AB$16,IF(AND(K39&gt;2,K39&lt;=4),TREND($AB$16:$AC$16,$AB$3:$AC$3,K39,TRUE),IF(AND(K39&gt;4,K39&lt;10),TREND($AC$16:$AD$16,$AC$3:$AD$3,K39,TRUE),IF(K39&gt;=10,$AD$16,1)))),IF(K39&lt;=2,$AE$16,IF(AND(K39&gt;2,K39&lt;=4),TREND($AE$16:$AF$16,$AE$3:$AF$3,K39,TRUE),IF(AND(K39&gt;4,K39&lt;10),TREND($AF$16:$AG$16,$AF$3:$AG$3,K39,TRUE),IF(K39&gt;=10,$AG$16,1)))))</f>
        <v>3.2000000000000001E-2</v>
      </c>
      <c r="AH39" s="85" cm="1">
        <f t="array" ref="AH39">IF(J39&gt;30,IF(K39&lt;=2,$AB$17,IF(AND(K39&gt;2,K39&lt;=4),TREND($AB$17:$AC$17,$AB$3:$AC$3,K39,TRUE),IF(AND(K39&gt;4,K39&lt;10),TREND($AC$17:$AD$17,$AC$3:$AD$3,K39,TRUE),IF(K39&gt;=10,$AD$17,1)))),IF(K39&lt;=2,$AE$17,IF(AND(K39&gt;2,K39&lt;=4),TREND($AE$17:$AF$17,$AE$3:$AF$3,K39,TRUE),IF(AND(K39&gt;4,K39&lt;10),TREND($AF$17:$AG$17,$AF$3:$AG$3,K39,TRUE),IF(K39&gt;=10,$AG$17,1)))))</f>
        <v>0.05</v>
      </c>
      <c r="AI39" s="85" cm="1">
        <f t="array" ref="AI39">IF(J39&gt;30,IF(K39&lt;=2,$AB$18,IF(AND(K39&gt;2,K39&lt;=4),TREND($AB$18:$AC$18,$AB$3:$AC$3,K39,TRUE),IF(AND(K39&gt;4,K39&lt;10),TREND($AC$18:$AD$18,$AC$3:$AD$3,K39,TRUE),IF(K39&gt;=10,$AD$18,1)))),IF(K39&lt;=2,$AE$18,IF(AND(K39&gt;2,K39&lt;=4),TREND($AE$18:$AF$18,$AE$3:$AF$3,K39,TRUE),IF(AND(K39&gt;4,K39&lt;10),TREND($AF$18:$AG$18,$AF$3:$AG$3,K39,TRUE),IF(K39&gt;=10,$AG$18,1)))))</f>
        <v>8.2000000000000003E-2</v>
      </c>
      <c r="AJ39" s="85" cm="1">
        <f t="array" ref="AJ39">IF(J39&gt;30,IF(K39&lt;=2,$AB$19,IF(AND(K39&gt;2,K39&lt;=4),TREND($AB$19:$AC$19,$AB$3:$AC$3,K39,TRUE),IF(AND(K39&gt;4,K39&lt;10),TREND($AC$19:$AD$19,$AC$3:$AD$3,K39,TRUE),IF(K39&gt;=10,$AD$19,1)))),IF(K39&lt;=2,$AE$19,IF(AND(K39&gt;2,K39&lt;=4),TREND($AE$19:$AF$19,$AE$3:$AF$3,K39,TRUE),IF(AND(K39&gt;4,K39&lt;10),TREND($AF$19:$AG$19,$AF$3:$AG$3,K39,TRUE),IF(K39&gt;=10,$AG$19,1)))))</f>
        <v>0.15</v>
      </c>
      <c r="AK39" s="85" cm="1">
        <f t="array" ref="AK39">IF(J39&gt;30,IF(K39&lt;=2,$AB$20,IF(AND(K39&gt;2,K39&lt;=4),TREND($AB$20:$AC$20,$AB$3:$AC$3,K39,TRUE),IF(AND(K39&gt;4,K39&lt;10),TREND($AC$20:$AD$20,$AC$3:$AD$3,K39,TRUE),IF(K39&gt;=10,$AD$20,1)))),IF(K39&lt;=2,$AE$20,IF(AND(K39&gt;2,K39&lt;=4),TREND($AE$20:$AF$20,$AE$3:$AF$3,K39,TRUE),IF(AND(K39&gt;4,K39&lt;10),TREND($AF$20:$AG$20,$AF$3:$AG$3,K39,TRUE),IF(K39&gt;=10,$AG$20,1)))))</f>
        <v>0.25</v>
      </c>
      <c r="AL39" s="85">
        <v>3</v>
      </c>
      <c r="AM39" s="92">
        <v>0</v>
      </c>
      <c r="AN39" s="92">
        <f t="shared" si="6"/>
        <v>0.6</v>
      </c>
      <c r="AO39" s="92">
        <f t="shared" si="21"/>
        <v>6</v>
      </c>
      <c r="AP39" s="92">
        <f t="shared" si="7"/>
        <v>10.6</v>
      </c>
      <c r="AQ39" s="92">
        <f t="shared" si="8"/>
        <v>18</v>
      </c>
      <c r="AR39" s="92">
        <f t="shared" si="9"/>
        <v>28</v>
      </c>
      <c r="AS39" s="92">
        <f t="shared" si="10"/>
        <v>44</v>
      </c>
      <c r="AT39" s="92">
        <f t="shared" si="11"/>
        <v>64</v>
      </c>
      <c r="AU39" s="92">
        <f t="shared" si="12"/>
        <v>100</v>
      </c>
      <c r="AV39" s="92">
        <f t="shared" si="13"/>
        <v>164</v>
      </c>
      <c r="AW39" s="92">
        <f t="shared" si="14"/>
        <v>300</v>
      </c>
      <c r="AX39" s="92">
        <f t="shared" si="15"/>
        <v>500</v>
      </c>
      <c r="AY39" s="92">
        <f t="shared" si="16"/>
        <v>6000</v>
      </c>
      <c r="AZ39" s="93">
        <v>0</v>
      </c>
      <c r="BA39" s="93">
        <f t="shared" si="36"/>
        <v>21.232929322347275</v>
      </c>
      <c r="BB39" s="93">
        <f t="shared" si="22"/>
        <v>84.931717289389098</v>
      </c>
      <c r="BC39" s="93">
        <f t="shared" si="23"/>
        <v>127.39757593408362</v>
      </c>
      <c r="BD39" s="93">
        <f t="shared" si="24"/>
        <v>169.8634345787782</v>
      </c>
      <c r="BE39" s="93">
        <f t="shared" si="25"/>
        <v>212.32929322347272</v>
      </c>
      <c r="BF39" s="93">
        <f t="shared" si="26"/>
        <v>254.79515186816724</v>
      </c>
      <c r="BG39" s="93">
        <f t="shared" si="27"/>
        <v>297.26101051286179</v>
      </c>
      <c r="BH39" s="93">
        <f t="shared" si="28"/>
        <v>339.72686915755639</v>
      </c>
      <c r="BI39" s="93">
        <f t="shared" si="29"/>
        <v>382.19272780225089</v>
      </c>
      <c r="BJ39" s="93">
        <f t="shared" si="30"/>
        <v>414.04212178577177</v>
      </c>
      <c r="BK39" s="93">
        <f t="shared" si="31"/>
        <v>424.65858644694544</v>
      </c>
      <c r="BL39" s="93">
        <f t="shared" si="31"/>
        <v>424.65858644694544</v>
      </c>
      <c r="BO39" s="59"/>
    </row>
    <row r="40" spans="2:67" x14ac:dyDescent="0.2">
      <c r="B40" s="79">
        <f t="shared" si="37"/>
        <v>-29.5</v>
      </c>
      <c r="C40" s="73">
        <f t="shared" si="20"/>
        <v>14</v>
      </c>
      <c r="D40" s="64">
        <f>INDEX('CPT Data'!$C$13:$C$20000,MATCH($C40,'CPT Data'!$B$13:$B$20000,1))</f>
        <v>13.993</v>
      </c>
      <c r="E40" s="55" t="str">
        <f>INDEX('CPT Data'!$P$13:$P$20000,MATCH($C40,'CPT Data'!$B$13:$B$20000,1))</f>
        <v>CLAY</v>
      </c>
      <c r="F40" s="76">
        <f>INDEX('CPT Data'!$Q$13:$Q$20000,MATCH($C40,'CPT Data'!$B$13:$B$20000,1))</f>
        <v>22.66160147515124</v>
      </c>
      <c r="G40" s="76">
        <f>INDEX('CPT Data'!$I$13:$I$20000,MATCH(C40,'CPT Data'!$B$13:$B$20000,1))</f>
        <v>15.514956213691493</v>
      </c>
      <c r="H40" s="76">
        <f>INDEX('CPT Data'!$J$13:$J$20000,MATCH($C40,'CPT Data'!$B$13:$B$20000,1))</f>
        <v>5.5149562136914927</v>
      </c>
      <c r="I40" s="76">
        <f>INDEX('CPT Data'!$L$13:$L$20000,MATCH(C40,'CPT Data'!$B$13:$B$20000,1))</f>
        <v>77.209386991680901</v>
      </c>
      <c r="J40" s="226">
        <f>INDEX('CPT Data'!$R$13:$R$20000,MATCH(C40,'CPT Data'!$B$13:$B$20000,1))</f>
        <v>35</v>
      </c>
      <c r="K40" s="76">
        <f>INDEX('CPT Data'!$S$13:$S$20000,MATCH($C40,'CPT Data'!$B$13:$B$20000,1))</f>
        <v>1.2062634895155444</v>
      </c>
      <c r="L40" s="55">
        <f>VLOOKUP($C40, 'Pile Property'!$A$8:$D$108,2,TRUE)</f>
        <v>2</v>
      </c>
      <c r="M40" s="234">
        <f>IF($E40="CLAY",ABS($F40-'CPT Data'!$Q$292)/$D40,#N/A)</f>
        <v>0.81694873602214058</v>
      </c>
      <c r="N40" s="65">
        <f t="shared" si="32"/>
        <v>6.7740949023146371</v>
      </c>
      <c r="O40" s="76">
        <f t="shared" si="38"/>
        <v>14.889042063727311</v>
      </c>
      <c r="P40" s="76">
        <f t="shared" si="1"/>
        <v>0.29350837194955276</v>
      </c>
      <c r="Q40" s="65">
        <f t="shared" si="18"/>
        <v>0.92291086254714982</v>
      </c>
      <c r="R40" s="76">
        <f t="shared" si="19"/>
        <v>11.768732587641448</v>
      </c>
      <c r="S40" s="76">
        <f t="shared" si="33"/>
        <v>9.676095029209014</v>
      </c>
      <c r="T40" s="76"/>
      <c r="U40" s="76"/>
      <c r="V40" s="76">
        <f t="shared" si="3"/>
        <v>11.768732587641448</v>
      </c>
      <c r="W40" s="76">
        <f t="shared" si="34"/>
        <v>11.768732587641448</v>
      </c>
      <c r="X40" s="76">
        <f t="shared" si="4"/>
        <v>11.768732587641448</v>
      </c>
      <c r="Y40" s="76">
        <f t="shared" si="5"/>
        <v>266.69832776875592</v>
      </c>
      <c r="Z40" s="76">
        <f t="shared" si="35"/>
        <v>533.39665553751183</v>
      </c>
      <c r="AA40" s="85" cm="1">
        <f t="array" ref="AA40">IF(J40&gt;30,IF(K40&lt;=2,$AB$10,IF(AND(K40&gt;2,K40&lt;=4),TREND($AB$10:$AC$10,$AB$3:$AC$3,K40,TRUE),IF(AND(K40&gt;4,K40&lt;10),TREND($AC$10:$AD$10,$AC$3:$AD$3,K40,TRUE),IF(K40&gt;=10,$AD$10,1)))),IF(K40&lt;=2,$AE$10,IF(AND(K40&gt;2,K40&lt;=4),TREND($AE$10:$AF$10,$AE$3:$AF$3,K40,TRUE),IF(AND(K40&gt;4,K40&lt;10),TREND($AF$10:$AG$10,$AF$3:$AG$3,K40,TRUE),IF(K40&gt;=10,$AG$10,1)))))</f>
        <v>2.9999999999999997E-4</v>
      </c>
      <c r="AB40" s="85" cm="1">
        <f t="array" ref="AB40">IF(J40&gt;30,IF(K40&lt;=2,$AB$11,IF(AND(K40&gt;2,K40&lt;=4),TREND($AB$11:$AC$11,$AB$3:$AC$3,K40,TRUE),IF(AND(K40&gt;4,K40&lt;10),TREND($AC$11:$AD$11,$AC$3:$AD$3,K40,TRUE),IF(K40&gt;=10,$AD$11,1)))),IF(K40&lt;=2,$AE$11,IF(AND(K40&gt;2,K40&lt;=4),TREND($AE$11:$AF$11,$AE$3:$AF$3,K40,TRUE),IF(AND(K40&gt;4,K40&lt;10),TREND($AF$11:$AG$11,$AF$3:$AG$3,K40,TRUE),IF(K40&gt;=10,$AG$11,1)))))</f>
        <v>3.0000000000000001E-3</v>
      </c>
      <c r="AC40" s="85" cm="1">
        <f t="array" ref="AC40">IF(J40&gt;30,IF(K40&lt;=2,$AB$12,IF(AND(K40&gt;2,K40&lt;=4),TREND($AB$12:$AC$12,$AB$3:$AC$3,K40,TRUE),IF(AND(K40&gt;4,K40&lt;10),TREND($AC$12:$AD$12,$AC$3:$AD$3,K40,TRUE),IF(K40&gt;=10,$AD$12,1)))),IF(K40&lt;=2,$AE$12,IF(AND(K40&gt;2,K40&lt;=4),TREND($AE$12:$AF$12,$AE$3:$AF$3,K40,TRUE),IF(AND(K40&gt;4,K40&lt;10),TREND($AF$12:$AG$12,$AF$3:$AG$3,K40,TRUE),IF(K40&gt;=10,$AG$12,1)))))</f>
        <v>5.3E-3</v>
      </c>
      <c r="AD40" s="85" cm="1">
        <f t="array" ref="AD40">IF(J40&gt;30,IF(K40&lt;=2,$AB$13,IF(AND(K40&gt;2,K40&lt;=4),TREND($AB$13:$AC$13,$AB$3:$AC$3,K40,TRUE),IF(AND(K40&gt;4,K40&lt;10),TREND($AC$13:$AD$13,$AC$3:$AD$3,K40,TRUE),IF(K40&gt;=10,$AD$13,1)))),IF(K40&lt;=2,$AE$13,IF(AND(K40&gt;2,K40&lt;=4),TREND($AE$13:$AF$13,$AE$3:$AF$3,K40,TRUE),IF(AND(K40&gt;4,K40&lt;10),TREND($AF$13:$AG$13,$AF$3:$AG$3,K40,TRUE),IF(K40&gt;=10,$AG$13,1)))))</f>
        <v>8.9999999999999993E-3</v>
      </c>
      <c r="AE40" s="85" cm="1">
        <f t="array" ref="AE40">IF(J40&gt;30,IF(K40&lt;=2,$AB$14,IF(AND(K40&gt;2,K40&lt;=4),TREND($AB$14:$AC$14,$AB$3:$AC$3,K40,TRUE),IF(AND(K40&gt;4,K40&lt;10),TREND($AC$14:$AD$14,$AC$3:$AD$3,K40,TRUE),IF(K40&gt;=10,$AD$14,1)))),IF(K40&lt;=2,$AE$14,IF(AND(K40&gt;2,K40&lt;=4),TREND($AE$14:$AF$14,$AE$3:$AF$3,K40,TRUE),IF(AND(K40&gt;4,K40&lt;10),TREND($AF$14:$AG$14,$AF$3:$AG$3,K40,TRUE),IF(K40&gt;=10,$AG$14,1)))))</f>
        <v>1.4E-2</v>
      </c>
      <c r="AF40" s="85" cm="1">
        <f t="array" ref="AF40">IF(J40&gt;30,IF(K40&lt;=2,$AB$15,IF(AND(K40&gt;2,K40&lt;=4),TREND($AB$15:$AC$15,$AB$3:$AC$3,K40,TRUE),IF(AND(K40&gt;4,K40&lt;10),TREND($AC$15:$AD$15,$AC$3:$AD$3,K40,TRUE),IF(K40&gt;=10,$AD$15,1)))),IF(K40&lt;=2,$AE$15,IF(AND(K40&gt;2,K40&lt;=4),TREND($AE$15:$AF$15,$AE$3:$AF$3,K40,TRUE),IF(AND(K40&gt;4,K40&lt;10),TREND($AF$15:$AG$15,$AF$3:$AG$3,K40,TRUE),IF(K40&gt;=10,$AG$15,1)))))</f>
        <v>2.1999999999999999E-2</v>
      </c>
      <c r="AG40" s="86" cm="1">
        <f t="array" ref="AG40">IF(J40&gt;30,IF(K40&lt;=2,$AB$16,IF(AND(K40&gt;2,K40&lt;=4),TREND($AB$16:$AC$16,$AB$3:$AC$3,K40,TRUE),IF(AND(K40&gt;4,K40&lt;10),TREND($AC$16:$AD$16,$AC$3:$AD$3,K40,TRUE),IF(K40&gt;=10,$AD$16,1)))),IF(K40&lt;=2,$AE$16,IF(AND(K40&gt;2,K40&lt;=4),TREND($AE$16:$AF$16,$AE$3:$AF$3,K40,TRUE),IF(AND(K40&gt;4,K40&lt;10),TREND($AF$16:$AG$16,$AF$3:$AG$3,K40,TRUE),IF(K40&gt;=10,$AG$16,1)))))</f>
        <v>3.2000000000000001E-2</v>
      </c>
      <c r="AH40" s="85" cm="1">
        <f t="array" ref="AH40">IF(J40&gt;30,IF(K40&lt;=2,$AB$17,IF(AND(K40&gt;2,K40&lt;=4),TREND($AB$17:$AC$17,$AB$3:$AC$3,K40,TRUE),IF(AND(K40&gt;4,K40&lt;10),TREND($AC$17:$AD$17,$AC$3:$AD$3,K40,TRUE),IF(K40&gt;=10,$AD$17,1)))),IF(K40&lt;=2,$AE$17,IF(AND(K40&gt;2,K40&lt;=4),TREND($AE$17:$AF$17,$AE$3:$AF$3,K40,TRUE),IF(AND(K40&gt;4,K40&lt;10),TREND($AF$17:$AG$17,$AF$3:$AG$3,K40,TRUE),IF(K40&gt;=10,$AG$17,1)))))</f>
        <v>0.05</v>
      </c>
      <c r="AI40" s="85" cm="1">
        <f t="array" ref="AI40">IF(J40&gt;30,IF(K40&lt;=2,$AB$18,IF(AND(K40&gt;2,K40&lt;=4),TREND($AB$18:$AC$18,$AB$3:$AC$3,K40,TRUE),IF(AND(K40&gt;4,K40&lt;10),TREND($AC$18:$AD$18,$AC$3:$AD$3,K40,TRUE),IF(K40&gt;=10,$AD$18,1)))),IF(K40&lt;=2,$AE$18,IF(AND(K40&gt;2,K40&lt;=4),TREND($AE$18:$AF$18,$AE$3:$AF$3,K40,TRUE),IF(AND(K40&gt;4,K40&lt;10),TREND($AF$18:$AG$18,$AF$3:$AG$3,K40,TRUE),IF(K40&gt;=10,$AG$18,1)))))</f>
        <v>8.2000000000000003E-2</v>
      </c>
      <c r="AJ40" s="85" cm="1">
        <f t="array" ref="AJ40">IF(J40&gt;30,IF(K40&lt;=2,$AB$19,IF(AND(K40&gt;2,K40&lt;=4),TREND($AB$19:$AC$19,$AB$3:$AC$3,K40,TRUE),IF(AND(K40&gt;4,K40&lt;10),TREND($AC$19:$AD$19,$AC$3:$AD$3,K40,TRUE),IF(K40&gt;=10,$AD$19,1)))),IF(K40&lt;=2,$AE$19,IF(AND(K40&gt;2,K40&lt;=4),TREND($AE$19:$AF$19,$AE$3:$AF$3,K40,TRUE),IF(AND(K40&gt;4,K40&lt;10),TREND($AF$19:$AG$19,$AF$3:$AG$3,K40,TRUE),IF(K40&gt;=10,$AG$19,1)))))</f>
        <v>0.15</v>
      </c>
      <c r="AK40" s="85" cm="1">
        <f t="array" ref="AK40">IF(J40&gt;30,IF(K40&lt;=2,$AB$20,IF(AND(K40&gt;2,K40&lt;=4),TREND($AB$20:$AC$20,$AB$3:$AC$3,K40,TRUE),IF(AND(K40&gt;4,K40&lt;10),TREND($AC$20:$AD$20,$AC$3:$AD$3,K40,TRUE),IF(K40&gt;=10,$AD$20,1)))),IF(K40&lt;=2,$AE$20,IF(AND(K40&gt;2,K40&lt;=4),TREND($AE$20:$AF$20,$AE$3:$AF$3,K40,TRUE),IF(AND(K40&gt;4,K40&lt;10),TREND($AF$20:$AG$20,$AF$3:$AG$3,K40,TRUE),IF(K40&gt;=10,$AG$20,1)))))</f>
        <v>0.25</v>
      </c>
      <c r="AL40" s="85">
        <v>3</v>
      </c>
      <c r="AM40" s="92">
        <v>0</v>
      </c>
      <c r="AN40" s="92">
        <f t="shared" si="6"/>
        <v>0.6</v>
      </c>
      <c r="AO40" s="92">
        <f t="shared" si="21"/>
        <v>6</v>
      </c>
      <c r="AP40" s="92">
        <f t="shared" si="7"/>
        <v>10.6</v>
      </c>
      <c r="AQ40" s="92">
        <f t="shared" si="8"/>
        <v>18</v>
      </c>
      <c r="AR40" s="92">
        <f t="shared" si="9"/>
        <v>28</v>
      </c>
      <c r="AS40" s="92">
        <f t="shared" si="10"/>
        <v>44</v>
      </c>
      <c r="AT40" s="92">
        <f t="shared" si="11"/>
        <v>64</v>
      </c>
      <c r="AU40" s="92">
        <f t="shared" si="12"/>
        <v>100</v>
      </c>
      <c r="AV40" s="92">
        <f t="shared" si="13"/>
        <v>164</v>
      </c>
      <c r="AW40" s="92">
        <f t="shared" si="14"/>
        <v>300</v>
      </c>
      <c r="AX40" s="92">
        <f t="shared" si="15"/>
        <v>500</v>
      </c>
      <c r="AY40" s="92">
        <f t="shared" si="16"/>
        <v>6000</v>
      </c>
      <c r="AZ40" s="93">
        <v>0</v>
      </c>
      <c r="BA40" s="93">
        <f t="shared" si="36"/>
        <v>26.669832776875595</v>
      </c>
      <c r="BB40" s="93">
        <f t="shared" si="22"/>
        <v>106.67933110750238</v>
      </c>
      <c r="BC40" s="93">
        <f t="shared" si="23"/>
        <v>160.01899666125354</v>
      </c>
      <c r="BD40" s="93">
        <f t="shared" si="24"/>
        <v>213.35866221500476</v>
      </c>
      <c r="BE40" s="93">
        <f t="shared" si="25"/>
        <v>266.69832776875592</v>
      </c>
      <c r="BF40" s="93">
        <f t="shared" si="26"/>
        <v>320.03799332250708</v>
      </c>
      <c r="BG40" s="93">
        <f t="shared" si="27"/>
        <v>373.37765887625824</v>
      </c>
      <c r="BH40" s="93">
        <f t="shared" si="28"/>
        <v>426.71732443000951</v>
      </c>
      <c r="BI40" s="93">
        <f t="shared" si="29"/>
        <v>480.05698998376067</v>
      </c>
      <c r="BJ40" s="93">
        <f t="shared" si="30"/>
        <v>520.06173914907401</v>
      </c>
      <c r="BK40" s="93">
        <f t="shared" si="31"/>
        <v>533.39665553751183</v>
      </c>
      <c r="BL40" s="93">
        <f t="shared" si="31"/>
        <v>533.39665553751183</v>
      </c>
    </row>
    <row r="41" spans="2:67" x14ac:dyDescent="0.2">
      <c r="B41" s="79">
        <f t="shared" si="37"/>
        <v>-30.5</v>
      </c>
      <c r="C41" s="73">
        <f t="shared" si="20"/>
        <v>15</v>
      </c>
      <c r="D41" s="64">
        <f>INDEX('CPT Data'!$C$13:$C$20000,MATCH($C41,'CPT Data'!$B$13:$B$20000,1))</f>
        <v>14.993</v>
      </c>
      <c r="E41" s="55" t="str">
        <f>INDEX('CPT Data'!$P$13:$P$20000,MATCH($C41,'CPT Data'!$B$13:$B$20000,1))</f>
        <v>CLAY</v>
      </c>
      <c r="F41" s="76">
        <f>INDEX('CPT Data'!$Q$13:$Q$20000,MATCH($C41,'CPT Data'!$B$13:$B$20000,1))</f>
        <v>20.248816375193162</v>
      </c>
      <c r="G41" s="76">
        <f>INDEX('CPT Data'!$I$13:$I$20000,MATCH(C41,'CPT Data'!$B$13:$B$20000,1))</f>
        <v>15.713613252696724</v>
      </c>
      <c r="H41" s="76">
        <f>INDEX('CPT Data'!$J$13:$J$20000,MATCH($C41,'CPT Data'!$B$13:$B$20000,1))</f>
        <v>5.7136132526967245</v>
      </c>
      <c r="I41" s="76">
        <f>INDEX('CPT Data'!$L$13:$L$20000,MATCH(C41,'CPT Data'!$B$13:$B$20000,1))</f>
        <v>85.704198790450874</v>
      </c>
      <c r="J41" s="226">
        <f>INDEX('CPT Data'!$R$13:$R$20000,MATCH(C41,'CPT Data'!$B$13:$B$20000,1))</f>
        <v>35</v>
      </c>
      <c r="K41" s="76">
        <f>INDEX('CPT Data'!$S$13:$S$20000,MATCH($C41,'CPT Data'!$B$13:$B$20000,1))</f>
        <v>0.91973665414327022</v>
      </c>
      <c r="L41" s="55">
        <f>VLOOKUP($C41, 'Pile Property'!$A$8:$D$108,2,TRUE)</f>
        <v>2</v>
      </c>
      <c r="M41" s="234">
        <f>IF($E41="CLAY",ABS($F41-'CPT Data'!$Q$292)/$D41,#N/A)</f>
        <v>0.60153261943571901</v>
      </c>
      <c r="N41" s="65">
        <f t="shared" si="32"/>
        <v>9.1999803324570202</v>
      </c>
      <c r="O41" s="76">
        <f t="shared" si="38"/>
        <v>14.583290132483853</v>
      </c>
      <c r="P41" s="76">
        <f t="shared" si="1"/>
        <v>0.23626399477465596</v>
      </c>
      <c r="Q41" s="65">
        <f t="shared" si="18"/>
        <v>1.028658532802986</v>
      </c>
      <c r="R41" s="76">
        <f t="shared" si="19"/>
        <v>12.085975598408957</v>
      </c>
      <c r="S41" s="76">
        <f t="shared" si="33"/>
        <v>10.069628140614006</v>
      </c>
      <c r="T41" s="76"/>
      <c r="U41" s="76"/>
      <c r="V41" s="76">
        <f t="shared" si="3"/>
        <v>12.085975598408957</v>
      </c>
      <c r="W41" s="76">
        <f t="shared" si="34"/>
        <v>12.085975598408957</v>
      </c>
      <c r="X41" s="76">
        <f t="shared" si="4"/>
        <v>12.085975598408957</v>
      </c>
      <c r="Y41" s="76">
        <f t="shared" si="5"/>
        <v>244.72670060724826</v>
      </c>
      <c r="Z41" s="76">
        <f t="shared" si="35"/>
        <v>489.45340121449652</v>
      </c>
      <c r="AA41" s="85" cm="1">
        <f t="array" ref="AA41">IF(J41&gt;30,IF(K41&lt;=2,$AB$10,IF(AND(K41&gt;2,K41&lt;=4),TREND($AB$10:$AC$10,$AB$3:$AC$3,K41,TRUE),IF(AND(K41&gt;4,K41&lt;10),TREND($AC$10:$AD$10,$AC$3:$AD$3,K41,TRUE),IF(K41&gt;=10,$AD$10,1)))),IF(K41&lt;=2,$AE$10,IF(AND(K41&gt;2,K41&lt;=4),TREND($AE$10:$AF$10,$AE$3:$AF$3,K41,TRUE),IF(AND(K41&gt;4,K41&lt;10),TREND($AF$10:$AG$10,$AF$3:$AG$3,K41,TRUE),IF(K41&gt;=10,$AG$10,1)))))</f>
        <v>2.9999999999999997E-4</v>
      </c>
      <c r="AB41" s="85" cm="1">
        <f t="array" ref="AB41">IF(J41&gt;30,IF(K41&lt;=2,$AB$11,IF(AND(K41&gt;2,K41&lt;=4),TREND($AB$11:$AC$11,$AB$3:$AC$3,K41,TRUE),IF(AND(K41&gt;4,K41&lt;10),TREND($AC$11:$AD$11,$AC$3:$AD$3,K41,TRUE),IF(K41&gt;=10,$AD$11,1)))),IF(K41&lt;=2,$AE$11,IF(AND(K41&gt;2,K41&lt;=4),TREND($AE$11:$AF$11,$AE$3:$AF$3,K41,TRUE),IF(AND(K41&gt;4,K41&lt;10),TREND($AF$11:$AG$11,$AF$3:$AG$3,K41,TRUE),IF(K41&gt;=10,$AG$11,1)))))</f>
        <v>3.0000000000000001E-3</v>
      </c>
      <c r="AC41" s="85" cm="1">
        <f t="array" ref="AC41">IF(J41&gt;30,IF(K41&lt;=2,$AB$12,IF(AND(K41&gt;2,K41&lt;=4),TREND($AB$12:$AC$12,$AB$3:$AC$3,K41,TRUE),IF(AND(K41&gt;4,K41&lt;10),TREND($AC$12:$AD$12,$AC$3:$AD$3,K41,TRUE),IF(K41&gt;=10,$AD$12,1)))),IF(K41&lt;=2,$AE$12,IF(AND(K41&gt;2,K41&lt;=4),TREND($AE$12:$AF$12,$AE$3:$AF$3,K41,TRUE),IF(AND(K41&gt;4,K41&lt;10),TREND($AF$12:$AG$12,$AF$3:$AG$3,K41,TRUE),IF(K41&gt;=10,$AG$12,1)))))</f>
        <v>5.3E-3</v>
      </c>
      <c r="AD41" s="85" cm="1">
        <f t="array" ref="AD41">IF(J41&gt;30,IF(K41&lt;=2,$AB$13,IF(AND(K41&gt;2,K41&lt;=4),TREND($AB$13:$AC$13,$AB$3:$AC$3,K41,TRUE),IF(AND(K41&gt;4,K41&lt;10),TREND($AC$13:$AD$13,$AC$3:$AD$3,K41,TRUE),IF(K41&gt;=10,$AD$13,1)))),IF(K41&lt;=2,$AE$13,IF(AND(K41&gt;2,K41&lt;=4),TREND($AE$13:$AF$13,$AE$3:$AF$3,K41,TRUE),IF(AND(K41&gt;4,K41&lt;10),TREND($AF$13:$AG$13,$AF$3:$AG$3,K41,TRUE),IF(K41&gt;=10,$AG$13,1)))))</f>
        <v>8.9999999999999993E-3</v>
      </c>
      <c r="AE41" s="85" cm="1">
        <f t="array" ref="AE41">IF(J41&gt;30,IF(K41&lt;=2,$AB$14,IF(AND(K41&gt;2,K41&lt;=4),TREND($AB$14:$AC$14,$AB$3:$AC$3,K41,TRUE),IF(AND(K41&gt;4,K41&lt;10),TREND($AC$14:$AD$14,$AC$3:$AD$3,K41,TRUE),IF(K41&gt;=10,$AD$14,1)))),IF(K41&lt;=2,$AE$14,IF(AND(K41&gt;2,K41&lt;=4),TREND($AE$14:$AF$14,$AE$3:$AF$3,K41,TRUE),IF(AND(K41&gt;4,K41&lt;10),TREND($AF$14:$AG$14,$AF$3:$AG$3,K41,TRUE),IF(K41&gt;=10,$AG$14,1)))))</f>
        <v>1.4E-2</v>
      </c>
      <c r="AF41" s="85" cm="1">
        <f t="array" ref="AF41">IF(J41&gt;30,IF(K41&lt;=2,$AB$15,IF(AND(K41&gt;2,K41&lt;=4),TREND($AB$15:$AC$15,$AB$3:$AC$3,K41,TRUE),IF(AND(K41&gt;4,K41&lt;10),TREND($AC$15:$AD$15,$AC$3:$AD$3,K41,TRUE),IF(K41&gt;=10,$AD$15,1)))),IF(K41&lt;=2,$AE$15,IF(AND(K41&gt;2,K41&lt;=4),TREND($AE$15:$AF$15,$AE$3:$AF$3,K41,TRUE),IF(AND(K41&gt;4,K41&lt;10),TREND($AF$15:$AG$15,$AF$3:$AG$3,K41,TRUE),IF(K41&gt;=10,$AG$15,1)))))</f>
        <v>2.1999999999999999E-2</v>
      </c>
      <c r="AG41" s="86" cm="1">
        <f t="array" ref="AG41">IF(J41&gt;30,IF(K41&lt;=2,$AB$16,IF(AND(K41&gt;2,K41&lt;=4),TREND($AB$16:$AC$16,$AB$3:$AC$3,K41,TRUE),IF(AND(K41&gt;4,K41&lt;10),TREND($AC$16:$AD$16,$AC$3:$AD$3,K41,TRUE),IF(K41&gt;=10,$AD$16,1)))),IF(K41&lt;=2,$AE$16,IF(AND(K41&gt;2,K41&lt;=4),TREND($AE$16:$AF$16,$AE$3:$AF$3,K41,TRUE),IF(AND(K41&gt;4,K41&lt;10),TREND($AF$16:$AG$16,$AF$3:$AG$3,K41,TRUE),IF(K41&gt;=10,$AG$16,1)))))</f>
        <v>3.2000000000000001E-2</v>
      </c>
      <c r="AH41" s="85" cm="1">
        <f t="array" ref="AH41">IF(J41&gt;30,IF(K41&lt;=2,$AB$17,IF(AND(K41&gt;2,K41&lt;=4),TREND($AB$17:$AC$17,$AB$3:$AC$3,K41,TRUE),IF(AND(K41&gt;4,K41&lt;10),TREND($AC$17:$AD$17,$AC$3:$AD$3,K41,TRUE),IF(K41&gt;=10,$AD$17,1)))),IF(K41&lt;=2,$AE$17,IF(AND(K41&gt;2,K41&lt;=4),TREND($AE$17:$AF$17,$AE$3:$AF$3,K41,TRUE),IF(AND(K41&gt;4,K41&lt;10),TREND($AF$17:$AG$17,$AF$3:$AG$3,K41,TRUE),IF(K41&gt;=10,$AG$17,1)))))</f>
        <v>0.05</v>
      </c>
      <c r="AI41" s="85" cm="1">
        <f t="array" ref="AI41">IF(J41&gt;30,IF(K41&lt;=2,$AB$18,IF(AND(K41&gt;2,K41&lt;=4),TREND($AB$18:$AC$18,$AB$3:$AC$3,K41,TRUE),IF(AND(K41&gt;4,K41&lt;10),TREND($AC$18:$AD$18,$AC$3:$AD$3,K41,TRUE),IF(K41&gt;=10,$AD$18,1)))),IF(K41&lt;=2,$AE$18,IF(AND(K41&gt;2,K41&lt;=4),TREND($AE$18:$AF$18,$AE$3:$AF$3,K41,TRUE),IF(AND(K41&gt;4,K41&lt;10),TREND($AF$18:$AG$18,$AF$3:$AG$3,K41,TRUE),IF(K41&gt;=10,$AG$18,1)))))</f>
        <v>8.2000000000000003E-2</v>
      </c>
      <c r="AJ41" s="85" cm="1">
        <f t="array" ref="AJ41">IF(J41&gt;30,IF(K41&lt;=2,$AB$19,IF(AND(K41&gt;2,K41&lt;=4),TREND($AB$19:$AC$19,$AB$3:$AC$3,K41,TRUE),IF(AND(K41&gt;4,K41&lt;10),TREND($AC$19:$AD$19,$AC$3:$AD$3,K41,TRUE),IF(K41&gt;=10,$AD$19,1)))),IF(K41&lt;=2,$AE$19,IF(AND(K41&gt;2,K41&lt;=4),TREND($AE$19:$AF$19,$AE$3:$AF$3,K41,TRUE),IF(AND(K41&gt;4,K41&lt;10),TREND($AF$19:$AG$19,$AF$3:$AG$3,K41,TRUE),IF(K41&gt;=10,$AG$19,1)))))</f>
        <v>0.15</v>
      </c>
      <c r="AK41" s="85" cm="1">
        <f t="array" ref="AK41">IF(J41&gt;30,IF(K41&lt;=2,$AB$20,IF(AND(K41&gt;2,K41&lt;=4),TREND($AB$20:$AC$20,$AB$3:$AC$3,K41,TRUE),IF(AND(K41&gt;4,K41&lt;10),TREND($AC$20:$AD$20,$AC$3:$AD$3,K41,TRUE),IF(K41&gt;=10,$AD$20,1)))),IF(K41&lt;=2,$AE$20,IF(AND(K41&gt;2,K41&lt;=4),TREND($AE$20:$AF$20,$AE$3:$AF$3,K41,TRUE),IF(AND(K41&gt;4,K41&lt;10),TREND($AF$20:$AG$20,$AF$3:$AG$3,K41,TRUE),IF(K41&gt;=10,$AG$20,1)))))</f>
        <v>0.25</v>
      </c>
      <c r="AL41" s="85">
        <v>3</v>
      </c>
      <c r="AM41" s="92">
        <v>0</v>
      </c>
      <c r="AN41" s="92">
        <f t="shared" si="6"/>
        <v>0.6</v>
      </c>
      <c r="AO41" s="92">
        <f t="shared" si="21"/>
        <v>6</v>
      </c>
      <c r="AP41" s="92">
        <f t="shared" si="7"/>
        <v>10.6</v>
      </c>
      <c r="AQ41" s="92">
        <f t="shared" si="8"/>
        <v>18</v>
      </c>
      <c r="AR41" s="92">
        <f t="shared" si="9"/>
        <v>28</v>
      </c>
      <c r="AS41" s="92">
        <f t="shared" si="10"/>
        <v>44</v>
      </c>
      <c r="AT41" s="92">
        <f t="shared" si="11"/>
        <v>64</v>
      </c>
      <c r="AU41" s="92">
        <f t="shared" si="12"/>
        <v>100</v>
      </c>
      <c r="AV41" s="92">
        <f t="shared" si="13"/>
        <v>164</v>
      </c>
      <c r="AW41" s="92">
        <f t="shared" si="14"/>
        <v>300</v>
      </c>
      <c r="AX41" s="92">
        <f t="shared" si="15"/>
        <v>500</v>
      </c>
      <c r="AY41" s="92">
        <f t="shared" si="16"/>
        <v>6000</v>
      </c>
      <c r="AZ41" s="93">
        <v>0</v>
      </c>
      <c r="BA41" s="93">
        <f t="shared" si="36"/>
        <v>24.472670060724827</v>
      </c>
      <c r="BB41" s="93">
        <f t="shared" si="22"/>
        <v>97.890680242899307</v>
      </c>
      <c r="BC41" s="93">
        <f t="shared" si="23"/>
        <v>146.83602036434894</v>
      </c>
      <c r="BD41" s="93">
        <f t="shared" si="24"/>
        <v>195.78136048579861</v>
      </c>
      <c r="BE41" s="93">
        <f t="shared" si="25"/>
        <v>244.72670060724826</v>
      </c>
      <c r="BF41" s="93">
        <f t="shared" si="26"/>
        <v>293.67204072869788</v>
      </c>
      <c r="BG41" s="93">
        <f t="shared" si="27"/>
        <v>342.61738085014753</v>
      </c>
      <c r="BH41" s="93">
        <f t="shared" si="28"/>
        <v>391.56272097159723</v>
      </c>
      <c r="BI41" s="93">
        <f t="shared" si="29"/>
        <v>440.50806109304688</v>
      </c>
      <c r="BJ41" s="93">
        <f t="shared" si="30"/>
        <v>477.21706618413413</v>
      </c>
      <c r="BK41" s="93">
        <f t="shared" si="31"/>
        <v>489.45340121449652</v>
      </c>
      <c r="BL41" s="93">
        <f t="shared" si="31"/>
        <v>489.45340121449652</v>
      </c>
    </row>
    <row r="42" spans="2:67" x14ac:dyDescent="0.2">
      <c r="B42" s="79">
        <f t="shared" si="37"/>
        <v>-31.5</v>
      </c>
      <c r="C42" s="73">
        <f t="shared" si="20"/>
        <v>16</v>
      </c>
      <c r="D42" s="64">
        <f>INDEX('CPT Data'!$C$13:$C$20000,MATCH($C42,'CPT Data'!$B$13:$B$20000,1))</f>
        <v>15.99</v>
      </c>
      <c r="E42" s="55" t="str">
        <f>INDEX('CPT Data'!$P$13:$P$20000,MATCH($C42,'CPT Data'!$B$13:$B$20000,1))</f>
        <v>CLAY</v>
      </c>
      <c r="F42" s="76">
        <f>INDEX('CPT Data'!$Q$13:$Q$20000,MATCH($C42,'CPT Data'!$B$13:$B$20000,1))</f>
        <v>47.286778585437766</v>
      </c>
      <c r="G42" s="76">
        <f>INDEX('CPT Data'!$I$13:$I$20000,MATCH(C42,'CPT Data'!$B$13:$B$20000,1))</f>
        <v>15.902355032817185</v>
      </c>
      <c r="H42" s="76">
        <f>INDEX('CPT Data'!$J$13:$J$20000,MATCH($C42,'CPT Data'!$B$13:$B$20000,1))</f>
        <v>5.9023550328171854</v>
      </c>
      <c r="I42" s="76">
        <f>INDEX('CPT Data'!$L$13:$L$20000,MATCH(C42,'CPT Data'!$B$13:$B$20000,1))</f>
        <v>94.419973459976518</v>
      </c>
      <c r="J42" s="226">
        <f>INDEX('CPT Data'!$R$13:$R$20000,MATCH(C42,'CPT Data'!$B$13:$B$20000,1))</f>
        <v>35</v>
      </c>
      <c r="K42" s="76">
        <f>INDEX('CPT Data'!$S$13:$S$20000,MATCH($C42,'CPT Data'!$B$13:$B$20000,1))</f>
        <v>2.352401158243854</v>
      </c>
      <c r="L42" s="55">
        <f>VLOOKUP($C42, 'Pile Property'!$A$8:$D$108,2,TRUE)</f>
        <v>2</v>
      </c>
      <c r="M42" s="234">
        <f>IF($E42="CLAY",ABS($F42-'CPT Data'!$Q$292)/$D42,#N/A)</f>
        <v>2.2549556456187827</v>
      </c>
      <c r="N42" s="65">
        <f t="shared" si="32"/>
        <v>2.4541894111719249</v>
      </c>
      <c r="O42" s="76">
        <f t="shared" si="38"/>
        <v>15.903211420663915</v>
      </c>
      <c r="P42" s="76">
        <f t="shared" si="1"/>
        <v>0.50081330096414456</v>
      </c>
      <c r="Q42" s="65">
        <f t="shared" si="18"/>
        <v>0.70653239119265254</v>
      </c>
      <c r="R42" s="76">
        <f t="shared" si="19"/>
        <v>11.119597173577958</v>
      </c>
      <c r="S42" s="76">
        <f t="shared" si="33"/>
        <v>9.6756495012437718</v>
      </c>
      <c r="T42" s="76"/>
      <c r="U42" s="76"/>
      <c r="V42" s="76">
        <f t="shared" si="3"/>
        <v>11.119597173577958</v>
      </c>
      <c r="W42" s="76">
        <f t="shared" si="34"/>
        <v>11.119597173577958</v>
      </c>
      <c r="X42" s="76">
        <f t="shared" si="4"/>
        <v>11.119597173577958</v>
      </c>
      <c r="Y42" s="76">
        <f t="shared" si="5"/>
        <v>525.80992950624045</v>
      </c>
      <c r="Z42" s="76">
        <f t="shared" si="35"/>
        <v>1051.6198590124809</v>
      </c>
      <c r="AA42" s="85" cm="1">
        <f t="array" ref="AA42">IF(J42&gt;30,IF(K42&lt;=2,$AB$10,IF(AND(K42&gt;2,K42&lt;=4),TREND($AB$10:$AC$10,$AB$3:$AC$3,K42,TRUE),IF(AND(K42&gt;4,K42&lt;10),TREND($AC$10:$AD$10,$AC$3:$AD$3,K42,TRUE),IF(K42&gt;=10,$AD$10,1)))),IF(K42&lt;=2,$AE$10,IF(AND(K42&gt;2,K42&lt;=4),TREND($AE$10:$AF$10,$AE$3:$AF$3,K42,TRUE),IF(AND(K42&gt;4,K42&lt;10),TREND($AF$10:$AG$10,$AF$3:$AG$3,K42,TRUE),IF(K42&gt;=10,$AG$10,1)))))</f>
        <v>3.1762005791219269E-4</v>
      </c>
      <c r="AB42" s="85" cm="1">
        <f t="array" ref="AB42">IF(J42&gt;30,IF(K42&lt;=2,$AB$11,IF(AND(K42&gt;2,K42&lt;=4),TREND($AB$11:$AC$11,$AB$3:$AC$3,K42,TRUE),IF(AND(K42&gt;4,K42&lt;10),TREND($AC$11:$AD$11,$AC$3:$AD$3,K42,TRUE),IF(K42&gt;=10,$AD$11,1)))),IF(K42&lt;=2,$AE$11,IF(AND(K42&gt;2,K42&lt;=4),TREND($AE$11:$AF$11,$AE$3:$AF$3,K42,TRUE),IF(AND(K42&gt;4,K42&lt;10),TREND($AF$11:$AG$11,$AF$3:$AG$3,K42,TRUE),IF(K42&gt;=10,$AG$11,1)))))</f>
        <v>3.1762005791219272E-3</v>
      </c>
      <c r="AC42" s="85" cm="1">
        <f t="array" ref="AC42">IF(J42&gt;30,IF(K42&lt;=2,$AB$12,IF(AND(K42&gt;2,K42&lt;=4),TREND($AB$12:$AC$12,$AB$3:$AC$3,K42,TRUE),IF(AND(K42&gt;4,K42&lt;10),TREND($AC$12:$AD$12,$AC$3:$AD$3,K42,TRUE),IF(K42&gt;=10,$AD$12,1)))),IF(K42&lt;=2,$AE$12,IF(AND(K42&gt;2,K42&lt;=4),TREND($AE$12:$AF$12,$AE$3:$AF$3,K42,TRUE),IF(AND(K42&gt;4,K42&lt;10),TREND($AF$12:$AG$12,$AF$3:$AG$3,K42,TRUE),IF(K42&gt;=10,$AG$12,1)))))</f>
        <v>5.7757415636292032E-3</v>
      </c>
      <c r="AD42" s="85" cm="1">
        <f t="array" ref="AD42">IF(J42&gt;30,IF(K42&lt;=2,$AB$13,IF(AND(K42&gt;2,K42&lt;=4),TREND($AB$13:$AC$13,$AB$3:$AC$3,K42,TRUE),IF(AND(K42&gt;4,K42&lt;10),TREND($AC$13:$AD$13,$AC$3:$AD$3,K42,TRUE),IF(K42&gt;=10,$AD$13,1)))),IF(K42&lt;=2,$AE$13,IF(AND(K42&gt;2,K42&lt;=4),TREND($AE$13:$AF$13,$AE$3:$AF$3,K42,TRUE),IF(AND(K42&gt;4,K42&lt;10),TREND($AF$13:$AG$13,$AF$3:$AG$3,K42,TRUE),IF(K42&gt;=10,$AG$13,1)))))</f>
        <v>1.005720347473156E-2</v>
      </c>
      <c r="AE42" s="85" cm="1">
        <f t="array" ref="AE42">IF(J42&gt;30,IF(K42&lt;=2,$AB$14,IF(AND(K42&gt;2,K42&lt;=4),TREND($AB$14:$AC$14,$AB$3:$AC$3,K42,TRUE),IF(AND(K42&gt;4,K42&lt;10),TREND($AC$14:$AD$14,$AC$3:$AD$3,K42,TRUE),IF(K42&gt;=10,$AD$14,1)))),IF(K42&lt;=2,$AE$14,IF(AND(K42&gt;2,K42&lt;=4),TREND($AE$14:$AF$14,$AE$3:$AF$3,K42,TRUE),IF(AND(K42&gt;4,K42&lt;10),TREND($AF$14:$AG$14,$AF$3:$AG$3,K42,TRUE),IF(K42&gt;=10,$AG$14,1)))))</f>
        <v>1.576200579121927E-2</v>
      </c>
      <c r="AF42" s="85" cm="1">
        <f t="array" ref="AF42">IF(J42&gt;30,IF(K42&lt;=2,$AB$15,IF(AND(K42&gt;2,K42&lt;=4),TREND($AB$15:$AC$15,$AB$3:$AC$3,K42,TRUE),IF(AND(K42&gt;4,K42&lt;10),TREND($AC$15:$AD$15,$AC$3:$AD$3,K42,TRUE),IF(K42&gt;=10,$AD$15,1)))),IF(K42&lt;=2,$AE$15,IF(AND(K42&gt;2,K42&lt;=4),TREND($AE$15:$AF$15,$AE$3:$AF$3,K42,TRUE),IF(AND(K42&gt;4,K42&lt;10),TREND($AF$15:$AG$15,$AF$3:$AG$3,K42,TRUE),IF(K42&gt;=10,$AG$15,1)))))</f>
        <v>2.4466808107706975E-2</v>
      </c>
      <c r="AG42" s="86" cm="1">
        <f t="array" ref="AG42">IF(J42&gt;30,IF(K42&lt;=2,$AB$16,IF(AND(K42&gt;2,K42&lt;=4),TREND($AB$16:$AC$16,$AB$3:$AC$3,K42,TRUE),IF(AND(K42&gt;4,K42&lt;10),TREND($AC$16:$AD$16,$AC$3:$AD$3,K42,TRUE),IF(K42&gt;=10,$AD$16,1)))),IF(K42&lt;=2,$AE$16,IF(AND(K42&gt;2,K42&lt;=4),TREND($AE$16:$AF$16,$AE$3:$AF$3,K42,TRUE),IF(AND(K42&gt;4,K42&lt;10),TREND($AF$16:$AG$16,$AF$3:$AG$3,K42,TRUE),IF(K42&gt;=10,$AG$16,1)))))</f>
        <v>3.6052613319804319E-2</v>
      </c>
      <c r="AH42" s="85" cm="1">
        <f t="array" ref="AH42">IF(J42&gt;30,IF(K42&lt;=2,$AB$17,IF(AND(K42&gt;2,K42&lt;=4),TREND($AB$17:$AC$17,$AB$3:$AC$3,K42,TRUE),IF(AND(K42&gt;4,K42&lt;10),TREND($AC$17:$AD$17,$AC$3:$AD$3,K42,TRUE),IF(K42&gt;=10,$AD$17,1)))),IF(K42&lt;=2,$AE$17,IF(AND(K42&gt;2,K42&lt;=4),TREND($AE$17:$AF$17,$AE$3:$AF$3,K42,TRUE),IF(AND(K42&gt;4,K42&lt;10),TREND($AF$17:$AG$17,$AF$3:$AG$3,K42,TRUE),IF(K42&gt;=10,$AG$17,1)))))</f>
        <v>5.5990819690145514E-2</v>
      </c>
      <c r="AI42" s="85" cm="1">
        <f t="array" ref="AI42">IF(J42&gt;30,IF(K42&lt;=2,$AB$18,IF(AND(K42&gt;2,K42&lt;=4),TREND($AB$18:$AC$18,$AB$3:$AC$3,K42,TRUE),IF(AND(K42&gt;4,K42&lt;10),TREND($AC$18:$AD$18,$AC$3:$AD$3,K42,TRUE),IF(K42&gt;=10,$AD$18,1)))),IF(K42&lt;=2,$AE$18,IF(AND(K42&gt;2,K42&lt;=4),TREND($AE$18:$AF$18,$AE$3:$AF$3,K42,TRUE),IF(AND(K42&gt;4,K42&lt;10),TREND($AF$18:$AG$18,$AF$3:$AG$3,K42,TRUE),IF(K42&gt;=10,$AG$18,1)))))</f>
        <v>9.2219633589071773E-2</v>
      </c>
      <c r="AJ42" s="85" cm="1">
        <f t="array" ref="AJ42">IF(J42&gt;30,IF(K42&lt;=2,$AB$19,IF(AND(K42&gt;2,K42&lt;=4),TREND($AB$19:$AC$19,$AB$3:$AC$3,K42,TRUE),IF(AND(K42&gt;4,K42&lt;10),TREND($AC$19:$AD$19,$AC$3:$AD$3,K42,TRUE),IF(K42&gt;=10,$AD$19,1)))),IF(K42&lt;=2,$AE$19,IF(AND(K42&gt;2,K42&lt;=4),TREND($AE$19:$AF$19,$AE$3:$AF$3,K42,TRUE),IF(AND(K42&gt;4,K42&lt;10),TREND($AF$19:$AG$19,$AF$3:$AG$3,K42,TRUE),IF(K42&gt;=10,$AG$19,1)))))</f>
        <v>0.16409604632975416</v>
      </c>
      <c r="AK42" s="85" cm="1">
        <f t="array" ref="AK42">IF(J42&gt;30,IF(K42&lt;=2,$AB$20,IF(AND(K42&gt;2,K42&lt;=4),TREND($AB$20:$AC$20,$AB$3:$AC$3,K42,TRUE),IF(AND(K42&gt;4,K42&lt;10),TREND($AC$20:$AD$20,$AC$3:$AD$3,K42,TRUE),IF(K42&gt;=10,$AD$20,1)))),IF(K42&lt;=2,$AE$20,IF(AND(K42&gt;2,K42&lt;=4),TREND($AE$20:$AF$20,$AE$3:$AF$3,K42,TRUE),IF(AND(K42&gt;4,K42&lt;10),TREND($AF$20:$AG$20,$AF$3:$AG$3,K42,TRUE),IF(K42&gt;=10,$AG$20,1)))))</f>
        <v>0.25881002895609634</v>
      </c>
      <c r="AL42" s="85">
        <v>3</v>
      </c>
      <c r="AM42" s="92">
        <v>0</v>
      </c>
      <c r="AN42" s="92">
        <f t="shared" si="6"/>
        <v>0.63524011582438533</v>
      </c>
      <c r="AO42" s="92">
        <f t="shared" si="21"/>
        <v>6.352401158243854</v>
      </c>
      <c r="AP42" s="92">
        <f t="shared" si="7"/>
        <v>11.551483127258406</v>
      </c>
      <c r="AQ42" s="92">
        <f t="shared" si="8"/>
        <v>20.11440694946312</v>
      </c>
      <c r="AR42" s="92">
        <f t="shared" si="9"/>
        <v>31.52401158243854</v>
      </c>
      <c r="AS42" s="92">
        <f t="shared" si="10"/>
        <v>48.933616215413949</v>
      </c>
      <c r="AT42" s="92">
        <f t="shared" si="11"/>
        <v>72.105226639608645</v>
      </c>
      <c r="AU42" s="92">
        <f t="shared" si="12"/>
        <v>111.98163938029103</v>
      </c>
      <c r="AV42" s="92">
        <f t="shared" si="13"/>
        <v>184.43926717814355</v>
      </c>
      <c r="AW42" s="92">
        <f t="shared" si="14"/>
        <v>328.19209265950832</v>
      </c>
      <c r="AX42" s="92">
        <f t="shared" si="15"/>
        <v>517.62005791219269</v>
      </c>
      <c r="AY42" s="92">
        <f t="shared" si="16"/>
        <v>6000</v>
      </c>
      <c r="AZ42" s="93">
        <v>0</v>
      </c>
      <c r="BA42" s="93">
        <f t="shared" si="36"/>
        <v>52.580992950624051</v>
      </c>
      <c r="BB42" s="93">
        <f t="shared" si="22"/>
        <v>210.3239718024962</v>
      </c>
      <c r="BC42" s="93">
        <f t="shared" si="23"/>
        <v>315.48595770374425</v>
      </c>
      <c r="BD42" s="93">
        <f t="shared" si="24"/>
        <v>420.64794360499241</v>
      </c>
      <c r="BE42" s="93">
        <f t="shared" si="25"/>
        <v>525.80992950624045</v>
      </c>
      <c r="BF42" s="93">
        <f t="shared" si="26"/>
        <v>630.9719154074885</v>
      </c>
      <c r="BG42" s="93">
        <f t="shared" si="27"/>
        <v>736.13390130873654</v>
      </c>
      <c r="BH42" s="93">
        <f t="shared" si="28"/>
        <v>841.29588720998481</v>
      </c>
      <c r="BI42" s="93">
        <f t="shared" si="29"/>
        <v>946.45787311123286</v>
      </c>
      <c r="BJ42" s="93">
        <f t="shared" si="30"/>
        <v>1025.3293625371689</v>
      </c>
      <c r="BK42" s="93">
        <f t="shared" si="31"/>
        <v>1051.6198590124809</v>
      </c>
      <c r="BL42" s="93">
        <f t="shared" si="31"/>
        <v>1051.6198590124809</v>
      </c>
      <c r="BO42" s="59"/>
    </row>
    <row r="43" spans="2:67" x14ac:dyDescent="0.2">
      <c r="B43" s="79">
        <f t="shared" si="37"/>
        <v>-32.5</v>
      </c>
      <c r="C43" s="73">
        <f t="shared" si="20"/>
        <v>17</v>
      </c>
      <c r="D43" s="64">
        <f>INDEX('CPT Data'!$C$13:$C$20000,MATCH($C43,'CPT Data'!$B$13:$B$20000,1))</f>
        <v>16.977</v>
      </c>
      <c r="E43" s="55" t="str">
        <f>INDEX('CPT Data'!$P$13:$P$20000,MATCH($C43,'CPT Data'!$B$13:$B$20000,1))</f>
        <v>CLAY</v>
      </c>
      <c r="F43" s="76">
        <f>INDEX('CPT Data'!$Q$13:$Q$20000,MATCH($C43,'CPT Data'!$B$13:$B$20000,1))</f>
        <v>23.687763917424604</v>
      </c>
      <c r="G43" s="76">
        <f>INDEX('CPT Data'!$I$13:$I$20000,MATCH(C43,'CPT Data'!$B$13:$B$20000,1))</f>
        <v>15.638029863397819</v>
      </c>
      <c r="H43" s="76">
        <f>INDEX('CPT Data'!$J$13:$J$20000,MATCH($C43,'CPT Data'!$B$13:$B$20000,1))</f>
        <v>5.6380298633978185</v>
      </c>
      <c r="I43" s="76">
        <f>INDEX('CPT Data'!$L$13:$L$20000,MATCH(C43,'CPT Data'!$B$13:$B$20000,1))</f>
        <v>95.756299199948558</v>
      </c>
      <c r="J43" s="226">
        <f>INDEX('CPT Data'!$R$13:$R$20000,MATCH(C43,'CPT Data'!$B$13:$B$20000,1))</f>
        <v>35</v>
      </c>
      <c r="K43" s="76">
        <f>INDEX('CPT Data'!$S$13:$S$20000,MATCH($C43,'CPT Data'!$B$13:$B$20000,1))</f>
        <v>0.97411999407490635</v>
      </c>
      <c r="L43" s="55">
        <f>VLOOKUP($C43, 'Pile Property'!$A$8:$D$108,2,TRUE)</f>
        <v>2</v>
      </c>
      <c r="M43" s="234">
        <f>IF($E43="CLAY",ABS($F43-'CPT Data'!$Q$292)/$D43,#N/A)</f>
        <v>0.73380020648119082</v>
      </c>
      <c r="N43" s="65">
        <f t="shared" si="32"/>
        <v>7.5416826259530652</v>
      </c>
      <c r="O43" s="76">
        <f t="shared" si="38"/>
        <v>14.781823019967117</v>
      </c>
      <c r="P43" s="76">
        <f t="shared" si="1"/>
        <v>0.24737551592258414</v>
      </c>
      <c r="Q43" s="65">
        <f t="shared" si="18"/>
        <v>1.0052906605521403</v>
      </c>
      <c r="R43" s="76">
        <f t="shared" si="19"/>
        <v>12.015871981656421</v>
      </c>
      <c r="S43" s="76">
        <f t="shared" si="33"/>
        <v>10.40719627567135</v>
      </c>
      <c r="T43" s="76"/>
      <c r="U43" s="76"/>
      <c r="V43" s="76">
        <f t="shared" si="3"/>
        <v>12.015871981656421</v>
      </c>
      <c r="W43" s="76">
        <f t="shared" si="34"/>
        <v>12.015871981656421</v>
      </c>
      <c r="X43" s="76">
        <f t="shared" si="4"/>
        <v>12.015871981656421</v>
      </c>
      <c r="Y43" s="76">
        <f t="shared" si="5"/>
        <v>284.62913876347426</v>
      </c>
      <c r="Z43" s="76">
        <f t="shared" si="35"/>
        <v>569.25827752694852</v>
      </c>
      <c r="AA43" s="85" cm="1">
        <f t="array" ref="AA43">IF(J43&gt;30,IF(K43&lt;=2,$AB$10,IF(AND(K43&gt;2,K43&lt;=4),TREND($AB$10:$AC$10,$AB$3:$AC$3,K43,TRUE),IF(AND(K43&gt;4,K43&lt;10),TREND($AC$10:$AD$10,$AC$3:$AD$3,K43,TRUE),IF(K43&gt;=10,$AD$10,1)))),IF(K43&lt;=2,$AE$10,IF(AND(K43&gt;2,K43&lt;=4),TREND($AE$10:$AF$10,$AE$3:$AF$3,K43,TRUE),IF(AND(K43&gt;4,K43&lt;10),TREND($AF$10:$AG$10,$AF$3:$AG$3,K43,TRUE),IF(K43&gt;=10,$AG$10,1)))))</f>
        <v>2.9999999999999997E-4</v>
      </c>
      <c r="AB43" s="85" cm="1">
        <f t="array" ref="AB43">IF(J43&gt;30,IF(K43&lt;=2,$AB$11,IF(AND(K43&gt;2,K43&lt;=4),TREND($AB$11:$AC$11,$AB$3:$AC$3,K43,TRUE),IF(AND(K43&gt;4,K43&lt;10),TREND($AC$11:$AD$11,$AC$3:$AD$3,K43,TRUE),IF(K43&gt;=10,$AD$11,1)))),IF(K43&lt;=2,$AE$11,IF(AND(K43&gt;2,K43&lt;=4),TREND($AE$11:$AF$11,$AE$3:$AF$3,K43,TRUE),IF(AND(K43&gt;4,K43&lt;10),TREND($AF$11:$AG$11,$AF$3:$AG$3,K43,TRUE),IF(K43&gt;=10,$AG$11,1)))))</f>
        <v>3.0000000000000001E-3</v>
      </c>
      <c r="AC43" s="85" cm="1">
        <f t="array" ref="AC43">IF(J43&gt;30,IF(K43&lt;=2,$AB$12,IF(AND(K43&gt;2,K43&lt;=4),TREND($AB$12:$AC$12,$AB$3:$AC$3,K43,TRUE),IF(AND(K43&gt;4,K43&lt;10),TREND($AC$12:$AD$12,$AC$3:$AD$3,K43,TRUE),IF(K43&gt;=10,$AD$12,1)))),IF(K43&lt;=2,$AE$12,IF(AND(K43&gt;2,K43&lt;=4),TREND($AE$12:$AF$12,$AE$3:$AF$3,K43,TRUE),IF(AND(K43&gt;4,K43&lt;10),TREND($AF$12:$AG$12,$AF$3:$AG$3,K43,TRUE),IF(K43&gt;=10,$AG$12,1)))))</f>
        <v>5.3E-3</v>
      </c>
      <c r="AD43" s="85" cm="1">
        <f t="array" ref="AD43">IF(J43&gt;30,IF(K43&lt;=2,$AB$13,IF(AND(K43&gt;2,K43&lt;=4),TREND($AB$13:$AC$13,$AB$3:$AC$3,K43,TRUE),IF(AND(K43&gt;4,K43&lt;10),TREND($AC$13:$AD$13,$AC$3:$AD$3,K43,TRUE),IF(K43&gt;=10,$AD$13,1)))),IF(K43&lt;=2,$AE$13,IF(AND(K43&gt;2,K43&lt;=4),TREND($AE$13:$AF$13,$AE$3:$AF$3,K43,TRUE),IF(AND(K43&gt;4,K43&lt;10),TREND($AF$13:$AG$13,$AF$3:$AG$3,K43,TRUE),IF(K43&gt;=10,$AG$13,1)))))</f>
        <v>8.9999999999999993E-3</v>
      </c>
      <c r="AE43" s="85" cm="1">
        <f t="array" ref="AE43">IF(J43&gt;30,IF(K43&lt;=2,$AB$14,IF(AND(K43&gt;2,K43&lt;=4),TREND($AB$14:$AC$14,$AB$3:$AC$3,K43,TRUE),IF(AND(K43&gt;4,K43&lt;10),TREND($AC$14:$AD$14,$AC$3:$AD$3,K43,TRUE),IF(K43&gt;=10,$AD$14,1)))),IF(K43&lt;=2,$AE$14,IF(AND(K43&gt;2,K43&lt;=4),TREND($AE$14:$AF$14,$AE$3:$AF$3,K43,TRUE),IF(AND(K43&gt;4,K43&lt;10),TREND($AF$14:$AG$14,$AF$3:$AG$3,K43,TRUE),IF(K43&gt;=10,$AG$14,1)))))</f>
        <v>1.4E-2</v>
      </c>
      <c r="AF43" s="85" cm="1">
        <f t="array" ref="AF43">IF(J43&gt;30,IF(K43&lt;=2,$AB$15,IF(AND(K43&gt;2,K43&lt;=4),TREND($AB$15:$AC$15,$AB$3:$AC$3,K43,TRUE),IF(AND(K43&gt;4,K43&lt;10),TREND($AC$15:$AD$15,$AC$3:$AD$3,K43,TRUE),IF(K43&gt;=10,$AD$15,1)))),IF(K43&lt;=2,$AE$15,IF(AND(K43&gt;2,K43&lt;=4),TREND($AE$15:$AF$15,$AE$3:$AF$3,K43,TRUE),IF(AND(K43&gt;4,K43&lt;10),TREND($AF$15:$AG$15,$AF$3:$AG$3,K43,TRUE),IF(K43&gt;=10,$AG$15,1)))))</f>
        <v>2.1999999999999999E-2</v>
      </c>
      <c r="AG43" s="86" cm="1">
        <f t="array" ref="AG43">IF(J43&gt;30,IF(K43&lt;=2,$AB$16,IF(AND(K43&gt;2,K43&lt;=4),TREND($AB$16:$AC$16,$AB$3:$AC$3,K43,TRUE),IF(AND(K43&gt;4,K43&lt;10),TREND($AC$16:$AD$16,$AC$3:$AD$3,K43,TRUE),IF(K43&gt;=10,$AD$16,1)))),IF(K43&lt;=2,$AE$16,IF(AND(K43&gt;2,K43&lt;=4),TREND($AE$16:$AF$16,$AE$3:$AF$3,K43,TRUE),IF(AND(K43&gt;4,K43&lt;10),TREND($AF$16:$AG$16,$AF$3:$AG$3,K43,TRUE),IF(K43&gt;=10,$AG$16,1)))))</f>
        <v>3.2000000000000001E-2</v>
      </c>
      <c r="AH43" s="85" cm="1">
        <f t="array" ref="AH43">IF(J43&gt;30,IF(K43&lt;=2,$AB$17,IF(AND(K43&gt;2,K43&lt;=4),TREND($AB$17:$AC$17,$AB$3:$AC$3,K43,TRUE),IF(AND(K43&gt;4,K43&lt;10),TREND($AC$17:$AD$17,$AC$3:$AD$3,K43,TRUE),IF(K43&gt;=10,$AD$17,1)))),IF(K43&lt;=2,$AE$17,IF(AND(K43&gt;2,K43&lt;=4),TREND($AE$17:$AF$17,$AE$3:$AF$3,K43,TRUE),IF(AND(K43&gt;4,K43&lt;10),TREND($AF$17:$AG$17,$AF$3:$AG$3,K43,TRUE),IF(K43&gt;=10,$AG$17,1)))))</f>
        <v>0.05</v>
      </c>
      <c r="AI43" s="85" cm="1">
        <f t="array" ref="AI43">IF(J43&gt;30,IF(K43&lt;=2,$AB$18,IF(AND(K43&gt;2,K43&lt;=4),TREND($AB$18:$AC$18,$AB$3:$AC$3,K43,TRUE),IF(AND(K43&gt;4,K43&lt;10),TREND($AC$18:$AD$18,$AC$3:$AD$3,K43,TRUE),IF(K43&gt;=10,$AD$18,1)))),IF(K43&lt;=2,$AE$18,IF(AND(K43&gt;2,K43&lt;=4),TREND($AE$18:$AF$18,$AE$3:$AF$3,K43,TRUE),IF(AND(K43&gt;4,K43&lt;10),TREND($AF$18:$AG$18,$AF$3:$AG$3,K43,TRUE),IF(K43&gt;=10,$AG$18,1)))))</f>
        <v>8.2000000000000003E-2</v>
      </c>
      <c r="AJ43" s="85" cm="1">
        <f t="array" ref="AJ43">IF(J43&gt;30,IF(K43&lt;=2,$AB$19,IF(AND(K43&gt;2,K43&lt;=4),TREND($AB$19:$AC$19,$AB$3:$AC$3,K43,TRUE),IF(AND(K43&gt;4,K43&lt;10),TREND($AC$19:$AD$19,$AC$3:$AD$3,K43,TRUE),IF(K43&gt;=10,$AD$19,1)))),IF(K43&lt;=2,$AE$19,IF(AND(K43&gt;2,K43&lt;=4),TREND($AE$19:$AF$19,$AE$3:$AF$3,K43,TRUE),IF(AND(K43&gt;4,K43&lt;10),TREND($AF$19:$AG$19,$AF$3:$AG$3,K43,TRUE),IF(K43&gt;=10,$AG$19,1)))))</f>
        <v>0.15</v>
      </c>
      <c r="AK43" s="85" cm="1">
        <f t="array" ref="AK43">IF(J43&gt;30,IF(K43&lt;=2,$AB$20,IF(AND(K43&gt;2,K43&lt;=4),TREND($AB$20:$AC$20,$AB$3:$AC$3,K43,TRUE),IF(AND(K43&gt;4,K43&lt;10),TREND($AC$20:$AD$20,$AC$3:$AD$3,K43,TRUE),IF(K43&gt;=10,$AD$20,1)))),IF(K43&lt;=2,$AE$20,IF(AND(K43&gt;2,K43&lt;=4),TREND($AE$20:$AF$20,$AE$3:$AF$3,K43,TRUE),IF(AND(K43&gt;4,K43&lt;10),TREND($AF$20:$AG$20,$AF$3:$AG$3,K43,TRUE),IF(K43&gt;=10,$AG$20,1)))))</f>
        <v>0.25</v>
      </c>
      <c r="AL43" s="85">
        <v>3</v>
      </c>
      <c r="AM43" s="92">
        <v>0</v>
      </c>
      <c r="AN43" s="92">
        <f t="shared" si="6"/>
        <v>0.6</v>
      </c>
      <c r="AO43" s="92">
        <f t="shared" si="21"/>
        <v>6</v>
      </c>
      <c r="AP43" s="92">
        <f t="shared" si="7"/>
        <v>10.6</v>
      </c>
      <c r="AQ43" s="92">
        <f t="shared" si="8"/>
        <v>18</v>
      </c>
      <c r="AR43" s="92">
        <f t="shared" si="9"/>
        <v>28</v>
      </c>
      <c r="AS43" s="92">
        <f t="shared" si="10"/>
        <v>44</v>
      </c>
      <c r="AT43" s="92">
        <f t="shared" si="11"/>
        <v>64</v>
      </c>
      <c r="AU43" s="92">
        <f t="shared" si="12"/>
        <v>100</v>
      </c>
      <c r="AV43" s="92">
        <f t="shared" si="13"/>
        <v>164</v>
      </c>
      <c r="AW43" s="92">
        <f t="shared" si="14"/>
        <v>300</v>
      </c>
      <c r="AX43" s="92">
        <f t="shared" si="15"/>
        <v>500</v>
      </c>
      <c r="AY43" s="92">
        <f t="shared" si="16"/>
        <v>6000</v>
      </c>
      <c r="AZ43" s="93">
        <v>0</v>
      </c>
      <c r="BA43" s="93">
        <f t="shared" si="36"/>
        <v>28.462913876347429</v>
      </c>
      <c r="BB43" s="93">
        <f t="shared" si="22"/>
        <v>113.85165550538972</v>
      </c>
      <c r="BC43" s="93">
        <f t="shared" si="23"/>
        <v>170.77748325808454</v>
      </c>
      <c r="BD43" s="93">
        <f t="shared" si="24"/>
        <v>227.70331101077943</v>
      </c>
      <c r="BE43" s="93">
        <f t="shared" si="25"/>
        <v>284.62913876347426</v>
      </c>
      <c r="BF43" s="93">
        <f t="shared" si="26"/>
        <v>341.55496651616909</v>
      </c>
      <c r="BG43" s="93">
        <f t="shared" si="27"/>
        <v>398.48079426886392</v>
      </c>
      <c r="BH43" s="93">
        <f t="shared" si="28"/>
        <v>455.40662202155886</v>
      </c>
      <c r="BI43" s="93">
        <f t="shared" si="29"/>
        <v>512.33244977425363</v>
      </c>
      <c r="BJ43" s="93">
        <f t="shared" si="30"/>
        <v>555.02682058877474</v>
      </c>
      <c r="BK43" s="93">
        <f t="shared" si="31"/>
        <v>569.25827752694852</v>
      </c>
      <c r="BL43" s="93">
        <f t="shared" si="31"/>
        <v>569.25827752694852</v>
      </c>
    </row>
    <row r="44" spans="2:67" x14ac:dyDescent="0.2">
      <c r="B44" s="79">
        <f t="shared" si="37"/>
        <v>-33.5</v>
      </c>
      <c r="C44" s="73">
        <f t="shared" si="20"/>
        <v>18</v>
      </c>
      <c r="D44" s="64">
        <f>INDEX('CPT Data'!$C$13:$C$20000,MATCH($C44,'CPT Data'!$B$13:$B$20000,1))</f>
        <v>17.988999999999997</v>
      </c>
      <c r="E44" s="55" t="str">
        <f>INDEX('CPT Data'!$P$13:$P$20000,MATCH($C44,'CPT Data'!$B$13:$B$20000,1))</f>
        <v>CLAY</v>
      </c>
      <c r="F44" s="76">
        <f>INDEX('CPT Data'!$Q$13:$Q$20000,MATCH($C44,'CPT Data'!$B$13:$B$20000,1))</f>
        <v>24.486685496159421</v>
      </c>
      <c r="G44" s="76">
        <f>INDEX('CPT Data'!$I$13:$I$20000,MATCH(C44,'CPT Data'!$B$13:$B$20000,1))</f>
        <v>15.798530993723219</v>
      </c>
      <c r="H44" s="76">
        <f>INDEX('CPT Data'!$J$13:$J$20000,MATCH($C44,'CPT Data'!$B$13:$B$20000,1))</f>
        <v>5.7985309937232188</v>
      </c>
      <c r="I44" s="76">
        <f>INDEX('CPT Data'!$L$13:$L$20000,MATCH(C44,'CPT Data'!$B$13:$B$20000,1))</f>
        <v>104.35036376304303</v>
      </c>
      <c r="J44" s="226">
        <f>INDEX('CPT Data'!$R$13:$R$20000,MATCH(C44,'CPT Data'!$B$13:$B$20000,1))</f>
        <v>35</v>
      </c>
      <c r="K44" s="76">
        <f>INDEX('CPT Data'!$S$13:$S$20000,MATCH($C44,'CPT Data'!$B$13:$B$20000,1))</f>
        <v>0.91193022692131709</v>
      </c>
      <c r="L44" s="55">
        <f>VLOOKUP($C44, 'Pile Property'!$A$8:$D$108,2,TRUE)</f>
        <v>2</v>
      </c>
      <c r="M44" s="234">
        <f>IF($E44="CLAY",ABS($F44-'CPT Data'!$Q$292)/$D44,#N/A)</f>
        <v>0.73693077348190539</v>
      </c>
      <c r="N44" s="65">
        <f t="shared" si="32"/>
        <v>7.5096446875085654</v>
      </c>
      <c r="O44" s="76">
        <f t="shared" si="38"/>
        <v>14.786075404808011</v>
      </c>
      <c r="P44" s="76">
        <f t="shared" si="1"/>
        <v>0.23465836258859005</v>
      </c>
      <c r="Q44" s="65">
        <f t="shared" si="18"/>
        <v>1.0321717925424305</v>
      </c>
      <c r="R44" s="76">
        <f t="shared" si="19"/>
        <v>12.096515377627291</v>
      </c>
      <c r="S44" s="76">
        <f t="shared" si="33"/>
        <v>10.623184495180096</v>
      </c>
      <c r="T44" s="76"/>
      <c r="U44" s="76"/>
      <c r="V44" s="76">
        <f t="shared" si="3"/>
        <v>12.096515377627291</v>
      </c>
      <c r="W44" s="76">
        <f t="shared" si="34"/>
        <v>12.096515377627291</v>
      </c>
      <c r="X44" s="76">
        <f t="shared" si="4"/>
        <v>12.096515377627291</v>
      </c>
      <c r="Y44" s="76">
        <f t="shared" si="5"/>
        <v>296.2035676514156</v>
      </c>
      <c r="Z44" s="76">
        <f t="shared" si="35"/>
        <v>592.40713530283119</v>
      </c>
      <c r="AA44" s="85" cm="1">
        <f t="array" ref="AA44">IF(J44&gt;30,IF(K44&lt;=2,$AB$10,IF(AND(K44&gt;2,K44&lt;=4),TREND($AB$10:$AC$10,$AB$3:$AC$3,K44,TRUE),IF(AND(K44&gt;4,K44&lt;10),TREND($AC$10:$AD$10,$AC$3:$AD$3,K44,TRUE),IF(K44&gt;=10,$AD$10,1)))),IF(K44&lt;=2,$AE$10,IF(AND(K44&gt;2,K44&lt;=4),TREND($AE$10:$AF$10,$AE$3:$AF$3,K44,TRUE),IF(AND(K44&gt;4,K44&lt;10),TREND($AF$10:$AG$10,$AF$3:$AG$3,K44,TRUE),IF(K44&gt;=10,$AG$10,1)))))</f>
        <v>2.9999999999999997E-4</v>
      </c>
      <c r="AB44" s="85" cm="1">
        <f t="array" ref="AB44">IF(J44&gt;30,IF(K44&lt;=2,$AB$11,IF(AND(K44&gt;2,K44&lt;=4),TREND($AB$11:$AC$11,$AB$3:$AC$3,K44,TRUE),IF(AND(K44&gt;4,K44&lt;10),TREND($AC$11:$AD$11,$AC$3:$AD$3,K44,TRUE),IF(K44&gt;=10,$AD$11,1)))),IF(K44&lt;=2,$AE$11,IF(AND(K44&gt;2,K44&lt;=4),TREND($AE$11:$AF$11,$AE$3:$AF$3,K44,TRUE),IF(AND(K44&gt;4,K44&lt;10),TREND($AF$11:$AG$11,$AF$3:$AG$3,K44,TRUE),IF(K44&gt;=10,$AG$11,1)))))</f>
        <v>3.0000000000000001E-3</v>
      </c>
      <c r="AC44" s="85" cm="1">
        <f t="array" ref="AC44">IF(J44&gt;30,IF(K44&lt;=2,$AB$12,IF(AND(K44&gt;2,K44&lt;=4),TREND($AB$12:$AC$12,$AB$3:$AC$3,K44,TRUE),IF(AND(K44&gt;4,K44&lt;10),TREND($AC$12:$AD$12,$AC$3:$AD$3,K44,TRUE),IF(K44&gt;=10,$AD$12,1)))),IF(K44&lt;=2,$AE$12,IF(AND(K44&gt;2,K44&lt;=4),TREND($AE$12:$AF$12,$AE$3:$AF$3,K44,TRUE),IF(AND(K44&gt;4,K44&lt;10),TREND($AF$12:$AG$12,$AF$3:$AG$3,K44,TRUE),IF(K44&gt;=10,$AG$12,1)))))</f>
        <v>5.3E-3</v>
      </c>
      <c r="AD44" s="85" cm="1">
        <f t="array" ref="AD44">IF(J44&gt;30,IF(K44&lt;=2,$AB$13,IF(AND(K44&gt;2,K44&lt;=4),TREND($AB$13:$AC$13,$AB$3:$AC$3,K44,TRUE),IF(AND(K44&gt;4,K44&lt;10),TREND($AC$13:$AD$13,$AC$3:$AD$3,K44,TRUE),IF(K44&gt;=10,$AD$13,1)))),IF(K44&lt;=2,$AE$13,IF(AND(K44&gt;2,K44&lt;=4),TREND($AE$13:$AF$13,$AE$3:$AF$3,K44,TRUE),IF(AND(K44&gt;4,K44&lt;10),TREND($AF$13:$AG$13,$AF$3:$AG$3,K44,TRUE),IF(K44&gt;=10,$AG$13,1)))))</f>
        <v>8.9999999999999993E-3</v>
      </c>
      <c r="AE44" s="85" cm="1">
        <f t="array" ref="AE44">IF(J44&gt;30,IF(K44&lt;=2,$AB$14,IF(AND(K44&gt;2,K44&lt;=4),TREND($AB$14:$AC$14,$AB$3:$AC$3,K44,TRUE),IF(AND(K44&gt;4,K44&lt;10),TREND($AC$14:$AD$14,$AC$3:$AD$3,K44,TRUE),IF(K44&gt;=10,$AD$14,1)))),IF(K44&lt;=2,$AE$14,IF(AND(K44&gt;2,K44&lt;=4),TREND($AE$14:$AF$14,$AE$3:$AF$3,K44,TRUE),IF(AND(K44&gt;4,K44&lt;10),TREND($AF$14:$AG$14,$AF$3:$AG$3,K44,TRUE),IF(K44&gt;=10,$AG$14,1)))))</f>
        <v>1.4E-2</v>
      </c>
      <c r="AF44" s="85" cm="1">
        <f t="array" ref="AF44">IF(J44&gt;30,IF(K44&lt;=2,$AB$15,IF(AND(K44&gt;2,K44&lt;=4),TREND($AB$15:$AC$15,$AB$3:$AC$3,K44,TRUE),IF(AND(K44&gt;4,K44&lt;10),TREND($AC$15:$AD$15,$AC$3:$AD$3,K44,TRUE),IF(K44&gt;=10,$AD$15,1)))),IF(K44&lt;=2,$AE$15,IF(AND(K44&gt;2,K44&lt;=4),TREND($AE$15:$AF$15,$AE$3:$AF$3,K44,TRUE),IF(AND(K44&gt;4,K44&lt;10),TREND($AF$15:$AG$15,$AF$3:$AG$3,K44,TRUE),IF(K44&gt;=10,$AG$15,1)))))</f>
        <v>2.1999999999999999E-2</v>
      </c>
      <c r="AG44" s="86" cm="1">
        <f t="array" ref="AG44">IF(J44&gt;30,IF(K44&lt;=2,$AB$16,IF(AND(K44&gt;2,K44&lt;=4),TREND($AB$16:$AC$16,$AB$3:$AC$3,K44,TRUE),IF(AND(K44&gt;4,K44&lt;10),TREND($AC$16:$AD$16,$AC$3:$AD$3,K44,TRUE),IF(K44&gt;=10,$AD$16,1)))),IF(K44&lt;=2,$AE$16,IF(AND(K44&gt;2,K44&lt;=4),TREND($AE$16:$AF$16,$AE$3:$AF$3,K44,TRUE),IF(AND(K44&gt;4,K44&lt;10),TREND($AF$16:$AG$16,$AF$3:$AG$3,K44,TRUE),IF(K44&gt;=10,$AG$16,1)))))</f>
        <v>3.2000000000000001E-2</v>
      </c>
      <c r="AH44" s="85" cm="1">
        <f t="array" ref="AH44">IF(J44&gt;30,IF(K44&lt;=2,$AB$17,IF(AND(K44&gt;2,K44&lt;=4),TREND($AB$17:$AC$17,$AB$3:$AC$3,K44,TRUE),IF(AND(K44&gt;4,K44&lt;10),TREND($AC$17:$AD$17,$AC$3:$AD$3,K44,TRUE),IF(K44&gt;=10,$AD$17,1)))),IF(K44&lt;=2,$AE$17,IF(AND(K44&gt;2,K44&lt;=4),TREND($AE$17:$AF$17,$AE$3:$AF$3,K44,TRUE),IF(AND(K44&gt;4,K44&lt;10),TREND($AF$17:$AG$17,$AF$3:$AG$3,K44,TRUE),IF(K44&gt;=10,$AG$17,1)))))</f>
        <v>0.05</v>
      </c>
      <c r="AI44" s="85" cm="1">
        <f t="array" ref="AI44">IF(J44&gt;30,IF(K44&lt;=2,$AB$18,IF(AND(K44&gt;2,K44&lt;=4),TREND($AB$18:$AC$18,$AB$3:$AC$3,K44,TRUE),IF(AND(K44&gt;4,K44&lt;10),TREND($AC$18:$AD$18,$AC$3:$AD$3,K44,TRUE),IF(K44&gt;=10,$AD$18,1)))),IF(K44&lt;=2,$AE$18,IF(AND(K44&gt;2,K44&lt;=4),TREND($AE$18:$AF$18,$AE$3:$AF$3,K44,TRUE),IF(AND(K44&gt;4,K44&lt;10),TREND($AF$18:$AG$18,$AF$3:$AG$3,K44,TRUE),IF(K44&gt;=10,$AG$18,1)))))</f>
        <v>8.2000000000000003E-2</v>
      </c>
      <c r="AJ44" s="85" cm="1">
        <f t="array" ref="AJ44">IF(J44&gt;30,IF(K44&lt;=2,$AB$19,IF(AND(K44&gt;2,K44&lt;=4),TREND($AB$19:$AC$19,$AB$3:$AC$3,K44,TRUE),IF(AND(K44&gt;4,K44&lt;10),TREND($AC$19:$AD$19,$AC$3:$AD$3,K44,TRUE),IF(K44&gt;=10,$AD$19,1)))),IF(K44&lt;=2,$AE$19,IF(AND(K44&gt;2,K44&lt;=4),TREND($AE$19:$AF$19,$AE$3:$AF$3,K44,TRUE),IF(AND(K44&gt;4,K44&lt;10),TREND($AF$19:$AG$19,$AF$3:$AG$3,K44,TRUE),IF(K44&gt;=10,$AG$19,1)))))</f>
        <v>0.15</v>
      </c>
      <c r="AK44" s="85" cm="1">
        <f t="array" ref="AK44">IF(J44&gt;30,IF(K44&lt;=2,$AB$20,IF(AND(K44&gt;2,K44&lt;=4),TREND($AB$20:$AC$20,$AB$3:$AC$3,K44,TRUE),IF(AND(K44&gt;4,K44&lt;10),TREND($AC$20:$AD$20,$AC$3:$AD$3,K44,TRUE),IF(K44&gt;=10,$AD$20,1)))),IF(K44&lt;=2,$AE$20,IF(AND(K44&gt;2,K44&lt;=4),TREND($AE$20:$AF$20,$AE$3:$AF$3,K44,TRUE),IF(AND(K44&gt;4,K44&lt;10),TREND($AF$20:$AG$20,$AF$3:$AG$3,K44,TRUE),IF(K44&gt;=10,$AG$20,1)))))</f>
        <v>0.25</v>
      </c>
      <c r="AL44" s="85">
        <v>3</v>
      </c>
      <c r="AM44" s="92">
        <v>0</v>
      </c>
      <c r="AN44" s="92">
        <f t="shared" si="6"/>
        <v>0.6</v>
      </c>
      <c r="AO44" s="92">
        <f t="shared" si="21"/>
        <v>6</v>
      </c>
      <c r="AP44" s="92">
        <f t="shared" si="7"/>
        <v>10.6</v>
      </c>
      <c r="AQ44" s="92">
        <f t="shared" si="8"/>
        <v>18</v>
      </c>
      <c r="AR44" s="92">
        <f t="shared" si="9"/>
        <v>28</v>
      </c>
      <c r="AS44" s="92">
        <f t="shared" si="10"/>
        <v>44</v>
      </c>
      <c r="AT44" s="92">
        <f t="shared" si="11"/>
        <v>64</v>
      </c>
      <c r="AU44" s="92">
        <f t="shared" si="12"/>
        <v>100</v>
      </c>
      <c r="AV44" s="92">
        <f t="shared" si="13"/>
        <v>164</v>
      </c>
      <c r="AW44" s="92">
        <f t="shared" si="14"/>
        <v>300</v>
      </c>
      <c r="AX44" s="92">
        <f t="shared" si="15"/>
        <v>500</v>
      </c>
      <c r="AY44" s="92">
        <f t="shared" si="16"/>
        <v>6000</v>
      </c>
      <c r="AZ44" s="93">
        <v>0</v>
      </c>
      <c r="BA44" s="93">
        <f t="shared" si="36"/>
        <v>29.620356765141562</v>
      </c>
      <c r="BB44" s="93">
        <f t="shared" si="22"/>
        <v>118.48142706056625</v>
      </c>
      <c r="BC44" s="93">
        <f t="shared" si="23"/>
        <v>177.72214059084936</v>
      </c>
      <c r="BD44" s="93">
        <f t="shared" si="24"/>
        <v>236.96285412113249</v>
      </c>
      <c r="BE44" s="93">
        <f t="shared" si="25"/>
        <v>296.2035676514156</v>
      </c>
      <c r="BF44" s="93">
        <f t="shared" si="26"/>
        <v>355.44428118169873</v>
      </c>
      <c r="BG44" s="93">
        <f t="shared" si="27"/>
        <v>414.6849947119818</v>
      </c>
      <c r="BH44" s="93">
        <f t="shared" si="28"/>
        <v>473.92570824226499</v>
      </c>
      <c r="BI44" s="93">
        <f t="shared" si="29"/>
        <v>533.16642177254812</v>
      </c>
      <c r="BJ44" s="93">
        <f t="shared" si="30"/>
        <v>577.59695692026037</v>
      </c>
      <c r="BK44" s="93">
        <f t="shared" si="31"/>
        <v>592.40713530283119</v>
      </c>
      <c r="BL44" s="93">
        <f t="shared" si="31"/>
        <v>592.40713530283119</v>
      </c>
    </row>
    <row r="45" spans="2:67" x14ac:dyDescent="0.2">
      <c r="B45" s="79">
        <f t="shared" si="37"/>
        <v>-34.5</v>
      </c>
      <c r="C45" s="73">
        <f t="shared" si="20"/>
        <v>19</v>
      </c>
      <c r="D45" s="64">
        <f>INDEX('CPT Data'!$C$13:$C$20000,MATCH($C45,'CPT Data'!$B$13:$B$20000,1))</f>
        <v>18.988</v>
      </c>
      <c r="E45" s="55" t="str">
        <f>INDEX('CPT Data'!$P$13:$P$20000,MATCH($C45,'CPT Data'!$B$13:$B$20000,1))</f>
        <v>CLAY</v>
      </c>
      <c r="F45" s="76">
        <f>INDEX('CPT Data'!$Q$13:$Q$20000,MATCH($C45,'CPT Data'!$B$13:$B$20000,1))</f>
        <v>41.942043742752169</v>
      </c>
      <c r="G45" s="76">
        <f>INDEX('CPT Data'!$I$13:$I$20000,MATCH(C45,'CPT Data'!$B$13:$B$20000,1))</f>
        <v>16.315329423160623</v>
      </c>
      <c r="H45" s="76">
        <f>INDEX('CPT Data'!$J$13:$J$20000,MATCH($C45,'CPT Data'!$B$13:$B$20000,1))</f>
        <v>6.3153294231606232</v>
      </c>
      <c r="I45" s="76">
        <f>INDEX('CPT Data'!$L$13:$L$20000,MATCH(C45,'CPT Data'!$B$13:$B$20000,1))</f>
        <v>119.95968239293605</v>
      </c>
      <c r="J45" s="226">
        <f>INDEX('CPT Data'!$R$13:$R$20000,MATCH(C45,'CPT Data'!$B$13:$B$20000,1))</f>
        <v>35</v>
      </c>
      <c r="K45" s="76">
        <f>INDEX('CPT Data'!$S$13:$S$20000,MATCH($C45,'CPT Data'!$B$13:$B$20000,1))</f>
        <v>1.5011856982156579</v>
      </c>
      <c r="L45" s="55">
        <f>VLOOKUP($C45, 'Pile Property'!$A$8:$D$108,2,TRUE)</f>
        <v>2</v>
      </c>
      <c r="M45" s="234">
        <f>IF($E45="CLAY",ABS($F45-'CPT Data'!$Q$292)/$D45,#N/A)</f>
        <v>1.6174429076658281</v>
      </c>
      <c r="N45" s="65">
        <f t="shared" si="32"/>
        <v>3.4215045501212455</v>
      </c>
      <c r="O45" s="76">
        <f t="shared" si="38"/>
        <v>15.571300619668014</v>
      </c>
      <c r="P45" s="76">
        <f t="shared" si="1"/>
        <v>0.34963450140996682</v>
      </c>
      <c r="Q45" s="65">
        <f t="shared" si="18"/>
        <v>0.8455958902074634</v>
      </c>
      <c r="R45" s="76">
        <f t="shared" si="19"/>
        <v>11.53678767062239</v>
      </c>
      <c r="S45" s="76">
        <f t="shared" si="33"/>
        <v>10.444172777266221</v>
      </c>
      <c r="T45" s="76"/>
      <c r="U45" s="76"/>
      <c r="V45" s="76">
        <f t="shared" si="3"/>
        <v>11.53678767062239</v>
      </c>
      <c r="W45" s="76">
        <f t="shared" si="34"/>
        <v>11.53678767062239</v>
      </c>
      <c r="X45" s="76">
        <f t="shared" si="4"/>
        <v>11.53678767062239</v>
      </c>
      <c r="Y45" s="76">
        <f t="shared" si="5"/>
        <v>483.87645313208816</v>
      </c>
      <c r="Z45" s="76">
        <f t="shared" si="35"/>
        <v>967.75290626417632</v>
      </c>
      <c r="AA45" s="85" cm="1">
        <f t="array" ref="AA45">IF(J45&gt;30,IF(K45&lt;=2,$AB$10,IF(AND(K45&gt;2,K45&lt;=4),TREND($AB$10:$AC$10,$AB$3:$AC$3,K45,TRUE),IF(AND(K45&gt;4,K45&lt;10),TREND($AC$10:$AD$10,$AC$3:$AD$3,K45,TRUE),IF(K45&gt;=10,$AD$10,1)))),IF(K45&lt;=2,$AE$10,IF(AND(K45&gt;2,K45&lt;=4),TREND($AE$10:$AF$10,$AE$3:$AF$3,K45,TRUE),IF(AND(K45&gt;4,K45&lt;10),TREND($AF$10:$AG$10,$AF$3:$AG$3,K45,TRUE),IF(K45&gt;=10,$AG$10,1)))))</f>
        <v>2.9999999999999997E-4</v>
      </c>
      <c r="AB45" s="85" cm="1">
        <f t="array" ref="AB45">IF(J45&gt;30,IF(K45&lt;=2,$AB$11,IF(AND(K45&gt;2,K45&lt;=4),TREND($AB$11:$AC$11,$AB$3:$AC$3,K45,TRUE),IF(AND(K45&gt;4,K45&lt;10),TREND($AC$11:$AD$11,$AC$3:$AD$3,K45,TRUE),IF(K45&gt;=10,$AD$11,1)))),IF(K45&lt;=2,$AE$11,IF(AND(K45&gt;2,K45&lt;=4),TREND($AE$11:$AF$11,$AE$3:$AF$3,K45,TRUE),IF(AND(K45&gt;4,K45&lt;10),TREND($AF$11:$AG$11,$AF$3:$AG$3,K45,TRUE),IF(K45&gt;=10,$AG$11,1)))))</f>
        <v>3.0000000000000001E-3</v>
      </c>
      <c r="AC45" s="85" cm="1">
        <f t="array" ref="AC45">IF(J45&gt;30,IF(K45&lt;=2,$AB$12,IF(AND(K45&gt;2,K45&lt;=4),TREND($AB$12:$AC$12,$AB$3:$AC$3,K45,TRUE),IF(AND(K45&gt;4,K45&lt;10),TREND($AC$12:$AD$12,$AC$3:$AD$3,K45,TRUE),IF(K45&gt;=10,$AD$12,1)))),IF(K45&lt;=2,$AE$12,IF(AND(K45&gt;2,K45&lt;=4),TREND($AE$12:$AF$12,$AE$3:$AF$3,K45,TRUE),IF(AND(K45&gt;4,K45&lt;10),TREND($AF$12:$AG$12,$AF$3:$AG$3,K45,TRUE),IF(K45&gt;=10,$AG$12,1)))))</f>
        <v>5.3E-3</v>
      </c>
      <c r="AD45" s="85" cm="1">
        <f t="array" ref="AD45">IF(J45&gt;30,IF(K45&lt;=2,$AB$13,IF(AND(K45&gt;2,K45&lt;=4),TREND($AB$13:$AC$13,$AB$3:$AC$3,K45,TRUE),IF(AND(K45&gt;4,K45&lt;10),TREND($AC$13:$AD$13,$AC$3:$AD$3,K45,TRUE),IF(K45&gt;=10,$AD$13,1)))),IF(K45&lt;=2,$AE$13,IF(AND(K45&gt;2,K45&lt;=4),TREND($AE$13:$AF$13,$AE$3:$AF$3,K45,TRUE),IF(AND(K45&gt;4,K45&lt;10),TREND($AF$13:$AG$13,$AF$3:$AG$3,K45,TRUE),IF(K45&gt;=10,$AG$13,1)))))</f>
        <v>8.9999999999999993E-3</v>
      </c>
      <c r="AE45" s="85" cm="1">
        <f t="array" ref="AE45">IF(J45&gt;30,IF(K45&lt;=2,$AB$14,IF(AND(K45&gt;2,K45&lt;=4),TREND($AB$14:$AC$14,$AB$3:$AC$3,K45,TRUE),IF(AND(K45&gt;4,K45&lt;10),TREND($AC$14:$AD$14,$AC$3:$AD$3,K45,TRUE),IF(K45&gt;=10,$AD$14,1)))),IF(K45&lt;=2,$AE$14,IF(AND(K45&gt;2,K45&lt;=4),TREND($AE$14:$AF$14,$AE$3:$AF$3,K45,TRUE),IF(AND(K45&gt;4,K45&lt;10),TREND($AF$14:$AG$14,$AF$3:$AG$3,K45,TRUE),IF(K45&gt;=10,$AG$14,1)))))</f>
        <v>1.4E-2</v>
      </c>
      <c r="AF45" s="85" cm="1">
        <f t="array" ref="AF45">IF(J45&gt;30,IF(K45&lt;=2,$AB$15,IF(AND(K45&gt;2,K45&lt;=4),TREND($AB$15:$AC$15,$AB$3:$AC$3,K45,TRUE),IF(AND(K45&gt;4,K45&lt;10),TREND($AC$15:$AD$15,$AC$3:$AD$3,K45,TRUE),IF(K45&gt;=10,$AD$15,1)))),IF(K45&lt;=2,$AE$15,IF(AND(K45&gt;2,K45&lt;=4),TREND($AE$15:$AF$15,$AE$3:$AF$3,K45,TRUE),IF(AND(K45&gt;4,K45&lt;10),TREND($AF$15:$AG$15,$AF$3:$AG$3,K45,TRUE),IF(K45&gt;=10,$AG$15,1)))))</f>
        <v>2.1999999999999999E-2</v>
      </c>
      <c r="AG45" s="86" cm="1">
        <f t="array" ref="AG45">IF(J45&gt;30,IF(K45&lt;=2,$AB$16,IF(AND(K45&gt;2,K45&lt;=4),TREND($AB$16:$AC$16,$AB$3:$AC$3,K45,TRUE),IF(AND(K45&gt;4,K45&lt;10),TREND($AC$16:$AD$16,$AC$3:$AD$3,K45,TRUE),IF(K45&gt;=10,$AD$16,1)))),IF(K45&lt;=2,$AE$16,IF(AND(K45&gt;2,K45&lt;=4),TREND($AE$16:$AF$16,$AE$3:$AF$3,K45,TRUE),IF(AND(K45&gt;4,K45&lt;10),TREND($AF$16:$AG$16,$AF$3:$AG$3,K45,TRUE),IF(K45&gt;=10,$AG$16,1)))))</f>
        <v>3.2000000000000001E-2</v>
      </c>
      <c r="AH45" s="85" cm="1">
        <f t="array" ref="AH45">IF(J45&gt;30,IF(K45&lt;=2,$AB$17,IF(AND(K45&gt;2,K45&lt;=4),TREND($AB$17:$AC$17,$AB$3:$AC$3,K45,TRUE),IF(AND(K45&gt;4,K45&lt;10),TREND($AC$17:$AD$17,$AC$3:$AD$3,K45,TRUE),IF(K45&gt;=10,$AD$17,1)))),IF(K45&lt;=2,$AE$17,IF(AND(K45&gt;2,K45&lt;=4),TREND($AE$17:$AF$17,$AE$3:$AF$3,K45,TRUE),IF(AND(K45&gt;4,K45&lt;10),TREND($AF$17:$AG$17,$AF$3:$AG$3,K45,TRUE),IF(K45&gt;=10,$AG$17,1)))))</f>
        <v>0.05</v>
      </c>
      <c r="AI45" s="85" cm="1">
        <f t="array" ref="AI45">IF(J45&gt;30,IF(K45&lt;=2,$AB$18,IF(AND(K45&gt;2,K45&lt;=4),TREND($AB$18:$AC$18,$AB$3:$AC$3,K45,TRUE),IF(AND(K45&gt;4,K45&lt;10),TREND($AC$18:$AD$18,$AC$3:$AD$3,K45,TRUE),IF(K45&gt;=10,$AD$18,1)))),IF(K45&lt;=2,$AE$18,IF(AND(K45&gt;2,K45&lt;=4),TREND($AE$18:$AF$18,$AE$3:$AF$3,K45,TRUE),IF(AND(K45&gt;4,K45&lt;10),TREND($AF$18:$AG$18,$AF$3:$AG$3,K45,TRUE),IF(K45&gt;=10,$AG$18,1)))))</f>
        <v>8.2000000000000003E-2</v>
      </c>
      <c r="AJ45" s="85" cm="1">
        <f t="array" ref="AJ45">IF(J45&gt;30,IF(K45&lt;=2,$AB$19,IF(AND(K45&gt;2,K45&lt;=4),TREND($AB$19:$AC$19,$AB$3:$AC$3,K45,TRUE),IF(AND(K45&gt;4,K45&lt;10),TREND($AC$19:$AD$19,$AC$3:$AD$3,K45,TRUE),IF(K45&gt;=10,$AD$19,1)))),IF(K45&lt;=2,$AE$19,IF(AND(K45&gt;2,K45&lt;=4),TREND($AE$19:$AF$19,$AE$3:$AF$3,K45,TRUE),IF(AND(K45&gt;4,K45&lt;10),TREND($AF$19:$AG$19,$AF$3:$AG$3,K45,TRUE),IF(K45&gt;=10,$AG$19,1)))))</f>
        <v>0.15</v>
      </c>
      <c r="AK45" s="85" cm="1">
        <f t="array" ref="AK45">IF(J45&gt;30,IF(K45&lt;=2,$AB$20,IF(AND(K45&gt;2,K45&lt;=4),TREND($AB$20:$AC$20,$AB$3:$AC$3,K45,TRUE),IF(AND(K45&gt;4,K45&lt;10),TREND($AC$20:$AD$20,$AC$3:$AD$3,K45,TRUE),IF(K45&gt;=10,$AD$20,1)))),IF(K45&lt;=2,$AE$20,IF(AND(K45&gt;2,K45&lt;=4),TREND($AE$20:$AF$20,$AE$3:$AF$3,K45,TRUE),IF(AND(K45&gt;4,K45&lt;10),TREND($AF$20:$AG$20,$AF$3:$AG$3,K45,TRUE),IF(K45&gt;=10,$AG$20,1)))))</f>
        <v>0.25</v>
      </c>
      <c r="AL45" s="85">
        <v>3</v>
      </c>
      <c r="AM45" s="92">
        <v>0</v>
      </c>
      <c r="AN45" s="92">
        <f t="shared" si="6"/>
        <v>0.6</v>
      </c>
      <c r="AO45" s="92">
        <f t="shared" si="21"/>
        <v>6</v>
      </c>
      <c r="AP45" s="92">
        <f t="shared" si="7"/>
        <v>10.6</v>
      </c>
      <c r="AQ45" s="92">
        <f t="shared" si="8"/>
        <v>18</v>
      </c>
      <c r="AR45" s="92">
        <f t="shared" si="9"/>
        <v>28</v>
      </c>
      <c r="AS45" s="92">
        <f t="shared" si="10"/>
        <v>44</v>
      </c>
      <c r="AT45" s="92">
        <f t="shared" si="11"/>
        <v>64</v>
      </c>
      <c r="AU45" s="92">
        <f t="shared" si="12"/>
        <v>100</v>
      </c>
      <c r="AV45" s="92">
        <f t="shared" si="13"/>
        <v>164</v>
      </c>
      <c r="AW45" s="92">
        <f t="shared" si="14"/>
        <v>300</v>
      </c>
      <c r="AX45" s="92">
        <f t="shared" si="15"/>
        <v>500</v>
      </c>
      <c r="AY45" s="92">
        <f t="shared" si="16"/>
        <v>6000</v>
      </c>
      <c r="AZ45" s="93">
        <v>0</v>
      </c>
      <c r="BA45" s="93">
        <f t="shared" si="36"/>
        <v>48.387645313208822</v>
      </c>
      <c r="BB45" s="93">
        <f t="shared" si="22"/>
        <v>193.55058125283529</v>
      </c>
      <c r="BC45" s="93">
        <f t="shared" si="23"/>
        <v>290.32587187925287</v>
      </c>
      <c r="BD45" s="93">
        <f t="shared" si="24"/>
        <v>387.10116250567057</v>
      </c>
      <c r="BE45" s="93">
        <f t="shared" si="25"/>
        <v>483.87645313208816</v>
      </c>
      <c r="BF45" s="93">
        <f t="shared" si="26"/>
        <v>580.65174375850575</v>
      </c>
      <c r="BG45" s="93">
        <f t="shared" si="27"/>
        <v>677.42703438492333</v>
      </c>
      <c r="BH45" s="93">
        <f t="shared" si="28"/>
        <v>774.20232501134115</v>
      </c>
      <c r="BI45" s="93">
        <f t="shared" si="29"/>
        <v>870.97761563775873</v>
      </c>
      <c r="BJ45" s="93">
        <f t="shared" si="30"/>
        <v>943.55908360757189</v>
      </c>
      <c r="BK45" s="93">
        <f t="shared" si="31"/>
        <v>967.75290626417632</v>
      </c>
      <c r="BL45" s="93">
        <f t="shared" si="31"/>
        <v>967.75290626417632</v>
      </c>
      <c r="BO45" s="59"/>
    </row>
    <row r="46" spans="2:67" x14ac:dyDescent="0.2">
      <c r="B46" s="79">
        <f t="shared" si="37"/>
        <v>-35.5</v>
      </c>
      <c r="C46" s="73">
        <f t="shared" si="20"/>
        <v>20</v>
      </c>
      <c r="D46" s="64">
        <f>INDEX('CPT Data'!$C$13:$C$20000,MATCH($C46,'CPT Data'!$B$13:$B$20000,1))</f>
        <v>19.985999999999997</v>
      </c>
      <c r="E46" s="55" t="str">
        <f>INDEX('CPT Data'!$P$13:$P$20000,MATCH($C46,'CPT Data'!$B$13:$B$20000,1))</f>
        <v>CLAY</v>
      </c>
      <c r="F46" s="76">
        <f>INDEX('CPT Data'!$Q$13:$Q$20000,MATCH($C46,'CPT Data'!$B$13:$B$20000,1))</f>
        <v>56.429381789070646</v>
      </c>
      <c r="G46" s="76">
        <f>INDEX('CPT Data'!$I$13:$I$20000,MATCH(C46,'CPT Data'!$B$13:$B$20000,1))</f>
        <v>16.512929977541894</v>
      </c>
      <c r="H46" s="76">
        <f>INDEX('CPT Data'!$J$13:$J$20000,MATCH($C46,'CPT Data'!$B$13:$B$20000,1))</f>
        <v>6.5129299775418943</v>
      </c>
      <c r="I46" s="76">
        <f>INDEX('CPT Data'!$L$13:$L$20000,MATCH(C46,'CPT Data'!$B$13:$B$20000,1))</f>
        <v>130.21300904099508</v>
      </c>
      <c r="J46" s="226">
        <f>INDEX('CPT Data'!$R$13:$R$20000,MATCH(C46,'CPT Data'!$B$13:$B$20000,1))</f>
        <v>35</v>
      </c>
      <c r="K46" s="76">
        <f>INDEX('CPT Data'!$S$13:$S$20000,MATCH($C46,'CPT Data'!$B$13:$B$20000,1))</f>
        <v>1.9632708258316143</v>
      </c>
      <c r="L46" s="55">
        <f>VLOOKUP($C46, 'Pile Property'!$A$8:$D$108,2,TRUE)</f>
        <v>2</v>
      </c>
      <c r="M46" s="234">
        <f>IF($E46="CLAY",ABS($F46-'CPT Data'!$Q$292)/$D46,#N/A)</f>
        <v>2.2615502840526984</v>
      </c>
      <c r="N46" s="65">
        <f t="shared" si="32"/>
        <v>2.4470330406374523</v>
      </c>
      <c r="O46" s="76">
        <f t="shared" si="38"/>
        <v>15.906128383232941</v>
      </c>
      <c r="P46" s="76">
        <f t="shared" si="1"/>
        <v>0.43336209035231599</v>
      </c>
      <c r="Q46" s="65">
        <f t="shared" si="18"/>
        <v>0.75952932365487846</v>
      </c>
      <c r="R46" s="76">
        <f t="shared" si="19"/>
        <v>11.278587970964635</v>
      </c>
      <c r="S46" s="76">
        <f t="shared" si="33"/>
        <v>10.456438130925985</v>
      </c>
      <c r="T46" s="76"/>
      <c r="U46" s="76"/>
      <c r="V46" s="76">
        <f t="shared" si="3"/>
        <v>11.278587970964635</v>
      </c>
      <c r="W46" s="76">
        <f t="shared" si="34"/>
        <v>11.278587970964635</v>
      </c>
      <c r="X46" s="76">
        <f t="shared" si="4"/>
        <v>11.278587970964635</v>
      </c>
      <c r="Y46" s="76">
        <f t="shared" si="5"/>
        <v>636.44374665518296</v>
      </c>
      <c r="Z46" s="76">
        <f>$Y46*$L46</f>
        <v>1272.8874933103659</v>
      </c>
      <c r="AA46" s="85" cm="1">
        <f t="array" ref="AA46">IF(J46&gt;30,IF(K46&lt;=2,$AB$10,IF(AND(K46&gt;2,K46&lt;=4),TREND($AB$10:$AC$10,$AB$3:$AC$3,K46,TRUE),IF(AND(K46&gt;4,K46&lt;10),TREND($AC$10:$AD$10,$AC$3:$AD$3,K46,TRUE),IF(K46&gt;=10,$AD$10,1)))),IF(K46&lt;=2,$AE$10,IF(AND(K46&gt;2,K46&lt;=4),TREND($AE$10:$AF$10,$AE$3:$AF$3,K46,TRUE),IF(AND(K46&gt;4,K46&lt;10),TREND($AF$10:$AG$10,$AF$3:$AG$3,K46,TRUE),IF(K46&gt;=10,$AG$10,1)))))</f>
        <v>2.9999999999999997E-4</v>
      </c>
      <c r="AB46" s="85" cm="1">
        <f t="array" ref="AB46">IF(J46&gt;30,IF(K46&lt;=2,$AB$11,IF(AND(K46&gt;2,K46&lt;=4),TREND($AB$11:$AC$11,$AB$3:$AC$3,K46,TRUE),IF(AND(K46&gt;4,K46&lt;10),TREND($AC$11:$AD$11,$AC$3:$AD$3,K46,TRUE),IF(K46&gt;=10,$AD$11,1)))),IF(K46&lt;=2,$AE$11,IF(AND(K46&gt;2,K46&lt;=4),TREND($AE$11:$AF$11,$AE$3:$AF$3,K46,TRUE),IF(AND(K46&gt;4,K46&lt;10),TREND($AF$11:$AG$11,$AF$3:$AG$3,K46,TRUE),IF(K46&gt;=10,$AG$11,1)))))</f>
        <v>3.0000000000000001E-3</v>
      </c>
      <c r="AC46" s="85" cm="1">
        <f t="array" ref="AC46">IF(J46&gt;30,IF(K46&lt;=2,$AB$12,IF(AND(K46&gt;2,K46&lt;=4),TREND($AB$12:$AC$12,$AB$3:$AC$3,K46,TRUE),IF(AND(K46&gt;4,K46&lt;10),TREND($AC$12:$AD$12,$AC$3:$AD$3,K46,TRUE),IF(K46&gt;=10,$AD$12,1)))),IF(K46&lt;=2,$AE$12,IF(AND(K46&gt;2,K46&lt;=4),TREND($AE$12:$AF$12,$AE$3:$AF$3,K46,TRUE),IF(AND(K46&gt;4,K46&lt;10),TREND($AF$12:$AG$12,$AF$3:$AG$3,K46,TRUE),IF(K46&gt;=10,$AG$12,1)))))</f>
        <v>5.3E-3</v>
      </c>
      <c r="AD46" s="85" cm="1">
        <f t="array" ref="AD46">IF(J46&gt;30,IF(K46&lt;=2,$AB$13,IF(AND(K46&gt;2,K46&lt;=4),TREND($AB$13:$AC$13,$AB$3:$AC$3,K46,TRUE),IF(AND(K46&gt;4,K46&lt;10),TREND($AC$13:$AD$13,$AC$3:$AD$3,K46,TRUE),IF(K46&gt;=10,$AD$13,1)))),IF(K46&lt;=2,$AE$13,IF(AND(K46&gt;2,K46&lt;=4),TREND($AE$13:$AF$13,$AE$3:$AF$3,K46,TRUE),IF(AND(K46&gt;4,K46&lt;10),TREND($AF$13:$AG$13,$AF$3:$AG$3,K46,TRUE),IF(K46&gt;=10,$AG$13,1)))))</f>
        <v>8.9999999999999993E-3</v>
      </c>
      <c r="AE46" s="85" cm="1">
        <f t="array" ref="AE46">IF(J46&gt;30,IF(K46&lt;=2,$AB$14,IF(AND(K46&gt;2,K46&lt;=4),TREND($AB$14:$AC$14,$AB$3:$AC$3,K46,TRUE),IF(AND(K46&gt;4,K46&lt;10),TREND($AC$14:$AD$14,$AC$3:$AD$3,K46,TRUE),IF(K46&gt;=10,$AD$14,1)))),IF(K46&lt;=2,$AE$14,IF(AND(K46&gt;2,K46&lt;=4),TREND($AE$14:$AF$14,$AE$3:$AF$3,K46,TRUE),IF(AND(K46&gt;4,K46&lt;10),TREND($AF$14:$AG$14,$AF$3:$AG$3,K46,TRUE),IF(K46&gt;=10,$AG$14,1)))))</f>
        <v>1.4E-2</v>
      </c>
      <c r="AF46" s="85" cm="1">
        <f t="array" ref="AF46">IF(J46&gt;30,IF(K46&lt;=2,$AB$15,IF(AND(K46&gt;2,K46&lt;=4),TREND($AB$15:$AC$15,$AB$3:$AC$3,K46,TRUE),IF(AND(K46&gt;4,K46&lt;10),TREND($AC$15:$AD$15,$AC$3:$AD$3,K46,TRUE),IF(K46&gt;=10,$AD$15,1)))),IF(K46&lt;=2,$AE$15,IF(AND(K46&gt;2,K46&lt;=4),TREND($AE$15:$AF$15,$AE$3:$AF$3,K46,TRUE),IF(AND(K46&gt;4,K46&lt;10),TREND($AF$15:$AG$15,$AF$3:$AG$3,K46,TRUE),IF(K46&gt;=10,$AG$15,1)))))</f>
        <v>2.1999999999999999E-2</v>
      </c>
      <c r="AG46" s="86" cm="1">
        <f t="array" ref="AG46">IF(J46&gt;30,IF(K46&lt;=2,$AB$16,IF(AND(K46&gt;2,K46&lt;=4),TREND($AB$16:$AC$16,$AB$3:$AC$3,K46,TRUE),IF(AND(K46&gt;4,K46&lt;10),TREND($AC$16:$AD$16,$AC$3:$AD$3,K46,TRUE),IF(K46&gt;=10,$AD$16,1)))),IF(K46&lt;=2,$AE$16,IF(AND(K46&gt;2,K46&lt;=4),TREND($AE$16:$AF$16,$AE$3:$AF$3,K46,TRUE),IF(AND(K46&gt;4,K46&lt;10),TREND($AF$16:$AG$16,$AF$3:$AG$3,K46,TRUE),IF(K46&gt;=10,$AG$16,1)))))</f>
        <v>3.2000000000000001E-2</v>
      </c>
      <c r="AH46" s="85" cm="1">
        <f t="array" ref="AH46">IF(J46&gt;30,IF(K46&lt;=2,$AB$17,IF(AND(K46&gt;2,K46&lt;=4),TREND($AB$17:$AC$17,$AB$3:$AC$3,K46,TRUE),IF(AND(K46&gt;4,K46&lt;10),TREND($AC$17:$AD$17,$AC$3:$AD$3,K46,TRUE),IF(K46&gt;=10,$AD$17,1)))),IF(K46&lt;=2,$AE$17,IF(AND(K46&gt;2,K46&lt;=4),TREND($AE$17:$AF$17,$AE$3:$AF$3,K46,TRUE),IF(AND(K46&gt;4,K46&lt;10),TREND($AF$17:$AG$17,$AF$3:$AG$3,K46,TRUE),IF(K46&gt;=10,$AG$17,1)))))</f>
        <v>0.05</v>
      </c>
      <c r="AI46" s="85" cm="1">
        <f t="array" ref="AI46">IF(J46&gt;30,IF(K46&lt;=2,$AB$18,IF(AND(K46&gt;2,K46&lt;=4),TREND($AB$18:$AC$18,$AB$3:$AC$3,K46,TRUE),IF(AND(K46&gt;4,K46&lt;10),TREND($AC$18:$AD$18,$AC$3:$AD$3,K46,TRUE),IF(K46&gt;=10,$AD$18,1)))),IF(K46&lt;=2,$AE$18,IF(AND(K46&gt;2,K46&lt;=4),TREND($AE$18:$AF$18,$AE$3:$AF$3,K46,TRUE),IF(AND(K46&gt;4,K46&lt;10),TREND($AF$18:$AG$18,$AF$3:$AG$3,K46,TRUE),IF(K46&gt;=10,$AG$18,1)))))</f>
        <v>8.2000000000000003E-2</v>
      </c>
      <c r="AJ46" s="85" cm="1">
        <f t="array" ref="AJ46">IF(J46&gt;30,IF(K46&lt;=2,$AB$19,IF(AND(K46&gt;2,K46&lt;=4),TREND($AB$19:$AC$19,$AB$3:$AC$3,K46,TRUE),IF(AND(K46&gt;4,K46&lt;10),TREND($AC$19:$AD$19,$AC$3:$AD$3,K46,TRUE),IF(K46&gt;=10,$AD$19,1)))),IF(K46&lt;=2,$AE$19,IF(AND(K46&gt;2,K46&lt;=4),TREND($AE$19:$AF$19,$AE$3:$AF$3,K46,TRUE),IF(AND(K46&gt;4,K46&lt;10),TREND($AF$19:$AG$19,$AF$3:$AG$3,K46,TRUE),IF(K46&gt;=10,$AG$19,1)))))</f>
        <v>0.15</v>
      </c>
      <c r="AK46" s="85" cm="1">
        <f t="array" ref="AK46">IF(J46&gt;30,IF(K46&lt;=2,$AB$20,IF(AND(K46&gt;2,K46&lt;=4),TREND($AB$20:$AC$20,$AB$3:$AC$3,K46,TRUE),IF(AND(K46&gt;4,K46&lt;10),TREND($AC$20:$AD$20,$AC$3:$AD$3,K46,TRUE),IF(K46&gt;=10,$AD$20,1)))),IF(K46&lt;=2,$AE$20,IF(AND(K46&gt;2,K46&lt;=4),TREND($AE$20:$AF$20,$AE$3:$AF$3,K46,TRUE),IF(AND(K46&gt;4,K46&lt;10),TREND($AF$20:$AG$20,$AF$3:$AG$3,K46,TRUE),IF(K46&gt;=10,$AG$20,1)))))</f>
        <v>0.25</v>
      </c>
      <c r="AL46" s="85">
        <v>3</v>
      </c>
      <c r="AM46" s="92">
        <v>0</v>
      </c>
      <c r="AN46" s="92">
        <f t="shared" si="6"/>
        <v>0.6</v>
      </c>
      <c r="AO46" s="92">
        <f t="shared" si="21"/>
        <v>6</v>
      </c>
      <c r="AP46" s="92">
        <f t="shared" si="7"/>
        <v>10.6</v>
      </c>
      <c r="AQ46" s="92">
        <f t="shared" si="8"/>
        <v>18</v>
      </c>
      <c r="AR46" s="92">
        <f t="shared" si="9"/>
        <v>28</v>
      </c>
      <c r="AS46" s="92">
        <f t="shared" si="10"/>
        <v>44</v>
      </c>
      <c r="AT46" s="92">
        <f t="shared" si="11"/>
        <v>64</v>
      </c>
      <c r="AU46" s="92">
        <f t="shared" si="12"/>
        <v>100</v>
      </c>
      <c r="AV46" s="92">
        <f t="shared" si="13"/>
        <v>164</v>
      </c>
      <c r="AW46" s="92">
        <f t="shared" si="14"/>
        <v>300</v>
      </c>
      <c r="AX46" s="92">
        <f t="shared" si="15"/>
        <v>500</v>
      </c>
      <c r="AY46" s="92">
        <f t="shared" si="16"/>
        <v>6000</v>
      </c>
      <c r="AZ46" s="93">
        <v>0</v>
      </c>
      <c r="BA46" s="93">
        <f t="shared" si="36"/>
        <v>63.644374665518299</v>
      </c>
      <c r="BB46" s="93">
        <f t="shared" si="22"/>
        <v>254.5774986620732</v>
      </c>
      <c r="BC46" s="93">
        <f t="shared" si="23"/>
        <v>381.86624799310977</v>
      </c>
      <c r="BD46" s="93">
        <f t="shared" si="24"/>
        <v>509.15499732414639</v>
      </c>
      <c r="BE46" s="93">
        <f t="shared" si="25"/>
        <v>636.44374665518296</v>
      </c>
      <c r="BF46" s="93">
        <f t="shared" si="26"/>
        <v>763.73249598621953</v>
      </c>
      <c r="BG46" s="93">
        <f t="shared" si="27"/>
        <v>891.0212453172561</v>
      </c>
      <c r="BH46" s="93">
        <f t="shared" si="28"/>
        <v>1018.3099946482928</v>
      </c>
      <c r="BI46" s="93">
        <f t="shared" si="29"/>
        <v>1145.5987439793294</v>
      </c>
      <c r="BJ46" s="93">
        <f t="shared" si="30"/>
        <v>1241.0653059776068</v>
      </c>
      <c r="BK46" s="93">
        <f t="shared" si="31"/>
        <v>1272.8874933103659</v>
      </c>
      <c r="BL46" s="93">
        <f t="shared" si="31"/>
        <v>1272.8874933103659</v>
      </c>
    </row>
    <row r="47" spans="2:67" x14ac:dyDescent="0.2">
      <c r="B47" s="79">
        <f t="shared" si="37"/>
        <v>-36.5</v>
      </c>
      <c r="C47" s="73">
        <f t="shared" si="20"/>
        <v>21</v>
      </c>
      <c r="D47" s="64">
        <f>INDEX('CPT Data'!$C$13:$C$20000,MATCH($C47,'CPT Data'!$B$13:$B$20000,1))</f>
        <v>20.988</v>
      </c>
      <c r="E47" s="55" t="str">
        <f>INDEX('CPT Data'!$P$13:$P$20000,MATCH($C47,'CPT Data'!$B$13:$B$20000,1))</f>
        <v>SAND</v>
      </c>
      <c r="F47" s="76" t="e">
        <f>INDEX('CPT Data'!$Q$13:$Q$20000,MATCH($C47,'CPT Data'!$B$13:$B$20000,1))</f>
        <v>#N/A</v>
      </c>
      <c r="G47" s="76">
        <f>INDEX('CPT Data'!$I$13:$I$20000,MATCH(C47,'CPT Data'!$B$13:$B$20000,1))</f>
        <v>18.294997190871975</v>
      </c>
      <c r="H47" s="76">
        <f>INDEX('CPT Data'!$J$13:$J$20000,MATCH($C47,'CPT Data'!$B$13:$B$20000,1))</f>
        <v>8.2949971908719746</v>
      </c>
      <c r="I47" s="76">
        <f>INDEX('CPT Data'!$L$13:$L$20000,MATCH(C47,'CPT Data'!$B$13:$B$20000,1))</f>
        <v>174.15346602235712</v>
      </c>
      <c r="J47" s="226">
        <f>INDEX('CPT Data'!$R$13:$R$20000,MATCH(C47,'CPT Data'!$B$13:$B$20000,1))</f>
        <v>35</v>
      </c>
      <c r="K47" s="76" t="e">
        <f>INDEX('CPT Data'!$S$13:$S$20000,MATCH($C47,'CPT Data'!$B$13:$B$20000,1))</f>
        <v>#N/A</v>
      </c>
      <c r="L47" s="55">
        <f>VLOOKUP($C47, 'Pile Property'!$A$8:$D$108,2,TRUE)</f>
        <v>2</v>
      </c>
      <c r="M47" s="234" t="e">
        <f>IF($E47="CLAY",ABS($F47-'CPT Data'!$Q$292)/$D47,#N/A)</f>
        <v>#N/A</v>
      </c>
      <c r="N47" s="65" t="e">
        <f t="shared" si="32"/>
        <v>#N/A</v>
      </c>
      <c r="O47" s="76" t="e">
        <f t="shared" si="38"/>
        <v>#N/A</v>
      </c>
      <c r="P47" s="76" t="e">
        <f t="shared" si="1"/>
        <v>#N/A</v>
      </c>
      <c r="Q47" s="65" t="e">
        <f t="shared" si="18"/>
        <v>#N/A</v>
      </c>
      <c r="R47" s="76" t="e">
        <f t="shared" si="19"/>
        <v>#N/A</v>
      </c>
      <c r="S47" s="76" t="e">
        <f t="shared" si="33"/>
        <v>#N/A</v>
      </c>
      <c r="T47" s="76"/>
      <c r="U47" s="76"/>
      <c r="V47" s="76" t="e">
        <f t="shared" si="3"/>
        <v>#N/A</v>
      </c>
      <c r="W47" s="76" t="e">
        <f t="shared" si="34"/>
        <v>#N/A</v>
      </c>
      <c r="X47" s="76" t="e">
        <f t="shared" si="4"/>
        <v>#N/A</v>
      </c>
      <c r="Y47" s="76" t="e">
        <f t="shared" si="5"/>
        <v>#N/A</v>
      </c>
      <c r="Z47" s="76" t="e">
        <f t="shared" si="35"/>
        <v>#N/A</v>
      </c>
      <c r="AA47" s="85" t="e" cm="1">
        <f t="array" ref="AA47">IF(J47&gt;30,IF(K47&lt;=2,$AB$10,IF(AND(K47&gt;2,K47&lt;=4),TREND($AB$10:$AC$10,$AB$3:$AC$3,K47,TRUE),IF(AND(K47&gt;4,K47&lt;10),TREND($AC$10:$AD$10,$AC$3:$AD$3,K47,TRUE),IF(K47&gt;=10,$AD$10,1)))),IF(K47&lt;=2,$AE$10,IF(AND(K47&gt;2,K47&lt;=4),TREND($AE$10:$AF$10,$AE$3:$AF$3,K47,TRUE),IF(AND(K47&gt;4,K47&lt;10),TREND($AF$10:$AG$10,$AF$3:$AG$3,K47,TRUE),IF(K47&gt;=10,$AG$10,1)))))</f>
        <v>#N/A</v>
      </c>
      <c r="AB47" s="85" t="e" cm="1">
        <f t="array" ref="AB47">IF(J47&gt;30,IF(K47&lt;=2,$AB$11,IF(AND(K47&gt;2,K47&lt;=4),TREND($AB$11:$AC$11,$AB$3:$AC$3,K47,TRUE),IF(AND(K47&gt;4,K47&lt;10),TREND($AC$11:$AD$11,$AC$3:$AD$3,K47,TRUE),IF(K47&gt;=10,$AD$11,1)))),IF(K47&lt;=2,$AE$11,IF(AND(K47&gt;2,K47&lt;=4),TREND($AE$11:$AF$11,$AE$3:$AF$3,K47,TRUE),IF(AND(K47&gt;4,K47&lt;10),TREND($AF$11:$AG$11,$AF$3:$AG$3,K47,TRUE),IF(K47&gt;=10,$AG$11,1)))))</f>
        <v>#N/A</v>
      </c>
      <c r="AC47" s="85" t="e" cm="1">
        <f t="array" ref="AC47">IF(J47&gt;30,IF(K47&lt;=2,$AB$12,IF(AND(K47&gt;2,K47&lt;=4),TREND($AB$12:$AC$12,$AB$3:$AC$3,K47,TRUE),IF(AND(K47&gt;4,K47&lt;10),TREND($AC$12:$AD$12,$AC$3:$AD$3,K47,TRUE),IF(K47&gt;=10,$AD$12,1)))),IF(K47&lt;=2,$AE$12,IF(AND(K47&gt;2,K47&lt;=4),TREND($AE$12:$AF$12,$AE$3:$AF$3,K47,TRUE),IF(AND(K47&gt;4,K47&lt;10),TREND($AF$12:$AG$12,$AF$3:$AG$3,K47,TRUE),IF(K47&gt;=10,$AG$12,1)))))</f>
        <v>#N/A</v>
      </c>
      <c r="AD47" s="85" t="e" cm="1">
        <f t="array" ref="AD47">IF(J47&gt;30,IF(K47&lt;=2,$AB$13,IF(AND(K47&gt;2,K47&lt;=4),TREND($AB$13:$AC$13,$AB$3:$AC$3,K47,TRUE),IF(AND(K47&gt;4,K47&lt;10),TREND($AC$13:$AD$13,$AC$3:$AD$3,K47,TRUE),IF(K47&gt;=10,$AD$13,1)))),IF(K47&lt;=2,$AE$13,IF(AND(K47&gt;2,K47&lt;=4),TREND($AE$13:$AF$13,$AE$3:$AF$3,K47,TRUE),IF(AND(K47&gt;4,K47&lt;10),TREND($AF$13:$AG$13,$AF$3:$AG$3,K47,TRUE),IF(K47&gt;=10,$AG$13,1)))))</f>
        <v>#N/A</v>
      </c>
      <c r="AE47" s="85" t="e" cm="1">
        <f t="array" ref="AE47">IF(J47&gt;30,IF(K47&lt;=2,$AB$14,IF(AND(K47&gt;2,K47&lt;=4),TREND($AB$14:$AC$14,$AB$3:$AC$3,K47,TRUE),IF(AND(K47&gt;4,K47&lt;10),TREND($AC$14:$AD$14,$AC$3:$AD$3,K47,TRUE),IF(K47&gt;=10,$AD$14,1)))),IF(K47&lt;=2,$AE$14,IF(AND(K47&gt;2,K47&lt;=4),TREND($AE$14:$AF$14,$AE$3:$AF$3,K47,TRUE),IF(AND(K47&gt;4,K47&lt;10),TREND($AF$14:$AG$14,$AF$3:$AG$3,K47,TRUE),IF(K47&gt;=10,$AG$14,1)))))</f>
        <v>#N/A</v>
      </c>
      <c r="AF47" s="85" t="e" cm="1">
        <f t="array" ref="AF47">IF(J47&gt;30,IF(K47&lt;=2,$AB$15,IF(AND(K47&gt;2,K47&lt;=4),TREND($AB$15:$AC$15,$AB$3:$AC$3,K47,TRUE),IF(AND(K47&gt;4,K47&lt;10),TREND($AC$15:$AD$15,$AC$3:$AD$3,K47,TRUE),IF(K47&gt;=10,$AD$15,1)))),IF(K47&lt;=2,$AE$15,IF(AND(K47&gt;2,K47&lt;=4),TREND($AE$15:$AF$15,$AE$3:$AF$3,K47,TRUE),IF(AND(K47&gt;4,K47&lt;10),TREND($AF$15:$AG$15,$AF$3:$AG$3,K47,TRUE),IF(K47&gt;=10,$AG$15,1)))))</f>
        <v>#N/A</v>
      </c>
      <c r="AG47" s="86" t="e" cm="1">
        <f t="array" ref="AG47">IF(J47&gt;30,IF(K47&lt;=2,$AB$16,IF(AND(K47&gt;2,K47&lt;=4),TREND($AB$16:$AC$16,$AB$3:$AC$3,K47,TRUE),IF(AND(K47&gt;4,K47&lt;10),TREND($AC$16:$AD$16,$AC$3:$AD$3,K47,TRUE),IF(K47&gt;=10,$AD$16,1)))),IF(K47&lt;=2,$AE$16,IF(AND(K47&gt;2,K47&lt;=4),TREND($AE$16:$AF$16,$AE$3:$AF$3,K47,TRUE),IF(AND(K47&gt;4,K47&lt;10),TREND($AF$16:$AG$16,$AF$3:$AG$3,K47,TRUE),IF(K47&gt;=10,$AG$16,1)))))</f>
        <v>#N/A</v>
      </c>
      <c r="AH47" s="85" t="e" cm="1">
        <f t="array" ref="AH47">IF(J47&gt;30,IF(K47&lt;=2,$AB$17,IF(AND(K47&gt;2,K47&lt;=4),TREND($AB$17:$AC$17,$AB$3:$AC$3,K47,TRUE),IF(AND(K47&gt;4,K47&lt;10),TREND($AC$17:$AD$17,$AC$3:$AD$3,K47,TRUE),IF(K47&gt;=10,$AD$17,1)))),IF(K47&lt;=2,$AE$17,IF(AND(K47&gt;2,K47&lt;=4),TREND($AE$17:$AF$17,$AE$3:$AF$3,K47,TRUE),IF(AND(K47&gt;4,K47&lt;10),TREND($AF$17:$AG$17,$AF$3:$AG$3,K47,TRUE),IF(K47&gt;=10,$AG$17,1)))))</f>
        <v>#N/A</v>
      </c>
      <c r="AI47" s="85" t="e" cm="1">
        <f t="array" ref="AI47">IF(J47&gt;30,IF(K47&lt;=2,$AB$18,IF(AND(K47&gt;2,K47&lt;=4),TREND($AB$18:$AC$18,$AB$3:$AC$3,K47,TRUE),IF(AND(K47&gt;4,K47&lt;10),TREND($AC$18:$AD$18,$AC$3:$AD$3,K47,TRUE),IF(K47&gt;=10,$AD$18,1)))),IF(K47&lt;=2,$AE$18,IF(AND(K47&gt;2,K47&lt;=4),TREND($AE$18:$AF$18,$AE$3:$AF$3,K47,TRUE),IF(AND(K47&gt;4,K47&lt;10),TREND($AF$18:$AG$18,$AF$3:$AG$3,K47,TRUE),IF(K47&gt;=10,$AG$18,1)))))</f>
        <v>#N/A</v>
      </c>
      <c r="AJ47" s="85" t="e" cm="1">
        <f t="array" ref="AJ47">IF(J47&gt;30,IF(K47&lt;=2,$AB$19,IF(AND(K47&gt;2,K47&lt;=4),TREND($AB$19:$AC$19,$AB$3:$AC$3,K47,TRUE),IF(AND(K47&gt;4,K47&lt;10),TREND($AC$19:$AD$19,$AC$3:$AD$3,K47,TRUE),IF(K47&gt;=10,$AD$19,1)))),IF(K47&lt;=2,$AE$19,IF(AND(K47&gt;2,K47&lt;=4),TREND($AE$19:$AF$19,$AE$3:$AF$3,K47,TRUE),IF(AND(K47&gt;4,K47&lt;10),TREND($AF$19:$AG$19,$AF$3:$AG$3,K47,TRUE),IF(K47&gt;=10,$AG$19,1)))))</f>
        <v>#N/A</v>
      </c>
      <c r="AK47" s="85" t="e" cm="1">
        <f t="array" ref="AK47">IF(J47&gt;30,IF(K47&lt;=2,$AB$20,IF(AND(K47&gt;2,K47&lt;=4),TREND($AB$20:$AC$20,$AB$3:$AC$3,K47,TRUE),IF(AND(K47&gt;4,K47&lt;10),TREND($AC$20:$AD$20,$AC$3:$AD$3,K47,TRUE),IF(K47&gt;=10,$AD$20,1)))),IF(K47&lt;=2,$AE$20,IF(AND(K47&gt;2,K47&lt;=4),TREND($AE$20:$AF$20,$AE$3:$AF$3,K47,TRUE),IF(AND(K47&gt;4,K47&lt;10),TREND($AF$20:$AG$20,$AF$3:$AG$3,K47,TRUE),IF(K47&gt;=10,$AG$20,1)))))</f>
        <v>#N/A</v>
      </c>
      <c r="AL47" s="85">
        <v>3</v>
      </c>
      <c r="AM47" s="92">
        <v>0</v>
      </c>
      <c r="AN47" s="92" t="e">
        <f t="shared" si="6"/>
        <v>#N/A</v>
      </c>
      <c r="AO47" s="92" t="e">
        <f t="shared" si="21"/>
        <v>#N/A</v>
      </c>
      <c r="AP47" s="92" t="e">
        <f t="shared" si="7"/>
        <v>#N/A</v>
      </c>
      <c r="AQ47" s="92" t="e">
        <f t="shared" si="8"/>
        <v>#N/A</v>
      </c>
      <c r="AR47" s="92" t="e">
        <f t="shared" si="9"/>
        <v>#N/A</v>
      </c>
      <c r="AS47" s="92" t="e">
        <f t="shared" si="10"/>
        <v>#N/A</v>
      </c>
      <c r="AT47" s="92" t="e">
        <f t="shared" si="11"/>
        <v>#N/A</v>
      </c>
      <c r="AU47" s="92" t="e">
        <f t="shared" si="12"/>
        <v>#N/A</v>
      </c>
      <c r="AV47" s="92" t="e">
        <f t="shared" si="13"/>
        <v>#N/A</v>
      </c>
      <c r="AW47" s="92" t="e">
        <f t="shared" si="14"/>
        <v>#N/A</v>
      </c>
      <c r="AX47" s="92" t="e">
        <f t="shared" si="15"/>
        <v>#N/A</v>
      </c>
      <c r="AY47" s="92">
        <f t="shared" si="16"/>
        <v>6000</v>
      </c>
      <c r="AZ47" s="93">
        <v>0</v>
      </c>
      <c r="BA47" s="93" t="e">
        <f t="shared" si="36"/>
        <v>#N/A</v>
      </c>
      <c r="BB47" s="93" t="e">
        <f t="shared" si="22"/>
        <v>#N/A</v>
      </c>
      <c r="BC47" s="93" t="e">
        <f t="shared" si="23"/>
        <v>#N/A</v>
      </c>
      <c r="BD47" s="93" t="e">
        <f t="shared" si="24"/>
        <v>#N/A</v>
      </c>
      <c r="BE47" s="93" t="e">
        <f t="shared" si="25"/>
        <v>#N/A</v>
      </c>
      <c r="BF47" s="93" t="e">
        <f t="shared" si="26"/>
        <v>#N/A</v>
      </c>
      <c r="BG47" s="93" t="e">
        <f t="shared" si="27"/>
        <v>#N/A</v>
      </c>
      <c r="BH47" s="93" t="e">
        <f t="shared" si="28"/>
        <v>#N/A</v>
      </c>
      <c r="BI47" s="93" t="e">
        <f t="shared" si="29"/>
        <v>#N/A</v>
      </c>
      <c r="BJ47" s="93" t="e">
        <f t="shared" si="30"/>
        <v>#N/A</v>
      </c>
      <c r="BK47" s="93" t="e">
        <f t="shared" si="31"/>
        <v>#N/A</v>
      </c>
      <c r="BL47" s="93" t="e">
        <f t="shared" si="31"/>
        <v>#N/A</v>
      </c>
    </row>
    <row r="48" spans="2:67" x14ac:dyDescent="0.2">
      <c r="B48" s="79">
        <f t="shared" si="37"/>
        <v>-37.5</v>
      </c>
      <c r="C48" s="73">
        <f t="shared" si="20"/>
        <v>22</v>
      </c>
      <c r="D48" s="64">
        <f>INDEX('CPT Data'!$C$13:$C$20000,MATCH($C48,'CPT Data'!$B$13:$B$20000,1))</f>
        <v>21.988999999999997</v>
      </c>
      <c r="E48" s="55" t="str">
        <f>INDEX('CPT Data'!$P$13:$P$20000,MATCH($C48,'CPT Data'!$B$13:$B$20000,1))</f>
        <v>SAND</v>
      </c>
      <c r="F48" s="76" t="e">
        <f>INDEX('CPT Data'!$Q$13:$Q$20000,MATCH($C48,'CPT Data'!$B$13:$B$20000,1))</f>
        <v>#N/A</v>
      </c>
      <c r="G48" s="76">
        <f>INDEX('CPT Data'!$I$13:$I$20000,MATCH(C48,'CPT Data'!$B$13:$B$20000,1))</f>
        <v>19.043414698134548</v>
      </c>
      <c r="H48" s="76">
        <f>INDEX('CPT Data'!$J$13:$J$20000,MATCH($C48,'CPT Data'!$B$13:$B$20000,1))</f>
        <v>9.0434146981345478</v>
      </c>
      <c r="I48" s="76">
        <f>INDEX('CPT Data'!$L$13:$L$20000,MATCH(C48,'CPT Data'!$B$13:$B$20000,1))</f>
        <v>198.9189497001675</v>
      </c>
      <c r="J48" s="226">
        <f>INDEX('CPT Data'!$R$13:$R$20000,MATCH(C48,'CPT Data'!$B$13:$B$20000,1))</f>
        <v>35</v>
      </c>
      <c r="K48" s="76" t="e">
        <f>INDEX('CPT Data'!$S$13:$S$20000,MATCH($C48,'CPT Data'!$B$13:$B$20000,1))</f>
        <v>#N/A</v>
      </c>
      <c r="L48" s="55">
        <f>VLOOKUP($C48, 'Pile Property'!$A$8:$D$108,2,TRUE)</f>
        <v>2</v>
      </c>
      <c r="M48" s="234" t="e">
        <f>IF($E48="CLAY",ABS($F48-'CPT Data'!$Q$292)/$D48,#N/A)</f>
        <v>#N/A</v>
      </c>
      <c r="N48" s="65" t="e">
        <f t="shared" si="32"/>
        <v>#N/A</v>
      </c>
      <c r="O48" s="76" t="e">
        <f t="shared" si="38"/>
        <v>#N/A</v>
      </c>
      <c r="P48" s="76" t="e">
        <f t="shared" si="1"/>
        <v>#N/A</v>
      </c>
      <c r="Q48" s="65" t="e">
        <f t="shared" si="18"/>
        <v>#N/A</v>
      </c>
      <c r="R48" s="76" t="e">
        <f t="shared" si="19"/>
        <v>#N/A</v>
      </c>
      <c r="S48" s="76" t="e">
        <f t="shared" si="33"/>
        <v>#N/A</v>
      </c>
      <c r="T48" s="76"/>
      <c r="U48" s="76"/>
      <c r="V48" s="76" t="e">
        <f t="shared" si="3"/>
        <v>#N/A</v>
      </c>
      <c r="W48" s="76" t="e">
        <f t="shared" si="34"/>
        <v>#N/A</v>
      </c>
      <c r="X48" s="76" t="e">
        <f t="shared" si="4"/>
        <v>#N/A</v>
      </c>
      <c r="Y48" s="76" t="e">
        <f t="shared" si="5"/>
        <v>#N/A</v>
      </c>
      <c r="Z48" s="76" t="e">
        <f t="shared" si="35"/>
        <v>#N/A</v>
      </c>
      <c r="AA48" s="85" t="e" cm="1">
        <f t="array" ref="AA48">IF(J48&gt;30,IF(K48&lt;=2,$AB$10,IF(AND(K48&gt;2,K48&lt;=4),TREND($AB$10:$AC$10,$AB$3:$AC$3,K48,TRUE),IF(AND(K48&gt;4,K48&lt;10),TREND($AC$10:$AD$10,$AC$3:$AD$3,K48,TRUE),IF(K48&gt;=10,$AD$10,1)))),IF(K48&lt;=2,$AE$10,IF(AND(K48&gt;2,K48&lt;=4),TREND($AE$10:$AF$10,$AE$3:$AF$3,K48,TRUE),IF(AND(K48&gt;4,K48&lt;10),TREND($AF$10:$AG$10,$AF$3:$AG$3,K48,TRUE),IF(K48&gt;=10,$AG$10,1)))))</f>
        <v>#N/A</v>
      </c>
      <c r="AB48" s="85" t="e" cm="1">
        <f t="array" ref="AB48">IF(J48&gt;30,IF(K48&lt;=2,$AB$11,IF(AND(K48&gt;2,K48&lt;=4),TREND($AB$11:$AC$11,$AB$3:$AC$3,K48,TRUE),IF(AND(K48&gt;4,K48&lt;10),TREND($AC$11:$AD$11,$AC$3:$AD$3,K48,TRUE),IF(K48&gt;=10,$AD$11,1)))),IF(K48&lt;=2,$AE$11,IF(AND(K48&gt;2,K48&lt;=4),TREND($AE$11:$AF$11,$AE$3:$AF$3,K48,TRUE),IF(AND(K48&gt;4,K48&lt;10),TREND($AF$11:$AG$11,$AF$3:$AG$3,K48,TRUE),IF(K48&gt;=10,$AG$11,1)))))</f>
        <v>#N/A</v>
      </c>
      <c r="AC48" s="85" t="e" cm="1">
        <f t="array" ref="AC48">IF(J48&gt;30,IF(K48&lt;=2,$AB$12,IF(AND(K48&gt;2,K48&lt;=4),TREND($AB$12:$AC$12,$AB$3:$AC$3,K48,TRUE),IF(AND(K48&gt;4,K48&lt;10),TREND($AC$12:$AD$12,$AC$3:$AD$3,K48,TRUE),IF(K48&gt;=10,$AD$12,1)))),IF(K48&lt;=2,$AE$12,IF(AND(K48&gt;2,K48&lt;=4),TREND($AE$12:$AF$12,$AE$3:$AF$3,K48,TRUE),IF(AND(K48&gt;4,K48&lt;10),TREND($AF$12:$AG$12,$AF$3:$AG$3,K48,TRUE),IF(K48&gt;=10,$AG$12,1)))))</f>
        <v>#N/A</v>
      </c>
      <c r="AD48" s="85" t="e" cm="1">
        <f t="array" ref="AD48">IF(J48&gt;30,IF(K48&lt;=2,$AB$13,IF(AND(K48&gt;2,K48&lt;=4),TREND($AB$13:$AC$13,$AB$3:$AC$3,K48,TRUE),IF(AND(K48&gt;4,K48&lt;10),TREND($AC$13:$AD$13,$AC$3:$AD$3,K48,TRUE),IF(K48&gt;=10,$AD$13,1)))),IF(K48&lt;=2,$AE$13,IF(AND(K48&gt;2,K48&lt;=4),TREND($AE$13:$AF$13,$AE$3:$AF$3,K48,TRUE),IF(AND(K48&gt;4,K48&lt;10),TREND($AF$13:$AG$13,$AF$3:$AG$3,K48,TRUE),IF(K48&gt;=10,$AG$13,1)))))</f>
        <v>#N/A</v>
      </c>
      <c r="AE48" s="85" t="e" cm="1">
        <f t="array" ref="AE48">IF(J48&gt;30,IF(K48&lt;=2,$AB$14,IF(AND(K48&gt;2,K48&lt;=4),TREND($AB$14:$AC$14,$AB$3:$AC$3,K48,TRUE),IF(AND(K48&gt;4,K48&lt;10),TREND($AC$14:$AD$14,$AC$3:$AD$3,K48,TRUE),IF(K48&gt;=10,$AD$14,1)))),IF(K48&lt;=2,$AE$14,IF(AND(K48&gt;2,K48&lt;=4),TREND($AE$14:$AF$14,$AE$3:$AF$3,K48,TRUE),IF(AND(K48&gt;4,K48&lt;10),TREND($AF$14:$AG$14,$AF$3:$AG$3,K48,TRUE),IF(K48&gt;=10,$AG$14,1)))))</f>
        <v>#N/A</v>
      </c>
      <c r="AF48" s="85" t="e" cm="1">
        <f t="array" ref="AF48">IF(J48&gt;30,IF(K48&lt;=2,$AB$15,IF(AND(K48&gt;2,K48&lt;=4),TREND($AB$15:$AC$15,$AB$3:$AC$3,K48,TRUE),IF(AND(K48&gt;4,K48&lt;10),TREND($AC$15:$AD$15,$AC$3:$AD$3,K48,TRUE),IF(K48&gt;=10,$AD$15,1)))),IF(K48&lt;=2,$AE$15,IF(AND(K48&gt;2,K48&lt;=4),TREND($AE$15:$AF$15,$AE$3:$AF$3,K48,TRUE),IF(AND(K48&gt;4,K48&lt;10),TREND($AF$15:$AG$15,$AF$3:$AG$3,K48,TRUE),IF(K48&gt;=10,$AG$15,1)))))</f>
        <v>#N/A</v>
      </c>
      <c r="AG48" s="86" t="e" cm="1">
        <f t="array" ref="AG48">IF(J48&gt;30,IF(K48&lt;=2,$AB$16,IF(AND(K48&gt;2,K48&lt;=4),TREND($AB$16:$AC$16,$AB$3:$AC$3,K48,TRUE),IF(AND(K48&gt;4,K48&lt;10),TREND($AC$16:$AD$16,$AC$3:$AD$3,K48,TRUE),IF(K48&gt;=10,$AD$16,1)))),IF(K48&lt;=2,$AE$16,IF(AND(K48&gt;2,K48&lt;=4),TREND($AE$16:$AF$16,$AE$3:$AF$3,K48,TRUE),IF(AND(K48&gt;4,K48&lt;10),TREND($AF$16:$AG$16,$AF$3:$AG$3,K48,TRUE),IF(K48&gt;=10,$AG$16,1)))))</f>
        <v>#N/A</v>
      </c>
      <c r="AH48" s="85" t="e" cm="1">
        <f t="array" ref="AH48">IF(J48&gt;30,IF(K48&lt;=2,$AB$17,IF(AND(K48&gt;2,K48&lt;=4),TREND($AB$17:$AC$17,$AB$3:$AC$3,K48,TRUE),IF(AND(K48&gt;4,K48&lt;10),TREND($AC$17:$AD$17,$AC$3:$AD$3,K48,TRUE),IF(K48&gt;=10,$AD$17,1)))),IF(K48&lt;=2,$AE$17,IF(AND(K48&gt;2,K48&lt;=4),TREND($AE$17:$AF$17,$AE$3:$AF$3,K48,TRUE),IF(AND(K48&gt;4,K48&lt;10),TREND($AF$17:$AG$17,$AF$3:$AG$3,K48,TRUE),IF(K48&gt;=10,$AG$17,1)))))</f>
        <v>#N/A</v>
      </c>
      <c r="AI48" s="85" t="e" cm="1">
        <f t="array" ref="AI48">IF(J48&gt;30,IF(K48&lt;=2,$AB$18,IF(AND(K48&gt;2,K48&lt;=4),TREND($AB$18:$AC$18,$AB$3:$AC$3,K48,TRUE),IF(AND(K48&gt;4,K48&lt;10),TREND($AC$18:$AD$18,$AC$3:$AD$3,K48,TRUE),IF(K48&gt;=10,$AD$18,1)))),IF(K48&lt;=2,$AE$18,IF(AND(K48&gt;2,K48&lt;=4),TREND($AE$18:$AF$18,$AE$3:$AF$3,K48,TRUE),IF(AND(K48&gt;4,K48&lt;10),TREND($AF$18:$AG$18,$AF$3:$AG$3,K48,TRUE),IF(K48&gt;=10,$AG$18,1)))))</f>
        <v>#N/A</v>
      </c>
      <c r="AJ48" s="85" t="e" cm="1">
        <f t="array" ref="AJ48">IF(J48&gt;30,IF(K48&lt;=2,$AB$19,IF(AND(K48&gt;2,K48&lt;=4),TREND($AB$19:$AC$19,$AB$3:$AC$3,K48,TRUE),IF(AND(K48&gt;4,K48&lt;10),TREND($AC$19:$AD$19,$AC$3:$AD$3,K48,TRUE),IF(K48&gt;=10,$AD$19,1)))),IF(K48&lt;=2,$AE$19,IF(AND(K48&gt;2,K48&lt;=4),TREND($AE$19:$AF$19,$AE$3:$AF$3,K48,TRUE),IF(AND(K48&gt;4,K48&lt;10),TREND($AF$19:$AG$19,$AF$3:$AG$3,K48,TRUE),IF(K48&gt;=10,$AG$19,1)))))</f>
        <v>#N/A</v>
      </c>
      <c r="AK48" s="85" t="e" cm="1">
        <f t="array" ref="AK48">IF(J48&gt;30,IF(K48&lt;=2,$AB$20,IF(AND(K48&gt;2,K48&lt;=4),TREND($AB$20:$AC$20,$AB$3:$AC$3,K48,TRUE),IF(AND(K48&gt;4,K48&lt;10),TREND($AC$20:$AD$20,$AC$3:$AD$3,K48,TRUE),IF(K48&gt;=10,$AD$20,1)))),IF(K48&lt;=2,$AE$20,IF(AND(K48&gt;2,K48&lt;=4),TREND($AE$20:$AF$20,$AE$3:$AF$3,K48,TRUE),IF(AND(K48&gt;4,K48&lt;10),TREND($AF$20:$AG$20,$AF$3:$AG$3,K48,TRUE),IF(K48&gt;=10,$AG$20,1)))))</f>
        <v>#N/A</v>
      </c>
      <c r="AL48" s="85">
        <v>3</v>
      </c>
      <c r="AM48" s="92">
        <v>0</v>
      </c>
      <c r="AN48" s="92" t="e">
        <f t="shared" si="6"/>
        <v>#N/A</v>
      </c>
      <c r="AO48" s="92" t="e">
        <f t="shared" si="21"/>
        <v>#N/A</v>
      </c>
      <c r="AP48" s="92" t="e">
        <f t="shared" si="7"/>
        <v>#N/A</v>
      </c>
      <c r="AQ48" s="92" t="e">
        <f t="shared" si="8"/>
        <v>#N/A</v>
      </c>
      <c r="AR48" s="92" t="e">
        <f t="shared" si="9"/>
        <v>#N/A</v>
      </c>
      <c r="AS48" s="92" t="e">
        <f t="shared" si="10"/>
        <v>#N/A</v>
      </c>
      <c r="AT48" s="92" t="e">
        <f t="shared" si="11"/>
        <v>#N/A</v>
      </c>
      <c r="AU48" s="92" t="e">
        <f t="shared" si="12"/>
        <v>#N/A</v>
      </c>
      <c r="AV48" s="92" t="e">
        <f t="shared" si="13"/>
        <v>#N/A</v>
      </c>
      <c r="AW48" s="92" t="e">
        <f t="shared" si="14"/>
        <v>#N/A</v>
      </c>
      <c r="AX48" s="92" t="e">
        <f t="shared" si="15"/>
        <v>#N/A</v>
      </c>
      <c r="AY48" s="92">
        <f t="shared" si="16"/>
        <v>6000</v>
      </c>
      <c r="AZ48" s="93">
        <v>0</v>
      </c>
      <c r="BA48" s="93" t="e">
        <f t="shared" si="36"/>
        <v>#N/A</v>
      </c>
      <c r="BB48" s="93" t="e">
        <f t="shared" si="22"/>
        <v>#N/A</v>
      </c>
      <c r="BC48" s="93" t="e">
        <f t="shared" si="23"/>
        <v>#N/A</v>
      </c>
      <c r="BD48" s="93" t="e">
        <f t="shared" si="24"/>
        <v>#N/A</v>
      </c>
      <c r="BE48" s="93" t="e">
        <f t="shared" si="25"/>
        <v>#N/A</v>
      </c>
      <c r="BF48" s="93" t="e">
        <f t="shared" si="26"/>
        <v>#N/A</v>
      </c>
      <c r="BG48" s="93" t="e">
        <f t="shared" si="27"/>
        <v>#N/A</v>
      </c>
      <c r="BH48" s="93" t="e">
        <f t="shared" si="28"/>
        <v>#N/A</v>
      </c>
      <c r="BI48" s="93" t="e">
        <f t="shared" si="29"/>
        <v>#N/A</v>
      </c>
      <c r="BJ48" s="93" t="e">
        <f t="shared" si="30"/>
        <v>#N/A</v>
      </c>
      <c r="BK48" s="93" t="e">
        <f t="shared" si="31"/>
        <v>#N/A</v>
      </c>
      <c r="BL48" s="93" t="e">
        <f t="shared" si="31"/>
        <v>#N/A</v>
      </c>
      <c r="BO48" s="59"/>
    </row>
    <row r="49" spans="2:67" x14ac:dyDescent="0.2">
      <c r="B49" s="79">
        <f t="shared" si="37"/>
        <v>-38.5</v>
      </c>
      <c r="C49" s="73">
        <f t="shared" si="20"/>
        <v>23</v>
      </c>
      <c r="D49" s="64">
        <f>INDEX('CPT Data'!$C$13:$C$20000,MATCH($C49,'CPT Data'!$B$13:$B$20000,1))</f>
        <v>22.986999999999998</v>
      </c>
      <c r="E49" s="55" t="str">
        <f>INDEX('CPT Data'!$P$13:$P$20000,MATCH($C49,'CPT Data'!$B$13:$B$20000,1))</f>
        <v>SAND</v>
      </c>
      <c r="F49" s="76" t="e">
        <f>INDEX('CPT Data'!$Q$13:$Q$20000,MATCH($C49,'CPT Data'!$B$13:$B$20000,1))</f>
        <v>#N/A</v>
      </c>
      <c r="G49" s="76">
        <f>INDEX('CPT Data'!$I$13:$I$20000,MATCH(C49,'CPT Data'!$B$13:$B$20000,1))</f>
        <v>18.867063837118025</v>
      </c>
      <c r="H49" s="76">
        <f>INDEX('CPT Data'!$J$13:$J$20000,MATCH($C49,'CPT Data'!$B$13:$B$20000,1))</f>
        <v>8.8670638371180246</v>
      </c>
      <c r="I49" s="76">
        <f>INDEX('CPT Data'!$L$13:$L$20000,MATCH(C49,'CPT Data'!$B$13:$B$20000,1))</f>
        <v>203.88926587069184</v>
      </c>
      <c r="J49" s="226">
        <f>INDEX('CPT Data'!$R$13:$R$20000,MATCH(C49,'CPT Data'!$B$13:$B$20000,1))</f>
        <v>35</v>
      </c>
      <c r="K49" s="76" t="e">
        <f>INDEX('CPT Data'!$S$13:$S$20000,MATCH($C49,'CPT Data'!$B$13:$B$20000,1))</f>
        <v>#N/A</v>
      </c>
      <c r="L49" s="55">
        <f>VLOOKUP($C49, 'Pile Property'!$A$8:$D$108,2,TRUE)</f>
        <v>2</v>
      </c>
      <c r="M49" s="234" t="e">
        <f>IF($E49="CLAY",ABS($F49-'CPT Data'!$Q$292)/$D49,#N/A)</f>
        <v>#N/A</v>
      </c>
      <c r="N49" s="65" t="e">
        <f t="shared" si="32"/>
        <v>#N/A</v>
      </c>
      <c r="O49" s="76" t="e">
        <f t="shared" si="38"/>
        <v>#N/A</v>
      </c>
      <c r="P49" s="76" t="e">
        <f t="shared" si="1"/>
        <v>#N/A</v>
      </c>
      <c r="Q49" s="65" t="e">
        <f t="shared" si="18"/>
        <v>#N/A</v>
      </c>
      <c r="R49" s="76" t="e">
        <f t="shared" si="19"/>
        <v>#N/A</v>
      </c>
      <c r="S49" s="76" t="e">
        <f t="shared" si="33"/>
        <v>#N/A</v>
      </c>
      <c r="T49" s="76"/>
      <c r="U49" s="76"/>
      <c r="V49" s="76" t="e">
        <f t="shared" si="3"/>
        <v>#N/A</v>
      </c>
      <c r="W49" s="76" t="e">
        <f t="shared" si="34"/>
        <v>#N/A</v>
      </c>
      <c r="X49" s="76" t="e">
        <f t="shared" si="4"/>
        <v>#N/A</v>
      </c>
      <c r="Y49" s="76" t="e">
        <f t="shared" si="5"/>
        <v>#N/A</v>
      </c>
      <c r="Z49" s="76" t="e">
        <f t="shared" si="35"/>
        <v>#N/A</v>
      </c>
      <c r="AA49" s="85" t="e" cm="1">
        <f t="array" ref="AA49">IF(J49&gt;30,IF(K49&lt;=2,$AB$10,IF(AND(K49&gt;2,K49&lt;=4),TREND($AB$10:$AC$10,$AB$3:$AC$3,K49,TRUE),IF(AND(K49&gt;4,K49&lt;10),TREND($AC$10:$AD$10,$AC$3:$AD$3,K49,TRUE),IF(K49&gt;=10,$AD$10,1)))),IF(K49&lt;=2,$AE$10,IF(AND(K49&gt;2,K49&lt;=4),TREND($AE$10:$AF$10,$AE$3:$AF$3,K49,TRUE),IF(AND(K49&gt;4,K49&lt;10),TREND($AF$10:$AG$10,$AF$3:$AG$3,K49,TRUE),IF(K49&gt;=10,$AG$10,1)))))</f>
        <v>#N/A</v>
      </c>
      <c r="AB49" s="85" t="e" cm="1">
        <f t="array" ref="AB49">IF(J49&gt;30,IF(K49&lt;=2,$AB$11,IF(AND(K49&gt;2,K49&lt;=4),TREND($AB$11:$AC$11,$AB$3:$AC$3,K49,TRUE),IF(AND(K49&gt;4,K49&lt;10),TREND($AC$11:$AD$11,$AC$3:$AD$3,K49,TRUE),IF(K49&gt;=10,$AD$11,1)))),IF(K49&lt;=2,$AE$11,IF(AND(K49&gt;2,K49&lt;=4),TREND($AE$11:$AF$11,$AE$3:$AF$3,K49,TRUE),IF(AND(K49&gt;4,K49&lt;10),TREND($AF$11:$AG$11,$AF$3:$AG$3,K49,TRUE),IF(K49&gt;=10,$AG$11,1)))))</f>
        <v>#N/A</v>
      </c>
      <c r="AC49" s="85" t="e" cm="1">
        <f t="array" ref="AC49">IF(J49&gt;30,IF(K49&lt;=2,$AB$12,IF(AND(K49&gt;2,K49&lt;=4),TREND($AB$12:$AC$12,$AB$3:$AC$3,K49,TRUE),IF(AND(K49&gt;4,K49&lt;10),TREND($AC$12:$AD$12,$AC$3:$AD$3,K49,TRUE),IF(K49&gt;=10,$AD$12,1)))),IF(K49&lt;=2,$AE$12,IF(AND(K49&gt;2,K49&lt;=4),TREND($AE$12:$AF$12,$AE$3:$AF$3,K49,TRUE),IF(AND(K49&gt;4,K49&lt;10),TREND($AF$12:$AG$12,$AF$3:$AG$3,K49,TRUE),IF(K49&gt;=10,$AG$12,1)))))</f>
        <v>#N/A</v>
      </c>
      <c r="AD49" s="85" t="e" cm="1">
        <f t="array" ref="AD49">IF(J49&gt;30,IF(K49&lt;=2,$AB$13,IF(AND(K49&gt;2,K49&lt;=4),TREND($AB$13:$AC$13,$AB$3:$AC$3,K49,TRUE),IF(AND(K49&gt;4,K49&lt;10),TREND($AC$13:$AD$13,$AC$3:$AD$3,K49,TRUE),IF(K49&gt;=10,$AD$13,1)))),IF(K49&lt;=2,$AE$13,IF(AND(K49&gt;2,K49&lt;=4),TREND($AE$13:$AF$13,$AE$3:$AF$3,K49,TRUE),IF(AND(K49&gt;4,K49&lt;10),TREND($AF$13:$AG$13,$AF$3:$AG$3,K49,TRUE),IF(K49&gt;=10,$AG$13,1)))))</f>
        <v>#N/A</v>
      </c>
      <c r="AE49" s="85" t="e" cm="1">
        <f t="array" ref="AE49">IF(J49&gt;30,IF(K49&lt;=2,$AB$14,IF(AND(K49&gt;2,K49&lt;=4),TREND($AB$14:$AC$14,$AB$3:$AC$3,K49,TRUE),IF(AND(K49&gt;4,K49&lt;10),TREND($AC$14:$AD$14,$AC$3:$AD$3,K49,TRUE),IF(K49&gt;=10,$AD$14,1)))),IF(K49&lt;=2,$AE$14,IF(AND(K49&gt;2,K49&lt;=4),TREND($AE$14:$AF$14,$AE$3:$AF$3,K49,TRUE),IF(AND(K49&gt;4,K49&lt;10),TREND($AF$14:$AG$14,$AF$3:$AG$3,K49,TRUE),IF(K49&gt;=10,$AG$14,1)))))</f>
        <v>#N/A</v>
      </c>
      <c r="AF49" s="85" t="e" cm="1">
        <f t="array" ref="AF49">IF(J49&gt;30,IF(K49&lt;=2,$AB$15,IF(AND(K49&gt;2,K49&lt;=4),TREND($AB$15:$AC$15,$AB$3:$AC$3,K49,TRUE),IF(AND(K49&gt;4,K49&lt;10),TREND($AC$15:$AD$15,$AC$3:$AD$3,K49,TRUE),IF(K49&gt;=10,$AD$15,1)))),IF(K49&lt;=2,$AE$15,IF(AND(K49&gt;2,K49&lt;=4),TREND($AE$15:$AF$15,$AE$3:$AF$3,K49,TRUE),IF(AND(K49&gt;4,K49&lt;10),TREND($AF$15:$AG$15,$AF$3:$AG$3,K49,TRUE),IF(K49&gt;=10,$AG$15,1)))))</f>
        <v>#N/A</v>
      </c>
      <c r="AG49" s="86" t="e" cm="1">
        <f t="array" ref="AG49">IF(J49&gt;30,IF(K49&lt;=2,$AB$16,IF(AND(K49&gt;2,K49&lt;=4),TREND($AB$16:$AC$16,$AB$3:$AC$3,K49,TRUE),IF(AND(K49&gt;4,K49&lt;10),TREND($AC$16:$AD$16,$AC$3:$AD$3,K49,TRUE),IF(K49&gt;=10,$AD$16,1)))),IF(K49&lt;=2,$AE$16,IF(AND(K49&gt;2,K49&lt;=4),TREND($AE$16:$AF$16,$AE$3:$AF$3,K49,TRUE),IF(AND(K49&gt;4,K49&lt;10),TREND($AF$16:$AG$16,$AF$3:$AG$3,K49,TRUE),IF(K49&gt;=10,$AG$16,1)))))</f>
        <v>#N/A</v>
      </c>
      <c r="AH49" s="85" t="e" cm="1">
        <f t="array" ref="AH49">IF(J49&gt;30,IF(K49&lt;=2,$AB$17,IF(AND(K49&gt;2,K49&lt;=4),TREND($AB$17:$AC$17,$AB$3:$AC$3,K49,TRUE),IF(AND(K49&gt;4,K49&lt;10),TREND($AC$17:$AD$17,$AC$3:$AD$3,K49,TRUE),IF(K49&gt;=10,$AD$17,1)))),IF(K49&lt;=2,$AE$17,IF(AND(K49&gt;2,K49&lt;=4),TREND($AE$17:$AF$17,$AE$3:$AF$3,K49,TRUE),IF(AND(K49&gt;4,K49&lt;10),TREND($AF$17:$AG$17,$AF$3:$AG$3,K49,TRUE),IF(K49&gt;=10,$AG$17,1)))))</f>
        <v>#N/A</v>
      </c>
      <c r="AI49" s="85" t="e" cm="1">
        <f t="array" ref="AI49">IF(J49&gt;30,IF(K49&lt;=2,$AB$18,IF(AND(K49&gt;2,K49&lt;=4),TREND($AB$18:$AC$18,$AB$3:$AC$3,K49,TRUE),IF(AND(K49&gt;4,K49&lt;10),TREND($AC$18:$AD$18,$AC$3:$AD$3,K49,TRUE),IF(K49&gt;=10,$AD$18,1)))),IF(K49&lt;=2,$AE$18,IF(AND(K49&gt;2,K49&lt;=4),TREND($AE$18:$AF$18,$AE$3:$AF$3,K49,TRUE),IF(AND(K49&gt;4,K49&lt;10),TREND($AF$18:$AG$18,$AF$3:$AG$3,K49,TRUE),IF(K49&gt;=10,$AG$18,1)))))</f>
        <v>#N/A</v>
      </c>
      <c r="AJ49" s="85" t="e" cm="1">
        <f t="array" ref="AJ49">IF(J49&gt;30,IF(K49&lt;=2,$AB$19,IF(AND(K49&gt;2,K49&lt;=4),TREND($AB$19:$AC$19,$AB$3:$AC$3,K49,TRUE),IF(AND(K49&gt;4,K49&lt;10),TREND($AC$19:$AD$19,$AC$3:$AD$3,K49,TRUE),IF(K49&gt;=10,$AD$19,1)))),IF(K49&lt;=2,$AE$19,IF(AND(K49&gt;2,K49&lt;=4),TREND($AE$19:$AF$19,$AE$3:$AF$3,K49,TRUE),IF(AND(K49&gt;4,K49&lt;10),TREND($AF$19:$AG$19,$AF$3:$AG$3,K49,TRUE),IF(K49&gt;=10,$AG$19,1)))))</f>
        <v>#N/A</v>
      </c>
      <c r="AK49" s="85" t="e" cm="1">
        <f t="array" ref="AK49">IF(J49&gt;30,IF(K49&lt;=2,$AB$20,IF(AND(K49&gt;2,K49&lt;=4),TREND($AB$20:$AC$20,$AB$3:$AC$3,K49,TRUE),IF(AND(K49&gt;4,K49&lt;10),TREND($AC$20:$AD$20,$AC$3:$AD$3,K49,TRUE),IF(K49&gt;=10,$AD$20,1)))),IF(K49&lt;=2,$AE$20,IF(AND(K49&gt;2,K49&lt;=4),TREND($AE$20:$AF$20,$AE$3:$AF$3,K49,TRUE),IF(AND(K49&gt;4,K49&lt;10),TREND($AF$20:$AG$20,$AF$3:$AG$3,K49,TRUE),IF(K49&gt;=10,$AG$20,1)))))</f>
        <v>#N/A</v>
      </c>
      <c r="AL49" s="85">
        <v>3</v>
      </c>
      <c r="AM49" s="92">
        <v>0</v>
      </c>
      <c r="AN49" s="92" t="e">
        <f t="shared" si="6"/>
        <v>#N/A</v>
      </c>
      <c r="AO49" s="92" t="e">
        <f t="shared" si="21"/>
        <v>#N/A</v>
      </c>
      <c r="AP49" s="92" t="e">
        <f t="shared" si="7"/>
        <v>#N/A</v>
      </c>
      <c r="AQ49" s="92" t="e">
        <f t="shared" si="8"/>
        <v>#N/A</v>
      </c>
      <c r="AR49" s="92" t="e">
        <f t="shared" si="9"/>
        <v>#N/A</v>
      </c>
      <c r="AS49" s="92" t="e">
        <f t="shared" si="10"/>
        <v>#N/A</v>
      </c>
      <c r="AT49" s="92" t="e">
        <f t="shared" si="11"/>
        <v>#N/A</v>
      </c>
      <c r="AU49" s="92" t="e">
        <f t="shared" si="12"/>
        <v>#N/A</v>
      </c>
      <c r="AV49" s="92" t="e">
        <f t="shared" si="13"/>
        <v>#N/A</v>
      </c>
      <c r="AW49" s="92" t="e">
        <f t="shared" si="14"/>
        <v>#N/A</v>
      </c>
      <c r="AX49" s="92" t="e">
        <f t="shared" si="15"/>
        <v>#N/A</v>
      </c>
      <c r="AY49" s="92">
        <f t="shared" si="16"/>
        <v>6000</v>
      </c>
      <c r="AZ49" s="93">
        <v>0</v>
      </c>
      <c r="BA49" s="93" t="e">
        <f t="shared" si="36"/>
        <v>#N/A</v>
      </c>
      <c r="BB49" s="93" t="e">
        <f t="shared" si="22"/>
        <v>#N/A</v>
      </c>
      <c r="BC49" s="93" t="e">
        <f t="shared" si="23"/>
        <v>#N/A</v>
      </c>
      <c r="BD49" s="93" t="e">
        <f t="shared" si="24"/>
        <v>#N/A</v>
      </c>
      <c r="BE49" s="93" t="e">
        <f t="shared" si="25"/>
        <v>#N/A</v>
      </c>
      <c r="BF49" s="93" t="e">
        <f t="shared" si="26"/>
        <v>#N/A</v>
      </c>
      <c r="BG49" s="93" t="e">
        <f t="shared" si="27"/>
        <v>#N/A</v>
      </c>
      <c r="BH49" s="93" t="e">
        <f t="shared" si="28"/>
        <v>#N/A</v>
      </c>
      <c r="BI49" s="93" t="e">
        <f t="shared" si="29"/>
        <v>#N/A</v>
      </c>
      <c r="BJ49" s="93" t="e">
        <f t="shared" si="30"/>
        <v>#N/A</v>
      </c>
      <c r="BK49" s="93" t="e">
        <f t="shared" si="31"/>
        <v>#N/A</v>
      </c>
      <c r="BL49" s="93" t="e">
        <f t="shared" si="31"/>
        <v>#N/A</v>
      </c>
    </row>
    <row r="50" spans="2:67" x14ac:dyDescent="0.2">
      <c r="B50" s="79">
        <f t="shared" si="37"/>
        <v>-39.5</v>
      </c>
      <c r="C50" s="73">
        <f t="shared" si="20"/>
        <v>24</v>
      </c>
      <c r="D50" s="64">
        <f>INDEX('CPT Data'!$C$13:$C$20000,MATCH($C50,'CPT Data'!$B$13:$B$20000,1))</f>
        <v>23.985999999999997</v>
      </c>
      <c r="E50" s="55" t="str">
        <f>INDEX('CPT Data'!$P$13:$P$20000,MATCH($C50,'CPT Data'!$B$13:$B$20000,1))</f>
        <v>SAND</v>
      </c>
      <c r="F50" s="76" t="e">
        <f>INDEX('CPT Data'!$Q$13:$Q$20000,MATCH($C50,'CPT Data'!$B$13:$B$20000,1))</f>
        <v>#N/A</v>
      </c>
      <c r="G50" s="76">
        <f>INDEX('CPT Data'!$I$13:$I$20000,MATCH(C50,'CPT Data'!$B$13:$B$20000,1))</f>
        <v>19.386410536185018</v>
      </c>
      <c r="H50" s="76">
        <f>INDEX('CPT Data'!$J$13:$J$20000,MATCH($C50,'CPT Data'!$B$13:$B$20000,1))</f>
        <v>9.3864105361850179</v>
      </c>
      <c r="I50" s="76">
        <f>INDEX('CPT Data'!$L$13:$L$20000,MATCH(C50,'CPT Data'!$B$13:$B$20000,1))</f>
        <v>225.20814799468712</v>
      </c>
      <c r="J50" s="226">
        <f>INDEX('CPT Data'!$R$13:$R$20000,MATCH(C50,'CPT Data'!$B$13:$B$20000,1))</f>
        <v>35</v>
      </c>
      <c r="K50" s="76" t="e">
        <f>INDEX('CPT Data'!$S$13:$S$20000,MATCH($C50,'CPT Data'!$B$13:$B$20000,1))</f>
        <v>#N/A</v>
      </c>
      <c r="L50" s="55">
        <f>VLOOKUP($C50, 'Pile Property'!$A$8:$D$108,2,TRUE)</f>
        <v>2</v>
      </c>
      <c r="M50" s="234" t="e">
        <f>IF($E50="CLAY",ABS($F50-'CPT Data'!$Q$292)/$D50,#N/A)</f>
        <v>#N/A</v>
      </c>
      <c r="N50" s="65" t="e">
        <f t="shared" si="32"/>
        <v>#N/A</v>
      </c>
      <c r="O50" s="76" t="e">
        <f t="shared" si="38"/>
        <v>#N/A</v>
      </c>
      <c r="P50" s="76" t="e">
        <f t="shared" si="1"/>
        <v>#N/A</v>
      </c>
      <c r="Q50" s="65" t="e">
        <f t="shared" si="18"/>
        <v>#N/A</v>
      </c>
      <c r="R50" s="76" t="e">
        <f t="shared" si="19"/>
        <v>#N/A</v>
      </c>
      <c r="S50" s="76" t="e">
        <f t="shared" si="33"/>
        <v>#N/A</v>
      </c>
      <c r="T50" s="76"/>
      <c r="U50" s="76"/>
      <c r="V50" s="76" t="e">
        <f t="shared" si="3"/>
        <v>#N/A</v>
      </c>
      <c r="W50" s="76" t="e">
        <f t="shared" si="34"/>
        <v>#N/A</v>
      </c>
      <c r="X50" s="76" t="e">
        <f t="shared" si="4"/>
        <v>#N/A</v>
      </c>
      <c r="Y50" s="76" t="e">
        <f t="shared" si="5"/>
        <v>#N/A</v>
      </c>
      <c r="Z50" s="76" t="e">
        <f t="shared" si="35"/>
        <v>#N/A</v>
      </c>
      <c r="AA50" s="85" t="e" cm="1">
        <f t="array" ref="AA50">IF(J50&gt;30,IF(K50&lt;=2,$AB$10,IF(AND(K50&gt;2,K50&lt;=4),TREND($AB$10:$AC$10,$AB$3:$AC$3,K50,TRUE),IF(AND(K50&gt;4,K50&lt;10),TREND($AC$10:$AD$10,$AC$3:$AD$3,K50,TRUE),IF(K50&gt;=10,$AD$10,1)))),IF(K50&lt;=2,$AE$10,IF(AND(K50&gt;2,K50&lt;=4),TREND($AE$10:$AF$10,$AE$3:$AF$3,K50,TRUE),IF(AND(K50&gt;4,K50&lt;10),TREND($AF$10:$AG$10,$AF$3:$AG$3,K50,TRUE),IF(K50&gt;=10,$AG$10,1)))))</f>
        <v>#N/A</v>
      </c>
      <c r="AB50" s="85" t="e" cm="1">
        <f t="array" ref="AB50">IF(J50&gt;30,IF(K50&lt;=2,$AB$11,IF(AND(K50&gt;2,K50&lt;=4),TREND($AB$11:$AC$11,$AB$3:$AC$3,K50,TRUE),IF(AND(K50&gt;4,K50&lt;10),TREND($AC$11:$AD$11,$AC$3:$AD$3,K50,TRUE),IF(K50&gt;=10,$AD$11,1)))),IF(K50&lt;=2,$AE$11,IF(AND(K50&gt;2,K50&lt;=4),TREND($AE$11:$AF$11,$AE$3:$AF$3,K50,TRUE),IF(AND(K50&gt;4,K50&lt;10),TREND($AF$11:$AG$11,$AF$3:$AG$3,K50,TRUE),IF(K50&gt;=10,$AG$11,1)))))</f>
        <v>#N/A</v>
      </c>
      <c r="AC50" s="85" t="e" cm="1">
        <f t="array" ref="AC50">IF(J50&gt;30,IF(K50&lt;=2,$AB$12,IF(AND(K50&gt;2,K50&lt;=4),TREND($AB$12:$AC$12,$AB$3:$AC$3,K50,TRUE),IF(AND(K50&gt;4,K50&lt;10),TREND($AC$12:$AD$12,$AC$3:$AD$3,K50,TRUE),IF(K50&gt;=10,$AD$12,1)))),IF(K50&lt;=2,$AE$12,IF(AND(K50&gt;2,K50&lt;=4),TREND($AE$12:$AF$12,$AE$3:$AF$3,K50,TRUE),IF(AND(K50&gt;4,K50&lt;10),TREND($AF$12:$AG$12,$AF$3:$AG$3,K50,TRUE),IF(K50&gt;=10,$AG$12,1)))))</f>
        <v>#N/A</v>
      </c>
      <c r="AD50" s="85" t="e" cm="1">
        <f t="array" ref="AD50">IF(J50&gt;30,IF(K50&lt;=2,$AB$13,IF(AND(K50&gt;2,K50&lt;=4),TREND($AB$13:$AC$13,$AB$3:$AC$3,K50,TRUE),IF(AND(K50&gt;4,K50&lt;10),TREND($AC$13:$AD$13,$AC$3:$AD$3,K50,TRUE),IF(K50&gt;=10,$AD$13,1)))),IF(K50&lt;=2,$AE$13,IF(AND(K50&gt;2,K50&lt;=4),TREND($AE$13:$AF$13,$AE$3:$AF$3,K50,TRUE),IF(AND(K50&gt;4,K50&lt;10),TREND($AF$13:$AG$13,$AF$3:$AG$3,K50,TRUE),IF(K50&gt;=10,$AG$13,1)))))</f>
        <v>#N/A</v>
      </c>
      <c r="AE50" s="85" t="e" cm="1">
        <f t="array" ref="AE50">IF(J50&gt;30,IF(K50&lt;=2,$AB$14,IF(AND(K50&gt;2,K50&lt;=4),TREND($AB$14:$AC$14,$AB$3:$AC$3,K50,TRUE),IF(AND(K50&gt;4,K50&lt;10),TREND($AC$14:$AD$14,$AC$3:$AD$3,K50,TRUE),IF(K50&gt;=10,$AD$14,1)))),IF(K50&lt;=2,$AE$14,IF(AND(K50&gt;2,K50&lt;=4),TREND($AE$14:$AF$14,$AE$3:$AF$3,K50,TRUE),IF(AND(K50&gt;4,K50&lt;10),TREND($AF$14:$AG$14,$AF$3:$AG$3,K50,TRUE),IF(K50&gt;=10,$AG$14,1)))))</f>
        <v>#N/A</v>
      </c>
      <c r="AF50" s="85" t="e" cm="1">
        <f t="array" ref="AF50">IF(J50&gt;30,IF(K50&lt;=2,$AB$15,IF(AND(K50&gt;2,K50&lt;=4),TREND($AB$15:$AC$15,$AB$3:$AC$3,K50,TRUE),IF(AND(K50&gt;4,K50&lt;10),TREND($AC$15:$AD$15,$AC$3:$AD$3,K50,TRUE),IF(K50&gt;=10,$AD$15,1)))),IF(K50&lt;=2,$AE$15,IF(AND(K50&gt;2,K50&lt;=4),TREND($AE$15:$AF$15,$AE$3:$AF$3,K50,TRUE),IF(AND(K50&gt;4,K50&lt;10),TREND($AF$15:$AG$15,$AF$3:$AG$3,K50,TRUE),IF(K50&gt;=10,$AG$15,1)))))</f>
        <v>#N/A</v>
      </c>
      <c r="AG50" s="86" t="e" cm="1">
        <f t="array" ref="AG50">IF(J50&gt;30,IF(K50&lt;=2,$AB$16,IF(AND(K50&gt;2,K50&lt;=4),TREND($AB$16:$AC$16,$AB$3:$AC$3,K50,TRUE),IF(AND(K50&gt;4,K50&lt;10),TREND($AC$16:$AD$16,$AC$3:$AD$3,K50,TRUE),IF(K50&gt;=10,$AD$16,1)))),IF(K50&lt;=2,$AE$16,IF(AND(K50&gt;2,K50&lt;=4),TREND($AE$16:$AF$16,$AE$3:$AF$3,K50,TRUE),IF(AND(K50&gt;4,K50&lt;10),TREND($AF$16:$AG$16,$AF$3:$AG$3,K50,TRUE),IF(K50&gt;=10,$AG$16,1)))))</f>
        <v>#N/A</v>
      </c>
      <c r="AH50" s="85" t="e" cm="1">
        <f t="array" ref="AH50">IF(J50&gt;30,IF(K50&lt;=2,$AB$17,IF(AND(K50&gt;2,K50&lt;=4),TREND($AB$17:$AC$17,$AB$3:$AC$3,K50,TRUE),IF(AND(K50&gt;4,K50&lt;10),TREND($AC$17:$AD$17,$AC$3:$AD$3,K50,TRUE),IF(K50&gt;=10,$AD$17,1)))),IF(K50&lt;=2,$AE$17,IF(AND(K50&gt;2,K50&lt;=4),TREND($AE$17:$AF$17,$AE$3:$AF$3,K50,TRUE),IF(AND(K50&gt;4,K50&lt;10),TREND($AF$17:$AG$17,$AF$3:$AG$3,K50,TRUE),IF(K50&gt;=10,$AG$17,1)))))</f>
        <v>#N/A</v>
      </c>
      <c r="AI50" s="85" t="e" cm="1">
        <f t="array" ref="AI50">IF(J50&gt;30,IF(K50&lt;=2,$AB$18,IF(AND(K50&gt;2,K50&lt;=4),TREND($AB$18:$AC$18,$AB$3:$AC$3,K50,TRUE),IF(AND(K50&gt;4,K50&lt;10),TREND($AC$18:$AD$18,$AC$3:$AD$3,K50,TRUE),IF(K50&gt;=10,$AD$18,1)))),IF(K50&lt;=2,$AE$18,IF(AND(K50&gt;2,K50&lt;=4),TREND($AE$18:$AF$18,$AE$3:$AF$3,K50,TRUE),IF(AND(K50&gt;4,K50&lt;10),TREND($AF$18:$AG$18,$AF$3:$AG$3,K50,TRUE),IF(K50&gt;=10,$AG$18,1)))))</f>
        <v>#N/A</v>
      </c>
      <c r="AJ50" s="85" t="e" cm="1">
        <f t="array" ref="AJ50">IF(J50&gt;30,IF(K50&lt;=2,$AB$19,IF(AND(K50&gt;2,K50&lt;=4),TREND($AB$19:$AC$19,$AB$3:$AC$3,K50,TRUE),IF(AND(K50&gt;4,K50&lt;10),TREND($AC$19:$AD$19,$AC$3:$AD$3,K50,TRUE),IF(K50&gt;=10,$AD$19,1)))),IF(K50&lt;=2,$AE$19,IF(AND(K50&gt;2,K50&lt;=4),TREND($AE$19:$AF$19,$AE$3:$AF$3,K50,TRUE),IF(AND(K50&gt;4,K50&lt;10),TREND($AF$19:$AG$19,$AF$3:$AG$3,K50,TRUE),IF(K50&gt;=10,$AG$19,1)))))</f>
        <v>#N/A</v>
      </c>
      <c r="AK50" s="85" t="e" cm="1">
        <f t="array" ref="AK50">IF(J50&gt;30,IF(K50&lt;=2,$AB$20,IF(AND(K50&gt;2,K50&lt;=4),TREND($AB$20:$AC$20,$AB$3:$AC$3,K50,TRUE),IF(AND(K50&gt;4,K50&lt;10),TREND($AC$20:$AD$20,$AC$3:$AD$3,K50,TRUE),IF(K50&gt;=10,$AD$20,1)))),IF(K50&lt;=2,$AE$20,IF(AND(K50&gt;2,K50&lt;=4),TREND($AE$20:$AF$20,$AE$3:$AF$3,K50,TRUE),IF(AND(K50&gt;4,K50&lt;10),TREND($AF$20:$AG$20,$AF$3:$AG$3,K50,TRUE),IF(K50&gt;=10,$AG$20,1)))))</f>
        <v>#N/A</v>
      </c>
      <c r="AL50" s="85">
        <v>3</v>
      </c>
      <c r="AM50" s="92">
        <v>0</v>
      </c>
      <c r="AN50" s="92" t="e">
        <f t="shared" si="6"/>
        <v>#N/A</v>
      </c>
      <c r="AO50" s="92" t="e">
        <f t="shared" si="21"/>
        <v>#N/A</v>
      </c>
      <c r="AP50" s="92" t="e">
        <f t="shared" si="7"/>
        <v>#N/A</v>
      </c>
      <c r="AQ50" s="92" t="e">
        <f t="shared" si="8"/>
        <v>#N/A</v>
      </c>
      <c r="AR50" s="92" t="e">
        <f t="shared" si="9"/>
        <v>#N/A</v>
      </c>
      <c r="AS50" s="92" t="e">
        <f t="shared" si="10"/>
        <v>#N/A</v>
      </c>
      <c r="AT50" s="92" t="e">
        <f t="shared" si="11"/>
        <v>#N/A</v>
      </c>
      <c r="AU50" s="92" t="e">
        <f t="shared" si="12"/>
        <v>#N/A</v>
      </c>
      <c r="AV50" s="92" t="e">
        <f t="shared" si="13"/>
        <v>#N/A</v>
      </c>
      <c r="AW50" s="92" t="e">
        <f t="shared" si="14"/>
        <v>#N/A</v>
      </c>
      <c r="AX50" s="92" t="e">
        <f t="shared" si="15"/>
        <v>#N/A</v>
      </c>
      <c r="AY50" s="92">
        <f t="shared" si="16"/>
        <v>6000</v>
      </c>
      <c r="AZ50" s="93">
        <v>0</v>
      </c>
      <c r="BA50" s="93" t="e">
        <f t="shared" si="36"/>
        <v>#N/A</v>
      </c>
      <c r="BB50" s="93" t="e">
        <f t="shared" si="22"/>
        <v>#N/A</v>
      </c>
      <c r="BC50" s="93" t="e">
        <f t="shared" si="23"/>
        <v>#N/A</v>
      </c>
      <c r="BD50" s="93" t="e">
        <f t="shared" si="24"/>
        <v>#N/A</v>
      </c>
      <c r="BE50" s="93" t="e">
        <f t="shared" si="25"/>
        <v>#N/A</v>
      </c>
      <c r="BF50" s="93" t="e">
        <f t="shared" si="26"/>
        <v>#N/A</v>
      </c>
      <c r="BG50" s="93" t="e">
        <f t="shared" si="27"/>
        <v>#N/A</v>
      </c>
      <c r="BH50" s="93" t="e">
        <f t="shared" si="28"/>
        <v>#N/A</v>
      </c>
      <c r="BI50" s="93" t="e">
        <f t="shared" si="29"/>
        <v>#N/A</v>
      </c>
      <c r="BJ50" s="93" t="e">
        <f t="shared" si="30"/>
        <v>#N/A</v>
      </c>
      <c r="BK50" s="93" t="e">
        <f t="shared" si="31"/>
        <v>#N/A</v>
      </c>
      <c r="BL50" s="93" t="e">
        <f t="shared" si="31"/>
        <v>#N/A</v>
      </c>
    </row>
    <row r="51" spans="2:67" x14ac:dyDescent="0.2">
      <c r="B51" s="79">
        <f t="shared" si="37"/>
        <v>-40.5</v>
      </c>
      <c r="C51" s="73">
        <f t="shared" si="20"/>
        <v>25</v>
      </c>
      <c r="D51" s="64">
        <f>INDEX('CPT Data'!$C$13:$C$20000,MATCH($C51,'CPT Data'!$B$13:$B$20000,1))</f>
        <v>24.991</v>
      </c>
      <c r="E51" s="55" t="str">
        <f>INDEX('CPT Data'!$P$13:$P$20000,MATCH($C51,'CPT Data'!$B$13:$B$20000,1))</f>
        <v>SAND</v>
      </c>
      <c r="F51" s="76" t="e">
        <f>INDEX('CPT Data'!$Q$13:$Q$20000,MATCH($C51,'CPT Data'!$B$13:$B$20000,1))</f>
        <v>#N/A</v>
      </c>
      <c r="G51" s="76">
        <f>INDEX('CPT Data'!$I$13:$I$20000,MATCH(C51,'CPT Data'!$B$13:$B$20000,1))</f>
        <v>19.634184842982563</v>
      </c>
      <c r="H51" s="76">
        <f>INDEX('CPT Data'!$J$13:$J$20000,MATCH($C51,'CPT Data'!$B$13:$B$20000,1))</f>
        <v>9.6341848429825632</v>
      </c>
      <c r="I51" s="76">
        <f>INDEX('CPT Data'!$L$13:$L$20000,MATCH(C51,'CPT Data'!$B$13:$B$20000,1))</f>
        <v>240.83535270487812</v>
      </c>
      <c r="J51" s="226">
        <f>INDEX('CPT Data'!$R$13:$R$20000,MATCH(C51,'CPT Data'!$B$13:$B$20000,1))</f>
        <v>35</v>
      </c>
      <c r="K51" s="76" t="e">
        <f>INDEX('CPT Data'!$S$13:$S$20000,MATCH($C51,'CPT Data'!$B$13:$B$20000,1))</f>
        <v>#N/A</v>
      </c>
      <c r="L51" s="55">
        <f>VLOOKUP($C51, 'Pile Property'!$A$8:$D$108,2,TRUE)</f>
        <v>2</v>
      </c>
      <c r="M51" s="234" t="e">
        <f>IF($E51="CLAY",ABS($F51-'CPT Data'!$Q$292)/$D51,#N/A)</f>
        <v>#N/A</v>
      </c>
      <c r="N51" s="65" t="e">
        <f t="shared" si="32"/>
        <v>#N/A</v>
      </c>
      <c r="O51" s="76" t="e">
        <f t="shared" si="38"/>
        <v>#N/A</v>
      </c>
      <c r="P51" s="76" t="e">
        <f t="shared" si="1"/>
        <v>#N/A</v>
      </c>
      <c r="Q51" s="65" t="e">
        <f t="shared" si="18"/>
        <v>#N/A</v>
      </c>
      <c r="R51" s="76" t="e">
        <f t="shared" si="19"/>
        <v>#N/A</v>
      </c>
      <c r="S51" s="76" t="e">
        <f t="shared" si="33"/>
        <v>#N/A</v>
      </c>
      <c r="T51" s="76"/>
      <c r="U51" s="76"/>
      <c r="V51" s="76" t="e">
        <f t="shared" si="3"/>
        <v>#N/A</v>
      </c>
      <c r="W51" s="76" t="e">
        <f t="shared" si="34"/>
        <v>#N/A</v>
      </c>
      <c r="X51" s="76" t="e">
        <f t="shared" si="4"/>
        <v>#N/A</v>
      </c>
      <c r="Y51" s="76" t="e">
        <f t="shared" si="5"/>
        <v>#N/A</v>
      </c>
      <c r="Z51" s="76" t="e">
        <f t="shared" si="35"/>
        <v>#N/A</v>
      </c>
      <c r="AA51" s="85" t="e" cm="1">
        <f t="array" ref="AA51">IF(J51&gt;30,IF(K51&lt;=2,$AB$10,IF(AND(K51&gt;2,K51&lt;=4),TREND($AB$10:$AC$10,$AB$3:$AC$3,K51,TRUE),IF(AND(K51&gt;4,K51&lt;10),TREND($AC$10:$AD$10,$AC$3:$AD$3,K51,TRUE),IF(K51&gt;=10,$AD$10,1)))),IF(K51&lt;=2,$AE$10,IF(AND(K51&gt;2,K51&lt;=4),TREND($AE$10:$AF$10,$AE$3:$AF$3,K51,TRUE),IF(AND(K51&gt;4,K51&lt;10),TREND($AF$10:$AG$10,$AF$3:$AG$3,K51,TRUE),IF(K51&gt;=10,$AG$10,1)))))</f>
        <v>#N/A</v>
      </c>
      <c r="AB51" s="85" t="e" cm="1">
        <f t="array" ref="AB51">IF(J51&gt;30,IF(K51&lt;=2,$AB$11,IF(AND(K51&gt;2,K51&lt;=4),TREND($AB$11:$AC$11,$AB$3:$AC$3,K51,TRUE),IF(AND(K51&gt;4,K51&lt;10),TREND($AC$11:$AD$11,$AC$3:$AD$3,K51,TRUE),IF(K51&gt;=10,$AD$11,1)))),IF(K51&lt;=2,$AE$11,IF(AND(K51&gt;2,K51&lt;=4),TREND($AE$11:$AF$11,$AE$3:$AF$3,K51,TRUE),IF(AND(K51&gt;4,K51&lt;10),TREND($AF$11:$AG$11,$AF$3:$AG$3,K51,TRUE),IF(K51&gt;=10,$AG$11,1)))))</f>
        <v>#N/A</v>
      </c>
      <c r="AC51" s="85" t="e" cm="1">
        <f t="array" ref="AC51">IF(J51&gt;30,IF(K51&lt;=2,$AB$12,IF(AND(K51&gt;2,K51&lt;=4),TREND($AB$12:$AC$12,$AB$3:$AC$3,K51,TRUE),IF(AND(K51&gt;4,K51&lt;10),TREND($AC$12:$AD$12,$AC$3:$AD$3,K51,TRUE),IF(K51&gt;=10,$AD$12,1)))),IF(K51&lt;=2,$AE$12,IF(AND(K51&gt;2,K51&lt;=4),TREND($AE$12:$AF$12,$AE$3:$AF$3,K51,TRUE),IF(AND(K51&gt;4,K51&lt;10),TREND($AF$12:$AG$12,$AF$3:$AG$3,K51,TRUE),IF(K51&gt;=10,$AG$12,1)))))</f>
        <v>#N/A</v>
      </c>
      <c r="AD51" s="85" t="e" cm="1">
        <f t="array" ref="AD51">IF(J51&gt;30,IF(K51&lt;=2,$AB$13,IF(AND(K51&gt;2,K51&lt;=4),TREND($AB$13:$AC$13,$AB$3:$AC$3,K51,TRUE),IF(AND(K51&gt;4,K51&lt;10),TREND($AC$13:$AD$13,$AC$3:$AD$3,K51,TRUE),IF(K51&gt;=10,$AD$13,1)))),IF(K51&lt;=2,$AE$13,IF(AND(K51&gt;2,K51&lt;=4),TREND($AE$13:$AF$13,$AE$3:$AF$3,K51,TRUE),IF(AND(K51&gt;4,K51&lt;10),TREND($AF$13:$AG$13,$AF$3:$AG$3,K51,TRUE),IF(K51&gt;=10,$AG$13,1)))))</f>
        <v>#N/A</v>
      </c>
      <c r="AE51" s="85" t="e" cm="1">
        <f t="array" ref="AE51">IF(J51&gt;30,IF(K51&lt;=2,$AB$14,IF(AND(K51&gt;2,K51&lt;=4),TREND($AB$14:$AC$14,$AB$3:$AC$3,K51,TRUE),IF(AND(K51&gt;4,K51&lt;10),TREND($AC$14:$AD$14,$AC$3:$AD$3,K51,TRUE),IF(K51&gt;=10,$AD$14,1)))),IF(K51&lt;=2,$AE$14,IF(AND(K51&gt;2,K51&lt;=4),TREND($AE$14:$AF$14,$AE$3:$AF$3,K51,TRUE),IF(AND(K51&gt;4,K51&lt;10),TREND($AF$14:$AG$14,$AF$3:$AG$3,K51,TRUE),IF(K51&gt;=10,$AG$14,1)))))</f>
        <v>#N/A</v>
      </c>
      <c r="AF51" s="85" t="e" cm="1">
        <f t="array" ref="AF51">IF(J51&gt;30,IF(K51&lt;=2,$AB$15,IF(AND(K51&gt;2,K51&lt;=4),TREND($AB$15:$AC$15,$AB$3:$AC$3,K51,TRUE),IF(AND(K51&gt;4,K51&lt;10),TREND($AC$15:$AD$15,$AC$3:$AD$3,K51,TRUE),IF(K51&gt;=10,$AD$15,1)))),IF(K51&lt;=2,$AE$15,IF(AND(K51&gt;2,K51&lt;=4),TREND($AE$15:$AF$15,$AE$3:$AF$3,K51,TRUE),IF(AND(K51&gt;4,K51&lt;10),TREND($AF$15:$AG$15,$AF$3:$AG$3,K51,TRUE),IF(K51&gt;=10,$AG$15,1)))))</f>
        <v>#N/A</v>
      </c>
      <c r="AG51" s="86" t="e" cm="1">
        <f t="array" ref="AG51">IF(J51&gt;30,IF(K51&lt;=2,$AB$16,IF(AND(K51&gt;2,K51&lt;=4),TREND($AB$16:$AC$16,$AB$3:$AC$3,K51,TRUE),IF(AND(K51&gt;4,K51&lt;10),TREND($AC$16:$AD$16,$AC$3:$AD$3,K51,TRUE),IF(K51&gt;=10,$AD$16,1)))),IF(K51&lt;=2,$AE$16,IF(AND(K51&gt;2,K51&lt;=4),TREND($AE$16:$AF$16,$AE$3:$AF$3,K51,TRUE),IF(AND(K51&gt;4,K51&lt;10),TREND($AF$16:$AG$16,$AF$3:$AG$3,K51,TRUE),IF(K51&gt;=10,$AG$16,1)))))</f>
        <v>#N/A</v>
      </c>
      <c r="AH51" s="85" t="e" cm="1">
        <f t="array" ref="AH51">IF(J51&gt;30,IF(K51&lt;=2,$AB$17,IF(AND(K51&gt;2,K51&lt;=4),TREND($AB$17:$AC$17,$AB$3:$AC$3,K51,TRUE),IF(AND(K51&gt;4,K51&lt;10),TREND($AC$17:$AD$17,$AC$3:$AD$3,K51,TRUE),IF(K51&gt;=10,$AD$17,1)))),IF(K51&lt;=2,$AE$17,IF(AND(K51&gt;2,K51&lt;=4),TREND($AE$17:$AF$17,$AE$3:$AF$3,K51,TRUE),IF(AND(K51&gt;4,K51&lt;10),TREND($AF$17:$AG$17,$AF$3:$AG$3,K51,TRUE),IF(K51&gt;=10,$AG$17,1)))))</f>
        <v>#N/A</v>
      </c>
      <c r="AI51" s="85" t="e" cm="1">
        <f t="array" ref="AI51">IF(J51&gt;30,IF(K51&lt;=2,$AB$18,IF(AND(K51&gt;2,K51&lt;=4),TREND($AB$18:$AC$18,$AB$3:$AC$3,K51,TRUE),IF(AND(K51&gt;4,K51&lt;10),TREND($AC$18:$AD$18,$AC$3:$AD$3,K51,TRUE),IF(K51&gt;=10,$AD$18,1)))),IF(K51&lt;=2,$AE$18,IF(AND(K51&gt;2,K51&lt;=4),TREND($AE$18:$AF$18,$AE$3:$AF$3,K51,TRUE),IF(AND(K51&gt;4,K51&lt;10),TREND($AF$18:$AG$18,$AF$3:$AG$3,K51,TRUE),IF(K51&gt;=10,$AG$18,1)))))</f>
        <v>#N/A</v>
      </c>
      <c r="AJ51" s="85" t="e" cm="1">
        <f t="array" ref="AJ51">IF(J51&gt;30,IF(K51&lt;=2,$AB$19,IF(AND(K51&gt;2,K51&lt;=4),TREND($AB$19:$AC$19,$AB$3:$AC$3,K51,TRUE),IF(AND(K51&gt;4,K51&lt;10),TREND($AC$19:$AD$19,$AC$3:$AD$3,K51,TRUE),IF(K51&gt;=10,$AD$19,1)))),IF(K51&lt;=2,$AE$19,IF(AND(K51&gt;2,K51&lt;=4),TREND($AE$19:$AF$19,$AE$3:$AF$3,K51,TRUE),IF(AND(K51&gt;4,K51&lt;10),TREND($AF$19:$AG$19,$AF$3:$AG$3,K51,TRUE),IF(K51&gt;=10,$AG$19,1)))))</f>
        <v>#N/A</v>
      </c>
      <c r="AK51" s="85" t="e" cm="1">
        <f t="array" ref="AK51">IF(J51&gt;30,IF(K51&lt;=2,$AB$20,IF(AND(K51&gt;2,K51&lt;=4),TREND($AB$20:$AC$20,$AB$3:$AC$3,K51,TRUE),IF(AND(K51&gt;4,K51&lt;10),TREND($AC$20:$AD$20,$AC$3:$AD$3,K51,TRUE),IF(K51&gt;=10,$AD$20,1)))),IF(K51&lt;=2,$AE$20,IF(AND(K51&gt;2,K51&lt;=4),TREND($AE$20:$AF$20,$AE$3:$AF$3,K51,TRUE),IF(AND(K51&gt;4,K51&lt;10),TREND($AF$20:$AG$20,$AF$3:$AG$3,K51,TRUE),IF(K51&gt;=10,$AG$20,1)))))</f>
        <v>#N/A</v>
      </c>
      <c r="AL51" s="85">
        <v>3</v>
      </c>
      <c r="AM51" s="92">
        <v>0</v>
      </c>
      <c r="AN51" s="92" t="e">
        <f t="shared" si="6"/>
        <v>#N/A</v>
      </c>
      <c r="AO51" s="92" t="e">
        <f t="shared" si="21"/>
        <v>#N/A</v>
      </c>
      <c r="AP51" s="92" t="e">
        <f t="shared" si="7"/>
        <v>#N/A</v>
      </c>
      <c r="AQ51" s="92" t="e">
        <f t="shared" si="8"/>
        <v>#N/A</v>
      </c>
      <c r="AR51" s="92" t="e">
        <f t="shared" si="9"/>
        <v>#N/A</v>
      </c>
      <c r="AS51" s="92" t="e">
        <f t="shared" si="10"/>
        <v>#N/A</v>
      </c>
      <c r="AT51" s="92" t="e">
        <f t="shared" si="11"/>
        <v>#N/A</v>
      </c>
      <c r="AU51" s="92" t="e">
        <f t="shared" si="12"/>
        <v>#N/A</v>
      </c>
      <c r="AV51" s="92" t="e">
        <f t="shared" si="13"/>
        <v>#N/A</v>
      </c>
      <c r="AW51" s="92" t="e">
        <f t="shared" si="14"/>
        <v>#N/A</v>
      </c>
      <c r="AX51" s="92" t="e">
        <f t="shared" si="15"/>
        <v>#N/A</v>
      </c>
      <c r="AY51" s="92">
        <f t="shared" si="16"/>
        <v>6000</v>
      </c>
      <c r="AZ51" s="93">
        <v>0</v>
      </c>
      <c r="BA51" s="93" t="e">
        <f t="shared" si="36"/>
        <v>#N/A</v>
      </c>
      <c r="BB51" s="93" t="e">
        <f t="shared" si="22"/>
        <v>#N/A</v>
      </c>
      <c r="BC51" s="93" t="e">
        <f t="shared" si="23"/>
        <v>#N/A</v>
      </c>
      <c r="BD51" s="93" t="e">
        <f t="shared" si="24"/>
        <v>#N/A</v>
      </c>
      <c r="BE51" s="93" t="e">
        <f t="shared" si="25"/>
        <v>#N/A</v>
      </c>
      <c r="BF51" s="93" t="e">
        <f t="shared" si="26"/>
        <v>#N/A</v>
      </c>
      <c r="BG51" s="93" t="e">
        <f t="shared" si="27"/>
        <v>#N/A</v>
      </c>
      <c r="BH51" s="93" t="e">
        <f t="shared" si="28"/>
        <v>#N/A</v>
      </c>
      <c r="BI51" s="93" t="e">
        <f t="shared" si="29"/>
        <v>#N/A</v>
      </c>
      <c r="BJ51" s="93" t="e">
        <f t="shared" si="30"/>
        <v>#N/A</v>
      </c>
      <c r="BK51" s="93" t="e">
        <f t="shared" si="31"/>
        <v>#N/A</v>
      </c>
      <c r="BL51" s="93" t="e">
        <f t="shared" si="31"/>
        <v>#N/A</v>
      </c>
      <c r="BO51" s="59"/>
    </row>
    <row r="52" spans="2:67" x14ac:dyDescent="0.2">
      <c r="B52" s="79">
        <f t="shared" si="37"/>
        <v>-41.5</v>
      </c>
      <c r="C52" s="73">
        <f t="shared" si="20"/>
        <v>26</v>
      </c>
      <c r="D52" s="64">
        <f>INDEX('CPT Data'!$C$13:$C$20000,MATCH($C52,'CPT Data'!$B$13:$B$20000,1))</f>
        <v>25.986999999999998</v>
      </c>
      <c r="E52" s="55" t="str">
        <f>INDEX('CPT Data'!$P$13:$P$20000,MATCH($C52,'CPT Data'!$B$13:$B$20000,1))</f>
        <v>SAND</v>
      </c>
      <c r="F52" s="76" t="e">
        <f>INDEX('CPT Data'!$Q$13:$Q$20000,MATCH($C52,'CPT Data'!$B$13:$B$20000,1))</f>
        <v>#N/A</v>
      </c>
      <c r="G52" s="76">
        <f>INDEX('CPT Data'!$I$13:$I$20000,MATCH(C52,'CPT Data'!$B$13:$B$20000,1))</f>
        <v>18.97919390089757</v>
      </c>
      <c r="H52" s="76">
        <f>INDEX('CPT Data'!$J$13:$J$20000,MATCH($C52,'CPT Data'!$B$13:$B$20000,1))</f>
        <v>8.9791939008975703</v>
      </c>
      <c r="I52" s="76">
        <f>INDEX('CPT Data'!$L$13:$L$20000,MATCH(C52,'CPT Data'!$B$13:$B$20000,1))</f>
        <v>233.40516625993143</v>
      </c>
      <c r="J52" s="226">
        <f>INDEX('CPT Data'!$R$13:$R$20000,MATCH(C52,'CPT Data'!$B$13:$B$20000,1))</f>
        <v>35</v>
      </c>
      <c r="K52" s="76" t="e">
        <f>INDEX('CPT Data'!$S$13:$S$20000,MATCH($C52,'CPT Data'!$B$13:$B$20000,1))</f>
        <v>#N/A</v>
      </c>
      <c r="L52" s="55">
        <f>VLOOKUP($C52, 'Pile Property'!$A$8:$D$108,2,TRUE)</f>
        <v>2</v>
      </c>
      <c r="M52" s="234" t="e">
        <f>IF($E52="CLAY",ABS($F52-'CPT Data'!$Q$292)/$D52,#N/A)</f>
        <v>#N/A</v>
      </c>
      <c r="N52" s="65" t="e">
        <f t="shared" si="32"/>
        <v>#N/A</v>
      </c>
      <c r="O52" s="76" t="e">
        <f t="shared" si="38"/>
        <v>#N/A</v>
      </c>
      <c r="P52" s="76" t="e">
        <f t="shared" si="1"/>
        <v>#N/A</v>
      </c>
      <c r="Q52" s="65" t="e">
        <f t="shared" si="18"/>
        <v>#N/A</v>
      </c>
      <c r="R52" s="76" t="e">
        <f t="shared" si="19"/>
        <v>#N/A</v>
      </c>
      <c r="S52" s="76" t="e">
        <f t="shared" si="33"/>
        <v>#N/A</v>
      </c>
      <c r="T52" s="76"/>
      <c r="U52" s="76"/>
      <c r="V52" s="76" t="e">
        <f t="shared" si="3"/>
        <v>#N/A</v>
      </c>
      <c r="W52" s="76" t="e">
        <f t="shared" si="34"/>
        <v>#N/A</v>
      </c>
      <c r="X52" s="76" t="e">
        <f t="shared" si="4"/>
        <v>#N/A</v>
      </c>
      <c r="Y52" s="76" t="e">
        <f t="shared" si="5"/>
        <v>#N/A</v>
      </c>
      <c r="Z52" s="76" t="e">
        <f t="shared" si="35"/>
        <v>#N/A</v>
      </c>
      <c r="AA52" s="85" t="e" cm="1">
        <f t="array" ref="AA52">IF(J52&gt;30,IF(K52&lt;=2,$AB$10,IF(AND(K52&gt;2,K52&lt;=4),TREND($AB$10:$AC$10,$AB$3:$AC$3,K52,TRUE),IF(AND(K52&gt;4,K52&lt;10),TREND($AC$10:$AD$10,$AC$3:$AD$3,K52,TRUE),IF(K52&gt;=10,$AD$10,1)))),IF(K52&lt;=2,$AE$10,IF(AND(K52&gt;2,K52&lt;=4),TREND($AE$10:$AF$10,$AE$3:$AF$3,K52,TRUE),IF(AND(K52&gt;4,K52&lt;10),TREND($AF$10:$AG$10,$AF$3:$AG$3,K52,TRUE),IF(K52&gt;=10,$AG$10,1)))))</f>
        <v>#N/A</v>
      </c>
      <c r="AB52" s="85" t="e" cm="1">
        <f t="array" ref="AB52">IF(J52&gt;30,IF(K52&lt;=2,$AB$11,IF(AND(K52&gt;2,K52&lt;=4),TREND($AB$11:$AC$11,$AB$3:$AC$3,K52,TRUE),IF(AND(K52&gt;4,K52&lt;10),TREND($AC$11:$AD$11,$AC$3:$AD$3,K52,TRUE),IF(K52&gt;=10,$AD$11,1)))),IF(K52&lt;=2,$AE$11,IF(AND(K52&gt;2,K52&lt;=4),TREND($AE$11:$AF$11,$AE$3:$AF$3,K52,TRUE),IF(AND(K52&gt;4,K52&lt;10),TREND($AF$11:$AG$11,$AF$3:$AG$3,K52,TRUE),IF(K52&gt;=10,$AG$11,1)))))</f>
        <v>#N/A</v>
      </c>
      <c r="AC52" s="85" t="e" cm="1">
        <f t="array" ref="AC52">IF(J52&gt;30,IF(K52&lt;=2,$AB$12,IF(AND(K52&gt;2,K52&lt;=4),TREND($AB$12:$AC$12,$AB$3:$AC$3,K52,TRUE),IF(AND(K52&gt;4,K52&lt;10),TREND($AC$12:$AD$12,$AC$3:$AD$3,K52,TRUE),IF(K52&gt;=10,$AD$12,1)))),IF(K52&lt;=2,$AE$12,IF(AND(K52&gt;2,K52&lt;=4),TREND($AE$12:$AF$12,$AE$3:$AF$3,K52,TRUE),IF(AND(K52&gt;4,K52&lt;10),TREND($AF$12:$AG$12,$AF$3:$AG$3,K52,TRUE),IF(K52&gt;=10,$AG$12,1)))))</f>
        <v>#N/A</v>
      </c>
      <c r="AD52" s="85" t="e" cm="1">
        <f t="array" ref="AD52">IF(J52&gt;30,IF(K52&lt;=2,$AB$13,IF(AND(K52&gt;2,K52&lt;=4),TREND($AB$13:$AC$13,$AB$3:$AC$3,K52,TRUE),IF(AND(K52&gt;4,K52&lt;10),TREND($AC$13:$AD$13,$AC$3:$AD$3,K52,TRUE),IF(K52&gt;=10,$AD$13,1)))),IF(K52&lt;=2,$AE$13,IF(AND(K52&gt;2,K52&lt;=4),TREND($AE$13:$AF$13,$AE$3:$AF$3,K52,TRUE),IF(AND(K52&gt;4,K52&lt;10),TREND($AF$13:$AG$13,$AF$3:$AG$3,K52,TRUE),IF(K52&gt;=10,$AG$13,1)))))</f>
        <v>#N/A</v>
      </c>
      <c r="AE52" s="85" t="e" cm="1">
        <f t="array" ref="AE52">IF(J52&gt;30,IF(K52&lt;=2,$AB$14,IF(AND(K52&gt;2,K52&lt;=4),TREND($AB$14:$AC$14,$AB$3:$AC$3,K52,TRUE),IF(AND(K52&gt;4,K52&lt;10),TREND($AC$14:$AD$14,$AC$3:$AD$3,K52,TRUE),IF(K52&gt;=10,$AD$14,1)))),IF(K52&lt;=2,$AE$14,IF(AND(K52&gt;2,K52&lt;=4),TREND($AE$14:$AF$14,$AE$3:$AF$3,K52,TRUE),IF(AND(K52&gt;4,K52&lt;10),TREND($AF$14:$AG$14,$AF$3:$AG$3,K52,TRUE),IF(K52&gt;=10,$AG$14,1)))))</f>
        <v>#N/A</v>
      </c>
      <c r="AF52" s="85" t="e" cm="1">
        <f t="array" ref="AF52">IF(J52&gt;30,IF(K52&lt;=2,$AB$15,IF(AND(K52&gt;2,K52&lt;=4),TREND($AB$15:$AC$15,$AB$3:$AC$3,K52,TRUE),IF(AND(K52&gt;4,K52&lt;10),TREND($AC$15:$AD$15,$AC$3:$AD$3,K52,TRUE),IF(K52&gt;=10,$AD$15,1)))),IF(K52&lt;=2,$AE$15,IF(AND(K52&gt;2,K52&lt;=4),TREND($AE$15:$AF$15,$AE$3:$AF$3,K52,TRUE),IF(AND(K52&gt;4,K52&lt;10),TREND($AF$15:$AG$15,$AF$3:$AG$3,K52,TRUE),IF(K52&gt;=10,$AG$15,1)))))</f>
        <v>#N/A</v>
      </c>
      <c r="AG52" s="86" t="e" cm="1">
        <f t="array" ref="AG52">IF(J52&gt;30,IF(K52&lt;=2,$AB$16,IF(AND(K52&gt;2,K52&lt;=4),TREND($AB$16:$AC$16,$AB$3:$AC$3,K52,TRUE),IF(AND(K52&gt;4,K52&lt;10),TREND($AC$16:$AD$16,$AC$3:$AD$3,K52,TRUE),IF(K52&gt;=10,$AD$16,1)))),IF(K52&lt;=2,$AE$16,IF(AND(K52&gt;2,K52&lt;=4),TREND($AE$16:$AF$16,$AE$3:$AF$3,K52,TRUE),IF(AND(K52&gt;4,K52&lt;10),TREND($AF$16:$AG$16,$AF$3:$AG$3,K52,TRUE),IF(K52&gt;=10,$AG$16,1)))))</f>
        <v>#N/A</v>
      </c>
      <c r="AH52" s="85" t="e" cm="1">
        <f t="array" ref="AH52">IF(J52&gt;30,IF(K52&lt;=2,$AB$17,IF(AND(K52&gt;2,K52&lt;=4),TREND($AB$17:$AC$17,$AB$3:$AC$3,K52,TRUE),IF(AND(K52&gt;4,K52&lt;10),TREND($AC$17:$AD$17,$AC$3:$AD$3,K52,TRUE),IF(K52&gt;=10,$AD$17,1)))),IF(K52&lt;=2,$AE$17,IF(AND(K52&gt;2,K52&lt;=4),TREND($AE$17:$AF$17,$AE$3:$AF$3,K52,TRUE),IF(AND(K52&gt;4,K52&lt;10),TREND($AF$17:$AG$17,$AF$3:$AG$3,K52,TRUE),IF(K52&gt;=10,$AG$17,1)))))</f>
        <v>#N/A</v>
      </c>
      <c r="AI52" s="85" t="e" cm="1">
        <f t="array" ref="AI52">IF(J52&gt;30,IF(K52&lt;=2,$AB$18,IF(AND(K52&gt;2,K52&lt;=4),TREND($AB$18:$AC$18,$AB$3:$AC$3,K52,TRUE),IF(AND(K52&gt;4,K52&lt;10),TREND($AC$18:$AD$18,$AC$3:$AD$3,K52,TRUE),IF(K52&gt;=10,$AD$18,1)))),IF(K52&lt;=2,$AE$18,IF(AND(K52&gt;2,K52&lt;=4),TREND($AE$18:$AF$18,$AE$3:$AF$3,K52,TRUE),IF(AND(K52&gt;4,K52&lt;10),TREND($AF$18:$AG$18,$AF$3:$AG$3,K52,TRUE),IF(K52&gt;=10,$AG$18,1)))))</f>
        <v>#N/A</v>
      </c>
      <c r="AJ52" s="85" t="e" cm="1">
        <f t="array" ref="AJ52">IF(J52&gt;30,IF(K52&lt;=2,$AB$19,IF(AND(K52&gt;2,K52&lt;=4),TREND($AB$19:$AC$19,$AB$3:$AC$3,K52,TRUE),IF(AND(K52&gt;4,K52&lt;10),TREND($AC$19:$AD$19,$AC$3:$AD$3,K52,TRUE),IF(K52&gt;=10,$AD$19,1)))),IF(K52&lt;=2,$AE$19,IF(AND(K52&gt;2,K52&lt;=4),TREND($AE$19:$AF$19,$AE$3:$AF$3,K52,TRUE),IF(AND(K52&gt;4,K52&lt;10),TREND($AF$19:$AG$19,$AF$3:$AG$3,K52,TRUE),IF(K52&gt;=10,$AG$19,1)))))</f>
        <v>#N/A</v>
      </c>
      <c r="AK52" s="85" t="e" cm="1">
        <f t="array" ref="AK52">IF(J52&gt;30,IF(K52&lt;=2,$AB$20,IF(AND(K52&gt;2,K52&lt;=4),TREND($AB$20:$AC$20,$AB$3:$AC$3,K52,TRUE),IF(AND(K52&gt;4,K52&lt;10),TREND($AC$20:$AD$20,$AC$3:$AD$3,K52,TRUE),IF(K52&gt;=10,$AD$20,1)))),IF(K52&lt;=2,$AE$20,IF(AND(K52&gt;2,K52&lt;=4),TREND($AE$20:$AF$20,$AE$3:$AF$3,K52,TRUE),IF(AND(K52&gt;4,K52&lt;10),TREND($AF$20:$AG$20,$AF$3:$AG$3,K52,TRUE),IF(K52&gt;=10,$AG$20,1)))))</f>
        <v>#N/A</v>
      </c>
      <c r="AL52" s="85">
        <v>3</v>
      </c>
      <c r="AM52" s="92">
        <v>0</v>
      </c>
      <c r="AN52" s="92" t="e">
        <f t="shared" si="6"/>
        <v>#N/A</v>
      </c>
      <c r="AO52" s="92" t="e">
        <f t="shared" si="21"/>
        <v>#N/A</v>
      </c>
      <c r="AP52" s="92" t="e">
        <f t="shared" si="7"/>
        <v>#N/A</v>
      </c>
      <c r="AQ52" s="92" t="e">
        <f t="shared" si="8"/>
        <v>#N/A</v>
      </c>
      <c r="AR52" s="92" t="e">
        <f t="shared" si="9"/>
        <v>#N/A</v>
      </c>
      <c r="AS52" s="92" t="e">
        <f t="shared" si="10"/>
        <v>#N/A</v>
      </c>
      <c r="AT52" s="92" t="e">
        <f t="shared" si="11"/>
        <v>#N/A</v>
      </c>
      <c r="AU52" s="92" t="e">
        <f t="shared" si="12"/>
        <v>#N/A</v>
      </c>
      <c r="AV52" s="92" t="e">
        <f t="shared" si="13"/>
        <v>#N/A</v>
      </c>
      <c r="AW52" s="92" t="e">
        <f t="shared" si="14"/>
        <v>#N/A</v>
      </c>
      <c r="AX52" s="92" t="e">
        <f t="shared" si="15"/>
        <v>#N/A</v>
      </c>
      <c r="AY52" s="92">
        <f t="shared" si="16"/>
        <v>6000</v>
      </c>
      <c r="AZ52" s="93">
        <v>0</v>
      </c>
      <c r="BA52" s="93" t="e">
        <f t="shared" si="36"/>
        <v>#N/A</v>
      </c>
      <c r="BB52" s="93" t="e">
        <f t="shared" si="22"/>
        <v>#N/A</v>
      </c>
      <c r="BC52" s="93" t="e">
        <f t="shared" si="23"/>
        <v>#N/A</v>
      </c>
      <c r="BD52" s="93" t="e">
        <f t="shared" si="24"/>
        <v>#N/A</v>
      </c>
      <c r="BE52" s="93" t="e">
        <f t="shared" si="25"/>
        <v>#N/A</v>
      </c>
      <c r="BF52" s="93" t="e">
        <f t="shared" si="26"/>
        <v>#N/A</v>
      </c>
      <c r="BG52" s="93" t="e">
        <f t="shared" si="27"/>
        <v>#N/A</v>
      </c>
      <c r="BH52" s="93" t="e">
        <f t="shared" si="28"/>
        <v>#N/A</v>
      </c>
      <c r="BI52" s="93" t="e">
        <f t="shared" si="29"/>
        <v>#N/A</v>
      </c>
      <c r="BJ52" s="93" t="e">
        <f t="shared" si="30"/>
        <v>#N/A</v>
      </c>
      <c r="BK52" s="93" t="e">
        <f t="shared" si="31"/>
        <v>#N/A</v>
      </c>
      <c r="BL52" s="93" t="e">
        <f t="shared" si="31"/>
        <v>#N/A</v>
      </c>
    </row>
    <row r="53" spans="2:67" x14ac:dyDescent="0.2">
      <c r="B53" s="79">
        <f t="shared" si="37"/>
        <v>-42.5</v>
      </c>
      <c r="C53" s="73">
        <f t="shared" si="20"/>
        <v>27</v>
      </c>
      <c r="D53" s="64">
        <f>INDEX('CPT Data'!$C$13:$C$20000,MATCH($C53,'CPT Data'!$B$13:$B$20000,1))</f>
        <v>26.992999999999999</v>
      </c>
      <c r="E53" s="55" t="str">
        <f>INDEX('CPT Data'!$P$13:$P$20000,MATCH($C53,'CPT Data'!$B$13:$B$20000,1))</f>
        <v>SAND</v>
      </c>
      <c r="F53" s="76" t="e">
        <f>INDEX('CPT Data'!$Q$13:$Q$20000,MATCH($C53,'CPT Data'!$B$13:$B$20000,1))</f>
        <v>#N/A</v>
      </c>
      <c r="G53" s="76">
        <f>INDEX('CPT Data'!$I$13:$I$20000,MATCH(C53,'CPT Data'!$B$13:$B$20000,1))</f>
        <v>19.978736428781932</v>
      </c>
      <c r="H53" s="76">
        <f>INDEX('CPT Data'!$J$13:$J$20000,MATCH($C53,'CPT Data'!$B$13:$B$20000,1))</f>
        <v>9.9787364287819322</v>
      </c>
      <c r="I53" s="76">
        <f>INDEX('CPT Data'!$L$13:$L$20000,MATCH(C53,'CPT Data'!$B$13:$B$20000,1))</f>
        <v>269.42588357711219</v>
      </c>
      <c r="J53" s="226">
        <f>INDEX('CPT Data'!$R$13:$R$20000,MATCH(C53,'CPT Data'!$B$13:$B$20000,1))</f>
        <v>35</v>
      </c>
      <c r="K53" s="76" t="e">
        <f>INDEX('CPT Data'!$S$13:$S$20000,MATCH($C53,'CPT Data'!$B$13:$B$20000,1))</f>
        <v>#N/A</v>
      </c>
      <c r="L53" s="55">
        <f>VLOOKUP($C53, 'Pile Property'!$A$8:$D$108,2,TRUE)</f>
        <v>2</v>
      </c>
      <c r="M53" s="234" t="e">
        <f>IF($E53="CLAY",ABS($F53-'CPT Data'!$Q$292)/$D53,#N/A)</f>
        <v>#N/A</v>
      </c>
      <c r="N53" s="65" t="e">
        <f t="shared" si="32"/>
        <v>#N/A</v>
      </c>
      <c r="O53" s="76" t="e">
        <f t="shared" si="38"/>
        <v>#N/A</v>
      </c>
      <c r="P53" s="76" t="e">
        <f t="shared" si="1"/>
        <v>#N/A</v>
      </c>
      <c r="Q53" s="65" t="e">
        <f t="shared" si="18"/>
        <v>#N/A</v>
      </c>
      <c r="R53" s="76" t="e">
        <f t="shared" si="19"/>
        <v>#N/A</v>
      </c>
      <c r="S53" s="76" t="e">
        <f t="shared" si="33"/>
        <v>#N/A</v>
      </c>
      <c r="T53" s="76"/>
      <c r="U53" s="76"/>
      <c r="V53" s="76" t="e">
        <f t="shared" si="3"/>
        <v>#N/A</v>
      </c>
      <c r="W53" s="76" t="e">
        <f t="shared" si="34"/>
        <v>#N/A</v>
      </c>
      <c r="X53" s="76" t="e">
        <f t="shared" si="4"/>
        <v>#N/A</v>
      </c>
      <c r="Y53" s="76" t="e">
        <f t="shared" si="5"/>
        <v>#N/A</v>
      </c>
      <c r="Z53" s="76" t="e">
        <f t="shared" si="35"/>
        <v>#N/A</v>
      </c>
      <c r="AA53" s="85" t="e" cm="1">
        <f t="array" ref="AA53">IF(J53&gt;30,IF(K53&lt;=2,$AB$10,IF(AND(K53&gt;2,K53&lt;=4),TREND($AB$10:$AC$10,$AB$3:$AC$3,K53,TRUE),IF(AND(K53&gt;4,K53&lt;10),TREND($AC$10:$AD$10,$AC$3:$AD$3,K53,TRUE),IF(K53&gt;=10,$AD$10,1)))),IF(K53&lt;=2,$AE$10,IF(AND(K53&gt;2,K53&lt;=4),TREND($AE$10:$AF$10,$AE$3:$AF$3,K53,TRUE),IF(AND(K53&gt;4,K53&lt;10),TREND($AF$10:$AG$10,$AF$3:$AG$3,K53,TRUE),IF(K53&gt;=10,$AG$10,1)))))</f>
        <v>#N/A</v>
      </c>
      <c r="AB53" s="85" t="e" cm="1">
        <f t="array" ref="AB53">IF(J53&gt;30,IF(K53&lt;=2,$AB$11,IF(AND(K53&gt;2,K53&lt;=4),TREND($AB$11:$AC$11,$AB$3:$AC$3,K53,TRUE),IF(AND(K53&gt;4,K53&lt;10),TREND($AC$11:$AD$11,$AC$3:$AD$3,K53,TRUE),IF(K53&gt;=10,$AD$11,1)))),IF(K53&lt;=2,$AE$11,IF(AND(K53&gt;2,K53&lt;=4),TREND($AE$11:$AF$11,$AE$3:$AF$3,K53,TRUE),IF(AND(K53&gt;4,K53&lt;10),TREND($AF$11:$AG$11,$AF$3:$AG$3,K53,TRUE),IF(K53&gt;=10,$AG$11,1)))))</f>
        <v>#N/A</v>
      </c>
      <c r="AC53" s="85" t="e" cm="1">
        <f t="array" ref="AC53">IF(J53&gt;30,IF(K53&lt;=2,$AB$12,IF(AND(K53&gt;2,K53&lt;=4),TREND($AB$12:$AC$12,$AB$3:$AC$3,K53,TRUE),IF(AND(K53&gt;4,K53&lt;10),TREND($AC$12:$AD$12,$AC$3:$AD$3,K53,TRUE),IF(K53&gt;=10,$AD$12,1)))),IF(K53&lt;=2,$AE$12,IF(AND(K53&gt;2,K53&lt;=4),TREND($AE$12:$AF$12,$AE$3:$AF$3,K53,TRUE),IF(AND(K53&gt;4,K53&lt;10),TREND($AF$12:$AG$12,$AF$3:$AG$3,K53,TRUE),IF(K53&gt;=10,$AG$12,1)))))</f>
        <v>#N/A</v>
      </c>
      <c r="AD53" s="85" t="e" cm="1">
        <f t="array" ref="AD53">IF(J53&gt;30,IF(K53&lt;=2,$AB$13,IF(AND(K53&gt;2,K53&lt;=4),TREND($AB$13:$AC$13,$AB$3:$AC$3,K53,TRUE),IF(AND(K53&gt;4,K53&lt;10),TREND($AC$13:$AD$13,$AC$3:$AD$3,K53,TRUE),IF(K53&gt;=10,$AD$13,1)))),IF(K53&lt;=2,$AE$13,IF(AND(K53&gt;2,K53&lt;=4),TREND($AE$13:$AF$13,$AE$3:$AF$3,K53,TRUE),IF(AND(K53&gt;4,K53&lt;10),TREND($AF$13:$AG$13,$AF$3:$AG$3,K53,TRUE),IF(K53&gt;=10,$AG$13,1)))))</f>
        <v>#N/A</v>
      </c>
      <c r="AE53" s="85" t="e" cm="1">
        <f t="array" ref="AE53">IF(J53&gt;30,IF(K53&lt;=2,$AB$14,IF(AND(K53&gt;2,K53&lt;=4),TREND($AB$14:$AC$14,$AB$3:$AC$3,K53,TRUE),IF(AND(K53&gt;4,K53&lt;10),TREND($AC$14:$AD$14,$AC$3:$AD$3,K53,TRUE),IF(K53&gt;=10,$AD$14,1)))),IF(K53&lt;=2,$AE$14,IF(AND(K53&gt;2,K53&lt;=4),TREND($AE$14:$AF$14,$AE$3:$AF$3,K53,TRUE),IF(AND(K53&gt;4,K53&lt;10),TREND($AF$14:$AG$14,$AF$3:$AG$3,K53,TRUE),IF(K53&gt;=10,$AG$14,1)))))</f>
        <v>#N/A</v>
      </c>
      <c r="AF53" s="85" t="e" cm="1">
        <f t="array" ref="AF53">IF(J53&gt;30,IF(K53&lt;=2,$AB$15,IF(AND(K53&gt;2,K53&lt;=4),TREND($AB$15:$AC$15,$AB$3:$AC$3,K53,TRUE),IF(AND(K53&gt;4,K53&lt;10),TREND($AC$15:$AD$15,$AC$3:$AD$3,K53,TRUE),IF(K53&gt;=10,$AD$15,1)))),IF(K53&lt;=2,$AE$15,IF(AND(K53&gt;2,K53&lt;=4),TREND($AE$15:$AF$15,$AE$3:$AF$3,K53,TRUE),IF(AND(K53&gt;4,K53&lt;10),TREND($AF$15:$AG$15,$AF$3:$AG$3,K53,TRUE),IF(K53&gt;=10,$AG$15,1)))))</f>
        <v>#N/A</v>
      </c>
      <c r="AG53" s="86" t="e" cm="1">
        <f t="array" ref="AG53">IF(J53&gt;30,IF(K53&lt;=2,$AB$16,IF(AND(K53&gt;2,K53&lt;=4),TREND($AB$16:$AC$16,$AB$3:$AC$3,K53,TRUE),IF(AND(K53&gt;4,K53&lt;10),TREND($AC$16:$AD$16,$AC$3:$AD$3,K53,TRUE),IF(K53&gt;=10,$AD$16,1)))),IF(K53&lt;=2,$AE$16,IF(AND(K53&gt;2,K53&lt;=4),TREND($AE$16:$AF$16,$AE$3:$AF$3,K53,TRUE),IF(AND(K53&gt;4,K53&lt;10),TREND($AF$16:$AG$16,$AF$3:$AG$3,K53,TRUE),IF(K53&gt;=10,$AG$16,1)))))</f>
        <v>#N/A</v>
      </c>
      <c r="AH53" s="85" t="e" cm="1">
        <f t="array" ref="AH53">IF(J53&gt;30,IF(K53&lt;=2,$AB$17,IF(AND(K53&gt;2,K53&lt;=4),TREND($AB$17:$AC$17,$AB$3:$AC$3,K53,TRUE),IF(AND(K53&gt;4,K53&lt;10),TREND($AC$17:$AD$17,$AC$3:$AD$3,K53,TRUE),IF(K53&gt;=10,$AD$17,1)))),IF(K53&lt;=2,$AE$17,IF(AND(K53&gt;2,K53&lt;=4),TREND($AE$17:$AF$17,$AE$3:$AF$3,K53,TRUE),IF(AND(K53&gt;4,K53&lt;10),TREND($AF$17:$AG$17,$AF$3:$AG$3,K53,TRUE),IF(K53&gt;=10,$AG$17,1)))))</f>
        <v>#N/A</v>
      </c>
      <c r="AI53" s="85" t="e" cm="1">
        <f t="array" ref="AI53">IF(J53&gt;30,IF(K53&lt;=2,$AB$18,IF(AND(K53&gt;2,K53&lt;=4),TREND($AB$18:$AC$18,$AB$3:$AC$3,K53,TRUE),IF(AND(K53&gt;4,K53&lt;10),TREND($AC$18:$AD$18,$AC$3:$AD$3,K53,TRUE),IF(K53&gt;=10,$AD$18,1)))),IF(K53&lt;=2,$AE$18,IF(AND(K53&gt;2,K53&lt;=4),TREND($AE$18:$AF$18,$AE$3:$AF$3,K53,TRUE),IF(AND(K53&gt;4,K53&lt;10),TREND($AF$18:$AG$18,$AF$3:$AG$3,K53,TRUE),IF(K53&gt;=10,$AG$18,1)))))</f>
        <v>#N/A</v>
      </c>
      <c r="AJ53" s="85" t="e" cm="1">
        <f t="array" ref="AJ53">IF(J53&gt;30,IF(K53&lt;=2,$AB$19,IF(AND(K53&gt;2,K53&lt;=4),TREND($AB$19:$AC$19,$AB$3:$AC$3,K53,TRUE),IF(AND(K53&gt;4,K53&lt;10),TREND($AC$19:$AD$19,$AC$3:$AD$3,K53,TRUE),IF(K53&gt;=10,$AD$19,1)))),IF(K53&lt;=2,$AE$19,IF(AND(K53&gt;2,K53&lt;=4),TREND($AE$19:$AF$19,$AE$3:$AF$3,K53,TRUE),IF(AND(K53&gt;4,K53&lt;10),TREND($AF$19:$AG$19,$AF$3:$AG$3,K53,TRUE),IF(K53&gt;=10,$AG$19,1)))))</f>
        <v>#N/A</v>
      </c>
      <c r="AK53" s="85" t="e" cm="1">
        <f t="array" ref="AK53">IF(J53&gt;30,IF(K53&lt;=2,$AB$20,IF(AND(K53&gt;2,K53&lt;=4),TREND($AB$20:$AC$20,$AB$3:$AC$3,K53,TRUE),IF(AND(K53&gt;4,K53&lt;10),TREND($AC$20:$AD$20,$AC$3:$AD$3,K53,TRUE),IF(K53&gt;=10,$AD$20,1)))),IF(K53&lt;=2,$AE$20,IF(AND(K53&gt;2,K53&lt;=4),TREND($AE$20:$AF$20,$AE$3:$AF$3,K53,TRUE),IF(AND(K53&gt;4,K53&lt;10),TREND($AF$20:$AG$20,$AF$3:$AG$3,K53,TRUE),IF(K53&gt;=10,$AG$20,1)))))</f>
        <v>#N/A</v>
      </c>
      <c r="AL53" s="85">
        <v>3</v>
      </c>
      <c r="AM53" s="92">
        <v>0</v>
      </c>
      <c r="AN53" s="92" t="e">
        <f t="shared" si="6"/>
        <v>#N/A</v>
      </c>
      <c r="AO53" s="92" t="e">
        <f t="shared" si="21"/>
        <v>#N/A</v>
      </c>
      <c r="AP53" s="92" t="e">
        <f t="shared" si="7"/>
        <v>#N/A</v>
      </c>
      <c r="AQ53" s="92" t="e">
        <f t="shared" si="8"/>
        <v>#N/A</v>
      </c>
      <c r="AR53" s="92" t="e">
        <f t="shared" si="9"/>
        <v>#N/A</v>
      </c>
      <c r="AS53" s="92" t="e">
        <f t="shared" si="10"/>
        <v>#N/A</v>
      </c>
      <c r="AT53" s="92" t="e">
        <f t="shared" si="11"/>
        <v>#N/A</v>
      </c>
      <c r="AU53" s="92" t="e">
        <f t="shared" si="12"/>
        <v>#N/A</v>
      </c>
      <c r="AV53" s="92" t="e">
        <f t="shared" si="13"/>
        <v>#N/A</v>
      </c>
      <c r="AW53" s="92" t="e">
        <f t="shared" si="14"/>
        <v>#N/A</v>
      </c>
      <c r="AX53" s="92" t="e">
        <f t="shared" si="15"/>
        <v>#N/A</v>
      </c>
      <c r="AY53" s="92">
        <f t="shared" si="16"/>
        <v>6000</v>
      </c>
      <c r="AZ53" s="93">
        <v>0</v>
      </c>
      <c r="BA53" s="93" t="e">
        <f t="shared" si="36"/>
        <v>#N/A</v>
      </c>
      <c r="BB53" s="93" t="e">
        <f t="shared" si="22"/>
        <v>#N/A</v>
      </c>
      <c r="BC53" s="93" t="e">
        <f t="shared" si="23"/>
        <v>#N/A</v>
      </c>
      <c r="BD53" s="93" t="e">
        <f t="shared" si="24"/>
        <v>#N/A</v>
      </c>
      <c r="BE53" s="93" t="e">
        <f t="shared" si="25"/>
        <v>#N/A</v>
      </c>
      <c r="BF53" s="93" t="e">
        <f t="shared" si="26"/>
        <v>#N/A</v>
      </c>
      <c r="BG53" s="93" t="e">
        <f t="shared" si="27"/>
        <v>#N/A</v>
      </c>
      <c r="BH53" s="93" t="e">
        <f t="shared" si="28"/>
        <v>#N/A</v>
      </c>
      <c r="BI53" s="93" t="e">
        <f t="shared" si="29"/>
        <v>#N/A</v>
      </c>
      <c r="BJ53" s="93" t="e">
        <f t="shared" si="30"/>
        <v>#N/A</v>
      </c>
      <c r="BK53" s="93" t="e">
        <f t="shared" si="31"/>
        <v>#N/A</v>
      </c>
      <c r="BL53" s="93" t="e">
        <f t="shared" si="31"/>
        <v>#N/A</v>
      </c>
    </row>
    <row r="54" spans="2:67" x14ac:dyDescent="0.2">
      <c r="B54" s="79">
        <f t="shared" si="37"/>
        <v>-43.5</v>
      </c>
      <c r="C54" s="73">
        <f t="shared" si="20"/>
        <v>28</v>
      </c>
      <c r="D54" s="64">
        <f>INDEX('CPT Data'!$C$13:$C$20000,MATCH($C54,'CPT Data'!$B$13:$B$20000,1))</f>
        <v>27.991999999999997</v>
      </c>
      <c r="E54" s="55" t="str">
        <f>INDEX('CPT Data'!$P$13:$P$20000,MATCH($C54,'CPT Data'!$B$13:$B$20000,1))</f>
        <v>SAND</v>
      </c>
      <c r="F54" s="76" t="e">
        <f>INDEX('CPT Data'!$Q$13:$Q$20000,MATCH($C54,'CPT Data'!$B$13:$B$20000,1))</f>
        <v>#N/A</v>
      </c>
      <c r="G54" s="76">
        <f>INDEX('CPT Data'!$I$13:$I$20000,MATCH(C54,'CPT Data'!$B$13:$B$20000,1))</f>
        <v>20.400397867550019</v>
      </c>
      <c r="H54" s="76">
        <f>INDEX('CPT Data'!$J$13:$J$20000,MATCH($C54,'CPT Data'!$B$13:$B$20000,1))</f>
        <v>10.400397867550019</v>
      </c>
      <c r="I54" s="76">
        <f>INDEX('CPT Data'!$L$13:$L$20000,MATCH(C54,'CPT Data'!$B$13:$B$20000,1))</f>
        <v>291.20073989353295</v>
      </c>
      <c r="J54" s="226">
        <f>INDEX('CPT Data'!$R$13:$R$20000,MATCH(C54,'CPT Data'!$B$13:$B$20000,1))</f>
        <v>35</v>
      </c>
      <c r="K54" s="76" t="e">
        <f>INDEX('CPT Data'!$S$13:$S$20000,MATCH($C54,'CPT Data'!$B$13:$B$20000,1))</f>
        <v>#N/A</v>
      </c>
      <c r="L54" s="55">
        <f>VLOOKUP($C54, 'Pile Property'!$A$8:$D$108,2,TRUE)</f>
        <v>2</v>
      </c>
      <c r="M54" s="234" t="e">
        <f>IF($E54="CLAY",ABS($F54-'CPT Data'!$Q$292)/$D54,#N/A)</f>
        <v>#N/A</v>
      </c>
      <c r="N54" s="65" t="e">
        <f t="shared" si="32"/>
        <v>#N/A</v>
      </c>
      <c r="O54" s="76" t="e">
        <f t="shared" si="38"/>
        <v>#N/A</v>
      </c>
      <c r="P54" s="76" t="e">
        <f t="shared" si="1"/>
        <v>#N/A</v>
      </c>
      <c r="Q54" s="65" t="e">
        <f t="shared" si="18"/>
        <v>#N/A</v>
      </c>
      <c r="R54" s="76" t="e">
        <f t="shared" si="19"/>
        <v>#N/A</v>
      </c>
      <c r="S54" s="76" t="e">
        <f t="shared" si="33"/>
        <v>#N/A</v>
      </c>
      <c r="T54" s="76"/>
      <c r="U54" s="76"/>
      <c r="V54" s="76" t="e">
        <f t="shared" si="3"/>
        <v>#N/A</v>
      </c>
      <c r="W54" s="76" t="e">
        <f t="shared" si="34"/>
        <v>#N/A</v>
      </c>
      <c r="X54" s="76" t="e">
        <f t="shared" si="4"/>
        <v>#N/A</v>
      </c>
      <c r="Y54" s="76" t="e">
        <f t="shared" si="5"/>
        <v>#N/A</v>
      </c>
      <c r="Z54" s="76" t="e">
        <f t="shared" si="35"/>
        <v>#N/A</v>
      </c>
      <c r="AA54" s="85" t="e" cm="1">
        <f t="array" ref="AA54">IF(J54&gt;30,IF(K54&lt;=2,$AB$10,IF(AND(K54&gt;2,K54&lt;=4),TREND($AB$10:$AC$10,$AB$3:$AC$3,K54,TRUE),IF(AND(K54&gt;4,K54&lt;10),TREND($AC$10:$AD$10,$AC$3:$AD$3,K54,TRUE),IF(K54&gt;=10,$AD$10,1)))),IF(K54&lt;=2,$AE$10,IF(AND(K54&gt;2,K54&lt;=4),TREND($AE$10:$AF$10,$AE$3:$AF$3,K54,TRUE),IF(AND(K54&gt;4,K54&lt;10),TREND($AF$10:$AG$10,$AF$3:$AG$3,K54,TRUE),IF(K54&gt;=10,$AG$10,1)))))</f>
        <v>#N/A</v>
      </c>
      <c r="AB54" s="85" t="e" cm="1">
        <f t="array" ref="AB54">IF(J54&gt;30,IF(K54&lt;=2,$AB$11,IF(AND(K54&gt;2,K54&lt;=4),TREND($AB$11:$AC$11,$AB$3:$AC$3,K54,TRUE),IF(AND(K54&gt;4,K54&lt;10),TREND($AC$11:$AD$11,$AC$3:$AD$3,K54,TRUE),IF(K54&gt;=10,$AD$11,1)))),IF(K54&lt;=2,$AE$11,IF(AND(K54&gt;2,K54&lt;=4),TREND($AE$11:$AF$11,$AE$3:$AF$3,K54,TRUE),IF(AND(K54&gt;4,K54&lt;10),TREND($AF$11:$AG$11,$AF$3:$AG$3,K54,TRUE),IF(K54&gt;=10,$AG$11,1)))))</f>
        <v>#N/A</v>
      </c>
      <c r="AC54" s="85" t="e" cm="1">
        <f t="array" ref="AC54">IF(J54&gt;30,IF(K54&lt;=2,$AB$12,IF(AND(K54&gt;2,K54&lt;=4),TREND($AB$12:$AC$12,$AB$3:$AC$3,K54,TRUE),IF(AND(K54&gt;4,K54&lt;10),TREND($AC$12:$AD$12,$AC$3:$AD$3,K54,TRUE),IF(K54&gt;=10,$AD$12,1)))),IF(K54&lt;=2,$AE$12,IF(AND(K54&gt;2,K54&lt;=4),TREND($AE$12:$AF$12,$AE$3:$AF$3,K54,TRUE),IF(AND(K54&gt;4,K54&lt;10),TREND($AF$12:$AG$12,$AF$3:$AG$3,K54,TRUE),IF(K54&gt;=10,$AG$12,1)))))</f>
        <v>#N/A</v>
      </c>
      <c r="AD54" s="85" t="e" cm="1">
        <f t="array" ref="AD54">IF(J54&gt;30,IF(K54&lt;=2,$AB$13,IF(AND(K54&gt;2,K54&lt;=4),TREND($AB$13:$AC$13,$AB$3:$AC$3,K54,TRUE),IF(AND(K54&gt;4,K54&lt;10),TREND($AC$13:$AD$13,$AC$3:$AD$3,K54,TRUE),IF(K54&gt;=10,$AD$13,1)))),IF(K54&lt;=2,$AE$13,IF(AND(K54&gt;2,K54&lt;=4),TREND($AE$13:$AF$13,$AE$3:$AF$3,K54,TRUE),IF(AND(K54&gt;4,K54&lt;10),TREND($AF$13:$AG$13,$AF$3:$AG$3,K54,TRUE),IF(K54&gt;=10,$AG$13,1)))))</f>
        <v>#N/A</v>
      </c>
      <c r="AE54" s="85" t="e" cm="1">
        <f t="array" ref="AE54">IF(J54&gt;30,IF(K54&lt;=2,$AB$14,IF(AND(K54&gt;2,K54&lt;=4),TREND($AB$14:$AC$14,$AB$3:$AC$3,K54,TRUE),IF(AND(K54&gt;4,K54&lt;10),TREND($AC$14:$AD$14,$AC$3:$AD$3,K54,TRUE),IF(K54&gt;=10,$AD$14,1)))),IF(K54&lt;=2,$AE$14,IF(AND(K54&gt;2,K54&lt;=4),TREND($AE$14:$AF$14,$AE$3:$AF$3,K54,TRUE),IF(AND(K54&gt;4,K54&lt;10),TREND($AF$14:$AG$14,$AF$3:$AG$3,K54,TRUE),IF(K54&gt;=10,$AG$14,1)))))</f>
        <v>#N/A</v>
      </c>
      <c r="AF54" s="85" t="e" cm="1">
        <f t="array" ref="AF54">IF(J54&gt;30,IF(K54&lt;=2,$AB$15,IF(AND(K54&gt;2,K54&lt;=4),TREND($AB$15:$AC$15,$AB$3:$AC$3,K54,TRUE),IF(AND(K54&gt;4,K54&lt;10),TREND($AC$15:$AD$15,$AC$3:$AD$3,K54,TRUE),IF(K54&gt;=10,$AD$15,1)))),IF(K54&lt;=2,$AE$15,IF(AND(K54&gt;2,K54&lt;=4),TREND($AE$15:$AF$15,$AE$3:$AF$3,K54,TRUE),IF(AND(K54&gt;4,K54&lt;10),TREND($AF$15:$AG$15,$AF$3:$AG$3,K54,TRUE),IF(K54&gt;=10,$AG$15,1)))))</f>
        <v>#N/A</v>
      </c>
      <c r="AG54" s="86" t="e" cm="1">
        <f t="array" ref="AG54">IF(J54&gt;30,IF(K54&lt;=2,$AB$16,IF(AND(K54&gt;2,K54&lt;=4),TREND($AB$16:$AC$16,$AB$3:$AC$3,K54,TRUE),IF(AND(K54&gt;4,K54&lt;10),TREND($AC$16:$AD$16,$AC$3:$AD$3,K54,TRUE),IF(K54&gt;=10,$AD$16,1)))),IF(K54&lt;=2,$AE$16,IF(AND(K54&gt;2,K54&lt;=4),TREND($AE$16:$AF$16,$AE$3:$AF$3,K54,TRUE),IF(AND(K54&gt;4,K54&lt;10),TREND($AF$16:$AG$16,$AF$3:$AG$3,K54,TRUE),IF(K54&gt;=10,$AG$16,1)))))</f>
        <v>#N/A</v>
      </c>
      <c r="AH54" s="85" t="e" cm="1">
        <f t="array" ref="AH54">IF(J54&gt;30,IF(K54&lt;=2,$AB$17,IF(AND(K54&gt;2,K54&lt;=4),TREND($AB$17:$AC$17,$AB$3:$AC$3,K54,TRUE),IF(AND(K54&gt;4,K54&lt;10),TREND($AC$17:$AD$17,$AC$3:$AD$3,K54,TRUE),IF(K54&gt;=10,$AD$17,1)))),IF(K54&lt;=2,$AE$17,IF(AND(K54&gt;2,K54&lt;=4),TREND($AE$17:$AF$17,$AE$3:$AF$3,K54,TRUE),IF(AND(K54&gt;4,K54&lt;10),TREND($AF$17:$AG$17,$AF$3:$AG$3,K54,TRUE),IF(K54&gt;=10,$AG$17,1)))))</f>
        <v>#N/A</v>
      </c>
      <c r="AI54" s="85" t="e" cm="1">
        <f t="array" ref="AI54">IF(J54&gt;30,IF(K54&lt;=2,$AB$18,IF(AND(K54&gt;2,K54&lt;=4),TREND($AB$18:$AC$18,$AB$3:$AC$3,K54,TRUE),IF(AND(K54&gt;4,K54&lt;10),TREND($AC$18:$AD$18,$AC$3:$AD$3,K54,TRUE),IF(K54&gt;=10,$AD$18,1)))),IF(K54&lt;=2,$AE$18,IF(AND(K54&gt;2,K54&lt;=4),TREND($AE$18:$AF$18,$AE$3:$AF$3,K54,TRUE),IF(AND(K54&gt;4,K54&lt;10),TREND($AF$18:$AG$18,$AF$3:$AG$3,K54,TRUE),IF(K54&gt;=10,$AG$18,1)))))</f>
        <v>#N/A</v>
      </c>
      <c r="AJ54" s="85" t="e" cm="1">
        <f t="array" ref="AJ54">IF(J54&gt;30,IF(K54&lt;=2,$AB$19,IF(AND(K54&gt;2,K54&lt;=4),TREND($AB$19:$AC$19,$AB$3:$AC$3,K54,TRUE),IF(AND(K54&gt;4,K54&lt;10),TREND($AC$19:$AD$19,$AC$3:$AD$3,K54,TRUE),IF(K54&gt;=10,$AD$19,1)))),IF(K54&lt;=2,$AE$19,IF(AND(K54&gt;2,K54&lt;=4),TREND($AE$19:$AF$19,$AE$3:$AF$3,K54,TRUE),IF(AND(K54&gt;4,K54&lt;10),TREND($AF$19:$AG$19,$AF$3:$AG$3,K54,TRUE),IF(K54&gt;=10,$AG$19,1)))))</f>
        <v>#N/A</v>
      </c>
      <c r="AK54" s="85" t="e" cm="1">
        <f t="array" ref="AK54">IF(J54&gt;30,IF(K54&lt;=2,$AB$20,IF(AND(K54&gt;2,K54&lt;=4),TREND($AB$20:$AC$20,$AB$3:$AC$3,K54,TRUE),IF(AND(K54&gt;4,K54&lt;10),TREND($AC$20:$AD$20,$AC$3:$AD$3,K54,TRUE),IF(K54&gt;=10,$AD$20,1)))),IF(K54&lt;=2,$AE$20,IF(AND(K54&gt;2,K54&lt;=4),TREND($AE$20:$AF$20,$AE$3:$AF$3,K54,TRUE),IF(AND(K54&gt;4,K54&lt;10),TREND($AF$20:$AG$20,$AF$3:$AG$3,K54,TRUE),IF(K54&gt;=10,$AG$20,1)))))</f>
        <v>#N/A</v>
      </c>
      <c r="AL54" s="85">
        <v>3</v>
      </c>
      <c r="AM54" s="92">
        <v>0</v>
      </c>
      <c r="AN54" s="92" t="e">
        <f t="shared" si="6"/>
        <v>#N/A</v>
      </c>
      <c r="AO54" s="92" t="e">
        <f t="shared" si="21"/>
        <v>#N/A</v>
      </c>
      <c r="AP54" s="92" t="e">
        <f t="shared" si="7"/>
        <v>#N/A</v>
      </c>
      <c r="AQ54" s="92" t="e">
        <f t="shared" si="8"/>
        <v>#N/A</v>
      </c>
      <c r="AR54" s="92" t="e">
        <f t="shared" si="9"/>
        <v>#N/A</v>
      </c>
      <c r="AS54" s="92" t="e">
        <f t="shared" si="10"/>
        <v>#N/A</v>
      </c>
      <c r="AT54" s="92" t="e">
        <f t="shared" si="11"/>
        <v>#N/A</v>
      </c>
      <c r="AU54" s="92" t="e">
        <f t="shared" si="12"/>
        <v>#N/A</v>
      </c>
      <c r="AV54" s="92" t="e">
        <f t="shared" si="13"/>
        <v>#N/A</v>
      </c>
      <c r="AW54" s="92" t="e">
        <f t="shared" si="14"/>
        <v>#N/A</v>
      </c>
      <c r="AX54" s="92" t="e">
        <f t="shared" si="15"/>
        <v>#N/A</v>
      </c>
      <c r="AY54" s="92">
        <f t="shared" si="16"/>
        <v>6000</v>
      </c>
      <c r="AZ54" s="93">
        <v>0</v>
      </c>
      <c r="BA54" s="93" t="e">
        <f t="shared" si="36"/>
        <v>#N/A</v>
      </c>
      <c r="BB54" s="93" t="e">
        <f t="shared" si="22"/>
        <v>#N/A</v>
      </c>
      <c r="BC54" s="93" t="e">
        <f t="shared" si="23"/>
        <v>#N/A</v>
      </c>
      <c r="BD54" s="93" t="e">
        <f t="shared" si="24"/>
        <v>#N/A</v>
      </c>
      <c r="BE54" s="93" t="e">
        <f t="shared" si="25"/>
        <v>#N/A</v>
      </c>
      <c r="BF54" s="93" t="e">
        <f t="shared" si="26"/>
        <v>#N/A</v>
      </c>
      <c r="BG54" s="93" t="e">
        <f t="shared" si="27"/>
        <v>#N/A</v>
      </c>
      <c r="BH54" s="93" t="e">
        <f t="shared" si="28"/>
        <v>#N/A</v>
      </c>
      <c r="BI54" s="93" t="e">
        <f t="shared" si="29"/>
        <v>#N/A</v>
      </c>
      <c r="BJ54" s="93" t="e">
        <f t="shared" si="30"/>
        <v>#N/A</v>
      </c>
      <c r="BK54" s="93" t="e">
        <f t="shared" si="31"/>
        <v>#N/A</v>
      </c>
      <c r="BL54" s="93" t="e">
        <f t="shared" si="31"/>
        <v>#N/A</v>
      </c>
      <c r="BO54" s="59"/>
    </row>
    <row r="55" spans="2:67" x14ac:dyDescent="0.2">
      <c r="B55" s="79">
        <f t="shared" si="37"/>
        <v>-44.5</v>
      </c>
      <c r="C55" s="73">
        <f t="shared" si="20"/>
        <v>29</v>
      </c>
      <c r="D55" s="64">
        <f>INDEX('CPT Data'!$C$13:$C$20000,MATCH($C55,'CPT Data'!$B$13:$B$20000,1))</f>
        <v>28.983999999999998</v>
      </c>
      <c r="E55" s="55" t="str">
        <f>INDEX('CPT Data'!$P$13:$P$20000,MATCH($C55,'CPT Data'!$B$13:$B$20000,1))</f>
        <v>CLAY</v>
      </c>
      <c r="F55" s="76">
        <f>INDEX('CPT Data'!$Q$13:$Q$20000,MATCH($C55,'CPT Data'!$B$13:$B$20000,1))</f>
        <v>289.20330686295546</v>
      </c>
      <c r="G55" s="76">
        <f>INDEX('CPT Data'!$I$13:$I$20000,MATCH(C55,'CPT Data'!$B$13:$B$20000,1))</f>
        <v>19.622561331925713</v>
      </c>
      <c r="H55" s="76">
        <f>INDEX('CPT Data'!$J$13:$J$20000,MATCH($C55,'CPT Data'!$B$13:$B$20000,1))</f>
        <v>9.6225613319257128</v>
      </c>
      <c r="I55" s="76">
        <f>INDEX('CPT Data'!$L$13:$L$20000,MATCH(C55,'CPT Data'!$B$13:$B$20000,1))</f>
        <v>278.96767557385834</v>
      </c>
      <c r="J55" s="226">
        <f>INDEX('CPT Data'!$R$13:$R$20000,MATCH(C55,'CPT Data'!$B$13:$B$20000,1))</f>
        <v>35</v>
      </c>
      <c r="K55" s="76">
        <f>INDEX('CPT Data'!$S$13:$S$20000,MATCH($C55,'CPT Data'!$B$13:$B$20000,1))</f>
        <v>5.8408799440999308</v>
      </c>
      <c r="L55" s="55">
        <f>VLOOKUP($C55, 'Pile Property'!$A$8:$D$108,2,TRUE)</f>
        <v>2</v>
      </c>
      <c r="M55" s="234">
        <f>IF($E55="CLAY",ABS($F55-'CPT Data'!$Q$2898)/$D55,#N/A)</f>
        <v>6.1495482412614617</v>
      </c>
      <c r="N55" s="65">
        <f t="shared" si="32"/>
        <v>0.89991785591794249</v>
      </c>
      <c r="O55" s="76">
        <f t="shared" si="38"/>
        <v>16.905333401183217</v>
      </c>
      <c r="P55" s="76">
        <f t="shared" si="1"/>
        <v>1.0366911014619942</v>
      </c>
      <c r="Q55" s="65">
        <f t="shared" si="18"/>
        <v>0.49551597651804125</v>
      </c>
      <c r="R55" s="76">
        <f t="shared" si="19"/>
        <v>10.486547929554124</v>
      </c>
      <c r="S55" s="76">
        <f t="shared" si="33"/>
        <v>10.486547929554124</v>
      </c>
      <c r="T55" s="76"/>
      <c r="U55" s="76"/>
      <c r="V55" s="76">
        <f t="shared" si="3"/>
        <v>10.486547929554124</v>
      </c>
      <c r="W55" s="76">
        <f t="shared" si="34"/>
        <v>10.486547929554124</v>
      </c>
      <c r="X55" s="76">
        <f t="shared" si="4"/>
        <v>10.486547929554124</v>
      </c>
      <c r="Y55" s="76">
        <f t="shared" si="5"/>
        <v>3032.7443388039314</v>
      </c>
      <c r="Z55" s="76">
        <f t="shared" si="35"/>
        <v>6065.4886776078629</v>
      </c>
      <c r="AA55" s="85" cm="1">
        <f t="array" ref="AA55">IF(J55&gt;30,IF(K55&lt;=2,$AB$10,IF(AND(K55&gt;2,K55&lt;=4),TREND($AB$10:$AC$10,$AB$3:$AC$3,K55,TRUE),IF(AND(K55&gt;4,K55&lt;10),TREND($AC$10:$AD$10,$AC$3:$AD$3,K55,TRUE),IF(K55&gt;=10,$AD$10,1)))),IF(K55&lt;=2,$AE$10,IF(AND(K55&gt;2,K55&lt;=4),TREND($AE$10:$AF$10,$AE$3:$AF$3,K55,TRUE),IF(AND(K55&gt;4,K55&lt;10),TREND($AF$10:$AG$10,$AF$3:$AG$3,K55,TRUE),IF(K55&gt;=10,$AG$10,1)))))</f>
        <v>4.3068133240166547E-4</v>
      </c>
      <c r="AB55" s="85" cm="1">
        <f t="array" ref="AB55">IF(J55&gt;30,IF(K55&lt;=2,$AB$11,IF(AND(K55&gt;2,K55&lt;=4),TREND($AB$11:$AC$11,$AB$3:$AC$3,K55,TRUE),IF(AND(K55&gt;4,K55&lt;10),TREND($AC$11:$AD$11,$AC$3:$AD$3,K55,TRUE),IF(K55&gt;=10,$AD$11,1)))),IF(K55&lt;=2,$AE$11,IF(AND(K55&gt;2,K55&lt;=4),TREND($AE$11:$AF$11,$AE$3:$AF$3,K55,TRUE),IF(AND(K55&gt;4,K55&lt;10),TREND($AF$11:$AG$11,$AF$3:$AG$3,K55,TRUE),IF(K55&gt;=10,$AG$11,1)))))</f>
        <v>4.306813324016656E-3</v>
      </c>
      <c r="AC55" s="85" cm="1">
        <f t="array" ref="AC55">IF(J55&gt;30,IF(K55&lt;=2,$AB$12,IF(AND(K55&gt;2,K55&lt;=4),TREND($AB$12:$AC$12,$AB$3:$AC$3,K55,TRUE),IF(AND(K55&gt;4,K55&lt;10),TREND($AC$12:$AD$12,$AC$3:$AD$3,K55,TRUE),IF(K55&gt;=10,$AD$12,1)))),IF(K55&lt;=2,$AE$12,IF(AND(K55&gt;2,K55&lt;=4),TREND($AE$12:$AF$12,$AE$3:$AF$3,K55,TRUE),IF(AND(K55&gt;4,K55&lt;10),TREND($AF$12:$AG$12,$AF$3:$AG$3,K55,TRUE),IF(K55&gt;=10,$AG$12,1)))))</f>
        <v>8.9204399720499636E-3</v>
      </c>
      <c r="AD55" s="85" cm="1">
        <f t="array" ref="AD55">IF(J55&gt;30,IF(K55&lt;=2,$AB$13,IF(AND(K55&gt;2,K55&lt;=4),TREND($AB$13:$AC$13,$AB$3:$AC$3,K55,TRUE),IF(AND(K55&gt;4,K55&lt;10),TREND($AC$13:$AD$13,$AC$3:$AD$3,K55,TRUE),IF(K55&gt;=10,$AD$13,1)))),IF(K55&lt;=2,$AE$13,IF(AND(K55&gt;2,K55&lt;=4),TREND($AE$13:$AF$13,$AE$3:$AF$3,K55,TRUE),IF(AND(K55&gt;4,K55&lt;10),TREND($AF$13:$AG$13,$AF$3:$AG$3,K55,TRUE),IF(K55&gt;=10,$AG$13,1)))))</f>
        <v>1.6840879944099933E-2</v>
      </c>
      <c r="AE55" s="85" cm="1">
        <f t="array" ref="AE55">IF(J55&gt;30,IF(K55&lt;=2,$AB$14,IF(AND(K55&gt;2,K55&lt;=4),TREND($AB$14:$AC$14,$AB$3:$AC$3,K55,TRUE),IF(AND(K55&gt;4,K55&lt;10),TREND($AC$14:$AD$14,$AC$3:$AD$3,K55,TRUE),IF(K55&gt;=10,$AD$14,1)))),IF(K55&lt;=2,$AE$14,IF(AND(K55&gt;2,K55&lt;=4),TREND($AE$14:$AF$14,$AE$3:$AF$3,K55,TRUE),IF(AND(K55&gt;4,K55&lt;10),TREND($AF$14:$AG$14,$AF$3:$AG$3,K55,TRUE),IF(K55&gt;=10,$AG$14,1)))))</f>
        <v>2.7068133240166551E-2</v>
      </c>
      <c r="AF55" s="85" cm="1">
        <f t="array" ref="AF55">IF(J55&gt;30,IF(K55&lt;=2,$AB$15,IF(AND(K55&gt;2,K55&lt;=4),TREND($AB$15:$AC$15,$AB$3:$AC$3,K55,TRUE),IF(AND(K55&gt;4,K55&lt;10),TREND($AC$15:$AD$15,$AC$3:$AD$3,K55,TRUE),IF(K55&gt;=10,$AD$15,1)))),IF(K55&lt;=2,$AE$15,IF(AND(K55&gt;2,K55&lt;=4),TREND($AE$15:$AF$15,$AE$3:$AF$3,K55,TRUE),IF(AND(K55&gt;4,K55&lt;10),TREND($AF$15:$AG$15,$AF$3:$AG$3,K55,TRUE),IF(K55&gt;=10,$AG$15,1)))))</f>
        <v>4.0909013184266478E-2</v>
      </c>
      <c r="AG55" s="86" cm="1">
        <f t="array" ref="AG55">IF(J55&gt;30,IF(K55&lt;=2,$AB$16,IF(AND(K55&gt;2,K55&lt;=4),TREND($AB$16:$AC$16,$AB$3:$AC$3,K55,TRUE),IF(AND(K55&gt;4,K55&lt;10),TREND($AC$16:$AD$16,$AC$3:$AD$3,K55,TRUE),IF(K55&gt;=10,$AD$16,1)))),IF(K55&lt;=2,$AE$16,IF(AND(K55&gt;2,K55&lt;=4),TREND($AE$16:$AF$16,$AE$3:$AF$3,K55,TRUE),IF(AND(K55&gt;4,K55&lt;10),TREND($AF$16:$AG$16,$AF$3:$AG$3,K55,TRUE),IF(K55&gt;=10,$AG$16,1)))))</f>
        <v>6.2056706452383079E-2</v>
      </c>
      <c r="AH55" s="85" cm="1">
        <f t="array" ref="AH55">IF(J55&gt;30,IF(K55&lt;=2,$AB$17,IF(AND(K55&gt;2,K55&lt;=4),TREND($AB$17:$AC$17,$AB$3:$AC$3,K55,TRUE),IF(AND(K55&gt;4,K55&lt;10),TREND($AC$17:$AD$17,$AC$3:$AD$3,K55,TRUE),IF(K55&gt;=10,$AD$17,1)))),IF(K55&lt;=2,$AE$17,IF(AND(K55&gt;2,K55&lt;=4),TREND($AE$17:$AF$17,$AE$3:$AF$3,K55,TRUE),IF(AND(K55&gt;4,K55&lt;10),TREND($AF$17:$AG$17,$AF$3:$AG$3,K55,TRUE),IF(K55&gt;=10,$AG$17,1)))))</f>
        <v>9.5045279664599594E-2</v>
      </c>
      <c r="AI55" s="85" cm="1">
        <f t="array" ref="AI55">IF(J55&gt;30,IF(K55&lt;=2,$AB$18,IF(AND(K55&gt;2,K55&lt;=4),TREND($AB$18:$AC$18,$AB$3:$AC$3,K55,TRUE),IF(AND(K55&gt;4,K55&lt;10),TREND($AC$18:$AD$18,$AC$3:$AD$3,K55,TRUE),IF(K55&gt;=10,$AD$18,1)))),IF(K55&lt;=2,$AE$18,IF(AND(K55&gt;2,K55&lt;=4),TREND($AE$18:$AF$18,$AE$3:$AF$3,K55,TRUE),IF(AND(K55&gt;4,K55&lt;10),TREND($AF$18:$AG$18,$AF$3:$AG$3,K55,TRUE),IF(K55&gt;=10,$AG$18,1)))))</f>
        <v>0.15534066620083276</v>
      </c>
      <c r="AJ55" s="85" cm="1">
        <f t="array" ref="AJ55">IF(J55&gt;30,IF(K55&lt;=2,$AB$19,IF(AND(K55&gt;2,K55&lt;=4),TREND($AB$19:$AC$19,$AB$3:$AC$3,K55,TRUE),IF(AND(K55&gt;4,K55&lt;10),TREND($AC$19:$AD$19,$AC$3:$AD$3,K55,TRUE),IF(K55&gt;=10,$AD$19,1)))),IF(K55&lt;=2,$AE$19,IF(AND(K55&gt;2,K55&lt;=4),TREND($AE$19:$AF$19,$AE$3:$AF$3,K55,TRUE),IF(AND(K55&gt;4,K55&lt;10),TREND($AF$19:$AG$19,$AF$3:$AG$3,K55,TRUE),IF(K55&gt;=10,$AG$19,1)))))</f>
        <v>0.25147693268116589</v>
      </c>
      <c r="AK55" s="85" cm="1">
        <f t="array" ref="AK55">IF(J55&gt;30,IF(K55&lt;=2,$AB$20,IF(AND(K55&gt;2,K55&lt;=4),TREND($AB$20:$AC$20,$AB$3:$AC$3,K55,TRUE),IF(AND(K55&gt;4,K55&lt;10),TREND($AC$20:$AD$20,$AC$3:$AD$3,K55,TRUE),IF(K55&gt;=10,$AD$20,1)))),IF(K55&lt;=2,$AE$20,IF(AND(K55&gt;2,K55&lt;=4),TREND($AE$20:$AF$20,$AE$3:$AF$3,K55,TRUE),IF(AND(K55&gt;4,K55&lt;10),TREND($AF$20:$AG$20,$AF$3:$AG$3,K55,TRUE),IF(K55&gt;=10,$AG$20,1)))))</f>
        <v>0.33068133240166547</v>
      </c>
      <c r="AL55" s="85">
        <v>3</v>
      </c>
      <c r="AM55" s="92">
        <v>0</v>
      </c>
      <c r="AN55" s="92">
        <f t="shared" si="6"/>
        <v>0.8613626648033309</v>
      </c>
      <c r="AO55" s="92">
        <f t="shared" si="21"/>
        <v>8.6136266480333123</v>
      </c>
      <c r="AP55" s="92">
        <f t="shared" si="7"/>
        <v>17.840879944099928</v>
      </c>
      <c r="AQ55" s="92">
        <f t="shared" si="8"/>
        <v>33.681759888199863</v>
      </c>
      <c r="AR55" s="92">
        <f t="shared" si="9"/>
        <v>54.136266480333099</v>
      </c>
      <c r="AS55" s="92">
        <f t="shared" si="10"/>
        <v>81.818026368532955</v>
      </c>
      <c r="AT55" s="92">
        <f t="shared" si="11"/>
        <v>124.11341290476615</v>
      </c>
      <c r="AU55" s="92">
        <f t="shared" si="12"/>
        <v>190.09055932919918</v>
      </c>
      <c r="AV55" s="92">
        <f t="shared" si="13"/>
        <v>310.68133240166549</v>
      </c>
      <c r="AW55" s="92">
        <f t="shared" si="14"/>
        <v>502.95386536233178</v>
      </c>
      <c r="AX55" s="92">
        <f t="shared" si="15"/>
        <v>661.36266480333097</v>
      </c>
      <c r="AY55" s="92">
        <f t="shared" si="16"/>
        <v>6000</v>
      </c>
      <c r="AZ55" s="93">
        <v>0</v>
      </c>
      <c r="BA55" s="93">
        <f t="shared" si="36"/>
        <v>303.27443388039313</v>
      </c>
      <c r="BB55" s="93">
        <f t="shared" si="22"/>
        <v>1213.0977355215725</v>
      </c>
      <c r="BC55" s="93">
        <f t="shared" si="23"/>
        <v>1819.6466032823589</v>
      </c>
      <c r="BD55" s="93">
        <f t="shared" si="24"/>
        <v>2426.1954710431451</v>
      </c>
      <c r="BE55" s="93">
        <f t="shared" si="25"/>
        <v>3032.7443388039314</v>
      </c>
      <c r="BF55" s="93">
        <f t="shared" si="26"/>
        <v>3639.2932065647178</v>
      </c>
      <c r="BG55" s="93">
        <f t="shared" si="27"/>
        <v>4245.8420743255037</v>
      </c>
      <c r="BH55" s="93">
        <f t="shared" si="28"/>
        <v>4852.3909420862901</v>
      </c>
      <c r="BI55" s="93">
        <f t="shared" si="29"/>
        <v>5458.9398098470765</v>
      </c>
      <c r="BJ55" s="93">
        <f t="shared" si="30"/>
        <v>5913.8514606676663</v>
      </c>
      <c r="BK55" s="93">
        <f t="shared" si="31"/>
        <v>6065.4886776078629</v>
      </c>
      <c r="BL55" s="93">
        <f t="shared" si="31"/>
        <v>6065.4886776078629</v>
      </c>
    </row>
    <row r="56" spans="2:67" x14ac:dyDescent="0.2">
      <c r="B56" s="79">
        <f t="shared" si="37"/>
        <v>-45.5</v>
      </c>
      <c r="C56" s="73">
        <f t="shared" si="20"/>
        <v>30</v>
      </c>
      <c r="D56" s="64">
        <f>INDEX('CPT Data'!$C$13:$C$20000,MATCH($C56,'CPT Data'!$B$13:$B$20000,1))</f>
        <v>29.992999999999999</v>
      </c>
      <c r="E56" s="55" t="str">
        <f>INDEX('CPT Data'!$P$13:$P$20000,MATCH($C56,'CPT Data'!$B$13:$B$20000,1))</f>
        <v>CLAY</v>
      </c>
      <c r="F56" s="76">
        <f>INDEX('CPT Data'!$Q$13:$Q$20000,MATCH($C56,'CPT Data'!$B$13:$B$20000,1))</f>
        <v>261.04777669049622</v>
      </c>
      <c r="G56" s="76">
        <f>INDEX('CPT Data'!$I$13:$I$20000,MATCH(C56,'CPT Data'!$B$13:$B$20000,1))</f>
        <v>19.535447594906977</v>
      </c>
      <c r="H56" s="76">
        <f>INDEX('CPT Data'!$J$13:$J$20000,MATCH($C56,'CPT Data'!$B$13:$B$20000,1))</f>
        <v>9.5354475949069766</v>
      </c>
      <c r="I56" s="76">
        <f>INDEX('CPT Data'!$L$13:$L$20000,MATCH(C56,'CPT Data'!$B$13:$B$20000,1))</f>
        <v>286.06342784720931</v>
      </c>
      <c r="J56" s="226">
        <f>INDEX('CPT Data'!$R$13:$R$20000,MATCH(C56,'CPT Data'!$B$13:$B$20000,1))</f>
        <v>35</v>
      </c>
      <c r="K56" s="76">
        <f>INDEX('CPT Data'!$S$13:$S$20000,MATCH($C56,'CPT Data'!$B$13:$B$20000,1))</f>
        <v>4.9801066302041441</v>
      </c>
      <c r="L56" s="55">
        <f>VLOOKUP($C56, 'Pile Property'!$A$8:$D$108,2,TRUE)</f>
        <v>2</v>
      </c>
      <c r="M56" s="234">
        <f>IF($E56="CLAY",ABS($F56-'CPT Data'!$Q$2898)/$D56,#N/A)</f>
        <v>6.8814068748435115</v>
      </c>
      <c r="N56" s="65">
        <f t="shared" si="32"/>
        <v>0.80420884403319315</v>
      </c>
      <c r="O56" s="76">
        <f t="shared" si="38"/>
        <v>17.017651656937495</v>
      </c>
      <c r="P56" s="76">
        <f t="shared" si="1"/>
        <v>0.91255208208553551</v>
      </c>
      <c r="Q56" s="65">
        <f t="shared" si="18"/>
        <v>0.52340898569016114</v>
      </c>
      <c r="R56" s="76">
        <f t="shared" si="19"/>
        <v>10.570226957070483</v>
      </c>
      <c r="S56" s="76">
        <f t="shared" si="33"/>
        <v>10.570226957070483</v>
      </c>
      <c r="T56" s="76"/>
      <c r="U56" s="76"/>
      <c r="V56" s="76">
        <f t="shared" si="3"/>
        <v>10.570226957070483</v>
      </c>
      <c r="W56" s="76">
        <f t="shared" si="34"/>
        <v>10.570226957070483</v>
      </c>
      <c r="X56" s="76">
        <f t="shared" si="4"/>
        <v>10.570226957070483</v>
      </c>
      <c r="Y56" s="76">
        <f t="shared" si="5"/>
        <v>2759.3342462571991</v>
      </c>
      <c r="Z56" s="76">
        <f t="shared" si="35"/>
        <v>5518.6684925143982</v>
      </c>
      <c r="AA56" s="85" cm="1">
        <f t="array" ref="AA56">IF(J56&gt;30,IF(K56&lt;=2,$AB$10,IF(AND(K56&gt;2,K56&lt;=4),TREND($AB$10:$AC$10,$AB$3:$AC$3,K56,TRUE),IF(AND(K56&gt;4,K56&lt;10),TREND($AC$10:$AD$10,$AC$3:$AD$3,K56,TRUE),IF(K56&gt;=10,$AD$10,1)))),IF(K56&lt;=2,$AE$10,IF(AND(K56&gt;2,K56&lt;=4),TREND($AE$10:$AF$10,$AE$3:$AF$3,K56,TRUE),IF(AND(K56&gt;4,K56&lt;10),TREND($AF$10:$AG$10,$AF$3:$AG$3,K56,TRUE),IF(K56&gt;=10,$AG$10,1)))))</f>
        <v>4.1633511050340237E-4</v>
      </c>
      <c r="AB56" s="85" cm="1">
        <f t="array" ref="AB56">IF(J56&gt;30,IF(K56&lt;=2,$AB$11,IF(AND(K56&gt;2,K56&lt;=4),TREND($AB$11:$AC$11,$AB$3:$AC$3,K56,TRUE),IF(AND(K56&gt;4,K56&lt;10),TREND($AC$11:$AD$11,$AC$3:$AD$3,K56,TRUE),IF(K56&gt;=10,$AD$11,1)))),IF(K56&lt;=2,$AE$11,IF(AND(K56&gt;2,K56&lt;=4),TREND($AE$11:$AF$11,$AE$3:$AF$3,K56,TRUE),IF(AND(K56&gt;4,K56&lt;10),TREND($AF$11:$AG$11,$AF$3:$AG$3,K56,TRUE),IF(K56&gt;=10,$AG$11,1)))))</f>
        <v>4.1633511050340249E-3</v>
      </c>
      <c r="AC56" s="85" cm="1">
        <f t="array" ref="AC56">IF(J56&gt;30,IF(K56&lt;=2,$AB$12,IF(AND(K56&gt;2,K56&lt;=4),TREND($AB$12:$AC$12,$AB$3:$AC$3,K56,TRUE),IF(AND(K56&gt;4,K56&lt;10),TREND($AC$12:$AD$12,$AC$3:$AD$3,K56,TRUE),IF(K56&gt;=10,$AD$12,1)))),IF(K56&lt;=2,$AE$12,IF(AND(K56&gt;2,K56&lt;=4),TREND($AE$12:$AF$12,$AE$3:$AF$3,K56,TRUE),IF(AND(K56&gt;4,K56&lt;10),TREND($AF$12:$AG$12,$AF$3:$AG$3,K56,TRUE),IF(K56&gt;=10,$AG$12,1)))))</f>
        <v>8.4900533151020703E-3</v>
      </c>
      <c r="AD56" s="85" cm="1">
        <f t="array" ref="AD56">IF(J56&gt;30,IF(K56&lt;=2,$AB$13,IF(AND(K56&gt;2,K56&lt;=4),TREND($AB$13:$AC$13,$AB$3:$AC$3,K56,TRUE),IF(AND(K56&gt;4,K56&lt;10),TREND($AC$13:$AD$13,$AC$3:$AD$3,K56,TRUE),IF(K56&gt;=10,$AD$13,1)))),IF(K56&lt;=2,$AE$13,IF(AND(K56&gt;2,K56&lt;=4),TREND($AE$13:$AF$13,$AE$3:$AF$3,K56,TRUE),IF(AND(K56&gt;4,K56&lt;10),TREND($AF$13:$AG$13,$AF$3:$AG$3,K56,TRUE),IF(K56&gt;=10,$AG$13,1)))))</f>
        <v>1.5980106630204147E-2</v>
      </c>
      <c r="AE56" s="85" cm="1">
        <f t="array" ref="AE56">IF(J56&gt;30,IF(K56&lt;=2,$AB$14,IF(AND(K56&gt;2,K56&lt;=4),TREND($AB$14:$AC$14,$AB$3:$AC$3,K56,TRUE),IF(AND(K56&gt;4,K56&lt;10),TREND($AC$14:$AD$14,$AC$3:$AD$3,K56,TRUE),IF(K56&gt;=10,$AD$14,1)))),IF(K56&lt;=2,$AE$14,IF(AND(K56&gt;2,K56&lt;=4),TREND($AE$14:$AF$14,$AE$3:$AF$3,K56,TRUE),IF(AND(K56&gt;4,K56&lt;10),TREND($AF$14:$AG$14,$AF$3:$AG$3,K56,TRUE),IF(K56&gt;=10,$AG$14,1)))))</f>
        <v>2.563351105034024E-2</v>
      </c>
      <c r="AF56" s="85" cm="1">
        <f t="array" ref="AF56">IF(J56&gt;30,IF(K56&lt;=2,$AB$15,IF(AND(K56&gt;2,K56&lt;=4),TREND($AB$15:$AC$15,$AB$3:$AC$3,K56,TRUE),IF(AND(K56&gt;4,K56&lt;10),TREND($AC$15:$AD$15,$AC$3:$AD$3,K56,TRUE),IF(K56&gt;=10,$AD$15,1)))),IF(K56&lt;=2,$AE$15,IF(AND(K56&gt;2,K56&lt;=4),TREND($AE$15:$AF$15,$AE$3:$AF$3,K56,TRUE),IF(AND(K56&gt;4,K56&lt;10),TREND($AF$15:$AG$15,$AF$3:$AG$3,K56,TRUE),IF(K56&gt;=10,$AG$15,1)))))</f>
        <v>3.8613617680544381E-2</v>
      </c>
      <c r="AG56" s="86" cm="1">
        <f t="array" ref="AG56">IF(J56&gt;30,IF(K56&lt;=2,$AB$16,IF(AND(K56&gt;2,K56&lt;=4),TREND($AB$16:$AC$16,$AB$3:$AC$3,K56,TRUE),IF(AND(K56&gt;4,K56&lt;10),TREND($AC$16:$AD$16,$AC$3:$AD$3,K56,TRUE),IF(K56&gt;=10,$AD$16,1)))),IF(K56&lt;=2,$AE$16,IF(AND(K56&gt;2,K56&lt;=4),TREND($AE$16:$AF$16,$AE$3:$AF$3,K56,TRUE),IF(AND(K56&gt;4,K56&lt;10),TREND($AF$16:$AG$16,$AF$3:$AG$3,K56,TRUE),IF(K56&gt;=10,$AG$16,1)))))</f>
        <v>5.875707541578256E-2</v>
      </c>
      <c r="AH56" s="85" cm="1">
        <f t="array" ref="AH56">IF(J56&gt;30,IF(K56&lt;=2,$AB$17,IF(AND(K56&gt;2,K56&lt;=4),TREND($AB$17:$AC$17,$AB$3:$AC$3,K56,TRUE),IF(AND(K56&gt;4,K56&lt;10),TREND($AC$17:$AD$17,$AC$3:$AD$3,K56,TRUE),IF(K56&gt;=10,$AD$17,1)))),IF(K56&lt;=2,$AE$17,IF(AND(K56&gt;2,K56&lt;=4),TREND($AE$17:$AF$17,$AE$3:$AF$3,K56,TRUE),IF(AND(K56&gt;4,K56&lt;10),TREND($AF$17:$AG$17,$AF$3:$AG$3,K56,TRUE),IF(K56&gt;=10,$AG$17,1)))))</f>
        <v>8.9880639781224875E-2</v>
      </c>
      <c r="AI56" s="85" cm="1">
        <f t="array" ref="AI56">IF(J56&gt;30,IF(K56&lt;=2,$AB$18,IF(AND(K56&gt;2,K56&lt;=4),TREND($AB$18:$AC$18,$AB$3:$AC$3,K56,TRUE),IF(AND(K56&gt;4,K56&lt;10),TREND($AC$18:$AD$18,$AC$3:$AD$3,K56,TRUE),IF(K56&gt;=10,$AD$18,1)))),IF(K56&lt;=2,$AE$18,IF(AND(K56&gt;2,K56&lt;=4),TREND($AE$18:$AF$18,$AE$3:$AF$3,K56,TRUE),IF(AND(K56&gt;4,K56&lt;10),TREND($AF$18:$AG$18,$AF$3:$AG$3,K56,TRUE),IF(K56&gt;=10,$AG$18,1)))))</f>
        <v>0.14816755525170119</v>
      </c>
      <c r="AJ56" s="85" cm="1">
        <f t="array" ref="AJ56">IF(J56&gt;30,IF(K56&lt;=2,$AB$19,IF(AND(K56&gt;2,K56&lt;=4),TREND($AB$19:$AC$19,$AB$3:$AC$3,K56,TRUE),IF(AND(K56&gt;4,K56&lt;10),TREND($AC$19:$AD$19,$AC$3:$AD$3,K56,TRUE),IF(K56&gt;=10,$AD$19,1)))),IF(K56&lt;=2,$AE$19,IF(AND(K56&gt;2,K56&lt;=4),TREND($AE$19:$AF$19,$AE$3:$AF$3,K56,TRUE),IF(AND(K56&gt;4,K56&lt;10),TREND($AF$19:$AG$19,$AF$3:$AG$3,K56,TRUE),IF(K56&gt;=10,$AG$19,1)))))</f>
        <v>0.24143457735238169</v>
      </c>
      <c r="AK56" s="85" cm="1">
        <f t="array" ref="AK56">IF(J56&gt;30,IF(K56&lt;=2,$AB$20,IF(AND(K56&gt;2,K56&lt;=4),TREND($AB$20:$AC$20,$AB$3:$AC$3,K56,TRUE),IF(AND(K56&gt;4,K56&lt;10),TREND($AC$20:$AD$20,$AC$3:$AD$3,K56,TRUE),IF(K56&gt;=10,$AD$20,1)))),IF(K56&lt;=2,$AE$20,IF(AND(K56&gt;2,K56&lt;=4),TREND($AE$20:$AF$20,$AE$3:$AF$3,K56,TRUE),IF(AND(K56&gt;4,K56&lt;10),TREND($AF$20:$AG$20,$AF$3:$AG$3,K56,TRUE),IF(K56&gt;=10,$AG$20,1)))))</f>
        <v>0.31633511050340235</v>
      </c>
      <c r="AL56" s="85">
        <v>3</v>
      </c>
      <c r="AM56" s="92">
        <v>0</v>
      </c>
      <c r="AN56" s="92">
        <f t="shared" si="6"/>
        <v>0.83267022100680477</v>
      </c>
      <c r="AO56" s="92">
        <f t="shared" si="21"/>
        <v>8.3267022100680492</v>
      </c>
      <c r="AP56" s="92">
        <f t="shared" si="7"/>
        <v>16.980106630204141</v>
      </c>
      <c r="AQ56" s="92">
        <f t="shared" si="8"/>
        <v>31.960213260408292</v>
      </c>
      <c r="AR56" s="92">
        <f t="shared" si="9"/>
        <v>51.267022100680478</v>
      </c>
      <c r="AS56" s="92">
        <f t="shared" si="10"/>
        <v>77.227235361088759</v>
      </c>
      <c r="AT56" s="92">
        <f t="shared" si="11"/>
        <v>117.51415083156512</v>
      </c>
      <c r="AU56" s="92">
        <f t="shared" si="12"/>
        <v>179.76127956244974</v>
      </c>
      <c r="AV56" s="92">
        <f t="shared" si="13"/>
        <v>296.3351105034024</v>
      </c>
      <c r="AW56" s="92">
        <f t="shared" si="14"/>
        <v>482.86915470476339</v>
      </c>
      <c r="AX56" s="92">
        <f t="shared" si="15"/>
        <v>632.6702210068047</v>
      </c>
      <c r="AY56" s="92">
        <f t="shared" si="16"/>
        <v>6000</v>
      </c>
      <c r="AZ56" s="93">
        <v>0</v>
      </c>
      <c r="BA56" s="93">
        <f t="shared" si="36"/>
        <v>275.93342462571991</v>
      </c>
      <c r="BB56" s="93">
        <f t="shared" si="22"/>
        <v>1103.7336985028796</v>
      </c>
      <c r="BC56" s="93">
        <f t="shared" si="23"/>
        <v>1655.6005477543195</v>
      </c>
      <c r="BD56" s="93">
        <f t="shared" si="24"/>
        <v>2207.4673970057593</v>
      </c>
      <c r="BE56" s="93">
        <f t="shared" si="25"/>
        <v>2759.3342462571991</v>
      </c>
      <c r="BF56" s="93">
        <f t="shared" si="26"/>
        <v>3311.2010955086389</v>
      </c>
      <c r="BG56" s="93">
        <f t="shared" si="27"/>
        <v>3863.0679447600783</v>
      </c>
      <c r="BH56" s="93">
        <f t="shared" si="28"/>
        <v>4414.9347940115185</v>
      </c>
      <c r="BI56" s="93">
        <f t="shared" si="29"/>
        <v>4966.8016432629584</v>
      </c>
      <c r="BJ56" s="93">
        <f t="shared" si="30"/>
        <v>5380.701780201538</v>
      </c>
      <c r="BK56" s="93">
        <f t="shared" si="31"/>
        <v>5518.6684925143982</v>
      </c>
      <c r="BL56" s="93">
        <f t="shared" si="31"/>
        <v>5518.6684925143982</v>
      </c>
    </row>
    <row r="57" spans="2:67" x14ac:dyDescent="0.2">
      <c r="B57" s="79">
        <f t="shared" si="37"/>
        <v>-46.5</v>
      </c>
      <c r="C57" s="73">
        <f t="shared" si="20"/>
        <v>31</v>
      </c>
      <c r="D57" s="64">
        <f>INDEX('CPT Data'!$C$13:$C$20000,MATCH($C57,'CPT Data'!$B$13:$B$20000,1))</f>
        <v>30.983999999999998</v>
      </c>
      <c r="E57" s="55" t="str">
        <f>INDEX('CPT Data'!$P$13:$P$20000,MATCH($C57,'CPT Data'!$B$13:$B$20000,1))</f>
        <v>CLAY</v>
      </c>
      <c r="F57" s="76">
        <f>INDEX('CPT Data'!$Q$13:$Q$20000,MATCH($C57,'CPT Data'!$B$13:$B$20000,1))</f>
        <v>85.535302155269449</v>
      </c>
      <c r="G57" s="76">
        <f>INDEX('CPT Data'!$I$13:$I$20000,MATCH(C57,'CPT Data'!$B$13:$B$20000,1))</f>
        <v>17.918163379059081</v>
      </c>
      <c r="H57" s="76">
        <f>INDEX('CPT Data'!$J$13:$J$20000,MATCH($C57,'CPT Data'!$B$13:$B$20000,1))</f>
        <v>7.9181633790590809</v>
      </c>
      <c r="I57" s="76">
        <f>INDEX('CPT Data'!$L$13:$L$20000,MATCH(C57,'CPT Data'!$B$13:$B$20000,1))</f>
        <v>245.39180128041997</v>
      </c>
      <c r="J57" s="226">
        <f>INDEX('CPT Data'!$R$13:$R$20000,MATCH(C57,'CPT Data'!$B$13:$B$20000,1))</f>
        <v>35</v>
      </c>
      <c r="K57" s="76">
        <f>INDEX('CPT Data'!$S$13:$S$20000,MATCH($C57,'CPT Data'!$B$13:$B$20000,1))</f>
        <v>1.4954546514260691</v>
      </c>
      <c r="L57" s="55">
        <f>VLOOKUP($C57, 'Pile Property'!$A$8:$D$108,2,TRUE)</f>
        <v>2</v>
      </c>
      <c r="M57" s="234">
        <f>IF($E57="CLAY",ABS($F57-'CPT Data'!$Q$2898)/$D57,#N/A)</f>
        <v>12.325926637374394</v>
      </c>
      <c r="N57" s="65">
        <f t="shared" si="32"/>
        <v>0.44897949103150037</v>
      </c>
      <c r="O57" s="76">
        <f t="shared" si="38"/>
        <v>17.599879042443213</v>
      </c>
      <c r="P57" s="76">
        <f t="shared" si="1"/>
        <v>0.34856625897425364</v>
      </c>
      <c r="Q57" s="65">
        <f t="shared" si="18"/>
        <v>0.8468906374287134</v>
      </c>
      <c r="R57" s="76">
        <f t="shared" si="19"/>
        <v>11.54067191228614</v>
      </c>
      <c r="S57" s="76">
        <f t="shared" si="33"/>
        <v>11.54067191228614</v>
      </c>
      <c r="T57" s="76"/>
      <c r="U57" s="76"/>
      <c r="V57" s="76">
        <f t="shared" si="3"/>
        <v>11.54067191228614</v>
      </c>
      <c r="W57" s="76">
        <f t="shared" si="34"/>
        <v>11.54067191228614</v>
      </c>
      <c r="X57" s="76">
        <f t="shared" si="4"/>
        <v>11.54067191228614</v>
      </c>
      <c r="Y57" s="76">
        <f t="shared" si="5"/>
        <v>987.13485909222618</v>
      </c>
      <c r="Z57" s="76">
        <f t="shared" si="35"/>
        <v>1974.2697181844524</v>
      </c>
      <c r="AA57" s="85" cm="1">
        <f t="array" ref="AA57">IF(J57&gt;30,IF(K57&lt;=2,$AB$10,IF(AND(K57&gt;2,K57&lt;=4),TREND($AB$10:$AC$10,$AB$3:$AC$3,K57,TRUE),IF(AND(K57&gt;4,K57&lt;10),TREND($AC$10:$AD$10,$AC$3:$AD$3,K57,TRUE),IF(K57&gt;=10,$AD$10,1)))),IF(K57&lt;=2,$AE$10,IF(AND(K57&gt;2,K57&lt;=4),TREND($AE$10:$AF$10,$AE$3:$AF$3,K57,TRUE),IF(AND(K57&gt;4,K57&lt;10),TREND($AF$10:$AG$10,$AF$3:$AG$3,K57,TRUE),IF(K57&gt;=10,$AG$10,1)))))</f>
        <v>2.9999999999999997E-4</v>
      </c>
      <c r="AB57" s="85" cm="1">
        <f t="array" ref="AB57">IF(J57&gt;30,IF(K57&lt;=2,$AB$11,IF(AND(K57&gt;2,K57&lt;=4),TREND($AB$11:$AC$11,$AB$3:$AC$3,K57,TRUE),IF(AND(K57&gt;4,K57&lt;10),TREND($AC$11:$AD$11,$AC$3:$AD$3,K57,TRUE),IF(K57&gt;=10,$AD$11,1)))),IF(K57&lt;=2,$AE$11,IF(AND(K57&gt;2,K57&lt;=4),TREND($AE$11:$AF$11,$AE$3:$AF$3,K57,TRUE),IF(AND(K57&gt;4,K57&lt;10),TREND($AF$11:$AG$11,$AF$3:$AG$3,K57,TRUE),IF(K57&gt;=10,$AG$11,1)))))</f>
        <v>3.0000000000000001E-3</v>
      </c>
      <c r="AC57" s="85" cm="1">
        <f t="array" ref="AC57">IF(J57&gt;30,IF(K57&lt;=2,$AB$12,IF(AND(K57&gt;2,K57&lt;=4),TREND($AB$12:$AC$12,$AB$3:$AC$3,K57,TRUE),IF(AND(K57&gt;4,K57&lt;10),TREND($AC$12:$AD$12,$AC$3:$AD$3,K57,TRUE),IF(K57&gt;=10,$AD$12,1)))),IF(K57&lt;=2,$AE$12,IF(AND(K57&gt;2,K57&lt;=4),TREND($AE$12:$AF$12,$AE$3:$AF$3,K57,TRUE),IF(AND(K57&gt;4,K57&lt;10),TREND($AF$12:$AG$12,$AF$3:$AG$3,K57,TRUE),IF(K57&gt;=10,$AG$12,1)))))</f>
        <v>5.3E-3</v>
      </c>
      <c r="AD57" s="85" cm="1">
        <f t="array" ref="AD57">IF(J57&gt;30,IF(K57&lt;=2,$AB$13,IF(AND(K57&gt;2,K57&lt;=4),TREND($AB$13:$AC$13,$AB$3:$AC$3,K57,TRUE),IF(AND(K57&gt;4,K57&lt;10),TREND($AC$13:$AD$13,$AC$3:$AD$3,K57,TRUE),IF(K57&gt;=10,$AD$13,1)))),IF(K57&lt;=2,$AE$13,IF(AND(K57&gt;2,K57&lt;=4),TREND($AE$13:$AF$13,$AE$3:$AF$3,K57,TRUE),IF(AND(K57&gt;4,K57&lt;10),TREND($AF$13:$AG$13,$AF$3:$AG$3,K57,TRUE),IF(K57&gt;=10,$AG$13,1)))))</f>
        <v>8.9999999999999993E-3</v>
      </c>
      <c r="AE57" s="85" cm="1">
        <f t="array" ref="AE57">IF(J57&gt;30,IF(K57&lt;=2,$AB$14,IF(AND(K57&gt;2,K57&lt;=4),TREND($AB$14:$AC$14,$AB$3:$AC$3,K57,TRUE),IF(AND(K57&gt;4,K57&lt;10),TREND($AC$14:$AD$14,$AC$3:$AD$3,K57,TRUE),IF(K57&gt;=10,$AD$14,1)))),IF(K57&lt;=2,$AE$14,IF(AND(K57&gt;2,K57&lt;=4),TREND($AE$14:$AF$14,$AE$3:$AF$3,K57,TRUE),IF(AND(K57&gt;4,K57&lt;10),TREND($AF$14:$AG$14,$AF$3:$AG$3,K57,TRUE),IF(K57&gt;=10,$AG$14,1)))))</f>
        <v>1.4E-2</v>
      </c>
      <c r="AF57" s="85" cm="1">
        <f t="array" ref="AF57">IF(J57&gt;30,IF(K57&lt;=2,$AB$15,IF(AND(K57&gt;2,K57&lt;=4),TREND($AB$15:$AC$15,$AB$3:$AC$3,K57,TRUE),IF(AND(K57&gt;4,K57&lt;10),TREND($AC$15:$AD$15,$AC$3:$AD$3,K57,TRUE),IF(K57&gt;=10,$AD$15,1)))),IF(K57&lt;=2,$AE$15,IF(AND(K57&gt;2,K57&lt;=4),TREND($AE$15:$AF$15,$AE$3:$AF$3,K57,TRUE),IF(AND(K57&gt;4,K57&lt;10),TREND($AF$15:$AG$15,$AF$3:$AG$3,K57,TRUE),IF(K57&gt;=10,$AG$15,1)))))</f>
        <v>2.1999999999999999E-2</v>
      </c>
      <c r="AG57" s="86" cm="1">
        <f t="array" ref="AG57">IF(J57&gt;30,IF(K57&lt;=2,$AB$16,IF(AND(K57&gt;2,K57&lt;=4),TREND($AB$16:$AC$16,$AB$3:$AC$3,K57,TRUE),IF(AND(K57&gt;4,K57&lt;10),TREND($AC$16:$AD$16,$AC$3:$AD$3,K57,TRUE),IF(K57&gt;=10,$AD$16,1)))),IF(K57&lt;=2,$AE$16,IF(AND(K57&gt;2,K57&lt;=4),TREND($AE$16:$AF$16,$AE$3:$AF$3,K57,TRUE),IF(AND(K57&gt;4,K57&lt;10),TREND($AF$16:$AG$16,$AF$3:$AG$3,K57,TRUE),IF(K57&gt;=10,$AG$16,1)))))</f>
        <v>3.2000000000000001E-2</v>
      </c>
      <c r="AH57" s="85" cm="1">
        <f t="array" ref="AH57">IF(J57&gt;30,IF(K57&lt;=2,$AB$17,IF(AND(K57&gt;2,K57&lt;=4),TREND($AB$17:$AC$17,$AB$3:$AC$3,K57,TRUE),IF(AND(K57&gt;4,K57&lt;10),TREND($AC$17:$AD$17,$AC$3:$AD$3,K57,TRUE),IF(K57&gt;=10,$AD$17,1)))),IF(K57&lt;=2,$AE$17,IF(AND(K57&gt;2,K57&lt;=4),TREND($AE$17:$AF$17,$AE$3:$AF$3,K57,TRUE),IF(AND(K57&gt;4,K57&lt;10),TREND($AF$17:$AG$17,$AF$3:$AG$3,K57,TRUE),IF(K57&gt;=10,$AG$17,1)))))</f>
        <v>0.05</v>
      </c>
      <c r="AI57" s="85" cm="1">
        <f t="array" ref="AI57">IF(J57&gt;30,IF(K57&lt;=2,$AB$18,IF(AND(K57&gt;2,K57&lt;=4),TREND($AB$18:$AC$18,$AB$3:$AC$3,K57,TRUE),IF(AND(K57&gt;4,K57&lt;10),TREND($AC$18:$AD$18,$AC$3:$AD$3,K57,TRUE),IF(K57&gt;=10,$AD$18,1)))),IF(K57&lt;=2,$AE$18,IF(AND(K57&gt;2,K57&lt;=4),TREND($AE$18:$AF$18,$AE$3:$AF$3,K57,TRUE),IF(AND(K57&gt;4,K57&lt;10),TREND($AF$18:$AG$18,$AF$3:$AG$3,K57,TRUE),IF(K57&gt;=10,$AG$18,1)))))</f>
        <v>8.2000000000000003E-2</v>
      </c>
      <c r="AJ57" s="85" cm="1">
        <f t="array" ref="AJ57">IF(J57&gt;30,IF(K57&lt;=2,$AB$19,IF(AND(K57&gt;2,K57&lt;=4),TREND($AB$19:$AC$19,$AB$3:$AC$3,K57,TRUE),IF(AND(K57&gt;4,K57&lt;10),TREND($AC$19:$AD$19,$AC$3:$AD$3,K57,TRUE),IF(K57&gt;=10,$AD$19,1)))),IF(K57&lt;=2,$AE$19,IF(AND(K57&gt;2,K57&lt;=4),TREND($AE$19:$AF$19,$AE$3:$AF$3,K57,TRUE),IF(AND(K57&gt;4,K57&lt;10),TREND($AF$19:$AG$19,$AF$3:$AG$3,K57,TRUE),IF(K57&gt;=10,$AG$19,1)))))</f>
        <v>0.15</v>
      </c>
      <c r="AK57" s="85" cm="1">
        <f t="array" ref="AK57">IF(J57&gt;30,IF(K57&lt;=2,$AB$20,IF(AND(K57&gt;2,K57&lt;=4),TREND($AB$20:$AC$20,$AB$3:$AC$3,K57,TRUE),IF(AND(K57&gt;4,K57&lt;10),TREND($AC$20:$AD$20,$AC$3:$AD$3,K57,TRUE),IF(K57&gt;=10,$AD$20,1)))),IF(K57&lt;=2,$AE$20,IF(AND(K57&gt;2,K57&lt;=4),TREND($AE$20:$AF$20,$AE$3:$AF$3,K57,TRUE),IF(AND(K57&gt;4,K57&lt;10),TREND($AF$20:$AG$20,$AF$3:$AG$3,K57,TRUE),IF(K57&gt;=10,$AG$20,1)))))</f>
        <v>0.25</v>
      </c>
      <c r="AL57" s="85">
        <v>3</v>
      </c>
      <c r="AM57" s="92">
        <v>0</v>
      </c>
      <c r="AN57" s="92">
        <f t="shared" si="6"/>
        <v>0.6</v>
      </c>
      <c r="AO57" s="92">
        <f t="shared" si="21"/>
        <v>6</v>
      </c>
      <c r="AP57" s="92">
        <f t="shared" si="7"/>
        <v>10.6</v>
      </c>
      <c r="AQ57" s="92">
        <f t="shared" si="8"/>
        <v>18</v>
      </c>
      <c r="AR57" s="92">
        <f t="shared" si="9"/>
        <v>28</v>
      </c>
      <c r="AS57" s="92">
        <f t="shared" si="10"/>
        <v>44</v>
      </c>
      <c r="AT57" s="92">
        <f t="shared" si="11"/>
        <v>64</v>
      </c>
      <c r="AU57" s="92">
        <f t="shared" si="12"/>
        <v>100</v>
      </c>
      <c r="AV57" s="92">
        <f t="shared" si="13"/>
        <v>164</v>
      </c>
      <c r="AW57" s="92">
        <f t="shared" si="14"/>
        <v>300</v>
      </c>
      <c r="AX57" s="92">
        <f t="shared" si="15"/>
        <v>500</v>
      </c>
      <c r="AY57" s="92">
        <f t="shared" si="16"/>
        <v>6000</v>
      </c>
      <c r="AZ57" s="93">
        <v>0</v>
      </c>
      <c r="BA57" s="93">
        <f t="shared" si="36"/>
        <v>98.713485909222626</v>
      </c>
      <c r="BB57" s="93">
        <f t="shared" si="22"/>
        <v>394.85394363689051</v>
      </c>
      <c r="BC57" s="93">
        <f t="shared" si="23"/>
        <v>592.28091545533573</v>
      </c>
      <c r="BD57" s="93">
        <f t="shared" si="24"/>
        <v>789.70788727378101</v>
      </c>
      <c r="BE57" s="93">
        <f t="shared" si="25"/>
        <v>987.13485909222618</v>
      </c>
      <c r="BF57" s="93">
        <f t="shared" si="26"/>
        <v>1184.5618309106715</v>
      </c>
      <c r="BG57" s="93">
        <f t="shared" si="27"/>
        <v>1381.9888027291165</v>
      </c>
      <c r="BH57" s="93">
        <f t="shared" si="28"/>
        <v>1579.415774547562</v>
      </c>
      <c r="BI57" s="93">
        <f t="shared" si="29"/>
        <v>1776.8427463660071</v>
      </c>
      <c r="BJ57" s="93">
        <f t="shared" si="30"/>
        <v>1924.9129752298411</v>
      </c>
      <c r="BK57" s="93">
        <f t="shared" si="31"/>
        <v>1974.2697181844524</v>
      </c>
      <c r="BL57" s="93">
        <f t="shared" si="31"/>
        <v>1974.2697181844524</v>
      </c>
      <c r="BO57" s="59"/>
    </row>
    <row r="58" spans="2:67" x14ac:dyDescent="0.2">
      <c r="B58" s="79">
        <f t="shared" si="37"/>
        <v>-47.5</v>
      </c>
      <c r="C58" s="73">
        <f t="shared" si="20"/>
        <v>32</v>
      </c>
      <c r="D58" s="64">
        <f>INDEX('CPT Data'!$C$13:$C$20000,MATCH($C58,'CPT Data'!$B$13:$B$20000,1))</f>
        <v>31.988</v>
      </c>
      <c r="E58" s="55" t="str">
        <f>INDEX('CPT Data'!$P$13:$P$20000,MATCH($C58,'CPT Data'!$B$13:$B$20000,1))</f>
        <v>SAND</v>
      </c>
      <c r="F58" s="76" t="e">
        <f>INDEX('CPT Data'!$Q$13:$Q$20000,MATCH($C58,'CPT Data'!$B$13:$B$20000,1))</f>
        <v>#N/A</v>
      </c>
      <c r="G58" s="76">
        <f>INDEX('CPT Data'!$I$13:$I$20000,MATCH(C58,'CPT Data'!$B$13:$B$20000,1))</f>
        <v>19.145959087250148</v>
      </c>
      <c r="H58" s="76">
        <f>INDEX('CPT Data'!$J$13:$J$20000,MATCH($C58,'CPT Data'!$B$13:$B$20000,1))</f>
        <v>9.1459590872501479</v>
      </c>
      <c r="I58" s="76">
        <f>INDEX('CPT Data'!$L$13:$L$20000,MATCH(C58,'CPT Data'!$B$13:$B$20000,1))</f>
        <v>292.62496099656852</v>
      </c>
      <c r="J58" s="226">
        <f>INDEX('CPT Data'!$R$13:$R$20000,MATCH(C58,'CPT Data'!$B$13:$B$20000,1))</f>
        <v>35</v>
      </c>
      <c r="K58" s="76" t="e">
        <f>INDEX('CPT Data'!$S$13:$S$20000,MATCH($C58,'CPT Data'!$B$13:$B$20000,1))</f>
        <v>#N/A</v>
      </c>
      <c r="L58" s="55">
        <f>VLOOKUP($C58, 'Pile Property'!$A$8:$D$108,2,TRUE)</f>
        <v>2</v>
      </c>
      <c r="M58" s="234" t="e">
        <f>IF($E58="CLAY",ABS($F58-'CPT Data'!$Q$2898)/$D58,#N/A)</f>
        <v>#N/A</v>
      </c>
      <c r="N58" s="65" t="e">
        <f t="shared" si="32"/>
        <v>#N/A</v>
      </c>
      <c r="O58" s="76" t="e">
        <f t="shared" si="38"/>
        <v>#N/A</v>
      </c>
      <c r="P58" s="76" t="e">
        <f t="shared" si="1"/>
        <v>#N/A</v>
      </c>
      <c r="Q58" s="65" t="e">
        <f t="shared" si="18"/>
        <v>#N/A</v>
      </c>
      <c r="R58" s="76" t="e">
        <f t="shared" si="19"/>
        <v>#N/A</v>
      </c>
      <c r="S58" s="76" t="e">
        <f t="shared" si="33"/>
        <v>#N/A</v>
      </c>
      <c r="T58" s="76"/>
      <c r="U58" s="76"/>
      <c r="V58" s="76" t="e">
        <f t="shared" si="3"/>
        <v>#N/A</v>
      </c>
      <c r="W58" s="76" t="e">
        <f t="shared" si="34"/>
        <v>#N/A</v>
      </c>
      <c r="X58" s="76" t="e">
        <f t="shared" si="4"/>
        <v>#N/A</v>
      </c>
      <c r="Y58" s="76" t="e">
        <f t="shared" si="5"/>
        <v>#N/A</v>
      </c>
      <c r="Z58" s="76" t="e">
        <f t="shared" si="35"/>
        <v>#N/A</v>
      </c>
      <c r="AA58" s="85" t="e" cm="1">
        <f t="array" ref="AA58">IF(J58&gt;30,IF(K58&lt;=2,$AB$10,IF(AND(K58&gt;2,K58&lt;=4),TREND($AB$10:$AC$10,$AB$3:$AC$3,K58,TRUE),IF(AND(K58&gt;4,K58&lt;10),TREND($AC$10:$AD$10,$AC$3:$AD$3,K58,TRUE),IF(K58&gt;=10,$AD$10,1)))),IF(K58&lt;=2,$AE$10,IF(AND(K58&gt;2,K58&lt;=4),TREND($AE$10:$AF$10,$AE$3:$AF$3,K58,TRUE),IF(AND(K58&gt;4,K58&lt;10),TREND($AF$10:$AG$10,$AF$3:$AG$3,K58,TRUE),IF(K58&gt;=10,$AG$10,1)))))</f>
        <v>#N/A</v>
      </c>
      <c r="AB58" s="85" t="e" cm="1">
        <f t="array" ref="AB58">IF(J58&gt;30,IF(K58&lt;=2,$AB$11,IF(AND(K58&gt;2,K58&lt;=4),TREND($AB$11:$AC$11,$AB$3:$AC$3,K58,TRUE),IF(AND(K58&gt;4,K58&lt;10),TREND($AC$11:$AD$11,$AC$3:$AD$3,K58,TRUE),IF(K58&gt;=10,$AD$11,1)))),IF(K58&lt;=2,$AE$11,IF(AND(K58&gt;2,K58&lt;=4),TREND($AE$11:$AF$11,$AE$3:$AF$3,K58,TRUE),IF(AND(K58&gt;4,K58&lt;10),TREND($AF$11:$AG$11,$AF$3:$AG$3,K58,TRUE),IF(K58&gt;=10,$AG$11,1)))))</f>
        <v>#N/A</v>
      </c>
      <c r="AC58" s="85" t="e" cm="1">
        <f t="array" ref="AC58">IF(J58&gt;30,IF(K58&lt;=2,$AB$12,IF(AND(K58&gt;2,K58&lt;=4),TREND($AB$12:$AC$12,$AB$3:$AC$3,K58,TRUE),IF(AND(K58&gt;4,K58&lt;10),TREND($AC$12:$AD$12,$AC$3:$AD$3,K58,TRUE),IF(K58&gt;=10,$AD$12,1)))),IF(K58&lt;=2,$AE$12,IF(AND(K58&gt;2,K58&lt;=4),TREND($AE$12:$AF$12,$AE$3:$AF$3,K58,TRUE),IF(AND(K58&gt;4,K58&lt;10),TREND($AF$12:$AG$12,$AF$3:$AG$3,K58,TRUE),IF(K58&gt;=10,$AG$12,1)))))</f>
        <v>#N/A</v>
      </c>
      <c r="AD58" s="85" t="e" cm="1">
        <f t="array" ref="AD58">IF(J58&gt;30,IF(K58&lt;=2,$AB$13,IF(AND(K58&gt;2,K58&lt;=4),TREND($AB$13:$AC$13,$AB$3:$AC$3,K58,TRUE),IF(AND(K58&gt;4,K58&lt;10),TREND($AC$13:$AD$13,$AC$3:$AD$3,K58,TRUE),IF(K58&gt;=10,$AD$13,1)))),IF(K58&lt;=2,$AE$13,IF(AND(K58&gt;2,K58&lt;=4),TREND($AE$13:$AF$13,$AE$3:$AF$3,K58,TRUE),IF(AND(K58&gt;4,K58&lt;10),TREND($AF$13:$AG$13,$AF$3:$AG$3,K58,TRUE),IF(K58&gt;=10,$AG$13,1)))))</f>
        <v>#N/A</v>
      </c>
      <c r="AE58" s="85" t="e" cm="1">
        <f t="array" ref="AE58">IF(J58&gt;30,IF(K58&lt;=2,$AB$14,IF(AND(K58&gt;2,K58&lt;=4),TREND($AB$14:$AC$14,$AB$3:$AC$3,K58,TRUE),IF(AND(K58&gt;4,K58&lt;10),TREND($AC$14:$AD$14,$AC$3:$AD$3,K58,TRUE),IF(K58&gt;=10,$AD$14,1)))),IF(K58&lt;=2,$AE$14,IF(AND(K58&gt;2,K58&lt;=4),TREND($AE$14:$AF$14,$AE$3:$AF$3,K58,TRUE),IF(AND(K58&gt;4,K58&lt;10),TREND($AF$14:$AG$14,$AF$3:$AG$3,K58,TRUE),IF(K58&gt;=10,$AG$14,1)))))</f>
        <v>#N/A</v>
      </c>
      <c r="AF58" s="85" t="e" cm="1">
        <f t="array" ref="AF58">IF(J58&gt;30,IF(K58&lt;=2,$AB$15,IF(AND(K58&gt;2,K58&lt;=4),TREND($AB$15:$AC$15,$AB$3:$AC$3,K58,TRUE),IF(AND(K58&gt;4,K58&lt;10),TREND($AC$15:$AD$15,$AC$3:$AD$3,K58,TRUE),IF(K58&gt;=10,$AD$15,1)))),IF(K58&lt;=2,$AE$15,IF(AND(K58&gt;2,K58&lt;=4),TREND($AE$15:$AF$15,$AE$3:$AF$3,K58,TRUE),IF(AND(K58&gt;4,K58&lt;10),TREND($AF$15:$AG$15,$AF$3:$AG$3,K58,TRUE),IF(K58&gt;=10,$AG$15,1)))))</f>
        <v>#N/A</v>
      </c>
      <c r="AG58" s="86" t="e" cm="1">
        <f t="array" ref="AG58">IF(J58&gt;30,IF(K58&lt;=2,$AB$16,IF(AND(K58&gt;2,K58&lt;=4),TREND($AB$16:$AC$16,$AB$3:$AC$3,K58,TRUE),IF(AND(K58&gt;4,K58&lt;10),TREND($AC$16:$AD$16,$AC$3:$AD$3,K58,TRUE),IF(K58&gt;=10,$AD$16,1)))),IF(K58&lt;=2,$AE$16,IF(AND(K58&gt;2,K58&lt;=4),TREND($AE$16:$AF$16,$AE$3:$AF$3,K58,TRUE),IF(AND(K58&gt;4,K58&lt;10),TREND($AF$16:$AG$16,$AF$3:$AG$3,K58,TRUE),IF(K58&gt;=10,$AG$16,1)))))</f>
        <v>#N/A</v>
      </c>
      <c r="AH58" s="85" t="e" cm="1">
        <f t="array" ref="AH58">IF(J58&gt;30,IF(K58&lt;=2,$AB$17,IF(AND(K58&gt;2,K58&lt;=4),TREND($AB$17:$AC$17,$AB$3:$AC$3,K58,TRUE),IF(AND(K58&gt;4,K58&lt;10),TREND($AC$17:$AD$17,$AC$3:$AD$3,K58,TRUE),IF(K58&gt;=10,$AD$17,1)))),IF(K58&lt;=2,$AE$17,IF(AND(K58&gt;2,K58&lt;=4),TREND($AE$17:$AF$17,$AE$3:$AF$3,K58,TRUE),IF(AND(K58&gt;4,K58&lt;10),TREND($AF$17:$AG$17,$AF$3:$AG$3,K58,TRUE),IF(K58&gt;=10,$AG$17,1)))))</f>
        <v>#N/A</v>
      </c>
      <c r="AI58" s="85" t="e" cm="1">
        <f t="array" ref="AI58">IF(J58&gt;30,IF(K58&lt;=2,$AB$18,IF(AND(K58&gt;2,K58&lt;=4),TREND($AB$18:$AC$18,$AB$3:$AC$3,K58,TRUE),IF(AND(K58&gt;4,K58&lt;10),TREND($AC$18:$AD$18,$AC$3:$AD$3,K58,TRUE),IF(K58&gt;=10,$AD$18,1)))),IF(K58&lt;=2,$AE$18,IF(AND(K58&gt;2,K58&lt;=4),TREND($AE$18:$AF$18,$AE$3:$AF$3,K58,TRUE),IF(AND(K58&gt;4,K58&lt;10),TREND($AF$18:$AG$18,$AF$3:$AG$3,K58,TRUE),IF(K58&gt;=10,$AG$18,1)))))</f>
        <v>#N/A</v>
      </c>
      <c r="AJ58" s="85" t="e" cm="1">
        <f t="array" ref="AJ58">IF(J58&gt;30,IF(K58&lt;=2,$AB$19,IF(AND(K58&gt;2,K58&lt;=4),TREND($AB$19:$AC$19,$AB$3:$AC$3,K58,TRUE),IF(AND(K58&gt;4,K58&lt;10),TREND($AC$19:$AD$19,$AC$3:$AD$3,K58,TRUE),IF(K58&gt;=10,$AD$19,1)))),IF(K58&lt;=2,$AE$19,IF(AND(K58&gt;2,K58&lt;=4),TREND($AE$19:$AF$19,$AE$3:$AF$3,K58,TRUE),IF(AND(K58&gt;4,K58&lt;10),TREND($AF$19:$AG$19,$AF$3:$AG$3,K58,TRUE),IF(K58&gt;=10,$AG$19,1)))))</f>
        <v>#N/A</v>
      </c>
      <c r="AK58" s="85" t="e" cm="1">
        <f t="array" ref="AK58">IF(J58&gt;30,IF(K58&lt;=2,$AB$20,IF(AND(K58&gt;2,K58&lt;=4),TREND($AB$20:$AC$20,$AB$3:$AC$3,K58,TRUE),IF(AND(K58&gt;4,K58&lt;10),TREND($AC$20:$AD$20,$AC$3:$AD$3,K58,TRUE),IF(K58&gt;=10,$AD$20,1)))),IF(K58&lt;=2,$AE$20,IF(AND(K58&gt;2,K58&lt;=4),TREND($AE$20:$AF$20,$AE$3:$AF$3,K58,TRUE),IF(AND(K58&gt;4,K58&lt;10),TREND($AF$20:$AG$20,$AF$3:$AG$3,K58,TRUE),IF(K58&gt;=10,$AG$20,1)))))</f>
        <v>#N/A</v>
      </c>
      <c r="AL58" s="85">
        <v>3</v>
      </c>
      <c r="AM58" s="92">
        <v>0</v>
      </c>
      <c r="AN58" s="92" t="e">
        <f t="shared" si="6"/>
        <v>#N/A</v>
      </c>
      <c r="AO58" s="92" t="e">
        <f t="shared" si="21"/>
        <v>#N/A</v>
      </c>
      <c r="AP58" s="92" t="e">
        <f t="shared" si="7"/>
        <v>#N/A</v>
      </c>
      <c r="AQ58" s="92" t="e">
        <f t="shared" si="8"/>
        <v>#N/A</v>
      </c>
      <c r="AR58" s="92" t="e">
        <f t="shared" si="9"/>
        <v>#N/A</v>
      </c>
      <c r="AS58" s="92" t="e">
        <f t="shared" si="10"/>
        <v>#N/A</v>
      </c>
      <c r="AT58" s="92" t="e">
        <f t="shared" si="11"/>
        <v>#N/A</v>
      </c>
      <c r="AU58" s="92" t="e">
        <f t="shared" si="12"/>
        <v>#N/A</v>
      </c>
      <c r="AV58" s="92" t="e">
        <f t="shared" si="13"/>
        <v>#N/A</v>
      </c>
      <c r="AW58" s="92" t="e">
        <f t="shared" si="14"/>
        <v>#N/A</v>
      </c>
      <c r="AX58" s="92" t="e">
        <f t="shared" si="15"/>
        <v>#N/A</v>
      </c>
      <c r="AY58" s="92">
        <f t="shared" si="16"/>
        <v>6000</v>
      </c>
      <c r="AZ58" s="93">
        <v>0</v>
      </c>
      <c r="BA58" s="93" t="e">
        <f t="shared" si="36"/>
        <v>#N/A</v>
      </c>
      <c r="BB58" s="93" t="e">
        <f t="shared" si="22"/>
        <v>#N/A</v>
      </c>
      <c r="BC58" s="93" t="e">
        <f t="shared" si="23"/>
        <v>#N/A</v>
      </c>
      <c r="BD58" s="93" t="e">
        <f t="shared" si="24"/>
        <v>#N/A</v>
      </c>
      <c r="BE58" s="93" t="e">
        <f t="shared" si="25"/>
        <v>#N/A</v>
      </c>
      <c r="BF58" s="93" t="e">
        <f t="shared" si="26"/>
        <v>#N/A</v>
      </c>
      <c r="BG58" s="93" t="e">
        <f t="shared" si="27"/>
        <v>#N/A</v>
      </c>
      <c r="BH58" s="93" t="e">
        <f t="shared" si="28"/>
        <v>#N/A</v>
      </c>
      <c r="BI58" s="93" t="e">
        <f t="shared" si="29"/>
        <v>#N/A</v>
      </c>
      <c r="BJ58" s="93" t="e">
        <f t="shared" si="30"/>
        <v>#N/A</v>
      </c>
      <c r="BK58" s="93" t="e">
        <f t="shared" si="31"/>
        <v>#N/A</v>
      </c>
      <c r="BL58" s="93" t="e">
        <f t="shared" si="31"/>
        <v>#N/A</v>
      </c>
    </row>
    <row r="59" spans="2:67" x14ac:dyDescent="0.2">
      <c r="B59" s="79">
        <f t="shared" si="37"/>
        <v>-48.5</v>
      </c>
      <c r="C59" s="73">
        <f t="shared" si="20"/>
        <v>33</v>
      </c>
      <c r="D59" s="64">
        <f>INDEX('CPT Data'!$C$13:$C$20000,MATCH($C59,'CPT Data'!$B$13:$B$20000,1))</f>
        <v>32.986000000000004</v>
      </c>
      <c r="E59" s="55" t="str">
        <f>INDEX('CPT Data'!$P$13:$P$20000,MATCH($C59,'CPT Data'!$B$13:$B$20000,1))</f>
        <v>SAND</v>
      </c>
      <c r="F59" s="76" t="e">
        <f>INDEX('CPT Data'!$Q$13:$Q$20000,MATCH($C59,'CPT Data'!$B$13:$B$20000,1))</f>
        <v>#N/A</v>
      </c>
      <c r="G59" s="76">
        <f>INDEX('CPT Data'!$I$13:$I$20000,MATCH(C59,'CPT Data'!$B$13:$B$20000,1))</f>
        <v>20.292677531936036</v>
      </c>
      <c r="H59" s="76">
        <f>INDEX('CPT Data'!$J$13:$J$20000,MATCH($C59,'CPT Data'!$B$13:$B$20000,1))</f>
        <v>10.292677531936036</v>
      </c>
      <c r="I59" s="76">
        <f>INDEX('CPT Data'!$L$13:$L$20000,MATCH(C59,'CPT Data'!$B$13:$B$20000,1))</f>
        <v>339.58630981116568</v>
      </c>
      <c r="J59" s="226">
        <f>INDEX('CPT Data'!$R$13:$R$20000,MATCH(C59,'CPT Data'!$B$13:$B$20000,1))</f>
        <v>35</v>
      </c>
      <c r="K59" s="76" t="e">
        <f>INDEX('CPT Data'!$S$13:$S$20000,MATCH($C59,'CPT Data'!$B$13:$B$20000,1))</f>
        <v>#N/A</v>
      </c>
      <c r="L59" s="55">
        <f>VLOOKUP($C59, 'Pile Property'!$A$8:$D$108,2,TRUE)</f>
        <v>2</v>
      </c>
      <c r="M59" s="234" t="e">
        <f>IF($E59="CLAY",ABS($F59-'CPT Data'!$Q$2898)/$D59,#N/A)</f>
        <v>#N/A</v>
      </c>
      <c r="N59" s="65" t="e">
        <f t="shared" si="32"/>
        <v>#N/A</v>
      </c>
      <c r="O59" s="76" t="e">
        <f t="shared" si="38"/>
        <v>#N/A</v>
      </c>
      <c r="P59" s="76" t="e">
        <f t="shared" ref="P59:P100" si="39">$F59/$I59</f>
        <v>#N/A</v>
      </c>
      <c r="Q59" s="65" t="e">
        <f t="shared" si="18"/>
        <v>#N/A</v>
      </c>
      <c r="R59" s="76" t="e">
        <f t="shared" si="19"/>
        <v>#N/A</v>
      </c>
      <c r="S59" s="76" t="e">
        <f t="shared" si="33"/>
        <v>#N/A</v>
      </c>
      <c r="T59" s="76"/>
      <c r="U59" s="76"/>
      <c r="V59" s="76" t="e">
        <f t="shared" ref="V59:V100" si="40">MIN($S59 + $I59/$F59, $R59)</f>
        <v>#N/A</v>
      </c>
      <c r="W59" s="76" t="e">
        <f t="shared" si="34"/>
        <v>#N/A</v>
      </c>
      <c r="X59" s="76" t="e">
        <f t="shared" ref="X59:X100" si="41">IF($D59&gt;10, $R59, IF($F59 &lt; 15, $V59, $W59))</f>
        <v>#N/A</v>
      </c>
      <c r="Y59" s="76" t="e">
        <f t="shared" ref="Y59:Y100" si="42">$X59*$F59</f>
        <v>#N/A</v>
      </c>
      <c r="Z59" s="76" t="e">
        <f t="shared" si="35"/>
        <v>#N/A</v>
      </c>
      <c r="AA59" s="85" t="e" cm="1">
        <f t="array" ref="AA59">IF(J59&gt;30,IF(K59&lt;=2,$AB$10,IF(AND(K59&gt;2,K59&lt;=4),TREND($AB$10:$AC$10,$AB$3:$AC$3,K59,TRUE),IF(AND(K59&gt;4,K59&lt;10),TREND($AC$10:$AD$10,$AC$3:$AD$3,K59,TRUE),IF(K59&gt;=10,$AD$10,1)))),IF(K59&lt;=2,$AE$10,IF(AND(K59&gt;2,K59&lt;=4),TREND($AE$10:$AF$10,$AE$3:$AF$3,K59,TRUE),IF(AND(K59&gt;4,K59&lt;10),TREND($AF$10:$AG$10,$AF$3:$AG$3,K59,TRUE),IF(K59&gt;=10,$AG$10,1)))))</f>
        <v>#N/A</v>
      </c>
      <c r="AB59" s="85" t="e" cm="1">
        <f t="array" ref="AB59">IF(J59&gt;30,IF(K59&lt;=2,$AB$11,IF(AND(K59&gt;2,K59&lt;=4),TREND($AB$11:$AC$11,$AB$3:$AC$3,K59,TRUE),IF(AND(K59&gt;4,K59&lt;10),TREND($AC$11:$AD$11,$AC$3:$AD$3,K59,TRUE),IF(K59&gt;=10,$AD$11,1)))),IF(K59&lt;=2,$AE$11,IF(AND(K59&gt;2,K59&lt;=4),TREND($AE$11:$AF$11,$AE$3:$AF$3,K59,TRUE),IF(AND(K59&gt;4,K59&lt;10),TREND($AF$11:$AG$11,$AF$3:$AG$3,K59,TRUE),IF(K59&gt;=10,$AG$11,1)))))</f>
        <v>#N/A</v>
      </c>
      <c r="AC59" s="85" t="e" cm="1">
        <f t="array" ref="AC59">IF(J59&gt;30,IF(K59&lt;=2,$AB$12,IF(AND(K59&gt;2,K59&lt;=4),TREND($AB$12:$AC$12,$AB$3:$AC$3,K59,TRUE),IF(AND(K59&gt;4,K59&lt;10),TREND($AC$12:$AD$12,$AC$3:$AD$3,K59,TRUE),IF(K59&gt;=10,$AD$12,1)))),IF(K59&lt;=2,$AE$12,IF(AND(K59&gt;2,K59&lt;=4),TREND($AE$12:$AF$12,$AE$3:$AF$3,K59,TRUE),IF(AND(K59&gt;4,K59&lt;10),TREND($AF$12:$AG$12,$AF$3:$AG$3,K59,TRUE),IF(K59&gt;=10,$AG$12,1)))))</f>
        <v>#N/A</v>
      </c>
      <c r="AD59" s="85" t="e" cm="1">
        <f t="array" ref="AD59">IF(J59&gt;30,IF(K59&lt;=2,$AB$13,IF(AND(K59&gt;2,K59&lt;=4),TREND($AB$13:$AC$13,$AB$3:$AC$3,K59,TRUE),IF(AND(K59&gt;4,K59&lt;10),TREND($AC$13:$AD$13,$AC$3:$AD$3,K59,TRUE),IF(K59&gt;=10,$AD$13,1)))),IF(K59&lt;=2,$AE$13,IF(AND(K59&gt;2,K59&lt;=4),TREND($AE$13:$AF$13,$AE$3:$AF$3,K59,TRUE),IF(AND(K59&gt;4,K59&lt;10),TREND($AF$13:$AG$13,$AF$3:$AG$3,K59,TRUE),IF(K59&gt;=10,$AG$13,1)))))</f>
        <v>#N/A</v>
      </c>
      <c r="AE59" s="85" t="e" cm="1">
        <f t="array" ref="AE59">IF(J59&gt;30,IF(K59&lt;=2,$AB$14,IF(AND(K59&gt;2,K59&lt;=4),TREND($AB$14:$AC$14,$AB$3:$AC$3,K59,TRUE),IF(AND(K59&gt;4,K59&lt;10),TREND($AC$14:$AD$14,$AC$3:$AD$3,K59,TRUE),IF(K59&gt;=10,$AD$14,1)))),IF(K59&lt;=2,$AE$14,IF(AND(K59&gt;2,K59&lt;=4),TREND($AE$14:$AF$14,$AE$3:$AF$3,K59,TRUE),IF(AND(K59&gt;4,K59&lt;10),TREND($AF$14:$AG$14,$AF$3:$AG$3,K59,TRUE),IF(K59&gt;=10,$AG$14,1)))))</f>
        <v>#N/A</v>
      </c>
      <c r="AF59" s="85" t="e" cm="1">
        <f t="array" ref="AF59">IF(J59&gt;30,IF(K59&lt;=2,$AB$15,IF(AND(K59&gt;2,K59&lt;=4),TREND($AB$15:$AC$15,$AB$3:$AC$3,K59,TRUE),IF(AND(K59&gt;4,K59&lt;10),TREND($AC$15:$AD$15,$AC$3:$AD$3,K59,TRUE),IF(K59&gt;=10,$AD$15,1)))),IF(K59&lt;=2,$AE$15,IF(AND(K59&gt;2,K59&lt;=4),TREND($AE$15:$AF$15,$AE$3:$AF$3,K59,TRUE),IF(AND(K59&gt;4,K59&lt;10),TREND($AF$15:$AG$15,$AF$3:$AG$3,K59,TRUE),IF(K59&gt;=10,$AG$15,1)))))</f>
        <v>#N/A</v>
      </c>
      <c r="AG59" s="86" t="e" cm="1">
        <f t="array" ref="AG59">IF(J59&gt;30,IF(K59&lt;=2,$AB$16,IF(AND(K59&gt;2,K59&lt;=4),TREND($AB$16:$AC$16,$AB$3:$AC$3,K59,TRUE),IF(AND(K59&gt;4,K59&lt;10),TREND($AC$16:$AD$16,$AC$3:$AD$3,K59,TRUE),IF(K59&gt;=10,$AD$16,1)))),IF(K59&lt;=2,$AE$16,IF(AND(K59&gt;2,K59&lt;=4),TREND($AE$16:$AF$16,$AE$3:$AF$3,K59,TRUE),IF(AND(K59&gt;4,K59&lt;10),TREND($AF$16:$AG$16,$AF$3:$AG$3,K59,TRUE),IF(K59&gt;=10,$AG$16,1)))))</f>
        <v>#N/A</v>
      </c>
      <c r="AH59" s="85" t="e" cm="1">
        <f t="array" ref="AH59">IF(J59&gt;30,IF(K59&lt;=2,$AB$17,IF(AND(K59&gt;2,K59&lt;=4),TREND($AB$17:$AC$17,$AB$3:$AC$3,K59,TRUE),IF(AND(K59&gt;4,K59&lt;10),TREND($AC$17:$AD$17,$AC$3:$AD$3,K59,TRUE),IF(K59&gt;=10,$AD$17,1)))),IF(K59&lt;=2,$AE$17,IF(AND(K59&gt;2,K59&lt;=4),TREND($AE$17:$AF$17,$AE$3:$AF$3,K59,TRUE),IF(AND(K59&gt;4,K59&lt;10),TREND($AF$17:$AG$17,$AF$3:$AG$3,K59,TRUE),IF(K59&gt;=10,$AG$17,1)))))</f>
        <v>#N/A</v>
      </c>
      <c r="AI59" s="85" t="e" cm="1">
        <f t="array" ref="AI59">IF(J59&gt;30,IF(K59&lt;=2,$AB$18,IF(AND(K59&gt;2,K59&lt;=4),TREND($AB$18:$AC$18,$AB$3:$AC$3,K59,TRUE),IF(AND(K59&gt;4,K59&lt;10),TREND($AC$18:$AD$18,$AC$3:$AD$3,K59,TRUE),IF(K59&gt;=10,$AD$18,1)))),IF(K59&lt;=2,$AE$18,IF(AND(K59&gt;2,K59&lt;=4),TREND($AE$18:$AF$18,$AE$3:$AF$3,K59,TRUE),IF(AND(K59&gt;4,K59&lt;10),TREND($AF$18:$AG$18,$AF$3:$AG$3,K59,TRUE),IF(K59&gt;=10,$AG$18,1)))))</f>
        <v>#N/A</v>
      </c>
      <c r="AJ59" s="85" t="e" cm="1">
        <f t="array" ref="AJ59">IF(J59&gt;30,IF(K59&lt;=2,$AB$19,IF(AND(K59&gt;2,K59&lt;=4),TREND($AB$19:$AC$19,$AB$3:$AC$3,K59,TRUE),IF(AND(K59&gt;4,K59&lt;10),TREND($AC$19:$AD$19,$AC$3:$AD$3,K59,TRUE),IF(K59&gt;=10,$AD$19,1)))),IF(K59&lt;=2,$AE$19,IF(AND(K59&gt;2,K59&lt;=4),TREND($AE$19:$AF$19,$AE$3:$AF$3,K59,TRUE),IF(AND(K59&gt;4,K59&lt;10),TREND($AF$19:$AG$19,$AF$3:$AG$3,K59,TRUE),IF(K59&gt;=10,$AG$19,1)))))</f>
        <v>#N/A</v>
      </c>
      <c r="AK59" s="85" t="e" cm="1">
        <f t="array" ref="AK59">IF(J59&gt;30,IF(K59&lt;=2,$AB$20,IF(AND(K59&gt;2,K59&lt;=4),TREND($AB$20:$AC$20,$AB$3:$AC$3,K59,TRUE),IF(AND(K59&gt;4,K59&lt;10),TREND($AC$20:$AD$20,$AC$3:$AD$3,K59,TRUE),IF(K59&gt;=10,$AD$20,1)))),IF(K59&lt;=2,$AE$20,IF(AND(K59&gt;2,K59&lt;=4),TREND($AE$20:$AF$20,$AE$3:$AF$3,K59,TRUE),IF(AND(K59&gt;4,K59&lt;10),TREND($AF$20:$AG$20,$AF$3:$AG$3,K59,TRUE),IF(K59&gt;=10,$AG$20,1)))))</f>
        <v>#N/A</v>
      </c>
      <c r="AL59" s="85">
        <v>3</v>
      </c>
      <c r="AM59" s="92">
        <v>0</v>
      </c>
      <c r="AN59" s="92" t="e">
        <f t="shared" si="6"/>
        <v>#N/A</v>
      </c>
      <c r="AO59" s="92" t="e">
        <f t="shared" si="21"/>
        <v>#N/A</v>
      </c>
      <c r="AP59" s="92" t="e">
        <f t="shared" si="7"/>
        <v>#N/A</v>
      </c>
      <c r="AQ59" s="92" t="e">
        <f t="shared" si="8"/>
        <v>#N/A</v>
      </c>
      <c r="AR59" s="92" t="e">
        <f t="shared" si="9"/>
        <v>#N/A</v>
      </c>
      <c r="AS59" s="92" t="e">
        <f t="shared" si="10"/>
        <v>#N/A</v>
      </c>
      <c r="AT59" s="92" t="e">
        <f t="shared" si="11"/>
        <v>#N/A</v>
      </c>
      <c r="AU59" s="92" t="e">
        <f t="shared" si="12"/>
        <v>#N/A</v>
      </c>
      <c r="AV59" s="92" t="e">
        <f t="shared" si="13"/>
        <v>#N/A</v>
      </c>
      <c r="AW59" s="92" t="e">
        <f t="shared" si="14"/>
        <v>#N/A</v>
      </c>
      <c r="AX59" s="92" t="e">
        <f t="shared" si="15"/>
        <v>#N/A</v>
      </c>
      <c r="AY59" s="92">
        <f t="shared" si="16"/>
        <v>6000</v>
      </c>
      <c r="AZ59" s="93">
        <v>0</v>
      </c>
      <c r="BA59" s="93" t="e">
        <f t="shared" si="36"/>
        <v>#N/A</v>
      </c>
      <c r="BB59" s="93" t="e">
        <f t="shared" si="22"/>
        <v>#N/A</v>
      </c>
      <c r="BC59" s="93" t="e">
        <f t="shared" si="23"/>
        <v>#N/A</v>
      </c>
      <c r="BD59" s="93" t="e">
        <f t="shared" si="24"/>
        <v>#N/A</v>
      </c>
      <c r="BE59" s="93" t="e">
        <f t="shared" si="25"/>
        <v>#N/A</v>
      </c>
      <c r="BF59" s="93" t="e">
        <f t="shared" si="26"/>
        <v>#N/A</v>
      </c>
      <c r="BG59" s="93" t="e">
        <f t="shared" si="27"/>
        <v>#N/A</v>
      </c>
      <c r="BH59" s="93" t="e">
        <f t="shared" si="28"/>
        <v>#N/A</v>
      </c>
      <c r="BI59" s="93" t="e">
        <f t="shared" si="29"/>
        <v>#N/A</v>
      </c>
      <c r="BJ59" s="93" t="e">
        <f t="shared" si="30"/>
        <v>#N/A</v>
      </c>
      <c r="BK59" s="93" t="e">
        <f t="shared" si="31"/>
        <v>#N/A</v>
      </c>
      <c r="BL59" s="93" t="e">
        <f t="shared" si="31"/>
        <v>#N/A</v>
      </c>
    </row>
    <row r="60" spans="2:67" x14ac:dyDescent="0.2">
      <c r="B60" s="79">
        <f t="shared" si="37"/>
        <v>-49.5</v>
      </c>
      <c r="C60" s="73">
        <f t="shared" si="20"/>
        <v>34</v>
      </c>
      <c r="D60" s="64">
        <f>INDEX('CPT Data'!$C$13:$C$20000,MATCH($C60,'CPT Data'!$B$13:$B$20000,1))</f>
        <v>33.993000000000002</v>
      </c>
      <c r="E60" s="55" t="str">
        <f>INDEX('CPT Data'!$P$13:$P$20000,MATCH($C60,'CPT Data'!$B$13:$B$20000,1))</f>
        <v>CLAY</v>
      </c>
      <c r="F60" s="76">
        <f>INDEX('CPT Data'!$Q$13:$Q$20000,MATCH($C60,'CPT Data'!$B$13:$B$20000,1))</f>
        <v>345.0420479975175</v>
      </c>
      <c r="G60" s="76">
        <f>INDEX('CPT Data'!$I$13:$I$20000,MATCH(C60,'CPT Data'!$B$13:$B$20000,1))</f>
        <v>19.695685112516994</v>
      </c>
      <c r="H60" s="76">
        <f>INDEX('CPT Data'!$J$13:$J$20000,MATCH($C60,'CPT Data'!$B$13:$B$20000,1))</f>
        <v>9.6956851125169941</v>
      </c>
      <c r="I60" s="76">
        <f>INDEX('CPT Data'!$L$13:$L$20000,MATCH(C60,'CPT Data'!$B$13:$B$20000,1))</f>
        <v>329.6532938255778</v>
      </c>
      <c r="J60" s="226">
        <f>INDEX('CPT Data'!$R$13:$R$20000,MATCH(C60,'CPT Data'!$B$13:$B$20000,1))</f>
        <v>35</v>
      </c>
      <c r="K60" s="76">
        <f>INDEX('CPT Data'!$S$13:$S$20000,MATCH($C60,'CPT Data'!$B$13:$B$20000,1))</f>
        <v>5.9113247731549503</v>
      </c>
      <c r="L60" s="55">
        <f>VLOOKUP($C60, 'Pile Property'!$A$8:$D$108,2,TRUE)</f>
        <v>2</v>
      </c>
      <c r="M60" s="234">
        <f>IF($E60="CLAY",ABS($F60-'CPT Data'!$Q$2898)/$D60,#N/A)</f>
        <v>3.6007344185614727</v>
      </c>
      <c r="N60" s="65">
        <f t="shared" si="32"/>
        <v>1.5369331988530521</v>
      </c>
      <c r="O60" s="76">
        <f t="shared" si="38"/>
        <v>16.370693518934015</v>
      </c>
      <c r="P60" s="76">
        <f t="shared" si="39"/>
        <v>1.046681633280091</v>
      </c>
      <c r="Q60" s="65">
        <f t="shared" si="18"/>
        <v>0.49432930074497317</v>
      </c>
      <c r="R60" s="76">
        <f t="shared" si="19"/>
        <v>10.482987902234919</v>
      </c>
      <c r="S60" s="76">
        <f t="shared" si="33"/>
        <v>10.482987902234919</v>
      </c>
      <c r="T60" s="76"/>
      <c r="U60" s="76"/>
      <c r="V60" s="76">
        <f t="shared" si="40"/>
        <v>10.482987902234919</v>
      </c>
      <c r="W60" s="76">
        <f t="shared" si="34"/>
        <v>10.482987902234919</v>
      </c>
      <c r="X60" s="76">
        <f t="shared" si="41"/>
        <v>10.482987902234919</v>
      </c>
      <c r="Y60" s="76">
        <f t="shared" si="42"/>
        <v>3617.0716149203363</v>
      </c>
      <c r="Z60" s="76">
        <f t="shared" si="35"/>
        <v>7234.1432298406726</v>
      </c>
      <c r="AA60" s="85" cm="1">
        <f t="array" ref="AA60">IF(J60&gt;30,IF(K60&lt;=2,$AB$10,IF(AND(K60&gt;2,K60&lt;=4),TREND($AB$10:$AC$10,$AB$3:$AC$3,K60,TRUE),IF(AND(K60&gt;4,K60&lt;10),TREND($AC$10:$AD$10,$AC$3:$AD$3,K60,TRUE),IF(K60&gt;=10,$AD$10,1)))),IF(K60&lt;=2,$AE$10,IF(AND(K60&gt;2,K60&lt;=4),TREND($AE$10:$AF$10,$AE$3:$AF$3,K60,TRUE),IF(AND(K60&gt;4,K60&lt;10),TREND($AF$10:$AG$10,$AF$3:$AG$3,K60,TRUE),IF(K60&gt;=10,$AG$10,1)))))</f>
        <v>4.3185541288591581E-4</v>
      </c>
      <c r="AB60" s="85" cm="1">
        <f t="array" ref="AB60">IF(J60&gt;30,IF(K60&lt;=2,$AB$11,IF(AND(K60&gt;2,K60&lt;=4),TREND($AB$11:$AC$11,$AB$3:$AC$3,K60,TRUE),IF(AND(K60&gt;4,K60&lt;10),TREND($AC$11:$AD$11,$AC$3:$AD$3,K60,TRUE),IF(K60&gt;=10,$AD$11,1)))),IF(K60&lt;=2,$AE$11,IF(AND(K60&gt;2,K60&lt;=4),TREND($AE$11:$AF$11,$AE$3:$AF$3,K60,TRUE),IF(AND(K60&gt;4,K60&lt;10),TREND($AF$11:$AG$11,$AF$3:$AG$3,K60,TRUE),IF(K60&gt;=10,$AG$11,1)))))</f>
        <v>4.3185541288591591E-3</v>
      </c>
      <c r="AC60" s="85" cm="1">
        <f t="array" ref="AC60">IF(J60&gt;30,IF(K60&lt;=2,$AB$12,IF(AND(K60&gt;2,K60&lt;=4),TREND($AB$12:$AC$12,$AB$3:$AC$3,K60,TRUE),IF(AND(K60&gt;4,K60&lt;10),TREND($AC$12:$AD$12,$AC$3:$AD$3,K60,TRUE),IF(K60&gt;=10,$AD$12,1)))),IF(K60&lt;=2,$AE$12,IF(AND(K60&gt;2,K60&lt;=4),TREND($AE$12:$AF$12,$AE$3:$AF$3,K60,TRUE),IF(AND(K60&gt;4,K60&lt;10),TREND($AF$12:$AG$12,$AF$3:$AG$3,K60,TRUE),IF(K60&gt;=10,$AG$12,1)))))</f>
        <v>8.9556623865774745E-3</v>
      </c>
      <c r="AD60" s="85" cm="1">
        <f t="array" ref="AD60">IF(J60&gt;30,IF(K60&lt;=2,$AB$13,IF(AND(K60&gt;2,K60&lt;=4),TREND($AB$13:$AC$13,$AB$3:$AC$3,K60,TRUE),IF(AND(K60&gt;4,K60&lt;10),TREND($AC$13:$AD$13,$AC$3:$AD$3,K60,TRUE),IF(K60&gt;=10,$AD$13,1)))),IF(K60&lt;=2,$AE$13,IF(AND(K60&gt;2,K60&lt;=4),TREND($AE$13:$AF$13,$AE$3:$AF$3,K60,TRUE),IF(AND(K60&gt;4,K60&lt;10),TREND($AF$13:$AG$13,$AF$3:$AG$3,K60,TRUE),IF(K60&gt;=10,$AG$13,1)))))</f>
        <v>1.6911324773154952E-2</v>
      </c>
      <c r="AE60" s="85" cm="1">
        <f t="array" ref="AE60">IF(J60&gt;30,IF(K60&lt;=2,$AB$14,IF(AND(K60&gt;2,K60&lt;=4),TREND($AB$14:$AC$14,$AB$3:$AC$3,K60,TRUE),IF(AND(K60&gt;4,K60&lt;10),TREND($AC$14:$AD$14,$AC$3:$AD$3,K60,TRUE),IF(K60&gt;=10,$AD$14,1)))),IF(K60&lt;=2,$AE$14,IF(AND(K60&gt;2,K60&lt;=4),TREND($AE$14:$AF$14,$AE$3:$AF$3,K60,TRUE),IF(AND(K60&gt;4,K60&lt;10),TREND($AF$14:$AG$14,$AF$3:$AG$3,K60,TRUE),IF(K60&gt;=10,$AG$14,1)))))</f>
        <v>2.7185541288591582E-2</v>
      </c>
      <c r="AF60" s="85" cm="1">
        <f t="array" ref="AF60">IF(J60&gt;30,IF(K60&lt;=2,$AB$15,IF(AND(K60&gt;2,K60&lt;=4),TREND($AB$15:$AC$15,$AB$3:$AC$3,K60,TRUE),IF(AND(K60&gt;4,K60&lt;10),TREND($AC$15:$AD$15,$AC$3:$AD$3,K60,TRUE),IF(K60&gt;=10,$AD$15,1)))),IF(K60&lt;=2,$AE$15,IF(AND(K60&gt;2,K60&lt;=4),TREND($AE$15:$AF$15,$AE$3:$AF$3,K60,TRUE),IF(AND(K60&gt;4,K60&lt;10),TREND($AF$15:$AG$15,$AF$3:$AG$3,K60,TRUE),IF(K60&gt;=10,$AG$15,1)))))</f>
        <v>4.1096866061746534E-2</v>
      </c>
      <c r="AG60" s="86" cm="1">
        <f t="array" ref="AG60">IF(J60&gt;30,IF(K60&lt;=2,$AB$16,IF(AND(K60&gt;2,K60&lt;=4),TREND($AB$16:$AC$16,$AB$3:$AC$3,K60,TRUE),IF(AND(K60&gt;4,K60&lt;10),TREND($AC$16:$AD$16,$AC$3:$AD$3,K60,TRUE),IF(K60&gt;=10,$AD$16,1)))),IF(K60&lt;=2,$AE$16,IF(AND(K60&gt;2,K60&lt;=4),TREND($AE$16:$AF$16,$AE$3:$AF$3,K60,TRUE),IF(AND(K60&gt;4,K60&lt;10),TREND($AF$16:$AG$16,$AF$3:$AG$3,K60,TRUE),IF(K60&gt;=10,$AG$16,1)))))</f>
        <v>6.2326744963760644E-2</v>
      </c>
      <c r="AH60" s="85" cm="1">
        <f t="array" ref="AH60">IF(J60&gt;30,IF(K60&lt;=2,$AB$17,IF(AND(K60&gt;2,K60&lt;=4),TREND($AB$17:$AC$17,$AB$3:$AC$3,K60,TRUE),IF(AND(K60&gt;4,K60&lt;10),TREND($AC$17:$AD$17,$AC$3:$AD$3,K60,TRUE),IF(K60&gt;=10,$AD$17,1)))),IF(K60&lt;=2,$AE$17,IF(AND(K60&gt;2,K60&lt;=4),TREND($AE$17:$AF$17,$AE$3:$AF$3,K60,TRUE),IF(AND(K60&gt;4,K60&lt;10),TREND($AF$17:$AG$17,$AF$3:$AG$3,K60,TRUE),IF(K60&gt;=10,$AG$17,1)))))</f>
        <v>9.5467948638929712E-2</v>
      </c>
      <c r="AI60" s="85" cm="1">
        <f t="array" ref="AI60">IF(J60&gt;30,IF(K60&lt;=2,$AB$18,IF(AND(K60&gt;2,K60&lt;=4),TREND($AB$18:$AC$18,$AB$3:$AC$3,K60,TRUE),IF(AND(K60&gt;4,K60&lt;10),TREND($AC$18:$AD$18,$AC$3:$AD$3,K60,TRUE),IF(K60&gt;=10,$AD$18,1)))),IF(K60&lt;=2,$AE$18,IF(AND(K60&gt;2,K60&lt;=4),TREND($AE$18:$AF$18,$AE$3:$AF$3,K60,TRUE),IF(AND(K60&gt;4,K60&lt;10),TREND($AF$18:$AG$18,$AF$3:$AG$3,K60,TRUE),IF(K60&gt;=10,$AG$18,1)))))</f>
        <v>0.15592770644295792</v>
      </c>
      <c r="AJ60" s="85" cm="1">
        <f t="array" ref="AJ60">IF(J60&gt;30,IF(K60&lt;=2,$AB$19,IF(AND(K60&gt;2,K60&lt;=4),TREND($AB$19:$AC$19,$AB$3:$AC$3,K60,TRUE),IF(AND(K60&gt;4,K60&lt;10),TREND($AC$19:$AD$19,$AC$3:$AD$3,K60,TRUE),IF(K60&gt;=10,$AD$19,1)))),IF(K60&lt;=2,$AE$19,IF(AND(K60&gt;2,K60&lt;=4),TREND($AE$19:$AF$19,$AE$3:$AF$3,K60,TRUE),IF(AND(K60&gt;4,K60&lt;10),TREND($AF$19:$AG$19,$AF$3:$AG$3,K60,TRUE),IF(K60&gt;=10,$AG$19,1)))))</f>
        <v>0.25229878902014108</v>
      </c>
      <c r="AK60" s="85" cm="1">
        <f t="array" ref="AK60">IF(J60&gt;30,IF(K60&lt;=2,$AB$20,IF(AND(K60&gt;2,K60&lt;=4),TREND($AB$20:$AC$20,$AB$3:$AC$3,K60,TRUE),IF(AND(K60&gt;4,K60&lt;10),TREND($AC$20:$AD$20,$AC$3:$AD$3,K60,TRUE),IF(K60&gt;=10,$AD$20,1)))),IF(K60&lt;=2,$AE$20,IF(AND(K60&gt;2,K60&lt;=4),TREND($AE$20:$AF$20,$AE$3:$AF$3,K60,TRUE),IF(AND(K60&gt;4,K60&lt;10),TREND($AF$20:$AG$20,$AF$3:$AG$3,K60,TRUE),IF(K60&gt;=10,$AG$20,1)))))</f>
        <v>0.3318554128859158</v>
      </c>
      <c r="AL60" s="85">
        <v>3</v>
      </c>
      <c r="AM60" s="92">
        <v>0</v>
      </c>
      <c r="AN60" s="92">
        <f t="shared" si="6"/>
        <v>0.86371082577183167</v>
      </c>
      <c r="AO60" s="92">
        <f t="shared" si="21"/>
        <v>8.6371082577183174</v>
      </c>
      <c r="AP60" s="92">
        <f t="shared" si="7"/>
        <v>17.911324773154949</v>
      </c>
      <c r="AQ60" s="92">
        <f t="shared" si="8"/>
        <v>33.822649546309904</v>
      </c>
      <c r="AR60" s="92">
        <f t="shared" si="9"/>
        <v>54.371082577183167</v>
      </c>
      <c r="AS60" s="92">
        <f t="shared" si="10"/>
        <v>82.193732123493064</v>
      </c>
      <c r="AT60" s="92">
        <f t="shared" si="11"/>
        <v>124.65348992752129</v>
      </c>
      <c r="AU60" s="92">
        <f t="shared" si="12"/>
        <v>190.93589727785943</v>
      </c>
      <c r="AV60" s="92">
        <f t="shared" si="13"/>
        <v>311.85541288591583</v>
      </c>
      <c r="AW60" s="92">
        <f t="shared" si="14"/>
        <v>504.59757804028214</v>
      </c>
      <c r="AX60" s="92">
        <f t="shared" si="15"/>
        <v>663.71082577183165</v>
      </c>
      <c r="AY60" s="92">
        <f t="shared" si="16"/>
        <v>6000</v>
      </c>
      <c r="AZ60" s="93">
        <v>0</v>
      </c>
      <c r="BA60" s="93">
        <f t="shared" si="36"/>
        <v>361.70716149203366</v>
      </c>
      <c r="BB60" s="93">
        <f t="shared" si="22"/>
        <v>1446.8286459681347</v>
      </c>
      <c r="BC60" s="93">
        <f t="shared" si="23"/>
        <v>2170.2429689522019</v>
      </c>
      <c r="BD60" s="93">
        <f t="shared" si="24"/>
        <v>2893.6572919362693</v>
      </c>
      <c r="BE60" s="93">
        <f t="shared" si="25"/>
        <v>3617.0716149203363</v>
      </c>
      <c r="BF60" s="93">
        <f t="shared" si="26"/>
        <v>4340.4859379044037</v>
      </c>
      <c r="BG60" s="93">
        <f t="shared" si="27"/>
        <v>5063.9002608884703</v>
      </c>
      <c r="BH60" s="93">
        <f t="shared" si="28"/>
        <v>5787.3145838725386</v>
      </c>
      <c r="BI60" s="93">
        <f t="shared" si="29"/>
        <v>6510.7289068566051</v>
      </c>
      <c r="BJ60" s="93">
        <f t="shared" si="30"/>
        <v>7053.2896490946559</v>
      </c>
      <c r="BK60" s="93">
        <f t="shared" si="31"/>
        <v>7234.1432298406726</v>
      </c>
      <c r="BL60" s="93">
        <f t="shared" si="31"/>
        <v>7234.1432298406726</v>
      </c>
      <c r="BO60" s="59"/>
    </row>
    <row r="61" spans="2:67" x14ac:dyDescent="0.2">
      <c r="B61" s="79">
        <f t="shared" si="37"/>
        <v>-50.5</v>
      </c>
      <c r="C61" s="73">
        <f t="shared" si="20"/>
        <v>35</v>
      </c>
      <c r="D61" s="64">
        <f>INDEX('CPT Data'!$C$13:$C$20000,MATCH($C61,'CPT Data'!$B$13:$B$20000,1))</f>
        <v>34.984000000000002</v>
      </c>
      <c r="E61" s="55" t="str">
        <f>INDEX('CPT Data'!$P$13:$P$20000,MATCH($C61,'CPT Data'!$B$13:$B$20000,1))</f>
        <v>CLAY</v>
      </c>
      <c r="F61" s="76">
        <f>INDEX('CPT Data'!$Q$13:$Q$20000,MATCH($C61,'CPT Data'!$B$13:$B$20000,1))</f>
        <v>503.16580378310488</v>
      </c>
      <c r="G61" s="76">
        <f>INDEX('CPT Data'!$I$13:$I$20000,MATCH(C61,'CPT Data'!$B$13:$B$20000,1))</f>
        <v>19.757899456972968</v>
      </c>
      <c r="H61" s="76">
        <f>INDEX('CPT Data'!$J$13:$J$20000,MATCH($C61,'CPT Data'!$B$13:$B$20000,1))</f>
        <v>9.757899456972968</v>
      </c>
      <c r="I61" s="76">
        <f>INDEX('CPT Data'!$L$13:$L$20000,MATCH(C61,'CPT Data'!$B$13:$B$20000,1))</f>
        <v>341.43865989894113</v>
      </c>
      <c r="J61" s="226">
        <f>INDEX('CPT Data'!$R$13:$R$20000,MATCH(C61,'CPT Data'!$B$13:$B$20000,1))</f>
        <v>35</v>
      </c>
      <c r="K61" s="76">
        <f>INDEX('CPT Data'!$S$13:$S$20000,MATCH($C61,'CPT Data'!$B$13:$B$20000,1))</f>
        <v>9.0659766686058383</v>
      </c>
      <c r="L61" s="55">
        <f>VLOOKUP($C61, 'Pile Property'!$A$8:$D$108,2,TRUE)</f>
        <v>2</v>
      </c>
      <c r="M61" s="234">
        <f>IF($E61="CLAY",ABS($F61-'CPT Data'!$Q$2898)/$D61,#N/A)</f>
        <v>1.0211522609029051</v>
      </c>
      <c r="N61" s="65">
        <f t="shared" si="32"/>
        <v>5.4194545515148889</v>
      </c>
      <c r="O61" s="76">
        <f t="shared" si="38"/>
        <v>15.111902169288582</v>
      </c>
      <c r="P61" s="76">
        <f t="shared" si="39"/>
        <v>1.473663831541606</v>
      </c>
      <c r="Q61" s="65">
        <f t="shared" si="18"/>
        <v>0.45380617194767059</v>
      </c>
      <c r="R61" s="76">
        <f t="shared" si="19"/>
        <v>10.361418515843011</v>
      </c>
      <c r="S61" s="76">
        <f t="shared" si="33"/>
        <v>10.361418515843011</v>
      </c>
      <c r="T61" s="76"/>
      <c r="U61" s="76"/>
      <c r="V61" s="76">
        <f t="shared" si="40"/>
        <v>10.361418515843011</v>
      </c>
      <c r="W61" s="76">
        <f t="shared" si="34"/>
        <v>10.361418515843011</v>
      </c>
      <c r="X61" s="76">
        <f t="shared" si="41"/>
        <v>10.361418515843011</v>
      </c>
      <c r="Y61" s="76">
        <f t="shared" si="42"/>
        <v>5213.5114758572945</v>
      </c>
      <c r="Z61" s="76">
        <f t="shared" si="35"/>
        <v>10427.022951714589</v>
      </c>
      <c r="AA61" s="85" cm="1">
        <f t="array" ref="AA61">IF(J61&gt;30,IF(K61&lt;=2,$AB$10,IF(AND(K61&gt;2,K61&lt;=4),TREND($AB$10:$AC$10,$AB$3:$AC$3,K61,TRUE),IF(AND(K61&gt;4,K61&lt;10),TREND($AC$10:$AD$10,$AC$3:$AD$3,K61,TRUE),IF(K61&gt;=10,$AD$10,1)))),IF(K61&lt;=2,$AE$10,IF(AND(K61&gt;2,K61&lt;=4),TREND($AE$10:$AF$10,$AE$3:$AF$3,K61,TRUE),IF(AND(K61&gt;4,K61&lt;10),TREND($AF$10:$AG$10,$AF$3:$AG$3,K61,TRUE),IF(K61&gt;=10,$AG$10,1)))))</f>
        <v>4.8443294447676397E-4</v>
      </c>
      <c r="AB61" s="85" cm="1">
        <f t="array" ref="AB61">IF(J61&gt;30,IF(K61&lt;=2,$AB$11,IF(AND(K61&gt;2,K61&lt;=4),TREND($AB$11:$AC$11,$AB$3:$AC$3,K61,TRUE),IF(AND(K61&gt;4,K61&lt;10),TREND($AC$11:$AD$11,$AC$3:$AD$3,K61,TRUE),IF(K61&gt;=10,$AD$11,1)))),IF(K61&lt;=2,$AE$11,IF(AND(K61&gt;2,K61&lt;=4),TREND($AE$11:$AF$11,$AE$3:$AF$3,K61,TRUE),IF(AND(K61&gt;4,K61&lt;10),TREND($AF$11:$AG$11,$AF$3:$AG$3,K61,TRUE),IF(K61&gt;=10,$AG$11,1)))))</f>
        <v>4.8443294447676408E-3</v>
      </c>
      <c r="AC61" s="85" cm="1">
        <f t="array" ref="AC61">IF(J61&gt;30,IF(K61&lt;=2,$AB$12,IF(AND(K61&gt;2,K61&lt;=4),TREND($AB$12:$AC$12,$AB$3:$AC$3,K61,TRUE),IF(AND(K61&gt;4,K61&lt;10),TREND($AC$12:$AD$12,$AC$3:$AD$3,K61,TRUE),IF(K61&gt;=10,$AD$12,1)))),IF(K61&lt;=2,$AE$12,IF(AND(K61&gt;2,K61&lt;=4),TREND($AE$12:$AF$12,$AE$3:$AF$3,K61,TRUE),IF(AND(K61&gt;4,K61&lt;10),TREND($AF$12:$AG$12,$AF$3:$AG$3,K61,TRUE),IF(K61&gt;=10,$AG$12,1)))))</f>
        <v>1.0532988334302919E-2</v>
      </c>
      <c r="AD61" s="85" cm="1">
        <f t="array" ref="AD61">IF(J61&gt;30,IF(K61&lt;=2,$AB$13,IF(AND(K61&gt;2,K61&lt;=4),TREND($AB$13:$AC$13,$AB$3:$AC$3,K61,TRUE),IF(AND(K61&gt;4,K61&lt;10),TREND($AC$13:$AD$13,$AC$3:$AD$3,K61,TRUE),IF(K61&gt;=10,$AD$13,1)))),IF(K61&lt;=2,$AE$13,IF(AND(K61&gt;2,K61&lt;=4),TREND($AE$13:$AF$13,$AE$3:$AF$3,K61,TRUE),IF(AND(K61&gt;4,K61&lt;10),TREND($AF$13:$AG$13,$AF$3:$AG$3,K61,TRUE),IF(K61&gt;=10,$AG$13,1)))))</f>
        <v>2.0065976668605844E-2</v>
      </c>
      <c r="AE61" s="85" cm="1">
        <f t="array" ref="AE61">IF(J61&gt;30,IF(K61&lt;=2,$AB$14,IF(AND(K61&gt;2,K61&lt;=4),TREND($AB$14:$AC$14,$AB$3:$AC$3,K61,TRUE),IF(AND(K61&gt;4,K61&lt;10),TREND($AC$14:$AD$14,$AC$3:$AD$3,K61,TRUE),IF(K61&gt;=10,$AD$14,1)))),IF(K61&lt;=2,$AE$14,IF(AND(K61&gt;2,K61&lt;=4),TREND($AE$14:$AF$14,$AE$3:$AF$3,K61,TRUE),IF(AND(K61&gt;4,K61&lt;10),TREND($AF$14:$AG$14,$AF$3:$AG$3,K61,TRUE),IF(K61&gt;=10,$AG$14,1)))))</f>
        <v>3.24432944476764E-2</v>
      </c>
      <c r="AF61" s="85" cm="1">
        <f t="array" ref="AF61">IF(J61&gt;30,IF(K61&lt;=2,$AB$15,IF(AND(K61&gt;2,K61&lt;=4),TREND($AB$15:$AC$15,$AB$3:$AC$3,K61,TRUE),IF(AND(K61&gt;4,K61&lt;10),TREND($AC$15:$AD$15,$AC$3:$AD$3,K61,TRUE),IF(K61&gt;=10,$AD$15,1)))),IF(K61&lt;=2,$AE$15,IF(AND(K61&gt;2,K61&lt;=4),TREND($AE$15:$AF$15,$AE$3:$AF$3,K61,TRUE),IF(AND(K61&gt;4,K61&lt;10),TREND($AF$15:$AG$15,$AF$3:$AG$3,K61,TRUE),IF(K61&gt;=10,$AG$15,1)))))</f>
        <v>4.9509271116282234E-2</v>
      </c>
      <c r="AG61" s="86" cm="1">
        <f t="array" ref="AG61">IF(J61&gt;30,IF(K61&lt;=2,$AB$16,IF(AND(K61&gt;2,K61&lt;=4),TREND($AB$16:$AC$16,$AB$3:$AC$3,K61,TRUE),IF(AND(K61&gt;4,K61&lt;10),TREND($AC$16:$AD$16,$AC$3:$AD$3,K61,TRUE),IF(K61&gt;=10,$AD$16,1)))),IF(K61&lt;=2,$AE$16,IF(AND(K61&gt;2,K61&lt;=4),TREND($AE$16:$AF$16,$AE$3:$AF$3,K61,TRUE),IF(AND(K61&gt;4,K61&lt;10),TREND($AF$16:$AG$16,$AF$3:$AG$3,K61,TRUE),IF(K61&gt;=10,$AG$16,1)))))</f>
        <v>7.4419577229655712E-2</v>
      </c>
      <c r="AH61" s="85" cm="1">
        <f t="array" ref="AH61">IF(J61&gt;30,IF(K61&lt;=2,$AB$17,IF(AND(K61&gt;2,K61&lt;=4),TREND($AB$17:$AC$17,$AB$3:$AC$3,K61,TRUE),IF(AND(K61&gt;4,K61&lt;10),TREND($AC$17:$AD$17,$AC$3:$AD$3,K61,TRUE),IF(K61&gt;=10,$AD$17,1)))),IF(K61&lt;=2,$AE$17,IF(AND(K61&gt;2,K61&lt;=4),TREND($AE$17:$AF$17,$AE$3:$AF$3,K61,TRUE),IF(AND(K61&gt;4,K61&lt;10),TREND($AF$17:$AG$17,$AF$3:$AG$3,K61,TRUE),IF(K61&gt;=10,$AG$17,1)))))</f>
        <v>0.11439586001163504</v>
      </c>
      <c r="AI61" s="85" cm="1">
        <f t="array" ref="AI61">IF(J61&gt;30,IF(K61&lt;=2,$AB$18,IF(AND(K61&gt;2,K61&lt;=4),TREND($AB$18:$AC$18,$AB$3:$AC$3,K61,TRUE),IF(AND(K61&gt;4,K61&lt;10),TREND($AC$18:$AD$18,$AC$3:$AD$3,K61,TRUE),IF(K61&gt;=10,$AD$18,1)))),IF(K61&lt;=2,$AE$18,IF(AND(K61&gt;2,K61&lt;=4),TREND($AE$18:$AF$18,$AE$3:$AF$3,K61,TRUE),IF(AND(K61&gt;4,K61&lt;10),TREND($AF$18:$AG$18,$AF$3:$AG$3,K61,TRUE),IF(K61&gt;=10,$AG$18,1)))))</f>
        <v>0.182216472238382</v>
      </c>
      <c r="AJ61" s="85" cm="1">
        <f t="array" ref="AJ61">IF(J61&gt;30,IF(K61&lt;=2,$AB$19,IF(AND(K61&gt;2,K61&lt;=4),TREND($AB$19:$AC$19,$AB$3:$AC$3,K61,TRUE),IF(AND(K61&gt;4,K61&lt;10),TREND($AC$19:$AD$19,$AC$3:$AD$3,K61,TRUE),IF(K61&gt;=10,$AD$19,1)))),IF(K61&lt;=2,$AE$19,IF(AND(K61&gt;2,K61&lt;=4),TREND($AE$19:$AF$19,$AE$3:$AF$3,K61,TRUE),IF(AND(K61&gt;4,K61&lt;10),TREND($AF$19:$AG$19,$AF$3:$AG$3,K61,TRUE),IF(K61&gt;=10,$AG$19,1)))))</f>
        <v>0.28910306113373474</v>
      </c>
      <c r="AK61" s="85" cm="1">
        <f t="array" ref="AK61">IF(J61&gt;30,IF(K61&lt;=2,$AB$20,IF(AND(K61&gt;2,K61&lt;=4),TREND($AB$20:$AC$20,$AB$3:$AC$3,K61,TRUE),IF(AND(K61&gt;4,K61&lt;10),TREND($AC$20:$AD$20,$AC$3:$AD$3,K61,TRUE),IF(K61&gt;=10,$AD$20,1)))),IF(K61&lt;=2,$AE$20,IF(AND(K61&gt;2,K61&lt;=4),TREND($AE$20:$AF$20,$AE$3:$AF$3,K61,TRUE),IF(AND(K61&gt;4,K61&lt;10),TREND($AF$20:$AG$20,$AF$3:$AG$3,K61,TRUE),IF(K61&gt;=10,$AG$20,1)))))</f>
        <v>0.38443294447676402</v>
      </c>
      <c r="AL61" s="85">
        <v>3</v>
      </c>
      <c r="AM61" s="92">
        <v>0</v>
      </c>
      <c r="AN61" s="92">
        <f t="shared" si="6"/>
        <v>0.96886588895352799</v>
      </c>
      <c r="AO61" s="92">
        <f t="shared" si="21"/>
        <v>9.6886588895352812</v>
      </c>
      <c r="AP61" s="92">
        <f t="shared" si="7"/>
        <v>21.065976668605838</v>
      </c>
      <c r="AQ61" s="92">
        <f t="shared" si="8"/>
        <v>40.131953337211684</v>
      </c>
      <c r="AR61" s="92">
        <f t="shared" si="9"/>
        <v>64.886588895352801</v>
      </c>
      <c r="AS61" s="92">
        <f t="shared" si="10"/>
        <v>99.018542232564471</v>
      </c>
      <c r="AT61" s="92">
        <f t="shared" si="11"/>
        <v>148.83915445931143</v>
      </c>
      <c r="AU61" s="92">
        <f t="shared" si="12"/>
        <v>228.79172002327007</v>
      </c>
      <c r="AV61" s="92">
        <f t="shared" si="13"/>
        <v>364.43294447676402</v>
      </c>
      <c r="AW61" s="92">
        <f t="shared" si="14"/>
        <v>578.20612226746948</v>
      </c>
      <c r="AX61" s="92">
        <f t="shared" si="15"/>
        <v>768.86588895352804</v>
      </c>
      <c r="AY61" s="92">
        <f t="shared" si="16"/>
        <v>6000</v>
      </c>
      <c r="AZ61" s="93">
        <v>0</v>
      </c>
      <c r="BA61" s="93">
        <f t="shared" si="36"/>
        <v>521.35114758572945</v>
      </c>
      <c r="BB61" s="93">
        <f t="shared" si="22"/>
        <v>2085.4045903429178</v>
      </c>
      <c r="BC61" s="93">
        <f t="shared" si="23"/>
        <v>3128.1068855143767</v>
      </c>
      <c r="BD61" s="93">
        <f t="shared" si="24"/>
        <v>4170.8091806858356</v>
      </c>
      <c r="BE61" s="93">
        <f t="shared" si="25"/>
        <v>5213.5114758572945</v>
      </c>
      <c r="BF61" s="93">
        <f t="shared" si="26"/>
        <v>6256.2137710287534</v>
      </c>
      <c r="BG61" s="93">
        <f t="shared" si="27"/>
        <v>7298.9160662002114</v>
      </c>
      <c r="BH61" s="93">
        <f t="shared" si="28"/>
        <v>8341.6183613716712</v>
      </c>
      <c r="BI61" s="93">
        <f t="shared" si="29"/>
        <v>9384.3206565431301</v>
      </c>
      <c r="BJ61" s="93">
        <f t="shared" si="30"/>
        <v>10166.347377921724</v>
      </c>
      <c r="BK61" s="93">
        <f t="shared" si="31"/>
        <v>10427.022951714589</v>
      </c>
      <c r="BL61" s="93">
        <f t="shared" si="31"/>
        <v>10427.022951714589</v>
      </c>
    </row>
    <row r="62" spans="2:67" x14ac:dyDescent="0.2">
      <c r="B62" s="79">
        <f t="shared" si="37"/>
        <v>-51.5</v>
      </c>
      <c r="C62" s="73">
        <f t="shared" si="20"/>
        <v>36</v>
      </c>
      <c r="D62" s="64">
        <f>INDEX('CPT Data'!$C$13:$C$20000,MATCH($C62,'CPT Data'!$B$13:$B$20000,1))</f>
        <v>35.993000000000002</v>
      </c>
      <c r="E62" s="55" t="str">
        <f>INDEX('CPT Data'!$P$13:$P$20000,MATCH($C62,'CPT Data'!$B$13:$B$20000,1))</f>
        <v>CLAY</v>
      </c>
      <c r="F62" s="76">
        <f>INDEX('CPT Data'!$Q$13:$Q$20000,MATCH($C62,'CPT Data'!$B$13:$B$20000,1))</f>
        <v>373.52255162315601</v>
      </c>
      <c r="G62" s="76">
        <f>INDEX('CPT Data'!$I$13:$I$20000,MATCH(C62,'CPT Data'!$B$13:$B$20000,1))</f>
        <v>19.683532368019559</v>
      </c>
      <c r="H62" s="76">
        <f>INDEX('CPT Data'!$J$13:$J$20000,MATCH($C62,'CPT Data'!$B$13:$B$20000,1))</f>
        <v>9.6835323680195593</v>
      </c>
      <c r="I62" s="76">
        <f>INDEX('CPT Data'!$L$13:$L$20000,MATCH(C62,'CPT Data'!$B$13:$B$20000,1))</f>
        <v>348.60716524870412</v>
      </c>
      <c r="J62" s="226">
        <f>INDEX('CPT Data'!$R$13:$R$20000,MATCH(C62,'CPT Data'!$B$13:$B$20000,1))</f>
        <v>35</v>
      </c>
      <c r="K62" s="76">
        <f>INDEX('CPT Data'!$S$13:$S$20000,MATCH($C62,'CPT Data'!$B$13:$B$20000,1))</f>
        <v>6.0868446007213555</v>
      </c>
      <c r="L62" s="55">
        <f>VLOOKUP($C62, 'Pile Property'!$A$8:$D$108,2,TRUE)</f>
        <v>2</v>
      </c>
      <c r="M62" s="234">
        <f>IF($E62="CLAY",ABS($F62-'CPT Data'!$Q$2898)/$D62,#N/A)</f>
        <v>2.6093757526330572</v>
      </c>
      <c r="N62" s="65">
        <f t="shared" si="32"/>
        <v>2.1208475868435794</v>
      </c>
      <c r="O62" s="76">
        <f t="shared" si="38"/>
        <v>16.049028243417894</v>
      </c>
      <c r="P62" s="76">
        <f t="shared" si="39"/>
        <v>1.0714712400035631</v>
      </c>
      <c r="Q62" s="65">
        <f t="shared" si="18"/>
        <v>0.49144494778984432</v>
      </c>
      <c r="R62" s="76">
        <f t="shared" si="19"/>
        <v>10.474334843369533</v>
      </c>
      <c r="S62" s="76">
        <f t="shared" si="33"/>
        <v>10.474334843369533</v>
      </c>
      <c r="T62" s="76"/>
      <c r="U62" s="76"/>
      <c r="V62" s="76">
        <f t="shared" si="40"/>
        <v>10.474334843369533</v>
      </c>
      <c r="W62" s="76">
        <f t="shared" si="34"/>
        <v>10.474334843369533</v>
      </c>
      <c r="X62" s="76">
        <f t="shared" si="41"/>
        <v>10.474334843369533</v>
      </c>
      <c r="Y62" s="76">
        <f t="shared" si="42"/>
        <v>3912.4002772507183</v>
      </c>
      <c r="Z62" s="76">
        <f t="shared" si="35"/>
        <v>7824.8005545014366</v>
      </c>
      <c r="AA62" s="85" cm="1">
        <f t="array" ref="AA62">IF(J62&gt;30,IF(K62&lt;=2,$AB$10,IF(AND(K62&gt;2,K62&lt;=4),TREND($AB$10:$AC$10,$AB$3:$AC$3,K62,TRUE),IF(AND(K62&gt;4,K62&lt;10),TREND($AC$10:$AD$10,$AC$3:$AD$3,K62,TRUE),IF(K62&gt;=10,$AD$10,1)))),IF(K62&lt;=2,$AE$10,IF(AND(K62&gt;2,K62&lt;=4),TREND($AE$10:$AF$10,$AE$3:$AF$3,K62,TRUE),IF(AND(K62&gt;4,K62&lt;10),TREND($AF$10:$AG$10,$AF$3:$AG$3,K62,TRUE),IF(K62&gt;=10,$AG$10,1)))))</f>
        <v>4.3478074334535593E-4</v>
      </c>
      <c r="AB62" s="85" cm="1">
        <f t="array" ref="AB62">IF(J62&gt;30,IF(K62&lt;=2,$AB$11,IF(AND(K62&gt;2,K62&lt;=4),TREND($AB$11:$AC$11,$AB$3:$AC$3,K62,TRUE),IF(AND(K62&gt;4,K62&lt;10),TREND($AC$11:$AD$11,$AC$3:$AD$3,K62,TRUE),IF(K62&gt;=10,$AD$11,1)))),IF(K62&lt;=2,$AE$11,IF(AND(K62&gt;2,K62&lt;=4),TREND($AE$11:$AF$11,$AE$3:$AF$3,K62,TRUE),IF(AND(K62&gt;4,K62&lt;10),TREND($AF$11:$AG$11,$AF$3:$AG$3,K62,TRUE),IF(K62&gt;=10,$AG$11,1)))))</f>
        <v>4.3478074334535599E-3</v>
      </c>
      <c r="AC62" s="85" cm="1">
        <f t="array" ref="AC62">IF(J62&gt;30,IF(K62&lt;=2,$AB$12,IF(AND(K62&gt;2,K62&lt;=4),TREND($AB$12:$AC$12,$AB$3:$AC$3,K62,TRUE),IF(AND(K62&gt;4,K62&lt;10),TREND($AC$12:$AD$12,$AC$3:$AD$3,K62,TRUE),IF(K62&gt;=10,$AD$12,1)))),IF(K62&lt;=2,$AE$12,IF(AND(K62&gt;2,K62&lt;=4),TREND($AE$12:$AF$12,$AE$3:$AF$3,K62,TRUE),IF(AND(K62&gt;4,K62&lt;10),TREND($AF$12:$AG$12,$AF$3:$AG$3,K62,TRUE),IF(K62&gt;=10,$AG$12,1)))))</f>
        <v>9.0434223003606762E-3</v>
      </c>
      <c r="AD62" s="85" cm="1">
        <f t="array" ref="AD62">IF(J62&gt;30,IF(K62&lt;=2,$AB$13,IF(AND(K62&gt;2,K62&lt;=4),TREND($AB$13:$AC$13,$AB$3:$AC$3,K62,TRUE),IF(AND(K62&gt;4,K62&lt;10),TREND($AC$13:$AD$13,$AC$3:$AD$3,K62,TRUE),IF(K62&gt;=10,$AD$13,1)))),IF(K62&lt;=2,$AE$13,IF(AND(K62&gt;2,K62&lt;=4),TREND($AE$13:$AF$13,$AE$3:$AF$3,K62,TRUE),IF(AND(K62&gt;4,K62&lt;10),TREND($AF$13:$AG$13,$AF$3:$AG$3,K62,TRUE),IF(K62&gt;=10,$AG$13,1)))))</f>
        <v>1.7086844600721358E-2</v>
      </c>
      <c r="AE62" s="85" cm="1">
        <f t="array" ref="AE62">IF(J62&gt;30,IF(K62&lt;=2,$AB$14,IF(AND(K62&gt;2,K62&lt;=4),TREND($AB$14:$AC$14,$AB$3:$AC$3,K62,TRUE),IF(AND(K62&gt;4,K62&lt;10),TREND($AC$14:$AD$14,$AC$3:$AD$3,K62,TRUE),IF(K62&gt;=10,$AD$14,1)))),IF(K62&lt;=2,$AE$14,IF(AND(K62&gt;2,K62&lt;=4),TREND($AE$14:$AF$14,$AE$3:$AF$3,K62,TRUE),IF(AND(K62&gt;4,K62&lt;10),TREND($AF$14:$AG$14,$AF$3:$AG$3,K62,TRUE),IF(K62&gt;=10,$AG$14,1)))))</f>
        <v>2.7478074334535592E-2</v>
      </c>
      <c r="AF62" s="85" cm="1">
        <f t="array" ref="AF62">IF(J62&gt;30,IF(K62&lt;=2,$AB$15,IF(AND(K62&gt;2,K62&lt;=4),TREND($AB$15:$AC$15,$AB$3:$AC$3,K62,TRUE),IF(AND(K62&gt;4,K62&lt;10),TREND($AC$15:$AD$15,$AC$3:$AD$3,K62,TRUE),IF(K62&gt;=10,$AD$15,1)))),IF(K62&lt;=2,$AE$15,IF(AND(K62&gt;2,K62&lt;=4),TREND($AE$15:$AF$15,$AE$3:$AF$3,K62,TRUE),IF(AND(K62&gt;4,K62&lt;10),TREND($AF$15:$AG$15,$AF$3:$AG$3,K62,TRUE),IF(K62&gt;=10,$AG$15,1)))))</f>
        <v>4.1564918935256948E-2</v>
      </c>
      <c r="AG62" s="86" cm="1">
        <f t="array" ref="AG62">IF(J62&gt;30,IF(K62&lt;=2,$AB$16,IF(AND(K62&gt;2,K62&lt;=4),TREND($AB$16:$AC$16,$AB$3:$AC$3,K62,TRUE),IF(AND(K62&gt;4,K62&lt;10),TREND($AC$16:$AD$16,$AC$3:$AD$3,K62,TRUE),IF(K62&gt;=10,$AD$16,1)))),IF(K62&lt;=2,$AE$16,IF(AND(K62&gt;2,K62&lt;=4),TREND($AE$16:$AF$16,$AE$3:$AF$3,K62,TRUE),IF(AND(K62&gt;4,K62&lt;10),TREND($AF$16:$AG$16,$AF$3:$AG$3,K62,TRUE),IF(K62&gt;=10,$AG$16,1)))))</f>
        <v>6.2999570969431873E-2</v>
      </c>
      <c r="AH62" s="85" cm="1">
        <f t="array" ref="AH62">IF(J62&gt;30,IF(K62&lt;=2,$AB$17,IF(AND(K62&gt;2,K62&lt;=4),TREND($AB$17:$AC$17,$AB$3:$AC$3,K62,TRUE),IF(AND(K62&gt;4,K62&lt;10),TREND($AC$17:$AD$17,$AC$3:$AD$3,K62,TRUE),IF(K62&gt;=10,$AD$17,1)))),IF(K62&lt;=2,$AE$17,IF(AND(K62&gt;2,K62&lt;=4),TREND($AE$17:$AF$17,$AE$3:$AF$3,K62,TRUE),IF(AND(K62&gt;4,K62&lt;10),TREND($AF$17:$AG$17,$AF$3:$AG$3,K62,TRUE),IF(K62&gt;=10,$AG$17,1)))))</f>
        <v>9.6521067604328145E-2</v>
      </c>
      <c r="AI62" s="85" cm="1">
        <f t="array" ref="AI62">IF(J62&gt;30,IF(K62&lt;=2,$AB$18,IF(AND(K62&gt;2,K62&lt;=4),TREND($AB$18:$AC$18,$AB$3:$AC$3,K62,TRUE),IF(AND(K62&gt;4,K62&lt;10),TREND($AC$18:$AD$18,$AC$3:$AD$3,K62,TRUE),IF(K62&gt;=10,$AD$18,1)))),IF(K62&lt;=2,$AE$18,IF(AND(K62&gt;2,K62&lt;=4),TREND($AE$18:$AF$18,$AE$3:$AF$3,K62,TRUE),IF(AND(K62&gt;4,K62&lt;10),TREND($AF$18:$AG$18,$AF$3:$AG$3,K62,TRUE),IF(K62&gt;=10,$AG$18,1)))))</f>
        <v>0.15739037167267797</v>
      </c>
      <c r="AJ62" s="85" cm="1">
        <f t="array" ref="AJ62">IF(J62&gt;30,IF(K62&lt;=2,$AB$19,IF(AND(K62&gt;2,K62&lt;=4),TREND($AB$19:$AC$19,$AB$3:$AC$3,K62,TRUE),IF(AND(K62&gt;4,K62&lt;10),TREND($AC$19:$AD$19,$AC$3:$AD$3,K62,TRUE),IF(K62&gt;=10,$AD$19,1)))),IF(K62&lt;=2,$AE$19,IF(AND(K62&gt;2,K62&lt;=4),TREND($AE$19:$AF$19,$AE$3:$AF$3,K62,TRUE),IF(AND(K62&gt;4,K62&lt;10),TREND($AF$19:$AG$19,$AF$3:$AG$3,K62,TRUE),IF(K62&gt;=10,$AG$19,1)))))</f>
        <v>0.25434652034174915</v>
      </c>
      <c r="AK62" s="85" cm="1">
        <f t="array" ref="AK62">IF(J62&gt;30,IF(K62&lt;=2,$AB$20,IF(AND(K62&gt;2,K62&lt;=4),TREND($AB$20:$AC$20,$AB$3:$AC$3,K62,TRUE),IF(AND(K62&gt;4,K62&lt;10),TREND($AC$20:$AD$20,$AC$3:$AD$3,K62,TRUE),IF(K62&gt;=10,$AD$20,1)))),IF(K62&lt;=2,$AE$20,IF(AND(K62&gt;2,K62&lt;=4),TREND($AE$20:$AF$20,$AE$3:$AF$3,K62,TRUE),IF(AND(K62&gt;4,K62&lt;10),TREND($AF$20:$AG$20,$AF$3:$AG$3,K62,TRUE),IF(K62&gt;=10,$AG$20,1)))))</f>
        <v>0.3347807433453559</v>
      </c>
      <c r="AL62" s="85">
        <v>3</v>
      </c>
      <c r="AM62" s="92">
        <v>0</v>
      </c>
      <c r="AN62" s="92">
        <f t="shared" si="6"/>
        <v>0.86956148669071187</v>
      </c>
      <c r="AO62" s="92">
        <f t="shared" si="21"/>
        <v>8.6956148669071194</v>
      </c>
      <c r="AP62" s="92">
        <f t="shared" si="7"/>
        <v>18.086844600721353</v>
      </c>
      <c r="AQ62" s="92">
        <f t="shared" si="8"/>
        <v>34.17368920144272</v>
      </c>
      <c r="AR62" s="92">
        <f t="shared" si="9"/>
        <v>54.956148669071183</v>
      </c>
      <c r="AS62" s="92">
        <f t="shared" si="10"/>
        <v>83.129837870513896</v>
      </c>
      <c r="AT62" s="92">
        <f t="shared" si="11"/>
        <v>125.99914193886374</v>
      </c>
      <c r="AU62" s="92">
        <f t="shared" si="12"/>
        <v>193.04213520865628</v>
      </c>
      <c r="AV62" s="92">
        <f t="shared" si="13"/>
        <v>314.78074334535592</v>
      </c>
      <c r="AW62" s="92">
        <f t="shared" si="14"/>
        <v>508.69304068349828</v>
      </c>
      <c r="AX62" s="92">
        <f t="shared" si="15"/>
        <v>669.56148669071183</v>
      </c>
      <c r="AY62" s="92">
        <f t="shared" si="16"/>
        <v>6000</v>
      </c>
      <c r="AZ62" s="93">
        <v>0</v>
      </c>
      <c r="BA62" s="93">
        <f t="shared" si="36"/>
        <v>391.24002772507185</v>
      </c>
      <c r="BB62" s="93">
        <f t="shared" si="22"/>
        <v>1564.9601109002874</v>
      </c>
      <c r="BC62" s="93">
        <f t="shared" si="23"/>
        <v>2347.4401663504309</v>
      </c>
      <c r="BD62" s="93">
        <f t="shared" si="24"/>
        <v>3129.9202218005748</v>
      </c>
      <c r="BE62" s="93">
        <f t="shared" si="25"/>
        <v>3912.4002772507183</v>
      </c>
      <c r="BF62" s="93">
        <f t="shared" si="26"/>
        <v>4694.8803327008618</v>
      </c>
      <c r="BG62" s="93">
        <f t="shared" si="27"/>
        <v>5477.3603881510053</v>
      </c>
      <c r="BH62" s="93">
        <f t="shared" si="28"/>
        <v>6259.8404436011497</v>
      </c>
      <c r="BI62" s="93">
        <f t="shared" si="29"/>
        <v>7042.3204990512932</v>
      </c>
      <c r="BJ62" s="93">
        <f t="shared" si="30"/>
        <v>7629.1805406389003</v>
      </c>
      <c r="BK62" s="93">
        <f t="shared" si="31"/>
        <v>7824.8005545014366</v>
      </c>
      <c r="BL62" s="93">
        <f t="shared" si="31"/>
        <v>7824.8005545014366</v>
      </c>
    </row>
    <row r="63" spans="2:67" x14ac:dyDescent="0.2">
      <c r="B63" s="79">
        <f t="shared" si="37"/>
        <v>-52.5</v>
      </c>
      <c r="C63" s="73">
        <f t="shared" si="20"/>
        <v>37</v>
      </c>
      <c r="D63" s="64">
        <f>INDEX('CPT Data'!$C$13:$C$20000,MATCH($C63,'CPT Data'!$B$13:$B$20000,1))</f>
        <v>36.984999999999999</v>
      </c>
      <c r="E63" s="55" t="str">
        <f>INDEX('CPT Data'!$P$13:$P$20000,MATCH($C63,'CPT Data'!$B$13:$B$20000,1))</f>
        <v>SAND</v>
      </c>
      <c r="F63" s="76" t="e">
        <f>INDEX('CPT Data'!$Q$13:$Q$20000,MATCH($C63,'CPT Data'!$B$13:$B$20000,1))</f>
        <v>#N/A</v>
      </c>
      <c r="G63" s="76">
        <f>INDEX('CPT Data'!$I$13:$I$20000,MATCH(C63,'CPT Data'!$B$13:$B$20000,1))</f>
        <v>20.273403268010775</v>
      </c>
      <c r="H63" s="76">
        <f>INDEX('CPT Data'!$J$13:$J$20000,MATCH($C63,'CPT Data'!$B$13:$B$20000,1))</f>
        <v>10.273403268010775</v>
      </c>
      <c r="I63" s="76">
        <f>INDEX('CPT Data'!$L$13:$L$20000,MATCH(C63,'CPT Data'!$B$13:$B$20000,1))</f>
        <v>380.03373369025456</v>
      </c>
      <c r="J63" s="226">
        <f>INDEX('CPT Data'!$R$13:$R$20000,MATCH(C63,'CPT Data'!$B$13:$B$20000,1))</f>
        <v>35</v>
      </c>
      <c r="K63" s="76" t="e">
        <f>INDEX('CPT Data'!$S$13:$S$20000,MATCH($C63,'CPT Data'!$B$13:$B$20000,1))</f>
        <v>#N/A</v>
      </c>
      <c r="L63" s="55">
        <f>VLOOKUP($C63, 'Pile Property'!$A$8:$D$108,2,TRUE)</f>
        <v>2</v>
      </c>
      <c r="M63" s="234" t="e">
        <f>IF($E63="CLAY",ABS($F63-'CPT Data'!$Q$2898)/$D63,#N/A)</f>
        <v>#N/A</v>
      </c>
      <c r="N63" s="65" t="e">
        <f t="shared" si="32"/>
        <v>#N/A</v>
      </c>
      <c r="O63" s="76" t="e">
        <f t="shared" si="38"/>
        <v>#N/A</v>
      </c>
      <c r="P63" s="76" t="e">
        <f t="shared" si="39"/>
        <v>#N/A</v>
      </c>
      <c r="Q63" s="65" t="e">
        <f t="shared" si="18"/>
        <v>#N/A</v>
      </c>
      <c r="R63" s="76" t="e">
        <f t="shared" si="19"/>
        <v>#N/A</v>
      </c>
      <c r="S63" s="76" t="e">
        <f t="shared" si="33"/>
        <v>#N/A</v>
      </c>
      <c r="T63" s="76"/>
      <c r="U63" s="76"/>
      <c r="V63" s="76" t="e">
        <f t="shared" si="40"/>
        <v>#N/A</v>
      </c>
      <c r="W63" s="76" t="e">
        <f t="shared" si="34"/>
        <v>#N/A</v>
      </c>
      <c r="X63" s="76" t="e">
        <f t="shared" si="41"/>
        <v>#N/A</v>
      </c>
      <c r="Y63" s="76" t="e">
        <f t="shared" si="42"/>
        <v>#N/A</v>
      </c>
      <c r="Z63" s="76" t="e">
        <f t="shared" si="35"/>
        <v>#N/A</v>
      </c>
      <c r="AA63" s="85" t="e" cm="1">
        <f t="array" ref="AA63">IF(J63&gt;30,IF(K63&lt;=2,$AB$10,IF(AND(K63&gt;2,K63&lt;=4),TREND($AB$10:$AC$10,$AB$3:$AC$3,K63,TRUE),IF(AND(K63&gt;4,K63&lt;10),TREND($AC$10:$AD$10,$AC$3:$AD$3,K63,TRUE),IF(K63&gt;=10,$AD$10,1)))),IF(K63&lt;=2,$AE$10,IF(AND(K63&gt;2,K63&lt;=4),TREND($AE$10:$AF$10,$AE$3:$AF$3,K63,TRUE),IF(AND(K63&gt;4,K63&lt;10),TREND($AF$10:$AG$10,$AF$3:$AG$3,K63,TRUE),IF(K63&gt;=10,$AG$10,1)))))</f>
        <v>#N/A</v>
      </c>
      <c r="AB63" s="85" t="e" cm="1">
        <f t="array" ref="AB63">IF(J63&gt;30,IF(K63&lt;=2,$AB$11,IF(AND(K63&gt;2,K63&lt;=4),TREND($AB$11:$AC$11,$AB$3:$AC$3,K63,TRUE),IF(AND(K63&gt;4,K63&lt;10),TREND($AC$11:$AD$11,$AC$3:$AD$3,K63,TRUE),IF(K63&gt;=10,$AD$11,1)))),IF(K63&lt;=2,$AE$11,IF(AND(K63&gt;2,K63&lt;=4),TREND($AE$11:$AF$11,$AE$3:$AF$3,K63,TRUE),IF(AND(K63&gt;4,K63&lt;10),TREND($AF$11:$AG$11,$AF$3:$AG$3,K63,TRUE),IF(K63&gt;=10,$AG$11,1)))))</f>
        <v>#N/A</v>
      </c>
      <c r="AC63" s="85" t="e" cm="1">
        <f t="array" ref="AC63">IF(J63&gt;30,IF(K63&lt;=2,$AB$12,IF(AND(K63&gt;2,K63&lt;=4),TREND($AB$12:$AC$12,$AB$3:$AC$3,K63,TRUE),IF(AND(K63&gt;4,K63&lt;10),TREND($AC$12:$AD$12,$AC$3:$AD$3,K63,TRUE),IF(K63&gt;=10,$AD$12,1)))),IF(K63&lt;=2,$AE$12,IF(AND(K63&gt;2,K63&lt;=4),TREND($AE$12:$AF$12,$AE$3:$AF$3,K63,TRUE),IF(AND(K63&gt;4,K63&lt;10),TREND($AF$12:$AG$12,$AF$3:$AG$3,K63,TRUE),IF(K63&gt;=10,$AG$12,1)))))</f>
        <v>#N/A</v>
      </c>
      <c r="AD63" s="85" t="e" cm="1">
        <f t="array" ref="AD63">IF(J63&gt;30,IF(K63&lt;=2,$AB$13,IF(AND(K63&gt;2,K63&lt;=4),TREND($AB$13:$AC$13,$AB$3:$AC$3,K63,TRUE),IF(AND(K63&gt;4,K63&lt;10),TREND($AC$13:$AD$13,$AC$3:$AD$3,K63,TRUE),IF(K63&gt;=10,$AD$13,1)))),IF(K63&lt;=2,$AE$13,IF(AND(K63&gt;2,K63&lt;=4),TREND($AE$13:$AF$13,$AE$3:$AF$3,K63,TRUE),IF(AND(K63&gt;4,K63&lt;10),TREND($AF$13:$AG$13,$AF$3:$AG$3,K63,TRUE),IF(K63&gt;=10,$AG$13,1)))))</f>
        <v>#N/A</v>
      </c>
      <c r="AE63" s="85" t="e" cm="1">
        <f t="array" ref="AE63">IF(J63&gt;30,IF(K63&lt;=2,$AB$14,IF(AND(K63&gt;2,K63&lt;=4),TREND($AB$14:$AC$14,$AB$3:$AC$3,K63,TRUE),IF(AND(K63&gt;4,K63&lt;10),TREND($AC$14:$AD$14,$AC$3:$AD$3,K63,TRUE),IF(K63&gt;=10,$AD$14,1)))),IF(K63&lt;=2,$AE$14,IF(AND(K63&gt;2,K63&lt;=4),TREND($AE$14:$AF$14,$AE$3:$AF$3,K63,TRUE),IF(AND(K63&gt;4,K63&lt;10),TREND($AF$14:$AG$14,$AF$3:$AG$3,K63,TRUE),IF(K63&gt;=10,$AG$14,1)))))</f>
        <v>#N/A</v>
      </c>
      <c r="AF63" s="85" t="e" cm="1">
        <f t="array" ref="AF63">IF(J63&gt;30,IF(K63&lt;=2,$AB$15,IF(AND(K63&gt;2,K63&lt;=4),TREND($AB$15:$AC$15,$AB$3:$AC$3,K63,TRUE),IF(AND(K63&gt;4,K63&lt;10),TREND($AC$15:$AD$15,$AC$3:$AD$3,K63,TRUE),IF(K63&gt;=10,$AD$15,1)))),IF(K63&lt;=2,$AE$15,IF(AND(K63&gt;2,K63&lt;=4),TREND($AE$15:$AF$15,$AE$3:$AF$3,K63,TRUE),IF(AND(K63&gt;4,K63&lt;10),TREND($AF$15:$AG$15,$AF$3:$AG$3,K63,TRUE),IF(K63&gt;=10,$AG$15,1)))))</f>
        <v>#N/A</v>
      </c>
      <c r="AG63" s="86" t="e" cm="1">
        <f t="array" ref="AG63">IF(J63&gt;30,IF(K63&lt;=2,$AB$16,IF(AND(K63&gt;2,K63&lt;=4),TREND($AB$16:$AC$16,$AB$3:$AC$3,K63,TRUE),IF(AND(K63&gt;4,K63&lt;10),TREND($AC$16:$AD$16,$AC$3:$AD$3,K63,TRUE),IF(K63&gt;=10,$AD$16,1)))),IF(K63&lt;=2,$AE$16,IF(AND(K63&gt;2,K63&lt;=4),TREND($AE$16:$AF$16,$AE$3:$AF$3,K63,TRUE),IF(AND(K63&gt;4,K63&lt;10),TREND($AF$16:$AG$16,$AF$3:$AG$3,K63,TRUE),IF(K63&gt;=10,$AG$16,1)))))</f>
        <v>#N/A</v>
      </c>
      <c r="AH63" s="85" t="e" cm="1">
        <f t="array" ref="AH63">IF(J63&gt;30,IF(K63&lt;=2,$AB$17,IF(AND(K63&gt;2,K63&lt;=4),TREND($AB$17:$AC$17,$AB$3:$AC$3,K63,TRUE),IF(AND(K63&gt;4,K63&lt;10),TREND($AC$17:$AD$17,$AC$3:$AD$3,K63,TRUE),IF(K63&gt;=10,$AD$17,1)))),IF(K63&lt;=2,$AE$17,IF(AND(K63&gt;2,K63&lt;=4),TREND($AE$17:$AF$17,$AE$3:$AF$3,K63,TRUE),IF(AND(K63&gt;4,K63&lt;10),TREND($AF$17:$AG$17,$AF$3:$AG$3,K63,TRUE),IF(K63&gt;=10,$AG$17,1)))))</f>
        <v>#N/A</v>
      </c>
      <c r="AI63" s="85" t="e" cm="1">
        <f t="array" ref="AI63">IF(J63&gt;30,IF(K63&lt;=2,$AB$18,IF(AND(K63&gt;2,K63&lt;=4),TREND($AB$18:$AC$18,$AB$3:$AC$3,K63,TRUE),IF(AND(K63&gt;4,K63&lt;10),TREND($AC$18:$AD$18,$AC$3:$AD$3,K63,TRUE),IF(K63&gt;=10,$AD$18,1)))),IF(K63&lt;=2,$AE$18,IF(AND(K63&gt;2,K63&lt;=4),TREND($AE$18:$AF$18,$AE$3:$AF$3,K63,TRUE),IF(AND(K63&gt;4,K63&lt;10),TREND($AF$18:$AG$18,$AF$3:$AG$3,K63,TRUE),IF(K63&gt;=10,$AG$18,1)))))</f>
        <v>#N/A</v>
      </c>
      <c r="AJ63" s="85" t="e" cm="1">
        <f t="array" ref="AJ63">IF(J63&gt;30,IF(K63&lt;=2,$AB$19,IF(AND(K63&gt;2,K63&lt;=4),TREND($AB$19:$AC$19,$AB$3:$AC$3,K63,TRUE),IF(AND(K63&gt;4,K63&lt;10),TREND($AC$19:$AD$19,$AC$3:$AD$3,K63,TRUE),IF(K63&gt;=10,$AD$19,1)))),IF(K63&lt;=2,$AE$19,IF(AND(K63&gt;2,K63&lt;=4),TREND($AE$19:$AF$19,$AE$3:$AF$3,K63,TRUE),IF(AND(K63&gt;4,K63&lt;10),TREND($AF$19:$AG$19,$AF$3:$AG$3,K63,TRUE),IF(K63&gt;=10,$AG$19,1)))))</f>
        <v>#N/A</v>
      </c>
      <c r="AK63" s="85" t="e" cm="1">
        <f t="array" ref="AK63">IF(J63&gt;30,IF(K63&lt;=2,$AB$20,IF(AND(K63&gt;2,K63&lt;=4),TREND($AB$20:$AC$20,$AB$3:$AC$3,K63,TRUE),IF(AND(K63&gt;4,K63&lt;10),TREND($AC$20:$AD$20,$AC$3:$AD$3,K63,TRUE),IF(K63&gt;=10,$AD$20,1)))),IF(K63&lt;=2,$AE$20,IF(AND(K63&gt;2,K63&lt;=4),TREND($AE$20:$AF$20,$AE$3:$AF$3,K63,TRUE),IF(AND(K63&gt;4,K63&lt;10),TREND($AF$20:$AG$20,$AF$3:$AG$3,K63,TRUE),IF(K63&gt;=10,$AG$20,1)))))</f>
        <v>#N/A</v>
      </c>
      <c r="AL63" s="85">
        <v>3</v>
      </c>
      <c r="AM63" s="92">
        <v>0</v>
      </c>
      <c r="AN63" s="92" t="e">
        <f t="shared" si="6"/>
        <v>#N/A</v>
      </c>
      <c r="AO63" s="92" t="e">
        <f t="shared" si="21"/>
        <v>#N/A</v>
      </c>
      <c r="AP63" s="92" t="e">
        <f t="shared" si="7"/>
        <v>#N/A</v>
      </c>
      <c r="AQ63" s="92" t="e">
        <f t="shared" si="8"/>
        <v>#N/A</v>
      </c>
      <c r="AR63" s="92" t="e">
        <f t="shared" si="9"/>
        <v>#N/A</v>
      </c>
      <c r="AS63" s="92" t="e">
        <f t="shared" si="10"/>
        <v>#N/A</v>
      </c>
      <c r="AT63" s="92" t="e">
        <f t="shared" si="11"/>
        <v>#N/A</v>
      </c>
      <c r="AU63" s="92" t="e">
        <f t="shared" si="12"/>
        <v>#N/A</v>
      </c>
      <c r="AV63" s="92" t="e">
        <f t="shared" si="13"/>
        <v>#N/A</v>
      </c>
      <c r="AW63" s="92" t="e">
        <f t="shared" si="14"/>
        <v>#N/A</v>
      </c>
      <c r="AX63" s="92" t="e">
        <f t="shared" si="15"/>
        <v>#N/A</v>
      </c>
      <c r="AY63" s="92">
        <f t="shared" si="16"/>
        <v>6000</v>
      </c>
      <c r="AZ63" s="93">
        <v>0</v>
      </c>
      <c r="BA63" s="93" t="e">
        <f t="shared" si="36"/>
        <v>#N/A</v>
      </c>
      <c r="BB63" s="93" t="e">
        <f t="shared" si="22"/>
        <v>#N/A</v>
      </c>
      <c r="BC63" s="93" t="e">
        <f t="shared" si="23"/>
        <v>#N/A</v>
      </c>
      <c r="BD63" s="93" t="e">
        <f t="shared" si="24"/>
        <v>#N/A</v>
      </c>
      <c r="BE63" s="93" t="e">
        <f t="shared" si="25"/>
        <v>#N/A</v>
      </c>
      <c r="BF63" s="93" t="e">
        <f t="shared" si="26"/>
        <v>#N/A</v>
      </c>
      <c r="BG63" s="93" t="e">
        <f t="shared" si="27"/>
        <v>#N/A</v>
      </c>
      <c r="BH63" s="93" t="e">
        <f t="shared" si="28"/>
        <v>#N/A</v>
      </c>
      <c r="BI63" s="93" t="e">
        <f t="shared" si="29"/>
        <v>#N/A</v>
      </c>
      <c r="BJ63" s="93" t="e">
        <f t="shared" si="30"/>
        <v>#N/A</v>
      </c>
      <c r="BK63" s="93" t="e">
        <f t="shared" si="31"/>
        <v>#N/A</v>
      </c>
      <c r="BL63" s="93" t="e">
        <f t="shared" si="31"/>
        <v>#N/A</v>
      </c>
      <c r="BO63" s="59"/>
    </row>
    <row r="64" spans="2:67" x14ac:dyDescent="0.2">
      <c r="B64" s="79">
        <f t="shared" si="37"/>
        <v>-53.5</v>
      </c>
      <c r="C64" s="73">
        <f t="shared" si="20"/>
        <v>38</v>
      </c>
      <c r="D64" s="64">
        <f>INDEX('CPT Data'!$C$13:$C$20000,MATCH($C64,'CPT Data'!$B$13:$B$20000,1))</f>
        <v>37.99</v>
      </c>
      <c r="E64" s="55" t="str">
        <f>INDEX('CPT Data'!$P$13:$P$20000,MATCH($C64,'CPT Data'!$B$13:$B$20000,1))</f>
        <v>CLAY</v>
      </c>
      <c r="F64" s="76">
        <f>INDEX('CPT Data'!$Q$13:$Q$20000,MATCH($C64,'CPT Data'!$B$13:$B$20000,1))</f>
        <v>516.79607663558011</v>
      </c>
      <c r="G64" s="76">
        <f>INDEX('CPT Data'!$I$13:$I$20000,MATCH(C64,'CPT Data'!$B$13:$B$20000,1))</f>
        <v>20.063887348592733</v>
      </c>
      <c r="H64" s="76">
        <f>INDEX('CPT Data'!$J$13:$J$20000,MATCH($C64,'CPT Data'!$B$13:$B$20000,1))</f>
        <v>10.063887348592733</v>
      </c>
      <c r="I64" s="76">
        <f>INDEX('CPT Data'!$L$13:$L$20000,MATCH(C64,'CPT Data'!$B$13:$B$20000,1))</f>
        <v>382.39752758447804</v>
      </c>
      <c r="J64" s="226">
        <f>INDEX('CPT Data'!$R$13:$R$20000,MATCH(C64,'CPT Data'!$B$13:$B$20000,1))</f>
        <v>35</v>
      </c>
      <c r="K64" s="76">
        <f>INDEX('CPT Data'!$S$13:$S$20000,MATCH($C64,'CPT Data'!$B$13:$B$20000,1))</f>
        <v>8.1362021724570202</v>
      </c>
      <c r="L64" s="55">
        <f>VLOOKUP($C64, 'Pile Property'!$A$8:$D$108,2,TRUE)</f>
        <v>2</v>
      </c>
      <c r="M64" s="234">
        <f>IF($E64="CLAY",ABS($F64-'CPT Data'!$Q$3787)/$D64,#N/A)</f>
        <v>0.35681935640538415</v>
      </c>
      <c r="N64" s="65">
        <f t="shared" si="32"/>
        <v>15.509495684008423</v>
      </c>
      <c r="O64" s="76">
        <f t="shared" si="38"/>
        <v>14.5</v>
      </c>
      <c r="P64" s="76">
        <f t="shared" si="39"/>
        <v>1.3514629132151257</v>
      </c>
      <c r="Q64" s="65">
        <f t="shared" si="18"/>
        <v>0.46373403485172021</v>
      </c>
      <c r="R64" s="76">
        <f t="shared" si="19"/>
        <v>10.391202104555161</v>
      </c>
      <c r="S64" s="76">
        <f t="shared" si="33"/>
        <v>10.391202104555161</v>
      </c>
      <c r="T64" s="76"/>
      <c r="U64" s="76"/>
      <c r="V64" s="76">
        <f t="shared" si="40"/>
        <v>10.391202104555161</v>
      </c>
      <c r="W64" s="76">
        <f t="shared" si="34"/>
        <v>10.391202104555161</v>
      </c>
      <c r="X64" s="76">
        <f t="shared" si="41"/>
        <v>10.391202104555161</v>
      </c>
      <c r="Y64" s="76">
        <f t="shared" si="42"/>
        <v>5370.1324791614898</v>
      </c>
      <c r="Z64" s="76">
        <f t="shared" si="35"/>
        <v>10740.26495832298</v>
      </c>
      <c r="AA64" s="85" cm="1">
        <f t="array" ref="AA64">IF(J64&gt;30,IF(K64&lt;=2,$AB$10,IF(AND(K64&gt;2,K64&lt;=4),TREND($AB$10:$AC$10,$AB$3:$AC$3,K64,TRUE),IF(AND(K64&gt;4,K64&lt;10),TREND($AC$10:$AD$10,$AC$3:$AD$3,K64,TRUE),IF(K64&gt;=10,$AD$10,1)))),IF(K64&lt;=2,$AE$10,IF(AND(K64&gt;2,K64&lt;=4),TREND($AE$10:$AF$10,$AE$3:$AF$3,K64,TRUE),IF(AND(K64&gt;4,K64&lt;10),TREND($AF$10:$AG$10,$AF$3:$AG$3,K64,TRUE),IF(K64&gt;=10,$AG$10,1)))))</f>
        <v>4.6893670287428361E-4</v>
      </c>
      <c r="AB64" s="85" cm="1">
        <f t="array" ref="AB64">IF(J64&gt;30,IF(K64&lt;=2,$AB$11,IF(AND(K64&gt;2,K64&lt;=4),TREND($AB$11:$AC$11,$AB$3:$AC$3,K64,TRUE),IF(AND(K64&gt;4,K64&lt;10),TREND($AC$11:$AD$11,$AC$3:$AD$3,K64,TRUE),IF(K64&gt;=10,$AD$11,1)))),IF(K64&lt;=2,$AE$11,IF(AND(K64&gt;2,K64&lt;=4),TREND($AE$11:$AF$11,$AE$3:$AF$3,K64,TRUE),IF(AND(K64&gt;4,K64&lt;10),TREND($AF$11:$AG$11,$AF$3:$AG$3,K64,TRUE),IF(K64&gt;=10,$AG$11,1)))))</f>
        <v>4.6893670287428378E-3</v>
      </c>
      <c r="AC64" s="85" cm="1">
        <f t="array" ref="AC64">IF(J64&gt;30,IF(K64&lt;=2,$AB$12,IF(AND(K64&gt;2,K64&lt;=4),TREND($AB$12:$AC$12,$AB$3:$AC$3,K64,TRUE),IF(AND(K64&gt;4,K64&lt;10),TREND($AC$12:$AD$12,$AC$3:$AD$3,K64,TRUE),IF(K64&gt;=10,$AD$12,1)))),IF(K64&lt;=2,$AE$12,IF(AND(K64&gt;2,K64&lt;=4),TREND($AE$12:$AF$12,$AE$3:$AF$3,K64,TRUE),IF(AND(K64&gt;4,K64&lt;10),TREND($AF$12:$AG$12,$AF$3:$AG$3,K64,TRUE),IF(K64&gt;=10,$AG$12,1)))))</f>
        <v>1.006810108622851E-2</v>
      </c>
      <c r="AD64" s="85" cm="1">
        <f t="array" ref="AD64">IF(J64&gt;30,IF(K64&lt;=2,$AB$13,IF(AND(K64&gt;2,K64&lt;=4),TREND($AB$13:$AC$13,$AB$3:$AC$3,K64,TRUE),IF(AND(K64&gt;4,K64&lt;10),TREND($AC$13:$AD$13,$AC$3:$AD$3,K64,TRUE),IF(K64&gt;=10,$AD$13,1)))),IF(K64&lt;=2,$AE$13,IF(AND(K64&gt;2,K64&lt;=4),TREND($AE$13:$AF$13,$AE$3:$AF$3,K64,TRUE),IF(AND(K64&gt;4,K64&lt;10),TREND($AF$13:$AG$13,$AF$3:$AG$3,K64,TRUE),IF(K64&gt;=10,$AG$13,1)))))</f>
        <v>1.9136202172457022E-2</v>
      </c>
      <c r="AE64" s="85" cm="1">
        <f t="array" ref="AE64">IF(J64&gt;30,IF(K64&lt;=2,$AB$14,IF(AND(K64&gt;2,K64&lt;=4),TREND($AB$14:$AC$14,$AB$3:$AC$3,K64,TRUE),IF(AND(K64&gt;4,K64&lt;10),TREND($AC$14:$AD$14,$AC$3:$AD$3,K64,TRUE),IF(K64&gt;=10,$AD$14,1)))),IF(K64&lt;=2,$AE$14,IF(AND(K64&gt;2,K64&lt;=4),TREND($AE$14:$AF$14,$AE$3:$AF$3,K64,TRUE),IF(AND(K64&gt;4,K64&lt;10),TREND($AF$14:$AG$14,$AF$3:$AG$3,K64,TRUE),IF(K64&gt;=10,$AG$14,1)))))</f>
        <v>3.0893670287428371E-2</v>
      </c>
      <c r="AF64" s="85" cm="1">
        <f t="array" ref="AF64">IF(J64&gt;30,IF(K64&lt;=2,$AB$15,IF(AND(K64&gt;2,K64&lt;=4),TREND($AB$15:$AC$15,$AB$3:$AC$3,K64,TRUE),IF(AND(K64&gt;4,K64&lt;10),TREND($AC$15:$AD$15,$AC$3:$AD$3,K64,TRUE),IF(K64&gt;=10,$AD$15,1)))),IF(K64&lt;=2,$AE$15,IF(AND(K64&gt;2,K64&lt;=4),TREND($AE$15:$AF$15,$AE$3:$AF$3,K64,TRUE),IF(AND(K64&gt;4,K64&lt;10),TREND($AF$15:$AG$15,$AF$3:$AG$3,K64,TRUE),IF(K64&gt;=10,$AG$15,1)))))</f>
        <v>4.7029872459885387E-2</v>
      </c>
      <c r="AG64" s="86" cm="1">
        <f t="array" ref="AG64">IF(J64&gt;30,IF(K64&lt;=2,$AB$16,IF(AND(K64&gt;2,K64&lt;=4),TREND($AB$16:$AC$16,$AB$3:$AC$3,K64,TRUE),IF(AND(K64&gt;4,K64&lt;10),TREND($AC$16:$AD$16,$AC$3:$AD$3,K64,TRUE),IF(K64&gt;=10,$AD$16,1)))),IF(K64&lt;=2,$AE$16,IF(AND(K64&gt;2,K64&lt;=4),TREND($AE$16:$AF$16,$AE$3:$AF$3,K64,TRUE),IF(AND(K64&gt;4,K64&lt;10),TREND($AF$16:$AG$16,$AF$3:$AG$3,K64,TRUE),IF(K64&gt;=10,$AG$16,1)))))</f>
        <v>7.0855441661085247E-2</v>
      </c>
      <c r="AH64" s="85" cm="1">
        <f t="array" ref="AH64">IF(J64&gt;30,IF(K64&lt;=2,$AB$17,IF(AND(K64&gt;2,K64&lt;=4),TREND($AB$17:$AC$17,$AB$3:$AC$3,K64,TRUE),IF(AND(K64&gt;4,K64&lt;10),TREND($AC$17:$AD$17,$AC$3:$AD$3,K64,TRUE),IF(K64&gt;=10,$AD$17,1)))),IF(K64&lt;=2,$AE$17,IF(AND(K64&gt;2,K64&lt;=4),TREND($AE$17:$AF$17,$AE$3:$AF$3,K64,TRUE),IF(AND(K64&gt;4,K64&lt;10),TREND($AF$17:$AG$17,$AF$3:$AG$3,K64,TRUE),IF(K64&gt;=10,$AG$17,1)))))</f>
        <v>0.10881721303474212</v>
      </c>
      <c r="AI64" s="85" cm="1">
        <f t="array" ref="AI64">IF(J64&gt;30,IF(K64&lt;=2,$AB$18,IF(AND(K64&gt;2,K64&lt;=4),TREND($AB$18:$AC$18,$AB$3:$AC$3,K64,TRUE),IF(AND(K64&gt;4,K64&lt;10),TREND($AC$18:$AD$18,$AC$3:$AD$3,K64,TRUE),IF(K64&gt;=10,$AD$18,1)))),IF(K64&lt;=2,$AE$18,IF(AND(K64&gt;2,K64&lt;=4),TREND($AE$18:$AF$18,$AE$3:$AF$3,K64,TRUE),IF(AND(K64&gt;4,K64&lt;10),TREND($AF$18:$AG$18,$AF$3:$AG$3,K64,TRUE),IF(K64&gt;=10,$AG$18,1)))))</f>
        <v>0.17446835143714184</v>
      </c>
      <c r="AJ64" s="85" cm="1">
        <f t="array" ref="AJ64">IF(J64&gt;30,IF(K64&lt;=2,$AB$19,IF(AND(K64&gt;2,K64&lt;=4),TREND($AB$19:$AC$19,$AB$3:$AC$3,K64,TRUE),IF(AND(K64&gt;4,K64&lt;10),TREND($AC$19:$AD$19,$AC$3:$AD$3,K64,TRUE),IF(K64&gt;=10,$AD$19,1)))),IF(K64&lt;=2,$AE$19,IF(AND(K64&gt;2,K64&lt;=4),TREND($AE$19:$AF$19,$AE$3:$AF$3,K64,TRUE),IF(AND(K64&gt;4,K64&lt;10),TREND($AF$19:$AG$19,$AF$3:$AG$3,K64,TRUE),IF(K64&gt;=10,$AG$19,1)))))</f>
        <v>0.27825569201199857</v>
      </c>
      <c r="AK64" s="85" cm="1">
        <f t="array" ref="AK64">IF(J64&gt;30,IF(K64&lt;=2,$AB$20,IF(AND(K64&gt;2,K64&lt;=4),TREND($AB$20:$AC$20,$AB$3:$AC$3,K64,TRUE),IF(AND(K64&gt;4,K64&lt;10),TREND($AC$20:$AD$20,$AC$3:$AD$3,K64,TRUE),IF(K64&gt;=10,$AD$20,1)))),IF(K64&lt;=2,$AE$20,IF(AND(K64&gt;2,K64&lt;=4),TREND($AE$20:$AF$20,$AE$3:$AF$3,K64,TRUE),IF(AND(K64&gt;4,K64&lt;10),TREND($AF$20:$AG$20,$AF$3:$AG$3,K64,TRUE),IF(K64&gt;=10,$AG$20,1)))))</f>
        <v>0.36893670287428371</v>
      </c>
      <c r="AL64" s="85">
        <v>3</v>
      </c>
      <c r="AM64" s="92">
        <v>0</v>
      </c>
      <c r="AN64" s="92">
        <f t="shared" si="6"/>
        <v>0.93787340574856726</v>
      </c>
      <c r="AO64" s="92">
        <f t="shared" si="21"/>
        <v>9.3787340574856763</v>
      </c>
      <c r="AP64" s="92">
        <f t="shared" si="7"/>
        <v>20.136202172457018</v>
      </c>
      <c r="AQ64" s="92">
        <f t="shared" si="8"/>
        <v>38.272404344914044</v>
      </c>
      <c r="AR64" s="92">
        <f t="shared" si="9"/>
        <v>61.787340574856742</v>
      </c>
      <c r="AS64" s="92">
        <f t="shared" si="10"/>
        <v>94.059744919770779</v>
      </c>
      <c r="AT64" s="92">
        <f t="shared" si="11"/>
        <v>141.7108833221705</v>
      </c>
      <c r="AU64" s="92">
        <f t="shared" si="12"/>
        <v>217.63442606948425</v>
      </c>
      <c r="AV64" s="92">
        <f t="shared" si="13"/>
        <v>348.9367028742837</v>
      </c>
      <c r="AW64" s="92">
        <f t="shared" si="14"/>
        <v>556.51138402399715</v>
      </c>
      <c r="AX64" s="92">
        <f t="shared" si="15"/>
        <v>737.87340574856739</v>
      </c>
      <c r="AY64" s="92">
        <f t="shared" si="16"/>
        <v>6000</v>
      </c>
      <c r="AZ64" s="93">
        <v>0</v>
      </c>
      <c r="BA64" s="93">
        <f t="shared" si="36"/>
        <v>537.013247916149</v>
      </c>
      <c r="BB64" s="93">
        <f t="shared" si="22"/>
        <v>2148.052991664596</v>
      </c>
      <c r="BC64" s="93">
        <f t="shared" si="23"/>
        <v>3222.0794874968938</v>
      </c>
      <c r="BD64" s="93">
        <f t="shared" si="24"/>
        <v>4296.105983329192</v>
      </c>
      <c r="BE64" s="93">
        <f t="shared" si="25"/>
        <v>5370.1324791614898</v>
      </c>
      <c r="BF64" s="93">
        <f t="shared" si="26"/>
        <v>6444.1589749937875</v>
      </c>
      <c r="BG64" s="93">
        <f t="shared" si="27"/>
        <v>7518.1854708260853</v>
      </c>
      <c r="BH64" s="93">
        <f t="shared" si="28"/>
        <v>8592.211966658384</v>
      </c>
      <c r="BI64" s="93">
        <f t="shared" si="29"/>
        <v>9666.2384624906827</v>
      </c>
      <c r="BJ64" s="93">
        <f t="shared" si="30"/>
        <v>10471.758334364904</v>
      </c>
      <c r="BK64" s="93">
        <f t="shared" si="31"/>
        <v>10740.26495832298</v>
      </c>
      <c r="BL64" s="93">
        <f t="shared" si="31"/>
        <v>10740.26495832298</v>
      </c>
    </row>
    <row r="65" spans="2:67" x14ac:dyDescent="0.2">
      <c r="B65" s="79">
        <f t="shared" si="37"/>
        <v>-54.5</v>
      </c>
      <c r="C65" s="73">
        <f t="shared" si="20"/>
        <v>39</v>
      </c>
      <c r="D65" s="64">
        <f>INDEX('CPT Data'!$C$13:$C$20000,MATCH($C65,'CPT Data'!$B$13:$B$20000,1))</f>
        <v>38.992000000000004</v>
      </c>
      <c r="E65" s="55" t="str">
        <f>INDEX('CPT Data'!$P$13:$P$20000,MATCH($C65,'CPT Data'!$B$13:$B$20000,1))</f>
        <v>CLAY</v>
      </c>
      <c r="F65" s="76">
        <f>INDEX('CPT Data'!$Q$13:$Q$20000,MATCH($C65,'CPT Data'!$B$13:$B$20000,1))</f>
        <v>422.73848252898227</v>
      </c>
      <c r="G65" s="76">
        <f>INDEX('CPT Data'!$I$13:$I$20000,MATCH(C65,'CPT Data'!$B$13:$B$20000,1))</f>
        <v>19.464459623825725</v>
      </c>
      <c r="H65" s="76">
        <f>INDEX('CPT Data'!$J$13:$J$20000,MATCH($C65,'CPT Data'!$B$13:$B$20000,1))</f>
        <v>9.464459623825725</v>
      </c>
      <c r="I65" s="76">
        <f>INDEX('CPT Data'!$L$13:$L$20000,MATCH(C65,'CPT Data'!$B$13:$B$20000,1))</f>
        <v>369.1044608695795</v>
      </c>
      <c r="J65" s="226">
        <f>INDEX('CPT Data'!$R$13:$R$20000,MATCH(C65,'CPT Data'!$B$13:$B$20000,1))</f>
        <v>35</v>
      </c>
      <c r="K65" s="76">
        <f>INDEX('CPT Data'!$S$13:$S$20000,MATCH($C65,'CPT Data'!$B$13:$B$20000,1))</f>
        <v>6.6156067086165615</v>
      </c>
      <c r="L65" s="55">
        <f>VLOOKUP($C65, 'Pile Property'!$A$8:$D$108,2,TRUE)</f>
        <v>2</v>
      </c>
      <c r="M65" s="234">
        <f>IF($E65="CLAY",ABS($F65-'CPT Data'!$Q$3787)/$D65,#N/A)</f>
        <v>2.0645780354112966</v>
      </c>
      <c r="N65" s="65">
        <f t="shared" si="32"/>
        <v>2.6804936278601312</v>
      </c>
      <c r="O65" s="76">
        <f t="shared" si="38"/>
        <v>15.815106007963507</v>
      </c>
      <c r="P65" s="76">
        <f t="shared" si="39"/>
        <v>1.1453085165458188</v>
      </c>
      <c r="Q65" s="65">
        <f t="shared" si="18"/>
        <v>0.48332513597597454</v>
      </c>
      <c r="R65" s="76">
        <f t="shared" si="19"/>
        <v>10.449975407927923</v>
      </c>
      <c r="S65" s="76">
        <f t="shared" si="33"/>
        <v>10.449975407927923</v>
      </c>
      <c r="T65" s="76"/>
      <c r="U65" s="76"/>
      <c r="V65" s="76">
        <f t="shared" si="40"/>
        <v>10.449975407927923</v>
      </c>
      <c r="W65" s="76">
        <f t="shared" si="34"/>
        <v>10.449975407927923</v>
      </c>
      <c r="X65" s="76">
        <f t="shared" si="41"/>
        <v>10.449975407927923</v>
      </c>
      <c r="Y65" s="76">
        <f t="shared" si="42"/>
        <v>4417.6067464126327</v>
      </c>
      <c r="Z65" s="76">
        <f t="shared" si="35"/>
        <v>8835.2134928252653</v>
      </c>
      <c r="AA65" s="85" cm="1">
        <f t="array" ref="AA65">IF(J65&gt;30,IF(K65&lt;=2,$AB$10,IF(AND(K65&gt;2,K65&lt;=4),TREND($AB$10:$AC$10,$AB$3:$AC$3,K65,TRUE),IF(AND(K65&gt;4,K65&lt;10),TREND($AC$10:$AD$10,$AC$3:$AD$3,K65,TRUE),IF(K65&gt;=10,$AD$10,1)))),IF(K65&lt;=2,$AE$10,IF(AND(K65&gt;2,K65&lt;=4),TREND($AE$10:$AF$10,$AE$3:$AF$3,K65,TRUE),IF(AND(K65&gt;4,K65&lt;10),TREND($AF$10:$AG$10,$AF$3:$AG$3,K65,TRUE),IF(K65&gt;=10,$AG$10,1)))))</f>
        <v>4.435934451436093E-4</v>
      </c>
      <c r="AB65" s="85" cm="1">
        <f t="array" ref="AB65">IF(J65&gt;30,IF(K65&lt;=2,$AB$11,IF(AND(K65&gt;2,K65&lt;=4),TREND($AB$11:$AC$11,$AB$3:$AC$3,K65,TRUE),IF(AND(K65&gt;4,K65&lt;10),TREND($AC$11:$AD$11,$AC$3:$AD$3,K65,TRUE),IF(K65&gt;=10,$AD$11,1)))),IF(K65&lt;=2,$AE$11,IF(AND(K65&gt;2,K65&lt;=4),TREND($AE$11:$AF$11,$AE$3:$AF$3,K65,TRUE),IF(AND(K65&gt;4,K65&lt;10),TREND($AF$11:$AG$11,$AF$3:$AG$3,K65,TRUE),IF(K65&gt;=10,$AG$11,1)))))</f>
        <v>4.4359344514360941E-3</v>
      </c>
      <c r="AC65" s="85" cm="1">
        <f t="array" ref="AC65">IF(J65&gt;30,IF(K65&lt;=2,$AB$12,IF(AND(K65&gt;2,K65&lt;=4),TREND($AB$12:$AC$12,$AB$3:$AC$3,K65,TRUE),IF(AND(K65&gt;4,K65&lt;10),TREND($AC$12:$AD$12,$AC$3:$AD$3,K65,TRUE),IF(K65&gt;=10,$AD$12,1)))),IF(K65&lt;=2,$AE$12,IF(AND(K65&gt;2,K65&lt;=4),TREND($AE$12:$AF$12,$AE$3:$AF$3,K65,TRUE),IF(AND(K65&gt;4,K65&lt;10),TREND($AF$12:$AG$12,$AF$3:$AG$3,K65,TRUE),IF(K65&gt;=10,$AG$12,1)))))</f>
        <v>9.3078033543082805E-3</v>
      </c>
      <c r="AD65" s="85" cm="1">
        <f t="array" ref="AD65">IF(J65&gt;30,IF(K65&lt;=2,$AB$13,IF(AND(K65&gt;2,K65&lt;=4),TREND($AB$13:$AC$13,$AB$3:$AC$3,K65,TRUE),IF(AND(K65&gt;4,K65&lt;10),TREND($AC$13:$AD$13,$AC$3:$AD$3,K65,TRUE),IF(K65&gt;=10,$AD$13,1)))),IF(K65&lt;=2,$AE$13,IF(AND(K65&gt;2,K65&lt;=4),TREND($AE$13:$AF$13,$AE$3:$AF$3,K65,TRUE),IF(AND(K65&gt;4,K65&lt;10),TREND($AF$13:$AG$13,$AF$3:$AG$3,K65,TRUE),IF(K65&gt;=10,$AG$13,1)))))</f>
        <v>1.7615606708616564E-2</v>
      </c>
      <c r="AE65" s="85" cm="1">
        <f t="array" ref="AE65">IF(J65&gt;30,IF(K65&lt;=2,$AB$14,IF(AND(K65&gt;2,K65&lt;=4),TREND($AB$14:$AC$14,$AB$3:$AC$3,K65,TRUE),IF(AND(K65&gt;4,K65&lt;10),TREND($AC$14:$AD$14,$AC$3:$AD$3,K65,TRUE),IF(K65&gt;=10,$AD$14,1)))),IF(K65&lt;=2,$AE$14,IF(AND(K65&gt;2,K65&lt;=4),TREND($AE$14:$AF$14,$AE$3:$AF$3,K65,TRUE),IF(AND(K65&gt;4,K65&lt;10),TREND($AF$14:$AG$14,$AF$3:$AG$3,K65,TRUE),IF(K65&gt;=10,$AG$14,1)))))</f>
        <v>2.8359344514360937E-2</v>
      </c>
      <c r="AF65" s="85" cm="1">
        <f t="array" ref="AF65">IF(J65&gt;30,IF(K65&lt;=2,$AB$15,IF(AND(K65&gt;2,K65&lt;=4),TREND($AB$15:$AC$15,$AB$3:$AC$3,K65,TRUE),IF(AND(K65&gt;4,K65&lt;10),TREND($AC$15:$AD$15,$AC$3:$AD$3,K65,TRUE),IF(K65&gt;=10,$AD$15,1)))),IF(K65&lt;=2,$AE$15,IF(AND(K65&gt;2,K65&lt;=4),TREND($AE$15:$AF$15,$AE$3:$AF$3,K65,TRUE),IF(AND(K65&gt;4,K65&lt;10),TREND($AF$15:$AG$15,$AF$3:$AG$3,K65,TRUE),IF(K65&gt;=10,$AG$15,1)))))</f>
        <v>4.2974951222977495E-2</v>
      </c>
      <c r="AG65" s="86" cm="1">
        <f t="array" ref="AG65">IF(J65&gt;30,IF(K65&lt;=2,$AB$16,IF(AND(K65&gt;2,K65&lt;=4),TREND($AB$16:$AC$16,$AB$3:$AC$3,K65,TRUE),IF(AND(K65&gt;4,K65&lt;10),TREND($AC$16:$AD$16,$AC$3:$AD$3,K65,TRUE),IF(K65&gt;=10,$AD$16,1)))),IF(K65&lt;=2,$AE$16,IF(AND(K65&gt;2,K65&lt;=4),TREND($AE$16:$AF$16,$AE$3:$AF$3,K65,TRUE),IF(AND(K65&gt;4,K65&lt;10),TREND($AF$16:$AG$16,$AF$3:$AG$3,K65,TRUE),IF(K65&gt;=10,$AG$16,1)))))</f>
        <v>6.5026492383030154E-2</v>
      </c>
      <c r="AH65" s="85" cm="1">
        <f t="array" ref="AH65">IF(J65&gt;30,IF(K65&lt;=2,$AB$17,IF(AND(K65&gt;2,K65&lt;=4),TREND($AB$17:$AC$17,$AB$3:$AC$3,K65,TRUE),IF(AND(K65&gt;4,K65&lt;10),TREND($AC$17:$AD$17,$AC$3:$AD$3,K65,TRUE),IF(K65&gt;=10,$AD$17,1)))),IF(K65&lt;=2,$AE$17,IF(AND(K65&gt;2,K65&lt;=4),TREND($AE$17:$AF$17,$AE$3:$AF$3,K65,TRUE),IF(AND(K65&gt;4,K65&lt;10),TREND($AF$17:$AG$17,$AF$3:$AG$3,K65,TRUE),IF(K65&gt;=10,$AG$17,1)))))</f>
        <v>9.9693640251699384E-2</v>
      </c>
      <c r="AI65" s="85" cm="1">
        <f t="array" ref="AI65">IF(J65&gt;30,IF(K65&lt;=2,$AB$18,IF(AND(K65&gt;2,K65&lt;=4),TREND($AB$18:$AC$18,$AB$3:$AC$3,K65,TRUE),IF(AND(K65&gt;4,K65&lt;10),TREND($AC$18:$AD$18,$AC$3:$AD$3,K65,TRUE),IF(K65&gt;=10,$AD$18,1)))),IF(K65&lt;=2,$AE$18,IF(AND(K65&gt;2,K65&lt;=4),TREND($AE$18:$AF$18,$AE$3:$AF$3,K65,TRUE),IF(AND(K65&gt;4,K65&lt;10),TREND($AF$18:$AG$18,$AF$3:$AG$3,K65,TRUE),IF(K65&gt;=10,$AG$18,1)))))</f>
        <v>0.16179672257180469</v>
      </c>
      <c r="AJ65" s="85" cm="1">
        <f t="array" ref="AJ65">IF(J65&gt;30,IF(K65&lt;=2,$AB$19,IF(AND(K65&gt;2,K65&lt;=4),TREND($AB$19:$AC$19,$AB$3:$AC$3,K65,TRUE),IF(AND(K65&gt;4,K65&lt;10),TREND($AC$19:$AD$19,$AC$3:$AD$3,K65,TRUE),IF(K65&gt;=10,$AD$19,1)))),IF(K65&lt;=2,$AE$19,IF(AND(K65&gt;2,K65&lt;=4),TREND($AE$19:$AF$19,$AE$3:$AF$3,K65,TRUE),IF(AND(K65&gt;4,K65&lt;10),TREND($AF$19:$AG$19,$AF$3:$AG$3,K65,TRUE),IF(K65&gt;=10,$AG$19,1)))))</f>
        <v>0.26051541160052655</v>
      </c>
      <c r="AK65" s="85" cm="1">
        <f t="array" ref="AK65">IF(J65&gt;30,IF(K65&lt;=2,$AB$20,IF(AND(K65&gt;2,K65&lt;=4),TREND($AB$20:$AC$20,$AB$3:$AC$3,K65,TRUE),IF(AND(K65&gt;4,K65&lt;10),TREND($AC$20:$AD$20,$AC$3:$AD$3,K65,TRUE),IF(K65&gt;=10,$AD$20,1)))),IF(K65&lt;=2,$AE$20,IF(AND(K65&gt;2,K65&lt;=4),TREND($AE$20:$AF$20,$AE$3:$AF$3,K65,TRUE),IF(AND(K65&gt;4,K65&lt;10),TREND($AF$20:$AG$20,$AF$3:$AG$3,K65,TRUE),IF(K65&gt;=10,$AG$20,1)))))</f>
        <v>0.34359344514360934</v>
      </c>
      <c r="AL65" s="85">
        <v>3</v>
      </c>
      <c r="AM65" s="92">
        <v>0</v>
      </c>
      <c r="AN65" s="92">
        <f t="shared" si="6"/>
        <v>0.88718689028721864</v>
      </c>
      <c r="AO65" s="92">
        <f t="shared" si="21"/>
        <v>8.8718689028721887</v>
      </c>
      <c r="AP65" s="92">
        <f t="shared" si="7"/>
        <v>18.615606708616561</v>
      </c>
      <c r="AQ65" s="92">
        <f t="shared" si="8"/>
        <v>35.231213417233128</v>
      </c>
      <c r="AR65" s="92">
        <f t="shared" si="9"/>
        <v>56.718689028721876</v>
      </c>
      <c r="AS65" s="92">
        <f t="shared" si="10"/>
        <v>85.94990244595499</v>
      </c>
      <c r="AT65" s="92">
        <f t="shared" si="11"/>
        <v>130.05298476606032</v>
      </c>
      <c r="AU65" s="92">
        <f t="shared" si="12"/>
        <v>199.38728050339876</v>
      </c>
      <c r="AV65" s="92">
        <f t="shared" si="13"/>
        <v>323.59344514360936</v>
      </c>
      <c r="AW65" s="92">
        <f t="shared" si="14"/>
        <v>521.03082320105307</v>
      </c>
      <c r="AX65" s="92">
        <f t="shared" si="15"/>
        <v>687.18689028721872</v>
      </c>
      <c r="AY65" s="92">
        <f t="shared" si="16"/>
        <v>6000</v>
      </c>
      <c r="AZ65" s="93">
        <v>0</v>
      </c>
      <c r="BA65" s="93">
        <f t="shared" si="36"/>
        <v>441.76067464126328</v>
      </c>
      <c r="BB65" s="93">
        <f t="shared" si="22"/>
        <v>1767.0426985650531</v>
      </c>
      <c r="BC65" s="93">
        <f t="shared" si="23"/>
        <v>2650.5640478475793</v>
      </c>
      <c r="BD65" s="93">
        <f t="shared" si="24"/>
        <v>3534.0853971301062</v>
      </c>
      <c r="BE65" s="93">
        <f t="shared" si="25"/>
        <v>4417.6067464126327</v>
      </c>
      <c r="BF65" s="93">
        <f t="shared" si="26"/>
        <v>5301.1280956951587</v>
      </c>
      <c r="BG65" s="93">
        <f t="shared" si="27"/>
        <v>6184.6494449776856</v>
      </c>
      <c r="BH65" s="93">
        <f t="shared" si="28"/>
        <v>7068.1707942602125</v>
      </c>
      <c r="BI65" s="93">
        <f t="shared" si="29"/>
        <v>7951.6921435427394</v>
      </c>
      <c r="BJ65" s="93">
        <f t="shared" si="30"/>
        <v>8614.3331555046334</v>
      </c>
      <c r="BK65" s="93">
        <f t="shared" si="31"/>
        <v>8835.2134928252653</v>
      </c>
      <c r="BL65" s="93">
        <f t="shared" si="31"/>
        <v>8835.2134928252653</v>
      </c>
    </row>
    <row r="66" spans="2:67" x14ac:dyDescent="0.2">
      <c r="B66" s="79">
        <f t="shared" si="37"/>
        <v>-55.5</v>
      </c>
      <c r="C66" s="73">
        <f t="shared" si="20"/>
        <v>40</v>
      </c>
      <c r="D66" s="64">
        <f>INDEX('CPT Data'!$C$13:$C$20000,MATCH($C66,'CPT Data'!$B$13:$B$20000,1))</f>
        <v>39.991</v>
      </c>
      <c r="E66" s="55" t="str">
        <f>INDEX('CPT Data'!$P$13:$P$20000,MATCH($C66,'CPT Data'!$B$13:$B$20000,1))</f>
        <v>CLAY</v>
      </c>
      <c r="F66" s="76">
        <f>INDEX('CPT Data'!$Q$13:$Q$20000,MATCH($C66,'CPT Data'!$B$13:$B$20000,1))</f>
        <v>255.19883274243398</v>
      </c>
      <c r="G66" s="76">
        <f>INDEX('CPT Data'!$I$13:$I$20000,MATCH(C66,'CPT Data'!$B$13:$B$20000,1))</f>
        <v>19.26418461880904</v>
      </c>
      <c r="H66" s="76">
        <f>INDEX('CPT Data'!$J$13:$J$20000,MATCH($C66,'CPT Data'!$B$13:$B$20000,1))</f>
        <v>9.2641846188090398</v>
      </c>
      <c r="I66" s="76">
        <f>INDEX('CPT Data'!$L$13:$L$20000,MATCH(C66,'CPT Data'!$B$13:$B$20000,1))</f>
        <v>370.54885638312396</v>
      </c>
      <c r="J66" s="226">
        <f>INDEX('CPT Data'!$R$13:$R$20000,MATCH(C66,'CPT Data'!$B$13:$B$20000,1))</f>
        <v>35</v>
      </c>
      <c r="K66" s="76">
        <f>INDEX('CPT Data'!$S$13:$S$20000,MATCH($C66,'CPT Data'!$B$13:$B$20000,1))</f>
        <v>3.5031446811036733</v>
      </c>
      <c r="L66" s="55">
        <f>VLOOKUP($C66, 'Pile Property'!$A$8:$D$108,2,TRUE)</f>
        <v>2</v>
      </c>
      <c r="M66" s="234">
        <f>IF($E66="CLAY",ABS($F66-'CPT Data'!$Q$3787)/$D66,#N/A)</f>
        <v>6.2024374620115923</v>
      </c>
      <c r="N66" s="65">
        <f t="shared" si="32"/>
        <v>0.89224410597203141</v>
      </c>
      <c r="O66" s="76">
        <f t="shared" si="38"/>
        <v>16.91388751816508</v>
      </c>
      <c r="P66" s="76">
        <f t="shared" si="39"/>
        <v>0.68870495306177548</v>
      </c>
      <c r="Q66" s="65">
        <f t="shared" si="18"/>
        <v>0.60249493621114536</v>
      </c>
      <c r="R66" s="76">
        <f t="shared" si="19"/>
        <v>10.807484808633436</v>
      </c>
      <c r="S66" s="76">
        <f t="shared" si="33"/>
        <v>10.807484808633436</v>
      </c>
      <c r="T66" s="76"/>
      <c r="U66" s="76"/>
      <c r="V66" s="76">
        <f t="shared" si="40"/>
        <v>10.807484808633436</v>
      </c>
      <c r="W66" s="76">
        <f t="shared" si="34"/>
        <v>10.807484808633436</v>
      </c>
      <c r="X66" s="76">
        <f t="shared" si="41"/>
        <v>10.807484808633436</v>
      </c>
      <c r="Y66" s="76">
        <f t="shared" si="42"/>
        <v>2758.0575080448402</v>
      </c>
      <c r="Z66" s="76">
        <f t="shared" si="35"/>
        <v>5516.1150160896805</v>
      </c>
      <c r="AA66" s="85" cm="1">
        <f t="array" ref="AA66">IF(J66&gt;30,IF(K66&lt;=2,$AB$10,IF(AND(K66&gt;2,K66&lt;=4),TREND($AB$10:$AC$10,$AB$3:$AC$3,K66,TRUE),IF(AND(K66&gt;4,K66&lt;10),TREND($AC$10:$AD$10,$AC$3:$AD$3,K66,TRUE),IF(K66&gt;=10,$AD$10,1)))),IF(K66&lt;=2,$AE$10,IF(AND(K66&gt;2,K66&lt;=4),TREND($AE$10:$AF$10,$AE$3:$AF$3,K66,TRUE),IF(AND(K66&gt;4,K66&lt;10),TREND($AF$10:$AG$10,$AF$3:$AG$3,K66,TRUE),IF(K66&gt;=10,$AG$10,1)))))</f>
        <v>3.7515723405518369E-4</v>
      </c>
      <c r="AB66" s="85" cm="1">
        <f t="array" ref="AB66">IF(J66&gt;30,IF(K66&lt;=2,$AB$11,IF(AND(K66&gt;2,K66&lt;=4),TREND($AB$11:$AC$11,$AB$3:$AC$3,K66,TRUE),IF(AND(K66&gt;4,K66&lt;10),TREND($AC$11:$AD$11,$AC$3:$AD$3,K66,TRUE),IF(K66&gt;=10,$AD$11,1)))),IF(K66&lt;=2,$AE$11,IF(AND(K66&gt;2,K66&lt;=4),TREND($AE$11:$AF$11,$AE$3:$AF$3,K66,TRUE),IF(AND(K66&gt;4,K66&lt;10),TREND($AF$11:$AG$11,$AF$3:$AG$3,K66,TRUE),IF(K66&gt;=10,$AG$11,1)))))</f>
        <v>3.7515723405518366E-3</v>
      </c>
      <c r="AC66" s="85" cm="1">
        <f t="array" ref="AC66">IF(J66&gt;30,IF(K66&lt;=2,$AB$12,IF(AND(K66&gt;2,K66&lt;=4),TREND($AB$12:$AC$12,$AB$3:$AC$3,K66,TRUE),IF(AND(K66&gt;4,K66&lt;10),TREND($AC$12:$AD$12,$AC$3:$AD$3,K66,TRUE),IF(K66&gt;=10,$AD$12,1)))),IF(K66&lt;=2,$AE$12,IF(AND(K66&gt;2,K66&lt;=4),TREND($AE$12:$AF$12,$AE$3:$AF$3,K66,TRUE),IF(AND(K66&gt;4,K66&lt;10),TREND($AF$12:$AG$12,$AF$3:$AG$3,K66,TRUE),IF(K66&gt;=10,$AG$12,1)))))</f>
        <v>7.3292453194899587E-3</v>
      </c>
      <c r="AD66" s="85" cm="1">
        <f t="array" ref="AD66">IF(J66&gt;30,IF(K66&lt;=2,$AB$13,IF(AND(K66&gt;2,K66&lt;=4),TREND($AB$13:$AC$13,$AB$3:$AC$3,K66,TRUE),IF(AND(K66&gt;4,K66&lt;10),TREND($AC$13:$AD$13,$AC$3:$AD$3,K66,TRUE),IF(K66&gt;=10,$AD$13,1)))),IF(K66&lt;=2,$AE$13,IF(AND(K66&gt;2,K66&lt;=4),TREND($AE$13:$AF$13,$AE$3:$AF$3,K66,TRUE),IF(AND(K66&gt;4,K66&lt;10),TREND($AF$13:$AG$13,$AF$3:$AG$3,K66,TRUE),IF(K66&gt;=10,$AG$13,1)))))</f>
        <v>1.350943404331102E-2</v>
      </c>
      <c r="AE66" s="85" cm="1">
        <f t="array" ref="AE66">IF(J66&gt;30,IF(K66&lt;=2,$AB$14,IF(AND(K66&gt;2,K66&lt;=4),TREND($AB$14:$AC$14,$AB$3:$AC$3,K66,TRUE),IF(AND(K66&gt;4,K66&lt;10),TREND($AC$14:$AD$14,$AC$3:$AD$3,K66,TRUE),IF(K66&gt;=10,$AD$14,1)))),IF(K66&lt;=2,$AE$14,IF(AND(K66&gt;2,K66&lt;=4),TREND($AE$14:$AF$14,$AE$3:$AF$3,K66,TRUE),IF(AND(K66&gt;4,K66&lt;10),TREND($AF$14:$AG$14,$AF$3:$AG$3,K66,TRUE),IF(K66&gt;=10,$AG$14,1)))))</f>
        <v>2.1515723405518366E-2</v>
      </c>
      <c r="AF66" s="85" cm="1">
        <f t="array" ref="AF66">IF(J66&gt;30,IF(K66&lt;=2,$AB$15,IF(AND(K66&gt;2,K66&lt;=4),TREND($AB$15:$AC$15,$AB$3:$AC$3,K66,TRUE),IF(AND(K66&gt;4,K66&lt;10),TREND($AC$15:$AD$15,$AC$3:$AD$3,K66,TRUE),IF(K66&gt;=10,$AD$15,1)))),IF(K66&lt;=2,$AE$15,IF(AND(K66&gt;2,K66&lt;=4),TREND($AE$15:$AF$15,$AE$3:$AF$3,K66,TRUE),IF(AND(K66&gt;4,K66&lt;10),TREND($AF$15:$AG$15,$AF$3:$AG$3,K66,TRUE),IF(K66&gt;=10,$AG$15,1)))))</f>
        <v>3.2522012767725712E-2</v>
      </c>
      <c r="AG66" s="86" cm="1">
        <f t="array" ref="AG66">IF(J66&gt;30,IF(K66&lt;=2,$AB$16,IF(AND(K66&gt;2,K66&lt;=4),TREND($AB$16:$AC$16,$AB$3:$AC$3,K66,TRUE),IF(AND(K66&gt;4,K66&lt;10),TREND($AC$16:$AD$16,$AC$3:$AD$3,K66,TRUE),IF(K66&gt;=10,$AD$16,1)))),IF(K66&lt;=2,$AE$16,IF(AND(K66&gt;2,K66&lt;=4),TREND($AE$16:$AF$16,$AE$3:$AF$3,K66,TRUE),IF(AND(K66&gt;4,K66&lt;10),TREND($AF$16:$AG$16,$AF$3:$AG$3,K66,TRUE),IF(K66&gt;=10,$AG$16,1)))))</f>
        <v>4.9286163832692235E-2</v>
      </c>
      <c r="AH66" s="85" cm="1">
        <f t="array" ref="AH66">IF(J66&gt;30,IF(K66&lt;=2,$AB$17,IF(AND(K66&gt;2,K66&lt;=4),TREND($AB$17:$AC$17,$AB$3:$AC$3,K66,TRUE),IF(AND(K66&gt;4,K66&lt;10),TREND($AC$17:$AD$17,$AC$3:$AD$3,K66,TRUE),IF(K66&gt;=10,$AD$17,1)))),IF(K66&lt;=2,$AE$17,IF(AND(K66&gt;2,K66&lt;=4),TREND($AE$17:$AF$17,$AE$3:$AF$3,K66,TRUE),IF(AND(K66&gt;4,K66&lt;10),TREND($AF$17:$AG$17,$AF$3:$AG$3,K66,TRUE),IF(K66&gt;=10,$AG$17,1)))))</f>
        <v>7.5553459578762444E-2</v>
      </c>
      <c r="AI66" s="85" cm="1">
        <f t="array" ref="AI66">IF(J66&gt;30,IF(K66&lt;=2,$AB$18,IF(AND(K66&gt;2,K66&lt;=4),TREND($AB$18:$AC$18,$AB$3:$AC$3,K66,TRUE),IF(AND(K66&gt;4,K66&lt;10),TREND($AC$18:$AD$18,$AC$3:$AD$3,K66,TRUE),IF(K66&gt;=10,$AD$18,1)))),IF(K66&lt;=2,$AE$18,IF(AND(K66&gt;2,K66&lt;=4),TREND($AE$18:$AF$18,$AE$3:$AF$3,K66,TRUE),IF(AND(K66&gt;4,K66&lt;10),TREND($AF$18:$AG$18,$AF$3:$AG$3,K66,TRUE),IF(K66&gt;=10,$AG$18,1)))))</f>
        <v>0.12559119575200656</v>
      </c>
      <c r="AJ66" s="85" cm="1">
        <f t="array" ref="AJ66">IF(J66&gt;30,IF(K66&lt;=2,$AB$19,IF(AND(K66&gt;2,K66&lt;=4),TREND($AB$19:$AC$19,$AB$3:$AC$3,K66,TRUE),IF(AND(K66&gt;4,K66&lt;10),TREND($AC$19:$AD$19,$AC$3:$AD$3,K66,TRUE),IF(K66&gt;=10,$AD$19,1)))),IF(K66&lt;=2,$AE$19,IF(AND(K66&gt;2,K66&lt;=4),TREND($AE$19:$AF$19,$AE$3:$AF$3,K66,TRUE),IF(AND(K66&gt;4,K66&lt;10),TREND($AF$19:$AG$19,$AF$3:$AG$3,K66,TRUE),IF(K66&gt;=10,$AG$19,1)))))</f>
        <v>0.21012578724414693</v>
      </c>
      <c r="AK66" s="85" cm="1">
        <f t="array" ref="AK66">IF(J66&gt;30,IF(K66&lt;=2,$AB$20,IF(AND(K66&gt;2,K66&lt;=4),TREND($AB$20:$AC$20,$AB$3:$AC$3,K66,TRUE),IF(AND(K66&gt;4,K66&lt;10),TREND($AC$20:$AD$20,$AC$3:$AD$3,K66,TRUE),IF(K66&gt;=10,$AD$20,1)))),IF(K66&lt;=2,$AE$20,IF(AND(K66&gt;2,K66&lt;=4),TREND($AE$20:$AF$20,$AE$3:$AF$3,K66,TRUE),IF(AND(K66&gt;4,K66&lt;10),TREND($AF$20:$AG$20,$AF$3:$AG$3,K66,TRUE),IF(K66&gt;=10,$AG$20,1)))))</f>
        <v>0.28757861702759185</v>
      </c>
      <c r="AL66" s="85">
        <v>3</v>
      </c>
      <c r="AM66" s="92">
        <v>0</v>
      </c>
      <c r="AN66" s="92">
        <f t="shared" si="6"/>
        <v>0.75031446811036739</v>
      </c>
      <c r="AO66" s="92">
        <f t="shared" si="21"/>
        <v>7.5031446811036728</v>
      </c>
      <c r="AP66" s="92">
        <f t="shared" si="7"/>
        <v>14.658490638979917</v>
      </c>
      <c r="AQ66" s="92">
        <f t="shared" si="8"/>
        <v>27.018868086622042</v>
      </c>
      <c r="AR66" s="92">
        <f t="shared" si="9"/>
        <v>43.03144681103673</v>
      </c>
      <c r="AS66" s="92">
        <f t="shared" si="10"/>
        <v>65.044025535451425</v>
      </c>
      <c r="AT66" s="92">
        <f t="shared" si="11"/>
        <v>98.572327665384478</v>
      </c>
      <c r="AU66" s="92">
        <f t="shared" si="12"/>
        <v>151.10691915752489</v>
      </c>
      <c r="AV66" s="92">
        <f t="shared" si="13"/>
        <v>251.18239150401311</v>
      </c>
      <c r="AW66" s="92">
        <f t="shared" si="14"/>
        <v>420.25157448829384</v>
      </c>
      <c r="AX66" s="92">
        <f t="shared" si="15"/>
        <v>575.15723405518372</v>
      </c>
      <c r="AY66" s="92">
        <f t="shared" si="16"/>
        <v>6000</v>
      </c>
      <c r="AZ66" s="93">
        <v>0</v>
      </c>
      <c r="BA66" s="93">
        <f t="shared" si="36"/>
        <v>275.80575080448403</v>
      </c>
      <c r="BB66" s="93">
        <f t="shared" si="22"/>
        <v>1103.2230032179361</v>
      </c>
      <c r="BC66" s="93">
        <f t="shared" si="23"/>
        <v>1654.8345048269041</v>
      </c>
      <c r="BD66" s="93">
        <f t="shared" si="24"/>
        <v>2206.4460064358723</v>
      </c>
      <c r="BE66" s="93">
        <f t="shared" si="25"/>
        <v>2758.0575080448402</v>
      </c>
      <c r="BF66" s="93">
        <f t="shared" si="26"/>
        <v>3309.6690096538082</v>
      </c>
      <c r="BG66" s="93">
        <f t="shared" si="27"/>
        <v>3861.2805112627761</v>
      </c>
      <c r="BH66" s="93">
        <f t="shared" si="28"/>
        <v>4412.8920128717446</v>
      </c>
      <c r="BI66" s="93">
        <f t="shared" si="29"/>
        <v>4964.5035144807125</v>
      </c>
      <c r="BJ66" s="93">
        <f t="shared" si="30"/>
        <v>5378.2121406874385</v>
      </c>
      <c r="BK66" s="93">
        <f t="shared" si="31"/>
        <v>5516.1150160896805</v>
      </c>
      <c r="BL66" s="93">
        <f t="shared" si="31"/>
        <v>5516.1150160896805</v>
      </c>
      <c r="BO66" s="59"/>
    </row>
    <row r="67" spans="2:67" x14ac:dyDescent="0.2">
      <c r="B67" s="79">
        <f t="shared" si="37"/>
        <v>-56.5</v>
      </c>
      <c r="C67" s="73">
        <f t="shared" si="20"/>
        <v>41</v>
      </c>
      <c r="D67" s="64">
        <f>INDEX('CPT Data'!$C$13:$C$20000,MATCH($C67,'CPT Data'!$B$13:$B$20000,1))</f>
        <v>40.984999999999999</v>
      </c>
      <c r="E67" s="55" t="str">
        <f>INDEX('CPT Data'!$P$13:$P$20000,MATCH($C67,'CPT Data'!$B$13:$B$20000,1))</f>
        <v>CLAY</v>
      </c>
      <c r="F67" s="76">
        <f>INDEX('CPT Data'!$Q$13:$Q$20000,MATCH($C67,'CPT Data'!$B$13:$B$20000,1))</f>
        <v>515.63351185740601</v>
      </c>
      <c r="G67" s="76">
        <f>INDEX('CPT Data'!$I$13:$I$20000,MATCH(C67,'CPT Data'!$B$13:$B$20000,1))</f>
        <v>19.867216242799302</v>
      </c>
      <c r="H67" s="76">
        <f>INDEX('CPT Data'!$J$13:$J$20000,MATCH($C67,'CPT Data'!$B$13:$B$20000,1))</f>
        <v>9.8672162427993015</v>
      </c>
      <c r="I67" s="76">
        <f>INDEX('CPT Data'!$L$13:$L$20000,MATCH(C67,'CPT Data'!$B$13:$B$20000,1))</f>
        <v>404.47692822482895</v>
      </c>
      <c r="J67" s="226">
        <f>INDEX('CPT Data'!$R$13:$R$20000,MATCH(C67,'CPT Data'!$B$13:$B$20000,1))</f>
        <v>35</v>
      </c>
      <c r="K67" s="76">
        <f>INDEX('CPT Data'!$S$13:$S$20000,MATCH($C67,'CPT Data'!$B$13:$B$20000,1))</f>
        <v>7.5635519213802906</v>
      </c>
      <c r="L67" s="55">
        <f>VLOOKUP($C67, 'Pile Property'!$A$8:$D$108,2,TRUE)</f>
        <v>2</v>
      </c>
      <c r="M67" s="234">
        <f>IF($E67="CLAY",ABS($F67-'CPT Data'!$Q$3787)/$D67,#N/A)</f>
        <v>0.30237898186327788</v>
      </c>
      <c r="N67" s="65">
        <f t="shared" si="32"/>
        <v>18.301828500243555</v>
      </c>
      <c r="O67" s="76">
        <f t="shared" si="38"/>
        <v>14.5</v>
      </c>
      <c r="P67" s="76">
        <f t="shared" si="39"/>
        <v>1.2748156344057047</v>
      </c>
      <c r="Q67" s="65">
        <f t="shared" si="18"/>
        <v>0.47055258012459383</v>
      </c>
      <c r="R67" s="76">
        <f t="shared" si="19"/>
        <v>10.411657740373782</v>
      </c>
      <c r="S67" s="76">
        <f t="shared" si="33"/>
        <v>10.411657740373782</v>
      </c>
      <c r="T67" s="76"/>
      <c r="U67" s="76"/>
      <c r="V67" s="76">
        <f t="shared" si="40"/>
        <v>10.411657740373782</v>
      </c>
      <c r="W67" s="76">
        <f t="shared" si="34"/>
        <v>10.411657740373782</v>
      </c>
      <c r="X67" s="76">
        <f t="shared" si="41"/>
        <v>10.411657740373782</v>
      </c>
      <c r="Y67" s="76">
        <f t="shared" si="42"/>
        <v>5368.5996449262775</v>
      </c>
      <c r="Z67" s="76">
        <f t="shared" si="35"/>
        <v>10737.199289852555</v>
      </c>
      <c r="AA67" s="85" cm="1">
        <f t="array" ref="AA67">IF(J67&gt;30,IF(K67&lt;=2,$AB$10,IF(AND(K67&gt;2,K67&lt;=4),TREND($AB$10:$AC$10,$AB$3:$AC$3,K67,TRUE),IF(AND(K67&gt;4,K67&lt;10),TREND($AC$10:$AD$10,$AC$3:$AD$3,K67,TRUE),IF(K67&gt;=10,$AD$10,1)))),IF(K67&lt;=2,$AE$10,IF(AND(K67&gt;2,K67&lt;=4),TREND($AE$10:$AF$10,$AE$3:$AF$3,K67,TRUE),IF(AND(K67&gt;4,K67&lt;10),TREND($AF$10:$AG$10,$AF$3:$AG$3,K67,TRUE),IF(K67&gt;=10,$AG$10,1)))))</f>
        <v>4.5939253202300484E-4</v>
      </c>
      <c r="AB67" s="85" cm="1">
        <f t="array" ref="AB67">IF(J67&gt;30,IF(K67&lt;=2,$AB$11,IF(AND(K67&gt;2,K67&lt;=4),TREND($AB$11:$AC$11,$AB$3:$AC$3,K67,TRUE),IF(AND(K67&gt;4,K67&lt;10),TREND($AC$11:$AD$11,$AC$3:$AD$3,K67,TRUE),IF(K67&gt;=10,$AD$11,1)))),IF(K67&lt;=2,$AE$11,IF(AND(K67&gt;2,K67&lt;=4),TREND($AE$11:$AF$11,$AE$3:$AF$3,K67,TRUE),IF(AND(K67&gt;4,K67&lt;10),TREND($AF$11:$AG$11,$AF$3:$AG$3,K67,TRUE),IF(K67&gt;=10,$AG$11,1)))))</f>
        <v>4.5939253202300495E-3</v>
      </c>
      <c r="AC67" s="85" cm="1">
        <f t="array" ref="AC67">IF(J67&gt;30,IF(K67&lt;=2,$AB$12,IF(AND(K67&gt;2,K67&lt;=4),TREND($AB$12:$AC$12,$AB$3:$AC$3,K67,TRUE),IF(AND(K67&gt;4,K67&lt;10),TREND($AC$12:$AD$12,$AC$3:$AD$3,K67,TRUE),IF(K67&gt;=10,$AD$12,1)))),IF(K67&lt;=2,$AE$12,IF(AND(K67&gt;2,K67&lt;=4),TREND($AE$12:$AF$12,$AE$3:$AF$3,K67,TRUE),IF(AND(K67&gt;4,K67&lt;10),TREND($AF$12:$AG$12,$AF$3:$AG$3,K67,TRUE),IF(K67&gt;=10,$AG$12,1)))))</f>
        <v>9.781775960690145E-3</v>
      </c>
      <c r="AD67" s="85" cm="1">
        <f t="array" ref="AD67">IF(J67&gt;30,IF(K67&lt;=2,$AB$13,IF(AND(K67&gt;2,K67&lt;=4),TREND($AB$13:$AC$13,$AB$3:$AC$3,K67,TRUE),IF(AND(K67&gt;4,K67&lt;10),TREND($AC$13:$AD$13,$AC$3:$AD$3,K67,TRUE),IF(K67&gt;=10,$AD$13,1)))),IF(K67&lt;=2,$AE$13,IF(AND(K67&gt;2,K67&lt;=4),TREND($AE$13:$AF$13,$AE$3:$AF$3,K67,TRUE),IF(AND(K67&gt;4,K67&lt;10),TREND($AF$13:$AG$13,$AF$3:$AG$3,K67,TRUE),IF(K67&gt;=10,$AG$13,1)))))</f>
        <v>1.8563551921380293E-2</v>
      </c>
      <c r="AE67" s="85" cm="1">
        <f t="array" ref="AE67">IF(J67&gt;30,IF(K67&lt;=2,$AB$14,IF(AND(K67&gt;2,K67&lt;=4),TREND($AB$14:$AC$14,$AB$3:$AC$3,K67,TRUE),IF(AND(K67&gt;4,K67&lt;10),TREND($AC$14:$AD$14,$AC$3:$AD$3,K67,TRUE),IF(K67&gt;=10,$AD$14,1)))),IF(K67&lt;=2,$AE$14,IF(AND(K67&gt;2,K67&lt;=4),TREND($AE$14:$AF$14,$AE$3:$AF$3,K67,TRUE),IF(AND(K67&gt;4,K67&lt;10),TREND($AF$14:$AG$14,$AF$3:$AG$3,K67,TRUE),IF(K67&gt;=10,$AG$14,1)))))</f>
        <v>2.9939253202300488E-2</v>
      </c>
      <c r="AF67" s="85" cm="1">
        <f t="array" ref="AF67">IF(J67&gt;30,IF(K67&lt;=2,$AB$15,IF(AND(K67&gt;2,K67&lt;=4),TREND($AB$15:$AC$15,$AB$3:$AC$3,K67,TRUE),IF(AND(K67&gt;4,K67&lt;10),TREND($AC$15:$AD$15,$AC$3:$AD$3,K67,TRUE),IF(K67&gt;=10,$AD$15,1)))),IF(K67&lt;=2,$AE$15,IF(AND(K67&gt;2,K67&lt;=4),TREND($AE$15:$AF$15,$AE$3:$AF$3,K67,TRUE),IF(AND(K67&gt;4,K67&lt;10),TREND($AF$15:$AG$15,$AF$3:$AG$3,K67,TRUE),IF(K67&gt;=10,$AG$15,1)))))</f>
        <v>4.5502805123680774E-2</v>
      </c>
      <c r="AG67" s="86" cm="1">
        <f t="array" ref="AG67">IF(J67&gt;30,IF(K67&lt;=2,$AB$16,IF(AND(K67&gt;2,K67&lt;=4),TREND($AB$16:$AC$16,$AB$3:$AC$3,K67,TRUE),IF(AND(K67&gt;4,K67&lt;10),TREND($AC$16:$AD$16,$AC$3:$AD$3,K67,TRUE),IF(K67&gt;=10,$AD$16,1)))),IF(K67&lt;=2,$AE$16,IF(AND(K67&gt;2,K67&lt;=4),TREND($AE$16:$AF$16,$AE$3:$AF$3,K67,TRUE),IF(AND(K67&gt;4,K67&lt;10),TREND($AF$16:$AG$16,$AF$3:$AG$3,K67,TRUE),IF(K67&gt;=10,$AG$16,1)))))</f>
        <v>6.866028236529112E-2</v>
      </c>
      <c r="AH67" s="85" cm="1">
        <f t="array" ref="AH67">IF(J67&gt;30,IF(K67&lt;=2,$AB$17,IF(AND(K67&gt;2,K67&lt;=4),TREND($AB$17:$AC$17,$AB$3:$AC$3,K67,TRUE),IF(AND(K67&gt;4,K67&lt;10),TREND($AC$17:$AD$17,$AC$3:$AD$3,K67,TRUE),IF(K67&gt;=10,$AD$17,1)))),IF(K67&lt;=2,$AE$17,IF(AND(K67&gt;2,K67&lt;=4),TREND($AE$17:$AF$17,$AE$3:$AF$3,K67,TRUE),IF(AND(K67&gt;4,K67&lt;10),TREND($AF$17:$AG$17,$AF$3:$AG$3,K67,TRUE),IF(K67&gt;=10,$AG$17,1)))))</f>
        <v>0.10538131152828176</v>
      </c>
      <c r="AI67" s="85" cm="1">
        <f t="array" ref="AI67">IF(J67&gt;30,IF(K67&lt;=2,$AB$18,IF(AND(K67&gt;2,K67&lt;=4),TREND($AB$18:$AC$18,$AB$3:$AC$3,K67,TRUE),IF(AND(K67&gt;4,K67&lt;10),TREND($AC$18:$AD$18,$AC$3:$AD$3,K67,TRUE),IF(K67&gt;=10,$AD$18,1)))),IF(K67&lt;=2,$AE$18,IF(AND(K67&gt;2,K67&lt;=4),TREND($AE$18:$AF$18,$AE$3:$AF$3,K67,TRUE),IF(AND(K67&gt;4,K67&lt;10),TREND($AF$18:$AG$18,$AF$3:$AG$3,K67,TRUE),IF(K67&gt;=10,$AG$18,1)))))</f>
        <v>0.16969626601150242</v>
      </c>
      <c r="AJ67" s="85" cm="1">
        <f t="array" ref="AJ67">IF(J67&gt;30,IF(K67&lt;=2,$AB$19,IF(AND(K67&gt;2,K67&lt;=4),TREND($AB$19:$AC$19,$AB$3:$AC$3,K67,TRUE),IF(AND(K67&gt;4,K67&lt;10),TREND($AC$19:$AD$19,$AC$3:$AD$3,K67,TRUE),IF(K67&gt;=10,$AD$19,1)))),IF(K67&lt;=2,$AE$19,IF(AND(K67&gt;2,K67&lt;=4),TREND($AE$19:$AF$19,$AE$3:$AF$3,K67,TRUE),IF(AND(K67&gt;4,K67&lt;10),TREND($AF$19:$AG$19,$AF$3:$AG$3,K67,TRUE),IF(K67&gt;=10,$AG$19,1)))))</f>
        <v>0.27157477241610339</v>
      </c>
      <c r="AK67" s="85" cm="1">
        <f t="array" ref="AK67">IF(J67&gt;30,IF(K67&lt;=2,$AB$20,IF(AND(K67&gt;2,K67&lt;=4),TREND($AB$20:$AC$20,$AB$3:$AC$3,K67,TRUE),IF(AND(K67&gt;4,K67&lt;10),TREND($AC$20:$AD$20,$AC$3:$AD$3,K67,TRUE),IF(K67&gt;=10,$AD$20,1)))),IF(K67&lt;=2,$AE$20,IF(AND(K67&gt;2,K67&lt;=4),TREND($AE$20:$AF$20,$AE$3:$AF$3,K67,TRUE),IF(AND(K67&gt;4,K67&lt;10),TREND($AF$20:$AG$20,$AF$3:$AG$3,K67,TRUE),IF(K67&gt;=10,$AG$20,1)))))</f>
        <v>0.35939253202300481</v>
      </c>
      <c r="AL67" s="85">
        <v>3</v>
      </c>
      <c r="AM67" s="92">
        <v>0</v>
      </c>
      <c r="AN67" s="92">
        <f t="shared" si="6"/>
        <v>0.91878506404600968</v>
      </c>
      <c r="AO67" s="92">
        <f t="shared" si="21"/>
        <v>9.1878506404600984</v>
      </c>
      <c r="AP67" s="92">
        <f t="shared" si="7"/>
        <v>19.563551921380292</v>
      </c>
      <c r="AQ67" s="92">
        <f t="shared" si="8"/>
        <v>37.127103842760583</v>
      </c>
      <c r="AR67" s="92">
        <f t="shared" si="9"/>
        <v>59.878506404600977</v>
      </c>
      <c r="AS67" s="92">
        <f t="shared" si="10"/>
        <v>91.005610247361545</v>
      </c>
      <c r="AT67" s="92">
        <f t="shared" si="11"/>
        <v>137.32056473058225</v>
      </c>
      <c r="AU67" s="92">
        <f t="shared" si="12"/>
        <v>210.76262305656351</v>
      </c>
      <c r="AV67" s="92">
        <f t="shared" si="13"/>
        <v>339.39253202300483</v>
      </c>
      <c r="AW67" s="92">
        <f t="shared" si="14"/>
        <v>543.14954483220674</v>
      </c>
      <c r="AX67" s="92">
        <f t="shared" si="15"/>
        <v>718.78506404600967</v>
      </c>
      <c r="AY67" s="92">
        <f t="shared" si="16"/>
        <v>6000</v>
      </c>
      <c r="AZ67" s="93">
        <v>0</v>
      </c>
      <c r="BA67" s="93">
        <f t="shared" si="36"/>
        <v>536.8599644926278</v>
      </c>
      <c r="BB67" s="93">
        <f t="shared" si="22"/>
        <v>2147.4398579705112</v>
      </c>
      <c r="BC67" s="93">
        <f t="shared" si="23"/>
        <v>3221.1597869557663</v>
      </c>
      <c r="BD67" s="93">
        <f t="shared" si="24"/>
        <v>4294.8797159410224</v>
      </c>
      <c r="BE67" s="93">
        <f t="shared" si="25"/>
        <v>5368.5996449262775</v>
      </c>
      <c r="BF67" s="93">
        <f t="shared" si="26"/>
        <v>6442.3195739115326</v>
      </c>
      <c r="BG67" s="93">
        <f t="shared" si="27"/>
        <v>7516.0395028967878</v>
      </c>
      <c r="BH67" s="93">
        <f t="shared" si="28"/>
        <v>8589.7594318820447</v>
      </c>
      <c r="BI67" s="93">
        <f t="shared" si="29"/>
        <v>9663.479360867299</v>
      </c>
      <c r="BJ67" s="93">
        <f t="shared" si="30"/>
        <v>10468.769307606241</v>
      </c>
      <c r="BK67" s="93">
        <f t="shared" si="31"/>
        <v>10737.199289852555</v>
      </c>
      <c r="BL67" s="93">
        <f t="shared" si="31"/>
        <v>10737.199289852555</v>
      </c>
    </row>
    <row r="68" spans="2:67" x14ac:dyDescent="0.2">
      <c r="B68" s="79">
        <f t="shared" si="37"/>
        <v>-57.5</v>
      </c>
      <c r="C68" s="73">
        <f t="shared" si="20"/>
        <v>42</v>
      </c>
      <c r="D68" s="64">
        <f>INDEX('CPT Data'!$C$13:$C$20000,MATCH($C68,'CPT Data'!$B$13:$B$20000,1))</f>
        <v>41.99</v>
      </c>
      <c r="E68" s="55" t="str">
        <f>INDEX('CPT Data'!$P$13:$P$20000,MATCH($C68,'CPT Data'!$B$13:$B$20000,1))</f>
        <v>CLAY</v>
      </c>
      <c r="F68" s="76">
        <f>INDEX('CPT Data'!$Q$13:$Q$20000,MATCH($C68,'CPT Data'!$B$13:$B$20000,1))</f>
        <v>553.43639148172372</v>
      </c>
      <c r="G68" s="76">
        <f>INDEX('CPT Data'!$I$13:$I$20000,MATCH(C68,'CPT Data'!$B$13:$B$20000,1))</f>
        <v>19.971024106199451</v>
      </c>
      <c r="H68" s="76">
        <f>INDEX('CPT Data'!$J$13:$J$20000,MATCH($C68,'CPT Data'!$B$13:$B$20000,1))</f>
        <v>9.9710241061994509</v>
      </c>
      <c r="I68" s="76">
        <f>INDEX('CPT Data'!$L$13:$L$20000,MATCH(C68,'CPT Data'!$B$13:$B$20000,1))</f>
        <v>418.75309938805833</v>
      </c>
      <c r="J68" s="226">
        <f>INDEX('CPT Data'!$R$13:$R$20000,MATCH(C68,'CPT Data'!$B$13:$B$20000,1))</f>
        <v>35</v>
      </c>
      <c r="K68" s="76">
        <f>INDEX('CPT Data'!$S$13:$S$20000,MATCH($C68,'CPT Data'!$B$13:$B$20000,1))</f>
        <v>7.9123167415620479</v>
      </c>
      <c r="L68" s="55">
        <f>VLOOKUP($C68, 'Pile Property'!$A$8:$D$108,2,TRUE)</f>
        <v>2</v>
      </c>
      <c r="M68" s="234">
        <f>IF($E68="CLAY",ABS($F68-'CPT Data'!$Q$3787)/$D68,#N/A)</f>
        <v>1.1954246772084818</v>
      </c>
      <c r="N68" s="65">
        <f t="shared" si="32"/>
        <v>4.6293910219947927</v>
      </c>
      <c r="O68" s="76">
        <f t="shared" si="38"/>
        <v>15.269295110360286</v>
      </c>
      <c r="P68" s="76">
        <f t="shared" si="39"/>
        <v>1.3216293617658801</v>
      </c>
      <c r="Q68" s="65">
        <f t="shared" si="18"/>
        <v>0.46632917241449762</v>
      </c>
      <c r="R68" s="76">
        <f t="shared" si="19"/>
        <v>10.398987517243492</v>
      </c>
      <c r="S68" s="76">
        <f t="shared" si="33"/>
        <v>10.398987517243492</v>
      </c>
      <c r="T68" s="76"/>
      <c r="U68" s="76"/>
      <c r="V68" s="76">
        <f t="shared" si="40"/>
        <v>10.398987517243492</v>
      </c>
      <c r="W68" s="76">
        <f t="shared" si="34"/>
        <v>10.398987517243492</v>
      </c>
      <c r="X68" s="76">
        <f t="shared" si="41"/>
        <v>10.398987517243492</v>
      </c>
      <c r="Y68" s="76">
        <f t="shared" si="42"/>
        <v>5755.1781266067273</v>
      </c>
      <c r="Z68" s="76">
        <f t="shared" si="35"/>
        <v>11510.356253213455</v>
      </c>
      <c r="AA68" s="85" cm="1">
        <f t="array" ref="AA68">IF(J68&gt;30,IF(K68&lt;=2,$AB$10,IF(AND(K68&gt;2,K68&lt;=4),TREND($AB$10:$AC$10,$AB$3:$AC$3,K68,TRUE),IF(AND(K68&gt;4,K68&lt;10),TREND($AC$10:$AD$10,$AC$3:$AD$3,K68,TRUE),IF(K68&gt;=10,$AD$10,1)))),IF(K68&lt;=2,$AE$10,IF(AND(K68&gt;2,K68&lt;=4),TREND($AE$10:$AF$10,$AE$3:$AF$3,K68,TRUE),IF(AND(K68&gt;4,K68&lt;10),TREND($AF$10:$AG$10,$AF$3:$AG$3,K68,TRUE),IF(K68&gt;=10,$AG$10,1)))))</f>
        <v>4.6520527902603411E-4</v>
      </c>
      <c r="AB68" s="85" cm="1">
        <f t="array" ref="AB68">IF(J68&gt;30,IF(K68&lt;=2,$AB$11,IF(AND(K68&gt;2,K68&lt;=4),TREND($AB$11:$AC$11,$AB$3:$AC$3,K68,TRUE),IF(AND(K68&gt;4,K68&lt;10),TREND($AC$11:$AD$11,$AC$3:$AD$3,K68,TRUE),IF(K68&gt;=10,$AD$11,1)))),IF(K68&lt;=2,$AE$11,IF(AND(K68&gt;2,K68&lt;=4),TREND($AE$11:$AF$11,$AE$3:$AF$3,K68,TRUE),IF(AND(K68&gt;4,K68&lt;10),TREND($AF$11:$AG$11,$AF$3:$AG$3,K68,TRUE),IF(K68&gt;=10,$AG$11,1)))))</f>
        <v>4.6520527902603418E-3</v>
      </c>
      <c r="AC68" s="85" cm="1">
        <f t="array" ref="AC68">IF(J68&gt;30,IF(K68&lt;=2,$AB$12,IF(AND(K68&gt;2,K68&lt;=4),TREND($AB$12:$AC$12,$AB$3:$AC$3,K68,TRUE),IF(AND(K68&gt;4,K68&lt;10),TREND($AC$12:$AD$12,$AC$3:$AD$3,K68,TRUE),IF(K68&gt;=10,$AD$12,1)))),IF(K68&lt;=2,$AE$12,IF(AND(K68&gt;2,K68&lt;=4),TREND($AE$12:$AF$12,$AE$3:$AF$3,K68,TRUE),IF(AND(K68&gt;4,K68&lt;10),TREND($AF$12:$AG$12,$AF$3:$AG$3,K68,TRUE),IF(K68&gt;=10,$AG$12,1)))))</f>
        <v>9.9561583707810236E-3</v>
      </c>
      <c r="AD68" s="85" cm="1">
        <f t="array" ref="AD68">IF(J68&gt;30,IF(K68&lt;=2,$AB$13,IF(AND(K68&gt;2,K68&lt;=4),TREND($AB$13:$AC$13,$AB$3:$AC$3,K68,TRUE),IF(AND(K68&gt;4,K68&lt;10),TREND($AC$13:$AD$13,$AC$3:$AD$3,K68,TRUE),IF(K68&gt;=10,$AD$13,1)))),IF(K68&lt;=2,$AE$13,IF(AND(K68&gt;2,K68&lt;=4),TREND($AE$13:$AF$13,$AE$3:$AF$3,K68,TRUE),IF(AND(K68&gt;4,K68&lt;10),TREND($AF$13:$AG$13,$AF$3:$AG$3,K68,TRUE),IF(K68&gt;=10,$AG$13,1)))))</f>
        <v>1.8912316741562053E-2</v>
      </c>
      <c r="AE68" s="85" cm="1">
        <f t="array" ref="AE68">IF(J68&gt;30,IF(K68&lt;=2,$AB$14,IF(AND(K68&gt;2,K68&lt;=4),TREND($AB$14:$AC$14,$AB$3:$AC$3,K68,TRUE),IF(AND(K68&gt;4,K68&lt;10),TREND($AC$14:$AD$14,$AC$3:$AD$3,K68,TRUE),IF(K68&gt;=10,$AD$14,1)))),IF(K68&lt;=2,$AE$14,IF(AND(K68&gt;2,K68&lt;=4),TREND($AE$14:$AF$14,$AE$3:$AF$3,K68,TRUE),IF(AND(K68&gt;4,K68&lt;10),TREND($AF$14:$AG$14,$AF$3:$AG$3,K68,TRUE),IF(K68&gt;=10,$AG$14,1)))))</f>
        <v>3.0520527902603414E-2</v>
      </c>
      <c r="AF68" s="85" cm="1">
        <f t="array" ref="AF68">IF(J68&gt;30,IF(K68&lt;=2,$AB$15,IF(AND(K68&gt;2,K68&lt;=4),TREND($AB$15:$AC$15,$AB$3:$AC$3,K68,TRUE),IF(AND(K68&gt;4,K68&lt;10),TREND($AC$15:$AD$15,$AC$3:$AD$3,K68,TRUE),IF(K68&gt;=10,$AD$15,1)))),IF(K68&lt;=2,$AE$15,IF(AND(K68&gt;2,K68&lt;=4),TREND($AE$15:$AF$15,$AE$3:$AF$3,K68,TRUE),IF(AND(K68&gt;4,K68&lt;10),TREND($AF$15:$AG$15,$AF$3:$AG$3,K68,TRUE),IF(K68&gt;=10,$AG$15,1)))))</f>
        <v>4.6432844644165458E-2</v>
      </c>
      <c r="AG68" s="86" cm="1">
        <f t="array" ref="AG68">IF(J68&gt;30,IF(K68&lt;=2,$AB$16,IF(AND(K68&gt;2,K68&lt;=4),TREND($AB$16:$AC$16,$AB$3:$AC$3,K68,TRUE),IF(AND(K68&gt;4,K68&lt;10),TREND($AC$16:$AD$16,$AC$3:$AD$3,K68,TRUE),IF(K68&gt;=10,$AD$16,1)))),IF(K68&lt;=2,$AE$16,IF(AND(K68&gt;2,K68&lt;=4),TREND($AE$16:$AF$16,$AE$3:$AF$3,K68,TRUE),IF(AND(K68&gt;4,K68&lt;10),TREND($AF$16:$AG$16,$AF$3:$AG$3,K68,TRUE),IF(K68&gt;=10,$AG$16,1)))))</f>
        <v>6.9997214175987851E-2</v>
      </c>
      <c r="AH68" s="85" cm="1">
        <f t="array" ref="AH68">IF(J68&gt;30,IF(K68&lt;=2,$AB$17,IF(AND(K68&gt;2,K68&lt;=4),TREND($AB$17:$AC$17,$AB$3:$AC$3,K68,TRUE),IF(AND(K68&gt;4,K68&lt;10),TREND($AC$17:$AD$17,$AC$3:$AD$3,K68,TRUE),IF(K68&gt;=10,$AD$17,1)))),IF(K68&lt;=2,$AE$17,IF(AND(K68&gt;2,K68&lt;=4),TREND($AE$17:$AF$17,$AE$3:$AF$3,K68,TRUE),IF(AND(K68&gt;4,K68&lt;10),TREND($AF$17:$AG$17,$AF$3:$AG$3,K68,TRUE),IF(K68&gt;=10,$AG$17,1)))))</f>
        <v>0.1074739004493723</v>
      </c>
      <c r="AI68" s="85" cm="1">
        <f t="array" ref="AI68">IF(J68&gt;30,IF(K68&lt;=2,$AB$18,IF(AND(K68&gt;2,K68&lt;=4),TREND($AB$18:$AC$18,$AB$3:$AC$3,K68,TRUE),IF(AND(K68&gt;4,K68&lt;10),TREND($AC$18:$AD$18,$AC$3:$AD$3,K68,TRUE),IF(K68&gt;=10,$AD$18,1)))),IF(K68&lt;=2,$AE$18,IF(AND(K68&gt;2,K68&lt;=4),TREND($AE$18:$AF$18,$AE$3:$AF$3,K68,TRUE),IF(AND(K68&gt;4,K68&lt;10),TREND($AF$18:$AG$18,$AF$3:$AG$3,K68,TRUE),IF(K68&gt;=10,$AG$18,1)))))</f>
        <v>0.17260263951301708</v>
      </c>
      <c r="AJ68" s="85" cm="1">
        <f t="array" ref="AJ68">IF(J68&gt;30,IF(K68&lt;=2,$AB$19,IF(AND(K68&gt;2,K68&lt;=4),TREND($AB$19:$AC$19,$AB$3:$AC$3,K68,TRUE),IF(AND(K68&gt;4,K68&lt;10),TREND($AC$19:$AD$19,$AC$3:$AD$3,K68,TRUE),IF(K68&gt;=10,$AD$19,1)))),IF(K68&lt;=2,$AE$19,IF(AND(K68&gt;2,K68&lt;=4),TREND($AE$19:$AF$19,$AE$3:$AF$3,K68,TRUE),IF(AND(K68&gt;4,K68&lt;10),TREND($AF$19:$AG$19,$AF$3:$AG$3,K68,TRUE),IF(K68&gt;=10,$AG$19,1)))))</f>
        <v>0.27564369531822386</v>
      </c>
      <c r="AK68" s="85" cm="1">
        <f t="array" ref="AK68">IF(J68&gt;30,IF(K68&lt;=2,$AB$20,IF(AND(K68&gt;2,K68&lt;=4),TREND($AB$20:$AC$20,$AB$3:$AC$3,K68,TRUE),IF(AND(K68&gt;4,K68&lt;10),TREND($AC$20:$AD$20,$AC$3:$AD$3,K68,TRUE),IF(K68&gt;=10,$AD$20,1)))),IF(K68&lt;=2,$AE$20,IF(AND(K68&gt;2,K68&lt;=4),TREND($AE$20:$AF$20,$AE$3:$AF$3,K68,TRUE),IF(AND(K68&gt;4,K68&lt;10),TREND($AF$20:$AG$20,$AF$3:$AG$3,K68,TRUE),IF(K68&gt;=10,$AG$20,1)))))</f>
        <v>0.36520527902603417</v>
      </c>
      <c r="AL68" s="85">
        <v>3</v>
      </c>
      <c r="AM68" s="92">
        <v>0</v>
      </c>
      <c r="AN68" s="92">
        <f t="shared" si="6"/>
        <v>0.93041055805206818</v>
      </c>
      <c r="AO68" s="92">
        <f t="shared" si="21"/>
        <v>9.3041055805206838</v>
      </c>
      <c r="AP68" s="92">
        <f t="shared" si="7"/>
        <v>19.912316741562048</v>
      </c>
      <c r="AQ68" s="92">
        <f t="shared" si="8"/>
        <v>37.82463348312411</v>
      </c>
      <c r="AR68" s="92">
        <f t="shared" si="9"/>
        <v>61.041055805206831</v>
      </c>
      <c r="AS68" s="92">
        <f t="shared" si="10"/>
        <v>92.865689288330913</v>
      </c>
      <c r="AT68" s="92">
        <f t="shared" si="11"/>
        <v>139.9944283519757</v>
      </c>
      <c r="AU68" s="92">
        <f t="shared" si="12"/>
        <v>214.94780089874459</v>
      </c>
      <c r="AV68" s="92">
        <f t="shared" si="13"/>
        <v>345.20527902603413</v>
      </c>
      <c r="AW68" s="92">
        <f t="shared" si="14"/>
        <v>551.28739063644775</v>
      </c>
      <c r="AX68" s="92">
        <f t="shared" si="15"/>
        <v>730.41055805206838</v>
      </c>
      <c r="AY68" s="92">
        <f t="shared" si="16"/>
        <v>6000</v>
      </c>
      <c r="AZ68" s="93">
        <v>0</v>
      </c>
      <c r="BA68" s="93">
        <f t="shared" si="36"/>
        <v>575.5178126606728</v>
      </c>
      <c r="BB68" s="93">
        <f t="shared" si="22"/>
        <v>2302.0712506426912</v>
      </c>
      <c r="BC68" s="93">
        <f t="shared" si="23"/>
        <v>3453.1068759640361</v>
      </c>
      <c r="BD68" s="93">
        <f t="shared" si="24"/>
        <v>4604.1425012853824</v>
      </c>
      <c r="BE68" s="93">
        <f t="shared" si="25"/>
        <v>5755.1781266067273</v>
      </c>
      <c r="BF68" s="93">
        <f t="shared" si="26"/>
        <v>6906.2137519280723</v>
      </c>
      <c r="BG68" s="93">
        <f t="shared" si="27"/>
        <v>8057.2493772494181</v>
      </c>
      <c r="BH68" s="93">
        <f t="shared" si="28"/>
        <v>9208.2850025707648</v>
      </c>
      <c r="BI68" s="93">
        <f t="shared" si="29"/>
        <v>10359.32062789211</v>
      </c>
      <c r="BJ68" s="93">
        <f t="shared" si="30"/>
        <v>11222.597346883118</v>
      </c>
      <c r="BK68" s="93">
        <f t="shared" si="31"/>
        <v>11510.356253213455</v>
      </c>
      <c r="BL68" s="93">
        <f t="shared" si="31"/>
        <v>11510.356253213455</v>
      </c>
    </row>
    <row r="69" spans="2:67" x14ac:dyDescent="0.2">
      <c r="B69" s="79">
        <f t="shared" si="37"/>
        <v>-58.5</v>
      </c>
      <c r="C69" s="73">
        <f t="shared" si="20"/>
        <v>43</v>
      </c>
      <c r="D69" s="64">
        <f>INDEX('CPT Data'!$C$13:$C$20000,MATCH($C69,'CPT Data'!$B$13:$B$20000,1))</f>
        <v>42.992000000000004</v>
      </c>
      <c r="E69" s="55" t="str">
        <f>INDEX('CPT Data'!$P$13:$P$20000,MATCH($C69,'CPT Data'!$B$13:$B$20000,1))</f>
        <v>CLAY</v>
      </c>
      <c r="F69" s="76">
        <f>INDEX('CPT Data'!$Q$13:$Q$20000,MATCH($C69,'CPT Data'!$B$13:$B$20000,1))</f>
        <v>735.70100426115278</v>
      </c>
      <c r="G69" s="76">
        <f>INDEX('CPT Data'!$I$13:$I$20000,MATCH(C69,'CPT Data'!$B$13:$B$20000,1))</f>
        <v>20.282097805781664</v>
      </c>
      <c r="H69" s="76">
        <f>INDEX('CPT Data'!$J$13:$J$20000,MATCH($C69,'CPT Data'!$B$13:$B$20000,1))</f>
        <v>10.282097805781664</v>
      </c>
      <c r="I69" s="76">
        <f>INDEX('CPT Data'!$L$13:$L$20000,MATCH(C69,'CPT Data'!$B$13:$B$20000,1))</f>
        <v>442.11992355080577</v>
      </c>
      <c r="J69" s="226">
        <f>INDEX('CPT Data'!$R$13:$R$20000,MATCH(C69,'CPT Data'!$B$13:$B$20000,1))</f>
        <v>35</v>
      </c>
      <c r="K69" s="76">
        <f>INDEX('CPT Data'!$S$13:$S$20000,MATCH($C69,'CPT Data'!$B$13:$B$20000,1))</f>
        <v>10.552810622734453</v>
      </c>
      <c r="L69" s="55">
        <f>VLOOKUP($C69, 'Pile Property'!$A$8:$D$108,2,TRUE)</f>
        <v>2</v>
      </c>
      <c r="M69" s="234">
        <f>IF($E69="CLAY",ABS($F69-'CPT Data'!$Q$3787)/$D69,#N/A)</f>
        <v>5.4070639880771578</v>
      </c>
      <c r="N69" s="65">
        <f t="shared" si="32"/>
        <v>1.0234922834911711</v>
      </c>
      <c r="O69" s="76">
        <f t="shared" si="38"/>
        <v>16.776805482801905</v>
      </c>
      <c r="P69" s="76">
        <f t="shared" si="39"/>
        <v>1.664030424941052</v>
      </c>
      <c r="Q69" s="65">
        <f t="shared" si="18"/>
        <v>0.44023005467597742</v>
      </c>
      <c r="R69" s="76">
        <f t="shared" si="19"/>
        <v>10.320690164027932</v>
      </c>
      <c r="S69" s="76">
        <f t="shared" si="33"/>
        <v>10.320690164027932</v>
      </c>
      <c r="T69" s="76"/>
      <c r="U69" s="76"/>
      <c r="V69" s="76">
        <f t="shared" si="40"/>
        <v>10.320690164027932</v>
      </c>
      <c r="W69" s="76">
        <f t="shared" si="34"/>
        <v>10.320690164027932</v>
      </c>
      <c r="X69" s="76">
        <f t="shared" si="41"/>
        <v>10.320690164027932</v>
      </c>
      <c r="Y69" s="76">
        <f t="shared" si="42"/>
        <v>7592.9421183435506</v>
      </c>
      <c r="Z69" s="76">
        <f t="shared" si="35"/>
        <v>15185.884236687101</v>
      </c>
      <c r="AA69" s="85" cm="1">
        <f t="array" ref="AA69">IF(J69&gt;30,IF(K69&lt;=2,$AB$10,IF(AND(K69&gt;2,K69&lt;=4),TREND($AB$10:$AC$10,$AB$3:$AC$3,K69,TRUE),IF(AND(K69&gt;4,K69&lt;10),TREND($AC$10:$AD$10,$AC$3:$AD$3,K69,TRUE),IF(K69&gt;=10,$AD$10,1)))),IF(K69&lt;=2,$AE$10,IF(AND(K69&gt;2,K69&lt;=4),TREND($AE$10:$AF$10,$AE$3:$AF$3,K69,TRUE),IF(AND(K69&gt;4,K69&lt;10),TREND($AF$10:$AG$10,$AF$3:$AG$3,K69,TRUE),IF(K69&gt;=10,$AG$10,1)))))</f>
        <v>5.0000000000000001E-4</v>
      </c>
      <c r="AB69" s="85" cm="1">
        <f t="array" ref="AB69">IF(J69&gt;30,IF(K69&lt;=2,$AB$11,IF(AND(K69&gt;2,K69&lt;=4),TREND($AB$11:$AC$11,$AB$3:$AC$3,K69,TRUE),IF(AND(K69&gt;4,K69&lt;10),TREND($AC$11:$AD$11,$AC$3:$AD$3,K69,TRUE),IF(K69&gt;=10,$AD$11,1)))),IF(K69&lt;=2,$AE$11,IF(AND(K69&gt;2,K69&lt;=4),TREND($AE$11:$AF$11,$AE$3:$AF$3,K69,TRUE),IF(AND(K69&gt;4,K69&lt;10),TREND($AF$11:$AG$11,$AF$3:$AG$3,K69,TRUE),IF(K69&gt;=10,$AG$11,1)))))</f>
        <v>5.0000000000000001E-3</v>
      </c>
      <c r="AC69" s="85" cm="1">
        <f t="array" ref="AC69">IF(J69&gt;30,IF(K69&lt;=2,$AB$12,IF(AND(K69&gt;2,K69&lt;=4),TREND($AB$12:$AC$12,$AB$3:$AC$3,K69,TRUE),IF(AND(K69&gt;4,K69&lt;10),TREND($AC$12:$AD$12,$AC$3:$AD$3,K69,TRUE),IF(K69&gt;=10,$AD$12,1)))),IF(K69&lt;=2,$AE$12,IF(AND(K69&gt;2,K69&lt;=4),TREND($AE$12:$AF$12,$AE$3:$AF$3,K69,TRUE),IF(AND(K69&gt;4,K69&lt;10),TREND($AF$12:$AG$12,$AF$3:$AG$3,K69,TRUE),IF(K69&gt;=10,$AG$12,1)))))</f>
        <v>1.0999999999999999E-2</v>
      </c>
      <c r="AD69" s="85" cm="1">
        <f t="array" ref="AD69">IF(J69&gt;30,IF(K69&lt;=2,$AB$13,IF(AND(K69&gt;2,K69&lt;=4),TREND($AB$13:$AC$13,$AB$3:$AC$3,K69,TRUE),IF(AND(K69&gt;4,K69&lt;10),TREND($AC$13:$AD$13,$AC$3:$AD$3,K69,TRUE),IF(K69&gt;=10,$AD$13,1)))),IF(K69&lt;=2,$AE$13,IF(AND(K69&gt;2,K69&lt;=4),TREND($AE$13:$AF$13,$AE$3:$AF$3,K69,TRUE),IF(AND(K69&gt;4,K69&lt;10),TREND($AF$13:$AG$13,$AF$3:$AG$3,K69,TRUE),IF(K69&gt;=10,$AG$13,1)))))</f>
        <v>2.1000000000000001E-2</v>
      </c>
      <c r="AE69" s="85" cm="1">
        <f t="array" ref="AE69">IF(J69&gt;30,IF(K69&lt;=2,$AB$14,IF(AND(K69&gt;2,K69&lt;=4),TREND($AB$14:$AC$14,$AB$3:$AC$3,K69,TRUE),IF(AND(K69&gt;4,K69&lt;10),TREND($AC$14:$AD$14,$AC$3:$AD$3,K69,TRUE),IF(K69&gt;=10,$AD$14,1)))),IF(K69&lt;=2,$AE$14,IF(AND(K69&gt;2,K69&lt;=4),TREND($AE$14:$AF$14,$AE$3:$AF$3,K69,TRUE),IF(AND(K69&gt;4,K69&lt;10),TREND($AF$14:$AG$14,$AF$3:$AG$3,K69,TRUE),IF(K69&gt;=10,$AG$14,1)))))</f>
        <v>3.4000000000000002E-2</v>
      </c>
      <c r="AF69" s="85" cm="1">
        <f t="array" ref="AF69">IF(J69&gt;30,IF(K69&lt;=2,$AB$15,IF(AND(K69&gt;2,K69&lt;=4),TREND($AB$15:$AC$15,$AB$3:$AC$3,K69,TRUE),IF(AND(K69&gt;4,K69&lt;10),TREND($AC$15:$AD$15,$AC$3:$AD$3,K69,TRUE),IF(K69&gt;=10,$AD$15,1)))),IF(K69&lt;=2,$AE$15,IF(AND(K69&gt;2,K69&lt;=4),TREND($AE$15:$AF$15,$AE$3:$AF$3,K69,TRUE),IF(AND(K69&gt;4,K69&lt;10),TREND($AF$15:$AG$15,$AF$3:$AG$3,K69,TRUE),IF(K69&gt;=10,$AG$15,1)))))</f>
        <v>5.1999999999999998E-2</v>
      </c>
      <c r="AG69" s="86" cm="1">
        <f t="array" ref="AG69">IF(J69&gt;30,IF(K69&lt;=2,$AB$16,IF(AND(K69&gt;2,K69&lt;=4),TREND($AB$16:$AC$16,$AB$3:$AC$3,K69,TRUE),IF(AND(K69&gt;4,K69&lt;10),TREND($AC$16:$AD$16,$AC$3:$AD$3,K69,TRUE),IF(K69&gt;=10,$AD$16,1)))),IF(K69&lt;=2,$AE$16,IF(AND(K69&gt;2,K69&lt;=4),TREND($AE$16:$AF$16,$AE$3:$AF$3,K69,TRUE),IF(AND(K69&gt;4,K69&lt;10),TREND($AF$16:$AG$16,$AF$3:$AG$3,K69,TRUE),IF(K69&gt;=10,$AG$16,1)))))</f>
        <v>7.8E-2</v>
      </c>
      <c r="AH69" s="85" cm="1">
        <f t="array" ref="AH69">IF(J69&gt;30,IF(K69&lt;=2,$AB$17,IF(AND(K69&gt;2,K69&lt;=4),TREND($AB$17:$AC$17,$AB$3:$AC$3,K69,TRUE),IF(AND(K69&gt;4,K69&lt;10),TREND($AC$17:$AD$17,$AC$3:$AD$3,K69,TRUE),IF(K69&gt;=10,$AD$17,1)))),IF(K69&lt;=2,$AE$17,IF(AND(K69&gt;2,K69&lt;=4),TREND($AE$17:$AF$17,$AE$3:$AF$3,K69,TRUE),IF(AND(K69&gt;4,K69&lt;10),TREND($AF$17:$AG$17,$AF$3:$AG$3,K69,TRUE),IF(K69&gt;=10,$AG$17,1)))))</f>
        <v>0.12</v>
      </c>
      <c r="AI69" s="85" cm="1">
        <f t="array" ref="AI69">IF(J69&gt;30,IF(K69&lt;=2,$AB$18,IF(AND(K69&gt;2,K69&lt;=4),TREND($AB$18:$AC$18,$AB$3:$AC$3,K69,TRUE),IF(AND(K69&gt;4,K69&lt;10),TREND($AC$18:$AD$18,$AC$3:$AD$3,K69,TRUE),IF(K69&gt;=10,$AD$18,1)))),IF(K69&lt;=2,$AE$18,IF(AND(K69&gt;2,K69&lt;=4),TREND($AE$18:$AF$18,$AE$3:$AF$3,K69,TRUE),IF(AND(K69&gt;4,K69&lt;10),TREND($AF$18:$AG$18,$AF$3:$AG$3,K69,TRUE),IF(K69&gt;=10,$AG$18,1)))))</f>
        <v>0.19</v>
      </c>
      <c r="AJ69" s="85" cm="1">
        <f t="array" ref="AJ69">IF(J69&gt;30,IF(K69&lt;=2,$AB$19,IF(AND(K69&gt;2,K69&lt;=4),TREND($AB$19:$AC$19,$AB$3:$AC$3,K69,TRUE),IF(AND(K69&gt;4,K69&lt;10),TREND($AC$19:$AD$19,$AC$3:$AD$3,K69,TRUE),IF(K69&gt;=10,$AD$19,1)))),IF(K69&lt;=2,$AE$19,IF(AND(K69&gt;2,K69&lt;=4),TREND($AE$19:$AF$19,$AE$3:$AF$3,K69,TRUE),IF(AND(K69&gt;4,K69&lt;10),TREND($AF$19:$AG$19,$AF$3:$AG$3,K69,TRUE),IF(K69&gt;=10,$AG$19,1)))))</f>
        <v>0.3</v>
      </c>
      <c r="AK69" s="85" cm="1">
        <f t="array" ref="AK69">IF(J69&gt;30,IF(K69&lt;=2,$AB$20,IF(AND(K69&gt;2,K69&lt;=4),TREND($AB$20:$AC$20,$AB$3:$AC$3,K69,TRUE),IF(AND(K69&gt;4,K69&lt;10),TREND($AC$20:$AD$20,$AC$3:$AD$3,K69,TRUE),IF(K69&gt;=10,$AD$20,1)))),IF(K69&lt;=2,$AE$20,IF(AND(K69&gt;2,K69&lt;=4),TREND($AE$20:$AF$20,$AE$3:$AF$3,K69,TRUE),IF(AND(K69&gt;4,K69&lt;10),TREND($AF$20:$AG$20,$AF$3:$AG$3,K69,TRUE),IF(K69&gt;=10,$AG$20,1)))))</f>
        <v>0.4</v>
      </c>
      <c r="AL69" s="85">
        <v>3</v>
      </c>
      <c r="AM69" s="92">
        <v>0</v>
      </c>
      <c r="AN69" s="92">
        <f t="shared" si="6"/>
        <v>1</v>
      </c>
      <c r="AO69" s="92">
        <f t="shared" si="21"/>
        <v>10</v>
      </c>
      <c r="AP69" s="92">
        <f t="shared" si="7"/>
        <v>22</v>
      </c>
      <c r="AQ69" s="92">
        <f t="shared" si="8"/>
        <v>42</v>
      </c>
      <c r="AR69" s="92">
        <f t="shared" si="9"/>
        <v>68</v>
      </c>
      <c r="AS69" s="92">
        <f t="shared" si="10"/>
        <v>104</v>
      </c>
      <c r="AT69" s="92">
        <f t="shared" si="11"/>
        <v>156</v>
      </c>
      <c r="AU69" s="92">
        <f t="shared" si="12"/>
        <v>240</v>
      </c>
      <c r="AV69" s="92">
        <f t="shared" si="13"/>
        <v>380</v>
      </c>
      <c r="AW69" s="92">
        <f t="shared" si="14"/>
        <v>600</v>
      </c>
      <c r="AX69" s="92">
        <f t="shared" si="15"/>
        <v>800</v>
      </c>
      <c r="AY69" s="92">
        <f t="shared" si="16"/>
        <v>6000</v>
      </c>
      <c r="AZ69" s="93">
        <v>0</v>
      </c>
      <c r="BA69" s="93">
        <f t="shared" si="36"/>
        <v>759.29421183435511</v>
      </c>
      <c r="BB69" s="93">
        <f t="shared" si="22"/>
        <v>3037.1768473374204</v>
      </c>
      <c r="BC69" s="93">
        <f t="shared" si="23"/>
        <v>4555.7652710061302</v>
      </c>
      <c r="BD69" s="93">
        <f t="shared" si="24"/>
        <v>6074.3536946748409</v>
      </c>
      <c r="BE69" s="93">
        <f t="shared" si="25"/>
        <v>7592.9421183435506</v>
      </c>
      <c r="BF69" s="93">
        <f t="shared" si="26"/>
        <v>9111.5305420122604</v>
      </c>
      <c r="BG69" s="93">
        <f t="shared" si="27"/>
        <v>10630.118965680971</v>
      </c>
      <c r="BH69" s="93">
        <f t="shared" si="28"/>
        <v>12148.707389349682</v>
      </c>
      <c r="BI69" s="93">
        <f t="shared" si="29"/>
        <v>13667.295813018391</v>
      </c>
      <c r="BJ69" s="93">
        <f t="shared" si="30"/>
        <v>14806.237130769923</v>
      </c>
      <c r="BK69" s="93">
        <f t="shared" si="31"/>
        <v>15185.884236687101</v>
      </c>
      <c r="BL69" s="93">
        <f t="shared" si="31"/>
        <v>15185.884236687101</v>
      </c>
      <c r="BO69" s="59"/>
    </row>
    <row r="70" spans="2:67" x14ac:dyDescent="0.2">
      <c r="B70" s="79">
        <f t="shared" si="37"/>
        <v>-59.5</v>
      </c>
      <c r="C70" s="73">
        <f t="shared" si="20"/>
        <v>44</v>
      </c>
      <c r="D70" s="64">
        <f>INDEX('CPT Data'!$C$13:$C$20000,MATCH($C70,'CPT Data'!$B$13:$B$20000,1))</f>
        <v>43.99</v>
      </c>
      <c r="E70" s="55" t="str">
        <f>INDEX('CPT Data'!$P$13:$P$20000,MATCH($C70,'CPT Data'!$B$13:$B$20000,1))</f>
        <v>CLAY</v>
      </c>
      <c r="F70" s="76">
        <f>INDEX('CPT Data'!$Q$13:$Q$20000,MATCH($C70,'CPT Data'!$B$13:$B$20000,1))</f>
        <v>655.97302747787626</v>
      </c>
      <c r="G70" s="76">
        <f>INDEX('CPT Data'!$I$13:$I$20000,MATCH(C70,'CPT Data'!$B$13:$B$20000,1))</f>
        <v>20.291513304512023</v>
      </c>
      <c r="H70" s="76">
        <f>INDEX('CPT Data'!$J$13:$J$20000,MATCH($C70,'CPT Data'!$B$13:$B$20000,1))</f>
        <v>10.291513304512023</v>
      </c>
      <c r="I70" s="76">
        <f>INDEX('CPT Data'!$L$13:$L$20000,MATCH(C70,'CPT Data'!$B$13:$B$20000,1))</f>
        <v>452.79571085861545</v>
      </c>
      <c r="J70" s="226">
        <f>INDEX('CPT Data'!$R$13:$R$20000,MATCH(C70,'CPT Data'!$B$13:$B$20000,1))</f>
        <v>35</v>
      </c>
      <c r="K70" s="76">
        <f>INDEX('CPT Data'!$S$13:$S$20000,MATCH($C70,'CPT Data'!$B$13:$B$20000,1))</f>
        <v>8.8745463847538542</v>
      </c>
      <c r="L70" s="55">
        <f>VLOOKUP($C70, 'Pile Property'!$A$8:$D$108,2,TRUE)</f>
        <v>2</v>
      </c>
      <c r="M70" s="234">
        <f>IF($E70="CLAY",ABS($F70-'CPT Data'!$Q$3787)/$D70,#N/A)</f>
        <v>3.471982682249072</v>
      </c>
      <c r="N70" s="65">
        <f t="shared" si="32"/>
        <v>1.5939273823091511</v>
      </c>
      <c r="O70" s="76">
        <f t="shared" si="38"/>
        <v>16.33432237754716</v>
      </c>
      <c r="P70" s="76">
        <f t="shared" si="39"/>
        <v>1.448717405546941</v>
      </c>
      <c r="Q70" s="65">
        <f t="shared" si="18"/>
        <v>0.45574727944987697</v>
      </c>
      <c r="R70" s="76">
        <f t="shared" si="19"/>
        <v>10.367241838349631</v>
      </c>
      <c r="S70" s="76">
        <f t="shared" si="33"/>
        <v>10.367241838349631</v>
      </c>
      <c r="T70" s="76"/>
      <c r="U70" s="76"/>
      <c r="V70" s="76">
        <f t="shared" si="40"/>
        <v>10.367241838349631</v>
      </c>
      <c r="W70" s="76">
        <f t="shared" si="34"/>
        <v>10.367241838349631</v>
      </c>
      <c r="X70" s="76">
        <f t="shared" si="41"/>
        <v>10.367241838349631</v>
      </c>
      <c r="Y70" s="76">
        <f t="shared" si="42"/>
        <v>6800.6310152975111</v>
      </c>
      <c r="Z70" s="76">
        <f t="shared" si="35"/>
        <v>13601.262030595022</v>
      </c>
      <c r="AA70" s="85" cm="1">
        <f t="array" ref="AA70">IF(J70&gt;30,IF(K70&lt;=2,$AB$10,IF(AND(K70&gt;2,K70&lt;=4),TREND($AB$10:$AC$10,$AB$3:$AC$3,K70,TRUE),IF(AND(K70&gt;4,K70&lt;10),TREND($AC$10:$AD$10,$AC$3:$AD$3,K70,TRUE),IF(K70&gt;=10,$AD$10,1)))),IF(K70&lt;=2,$AE$10,IF(AND(K70&gt;2,K70&lt;=4),TREND($AE$10:$AF$10,$AE$3:$AF$3,K70,TRUE),IF(AND(K70&gt;4,K70&lt;10),TREND($AF$10:$AG$10,$AF$3:$AG$3,K70,TRUE),IF(K70&gt;=10,$AG$10,1)))))</f>
        <v>4.8124243974589757E-4</v>
      </c>
      <c r="AB70" s="85" cm="1">
        <f t="array" ref="AB70">IF(J70&gt;30,IF(K70&lt;=2,$AB$11,IF(AND(K70&gt;2,K70&lt;=4),TREND($AB$11:$AC$11,$AB$3:$AC$3,K70,TRUE),IF(AND(K70&gt;4,K70&lt;10),TREND($AC$11:$AD$11,$AC$3:$AD$3,K70,TRUE),IF(K70&gt;=10,$AD$11,1)))),IF(K70&lt;=2,$AE$11,IF(AND(K70&gt;2,K70&lt;=4),TREND($AE$11:$AF$11,$AE$3:$AF$3,K70,TRUE),IF(AND(K70&gt;4,K70&lt;10),TREND($AF$11:$AG$11,$AF$3:$AG$3,K70,TRUE),IF(K70&gt;=10,$AG$11,1)))))</f>
        <v>4.8124243974589764E-3</v>
      </c>
      <c r="AC70" s="85" cm="1">
        <f t="array" ref="AC70">IF(J70&gt;30,IF(K70&lt;=2,$AB$12,IF(AND(K70&gt;2,K70&lt;=4),TREND($AB$12:$AC$12,$AB$3:$AC$3,K70,TRUE),IF(AND(K70&gt;4,K70&lt;10),TREND($AC$12:$AD$12,$AC$3:$AD$3,K70,TRUE),IF(K70&gt;=10,$AD$12,1)))),IF(K70&lt;=2,$AE$12,IF(AND(K70&gt;2,K70&lt;=4),TREND($AE$12:$AF$12,$AE$3:$AF$3,K70,TRUE),IF(AND(K70&gt;4,K70&lt;10),TREND($AF$12:$AG$12,$AF$3:$AG$3,K70,TRUE),IF(K70&gt;=10,$AG$12,1)))))</f>
        <v>1.0437273192376927E-2</v>
      </c>
      <c r="AD70" s="85" cm="1">
        <f t="array" ref="AD70">IF(J70&gt;30,IF(K70&lt;=2,$AB$13,IF(AND(K70&gt;2,K70&lt;=4),TREND($AB$13:$AC$13,$AB$3:$AC$3,K70,TRUE),IF(AND(K70&gt;4,K70&lt;10),TREND($AC$13:$AD$13,$AC$3:$AD$3,K70,TRUE),IF(K70&gt;=10,$AD$13,1)))),IF(K70&lt;=2,$AE$13,IF(AND(K70&gt;2,K70&lt;=4),TREND($AE$13:$AF$13,$AE$3:$AF$3,K70,TRUE),IF(AND(K70&gt;4,K70&lt;10),TREND($AF$13:$AG$13,$AF$3:$AG$3,K70,TRUE),IF(K70&gt;=10,$AG$13,1)))))</f>
        <v>1.9874546384753857E-2</v>
      </c>
      <c r="AE70" s="85" cm="1">
        <f t="array" ref="AE70">IF(J70&gt;30,IF(K70&lt;=2,$AB$14,IF(AND(K70&gt;2,K70&lt;=4),TREND($AB$14:$AC$14,$AB$3:$AC$3,K70,TRUE),IF(AND(K70&gt;4,K70&lt;10),TREND($AC$14:$AD$14,$AC$3:$AD$3,K70,TRUE),IF(K70&gt;=10,$AD$14,1)))),IF(K70&lt;=2,$AE$14,IF(AND(K70&gt;2,K70&lt;=4),TREND($AE$14:$AF$14,$AE$3:$AF$3,K70,TRUE),IF(AND(K70&gt;4,K70&lt;10),TREND($AF$14:$AG$14,$AF$3:$AG$3,K70,TRUE),IF(K70&gt;=10,$AG$14,1)))))</f>
        <v>3.212424397458976E-2</v>
      </c>
      <c r="AF70" s="85" cm="1">
        <f t="array" ref="AF70">IF(J70&gt;30,IF(K70&lt;=2,$AB$15,IF(AND(K70&gt;2,K70&lt;=4),TREND($AB$15:$AC$15,$AB$3:$AC$3,K70,TRUE),IF(AND(K70&gt;4,K70&lt;10),TREND($AC$15:$AD$15,$AC$3:$AD$3,K70,TRUE),IF(K70&gt;=10,$AD$15,1)))),IF(K70&lt;=2,$AE$15,IF(AND(K70&gt;2,K70&lt;=4),TREND($AE$15:$AF$15,$AE$3:$AF$3,K70,TRUE),IF(AND(K70&gt;4,K70&lt;10),TREND($AF$15:$AG$15,$AF$3:$AG$3,K70,TRUE),IF(K70&gt;=10,$AG$15,1)))))</f>
        <v>4.8998790359343611E-2</v>
      </c>
      <c r="AG70" s="86" cm="1">
        <f t="array" ref="AG70">IF(J70&gt;30,IF(K70&lt;=2,$AB$16,IF(AND(K70&gt;2,K70&lt;=4),TREND($AB$16:$AC$16,$AB$3:$AC$3,K70,TRUE),IF(AND(K70&gt;4,K70&lt;10),TREND($AC$16:$AD$16,$AC$3:$AD$3,K70,TRUE),IF(K70&gt;=10,$AD$16,1)))),IF(K70&lt;=2,$AE$16,IF(AND(K70&gt;2,K70&lt;=4),TREND($AE$16:$AF$16,$AE$3:$AF$3,K70,TRUE),IF(AND(K70&gt;4,K70&lt;10),TREND($AF$16:$AG$16,$AF$3:$AG$3,K70,TRUE),IF(K70&gt;=10,$AG$16,1)))))</f>
        <v>7.368576114155645E-2</v>
      </c>
      <c r="AH70" s="85" cm="1">
        <f t="array" ref="AH70">IF(J70&gt;30,IF(K70&lt;=2,$AB$17,IF(AND(K70&gt;2,K70&lt;=4),TREND($AB$17:$AC$17,$AB$3:$AC$3,K70,TRUE),IF(AND(K70&gt;4,K70&lt;10),TREND($AC$17:$AD$17,$AC$3:$AD$3,K70,TRUE),IF(K70&gt;=10,$AD$17,1)))),IF(K70&lt;=2,$AE$17,IF(AND(K70&gt;2,K70&lt;=4),TREND($AE$17:$AF$17,$AE$3:$AF$3,K70,TRUE),IF(AND(K70&gt;4,K70&lt;10),TREND($AF$17:$AG$17,$AF$3:$AG$3,K70,TRUE),IF(K70&gt;=10,$AG$17,1)))))</f>
        <v>0.11324727830852313</v>
      </c>
      <c r="AI70" s="85" cm="1">
        <f t="array" ref="AI70">IF(J70&gt;30,IF(K70&lt;=2,$AB$18,IF(AND(K70&gt;2,K70&lt;=4),TREND($AB$18:$AC$18,$AB$3:$AC$3,K70,TRUE),IF(AND(K70&gt;4,K70&lt;10),TREND($AC$18:$AD$18,$AC$3:$AD$3,K70,TRUE),IF(K70&gt;=10,$AD$18,1)))),IF(K70&lt;=2,$AE$18,IF(AND(K70&gt;2,K70&lt;=4),TREND($AE$18:$AF$18,$AE$3:$AF$3,K70,TRUE),IF(AND(K70&gt;4,K70&lt;10),TREND($AF$18:$AG$18,$AF$3:$AG$3,K70,TRUE),IF(K70&gt;=10,$AG$18,1)))))</f>
        <v>0.1806212198729488</v>
      </c>
      <c r="AJ70" s="85" cm="1">
        <f t="array" ref="AJ70">IF(J70&gt;30,IF(K70&lt;=2,$AB$19,IF(AND(K70&gt;2,K70&lt;=4),TREND($AB$19:$AC$19,$AB$3:$AC$3,K70,TRUE),IF(AND(K70&gt;4,K70&lt;10),TREND($AC$19:$AD$19,$AC$3:$AD$3,K70,TRUE),IF(K70&gt;=10,$AD$19,1)))),IF(K70&lt;=2,$AE$19,IF(AND(K70&gt;2,K70&lt;=4),TREND($AE$19:$AF$19,$AE$3:$AF$3,K70,TRUE),IF(AND(K70&gt;4,K70&lt;10),TREND($AF$19:$AG$19,$AF$3:$AG$3,K70,TRUE),IF(K70&gt;=10,$AG$19,1)))))</f>
        <v>0.28686970782212828</v>
      </c>
      <c r="AK70" s="85" cm="1">
        <f t="array" ref="AK70">IF(J70&gt;30,IF(K70&lt;=2,$AB$20,IF(AND(K70&gt;2,K70&lt;=4),TREND($AB$20:$AC$20,$AB$3:$AC$3,K70,TRUE),IF(AND(K70&gt;4,K70&lt;10),TREND($AC$20:$AD$20,$AC$3:$AD$3,K70,TRUE),IF(K70&gt;=10,$AD$20,1)))),IF(K70&lt;=2,$AE$20,IF(AND(K70&gt;2,K70&lt;=4),TREND($AE$20:$AF$20,$AE$3:$AF$3,K70,TRUE),IF(AND(K70&gt;4,K70&lt;10),TREND($AF$20:$AG$20,$AF$3:$AG$3,K70,TRUE),IF(K70&gt;=10,$AG$20,1)))))</f>
        <v>0.38124243974589755</v>
      </c>
      <c r="AL70" s="85">
        <v>3</v>
      </c>
      <c r="AM70" s="92">
        <v>0</v>
      </c>
      <c r="AN70" s="92">
        <f t="shared" si="6"/>
        <v>0.96248487949179518</v>
      </c>
      <c r="AO70" s="92">
        <f t="shared" si="21"/>
        <v>9.624848794917952</v>
      </c>
      <c r="AP70" s="92">
        <f t="shared" si="7"/>
        <v>20.874546384753856</v>
      </c>
      <c r="AQ70" s="92">
        <f t="shared" si="8"/>
        <v>39.749092769507712</v>
      </c>
      <c r="AR70" s="92">
        <f t="shared" si="9"/>
        <v>64.24848794917952</v>
      </c>
      <c r="AS70" s="92">
        <f t="shared" si="10"/>
        <v>97.997580718687217</v>
      </c>
      <c r="AT70" s="92">
        <f t="shared" si="11"/>
        <v>147.37152228311291</v>
      </c>
      <c r="AU70" s="92">
        <f t="shared" si="12"/>
        <v>226.49455661704627</v>
      </c>
      <c r="AV70" s="92">
        <f t="shared" si="13"/>
        <v>361.24243974589757</v>
      </c>
      <c r="AW70" s="92">
        <f t="shared" si="14"/>
        <v>573.73941564425661</v>
      </c>
      <c r="AX70" s="92">
        <f t="shared" si="15"/>
        <v>762.48487949179514</v>
      </c>
      <c r="AY70" s="92">
        <f t="shared" si="16"/>
        <v>6000</v>
      </c>
      <c r="AZ70" s="93">
        <v>0</v>
      </c>
      <c r="BA70" s="93">
        <f t="shared" si="36"/>
        <v>680.06310152975118</v>
      </c>
      <c r="BB70" s="93">
        <f t="shared" si="22"/>
        <v>2720.2524061190047</v>
      </c>
      <c r="BC70" s="93">
        <f t="shared" si="23"/>
        <v>4080.3786091785064</v>
      </c>
      <c r="BD70" s="93">
        <f t="shared" si="24"/>
        <v>5440.5048122380094</v>
      </c>
      <c r="BE70" s="93">
        <f t="shared" si="25"/>
        <v>6800.6310152975111</v>
      </c>
      <c r="BF70" s="93">
        <f t="shared" si="26"/>
        <v>8160.7572183570128</v>
      </c>
      <c r="BG70" s="93">
        <f t="shared" si="27"/>
        <v>9520.8834214165145</v>
      </c>
      <c r="BH70" s="93">
        <f t="shared" si="28"/>
        <v>10881.009624476019</v>
      </c>
      <c r="BI70" s="93">
        <f t="shared" si="29"/>
        <v>12241.13582753552</v>
      </c>
      <c r="BJ70" s="93">
        <f t="shared" si="30"/>
        <v>13261.230479830147</v>
      </c>
      <c r="BK70" s="93">
        <f t="shared" si="31"/>
        <v>13601.262030595022</v>
      </c>
      <c r="BL70" s="93">
        <f t="shared" si="31"/>
        <v>13601.262030595022</v>
      </c>
    </row>
    <row r="71" spans="2:67" x14ac:dyDescent="0.2">
      <c r="B71" s="79">
        <f t="shared" si="37"/>
        <v>-60.5</v>
      </c>
      <c r="C71" s="73">
        <f t="shared" si="20"/>
        <v>45</v>
      </c>
      <c r="D71" s="64">
        <f>INDEX('CPT Data'!$C$13:$C$20000,MATCH($C71,'CPT Data'!$B$13:$B$20000,1))</f>
        <v>44.991</v>
      </c>
      <c r="E71" s="55" t="str">
        <f>INDEX('CPT Data'!$P$13:$P$20000,MATCH($C71,'CPT Data'!$B$13:$B$20000,1))</f>
        <v>CLAY</v>
      </c>
      <c r="F71" s="76">
        <f>INDEX('CPT Data'!$Q$13:$Q$20000,MATCH($C71,'CPT Data'!$B$13:$B$20000,1))</f>
        <v>510.44260245152697</v>
      </c>
      <c r="G71" s="76">
        <f>INDEX('CPT Data'!$I$13:$I$20000,MATCH(C71,'CPT Data'!$B$13:$B$20000,1))</f>
        <v>20.229129616627255</v>
      </c>
      <c r="H71" s="76">
        <f>INDEX('CPT Data'!$J$13:$J$20000,MATCH($C71,'CPT Data'!$B$13:$B$20000,1))</f>
        <v>10.229129616627255</v>
      </c>
      <c r="I71" s="76">
        <f>INDEX('CPT Data'!$L$13:$L$20000,MATCH(C71,'CPT Data'!$B$13:$B$20000,1))</f>
        <v>460.29037448899317</v>
      </c>
      <c r="J71" s="226">
        <f>INDEX('CPT Data'!$R$13:$R$20000,MATCH(C71,'CPT Data'!$B$13:$B$20000,1))</f>
        <v>35</v>
      </c>
      <c r="K71" s="76">
        <f>INDEX('CPT Data'!$S$13:$S$20000,MATCH($C71,'CPT Data'!$B$13:$B$20000,1))</f>
        <v>6.3541921343307974</v>
      </c>
      <c r="L71" s="55">
        <f>VLOOKUP($C71, 'Pile Property'!$A$8:$D$108,2,TRUE)</f>
        <v>2</v>
      </c>
      <c r="M71" s="234">
        <f>IF($E71="CLAY",ABS($F71-'CPT Data'!$Q$3787)/$D71,#N/A)</f>
        <v>0.16007853050137591</v>
      </c>
      <c r="N71" s="65">
        <f t="shared" si="32"/>
        <v>34.571083647550111</v>
      </c>
      <c r="O71" s="76">
        <f t="shared" si="38"/>
        <v>14.5</v>
      </c>
      <c r="P71" s="76">
        <f t="shared" si="39"/>
        <v>1.108957803035121</v>
      </c>
      <c r="Q71" s="65">
        <f t="shared" si="18"/>
        <v>0.48723810905933207</v>
      </c>
      <c r="R71" s="76">
        <f t="shared" si="19"/>
        <v>10.461714327177996</v>
      </c>
      <c r="S71" s="76">
        <f t="shared" si="33"/>
        <v>10.461714327177996</v>
      </c>
      <c r="T71" s="76"/>
      <c r="U71" s="76"/>
      <c r="V71" s="76">
        <f t="shared" si="40"/>
        <v>10.461714327177996</v>
      </c>
      <c r="W71" s="76">
        <f t="shared" si="34"/>
        <v>10.461714327177996</v>
      </c>
      <c r="X71" s="76">
        <f t="shared" si="41"/>
        <v>10.461714327177996</v>
      </c>
      <c r="Y71" s="76">
        <f t="shared" si="42"/>
        <v>5340.1046872691613</v>
      </c>
      <c r="Z71" s="76">
        <f t="shared" si="35"/>
        <v>10680.209374538323</v>
      </c>
      <c r="AA71" s="85" cm="1">
        <f t="array" ref="AA71">IF(J71&gt;30,IF(K71&lt;=2,$AB$10,IF(AND(K71&gt;2,K71&lt;=4),TREND($AB$10:$AC$10,$AB$3:$AC$3,K71,TRUE),IF(AND(K71&gt;4,K71&lt;10),TREND($AC$10:$AD$10,$AC$3:$AD$3,K71,TRUE),IF(K71&gt;=10,$AD$10,1)))),IF(K71&lt;=2,$AE$10,IF(AND(K71&gt;2,K71&lt;=4),TREND($AE$10:$AF$10,$AE$3:$AF$3,K71,TRUE),IF(AND(K71&gt;4,K71&lt;10),TREND($AF$10:$AG$10,$AF$3:$AG$3,K71,TRUE),IF(K71&gt;=10,$AG$10,1)))))</f>
        <v>4.3923653557217994E-4</v>
      </c>
      <c r="AB71" s="85" cm="1">
        <f t="array" ref="AB71">IF(J71&gt;30,IF(K71&lt;=2,$AB$11,IF(AND(K71&gt;2,K71&lt;=4),TREND($AB$11:$AC$11,$AB$3:$AC$3,K71,TRUE),IF(AND(K71&gt;4,K71&lt;10),TREND($AC$11:$AD$11,$AC$3:$AD$3,K71,TRUE),IF(K71&gt;=10,$AD$11,1)))),IF(K71&lt;=2,$AE$11,IF(AND(K71&gt;2,K71&lt;=4),TREND($AE$11:$AF$11,$AE$3:$AF$3,K71,TRUE),IF(AND(K71&gt;4,K71&lt;10),TREND($AF$11:$AG$11,$AF$3:$AG$3,K71,TRUE),IF(K71&gt;=10,$AG$11,1)))))</f>
        <v>4.3923653557218006E-3</v>
      </c>
      <c r="AC71" s="85" cm="1">
        <f t="array" ref="AC71">IF(J71&gt;30,IF(K71&lt;=2,$AB$12,IF(AND(K71&gt;2,K71&lt;=4),TREND($AB$12:$AC$12,$AB$3:$AC$3,K71,TRUE),IF(AND(K71&gt;4,K71&lt;10),TREND($AC$12:$AD$12,$AC$3:$AD$3,K71,TRUE),IF(K71&gt;=10,$AD$12,1)))),IF(K71&lt;=2,$AE$12,IF(AND(K71&gt;2,K71&lt;=4),TREND($AE$12:$AF$12,$AE$3:$AF$3,K71,TRUE),IF(AND(K71&gt;4,K71&lt;10),TREND($AF$12:$AG$12,$AF$3:$AG$3,K71,TRUE),IF(K71&gt;=10,$AG$12,1)))))</f>
        <v>9.1770960671653974E-3</v>
      </c>
      <c r="AD71" s="85" cm="1">
        <f t="array" ref="AD71">IF(J71&gt;30,IF(K71&lt;=2,$AB$13,IF(AND(K71&gt;2,K71&lt;=4),TREND($AB$13:$AC$13,$AB$3:$AC$3,K71,TRUE),IF(AND(K71&gt;4,K71&lt;10),TREND($AC$13:$AD$13,$AC$3:$AD$3,K71,TRUE),IF(K71&gt;=10,$AD$13,1)))),IF(K71&lt;=2,$AE$13,IF(AND(K71&gt;2,K71&lt;=4),TREND($AE$13:$AF$13,$AE$3:$AF$3,K71,TRUE),IF(AND(K71&gt;4,K71&lt;10),TREND($AF$13:$AG$13,$AF$3:$AG$3,K71,TRUE),IF(K71&gt;=10,$AG$13,1)))))</f>
        <v>1.7354192134330801E-2</v>
      </c>
      <c r="AE71" s="85" cm="1">
        <f t="array" ref="AE71">IF(J71&gt;30,IF(K71&lt;=2,$AB$14,IF(AND(K71&gt;2,K71&lt;=4),TREND($AB$14:$AC$14,$AB$3:$AC$3,K71,TRUE),IF(AND(K71&gt;4,K71&lt;10),TREND($AC$14:$AD$14,$AC$3:$AD$3,K71,TRUE),IF(K71&gt;=10,$AD$14,1)))),IF(K71&lt;=2,$AE$14,IF(AND(K71&gt;2,K71&lt;=4),TREND($AE$14:$AF$14,$AE$3:$AF$3,K71,TRUE),IF(AND(K71&gt;4,K71&lt;10),TREND($AF$14:$AG$14,$AF$3:$AG$3,K71,TRUE),IF(K71&gt;=10,$AG$14,1)))))</f>
        <v>2.7923653557217997E-2</v>
      </c>
      <c r="AF71" s="85" cm="1">
        <f t="array" ref="AF71">IF(J71&gt;30,IF(K71&lt;=2,$AB$15,IF(AND(K71&gt;2,K71&lt;=4),TREND($AB$15:$AC$15,$AB$3:$AC$3,K71,TRUE),IF(AND(K71&gt;4,K71&lt;10),TREND($AC$15:$AD$15,$AC$3:$AD$3,K71,TRUE),IF(K71&gt;=10,$AD$15,1)))),IF(K71&lt;=2,$AE$15,IF(AND(K71&gt;2,K71&lt;=4),TREND($AE$15:$AF$15,$AE$3:$AF$3,K71,TRUE),IF(AND(K71&gt;4,K71&lt;10),TREND($AF$15:$AG$15,$AF$3:$AG$3,K71,TRUE),IF(K71&gt;=10,$AG$15,1)))))</f>
        <v>4.2277845691548792E-2</v>
      </c>
      <c r="AG71" s="86" cm="1">
        <f t="array" ref="AG71">IF(J71&gt;30,IF(K71&lt;=2,$AB$16,IF(AND(K71&gt;2,K71&lt;=4),TREND($AB$16:$AC$16,$AB$3:$AC$3,K71,TRUE),IF(AND(K71&gt;4,K71&lt;10),TREND($AC$16:$AD$16,$AC$3:$AD$3,K71,TRUE),IF(K71&gt;=10,$AD$16,1)))),IF(K71&lt;=2,$AE$16,IF(AND(K71&gt;2,K71&lt;=4),TREND($AE$16:$AF$16,$AE$3:$AF$3,K71,TRUE),IF(AND(K71&gt;4,K71&lt;10),TREND($AF$16:$AG$16,$AF$3:$AG$3,K71,TRUE),IF(K71&gt;=10,$AG$16,1)))))</f>
        <v>6.4024403181601394E-2</v>
      </c>
      <c r="AH71" s="85" cm="1">
        <f t="array" ref="AH71">IF(J71&gt;30,IF(K71&lt;=2,$AB$17,IF(AND(K71&gt;2,K71&lt;=4),TREND($AB$17:$AC$17,$AB$3:$AC$3,K71,TRUE),IF(AND(K71&gt;4,K71&lt;10),TREND($AC$17:$AD$17,$AC$3:$AD$3,K71,TRUE),IF(K71&gt;=10,$AD$17,1)))),IF(K71&lt;=2,$AE$17,IF(AND(K71&gt;2,K71&lt;=4),TREND($AE$17:$AF$17,$AE$3:$AF$3,K71,TRUE),IF(AND(K71&gt;4,K71&lt;10),TREND($AF$17:$AG$17,$AF$3:$AG$3,K71,TRUE),IF(K71&gt;=10,$AG$17,1)))))</f>
        <v>9.81251528059848E-2</v>
      </c>
      <c r="AI71" s="85" cm="1">
        <f t="array" ref="AI71">IF(J71&gt;30,IF(K71&lt;=2,$AB$18,IF(AND(K71&gt;2,K71&lt;=4),TREND($AB$18:$AC$18,$AB$3:$AC$3,K71,TRUE),IF(AND(K71&gt;4,K71&lt;10),TREND($AC$18:$AD$18,$AC$3:$AD$3,K71,TRUE),IF(K71&gt;=10,$AD$18,1)))),IF(K71&lt;=2,$AE$18,IF(AND(K71&gt;2,K71&lt;=4),TREND($AE$18:$AF$18,$AE$3:$AF$3,K71,TRUE),IF(AND(K71&gt;4,K71&lt;10),TREND($AF$18:$AG$18,$AF$3:$AG$3,K71,TRUE),IF(K71&gt;=10,$AG$18,1)))))</f>
        <v>0.15961826778608998</v>
      </c>
      <c r="AJ71" s="85" cm="1">
        <f t="array" ref="AJ71">IF(J71&gt;30,IF(K71&lt;=2,$AB$19,IF(AND(K71&gt;2,K71&lt;=4),TREND($AB$19:$AC$19,$AB$3:$AC$3,K71,TRUE),IF(AND(K71&gt;4,K71&lt;10),TREND($AC$19:$AD$19,$AC$3:$AD$3,K71,TRUE),IF(K71&gt;=10,$AD$19,1)))),IF(K71&lt;=2,$AE$19,IF(AND(K71&gt;2,K71&lt;=4),TREND($AE$19:$AF$19,$AE$3:$AF$3,K71,TRUE),IF(AND(K71&gt;4,K71&lt;10),TREND($AF$19:$AG$19,$AF$3:$AG$3,K71,TRUE),IF(K71&gt;=10,$AG$19,1)))))</f>
        <v>0.25746557490052596</v>
      </c>
      <c r="AK71" s="85" cm="1">
        <f t="array" ref="AK71">IF(J71&gt;30,IF(K71&lt;=2,$AB$20,IF(AND(K71&gt;2,K71&lt;=4),TREND($AB$20:$AC$20,$AB$3:$AC$3,K71,TRUE),IF(AND(K71&gt;4,K71&lt;10),TREND($AC$20:$AD$20,$AC$3:$AD$3,K71,TRUE),IF(K71&gt;=10,$AD$20,1)))),IF(K71&lt;=2,$AE$20,IF(AND(K71&gt;2,K71&lt;=4),TREND($AE$20:$AF$20,$AE$3:$AF$3,K71,TRUE),IF(AND(K71&gt;4,K71&lt;10),TREND($AF$20:$AG$20,$AF$3:$AG$3,K71,TRUE),IF(K71&gt;=10,$AG$20,1)))))</f>
        <v>0.33923653557217992</v>
      </c>
      <c r="AL71" s="85">
        <v>3</v>
      </c>
      <c r="AM71" s="92">
        <v>0</v>
      </c>
      <c r="AN71" s="92">
        <f t="shared" si="6"/>
        <v>0.87847307114435991</v>
      </c>
      <c r="AO71" s="92">
        <f t="shared" si="21"/>
        <v>8.7847307114436006</v>
      </c>
      <c r="AP71" s="92">
        <f t="shared" si="7"/>
        <v>18.354192134330795</v>
      </c>
      <c r="AQ71" s="92">
        <f t="shared" si="8"/>
        <v>34.708384268661604</v>
      </c>
      <c r="AR71" s="92">
        <f t="shared" si="9"/>
        <v>55.847307114435992</v>
      </c>
      <c r="AS71" s="92">
        <f t="shared" si="10"/>
        <v>84.555691383097582</v>
      </c>
      <c r="AT71" s="92">
        <f t="shared" si="11"/>
        <v>128.0488063632028</v>
      </c>
      <c r="AU71" s="92">
        <f t="shared" si="12"/>
        <v>196.25030561196959</v>
      </c>
      <c r="AV71" s="92">
        <f t="shared" si="13"/>
        <v>319.23653557217995</v>
      </c>
      <c r="AW71" s="92">
        <f t="shared" si="14"/>
        <v>514.9311498010519</v>
      </c>
      <c r="AX71" s="92">
        <f t="shared" si="15"/>
        <v>678.47307114435989</v>
      </c>
      <c r="AY71" s="92">
        <f t="shared" si="16"/>
        <v>6000</v>
      </c>
      <c r="AZ71" s="93">
        <v>0</v>
      </c>
      <c r="BA71" s="93">
        <f t="shared" si="36"/>
        <v>534.0104687269162</v>
      </c>
      <c r="BB71" s="93">
        <f t="shared" si="22"/>
        <v>2136.0418749076648</v>
      </c>
      <c r="BC71" s="93">
        <f t="shared" si="23"/>
        <v>3204.0628123614965</v>
      </c>
      <c r="BD71" s="93">
        <f t="shared" si="24"/>
        <v>4272.0837498153296</v>
      </c>
      <c r="BE71" s="93">
        <f t="shared" si="25"/>
        <v>5340.1046872691613</v>
      </c>
      <c r="BF71" s="93">
        <f t="shared" si="26"/>
        <v>6408.1256247229931</v>
      </c>
      <c r="BG71" s="93">
        <f t="shared" si="27"/>
        <v>7476.1465621768257</v>
      </c>
      <c r="BH71" s="93">
        <f t="shared" si="28"/>
        <v>8544.1674996306592</v>
      </c>
      <c r="BI71" s="93">
        <f t="shared" si="29"/>
        <v>9612.1884370844909</v>
      </c>
      <c r="BJ71" s="93">
        <f t="shared" si="30"/>
        <v>10413.204140174865</v>
      </c>
      <c r="BK71" s="93">
        <f t="shared" si="31"/>
        <v>10680.209374538323</v>
      </c>
      <c r="BL71" s="93">
        <f t="shared" si="31"/>
        <v>10680.209374538323</v>
      </c>
    </row>
    <row r="72" spans="2:67" x14ac:dyDescent="0.2">
      <c r="B72" s="79">
        <f t="shared" si="37"/>
        <v>-61.5</v>
      </c>
      <c r="C72" s="73">
        <f t="shared" si="20"/>
        <v>46</v>
      </c>
      <c r="D72" s="64">
        <f>INDEX('CPT Data'!$C$13:$C$20000,MATCH($C72,'CPT Data'!$B$13:$B$20000,1))</f>
        <v>45.989000000000004</v>
      </c>
      <c r="E72" s="55" t="str">
        <f>INDEX('CPT Data'!$P$13:$P$20000,MATCH($C72,'CPT Data'!$B$13:$B$20000,1))</f>
        <v>CLAY</v>
      </c>
      <c r="F72" s="76">
        <f>INDEX('CPT Data'!$Q$13:$Q$20000,MATCH($C72,'CPT Data'!$B$13:$B$20000,1))</f>
        <v>853.30418371586018</v>
      </c>
      <c r="G72" s="76">
        <f>INDEX('CPT Data'!$I$13:$I$20000,MATCH(C72,'CPT Data'!$B$13:$B$20000,1))</f>
        <v>20.549474774612996</v>
      </c>
      <c r="H72" s="76">
        <f>INDEX('CPT Data'!$J$13:$J$20000,MATCH($C72,'CPT Data'!$B$13:$B$20000,1))</f>
        <v>10.549474774612996</v>
      </c>
      <c r="I72" s="76">
        <f>INDEX('CPT Data'!$L$13:$L$20000,MATCH(C72,'CPT Data'!$B$13:$B$20000,1))</f>
        <v>485.23364173309938</v>
      </c>
      <c r="J72" s="226">
        <f>INDEX('CPT Data'!$R$13:$R$20000,MATCH(C72,'CPT Data'!$B$13:$B$20000,1))</f>
        <v>35</v>
      </c>
      <c r="K72" s="76">
        <f>INDEX('CPT Data'!$S$13:$S$20000,MATCH($C72,'CPT Data'!$B$13:$B$20000,1))</f>
        <v>11.307270474749998</v>
      </c>
      <c r="L72" s="55">
        <f>VLOOKUP($C72, 'Pile Property'!$A$8:$D$108,2,TRUE)</f>
        <v>2</v>
      </c>
      <c r="M72" s="234">
        <f>IF($E72="CLAY",ABS($F72-'CPT Data'!$Q$3787)/$D72,#N/A)</f>
        <v>7.6119001158999016</v>
      </c>
      <c r="N72" s="65">
        <f t="shared" si="32"/>
        <v>0.72703112020351468</v>
      </c>
      <c r="O72" s="76">
        <f t="shared" si="38"/>
        <v>17.118428097665454</v>
      </c>
      <c r="P72" s="76">
        <f t="shared" si="39"/>
        <v>1.7585429169093276</v>
      </c>
      <c r="Q72" s="65">
        <f t="shared" si="18"/>
        <v>0.43419194413095075</v>
      </c>
      <c r="R72" s="76">
        <f t="shared" si="19"/>
        <v>10.302575832392852</v>
      </c>
      <c r="S72" s="76">
        <f t="shared" si="33"/>
        <v>10.302575832392852</v>
      </c>
      <c r="T72" s="76"/>
      <c r="U72" s="76"/>
      <c r="V72" s="76">
        <f t="shared" si="40"/>
        <v>10.302575832392852</v>
      </c>
      <c r="W72" s="76">
        <f t="shared" si="34"/>
        <v>10.302575832392852</v>
      </c>
      <c r="X72" s="76">
        <f t="shared" si="41"/>
        <v>10.302575832392852</v>
      </c>
      <c r="Y72" s="76">
        <f t="shared" si="42"/>
        <v>8791.2310608307325</v>
      </c>
      <c r="Z72" s="76">
        <f t="shared" si="35"/>
        <v>17582.462121661465</v>
      </c>
      <c r="AA72" s="85" cm="1">
        <f t="array" ref="AA72">IF(J72&gt;30,IF(K72&lt;=2,$AB$10,IF(AND(K72&gt;2,K72&lt;=4),TREND($AB$10:$AC$10,$AB$3:$AC$3,K72,TRUE),IF(AND(K72&gt;4,K72&lt;10),TREND($AC$10:$AD$10,$AC$3:$AD$3,K72,TRUE),IF(K72&gt;=10,$AD$10,1)))),IF(K72&lt;=2,$AE$10,IF(AND(K72&gt;2,K72&lt;=4),TREND($AE$10:$AF$10,$AE$3:$AF$3,K72,TRUE),IF(AND(K72&gt;4,K72&lt;10),TREND($AF$10:$AG$10,$AF$3:$AG$3,K72,TRUE),IF(K72&gt;=10,$AG$10,1)))))</f>
        <v>5.0000000000000001E-4</v>
      </c>
      <c r="AB72" s="85" cm="1">
        <f t="array" ref="AB72">IF(J72&gt;30,IF(K72&lt;=2,$AB$11,IF(AND(K72&gt;2,K72&lt;=4),TREND($AB$11:$AC$11,$AB$3:$AC$3,K72,TRUE),IF(AND(K72&gt;4,K72&lt;10),TREND($AC$11:$AD$11,$AC$3:$AD$3,K72,TRUE),IF(K72&gt;=10,$AD$11,1)))),IF(K72&lt;=2,$AE$11,IF(AND(K72&gt;2,K72&lt;=4),TREND($AE$11:$AF$11,$AE$3:$AF$3,K72,TRUE),IF(AND(K72&gt;4,K72&lt;10),TREND($AF$11:$AG$11,$AF$3:$AG$3,K72,TRUE),IF(K72&gt;=10,$AG$11,1)))))</f>
        <v>5.0000000000000001E-3</v>
      </c>
      <c r="AC72" s="85" cm="1">
        <f t="array" ref="AC72">IF(J72&gt;30,IF(K72&lt;=2,$AB$12,IF(AND(K72&gt;2,K72&lt;=4),TREND($AB$12:$AC$12,$AB$3:$AC$3,K72,TRUE),IF(AND(K72&gt;4,K72&lt;10),TREND($AC$12:$AD$12,$AC$3:$AD$3,K72,TRUE),IF(K72&gt;=10,$AD$12,1)))),IF(K72&lt;=2,$AE$12,IF(AND(K72&gt;2,K72&lt;=4),TREND($AE$12:$AF$12,$AE$3:$AF$3,K72,TRUE),IF(AND(K72&gt;4,K72&lt;10),TREND($AF$12:$AG$12,$AF$3:$AG$3,K72,TRUE),IF(K72&gt;=10,$AG$12,1)))))</f>
        <v>1.0999999999999999E-2</v>
      </c>
      <c r="AD72" s="85" cm="1">
        <f t="array" ref="AD72">IF(J72&gt;30,IF(K72&lt;=2,$AB$13,IF(AND(K72&gt;2,K72&lt;=4),TREND($AB$13:$AC$13,$AB$3:$AC$3,K72,TRUE),IF(AND(K72&gt;4,K72&lt;10),TREND($AC$13:$AD$13,$AC$3:$AD$3,K72,TRUE),IF(K72&gt;=10,$AD$13,1)))),IF(K72&lt;=2,$AE$13,IF(AND(K72&gt;2,K72&lt;=4),TREND($AE$13:$AF$13,$AE$3:$AF$3,K72,TRUE),IF(AND(K72&gt;4,K72&lt;10),TREND($AF$13:$AG$13,$AF$3:$AG$3,K72,TRUE),IF(K72&gt;=10,$AG$13,1)))))</f>
        <v>2.1000000000000001E-2</v>
      </c>
      <c r="AE72" s="85" cm="1">
        <f t="array" ref="AE72">IF(J72&gt;30,IF(K72&lt;=2,$AB$14,IF(AND(K72&gt;2,K72&lt;=4),TREND($AB$14:$AC$14,$AB$3:$AC$3,K72,TRUE),IF(AND(K72&gt;4,K72&lt;10),TREND($AC$14:$AD$14,$AC$3:$AD$3,K72,TRUE),IF(K72&gt;=10,$AD$14,1)))),IF(K72&lt;=2,$AE$14,IF(AND(K72&gt;2,K72&lt;=4),TREND($AE$14:$AF$14,$AE$3:$AF$3,K72,TRUE),IF(AND(K72&gt;4,K72&lt;10),TREND($AF$14:$AG$14,$AF$3:$AG$3,K72,TRUE),IF(K72&gt;=10,$AG$14,1)))))</f>
        <v>3.4000000000000002E-2</v>
      </c>
      <c r="AF72" s="85" cm="1">
        <f t="array" ref="AF72">IF(J72&gt;30,IF(K72&lt;=2,$AB$15,IF(AND(K72&gt;2,K72&lt;=4),TREND($AB$15:$AC$15,$AB$3:$AC$3,K72,TRUE),IF(AND(K72&gt;4,K72&lt;10),TREND($AC$15:$AD$15,$AC$3:$AD$3,K72,TRUE),IF(K72&gt;=10,$AD$15,1)))),IF(K72&lt;=2,$AE$15,IF(AND(K72&gt;2,K72&lt;=4),TREND($AE$15:$AF$15,$AE$3:$AF$3,K72,TRUE),IF(AND(K72&gt;4,K72&lt;10),TREND($AF$15:$AG$15,$AF$3:$AG$3,K72,TRUE),IF(K72&gt;=10,$AG$15,1)))))</f>
        <v>5.1999999999999998E-2</v>
      </c>
      <c r="AG72" s="86" cm="1">
        <f t="array" ref="AG72">IF(J72&gt;30,IF(K72&lt;=2,$AB$16,IF(AND(K72&gt;2,K72&lt;=4),TREND($AB$16:$AC$16,$AB$3:$AC$3,K72,TRUE),IF(AND(K72&gt;4,K72&lt;10),TREND($AC$16:$AD$16,$AC$3:$AD$3,K72,TRUE),IF(K72&gt;=10,$AD$16,1)))),IF(K72&lt;=2,$AE$16,IF(AND(K72&gt;2,K72&lt;=4),TREND($AE$16:$AF$16,$AE$3:$AF$3,K72,TRUE),IF(AND(K72&gt;4,K72&lt;10),TREND($AF$16:$AG$16,$AF$3:$AG$3,K72,TRUE),IF(K72&gt;=10,$AG$16,1)))))</f>
        <v>7.8E-2</v>
      </c>
      <c r="AH72" s="85" cm="1">
        <f t="array" ref="AH72">IF(J72&gt;30,IF(K72&lt;=2,$AB$17,IF(AND(K72&gt;2,K72&lt;=4),TREND($AB$17:$AC$17,$AB$3:$AC$3,K72,TRUE),IF(AND(K72&gt;4,K72&lt;10),TREND($AC$17:$AD$17,$AC$3:$AD$3,K72,TRUE),IF(K72&gt;=10,$AD$17,1)))),IF(K72&lt;=2,$AE$17,IF(AND(K72&gt;2,K72&lt;=4),TREND($AE$17:$AF$17,$AE$3:$AF$3,K72,TRUE),IF(AND(K72&gt;4,K72&lt;10),TREND($AF$17:$AG$17,$AF$3:$AG$3,K72,TRUE),IF(K72&gt;=10,$AG$17,1)))))</f>
        <v>0.12</v>
      </c>
      <c r="AI72" s="85" cm="1">
        <f t="array" ref="AI72">IF(J72&gt;30,IF(K72&lt;=2,$AB$18,IF(AND(K72&gt;2,K72&lt;=4),TREND($AB$18:$AC$18,$AB$3:$AC$3,K72,TRUE),IF(AND(K72&gt;4,K72&lt;10),TREND($AC$18:$AD$18,$AC$3:$AD$3,K72,TRUE),IF(K72&gt;=10,$AD$18,1)))),IF(K72&lt;=2,$AE$18,IF(AND(K72&gt;2,K72&lt;=4),TREND($AE$18:$AF$18,$AE$3:$AF$3,K72,TRUE),IF(AND(K72&gt;4,K72&lt;10),TREND($AF$18:$AG$18,$AF$3:$AG$3,K72,TRUE),IF(K72&gt;=10,$AG$18,1)))))</f>
        <v>0.19</v>
      </c>
      <c r="AJ72" s="85" cm="1">
        <f t="array" ref="AJ72">IF(J72&gt;30,IF(K72&lt;=2,$AB$19,IF(AND(K72&gt;2,K72&lt;=4),TREND($AB$19:$AC$19,$AB$3:$AC$3,K72,TRUE),IF(AND(K72&gt;4,K72&lt;10),TREND($AC$19:$AD$19,$AC$3:$AD$3,K72,TRUE),IF(K72&gt;=10,$AD$19,1)))),IF(K72&lt;=2,$AE$19,IF(AND(K72&gt;2,K72&lt;=4),TREND($AE$19:$AF$19,$AE$3:$AF$3,K72,TRUE),IF(AND(K72&gt;4,K72&lt;10),TREND($AF$19:$AG$19,$AF$3:$AG$3,K72,TRUE),IF(K72&gt;=10,$AG$19,1)))))</f>
        <v>0.3</v>
      </c>
      <c r="AK72" s="85" cm="1">
        <f t="array" ref="AK72">IF(J72&gt;30,IF(K72&lt;=2,$AB$20,IF(AND(K72&gt;2,K72&lt;=4),TREND($AB$20:$AC$20,$AB$3:$AC$3,K72,TRUE),IF(AND(K72&gt;4,K72&lt;10),TREND($AC$20:$AD$20,$AC$3:$AD$3,K72,TRUE),IF(K72&gt;=10,$AD$20,1)))),IF(K72&lt;=2,$AE$20,IF(AND(K72&gt;2,K72&lt;=4),TREND($AE$20:$AF$20,$AE$3:$AF$3,K72,TRUE),IF(AND(K72&gt;4,K72&lt;10),TREND($AF$20:$AG$20,$AF$3:$AG$3,K72,TRUE),IF(K72&gt;=10,$AG$20,1)))))</f>
        <v>0.4</v>
      </c>
      <c r="AL72" s="85">
        <v>3</v>
      </c>
      <c r="AM72" s="92">
        <v>0</v>
      </c>
      <c r="AN72" s="92">
        <f t="shared" si="6"/>
        <v>1</v>
      </c>
      <c r="AO72" s="92">
        <f t="shared" si="21"/>
        <v>10</v>
      </c>
      <c r="AP72" s="92">
        <f t="shared" si="7"/>
        <v>22</v>
      </c>
      <c r="AQ72" s="92">
        <f t="shared" si="8"/>
        <v>42</v>
      </c>
      <c r="AR72" s="92">
        <f t="shared" si="9"/>
        <v>68</v>
      </c>
      <c r="AS72" s="92">
        <f t="shared" si="10"/>
        <v>104</v>
      </c>
      <c r="AT72" s="92">
        <f t="shared" si="11"/>
        <v>156</v>
      </c>
      <c r="AU72" s="92">
        <f t="shared" si="12"/>
        <v>240</v>
      </c>
      <c r="AV72" s="92">
        <f t="shared" si="13"/>
        <v>380</v>
      </c>
      <c r="AW72" s="92">
        <f t="shared" si="14"/>
        <v>600</v>
      </c>
      <c r="AX72" s="92">
        <f t="shared" si="15"/>
        <v>800</v>
      </c>
      <c r="AY72" s="92">
        <f t="shared" si="16"/>
        <v>6000</v>
      </c>
      <c r="AZ72" s="93">
        <v>0</v>
      </c>
      <c r="BA72" s="93">
        <f t="shared" si="36"/>
        <v>879.12310608307325</v>
      </c>
      <c r="BB72" s="93">
        <f t="shared" si="22"/>
        <v>3516.492424332293</v>
      </c>
      <c r="BC72" s="93">
        <f t="shared" si="23"/>
        <v>5274.7386364984395</v>
      </c>
      <c r="BD72" s="93">
        <f t="shared" si="24"/>
        <v>7032.984848664586</v>
      </c>
      <c r="BE72" s="93">
        <f t="shared" si="25"/>
        <v>8791.2310608307325</v>
      </c>
      <c r="BF72" s="93">
        <f t="shared" si="26"/>
        <v>10549.477272996879</v>
      </c>
      <c r="BG72" s="93">
        <f t="shared" si="27"/>
        <v>12307.723485163026</v>
      </c>
      <c r="BH72" s="93">
        <f t="shared" si="28"/>
        <v>14065.969697329172</v>
      </c>
      <c r="BI72" s="93">
        <f t="shared" si="29"/>
        <v>15824.215909495319</v>
      </c>
      <c r="BJ72" s="93">
        <f t="shared" si="30"/>
        <v>17142.900568619927</v>
      </c>
      <c r="BK72" s="93">
        <f t="shared" si="31"/>
        <v>17582.462121661465</v>
      </c>
      <c r="BL72" s="93">
        <f t="shared" si="31"/>
        <v>17582.462121661465</v>
      </c>
      <c r="BO72" s="59"/>
    </row>
    <row r="73" spans="2:67" x14ac:dyDescent="0.2">
      <c r="B73" s="79">
        <f t="shared" si="37"/>
        <v>-62.5</v>
      </c>
      <c r="C73" s="73">
        <f t="shared" si="20"/>
        <v>47</v>
      </c>
      <c r="D73" s="64">
        <f>INDEX('CPT Data'!$C$13:$C$20000,MATCH($C73,'CPT Data'!$B$13:$B$20000,1))</f>
        <v>46.992000000000004</v>
      </c>
      <c r="E73" s="55" t="str">
        <f>INDEX('CPT Data'!$P$13:$P$20000,MATCH($C73,'CPT Data'!$B$13:$B$20000,1))</f>
        <v>CLAY</v>
      </c>
      <c r="F73" s="76">
        <f>INDEX('CPT Data'!$Q$13:$Q$20000,MATCH($C73,'CPT Data'!$B$13:$B$20000,1))</f>
        <v>276.69520181585307</v>
      </c>
      <c r="G73" s="76">
        <f>INDEX('CPT Data'!$I$13:$I$20000,MATCH(C73,'CPT Data'!$B$13:$B$20000,1))</f>
        <v>19.957813632315371</v>
      </c>
      <c r="H73" s="76">
        <f>INDEX('CPT Data'!$J$13:$J$20000,MATCH($C73,'CPT Data'!$B$13:$B$20000,1))</f>
        <v>9.9578136323153714</v>
      </c>
      <c r="I73" s="76">
        <f>INDEX('CPT Data'!$L$13:$L$20000,MATCH(C73,'CPT Data'!$B$13:$B$20000,1))</f>
        <v>468.00728290519015</v>
      </c>
      <c r="J73" s="226">
        <f>INDEX('CPT Data'!$R$13:$R$20000,MATCH(C73,'CPT Data'!$B$13:$B$20000,1))</f>
        <v>35</v>
      </c>
      <c r="K73" s="76">
        <f>INDEX('CPT Data'!$S$13:$S$20000,MATCH($C73,'CPT Data'!$B$13:$B$20000,1))</f>
        <v>2.8946951740323943</v>
      </c>
      <c r="L73" s="55">
        <f>VLOOKUP($C73, 'Pile Property'!$A$8:$D$108,2,TRUE)</f>
        <v>2</v>
      </c>
      <c r="M73" s="234">
        <f>IF($E73="CLAY",ABS($F73-'CPT Data'!$Q$3787)/$D73,#N/A)</f>
        <v>4.8209335093183192</v>
      </c>
      <c r="N73" s="65">
        <f t="shared" si="32"/>
        <v>1.1479287688666939</v>
      </c>
      <c r="O73" s="76">
        <f t="shared" si="38"/>
        <v>16.662195637745132</v>
      </c>
      <c r="P73" s="76">
        <f t="shared" si="39"/>
        <v>0.59121986328556031</v>
      </c>
      <c r="Q73" s="65">
        <f t="shared" si="18"/>
        <v>0.65027266155832741</v>
      </c>
      <c r="R73" s="76">
        <f t="shared" si="19"/>
        <v>10.950817984674982</v>
      </c>
      <c r="S73" s="76">
        <f t="shared" si="33"/>
        <v>10.950817984674982</v>
      </c>
      <c r="T73" s="76"/>
      <c r="U73" s="76"/>
      <c r="V73" s="76">
        <f t="shared" si="40"/>
        <v>10.950817984674982</v>
      </c>
      <c r="W73" s="76">
        <f t="shared" si="34"/>
        <v>10.950817984674982</v>
      </c>
      <c r="X73" s="76">
        <f t="shared" si="41"/>
        <v>10.950817984674982</v>
      </c>
      <c r="Y73" s="76">
        <f t="shared" si="42"/>
        <v>3030.0387923183175</v>
      </c>
      <c r="Z73" s="76">
        <f t="shared" si="35"/>
        <v>6060.077584636635</v>
      </c>
      <c r="AA73" s="85" cm="1">
        <f t="array" ref="AA73">IF(J73&gt;30,IF(K73&lt;=2,$AB$10,IF(AND(K73&gt;2,K73&lt;=4),TREND($AB$10:$AC$10,$AB$3:$AC$3,K73,TRUE),IF(AND(K73&gt;4,K73&lt;10),TREND($AC$10:$AD$10,$AC$3:$AD$3,K73,TRUE),IF(K73&gt;=10,$AD$10,1)))),IF(K73&lt;=2,$AE$10,IF(AND(K73&gt;2,K73&lt;=4),TREND($AE$10:$AF$10,$AE$3:$AF$3,K73,TRUE),IF(AND(K73&gt;4,K73&lt;10),TREND($AF$10:$AG$10,$AF$3:$AG$3,K73,TRUE),IF(K73&gt;=10,$AG$10,1)))))</f>
        <v>3.4473475870161973E-4</v>
      </c>
      <c r="AB73" s="85" cm="1">
        <f t="array" ref="AB73">IF(J73&gt;30,IF(K73&lt;=2,$AB$11,IF(AND(K73&gt;2,K73&lt;=4),TREND($AB$11:$AC$11,$AB$3:$AC$3,K73,TRUE),IF(AND(K73&gt;4,K73&lt;10),TREND($AC$11:$AD$11,$AC$3:$AD$3,K73,TRUE),IF(K73&gt;=10,$AD$11,1)))),IF(K73&lt;=2,$AE$11,IF(AND(K73&gt;2,K73&lt;=4),TREND($AE$11:$AF$11,$AE$3:$AF$3,K73,TRUE),IF(AND(K73&gt;4,K73&lt;10),TREND($AF$11:$AG$11,$AF$3:$AG$3,K73,TRUE),IF(K73&gt;=10,$AG$11,1)))))</f>
        <v>3.4473475870161973E-3</v>
      </c>
      <c r="AC73" s="85" cm="1">
        <f t="array" ref="AC73">IF(J73&gt;30,IF(K73&lt;=2,$AB$12,IF(AND(K73&gt;2,K73&lt;=4),TREND($AB$12:$AC$12,$AB$3:$AC$3,K73,TRUE),IF(AND(K73&gt;4,K73&lt;10),TREND($AC$12:$AD$12,$AC$3:$AD$3,K73,TRUE),IF(K73&gt;=10,$AD$12,1)))),IF(K73&lt;=2,$AE$12,IF(AND(K73&gt;2,K73&lt;=4),TREND($AE$12:$AF$12,$AE$3:$AF$3,K73,TRUE),IF(AND(K73&gt;4,K73&lt;10),TREND($AF$12:$AG$12,$AF$3:$AG$3,K73,TRUE),IF(K73&gt;=10,$AG$12,1)))))</f>
        <v>6.507838484943732E-3</v>
      </c>
      <c r="AD73" s="85" cm="1">
        <f t="array" ref="AD73">IF(J73&gt;30,IF(K73&lt;=2,$AB$13,IF(AND(K73&gt;2,K73&lt;=4),TREND($AB$13:$AC$13,$AB$3:$AC$3,K73,TRUE),IF(AND(K73&gt;4,K73&lt;10),TREND($AC$13:$AD$13,$AC$3:$AD$3,K73,TRUE),IF(K73&gt;=10,$AD$13,1)))),IF(K73&lt;=2,$AE$13,IF(AND(K73&gt;2,K73&lt;=4),TREND($AE$13:$AF$13,$AE$3:$AF$3,K73,TRUE),IF(AND(K73&gt;4,K73&lt;10),TREND($AF$13:$AG$13,$AF$3:$AG$3,K73,TRUE),IF(K73&gt;=10,$AG$13,1)))))</f>
        <v>1.1684085522097182E-2</v>
      </c>
      <c r="AE73" s="85" cm="1">
        <f t="array" ref="AE73">IF(J73&gt;30,IF(K73&lt;=2,$AB$14,IF(AND(K73&gt;2,K73&lt;=4),TREND($AB$14:$AC$14,$AB$3:$AC$3,K73,TRUE),IF(AND(K73&gt;4,K73&lt;10),TREND($AC$14:$AD$14,$AC$3:$AD$3,K73,TRUE),IF(K73&gt;=10,$AD$14,1)))),IF(K73&lt;=2,$AE$14,IF(AND(K73&gt;2,K73&lt;=4),TREND($AE$14:$AF$14,$AE$3:$AF$3,K73,TRUE),IF(AND(K73&gt;4,K73&lt;10),TREND($AF$14:$AG$14,$AF$3:$AG$3,K73,TRUE),IF(K73&gt;=10,$AG$14,1)))))</f>
        <v>1.8473475870161973E-2</v>
      </c>
      <c r="AF73" s="85" cm="1">
        <f t="array" ref="AF73">IF(J73&gt;30,IF(K73&lt;=2,$AB$15,IF(AND(K73&gt;2,K73&lt;=4),TREND($AB$15:$AC$15,$AB$3:$AC$3,K73,TRUE),IF(AND(K73&gt;4,K73&lt;10),TREND($AC$15:$AD$15,$AC$3:$AD$3,K73,TRUE),IF(K73&gt;=10,$AD$15,1)))),IF(K73&lt;=2,$AE$15,IF(AND(K73&gt;2,K73&lt;=4),TREND($AE$15:$AF$15,$AE$3:$AF$3,K73,TRUE),IF(AND(K73&gt;4,K73&lt;10),TREND($AF$15:$AG$15,$AF$3:$AG$3,K73,TRUE),IF(K73&gt;=10,$AG$15,1)))))</f>
        <v>2.8262866218226757E-2</v>
      </c>
      <c r="AG73" s="86" cm="1">
        <f t="array" ref="AG73">IF(J73&gt;30,IF(K73&lt;=2,$AB$16,IF(AND(K73&gt;2,K73&lt;=4),TREND($AB$16:$AC$16,$AB$3:$AC$3,K73,TRUE),IF(AND(K73&gt;4,K73&lt;10),TREND($AC$16:$AD$16,$AC$3:$AD$3,K73,TRUE),IF(K73&gt;=10,$AD$16,1)))),IF(K73&lt;=2,$AE$16,IF(AND(K73&gt;2,K73&lt;=4),TREND($AE$16:$AF$16,$AE$3:$AF$3,K73,TRUE),IF(AND(K73&gt;4,K73&lt;10),TREND($AF$16:$AG$16,$AF$3:$AG$3,K73,TRUE),IF(K73&gt;=10,$AG$16,1)))))</f>
        <v>4.228899450137253E-2</v>
      </c>
      <c r="AH73" s="85" cm="1">
        <f t="array" ref="AH73">IF(J73&gt;30,IF(K73&lt;=2,$AB$17,IF(AND(K73&gt;2,K73&lt;=4),TREND($AB$17:$AC$17,$AB$3:$AC$3,K73,TRUE),IF(AND(K73&gt;4,K73&lt;10),TREND($AC$17:$AD$17,$AC$3:$AD$3,K73,TRUE),IF(K73&gt;=10,$AD$17,1)))),IF(K73&lt;=2,$AE$17,IF(AND(K73&gt;2,K73&lt;=4),TREND($AE$17:$AF$17,$AE$3:$AF$3,K73,TRUE),IF(AND(K73&gt;4,K73&lt;10),TREND($AF$17:$AG$17,$AF$3:$AG$3,K73,TRUE),IF(K73&gt;=10,$AG$17,1)))))</f>
        <v>6.5209817958550714E-2</v>
      </c>
      <c r="AI73" s="85" cm="1">
        <f t="array" ref="AI73">IF(J73&gt;30,IF(K73&lt;=2,$AB$18,IF(AND(K73&gt;2,K73&lt;=4),TREND($AB$18:$AC$18,$AB$3:$AC$3,K73,TRUE),IF(AND(K73&gt;4,K73&lt;10),TREND($AC$18:$AD$18,$AC$3:$AD$3,K73,TRUE),IF(K73&gt;=10,$AD$18,1)))),IF(K73&lt;=2,$AE$18,IF(AND(K73&gt;2,K73&lt;=4),TREND($AE$18:$AF$18,$AE$3:$AF$3,K73,TRUE),IF(AND(K73&gt;4,K73&lt;10),TREND($AF$18:$AG$18,$AF$3:$AG$3,K73,TRUE),IF(K73&gt;=10,$AG$18,1)))))</f>
        <v>0.10794616004693945</v>
      </c>
      <c r="AJ73" s="85" cm="1">
        <f t="array" ref="AJ73">IF(J73&gt;30,IF(K73&lt;=2,$AB$19,IF(AND(K73&gt;2,K73&lt;=4),TREND($AB$19:$AC$19,$AB$3:$AC$3,K73,TRUE),IF(AND(K73&gt;4,K73&lt;10),TREND($AC$19:$AD$19,$AC$3:$AD$3,K73,TRUE),IF(K73&gt;=10,$AD$19,1)))),IF(K73&lt;=2,$AE$19,IF(AND(K73&gt;2,K73&lt;=4),TREND($AE$19:$AF$19,$AE$3:$AF$3,K73,TRUE),IF(AND(K73&gt;4,K73&lt;10),TREND($AF$19:$AG$19,$AF$3:$AG$3,K73,TRUE),IF(K73&gt;=10,$AG$19,1)))))</f>
        <v>0.18578780696129576</v>
      </c>
      <c r="AK73" s="85" cm="1">
        <f t="array" ref="AK73">IF(J73&gt;30,IF(K73&lt;=2,$AB$20,IF(AND(K73&gt;2,K73&lt;=4),TREND($AB$20:$AC$20,$AB$3:$AC$3,K73,TRUE),IF(AND(K73&gt;4,K73&lt;10),TREND($AC$20:$AD$20,$AC$3:$AD$3,K73,TRUE),IF(K73&gt;=10,$AD$20,1)))),IF(K73&lt;=2,$AE$20,IF(AND(K73&gt;2,K73&lt;=4),TREND($AE$20:$AF$20,$AE$3:$AF$3,K73,TRUE),IF(AND(K73&gt;4,K73&lt;10),TREND($AF$20:$AG$20,$AF$3:$AG$3,K73,TRUE),IF(K73&gt;=10,$AG$20,1)))))</f>
        <v>0.27236737935080985</v>
      </c>
      <c r="AL73" s="85">
        <v>3</v>
      </c>
      <c r="AM73" s="92">
        <v>0</v>
      </c>
      <c r="AN73" s="92">
        <f t="shared" si="6"/>
        <v>0.68946951740323947</v>
      </c>
      <c r="AO73" s="92">
        <f t="shared" si="21"/>
        <v>6.8946951740323943</v>
      </c>
      <c r="AP73" s="92">
        <f t="shared" si="7"/>
        <v>13.015676969887464</v>
      </c>
      <c r="AQ73" s="92">
        <f t="shared" si="8"/>
        <v>23.368171044194362</v>
      </c>
      <c r="AR73" s="92">
        <f t="shared" si="9"/>
        <v>36.946951740323946</v>
      </c>
      <c r="AS73" s="92">
        <f t="shared" si="10"/>
        <v>56.525732436453517</v>
      </c>
      <c r="AT73" s="92">
        <f t="shared" si="11"/>
        <v>84.577989002745056</v>
      </c>
      <c r="AU73" s="92">
        <f t="shared" si="12"/>
        <v>130.41963591710143</v>
      </c>
      <c r="AV73" s="92">
        <f t="shared" si="13"/>
        <v>215.89232009387891</v>
      </c>
      <c r="AW73" s="92">
        <f t="shared" si="14"/>
        <v>371.57561392259151</v>
      </c>
      <c r="AX73" s="92">
        <f t="shared" si="15"/>
        <v>544.73475870161974</v>
      </c>
      <c r="AY73" s="92">
        <f t="shared" si="16"/>
        <v>6000</v>
      </c>
      <c r="AZ73" s="93">
        <v>0</v>
      </c>
      <c r="BA73" s="93">
        <f t="shared" si="36"/>
        <v>303.00387923183177</v>
      </c>
      <c r="BB73" s="93">
        <f t="shared" si="22"/>
        <v>1212.0155169273271</v>
      </c>
      <c r="BC73" s="93">
        <f t="shared" si="23"/>
        <v>1818.0232753909904</v>
      </c>
      <c r="BD73" s="93">
        <f t="shared" si="24"/>
        <v>2424.0310338546542</v>
      </c>
      <c r="BE73" s="93">
        <f t="shared" si="25"/>
        <v>3030.0387923183175</v>
      </c>
      <c r="BF73" s="93">
        <f t="shared" si="26"/>
        <v>3636.0465507819808</v>
      </c>
      <c r="BG73" s="93">
        <f t="shared" si="27"/>
        <v>4242.0543092456446</v>
      </c>
      <c r="BH73" s="93">
        <f t="shared" si="28"/>
        <v>4848.0620677093084</v>
      </c>
      <c r="BI73" s="93">
        <f t="shared" si="29"/>
        <v>5454.0698261729713</v>
      </c>
      <c r="BJ73" s="93">
        <f t="shared" si="30"/>
        <v>5908.5756450207191</v>
      </c>
      <c r="BK73" s="93">
        <f t="shared" si="31"/>
        <v>6060.077584636635</v>
      </c>
      <c r="BL73" s="93">
        <f t="shared" si="31"/>
        <v>6060.077584636635</v>
      </c>
    </row>
    <row r="74" spans="2:67" x14ac:dyDescent="0.2">
      <c r="B74" s="79">
        <f t="shared" si="37"/>
        <v>-63.5</v>
      </c>
      <c r="C74" s="73">
        <f t="shared" si="20"/>
        <v>48</v>
      </c>
      <c r="D74" s="64">
        <f>INDEX('CPT Data'!$C$13:$C$20000,MATCH($C74,'CPT Data'!$B$13:$B$20000,1))</f>
        <v>47.983000000000004</v>
      </c>
      <c r="E74" s="55" t="str">
        <f>INDEX('CPT Data'!$P$13:$P$20000,MATCH($C74,'CPT Data'!$B$13:$B$20000,1))</f>
        <v>CLAY</v>
      </c>
      <c r="F74" s="76">
        <f>INDEX('CPT Data'!$Q$13:$Q$20000,MATCH($C74,'CPT Data'!$B$13:$B$20000,1))</f>
        <v>564.38633544607626</v>
      </c>
      <c r="G74" s="76">
        <f>INDEX('CPT Data'!$I$13:$I$20000,MATCH(C74,'CPT Data'!$B$13:$B$20000,1))</f>
        <v>20.01758903459735</v>
      </c>
      <c r="H74" s="76">
        <f>INDEX('CPT Data'!$J$13:$J$20000,MATCH($C74,'CPT Data'!$B$13:$B$20000,1))</f>
        <v>10.01758903459735</v>
      </c>
      <c r="I74" s="76">
        <f>INDEX('CPT Data'!$L$13:$L$20000,MATCH(C74,'CPT Data'!$B$13:$B$20000,1))</f>
        <v>480.74409777032685</v>
      </c>
      <c r="J74" s="226">
        <f>INDEX('CPT Data'!$R$13:$R$20000,MATCH(C74,'CPT Data'!$B$13:$B$20000,1))</f>
        <v>35</v>
      </c>
      <c r="K74" s="76">
        <f>INDEX('CPT Data'!$S$13:$S$20000,MATCH($C74,'CPT Data'!$B$13:$B$20000,1))</f>
        <v>6.82330411031419</v>
      </c>
      <c r="L74" s="55">
        <f>VLOOKUP($C74, 'Pile Property'!$A$8:$D$108,2,TRUE)</f>
        <v>2</v>
      </c>
      <c r="M74" s="234">
        <f>IF($E74="CLAY",ABS($F74-'CPT Data'!$Q$3787)/$D74,#N/A)</f>
        <v>1.2743227009636058</v>
      </c>
      <c r="N74" s="65">
        <f t="shared" si="32"/>
        <v>4.3427683301531488</v>
      </c>
      <c r="O74" s="76">
        <f t="shared" si="38"/>
        <v>15.333136677275842</v>
      </c>
      <c r="P74" s="76">
        <f t="shared" si="39"/>
        <v>1.1739849497137438</v>
      </c>
      <c r="Q74" s="65">
        <f t="shared" si="18"/>
        <v>0.48034621396907257</v>
      </c>
      <c r="R74" s="76">
        <f t="shared" si="19"/>
        <v>10.441038641907218</v>
      </c>
      <c r="S74" s="76">
        <f t="shared" si="33"/>
        <v>10.441038641907218</v>
      </c>
      <c r="T74" s="76"/>
      <c r="U74" s="76"/>
      <c r="V74" s="76">
        <f t="shared" si="40"/>
        <v>10.441038641907218</v>
      </c>
      <c r="W74" s="76">
        <f t="shared" si="34"/>
        <v>10.441038641907218</v>
      </c>
      <c r="X74" s="76">
        <f t="shared" si="41"/>
        <v>10.441038641907218</v>
      </c>
      <c r="Y74" s="76">
        <f t="shared" si="42"/>
        <v>5892.7795373568915</v>
      </c>
      <c r="Z74" s="76">
        <f t="shared" si="35"/>
        <v>11785.559074713783</v>
      </c>
      <c r="AA74" s="85" cm="1">
        <f t="array" ref="AA74">IF(J74&gt;30,IF(K74&lt;=2,$AB$10,IF(AND(K74&gt;2,K74&lt;=4),TREND($AB$10:$AC$10,$AB$3:$AC$3,K74,TRUE),IF(AND(K74&gt;4,K74&lt;10),TREND($AC$10:$AD$10,$AC$3:$AD$3,K74,TRUE),IF(K74&gt;=10,$AD$10,1)))),IF(K74&lt;=2,$AE$10,IF(AND(K74&gt;2,K74&lt;=4),TREND($AE$10:$AF$10,$AE$3:$AF$3,K74,TRUE),IF(AND(K74&gt;4,K74&lt;10),TREND($AF$10:$AG$10,$AF$3:$AG$3,K74,TRUE),IF(K74&gt;=10,$AG$10,1)))))</f>
        <v>4.4705506850523644E-4</v>
      </c>
      <c r="AB74" s="85" cm="1">
        <f t="array" ref="AB74">IF(J74&gt;30,IF(K74&lt;=2,$AB$11,IF(AND(K74&gt;2,K74&lt;=4),TREND($AB$11:$AC$11,$AB$3:$AC$3,K74,TRUE),IF(AND(K74&gt;4,K74&lt;10),TREND($AC$11:$AD$11,$AC$3:$AD$3,K74,TRUE),IF(K74&gt;=10,$AD$11,1)))),IF(K74&lt;=2,$AE$11,IF(AND(K74&gt;2,K74&lt;=4),TREND($AE$11:$AF$11,$AE$3:$AF$3,K74,TRUE),IF(AND(K74&gt;4,K74&lt;10),TREND($AF$11:$AG$11,$AF$3:$AG$3,K74,TRUE),IF(K74&gt;=10,$AG$11,1)))))</f>
        <v>4.4705506850523657E-3</v>
      </c>
      <c r="AC74" s="85" cm="1">
        <f t="array" ref="AC74">IF(J74&gt;30,IF(K74&lt;=2,$AB$12,IF(AND(K74&gt;2,K74&lt;=4),TREND($AB$12:$AC$12,$AB$3:$AC$3,K74,TRUE),IF(AND(K74&gt;4,K74&lt;10),TREND($AC$12:$AD$12,$AC$3:$AD$3,K74,TRUE),IF(K74&gt;=10,$AD$12,1)))),IF(K74&lt;=2,$AE$12,IF(AND(K74&gt;2,K74&lt;=4),TREND($AE$12:$AF$12,$AE$3:$AF$3,K74,TRUE),IF(AND(K74&gt;4,K74&lt;10),TREND($AF$12:$AG$12,$AF$3:$AG$3,K74,TRUE),IF(K74&gt;=10,$AG$12,1)))))</f>
        <v>9.4116520551570937E-3</v>
      </c>
      <c r="AD74" s="85" cm="1">
        <f t="array" ref="AD74">IF(J74&gt;30,IF(K74&lt;=2,$AB$13,IF(AND(K74&gt;2,K74&lt;=4),TREND($AB$13:$AC$13,$AB$3:$AC$3,K74,TRUE),IF(AND(K74&gt;4,K74&lt;10),TREND($AC$13:$AD$13,$AC$3:$AD$3,K74,TRUE),IF(K74&gt;=10,$AD$13,1)))),IF(K74&lt;=2,$AE$13,IF(AND(K74&gt;2,K74&lt;=4),TREND($AE$13:$AF$13,$AE$3:$AF$3,K74,TRUE),IF(AND(K74&gt;4,K74&lt;10),TREND($AF$13:$AG$13,$AF$3:$AG$3,K74,TRUE),IF(K74&gt;=10,$AG$13,1)))))</f>
        <v>1.7823304110314193E-2</v>
      </c>
      <c r="AE74" s="85" cm="1">
        <f t="array" ref="AE74">IF(J74&gt;30,IF(K74&lt;=2,$AB$14,IF(AND(K74&gt;2,K74&lt;=4),TREND($AB$14:$AC$14,$AB$3:$AC$3,K74,TRUE),IF(AND(K74&gt;4,K74&lt;10),TREND($AC$14:$AD$14,$AC$3:$AD$3,K74,TRUE),IF(K74&gt;=10,$AD$14,1)))),IF(K74&lt;=2,$AE$14,IF(AND(K74&gt;2,K74&lt;=4),TREND($AE$14:$AF$14,$AE$3:$AF$3,K74,TRUE),IF(AND(K74&gt;4,K74&lt;10),TREND($AF$14:$AG$14,$AF$3:$AG$3,K74,TRUE),IF(K74&gt;=10,$AG$14,1)))))</f>
        <v>2.870550685052365E-2</v>
      </c>
      <c r="AF74" s="85" cm="1">
        <f t="array" ref="AF74">IF(J74&gt;30,IF(K74&lt;=2,$AB$15,IF(AND(K74&gt;2,K74&lt;=4),TREND($AB$15:$AC$15,$AB$3:$AC$3,K74,TRUE),IF(AND(K74&gt;4,K74&lt;10),TREND($AC$15:$AD$15,$AC$3:$AD$3,K74,TRUE),IF(K74&gt;=10,$AD$15,1)))),IF(K74&lt;=2,$AE$15,IF(AND(K74&gt;2,K74&lt;=4),TREND($AE$15:$AF$15,$AE$3:$AF$3,K74,TRUE),IF(AND(K74&gt;4,K74&lt;10),TREND($AF$15:$AG$15,$AF$3:$AG$3,K74,TRUE),IF(K74&gt;=10,$AG$15,1)))))</f>
        <v>4.3528810960837841E-2</v>
      </c>
      <c r="AG74" s="86" cm="1">
        <f t="array" ref="AG74">IF(J74&gt;30,IF(K74&lt;=2,$AB$16,IF(AND(K74&gt;2,K74&lt;=4),TREND($AB$16:$AC$16,$AB$3:$AC$3,K74,TRUE),IF(AND(K74&gt;4,K74&lt;10),TREND($AC$16:$AD$16,$AC$3:$AD$3,K74,TRUE),IF(K74&gt;=10,$AD$16,1)))),IF(K74&lt;=2,$AE$16,IF(AND(K74&gt;2,K74&lt;=4),TREND($AE$16:$AF$16,$AE$3:$AF$3,K74,TRUE),IF(AND(K74&gt;4,K74&lt;10),TREND($AF$16:$AG$16,$AF$3:$AG$3,K74,TRUE),IF(K74&gt;=10,$AG$16,1)))))</f>
        <v>6.5822665756204407E-2</v>
      </c>
      <c r="AH74" s="85" cm="1">
        <f t="array" ref="AH74">IF(J74&gt;30,IF(K74&lt;=2,$AB$17,IF(AND(K74&gt;2,K74&lt;=4),TREND($AB$17:$AC$17,$AB$3:$AC$3,K74,TRUE),IF(AND(K74&gt;4,K74&lt;10),TREND($AC$17:$AD$17,$AC$3:$AD$3,K74,TRUE),IF(K74&gt;=10,$AD$17,1)))),IF(K74&lt;=2,$AE$17,IF(AND(K74&gt;2,K74&lt;=4),TREND($AE$17:$AF$17,$AE$3:$AF$3,K74,TRUE),IF(AND(K74&gt;4,K74&lt;10),TREND($AF$17:$AG$17,$AF$3:$AG$3,K74,TRUE),IF(K74&gt;=10,$AG$17,1)))))</f>
        <v>0.10093982466188514</v>
      </c>
      <c r="AI74" s="85" cm="1">
        <f t="array" ref="AI74">IF(J74&gt;30,IF(K74&lt;=2,$AB$18,IF(AND(K74&gt;2,K74&lt;=4),TREND($AB$18:$AC$18,$AB$3:$AC$3,K74,TRUE),IF(AND(K74&gt;4,K74&lt;10),TREND($AC$18:$AD$18,$AC$3:$AD$3,K74,TRUE),IF(K74&gt;=10,$AD$18,1)))),IF(K74&lt;=2,$AE$18,IF(AND(K74&gt;2,K74&lt;=4),TREND($AE$18:$AF$18,$AE$3:$AF$3,K74,TRUE),IF(AND(K74&gt;4,K74&lt;10),TREND($AF$18:$AG$18,$AF$3:$AG$3,K74,TRUE),IF(K74&gt;=10,$AG$18,1)))))</f>
        <v>0.16352753425261826</v>
      </c>
      <c r="AJ74" s="85" cm="1">
        <f t="array" ref="AJ74">IF(J74&gt;30,IF(K74&lt;=2,$AB$19,IF(AND(K74&gt;2,K74&lt;=4),TREND($AB$19:$AC$19,$AB$3:$AC$3,K74,TRUE),IF(AND(K74&gt;4,K74&lt;10),TREND($AC$19:$AD$19,$AC$3:$AD$3,K74,TRUE),IF(K74&gt;=10,$AD$19,1)))),IF(K74&lt;=2,$AE$19,IF(AND(K74&gt;2,K74&lt;=4),TREND($AE$19:$AF$19,$AE$3:$AF$3,K74,TRUE),IF(AND(K74&gt;4,K74&lt;10),TREND($AF$19:$AG$19,$AF$3:$AG$3,K74,TRUE),IF(K74&gt;=10,$AG$19,1)))))</f>
        <v>0.26293854795366556</v>
      </c>
      <c r="AK74" s="85" cm="1">
        <f t="array" ref="AK74">IF(J74&gt;30,IF(K74&lt;=2,$AB$20,IF(AND(K74&gt;2,K74&lt;=4),TREND($AB$20:$AC$20,$AB$3:$AC$3,K74,TRUE),IF(AND(K74&gt;4,K74&lt;10),TREND($AC$20:$AD$20,$AC$3:$AD$3,K74,TRUE),IF(K74&gt;=10,$AD$20,1)))),IF(K74&lt;=2,$AE$20,IF(AND(K74&gt;2,K74&lt;=4),TREND($AE$20:$AF$20,$AE$3:$AF$3,K74,TRUE),IF(AND(K74&gt;4,K74&lt;10),TREND($AF$20:$AG$20,$AF$3:$AG$3,K74,TRUE),IF(K74&gt;=10,$AG$20,1)))))</f>
        <v>0.34705506850523649</v>
      </c>
      <c r="AL74" s="85">
        <v>3</v>
      </c>
      <c r="AM74" s="92">
        <v>0</v>
      </c>
      <c r="AN74" s="92">
        <f t="shared" si="6"/>
        <v>0.89411013701047293</v>
      </c>
      <c r="AO74" s="92">
        <f t="shared" si="21"/>
        <v>8.9411013701047324</v>
      </c>
      <c r="AP74" s="92">
        <f t="shared" si="7"/>
        <v>18.823304110314186</v>
      </c>
      <c r="AQ74" s="92">
        <f t="shared" si="8"/>
        <v>35.646608220628387</v>
      </c>
      <c r="AR74" s="92">
        <f t="shared" si="9"/>
        <v>57.411013701047303</v>
      </c>
      <c r="AS74" s="92">
        <f t="shared" si="10"/>
        <v>87.057621921675675</v>
      </c>
      <c r="AT74" s="92">
        <f t="shared" si="11"/>
        <v>131.6453315124088</v>
      </c>
      <c r="AU74" s="92">
        <f t="shared" si="12"/>
        <v>201.87964932377028</v>
      </c>
      <c r="AV74" s="92">
        <f t="shared" si="13"/>
        <v>327.05506850523653</v>
      </c>
      <c r="AW74" s="92">
        <f t="shared" si="14"/>
        <v>525.87709590733107</v>
      </c>
      <c r="AX74" s="92">
        <f t="shared" si="15"/>
        <v>694.11013701047295</v>
      </c>
      <c r="AY74" s="92">
        <f t="shared" si="16"/>
        <v>6000</v>
      </c>
      <c r="AZ74" s="93">
        <v>0</v>
      </c>
      <c r="BA74" s="93">
        <f t="shared" si="36"/>
        <v>589.27795373568915</v>
      </c>
      <c r="BB74" s="93">
        <f t="shared" si="22"/>
        <v>2357.1118149427566</v>
      </c>
      <c r="BC74" s="93">
        <f t="shared" si="23"/>
        <v>3535.6677224141349</v>
      </c>
      <c r="BD74" s="93">
        <f t="shared" si="24"/>
        <v>4714.2236298855132</v>
      </c>
      <c r="BE74" s="93">
        <f t="shared" si="25"/>
        <v>5892.7795373568915</v>
      </c>
      <c r="BF74" s="93">
        <f t="shared" si="26"/>
        <v>7071.3354448282698</v>
      </c>
      <c r="BG74" s="93">
        <f t="shared" si="27"/>
        <v>8249.8913522996481</v>
      </c>
      <c r="BH74" s="93">
        <f t="shared" si="28"/>
        <v>9428.4472597710264</v>
      </c>
      <c r="BI74" s="93">
        <f t="shared" si="29"/>
        <v>10607.003167242405</v>
      </c>
      <c r="BJ74" s="93">
        <f t="shared" si="30"/>
        <v>11490.920097845938</v>
      </c>
      <c r="BK74" s="93">
        <f t="shared" si="31"/>
        <v>11785.559074713783</v>
      </c>
      <c r="BL74" s="93">
        <f t="shared" si="31"/>
        <v>11785.559074713783</v>
      </c>
    </row>
    <row r="75" spans="2:67" x14ac:dyDescent="0.2">
      <c r="B75" s="79">
        <f t="shared" si="37"/>
        <v>-64.5</v>
      </c>
      <c r="C75" s="73">
        <f t="shared" si="20"/>
        <v>49</v>
      </c>
      <c r="D75" s="64">
        <f>INDEX('CPT Data'!$C$13:$C$20000,MATCH($C75,'CPT Data'!$B$13:$B$20000,1))</f>
        <v>48.988</v>
      </c>
      <c r="E75" s="55" t="str">
        <f>INDEX('CPT Data'!$P$13:$P$20000,MATCH($C75,'CPT Data'!$B$13:$B$20000,1))</f>
        <v>CLAY</v>
      </c>
      <c r="F75" s="76">
        <f>INDEX('CPT Data'!$Q$13:$Q$20000,MATCH($C75,'CPT Data'!$B$13:$B$20000,1))</f>
        <v>335.75802443024037</v>
      </c>
      <c r="G75" s="76">
        <f>INDEX('CPT Data'!$I$13:$I$20000,MATCH(C75,'CPT Data'!$B$13:$B$20000,1))</f>
        <v>19.814315890363275</v>
      </c>
      <c r="H75" s="76">
        <f>INDEX('CPT Data'!$J$13:$J$20000,MATCH($C75,'CPT Data'!$B$13:$B$20000,1))</f>
        <v>9.8143158903632752</v>
      </c>
      <c r="I75" s="76">
        <f>INDEX('CPT Data'!$L$13:$L$20000,MATCH(C75,'CPT Data'!$B$13:$B$20000,1))</f>
        <v>480.85240704834865</v>
      </c>
      <c r="J75" s="226">
        <f>INDEX('CPT Data'!$R$13:$R$20000,MATCH(C75,'CPT Data'!$B$13:$B$20000,1))</f>
        <v>35</v>
      </c>
      <c r="K75" s="76">
        <f>INDEX('CPT Data'!$S$13:$S$20000,MATCH($C75,'CPT Data'!$B$13:$B$20000,1))</f>
        <v>3.5639764392447808</v>
      </c>
      <c r="L75" s="55">
        <f>VLOOKUP($C75, 'Pile Property'!$A$8:$D$108,2,TRUE)</f>
        <v>2</v>
      </c>
      <c r="M75" s="234">
        <f>IF($E75="CLAY",ABS($F75-'CPT Data'!$Q$3787)/$D75,#N/A)</f>
        <v>3.4188471637033393</v>
      </c>
      <c r="N75" s="65">
        <f t="shared" si="32"/>
        <v>1.6187001065427484</v>
      </c>
      <c r="O75" s="76">
        <f t="shared" si="38"/>
        <v>16.318917290805363</v>
      </c>
      <c r="P75" s="76">
        <f t="shared" si="39"/>
        <v>0.69825588789551518</v>
      </c>
      <c r="Q75" s="65">
        <f t="shared" si="18"/>
        <v>0.59836020334192752</v>
      </c>
      <c r="R75" s="76">
        <f t="shared" si="19"/>
        <v>10.795080610025783</v>
      </c>
      <c r="S75" s="76">
        <f t="shared" si="33"/>
        <v>10.795080610025783</v>
      </c>
      <c r="T75" s="76"/>
      <c r="U75" s="76"/>
      <c r="V75" s="76">
        <f t="shared" si="40"/>
        <v>10.795080610025783</v>
      </c>
      <c r="W75" s="76">
        <f t="shared" si="34"/>
        <v>10.795080610025783</v>
      </c>
      <c r="X75" s="76">
        <f t="shared" si="41"/>
        <v>10.795080610025783</v>
      </c>
      <c r="Y75" s="76">
        <f t="shared" si="42"/>
        <v>3624.5349391874511</v>
      </c>
      <c r="Z75" s="76">
        <f t="shared" si="35"/>
        <v>7249.0698783749021</v>
      </c>
      <c r="AA75" s="85" cm="1">
        <f t="array" ref="AA75">IF(J75&gt;30,IF(K75&lt;=2,$AB$10,IF(AND(K75&gt;2,K75&lt;=4),TREND($AB$10:$AC$10,$AB$3:$AC$3,K75,TRUE),IF(AND(K75&gt;4,K75&lt;10),TREND($AC$10:$AD$10,$AC$3:$AD$3,K75,TRUE),IF(K75&gt;=10,$AD$10,1)))),IF(K75&lt;=2,$AE$10,IF(AND(K75&gt;2,K75&lt;=4),TREND($AE$10:$AF$10,$AE$3:$AF$3,K75,TRUE),IF(AND(K75&gt;4,K75&lt;10),TREND($AF$10:$AG$10,$AF$3:$AG$3,K75,TRUE),IF(K75&gt;=10,$AG$10,1)))))</f>
        <v>3.781988219622391E-4</v>
      </c>
      <c r="AB75" s="85" cm="1">
        <f t="array" ref="AB75">IF(J75&gt;30,IF(K75&lt;=2,$AB$11,IF(AND(K75&gt;2,K75&lt;=4),TREND($AB$11:$AC$11,$AB$3:$AC$3,K75,TRUE),IF(AND(K75&gt;4,K75&lt;10),TREND($AC$11:$AD$11,$AC$3:$AD$3,K75,TRUE),IF(K75&gt;=10,$AD$11,1)))),IF(K75&lt;=2,$AE$11,IF(AND(K75&gt;2,K75&lt;=4),TREND($AE$11:$AF$11,$AE$3:$AF$3,K75,TRUE),IF(AND(K75&gt;4,K75&lt;10),TREND($AF$11:$AG$11,$AF$3:$AG$3,K75,TRUE),IF(K75&gt;=10,$AG$11,1)))))</f>
        <v>3.7819882196223906E-3</v>
      </c>
      <c r="AC75" s="85" cm="1">
        <f t="array" ref="AC75">IF(J75&gt;30,IF(K75&lt;=2,$AB$12,IF(AND(K75&gt;2,K75&lt;=4),TREND($AB$12:$AC$12,$AB$3:$AC$3,K75,TRUE),IF(AND(K75&gt;4,K75&lt;10),TREND($AC$12:$AD$12,$AC$3:$AD$3,K75,TRUE),IF(K75&gt;=10,$AD$12,1)))),IF(K75&lt;=2,$AE$12,IF(AND(K75&gt;2,K75&lt;=4),TREND($AE$12:$AF$12,$AE$3:$AF$3,K75,TRUE),IF(AND(K75&gt;4,K75&lt;10),TREND($AF$12:$AG$12,$AF$3:$AG$3,K75,TRUE),IF(K75&gt;=10,$AG$12,1)))))</f>
        <v>7.4113681929804543E-3</v>
      </c>
      <c r="AD75" s="85" cm="1">
        <f t="array" ref="AD75">IF(J75&gt;30,IF(K75&lt;=2,$AB$13,IF(AND(K75&gt;2,K75&lt;=4),TREND($AB$13:$AC$13,$AB$3:$AC$3,K75,TRUE),IF(AND(K75&gt;4,K75&lt;10),TREND($AC$13:$AD$13,$AC$3:$AD$3,K75,TRUE),IF(K75&gt;=10,$AD$13,1)))),IF(K75&lt;=2,$AE$13,IF(AND(K75&gt;2,K75&lt;=4),TREND($AE$13:$AF$13,$AE$3:$AF$3,K75,TRUE),IF(AND(K75&gt;4,K75&lt;10),TREND($AF$13:$AG$13,$AF$3:$AG$3,K75,TRUE),IF(K75&gt;=10,$AG$13,1)))))</f>
        <v>1.3691929317734343E-2</v>
      </c>
      <c r="AE75" s="85" cm="1">
        <f t="array" ref="AE75">IF(J75&gt;30,IF(K75&lt;=2,$AB$14,IF(AND(K75&gt;2,K75&lt;=4),TREND($AB$14:$AC$14,$AB$3:$AC$3,K75,TRUE),IF(AND(K75&gt;4,K75&lt;10),TREND($AC$14:$AD$14,$AC$3:$AD$3,K75,TRUE),IF(K75&gt;=10,$AD$14,1)))),IF(K75&lt;=2,$AE$14,IF(AND(K75&gt;2,K75&lt;=4),TREND($AE$14:$AF$14,$AE$3:$AF$3,K75,TRUE),IF(AND(K75&gt;4,K75&lt;10),TREND($AF$14:$AG$14,$AF$3:$AG$3,K75,TRUE),IF(K75&gt;=10,$AG$14,1)))))</f>
        <v>2.1819882196223904E-2</v>
      </c>
      <c r="AF75" s="85" cm="1">
        <f t="array" ref="AF75">IF(J75&gt;30,IF(K75&lt;=2,$AB$15,IF(AND(K75&gt;2,K75&lt;=4),TREND($AB$15:$AC$15,$AB$3:$AC$3,K75,TRUE),IF(AND(K75&gt;4,K75&lt;10),TREND($AC$15:$AD$15,$AC$3:$AD$3,K75,TRUE),IF(K75&gt;=10,$AD$15,1)))),IF(K75&lt;=2,$AE$15,IF(AND(K75&gt;2,K75&lt;=4),TREND($AE$15:$AF$15,$AE$3:$AF$3,K75,TRUE),IF(AND(K75&gt;4,K75&lt;10),TREND($AF$15:$AG$15,$AF$3:$AG$3,K75,TRUE),IF(K75&gt;=10,$AG$15,1)))))</f>
        <v>3.2947835074713466E-2</v>
      </c>
      <c r="AG75" s="86" cm="1">
        <f t="array" ref="AG75">IF(J75&gt;30,IF(K75&lt;=2,$AB$16,IF(AND(K75&gt;2,K75&lt;=4),TREND($AB$16:$AC$16,$AB$3:$AC$3,K75,TRUE),IF(AND(K75&gt;4,K75&lt;10),TREND($AC$16:$AD$16,$AC$3:$AD$3,K75,TRUE),IF(K75&gt;=10,$AD$16,1)))),IF(K75&lt;=2,$AE$16,IF(AND(K75&gt;2,K75&lt;=4),TREND($AE$16:$AF$16,$AE$3:$AF$3,K75,TRUE),IF(AND(K75&gt;4,K75&lt;10),TREND($AF$16:$AG$16,$AF$3:$AG$3,K75,TRUE),IF(K75&gt;=10,$AG$16,1)))))</f>
        <v>4.9985729051314973E-2</v>
      </c>
      <c r="AH75" s="85" cm="1">
        <f t="array" ref="AH75">IF(J75&gt;30,IF(K75&lt;=2,$AB$17,IF(AND(K75&gt;2,K75&lt;=4),TREND($AB$17:$AC$17,$AB$3:$AC$3,K75,TRUE),IF(AND(K75&gt;4,K75&lt;10),TREND($AC$17:$AD$17,$AC$3:$AD$3,K75,TRUE),IF(K75&gt;=10,$AD$17,1)))),IF(K75&lt;=2,$AE$17,IF(AND(K75&gt;2,K75&lt;=4),TREND($AE$17:$AF$17,$AE$3:$AF$3,K75,TRUE),IF(AND(K75&gt;4,K75&lt;10),TREND($AF$17:$AG$17,$AF$3:$AG$3,K75,TRUE),IF(K75&gt;=10,$AG$17,1)))))</f>
        <v>7.6587599467161288E-2</v>
      </c>
      <c r="AI75" s="85" cm="1">
        <f t="array" ref="AI75">IF(J75&gt;30,IF(K75&lt;=2,$AB$18,IF(AND(K75&gt;2,K75&lt;=4),TREND($AB$18:$AC$18,$AB$3:$AC$3,K75,TRUE),IF(AND(K75&gt;4,K75&lt;10),TREND($AC$18:$AD$18,$AC$3:$AD$3,K75,TRUE),IF(K75&gt;=10,$AD$18,1)))),IF(K75&lt;=2,$AE$18,IF(AND(K75&gt;2,K75&lt;=4),TREND($AE$18:$AF$18,$AE$3:$AF$3,K75,TRUE),IF(AND(K75&gt;4,K75&lt;10),TREND($AF$18:$AG$18,$AF$3:$AG$3,K75,TRUE),IF(K75&gt;=10,$AG$18,1)))))</f>
        <v>0.12735531673809866</v>
      </c>
      <c r="AJ75" s="85" cm="1">
        <f t="array" ref="AJ75">IF(J75&gt;30,IF(K75&lt;=2,$AB$19,IF(AND(K75&gt;2,K75&lt;=4),TREND($AB$19:$AC$19,$AB$3:$AC$3,K75,TRUE),IF(AND(K75&gt;4,K75&lt;10),TREND($AC$19:$AD$19,$AC$3:$AD$3,K75,TRUE),IF(K75&gt;=10,$AD$19,1)))),IF(K75&lt;=2,$AE$19,IF(AND(K75&gt;2,K75&lt;=4),TREND($AE$19:$AF$19,$AE$3:$AF$3,K75,TRUE),IF(AND(K75&gt;4,K75&lt;10),TREND($AF$19:$AG$19,$AF$3:$AG$3,K75,TRUE),IF(K75&gt;=10,$AG$19,1)))))</f>
        <v>0.21255905756979124</v>
      </c>
      <c r="AK75" s="85" cm="1">
        <f t="array" ref="AK75">IF(J75&gt;30,IF(K75&lt;=2,$AB$20,IF(AND(K75&gt;2,K75&lt;=4),TREND($AB$20:$AC$20,$AB$3:$AC$3,K75,TRUE),IF(AND(K75&gt;4,K75&lt;10),TREND($AC$20:$AD$20,$AC$3:$AD$3,K75,TRUE),IF(K75&gt;=10,$AD$20,1)))),IF(K75&lt;=2,$AE$20,IF(AND(K75&gt;2,K75&lt;=4),TREND($AE$20:$AF$20,$AE$3:$AF$3,K75,TRUE),IF(AND(K75&gt;4,K75&lt;10),TREND($AF$20:$AG$20,$AF$3:$AG$3,K75,TRUE),IF(K75&gt;=10,$AG$20,1)))))</f>
        <v>0.28909941098111952</v>
      </c>
      <c r="AL75" s="85">
        <v>3</v>
      </c>
      <c r="AM75" s="92">
        <v>0</v>
      </c>
      <c r="AN75" s="92">
        <f t="shared" si="6"/>
        <v>0.75639764392447817</v>
      </c>
      <c r="AO75" s="92">
        <f t="shared" si="21"/>
        <v>7.5639764392447812</v>
      </c>
      <c r="AP75" s="92">
        <f t="shared" si="7"/>
        <v>14.822736385960908</v>
      </c>
      <c r="AQ75" s="92">
        <f t="shared" si="8"/>
        <v>27.383858635468684</v>
      </c>
      <c r="AR75" s="92">
        <f t="shared" si="9"/>
        <v>43.639764392447809</v>
      </c>
      <c r="AS75" s="92">
        <f t="shared" si="10"/>
        <v>65.895670149426934</v>
      </c>
      <c r="AT75" s="92">
        <f t="shared" si="11"/>
        <v>99.971458102629938</v>
      </c>
      <c r="AU75" s="92">
        <f t="shared" si="12"/>
        <v>153.17519893432257</v>
      </c>
      <c r="AV75" s="92">
        <f t="shared" si="13"/>
        <v>254.71063347619733</v>
      </c>
      <c r="AW75" s="92">
        <f t="shared" si="14"/>
        <v>425.11811513958247</v>
      </c>
      <c r="AX75" s="92">
        <f t="shared" si="15"/>
        <v>578.19882196223909</v>
      </c>
      <c r="AY75" s="92">
        <f t="shared" si="16"/>
        <v>6000</v>
      </c>
      <c r="AZ75" s="93">
        <v>0</v>
      </c>
      <c r="BA75" s="93">
        <f t="shared" si="36"/>
        <v>362.45349391874515</v>
      </c>
      <c r="BB75" s="93">
        <f t="shared" si="22"/>
        <v>1449.8139756749806</v>
      </c>
      <c r="BC75" s="93">
        <f t="shared" si="23"/>
        <v>2174.7209635124705</v>
      </c>
      <c r="BD75" s="93">
        <f t="shared" si="24"/>
        <v>2899.6279513499612</v>
      </c>
      <c r="BE75" s="93">
        <f t="shared" si="25"/>
        <v>3624.5349391874511</v>
      </c>
      <c r="BF75" s="93">
        <f t="shared" si="26"/>
        <v>4349.4419270249409</v>
      </c>
      <c r="BG75" s="93">
        <f t="shared" si="27"/>
        <v>5074.3489148624312</v>
      </c>
      <c r="BH75" s="93">
        <f t="shared" si="28"/>
        <v>5799.2559026999224</v>
      </c>
      <c r="BI75" s="93">
        <f t="shared" si="29"/>
        <v>6524.1628905374118</v>
      </c>
      <c r="BJ75" s="93">
        <f t="shared" si="30"/>
        <v>7067.8431314155296</v>
      </c>
      <c r="BK75" s="93">
        <f t="shared" si="31"/>
        <v>7249.0698783749021</v>
      </c>
      <c r="BL75" s="93">
        <f t="shared" si="31"/>
        <v>7249.0698783749021</v>
      </c>
      <c r="BO75" s="59"/>
    </row>
    <row r="76" spans="2:67" x14ac:dyDescent="0.2">
      <c r="B76" s="79">
        <f t="shared" si="37"/>
        <v>-65.5</v>
      </c>
      <c r="C76" s="73">
        <f t="shared" si="20"/>
        <v>50</v>
      </c>
      <c r="D76" s="64">
        <f>INDEX('CPT Data'!$C$13:$C$20000,MATCH($C76,'CPT Data'!$B$13:$B$20000,1))</f>
        <v>49.988</v>
      </c>
      <c r="E76" s="55" t="str">
        <f>INDEX('CPT Data'!$P$13:$P$20000,MATCH($C76,'CPT Data'!$B$13:$B$20000,1))</f>
        <v>CLAY</v>
      </c>
      <c r="F76" s="76">
        <f>INDEX('CPT Data'!$Q$13:$Q$20000,MATCH($C76,'CPT Data'!$B$13:$B$20000,1))</f>
        <v>205.51969978920093</v>
      </c>
      <c r="G76" s="76">
        <f>INDEX('CPT Data'!$I$13:$I$20000,MATCH(C76,'CPT Data'!$B$13:$B$20000,1))</f>
        <v>19.45274070836178</v>
      </c>
      <c r="H76" s="76">
        <f>INDEX('CPT Data'!$J$13:$J$20000,MATCH($C76,'CPT Data'!$B$13:$B$20000,1))</f>
        <v>9.4527407083617803</v>
      </c>
      <c r="I76" s="76">
        <f>INDEX('CPT Data'!$L$13:$L$20000,MATCH(C76,'CPT Data'!$B$13:$B$20000,1))</f>
        <v>472.58977171454717</v>
      </c>
      <c r="J76" s="226">
        <f>INDEX('CPT Data'!$R$13:$R$20000,MATCH(C76,'CPT Data'!$B$13:$B$20000,1))</f>
        <v>35</v>
      </c>
      <c r="K76" s="76">
        <f>INDEX('CPT Data'!$S$13:$S$20000,MATCH($C76,'CPT Data'!$B$13:$B$20000,1))</f>
        <v>1.9718686841511679</v>
      </c>
      <c r="L76" s="55">
        <f>VLOOKUP($C76, 'Pile Property'!$A$8:$D$108,2,TRUE)</f>
        <v>2</v>
      </c>
      <c r="M76" s="234">
        <f>IF($E76="CLAY",ABS($F76-'CPT Data'!$Q$3787)/$D76,#N/A)</f>
        <v>5.9558455928730627</v>
      </c>
      <c r="N76" s="65">
        <f t="shared" si="32"/>
        <v>0.92918598742086578</v>
      </c>
      <c r="O76" s="76">
        <f t="shared" si="38"/>
        <v>16.873363900849903</v>
      </c>
      <c r="P76" s="76">
        <f t="shared" si="39"/>
        <v>0.43487970347639809</v>
      </c>
      <c r="Q76" s="65">
        <f t="shared" si="18"/>
        <v>0.75820288895640875</v>
      </c>
      <c r="R76" s="76">
        <f t="shared" si="19"/>
        <v>11.274608666869227</v>
      </c>
      <c r="S76" s="76">
        <f t="shared" si="33"/>
        <v>11.274608666869227</v>
      </c>
      <c r="T76" s="76"/>
      <c r="U76" s="76"/>
      <c r="V76" s="76">
        <f t="shared" si="40"/>
        <v>11.274608666869227</v>
      </c>
      <c r="W76" s="76">
        <f t="shared" si="34"/>
        <v>11.274608666869227</v>
      </c>
      <c r="X76" s="76">
        <f t="shared" si="41"/>
        <v>11.274608666869227</v>
      </c>
      <c r="Y76" s="76">
        <f t="shared" si="42"/>
        <v>2317.1541884556864</v>
      </c>
      <c r="Z76" s="76">
        <f t="shared" si="35"/>
        <v>4634.3083769113728</v>
      </c>
      <c r="AA76" s="85" cm="1">
        <f t="array" ref="AA76">IF(J76&gt;30,IF(K76&lt;=2,$AB$10,IF(AND(K76&gt;2,K76&lt;=4),TREND($AB$10:$AC$10,$AB$3:$AC$3,K76,TRUE),IF(AND(K76&gt;4,K76&lt;10),TREND($AC$10:$AD$10,$AC$3:$AD$3,K76,TRUE),IF(K76&gt;=10,$AD$10,1)))),IF(K76&lt;=2,$AE$10,IF(AND(K76&gt;2,K76&lt;=4),TREND($AE$10:$AF$10,$AE$3:$AF$3,K76,TRUE),IF(AND(K76&gt;4,K76&lt;10),TREND($AF$10:$AG$10,$AF$3:$AG$3,K76,TRUE),IF(K76&gt;=10,$AG$10,1)))))</f>
        <v>2.9999999999999997E-4</v>
      </c>
      <c r="AB76" s="85" cm="1">
        <f t="array" ref="AB76">IF(J76&gt;30,IF(K76&lt;=2,$AB$11,IF(AND(K76&gt;2,K76&lt;=4),TREND($AB$11:$AC$11,$AB$3:$AC$3,K76,TRUE),IF(AND(K76&gt;4,K76&lt;10),TREND($AC$11:$AD$11,$AC$3:$AD$3,K76,TRUE),IF(K76&gt;=10,$AD$11,1)))),IF(K76&lt;=2,$AE$11,IF(AND(K76&gt;2,K76&lt;=4),TREND($AE$11:$AF$11,$AE$3:$AF$3,K76,TRUE),IF(AND(K76&gt;4,K76&lt;10),TREND($AF$11:$AG$11,$AF$3:$AG$3,K76,TRUE),IF(K76&gt;=10,$AG$11,1)))))</f>
        <v>3.0000000000000001E-3</v>
      </c>
      <c r="AC76" s="85" cm="1">
        <f t="array" ref="AC76">IF(J76&gt;30,IF(K76&lt;=2,$AB$12,IF(AND(K76&gt;2,K76&lt;=4),TREND($AB$12:$AC$12,$AB$3:$AC$3,K76,TRUE),IF(AND(K76&gt;4,K76&lt;10),TREND($AC$12:$AD$12,$AC$3:$AD$3,K76,TRUE),IF(K76&gt;=10,$AD$12,1)))),IF(K76&lt;=2,$AE$12,IF(AND(K76&gt;2,K76&lt;=4),TREND($AE$12:$AF$12,$AE$3:$AF$3,K76,TRUE),IF(AND(K76&gt;4,K76&lt;10),TREND($AF$12:$AG$12,$AF$3:$AG$3,K76,TRUE),IF(K76&gt;=10,$AG$12,1)))))</f>
        <v>5.3E-3</v>
      </c>
      <c r="AD76" s="85" cm="1">
        <f t="array" ref="AD76">IF(J76&gt;30,IF(K76&lt;=2,$AB$13,IF(AND(K76&gt;2,K76&lt;=4),TREND($AB$13:$AC$13,$AB$3:$AC$3,K76,TRUE),IF(AND(K76&gt;4,K76&lt;10),TREND($AC$13:$AD$13,$AC$3:$AD$3,K76,TRUE),IF(K76&gt;=10,$AD$13,1)))),IF(K76&lt;=2,$AE$13,IF(AND(K76&gt;2,K76&lt;=4),TREND($AE$13:$AF$13,$AE$3:$AF$3,K76,TRUE),IF(AND(K76&gt;4,K76&lt;10),TREND($AF$13:$AG$13,$AF$3:$AG$3,K76,TRUE),IF(K76&gt;=10,$AG$13,1)))))</f>
        <v>8.9999999999999993E-3</v>
      </c>
      <c r="AE76" s="85" cm="1">
        <f t="array" ref="AE76">IF(J76&gt;30,IF(K76&lt;=2,$AB$14,IF(AND(K76&gt;2,K76&lt;=4),TREND($AB$14:$AC$14,$AB$3:$AC$3,K76,TRUE),IF(AND(K76&gt;4,K76&lt;10),TREND($AC$14:$AD$14,$AC$3:$AD$3,K76,TRUE),IF(K76&gt;=10,$AD$14,1)))),IF(K76&lt;=2,$AE$14,IF(AND(K76&gt;2,K76&lt;=4),TREND($AE$14:$AF$14,$AE$3:$AF$3,K76,TRUE),IF(AND(K76&gt;4,K76&lt;10),TREND($AF$14:$AG$14,$AF$3:$AG$3,K76,TRUE),IF(K76&gt;=10,$AG$14,1)))))</f>
        <v>1.4E-2</v>
      </c>
      <c r="AF76" s="85" cm="1">
        <f t="array" ref="AF76">IF(J76&gt;30,IF(K76&lt;=2,$AB$15,IF(AND(K76&gt;2,K76&lt;=4),TREND($AB$15:$AC$15,$AB$3:$AC$3,K76,TRUE),IF(AND(K76&gt;4,K76&lt;10),TREND($AC$15:$AD$15,$AC$3:$AD$3,K76,TRUE),IF(K76&gt;=10,$AD$15,1)))),IF(K76&lt;=2,$AE$15,IF(AND(K76&gt;2,K76&lt;=4),TREND($AE$15:$AF$15,$AE$3:$AF$3,K76,TRUE),IF(AND(K76&gt;4,K76&lt;10),TREND($AF$15:$AG$15,$AF$3:$AG$3,K76,TRUE),IF(K76&gt;=10,$AG$15,1)))))</f>
        <v>2.1999999999999999E-2</v>
      </c>
      <c r="AG76" s="86" cm="1">
        <f t="array" ref="AG76">IF(J76&gt;30,IF(K76&lt;=2,$AB$16,IF(AND(K76&gt;2,K76&lt;=4),TREND($AB$16:$AC$16,$AB$3:$AC$3,K76,TRUE),IF(AND(K76&gt;4,K76&lt;10),TREND($AC$16:$AD$16,$AC$3:$AD$3,K76,TRUE),IF(K76&gt;=10,$AD$16,1)))),IF(K76&lt;=2,$AE$16,IF(AND(K76&gt;2,K76&lt;=4),TREND($AE$16:$AF$16,$AE$3:$AF$3,K76,TRUE),IF(AND(K76&gt;4,K76&lt;10),TREND($AF$16:$AG$16,$AF$3:$AG$3,K76,TRUE),IF(K76&gt;=10,$AG$16,1)))))</f>
        <v>3.2000000000000001E-2</v>
      </c>
      <c r="AH76" s="85" cm="1">
        <f t="array" ref="AH76">IF(J76&gt;30,IF(K76&lt;=2,$AB$17,IF(AND(K76&gt;2,K76&lt;=4),TREND($AB$17:$AC$17,$AB$3:$AC$3,K76,TRUE),IF(AND(K76&gt;4,K76&lt;10),TREND($AC$17:$AD$17,$AC$3:$AD$3,K76,TRUE),IF(K76&gt;=10,$AD$17,1)))),IF(K76&lt;=2,$AE$17,IF(AND(K76&gt;2,K76&lt;=4),TREND($AE$17:$AF$17,$AE$3:$AF$3,K76,TRUE),IF(AND(K76&gt;4,K76&lt;10),TREND($AF$17:$AG$17,$AF$3:$AG$3,K76,TRUE),IF(K76&gt;=10,$AG$17,1)))))</f>
        <v>0.05</v>
      </c>
      <c r="AI76" s="85" cm="1">
        <f t="array" ref="AI76">IF(J76&gt;30,IF(K76&lt;=2,$AB$18,IF(AND(K76&gt;2,K76&lt;=4),TREND($AB$18:$AC$18,$AB$3:$AC$3,K76,TRUE),IF(AND(K76&gt;4,K76&lt;10),TREND($AC$18:$AD$18,$AC$3:$AD$3,K76,TRUE),IF(K76&gt;=10,$AD$18,1)))),IF(K76&lt;=2,$AE$18,IF(AND(K76&gt;2,K76&lt;=4),TREND($AE$18:$AF$18,$AE$3:$AF$3,K76,TRUE),IF(AND(K76&gt;4,K76&lt;10),TREND($AF$18:$AG$18,$AF$3:$AG$3,K76,TRUE),IF(K76&gt;=10,$AG$18,1)))))</f>
        <v>8.2000000000000003E-2</v>
      </c>
      <c r="AJ76" s="85" cm="1">
        <f t="array" ref="AJ76">IF(J76&gt;30,IF(K76&lt;=2,$AB$19,IF(AND(K76&gt;2,K76&lt;=4),TREND($AB$19:$AC$19,$AB$3:$AC$3,K76,TRUE),IF(AND(K76&gt;4,K76&lt;10),TREND($AC$19:$AD$19,$AC$3:$AD$3,K76,TRUE),IF(K76&gt;=10,$AD$19,1)))),IF(K76&lt;=2,$AE$19,IF(AND(K76&gt;2,K76&lt;=4),TREND($AE$19:$AF$19,$AE$3:$AF$3,K76,TRUE),IF(AND(K76&gt;4,K76&lt;10),TREND($AF$19:$AG$19,$AF$3:$AG$3,K76,TRUE),IF(K76&gt;=10,$AG$19,1)))))</f>
        <v>0.15</v>
      </c>
      <c r="AK76" s="85" cm="1">
        <f t="array" ref="AK76">IF(J76&gt;30,IF(K76&lt;=2,$AB$20,IF(AND(K76&gt;2,K76&lt;=4),TREND($AB$20:$AC$20,$AB$3:$AC$3,K76,TRUE),IF(AND(K76&gt;4,K76&lt;10),TREND($AC$20:$AD$20,$AC$3:$AD$3,K76,TRUE),IF(K76&gt;=10,$AD$20,1)))),IF(K76&lt;=2,$AE$20,IF(AND(K76&gt;2,K76&lt;=4),TREND($AE$20:$AF$20,$AE$3:$AF$3,K76,TRUE),IF(AND(K76&gt;4,K76&lt;10),TREND($AF$20:$AG$20,$AF$3:$AG$3,K76,TRUE),IF(K76&gt;=10,$AG$20,1)))))</f>
        <v>0.25</v>
      </c>
      <c r="AL76" s="85">
        <v>3</v>
      </c>
      <c r="AM76" s="92">
        <v>0</v>
      </c>
      <c r="AN76" s="92">
        <f t="shared" si="6"/>
        <v>0.6</v>
      </c>
      <c r="AO76" s="92">
        <f t="shared" si="21"/>
        <v>6</v>
      </c>
      <c r="AP76" s="92">
        <f t="shared" si="7"/>
        <v>10.6</v>
      </c>
      <c r="AQ76" s="92">
        <f t="shared" si="8"/>
        <v>18</v>
      </c>
      <c r="AR76" s="92">
        <f t="shared" si="9"/>
        <v>28</v>
      </c>
      <c r="AS76" s="92">
        <f t="shared" si="10"/>
        <v>44</v>
      </c>
      <c r="AT76" s="92">
        <f t="shared" si="11"/>
        <v>64</v>
      </c>
      <c r="AU76" s="92">
        <f t="shared" si="12"/>
        <v>100</v>
      </c>
      <c r="AV76" s="92">
        <f t="shared" si="13"/>
        <v>164</v>
      </c>
      <c r="AW76" s="92">
        <f t="shared" si="14"/>
        <v>300</v>
      </c>
      <c r="AX76" s="92">
        <f t="shared" si="15"/>
        <v>500</v>
      </c>
      <c r="AY76" s="92">
        <f t="shared" si="16"/>
        <v>6000</v>
      </c>
      <c r="AZ76" s="93">
        <v>0</v>
      </c>
      <c r="BA76" s="93">
        <f t="shared" si="36"/>
        <v>231.71541884556865</v>
      </c>
      <c r="BB76" s="93">
        <f t="shared" si="22"/>
        <v>926.8616753822746</v>
      </c>
      <c r="BC76" s="93">
        <f t="shared" si="23"/>
        <v>1390.2925130734118</v>
      </c>
      <c r="BD76" s="93">
        <f t="shared" si="24"/>
        <v>1853.7233507645492</v>
      </c>
      <c r="BE76" s="93">
        <f t="shared" si="25"/>
        <v>2317.1541884556864</v>
      </c>
      <c r="BF76" s="93">
        <f t="shared" si="26"/>
        <v>2780.5850261468236</v>
      </c>
      <c r="BG76" s="93">
        <f t="shared" si="27"/>
        <v>3244.0158638379608</v>
      </c>
      <c r="BH76" s="93">
        <f t="shared" si="28"/>
        <v>3707.4467015290984</v>
      </c>
      <c r="BI76" s="93">
        <f t="shared" si="29"/>
        <v>4170.877539220236</v>
      </c>
      <c r="BJ76" s="93">
        <f t="shared" si="30"/>
        <v>4518.4506674885879</v>
      </c>
      <c r="BK76" s="93">
        <f t="shared" si="31"/>
        <v>4634.3083769113728</v>
      </c>
      <c r="BL76" s="93">
        <f t="shared" si="31"/>
        <v>4634.3083769113728</v>
      </c>
    </row>
    <row r="77" spans="2:67" x14ac:dyDescent="0.2">
      <c r="B77" s="79">
        <f t="shared" si="37"/>
        <v>-66.5</v>
      </c>
      <c r="C77" s="73">
        <f t="shared" si="20"/>
        <v>51</v>
      </c>
      <c r="D77" s="64">
        <f>INDEX('CPT Data'!$C$13:$C$20000,MATCH($C77,'CPT Data'!$B$13:$B$20000,1))</f>
        <v>50.989000000000004</v>
      </c>
      <c r="E77" s="55" t="str">
        <f>INDEX('CPT Data'!$P$13:$P$20000,MATCH($C77,'CPT Data'!$B$13:$B$20000,1))</f>
        <v>CLAY</v>
      </c>
      <c r="F77" s="76">
        <f>INDEX('CPT Data'!$Q$13:$Q$20000,MATCH($C77,'CPT Data'!$B$13:$B$20000,1))</f>
        <v>312.76752219036422</v>
      </c>
      <c r="G77" s="76">
        <f>INDEX('CPT Data'!$I$13:$I$20000,MATCH(C77,'CPT Data'!$B$13:$B$20000,1))</f>
        <v>19.496945100230011</v>
      </c>
      <c r="H77" s="76">
        <f>INDEX('CPT Data'!$J$13:$J$20000,MATCH($C77,'CPT Data'!$B$13:$B$20000,1))</f>
        <v>9.4969451002300111</v>
      </c>
      <c r="I77" s="76">
        <f>INDEX('CPT Data'!$L$13:$L$20000,MATCH(C77,'CPT Data'!$B$13:$B$20000,1))</f>
        <v>484.30621233132968</v>
      </c>
      <c r="J77" s="226">
        <f>INDEX('CPT Data'!$R$13:$R$20000,MATCH(C77,'CPT Data'!$B$13:$B$20000,1))</f>
        <v>35</v>
      </c>
      <c r="K77" s="76">
        <f>INDEX('CPT Data'!$S$13:$S$20000,MATCH($C77,'CPT Data'!$B$13:$B$20000,1))</f>
        <v>3.2325375487582257</v>
      </c>
      <c r="L77" s="55">
        <f>VLOOKUP($C77, 'Pile Property'!$A$8:$D$108,2,TRUE)</f>
        <v>2</v>
      </c>
      <c r="M77" s="234">
        <f>IF($E77="CLAY",ABS($F77-'CPT Data'!$Q$3787)/$D77,#N/A)</f>
        <v>3.7355701640623531</v>
      </c>
      <c r="N77" s="65">
        <f t="shared" si="32"/>
        <v>1.4814574549770376</v>
      </c>
      <c r="O77" s="76">
        <f t="shared" si="38"/>
        <v>16.407414877325532</v>
      </c>
      <c r="P77" s="76">
        <f t="shared" si="39"/>
        <v>0.6458053071109271</v>
      </c>
      <c r="Q77" s="65">
        <f t="shared" si="18"/>
        <v>0.62218451697051169</v>
      </c>
      <c r="R77" s="76">
        <f t="shared" si="19"/>
        <v>10.866553550911535</v>
      </c>
      <c r="S77" s="76">
        <f t="shared" si="33"/>
        <v>10.866553550911535</v>
      </c>
      <c r="T77" s="76"/>
      <c r="U77" s="76"/>
      <c r="V77" s="76">
        <f t="shared" si="40"/>
        <v>10.866553550911535</v>
      </c>
      <c r="W77" s="76">
        <f t="shared" si="34"/>
        <v>10.866553550911535</v>
      </c>
      <c r="X77" s="76">
        <f t="shared" si="41"/>
        <v>10.866553550911535</v>
      </c>
      <c r="Y77" s="76">
        <f t="shared" si="42"/>
        <v>3398.7050288675046</v>
      </c>
      <c r="Z77" s="76">
        <f t="shared" si="35"/>
        <v>6797.4100577350091</v>
      </c>
      <c r="AA77" s="85" cm="1">
        <f t="array" ref="AA77">IF(J77&gt;30,IF(K77&lt;=2,$AB$10,IF(AND(K77&gt;2,K77&lt;=4),TREND($AB$10:$AC$10,$AB$3:$AC$3,K77,TRUE),IF(AND(K77&gt;4,K77&lt;10),TREND($AC$10:$AD$10,$AC$3:$AD$3,K77,TRUE),IF(K77&gt;=10,$AD$10,1)))),IF(K77&lt;=2,$AE$10,IF(AND(K77&gt;2,K77&lt;=4),TREND($AE$10:$AF$10,$AE$3:$AF$3,K77,TRUE),IF(AND(K77&gt;4,K77&lt;10),TREND($AF$10:$AG$10,$AF$3:$AG$3,K77,TRUE),IF(K77&gt;=10,$AG$10,1)))))</f>
        <v>3.6162687743791127E-4</v>
      </c>
      <c r="AB77" s="85" cm="1">
        <f t="array" ref="AB77">IF(J77&gt;30,IF(K77&lt;=2,$AB$11,IF(AND(K77&gt;2,K77&lt;=4),TREND($AB$11:$AC$11,$AB$3:$AC$3,K77,TRUE),IF(AND(K77&gt;4,K77&lt;10),TREND($AC$11:$AD$11,$AC$3:$AD$3,K77,TRUE),IF(K77&gt;=10,$AD$11,1)))),IF(K77&lt;=2,$AE$11,IF(AND(K77&gt;2,K77&lt;=4),TREND($AE$11:$AF$11,$AE$3:$AF$3,K77,TRUE),IF(AND(K77&gt;4,K77&lt;10),TREND($AF$11:$AG$11,$AF$3:$AG$3,K77,TRUE),IF(K77&gt;=10,$AG$11,1)))))</f>
        <v>3.6162687743791127E-3</v>
      </c>
      <c r="AC77" s="85" cm="1">
        <f t="array" ref="AC77">IF(J77&gt;30,IF(K77&lt;=2,$AB$12,IF(AND(K77&gt;2,K77&lt;=4),TREND($AB$12:$AC$12,$AB$3:$AC$3,K77,TRUE),IF(AND(K77&gt;4,K77&lt;10),TREND($AC$12:$AD$12,$AC$3:$AD$3,K77,TRUE),IF(K77&gt;=10,$AD$12,1)))),IF(K77&lt;=2,$AE$12,IF(AND(K77&gt;2,K77&lt;=4),TREND($AE$12:$AF$12,$AE$3:$AF$3,K77,TRUE),IF(AND(K77&gt;4,K77&lt;10),TREND($AF$12:$AG$12,$AF$3:$AG$3,K77,TRUE),IF(K77&gt;=10,$AG$12,1)))))</f>
        <v>6.9639256908236051E-3</v>
      </c>
      <c r="AD77" s="85" cm="1">
        <f t="array" ref="AD77">IF(J77&gt;30,IF(K77&lt;=2,$AB$13,IF(AND(K77&gt;2,K77&lt;=4),TREND($AB$13:$AC$13,$AB$3:$AC$3,K77,TRUE),IF(AND(K77&gt;4,K77&lt;10),TREND($AC$13:$AD$13,$AC$3:$AD$3,K77,TRUE),IF(K77&gt;=10,$AD$13,1)))),IF(K77&lt;=2,$AE$13,IF(AND(K77&gt;2,K77&lt;=4),TREND($AE$13:$AF$13,$AE$3:$AF$3,K77,TRUE),IF(AND(K77&gt;4,K77&lt;10),TREND($AF$13:$AG$13,$AF$3:$AG$3,K77,TRUE),IF(K77&gt;=10,$AG$13,1)))))</f>
        <v>1.2697612646274677E-2</v>
      </c>
      <c r="AE77" s="85" cm="1">
        <f t="array" ref="AE77">IF(J77&gt;30,IF(K77&lt;=2,$AB$14,IF(AND(K77&gt;2,K77&lt;=4),TREND($AB$14:$AC$14,$AB$3:$AC$3,K77,TRUE),IF(AND(K77&gt;4,K77&lt;10),TREND($AC$14:$AD$14,$AC$3:$AD$3,K77,TRUE),IF(K77&gt;=10,$AD$14,1)))),IF(K77&lt;=2,$AE$14,IF(AND(K77&gt;2,K77&lt;=4),TREND($AE$14:$AF$14,$AE$3:$AF$3,K77,TRUE),IF(AND(K77&gt;4,K77&lt;10),TREND($AF$14:$AG$14,$AF$3:$AG$3,K77,TRUE),IF(K77&gt;=10,$AG$14,1)))))</f>
        <v>2.0162687743791128E-2</v>
      </c>
      <c r="AF77" s="85" cm="1">
        <f t="array" ref="AF77">IF(J77&gt;30,IF(K77&lt;=2,$AB$15,IF(AND(K77&gt;2,K77&lt;=4),TREND($AB$15:$AC$15,$AB$3:$AC$3,K77,TRUE),IF(AND(K77&gt;4,K77&lt;10),TREND($AC$15:$AD$15,$AC$3:$AD$3,K77,TRUE),IF(K77&gt;=10,$AD$15,1)))),IF(K77&lt;=2,$AE$15,IF(AND(K77&gt;2,K77&lt;=4),TREND($AE$15:$AF$15,$AE$3:$AF$3,K77,TRUE),IF(AND(K77&gt;4,K77&lt;10),TREND($AF$15:$AG$15,$AF$3:$AG$3,K77,TRUE),IF(K77&gt;=10,$AG$15,1)))))</f>
        <v>3.0627762841307579E-2</v>
      </c>
      <c r="AG77" s="86" cm="1">
        <f t="array" ref="AG77">IF(J77&gt;30,IF(K77&lt;=2,$AB$16,IF(AND(K77&gt;2,K77&lt;=4),TREND($AB$16:$AC$16,$AB$3:$AC$3,K77,TRUE),IF(AND(K77&gt;4,K77&lt;10),TREND($AC$16:$AD$16,$AC$3:$AD$3,K77,TRUE),IF(K77&gt;=10,$AD$16,1)))),IF(K77&lt;=2,$AE$16,IF(AND(K77&gt;2,K77&lt;=4),TREND($AE$16:$AF$16,$AE$3:$AF$3,K77,TRUE),IF(AND(K77&gt;4,K77&lt;10),TREND($AF$16:$AG$16,$AF$3:$AG$3,K77,TRUE),IF(K77&gt;=10,$AG$16,1)))))</f>
        <v>4.617418181071959E-2</v>
      </c>
      <c r="AH77" s="85" cm="1">
        <f t="array" ref="AH77">IF(J77&gt;30,IF(K77&lt;=2,$AB$17,IF(AND(K77&gt;2,K77&lt;=4),TREND($AB$17:$AC$17,$AB$3:$AC$3,K77,TRUE),IF(AND(K77&gt;4,K77&lt;10),TREND($AC$17:$AD$17,$AC$3:$AD$3,K77,TRUE),IF(K77&gt;=10,$AD$17,1)))),IF(K77&lt;=2,$AE$17,IF(AND(K77&gt;2,K77&lt;=4),TREND($AE$17:$AF$17,$AE$3:$AF$3,K77,TRUE),IF(AND(K77&gt;4,K77&lt;10),TREND($AF$17:$AG$17,$AF$3:$AG$3,K77,TRUE),IF(K77&gt;=10,$AG$17,1)))))</f>
        <v>7.0953138328889845E-2</v>
      </c>
      <c r="AI77" s="85" cm="1">
        <f t="array" ref="AI77">IF(J77&gt;30,IF(K77&lt;=2,$AB$18,IF(AND(K77&gt;2,K77&lt;=4),TREND($AB$18:$AC$18,$AB$3:$AC$3,K77,TRUE),IF(AND(K77&gt;4,K77&lt;10),TREND($AC$18:$AD$18,$AC$3:$AD$3,K77,TRUE),IF(K77&gt;=10,$AD$18,1)))),IF(K77&lt;=2,$AE$18,IF(AND(K77&gt;2,K77&lt;=4),TREND($AE$18:$AF$18,$AE$3:$AF$3,K77,TRUE),IF(AND(K77&gt;4,K77&lt;10),TREND($AF$18:$AG$18,$AF$3:$AG$3,K77,TRUE),IF(K77&gt;=10,$AG$18,1)))))</f>
        <v>0.11774358891398856</v>
      </c>
      <c r="AJ77" s="85" cm="1">
        <f t="array" ref="AJ77">IF(J77&gt;30,IF(K77&lt;=2,$AB$19,IF(AND(K77&gt;2,K77&lt;=4),TREND($AB$19:$AC$19,$AB$3:$AC$3,K77,TRUE),IF(AND(K77&gt;4,K77&lt;10),TREND($AC$19:$AD$19,$AC$3:$AD$3,K77,TRUE),IF(K77&gt;=10,$AD$19,1)))),IF(K77&lt;=2,$AE$19,IF(AND(K77&gt;2,K77&lt;=4),TREND($AE$19:$AF$19,$AE$3:$AF$3,K77,TRUE),IF(AND(K77&gt;4,K77&lt;10),TREND($AF$19:$AG$19,$AF$3:$AG$3,K77,TRUE),IF(K77&gt;=10,$AG$19,1)))))</f>
        <v>0.19930150195032903</v>
      </c>
      <c r="AK77" s="85" cm="1">
        <f t="array" ref="AK77">IF(J77&gt;30,IF(K77&lt;=2,$AB$20,IF(AND(K77&gt;2,K77&lt;=4),TREND($AB$20:$AC$20,$AB$3:$AC$3,K77,TRUE),IF(AND(K77&gt;4,K77&lt;10),TREND($AC$20:$AD$20,$AC$3:$AD$3,K77,TRUE),IF(K77&gt;=10,$AD$20,1)))),IF(K77&lt;=2,$AE$20,IF(AND(K77&gt;2,K77&lt;=4),TREND($AE$20:$AF$20,$AE$3:$AF$3,K77,TRUE),IF(AND(K77&gt;4,K77&lt;10),TREND($AF$20:$AG$20,$AF$3:$AG$3,K77,TRUE),IF(K77&gt;=10,$AG$20,1)))))</f>
        <v>0.28081343871895564</v>
      </c>
      <c r="AL77" s="85">
        <v>3</v>
      </c>
      <c r="AM77" s="92">
        <v>0</v>
      </c>
      <c r="AN77" s="92">
        <f t="shared" si="6"/>
        <v>0.72325375487582255</v>
      </c>
      <c r="AO77" s="92">
        <f t="shared" si="21"/>
        <v>7.2325375487582253</v>
      </c>
      <c r="AP77" s="92">
        <f t="shared" si="7"/>
        <v>13.92785138164721</v>
      </c>
      <c r="AQ77" s="92">
        <f t="shared" si="8"/>
        <v>25.395225292549352</v>
      </c>
      <c r="AR77" s="92">
        <f t="shared" si="9"/>
        <v>40.325375487582257</v>
      </c>
      <c r="AS77" s="92">
        <f t="shared" si="10"/>
        <v>61.255525682615158</v>
      </c>
      <c r="AT77" s="92">
        <f t="shared" si="11"/>
        <v>92.348363621439177</v>
      </c>
      <c r="AU77" s="92">
        <f t="shared" si="12"/>
        <v>141.9062766577797</v>
      </c>
      <c r="AV77" s="92">
        <f t="shared" si="13"/>
        <v>235.48717782797712</v>
      </c>
      <c r="AW77" s="92">
        <f t="shared" si="14"/>
        <v>398.60300390065805</v>
      </c>
      <c r="AX77" s="92">
        <f t="shared" si="15"/>
        <v>561.62687743791128</v>
      </c>
      <c r="AY77" s="92">
        <f t="shared" si="16"/>
        <v>6000</v>
      </c>
      <c r="AZ77" s="93">
        <v>0</v>
      </c>
      <c r="BA77" s="93">
        <f t="shared" si="36"/>
        <v>339.8705028867505</v>
      </c>
      <c r="BB77" s="93">
        <f t="shared" si="22"/>
        <v>1359.482011547002</v>
      </c>
      <c r="BC77" s="93">
        <f t="shared" si="23"/>
        <v>2039.2230173205025</v>
      </c>
      <c r="BD77" s="93">
        <f t="shared" si="24"/>
        <v>2718.964023094004</v>
      </c>
      <c r="BE77" s="93">
        <f t="shared" si="25"/>
        <v>3398.7050288675046</v>
      </c>
      <c r="BF77" s="93">
        <f t="shared" si="26"/>
        <v>4078.4460346410051</v>
      </c>
      <c r="BG77" s="93">
        <f t="shared" si="27"/>
        <v>4758.1870404145056</v>
      </c>
      <c r="BH77" s="93">
        <f t="shared" si="28"/>
        <v>5437.928046188008</v>
      </c>
      <c r="BI77" s="93">
        <f t="shared" si="29"/>
        <v>6117.6690519615086</v>
      </c>
      <c r="BJ77" s="93">
        <f t="shared" si="30"/>
        <v>6627.4748062916333</v>
      </c>
      <c r="BK77" s="93">
        <f t="shared" si="31"/>
        <v>6797.4100577350091</v>
      </c>
      <c r="BL77" s="93">
        <f t="shared" si="31"/>
        <v>6797.4100577350091</v>
      </c>
    </row>
    <row r="78" spans="2:67" x14ac:dyDescent="0.2">
      <c r="B78" s="79">
        <f t="shared" si="37"/>
        <v>-67.5</v>
      </c>
      <c r="C78" s="73">
        <f t="shared" si="20"/>
        <v>52</v>
      </c>
      <c r="D78" s="64">
        <f>INDEX('CPT Data'!$C$13:$C$20000,MATCH($C78,'CPT Data'!$B$13:$B$20000,1))</f>
        <v>51.993000000000002</v>
      </c>
      <c r="E78" s="55" t="str">
        <f>INDEX('CPT Data'!$P$13:$P$20000,MATCH($C78,'CPT Data'!$B$13:$B$20000,1))</f>
        <v>CLAY</v>
      </c>
      <c r="F78" s="76">
        <f>INDEX('CPT Data'!$Q$13:$Q$20000,MATCH($C78,'CPT Data'!$B$13:$B$20000,1))</f>
        <v>252.59377092582676</v>
      </c>
      <c r="G78" s="76">
        <f>INDEX('CPT Data'!$I$13:$I$20000,MATCH(C78,'CPT Data'!$B$13:$B$20000,1))</f>
        <v>19.568687109612426</v>
      </c>
      <c r="H78" s="76">
        <f>INDEX('CPT Data'!$J$13:$J$20000,MATCH($C78,'CPT Data'!$B$13:$B$20000,1))</f>
        <v>9.5686871096124264</v>
      </c>
      <c r="I78" s="76">
        <f>INDEX('CPT Data'!$L$13:$L$20000,MATCH(C78,'CPT Data'!$B$13:$B$20000,1))</f>
        <v>497.57172969984617</v>
      </c>
      <c r="J78" s="226">
        <f>INDEX('CPT Data'!$R$13:$R$20000,MATCH(C78,'CPT Data'!$B$13:$B$20000,1))</f>
        <v>35</v>
      </c>
      <c r="K78" s="76">
        <f>INDEX('CPT Data'!$S$13:$S$20000,MATCH($C78,'CPT Data'!$B$13:$B$20000,1))</f>
        <v>2.3926283272339828</v>
      </c>
      <c r="L78" s="55">
        <f>VLOOKUP($C78, 'Pile Property'!$A$8:$D$108,2,TRUE)</f>
        <v>2</v>
      </c>
      <c r="M78" s="234">
        <f>IF($E78="CLAY",ABS($F78-'CPT Data'!$Q$3787)/$D78,#N/A)</f>
        <v>4.820778534801085</v>
      </c>
      <c r="N78" s="65">
        <f t="shared" si="32"/>
        <v>1.1479656715589646</v>
      </c>
      <c r="O78" s="76">
        <f t="shared" si="38"/>
        <v>16.662163527155652</v>
      </c>
      <c r="P78" s="76">
        <f t="shared" si="39"/>
        <v>0.50765297915579077</v>
      </c>
      <c r="Q78" s="65">
        <f t="shared" si="18"/>
        <v>0.70175664668795212</v>
      </c>
      <c r="R78" s="76">
        <f t="shared" si="19"/>
        <v>11.105269940063856</v>
      </c>
      <c r="S78" s="76">
        <f t="shared" si="33"/>
        <v>11.105269940063856</v>
      </c>
      <c r="T78" s="76"/>
      <c r="U78" s="76"/>
      <c r="V78" s="76">
        <f t="shared" si="40"/>
        <v>11.105269940063856</v>
      </c>
      <c r="W78" s="76">
        <f t="shared" si="34"/>
        <v>11.105269940063856</v>
      </c>
      <c r="X78" s="76">
        <f t="shared" si="41"/>
        <v>11.105269940063856</v>
      </c>
      <c r="Y78" s="76">
        <f t="shared" si="42"/>
        <v>2805.1220113099594</v>
      </c>
      <c r="Z78" s="76">
        <f t="shared" si="35"/>
        <v>5610.2440226199187</v>
      </c>
      <c r="AA78" s="85" cm="1">
        <f t="array" ref="AA78">IF(J78&gt;30,IF(K78&lt;=2,$AB$10,IF(AND(K78&gt;2,K78&lt;=4),TREND($AB$10:$AC$10,$AB$3:$AC$3,K78,TRUE),IF(AND(K78&gt;4,K78&lt;10),TREND($AC$10:$AD$10,$AC$3:$AD$3,K78,TRUE),IF(K78&gt;=10,$AD$10,1)))),IF(K78&lt;=2,$AE$10,IF(AND(K78&gt;2,K78&lt;=4),TREND($AE$10:$AF$10,$AE$3:$AF$3,K78,TRUE),IF(AND(K78&gt;4,K78&lt;10),TREND($AF$10:$AG$10,$AF$3:$AG$3,K78,TRUE),IF(K78&gt;=10,$AG$10,1)))))</f>
        <v>3.1963141636169915E-4</v>
      </c>
      <c r="AB78" s="85" cm="1">
        <f t="array" ref="AB78">IF(J78&gt;30,IF(K78&lt;=2,$AB$11,IF(AND(K78&gt;2,K78&lt;=4),TREND($AB$11:$AC$11,$AB$3:$AC$3,K78,TRUE),IF(AND(K78&gt;4,K78&lt;10),TREND($AC$11:$AD$11,$AC$3:$AD$3,K78,TRUE),IF(K78&gt;=10,$AD$11,1)))),IF(K78&lt;=2,$AE$11,IF(AND(K78&gt;2,K78&lt;=4),TREND($AE$11:$AF$11,$AE$3:$AF$3,K78,TRUE),IF(AND(K78&gt;4,K78&lt;10),TREND($AF$11:$AG$11,$AF$3:$AG$3,K78,TRUE),IF(K78&gt;=10,$AG$11,1)))))</f>
        <v>3.1963141636169915E-3</v>
      </c>
      <c r="AC78" s="85" cm="1">
        <f t="array" ref="AC78">IF(J78&gt;30,IF(K78&lt;=2,$AB$12,IF(AND(K78&gt;2,K78&lt;=4),TREND($AB$12:$AC$12,$AB$3:$AC$3,K78,TRUE),IF(AND(K78&gt;4,K78&lt;10),TREND($AC$12:$AD$12,$AC$3:$AD$3,K78,TRUE),IF(K78&gt;=10,$AD$12,1)))),IF(K78&lt;=2,$AE$12,IF(AND(K78&gt;2,K78&lt;=4),TREND($AE$12:$AF$12,$AE$3:$AF$3,K78,TRUE),IF(AND(K78&gt;4,K78&lt;10),TREND($AF$12:$AG$12,$AF$3:$AG$3,K78,TRUE),IF(K78&gt;=10,$AG$12,1)))))</f>
        <v>5.8300482417658773E-3</v>
      </c>
      <c r="AD78" s="85" cm="1">
        <f t="array" ref="AD78">IF(J78&gt;30,IF(K78&lt;=2,$AB$13,IF(AND(K78&gt;2,K78&lt;=4),TREND($AB$13:$AC$13,$AB$3:$AC$3,K78,TRUE),IF(AND(K78&gt;4,K78&lt;10),TREND($AC$13:$AD$13,$AC$3:$AD$3,K78,TRUE),IF(K78&gt;=10,$AD$13,1)))),IF(K78&lt;=2,$AE$13,IF(AND(K78&gt;2,K78&lt;=4),TREND($AE$13:$AF$13,$AE$3:$AF$3,K78,TRUE),IF(AND(K78&gt;4,K78&lt;10),TREND($AF$13:$AG$13,$AF$3:$AG$3,K78,TRUE),IF(K78&gt;=10,$AG$13,1)))))</f>
        <v>1.0177884981701947E-2</v>
      </c>
      <c r="AE78" s="85" cm="1">
        <f t="array" ref="AE78">IF(J78&gt;30,IF(K78&lt;=2,$AB$14,IF(AND(K78&gt;2,K78&lt;=4),TREND($AB$14:$AC$14,$AB$3:$AC$3,K78,TRUE),IF(AND(K78&gt;4,K78&lt;10),TREND($AC$14:$AD$14,$AC$3:$AD$3,K78,TRUE),IF(K78&gt;=10,$AD$14,1)))),IF(K78&lt;=2,$AE$14,IF(AND(K78&gt;2,K78&lt;=4),TREND($AE$14:$AF$14,$AE$3:$AF$3,K78,TRUE),IF(AND(K78&gt;4,K78&lt;10),TREND($AF$14:$AG$14,$AF$3:$AG$3,K78,TRUE),IF(K78&gt;=10,$AG$14,1)))))</f>
        <v>1.5963141636169915E-2</v>
      </c>
      <c r="AF78" s="85" cm="1">
        <f t="array" ref="AF78">IF(J78&gt;30,IF(K78&lt;=2,$AB$15,IF(AND(K78&gt;2,K78&lt;=4),TREND($AB$15:$AC$15,$AB$3:$AC$3,K78,TRUE),IF(AND(K78&gt;4,K78&lt;10),TREND($AC$15:$AD$15,$AC$3:$AD$3,K78,TRUE),IF(K78&gt;=10,$AD$15,1)))),IF(K78&lt;=2,$AE$15,IF(AND(K78&gt;2,K78&lt;=4),TREND($AE$15:$AF$15,$AE$3:$AF$3,K78,TRUE),IF(AND(K78&gt;4,K78&lt;10),TREND($AF$15:$AG$15,$AF$3:$AG$3,K78,TRUE),IF(K78&gt;=10,$AG$15,1)))))</f>
        <v>2.4748398290637876E-2</v>
      </c>
      <c r="AG78" s="86" cm="1">
        <f t="array" ref="AG78">IF(J78&gt;30,IF(K78&lt;=2,$AB$16,IF(AND(K78&gt;2,K78&lt;=4),TREND($AB$16:$AC$16,$AB$3:$AC$3,K78,TRUE),IF(AND(K78&gt;4,K78&lt;10),TREND($AC$16:$AD$16,$AC$3:$AD$3,K78,TRUE),IF(K78&gt;=10,$AD$16,1)))),IF(K78&lt;=2,$AE$16,IF(AND(K78&gt;2,K78&lt;=4),TREND($AE$16:$AF$16,$AE$3:$AF$3,K78,TRUE),IF(AND(K78&gt;4,K78&lt;10),TREND($AF$16:$AG$16,$AF$3:$AG$3,K78,TRUE),IF(K78&gt;=10,$AG$16,1)))))</f>
        <v>3.6515225763190801E-2</v>
      </c>
      <c r="AH78" s="85" cm="1">
        <f t="array" ref="AH78">IF(J78&gt;30,IF(K78&lt;=2,$AB$17,IF(AND(K78&gt;2,K78&lt;=4),TREND($AB$17:$AC$17,$AB$3:$AC$3,K78,TRUE),IF(AND(K78&gt;4,K78&lt;10),TREND($AC$17:$AD$17,$AC$3:$AD$3,K78,TRUE),IF(K78&gt;=10,$AD$17,1)))),IF(K78&lt;=2,$AE$17,IF(AND(K78&gt;2,K78&lt;=4),TREND($AE$17:$AF$17,$AE$3:$AF$3,K78,TRUE),IF(AND(K78&gt;4,K78&lt;10),TREND($AF$17:$AG$17,$AF$3:$AG$3,K78,TRUE),IF(K78&gt;=10,$AG$17,1)))))</f>
        <v>5.6674681562977704E-2</v>
      </c>
      <c r="AI78" s="85" cm="1">
        <f t="array" ref="AI78">IF(J78&gt;30,IF(K78&lt;=2,$AB$18,IF(AND(K78&gt;2,K78&lt;=4),TREND($AB$18:$AC$18,$AB$3:$AC$3,K78,TRUE),IF(AND(K78&gt;4,K78&lt;10),TREND($AC$18:$AD$18,$AC$3:$AD$3,K78,TRUE),IF(K78&gt;=10,$AD$18,1)))),IF(K78&lt;=2,$AE$18,IF(AND(K78&gt;2,K78&lt;=4),TREND($AE$18:$AF$18,$AE$3:$AF$3,K78,TRUE),IF(AND(K78&gt;4,K78&lt;10),TREND($AF$18:$AG$18,$AF$3:$AG$3,K78,TRUE),IF(K78&gt;=10,$AG$18,1)))))</f>
        <v>9.3386221489785509E-2</v>
      </c>
      <c r="AJ78" s="85" cm="1">
        <f t="array" ref="AJ78">IF(J78&gt;30,IF(K78&lt;=2,$AB$19,IF(AND(K78&gt;2,K78&lt;=4),TREND($AB$19:$AC$19,$AB$3:$AC$3,K78,TRUE),IF(AND(K78&gt;4,K78&lt;10),TREND($AC$19:$AD$19,$AC$3:$AD$3,K78,TRUE),IF(K78&gt;=10,$AD$19,1)))),IF(K78&lt;=2,$AE$19,IF(AND(K78&gt;2,K78&lt;=4),TREND($AE$19:$AF$19,$AE$3:$AF$3,K78,TRUE),IF(AND(K78&gt;4,K78&lt;10),TREND($AF$19:$AG$19,$AF$3:$AG$3,K78,TRUE),IF(K78&gt;=10,$AG$19,1)))))</f>
        <v>0.1657051330893593</v>
      </c>
      <c r="AK78" s="85" cm="1">
        <f t="array" ref="AK78">IF(J78&gt;30,IF(K78&lt;=2,$AB$20,IF(AND(K78&gt;2,K78&lt;=4),TREND($AB$20:$AC$20,$AB$3:$AC$3,K78,TRUE),IF(AND(K78&gt;4,K78&lt;10),TREND($AC$20:$AD$20,$AC$3:$AD$3,K78,TRUE),IF(K78&gt;=10,$AD$20,1)))),IF(K78&lt;=2,$AE$20,IF(AND(K78&gt;2,K78&lt;=4),TREND($AE$20:$AF$20,$AE$3:$AF$3,K78,TRUE),IF(AND(K78&gt;4,K78&lt;10),TREND($AF$20:$AG$20,$AF$3:$AG$3,K78,TRUE),IF(K78&gt;=10,$AG$20,1)))))</f>
        <v>0.25981570818084959</v>
      </c>
      <c r="AL78" s="85">
        <v>3</v>
      </c>
      <c r="AM78" s="92">
        <v>0</v>
      </c>
      <c r="AN78" s="92">
        <f t="shared" si="6"/>
        <v>0.63926283272339834</v>
      </c>
      <c r="AO78" s="92">
        <f t="shared" si="21"/>
        <v>6.3926283272339832</v>
      </c>
      <c r="AP78" s="92">
        <f t="shared" si="7"/>
        <v>11.660096483531754</v>
      </c>
      <c r="AQ78" s="92">
        <f t="shared" si="8"/>
        <v>20.355769963403894</v>
      </c>
      <c r="AR78" s="92">
        <f t="shared" si="9"/>
        <v>31.92628327233983</v>
      </c>
      <c r="AS78" s="92">
        <f t="shared" si="10"/>
        <v>49.496796581275753</v>
      </c>
      <c r="AT78" s="92">
        <f t="shared" si="11"/>
        <v>73.030451526381597</v>
      </c>
      <c r="AU78" s="92">
        <f t="shared" si="12"/>
        <v>113.34936312595541</v>
      </c>
      <c r="AV78" s="92">
        <f t="shared" si="13"/>
        <v>186.77244297957103</v>
      </c>
      <c r="AW78" s="92">
        <f t="shared" si="14"/>
        <v>331.41026617871859</v>
      </c>
      <c r="AX78" s="92">
        <f t="shared" si="15"/>
        <v>519.63141636169917</v>
      </c>
      <c r="AY78" s="92">
        <f t="shared" si="16"/>
        <v>6000</v>
      </c>
      <c r="AZ78" s="93">
        <v>0</v>
      </c>
      <c r="BA78" s="93">
        <f t="shared" si="36"/>
        <v>280.51220113099595</v>
      </c>
      <c r="BB78" s="93">
        <f t="shared" si="22"/>
        <v>1122.0488045239838</v>
      </c>
      <c r="BC78" s="93">
        <f t="shared" si="23"/>
        <v>1683.0732067859756</v>
      </c>
      <c r="BD78" s="93">
        <f t="shared" si="24"/>
        <v>2244.0976090479676</v>
      </c>
      <c r="BE78" s="93">
        <f t="shared" si="25"/>
        <v>2805.1220113099594</v>
      </c>
      <c r="BF78" s="93">
        <f t="shared" si="26"/>
        <v>3366.1464135719511</v>
      </c>
      <c r="BG78" s="93">
        <f t="shared" si="27"/>
        <v>3927.1708158339429</v>
      </c>
      <c r="BH78" s="93">
        <f t="shared" si="28"/>
        <v>4488.1952180959352</v>
      </c>
      <c r="BI78" s="93">
        <f t="shared" si="29"/>
        <v>5049.2196203579269</v>
      </c>
      <c r="BJ78" s="93">
        <f t="shared" si="30"/>
        <v>5469.9879220544208</v>
      </c>
      <c r="BK78" s="93">
        <f t="shared" si="31"/>
        <v>5610.2440226199187</v>
      </c>
      <c r="BL78" s="93">
        <f t="shared" si="31"/>
        <v>5610.2440226199187</v>
      </c>
      <c r="BO78" s="59"/>
    </row>
    <row r="79" spans="2:67" x14ac:dyDescent="0.2">
      <c r="B79" s="79">
        <f t="shared" si="37"/>
        <v>-68.5</v>
      </c>
      <c r="C79" s="73">
        <f t="shared" si="20"/>
        <v>53</v>
      </c>
      <c r="D79" s="64">
        <f>INDEX('CPT Data'!$C$13:$C$20000,MATCH($C79,'CPT Data'!$B$13:$B$20000,1))</f>
        <v>52.988</v>
      </c>
      <c r="E79" s="55" t="str">
        <f>INDEX('CPT Data'!$P$13:$P$20000,MATCH($C79,'CPT Data'!$B$13:$B$20000,1))</f>
        <v>SAND</v>
      </c>
      <c r="F79" s="76" t="e">
        <f>INDEX('CPT Data'!$Q$13:$Q$20000,MATCH($C79,'CPT Data'!$B$13:$B$20000,1))</f>
        <v>#N/A</v>
      </c>
      <c r="G79" s="76">
        <f>INDEX('CPT Data'!$I$13:$I$20000,MATCH(C79,'CPT Data'!$B$13:$B$20000,1))</f>
        <v>19.170274173768423</v>
      </c>
      <c r="H79" s="76">
        <f>INDEX('CPT Data'!$J$13:$J$20000,MATCH($C79,'CPT Data'!$B$13:$B$20000,1))</f>
        <v>9.1702741737684228</v>
      </c>
      <c r="I79" s="76">
        <f>INDEX('CPT Data'!$L$13:$L$20000,MATCH(C79,'CPT Data'!$B$13:$B$20000,1))</f>
        <v>485.97867983885754</v>
      </c>
      <c r="J79" s="226">
        <f>INDEX('CPT Data'!$R$13:$R$20000,MATCH(C79,'CPT Data'!$B$13:$B$20000,1))</f>
        <v>35</v>
      </c>
      <c r="K79" s="76" t="e">
        <f>INDEX('CPT Data'!$S$13:$S$20000,MATCH($C79,'CPT Data'!$B$13:$B$20000,1))</f>
        <v>#N/A</v>
      </c>
      <c r="L79" s="55">
        <f>VLOOKUP($C79, 'Pile Property'!$A$8:$D$108,2,TRUE)</f>
        <v>2</v>
      </c>
      <c r="M79" s="234" t="e">
        <f>IF($E79="CLAY",ABS($F79-'CPT Data'!$Q$3787)/$D79,#N/A)</f>
        <v>#N/A</v>
      </c>
      <c r="N79" s="65" t="e">
        <f t="shared" si="32"/>
        <v>#N/A</v>
      </c>
      <c r="O79" s="76" t="e">
        <f t="shared" si="38"/>
        <v>#N/A</v>
      </c>
      <c r="P79" s="76" t="e">
        <f t="shared" si="39"/>
        <v>#N/A</v>
      </c>
      <c r="Q79" s="65" t="e">
        <f t="shared" si="18"/>
        <v>#N/A</v>
      </c>
      <c r="R79" s="76" t="e">
        <f t="shared" si="19"/>
        <v>#N/A</v>
      </c>
      <c r="S79" s="76" t="e">
        <f t="shared" si="33"/>
        <v>#N/A</v>
      </c>
      <c r="T79" s="76"/>
      <c r="U79" s="76"/>
      <c r="V79" s="76" t="e">
        <f t="shared" si="40"/>
        <v>#N/A</v>
      </c>
      <c r="W79" s="76" t="e">
        <f t="shared" si="34"/>
        <v>#N/A</v>
      </c>
      <c r="X79" s="76" t="e">
        <f t="shared" si="41"/>
        <v>#N/A</v>
      </c>
      <c r="Y79" s="76" t="e">
        <f t="shared" si="42"/>
        <v>#N/A</v>
      </c>
      <c r="Z79" s="76" t="e">
        <f t="shared" si="35"/>
        <v>#N/A</v>
      </c>
      <c r="AA79" s="85" t="e" cm="1">
        <f t="array" ref="AA79">IF(J79&gt;30,IF(K79&lt;=2,$AB$10,IF(AND(K79&gt;2,K79&lt;=4),TREND($AB$10:$AC$10,$AB$3:$AC$3,K79,TRUE),IF(AND(K79&gt;4,K79&lt;10),TREND($AC$10:$AD$10,$AC$3:$AD$3,K79,TRUE),IF(K79&gt;=10,$AD$10,1)))),IF(K79&lt;=2,$AE$10,IF(AND(K79&gt;2,K79&lt;=4),TREND($AE$10:$AF$10,$AE$3:$AF$3,K79,TRUE),IF(AND(K79&gt;4,K79&lt;10),TREND($AF$10:$AG$10,$AF$3:$AG$3,K79,TRUE),IF(K79&gt;=10,$AG$10,1)))))</f>
        <v>#N/A</v>
      </c>
      <c r="AB79" s="85" t="e" cm="1">
        <f t="array" ref="AB79">IF(J79&gt;30,IF(K79&lt;=2,$AB$11,IF(AND(K79&gt;2,K79&lt;=4),TREND($AB$11:$AC$11,$AB$3:$AC$3,K79,TRUE),IF(AND(K79&gt;4,K79&lt;10),TREND($AC$11:$AD$11,$AC$3:$AD$3,K79,TRUE),IF(K79&gt;=10,$AD$11,1)))),IF(K79&lt;=2,$AE$11,IF(AND(K79&gt;2,K79&lt;=4),TREND($AE$11:$AF$11,$AE$3:$AF$3,K79,TRUE),IF(AND(K79&gt;4,K79&lt;10),TREND($AF$11:$AG$11,$AF$3:$AG$3,K79,TRUE),IF(K79&gt;=10,$AG$11,1)))))</f>
        <v>#N/A</v>
      </c>
      <c r="AC79" s="85" t="e" cm="1">
        <f t="array" ref="AC79">IF(J79&gt;30,IF(K79&lt;=2,$AB$12,IF(AND(K79&gt;2,K79&lt;=4),TREND($AB$12:$AC$12,$AB$3:$AC$3,K79,TRUE),IF(AND(K79&gt;4,K79&lt;10),TREND($AC$12:$AD$12,$AC$3:$AD$3,K79,TRUE),IF(K79&gt;=10,$AD$12,1)))),IF(K79&lt;=2,$AE$12,IF(AND(K79&gt;2,K79&lt;=4),TREND($AE$12:$AF$12,$AE$3:$AF$3,K79,TRUE),IF(AND(K79&gt;4,K79&lt;10),TREND($AF$12:$AG$12,$AF$3:$AG$3,K79,TRUE),IF(K79&gt;=10,$AG$12,1)))))</f>
        <v>#N/A</v>
      </c>
      <c r="AD79" s="85" t="e" cm="1">
        <f t="array" ref="AD79">IF(J79&gt;30,IF(K79&lt;=2,$AB$13,IF(AND(K79&gt;2,K79&lt;=4),TREND($AB$13:$AC$13,$AB$3:$AC$3,K79,TRUE),IF(AND(K79&gt;4,K79&lt;10),TREND($AC$13:$AD$13,$AC$3:$AD$3,K79,TRUE),IF(K79&gt;=10,$AD$13,1)))),IF(K79&lt;=2,$AE$13,IF(AND(K79&gt;2,K79&lt;=4),TREND($AE$13:$AF$13,$AE$3:$AF$3,K79,TRUE),IF(AND(K79&gt;4,K79&lt;10),TREND($AF$13:$AG$13,$AF$3:$AG$3,K79,TRUE),IF(K79&gt;=10,$AG$13,1)))))</f>
        <v>#N/A</v>
      </c>
      <c r="AE79" s="85" t="e" cm="1">
        <f t="array" ref="AE79">IF(J79&gt;30,IF(K79&lt;=2,$AB$14,IF(AND(K79&gt;2,K79&lt;=4),TREND($AB$14:$AC$14,$AB$3:$AC$3,K79,TRUE),IF(AND(K79&gt;4,K79&lt;10),TREND($AC$14:$AD$14,$AC$3:$AD$3,K79,TRUE),IF(K79&gt;=10,$AD$14,1)))),IF(K79&lt;=2,$AE$14,IF(AND(K79&gt;2,K79&lt;=4),TREND($AE$14:$AF$14,$AE$3:$AF$3,K79,TRUE),IF(AND(K79&gt;4,K79&lt;10),TREND($AF$14:$AG$14,$AF$3:$AG$3,K79,TRUE),IF(K79&gt;=10,$AG$14,1)))))</f>
        <v>#N/A</v>
      </c>
      <c r="AF79" s="85" t="e" cm="1">
        <f t="array" ref="AF79">IF(J79&gt;30,IF(K79&lt;=2,$AB$15,IF(AND(K79&gt;2,K79&lt;=4),TREND($AB$15:$AC$15,$AB$3:$AC$3,K79,TRUE),IF(AND(K79&gt;4,K79&lt;10),TREND($AC$15:$AD$15,$AC$3:$AD$3,K79,TRUE),IF(K79&gt;=10,$AD$15,1)))),IF(K79&lt;=2,$AE$15,IF(AND(K79&gt;2,K79&lt;=4),TREND($AE$15:$AF$15,$AE$3:$AF$3,K79,TRUE),IF(AND(K79&gt;4,K79&lt;10),TREND($AF$15:$AG$15,$AF$3:$AG$3,K79,TRUE),IF(K79&gt;=10,$AG$15,1)))))</f>
        <v>#N/A</v>
      </c>
      <c r="AG79" s="86" t="e" cm="1">
        <f t="array" ref="AG79">IF(J79&gt;30,IF(K79&lt;=2,$AB$16,IF(AND(K79&gt;2,K79&lt;=4),TREND($AB$16:$AC$16,$AB$3:$AC$3,K79,TRUE),IF(AND(K79&gt;4,K79&lt;10),TREND($AC$16:$AD$16,$AC$3:$AD$3,K79,TRUE),IF(K79&gt;=10,$AD$16,1)))),IF(K79&lt;=2,$AE$16,IF(AND(K79&gt;2,K79&lt;=4),TREND($AE$16:$AF$16,$AE$3:$AF$3,K79,TRUE),IF(AND(K79&gt;4,K79&lt;10),TREND($AF$16:$AG$16,$AF$3:$AG$3,K79,TRUE),IF(K79&gt;=10,$AG$16,1)))))</f>
        <v>#N/A</v>
      </c>
      <c r="AH79" s="85" t="e" cm="1">
        <f t="array" ref="AH79">IF(J79&gt;30,IF(K79&lt;=2,$AB$17,IF(AND(K79&gt;2,K79&lt;=4),TREND($AB$17:$AC$17,$AB$3:$AC$3,K79,TRUE),IF(AND(K79&gt;4,K79&lt;10),TREND($AC$17:$AD$17,$AC$3:$AD$3,K79,TRUE),IF(K79&gt;=10,$AD$17,1)))),IF(K79&lt;=2,$AE$17,IF(AND(K79&gt;2,K79&lt;=4),TREND($AE$17:$AF$17,$AE$3:$AF$3,K79,TRUE),IF(AND(K79&gt;4,K79&lt;10),TREND($AF$17:$AG$17,$AF$3:$AG$3,K79,TRUE),IF(K79&gt;=10,$AG$17,1)))))</f>
        <v>#N/A</v>
      </c>
      <c r="AI79" s="85" t="e" cm="1">
        <f t="array" ref="AI79">IF(J79&gt;30,IF(K79&lt;=2,$AB$18,IF(AND(K79&gt;2,K79&lt;=4),TREND($AB$18:$AC$18,$AB$3:$AC$3,K79,TRUE),IF(AND(K79&gt;4,K79&lt;10),TREND($AC$18:$AD$18,$AC$3:$AD$3,K79,TRUE),IF(K79&gt;=10,$AD$18,1)))),IF(K79&lt;=2,$AE$18,IF(AND(K79&gt;2,K79&lt;=4),TREND($AE$18:$AF$18,$AE$3:$AF$3,K79,TRUE),IF(AND(K79&gt;4,K79&lt;10),TREND($AF$18:$AG$18,$AF$3:$AG$3,K79,TRUE),IF(K79&gt;=10,$AG$18,1)))))</f>
        <v>#N/A</v>
      </c>
      <c r="AJ79" s="85" t="e" cm="1">
        <f t="array" ref="AJ79">IF(J79&gt;30,IF(K79&lt;=2,$AB$19,IF(AND(K79&gt;2,K79&lt;=4),TREND($AB$19:$AC$19,$AB$3:$AC$3,K79,TRUE),IF(AND(K79&gt;4,K79&lt;10),TREND($AC$19:$AD$19,$AC$3:$AD$3,K79,TRUE),IF(K79&gt;=10,$AD$19,1)))),IF(K79&lt;=2,$AE$19,IF(AND(K79&gt;2,K79&lt;=4),TREND($AE$19:$AF$19,$AE$3:$AF$3,K79,TRUE),IF(AND(K79&gt;4,K79&lt;10),TREND($AF$19:$AG$19,$AF$3:$AG$3,K79,TRUE),IF(K79&gt;=10,$AG$19,1)))))</f>
        <v>#N/A</v>
      </c>
      <c r="AK79" s="85" t="e" cm="1">
        <f t="array" ref="AK79">IF(J79&gt;30,IF(K79&lt;=2,$AB$20,IF(AND(K79&gt;2,K79&lt;=4),TREND($AB$20:$AC$20,$AB$3:$AC$3,K79,TRUE),IF(AND(K79&gt;4,K79&lt;10),TREND($AC$20:$AD$20,$AC$3:$AD$3,K79,TRUE),IF(K79&gt;=10,$AD$20,1)))),IF(K79&lt;=2,$AE$20,IF(AND(K79&gt;2,K79&lt;=4),TREND($AE$20:$AF$20,$AE$3:$AF$3,K79,TRUE),IF(AND(K79&gt;4,K79&lt;10),TREND($AF$20:$AG$20,$AF$3:$AG$3,K79,TRUE),IF(K79&gt;=10,$AG$20,1)))))</f>
        <v>#N/A</v>
      </c>
      <c r="AL79" s="85">
        <v>3</v>
      </c>
      <c r="AM79" s="92">
        <v>0</v>
      </c>
      <c r="AN79" s="92" t="e">
        <f t="shared" si="6"/>
        <v>#N/A</v>
      </c>
      <c r="AO79" s="92" t="e">
        <f t="shared" si="21"/>
        <v>#N/A</v>
      </c>
      <c r="AP79" s="92" t="e">
        <f t="shared" si="7"/>
        <v>#N/A</v>
      </c>
      <c r="AQ79" s="92" t="e">
        <f t="shared" si="8"/>
        <v>#N/A</v>
      </c>
      <c r="AR79" s="92" t="e">
        <f t="shared" si="9"/>
        <v>#N/A</v>
      </c>
      <c r="AS79" s="92" t="e">
        <f t="shared" si="10"/>
        <v>#N/A</v>
      </c>
      <c r="AT79" s="92" t="e">
        <f t="shared" si="11"/>
        <v>#N/A</v>
      </c>
      <c r="AU79" s="92" t="e">
        <f t="shared" si="12"/>
        <v>#N/A</v>
      </c>
      <c r="AV79" s="92" t="e">
        <f t="shared" si="13"/>
        <v>#N/A</v>
      </c>
      <c r="AW79" s="92" t="e">
        <f t="shared" si="14"/>
        <v>#N/A</v>
      </c>
      <c r="AX79" s="92" t="e">
        <f t="shared" si="15"/>
        <v>#N/A</v>
      </c>
      <c r="AY79" s="92">
        <f t="shared" si="16"/>
        <v>6000</v>
      </c>
      <c r="AZ79" s="93">
        <v>0</v>
      </c>
      <c r="BA79" s="93" t="e">
        <f t="shared" si="36"/>
        <v>#N/A</v>
      </c>
      <c r="BB79" s="93" t="e">
        <f t="shared" si="22"/>
        <v>#N/A</v>
      </c>
      <c r="BC79" s="93" t="e">
        <f t="shared" si="23"/>
        <v>#N/A</v>
      </c>
      <c r="BD79" s="93" t="e">
        <f t="shared" si="24"/>
        <v>#N/A</v>
      </c>
      <c r="BE79" s="93" t="e">
        <f t="shared" si="25"/>
        <v>#N/A</v>
      </c>
      <c r="BF79" s="93" t="e">
        <f t="shared" si="26"/>
        <v>#N/A</v>
      </c>
      <c r="BG79" s="93" t="e">
        <f t="shared" si="27"/>
        <v>#N/A</v>
      </c>
      <c r="BH79" s="93" t="e">
        <f t="shared" si="28"/>
        <v>#N/A</v>
      </c>
      <c r="BI79" s="93" t="e">
        <f t="shared" si="29"/>
        <v>#N/A</v>
      </c>
      <c r="BJ79" s="93" t="e">
        <f t="shared" si="30"/>
        <v>#N/A</v>
      </c>
      <c r="BK79" s="93" t="e">
        <f t="shared" si="31"/>
        <v>#N/A</v>
      </c>
      <c r="BL79" s="93" t="e">
        <f t="shared" si="31"/>
        <v>#N/A</v>
      </c>
    </row>
    <row r="80" spans="2:67" x14ac:dyDescent="0.2">
      <c r="B80" s="79">
        <f t="shared" si="37"/>
        <v>-69.5</v>
      </c>
      <c r="C80" s="73">
        <f t="shared" si="20"/>
        <v>54</v>
      </c>
      <c r="D80" s="64">
        <f>INDEX('CPT Data'!$C$13:$C$20000,MATCH($C80,'CPT Data'!$B$13:$B$20000,1))</f>
        <v>53.992000000000004</v>
      </c>
      <c r="E80" s="55" t="str">
        <f>INDEX('CPT Data'!$P$13:$P$20000,MATCH($C80,'CPT Data'!$B$13:$B$20000,1))</f>
        <v>SAND</v>
      </c>
      <c r="F80" s="76" t="e">
        <f>INDEX('CPT Data'!$Q$13:$Q$20000,MATCH($C80,'CPT Data'!$B$13:$B$20000,1))</f>
        <v>#N/A</v>
      </c>
      <c r="G80" s="76">
        <f>INDEX('CPT Data'!$I$13:$I$20000,MATCH(C80,'CPT Data'!$B$13:$B$20000,1))</f>
        <v>19.436689293402868</v>
      </c>
      <c r="H80" s="76">
        <f>INDEX('CPT Data'!$J$13:$J$20000,MATCH($C80,'CPT Data'!$B$13:$B$20000,1))</f>
        <v>9.4366892934028677</v>
      </c>
      <c r="I80" s="76">
        <f>INDEX('CPT Data'!$L$13:$L$20000,MATCH(C80,'CPT Data'!$B$13:$B$20000,1))</f>
        <v>509.57178515446145</v>
      </c>
      <c r="J80" s="226">
        <f>INDEX('CPT Data'!$R$13:$R$20000,MATCH(C80,'CPT Data'!$B$13:$B$20000,1))</f>
        <v>35</v>
      </c>
      <c r="K80" s="76" t="e">
        <f>INDEX('CPT Data'!$S$13:$S$20000,MATCH($C80,'CPT Data'!$B$13:$B$20000,1))</f>
        <v>#N/A</v>
      </c>
      <c r="L80" s="55">
        <f>VLOOKUP($C80, 'Pile Property'!$A$8:$D$108,2,TRUE)</f>
        <v>2</v>
      </c>
      <c r="M80" s="234" t="e">
        <f>IF($E80="CLAY",ABS($F80-'CPT Data'!$Q$3787)/$D80,#N/A)</f>
        <v>#N/A</v>
      </c>
      <c r="N80" s="65" t="e">
        <f t="shared" si="32"/>
        <v>#N/A</v>
      </c>
      <c r="O80" s="76" t="e">
        <f t="shared" si="38"/>
        <v>#N/A</v>
      </c>
      <c r="P80" s="76" t="e">
        <f t="shared" si="39"/>
        <v>#N/A</v>
      </c>
      <c r="Q80" s="65" t="e">
        <f t="shared" si="18"/>
        <v>#N/A</v>
      </c>
      <c r="R80" s="76" t="e">
        <f t="shared" si="19"/>
        <v>#N/A</v>
      </c>
      <c r="S80" s="76" t="e">
        <f t="shared" si="33"/>
        <v>#N/A</v>
      </c>
      <c r="T80" s="76"/>
      <c r="U80" s="76"/>
      <c r="V80" s="76" t="e">
        <f t="shared" si="40"/>
        <v>#N/A</v>
      </c>
      <c r="W80" s="76" t="e">
        <f t="shared" si="34"/>
        <v>#N/A</v>
      </c>
      <c r="X80" s="76" t="e">
        <f t="shared" si="41"/>
        <v>#N/A</v>
      </c>
      <c r="Y80" s="76" t="e">
        <f t="shared" si="42"/>
        <v>#N/A</v>
      </c>
      <c r="Z80" s="76" t="e">
        <f t="shared" si="35"/>
        <v>#N/A</v>
      </c>
      <c r="AA80" s="85" t="e" cm="1">
        <f t="array" ref="AA80">IF(J80&gt;30,IF(K80&lt;=2,$AB$10,IF(AND(K80&gt;2,K80&lt;=4),TREND($AB$10:$AC$10,$AB$3:$AC$3,K80,TRUE),IF(AND(K80&gt;4,K80&lt;10),TREND($AC$10:$AD$10,$AC$3:$AD$3,K80,TRUE),IF(K80&gt;=10,$AD$10,1)))),IF(K80&lt;=2,$AE$10,IF(AND(K80&gt;2,K80&lt;=4),TREND($AE$10:$AF$10,$AE$3:$AF$3,K80,TRUE),IF(AND(K80&gt;4,K80&lt;10),TREND($AF$10:$AG$10,$AF$3:$AG$3,K80,TRUE),IF(K80&gt;=10,$AG$10,1)))))</f>
        <v>#N/A</v>
      </c>
      <c r="AB80" s="85" t="e" cm="1">
        <f t="array" ref="AB80">IF(J80&gt;30,IF(K80&lt;=2,$AB$11,IF(AND(K80&gt;2,K80&lt;=4),TREND($AB$11:$AC$11,$AB$3:$AC$3,K80,TRUE),IF(AND(K80&gt;4,K80&lt;10),TREND($AC$11:$AD$11,$AC$3:$AD$3,K80,TRUE),IF(K80&gt;=10,$AD$11,1)))),IF(K80&lt;=2,$AE$11,IF(AND(K80&gt;2,K80&lt;=4),TREND($AE$11:$AF$11,$AE$3:$AF$3,K80,TRUE),IF(AND(K80&gt;4,K80&lt;10),TREND($AF$11:$AG$11,$AF$3:$AG$3,K80,TRUE),IF(K80&gt;=10,$AG$11,1)))))</f>
        <v>#N/A</v>
      </c>
      <c r="AC80" s="85" t="e" cm="1">
        <f t="array" ref="AC80">IF(J80&gt;30,IF(K80&lt;=2,$AB$12,IF(AND(K80&gt;2,K80&lt;=4),TREND($AB$12:$AC$12,$AB$3:$AC$3,K80,TRUE),IF(AND(K80&gt;4,K80&lt;10),TREND($AC$12:$AD$12,$AC$3:$AD$3,K80,TRUE),IF(K80&gt;=10,$AD$12,1)))),IF(K80&lt;=2,$AE$12,IF(AND(K80&gt;2,K80&lt;=4),TREND($AE$12:$AF$12,$AE$3:$AF$3,K80,TRUE),IF(AND(K80&gt;4,K80&lt;10),TREND($AF$12:$AG$12,$AF$3:$AG$3,K80,TRUE),IF(K80&gt;=10,$AG$12,1)))))</f>
        <v>#N/A</v>
      </c>
      <c r="AD80" s="85" t="e" cm="1">
        <f t="array" ref="AD80">IF(J80&gt;30,IF(K80&lt;=2,$AB$13,IF(AND(K80&gt;2,K80&lt;=4),TREND($AB$13:$AC$13,$AB$3:$AC$3,K80,TRUE),IF(AND(K80&gt;4,K80&lt;10),TREND($AC$13:$AD$13,$AC$3:$AD$3,K80,TRUE),IF(K80&gt;=10,$AD$13,1)))),IF(K80&lt;=2,$AE$13,IF(AND(K80&gt;2,K80&lt;=4),TREND($AE$13:$AF$13,$AE$3:$AF$3,K80,TRUE),IF(AND(K80&gt;4,K80&lt;10),TREND($AF$13:$AG$13,$AF$3:$AG$3,K80,TRUE),IF(K80&gt;=10,$AG$13,1)))))</f>
        <v>#N/A</v>
      </c>
      <c r="AE80" s="85" t="e" cm="1">
        <f t="array" ref="AE80">IF(J80&gt;30,IF(K80&lt;=2,$AB$14,IF(AND(K80&gt;2,K80&lt;=4),TREND($AB$14:$AC$14,$AB$3:$AC$3,K80,TRUE),IF(AND(K80&gt;4,K80&lt;10),TREND($AC$14:$AD$14,$AC$3:$AD$3,K80,TRUE),IF(K80&gt;=10,$AD$14,1)))),IF(K80&lt;=2,$AE$14,IF(AND(K80&gt;2,K80&lt;=4),TREND($AE$14:$AF$14,$AE$3:$AF$3,K80,TRUE),IF(AND(K80&gt;4,K80&lt;10),TREND($AF$14:$AG$14,$AF$3:$AG$3,K80,TRUE),IF(K80&gt;=10,$AG$14,1)))))</f>
        <v>#N/A</v>
      </c>
      <c r="AF80" s="85" t="e" cm="1">
        <f t="array" ref="AF80">IF(J80&gt;30,IF(K80&lt;=2,$AB$15,IF(AND(K80&gt;2,K80&lt;=4),TREND($AB$15:$AC$15,$AB$3:$AC$3,K80,TRUE),IF(AND(K80&gt;4,K80&lt;10),TREND($AC$15:$AD$15,$AC$3:$AD$3,K80,TRUE),IF(K80&gt;=10,$AD$15,1)))),IF(K80&lt;=2,$AE$15,IF(AND(K80&gt;2,K80&lt;=4),TREND($AE$15:$AF$15,$AE$3:$AF$3,K80,TRUE),IF(AND(K80&gt;4,K80&lt;10),TREND($AF$15:$AG$15,$AF$3:$AG$3,K80,TRUE),IF(K80&gt;=10,$AG$15,1)))))</f>
        <v>#N/A</v>
      </c>
      <c r="AG80" s="86" t="e" cm="1">
        <f t="array" ref="AG80">IF(J80&gt;30,IF(K80&lt;=2,$AB$16,IF(AND(K80&gt;2,K80&lt;=4),TREND($AB$16:$AC$16,$AB$3:$AC$3,K80,TRUE),IF(AND(K80&gt;4,K80&lt;10),TREND($AC$16:$AD$16,$AC$3:$AD$3,K80,TRUE),IF(K80&gt;=10,$AD$16,1)))),IF(K80&lt;=2,$AE$16,IF(AND(K80&gt;2,K80&lt;=4),TREND($AE$16:$AF$16,$AE$3:$AF$3,K80,TRUE),IF(AND(K80&gt;4,K80&lt;10),TREND($AF$16:$AG$16,$AF$3:$AG$3,K80,TRUE),IF(K80&gt;=10,$AG$16,1)))))</f>
        <v>#N/A</v>
      </c>
      <c r="AH80" s="85" t="e" cm="1">
        <f t="array" ref="AH80">IF(J80&gt;30,IF(K80&lt;=2,$AB$17,IF(AND(K80&gt;2,K80&lt;=4),TREND($AB$17:$AC$17,$AB$3:$AC$3,K80,TRUE),IF(AND(K80&gt;4,K80&lt;10),TREND($AC$17:$AD$17,$AC$3:$AD$3,K80,TRUE),IF(K80&gt;=10,$AD$17,1)))),IF(K80&lt;=2,$AE$17,IF(AND(K80&gt;2,K80&lt;=4),TREND($AE$17:$AF$17,$AE$3:$AF$3,K80,TRUE),IF(AND(K80&gt;4,K80&lt;10),TREND($AF$17:$AG$17,$AF$3:$AG$3,K80,TRUE),IF(K80&gt;=10,$AG$17,1)))))</f>
        <v>#N/A</v>
      </c>
      <c r="AI80" s="85" t="e" cm="1">
        <f t="array" ref="AI80">IF(J80&gt;30,IF(K80&lt;=2,$AB$18,IF(AND(K80&gt;2,K80&lt;=4),TREND($AB$18:$AC$18,$AB$3:$AC$3,K80,TRUE),IF(AND(K80&gt;4,K80&lt;10),TREND($AC$18:$AD$18,$AC$3:$AD$3,K80,TRUE),IF(K80&gt;=10,$AD$18,1)))),IF(K80&lt;=2,$AE$18,IF(AND(K80&gt;2,K80&lt;=4),TREND($AE$18:$AF$18,$AE$3:$AF$3,K80,TRUE),IF(AND(K80&gt;4,K80&lt;10),TREND($AF$18:$AG$18,$AF$3:$AG$3,K80,TRUE),IF(K80&gt;=10,$AG$18,1)))))</f>
        <v>#N/A</v>
      </c>
      <c r="AJ80" s="85" t="e" cm="1">
        <f t="array" ref="AJ80">IF(J80&gt;30,IF(K80&lt;=2,$AB$19,IF(AND(K80&gt;2,K80&lt;=4),TREND($AB$19:$AC$19,$AB$3:$AC$3,K80,TRUE),IF(AND(K80&gt;4,K80&lt;10),TREND($AC$19:$AD$19,$AC$3:$AD$3,K80,TRUE),IF(K80&gt;=10,$AD$19,1)))),IF(K80&lt;=2,$AE$19,IF(AND(K80&gt;2,K80&lt;=4),TREND($AE$19:$AF$19,$AE$3:$AF$3,K80,TRUE),IF(AND(K80&gt;4,K80&lt;10),TREND($AF$19:$AG$19,$AF$3:$AG$3,K80,TRUE),IF(K80&gt;=10,$AG$19,1)))))</f>
        <v>#N/A</v>
      </c>
      <c r="AK80" s="85" t="e" cm="1">
        <f t="array" ref="AK80">IF(J80&gt;30,IF(K80&lt;=2,$AB$20,IF(AND(K80&gt;2,K80&lt;=4),TREND($AB$20:$AC$20,$AB$3:$AC$3,K80,TRUE),IF(AND(K80&gt;4,K80&lt;10),TREND($AC$20:$AD$20,$AC$3:$AD$3,K80,TRUE),IF(K80&gt;=10,$AD$20,1)))),IF(K80&lt;=2,$AE$20,IF(AND(K80&gt;2,K80&lt;=4),TREND($AE$20:$AF$20,$AE$3:$AF$3,K80,TRUE),IF(AND(K80&gt;4,K80&lt;10),TREND($AF$20:$AG$20,$AF$3:$AG$3,K80,TRUE),IF(K80&gt;=10,$AG$20,1)))))</f>
        <v>#N/A</v>
      </c>
      <c r="AL80" s="85">
        <v>3</v>
      </c>
      <c r="AM80" s="92">
        <v>0</v>
      </c>
      <c r="AN80" s="92" t="e">
        <f t="shared" si="6"/>
        <v>#N/A</v>
      </c>
      <c r="AO80" s="92" t="e">
        <f t="shared" si="21"/>
        <v>#N/A</v>
      </c>
      <c r="AP80" s="92" t="e">
        <f t="shared" si="7"/>
        <v>#N/A</v>
      </c>
      <c r="AQ80" s="92" t="e">
        <f t="shared" si="8"/>
        <v>#N/A</v>
      </c>
      <c r="AR80" s="92" t="e">
        <f t="shared" si="9"/>
        <v>#N/A</v>
      </c>
      <c r="AS80" s="92" t="e">
        <f t="shared" si="10"/>
        <v>#N/A</v>
      </c>
      <c r="AT80" s="92" t="e">
        <f t="shared" si="11"/>
        <v>#N/A</v>
      </c>
      <c r="AU80" s="92" t="e">
        <f t="shared" si="12"/>
        <v>#N/A</v>
      </c>
      <c r="AV80" s="92" t="e">
        <f t="shared" si="13"/>
        <v>#N/A</v>
      </c>
      <c r="AW80" s="92" t="e">
        <f t="shared" si="14"/>
        <v>#N/A</v>
      </c>
      <c r="AX80" s="92" t="e">
        <f t="shared" si="15"/>
        <v>#N/A</v>
      </c>
      <c r="AY80" s="92">
        <f t="shared" si="16"/>
        <v>6000</v>
      </c>
      <c r="AZ80" s="93">
        <v>0</v>
      </c>
      <c r="BA80" s="93" t="e">
        <f t="shared" si="36"/>
        <v>#N/A</v>
      </c>
      <c r="BB80" s="93" t="e">
        <f t="shared" si="22"/>
        <v>#N/A</v>
      </c>
      <c r="BC80" s="93" t="e">
        <f t="shared" si="23"/>
        <v>#N/A</v>
      </c>
      <c r="BD80" s="93" t="e">
        <f t="shared" si="24"/>
        <v>#N/A</v>
      </c>
      <c r="BE80" s="93" t="e">
        <f t="shared" si="25"/>
        <v>#N/A</v>
      </c>
      <c r="BF80" s="93" t="e">
        <f t="shared" si="26"/>
        <v>#N/A</v>
      </c>
      <c r="BG80" s="93" t="e">
        <f t="shared" si="27"/>
        <v>#N/A</v>
      </c>
      <c r="BH80" s="93" t="e">
        <f t="shared" si="28"/>
        <v>#N/A</v>
      </c>
      <c r="BI80" s="93" t="e">
        <f t="shared" si="29"/>
        <v>#N/A</v>
      </c>
      <c r="BJ80" s="93" t="e">
        <f t="shared" si="30"/>
        <v>#N/A</v>
      </c>
      <c r="BK80" s="93" t="e">
        <f t="shared" si="31"/>
        <v>#N/A</v>
      </c>
      <c r="BL80" s="93" t="e">
        <f t="shared" si="31"/>
        <v>#N/A</v>
      </c>
    </row>
    <row r="81" spans="2:67" x14ac:dyDescent="0.2">
      <c r="B81" s="79">
        <f t="shared" si="37"/>
        <v>-70.5</v>
      </c>
      <c r="C81" s="73">
        <f t="shared" si="20"/>
        <v>55</v>
      </c>
      <c r="D81" s="64">
        <f>INDEX('CPT Data'!$C$13:$C$20000,MATCH($C81,'CPT Data'!$B$13:$B$20000,1))</f>
        <v>54.987000000000002</v>
      </c>
      <c r="E81" s="55" t="str">
        <f>INDEX('CPT Data'!$P$13:$P$20000,MATCH($C81,'CPT Data'!$B$13:$B$20000,1))</f>
        <v>SAND</v>
      </c>
      <c r="F81" s="76" t="e">
        <f>INDEX('CPT Data'!$Q$13:$Q$20000,MATCH($C81,'CPT Data'!$B$13:$B$20000,1))</f>
        <v>#N/A</v>
      </c>
      <c r="G81" s="76">
        <f>INDEX('CPT Data'!$I$13:$I$20000,MATCH(C81,'CPT Data'!$B$13:$B$20000,1))</f>
        <v>19.758050629066584</v>
      </c>
      <c r="H81" s="76">
        <f>INDEX('CPT Data'!$J$13:$J$20000,MATCH($C81,'CPT Data'!$B$13:$B$20000,1))</f>
        <v>9.7580506290665845</v>
      </c>
      <c r="I81" s="76">
        <f>INDEX('CPT Data'!$L$13:$L$20000,MATCH(C81,'CPT Data'!$B$13:$B$20000,1))</f>
        <v>536.63423629488773</v>
      </c>
      <c r="J81" s="226">
        <f>INDEX('CPT Data'!$R$13:$R$20000,MATCH(C81,'CPT Data'!$B$13:$B$20000,1))</f>
        <v>35</v>
      </c>
      <c r="K81" s="76" t="e">
        <f>INDEX('CPT Data'!$S$13:$S$20000,MATCH($C81,'CPT Data'!$B$13:$B$20000,1))</f>
        <v>#N/A</v>
      </c>
      <c r="L81" s="55">
        <f>VLOOKUP($C81, 'Pile Property'!$A$8:$D$108,2,TRUE)</f>
        <v>2</v>
      </c>
      <c r="M81" s="234" t="e">
        <f>IF($E81="CLAY",ABS($F81-'CPT Data'!$Q$3787)/$D81,#N/A)</f>
        <v>#N/A</v>
      </c>
      <c r="N81" s="65" t="e">
        <f t="shared" si="32"/>
        <v>#N/A</v>
      </c>
      <c r="O81" s="76" t="e">
        <f t="shared" si="38"/>
        <v>#N/A</v>
      </c>
      <c r="P81" s="76" t="e">
        <f t="shared" si="39"/>
        <v>#N/A</v>
      </c>
      <c r="Q81" s="65" t="e">
        <f t="shared" si="18"/>
        <v>#N/A</v>
      </c>
      <c r="R81" s="76" t="e">
        <f t="shared" si="19"/>
        <v>#N/A</v>
      </c>
      <c r="S81" s="76" t="e">
        <f t="shared" si="33"/>
        <v>#N/A</v>
      </c>
      <c r="T81" s="76"/>
      <c r="U81" s="76"/>
      <c r="V81" s="76" t="e">
        <f t="shared" si="40"/>
        <v>#N/A</v>
      </c>
      <c r="W81" s="76" t="e">
        <f t="shared" si="34"/>
        <v>#N/A</v>
      </c>
      <c r="X81" s="76" t="e">
        <f t="shared" si="41"/>
        <v>#N/A</v>
      </c>
      <c r="Y81" s="76" t="e">
        <f t="shared" si="42"/>
        <v>#N/A</v>
      </c>
      <c r="Z81" s="76" t="e">
        <f t="shared" si="35"/>
        <v>#N/A</v>
      </c>
      <c r="AA81" s="85" t="e" cm="1">
        <f t="array" ref="AA81">IF(J81&gt;30,IF(K81&lt;=2,$AB$10,IF(AND(K81&gt;2,K81&lt;=4),TREND($AB$10:$AC$10,$AB$3:$AC$3,K81,TRUE),IF(AND(K81&gt;4,K81&lt;10),TREND($AC$10:$AD$10,$AC$3:$AD$3,K81,TRUE),IF(K81&gt;=10,$AD$10,1)))),IF(K81&lt;=2,$AE$10,IF(AND(K81&gt;2,K81&lt;=4),TREND($AE$10:$AF$10,$AE$3:$AF$3,K81,TRUE),IF(AND(K81&gt;4,K81&lt;10),TREND($AF$10:$AG$10,$AF$3:$AG$3,K81,TRUE),IF(K81&gt;=10,$AG$10,1)))))</f>
        <v>#N/A</v>
      </c>
      <c r="AB81" s="85" t="e" cm="1">
        <f t="array" ref="AB81">IF(J81&gt;30,IF(K81&lt;=2,$AB$11,IF(AND(K81&gt;2,K81&lt;=4),TREND($AB$11:$AC$11,$AB$3:$AC$3,K81,TRUE),IF(AND(K81&gt;4,K81&lt;10),TREND($AC$11:$AD$11,$AC$3:$AD$3,K81,TRUE),IF(K81&gt;=10,$AD$11,1)))),IF(K81&lt;=2,$AE$11,IF(AND(K81&gt;2,K81&lt;=4),TREND($AE$11:$AF$11,$AE$3:$AF$3,K81,TRUE),IF(AND(K81&gt;4,K81&lt;10),TREND($AF$11:$AG$11,$AF$3:$AG$3,K81,TRUE),IF(K81&gt;=10,$AG$11,1)))))</f>
        <v>#N/A</v>
      </c>
      <c r="AC81" s="85" t="e" cm="1">
        <f t="array" ref="AC81">IF(J81&gt;30,IF(K81&lt;=2,$AB$12,IF(AND(K81&gt;2,K81&lt;=4),TREND($AB$12:$AC$12,$AB$3:$AC$3,K81,TRUE),IF(AND(K81&gt;4,K81&lt;10),TREND($AC$12:$AD$12,$AC$3:$AD$3,K81,TRUE),IF(K81&gt;=10,$AD$12,1)))),IF(K81&lt;=2,$AE$12,IF(AND(K81&gt;2,K81&lt;=4),TREND($AE$12:$AF$12,$AE$3:$AF$3,K81,TRUE),IF(AND(K81&gt;4,K81&lt;10),TREND($AF$12:$AG$12,$AF$3:$AG$3,K81,TRUE),IF(K81&gt;=10,$AG$12,1)))))</f>
        <v>#N/A</v>
      </c>
      <c r="AD81" s="85" t="e" cm="1">
        <f t="array" ref="AD81">IF(J81&gt;30,IF(K81&lt;=2,$AB$13,IF(AND(K81&gt;2,K81&lt;=4),TREND($AB$13:$AC$13,$AB$3:$AC$3,K81,TRUE),IF(AND(K81&gt;4,K81&lt;10),TREND($AC$13:$AD$13,$AC$3:$AD$3,K81,TRUE),IF(K81&gt;=10,$AD$13,1)))),IF(K81&lt;=2,$AE$13,IF(AND(K81&gt;2,K81&lt;=4),TREND($AE$13:$AF$13,$AE$3:$AF$3,K81,TRUE),IF(AND(K81&gt;4,K81&lt;10),TREND($AF$13:$AG$13,$AF$3:$AG$3,K81,TRUE),IF(K81&gt;=10,$AG$13,1)))))</f>
        <v>#N/A</v>
      </c>
      <c r="AE81" s="85" t="e" cm="1">
        <f t="array" ref="AE81">IF(J81&gt;30,IF(K81&lt;=2,$AB$14,IF(AND(K81&gt;2,K81&lt;=4),TREND($AB$14:$AC$14,$AB$3:$AC$3,K81,TRUE),IF(AND(K81&gt;4,K81&lt;10),TREND($AC$14:$AD$14,$AC$3:$AD$3,K81,TRUE),IF(K81&gt;=10,$AD$14,1)))),IF(K81&lt;=2,$AE$14,IF(AND(K81&gt;2,K81&lt;=4),TREND($AE$14:$AF$14,$AE$3:$AF$3,K81,TRUE),IF(AND(K81&gt;4,K81&lt;10),TREND($AF$14:$AG$14,$AF$3:$AG$3,K81,TRUE),IF(K81&gt;=10,$AG$14,1)))))</f>
        <v>#N/A</v>
      </c>
      <c r="AF81" s="85" t="e" cm="1">
        <f t="array" ref="AF81">IF(J81&gt;30,IF(K81&lt;=2,$AB$15,IF(AND(K81&gt;2,K81&lt;=4),TREND($AB$15:$AC$15,$AB$3:$AC$3,K81,TRUE),IF(AND(K81&gt;4,K81&lt;10),TREND($AC$15:$AD$15,$AC$3:$AD$3,K81,TRUE),IF(K81&gt;=10,$AD$15,1)))),IF(K81&lt;=2,$AE$15,IF(AND(K81&gt;2,K81&lt;=4),TREND($AE$15:$AF$15,$AE$3:$AF$3,K81,TRUE),IF(AND(K81&gt;4,K81&lt;10),TREND($AF$15:$AG$15,$AF$3:$AG$3,K81,TRUE),IF(K81&gt;=10,$AG$15,1)))))</f>
        <v>#N/A</v>
      </c>
      <c r="AG81" s="86" t="e" cm="1">
        <f t="array" ref="AG81">IF(J81&gt;30,IF(K81&lt;=2,$AB$16,IF(AND(K81&gt;2,K81&lt;=4),TREND($AB$16:$AC$16,$AB$3:$AC$3,K81,TRUE),IF(AND(K81&gt;4,K81&lt;10),TREND($AC$16:$AD$16,$AC$3:$AD$3,K81,TRUE),IF(K81&gt;=10,$AD$16,1)))),IF(K81&lt;=2,$AE$16,IF(AND(K81&gt;2,K81&lt;=4),TREND($AE$16:$AF$16,$AE$3:$AF$3,K81,TRUE),IF(AND(K81&gt;4,K81&lt;10),TREND($AF$16:$AG$16,$AF$3:$AG$3,K81,TRUE),IF(K81&gt;=10,$AG$16,1)))))</f>
        <v>#N/A</v>
      </c>
      <c r="AH81" s="85" t="e" cm="1">
        <f t="array" ref="AH81">IF(J81&gt;30,IF(K81&lt;=2,$AB$17,IF(AND(K81&gt;2,K81&lt;=4),TREND($AB$17:$AC$17,$AB$3:$AC$3,K81,TRUE),IF(AND(K81&gt;4,K81&lt;10),TREND($AC$17:$AD$17,$AC$3:$AD$3,K81,TRUE),IF(K81&gt;=10,$AD$17,1)))),IF(K81&lt;=2,$AE$17,IF(AND(K81&gt;2,K81&lt;=4),TREND($AE$17:$AF$17,$AE$3:$AF$3,K81,TRUE),IF(AND(K81&gt;4,K81&lt;10),TREND($AF$17:$AG$17,$AF$3:$AG$3,K81,TRUE),IF(K81&gt;=10,$AG$17,1)))))</f>
        <v>#N/A</v>
      </c>
      <c r="AI81" s="85" t="e" cm="1">
        <f t="array" ref="AI81">IF(J81&gt;30,IF(K81&lt;=2,$AB$18,IF(AND(K81&gt;2,K81&lt;=4),TREND($AB$18:$AC$18,$AB$3:$AC$3,K81,TRUE),IF(AND(K81&gt;4,K81&lt;10),TREND($AC$18:$AD$18,$AC$3:$AD$3,K81,TRUE),IF(K81&gt;=10,$AD$18,1)))),IF(K81&lt;=2,$AE$18,IF(AND(K81&gt;2,K81&lt;=4),TREND($AE$18:$AF$18,$AE$3:$AF$3,K81,TRUE),IF(AND(K81&gt;4,K81&lt;10),TREND($AF$18:$AG$18,$AF$3:$AG$3,K81,TRUE),IF(K81&gt;=10,$AG$18,1)))))</f>
        <v>#N/A</v>
      </c>
      <c r="AJ81" s="85" t="e" cm="1">
        <f t="array" ref="AJ81">IF(J81&gt;30,IF(K81&lt;=2,$AB$19,IF(AND(K81&gt;2,K81&lt;=4),TREND($AB$19:$AC$19,$AB$3:$AC$3,K81,TRUE),IF(AND(K81&gt;4,K81&lt;10),TREND($AC$19:$AD$19,$AC$3:$AD$3,K81,TRUE),IF(K81&gt;=10,$AD$19,1)))),IF(K81&lt;=2,$AE$19,IF(AND(K81&gt;2,K81&lt;=4),TREND($AE$19:$AF$19,$AE$3:$AF$3,K81,TRUE),IF(AND(K81&gt;4,K81&lt;10),TREND($AF$19:$AG$19,$AF$3:$AG$3,K81,TRUE),IF(K81&gt;=10,$AG$19,1)))))</f>
        <v>#N/A</v>
      </c>
      <c r="AK81" s="85" t="e" cm="1">
        <f t="array" ref="AK81">IF(J81&gt;30,IF(K81&lt;=2,$AB$20,IF(AND(K81&gt;2,K81&lt;=4),TREND($AB$20:$AC$20,$AB$3:$AC$3,K81,TRUE),IF(AND(K81&gt;4,K81&lt;10),TREND($AC$20:$AD$20,$AC$3:$AD$3,K81,TRUE),IF(K81&gt;=10,$AD$20,1)))),IF(K81&lt;=2,$AE$20,IF(AND(K81&gt;2,K81&lt;=4),TREND($AE$20:$AF$20,$AE$3:$AF$3,K81,TRUE),IF(AND(K81&gt;4,K81&lt;10),TREND($AF$20:$AG$20,$AF$3:$AG$3,K81,TRUE),IF(K81&gt;=10,$AG$20,1)))))</f>
        <v>#N/A</v>
      </c>
      <c r="AL81" s="85">
        <v>3</v>
      </c>
      <c r="AM81" s="92">
        <v>0</v>
      </c>
      <c r="AN81" s="92" t="e">
        <f t="shared" si="6"/>
        <v>#N/A</v>
      </c>
      <c r="AO81" s="92" t="e">
        <f t="shared" si="21"/>
        <v>#N/A</v>
      </c>
      <c r="AP81" s="92" t="e">
        <f t="shared" si="7"/>
        <v>#N/A</v>
      </c>
      <c r="AQ81" s="92" t="e">
        <f t="shared" si="8"/>
        <v>#N/A</v>
      </c>
      <c r="AR81" s="92" t="e">
        <f t="shared" si="9"/>
        <v>#N/A</v>
      </c>
      <c r="AS81" s="92" t="e">
        <f t="shared" si="10"/>
        <v>#N/A</v>
      </c>
      <c r="AT81" s="92" t="e">
        <f t="shared" si="11"/>
        <v>#N/A</v>
      </c>
      <c r="AU81" s="92" t="e">
        <f t="shared" si="12"/>
        <v>#N/A</v>
      </c>
      <c r="AV81" s="92" t="e">
        <f t="shared" si="13"/>
        <v>#N/A</v>
      </c>
      <c r="AW81" s="92" t="e">
        <f t="shared" si="14"/>
        <v>#N/A</v>
      </c>
      <c r="AX81" s="92" t="e">
        <f t="shared" si="15"/>
        <v>#N/A</v>
      </c>
      <c r="AY81" s="92">
        <f t="shared" si="16"/>
        <v>6000</v>
      </c>
      <c r="AZ81" s="93">
        <v>0</v>
      </c>
      <c r="BA81" s="93" t="e">
        <f t="shared" si="36"/>
        <v>#N/A</v>
      </c>
      <c r="BB81" s="93" t="e">
        <f t="shared" si="22"/>
        <v>#N/A</v>
      </c>
      <c r="BC81" s="93" t="e">
        <f t="shared" si="23"/>
        <v>#N/A</v>
      </c>
      <c r="BD81" s="93" t="e">
        <f t="shared" si="24"/>
        <v>#N/A</v>
      </c>
      <c r="BE81" s="93" t="e">
        <f t="shared" si="25"/>
        <v>#N/A</v>
      </c>
      <c r="BF81" s="93" t="e">
        <f t="shared" si="26"/>
        <v>#N/A</v>
      </c>
      <c r="BG81" s="93" t="e">
        <f t="shared" si="27"/>
        <v>#N/A</v>
      </c>
      <c r="BH81" s="93" t="e">
        <f t="shared" si="28"/>
        <v>#N/A</v>
      </c>
      <c r="BI81" s="93" t="e">
        <f t="shared" si="29"/>
        <v>#N/A</v>
      </c>
      <c r="BJ81" s="93" t="e">
        <f t="shared" si="30"/>
        <v>#N/A</v>
      </c>
      <c r="BK81" s="93" t="e">
        <f t="shared" si="31"/>
        <v>#N/A</v>
      </c>
      <c r="BL81" s="93" t="e">
        <f t="shared" si="31"/>
        <v>#N/A</v>
      </c>
      <c r="BO81" s="59"/>
    </row>
    <row r="82" spans="2:67" x14ac:dyDescent="0.2">
      <c r="B82" s="79">
        <f t="shared" si="37"/>
        <v>-71.5</v>
      </c>
      <c r="C82" s="73">
        <f t="shared" si="20"/>
        <v>56</v>
      </c>
      <c r="D82" s="64">
        <f>INDEX('CPT Data'!$C$13:$C$20000,MATCH($C82,'CPT Data'!$B$13:$B$20000,1))</f>
        <v>55.989000000000004</v>
      </c>
      <c r="E82" s="55" t="str">
        <f>INDEX('CPT Data'!$P$13:$P$20000,MATCH($C82,'CPT Data'!$B$13:$B$20000,1))</f>
        <v>SAND</v>
      </c>
      <c r="F82" s="76" t="e">
        <f>INDEX('CPT Data'!$Q$13:$Q$20000,MATCH($C82,'CPT Data'!$B$13:$B$20000,1))</f>
        <v>#N/A</v>
      </c>
      <c r="G82" s="76">
        <f>INDEX('CPT Data'!$I$13:$I$20000,MATCH(C82,'CPT Data'!$B$13:$B$20000,1))</f>
        <v>19.460223295272613</v>
      </c>
      <c r="H82" s="76">
        <f>INDEX('CPT Data'!$J$13:$J$20000,MATCH($C82,'CPT Data'!$B$13:$B$20000,1))</f>
        <v>9.4602232952726126</v>
      </c>
      <c r="I82" s="76">
        <f>INDEX('CPT Data'!$L$13:$L$20000,MATCH(C82,'CPT Data'!$B$13:$B$20000,1))</f>
        <v>529.73466364208525</v>
      </c>
      <c r="J82" s="226">
        <f>INDEX('CPT Data'!$R$13:$R$20000,MATCH(C82,'CPT Data'!$B$13:$B$20000,1))</f>
        <v>35</v>
      </c>
      <c r="K82" s="76" t="e">
        <f>INDEX('CPT Data'!$S$13:$S$20000,MATCH($C82,'CPT Data'!$B$13:$B$20000,1))</f>
        <v>#N/A</v>
      </c>
      <c r="L82" s="55">
        <f>VLOOKUP($C82, 'Pile Property'!$A$8:$D$108,2,TRUE)</f>
        <v>2</v>
      </c>
      <c r="M82" s="234" t="e">
        <f>IF($E82="CLAY",ABS($F82-'CPT Data'!$Q$3787)/$D82,#N/A)</f>
        <v>#N/A</v>
      </c>
      <c r="N82" s="65" t="e">
        <f t="shared" si="32"/>
        <v>#N/A</v>
      </c>
      <c r="O82" s="76" t="e">
        <f t="shared" si="38"/>
        <v>#N/A</v>
      </c>
      <c r="P82" s="76" t="e">
        <f t="shared" si="39"/>
        <v>#N/A</v>
      </c>
      <c r="Q82" s="65" t="e">
        <f t="shared" si="18"/>
        <v>#N/A</v>
      </c>
      <c r="R82" s="76" t="e">
        <f t="shared" si="19"/>
        <v>#N/A</v>
      </c>
      <c r="S82" s="76" t="e">
        <f t="shared" si="33"/>
        <v>#N/A</v>
      </c>
      <c r="T82" s="76"/>
      <c r="U82" s="76"/>
      <c r="V82" s="76" t="e">
        <f t="shared" si="40"/>
        <v>#N/A</v>
      </c>
      <c r="W82" s="76" t="e">
        <f t="shared" si="34"/>
        <v>#N/A</v>
      </c>
      <c r="X82" s="76" t="e">
        <f t="shared" si="41"/>
        <v>#N/A</v>
      </c>
      <c r="Y82" s="76" t="e">
        <f t="shared" si="42"/>
        <v>#N/A</v>
      </c>
      <c r="Z82" s="76" t="e">
        <f t="shared" si="35"/>
        <v>#N/A</v>
      </c>
      <c r="AA82" s="85" t="e" cm="1">
        <f t="array" ref="AA82">IF(J82&gt;30,IF(K82&lt;=2,$AB$10,IF(AND(K82&gt;2,K82&lt;=4),TREND($AB$10:$AC$10,$AB$3:$AC$3,K82,TRUE),IF(AND(K82&gt;4,K82&lt;10),TREND($AC$10:$AD$10,$AC$3:$AD$3,K82,TRUE),IF(K82&gt;=10,$AD$10,1)))),IF(K82&lt;=2,$AE$10,IF(AND(K82&gt;2,K82&lt;=4),TREND($AE$10:$AF$10,$AE$3:$AF$3,K82,TRUE),IF(AND(K82&gt;4,K82&lt;10),TREND($AF$10:$AG$10,$AF$3:$AG$3,K82,TRUE),IF(K82&gt;=10,$AG$10,1)))))</f>
        <v>#N/A</v>
      </c>
      <c r="AB82" s="85" t="e" cm="1">
        <f t="array" ref="AB82">IF(J82&gt;30,IF(K82&lt;=2,$AB$11,IF(AND(K82&gt;2,K82&lt;=4),TREND($AB$11:$AC$11,$AB$3:$AC$3,K82,TRUE),IF(AND(K82&gt;4,K82&lt;10),TREND($AC$11:$AD$11,$AC$3:$AD$3,K82,TRUE),IF(K82&gt;=10,$AD$11,1)))),IF(K82&lt;=2,$AE$11,IF(AND(K82&gt;2,K82&lt;=4),TREND($AE$11:$AF$11,$AE$3:$AF$3,K82,TRUE),IF(AND(K82&gt;4,K82&lt;10),TREND($AF$11:$AG$11,$AF$3:$AG$3,K82,TRUE),IF(K82&gt;=10,$AG$11,1)))))</f>
        <v>#N/A</v>
      </c>
      <c r="AC82" s="85" t="e" cm="1">
        <f t="array" ref="AC82">IF(J82&gt;30,IF(K82&lt;=2,$AB$12,IF(AND(K82&gt;2,K82&lt;=4),TREND($AB$12:$AC$12,$AB$3:$AC$3,K82,TRUE),IF(AND(K82&gt;4,K82&lt;10),TREND($AC$12:$AD$12,$AC$3:$AD$3,K82,TRUE),IF(K82&gt;=10,$AD$12,1)))),IF(K82&lt;=2,$AE$12,IF(AND(K82&gt;2,K82&lt;=4),TREND($AE$12:$AF$12,$AE$3:$AF$3,K82,TRUE),IF(AND(K82&gt;4,K82&lt;10),TREND($AF$12:$AG$12,$AF$3:$AG$3,K82,TRUE),IF(K82&gt;=10,$AG$12,1)))))</f>
        <v>#N/A</v>
      </c>
      <c r="AD82" s="85" t="e" cm="1">
        <f t="array" ref="AD82">IF(J82&gt;30,IF(K82&lt;=2,$AB$13,IF(AND(K82&gt;2,K82&lt;=4),TREND($AB$13:$AC$13,$AB$3:$AC$3,K82,TRUE),IF(AND(K82&gt;4,K82&lt;10),TREND($AC$13:$AD$13,$AC$3:$AD$3,K82,TRUE),IF(K82&gt;=10,$AD$13,1)))),IF(K82&lt;=2,$AE$13,IF(AND(K82&gt;2,K82&lt;=4),TREND($AE$13:$AF$13,$AE$3:$AF$3,K82,TRUE),IF(AND(K82&gt;4,K82&lt;10),TREND($AF$13:$AG$13,$AF$3:$AG$3,K82,TRUE),IF(K82&gt;=10,$AG$13,1)))))</f>
        <v>#N/A</v>
      </c>
      <c r="AE82" s="85" t="e" cm="1">
        <f t="array" ref="AE82">IF(J82&gt;30,IF(K82&lt;=2,$AB$14,IF(AND(K82&gt;2,K82&lt;=4),TREND($AB$14:$AC$14,$AB$3:$AC$3,K82,TRUE),IF(AND(K82&gt;4,K82&lt;10),TREND($AC$14:$AD$14,$AC$3:$AD$3,K82,TRUE),IF(K82&gt;=10,$AD$14,1)))),IF(K82&lt;=2,$AE$14,IF(AND(K82&gt;2,K82&lt;=4),TREND($AE$14:$AF$14,$AE$3:$AF$3,K82,TRUE),IF(AND(K82&gt;4,K82&lt;10),TREND($AF$14:$AG$14,$AF$3:$AG$3,K82,TRUE),IF(K82&gt;=10,$AG$14,1)))))</f>
        <v>#N/A</v>
      </c>
      <c r="AF82" s="85" t="e" cm="1">
        <f t="array" ref="AF82">IF(J82&gt;30,IF(K82&lt;=2,$AB$15,IF(AND(K82&gt;2,K82&lt;=4),TREND($AB$15:$AC$15,$AB$3:$AC$3,K82,TRUE),IF(AND(K82&gt;4,K82&lt;10),TREND($AC$15:$AD$15,$AC$3:$AD$3,K82,TRUE),IF(K82&gt;=10,$AD$15,1)))),IF(K82&lt;=2,$AE$15,IF(AND(K82&gt;2,K82&lt;=4),TREND($AE$15:$AF$15,$AE$3:$AF$3,K82,TRUE),IF(AND(K82&gt;4,K82&lt;10),TREND($AF$15:$AG$15,$AF$3:$AG$3,K82,TRUE),IF(K82&gt;=10,$AG$15,1)))))</f>
        <v>#N/A</v>
      </c>
      <c r="AG82" s="86" t="e" cm="1">
        <f t="array" ref="AG82">IF(J82&gt;30,IF(K82&lt;=2,$AB$16,IF(AND(K82&gt;2,K82&lt;=4),TREND($AB$16:$AC$16,$AB$3:$AC$3,K82,TRUE),IF(AND(K82&gt;4,K82&lt;10),TREND($AC$16:$AD$16,$AC$3:$AD$3,K82,TRUE),IF(K82&gt;=10,$AD$16,1)))),IF(K82&lt;=2,$AE$16,IF(AND(K82&gt;2,K82&lt;=4),TREND($AE$16:$AF$16,$AE$3:$AF$3,K82,TRUE),IF(AND(K82&gt;4,K82&lt;10),TREND($AF$16:$AG$16,$AF$3:$AG$3,K82,TRUE),IF(K82&gt;=10,$AG$16,1)))))</f>
        <v>#N/A</v>
      </c>
      <c r="AH82" s="85" t="e" cm="1">
        <f t="array" ref="AH82">IF(J82&gt;30,IF(K82&lt;=2,$AB$17,IF(AND(K82&gt;2,K82&lt;=4),TREND($AB$17:$AC$17,$AB$3:$AC$3,K82,TRUE),IF(AND(K82&gt;4,K82&lt;10),TREND($AC$17:$AD$17,$AC$3:$AD$3,K82,TRUE),IF(K82&gt;=10,$AD$17,1)))),IF(K82&lt;=2,$AE$17,IF(AND(K82&gt;2,K82&lt;=4),TREND($AE$17:$AF$17,$AE$3:$AF$3,K82,TRUE),IF(AND(K82&gt;4,K82&lt;10),TREND($AF$17:$AG$17,$AF$3:$AG$3,K82,TRUE),IF(K82&gt;=10,$AG$17,1)))))</f>
        <v>#N/A</v>
      </c>
      <c r="AI82" s="85" t="e" cm="1">
        <f t="array" ref="AI82">IF(J82&gt;30,IF(K82&lt;=2,$AB$18,IF(AND(K82&gt;2,K82&lt;=4),TREND($AB$18:$AC$18,$AB$3:$AC$3,K82,TRUE),IF(AND(K82&gt;4,K82&lt;10),TREND($AC$18:$AD$18,$AC$3:$AD$3,K82,TRUE),IF(K82&gt;=10,$AD$18,1)))),IF(K82&lt;=2,$AE$18,IF(AND(K82&gt;2,K82&lt;=4),TREND($AE$18:$AF$18,$AE$3:$AF$3,K82,TRUE),IF(AND(K82&gt;4,K82&lt;10),TREND($AF$18:$AG$18,$AF$3:$AG$3,K82,TRUE),IF(K82&gt;=10,$AG$18,1)))))</f>
        <v>#N/A</v>
      </c>
      <c r="AJ82" s="85" t="e" cm="1">
        <f t="array" ref="AJ82">IF(J82&gt;30,IF(K82&lt;=2,$AB$19,IF(AND(K82&gt;2,K82&lt;=4),TREND($AB$19:$AC$19,$AB$3:$AC$3,K82,TRUE),IF(AND(K82&gt;4,K82&lt;10),TREND($AC$19:$AD$19,$AC$3:$AD$3,K82,TRUE),IF(K82&gt;=10,$AD$19,1)))),IF(K82&lt;=2,$AE$19,IF(AND(K82&gt;2,K82&lt;=4),TREND($AE$19:$AF$19,$AE$3:$AF$3,K82,TRUE),IF(AND(K82&gt;4,K82&lt;10),TREND($AF$19:$AG$19,$AF$3:$AG$3,K82,TRUE),IF(K82&gt;=10,$AG$19,1)))))</f>
        <v>#N/A</v>
      </c>
      <c r="AK82" s="85" t="e" cm="1">
        <f t="array" ref="AK82">IF(J82&gt;30,IF(K82&lt;=2,$AB$20,IF(AND(K82&gt;2,K82&lt;=4),TREND($AB$20:$AC$20,$AB$3:$AC$3,K82,TRUE),IF(AND(K82&gt;4,K82&lt;10),TREND($AC$20:$AD$20,$AC$3:$AD$3,K82,TRUE),IF(K82&gt;=10,$AD$20,1)))),IF(K82&lt;=2,$AE$20,IF(AND(K82&gt;2,K82&lt;=4),TREND($AE$20:$AF$20,$AE$3:$AF$3,K82,TRUE),IF(AND(K82&gt;4,K82&lt;10),TREND($AF$20:$AG$20,$AF$3:$AG$3,K82,TRUE),IF(K82&gt;=10,$AG$20,1)))))</f>
        <v>#N/A</v>
      </c>
      <c r="AL82" s="85">
        <v>3</v>
      </c>
      <c r="AM82" s="92">
        <v>0</v>
      </c>
      <c r="AN82" s="92" t="e">
        <f t="shared" si="6"/>
        <v>#N/A</v>
      </c>
      <c r="AO82" s="92" t="e">
        <f t="shared" si="21"/>
        <v>#N/A</v>
      </c>
      <c r="AP82" s="92" t="e">
        <f t="shared" si="7"/>
        <v>#N/A</v>
      </c>
      <c r="AQ82" s="92" t="e">
        <f t="shared" si="8"/>
        <v>#N/A</v>
      </c>
      <c r="AR82" s="92" t="e">
        <f t="shared" si="9"/>
        <v>#N/A</v>
      </c>
      <c r="AS82" s="92" t="e">
        <f t="shared" si="10"/>
        <v>#N/A</v>
      </c>
      <c r="AT82" s="92" t="e">
        <f t="shared" si="11"/>
        <v>#N/A</v>
      </c>
      <c r="AU82" s="92" t="e">
        <f t="shared" si="12"/>
        <v>#N/A</v>
      </c>
      <c r="AV82" s="92" t="e">
        <f t="shared" si="13"/>
        <v>#N/A</v>
      </c>
      <c r="AW82" s="92" t="e">
        <f t="shared" si="14"/>
        <v>#N/A</v>
      </c>
      <c r="AX82" s="92" t="e">
        <f t="shared" si="15"/>
        <v>#N/A</v>
      </c>
      <c r="AY82" s="92">
        <f t="shared" si="16"/>
        <v>6000</v>
      </c>
      <c r="AZ82" s="93">
        <v>0</v>
      </c>
      <c r="BA82" s="93" t="e">
        <f t="shared" si="36"/>
        <v>#N/A</v>
      </c>
      <c r="BB82" s="93" t="e">
        <f t="shared" si="22"/>
        <v>#N/A</v>
      </c>
      <c r="BC82" s="93" t="e">
        <f t="shared" si="23"/>
        <v>#N/A</v>
      </c>
      <c r="BD82" s="93" t="e">
        <f t="shared" si="24"/>
        <v>#N/A</v>
      </c>
      <c r="BE82" s="93" t="e">
        <f t="shared" si="25"/>
        <v>#N/A</v>
      </c>
      <c r="BF82" s="93" t="e">
        <f t="shared" si="26"/>
        <v>#N/A</v>
      </c>
      <c r="BG82" s="93" t="e">
        <f t="shared" si="27"/>
        <v>#N/A</v>
      </c>
      <c r="BH82" s="93" t="e">
        <f t="shared" si="28"/>
        <v>#N/A</v>
      </c>
      <c r="BI82" s="93" t="e">
        <f t="shared" si="29"/>
        <v>#N/A</v>
      </c>
      <c r="BJ82" s="93" t="e">
        <f t="shared" si="30"/>
        <v>#N/A</v>
      </c>
      <c r="BK82" s="93" t="e">
        <f t="shared" si="31"/>
        <v>#N/A</v>
      </c>
      <c r="BL82" s="93" t="e">
        <f t="shared" si="31"/>
        <v>#N/A</v>
      </c>
    </row>
    <row r="83" spans="2:67" x14ac:dyDescent="0.2">
      <c r="B83" s="79">
        <f t="shared" si="37"/>
        <v>-72.5</v>
      </c>
      <c r="C83" s="73">
        <f t="shared" si="20"/>
        <v>57</v>
      </c>
      <c r="D83" s="64">
        <f>INDEX('CPT Data'!$C$13:$C$20000,MATCH($C83,'CPT Data'!$B$13:$B$20000,1))</f>
        <v>56.987000000000002</v>
      </c>
      <c r="E83" s="55" t="str">
        <f>INDEX('CPT Data'!$P$13:$P$20000,MATCH($C83,'CPT Data'!$B$13:$B$20000,1))</f>
        <v>SAND</v>
      </c>
      <c r="F83" s="76" t="e">
        <f>INDEX('CPT Data'!$Q$13:$Q$20000,MATCH($C83,'CPT Data'!$B$13:$B$20000,1))</f>
        <v>#N/A</v>
      </c>
      <c r="G83" s="76">
        <f>INDEX('CPT Data'!$I$13:$I$20000,MATCH(C83,'CPT Data'!$B$13:$B$20000,1))</f>
        <v>19.210675064506255</v>
      </c>
      <c r="H83" s="76">
        <f>INDEX('CPT Data'!$J$13:$J$20000,MATCH($C83,'CPT Data'!$B$13:$B$20000,1))</f>
        <v>9.2106750645062547</v>
      </c>
      <c r="I83" s="76">
        <f>INDEX('CPT Data'!$L$13:$L$20000,MATCH(C83,'CPT Data'!$B$13:$B$20000,1))</f>
        <v>524.9532146264695</v>
      </c>
      <c r="J83" s="226">
        <f>INDEX('CPT Data'!$R$13:$R$20000,MATCH(C83,'CPT Data'!$B$13:$B$20000,1))</f>
        <v>35</v>
      </c>
      <c r="K83" s="76" t="e">
        <f>INDEX('CPT Data'!$S$13:$S$20000,MATCH($C83,'CPT Data'!$B$13:$B$20000,1))</f>
        <v>#N/A</v>
      </c>
      <c r="L83" s="55">
        <f>VLOOKUP($C83, 'Pile Property'!$A$8:$D$108,2,TRUE)</f>
        <v>2</v>
      </c>
      <c r="M83" s="234" t="e">
        <f>IF($E83="CLAY",ABS($F83-'CPT Data'!$Q$3787)/$D83,#N/A)</f>
        <v>#N/A</v>
      </c>
      <c r="N83" s="65" t="e">
        <f t="shared" si="32"/>
        <v>#N/A</v>
      </c>
      <c r="O83" s="76" t="e">
        <f t="shared" si="38"/>
        <v>#N/A</v>
      </c>
      <c r="P83" s="76" t="e">
        <f t="shared" si="39"/>
        <v>#N/A</v>
      </c>
      <c r="Q83" s="65" t="e">
        <f t="shared" si="18"/>
        <v>#N/A</v>
      </c>
      <c r="R83" s="76" t="e">
        <f t="shared" si="19"/>
        <v>#N/A</v>
      </c>
      <c r="S83" s="76" t="e">
        <f t="shared" si="33"/>
        <v>#N/A</v>
      </c>
      <c r="T83" s="76"/>
      <c r="U83" s="76"/>
      <c r="V83" s="76" t="e">
        <f t="shared" si="40"/>
        <v>#N/A</v>
      </c>
      <c r="W83" s="76" t="e">
        <f t="shared" si="34"/>
        <v>#N/A</v>
      </c>
      <c r="X83" s="76" t="e">
        <f t="shared" si="41"/>
        <v>#N/A</v>
      </c>
      <c r="Y83" s="76" t="e">
        <f t="shared" si="42"/>
        <v>#N/A</v>
      </c>
      <c r="Z83" s="76" t="e">
        <f t="shared" si="35"/>
        <v>#N/A</v>
      </c>
      <c r="AA83" s="85" t="e" cm="1">
        <f t="array" ref="AA83">IF(J83&gt;30,IF(K83&lt;=2,$AB$10,IF(AND(K83&gt;2,K83&lt;=4),TREND($AB$10:$AC$10,$AB$3:$AC$3,K83,TRUE),IF(AND(K83&gt;4,K83&lt;10),TREND($AC$10:$AD$10,$AC$3:$AD$3,K83,TRUE),IF(K83&gt;=10,$AD$10,1)))),IF(K83&lt;=2,$AE$10,IF(AND(K83&gt;2,K83&lt;=4),TREND($AE$10:$AF$10,$AE$3:$AF$3,K83,TRUE),IF(AND(K83&gt;4,K83&lt;10),TREND($AF$10:$AG$10,$AF$3:$AG$3,K83,TRUE),IF(K83&gt;=10,$AG$10,1)))))</f>
        <v>#N/A</v>
      </c>
      <c r="AB83" s="85" t="e" cm="1">
        <f t="array" ref="AB83">IF(J83&gt;30,IF(K83&lt;=2,$AB$11,IF(AND(K83&gt;2,K83&lt;=4),TREND($AB$11:$AC$11,$AB$3:$AC$3,K83,TRUE),IF(AND(K83&gt;4,K83&lt;10),TREND($AC$11:$AD$11,$AC$3:$AD$3,K83,TRUE),IF(K83&gt;=10,$AD$11,1)))),IF(K83&lt;=2,$AE$11,IF(AND(K83&gt;2,K83&lt;=4),TREND($AE$11:$AF$11,$AE$3:$AF$3,K83,TRUE),IF(AND(K83&gt;4,K83&lt;10),TREND($AF$11:$AG$11,$AF$3:$AG$3,K83,TRUE),IF(K83&gt;=10,$AG$11,1)))))</f>
        <v>#N/A</v>
      </c>
      <c r="AC83" s="85" t="e" cm="1">
        <f t="array" ref="AC83">IF(J83&gt;30,IF(K83&lt;=2,$AB$12,IF(AND(K83&gt;2,K83&lt;=4),TREND($AB$12:$AC$12,$AB$3:$AC$3,K83,TRUE),IF(AND(K83&gt;4,K83&lt;10),TREND($AC$12:$AD$12,$AC$3:$AD$3,K83,TRUE),IF(K83&gt;=10,$AD$12,1)))),IF(K83&lt;=2,$AE$12,IF(AND(K83&gt;2,K83&lt;=4),TREND($AE$12:$AF$12,$AE$3:$AF$3,K83,TRUE),IF(AND(K83&gt;4,K83&lt;10),TREND($AF$12:$AG$12,$AF$3:$AG$3,K83,TRUE),IF(K83&gt;=10,$AG$12,1)))))</f>
        <v>#N/A</v>
      </c>
      <c r="AD83" s="85" t="e" cm="1">
        <f t="array" ref="AD83">IF(J83&gt;30,IF(K83&lt;=2,$AB$13,IF(AND(K83&gt;2,K83&lt;=4),TREND($AB$13:$AC$13,$AB$3:$AC$3,K83,TRUE),IF(AND(K83&gt;4,K83&lt;10),TREND($AC$13:$AD$13,$AC$3:$AD$3,K83,TRUE),IF(K83&gt;=10,$AD$13,1)))),IF(K83&lt;=2,$AE$13,IF(AND(K83&gt;2,K83&lt;=4),TREND($AE$13:$AF$13,$AE$3:$AF$3,K83,TRUE),IF(AND(K83&gt;4,K83&lt;10),TREND($AF$13:$AG$13,$AF$3:$AG$3,K83,TRUE),IF(K83&gt;=10,$AG$13,1)))))</f>
        <v>#N/A</v>
      </c>
      <c r="AE83" s="85" t="e" cm="1">
        <f t="array" ref="AE83">IF(J83&gt;30,IF(K83&lt;=2,$AB$14,IF(AND(K83&gt;2,K83&lt;=4),TREND($AB$14:$AC$14,$AB$3:$AC$3,K83,TRUE),IF(AND(K83&gt;4,K83&lt;10),TREND($AC$14:$AD$14,$AC$3:$AD$3,K83,TRUE),IF(K83&gt;=10,$AD$14,1)))),IF(K83&lt;=2,$AE$14,IF(AND(K83&gt;2,K83&lt;=4),TREND($AE$14:$AF$14,$AE$3:$AF$3,K83,TRUE),IF(AND(K83&gt;4,K83&lt;10),TREND($AF$14:$AG$14,$AF$3:$AG$3,K83,TRUE),IF(K83&gt;=10,$AG$14,1)))))</f>
        <v>#N/A</v>
      </c>
      <c r="AF83" s="85" t="e" cm="1">
        <f t="array" ref="AF83">IF(J83&gt;30,IF(K83&lt;=2,$AB$15,IF(AND(K83&gt;2,K83&lt;=4),TREND($AB$15:$AC$15,$AB$3:$AC$3,K83,TRUE),IF(AND(K83&gt;4,K83&lt;10),TREND($AC$15:$AD$15,$AC$3:$AD$3,K83,TRUE),IF(K83&gt;=10,$AD$15,1)))),IF(K83&lt;=2,$AE$15,IF(AND(K83&gt;2,K83&lt;=4),TREND($AE$15:$AF$15,$AE$3:$AF$3,K83,TRUE),IF(AND(K83&gt;4,K83&lt;10),TREND($AF$15:$AG$15,$AF$3:$AG$3,K83,TRUE),IF(K83&gt;=10,$AG$15,1)))))</f>
        <v>#N/A</v>
      </c>
      <c r="AG83" s="86" t="e" cm="1">
        <f t="array" ref="AG83">IF(J83&gt;30,IF(K83&lt;=2,$AB$16,IF(AND(K83&gt;2,K83&lt;=4),TREND($AB$16:$AC$16,$AB$3:$AC$3,K83,TRUE),IF(AND(K83&gt;4,K83&lt;10),TREND($AC$16:$AD$16,$AC$3:$AD$3,K83,TRUE),IF(K83&gt;=10,$AD$16,1)))),IF(K83&lt;=2,$AE$16,IF(AND(K83&gt;2,K83&lt;=4),TREND($AE$16:$AF$16,$AE$3:$AF$3,K83,TRUE),IF(AND(K83&gt;4,K83&lt;10),TREND($AF$16:$AG$16,$AF$3:$AG$3,K83,TRUE),IF(K83&gt;=10,$AG$16,1)))))</f>
        <v>#N/A</v>
      </c>
      <c r="AH83" s="85" t="e" cm="1">
        <f t="array" ref="AH83">IF(J83&gt;30,IF(K83&lt;=2,$AB$17,IF(AND(K83&gt;2,K83&lt;=4),TREND($AB$17:$AC$17,$AB$3:$AC$3,K83,TRUE),IF(AND(K83&gt;4,K83&lt;10),TREND($AC$17:$AD$17,$AC$3:$AD$3,K83,TRUE),IF(K83&gt;=10,$AD$17,1)))),IF(K83&lt;=2,$AE$17,IF(AND(K83&gt;2,K83&lt;=4),TREND($AE$17:$AF$17,$AE$3:$AF$3,K83,TRUE),IF(AND(K83&gt;4,K83&lt;10),TREND($AF$17:$AG$17,$AF$3:$AG$3,K83,TRUE),IF(K83&gt;=10,$AG$17,1)))))</f>
        <v>#N/A</v>
      </c>
      <c r="AI83" s="85" t="e" cm="1">
        <f t="array" ref="AI83">IF(J83&gt;30,IF(K83&lt;=2,$AB$18,IF(AND(K83&gt;2,K83&lt;=4),TREND($AB$18:$AC$18,$AB$3:$AC$3,K83,TRUE),IF(AND(K83&gt;4,K83&lt;10),TREND($AC$18:$AD$18,$AC$3:$AD$3,K83,TRUE),IF(K83&gt;=10,$AD$18,1)))),IF(K83&lt;=2,$AE$18,IF(AND(K83&gt;2,K83&lt;=4),TREND($AE$18:$AF$18,$AE$3:$AF$3,K83,TRUE),IF(AND(K83&gt;4,K83&lt;10),TREND($AF$18:$AG$18,$AF$3:$AG$3,K83,TRUE),IF(K83&gt;=10,$AG$18,1)))))</f>
        <v>#N/A</v>
      </c>
      <c r="AJ83" s="85" t="e" cm="1">
        <f t="array" ref="AJ83">IF(J83&gt;30,IF(K83&lt;=2,$AB$19,IF(AND(K83&gt;2,K83&lt;=4),TREND($AB$19:$AC$19,$AB$3:$AC$3,K83,TRUE),IF(AND(K83&gt;4,K83&lt;10),TREND($AC$19:$AD$19,$AC$3:$AD$3,K83,TRUE),IF(K83&gt;=10,$AD$19,1)))),IF(K83&lt;=2,$AE$19,IF(AND(K83&gt;2,K83&lt;=4),TREND($AE$19:$AF$19,$AE$3:$AF$3,K83,TRUE),IF(AND(K83&gt;4,K83&lt;10),TREND($AF$19:$AG$19,$AF$3:$AG$3,K83,TRUE),IF(K83&gt;=10,$AG$19,1)))))</f>
        <v>#N/A</v>
      </c>
      <c r="AK83" s="85" t="e" cm="1">
        <f t="array" ref="AK83">IF(J83&gt;30,IF(K83&lt;=2,$AB$20,IF(AND(K83&gt;2,K83&lt;=4),TREND($AB$20:$AC$20,$AB$3:$AC$3,K83,TRUE),IF(AND(K83&gt;4,K83&lt;10),TREND($AC$20:$AD$20,$AC$3:$AD$3,K83,TRUE),IF(K83&gt;=10,$AD$20,1)))),IF(K83&lt;=2,$AE$20,IF(AND(K83&gt;2,K83&lt;=4),TREND($AE$20:$AF$20,$AE$3:$AF$3,K83,TRUE),IF(AND(K83&gt;4,K83&lt;10),TREND($AF$20:$AG$20,$AF$3:$AG$3,K83,TRUE),IF(K83&gt;=10,$AG$20,1)))))</f>
        <v>#N/A</v>
      </c>
      <c r="AL83" s="85">
        <v>3</v>
      </c>
      <c r="AM83" s="92">
        <v>0</v>
      </c>
      <c r="AN83" s="92" t="e">
        <f t="shared" si="6"/>
        <v>#N/A</v>
      </c>
      <c r="AO83" s="92" t="e">
        <f t="shared" si="21"/>
        <v>#N/A</v>
      </c>
      <c r="AP83" s="92" t="e">
        <f t="shared" si="7"/>
        <v>#N/A</v>
      </c>
      <c r="AQ83" s="92" t="e">
        <f t="shared" si="8"/>
        <v>#N/A</v>
      </c>
      <c r="AR83" s="92" t="e">
        <f t="shared" si="9"/>
        <v>#N/A</v>
      </c>
      <c r="AS83" s="92" t="e">
        <f t="shared" si="10"/>
        <v>#N/A</v>
      </c>
      <c r="AT83" s="92" t="e">
        <f t="shared" si="11"/>
        <v>#N/A</v>
      </c>
      <c r="AU83" s="92" t="e">
        <f t="shared" si="12"/>
        <v>#N/A</v>
      </c>
      <c r="AV83" s="92" t="e">
        <f t="shared" si="13"/>
        <v>#N/A</v>
      </c>
      <c r="AW83" s="92" t="e">
        <f t="shared" si="14"/>
        <v>#N/A</v>
      </c>
      <c r="AX83" s="92" t="e">
        <f t="shared" si="15"/>
        <v>#N/A</v>
      </c>
      <c r="AY83" s="92">
        <f t="shared" si="16"/>
        <v>6000</v>
      </c>
      <c r="AZ83" s="93">
        <v>1</v>
      </c>
      <c r="BA83" s="93" t="e">
        <f t="shared" si="36"/>
        <v>#N/A</v>
      </c>
      <c r="BB83" s="93" t="e">
        <f t="shared" si="22"/>
        <v>#N/A</v>
      </c>
      <c r="BC83" s="93" t="e">
        <f t="shared" si="23"/>
        <v>#N/A</v>
      </c>
      <c r="BD83" s="93" t="e">
        <f t="shared" si="24"/>
        <v>#N/A</v>
      </c>
      <c r="BE83" s="93" t="e">
        <f t="shared" si="25"/>
        <v>#N/A</v>
      </c>
      <c r="BF83" s="93" t="e">
        <f t="shared" si="26"/>
        <v>#N/A</v>
      </c>
      <c r="BG83" s="93" t="e">
        <f t="shared" si="27"/>
        <v>#N/A</v>
      </c>
      <c r="BH83" s="93" t="e">
        <f t="shared" si="28"/>
        <v>#N/A</v>
      </c>
      <c r="BI83" s="93" t="e">
        <f t="shared" si="29"/>
        <v>#N/A</v>
      </c>
      <c r="BJ83" s="93" t="e">
        <f t="shared" si="30"/>
        <v>#N/A</v>
      </c>
      <c r="BK83" s="93" t="e">
        <f t="shared" si="31"/>
        <v>#N/A</v>
      </c>
      <c r="BL83" s="93" t="e">
        <f t="shared" si="31"/>
        <v>#N/A</v>
      </c>
    </row>
    <row r="84" spans="2:67" x14ac:dyDescent="0.2">
      <c r="B84" s="79">
        <f t="shared" si="37"/>
        <v>-73.5</v>
      </c>
      <c r="C84" s="73">
        <f t="shared" si="20"/>
        <v>58</v>
      </c>
      <c r="D84" s="64">
        <f>INDEX('CPT Data'!$C$13:$C$20000,MATCH($C84,'CPT Data'!$B$13:$B$20000,1))</f>
        <v>57.984000000000002</v>
      </c>
      <c r="E84" s="55" t="str">
        <f>INDEX('CPT Data'!$P$13:$P$20000,MATCH($C84,'CPT Data'!$B$13:$B$20000,1))</f>
        <v>SAND</v>
      </c>
      <c r="F84" s="76" t="e">
        <f>INDEX('CPT Data'!$Q$13:$Q$20000,MATCH($C84,'CPT Data'!$B$13:$B$20000,1))</f>
        <v>#N/A</v>
      </c>
      <c r="G84" s="76">
        <f>INDEX('CPT Data'!$I$13:$I$20000,MATCH(C84,'CPT Data'!$B$13:$B$20000,1))</f>
        <v>20.495684795946186</v>
      </c>
      <c r="H84" s="76">
        <f>INDEX('CPT Data'!$J$13:$J$20000,MATCH($C84,'CPT Data'!$B$13:$B$20000,1))</f>
        <v>10.495684795946186</v>
      </c>
      <c r="I84" s="76">
        <f>INDEX('CPT Data'!$L$13:$L$20000,MATCH(C84,'CPT Data'!$B$13:$B$20000,1))</f>
        <v>608.65525700171531</v>
      </c>
      <c r="J84" s="226">
        <f>INDEX('CPT Data'!$R$13:$R$20000,MATCH(C84,'CPT Data'!$B$13:$B$20000,1))</f>
        <v>35</v>
      </c>
      <c r="K84" s="76" t="e">
        <f>INDEX('CPT Data'!$S$13:$S$20000,MATCH($C84,'CPT Data'!$B$13:$B$20000,1))</f>
        <v>#N/A</v>
      </c>
      <c r="L84" s="55">
        <f>VLOOKUP($C84, 'Pile Property'!$A$8:$D$108,2,TRUE)</f>
        <v>2</v>
      </c>
      <c r="M84" s="234" t="e">
        <f>IF($E84="CLAY",ABS($F84-'CPT Data'!$Q$3787)/$D84,#N/A)</f>
        <v>#N/A</v>
      </c>
      <c r="N84" s="65" t="e">
        <f t="shared" si="32"/>
        <v>#N/A</v>
      </c>
      <c r="O84" s="76" t="e">
        <f t="shared" si="38"/>
        <v>#N/A</v>
      </c>
      <c r="P84" s="76" t="e">
        <f t="shared" si="39"/>
        <v>#N/A</v>
      </c>
      <c r="Q84" s="65" t="e">
        <f t="shared" si="18"/>
        <v>#N/A</v>
      </c>
      <c r="R84" s="76" t="e">
        <f t="shared" si="19"/>
        <v>#N/A</v>
      </c>
      <c r="S84" s="76" t="e">
        <f t="shared" si="33"/>
        <v>#N/A</v>
      </c>
      <c r="T84" s="76"/>
      <c r="U84" s="76"/>
      <c r="V84" s="76" t="e">
        <f t="shared" si="40"/>
        <v>#N/A</v>
      </c>
      <c r="W84" s="76" t="e">
        <f t="shared" si="34"/>
        <v>#N/A</v>
      </c>
      <c r="X84" s="76" t="e">
        <f t="shared" si="41"/>
        <v>#N/A</v>
      </c>
      <c r="Y84" s="76" t="e">
        <f t="shared" si="42"/>
        <v>#N/A</v>
      </c>
      <c r="Z84" s="76" t="e">
        <f t="shared" si="35"/>
        <v>#N/A</v>
      </c>
      <c r="AA84" s="85" t="e" cm="1">
        <f t="array" ref="AA84">IF(J84&gt;30,IF(K84&lt;=2,$AB$10,IF(AND(K84&gt;2,K84&lt;=4),TREND($AB$10:$AC$10,$AB$3:$AC$3,K84,TRUE),IF(AND(K84&gt;4,K84&lt;10),TREND($AC$10:$AD$10,$AC$3:$AD$3,K84,TRUE),IF(K84&gt;=10,$AD$10,1)))),IF(K84&lt;=2,$AE$10,IF(AND(K84&gt;2,K84&lt;=4),TREND($AE$10:$AF$10,$AE$3:$AF$3,K84,TRUE),IF(AND(K84&gt;4,K84&lt;10),TREND($AF$10:$AG$10,$AF$3:$AG$3,K84,TRUE),IF(K84&gt;=10,$AG$10,1)))))</f>
        <v>#N/A</v>
      </c>
      <c r="AB84" s="85" t="e" cm="1">
        <f t="array" ref="AB84">IF(J84&gt;30,IF(K84&lt;=2,$AB$11,IF(AND(K84&gt;2,K84&lt;=4),TREND($AB$11:$AC$11,$AB$3:$AC$3,K84,TRUE),IF(AND(K84&gt;4,K84&lt;10),TREND($AC$11:$AD$11,$AC$3:$AD$3,K84,TRUE),IF(K84&gt;=10,$AD$11,1)))),IF(K84&lt;=2,$AE$11,IF(AND(K84&gt;2,K84&lt;=4),TREND($AE$11:$AF$11,$AE$3:$AF$3,K84,TRUE),IF(AND(K84&gt;4,K84&lt;10),TREND($AF$11:$AG$11,$AF$3:$AG$3,K84,TRUE),IF(K84&gt;=10,$AG$11,1)))))</f>
        <v>#N/A</v>
      </c>
      <c r="AC84" s="85" t="e" cm="1">
        <f t="array" ref="AC84">IF(J84&gt;30,IF(K84&lt;=2,$AB$12,IF(AND(K84&gt;2,K84&lt;=4),TREND($AB$12:$AC$12,$AB$3:$AC$3,K84,TRUE),IF(AND(K84&gt;4,K84&lt;10),TREND($AC$12:$AD$12,$AC$3:$AD$3,K84,TRUE),IF(K84&gt;=10,$AD$12,1)))),IF(K84&lt;=2,$AE$12,IF(AND(K84&gt;2,K84&lt;=4),TREND($AE$12:$AF$12,$AE$3:$AF$3,K84,TRUE),IF(AND(K84&gt;4,K84&lt;10),TREND($AF$12:$AG$12,$AF$3:$AG$3,K84,TRUE),IF(K84&gt;=10,$AG$12,1)))))</f>
        <v>#N/A</v>
      </c>
      <c r="AD84" s="85" t="e" cm="1">
        <f t="array" ref="AD84">IF(J84&gt;30,IF(K84&lt;=2,$AB$13,IF(AND(K84&gt;2,K84&lt;=4),TREND($AB$13:$AC$13,$AB$3:$AC$3,K84,TRUE),IF(AND(K84&gt;4,K84&lt;10),TREND($AC$13:$AD$13,$AC$3:$AD$3,K84,TRUE),IF(K84&gt;=10,$AD$13,1)))),IF(K84&lt;=2,$AE$13,IF(AND(K84&gt;2,K84&lt;=4),TREND($AE$13:$AF$13,$AE$3:$AF$3,K84,TRUE),IF(AND(K84&gt;4,K84&lt;10),TREND($AF$13:$AG$13,$AF$3:$AG$3,K84,TRUE),IF(K84&gt;=10,$AG$13,1)))))</f>
        <v>#N/A</v>
      </c>
      <c r="AE84" s="85" t="e" cm="1">
        <f t="array" ref="AE84">IF(J84&gt;30,IF(K84&lt;=2,$AB$14,IF(AND(K84&gt;2,K84&lt;=4),TREND($AB$14:$AC$14,$AB$3:$AC$3,K84,TRUE),IF(AND(K84&gt;4,K84&lt;10),TREND($AC$14:$AD$14,$AC$3:$AD$3,K84,TRUE),IF(K84&gt;=10,$AD$14,1)))),IF(K84&lt;=2,$AE$14,IF(AND(K84&gt;2,K84&lt;=4),TREND($AE$14:$AF$14,$AE$3:$AF$3,K84,TRUE),IF(AND(K84&gt;4,K84&lt;10),TREND($AF$14:$AG$14,$AF$3:$AG$3,K84,TRUE),IF(K84&gt;=10,$AG$14,1)))))</f>
        <v>#N/A</v>
      </c>
      <c r="AF84" s="85" t="e" cm="1">
        <f t="array" ref="AF84">IF(J84&gt;30,IF(K84&lt;=2,$AB$15,IF(AND(K84&gt;2,K84&lt;=4),TREND($AB$15:$AC$15,$AB$3:$AC$3,K84,TRUE),IF(AND(K84&gt;4,K84&lt;10),TREND($AC$15:$AD$15,$AC$3:$AD$3,K84,TRUE),IF(K84&gt;=10,$AD$15,1)))),IF(K84&lt;=2,$AE$15,IF(AND(K84&gt;2,K84&lt;=4),TREND($AE$15:$AF$15,$AE$3:$AF$3,K84,TRUE),IF(AND(K84&gt;4,K84&lt;10),TREND($AF$15:$AG$15,$AF$3:$AG$3,K84,TRUE),IF(K84&gt;=10,$AG$15,1)))))</f>
        <v>#N/A</v>
      </c>
      <c r="AG84" s="86" t="e" cm="1">
        <f t="array" ref="AG84">IF(J84&gt;30,IF(K84&lt;=2,$AB$16,IF(AND(K84&gt;2,K84&lt;=4),TREND($AB$16:$AC$16,$AB$3:$AC$3,K84,TRUE),IF(AND(K84&gt;4,K84&lt;10),TREND($AC$16:$AD$16,$AC$3:$AD$3,K84,TRUE),IF(K84&gt;=10,$AD$16,1)))),IF(K84&lt;=2,$AE$16,IF(AND(K84&gt;2,K84&lt;=4),TREND($AE$16:$AF$16,$AE$3:$AF$3,K84,TRUE),IF(AND(K84&gt;4,K84&lt;10),TREND($AF$16:$AG$16,$AF$3:$AG$3,K84,TRUE),IF(K84&gt;=10,$AG$16,1)))))</f>
        <v>#N/A</v>
      </c>
      <c r="AH84" s="85" t="e" cm="1">
        <f t="array" ref="AH84">IF(J84&gt;30,IF(K84&lt;=2,$AB$17,IF(AND(K84&gt;2,K84&lt;=4),TREND($AB$17:$AC$17,$AB$3:$AC$3,K84,TRUE),IF(AND(K84&gt;4,K84&lt;10),TREND($AC$17:$AD$17,$AC$3:$AD$3,K84,TRUE),IF(K84&gt;=10,$AD$17,1)))),IF(K84&lt;=2,$AE$17,IF(AND(K84&gt;2,K84&lt;=4),TREND($AE$17:$AF$17,$AE$3:$AF$3,K84,TRUE),IF(AND(K84&gt;4,K84&lt;10),TREND($AF$17:$AG$17,$AF$3:$AG$3,K84,TRUE),IF(K84&gt;=10,$AG$17,1)))))</f>
        <v>#N/A</v>
      </c>
      <c r="AI84" s="85" t="e" cm="1">
        <f t="array" ref="AI84">IF(J84&gt;30,IF(K84&lt;=2,$AB$18,IF(AND(K84&gt;2,K84&lt;=4),TREND($AB$18:$AC$18,$AB$3:$AC$3,K84,TRUE),IF(AND(K84&gt;4,K84&lt;10),TREND($AC$18:$AD$18,$AC$3:$AD$3,K84,TRUE),IF(K84&gt;=10,$AD$18,1)))),IF(K84&lt;=2,$AE$18,IF(AND(K84&gt;2,K84&lt;=4),TREND($AE$18:$AF$18,$AE$3:$AF$3,K84,TRUE),IF(AND(K84&gt;4,K84&lt;10),TREND($AF$18:$AG$18,$AF$3:$AG$3,K84,TRUE),IF(K84&gt;=10,$AG$18,1)))))</f>
        <v>#N/A</v>
      </c>
      <c r="AJ84" s="85" t="e" cm="1">
        <f t="array" ref="AJ84">IF(J84&gt;30,IF(K84&lt;=2,$AB$19,IF(AND(K84&gt;2,K84&lt;=4),TREND($AB$19:$AC$19,$AB$3:$AC$3,K84,TRUE),IF(AND(K84&gt;4,K84&lt;10),TREND($AC$19:$AD$19,$AC$3:$AD$3,K84,TRUE),IF(K84&gt;=10,$AD$19,1)))),IF(K84&lt;=2,$AE$19,IF(AND(K84&gt;2,K84&lt;=4),TREND($AE$19:$AF$19,$AE$3:$AF$3,K84,TRUE),IF(AND(K84&gt;4,K84&lt;10),TREND($AF$19:$AG$19,$AF$3:$AG$3,K84,TRUE),IF(K84&gt;=10,$AG$19,1)))))</f>
        <v>#N/A</v>
      </c>
      <c r="AK84" s="85" t="e" cm="1">
        <f t="array" ref="AK84">IF(J84&gt;30,IF(K84&lt;=2,$AB$20,IF(AND(K84&gt;2,K84&lt;=4),TREND($AB$20:$AC$20,$AB$3:$AC$3,K84,TRUE),IF(AND(K84&gt;4,K84&lt;10),TREND($AC$20:$AD$20,$AC$3:$AD$3,K84,TRUE),IF(K84&gt;=10,$AD$20,1)))),IF(K84&lt;=2,$AE$20,IF(AND(K84&gt;2,K84&lt;=4),TREND($AE$20:$AF$20,$AE$3:$AF$3,K84,TRUE),IF(AND(K84&gt;4,K84&lt;10),TREND($AF$20:$AG$20,$AF$3:$AG$3,K84,TRUE),IF(K84&gt;=10,$AG$20,1)))))</f>
        <v>#N/A</v>
      </c>
      <c r="AL84" s="85">
        <v>3</v>
      </c>
      <c r="AM84" s="92">
        <v>0</v>
      </c>
      <c r="AN84" s="92" t="e">
        <f t="shared" si="6"/>
        <v>#N/A</v>
      </c>
      <c r="AO84" s="92" t="e">
        <f t="shared" si="21"/>
        <v>#N/A</v>
      </c>
      <c r="AP84" s="92" t="e">
        <f t="shared" si="7"/>
        <v>#N/A</v>
      </c>
      <c r="AQ84" s="92" t="e">
        <f t="shared" si="8"/>
        <v>#N/A</v>
      </c>
      <c r="AR84" s="92" t="e">
        <f t="shared" si="9"/>
        <v>#N/A</v>
      </c>
      <c r="AS84" s="92" t="e">
        <f t="shared" si="10"/>
        <v>#N/A</v>
      </c>
      <c r="AT84" s="92" t="e">
        <f t="shared" si="11"/>
        <v>#N/A</v>
      </c>
      <c r="AU84" s="92" t="e">
        <f t="shared" si="12"/>
        <v>#N/A</v>
      </c>
      <c r="AV84" s="92" t="e">
        <f t="shared" si="13"/>
        <v>#N/A</v>
      </c>
      <c r="AW84" s="92" t="e">
        <f t="shared" si="14"/>
        <v>#N/A</v>
      </c>
      <c r="AX84" s="92" t="e">
        <f t="shared" si="15"/>
        <v>#N/A</v>
      </c>
      <c r="AY84" s="92">
        <f t="shared" si="16"/>
        <v>6000</v>
      </c>
      <c r="AZ84" s="93">
        <v>2</v>
      </c>
      <c r="BA84" s="93" t="e">
        <f t="shared" si="36"/>
        <v>#N/A</v>
      </c>
      <c r="BB84" s="93" t="e">
        <f t="shared" si="22"/>
        <v>#N/A</v>
      </c>
      <c r="BC84" s="93" t="e">
        <f t="shared" si="23"/>
        <v>#N/A</v>
      </c>
      <c r="BD84" s="93" t="e">
        <f t="shared" si="24"/>
        <v>#N/A</v>
      </c>
      <c r="BE84" s="93" t="e">
        <f t="shared" si="25"/>
        <v>#N/A</v>
      </c>
      <c r="BF84" s="93" t="e">
        <f t="shared" si="26"/>
        <v>#N/A</v>
      </c>
      <c r="BG84" s="93" t="e">
        <f t="shared" si="27"/>
        <v>#N/A</v>
      </c>
      <c r="BH84" s="93" t="e">
        <f t="shared" si="28"/>
        <v>#N/A</v>
      </c>
      <c r="BI84" s="93" t="e">
        <f t="shared" si="29"/>
        <v>#N/A</v>
      </c>
      <c r="BJ84" s="93" t="e">
        <f t="shared" si="30"/>
        <v>#N/A</v>
      </c>
      <c r="BK84" s="93" t="e">
        <f t="shared" si="31"/>
        <v>#N/A</v>
      </c>
      <c r="BL84" s="93" t="e">
        <f t="shared" si="31"/>
        <v>#N/A</v>
      </c>
      <c r="BO84" s="59"/>
    </row>
    <row r="85" spans="2:67" x14ac:dyDescent="0.2">
      <c r="B85" s="79">
        <f t="shared" si="37"/>
        <v>-74.5</v>
      </c>
      <c r="C85" s="73">
        <f t="shared" si="20"/>
        <v>59</v>
      </c>
      <c r="D85" s="64">
        <f>INDEX('CPT Data'!$C$13:$C$20000,MATCH($C85,'CPT Data'!$B$13:$B$20000,1))</f>
        <v>58.988</v>
      </c>
      <c r="E85" s="55" t="str">
        <f>INDEX('CPT Data'!$P$13:$P$20000,MATCH($C85,'CPT Data'!$B$13:$B$20000,1))</f>
        <v>SAND</v>
      </c>
      <c r="F85" s="76" t="e">
        <f>INDEX('CPT Data'!$Q$13:$Q$20000,MATCH($C85,'CPT Data'!$B$13:$B$20000,1))</f>
        <v>#N/A</v>
      </c>
      <c r="G85" s="76">
        <f>INDEX('CPT Data'!$I$13:$I$20000,MATCH(C85,'CPT Data'!$B$13:$B$20000,1))</f>
        <v>19.312491851675158</v>
      </c>
      <c r="H85" s="76">
        <f>INDEX('CPT Data'!$J$13:$J$20000,MATCH($C85,'CPT Data'!$B$13:$B$20000,1))</f>
        <v>9.3124918516751585</v>
      </c>
      <c r="I85" s="76">
        <f>INDEX('CPT Data'!$L$13:$L$20000,MATCH(C85,'CPT Data'!$B$13:$B$20000,1))</f>
        <v>549.39045678957598</v>
      </c>
      <c r="J85" s="226">
        <f>INDEX('CPT Data'!$R$13:$R$20000,MATCH(C85,'CPT Data'!$B$13:$B$20000,1))</f>
        <v>35</v>
      </c>
      <c r="K85" s="76" t="e">
        <f>INDEX('CPT Data'!$S$13:$S$20000,MATCH($C85,'CPT Data'!$B$13:$B$20000,1))</f>
        <v>#N/A</v>
      </c>
      <c r="L85" s="55">
        <f>VLOOKUP($C85, 'Pile Property'!$A$8:$D$108,2,TRUE)</f>
        <v>2</v>
      </c>
      <c r="M85" s="234" t="e">
        <f>IF($E85="CLAY",ABS($F85-'CPT Data'!$Q$3787)/$D85,#N/A)</f>
        <v>#N/A</v>
      </c>
      <c r="N85" s="65" t="e">
        <f t="shared" si="32"/>
        <v>#N/A</v>
      </c>
      <c r="O85" s="76" t="e">
        <f t="shared" si="38"/>
        <v>#N/A</v>
      </c>
      <c r="P85" s="76" t="e">
        <f t="shared" si="39"/>
        <v>#N/A</v>
      </c>
      <c r="Q85" s="65" t="e">
        <f t="shared" si="18"/>
        <v>#N/A</v>
      </c>
      <c r="R85" s="76" t="e">
        <f t="shared" si="19"/>
        <v>#N/A</v>
      </c>
      <c r="S85" s="76" t="e">
        <f t="shared" si="33"/>
        <v>#N/A</v>
      </c>
      <c r="T85" s="76"/>
      <c r="U85" s="76"/>
      <c r="V85" s="76" t="e">
        <f t="shared" si="40"/>
        <v>#N/A</v>
      </c>
      <c r="W85" s="76" t="e">
        <f t="shared" si="34"/>
        <v>#N/A</v>
      </c>
      <c r="X85" s="76" t="e">
        <f t="shared" si="41"/>
        <v>#N/A</v>
      </c>
      <c r="Y85" s="76" t="e">
        <f t="shared" si="42"/>
        <v>#N/A</v>
      </c>
      <c r="Z85" s="76" t="e">
        <f t="shared" si="35"/>
        <v>#N/A</v>
      </c>
      <c r="AA85" s="85" t="e" cm="1">
        <f t="array" ref="AA85">IF(J85&gt;30,IF(K85&lt;=2,$AB$10,IF(AND(K85&gt;2,K85&lt;=4),TREND($AB$10:$AC$10,$AB$3:$AC$3,K85,TRUE),IF(AND(K85&gt;4,K85&lt;10),TREND($AC$10:$AD$10,$AC$3:$AD$3,K85,TRUE),IF(K85&gt;=10,$AD$10,1)))),IF(K85&lt;=2,$AE$10,IF(AND(K85&gt;2,K85&lt;=4),TREND($AE$10:$AF$10,$AE$3:$AF$3,K85,TRUE),IF(AND(K85&gt;4,K85&lt;10),TREND($AF$10:$AG$10,$AF$3:$AG$3,K85,TRUE),IF(K85&gt;=10,$AG$10,1)))))</f>
        <v>#N/A</v>
      </c>
      <c r="AB85" s="85" t="e" cm="1">
        <f t="array" ref="AB85">IF(J85&gt;30,IF(K85&lt;=2,$AB$11,IF(AND(K85&gt;2,K85&lt;=4),TREND($AB$11:$AC$11,$AB$3:$AC$3,K85,TRUE),IF(AND(K85&gt;4,K85&lt;10),TREND($AC$11:$AD$11,$AC$3:$AD$3,K85,TRUE),IF(K85&gt;=10,$AD$11,1)))),IF(K85&lt;=2,$AE$11,IF(AND(K85&gt;2,K85&lt;=4),TREND($AE$11:$AF$11,$AE$3:$AF$3,K85,TRUE),IF(AND(K85&gt;4,K85&lt;10),TREND($AF$11:$AG$11,$AF$3:$AG$3,K85,TRUE),IF(K85&gt;=10,$AG$11,1)))))</f>
        <v>#N/A</v>
      </c>
      <c r="AC85" s="85" t="e" cm="1">
        <f t="array" ref="AC85">IF(J85&gt;30,IF(K85&lt;=2,$AB$12,IF(AND(K85&gt;2,K85&lt;=4),TREND($AB$12:$AC$12,$AB$3:$AC$3,K85,TRUE),IF(AND(K85&gt;4,K85&lt;10),TREND($AC$12:$AD$12,$AC$3:$AD$3,K85,TRUE),IF(K85&gt;=10,$AD$12,1)))),IF(K85&lt;=2,$AE$12,IF(AND(K85&gt;2,K85&lt;=4),TREND($AE$12:$AF$12,$AE$3:$AF$3,K85,TRUE),IF(AND(K85&gt;4,K85&lt;10),TREND($AF$12:$AG$12,$AF$3:$AG$3,K85,TRUE),IF(K85&gt;=10,$AG$12,1)))))</f>
        <v>#N/A</v>
      </c>
      <c r="AD85" s="85" t="e" cm="1">
        <f t="array" ref="AD85">IF(J85&gt;30,IF(K85&lt;=2,$AB$13,IF(AND(K85&gt;2,K85&lt;=4),TREND($AB$13:$AC$13,$AB$3:$AC$3,K85,TRUE),IF(AND(K85&gt;4,K85&lt;10),TREND($AC$13:$AD$13,$AC$3:$AD$3,K85,TRUE),IF(K85&gt;=10,$AD$13,1)))),IF(K85&lt;=2,$AE$13,IF(AND(K85&gt;2,K85&lt;=4),TREND($AE$13:$AF$13,$AE$3:$AF$3,K85,TRUE),IF(AND(K85&gt;4,K85&lt;10),TREND($AF$13:$AG$13,$AF$3:$AG$3,K85,TRUE),IF(K85&gt;=10,$AG$13,1)))))</f>
        <v>#N/A</v>
      </c>
      <c r="AE85" s="85" t="e" cm="1">
        <f t="array" ref="AE85">IF(J85&gt;30,IF(K85&lt;=2,$AB$14,IF(AND(K85&gt;2,K85&lt;=4),TREND($AB$14:$AC$14,$AB$3:$AC$3,K85,TRUE),IF(AND(K85&gt;4,K85&lt;10),TREND($AC$14:$AD$14,$AC$3:$AD$3,K85,TRUE),IF(K85&gt;=10,$AD$14,1)))),IF(K85&lt;=2,$AE$14,IF(AND(K85&gt;2,K85&lt;=4),TREND($AE$14:$AF$14,$AE$3:$AF$3,K85,TRUE),IF(AND(K85&gt;4,K85&lt;10),TREND($AF$14:$AG$14,$AF$3:$AG$3,K85,TRUE),IF(K85&gt;=10,$AG$14,1)))))</f>
        <v>#N/A</v>
      </c>
      <c r="AF85" s="85" t="e" cm="1">
        <f t="array" ref="AF85">IF(J85&gt;30,IF(K85&lt;=2,$AB$15,IF(AND(K85&gt;2,K85&lt;=4),TREND($AB$15:$AC$15,$AB$3:$AC$3,K85,TRUE),IF(AND(K85&gt;4,K85&lt;10),TREND($AC$15:$AD$15,$AC$3:$AD$3,K85,TRUE),IF(K85&gt;=10,$AD$15,1)))),IF(K85&lt;=2,$AE$15,IF(AND(K85&gt;2,K85&lt;=4),TREND($AE$15:$AF$15,$AE$3:$AF$3,K85,TRUE),IF(AND(K85&gt;4,K85&lt;10),TREND($AF$15:$AG$15,$AF$3:$AG$3,K85,TRUE),IF(K85&gt;=10,$AG$15,1)))))</f>
        <v>#N/A</v>
      </c>
      <c r="AG85" s="86" t="e" cm="1">
        <f t="array" ref="AG85">IF(J85&gt;30,IF(K85&lt;=2,$AB$16,IF(AND(K85&gt;2,K85&lt;=4),TREND($AB$16:$AC$16,$AB$3:$AC$3,K85,TRUE),IF(AND(K85&gt;4,K85&lt;10),TREND($AC$16:$AD$16,$AC$3:$AD$3,K85,TRUE),IF(K85&gt;=10,$AD$16,1)))),IF(K85&lt;=2,$AE$16,IF(AND(K85&gt;2,K85&lt;=4),TREND($AE$16:$AF$16,$AE$3:$AF$3,K85,TRUE),IF(AND(K85&gt;4,K85&lt;10),TREND($AF$16:$AG$16,$AF$3:$AG$3,K85,TRUE),IF(K85&gt;=10,$AG$16,1)))))</f>
        <v>#N/A</v>
      </c>
      <c r="AH85" s="85" t="e" cm="1">
        <f t="array" ref="AH85">IF(J85&gt;30,IF(K85&lt;=2,$AB$17,IF(AND(K85&gt;2,K85&lt;=4),TREND($AB$17:$AC$17,$AB$3:$AC$3,K85,TRUE),IF(AND(K85&gt;4,K85&lt;10),TREND($AC$17:$AD$17,$AC$3:$AD$3,K85,TRUE),IF(K85&gt;=10,$AD$17,1)))),IF(K85&lt;=2,$AE$17,IF(AND(K85&gt;2,K85&lt;=4),TREND($AE$17:$AF$17,$AE$3:$AF$3,K85,TRUE),IF(AND(K85&gt;4,K85&lt;10),TREND($AF$17:$AG$17,$AF$3:$AG$3,K85,TRUE),IF(K85&gt;=10,$AG$17,1)))))</f>
        <v>#N/A</v>
      </c>
      <c r="AI85" s="85" t="e" cm="1">
        <f t="array" ref="AI85">IF(J85&gt;30,IF(K85&lt;=2,$AB$18,IF(AND(K85&gt;2,K85&lt;=4),TREND($AB$18:$AC$18,$AB$3:$AC$3,K85,TRUE),IF(AND(K85&gt;4,K85&lt;10),TREND($AC$18:$AD$18,$AC$3:$AD$3,K85,TRUE),IF(K85&gt;=10,$AD$18,1)))),IF(K85&lt;=2,$AE$18,IF(AND(K85&gt;2,K85&lt;=4),TREND($AE$18:$AF$18,$AE$3:$AF$3,K85,TRUE),IF(AND(K85&gt;4,K85&lt;10),TREND($AF$18:$AG$18,$AF$3:$AG$3,K85,TRUE),IF(K85&gt;=10,$AG$18,1)))))</f>
        <v>#N/A</v>
      </c>
      <c r="AJ85" s="85" t="e" cm="1">
        <f t="array" ref="AJ85">IF(J85&gt;30,IF(K85&lt;=2,$AB$19,IF(AND(K85&gt;2,K85&lt;=4),TREND($AB$19:$AC$19,$AB$3:$AC$3,K85,TRUE),IF(AND(K85&gt;4,K85&lt;10),TREND($AC$19:$AD$19,$AC$3:$AD$3,K85,TRUE),IF(K85&gt;=10,$AD$19,1)))),IF(K85&lt;=2,$AE$19,IF(AND(K85&gt;2,K85&lt;=4),TREND($AE$19:$AF$19,$AE$3:$AF$3,K85,TRUE),IF(AND(K85&gt;4,K85&lt;10),TREND($AF$19:$AG$19,$AF$3:$AG$3,K85,TRUE),IF(K85&gt;=10,$AG$19,1)))))</f>
        <v>#N/A</v>
      </c>
      <c r="AK85" s="85" t="e" cm="1">
        <f t="array" ref="AK85">IF(J85&gt;30,IF(K85&lt;=2,$AB$20,IF(AND(K85&gt;2,K85&lt;=4),TREND($AB$20:$AC$20,$AB$3:$AC$3,K85,TRUE),IF(AND(K85&gt;4,K85&lt;10),TREND($AC$20:$AD$20,$AC$3:$AD$3,K85,TRUE),IF(K85&gt;=10,$AD$20,1)))),IF(K85&lt;=2,$AE$20,IF(AND(K85&gt;2,K85&lt;=4),TREND($AE$20:$AF$20,$AE$3:$AF$3,K85,TRUE),IF(AND(K85&gt;4,K85&lt;10),TREND($AF$20:$AG$20,$AF$3:$AG$3,K85,TRUE),IF(K85&gt;=10,$AG$20,1)))))</f>
        <v>#N/A</v>
      </c>
      <c r="AL85" s="85">
        <v>3</v>
      </c>
      <c r="AM85" s="92">
        <v>0</v>
      </c>
      <c r="AN85" s="92" t="e">
        <f t="shared" si="6"/>
        <v>#N/A</v>
      </c>
      <c r="AO85" s="92" t="e">
        <f t="shared" si="21"/>
        <v>#N/A</v>
      </c>
      <c r="AP85" s="92" t="e">
        <f t="shared" si="7"/>
        <v>#N/A</v>
      </c>
      <c r="AQ85" s="92" t="e">
        <f t="shared" si="8"/>
        <v>#N/A</v>
      </c>
      <c r="AR85" s="92" t="e">
        <f t="shared" si="9"/>
        <v>#N/A</v>
      </c>
      <c r="AS85" s="92" t="e">
        <f t="shared" si="10"/>
        <v>#N/A</v>
      </c>
      <c r="AT85" s="92" t="e">
        <f t="shared" si="11"/>
        <v>#N/A</v>
      </c>
      <c r="AU85" s="92" t="e">
        <f t="shared" si="12"/>
        <v>#N/A</v>
      </c>
      <c r="AV85" s="92" t="e">
        <f t="shared" si="13"/>
        <v>#N/A</v>
      </c>
      <c r="AW85" s="92" t="e">
        <f t="shared" si="14"/>
        <v>#N/A</v>
      </c>
      <c r="AX85" s="92" t="e">
        <f t="shared" si="15"/>
        <v>#N/A</v>
      </c>
      <c r="AY85" s="92">
        <f t="shared" si="16"/>
        <v>6000</v>
      </c>
      <c r="AZ85" s="93">
        <v>3</v>
      </c>
      <c r="BA85" s="93" t="e">
        <f t="shared" si="36"/>
        <v>#N/A</v>
      </c>
      <c r="BB85" s="93" t="e">
        <f t="shared" si="22"/>
        <v>#N/A</v>
      </c>
      <c r="BC85" s="93" t="e">
        <f t="shared" si="23"/>
        <v>#N/A</v>
      </c>
      <c r="BD85" s="93" t="e">
        <f t="shared" si="24"/>
        <v>#N/A</v>
      </c>
      <c r="BE85" s="93" t="e">
        <f t="shared" si="25"/>
        <v>#N/A</v>
      </c>
      <c r="BF85" s="93" t="e">
        <f t="shared" si="26"/>
        <v>#N/A</v>
      </c>
      <c r="BG85" s="93" t="e">
        <f t="shared" si="27"/>
        <v>#N/A</v>
      </c>
      <c r="BH85" s="93" t="e">
        <f t="shared" si="28"/>
        <v>#N/A</v>
      </c>
      <c r="BI85" s="93" t="e">
        <f t="shared" si="29"/>
        <v>#N/A</v>
      </c>
      <c r="BJ85" s="93" t="e">
        <f t="shared" si="30"/>
        <v>#N/A</v>
      </c>
      <c r="BK85" s="93" t="e">
        <f t="shared" si="31"/>
        <v>#N/A</v>
      </c>
      <c r="BL85" s="93" t="e">
        <f t="shared" si="31"/>
        <v>#N/A</v>
      </c>
    </row>
    <row r="86" spans="2:67" x14ac:dyDescent="0.2">
      <c r="B86" s="79">
        <f t="shared" si="37"/>
        <v>-75.5</v>
      </c>
      <c r="C86" s="73">
        <f t="shared" si="20"/>
        <v>60</v>
      </c>
      <c r="D86" s="64">
        <f>INDEX('CPT Data'!$C$13:$C$20000,MATCH($C86,'CPT Data'!$B$13:$B$20000,1))</f>
        <v>59.993000000000002</v>
      </c>
      <c r="E86" s="55" t="str">
        <f>INDEX('CPT Data'!$P$13:$P$20000,MATCH($C86,'CPT Data'!$B$13:$B$20000,1))</f>
        <v>SAND</v>
      </c>
      <c r="F86" s="76" t="e">
        <f>INDEX('CPT Data'!$Q$13:$Q$20000,MATCH($C86,'CPT Data'!$B$13:$B$20000,1))</f>
        <v>#N/A</v>
      </c>
      <c r="G86" s="76">
        <f>INDEX('CPT Data'!$I$13:$I$20000,MATCH(C86,'CPT Data'!$B$13:$B$20000,1))</f>
        <v>20.009492682657015</v>
      </c>
      <c r="H86" s="76">
        <f>INDEX('CPT Data'!$J$13:$J$20000,MATCH($C86,'CPT Data'!$B$13:$B$20000,1))</f>
        <v>10.009492682657015</v>
      </c>
      <c r="I86" s="76">
        <f>INDEX('CPT Data'!$L$13:$L$20000,MATCH(C86,'CPT Data'!$B$13:$B$20000,1))</f>
        <v>600.56956095942087</v>
      </c>
      <c r="J86" s="226">
        <f>INDEX('CPT Data'!$R$13:$R$20000,MATCH(C86,'CPT Data'!$B$13:$B$20000,1))</f>
        <v>35</v>
      </c>
      <c r="K86" s="76" t="e">
        <f>INDEX('CPT Data'!$S$13:$S$20000,MATCH($C86,'CPT Data'!$B$13:$B$20000,1))</f>
        <v>#N/A</v>
      </c>
      <c r="L86" s="55">
        <f>VLOOKUP($C86, 'Pile Property'!$A$8:$D$108,2,TRUE)</f>
        <v>2</v>
      </c>
      <c r="M86" s="234" t="e">
        <f>IF($E86="CLAY",ABS($F86-'CPT Data'!$Q$3787)/$D86,#N/A)</f>
        <v>#N/A</v>
      </c>
      <c r="N86" s="65" t="e">
        <f t="shared" si="32"/>
        <v>#N/A</v>
      </c>
      <c r="O86" s="76" t="e">
        <f t="shared" si="38"/>
        <v>#N/A</v>
      </c>
      <c r="P86" s="76" t="e">
        <f t="shared" si="39"/>
        <v>#N/A</v>
      </c>
      <c r="Q86" s="65" t="e">
        <f t="shared" si="18"/>
        <v>#N/A</v>
      </c>
      <c r="R86" s="76" t="e">
        <f t="shared" si="19"/>
        <v>#N/A</v>
      </c>
      <c r="S86" s="76" t="e">
        <f t="shared" si="33"/>
        <v>#N/A</v>
      </c>
      <c r="T86" s="76"/>
      <c r="U86" s="76"/>
      <c r="V86" s="76" t="e">
        <f t="shared" si="40"/>
        <v>#N/A</v>
      </c>
      <c r="W86" s="76" t="e">
        <f t="shared" si="34"/>
        <v>#N/A</v>
      </c>
      <c r="X86" s="76" t="e">
        <f t="shared" si="41"/>
        <v>#N/A</v>
      </c>
      <c r="Y86" s="76" t="e">
        <f t="shared" si="42"/>
        <v>#N/A</v>
      </c>
      <c r="Z86" s="76" t="e">
        <f t="shared" si="35"/>
        <v>#N/A</v>
      </c>
      <c r="AA86" s="85" t="e" cm="1">
        <f t="array" ref="AA86">IF(J86&gt;30,IF(K86&lt;=2,$AB$10,IF(AND(K86&gt;2,K86&lt;=4),TREND($AB$10:$AC$10,$AB$3:$AC$3,K86,TRUE),IF(AND(K86&gt;4,K86&lt;10),TREND($AC$10:$AD$10,$AC$3:$AD$3,K86,TRUE),IF(K86&gt;=10,$AD$10,1)))),IF(K86&lt;=2,$AE$10,IF(AND(K86&gt;2,K86&lt;=4),TREND($AE$10:$AF$10,$AE$3:$AF$3,K86,TRUE),IF(AND(K86&gt;4,K86&lt;10),TREND($AF$10:$AG$10,$AF$3:$AG$3,K86,TRUE),IF(K86&gt;=10,$AG$10,1)))))</f>
        <v>#N/A</v>
      </c>
      <c r="AB86" s="85" t="e" cm="1">
        <f t="array" ref="AB86">IF(J86&gt;30,IF(K86&lt;=2,$AB$11,IF(AND(K86&gt;2,K86&lt;=4),TREND($AB$11:$AC$11,$AB$3:$AC$3,K86,TRUE),IF(AND(K86&gt;4,K86&lt;10),TREND($AC$11:$AD$11,$AC$3:$AD$3,K86,TRUE),IF(K86&gt;=10,$AD$11,1)))),IF(K86&lt;=2,$AE$11,IF(AND(K86&gt;2,K86&lt;=4),TREND($AE$11:$AF$11,$AE$3:$AF$3,K86,TRUE),IF(AND(K86&gt;4,K86&lt;10),TREND($AF$11:$AG$11,$AF$3:$AG$3,K86,TRUE),IF(K86&gt;=10,$AG$11,1)))))</f>
        <v>#N/A</v>
      </c>
      <c r="AC86" s="85" t="e" cm="1">
        <f t="array" ref="AC86">IF(J86&gt;30,IF(K86&lt;=2,$AB$12,IF(AND(K86&gt;2,K86&lt;=4),TREND($AB$12:$AC$12,$AB$3:$AC$3,K86,TRUE),IF(AND(K86&gt;4,K86&lt;10),TREND($AC$12:$AD$12,$AC$3:$AD$3,K86,TRUE),IF(K86&gt;=10,$AD$12,1)))),IF(K86&lt;=2,$AE$12,IF(AND(K86&gt;2,K86&lt;=4),TREND($AE$12:$AF$12,$AE$3:$AF$3,K86,TRUE),IF(AND(K86&gt;4,K86&lt;10),TREND($AF$12:$AG$12,$AF$3:$AG$3,K86,TRUE),IF(K86&gt;=10,$AG$12,1)))))</f>
        <v>#N/A</v>
      </c>
      <c r="AD86" s="85" t="e" cm="1">
        <f t="array" ref="AD86">IF(J86&gt;30,IF(K86&lt;=2,$AB$13,IF(AND(K86&gt;2,K86&lt;=4),TREND($AB$13:$AC$13,$AB$3:$AC$3,K86,TRUE),IF(AND(K86&gt;4,K86&lt;10),TREND($AC$13:$AD$13,$AC$3:$AD$3,K86,TRUE),IF(K86&gt;=10,$AD$13,1)))),IF(K86&lt;=2,$AE$13,IF(AND(K86&gt;2,K86&lt;=4),TREND($AE$13:$AF$13,$AE$3:$AF$3,K86,TRUE),IF(AND(K86&gt;4,K86&lt;10),TREND($AF$13:$AG$13,$AF$3:$AG$3,K86,TRUE),IF(K86&gt;=10,$AG$13,1)))))</f>
        <v>#N/A</v>
      </c>
      <c r="AE86" s="85" t="e" cm="1">
        <f t="array" ref="AE86">IF(J86&gt;30,IF(K86&lt;=2,$AB$14,IF(AND(K86&gt;2,K86&lt;=4),TREND($AB$14:$AC$14,$AB$3:$AC$3,K86,TRUE),IF(AND(K86&gt;4,K86&lt;10),TREND($AC$14:$AD$14,$AC$3:$AD$3,K86,TRUE),IF(K86&gt;=10,$AD$14,1)))),IF(K86&lt;=2,$AE$14,IF(AND(K86&gt;2,K86&lt;=4),TREND($AE$14:$AF$14,$AE$3:$AF$3,K86,TRUE),IF(AND(K86&gt;4,K86&lt;10),TREND($AF$14:$AG$14,$AF$3:$AG$3,K86,TRUE),IF(K86&gt;=10,$AG$14,1)))))</f>
        <v>#N/A</v>
      </c>
      <c r="AF86" s="85" t="e" cm="1">
        <f t="array" ref="AF86">IF(J86&gt;30,IF(K86&lt;=2,$AB$15,IF(AND(K86&gt;2,K86&lt;=4),TREND($AB$15:$AC$15,$AB$3:$AC$3,K86,TRUE),IF(AND(K86&gt;4,K86&lt;10),TREND($AC$15:$AD$15,$AC$3:$AD$3,K86,TRUE),IF(K86&gt;=10,$AD$15,1)))),IF(K86&lt;=2,$AE$15,IF(AND(K86&gt;2,K86&lt;=4),TREND($AE$15:$AF$15,$AE$3:$AF$3,K86,TRUE),IF(AND(K86&gt;4,K86&lt;10),TREND($AF$15:$AG$15,$AF$3:$AG$3,K86,TRUE),IF(K86&gt;=10,$AG$15,1)))))</f>
        <v>#N/A</v>
      </c>
      <c r="AG86" s="86" t="e" cm="1">
        <f t="array" ref="AG86">IF(J86&gt;30,IF(K86&lt;=2,$AB$16,IF(AND(K86&gt;2,K86&lt;=4),TREND($AB$16:$AC$16,$AB$3:$AC$3,K86,TRUE),IF(AND(K86&gt;4,K86&lt;10),TREND($AC$16:$AD$16,$AC$3:$AD$3,K86,TRUE),IF(K86&gt;=10,$AD$16,1)))),IF(K86&lt;=2,$AE$16,IF(AND(K86&gt;2,K86&lt;=4),TREND($AE$16:$AF$16,$AE$3:$AF$3,K86,TRUE),IF(AND(K86&gt;4,K86&lt;10),TREND($AF$16:$AG$16,$AF$3:$AG$3,K86,TRUE),IF(K86&gt;=10,$AG$16,1)))))</f>
        <v>#N/A</v>
      </c>
      <c r="AH86" s="85" t="e" cm="1">
        <f t="array" ref="AH86">IF(J86&gt;30,IF(K86&lt;=2,$AB$17,IF(AND(K86&gt;2,K86&lt;=4),TREND($AB$17:$AC$17,$AB$3:$AC$3,K86,TRUE),IF(AND(K86&gt;4,K86&lt;10),TREND($AC$17:$AD$17,$AC$3:$AD$3,K86,TRUE),IF(K86&gt;=10,$AD$17,1)))),IF(K86&lt;=2,$AE$17,IF(AND(K86&gt;2,K86&lt;=4),TREND($AE$17:$AF$17,$AE$3:$AF$3,K86,TRUE),IF(AND(K86&gt;4,K86&lt;10),TREND($AF$17:$AG$17,$AF$3:$AG$3,K86,TRUE),IF(K86&gt;=10,$AG$17,1)))))</f>
        <v>#N/A</v>
      </c>
      <c r="AI86" s="85" t="e" cm="1">
        <f t="array" ref="AI86">IF(J86&gt;30,IF(K86&lt;=2,$AB$18,IF(AND(K86&gt;2,K86&lt;=4),TREND($AB$18:$AC$18,$AB$3:$AC$3,K86,TRUE),IF(AND(K86&gt;4,K86&lt;10),TREND($AC$18:$AD$18,$AC$3:$AD$3,K86,TRUE),IF(K86&gt;=10,$AD$18,1)))),IF(K86&lt;=2,$AE$18,IF(AND(K86&gt;2,K86&lt;=4),TREND($AE$18:$AF$18,$AE$3:$AF$3,K86,TRUE),IF(AND(K86&gt;4,K86&lt;10),TREND($AF$18:$AG$18,$AF$3:$AG$3,K86,TRUE),IF(K86&gt;=10,$AG$18,1)))))</f>
        <v>#N/A</v>
      </c>
      <c r="AJ86" s="85" t="e" cm="1">
        <f t="array" ref="AJ86">IF(J86&gt;30,IF(K86&lt;=2,$AB$19,IF(AND(K86&gt;2,K86&lt;=4),TREND($AB$19:$AC$19,$AB$3:$AC$3,K86,TRUE),IF(AND(K86&gt;4,K86&lt;10),TREND($AC$19:$AD$19,$AC$3:$AD$3,K86,TRUE),IF(K86&gt;=10,$AD$19,1)))),IF(K86&lt;=2,$AE$19,IF(AND(K86&gt;2,K86&lt;=4),TREND($AE$19:$AF$19,$AE$3:$AF$3,K86,TRUE),IF(AND(K86&gt;4,K86&lt;10),TREND($AF$19:$AG$19,$AF$3:$AG$3,K86,TRUE),IF(K86&gt;=10,$AG$19,1)))))</f>
        <v>#N/A</v>
      </c>
      <c r="AK86" s="85" t="e" cm="1">
        <f t="array" ref="AK86">IF(J86&gt;30,IF(K86&lt;=2,$AB$20,IF(AND(K86&gt;2,K86&lt;=4),TREND($AB$20:$AC$20,$AB$3:$AC$3,K86,TRUE),IF(AND(K86&gt;4,K86&lt;10),TREND($AC$20:$AD$20,$AC$3:$AD$3,K86,TRUE),IF(K86&gt;=10,$AD$20,1)))),IF(K86&lt;=2,$AE$20,IF(AND(K86&gt;2,K86&lt;=4),TREND($AE$20:$AF$20,$AE$3:$AF$3,K86,TRUE),IF(AND(K86&gt;4,K86&lt;10),TREND($AF$20:$AG$20,$AF$3:$AG$3,K86,TRUE),IF(K86&gt;=10,$AG$20,1)))))</f>
        <v>#N/A</v>
      </c>
      <c r="AL86" s="85">
        <v>3</v>
      </c>
      <c r="AM86" s="92">
        <v>0</v>
      </c>
      <c r="AN86" s="92" t="e">
        <f t="shared" si="6"/>
        <v>#N/A</v>
      </c>
      <c r="AO86" s="92" t="e">
        <f t="shared" si="21"/>
        <v>#N/A</v>
      </c>
      <c r="AP86" s="92" t="e">
        <f t="shared" si="7"/>
        <v>#N/A</v>
      </c>
      <c r="AQ86" s="92" t="e">
        <f t="shared" si="8"/>
        <v>#N/A</v>
      </c>
      <c r="AR86" s="92" t="e">
        <f t="shared" si="9"/>
        <v>#N/A</v>
      </c>
      <c r="AS86" s="92" t="e">
        <f t="shared" si="10"/>
        <v>#N/A</v>
      </c>
      <c r="AT86" s="92" t="e">
        <f t="shared" si="11"/>
        <v>#N/A</v>
      </c>
      <c r="AU86" s="92" t="e">
        <f t="shared" si="12"/>
        <v>#N/A</v>
      </c>
      <c r="AV86" s="92" t="e">
        <f t="shared" si="13"/>
        <v>#N/A</v>
      </c>
      <c r="AW86" s="92" t="e">
        <f t="shared" si="14"/>
        <v>#N/A</v>
      </c>
      <c r="AX86" s="92" t="e">
        <f t="shared" si="15"/>
        <v>#N/A</v>
      </c>
      <c r="AY86" s="92">
        <f t="shared" si="16"/>
        <v>6000</v>
      </c>
      <c r="AZ86" s="93">
        <v>4</v>
      </c>
      <c r="BA86" s="93" t="e">
        <f t="shared" si="36"/>
        <v>#N/A</v>
      </c>
      <c r="BB86" s="93" t="e">
        <f t="shared" si="22"/>
        <v>#N/A</v>
      </c>
      <c r="BC86" s="93" t="e">
        <f t="shared" si="23"/>
        <v>#N/A</v>
      </c>
      <c r="BD86" s="93" t="e">
        <f t="shared" si="24"/>
        <v>#N/A</v>
      </c>
      <c r="BE86" s="93" t="e">
        <f t="shared" si="25"/>
        <v>#N/A</v>
      </c>
      <c r="BF86" s="93" t="e">
        <f t="shared" si="26"/>
        <v>#N/A</v>
      </c>
      <c r="BG86" s="93" t="e">
        <f t="shared" si="27"/>
        <v>#N/A</v>
      </c>
      <c r="BH86" s="93" t="e">
        <f t="shared" si="28"/>
        <v>#N/A</v>
      </c>
      <c r="BI86" s="93" t="e">
        <f t="shared" si="29"/>
        <v>#N/A</v>
      </c>
      <c r="BJ86" s="93" t="e">
        <f t="shared" si="30"/>
        <v>#N/A</v>
      </c>
      <c r="BK86" s="93" t="e">
        <f t="shared" si="31"/>
        <v>#N/A</v>
      </c>
      <c r="BL86" s="93" t="e">
        <f t="shared" si="31"/>
        <v>#N/A</v>
      </c>
    </row>
    <row r="87" spans="2:67" x14ac:dyDescent="0.2">
      <c r="B87" s="79">
        <f t="shared" si="37"/>
        <v>-76.5</v>
      </c>
      <c r="C87" s="73">
        <f t="shared" si="20"/>
        <v>61</v>
      </c>
      <c r="D87" s="64">
        <f>INDEX('CPT Data'!$C$13:$C$20000,MATCH($C87,'CPT Data'!$B$13:$B$20000,1))</f>
        <v>60.984999999999999</v>
      </c>
      <c r="E87" s="55" t="str">
        <f>INDEX('CPT Data'!$P$13:$P$20000,MATCH($C87,'CPT Data'!$B$13:$B$20000,1))</f>
        <v>SAND</v>
      </c>
      <c r="F87" s="76" t="e">
        <f>INDEX('CPT Data'!$Q$13:$Q$20000,MATCH($C87,'CPT Data'!$B$13:$B$20000,1))</f>
        <v>#N/A</v>
      </c>
      <c r="G87" s="76">
        <f>INDEX('CPT Data'!$I$13:$I$20000,MATCH(C87,'CPT Data'!$B$13:$B$20000,1))</f>
        <v>19.793444750785131</v>
      </c>
      <c r="H87" s="76">
        <f>INDEX('CPT Data'!$J$13:$J$20000,MATCH($C87,'CPT Data'!$B$13:$B$20000,1))</f>
        <v>9.793444750785131</v>
      </c>
      <c r="I87" s="76">
        <f>INDEX('CPT Data'!$L$13:$L$20000,MATCH(C87,'CPT Data'!$B$13:$B$20000,1))</f>
        <v>597.32178223988672</v>
      </c>
      <c r="J87" s="226">
        <f>INDEX('CPT Data'!$R$13:$R$20000,MATCH(C87,'CPT Data'!$B$13:$B$20000,1))</f>
        <v>35</v>
      </c>
      <c r="K87" s="76" t="e">
        <f>INDEX('CPT Data'!$S$13:$S$20000,MATCH($C87,'CPT Data'!$B$13:$B$20000,1))</f>
        <v>#N/A</v>
      </c>
      <c r="L87" s="55">
        <f>VLOOKUP($C87, 'Pile Property'!$A$8:$D$108,2,TRUE)</f>
        <v>2</v>
      </c>
      <c r="M87" s="234" t="e">
        <f>IF($E87="CLAY",ABS($F87-'CPT Data'!$Q$3787)/$D87,#N/A)</f>
        <v>#N/A</v>
      </c>
      <c r="N87" s="65" t="e">
        <f t="shared" si="32"/>
        <v>#N/A</v>
      </c>
      <c r="O87" s="76" t="e">
        <f t="shared" si="38"/>
        <v>#N/A</v>
      </c>
      <c r="P87" s="76" t="e">
        <f t="shared" si="39"/>
        <v>#N/A</v>
      </c>
      <c r="Q87" s="65" t="e">
        <f t="shared" si="18"/>
        <v>#N/A</v>
      </c>
      <c r="R87" s="76" t="e">
        <f t="shared" si="19"/>
        <v>#N/A</v>
      </c>
      <c r="S87" s="76" t="e">
        <f t="shared" si="33"/>
        <v>#N/A</v>
      </c>
      <c r="T87" s="76"/>
      <c r="U87" s="76"/>
      <c r="V87" s="76" t="e">
        <f t="shared" si="40"/>
        <v>#N/A</v>
      </c>
      <c r="W87" s="76" t="e">
        <f t="shared" si="34"/>
        <v>#N/A</v>
      </c>
      <c r="X87" s="76" t="e">
        <f t="shared" si="41"/>
        <v>#N/A</v>
      </c>
      <c r="Y87" s="76" t="e">
        <f t="shared" si="42"/>
        <v>#N/A</v>
      </c>
      <c r="Z87" s="76" t="e">
        <f t="shared" si="35"/>
        <v>#N/A</v>
      </c>
      <c r="AA87" s="85" t="e" cm="1">
        <f t="array" ref="AA87">IF(J87&gt;30,IF(K87&lt;=2,$AB$10,IF(AND(K87&gt;2,K87&lt;=4),TREND($AB$10:$AC$10,$AB$3:$AC$3,K87,TRUE),IF(AND(K87&gt;4,K87&lt;10),TREND($AC$10:$AD$10,$AC$3:$AD$3,K87,TRUE),IF(K87&gt;=10,$AD$10,1)))),IF(K87&lt;=2,$AE$10,IF(AND(K87&gt;2,K87&lt;=4),TREND($AE$10:$AF$10,$AE$3:$AF$3,K87,TRUE),IF(AND(K87&gt;4,K87&lt;10),TREND($AF$10:$AG$10,$AF$3:$AG$3,K87,TRUE),IF(K87&gt;=10,$AG$10,1)))))</f>
        <v>#N/A</v>
      </c>
      <c r="AB87" s="85" t="e" cm="1">
        <f t="array" ref="AB87">IF(J87&gt;30,IF(K87&lt;=2,$AB$11,IF(AND(K87&gt;2,K87&lt;=4),TREND($AB$11:$AC$11,$AB$3:$AC$3,K87,TRUE),IF(AND(K87&gt;4,K87&lt;10),TREND($AC$11:$AD$11,$AC$3:$AD$3,K87,TRUE),IF(K87&gt;=10,$AD$11,1)))),IF(K87&lt;=2,$AE$11,IF(AND(K87&gt;2,K87&lt;=4),TREND($AE$11:$AF$11,$AE$3:$AF$3,K87,TRUE),IF(AND(K87&gt;4,K87&lt;10),TREND($AF$11:$AG$11,$AF$3:$AG$3,K87,TRUE),IF(K87&gt;=10,$AG$11,1)))))</f>
        <v>#N/A</v>
      </c>
      <c r="AC87" s="85" t="e" cm="1">
        <f t="array" ref="AC87">IF(J87&gt;30,IF(K87&lt;=2,$AB$12,IF(AND(K87&gt;2,K87&lt;=4),TREND($AB$12:$AC$12,$AB$3:$AC$3,K87,TRUE),IF(AND(K87&gt;4,K87&lt;10),TREND($AC$12:$AD$12,$AC$3:$AD$3,K87,TRUE),IF(K87&gt;=10,$AD$12,1)))),IF(K87&lt;=2,$AE$12,IF(AND(K87&gt;2,K87&lt;=4),TREND($AE$12:$AF$12,$AE$3:$AF$3,K87,TRUE),IF(AND(K87&gt;4,K87&lt;10),TREND($AF$12:$AG$12,$AF$3:$AG$3,K87,TRUE),IF(K87&gt;=10,$AG$12,1)))))</f>
        <v>#N/A</v>
      </c>
      <c r="AD87" s="85" t="e" cm="1">
        <f t="array" ref="AD87">IF(J87&gt;30,IF(K87&lt;=2,$AB$13,IF(AND(K87&gt;2,K87&lt;=4),TREND($AB$13:$AC$13,$AB$3:$AC$3,K87,TRUE),IF(AND(K87&gt;4,K87&lt;10),TREND($AC$13:$AD$13,$AC$3:$AD$3,K87,TRUE),IF(K87&gt;=10,$AD$13,1)))),IF(K87&lt;=2,$AE$13,IF(AND(K87&gt;2,K87&lt;=4),TREND($AE$13:$AF$13,$AE$3:$AF$3,K87,TRUE),IF(AND(K87&gt;4,K87&lt;10),TREND($AF$13:$AG$13,$AF$3:$AG$3,K87,TRUE),IF(K87&gt;=10,$AG$13,1)))))</f>
        <v>#N/A</v>
      </c>
      <c r="AE87" s="85" t="e" cm="1">
        <f t="array" ref="AE87">IF(J87&gt;30,IF(K87&lt;=2,$AB$14,IF(AND(K87&gt;2,K87&lt;=4),TREND($AB$14:$AC$14,$AB$3:$AC$3,K87,TRUE),IF(AND(K87&gt;4,K87&lt;10),TREND($AC$14:$AD$14,$AC$3:$AD$3,K87,TRUE),IF(K87&gt;=10,$AD$14,1)))),IF(K87&lt;=2,$AE$14,IF(AND(K87&gt;2,K87&lt;=4),TREND($AE$14:$AF$14,$AE$3:$AF$3,K87,TRUE),IF(AND(K87&gt;4,K87&lt;10),TREND($AF$14:$AG$14,$AF$3:$AG$3,K87,TRUE),IF(K87&gt;=10,$AG$14,1)))))</f>
        <v>#N/A</v>
      </c>
      <c r="AF87" s="85" t="e" cm="1">
        <f t="array" ref="AF87">IF(J87&gt;30,IF(K87&lt;=2,$AB$15,IF(AND(K87&gt;2,K87&lt;=4),TREND($AB$15:$AC$15,$AB$3:$AC$3,K87,TRUE),IF(AND(K87&gt;4,K87&lt;10),TREND($AC$15:$AD$15,$AC$3:$AD$3,K87,TRUE),IF(K87&gt;=10,$AD$15,1)))),IF(K87&lt;=2,$AE$15,IF(AND(K87&gt;2,K87&lt;=4),TREND($AE$15:$AF$15,$AE$3:$AF$3,K87,TRUE),IF(AND(K87&gt;4,K87&lt;10),TREND($AF$15:$AG$15,$AF$3:$AG$3,K87,TRUE),IF(K87&gt;=10,$AG$15,1)))))</f>
        <v>#N/A</v>
      </c>
      <c r="AG87" s="86" t="e" cm="1">
        <f t="array" ref="AG87">IF(J87&gt;30,IF(K87&lt;=2,$AB$16,IF(AND(K87&gt;2,K87&lt;=4),TREND($AB$16:$AC$16,$AB$3:$AC$3,K87,TRUE),IF(AND(K87&gt;4,K87&lt;10),TREND($AC$16:$AD$16,$AC$3:$AD$3,K87,TRUE),IF(K87&gt;=10,$AD$16,1)))),IF(K87&lt;=2,$AE$16,IF(AND(K87&gt;2,K87&lt;=4),TREND($AE$16:$AF$16,$AE$3:$AF$3,K87,TRUE),IF(AND(K87&gt;4,K87&lt;10),TREND($AF$16:$AG$16,$AF$3:$AG$3,K87,TRUE),IF(K87&gt;=10,$AG$16,1)))))</f>
        <v>#N/A</v>
      </c>
      <c r="AH87" s="85" t="e" cm="1">
        <f t="array" ref="AH87">IF(J87&gt;30,IF(K87&lt;=2,$AB$17,IF(AND(K87&gt;2,K87&lt;=4),TREND($AB$17:$AC$17,$AB$3:$AC$3,K87,TRUE),IF(AND(K87&gt;4,K87&lt;10),TREND($AC$17:$AD$17,$AC$3:$AD$3,K87,TRUE),IF(K87&gt;=10,$AD$17,1)))),IF(K87&lt;=2,$AE$17,IF(AND(K87&gt;2,K87&lt;=4),TREND($AE$17:$AF$17,$AE$3:$AF$3,K87,TRUE),IF(AND(K87&gt;4,K87&lt;10),TREND($AF$17:$AG$17,$AF$3:$AG$3,K87,TRUE),IF(K87&gt;=10,$AG$17,1)))))</f>
        <v>#N/A</v>
      </c>
      <c r="AI87" s="85" t="e" cm="1">
        <f t="array" ref="AI87">IF(J87&gt;30,IF(K87&lt;=2,$AB$18,IF(AND(K87&gt;2,K87&lt;=4),TREND($AB$18:$AC$18,$AB$3:$AC$3,K87,TRUE),IF(AND(K87&gt;4,K87&lt;10),TREND($AC$18:$AD$18,$AC$3:$AD$3,K87,TRUE),IF(K87&gt;=10,$AD$18,1)))),IF(K87&lt;=2,$AE$18,IF(AND(K87&gt;2,K87&lt;=4),TREND($AE$18:$AF$18,$AE$3:$AF$3,K87,TRUE),IF(AND(K87&gt;4,K87&lt;10),TREND($AF$18:$AG$18,$AF$3:$AG$3,K87,TRUE),IF(K87&gt;=10,$AG$18,1)))))</f>
        <v>#N/A</v>
      </c>
      <c r="AJ87" s="85" t="e" cm="1">
        <f t="array" ref="AJ87">IF(J87&gt;30,IF(K87&lt;=2,$AB$19,IF(AND(K87&gt;2,K87&lt;=4),TREND($AB$19:$AC$19,$AB$3:$AC$3,K87,TRUE),IF(AND(K87&gt;4,K87&lt;10),TREND($AC$19:$AD$19,$AC$3:$AD$3,K87,TRUE),IF(K87&gt;=10,$AD$19,1)))),IF(K87&lt;=2,$AE$19,IF(AND(K87&gt;2,K87&lt;=4),TREND($AE$19:$AF$19,$AE$3:$AF$3,K87,TRUE),IF(AND(K87&gt;4,K87&lt;10),TREND($AF$19:$AG$19,$AF$3:$AG$3,K87,TRUE),IF(K87&gt;=10,$AG$19,1)))))</f>
        <v>#N/A</v>
      </c>
      <c r="AK87" s="85" t="e" cm="1">
        <f t="array" ref="AK87">IF(J87&gt;30,IF(K87&lt;=2,$AB$20,IF(AND(K87&gt;2,K87&lt;=4),TREND($AB$20:$AC$20,$AB$3:$AC$3,K87,TRUE),IF(AND(K87&gt;4,K87&lt;10),TREND($AC$20:$AD$20,$AC$3:$AD$3,K87,TRUE),IF(K87&gt;=10,$AD$20,1)))),IF(K87&lt;=2,$AE$20,IF(AND(K87&gt;2,K87&lt;=4),TREND($AE$20:$AF$20,$AE$3:$AF$3,K87,TRUE),IF(AND(K87&gt;4,K87&lt;10),TREND($AF$20:$AG$20,$AF$3:$AG$3,K87,TRUE),IF(K87&gt;=10,$AG$20,1)))))</f>
        <v>#N/A</v>
      </c>
      <c r="AL87" s="85">
        <v>3</v>
      </c>
      <c r="AM87" s="92">
        <v>0</v>
      </c>
      <c r="AN87" s="92" t="e">
        <f t="shared" si="6"/>
        <v>#N/A</v>
      </c>
      <c r="AO87" s="92" t="e">
        <f t="shared" si="21"/>
        <v>#N/A</v>
      </c>
      <c r="AP87" s="92" t="e">
        <f t="shared" si="7"/>
        <v>#N/A</v>
      </c>
      <c r="AQ87" s="92" t="e">
        <f t="shared" si="8"/>
        <v>#N/A</v>
      </c>
      <c r="AR87" s="92" t="e">
        <f t="shared" si="9"/>
        <v>#N/A</v>
      </c>
      <c r="AS87" s="92" t="e">
        <f t="shared" si="10"/>
        <v>#N/A</v>
      </c>
      <c r="AT87" s="92" t="e">
        <f t="shared" si="11"/>
        <v>#N/A</v>
      </c>
      <c r="AU87" s="92" t="e">
        <f t="shared" si="12"/>
        <v>#N/A</v>
      </c>
      <c r="AV87" s="92" t="e">
        <f t="shared" si="13"/>
        <v>#N/A</v>
      </c>
      <c r="AW87" s="92" t="e">
        <f t="shared" si="14"/>
        <v>#N/A</v>
      </c>
      <c r="AX87" s="92" t="e">
        <f t="shared" si="15"/>
        <v>#N/A</v>
      </c>
      <c r="AY87" s="92">
        <f t="shared" si="16"/>
        <v>6000</v>
      </c>
      <c r="AZ87" s="93">
        <v>5</v>
      </c>
      <c r="BA87" s="93" t="e">
        <f t="shared" si="36"/>
        <v>#N/A</v>
      </c>
      <c r="BB87" s="93" t="e">
        <f t="shared" si="22"/>
        <v>#N/A</v>
      </c>
      <c r="BC87" s="93" t="e">
        <f t="shared" si="23"/>
        <v>#N/A</v>
      </c>
      <c r="BD87" s="93" t="e">
        <f t="shared" si="24"/>
        <v>#N/A</v>
      </c>
      <c r="BE87" s="93" t="e">
        <f t="shared" si="25"/>
        <v>#N/A</v>
      </c>
      <c r="BF87" s="93" t="e">
        <f t="shared" si="26"/>
        <v>#N/A</v>
      </c>
      <c r="BG87" s="93" t="e">
        <f t="shared" si="27"/>
        <v>#N/A</v>
      </c>
      <c r="BH87" s="93" t="e">
        <f t="shared" si="28"/>
        <v>#N/A</v>
      </c>
      <c r="BI87" s="93" t="e">
        <f t="shared" si="29"/>
        <v>#N/A</v>
      </c>
      <c r="BJ87" s="93" t="e">
        <f t="shared" si="30"/>
        <v>#N/A</v>
      </c>
      <c r="BK87" s="93" t="e">
        <f t="shared" si="31"/>
        <v>#N/A</v>
      </c>
      <c r="BL87" s="93" t="e">
        <f t="shared" si="31"/>
        <v>#N/A</v>
      </c>
      <c r="BO87" s="59"/>
    </row>
    <row r="88" spans="2:67" x14ac:dyDescent="0.2">
      <c r="B88" s="79">
        <f t="shared" si="37"/>
        <v>-77.5</v>
      </c>
      <c r="C88" s="73">
        <f t="shared" si="20"/>
        <v>62</v>
      </c>
      <c r="D88" s="64">
        <f>INDEX('CPT Data'!$C$13:$C$20000,MATCH($C88,'CPT Data'!$B$13:$B$20000,1))</f>
        <v>61.993000000000002</v>
      </c>
      <c r="E88" s="55" t="str">
        <f>INDEX('CPT Data'!$P$13:$P$20000,MATCH($C88,'CPT Data'!$B$13:$B$20000,1))</f>
        <v>SAND</v>
      </c>
      <c r="F88" s="76" t="e">
        <f>INDEX('CPT Data'!$Q$13:$Q$20000,MATCH($C88,'CPT Data'!$B$13:$B$20000,1))</f>
        <v>#N/A</v>
      </c>
      <c r="G88" s="76">
        <f>INDEX('CPT Data'!$I$13:$I$20000,MATCH(C88,'CPT Data'!$B$13:$B$20000,1))</f>
        <v>19.955776281690873</v>
      </c>
      <c r="H88" s="76">
        <f>INDEX('CPT Data'!$J$13:$J$20000,MATCH($C88,'CPT Data'!$B$13:$B$20000,1))</f>
        <v>9.9557762816908735</v>
      </c>
      <c r="I88" s="76">
        <f>INDEX('CPT Data'!$L$13:$L$20000,MATCH(C88,'CPT Data'!$B$13:$B$20000,1))</f>
        <v>617.25812946483416</v>
      </c>
      <c r="J88" s="226">
        <f>INDEX('CPT Data'!$R$13:$R$20000,MATCH(C88,'CPT Data'!$B$13:$B$20000,1))</f>
        <v>35</v>
      </c>
      <c r="K88" s="76" t="e">
        <f>INDEX('CPT Data'!$S$13:$S$20000,MATCH($C88,'CPT Data'!$B$13:$B$20000,1))</f>
        <v>#N/A</v>
      </c>
      <c r="L88" s="55">
        <f>VLOOKUP($C88, 'Pile Property'!$A$8:$D$108,2,TRUE)</f>
        <v>2</v>
      </c>
      <c r="M88" s="234" t="e">
        <f>IF($E88="CLAY",ABS($F88-'CPT Data'!$Q$3787)/$D88,#N/A)</f>
        <v>#N/A</v>
      </c>
      <c r="N88" s="65" t="e">
        <f t="shared" si="32"/>
        <v>#N/A</v>
      </c>
      <c r="O88" s="76" t="e">
        <f t="shared" si="38"/>
        <v>#N/A</v>
      </c>
      <c r="P88" s="76" t="e">
        <f t="shared" si="39"/>
        <v>#N/A</v>
      </c>
      <c r="Q88" s="65" t="e">
        <f t="shared" si="18"/>
        <v>#N/A</v>
      </c>
      <c r="R88" s="76" t="e">
        <f t="shared" si="19"/>
        <v>#N/A</v>
      </c>
      <c r="S88" s="76" t="e">
        <f t="shared" si="33"/>
        <v>#N/A</v>
      </c>
      <c r="T88" s="76"/>
      <c r="U88" s="76"/>
      <c r="V88" s="76" t="e">
        <f t="shared" si="40"/>
        <v>#N/A</v>
      </c>
      <c r="W88" s="76" t="e">
        <f t="shared" si="34"/>
        <v>#N/A</v>
      </c>
      <c r="X88" s="76" t="e">
        <f t="shared" si="41"/>
        <v>#N/A</v>
      </c>
      <c r="Y88" s="76" t="e">
        <f t="shared" si="42"/>
        <v>#N/A</v>
      </c>
      <c r="Z88" s="76" t="e">
        <f t="shared" si="35"/>
        <v>#N/A</v>
      </c>
      <c r="AA88" s="85" t="e" cm="1">
        <f t="array" ref="AA88">IF(J88&gt;30,IF(K88&lt;=2,$AB$10,IF(AND(K88&gt;2,K88&lt;=4),TREND($AB$10:$AC$10,$AB$3:$AC$3,K88,TRUE),IF(AND(K88&gt;4,K88&lt;10),TREND($AC$10:$AD$10,$AC$3:$AD$3,K88,TRUE),IF(K88&gt;=10,$AD$10,1)))),IF(K88&lt;=2,$AE$10,IF(AND(K88&gt;2,K88&lt;=4),TREND($AE$10:$AF$10,$AE$3:$AF$3,K88,TRUE),IF(AND(K88&gt;4,K88&lt;10),TREND($AF$10:$AG$10,$AF$3:$AG$3,K88,TRUE),IF(K88&gt;=10,$AG$10,1)))))</f>
        <v>#N/A</v>
      </c>
      <c r="AB88" s="85" t="e" cm="1">
        <f t="array" ref="AB88">IF(J88&gt;30,IF(K88&lt;=2,$AB$11,IF(AND(K88&gt;2,K88&lt;=4),TREND($AB$11:$AC$11,$AB$3:$AC$3,K88,TRUE),IF(AND(K88&gt;4,K88&lt;10),TREND($AC$11:$AD$11,$AC$3:$AD$3,K88,TRUE),IF(K88&gt;=10,$AD$11,1)))),IF(K88&lt;=2,$AE$11,IF(AND(K88&gt;2,K88&lt;=4),TREND($AE$11:$AF$11,$AE$3:$AF$3,K88,TRUE),IF(AND(K88&gt;4,K88&lt;10),TREND($AF$11:$AG$11,$AF$3:$AG$3,K88,TRUE),IF(K88&gt;=10,$AG$11,1)))))</f>
        <v>#N/A</v>
      </c>
      <c r="AC88" s="85" t="e" cm="1">
        <f t="array" ref="AC88">IF(J88&gt;30,IF(K88&lt;=2,$AB$12,IF(AND(K88&gt;2,K88&lt;=4),TREND($AB$12:$AC$12,$AB$3:$AC$3,K88,TRUE),IF(AND(K88&gt;4,K88&lt;10),TREND($AC$12:$AD$12,$AC$3:$AD$3,K88,TRUE),IF(K88&gt;=10,$AD$12,1)))),IF(K88&lt;=2,$AE$12,IF(AND(K88&gt;2,K88&lt;=4),TREND($AE$12:$AF$12,$AE$3:$AF$3,K88,TRUE),IF(AND(K88&gt;4,K88&lt;10),TREND($AF$12:$AG$12,$AF$3:$AG$3,K88,TRUE),IF(K88&gt;=10,$AG$12,1)))))</f>
        <v>#N/A</v>
      </c>
      <c r="AD88" s="85" t="e" cm="1">
        <f t="array" ref="AD88">IF(J88&gt;30,IF(K88&lt;=2,$AB$13,IF(AND(K88&gt;2,K88&lt;=4),TREND($AB$13:$AC$13,$AB$3:$AC$3,K88,TRUE),IF(AND(K88&gt;4,K88&lt;10),TREND($AC$13:$AD$13,$AC$3:$AD$3,K88,TRUE),IF(K88&gt;=10,$AD$13,1)))),IF(K88&lt;=2,$AE$13,IF(AND(K88&gt;2,K88&lt;=4),TREND($AE$13:$AF$13,$AE$3:$AF$3,K88,TRUE),IF(AND(K88&gt;4,K88&lt;10),TREND($AF$13:$AG$13,$AF$3:$AG$3,K88,TRUE),IF(K88&gt;=10,$AG$13,1)))))</f>
        <v>#N/A</v>
      </c>
      <c r="AE88" s="85" t="e" cm="1">
        <f t="array" ref="AE88">IF(J88&gt;30,IF(K88&lt;=2,$AB$14,IF(AND(K88&gt;2,K88&lt;=4),TREND($AB$14:$AC$14,$AB$3:$AC$3,K88,TRUE),IF(AND(K88&gt;4,K88&lt;10),TREND($AC$14:$AD$14,$AC$3:$AD$3,K88,TRUE),IF(K88&gt;=10,$AD$14,1)))),IF(K88&lt;=2,$AE$14,IF(AND(K88&gt;2,K88&lt;=4),TREND($AE$14:$AF$14,$AE$3:$AF$3,K88,TRUE),IF(AND(K88&gt;4,K88&lt;10),TREND($AF$14:$AG$14,$AF$3:$AG$3,K88,TRUE),IF(K88&gt;=10,$AG$14,1)))))</f>
        <v>#N/A</v>
      </c>
      <c r="AF88" s="85" t="e" cm="1">
        <f t="array" ref="AF88">IF(J88&gt;30,IF(K88&lt;=2,$AB$15,IF(AND(K88&gt;2,K88&lt;=4),TREND($AB$15:$AC$15,$AB$3:$AC$3,K88,TRUE),IF(AND(K88&gt;4,K88&lt;10),TREND($AC$15:$AD$15,$AC$3:$AD$3,K88,TRUE),IF(K88&gt;=10,$AD$15,1)))),IF(K88&lt;=2,$AE$15,IF(AND(K88&gt;2,K88&lt;=4),TREND($AE$15:$AF$15,$AE$3:$AF$3,K88,TRUE),IF(AND(K88&gt;4,K88&lt;10),TREND($AF$15:$AG$15,$AF$3:$AG$3,K88,TRUE),IF(K88&gt;=10,$AG$15,1)))))</f>
        <v>#N/A</v>
      </c>
      <c r="AG88" s="86" t="e" cm="1">
        <f t="array" ref="AG88">IF(J88&gt;30,IF(K88&lt;=2,$AB$16,IF(AND(K88&gt;2,K88&lt;=4),TREND($AB$16:$AC$16,$AB$3:$AC$3,K88,TRUE),IF(AND(K88&gt;4,K88&lt;10),TREND($AC$16:$AD$16,$AC$3:$AD$3,K88,TRUE),IF(K88&gt;=10,$AD$16,1)))),IF(K88&lt;=2,$AE$16,IF(AND(K88&gt;2,K88&lt;=4),TREND($AE$16:$AF$16,$AE$3:$AF$3,K88,TRUE),IF(AND(K88&gt;4,K88&lt;10),TREND($AF$16:$AG$16,$AF$3:$AG$3,K88,TRUE),IF(K88&gt;=10,$AG$16,1)))))</f>
        <v>#N/A</v>
      </c>
      <c r="AH88" s="85" t="e" cm="1">
        <f t="array" ref="AH88">IF(J88&gt;30,IF(K88&lt;=2,$AB$17,IF(AND(K88&gt;2,K88&lt;=4),TREND($AB$17:$AC$17,$AB$3:$AC$3,K88,TRUE),IF(AND(K88&gt;4,K88&lt;10),TREND($AC$17:$AD$17,$AC$3:$AD$3,K88,TRUE),IF(K88&gt;=10,$AD$17,1)))),IF(K88&lt;=2,$AE$17,IF(AND(K88&gt;2,K88&lt;=4),TREND($AE$17:$AF$17,$AE$3:$AF$3,K88,TRUE),IF(AND(K88&gt;4,K88&lt;10),TREND($AF$17:$AG$17,$AF$3:$AG$3,K88,TRUE),IF(K88&gt;=10,$AG$17,1)))))</f>
        <v>#N/A</v>
      </c>
      <c r="AI88" s="85" t="e" cm="1">
        <f t="array" ref="AI88">IF(J88&gt;30,IF(K88&lt;=2,$AB$18,IF(AND(K88&gt;2,K88&lt;=4),TREND($AB$18:$AC$18,$AB$3:$AC$3,K88,TRUE),IF(AND(K88&gt;4,K88&lt;10),TREND($AC$18:$AD$18,$AC$3:$AD$3,K88,TRUE),IF(K88&gt;=10,$AD$18,1)))),IF(K88&lt;=2,$AE$18,IF(AND(K88&gt;2,K88&lt;=4),TREND($AE$18:$AF$18,$AE$3:$AF$3,K88,TRUE),IF(AND(K88&gt;4,K88&lt;10),TREND($AF$18:$AG$18,$AF$3:$AG$3,K88,TRUE),IF(K88&gt;=10,$AG$18,1)))))</f>
        <v>#N/A</v>
      </c>
      <c r="AJ88" s="85" t="e" cm="1">
        <f t="array" ref="AJ88">IF(J88&gt;30,IF(K88&lt;=2,$AB$19,IF(AND(K88&gt;2,K88&lt;=4),TREND($AB$19:$AC$19,$AB$3:$AC$3,K88,TRUE),IF(AND(K88&gt;4,K88&lt;10),TREND($AC$19:$AD$19,$AC$3:$AD$3,K88,TRUE),IF(K88&gt;=10,$AD$19,1)))),IF(K88&lt;=2,$AE$19,IF(AND(K88&gt;2,K88&lt;=4),TREND($AE$19:$AF$19,$AE$3:$AF$3,K88,TRUE),IF(AND(K88&gt;4,K88&lt;10),TREND($AF$19:$AG$19,$AF$3:$AG$3,K88,TRUE),IF(K88&gt;=10,$AG$19,1)))))</f>
        <v>#N/A</v>
      </c>
      <c r="AK88" s="85" t="e" cm="1">
        <f t="array" ref="AK88">IF(J88&gt;30,IF(K88&lt;=2,$AB$20,IF(AND(K88&gt;2,K88&lt;=4),TREND($AB$20:$AC$20,$AB$3:$AC$3,K88,TRUE),IF(AND(K88&gt;4,K88&lt;10),TREND($AC$20:$AD$20,$AC$3:$AD$3,K88,TRUE),IF(K88&gt;=10,$AD$20,1)))),IF(K88&lt;=2,$AE$20,IF(AND(K88&gt;2,K88&lt;=4),TREND($AE$20:$AF$20,$AE$3:$AF$3,K88,TRUE),IF(AND(K88&gt;4,K88&lt;10),TREND($AF$20:$AG$20,$AF$3:$AG$3,K88,TRUE),IF(K88&gt;=10,$AG$20,1)))))</f>
        <v>#N/A</v>
      </c>
      <c r="AL88" s="85">
        <v>3</v>
      </c>
      <c r="AM88" s="92">
        <v>0</v>
      </c>
      <c r="AN88" s="92" t="e">
        <f t="shared" si="6"/>
        <v>#N/A</v>
      </c>
      <c r="AO88" s="92" t="e">
        <f t="shared" si="21"/>
        <v>#N/A</v>
      </c>
      <c r="AP88" s="92" t="e">
        <f t="shared" si="7"/>
        <v>#N/A</v>
      </c>
      <c r="AQ88" s="92" t="e">
        <f t="shared" si="8"/>
        <v>#N/A</v>
      </c>
      <c r="AR88" s="92" t="e">
        <f t="shared" si="9"/>
        <v>#N/A</v>
      </c>
      <c r="AS88" s="92" t="e">
        <f t="shared" si="10"/>
        <v>#N/A</v>
      </c>
      <c r="AT88" s="92" t="e">
        <f t="shared" si="11"/>
        <v>#N/A</v>
      </c>
      <c r="AU88" s="92" t="e">
        <f t="shared" si="12"/>
        <v>#N/A</v>
      </c>
      <c r="AV88" s="92" t="e">
        <f t="shared" si="13"/>
        <v>#N/A</v>
      </c>
      <c r="AW88" s="92" t="e">
        <f t="shared" si="14"/>
        <v>#N/A</v>
      </c>
      <c r="AX88" s="92" t="e">
        <f t="shared" si="15"/>
        <v>#N/A</v>
      </c>
      <c r="AY88" s="92">
        <f t="shared" si="16"/>
        <v>6000</v>
      </c>
      <c r="AZ88" s="93">
        <v>6</v>
      </c>
      <c r="BA88" s="93" t="e">
        <f t="shared" si="36"/>
        <v>#N/A</v>
      </c>
      <c r="BB88" s="93" t="e">
        <f t="shared" si="22"/>
        <v>#N/A</v>
      </c>
      <c r="BC88" s="93" t="e">
        <f t="shared" si="23"/>
        <v>#N/A</v>
      </c>
      <c r="BD88" s="93" t="e">
        <f t="shared" si="24"/>
        <v>#N/A</v>
      </c>
      <c r="BE88" s="93" t="e">
        <f t="shared" si="25"/>
        <v>#N/A</v>
      </c>
      <c r="BF88" s="93" t="e">
        <f t="shared" si="26"/>
        <v>#N/A</v>
      </c>
      <c r="BG88" s="93" t="e">
        <f t="shared" si="27"/>
        <v>#N/A</v>
      </c>
      <c r="BH88" s="93" t="e">
        <f t="shared" si="28"/>
        <v>#N/A</v>
      </c>
      <c r="BI88" s="93" t="e">
        <f t="shared" si="29"/>
        <v>#N/A</v>
      </c>
      <c r="BJ88" s="93" t="e">
        <f t="shared" si="30"/>
        <v>#N/A</v>
      </c>
      <c r="BK88" s="93" t="e">
        <f t="shared" si="31"/>
        <v>#N/A</v>
      </c>
      <c r="BL88" s="93" t="e">
        <f t="shared" si="31"/>
        <v>#N/A</v>
      </c>
    </row>
    <row r="89" spans="2:67" x14ac:dyDescent="0.2">
      <c r="B89" s="79">
        <f t="shared" si="37"/>
        <v>-78.5</v>
      </c>
      <c r="C89" s="73">
        <f t="shared" si="20"/>
        <v>63</v>
      </c>
      <c r="D89" s="64">
        <f>INDEX('CPT Data'!$C$13:$C$20000,MATCH($C89,'CPT Data'!$B$13:$B$20000,1))</f>
        <v>62.986000000000004</v>
      </c>
      <c r="E89" s="55" t="str">
        <f>INDEX('CPT Data'!$P$13:$P$20000,MATCH($C89,'CPT Data'!$B$13:$B$20000,1))</f>
        <v>SAND</v>
      </c>
      <c r="F89" s="76" t="e">
        <f>INDEX('CPT Data'!$Q$13:$Q$20000,MATCH($C89,'CPT Data'!$B$13:$B$20000,1))</f>
        <v>#N/A</v>
      </c>
      <c r="G89" s="76">
        <f>INDEX('CPT Data'!$I$13:$I$20000,MATCH(C89,'CPT Data'!$B$13:$B$20000,1))</f>
        <v>20.117321137382348</v>
      </c>
      <c r="H89" s="76">
        <f>INDEX('CPT Data'!$J$13:$J$20000,MATCH($C89,'CPT Data'!$B$13:$B$20000,1))</f>
        <v>10.117321137382348</v>
      </c>
      <c r="I89" s="76">
        <f>INDEX('CPT Data'!$L$13:$L$20000,MATCH(C89,'CPT Data'!$B$13:$B$20000,1))</f>
        <v>637.32041040712625</v>
      </c>
      <c r="J89" s="226">
        <f>INDEX('CPT Data'!$R$13:$R$20000,MATCH(C89,'CPT Data'!$B$13:$B$20000,1))</f>
        <v>35</v>
      </c>
      <c r="K89" s="76" t="e">
        <f>INDEX('CPT Data'!$S$13:$S$20000,MATCH($C89,'CPT Data'!$B$13:$B$20000,1))</f>
        <v>#N/A</v>
      </c>
      <c r="L89" s="55">
        <f>VLOOKUP($C89, 'Pile Property'!$A$8:$D$108,2,TRUE)</f>
        <v>2</v>
      </c>
      <c r="M89" s="234" t="e">
        <f>IF($E89="CLAY",ABS($F89-'CPT Data'!$Q$3787)/$D89,#N/A)</f>
        <v>#N/A</v>
      </c>
      <c r="N89" s="65" t="e">
        <f t="shared" si="32"/>
        <v>#N/A</v>
      </c>
      <c r="O89" s="76" t="e">
        <f t="shared" si="38"/>
        <v>#N/A</v>
      </c>
      <c r="P89" s="76" t="e">
        <f t="shared" si="39"/>
        <v>#N/A</v>
      </c>
      <c r="Q89" s="65" t="e">
        <f t="shared" si="18"/>
        <v>#N/A</v>
      </c>
      <c r="R89" s="76" t="e">
        <f t="shared" si="19"/>
        <v>#N/A</v>
      </c>
      <c r="S89" s="76" t="e">
        <f t="shared" si="33"/>
        <v>#N/A</v>
      </c>
      <c r="T89" s="76"/>
      <c r="U89" s="76"/>
      <c r="V89" s="76" t="e">
        <f t="shared" si="40"/>
        <v>#N/A</v>
      </c>
      <c r="W89" s="76" t="e">
        <f t="shared" si="34"/>
        <v>#N/A</v>
      </c>
      <c r="X89" s="76" t="e">
        <f t="shared" si="41"/>
        <v>#N/A</v>
      </c>
      <c r="Y89" s="76" t="e">
        <f t="shared" si="42"/>
        <v>#N/A</v>
      </c>
      <c r="Z89" s="76" t="e">
        <f t="shared" si="35"/>
        <v>#N/A</v>
      </c>
      <c r="AA89" s="85" t="e" cm="1">
        <f t="array" ref="AA89">IF(J89&gt;30,IF(K89&lt;=2,$AB$10,IF(AND(K89&gt;2,K89&lt;=4),TREND($AB$10:$AC$10,$AB$3:$AC$3,K89,TRUE),IF(AND(K89&gt;4,K89&lt;10),TREND($AC$10:$AD$10,$AC$3:$AD$3,K89,TRUE),IF(K89&gt;=10,$AD$10,1)))),IF(K89&lt;=2,$AE$10,IF(AND(K89&gt;2,K89&lt;=4),TREND($AE$10:$AF$10,$AE$3:$AF$3,K89,TRUE),IF(AND(K89&gt;4,K89&lt;10),TREND($AF$10:$AG$10,$AF$3:$AG$3,K89,TRUE),IF(K89&gt;=10,$AG$10,1)))))</f>
        <v>#N/A</v>
      </c>
      <c r="AB89" s="85" t="e" cm="1">
        <f t="array" ref="AB89">IF(J89&gt;30,IF(K89&lt;=2,$AB$11,IF(AND(K89&gt;2,K89&lt;=4),TREND($AB$11:$AC$11,$AB$3:$AC$3,K89,TRUE),IF(AND(K89&gt;4,K89&lt;10),TREND($AC$11:$AD$11,$AC$3:$AD$3,K89,TRUE),IF(K89&gt;=10,$AD$11,1)))),IF(K89&lt;=2,$AE$11,IF(AND(K89&gt;2,K89&lt;=4),TREND($AE$11:$AF$11,$AE$3:$AF$3,K89,TRUE),IF(AND(K89&gt;4,K89&lt;10),TREND($AF$11:$AG$11,$AF$3:$AG$3,K89,TRUE),IF(K89&gt;=10,$AG$11,1)))))</f>
        <v>#N/A</v>
      </c>
      <c r="AC89" s="85" t="e" cm="1">
        <f t="array" ref="AC89">IF(J89&gt;30,IF(K89&lt;=2,$AB$12,IF(AND(K89&gt;2,K89&lt;=4),TREND($AB$12:$AC$12,$AB$3:$AC$3,K89,TRUE),IF(AND(K89&gt;4,K89&lt;10),TREND($AC$12:$AD$12,$AC$3:$AD$3,K89,TRUE),IF(K89&gt;=10,$AD$12,1)))),IF(K89&lt;=2,$AE$12,IF(AND(K89&gt;2,K89&lt;=4),TREND($AE$12:$AF$12,$AE$3:$AF$3,K89,TRUE),IF(AND(K89&gt;4,K89&lt;10),TREND($AF$12:$AG$12,$AF$3:$AG$3,K89,TRUE),IF(K89&gt;=10,$AG$12,1)))))</f>
        <v>#N/A</v>
      </c>
      <c r="AD89" s="85" t="e" cm="1">
        <f t="array" ref="AD89">IF(J89&gt;30,IF(K89&lt;=2,$AB$13,IF(AND(K89&gt;2,K89&lt;=4),TREND($AB$13:$AC$13,$AB$3:$AC$3,K89,TRUE),IF(AND(K89&gt;4,K89&lt;10),TREND($AC$13:$AD$13,$AC$3:$AD$3,K89,TRUE),IF(K89&gt;=10,$AD$13,1)))),IF(K89&lt;=2,$AE$13,IF(AND(K89&gt;2,K89&lt;=4),TREND($AE$13:$AF$13,$AE$3:$AF$3,K89,TRUE),IF(AND(K89&gt;4,K89&lt;10),TREND($AF$13:$AG$13,$AF$3:$AG$3,K89,TRUE),IF(K89&gt;=10,$AG$13,1)))))</f>
        <v>#N/A</v>
      </c>
      <c r="AE89" s="85" t="e" cm="1">
        <f t="array" ref="AE89">IF(J89&gt;30,IF(K89&lt;=2,$AB$14,IF(AND(K89&gt;2,K89&lt;=4),TREND($AB$14:$AC$14,$AB$3:$AC$3,K89,TRUE),IF(AND(K89&gt;4,K89&lt;10),TREND($AC$14:$AD$14,$AC$3:$AD$3,K89,TRUE),IF(K89&gt;=10,$AD$14,1)))),IF(K89&lt;=2,$AE$14,IF(AND(K89&gt;2,K89&lt;=4),TREND($AE$14:$AF$14,$AE$3:$AF$3,K89,TRUE),IF(AND(K89&gt;4,K89&lt;10),TREND($AF$14:$AG$14,$AF$3:$AG$3,K89,TRUE),IF(K89&gt;=10,$AG$14,1)))))</f>
        <v>#N/A</v>
      </c>
      <c r="AF89" s="85" t="e" cm="1">
        <f t="array" ref="AF89">IF(J89&gt;30,IF(K89&lt;=2,$AB$15,IF(AND(K89&gt;2,K89&lt;=4),TREND($AB$15:$AC$15,$AB$3:$AC$3,K89,TRUE),IF(AND(K89&gt;4,K89&lt;10),TREND($AC$15:$AD$15,$AC$3:$AD$3,K89,TRUE),IF(K89&gt;=10,$AD$15,1)))),IF(K89&lt;=2,$AE$15,IF(AND(K89&gt;2,K89&lt;=4),TREND($AE$15:$AF$15,$AE$3:$AF$3,K89,TRUE),IF(AND(K89&gt;4,K89&lt;10),TREND($AF$15:$AG$15,$AF$3:$AG$3,K89,TRUE),IF(K89&gt;=10,$AG$15,1)))))</f>
        <v>#N/A</v>
      </c>
      <c r="AG89" s="86" t="e" cm="1">
        <f t="array" ref="AG89">IF(J89&gt;30,IF(K89&lt;=2,$AB$16,IF(AND(K89&gt;2,K89&lt;=4),TREND($AB$16:$AC$16,$AB$3:$AC$3,K89,TRUE),IF(AND(K89&gt;4,K89&lt;10),TREND($AC$16:$AD$16,$AC$3:$AD$3,K89,TRUE),IF(K89&gt;=10,$AD$16,1)))),IF(K89&lt;=2,$AE$16,IF(AND(K89&gt;2,K89&lt;=4),TREND($AE$16:$AF$16,$AE$3:$AF$3,K89,TRUE),IF(AND(K89&gt;4,K89&lt;10),TREND($AF$16:$AG$16,$AF$3:$AG$3,K89,TRUE),IF(K89&gt;=10,$AG$16,1)))))</f>
        <v>#N/A</v>
      </c>
      <c r="AH89" s="85" t="e" cm="1">
        <f t="array" ref="AH89">IF(J89&gt;30,IF(K89&lt;=2,$AB$17,IF(AND(K89&gt;2,K89&lt;=4),TREND($AB$17:$AC$17,$AB$3:$AC$3,K89,TRUE),IF(AND(K89&gt;4,K89&lt;10),TREND($AC$17:$AD$17,$AC$3:$AD$3,K89,TRUE),IF(K89&gt;=10,$AD$17,1)))),IF(K89&lt;=2,$AE$17,IF(AND(K89&gt;2,K89&lt;=4),TREND($AE$17:$AF$17,$AE$3:$AF$3,K89,TRUE),IF(AND(K89&gt;4,K89&lt;10),TREND($AF$17:$AG$17,$AF$3:$AG$3,K89,TRUE),IF(K89&gt;=10,$AG$17,1)))))</f>
        <v>#N/A</v>
      </c>
      <c r="AI89" s="85" t="e" cm="1">
        <f t="array" ref="AI89">IF(J89&gt;30,IF(K89&lt;=2,$AB$18,IF(AND(K89&gt;2,K89&lt;=4),TREND($AB$18:$AC$18,$AB$3:$AC$3,K89,TRUE),IF(AND(K89&gt;4,K89&lt;10),TREND($AC$18:$AD$18,$AC$3:$AD$3,K89,TRUE),IF(K89&gt;=10,$AD$18,1)))),IF(K89&lt;=2,$AE$18,IF(AND(K89&gt;2,K89&lt;=4),TREND($AE$18:$AF$18,$AE$3:$AF$3,K89,TRUE),IF(AND(K89&gt;4,K89&lt;10),TREND($AF$18:$AG$18,$AF$3:$AG$3,K89,TRUE),IF(K89&gt;=10,$AG$18,1)))))</f>
        <v>#N/A</v>
      </c>
      <c r="AJ89" s="85" t="e" cm="1">
        <f t="array" ref="AJ89">IF(J89&gt;30,IF(K89&lt;=2,$AB$19,IF(AND(K89&gt;2,K89&lt;=4),TREND($AB$19:$AC$19,$AB$3:$AC$3,K89,TRUE),IF(AND(K89&gt;4,K89&lt;10),TREND($AC$19:$AD$19,$AC$3:$AD$3,K89,TRUE),IF(K89&gt;=10,$AD$19,1)))),IF(K89&lt;=2,$AE$19,IF(AND(K89&gt;2,K89&lt;=4),TREND($AE$19:$AF$19,$AE$3:$AF$3,K89,TRUE),IF(AND(K89&gt;4,K89&lt;10),TREND($AF$19:$AG$19,$AF$3:$AG$3,K89,TRUE),IF(K89&gt;=10,$AG$19,1)))))</f>
        <v>#N/A</v>
      </c>
      <c r="AK89" s="85" t="e" cm="1">
        <f t="array" ref="AK89">IF(J89&gt;30,IF(K89&lt;=2,$AB$20,IF(AND(K89&gt;2,K89&lt;=4),TREND($AB$20:$AC$20,$AB$3:$AC$3,K89,TRUE),IF(AND(K89&gt;4,K89&lt;10),TREND($AC$20:$AD$20,$AC$3:$AD$3,K89,TRUE),IF(K89&gt;=10,$AD$20,1)))),IF(K89&lt;=2,$AE$20,IF(AND(K89&gt;2,K89&lt;=4),TREND($AE$20:$AF$20,$AE$3:$AF$3,K89,TRUE),IF(AND(K89&gt;4,K89&lt;10),TREND($AF$20:$AG$20,$AF$3:$AG$3,K89,TRUE),IF(K89&gt;=10,$AG$20,1)))))</f>
        <v>#N/A</v>
      </c>
      <c r="AL89" s="85">
        <v>3</v>
      </c>
      <c r="AM89" s="92">
        <v>0</v>
      </c>
      <c r="AN89" s="92" t="e">
        <f t="shared" si="6"/>
        <v>#N/A</v>
      </c>
      <c r="AO89" s="92" t="e">
        <f t="shared" si="21"/>
        <v>#N/A</v>
      </c>
      <c r="AP89" s="92" t="e">
        <f t="shared" si="7"/>
        <v>#N/A</v>
      </c>
      <c r="AQ89" s="92" t="e">
        <f t="shared" si="8"/>
        <v>#N/A</v>
      </c>
      <c r="AR89" s="92" t="e">
        <f t="shared" si="9"/>
        <v>#N/A</v>
      </c>
      <c r="AS89" s="92" t="e">
        <f t="shared" si="10"/>
        <v>#N/A</v>
      </c>
      <c r="AT89" s="92" t="e">
        <f t="shared" si="11"/>
        <v>#N/A</v>
      </c>
      <c r="AU89" s="92" t="e">
        <f t="shared" si="12"/>
        <v>#N/A</v>
      </c>
      <c r="AV89" s="92" t="e">
        <f t="shared" si="13"/>
        <v>#N/A</v>
      </c>
      <c r="AW89" s="92" t="e">
        <f t="shared" si="14"/>
        <v>#N/A</v>
      </c>
      <c r="AX89" s="92" t="e">
        <f t="shared" si="15"/>
        <v>#N/A</v>
      </c>
      <c r="AY89" s="92">
        <f t="shared" si="16"/>
        <v>6000</v>
      </c>
      <c r="AZ89" s="93">
        <v>7</v>
      </c>
      <c r="BA89" s="93" t="e">
        <f t="shared" si="36"/>
        <v>#N/A</v>
      </c>
      <c r="BB89" s="93" t="e">
        <f t="shared" si="22"/>
        <v>#N/A</v>
      </c>
      <c r="BC89" s="93" t="e">
        <f t="shared" si="23"/>
        <v>#N/A</v>
      </c>
      <c r="BD89" s="93" t="e">
        <f t="shared" si="24"/>
        <v>#N/A</v>
      </c>
      <c r="BE89" s="93" t="e">
        <f t="shared" si="25"/>
        <v>#N/A</v>
      </c>
      <c r="BF89" s="93" t="e">
        <f t="shared" si="26"/>
        <v>#N/A</v>
      </c>
      <c r="BG89" s="93" t="e">
        <f t="shared" si="27"/>
        <v>#N/A</v>
      </c>
      <c r="BH89" s="93" t="e">
        <f t="shared" si="28"/>
        <v>#N/A</v>
      </c>
      <c r="BI89" s="93" t="e">
        <f t="shared" si="29"/>
        <v>#N/A</v>
      </c>
      <c r="BJ89" s="93" t="e">
        <f t="shared" si="30"/>
        <v>#N/A</v>
      </c>
      <c r="BK89" s="93" t="e">
        <f t="shared" si="31"/>
        <v>#N/A</v>
      </c>
      <c r="BL89" s="93" t="e">
        <f t="shared" si="31"/>
        <v>#N/A</v>
      </c>
    </row>
    <row r="90" spans="2:67" x14ac:dyDescent="0.2">
      <c r="B90" s="79">
        <f t="shared" si="37"/>
        <v>-79.5</v>
      </c>
      <c r="C90" s="73">
        <f t="shared" si="20"/>
        <v>64</v>
      </c>
      <c r="D90" s="64">
        <f>INDEX('CPT Data'!$C$13:$C$20000,MATCH($C90,'CPT Data'!$B$13:$B$20000,1))</f>
        <v>63.989000000000004</v>
      </c>
      <c r="E90" s="55" t="str">
        <f>INDEX('CPT Data'!$P$13:$P$20000,MATCH($C90,'CPT Data'!$B$13:$B$20000,1))</f>
        <v>SAND</v>
      </c>
      <c r="F90" s="76" t="e">
        <f>INDEX('CPT Data'!$Q$13:$Q$20000,MATCH($C90,'CPT Data'!$B$13:$B$20000,1))</f>
        <v>#N/A</v>
      </c>
      <c r="G90" s="76">
        <f>INDEX('CPT Data'!$I$13:$I$20000,MATCH(C90,'CPT Data'!$B$13:$B$20000,1))</f>
        <v>20.411454874868866</v>
      </c>
      <c r="H90" s="76">
        <f>INDEX('CPT Data'!$J$13:$J$20000,MATCH($C90,'CPT Data'!$B$13:$B$20000,1))</f>
        <v>10.411454874868866</v>
      </c>
      <c r="I90" s="76">
        <f>INDEX('CPT Data'!$L$13:$L$20000,MATCH(C90,'CPT Data'!$B$13:$B$20000,1))</f>
        <v>666.29146617210802</v>
      </c>
      <c r="J90" s="226">
        <f>INDEX('CPT Data'!$R$13:$R$20000,MATCH(C90,'CPT Data'!$B$13:$B$20000,1))</f>
        <v>35</v>
      </c>
      <c r="K90" s="76" t="e">
        <f>INDEX('CPT Data'!$S$13:$S$20000,MATCH($C90,'CPT Data'!$B$13:$B$20000,1))</f>
        <v>#N/A</v>
      </c>
      <c r="L90" s="55">
        <f>VLOOKUP($C90, 'Pile Property'!$A$8:$D$108,2,TRUE)</f>
        <v>2</v>
      </c>
      <c r="M90" s="234" t="e">
        <f>IF($E90="CLAY",ABS($F90-'CPT Data'!$Q$3787)/$D90,#N/A)</f>
        <v>#N/A</v>
      </c>
      <c r="N90" s="65" t="e">
        <f t="shared" si="32"/>
        <v>#N/A</v>
      </c>
      <c r="O90" s="76" t="e">
        <f t="shared" si="38"/>
        <v>#N/A</v>
      </c>
      <c r="P90" s="76" t="e">
        <f t="shared" si="39"/>
        <v>#N/A</v>
      </c>
      <c r="Q90" s="65" t="e">
        <f t="shared" si="18"/>
        <v>#N/A</v>
      </c>
      <c r="R90" s="76" t="e">
        <f t="shared" si="19"/>
        <v>#N/A</v>
      </c>
      <c r="S90" s="76" t="e">
        <f t="shared" si="33"/>
        <v>#N/A</v>
      </c>
      <c r="T90" s="76"/>
      <c r="U90" s="76"/>
      <c r="V90" s="76" t="e">
        <f t="shared" si="40"/>
        <v>#N/A</v>
      </c>
      <c r="W90" s="76" t="e">
        <f t="shared" si="34"/>
        <v>#N/A</v>
      </c>
      <c r="X90" s="76" t="e">
        <f t="shared" si="41"/>
        <v>#N/A</v>
      </c>
      <c r="Y90" s="76" t="e">
        <f t="shared" si="42"/>
        <v>#N/A</v>
      </c>
      <c r="Z90" s="76" t="e">
        <f t="shared" si="35"/>
        <v>#N/A</v>
      </c>
      <c r="AA90" s="85" t="e" cm="1">
        <f t="array" ref="AA90">IF(J90&gt;30,IF(K90&lt;=2,$AB$10,IF(AND(K90&gt;2,K90&lt;=4),TREND($AB$10:$AC$10,$AB$3:$AC$3,K90,TRUE),IF(AND(K90&gt;4,K90&lt;10),TREND($AC$10:$AD$10,$AC$3:$AD$3,K90,TRUE),IF(K90&gt;=10,$AD$10,1)))),IF(K90&lt;=2,$AE$10,IF(AND(K90&gt;2,K90&lt;=4),TREND($AE$10:$AF$10,$AE$3:$AF$3,K90,TRUE),IF(AND(K90&gt;4,K90&lt;10),TREND($AF$10:$AG$10,$AF$3:$AG$3,K90,TRUE),IF(K90&gt;=10,$AG$10,1)))))</f>
        <v>#N/A</v>
      </c>
      <c r="AB90" s="85" t="e" cm="1">
        <f t="array" ref="AB90">IF(J90&gt;30,IF(K90&lt;=2,$AB$11,IF(AND(K90&gt;2,K90&lt;=4),TREND($AB$11:$AC$11,$AB$3:$AC$3,K90,TRUE),IF(AND(K90&gt;4,K90&lt;10),TREND($AC$11:$AD$11,$AC$3:$AD$3,K90,TRUE),IF(K90&gt;=10,$AD$11,1)))),IF(K90&lt;=2,$AE$11,IF(AND(K90&gt;2,K90&lt;=4),TREND($AE$11:$AF$11,$AE$3:$AF$3,K90,TRUE),IF(AND(K90&gt;4,K90&lt;10),TREND($AF$11:$AG$11,$AF$3:$AG$3,K90,TRUE),IF(K90&gt;=10,$AG$11,1)))))</f>
        <v>#N/A</v>
      </c>
      <c r="AC90" s="85" t="e" cm="1">
        <f t="array" ref="AC90">IF(J90&gt;30,IF(K90&lt;=2,$AB$12,IF(AND(K90&gt;2,K90&lt;=4),TREND($AB$12:$AC$12,$AB$3:$AC$3,K90,TRUE),IF(AND(K90&gt;4,K90&lt;10),TREND($AC$12:$AD$12,$AC$3:$AD$3,K90,TRUE),IF(K90&gt;=10,$AD$12,1)))),IF(K90&lt;=2,$AE$12,IF(AND(K90&gt;2,K90&lt;=4),TREND($AE$12:$AF$12,$AE$3:$AF$3,K90,TRUE),IF(AND(K90&gt;4,K90&lt;10),TREND($AF$12:$AG$12,$AF$3:$AG$3,K90,TRUE),IF(K90&gt;=10,$AG$12,1)))))</f>
        <v>#N/A</v>
      </c>
      <c r="AD90" s="85" t="e" cm="1">
        <f t="array" ref="AD90">IF(J90&gt;30,IF(K90&lt;=2,$AB$13,IF(AND(K90&gt;2,K90&lt;=4),TREND($AB$13:$AC$13,$AB$3:$AC$3,K90,TRUE),IF(AND(K90&gt;4,K90&lt;10),TREND($AC$13:$AD$13,$AC$3:$AD$3,K90,TRUE),IF(K90&gt;=10,$AD$13,1)))),IF(K90&lt;=2,$AE$13,IF(AND(K90&gt;2,K90&lt;=4),TREND($AE$13:$AF$13,$AE$3:$AF$3,K90,TRUE),IF(AND(K90&gt;4,K90&lt;10),TREND($AF$13:$AG$13,$AF$3:$AG$3,K90,TRUE),IF(K90&gt;=10,$AG$13,1)))))</f>
        <v>#N/A</v>
      </c>
      <c r="AE90" s="85" t="e" cm="1">
        <f t="array" ref="AE90">IF(J90&gt;30,IF(K90&lt;=2,$AB$14,IF(AND(K90&gt;2,K90&lt;=4),TREND($AB$14:$AC$14,$AB$3:$AC$3,K90,TRUE),IF(AND(K90&gt;4,K90&lt;10),TREND($AC$14:$AD$14,$AC$3:$AD$3,K90,TRUE),IF(K90&gt;=10,$AD$14,1)))),IF(K90&lt;=2,$AE$14,IF(AND(K90&gt;2,K90&lt;=4),TREND($AE$14:$AF$14,$AE$3:$AF$3,K90,TRUE),IF(AND(K90&gt;4,K90&lt;10),TREND($AF$14:$AG$14,$AF$3:$AG$3,K90,TRUE),IF(K90&gt;=10,$AG$14,1)))))</f>
        <v>#N/A</v>
      </c>
      <c r="AF90" s="85" t="e" cm="1">
        <f t="array" ref="AF90">IF(J90&gt;30,IF(K90&lt;=2,$AB$15,IF(AND(K90&gt;2,K90&lt;=4),TREND($AB$15:$AC$15,$AB$3:$AC$3,K90,TRUE),IF(AND(K90&gt;4,K90&lt;10),TREND($AC$15:$AD$15,$AC$3:$AD$3,K90,TRUE),IF(K90&gt;=10,$AD$15,1)))),IF(K90&lt;=2,$AE$15,IF(AND(K90&gt;2,K90&lt;=4),TREND($AE$15:$AF$15,$AE$3:$AF$3,K90,TRUE),IF(AND(K90&gt;4,K90&lt;10),TREND($AF$15:$AG$15,$AF$3:$AG$3,K90,TRUE),IF(K90&gt;=10,$AG$15,1)))))</f>
        <v>#N/A</v>
      </c>
      <c r="AG90" s="86" t="e" cm="1">
        <f t="array" ref="AG90">IF(J90&gt;30,IF(K90&lt;=2,$AB$16,IF(AND(K90&gt;2,K90&lt;=4),TREND($AB$16:$AC$16,$AB$3:$AC$3,K90,TRUE),IF(AND(K90&gt;4,K90&lt;10),TREND($AC$16:$AD$16,$AC$3:$AD$3,K90,TRUE),IF(K90&gt;=10,$AD$16,1)))),IF(K90&lt;=2,$AE$16,IF(AND(K90&gt;2,K90&lt;=4),TREND($AE$16:$AF$16,$AE$3:$AF$3,K90,TRUE),IF(AND(K90&gt;4,K90&lt;10),TREND($AF$16:$AG$16,$AF$3:$AG$3,K90,TRUE),IF(K90&gt;=10,$AG$16,1)))))</f>
        <v>#N/A</v>
      </c>
      <c r="AH90" s="85" t="e" cm="1">
        <f t="array" ref="AH90">IF(J90&gt;30,IF(K90&lt;=2,$AB$17,IF(AND(K90&gt;2,K90&lt;=4),TREND($AB$17:$AC$17,$AB$3:$AC$3,K90,TRUE),IF(AND(K90&gt;4,K90&lt;10),TREND($AC$17:$AD$17,$AC$3:$AD$3,K90,TRUE),IF(K90&gt;=10,$AD$17,1)))),IF(K90&lt;=2,$AE$17,IF(AND(K90&gt;2,K90&lt;=4),TREND($AE$17:$AF$17,$AE$3:$AF$3,K90,TRUE),IF(AND(K90&gt;4,K90&lt;10),TREND($AF$17:$AG$17,$AF$3:$AG$3,K90,TRUE),IF(K90&gt;=10,$AG$17,1)))))</f>
        <v>#N/A</v>
      </c>
      <c r="AI90" s="85" t="e" cm="1">
        <f t="array" ref="AI90">IF(J90&gt;30,IF(K90&lt;=2,$AB$18,IF(AND(K90&gt;2,K90&lt;=4),TREND($AB$18:$AC$18,$AB$3:$AC$3,K90,TRUE),IF(AND(K90&gt;4,K90&lt;10),TREND($AC$18:$AD$18,$AC$3:$AD$3,K90,TRUE),IF(K90&gt;=10,$AD$18,1)))),IF(K90&lt;=2,$AE$18,IF(AND(K90&gt;2,K90&lt;=4),TREND($AE$18:$AF$18,$AE$3:$AF$3,K90,TRUE),IF(AND(K90&gt;4,K90&lt;10),TREND($AF$18:$AG$18,$AF$3:$AG$3,K90,TRUE),IF(K90&gt;=10,$AG$18,1)))))</f>
        <v>#N/A</v>
      </c>
      <c r="AJ90" s="85" t="e" cm="1">
        <f t="array" ref="AJ90">IF(J90&gt;30,IF(K90&lt;=2,$AB$19,IF(AND(K90&gt;2,K90&lt;=4),TREND($AB$19:$AC$19,$AB$3:$AC$3,K90,TRUE),IF(AND(K90&gt;4,K90&lt;10),TREND($AC$19:$AD$19,$AC$3:$AD$3,K90,TRUE),IF(K90&gt;=10,$AD$19,1)))),IF(K90&lt;=2,$AE$19,IF(AND(K90&gt;2,K90&lt;=4),TREND($AE$19:$AF$19,$AE$3:$AF$3,K90,TRUE),IF(AND(K90&gt;4,K90&lt;10),TREND($AF$19:$AG$19,$AF$3:$AG$3,K90,TRUE),IF(K90&gt;=10,$AG$19,1)))))</f>
        <v>#N/A</v>
      </c>
      <c r="AK90" s="85" t="e" cm="1">
        <f t="array" ref="AK90">IF(J90&gt;30,IF(K90&lt;=2,$AB$20,IF(AND(K90&gt;2,K90&lt;=4),TREND($AB$20:$AC$20,$AB$3:$AC$3,K90,TRUE),IF(AND(K90&gt;4,K90&lt;10),TREND($AC$20:$AD$20,$AC$3:$AD$3,K90,TRUE),IF(K90&gt;=10,$AD$20,1)))),IF(K90&lt;=2,$AE$20,IF(AND(K90&gt;2,K90&lt;=4),TREND($AE$20:$AF$20,$AE$3:$AF$3,K90,TRUE),IF(AND(K90&gt;4,K90&lt;10),TREND($AF$20:$AG$20,$AF$3:$AG$3,K90,TRUE),IF(K90&gt;=10,$AG$20,1)))))</f>
        <v>#N/A</v>
      </c>
      <c r="AL90" s="85">
        <v>3</v>
      </c>
      <c r="AM90" s="92">
        <v>0</v>
      </c>
      <c r="AN90" s="92" t="e">
        <f t="shared" si="6"/>
        <v>#N/A</v>
      </c>
      <c r="AO90" s="92" t="e">
        <f t="shared" si="21"/>
        <v>#N/A</v>
      </c>
      <c r="AP90" s="92" t="e">
        <f t="shared" si="7"/>
        <v>#N/A</v>
      </c>
      <c r="AQ90" s="92" t="e">
        <f t="shared" si="8"/>
        <v>#N/A</v>
      </c>
      <c r="AR90" s="92" t="e">
        <f t="shared" si="9"/>
        <v>#N/A</v>
      </c>
      <c r="AS90" s="92" t="e">
        <f t="shared" si="10"/>
        <v>#N/A</v>
      </c>
      <c r="AT90" s="92" t="e">
        <f t="shared" si="11"/>
        <v>#N/A</v>
      </c>
      <c r="AU90" s="92" t="e">
        <f t="shared" si="12"/>
        <v>#N/A</v>
      </c>
      <c r="AV90" s="92" t="e">
        <f t="shared" si="13"/>
        <v>#N/A</v>
      </c>
      <c r="AW90" s="92" t="e">
        <f t="shared" si="14"/>
        <v>#N/A</v>
      </c>
      <c r="AX90" s="92" t="e">
        <f t="shared" si="15"/>
        <v>#N/A</v>
      </c>
      <c r="AY90" s="92">
        <f t="shared" si="16"/>
        <v>6000</v>
      </c>
      <c r="AZ90" s="93">
        <v>8</v>
      </c>
      <c r="BA90" s="93" t="e">
        <f t="shared" si="36"/>
        <v>#N/A</v>
      </c>
      <c r="BB90" s="93" t="e">
        <f t="shared" si="22"/>
        <v>#N/A</v>
      </c>
      <c r="BC90" s="93" t="e">
        <f t="shared" si="23"/>
        <v>#N/A</v>
      </c>
      <c r="BD90" s="93" t="e">
        <f t="shared" si="24"/>
        <v>#N/A</v>
      </c>
      <c r="BE90" s="93" t="e">
        <f t="shared" si="25"/>
        <v>#N/A</v>
      </c>
      <c r="BF90" s="93" t="e">
        <f t="shared" si="26"/>
        <v>#N/A</v>
      </c>
      <c r="BG90" s="93" t="e">
        <f t="shared" si="27"/>
        <v>#N/A</v>
      </c>
      <c r="BH90" s="93" t="e">
        <f t="shared" si="28"/>
        <v>#N/A</v>
      </c>
      <c r="BI90" s="93" t="e">
        <f t="shared" si="29"/>
        <v>#N/A</v>
      </c>
      <c r="BJ90" s="93" t="e">
        <f t="shared" si="30"/>
        <v>#N/A</v>
      </c>
      <c r="BK90" s="93" t="e">
        <f t="shared" si="31"/>
        <v>#N/A</v>
      </c>
      <c r="BL90" s="93" t="e">
        <f t="shared" si="31"/>
        <v>#N/A</v>
      </c>
      <c r="BO90" s="59"/>
    </row>
    <row r="91" spans="2:67" x14ac:dyDescent="0.2">
      <c r="B91" s="79">
        <f t="shared" si="37"/>
        <v>-80.5</v>
      </c>
      <c r="C91" s="73">
        <f t="shared" si="20"/>
        <v>65</v>
      </c>
      <c r="D91" s="64">
        <f>INDEX('CPT Data'!$C$13:$C$20000,MATCH($C91,'CPT Data'!$B$13:$B$20000,1))</f>
        <v>64.989999999999995</v>
      </c>
      <c r="E91" s="55" t="str">
        <f>INDEX('CPT Data'!$P$13:$P$20000,MATCH($C91,'CPT Data'!$B$13:$B$20000,1))</f>
        <v>SAND</v>
      </c>
      <c r="F91" s="76" t="e">
        <f>INDEX('CPT Data'!$Q$13:$Q$20000,MATCH($C91,'CPT Data'!$B$13:$B$20000,1))</f>
        <v>#N/A</v>
      </c>
      <c r="G91" s="76">
        <f>INDEX('CPT Data'!$I$13:$I$20000,MATCH(C91,'CPT Data'!$B$13:$B$20000,1))</f>
        <v>20.048767174645732</v>
      </c>
      <c r="H91" s="76">
        <f>INDEX('CPT Data'!$J$13:$J$20000,MATCH($C91,'CPT Data'!$B$13:$B$20000,1))</f>
        <v>10.048767174645732</v>
      </c>
      <c r="I91" s="76">
        <f>INDEX('CPT Data'!$L$13:$L$20000,MATCH(C91,'CPT Data'!$B$13:$B$20000,1))</f>
        <v>653.13972005044866</v>
      </c>
      <c r="J91" s="226">
        <f>INDEX('CPT Data'!$R$13:$R$20000,MATCH(C91,'CPT Data'!$B$13:$B$20000,1))</f>
        <v>35</v>
      </c>
      <c r="K91" s="76" t="e">
        <f>INDEX('CPT Data'!$S$13:$S$20000,MATCH($C91,'CPT Data'!$B$13:$B$20000,1))</f>
        <v>#N/A</v>
      </c>
      <c r="L91" s="55">
        <f>VLOOKUP($C91, 'Pile Property'!$A$8:$D$108,2,TRUE)</f>
        <v>2</v>
      </c>
      <c r="M91" s="234" t="e">
        <f>IF($E91="CLAY",ABS($F91-'CPT Data'!$Q$3787)/$D91,#N/A)</f>
        <v>#N/A</v>
      </c>
      <c r="N91" s="65" t="e">
        <f t="shared" si="32"/>
        <v>#N/A</v>
      </c>
      <c r="O91" s="76" t="e">
        <f t="shared" si="38"/>
        <v>#N/A</v>
      </c>
      <c r="P91" s="76" t="e">
        <f t="shared" si="39"/>
        <v>#N/A</v>
      </c>
      <c r="Q91" s="65" t="e">
        <f t="shared" si="18"/>
        <v>#N/A</v>
      </c>
      <c r="R91" s="76" t="e">
        <f t="shared" si="19"/>
        <v>#N/A</v>
      </c>
      <c r="S91" s="76" t="e">
        <f t="shared" si="33"/>
        <v>#N/A</v>
      </c>
      <c r="T91" s="76"/>
      <c r="U91" s="76"/>
      <c r="V91" s="76" t="e">
        <f t="shared" si="40"/>
        <v>#N/A</v>
      </c>
      <c r="W91" s="76" t="e">
        <f t="shared" si="34"/>
        <v>#N/A</v>
      </c>
      <c r="X91" s="76" t="e">
        <f t="shared" si="41"/>
        <v>#N/A</v>
      </c>
      <c r="Y91" s="76" t="e">
        <f t="shared" si="42"/>
        <v>#N/A</v>
      </c>
      <c r="Z91" s="76" t="e">
        <f t="shared" si="35"/>
        <v>#N/A</v>
      </c>
      <c r="AA91" s="85" t="e" cm="1">
        <f t="array" ref="AA91">IF(J91&gt;30,IF(K91&lt;=2,$AB$10,IF(AND(K91&gt;2,K91&lt;=4),TREND($AB$10:$AC$10,$AB$3:$AC$3,K91,TRUE),IF(AND(K91&gt;4,K91&lt;10),TREND($AC$10:$AD$10,$AC$3:$AD$3,K91,TRUE),IF(K91&gt;=10,$AD$10,1)))),IF(K91&lt;=2,$AE$10,IF(AND(K91&gt;2,K91&lt;=4),TREND($AE$10:$AF$10,$AE$3:$AF$3,K91,TRUE),IF(AND(K91&gt;4,K91&lt;10),TREND($AF$10:$AG$10,$AF$3:$AG$3,K91,TRUE),IF(K91&gt;=10,$AG$10,1)))))</f>
        <v>#N/A</v>
      </c>
      <c r="AB91" s="85" t="e" cm="1">
        <f t="array" ref="AB91">IF(J91&gt;30,IF(K91&lt;=2,$AB$11,IF(AND(K91&gt;2,K91&lt;=4),TREND($AB$11:$AC$11,$AB$3:$AC$3,K91,TRUE),IF(AND(K91&gt;4,K91&lt;10),TREND($AC$11:$AD$11,$AC$3:$AD$3,K91,TRUE),IF(K91&gt;=10,$AD$11,1)))),IF(K91&lt;=2,$AE$11,IF(AND(K91&gt;2,K91&lt;=4),TREND($AE$11:$AF$11,$AE$3:$AF$3,K91,TRUE),IF(AND(K91&gt;4,K91&lt;10),TREND($AF$11:$AG$11,$AF$3:$AG$3,K91,TRUE),IF(K91&gt;=10,$AG$11,1)))))</f>
        <v>#N/A</v>
      </c>
      <c r="AC91" s="85" t="e" cm="1">
        <f t="array" ref="AC91">IF(J91&gt;30,IF(K91&lt;=2,$AB$12,IF(AND(K91&gt;2,K91&lt;=4),TREND($AB$12:$AC$12,$AB$3:$AC$3,K91,TRUE),IF(AND(K91&gt;4,K91&lt;10),TREND($AC$12:$AD$12,$AC$3:$AD$3,K91,TRUE),IF(K91&gt;=10,$AD$12,1)))),IF(K91&lt;=2,$AE$12,IF(AND(K91&gt;2,K91&lt;=4),TREND($AE$12:$AF$12,$AE$3:$AF$3,K91,TRUE),IF(AND(K91&gt;4,K91&lt;10),TREND($AF$12:$AG$12,$AF$3:$AG$3,K91,TRUE),IF(K91&gt;=10,$AG$12,1)))))</f>
        <v>#N/A</v>
      </c>
      <c r="AD91" s="85" t="e" cm="1">
        <f t="array" ref="AD91">IF(J91&gt;30,IF(K91&lt;=2,$AB$13,IF(AND(K91&gt;2,K91&lt;=4),TREND($AB$13:$AC$13,$AB$3:$AC$3,K91,TRUE),IF(AND(K91&gt;4,K91&lt;10),TREND($AC$13:$AD$13,$AC$3:$AD$3,K91,TRUE),IF(K91&gt;=10,$AD$13,1)))),IF(K91&lt;=2,$AE$13,IF(AND(K91&gt;2,K91&lt;=4),TREND($AE$13:$AF$13,$AE$3:$AF$3,K91,TRUE),IF(AND(K91&gt;4,K91&lt;10),TREND($AF$13:$AG$13,$AF$3:$AG$3,K91,TRUE),IF(K91&gt;=10,$AG$13,1)))))</f>
        <v>#N/A</v>
      </c>
      <c r="AE91" s="85" t="e" cm="1">
        <f t="array" ref="AE91">IF(J91&gt;30,IF(K91&lt;=2,$AB$14,IF(AND(K91&gt;2,K91&lt;=4),TREND($AB$14:$AC$14,$AB$3:$AC$3,K91,TRUE),IF(AND(K91&gt;4,K91&lt;10),TREND($AC$14:$AD$14,$AC$3:$AD$3,K91,TRUE),IF(K91&gt;=10,$AD$14,1)))),IF(K91&lt;=2,$AE$14,IF(AND(K91&gt;2,K91&lt;=4),TREND($AE$14:$AF$14,$AE$3:$AF$3,K91,TRUE),IF(AND(K91&gt;4,K91&lt;10),TREND($AF$14:$AG$14,$AF$3:$AG$3,K91,TRUE),IF(K91&gt;=10,$AG$14,1)))))</f>
        <v>#N/A</v>
      </c>
      <c r="AF91" s="85" t="e" cm="1">
        <f t="array" ref="AF91">IF(J91&gt;30,IF(K91&lt;=2,$AB$15,IF(AND(K91&gt;2,K91&lt;=4),TREND($AB$15:$AC$15,$AB$3:$AC$3,K91,TRUE),IF(AND(K91&gt;4,K91&lt;10),TREND($AC$15:$AD$15,$AC$3:$AD$3,K91,TRUE),IF(K91&gt;=10,$AD$15,1)))),IF(K91&lt;=2,$AE$15,IF(AND(K91&gt;2,K91&lt;=4),TREND($AE$15:$AF$15,$AE$3:$AF$3,K91,TRUE),IF(AND(K91&gt;4,K91&lt;10),TREND($AF$15:$AG$15,$AF$3:$AG$3,K91,TRUE),IF(K91&gt;=10,$AG$15,1)))))</f>
        <v>#N/A</v>
      </c>
      <c r="AG91" s="86" t="e" cm="1">
        <f t="array" ref="AG91">IF(J91&gt;30,IF(K91&lt;=2,$AB$16,IF(AND(K91&gt;2,K91&lt;=4),TREND($AB$16:$AC$16,$AB$3:$AC$3,K91,TRUE),IF(AND(K91&gt;4,K91&lt;10),TREND($AC$16:$AD$16,$AC$3:$AD$3,K91,TRUE),IF(K91&gt;=10,$AD$16,1)))),IF(K91&lt;=2,$AE$16,IF(AND(K91&gt;2,K91&lt;=4),TREND($AE$16:$AF$16,$AE$3:$AF$3,K91,TRUE),IF(AND(K91&gt;4,K91&lt;10),TREND($AF$16:$AG$16,$AF$3:$AG$3,K91,TRUE),IF(K91&gt;=10,$AG$16,1)))))</f>
        <v>#N/A</v>
      </c>
      <c r="AH91" s="85" t="e" cm="1">
        <f t="array" ref="AH91">IF(J91&gt;30,IF(K91&lt;=2,$AB$17,IF(AND(K91&gt;2,K91&lt;=4),TREND($AB$17:$AC$17,$AB$3:$AC$3,K91,TRUE),IF(AND(K91&gt;4,K91&lt;10),TREND($AC$17:$AD$17,$AC$3:$AD$3,K91,TRUE),IF(K91&gt;=10,$AD$17,1)))),IF(K91&lt;=2,$AE$17,IF(AND(K91&gt;2,K91&lt;=4),TREND($AE$17:$AF$17,$AE$3:$AF$3,K91,TRUE),IF(AND(K91&gt;4,K91&lt;10),TREND($AF$17:$AG$17,$AF$3:$AG$3,K91,TRUE),IF(K91&gt;=10,$AG$17,1)))))</f>
        <v>#N/A</v>
      </c>
      <c r="AI91" s="85" t="e" cm="1">
        <f t="array" ref="AI91">IF(J91&gt;30,IF(K91&lt;=2,$AB$18,IF(AND(K91&gt;2,K91&lt;=4),TREND($AB$18:$AC$18,$AB$3:$AC$3,K91,TRUE),IF(AND(K91&gt;4,K91&lt;10),TREND($AC$18:$AD$18,$AC$3:$AD$3,K91,TRUE),IF(K91&gt;=10,$AD$18,1)))),IF(K91&lt;=2,$AE$18,IF(AND(K91&gt;2,K91&lt;=4),TREND($AE$18:$AF$18,$AE$3:$AF$3,K91,TRUE),IF(AND(K91&gt;4,K91&lt;10),TREND($AF$18:$AG$18,$AF$3:$AG$3,K91,TRUE),IF(K91&gt;=10,$AG$18,1)))))</f>
        <v>#N/A</v>
      </c>
      <c r="AJ91" s="85" t="e" cm="1">
        <f t="array" ref="AJ91">IF(J91&gt;30,IF(K91&lt;=2,$AB$19,IF(AND(K91&gt;2,K91&lt;=4),TREND($AB$19:$AC$19,$AB$3:$AC$3,K91,TRUE),IF(AND(K91&gt;4,K91&lt;10),TREND($AC$19:$AD$19,$AC$3:$AD$3,K91,TRUE),IF(K91&gt;=10,$AD$19,1)))),IF(K91&lt;=2,$AE$19,IF(AND(K91&gt;2,K91&lt;=4),TREND($AE$19:$AF$19,$AE$3:$AF$3,K91,TRUE),IF(AND(K91&gt;4,K91&lt;10),TREND($AF$19:$AG$19,$AF$3:$AG$3,K91,TRUE),IF(K91&gt;=10,$AG$19,1)))))</f>
        <v>#N/A</v>
      </c>
      <c r="AK91" s="85" t="e" cm="1">
        <f t="array" ref="AK91">IF(J91&gt;30,IF(K91&lt;=2,$AB$20,IF(AND(K91&gt;2,K91&lt;=4),TREND($AB$20:$AC$20,$AB$3:$AC$3,K91,TRUE),IF(AND(K91&gt;4,K91&lt;10),TREND($AC$20:$AD$20,$AC$3:$AD$3,K91,TRUE),IF(K91&gt;=10,$AD$20,1)))),IF(K91&lt;=2,$AE$20,IF(AND(K91&gt;2,K91&lt;=4),TREND($AE$20:$AF$20,$AE$3:$AF$3,K91,TRUE),IF(AND(K91&gt;4,K91&lt;10),TREND($AF$20:$AG$20,$AF$3:$AG$3,K91,TRUE),IF(K91&gt;=10,$AG$20,1)))))</f>
        <v>#N/A</v>
      </c>
      <c r="AL91" s="85">
        <v>3</v>
      </c>
      <c r="AM91" s="92">
        <v>0</v>
      </c>
      <c r="AN91" s="92" t="e">
        <f t="shared" si="6"/>
        <v>#N/A</v>
      </c>
      <c r="AO91" s="92" t="e">
        <f t="shared" si="21"/>
        <v>#N/A</v>
      </c>
      <c r="AP91" s="92" t="e">
        <f t="shared" si="7"/>
        <v>#N/A</v>
      </c>
      <c r="AQ91" s="92" t="e">
        <f t="shared" si="8"/>
        <v>#N/A</v>
      </c>
      <c r="AR91" s="92" t="e">
        <f t="shared" si="9"/>
        <v>#N/A</v>
      </c>
      <c r="AS91" s="92" t="e">
        <f t="shared" si="10"/>
        <v>#N/A</v>
      </c>
      <c r="AT91" s="92" t="e">
        <f t="shared" si="11"/>
        <v>#N/A</v>
      </c>
      <c r="AU91" s="92" t="e">
        <f t="shared" si="12"/>
        <v>#N/A</v>
      </c>
      <c r="AV91" s="92" t="e">
        <f t="shared" si="13"/>
        <v>#N/A</v>
      </c>
      <c r="AW91" s="92" t="e">
        <f t="shared" si="14"/>
        <v>#N/A</v>
      </c>
      <c r="AX91" s="92" t="e">
        <f t="shared" si="15"/>
        <v>#N/A</v>
      </c>
      <c r="AY91" s="92">
        <f t="shared" si="16"/>
        <v>6000</v>
      </c>
      <c r="AZ91" s="93">
        <v>9</v>
      </c>
      <c r="BA91" s="93" t="e">
        <f t="shared" si="36"/>
        <v>#N/A</v>
      </c>
      <c r="BB91" s="93" t="e">
        <f t="shared" si="22"/>
        <v>#N/A</v>
      </c>
      <c r="BC91" s="93" t="e">
        <f t="shared" si="23"/>
        <v>#N/A</v>
      </c>
      <c r="BD91" s="93" t="e">
        <f t="shared" si="24"/>
        <v>#N/A</v>
      </c>
      <c r="BE91" s="93" t="e">
        <f t="shared" si="25"/>
        <v>#N/A</v>
      </c>
      <c r="BF91" s="93" t="e">
        <f t="shared" si="26"/>
        <v>#N/A</v>
      </c>
      <c r="BG91" s="93" t="e">
        <f t="shared" si="27"/>
        <v>#N/A</v>
      </c>
      <c r="BH91" s="93" t="e">
        <f t="shared" si="28"/>
        <v>#N/A</v>
      </c>
      <c r="BI91" s="93" t="e">
        <f t="shared" si="29"/>
        <v>#N/A</v>
      </c>
      <c r="BJ91" s="93" t="e">
        <f t="shared" si="30"/>
        <v>#N/A</v>
      </c>
      <c r="BK91" s="93" t="e">
        <f t="shared" si="31"/>
        <v>#N/A</v>
      </c>
      <c r="BL91" s="93" t="e">
        <f t="shared" si="31"/>
        <v>#N/A</v>
      </c>
    </row>
    <row r="92" spans="2:67" x14ac:dyDescent="0.2">
      <c r="B92" s="79">
        <f t="shared" si="37"/>
        <v>-81.5</v>
      </c>
      <c r="C92" s="73">
        <f t="shared" si="20"/>
        <v>66</v>
      </c>
      <c r="D92" s="64">
        <f>INDEX('CPT Data'!$C$13:$C$20000,MATCH($C92,'CPT Data'!$B$13:$B$20000,1))</f>
        <v>65.988</v>
      </c>
      <c r="E92" s="55" t="str">
        <f>INDEX('CPT Data'!$P$13:$P$20000,MATCH($C92,'CPT Data'!$B$13:$B$20000,1))</f>
        <v>SAND</v>
      </c>
      <c r="F92" s="76" t="e">
        <f>INDEX('CPT Data'!$Q$13:$Q$20000,MATCH($C92,'CPT Data'!$B$13:$B$20000,1))</f>
        <v>#N/A</v>
      </c>
      <c r="G92" s="76">
        <f>INDEX('CPT Data'!$I$13:$I$20000,MATCH(C92,'CPT Data'!$B$13:$B$20000,1))</f>
        <v>19.686032181265638</v>
      </c>
      <c r="H92" s="76">
        <f>INDEX('CPT Data'!$J$13:$J$20000,MATCH($C92,'CPT Data'!$B$13:$B$20000,1))</f>
        <v>9.686032181265638</v>
      </c>
      <c r="I92" s="76">
        <f>INDEX('CPT Data'!$L$13:$L$20000,MATCH(C92,'CPT Data'!$B$13:$B$20000,1))</f>
        <v>639.22969380262577</v>
      </c>
      <c r="J92" s="226">
        <f>INDEX('CPT Data'!$R$13:$R$20000,MATCH(C92,'CPT Data'!$B$13:$B$20000,1))</f>
        <v>35</v>
      </c>
      <c r="K92" s="76" t="e">
        <f>INDEX('CPT Data'!$S$13:$S$20000,MATCH($C92,'CPT Data'!$B$13:$B$20000,1))</f>
        <v>#N/A</v>
      </c>
      <c r="L92" s="55">
        <f>VLOOKUP($C92, 'Pile Property'!$A$8:$D$108,2,TRUE)</f>
        <v>2</v>
      </c>
      <c r="M92" s="234" t="e">
        <f>IF($E92="CLAY",ABS($F92-'CPT Data'!$Q$3787)/$D92,#N/A)</f>
        <v>#N/A</v>
      </c>
      <c r="N92" s="65" t="e">
        <f t="shared" si="32"/>
        <v>#N/A</v>
      </c>
      <c r="O92" s="76" t="e">
        <f t="shared" si="38"/>
        <v>#N/A</v>
      </c>
      <c r="P92" s="76" t="e">
        <f t="shared" si="39"/>
        <v>#N/A</v>
      </c>
      <c r="Q92" s="65" t="e">
        <f t="shared" si="18"/>
        <v>#N/A</v>
      </c>
      <c r="R92" s="76" t="e">
        <f t="shared" si="19"/>
        <v>#N/A</v>
      </c>
      <c r="S92" s="76" t="e">
        <f t="shared" si="33"/>
        <v>#N/A</v>
      </c>
      <c r="T92" s="76"/>
      <c r="U92" s="76"/>
      <c r="V92" s="76" t="e">
        <f t="shared" si="40"/>
        <v>#N/A</v>
      </c>
      <c r="W92" s="76" t="e">
        <f t="shared" si="34"/>
        <v>#N/A</v>
      </c>
      <c r="X92" s="76" t="e">
        <f t="shared" si="41"/>
        <v>#N/A</v>
      </c>
      <c r="Y92" s="76" t="e">
        <f t="shared" si="42"/>
        <v>#N/A</v>
      </c>
      <c r="Z92" s="76" t="e">
        <f t="shared" si="35"/>
        <v>#N/A</v>
      </c>
      <c r="AA92" s="85" t="e" cm="1">
        <f t="array" ref="AA92">IF(J92&gt;30,IF(K92&lt;=2,$AB$10,IF(AND(K92&gt;2,K92&lt;=4),TREND($AB$10:$AC$10,$AB$3:$AC$3,K92,TRUE),IF(AND(K92&gt;4,K92&lt;10),TREND($AC$10:$AD$10,$AC$3:$AD$3,K92,TRUE),IF(K92&gt;=10,$AD$10,1)))),IF(K92&lt;=2,$AE$10,IF(AND(K92&gt;2,K92&lt;=4),TREND($AE$10:$AF$10,$AE$3:$AF$3,K92,TRUE),IF(AND(K92&gt;4,K92&lt;10),TREND($AF$10:$AG$10,$AF$3:$AG$3,K92,TRUE),IF(K92&gt;=10,$AG$10,1)))))</f>
        <v>#N/A</v>
      </c>
      <c r="AB92" s="85" t="e" cm="1">
        <f t="array" ref="AB92">IF(J92&gt;30,IF(K92&lt;=2,$AB$11,IF(AND(K92&gt;2,K92&lt;=4),TREND($AB$11:$AC$11,$AB$3:$AC$3,K92,TRUE),IF(AND(K92&gt;4,K92&lt;10),TREND($AC$11:$AD$11,$AC$3:$AD$3,K92,TRUE),IF(K92&gt;=10,$AD$11,1)))),IF(K92&lt;=2,$AE$11,IF(AND(K92&gt;2,K92&lt;=4),TREND($AE$11:$AF$11,$AE$3:$AF$3,K92,TRUE),IF(AND(K92&gt;4,K92&lt;10),TREND($AF$11:$AG$11,$AF$3:$AG$3,K92,TRUE),IF(K92&gt;=10,$AG$11,1)))))</f>
        <v>#N/A</v>
      </c>
      <c r="AC92" s="85" t="e" cm="1">
        <f t="array" ref="AC92">IF(J92&gt;30,IF(K92&lt;=2,$AB$12,IF(AND(K92&gt;2,K92&lt;=4),TREND($AB$12:$AC$12,$AB$3:$AC$3,K92,TRUE),IF(AND(K92&gt;4,K92&lt;10),TREND($AC$12:$AD$12,$AC$3:$AD$3,K92,TRUE),IF(K92&gt;=10,$AD$12,1)))),IF(K92&lt;=2,$AE$12,IF(AND(K92&gt;2,K92&lt;=4),TREND($AE$12:$AF$12,$AE$3:$AF$3,K92,TRUE),IF(AND(K92&gt;4,K92&lt;10),TREND($AF$12:$AG$12,$AF$3:$AG$3,K92,TRUE),IF(K92&gt;=10,$AG$12,1)))))</f>
        <v>#N/A</v>
      </c>
      <c r="AD92" s="85" t="e" cm="1">
        <f t="array" ref="AD92">IF(J92&gt;30,IF(K92&lt;=2,$AB$13,IF(AND(K92&gt;2,K92&lt;=4),TREND($AB$13:$AC$13,$AB$3:$AC$3,K92,TRUE),IF(AND(K92&gt;4,K92&lt;10),TREND($AC$13:$AD$13,$AC$3:$AD$3,K92,TRUE),IF(K92&gt;=10,$AD$13,1)))),IF(K92&lt;=2,$AE$13,IF(AND(K92&gt;2,K92&lt;=4),TREND($AE$13:$AF$13,$AE$3:$AF$3,K92,TRUE),IF(AND(K92&gt;4,K92&lt;10),TREND($AF$13:$AG$13,$AF$3:$AG$3,K92,TRUE),IF(K92&gt;=10,$AG$13,1)))))</f>
        <v>#N/A</v>
      </c>
      <c r="AE92" s="85" t="e" cm="1">
        <f t="array" ref="AE92">IF(J92&gt;30,IF(K92&lt;=2,$AB$14,IF(AND(K92&gt;2,K92&lt;=4),TREND($AB$14:$AC$14,$AB$3:$AC$3,K92,TRUE),IF(AND(K92&gt;4,K92&lt;10),TREND($AC$14:$AD$14,$AC$3:$AD$3,K92,TRUE),IF(K92&gt;=10,$AD$14,1)))),IF(K92&lt;=2,$AE$14,IF(AND(K92&gt;2,K92&lt;=4),TREND($AE$14:$AF$14,$AE$3:$AF$3,K92,TRUE),IF(AND(K92&gt;4,K92&lt;10),TREND($AF$14:$AG$14,$AF$3:$AG$3,K92,TRUE),IF(K92&gt;=10,$AG$14,1)))))</f>
        <v>#N/A</v>
      </c>
      <c r="AF92" s="85" t="e" cm="1">
        <f t="array" ref="AF92">IF(J92&gt;30,IF(K92&lt;=2,$AB$15,IF(AND(K92&gt;2,K92&lt;=4),TREND($AB$15:$AC$15,$AB$3:$AC$3,K92,TRUE),IF(AND(K92&gt;4,K92&lt;10),TREND($AC$15:$AD$15,$AC$3:$AD$3,K92,TRUE),IF(K92&gt;=10,$AD$15,1)))),IF(K92&lt;=2,$AE$15,IF(AND(K92&gt;2,K92&lt;=4),TREND($AE$15:$AF$15,$AE$3:$AF$3,K92,TRUE),IF(AND(K92&gt;4,K92&lt;10),TREND($AF$15:$AG$15,$AF$3:$AG$3,K92,TRUE),IF(K92&gt;=10,$AG$15,1)))))</f>
        <v>#N/A</v>
      </c>
      <c r="AG92" s="86" t="e" cm="1">
        <f t="array" ref="AG92">IF(J92&gt;30,IF(K92&lt;=2,$AB$16,IF(AND(K92&gt;2,K92&lt;=4),TREND($AB$16:$AC$16,$AB$3:$AC$3,K92,TRUE),IF(AND(K92&gt;4,K92&lt;10),TREND($AC$16:$AD$16,$AC$3:$AD$3,K92,TRUE),IF(K92&gt;=10,$AD$16,1)))),IF(K92&lt;=2,$AE$16,IF(AND(K92&gt;2,K92&lt;=4),TREND($AE$16:$AF$16,$AE$3:$AF$3,K92,TRUE),IF(AND(K92&gt;4,K92&lt;10),TREND($AF$16:$AG$16,$AF$3:$AG$3,K92,TRUE),IF(K92&gt;=10,$AG$16,1)))))</f>
        <v>#N/A</v>
      </c>
      <c r="AH92" s="85" t="e" cm="1">
        <f t="array" ref="AH92">IF(J92&gt;30,IF(K92&lt;=2,$AB$17,IF(AND(K92&gt;2,K92&lt;=4),TREND($AB$17:$AC$17,$AB$3:$AC$3,K92,TRUE),IF(AND(K92&gt;4,K92&lt;10),TREND($AC$17:$AD$17,$AC$3:$AD$3,K92,TRUE),IF(K92&gt;=10,$AD$17,1)))),IF(K92&lt;=2,$AE$17,IF(AND(K92&gt;2,K92&lt;=4),TREND($AE$17:$AF$17,$AE$3:$AF$3,K92,TRUE),IF(AND(K92&gt;4,K92&lt;10),TREND($AF$17:$AG$17,$AF$3:$AG$3,K92,TRUE),IF(K92&gt;=10,$AG$17,1)))))</f>
        <v>#N/A</v>
      </c>
      <c r="AI92" s="85" t="e" cm="1">
        <f t="array" ref="AI92">IF(J92&gt;30,IF(K92&lt;=2,$AB$18,IF(AND(K92&gt;2,K92&lt;=4),TREND($AB$18:$AC$18,$AB$3:$AC$3,K92,TRUE),IF(AND(K92&gt;4,K92&lt;10),TREND($AC$18:$AD$18,$AC$3:$AD$3,K92,TRUE),IF(K92&gt;=10,$AD$18,1)))),IF(K92&lt;=2,$AE$18,IF(AND(K92&gt;2,K92&lt;=4),TREND($AE$18:$AF$18,$AE$3:$AF$3,K92,TRUE),IF(AND(K92&gt;4,K92&lt;10),TREND($AF$18:$AG$18,$AF$3:$AG$3,K92,TRUE),IF(K92&gt;=10,$AG$18,1)))))</f>
        <v>#N/A</v>
      </c>
      <c r="AJ92" s="85" t="e" cm="1">
        <f t="array" ref="AJ92">IF(J92&gt;30,IF(K92&lt;=2,$AB$19,IF(AND(K92&gt;2,K92&lt;=4),TREND($AB$19:$AC$19,$AB$3:$AC$3,K92,TRUE),IF(AND(K92&gt;4,K92&lt;10),TREND($AC$19:$AD$19,$AC$3:$AD$3,K92,TRUE),IF(K92&gt;=10,$AD$19,1)))),IF(K92&lt;=2,$AE$19,IF(AND(K92&gt;2,K92&lt;=4),TREND($AE$19:$AF$19,$AE$3:$AF$3,K92,TRUE),IF(AND(K92&gt;4,K92&lt;10),TREND($AF$19:$AG$19,$AF$3:$AG$3,K92,TRUE),IF(K92&gt;=10,$AG$19,1)))))</f>
        <v>#N/A</v>
      </c>
      <c r="AK92" s="85" t="e" cm="1">
        <f t="array" ref="AK92">IF(J92&gt;30,IF(K92&lt;=2,$AB$20,IF(AND(K92&gt;2,K92&lt;=4),TREND($AB$20:$AC$20,$AB$3:$AC$3,K92,TRUE),IF(AND(K92&gt;4,K92&lt;10),TREND($AC$20:$AD$20,$AC$3:$AD$3,K92,TRUE),IF(K92&gt;=10,$AD$20,1)))),IF(K92&lt;=2,$AE$20,IF(AND(K92&gt;2,K92&lt;=4),TREND($AE$20:$AF$20,$AE$3:$AF$3,K92,TRUE),IF(AND(K92&gt;4,K92&lt;10),TREND($AF$20:$AG$20,$AF$3:$AG$3,K92,TRUE),IF(K92&gt;=10,$AG$20,1)))))</f>
        <v>#N/A</v>
      </c>
      <c r="AL92" s="85">
        <v>3</v>
      </c>
      <c r="AM92" s="92">
        <v>0</v>
      </c>
      <c r="AN92" s="92" t="e">
        <f t="shared" si="6"/>
        <v>#N/A</v>
      </c>
      <c r="AO92" s="92" t="e">
        <f t="shared" si="21"/>
        <v>#N/A</v>
      </c>
      <c r="AP92" s="92" t="e">
        <f t="shared" si="7"/>
        <v>#N/A</v>
      </c>
      <c r="AQ92" s="92" t="e">
        <f t="shared" si="8"/>
        <v>#N/A</v>
      </c>
      <c r="AR92" s="92" t="e">
        <f t="shared" si="9"/>
        <v>#N/A</v>
      </c>
      <c r="AS92" s="92" t="e">
        <f t="shared" si="10"/>
        <v>#N/A</v>
      </c>
      <c r="AT92" s="92" t="e">
        <f t="shared" si="11"/>
        <v>#N/A</v>
      </c>
      <c r="AU92" s="92" t="e">
        <f t="shared" si="12"/>
        <v>#N/A</v>
      </c>
      <c r="AV92" s="92" t="e">
        <f t="shared" si="13"/>
        <v>#N/A</v>
      </c>
      <c r="AW92" s="92" t="e">
        <f t="shared" si="14"/>
        <v>#N/A</v>
      </c>
      <c r="AX92" s="92" t="e">
        <f t="shared" si="15"/>
        <v>#N/A</v>
      </c>
      <c r="AY92" s="92">
        <f t="shared" si="16"/>
        <v>6000</v>
      </c>
      <c r="AZ92" s="93">
        <v>10</v>
      </c>
      <c r="BA92" s="93" t="e">
        <f t="shared" si="36"/>
        <v>#N/A</v>
      </c>
      <c r="BB92" s="93" t="e">
        <f t="shared" si="22"/>
        <v>#N/A</v>
      </c>
      <c r="BC92" s="93" t="e">
        <f t="shared" si="23"/>
        <v>#N/A</v>
      </c>
      <c r="BD92" s="93" t="e">
        <f t="shared" si="24"/>
        <v>#N/A</v>
      </c>
      <c r="BE92" s="93" t="e">
        <f t="shared" si="25"/>
        <v>#N/A</v>
      </c>
      <c r="BF92" s="93" t="e">
        <f t="shared" si="26"/>
        <v>#N/A</v>
      </c>
      <c r="BG92" s="93" t="e">
        <f t="shared" si="27"/>
        <v>#N/A</v>
      </c>
      <c r="BH92" s="93" t="e">
        <f t="shared" si="28"/>
        <v>#N/A</v>
      </c>
      <c r="BI92" s="93" t="e">
        <f t="shared" si="29"/>
        <v>#N/A</v>
      </c>
      <c r="BJ92" s="93" t="e">
        <f t="shared" si="30"/>
        <v>#N/A</v>
      </c>
      <c r="BK92" s="93" t="e">
        <f t="shared" si="31"/>
        <v>#N/A</v>
      </c>
      <c r="BL92" s="93" t="e">
        <f t="shared" si="31"/>
        <v>#N/A</v>
      </c>
    </row>
    <row r="93" spans="2:67" x14ac:dyDescent="0.2">
      <c r="B93" s="79">
        <f t="shared" si="37"/>
        <v>-82.5</v>
      </c>
      <c r="C93" s="73">
        <f t="shared" ref="C93:C100" si="43">C92+1</f>
        <v>67</v>
      </c>
      <c r="D93" s="64">
        <f>INDEX('CPT Data'!$C$13:$C$20000,MATCH($C93,'CPT Data'!$B$13:$B$20000,1))</f>
        <v>66.98599999999999</v>
      </c>
      <c r="E93" s="55" t="str">
        <f>INDEX('CPT Data'!$P$13:$P$20000,MATCH($C93,'CPT Data'!$B$13:$B$20000,1))</f>
        <v>SAND</v>
      </c>
      <c r="F93" s="76" t="e">
        <f>INDEX('CPT Data'!$Q$13:$Q$20000,MATCH($C93,'CPT Data'!$B$13:$B$20000,1))</f>
        <v>#N/A</v>
      </c>
      <c r="G93" s="76">
        <f>INDEX('CPT Data'!$I$13:$I$20000,MATCH(C93,'CPT Data'!$B$13:$B$20000,1))</f>
        <v>19.654199794055359</v>
      </c>
      <c r="H93" s="76">
        <f>INDEX('CPT Data'!$J$13:$J$20000,MATCH($C93,'CPT Data'!$B$13:$B$20000,1))</f>
        <v>9.6541997940553586</v>
      </c>
      <c r="I93" s="76">
        <f>INDEX('CPT Data'!$L$13:$L$20000,MATCH(C93,'CPT Data'!$B$13:$B$20000,1))</f>
        <v>646.7638068031506</v>
      </c>
      <c r="J93" s="226">
        <f>INDEX('CPT Data'!$R$13:$R$20000,MATCH(C93,'CPT Data'!$B$13:$B$20000,1))</f>
        <v>35</v>
      </c>
      <c r="K93" s="76" t="e">
        <f>INDEX('CPT Data'!$S$13:$S$20000,MATCH($C93,'CPT Data'!$B$13:$B$20000,1))</f>
        <v>#N/A</v>
      </c>
      <c r="L93" s="55">
        <f>VLOOKUP($C93, 'Pile Property'!$A$8:$D$108,2,TRUE)</f>
        <v>2</v>
      </c>
      <c r="M93" s="234" t="e">
        <f>IF($E93="CLAY",ABS($F93-'CPT Data'!$Q$3787)/$D93,#N/A)</f>
        <v>#N/A</v>
      </c>
      <c r="N93" s="65" t="e">
        <f t="shared" si="32"/>
        <v>#N/A</v>
      </c>
      <c r="O93" s="76" t="e">
        <f t="shared" si="38"/>
        <v>#N/A</v>
      </c>
      <c r="P93" s="76" t="e">
        <f t="shared" si="39"/>
        <v>#N/A</v>
      </c>
      <c r="Q93" s="65" t="e">
        <f t="shared" si="18"/>
        <v>#N/A</v>
      </c>
      <c r="R93" s="76" t="e">
        <f t="shared" si="19"/>
        <v>#N/A</v>
      </c>
      <c r="S93" s="76" t="e">
        <f t="shared" si="33"/>
        <v>#N/A</v>
      </c>
      <c r="T93" s="76"/>
      <c r="U93" s="76"/>
      <c r="V93" s="76" t="e">
        <f t="shared" si="40"/>
        <v>#N/A</v>
      </c>
      <c r="W93" s="76" t="e">
        <f t="shared" si="34"/>
        <v>#N/A</v>
      </c>
      <c r="X93" s="76" t="e">
        <f t="shared" si="41"/>
        <v>#N/A</v>
      </c>
      <c r="Y93" s="76" t="e">
        <f t="shared" si="42"/>
        <v>#N/A</v>
      </c>
      <c r="Z93" s="76" t="e">
        <f t="shared" si="35"/>
        <v>#N/A</v>
      </c>
      <c r="AA93" s="85" t="e" cm="1">
        <f t="array" ref="AA93">IF(J93&gt;30,IF(K93&lt;=2,$AB$10,IF(AND(K93&gt;2,K93&lt;=4),TREND($AB$10:$AC$10,$AB$3:$AC$3,K93,TRUE),IF(AND(K93&gt;4,K93&lt;10),TREND($AC$10:$AD$10,$AC$3:$AD$3,K93,TRUE),IF(K93&gt;=10,$AD$10,1)))),IF(K93&lt;=2,$AE$10,IF(AND(K93&gt;2,K93&lt;=4),TREND($AE$10:$AF$10,$AE$3:$AF$3,K93,TRUE),IF(AND(K93&gt;4,K93&lt;10),TREND($AF$10:$AG$10,$AF$3:$AG$3,K93,TRUE),IF(K93&gt;=10,$AG$10,1)))))</f>
        <v>#N/A</v>
      </c>
      <c r="AB93" s="85" t="e" cm="1">
        <f t="array" ref="AB93">IF(J93&gt;30,IF(K93&lt;=2,$AB$11,IF(AND(K93&gt;2,K93&lt;=4),TREND($AB$11:$AC$11,$AB$3:$AC$3,K93,TRUE),IF(AND(K93&gt;4,K93&lt;10),TREND($AC$11:$AD$11,$AC$3:$AD$3,K93,TRUE),IF(K93&gt;=10,$AD$11,1)))),IF(K93&lt;=2,$AE$11,IF(AND(K93&gt;2,K93&lt;=4),TREND($AE$11:$AF$11,$AE$3:$AF$3,K93,TRUE),IF(AND(K93&gt;4,K93&lt;10),TREND($AF$11:$AG$11,$AF$3:$AG$3,K93,TRUE),IF(K93&gt;=10,$AG$11,1)))))</f>
        <v>#N/A</v>
      </c>
      <c r="AC93" s="85" t="e" cm="1">
        <f t="array" ref="AC93">IF(J93&gt;30,IF(K93&lt;=2,$AB$12,IF(AND(K93&gt;2,K93&lt;=4),TREND($AB$12:$AC$12,$AB$3:$AC$3,K93,TRUE),IF(AND(K93&gt;4,K93&lt;10),TREND($AC$12:$AD$12,$AC$3:$AD$3,K93,TRUE),IF(K93&gt;=10,$AD$12,1)))),IF(K93&lt;=2,$AE$12,IF(AND(K93&gt;2,K93&lt;=4),TREND($AE$12:$AF$12,$AE$3:$AF$3,K93,TRUE),IF(AND(K93&gt;4,K93&lt;10),TREND($AF$12:$AG$12,$AF$3:$AG$3,K93,TRUE),IF(K93&gt;=10,$AG$12,1)))))</f>
        <v>#N/A</v>
      </c>
      <c r="AD93" s="85" t="e" cm="1">
        <f t="array" ref="AD93">IF(J93&gt;30,IF(K93&lt;=2,$AB$13,IF(AND(K93&gt;2,K93&lt;=4),TREND($AB$13:$AC$13,$AB$3:$AC$3,K93,TRUE),IF(AND(K93&gt;4,K93&lt;10),TREND($AC$13:$AD$13,$AC$3:$AD$3,K93,TRUE),IF(K93&gt;=10,$AD$13,1)))),IF(K93&lt;=2,$AE$13,IF(AND(K93&gt;2,K93&lt;=4),TREND($AE$13:$AF$13,$AE$3:$AF$3,K93,TRUE),IF(AND(K93&gt;4,K93&lt;10),TREND($AF$13:$AG$13,$AF$3:$AG$3,K93,TRUE),IF(K93&gt;=10,$AG$13,1)))))</f>
        <v>#N/A</v>
      </c>
      <c r="AE93" s="85" t="e" cm="1">
        <f t="array" ref="AE93">IF(J93&gt;30,IF(K93&lt;=2,$AB$14,IF(AND(K93&gt;2,K93&lt;=4),TREND($AB$14:$AC$14,$AB$3:$AC$3,K93,TRUE),IF(AND(K93&gt;4,K93&lt;10),TREND($AC$14:$AD$14,$AC$3:$AD$3,K93,TRUE),IF(K93&gt;=10,$AD$14,1)))),IF(K93&lt;=2,$AE$14,IF(AND(K93&gt;2,K93&lt;=4),TREND($AE$14:$AF$14,$AE$3:$AF$3,K93,TRUE),IF(AND(K93&gt;4,K93&lt;10),TREND($AF$14:$AG$14,$AF$3:$AG$3,K93,TRUE),IF(K93&gt;=10,$AG$14,1)))))</f>
        <v>#N/A</v>
      </c>
      <c r="AF93" s="85" t="e" cm="1">
        <f t="array" ref="AF93">IF(J93&gt;30,IF(K93&lt;=2,$AB$15,IF(AND(K93&gt;2,K93&lt;=4),TREND($AB$15:$AC$15,$AB$3:$AC$3,K93,TRUE),IF(AND(K93&gt;4,K93&lt;10),TREND($AC$15:$AD$15,$AC$3:$AD$3,K93,TRUE),IF(K93&gt;=10,$AD$15,1)))),IF(K93&lt;=2,$AE$15,IF(AND(K93&gt;2,K93&lt;=4),TREND($AE$15:$AF$15,$AE$3:$AF$3,K93,TRUE),IF(AND(K93&gt;4,K93&lt;10),TREND($AF$15:$AG$15,$AF$3:$AG$3,K93,TRUE),IF(K93&gt;=10,$AG$15,1)))))</f>
        <v>#N/A</v>
      </c>
      <c r="AG93" s="86" t="e" cm="1">
        <f t="array" ref="AG93">IF(J93&gt;30,IF(K93&lt;=2,$AB$16,IF(AND(K93&gt;2,K93&lt;=4),TREND($AB$16:$AC$16,$AB$3:$AC$3,K93,TRUE),IF(AND(K93&gt;4,K93&lt;10),TREND($AC$16:$AD$16,$AC$3:$AD$3,K93,TRUE),IF(K93&gt;=10,$AD$16,1)))),IF(K93&lt;=2,$AE$16,IF(AND(K93&gt;2,K93&lt;=4),TREND($AE$16:$AF$16,$AE$3:$AF$3,K93,TRUE),IF(AND(K93&gt;4,K93&lt;10),TREND($AF$16:$AG$16,$AF$3:$AG$3,K93,TRUE),IF(K93&gt;=10,$AG$16,1)))))</f>
        <v>#N/A</v>
      </c>
      <c r="AH93" s="85" t="e" cm="1">
        <f t="array" ref="AH93">IF(J93&gt;30,IF(K93&lt;=2,$AB$17,IF(AND(K93&gt;2,K93&lt;=4),TREND($AB$17:$AC$17,$AB$3:$AC$3,K93,TRUE),IF(AND(K93&gt;4,K93&lt;10),TREND($AC$17:$AD$17,$AC$3:$AD$3,K93,TRUE),IF(K93&gt;=10,$AD$17,1)))),IF(K93&lt;=2,$AE$17,IF(AND(K93&gt;2,K93&lt;=4),TREND($AE$17:$AF$17,$AE$3:$AF$3,K93,TRUE),IF(AND(K93&gt;4,K93&lt;10),TREND($AF$17:$AG$17,$AF$3:$AG$3,K93,TRUE),IF(K93&gt;=10,$AG$17,1)))))</f>
        <v>#N/A</v>
      </c>
      <c r="AI93" s="85" t="e" cm="1">
        <f t="array" ref="AI93">IF(J93&gt;30,IF(K93&lt;=2,$AB$18,IF(AND(K93&gt;2,K93&lt;=4),TREND($AB$18:$AC$18,$AB$3:$AC$3,K93,TRUE),IF(AND(K93&gt;4,K93&lt;10),TREND($AC$18:$AD$18,$AC$3:$AD$3,K93,TRUE),IF(K93&gt;=10,$AD$18,1)))),IF(K93&lt;=2,$AE$18,IF(AND(K93&gt;2,K93&lt;=4),TREND($AE$18:$AF$18,$AE$3:$AF$3,K93,TRUE),IF(AND(K93&gt;4,K93&lt;10),TREND($AF$18:$AG$18,$AF$3:$AG$3,K93,TRUE),IF(K93&gt;=10,$AG$18,1)))))</f>
        <v>#N/A</v>
      </c>
      <c r="AJ93" s="85" t="e" cm="1">
        <f t="array" ref="AJ93">IF(J93&gt;30,IF(K93&lt;=2,$AB$19,IF(AND(K93&gt;2,K93&lt;=4),TREND($AB$19:$AC$19,$AB$3:$AC$3,K93,TRUE),IF(AND(K93&gt;4,K93&lt;10),TREND($AC$19:$AD$19,$AC$3:$AD$3,K93,TRUE),IF(K93&gt;=10,$AD$19,1)))),IF(K93&lt;=2,$AE$19,IF(AND(K93&gt;2,K93&lt;=4),TREND($AE$19:$AF$19,$AE$3:$AF$3,K93,TRUE),IF(AND(K93&gt;4,K93&lt;10),TREND($AF$19:$AG$19,$AF$3:$AG$3,K93,TRUE),IF(K93&gt;=10,$AG$19,1)))))</f>
        <v>#N/A</v>
      </c>
      <c r="AK93" s="85" t="e" cm="1">
        <f t="array" ref="AK93">IF(J93&gt;30,IF(K93&lt;=2,$AB$20,IF(AND(K93&gt;2,K93&lt;=4),TREND($AB$20:$AC$20,$AB$3:$AC$3,K93,TRUE),IF(AND(K93&gt;4,K93&lt;10),TREND($AC$20:$AD$20,$AC$3:$AD$3,K93,TRUE),IF(K93&gt;=10,$AD$20,1)))),IF(K93&lt;=2,$AE$20,IF(AND(K93&gt;2,K93&lt;=4),TREND($AE$20:$AF$20,$AE$3:$AF$3,K93,TRUE),IF(AND(K93&gt;4,K93&lt;10),TREND($AF$20:$AG$20,$AF$3:$AG$3,K93,TRUE),IF(K93&gt;=10,$AG$20,1)))))</f>
        <v>#N/A</v>
      </c>
      <c r="AL93" s="85">
        <v>3</v>
      </c>
      <c r="AM93" s="92">
        <v>0</v>
      </c>
      <c r="AN93" s="92" t="e">
        <f t="shared" si="6"/>
        <v>#N/A</v>
      </c>
      <c r="AO93" s="92" t="e">
        <f t="shared" si="21"/>
        <v>#N/A</v>
      </c>
      <c r="AP93" s="92" t="e">
        <f t="shared" si="7"/>
        <v>#N/A</v>
      </c>
      <c r="AQ93" s="92" t="e">
        <f t="shared" si="8"/>
        <v>#N/A</v>
      </c>
      <c r="AR93" s="92" t="e">
        <f t="shared" si="9"/>
        <v>#N/A</v>
      </c>
      <c r="AS93" s="92" t="e">
        <f t="shared" si="10"/>
        <v>#N/A</v>
      </c>
      <c r="AT93" s="92" t="e">
        <f t="shared" si="11"/>
        <v>#N/A</v>
      </c>
      <c r="AU93" s="92" t="e">
        <f t="shared" si="12"/>
        <v>#N/A</v>
      </c>
      <c r="AV93" s="92" t="e">
        <f t="shared" si="13"/>
        <v>#N/A</v>
      </c>
      <c r="AW93" s="92" t="e">
        <f t="shared" si="14"/>
        <v>#N/A</v>
      </c>
      <c r="AX93" s="92" t="e">
        <f t="shared" si="15"/>
        <v>#N/A</v>
      </c>
      <c r="AY93" s="92">
        <f t="shared" si="16"/>
        <v>6000</v>
      </c>
      <c r="AZ93" s="93">
        <v>11</v>
      </c>
      <c r="BA93" s="93" t="e">
        <f t="shared" si="36"/>
        <v>#N/A</v>
      </c>
      <c r="BB93" s="93" t="e">
        <f t="shared" si="22"/>
        <v>#N/A</v>
      </c>
      <c r="BC93" s="93" t="e">
        <f t="shared" si="23"/>
        <v>#N/A</v>
      </c>
      <c r="BD93" s="93" t="e">
        <f t="shared" si="24"/>
        <v>#N/A</v>
      </c>
      <c r="BE93" s="93" t="e">
        <f t="shared" si="25"/>
        <v>#N/A</v>
      </c>
      <c r="BF93" s="93" t="e">
        <f t="shared" si="26"/>
        <v>#N/A</v>
      </c>
      <c r="BG93" s="93" t="e">
        <f t="shared" si="27"/>
        <v>#N/A</v>
      </c>
      <c r="BH93" s="93" t="e">
        <f t="shared" si="28"/>
        <v>#N/A</v>
      </c>
      <c r="BI93" s="93" t="e">
        <f t="shared" si="29"/>
        <v>#N/A</v>
      </c>
      <c r="BJ93" s="93" t="e">
        <f t="shared" si="30"/>
        <v>#N/A</v>
      </c>
      <c r="BK93" s="93" t="e">
        <f t="shared" si="31"/>
        <v>#N/A</v>
      </c>
      <c r="BL93" s="93" t="e">
        <f t="shared" si="31"/>
        <v>#N/A</v>
      </c>
      <c r="BO93" s="59"/>
    </row>
    <row r="94" spans="2:67" x14ac:dyDescent="0.2">
      <c r="B94" s="79">
        <f t="shared" si="37"/>
        <v>-83.5</v>
      </c>
      <c r="C94" s="73">
        <f t="shared" si="43"/>
        <v>68</v>
      </c>
      <c r="D94" s="64">
        <f>INDEX('CPT Data'!$C$13:$C$20000,MATCH($C94,'CPT Data'!$B$13:$B$20000,1))</f>
        <v>67.984999999999999</v>
      </c>
      <c r="E94" s="55" t="str">
        <f>INDEX('CPT Data'!$P$13:$P$20000,MATCH($C94,'CPT Data'!$B$13:$B$20000,1))</f>
        <v>CLAY</v>
      </c>
      <c r="F94" s="76">
        <f>INDEX('CPT Data'!$Q$13:$Q$20000,MATCH($C94,'CPT Data'!$B$13:$B$20000,1))</f>
        <v>338.50618886427725</v>
      </c>
      <c r="G94" s="76">
        <f>INDEX('CPT Data'!$I$13:$I$20000,MATCH(C94,'CPT Data'!$B$13:$B$20000,1))</f>
        <v>20.936467362339812</v>
      </c>
      <c r="H94" s="76">
        <f>INDEX('CPT Data'!$J$13:$J$20000,MATCH($C94,'CPT Data'!$B$13:$B$20000,1))</f>
        <v>10.936467362339812</v>
      </c>
      <c r="I94" s="76">
        <f>INDEX('CPT Data'!$L$13:$L$20000,MATCH(C94,'CPT Data'!$B$13:$B$20000,1))</f>
        <v>743.59228890020859</v>
      </c>
      <c r="J94" s="226">
        <f>INDEX('CPT Data'!$R$13:$R$20000,MATCH(C94,'CPT Data'!$B$13:$B$20000,1))</f>
        <v>35</v>
      </c>
      <c r="K94" s="76">
        <f>INDEX('CPT Data'!$S$13:$S$20000,MATCH($C94,'CPT Data'!$B$13:$B$20000,1))</f>
        <v>2.0878833739125136</v>
      </c>
      <c r="L94" s="55">
        <f>VLOOKUP($C94, 'Pile Property'!$A$8:$D$108,2,TRUE)</f>
        <v>2</v>
      </c>
      <c r="M94" s="234">
        <f>IF($E94="CLAY",ABS($F94-'CPT Data'!$Q$3787)/$D94,#N/A)</f>
        <v>2.4230980425308863</v>
      </c>
      <c r="N94" s="65">
        <f t="shared" ref="N94:N100" si="44">$F$29/($M94*$L94)</f>
        <v>2.2838895376927066</v>
      </c>
      <c r="O94" s="76">
        <f t="shared" si="38"/>
        <v>15.975047281383235</v>
      </c>
      <c r="P94" s="76">
        <f t="shared" si="39"/>
        <v>0.45523090262936466</v>
      </c>
      <c r="Q94" s="65">
        <f t="shared" si="18"/>
        <v>0.74106130424336214</v>
      </c>
      <c r="R94" s="76">
        <f t="shared" si="19"/>
        <v>11.223183912730086</v>
      </c>
      <c r="S94" s="76">
        <f t="shared" ref="S94:S100" si="45">MIN(IFERROR(($N$5 - (1 - $Q94) - ($N$5 - $N$6)*(1 - ($D94/($O94*$L94))^0.6)^1.35),$R94),$R94)</f>
        <v>11.223183912730086</v>
      </c>
      <c r="T94" s="76"/>
      <c r="U94" s="76"/>
      <c r="V94" s="76">
        <f t="shared" si="40"/>
        <v>11.223183912730086</v>
      </c>
      <c r="W94" s="76">
        <f t="shared" si="34"/>
        <v>11.223183912730086</v>
      </c>
      <c r="X94" s="76">
        <f t="shared" si="41"/>
        <v>11.223183912730086</v>
      </c>
      <c r="Y94" s="76">
        <f t="shared" si="42"/>
        <v>3799.1172132211286</v>
      </c>
      <c r="Z94" s="76">
        <f t="shared" si="35"/>
        <v>7598.2344264422572</v>
      </c>
      <c r="AA94" s="85" cm="1">
        <f t="array" ref="AA94">IF(J94&gt;30,IF(K94&lt;=2,$AB$10,IF(AND(K94&gt;2,K94&lt;=4),TREND($AB$10:$AC$10,$AB$3:$AC$3,K94,TRUE),IF(AND(K94&gt;4,K94&lt;10),TREND($AC$10:$AD$10,$AC$3:$AD$3,K94,TRUE),IF(K94&gt;=10,$AD$10,1)))),IF(K94&lt;=2,$AE$10,IF(AND(K94&gt;2,K94&lt;=4),TREND($AE$10:$AF$10,$AE$3:$AF$3,K94,TRUE),IF(AND(K94&gt;4,K94&lt;10),TREND($AF$10:$AG$10,$AF$3:$AG$3,K94,TRUE),IF(K94&gt;=10,$AG$10,1)))))</f>
        <v>3.0439416869562565E-4</v>
      </c>
      <c r="AB94" s="85" cm="1">
        <f t="array" ref="AB94">IF(J94&gt;30,IF(K94&lt;=2,$AB$11,IF(AND(K94&gt;2,K94&lt;=4),TREND($AB$11:$AC$11,$AB$3:$AC$3,K94,TRUE),IF(AND(K94&gt;4,K94&lt;10),TREND($AC$11:$AD$11,$AC$3:$AD$3,K94,TRUE),IF(K94&gt;=10,$AD$11,1)))),IF(K94&lt;=2,$AE$11,IF(AND(K94&gt;2,K94&lt;=4),TREND($AE$11:$AF$11,$AE$3:$AF$3,K94,TRUE),IF(AND(K94&gt;4,K94&lt;10),TREND($AF$11:$AG$11,$AF$3:$AG$3,K94,TRUE),IF(K94&gt;=10,$AG$11,1)))))</f>
        <v>3.0439416869562567E-3</v>
      </c>
      <c r="AC94" s="85" cm="1">
        <f t="array" ref="AC94">IF(J94&gt;30,IF(K94&lt;=2,$AB$12,IF(AND(K94&gt;2,K94&lt;=4),TREND($AB$12:$AC$12,$AB$3:$AC$3,K94,TRUE),IF(AND(K94&gt;4,K94&lt;10),TREND($AC$12:$AD$12,$AC$3:$AD$3,K94,TRUE),IF(K94&gt;=10,$AD$12,1)))),IF(K94&lt;=2,$AE$12,IF(AND(K94&gt;2,K94&lt;=4),TREND($AE$12:$AF$12,$AE$3:$AF$3,K94,TRUE),IF(AND(K94&gt;4,K94&lt;10),TREND($AF$12:$AG$12,$AF$3:$AG$3,K94,TRUE),IF(K94&gt;=10,$AG$12,1)))))</f>
        <v>5.4186425547818936E-3</v>
      </c>
      <c r="AD94" s="85" cm="1">
        <f t="array" ref="AD94">IF(J94&gt;30,IF(K94&lt;=2,$AB$13,IF(AND(K94&gt;2,K94&lt;=4),TREND($AB$13:$AC$13,$AB$3:$AC$3,K94,TRUE),IF(AND(K94&gt;4,K94&lt;10),TREND($AC$13:$AD$13,$AC$3:$AD$3,K94,TRUE),IF(K94&gt;=10,$AD$13,1)))),IF(K94&lt;=2,$AE$13,IF(AND(K94&gt;2,K94&lt;=4),TREND($AE$13:$AF$13,$AE$3:$AF$3,K94,TRUE),IF(AND(K94&gt;4,K94&lt;10),TREND($AF$13:$AG$13,$AF$3:$AG$3,K94,TRUE),IF(K94&gt;=10,$AG$13,1)))))</f>
        <v>9.2636501217375385E-3</v>
      </c>
      <c r="AE94" s="85" cm="1">
        <f t="array" ref="AE94">IF(J94&gt;30,IF(K94&lt;=2,$AB$14,IF(AND(K94&gt;2,K94&lt;=4),TREND($AB$14:$AC$14,$AB$3:$AC$3,K94,TRUE),IF(AND(K94&gt;4,K94&lt;10),TREND($AC$14:$AD$14,$AC$3:$AD$3,K94,TRUE),IF(K94&gt;=10,$AD$14,1)))),IF(K94&lt;=2,$AE$14,IF(AND(K94&gt;2,K94&lt;=4),TREND($AE$14:$AF$14,$AE$3:$AF$3,K94,TRUE),IF(AND(K94&gt;4,K94&lt;10),TREND($AF$14:$AG$14,$AF$3:$AG$3,K94,TRUE),IF(K94&gt;=10,$AG$14,1)))))</f>
        <v>1.4439416869562568E-2</v>
      </c>
      <c r="AF94" s="85" cm="1">
        <f t="array" ref="AF94">IF(J94&gt;30,IF(K94&lt;=2,$AB$15,IF(AND(K94&gt;2,K94&lt;=4),TREND($AB$15:$AC$15,$AB$3:$AC$3,K94,TRUE),IF(AND(K94&gt;4,K94&lt;10),TREND($AC$15:$AD$15,$AC$3:$AD$3,K94,TRUE),IF(K94&gt;=10,$AD$15,1)))),IF(K94&lt;=2,$AE$15,IF(AND(K94&gt;2,K94&lt;=4),TREND($AE$15:$AF$15,$AE$3:$AF$3,K94,TRUE),IF(AND(K94&gt;4,K94&lt;10),TREND($AF$15:$AG$15,$AF$3:$AG$3,K94,TRUE),IF(K94&gt;=10,$AG$15,1)))))</f>
        <v>2.2615183617387589E-2</v>
      </c>
      <c r="AG94" s="86" cm="1">
        <f t="array" ref="AG94">IF(J94&gt;30,IF(K94&lt;=2,$AB$16,IF(AND(K94&gt;2,K94&lt;=4),TREND($AB$16:$AC$16,$AB$3:$AC$3,K94,TRUE),IF(AND(K94&gt;4,K94&lt;10),TREND($AC$16:$AD$16,$AC$3:$AD$3,K94,TRUE),IF(K94&gt;=10,$AD$16,1)))),IF(K94&lt;=2,$AE$16,IF(AND(K94&gt;2,K94&lt;=4),TREND($AE$16:$AF$16,$AE$3:$AF$3,K94,TRUE),IF(AND(K94&gt;4,K94&lt;10),TREND($AF$16:$AG$16,$AF$3:$AG$3,K94,TRUE),IF(K94&gt;=10,$AG$16,1)))))</f>
        <v>3.3010658799993903E-2</v>
      </c>
      <c r="AH94" s="85" cm="1">
        <f t="array" ref="AH94">IF(J94&gt;30,IF(K94&lt;=2,$AB$17,IF(AND(K94&gt;2,K94&lt;=4),TREND($AB$17:$AC$17,$AB$3:$AC$3,K94,TRUE),IF(AND(K94&gt;4,K94&lt;10),TREND($AC$17:$AD$17,$AC$3:$AD$3,K94,TRUE),IF(K94&gt;=10,$AD$17,1)))),IF(K94&lt;=2,$AE$17,IF(AND(K94&gt;2,K94&lt;=4),TREND($AE$17:$AF$17,$AE$3:$AF$3,K94,TRUE),IF(AND(K94&gt;4,K94&lt;10),TREND($AF$17:$AG$17,$AF$3:$AG$3,K94,TRUE),IF(K94&gt;=10,$AG$17,1)))))</f>
        <v>5.1494017356512725E-2</v>
      </c>
      <c r="AI94" s="85" cm="1">
        <f t="array" ref="AI94">IF(J94&gt;30,IF(K94&lt;=2,$AB$18,IF(AND(K94&gt;2,K94&lt;=4),TREND($AB$18:$AC$18,$AB$3:$AC$3,K94,TRUE),IF(AND(K94&gt;4,K94&lt;10),TREND($AC$18:$AD$18,$AC$3:$AD$3,K94,TRUE),IF(K94&gt;=10,$AD$18,1)))),IF(K94&lt;=2,$AE$18,IF(AND(K94&gt;2,K94&lt;=4),TREND($AE$18:$AF$18,$AE$3:$AF$3,K94,TRUE),IF(AND(K94&gt;4,K94&lt;10),TREND($AF$18:$AG$18,$AF$3:$AG$3,K94,TRUE),IF(K94&gt;=10,$AG$18,1)))))</f>
        <v>8.4548617843462903E-2</v>
      </c>
      <c r="AJ94" s="85" cm="1">
        <f t="array" ref="AJ94">IF(J94&gt;30,IF(K94&lt;=2,$AB$19,IF(AND(K94&gt;2,K94&lt;=4),TREND($AB$19:$AC$19,$AB$3:$AC$3,K94,TRUE),IF(AND(K94&gt;4,K94&lt;10),TREND($AC$19:$AD$19,$AC$3:$AD$3,K94,TRUE),IF(K94&gt;=10,$AD$19,1)))),IF(K94&lt;=2,$AE$19,IF(AND(K94&gt;2,K94&lt;=4),TREND($AE$19:$AF$19,$AE$3:$AF$3,K94,TRUE),IF(AND(K94&gt;4,K94&lt;10),TREND($AF$19:$AG$19,$AF$3:$AG$3,K94,TRUE),IF(K94&gt;=10,$AG$19,1)))))</f>
        <v>0.15351533495650055</v>
      </c>
      <c r="AK94" s="85" cm="1">
        <f t="array" ref="AK94">IF(J94&gt;30,IF(K94&lt;=2,$AB$20,IF(AND(K94&gt;2,K94&lt;=4),TREND($AB$20:$AC$20,$AB$3:$AC$3,K94,TRUE),IF(AND(K94&gt;4,K94&lt;10),TREND($AC$20:$AD$20,$AC$3:$AD$3,K94,TRUE),IF(K94&gt;=10,$AD$20,1)))),IF(K94&lt;=2,$AE$20,IF(AND(K94&gt;2,K94&lt;=4),TREND($AE$20:$AF$20,$AE$3:$AF$3,K94,TRUE),IF(AND(K94&gt;4,K94&lt;10),TREND($AF$20:$AG$20,$AF$3:$AG$3,K94,TRUE),IF(K94&gt;=10,$AG$20,1)))))</f>
        <v>0.25219708434781285</v>
      </c>
      <c r="AL94" s="85">
        <v>3</v>
      </c>
      <c r="AM94" s="92">
        <v>0</v>
      </c>
      <c r="AN94" s="92">
        <f t="shared" si="6"/>
        <v>0.60878833739125127</v>
      </c>
      <c r="AO94" s="92">
        <f t="shared" si="21"/>
        <v>6.0878833739125131</v>
      </c>
      <c r="AP94" s="92">
        <f t="shared" si="7"/>
        <v>10.837285109563787</v>
      </c>
      <c r="AQ94" s="92">
        <f t="shared" si="8"/>
        <v>18.527300243475079</v>
      </c>
      <c r="AR94" s="92">
        <f t="shared" si="9"/>
        <v>28.878833739125135</v>
      </c>
      <c r="AS94" s="92">
        <f t="shared" si="10"/>
        <v>45.23036723477518</v>
      </c>
      <c r="AT94" s="92">
        <f t="shared" si="11"/>
        <v>66.02131759998781</v>
      </c>
      <c r="AU94" s="92">
        <f t="shared" si="12"/>
        <v>102.98803471302546</v>
      </c>
      <c r="AV94" s="92">
        <f t="shared" si="13"/>
        <v>169.09723568692581</v>
      </c>
      <c r="AW94" s="92">
        <f t="shared" si="14"/>
        <v>307.03066991300108</v>
      </c>
      <c r="AX94" s="92">
        <f t="shared" si="15"/>
        <v>504.39416869562569</v>
      </c>
      <c r="AY94" s="92">
        <f t="shared" si="16"/>
        <v>6000</v>
      </c>
      <c r="AZ94" s="93">
        <v>12</v>
      </c>
      <c r="BA94" s="93">
        <f t="shared" si="36"/>
        <v>379.9117213221129</v>
      </c>
      <c r="BB94" s="93">
        <f t="shared" si="22"/>
        <v>1519.6468852884516</v>
      </c>
      <c r="BC94" s="93">
        <f t="shared" si="23"/>
        <v>2279.4703279326773</v>
      </c>
      <c r="BD94" s="93">
        <f t="shared" si="24"/>
        <v>3039.2937705769032</v>
      </c>
      <c r="BE94" s="93">
        <f t="shared" si="25"/>
        <v>3799.1172132211286</v>
      </c>
      <c r="BF94" s="93">
        <f t="shared" si="26"/>
        <v>4558.9406558653545</v>
      </c>
      <c r="BG94" s="93">
        <f t="shared" si="27"/>
        <v>5318.7640985095795</v>
      </c>
      <c r="BH94" s="93">
        <f t="shared" si="28"/>
        <v>6078.5875411538063</v>
      </c>
      <c r="BI94" s="93">
        <f t="shared" si="29"/>
        <v>6838.4109837980313</v>
      </c>
      <c r="BJ94" s="93">
        <f t="shared" si="30"/>
        <v>7408.278565781201</v>
      </c>
      <c r="BK94" s="93">
        <f t="shared" si="31"/>
        <v>7598.2344264422572</v>
      </c>
      <c r="BL94" s="93">
        <f t="shared" si="31"/>
        <v>7598.2344264422572</v>
      </c>
    </row>
    <row r="95" spans="2:67" x14ac:dyDescent="0.2">
      <c r="B95" s="79">
        <f t="shared" ref="B95:B100" si="46">$B$26 - $C95</f>
        <v>-84.5</v>
      </c>
      <c r="C95" s="73">
        <f t="shared" si="43"/>
        <v>69</v>
      </c>
      <c r="D95" s="64">
        <f>INDEX('CPT Data'!$C$13:$C$20000,MATCH($C95,'CPT Data'!$B$13:$B$20000,1))</f>
        <v>68.99199999999999</v>
      </c>
      <c r="E95" s="55" t="str">
        <f>INDEX('CPT Data'!$P$13:$P$20000,MATCH($C95,'CPT Data'!$B$13:$B$20000,1))</f>
        <v>SAND</v>
      </c>
      <c r="F95" s="76" t="e">
        <f>INDEX('CPT Data'!$Q$13:$Q$20000,MATCH($C95,'CPT Data'!$B$13:$B$20000,1))</f>
        <v>#N/A</v>
      </c>
      <c r="G95" s="76">
        <f>INDEX('CPT Data'!$I$13:$I$20000,MATCH(C95,'CPT Data'!$B$13:$B$20000,1))</f>
        <v>19.858710415402953</v>
      </c>
      <c r="H95" s="76">
        <f>INDEX('CPT Data'!$J$13:$J$20000,MATCH($C95,'CPT Data'!$B$13:$B$20000,1))</f>
        <v>9.8587104154029532</v>
      </c>
      <c r="I95" s="76">
        <f>INDEX('CPT Data'!$L$13:$L$20000,MATCH(C95,'CPT Data'!$B$13:$B$20000,1))</f>
        <v>680.24115995238833</v>
      </c>
      <c r="J95" s="226">
        <f>INDEX('CPT Data'!$R$13:$R$20000,MATCH(C95,'CPT Data'!$B$13:$B$20000,1))</f>
        <v>35</v>
      </c>
      <c r="K95" s="76" t="e">
        <f>INDEX('CPT Data'!$S$13:$S$20000,MATCH($C95,'CPT Data'!$B$13:$B$20000,1))</f>
        <v>#N/A</v>
      </c>
      <c r="L95" s="55">
        <f>VLOOKUP($C95, 'Pile Property'!$A$8:$D$108,2,TRUE)</f>
        <v>2</v>
      </c>
      <c r="M95" s="234" t="e">
        <f>IF($E95="CLAY",ABS($F95-'CPT Data'!$Q$3787)/$D95,#N/A)</f>
        <v>#N/A</v>
      </c>
      <c r="N95" s="65" t="e">
        <f t="shared" si="44"/>
        <v>#N/A</v>
      </c>
      <c r="O95" s="76" t="e">
        <f t="shared" si="38"/>
        <v>#N/A</v>
      </c>
      <c r="P95" s="76" t="e">
        <f t="shared" si="39"/>
        <v>#N/A</v>
      </c>
      <c r="Q95" s="65" t="e">
        <f t="shared" si="18"/>
        <v>#N/A</v>
      </c>
      <c r="R95" s="76" t="e">
        <f t="shared" si="19"/>
        <v>#N/A</v>
      </c>
      <c r="S95" s="76" t="e">
        <f t="shared" si="45"/>
        <v>#N/A</v>
      </c>
      <c r="T95" s="76"/>
      <c r="U95" s="76"/>
      <c r="V95" s="76" t="e">
        <f t="shared" si="40"/>
        <v>#N/A</v>
      </c>
      <c r="W95" s="76" t="e">
        <f t="shared" si="34"/>
        <v>#N/A</v>
      </c>
      <c r="X95" s="76" t="e">
        <f t="shared" si="41"/>
        <v>#N/A</v>
      </c>
      <c r="Y95" s="76" t="e">
        <f t="shared" si="42"/>
        <v>#N/A</v>
      </c>
      <c r="Z95" s="76" t="e">
        <f t="shared" si="35"/>
        <v>#N/A</v>
      </c>
      <c r="AA95" s="85" t="e" cm="1">
        <f t="array" ref="AA95">IF(J95&gt;30,IF(K95&lt;=2,$AB$10,IF(AND(K95&gt;2,K95&lt;=4),TREND($AB$10:$AC$10,$AB$3:$AC$3,K95,TRUE),IF(AND(K95&gt;4,K95&lt;10),TREND($AC$10:$AD$10,$AC$3:$AD$3,K95,TRUE),IF(K95&gt;=10,$AD$10,1)))),IF(K95&lt;=2,$AE$10,IF(AND(K95&gt;2,K95&lt;=4),TREND($AE$10:$AF$10,$AE$3:$AF$3,K95,TRUE),IF(AND(K95&gt;4,K95&lt;10),TREND($AF$10:$AG$10,$AF$3:$AG$3,K95,TRUE),IF(K95&gt;=10,$AG$10,1)))))</f>
        <v>#N/A</v>
      </c>
      <c r="AB95" s="85" t="e" cm="1">
        <f t="array" ref="AB95">IF(J95&gt;30,IF(K95&lt;=2,$AB$11,IF(AND(K95&gt;2,K95&lt;=4),TREND($AB$11:$AC$11,$AB$3:$AC$3,K95,TRUE),IF(AND(K95&gt;4,K95&lt;10),TREND($AC$11:$AD$11,$AC$3:$AD$3,K95,TRUE),IF(K95&gt;=10,$AD$11,1)))),IF(K95&lt;=2,$AE$11,IF(AND(K95&gt;2,K95&lt;=4),TREND($AE$11:$AF$11,$AE$3:$AF$3,K95,TRUE),IF(AND(K95&gt;4,K95&lt;10),TREND($AF$11:$AG$11,$AF$3:$AG$3,K95,TRUE),IF(K95&gt;=10,$AG$11,1)))))</f>
        <v>#N/A</v>
      </c>
      <c r="AC95" s="85" t="e" cm="1">
        <f t="array" ref="AC95">IF(J95&gt;30,IF(K95&lt;=2,$AB$12,IF(AND(K95&gt;2,K95&lt;=4),TREND($AB$12:$AC$12,$AB$3:$AC$3,K95,TRUE),IF(AND(K95&gt;4,K95&lt;10),TREND($AC$12:$AD$12,$AC$3:$AD$3,K95,TRUE),IF(K95&gt;=10,$AD$12,1)))),IF(K95&lt;=2,$AE$12,IF(AND(K95&gt;2,K95&lt;=4),TREND($AE$12:$AF$12,$AE$3:$AF$3,K95,TRUE),IF(AND(K95&gt;4,K95&lt;10),TREND($AF$12:$AG$12,$AF$3:$AG$3,K95,TRUE),IF(K95&gt;=10,$AG$12,1)))))</f>
        <v>#N/A</v>
      </c>
      <c r="AD95" s="85" t="e" cm="1">
        <f t="array" ref="AD95">IF(J95&gt;30,IF(K95&lt;=2,$AB$13,IF(AND(K95&gt;2,K95&lt;=4),TREND($AB$13:$AC$13,$AB$3:$AC$3,K95,TRUE),IF(AND(K95&gt;4,K95&lt;10),TREND($AC$13:$AD$13,$AC$3:$AD$3,K95,TRUE),IF(K95&gt;=10,$AD$13,1)))),IF(K95&lt;=2,$AE$13,IF(AND(K95&gt;2,K95&lt;=4),TREND($AE$13:$AF$13,$AE$3:$AF$3,K95,TRUE),IF(AND(K95&gt;4,K95&lt;10),TREND($AF$13:$AG$13,$AF$3:$AG$3,K95,TRUE),IF(K95&gt;=10,$AG$13,1)))))</f>
        <v>#N/A</v>
      </c>
      <c r="AE95" s="85" t="e" cm="1">
        <f t="array" ref="AE95">IF(J95&gt;30,IF(K95&lt;=2,$AB$14,IF(AND(K95&gt;2,K95&lt;=4),TREND($AB$14:$AC$14,$AB$3:$AC$3,K95,TRUE),IF(AND(K95&gt;4,K95&lt;10),TREND($AC$14:$AD$14,$AC$3:$AD$3,K95,TRUE),IF(K95&gt;=10,$AD$14,1)))),IF(K95&lt;=2,$AE$14,IF(AND(K95&gt;2,K95&lt;=4),TREND($AE$14:$AF$14,$AE$3:$AF$3,K95,TRUE),IF(AND(K95&gt;4,K95&lt;10),TREND($AF$14:$AG$14,$AF$3:$AG$3,K95,TRUE),IF(K95&gt;=10,$AG$14,1)))))</f>
        <v>#N/A</v>
      </c>
      <c r="AF95" s="85" t="e" cm="1">
        <f t="array" ref="AF95">IF(J95&gt;30,IF(K95&lt;=2,$AB$15,IF(AND(K95&gt;2,K95&lt;=4),TREND($AB$15:$AC$15,$AB$3:$AC$3,K95,TRUE),IF(AND(K95&gt;4,K95&lt;10),TREND($AC$15:$AD$15,$AC$3:$AD$3,K95,TRUE),IF(K95&gt;=10,$AD$15,1)))),IF(K95&lt;=2,$AE$15,IF(AND(K95&gt;2,K95&lt;=4),TREND($AE$15:$AF$15,$AE$3:$AF$3,K95,TRUE),IF(AND(K95&gt;4,K95&lt;10),TREND($AF$15:$AG$15,$AF$3:$AG$3,K95,TRUE),IF(K95&gt;=10,$AG$15,1)))))</f>
        <v>#N/A</v>
      </c>
      <c r="AG95" s="86" t="e" cm="1">
        <f t="array" ref="AG95">IF(J95&gt;30,IF(K95&lt;=2,$AB$16,IF(AND(K95&gt;2,K95&lt;=4),TREND($AB$16:$AC$16,$AB$3:$AC$3,K95,TRUE),IF(AND(K95&gt;4,K95&lt;10),TREND($AC$16:$AD$16,$AC$3:$AD$3,K95,TRUE),IF(K95&gt;=10,$AD$16,1)))),IF(K95&lt;=2,$AE$16,IF(AND(K95&gt;2,K95&lt;=4),TREND($AE$16:$AF$16,$AE$3:$AF$3,K95,TRUE),IF(AND(K95&gt;4,K95&lt;10),TREND($AF$16:$AG$16,$AF$3:$AG$3,K95,TRUE),IF(K95&gt;=10,$AG$16,1)))))</f>
        <v>#N/A</v>
      </c>
      <c r="AH95" s="85" t="e" cm="1">
        <f t="array" ref="AH95">IF(J95&gt;30,IF(K95&lt;=2,$AB$17,IF(AND(K95&gt;2,K95&lt;=4),TREND($AB$17:$AC$17,$AB$3:$AC$3,K95,TRUE),IF(AND(K95&gt;4,K95&lt;10),TREND($AC$17:$AD$17,$AC$3:$AD$3,K95,TRUE),IF(K95&gt;=10,$AD$17,1)))),IF(K95&lt;=2,$AE$17,IF(AND(K95&gt;2,K95&lt;=4),TREND($AE$17:$AF$17,$AE$3:$AF$3,K95,TRUE),IF(AND(K95&gt;4,K95&lt;10),TREND($AF$17:$AG$17,$AF$3:$AG$3,K95,TRUE),IF(K95&gt;=10,$AG$17,1)))))</f>
        <v>#N/A</v>
      </c>
      <c r="AI95" s="85" t="e" cm="1">
        <f t="array" ref="AI95">IF(J95&gt;30,IF(K95&lt;=2,$AB$18,IF(AND(K95&gt;2,K95&lt;=4),TREND($AB$18:$AC$18,$AB$3:$AC$3,K95,TRUE),IF(AND(K95&gt;4,K95&lt;10),TREND($AC$18:$AD$18,$AC$3:$AD$3,K95,TRUE),IF(K95&gt;=10,$AD$18,1)))),IF(K95&lt;=2,$AE$18,IF(AND(K95&gt;2,K95&lt;=4),TREND($AE$18:$AF$18,$AE$3:$AF$3,K95,TRUE),IF(AND(K95&gt;4,K95&lt;10),TREND($AF$18:$AG$18,$AF$3:$AG$3,K95,TRUE),IF(K95&gt;=10,$AG$18,1)))))</f>
        <v>#N/A</v>
      </c>
      <c r="AJ95" s="85" t="e" cm="1">
        <f t="array" ref="AJ95">IF(J95&gt;30,IF(K95&lt;=2,$AB$19,IF(AND(K95&gt;2,K95&lt;=4),TREND($AB$19:$AC$19,$AB$3:$AC$3,K95,TRUE),IF(AND(K95&gt;4,K95&lt;10),TREND($AC$19:$AD$19,$AC$3:$AD$3,K95,TRUE),IF(K95&gt;=10,$AD$19,1)))),IF(K95&lt;=2,$AE$19,IF(AND(K95&gt;2,K95&lt;=4),TREND($AE$19:$AF$19,$AE$3:$AF$3,K95,TRUE),IF(AND(K95&gt;4,K95&lt;10),TREND($AF$19:$AG$19,$AF$3:$AG$3,K95,TRUE),IF(K95&gt;=10,$AG$19,1)))))</f>
        <v>#N/A</v>
      </c>
      <c r="AK95" s="85" t="e" cm="1">
        <f t="array" ref="AK95">IF(J95&gt;30,IF(K95&lt;=2,$AB$20,IF(AND(K95&gt;2,K95&lt;=4),TREND($AB$20:$AC$20,$AB$3:$AC$3,K95,TRUE),IF(AND(K95&gt;4,K95&lt;10),TREND($AC$20:$AD$20,$AC$3:$AD$3,K95,TRUE),IF(K95&gt;=10,$AD$20,1)))),IF(K95&lt;=2,$AE$20,IF(AND(K95&gt;2,K95&lt;=4),TREND($AE$20:$AF$20,$AE$3:$AF$3,K95,TRUE),IF(AND(K95&gt;4,K95&lt;10),TREND($AF$20:$AG$20,$AF$3:$AG$3,K95,TRUE),IF(K95&gt;=10,$AG$20,1)))))</f>
        <v>#N/A</v>
      </c>
      <c r="AL95" s="85">
        <v>3</v>
      </c>
      <c r="AM95" s="92">
        <v>0</v>
      </c>
      <c r="AN95" s="92" t="e">
        <f t="shared" si="6"/>
        <v>#N/A</v>
      </c>
      <c r="AO95" s="92" t="e">
        <f t="shared" si="21"/>
        <v>#N/A</v>
      </c>
      <c r="AP95" s="92" t="e">
        <f t="shared" si="7"/>
        <v>#N/A</v>
      </c>
      <c r="AQ95" s="92" t="e">
        <f t="shared" si="8"/>
        <v>#N/A</v>
      </c>
      <c r="AR95" s="92" t="e">
        <f t="shared" si="9"/>
        <v>#N/A</v>
      </c>
      <c r="AS95" s="92" t="e">
        <f t="shared" si="10"/>
        <v>#N/A</v>
      </c>
      <c r="AT95" s="92" t="e">
        <f t="shared" si="11"/>
        <v>#N/A</v>
      </c>
      <c r="AU95" s="92" t="e">
        <f t="shared" si="12"/>
        <v>#N/A</v>
      </c>
      <c r="AV95" s="92" t="e">
        <f t="shared" si="13"/>
        <v>#N/A</v>
      </c>
      <c r="AW95" s="92" t="e">
        <f t="shared" si="14"/>
        <v>#N/A</v>
      </c>
      <c r="AX95" s="92" t="e">
        <f t="shared" si="15"/>
        <v>#N/A</v>
      </c>
      <c r="AY95" s="92">
        <f t="shared" si="16"/>
        <v>6000</v>
      </c>
      <c r="AZ95" s="93">
        <v>13</v>
      </c>
      <c r="BA95" s="93" t="e">
        <f t="shared" si="36"/>
        <v>#N/A</v>
      </c>
      <c r="BB95" s="93" t="e">
        <f t="shared" si="22"/>
        <v>#N/A</v>
      </c>
      <c r="BC95" s="93" t="e">
        <f t="shared" si="23"/>
        <v>#N/A</v>
      </c>
      <c r="BD95" s="93" t="e">
        <f t="shared" si="24"/>
        <v>#N/A</v>
      </c>
      <c r="BE95" s="93" t="e">
        <f t="shared" si="25"/>
        <v>#N/A</v>
      </c>
      <c r="BF95" s="93" t="e">
        <f t="shared" si="26"/>
        <v>#N/A</v>
      </c>
      <c r="BG95" s="93" t="e">
        <f t="shared" si="27"/>
        <v>#N/A</v>
      </c>
      <c r="BH95" s="93" t="e">
        <f t="shared" si="28"/>
        <v>#N/A</v>
      </c>
      <c r="BI95" s="93" t="e">
        <f t="shared" si="29"/>
        <v>#N/A</v>
      </c>
      <c r="BJ95" s="93" t="e">
        <f t="shared" si="30"/>
        <v>#N/A</v>
      </c>
      <c r="BK95" s="93" t="e">
        <f t="shared" si="31"/>
        <v>#N/A</v>
      </c>
      <c r="BL95" s="93" t="e">
        <f t="shared" si="31"/>
        <v>#N/A</v>
      </c>
    </row>
    <row r="96" spans="2:67" x14ac:dyDescent="0.2">
      <c r="B96" s="79">
        <f t="shared" si="46"/>
        <v>-85.5</v>
      </c>
      <c r="C96" s="73">
        <f t="shared" si="43"/>
        <v>70</v>
      </c>
      <c r="D96" s="64">
        <f>INDEX('CPT Data'!$C$13:$C$20000,MATCH($C96,'CPT Data'!$B$13:$B$20000,1))</f>
        <v>69.983999999999995</v>
      </c>
      <c r="E96" s="55" t="str">
        <f>INDEX('CPT Data'!$P$13:$P$20000,MATCH($C96,'CPT Data'!$B$13:$B$20000,1))</f>
        <v>SAND</v>
      </c>
      <c r="F96" s="76" t="e">
        <f>INDEX('CPT Data'!$Q$13:$Q$20000,MATCH($C96,'CPT Data'!$B$13:$B$20000,1))</f>
        <v>#N/A</v>
      </c>
      <c r="G96" s="76">
        <f>INDEX('CPT Data'!$I$13:$I$20000,MATCH(C96,'CPT Data'!$B$13:$B$20000,1))</f>
        <v>19.664830154387975</v>
      </c>
      <c r="H96" s="76">
        <f>INDEX('CPT Data'!$J$13:$J$20000,MATCH($C96,'CPT Data'!$B$13:$B$20000,1))</f>
        <v>9.6648301543879747</v>
      </c>
      <c r="I96" s="76">
        <f>INDEX('CPT Data'!$L$13:$L$20000,MATCH(C96,'CPT Data'!$B$13:$B$20000,1))</f>
        <v>676.45112733576877</v>
      </c>
      <c r="J96" s="226">
        <f>INDEX('CPT Data'!$R$13:$R$20000,MATCH(C96,'CPT Data'!$B$13:$B$20000,1))</f>
        <v>35</v>
      </c>
      <c r="K96" s="76" t="e">
        <f>INDEX('CPT Data'!$S$13:$S$20000,MATCH($C96,'CPT Data'!$B$13:$B$20000,1))</f>
        <v>#N/A</v>
      </c>
      <c r="L96" s="55">
        <f>VLOOKUP($C96, 'Pile Property'!$A$8:$D$108,2,TRUE)</f>
        <v>2</v>
      </c>
      <c r="M96" s="234" t="e">
        <f>IF($E96="CLAY",ABS($F96-'CPT Data'!$Q$3787)/$D96,#N/A)</f>
        <v>#N/A</v>
      </c>
      <c r="N96" s="65" t="e">
        <f t="shared" si="44"/>
        <v>#N/A</v>
      </c>
      <c r="O96" s="76" t="e">
        <f t="shared" si="38"/>
        <v>#N/A</v>
      </c>
      <c r="P96" s="76" t="e">
        <f t="shared" si="39"/>
        <v>#N/A</v>
      </c>
      <c r="Q96" s="65" t="e">
        <f t="shared" si="18"/>
        <v>#N/A</v>
      </c>
      <c r="R96" s="76" t="e">
        <f t="shared" si="19"/>
        <v>#N/A</v>
      </c>
      <c r="S96" s="76" t="e">
        <f t="shared" si="45"/>
        <v>#N/A</v>
      </c>
      <c r="T96" s="76"/>
      <c r="U96" s="76"/>
      <c r="V96" s="76" t="e">
        <f t="shared" si="40"/>
        <v>#N/A</v>
      </c>
      <c r="W96" s="76" t="e">
        <f t="shared" si="34"/>
        <v>#N/A</v>
      </c>
      <c r="X96" s="76" t="e">
        <f t="shared" si="41"/>
        <v>#N/A</v>
      </c>
      <c r="Y96" s="76" t="e">
        <f t="shared" si="42"/>
        <v>#N/A</v>
      </c>
      <c r="Z96" s="76" t="e">
        <f t="shared" si="35"/>
        <v>#N/A</v>
      </c>
      <c r="AA96" s="85" t="e" cm="1">
        <f t="array" ref="AA96">IF(J96&gt;30,IF(K96&lt;=2,$AB$10,IF(AND(K96&gt;2,K96&lt;=4),TREND($AB$10:$AC$10,$AB$3:$AC$3,K96,TRUE),IF(AND(K96&gt;4,K96&lt;10),TREND($AC$10:$AD$10,$AC$3:$AD$3,K96,TRUE),IF(K96&gt;=10,$AD$10,1)))),IF(K96&lt;=2,$AE$10,IF(AND(K96&gt;2,K96&lt;=4),TREND($AE$10:$AF$10,$AE$3:$AF$3,K96,TRUE),IF(AND(K96&gt;4,K96&lt;10),TREND($AF$10:$AG$10,$AF$3:$AG$3,K96,TRUE),IF(K96&gt;=10,$AG$10,1)))))</f>
        <v>#N/A</v>
      </c>
      <c r="AB96" s="85" t="e" cm="1">
        <f t="array" ref="AB96">IF(J96&gt;30,IF(K96&lt;=2,$AB$11,IF(AND(K96&gt;2,K96&lt;=4),TREND($AB$11:$AC$11,$AB$3:$AC$3,K96,TRUE),IF(AND(K96&gt;4,K96&lt;10),TREND($AC$11:$AD$11,$AC$3:$AD$3,K96,TRUE),IF(K96&gt;=10,$AD$11,1)))),IF(K96&lt;=2,$AE$11,IF(AND(K96&gt;2,K96&lt;=4),TREND($AE$11:$AF$11,$AE$3:$AF$3,K96,TRUE),IF(AND(K96&gt;4,K96&lt;10),TREND($AF$11:$AG$11,$AF$3:$AG$3,K96,TRUE),IF(K96&gt;=10,$AG$11,1)))))</f>
        <v>#N/A</v>
      </c>
      <c r="AC96" s="85" t="e" cm="1">
        <f t="array" ref="AC96">IF(J96&gt;30,IF(K96&lt;=2,$AB$12,IF(AND(K96&gt;2,K96&lt;=4),TREND($AB$12:$AC$12,$AB$3:$AC$3,K96,TRUE),IF(AND(K96&gt;4,K96&lt;10),TREND($AC$12:$AD$12,$AC$3:$AD$3,K96,TRUE),IF(K96&gt;=10,$AD$12,1)))),IF(K96&lt;=2,$AE$12,IF(AND(K96&gt;2,K96&lt;=4),TREND($AE$12:$AF$12,$AE$3:$AF$3,K96,TRUE),IF(AND(K96&gt;4,K96&lt;10),TREND($AF$12:$AG$12,$AF$3:$AG$3,K96,TRUE),IF(K96&gt;=10,$AG$12,1)))))</f>
        <v>#N/A</v>
      </c>
      <c r="AD96" s="85" t="e" cm="1">
        <f t="array" ref="AD96">IF(J96&gt;30,IF(K96&lt;=2,$AB$13,IF(AND(K96&gt;2,K96&lt;=4),TREND($AB$13:$AC$13,$AB$3:$AC$3,K96,TRUE),IF(AND(K96&gt;4,K96&lt;10),TREND($AC$13:$AD$13,$AC$3:$AD$3,K96,TRUE),IF(K96&gt;=10,$AD$13,1)))),IF(K96&lt;=2,$AE$13,IF(AND(K96&gt;2,K96&lt;=4),TREND($AE$13:$AF$13,$AE$3:$AF$3,K96,TRUE),IF(AND(K96&gt;4,K96&lt;10),TREND($AF$13:$AG$13,$AF$3:$AG$3,K96,TRUE),IF(K96&gt;=10,$AG$13,1)))))</f>
        <v>#N/A</v>
      </c>
      <c r="AE96" s="85" t="e" cm="1">
        <f t="array" ref="AE96">IF(J96&gt;30,IF(K96&lt;=2,$AB$14,IF(AND(K96&gt;2,K96&lt;=4),TREND($AB$14:$AC$14,$AB$3:$AC$3,K96,TRUE),IF(AND(K96&gt;4,K96&lt;10),TREND($AC$14:$AD$14,$AC$3:$AD$3,K96,TRUE),IF(K96&gt;=10,$AD$14,1)))),IF(K96&lt;=2,$AE$14,IF(AND(K96&gt;2,K96&lt;=4),TREND($AE$14:$AF$14,$AE$3:$AF$3,K96,TRUE),IF(AND(K96&gt;4,K96&lt;10),TREND($AF$14:$AG$14,$AF$3:$AG$3,K96,TRUE),IF(K96&gt;=10,$AG$14,1)))))</f>
        <v>#N/A</v>
      </c>
      <c r="AF96" s="85" t="e" cm="1">
        <f t="array" ref="AF96">IF(J96&gt;30,IF(K96&lt;=2,$AB$15,IF(AND(K96&gt;2,K96&lt;=4),TREND($AB$15:$AC$15,$AB$3:$AC$3,K96,TRUE),IF(AND(K96&gt;4,K96&lt;10),TREND($AC$15:$AD$15,$AC$3:$AD$3,K96,TRUE),IF(K96&gt;=10,$AD$15,1)))),IF(K96&lt;=2,$AE$15,IF(AND(K96&gt;2,K96&lt;=4),TREND($AE$15:$AF$15,$AE$3:$AF$3,K96,TRUE),IF(AND(K96&gt;4,K96&lt;10),TREND($AF$15:$AG$15,$AF$3:$AG$3,K96,TRUE),IF(K96&gt;=10,$AG$15,1)))))</f>
        <v>#N/A</v>
      </c>
      <c r="AG96" s="86" t="e" cm="1">
        <f t="array" ref="AG96">IF(J96&gt;30,IF(K96&lt;=2,$AB$16,IF(AND(K96&gt;2,K96&lt;=4),TREND($AB$16:$AC$16,$AB$3:$AC$3,K96,TRUE),IF(AND(K96&gt;4,K96&lt;10),TREND($AC$16:$AD$16,$AC$3:$AD$3,K96,TRUE),IF(K96&gt;=10,$AD$16,1)))),IF(K96&lt;=2,$AE$16,IF(AND(K96&gt;2,K96&lt;=4),TREND($AE$16:$AF$16,$AE$3:$AF$3,K96,TRUE),IF(AND(K96&gt;4,K96&lt;10),TREND($AF$16:$AG$16,$AF$3:$AG$3,K96,TRUE),IF(K96&gt;=10,$AG$16,1)))))</f>
        <v>#N/A</v>
      </c>
      <c r="AH96" s="85" t="e" cm="1">
        <f t="array" ref="AH96">IF(J96&gt;30,IF(K96&lt;=2,$AB$17,IF(AND(K96&gt;2,K96&lt;=4),TREND($AB$17:$AC$17,$AB$3:$AC$3,K96,TRUE),IF(AND(K96&gt;4,K96&lt;10),TREND($AC$17:$AD$17,$AC$3:$AD$3,K96,TRUE),IF(K96&gt;=10,$AD$17,1)))),IF(K96&lt;=2,$AE$17,IF(AND(K96&gt;2,K96&lt;=4),TREND($AE$17:$AF$17,$AE$3:$AF$3,K96,TRUE),IF(AND(K96&gt;4,K96&lt;10),TREND($AF$17:$AG$17,$AF$3:$AG$3,K96,TRUE),IF(K96&gt;=10,$AG$17,1)))))</f>
        <v>#N/A</v>
      </c>
      <c r="AI96" s="85" t="e" cm="1">
        <f t="array" ref="AI96">IF(J96&gt;30,IF(K96&lt;=2,$AB$18,IF(AND(K96&gt;2,K96&lt;=4),TREND($AB$18:$AC$18,$AB$3:$AC$3,K96,TRUE),IF(AND(K96&gt;4,K96&lt;10),TREND($AC$18:$AD$18,$AC$3:$AD$3,K96,TRUE),IF(K96&gt;=10,$AD$18,1)))),IF(K96&lt;=2,$AE$18,IF(AND(K96&gt;2,K96&lt;=4),TREND($AE$18:$AF$18,$AE$3:$AF$3,K96,TRUE),IF(AND(K96&gt;4,K96&lt;10),TREND($AF$18:$AG$18,$AF$3:$AG$3,K96,TRUE),IF(K96&gt;=10,$AG$18,1)))))</f>
        <v>#N/A</v>
      </c>
      <c r="AJ96" s="85" t="e" cm="1">
        <f t="array" ref="AJ96">IF(J96&gt;30,IF(K96&lt;=2,$AB$19,IF(AND(K96&gt;2,K96&lt;=4),TREND($AB$19:$AC$19,$AB$3:$AC$3,K96,TRUE),IF(AND(K96&gt;4,K96&lt;10),TREND($AC$19:$AD$19,$AC$3:$AD$3,K96,TRUE),IF(K96&gt;=10,$AD$19,1)))),IF(K96&lt;=2,$AE$19,IF(AND(K96&gt;2,K96&lt;=4),TREND($AE$19:$AF$19,$AE$3:$AF$3,K96,TRUE),IF(AND(K96&gt;4,K96&lt;10),TREND($AF$19:$AG$19,$AF$3:$AG$3,K96,TRUE),IF(K96&gt;=10,$AG$19,1)))))</f>
        <v>#N/A</v>
      </c>
      <c r="AK96" s="85" t="e" cm="1">
        <f t="array" ref="AK96">IF(J96&gt;30,IF(K96&lt;=2,$AB$20,IF(AND(K96&gt;2,K96&lt;=4),TREND($AB$20:$AC$20,$AB$3:$AC$3,K96,TRUE),IF(AND(K96&gt;4,K96&lt;10),TREND($AC$20:$AD$20,$AC$3:$AD$3,K96,TRUE),IF(K96&gt;=10,$AD$20,1)))),IF(K96&lt;=2,$AE$20,IF(AND(K96&gt;2,K96&lt;=4),TREND($AE$20:$AF$20,$AE$3:$AF$3,K96,TRUE),IF(AND(K96&gt;4,K96&lt;10),TREND($AF$20:$AG$20,$AF$3:$AG$3,K96,TRUE),IF(K96&gt;=10,$AG$20,1)))))</f>
        <v>#N/A</v>
      </c>
      <c r="AL96" s="85">
        <v>3</v>
      </c>
      <c r="AM96" s="92">
        <v>0</v>
      </c>
      <c r="AN96" s="92" t="e">
        <f t="shared" si="6"/>
        <v>#N/A</v>
      </c>
      <c r="AO96" s="92" t="e">
        <f t="shared" si="21"/>
        <v>#N/A</v>
      </c>
      <c r="AP96" s="92" t="e">
        <f t="shared" si="7"/>
        <v>#N/A</v>
      </c>
      <c r="AQ96" s="92" t="e">
        <f t="shared" si="8"/>
        <v>#N/A</v>
      </c>
      <c r="AR96" s="92" t="e">
        <f t="shared" si="9"/>
        <v>#N/A</v>
      </c>
      <c r="AS96" s="92" t="e">
        <f t="shared" si="10"/>
        <v>#N/A</v>
      </c>
      <c r="AT96" s="92" t="e">
        <f t="shared" si="11"/>
        <v>#N/A</v>
      </c>
      <c r="AU96" s="92" t="e">
        <f t="shared" si="12"/>
        <v>#N/A</v>
      </c>
      <c r="AV96" s="92" t="e">
        <f t="shared" si="13"/>
        <v>#N/A</v>
      </c>
      <c r="AW96" s="92" t="e">
        <f t="shared" si="14"/>
        <v>#N/A</v>
      </c>
      <c r="AX96" s="92" t="e">
        <f t="shared" si="15"/>
        <v>#N/A</v>
      </c>
      <c r="AY96" s="92">
        <f t="shared" si="16"/>
        <v>6000</v>
      </c>
      <c r="AZ96" s="93">
        <v>14</v>
      </c>
      <c r="BA96" s="93" t="e">
        <f t="shared" si="36"/>
        <v>#N/A</v>
      </c>
      <c r="BB96" s="93" t="e">
        <f t="shared" si="22"/>
        <v>#N/A</v>
      </c>
      <c r="BC96" s="93" t="e">
        <f t="shared" si="23"/>
        <v>#N/A</v>
      </c>
      <c r="BD96" s="93" t="e">
        <f t="shared" si="24"/>
        <v>#N/A</v>
      </c>
      <c r="BE96" s="93" t="e">
        <f t="shared" si="25"/>
        <v>#N/A</v>
      </c>
      <c r="BF96" s="93" t="e">
        <f t="shared" si="26"/>
        <v>#N/A</v>
      </c>
      <c r="BG96" s="93" t="e">
        <f t="shared" si="27"/>
        <v>#N/A</v>
      </c>
      <c r="BH96" s="93" t="e">
        <f t="shared" si="28"/>
        <v>#N/A</v>
      </c>
      <c r="BI96" s="93" t="e">
        <f t="shared" si="29"/>
        <v>#N/A</v>
      </c>
      <c r="BJ96" s="93" t="e">
        <f t="shared" si="30"/>
        <v>#N/A</v>
      </c>
      <c r="BK96" s="93" t="e">
        <f t="shared" si="31"/>
        <v>#N/A</v>
      </c>
      <c r="BL96" s="93" t="e">
        <f t="shared" si="31"/>
        <v>#N/A</v>
      </c>
      <c r="BO96" s="59"/>
    </row>
    <row r="97" spans="2:64" x14ac:dyDescent="0.2">
      <c r="B97" s="79">
        <f t="shared" si="46"/>
        <v>-86.5</v>
      </c>
      <c r="C97" s="73">
        <f t="shared" si="43"/>
        <v>71</v>
      </c>
      <c r="D97" s="64">
        <f>INDEX('CPT Data'!$C$13:$C$20000,MATCH($C97,'CPT Data'!$B$13:$B$20000,1))</f>
        <v>70.98599999999999</v>
      </c>
      <c r="E97" s="55" t="str">
        <f>INDEX('CPT Data'!$P$13:$P$20000,MATCH($C97,'CPT Data'!$B$13:$B$20000,1))</f>
        <v>SAND</v>
      </c>
      <c r="F97" s="76" t="e">
        <f>INDEX('CPT Data'!$Q$13:$Q$20000,MATCH($C97,'CPT Data'!$B$13:$B$20000,1))</f>
        <v>#N/A</v>
      </c>
      <c r="G97" s="76">
        <f>INDEX('CPT Data'!$I$13:$I$20000,MATCH(C97,'CPT Data'!$B$13:$B$20000,1))</f>
        <v>20.201876324965873</v>
      </c>
      <c r="H97" s="76">
        <f>INDEX('CPT Data'!$J$13:$J$20000,MATCH($C97,'CPT Data'!$B$13:$B$20000,1))</f>
        <v>10.201876324965873</v>
      </c>
      <c r="I97" s="76">
        <f>INDEX('CPT Data'!$L$13:$L$20000,MATCH(C97,'CPT Data'!$B$13:$B$20000,1))</f>
        <v>724.26180593830225</v>
      </c>
      <c r="J97" s="226">
        <f>INDEX('CPT Data'!$R$13:$R$20000,MATCH(C97,'CPT Data'!$B$13:$B$20000,1))</f>
        <v>35</v>
      </c>
      <c r="K97" s="76" t="e">
        <f>INDEX('CPT Data'!$S$13:$S$20000,MATCH($C97,'CPT Data'!$B$13:$B$20000,1))</f>
        <v>#N/A</v>
      </c>
      <c r="L97" s="55">
        <f>VLOOKUP($C97, 'Pile Property'!$A$8:$D$108,2,TRUE)</f>
        <v>2</v>
      </c>
      <c r="M97" s="234" t="e">
        <f>IF($E97="CLAY",ABS($F97-'CPT Data'!$Q$3787)/$D97,#N/A)</f>
        <v>#N/A</v>
      </c>
      <c r="N97" s="65" t="e">
        <f t="shared" si="44"/>
        <v>#N/A</v>
      </c>
      <c r="O97" s="76" t="e">
        <f t="shared" si="38"/>
        <v>#N/A</v>
      </c>
      <c r="P97" s="76" t="e">
        <f t="shared" si="39"/>
        <v>#N/A</v>
      </c>
      <c r="Q97" s="65" t="e">
        <f t="shared" si="18"/>
        <v>#N/A</v>
      </c>
      <c r="R97" s="76" t="e">
        <f t="shared" si="19"/>
        <v>#N/A</v>
      </c>
      <c r="S97" s="76" t="e">
        <f t="shared" si="45"/>
        <v>#N/A</v>
      </c>
      <c r="T97" s="76"/>
      <c r="U97" s="76"/>
      <c r="V97" s="76" t="e">
        <f t="shared" si="40"/>
        <v>#N/A</v>
      </c>
      <c r="W97" s="76" t="e">
        <f t="shared" si="34"/>
        <v>#N/A</v>
      </c>
      <c r="X97" s="76" t="e">
        <f t="shared" si="41"/>
        <v>#N/A</v>
      </c>
      <c r="Y97" s="76" t="e">
        <f t="shared" si="42"/>
        <v>#N/A</v>
      </c>
      <c r="Z97" s="76" t="e">
        <f t="shared" si="35"/>
        <v>#N/A</v>
      </c>
      <c r="AA97" s="85" t="e" cm="1">
        <f t="array" ref="AA97">IF(J97&gt;30,IF(K97&lt;=2,$AB$10,IF(AND(K97&gt;2,K97&lt;=4),TREND($AB$10:$AC$10,$AB$3:$AC$3,K97,TRUE),IF(AND(K97&gt;4,K97&lt;10),TREND($AC$10:$AD$10,$AC$3:$AD$3,K97,TRUE),IF(K97&gt;=10,$AD$10,1)))),IF(K97&lt;=2,$AE$10,IF(AND(K97&gt;2,K97&lt;=4),TREND($AE$10:$AF$10,$AE$3:$AF$3,K97,TRUE),IF(AND(K97&gt;4,K97&lt;10),TREND($AF$10:$AG$10,$AF$3:$AG$3,K97,TRUE),IF(K97&gt;=10,$AG$10,1)))))</f>
        <v>#N/A</v>
      </c>
      <c r="AB97" s="85" t="e" cm="1">
        <f t="array" ref="AB97">IF(J97&gt;30,IF(K97&lt;=2,$AB$11,IF(AND(K97&gt;2,K97&lt;=4),TREND($AB$11:$AC$11,$AB$3:$AC$3,K97,TRUE),IF(AND(K97&gt;4,K97&lt;10),TREND($AC$11:$AD$11,$AC$3:$AD$3,K97,TRUE),IF(K97&gt;=10,$AD$11,1)))),IF(K97&lt;=2,$AE$11,IF(AND(K97&gt;2,K97&lt;=4),TREND($AE$11:$AF$11,$AE$3:$AF$3,K97,TRUE),IF(AND(K97&gt;4,K97&lt;10),TREND($AF$11:$AG$11,$AF$3:$AG$3,K97,TRUE),IF(K97&gt;=10,$AG$11,1)))))</f>
        <v>#N/A</v>
      </c>
      <c r="AC97" s="85" t="e" cm="1">
        <f t="array" ref="AC97">IF(J97&gt;30,IF(K97&lt;=2,$AB$12,IF(AND(K97&gt;2,K97&lt;=4),TREND($AB$12:$AC$12,$AB$3:$AC$3,K97,TRUE),IF(AND(K97&gt;4,K97&lt;10),TREND($AC$12:$AD$12,$AC$3:$AD$3,K97,TRUE),IF(K97&gt;=10,$AD$12,1)))),IF(K97&lt;=2,$AE$12,IF(AND(K97&gt;2,K97&lt;=4),TREND($AE$12:$AF$12,$AE$3:$AF$3,K97,TRUE),IF(AND(K97&gt;4,K97&lt;10),TREND($AF$12:$AG$12,$AF$3:$AG$3,K97,TRUE),IF(K97&gt;=10,$AG$12,1)))))</f>
        <v>#N/A</v>
      </c>
      <c r="AD97" s="85" t="e" cm="1">
        <f t="array" ref="AD97">IF(J97&gt;30,IF(K97&lt;=2,$AB$13,IF(AND(K97&gt;2,K97&lt;=4),TREND($AB$13:$AC$13,$AB$3:$AC$3,K97,TRUE),IF(AND(K97&gt;4,K97&lt;10),TREND($AC$13:$AD$13,$AC$3:$AD$3,K97,TRUE),IF(K97&gt;=10,$AD$13,1)))),IF(K97&lt;=2,$AE$13,IF(AND(K97&gt;2,K97&lt;=4),TREND($AE$13:$AF$13,$AE$3:$AF$3,K97,TRUE),IF(AND(K97&gt;4,K97&lt;10),TREND($AF$13:$AG$13,$AF$3:$AG$3,K97,TRUE),IF(K97&gt;=10,$AG$13,1)))))</f>
        <v>#N/A</v>
      </c>
      <c r="AE97" s="85" t="e" cm="1">
        <f t="array" ref="AE97">IF(J97&gt;30,IF(K97&lt;=2,$AB$14,IF(AND(K97&gt;2,K97&lt;=4),TREND($AB$14:$AC$14,$AB$3:$AC$3,K97,TRUE),IF(AND(K97&gt;4,K97&lt;10),TREND($AC$14:$AD$14,$AC$3:$AD$3,K97,TRUE),IF(K97&gt;=10,$AD$14,1)))),IF(K97&lt;=2,$AE$14,IF(AND(K97&gt;2,K97&lt;=4),TREND($AE$14:$AF$14,$AE$3:$AF$3,K97,TRUE),IF(AND(K97&gt;4,K97&lt;10),TREND($AF$14:$AG$14,$AF$3:$AG$3,K97,TRUE),IF(K97&gt;=10,$AG$14,1)))))</f>
        <v>#N/A</v>
      </c>
      <c r="AF97" s="85" t="e" cm="1">
        <f t="array" ref="AF97">IF(J97&gt;30,IF(K97&lt;=2,$AB$15,IF(AND(K97&gt;2,K97&lt;=4),TREND($AB$15:$AC$15,$AB$3:$AC$3,K97,TRUE),IF(AND(K97&gt;4,K97&lt;10),TREND($AC$15:$AD$15,$AC$3:$AD$3,K97,TRUE),IF(K97&gt;=10,$AD$15,1)))),IF(K97&lt;=2,$AE$15,IF(AND(K97&gt;2,K97&lt;=4),TREND($AE$15:$AF$15,$AE$3:$AF$3,K97,TRUE),IF(AND(K97&gt;4,K97&lt;10),TREND($AF$15:$AG$15,$AF$3:$AG$3,K97,TRUE),IF(K97&gt;=10,$AG$15,1)))))</f>
        <v>#N/A</v>
      </c>
      <c r="AG97" s="86" t="e" cm="1">
        <f t="array" ref="AG97">IF(J97&gt;30,IF(K97&lt;=2,$AB$16,IF(AND(K97&gt;2,K97&lt;=4),TREND($AB$16:$AC$16,$AB$3:$AC$3,K97,TRUE),IF(AND(K97&gt;4,K97&lt;10),TREND($AC$16:$AD$16,$AC$3:$AD$3,K97,TRUE),IF(K97&gt;=10,$AD$16,1)))),IF(K97&lt;=2,$AE$16,IF(AND(K97&gt;2,K97&lt;=4),TREND($AE$16:$AF$16,$AE$3:$AF$3,K97,TRUE),IF(AND(K97&gt;4,K97&lt;10),TREND($AF$16:$AG$16,$AF$3:$AG$3,K97,TRUE),IF(K97&gt;=10,$AG$16,1)))))</f>
        <v>#N/A</v>
      </c>
      <c r="AH97" s="85" t="e" cm="1">
        <f t="array" ref="AH97">IF(J97&gt;30,IF(K97&lt;=2,$AB$17,IF(AND(K97&gt;2,K97&lt;=4),TREND($AB$17:$AC$17,$AB$3:$AC$3,K97,TRUE),IF(AND(K97&gt;4,K97&lt;10),TREND($AC$17:$AD$17,$AC$3:$AD$3,K97,TRUE),IF(K97&gt;=10,$AD$17,1)))),IF(K97&lt;=2,$AE$17,IF(AND(K97&gt;2,K97&lt;=4),TREND($AE$17:$AF$17,$AE$3:$AF$3,K97,TRUE),IF(AND(K97&gt;4,K97&lt;10),TREND($AF$17:$AG$17,$AF$3:$AG$3,K97,TRUE),IF(K97&gt;=10,$AG$17,1)))))</f>
        <v>#N/A</v>
      </c>
      <c r="AI97" s="85" t="e" cm="1">
        <f t="array" ref="AI97">IF(J97&gt;30,IF(K97&lt;=2,$AB$18,IF(AND(K97&gt;2,K97&lt;=4),TREND($AB$18:$AC$18,$AB$3:$AC$3,K97,TRUE),IF(AND(K97&gt;4,K97&lt;10),TREND($AC$18:$AD$18,$AC$3:$AD$3,K97,TRUE),IF(K97&gt;=10,$AD$18,1)))),IF(K97&lt;=2,$AE$18,IF(AND(K97&gt;2,K97&lt;=4),TREND($AE$18:$AF$18,$AE$3:$AF$3,K97,TRUE),IF(AND(K97&gt;4,K97&lt;10),TREND($AF$18:$AG$18,$AF$3:$AG$3,K97,TRUE),IF(K97&gt;=10,$AG$18,1)))))</f>
        <v>#N/A</v>
      </c>
      <c r="AJ97" s="85" t="e" cm="1">
        <f t="array" ref="AJ97">IF(J97&gt;30,IF(K97&lt;=2,$AB$19,IF(AND(K97&gt;2,K97&lt;=4),TREND($AB$19:$AC$19,$AB$3:$AC$3,K97,TRUE),IF(AND(K97&gt;4,K97&lt;10),TREND($AC$19:$AD$19,$AC$3:$AD$3,K97,TRUE),IF(K97&gt;=10,$AD$19,1)))),IF(K97&lt;=2,$AE$19,IF(AND(K97&gt;2,K97&lt;=4),TREND($AE$19:$AF$19,$AE$3:$AF$3,K97,TRUE),IF(AND(K97&gt;4,K97&lt;10),TREND($AF$19:$AG$19,$AF$3:$AG$3,K97,TRUE),IF(K97&gt;=10,$AG$19,1)))))</f>
        <v>#N/A</v>
      </c>
      <c r="AK97" s="85" t="e" cm="1">
        <f t="array" ref="AK97">IF(J97&gt;30,IF(K97&lt;=2,$AB$20,IF(AND(K97&gt;2,K97&lt;=4),TREND($AB$20:$AC$20,$AB$3:$AC$3,K97,TRUE),IF(AND(K97&gt;4,K97&lt;10),TREND($AC$20:$AD$20,$AC$3:$AD$3,K97,TRUE),IF(K97&gt;=10,$AD$20,1)))),IF(K97&lt;=2,$AE$20,IF(AND(K97&gt;2,K97&lt;=4),TREND($AE$20:$AF$20,$AE$3:$AF$3,K97,TRUE),IF(AND(K97&gt;4,K97&lt;10),TREND($AF$20:$AG$20,$AF$3:$AG$3,K97,TRUE),IF(K97&gt;=10,$AG$20,1)))))</f>
        <v>#N/A</v>
      </c>
      <c r="AL97" s="85">
        <v>3</v>
      </c>
      <c r="AM97" s="92">
        <v>0</v>
      </c>
      <c r="AN97" s="92" t="e">
        <f t="shared" si="6"/>
        <v>#N/A</v>
      </c>
      <c r="AO97" s="92" t="e">
        <f t="shared" si="21"/>
        <v>#N/A</v>
      </c>
      <c r="AP97" s="92" t="e">
        <f t="shared" si="7"/>
        <v>#N/A</v>
      </c>
      <c r="AQ97" s="92" t="e">
        <f t="shared" si="8"/>
        <v>#N/A</v>
      </c>
      <c r="AR97" s="92" t="e">
        <f t="shared" si="9"/>
        <v>#N/A</v>
      </c>
      <c r="AS97" s="92" t="e">
        <f t="shared" si="10"/>
        <v>#N/A</v>
      </c>
      <c r="AT97" s="92" t="e">
        <f t="shared" si="11"/>
        <v>#N/A</v>
      </c>
      <c r="AU97" s="92" t="e">
        <f t="shared" si="12"/>
        <v>#N/A</v>
      </c>
      <c r="AV97" s="92" t="e">
        <f t="shared" si="13"/>
        <v>#N/A</v>
      </c>
      <c r="AW97" s="92" t="e">
        <f t="shared" si="14"/>
        <v>#N/A</v>
      </c>
      <c r="AX97" s="92" t="e">
        <f t="shared" si="15"/>
        <v>#N/A</v>
      </c>
      <c r="AY97" s="92">
        <f t="shared" si="16"/>
        <v>6000</v>
      </c>
      <c r="AZ97" s="93">
        <v>15</v>
      </c>
      <c r="BA97" s="93" t="e">
        <f t="shared" si="36"/>
        <v>#N/A</v>
      </c>
      <c r="BB97" s="93" t="e">
        <f t="shared" si="22"/>
        <v>#N/A</v>
      </c>
      <c r="BC97" s="93" t="e">
        <f t="shared" si="23"/>
        <v>#N/A</v>
      </c>
      <c r="BD97" s="93" t="e">
        <f t="shared" si="24"/>
        <v>#N/A</v>
      </c>
      <c r="BE97" s="93" t="e">
        <f t="shared" si="25"/>
        <v>#N/A</v>
      </c>
      <c r="BF97" s="93" t="e">
        <f t="shared" si="26"/>
        <v>#N/A</v>
      </c>
      <c r="BG97" s="93" t="e">
        <f t="shared" si="27"/>
        <v>#N/A</v>
      </c>
      <c r="BH97" s="93" t="e">
        <f t="shared" si="28"/>
        <v>#N/A</v>
      </c>
      <c r="BI97" s="93" t="e">
        <f t="shared" si="29"/>
        <v>#N/A</v>
      </c>
      <c r="BJ97" s="93" t="e">
        <f t="shared" si="30"/>
        <v>#N/A</v>
      </c>
      <c r="BK97" s="93" t="e">
        <f t="shared" si="31"/>
        <v>#N/A</v>
      </c>
      <c r="BL97" s="93" t="e">
        <f t="shared" si="31"/>
        <v>#N/A</v>
      </c>
    </row>
    <row r="98" spans="2:64" x14ac:dyDescent="0.2">
      <c r="B98" s="79">
        <f t="shared" si="46"/>
        <v>-87.5</v>
      </c>
      <c r="C98" s="73">
        <f t="shared" si="43"/>
        <v>72</v>
      </c>
      <c r="D98" s="64">
        <f>INDEX('CPT Data'!$C$13:$C$20000,MATCH($C98,'CPT Data'!$B$13:$B$20000,1))</f>
        <v>71.988</v>
      </c>
      <c r="E98" s="55" t="str">
        <f>INDEX('CPT Data'!$P$13:$P$20000,MATCH($C98,'CPT Data'!$B$13:$B$20000,1))</f>
        <v>SAND</v>
      </c>
      <c r="F98" s="76" t="e">
        <f>INDEX('CPT Data'!$Q$13:$Q$20000,MATCH($C98,'CPT Data'!$B$13:$B$20000,1))</f>
        <v>#N/A</v>
      </c>
      <c r="G98" s="76">
        <f>INDEX('CPT Data'!$I$13:$I$20000,MATCH(C98,'CPT Data'!$B$13:$B$20000,1))</f>
        <v>19.759660504336338</v>
      </c>
      <c r="H98" s="76">
        <f>INDEX('CPT Data'!$J$13:$J$20000,MATCH($C98,'CPT Data'!$B$13:$B$20000,1))</f>
        <v>9.7596605043363382</v>
      </c>
      <c r="I98" s="76">
        <f>INDEX('CPT Data'!$L$13:$L$20000,MATCH(C98,'CPT Data'!$B$13:$B$20000,1))</f>
        <v>702.64675800969474</v>
      </c>
      <c r="J98" s="226">
        <f>INDEX('CPT Data'!$R$13:$R$20000,MATCH(C98,'CPT Data'!$B$13:$B$20000,1))</f>
        <v>35</v>
      </c>
      <c r="K98" s="76" t="e">
        <f>INDEX('CPT Data'!$S$13:$S$20000,MATCH($C98,'CPT Data'!$B$13:$B$20000,1))</f>
        <v>#N/A</v>
      </c>
      <c r="L98" s="55">
        <f>VLOOKUP($C98, 'Pile Property'!$A$8:$D$108,2,TRUE)</f>
        <v>2</v>
      </c>
      <c r="M98" s="234" t="e">
        <f>IF($E98="CLAY",ABS($F98-'CPT Data'!$Q$3787)/$D98,#N/A)</f>
        <v>#N/A</v>
      </c>
      <c r="N98" s="65" t="e">
        <f t="shared" si="44"/>
        <v>#N/A</v>
      </c>
      <c r="O98" s="76" t="e">
        <f t="shared" si="38"/>
        <v>#N/A</v>
      </c>
      <c r="P98" s="76" t="e">
        <f t="shared" si="39"/>
        <v>#N/A</v>
      </c>
      <c r="Q98" s="65" t="e">
        <f t="shared" si="18"/>
        <v>#N/A</v>
      </c>
      <c r="R98" s="76" t="e">
        <f t="shared" si="19"/>
        <v>#N/A</v>
      </c>
      <c r="S98" s="76" t="e">
        <f t="shared" si="45"/>
        <v>#N/A</v>
      </c>
      <c r="T98" s="76"/>
      <c r="U98" s="76"/>
      <c r="V98" s="76" t="e">
        <f t="shared" si="40"/>
        <v>#N/A</v>
      </c>
      <c r="W98" s="76" t="e">
        <f t="shared" si="34"/>
        <v>#N/A</v>
      </c>
      <c r="X98" s="76" t="e">
        <f t="shared" si="41"/>
        <v>#N/A</v>
      </c>
      <c r="Y98" s="76" t="e">
        <f t="shared" si="42"/>
        <v>#N/A</v>
      </c>
      <c r="Z98" s="76" t="e">
        <f t="shared" si="35"/>
        <v>#N/A</v>
      </c>
      <c r="AA98" s="85" t="e" cm="1">
        <f t="array" ref="AA98">IF(J98&gt;30,IF(K98&lt;=2,$AB$10,IF(AND(K98&gt;2,K98&lt;=4),TREND($AB$10:$AC$10,$AB$3:$AC$3,K98,TRUE),IF(AND(K98&gt;4,K98&lt;10),TREND($AC$10:$AD$10,$AC$3:$AD$3,K98,TRUE),IF(K98&gt;=10,$AD$10,1)))),IF(K98&lt;=2,$AE$10,IF(AND(K98&gt;2,K98&lt;=4),TREND($AE$10:$AF$10,$AE$3:$AF$3,K98,TRUE),IF(AND(K98&gt;4,K98&lt;10),TREND($AF$10:$AG$10,$AF$3:$AG$3,K98,TRUE),IF(K98&gt;=10,$AG$10,1)))))</f>
        <v>#N/A</v>
      </c>
      <c r="AB98" s="85" t="e" cm="1">
        <f t="array" ref="AB98">IF(J98&gt;30,IF(K98&lt;=2,$AB$11,IF(AND(K98&gt;2,K98&lt;=4),TREND($AB$11:$AC$11,$AB$3:$AC$3,K98,TRUE),IF(AND(K98&gt;4,K98&lt;10),TREND($AC$11:$AD$11,$AC$3:$AD$3,K98,TRUE),IF(K98&gt;=10,$AD$11,1)))),IF(K98&lt;=2,$AE$11,IF(AND(K98&gt;2,K98&lt;=4),TREND($AE$11:$AF$11,$AE$3:$AF$3,K98,TRUE),IF(AND(K98&gt;4,K98&lt;10),TREND($AF$11:$AG$11,$AF$3:$AG$3,K98,TRUE),IF(K98&gt;=10,$AG$11,1)))))</f>
        <v>#N/A</v>
      </c>
      <c r="AC98" s="85" t="e" cm="1">
        <f t="array" ref="AC98">IF(J98&gt;30,IF(K98&lt;=2,$AB$12,IF(AND(K98&gt;2,K98&lt;=4),TREND($AB$12:$AC$12,$AB$3:$AC$3,K98,TRUE),IF(AND(K98&gt;4,K98&lt;10),TREND($AC$12:$AD$12,$AC$3:$AD$3,K98,TRUE),IF(K98&gt;=10,$AD$12,1)))),IF(K98&lt;=2,$AE$12,IF(AND(K98&gt;2,K98&lt;=4),TREND($AE$12:$AF$12,$AE$3:$AF$3,K98,TRUE),IF(AND(K98&gt;4,K98&lt;10),TREND($AF$12:$AG$12,$AF$3:$AG$3,K98,TRUE),IF(K98&gt;=10,$AG$12,1)))))</f>
        <v>#N/A</v>
      </c>
      <c r="AD98" s="85" t="e" cm="1">
        <f t="array" ref="AD98">IF(J98&gt;30,IF(K98&lt;=2,$AB$13,IF(AND(K98&gt;2,K98&lt;=4),TREND($AB$13:$AC$13,$AB$3:$AC$3,K98,TRUE),IF(AND(K98&gt;4,K98&lt;10),TREND($AC$13:$AD$13,$AC$3:$AD$3,K98,TRUE),IF(K98&gt;=10,$AD$13,1)))),IF(K98&lt;=2,$AE$13,IF(AND(K98&gt;2,K98&lt;=4),TREND($AE$13:$AF$13,$AE$3:$AF$3,K98,TRUE),IF(AND(K98&gt;4,K98&lt;10),TREND($AF$13:$AG$13,$AF$3:$AG$3,K98,TRUE),IF(K98&gt;=10,$AG$13,1)))))</f>
        <v>#N/A</v>
      </c>
      <c r="AE98" s="85" t="e" cm="1">
        <f t="array" ref="AE98">IF(J98&gt;30,IF(K98&lt;=2,$AB$14,IF(AND(K98&gt;2,K98&lt;=4),TREND($AB$14:$AC$14,$AB$3:$AC$3,K98,TRUE),IF(AND(K98&gt;4,K98&lt;10),TREND($AC$14:$AD$14,$AC$3:$AD$3,K98,TRUE),IF(K98&gt;=10,$AD$14,1)))),IF(K98&lt;=2,$AE$14,IF(AND(K98&gt;2,K98&lt;=4),TREND($AE$14:$AF$14,$AE$3:$AF$3,K98,TRUE),IF(AND(K98&gt;4,K98&lt;10),TREND($AF$14:$AG$14,$AF$3:$AG$3,K98,TRUE),IF(K98&gt;=10,$AG$14,1)))))</f>
        <v>#N/A</v>
      </c>
      <c r="AF98" s="85" t="e" cm="1">
        <f t="array" ref="AF98">IF(J98&gt;30,IF(K98&lt;=2,$AB$15,IF(AND(K98&gt;2,K98&lt;=4),TREND($AB$15:$AC$15,$AB$3:$AC$3,K98,TRUE),IF(AND(K98&gt;4,K98&lt;10),TREND($AC$15:$AD$15,$AC$3:$AD$3,K98,TRUE),IF(K98&gt;=10,$AD$15,1)))),IF(K98&lt;=2,$AE$15,IF(AND(K98&gt;2,K98&lt;=4),TREND($AE$15:$AF$15,$AE$3:$AF$3,K98,TRUE),IF(AND(K98&gt;4,K98&lt;10),TREND($AF$15:$AG$15,$AF$3:$AG$3,K98,TRUE),IF(K98&gt;=10,$AG$15,1)))))</f>
        <v>#N/A</v>
      </c>
      <c r="AG98" s="86" t="e" cm="1">
        <f t="array" ref="AG98">IF(J98&gt;30,IF(K98&lt;=2,$AB$16,IF(AND(K98&gt;2,K98&lt;=4),TREND($AB$16:$AC$16,$AB$3:$AC$3,K98,TRUE),IF(AND(K98&gt;4,K98&lt;10),TREND($AC$16:$AD$16,$AC$3:$AD$3,K98,TRUE),IF(K98&gt;=10,$AD$16,1)))),IF(K98&lt;=2,$AE$16,IF(AND(K98&gt;2,K98&lt;=4),TREND($AE$16:$AF$16,$AE$3:$AF$3,K98,TRUE),IF(AND(K98&gt;4,K98&lt;10),TREND($AF$16:$AG$16,$AF$3:$AG$3,K98,TRUE),IF(K98&gt;=10,$AG$16,1)))))</f>
        <v>#N/A</v>
      </c>
      <c r="AH98" s="85" t="e" cm="1">
        <f t="array" ref="AH98">IF(J98&gt;30,IF(K98&lt;=2,$AB$17,IF(AND(K98&gt;2,K98&lt;=4),TREND($AB$17:$AC$17,$AB$3:$AC$3,K98,TRUE),IF(AND(K98&gt;4,K98&lt;10),TREND($AC$17:$AD$17,$AC$3:$AD$3,K98,TRUE),IF(K98&gt;=10,$AD$17,1)))),IF(K98&lt;=2,$AE$17,IF(AND(K98&gt;2,K98&lt;=4),TREND($AE$17:$AF$17,$AE$3:$AF$3,K98,TRUE),IF(AND(K98&gt;4,K98&lt;10),TREND($AF$17:$AG$17,$AF$3:$AG$3,K98,TRUE),IF(K98&gt;=10,$AG$17,1)))))</f>
        <v>#N/A</v>
      </c>
      <c r="AI98" s="85" t="e" cm="1">
        <f t="array" ref="AI98">IF(J98&gt;30,IF(K98&lt;=2,$AB$18,IF(AND(K98&gt;2,K98&lt;=4),TREND($AB$18:$AC$18,$AB$3:$AC$3,K98,TRUE),IF(AND(K98&gt;4,K98&lt;10),TREND($AC$18:$AD$18,$AC$3:$AD$3,K98,TRUE),IF(K98&gt;=10,$AD$18,1)))),IF(K98&lt;=2,$AE$18,IF(AND(K98&gt;2,K98&lt;=4),TREND($AE$18:$AF$18,$AE$3:$AF$3,K98,TRUE),IF(AND(K98&gt;4,K98&lt;10),TREND($AF$18:$AG$18,$AF$3:$AG$3,K98,TRUE),IF(K98&gt;=10,$AG$18,1)))))</f>
        <v>#N/A</v>
      </c>
      <c r="AJ98" s="85" t="e" cm="1">
        <f t="array" ref="AJ98">IF(J98&gt;30,IF(K98&lt;=2,$AB$19,IF(AND(K98&gt;2,K98&lt;=4),TREND($AB$19:$AC$19,$AB$3:$AC$3,K98,TRUE),IF(AND(K98&gt;4,K98&lt;10),TREND($AC$19:$AD$19,$AC$3:$AD$3,K98,TRUE),IF(K98&gt;=10,$AD$19,1)))),IF(K98&lt;=2,$AE$19,IF(AND(K98&gt;2,K98&lt;=4),TREND($AE$19:$AF$19,$AE$3:$AF$3,K98,TRUE),IF(AND(K98&gt;4,K98&lt;10),TREND($AF$19:$AG$19,$AF$3:$AG$3,K98,TRUE),IF(K98&gt;=10,$AG$19,1)))))</f>
        <v>#N/A</v>
      </c>
      <c r="AK98" s="85" t="e" cm="1">
        <f t="array" ref="AK98">IF(J98&gt;30,IF(K98&lt;=2,$AB$20,IF(AND(K98&gt;2,K98&lt;=4),TREND($AB$20:$AC$20,$AB$3:$AC$3,K98,TRUE),IF(AND(K98&gt;4,K98&lt;10),TREND($AC$20:$AD$20,$AC$3:$AD$3,K98,TRUE),IF(K98&gt;=10,$AD$20,1)))),IF(K98&lt;=2,$AE$20,IF(AND(K98&gt;2,K98&lt;=4),TREND($AE$20:$AF$20,$AE$3:$AF$3,K98,TRUE),IF(AND(K98&gt;4,K98&lt;10),TREND($AF$20:$AG$20,$AF$3:$AG$3,K98,TRUE),IF(K98&gt;=10,$AG$20,1)))))</f>
        <v>#N/A</v>
      </c>
      <c r="AL98" s="85">
        <v>3</v>
      </c>
      <c r="AM98" s="92">
        <v>0</v>
      </c>
      <c r="AN98" s="92" t="e">
        <f t="shared" si="6"/>
        <v>#N/A</v>
      </c>
      <c r="AO98" s="92" t="e">
        <f t="shared" si="21"/>
        <v>#N/A</v>
      </c>
      <c r="AP98" s="92" t="e">
        <f t="shared" si="7"/>
        <v>#N/A</v>
      </c>
      <c r="AQ98" s="92" t="e">
        <f t="shared" si="8"/>
        <v>#N/A</v>
      </c>
      <c r="AR98" s="92" t="e">
        <f t="shared" si="9"/>
        <v>#N/A</v>
      </c>
      <c r="AS98" s="92" t="e">
        <f t="shared" si="10"/>
        <v>#N/A</v>
      </c>
      <c r="AT98" s="92" t="e">
        <f t="shared" si="11"/>
        <v>#N/A</v>
      </c>
      <c r="AU98" s="92" t="e">
        <f t="shared" si="12"/>
        <v>#N/A</v>
      </c>
      <c r="AV98" s="92" t="e">
        <f t="shared" si="13"/>
        <v>#N/A</v>
      </c>
      <c r="AW98" s="92" t="e">
        <f t="shared" si="14"/>
        <v>#N/A</v>
      </c>
      <c r="AX98" s="92" t="e">
        <f t="shared" si="15"/>
        <v>#N/A</v>
      </c>
      <c r="AY98" s="92">
        <f t="shared" si="16"/>
        <v>6000</v>
      </c>
      <c r="AZ98" s="93">
        <v>16</v>
      </c>
      <c r="BA98" s="93" t="e">
        <f t="shared" si="36"/>
        <v>#N/A</v>
      </c>
      <c r="BB98" s="93" t="e">
        <f t="shared" si="22"/>
        <v>#N/A</v>
      </c>
      <c r="BC98" s="93" t="e">
        <f t="shared" si="23"/>
        <v>#N/A</v>
      </c>
      <c r="BD98" s="93" t="e">
        <f t="shared" si="24"/>
        <v>#N/A</v>
      </c>
      <c r="BE98" s="93" t="e">
        <f t="shared" si="25"/>
        <v>#N/A</v>
      </c>
      <c r="BF98" s="93" t="e">
        <f t="shared" si="26"/>
        <v>#N/A</v>
      </c>
      <c r="BG98" s="93" t="e">
        <f t="shared" si="27"/>
        <v>#N/A</v>
      </c>
      <c r="BH98" s="93" t="e">
        <f t="shared" si="28"/>
        <v>#N/A</v>
      </c>
      <c r="BI98" s="93" t="e">
        <f t="shared" si="29"/>
        <v>#N/A</v>
      </c>
      <c r="BJ98" s="93" t="e">
        <f t="shared" si="30"/>
        <v>#N/A</v>
      </c>
      <c r="BK98" s="93" t="e">
        <f t="shared" si="31"/>
        <v>#N/A</v>
      </c>
      <c r="BL98" s="93" t="e">
        <f t="shared" si="31"/>
        <v>#N/A</v>
      </c>
    </row>
    <row r="99" spans="2:64" x14ac:dyDescent="0.2">
      <c r="B99" s="79">
        <f t="shared" si="46"/>
        <v>-88.5</v>
      </c>
      <c r="C99" s="73">
        <f t="shared" si="43"/>
        <v>73</v>
      </c>
      <c r="D99" s="64">
        <f>INDEX('CPT Data'!$C$13:$C$20000,MATCH($C99,'CPT Data'!$B$13:$B$20000,1))</f>
        <v>72.98899999999999</v>
      </c>
      <c r="E99" s="55" t="str">
        <f>INDEX('CPT Data'!$P$13:$P$20000,MATCH($C99,'CPT Data'!$B$13:$B$20000,1))</f>
        <v>SAND</v>
      </c>
      <c r="F99" s="76" t="e">
        <f>INDEX('CPT Data'!$Q$13:$Q$20000,MATCH($C99,'CPT Data'!$B$13:$B$20000,1))</f>
        <v>#N/A</v>
      </c>
      <c r="G99" s="76">
        <f>INDEX('CPT Data'!$I$13:$I$20000,MATCH(C99,'CPT Data'!$B$13:$B$20000,1))</f>
        <v>19.798800545436777</v>
      </c>
      <c r="H99" s="76">
        <f>INDEX('CPT Data'!$J$13:$J$20000,MATCH($C99,'CPT Data'!$B$13:$B$20000,1))</f>
        <v>9.7988005454367766</v>
      </c>
      <c r="I99" s="76">
        <f>INDEX('CPT Data'!$L$13:$L$20000,MATCH(C99,'CPT Data'!$B$13:$B$20000,1))</f>
        <v>715.27324461470289</v>
      </c>
      <c r="J99" s="226">
        <f>INDEX('CPT Data'!$R$13:$R$20000,MATCH(C99,'CPT Data'!$B$13:$B$20000,1))</f>
        <v>35</v>
      </c>
      <c r="K99" s="76" t="e">
        <f>INDEX('CPT Data'!$S$13:$S$20000,MATCH($C99,'CPT Data'!$B$13:$B$20000,1))</f>
        <v>#N/A</v>
      </c>
      <c r="L99" s="55">
        <f>VLOOKUP($C99, 'Pile Property'!$A$8:$D$108,2,TRUE)</f>
        <v>2</v>
      </c>
      <c r="M99" s="234" t="e">
        <f>IF($E99="CLAY",ABS($F99-'CPT Data'!$Q$3787)/$D99,#N/A)</f>
        <v>#N/A</v>
      </c>
      <c r="N99" s="65" t="e">
        <f t="shared" si="44"/>
        <v>#N/A</v>
      </c>
      <c r="O99" s="76" t="e">
        <f t="shared" si="38"/>
        <v>#N/A</v>
      </c>
      <c r="P99" s="76" t="e">
        <f t="shared" si="39"/>
        <v>#N/A</v>
      </c>
      <c r="Q99" s="65" t="e">
        <f t="shared" si="18"/>
        <v>#N/A</v>
      </c>
      <c r="R99" s="76" t="e">
        <f t="shared" si="19"/>
        <v>#N/A</v>
      </c>
      <c r="S99" s="76" t="e">
        <f t="shared" si="45"/>
        <v>#N/A</v>
      </c>
      <c r="T99" s="76"/>
      <c r="U99" s="76"/>
      <c r="V99" s="76" t="e">
        <f t="shared" si="40"/>
        <v>#N/A</v>
      </c>
      <c r="W99" s="76" t="e">
        <f t="shared" si="34"/>
        <v>#N/A</v>
      </c>
      <c r="X99" s="76" t="e">
        <f t="shared" si="41"/>
        <v>#N/A</v>
      </c>
      <c r="Y99" s="76" t="e">
        <f t="shared" si="42"/>
        <v>#N/A</v>
      </c>
      <c r="Z99" s="76" t="e">
        <f t="shared" si="35"/>
        <v>#N/A</v>
      </c>
      <c r="AA99" s="85" t="e" cm="1">
        <f t="array" ref="AA99">IF(J99&gt;30,IF(K99&lt;=2,$AB$10,IF(AND(K99&gt;2,K99&lt;=4),TREND($AB$10:$AC$10,$AB$3:$AC$3,K99,TRUE),IF(AND(K99&gt;4,K99&lt;10),TREND($AC$10:$AD$10,$AC$3:$AD$3,K99,TRUE),IF(K99&gt;=10,$AD$10,1)))),IF(K99&lt;=2,$AE$10,IF(AND(K99&gt;2,K99&lt;=4),TREND($AE$10:$AF$10,$AE$3:$AF$3,K99,TRUE),IF(AND(K99&gt;4,K99&lt;10),TREND($AF$10:$AG$10,$AF$3:$AG$3,K99,TRUE),IF(K99&gt;=10,$AG$10,1)))))</f>
        <v>#N/A</v>
      </c>
      <c r="AB99" s="85" t="e" cm="1">
        <f t="array" ref="AB99">IF(J99&gt;30,IF(K99&lt;=2,$AB$11,IF(AND(K99&gt;2,K99&lt;=4),TREND($AB$11:$AC$11,$AB$3:$AC$3,K99,TRUE),IF(AND(K99&gt;4,K99&lt;10),TREND($AC$11:$AD$11,$AC$3:$AD$3,K99,TRUE),IF(K99&gt;=10,$AD$11,1)))),IF(K99&lt;=2,$AE$11,IF(AND(K99&gt;2,K99&lt;=4),TREND($AE$11:$AF$11,$AE$3:$AF$3,K99,TRUE),IF(AND(K99&gt;4,K99&lt;10),TREND($AF$11:$AG$11,$AF$3:$AG$3,K99,TRUE),IF(K99&gt;=10,$AG$11,1)))))</f>
        <v>#N/A</v>
      </c>
      <c r="AC99" s="85" t="e" cm="1">
        <f t="array" ref="AC99">IF(J99&gt;30,IF(K99&lt;=2,$AB$12,IF(AND(K99&gt;2,K99&lt;=4),TREND($AB$12:$AC$12,$AB$3:$AC$3,K99,TRUE),IF(AND(K99&gt;4,K99&lt;10),TREND($AC$12:$AD$12,$AC$3:$AD$3,K99,TRUE),IF(K99&gt;=10,$AD$12,1)))),IF(K99&lt;=2,$AE$12,IF(AND(K99&gt;2,K99&lt;=4),TREND($AE$12:$AF$12,$AE$3:$AF$3,K99,TRUE),IF(AND(K99&gt;4,K99&lt;10),TREND($AF$12:$AG$12,$AF$3:$AG$3,K99,TRUE),IF(K99&gt;=10,$AG$12,1)))))</f>
        <v>#N/A</v>
      </c>
      <c r="AD99" s="85" t="e" cm="1">
        <f t="array" ref="AD99">IF(J99&gt;30,IF(K99&lt;=2,$AB$13,IF(AND(K99&gt;2,K99&lt;=4),TREND($AB$13:$AC$13,$AB$3:$AC$3,K99,TRUE),IF(AND(K99&gt;4,K99&lt;10),TREND($AC$13:$AD$13,$AC$3:$AD$3,K99,TRUE),IF(K99&gt;=10,$AD$13,1)))),IF(K99&lt;=2,$AE$13,IF(AND(K99&gt;2,K99&lt;=4),TREND($AE$13:$AF$13,$AE$3:$AF$3,K99,TRUE),IF(AND(K99&gt;4,K99&lt;10),TREND($AF$13:$AG$13,$AF$3:$AG$3,K99,TRUE),IF(K99&gt;=10,$AG$13,1)))))</f>
        <v>#N/A</v>
      </c>
      <c r="AE99" s="85" t="e" cm="1">
        <f t="array" ref="AE99">IF(J99&gt;30,IF(K99&lt;=2,$AB$14,IF(AND(K99&gt;2,K99&lt;=4),TREND($AB$14:$AC$14,$AB$3:$AC$3,K99,TRUE),IF(AND(K99&gt;4,K99&lt;10),TREND($AC$14:$AD$14,$AC$3:$AD$3,K99,TRUE),IF(K99&gt;=10,$AD$14,1)))),IF(K99&lt;=2,$AE$14,IF(AND(K99&gt;2,K99&lt;=4),TREND($AE$14:$AF$14,$AE$3:$AF$3,K99,TRUE),IF(AND(K99&gt;4,K99&lt;10),TREND($AF$14:$AG$14,$AF$3:$AG$3,K99,TRUE),IF(K99&gt;=10,$AG$14,1)))))</f>
        <v>#N/A</v>
      </c>
      <c r="AF99" s="85" t="e" cm="1">
        <f t="array" ref="AF99">IF(J99&gt;30,IF(K99&lt;=2,$AB$15,IF(AND(K99&gt;2,K99&lt;=4),TREND($AB$15:$AC$15,$AB$3:$AC$3,K99,TRUE),IF(AND(K99&gt;4,K99&lt;10),TREND($AC$15:$AD$15,$AC$3:$AD$3,K99,TRUE),IF(K99&gt;=10,$AD$15,1)))),IF(K99&lt;=2,$AE$15,IF(AND(K99&gt;2,K99&lt;=4),TREND($AE$15:$AF$15,$AE$3:$AF$3,K99,TRUE),IF(AND(K99&gt;4,K99&lt;10),TREND($AF$15:$AG$15,$AF$3:$AG$3,K99,TRUE),IF(K99&gt;=10,$AG$15,1)))))</f>
        <v>#N/A</v>
      </c>
      <c r="AG99" s="86" t="e" cm="1">
        <f t="array" ref="AG99">IF(J99&gt;30,IF(K99&lt;=2,$AB$16,IF(AND(K99&gt;2,K99&lt;=4),TREND($AB$16:$AC$16,$AB$3:$AC$3,K99,TRUE),IF(AND(K99&gt;4,K99&lt;10),TREND($AC$16:$AD$16,$AC$3:$AD$3,K99,TRUE),IF(K99&gt;=10,$AD$16,1)))),IF(K99&lt;=2,$AE$16,IF(AND(K99&gt;2,K99&lt;=4),TREND($AE$16:$AF$16,$AE$3:$AF$3,K99,TRUE),IF(AND(K99&gt;4,K99&lt;10),TREND($AF$16:$AG$16,$AF$3:$AG$3,K99,TRUE),IF(K99&gt;=10,$AG$16,1)))))</f>
        <v>#N/A</v>
      </c>
      <c r="AH99" s="85" t="e" cm="1">
        <f t="array" ref="AH99">IF(J99&gt;30,IF(K99&lt;=2,$AB$17,IF(AND(K99&gt;2,K99&lt;=4),TREND($AB$17:$AC$17,$AB$3:$AC$3,K99,TRUE),IF(AND(K99&gt;4,K99&lt;10),TREND($AC$17:$AD$17,$AC$3:$AD$3,K99,TRUE),IF(K99&gt;=10,$AD$17,1)))),IF(K99&lt;=2,$AE$17,IF(AND(K99&gt;2,K99&lt;=4),TREND($AE$17:$AF$17,$AE$3:$AF$3,K99,TRUE),IF(AND(K99&gt;4,K99&lt;10),TREND($AF$17:$AG$17,$AF$3:$AG$3,K99,TRUE),IF(K99&gt;=10,$AG$17,1)))))</f>
        <v>#N/A</v>
      </c>
      <c r="AI99" s="85" t="e" cm="1">
        <f t="array" ref="AI99">IF(J99&gt;30,IF(K99&lt;=2,$AB$18,IF(AND(K99&gt;2,K99&lt;=4),TREND($AB$18:$AC$18,$AB$3:$AC$3,K99,TRUE),IF(AND(K99&gt;4,K99&lt;10),TREND($AC$18:$AD$18,$AC$3:$AD$3,K99,TRUE),IF(K99&gt;=10,$AD$18,1)))),IF(K99&lt;=2,$AE$18,IF(AND(K99&gt;2,K99&lt;=4),TREND($AE$18:$AF$18,$AE$3:$AF$3,K99,TRUE),IF(AND(K99&gt;4,K99&lt;10),TREND($AF$18:$AG$18,$AF$3:$AG$3,K99,TRUE),IF(K99&gt;=10,$AG$18,1)))))</f>
        <v>#N/A</v>
      </c>
      <c r="AJ99" s="85" t="e" cm="1">
        <f t="array" ref="AJ99">IF(J99&gt;30,IF(K99&lt;=2,$AB$19,IF(AND(K99&gt;2,K99&lt;=4),TREND($AB$19:$AC$19,$AB$3:$AC$3,K99,TRUE),IF(AND(K99&gt;4,K99&lt;10),TREND($AC$19:$AD$19,$AC$3:$AD$3,K99,TRUE),IF(K99&gt;=10,$AD$19,1)))),IF(K99&lt;=2,$AE$19,IF(AND(K99&gt;2,K99&lt;=4),TREND($AE$19:$AF$19,$AE$3:$AF$3,K99,TRUE),IF(AND(K99&gt;4,K99&lt;10),TREND($AF$19:$AG$19,$AF$3:$AG$3,K99,TRUE),IF(K99&gt;=10,$AG$19,1)))))</f>
        <v>#N/A</v>
      </c>
      <c r="AK99" s="85" t="e" cm="1">
        <f t="array" ref="AK99">IF(J99&gt;30,IF(K99&lt;=2,$AB$20,IF(AND(K99&gt;2,K99&lt;=4),TREND($AB$20:$AC$20,$AB$3:$AC$3,K99,TRUE),IF(AND(K99&gt;4,K99&lt;10),TREND($AC$20:$AD$20,$AC$3:$AD$3,K99,TRUE),IF(K99&gt;=10,$AD$20,1)))),IF(K99&lt;=2,$AE$20,IF(AND(K99&gt;2,K99&lt;=4),TREND($AE$20:$AF$20,$AE$3:$AF$3,K99,TRUE),IF(AND(K99&gt;4,K99&lt;10),TREND($AF$20:$AG$20,$AF$3:$AG$3,K99,TRUE),IF(K99&gt;=10,$AG$20,1)))))</f>
        <v>#N/A</v>
      </c>
      <c r="AL99" s="85">
        <v>3</v>
      </c>
      <c r="AM99" s="92">
        <v>0</v>
      </c>
      <c r="AN99" s="92" t="e">
        <f t="shared" si="6"/>
        <v>#N/A</v>
      </c>
      <c r="AO99" s="92" t="e">
        <f t="shared" si="21"/>
        <v>#N/A</v>
      </c>
      <c r="AP99" s="92" t="e">
        <f t="shared" si="7"/>
        <v>#N/A</v>
      </c>
      <c r="AQ99" s="92" t="e">
        <f t="shared" si="8"/>
        <v>#N/A</v>
      </c>
      <c r="AR99" s="92" t="e">
        <f t="shared" si="9"/>
        <v>#N/A</v>
      </c>
      <c r="AS99" s="92" t="e">
        <f t="shared" si="10"/>
        <v>#N/A</v>
      </c>
      <c r="AT99" s="92" t="e">
        <f t="shared" si="11"/>
        <v>#N/A</v>
      </c>
      <c r="AU99" s="92" t="e">
        <f t="shared" si="12"/>
        <v>#N/A</v>
      </c>
      <c r="AV99" s="92" t="e">
        <f t="shared" si="13"/>
        <v>#N/A</v>
      </c>
      <c r="AW99" s="92" t="e">
        <f t="shared" si="14"/>
        <v>#N/A</v>
      </c>
      <c r="AX99" s="92" t="e">
        <f t="shared" si="15"/>
        <v>#N/A</v>
      </c>
      <c r="AY99" s="92">
        <f t="shared" si="16"/>
        <v>6000</v>
      </c>
      <c r="AZ99" s="93">
        <v>17</v>
      </c>
      <c r="BA99" s="93" t="e">
        <f t="shared" si="36"/>
        <v>#N/A</v>
      </c>
      <c r="BB99" s="93" t="e">
        <f t="shared" si="22"/>
        <v>#N/A</v>
      </c>
      <c r="BC99" s="93" t="e">
        <f t="shared" si="23"/>
        <v>#N/A</v>
      </c>
      <c r="BD99" s="93" t="e">
        <f t="shared" si="24"/>
        <v>#N/A</v>
      </c>
      <c r="BE99" s="93" t="e">
        <f t="shared" si="25"/>
        <v>#N/A</v>
      </c>
      <c r="BF99" s="93" t="e">
        <f t="shared" si="26"/>
        <v>#N/A</v>
      </c>
      <c r="BG99" s="93" t="e">
        <f t="shared" si="27"/>
        <v>#N/A</v>
      </c>
      <c r="BH99" s="93" t="e">
        <f t="shared" si="28"/>
        <v>#N/A</v>
      </c>
      <c r="BI99" s="93" t="e">
        <f t="shared" si="29"/>
        <v>#N/A</v>
      </c>
      <c r="BJ99" s="93" t="e">
        <f t="shared" si="30"/>
        <v>#N/A</v>
      </c>
      <c r="BK99" s="93" t="e">
        <f t="shared" si="31"/>
        <v>#N/A</v>
      </c>
      <c r="BL99" s="93" t="e">
        <f t="shared" si="31"/>
        <v>#N/A</v>
      </c>
    </row>
    <row r="100" spans="2:64" x14ac:dyDescent="0.2">
      <c r="B100" s="79">
        <f t="shared" si="46"/>
        <v>-89.5</v>
      </c>
      <c r="C100" s="73">
        <f t="shared" si="43"/>
        <v>74</v>
      </c>
      <c r="D100" s="64">
        <f>INDEX('CPT Data'!$C$13:$C$20000,MATCH($C100,'CPT Data'!$B$13:$B$20000,1))</f>
        <v>73.992999999999995</v>
      </c>
      <c r="E100" s="55" t="str">
        <f>INDEX('CPT Data'!$P$13:$P$20000,MATCH($C100,'CPT Data'!$B$13:$B$20000,1))</f>
        <v>SAND</v>
      </c>
      <c r="F100" s="76" t="e">
        <f>INDEX('CPT Data'!$Q$13:$Q$20000,MATCH($C100,'CPT Data'!$B$13:$B$20000,1))</f>
        <v>#N/A</v>
      </c>
      <c r="G100" s="76">
        <f>INDEX('CPT Data'!$I$13:$I$20000,MATCH(C100,'CPT Data'!$B$13:$B$20000,1))</f>
        <v>20.408874798328888</v>
      </c>
      <c r="H100" s="76">
        <f>INDEX('CPT Data'!$J$13:$J$20000,MATCH($C100,'CPT Data'!$B$13:$B$20000,1))</f>
        <v>10.408874798328888</v>
      </c>
      <c r="I100" s="76">
        <f>INDEX('CPT Data'!$L$13:$L$20000,MATCH(C100,'CPT Data'!$B$13:$B$20000,1))</f>
        <v>770.25673507633769</v>
      </c>
      <c r="J100" s="226">
        <f>INDEX('CPT Data'!$R$13:$R$20000,MATCH(C100,'CPT Data'!$B$13:$B$20000,1))</f>
        <v>35</v>
      </c>
      <c r="K100" s="76" t="e">
        <f>INDEX('CPT Data'!$S$13:$S$20000,MATCH($C100,'CPT Data'!$B$13:$B$20000,1))</f>
        <v>#N/A</v>
      </c>
      <c r="L100" s="55">
        <f>VLOOKUP($C100, 'Pile Property'!$A$8:$D$108,2,TRUE)</f>
        <v>2</v>
      </c>
      <c r="M100" s="234" t="e">
        <f>IF($E100="CLAY",ABS($F100-'CPT Data'!$Q$3787)/$D100,#N/A)</f>
        <v>#N/A</v>
      </c>
      <c r="N100" s="65" t="e">
        <f t="shared" si="44"/>
        <v>#N/A</v>
      </c>
      <c r="O100" s="76" t="e">
        <f t="shared" si="38"/>
        <v>#N/A</v>
      </c>
      <c r="P100" s="76" t="e">
        <f t="shared" si="39"/>
        <v>#N/A</v>
      </c>
      <c r="Q100" s="65" t="e">
        <f t="shared" si="18"/>
        <v>#N/A</v>
      </c>
      <c r="R100" s="76" t="e">
        <f t="shared" si="19"/>
        <v>#N/A</v>
      </c>
      <c r="S100" s="76" t="e">
        <f t="shared" si="45"/>
        <v>#N/A</v>
      </c>
      <c r="T100" s="76"/>
      <c r="U100" s="76"/>
      <c r="V100" s="76" t="e">
        <f t="shared" si="40"/>
        <v>#N/A</v>
      </c>
      <c r="W100" s="76" t="e">
        <f t="shared" si="34"/>
        <v>#N/A</v>
      </c>
      <c r="X100" s="76" t="e">
        <f t="shared" si="41"/>
        <v>#N/A</v>
      </c>
      <c r="Y100" s="76" t="e">
        <f t="shared" si="42"/>
        <v>#N/A</v>
      </c>
      <c r="Z100" s="76" t="e">
        <f t="shared" si="35"/>
        <v>#N/A</v>
      </c>
      <c r="AA100" s="85" t="e" cm="1">
        <f t="array" ref="AA100">IF(J100&gt;30,IF(K100&lt;=2,$AB$10,IF(AND(K100&gt;2,K100&lt;=4),TREND($AB$10:$AC$10,$AB$3:$AC$3,K100,TRUE),IF(AND(K100&gt;4,K100&lt;10),TREND($AC$10:$AD$10,$AC$3:$AD$3,K100,TRUE),IF(K100&gt;=10,$AD$10,1)))),IF(K100&lt;=2,$AE$10,IF(AND(K100&gt;2,K100&lt;=4),TREND($AE$10:$AF$10,$AE$3:$AF$3,K100,TRUE),IF(AND(K100&gt;4,K100&lt;10),TREND($AF$10:$AG$10,$AF$3:$AG$3,K100,TRUE),IF(K100&gt;=10,$AG$10,1)))))</f>
        <v>#N/A</v>
      </c>
      <c r="AB100" s="85" t="e" cm="1">
        <f t="array" ref="AB100">IF(J100&gt;30,IF(K100&lt;=2,$AB$11,IF(AND(K100&gt;2,K100&lt;=4),TREND($AB$11:$AC$11,$AB$3:$AC$3,K100,TRUE),IF(AND(K100&gt;4,K100&lt;10),TREND($AC$11:$AD$11,$AC$3:$AD$3,K100,TRUE),IF(K100&gt;=10,$AD$11,1)))),IF(K100&lt;=2,$AE$11,IF(AND(K100&gt;2,K100&lt;=4),TREND($AE$11:$AF$11,$AE$3:$AF$3,K100,TRUE),IF(AND(K100&gt;4,K100&lt;10),TREND($AF$11:$AG$11,$AF$3:$AG$3,K100,TRUE),IF(K100&gt;=10,$AG$11,1)))))</f>
        <v>#N/A</v>
      </c>
      <c r="AC100" s="85" t="e" cm="1">
        <f t="array" ref="AC100">IF(J100&gt;30,IF(K100&lt;=2,$AB$12,IF(AND(K100&gt;2,K100&lt;=4),TREND($AB$12:$AC$12,$AB$3:$AC$3,K100,TRUE),IF(AND(K100&gt;4,K100&lt;10),TREND($AC$12:$AD$12,$AC$3:$AD$3,K100,TRUE),IF(K100&gt;=10,$AD$12,1)))),IF(K100&lt;=2,$AE$12,IF(AND(K100&gt;2,K100&lt;=4),TREND($AE$12:$AF$12,$AE$3:$AF$3,K100,TRUE),IF(AND(K100&gt;4,K100&lt;10),TREND($AF$12:$AG$12,$AF$3:$AG$3,K100,TRUE),IF(K100&gt;=10,$AG$12,1)))))</f>
        <v>#N/A</v>
      </c>
      <c r="AD100" s="85" t="e" cm="1">
        <f t="array" ref="AD100">IF(J100&gt;30,IF(K100&lt;=2,$AB$13,IF(AND(K100&gt;2,K100&lt;=4),TREND($AB$13:$AC$13,$AB$3:$AC$3,K100,TRUE),IF(AND(K100&gt;4,K100&lt;10),TREND($AC$13:$AD$13,$AC$3:$AD$3,K100,TRUE),IF(K100&gt;=10,$AD$13,1)))),IF(K100&lt;=2,$AE$13,IF(AND(K100&gt;2,K100&lt;=4),TREND($AE$13:$AF$13,$AE$3:$AF$3,K100,TRUE),IF(AND(K100&gt;4,K100&lt;10),TREND($AF$13:$AG$13,$AF$3:$AG$3,K100,TRUE),IF(K100&gt;=10,$AG$13,1)))))</f>
        <v>#N/A</v>
      </c>
      <c r="AE100" s="85" t="e" cm="1">
        <f t="array" ref="AE100">IF(J100&gt;30,IF(K100&lt;=2,$AB$14,IF(AND(K100&gt;2,K100&lt;=4),TREND($AB$14:$AC$14,$AB$3:$AC$3,K100,TRUE),IF(AND(K100&gt;4,K100&lt;10),TREND($AC$14:$AD$14,$AC$3:$AD$3,K100,TRUE),IF(K100&gt;=10,$AD$14,1)))),IF(K100&lt;=2,$AE$14,IF(AND(K100&gt;2,K100&lt;=4),TREND($AE$14:$AF$14,$AE$3:$AF$3,K100,TRUE),IF(AND(K100&gt;4,K100&lt;10),TREND($AF$14:$AG$14,$AF$3:$AG$3,K100,TRUE),IF(K100&gt;=10,$AG$14,1)))))</f>
        <v>#N/A</v>
      </c>
      <c r="AF100" s="85" t="e" cm="1">
        <f t="array" ref="AF100">IF(J100&gt;30,IF(K100&lt;=2,$AB$15,IF(AND(K100&gt;2,K100&lt;=4),TREND($AB$15:$AC$15,$AB$3:$AC$3,K100,TRUE),IF(AND(K100&gt;4,K100&lt;10),TREND($AC$15:$AD$15,$AC$3:$AD$3,K100,TRUE),IF(K100&gt;=10,$AD$15,1)))),IF(K100&lt;=2,$AE$15,IF(AND(K100&gt;2,K100&lt;=4),TREND($AE$15:$AF$15,$AE$3:$AF$3,K100,TRUE),IF(AND(K100&gt;4,K100&lt;10),TREND($AF$15:$AG$15,$AF$3:$AG$3,K100,TRUE),IF(K100&gt;=10,$AG$15,1)))))</f>
        <v>#N/A</v>
      </c>
      <c r="AG100" s="86" t="e" cm="1">
        <f t="array" ref="AG100">IF(J100&gt;30,IF(K100&lt;=2,$AB$16,IF(AND(K100&gt;2,K100&lt;=4),TREND($AB$16:$AC$16,$AB$3:$AC$3,K100,TRUE),IF(AND(K100&gt;4,K100&lt;10),TREND($AC$16:$AD$16,$AC$3:$AD$3,K100,TRUE),IF(K100&gt;=10,$AD$16,1)))),IF(K100&lt;=2,$AE$16,IF(AND(K100&gt;2,K100&lt;=4),TREND($AE$16:$AF$16,$AE$3:$AF$3,K100,TRUE),IF(AND(K100&gt;4,K100&lt;10),TREND($AF$16:$AG$16,$AF$3:$AG$3,K100,TRUE),IF(K100&gt;=10,$AG$16,1)))))</f>
        <v>#N/A</v>
      </c>
      <c r="AH100" s="85" t="e" cm="1">
        <f t="array" ref="AH100">IF(J100&gt;30,IF(K100&lt;=2,$AB$17,IF(AND(K100&gt;2,K100&lt;=4),TREND($AB$17:$AC$17,$AB$3:$AC$3,K100,TRUE),IF(AND(K100&gt;4,K100&lt;10),TREND($AC$17:$AD$17,$AC$3:$AD$3,K100,TRUE),IF(K100&gt;=10,$AD$17,1)))),IF(K100&lt;=2,$AE$17,IF(AND(K100&gt;2,K100&lt;=4),TREND($AE$17:$AF$17,$AE$3:$AF$3,K100,TRUE),IF(AND(K100&gt;4,K100&lt;10),TREND($AF$17:$AG$17,$AF$3:$AG$3,K100,TRUE),IF(K100&gt;=10,$AG$17,1)))))</f>
        <v>#N/A</v>
      </c>
      <c r="AI100" s="85" t="e" cm="1">
        <f t="array" ref="AI100">IF(J100&gt;30,IF(K100&lt;=2,$AB$18,IF(AND(K100&gt;2,K100&lt;=4),TREND($AB$18:$AC$18,$AB$3:$AC$3,K100,TRUE),IF(AND(K100&gt;4,K100&lt;10),TREND($AC$18:$AD$18,$AC$3:$AD$3,K100,TRUE),IF(K100&gt;=10,$AD$18,1)))),IF(K100&lt;=2,$AE$18,IF(AND(K100&gt;2,K100&lt;=4),TREND($AE$18:$AF$18,$AE$3:$AF$3,K100,TRUE),IF(AND(K100&gt;4,K100&lt;10),TREND($AF$18:$AG$18,$AF$3:$AG$3,K100,TRUE),IF(K100&gt;=10,$AG$18,1)))))</f>
        <v>#N/A</v>
      </c>
      <c r="AJ100" s="85" t="e" cm="1">
        <f t="array" ref="AJ100">IF(J100&gt;30,IF(K100&lt;=2,$AB$19,IF(AND(K100&gt;2,K100&lt;=4),TREND($AB$19:$AC$19,$AB$3:$AC$3,K100,TRUE),IF(AND(K100&gt;4,K100&lt;10),TREND($AC$19:$AD$19,$AC$3:$AD$3,K100,TRUE),IF(K100&gt;=10,$AD$19,1)))),IF(K100&lt;=2,$AE$19,IF(AND(K100&gt;2,K100&lt;=4),TREND($AE$19:$AF$19,$AE$3:$AF$3,K100,TRUE),IF(AND(K100&gt;4,K100&lt;10),TREND($AF$19:$AG$19,$AF$3:$AG$3,K100,TRUE),IF(K100&gt;=10,$AG$19,1)))))</f>
        <v>#N/A</v>
      </c>
      <c r="AK100" s="85" t="e" cm="1">
        <f t="array" ref="AK100">IF(J100&gt;30,IF(K100&lt;=2,$AB$20,IF(AND(K100&gt;2,K100&lt;=4),TREND($AB$20:$AC$20,$AB$3:$AC$3,K100,TRUE),IF(AND(K100&gt;4,K100&lt;10),TREND($AC$20:$AD$20,$AC$3:$AD$3,K100,TRUE),IF(K100&gt;=10,$AD$20,1)))),IF(K100&lt;=2,$AE$20,IF(AND(K100&gt;2,K100&lt;=4),TREND($AE$20:$AF$20,$AE$3:$AF$3,K100,TRUE),IF(AND(K100&gt;4,K100&lt;10),TREND($AF$20:$AG$20,$AF$3:$AG$3,K100,TRUE),IF(K100&gt;=10,$AG$20,1)))))</f>
        <v>#N/A</v>
      </c>
      <c r="AL100" s="85">
        <v>3</v>
      </c>
      <c r="AM100" s="92">
        <v>0</v>
      </c>
      <c r="AN100" s="92" t="e">
        <f t="shared" si="6"/>
        <v>#N/A</v>
      </c>
      <c r="AO100" s="92" t="e">
        <f t="shared" si="21"/>
        <v>#N/A</v>
      </c>
      <c r="AP100" s="92" t="e">
        <f t="shared" si="7"/>
        <v>#N/A</v>
      </c>
      <c r="AQ100" s="92" t="e">
        <f t="shared" si="8"/>
        <v>#N/A</v>
      </c>
      <c r="AR100" s="92" t="e">
        <f t="shared" si="9"/>
        <v>#N/A</v>
      </c>
      <c r="AS100" s="92" t="e">
        <f t="shared" si="10"/>
        <v>#N/A</v>
      </c>
      <c r="AT100" s="92" t="e">
        <f t="shared" si="11"/>
        <v>#N/A</v>
      </c>
      <c r="AU100" s="92" t="e">
        <f t="shared" si="12"/>
        <v>#N/A</v>
      </c>
      <c r="AV100" s="92" t="e">
        <f t="shared" si="13"/>
        <v>#N/A</v>
      </c>
      <c r="AW100" s="92" t="e">
        <f t="shared" si="14"/>
        <v>#N/A</v>
      </c>
      <c r="AX100" s="92" t="e">
        <f t="shared" si="15"/>
        <v>#N/A</v>
      </c>
      <c r="AY100" s="92">
        <f t="shared" si="16"/>
        <v>6000</v>
      </c>
      <c r="AZ100" s="93">
        <v>18</v>
      </c>
      <c r="BA100" s="93" t="e">
        <f t="shared" si="36"/>
        <v>#N/A</v>
      </c>
      <c r="BB100" s="93" t="e">
        <f t="shared" si="22"/>
        <v>#N/A</v>
      </c>
      <c r="BC100" s="93" t="e">
        <f t="shared" si="23"/>
        <v>#N/A</v>
      </c>
      <c r="BD100" s="93" t="e">
        <f t="shared" si="24"/>
        <v>#N/A</v>
      </c>
      <c r="BE100" s="93" t="e">
        <f t="shared" si="25"/>
        <v>#N/A</v>
      </c>
      <c r="BF100" s="93" t="e">
        <f t="shared" si="26"/>
        <v>#N/A</v>
      </c>
      <c r="BG100" s="93" t="e">
        <f t="shared" si="27"/>
        <v>#N/A</v>
      </c>
      <c r="BH100" s="93" t="e">
        <f t="shared" si="28"/>
        <v>#N/A</v>
      </c>
      <c r="BI100" s="93" t="e">
        <f t="shared" si="29"/>
        <v>#N/A</v>
      </c>
      <c r="BJ100" s="93" t="e">
        <f t="shared" si="30"/>
        <v>#N/A</v>
      </c>
      <c r="BK100" s="93" t="e">
        <f t="shared" si="31"/>
        <v>#N/A</v>
      </c>
      <c r="BL100" s="93" t="e">
        <f t="shared" si="31"/>
        <v>#N/A</v>
      </c>
    </row>
    <row r="101" spans="2:64" x14ac:dyDescent="0.2">
      <c r="B101" s="79"/>
      <c r="C101" s="73"/>
      <c r="D101" s="64"/>
      <c r="E101" s="55"/>
      <c r="F101" s="76"/>
      <c r="G101" s="76"/>
      <c r="H101" s="76"/>
      <c r="I101" s="76"/>
      <c r="J101" s="226"/>
      <c r="K101" s="76"/>
      <c r="L101" s="55"/>
      <c r="M101" s="234"/>
      <c r="N101" s="65"/>
      <c r="O101" s="76"/>
      <c r="P101" s="76"/>
      <c r="Q101" s="65"/>
      <c r="R101" s="76"/>
      <c r="S101" s="76"/>
      <c r="T101" s="76"/>
      <c r="U101" s="76"/>
      <c r="V101" s="76"/>
      <c r="W101" s="76"/>
      <c r="X101" s="76"/>
      <c r="Y101" s="76"/>
      <c r="Z101" s="76"/>
      <c r="AA101" s="85"/>
      <c r="AB101" s="85"/>
      <c r="AC101" s="85"/>
      <c r="AD101" s="85"/>
      <c r="AE101" s="85"/>
      <c r="AF101" s="85"/>
      <c r="AG101" s="86"/>
      <c r="AH101" s="85"/>
      <c r="AI101" s="85"/>
      <c r="AJ101" s="85"/>
      <c r="AK101" s="85"/>
      <c r="AL101" s="85"/>
      <c r="AM101" s="92"/>
      <c r="AN101" s="92"/>
      <c r="AO101" s="92"/>
      <c r="AP101" s="92"/>
      <c r="AQ101" s="92"/>
      <c r="AR101" s="92"/>
      <c r="AS101" s="92"/>
      <c r="AT101" s="92"/>
      <c r="AU101" s="92"/>
      <c r="AV101" s="92"/>
      <c r="AW101" s="92"/>
      <c r="AX101" s="92"/>
      <c r="AY101" s="92"/>
      <c r="AZ101" s="93"/>
      <c r="BA101" s="93"/>
      <c r="BB101" s="93"/>
      <c r="BC101" s="93"/>
      <c r="BD101" s="93"/>
      <c r="BE101" s="93"/>
      <c r="BF101" s="93"/>
      <c r="BG101" s="93"/>
      <c r="BH101" s="93"/>
      <c r="BI101" s="93"/>
      <c r="BJ101" s="93"/>
      <c r="BK101" s="93"/>
      <c r="BL101" s="93"/>
    </row>
    <row r="102" spans="2:64" x14ac:dyDescent="0.2">
      <c r="B102" s="79"/>
      <c r="C102" s="73"/>
      <c r="D102" s="64"/>
      <c r="E102" s="55"/>
      <c r="F102" s="76"/>
      <c r="G102" s="76"/>
      <c r="H102" s="76"/>
      <c r="I102" s="76"/>
      <c r="J102" s="226"/>
      <c r="K102" s="76"/>
      <c r="L102" s="55"/>
      <c r="M102" s="234"/>
      <c r="N102" s="65"/>
      <c r="O102" s="76"/>
      <c r="P102" s="76"/>
      <c r="Q102" s="65"/>
      <c r="R102" s="76"/>
      <c r="S102" s="76"/>
      <c r="T102" s="76"/>
      <c r="U102" s="76"/>
      <c r="V102" s="76"/>
      <c r="W102" s="76"/>
      <c r="X102" s="76"/>
      <c r="Y102" s="76"/>
      <c r="Z102" s="76"/>
      <c r="AA102" s="85"/>
      <c r="AB102" s="85"/>
      <c r="AC102" s="85"/>
      <c r="AD102" s="85"/>
      <c r="AE102" s="85"/>
      <c r="AF102" s="85"/>
      <c r="AG102" s="86"/>
      <c r="AH102" s="85"/>
      <c r="AI102" s="85"/>
      <c r="AJ102" s="85"/>
      <c r="AK102" s="85"/>
      <c r="AL102" s="85"/>
      <c r="AM102" s="92"/>
      <c r="AN102" s="92"/>
      <c r="AO102" s="92"/>
      <c r="AP102" s="92"/>
      <c r="AQ102" s="92"/>
      <c r="AR102" s="92"/>
      <c r="AS102" s="92"/>
      <c r="AT102" s="92"/>
      <c r="AU102" s="92"/>
      <c r="AV102" s="92"/>
      <c r="AW102" s="92"/>
      <c r="AX102" s="92"/>
      <c r="AY102" s="92"/>
      <c r="AZ102" s="93"/>
      <c r="BA102" s="93"/>
      <c r="BB102" s="93"/>
      <c r="BC102" s="93"/>
      <c r="BD102" s="93"/>
      <c r="BE102" s="93"/>
      <c r="BF102" s="93"/>
      <c r="BG102" s="93"/>
      <c r="BH102" s="93"/>
      <c r="BI102" s="93"/>
      <c r="BJ102" s="93"/>
      <c r="BK102" s="93"/>
      <c r="BL102" s="93"/>
    </row>
    <row r="103" spans="2:64" x14ac:dyDescent="0.2">
      <c r="B103" s="79"/>
      <c r="C103" s="73"/>
      <c r="D103" s="64"/>
      <c r="E103" s="55"/>
      <c r="F103" s="76"/>
      <c r="G103" s="76"/>
      <c r="H103" s="76"/>
      <c r="I103" s="76"/>
      <c r="J103" s="226"/>
      <c r="K103" s="76"/>
      <c r="L103" s="55"/>
      <c r="M103" s="234"/>
      <c r="N103" s="65"/>
      <c r="O103" s="76"/>
      <c r="P103" s="76"/>
      <c r="Q103" s="65"/>
      <c r="R103" s="76"/>
      <c r="S103" s="76"/>
      <c r="T103" s="76"/>
      <c r="U103" s="76"/>
      <c r="V103" s="76"/>
      <c r="W103" s="76"/>
      <c r="X103" s="76"/>
      <c r="Y103" s="76"/>
      <c r="Z103" s="76"/>
      <c r="AA103" s="85"/>
      <c r="AB103" s="85"/>
      <c r="AC103" s="85"/>
      <c r="AD103" s="85"/>
      <c r="AE103" s="85"/>
      <c r="AF103" s="85"/>
      <c r="AG103" s="86"/>
      <c r="AH103" s="85"/>
      <c r="AI103" s="85"/>
      <c r="AJ103" s="85"/>
      <c r="AK103" s="85"/>
      <c r="AL103" s="85"/>
      <c r="AM103" s="92"/>
      <c r="AN103" s="92"/>
      <c r="AO103" s="92"/>
      <c r="AP103" s="92"/>
      <c r="AQ103" s="92"/>
      <c r="AR103" s="92"/>
      <c r="AS103" s="92"/>
      <c r="AT103" s="92"/>
      <c r="AU103" s="92"/>
      <c r="AV103" s="92"/>
      <c r="AW103" s="92"/>
      <c r="AX103" s="92"/>
      <c r="AY103" s="92"/>
      <c r="AZ103" s="93"/>
      <c r="BA103" s="93"/>
      <c r="BB103" s="93"/>
      <c r="BC103" s="93"/>
      <c r="BD103" s="93"/>
      <c r="BE103" s="93"/>
      <c r="BF103" s="93"/>
      <c r="BG103" s="93"/>
      <c r="BH103" s="93"/>
      <c r="BI103" s="93"/>
      <c r="BJ103" s="93"/>
      <c r="BK103" s="93"/>
      <c r="BL103" s="93"/>
    </row>
    <row r="104" spans="2:64" x14ac:dyDescent="0.2">
      <c r="B104" s="79"/>
      <c r="C104" s="73"/>
      <c r="D104" s="64"/>
      <c r="E104" s="55"/>
      <c r="F104" s="76"/>
      <c r="G104" s="76"/>
      <c r="H104" s="76"/>
      <c r="I104" s="76"/>
      <c r="J104" s="226"/>
      <c r="K104" s="76"/>
      <c r="L104" s="55"/>
      <c r="M104" s="234"/>
      <c r="N104" s="65"/>
      <c r="O104" s="76"/>
      <c r="P104" s="76"/>
      <c r="Q104" s="65"/>
      <c r="R104" s="76"/>
      <c r="S104" s="76"/>
      <c r="T104" s="76"/>
      <c r="U104" s="76"/>
      <c r="V104" s="76"/>
      <c r="W104" s="76"/>
      <c r="X104" s="76"/>
      <c r="Y104" s="76"/>
      <c r="Z104" s="76"/>
      <c r="AA104" s="85"/>
      <c r="AB104" s="85"/>
      <c r="AC104" s="85"/>
      <c r="AD104" s="85"/>
      <c r="AE104" s="85"/>
      <c r="AF104" s="85"/>
      <c r="AG104" s="86"/>
      <c r="AH104" s="85"/>
      <c r="AI104" s="85"/>
      <c r="AJ104" s="85"/>
      <c r="AK104" s="85"/>
      <c r="AL104" s="85"/>
      <c r="AM104" s="92"/>
      <c r="AN104" s="92"/>
      <c r="AO104" s="92"/>
      <c r="AP104" s="92"/>
      <c r="AQ104" s="92"/>
      <c r="AR104" s="92"/>
      <c r="AS104" s="92"/>
      <c r="AT104" s="92"/>
      <c r="AU104" s="92"/>
      <c r="AV104" s="92"/>
      <c r="AW104" s="92"/>
      <c r="AX104" s="92"/>
      <c r="AY104" s="92"/>
      <c r="AZ104" s="93"/>
      <c r="BA104" s="93"/>
      <c r="BB104" s="93"/>
      <c r="BC104" s="93"/>
      <c r="BD104" s="93"/>
      <c r="BE104" s="93"/>
      <c r="BF104" s="93"/>
      <c r="BG104" s="93"/>
      <c r="BH104" s="93"/>
      <c r="BI104" s="93"/>
      <c r="BJ104" s="93"/>
      <c r="BK104" s="93"/>
      <c r="BL104" s="93"/>
    </row>
    <row r="105" spans="2:64" x14ac:dyDescent="0.2">
      <c r="B105" s="79"/>
      <c r="C105" s="73"/>
      <c r="D105" s="64"/>
      <c r="E105" s="55"/>
      <c r="F105" s="76"/>
      <c r="G105" s="76"/>
      <c r="H105" s="76"/>
      <c r="I105" s="76"/>
      <c r="J105" s="226"/>
      <c r="K105" s="76"/>
      <c r="L105" s="55"/>
      <c r="M105" s="234"/>
      <c r="N105" s="65"/>
      <c r="O105" s="76"/>
      <c r="P105" s="76"/>
      <c r="Q105" s="65"/>
      <c r="R105" s="76"/>
      <c r="S105" s="76"/>
      <c r="T105" s="76"/>
      <c r="U105" s="76"/>
      <c r="V105" s="76"/>
      <c r="W105" s="76"/>
      <c r="X105" s="76"/>
      <c r="Y105" s="76"/>
      <c r="Z105" s="76"/>
      <c r="AA105" s="85"/>
      <c r="AB105" s="85"/>
      <c r="AC105" s="85"/>
      <c r="AD105" s="85"/>
      <c r="AE105" s="85"/>
      <c r="AF105" s="85"/>
      <c r="AG105" s="86"/>
      <c r="AH105" s="85"/>
      <c r="AI105" s="85"/>
      <c r="AJ105" s="85"/>
      <c r="AK105" s="85"/>
      <c r="AL105" s="85"/>
      <c r="AM105" s="92"/>
      <c r="AN105" s="92"/>
      <c r="AO105" s="92"/>
      <c r="AP105" s="92"/>
      <c r="AQ105" s="92"/>
      <c r="AR105" s="92"/>
      <c r="AS105" s="92"/>
      <c r="AT105" s="92"/>
      <c r="AU105" s="92"/>
      <c r="AV105" s="92"/>
      <c r="AW105" s="92"/>
      <c r="AX105" s="92"/>
      <c r="AY105" s="92"/>
      <c r="AZ105" s="93"/>
      <c r="BA105" s="93"/>
      <c r="BB105" s="93"/>
      <c r="BC105" s="93"/>
      <c r="BD105" s="93"/>
      <c r="BE105" s="93"/>
      <c r="BF105" s="93"/>
      <c r="BG105" s="93"/>
      <c r="BH105" s="93"/>
      <c r="BI105" s="93"/>
      <c r="BJ105" s="93"/>
      <c r="BK105" s="93"/>
      <c r="BL105" s="93"/>
    </row>
    <row r="106" spans="2:64" x14ac:dyDescent="0.2">
      <c r="B106" s="79"/>
      <c r="C106" s="73"/>
      <c r="D106" s="64"/>
      <c r="E106" s="55"/>
      <c r="F106" s="76"/>
      <c r="G106" s="76"/>
      <c r="H106" s="76"/>
      <c r="I106" s="76"/>
      <c r="J106" s="226"/>
      <c r="K106" s="76"/>
      <c r="L106" s="55"/>
      <c r="M106" s="234"/>
      <c r="N106" s="65"/>
      <c r="O106" s="76"/>
      <c r="P106" s="76"/>
      <c r="Q106" s="65"/>
      <c r="R106" s="76"/>
      <c r="S106" s="76"/>
      <c r="T106" s="76"/>
      <c r="U106" s="76"/>
      <c r="V106" s="76"/>
      <c r="W106" s="76"/>
      <c r="X106" s="76"/>
      <c r="Y106" s="76"/>
      <c r="Z106" s="76"/>
      <c r="AA106" s="85"/>
      <c r="AB106" s="85"/>
      <c r="AC106" s="85"/>
      <c r="AD106" s="85"/>
      <c r="AE106" s="85"/>
      <c r="AF106" s="85"/>
      <c r="AG106" s="86"/>
      <c r="AH106" s="85"/>
      <c r="AI106" s="85"/>
      <c r="AJ106" s="85"/>
      <c r="AK106" s="85"/>
      <c r="AL106" s="85"/>
      <c r="AM106" s="92"/>
      <c r="AN106" s="92"/>
      <c r="AO106" s="92"/>
      <c r="AP106" s="92"/>
      <c r="AQ106" s="92"/>
      <c r="AR106" s="92"/>
      <c r="AS106" s="92"/>
      <c r="AT106" s="92"/>
      <c r="AU106" s="92"/>
      <c r="AV106" s="92"/>
      <c r="AW106" s="92"/>
      <c r="AX106" s="92"/>
      <c r="AY106" s="92"/>
      <c r="AZ106" s="93"/>
      <c r="BA106" s="93"/>
      <c r="BB106" s="93"/>
      <c r="BC106" s="93"/>
      <c r="BD106" s="93"/>
      <c r="BE106" s="93"/>
      <c r="BF106" s="93"/>
      <c r="BG106" s="93"/>
      <c r="BH106" s="93"/>
      <c r="BI106" s="93"/>
      <c r="BJ106" s="93"/>
      <c r="BK106" s="93"/>
      <c r="BL106" s="93"/>
    </row>
    <row r="107" spans="2:64" x14ac:dyDescent="0.2">
      <c r="B107" s="79"/>
      <c r="C107" s="73"/>
      <c r="D107" s="64"/>
      <c r="E107" s="55"/>
      <c r="F107" s="76"/>
      <c r="G107" s="76"/>
      <c r="H107" s="76"/>
      <c r="I107" s="76"/>
      <c r="J107" s="226"/>
      <c r="K107" s="76"/>
      <c r="L107" s="55"/>
      <c r="M107" s="234"/>
      <c r="N107" s="65"/>
      <c r="O107" s="76"/>
      <c r="P107" s="76"/>
      <c r="Q107" s="65"/>
      <c r="R107" s="76"/>
      <c r="S107" s="76"/>
      <c r="T107" s="76"/>
      <c r="U107" s="76"/>
      <c r="V107" s="76"/>
      <c r="W107" s="76"/>
      <c r="X107" s="76"/>
      <c r="Y107" s="76"/>
      <c r="Z107" s="76"/>
      <c r="AA107" s="85"/>
      <c r="AB107" s="85"/>
      <c r="AC107" s="85"/>
      <c r="AD107" s="85"/>
      <c r="AE107" s="85"/>
      <c r="AF107" s="85"/>
      <c r="AG107" s="86"/>
      <c r="AH107" s="85"/>
      <c r="AI107" s="85"/>
      <c r="AJ107" s="85"/>
      <c r="AK107" s="85"/>
      <c r="AL107" s="85"/>
      <c r="AM107" s="92"/>
      <c r="AN107" s="92"/>
      <c r="AO107" s="92"/>
      <c r="AP107" s="92"/>
      <c r="AQ107" s="92"/>
      <c r="AR107" s="92"/>
      <c r="AS107" s="92"/>
      <c r="AT107" s="92"/>
      <c r="AU107" s="92"/>
      <c r="AV107" s="92"/>
      <c r="AW107" s="92"/>
      <c r="AX107" s="92"/>
      <c r="AY107" s="92"/>
      <c r="AZ107" s="93"/>
      <c r="BA107" s="93"/>
      <c r="BB107" s="93"/>
      <c r="BC107" s="93"/>
      <c r="BD107" s="93"/>
      <c r="BE107" s="93"/>
      <c r="BF107" s="93"/>
      <c r="BG107" s="93"/>
      <c r="BH107" s="93"/>
      <c r="BI107" s="93"/>
      <c r="BJ107" s="93"/>
      <c r="BK107" s="93"/>
      <c r="BL107" s="93"/>
    </row>
    <row r="108" spans="2:64" x14ac:dyDescent="0.2">
      <c r="B108" s="79"/>
      <c r="C108" s="73"/>
      <c r="D108" s="64"/>
      <c r="E108" s="55"/>
      <c r="F108" s="76"/>
      <c r="G108" s="76"/>
      <c r="H108" s="76"/>
      <c r="I108" s="76"/>
      <c r="J108" s="226"/>
      <c r="K108" s="76"/>
      <c r="L108" s="55"/>
      <c r="M108" s="234"/>
      <c r="N108" s="65"/>
      <c r="O108" s="76"/>
      <c r="P108" s="76"/>
      <c r="Q108" s="65"/>
      <c r="R108" s="76"/>
      <c r="S108" s="76"/>
      <c r="T108" s="76"/>
      <c r="U108" s="76"/>
      <c r="V108" s="76"/>
      <c r="W108" s="76"/>
      <c r="X108" s="76"/>
      <c r="Y108" s="76"/>
      <c r="Z108" s="76"/>
      <c r="AA108" s="85"/>
      <c r="AB108" s="85"/>
      <c r="AC108" s="85"/>
      <c r="AD108" s="85"/>
      <c r="AE108" s="85"/>
      <c r="AF108" s="85"/>
      <c r="AG108" s="86"/>
      <c r="AH108" s="85"/>
      <c r="AI108" s="85"/>
      <c r="AJ108" s="85"/>
      <c r="AK108" s="85"/>
      <c r="AL108" s="85"/>
      <c r="AM108" s="92"/>
      <c r="AN108" s="92"/>
      <c r="AO108" s="92"/>
      <c r="AP108" s="92"/>
      <c r="AQ108" s="92"/>
      <c r="AR108" s="92"/>
      <c r="AS108" s="92"/>
      <c r="AT108" s="92"/>
      <c r="AU108" s="92"/>
      <c r="AV108" s="92"/>
      <c r="AW108" s="92"/>
      <c r="AX108" s="92"/>
      <c r="AY108" s="92"/>
      <c r="AZ108" s="93"/>
      <c r="BA108" s="93"/>
      <c r="BB108" s="93"/>
      <c r="BC108" s="93"/>
      <c r="BD108" s="93"/>
      <c r="BE108" s="93"/>
      <c r="BF108" s="93"/>
      <c r="BG108" s="93"/>
      <c r="BH108" s="93"/>
      <c r="BI108" s="93"/>
      <c r="BJ108" s="93"/>
      <c r="BK108" s="93"/>
      <c r="BL108" s="93"/>
    </row>
    <row r="109" spans="2:64" x14ac:dyDescent="0.2">
      <c r="B109" s="79"/>
      <c r="C109" s="73"/>
      <c r="D109" s="64"/>
      <c r="E109" s="55"/>
      <c r="F109" s="76"/>
      <c r="G109" s="76"/>
      <c r="H109" s="76"/>
      <c r="I109" s="76"/>
      <c r="J109" s="226"/>
      <c r="K109" s="76"/>
      <c r="L109" s="55"/>
      <c r="M109" s="234"/>
      <c r="N109" s="65"/>
      <c r="O109" s="76"/>
      <c r="P109" s="76"/>
      <c r="Q109" s="65"/>
      <c r="R109" s="76"/>
      <c r="S109" s="76"/>
      <c r="T109" s="76"/>
      <c r="U109" s="76"/>
      <c r="V109" s="76"/>
      <c r="W109" s="76"/>
      <c r="X109" s="76"/>
      <c r="Y109" s="76"/>
      <c r="Z109" s="76"/>
      <c r="AA109" s="85"/>
      <c r="AB109" s="85"/>
      <c r="AC109" s="85"/>
      <c r="AD109" s="85"/>
      <c r="AE109" s="85"/>
      <c r="AF109" s="85"/>
      <c r="AG109" s="86"/>
      <c r="AH109" s="85"/>
      <c r="AI109" s="85"/>
      <c r="AJ109" s="85"/>
      <c r="AK109" s="85"/>
      <c r="AL109" s="85"/>
      <c r="AM109" s="92"/>
      <c r="AN109" s="92"/>
      <c r="AO109" s="92"/>
      <c r="AP109" s="92"/>
      <c r="AQ109" s="92"/>
      <c r="AR109" s="92"/>
      <c r="AS109" s="92"/>
      <c r="AT109" s="92"/>
      <c r="AU109" s="92"/>
      <c r="AV109" s="92"/>
      <c r="AW109" s="92"/>
      <c r="AX109" s="92"/>
      <c r="AY109" s="92"/>
      <c r="AZ109" s="93"/>
      <c r="BA109" s="93"/>
      <c r="BB109" s="93"/>
      <c r="BC109" s="93"/>
      <c r="BD109" s="93"/>
      <c r="BE109" s="93"/>
      <c r="BF109" s="93"/>
      <c r="BG109" s="93"/>
      <c r="BH109" s="93"/>
      <c r="BI109" s="93"/>
      <c r="BJ109" s="93"/>
      <c r="BK109" s="93"/>
      <c r="BL109" s="93"/>
    </row>
    <row r="110" spans="2:64" x14ac:dyDescent="0.2">
      <c r="B110" s="79"/>
      <c r="C110" s="73"/>
      <c r="D110" s="64"/>
      <c r="E110" s="55"/>
      <c r="F110" s="76"/>
      <c r="G110" s="76"/>
      <c r="H110" s="76"/>
      <c r="I110" s="76"/>
      <c r="J110" s="226"/>
      <c r="K110" s="76"/>
      <c r="L110" s="55"/>
      <c r="M110" s="234"/>
      <c r="N110" s="65"/>
      <c r="O110" s="76"/>
      <c r="P110" s="76"/>
      <c r="Q110" s="65"/>
      <c r="R110" s="76"/>
      <c r="S110" s="76"/>
      <c r="T110" s="76"/>
      <c r="U110" s="76"/>
      <c r="V110" s="76"/>
      <c r="W110" s="76"/>
      <c r="X110" s="76"/>
      <c r="Y110" s="76"/>
      <c r="Z110" s="76"/>
      <c r="AA110" s="85"/>
      <c r="AB110" s="85"/>
      <c r="AC110" s="85"/>
      <c r="AD110" s="85"/>
      <c r="AE110" s="85"/>
      <c r="AF110" s="85"/>
      <c r="AG110" s="86"/>
      <c r="AH110" s="85"/>
      <c r="AI110" s="85"/>
      <c r="AJ110" s="85"/>
      <c r="AK110" s="85"/>
      <c r="AL110" s="85"/>
      <c r="AM110" s="92"/>
      <c r="AN110" s="92"/>
      <c r="AO110" s="92"/>
      <c r="AP110" s="92"/>
      <c r="AQ110" s="92"/>
      <c r="AR110" s="92"/>
      <c r="AS110" s="92"/>
      <c r="AT110" s="92"/>
      <c r="AU110" s="92"/>
      <c r="AV110" s="92"/>
      <c r="AW110" s="92"/>
      <c r="AX110" s="92"/>
      <c r="AY110" s="92"/>
      <c r="AZ110" s="93"/>
      <c r="BA110" s="93"/>
      <c r="BB110" s="93"/>
      <c r="BC110" s="93"/>
      <c r="BD110" s="93"/>
      <c r="BE110" s="93"/>
      <c r="BF110" s="93"/>
      <c r="BG110" s="93"/>
      <c r="BH110" s="93"/>
      <c r="BI110" s="93"/>
      <c r="BJ110" s="93"/>
      <c r="BK110" s="93"/>
      <c r="BL110" s="93"/>
    </row>
    <row r="111" spans="2:64" x14ac:dyDescent="0.2">
      <c r="B111" s="79"/>
      <c r="C111" s="73"/>
      <c r="D111" s="64"/>
      <c r="E111" s="55"/>
      <c r="F111" s="76"/>
      <c r="G111" s="76"/>
      <c r="H111" s="76"/>
      <c r="I111" s="76"/>
      <c r="J111" s="226"/>
      <c r="K111" s="76"/>
      <c r="L111" s="55"/>
      <c r="M111" s="234"/>
      <c r="N111" s="65"/>
      <c r="O111" s="76"/>
      <c r="P111" s="76"/>
      <c r="Q111" s="65"/>
      <c r="R111" s="76"/>
      <c r="S111" s="76"/>
      <c r="T111" s="76"/>
      <c r="U111" s="76"/>
      <c r="V111" s="76"/>
      <c r="W111" s="76"/>
      <c r="X111" s="76"/>
      <c r="Y111" s="76"/>
      <c r="Z111" s="76"/>
      <c r="AA111" s="85"/>
      <c r="AB111" s="85"/>
      <c r="AC111" s="85"/>
      <c r="AD111" s="85"/>
      <c r="AE111" s="85"/>
      <c r="AF111" s="85"/>
      <c r="AG111" s="86"/>
      <c r="AH111" s="85"/>
      <c r="AI111" s="85"/>
      <c r="AJ111" s="85"/>
      <c r="AK111" s="85"/>
      <c r="AL111" s="85"/>
      <c r="AM111" s="92"/>
      <c r="AN111" s="92"/>
      <c r="AO111" s="92"/>
      <c r="AP111" s="92"/>
      <c r="AQ111" s="92"/>
      <c r="AR111" s="92"/>
      <c r="AS111" s="92"/>
      <c r="AT111" s="92"/>
      <c r="AU111" s="92"/>
      <c r="AV111" s="92"/>
      <c r="AW111" s="92"/>
      <c r="AX111" s="92"/>
      <c r="AY111" s="92"/>
      <c r="AZ111" s="93"/>
      <c r="BA111" s="93"/>
      <c r="BB111" s="93"/>
      <c r="BC111" s="93"/>
      <c r="BD111" s="93"/>
      <c r="BE111" s="93"/>
      <c r="BF111" s="93"/>
      <c r="BG111" s="93"/>
      <c r="BH111" s="93"/>
      <c r="BI111" s="93"/>
      <c r="BJ111" s="93"/>
      <c r="BK111" s="93"/>
      <c r="BL111" s="93"/>
    </row>
    <row r="112" spans="2:64" x14ac:dyDescent="0.2">
      <c r="B112" s="79"/>
      <c r="C112" s="73"/>
      <c r="D112" s="64"/>
      <c r="E112" s="55"/>
      <c r="F112" s="76"/>
      <c r="G112" s="76"/>
      <c r="H112" s="76"/>
      <c r="I112" s="76"/>
      <c r="J112" s="226"/>
      <c r="K112" s="76"/>
      <c r="L112" s="55"/>
      <c r="M112" s="234"/>
      <c r="N112" s="65"/>
      <c r="O112" s="76"/>
      <c r="P112" s="76"/>
      <c r="Q112" s="65"/>
      <c r="R112" s="76"/>
      <c r="S112" s="76"/>
      <c r="T112" s="76"/>
      <c r="U112" s="76"/>
      <c r="V112" s="76"/>
      <c r="W112" s="76"/>
      <c r="X112" s="76"/>
      <c r="Y112" s="76"/>
      <c r="Z112" s="76"/>
      <c r="AA112" s="85"/>
      <c r="AB112" s="85"/>
      <c r="AC112" s="85"/>
      <c r="AD112" s="85"/>
      <c r="AE112" s="85"/>
      <c r="AF112" s="85"/>
      <c r="AG112" s="86"/>
      <c r="AH112" s="85"/>
      <c r="AI112" s="85"/>
      <c r="AJ112" s="85"/>
      <c r="AK112" s="85"/>
      <c r="AL112" s="85"/>
      <c r="AM112" s="92"/>
      <c r="AN112" s="92"/>
      <c r="AO112" s="92"/>
      <c r="AP112" s="92"/>
      <c r="AQ112" s="92"/>
      <c r="AR112" s="92"/>
      <c r="AS112" s="92"/>
      <c r="AT112" s="92"/>
      <c r="AU112" s="92"/>
      <c r="AV112" s="92"/>
      <c r="AW112" s="92"/>
      <c r="AX112" s="92"/>
      <c r="AY112" s="92"/>
      <c r="AZ112" s="93"/>
      <c r="BA112" s="93"/>
      <c r="BB112" s="93"/>
      <c r="BC112" s="93"/>
      <c r="BD112" s="93"/>
      <c r="BE112" s="93"/>
      <c r="BF112" s="93"/>
      <c r="BG112" s="93"/>
      <c r="BH112" s="93"/>
      <c r="BI112" s="93"/>
      <c r="BJ112" s="93"/>
      <c r="BK112" s="93"/>
      <c r="BL112" s="93"/>
    </row>
    <row r="113" spans="2:64" x14ac:dyDescent="0.2">
      <c r="B113" s="79"/>
      <c r="C113" s="73"/>
      <c r="D113" s="64"/>
      <c r="E113" s="55"/>
      <c r="F113" s="74"/>
      <c r="G113" s="74"/>
      <c r="H113" s="76"/>
      <c r="I113" s="76"/>
      <c r="J113" s="80"/>
      <c r="K113" s="81"/>
      <c r="L113" s="55"/>
      <c r="M113" s="234"/>
      <c r="N113" s="65"/>
      <c r="O113" s="76"/>
      <c r="P113" s="76"/>
      <c r="Q113" s="65"/>
      <c r="R113" s="76"/>
      <c r="S113" s="76"/>
      <c r="T113" s="76"/>
      <c r="U113" s="76"/>
      <c r="V113" s="76"/>
      <c r="W113" s="76"/>
      <c r="X113" s="76"/>
      <c r="Y113" s="76"/>
      <c r="Z113" s="76"/>
      <c r="AA113" s="85"/>
      <c r="AB113" s="85"/>
      <c r="AC113" s="85"/>
      <c r="AD113" s="85"/>
      <c r="AE113" s="85"/>
      <c r="AF113" s="85"/>
      <c r="AG113" s="86"/>
      <c r="AH113" s="85"/>
      <c r="AI113" s="85"/>
      <c r="AJ113" s="85"/>
      <c r="AK113" s="85"/>
      <c r="AL113" s="85"/>
      <c r="AM113" s="92"/>
      <c r="AN113" s="92"/>
      <c r="AO113" s="92"/>
      <c r="AP113" s="92"/>
      <c r="AQ113" s="92"/>
      <c r="AR113" s="92"/>
      <c r="AS113" s="92"/>
      <c r="AT113" s="92"/>
      <c r="AU113" s="92"/>
      <c r="AV113" s="92"/>
      <c r="AW113" s="92"/>
      <c r="AX113" s="92"/>
      <c r="AY113" s="92"/>
      <c r="AZ113" s="93"/>
      <c r="BA113" s="93"/>
      <c r="BB113" s="93"/>
      <c r="BC113" s="93"/>
      <c r="BD113" s="93"/>
      <c r="BE113" s="93"/>
      <c r="BF113" s="93"/>
      <c r="BG113" s="93"/>
      <c r="BH113" s="93"/>
      <c r="BI113" s="93"/>
      <c r="BJ113" s="93"/>
      <c r="BK113" s="93"/>
      <c r="BL113" s="93"/>
    </row>
    <row r="114" spans="2:64" x14ac:dyDescent="0.2">
      <c r="B114" s="79"/>
      <c r="C114" s="73"/>
      <c r="D114" s="64"/>
      <c r="E114" s="55"/>
      <c r="F114" s="74"/>
      <c r="G114" s="74"/>
      <c r="H114" s="76"/>
      <c r="I114" s="76"/>
      <c r="J114" s="80"/>
      <c r="K114" s="81"/>
      <c r="L114" s="55"/>
      <c r="M114" s="234"/>
      <c r="N114" s="65"/>
      <c r="O114" s="76"/>
      <c r="P114" s="76"/>
      <c r="Q114" s="65"/>
      <c r="R114" s="76"/>
      <c r="S114" s="76"/>
      <c r="T114" s="76"/>
      <c r="U114" s="76"/>
      <c r="V114" s="76"/>
      <c r="W114" s="76"/>
      <c r="X114" s="76"/>
      <c r="Y114" s="76"/>
      <c r="Z114" s="76"/>
      <c r="AA114" s="85"/>
      <c r="AB114" s="85"/>
      <c r="AC114" s="85"/>
      <c r="AD114" s="85"/>
      <c r="AE114" s="85"/>
      <c r="AF114" s="85"/>
      <c r="AG114" s="86"/>
      <c r="AH114" s="85"/>
      <c r="AI114" s="85"/>
      <c r="AJ114" s="85"/>
      <c r="AK114" s="85"/>
      <c r="AL114" s="85"/>
      <c r="AM114" s="92"/>
      <c r="AN114" s="92"/>
      <c r="AO114" s="92"/>
      <c r="AP114" s="92"/>
      <c r="AQ114" s="92"/>
      <c r="AR114" s="92"/>
      <c r="AS114" s="92"/>
      <c r="AT114" s="92"/>
      <c r="AU114" s="92"/>
      <c r="AV114" s="92"/>
      <c r="AW114" s="92"/>
      <c r="AX114" s="92"/>
      <c r="AY114" s="92"/>
      <c r="AZ114" s="93"/>
      <c r="BA114" s="93"/>
      <c r="BB114" s="93"/>
      <c r="BC114" s="93"/>
      <c r="BD114" s="93"/>
      <c r="BE114" s="93"/>
      <c r="BF114" s="93"/>
      <c r="BG114" s="93"/>
      <c r="BH114" s="93"/>
      <c r="BI114" s="93"/>
      <c r="BJ114" s="93"/>
      <c r="BK114" s="93"/>
      <c r="BL114" s="93"/>
    </row>
    <row r="115" spans="2:64" x14ac:dyDescent="0.2">
      <c r="B115" s="79"/>
      <c r="C115" s="73"/>
      <c r="D115" s="64"/>
      <c r="E115" s="55"/>
      <c r="F115" s="74"/>
      <c r="G115" s="74"/>
      <c r="H115" s="76"/>
      <c r="I115" s="76"/>
      <c r="J115" s="80"/>
      <c r="K115" s="81"/>
      <c r="L115" s="55"/>
      <c r="M115" s="234"/>
      <c r="N115" s="65"/>
      <c r="O115" s="76"/>
      <c r="P115" s="76"/>
      <c r="Q115" s="65"/>
      <c r="R115" s="76"/>
      <c r="S115" s="76"/>
      <c r="T115" s="76"/>
      <c r="U115" s="76"/>
      <c r="V115" s="76"/>
      <c r="W115" s="76"/>
      <c r="X115" s="76"/>
      <c r="Y115" s="76"/>
      <c r="Z115" s="76"/>
      <c r="AA115" s="85"/>
      <c r="AB115" s="85"/>
      <c r="AC115" s="85"/>
      <c r="AD115" s="85"/>
      <c r="AE115" s="85"/>
      <c r="AF115" s="85"/>
      <c r="AG115" s="86"/>
      <c r="AH115" s="85"/>
      <c r="AI115" s="85"/>
      <c r="AJ115" s="85"/>
      <c r="AK115" s="85"/>
      <c r="AL115" s="85"/>
      <c r="AM115" s="92"/>
      <c r="AN115" s="92"/>
      <c r="AO115" s="92"/>
      <c r="AP115" s="92"/>
      <c r="AQ115" s="92"/>
      <c r="AR115" s="92"/>
      <c r="AS115" s="92"/>
      <c r="AT115" s="92"/>
      <c r="AU115" s="92"/>
      <c r="AV115" s="92"/>
      <c r="AW115" s="92"/>
      <c r="AX115" s="92"/>
      <c r="AY115" s="92"/>
      <c r="AZ115" s="93"/>
      <c r="BA115" s="93"/>
      <c r="BB115" s="93"/>
      <c r="BC115" s="93"/>
      <c r="BD115" s="93"/>
      <c r="BE115" s="93"/>
      <c r="BF115" s="93"/>
      <c r="BG115" s="93"/>
      <c r="BH115" s="93"/>
      <c r="BI115" s="93"/>
      <c r="BJ115" s="93"/>
      <c r="BK115" s="93"/>
      <c r="BL115" s="93"/>
    </row>
    <row r="116" spans="2:64" x14ac:dyDescent="0.2">
      <c r="B116" s="79"/>
      <c r="C116" s="73"/>
      <c r="D116" s="64"/>
      <c r="E116" s="55"/>
      <c r="F116" s="74"/>
      <c r="G116" s="74"/>
      <c r="H116" s="76"/>
      <c r="I116" s="76"/>
      <c r="J116" s="80"/>
      <c r="K116" s="81"/>
      <c r="L116" s="55"/>
      <c r="M116" s="234"/>
      <c r="N116" s="65"/>
      <c r="O116" s="76"/>
      <c r="P116" s="76"/>
      <c r="Q116" s="65"/>
      <c r="R116" s="76"/>
      <c r="S116" s="76"/>
      <c r="T116" s="76"/>
      <c r="U116" s="76"/>
      <c r="V116" s="76"/>
      <c r="W116" s="76"/>
      <c r="X116" s="76"/>
      <c r="Y116" s="76"/>
      <c r="Z116" s="76"/>
      <c r="AA116" s="85"/>
      <c r="AB116" s="85"/>
      <c r="AC116" s="85"/>
      <c r="AD116" s="85"/>
      <c r="AE116" s="85"/>
      <c r="AF116" s="85"/>
      <c r="AG116" s="86"/>
      <c r="AH116" s="85"/>
      <c r="AI116" s="85"/>
      <c r="AJ116" s="85"/>
      <c r="AK116" s="85"/>
      <c r="AL116" s="85"/>
      <c r="AM116" s="92"/>
      <c r="AN116" s="92"/>
      <c r="AO116" s="92"/>
      <c r="AP116" s="92"/>
      <c r="AQ116" s="92"/>
      <c r="AR116" s="92"/>
      <c r="AS116" s="92"/>
      <c r="AT116" s="92"/>
      <c r="AU116" s="92"/>
      <c r="AV116" s="92"/>
      <c r="AW116" s="92"/>
      <c r="AX116" s="92"/>
      <c r="AY116" s="92"/>
      <c r="AZ116" s="93"/>
      <c r="BA116" s="93"/>
      <c r="BB116" s="93"/>
      <c r="BC116" s="93"/>
      <c r="BD116" s="93"/>
      <c r="BE116" s="93"/>
      <c r="BF116" s="93"/>
      <c r="BG116" s="93"/>
      <c r="BH116" s="93"/>
      <c r="BI116" s="93"/>
      <c r="BJ116" s="93"/>
      <c r="BK116" s="93"/>
      <c r="BL116" s="93"/>
    </row>
    <row r="117" spans="2:64" x14ac:dyDescent="0.2">
      <c r="B117" s="79"/>
      <c r="C117" s="73"/>
      <c r="D117" s="64"/>
      <c r="E117" s="55"/>
      <c r="F117" s="74"/>
      <c r="G117" s="74"/>
      <c r="H117" s="76"/>
      <c r="I117" s="76"/>
      <c r="J117" s="80"/>
      <c r="K117" s="81"/>
      <c r="L117" s="55"/>
      <c r="M117" s="234"/>
      <c r="N117" s="65"/>
      <c r="O117" s="76"/>
      <c r="P117" s="76"/>
      <c r="Q117" s="65"/>
      <c r="R117" s="76"/>
      <c r="S117" s="76"/>
      <c r="T117" s="76"/>
      <c r="U117" s="76"/>
      <c r="V117" s="76"/>
      <c r="W117" s="76"/>
      <c r="X117" s="76"/>
      <c r="Y117" s="76"/>
      <c r="Z117" s="76"/>
      <c r="AA117" s="85"/>
      <c r="AB117" s="85"/>
      <c r="AC117" s="85"/>
      <c r="AD117" s="85"/>
      <c r="AE117" s="85"/>
      <c r="AF117" s="85"/>
      <c r="AG117" s="86"/>
      <c r="AH117" s="85"/>
      <c r="AI117" s="85"/>
      <c r="AJ117" s="85"/>
      <c r="AK117" s="85"/>
      <c r="AL117" s="85"/>
      <c r="AM117" s="92"/>
      <c r="AN117" s="92"/>
      <c r="AO117" s="92"/>
      <c r="AP117" s="92"/>
      <c r="AQ117" s="92"/>
      <c r="AR117" s="92"/>
      <c r="AS117" s="92"/>
      <c r="AT117" s="92"/>
      <c r="AU117" s="92"/>
      <c r="AV117" s="92"/>
      <c r="AW117" s="92"/>
      <c r="AX117" s="92"/>
      <c r="AY117" s="92"/>
      <c r="AZ117" s="93"/>
      <c r="BA117" s="93"/>
      <c r="BB117" s="93"/>
      <c r="BC117" s="93"/>
      <c r="BD117" s="93"/>
      <c r="BE117" s="93"/>
      <c r="BF117" s="93"/>
      <c r="BG117" s="93"/>
      <c r="BH117" s="93"/>
      <c r="BI117" s="93"/>
      <c r="BJ117" s="93"/>
      <c r="BK117" s="93"/>
      <c r="BL117" s="93"/>
    </row>
    <row r="118" spans="2:64" x14ac:dyDescent="0.2">
      <c r="B118" s="79"/>
      <c r="C118" s="73"/>
      <c r="D118" s="64"/>
      <c r="E118" s="55"/>
      <c r="F118" s="74"/>
      <c r="G118" s="74"/>
      <c r="H118" s="76"/>
      <c r="I118" s="76"/>
      <c r="J118" s="80"/>
      <c r="K118" s="81"/>
      <c r="L118" s="55"/>
      <c r="M118" s="234"/>
      <c r="N118" s="65"/>
      <c r="O118" s="76"/>
      <c r="P118" s="76"/>
      <c r="Q118" s="65"/>
      <c r="R118" s="76"/>
      <c r="S118" s="76"/>
      <c r="T118" s="76"/>
      <c r="U118" s="76"/>
      <c r="V118" s="76"/>
      <c r="W118" s="76"/>
      <c r="X118" s="76"/>
      <c r="Y118" s="76"/>
      <c r="Z118" s="76"/>
      <c r="AA118" s="85"/>
      <c r="AB118" s="85"/>
      <c r="AC118" s="85"/>
      <c r="AD118" s="85"/>
      <c r="AE118" s="85"/>
      <c r="AF118" s="85"/>
      <c r="AG118" s="86"/>
      <c r="AH118" s="85"/>
      <c r="AI118" s="85"/>
      <c r="AJ118" s="85"/>
      <c r="AK118" s="85"/>
      <c r="AL118" s="85"/>
      <c r="AM118" s="92"/>
      <c r="AN118" s="92"/>
      <c r="AO118" s="92"/>
      <c r="AP118" s="92"/>
      <c r="AQ118" s="92"/>
      <c r="AR118" s="92"/>
      <c r="AS118" s="92"/>
      <c r="AT118" s="92"/>
      <c r="AU118" s="92"/>
      <c r="AV118" s="92"/>
      <c r="AW118" s="92"/>
      <c r="AX118" s="92"/>
      <c r="AY118" s="92"/>
      <c r="AZ118" s="93"/>
      <c r="BA118" s="93"/>
      <c r="BB118" s="93"/>
      <c r="BC118" s="93"/>
      <c r="BD118" s="93"/>
      <c r="BE118" s="93"/>
      <c r="BF118" s="93"/>
      <c r="BG118" s="93"/>
      <c r="BH118" s="93"/>
      <c r="BI118" s="93"/>
      <c r="BJ118" s="93"/>
      <c r="BK118" s="93"/>
      <c r="BL118" s="93"/>
    </row>
    <row r="119" spans="2:64" x14ac:dyDescent="0.2">
      <c r="B119" s="79"/>
      <c r="C119" s="73"/>
      <c r="D119" s="64"/>
      <c r="E119" s="55"/>
      <c r="F119" s="74"/>
      <c r="G119" s="74"/>
      <c r="H119" s="76"/>
      <c r="I119" s="76"/>
      <c r="J119" s="80"/>
      <c r="K119" s="81"/>
      <c r="L119" s="55"/>
      <c r="M119" s="234"/>
      <c r="N119" s="65"/>
      <c r="O119" s="76"/>
      <c r="P119" s="76"/>
      <c r="Q119" s="65"/>
      <c r="R119" s="76"/>
      <c r="S119" s="76"/>
      <c r="T119" s="76"/>
      <c r="U119" s="76"/>
      <c r="V119" s="76"/>
      <c r="W119" s="76"/>
      <c r="X119" s="76"/>
      <c r="Y119" s="76"/>
      <c r="Z119" s="76"/>
      <c r="AA119" s="85"/>
      <c r="AB119" s="85"/>
      <c r="AC119" s="85"/>
      <c r="AD119" s="85"/>
      <c r="AE119" s="85"/>
      <c r="AF119" s="85"/>
      <c r="AG119" s="86"/>
      <c r="AH119" s="85"/>
      <c r="AI119" s="85"/>
      <c r="AJ119" s="85"/>
      <c r="AK119" s="85"/>
      <c r="AL119" s="85"/>
      <c r="AM119" s="92"/>
      <c r="AN119" s="92"/>
      <c r="AO119" s="92"/>
      <c r="AP119" s="92"/>
      <c r="AQ119" s="92"/>
      <c r="AR119" s="92"/>
      <c r="AS119" s="92"/>
      <c r="AT119" s="92"/>
      <c r="AU119" s="92"/>
      <c r="AV119" s="92"/>
      <c r="AW119" s="92"/>
      <c r="AX119" s="92"/>
      <c r="AY119" s="92"/>
      <c r="AZ119" s="93"/>
      <c r="BA119" s="93"/>
      <c r="BB119" s="93"/>
      <c r="BC119" s="93"/>
      <c r="BD119" s="93"/>
      <c r="BE119" s="93"/>
      <c r="BF119" s="93"/>
      <c r="BG119" s="93"/>
      <c r="BH119" s="93"/>
      <c r="BI119" s="93"/>
      <c r="BJ119" s="93"/>
      <c r="BK119" s="93"/>
      <c r="BL119" s="93"/>
    </row>
    <row r="120" spans="2:64" x14ac:dyDescent="0.2">
      <c r="B120" s="79"/>
      <c r="C120" s="73"/>
      <c r="D120" s="64"/>
      <c r="E120" s="55"/>
      <c r="F120" s="74"/>
      <c r="G120" s="74"/>
      <c r="H120" s="76"/>
      <c r="I120" s="76"/>
      <c r="J120" s="80"/>
      <c r="K120" s="81"/>
      <c r="L120" s="55"/>
      <c r="M120" s="234"/>
      <c r="N120" s="65"/>
      <c r="O120" s="76"/>
      <c r="P120" s="76"/>
      <c r="Q120" s="65"/>
      <c r="R120" s="76"/>
      <c r="S120" s="76"/>
      <c r="T120" s="76"/>
      <c r="U120" s="76"/>
      <c r="V120" s="76"/>
      <c r="W120" s="76"/>
      <c r="X120" s="76"/>
      <c r="Y120" s="76"/>
      <c r="Z120" s="76"/>
      <c r="AA120" s="85"/>
      <c r="AB120" s="85"/>
      <c r="AC120" s="85"/>
      <c r="AD120" s="85"/>
      <c r="AE120" s="85"/>
      <c r="AF120" s="85"/>
      <c r="AG120" s="86"/>
      <c r="AH120" s="85"/>
      <c r="AI120" s="85"/>
      <c r="AJ120" s="85"/>
      <c r="AK120" s="85"/>
      <c r="AL120" s="85"/>
      <c r="AM120" s="92"/>
      <c r="AN120" s="92"/>
      <c r="AO120" s="92"/>
      <c r="AP120" s="92"/>
      <c r="AQ120" s="92"/>
      <c r="AR120" s="92"/>
      <c r="AS120" s="92"/>
      <c r="AT120" s="92"/>
      <c r="AU120" s="92"/>
      <c r="AV120" s="92"/>
      <c r="AW120" s="92"/>
      <c r="AX120" s="92"/>
      <c r="AY120" s="92"/>
      <c r="AZ120" s="93"/>
      <c r="BA120" s="93"/>
      <c r="BB120" s="93"/>
      <c r="BC120" s="93"/>
      <c r="BD120" s="93"/>
      <c r="BE120" s="93"/>
      <c r="BF120" s="93"/>
      <c r="BG120" s="93"/>
      <c r="BH120" s="93"/>
      <c r="BI120" s="93"/>
      <c r="BJ120" s="93"/>
      <c r="BK120" s="93"/>
      <c r="BL120" s="93"/>
    </row>
    <row r="121" spans="2:64" x14ac:dyDescent="0.2">
      <c r="B121" s="79"/>
      <c r="C121" s="73"/>
      <c r="D121" s="64"/>
      <c r="E121" s="55"/>
      <c r="F121" s="74"/>
      <c r="G121" s="74"/>
      <c r="H121" s="76"/>
      <c r="I121" s="76"/>
      <c r="J121" s="80"/>
      <c r="K121" s="81"/>
      <c r="L121" s="55"/>
      <c r="M121" s="234"/>
      <c r="N121" s="65"/>
      <c r="O121" s="76"/>
      <c r="P121" s="76"/>
      <c r="Q121" s="65"/>
      <c r="R121" s="76"/>
      <c r="S121" s="76"/>
      <c r="T121" s="76"/>
      <c r="U121" s="76"/>
      <c r="V121" s="76"/>
      <c r="W121" s="76"/>
      <c r="X121" s="76"/>
      <c r="Y121" s="76"/>
      <c r="Z121" s="76"/>
      <c r="AA121" s="85"/>
      <c r="AB121" s="85"/>
      <c r="AC121" s="85"/>
      <c r="AD121" s="85"/>
      <c r="AE121" s="85"/>
      <c r="AF121" s="85"/>
      <c r="AG121" s="86"/>
      <c r="AH121" s="85"/>
      <c r="AI121" s="85"/>
      <c r="AJ121" s="85"/>
      <c r="AK121" s="85"/>
      <c r="AL121" s="85"/>
      <c r="AM121" s="92"/>
      <c r="AN121" s="92"/>
      <c r="AO121" s="92"/>
      <c r="AP121" s="92"/>
      <c r="AQ121" s="92"/>
      <c r="AR121" s="92"/>
      <c r="AS121" s="92"/>
      <c r="AT121" s="92"/>
      <c r="AU121" s="92"/>
      <c r="AV121" s="92"/>
      <c r="AW121" s="92"/>
      <c r="AX121" s="92"/>
      <c r="AY121" s="92"/>
      <c r="AZ121" s="93"/>
      <c r="BA121" s="93"/>
      <c r="BB121" s="93"/>
      <c r="BC121" s="93"/>
      <c r="BD121" s="93"/>
      <c r="BE121" s="93"/>
      <c r="BF121" s="93"/>
      <c r="BG121" s="93"/>
      <c r="BH121" s="93"/>
      <c r="BI121" s="93"/>
      <c r="BJ121" s="93"/>
      <c r="BK121" s="93"/>
      <c r="BL121" s="93"/>
    </row>
    <row r="122" spans="2:64" x14ac:dyDescent="0.2">
      <c r="B122" s="79"/>
      <c r="C122" s="73"/>
      <c r="D122" s="64"/>
      <c r="E122" s="55"/>
      <c r="F122" s="74"/>
      <c r="G122" s="74"/>
      <c r="H122" s="76"/>
      <c r="I122" s="76"/>
      <c r="J122" s="80"/>
      <c r="K122" s="81"/>
      <c r="L122" s="55"/>
      <c r="M122" s="234"/>
      <c r="N122" s="65"/>
      <c r="O122" s="76"/>
      <c r="P122" s="76"/>
      <c r="Q122" s="65"/>
      <c r="R122" s="76"/>
      <c r="S122" s="76"/>
      <c r="T122" s="76"/>
      <c r="U122" s="76"/>
      <c r="V122" s="76"/>
      <c r="W122" s="76"/>
      <c r="X122" s="76"/>
      <c r="Y122" s="76"/>
      <c r="Z122" s="76"/>
      <c r="AA122" s="85"/>
      <c r="AB122" s="85"/>
      <c r="AC122" s="85"/>
      <c r="AD122" s="85"/>
      <c r="AE122" s="85"/>
      <c r="AF122" s="85"/>
      <c r="AG122" s="86"/>
      <c r="AH122" s="85"/>
      <c r="AI122" s="85"/>
      <c r="AJ122" s="85"/>
      <c r="AK122" s="85"/>
      <c r="AL122" s="85"/>
      <c r="AM122" s="92"/>
      <c r="AN122" s="92"/>
      <c r="AO122" s="92"/>
      <c r="AP122" s="92"/>
      <c r="AQ122" s="92"/>
      <c r="AR122" s="92"/>
      <c r="AS122" s="92"/>
      <c r="AT122" s="92"/>
      <c r="AU122" s="92"/>
      <c r="AV122" s="92"/>
      <c r="AW122" s="92"/>
      <c r="AX122" s="92"/>
      <c r="AY122" s="92"/>
      <c r="AZ122" s="93"/>
      <c r="BA122" s="93"/>
      <c r="BB122" s="93"/>
      <c r="BC122" s="93"/>
      <c r="BD122" s="93"/>
      <c r="BE122" s="93"/>
      <c r="BF122" s="93"/>
      <c r="BG122" s="93"/>
      <c r="BH122" s="93"/>
      <c r="BI122" s="93"/>
      <c r="BJ122" s="93"/>
      <c r="BK122" s="93"/>
      <c r="BL122" s="93"/>
    </row>
    <row r="123" spans="2:64" x14ac:dyDescent="0.2">
      <c r="B123" s="79"/>
      <c r="C123" s="73"/>
      <c r="D123" s="64"/>
      <c r="E123" s="55"/>
      <c r="F123" s="74"/>
      <c r="G123" s="74"/>
      <c r="H123" s="76"/>
      <c r="I123" s="76"/>
      <c r="J123" s="80"/>
      <c r="K123" s="81"/>
      <c r="L123" s="55"/>
      <c r="M123" s="234"/>
      <c r="N123" s="65"/>
      <c r="O123" s="76"/>
      <c r="P123" s="76"/>
      <c r="Q123" s="65"/>
      <c r="R123" s="76"/>
      <c r="S123" s="76"/>
      <c r="T123" s="76"/>
      <c r="U123" s="76"/>
      <c r="V123" s="76"/>
      <c r="W123" s="76"/>
      <c r="X123" s="76"/>
      <c r="Y123" s="76"/>
      <c r="Z123" s="76"/>
      <c r="AA123" s="85"/>
      <c r="AB123" s="85"/>
      <c r="AC123" s="85"/>
      <c r="AD123" s="85"/>
      <c r="AE123" s="85"/>
      <c r="AF123" s="85"/>
      <c r="AG123" s="86"/>
      <c r="AH123" s="85"/>
      <c r="AI123" s="85"/>
      <c r="AJ123" s="85"/>
      <c r="AK123" s="85"/>
      <c r="AL123" s="85"/>
      <c r="AM123" s="92"/>
      <c r="AN123" s="92"/>
      <c r="AO123" s="92"/>
      <c r="AP123" s="92"/>
      <c r="AQ123" s="92"/>
      <c r="AR123" s="92"/>
      <c r="AS123" s="92"/>
      <c r="AT123" s="92"/>
      <c r="AU123" s="92"/>
      <c r="AV123" s="92"/>
      <c r="AW123" s="92"/>
      <c r="AX123" s="92"/>
      <c r="AY123" s="92"/>
      <c r="AZ123" s="93"/>
      <c r="BA123" s="93"/>
      <c r="BB123" s="93"/>
      <c r="BC123" s="93"/>
      <c r="BD123" s="93"/>
      <c r="BE123" s="93"/>
      <c r="BF123" s="93"/>
      <c r="BG123" s="93"/>
      <c r="BH123" s="93"/>
      <c r="BI123" s="93"/>
      <c r="BJ123" s="93"/>
      <c r="BK123" s="93"/>
      <c r="BL123" s="93"/>
    </row>
    <row r="124" spans="2:64" x14ac:dyDescent="0.2">
      <c r="B124" s="79"/>
      <c r="C124" s="73"/>
      <c r="D124" s="64"/>
      <c r="E124" s="55"/>
      <c r="F124" s="74"/>
      <c r="G124" s="74"/>
      <c r="H124" s="76"/>
      <c r="I124" s="76"/>
      <c r="J124" s="80"/>
      <c r="K124" s="81"/>
      <c r="L124" s="55"/>
      <c r="M124" s="234"/>
      <c r="N124" s="65"/>
      <c r="O124" s="76"/>
      <c r="P124" s="76"/>
      <c r="Q124" s="65"/>
      <c r="R124" s="76"/>
      <c r="S124" s="76"/>
      <c r="T124" s="76"/>
      <c r="U124" s="76"/>
      <c r="V124" s="76"/>
      <c r="W124" s="76"/>
      <c r="X124" s="76"/>
      <c r="Y124" s="76"/>
      <c r="Z124" s="76"/>
      <c r="AA124" s="85"/>
      <c r="AB124" s="85"/>
      <c r="AC124" s="85"/>
      <c r="AD124" s="85"/>
      <c r="AE124" s="85"/>
      <c r="AF124" s="85"/>
      <c r="AG124" s="86"/>
      <c r="AH124" s="85"/>
      <c r="AI124" s="85"/>
      <c r="AJ124" s="85"/>
      <c r="AK124" s="85"/>
      <c r="AL124" s="85"/>
      <c r="AM124" s="92"/>
      <c r="AN124" s="92"/>
      <c r="AO124" s="92"/>
      <c r="AP124" s="92"/>
      <c r="AQ124" s="92"/>
      <c r="AR124" s="92"/>
      <c r="AS124" s="92"/>
      <c r="AT124" s="92"/>
      <c r="AU124" s="92"/>
      <c r="AV124" s="92"/>
      <c r="AW124" s="92"/>
      <c r="AX124" s="92"/>
      <c r="AY124" s="92"/>
      <c r="AZ124" s="93"/>
      <c r="BA124" s="93"/>
      <c r="BB124" s="93"/>
      <c r="BC124" s="93"/>
      <c r="BD124" s="93"/>
      <c r="BE124" s="93"/>
      <c r="BF124" s="93"/>
      <c r="BG124" s="93"/>
      <c r="BH124" s="93"/>
      <c r="BI124" s="93"/>
      <c r="BJ124" s="93"/>
      <c r="BK124" s="93"/>
      <c r="BL124" s="93"/>
    </row>
    <row r="125" spans="2:64" x14ac:dyDescent="0.2">
      <c r="B125" s="79"/>
      <c r="C125" s="73"/>
      <c r="D125" s="64"/>
      <c r="E125" s="55"/>
      <c r="F125" s="74"/>
      <c r="G125" s="74"/>
      <c r="H125" s="76"/>
      <c r="I125" s="76"/>
      <c r="J125" s="80"/>
      <c r="K125" s="81"/>
      <c r="L125" s="55"/>
      <c r="M125" s="234"/>
      <c r="N125" s="65"/>
      <c r="O125" s="76"/>
      <c r="P125" s="76"/>
      <c r="Q125" s="65"/>
      <c r="R125" s="76"/>
      <c r="S125" s="76"/>
      <c r="T125" s="76"/>
      <c r="U125" s="76"/>
      <c r="V125" s="76"/>
      <c r="W125" s="76"/>
      <c r="X125" s="76"/>
      <c r="Y125" s="76"/>
      <c r="Z125" s="76"/>
      <c r="AA125" s="85"/>
      <c r="AB125" s="85"/>
      <c r="AC125" s="85"/>
      <c r="AD125" s="85"/>
      <c r="AE125" s="85"/>
      <c r="AF125" s="85"/>
      <c r="AG125" s="86"/>
      <c r="AH125" s="85"/>
      <c r="AI125" s="85"/>
      <c r="AJ125" s="85"/>
      <c r="AK125" s="85"/>
      <c r="AL125" s="85"/>
      <c r="AM125" s="92"/>
      <c r="AN125" s="92"/>
      <c r="AO125" s="92"/>
      <c r="AP125" s="92"/>
      <c r="AQ125" s="92"/>
      <c r="AR125" s="92"/>
      <c r="AS125" s="92"/>
      <c r="AT125" s="92"/>
      <c r="AU125" s="92"/>
      <c r="AV125" s="92"/>
      <c r="AW125" s="92"/>
      <c r="AX125" s="92"/>
      <c r="AY125" s="92"/>
      <c r="AZ125" s="93"/>
      <c r="BA125" s="93"/>
      <c r="BB125" s="93"/>
      <c r="BC125" s="93"/>
      <c r="BD125" s="93"/>
      <c r="BE125" s="93"/>
      <c r="BF125" s="93"/>
      <c r="BG125" s="93"/>
      <c r="BH125" s="93"/>
      <c r="BI125" s="93"/>
      <c r="BJ125" s="93"/>
      <c r="BK125" s="93"/>
      <c r="BL125" s="93"/>
    </row>
    <row r="126" spans="2:64" x14ac:dyDescent="0.2">
      <c r="B126" s="79"/>
      <c r="C126" s="73"/>
      <c r="D126" s="64"/>
      <c r="E126" s="55"/>
      <c r="F126" s="74"/>
      <c r="G126" s="74"/>
      <c r="H126" s="76"/>
      <c r="I126" s="76"/>
      <c r="J126" s="80"/>
      <c r="K126" s="81"/>
      <c r="L126" s="55"/>
      <c r="M126" s="234"/>
      <c r="N126" s="65"/>
      <c r="O126" s="76"/>
      <c r="P126" s="76"/>
      <c r="Q126" s="65"/>
      <c r="R126" s="76"/>
      <c r="S126" s="76"/>
      <c r="T126" s="76"/>
      <c r="U126" s="76"/>
      <c r="V126" s="76"/>
      <c r="W126" s="76"/>
      <c r="X126" s="76"/>
      <c r="Y126" s="76"/>
      <c r="Z126" s="76"/>
      <c r="AA126" s="85"/>
      <c r="AB126" s="85"/>
      <c r="AC126" s="85"/>
      <c r="AD126" s="85"/>
      <c r="AE126" s="85"/>
      <c r="AF126" s="85"/>
      <c r="AG126" s="86"/>
      <c r="AH126" s="85"/>
      <c r="AI126" s="85"/>
      <c r="AJ126" s="85"/>
      <c r="AK126" s="85"/>
      <c r="AL126" s="85"/>
      <c r="AM126" s="92"/>
      <c r="AN126" s="92"/>
      <c r="AO126" s="92"/>
      <c r="AP126" s="92"/>
      <c r="AQ126" s="92"/>
      <c r="AR126" s="92"/>
      <c r="AS126" s="92"/>
      <c r="AT126" s="92"/>
      <c r="AU126" s="92"/>
      <c r="AV126" s="92"/>
      <c r="AW126" s="92"/>
      <c r="AX126" s="92"/>
      <c r="AY126" s="92"/>
      <c r="AZ126" s="93"/>
      <c r="BA126" s="93"/>
      <c r="BB126" s="93"/>
      <c r="BC126" s="93"/>
      <c r="BD126" s="93"/>
      <c r="BE126" s="93"/>
      <c r="BF126" s="93"/>
      <c r="BG126" s="93"/>
      <c r="BH126" s="93"/>
      <c r="BI126" s="93"/>
      <c r="BJ126" s="93"/>
      <c r="BK126" s="93"/>
      <c r="BL126" s="93"/>
    </row>
    <row r="127" spans="2:64" x14ac:dyDescent="0.2">
      <c r="B127" s="79"/>
      <c r="C127" s="73"/>
      <c r="D127" s="64"/>
      <c r="E127" s="55"/>
      <c r="F127" s="74"/>
      <c r="G127" s="74"/>
      <c r="H127" s="74"/>
      <c r="I127" s="75"/>
      <c r="J127" s="74"/>
      <c r="L127" s="55"/>
      <c r="M127" s="234"/>
      <c r="N127" s="65"/>
      <c r="O127" s="76"/>
      <c r="P127" s="76"/>
      <c r="Q127" s="65"/>
      <c r="R127" s="76"/>
      <c r="S127" s="76"/>
      <c r="T127" s="76"/>
      <c r="U127" s="76"/>
      <c r="V127" s="76"/>
      <c r="W127" s="76"/>
      <c r="X127" s="76"/>
      <c r="Y127" s="76"/>
      <c r="Z127" s="76"/>
      <c r="AA127" s="85"/>
      <c r="AB127" s="85"/>
      <c r="AC127" s="85"/>
      <c r="AD127" s="85"/>
      <c r="AE127" s="85"/>
      <c r="AF127" s="85"/>
      <c r="AG127" s="86"/>
      <c r="AH127" s="85"/>
      <c r="AI127" s="85"/>
      <c r="AJ127" s="85"/>
      <c r="AK127" s="85"/>
      <c r="AL127" s="85"/>
      <c r="AM127" s="92"/>
      <c r="AN127" s="92"/>
      <c r="AO127" s="92"/>
      <c r="AP127" s="92"/>
      <c r="AQ127" s="92"/>
      <c r="AR127" s="92"/>
      <c r="AS127" s="92"/>
      <c r="AT127" s="92"/>
      <c r="AU127" s="92"/>
      <c r="AV127" s="92"/>
      <c r="AW127" s="92"/>
      <c r="AX127" s="92"/>
      <c r="AY127" s="92"/>
      <c r="AZ127" s="93"/>
      <c r="BA127" s="93"/>
      <c r="BB127" s="93"/>
      <c r="BC127" s="93"/>
      <c r="BD127" s="93"/>
      <c r="BE127" s="93"/>
      <c r="BF127" s="93"/>
      <c r="BG127" s="93"/>
      <c r="BH127" s="93"/>
      <c r="BI127" s="93"/>
      <c r="BJ127" s="93"/>
      <c r="BK127" s="93"/>
      <c r="BL127" s="93"/>
    </row>
    <row r="128" spans="2:64" x14ac:dyDescent="0.2">
      <c r="B128" s="79"/>
      <c r="C128" s="73"/>
      <c r="D128" s="64"/>
      <c r="E128" s="55"/>
      <c r="F128" s="74"/>
      <c r="G128" s="74"/>
      <c r="H128" s="74"/>
      <c r="I128" s="75"/>
      <c r="J128" s="74"/>
      <c r="L128" s="55"/>
      <c r="M128" s="234"/>
      <c r="N128" s="65"/>
      <c r="O128" s="76"/>
      <c r="P128" s="76"/>
      <c r="Q128" s="65"/>
      <c r="R128" s="76"/>
      <c r="S128" s="76"/>
      <c r="T128" s="76"/>
      <c r="U128" s="76"/>
      <c r="V128" s="76"/>
      <c r="W128" s="76"/>
      <c r="X128" s="76"/>
      <c r="Y128" s="76"/>
      <c r="Z128" s="76"/>
      <c r="AA128" s="85"/>
      <c r="AB128" s="85"/>
      <c r="AC128" s="85"/>
      <c r="AD128" s="85"/>
      <c r="AE128" s="85"/>
      <c r="AF128" s="85"/>
      <c r="AG128" s="86"/>
      <c r="AH128" s="85"/>
      <c r="AI128" s="85"/>
      <c r="AJ128" s="85"/>
      <c r="AK128" s="85"/>
      <c r="AL128" s="85"/>
      <c r="AM128" s="92"/>
      <c r="AN128" s="92"/>
      <c r="AO128" s="92"/>
      <c r="AP128" s="92"/>
      <c r="AQ128" s="92"/>
      <c r="AR128" s="92"/>
      <c r="AS128" s="92"/>
      <c r="AT128" s="92"/>
      <c r="AU128" s="92"/>
      <c r="AV128" s="92"/>
      <c r="AW128" s="92"/>
      <c r="AX128" s="92"/>
      <c r="AY128" s="92"/>
      <c r="AZ128" s="93"/>
      <c r="BA128" s="93"/>
      <c r="BB128" s="93"/>
      <c r="BC128" s="93"/>
      <c r="BD128" s="93"/>
      <c r="BE128" s="93"/>
      <c r="BF128" s="93"/>
      <c r="BG128" s="93"/>
      <c r="BH128" s="93"/>
      <c r="BI128" s="93"/>
      <c r="BJ128" s="93"/>
      <c r="BK128" s="93"/>
      <c r="BL128" s="93"/>
    </row>
    <row r="129" spans="2:64" x14ac:dyDescent="0.2">
      <c r="B129" s="79"/>
      <c r="C129" s="73"/>
      <c r="D129" s="64"/>
      <c r="E129" s="55"/>
      <c r="F129" s="74"/>
      <c r="G129" s="74"/>
      <c r="H129" s="74"/>
      <c r="I129" s="75"/>
      <c r="J129" s="74"/>
      <c r="L129" s="55"/>
      <c r="M129" s="234"/>
      <c r="N129" s="65"/>
      <c r="O129" s="76"/>
      <c r="P129" s="76"/>
      <c r="Q129" s="65"/>
      <c r="R129" s="76"/>
      <c r="S129" s="76"/>
      <c r="T129" s="76"/>
      <c r="U129" s="76"/>
      <c r="V129" s="76"/>
      <c r="W129" s="76"/>
      <c r="X129" s="76"/>
      <c r="Y129" s="76"/>
      <c r="Z129" s="76"/>
      <c r="AA129" s="85"/>
      <c r="AB129" s="85"/>
      <c r="AC129" s="85"/>
      <c r="AD129" s="85"/>
      <c r="AE129" s="85"/>
      <c r="AF129" s="85"/>
      <c r="AG129" s="86"/>
      <c r="AH129" s="85"/>
      <c r="AI129" s="85"/>
      <c r="AJ129" s="85"/>
      <c r="AK129" s="85"/>
      <c r="AL129" s="85"/>
      <c r="AM129" s="92"/>
      <c r="AN129" s="92"/>
      <c r="AO129" s="92"/>
      <c r="AP129" s="92"/>
      <c r="AQ129" s="92"/>
      <c r="AR129" s="92"/>
      <c r="AS129" s="92"/>
      <c r="AT129" s="92"/>
      <c r="AU129" s="92"/>
      <c r="AV129" s="92"/>
      <c r="AW129" s="92"/>
      <c r="AX129" s="92"/>
      <c r="AY129" s="92"/>
      <c r="AZ129" s="93"/>
      <c r="BA129" s="93"/>
      <c r="BB129" s="93"/>
      <c r="BC129" s="93"/>
      <c r="BD129" s="93"/>
      <c r="BE129" s="93"/>
      <c r="BF129" s="93"/>
      <c r="BG129" s="93"/>
      <c r="BH129" s="93"/>
      <c r="BI129" s="93"/>
      <c r="BJ129" s="93"/>
      <c r="BK129" s="93"/>
      <c r="BL129" s="93"/>
    </row>
    <row r="130" spans="2:64" x14ac:dyDescent="0.2">
      <c r="B130" s="79"/>
      <c r="C130" s="73"/>
      <c r="D130" s="64"/>
      <c r="E130" s="55"/>
      <c r="F130" s="74"/>
      <c r="G130" s="74"/>
      <c r="H130" s="74"/>
      <c r="I130" s="75"/>
      <c r="J130" s="74"/>
      <c r="L130" s="55"/>
      <c r="M130" s="234"/>
      <c r="N130" s="65"/>
      <c r="O130" s="76"/>
      <c r="P130" s="76"/>
      <c r="Q130" s="65"/>
      <c r="R130" s="76"/>
      <c r="S130" s="76"/>
      <c r="T130" s="76"/>
      <c r="U130" s="76"/>
      <c r="V130" s="76"/>
      <c r="W130" s="76"/>
      <c r="X130" s="76"/>
      <c r="Y130" s="76"/>
      <c r="Z130" s="76"/>
      <c r="AA130" s="85"/>
      <c r="AB130" s="85"/>
      <c r="AC130" s="85"/>
      <c r="AD130" s="85"/>
      <c r="AE130" s="85"/>
      <c r="AF130" s="85"/>
      <c r="AG130" s="86"/>
      <c r="AH130" s="85"/>
      <c r="AI130" s="85"/>
      <c r="AJ130" s="85"/>
      <c r="AK130" s="85"/>
      <c r="AL130" s="85"/>
      <c r="AM130" s="92"/>
      <c r="AN130" s="92"/>
      <c r="AO130" s="92"/>
      <c r="AP130" s="92"/>
      <c r="AQ130" s="92"/>
      <c r="AR130" s="92"/>
      <c r="AS130" s="92"/>
      <c r="AT130" s="92"/>
      <c r="AU130" s="92"/>
      <c r="AV130" s="92"/>
      <c r="AW130" s="92"/>
      <c r="AX130" s="92"/>
      <c r="AY130" s="92"/>
      <c r="AZ130" s="93"/>
      <c r="BA130" s="93"/>
      <c r="BB130" s="93"/>
      <c r="BC130" s="93"/>
      <c r="BD130" s="93"/>
      <c r="BE130" s="93"/>
      <c r="BF130" s="93"/>
      <c r="BG130" s="93"/>
      <c r="BH130" s="93"/>
      <c r="BI130" s="93"/>
      <c r="BJ130" s="93"/>
      <c r="BK130" s="93"/>
      <c r="BL130" s="93"/>
    </row>
    <row r="131" spans="2:64" x14ac:dyDescent="0.2">
      <c r="B131" s="79"/>
      <c r="C131" s="73"/>
      <c r="D131" s="64"/>
      <c r="E131" s="55"/>
      <c r="F131" s="74"/>
      <c r="G131" s="74"/>
      <c r="H131" s="74"/>
      <c r="I131" s="75"/>
      <c r="J131" s="74"/>
      <c r="L131" s="55"/>
      <c r="M131" s="234"/>
      <c r="N131" s="65"/>
      <c r="O131" s="76"/>
      <c r="P131" s="76"/>
      <c r="Q131" s="65"/>
      <c r="R131" s="76"/>
      <c r="S131" s="76"/>
      <c r="T131" s="76"/>
      <c r="U131" s="76"/>
      <c r="V131" s="76"/>
      <c r="W131" s="76"/>
      <c r="X131" s="76"/>
      <c r="Y131" s="76"/>
      <c r="Z131" s="76"/>
      <c r="AA131" s="85"/>
      <c r="AB131" s="85"/>
      <c r="AC131" s="85"/>
      <c r="AD131" s="85"/>
      <c r="AE131" s="85"/>
      <c r="AF131" s="85"/>
      <c r="AG131" s="86"/>
      <c r="AH131" s="85"/>
      <c r="AI131" s="85"/>
      <c r="AJ131" s="85"/>
      <c r="AK131" s="85"/>
      <c r="AL131" s="85"/>
      <c r="AM131" s="92"/>
      <c r="AN131" s="92"/>
      <c r="AO131" s="92"/>
      <c r="AP131" s="92"/>
      <c r="AQ131" s="92"/>
      <c r="AR131" s="92"/>
      <c r="AS131" s="92"/>
      <c r="AT131" s="92"/>
      <c r="AU131" s="92"/>
      <c r="AV131" s="92"/>
      <c r="AW131" s="92"/>
      <c r="AX131" s="92"/>
      <c r="AY131" s="92"/>
      <c r="AZ131" s="93"/>
      <c r="BA131" s="93"/>
      <c r="BB131" s="93"/>
      <c r="BC131" s="93"/>
      <c r="BD131" s="93"/>
      <c r="BE131" s="93"/>
      <c r="BF131" s="93"/>
      <c r="BG131" s="93"/>
      <c r="BH131" s="93"/>
      <c r="BI131" s="93"/>
      <c r="BJ131" s="93"/>
      <c r="BK131" s="93"/>
      <c r="BL131" s="93"/>
    </row>
    <row r="132" spans="2:64" x14ac:dyDescent="0.2">
      <c r="B132" s="79"/>
      <c r="C132" s="73"/>
      <c r="D132" s="64"/>
      <c r="E132" s="55"/>
      <c r="F132" s="74"/>
      <c r="G132" s="74"/>
      <c r="H132" s="74"/>
      <c r="I132" s="75"/>
      <c r="J132" s="74"/>
      <c r="L132" s="55"/>
      <c r="M132" s="234"/>
      <c r="N132" s="65"/>
      <c r="O132" s="76"/>
      <c r="P132" s="76"/>
      <c r="Q132" s="65"/>
      <c r="R132" s="76"/>
      <c r="S132" s="76"/>
      <c r="T132" s="76"/>
      <c r="U132" s="76"/>
      <c r="V132" s="76"/>
      <c r="W132" s="76"/>
      <c r="X132" s="76"/>
      <c r="Y132" s="76"/>
      <c r="Z132" s="76"/>
      <c r="AA132" s="85"/>
      <c r="AB132" s="85"/>
      <c r="AC132" s="85"/>
      <c r="AD132" s="85"/>
      <c r="AE132" s="85"/>
      <c r="AF132" s="85"/>
      <c r="AG132" s="86"/>
      <c r="AH132" s="85"/>
      <c r="AI132" s="85"/>
      <c r="AJ132" s="85"/>
      <c r="AK132" s="85"/>
      <c r="AL132" s="85"/>
      <c r="AM132" s="92"/>
      <c r="AN132" s="92"/>
      <c r="AO132" s="92"/>
      <c r="AP132" s="92"/>
      <c r="AQ132" s="92"/>
      <c r="AR132" s="92"/>
      <c r="AS132" s="92"/>
      <c r="AT132" s="92"/>
      <c r="AU132" s="92"/>
      <c r="AV132" s="92"/>
      <c r="AW132" s="92"/>
      <c r="AX132" s="92"/>
      <c r="AY132" s="92"/>
      <c r="AZ132" s="93"/>
      <c r="BA132" s="93"/>
      <c r="BB132" s="93"/>
      <c r="BC132" s="93"/>
      <c r="BD132" s="93"/>
      <c r="BE132" s="93"/>
      <c r="BF132" s="93"/>
      <c r="BG132" s="93"/>
      <c r="BH132" s="93"/>
      <c r="BI132" s="93"/>
      <c r="BJ132" s="93"/>
      <c r="BK132" s="93"/>
      <c r="BL132" s="93"/>
    </row>
    <row r="133" spans="2:64" x14ac:dyDescent="0.2">
      <c r="B133" s="79"/>
      <c r="C133" s="73"/>
      <c r="D133" s="64"/>
      <c r="E133" s="55"/>
      <c r="F133" s="74"/>
      <c r="G133" s="74"/>
      <c r="H133" s="74"/>
      <c r="I133" s="75"/>
      <c r="J133" s="74"/>
      <c r="L133" s="55"/>
      <c r="M133" s="234"/>
      <c r="N133" s="65"/>
      <c r="O133" s="76"/>
      <c r="P133" s="76"/>
      <c r="Q133" s="65"/>
      <c r="R133" s="76"/>
      <c r="S133" s="76"/>
      <c r="T133" s="76"/>
      <c r="U133" s="76"/>
      <c r="V133" s="76"/>
      <c r="W133" s="76"/>
      <c r="X133" s="76"/>
      <c r="Y133" s="76"/>
      <c r="Z133" s="76"/>
      <c r="AA133" s="85"/>
      <c r="AB133" s="85"/>
      <c r="AC133" s="85"/>
      <c r="AD133" s="85"/>
      <c r="AE133" s="85"/>
      <c r="AF133" s="85"/>
      <c r="AG133" s="86"/>
      <c r="AH133" s="85"/>
      <c r="AI133" s="85"/>
      <c r="AJ133" s="85"/>
      <c r="AK133" s="85"/>
      <c r="AL133" s="85"/>
      <c r="AM133" s="92"/>
      <c r="AN133" s="92"/>
      <c r="AO133" s="92"/>
      <c r="AP133" s="92"/>
      <c r="AQ133" s="92"/>
      <c r="AR133" s="92"/>
      <c r="AS133" s="92"/>
      <c r="AT133" s="92"/>
      <c r="AU133" s="92"/>
      <c r="AV133" s="92"/>
      <c r="AW133" s="92"/>
      <c r="AX133" s="92"/>
      <c r="AY133" s="92"/>
      <c r="AZ133" s="93"/>
      <c r="BA133" s="93"/>
      <c r="BB133" s="93"/>
      <c r="BC133" s="93"/>
      <c r="BD133" s="93"/>
      <c r="BE133" s="93"/>
      <c r="BF133" s="93"/>
      <c r="BG133" s="93"/>
      <c r="BH133" s="93"/>
      <c r="BI133" s="93"/>
      <c r="BJ133" s="93"/>
      <c r="BK133" s="93"/>
      <c r="BL133" s="93"/>
    </row>
    <row r="134" spans="2:64" x14ac:dyDescent="0.2">
      <c r="B134" s="79"/>
      <c r="C134" s="73"/>
      <c r="D134" s="64"/>
      <c r="E134" s="55"/>
      <c r="F134" s="74"/>
      <c r="G134" s="74"/>
      <c r="H134" s="74"/>
      <c r="I134" s="75"/>
      <c r="J134" s="74"/>
      <c r="L134" s="55"/>
      <c r="M134" s="234"/>
      <c r="N134" s="65"/>
      <c r="O134" s="76"/>
      <c r="P134" s="76"/>
      <c r="Q134" s="65"/>
      <c r="R134" s="76"/>
      <c r="S134" s="76"/>
      <c r="T134" s="76"/>
      <c r="U134" s="76"/>
      <c r="V134" s="76"/>
      <c r="W134" s="76"/>
      <c r="X134" s="76"/>
      <c r="Y134" s="76"/>
      <c r="Z134" s="76"/>
      <c r="AA134" s="85"/>
      <c r="AB134" s="85"/>
      <c r="AC134" s="85"/>
      <c r="AD134" s="85"/>
      <c r="AE134" s="85"/>
      <c r="AF134" s="85"/>
      <c r="AG134" s="86"/>
      <c r="AH134" s="85"/>
      <c r="AI134" s="85"/>
      <c r="AJ134" s="85"/>
      <c r="AK134" s="85"/>
      <c r="AL134" s="85"/>
      <c r="AM134" s="92"/>
      <c r="AN134" s="92"/>
      <c r="AO134" s="92"/>
      <c r="AP134" s="92"/>
      <c r="AQ134" s="92"/>
      <c r="AR134" s="92"/>
      <c r="AS134" s="92"/>
      <c r="AT134" s="92"/>
      <c r="AU134" s="92"/>
      <c r="AV134" s="92"/>
      <c r="AW134" s="92"/>
      <c r="AX134" s="92"/>
      <c r="AY134" s="92"/>
      <c r="AZ134" s="93"/>
      <c r="BA134" s="93"/>
      <c r="BB134" s="93"/>
      <c r="BC134" s="93"/>
      <c r="BD134" s="93"/>
      <c r="BE134" s="93"/>
      <c r="BF134" s="93"/>
      <c r="BG134" s="93"/>
      <c r="BH134" s="93"/>
      <c r="BI134" s="93"/>
      <c r="BJ134" s="93"/>
      <c r="BK134" s="93"/>
      <c r="BL134" s="93"/>
    </row>
    <row r="135" spans="2:64" x14ac:dyDescent="0.2">
      <c r="B135" s="79"/>
      <c r="C135" s="73"/>
      <c r="D135" s="64"/>
      <c r="E135" s="55"/>
      <c r="F135" s="74"/>
      <c r="G135" s="74"/>
      <c r="H135" s="74"/>
      <c r="I135" s="75"/>
      <c r="J135" s="74"/>
      <c r="L135" s="55"/>
      <c r="M135" s="234"/>
      <c r="N135" s="65"/>
      <c r="O135" s="76"/>
      <c r="P135" s="76"/>
      <c r="Q135" s="65"/>
      <c r="R135" s="76"/>
      <c r="S135" s="76"/>
      <c r="T135" s="76"/>
      <c r="U135" s="76"/>
      <c r="V135" s="76"/>
      <c r="W135" s="76"/>
      <c r="X135" s="76"/>
      <c r="Y135" s="76"/>
      <c r="Z135" s="76"/>
      <c r="AA135" s="85"/>
      <c r="AB135" s="85"/>
      <c r="AC135" s="85"/>
      <c r="AD135" s="85"/>
      <c r="AE135" s="85"/>
      <c r="AF135" s="85"/>
      <c r="AG135" s="86"/>
      <c r="AH135" s="85"/>
      <c r="AI135" s="85"/>
      <c r="AJ135" s="85"/>
      <c r="AK135" s="85"/>
      <c r="AL135" s="85"/>
      <c r="AM135" s="92"/>
      <c r="AN135" s="92"/>
      <c r="AO135" s="92"/>
      <c r="AP135" s="92"/>
      <c r="AQ135" s="92"/>
      <c r="AR135" s="92"/>
      <c r="AS135" s="92"/>
      <c r="AT135" s="92"/>
      <c r="AU135" s="92"/>
      <c r="AV135" s="92"/>
      <c r="AW135" s="92"/>
      <c r="AX135" s="92"/>
      <c r="AY135" s="92"/>
      <c r="AZ135" s="93"/>
      <c r="BA135" s="93"/>
      <c r="BB135" s="93"/>
      <c r="BC135" s="93"/>
      <c r="BD135" s="93"/>
      <c r="BE135" s="93"/>
      <c r="BF135" s="93"/>
      <c r="BG135" s="93"/>
      <c r="BH135" s="93"/>
      <c r="BI135" s="93"/>
      <c r="BJ135" s="93"/>
      <c r="BK135" s="93"/>
      <c r="BL135" s="93"/>
    </row>
    <row r="136" spans="2:64" x14ac:dyDescent="0.2">
      <c r="B136" s="79"/>
      <c r="C136" s="73"/>
      <c r="D136" s="64"/>
      <c r="E136" s="55"/>
      <c r="F136" s="74"/>
      <c r="G136" s="74"/>
      <c r="H136" s="74"/>
      <c r="I136" s="75"/>
      <c r="J136" s="74"/>
      <c r="L136" s="55"/>
      <c r="M136" s="234"/>
      <c r="N136" s="65"/>
      <c r="O136" s="76"/>
      <c r="P136" s="76"/>
      <c r="Q136" s="65"/>
      <c r="R136" s="76"/>
      <c r="S136" s="76"/>
      <c r="T136" s="76"/>
      <c r="U136" s="76"/>
      <c r="V136" s="76"/>
      <c r="W136" s="76"/>
      <c r="X136" s="76"/>
      <c r="Y136" s="76"/>
      <c r="Z136" s="76"/>
      <c r="AA136" s="85"/>
      <c r="AB136" s="85"/>
      <c r="AC136" s="85"/>
      <c r="AD136" s="85"/>
      <c r="AE136" s="85"/>
      <c r="AF136" s="85"/>
      <c r="AG136" s="86"/>
      <c r="AH136" s="85"/>
      <c r="AI136" s="85"/>
      <c r="AJ136" s="85"/>
      <c r="AK136" s="85"/>
      <c r="AL136" s="85"/>
      <c r="AM136" s="92"/>
      <c r="AN136" s="92"/>
      <c r="AO136" s="92"/>
      <c r="AP136" s="92"/>
      <c r="AQ136" s="92"/>
      <c r="AR136" s="92"/>
      <c r="AS136" s="92"/>
      <c r="AT136" s="92"/>
      <c r="AU136" s="92"/>
      <c r="AV136" s="92"/>
      <c r="AW136" s="92"/>
      <c r="AX136" s="92"/>
      <c r="AY136" s="92"/>
      <c r="AZ136" s="93"/>
      <c r="BA136" s="93"/>
      <c r="BB136" s="93"/>
      <c r="BC136" s="93"/>
      <c r="BD136" s="93"/>
      <c r="BE136" s="93"/>
      <c r="BF136" s="93"/>
      <c r="BG136" s="93"/>
      <c r="BH136" s="93"/>
      <c r="BI136" s="93"/>
      <c r="BJ136" s="93"/>
      <c r="BK136" s="93"/>
      <c r="BL136" s="93"/>
    </row>
    <row r="137" spans="2:64" x14ac:dyDescent="0.2">
      <c r="B137" s="79"/>
      <c r="C137" s="73"/>
      <c r="D137" s="64"/>
      <c r="E137" s="55"/>
      <c r="F137" s="74"/>
      <c r="G137" s="74"/>
      <c r="H137" s="74"/>
      <c r="I137" s="75"/>
      <c r="J137" s="74"/>
      <c r="L137" s="55"/>
      <c r="M137" s="234"/>
      <c r="N137" s="65"/>
      <c r="O137" s="76"/>
      <c r="P137" s="76"/>
      <c r="Q137" s="65"/>
      <c r="R137" s="76"/>
      <c r="S137" s="76"/>
      <c r="T137" s="76"/>
      <c r="U137" s="76"/>
      <c r="V137" s="76"/>
      <c r="W137" s="76"/>
      <c r="X137" s="76"/>
      <c r="Y137" s="76"/>
      <c r="Z137" s="76"/>
      <c r="AA137" s="85"/>
      <c r="AB137" s="85"/>
      <c r="AC137" s="85"/>
      <c r="AD137" s="85"/>
      <c r="AE137" s="85"/>
      <c r="AF137" s="85"/>
      <c r="AG137" s="86"/>
      <c r="AH137" s="85"/>
      <c r="AI137" s="85"/>
      <c r="AJ137" s="85"/>
      <c r="AK137" s="85"/>
      <c r="AL137" s="85"/>
      <c r="AM137" s="92"/>
      <c r="AN137" s="92"/>
      <c r="AO137" s="92"/>
      <c r="AP137" s="92"/>
      <c r="AQ137" s="92"/>
      <c r="AR137" s="92"/>
      <c r="AS137" s="92"/>
      <c r="AT137" s="92"/>
      <c r="AU137" s="92"/>
      <c r="AV137" s="92"/>
      <c r="AW137" s="92"/>
      <c r="AX137" s="92"/>
      <c r="AY137" s="92"/>
      <c r="AZ137" s="93"/>
      <c r="BA137" s="93"/>
      <c r="BB137" s="93"/>
      <c r="BC137" s="93"/>
      <c r="BD137" s="93"/>
      <c r="BE137" s="93"/>
      <c r="BF137" s="93"/>
      <c r="BG137" s="93"/>
      <c r="BH137" s="93"/>
      <c r="BI137" s="93"/>
      <c r="BJ137" s="93"/>
      <c r="BK137" s="93"/>
      <c r="BL137" s="93"/>
    </row>
    <row r="138" spans="2:64" x14ac:dyDescent="0.2">
      <c r="B138" s="79"/>
      <c r="C138" s="73"/>
      <c r="D138" s="64"/>
      <c r="E138" s="55"/>
      <c r="F138" s="74"/>
      <c r="G138" s="74"/>
      <c r="H138" s="74"/>
      <c r="I138" s="75"/>
      <c r="J138" s="74"/>
      <c r="L138" s="55"/>
      <c r="M138" s="234"/>
      <c r="N138" s="65"/>
      <c r="O138" s="76"/>
      <c r="P138" s="76"/>
      <c r="Q138" s="65"/>
      <c r="R138" s="76"/>
      <c r="S138" s="76"/>
      <c r="T138" s="76"/>
      <c r="U138" s="76"/>
      <c r="V138" s="76"/>
      <c r="W138" s="76"/>
      <c r="X138" s="76"/>
      <c r="Y138" s="76"/>
      <c r="Z138" s="76"/>
      <c r="AA138" s="85"/>
      <c r="AB138" s="85"/>
      <c r="AC138" s="85"/>
      <c r="AD138" s="85"/>
      <c r="AE138" s="85"/>
      <c r="AF138" s="85"/>
      <c r="AG138" s="86"/>
      <c r="AH138" s="85"/>
      <c r="AI138" s="85"/>
      <c r="AJ138" s="85"/>
      <c r="AK138" s="85"/>
      <c r="AL138" s="85"/>
      <c r="AM138" s="92"/>
      <c r="AN138" s="92"/>
      <c r="AO138" s="92"/>
      <c r="AP138" s="92"/>
      <c r="AQ138" s="92"/>
      <c r="AR138" s="92"/>
      <c r="AS138" s="92"/>
      <c r="AT138" s="92"/>
      <c r="AU138" s="92"/>
      <c r="AV138" s="92"/>
      <c r="AW138" s="92"/>
      <c r="AX138" s="92"/>
      <c r="AY138" s="92"/>
      <c r="AZ138" s="93"/>
      <c r="BA138" s="93"/>
      <c r="BB138" s="93"/>
      <c r="BC138" s="93"/>
      <c r="BD138" s="93"/>
      <c r="BE138" s="93"/>
      <c r="BF138" s="93"/>
      <c r="BG138" s="93"/>
      <c r="BH138" s="93"/>
      <c r="BI138" s="93"/>
      <c r="BJ138" s="93"/>
      <c r="BK138" s="93"/>
      <c r="BL138" s="93"/>
    </row>
    <row r="139" spans="2:64" x14ac:dyDescent="0.2">
      <c r="B139" s="79"/>
      <c r="C139" s="73"/>
      <c r="D139" s="64"/>
      <c r="E139" s="55"/>
      <c r="F139" s="74"/>
      <c r="G139" s="74"/>
      <c r="H139" s="74"/>
      <c r="I139" s="75"/>
      <c r="J139" s="74"/>
      <c r="L139" s="55"/>
      <c r="M139" s="234"/>
      <c r="N139" s="65"/>
      <c r="O139" s="76"/>
      <c r="P139" s="76"/>
      <c r="Q139" s="65"/>
      <c r="R139" s="76"/>
      <c r="S139" s="76"/>
      <c r="T139" s="76"/>
      <c r="U139" s="76"/>
      <c r="V139" s="76"/>
      <c r="W139" s="76"/>
      <c r="X139" s="76"/>
      <c r="Y139" s="76"/>
      <c r="Z139" s="76"/>
      <c r="AA139" s="85"/>
      <c r="AB139" s="85"/>
      <c r="AC139" s="85"/>
      <c r="AD139" s="85"/>
      <c r="AE139" s="85"/>
      <c r="AF139" s="85"/>
      <c r="AG139" s="86"/>
      <c r="AH139" s="85"/>
      <c r="AI139" s="85"/>
      <c r="AJ139" s="85"/>
      <c r="AK139" s="85"/>
      <c r="AL139" s="85"/>
      <c r="AM139" s="92"/>
      <c r="AN139" s="92"/>
      <c r="AO139" s="92"/>
      <c r="AP139" s="92"/>
      <c r="AQ139" s="92"/>
      <c r="AR139" s="92"/>
      <c r="AS139" s="92"/>
      <c r="AT139" s="92"/>
      <c r="AU139" s="92"/>
      <c r="AV139" s="92"/>
      <c r="AW139" s="92"/>
      <c r="AX139" s="92"/>
      <c r="AY139" s="92"/>
      <c r="AZ139" s="93"/>
      <c r="BA139" s="93"/>
      <c r="BB139" s="93"/>
      <c r="BC139" s="93"/>
      <c r="BD139" s="93"/>
      <c r="BE139" s="93"/>
      <c r="BF139" s="93"/>
      <c r="BG139" s="93"/>
      <c r="BH139" s="93"/>
      <c r="BI139" s="93"/>
      <c r="BJ139" s="93"/>
      <c r="BK139" s="93"/>
      <c r="BL139" s="93"/>
    </row>
    <row r="140" spans="2:64" x14ac:dyDescent="0.2">
      <c r="B140" s="79"/>
      <c r="C140" s="73"/>
      <c r="D140" s="64"/>
      <c r="E140" s="55"/>
      <c r="F140" s="74"/>
      <c r="G140" s="74"/>
      <c r="H140" s="74"/>
      <c r="I140" s="75"/>
      <c r="J140" s="74"/>
      <c r="L140" s="55"/>
      <c r="M140" s="234"/>
      <c r="N140" s="65"/>
      <c r="O140" s="76"/>
      <c r="P140" s="76"/>
      <c r="Q140" s="65"/>
      <c r="R140" s="76"/>
      <c r="S140" s="76"/>
      <c r="T140" s="76"/>
      <c r="U140" s="76"/>
      <c r="V140" s="76"/>
      <c r="W140" s="76"/>
      <c r="X140" s="76"/>
      <c r="Y140" s="76"/>
      <c r="Z140" s="76"/>
      <c r="AA140" s="85"/>
      <c r="AB140" s="85"/>
      <c r="AC140" s="85"/>
      <c r="AD140" s="85"/>
      <c r="AE140" s="85"/>
      <c r="AF140" s="85"/>
      <c r="AG140" s="86"/>
      <c r="AH140" s="85"/>
      <c r="AI140" s="85"/>
      <c r="AJ140" s="85"/>
      <c r="AK140" s="85"/>
      <c r="AL140" s="85"/>
      <c r="AM140" s="92"/>
      <c r="AN140" s="92"/>
      <c r="AO140" s="92"/>
      <c r="AP140" s="92"/>
      <c r="AQ140" s="92"/>
      <c r="AR140" s="92"/>
      <c r="AS140" s="92"/>
      <c r="AT140" s="92"/>
      <c r="AU140" s="92"/>
      <c r="AV140" s="92"/>
      <c r="AW140" s="92"/>
      <c r="AX140" s="92"/>
      <c r="AY140" s="92"/>
      <c r="AZ140" s="93"/>
      <c r="BA140" s="93"/>
      <c r="BB140" s="93"/>
      <c r="BC140" s="93"/>
      <c r="BD140" s="93"/>
      <c r="BE140" s="93"/>
      <c r="BF140" s="93"/>
      <c r="BG140" s="93"/>
      <c r="BH140" s="93"/>
      <c r="BI140" s="93"/>
      <c r="BJ140" s="93"/>
      <c r="BK140" s="93"/>
      <c r="BL140" s="93"/>
    </row>
    <row r="141" spans="2:64" x14ac:dyDescent="0.2">
      <c r="B141" s="79"/>
      <c r="C141" s="73"/>
      <c r="D141" s="64"/>
      <c r="E141" s="55"/>
      <c r="F141" s="74"/>
      <c r="G141" s="74"/>
      <c r="H141" s="74"/>
      <c r="I141" s="75"/>
      <c r="J141" s="74"/>
      <c r="L141" s="55"/>
      <c r="M141" s="234"/>
      <c r="N141" s="65"/>
      <c r="O141" s="76"/>
      <c r="P141" s="76"/>
      <c r="Q141" s="65"/>
      <c r="R141" s="76"/>
      <c r="S141" s="76"/>
      <c r="T141" s="76"/>
      <c r="U141" s="76"/>
      <c r="V141" s="76"/>
      <c r="W141" s="76"/>
      <c r="X141" s="76"/>
      <c r="Y141" s="76"/>
      <c r="Z141" s="76"/>
      <c r="AA141" s="85"/>
      <c r="AB141" s="85"/>
      <c r="AC141" s="85"/>
      <c r="AD141" s="85"/>
      <c r="AE141" s="85"/>
      <c r="AF141" s="85"/>
      <c r="AG141" s="86"/>
      <c r="AH141" s="85"/>
      <c r="AI141" s="85"/>
      <c r="AJ141" s="85"/>
      <c r="AK141" s="85"/>
      <c r="AL141" s="85"/>
      <c r="AM141" s="92"/>
      <c r="AN141" s="92"/>
      <c r="AO141" s="92"/>
      <c r="AP141" s="92"/>
      <c r="AQ141" s="92"/>
      <c r="AR141" s="92"/>
      <c r="AS141" s="92"/>
      <c r="AT141" s="92"/>
      <c r="AU141" s="92"/>
      <c r="AV141" s="92"/>
      <c r="AW141" s="92"/>
      <c r="AX141" s="92"/>
      <c r="AY141" s="92"/>
      <c r="AZ141" s="93"/>
      <c r="BA141" s="93"/>
      <c r="BB141" s="93"/>
      <c r="BC141" s="93"/>
      <c r="BD141" s="93"/>
      <c r="BE141" s="93"/>
      <c r="BF141" s="93"/>
      <c r="BG141" s="93"/>
      <c r="BH141" s="93"/>
      <c r="BI141" s="93"/>
      <c r="BJ141" s="93"/>
      <c r="BK141" s="93"/>
      <c r="BL141" s="93"/>
    </row>
    <row r="142" spans="2:64" x14ac:dyDescent="0.2">
      <c r="B142" s="79"/>
      <c r="C142" s="73"/>
      <c r="D142" s="64"/>
      <c r="E142" s="55"/>
      <c r="F142" s="74"/>
      <c r="G142" s="74"/>
      <c r="H142" s="74"/>
      <c r="I142" s="75"/>
      <c r="J142" s="74"/>
      <c r="L142" s="55"/>
      <c r="M142" s="234"/>
      <c r="N142" s="65"/>
      <c r="O142" s="76"/>
      <c r="P142" s="76"/>
      <c r="Q142" s="65"/>
      <c r="R142" s="76"/>
      <c r="S142" s="76"/>
      <c r="T142" s="76"/>
      <c r="U142" s="76"/>
      <c r="V142" s="76"/>
      <c r="W142" s="76"/>
      <c r="X142" s="76"/>
      <c r="Y142" s="76"/>
      <c r="Z142" s="76"/>
      <c r="AA142" s="85"/>
      <c r="AB142" s="85"/>
      <c r="AC142" s="85"/>
      <c r="AD142" s="85"/>
      <c r="AE142" s="85"/>
      <c r="AF142" s="85"/>
      <c r="AG142" s="86"/>
      <c r="AH142" s="85"/>
      <c r="AI142" s="85"/>
      <c r="AJ142" s="85"/>
      <c r="AK142" s="85"/>
      <c r="AL142" s="85"/>
      <c r="AM142" s="92"/>
      <c r="AN142" s="92"/>
      <c r="AO142" s="92"/>
      <c r="AP142" s="92"/>
      <c r="AQ142" s="92"/>
      <c r="AR142" s="92"/>
      <c r="AS142" s="92"/>
      <c r="AT142" s="92"/>
      <c r="AU142" s="92"/>
      <c r="AV142" s="92"/>
      <c r="AW142" s="92"/>
      <c r="AX142" s="92"/>
      <c r="AY142" s="92"/>
      <c r="AZ142" s="93"/>
      <c r="BA142" s="93"/>
      <c r="BB142" s="93"/>
      <c r="BC142" s="93"/>
      <c r="BD142" s="93"/>
      <c r="BE142" s="93"/>
      <c r="BF142" s="93"/>
      <c r="BG142" s="93"/>
      <c r="BH142" s="93"/>
      <c r="BI142" s="93"/>
      <c r="BJ142" s="93"/>
      <c r="BK142" s="93"/>
      <c r="BL142" s="93"/>
    </row>
    <row r="143" spans="2:64" x14ac:dyDescent="0.2">
      <c r="B143" s="79"/>
      <c r="C143" s="73"/>
      <c r="D143" s="64"/>
      <c r="E143" s="55"/>
      <c r="F143" s="74"/>
      <c r="G143" s="74"/>
      <c r="H143" s="74"/>
      <c r="I143" s="75"/>
      <c r="J143" s="74"/>
      <c r="L143" s="55"/>
      <c r="M143" s="234"/>
      <c r="N143" s="65"/>
      <c r="O143" s="76"/>
      <c r="P143" s="76"/>
      <c r="Q143" s="65"/>
      <c r="R143" s="76"/>
      <c r="S143" s="76"/>
      <c r="T143" s="76"/>
      <c r="U143" s="76"/>
      <c r="V143" s="76"/>
      <c r="W143" s="76"/>
      <c r="X143" s="76"/>
      <c r="Y143" s="76"/>
      <c r="Z143" s="76"/>
      <c r="AA143" s="85"/>
      <c r="AB143" s="85"/>
      <c r="AC143" s="85"/>
      <c r="AD143" s="85"/>
      <c r="AE143" s="85"/>
      <c r="AF143" s="85"/>
      <c r="AG143" s="86"/>
      <c r="AH143" s="85"/>
      <c r="AI143" s="85"/>
      <c r="AJ143" s="85"/>
      <c r="AK143" s="85"/>
      <c r="AL143" s="85"/>
      <c r="AM143" s="92"/>
      <c r="AN143" s="92"/>
      <c r="AO143" s="92"/>
      <c r="AP143" s="92"/>
      <c r="AQ143" s="92"/>
      <c r="AR143" s="92"/>
      <c r="AS143" s="92"/>
      <c r="AT143" s="92"/>
      <c r="AU143" s="92"/>
      <c r="AV143" s="92"/>
      <c r="AW143" s="92"/>
      <c r="AX143" s="92"/>
      <c r="AY143" s="92"/>
      <c r="AZ143" s="93"/>
      <c r="BA143" s="93"/>
      <c r="BB143" s="93"/>
      <c r="BC143" s="93"/>
      <c r="BD143" s="93"/>
      <c r="BE143" s="93"/>
      <c r="BF143" s="93"/>
      <c r="BG143" s="93"/>
      <c r="BH143" s="93"/>
      <c r="BI143" s="93"/>
      <c r="BJ143" s="93"/>
      <c r="BK143" s="93"/>
      <c r="BL143" s="93"/>
    </row>
    <row r="144" spans="2:64" x14ac:dyDescent="0.2">
      <c r="B144" s="79"/>
      <c r="C144" s="73"/>
      <c r="D144" s="64"/>
      <c r="E144" s="55"/>
      <c r="F144" s="74"/>
      <c r="G144" s="74"/>
      <c r="H144" s="74"/>
      <c r="I144" s="75"/>
      <c r="J144" s="74"/>
      <c r="L144" s="55"/>
      <c r="M144" s="234"/>
      <c r="N144" s="65"/>
      <c r="O144" s="76"/>
      <c r="P144" s="76"/>
      <c r="Q144" s="65"/>
      <c r="R144" s="76"/>
      <c r="S144" s="76"/>
      <c r="T144" s="76"/>
      <c r="U144" s="76"/>
      <c r="V144" s="76"/>
      <c r="W144" s="76"/>
      <c r="X144" s="76"/>
      <c r="Y144" s="76"/>
      <c r="Z144" s="76"/>
      <c r="AA144" s="85"/>
      <c r="AB144" s="85"/>
      <c r="AC144" s="85"/>
      <c r="AD144" s="85"/>
      <c r="AE144" s="85"/>
      <c r="AF144" s="85"/>
      <c r="AG144" s="86"/>
      <c r="AH144" s="85"/>
      <c r="AI144" s="85"/>
      <c r="AJ144" s="85"/>
      <c r="AK144" s="85"/>
      <c r="AL144" s="85"/>
      <c r="AM144" s="92"/>
      <c r="AN144" s="92"/>
      <c r="AO144" s="92"/>
      <c r="AP144" s="92"/>
      <c r="AQ144" s="92"/>
      <c r="AR144" s="92"/>
      <c r="AS144" s="92"/>
      <c r="AT144" s="92"/>
      <c r="AU144" s="92"/>
      <c r="AV144" s="92"/>
      <c r="AW144" s="92"/>
      <c r="AX144" s="92"/>
      <c r="AY144" s="92"/>
      <c r="AZ144" s="93"/>
      <c r="BA144" s="93"/>
      <c r="BB144" s="93"/>
      <c r="BC144" s="93"/>
      <c r="BD144" s="93"/>
      <c r="BE144" s="93"/>
      <c r="BF144" s="93"/>
      <c r="BG144" s="93"/>
      <c r="BH144" s="93"/>
      <c r="BI144" s="93"/>
      <c r="BJ144" s="93"/>
      <c r="BK144" s="93"/>
      <c r="BL144" s="93"/>
    </row>
    <row r="145" spans="2:64" x14ac:dyDescent="0.2">
      <c r="B145" s="79"/>
      <c r="C145" s="73"/>
      <c r="D145" s="64"/>
      <c r="E145" s="55"/>
      <c r="F145" s="74"/>
      <c r="G145" s="74"/>
      <c r="H145" s="74"/>
      <c r="I145" s="75"/>
      <c r="J145" s="74"/>
      <c r="L145" s="55"/>
      <c r="M145" s="234"/>
      <c r="N145" s="65"/>
      <c r="O145" s="76"/>
      <c r="P145" s="76"/>
      <c r="Q145" s="65"/>
      <c r="R145" s="76"/>
      <c r="S145" s="76"/>
      <c r="T145" s="76"/>
      <c r="U145" s="76"/>
      <c r="V145" s="76"/>
      <c r="W145" s="76"/>
      <c r="X145" s="76"/>
      <c r="Y145" s="76"/>
      <c r="Z145" s="76"/>
      <c r="AA145" s="85"/>
      <c r="AB145" s="85"/>
      <c r="AC145" s="85"/>
      <c r="AD145" s="85"/>
      <c r="AE145" s="85"/>
      <c r="AF145" s="85"/>
      <c r="AG145" s="86"/>
      <c r="AH145" s="85"/>
      <c r="AI145" s="85"/>
      <c r="AJ145" s="85"/>
      <c r="AK145" s="85"/>
      <c r="AL145" s="85"/>
      <c r="AM145" s="92"/>
      <c r="AN145" s="92"/>
      <c r="AO145" s="92"/>
      <c r="AP145" s="92"/>
      <c r="AQ145" s="92"/>
      <c r="AR145" s="92"/>
      <c r="AS145" s="92"/>
      <c r="AT145" s="92"/>
      <c r="AU145" s="92"/>
      <c r="AV145" s="92"/>
      <c r="AW145" s="92"/>
      <c r="AX145" s="92"/>
      <c r="AY145" s="92"/>
      <c r="AZ145" s="93"/>
      <c r="BA145" s="93"/>
      <c r="BB145" s="93"/>
      <c r="BC145" s="93"/>
      <c r="BD145" s="93"/>
      <c r="BE145" s="93"/>
      <c r="BF145" s="93"/>
      <c r="BG145" s="93"/>
      <c r="BH145" s="93"/>
      <c r="BI145" s="93"/>
      <c r="BJ145" s="93"/>
      <c r="BK145" s="93"/>
      <c r="BL145" s="93"/>
    </row>
    <row r="146" spans="2:64" x14ac:dyDescent="0.2">
      <c r="B146" s="79"/>
      <c r="C146" s="73"/>
      <c r="D146" s="64"/>
      <c r="E146" s="55"/>
      <c r="F146" s="74"/>
      <c r="G146" s="74"/>
      <c r="H146" s="74"/>
      <c r="I146" s="75"/>
      <c r="J146" s="74"/>
      <c r="L146" s="55"/>
      <c r="M146" s="234"/>
      <c r="N146" s="65"/>
      <c r="O146" s="76"/>
      <c r="P146" s="76"/>
      <c r="Q146" s="65"/>
      <c r="R146" s="76"/>
      <c r="S146" s="76"/>
      <c r="T146" s="76"/>
      <c r="U146" s="76"/>
      <c r="V146" s="76"/>
      <c r="W146" s="76"/>
      <c r="X146" s="76"/>
      <c r="Y146" s="76"/>
      <c r="Z146" s="76"/>
      <c r="AA146" s="85"/>
      <c r="AB146" s="85"/>
      <c r="AC146" s="85"/>
      <c r="AD146" s="85"/>
      <c r="AE146" s="85"/>
      <c r="AF146" s="85"/>
      <c r="AG146" s="86"/>
      <c r="AH146" s="85"/>
      <c r="AI146" s="85"/>
      <c r="AJ146" s="85"/>
      <c r="AK146" s="85"/>
      <c r="AL146" s="85"/>
      <c r="AM146" s="92"/>
      <c r="AN146" s="92"/>
      <c r="AO146" s="92"/>
      <c r="AP146" s="92"/>
      <c r="AQ146" s="92"/>
      <c r="AR146" s="92"/>
      <c r="AS146" s="92"/>
      <c r="AT146" s="92"/>
      <c r="AU146" s="92"/>
      <c r="AV146" s="92"/>
      <c r="AW146" s="92"/>
      <c r="AX146" s="92"/>
      <c r="AY146" s="92"/>
      <c r="AZ146" s="93"/>
      <c r="BA146" s="93"/>
      <c r="BB146" s="93"/>
      <c r="BC146" s="93"/>
      <c r="BD146" s="93"/>
      <c r="BE146" s="93"/>
      <c r="BF146" s="93"/>
      <c r="BG146" s="93"/>
      <c r="BH146" s="93"/>
      <c r="BI146" s="93"/>
      <c r="BJ146" s="93"/>
      <c r="BK146" s="93"/>
      <c r="BL146" s="93"/>
    </row>
    <row r="147" spans="2:64" x14ac:dyDescent="0.2">
      <c r="B147" s="79"/>
      <c r="C147" s="73"/>
      <c r="D147" s="64"/>
      <c r="E147" s="55"/>
      <c r="F147" s="74"/>
      <c r="G147" s="74"/>
      <c r="H147" s="74"/>
      <c r="I147" s="75"/>
      <c r="J147" s="74"/>
      <c r="L147" s="55"/>
      <c r="M147" s="234"/>
      <c r="N147" s="65"/>
      <c r="O147" s="76"/>
      <c r="P147" s="76"/>
      <c r="Q147" s="65"/>
      <c r="R147" s="76"/>
      <c r="S147" s="76"/>
      <c r="T147" s="76"/>
      <c r="U147" s="76"/>
      <c r="V147" s="76"/>
      <c r="W147" s="76"/>
      <c r="X147" s="76"/>
      <c r="Y147" s="76"/>
      <c r="Z147" s="76"/>
      <c r="AA147" s="85"/>
      <c r="AB147" s="85"/>
      <c r="AC147" s="85"/>
      <c r="AD147" s="85"/>
      <c r="AE147" s="85"/>
      <c r="AF147" s="85"/>
      <c r="AG147" s="86"/>
      <c r="AH147" s="85"/>
      <c r="AI147" s="85"/>
      <c r="AJ147" s="85"/>
      <c r="AK147" s="85"/>
      <c r="AL147" s="85"/>
      <c r="AM147" s="92"/>
      <c r="AN147" s="92"/>
      <c r="AO147" s="92"/>
      <c r="AP147" s="92"/>
      <c r="AQ147" s="92"/>
      <c r="AR147" s="92"/>
      <c r="AS147" s="92"/>
      <c r="AT147" s="92"/>
      <c r="AU147" s="92"/>
      <c r="AV147" s="92"/>
      <c r="AW147" s="92"/>
      <c r="AX147" s="92"/>
      <c r="AY147" s="92"/>
      <c r="AZ147" s="93"/>
      <c r="BA147" s="93"/>
      <c r="BB147" s="93"/>
      <c r="BC147" s="93"/>
      <c r="BD147" s="93"/>
      <c r="BE147" s="93"/>
      <c r="BF147" s="93"/>
      <c r="BG147" s="93"/>
      <c r="BH147" s="93"/>
      <c r="BI147" s="93"/>
      <c r="BJ147" s="93"/>
      <c r="BK147" s="93"/>
      <c r="BL147" s="93"/>
    </row>
    <row r="148" spans="2:64" x14ac:dyDescent="0.2">
      <c r="B148" s="79"/>
      <c r="C148" s="73"/>
      <c r="D148" s="64"/>
      <c r="E148" s="55"/>
      <c r="F148" s="74"/>
      <c r="G148" s="74"/>
      <c r="H148" s="74"/>
      <c r="I148" s="75"/>
      <c r="J148" s="74"/>
      <c r="L148" s="55"/>
      <c r="M148" s="234"/>
      <c r="N148" s="65"/>
      <c r="O148" s="76"/>
      <c r="P148" s="76"/>
      <c r="Q148" s="65"/>
      <c r="R148" s="76"/>
      <c r="S148" s="76"/>
      <c r="T148" s="76"/>
      <c r="U148" s="76"/>
      <c r="V148" s="76"/>
      <c r="W148" s="76"/>
      <c r="X148" s="76"/>
      <c r="Y148" s="76"/>
      <c r="Z148" s="76"/>
      <c r="AA148" s="85"/>
      <c r="AB148" s="85"/>
      <c r="AC148" s="85"/>
      <c r="AD148" s="85"/>
      <c r="AE148" s="85"/>
      <c r="AF148" s="85"/>
      <c r="AG148" s="86"/>
      <c r="AH148" s="85"/>
      <c r="AI148" s="85"/>
      <c r="AJ148" s="85"/>
      <c r="AK148" s="85"/>
      <c r="AL148" s="85"/>
      <c r="AM148" s="92"/>
      <c r="AN148" s="92"/>
      <c r="AO148" s="92"/>
      <c r="AP148" s="92"/>
      <c r="AQ148" s="92"/>
      <c r="AR148" s="92"/>
      <c r="AS148" s="92"/>
      <c r="AT148" s="92"/>
      <c r="AU148" s="92"/>
      <c r="AV148" s="92"/>
      <c r="AW148" s="92"/>
      <c r="AX148" s="92"/>
      <c r="AY148" s="92"/>
      <c r="AZ148" s="93"/>
      <c r="BA148" s="93"/>
      <c r="BB148" s="93"/>
      <c r="BC148" s="93"/>
      <c r="BD148" s="93"/>
      <c r="BE148" s="93"/>
      <c r="BF148" s="93"/>
      <c r="BG148" s="93"/>
      <c r="BH148" s="93"/>
      <c r="BI148" s="93"/>
      <c r="BJ148" s="93"/>
      <c r="BK148" s="93"/>
      <c r="BL148" s="93"/>
    </row>
    <row r="149" spans="2:64" x14ac:dyDescent="0.2">
      <c r="B149" s="79"/>
      <c r="C149" s="73"/>
      <c r="D149" s="64"/>
      <c r="E149" s="55"/>
      <c r="F149" s="74"/>
      <c r="G149" s="74"/>
      <c r="H149" s="74"/>
      <c r="I149" s="75"/>
      <c r="J149" s="74"/>
      <c r="L149" s="55"/>
      <c r="M149" s="234"/>
      <c r="N149" s="65"/>
      <c r="O149" s="76"/>
      <c r="P149" s="76"/>
      <c r="Q149" s="65"/>
      <c r="R149" s="76"/>
      <c r="S149" s="76"/>
      <c r="T149" s="76"/>
      <c r="U149" s="76"/>
      <c r="V149" s="76"/>
      <c r="W149" s="76"/>
      <c r="X149" s="76"/>
      <c r="Y149" s="76"/>
      <c r="Z149" s="76"/>
      <c r="AA149" s="85"/>
      <c r="AB149" s="85"/>
      <c r="AC149" s="85"/>
      <c r="AD149" s="85"/>
      <c r="AE149" s="85"/>
      <c r="AF149" s="85"/>
      <c r="AG149" s="86"/>
      <c r="AH149" s="85"/>
      <c r="AI149" s="85"/>
      <c r="AJ149" s="85"/>
      <c r="AK149" s="85"/>
      <c r="AL149" s="85"/>
      <c r="AM149" s="92"/>
      <c r="AN149" s="92"/>
      <c r="AO149" s="92"/>
      <c r="AP149" s="92"/>
      <c r="AQ149" s="92"/>
      <c r="AR149" s="92"/>
      <c r="AS149" s="92"/>
      <c r="AT149" s="92"/>
      <c r="AU149" s="92"/>
      <c r="AV149" s="92"/>
      <c r="AW149" s="92"/>
      <c r="AX149" s="92"/>
      <c r="AY149" s="92"/>
      <c r="AZ149" s="93"/>
      <c r="BA149" s="93"/>
      <c r="BB149" s="93"/>
      <c r="BC149" s="93"/>
      <c r="BD149" s="93"/>
      <c r="BE149" s="93"/>
      <c r="BF149" s="93"/>
      <c r="BG149" s="93"/>
      <c r="BH149" s="93"/>
      <c r="BI149" s="93"/>
      <c r="BJ149" s="93"/>
      <c r="BK149" s="93"/>
      <c r="BL149" s="93"/>
    </row>
    <row r="150" spans="2:64" x14ac:dyDescent="0.2">
      <c r="B150" s="79"/>
      <c r="C150" s="73"/>
      <c r="D150" s="64"/>
      <c r="E150" s="55"/>
      <c r="F150" s="74"/>
      <c r="G150" s="74"/>
      <c r="H150" s="74"/>
      <c r="I150" s="75"/>
      <c r="J150" s="74"/>
      <c r="L150" s="55"/>
      <c r="M150" s="234"/>
      <c r="N150" s="65"/>
      <c r="O150" s="76"/>
      <c r="P150" s="76"/>
      <c r="Q150" s="65"/>
      <c r="R150" s="76"/>
      <c r="S150" s="76"/>
      <c r="T150" s="76"/>
      <c r="U150" s="76"/>
      <c r="V150" s="76"/>
      <c r="W150" s="76"/>
      <c r="X150" s="76"/>
      <c r="Y150" s="76"/>
      <c r="Z150" s="76"/>
      <c r="AA150" s="85"/>
      <c r="AB150" s="85"/>
      <c r="AC150" s="85"/>
      <c r="AD150" s="85"/>
      <c r="AE150" s="85"/>
      <c r="AF150" s="85"/>
      <c r="AG150" s="86"/>
      <c r="AH150" s="85"/>
      <c r="AI150" s="85"/>
      <c r="AJ150" s="85"/>
      <c r="AK150" s="85"/>
      <c r="AL150" s="85"/>
      <c r="AM150" s="92"/>
      <c r="AN150" s="92"/>
      <c r="AO150" s="92"/>
      <c r="AP150" s="92"/>
      <c r="AQ150" s="92"/>
      <c r="AR150" s="92"/>
      <c r="AS150" s="92"/>
      <c r="AT150" s="92"/>
      <c r="AU150" s="92"/>
      <c r="AV150" s="92"/>
      <c r="AW150" s="92"/>
      <c r="AX150" s="92"/>
      <c r="AY150" s="92"/>
      <c r="AZ150" s="93"/>
      <c r="BA150" s="93"/>
      <c r="BB150" s="93"/>
      <c r="BC150" s="93"/>
      <c r="BD150" s="93"/>
      <c r="BE150" s="93"/>
      <c r="BF150" s="93"/>
      <c r="BG150" s="93"/>
      <c r="BH150" s="93"/>
      <c r="BI150" s="93"/>
      <c r="BJ150" s="93"/>
      <c r="BK150" s="93"/>
      <c r="BL150" s="93"/>
    </row>
    <row r="151" spans="2:64" x14ac:dyDescent="0.2">
      <c r="B151" s="79"/>
      <c r="C151" s="73"/>
      <c r="D151" s="64"/>
      <c r="E151" s="55"/>
      <c r="F151" s="74"/>
      <c r="G151" s="74"/>
      <c r="H151" s="74"/>
      <c r="I151" s="75"/>
      <c r="J151" s="74"/>
      <c r="L151" s="55"/>
      <c r="M151" s="234"/>
      <c r="N151" s="65"/>
      <c r="O151" s="76"/>
      <c r="P151" s="76"/>
      <c r="Q151" s="65"/>
      <c r="R151" s="76"/>
      <c r="S151" s="76"/>
      <c r="T151" s="76"/>
      <c r="U151" s="76"/>
      <c r="V151" s="76"/>
      <c r="W151" s="76"/>
      <c r="X151" s="76"/>
      <c r="Y151" s="76"/>
      <c r="Z151" s="76"/>
      <c r="AA151" s="85"/>
      <c r="AB151" s="85"/>
      <c r="AC151" s="85"/>
      <c r="AD151" s="85"/>
      <c r="AE151" s="85"/>
      <c r="AF151" s="85"/>
      <c r="AG151" s="86"/>
      <c r="AH151" s="85"/>
      <c r="AI151" s="85"/>
      <c r="AJ151" s="85"/>
      <c r="AK151" s="85"/>
      <c r="AL151" s="85"/>
      <c r="AM151" s="92"/>
      <c r="AN151" s="92"/>
      <c r="AO151" s="92"/>
      <c r="AP151" s="92"/>
      <c r="AQ151" s="92"/>
      <c r="AR151" s="92"/>
      <c r="AS151" s="92"/>
      <c r="AT151" s="92"/>
      <c r="AU151" s="92"/>
      <c r="AV151" s="92"/>
      <c r="AW151" s="92"/>
      <c r="AX151" s="92"/>
      <c r="AY151" s="92"/>
      <c r="AZ151" s="93"/>
      <c r="BA151" s="93"/>
      <c r="BB151" s="93"/>
      <c r="BC151" s="93"/>
      <c r="BD151" s="93"/>
      <c r="BE151" s="93"/>
      <c r="BF151" s="93"/>
      <c r="BG151" s="93"/>
      <c r="BH151" s="93"/>
      <c r="BI151" s="93"/>
      <c r="BJ151" s="93"/>
      <c r="BK151" s="93"/>
      <c r="BL151" s="93"/>
    </row>
    <row r="152" spans="2:64" x14ac:dyDescent="0.2">
      <c r="B152" s="79"/>
      <c r="C152" s="73"/>
      <c r="D152" s="64"/>
      <c r="E152" s="55"/>
      <c r="F152" s="74"/>
      <c r="G152" s="74"/>
      <c r="H152" s="74"/>
      <c r="I152" s="75"/>
      <c r="J152" s="74"/>
      <c r="L152" s="55"/>
      <c r="M152" s="234"/>
      <c r="N152" s="65"/>
      <c r="O152" s="76"/>
      <c r="P152" s="76"/>
      <c r="Q152" s="65"/>
      <c r="R152" s="76"/>
      <c r="S152" s="76"/>
      <c r="T152" s="76"/>
      <c r="U152" s="76"/>
      <c r="V152" s="76"/>
      <c r="W152" s="76"/>
      <c r="X152" s="76"/>
      <c r="Y152" s="76"/>
      <c r="Z152" s="76"/>
      <c r="AA152" s="85"/>
      <c r="AB152" s="85"/>
      <c r="AC152" s="85"/>
      <c r="AD152" s="85"/>
      <c r="AE152" s="85"/>
      <c r="AF152" s="85"/>
      <c r="AG152" s="86"/>
      <c r="AH152" s="85"/>
      <c r="AI152" s="85"/>
      <c r="AJ152" s="85"/>
      <c r="AK152" s="85"/>
      <c r="AL152" s="85"/>
      <c r="AM152" s="92"/>
      <c r="AN152" s="92"/>
      <c r="AO152" s="92"/>
      <c r="AP152" s="92"/>
      <c r="AQ152" s="92"/>
      <c r="AR152" s="92"/>
      <c r="AS152" s="92"/>
      <c r="AT152" s="92"/>
      <c r="AU152" s="92"/>
      <c r="AV152" s="92"/>
      <c r="AW152" s="92"/>
      <c r="AX152" s="92"/>
      <c r="AY152" s="92"/>
      <c r="AZ152" s="93"/>
      <c r="BA152" s="93"/>
      <c r="BB152" s="93"/>
      <c r="BC152" s="93"/>
      <c r="BD152" s="93"/>
      <c r="BE152" s="93"/>
      <c r="BF152" s="93"/>
      <c r="BG152" s="93"/>
      <c r="BH152" s="93"/>
      <c r="BI152" s="93"/>
      <c r="BJ152" s="93"/>
      <c r="BK152" s="93"/>
      <c r="BL152" s="93"/>
    </row>
    <row r="153" spans="2:64" x14ac:dyDescent="0.2">
      <c r="B153" s="79"/>
      <c r="C153" s="73"/>
      <c r="D153" s="64"/>
      <c r="E153" s="55"/>
      <c r="F153" s="74"/>
      <c r="G153" s="74"/>
      <c r="H153" s="74"/>
      <c r="I153" s="75"/>
      <c r="J153" s="74"/>
      <c r="L153" s="55"/>
      <c r="M153" s="234"/>
      <c r="N153" s="65"/>
      <c r="O153" s="76"/>
      <c r="P153" s="76"/>
      <c r="Q153" s="65"/>
      <c r="R153" s="76"/>
      <c r="S153" s="76"/>
      <c r="T153" s="76"/>
      <c r="U153" s="76"/>
      <c r="V153" s="76"/>
      <c r="W153" s="76"/>
      <c r="X153" s="76"/>
      <c r="Y153" s="76"/>
      <c r="Z153" s="76"/>
      <c r="AA153" s="85"/>
      <c r="AB153" s="85"/>
      <c r="AC153" s="85"/>
      <c r="AD153" s="85"/>
      <c r="AE153" s="85"/>
      <c r="AF153" s="85"/>
      <c r="AG153" s="86"/>
      <c r="AH153" s="85"/>
      <c r="AI153" s="85"/>
      <c r="AJ153" s="85"/>
      <c r="AK153" s="85"/>
      <c r="AL153" s="85"/>
      <c r="AM153" s="92"/>
      <c r="AN153" s="92"/>
      <c r="AO153" s="92"/>
      <c r="AP153" s="92"/>
      <c r="AQ153" s="92"/>
      <c r="AR153" s="92"/>
      <c r="AS153" s="92"/>
      <c r="AT153" s="92"/>
      <c r="AU153" s="92"/>
      <c r="AV153" s="92"/>
      <c r="AW153" s="92"/>
      <c r="AX153" s="92"/>
      <c r="AY153" s="92"/>
      <c r="AZ153" s="93"/>
      <c r="BA153" s="93"/>
      <c r="BB153" s="93"/>
      <c r="BC153" s="93"/>
      <c r="BD153" s="93"/>
      <c r="BE153" s="93"/>
      <c r="BF153" s="93"/>
      <c r="BG153" s="93"/>
      <c r="BH153" s="93"/>
      <c r="BI153" s="93"/>
      <c r="BJ153" s="93"/>
      <c r="BK153" s="93"/>
      <c r="BL153" s="93"/>
    </row>
    <row r="154" spans="2:64" x14ac:dyDescent="0.2">
      <c r="B154" s="79"/>
      <c r="C154" s="73"/>
      <c r="D154" s="64"/>
      <c r="E154" s="55"/>
      <c r="F154" s="74"/>
      <c r="G154" s="74"/>
      <c r="H154" s="74"/>
      <c r="I154" s="75"/>
      <c r="J154" s="74"/>
      <c r="L154" s="55"/>
      <c r="M154" s="234"/>
      <c r="N154" s="65"/>
      <c r="O154" s="76"/>
      <c r="P154" s="76"/>
      <c r="Q154" s="65"/>
      <c r="R154" s="76"/>
      <c r="S154" s="76"/>
      <c r="T154" s="76"/>
      <c r="U154" s="76"/>
      <c r="V154" s="76"/>
      <c r="W154" s="76"/>
      <c r="X154" s="76"/>
      <c r="Y154" s="76"/>
      <c r="Z154" s="76"/>
      <c r="AA154" s="85"/>
      <c r="AB154" s="85"/>
      <c r="AC154" s="85"/>
      <c r="AD154" s="85"/>
      <c r="AE154" s="85"/>
      <c r="AF154" s="85"/>
      <c r="AG154" s="86"/>
      <c r="AH154" s="85"/>
      <c r="AI154" s="85"/>
      <c r="AJ154" s="85"/>
      <c r="AK154" s="85"/>
      <c r="AL154" s="85"/>
      <c r="AM154" s="92"/>
      <c r="AN154" s="92"/>
      <c r="AO154" s="92"/>
      <c r="AP154" s="92"/>
      <c r="AQ154" s="92"/>
      <c r="AR154" s="92"/>
      <c r="AS154" s="92"/>
      <c r="AT154" s="92"/>
      <c r="AU154" s="92"/>
      <c r="AV154" s="92"/>
      <c r="AW154" s="92"/>
      <c r="AX154" s="92"/>
      <c r="AY154" s="92"/>
      <c r="AZ154" s="93"/>
      <c r="BA154" s="93"/>
      <c r="BB154" s="93"/>
      <c r="BC154" s="93"/>
      <c r="BD154" s="93"/>
      <c r="BE154" s="93"/>
      <c r="BF154" s="93"/>
      <c r="BG154" s="93"/>
      <c r="BH154" s="93"/>
      <c r="BI154" s="93"/>
      <c r="BJ154" s="93"/>
      <c r="BK154" s="93"/>
      <c r="BL154" s="93"/>
    </row>
    <row r="155" spans="2:64" x14ac:dyDescent="0.2">
      <c r="B155" s="79"/>
      <c r="C155" s="73"/>
      <c r="D155" s="64"/>
      <c r="E155" s="55"/>
      <c r="F155" s="74"/>
      <c r="G155" s="74"/>
      <c r="H155" s="74"/>
      <c r="I155" s="75"/>
      <c r="J155" s="74"/>
      <c r="L155" s="55"/>
      <c r="M155" s="234"/>
      <c r="N155" s="65"/>
      <c r="O155" s="76"/>
      <c r="P155" s="76"/>
      <c r="Q155" s="65"/>
      <c r="R155" s="76"/>
      <c r="S155" s="76"/>
      <c r="T155" s="76"/>
      <c r="U155" s="76"/>
      <c r="V155" s="76"/>
      <c r="W155" s="76"/>
      <c r="X155" s="76"/>
      <c r="Y155" s="76"/>
      <c r="Z155" s="76"/>
      <c r="AA155" s="85"/>
      <c r="AB155" s="85"/>
      <c r="AC155" s="85"/>
      <c r="AD155" s="85"/>
      <c r="AE155" s="85"/>
      <c r="AF155" s="85"/>
      <c r="AG155" s="86"/>
      <c r="AH155" s="85"/>
      <c r="AI155" s="85"/>
      <c r="AJ155" s="85"/>
      <c r="AK155" s="85"/>
      <c r="AL155" s="85"/>
      <c r="AM155" s="92"/>
      <c r="AN155" s="92"/>
      <c r="AO155" s="92"/>
      <c r="AP155" s="92"/>
      <c r="AQ155" s="92"/>
      <c r="AR155" s="92"/>
      <c r="AS155" s="92"/>
      <c r="AT155" s="92"/>
      <c r="AU155" s="92"/>
      <c r="AV155" s="92"/>
      <c r="AW155" s="92"/>
      <c r="AX155" s="92"/>
      <c r="AY155" s="92"/>
      <c r="AZ155" s="93"/>
      <c r="BA155" s="93"/>
      <c r="BB155" s="93"/>
      <c r="BC155" s="93"/>
      <c r="BD155" s="93"/>
      <c r="BE155" s="93"/>
      <c r="BF155" s="93"/>
      <c r="BG155" s="93"/>
      <c r="BH155" s="93"/>
      <c r="BI155" s="93"/>
      <c r="BJ155" s="93"/>
      <c r="BK155" s="93"/>
      <c r="BL155" s="93"/>
    </row>
    <row r="156" spans="2:64" x14ac:dyDescent="0.2">
      <c r="B156" s="79"/>
      <c r="C156" s="73"/>
      <c r="D156" s="64"/>
      <c r="E156" s="55"/>
      <c r="F156" s="74"/>
      <c r="G156" s="74"/>
      <c r="H156" s="74"/>
      <c r="I156" s="75"/>
      <c r="J156" s="74"/>
      <c r="L156" s="55"/>
      <c r="M156" s="234"/>
      <c r="N156" s="65"/>
      <c r="O156" s="76"/>
      <c r="P156" s="76"/>
      <c r="Q156" s="65"/>
      <c r="R156" s="76"/>
      <c r="S156" s="76"/>
      <c r="T156" s="76"/>
      <c r="U156" s="76"/>
      <c r="V156" s="76"/>
      <c r="W156" s="76"/>
      <c r="X156" s="76"/>
      <c r="Y156" s="76"/>
      <c r="Z156" s="76"/>
      <c r="AA156" s="85"/>
      <c r="AB156" s="85"/>
      <c r="AC156" s="85"/>
      <c r="AD156" s="85"/>
      <c r="AE156" s="85"/>
      <c r="AF156" s="85"/>
      <c r="AG156" s="86"/>
      <c r="AH156" s="85"/>
      <c r="AI156" s="85"/>
      <c r="AJ156" s="85"/>
      <c r="AK156" s="85"/>
      <c r="AL156" s="85"/>
      <c r="AM156" s="92"/>
      <c r="AN156" s="92"/>
      <c r="AO156" s="92"/>
      <c r="AP156" s="92"/>
      <c r="AQ156" s="92"/>
      <c r="AR156" s="92"/>
      <c r="AS156" s="92"/>
      <c r="AT156" s="92"/>
      <c r="AU156" s="92"/>
      <c r="AV156" s="92"/>
      <c r="AW156" s="92"/>
      <c r="AX156" s="92"/>
      <c r="AY156" s="92"/>
      <c r="AZ156" s="93"/>
      <c r="BA156" s="93"/>
      <c r="BB156" s="93"/>
      <c r="BC156" s="93"/>
      <c r="BD156" s="93"/>
      <c r="BE156" s="93"/>
      <c r="BF156" s="93"/>
      <c r="BG156" s="93"/>
      <c r="BH156" s="93"/>
      <c r="BI156" s="93"/>
      <c r="BJ156" s="93"/>
      <c r="BK156" s="93"/>
      <c r="BL156" s="93"/>
    </row>
    <row r="157" spans="2:64" x14ac:dyDescent="0.2">
      <c r="B157" s="79"/>
      <c r="C157" s="73"/>
      <c r="D157" s="64"/>
      <c r="E157" s="55"/>
      <c r="F157" s="74"/>
      <c r="G157" s="74"/>
      <c r="H157" s="74"/>
      <c r="I157" s="75"/>
      <c r="J157" s="74"/>
      <c r="L157" s="55"/>
      <c r="M157" s="234"/>
      <c r="N157" s="65"/>
      <c r="O157" s="76"/>
      <c r="P157" s="76"/>
      <c r="Q157" s="65"/>
      <c r="R157" s="76"/>
      <c r="S157" s="76"/>
      <c r="T157" s="76"/>
      <c r="U157" s="76"/>
      <c r="V157" s="76"/>
      <c r="W157" s="76"/>
      <c r="X157" s="76"/>
      <c r="Y157" s="76"/>
      <c r="Z157" s="76"/>
      <c r="AA157" s="85"/>
      <c r="AB157" s="85"/>
      <c r="AC157" s="85"/>
      <c r="AD157" s="85"/>
      <c r="AE157" s="85"/>
      <c r="AF157" s="85"/>
      <c r="AG157" s="86"/>
      <c r="AH157" s="85"/>
      <c r="AI157" s="85"/>
      <c r="AJ157" s="85"/>
      <c r="AK157" s="85"/>
      <c r="AL157" s="85"/>
      <c r="AM157" s="92"/>
      <c r="AN157" s="92"/>
      <c r="AO157" s="92"/>
      <c r="AP157" s="92"/>
      <c r="AQ157" s="92"/>
      <c r="AR157" s="92"/>
      <c r="AS157" s="92"/>
      <c r="AT157" s="92"/>
      <c r="AU157" s="92"/>
      <c r="AV157" s="92"/>
      <c r="AW157" s="92"/>
      <c r="AX157" s="92"/>
      <c r="AY157" s="92"/>
      <c r="AZ157" s="93"/>
      <c r="BA157" s="93"/>
      <c r="BB157" s="93"/>
      <c r="BC157" s="93"/>
      <c r="BD157" s="93"/>
      <c r="BE157" s="93"/>
      <c r="BF157" s="93"/>
      <c r="BG157" s="93"/>
      <c r="BH157" s="93"/>
      <c r="BI157" s="93"/>
      <c r="BJ157" s="93"/>
      <c r="BK157" s="93"/>
      <c r="BL157" s="93"/>
    </row>
    <row r="158" spans="2:64" x14ac:dyDescent="0.2">
      <c r="B158" s="79"/>
      <c r="C158" s="73"/>
      <c r="D158" s="64"/>
      <c r="E158" s="55"/>
      <c r="F158" s="74"/>
      <c r="G158" s="74"/>
      <c r="H158" s="74"/>
      <c r="I158" s="75"/>
      <c r="J158" s="74"/>
      <c r="L158" s="55"/>
      <c r="M158" s="234"/>
      <c r="N158" s="65"/>
      <c r="O158" s="76"/>
      <c r="P158" s="76"/>
      <c r="Q158" s="65"/>
      <c r="R158" s="76"/>
      <c r="S158" s="76"/>
      <c r="T158" s="76"/>
      <c r="U158" s="76"/>
      <c r="V158" s="76"/>
      <c r="W158" s="76"/>
      <c r="X158" s="76"/>
      <c r="Y158" s="76"/>
      <c r="Z158" s="76"/>
      <c r="AA158" s="85"/>
      <c r="AB158" s="85"/>
      <c r="AC158" s="85"/>
      <c r="AD158" s="85"/>
      <c r="AE158" s="85"/>
      <c r="AF158" s="85"/>
      <c r="AG158" s="86"/>
      <c r="AH158" s="85"/>
      <c r="AI158" s="85"/>
      <c r="AJ158" s="85"/>
      <c r="AK158" s="85"/>
      <c r="AL158" s="85"/>
      <c r="AM158" s="92"/>
      <c r="AN158" s="92"/>
      <c r="AO158" s="92"/>
      <c r="AP158" s="92"/>
      <c r="AQ158" s="92"/>
      <c r="AR158" s="92"/>
      <c r="AS158" s="92"/>
      <c r="AT158" s="92"/>
      <c r="AU158" s="92"/>
      <c r="AV158" s="92"/>
      <c r="AW158" s="92"/>
      <c r="AX158" s="92"/>
      <c r="AY158" s="92"/>
      <c r="AZ158" s="93"/>
      <c r="BA158" s="93"/>
      <c r="BB158" s="93"/>
      <c r="BC158" s="93"/>
      <c r="BD158" s="93"/>
      <c r="BE158" s="93"/>
      <c r="BF158" s="93"/>
      <c r="BG158" s="93"/>
      <c r="BH158" s="93"/>
      <c r="BI158" s="93"/>
      <c r="BJ158" s="93"/>
      <c r="BK158" s="93"/>
      <c r="BL158" s="93"/>
    </row>
    <row r="159" spans="2:64" x14ac:dyDescent="0.2">
      <c r="B159" s="79"/>
      <c r="C159" s="73"/>
      <c r="D159" s="64"/>
      <c r="E159" s="55"/>
      <c r="F159" s="74"/>
      <c r="G159" s="74"/>
      <c r="H159" s="74"/>
      <c r="I159" s="75"/>
      <c r="J159" s="74"/>
      <c r="L159" s="55"/>
      <c r="M159" s="234"/>
      <c r="N159" s="65"/>
      <c r="O159" s="76"/>
      <c r="P159" s="76"/>
      <c r="Q159" s="65"/>
      <c r="R159" s="76"/>
      <c r="S159" s="76"/>
      <c r="T159" s="76"/>
      <c r="U159" s="76"/>
      <c r="V159" s="76"/>
      <c r="W159" s="76"/>
      <c r="X159" s="76"/>
      <c r="Y159" s="76"/>
      <c r="Z159" s="76"/>
      <c r="AA159" s="85"/>
      <c r="AB159" s="85"/>
      <c r="AC159" s="85"/>
      <c r="AD159" s="85"/>
      <c r="AE159" s="85"/>
      <c r="AF159" s="85"/>
      <c r="AG159" s="86"/>
      <c r="AH159" s="85"/>
      <c r="AI159" s="85"/>
      <c r="AJ159" s="85"/>
      <c r="AK159" s="85"/>
      <c r="AL159" s="85"/>
      <c r="AM159" s="92"/>
      <c r="AN159" s="92"/>
      <c r="AO159" s="92"/>
      <c r="AP159" s="92"/>
      <c r="AQ159" s="92"/>
      <c r="AR159" s="92"/>
      <c r="AS159" s="92"/>
      <c r="AT159" s="92"/>
      <c r="AU159" s="92"/>
      <c r="AV159" s="92"/>
      <c r="AW159" s="92"/>
      <c r="AX159" s="92"/>
      <c r="AY159" s="92"/>
      <c r="AZ159" s="93"/>
      <c r="BA159" s="93"/>
      <c r="BB159" s="93"/>
      <c r="BC159" s="93"/>
      <c r="BD159" s="93"/>
      <c r="BE159" s="93"/>
      <c r="BF159" s="93"/>
      <c r="BG159" s="93"/>
      <c r="BH159" s="93"/>
      <c r="BI159" s="93"/>
      <c r="BJ159" s="93"/>
      <c r="BK159" s="93"/>
      <c r="BL159" s="93"/>
    </row>
    <row r="160" spans="2:64" x14ac:dyDescent="0.2">
      <c r="B160" s="79"/>
      <c r="C160" s="73"/>
      <c r="D160" s="64"/>
      <c r="E160" s="55"/>
      <c r="F160" s="74"/>
      <c r="G160" s="74"/>
      <c r="H160" s="74"/>
      <c r="I160" s="75"/>
      <c r="J160" s="74"/>
      <c r="L160" s="55"/>
      <c r="M160" s="234"/>
      <c r="N160" s="65"/>
      <c r="O160" s="76"/>
      <c r="P160" s="76"/>
      <c r="Q160" s="65"/>
      <c r="R160" s="76"/>
      <c r="S160" s="76"/>
      <c r="T160" s="76"/>
      <c r="U160" s="76"/>
      <c r="V160" s="76"/>
      <c r="W160" s="76"/>
      <c r="X160" s="76"/>
      <c r="Y160" s="76"/>
      <c r="Z160" s="76"/>
      <c r="AA160" s="85"/>
      <c r="AB160" s="85"/>
      <c r="AC160" s="85"/>
      <c r="AD160" s="85"/>
      <c r="AE160" s="85"/>
      <c r="AF160" s="85"/>
      <c r="AG160" s="86"/>
      <c r="AH160" s="85"/>
      <c r="AI160" s="85"/>
      <c r="AJ160" s="85"/>
      <c r="AK160" s="85"/>
      <c r="AL160" s="85"/>
      <c r="AM160" s="92"/>
      <c r="AN160" s="92"/>
      <c r="AO160" s="92"/>
      <c r="AP160" s="92"/>
      <c r="AQ160" s="92"/>
      <c r="AR160" s="92"/>
      <c r="AS160" s="92"/>
      <c r="AT160" s="92"/>
      <c r="AU160" s="92"/>
      <c r="AV160" s="92"/>
      <c r="AW160" s="92"/>
      <c r="AX160" s="92"/>
      <c r="AY160" s="92"/>
      <c r="AZ160" s="93"/>
      <c r="BA160" s="93"/>
      <c r="BB160" s="93"/>
      <c r="BC160" s="93"/>
      <c r="BD160" s="93"/>
      <c r="BE160" s="93"/>
      <c r="BF160" s="93"/>
      <c r="BG160" s="93"/>
      <c r="BH160" s="93"/>
      <c r="BI160" s="93"/>
      <c r="BJ160" s="93"/>
      <c r="BK160" s="93"/>
      <c r="BL160" s="93"/>
    </row>
    <row r="161" spans="2:64" x14ac:dyDescent="0.2">
      <c r="B161" s="79"/>
      <c r="C161" s="73"/>
      <c r="D161" s="64"/>
      <c r="E161" s="55"/>
      <c r="F161" s="74"/>
      <c r="G161" s="74"/>
      <c r="H161" s="74"/>
      <c r="I161" s="75"/>
      <c r="J161" s="74"/>
      <c r="L161" s="55"/>
      <c r="M161" s="234"/>
      <c r="N161" s="65"/>
      <c r="O161" s="76"/>
      <c r="P161" s="76"/>
      <c r="Q161" s="65"/>
      <c r="R161" s="76"/>
      <c r="S161" s="76"/>
      <c r="T161" s="76"/>
      <c r="U161" s="76"/>
      <c r="V161" s="76"/>
      <c r="W161" s="76"/>
      <c r="X161" s="76"/>
      <c r="Y161" s="76"/>
      <c r="Z161" s="76"/>
      <c r="AA161" s="85"/>
      <c r="AB161" s="85"/>
      <c r="AC161" s="85"/>
      <c r="AD161" s="85"/>
      <c r="AE161" s="85"/>
      <c r="AF161" s="85"/>
      <c r="AG161" s="86"/>
      <c r="AH161" s="85"/>
      <c r="AI161" s="85"/>
      <c r="AJ161" s="85"/>
      <c r="AK161" s="85"/>
      <c r="AL161" s="85"/>
      <c r="AM161" s="92"/>
      <c r="AN161" s="92"/>
      <c r="AO161" s="92"/>
      <c r="AP161" s="92"/>
      <c r="AQ161" s="92"/>
      <c r="AR161" s="92"/>
      <c r="AS161" s="92"/>
      <c r="AT161" s="92"/>
      <c r="AU161" s="92"/>
      <c r="AV161" s="92"/>
      <c r="AW161" s="92"/>
      <c r="AX161" s="92"/>
      <c r="AY161" s="92"/>
      <c r="AZ161" s="93"/>
      <c r="BA161" s="93"/>
      <c r="BB161" s="93"/>
      <c r="BC161" s="93"/>
      <c r="BD161" s="93"/>
      <c r="BE161" s="93"/>
      <c r="BF161" s="93"/>
      <c r="BG161" s="93"/>
      <c r="BH161" s="93"/>
      <c r="BI161" s="93"/>
      <c r="BJ161" s="93"/>
      <c r="BK161" s="93"/>
      <c r="BL161" s="93"/>
    </row>
    <row r="162" spans="2:64" x14ac:dyDescent="0.2">
      <c r="B162" s="79"/>
      <c r="C162" s="73"/>
      <c r="D162" s="64"/>
      <c r="E162" s="55"/>
      <c r="F162" s="74"/>
      <c r="G162" s="74"/>
      <c r="H162" s="74"/>
      <c r="I162" s="75"/>
      <c r="J162" s="74"/>
      <c r="L162" s="55"/>
      <c r="M162" s="234"/>
      <c r="N162" s="65"/>
      <c r="O162" s="76"/>
      <c r="P162" s="76"/>
      <c r="Q162" s="65"/>
      <c r="R162" s="76"/>
      <c r="S162" s="76"/>
      <c r="T162" s="76"/>
      <c r="U162" s="76"/>
      <c r="V162" s="76"/>
      <c r="W162" s="76"/>
      <c r="X162" s="76"/>
      <c r="Y162" s="76"/>
      <c r="Z162" s="76"/>
      <c r="AA162" s="85"/>
      <c r="AB162" s="85"/>
      <c r="AC162" s="85"/>
      <c r="AD162" s="85"/>
      <c r="AE162" s="85"/>
      <c r="AF162" s="85"/>
      <c r="AG162" s="86"/>
      <c r="AH162" s="85"/>
      <c r="AI162" s="85"/>
      <c r="AJ162" s="85"/>
      <c r="AK162" s="85"/>
      <c r="AL162" s="85"/>
      <c r="AM162" s="92"/>
      <c r="AN162" s="92"/>
      <c r="AO162" s="92"/>
      <c r="AP162" s="92"/>
      <c r="AQ162" s="92"/>
      <c r="AR162" s="92"/>
      <c r="AS162" s="92"/>
      <c r="AT162" s="92"/>
      <c r="AU162" s="92"/>
      <c r="AV162" s="92"/>
      <c r="AW162" s="92"/>
      <c r="AX162" s="92"/>
      <c r="AY162" s="92"/>
      <c r="AZ162" s="93"/>
      <c r="BA162" s="93"/>
      <c r="BB162" s="93"/>
      <c r="BC162" s="93"/>
      <c r="BD162" s="93"/>
      <c r="BE162" s="93"/>
      <c r="BF162" s="93"/>
      <c r="BG162" s="93"/>
      <c r="BH162" s="93"/>
      <c r="BI162" s="93"/>
      <c r="BJ162" s="93"/>
      <c r="BK162" s="93"/>
      <c r="BL162" s="93"/>
    </row>
    <row r="163" spans="2:64" x14ac:dyDescent="0.2">
      <c r="B163" s="79"/>
      <c r="C163" s="73"/>
      <c r="D163" s="64"/>
      <c r="E163" s="55"/>
      <c r="F163" s="74"/>
      <c r="G163" s="74"/>
      <c r="H163" s="74"/>
      <c r="I163" s="75"/>
      <c r="J163" s="74"/>
      <c r="L163" s="55"/>
      <c r="M163" s="234"/>
      <c r="N163" s="65"/>
      <c r="O163" s="76"/>
      <c r="P163" s="76"/>
      <c r="Q163" s="65"/>
      <c r="R163" s="76"/>
      <c r="S163" s="76"/>
      <c r="T163" s="76"/>
      <c r="U163" s="76"/>
      <c r="V163" s="76"/>
      <c r="W163" s="76"/>
      <c r="X163" s="76"/>
      <c r="Y163" s="76"/>
      <c r="Z163" s="76"/>
      <c r="AA163" s="85"/>
      <c r="AB163" s="85"/>
      <c r="AC163" s="85"/>
      <c r="AD163" s="85"/>
      <c r="AE163" s="85"/>
      <c r="AF163" s="85"/>
      <c r="AG163" s="86"/>
      <c r="AH163" s="85"/>
      <c r="AI163" s="85"/>
      <c r="AJ163" s="85"/>
      <c r="AK163" s="85"/>
      <c r="AL163" s="85"/>
      <c r="AM163" s="92"/>
      <c r="AN163" s="92"/>
      <c r="AO163" s="92"/>
      <c r="AP163" s="92"/>
      <c r="AQ163" s="92"/>
      <c r="AR163" s="92"/>
      <c r="AS163" s="92"/>
      <c r="AT163" s="92"/>
      <c r="AU163" s="92"/>
      <c r="AV163" s="92"/>
      <c r="AW163" s="92"/>
      <c r="AX163" s="92"/>
      <c r="AY163" s="92"/>
      <c r="AZ163" s="93"/>
      <c r="BA163" s="93"/>
      <c r="BB163" s="93"/>
      <c r="BC163" s="93"/>
      <c r="BD163" s="93"/>
      <c r="BE163" s="93"/>
      <c r="BF163" s="93"/>
      <c r="BG163" s="93"/>
      <c r="BH163" s="93"/>
      <c r="BI163" s="93"/>
      <c r="BJ163" s="93"/>
      <c r="BK163" s="93"/>
      <c r="BL163" s="93"/>
    </row>
    <row r="164" spans="2:64" x14ac:dyDescent="0.2">
      <c r="B164" s="79"/>
      <c r="C164" s="73"/>
      <c r="D164" s="64"/>
      <c r="E164" s="55"/>
      <c r="F164" s="74"/>
      <c r="G164" s="74"/>
      <c r="H164" s="74"/>
      <c r="I164" s="75"/>
      <c r="J164" s="74"/>
      <c r="L164" s="55"/>
      <c r="M164" s="234"/>
      <c r="N164" s="65"/>
      <c r="O164" s="76"/>
      <c r="P164" s="76"/>
      <c r="Q164" s="65"/>
      <c r="R164" s="76"/>
      <c r="S164" s="76"/>
      <c r="T164" s="76"/>
      <c r="U164" s="76"/>
      <c r="V164" s="76"/>
      <c r="W164" s="76"/>
      <c r="X164" s="76"/>
      <c r="Y164" s="76"/>
      <c r="Z164" s="76"/>
      <c r="AA164" s="85"/>
      <c r="AB164" s="85"/>
      <c r="AC164" s="85"/>
      <c r="AD164" s="85"/>
      <c r="AE164" s="85"/>
      <c r="AF164" s="85"/>
      <c r="AG164" s="86"/>
      <c r="AH164" s="85"/>
      <c r="AI164" s="85"/>
      <c r="AJ164" s="85"/>
      <c r="AK164" s="85"/>
      <c r="AL164" s="85"/>
      <c r="AM164" s="92"/>
      <c r="AN164" s="92"/>
      <c r="AO164" s="92"/>
      <c r="AP164" s="92"/>
      <c r="AQ164" s="92"/>
      <c r="AR164" s="92"/>
      <c r="AS164" s="92"/>
      <c r="AT164" s="92"/>
      <c r="AU164" s="92"/>
      <c r="AV164" s="92"/>
      <c r="AW164" s="92"/>
      <c r="AX164" s="92"/>
      <c r="AY164" s="92"/>
      <c r="AZ164" s="93"/>
      <c r="BA164" s="93"/>
      <c r="BB164" s="93"/>
      <c r="BC164" s="93"/>
      <c r="BD164" s="93"/>
      <c r="BE164" s="93"/>
      <c r="BF164" s="93"/>
      <c r="BG164" s="93"/>
      <c r="BH164" s="93"/>
      <c r="BI164" s="93"/>
      <c r="BJ164" s="93"/>
      <c r="BK164" s="93"/>
      <c r="BL164" s="93"/>
    </row>
    <row r="165" spans="2:64" x14ac:dyDescent="0.2">
      <c r="B165" s="79"/>
      <c r="C165" s="73"/>
      <c r="D165" s="64"/>
      <c r="E165" s="55"/>
      <c r="F165" s="74"/>
      <c r="G165" s="74"/>
      <c r="H165" s="74"/>
      <c r="I165" s="75"/>
      <c r="J165" s="74"/>
      <c r="L165" s="55"/>
      <c r="M165" s="234"/>
      <c r="N165" s="65"/>
      <c r="O165" s="76"/>
      <c r="P165" s="76"/>
      <c r="Q165" s="65"/>
      <c r="R165" s="76"/>
      <c r="S165" s="76"/>
      <c r="T165" s="76"/>
      <c r="U165" s="76"/>
      <c r="V165" s="76"/>
      <c r="W165" s="76"/>
      <c r="X165" s="76"/>
      <c r="Y165" s="76"/>
      <c r="Z165" s="76"/>
      <c r="AA165" s="85"/>
      <c r="AB165" s="85"/>
      <c r="AC165" s="85"/>
      <c r="AD165" s="85"/>
      <c r="AE165" s="85"/>
      <c r="AF165" s="85"/>
      <c r="AG165" s="86"/>
      <c r="AH165" s="85"/>
      <c r="AI165" s="85"/>
      <c r="AJ165" s="85"/>
      <c r="AK165" s="85"/>
      <c r="AL165" s="85"/>
      <c r="AM165" s="92"/>
      <c r="AN165" s="92"/>
      <c r="AO165" s="92"/>
      <c r="AP165" s="92"/>
      <c r="AQ165" s="92"/>
      <c r="AR165" s="92"/>
      <c r="AS165" s="92"/>
      <c r="AT165" s="92"/>
      <c r="AU165" s="92"/>
      <c r="AV165" s="92"/>
      <c r="AW165" s="92"/>
      <c r="AX165" s="92"/>
      <c r="AY165" s="92"/>
      <c r="AZ165" s="93"/>
      <c r="BA165" s="93"/>
      <c r="BB165" s="93"/>
      <c r="BC165" s="93"/>
      <c r="BD165" s="93"/>
      <c r="BE165" s="93"/>
      <c r="BF165" s="93"/>
      <c r="BG165" s="93"/>
      <c r="BH165" s="93"/>
      <c r="BI165" s="93"/>
      <c r="BJ165" s="93"/>
      <c r="BK165" s="93"/>
      <c r="BL165" s="93"/>
    </row>
    <row r="166" spans="2:64" x14ac:dyDescent="0.2">
      <c r="B166" s="79"/>
      <c r="C166" s="73"/>
      <c r="D166" s="64"/>
      <c r="E166" s="55"/>
      <c r="F166" s="74"/>
      <c r="G166" s="74"/>
      <c r="H166" s="74"/>
      <c r="I166" s="75"/>
      <c r="J166" s="74"/>
      <c r="L166" s="55"/>
      <c r="M166" s="234"/>
      <c r="N166" s="65"/>
      <c r="O166" s="76"/>
      <c r="P166" s="76"/>
      <c r="Q166" s="65"/>
      <c r="R166" s="76"/>
      <c r="S166" s="76"/>
      <c r="T166" s="76"/>
      <c r="U166" s="76"/>
      <c r="V166" s="76"/>
      <c r="W166" s="76"/>
      <c r="X166" s="76"/>
      <c r="Y166" s="76"/>
      <c r="Z166" s="76"/>
      <c r="AA166" s="85"/>
      <c r="AB166" s="85"/>
      <c r="AC166" s="85"/>
      <c r="AD166" s="85"/>
      <c r="AE166" s="85"/>
      <c r="AF166" s="85"/>
      <c r="AG166" s="86"/>
      <c r="AH166" s="85"/>
      <c r="AI166" s="85"/>
      <c r="AJ166" s="85"/>
      <c r="AK166" s="85"/>
      <c r="AL166" s="85"/>
      <c r="AM166" s="92"/>
      <c r="AN166" s="92"/>
      <c r="AO166" s="92"/>
      <c r="AP166" s="92"/>
      <c r="AQ166" s="92"/>
      <c r="AR166" s="92"/>
      <c r="AS166" s="92"/>
      <c r="AT166" s="92"/>
      <c r="AU166" s="92"/>
      <c r="AV166" s="92"/>
      <c r="AW166" s="92"/>
      <c r="AX166" s="92"/>
      <c r="AY166" s="92"/>
      <c r="AZ166" s="93"/>
      <c r="BA166" s="93"/>
      <c r="BB166" s="93"/>
      <c r="BC166" s="93"/>
      <c r="BD166" s="93"/>
      <c r="BE166" s="93"/>
      <c r="BF166" s="93"/>
      <c r="BG166" s="93"/>
      <c r="BH166" s="93"/>
      <c r="BI166" s="93"/>
      <c r="BJ166" s="93"/>
      <c r="BK166" s="93"/>
      <c r="BL166" s="93"/>
    </row>
    <row r="167" spans="2:64" x14ac:dyDescent="0.2">
      <c r="B167" s="79"/>
      <c r="C167" s="73"/>
      <c r="D167" s="64"/>
      <c r="E167" s="55"/>
      <c r="F167" s="74"/>
      <c r="G167" s="74"/>
      <c r="H167" s="74"/>
      <c r="I167" s="75"/>
      <c r="J167" s="74"/>
      <c r="L167" s="55"/>
      <c r="M167" s="234"/>
      <c r="N167" s="65"/>
      <c r="O167" s="76"/>
      <c r="P167" s="76"/>
      <c r="Q167" s="65"/>
      <c r="R167" s="76"/>
      <c r="S167" s="76"/>
      <c r="T167" s="76"/>
      <c r="U167" s="76"/>
      <c r="V167" s="76"/>
      <c r="W167" s="76"/>
      <c r="X167" s="76"/>
      <c r="Y167" s="76"/>
      <c r="Z167" s="76"/>
      <c r="AA167" s="85"/>
      <c r="AB167" s="85"/>
      <c r="AC167" s="85"/>
      <c r="AD167" s="85"/>
      <c r="AE167" s="85"/>
      <c r="AF167" s="85"/>
      <c r="AG167" s="86"/>
      <c r="AH167" s="85"/>
      <c r="AI167" s="85"/>
      <c r="AJ167" s="85"/>
      <c r="AK167" s="85"/>
      <c r="AL167" s="85"/>
      <c r="AM167" s="92"/>
      <c r="AN167" s="92"/>
      <c r="AO167" s="92"/>
      <c r="AP167" s="92"/>
      <c r="AQ167" s="92"/>
      <c r="AR167" s="92"/>
      <c r="AS167" s="92"/>
      <c r="AT167" s="92"/>
      <c r="AU167" s="92"/>
      <c r="AV167" s="92"/>
      <c r="AW167" s="92"/>
      <c r="AX167" s="92"/>
      <c r="AY167" s="92"/>
      <c r="AZ167" s="93"/>
      <c r="BA167" s="93"/>
      <c r="BB167" s="93"/>
      <c r="BC167" s="93"/>
      <c r="BD167" s="93"/>
      <c r="BE167" s="93"/>
      <c r="BF167" s="93"/>
      <c r="BG167" s="93"/>
      <c r="BH167" s="93"/>
      <c r="BI167" s="93"/>
      <c r="BJ167" s="93"/>
      <c r="BK167" s="93"/>
      <c r="BL167" s="93"/>
    </row>
    <row r="168" spans="2:64" x14ac:dyDescent="0.2">
      <c r="B168" s="79"/>
      <c r="C168" s="73"/>
      <c r="D168" s="64"/>
      <c r="E168" s="55"/>
      <c r="F168" s="74"/>
      <c r="G168" s="74"/>
      <c r="H168" s="74"/>
      <c r="I168" s="75"/>
      <c r="J168" s="74"/>
      <c r="L168" s="55"/>
      <c r="M168" s="234"/>
      <c r="N168" s="65"/>
      <c r="O168" s="76"/>
      <c r="P168" s="76"/>
      <c r="Q168" s="65"/>
      <c r="R168" s="76"/>
      <c r="S168" s="76"/>
      <c r="T168" s="76"/>
      <c r="U168" s="76"/>
      <c r="V168" s="76"/>
      <c r="W168" s="76"/>
      <c r="X168" s="76"/>
      <c r="Y168" s="76"/>
      <c r="Z168" s="76"/>
      <c r="AA168" s="85"/>
      <c r="AB168" s="85"/>
      <c r="AC168" s="85"/>
      <c r="AD168" s="85"/>
      <c r="AE168" s="85"/>
      <c r="AF168" s="85"/>
      <c r="AG168" s="86"/>
      <c r="AH168" s="85"/>
      <c r="AI168" s="85"/>
      <c r="AJ168" s="85"/>
      <c r="AK168" s="85"/>
      <c r="AL168" s="85"/>
      <c r="AM168" s="92"/>
      <c r="AN168" s="92"/>
      <c r="AO168" s="92"/>
      <c r="AP168" s="92"/>
      <c r="AQ168" s="92"/>
      <c r="AR168" s="92"/>
      <c r="AS168" s="92"/>
      <c r="AT168" s="92"/>
      <c r="AU168" s="92"/>
      <c r="AV168" s="92"/>
      <c r="AW168" s="92"/>
      <c r="AX168" s="92"/>
      <c r="AY168" s="92"/>
      <c r="AZ168" s="93"/>
      <c r="BA168" s="93"/>
      <c r="BB168" s="93"/>
      <c r="BC168" s="93"/>
      <c r="BD168" s="93"/>
      <c r="BE168" s="93"/>
      <c r="BF168" s="93"/>
      <c r="BG168" s="93"/>
      <c r="BH168" s="93"/>
      <c r="BI168" s="93"/>
      <c r="BJ168" s="93"/>
      <c r="BK168" s="93"/>
      <c r="BL168" s="93"/>
    </row>
    <row r="169" spans="2:64" x14ac:dyDescent="0.2">
      <c r="B169" s="79"/>
      <c r="C169" s="73"/>
      <c r="D169" s="64"/>
      <c r="E169" s="55"/>
      <c r="F169" s="74"/>
      <c r="G169" s="74"/>
      <c r="H169" s="74"/>
      <c r="I169" s="75"/>
      <c r="J169" s="74"/>
      <c r="L169" s="55"/>
      <c r="M169" s="234"/>
      <c r="N169" s="65"/>
      <c r="O169" s="76"/>
      <c r="P169" s="76"/>
      <c r="Q169" s="65"/>
      <c r="R169" s="76"/>
      <c r="S169" s="76"/>
      <c r="T169" s="76"/>
      <c r="U169" s="76"/>
      <c r="V169" s="76"/>
      <c r="W169" s="76"/>
      <c r="X169" s="76"/>
      <c r="Y169" s="76"/>
      <c r="Z169" s="76"/>
      <c r="AA169" s="85"/>
      <c r="AB169" s="85"/>
      <c r="AC169" s="85"/>
      <c r="AD169" s="85"/>
      <c r="AE169" s="85"/>
      <c r="AF169" s="85"/>
      <c r="AG169" s="86"/>
      <c r="AH169" s="85"/>
      <c r="AI169" s="85"/>
      <c r="AJ169" s="85"/>
      <c r="AK169" s="85"/>
      <c r="AL169" s="85"/>
      <c r="AM169" s="92"/>
      <c r="AN169" s="92"/>
      <c r="AO169" s="92"/>
      <c r="AP169" s="92"/>
      <c r="AQ169" s="92"/>
      <c r="AR169" s="92"/>
      <c r="AS169" s="92"/>
      <c r="AT169" s="92"/>
      <c r="AU169" s="92"/>
      <c r="AV169" s="92"/>
      <c r="AW169" s="92"/>
      <c r="AX169" s="92"/>
      <c r="AY169" s="92"/>
      <c r="AZ169" s="93"/>
      <c r="BA169" s="93"/>
      <c r="BB169" s="93"/>
      <c r="BC169" s="93"/>
      <c r="BD169" s="93"/>
      <c r="BE169" s="93"/>
      <c r="BF169" s="93"/>
      <c r="BG169" s="93"/>
      <c r="BH169" s="93"/>
      <c r="BI169" s="93"/>
      <c r="BJ169" s="93"/>
      <c r="BK169" s="93"/>
      <c r="BL169" s="93"/>
    </row>
    <row r="170" spans="2:64" x14ac:dyDescent="0.2">
      <c r="B170" s="79"/>
      <c r="C170" s="73"/>
      <c r="D170" s="64"/>
      <c r="E170" s="55"/>
      <c r="F170" s="74"/>
      <c r="G170" s="74"/>
      <c r="H170" s="74"/>
      <c r="I170" s="75"/>
      <c r="J170" s="74"/>
      <c r="L170" s="55"/>
      <c r="M170" s="234"/>
      <c r="N170" s="65"/>
      <c r="O170" s="76"/>
      <c r="P170" s="76"/>
      <c r="Q170" s="65"/>
      <c r="R170" s="76"/>
      <c r="S170" s="76"/>
      <c r="T170" s="76"/>
      <c r="U170" s="76"/>
      <c r="V170" s="76"/>
      <c r="W170" s="76"/>
      <c r="X170" s="76"/>
      <c r="Y170" s="76"/>
      <c r="Z170" s="76"/>
      <c r="AA170" s="85"/>
      <c r="AB170" s="85"/>
      <c r="AC170" s="85"/>
      <c r="AD170" s="85"/>
      <c r="AE170" s="85"/>
      <c r="AF170" s="85"/>
      <c r="AG170" s="86"/>
      <c r="AH170" s="85"/>
      <c r="AI170" s="85"/>
      <c r="AJ170" s="85"/>
      <c r="AK170" s="85"/>
      <c r="AL170" s="85"/>
      <c r="AM170" s="92"/>
      <c r="AN170" s="92"/>
      <c r="AO170" s="92"/>
      <c r="AP170" s="92"/>
      <c r="AQ170" s="92"/>
      <c r="AR170" s="92"/>
      <c r="AS170" s="92"/>
      <c r="AT170" s="92"/>
      <c r="AU170" s="92"/>
      <c r="AV170" s="92"/>
      <c r="AW170" s="92"/>
      <c r="AX170" s="92"/>
      <c r="AY170" s="92"/>
      <c r="AZ170" s="93"/>
      <c r="BA170" s="93"/>
      <c r="BB170" s="93"/>
      <c r="BC170" s="93"/>
      <c r="BD170" s="93"/>
      <c r="BE170" s="93"/>
      <c r="BF170" s="93"/>
      <c r="BG170" s="93"/>
      <c r="BH170" s="93"/>
      <c r="BI170" s="93"/>
      <c r="BJ170" s="93"/>
      <c r="BK170" s="93"/>
      <c r="BL170" s="93"/>
    </row>
    <row r="171" spans="2:64" x14ac:dyDescent="0.2">
      <c r="B171" s="79"/>
      <c r="C171" s="73"/>
      <c r="D171" s="64"/>
      <c r="E171" s="55"/>
      <c r="F171" s="74"/>
      <c r="G171" s="74"/>
      <c r="H171" s="74"/>
      <c r="I171" s="75"/>
      <c r="J171" s="74"/>
      <c r="L171" s="55"/>
      <c r="M171" s="234"/>
      <c r="N171" s="65"/>
      <c r="O171" s="76"/>
      <c r="P171" s="76"/>
      <c r="Q171" s="65"/>
      <c r="R171" s="76"/>
      <c r="S171" s="76"/>
      <c r="T171" s="76"/>
      <c r="U171" s="76"/>
      <c r="V171" s="76"/>
      <c r="W171" s="76"/>
      <c r="X171" s="76"/>
      <c r="Y171" s="76"/>
      <c r="Z171" s="76"/>
      <c r="AA171" s="85"/>
      <c r="AB171" s="85"/>
      <c r="AC171" s="85"/>
      <c r="AD171" s="85"/>
      <c r="AE171" s="85"/>
      <c r="AF171" s="85"/>
      <c r="AG171" s="86"/>
      <c r="AH171" s="85"/>
      <c r="AI171" s="85"/>
      <c r="AJ171" s="85"/>
      <c r="AK171" s="85"/>
      <c r="AL171" s="85"/>
      <c r="AM171" s="92"/>
      <c r="AN171" s="92"/>
      <c r="AO171" s="92"/>
      <c r="AP171" s="92"/>
      <c r="AQ171" s="92"/>
      <c r="AR171" s="92"/>
      <c r="AS171" s="92"/>
      <c r="AT171" s="92"/>
      <c r="AU171" s="92"/>
      <c r="AV171" s="92"/>
      <c r="AW171" s="92"/>
      <c r="AX171" s="92"/>
      <c r="AY171" s="92"/>
      <c r="AZ171" s="93"/>
      <c r="BA171" s="93"/>
      <c r="BB171" s="93"/>
      <c r="BC171" s="93"/>
      <c r="BD171" s="93"/>
      <c r="BE171" s="93"/>
      <c r="BF171" s="93"/>
      <c r="BG171" s="93"/>
      <c r="BH171" s="93"/>
      <c r="BI171" s="93"/>
      <c r="BJ171" s="93"/>
      <c r="BK171" s="93"/>
      <c r="BL171" s="93"/>
    </row>
    <row r="172" spans="2:64" x14ac:dyDescent="0.2">
      <c r="B172" s="79"/>
      <c r="C172" s="73"/>
      <c r="D172" s="64"/>
      <c r="E172" s="55"/>
      <c r="F172" s="74"/>
      <c r="G172" s="74"/>
      <c r="H172" s="74"/>
      <c r="I172" s="75"/>
      <c r="J172" s="74"/>
      <c r="L172" s="55"/>
      <c r="M172" s="234"/>
      <c r="N172" s="65"/>
      <c r="O172" s="76"/>
      <c r="P172" s="76"/>
      <c r="Q172" s="65"/>
      <c r="R172" s="76"/>
      <c r="S172" s="76"/>
      <c r="T172" s="76"/>
      <c r="U172" s="76"/>
      <c r="V172" s="76"/>
      <c r="W172" s="76"/>
      <c r="X172" s="76"/>
      <c r="Y172" s="76"/>
      <c r="Z172" s="76"/>
      <c r="AA172" s="85"/>
      <c r="AB172" s="85"/>
      <c r="AC172" s="85"/>
      <c r="AD172" s="85"/>
      <c r="AE172" s="85"/>
      <c r="AF172" s="85"/>
      <c r="AG172" s="86"/>
      <c r="AH172" s="85"/>
      <c r="AI172" s="85"/>
      <c r="AJ172" s="85"/>
      <c r="AK172" s="85"/>
      <c r="AL172" s="85"/>
      <c r="AM172" s="92"/>
      <c r="AN172" s="92"/>
      <c r="AO172" s="92"/>
      <c r="AP172" s="92"/>
      <c r="AQ172" s="92"/>
      <c r="AR172" s="92"/>
      <c r="AS172" s="92"/>
      <c r="AT172" s="92"/>
      <c r="AU172" s="92"/>
      <c r="AV172" s="92"/>
      <c r="AW172" s="92"/>
      <c r="AX172" s="92"/>
      <c r="AY172" s="92"/>
      <c r="AZ172" s="93"/>
      <c r="BA172" s="93"/>
      <c r="BB172" s="93"/>
      <c r="BC172" s="93"/>
      <c r="BD172" s="93"/>
      <c r="BE172" s="93"/>
      <c r="BF172" s="93"/>
      <c r="BG172" s="93"/>
      <c r="BH172" s="93"/>
      <c r="BI172" s="93"/>
      <c r="BJ172" s="93"/>
      <c r="BK172" s="93"/>
      <c r="BL172" s="93"/>
    </row>
    <row r="173" spans="2:64" x14ac:dyDescent="0.2">
      <c r="B173" s="79"/>
      <c r="C173" s="73"/>
      <c r="D173" s="64"/>
      <c r="E173" s="55"/>
      <c r="F173" s="74"/>
      <c r="G173" s="74"/>
      <c r="H173" s="74"/>
      <c r="I173" s="75"/>
      <c r="J173" s="74"/>
      <c r="L173" s="55"/>
      <c r="M173" s="234"/>
      <c r="N173" s="65"/>
      <c r="O173" s="76"/>
      <c r="P173" s="76"/>
      <c r="Q173" s="65"/>
      <c r="R173" s="76"/>
      <c r="S173" s="76"/>
      <c r="T173" s="76"/>
      <c r="U173" s="76"/>
      <c r="V173" s="76"/>
      <c r="W173" s="76"/>
      <c r="X173" s="76"/>
      <c r="Y173" s="76"/>
      <c r="Z173" s="76"/>
      <c r="AA173" s="85"/>
      <c r="AB173" s="85"/>
      <c r="AC173" s="85"/>
      <c r="AD173" s="85"/>
      <c r="AE173" s="85"/>
      <c r="AF173" s="85"/>
      <c r="AG173" s="86"/>
      <c r="AH173" s="85"/>
      <c r="AI173" s="85"/>
      <c r="AJ173" s="85"/>
      <c r="AK173" s="85"/>
      <c r="AL173" s="85"/>
      <c r="AM173" s="92"/>
      <c r="AN173" s="92"/>
      <c r="AO173" s="92"/>
      <c r="AP173" s="92"/>
      <c r="AQ173" s="92"/>
      <c r="AR173" s="92"/>
      <c r="AS173" s="92"/>
      <c r="AT173" s="92"/>
      <c r="AU173" s="92"/>
      <c r="AV173" s="92"/>
      <c r="AW173" s="92"/>
      <c r="AX173" s="92"/>
      <c r="AY173" s="92"/>
      <c r="AZ173" s="93"/>
      <c r="BA173" s="93"/>
      <c r="BB173" s="93"/>
      <c r="BC173" s="93"/>
      <c r="BD173" s="93"/>
      <c r="BE173" s="93"/>
      <c r="BF173" s="93"/>
      <c r="BG173" s="93"/>
      <c r="BH173" s="93"/>
      <c r="BI173" s="93"/>
      <c r="BJ173" s="93"/>
      <c r="BK173" s="93"/>
      <c r="BL173" s="93"/>
    </row>
    <row r="174" spans="2:64" x14ac:dyDescent="0.2">
      <c r="B174" s="79"/>
      <c r="C174" s="73"/>
      <c r="D174" s="64"/>
      <c r="E174" s="55"/>
      <c r="F174" s="74"/>
      <c r="G174" s="74"/>
      <c r="H174" s="74"/>
      <c r="I174" s="75"/>
      <c r="J174" s="74"/>
      <c r="L174" s="55"/>
      <c r="M174" s="234"/>
      <c r="N174" s="65"/>
      <c r="O174" s="76"/>
      <c r="P174" s="76"/>
      <c r="Q174" s="65"/>
      <c r="R174" s="76"/>
      <c r="S174" s="76"/>
      <c r="T174" s="76"/>
      <c r="U174" s="76"/>
      <c r="V174" s="76"/>
      <c r="W174" s="76"/>
      <c r="X174" s="76"/>
      <c r="Y174" s="76"/>
      <c r="Z174" s="76"/>
      <c r="AA174" s="85"/>
      <c r="AB174" s="85"/>
      <c r="AC174" s="85"/>
      <c r="AD174" s="85"/>
      <c r="AE174" s="85"/>
      <c r="AF174" s="85"/>
      <c r="AG174" s="86"/>
      <c r="AH174" s="85"/>
      <c r="AI174" s="85"/>
      <c r="AJ174" s="85"/>
      <c r="AK174" s="85"/>
      <c r="AL174" s="85"/>
      <c r="AM174" s="92"/>
      <c r="AN174" s="92"/>
      <c r="AO174" s="92"/>
      <c r="AP174" s="92"/>
      <c r="AQ174" s="92"/>
      <c r="AR174" s="92"/>
      <c r="AS174" s="92"/>
      <c r="AT174" s="92"/>
      <c r="AU174" s="92"/>
      <c r="AV174" s="92"/>
      <c r="AW174" s="92"/>
      <c r="AX174" s="92"/>
      <c r="AY174" s="92"/>
      <c r="AZ174" s="93"/>
      <c r="BA174" s="93"/>
      <c r="BB174" s="93"/>
      <c r="BC174" s="93"/>
      <c r="BD174" s="93"/>
      <c r="BE174" s="93"/>
      <c r="BF174" s="93"/>
      <c r="BG174" s="93"/>
      <c r="BH174" s="93"/>
      <c r="BI174" s="93"/>
      <c r="BJ174" s="93"/>
      <c r="BK174" s="93"/>
      <c r="BL174" s="93"/>
    </row>
    <row r="175" spans="2:64" x14ac:dyDescent="0.2">
      <c r="B175" s="79"/>
      <c r="C175" s="73"/>
      <c r="D175" s="64"/>
      <c r="E175" s="55"/>
      <c r="F175" s="74"/>
      <c r="G175" s="74"/>
      <c r="H175" s="74"/>
      <c r="I175" s="75"/>
      <c r="J175" s="74"/>
      <c r="L175" s="55"/>
      <c r="M175" s="234"/>
      <c r="N175" s="65"/>
      <c r="O175" s="76"/>
      <c r="P175" s="76"/>
      <c r="Q175" s="65"/>
      <c r="R175" s="76"/>
      <c r="S175" s="76"/>
      <c r="T175" s="76"/>
      <c r="U175" s="76"/>
      <c r="V175" s="76"/>
      <c r="W175" s="76"/>
      <c r="X175" s="76"/>
      <c r="Y175" s="76"/>
      <c r="Z175" s="76"/>
      <c r="AA175" s="85"/>
      <c r="AB175" s="85"/>
      <c r="AC175" s="85"/>
      <c r="AD175" s="85"/>
      <c r="AE175" s="85"/>
      <c r="AF175" s="85"/>
      <c r="AG175" s="86"/>
      <c r="AH175" s="85"/>
      <c r="AI175" s="85"/>
      <c r="AJ175" s="85"/>
      <c r="AK175" s="85"/>
      <c r="AL175" s="85"/>
      <c r="AM175" s="92"/>
      <c r="AN175" s="92"/>
      <c r="AO175" s="92"/>
      <c r="AP175" s="92"/>
      <c r="AQ175" s="92"/>
      <c r="AR175" s="92"/>
      <c r="AS175" s="92"/>
      <c r="AT175" s="92"/>
      <c r="AU175" s="92"/>
      <c r="AV175" s="92"/>
      <c r="AW175" s="92"/>
      <c r="AX175" s="92"/>
      <c r="AY175" s="92"/>
      <c r="AZ175" s="93"/>
      <c r="BA175" s="93"/>
      <c r="BB175" s="93"/>
      <c r="BC175" s="93"/>
      <c r="BD175" s="93"/>
      <c r="BE175" s="93"/>
      <c r="BF175" s="93"/>
      <c r="BG175" s="93"/>
      <c r="BH175" s="93"/>
      <c r="BI175" s="93"/>
      <c r="BJ175" s="93"/>
      <c r="BK175" s="93"/>
      <c r="BL175" s="93"/>
    </row>
    <row r="176" spans="2:64" x14ac:dyDescent="0.2">
      <c r="B176" s="79"/>
      <c r="C176" s="73"/>
      <c r="D176" s="64"/>
      <c r="E176" s="55"/>
      <c r="F176" s="74"/>
      <c r="G176" s="74"/>
      <c r="H176" s="74"/>
      <c r="I176" s="75"/>
      <c r="J176" s="74"/>
      <c r="L176" s="55"/>
      <c r="M176" s="234"/>
      <c r="N176" s="65"/>
      <c r="O176" s="76"/>
      <c r="P176" s="76"/>
      <c r="Q176" s="65"/>
      <c r="R176" s="76"/>
      <c r="S176" s="76"/>
      <c r="T176" s="76"/>
      <c r="U176" s="76"/>
      <c r="V176" s="76"/>
      <c r="W176" s="76"/>
      <c r="X176" s="76"/>
      <c r="Y176" s="76"/>
      <c r="Z176" s="76"/>
      <c r="AA176" s="85"/>
      <c r="AB176" s="85"/>
      <c r="AC176" s="85"/>
      <c r="AD176" s="85"/>
      <c r="AE176" s="85"/>
      <c r="AF176" s="85"/>
      <c r="AG176" s="86"/>
      <c r="AH176" s="85"/>
      <c r="AI176" s="85"/>
      <c r="AJ176" s="85"/>
      <c r="AK176" s="85"/>
      <c r="AL176" s="85"/>
      <c r="AM176" s="92"/>
      <c r="AN176" s="92"/>
      <c r="AO176" s="92"/>
      <c r="AP176" s="92"/>
      <c r="AQ176" s="92"/>
      <c r="AR176" s="92"/>
      <c r="AS176" s="92"/>
      <c r="AT176" s="92"/>
      <c r="AU176" s="92"/>
      <c r="AV176" s="92"/>
      <c r="AW176" s="92"/>
      <c r="AX176" s="92"/>
      <c r="AY176" s="92"/>
      <c r="AZ176" s="93"/>
      <c r="BA176" s="93"/>
      <c r="BB176" s="93"/>
      <c r="BC176" s="93"/>
      <c r="BD176" s="93"/>
      <c r="BE176" s="93"/>
      <c r="BF176" s="93"/>
      <c r="BG176" s="93"/>
      <c r="BH176" s="93"/>
      <c r="BI176" s="93"/>
      <c r="BJ176" s="93"/>
      <c r="BK176" s="93"/>
      <c r="BL176" s="93"/>
    </row>
    <row r="177" spans="2:64" x14ac:dyDescent="0.2">
      <c r="B177" s="79"/>
      <c r="C177" s="73"/>
      <c r="D177" s="64"/>
      <c r="E177" s="55"/>
      <c r="F177" s="74"/>
      <c r="G177" s="74"/>
      <c r="H177" s="74"/>
      <c r="I177" s="75"/>
      <c r="J177" s="74"/>
      <c r="L177" s="55"/>
      <c r="M177" s="234"/>
      <c r="N177" s="65"/>
      <c r="O177" s="76"/>
      <c r="P177" s="76"/>
      <c r="Q177" s="65"/>
      <c r="R177" s="76"/>
      <c r="S177" s="76"/>
      <c r="T177" s="76"/>
      <c r="U177" s="76"/>
      <c r="V177" s="76"/>
      <c r="W177" s="76"/>
      <c r="X177" s="76"/>
      <c r="Y177" s="76"/>
      <c r="Z177" s="76"/>
      <c r="AA177" s="85"/>
      <c r="AB177" s="85"/>
      <c r="AC177" s="85"/>
      <c r="AD177" s="85"/>
      <c r="AE177" s="85"/>
      <c r="AF177" s="85"/>
      <c r="AG177" s="86"/>
      <c r="AH177" s="85"/>
      <c r="AI177" s="85"/>
      <c r="AJ177" s="85"/>
      <c r="AK177" s="85"/>
      <c r="AL177" s="85"/>
      <c r="AM177" s="92"/>
      <c r="AN177" s="92"/>
      <c r="AO177" s="92"/>
      <c r="AP177" s="92"/>
      <c r="AQ177" s="92"/>
      <c r="AR177" s="92"/>
      <c r="AS177" s="92"/>
      <c r="AT177" s="92"/>
      <c r="AU177" s="92"/>
      <c r="AV177" s="92"/>
      <c r="AW177" s="92"/>
      <c r="AX177" s="92"/>
      <c r="AY177" s="92"/>
      <c r="AZ177" s="93"/>
      <c r="BA177" s="93"/>
      <c r="BB177" s="93"/>
      <c r="BC177" s="93"/>
      <c r="BD177" s="93"/>
      <c r="BE177" s="93"/>
      <c r="BF177" s="93"/>
      <c r="BG177" s="93"/>
      <c r="BH177" s="93"/>
      <c r="BI177" s="93"/>
      <c r="BJ177" s="93"/>
      <c r="BK177" s="93"/>
      <c r="BL177" s="93"/>
    </row>
    <row r="178" spans="2:64" x14ac:dyDescent="0.2">
      <c r="B178" s="79"/>
      <c r="C178" s="73"/>
      <c r="D178" s="64"/>
      <c r="E178" s="55"/>
      <c r="F178" s="74"/>
      <c r="G178" s="74"/>
      <c r="H178" s="74"/>
      <c r="I178" s="75"/>
      <c r="J178" s="74"/>
      <c r="L178" s="55"/>
      <c r="M178" s="234"/>
      <c r="N178" s="65"/>
      <c r="O178" s="76"/>
      <c r="P178" s="76"/>
      <c r="Q178" s="65"/>
      <c r="R178" s="76"/>
      <c r="S178" s="76"/>
      <c r="T178" s="76"/>
      <c r="U178" s="76"/>
      <c r="V178" s="76"/>
      <c r="W178" s="76"/>
      <c r="X178" s="76"/>
      <c r="Y178" s="76"/>
      <c r="Z178" s="76"/>
      <c r="AA178" s="85"/>
      <c r="AB178" s="85"/>
      <c r="AC178" s="85"/>
      <c r="AD178" s="85"/>
      <c r="AE178" s="85"/>
      <c r="AF178" s="85"/>
      <c r="AG178" s="86"/>
      <c r="AH178" s="85"/>
      <c r="AI178" s="85"/>
      <c r="AJ178" s="85"/>
      <c r="AK178" s="85"/>
      <c r="AL178" s="85"/>
      <c r="AM178" s="92"/>
      <c r="AN178" s="92"/>
      <c r="AO178" s="92"/>
      <c r="AP178" s="92"/>
      <c r="AQ178" s="92"/>
      <c r="AR178" s="92"/>
      <c r="AS178" s="92"/>
      <c r="AT178" s="92"/>
      <c r="AU178" s="92"/>
      <c r="AV178" s="92"/>
      <c r="AW178" s="92"/>
      <c r="AX178" s="92"/>
      <c r="AY178" s="92"/>
      <c r="AZ178" s="93"/>
      <c r="BA178" s="93"/>
      <c r="BB178" s="93"/>
      <c r="BC178" s="93"/>
      <c r="BD178" s="93"/>
      <c r="BE178" s="93"/>
      <c r="BF178" s="93"/>
      <c r="BG178" s="93"/>
      <c r="BH178" s="93"/>
      <c r="BI178" s="93"/>
      <c r="BJ178" s="93"/>
      <c r="BK178" s="93"/>
      <c r="BL178" s="93"/>
    </row>
    <row r="179" spans="2:64" x14ac:dyDescent="0.2">
      <c r="B179" s="79"/>
      <c r="C179" s="73"/>
      <c r="D179" s="64"/>
      <c r="E179" s="55"/>
      <c r="F179" s="74"/>
      <c r="G179" s="74"/>
      <c r="H179" s="74"/>
      <c r="I179" s="75"/>
      <c r="J179" s="74"/>
      <c r="L179" s="55"/>
      <c r="M179" s="234"/>
      <c r="N179" s="65"/>
      <c r="O179" s="76"/>
      <c r="P179" s="76"/>
      <c r="Q179" s="65"/>
      <c r="R179" s="76"/>
      <c r="S179" s="76"/>
      <c r="T179" s="76"/>
      <c r="U179" s="76"/>
      <c r="V179" s="76"/>
      <c r="W179" s="76"/>
      <c r="X179" s="76"/>
      <c r="Y179" s="76"/>
      <c r="Z179" s="76"/>
      <c r="AA179" s="85"/>
      <c r="AB179" s="85"/>
      <c r="AC179" s="85"/>
      <c r="AD179" s="85"/>
      <c r="AE179" s="85"/>
      <c r="AF179" s="85"/>
      <c r="AG179" s="86"/>
      <c r="AH179" s="85"/>
      <c r="AI179" s="85"/>
      <c r="AJ179" s="85"/>
      <c r="AK179" s="85"/>
      <c r="AL179" s="85"/>
      <c r="AM179" s="92"/>
      <c r="AN179" s="92"/>
      <c r="AO179" s="92"/>
      <c r="AP179" s="92"/>
      <c r="AQ179" s="92"/>
      <c r="AR179" s="92"/>
      <c r="AS179" s="92"/>
      <c r="AT179" s="92"/>
      <c r="AU179" s="92"/>
      <c r="AV179" s="92"/>
      <c r="AW179" s="92"/>
      <c r="AX179" s="92"/>
      <c r="AY179" s="92"/>
      <c r="AZ179" s="93"/>
      <c r="BA179" s="93"/>
      <c r="BB179" s="93"/>
      <c r="BC179" s="93"/>
      <c r="BD179" s="93"/>
      <c r="BE179" s="93"/>
      <c r="BF179" s="93"/>
      <c r="BG179" s="93"/>
      <c r="BH179" s="93"/>
      <c r="BI179" s="93"/>
      <c r="BJ179" s="93"/>
      <c r="BK179" s="93"/>
      <c r="BL179" s="93"/>
    </row>
    <row r="180" spans="2:64" x14ac:dyDescent="0.2">
      <c r="B180" s="79"/>
      <c r="C180" s="73"/>
      <c r="D180" s="64"/>
      <c r="E180" s="55"/>
      <c r="F180" s="74"/>
      <c r="G180" s="74"/>
      <c r="H180" s="74"/>
      <c r="I180" s="75"/>
      <c r="J180" s="74"/>
      <c r="L180" s="55"/>
      <c r="M180" s="234"/>
      <c r="N180" s="65"/>
      <c r="O180" s="76"/>
      <c r="P180" s="76"/>
      <c r="Q180" s="65"/>
      <c r="R180" s="76"/>
      <c r="S180" s="76"/>
      <c r="T180" s="76"/>
      <c r="U180" s="76"/>
      <c r="V180" s="76"/>
      <c r="W180" s="76"/>
      <c r="X180" s="76"/>
      <c r="Y180" s="76"/>
      <c r="Z180" s="76"/>
      <c r="AA180" s="85"/>
      <c r="AB180" s="85"/>
      <c r="AC180" s="85"/>
      <c r="AD180" s="85"/>
      <c r="AE180" s="85"/>
      <c r="AF180" s="85"/>
      <c r="AG180" s="86"/>
      <c r="AH180" s="85"/>
      <c r="AI180" s="85"/>
      <c r="AJ180" s="85"/>
      <c r="AK180" s="85"/>
      <c r="AL180" s="85"/>
      <c r="AM180" s="92"/>
      <c r="AN180" s="92"/>
      <c r="AO180" s="92"/>
      <c r="AP180" s="92"/>
      <c r="AQ180" s="92"/>
      <c r="AR180" s="92"/>
      <c r="AS180" s="92"/>
      <c r="AT180" s="92"/>
      <c r="AU180" s="92"/>
      <c r="AV180" s="92"/>
      <c r="AW180" s="92"/>
      <c r="AX180" s="92"/>
      <c r="AY180" s="92"/>
      <c r="AZ180" s="93"/>
      <c r="BA180" s="93"/>
      <c r="BB180" s="93"/>
      <c r="BC180" s="93"/>
      <c r="BD180" s="93"/>
      <c r="BE180" s="93"/>
      <c r="BF180" s="93"/>
      <c r="BG180" s="93"/>
      <c r="BH180" s="93"/>
      <c r="BI180" s="93"/>
      <c r="BJ180" s="93"/>
      <c r="BK180" s="93"/>
      <c r="BL180" s="93"/>
    </row>
    <row r="181" spans="2:64" x14ac:dyDescent="0.2">
      <c r="B181" s="79"/>
      <c r="C181" s="73"/>
      <c r="D181" s="64"/>
      <c r="E181" s="55"/>
      <c r="F181" s="74"/>
      <c r="G181" s="74"/>
      <c r="H181" s="74"/>
      <c r="I181" s="75"/>
      <c r="J181" s="74"/>
      <c r="L181" s="55"/>
      <c r="M181" s="234"/>
      <c r="N181" s="65"/>
      <c r="O181" s="76"/>
      <c r="P181" s="76"/>
      <c r="Q181" s="65"/>
      <c r="R181" s="76"/>
      <c r="S181" s="76"/>
      <c r="T181" s="76"/>
      <c r="U181" s="76"/>
      <c r="V181" s="76"/>
      <c r="W181" s="76"/>
      <c r="X181" s="76"/>
      <c r="Y181" s="76"/>
      <c r="Z181" s="76"/>
      <c r="AA181" s="85"/>
      <c r="AB181" s="85"/>
      <c r="AC181" s="85"/>
      <c r="AD181" s="85"/>
      <c r="AE181" s="85"/>
      <c r="AF181" s="85"/>
      <c r="AG181" s="86"/>
      <c r="AH181" s="85"/>
      <c r="AI181" s="85"/>
      <c r="AJ181" s="85"/>
      <c r="AK181" s="85"/>
      <c r="AL181" s="85"/>
      <c r="AM181" s="92"/>
      <c r="AN181" s="92"/>
      <c r="AO181" s="92"/>
      <c r="AP181" s="92"/>
      <c r="AQ181" s="92"/>
      <c r="AR181" s="92"/>
      <c r="AS181" s="92"/>
      <c r="AT181" s="92"/>
      <c r="AU181" s="92"/>
      <c r="AV181" s="92"/>
      <c r="AW181" s="92"/>
      <c r="AX181" s="92"/>
      <c r="AY181" s="92"/>
      <c r="AZ181" s="93"/>
      <c r="BA181" s="93"/>
      <c r="BB181" s="93"/>
      <c r="BC181" s="93"/>
      <c r="BD181" s="93"/>
      <c r="BE181" s="93"/>
      <c r="BF181" s="93"/>
      <c r="BG181" s="93"/>
      <c r="BH181" s="93"/>
      <c r="BI181" s="93"/>
      <c r="BJ181" s="93"/>
      <c r="BK181" s="93"/>
      <c r="BL181" s="93"/>
    </row>
    <row r="182" spans="2:64" x14ac:dyDescent="0.2">
      <c r="B182" s="79"/>
      <c r="C182" s="73"/>
      <c r="D182" s="64"/>
      <c r="E182" s="55"/>
      <c r="F182" s="74"/>
      <c r="G182" s="74"/>
      <c r="H182" s="74"/>
      <c r="I182" s="75"/>
      <c r="J182" s="74"/>
      <c r="L182" s="55"/>
      <c r="M182" s="234"/>
      <c r="N182" s="65"/>
      <c r="O182" s="76"/>
      <c r="P182" s="76"/>
      <c r="Q182" s="65"/>
      <c r="R182" s="76"/>
      <c r="S182" s="76"/>
      <c r="T182" s="76"/>
      <c r="U182" s="76"/>
      <c r="V182" s="76"/>
      <c r="W182" s="76"/>
      <c r="X182" s="76"/>
      <c r="Y182" s="76"/>
      <c r="Z182" s="76"/>
      <c r="AA182" s="85"/>
      <c r="AB182" s="85"/>
      <c r="AC182" s="85"/>
      <c r="AD182" s="85"/>
      <c r="AE182" s="85"/>
      <c r="AF182" s="85"/>
      <c r="AG182" s="86"/>
      <c r="AH182" s="85"/>
      <c r="AI182" s="85"/>
      <c r="AJ182" s="85"/>
      <c r="AK182" s="85"/>
      <c r="AL182" s="85"/>
      <c r="AM182" s="92"/>
      <c r="AN182" s="92"/>
      <c r="AO182" s="92"/>
      <c r="AP182" s="92"/>
      <c r="AQ182" s="92"/>
      <c r="AR182" s="92"/>
      <c r="AS182" s="92"/>
      <c r="AT182" s="92"/>
      <c r="AU182" s="92"/>
      <c r="AV182" s="92"/>
      <c r="AW182" s="92"/>
      <c r="AX182" s="92"/>
      <c r="AY182" s="92"/>
      <c r="AZ182" s="93"/>
      <c r="BA182" s="93"/>
      <c r="BB182" s="93"/>
      <c r="BC182" s="93"/>
      <c r="BD182" s="93"/>
      <c r="BE182" s="93"/>
      <c r="BF182" s="93"/>
      <c r="BG182" s="93"/>
      <c r="BH182" s="93"/>
      <c r="BI182" s="93"/>
      <c r="BJ182" s="93"/>
      <c r="BK182" s="93"/>
      <c r="BL182" s="93"/>
    </row>
    <row r="183" spans="2:64" x14ac:dyDescent="0.2">
      <c r="B183" s="79"/>
      <c r="C183" s="73"/>
      <c r="D183" s="64"/>
      <c r="E183" s="55"/>
      <c r="F183" s="74"/>
      <c r="G183" s="74"/>
      <c r="H183" s="74"/>
      <c r="I183" s="75"/>
      <c r="J183" s="74"/>
      <c r="L183" s="55"/>
      <c r="M183" s="234"/>
      <c r="N183" s="65"/>
      <c r="O183" s="76"/>
      <c r="P183" s="76"/>
      <c r="Q183" s="65"/>
      <c r="R183" s="76"/>
      <c r="S183" s="76"/>
      <c r="T183" s="76"/>
      <c r="U183" s="76"/>
      <c r="V183" s="76"/>
      <c r="W183" s="76"/>
      <c r="X183" s="76"/>
      <c r="Y183" s="76"/>
      <c r="Z183" s="76"/>
      <c r="AA183" s="85"/>
      <c r="AB183" s="85"/>
      <c r="AC183" s="85"/>
      <c r="AD183" s="85"/>
      <c r="AE183" s="85"/>
      <c r="AF183" s="85"/>
      <c r="AG183" s="86"/>
      <c r="AH183" s="85"/>
      <c r="AI183" s="85"/>
      <c r="AJ183" s="85"/>
      <c r="AK183" s="85"/>
      <c r="AL183" s="85"/>
      <c r="AM183" s="92"/>
      <c r="AN183" s="92"/>
      <c r="AO183" s="92"/>
      <c r="AP183" s="92"/>
      <c r="AQ183" s="92"/>
      <c r="AR183" s="92"/>
      <c r="AS183" s="92"/>
      <c r="AT183" s="92"/>
      <c r="AU183" s="92"/>
      <c r="AV183" s="92"/>
      <c r="AW183" s="92"/>
      <c r="AX183" s="92"/>
      <c r="AY183" s="92"/>
      <c r="AZ183" s="93"/>
      <c r="BA183" s="93"/>
      <c r="BB183" s="93"/>
      <c r="BC183" s="93"/>
      <c r="BD183" s="93"/>
      <c r="BE183" s="93"/>
      <c r="BF183" s="93"/>
      <c r="BG183" s="93"/>
      <c r="BH183" s="93"/>
      <c r="BI183" s="93"/>
      <c r="BJ183" s="93"/>
      <c r="BK183" s="93"/>
      <c r="BL183" s="93"/>
    </row>
    <row r="184" spans="2:64" x14ac:dyDescent="0.2">
      <c r="B184" s="79"/>
      <c r="C184" s="73"/>
      <c r="D184" s="64"/>
      <c r="E184" s="55"/>
      <c r="F184" s="74"/>
      <c r="G184" s="74"/>
      <c r="H184" s="74"/>
      <c r="I184" s="75"/>
      <c r="J184" s="74"/>
      <c r="L184" s="55"/>
      <c r="M184" s="234"/>
      <c r="N184" s="65"/>
      <c r="O184" s="76"/>
      <c r="P184" s="76"/>
      <c r="Q184" s="65"/>
      <c r="R184" s="76"/>
      <c r="S184" s="76"/>
      <c r="T184" s="76"/>
      <c r="U184" s="76"/>
      <c r="V184" s="76"/>
      <c r="W184" s="76"/>
      <c r="X184" s="76"/>
      <c r="Y184" s="76"/>
      <c r="Z184" s="76"/>
      <c r="AA184" s="85"/>
      <c r="AB184" s="85"/>
      <c r="AC184" s="85"/>
      <c r="AD184" s="85"/>
      <c r="AE184" s="85"/>
      <c r="AF184" s="85"/>
      <c r="AG184" s="86"/>
      <c r="AH184" s="85"/>
      <c r="AI184" s="85"/>
      <c r="AJ184" s="85"/>
      <c r="AK184" s="85"/>
      <c r="AL184" s="85"/>
      <c r="AM184" s="92"/>
      <c r="AN184" s="92"/>
      <c r="AO184" s="92"/>
      <c r="AP184" s="92"/>
      <c r="AQ184" s="92"/>
      <c r="AR184" s="92"/>
      <c r="AS184" s="92"/>
      <c r="AT184" s="92"/>
      <c r="AU184" s="92"/>
      <c r="AV184" s="92"/>
      <c r="AW184" s="92"/>
      <c r="AX184" s="92"/>
      <c r="AY184" s="92"/>
      <c r="AZ184" s="93"/>
      <c r="BA184" s="93"/>
      <c r="BB184" s="93"/>
      <c r="BC184" s="93"/>
      <c r="BD184" s="93"/>
      <c r="BE184" s="93"/>
      <c r="BF184" s="93"/>
      <c r="BG184" s="93"/>
      <c r="BH184" s="93"/>
      <c r="BI184" s="93"/>
      <c r="BJ184" s="93"/>
      <c r="BK184" s="93"/>
      <c r="BL184" s="93"/>
    </row>
    <row r="185" spans="2:64" x14ac:dyDescent="0.2">
      <c r="B185" s="79"/>
      <c r="C185" s="73"/>
      <c r="D185" s="64"/>
      <c r="E185" s="55"/>
      <c r="F185" s="74"/>
      <c r="G185" s="74"/>
      <c r="H185" s="74"/>
      <c r="I185" s="75"/>
      <c r="J185" s="74"/>
      <c r="L185" s="55"/>
      <c r="M185" s="234"/>
      <c r="N185" s="65"/>
      <c r="O185" s="76"/>
      <c r="P185" s="76"/>
      <c r="Q185" s="65"/>
      <c r="R185" s="76"/>
      <c r="S185" s="76"/>
      <c r="T185" s="76"/>
      <c r="U185" s="76"/>
      <c r="V185" s="76"/>
      <c r="W185" s="76"/>
      <c r="X185" s="76"/>
      <c r="Y185" s="76"/>
      <c r="Z185" s="76"/>
      <c r="AA185" s="85"/>
      <c r="AB185" s="85"/>
      <c r="AC185" s="85"/>
      <c r="AD185" s="85"/>
      <c r="AE185" s="85"/>
      <c r="AF185" s="85"/>
      <c r="AG185" s="86"/>
      <c r="AH185" s="85"/>
      <c r="AI185" s="85"/>
      <c r="AJ185" s="85"/>
      <c r="AK185" s="85"/>
      <c r="AL185" s="85"/>
      <c r="AM185" s="92"/>
      <c r="AN185" s="92"/>
      <c r="AO185" s="92"/>
      <c r="AP185" s="92"/>
      <c r="AQ185" s="92"/>
      <c r="AR185" s="92"/>
      <c r="AS185" s="92"/>
      <c r="AT185" s="92"/>
      <c r="AU185" s="92"/>
      <c r="AV185" s="92"/>
      <c r="AW185" s="92"/>
      <c r="AX185" s="92"/>
      <c r="AY185" s="92"/>
      <c r="AZ185" s="93"/>
      <c r="BA185" s="93"/>
      <c r="BB185" s="93"/>
      <c r="BC185" s="93"/>
      <c r="BD185" s="93"/>
      <c r="BE185" s="93"/>
      <c r="BF185" s="93"/>
      <c r="BG185" s="93"/>
      <c r="BH185" s="93"/>
      <c r="BI185" s="93"/>
      <c r="BJ185" s="93"/>
      <c r="BK185" s="93"/>
      <c r="BL185" s="93"/>
    </row>
    <row r="186" spans="2:64" x14ac:dyDescent="0.2">
      <c r="B186" s="79"/>
      <c r="C186" s="73"/>
      <c r="D186" s="64"/>
      <c r="E186" s="55"/>
      <c r="F186" s="74"/>
      <c r="G186" s="74"/>
      <c r="H186" s="74"/>
      <c r="I186" s="75"/>
      <c r="J186" s="74"/>
      <c r="L186" s="55"/>
      <c r="M186" s="234"/>
      <c r="N186" s="65"/>
      <c r="O186" s="76"/>
      <c r="P186" s="76"/>
      <c r="Q186" s="65"/>
      <c r="R186" s="76"/>
      <c r="S186" s="76"/>
      <c r="T186" s="76"/>
      <c r="U186" s="76"/>
      <c r="V186" s="76"/>
      <c r="W186" s="76"/>
      <c r="X186" s="76"/>
      <c r="Y186" s="76"/>
      <c r="Z186" s="76"/>
      <c r="AA186" s="85"/>
      <c r="AB186" s="85"/>
      <c r="AC186" s="85"/>
      <c r="AD186" s="85"/>
      <c r="AE186" s="85"/>
      <c r="AF186" s="85"/>
      <c r="AG186" s="86"/>
      <c r="AH186" s="85"/>
      <c r="AI186" s="85"/>
      <c r="AJ186" s="85"/>
      <c r="AK186" s="85"/>
      <c r="AL186" s="85"/>
      <c r="AM186" s="92"/>
      <c r="AN186" s="92"/>
      <c r="AO186" s="92"/>
      <c r="AP186" s="92"/>
      <c r="AQ186" s="92"/>
      <c r="AR186" s="92"/>
      <c r="AS186" s="92"/>
      <c r="AT186" s="92"/>
      <c r="AU186" s="92"/>
      <c r="AV186" s="92"/>
      <c r="AW186" s="92"/>
      <c r="AX186" s="92"/>
      <c r="AY186" s="92"/>
      <c r="AZ186" s="93"/>
      <c r="BA186" s="93"/>
      <c r="BB186" s="93"/>
      <c r="BC186" s="93"/>
      <c r="BD186" s="93"/>
      <c r="BE186" s="93"/>
      <c r="BF186" s="93"/>
      <c r="BG186" s="93"/>
      <c r="BH186" s="93"/>
      <c r="BI186" s="93"/>
      <c r="BJ186" s="93"/>
      <c r="BK186" s="93"/>
      <c r="BL186" s="93"/>
    </row>
    <row r="187" spans="2:64" x14ac:dyDescent="0.2">
      <c r="B187" s="79"/>
      <c r="C187" s="73"/>
      <c r="D187" s="64"/>
      <c r="E187" s="55"/>
      <c r="F187" s="74"/>
      <c r="G187" s="74"/>
      <c r="H187" s="74"/>
      <c r="I187" s="75"/>
      <c r="J187" s="74"/>
      <c r="L187" s="55"/>
      <c r="M187" s="234"/>
      <c r="N187" s="65"/>
      <c r="O187" s="76"/>
      <c r="P187" s="76"/>
      <c r="Q187" s="65"/>
      <c r="R187" s="76"/>
      <c r="S187" s="76"/>
      <c r="T187" s="76"/>
      <c r="U187" s="76"/>
      <c r="V187" s="76"/>
      <c r="W187" s="76"/>
      <c r="X187" s="76"/>
      <c r="Y187" s="76"/>
      <c r="Z187" s="76"/>
      <c r="AA187" s="85"/>
      <c r="AB187" s="85"/>
      <c r="AC187" s="85"/>
      <c r="AD187" s="85"/>
      <c r="AE187" s="85"/>
      <c r="AF187" s="85"/>
      <c r="AG187" s="86"/>
      <c r="AH187" s="85"/>
      <c r="AI187" s="85"/>
      <c r="AJ187" s="85"/>
      <c r="AK187" s="85"/>
      <c r="AL187" s="85"/>
      <c r="AM187" s="92"/>
      <c r="AN187" s="92"/>
      <c r="AO187" s="92"/>
      <c r="AP187" s="92"/>
      <c r="AQ187" s="92"/>
      <c r="AR187" s="92"/>
      <c r="AS187" s="92"/>
      <c r="AT187" s="92"/>
      <c r="AU187" s="92"/>
      <c r="AV187" s="92"/>
      <c r="AW187" s="92"/>
      <c r="AX187" s="92"/>
      <c r="AY187" s="92"/>
      <c r="AZ187" s="93"/>
      <c r="BA187" s="93"/>
      <c r="BB187" s="93"/>
      <c r="BC187" s="93"/>
      <c r="BD187" s="93"/>
      <c r="BE187" s="93"/>
      <c r="BF187" s="93"/>
      <c r="BG187" s="93"/>
      <c r="BH187" s="93"/>
      <c r="BI187" s="93"/>
      <c r="BJ187" s="93"/>
      <c r="BK187" s="93"/>
      <c r="BL187" s="93"/>
    </row>
    <row r="188" spans="2:64" x14ac:dyDescent="0.2">
      <c r="B188" s="79"/>
      <c r="C188" s="73"/>
      <c r="D188" s="64"/>
      <c r="E188" s="55"/>
      <c r="F188" s="74"/>
      <c r="G188" s="74"/>
      <c r="H188" s="74"/>
      <c r="I188" s="75"/>
      <c r="J188" s="74"/>
      <c r="L188" s="55"/>
      <c r="M188" s="234"/>
      <c r="N188" s="65"/>
      <c r="O188" s="76"/>
      <c r="P188" s="76"/>
      <c r="Q188" s="65"/>
      <c r="R188" s="76"/>
      <c r="S188" s="76"/>
      <c r="T188" s="76"/>
      <c r="U188" s="76"/>
      <c r="V188" s="76"/>
      <c r="W188" s="76"/>
      <c r="X188" s="76"/>
      <c r="Y188" s="76"/>
      <c r="Z188" s="76"/>
      <c r="AA188" s="85"/>
      <c r="AB188" s="85"/>
      <c r="AC188" s="85"/>
      <c r="AD188" s="85"/>
      <c r="AE188" s="85"/>
      <c r="AF188" s="85"/>
      <c r="AG188" s="86"/>
      <c r="AH188" s="85"/>
      <c r="AI188" s="85"/>
      <c r="AJ188" s="85"/>
      <c r="AK188" s="85"/>
      <c r="AL188" s="85"/>
      <c r="AM188" s="92"/>
      <c r="AN188" s="92"/>
      <c r="AO188" s="92"/>
      <c r="AP188" s="92"/>
      <c r="AQ188" s="92"/>
      <c r="AR188" s="92"/>
      <c r="AS188" s="92"/>
      <c r="AT188" s="92"/>
      <c r="AU188" s="92"/>
      <c r="AV188" s="92"/>
      <c r="AW188" s="92"/>
      <c r="AX188" s="92"/>
      <c r="AY188" s="92"/>
      <c r="AZ188" s="93"/>
      <c r="BA188" s="93"/>
      <c r="BB188" s="93"/>
      <c r="BC188" s="93"/>
      <c r="BD188" s="93"/>
      <c r="BE188" s="93"/>
      <c r="BF188" s="93"/>
      <c r="BG188" s="93"/>
      <c r="BH188" s="93"/>
      <c r="BI188" s="93"/>
      <c r="BJ188" s="93"/>
      <c r="BK188" s="93"/>
      <c r="BL188" s="93"/>
    </row>
    <row r="189" spans="2:64" x14ac:dyDescent="0.2">
      <c r="B189" s="79"/>
      <c r="C189" s="73"/>
      <c r="D189" s="64"/>
      <c r="E189" s="55"/>
      <c r="F189" s="74"/>
      <c r="G189" s="74"/>
      <c r="H189" s="74"/>
      <c r="I189" s="75"/>
      <c r="J189" s="74"/>
      <c r="L189" s="55"/>
      <c r="M189" s="234"/>
      <c r="N189" s="65"/>
      <c r="O189" s="76"/>
      <c r="P189" s="76"/>
      <c r="Q189" s="65"/>
      <c r="R189" s="76"/>
      <c r="S189" s="76"/>
      <c r="T189" s="76"/>
      <c r="U189" s="76"/>
      <c r="V189" s="76"/>
      <c r="W189" s="76"/>
      <c r="X189" s="76"/>
      <c r="Y189" s="76"/>
      <c r="Z189" s="76"/>
      <c r="AA189" s="85"/>
      <c r="AB189" s="85"/>
      <c r="AC189" s="85"/>
      <c r="AD189" s="85"/>
      <c r="AE189" s="85"/>
      <c r="AF189" s="85"/>
      <c r="AG189" s="86"/>
      <c r="AH189" s="85"/>
      <c r="AI189" s="85"/>
      <c r="AJ189" s="85"/>
      <c r="AK189" s="85"/>
      <c r="AL189" s="85"/>
      <c r="AM189" s="92"/>
      <c r="AN189" s="92"/>
      <c r="AO189" s="92"/>
      <c r="AP189" s="92"/>
      <c r="AQ189" s="92"/>
      <c r="AR189" s="92"/>
      <c r="AS189" s="92"/>
      <c r="AT189" s="92"/>
      <c r="AU189" s="92"/>
      <c r="AV189" s="92"/>
      <c r="AW189" s="92"/>
      <c r="AX189" s="92"/>
      <c r="AY189" s="92"/>
      <c r="AZ189" s="93"/>
      <c r="BA189" s="93"/>
      <c r="BB189" s="93"/>
      <c r="BC189" s="93"/>
      <c r="BD189" s="93"/>
      <c r="BE189" s="93"/>
      <c r="BF189" s="93"/>
      <c r="BG189" s="93"/>
      <c r="BH189" s="93"/>
      <c r="BI189" s="93"/>
      <c r="BJ189" s="93"/>
      <c r="BK189" s="93"/>
      <c r="BL189" s="93"/>
    </row>
    <row r="190" spans="2:64" x14ac:dyDescent="0.2">
      <c r="B190" s="79"/>
      <c r="C190" s="73"/>
      <c r="D190" s="64"/>
      <c r="E190" s="55"/>
      <c r="F190" s="74"/>
      <c r="G190" s="74"/>
      <c r="H190" s="74"/>
      <c r="I190" s="75"/>
      <c r="J190" s="74"/>
      <c r="L190" s="55"/>
      <c r="M190" s="234"/>
      <c r="N190" s="65"/>
      <c r="O190" s="76"/>
      <c r="P190" s="76"/>
      <c r="Q190" s="65"/>
      <c r="R190" s="76"/>
      <c r="S190" s="76"/>
      <c r="T190" s="76"/>
      <c r="U190" s="76"/>
      <c r="V190" s="76"/>
      <c r="W190" s="76"/>
      <c r="X190" s="76"/>
      <c r="Y190" s="76"/>
      <c r="Z190" s="76"/>
      <c r="AA190" s="85"/>
      <c r="AB190" s="85"/>
      <c r="AC190" s="85"/>
      <c r="AD190" s="85"/>
      <c r="AE190" s="85"/>
      <c r="AF190" s="85"/>
      <c r="AG190" s="86"/>
      <c r="AH190" s="85"/>
      <c r="AI190" s="85"/>
      <c r="AJ190" s="85"/>
      <c r="AK190" s="85"/>
      <c r="AL190" s="85"/>
      <c r="AM190" s="92"/>
      <c r="AN190" s="92"/>
      <c r="AO190" s="92"/>
      <c r="AP190" s="92"/>
      <c r="AQ190" s="92"/>
      <c r="AR190" s="92"/>
      <c r="AS190" s="92"/>
      <c r="AT190" s="92"/>
      <c r="AU190" s="92"/>
      <c r="AV190" s="92"/>
      <c r="AW190" s="92"/>
      <c r="AX190" s="92"/>
      <c r="AY190" s="92"/>
      <c r="AZ190" s="93"/>
      <c r="BA190" s="93"/>
      <c r="BB190" s="93"/>
      <c r="BC190" s="93"/>
      <c r="BD190" s="93"/>
      <c r="BE190" s="93"/>
      <c r="BF190" s="93"/>
      <c r="BG190" s="93"/>
      <c r="BH190" s="93"/>
      <c r="BI190" s="93"/>
      <c r="BJ190" s="93"/>
      <c r="BK190" s="93"/>
      <c r="BL190" s="93"/>
    </row>
    <row r="191" spans="2:64" x14ac:dyDescent="0.2">
      <c r="B191" s="79"/>
      <c r="C191" s="73"/>
      <c r="D191" s="64"/>
      <c r="E191" s="55"/>
      <c r="F191" s="74"/>
      <c r="G191" s="74"/>
      <c r="H191" s="74"/>
      <c r="I191" s="75"/>
      <c r="J191" s="74"/>
      <c r="L191" s="55"/>
      <c r="M191" s="234"/>
      <c r="N191" s="65"/>
      <c r="O191" s="76"/>
      <c r="P191" s="76"/>
      <c r="Q191" s="65"/>
      <c r="R191" s="76"/>
      <c r="S191" s="76"/>
      <c r="T191" s="76"/>
      <c r="U191" s="76"/>
      <c r="V191" s="76"/>
      <c r="W191" s="76"/>
      <c r="X191" s="76"/>
      <c r="Y191" s="76"/>
      <c r="Z191" s="76"/>
      <c r="AA191" s="85"/>
      <c r="AB191" s="85"/>
      <c r="AC191" s="85"/>
      <c r="AD191" s="85"/>
      <c r="AE191" s="85"/>
      <c r="AF191" s="85"/>
      <c r="AG191" s="86"/>
      <c r="AH191" s="85"/>
      <c r="AI191" s="85"/>
      <c r="AJ191" s="85"/>
      <c r="AK191" s="85"/>
      <c r="AL191" s="85"/>
      <c r="AM191" s="92"/>
      <c r="AN191" s="92"/>
      <c r="AO191" s="92"/>
      <c r="AP191" s="92"/>
      <c r="AQ191" s="92"/>
      <c r="AR191" s="92"/>
      <c r="AS191" s="92"/>
      <c r="AT191" s="92"/>
      <c r="AU191" s="92"/>
      <c r="AV191" s="92"/>
      <c r="AW191" s="92"/>
      <c r="AX191" s="92"/>
      <c r="AY191" s="92"/>
      <c r="AZ191" s="93"/>
      <c r="BA191" s="93"/>
      <c r="BB191" s="93"/>
      <c r="BC191" s="93"/>
      <c r="BD191" s="93"/>
      <c r="BE191" s="93"/>
      <c r="BF191" s="93"/>
      <c r="BG191" s="93"/>
      <c r="BH191" s="93"/>
      <c r="BI191" s="93"/>
      <c r="BJ191" s="93"/>
      <c r="BK191" s="93"/>
      <c r="BL191" s="93"/>
    </row>
    <row r="192" spans="2:64" x14ac:dyDescent="0.2">
      <c r="B192" s="79"/>
      <c r="C192" s="73"/>
      <c r="D192" s="64"/>
      <c r="E192" s="55"/>
      <c r="F192" s="74"/>
      <c r="G192" s="74"/>
      <c r="H192" s="74"/>
      <c r="I192" s="75"/>
      <c r="J192" s="74"/>
      <c r="L192" s="55"/>
      <c r="M192" s="234"/>
      <c r="N192" s="65"/>
      <c r="O192" s="76"/>
      <c r="P192" s="76"/>
      <c r="Q192" s="65"/>
      <c r="R192" s="76"/>
      <c r="S192" s="76"/>
      <c r="T192" s="76"/>
      <c r="U192" s="76"/>
      <c r="V192" s="76"/>
      <c r="W192" s="76"/>
      <c r="X192" s="76"/>
      <c r="Y192" s="76"/>
      <c r="Z192" s="76"/>
      <c r="AA192" s="85"/>
      <c r="AB192" s="85"/>
      <c r="AC192" s="85"/>
      <c r="AD192" s="85"/>
      <c r="AE192" s="85"/>
      <c r="AF192" s="85"/>
      <c r="AG192" s="86"/>
      <c r="AH192" s="85"/>
      <c r="AI192" s="85"/>
      <c r="AJ192" s="85"/>
      <c r="AK192" s="85"/>
      <c r="AL192" s="85"/>
      <c r="AM192" s="92"/>
      <c r="AN192" s="92"/>
      <c r="AO192" s="92"/>
      <c r="AP192" s="92"/>
      <c r="AQ192" s="92"/>
      <c r="AR192" s="92"/>
      <c r="AS192" s="92"/>
      <c r="AT192" s="92"/>
      <c r="AU192" s="92"/>
      <c r="AV192" s="92"/>
      <c r="AW192" s="92"/>
      <c r="AX192" s="92"/>
      <c r="AY192" s="92"/>
      <c r="AZ192" s="93"/>
      <c r="BA192" s="93"/>
      <c r="BB192" s="93"/>
      <c r="BC192" s="93"/>
      <c r="BD192" s="93"/>
      <c r="BE192" s="93"/>
      <c r="BF192" s="93"/>
      <c r="BG192" s="93"/>
      <c r="BH192" s="93"/>
      <c r="BI192" s="93"/>
      <c r="BJ192" s="93"/>
      <c r="BK192" s="93"/>
      <c r="BL192" s="93"/>
    </row>
    <row r="193" spans="2:64" x14ac:dyDescent="0.2">
      <c r="B193" s="79"/>
      <c r="C193" s="73"/>
      <c r="D193" s="64"/>
      <c r="E193" s="55"/>
      <c r="F193" s="74"/>
      <c r="G193" s="74"/>
      <c r="H193" s="74"/>
      <c r="I193" s="75"/>
      <c r="J193" s="74"/>
      <c r="L193" s="55"/>
      <c r="M193" s="234"/>
      <c r="N193" s="65"/>
      <c r="O193" s="76"/>
      <c r="P193" s="76"/>
      <c r="Q193" s="65"/>
      <c r="R193" s="76"/>
      <c r="S193" s="76"/>
      <c r="T193" s="76"/>
      <c r="U193" s="76"/>
      <c r="V193" s="76"/>
      <c r="W193" s="76"/>
      <c r="X193" s="76"/>
      <c r="Y193" s="76"/>
      <c r="Z193" s="76"/>
      <c r="AA193" s="85"/>
      <c r="AB193" s="85"/>
      <c r="AC193" s="85"/>
      <c r="AD193" s="85"/>
      <c r="AE193" s="85"/>
      <c r="AF193" s="85"/>
      <c r="AG193" s="86"/>
      <c r="AH193" s="85"/>
      <c r="AI193" s="85"/>
      <c r="AJ193" s="85"/>
      <c r="AK193" s="85"/>
      <c r="AL193" s="85"/>
      <c r="AM193" s="92"/>
      <c r="AN193" s="92"/>
      <c r="AO193" s="92"/>
      <c r="AP193" s="92"/>
      <c r="AQ193" s="92"/>
      <c r="AR193" s="92"/>
      <c r="AS193" s="92"/>
      <c r="AT193" s="92"/>
      <c r="AU193" s="92"/>
      <c r="AV193" s="92"/>
      <c r="AW193" s="92"/>
      <c r="AX193" s="92"/>
      <c r="AY193" s="92"/>
      <c r="AZ193" s="93"/>
      <c r="BA193" s="93"/>
      <c r="BB193" s="93"/>
      <c r="BC193" s="93"/>
      <c r="BD193" s="93"/>
      <c r="BE193" s="93"/>
      <c r="BF193" s="93"/>
      <c r="BG193" s="93"/>
      <c r="BH193" s="93"/>
      <c r="BI193" s="93"/>
      <c r="BJ193" s="93"/>
      <c r="BK193" s="93"/>
      <c r="BL193" s="93"/>
    </row>
    <row r="194" spans="2:64" x14ac:dyDescent="0.2">
      <c r="B194" s="79"/>
      <c r="C194" s="73"/>
      <c r="D194" s="64"/>
      <c r="E194" s="55"/>
      <c r="F194" s="74"/>
      <c r="G194" s="74"/>
      <c r="H194" s="74"/>
      <c r="I194" s="75"/>
      <c r="J194" s="74"/>
      <c r="L194" s="55"/>
      <c r="M194" s="234"/>
      <c r="N194" s="65"/>
      <c r="O194" s="76"/>
      <c r="P194" s="76"/>
      <c r="Q194" s="65"/>
      <c r="R194" s="76"/>
      <c r="S194" s="76"/>
      <c r="T194" s="76"/>
      <c r="U194" s="76"/>
      <c r="V194" s="76"/>
      <c r="W194" s="76"/>
      <c r="X194" s="76"/>
      <c r="Y194" s="76"/>
      <c r="Z194" s="76"/>
      <c r="AA194" s="85"/>
      <c r="AB194" s="85"/>
      <c r="AC194" s="85"/>
      <c r="AD194" s="85"/>
      <c r="AE194" s="85"/>
      <c r="AF194" s="85"/>
      <c r="AG194" s="86"/>
      <c r="AH194" s="85"/>
      <c r="AI194" s="85"/>
      <c r="AJ194" s="85"/>
      <c r="AK194" s="85"/>
      <c r="AL194" s="85"/>
      <c r="AM194" s="92"/>
      <c r="AN194" s="92"/>
      <c r="AO194" s="92"/>
      <c r="AP194" s="92"/>
      <c r="AQ194" s="92"/>
      <c r="AR194" s="92"/>
      <c r="AS194" s="92"/>
      <c r="AT194" s="92"/>
      <c r="AU194" s="92"/>
      <c r="AV194" s="92"/>
      <c r="AW194" s="92"/>
      <c r="AX194" s="92"/>
      <c r="AY194" s="92"/>
      <c r="AZ194" s="93"/>
      <c r="BA194" s="93"/>
      <c r="BB194" s="93"/>
      <c r="BC194" s="93"/>
      <c r="BD194" s="93"/>
      <c r="BE194" s="93"/>
      <c r="BF194" s="93"/>
      <c r="BG194" s="93"/>
      <c r="BH194" s="93"/>
      <c r="BI194" s="93"/>
      <c r="BJ194" s="93"/>
      <c r="BK194" s="93"/>
      <c r="BL194" s="93"/>
    </row>
    <row r="195" spans="2:64" x14ac:dyDescent="0.2">
      <c r="B195" s="79"/>
      <c r="C195" s="73"/>
      <c r="D195" s="64"/>
      <c r="E195" s="55"/>
      <c r="F195" s="74"/>
      <c r="G195" s="74"/>
      <c r="H195" s="74"/>
      <c r="I195" s="75"/>
      <c r="J195" s="74"/>
      <c r="L195" s="55"/>
      <c r="M195" s="234"/>
      <c r="N195" s="65"/>
      <c r="O195" s="76"/>
      <c r="P195" s="76"/>
      <c r="Q195" s="65"/>
      <c r="R195" s="76"/>
      <c r="S195" s="76"/>
      <c r="T195" s="76"/>
      <c r="U195" s="76"/>
      <c r="V195" s="76"/>
      <c r="W195" s="76"/>
      <c r="X195" s="76"/>
      <c r="Y195" s="76"/>
      <c r="Z195" s="76"/>
      <c r="AA195" s="85"/>
      <c r="AB195" s="85"/>
      <c r="AC195" s="85"/>
      <c r="AD195" s="85"/>
      <c r="AE195" s="85"/>
      <c r="AF195" s="85"/>
      <c r="AG195" s="86"/>
      <c r="AH195" s="85"/>
      <c r="AI195" s="85"/>
      <c r="AJ195" s="85"/>
      <c r="AK195" s="85"/>
      <c r="AL195" s="85"/>
      <c r="AM195" s="92"/>
      <c r="AN195" s="92"/>
      <c r="AO195" s="92"/>
      <c r="AP195" s="92"/>
      <c r="AQ195" s="92"/>
      <c r="AR195" s="92"/>
      <c r="AS195" s="92"/>
      <c r="AT195" s="92"/>
      <c r="AU195" s="92"/>
      <c r="AV195" s="92"/>
      <c r="AW195" s="92"/>
      <c r="AX195" s="92"/>
      <c r="AY195" s="92"/>
      <c r="AZ195" s="93"/>
      <c r="BA195" s="93"/>
      <c r="BB195" s="93"/>
      <c r="BC195" s="93"/>
      <c r="BD195" s="93"/>
      <c r="BE195" s="93"/>
      <c r="BF195" s="93"/>
      <c r="BG195" s="93"/>
      <c r="BH195" s="93"/>
      <c r="BI195" s="93"/>
      <c r="BJ195" s="93"/>
      <c r="BK195" s="93"/>
      <c r="BL195" s="93"/>
    </row>
    <row r="196" spans="2:64" x14ac:dyDescent="0.2">
      <c r="B196" s="79"/>
      <c r="C196" s="73"/>
      <c r="D196" s="64"/>
      <c r="E196" s="55"/>
      <c r="F196" s="74"/>
      <c r="G196" s="74"/>
      <c r="H196" s="74"/>
      <c r="I196" s="75"/>
      <c r="J196" s="74"/>
      <c r="L196" s="55"/>
      <c r="M196" s="234"/>
      <c r="N196" s="65"/>
      <c r="O196" s="76"/>
      <c r="P196" s="76"/>
      <c r="Q196" s="65"/>
      <c r="R196" s="76"/>
      <c r="S196" s="76"/>
      <c r="T196" s="76"/>
      <c r="U196" s="76"/>
      <c r="V196" s="76"/>
      <c r="W196" s="76"/>
      <c r="X196" s="76"/>
      <c r="Y196" s="76"/>
      <c r="Z196" s="76"/>
      <c r="AA196" s="85"/>
      <c r="AB196" s="85"/>
      <c r="AC196" s="85"/>
      <c r="AD196" s="85"/>
      <c r="AE196" s="85"/>
      <c r="AF196" s="85"/>
      <c r="AG196" s="86"/>
      <c r="AH196" s="85"/>
      <c r="AI196" s="85"/>
      <c r="AJ196" s="85"/>
      <c r="AK196" s="85"/>
      <c r="AL196" s="85"/>
      <c r="AM196" s="92"/>
      <c r="AN196" s="92"/>
      <c r="AO196" s="92"/>
      <c r="AP196" s="92"/>
      <c r="AQ196" s="92"/>
      <c r="AR196" s="92"/>
      <c r="AS196" s="92"/>
      <c r="AT196" s="92"/>
      <c r="AU196" s="92"/>
      <c r="AV196" s="92"/>
      <c r="AW196" s="92"/>
      <c r="AX196" s="92"/>
      <c r="AY196" s="92"/>
      <c r="AZ196" s="93"/>
      <c r="BA196" s="93"/>
      <c r="BB196" s="93"/>
      <c r="BC196" s="93"/>
      <c r="BD196" s="93"/>
      <c r="BE196" s="93"/>
      <c r="BF196" s="93"/>
      <c r="BG196" s="93"/>
      <c r="BH196" s="93"/>
      <c r="BI196" s="93"/>
      <c r="BJ196" s="93"/>
      <c r="BK196" s="93"/>
      <c r="BL196" s="93"/>
    </row>
    <row r="197" spans="2:64" x14ac:dyDescent="0.2">
      <c r="B197" s="79"/>
      <c r="C197" s="73"/>
      <c r="D197" s="64"/>
      <c r="E197" s="55"/>
      <c r="F197" s="74"/>
      <c r="G197" s="74"/>
      <c r="H197" s="74"/>
      <c r="I197" s="75"/>
      <c r="J197" s="74"/>
      <c r="L197" s="55"/>
      <c r="M197" s="234"/>
      <c r="N197" s="65"/>
      <c r="O197" s="76"/>
      <c r="P197" s="76"/>
      <c r="Q197" s="65"/>
      <c r="R197" s="76"/>
      <c r="S197" s="76"/>
      <c r="T197" s="76"/>
      <c r="U197" s="76"/>
      <c r="V197" s="76"/>
      <c r="W197" s="76"/>
      <c r="X197" s="76"/>
      <c r="Y197" s="76"/>
      <c r="Z197" s="76"/>
      <c r="AA197" s="85"/>
      <c r="AB197" s="85"/>
      <c r="AC197" s="85"/>
      <c r="AD197" s="85"/>
      <c r="AE197" s="85"/>
      <c r="AF197" s="85"/>
      <c r="AG197" s="86"/>
      <c r="AH197" s="85"/>
      <c r="AI197" s="85"/>
      <c r="AJ197" s="85"/>
      <c r="AK197" s="85"/>
      <c r="AL197" s="85"/>
      <c r="AM197" s="92"/>
      <c r="AN197" s="92"/>
      <c r="AO197" s="92"/>
      <c r="AP197" s="92"/>
      <c r="AQ197" s="92"/>
      <c r="AR197" s="92"/>
      <c r="AS197" s="92"/>
      <c r="AT197" s="92"/>
      <c r="AU197" s="92"/>
      <c r="AV197" s="92"/>
      <c r="AW197" s="92"/>
      <c r="AX197" s="92"/>
      <c r="AY197" s="92"/>
      <c r="AZ197" s="93"/>
      <c r="BA197" s="93"/>
      <c r="BB197" s="93"/>
      <c r="BC197" s="93"/>
      <c r="BD197" s="93"/>
      <c r="BE197" s="93"/>
      <c r="BF197" s="93"/>
      <c r="BG197" s="93"/>
      <c r="BH197" s="93"/>
      <c r="BI197" s="93"/>
      <c r="BJ197" s="93"/>
      <c r="BK197" s="93"/>
      <c r="BL197" s="93"/>
    </row>
    <row r="198" spans="2:64" x14ac:dyDescent="0.2">
      <c r="B198" s="79"/>
      <c r="C198" s="73"/>
      <c r="D198" s="64"/>
      <c r="E198" s="55"/>
      <c r="F198" s="74"/>
      <c r="G198" s="74"/>
      <c r="H198" s="74"/>
      <c r="I198" s="75"/>
      <c r="J198" s="74"/>
      <c r="L198" s="55"/>
      <c r="M198" s="234"/>
      <c r="N198" s="65"/>
      <c r="O198" s="76"/>
      <c r="P198" s="76"/>
      <c r="Q198" s="65"/>
      <c r="R198" s="76"/>
      <c r="S198" s="76"/>
      <c r="T198" s="76"/>
      <c r="U198" s="76"/>
      <c r="V198" s="76"/>
      <c r="W198" s="76"/>
      <c r="X198" s="76"/>
      <c r="Y198" s="76"/>
      <c r="Z198" s="76"/>
      <c r="AA198" s="85"/>
      <c r="AB198" s="85"/>
      <c r="AC198" s="85"/>
      <c r="AD198" s="85"/>
      <c r="AE198" s="85"/>
      <c r="AF198" s="85"/>
      <c r="AG198" s="86"/>
      <c r="AH198" s="85"/>
      <c r="AI198" s="85"/>
      <c r="AJ198" s="85"/>
      <c r="AK198" s="85"/>
      <c r="AL198" s="85"/>
      <c r="AM198" s="92"/>
      <c r="AN198" s="92"/>
      <c r="AO198" s="92"/>
      <c r="AP198" s="92"/>
      <c r="AQ198" s="92"/>
      <c r="AR198" s="92"/>
      <c r="AS198" s="92"/>
      <c r="AT198" s="92"/>
      <c r="AU198" s="92"/>
      <c r="AV198" s="92"/>
      <c r="AW198" s="92"/>
      <c r="AX198" s="92"/>
      <c r="AY198" s="92"/>
      <c r="AZ198" s="93"/>
      <c r="BA198" s="93"/>
      <c r="BB198" s="93"/>
      <c r="BC198" s="93"/>
      <c r="BD198" s="93"/>
      <c r="BE198" s="93"/>
      <c r="BF198" s="93"/>
      <c r="BG198" s="93"/>
      <c r="BH198" s="93"/>
      <c r="BI198" s="93"/>
      <c r="BJ198" s="93"/>
      <c r="BK198" s="93"/>
      <c r="BL198" s="93"/>
    </row>
    <row r="199" spans="2:64" x14ac:dyDescent="0.2">
      <c r="B199" s="79"/>
      <c r="C199" s="73"/>
      <c r="D199" s="64"/>
      <c r="E199" s="55"/>
      <c r="F199" s="74"/>
      <c r="G199" s="74"/>
      <c r="H199" s="74"/>
      <c r="I199" s="75"/>
      <c r="J199" s="74"/>
      <c r="L199" s="55"/>
      <c r="M199" s="234"/>
      <c r="N199" s="65"/>
      <c r="O199" s="76"/>
      <c r="P199" s="76"/>
      <c r="Q199" s="65"/>
      <c r="R199" s="76"/>
      <c r="S199" s="76"/>
      <c r="T199" s="76"/>
      <c r="U199" s="76"/>
      <c r="V199" s="76"/>
      <c r="W199" s="76"/>
      <c r="X199" s="76"/>
      <c r="Y199" s="76"/>
      <c r="Z199" s="76"/>
      <c r="AA199" s="85"/>
      <c r="AB199" s="85"/>
      <c r="AC199" s="85"/>
      <c r="AD199" s="85"/>
      <c r="AE199" s="85"/>
      <c r="AF199" s="85"/>
      <c r="AG199" s="86"/>
      <c r="AH199" s="85"/>
      <c r="AI199" s="85"/>
      <c r="AJ199" s="85"/>
      <c r="AK199" s="85"/>
      <c r="AL199" s="85"/>
      <c r="AM199" s="92"/>
      <c r="AN199" s="92"/>
      <c r="AO199" s="92"/>
      <c r="AP199" s="92"/>
      <c r="AQ199" s="92"/>
      <c r="AR199" s="92"/>
      <c r="AS199" s="92"/>
      <c r="AT199" s="92"/>
      <c r="AU199" s="92"/>
      <c r="AV199" s="92"/>
      <c r="AW199" s="92"/>
      <c r="AX199" s="92"/>
      <c r="AY199" s="92"/>
      <c r="AZ199" s="93"/>
      <c r="BA199" s="93"/>
      <c r="BB199" s="93"/>
      <c r="BC199" s="93"/>
      <c r="BD199" s="93"/>
      <c r="BE199" s="93"/>
      <c r="BF199" s="93"/>
      <c r="BG199" s="93"/>
      <c r="BH199" s="93"/>
      <c r="BI199" s="93"/>
      <c r="BJ199" s="93"/>
      <c r="BK199" s="93"/>
      <c r="BL199" s="93"/>
    </row>
    <row r="200" spans="2:64" x14ac:dyDescent="0.2">
      <c r="B200" s="79"/>
      <c r="C200" s="73"/>
      <c r="D200" s="64"/>
      <c r="E200" s="55"/>
      <c r="F200" s="74"/>
      <c r="G200" s="74"/>
      <c r="H200" s="74"/>
      <c r="I200" s="75"/>
      <c r="J200" s="74"/>
      <c r="L200" s="55"/>
      <c r="M200" s="234"/>
      <c r="N200" s="65"/>
      <c r="O200" s="76"/>
      <c r="P200" s="76"/>
      <c r="Q200" s="65"/>
      <c r="R200" s="76"/>
      <c r="S200" s="76"/>
      <c r="T200" s="76"/>
      <c r="U200" s="76"/>
      <c r="V200" s="76"/>
      <c r="W200" s="76"/>
      <c r="X200" s="76"/>
      <c r="Y200" s="76"/>
      <c r="Z200" s="76"/>
      <c r="AA200" s="85"/>
      <c r="AB200" s="85"/>
      <c r="AC200" s="85"/>
      <c r="AD200" s="85"/>
      <c r="AE200" s="85"/>
      <c r="AF200" s="85"/>
      <c r="AG200" s="86"/>
      <c r="AH200" s="85"/>
      <c r="AI200" s="85"/>
      <c r="AJ200" s="85"/>
      <c r="AK200" s="85"/>
      <c r="AL200" s="85"/>
      <c r="AM200" s="92"/>
      <c r="AN200" s="92"/>
      <c r="AO200" s="92"/>
      <c r="AP200" s="92"/>
      <c r="AQ200" s="92"/>
      <c r="AR200" s="92"/>
      <c r="AS200" s="92"/>
      <c r="AT200" s="92"/>
      <c r="AU200" s="92"/>
      <c r="AV200" s="92"/>
      <c r="AW200" s="92"/>
      <c r="AX200" s="92"/>
      <c r="AY200" s="92"/>
      <c r="AZ200" s="93"/>
      <c r="BA200" s="93"/>
      <c r="BB200" s="93"/>
      <c r="BC200" s="93"/>
      <c r="BD200" s="93"/>
      <c r="BE200" s="93"/>
      <c r="BF200" s="93"/>
      <c r="BG200" s="93"/>
      <c r="BH200" s="93"/>
      <c r="BI200" s="93"/>
      <c r="BJ200" s="93"/>
      <c r="BK200" s="93"/>
      <c r="BL200" s="93"/>
    </row>
    <row r="201" spans="2:64" x14ac:dyDescent="0.2">
      <c r="B201" s="79"/>
      <c r="C201" s="73"/>
      <c r="D201" s="64"/>
      <c r="E201" s="55"/>
      <c r="F201" s="74"/>
      <c r="G201" s="74"/>
      <c r="H201" s="74"/>
      <c r="I201" s="75"/>
      <c r="J201" s="74"/>
      <c r="L201" s="55"/>
      <c r="M201" s="234"/>
      <c r="N201" s="65"/>
      <c r="O201" s="76"/>
      <c r="P201" s="76"/>
      <c r="Q201" s="65"/>
      <c r="R201" s="76"/>
      <c r="S201" s="76"/>
      <c r="T201" s="76"/>
      <c r="U201" s="76"/>
      <c r="V201" s="76"/>
      <c r="W201" s="76"/>
      <c r="X201" s="76"/>
      <c r="Y201" s="76"/>
      <c r="Z201" s="76"/>
      <c r="AA201" s="85"/>
      <c r="AB201" s="85"/>
      <c r="AC201" s="85"/>
      <c r="AD201" s="85"/>
      <c r="AE201" s="85"/>
      <c r="AF201" s="85"/>
      <c r="AG201" s="86"/>
      <c r="AH201" s="85"/>
      <c r="AI201" s="85"/>
      <c r="AJ201" s="85"/>
      <c r="AK201" s="85"/>
      <c r="AL201" s="85"/>
      <c r="AM201" s="92"/>
      <c r="AN201" s="92"/>
      <c r="AO201" s="92"/>
      <c r="AP201" s="92"/>
      <c r="AQ201" s="92"/>
      <c r="AR201" s="92"/>
      <c r="AS201" s="92"/>
      <c r="AT201" s="92"/>
      <c r="AU201" s="92"/>
      <c r="AV201" s="92"/>
      <c r="AW201" s="92"/>
      <c r="AX201" s="92"/>
      <c r="AY201" s="92"/>
      <c r="AZ201" s="93"/>
      <c r="BA201" s="93"/>
      <c r="BB201" s="93"/>
      <c r="BC201" s="93"/>
      <c r="BD201" s="93"/>
      <c r="BE201" s="93"/>
      <c r="BF201" s="93"/>
      <c r="BG201" s="93"/>
      <c r="BH201" s="93"/>
      <c r="BI201" s="93"/>
      <c r="BJ201" s="93"/>
      <c r="BK201" s="93"/>
      <c r="BL201" s="93"/>
    </row>
    <row r="202" spans="2:64" x14ac:dyDescent="0.2">
      <c r="B202" s="79"/>
      <c r="C202" s="73"/>
      <c r="D202" s="64"/>
      <c r="E202" s="55"/>
      <c r="F202" s="74"/>
      <c r="G202" s="74"/>
      <c r="H202" s="74"/>
      <c r="I202" s="75"/>
      <c r="J202" s="74"/>
      <c r="L202" s="55"/>
      <c r="M202" s="234"/>
      <c r="N202" s="65"/>
      <c r="O202" s="76"/>
      <c r="P202" s="76"/>
      <c r="Q202" s="65"/>
      <c r="R202" s="76"/>
      <c r="S202" s="76"/>
      <c r="T202" s="76"/>
      <c r="U202" s="76"/>
      <c r="V202" s="76"/>
      <c r="W202" s="76"/>
      <c r="X202" s="76"/>
      <c r="Y202" s="76"/>
      <c r="Z202" s="76"/>
      <c r="AA202" s="85"/>
      <c r="AB202" s="85"/>
      <c r="AC202" s="85"/>
      <c r="AD202" s="85"/>
      <c r="AE202" s="85"/>
      <c r="AF202" s="85"/>
      <c r="AG202" s="86"/>
      <c r="AH202" s="85"/>
      <c r="AI202" s="85"/>
      <c r="AJ202" s="85"/>
      <c r="AK202" s="85"/>
      <c r="AL202" s="85"/>
      <c r="AM202" s="92"/>
      <c r="AN202" s="92"/>
      <c r="AO202" s="92"/>
      <c r="AP202" s="92"/>
      <c r="AQ202" s="92"/>
      <c r="AR202" s="92"/>
      <c r="AS202" s="92"/>
      <c r="AT202" s="92"/>
      <c r="AU202" s="92"/>
      <c r="AV202" s="92"/>
      <c r="AW202" s="92"/>
      <c r="AX202" s="92"/>
      <c r="AY202" s="92"/>
      <c r="AZ202" s="93"/>
      <c r="BA202" s="93"/>
      <c r="BB202" s="93"/>
      <c r="BC202" s="93"/>
      <c r="BD202" s="93"/>
      <c r="BE202" s="93"/>
      <c r="BF202" s="93"/>
      <c r="BG202" s="93"/>
      <c r="BH202" s="93"/>
      <c r="BI202" s="93"/>
      <c r="BJ202" s="93"/>
      <c r="BK202" s="93"/>
      <c r="BL202" s="93"/>
    </row>
    <row r="203" spans="2:64" x14ac:dyDescent="0.2">
      <c r="B203" s="79"/>
      <c r="C203" s="73"/>
      <c r="D203" s="64"/>
      <c r="E203" s="55"/>
      <c r="F203" s="74"/>
      <c r="G203" s="74"/>
      <c r="H203" s="74"/>
      <c r="I203" s="75"/>
      <c r="J203" s="74"/>
      <c r="L203" s="55"/>
      <c r="M203" s="234"/>
      <c r="N203" s="65"/>
      <c r="O203" s="76"/>
      <c r="P203" s="76"/>
      <c r="Q203" s="65"/>
      <c r="R203" s="76"/>
      <c r="S203" s="76"/>
      <c r="T203" s="76"/>
      <c r="U203" s="76"/>
      <c r="V203" s="76"/>
      <c r="W203" s="76"/>
      <c r="X203" s="76"/>
      <c r="Y203" s="76"/>
      <c r="Z203" s="76"/>
      <c r="AA203" s="85"/>
      <c r="AB203" s="85"/>
      <c r="AC203" s="85"/>
      <c r="AD203" s="85"/>
      <c r="AE203" s="85"/>
      <c r="AF203" s="85"/>
      <c r="AG203" s="86"/>
      <c r="AH203" s="85"/>
      <c r="AI203" s="85"/>
      <c r="AJ203" s="85"/>
      <c r="AK203" s="85"/>
      <c r="AL203" s="85"/>
      <c r="AM203" s="92"/>
      <c r="AN203" s="92"/>
      <c r="AO203" s="92"/>
      <c r="AP203" s="92"/>
      <c r="AQ203" s="92"/>
      <c r="AR203" s="92"/>
      <c r="AS203" s="92"/>
      <c r="AT203" s="92"/>
      <c r="AU203" s="92"/>
      <c r="AV203" s="92"/>
      <c r="AW203" s="92"/>
      <c r="AX203" s="92"/>
      <c r="AY203" s="92"/>
      <c r="AZ203" s="93"/>
      <c r="BA203" s="93"/>
      <c r="BB203" s="93"/>
      <c r="BC203" s="93"/>
      <c r="BD203" s="93"/>
      <c r="BE203" s="93"/>
      <c r="BF203" s="93"/>
      <c r="BG203" s="93"/>
      <c r="BH203" s="93"/>
      <c r="BI203" s="93"/>
      <c r="BJ203" s="93"/>
      <c r="BK203" s="93"/>
      <c r="BL203" s="93"/>
    </row>
    <row r="204" spans="2:64" x14ac:dyDescent="0.2">
      <c r="B204" s="79"/>
      <c r="C204" s="73"/>
      <c r="D204" s="64"/>
      <c r="E204" s="55"/>
      <c r="F204" s="74"/>
      <c r="G204" s="74"/>
      <c r="H204" s="74"/>
      <c r="I204" s="75"/>
      <c r="J204" s="74"/>
      <c r="L204" s="55"/>
      <c r="M204" s="234"/>
      <c r="N204" s="65"/>
      <c r="O204" s="76"/>
      <c r="P204" s="76"/>
      <c r="Q204" s="65"/>
      <c r="R204" s="76"/>
      <c r="S204" s="76"/>
      <c r="T204" s="76"/>
      <c r="U204" s="76"/>
      <c r="V204" s="76"/>
      <c r="W204" s="76"/>
      <c r="X204" s="76"/>
      <c r="Y204" s="76"/>
      <c r="Z204" s="76"/>
      <c r="AA204" s="85"/>
      <c r="AB204" s="85"/>
      <c r="AC204" s="85"/>
      <c r="AD204" s="85"/>
      <c r="AE204" s="85"/>
      <c r="AF204" s="85"/>
      <c r="AG204" s="86"/>
      <c r="AH204" s="85"/>
      <c r="AI204" s="85"/>
      <c r="AJ204" s="85"/>
      <c r="AK204" s="85"/>
      <c r="AL204" s="85"/>
      <c r="AM204" s="92"/>
      <c r="AN204" s="92"/>
      <c r="AO204" s="92"/>
      <c r="AP204" s="92"/>
      <c r="AQ204" s="92"/>
      <c r="AR204" s="92"/>
      <c r="AS204" s="92"/>
      <c r="AT204" s="92"/>
      <c r="AU204" s="92"/>
      <c r="AV204" s="92"/>
      <c r="AW204" s="92"/>
      <c r="AX204" s="92"/>
      <c r="AY204" s="92"/>
      <c r="AZ204" s="93"/>
      <c r="BA204" s="93"/>
      <c r="BB204" s="93"/>
      <c r="BC204" s="93"/>
      <c r="BD204" s="93"/>
      <c r="BE204" s="93"/>
      <c r="BF204" s="93"/>
      <c r="BG204" s="93"/>
      <c r="BH204" s="93"/>
      <c r="BI204" s="93"/>
      <c r="BJ204" s="93"/>
      <c r="BK204" s="93"/>
      <c r="BL204" s="93"/>
    </row>
    <row r="205" spans="2:64" x14ac:dyDescent="0.2">
      <c r="B205" s="79"/>
      <c r="C205" s="73"/>
      <c r="D205" s="64"/>
      <c r="E205" s="55"/>
      <c r="F205" s="74"/>
      <c r="G205" s="74"/>
      <c r="H205" s="74"/>
      <c r="I205" s="75"/>
      <c r="J205" s="74"/>
      <c r="L205" s="55"/>
      <c r="M205" s="234"/>
      <c r="N205" s="65"/>
      <c r="O205" s="76"/>
      <c r="P205" s="76"/>
      <c r="Q205" s="65"/>
      <c r="R205" s="76"/>
      <c r="S205" s="76"/>
      <c r="T205" s="76"/>
      <c r="U205" s="76"/>
      <c r="V205" s="76"/>
      <c r="W205" s="76"/>
      <c r="X205" s="76"/>
      <c r="Y205" s="76"/>
      <c r="Z205" s="76"/>
      <c r="AA205" s="85"/>
      <c r="AB205" s="85"/>
      <c r="AC205" s="85"/>
      <c r="AD205" s="85"/>
      <c r="AE205" s="85"/>
      <c r="AF205" s="85"/>
      <c r="AG205" s="86"/>
      <c r="AH205" s="85"/>
      <c r="AI205" s="85"/>
      <c r="AJ205" s="85"/>
      <c r="AK205" s="85"/>
      <c r="AL205" s="85"/>
      <c r="AM205" s="92"/>
      <c r="AN205" s="92"/>
      <c r="AO205" s="92"/>
      <c r="AP205" s="92"/>
      <c r="AQ205" s="92"/>
      <c r="AR205" s="92"/>
      <c r="AS205" s="92"/>
      <c r="AT205" s="92"/>
      <c r="AU205" s="92"/>
      <c r="AV205" s="92"/>
      <c r="AW205" s="92"/>
      <c r="AX205" s="92"/>
      <c r="AY205" s="92"/>
      <c r="AZ205" s="93"/>
      <c r="BA205" s="93"/>
      <c r="BB205" s="93"/>
      <c r="BC205" s="93"/>
      <c r="BD205" s="93"/>
      <c r="BE205" s="93"/>
      <c r="BF205" s="93"/>
      <c r="BG205" s="93"/>
      <c r="BH205" s="93"/>
      <c r="BI205" s="93"/>
      <c r="BJ205" s="93"/>
      <c r="BK205" s="93"/>
      <c r="BL205" s="93"/>
    </row>
    <row r="206" spans="2:64" x14ac:dyDescent="0.2">
      <c r="B206" s="79"/>
      <c r="C206" s="73"/>
      <c r="D206" s="64"/>
      <c r="E206" s="55"/>
      <c r="F206" s="74"/>
      <c r="G206" s="74"/>
      <c r="H206" s="74"/>
      <c r="I206" s="75"/>
      <c r="J206" s="74"/>
      <c r="L206" s="55"/>
      <c r="M206" s="234"/>
      <c r="N206" s="65"/>
      <c r="O206" s="76"/>
      <c r="P206" s="76"/>
      <c r="Q206" s="65"/>
      <c r="R206" s="76"/>
      <c r="S206" s="76"/>
      <c r="T206" s="76"/>
      <c r="U206" s="76"/>
      <c r="V206" s="76"/>
      <c r="W206" s="76"/>
      <c r="X206" s="76"/>
      <c r="Y206" s="76"/>
      <c r="Z206" s="76"/>
      <c r="AA206" s="85"/>
      <c r="AB206" s="85"/>
      <c r="AC206" s="85"/>
      <c r="AD206" s="85"/>
      <c r="AE206" s="85"/>
      <c r="AF206" s="85"/>
      <c r="AG206" s="86"/>
      <c r="AH206" s="85"/>
      <c r="AI206" s="85"/>
      <c r="AJ206" s="85"/>
      <c r="AK206" s="85"/>
      <c r="AL206" s="85"/>
      <c r="AM206" s="92"/>
      <c r="AN206" s="92"/>
      <c r="AO206" s="92"/>
      <c r="AP206" s="92"/>
      <c r="AQ206" s="92"/>
      <c r="AR206" s="92"/>
      <c r="AS206" s="92"/>
      <c r="AT206" s="92"/>
      <c r="AU206" s="92"/>
      <c r="AV206" s="92"/>
      <c r="AW206" s="92"/>
      <c r="AX206" s="92"/>
      <c r="AY206" s="92"/>
      <c r="AZ206" s="93"/>
      <c r="BA206" s="93"/>
      <c r="BB206" s="93"/>
      <c r="BC206" s="93"/>
      <c r="BD206" s="93"/>
      <c r="BE206" s="93"/>
      <c r="BF206" s="93"/>
      <c r="BG206" s="93"/>
      <c r="BH206" s="93"/>
      <c r="BI206" s="93"/>
      <c r="BJ206" s="93"/>
      <c r="BK206" s="93"/>
      <c r="BL206" s="93"/>
    </row>
    <row r="207" spans="2:64" x14ac:dyDescent="0.2">
      <c r="B207" s="79"/>
      <c r="C207" s="73"/>
      <c r="D207" s="64"/>
      <c r="E207" s="55"/>
      <c r="F207" s="74"/>
      <c r="G207" s="74"/>
      <c r="H207" s="74"/>
      <c r="I207" s="75"/>
      <c r="J207" s="74"/>
      <c r="L207" s="55"/>
      <c r="M207" s="234"/>
      <c r="N207" s="65"/>
      <c r="O207" s="76"/>
      <c r="P207" s="76"/>
      <c r="Q207" s="65"/>
      <c r="R207" s="76"/>
      <c r="S207" s="76"/>
      <c r="T207" s="76"/>
      <c r="U207" s="76"/>
      <c r="V207" s="76"/>
      <c r="W207" s="76"/>
      <c r="X207" s="76"/>
      <c r="Y207" s="76"/>
      <c r="Z207" s="76"/>
      <c r="AA207" s="85"/>
      <c r="AB207" s="85"/>
      <c r="AC207" s="85"/>
      <c r="AD207" s="85"/>
      <c r="AE207" s="85"/>
      <c r="AF207" s="85"/>
      <c r="AG207" s="86"/>
      <c r="AH207" s="85"/>
      <c r="AI207" s="85"/>
      <c r="AJ207" s="85"/>
      <c r="AK207" s="85"/>
      <c r="AL207" s="85"/>
      <c r="AM207" s="92"/>
      <c r="AN207" s="92"/>
      <c r="AO207" s="92"/>
      <c r="AP207" s="92"/>
      <c r="AQ207" s="92"/>
      <c r="AR207" s="92"/>
      <c r="AS207" s="92"/>
      <c r="AT207" s="92"/>
      <c r="AU207" s="92"/>
      <c r="AV207" s="92"/>
      <c r="AW207" s="92"/>
      <c r="AX207" s="92"/>
      <c r="AY207" s="92"/>
      <c r="AZ207" s="93"/>
      <c r="BA207" s="93"/>
      <c r="BB207" s="93"/>
      <c r="BC207" s="93"/>
      <c r="BD207" s="93"/>
      <c r="BE207" s="93"/>
      <c r="BF207" s="93"/>
      <c r="BG207" s="93"/>
      <c r="BH207" s="93"/>
      <c r="BI207" s="93"/>
      <c r="BJ207" s="93"/>
      <c r="BK207" s="93"/>
      <c r="BL207" s="93"/>
    </row>
    <row r="208" spans="2:64" x14ac:dyDescent="0.2">
      <c r="B208" s="79"/>
      <c r="C208" s="73"/>
      <c r="D208" s="64"/>
      <c r="E208" s="55"/>
      <c r="F208" s="74"/>
      <c r="G208" s="74"/>
      <c r="H208" s="74"/>
      <c r="I208" s="75"/>
      <c r="J208" s="74"/>
      <c r="L208" s="55"/>
      <c r="M208" s="234"/>
      <c r="N208" s="65"/>
      <c r="O208" s="76"/>
      <c r="P208" s="76"/>
      <c r="Q208" s="65"/>
      <c r="R208" s="76"/>
      <c r="S208" s="76"/>
      <c r="T208" s="76"/>
      <c r="U208" s="76"/>
      <c r="V208" s="76"/>
      <c r="W208" s="76"/>
      <c r="X208" s="76"/>
      <c r="Y208" s="76"/>
      <c r="Z208" s="76"/>
      <c r="AA208" s="85"/>
      <c r="AB208" s="85"/>
      <c r="AC208" s="85"/>
      <c r="AD208" s="85"/>
      <c r="AE208" s="85"/>
      <c r="AF208" s="85"/>
      <c r="AG208" s="86"/>
      <c r="AH208" s="85"/>
      <c r="AI208" s="85"/>
      <c r="AJ208" s="85"/>
      <c r="AK208" s="85"/>
      <c r="AL208" s="85"/>
      <c r="AM208" s="92"/>
      <c r="AN208" s="92"/>
      <c r="AO208" s="92"/>
      <c r="AP208" s="92"/>
      <c r="AQ208" s="92"/>
      <c r="AR208" s="92"/>
      <c r="AS208" s="92"/>
      <c r="AT208" s="92"/>
      <c r="AU208" s="92"/>
      <c r="AV208" s="92"/>
      <c r="AW208" s="92"/>
      <c r="AX208" s="92"/>
      <c r="AY208" s="92"/>
      <c r="AZ208" s="93"/>
      <c r="BA208" s="93"/>
      <c r="BB208" s="93"/>
      <c r="BC208" s="93"/>
      <c r="BD208" s="93"/>
      <c r="BE208" s="93"/>
      <c r="BF208" s="93"/>
      <c r="BG208" s="93"/>
      <c r="BH208" s="93"/>
      <c r="BI208" s="93"/>
      <c r="BJ208" s="93"/>
      <c r="BK208" s="93"/>
      <c r="BL208" s="93"/>
    </row>
    <row r="209" spans="2:64" x14ac:dyDescent="0.2">
      <c r="B209" s="79"/>
      <c r="C209" s="73"/>
      <c r="D209" s="64"/>
      <c r="E209" s="55"/>
      <c r="F209" s="74"/>
      <c r="G209" s="74"/>
      <c r="H209" s="74"/>
      <c r="I209" s="75"/>
      <c r="J209" s="74"/>
      <c r="L209" s="55"/>
      <c r="M209" s="234"/>
      <c r="N209" s="65"/>
      <c r="O209" s="76"/>
      <c r="P209" s="76"/>
      <c r="Q209" s="65"/>
      <c r="R209" s="76"/>
      <c r="S209" s="76"/>
      <c r="T209" s="76"/>
      <c r="U209" s="76"/>
      <c r="V209" s="76"/>
      <c r="W209" s="76"/>
      <c r="X209" s="76"/>
      <c r="Y209" s="76"/>
      <c r="Z209" s="76"/>
      <c r="AA209" s="85"/>
      <c r="AB209" s="85"/>
      <c r="AC209" s="85"/>
      <c r="AD209" s="85"/>
      <c r="AE209" s="85"/>
      <c r="AF209" s="85"/>
      <c r="AG209" s="86"/>
      <c r="AH209" s="85"/>
      <c r="AI209" s="85"/>
      <c r="AJ209" s="85"/>
      <c r="AK209" s="85"/>
      <c r="AL209" s="85"/>
      <c r="AM209" s="92"/>
      <c r="AN209" s="92"/>
      <c r="AO209" s="92"/>
      <c r="AP209" s="92"/>
      <c r="AQ209" s="92"/>
      <c r="AR209" s="92"/>
      <c r="AS209" s="92"/>
      <c r="AT209" s="92"/>
      <c r="AU209" s="92"/>
      <c r="AV209" s="92"/>
      <c r="AW209" s="92"/>
      <c r="AX209" s="92"/>
      <c r="AY209" s="92"/>
      <c r="AZ209" s="93"/>
      <c r="BA209" s="93"/>
      <c r="BB209" s="93"/>
      <c r="BC209" s="93"/>
      <c r="BD209" s="93"/>
      <c r="BE209" s="93"/>
      <c r="BF209" s="93"/>
      <c r="BG209" s="93"/>
      <c r="BH209" s="93"/>
      <c r="BI209" s="93"/>
      <c r="BJ209" s="93"/>
      <c r="BK209" s="93"/>
      <c r="BL209" s="93"/>
    </row>
    <row r="210" spans="2:64" x14ac:dyDescent="0.2">
      <c r="B210" s="79"/>
      <c r="C210" s="73"/>
      <c r="D210" s="64"/>
      <c r="E210" s="55"/>
      <c r="F210" s="74"/>
      <c r="G210" s="74"/>
      <c r="H210" s="74"/>
      <c r="I210" s="75"/>
      <c r="J210" s="74"/>
      <c r="L210" s="55"/>
      <c r="M210" s="234"/>
      <c r="N210" s="65"/>
      <c r="O210" s="76"/>
      <c r="P210" s="76"/>
      <c r="Q210" s="65"/>
      <c r="R210" s="76"/>
      <c r="S210" s="76"/>
      <c r="T210" s="76"/>
      <c r="U210" s="76"/>
      <c r="V210" s="76"/>
      <c r="W210" s="76"/>
      <c r="X210" s="76"/>
      <c r="Y210" s="76"/>
      <c r="Z210" s="76"/>
      <c r="AA210" s="85"/>
      <c r="AB210" s="85"/>
      <c r="AC210" s="85"/>
      <c r="AD210" s="85"/>
      <c r="AE210" s="85"/>
      <c r="AF210" s="85"/>
      <c r="AG210" s="86"/>
      <c r="AH210" s="85"/>
      <c r="AI210" s="85"/>
      <c r="AJ210" s="85"/>
      <c r="AK210" s="85"/>
      <c r="AL210" s="85"/>
      <c r="AM210" s="92"/>
      <c r="AN210" s="92"/>
      <c r="AO210" s="92"/>
      <c r="AP210" s="92"/>
      <c r="AQ210" s="92"/>
      <c r="AR210" s="92"/>
      <c r="AS210" s="92"/>
      <c r="AT210" s="92"/>
      <c r="AU210" s="92"/>
      <c r="AV210" s="92"/>
      <c r="AW210" s="92"/>
      <c r="AX210" s="92"/>
      <c r="AY210" s="92"/>
      <c r="AZ210" s="93"/>
      <c r="BA210" s="93"/>
      <c r="BB210" s="93"/>
      <c r="BC210" s="93"/>
      <c r="BD210" s="93"/>
      <c r="BE210" s="93"/>
      <c r="BF210" s="93"/>
      <c r="BG210" s="93"/>
      <c r="BH210" s="93"/>
      <c r="BI210" s="93"/>
      <c r="BJ210" s="93"/>
      <c r="BK210" s="93"/>
      <c r="BL210" s="93"/>
    </row>
    <row r="211" spans="2:64" x14ac:dyDescent="0.2">
      <c r="B211" s="79"/>
      <c r="C211" s="73"/>
      <c r="D211" s="64"/>
      <c r="E211" s="55"/>
      <c r="F211" s="74"/>
      <c r="G211" s="74"/>
      <c r="H211" s="74"/>
      <c r="I211" s="75"/>
      <c r="J211" s="74"/>
      <c r="L211" s="55"/>
      <c r="M211" s="234"/>
      <c r="N211" s="65"/>
      <c r="O211" s="76"/>
      <c r="P211" s="76"/>
      <c r="Q211" s="65"/>
      <c r="R211" s="76"/>
      <c r="S211" s="76"/>
      <c r="T211" s="76"/>
      <c r="U211" s="76"/>
      <c r="V211" s="76"/>
      <c r="W211" s="76"/>
      <c r="X211" s="76"/>
      <c r="Y211" s="76"/>
      <c r="Z211" s="76"/>
      <c r="AA211" s="85"/>
      <c r="AB211" s="85"/>
      <c r="AC211" s="85"/>
      <c r="AD211" s="85"/>
      <c r="AE211" s="85"/>
      <c r="AF211" s="85"/>
      <c r="AG211" s="86"/>
      <c r="AH211" s="85"/>
      <c r="AI211" s="85"/>
      <c r="AJ211" s="85"/>
      <c r="AK211" s="85"/>
      <c r="AL211" s="85"/>
      <c r="AM211" s="92"/>
      <c r="AN211" s="92"/>
      <c r="AO211" s="92"/>
      <c r="AP211" s="92"/>
      <c r="AQ211" s="92"/>
      <c r="AR211" s="92"/>
      <c r="AS211" s="92"/>
      <c r="AT211" s="92"/>
      <c r="AU211" s="92"/>
      <c r="AV211" s="92"/>
      <c r="AW211" s="92"/>
      <c r="AX211" s="92"/>
      <c r="AY211" s="92"/>
      <c r="AZ211" s="93"/>
      <c r="BA211" s="93"/>
      <c r="BB211" s="93"/>
      <c r="BC211" s="93"/>
      <c r="BD211" s="93"/>
      <c r="BE211" s="93"/>
      <c r="BF211" s="93"/>
      <c r="BG211" s="93"/>
      <c r="BH211" s="93"/>
      <c r="BI211" s="93"/>
      <c r="BJ211" s="93"/>
      <c r="BK211" s="93"/>
      <c r="BL211" s="93"/>
    </row>
    <row r="212" spans="2:64" x14ac:dyDescent="0.2">
      <c r="B212" s="79"/>
      <c r="C212" s="73"/>
      <c r="D212" s="64"/>
      <c r="E212" s="55"/>
      <c r="F212" s="74"/>
      <c r="G212" s="74"/>
      <c r="H212" s="74"/>
      <c r="I212" s="75"/>
      <c r="J212" s="74"/>
      <c r="L212" s="55"/>
      <c r="M212" s="234"/>
      <c r="N212" s="65"/>
      <c r="O212" s="76"/>
      <c r="P212" s="76"/>
      <c r="Q212" s="65"/>
      <c r="R212" s="76"/>
      <c r="S212" s="76"/>
      <c r="T212" s="76"/>
      <c r="U212" s="76"/>
      <c r="V212" s="76"/>
      <c r="W212" s="76"/>
      <c r="X212" s="76"/>
      <c r="Y212" s="76"/>
      <c r="Z212" s="76"/>
      <c r="AA212" s="85"/>
      <c r="AB212" s="85"/>
      <c r="AC212" s="85"/>
      <c r="AD212" s="85"/>
      <c r="AE212" s="85"/>
      <c r="AF212" s="85"/>
      <c r="AG212" s="86"/>
      <c r="AH212" s="85"/>
      <c r="AI212" s="85"/>
      <c r="AJ212" s="85"/>
      <c r="AK212" s="85"/>
      <c r="AL212" s="85"/>
      <c r="AM212" s="92"/>
      <c r="AN212" s="92"/>
      <c r="AO212" s="92"/>
      <c r="AP212" s="92"/>
      <c r="AQ212" s="92"/>
      <c r="AR212" s="92"/>
      <c r="AS212" s="92"/>
      <c r="AT212" s="92"/>
      <c r="AU212" s="92"/>
      <c r="AV212" s="92"/>
      <c r="AW212" s="92"/>
      <c r="AX212" s="92"/>
      <c r="AY212" s="92"/>
      <c r="AZ212" s="93"/>
      <c r="BA212" s="93"/>
      <c r="BB212" s="93"/>
      <c r="BC212" s="93"/>
      <c r="BD212" s="93"/>
      <c r="BE212" s="93"/>
      <c r="BF212" s="93"/>
      <c r="BG212" s="93"/>
      <c r="BH212" s="93"/>
      <c r="BI212" s="93"/>
      <c r="BJ212" s="93"/>
      <c r="BK212" s="93"/>
      <c r="BL212" s="93"/>
    </row>
    <row r="213" spans="2:64" x14ac:dyDescent="0.2">
      <c r="B213" s="79"/>
      <c r="C213" s="73"/>
      <c r="D213" s="64"/>
      <c r="E213" s="55"/>
      <c r="F213" s="74"/>
      <c r="G213" s="74"/>
      <c r="H213" s="74"/>
      <c r="I213" s="75"/>
      <c r="J213" s="74"/>
      <c r="L213" s="55"/>
      <c r="M213" s="234"/>
      <c r="N213" s="65"/>
      <c r="O213" s="76"/>
      <c r="P213" s="76"/>
      <c r="Q213" s="65"/>
      <c r="R213" s="76"/>
      <c r="S213" s="76"/>
      <c r="T213" s="76"/>
      <c r="U213" s="76"/>
      <c r="V213" s="76"/>
      <c r="W213" s="76"/>
      <c r="X213" s="76"/>
      <c r="Y213" s="76"/>
      <c r="Z213" s="76"/>
      <c r="AA213" s="85"/>
      <c r="AB213" s="85"/>
      <c r="AC213" s="85"/>
      <c r="AD213" s="85"/>
      <c r="AE213" s="85"/>
      <c r="AF213" s="85"/>
      <c r="AG213" s="86"/>
      <c r="AH213" s="85"/>
      <c r="AI213" s="85"/>
      <c r="AJ213" s="85"/>
      <c r="AK213" s="85"/>
      <c r="AL213" s="85"/>
      <c r="AM213" s="92"/>
      <c r="AN213" s="92"/>
      <c r="AO213" s="92"/>
      <c r="AP213" s="92"/>
      <c r="AQ213" s="92"/>
      <c r="AR213" s="92"/>
      <c r="AS213" s="92"/>
      <c r="AT213" s="92"/>
      <c r="AU213" s="92"/>
      <c r="AV213" s="92"/>
      <c r="AW213" s="92"/>
      <c r="AX213" s="92"/>
      <c r="AY213" s="92"/>
      <c r="AZ213" s="93"/>
      <c r="BA213" s="93"/>
      <c r="BB213" s="93"/>
      <c r="BC213" s="93"/>
      <c r="BD213" s="93"/>
      <c r="BE213" s="93"/>
      <c r="BF213" s="93"/>
      <c r="BG213" s="93"/>
      <c r="BH213" s="93"/>
      <c r="BI213" s="93"/>
      <c r="BJ213" s="93"/>
      <c r="BK213" s="93"/>
      <c r="BL213" s="93"/>
    </row>
    <row r="214" spans="2:64" x14ac:dyDescent="0.2">
      <c r="B214" s="79"/>
      <c r="C214" s="73"/>
      <c r="D214" s="64"/>
      <c r="E214" s="55"/>
      <c r="F214" s="74"/>
      <c r="G214" s="74"/>
      <c r="H214" s="74"/>
      <c r="I214" s="75"/>
      <c r="J214" s="74"/>
      <c r="L214" s="55"/>
      <c r="M214" s="234"/>
      <c r="N214" s="65"/>
      <c r="O214" s="76"/>
      <c r="P214" s="76"/>
      <c r="Q214" s="65"/>
      <c r="R214" s="76"/>
      <c r="S214" s="76"/>
      <c r="T214" s="76"/>
      <c r="U214" s="76"/>
      <c r="V214" s="76"/>
      <c r="W214" s="76"/>
      <c r="X214" s="76"/>
      <c r="Y214" s="76"/>
      <c r="Z214" s="76"/>
      <c r="AA214" s="85"/>
      <c r="AB214" s="85"/>
      <c r="AC214" s="85"/>
      <c r="AD214" s="85"/>
      <c r="AE214" s="85"/>
      <c r="AF214" s="85"/>
      <c r="AG214" s="86"/>
      <c r="AH214" s="85"/>
      <c r="AI214" s="85"/>
      <c r="AJ214" s="85"/>
      <c r="AK214" s="85"/>
      <c r="AL214" s="85"/>
      <c r="AM214" s="92"/>
      <c r="AN214" s="92"/>
      <c r="AO214" s="92"/>
      <c r="AP214" s="92"/>
      <c r="AQ214" s="92"/>
      <c r="AR214" s="92"/>
      <c r="AS214" s="92"/>
      <c r="AT214" s="92"/>
      <c r="AU214" s="92"/>
      <c r="AV214" s="92"/>
      <c r="AW214" s="92"/>
      <c r="AX214" s="92"/>
      <c r="AY214" s="92"/>
      <c r="AZ214" s="93"/>
      <c r="BA214" s="93"/>
      <c r="BB214" s="93"/>
      <c r="BC214" s="93"/>
      <c r="BD214" s="93"/>
      <c r="BE214" s="93"/>
      <c r="BF214" s="93"/>
      <c r="BG214" s="93"/>
      <c r="BH214" s="93"/>
      <c r="BI214" s="93"/>
      <c r="BJ214" s="93"/>
      <c r="BK214" s="93"/>
      <c r="BL214" s="93"/>
    </row>
    <row r="215" spans="2:64" x14ac:dyDescent="0.2">
      <c r="B215" s="79"/>
      <c r="C215" s="73"/>
      <c r="D215" s="64"/>
      <c r="E215" s="55"/>
      <c r="F215" s="74"/>
      <c r="G215" s="74"/>
      <c r="H215" s="74"/>
      <c r="I215" s="75"/>
      <c r="J215" s="74"/>
      <c r="L215" s="55"/>
      <c r="M215" s="234"/>
      <c r="N215" s="65"/>
      <c r="O215" s="76"/>
      <c r="P215" s="76"/>
      <c r="Q215" s="65"/>
      <c r="R215" s="76"/>
      <c r="S215" s="76"/>
      <c r="T215" s="76"/>
      <c r="U215" s="76"/>
      <c r="V215" s="76"/>
      <c r="W215" s="76"/>
      <c r="X215" s="76"/>
      <c r="Y215" s="76"/>
      <c r="Z215" s="76"/>
      <c r="AA215" s="85"/>
      <c r="AB215" s="85"/>
      <c r="AC215" s="85"/>
      <c r="AD215" s="85"/>
      <c r="AE215" s="85"/>
      <c r="AF215" s="85"/>
      <c r="AG215" s="86"/>
      <c r="AH215" s="85"/>
      <c r="AI215" s="85"/>
      <c r="AJ215" s="85"/>
      <c r="AK215" s="85"/>
      <c r="AL215" s="85"/>
      <c r="AM215" s="92"/>
      <c r="AN215" s="92"/>
      <c r="AO215" s="92"/>
      <c r="AP215" s="92"/>
      <c r="AQ215" s="92"/>
      <c r="AR215" s="92"/>
      <c r="AS215" s="92"/>
      <c r="AT215" s="92"/>
      <c r="AU215" s="92"/>
      <c r="AV215" s="92"/>
      <c r="AW215" s="92"/>
      <c r="AX215" s="92"/>
      <c r="AY215" s="92"/>
      <c r="AZ215" s="93"/>
      <c r="BA215" s="93"/>
      <c r="BB215" s="93"/>
      <c r="BC215" s="93"/>
      <c r="BD215" s="93"/>
      <c r="BE215" s="93"/>
      <c r="BF215" s="93"/>
      <c r="BG215" s="93"/>
      <c r="BH215" s="93"/>
      <c r="BI215" s="93"/>
      <c r="BJ215" s="93"/>
      <c r="BK215" s="93"/>
      <c r="BL215" s="93"/>
    </row>
    <row r="216" spans="2:64" x14ac:dyDescent="0.2">
      <c r="B216" s="79"/>
      <c r="C216" s="73"/>
      <c r="D216" s="64"/>
      <c r="E216" s="55"/>
      <c r="F216" s="74"/>
      <c r="G216" s="74"/>
      <c r="H216" s="74"/>
      <c r="I216" s="75"/>
      <c r="J216" s="74"/>
      <c r="L216" s="55"/>
      <c r="M216" s="234"/>
      <c r="N216" s="65"/>
      <c r="O216" s="76"/>
      <c r="P216" s="76"/>
      <c r="Q216" s="65"/>
      <c r="R216" s="76"/>
      <c r="S216" s="76"/>
      <c r="T216" s="76"/>
      <c r="U216" s="76"/>
      <c r="V216" s="76"/>
      <c r="W216" s="76"/>
      <c r="X216" s="76"/>
      <c r="Y216" s="76"/>
      <c r="Z216" s="76"/>
      <c r="AA216" s="85"/>
      <c r="AB216" s="85"/>
      <c r="AC216" s="85"/>
      <c r="AD216" s="85"/>
      <c r="AE216" s="85"/>
      <c r="AF216" s="85"/>
      <c r="AG216" s="86"/>
      <c r="AH216" s="85"/>
      <c r="AI216" s="85"/>
      <c r="AJ216" s="85"/>
      <c r="AK216" s="85"/>
      <c r="AL216" s="85"/>
      <c r="AM216" s="92"/>
      <c r="AN216" s="92"/>
      <c r="AO216" s="92"/>
      <c r="AP216" s="92"/>
      <c r="AQ216" s="92"/>
      <c r="AR216" s="92"/>
      <c r="AS216" s="92"/>
      <c r="AT216" s="92"/>
      <c r="AU216" s="92"/>
      <c r="AV216" s="92"/>
      <c r="AW216" s="92"/>
      <c r="AX216" s="92"/>
      <c r="AY216" s="92"/>
      <c r="AZ216" s="93"/>
      <c r="BA216" s="93"/>
      <c r="BB216" s="93"/>
      <c r="BC216" s="93"/>
      <c r="BD216" s="93"/>
      <c r="BE216" s="93"/>
      <c r="BF216" s="93"/>
      <c r="BG216" s="93"/>
      <c r="BH216" s="93"/>
      <c r="BI216" s="93"/>
      <c r="BJ216" s="93"/>
      <c r="BK216" s="93"/>
      <c r="BL216" s="93"/>
    </row>
    <row r="217" spans="2:64" x14ac:dyDescent="0.2">
      <c r="B217" s="79"/>
      <c r="C217" s="73"/>
      <c r="D217" s="64"/>
      <c r="E217" s="55"/>
      <c r="F217" s="74"/>
      <c r="G217" s="74"/>
      <c r="H217" s="74"/>
      <c r="I217" s="75"/>
      <c r="J217" s="74"/>
      <c r="L217" s="55"/>
      <c r="M217" s="234"/>
      <c r="N217" s="65"/>
      <c r="O217" s="76"/>
      <c r="P217" s="76"/>
      <c r="Q217" s="65"/>
      <c r="R217" s="76"/>
      <c r="S217" s="76"/>
      <c r="T217" s="76"/>
      <c r="U217" s="76"/>
      <c r="V217" s="76"/>
      <c r="W217" s="76"/>
      <c r="X217" s="76"/>
      <c r="Y217" s="76"/>
      <c r="Z217" s="76"/>
      <c r="AA217" s="85"/>
      <c r="AB217" s="85"/>
      <c r="AC217" s="85"/>
      <c r="AD217" s="85"/>
      <c r="AE217" s="85"/>
      <c r="AF217" s="85"/>
      <c r="AG217" s="86"/>
      <c r="AH217" s="85"/>
      <c r="AI217" s="85"/>
      <c r="AJ217" s="85"/>
      <c r="AK217" s="85"/>
      <c r="AL217" s="85"/>
      <c r="AM217" s="92"/>
      <c r="AN217" s="92"/>
      <c r="AO217" s="92"/>
      <c r="AP217" s="92"/>
      <c r="AQ217" s="92"/>
      <c r="AR217" s="92"/>
      <c r="AS217" s="92"/>
      <c r="AT217" s="92"/>
      <c r="AU217" s="92"/>
      <c r="AV217" s="92"/>
      <c r="AW217" s="92"/>
      <c r="AX217" s="92"/>
      <c r="AY217" s="92"/>
      <c r="AZ217" s="93"/>
      <c r="BA217" s="93"/>
      <c r="BB217" s="93"/>
      <c r="BC217" s="93"/>
      <c r="BD217" s="93"/>
      <c r="BE217" s="93"/>
      <c r="BF217" s="93"/>
      <c r="BG217" s="93"/>
      <c r="BH217" s="93"/>
      <c r="BI217" s="93"/>
      <c r="BJ217" s="93"/>
      <c r="BK217" s="93"/>
      <c r="BL217" s="93"/>
    </row>
    <row r="218" spans="2:64" x14ac:dyDescent="0.2">
      <c r="B218" s="79"/>
      <c r="C218" s="73"/>
      <c r="D218" s="64"/>
      <c r="E218" s="55"/>
      <c r="F218" s="74"/>
      <c r="G218" s="74"/>
      <c r="H218" s="74"/>
      <c r="I218" s="75"/>
      <c r="J218" s="74"/>
      <c r="L218" s="55"/>
      <c r="M218" s="234"/>
      <c r="N218" s="65"/>
      <c r="O218" s="76"/>
      <c r="P218" s="76"/>
      <c r="Q218" s="65"/>
      <c r="R218" s="76"/>
      <c r="S218" s="76"/>
      <c r="T218" s="76"/>
      <c r="U218" s="76"/>
      <c r="V218" s="76"/>
      <c r="W218" s="76"/>
      <c r="X218" s="76"/>
      <c r="Y218" s="76"/>
      <c r="Z218" s="76"/>
      <c r="AA218" s="85"/>
      <c r="AB218" s="85"/>
      <c r="AC218" s="85"/>
      <c r="AD218" s="85"/>
      <c r="AE218" s="85"/>
      <c r="AF218" s="85"/>
      <c r="AG218" s="86"/>
      <c r="AH218" s="85"/>
      <c r="AI218" s="85"/>
      <c r="AJ218" s="85"/>
      <c r="AK218" s="85"/>
      <c r="AL218" s="85"/>
      <c r="AM218" s="92"/>
      <c r="AN218" s="92"/>
      <c r="AO218" s="92"/>
      <c r="AP218" s="92"/>
      <c r="AQ218" s="92"/>
      <c r="AR218" s="92"/>
      <c r="AS218" s="92"/>
      <c r="AT218" s="92"/>
      <c r="AU218" s="92"/>
      <c r="AV218" s="92"/>
      <c r="AW218" s="92"/>
      <c r="AX218" s="92"/>
      <c r="AY218" s="92"/>
      <c r="AZ218" s="93"/>
      <c r="BA218" s="93"/>
      <c r="BB218" s="93"/>
      <c r="BC218" s="93"/>
      <c r="BD218" s="93"/>
      <c r="BE218" s="93"/>
      <c r="BF218" s="93"/>
      <c r="BG218" s="93"/>
      <c r="BH218" s="93"/>
      <c r="BI218" s="93"/>
      <c r="BJ218" s="93"/>
      <c r="BK218" s="93"/>
      <c r="BL218" s="93"/>
    </row>
    <row r="219" spans="2:64" x14ac:dyDescent="0.2">
      <c r="B219" s="79"/>
      <c r="C219" s="73"/>
      <c r="D219" s="64"/>
      <c r="E219" s="55"/>
      <c r="F219" s="74"/>
      <c r="G219" s="74"/>
      <c r="H219" s="74"/>
      <c r="I219" s="75"/>
      <c r="J219" s="74"/>
      <c r="L219" s="55"/>
      <c r="M219" s="234"/>
      <c r="N219" s="65"/>
      <c r="O219" s="76"/>
      <c r="P219" s="76"/>
      <c r="Q219" s="65"/>
      <c r="R219" s="76"/>
      <c r="S219" s="76"/>
      <c r="T219" s="76"/>
      <c r="U219" s="76"/>
      <c r="V219" s="76"/>
      <c r="W219" s="76"/>
      <c r="X219" s="76"/>
      <c r="Y219" s="76"/>
      <c r="Z219" s="76"/>
      <c r="AA219" s="85"/>
      <c r="AB219" s="85"/>
      <c r="AC219" s="85"/>
      <c r="AD219" s="85"/>
      <c r="AE219" s="85"/>
      <c r="AF219" s="85"/>
      <c r="AG219" s="86"/>
      <c r="AH219" s="85"/>
      <c r="AI219" s="85"/>
      <c r="AJ219" s="85"/>
      <c r="AK219" s="85"/>
      <c r="AL219" s="85"/>
      <c r="AM219" s="92"/>
      <c r="AN219" s="92"/>
      <c r="AO219" s="92"/>
      <c r="AP219" s="92"/>
      <c r="AQ219" s="92"/>
      <c r="AR219" s="92"/>
      <c r="AS219" s="92"/>
      <c r="AT219" s="92"/>
      <c r="AU219" s="92"/>
      <c r="AV219" s="92"/>
      <c r="AW219" s="92"/>
      <c r="AX219" s="92"/>
      <c r="AY219" s="92"/>
      <c r="AZ219" s="93"/>
      <c r="BA219" s="93"/>
      <c r="BB219" s="93"/>
      <c r="BC219" s="93"/>
      <c r="BD219" s="93"/>
      <c r="BE219" s="93"/>
      <c r="BF219" s="93"/>
      <c r="BG219" s="93"/>
      <c r="BH219" s="93"/>
      <c r="BI219" s="93"/>
      <c r="BJ219" s="93"/>
      <c r="BK219" s="93"/>
      <c r="BL219" s="93"/>
    </row>
    <row r="220" spans="2:64" x14ac:dyDescent="0.2">
      <c r="B220" s="79"/>
      <c r="C220" s="73"/>
      <c r="D220" s="64"/>
      <c r="E220" s="55"/>
      <c r="F220" s="74"/>
      <c r="G220" s="74"/>
      <c r="H220" s="74"/>
      <c r="I220" s="75"/>
      <c r="J220" s="74"/>
      <c r="L220" s="55"/>
      <c r="M220" s="234"/>
      <c r="N220" s="65"/>
      <c r="O220" s="76"/>
      <c r="P220" s="76"/>
      <c r="Q220" s="65"/>
      <c r="R220" s="76"/>
      <c r="S220" s="76"/>
      <c r="T220" s="76"/>
      <c r="U220" s="76"/>
      <c r="V220" s="76"/>
      <c r="W220" s="76"/>
      <c r="X220" s="76"/>
      <c r="Y220" s="76"/>
      <c r="Z220" s="76"/>
      <c r="AA220" s="85"/>
      <c r="AB220" s="85"/>
      <c r="AC220" s="85"/>
      <c r="AD220" s="85"/>
      <c r="AE220" s="85"/>
      <c r="AF220" s="85"/>
      <c r="AG220" s="86"/>
      <c r="AH220" s="85"/>
      <c r="AI220" s="85"/>
      <c r="AJ220" s="85"/>
      <c r="AK220" s="85"/>
      <c r="AL220" s="85"/>
      <c r="AM220" s="92"/>
      <c r="AN220" s="92"/>
      <c r="AO220" s="92"/>
      <c r="AP220" s="92"/>
      <c r="AQ220" s="92"/>
      <c r="AR220" s="92"/>
      <c r="AS220" s="92"/>
      <c r="AT220" s="92"/>
      <c r="AU220" s="92"/>
      <c r="AV220" s="92"/>
      <c r="AW220" s="92"/>
      <c r="AX220" s="92"/>
      <c r="AY220" s="92"/>
      <c r="AZ220" s="93"/>
      <c r="BA220" s="93"/>
      <c r="BB220" s="93"/>
      <c r="BC220" s="93"/>
      <c r="BD220" s="93"/>
      <c r="BE220" s="93"/>
      <c r="BF220" s="93"/>
      <c r="BG220" s="93"/>
      <c r="BH220" s="93"/>
      <c r="BI220" s="93"/>
      <c r="BJ220" s="93"/>
      <c r="BK220" s="93"/>
      <c r="BL220" s="93"/>
    </row>
    <row r="221" spans="2:64" x14ac:dyDescent="0.2">
      <c r="B221" s="79"/>
      <c r="C221" s="73"/>
      <c r="D221" s="64"/>
      <c r="E221" s="55"/>
      <c r="F221" s="74"/>
      <c r="G221" s="74"/>
      <c r="H221" s="74"/>
      <c r="I221" s="75"/>
      <c r="J221" s="74"/>
      <c r="L221" s="55"/>
      <c r="M221" s="234"/>
      <c r="N221" s="65"/>
      <c r="O221" s="76"/>
      <c r="P221" s="76"/>
      <c r="Q221" s="65"/>
      <c r="R221" s="76"/>
      <c r="S221" s="76"/>
      <c r="T221" s="76"/>
      <c r="U221" s="76"/>
      <c r="V221" s="76"/>
      <c r="W221" s="76"/>
      <c r="X221" s="76"/>
      <c r="Y221" s="76"/>
      <c r="Z221" s="76"/>
      <c r="AA221" s="85"/>
      <c r="AB221" s="85"/>
      <c r="AC221" s="85"/>
      <c r="AD221" s="85"/>
      <c r="AE221" s="85"/>
      <c r="AF221" s="85"/>
      <c r="AG221" s="86"/>
      <c r="AH221" s="85"/>
      <c r="AI221" s="85"/>
      <c r="AJ221" s="85"/>
      <c r="AK221" s="85"/>
      <c r="AL221" s="85"/>
      <c r="AM221" s="92"/>
      <c r="AN221" s="92"/>
      <c r="AO221" s="92"/>
      <c r="AP221" s="92"/>
      <c r="AQ221" s="92"/>
      <c r="AR221" s="92"/>
      <c r="AS221" s="92"/>
      <c r="AT221" s="92"/>
      <c r="AU221" s="92"/>
      <c r="AV221" s="92"/>
      <c r="AW221" s="92"/>
      <c r="AX221" s="92"/>
      <c r="AY221" s="92"/>
      <c r="AZ221" s="93"/>
      <c r="BA221" s="93"/>
      <c r="BB221" s="93"/>
      <c r="BC221" s="93"/>
      <c r="BD221" s="93"/>
      <c r="BE221" s="93"/>
      <c r="BF221" s="93"/>
      <c r="BG221" s="93"/>
      <c r="BH221" s="93"/>
      <c r="BI221" s="93"/>
      <c r="BJ221" s="93"/>
      <c r="BK221" s="93"/>
      <c r="BL221" s="93"/>
    </row>
    <row r="222" spans="2:64" x14ac:dyDescent="0.2">
      <c r="B222" s="79"/>
      <c r="C222" s="73"/>
      <c r="D222" s="64"/>
      <c r="E222" s="55"/>
      <c r="F222" s="74"/>
      <c r="G222" s="74"/>
      <c r="H222" s="74"/>
      <c r="I222" s="75"/>
      <c r="J222" s="74"/>
      <c r="L222" s="55"/>
      <c r="M222" s="234"/>
      <c r="N222" s="65"/>
      <c r="O222" s="76"/>
      <c r="P222" s="76"/>
      <c r="Q222" s="65"/>
      <c r="R222" s="76"/>
      <c r="S222" s="76"/>
      <c r="T222" s="76"/>
      <c r="U222" s="76"/>
      <c r="V222" s="76"/>
      <c r="W222" s="76"/>
      <c r="X222" s="76"/>
      <c r="Y222" s="76"/>
      <c r="Z222" s="76"/>
      <c r="AA222" s="85"/>
      <c r="AB222" s="85"/>
      <c r="AC222" s="85"/>
      <c r="AD222" s="85"/>
      <c r="AE222" s="85"/>
      <c r="AF222" s="85"/>
      <c r="AG222" s="86"/>
      <c r="AH222" s="85"/>
      <c r="AI222" s="85"/>
      <c r="AJ222" s="85"/>
      <c r="AK222" s="85"/>
      <c r="AL222" s="85"/>
      <c r="AM222" s="92"/>
      <c r="AN222" s="92"/>
      <c r="AO222" s="92"/>
      <c r="AP222" s="92"/>
      <c r="AQ222" s="92"/>
      <c r="AR222" s="92"/>
      <c r="AS222" s="92"/>
      <c r="AT222" s="92"/>
      <c r="AU222" s="92"/>
      <c r="AV222" s="92"/>
      <c r="AW222" s="92"/>
      <c r="AX222" s="92"/>
      <c r="AY222" s="92"/>
      <c r="AZ222" s="93"/>
      <c r="BA222" s="93"/>
      <c r="BB222" s="93"/>
      <c r="BC222" s="93"/>
      <c r="BD222" s="93"/>
      <c r="BE222" s="93"/>
      <c r="BF222" s="93"/>
      <c r="BG222" s="93"/>
      <c r="BH222" s="93"/>
      <c r="BI222" s="93"/>
      <c r="BJ222" s="93"/>
      <c r="BK222" s="93"/>
      <c r="BL222" s="93"/>
    </row>
    <row r="223" spans="2:64" x14ac:dyDescent="0.2">
      <c r="B223" s="79"/>
      <c r="C223" s="73"/>
      <c r="D223" s="64"/>
      <c r="E223" s="55"/>
      <c r="F223" s="74"/>
      <c r="G223" s="74"/>
      <c r="H223" s="74"/>
      <c r="I223" s="75"/>
      <c r="J223" s="74"/>
      <c r="L223" s="55"/>
      <c r="M223" s="234"/>
      <c r="N223" s="65"/>
      <c r="O223" s="76"/>
      <c r="P223" s="76"/>
      <c r="Q223" s="65"/>
      <c r="R223" s="76"/>
      <c r="S223" s="76"/>
      <c r="T223" s="76"/>
      <c r="U223" s="76"/>
      <c r="V223" s="76"/>
      <c r="W223" s="76"/>
      <c r="X223" s="76"/>
      <c r="Y223" s="76"/>
      <c r="Z223" s="76"/>
      <c r="AA223" s="85"/>
      <c r="AB223" s="85"/>
      <c r="AC223" s="85"/>
      <c r="AD223" s="85"/>
      <c r="AE223" s="85"/>
      <c r="AF223" s="85"/>
      <c r="AG223" s="86"/>
      <c r="AH223" s="85"/>
      <c r="AI223" s="85"/>
      <c r="AJ223" s="85"/>
      <c r="AK223" s="85"/>
      <c r="AL223" s="85"/>
      <c r="AM223" s="92"/>
      <c r="AN223" s="92"/>
      <c r="AO223" s="92"/>
      <c r="AP223" s="92"/>
      <c r="AQ223" s="92"/>
      <c r="AR223" s="92"/>
      <c r="AS223" s="92"/>
      <c r="AT223" s="92"/>
      <c r="AU223" s="92"/>
      <c r="AV223" s="92"/>
      <c r="AW223" s="92"/>
      <c r="AX223" s="92"/>
      <c r="AY223" s="92"/>
      <c r="AZ223" s="93"/>
      <c r="BA223" s="93"/>
      <c r="BB223" s="93"/>
      <c r="BC223" s="93"/>
      <c r="BD223" s="93"/>
      <c r="BE223" s="93"/>
      <c r="BF223" s="93"/>
      <c r="BG223" s="93"/>
      <c r="BH223" s="93"/>
      <c r="BI223" s="93"/>
      <c r="BJ223" s="93"/>
      <c r="BK223" s="93"/>
      <c r="BL223" s="93"/>
    </row>
    <row r="224" spans="2:64" x14ac:dyDescent="0.2">
      <c r="B224" s="79"/>
      <c r="C224" s="73"/>
      <c r="D224" s="64"/>
      <c r="E224" s="55"/>
      <c r="F224" s="74"/>
      <c r="G224" s="74"/>
      <c r="H224" s="74"/>
      <c r="I224" s="75"/>
      <c r="J224" s="74"/>
      <c r="L224" s="55"/>
      <c r="M224" s="234"/>
      <c r="N224" s="65"/>
      <c r="O224" s="76"/>
      <c r="P224" s="76"/>
      <c r="Q224" s="65"/>
      <c r="R224" s="76"/>
      <c r="S224" s="76"/>
      <c r="T224" s="76"/>
      <c r="U224" s="76"/>
      <c r="V224" s="76"/>
      <c r="W224" s="76"/>
      <c r="X224" s="76"/>
      <c r="Y224" s="76"/>
      <c r="Z224" s="76"/>
      <c r="AA224" s="85"/>
      <c r="AB224" s="85"/>
      <c r="AC224" s="85"/>
      <c r="AD224" s="85"/>
      <c r="AE224" s="85"/>
      <c r="AF224" s="85"/>
      <c r="AG224" s="86"/>
      <c r="AH224" s="85"/>
      <c r="AI224" s="85"/>
      <c r="AJ224" s="85"/>
      <c r="AK224" s="85"/>
      <c r="AL224" s="85"/>
      <c r="AM224" s="92"/>
      <c r="AN224" s="92"/>
      <c r="AO224" s="92"/>
      <c r="AP224" s="92"/>
      <c r="AQ224" s="92"/>
      <c r="AR224" s="92"/>
      <c r="AS224" s="92"/>
      <c r="AT224" s="92"/>
      <c r="AU224" s="92"/>
      <c r="AV224" s="92"/>
      <c r="AW224" s="92"/>
      <c r="AX224" s="92"/>
      <c r="AY224" s="92"/>
      <c r="AZ224" s="93"/>
      <c r="BA224" s="93"/>
      <c r="BB224" s="93"/>
      <c r="BC224" s="93"/>
      <c r="BD224" s="93"/>
      <c r="BE224" s="93"/>
      <c r="BF224" s="93"/>
      <c r="BG224" s="93"/>
      <c r="BH224" s="93"/>
      <c r="BI224" s="93"/>
      <c r="BJ224" s="93"/>
      <c r="BK224" s="93"/>
      <c r="BL224" s="93"/>
    </row>
    <row r="225" spans="2:64" x14ac:dyDescent="0.2">
      <c r="B225" s="79"/>
      <c r="C225" s="73"/>
      <c r="D225" s="64"/>
      <c r="E225" s="55"/>
      <c r="F225" s="74"/>
      <c r="G225" s="74"/>
      <c r="H225" s="74"/>
      <c r="I225" s="75"/>
      <c r="J225" s="74"/>
      <c r="L225" s="55"/>
      <c r="M225" s="234"/>
      <c r="N225" s="65"/>
      <c r="O225" s="76"/>
      <c r="P225" s="76"/>
      <c r="Q225" s="65"/>
      <c r="R225" s="76"/>
      <c r="S225" s="76"/>
      <c r="T225" s="76"/>
      <c r="U225" s="76"/>
      <c r="V225" s="76"/>
      <c r="W225" s="76"/>
      <c r="X225" s="76"/>
      <c r="Y225" s="76"/>
      <c r="Z225" s="76"/>
      <c r="AA225" s="85"/>
      <c r="AB225" s="85"/>
      <c r="AC225" s="85"/>
      <c r="AD225" s="85"/>
      <c r="AE225" s="85"/>
      <c r="AF225" s="85"/>
      <c r="AG225" s="86"/>
      <c r="AH225" s="85"/>
      <c r="AI225" s="85"/>
      <c r="AJ225" s="85"/>
      <c r="AK225" s="85"/>
      <c r="AL225" s="85"/>
      <c r="AM225" s="92"/>
      <c r="AN225" s="92"/>
      <c r="AO225" s="92"/>
      <c r="AP225" s="92"/>
      <c r="AQ225" s="92"/>
      <c r="AR225" s="92"/>
      <c r="AS225" s="92"/>
      <c r="AT225" s="92"/>
      <c r="AU225" s="92"/>
      <c r="AV225" s="92"/>
      <c r="AW225" s="92"/>
      <c r="AX225" s="92"/>
      <c r="AY225" s="92"/>
      <c r="AZ225" s="93"/>
      <c r="BA225" s="93"/>
      <c r="BB225" s="93"/>
      <c r="BC225" s="93"/>
      <c r="BD225" s="93"/>
      <c r="BE225" s="93"/>
      <c r="BF225" s="93"/>
      <c r="BG225" s="93"/>
      <c r="BH225" s="93"/>
      <c r="BI225" s="93"/>
      <c r="BJ225" s="93"/>
      <c r="BK225" s="93"/>
      <c r="BL225" s="93"/>
    </row>
    <row r="226" spans="2:64" x14ac:dyDescent="0.2">
      <c r="B226" s="79"/>
      <c r="C226" s="73"/>
      <c r="D226" s="64"/>
      <c r="E226" s="55"/>
      <c r="F226" s="74"/>
      <c r="G226" s="74"/>
      <c r="H226" s="74"/>
      <c r="I226" s="75"/>
      <c r="J226" s="74"/>
      <c r="L226" s="55"/>
      <c r="M226" s="234"/>
      <c r="N226" s="65"/>
      <c r="O226" s="76"/>
      <c r="P226" s="76"/>
      <c r="Q226" s="65"/>
      <c r="R226" s="76"/>
      <c r="S226" s="76"/>
      <c r="T226" s="76"/>
      <c r="U226" s="76"/>
      <c r="V226" s="76"/>
      <c r="W226" s="76"/>
      <c r="X226" s="76"/>
      <c r="Y226" s="76"/>
      <c r="Z226" s="76"/>
      <c r="AA226" s="85"/>
      <c r="AB226" s="85"/>
      <c r="AC226" s="85"/>
      <c r="AD226" s="85"/>
      <c r="AE226" s="85"/>
      <c r="AF226" s="85"/>
      <c r="AG226" s="86"/>
      <c r="AH226" s="85"/>
      <c r="AI226" s="85"/>
      <c r="AJ226" s="85"/>
      <c r="AK226" s="85"/>
      <c r="AL226" s="85"/>
      <c r="AM226" s="92"/>
      <c r="AN226" s="92"/>
      <c r="AO226" s="92"/>
      <c r="AP226" s="92"/>
      <c r="AQ226" s="92"/>
      <c r="AR226" s="92"/>
      <c r="AS226" s="92"/>
      <c r="AT226" s="92"/>
      <c r="AU226" s="92"/>
      <c r="AV226" s="92"/>
      <c r="AW226" s="92"/>
      <c r="AX226" s="92"/>
      <c r="AY226" s="92"/>
      <c r="AZ226" s="93"/>
      <c r="BA226" s="93"/>
      <c r="BB226" s="93"/>
      <c r="BC226" s="93"/>
      <c r="BD226" s="93"/>
      <c r="BE226" s="93"/>
      <c r="BF226" s="93"/>
      <c r="BG226" s="93"/>
      <c r="BH226" s="93"/>
      <c r="BI226" s="93"/>
      <c r="BJ226" s="93"/>
      <c r="BK226" s="93"/>
      <c r="BL226" s="93"/>
    </row>
    <row r="227" spans="2:64" x14ac:dyDescent="0.2">
      <c r="B227" s="79"/>
      <c r="C227" s="73"/>
      <c r="D227" s="64"/>
      <c r="E227" s="55"/>
      <c r="F227" s="74"/>
      <c r="G227" s="74"/>
      <c r="H227" s="74"/>
      <c r="I227" s="75"/>
      <c r="J227" s="74"/>
      <c r="L227" s="55"/>
      <c r="M227" s="234"/>
      <c r="N227" s="65"/>
      <c r="O227" s="76"/>
      <c r="P227" s="76"/>
      <c r="Q227" s="65"/>
      <c r="R227" s="76"/>
      <c r="S227" s="76"/>
      <c r="T227" s="76"/>
      <c r="U227" s="76"/>
      <c r="V227" s="76"/>
      <c r="W227" s="76"/>
      <c r="X227" s="76"/>
      <c r="Y227" s="76"/>
      <c r="Z227" s="76"/>
      <c r="AA227" s="85"/>
      <c r="AB227" s="85"/>
      <c r="AC227" s="85"/>
      <c r="AD227" s="85"/>
      <c r="AE227" s="85"/>
      <c r="AF227" s="85"/>
      <c r="AG227" s="86"/>
      <c r="AH227" s="85"/>
      <c r="AI227" s="85"/>
      <c r="AJ227" s="85"/>
      <c r="AK227" s="85"/>
      <c r="AL227" s="85"/>
      <c r="AM227" s="92"/>
      <c r="AN227" s="92"/>
      <c r="AO227" s="92"/>
      <c r="AP227" s="92"/>
      <c r="AQ227" s="92"/>
      <c r="AR227" s="92"/>
      <c r="AS227" s="92"/>
      <c r="AT227" s="92"/>
      <c r="AU227" s="92"/>
      <c r="AV227" s="92"/>
      <c r="AW227" s="92"/>
      <c r="AX227" s="92"/>
      <c r="AY227" s="92"/>
      <c r="AZ227" s="93"/>
      <c r="BA227" s="93"/>
      <c r="BB227" s="93"/>
      <c r="BC227" s="93"/>
      <c r="BD227" s="93"/>
      <c r="BE227" s="93"/>
      <c r="BF227" s="93"/>
      <c r="BG227" s="93"/>
      <c r="BH227" s="93"/>
      <c r="BI227" s="93"/>
      <c r="BJ227" s="93"/>
      <c r="BK227" s="93"/>
      <c r="BL227" s="93"/>
    </row>
    <row r="228" spans="2:64" x14ac:dyDescent="0.2">
      <c r="B228" s="79"/>
      <c r="C228" s="73"/>
      <c r="D228" s="64"/>
      <c r="E228" s="55"/>
      <c r="F228" s="74"/>
      <c r="G228" s="74"/>
      <c r="H228" s="74"/>
      <c r="I228" s="75"/>
      <c r="J228" s="74"/>
      <c r="L228" s="55"/>
      <c r="M228" s="234"/>
      <c r="N228" s="65"/>
      <c r="O228" s="76"/>
      <c r="P228" s="76"/>
      <c r="Q228" s="65"/>
      <c r="R228" s="76"/>
      <c r="S228" s="76"/>
      <c r="T228" s="76"/>
      <c r="U228" s="76"/>
      <c r="V228" s="76"/>
      <c r="W228" s="76"/>
      <c r="X228" s="76"/>
      <c r="Y228" s="76"/>
      <c r="Z228" s="76"/>
      <c r="AA228" s="85"/>
      <c r="AB228" s="85"/>
      <c r="AC228" s="85"/>
      <c r="AD228" s="85"/>
      <c r="AE228" s="85"/>
      <c r="AF228" s="85"/>
      <c r="AG228" s="86"/>
      <c r="AH228" s="85"/>
      <c r="AI228" s="85"/>
      <c r="AJ228" s="85"/>
      <c r="AK228" s="85"/>
      <c r="AL228" s="85"/>
      <c r="AM228" s="92"/>
      <c r="AN228" s="92"/>
      <c r="AO228" s="92"/>
      <c r="AP228" s="92"/>
      <c r="AQ228" s="92"/>
      <c r="AR228" s="92"/>
      <c r="AS228" s="92"/>
      <c r="AT228" s="92"/>
      <c r="AU228" s="92"/>
      <c r="AV228" s="92"/>
      <c r="AW228" s="92"/>
      <c r="AX228" s="92"/>
      <c r="AY228" s="92"/>
      <c r="AZ228" s="93"/>
      <c r="BA228" s="93"/>
      <c r="BB228" s="93"/>
      <c r="BC228" s="93"/>
      <c r="BD228" s="93"/>
      <c r="BE228" s="93"/>
      <c r="BF228" s="93"/>
      <c r="BG228" s="93"/>
      <c r="BH228" s="93"/>
      <c r="BI228" s="93"/>
      <c r="BJ228" s="93"/>
      <c r="BK228" s="93"/>
      <c r="BL228" s="93"/>
    </row>
    <row r="229" spans="2:64" x14ac:dyDescent="0.2">
      <c r="B229" s="79"/>
      <c r="C229" s="73"/>
      <c r="D229" s="64"/>
      <c r="E229" s="55"/>
      <c r="F229" s="74"/>
      <c r="G229" s="74"/>
      <c r="H229" s="74"/>
      <c r="I229" s="75"/>
      <c r="J229" s="74"/>
      <c r="L229" s="55"/>
      <c r="M229" s="234"/>
      <c r="N229" s="65"/>
      <c r="O229" s="76"/>
      <c r="P229" s="76"/>
      <c r="Q229" s="65"/>
      <c r="R229" s="76"/>
      <c r="S229" s="76"/>
      <c r="T229" s="76"/>
      <c r="U229" s="76"/>
      <c r="V229" s="76"/>
      <c r="W229" s="76"/>
      <c r="X229" s="76"/>
      <c r="Y229" s="76"/>
      <c r="Z229" s="76"/>
      <c r="AA229" s="85"/>
      <c r="AB229" s="85"/>
      <c r="AC229" s="85"/>
      <c r="AD229" s="85"/>
      <c r="AE229" s="85"/>
      <c r="AF229" s="85"/>
      <c r="AG229" s="86"/>
      <c r="AH229" s="85"/>
      <c r="AI229" s="85"/>
      <c r="AJ229" s="85"/>
      <c r="AK229" s="85"/>
      <c r="AL229" s="85"/>
      <c r="AM229" s="92"/>
      <c r="AN229" s="92"/>
      <c r="AO229" s="92"/>
      <c r="AP229" s="92"/>
      <c r="AQ229" s="92"/>
      <c r="AR229" s="92"/>
      <c r="AS229" s="92"/>
      <c r="AT229" s="92"/>
      <c r="AU229" s="92"/>
      <c r="AV229" s="92"/>
      <c r="AW229" s="92"/>
      <c r="AX229" s="92"/>
      <c r="AY229" s="92"/>
      <c r="AZ229" s="93"/>
      <c r="BA229" s="93"/>
      <c r="BB229" s="93"/>
      <c r="BC229" s="93"/>
      <c r="BD229" s="93"/>
      <c r="BE229" s="93"/>
      <c r="BF229" s="93"/>
      <c r="BG229" s="93"/>
      <c r="BH229" s="93"/>
      <c r="BI229" s="93"/>
      <c r="BJ229" s="93"/>
      <c r="BK229" s="93"/>
      <c r="BL229" s="93"/>
    </row>
    <row r="230" spans="2:64" x14ac:dyDescent="0.2">
      <c r="B230" s="79"/>
      <c r="C230" s="73"/>
      <c r="D230" s="64"/>
      <c r="E230" s="55"/>
      <c r="F230" s="74"/>
      <c r="G230" s="74"/>
      <c r="H230" s="74"/>
      <c r="I230" s="75"/>
      <c r="J230" s="74"/>
      <c r="L230" s="55"/>
      <c r="M230" s="234"/>
      <c r="N230" s="65"/>
      <c r="O230" s="76"/>
      <c r="P230" s="76"/>
      <c r="Q230" s="65"/>
      <c r="R230" s="76"/>
      <c r="S230" s="76"/>
      <c r="T230" s="76"/>
      <c r="U230" s="76"/>
      <c r="V230" s="76"/>
      <c r="W230" s="76"/>
      <c r="X230" s="76"/>
      <c r="Y230" s="76"/>
      <c r="Z230" s="76"/>
      <c r="AA230" s="85"/>
      <c r="AB230" s="85"/>
      <c r="AC230" s="85"/>
      <c r="AD230" s="85"/>
      <c r="AE230" s="85"/>
      <c r="AF230" s="85"/>
      <c r="AG230" s="86"/>
      <c r="AH230" s="85"/>
      <c r="AI230" s="85"/>
      <c r="AJ230" s="85"/>
      <c r="AK230" s="85"/>
      <c r="AL230" s="85"/>
      <c r="AM230" s="92"/>
      <c r="AN230" s="92"/>
      <c r="AO230" s="92"/>
      <c r="AP230" s="92"/>
      <c r="AQ230" s="92"/>
      <c r="AR230" s="92"/>
      <c r="AS230" s="92"/>
      <c r="AT230" s="92"/>
      <c r="AU230" s="92"/>
      <c r="AV230" s="92"/>
      <c r="AW230" s="92"/>
      <c r="AX230" s="92"/>
      <c r="AY230" s="92"/>
      <c r="AZ230" s="93"/>
      <c r="BA230" s="93"/>
      <c r="BB230" s="93"/>
      <c r="BC230" s="93"/>
      <c r="BD230" s="93"/>
      <c r="BE230" s="93"/>
      <c r="BF230" s="93"/>
      <c r="BG230" s="93"/>
      <c r="BH230" s="93"/>
      <c r="BI230" s="93"/>
      <c r="BJ230" s="93"/>
      <c r="BK230" s="93"/>
      <c r="BL230" s="93"/>
    </row>
    <row r="231" spans="2:64" x14ac:dyDescent="0.2">
      <c r="B231" s="79"/>
      <c r="C231" s="73"/>
      <c r="D231" s="64"/>
      <c r="E231" s="55"/>
      <c r="F231" s="74"/>
      <c r="G231" s="74"/>
      <c r="H231" s="74"/>
      <c r="I231" s="75"/>
      <c r="J231" s="74"/>
      <c r="L231" s="55"/>
      <c r="M231" s="234"/>
      <c r="N231" s="65"/>
      <c r="O231" s="76"/>
      <c r="P231" s="76"/>
      <c r="Q231" s="65"/>
      <c r="R231" s="76"/>
      <c r="S231" s="76"/>
      <c r="T231" s="76"/>
      <c r="U231" s="76"/>
      <c r="V231" s="76"/>
      <c r="W231" s="76"/>
      <c r="X231" s="76"/>
      <c r="Y231" s="76"/>
      <c r="Z231" s="76"/>
      <c r="AA231" s="85"/>
      <c r="AB231" s="85"/>
      <c r="AC231" s="85"/>
      <c r="AD231" s="85"/>
      <c r="AE231" s="85"/>
      <c r="AF231" s="85"/>
      <c r="AG231" s="86"/>
      <c r="AH231" s="85"/>
      <c r="AI231" s="85"/>
      <c r="AJ231" s="85"/>
      <c r="AK231" s="85"/>
      <c r="AL231" s="85"/>
      <c r="AM231" s="92"/>
      <c r="AN231" s="92"/>
      <c r="AO231" s="92"/>
      <c r="AP231" s="92"/>
      <c r="AQ231" s="92"/>
      <c r="AR231" s="92"/>
      <c r="AS231" s="92"/>
      <c r="AT231" s="92"/>
      <c r="AU231" s="92"/>
      <c r="AV231" s="92"/>
      <c r="AW231" s="92"/>
      <c r="AX231" s="92"/>
      <c r="AY231" s="92"/>
      <c r="AZ231" s="93"/>
      <c r="BA231" s="93"/>
      <c r="BB231" s="93"/>
      <c r="BC231" s="93"/>
      <c r="BD231" s="93"/>
      <c r="BE231" s="93"/>
      <c r="BF231" s="93"/>
      <c r="BG231" s="93"/>
      <c r="BH231" s="93"/>
      <c r="BI231" s="93"/>
      <c r="BJ231" s="93"/>
      <c r="BK231" s="93"/>
      <c r="BL231" s="93"/>
    </row>
    <row r="232" spans="2:64" x14ac:dyDescent="0.2">
      <c r="B232" s="79"/>
      <c r="C232" s="73"/>
      <c r="D232" s="64"/>
      <c r="E232" s="55"/>
      <c r="F232" s="74"/>
      <c r="G232" s="74"/>
      <c r="H232" s="74"/>
      <c r="I232" s="75"/>
      <c r="J232" s="74"/>
      <c r="L232" s="55"/>
      <c r="M232" s="234"/>
      <c r="N232" s="65"/>
      <c r="O232" s="76"/>
      <c r="P232" s="76"/>
      <c r="Q232" s="65"/>
      <c r="R232" s="76"/>
      <c r="S232" s="76"/>
      <c r="T232" s="76"/>
      <c r="U232" s="76"/>
      <c r="V232" s="76"/>
      <c r="W232" s="76"/>
      <c r="X232" s="76"/>
      <c r="Y232" s="76"/>
      <c r="Z232" s="76"/>
      <c r="AA232" s="85"/>
      <c r="AB232" s="85"/>
      <c r="AC232" s="85"/>
      <c r="AD232" s="85"/>
      <c r="AE232" s="85"/>
      <c r="AF232" s="85"/>
      <c r="AG232" s="86"/>
      <c r="AH232" s="85"/>
      <c r="AI232" s="85"/>
      <c r="AJ232" s="85"/>
      <c r="AK232" s="85"/>
      <c r="AL232" s="85"/>
      <c r="AM232" s="92"/>
      <c r="AN232" s="92"/>
      <c r="AO232" s="92"/>
      <c r="AP232" s="92"/>
      <c r="AQ232" s="92"/>
      <c r="AR232" s="92"/>
      <c r="AS232" s="92"/>
      <c r="AT232" s="92"/>
      <c r="AU232" s="92"/>
      <c r="AV232" s="92"/>
      <c r="AW232" s="92"/>
      <c r="AX232" s="92"/>
      <c r="AY232" s="92"/>
      <c r="AZ232" s="93"/>
      <c r="BA232" s="93"/>
      <c r="BB232" s="93"/>
      <c r="BC232" s="93"/>
      <c r="BD232" s="93"/>
      <c r="BE232" s="93"/>
      <c r="BF232" s="93"/>
      <c r="BG232" s="93"/>
      <c r="BH232" s="93"/>
      <c r="BI232" s="93"/>
      <c r="BJ232" s="93"/>
      <c r="BK232" s="93"/>
      <c r="BL232" s="93"/>
    </row>
    <row r="233" spans="2:64" x14ac:dyDescent="0.2">
      <c r="B233" s="79"/>
      <c r="C233" s="73"/>
      <c r="D233" s="64"/>
      <c r="E233" s="55"/>
      <c r="F233" s="74"/>
      <c r="G233" s="74"/>
      <c r="H233" s="74"/>
      <c r="I233" s="75"/>
      <c r="J233" s="74"/>
      <c r="L233" s="55"/>
      <c r="M233" s="234"/>
      <c r="N233" s="65"/>
      <c r="O233" s="76"/>
      <c r="P233" s="76"/>
      <c r="Q233" s="65"/>
      <c r="R233" s="76"/>
      <c r="S233" s="76"/>
      <c r="T233" s="76"/>
      <c r="U233" s="76"/>
      <c r="V233" s="76"/>
      <c r="W233" s="76"/>
      <c r="X233" s="76"/>
      <c r="Y233" s="76"/>
      <c r="Z233" s="76"/>
      <c r="AA233" s="85"/>
      <c r="AB233" s="85"/>
      <c r="AC233" s="85"/>
      <c r="AD233" s="85"/>
      <c r="AE233" s="85"/>
      <c r="AF233" s="85"/>
      <c r="AG233" s="86"/>
      <c r="AH233" s="85"/>
      <c r="AI233" s="85"/>
      <c r="AJ233" s="85"/>
      <c r="AK233" s="85"/>
      <c r="AL233" s="85"/>
      <c r="AM233" s="92"/>
      <c r="AN233" s="92"/>
      <c r="AO233" s="92"/>
      <c r="AP233" s="92"/>
      <c r="AQ233" s="92"/>
      <c r="AR233" s="92"/>
      <c r="AS233" s="92"/>
      <c r="AT233" s="92"/>
      <c r="AU233" s="92"/>
      <c r="AV233" s="92"/>
      <c r="AW233" s="92"/>
      <c r="AX233" s="92"/>
      <c r="AY233" s="92"/>
      <c r="AZ233" s="93"/>
      <c r="BA233" s="93"/>
      <c r="BB233" s="93"/>
      <c r="BC233" s="93"/>
      <c r="BD233" s="93"/>
      <c r="BE233" s="93"/>
      <c r="BF233" s="93"/>
      <c r="BG233" s="93"/>
      <c r="BH233" s="93"/>
      <c r="BI233" s="93"/>
      <c r="BJ233" s="93"/>
      <c r="BK233" s="93"/>
      <c r="BL233" s="93"/>
    </row>
    <row r="234" spans="2:64" x14ac:dyDescent="0.2">
      <c r="B234" s="79"/>
      <c r="C234" s="73"/>
      <c r="D234" s="64"/>
      <c r="E234" s="55"/>
      <c r="F234" s="74"/>
      <c r="G234" s="74"/>
      <c r="H234" s="74"/>
      <c r="I234" s="75"/>
      <c r="J234" s="74"/>
      <c r="L234" s="55"/>
      <c r="M234" s="234"/>
      <c r="N234" s="65"/>
      <c r="O234" s="76"/>
      <c r="P234" s="76"/>
      <c r="Q234" s="65"/>
      <c r="R234" s="76"/>
      <c r="S234" s="76"/>
      <c r="T234" s="76"/>
      <c r="U234" s="76"/>
      <c r="V234" s="76"/>
      <c r="W234" s="76"/>
      <c r="X234" s="76"/>
      <c r="Y234" s="76"/>
      <c r="Z234" s="76"/>
      <c r="AA234" s="85"/>
      <c r="AB234" s="85"/>
      <c r="AC234" s="85"/>
      <c r="AD234" s="85"/>
      <c r="AE234" s="85"/>
      <c r="AF234" s="85"/>
      <c r="AG234" s="86"/>
      <c r="AH234" s="85"/>
      <c r="AI234" s="85"/>
      <c r="AJ234" s="85"/>
      <c r="AK234" s="85"/>
      <c r="AL234" s="85"/>
      <c r="AM234" s="92"/>
      <c r="AN234" s="92"/>
      <c r="AO234" s="92"/>
      <c r="AP234" s="92"/>
      <c r="AQ234" s="92"/>
      <c r="AR234" s="92"/>
      <c r="AS234" s="92"/>
      <c r="AT234" s="92"/>
      <c r="AU234" s="92"/>
      <c r="AV234" s="92"/>
      <c r="AW234" s="92"/>
      <c r="AX234" s="92"/>
      <c r="AY234" s="92"/>
      <c r="AZ234" s="93"/>
      <c r="BA234" s="93"/>
      <c r="BB234" s="93"/>
      <c r="BC234" s="93"/>
      <c r="BD234" s="93"/>
      <c r="BE234" s="93"/>
      <c r="BF234" s="93"/>
      <c r="BG234" s="93"/>
      <c r="BH234" s="93"/>
      <c r="BI234" s="93"/>
      <c r="BJ234" s="93"/>
      <c r="BK234" s="93"/>
      <c r="BL234" s="93"/>
    </row>
    <row r="235" spans="2:64" x14ac:dyDescent="0.2">
      <c r="B235" s="79"/>
      <c r="C235" s="73"/>
      <c r="D235" s="64"/>
      <c r="E235" s="55"/>
      <c r="F235" s="74"/>
      <c r="G235" s="74"/>
      <c r="H235" s="74"/>
      <c r="I235" s="75"/>
      <c r="J235" s="74"/>
      <c r="L235" s="55"/>
      <c r="M235" s="234"/>
      <c r="N235" s="65"/>
      <c r="O235" s="76"/>
      <c r="P235" s="76"/>
      <c r="Q235" s="65"/>
      <c r="R235" s="76"/>
      <c r="S235" s="76"/>
      <c r="T235" s="76"/>
      <c r="U235" s="76"/>
      <c r="V235" s="76"/>
      <c r="W235" s="76"/>
      <c r="X235" s="76"/>
      <c r="Y235" s="76"/>
      <c r="Z235" s="76"/>
      <c r="AA235" s="85"/>
      <c r="AB235" s="85"/>
      <c r="AC235" s="85"/>
      <c r="AD235" s="85"/>
      <c r="AE235" s="85"/>
      <c r="AF235" s="85"/>
      <c r="AG235" s="86"/>
      <c r="AH235" s="85"/>
      <c r="AI235" s="85"/>
      <c r="AJ235" s="85"/>
      <c r="AK235" s="85"/>
      <c r="AL235" s="85"/>
      <c r="AM235" s="92"/>
      <c r="AN235" s="92"/>
      <c r="AO235" s="92"/>
      <c r="AP235" s="92"/>
      <c r="AQ235" s="92"/>
      <c r="AR235" s="92"/>
      <c r="AS235" s="92"/>
      <c r="AT235" s="92"/>
      <c r="AU235" s="92"/>
      <c r="AV235" s="92"/>
      <c r="AW235" s="92"/>
      <c r="AX235" s="92"/>
      <c r="AY235" s="92"/>
      <c r="AZ235" s="93"/>
      <c r="BA235" s="93"/>
      <c r="BB235" s="93"/>
      <c r="BC235" s="93"/>
      <c r="BD235" s="93"/>
      <c r="BE235" s="93"/>
      <c r="BF235" s="93"/>
      <c r="BG235" s="93"/>
      <c r="BH235" s="93"/>
      <c r="BI235" s="93"/>
      <c r="BJ235" s="93"/>
      <c r="BK235" s="93"/>
      <c r="BL235" s="93"/>
    </row>
    <row r="236" spans="2:64" x14ac:dyDescent="0.2">
      <c r="B236" s="79"/>
      <c r="C236" s="73"/>
      <c r="D236" s="64"/>
      <c r="E236" s="55"/>
      <c r="F236" s="74"/>
      <c r="G236" s="74"/>
      <c r="H236" s="74"/>
      <c r="I236" s="75"/>
      <c r="J236" s="74"/>
      <c r="L236" s="55"/>
      <c r="M236" s="234"/>
      <c r="N236" s="65"/>
      <c r="O236" s="76"/>
      <c r="P236" s="76"/>
      <c r="Q236" s="65"/>
      <c r="R236" s="76"/>
      <c r="S236" s="76"/>
      <c r="T236" s="76"/>
      <c r="U236" s="76"/>
      <c r="V236" s="76"/>
      <c r="W236" s="76"/>
      <c r="X236" s="76"/>
      <c r="Y236" s="76"/>
      <c r="Z236" s="76"/>
      <c r="AA236" s="85"/>
      <c r="AB236" s="85"/>
      <c r="AC236" s="85"/>
      <c r="AD236" s="85"/>
      <c r="AE236" s="85"/>
      <c r="AF236" s="85"/>
      <c r="AG236" s="86"/>
      <c r="AH236" s="85"/>
      <c r="AI236" s="85"/>
      <c r="AJ236" s="85"/>
      <c r="AK236" s="85"/>
      <c r="AL236" s="85"/>
      <c r="AM236" s="92"/>
      <c r="AN236" s="92"/>
      <c r="AO236" s="92"/>
      <c r="AP236" s="92"/>
      <c r="AQ236" s="92"/>
      <c r="AR236" s="92"/>
      <c r="AS236" s="92"/>
      <c r="AT236" s="92"/>
      <c r="AU236" s="92"/>
      <c r="AV236" s="92"/>
      <c r="AW236" s="92"/>
      <c r="AX236" s="92"/>
      <c r="AY236" s="92"/>
      <c r="AZ236" s="93"/>
      <c r="BA236" s="93"/>
      <c r="BB236" s="93"/>
      <c r="BC236" s="93"/>
      <c r="BD236" s="93"/>
      <c r="BE236" s="93"/>
      <c r="BF236" s="93"/>
      <c r="BG236" s="93"/>
      <c r="BH236" s="93"/>
      <c r="BI236" s="93"/>
      <c r="BJ236" s="93"/>
      <c r="BK236" s="93"/>
      <c r="BL236" s="93"/>
    </row>
    <row r="237" spans="2:64" x14ac:dyDescent="0.2">
      <c r="B237" s="79"/>
      <c r="C237" s="73"/>
      <c r="D237" s="64"/>
      <c r="E237" s="55"/>
      <c r="F237" s="74"/>
      <c r="G237" s="74"/>
      <c r="H237" s="74"/>
      <c r="I237" s="75"/>
      <c r="J237" s="74"/>
      <c r="L237" s="55"/>
      <c r="M237" s="234"/>
      <c r="N237" s="65"/>
      <c r="O237" s="76"/>
      <c r="P237" s="76"/>
      <c r="Q237" s="65"/>
      <c r="R237" s="76"/>
      <c r="S237" s="76"/>
      <c r="T237" s="76"/>
      <c r="U237" s="76"/>
      <c r="V237" s="76"/>
      <c r="W237" s="76"/>
      <c r="X237" s="76"/>
      <c r="Y237" s="76"/>
      <c r="Z237" s="76"/>
      <c r="AA237" s="85"/>
      <c r="AB237" s="85"/>
      <c r="AC237" s="85"/>
      <c r="AD237" s="85"/>
      <c r="AE237" s="85"/>
      <c r="AF237" s="85"/>
      <c r="AG237" s="86"/>
      <c r="AH237" s="85"/>
      <c r="AI237" s="85"/>
      <c r="AJ237" s="85"/>
      <c r="AK237" s="85"/>
      <c r="AL237" s="85"/>
      <c r="AM237" s="92"/>
      <c r="AN237" s="92"/>
      <c r="AO237" s="92"/>
      <c r="AP237" s="92"/>
      <c r="AQ237" s="92"/>
      <c r="AR237" s="92"/>
      <c r="AS237" s="92"/>
      <c r="AT237" s="92"/>
      <c r="AU237" s="92"/>
      <c r="AV237" s="92"/>
      <c r="AW237" s="92"/>
      <c r="AX237" s="92"/>
      <c r="AY237" s="92"/>
      <c r="AZ237" s="93"/>
      <c r="BA237" s="93"/>
      <c r="BB237" s="93"/>
      <c r="BC237" s="93"/>
      <c r="BD237" s="93"/>
      <c r="BE237" s="93"/>
      <c r="BF237" s="93"/>
      <c r="BG237" s="93"/>
      <c r="BH237" s="93"/>
      <c r="BI237" s="93"/>
      <c r="BJ237" s="93"/>
      <c r="BK237" s="93"/>
      <c r="BL237" s="93"/>
    </row>
    <row r="238" spans="2:64" x14ac:dyDescent="0.2">
      <c r="B238" s="79"/>
      <c r="C238" s="73"/>
      <c r="D238" s="64"/>
      <c r="E238" s="55"/>
      <c r="F238" s="74"/>
      <c r="G238" s="74"/>
      <c r="H238" s="74"/>
      <c r="I238" s="75"/>
      <c r="J238" s="74"/>
      <c r="L238" s="55"/>
      <c r="M238" s="234"/>
      <c r="N238" s="65"/>
      <c r="O238" s="76"/>
      <c r="P238" s="76"/>
      <c r="Q238" s="65"/>
      <c r="R238" s="76"/>
      <c r="S238" s="76"/>
      <c r="T238" s="76"/>
      <c r="U238" s="76"/>
      <c r="V238" s="76"/>
      <c r="W238" s="76"/>
      <c r="X238" s="76"/>
      <c r="Y238" s="76"/>
      <c r="Z238" s="76"/>
      <c r="AA238" s="85"/>
      <c r="AB238" s="85"/>
      <c r="AC238" s="85"/>
      <c r="AD238" s="85"/>
      <c r="AE238" s="85"/>
      <c r="AF238" s="85"/>
      <c r="AG238" s="86"/>
      <c r="AH238" s="85"/>
      <c r="AI238" s="85"/>
      <c r="AJ238" s="85"/>
      <c r="AK238" s="85"/>
      <c r="AL238" s="85"/>
      <c r="AM238" s="92"/>
      <c r="AN238" s="92"/>
      <c r="AO238" s="92"/>
      <c r="AP238" s="92"/>
      <c r="AQ238" s="92"/>
      <c r="AR238" s="92"/>
      <c r="AS238" s="92"/>
      <c r="AT238" s="92"/>
      <c r="AU238" s="92"/>
      <c r="AV238" s="92"/>
      <c r="AW238" s="92"/>
      <c r="AX238" s="92"/>
      <c r="AY238" s="92"/>
      <c r="AZ238" s="93"/>
      <c r="BA238" s="93"/>
      <c r="BB238" s="93"/>
      <c r="BC238" s="93"/>
      <c r="BD238" s="93"/>
      <c r="BE238" s="93"/>
      <c r="BF238" s="93"/>
      <c r="BG238" s="93"/>
      <c r="BH238" s="93"/>
      <c r="BI238" s="93"/>
      <c r="BJ238" s="93"/>
      <c r="BK238" s="93"/>
      <c r="BL238" s="93"/>
    </row>
    <row r="239" spans="2:64" x14ac:dyDescent="0.2">
      <c r="B239" s="79"/>
      <c r="C239" s="73"/>
      <c r="D239" s="64"/>
      <c r="E239" s="55"/>
      <c r="F239" s="74"/>
      <c r="G239" s="74"/>
      <c r="H239" s="74"/>
      <c r="I239" s="75"/>
      <c r="J239" s="74"/>
      <c r="L239" s="55"/>
      <c r="M239" s="234"/>
      <c r="N239" s="65"/>
      <c r="O239" s="76"/>
      <c r="P239" s="76"/>
      <c r="Q239" s="65"/>
      <c r="R239" s="76"/>
      <c r="S239" s="76"/>
      <c r="T239" s="76"/>
      <c r="U239" s="76"/>
      <c r="V239" s="76"/>
      <c r="W239" s="76"/>
      <c r="X239" s="76"/>
      <c r="Y239" s="76"/>
      <c r="Z239" s="76"/>
      <c r="AA239" s="85"/>
      <c r="AB239" s="85"/>
      <c r="AC239" s="85"/>
      <c r="AD239" s="85"/>
      <c r="AE239" s="85"/>
      <c r="AF239" s="85"/>
      <c r="AG239" s="86"/>
      <c r="AH239" s="85"/>
      <c r="AI239" s="85"/>
      <c r="AJ239" s="85"/>
      <c r="AK239" s="85"/>
      <c r="AL239" s="85"/>
      <c r="AM239" s="92"/>
      <c r="AN239" s="92"/>
      <c r="AO239" s="92"/>
      <c r="AP239" s="92"/>
      <c r="AQ239" s="92"/>
      <c r="AR239" s="92"/>
      <c r="AS239" s="92"/>
      <c r="AT239" s="92"/>
      <c r="AU239" s="92"/>
      <c r="AV239" s="92"/>
      <c r="AW239" s="92"/>
      <c r="AX239" s="92"/>
      <c r="AY239" s="92"/>
      <c r="AZ239" s="93"/>
      <c r="BA239" s="93"/>
      <c r="BB239" s="93"/>
      <c r="BC239" s="93"/>
      <c r="BD239" s="93"/>
      <c r="BE239" s="93"/>
      <c r="BF239" s="93"/>
      <c r="BG239" s="93"/>
      <c r="BH239" s="93"/>
      <c r="BI239" s="93"/>
      <c r="BJ239" s="93"/>
      <c r="BK239" s="93"/>
      <c r="BL239" s="93"/>
    </row>
    <row r="240" spans="2:64" x14ac:dyDescent="0.2">
      <c r="B240" s="79"/>
      <c r="C240" s="73"/>
      <c r="D240" s="64"/>
      <c r="E240" s="55"/>
      <c r="F240" s="74"/>
      <c r="G240" s="74"/>
      <c r="H240" s="74"/>
      <c r="I240" s="75"/>
      <c r="J240" s="74"/>
      <c r="L240" s="55"/>
      <c r="M240" s="234"/>
      <c r="N240" s="65"/>
      <c r="O240" s="76"/>
      <c r="P240" s="76"/>
      <c r="Q240" s="65"/>
      <c r="R240" s="76"/>
      <c r="S240" s="76"/>
      <c r="T240" s="76"/>
      <c r="U240" s="76"/>
      <c r="V240" s="76"/>
      <c r="W240" s="76"/>
      <c r="X240" s="76"/>
      <c r="Y240" s="76"/>
      <c r="Z240" s="76"/>
      <c r="AA240" s="85"/>
      <c r="AB240" s="85"/>
      <c r="AC240" s="85"/>
      <c r="AD240" s="85"/>
      <c r="AE240" s="85"/>
      <c r="AF240" s="85"/>
      <c r="AG240" s="86"/>
      <c r="AH240" s="85"/>
      <c r="AI240" s="85"/>
      <c r="AJ240" s="85"/>
      <c r="AK240" s="85"/>
      <c r="AL240" s="85"/>
      <c r="AM240" s="92"/>
      <c r="AN240" s="92"/>
      <c r="AO240" s="92"/>
      <c r="AP240" s="92"/>
      <c r="AQ240" s="92"/>
      <c r="AR240" s="92"/>
      <c r="AS240" s="92"/>
      <c r="AT240" s="92"/>
      <c r="AU240" s="92"/>
      <c r="AV240" s="92"/>
      <c r="AW240" s="92"/>
      <c r="AX240" s="92"/>
      <c r="AY240" s="92"/>
      <c r="AZ240" s="93"/>
      <c r="BA240" s="93"/>
      <c r="BB240" s="93"/>
      <c r="BC240" s="93"/>
      <c r="BD240" s="93"/>
      <c r="BE240" s="93"/>
      <c r="BF240" s="93"/>
      <c r="BG240" s="93"/>
      <c r="BH240" s="93"/>
      <c r="BI240" s="93"/>
      <c r="BJ240" s="93"/>
      <c r="BK240" s="93"/>
      <c r="BL240" s="93"/>
    </row>
    <row r="241" spans="2:64" x14ac:dyDescent="0.2">
      <c r="B241" s="79"/>
      <c r="C241" s="73"/>
      <c r="D241" s="64"/>
      <c r="E241" s="55"/>
      <c r="F241" s="74"/>
      <c r="G241" s="74"/>
      <c r="H241" s="74"/>
      <c r="I241" s="75"/>
      <c r="J241" s="74"/>
      <c r="L241" s="55"/>
      <c r="M241" s="234"/>
      <c r="N241" s="65"/>
      <c r="O241" s="76"/>
      <c r="P241" s="76"/>
      <c r="Q241" s="65"/>
      <c r="R241" s="76"/>
      <c r="S241" s="76"/>
      <c r="T241" s="76"/>
      <c r="U241" s="76"/>
      <c r="V241" s="76"/>
      <c r="W241" s="76"/>
      <c r="X241" s="76"/>
      <c r="Y241" s="76"/>
      <c r="Z241" s="76"/>
      <c r="AA241" s="85"/>
      <c r="AB241" s="85"/>
      <c r="AC241" s="85"/>
      <c r="AD241" s="85"/>
      <c r="AE241" s="85"/>
      <c r="AF241" s="85"/>
      <c r="AG241" s="86"/>
      <c r="AH241" s="85"/>
      <c r="AI241" s="85"/>
      <c r="AJ241" s="85"/>
      <c r="AK241" s="85"/>
      <c r="AL241" s="85"/>
      <c r="AM241" s="92"/>
      <c r="AN241" s="92"/>
      <c r="AO241" s="92"/>
      <c r="AP241" s="92"/>
      <c r="AQ241" s="92"/>
      <c r="AR241" s="92"/>
      <c r="AS241" s="92"/>
      <c r="AT241" s="92"/>
      <c r="AU241" s="92"/>
      <c r="AV241" s="92"/>
      <c r="AW241" s="92"/>
      <c r="AX241" s="92"/>
      <c r="AY241" s="92"/>
      <c r="AZ241" s="93"/>
      <c r="BA241" s="93"/>
      <c r="BB241" s="93"/>
      <c r="BC241" s="93"/>
      <c r="BD241" s="93"/>
      <c r="BE241" s="93"/>
      <c r="BF241" s="93"/>
      <c r="BG241" s="93"/>
      <c r="BH241" s="93"/>
      <c r="BI241" s="93"/>
      <c r="BJ241" s="93"/>
      <c r="BK241" s="93"/>
      <c r="BL241" s="93"/>
    </row>
    <row r="242" spans="2:64" x14ac:dyDescent="0.2">
      <c r="B242" s="79"/>
      <c r="C242" s="73"/>
      <c r="D242" s="64"/>
      <c r="E242" s="55"/>
      <c r="F242" s="74"/>
      <c r="G242" s="74"/>
      <c r="H242" s="74"/>
      <c r="I242" s="75"/>
      <c r="J242" s="74"/>
      <c r="L242" s="55"/>
      <c r="M242" s="234"/>
      <c r="N242" s="65"/>
      <c r="O242" s="76"/>
      <c r="P242" s="76"/>
      <c r="Q242" s="65"/>
      <c r="R242" s="76"/>
      <c r="S242" s="76"/>
      <c r="T242" s="76"/>
      <c r="U242" s="76"/>
      <c r="V242" s="76"/>
      <c r="W242" s="76"/>
      <c r="X242" s="76"/>
      <c r="Y242" s="76"/>
      <c r="Z242" s="76"/>
      <c r="AA242" s="85"/>
      <c r="AB242" s="85"/>
      <c r="AC242" s="85"/>
      <c r="AD242" s="85"/>
      <c r="AE242" s="85"/>
      <c r="AF242" s="85"/>
      <c r="AG242" s="86"/>
      <c r="AH242" s="85"/>
      <c r="AI242" s="85"/>
      <c r="AJ242" s="85"/>
      <c r="AK242" s="85"/>
      <c r="AL242" s="85"/>
      <c r="AM242" s="92"/>
      <c r="AN242" s="92"/>
      <c r="AO242" s="92"/>
      <c r="AP242" s="92"/>
      <c r="AQ242" s="92"/>
      <c r="AR242" s="92"/>
      <c r="AS242" s="92"/>
      <c r="AT242" s="92"/>
      <c r="AU242" s="92"/>
      <c r="AV242" s="92"/>
      <c r="AW242" s="92"/>
      <c r="AX242" s="92"/>
      <c r="AY242" s="92"/>
      <c r="AZ242" s="93"/>
      <c r="BA242" s="93"/>
      <c r="BB242" s="93"/>
      <c r="BC242" s="93"/>
      <c r="BD242" s="93"/>
      <c r="BE242" s="93"/>
      <c r="BF242" s="93"/>
      <c r="BG242" s="93"/>
      <c r="BH242" s="93"/>
      <c r="BI242" s="93"/>
      <c r="BJ242" s="93"/>
      <c r="BK242" s="93"/>
      <c r="BL242" s="93"/>
    </row>
    <row r="243" spans="2:64" x14ac:dyDescent="0.2">
      <c r="B243" s="79"/>
      <c r="C243" s="73"/>
      <c r="D243" s="64"/>
      <c r="E243" s="55"/>
      <c r="F243" s="74"/>
      <c r="G243" s="74"/>
      <c r="H243" s="74"/>
      <c r="I243" s="75"/>
      <c r="J243" s="74"/>
      <c r="L243" s="55"/>
      <c r="M243" s="234"/>
      <c r="N243" s="65"/>
      <c r="O243" s="76"/>
      <c r="P243" s="76"/>
      <c r="Q243" s="65"/>
      <c r="R243" s="76"/>
      <c r="S243" s="76"/>
      <c r="T243" s="76"/>
      <c r="U243" s="76"/>
      <c r="V243" s="76"/>
      <c r="W243" s="76"/>
      <c r="X243" s="76"/>
      <c r="Y243" s="76"/>
      <c r="Z243" s="76"/>
      <c r="AA243" s="85"/>
      <c r="AB243" s="85"/>
      <c r="AC243" s="85"/>
      <c r="AD243" s="85"/>
      <c r="AE243" s="85"/>
      <c r="AF243" s="85"/>
      <c r="AG243" s="86"/>
      <c r="AH243" s="85"/>
      <c r="AI243" s="85"/>
      <c r="AJ243" s="85"/>
      <c r="AK243" s="85"/>
      <c r="AL243" s="85"/>
      <c r="AM243" s="92"/>
      <c r="AN243" s="92"/>
      <c r="AO243" s="92"/>
      <c r="AP243" s="92"/>
      <c r="AQ243" s="92"/>
      <c r="AR243" s="92"/>
      <c r="AS243" s="92"/>
      <c r="AT243" s="92"/>
      <c r="AU243" s="92"/>
      <c r="AV243" s="92"/>
      <c r="AW243" s="92"/>
      <c r="AX243" s="92"/>
      <c r="AY243" s="92"/>
      <c r="AZ243" s="93"/>
      <c r="BA243" s="93"/>
      <c r="BB243" s="93"/>
      <c r="BC243" s="93"/>
      <c r="BD243" s="93"/>
      <c r="BE243" s="93"/>
      <c r="BF243" s="93"/>
      <c r="BG243" s="93"/>
      <c r="BH243" s="93"/>
      <c r="BI243" s="93"/>
      <c r="BJ243" s="93"/>
      <c r="BK243" s="93"/>
      <c r="BL243" s="93"/>
    </row>
    <row r="244" spans="2:64" x14ac:dyDescent="0.2">
      <c r="B244" s="79"/>
      <c r="C244" s="73"/>
      <c r="D244" s="64"/>
      <c r="E244" s="55"/>
      <c r="F244" s="74"/>
      <c r="G244" s="74"/>
      <c r="H244" s="74"/>
      <c r="I244" s="75"/>
      <c r="J244" s="74"/>
      <c r="L244" s="55"/>
      <c r="M244" s="234"/>
      <c r="N244" s="65"/>
      <c r="O244" s="76"/>
      <c r="P244" s="76"/>
      <c r="Q244" s="65"/>
      <c r="R244" s="76"/>
      <c r="S244" s="76"/>
      <c r="T244" s="76"/>
      <c r="U244" s="76"/>
      <c r="V244" s="76"/>
      <c r="W244" s="76"/>
      <c r="X244" s="76"/>
      <c r="Y244" s="76"/>
      <c r="Z244" s="76"/>
      <c r="AA244" s="85"/>
      <c r="AB244" s="85"/>
      <c r="AC244" s="85"/>
      <c r="AD244" s="85"/>
      <c r="AE244" s="85"/>
      <c r="AF244" s="85"/>
      <c r="AG244" s="86"/>
      <c r="AH244" s="85"/>
      <c r="AI244" s="85"/>
      <c r="AJ244" s="85"/>
      <c r="AK244" s="85"/>
      <c r="AL244" s="85"/>
      <c r="AM244" s="92"/>
      <c r="AN244" s="92"/>
      <c r="AO244" s="92"/>
      <c r="AP244" s="92"/>
      <c r="AQ244" s="92"/>
      <c r="AR244" s="92"/>
      <c r="AS244" s="92"/>
      <c r="AT244" s="92"/>
      <c r="AU244" s="92"/>
      <c r="AV244" s="92"/>
      <c r="AW244" s="92"/>
      <c r="AX244" s="92"/>
      <c r="AY244" s="92"/>
      <c r="AZ244" s="93"/>
      <c r="BA244" s="93"/>
      <c r="BB244" s="93"/>
      <c r="BC244" s="93"/>
      <c r="BD244" s="93"/>
      <c r="BE244" s="93"/>
      <c r="BF244" s="93"/>
      <c r="BG244" s="93"/>
      <c r="BH244" s="93"/>
      <c r="BI244" s="93"/>
      <c r="BJ244" s="93"/>
      <c r="BK244" s="93"/>
      <c r="BL244" s="93"/>
    </row>
    <row r="245" spans="2:64" x14ac:dyDescent="0.2">
      <c r="B245" s="79"/>
      <c r="C245" s="73"/>
      <c r="D245" s="64"/>
      <c r="E245" s="55"/>
      <c r="F245" s="74"/>
      <c r="G245" s="74"/>
      <c r="H245" s="74"/>
      <c r="I245" s="75"/>
      <c r="J245" s="74"/>
      <c r="L245" s="55"/>
      <c r="M245" s="234"/>
      <c r="N245" s="65"/>
      <c r="O245" s="76"/>
      <c r="P245" s="76"/>
      <c r="Q245" s="65"/>
      <c r="R245" s="76"/>
      <c r="S245" s="76"/>
      <c r="T245" s="76"/>
      <c r="U245" s="76"/>
      <c r="V245" s="76"/>
      <c r="W245" s="76"/>
      <c r="X245" s="76"/>
      <c r="Y245" s="76"/>
      <c r="Z245" s="76"/>
      <c r="AA245" s="85"/>
      <c r="AB245" s="85"/>
      <c r="AC245" s="85"/>
      <c r="AD245" s="85"/>
      <c r="AE245" s="85"/>
      <c r="AF245" s="85"/>
      <c r="AG245" s="86"/>
      <c r="AH245" s="85"/>
      <c r="AI245" s="85"/>
      <c r="AJ245" s="85"/>
      <c r="AK245" s="85"/>
      <c r="AL245" s="85"/>
      <c r="AM245" s="92"/>
      <c r="AN245" s="92"/>
      <c r="AO245" s="92"/>
      <c r="AP245" s="92"/>
      <c r="AQ245" s="92"/>
      <c r="AR245" s="92"/>
      <c r="AS245" s="92"/>
      <c r="AT245" s="92"/>
      <c r="AU245" s="92"/>
      <c r="AV245" s="92"/>
      <c r="AW245" s="92"/>
      <c r="AX245" s="92"/>
      <c r="AY245" s="92"/>
      <c r="AZ245" s="93"/>
      <c r="BA245" s="93"/>
      <c r="BB245" s="93"/>
      <c r="BC245" s="93"/>
      <c r="BD245" s="93"/>
      <c r="BE245" s="93"/>
      <c r="BF245" s="93"/>
      <c r="BG245" s="93"/>
      <c r="BH245" s="93"/>
      <c r="BI245" s="93"/>
      <c r="BJ245" s="93"/>
      <c r="BK245" s="93"/>
      <c r="BL245" s="93"/>
    </row>
    <row r="246" spans="2:64" x14ac:dyDescent="0.2">
      <c r="B246" s="79"/>
      <c r="C246" s="73"/>
      <c r="D246" s="64"/>
      <c r="E246" s="55"/>
      <c r="F246" s="74"/>
      <c r="G246" s="74"/>
      <c r="H246" s="74"/>
      <c r="I246" s="75"/>
      <c r="J246" s="74"/>
      <c r="L246" s="55"/>
      <c r="M246" s="234"/>
      <c r="N246" s="65"/>
      <c r="O246" s="76"/>
      <c r="P246" s="76"/>
      <c r="Q246" s="65"/>
      <c r="R246" s="76"/>
      <c r="S246" s="76"/>
      <c r="T246" s="76"/>
      <c r="U246" s="76"/>
      <c r="V246" s="76"/>
      <c r="W246" s="76"/>
      <c r="X246" s="76"/>
      <c r="Y246" s="76"/>
      <c r="Z246" s="76"/>
      <c r="AA246" s="85"/>
      <c r="AB246" s="85"/>
      <c r="AC246" s="85"/>
      <c r="AD246" s="85"/>
      <c r="AE246" s="85"/>
      <c r="AF246" s="85"/>
      <c r="AG246" s="86"/>
      <c r="AH246" s="85"/>
      <c r="AI246" s="85"/>
      <c r="AJ246" s="85"/>
      <c r="AK246" s="85"/>
      <c r="AL246" s="85"/>
      <c r="AM246" s="92"/>
      <c r="AN246" s="92"/>
      <c r="AO246" s="92"/>
      <c r="AP246" s="92"/>
      <c r="AQ246" s="92"/>
      <c r="AR246" s="92"/>
      <c r="AS246" s="92"/>
      <c r="AT246" s="92"/>
      <c r="AU246" s="92"/>
      <c r="AV246" s="92"/>
      <c r="AW246" s="92"/>
      <c r="AX246" s="92"/>
      <c r="AY246" s="92"/>
      <c r="AZ246" s="93"/>
      <c r="BA246" s="93"/>
      <c r="BB246" s="93"/>
      <c r="BC246" s="93"/>
      <c r="BD246" s="93"/>
      <c r="BE246" s="93"/>
      <c r="BF246" s="93"/>
      <c r="BG246" s="93"/>
      <c r="BH246" s="93"/>
      <c r="BI246" s="93"/>
      <c r="BJ246" s="93"/>
      <c r="BK246" s="93"/>
      <c r="BL246" s="93"/>
    </row>
    <row r="247" spans="2:64" x14ac:dyDescent="0.2">
      <c r="B247" s="79"/>
      <c r="C247" s="73"/>
      <c r="D247" s="64"/>
      <c r="E247" s="55"/>
      <c r="F247" s="74"/>
      <c r="G247" s="74"/>
      <c r="H247" s="74"/>
      <c r="I247" s="75"/>
      <c r="J247" s="74"/>
      <c r="L247" s="55"/>
      <c r="M247" s="234"/>
      <c r="N247" s="65"/>
      <c r="O247" s="76"/>
      <c r="P247" s="76"/>
      <c r="Q247" s="65"/>
      <c r="R247" s="76"/>
      <c r="S247" s="76"/>
      <c r="T247" s="76"/>
      <c r="U247" s="76"/>
      <c r="V247" s="76"/>
      <c r="W247" s="76"/>
      <c r="X247" s="76"/>
      <c r="Y247" s="76"/>
      <c r="Z247" s="76"/>
      <c r="AA247" s="85"/>
      <c r="AB247" s="85"/>
      <c r="AC247" s="85"/>
      <c r="AD247" s="85"/>
      <c r="AE247" s="85"/>
      <c r="AF247" s="85"/>
      <c r="AG247" s="86"/>
      <c r="AH247" s="85"/>
      <c r="AI247" s="85"/>
      <c r="AJ247" s="85"/>
      <c r="AK247" s="85"/>
      <c r="AL247" s="85"/>
      <c r="AM247" s="92"/>
      <c r="AN247" s="92"/>
      <c r="AO247" s="92"/>
      <c r="AP247" s="92"/>
      <c r="AQ247" s="92"/>
      <c r="AR247" s="92"/>
      <c r="AS247" s="92"/>
      <c r="AT247" s="92"/>
      <c r="AU247" s="92"/>
      <c r="AV247" s="92"/>
      <c r="AW247" s="92"/>
      <c r="AX247" s="92"/>
      <c r="AY247" s="92"/>
      <c r="AZ247" s="93"/>
      <c r="BA247" s="93"/>
      <c r="BB247" s="93"/>
      <c r="BC247" s="93"/>
      <c r="BD247" s="93"/>
      <c r="BE247" s="93"/>
      <c r="BF247" s="93"/>
      <c r="BG247" s="93"/>
      <c r="BH247" s="93"/>
      <c r="BI247" s="93"/>
      <c r="BJ247" s="93"/>
      <c r="BK247" s="93"/>
      <c r="BL247" s="93"/>
    </row>
    <row r="248" spans="2:64" x14ac:dyDescent="0.2">
      <c r="B248" s="79"/>
      <c r="C248" s="73"/>
      <c r="D248" s="64"/>
      <c r="E248" s="55"/>
      <c r="F248" s="74"/>
      <c r="G248" s="74"/>
      <c r="H248" s="74"/>
      <c r="I248" s="75"/>
      <c r="J248" s="74"/>
      <c r="L248" s="55"/>
      <c r="M248" s="234"/>
      <c r="N248" s="65"/>
      <c r="O248" s="76"/>
      <c r="P248" s="76"/>
      <c r="Q248" s="65"/>
      <c r="R248" s="76"/>
      <c r="S248" s="76"/>
      <c r="T248" s="76"/>
      <c r="U248" s="76"/>
      <c r="V248" s="76"/>
      <c r="W248" s="76"/>
      <c r="X248" s="76"/>
      <c r="Y248" s="76"/>
      <c r="Z248" s="76"/>
      <c r="AA248" s="85"/>
      <c r="AB248" s="85"/>
      <c r="AC248" s="85"/>
      <c r="AD248" s="85"/>
      <c r="AE248" s="85"/>
      <c r="AF248" s="85"/>
      <c r="AG248" s="86"/>
      <c r="AH248" s="85"/>
      <c r="AI248" s="85"/>
      <c r="AJ248" s="85"/>
      <c r="AK248" s="85"/>
      <c r="AL248" s="85"/>
      <c r="AM248" s="92"/>
      <c r="AN248" s="92"/>
      <c r="AO248" s="92"/>
      <c r="AP248" s="92"/>
      <c r="AQ248" s="92"/>
      <c r="AR248" s="92"/>
      <c r="AS248" s="92"/>
      <c r="AT248" s="92"/>
      <c r="AU248" s="92"/>
      <c r="AV248" s="92"/>
      <c r="AW248" s="92"/>
      <c r="AX248" s="92"/>
      <c r="AY248" s="92"/>
      <c r="AZ248" s="93"/>
      <c r="BA248" s="93"/>
      <c r="BB248" s="93"/>
      <c r="BC248" s="93"/>
      <c r="BD248" s="93"/>
      <c r="BE248" s="93"/>
      <c r="BF248" s="93"/>
      <c r="BG248" s="93"/>
      <c r="BH248" s="93"/>
      <c r="BI248" s="93"/>
      <c r="BJ248" s="93"/>
      <c r="BK248" s="93"/>
      <c r="BL248" s="93"/>
    </row>
    <row r="249" spans="2:64" x14ac:dyDescent="0.2">
      <c r="B249" s="79"/>
      <c r="C249" s="73"/>
      <c r="D249" s="64"/>
      <c r="E249" s="55"/>
      <c r="F249" s="74"/>
      <c r="G249" s="74"/>
      <c r="H249" s="74"/>
      <c r="I249" s="75"/>
      <c r="J249" s="74"/>
      <c r="L249" s="55"/>
      <c r="M249" s="234"/>
      <c r="N249" s="65"/>
      <c r="O249" s="76"/>
      <c r="P249" s="76"/>
      <c r="Q249" s="65"/>
      <c r="R249" s="76"/>
      <c r="S249" s="76"/>
      <c r="T249" s="76"/>
      <c r="U249" s="76"/>
      <c r="V249" s="76"/>
      <c r="W249" s="76"/>
      <c r="X249" s="76"/>
      <c r="Y249" s="76"/>
      <c r="Z249" s="76"/>
      <c r="AA249" s="85"/>
      <c r="AB249" s="85"/>
      <c r="AC249" s="85"/>
      <c r="AD249" s="85"/>
      <c r="AE249" s="85"/>
      <c r="AF249" s="85"/>
      <c r="AG249" s="86"/>
      <c r="AH249" s="85"/>
      <c r="AI249" s="85"/>
      <c r="AJ249" s="85"/>
      <c r="AK249" s="85"/>
      <c r="AL249" s="85"/>
      <c r="AM249" s="92"/>
      <c r="AN249" s="92"/>
      <c r="AO249" s="92"/>
      <c r="AP249" s="92"/>
      <c r="AQ249" s="92"/>
      <c r="AR249" s="92"/>
      <c r="AS249" s="92"/>
      <c r="AT249" s="92"/>
      <c r="AU249" s="92"/>
      <c r="AV249" s="92"/>
      <c r="AW249" s="92"/>
      <c r="AX249" s="92"/>
      <c r="AY249" s="92"/>
      <c r="AZ249" s="93"/>
      <c r="BA249" s="93"/>
      <c r="BB249" s="93"/>
      <c r="BC249" s="93"/>
      <c r="BD249" s="93"/>
      <c r="BE249" s="93"/>
      <c r="BF249" s="93"/>
      <c r="BG249" s="93"/>
      <c r="BH249" s="93"/>
      <c r="BI249" s="93"/>
      <c r="BJ249" s="93"/>
      <c r="BK249" s="93"/>
      <c r="BL249" s="93"/>
    </row>
    <row r="250" spans="2:64" x14ac:dyDescent="0.2">
      <c r="B250" s="79"/>
      <c r="C250" s="73"/>
      <c r="D250" s="64"/>
      <c r="E250" s="55"/>
      <c r="F250" s="74"/>
      <c r="G250" s="74"/>
      <c r="H250" s="74"/>
      <c r="I250" s="75"/>
      <c r="J250" s="74"/>
      <c r="L250" s="55"/>
      <c r="M250" s="234"/>
      <c r="N250" s="65"/>
      <c r="O250" s="76"/>
      <c r="P250" s="76"/>
      <c r="Q250" s="65"/>
      <c r="R250" s="76"/>
      <c r="S250" s="76"/>
      <c r="T250" s="76"/>
      <c r="U250" s="76"/>
      <c r="V250" s="76"/>
      <c r="W250" s="76"/>
      <c r="X250" s="76"/>
      <c r="Y250" s="76"/>
      <c r="Z250" s="76"/>
      <c r="AA250" s="85"/>
      <c r="AB250" s="85"/>
      <c r="AC250" s="85"/>
      <c r="AD250" s="85"/>
      <c r="AE250" s="85"/>
      <c r="AF250" s="85"/>
      <c r="AG250" s="86"/>
      <c r="AH250" s="85"/>
      <c r="AI250" s="85"/>
      <c r="AJ250" s="85"/>
      <c r="AK250" s="85"/>
      <c r="AL250" s="85"/>
      <c r="AM250" s="92"/>
      <c r="AN250" s="92"/>
      <c r="AO250" s="92"/>
      <c r="AP250" s="92"/>
      <c r="AQ250" s="92"/>
      <c r="AR250" s="92"/>
      <c r="AS250" s="92"/>
      <c r="AT250" s="92"/>
      <c r="AU250" s="92"/>
      <c r="AV250" s="92"/>
      <c r="AW250" s="92"/>
      <c r="AX250" s="92"/>
      <c r="AY250" s="92"/>
      <c r="AZ250" s="93"/>
      <c r="BA250" s="93"/>
      <c r="BB250" s="93"/>
      <c r="BC250" s="93"/>
      <c r="BD250" s="93"/>
      <c r="BE250" s="93"/>
      <c r="BF250" s="93"/>
      <c r="BG250" s="93"/>
      <c r="BH250" s="93"/>
      <c r="BI250" s="93"/>
      <c r="BJ250" s="93"/>
      <c r="BK250" s="93"/>
      <c r="BL250" s="93"/>
    </row>
    <row r="251" spans="2:64" x14ac:dyDescent="0.2">
      <c r="B251" s="79"/>
      <c r="C251" s="73"/>
      <c r="D251" s="64"/>
      <c r="E251" s="55"/>
      <c r="F251" s="74"/>
      <c r="G251" s="74"/>
      <c r="H251" s="74"/>
      <c r="I251" s="75"/>
      <c r="J251" s="74"/>
      <c r="L251" s="55"/>
      <c r="M251" s="234"/>
      <c r="N251" s="65"/>
      <c r="O251" s="76"/>
      <c r="P251" s="76"/>
      <c r="Q251" s="65"/>
      <c r="R251" s="76"/>
      <c r="S251" s="76"/>
      <c r="T251" s="76"/>
      <c r="U251" s="76"/>
      <c r="V251" s="76"/>
      <c r="W251" s="76"/>
      <c r="X251" s="76"/>
      <c r="Y251" s="76"/>
      <c r="Z251" s="76"/>
      <c r="AA251" s="85"/>
      <c r="AB251" s="85"/>
      <c r="AC251" s="85"/>
      <c r="AD251" s="85"/>
      <c r="AE251" s="85"/>
      <c r="AF251" s="85"/>
      <c r="AG251" s="86"/>
      <c r="AH251" s="85"/>
      <c r="AI251" s="85"/>
      <c r="AJ251" s="85"/>
      <c r="AK251" s="85"/>
      <c r="AL251" s="85"/>
      <c r="AM251" s="92"/>
      <c r="AN251" s="92"/>
      <c r="AO251" s="92"/>
      <c r="AP251" s="92"/>
      <c r="AQ251" s="92"/>
      <c r="AR251" s="92"/>
      <c r="AS251" s="92"/>
      <c r="AT251" s="92"/>
      <c r="AU251" s="92"/>
      <c r="AV251" s="92"/>
      <c r="AW251" s="92"/>
      <c r="AX251" s="92"/>
      <c r="AY251" s="92"/>
      <c r="AZ251" s="93"/>
      <c r="BA251" s="93"/>
      <c r="BB251" s="93"/>
      <c r="BC251" s="93"/>
      <c r="BD251" s="93"/>
      <c r="BE251" s="93"/>
      <c r="BF251" s="93"/>
      <c r="BG251" s="93"/>
      <c r="BH251" s="93"/>
      <c r="BI251" s="93"/>
      <c r="BJ251" s="93"/>
      <c r="BK251" s="93"/>
      <c r="BL251" s="93"/>
    </row>
    <row r="252" spans="2:64" x14ac:dyDescent="0.2">
      <c r="B252" s="79"/>
      <c r="C252" s="73"/>
      <c r="D252" s="64"/>
      <c r="E252" s="55"/>
      <c r="F252" s="74"/>
      <c r="G252" s="74"/>
      <c r="H252" s="74"/>
      <c r="I252" s="75"/>
      <c r="J252" s="74"/>
      <c r="L252" s="55"/>
      <c r="M252" s="234"/>
      <c r="N252" s="65"/>
      <c r="O252" s="76"/>
      <c r="P252" s="76"/>
      <c r="Q252" s="65"/>
      <c r="R252" s="76"/>
      <c r="S252" s="76"/>
      <c r="T252" s="76"/>
      <c r="U252" s="76"/>
      <c r="V252" s="76"/>
      <c r="W252" s="76"/>
      <c r="X252" s="76"/>
      <c r="Y252" s="76"/>
      <c r="Z252" s="76"/>
      <c r="AA252" s="85"/>
      <c r="AB252" s="85"/>
      <c r="AC252" s="85"/>
      <c r="AD252" s="85"/>
      <c r="AE252" s="85"/>
      <c r="AF252" s="85"/>
      <c r="AG252" s="86"/>
      <c r="AH252" s="85"/>
      <c r="AI252" s="85"/>
      <c r="AJ252" s="85"/>
      <c r="AK252" s="85"/>
      <c r="AL252" s="85"/>
      <c r="AM252" s="92"/>
      <c r="AN252" s="92"/>
      <c r="AO252" s="92"/>
      <c r="AP252" s="92"/>
      <c r="AQ252" s="92"/>
      <c r="AR252" s="92"/>
      <c r="AS252" s="92"/>
      <c r="AT252" s="92"/>
      <c r="AU252" s="92"/>
      <c r="AV252" s="92"/>
      <c r="AW252" s="92"/>
      <c r="AX252" s="92"/>
      <c r="AY252" s="92"/>
      <c r="AZ252" s="93"/>
      <c r="BA252" s="93"/>
      <c r="BB252" s="93"/>
      <c r="BC252" s="93"/>
      <c r="BD252" s="93"/>
      <c r="BE252" s="93"/>
      <c r="BF252" s="93"/>
      <c r="BG252" s="93"/>
      <c r="BH252" s="93"/>
      <c r="BI252" s="93"/>
      <c r="BJ252" s="93"/>
      <c r="BK252" s="93"/>
      <c r="BL252" s="93"/>
    </row>
    <row r="253" spans="2:64" x14ac:dyDescent="0.2">
      <c r="B253" s="79"/>
      <c r="C253" s="73"/>
      <c r="D253" s="64"/>
      <c r="E253" s="55"/>
      <c r="F253" s="74"/>
      <c r="G253" s="74"/>
      <c r="H253" s="74"/>
      <c r="I253" s="75"/>
      <c r="J253" s="74"/>
      <c r="L253" s="55"/>
      <c r="M253" s="234"/>
      <c r="N253" s="65"/>
      <c r="O253" s="76"/>
      <c r="P253" s="76"/>
      <c r="Q253" s="65"/>
      <c r="R253" s="76"/>
      <c r="S253" s="76"/>
      <c r="T253" s="76"/>
      <c r="U253" s="76"/>
      <c r="V253" s="76"/>
      <c r="W253" s="76"/>
      <c r="X253" s="76"/>
      <c r="Y253" s="76"/>
      <c r="Z253" s="76"/>
      <c r="AA253" s="85"/>
      <c r="AB253" s="85"/>
      <c r="AC253" s="85"/>
      <c r="AD253" s="85"/>
      <c r="AE253" s="85"/>
      <c r="AF253" s="85"/>
      <c r="AG253" s="86"/>
      <c r="AH253" s="85"/>
      <c r="AI253" s="85"/>
      <c r="AJ253" s="85"/>
      <c r="AK253" s="85"/>
      <c r="AL253" s="85"/>
      <c r="AM253" s="92"/>
      <c r="AN253" s="92"/>
      <c r="AO253" s="92"/>
      <c r="AP253" s="92"/>
      <c r="AQ253" s="92"/>
      <c r="AR253" s="92"/>
      <c r="AS253" s="92"/>
      <c r="AT253" s="92"/>
      <c r="AU253" s="92"/>
      <c r="AV253" s="92"/>
      <c r="AW253" s="92"/>
      <c r="AX253" s="92"/>
      <c r="AY253" s="92"/>
      <c r="AZ253" s="93"/>
      <c r="BA253" s="93"/>
      <c r="BB253" s="93"/>
      <c r="BC253" s="93"/>
      <c r="BD253" s="93"/>
      <c r="BE253" s="93"/>
      <c r="BF253" s="93"/>
      <c r="BG253" s="93"/>
      <c r="BH253" s="93"/>
      <c r="BI253" s="93"/>
      <c r="BJ253" s="93"/>
      <c r="BK253" s="93"/>
      <c r="BL253" s="93"/>
    </row>
    <row r="254" spans="2:64" x14ac:dyDescent="0.2">
      <c r="B254" s="79"/>
      <c r="C254" s="73"/>
      <c r="D254" s="64"/>
      <c r="E254" s="55"/>
      <c r="F254" s="74"/>
      <c r="G254" s="74"/>
      <c r="H254" s="74"/>
      <c r="I254" s="75"/>
      <c r="J254" s="74"/>
      <c r="L254" s="55"/>
      <c r="M254" s="234"/>
      <c r="N254" s="65"/>
      <c r="O254" s="76"/>
      <c r="P254" s="76"/>
      <c r="Q254" s="65"/>
      <c r="R254" s="76"/>
      <c r="S254" s="76"/>
      <c r="T254" s="76"/>
      <c r="U254" s="76"/>
      <c r="V254" s="76"/>
      <c r="W254" s="76"/>
      <c r="X254" s="76"/>
      <c r="Y254" s="76"/>
      <c r="Z254" s="76"/>
      <c r="AA254" s="85"/>
      <c r="AB254" s="85"/>
      <c r="AC254" s="85"/>
      <c r="AD254" s="85"/>
      <c r="AE254" s="85"/>
      <c r="AF254" s="85"/>
      <c r="AG254" s="86"/>
      <c r="AH254" s="85"/>
      <c r="AI254" s="85"/>
      <c r="AJ254" s="85"/>
      <c r="AK254" s="85"/>
      <c r="AL254" s="85"/>
      <c r="AM254" s="92"/>
      <c r="AN254" s="92"/>
      <c r="AO254" s="92"/>
      <c r="AP254" s="92"/>
      <c r="AQ254" s="92"/>
      <c r="AR254" s="92"/>
      <c r="AS254" s="92"/>
      <c r="AT254" s="92"/>
      <c r="AU254" s="92"/>
      <c r="AV254" s="92"/>
      <c r="AW254" s="92"/>
      <c r="AX254" s="92"/>
      <c r="AY254" s="92"/>
      <c r="AZ254" s="93"/>
      <c r="BA254" s="93"/>
      <c r="BB254" s="93"/>
      <c r="BC254" s="93"/>
      <c r="BD254" s="93"/>
      <c r="BE254" s="93"/>
      <c r="BF254" s="93"/>
      <c r="BG254" s="93"/>
      <c r="BH254" s="93"/>
      <c r="BI254" s="93"/>
      <c r="BJ254" s="93"/>
      <c r="BK254" s="93"/>
      <c r="BL254" s="93"/>
    </row>
    <row r="255" spans="2:64" x14ac:dyDescent="0.2">
      <c r="B255" s="43"/>
      <c r="C255" s="73"/>
      <c r="D255" s="64"/>
      <c r="E255" s="55"/>
      <c r="F255" s="74"/>
      <c r="G255" s="74"/>
      <c r="H255" s="74"/>
      <c r="I255" s="75"/>
      <c r="J255" s="74"/>
      <c r="L255" s="55"/>
      <c r="M255" s="234"/>
      <c r="N255" s="65"/>
      <c r="O255" s="76"/>
      <c r="P255" s="76"/>
      <c r="Q255" s="65"/>
      <c r="R255" s="76"/>
      <c r="S255" s="76"/>
      <c r="T255" s="76"/>
      <c r="U255" s="76"/>
      <c r="V255" s="76"/>
      <c r="W255" s="76"/>
      <c r="X255" s="76"/>
      <c r="Y255" s="76"/>
      <c r="Z255" s="76"/>
      <c r="AA255" s="85"/>
      <c r="AB255" s="85"/>
      <c r="AC255" s="85"/>
      <c r="AD255" s="85"/>
      <c r="AE255" s="85"/>
      <c r="AF255" s="85"/>
      <c r="AG255" s="86"/>
      <c r="AH255" s="85"/>
      <c r="AI255" s="85"/>
      <c r="AJ255" s="85"/>
      <c r="AK255" s="85"/>
      <c r="AL255" s="85"/>
      <c r="AM255" s="92"/>
      <c r="AN255" s="92"/>
      <c r="AO255" s="92"/>
      <c r="AP255" s="92"/>
      <c r="AQ255" s="92"/>
      <c r="AR255" s="92"/>
      <c r="AS255" s="92"/>
      <c r="AT255" s="92"/>
      <c r="AU255" s="92"/>
      <c r="AV255" s="92"/>
      <c r="AW255" s="92"/>
      <c r="AX255" s="92"/>
      <c r="AY255" s="92"/>
      <c r="AZ255" s="93"/>
      <c r="BA255" s="93"/>
      <c r="BB255" s="93"/>
      <c r="BC255" s="93"/>
      <c r="BD255" s="93"/>
      <c r="BE255" s="93"/>
      <c r="BF255" s="93"/>
      <c r="BG255" s="93"/>
      <c r="BH255" s="93"/>
      <c r="BI255" s="93"/>
      <c r="BJ255" s="93"/>
      <c r="BK255" s="93"/>
      <c r="BL255" s="93"/>
    </row>
    <row r="256" spans="2:64" x14ac:dyDescent="0.2">
      <c r="B256" s="43"/>
      <c r="C256" s="73"/>
      <c r="D256" s="64"/>
      <c r="E256" s="55"/>
      <c r="F256" s="74"/>
      <c r="G256" s="74"/>
      <c r="H256" s="74"/>
      <c r="I256" s="75"/>
      <c r="J256" s="74"/>
      <c r="L256" s="55"/>
      <c r="M256" s="234"/>
      <c r="N256" s="65"/>
      <c r="O256" s="76"/>
      <c r="P256" s="76"/>
      <c r="Q256" s="65"/>
      <c r="R256" s="76"/>
      <c r="S256" s="76"/>
      <c r="T256" s="76"/>
      <c r="U256" s="76"/>
      <c r="V256" s="76"/>
      <c r="W256" s="76"/>
      <c r="X256" s="76"/>
      <c r="Y256" s="76"/>
      <c r="Z256" s="76"/>
      <c r="AA256" s="85"/>
      <c r="AB256" s="85"/>
      <c r="AC256" s="85"/>
      <c r="AD256" s="85"/>
      <c r="AE256" s="85"/>
      <c r="AF256" s="85"/>
      <c r="AG256" s="86"/>
      <c r="AH256" s="85"/>
      <c r="AI256" s="85"/>
      <c r="AJ256" s="85"/>
      <c r="AK256" s="85"/>
      <c r="AL256" s="85"/>
      <c r="AM256" s="92"/>
      <c r="AN256" s="92"/>
      <c r="AO256" s="92"/>
      <c r="AP256" s="92"/>
      <c r="AQ256" s="92"/>
      <c r="AR256" s="92"/>
      <c r="AS256" s="92"/>
      <c r="AT256" s="92"/>
      <c r="AU256" s="92"/>
      <c r="AV256" s="92"/>
      <c r="AW256" s="92"/>
      <c r="AX256" s="92"/>
      <c r="AY256" s="92"/>
      <c r="AZ256" s="93"/>
      <c r="BA256" s="93"/>
      <c r="BB256" s="93"/>
      <c r="BC256" s="93"/>
      <c r="BD256" s="93"/>
      <c r="BE256" s="93"/>
      <c r="BF256" s="93"/>
      <c r="BG256" s="93"/>
      <c r="BH256" s="93"/>
      <c r="BI256" s="93"/>
      <c r="BJ256" s="93"/>
      <c r="BK256" s="93"/>
      <c r="BL256" s="93"/>
    </row>
    <row r="257" spans="2:64" x14ac:dyDescent="0.2">
      <c r="B257" s="43"/>
      <c r="C257" s="73"/>
      <c r="D257" s="64"/>
      <c r="E257" s="55"/>
      <c r="F257" s="74"/>
      <c r="G257" s="74"/>
      <c r="H257" s="74"/>
      <c r="I257" s="75"/>
      <c r="J257" s="74"/>
      <c r="L257" s="55"/>
      <c r="M257" s="234"/>
      <c r="N257" s="65"/>
      <c r="O257" s="76"/>
      <c r="P257" s="76"/>
      <c r="Q257" s="65"/>
      <c r="R257" s="76"/>
      <c r="S257" s="76"/>
      <c r="T257" s="76"/>
      <c r="U257" s="76"/>
      <c r="V257" s="76"/>
      <c r="W257" s="76"/>
      <c r="X257" s="76"/>
      <c r="Y257" s="76"/>
      <c r="Z257" s="76"/>
      <c r="AA257" s="85"/>
      <c r="AB257" s="85"/>
      <c r="AC257" s="85"/>
      <c r="AD257" s="85"/>
      <c r="AE257" s="85"/>
      <c r="AF257" s="85"/>
      <c r="AG257" s="86"/>
      <c r="AH257" s="85"/>
      <c r="AI257" s="85"/>
      <c r="AJ257" s="85"/>
      <c r="AK257" s="85"/>
      <c r="AL257" s="85"/>
      <c r="AM257" s="92"/>
      <c r="AN257" s="92"/>
      <c r="AO257" s="92"/>
      <c r="AP257" s="92"/>
      <c r="AQ257" s="92"/>
      <c r="AR257" s="92"/>
      <c r="AS257" s="92"/>
      <c r="AT257" s="92"/>
      <c r="AU257" s="92"/>
      <c r="AV257" s="92"/>
      <c r="AW257" s="92"/>
      <c r="AX257" s="92"/>
      <c r="AY257" s="92"/>
      <c r="AZ257" s="93"/>
      <c r="BA257" s="93"/>
      <c r="BB257" s="93"/>
      <c r="BC257" s="93"/>
      <c r="BD257" s="93"/>
      <c r="BE257" s="93"/>
      <c r="BF257" s="93"/>
      <c r="BG257" s="93"/>
      <c r="BH257" s="93"/>
      <c r="BI257" s="93"/>
      <c r="BJ257" s="93"/>
      <c r="BK257" s="93"/>
      <c r="BL257" s="93"/>
    </row>
    <row r="258" spans="2:64" x14ac:dyDescent="0.2">
      <c r="B258" s="43"/>
      <c r="C258" s="73"/>
      <c r="D258" s="64"/>
      <c r="E258" s="55"/>
      <c r="F258" s="74"/>
      <c r="G258" s="74"/>
      <c r="H258" s="74"/>
      <c r="I258" s="75"/>
      <c r="J258" s="74"/>
      <c r="L258" s="55"/>
      <c r="M258" s="234"/>
      <c r="N258" s="65"/>
      <c r="O258" s="76"/>
      <c r="P258" s="76"/>
      <c r="Q258" s="65"/>
      <c r="R258" s="76"/>
      <c r="S258" s="76"/>
      <c r="T258" s="76"/>
      <c r="U258" s="76"/>
      <c r="V258" s="76"/>
      <c r="W258" s="76"/>
      <c r="X258" s="76"/>
      <c r="Y258" s="76"/>
      <c r="Z258" s="76"/>
      <c r="AA258" s="85"/>
      <c r="AB258" s="85"/>
      <c r="AC258" s="85"/>
      <c r="AD258" s="85"/>
      <c r="AE258" s="85"/>
      <c r="AF258" s="85"/>
      <c r="AG258" s="86"/>
      <c r="AH258" s="85"/>
      <c r="AI258" s="85"/>
      <c r="AJ258" s="85"/>
      <c r="AK258" s="85"/>
      <c r="AL258" s="85"/>
      <c r="AM258" s="92"/>
      <c r="AN258" s="92"/>
      <c r="AO258" s="92"/>
      <c r="AP258" s="92"/>
      <c r="AQ258" s="92"/>
      <c r="AR258" s="92"/>
      <c r="AS258" s="92"/>
      <c r="AT258" s="92"/>
      <c r="AU258" s="92"/>
      <c r="AV258" s="92"/>
      <c r="AW258" s="92"/>
      <c r="AX258" s="92"/>
      <c r="AY258" s="92"/>
      <c r="AZ258" s="93"/>
      <c r="BA258" s="93"/>
      <c r="BB258" s="93"/>
      <c r="BC258" s="93"/>
      <c r="BD258" s="93"/>
      <c r="BE258" s="93"/>
      <c r="BF258" s="93"/>
      <c r="BG258" s="93"/>
      <c r="BH258" s="93"/>
      <c r="BI258" s="93"/>
      <c r="BJ258" s="93"/>
      <c r="BK258" s="93"/>
      <c r="BL258" s="93"/>
    </row>
    <row r="259" spans="2:64" x14ac:dyDescent="0.2">
      <c r="B259" s="43"/>
      <c r="C259" s="73"/>
      <c r="D259" s="64"/>
      <c r="E259" s="55"/>
      <c r="F259" s="74"/>
      <c r="G259" s="74"/>
      <c r="H259" s="74"/>
      <c r="I259" s="75"/>
      <c r="J259" s="74"/>
      <c r="L259" s="55"/>
      <c r="M259" s="234"/>
      <c r="N259" s="65"/>
      <c r="O259" s="76"/>
      <c r="P259" s="76"/>
      <c r="Q259" s="65"/>
      <c r="R259" s="76"/>
      <c r="S259" s="76"/>
      <c r="T259" s="76"/>
      <c r="U259" s="76"/>
      <c r="V259" s="76"/>
      <c r="W259" s="76"/>
      <c r="X259" s="76"/>
      <c r="Y259" s="76"/>
      <c r="Z259" s="76"/>
      <c r="AA259" s="85"/>
      <c r="AB259" s="85"/>
      <c r="AC259" s="85"/>
      <c r="AD259" s="85"/>
      <c r="AE259" s="85"/>
      <c r="AF259" s="85"/>
      <c r="AG259" s="86"/>
      <c r="AH259" s="85"/>
      <c r="AI259" s="85"/>
      <c r="AJ259" s="85"/>
      <c r="AK259" s="85"/>
      <c r="AL259" s="85"/>
      <c r="AM259" s="92"/>
      <c r="AN259" s="92"/>
      <c r="AO259" s="92"/>
      <c r="AP259" s="92"/>
      <c r="AQ259" s="92"/>
      <c r="AR259" s="92"/>
      <c r="AS259" s="92"/>
      <c r="AT259" s="92"/>
      <c r="AU259" s="92"/>
      <c r="AV259" s="92"/>
      <c r="AW259" s="92"/>
      <c r="AX259" s="92"/>
      <c r="AY259" s="92"/>
      <c r="AZ259" s="93"/>
      <c r="BA259" s="93"/>
      <c r="BB259" s="93"/>
      <c r="BC259" s="93"/>
      <c r="BD259" s="93"/>
      <c r="BE259" s="93"/>
      <c r="BF259" s="93"/>
      <c r="BG259" s="93"/>
      <c r="BH259" s="93"/>
      <c r="BI259" s="93"/>
      <c r="BJ259" s="93"/>
      <c r="BK259" s="93"/>
      <c r="BL259" s="93"/>
    </row>
    <row r="260" spans="2:64" x14ac:dyDescent="0.2">
      <c r="B260" s="43"/>
      <c r="C260" s="73"/>
      <c r="D260" s="64"/>
      <c r="E260" s="55"/>
      <c r="F260" s="74"/>
      <c r="G260" s="74"/>
      <c r="H260" s="74"/>
      <c r="I260" s="75"/>
      <c r="J260" s="74"/>
      <c r="L260" s="55"/>
      <c r="M260" s="234"/>
      <c r="N260" s="65"/>
      <c r="O260" s="76"/>
      <c r="P260" s="76"/>
      <c r="Q260" s="65"/>
      <c r="R260" s="76"/>
      <c r="S260" s="76"/>
      <c r="T260" s="76"/>
      <c r="U260" s="76"/>
      <c r="V260" s="76"/>
      <c r="W260" s="76"/>
      <c r="X260" s="76"/>
      <c r="Y260" s="76"/>
      <c r="Z260" s="76"/>
      <c r="AA260" s="85"/>
      <c r="AB260" s="85"/>
      <c r="AC260" s="85"/>
      <c r="AD260" s="85"/>
      <c r="AE260" s="85"/>
      <c r="AF260" s="85"/>
      <c r="AG260" s="86"/>
      <c r="AH260" s="85"/>
      <c r="AI260" s="85"/>
      <c r="AJ260" s="85"/>
      <c r="AK260" s="85"/>
      <c r="AL260" s="85"/>
      <c r="AM260" s="92"/>
      <c r="AN260" s="92"/>
      <c r="AO260" s="92"/>
      <c r="AP260" s="92"/>
      <c r="AQ260" s="92"/>
      <c r="AR260" s="92"/>
      <c r="AS260" s="92"/>
      <c r="AT260" s="92"/>
      <c r="AU260" s="92"/>
      <c r="AV260" s="92"/>
      <c r="AW260" s="92"/>
      <c r="AX260" s="92"/>
      <c r="AY260" s="92"/>
      <c r="AZ260" s="93"/>
      <c r="BA260" s="93"/>
      <c r="BB260" s="93"/>
      <c r="BC260" s="93"/>
      <c r="BD260" s="93"/>
      <c r="BE260" s="93"/>
      <c r="BF260" s="93"/>
      <c r="BG260" s="93"/>
      <c r="BH260" s="93"/>
      <c r="BI260" s="93"/>
      <c r="BJ260" s="93"/>
      <c r="BK260" s="93"/>
      <c r="BL260" s="93"/>
    </row>
    <row r="261" spans="2:64" x14ac:dyDescent="0.2">
      <c r="B261" s="43"/>
      <c r="C261" s="73"/>
      <c r="D261" s="64"/>
      <c r="E261" s="55"/>
      <c r="F261" s="74"/>
      <c r="G261" s="74"/>
      <c r="H261" s="74"/>
      <c r="I261" s="75"/>
      <c r="J261" s="74"/>
      <c r="L261" s="55"/>
      <c r="M261" s="234"/>
      <c r="N261" s="65"/>
      <c r="O261" s="76"/>
      <c r="P261" s="76"/>
      <c r="Q261" s="65"/>
      <c r="R261" s="76"/>
      <c r="S261" s="76"/>
      <c r="T261" s="76"/>
      <c r="U261" s="76"/>
      <c r="V261" s="76"/>
      <c r="W261" s="76"/>
      <c r="X261" s="76"/>
      <c r="Y261" s="76"/>
      <c r="Z261" s="76"/>
      <c r="AA261" s="85"/>
      <c r="AB261" s="85"/>
      <c r="AC261" s="85"/>
      <c r="AD261" s="85"/>
      <c r="AE261" s="85"/>
      <c r="AF261" s="85"/>
      <c r="AG261" s="86"/>
      <c r="AH261" s="85"/>
      <c r="AI261" s="85"/>
      <c r="AJ261" s="85"/>
      <c r="AK261" s="85"/>
      <c r="AL261" s="85"/>
      <c r="AM261" s="92"/>
      <c r="AN261" s="92"/>
      <c r="AO261" s="92"/>
      <c r="AP261" s="92"/>
      <c r="AQ261" s="92"/>
      <c r="AR261" s="92"/>
      <c r="AS261" s="92"/>
      <c r="AT261" s="92"/>
      <c r="AU261" s="92"/>
      <c r="AV261" s="92"/>
      <c r="AW261" s="92"/>
      <c r="AX261" s="92"/>
      <c r="AY261" s="92"/>
      <c r="AZ261" s="93"/>
      <c r="BA261" s="93"/>
      <c r="BB261" s="93"/>
      <c r="BC261" s="93"/>
      <c r="BD261" s="93"/>
      <c r="BE261" s="93"/>
      <c r="BF261" s="93"/>
      <c r="BG261" s="93"/>
      <c r="BH261" s="93"/>
      <c r="BI261" s="93"/>
      <c r="BJ261" s="93"/>
      <c r="BK261" s="93"/>
      <c r="BL261" s="93"/>
    </row>
    <row r="262" spans="2:64" x14ac:dyDescent="0.2">
      <c r="B262" s="43"/>
      <c r="C262" s="73"/>
      <c r="D262" s="64"/>
      <c r="E262" s="55"/>
      <c r="F262" s="74"/>
      <c r="G262" s="74"/>
      <c r="H262" s="74"/>
      <c r="I262" s="75"/>
      <c r="J262" s="74"/>
      <c r="L262" s="55"/>
      <c r="M262" s="234"/>
      <c r="N262" s="65"/>
      <c r="O262" s="76"/>
      <c r="P262" s="76"/>
      <c r="Q262" s="65"/>
      <c r="R262" s="76"/>
      <c r="S262" s="76"/>
      <c r="T262" s="76"/>
      <c r="U262" s="76"/>
      <c r="V262" s="76"/>
      <c r="W262" s="76"/>
      <c r="X262" s="76"/>
      <c r="Y262" s="76"/>
      <c r="Z262" s="76"/>
      <c r="AA262" s="85"/>
      <c r="AB262" s="85"/>
      <c r="AC262" s="85"/>
      <c r="AD262" s="85"/>
      <c r="AE262" s="85"/>
      <c r="AF262" s="85"/>
      <c r="AG262" s="86"/>
      <c r="AH262" s="85"/>
      <c r="AI262" s="85"/>
      <c r="AJ262" s="85"/>
      <c r="AK262" s="85"/>
      <c r="AL262" s="85"/>
      <c r="AM262" s="92"/>
      <c r="AN262" s="92"/>
      <c r="AO262" s="92"/>
      <c r="AP262" s="92"/>
      <c r="AQ262" s="92"/>
      <c r="AR262" s="92"/>
      <c r="AS262" s="92"/>
      <c r="AT262" s="92"/>
      <c r="AU262" s="92"/>
      <c r="AV262" s="92"/>
      <c r="AW262" s="92"/>
      <c r="AX262" s="92"/>
      <c r="AY262" s="92"/>
      <c r="AZ262" s="93"/>
      <c r="BA262" s="93"/>
      <c r="BB262" s="93"/>
      <c r="BC262" s="93"/>
      <c r="BD262" s="93"/>
      <c r="BE262" s="93"/>
      <c r="BF262" s="93"/>
      <c r="BG262" s="93"/>
      <c r="BH262" s="93"/>
      <c r="BI262" s="93"/>
      <c r="BJ262" s="93"/>
      <c r="BK262" s="93"/>
      <c r="BL262" s="93"/>
    </row>
    <row r="263" spans="2:64" x14ac:dyDescent="0.2">
      <c r="B263" s="43"/>
      <c r="C263" s="73"/>
      <c r="D263" s="64"/>
      <c r="E263" s="55"/>
      <c r="F263" s="74"/>
      <c r="G263" s="74"/>
      <c r="H263" s="74"/>
      <c r="I263" s="75"/>
      <c r="J263" s="74"/>
      <c r="L263" s="55"/>
      <c r="M263" s="234"/>
      <c r="N263" s="65"/>
      <c r="O263" s="76"/>
      <c r="P263" s="76"/>
      <c r="Q263" s="65"/>
      <c r="R263" s="76"/>
      <c r="S263" s="76"/>
      <c r="T263" s="76"/>
      <c r="U263" s="76"/>
      <c r="V263" s="76"/>
      <c r="W263" s="76"/>
      <c r="X263" s="76"/>
      <c r="Y263" s="76"/>
      <c r="Z263" s="76"/>
      <c r="AA263" s="85"/>
      <c r="AB263" s="85"/>
      <c r="AC263" s="85"/>
      <c r="AD263" s="85"/>
      <c r="AE263" s="85"/>
      <c r="AF263" s="85"/>
      <c r="AG263" s="86"/>
      <c r="AH263" s="85"/>
      <c r="AI263" s="85"/>
      <c r="AJ263" s="85"/>
      <c r="AK263" s="85"/>
      <c r="AL263" s="85"/>
      <c r="AM263" s="92"/>
      <c r="AN263" s="92"/>
      <c r="AO263" s="92"/>
      <c r="AP263" s="92"/>
      <c r="AQ263" s="92"/>
      <c r="AR263" s="92"/>
      <c r="AS263" s="92"/>
      <c r="AT263" s="92"/>
      <c r="AU263" s="92"/>
      <c r="AV263" s="92"/>
      <c r="AW263" s="92"/>
      <c r="AX263" s="92"/>
      <c r="AY263" s="92"/>
      <c r="AZ263" s="93"/>
      <c r="BA263" s="93"/>
      <c r="BB263" s="93"/>
      <c r="BC263" s="93"/>
      <c r="BD263" s="93"/>
      <c r="BE263" s="93"/>
      <c r="BF263" s="93"/>
      <c r="BG263" s="93"/>
      <c r="BH263" s="93"/>
      <c r="BI263" s="93"/>
      <c r="BJ263" s="93"/>
      <c r="BK263" s="93"/>
      <c r="BL263" s="93"/>
    </row>
    <row r="264" spans="2:64" x14ac:dyDescent="0.2">
      <c r="B264" s="43"/>
      <c r="C264" s="73"/>
      <c r="D264" s="64"/>
      <c r="E264" s="55"/>
      <c r="F264" s="74"/>
      <c r="G264" s="74"/>
      <c r="H264" s="74"/>
      <c r="I264" s="75"/>
      <c r="J264" s="74"/>
      <c r="L264" s="55"/>
      <c r="M264" s="234"/>
      <c r="N264" s="65"/>
      <c r="O264" s="76"/>
      <c r="P264" s="76"/>
      <c r="Q264" s="65"/>
      <c r="R264" s="76"/>
      <c r="S264" s="76"/>
      <c r="T264" s="76"/>
      <c r="U264" s="76"/>
      <c r="V264" s="76"/>
      <c r="W264" s="76"/>
      <c r="X264" s="76"/>
      <c r="Y264" s="76"/>
      <c r="Z264" s="76"/>
      <c r="AA264" s="85"/>
      <c r="AB264" s="85"/>
      <c r="AC264" s="85"/>
      <c r="AD264" s="85"/>
      <c r="AE264" s="85"/>
      <c r="AF264" s="85"/>
      <c r="AG264" s="86"/>
      <c r="AH264" s="85"/>
      <c r="AI264" s="85"/>
      <c r="AJ264" s="85"/>
      <c r="AK264" s="85"/>
      <c r="AL264" s="85"/>
      <c r="AM264" s="92"/>
      <c r="AN264" s="92"/>
      <c r="AO264" s="92"/>
      <c r="AP264" s="92"/>
      <c r="AQ264" s="92"/>
      <c r="AR264" s="92"/>
      <c r="AS264" s="92"/>
      <c r="AT264" s="92"/>
      <c r="AU264" s="92"/>
      <c r="AV264" s="92"/>
      <c r="AW264" s="92"/>
      <c r="AX264" s="92"/>
      <c r="AY264" s="92"/>
      <c r="AZ264" s="93"/>
      <c r="BA264" s="93"/>
      <c r="BB264" s="93"/>
      <c r="BC264" s="93"/>
      <c r="BD264" s="93"/>
      <c r="BE264" s="93"/>
      <c r="BF264" s="93"/>
      <c r="BG264" s="93"/>
      <c r="BH264" s="93"/>
      <c r="BI264" s="93"/>
      <c r="BJ264" s="93"/>
      <c r="BK264" s="93"/>
      <c r="BL264" s="93"/>
    </row>
    <row r="265" spans="2:64" x14ac:dyDescent="0.2">
      <c r="B265" s="43"/>
      <c r="C265" s="73"/>
      <c r="D265" s="64"/>
      <c r="E265" s="55"/>
      <c r="F265" s="74"/>
      <c r="G265" s="74"/>
      <c r="H265" s="74"/>
      <c r="I265" s="75"/>
      <c r="J265" s="74"/>
      <c r="L265" s="55"/>
      <c r="M265" s="234"/>
      <c r="N265" s="65"/>
      <c r="O265" s="76"/>
      <c r="P265" s="76"/>
      <c r="Q265" s="65"/>
      <c r="R265" s="76"/>
      <c r="S265" s="76"/>
      <c r="T265" s="76"/>
      <c r="U265" s="76"/>
      <c r="V265" s="76"/>
      <c r="W265" s="76"/>
      <c r="X265" s="76"/>
      <c r="Y265" s="76"/>
      <c r="Z265" s="76"/>
      <c r="AA265" s="85"/>
      <c r="AB265" s="85"/>
      <c r="AC265" s="85"/>
      <c r="AD265" s="85"/>
      <c r="AE265" s="85"/>
      <c r="AF265" s="85"/>
      <c r="AG265" s="86"/>
      <c r="AH265" s="85"/>
      <c r="AI265" s="85"/>
      <c r="AJ265" s="85"/>
      <c r="AK265" s="85"/>
      <c r="AL265" s="85"/>
      <c r="AM265" s="92"/>
      <c r="AN265" s="92"/>
      <c r="AO265" s="92"/>
      <c r="AP265" s="92"/>
      <c r="AQ265" s="92"/>
      <c r="AR265" s="92"/>
      <c r="AS265" s="92"/>
      <c r="AT265" s="92"/>
      <c r="AU265" s="92"/>
      <c r="AV265" s="92"/>
      <c r="AW265" s="92"/>
      <c r="AX265" s="92"/>
      <c r="AY265" s="92"/>
      <c r="AZ265" s="93"/>
      <c r="BA265" s="93"/>
      <c r="BB265" s="93"/>
      <c r="BC265" s="93"/>
      <c r="BD265" s="93"/>
      <c r="BE265" s="93"/>
      <c r="BF265" s="93"/>
      <c r="BG265" s="93"/>
      <c r="BH265" s="93"/>
      <c r="BI265" s="93"/>
      <c r="BJ265" s="93"/>
      <c r="BK265" s="93"/>
      <c r="BL265" s="93"/>
    </row>
    <row r="266" spans="2:64" x14ac:dyDescent="0.2">
      <c r="B266" s="43"/>
      <c r="C266" s="73"/>
      <c r="D266" s="64"/>
      <c r="E266" s="55"/>
      <c r="F266" s="74"/>
      <c r="G266" s="74"/>
      <c r="H266" s="74"/>
      <c r="I266" s="75"/>
      <c r="J266" s="74"/>
      <c r="L266" s="55"/>
      <c r="M266" s="234"/>
      <c r="N266" s="65"/>
      <c r="O266" s="76"/>
      <c r="P266" s="76"/>
      <c r="Q266" s="65"/>
      <c r="R266" s="76"/>
      <c r="S266" s="76"/>
      <c r="T266" s="76"/>
      <c r="U266" s="76"/>
      <c r="V266" s="76"/>
      <c r="W266" s="76"/>
      <c r="X266" s="76"/>
      <c r="Y266" s="76"/>
      <c r="Z266" s="76"/>
      <c r="AA266" s="85"/>
      <c r="AB266" s="85"/>
      <c r="AC266" s="85"/>
      <c r="AD266" s="85"/>
      <c r="AE266" s="85"/>
      <c r="AF266" s="85"/>
      <c r="AG266" s="86"/>
      <c r="AH266" s="85"/>
      <c r="AI266" s="85"/>
      <c r="AJ266" s="85"/>
      <c r="AK266" s="85"/>
      <c r="AL266" s="85"/>
      <c r="AM266" s="92"/>
      <c r="AN266" s="92"/>
      <c r="AO266" s="92"/>
      <c r="AP266" s="92"/>
      <c r="AQ266" s="92"/>
      <c r="AR266" s="92"/>
      <c r="AS266" s="92"/>
      <c r="AT266" s="92"/>
      <c r="AU266" s="92"/>
      <c r="AV266" s="92"/>
      <c r="AW266" s="92"/>
      <c r="AX266" s="92"/>
      <c r="AY266" s="92"/>
      <c r="AZ266" s="93"/>
      <c r="BA266" s="93"/>
      <c r="BB266" s="93"/>
      <c r="BC266" s="93"/>
      <c r="BD266" s="93"/>
      <c r="BE266" s="93"/>
      <c r="BF266" s="93"/>
      <c r="BG266" s="93"/>
      <c r="BH266" s="93"/>
      <c r="BI266" s="93"/>
      <c r="BJ266" s="93"/>
      <c r="BK266" s="93"/>
      <c r="BL266" s="93"/>
    </row>
    <row r="267" spans="2:64" x14ac:dyDescent="0.2">
      <c r="B267" s="43"/>
      <c r="C267" s="73"/>
      <c r="D267" s="64"/>
      <c r="E267" s="55"/>
      <c r="F267" s="74"/>
      <c r="G267" s="74"/>
      <c r="H267" s="74"/>
      <c r="I267" s="75"/>
      <c r="J267" s="74"/>
      <c r="L267" s="55"/>
      <c r="M267" s="234"/>
      <c r="N267" s="65"/>
      <c r="O267" s="76"/>
      <c r="P267" s="76"/>
      <c r="Q267" s="65"/>
      <c r="R267" s="76"/>
      <c r="S267" s="76"/>
      <c r="T267" s="76"/>
      <c r="U267" s="76"/>
      <c r="V267" s="76"/>
      <c r="W267" s="76"/>
      <c r="X267" s="76"/>
      <c r="Y267" s="76"/>
      <c r="Z267" s="76"/>
      <c r="AA267" s="85"/>
      <c r="AB267" s="85"/>
      <c r="AC267" s="85"/>
      <c r="AD267" s="85"/>
      <c r="AE267" s="85"/>
      <c r="AF267" s="85"/>
      <c r="AG267" s="86"/>
      <c r="AH267" s="85"/>
      <c r="AI267" s="85"/>
      <c r="AJ267" s="85"/>
      <c r="AK267" s="85"/>
      <c r="AL267" s="85"/>
      <c r="AM267" s="92"/>
      <c r="AN267" s="92"/>
      <c r="AO267" s="92"/>
      <c r="AP267" s="92"/>
      <c r="AQ267" s="92"/>
      <c r="AR267" s="92"/>
      <c r="AS267" s="92"/>
      <c r="AT267" s="92"/>
      <c r="AU267" s="92"/>
      <c r="AV267" s="92"/>
      <c r="AW267" s="92"/>
      <c r="AX267" s="92"/>
      <c r="AY267" s="92"/>
      <c r="AZ267" s="93"/>
      <c r="BA267" s="93"/>
      <c r="BB267" s="93"/>
      <c r="BC267" s="93"/>
      <c r="BD267" s="93"/>
      <c r="BE267" s="93"/>
      <c r="BF267" s="93"/>
      <c r="BG267" s="93"/>
      <c r="BH267" s="93"/>
      <c r="BI267" s="93"/>
      <c r="BJ267" s="93"/>
      <c r="BK267" s="93"/>
      <c r="BL267" s="93"/>
    </row>
    <row r="268" spans="2:64" x14ac:dyDescent="0.2">
      <c r="B268" s="43"/>
      <c r="C268" s="73"/>
      <c r="D268" s="64"/>
      <c r="E268" s="55"/>
      <c r="F268" s="74"/>
      <c r="G268" s="74"/>
      <c r="H268" s="74"/>
      <c r="I268" s="75"/>
      <c r="J268" s="74"/>
      <c r="L268" s="55"/>
      <c r="M268" s="234"/>
      <c r="N268" s="65"/>
      <c r="O268" s="76"/>
      <c r="P268" s="76"/>
      <c r="Q268" s="65"/>
      <c r="R268" s="76"/>
      <c r="S268" s="76"/>
      <c r="T268" s="76"/>
      <c r="U268" s="76"/>
      <c r="V268" s="76"/>
      <c r="W268" s="76"/>
      <c r="X268" s="76"/>
      <c r="Y268" s="76"/>
      <c r="Z268" s="76"/>
      <c r="AA268" s="85"/>
      <c r="AB268" s="85"/>
      <c r="AC268" s="85"/>
      <c r="AD268" s="85"/>
      <c r="AE268" s="85"/>
      <c r="AF268" s="85"/>
      <c r="AG268" s="86"/>
      <c r="AH268" s="85"/>
      <c r="AI268" s="85"/>
      <c r="AJ268" s="85"/>
      <c r="AK268" s="85"/>
      <c r="AL268" s="85"/>
      <c r="AM268" s="92"/>
      <c r="AN268" s="92"/>
      <c r="AO268" s="92"/>
      <c r="AP268" s="92"/>
      <c r="AQ268" s="92"/>
      <c r="AR268" s="92"/>
      <c r="AS268" s="92"/>
      <c r="AT268" s="92"/>
      <c r="AU268" s="92"/>
      <c r="AV268" s="92"/>
      <c r="AW268" s="92"/>
      <c r="AX268" s="92"/>
      <c r="AY268" s="92"/>
      <c r="AZ268" s="93"/>
      <c r="BA268" s="93"/>
      <c r="BB268" s="93"/>
      <c r="BC268" s="93"/>
      <c r="BD268" s="93"/>
      <c r="BE268" s="93"/>
      <c r="BF268" s="93"/>
      <c r="BG268" s="93"/>
      <c r="BH268" s="93"/>
      <c r="BI268" s="93"/>
      <c r="BJ268" s="93"/>
      <c r="BK268" s="93"/>
      <c r="BL268" s="93"/>
    </row>
    <row r="269" spans="2:64" x14ac:dyDescent="0.2">
      <c r="B269" s="43"/>
      <c r="C269" s="73"/>
      <c r="D269" s="64"/>
      <c r="E269" s="55"/>
      <c r="F269" s="74"/>
      <c r="G269" s="74"/>
      <c r="H269" s="74"/>
      <c r="I269" s="75"/>
      <c r="J269" s="74"/>
      <c r="L269" s="55"/>
      <c r="M269" s="234"/>
      <c r="N269" s="65"/>
      <c r="O269" s="76"/>
      <c r="P269" s="76"/>
      <c r="Q269" s="65"/>
      <c r="R269" s="76"/>
      <c r="S269" s="76"/>
      <c r="T269" s="76"/>
      <c r="U269" s="76"/>
      <c r="V269" s="76"/>
      <c r="W269" s="76"/>
      <c r="X269" s="76"/>
      <c r="Y269" s="76"/>
      <c r="Z269" s="76"/>
      <c r="AA269" s="85"/>
      <c r="AB269" s="85"/>
      <c r="AC269" s="85"/>
      <c r="AD269" s="85"/>
      <c r="AE269" s="85"/>
      <c r="AF269" s="85"/>
      <c r="AG269" s="86"/>
      <c r="AH269" s="85"/>
      <c r="AI269" s="85"/>
      <c r="AJ269" s="85"/>
      <c r="AK269" s="85"/>
      <c r="AL269" s="85"/>
      <c r="AM269" s="92"/>
      <c r="AN269" s="92"/>
      <c r="AO269" s="92"/>
      <c r="AP269" s="92"/>
      <c r="AQ269" s="92"/>
      <c r="AR269" s="92"/>
      <c r="AS269" s="92"/>
      <c r="AT269" s="92"/>
      <c r="AU269" s="92"/>
      <c r="AV269" s="92"/>
      <c r="AW269" s="92"/>
      <c r="AX269" s="92"/>
      <c r="AY269" s="92"/>
      <c r="AZ269" s="93"/>
      <c r="BA269" s="93"/>
      <c r="BB269" s="93"/>
      <c r="BC269" s="93"/>
      <c r="BD269" s="93"/>
      <c r="BE269" s="93"/>
      <c r="BF269" s="93"/>
      <c r="BG269" s="93"/>
      <c r="BH269" s="93"/>
      <c r="BI269" s="93"/>
      <c r="BJ269" s="93"/>
      <c r="BK269" s="93"/>
      <c r="BL269" s="93"/>
    </row>
    <row r="270" spans="2:64" x14ac:dyDescent="0.2">
      <c r="B270" s="43"/>
      <c r="C270" s="73"/>
      <c r="D270" s="64"/>
      <c r="E270" s="55"/>
      <c r="F270" s="74"/>
      <c r="G270" s="74"/>
      <c r="H270" s="74"/>
      <c r="I270" s="75"/>
      <c r="J270" s="74"/>
      <c r="L270" s="55"/>
      <c r="M270" s="234"/>
      <c r="N270" s="65"/>
      <c r="O270" s="76"/>
      <c r="P270" s="76"/>
      <c r="Q270" s="65"/>
      <c r="R270" s="76"/>
      <c r="S270" s="76"/>
      <c r="T270" s="76"/>
      <c r="U270" s="76"/>
      <c r="V270" s="76"/>
      <c r="W270" s="76"/>
      <c r="X270" s="76"/>
      <c r="Y270" s="76"/>
      <c r="Z270" s="76"/>
      <c r="AA270" s="85"/>
      <c r="AB270" s="85"/>
      <c r="AC270" s="85"/>
      <c r="AD270" s="85"/>
      <c r="AE270" s="85"/>
      <c r="AF270" s="85"/>
      <c r="AG270" s="86"/>
      <c r="AH270" s="85"/>
      <c r="AI270" s="85"/>
      <c r="AJ270" s="85"/>
      <c r="AK270" s="85"/>
      <c r="AL270" s="85"/>
      <c r="AM270" s="92"/>
      <c r="AN270" s="92"/>
      <c r="AO270" s="92"/>
      <c r="AP270" s="92"/>
      <c r="AQ270" s="92"/>
      <c r="AR270" s="92"/>
      <c r="AS270" s="92"/>
      <c r="AT270" s="92"/>
      <c r="AU270" s="92"/>
      <c r="AV270" s="92"/>
      <c r="AW270" s="92"/>
      <c r="AX270" s="92"/>
      <c r="AY270" s="92"/>
      <c r="AZ270" s="93"/>
      <c r="BA270" s="93"/>
      <c r="BB270" s="93"/>
      <c r="BC270" s="93"/>
      <c r="BD270" s="93"/>
      <c r="BE270" s="93"/>
      <c r="BF270" s="93"/>
      <c r="BG270" s="93"/>
      <c r="BH270" s="93"/>
      <c r="BI270" s="93"/>
      <c r="BJ270" s="93"/>
      <c r="BK270" s="93"/>
      <c r="BL270" s="93"/>
    </row>
    <row r="271" spans="2:64" x14ac:dyDescent="0.2">
      <c r="B271" s="43"/>
      <c r="C271" s="73"/>
      <c r="D271" s="64"/>
      <c r="E271" s="55"/>
      <c r="F271" s="74"/>
      <c r="G271" s="74"/>
      <c r="H271" s="74"/>
      <c r="I271" s="75"/>
      <c r="J271" s="74"/>
      <c r="L271" s="55"/>
      <c r="M271" s="234"/>
      <c r="N271" s="65"/>
      <c r="O271" s="76"/>
      <c r="P271" s="76"/>
      <c r="Q271" s="65"/>
      <c r="R271" s="76"/>
      <c r="S271" s="76"/>
      <c r="T271" s="76"/>
      <c r="U271" s="76"/>
      <c r="V271" s="76"/>
      <c r="W271" s="76"/>
      <c r="X271" s="76"/>
      <c r="Y271" s="76"/>
      <c r="Z271" s="76"/>
      <c r="AA271" s="85"/>
      <c r="AB271" s="85"/>
      <c r="AC271" s="85"/>
      <c r="AD271" s="85"/>
      <c r="AE271" s="85"/>
      <c r="AF271" s="85"/>
      <c r="AG271" s="86"/>
      <c r="AH271" s="85"/>
      <c r="AI271" s="85"/>
      <c r="AJ271" s="85"/>
      <c r="AK271" s="85"/>
      <c r="AL271" s="85"/>
      <c r="AM271" s="92"/>
      <c r="AN271" s="92"/>
      <c r="AO271" s="92"/>
      <c r="AP271" s="92"/>
      <c r="AQ271" s="92"/>
      <c r="AR271" s="92"/>
      <c r="AS271" s="92"/>
      <c r="AT271" s="92"/>
      <c r="AU271" s="92"/>
      <c r="AV271" s="92"/>
      <c r="AW271" s="92"/>
      <c r="AX271" s="92"/>
      <c r="AY271" s="92"/>
      <c r="AZ271" s="93"/>
      <c r="BA271" s="93"/>
      <c r="BB271" s="93"/>
      <c r="BC271" s="93"/>
      <c r="BD271" s="93"/>
      <c r="BE271" s="93"/>
      <c r="BF271" s="93"/>
      <c r="BG271" s="93"/>
      <c r="BH271" s="93"/>
      <c r="BI271" s="93"/>
      <c r="BJ271" s="93"/>
      <c r="BK271" s="93"/>
      <c r="BL271" s="93"/>
    </row>
    <row r="272" spans="2:64" x14ac:dyDescent="0.2">
      <c r="B272" s="43"/>
      <c r="C272" s="73"/>
      <c r="D272" s="64"/>
      <c r="E272" s="55"/>
      <c r="F272" s="74"/>
      <c r="G272" s="74"/>
      <c r="H272" s="74"/>
      <c r="I272" s="75"/>
      <c r="J272" s="74"/>
      <c r="L272" s="55"/>
      <c r="M272" s="234"/>
      <c r="N272" s="65"/>
      <c r="O272" s="76"/>
      <c r="P272" s="76"/>
      <c r="Q272" s="65"/>
      <c r="R272" s="76"/>
      <c r="S272" s="76"/>
      <c r="T272" s="76"/>
      <c r="U272" s="76"/>
      <c r="V272" s="76"/>
      <c r="W272" s="76"/>
      <c r="X272" s="76"/>
      <c r="Y272" s="76"/>
      <c r="Z272" s="76"/>
      <c r="AA272" s="85"/>
      <c r="AB272" s="85"/>
      <c r="AC272" s="85"/>
      <c r="AD272" s="85"/>
      <c r="AE272" s="85"/>
      <c r="AF272" s="85"/>
      <c r="AG272" s="86"/>
      <c r="AH272" s="85"/>
      <c r="AI272" s="85"/>
      <c r="AJ272" s="85"/>
      <c r="AK272" s="85"/>
      <c r="AL272" s="85"/>
      <c r="AM272" s="92"/>
      <c r="AN272" s="92"/>
      <c r="AO272" s="92"/>
      <c r="AP272" s="92"/>
      <c r="AQ272" s="92"/>
      <c r="AR272" s="92"/>
      <c r="AS272" s="92"/>
      <c r="AT272" s="92"/>
      <c r="AU272" s="92"/>
      <c r="AV272" s="92"/>
      <c r="AW272" s="92"/>
      <c r="AX272" s="92"/>
      <c r="AY272" s="92"/>
      <c r="AZ272" s="93"/>
      <c r="BA272" s="93"/>
      <c r="BB272" s="93"/>
      <c r="BC272" s="93"/>
      <c r="BD272" s="93"/>
      <c r="BE272" s="93"/>
      <c r="BF272" s="93"/>
      <c r="BG272" s="93"/>
      <c r="BH272" s="93"/>
      <c r="BI272" s="93"/>
      <c r="BJ272" s="93"/>
      <c r="BK272" s="93"/>
      <c r="BL272" s="93"/>
    </row>
    <row r="273" spans="2:64" x14ac:dyDescent="0.2">
      <c r="B273" s="43"/>
      <c r="C273" s="73"/>
      <c r="D273" s="64"/>
      <c r="E273" s="55"/>
      <c r="F273" s="74"/>
      <c r="G273" s="74"/>
      <c r="H273" s="74"/>
      <c r="I273" s="75"/>
      <c r="J273" s="74"/>
      <c r="L273" s="55"/>
      <c r="M273" s="234"/>
      <c r="N273" s="65"/>
      <c r="O273" s="76"/>
      <c r="P273" s="76"/>
      <c r="Q273" s="65"/>
      <c r="R273" s="76"/>
      <c r="S273" s="76"/>
      <c r="T273" s="76"/>
      <c r="U273" s="76"/>
      <c r="V273" s="76"/>
      <c r="W273" s="76"/>
      <c r="X273" s="76"/>
      <c r="Y273" s="76"/>
      <c r="Z273" s="76"/>
      <c r="AA273" s="85"/>
      <c r="AB273" s="85"/>
      <c r="AC273" s="85"/>
      <c r="AD273" s="85"/>
      <c r="AE273" s="85"/>
      <c r="AF273" s="85"/>
      <c r="AG273" s="86"/>
      <c r="AH273" s="85"/>
      <c r="AI273" s="85"/>
      <c r="AJ273" s="85"/>
      <c r="AK273" s="85"/>
      <c r="AL273" s="85"/>
      <c r="AM273" s="92"/>
      <c r="AN273" s="92"/>
      <c r="AO273" s="92"/>
      <c r="AP273" s="92"/>
      <c r="AQ273" s="92"/>
      <c r="AR273" s="92"/>
      <c r="AS273" s="92"/>
      <c r="AT273" s="92"/>
      <c r="AU273" s="92"/>
      <c r="AV273" s="92"/>
      <c r="AW273" s="92"/>
      <c r="AX273" s="92"/>
      <c r="AY273" s="92"/>
      <c r="AZ273" s="93"/>
      <c r="BA273" s="93"/>
      <c r="BB273" s="93"/>
      <c r="BC273" s="93"/>
      <c r="BD273" s="93"/>
      <c r="BE273" s="93"/>
      <c r="BF273" s="93"/>
      <c r="BG273" s="93"/>
      <c r="BH273" s="93"/>
      <c r="BI273" s="93"/>
      <c r="BJ273" s="93"/>
      <c r="BK273" s="93"/>
      <c r="BL273" s="93"/>
    </row>
    <row r="274" spans="2:64" x14ac:dyDescent="0.2">
      <c r="B274" s="43"/>
      <c r="C274" s="73"/>
      <c r="D274" s="64"/>
      <c r="E274" s="55"/>
      <c r="F274" s="74"/>
      <c r="G274" s="74"/>
      <c r="H274" s="74"/>
      <c r="I274" s="75"/>
      <c r="J274" s="74"/>
      <c r="L274" s="55"/>
      <c r="M274" s="234"/>
      <c r="N274" s="65"/>
      <c r="O274" s="76"/>
      <c r="P274" s="76"/>
      <c r="Q274" s="65"/>
      <c r="R274" s="76"/>
      <c r="S274" s="76"/>
      <c r="T274" s="76"/>
      <c r="U274" s="76"/>
      <c r="V274" s="76"/>
      <c r="W274" s="76"/>
      <c r="X274" s="76"/>
      <c r="Y274" s="76"/>
      <c r="Z274" s="76"/>
      <c r="AA274" s="85"/>
      <c r="AB274" s="85"/>
      <c r="AC274" s="85"/>
      <c r="AD274" s="85"/>
      <c r="AE274" s="85"/>
      <c r="AF274" s="85"/>
      <c r="AG274" s="86"/>
      <c r="AH274" s="85"/>
      <c r="AI274" s="85"/>
      <c r="AJ274" s="85"/>
      <c r="AK274" s="85"/>
      <c r="AL274" s="85"/>
      <c r="AM274" s="92"/>
      <c r="AN274" s="92"/>
      <c r="AO274" s="92"/>
      <c r="AP274" s="92"/>
      <c r="AQ274" s="92"/>
      <c r="AR274" s="92"/>
      <c r="AS274" s="92"/>
      <c r="AT274" s="92"/>
      <c r="AU274" s="92"/>
      <c r="AV274" s="92"/>
      <c r="AW274" s="92"/>
      <c r="AX274" s="92"/>
      <c r="AY274" s="92"/>
      <c r="AZ274" s="93"/>
      <c r="BA274" s="93"/>
      <c r="BB274" s="93"/>
      <c r="BC274" s="93"/>
      <c r="BD274" s="93"/>
      <c r="BE274" s="93"/>
      <c r="BF274" s="93"/>
      <c r="BG274" s="93"/>
      <c r="BH274" s="93"/>
      <c r="BI274" s="93"/>
      <c r="BJ274" s="93"/>
      <c r="BK274" s="93"/>
      <c r="BL274" s="93"/>
    </row>
    <row r="275" spans="2:64" x14ac:dyDescent="0.2">
      <c r="B275" s="43"/>
      <c r="C275" s="73"/>
      <c r="D275" s="64"/>
      <c r="E275" s="55"/>
      <c r="F275" s="74"/>
      <c r="G275" s="74"/>
      <c r="H275" s="74"/>
      <c r="I275" s="75"/>
      <c r="J275" s="74"/>
      <c r="L275" s="55"/>
      <c r="M275" s="234"/>
      <c r="N275" s="65"/>
      <c r="O275" s="76"/>
      <c r="P275" s="76"/>
      <c r="Q275" s="65"/>
      <c r="R275" s="76"/>
      <c r="S275" s="76"/>
      <c r="T275" s="76"/>
      <c r="U275" s="76"/>
      <c r="V275" s="76"/>
      <c r="W275" s="76"/>
      <c r="X275" s="76"/>
      <c r="Y275" s="76"/>
      <c r="Z275" s="76"/>
      <c r="AA275" s="85"/>
      <c r="AB275" s="85"/>
      <c r="AC275" s="85"/>
      <c r="AD275" s="85"/>
      <c r="AE275" s="85"/>
      <c r="AF275" s="85"/>
      <c r="AG275" s="86"/>
      <c r="AH275" s="85"/>
      <c r="AI275" s="85"/>
      <c r="AJ275" s="85"/>
      <c r="AK275" s="85"/>
      <c r="AL275" s="85"/>
      <c r="AM275" s="92"/>
      <c r="AN275" s="92"/>
      <c r="AO275" s="92"/>
      <c r="AP275" s="92"/>
      <c r="AQ275" s="92"/>
      <c r="AR275" s="92"/>
      <c r="AS275" s="92"/>
      <c r="AT275" s="92"/>
      <c r="AU275" s="92"/>
      <c r="AV275" s="92"/>
      <c r="AW275" s="92"/>
      <c r="AX275" s="92"/>
      <c r="AY275" s="92"/>
      <c r="AZ275" s="93"/>
      <c r="BA275" s="93"/>
      <c r="BB275" s="93"/>
      <c r="BC275" s="93"/>
      <c r="BD275" s="93"/>
      <c r="BE275" s="93"/>
      <c r="BF275" s="93"/>
      <c r="BG275" s="93"/>
      <c r="BH275" s="93"/>
      <c r="BI275" s="93"/>
      <c r="BJ275" s="93"/>
      <c r="BK275" s="93"/>
      <c r="BL275" s="93"/>
    </row>
    <row r="276" spans="2:64" x14ac:dyDescent="0.2">
      <c r="B276" s="43"/>
      <c r="C276" s="73"/>
      <c r="D276" s="64"/>
      <c r="E276" s="55"/>
      <c r="F276" s="74"/>
      <c r="G276" s="74"/>
      <c r="H276" s="74"/>
      <c r="I276" s="75"/>
      <c r="J276" s="74"/>
      <c r="L276" s="55"/>
      <c r="M276" s="234"/>
      <c r="N276" s="65"/>
      <c r="O276" s="76"/>
      <c r="P276" s="76"/>
      <c r="Q276" s="65"/>
      <c r="R276" s="76"/>
      <c r="S276" s="76"/>
      <c r="T276" s="76"/>
      <c r="U276" s="76"/>
      <c r="V276" s="76"/>
      <c r="W276" s="76"/>
      <c r="X276" s="76"/>
      <c r="Y276" s="76"/>
      <c r="Z276" s="76"/>
      <c r="AA276" s="85"/>
      <c r="AB276" s="85"/>
      <c r="AC276" s="85"/>
      <c r="AD276" s="85"/>
      <c r="AE276" s="85"/>
      <c r="AF276" s="85"/>
      <c r="AG276" s="86"/>
      <c r="AH276" s="85"/>
      <c r="AI276" s="85"/>
      <c r="AJ276" s="85"/>
      <c r="AK276" s="85"/>
      <c r="AL276" s="85"/>
      <c r="AM276" s="92"/>
      <c r="AN276" s="92"/>
      <c r="AO276" s="92"/>
      <c r="AP276" s="92"/>
      <c r="AQ276" s="92"/>
      <c r="AR276" s="92"/>
      <c r="AS276" s="92"/>
      <c r="AT276" s="92"/>
      <c r="AU276" s="92"/>
      <c r="AV276" s="92"/>
      <c r="AW276" s="92"/>
      <c r="AX276" s="92"/>
      <c r="AY276" s="92"/>
      <c r="AZ276" s="93"/>
      <c r="BA276" s="93"/>
      <c r="BB276" s="93"/>
      <c r="BC276" s="93"/>
      <c r="BD276" s="93"/>
      <c r="BE276" s="93"/>
      <c r="BF276" s="93"/>
      <c r="BG276" s="93"/>
      <c r="BH276" s="93"/>
      <c r="BI276" s="93"/>
      <c r="BJ276" s="93"/>
      <c r="BK276" s="93"/>
      <c r="BL276" s="93"/>
    </row>
    <row r="277" spans="2:64" x14ac:dyDescent="0.2">
      <c r="B277" s="43"/>
      <c r="C277" s="73"/>
      <c r="D277" s="64"/>
      <c r="E277" s="55"/>
      <c r="F277" s="74"/>
      <c r="G277" s="74"/>
      <c r="H277" s="74"/>
      <c r="I277" s="75"/>
      <c r="J277" s="74"/>
      <c r="L277" s="55"/>
      <c r="M277" s="234"/>
      <c r="N277" s="65"/>
      <c r="O277" s="76"/>
      <c r="P277" s="76"/>
      <c r="Q277" s="65"/>
      <c r="R277" s="76"/>
      <c r="S277" s="76"/>
      <c r="T277" s="76"/>
      <c r="U277" s="76"/>
      <c r="V277" s="76"/>
      <c r="W277" s="76"/>
      <c r="X277" s="76"/>
      <c r="Y277" s="76"/>
      <c r="Z277" s="76"/>
      <c r="AA277" s="85"/>
      <c r="AB277" s="85"/>
      <c r="AC277" s="85"/>
      <c r="AD277" s="85"/>
      <c r="AE277" s="85"/>
      <c r="AF277" s="85"/>
      <c r="AG277" s="86"/>
      <c r="AH277" s="85"/>
      <c r="AI277" s="85"/>
      <c r="AJ277" s="85"/>
      <c r="AK277" s="85"/>
      <c r="AL277" s="85"/>
      <c r="AM277" s="92"/>
      <c r="AN277" s="92"/>
      <c r="AO277" s="92"/>
      <c r="AP277" s="92"/>
      <c r="AQ277" s="92"/>
      <c r="AR277" s="92"/>
      <c r="AS277" s="92"/>
      <c r="AT277" s="92"/>
      <c r="AU277" s="92"/>
      <c r="AV277" s="92"/>
      <c r="AW277" s="92"/>
      <c r="AX277" s="92"/>
      <c r="AY277" s="92"/>
      <c r="AZ277" s="93"/>
      <c r="BA277" s="93"/>
      <c r="BB277" s="93"/>
      <c r="BC277" s="93"/>
      <c r="BD277" s="93"/>
      <c r="BE277" s="93"/>
      <c r="BF277" s="93"/>
      <c r="BG277" s="93"/>
      <c r="BH277" s="93"/>
      <c r="BI277" s="93"/>
      <c r="BJ277" s="93"/>
      <c r="BK277" s="93"/>
      <c r="BL277" s="93"/>
    </row>
    <row r="278" spans="2:64" x14ac:dyDescent="0.2">
      <c r="B278" s="43"/>
      <c r="C278" s="73"/>
      <c r="D278" s="64"/>
      <c r="E278" s="55"/>
      <c r="F278" s="74"/>
      <c r="G278" s="74"/>
      <c r="H278" s="74"/>
      <c r="I278" s="75"/>
      <c r="J278" s="74"/>
      <c r="L278" s="55"/>
      <c r="M278" s="234"/>
      <c r="N278" s="65"/>
      <c r="O278" s="76"/>
      <c r="P278" s="76"/>
      <c r="Q278" s="65"/>
      <c r="R278" s="76"/>
      <c r="S278" s="76"/>
      <c r="T278" s="76"/>
      <c r="U278" s="76"/>
      <c r="V278" s="76"/>
      <c r="W278" s="76"/>
      <c r="X278" s="76"/>
      <c r="Y278" s="76"/>
      <c r="Z278" s="76"/>
      <c r="AA278" s="85"/>
      <c r="AB278" s="85"/>
      <c r="AC278" s="85"/>
      <c r="AD278" s="85"/>
      <c r="AE278" s="85"/>
      <c r="AF278" s="85"/>
      <c r="AG278" s="86"/>
      <c r="AH278" s="85"/>
      <c r="AI278" s="85"/>
      <c r="AJ278" s="85"/>
      <c r="AK278" s="85"/>
      <c r="AL278" s="85"/>
      <c r="AM278" s="92"/>
      <c r="AN278" s="92"/>
      <c r="AO278" s="92"/>
      <c r="AP278" s="92"/>
      <c r="AQ278" s="92"/>
      <c r="AR278" s="92"/>
      <c r="AS278" s="92"/>
      <c r="AT278" s="92"/>
      <c r="AU278" s="92"/>
      <c r="AV278" s="92"/>
      <c r="AW278" s="92"/>
      <c r="AX278" s="92"/>
      <c r="AY278" s="92"/>
      <c r="AZ278" s="93"/>
      <c r="BA278" s="93"/>
      <c r="BB278" s="93"/>
      <c r="BC278" s="93"/>
      <c r="BD278" s="93"/>
      <c r="BE278" s="93"/>
      <c r="BF278" s="93"/>
      <c r="BG278" s="93"/>
      <c r="BH278" s="93"/>
      <c r="BI278" s="93"/>
      <c r="BJ278" s="93"/>
      <c r="BK278" s="93"/>
      <c r="BL278" s="93"/>
    </row>
    <row r="279" spans="2:64" x14ac:dyDescent="0.2">
      <c r="B279" s="43"/>
      <c r="C279" s="73"/>
      <c r="D279" s="64"/>
      <c r="E279" s="55"/>
      <c r="F279" s="74"/>
      <c r="G279" s="74"/>
      <c r="H279" s="74"/>
      <c r="I279" s="75"/>
      <c r="J279" s="74"/>
      <c r="L279" s="55"/>
      <c r="M279" s="234"/>
      <c r="N279" s="65"/>
      <c r="O279" s="76"/>
      <c r="P279" s="76"/>
      <c r="Q279" s="65"/>
      <c r="R279" s="76"/>
      <c r="S279" s="76"/>
      <c r="T279" s="76"/>
      <c r="U279" s="76"/>
      <c r="V279" s="76"/>
      <c r="W279" s="76"/>
      <c r="X279" s="76"/>
      <c r="Y279" s="76"/>
      <c r="Z279" s="76"/>
      <c r="AA279" s="85"/>
      <c r="AB279" s="85"/>
      <c r="AC279" s="85"/>
      <c r="AD279" s="85"/>
      <c r="AE279" s="85"/>
      <c r="AF279" s="85"/>
      <c r="AG279" s="86"/>
      <c r="AH279" s="85"/>
      <c r="AI279" s="85"/>
      <c r="AJ279" s="85"/>
      <c r="AK279" s="85"/>
      <c r="AL279" s="85"/>
      <c r="AM279" s="92"/>
      <c r="AN279" s="92"/>
      <c r="AO279" s="92"/>
      <c r="AP279" s="92"/>
      <c r="AQ279" s="92"/>
      <c r="AR279" s="92"/>
      <c r="AS279" s="92"/>
      <c r="AT279" s="92"/>
      <c r="AU279" s="92"/>
      <c r="AV279" s="92"/>
      <c r="AW279" s="92"/>
      <c r="AX279" s="92"/>
      <c r="AY279" s="92"/>
      <c r="AZ279" s="93"/>
      <c r="BA279" s="93"/>
      <c r="BB279" s="93"/>
      <c r="BC279" s="93"/>
      <c r="BD279" s="93"/>
      <c r="BE279" s="93"/>
      <c r="BF279" s="93"/>
      <c r="BG279" s="93"/>
      <c r="BH279" s="93"/>
      <c r="BI279" s="93"/>
      <c r="BJ279" s="93"/>
      <c r="BK279" s="93"/>
      <c r="BL279" s="93"/>
    </row>
    <row r="280" spans="2:64" x14ac:dyDescent="0.2">
      <c r="B280" s="43"/>
      <c r="C280" s="73"/>
      <c r="D280" s="64"/>
      <c r="E280" s="55"/>
      <c r="F280" s="74"/>
      <c r="G280" s="74"/>
      <c r="H280" s="74"/>
      <c r="I280" s="75"/>
      <c r="J280" s="74"/>
      <c r="L280" s="55"/>
      <c r="M280" s="234"/>
      <c r="N280" s="65"/>
      <c r="O280" s="76"/>
      <c r="P280" s="76"/>
      <c r="Q280" s="65"/>
      <c r="R280" s="76"/>
      <c r="S280" s="76"/>
      <c r="T280" s="76"/>
      <c r="U280" s="76"/>
      <c r="V280" s="76"/>
      <c r="W280" s="76"/>
      <c r="X280" s="76"/>
      <c r="Y280" s="76"/>
      <c r="Z280" s="76"/>
      <c r="AA280" s="85"/>
      <c r="AB280" s="85"/>
      <c r="AC280" s="85"/>
      <c r="AD280" s="85"/>
      <c r="AE280" s="85"/>
      <c r="AF280" s="85"/>
      <c r="AG280" s="86"/>
      <c r="AH280" s="85"/>
      <c r="AI280" s="85"/>
      <c r="AJ280" s="85"/>
      <c r="AK280" s="85"/>
      <c r="AL280" s="85"/>
      <c r="AM280" s="92"/>
      <c r="AN280" s="92"/>
      <c r="AO280" s="92"/>
      <c r="AP280" s="92"/>
      <c r="AQ280" s="92"/>
      <c r="AR280" s="92"/>
      <c r="AS280" s="92"/>
      <c r="AT280" s="92"/>
      <c r="AU280" s="92"/>
      <c r="AV280" s="92"/>
      <c r="AW280" s="92"/>
      <c r="AX280" s="92"/>
      <c r="AY280" s="92"/>
      <c r="AZ280" s="93"/>
      <c r="BA280" s="93"/>
      <c r="BB280" s="93"/>
      <c r="BC280" s="93"/>
      <c r="BD280" s="93"/>
      <c r="BE280" s="93"/>
      <c r="BF280" s="93"/>
      <c r="BG280" s="93"/>
      <c r="BH280" s="93"/>
      <c r="BI280" s="93"/>
      <c r="BJ280" s="93"/>
      <c r="BK280" s="93"/>
      <c r="BL280" s="93"/>
    </row>
    <row r="281" spans="2:64" x14ac:dyDescent="0.2">
      <c r="B281" s="43"/>
      <c r="C281" s="73"/>
      <c r="D281" s="64"/>
      <c r="E281" s="55"/>
      <c r="F281" s="74"/>
      <c r="G281" s="74"/>
      <c r="H281" s="74"/>
      <c r="I281" s="75"/>
      <c r="J281" s="74"/>
      <c r="L281" s="55"/>
      <c r="M281" s="234"/>
      <c r="N281" s="65"/>
      <c r="O281" s="76"/>
      <c r="P281" s="76"/>
      <c r="Q281" s="65"/>
      <c r="R281" s="76"/>
      <c r="S281" s="76"/>
      <c r="T281" s="76"/>
      <c r="U281" s="76"/>
      <c r="V281" s="76"/>
      <c r="W281" s="76"/>
      <c r="X281" s="76"/>
      <c r="Y281" s="76"/>
      <c r="Z281" s="76"/>
      <c r="AA281" s="85"/>
      <c r="AB281" s="85"/>
      <c r="AC281" s="85"/>
      <c r="AD281" s="85"/>
      <c r="AE281" s="85"/>
      <c r="AF281" s="85"/>
      <c r="AG281" s="86"/>
      <c r="AH281" s="85"/>
      <c r="AI281" s="85"/>
      <c r="AJ281" s="85"/>
      <c r="AK281" s="85"/>
      <c r="AL281" s="85"/>
      <c r="AM281" s="92"/>
      <c r="AN281" s="92"/>
      <c r="AO281" s="92"/>
      <c r="AP281" s="92"/>
      <c r="AQ281" s="92"/>
      <c r="AR281" s="92"/>
      <c r="AS281" s="92"/>
      <c r="AT281" s="92"/>
      <c r="AU281" s="92"/>
      <c r="AV281" s="92"/>
      <c r="AW281" s="92"/>
      <c r="AX281" s="92"/>
      <c r="AY281" s="92"/>
      <c r="AZ281" s="93"/>
      <c r="BA281" s="93"/>
      <c r="BB281" s="93"/>
      <c r="BC281" s="93"/>
      <c r="BD281" s="93"/>
      <c r="BE281" s="93"/>
      <c r="BF281" s="93"/>
      <c r="BG281" s="93"/>
      <c r="BH281" s="93"/>
      <c r="BI281" s="93"/>
      <c r="BJ281" s="93"/>
      <c r="BK281" s="93"/>
      <c r="BL281" s="93"/>
    </row>
    <row r="282" spans="2:64" x14ac:dyDescent="0.2">
      <c r="B282" s="43"/>
      <c r="C282" s="73"/>
      <c r="D282" s="64"/>
      <c r="E282" s="55"/>
      <c r="F282" s="74"/>
      <c r="G282" s="74"/>
      <c r="H282" s="74"/>
      <c r="I282" s="75"/>
      <c r="J282" s="74"/>
      <c r="L282" s="55"/>
      <c r="M282" s="234"/>
      <c r="N282" s="65"/>
      <c r="O282" s="76"/>
      <c r="P282" s="76"/>
      <c r="Q282" s="65"/>
      <c r="R282" s="76"/>
      <c r="S282" s="76"/>
      <c r="T282" s="76"/>
      <c r="U282" s="76"/>
      <c r="V282" s="76"/>
      <c r="W282" s="76"/>
      <c r="X282" s="76"/>
      <c r="Y282" s="76"/>
      <c r="Z282" s="76"/>
      <c r="AA282" s="85"/>
      <c r="AB282" s="85"/>
      <c r="AC282" s="85"/>
      <c r="AD282" s="85"/>
      <c r="AE282" s="85"/>
      <c r="AF282" s="85"/>
      <c r="AG282" s="86"/>
      <c r="AH282" s="85"/>
      <c r="AI282" s="85"/>
      <c r="AJ282" s="85"/>
      <c r="AK282" s="85"/>
      <c r="AL282" s="85"/>
      <c r="AM282" s="92"/>
      <c r="AN282" s="92"/>
      <c r="AO282" s="92"/>
      <c r="AP282" s="92"/>
      <c r="AQ282" s="92"/>
      <c r="AR282" s="92"/>
      <c r="AS282" s="92"/>
      <c r="AT282" s="92"/>
      <c r="AU282" s="92"/>
      <c r="AV282" s="92"/>
      <c r="AW282" s="92"/>
      <c r="AX282" s="92"/>
      <c r="AY282" s="92"/>
      <c r="AZ282" s="93"/>
      <c r="BA282" s="93"/>
      <c r="BB282" s="93"/>
      <c r="BC282" s="93"/>
      <c r="BD282" s="93"/>
      <c r="BE282" s="93"/>
      <c r="BF282" s="93"/>
      <c r="BG282" s="93"/>
      <c r="BH282" s="93"/>
      <c r="BI282" s="93"/>
      <c r="BJ282" s="93"/>
      <c r="BK282" s="93"/>
      <c r="BL282" s="93"/>
    </row>
    <row r="283" spans="2:64" x14ac:dyDescent="0.2">
      <c r="B283" s="43"/>
      <c r="C283" s="73"/>
      <c r="D283" s="64"/>
      <c r="E283" s="55"/>
      <c r="F283" s="74"/>
      <c r="G283" s="74"/>
      <c r="H283" s="74"/>
      <c r="I283" s="75"/>
      <c r="J283" s="74"/>
      <c r="L283" s="55"/>
      <c r="M283" s="234"/>
      <c r="N283" s="65"/>
      <c r="O283" s="76"/>
      <c r="P283" s="76"/>
      <c r="Q283" s="65"/>
      <c r="R283" s="76"/>
      <c r="S283" s="76"/>
      <c r="T283" s="76"/>
      <c r="U283" s="76"/>
      <c r="V283" s="76"/>
      <c r="W283" s="76"/>
      <c r="X283" s="76"/>
      <c r="Y283" s="76"/>
      <c r="Z283" s="76"/>
      <c r="AA283" s="85"/>
      <c r="AB283" s="85"/>
      <c r="AC283" s="85"/>
      <c r="AD283" s="85"/>
      <c r="AE283" s="85"/>
      <c r="AF283" s="85"/>
      <c r="AG283" s="86"/>
      <c r="AH283" s="85"/>
      <c r="AI283" s="85"/>
      <c r="AJ283" s="85"/>
      <c r="AK283" s="85"/>
      <c r="AL283" s="85"/>
      <c r="AM283" s="92"/>
      <c r="AN283" s="92"/>
      <c r="AO283" s="92"/>
      <c r="AP283" s="92"/>
      <c r="AQ283" s="92"/>
      <c r="AR283" s="92"/>
      <c r="AS283" s="92"/>
      <c r="AT283" s="92"/>
      <c r="AU283" s="92"/>
      <c r="AV283" s="92"/>
      <c r="AW283" s="92"/>
      <c r="AX283" s="92"/>
      <c r="AY283" s="92"/>
      <c r="AZ283" s="93"/>
      <c r="BA283" s="93"/>
      <c r="BB283" s="93"/>
      <c r="BC283" s="93"/>
      <c r="BD283" s="93"/>
      <c r="BE283" s="93"/>
      <c r="BF283" s="93"/>
      <c r="BG283" s="93"/>
      <c r="BH283" s="93"/>
      <c r="BI283" s="93"/>
      <c r="BJ283" s="93"/>
      <c r="BK283" s="93"/>
      <c r="BL283" s="93"/>
    </row>
    <row r="284" spans="2:64" x14ac:dyDescent="0.2">
      <c r="B284" s="43"/>
      <c r="C284" s="73"/>
      <c r="D284" s="64"/>
      <c r="E284" s="55"/>
      <c r="F284" s="74"/>
      <c r="G284" s="74"/>
      <c r="H284" s="74"/>
      <c r="I284" s="75"/>
      <c r="J284" s="74"/>
      <c r="L284" s="55"/>
      <c r="M284" s="234"/>
      <c r="N284" s="65"/>
      <c r="O284" s="76"/>
      <c r="P284" s="76"/>
      <c r="Q284" s="65"/>
      <c r="R284" s="76"/>
      <c r="S284" s="76"/>
      <c r="T284" s="76"/>
      <c r="U284" s="76"/>
      <c r="V284" s="76"/>
      <c r="W284" s="76"/>
      <c r="X284" s="76"/>
      <c r="Y284" s="76"/>
      <c r="Z284" s="76"/>
      <c r="AA284" s="85"/>
      <c r="AB284" s="85"/>
      <c r="AC284" s="85"/>
      <c r="AD284" s="85"/>
      <c r="AE284" s="85"/>
      <c r="AF284" s="85"/>
      <c r="AG284" s="86"/>
      <c r="AH284" s="85"/>
      <c r="AI284" s="85"/>
      <c r="AJ284" s="85"/>
      <c r="AK284" s="85"/>
      <c r="AL284" s="85"/>
      <c r="AM284" s="92"/>
      <c r="AN284" s="92"/>
      <c r="AO284" s="92"/>
      <c r="AP284" s="92"/>
      <c r="AQ284" s="92"/>
      <c r="AR284" s="92"/>
      <c r="AS284" s="92"/>
      <c r="AT284" s="92"/>
      <c r="AU284" s="92"/>
      <c r="AV284" s="92"/>
      <c r="AW284" s="92"/>
      <c r="AX284" s="92"/>
      <c r="AY284" s="92"/>
      <c r="AZ284" s="93"/>
      <c r="BA284" s="93"/>
      <c r="BB284" s="93"/>
      <c r="BC284" s="93"/>
      <c r="BD284" s="93"/>
      <c r="BE284" s="93"/>
      <c r="BF284" s="93"/>
      <c r="BG284" s="93"/>
      <c r="BH284" s="93"/>
      <c r="BI284" s="93"/>
      <c r="BJ284" s="93"/>
      <c r="BK284" s="93"/>
      <c r="BL284" s="93"/>
    </row>
    <row r="285" spans="2:64" x14ac:dyDescent="0.2">
      <c r="B285" s="43"/>
      <c r="C285" s="73"/>
      <c r="D285" s="64"/>
      <c r="E285" s="55"/>
      <c r="F285" s="74"/>
      <c r="G285" s="74"/>
      <c r="H285" s="74"/>
      <c r="I285" s="75"/>
      <c r="J285" s="74"/>
      <c r="L285" s="55"/>
      <c r="M285" s="234"/>
      <c r="N285" s="65"/>
      <c r="O285" s="76"/>
      <c r="P285" s="76"/>
      <c r="Q285" s="65"/>
      <c r="R285" s="76"/>
      <c r="S285" s="76"/>
      <c r="T285" s="76"/>
      <c r="U285" s="76"/>
      <c r="V285" s="76"/>
      <c r="W285" s="76"/>
      <c r="X285" s="76"/>
      <c r="Y285" s="76"/>
      <c r="Z285" s="76"/>
      <c r="AA285" s="85"/>
      <c r="AB285" s="85"/>
      <c r="AC285" s="85"/>
      <c r="AD285" s="85"/>
      <c r="AE285" s="85"/>
      <c r="AF285" s="85"/>
      <c r="AG285" s="86"/>
      <c r="AH285" s="85"/>
      <c r="AI285" s="85"/>
      <c r="AJ285" s="85"/>
      <c r="AK285" s="85"/>
      <c r="AL285" s="85"/>
      <c r="AM285" s="92"/>
      <c r="AN285" s="92"/>
      <c r="AO285" s="92"/>
      <c r="AP285" s="92"/>
      <c r="AQ285" s="92"/>
      <c r="AR285" s="92"/>
      <c r="AS285" s="92"/>
      <c r="AT285" s="92"/>
      <c r="AU285" s="92"/>
      <c r="AV285" s="92"/>
      <c r="AW285" s="92"/>
      <c r="AX285" s="92"/>
      <c r="AY285" s="92"/>
      <c r="AZ285" s="93"/>
      <c r="BA285" s="93"/>
      <c r="BB285" s="93"/>
      <c r="BC285" s="93"/>
      <c r="BD285" s="93"/>
      <c r="BE285" s="93"/>
      <c r="BF285" s="93"/>
      <c r="BG285" s="93"/>
      <c r="BH285" s="93"/>
      <c r="BI285" s="93"/>
      <c r="BJ285" s="93"/>
      <c r="BK285" s="93"/>
      <c r="BL285" s="93"/>
    </row>
    <row r="286" spans="2:64" x14ac:dyDescent="0.2">
      <c r="B286" s="43"/>
      <c r="C286" s="73"/>
      <c r="D286" s="64"/>
      <c r="E286" s="55"/>
      <c r="F286" s="74"/>
      <c r="G286" s="74"/>
      <c r="H286" s="74"/>
      <c r="I286" s="75"/>
      <c r="J286" s="74"/>
      <c r="L286" s="55"/>
      <c r="M286" s="234"/>
      <c r="N286" s="65"/>
      <c r="O286" s="76"/>
      <c r="P286" s="76"/>
      <c r="Q286" s="65"/>
      <c r="R286" s="76"/>
      <c r="S286" s="76"/>
      <c r="T286" s="76"/>
      <c r="U286" s="76"/>
      <c r="V286" s="76"/>
      <c r="W286" s="76"/>
      <c r="X286" s="76"/>
      <c r="Y286" s="76"/>
      <c r="Z286" s="76"/>
      <c r="AA286" s="85"/>
      <c r="AB286" s="85"/>
      <c r="AC286" s="85"/>
      <c r="AD286" s="85"/>
      <c r="AE286" s="85"/>
      <c r="AF286" s="85"/>
      <c r="AG286" s="86"/>
      <c r="AH286" s="85"/>
      <c r="AI286" s="85"/>
      <c r="AJ286" s="85"/>
      <c r="AK286" s="85"/>
      <c r="AL286" s="85"/>
      <c r="AM286" s="92"/>
      <c r="AN286" s="92"/>
      <c r="AO286" s="92"/>
      <c r="AP286" s="92"/>
      <c r="AQ286" s="92"/>
      <c r="AR286" s="92"/>
      <c r="AS286" s="92"/>
      <c r="AT286" s="92"/>
      <c r="AU286" s="92"/>
      <c r="AV286" s="92"/>
      <c r="AW286" s="92"/>
      <c r="AX286" s="92"/>
      <c r="AY286" s="92"/>
      <c r="AZ286" s="93"/>
      <c r="BA286" s="93"/>
      <c r="BB286" s="93"/>
      <c r="BC286" s="93"/>
      <c r="BD286" s="93"/>
      <c r="BE286" s="93"/>
      <c r="BF286" s="93"/>
      <c r="BG286" s="93"/>
      <c r="BH286" s="93"/>
      <c r="BI286" s="93"/>
      <c r="BJ286" s="93"/>
      <c r="BK286" s="93"/>
      <c r="BL286" s="93"/>
    </row>
    <row r="287" spans="2:64" x14ac:dyDescent="0.2">
      <c r="B287" s="43"/>
      <c r="C287" s="73"/>
      <c r="D287" s="64"/>
      <c r="E287" s="55"/>
      <c r="F287" s="74"/>
      <c r="G287" s="74"/>
      <c r="H287" s="74"/>
      <c r="I287" s="75"/>
      <c r="J287" s="74"/>
      <c r="L287" s="55"/>
      <c r="M287" s="234"/>
      <c r="N287" s="65"/>
      <c r="O287" s="76"/>
      <c r="P287" s="76"/>
      <c r="Q287" s="65"/>
      <c r="R287" s="76"/>
      <c r="S287" s="76"/>
      <c r="T287" s="76"/>
      <c r="U287" s="76"/>
      <c r="V287" s="76"/>
      <c r="W287" s="76"/>
      <c r="X287" s="76"/>
      <c r="Y287" s="76"/>
      <c r="Z287" s="76"/>
      <c r="AA287" s="85"/>
      <c r="AB287" s="85"/>
      <c r="AC287" s="85"/>
      <c r="AD287" s="85"/>
      <c r="AE287" s="85"/>
      <c r="AF287" s="85"/>
      <c r="AG287" s="86"/>
      <c r="AH287" s="85"/>
      <c r="AI287" s="85"/>
      <c r="AJ287" s="85"/>
      <c r="AK287" s="85"/>
      <c r="AL287" s="85"/>
      <c r="AM287" s="92"/>
      <c r="AN287" s="92"/>
      <c r="AO287" s="92"/>
      <c r="AP287" s="92"/>
      <c r="AQ287" s="92"/>
      <c r="AR287" s="92"/>
      <c r="AS287" s="92"/>
      <c r="AT287" s="92"/>
      <c r="AU287" s="92"/>
      <c r="AV287" s="92"/>
      <c r="AW287" s="92"/>
      <c r="AX287" s="92"/>
      <c r="AY287" s="92"/>
      <c r="AZ287" s="93"/>
      <c r="BA287" s="93"/>
      <c r="BB287" s="93"/>
      <c r="BC287" s="93"/>
      <c r="BD287" s="93"/>
      <c r="BE287" s="93"/>
      <c r="BF287" s="93"/>
      <c r="BG287" s="93"/>
      <c r="BH287" s="93"/>
      <c r="BI287" s="93"/>
      <c r="BJ287" s="93"/>
      <c r="BK287" s="93"/>
      <c r="BL287" s="93"/>
    </row>
    <row r="288" spans="2:64" x14ac:dyDescent="0.2">
      <c r="B288" s="43"/>
      <c r="C288" s="73"/>
      <c r="D288" s="64"/>
      <c r="E288" s="55"/>
      <c r="F288" s="74"/>
      <c r="G288" s="74"/>
      <c r="H288" s="74"/>
      <c r="I288" s="75"/>
      <c r="J288" s="74"/>
      <c r="L288" s="55"/>
      <c r="M288" s="234"/>
      <c r="N288" s="65"/>
      <c r="O288" s="76"/>
      <c r="P288" s="76"/>
      <c r="Q288" s="65"/>
      <c r="R288" s="76"/>
      <c r="S288" s="76"/>
      <c r="T288" s="76"/>
      <c r="U288" s="76"/>
      <c r="V288" s="76"/>
      <c r="W288" s="76"/>
      <c r="X288" s="76"/>
      <c r="Y288" s="76"/>
      <c r="Z288" s="76"/>
      <c r="AA288" s="85"/>
      <c r="AB288" s="85"/>
      <c r="AC288" s="85"/>
      <c r="AD288" s="85"/>
      <c r="AE288" s="85"/>
      <c r="AF288" s="85"/>
      <c r="AG288" s="86"/>
      <c r="AH288" s="85"/>
      <c r="AI288" s="85"/>
      <c r="AJ288" s="85"/>
      <c r="AK288" s="85"/>
      <c r="AL288" s="85"/>
      <c r="AM288" s="92"/>
      <c r="AN288" s="92"/>
      <c r="AO288" s="92"/>
      <c r="AP288" s="92"/>
      <c r="AQ288" s="92"/>
      <c r="AR288" s="92"/>
      <c r="AS288" s="92"/>
      <c r="AT288" s="92"/>
      <c r="AU288" s="92"/>
      <c r="AV288" s="92"/>
      <c r="AW288" s="92"/>
      <c r="AX288" s="92"/>
      <c r="AY288" s="92"/>
      <c r="AZ288" s="93"/>
      <c r="BA288" s="93"/>
      <c r="BB288" s="93"/>
      <c r="BC288" s="93"/>
      <c r="BD288" s="93"/>
      <c r="BE288" s="93"/>
      <c r="BF288" s="93"/>
      <c r="BG288" s="93"/>
      <c r="BH288" s="93"/>
      <c r="BI288" s="93"/>
      <c r="BJ288" s="93"/>
      <c r="BK288" s="93"/>
      <c r="BL288" s="93"/>
    </row>
    <row r="289" spans="2:64" x14ac:dyDescent="0.2">
      <c r="B289" s="43"/>
      <c r="C289" s="73"/>
      <c r="D289" s="64"/>
      <c r="E289" s="55"/>
      <c r="F289" s="74"/>
      <c r="G289" s="74"/>
      <c r="H289" s="74"/>
      <c r="I289" s="75"/>
      <c r="J289" s="74"/>
      <c r="L289" s="55"/>
      <c r="M289" s="234"/>
      <c r="N289" s="65"/>
      <c r="O289" s="76"/>
      <c r="P289" s="76"/>
      <c r="Q289" s="65"/>
      <c r="R289" s="76"/>
      <c r="S289" s="76"/>
      <c r="T289" s="76"/>
      <c r="U289" s="76"/>
      <c r="V289" s="76"/>
      <c r="W289" s="76"/>
      <c r="X289" s="76"/>
      <c r="Y289" s="76"/>
      <c r="Z289" s="76"/>
      <c r="AA289" s="85"/>
      <c r="AB289" s="85"/>
      <c r="AC289" s="85"/>
      <c r="AD289" s="85"/>
      <c r="AE289" s="85"/>
      <c r="AF289" s="85"/>
      <c r="AG289" s="86"/>
      <c r="AH289" s="85"/>
      <c r="AI289" s="85"/>
      <c r="AJ289" s="85"/>
      <c r="AK289" s="85"/>
      <c r="AL289" s="85"/>
      <c r="AM289" s="92"/>
      <c r="AN289" s="92"/>
      <c r="AO289" s="92"/>
      <c r="AP289" s="92"/>
      <c r="AQ289" s="92"/>
      <c r="AR289" s="92"/>
      <c r="AS289" s="92"/>
      <c r="AT289" s="92"/>
      <c r="AU289" s="92"/>
      <c r="AV289" s="92"/>
      <c r="AW289" s="92"/>
      <c r="AX289" s="92"/>
      <c r="AY289" s="92"/>
      <c r="AZ289" s="93"/>
      <c r="BA289" s="93"/>
      <c r="BB289" s="93"/>
      <c r="BC289" s="93"/>
      <c r="BD289" s="93"/>
      <c r="BE289" s="93"/>
      <c r="BF289" s="93"/>
      <c r="BG289" s="93"/>
      <c r="BH289" s="93"/>
      <c r="BI289" s="93"/>
      <c r="BJ289" s="93"/>
      <c r="BK289" s="93"/>
      <c r="BL289" s="93"/>
    </row>
    <row r="290" spans="2:64" x14ac:dyDescent="0.2">
      <c r="B290" s="43"/>
      <c r="C290" s="73"/>
      <c r="D290" s="64"/>
      <c r="E290" s="55"/>
      <c r="F290" s="74"/>
      <c r="G290" s="74"/>
      <c r="H290" s="74"/>
      <c r="I290" s="75"/>
      <c r="J290" s="74"/>
      <c r="L290" s="55"/>
      <c r="M290" s="234"/>
      <c r="N290" s="65"/>
      <c r="O290" s="76"/>
      <c r="P290" s="76"/>
      <c r="Q290" s="65"/>
      <c r="R290" s="76"/>
      <c r="S290" s="76"/>
      <c r="T290" s="76"/>
      <c r="U290" s="76"/>
      <c r="V290" s="76"/>
      <c r="W290" s="76"/>
      <c r="X290" s="76"/>
      <c r="Y290" s="76"/>
      <c r="Z290" s="76"/>
      <c r="AA290" s="85"/>
      <c r="AB290" s="85"/>
      <c r="AC290" s="85"/>
      <c r="AD290" s="85"/>
      <c r="AE290" s="85"/>
      <c r="AF290" s="85"/>
      <c r="AG290" s="86"/>
      <c r="AH290" s="85"/>
      <c r="AI290" s="85"/>
      <c r="AJ290" s="85"/>
      <c r="AK290" s="85"/>
      <c r="AL290" s="85"/>
      <c r="AM290" s="92"/>
      <c r="AN290" s="92"/>
      <c r="AO290" s="92"/>
      <c r="AP290" s="92"/>
      <c r="AQ290" s="92"/>
      <c r="AR290" s="92"/>
      <c r="AS290" s="92"/>
      <c r="AT290" s="92"/>
      <c r="AU290" s="92"/>
      <c r="AV290" s="92"/>
      <c r="AW290" s="92"/>
      <c r="AX290" s="92"/>
      <c r="AY290" s="92"/>
      <c r="AZ290" s="93"/>
      <c r="BA290" s="93"/>
      <c r="BB290" s="93"/>
      <c r="BC290" s="93"/>
      <c r="BD290" s="93"/>
      <c r="BE290" s="93"/>
      <c r="BF290" s="93"/>
      <c r="BG290" s="93"/>
      <c r="BH290" s="93"/>
      <c r="BI290" s="93"/>
      <c r="BJ290" s="93"/>
      <c r="BK290" s="93"/>
      <c r="BL290" s="93"/>
    </row>
    <row r="291" spans="2:64" x14ac:dyDescent="0.2">
      <c r="B291" s="43"/>
      <c r="C291" s="73"/>
      <c r="D291" s="64"/>
      <c r="E291" s="55"/>
      <c r="F291" s="74"/>
      <c r="G291" s="74"/>
      <c r="H291" s="74"/>
      <c r="I291" s="75"/>
      <c r="J291" s="74"/>
      <c r="L291" s="55"/>
      <c r="M291" s="234"/>
      <c r="N291" s="65"/>
      <c r="O291" s="76"/>
      <c r="P291" s="76"/>
      <c r="Q291" s="65"/>
      <c r="R291" s="76"/>
      <c r="S291" s="76"/>
      <c r="T291" s="76"/>
      <c r="U291" s="76"/>
      <c r="V291" s="76"/>
      <c r="W291" s="76"/>
      <c r="X291" s="76"/>
      <c r="Y291" s="76"/>
      <c r="Z291" s="76"/>
      <c r="AA291" s="85"/>
      <c r="AB291" s="85"/>
      <c r="AC291" s="85"/>
      <c r="AD291" s="85"/>
      <c r="AE291" s="85"/>
      <c r="AF291" s="85"/>
      <c r="AG291" s="86"/>
      <c r="AH291" s="85"/>
      <c r="AI291" s="85"/>
      <c r="AJ291" s="85"/>
      <c r="AK291" s="85"/>
      <c r="AL291" s="85"/>
      <c r="AM291" s="92"/>
      <c r="AN291" s="92"/>
      <c r="AO291" s="92"/>
      <c r="AP291" s="92"/>
      <c r="AQ291" s="92"/>
      <c r="AR291" s="92"/>
      <c r="AS291" s="92"/>
      <c r="AT291" s="92"/>
      <c r="AU291" s="92"/>
      <c r="AV291" s="92"/>
      <c r="AW291" s="92"/>
      <c r="AX291" s="92"/>
      <c r="AY291" s="92"/>
      <c r="AZ291" s="93"/>
      <c r="BA291" s="93"/>
      <c r="BB291" s="93"/>
      <c r="BC291" s="93"/>
      <c r="BD291" s="93"/>
      <c r="BE291" s="93"/>
      <c r="BF291" s="93"/>
      <c r="BG291" s="93"/>
      <c r="BH291" s="93"/>
      <c r="BI291" s="93"/>
      <c r="BJ291" s="93"/>
      <c r="BK291" s="93"/>
      <c r="BL291" s="93"/>
    </row>
    <row r="292" spans="2:64" x14ac:dyDescent="0.2">
      <c r="B292" s="43"/>
      <c r="C292" s="73"/>
      <c r="D292" s="64"/>
      <c r="E292" s="55"/>
      <c r="F292" s="74"/>
      <c r="G292" s="74"/>
      <c r="H292" s="74"/>
      <c r="I292" s="75"/>
      <c r="J292" s="74"/>
      <c r="L292" s="55"/>
      <c r="M292" s="234"/>
      <c r="N292" s="65"/>
      <c r="O292" s="76"/>
      <c r="P292" s="76"/>
      <c r="Q292" s="65"/>
      <c r="R292" s="76"/>
      <c r="S292" s="76"/>
      <c r="T292" s="76"/>
      <c r="U292" s="76"/>
      <c r="V292" s="76"/>
      <c r="W292" s="76"/>
      <c r="X292" s="76"/>
      <c r="Y292" s="76"/>
      <c r="Z292" s="76"/>
      <c r="AA292" s="85"/>
      <c r="AB292" s="85"/>
      <c r="AC292" s="85"/>
      <c r="AD292" s="85"/>
      <c r="AE292" s="85"/>
      <c r="AF292" s="85"/>
      <c r="AG292" s="86"/>
      <c r="AH292" s="85"/>
      <c r="AI292" s="85"/>
      <c r="AJ292" s="85"/>
      <c r="AK292" s="85"/>
      <c r="AL292" s="85"/>
      <c r="AM292" s="92"/>
      <c r="AN292" s="92"/>
      <c r="AO292" s="92"/>
      <c r="AP292" s="92"/>
      <c r="AQ292" s="92"/>
      <c r="AR292" s="92"/>
      <c r="AS292" s="92"/>
      <c r="AT292" s="92"/>
      <c r="AU292" s="92"/>
      <c r="AV292" s="92"/>
      <c r="AW292" s="92"/>
      <c r="AX292" s="92"/>
      <c r="AY292" s="92"/>
      <c r="AZ292" s="93"/>
      <c r="BA292" s="93"/>
      <c r="BB292" s="93"/>
      <c r="BC292" s="93"/>
      <c r="BD292" s="93"/>
      <c r="BE292" s="93"/>
      <c r="BF292" s="93"/>
      <c r="BG292" s="93"/>
      <c r="BH292" s="93"/>
      <c r="BI292" s="93"/>
      <c r="BJ292" s="93"/>
      <c r="BK292" s="93"/>
      <c r="BL292" s="93"/>
    </row>
    <row r="293" spans="2:64" x14ac:dyDescent="0.2">
      <c r="B293" s="43"/>
      <c r="C293" s="73"/>
      <c r="D293" s="64"/>
      <c r="E293" s="55"/>
      <c r="F293" s="74"/>
      <c r="G293" s="74"/>
      <c r="H293" s="74"/>
      <c r="I293" s="75"/>
      <c r="J293" s="74"/>
      <c r="L293" s="55"/>
      <c r="M293" s="234"/>
      <c r="N293" s="65"/>
      <c r="O293" s="76"/>
      <c r="P293" s="76"/>
      <c r="Q293" s="65"/>
      <c r="R293" s="76"/>
      <c r="S293" s="76"/>
      <c r="T293" s="76"/>
      <c r="U293" s="76"/>
      <c r="V293" s="76"/>
      <c r="W293" s="76"/>
      <c r="X293" s="76"/>
      <c r="Y293" s="76"/>
      <c r="Z293" s="76"/>
      <c r="AA293" s="85"/>
      <c r="AB293" s="85"/>
      <c r="AC293" s="85"/>
      <c r="AD293" s="85"/>
      <c r="AE293" s="85"/>
      <c r="AF293" s="85"/>
      <c r="AG293" s="86"/>
      <c r="AH293" s="85"/>
      <c r="AI293" s="85"/>
      <c r="AJ293" s="85"/>
      <c r="AK293" s="85"/>
      <c r="AL293" s="85"/>
      <c r="AM293" s="92"/>
      <c r="AN293" s="92"/>
      <c r="AO293" s="92"/>
      <c r="AP293" s="92"/>
      <c r="AQ293" s="92"/>
      <c r="AR293" s="92"/>
      <c r="AS293" s="92"/>
      <c r="AT293" s="92"/>
      <c r="AU293" s="92"/>
      <c r="AV293" s="92"/>
      <c r="AW293" s="92"/>
      <c r="AX293" s="92"/>
      <c r="AY293" s="92"/>
      <c r="AZ293" s="93"/>
      <c r="BA293" s="93"/>
      <c r="BB293" s="93"/>
      <c r="BC293" s="93"/>
      <c r="BD293" s="93"/>
      <c r="BE293" s="93"/>
      <c r="BF293" s="93"/>
      <c r="BG293" s="93"/>
      <c r="BH293" s="93"/>
      <c r="BI293" s="93"/>
      <c r="BJ293" s="93"/>
      <c r="BK293" s="93"/>
      <c r="BL293" s="93"/>
    </row>
    <row r="294" spans="2:64" x14ac:dyDescent="0.2">
      <c r="B294" s="43"/>
      <c r="C294" s="73"/>
      <c r="D294" s="64"/>
      <c r="E294" s="55"/>
      <c r="F294" s="74"/>
      <c r="G294" s="74"/>
      <c r="H294" s="74"/>
      <c r="I294" s="75"/>
      <c r="J294" s="74"/>
      <c r="L294" s="55"/>
      <c r="M294" s="234"/>
      <c r="N294" s="65"/>
      <c r="O294" s="76"/>
      <c r="P294" s="76"/>
      <c r="Q294" s="65"/>
      <c r="R294" s="76"/>
      <c r="S294" s="76"/>
      <c r="T294" s="76"/>
      <c r="U294" s="76"/>
      <c r="V294" s="76"/>
      <c r="W294" s="76"/>
      <c r="X294" s="76"/>
      <c r="Y294" s="76"/>
      <c r="Z294" s="76"/>
      <c r="AA294" s="85"/>
      <c r="AB294" s="85"/>
      <c r="AC294" s="85"/>
      <c r="AD294" s="85"/>
      <c r="AE294" s="85"/>
      <c r="AF294" s="85"/>
      <c r="AG294" s="86"/>
      <c r="AH294" s="85"/>
      <c r="AI294" s="85"/>
      <c r="AJ294" s="85"/>
      <c r="AK294" s="85"/>
      <c r="AL294" s="85"/>
      <c r="AM294" s="92"/>
      <c r="AN294" s="92"/>
      <c r="AO294" s="92"/>
      <c r="AP294" s="92"/>
      <c r="AQ294" s="92"/>
      <c r="AR294" s="92"/>
      <c r="AS294" s="92"/>
      <c r="AT294" s="92"/>
      <c r="AU294" s="92"/>
      <c r="AV294" s="92"/>
      <c r="AW294" s="92"/>
      <c r="AX294" s="92"/>
      <c r="AY294" s="92"/>
      <c r="AZ294" s="93"/>
      <c r="BA294" s="93"/>
      <c r="BB294" s="93"/>
      <c r="BC294" s="93"/>
      <c r="BD294" s="93"/>
      <c r="BE294" s="93"/>
      <c r="BF294" s="93"/>
      <c r="BG294" s="93"/>
      <c r="BH294" s="93"/>
      <c r="BI294" s="93"/>
      <c r="BJ294" s="93"/>
      <c r="BK294" s="93"/>
      <c r="BL294" s="93"/>
    </row>
    <row r="295" spans="2:64" x14ac:dyDescent="0.2">
      <c r="B295" s="43"/>
      <c r="C295" s="73"/>
      <c r="D295" s="64"/>
      <c r="E295" s="55"/>
      <c r="F295" s="74"/>
      <c r="G295" s="74"/>
      <c r="H295" s="74"/>
      <c r="I295" s="75"/>
      <c r="J295" s="74"/>
      <c r="L295" s="55"/>
      <c r="M295" s="234"/>
      <c r="N295" s="65"/>
      <c r="O295" s="76"/>
      <c r="P295" s="76"/>
      <c r="Q295" s="65"/>
      <c r="R295" s="76"/>
      <c r="S295" s="76"/>
      <c r="T295" s="76"/>
      <c r="U295" s="76"/>
      <c r="V295" s="76"/>
      <c r="W295" s="76"/>
      <c r="X295" s="76"/>
      <c r="Y295" s="76"/>
      <c r="Z295" s="76"/>
      <c r="AA295" s="85"/>
      <c r="AB295" s="85"/>
      <c r="AC295" s="85"/>
      <c r="AD295" s="85"/>
      <c r="AE295" s="85"/>
      <c r="AF295" s="85"/>
      <c r="AG295" s="86"/>
      <c r="AH295" s="85"/>
      <c r="AI295" s="85"/>
      <c r="AJ295" s="85"/>
      <c r="AK295" s="85"/>
      <c r="AL295" s="85"/>
      <c r="AM295" s="92"/>
      <c r="AN295" s="92"/>
      <c r="AO295" s="92"/>
      <c r="AP295" s="92"/>
      <c r="AQ295" s="92"/>
      <c r="AR295" s="92"/>
      <c r="AS295" s="92"/>
      <c r="AT295" s="92"/>
      <c r="AU295" s="92"/>
      <c r="AV295" s="92"/>
      <c r="AW295" s="92"/>
      <c r="AX295" s="92"/>
      <c r="AY295" s="92"/>
      <c r="AZ295" s="93"/>
      <c r="BA295" s="93"/>
      <c r="BB295" s="93"/>
      <c r="BC295" s="93"/>
      <c r="BD295" s="93"/>
      <c r="BE295" s="93"/>
      <c r="BF295" s="93"/>
      <c r="BG295" s="93"/>
      <c r="BH295" s="93"/>
      <c r="BI295" s="93"/>
      <c r="BJ295" s="93"/>
      <c r="BK295" s="93"/>
      <c r="BL295" s="93"/>
    </row>
    <row r="296" spans="2:64" x14ac:dyDescent="0.2">
      <c r="B296" s="43"/>
      <c r="C296" s="73"/>
      <c r="D296" s="64"/>
      <c r="E296" s="55"/>
      <c r="F296" s="74"/>
      <c r="G296" s="74"/>
      <c r="H296" s="74"/>
      <c r="I296" s="75"/>
      <c r="J296" s="74"/>
      <c r="L296" s="55"/>
      <c r="M296" s="234"/>
      <c r="N296" s="65"/>
      <c r="O296" s="76"/>
      <c r="P296" s="76"/>
      <c r="Q296" s="65"/>
      <c r="R296" s="76"/>
      <c r="S296" s="76"/>
      <c r="T296" s="76"/>
      <c r="U296" s="76"/>
      <c r="V296" s="76"/>
      <c r="W296" s="76"/>
      <c r="X296" s="76"/>
      <c r="Y296" s="76"/>
      <c r="Z296" s="76"/>
      <c r="AA296" s="85"/>
      <c r="AB296" s="85"/>
      <c r="AC296" s="85"/>
      <c r="AD296" s="85"/>
      <c r="AE296" s="85"/>
      <c r="AF296" s="85"/>
      <c r="AG296" s="86"/>
      <c r="AH296" s="85"/>
      <c r="AI296" s="85"/>
      <c r="AJ296" s="85"/>
      <c r="AK296" s="85"/>
      <c r="AL296" s="85"/>
      <c r="AM296" s="92"/>
      <c r="AN296" s="92"/>
      <c r="AO296" s="92"/>
      <c r="AP296" s="92"/>
      <c r="AQ296" s="92"/>
      <c r="AR296" s="92"/>
      <c r="AS296" s="92"/>
      <c r="AT296" s="92"/>
      <c r="AU296" s="92"/>
      <c r="AV296" s="92"/>
      <c r="AW296" s="92"/>
      <c r="AX296" s="92"/>
      <c r="AY296" s="92"/>
      <c r="AZ296" s="93"/>
      <c r="BA296" s="93"/>
      <c r="BB296" s="93"/>
      <c r="BC296" s="93"/>
      <c r="BD296" s="93"/>
      <c r="BE296" s="93"/>
      <c r="BF296" s="93"/>
      <c r="BG296" s="93"/>
      <c r="BH296" s="93"/>
      <c r="BI296" s="93"/>
      <c r="BJ296" s="93"/>
      <c r="BK296" s="93"/>
      <c r="BL296" s="93"/>
    </row>
    <row r="297" spans="2:64" x14ac:dyDescent="0.2">
      <c r="B297" s="43"/>
      <c r="C297" s="73"/>
      <c r="D297" s="64"/>
      <c r="E297" s="55"/>
      <c r="F297" s="74"/>
      <c r="G297" s="74"/>
      <c r="H297" s="74"/>
      <c r="I297" s="75"/>
      <c r="J297" s="74"/>
      <c r="L297" s="55"/>
      <c r="M297" s="234"/>
      <c r="N297" s="65"/>
      <c r="O297" s="76"/>
      <c r="P297" s="76"/>
      <c r="Q297" s="65"/>
      <c r="R297" s="76"/>
      <c r="S297" s="76"/>
      <c r="T297" s="76"/>
      <c r="U297" s="76"/>
      <c r="V297" s="76"/>
      <c r="W297" s="76"/>
      <c r="X297" s="76"/>
      <c r="Y297" s="76"/>
      <c r="Z297" s="76"/>
      <c r="AA297" s="85"/>
      <c r="AB297" s="85"/>
      <c r="AC297" s="85"/>
      <c r="AD297" s="85"/>
      <c r="AE297" s="85"/>
      <c r="AF297" s="85"/>
      <c r="AG297" s="86"/>
      <c r="AH297" s="85"/>
      <c r="AI297" s="85"/>
      <c r="AJ297" s="85"/>
      <c r="AK297" s="85"/>
      <c r="AL297" s="85"/>
      <c r="AM297" s="92"/>
      <c r="AN297" s="92"/>
      <c r="AO297" s="92"/>
      <c r="AP297" s="92"/>
      <c r="AQ297" s="92"/>
      <c r="AR297" s="92"/>
      <c r="AS297" s="92"/>
      <c r="AT297" s="92"/>
      <c r="AU297" s="92"/>
      <c r="AV297" s="92"/>
      <c r="AW297" s="92"/>
      <c r="AX297" s="92"/>
      <c r="AY297" s="92"/>
      <c r="AZ297" s="93"/>
      <c r="BA297" s="93"/>
      <c r="BB297" s="93"/>
      <c r="BC297" s="93"/>
      <c r="BD297" s="93"/>
      <c r="BE297" s="93"/>
      <c r="BF297" s="93"/>
      <c r="BG297" s="93"/>
      <c r="BH297" s="93"/>
      <c r="BI297" s="93"/>
      <c r="BJ297" s="93"/>
      <c r="BK297" s="93"/>
      <c r="BL297" s="93"/>
    </row>
    <row r="298" spans="2:64" x14ac:dyDescent="0.2">
      <c r="B298" s="43"/>
      <c r="C298" s="73"/>
      <c r="D298" s="64"/>
      <c r="E298" s="55"/>
      <c r="F298" s="74"/>
      <c r="G298" s="74"/>
      <c r="H298" s="74"/>
      <c r="I298" s="75"/>
      <c r="J298" s="74"/>
      <c r="L298" s="55"/>
      <c r="M298" s="234"/>
      <c r="N298" s="65"/>
      <c r="O298" s="76"/>
      <c r="P298" s="76"/>
      <c r="Q298" s="65"/>
      <c r="R298" s="76"/>
      <c r="S298" s="76"/>
      <c r="T298" s="76"/>
      <c r="U298" s="76"/>
      <c r="V298" s="76"/>
      <c r="W298" s="76"/>
      <c r="X298" s="76"/>
      <c r="Y298" s="76"/>
      <c r="Z298" s="76"/>
      <c r="AA298" s="85"/>
      <c r="AB298" s="85"/>
      <c r="AC298" s="85"/>
      <c r="AD298" s="85"/>
      <c r="AE298" s="85"/>
      <c r="AF298" s="85"/>
      <c r="AG298" s="86"/>
      <c r="AH298" s="85"/>
      <c r="AI298" s="85"/>
      <c r="AJ298" s="85"/>
      <c r="AK298" s="85"/>
      <c r="AL298" s="85"/>
      <c r="AM298" s="92"/>
      <c r="AN298" s="92"/>
      <c r="AO298" s="92"/>
      <c r="AP298" s="92"/>
      <c r="AQ298" s="92"/>
      <c r="AR298" s="92"/>
      <c r="AS298" s="92"/>
      <c r="AT298" s="92"/>
      <c r="AU298" s="92"/>
      <c r="AV298" s="92"/>
      <c r="AW298" s="92"/>
      <c r="AX298" s="92"/>
      <c r="AY298" s="92"/>
      <c r="AZ298" s="93"/>
      <c r="BA298" s="93"/>
      <c r="BB298" s="93"/>
      <c r="BC298" s="93"/>
      <c r="BD298" s="93"/>
      <c r="BE298" s="93"/>
      <c r="BF298" s="93"/>
      <c r="BG298" s="93"/>
      <c r="BH298" s="93"/>
      <c r="BI298" s="93"/>
      <c r="BJ298" s="93"/>
      <c r="BK298" s="93"/>
      <c r="BL298" s="93"/>
    </row>
    <row r="299" spans="2:64" x14ac:dyDescent="0.2">
      <c r="B299" s="43"/>
      <c r="C299" s="73"/>
      <c r="D299" s="64"/>
      <c r="E299" s="55"/>
      <c r="F299" s="74"/>
      <c r="G299" s="74"/>
      <c r="H299" s="74"/>
      <c r="I299" s="75"/>
      <c r="J299" s="74"/>
      <c r="L299" s="55"/>
      <c r="M299" s="234"/>
      <c r="N299" s="65"/>
      <c r="O299" s="76"/>
      <c r="P299" s="76"/>
      <c r="Q299" s="65"/>
      <c r="R299" s="76"/>
      <c r="S299" s="76"/>
      <c r="T299" s="76"/>
      <c r="U299" s="76"/>
      <c r="V299" s="76"/>
      <c r="W299" s="76"/>
      <c r="X299" s="76"/>
      <c r="Y299" s="76"/>
      <c r="Z299" s="76"/>
      <c r="AA299" s="85"/>
      <c r="AB299" s="85"/>
      <c r="AC299" s="85"/>
      <c r="AD299" s="85"/>
      <c r="AE299" s="85"/>
      <c r="AF299" s="85"/>
      <c r="AG299" s="86"/>
      <c r="AH299" s="85"/>
      <c r="AI299" s="85"/>
      <c r="AJ299" s="85"/>
      <c r="AK299" s="85"/>
      <c r="AL299" s="85"/>
      <c r="AM299" s="92"/>
      <c r="AN299" s="92"/>
      <c r="AO299" s="92"/>
      <c r="AP299" s="92"/>
      <c r="AQ299" s="92"/>
      <c r="AR299" s="92"/>
      <c r="AS299" s="92"/>
      <c r="AT299" s="92"/>
      <c r="AU299" s="92"/>
      <c r="AV299" s="92"/>
      <c r="AW299" s="92"/>
      <c r="AX299" s="92"/>
      <c r="AY299" s="92"/>
      <c r="AZ299" s="93"/>
      <c r="BA299" s="93"/>
      <c r="BB299" s="93"/>
      <c r="BC299" s="93"/>
      <c r="BD299" s="93"/>
      <c r="BE299" s="93"/>
      <c r="BF299" s="93"/>
      <c r="BG299" s="93"/>
      <c r="BH299" s="93"/>
      <c r="BI299" s="93"/>
      <c r="BJ299" s="93"/>
      <c r="BK299" s="93"/>
      <c r="BL299" s="93"/>
    </row>
    <row r="300" spans="2:64" x14ac:dyDescent="0.2">
      <c r="B300" s="43"/>
      <c r="C300" s="73"/>
      <c r="D300" s="64"/>
      <c r="E300" s="55"/>
      <c r="F300" s="74"/>
      <c r="G300" s="74"/>
      <c r="H300" s="74"/>
      <c r="I300" s="75"/>
      <c r="J300" s="74"/>
      <c r="L300" s="55"/>
      <c r="M300" s="234"/>
      <c r="N300" s="65"/>
      <c r="O300" s="76"/>
      <c r="P300" s="76"/>
      <c r="Q300" s="65"/>
      <c r="R300" s="76"/>
      <c r="S300" s="76"/>
      <c r="T300" s="76"/>
      <c r="U300" s="76"/>
      <c r="V300" s="76"/>
      <c r="W300" s="76"/>
      <c r="X300" s="76"/>
      <c r="Y300" s="76"/>
      <c r="Z300" s="76"/>
      <c r="AA300" s="85"/>
      <c r="AB300" s="85"/>
      <c r="AC300" s="85"/>
      <c r="AD300" s="85"/>
      <c r="AE300" s="85"/>
      <c r="AF300" s="85"/>
      <c r="AG300" s="86"/>
      <c r="AH300" s="85"/>
      <c r="AI300" s="85"/>
      <c r="AJ300" s="85"/>
      <c r="AK300" s="85"/>
      <c r="AL300" s="85"/>
      <c r="AM300" s="92"/>
      <c r="AN300" s="92"/>
      <c r="AO300" s="92"/>
      <c r="AP300" s="92"/>
      <c r="AQ300" s="92"/>
      <c r="AR300" s="92"/>
      <c r="AS300" s="92"/>
      <c r="AT300" s="92"/>
      <c r="AU300" s="92"/>
      <c r="AV300" s="92"/>
      <c r="AW300" s="92"/>
      <c r="AX300" s="92"/>
      <c r="AY300" s="92"/>
      <c r="AZ300" s="93"/>
      <c r="BA300" s="93"/>
      <c r="BB300" s="93"/>
      <c r="BC300" s="93"/>
      <c r="BD300" s="93"/>
      <c r="BE300" s="93"/>
      <c r="BF300" s="93"/>
      <c r="BG300" s="93"/>
      <c r="BH300" s="93"/>
      <c r="BI300" s="93"/>
      <c r="BJ300" s="93"/>
      <c r="BK300" s="93"/>
      <c r="BL300" s="93"/>
    </row>
    <row r="301" spans="2:64" x14ac:dyDescent="0.2">
      <c r="B301" s="43"/>
      <c r="C301" s="73"/>
      <c r="D301" s="64"/>
      <c r="E301" s="55"/>
      <c r="F301" s="74"/>
      <c r="G301" s="74"/>
      <c r="H301" s="74"/>
      <c r="I301" s="75"/>
      <c r="J301" s="74"/>
      <c r="L301" s="55"/>
      <c r="M301" s="234"/>
      <c r="N301" s="65"/>
      <c r="O301" s="76"/>
      <c r="P301" s="76"/>
      <c r="Q301" s="65"/>
      <c r="R301" s="76"/>
      <c r="S301" s="76"/>
      <c r="T301" s="76"/>
      <c r="U301" s="76"/>
      <c r="V301" s="76"/>
      <c r="W301" s="76"/>
      <c r="X301" s="76"/>
      <c r="Y301" s="76"/>
      <c r="Z301" s="76"/>
      <c r="AA301" s="85"/>
      <c r="AB301" s="85"/>
      <c r="AC301" s="85"/>
      <c r="AD301" s="85"/>
      <c r="AE301" s="85"/>
      <c r="AF301" s="85"/>
      <c r="AG301" s="86"/>
      <c r="AH301" s="85"/>
      <c r="AI301" s="85"/>
      <c r="AJ301" s="85"/>
      <c r="AK301" s="85"/>
      <c r="AL301" s="85"/>
      <c r="AM301" s="92"/>
      <c r="AN301" s="92"/>
      <c r="AO301" s="92"/>
      <c r="AP301" s="92"/>
      <c r="AQ301" s="92"/>
      <c r="AR301" s="92"/>
      <c r="AS301" s="92"/>
      <c r="AT301" s="92"/>
      <c r="AU301" s="92"/>
      <c r="AV301" s="92"/>
      <c r="AW301" s="92"/>
      <c r="AX301" s="92"/>
      <c r="AY301" s="92"/>
      <c r="AZ301" s="93"/>
      <c r="BA301" s="93"/>
      <c r="BB301" s="93"/>
      <c r="BC301" s="93"/>
      <c r="BD301" s="93"/>
      <c r="BE301" s="93"/>
      <c r="BF301" s="93"/>
      <c r="BG301" s="93"/>
      <c r="BH301" s="93"/>
      <c r="BI301" s="93"/>
      <c r="BJ301" s="93"/>
      <c r="BK301" s="93"/>
      <c r="BL301" s="93"/>
    </row>
    <row r="302" spans="2:64" x14ac:dyDescent="0.2">
      <c r="B302" s="43"/>
      <c r="C302" s="73"/>
      <c r="D302" s="64"/>
      <c r="E302" s="55"/>
      <c r="F302" s="74"/>
      <c r="G302" s="74"/>
      <c r="H302" s="74"/>
      <c r="I302" s="75"/>
      <c r="J302" s="74"/>
      <c r="L302" s="55"/>
      <c r="M302" s="234"/>
      <c r="N302" s="65"/>
      <c r="O302" s="76"/>
      <c r="P302" s="76"/>
      <c r="Q302" s="65"/>
      <c r="R302" s="76"/>
      <c r="S302" s="76"/>
      <c r="T302" s="76"/>
      <c r="U302" s="76"/>
      <c r="V302" s="76"/>
      <c r="W302" s="76"/>
      <c r="X302" s="76"/>
      <c r="Y302" s="76"/>
      <c r="Z302" s="76"/>
      <c r="AA302" s="85"/>
      <c r="AB302" s="85"/>
      <c r="AC302" s="85"/>
      <c r="AD302" s="85"/>
      <c r="AE302" s="85"/>
      <c r="AF302" s="85"/>
      <c r="AG302" s="86"/>
      <c r="AH302" s="85"/>
      <c r="AI302" s="85"/>
      <c r="AJ302" s="85"/>
      <c r="AK302" s="85"/>
      <c r="AL302" s="85"/>
      <c r="AM302" s="92"/>
      <c r="AN302" s="92"/>
      <c r="AO302" s="92"/>
      <c r="AP302" s="92"/>
      <c r="AQ302" s="92"/>
      <c r="AR302" s="92"/>
      <c r="AS302" s="92"/>
      <c r="AT302" s="92"/>
      <c r="AU302" s="92"/>
      <c r="AV302" s="92"/>
      <c r="AW302" s="92"/>
      <c r="AX302" s="92"/>
      <c r="AY302" s="92"/>
      <c r="AZ302" s="93"/>
      <c r="BA302" s="93"/>
      <c r="BB302" s="93"/>
      <c r="BC302" s="93"/>
      <c r="BD302" s="93"/>
      <c r="BE302" s="93"/>
      <c r="BF302" s="93"/>
      <c r="BG302" s="93"/>
      <c r="BH302" s="93"/>
      <c r="BI302" s="93"/>
      <c r="BJ302" s="93"/>
      <c r="BK302" s="93"/>
      <c r="BL302" s="93"/>
    </row>
    <row r="303" spans="2:64" x14ac:dyDescent="0.2">
      <c r="B303" s="43"/>
      <c r="C303" s="73"/>
      <c r="D303" s="64"/>
      <c r="E303" s="55"/>
      <c r="F303" s="74"/>
      <c r="G303" s="74"/>
      <c r="H303" s="74"/>
      <c r="I303" s="75"/>
      <c r="J303" s="74"/>
      <c r="L303" s="55"/>
      <c r="M303" s="234"/>
      <c r="N303" s="65"/>
      <c r="O303" s="76"/>
      <c r="P303" s="76"/>
      <c r="Q303" s="65"/>
      <c r="R303" s="76"/>
      <c r="S303" s="76"/>
      <c r="T303" s="76"/>
      <c r="U303" s="76"/>
      <c r="V303" s="76"/>
      <c r="W303" s="76"/>
      <c r="X303" s="76"/>
      <c r="Y303" s="76"/>
      <c r="Z303" s="76"/>
      <c r="AA303" s="85"/>
      <c r="AB303" s="85"/>
      <c r="AC303" s="85"/>
      <c r="AD303" s="85"/>
      <c r="AE303" s="85"/>
      <c r="AF303" s="85"/>
      <c r="AG303" s="86"/>
      <c r="AH303" s="85"/>
      <c r="AI303" s="85"/>
      <c r="AJ303" s="85"/>
      <c r="AK303" s="85"/>
      <c r="AL303" s="85"/>
      <c r="AM303" s="92"/>
      <c r="AN303" s="92"/>
      <c r="AO303" s="92"/>
      <c r="AP303" s="92"/>
      <c r="AQ303" s="92"/>
      <c r="AR303" s="92"/>
      <c r="AS303" s="92"/>
      <c r="AT303" s="92"/>
      <c r="AU303" s="92"/>
      <c r="AV303" s="92"/>
      <c r="AW303" s="92"/>
      <c r="AX303" s="92"/>
      <c r="AY303" s="92"/>
      <c r="AZ303" s="93"/>
      <c r="BA303" s="93"/>
      <c r="BB303" s="93"/>
      <c r="BC303" s="93"/>
      <c r="BD303" s="93"/>
      <c r="BE303" s="93"/>
      <c r="BF303" s="93"/>
      <c r="BG303" s="93"/>
      <c r="BH303" s="93"/>
      <c r="BI303" s="93"/>
      <c r="BJ303" s="93"/>
      <c r="BK303" s="93"/>
      <c r="BL303" s="93"/>
    </row>
    <row r="304" spans="2:64" x14ac:dyDescent="0.2">
      <c r="B304" s="43"/>
      <c r="C304" s="73"/>
      <c r="D304" s="64"/>
      <c r="E304" s="55"/>
      <c r="F304" s="74"/>
      <c r="G304" s="74"/>
      <c r="H304" s="74"/>
      <c r="I304" s="75"/>
      <c r="J304" s="74"/>
      <c r="L304" s="55"/>
      <c r="M304" s="234"/>
      <c r="N304" s="65"/>
      <c r="O304" s="76"/>
      <c r="P304" s="76"/>
      <c r="Q304" s="65"/>
      <c r="R304" s="76"/>
      <c r="S304" s="76"/>
      <c r="T304" s="76"/>
      <c r="U304" s="76"/>
      <c r="V304" s="76"/>
      <c r="W304" s="76"/>
      <c r="X304" s="76"/>
      <c r="Y304" s="76"/>
      <c r="Z304" s="76"/>
      <c r="AA304" s="85"/>
      <c r="AB304" s="85"/>
      <c r="AC304" s="85"/>
      <c r="AD304" s="85"/>
      <c r="AE304" s="85"/>
      <c r="AF304" s="85"/>
      <c r="AG304" s="86"/>
      <c r="AH304" s="85"/>
      <c r="AI304" s="85"/>
      <c r="AJ304" s="85"/>
      <c r="AK304" s="85"/>
      <c r="AL304" s="85"/>
      <c r="AM304" s="92"/>
      <c r="AN304" s="92"/>
      <c r="AO304" s="92"/>
      <c r="AP304" s="92"/>
      <c r="AQ304" s="92"/>
      <c r="AR304" s="92"/>
      <c r="AS304" s="92"/>
      <c r="AT304" s="92"/>
      <c r="AU304" s="92"/>
      <c r="AV304" s="92"/>
      <c r="AW304" s="92"/>
      <c r="AX304" s="92"/>
      <c r="AY304" s="92"/>
      <c r="AZ304" s="93"/>
      <c r="BA304" s="93"/>
      <c r="BB304" s="93"/>
      <c r="BC304" s="93"/>
      <c r="BD304" s="93"/>
      <c r="BE304" s="93"/>
      <c r="BF304" s="93"/>
      <c r="BG304" s="93"/>
      <c r="BH304" s="93"/>
      <c r="BI304" s="93"/>
      <c r="BJ304" s="93"/>
      <c r="BK304" s="93"/>
      <c r="BL304" s="93"/>
    </row>
    <row r="305" spans="2:64" x14ac:dyDescent="0.2">
      <c r="B305" s="43"/>
      <c r="C305" s="73"/>
      <c r="D305" s="64"/>
      <c r="E305" s="55"/>
      <c r="F305" s="74"/>
      <c r="G305" s="74"/>
      <c r="H305" s="74"/>
      <c r="I305" s="75"/>
      <c r="J305" s="74"/>
      <c r="L305" s="55"/>
      <c r="M305" s="234"/>
      <c r="N305" s="65"/>
      <c r="O305" s="76"/>
      <c r="P305" s="76"/>
      <c r="Q305" s="65"/>
      <c r="R305" s="76"/>
      <c r="S305" s="76"/>
      <c r="T305" s="76"/>
      <c r="U305" s="76"/>
      <c r="V305" s="76"/>
      <c r="W305" s="76"/>
      <c r="X305" s="76"/>
      <c r="Y305" s="76"/>
      <c r="Z305" s="76"/>
      <c r="AA305" s="85"/>
      <c r="AB305" s="85"/>
      <c r="AC305" s="85"/>
      <c r="AD305" s="85"/>
      <c r="AE305" s="85"/>
      <c r="AF305" s="85"/>
      <c r="AG305" s="86"/>
      <c r="AH305" s="85"/>
      <c r="AI305" s="85"/>
      <c r="AJ305" s="85"/>
      <c r="AK305" s="85"/>
      <c r="AL305" s="85"/>
      <c r="AM305" s="92"/>
      <c r="AN305" s="92"/>
      <c r="AO305" s="92"/>
      <c r="AP305" s="92"/>
      <c r="AQ305" s="92"/>
      <c r="AR305" s="92"/>
      <c r="AS305" s="92"/>
      <c r="AT305" s="92"/>
      <c r="AU305" s="92"/>
      <c r="AV305" s="92"/>
      <c r="AW305" s="92"/>
      <c r="AX305" s="92"/>
      <c r="AY305" s="92"/>
      <c r="AZ305" s="93"/>
      <c r="BA305" s="93"/>
      <c r="BB305" s="93"/>
      <c r="BC305" s="93"/>
      <c r="BD305" s="93"/>
      <c r="BE305" s="93"/>
      <c r="BF305" s="93"/>
      <c r="BG305" s="93"/>
      <c r="BH305" s="93"/>
      <c r="BI305" s="93"/>
      <c r="BJ305" s="93"/>
      <c r="BK305" s="93"/>
      <c r="BL305" s="93"/>
    </row>
    <row r="306" spans="2:64" x14ac:dyDescent="0.2">
      <c r="B306" s="43"/>
      <c r="C306" s="73"/>
      <c r="D306" s="64"/>
      <c r="E306" s="55"/>
      <c r="F306" s="74"/>
      <c r="G306" s="74"/>
      <c r="H306" s="74"/>
      <c r="I306" s="75"/>
      <c r="J306" s="74"/>
      <c r="L306" s="55"/>
      <c r="M306" s="234"/>
      <c r="N306" s="65"/>
      <c r="O306" s="76"/>
      <c r="P306" s="76"/>
      <c r="Q306" s="65"/>
      <c r="R306" s="76"/>
      <c r="S306" s="76"/>
      <c r="T306" s="76"/>
      <c r="U306" s="76"/>
      <c r="V306" s="76"/>
      <c r="W306" s="76"/>
      <c r="X306" s="76"/>
      <c r="Y306" s="76"/>
      <c r="Z306" s="76"/>
      <c r="AA306" s="85"/>
      <c r="AB306" s="85"/>
      <c r="AC306" s="85"/>
      <c r="AD306" s="85"/>
      <c r="AE306" s="85"/>
      <c r="AF306" s="85"/>
      <c r="AG306" s="86"/>
      <c r="AH306" s="85"/>
      <c r="AI306" s="85"/>
      <c r="AJ306" s="85"/>
      <c r="AK306" s="85"/>
      <c r="AL306" s="85"/>
      <c r="AM306" s="92"/>
      <c r="AN306" s="92"/>
      <c r="AO306" s="92"/>
      <c r="AP306" s="92"/>
      <c r="AQ306" s="92"/>
      <c r="AR306" s="92"/>
      <c r="AS306" s="92"/>
      <c r="AT306" s="92"/>
      <c r="AU306" s="92"/>
      <c r="AV306" s="92"/>
      <c r="AW306" s="92"/>
      <c r="AX306" s="92"/>
      <c r="AY306" s="92"/>
      <c r="AZ306" s="93"/>
      <c r="BA306" s="93"/>
      <c r="BB306" s="93"/>
      <c r="BC306" s="93"/>
      <c r="BD306" s="93"/>
      <c r="BE306" s="93"/>
      <c r="BF306" s="93"/>
      <c r="BG306" s="93"/>
      <c r="BH306" s="93"/>
      <c r="BI306" s="93"/>
      <c r="BJ306" s="93"/>
      <c r="BK306" s="93"/>
      <c r="BL306" s="93"/>
    </row>
    <row r="307" spans="2:64" x14ac:dyDescent="0.2">
      <c r="B307" s="43"/>
      <c r="C307" s="73"/>
      <c r="D307" s="64"/>
      <c r="E307" s="55"/>
      <c r="F307" s="74"/>
      <c r="G307" s="74"/>
      <c r="H307" s="74"/>
      <c r="I307" s="75"/>
      <c r="J307" s="74"/>
      <c r="L307" s="55"/>
      <c r="M307" s="234"/>
      <c r="N307" s="65"/>
      <c r="O307" s="76"/>
      <c r="P307" s="76"/>
      <c r="Q307" s="65"/>
      <c r="R307" s="76"/>
      <c r="S307" s="76"/>
      <c r="T307" s="76"/>
      <c r="U307" s="76"/>
      <c r="V307" s="76"/>
      <c r="W307" s="76"/>
      <c r="X307" s="76"/>
      <c r="Y307" s="76"/>
      <c r="Z307" s="76"/>
      <c r="AA307" s="85"/>
      <c r="AB307" s="85"/>
      <c r="AC307" s="85"/>
      <c r="AD307" s="85"/>
      <c r="AE307" s="85"/>
      <c r="AF307" s="85"/>
      <c r="AG307" s="86"/>
      <c r="AH307" s="85"/>
      <c r="AI307" s="85"/>
      <c r="AJ307" s="85"/>
      <c r="AK307" s="85"/>
      <c r="AL307" s="85"/>
      <c r="AM307" s="92"/>
      <c r="AN307" s="92"/>
      <c r="AO307" s="92"/>
      <c r="AP307" s="92"/>
      <c r="AQ307" s="92"/>
      <c r="AR307" s="92"/>
      <c r="AS307" s="92"/>
      <c r="AT307" s="92"/>
      <c r="AU307" s="92"/>
      <c r="AV307" s="92"/>
      <c r="AW307" s="92"/>
      <c r="AX307" s="92"/>
      <c r="AY307" s="92"/>
      <c r="AZ307" s="93"/>
      <c r="BA307" s="93"/>
      <c r="BB307" s="93"/>
      <c r="BC307" s="93"/>
      <c r="BD307" s="93"/>
      <c r="BE307" s="93"/>
      <c r="BF307" s="93"/>
      <c r="BG307" s="93"/>
      <c r="BH307" s="93"/>
      <c r="BI307" s="93"/>
      <c r="BJ307" s="93"/>
      <c r="BK307" s="93"/>
      <c r="BL307" s="93"/>
    </row>
    <row r="308" spans="2:64" x14ac:dyDescent="0.2">
      <c r="B308" s="43"/>
      <c r="C308" s="73"/>
      <c r="D308" s="64"/>
      <c r="E308" s="55"/>
      <c r="F308" s="74"/>
      <c r="G308" s="74"/>
      <c r="H308" s="74"/>
      <c r="I308" s="75"/>
      <c r="J308" s="74"/>
      <c r="L308" s="55"/>
      <c r="M308" s="234"/>
      <c r="N308" s="65"/>
      <c r="O308" s="76"/>
      <c r="P308" s="76"/>
      <c r="Q308" s="65"/>
      <c r="R308" s="76"/>
      <c r="S308" s="76"/>
      <c r="T308" s="76"/>
      <c r="U308" s="76"/>
      <c r="V308" s="76"/>
      <c r="W308" s="76"/>
      <c r="X308" s="76"/>
      <c r="Y308" s="76"/>
      <c r="Z308" s="76"/>
      <c r="AA308" s="85"/>
      <c r="AB308" s="85"/>
      <c r="AC308" s="85"/>
      <c r="AD308" s="85"/>
      <c r="AE308" s="85"/>
      <c r="AF308" s="85"/>
      <c r="AG308" s="86"/>
      <c r="AH308" s="85"/>
      <c r="AI308" s="85"/>
      <c r="AJ308" s="85"/>
      <c r="AK308" s="85"/>
      <c r="AL308" s="85"/>
      <c r="AM308" s="92"/>
      <c r="AN308" s="92"/>
      <c r="AO308" s="92"/>
      <c r="AP308" s="92"/>
      <c r="AQ308" s="92"/>
      <c r="AR308" s="92"/>
      <c r="AS308" s="92"/>
      <c r="AT308" s="92"/>
      <c r="AU308" s="92"/>
      <c r="AV308" s="92"/>
      <c r="AW308" s="92"/>
      <c r="AX308" s="92"/>
      <c r="AY308" s="92"/>
      <c r="AZ308" s="93"/>
      <c r="BA308" s="93"/>
      <c r="BB308" s="93"/>
      <c r="BC308" s="93"/>
      <c r="BD308" s="93"/>
      <c r="BE308" s="93"/>
      <c r="BF308" s="93"/>
      <c r="BG308" s="93"/>
      <c r="BH308" s="93"/>
      <c r="BI308" s="93"/>
      <c r="BJ308" s="93"/>
      <c r="BK308" s="93"/>
      <c r="BL308" s="93"/>
    </row>
    <row r="309" spans="2:64" x14ac:dyDescent="0.2">
      <c r="B309" s="43"/>
      <c r="C309" s="73"/>
      <c r="D309" s="64"/>
      <c r="E309" s="55"/>
      <c r="F309" s="74"/>
      <c r="G309" s="74"/>
      <c r="H309" s="74"/>
      <c r="I309" s="75"/>
      <c r="J309" s="74"/>
      <c r="L309" s="55"/>
      <c r="M309" s="234"/>
      <c r="N309" s="65"/>
      <c r="O309" s="76"/>
      <c r="P309" s="76"/>
      <c r="Q309" s="65"/>
      <c r="R309" s="76"/>
      <c r="S309" s="76"/>
      <c r="T309" s="76"/>
      <c r="U309" s="76"/>
      <c r="V309" s="76"/>
      <c r="W309" s="76"/>
      <c r="X309" s="76"/>
      <c r="Y309" s="76"/>
      <c r="Z309" s="76"/>
      <c r="AA309" s="85"/>
      <c r="AB309" s="85"/>
      <c r="AC309" s="85"/>
      <c r="AD309" s="85"/>
      <c r="AE309" s="85"/>
      <c r="AF309" s="85"/>
      <c r="AG309" s="86"/>
      <c r="AH309" s="85"/>
      <c r="AI309" s="85"/>
      <c r="AJ309" s="85"/>
      <c r="AK309" s="85"/>
      <c r="AL309" s="85"/>
      <c r="AM309" s="92"/>
      <c r="AN309" s="92"/>
      <c r="AO309" s="92"/>
      <c r="AP309" s="92"/>
      <c r="AQ309" s="92"/>
      <c r="AR309" s="92"/>
      <c r="AS309" s="92"/>
      <c r="AT309" s="92"/>
      <c r="AU309" s="92"/>
      <c r="AV309" s="92"/>
      <c r="AW309" s="92"/>
      <c r="AX309" s="92"/>
      <c r="AY309" s="92"/>
      <c r="AZ309" s="93"/>
      <c r="BA309" s="93"/>
      <c r="BB309" s="93"/>
      <c r="BC309" s="93"/>
      <c r="BD309" s="93"/>
      <c r="BE309" s="93"/>
      <c r="BF309" s="93"/>
      <c r="BG309" s="93"/>
      <c r="BH309" s="93"/>
      <c r="BI309" s="93"/>
      <c r="BJ309" s="93"/>
      <c r="BK309" s="93"/>
      <c r="BL309" s="93"/>
    </row>
    <row r="310" spans="2:64" x14ac:dyDescent="0.2">
      <c r="B310" s="43"/>
      <c r="C310" s="73"/>
      <c r="D310" s="64"/>
      <c r="E310" s="55"/>
      <c r="F310" s="74"/>
      <c r="G310" s="74"/>
      <c r="H310" s="74"/>
      <c r="I310" s="75"/>
      <c r="J310" s="74"/>
      <c r="L310" s="55"/>
      <c r="M310" s="234"/>
      <c r="N310" s="65"/>
      <c r="O310" s="76"/>
      <c r="P310" s="76"/>
      <c r="Q310" s="65"/>
      <c r="R310" s="76"/>
      <c r="S310" s="76"/>
      <c r="T310" s="76"/>
      <c r="U310" s="76"/>
      <c r="V310" s="76"/>
      <c r="W310" s="76"/>
      <c r="X310" s="76"/>
      <c r="Y310" s="76"/>
      <c r="Z310" s="76"/>
      <c r="AA310" s="85"/>
      <c r="AB310" s="85"/>
      <c r="AC310" s="85"/>
      <c r="AD310" s="85"/>
      <c r="AE310" s="85"/>
      <c r="AF310" s="85"/>
      <c r="AG310" s="86"/>
      <c r="AH310" s="85"/>
      <c r="AI310" s="85"/>
      <c r="AJ310" s="85"/>
      <c r="AK310" s="85"/>
      <c r="AL310" s="85"/>
      <c r="AM310" s="92"/>
      <c r="AN310" s="92"/>
      <c r="AO310" s="92"/>
      <c r="AP310" s="92"/>
      <c r="AQ310" s="92"/>
      <c r="AR310" s="92"/>
      <c r="AS310" s="92"/>
      <c r="AT310" s="92"/>
      <c r="AU310" s="92"/>
      <c r="AV310" s="92"/>
      <c r="AW310" s="92"/>
      <c r="AX310" s="92"/>
      <c r="AY310" s="92"/>
      <c r="AZ310" s="93"/>
      <c r="BA310" s="93"/>
      <c r="BB310" s="93"/>
      <c r="BC310" s="93"/>
      <c r="BD310" s="93"/>
      <c r="BE310" s="93"/>
      <c r="BF310" s="93"/>
      <c r="BG310" s="93"/>
      <c r="BH310" s="93"/>
      <c r="BI310" s="93"/>
      <c r="BJ310" s="93"/>
      <c r="BK310" s="93"/>
      <c r="BL310" s="93"/>
    </row>
    <row r="311" spans="2:64" x14ac:dyDescent="0.2">
      <c r="B311" s="43"/>
      <c r="C311" s="73"/>
      <c r="D311" s="64"/>
      <c r="E311" s="55"/>
      <c r="F311" s="74"/>
      <c r="G311" s="74"/>
      <c r="H311" s="74"/>
      <c r="I311" s="75"/>
      <c r="J311" s="74"/>
      <c r="L311" s="55"/>
      <c r="M311" s="234"/>
      <c r="N311" s="65"/>
      <c r="O311" s="76"/>
      <c r="P311" s="76"/>
      <c r="Q311" s="65"/>
      <c r="R311" s="76"/>
      <c r="S311" s="76"/>
      <c r="T311" s="76"/>
      <c r="U311" s="76"/>
      <c r="V311" s="76"/>
      <c r="W311" s="76"/>
      <c r="X311" s="76"/>
      <c r="Y311" s="76"/>
      <c r="Z311" s="76"/>
      <c r="AA311" s="85"/>
      <c r="AB311" s="85"/>
      <c r="AC311" s="85"/>
      <c r="AD311" s="85"/>
      <c r="AE311" s="85"/>
      <c r="AF311" s="85"/>
      <c r="AG311" s="86"/>
      <c r="AH311" s="85"/>
      <c r="AI311" s="85"/>
      <c r="AJ311" s="85"/>
      <c r="AK311" s="85"/>
      <c r="AL311" s="85"/>
      <c r="AM311" s="92"/>
      <c r="AN311" s="92"/>
      <c r="AO311" s="92"/>
      <c r="AP311" s="92"/>
      <c r="AQ311" s="92"/>
      <c r="AR311" s="92"/>
      <c r="AS311" s="92"/>
      <c r="AT311" s="92"/>
      <c r="AU311" s="92"/>
      <c r="AV311" s="92"/>
      <c r="AW311" s="92"/>
      <c r="AX311" s="92"/>
      <c r="AY311" s="92"/>
      <c r="AZ311" s="93"/>
      <c r="BA311" s="93"/>
      <c r="BB311" s="93"/>
      <c r="BC311" s="93"/>
      <c r="BD311" s="93"/>
      <c r="BE311" s="93"/>
      <c r="BF311" s="93"/>
      <c r="BG311" s="93"/>
      <c r="BH311" s="93"/>
      <c r="BI311" s="93"/>
      <c r="BJ311" s="93"/>
      <c r="BK311" s="93"/>
      <c r="BL311" s="93"/>
    </row>
    <row r="312" spans="2:64" x14ac:dyDescent="0.2">
      <c r="B312" s="43"/>
      <c r="C312" s="73"/>
      <c r="D312" s="64"/>
      <c r="E312" s="55"/>
      <c r="F312" s="74"/>
      <c r="G312" s="74"/>
      <c r="H312" s="74"/>
      <c r="I312" s="75"/>
      <c r="J312" s="74"/>
      <c r="L312" s="55"/>
      <c r="M312" s="234"/>
      <c r="N312" s="65"/>
      <c r="O312" s="76"/>
      <c r="P312" s="76"/>
      <c r="Q312" s="65"/>
      <c r="R312" s="76"/>
      <c r="S312" s="76"/>
      <c r="T312" s="76"/>
      <c r="U312" s="76"/>
      <c r="V312" s="76"/>
      <c r="W312" s="76"/>
      <c r="X312" s="76"/>
      <c r="Y312" s="76"/>
      <c r="Z312" s="76"/>
      <c r="AA312" s="85"/>
      <c r="AB312" s="85"/>
      <c r="AC312" s="85"/>
      <c r="AD312" s="85"/>
      <c r="AE312" s="85"/>
      <c r="AF312" s="85"/>
      <c r="AG312" s="86"/>
      <c r="AH312" s="85"/>
      <c r="AI312" s="85"/>
      <c r="AJ312" s="85"/>
      <c r="AK312" s="85"/>
      <c r="AL312" s="85"/>
      <c r="AM312" s="92"/>
      <c r="AN312" s="92"/>
      <c r="AO312" s="92"/>
      <c r="AP312" s="92"/>
      <c r="AQ312" s="92"/>
      <c r="AR312" s="92"/>
      <c r="AS312" s="92"/>
      <c r="AT312" s="92"/>
      <c r="AU312" s="92"/>
      <c r="AV312" s="92"/>
      <c r="AW312" s="92"/>
      <c r="AX312" s="92"/>
      <c r="AY312" s="92"/>
      <c r="AZ312" s="93"/>
      <c r="BA312" s="93"/>
      <c r="BB312" s="93"/>
      <c r="BC312" s="93"/>
      <c r="BD312" s="93"/>
      <c r="BE312" s="93"/>
      <c r="BF312" s="93"/>
      <c r="BG312" s="93"/>
      <c r="BH312" s="93"/>
      <c r="BI312" s="93"/>
      <c r="BJ312" s="93"/>
      <c r="BK312" s="93"/>
      <c r="BL312" s="93"/>
    </row>
    <row r="313" spans="2:64" x14ac:dyDescent="0.2">
      <c r="B313" s="43"/>
      <c r="C313" s="73"/>
      <c r="D313" s="64"/>
      <c r="E313" s="55"/>
      <c r="F313" s="74"/>
      <c r="G313" s="74"/>
      <c r="H313" s="74"/>
      <c r="I313" s="75"/>
      <c r="J313" s="74"/>
      <c r="L313" s="55"/>
      <c r="M313" s="234"/>
      <c r="N313" s="65"/>
      <c r="O313" s="76"/>
      <c r="P313" s="76"/>
      <c r="Q313" s="65"/>
      <c r="R313" s="76"/>
      <c r="S313" s="76"/>
      <c r="T313" s="76"/>
      <c r="U313" s="76"/>
      <c r="V313" s="76"/>
      <c r="W313" s="76"/>
      <c r="X313" s="76"/>
      <c r="Y313" s="76"/>
      <c r="Z313" s="76"/>
      <c r="AA313" s="85"/>
      <c r="AB313" s="85"/>
      <c r="AC313" s="85"/>
      <c r="AD313" s="85"/>
      <c r="AE313" s="85"/>
      <c r="AF313" s="85"/>
      <c r="AG313" s="86"/>
      <c r="AH313" s="85"/>
      <c r="AI313" s="85"/>
      <c r="AJ313" s="85"/>
      <c r="AK313" s="85"/>
      <c r="AL313" s="85"/>
      <c r="AM313" s="92"/>
      <c r="AN313" s="92"/>
      <c r="AO313" s="92"/>
      <c r="AP313" s="92"/>
      <c r="AQ313" s="92"/>
      <c r="AR313" s="92"/>
      <c r="AS313" s="92"/>
      <c r="AT313" s="92"/>
      <c r="AU313" s="92"/>
      <c r="AV313" s="92"/>
      <c r="AW313" s="92"/>
      <c r="AX313" s="92"/>
      <c r="AY313" s="92"/>
      <c r="AZ313" s="93"/>
      <c r="BA313" s="93"/>
      <c r="BB313" s="93"/>
      <c r="BC313" s="93"/>
      <c r="BD313" s="93"/>
      <c r="BE313" s="93"/>
      <c r="BF313" s="93"/>
      <c r="BG313" s="93"/>
      <c r="BH313" s="93"/>
      <c r="BI313" s="93"/>
      <c r="BJ313" s="93"/>
      <c r="BK313" s="93"/>
      <c r="BL313" s="93"/>
    </row>
    <row r="314" spans="2:64" x14ac:dyDescent="0.2">
      <c r="B314" s="43"/>
      <c r="C314" s="73"/>
      <c r="D314" s="64"/>
      <c r="E314" s="55"/>
      <c r="F314" s="74"/>
      <c r="G314" s="74"/>
      <c r="H314" s="74"/>
      <c r="I314" s="75"/>
      <c r="J314" s="74"/>
      <c r="L314" s="55"/>
      <c r="M314" s="234"/>
      <c r="N314" s="65"/>
      <c r="O314" s="76"/>
      <c r="P314" s="76"/>
      <c r="Q314" s="65"/>
      <c r="R314" s="76"/>
      <c r="S314" s="76"/>
      <c r="T314" s="76"/>
      <c r="U314" s="76"/>
      <c r="V314" s="76"/>
      <c r="W314" s="76"/>
      <c r="X314" s="76"/>
      <c r="Y314" s="76"/>
      <c r="Z314" s="76"/>
      <c r="AA314" s="85"/>
      <c r="AB314" s="85"/>
      <c r="AC314" s="85"/>
      <c r="AD314" s="85"/>
      <c r="AE314" s="85"/>
      <c r="AF314" s="85"/>
      <c r="AG314" s="86"/>
      <c r="AH314" s="85"/>
      <c r="AI314" s="85"/>
      <c r="AJ314" s="85"/>
      <c r="AK314" s="85"/>
      <c r="AL314" s="85"/>
      <c r="AM314" s="92"/>
      <c r="AN314" s="92"/>
      <c r="AO314" s="92"/>
      <c r="AP314" s="92"/>
      <c r="AQ314" s="92"/>
      <c r="AR314" s="92"/>
      <c r="AS314" s="92"/>
      <c r="AT314" s="92"/>
      <c r="AU314" s="92"/>
      <c r="AV314" s="92"/>
      <c r="AW314" s="92"/>
      <c r="AX314" s="92"/>
      <c r="AY314" s="92"/>
      <c r="AZ314" s="93"/>
      <c r="BA314" s="93"/>
      <c r="BB314" s="93"/>
      <c r="BC314" s="93"/>
      <c r="BD314" s="93"/>
      <c r="BE314" s="93"/>
      <c r="BF314" s="93"/>
      <c r="BG314" s="93"/>
      <c r="BH314" s="93"/>
      <c r="BI314" s="93"/>
      <c r="BJ314" s="93"/>
      <c r="BK314" s="93"/>
      <c r="BL314" s="93"/>
    </row>
    <row r="315" spans="2:64" x14ac:dyDescent="0.2">
      <c r="B315" s="43"/>
      <c r="C315" s="73"/>
      <c r="D315" s="64"/>
      <c r="E315" s="55"/>
      <c r="F315" s="74"/>
      <c r="G315" s="74"/>
      <c r="H315" s="74"/>
      <c r="I315" s="75"/>
      <c r="J315" s="74"/>
      <c r="L315" s="55"/>
      <c r="M315" s="234"/>
      <c r="N315" s="65"/>
      <c r="O315" s="76"/>
      <c r="P315" s="76"/>
      <c r="Q315" s="65"/>
      <c r="R315" s="76"/>
      <c r="S315" s="76"/>
      <c r="T315" s="76"/>
      <c r="U315" s="76"/>
      <c r="V315" s="76"/>
      <c r="W315" s="76"/>
      <c r="X315" s="76"/>
      <c r="Y315" s="76"/>
      <c r="Z315" s="76"/>
      <c r="AA315" s="85"/>
      <c r="AB315" s="85"/>
      <c r="AC315" s="85"/>
      <c r="AD315" s="85"/>
      <c r="AE315" s="85"/>
      <c r="AF315" s="85"/>
      <c r="AG315" s="86"/>
      <c r="AH315" s="85"/>
      <c r="AI315" s="85"/>
      <c r="AJ315" s="85"/>
      <c r="AK315" s="85"/>
      <c r="AL315" s="85"/>
      <c r="AM315" s="92"/>
      <c r="AN315" s="92"/>
      <c r="AO315" s="92"/>
      <c r="AP315" s="92"/>
      <c r="AQ315" s="92"/>
      <c r="AR315" s="92"/>
      <c r="AS315" s="92"/>
      <c r="AT315" s="92"/>
      <c r="AU315" s="92"/>
      <c r="AV315" s="92"/>
      <c r="AW315" s="92"/>
      <c r="AX315" s="92"/>
      <c r="AY315" s="92"/>
      <c r="AZ315" s="93"/>
      <c r="BA315" s="93"/>
      <c r="BB315" s="93"/>
      <c r="BC315" s="93"/>
      <c r="BD315" s="93"/>
      <c r="BE315" s="93"/>
      <c r="BF315" s="93"/>
      <c r="BG315" s="93"/>
      <c r="BH315" s="93"/>
      <c r="BI315" s="93"/>
      <c r="BJ315" s="93"/>
      <c r="BK315" s="93"/>
      <c r="BL315" s="93"/>
    </row>
    <row r="316" spans="2:64" x14ac:dyDescent="0.2">
      <c r="B316" s="43"/>
      <c r="C316" s="73"/>
      <c r="D316" s="64"/>
      <c r="E316" s="55"/>
      <c r="F316" s="74"/>
      <c r="G316" s="74"/>
      <c r="H316" s="74"/>
      <c r="I316" s="75"/>
      <c r="J316" s="74"/>
      <c r="L316" s="55"/>
      <c r="M316" s="234"/>
      <c r="N316" s="65"/>
      <c r="O316" s="76"/>
      <c r="P316" s="76"/>
      <c r="Q316" s="65"/>
      <c r="R316" s="76"/>
      <c r="S316" s="76"/>
      <c r="T316" s="76"/>
      <c r="U316" s="76"/>
      <c r="V316" s="76"/>
      <c r="W316" s="76"/>
      <c r="X316" s="76"/>
      <c r="Y316" s="76"/>
      <c r="Z316" s="76"/>
      <c r="AA316" s="85"/>
      <c r="AB316" s="85"/>
      <c r="AC316" s="85"/>
      <c r="AD316" s="85"/>
      <c r="AE316" s="85"/>
      <c r="AF316" s="85"/>
      <c r="AG316" s="86"/>
      <c r="AH316" s="85"/>
      <c r="AI316" s="85"/>
      <c r="AJ316" s="85"/>
      <c r="AK316" s="85"/>
      <c r="AL316" s="85"/>
      <c r="AM316" s="92"/>
      <c r="AN316" s="92"/>
      <c r="AO316" s="92"/>
      <c r="AP316" s="92"/>
      <c r="AQ316" s="92"/>
      <c r="AR316" s="92"/>
      <c r="AS316" s="92"/>
      <c r="AT316" s="92"/>
      <c r="AU316" s="92"/>
      <c r="AV316" s="92"/>
      <c r="AW316" s="92"/>
      <c r="AX316" s="92"/>
      <c r="AY316" s="92"/>
      <c r="AZ316" s="93"/>
      <c r="BA316" s="93"/>
      <c r="BB316" s="93"/>
      <c r="BC316" s="93"/>
      <c r="BD316" s="93"/>
      <c r="BE316" s="93"/>
      <c r="BF316" s="93"/>
      <c r="BG316" s="93"/>
      <c r="BH316" s="93"/>
      <c r="BI316" s="93"/>
      <c r="BJ316" s="93"/>
      <c r="BK316" s="93"/>
      <c r="BL316" s="93"/>
    </row>
    <row r="317" spans="2:64" x14ac:dyDescent="0.2">
      <c r="B317" s="43"/>
      <c r="C317" s="73"/>
      <c r="D317" s="64"/>
      <c r="E317" s="55"/>
      <c r="F317" s="74"/>
      <c r="G317" s="74"/>
      <c r="H317" s="74"/>
      <c r="I317" s="75"/>
      <c r="J317" s="74"/>
      <c r="L317" s="55"/>
      <c r="M317" s="234"/>
      <c r="N317" s="65"/>
      <c r="O317" s="76"/>
      <c r="P317" s="76"/>
      <c r="Q317" s="65"/>
      <c r="R317" s="76"/>
      <c r="S317" s="76"/>
      <c r="T317" s="76"/>
      <c r="U317" s="76"/>
      <c r="V317" s="76"/>
      <c r="W317" s="76"/>
      <c r="X317" s="76"/>
      <c r="Y317" s="76"/>
      <c r="Z317" s="76"/>
      <c r="AA317" s="85"/>
      <c r="AB317" s="85"/>
      <c r="AC317" s="85"/>
      <c r="AD317" s="85"/>
      <c r="AE317" s="85"/>
      <c r="AF317" s="85"/>
      <c r="AG317" s="86"/>
      <c r="AH317" s="85"/>
      <c r="AI317" s="85"/>
      <c r="AJ317" s="85"/>
      <c r="AK317" s="85"/>
      <c r="AL317" s="85"/>
      <c r="AM317" s="92"/>
      <c r="AN317" s="92"/>
      <c r="AO317" s="92"/>
      <c r="AP317" s="92"/>
      <c r="AQ317" s="92"/>
      <c r="AR317" s="92"/>
      <c r="AS317" s="92"/>
      <c r="AT317" s="92"/>
      <c r="AU317" s="92"/>
      <c r="AV317" s="92"/>
      <c r="AW317" s="92"/>
      <c r="AX317" s="92"/>
      <c r="AY317" s="92"/>
      <c r="AZ317" s="93"/>
      <c r="BA317" s="93"/>
      <c r="BB317" s="93"/>
      <c r="BC317" s="93"/>
      <c r="BD317" s="93"/>
      <c r="BE317" s="93"/>
      <c r="BF317" s="93"/>
      <c r="BG317" s="93"/>
      <c r="BH317" s="93"/>
      <c r="BI317" s="93"/>
      <c r="BJ317" s="93"/>
      <c r="BK317" s="93"/>
      <c r="BL317" s="93"/>
    </row>
    <row r="318" spans="2:64" x14ac:dyDescent="0.2">
      <c r="B318" s="43"/>
      <c r="C318" s="73"/>
      <c r="D318" s="64"/>
      <c r="E318" s="55"/>
      <c r="F318" s="74"/>
      <c r="G318" s="74"/>
      <c r="H318" s="74"/>
      <c r="I318" s="75"/>
      <c r="J318" s="74"/>
      <c r="L318" s="55"/>
      <c r="M318" s="234"/>
      <c r="N318" s="65"/>
      <c r="O318" s="76"/>
      <c r="P318" s="76"/>
      <c r="Q318" s="65"/>
      <c r="R318" s="76"/>
      <c r="S318" s="76"/>
      <c r="T318" s="76"/>
      <c r="U318" s="76"/>
      <c r="V318" s="76"/>
      <c r="W318" s="76"/>
      <c r="X318" s="76"/>
      <c r="Y318" s="76"/>
      <c r="Z318" s="76"/>
      <c r="AA318" s="85"/>
      <c r="AB318" s="85"/>
      <c r="AC318" s="85"/>
      <c r="AD318" s="85"/>
      <c r="AE318" s="85"/>
      <c r="AF318" s="85"/>
      <c r="AG318" s="86"/>
      <c r="AH318" s="85"/>
      <c r="AI318" s="85"/>
      <c r="AJ318" s="85"/>
      <c r="AK318" s="85"/>
      <c r="AL318" s="85"/>
      <c r="AM318" s="92"/>
      <c r="AN318" s="92"/>
      <c r="AO318" s="92"/>
      <c r="AP318" s="92"/>
      <c r="AQ318" s="92"/>
      <c r="AR318" s="92"/>
      <c r="AS318" s="92"/>
      <c r="AT318" s="92"/>
      <c r="AU318" s="92"/>
      <c r="AV318" s="92"/>
      <c r="AW318" s="92"/>
      <c r="AX318" s="92"/>
      <c r="AY318" s="92"/>
      <c r="AZ318" s="93"/>
      <c r="BA318" s="93"/>
      <c r="BB318" s="93"/>
      <c r="BC318" s="93"/>
      <c r="BD318" s="93"/>
      <c r="BE318" s="93"/>
      <c r="BF318" s="93"/>
      <c r="BG318" s="93"/>
      <c r="BH318" s="93"/>
      <c r="BI318" s="93"/>
      <c r="BJ318" s="93"/>
      <c r="BK318" s="93"/>
      <c r="BL318" s="93"/>
    </row>
    <row r="319" spans="2:64" x14ac:dyDescent="0.2">
      <c r="B319" s="43"/>
      <c r="C319" s="73"/>
      <c r="D319" s="64"/>
      <c r="E319" s="55"/>
      <c r="F319" s="74"/>
      <c r="G319" s="74"/>
      <c r="H319" s="74"/>
      <c r="I319" s="75"/>
      <c r="J319" s="74"/>
      <c r="L319" s="55"/>
      <c r="M319" s="234"/>
      <c r="N319" s="65"/>
      <c r="O319" s="76"/>
      <c r="P319" s="76"/>
      <c r="Q319" s="65"/>
      <c r="R319" s="76"/>
      <c r="S319" s="76"/>
      <c r="T319" s="76"/>
      <c r="U319" s="76"/>
      <c r="V319" s="76"/>
      <c r="W319" s="76"/>
      <c r="X319" s="76"/>
      <c r="Y319" s="76"/>
      <c r="Z319" s="76"/>
      <c r="AA319" s="85"/>
      <c r="AB319" s="85"/>
      <c r="AC319" s="85"/>
      <c r="AD319" s="85"/>
      <c r="AE319" s="85"/>
      <c r="AF319" s="85"/>
      <c r="AG319" s="86"/>
      <c r="AH319" s="85"/>
      <c r="AI319" s="85"/>
      <c r="AJ319" s="85"/>
      <c r="AK319" s="85"/>
      <c r="AL319" s="85"/>
      <c r="AM319" s="92"/>
      <c r="AN319" s="92"/>
      <c r="AO319" s="92"/>
      <c r="AP319" s="92"/>
      <c r="AQ319" s="92"/>
      <c r="AR319" s="92"/>
      <c r="AS319" s="92"/>
      <c r="AT319" s="92"/>
      <c r="AU319" s="92"/>
      <c r="AV319" s="92"/>
      <c r="AW319" s="92"/>
      <c r="AX319" s="92"/>
      <c r="AY319" s="92"/>
      <c r="AZ319" s="93"/>
      <c r="BA319" s="93"/>
      <c r="BB319" s="93"/>
      <c r="BC319" s="93"/>
      <c r="BD319" s="93"/>
      <c r="BE319" s="93"/>
      <c r="BF319" s="93"/>
      <c r="BG319" s="93"/>
      <c r="BH319" s="93"/>
      <c r="BI319" s="93"/>
      <c r="BJ319" s="93"/>
      <c r="BK319" s="93"/>
      <c r="BL319" s="93"/>
    </row>
    <row r="320" spans="2:64" x14ac:dyDescent="0.2">
      <c r="B320" s="43"/>
      <c r="C320" s="73"/>
      <c r="D320" s="64"/>
      <c r="E320" s="55"/>
      <c r="F320" s="74"/>
      <c r="G320" s="74"/>
      <c r="H320" s="74"/>
      <c r="I320" s="75"/>
      <c r="J320" s="74"/>
      <c r="L320" s="55"/>
      <c r="M320" s="234"/>
      <c r="N320" s="65"/>
      <c r="O320" s="76"/>
      <c r="P320" s="76"/>
      <c r="Q320" s="65"/>
      <c r="R320" s="76"/>
      <c r="S320" s="76"/>
      <c r="T320" s="76"/>
      <c r="U320" s="76"/>
      <c r="V320" s="76"/>
      <c r="W320" s="76"/>
      <c r="X320" s="76"/>
      <c r="Y320" s="76"/>
      <c r="Z320" s="76"/>
      <c r="AA320" s="85"/>
      <c r="AB320" s="85"/>
      <c r="AC320" s="85"/>
      <c r="AD320" s="85"/>
      <c r="AE320" s="85"/>
      <c r="AF320" s="85"/>
      <c r="AG320" s="86"/>
      <c r="AH320" s="85"/>
      <c r="AI320" s="85"/>
      <c r="AJ320" s="85"/>
      <c r="AK320" s="85"/>
      <c r="AL320" s="85"/>
      <c r="AM320" s="92"/>
      <c r="AN320" s="92"/>
      <c r="AO320" s="92"/>
      <c r="AP320" s="92"/>
      <c r="AQ320" s="92"/>
      <c r="AR320" s="92"/>
      <c r="AS320" s="92"/>
      <c r="AT320" s="92"/>
      <c r="AU320" s="92"/>
      <c r="AV320" s="92"/>
      <c r="AW320" s="92"/>
      <c r="AX320" s="92"/>
      <c r="AY320" s="92"/>
      <c r="AZ320" s="93"/>
      <c r="BA320" s="93"/>
      <c r="BB320" s="93"/>
      <c r="BC320" s="93"/>
      <c r="BD320" s="93"/>
      <c r="BE320" s="93"/>
      <c r="BF320" s="93"/>
      <c r="BG320" s="93"/>
      <c r="BH320" s="93"/>
      <c r="BI320" s="93"/>
      <c r="BJ320" s="93"/>
      <c r="BK320" s="93"/>
      <c r="BL320" s="93"/>
    </row>
    <row r="321" spans="2:64" x14ac:dyDescent="0.2">
      <c r="B321" s="43"/>
      <c r="C321" s="73"/>
      <c r="D321" s="64"/>
      <c r="E321" s="55"/>
      <c r="F321" s="74"/>
      <c r="G321" s="74"/>
      <c r="H321" s="74"/>
      <c r="I321" s="75"/>
      <c r="J321" s="74"/>
      <c r="L321" s="55"/>
      <c r="M321" s="234"/>
      <c r="N321" s="65"/>
      <c r="O321" s="76"/>
      <c r="P321" s="76"/>
      <c r="Q321" s="65"/>
      <c r="R321" s="76"/>
      <c r="S321" s="76"/>
      <c r="T321" s="76"/>
      <c r="U321" s="76"/>
      <c r="V321" s="76"/>
      <c r="W321" s="76"/>
      <c r="X321" s="76"/>
      <c r="Y321" s="76"/>
      <c r="Z321" s="76"/>
      <c r="AA321" s="85"/>
      <c r="AB321" s="85"/>
      <c r="AC321" s="85"/>
      <c r="AD321" s="85"/>
      <c r="AE321" s="85"/>
      <c r="AF321" s="85"/>
      <c r="AG321" s="86"/>
      <c r="AH321" s="85"/>
      <c r="AI321" s="85"/>
      <c r="AJ321" s="85"/>
      <c r="AK321" s="85"/>
      <c r="AL321" s="85"/>
      <c r="AM321" s="92"/>
      <c r="AN321" s="92"/>
      <c r="AO321" s="92"/>
      <c r="AP321" s="92"/>
      <c r="AQ321" s="92"/>
      <c r="AR321" s="92"/>
      <c r="AS321" s="92"/>
      <c r="AT321" s="92"/>
      <c r="AU321" s="92"/>
      <c r="AV321" s="92"/>
      <c r="AW321" s="92"/>
      <c r="AX321" s="92"/>
      <c r="AY321" s="92"/>
      <c r="AZ321" s="93"/>
      <c r="BA321" s="93"/>
      <c r="BB321" s="93"/>
      <c r="BC321" s="93"/>
      <c r="BD321" s="93"/>
      <c r="BE321" s="93"/>
      <c r="BF321" s="93"/>
      <c r="BG321" s="93"/>
      <c r="BH321" s="93"/>
      <c r="BI321" s="93"/>
      <c r="BJ321" s="93"/>
      <c r="BK321" s="93"/>
      <c r="BL321" s="93"/>
    </row>
    <row r="322" spans="2:64" x14ac:dyDescent="0.2">
      <c r="B322" s="43"/>
      <c r="C322" s="73"/>
      <c r="D322" s="64"/>
      <c r="E322" s="55"/>
      <c r="F322" s="74"/>
      <c r="G322" s="74"/>
      <c r="H322" s="74"/>
      <c r="I322" s="75"/>
      <c r="J322" s="74"/>
      <c r="L322" s="55"/>
      <c r="M322" s="234"/>
      <c r="N322" s="65"/>
      <c r="O322" s="76"/>
      <c r="P322" s="76"/>
      <c r="Q322" s="65"/>
      <c r="R322" s="76"/>
      <c r="S322" s="76"/>
      <c r="T322" s="76"/>
      <c r="U322" s="76"/>
      <c r="V322" s="76"/>
      <c r="W322" s="76"/>
      <c r="X322" s="76"/>
      <c r="Y322" s="76"/>
      <c r="Z322" s="76"/>
      <c r="AA322" s="85"/>
      <c r="AB322" s="85"/>
      <c r="AC322" s="85"/>
      <c r="AD322" s="85"/>
      <c r="AE322" s="85"/>
      <c r="AF322" s="85"/>
      <c r="AG322" s="86"/>
      <c r="AH322" s="85"/>
      <c r="AI322" s="85"/>
      <c r="AJ322" s="85"/>
      <c r="AK322" s="85"/>
      <c r="AL322" s="85"/>
      <c r="AM322" s="92"/>
      <c r="AN322" s="92"/>
      <c r="AO322" s="92"/>
      <c r="AP322" s="92"/>
      <c r="AQ322" s="92"/>
      <c r="AR322" s="92"/>
      <c r="AS322" s="92"/>
      <c r="AT322" s="92"/>
      <c r="AU322" s="92"/>
      <c r="AV322" s="92"/>
      <c r="AW322" s="92"/>
      <c r="AX322" s="92"/>
      <c r="AY322" s="92"/>
      <c r="AZ322" s="93"/>
      <c r="BA322" s="93"/>
      <c r="BB322" s="93"/>
      <c r="BC322" s="93"/>
      <c r="BD322" s="93"/>
      <c r="BE322" s="93"/>
      <c r="BF322" s="93"/>
      <c r="BG322" s="93"/>
      <c r="BH322" s="93"/>
      <c r="BI322" s="93"/>
      <c r="BJ322" s="93"/>
      <c r="BK322" s="93"/>
      <c r="BL322" s="93"/>
    </row>
    <row r="323" spans="2:64" x14ac:dyDescent="0.2">
      <c r="B323" s="43"/>
      <c r="C323" s="73"/>
      <c r="D323" s="64"/>
      <c r="E323" s="55"/>
      <c r="F323" s="74"/>
      <c r="G323" s="74"/>
      <c r="H323" s="74"/>
      <c r="I323" s="75"/>
      <c r="J323" s="74"/>
      <c r="L323" s="55"/>
      <c r="M323" s="234"/>
      <c r="N323" s="65"/>
      <c r="O323" s="76"/>
      <c r="P323" s="76"/>
      <c r="Q323" s="65"/>
      <c r="R323" s="76"/>
      <c r="S323" s="76"/>
      <c r="T323" s="76"/>
      <c r="U323" s="76"/>
      <c r="V323" s="76"/>
      <c r="W323" s="76"/>
      <c r="X323" s="76"/>
      <c r="Y323" s="76"/>
      <c r="Z323" s="76"/>
      <c r="AA323" s="85"/>
      <c r="AB323" s="85"/>
      <c r="AC323" s="85"/>
      <c r="AD323" s="85"/>
      <c r="AE323" s="85"/>
      <c r="AF323" s="85"/>
      <c r="AG323" s="86"/>
      <c r="AH323" s="85"/>
      <c r="AI323" s="85"/>
      <c r="AJ323" s="85"/>
      <c r="AK323" s="85"/>
      <c r="AL323" s="85"/>
      <c r="AM323" s="92"/>
      <c r="AN323" s="92"/>
      <c r="AO323" s="92"/>
      <c r="AP323" s="92"/>
      <c r="AQ323" s="92"/>
      <c r="AR323" s="92"/>
      <c r="AS323" s="92"/>
      <c r="AT323" s="92"/>
      <c r="AU323" s="92"/>
      <c r="AV323" s="92"/>
      <c r="AW323" s="92"/>
      <c r="AX323" s="92"/>
      <c r="AY323" s="92"/>
      <c r="AZ323" s="93"/>
      <c r="BA323" s="93"/>
      <c r="BB323" s="93"/>
      <c r="BC323" s="93"/>
      <c r="BD323" s="93"/>
      <c r="BE323" s="93"/>
      <c r="BF323" s="93"/>
      <c r="BG323" s="93"/>
      <c r="BH323" s="93"/>
      <c r="BI323" s="93"/>
      <c r="BJ323" s="93"/>
      <c r="BK323" s="93"/>
      <c r="BL323" s="93"/>
    </row>
    <row r="324" spans="2:64" x14ac:dyDescent="0.2">
      <c r="B324" s="43"/>
      <c r="C324" s="73"/>
      <c r="D324" s="64"/>
      <c r="E324" s="55"/>
      <c r="F324" s="74"/>
      <c r="G324" s="74"/>
      <c r="H324" s="74"/>
      <c r="I324" s="75"/>
      <c r="J324" s="74"/>
      <c r="L324" s="55"/>
      <c r="M324" s="234"/>
      <c r="N324" s="65"/>
      <c r="O324" s="76"/>
      <c r="P324" s="76"/>
      <c r="Q324" s="65"/>
      <c r="R324" s="76"/>
      <c r="S324" s="76"/>
      <c r="T324" s="76"/>
      <c r="U324" s="76"/>
      <c r="V324" s="76"/>
      <c r="W324" s="76"/>
      <c r="X324" s="76"/>
      <c r="Y324" s="76"/>
      <c r="Z324" s="76"/>
      <c r="AA324" s="85"/>
      <c r="AB324" s="85"/>
      <c r="AC324" s="85"/>
      <c r="AD324" s="85"/>
      <c r="AE324" s="85"/>
      <c r="AF324" s="85"/>
      <c r="AG324" s="86"/>
      <c r="AH324" s="85"/>
      <c r="AI324" s="85"/>
      <c r="AJ324" s="85"/>
      <c r="AK324" s="85"/>
      <c r="AL324" s="85"/>
      <c r="AM324" s="92"/>
      <c r="AN324" s="92"/>
      <c r="AO324" s="92"/>
      <c r="AP324" s="92"/>
      <c r="AQ324" s="92"/>
      <c r="AR324" s="92"/>
      <c r="AS324" s="92"/>
      <c r="AT324" s="92"/>
      <c r="AU324" s="92"/>
      <c r="AV324" s="92"/>
      <c r="AW324" s="92"/>
      <c r="AX324" s="92"/>
      <c r="AY324" s="92"/>
      <c r="AZ324" s="93"/>
      <c r="BA324" s="93"/>
      <c r="BB324" s="93"/>
      <c r="BC324" s="93"/>
      <c r="BD324" s="93"/>
      <c r="BE324" s="93"/>
      <c r="BF324" s="93"/>
      <c r="BG324" s="93"/>
      <c r="BH324" s="93"/>
      <c r="BI324" s="93"/>
      <c r="BJ324" s="93"/>
      <c r="BK324" s="93"/>
      <c r="BL324" s="93"/>
    </row>
    <row r="325" spans="2:64" x14ac:dyDescent="0.2">
      <c r="B325" s="43"/>
      <c r="C325" s="73"/>
      <c r="D325" s="64"/>
      <c r="E325" s="55"/>
      <c r="F325" s="74"/>
      <c r="G325" s="74"/>
      <c r="H325" s="74"/>
      <c r="I325" s="75"/>
      <c r="J325" s="74"/>
      <c r="L325" s="55"/>
      <c r="M325" s="234"/>
      <c r="N325" s="65"/>
      <c r="O325" s="76"/>
      <c r="P325" s="76"/>
      <c r="Q325" s="65"/>
      <c r="R325" s="76"/>
      <c r="S325" s="76"/>
      <c r="T325" s="76"/>
      <c r="U325" s="76"/>
      <c r="V325" s="76"/>
      <c r="W325" s="76"/>
      <c r="X325" s="76"/>
      <c r="Y325" s="76"/>
      <c r="Z325" s="76"/>
      <c r="AA325" s="85"/>
      <c r="AB325" s="85"/>
      <c r="AC325" s="85"/>
      <c r="AD325" s="85"/>
      <c r="AE325" s="85"/>
      <c r="AF325" s="85"/>
      <c r="AG325" s="86"/>
      <c r="AH325" s="85"/>
      <c r="AI325" s="85"/>
      <c r="AJ325" s="85"/>
      <c r="AK325" s="85"/>
      <c r="AL325" s="85"/>
      <c r="AM325" s="92"/>
      <c r="AN325" s="92"/>
      <c r="AO325" s="92"/>
      <c r="AP325" s="92"/>
      <c r="AQ325" s="92"/>
      <c r="AR325" s="92"/>
      <c r="AS325" s="92"/>
      <c r="AT325" s="92"/>
      <c r="AU325" s="92"/>
      <c r="AV325" s="92"/>
      <c r="AW325" s="92"/>
      <c r="AX325" s="92"/>
      <c r="AY325" s="92"/>
      <c r="AZ325" s="93"/>
      <c r="BA325" s="93"/>
      <c r="BB325" s="93"/>
      <c r="BC325" s="93"/>
      <c r="BD325" s="93"/>
      <c r="BE325" s="93"/>
      <c r="BF325" s="93"/>
      <c r="BG325" s="93"/>
      <c r="BH325" s="93"/>
      <c r="BI325" s="93"/>
      <c r="BJ325" s="93"/>
      <c r="BK325" s="93"/>
      <c r="BL325" s="93"/>
    </row>
    <row r="326" spans="2:64" x14ac:dyDescent="0.2">
      <c r="B326" s="43"/>
      <c r="C326" s="73"/>
      <c r="D326" s="64"/>
      <c r="E326" s="55"/>
      <c r="F326" s="74"/>
      <c r="G326" s="74"/>
      <c r="H326" s="74"/>
      <c r="I326" s="75"/>
      <c r="J326" s="74"/>
      <c r="L326" s="55"/>
      <c r="M326" s="234"/>
      <c r="N326" s="65"/>
      <c r="O326" s="76"/>
      <c r="P326" s="76"/>
      <c r="Q326" s="65"/>
      <c r="R326" s="76"/>
      <c r="S326" s="76"/>
      <c r="T326" s="76"/>
      <c r="U326" s="76"/>
      <c r="V326" s="76"/>
      <c r="W326" s="76"/>
      <c r="X326" s="76"/>
      <c r="Y326" s="76"/>
      <c r="Z326" s="76"/>
      <c r="AA326" s="85"/>
      <c r="AB326" s="85"/>
      <c r="AC326" s="85"/>
      <c r="AD326" s="85"/>
      <c r="AE326" s="85"/>
      <c r="AF326" s="85"/>
      <c r="AG326" s="86"/>
      <c r="AH326" s="85"/>
      <c r="AI326" s="85"/>
      <c r="AJ326" s="85"/>
      <c r="AK326" s="85"/>
      <c r="AL326" s="85"/>
      <c r="AM326" s="92"/>
      <c r="AN326" s="92"/>
      <c r="AO326" s="92"/>
      <c r="AP326" s="92"/>
      <c r="AQ326" s="92"/>
      <c r="AR326" s="92"/>
      <c r="AS326" s="92"/>
      <c r="AT326" s="92"/>
      <c r="AU326" s="92"/>
      <c r="AV326" s="92"/>
      <c r="AW326" s="92"/>
      <c r="AX326" s="92"/>
      <c r="AY326" s="92"/>
      <c r="AZ326" s="93"/>
      <c r="BA326" s="93"/>
      <c r="BB326" s="93"/>
      <c r="BC326" s="93"/>
      <c r="BD326" s="93"/>
      <c r="BE326" s="93"/>
      <c r="BF326" s="93"/>
      <c r="BG326" s="93"/>
      <c r="BH326" s="93"/>
      <c r="BI326" s="93"/>
      <c r="BJ326" s="93"/>
      <c r="BK326" s="93"/>
      <c r="BL326" s="93"/>
    </row>
    <row r="327" spans="2:64" x14ac:dyDescent="0.2">
      <c r="B327" s="43"/>
      <c r="C327" s="73"/>
      <c r="D327" s="64"/>
      <c r="E327" s="55"/>
      <c r="F327" s="74"/>
      <c r="G327" s="74"/>
      <c r="H327" s="74"/>
      <c r="I327" s="75"/>
      <c r="J327" s="74"/>
      <c r="L327" s="55"/>
      <c r="M327" s="234"/>
      <c r="N327" s="65"/>
      <c r="O327" s="76"/>
      <c r="P327" s="76"/>
      <c r="Q327" s="65"/>
      <c r="R327" s="76"/>
      <c r="S327" s="76"/>
      <c r="T327" s="76"/>
      <c r="U327" s="76"/>
      <c r="V327" s="76"/>
      <c r="W327" s="76"/>
      <c r="X327" s="76"/>
      <c r="Y327" s="76"/>
      <c r="Z327" s="76"/>
      <c r="AA327" s="85"/>
      <c r="AB327" s="85"/>
      <c r="AC327" s="85"/>
      <c r="AD327" s="85"/>
      <c r="AE327" s="85"/>
      <c r="AF327" s="85"/>
      <c r="AG327" s="86"/>
      <c r="AH327" s="85"/>
      <c r="AI327" s="85"/>
      <c r="AJ327" s="85"/>
      <c r="AK327" s="85"/>
      <c r="AL327" s="85"/>
      <c r="AM327" s="92"/>
      <c r="AN327" s="92"/>
      <c r="AO327" s="92"/>
      <c r="AP327" s="92"/>
      <c r="AQ327" s="92"/>
      <c r="AR327" s="92"/>
      <c r="AS327" s="92"/>
      <c r="AT327" s="92"/>
      <c r="AU327" s="92"/>
      <c r="AV327" s="92"/>
      <c r="AW327" s="92"/>
      <c r="AX327" s="92"/>
      <c r="AY327" s="92"/>
      <c r="AZ327" s="93"/>
      <c r="BA327" s="93"/>
      <c r="BB327" s="93"/>
      <c r="BC327" s="93"/>
      <c r="BD327" s="93"/>
      <c r="BE327" s="93"/>
      <c r="BF327" s="93"/>
      <c r="BG327" s="93"/>
      <c r="BH327" s="93"/>
      <c r="BI327" s="93"/>
      <c r="BJ327" s="93"/>
      <c r="BK327" s="93"/>
      <c r="BL327" s="93"/>
    </row>
    <row r="328" spans="2:64" x14ac:dyDescent="0.2">
      <c r="B328" s="43"/>
      <c r="C328" s="73"/>
      <c r="D328" s="64"/>
      <c r="E328" s="55"/>
      <c r="F328" s="74"/>
      <c r="G328" s="74"/>
      <c r="H328" s="74"/>
      <c r="I328" s="75"/>
      <c r="J328" s="74"/>
      <c r="L328" s="55"/>
      <c r="M328" s="234"/>
      <c r="N328" s="65"/>
      <c r="O328" s="76"/>
      <c r="P328" s="76"/>
      <c r="Q328" s="65"/>
      <c r="R328" s="76"/>
      <c r="S328" s="76"/>
      <c r="T328" s="76"/>
      <c r="U328" s="76"/>
      <c r="V328" s="76"/>
      <c r="W328" s="76"/>
      <c r="X328" s="76"/>
      <c r="Y328" s="76"/>
      <c r="Z328" s="76"/>
      <c r="AA328" s="85"/>
      <c r="AB328" s="85"/>
      <c r="AC328" s="85"/>
      <c r="AD328" s="85"/>
      <c r="AE328" s="85"/>
      <c r="AF328" s="85"/>
      <c r="AG328" s="86"/>
      <c r="AH328" s="85"/>
      <c r="AI328" s="85"/>
      <c r="AJ328" s="85"/>
      <c r="AK328" s="85"/>
      <c r="AL328" s="85"/>
      <c r="AM328" s="92"/>
      <c r="AN328" s="92"/>
      <c r="AO328" s="92"/>
      <c r="AP328" s="92"/>
      <c r="AQ328" s="92"/>
      <c r="AR328" s="92"/>
      <c r="AS328" s="92"/>
      <c r="AT328" s="92"/>
      <c r="AU328" s="92"/>
      <c r="AV328" s="92"/>
      <c r="AW328" s="92"/>
      <c r="AX328" s="92"/>
      <c r="AY328" s="92"/>
      <c r="AZ328" s="93"/>
      <c r="BA328" s="93"/>
      <c r="BB328" s="93"/>
      <c r="BC328" s="93"/>
      <c r="BD328" s="93"/>
      <c r="BE328" s="93"/>
      <c r="BF328" s="93"/>
      <c r="BG328" s="93"/>
      <c r="BH328" s="93"/>
      <c r="BI328" s="93"/>
      <c r="BJ328" s="93"/>
      <c r="BK328" s="93"/>
      <c r="BL328" s="93"/>
    </row>
    <row r="329" spans="2:64" x14ac:dyDescent="0.2">
      <c r="B329" s="43"/>
      <c r="C329" s="73"/>
      <c r="D329" s="64"/>
      <c r="E329" s="55"/>
      <c r="F329" s="74"/>
      <c r="G329" s="74"/>
      <c r="H329" s="74"/>
      <c r="I329" s="75"/>
      <c r="J329" s="74"/>
      <c r="L329" s="55"/>
      <c r="M329" s="234"/>
      <c r="N329" s="65"/>
      <c r="O329" s="76"/>
      <c r="P329" s="76"/>
      <c r="Q329" s="65"/>
      <c r="R329" s="76"/>
      <c r="S329" s="76"/>
      <c r="T329" s="76"/>
      <c r="U329" s="76"/>
      <c r="V329" s="76"/>
      <c r="W329" s="76"/>
      <c r="X329" s="76"/>
      <c r="Y329" s="76"/>
      <c r="Z329" s="76"/>
      <c r="AA329" s="85"/>
      <c r="AB329" s="85"/>
      <c r="AC329" s="85"/>
      <c r="AD329" s="85"/>
      <c r="AE329" s="85"/>
      <c r="AF329" s="85"/>
      <c r="AG329" s="86"/>
      <c r="AH329" s="85"/>
      <c r="AI329" s="85"/>
      <c r="AJ329" s="85"/>
      <c r="AK329" s="85"/>
      <c r="AL329" s="85"/>
      <c r="AM329" s="92"/>
      <c r="AN329" s="92"/>
      <c r="AO329" s="92"/>
      <c r="AP329" s="92"/>
      <c r="AQ329" s="92"/>
      <c r="AR329" s="92"/>
      <c r="AS329" s="92"/>
      <c r="AT329" s="92"/>
      <c r="AU329" s="92"/>
      <c r="AV329" s="92"/>
      <c r="AW329" s="92"/>
      <c r="AX329" s="92"/>
      <c r="AY329" s="92"/>
      <c r="AZ329" s="93"/>
      <c r="BA329" s="93"/>
      <c r="BB329" s="93"/>
      <c r="BC329" s="93"/>
      <c r="BD329" s="93"/>
      <c r="BE329" s="93"/>
      <c r="BF329" s="93"/>
      <c r="BG329" s="93"/>
      <c r="BH329" s="93"/>
      <c r="BI329" s="93"/>
      <c r="BJ329" s="93"/>
      <c r="BK329" s="93"/>
      <c r="BL329" s="93"/>
    </row>
    <row r="330" spans="2:64" x14ac:dyDescent="0.2">
      <c r="B330" s="43"/>
      <c r="C330" s="73"/>
      <c r="D330" s="64"/>
      <c r="E330" s="55"/>
      <c r="F330" s="74"/>
      <c r="G330" s="74"/>
      <c r="H330" s="74"/>
      <c r="I330" s="75"/>
      <c r="J330" s="74"/>
      <c r="L330" s="55"/>
      <c r="M330" s="234"/>
      <c r="N330" s="65"/>
      <c r="O330" s="76"/>
      <c r="P330" s="76"/>
      <c r="Q330" s="65"/>
      <c r="R330" s="76"/>
      <c r="S330" s="76"/>
      <c r="T330" s="76"/>
      <c r="U330" s="76"/>
      <c r="V330" s="76"/>
      <c r="W330" s="76"/>
      <c r="X330" s="76"/>
      <c r="Y330" s="76"/>
      <c r="Z330" s="76"/>
      <c r="AA330" s="85"/>
      <c r="AB330" s="85"/>
      <c r="AC330" s="85"/>
      <c r="AD330" s="85"/>
      <c r="AE330" s="85"/>
      <c r="AF330" s="85"/>
      <c r="AG330" s="86"/>
      <c r="AH330" s="85"/>
      <c r="AI330" s="85"/>
      <c r="AJ330" s="85"/>
      <c r="AK330" s="85"/>
      <c r="AL330" s="85"/>
      <c r="AM330" s="92"/>
      <c r="AN330" s="92"/>
      <c r="AO330" s="92"/>
      <c r="AP330" s="92"/>
      <c r="AQ330" s="92"/>
      <c r="AR330" s="92"/>
      <c r="AS330" s="92"/>
      <c r="AT330" s="92"/>
      <c r="AU330" s="92"/>
      <c r="AV330" s="92"/>
      <c r="AW330" s="92"/>
      <c r="AX330" s="92"/>
      <c r="AY330" s="92"/>
      <c r="AZ330" s="93"/>
      <c r="BA330" s="93"/>
      <c r="BB330" s="93"/>
      <c r="BC330" s="93"/>
      <c r="BD330" s="93"/>
      <c r="BE330" s="93"/>
      <c r="BF330" s="93"/>
      <c r="BG330" s="93"/>
      <c r="BH330" s="93"/>
      <c r="BI330" s="93"/>
      <c r="BJ330" s="93"/>
      <c r="BK330" s="93"/>
      <c r="BL330" s="93"/>
    </row>
    <row r="331" spans="2:64" x14ac:dyDescent="0.2">
      <c r="B331" s="43"/>
      <c r="C331" s="73"/>
      <c r="D331" s="64"/>
      <c r="E331" s="55"/>
      <c r="F331" s="74"/>
      <c r="G331" s="74"/>
      <c r="H331" s="74"/>
      <c r="I331" s="75"/>
      <c r="J331" s="74"/>
      <c r="L331" s="55"/>
      <c r="M331" s="234"/>
      <c r="N331" s="65"/>
      <c r="O331" s="76"/>
      <c r="P331" s="76"/>
      <c r="Q331" s="65"/>
      <c r="R331" s="76"/>
      <c r="S331" s="76"/>
      <c r="T331" s="76"/>
      <c r="U331" s="76"/>
      <c r="V331" s="76"/>
      <c r="W331" s="76"/>
      <c r="X331" s="76"/>
      <c r="Y331" s="76"/>
      <c r="Z331" s="76"/>
      <c r="AA331" s="85"/>
      <c r="AB331" s="85"/>
      <c r="AC331" s="85"/>
      <c r="AD331" s="85"/>
      <c r="AE331" s="85"/>
      <c r="AF331" s="85"/>
      <c r="AG331" s="86"/>
      <c r="AH331" s="85"/>
      <c r="AI331" s="85"/>
      <c r="AJ331" s="85"/>
      <c r="AK331" s="85"/>
      <c r="AL331" s="85"/>
      <c r="AM331" s="92"/>
      <c r="AN331" s="92"/>
      <c r="AO331" s="92"/>
      <c r="AP331" s="92"/>
      <c r="AQ331" s="92"/>
      <c r="AR331" s="92"/>
      <c r="AS331" s="92"/>
      <c r="AT331" s="92"/>
      <c r="AU331" s="92"/>
      <c r="AV331" s="92"/>
      <c r="AW331" s="92"/>
      <c r="AX331" s="92"/>
      <c r="AY331" s="92"/>
      <c r="AZ331" s="93"/>
      <c r="BA331" s="93"/>
      <c r="BB331" s="93"/>
      <c r="BC331" s="93"/>
      <c r="BD331" s="93"/>
      <c r="BE331" s="93"/>
      <c r="BF331" s="93"/>
      <c r="BG331" s="93"/>
      <c r="BH331" s="93"/>
      <c r="BI331" s="93"/>
      <c r="BJ331" s="93"/>
      <c r="BK331" s="93"/>
      <c r="BL331" s="93"/>
    </row>
    <row r="332" spans="2:64" x14ac:dyDescent="0.2">
      <c r="B332" s="43"/>
      <c r="C332" s="73"/>
      <c r="D332" s="64"/>
      <c r="E332" s="55"/>
      <c r="F332" s="74"/>
      <c r="G332" s="74"/>
      <c r="H332" s="74"/>
      <c r="I332" s="75"/>
      <c r="J332" s="74"/>
      <c r="L332" s="55"/>
      <c r="M332" s="234"/>
      <c r="N332" s="65"/>
      <c r="O332" s="76"/>
      <c r="P332" s="76"/>
      <c r="Q332" s="65"/>
      <c r="R332" s="76"/>
      <c r="S332" s="76"/>
      <c r="T332" s="76"/>
      <c r="U332" s="76"/>
      <c r="V332" s="76"/>
      <c r="W332" s="76"/>
      <c r="X332" s="76"/>
      <c r="Y332" s="76"/>
      <c r="Z332" s="76"/>
      <c r="AA332" s="85"/>
      <c r="AB332" s="85"/>
      <c r="AC332" s="85"/>
      <c r="AD332" s="85"/>
      <c r="AE332" s="85"/>
      <c r="AF332" s="85"/>
      <c r="AG332" s="86"/>
      <c r="AH332" s="85"/>
      <c r="AI332" s="85"/>
      <c r="AJ332" s="85"/>
      <c r="AK332" s="85"/>
      <c r="AL332" s="85"/>
      <c r="AM332" s="92"/>
      <c r="AN332" s="92"/>
      <c r="AO332" s="92"/>
      <c r="AP332" s="92"/>
      <c r="AQ332" s="92"/>
      <c r="AR332" s="92"/>
      <c r="AS332" s="92"/>
      <c r="AT332" s="92"/>
      <c r="AU332" s="92"/>
      <c r="AV332" s="92"/>
      <c r="AW332" s="92"/>
      <c r="AX332" s="92"/>
      <c r="AY332" s="92"/>
      <c r="AZ332" s="93"/>
      <c r="BA332" s="93"/>
      <c r="BB332" s="93"/>
      <c r="BC332" s="93"/>
      <c r="BD332" s="93"/>
      <c r="BE332" s="93"/>
      <c r="BF332" s="93"/>
      <c r="BG332" s="93"/>
      <c r="BH332" s="93"/>
      <c r="BI332" s="93"/>
      <c r="BJ332" s="93"/>
      <c r="BK332" s="93"/>
      <c r="BL332" s="93"/>
    </row>
    <row r="333" spans="2:64" x14ac:dyDescent="0.2">
      <c r="B333" s="43"/>
      <c r="C333" s="73"/>
      <c r="D333" s="64"/>
      <c r="E333" s="55"/>
      <c r="F333" s="74"/>
      <c r="G333" s="74"/>
      <c r="H333" s="74"/>
      <c r="I333" s="75"/>
      <c r="J333" s="74"/>
      <c r="L333" s="55"/>
      <c r="M333" s="234"/>
      <c r="N333" s="65"/>
      <c r="O333" s="76"/>
      <c r="P333" s="76"/>
      <c r="Q333" s="65"/>
      <c r="R333" s="76"/>
      <c r="S333" s="76"/>
      <c r="T333" s="76"/>
      <c r="U333" s="76"/>
      <c r="V333" s="76"/>
      <c r="W333" s="76"/>
      <c r="X333" s="76"/>
      <c r="Y333" s="76"/>
      <c r="Z333" s="76"/>
      <c r="AA333" s="85"/>
      <c r="AB333" s="85"/>
      <c r="AC333" s="85"/>
      <c r="AD333" s="85"/>
      <c r="AE333" s="85"/>
      <c r="AF333" s="85"/>
      <c r="AG333" s="86"/>
      <c r="AH333" s="85"/>
      <c r="AI333" s="85"/>
      <c r="AJ333" s="85"/>
      <c r="AK333" s="85"/>
      <c r="AL333" s="85"/>
      <c r="AM333" s="92"/>
      <c r="AN333" s="92"/>
      <c r="AO333" s="92"/>
      <c r="AP333" s="92"/>
      <c r="AQ333" s="92"/>
      <c r="AR333" s="92"/>
      <c r="AS333" s="92"/>
      <c r="AT333" s="92"/>
      <c r="AU333" s="92"/>
      <c r="AV333" s="92"/>
      <c r="AW333" s="92"/>
      <c r="AX333" s="92"/>
      <c r="AY333" s="92"/>
      <c r="AZ333" s="93"/>
      <c r="BA333" s="93"/>
      <c r="BB333" s="93"/>
      <c r="BC333" s="93"/>
      <c r="BD333" s="93"/>
      <c r="BE333" s="93"/>
      <c r="BF333" s="93"/>
      <c r="BG333" s="93"/>
      <c r="BH333" s="93"/>
      <c r="BI333" s="93"/>
      <c r="BJ333" s="93"/>
      <c r="BK333" s="93"/>
      <c r="BL333" s="93"/>
    </row>
    <row r="334" spans="2:64" x14ac:dyDescent="0.2">
      <c r="B334" s="43"/>
      <c r="C334" s="73"/>
      <c r="D334" s="64"/>
      <c r="E334" s="55"/>
      <c r="F334" s="74"/>
      <c r="G334" s="74"/>
      <c r="H334" s="74"/>
      <c r="I334" s="75"/>
      <c r="J334" s="74"/>
      <c r="L334" s="55"/>
      <c r="M334" s="234"/>
      <c r="N334" s="65"/>
      <c r="O334" s="76"/>
      <c r="P334" s="76"/>
      <c r="Q334" s="65"/>
      <c r="R334" s="76"/>
      <c r="S334" s="76"/>
      <c r="T334" s="76"/>
      <c r="U334" s="76"/>
      <c r="V334" s="76"/>
      <c r="W334" s="76"/>
      <c r="X334" s="76"/>
      <c r="Y334" s="76"/>
      <c r="Z334" s="76"/>
      <c r="AA334" s="85"/>
      <c r="AB334" s="85"/>
      <c r="AC334" s="85"/>
      <c r="AD334" s="85"/>
      <c r="AE334" s="85"/>
      <c r="AF334" s="85"/>
      <c r="AG334" s="86"/>
      <c r="AH334" s="85"/>
      <c r="AI334" s="85"/>
      <c r="AJ334" s="85"/>
      <c r="AK334" s="85"/>
      <c r="AL334" s="85"/>
      <c r="AM334" s="92"/>
      <c r="AN334" s="92"/>
      <c r="AO334" s="92"/>
      <c r="AP334" s="92"/>
      <c r="AQ334" s="92"/>
      <c r="AR334" s="92"/>
      <c r="AS334" s="92"/>
      <c r="AT334" s="92"/>
      <c r="AU334" s="92"/>
      <c r="AV334" s="92"/>
      <c r="AW334" s="92"/>
      <c r="AX334" s="92"/>
      <c r="AY334" s="92"/>
      <c r="AZ334" s="93"/>
      <c r="BA334" s="93"/>
      <c r="BB334" s="93"/>
      <c r="BC334" s="93"/>
      <c r="BD334" s="93"/>
      <c r="BE334" s="93"/>
      <c r="BF334" s="93"/>
      <c r="BG334" s="93"/>
      <c r="BH334" s="93"/>
      <c r="BI334" s="93"/>
      <c r="BJ334" s="93"/>
      <c r="BK334" s="93"/>
      <c r="BL334" s="93"/>
    </row>
    <row r="335" spans="2:64" x14ac:dyDescent="0.2">
      <c r="B335" s="43"/>
      <c r="C335" s="73"/>
      <c r="D335" s="64"/>
      <c r="E335" s="55"/>
      <c r="F335" s="74"/>
      <c r="G335" s="74"/>
      <c r="H335" s="74"/>
      <c r="I335" s="75"/>
      <c r="J335" s="74"/>
      <c r="L335" s="55"/>
      <c r="M335" s="234"/>
      <c r="N335" s="65"/>
      <c r="O335" s="76"/>
      <c r="P335" s="76"/>
      <c r="Q335" s="65"/>
      <c r="R335" s="76"/>
      <c r="S335" s="76"/>
      <c r="T335" s="76"/>
      <c r="U335" s="76"/>
      <c r="V335" s="76"/>
      <c r="W335" s="76"/>
      <c r="X335" s="76"/>
      <c r="Y335" s="76"/>
      <c r="Z335" s="76"/>
      <c r="AA335" s="85"/>
      <c r="AB335" s="85"/>
      <c r="AC335" s="85"/>
      <c r="AD335" s="85"/>
      <c r="AE335" s="85"/>
      <c r="AF335" s="85"/>
      <c r="AG335" s="86"/>
      <c r="AH335" s="85"/>
      <c r="AI335" s="85"/>
      <c r="AJ335" s="85"/>
      <c r="AK335" s="85"/>
      <c r="AL335" s="85"/>
      <c r="AM335" s="92"/>
      <c r="AN335" s="92"/>
      <c r="AO335" s="92"/>
      <c r="AP335" s="92"/>
      <c r="AQ335" s="92"/>
      <c r="AR335" s="92"/>
      <c r="AS335" s="92"/>
      <c r="AT335" s="92"/>
      <c r="AU335" s="92"/>
      <c r="AV335" s="92"/>
      <c r="AW335" s="92"/>
      <c r="AX335" s="92"/>
      <c r="AY335" s="92"/>
      <c r="AZ335" s="93"/>
      <c r="BA335" s="93"/>
      <c r="BB335" s="93"/>
      <c r="BC335" s="93"/>
      <c r="BD335" s="93"/>
      <c r="BE335" s="93"/>
      <c r="BF335" s="93"/>
      <c r="BG335" s="93"/>
      <c r="BH335" s="93"/>
      <c r="BI335" s="93"/>
      <c r="BJ335" s="93"/>
      <c r="BK335" s="93"/>
      <c r="BL335" s="93"/>
    </row>
    <row r="336" spans="2:64" x14ac:dyDescent="0.2">
      <c r="B336" s="43"/>
      <c r="C336" s="73"/>
      <c r="D336" s="64"/>
      <c r="E336" s="55"/>
      <c r="F336" s="74"/>
      <c r="G336" s="74"/>
      <c r="H336" s="74"/>
      <c r="I336" s="75"/>
      <c r="J336" s="74"/>
      <c r="L336" s="55"/>
      <c r="M336" s="234"/>
      <c r="N336" s="65"/>
      <c r="O336" s="76"/>
      <c r="P336" s="76"/>
      <c r="Q336" s="65"/>
      <c r="R336" s="76"/>
      <c r="S336" s="76"/>
      <c r="T336" s="76"/>
      <c r="U336" s="76"/>
      <c r="V336" s="76"/>
      <c r="W336" s="76"/>
      <c r="X336" s="76"/>
      <c r="Y336" s="76"/>
      <c r="Z336" s="76"/>
      <c r="AA336" s="85"/>
      <c r="AB336" s="85"/>
      <c r="AC336" s="85"/>
      <c r="AD336" s="85"/>
      <c r="AE336" s="85"/>
      <c r="AF336" s="85"/>
      <c r="AG336" s="86"/>
      <c r="AH336" s="85"/>
      <c r="AI336" s="85"/>
      <c r="AJ336" s="85"/>
      <c r="AK336" s="85"/>
      <c r="AL336" s="85"/>
      <c r="AM336" s="92"/>
      <c r="AN336" s="92"/>
      <c r="AO336" s="92"/>
      <c r="AP336" s="92"/>
      <c r="AQ336" s="92"/>
      <c r="AR336" s="92"/>
      <c r="AS336" s="92"/>
      <c r="AT336" s="92"/>
      <c r="AU336" s="92"/>
      <c r="AV336" s="92"/>
      <c r="AW336" s="92"/>
      <c r="AX336" s="92"/>
      <c r="AY336" s="92"/>
      <c r="AZ336" s="93"/>
      <c r="BA336" s="93"/>
      <c r="BB336" s="93"/>
      <c r="BC336" s="93"/>
      <c r="BD336" s="93"/>
      <c r="BE336" s="93"/>
      <c r="BF336" s="93"/>
      <c r="BG336" s="93"/>
      <c r="BH336" s="93"/>
      <c r="BI336" s="93"/>
      <c r="BJ336" s="93"/>
      <c r="BK336" s="93"/>
      <c r="BL336" s="93"/>
    </row>
    <row r="337" spans="2:64" x14ac:dyDescent="0.2">
      <c r="B337" s="43"/>
      <c r="C337" s="73"/>
      <c r="D337" s="64"/>
      <c r="E337" s="55"/>
      <c r="F337" s="74"/>
      <c r="G337" s="74"/>
      <c r="H337" s="74"/>
      <c r="I337" s="75"/>
      <c r="J337" s="74"/>
      <c r="L337" s="55"/>
      <c r="M337" s="234"/>
      <c r="N337" s="65"/>
      <c r="O337" s="76"/>
      <c r="P337" s="76"/>
      <c r="Q337" s="65"/>
      <c r="R337" s="76"/>
      <c r="S337" s="76"/>
      <c r="T337" s="76"/>
      <c r="U337" s="76"/>
      <c r="V337" s="76"/>
      <c r="W337" s="76"/>
      <c r="X337" s="76"/>
      <c r="Y337" s="76"/>
      <c r="Z337" s="76"/>
      <c r="AA337" s="85"/>
      <c r="AB337" s="85"/>
      <c r="AC337" s="85"/>
      <c r="AD337" s="85"/>
      <c r="AE337" s="85"/>
      <c r="AF337" s="85"/>
      <c r="AG337" s="86"/>
      <c r="AH337" s="85"/>
      <c r="AI337" s="85"/>
      <c r="AJ337" s="85"/>
      <c r="AK337" s="85"/>
      <c r="AL337" s="85"/>
      <c r="AM337" s="92"/>
      <c r="AN337" s="92"/>
      <c r="AO337" s="92"/>
      <c r="AP337" s="92"/>
      <c r="AQ337" s="92"/>
      <c r="AR337" s="92"/>
      <c r="AS337" s="92"/>
      <c r="AT337" s="92"/>
      <c r="AU337" s="92"/>
      <c r="AV337" s="92"/>
      <c r="AW337" s="92"/>
      <c r="AX337" s="92"/>
      <c r="AY337" s="92"/>
      <c r="AZ337" s="93"/>
      <c r="BA337" s="93"/>
      <c r="BB337" s="93"/>
      <c r="BC337" s="93"/>
      <c r="BD337" s="93"/>
      <c r="BE337" s="93"/>
      <c r="BF337" s="93"/>
      <c r="BG337" s="93"/>
      <c r="BH337" s="93"/>
      <c r="BI337" s="93"/>
      <c r="BJ337" s="93"/>
      <c r="BK337" s="93"/>
      <c r="BL337" s="93"/>
    </row>
    <row r="338" spans="2:64" x14ac:dyDescent="0.2">
      <c r="B338" s="43"/>
      <c r="C338" s="73"/>
      <c r="D338" s="64"/>
      <c r="E338" s="55"/>
      <c r="F338" s="74"/>
      <c r="G338" s="74"/>
      <c r="H338" s="74"/>
      <c r="I338" s="75"/>
      <c r="J338" s="74"/>
      <c r="L338" s="55"/>
      <c r="M338" s="234"/>
      <c r="N338" s="65"/>
      <c r="O338" s="76"/>
      <c r="P338" s="76"/>
      <c r="Q338" s="65"/>
      <c r="R338" s="76"/>
      <c r="S338" s="76"/>
      <c r="T338" s="76"/>
      <c r="U338" s="76"/>
      <c r="V338" s="76"/>
      <c r="W338" s="76"/>
      <c r="X338" s="76"/>
      <c r="Y338" s="76"/>
      <c r="Z338" s="76"/>
      <c r="AA338" s="85"/>
      <c r="AB338" s="85"/>
      <c r="AC338" s="85"/>
      <c r="AD338" s="85"/>
      <c r="AE338" s="85"/>
      <c r="AF338" s="85"/>
      <c r="AG338" s="86"/>
      <c r="AH338" s="85"/>
      <c r="AI338" s="85"/>
      <c r="AJ338" s="85"/>
      <c r="AK338" s="85"/>
      <c r="AL338" s="85"/>
      <c r="AM338" s="92"/>
      <c r="AN338" s="92"/>
      <c r="AO338" s="92"/>
      <c r="AP338" s="92"/>
      <c r="AQ338" s="92"/>
      <c r="AR338" s="92"/>
      <c r="AS338" s="92"/>
      <c r="AT338" s="92"/>
      <c r="AU338" s="92"/>
      <c r="AV338" s="92"/>
      <c r="AW338" s="92"/>
      <c r="AX338" s="92"/>
      <c r="AY338" s="92"/>
      <c r="AZ338" s="93"/>
      <c r="BA338" s="93"/>
      <c r="BB338" s="93"/>
      <c r="BC338" s="93"/>
      <c r="BD338" s="93"/>
      <c r="BE338" s="93"/>
      <c r="BF338" s="93"/>
      <c r="BG338" s="93"/>
      <c r="BH338" s="93"/>
      <c r="BI338" s="93"/>
      <c r="BJ338" s="93"/>
      <c r="BK338" s="93"/>
      <c r="BL338" s="93"/>
    </row>
    <row r="339" spans="2:64" x14ac:dyDescent="0.2">
      <c r="B339" s="43"/>
      <c r="C339" s="73"/>
      <c r="D339" s="64"/>
      <c r="E339" s="55"/>
      <c r="F339" s="74"/>
      <c r="G339" s="74"/>
      <c r="H339" s="74"/>
      <c r="I339" s="75"/>
      <c r="J339" s="74"/>
      <c r="L339" s="55"/>
      <c r="M339" s="234"/>
      <c r="N339" s="65"/>
      <c r="O339" s="76"/>
      <c r="P339" s="76"/>
      <c r="Q339" s="65"/>
      <c r="R339" s="76"/>
      <c r="S339" s="76"/>
      <c r="T339" s="76"/>
      <c r="U339" s="76"/>
      <c r="V339" s="76"/>
      <c r="W339" s="76"/>
      <c r="X339" s="76"/>
      <c r="Y339" s="76"/>
      <c r="Z339" s="76"/>
      <c r="AA339" s="85"/>
      <c r="AB339" s="85"/>
      <c r="AC339" s="85"/>
      <c r="AD339" s="85"/>
      <c r="AE339" s="85"/>
      <c r="AF339" s="85"/>
      <c r="AG339" s="86"/>
      <c r="AH339" s="85"/>
      <c r="AI339" s="85"/>
      <c r="AJ339" s="85"/>
      <c r="AK339" s="85"/>
      <c r="AL339" s="85"/>
      <c r="AM339" s="92"/>
      <c r="AN339" s="92"/>
      <c r="AO339" s="92"/>
      <c r="AP339" s="92"/>
      <c r="AQ339" s="92"/>
      <c r="AR339" s="92"/>
      <c r="AS339" s="92"/>
      <c r="AT339" s="92"/>
      <c r="AU339" s="92"/>
      <c r="AV339" s="92"/>
      <c r="AW339" s="92"/>
      <c r="AX339" s="92"/>
      <c r="AY339" s="92"/>
      <c r="AZ339" s="93"/>
      <c r="BA339" s="93"/>
      <c r="BB339" s="93"/>
      <c r="BC339" s="93"/>
      <c r="BD339" s="93"/>
      <c r="BE339" s="93"/>
      <c r="BF339" s="93"/>
      <c r="BG339" s="93"/>
      <c r="BH339" s="93"/>
      <c r="BI339" s="93"/>
      <c r="BJ339" s="93"/>
      <c r="BK339" s="93"/>
      <c r="BL339" s="93"/>
    </row>
    <row r="340" spans="2:64" x14ac:dyDescent="0.2">
      <c r="B340" s="43"/>
      <c r="C340" s="73"/>
      <c r="D340" s="64"/>
      <c r="E340" s="55"/>
      <c r="F340" s="74"/>
      <c r="G340" s="74"/>
      <c r="H340" s="74"/>
      <c r="I340" s="75"/>
      <c r="J340" s="74"/>
      <c r="L340" s="55"/>
      <c r="M340" s="234"/>
      <c r="N340" s="65"/>
      <c r="O340" s="76"/>
      <c r="P340" s="76"/>
      <c r="Q340" s="65"/>
      <c r="R340" s="76"/>
      <c r="S340" s="76"/>
      <c r="T340" s="76"/>
      <c r="U340" s="76"/>
      <c r="V340" s="76"/>
      <c r="W340" s="76"/>
      <c r="X340" s="76"/>
      <c r="Y340" s="76"/>
      <c r="Z340" s="76"/>
      <c r="AA340" s="85"/>
      <c r="AB340" s="85"/>
      <c r="AC340" s="85"/>
      <c r="AD340" s="85"/>
      <c r="AE340" s="85"/>
      <c r="AF340" s="85"/>
      <c r="AG340" s="86"/>
      <c r="AH340" s="85"/>
      <c r="AI340" s="85"/>
      <c r="AJ340" s="85"/>
      <c r="AK340" s="85"/>
      <c r="AL340" s="85"/>
      <c r="AM340" s="92"/>
      <c r="AN340" s="92"/>
      <c r="AO340" s="92"/>
      <c r="AP340" s="92"/>
      <c r="AQ340" s="92"/>
      <c r="AR340" s="92"/>
      <c r="AS340" s="92"/>
      <c r="AT340" s="92"/>
      <c r="AU340" s="92"/>
      <c r="AV340" s="92"/>
      <c r="AW340" s="92"/>
      <c r="AX340" s="92"/>
      <c r="AY340" s="92"/>
      <c r="AZ340" s="93"/>
      <c r="BA340" s="93"/>
      <c r="BB340" s="93"/>
      <c r="BC340" s="93"/>
      <c r="BD340" s="93"/>
      <c r="BE340" s="93"/>
      <c r="BF340" s="93"/>
      <c r="BG340" s="93"/>
      <c r="BH340" s="93"/>
      <c r="BI340" s="93"/>
      <c r="BJ340" s="93"/>
      <c r="BK340" s="93"/>
      <c r="BL340" s="93"/>
    </row>
    <row r="341" spans="2:64" x14ac:dyDescent="0.2">
      <c r="B341" s="43"/>
      <c r="C341" s="73"/>
      <c r="D341" s="64"/>
      <c r="E341" s="55"/>
      <c r="F341" s="74"/>
      <c r="G341" s="74"/>
      <c r="H341" s="74"/>
      <c r="I341" s="75"/>
      <c r="J341" s="74"/>
      <c r="L341" s="55"/>
      <c r="M341" s="234"/>
      <c r="N341" s="65"/>
      <c r="O341" s="76"/>
      <c r="P341" s="76"/>
      <c r="Q341" s="65"/>
      <c r="R341" s="76"/>
      <c r="S341" s="76"/>
      <c r="T341" s="76"/>
      <c r="U341" s="76"/>
      <c r="V341" s="76"/>
      <c r="W341" s="76"/>
      <c r="X341" s="76"/>
      <c r="Y341" s="76"/>
      <c r="Z341" s="76"/>
      <c r="AA341" s="85"/>
      <c r="AB341" s="85"/>
      <c r="AC341" s="85"/>
      <c r="AD341" s="85"/>
      <c r="AE341" s="85"/>
      <c r="AF341" s="85"/>
      <c r="AG341" s="86"/>
      <c r="AH341" s="85"/>
      <c r="AI341" s="85"/>
      <c r="AJ341" s="85"/>
      <c r="AK341" s="85"/>
      <c r="AL341" s="85"/>
      <c r="AM341" s="92"/>
      <c r="AN341" s="92"/>
      <c r="AO341" s="92"/>
      <c r="AP341" s="92"/>
      <c r="AQ341" s="92"/>
      <c r="AR341" s="92"/>
      <c r="AS341" s="92"/>
      <c r="AT341" s="92"/>
      <c r="AU341" s="92"/>
      <c r="AV341" s="92"/>
      <c r="AW341" s="92"/>
      <c r="AX341" s="92"/>
      <c r="AY341" s="92"/>
      <c r="AZ341" s="93"/>
      <c r="BA341" s="93"/>
      <c r="BB341" s="93"/>
      <c r="BC341" s="93"/>
      <c r="BD341" s="93"/>
      <c r="BE341" s="93"/>
      <c r="BF341" s="93"/>
      <c r="BG341" s="93"/>
      <c r="BH341" s="93"/>
      <c r="BI341" s="93"/>
      <c r="BJ341" s="93"/>
      <c r="BK341" s="93"/>
      <c r="BL341" s="93"/>
    </row>
    <row r="342" spans="2:64" x14ac:dyDescent="0.2">
      <c r="B342" s="43"/>
      <c r="C342" s="73"/>
      <c r="D342" s="64"/>
      <c r="E342" s="55"/>
      <c r="F342" s="74"/>
      <c r="G342" s="74"/>
      <c r="H342" s="74"/>
      <c r="I342" s="75"/>
      <c r="J342" s="74"/>
      <c r="L342" s="55"/>
      <c r="M342" s="234"/>
      <c r="N342" s="65"/>
      <c r="O342" s="76"/>
      <c r="P342" s="76"/>
      <c r="Q342" s="65"/>
      <c r="R342" s="76"/>
      <c r="S342" s="76"/>
      <c r="T342" s="76"/>
      <c r="U342" s="76"/>
      <c r="V342" s="76"/>
      <c r="W342" s="76"/>
      <c r="X342" s="76"/>
      <c r="Y342" s="76"/>
      <c r="Z342" s="76"/>
      <c r="AA342" s="85"/>
      <c r="AB342" s="85"/>
      <c r="AC342" s="85"/>
      <c r="AD342" s="85"/>
      <c r="AE342" s="85"/>
      <c r="AF342" s="85"/>
      <c r="AG342" s="86"/>
      <c r="AH342" s="85"/>
      <c r="AI342" s="85"/>
      <c r="AJ342" s="85"/>
      <c r="AK342" s="85"/>
      <c r="AL342" s="85"/>
      <c r="AM342" s="92"/>
      <c r="AN342" s="92"/>
      <c r="AO342" s="92"/>
      <c r="AP342" s="92"/>
      <c r="AQ342" s="92"/>
      <c r="AR342" s="92"/>
      <c r="AS342" s="92"/>
      <c r="AT342" s="92"/>
      <c r="AU342" s="92"/>
      <c r="AV342" s="92"/>
      <c r="AW342" s="92"/>
      <c r="AX342" s="92"/>
      <c r="AY342" s="92"/>
      <c r="AZ342" s="93"/>
      <c r="BA342" s="93"/>
      <c r="BB342" s="93"/>
      <c r="BC342" s="93"/>
      <c r="BD342" s="93"/>
      <c r="BE342" s="93"/>
      <c r="BF342" s="93"/>
      <c r="BG342" s="93"/>
      <c r="BH342" s="93"/>
      <c r="BI342" s="93"/>
      <c r="BJ342" s="93"/>
      <c r="BK342" s="93"/>
      <c r="BL342" s="93"/>
    </row>
    <row r="343" spans="2:64" x14ac:dyDescent="0.2">
      <c r="B343" s="43"/>
      <c r="C343" s="73"/>
      <c r="D343" s="64"/>
      <c r="E343" s="55"/>
      <c r="F343" s="74"/>
      <c r="G343" s="74"/>
      <c r="H343" s="74"/>
      <c r="I343" s="75"/>
      <c r="J343" s="74"/>
      <c r="L343" s="55"/>
      <c r="M343" s="234"/>
      <c r="N343" s="65"/>
      <c r="O343" s="76"/>
      <c r="P343" s="76"/>
      <c r="Q343" s="65"/>
      <c r="R343" s="76"/>
      <c r="S343" s="76"/>
      <c r="T343" s="76"/>
      <c r="U343" s="76"/>
      <c r="V343" s="76"/>
      <c r="W343" s="76"/>
      <c r="X343" s="76"/>
      <c r="Y343" s="76"/>
      <c r="Z343" s="76"/>
      <c r="AA343" s="85"/>
      <c r="AB343" s="85"/>
      <c r="AC343" s="85"/>
      <c r="AD343" s="85"/>
      <c r="AE343" s="85"/>
      <c r="AF343" s="85"/>
      <c r="AG343" s="86"/>
      <c r="AH343" s="85"/>
      <c r="AI343" s="85"/>
      <c r="AJ343" s="85"/>
      <c r="AK343" s="85"/>
      <c r="AL343" s="85"/>
      <c r="AM343" s="92"/>
      <c r="AN343" s="92"/>
      <c r="AO343" s="92"/>
      <c r="AP343" s="92"/>
      <c r="AQ343" s="92"/>
      <c r="AR343" s="92"/>
      <c r="AS343" s="92"/>
      <c r="AT343" s="92"/>
      <c r="AU343" s="92"/>
      <c r="AV343" s="92"/>
      <c r="AW343" s="92"/>
      <c r="AX343" s="92"/>
      <c r="AY343" s="92"/>
      <c r="AZ343" s="93"/>
      <c r="BA343" s="93"/>
      <c r="BB343" s="93"/>
      <c r="BC343" s="93"/>
      <c r="BD343" s="93"/>
      <c r="BE343" s="93"/>
      <c r="BF343" s="93"/>
      <c r="BG343" s="93"/>
      <c r="BH343" s="93"/>
      <c r="BI343" s="93"/>
      <c r="BJ343" s="93"/>
      <c r="BK343" s="93"/>
      <c r="BL343" s="93"/>
    </row>
    <row r="344" spans="2:64" x14ac:dyDescent="0.2">
      <c r="B344" s="43"/>
      <c r="C344" s="73"/>
      <c r="D344" s="64"/>
      <c r="E344" s="55"/>
      <c r="F344" s="74"/>
      <c r="G344" s="74"/>
      <c r="H344" s="74"/>
      <c r="I344" s="75"/>
      <c r="J344" s="74"/>
      <c r="L344" s="55"/>
      <c r="M344" s="234"/>
      <c r="N344" s="65"/>
      <c r="O344" s="76"/>
      <c r="P344" s="76"/>
      <c r="Q344" s="65"/>
      <c r="R344" s="76"/>
      <c r="S344" s="76"/>
      <c r="T344" s="76"/>
      <c r="U344" s="76"/>
      <c r="V344" s="76"/>
      <c r="W344" s="76"/>
      <c r="X344" s="76"/>
      <c r="Y344" s="76"/>
      <c r="Z344" s="76"/>
      <c r="AA344" s="85"/>
      <c r="AB344" s="85"/>
      <c r="AC344" s="85"/>
      <c r="AD344" s="85"/>
      <c r="AE344" s="85"/>
      <c r="AF344" s="85"/>
      <c r="AG344" s="86"/>
      <c r="AH344" s="85"/>
      <c r="AI344" s="85"/>
      <c r="AJ344" s="85"/>
      <c r="AK344" s="85"/>
      <c r="AL344" s="85"/>
      <c r="AM344" s="92"/>
      <c r="AN344" s="92"/>
      <c r="AO344" s="92"/>
      <c r="AP344" s="92"/>
      <c r="AQ344" s="92"/>
      <c r="AR344" s="92"/>
      <c r="AS344" s="92"/>
      <c r="AT344" s="92"/>
      <c r="AU344" s="92"/>
      <c r="AV344" s="92"/>
      <c r="AW344" s="92"/>
      <c r="AX344" s="92"/>
      <c r="AY344" s="92"/>
      <c r="AZ344" s="93"/>
      <c r="BA344" s="93"/>
      <c r="BB344" s="93"/>
      <c r="BC344" s="93"/>
      <c r="BD344" s="93"/>
      <c r="BE344" s="93"/>
      <c r="BF344" s="93"/>
      <c r="BG344" s="93"/>
      <c r="BH344" s="93"/>
      <c r="BI344" s="93"/>
      <c r="BJ344" s="93"/>
      <c r="BK344" s="93"/>
      <c r="BL344" s="93"/>
    </row>
    <row r="345" spans="2:64" x14ac:dyDescent="0.2">
      <c r="B345" s="43"/>
      <c r="C345" s="73"/>
      <c r="D345" s="64"/>
      <c r="E345" s="55"/>
      <c r="F345" s="74"/>
      <c r="G345" s="74"/>
      <c r="H345" s="74"/>
      <c r="I345" s="75"/>
      <c r="J345" s="74"/>
      <c r="L345" s="55"/>
      <c r="M345" s="234"/>
      <c r="N345" s="65"/>
      <c r="O345" s="76"/>
      <c r="P345" s="76"/>
      <c r="Q345" s="65"/>
      <c r="R345" s="76"/>
      <c r="S345" s="76"/>
      <c r="T345" s="76"/>
      <c r="U345" s="76"/>
      <c r="V345" s="76"/>
      <c r="W345" s="76"/>
      <c r="X345" s="76"/>
      <c r="Y345" s="76"/>
      <c r="Z345" s="76"/>
      <c r="AA345" s="85"/>
      <c r="AB345" s="85"/>
      <c r="AC345" s="85"/>
      <c r="AD345" s="85"/>
      <c r="AE345" s="85"/>
      <c r="AF345" s="85"/>
      <c r="AG345" s="86"/>
      <c r="AH345" s="85"/>
      <c r="AI345" s="85"/>
      <c r="AJ345" s="85"/>
      <c r="AK345" s="85"/>
      <c r="AL345" s="85"/>
      <c r="AM345" s="92"/>
      <c r="AN345" s="92"/>
      <c r="AO345" s="92"/>
      <c r="AP345" s="92"/>
      <c r="AQ345" s="92"/>
      <c r="AR345" s="92"/>
      <c r="AS345" s="92"/>
      <c r="AT345" s="92"/>
      <c r="AU345" s="92"/>
      <c r="AV345" s="92"/>
      <c r="AW345" s="92"/>
      <c r="AX345" s="92"/>
      <c r="AY345" s="92"/>
      <c r="AZ345" s="93"/>
      <c r="BA345" s="93"/>
      <c r="BB345" s="93"/>
      <c r="BC345" s="93"/>
      <c r="BD345" s="93"/>
      <c r="BE345" s="93"/>
      <c r="BF345" s="93"/>
      <c r="BG345" s="93"/>
      <c r="BH345" s="93"/>
      <c r="BI345" s="93"/>
      <c r="BJ345" s="93"/>
      <c r="BK345" s="93"/>
      <c r="BL345" s="93"/>
    </row>
    <row r="346" spans="2:64" x14ac:dyDescent="0.2">
      <c r="B346" s="43"/>
      <c r="C346" s="73"/>
      <c r="D346" s="64"/>
      <c r="E346" s="55"/>
      <c r="F346" s="74"/>
      <c r="G346" s="74"/>
      <c r="H346" s="74"/>
      <c r="I346" s="75"/>
      <c r="J346" s="74"/>
      <c r="L346" s="55"/>
      <c r="M346" s="234"/>
      <c r="N346" s="65"/>
      <c r="O346" s="76"/>
      <c r="P346" s="76"/>
      <c r="Q346" s="65"/>
      <c r="R346" s="76"/>
      <c r="S346" s="76"/>
      <c r="T346" s="76"/>
      <c r="U346" s="76"/>
      <c r="V346" s="76"/>
      <c r="W346" s="76"/>
      <c r="X346" s="76"/>
      <c r="Y346" s="76"/>
      <c r="Z346" s="76"/>
      <c r="AA346" s="85"/>
      <c r="AB346" s="85"/>
      <c r="AC346" s="85"/>
      <c r="AD346" s="85"/>
      <c r="AE346" s="85"/>
      <c r="AF346" s="85"/>
      <c r="AG346" s="86"/>
      <c r="AH346" s="85"/>
      <c r="AI346" s="85"/>
      <c r="AJ346" s="85"/>
      <c r="AK346" s="85"/>
      <c r="AL346" s="85"/>
      <c r="AM346" s="92"/>
      <c r="AN346" s="92"/>
      <c r="AO346" s="92"/>
      <c r="AP346" s="92"/>
      <c r="AQ346" s="92"/>
      <c r="AR346" s="92"/>
      <c r="AS346" s="92"/>
      <c r="AT346" s="92"/>
      <c r="AU346" s="92"/>
      <c r="AV346" s="92"/>
      <c r="AW346" s="92"/>
      <c r="AX346" s="92"/>
      <c r="AY346" s="92"/>
      <c r="AZ346" s="93"/>
      <c r="BA346" s="93"/>
      <c r="BB346" s="93"/>
      <c r="BC346" s="93"/>
      <c r="BD346" s="93"/>
      <c r="BE346" s="93"/>
      <c r="BF346" s="93"/>
      <c r="BG346" s="93"/>
      <c r="BH346" s="93"/>
      <c r="BI346" s="93"/>
      <c r="BJ346" s="93"/>
      <c r="BK346" s="93"/>
      <c r="BL346" s="93"/>
    </row>
    <row r="347" spans="2:64" x14ac:dyDescent="0.2">
      <c r="B347" s="43"/>
      <c r="C347" s="73"/>
      <c r="D347" s="64"/>
      <c r="E347" s="55"/>
      <c r="F347" s="74"/>
      <c r="G347" s="74"/>
      <c r="H347" s="74"/>
      <c r="I347" s="75"/>
      <c r="J347" s="74"/>
      <c r="L347" s="55"/>
      <c r="M347" s="234"/>
      <c r="N347" s="65"/>
      <c r="O347" s="76"/>
      <c r="P347" s="76"/>
      <c r="Q347" s="65"/>
      <c r="R347" s="76"/>
      <c r="S347" s="76"/>
      <c r="T347" s="76"/>
      <c r="U347" s="76"/>
      <c r="V347" s="76"/>
      <c r="W347" s="76"/>
      <c r="X347" s="76"/>
      <c r="Y347" s="76"/>
      <c r="Z347" s="76"/>
      <c r="AA347" s="85"/>
      <c r="AB347" s="85"/>
      <c r="AC347" s="85"/>
      <c r="AD347" s="85"/>
      <c r="AE347" s="85"/>
      <c r="AF347" s="85"/>
      <c r="AG347" s="86"/>
      <c r="AH347" s="85"/>
      <c r="AI347" s="85"/>
      <c r="AJ347" s="85"/>
      <c r="AK347" s="85"/>
      <c r="AL347" s="85"/>
      <c r="AM347" s="92"/>
      <c r="AN347" s="92"/>
      <c r="AO347" s="92"/>
      <c r="AP347" s="92"/>
      <c r="AQ347" s="92"/>
      <c r="AR347" s="92"/>
      <c r="AS347" s="92"/>
      <c r="AT347" s="92"/>
      <c r="AU347" s="92"/>
      <c r="AV347" s="92"/>
      <c r="AW347" s="92"/>
      <c r="AX347" s="92"/>
      <c r="AY347" s="92"/>
      <c r="AZ347" s="93"/>
      <c r="BA347" s="93"/>
      <c r="BB347" s="93"/>
      <c r="BC347" s="93"/>
      <c r="BD347" s="93"/>
      <c r="BE347" s="93"/>
      <c r="BF347" s="93"/>
      <c r="BG347" s="93"/>
      <c r="BH347" s="93"/>
      <c r="BI347" s="93"/>
      <c r="BJ347" s="93"/>
      <c r="BK347" s="93"/>
      <c r="BL347" s="93"/>
    </row>
    <row r="348" spans="2:64" x14ac:dyDescent="0.2">
      <c r="B348" s="43"/>
      <c r="C348" s="73"/>
      <c r="D348" s="64"/>
      <c r="E348" s="55"/>
      <c r="F348" s="74"/>
      <c r="G348" s="74"/>
      <c r="H348" s="74"/>
      <c r="I348" s="75"/>
      <c r="J348" s="74"/>
      <c r="L348" s="55"/>
      <c r="M348" s="234"/>
      <c r="N348" s="65"/>
      <c r="O348" s="76"/>
      <c r="P348" s="76"/>
      <c r="Q348" s="65"/>
      <c r="R348" s="76"/>
      <c r="S348" s="76"/>
      <c r="T348" s="76"/>
      <c r="U348" s="76"/>
      <c r="V348" s="76"/>
      <c r="W348" s="76"/>
      <c r="X348" s="76"/>
      <c r="Y348" s="76"/>
      <c r="Z348" s="76"/>
      <c r="AA348" s="85"/>
      <c r="AB348" s="85"/>
      <c r="AC348" s="85"/>
      <c r="AD348" s="85"/>
      <c r="AE348" s="85"/>
      <c r="AF348" s="85"/>
      <c r="AG348" s="86"/>
      <c r="AH348" s="85"/>
      <c r="AI348" s="85"/>
      <c r="AJ348" s="85"/>
      <c r="AK348" s="85"/>
      <c r="AL348" s="85"/>
      <c r="AM348" s="92"/>
      <c r="AN348" s="92"/>
      <c r="AO348" s="92"/>
      <c r="AP348" s="92"/>
      <c r="AQ348" s="92"/>
      <c r="AR348" s="92"/>
      <c r="AS348" s="92"/>
      <c r="AT348" s="92"/>
      <c r="AU348" s="92"/>
      <c r="AV348" s="92"/>
      <c r="AW348" s="92"/>
      <c r="AX348" s="92"/>
      <c r="AY348" s="92"/>
      <c r="AZ348" s="93"/>
      <c r="BA348" s="93"/>
      <c r="BB348" s="93"/>
      <c r="BC348" s="93"/>
      <c r="BD348" s="93"/>
      <c r="BE348" s="93"/>
      <c r="BF348" s="93"/>
      <c r="BG348" s="93"/>
      <c r="BH348" s="93"/>
      <c r="BI348" s="93"/>
      <c r="BJ348" s="93"/>
      <c r="BK348" s="93"/>
      <c r="BL348" s="93"/>
    </row>
    <row r="349" spans="2:64" x14ac:dyDescent="0.2">
      <c r="B349" s="43"/>
      <c r="C349" s="73"/>
      <c r="D349" s="64"/>
      <c r="E349" s="55"/>
      <c r="F349" s="74"/>
      <c r="G349" s="74"/>
      <c r="H349" s="74"/>
      <c r="I349" s="75"/>
      <c r="J349" s="74"/>
      <c r="L349" s="55"/>
      <c r="M349" s="234"/>
      <c r="N349" s="65"/>
      <c r="O349" s="76"/>
      <c r="P349" s="76"/>
      <c r="Q349" s="65"/>
      <c r="R349" s="76"/>
      <c r="S349" s="76"/>
      <c r="T349" s="76"/>
      <c r="U349" s="76"/>
      <c r="V349" s="76"/>
      <c r="W349" s="76"/>
      <c r="X349" s="76"/>
      <c r="Y349" s="76"/>
      <c r="Z349" s="76"/>
      <c r="AA349" s="85"/>
      <c r="AB349" s="85"/>
      <c r="AC349" s="85"/>
      <c r="AD349" s="85"/>
      <c r="AE349" s="85"/>
      <c r="AF349" s="85"/>
      <c r="AG349" s="86"/>
      <c r="AH349" s="85"/>
      <c r="AI349" s="85"/>
      <c r="AJ349" s="85"/>
      <c r="AK349" s="85"/>
      <c r="AL349" s="85"/>
      <c r="AM349" s="92"/>
      <c r="AN349" s="92"/>
      <c r="AO349" s="92"/>
      <c r="AP349" s="92"/>
      <c r="AQ349" s="92"/>
      <c r="AR349" s="92"/>
      <c r="AS349" s="92"/>
      <c r="AT349" s="92"/>
      <c r="AU349" s="92"/>
      <c r="AV349" s="92"/>
      <c r="AW349" s="92"/>
      <c r="AX349" s="92"/>
      <c r="AY349" s="92"/>
      <c r="AZ349" s="93"/>
      <c r="BA349" s="93"/>
      <c r="BB349" s="93"/>
      <c r="BC349" s="93"/>
      <c r="BD349" s="93"/>
      <c r="BE349" s="93"/>
      <c r="BF349" s="93"/>
      <c r="BG349" s="93"/>
      <c r="BH349" s="93"/>
      <c r="BI349" s="93"/>
      <c r="BJ349" s="93"/>
      <c r="BK349" s="93"/>
      <c r="BL349" s="93"/>
    </row>
    <row r="350" spans="2:64" x14ac:dyDescent="0.2">
      <c r="B350" s="43"/>
      <c r="C350" s="73"/>
      <c r="D350" s="64"/>
      <c r="E350" s="55"/>
      <c r="F350" s="74"/>
      <c r="G350" s="74"/>
      <c r="H350" s="74"/>
      <c r="I350" s="75"/>
      <c r="J350" s="74"/>
      <c r="L350" s="55"/>
      <c r="M350" s="234"/>
      <c r="N350" s="65"/>
      <c r="O350" s="76"/>
      <c r="P350" s="76"/>
      <c r="Q350" s="65"/>
      <c r="R350" s="76"/>
      <c r="S350" s="76"/>
      <c r="T350" s="76"/>
      <c r="U350" s="76"/>
      <c r="V350" s="76"/>
      <c r="W350" s="76"/>
      <c r="X350" s="76"/>
      <c r="Y350" s="76"/>
      <c r="Z350" s="76"/>
      <c r="AA350" s="85"/>
      <c r="AB350" s="85"/>
      <c r="AC350" s="85"/>
      <c r="AD350" s="85"/>
      <c r="AE350" s="85"/>
      <c r="AF350" s="85"/>
      <c r="AG350" s="86"/>
      <c r="AH350" s="85"/>
      <c r="AI350" s="85"/>
      <c r="AJ350" s="85"/>
      <c r="AK350" s="85"/>
      <c r="AL350" s="85"/>
      <c r="AM350" s="92"/>
      <c r="AN350" s="92"/>
      <c r="AO350" s="92"/>
      <c r="AP350" s="92"/>
      <c r="AQ350" s="92"/>
      <c r="AR350" s="92"/>
      <c r="AS350" s="92"/>
      <c r="AT350" s="92"/>
      <c r="AU350" s="92"/>
      <c r="AV350" s="92"/>
      <c r="AW350" s="92"/>
      <c r="AX350" s="92"/>
      <c r="AY350" s="92"/>
      <c r="AZ350" s="93"/>
      <c r="BA350" s="93"/>
      <c r="BB350" s="93"/>
      <c r="BC350" s="93"/>
      <c r="BD350" s="93"/>
      <c r="BE350" s="93"/>
      <c r="BF350" s="93"/>
      <c r="BG350" s="93"/>
      <c r="BH350" s="93"/>
      <c r="BI350" s="93"/>
      <c r="BJ350" s="93"/>
      <c r="BK350" s="93"/>
      <c r="BL350" s="93"/>
    </row>
    <row r="351" spans="2:64" x14ac:dyDescent="0.2">
      <c r="B351" s="43"/>
      <c r="C351" s="73"/>
      <c r="D351" s="64"/>
      <c r="E351" s="55"/>
      <c r="F351" s="74"/>
      <c r="G351" s="74"/>
      <c r="H351" s="74"/>
      <c r="I351" s="75"/>
      <c r="J351" s="74"/>
      <c r="L351" s="55"/>
      <c r="M351" s="234"/>
      <c r="N351" s="65"/>
      <c r="O351" s="76"/>
      <c r="P351" s="76"/>
      <c r="Q351" s="65"/>
      <c r="R351" s="76"/>
      <c r="S351" s="76"/>
      <c r="T351" s="76"/>
      <c r="U351" s="76"/>
      <c r="V351" s="76"/>
      <c r="W351" s="76"/>
      <c r="X351" s="76"/>
      <c r="Y351" s="76"/>
      <c r="Z351" s="76"/>
      <c r="AA351" s="85"/>
      <c r="AB351" s="85"/>
      <c r="AC351" s="85"/>
      <c r="AD351" s="85"/>
      <c r="AE351" s="85"/>
      <c r="AF351" s="85"/>
      <c r="AG351" s="86"/>
      <c r="AH351" s="85"/>
      <c r="AI351" s="85"/>
      <c r="AJ351" s="85"/>
      <c r="AK351" s="85"/>
      <c r="AL351" s="85"/>
      <c r="AM351" s="92"/>
      <c r="AN351" s="92"/>
      <c r="AO351" s="92"/>
      <c r="AP351" s="92"/>
      <c r="AQ351" s="92"/>
      <c r="AR351" s="92"/>
      <c r="AS351" s="92"/>
      <c r="AT351" s="92"/>
      <c r="AU351" s="92"/>
      <c r="AV351" s="92"/>
      <c r="AW351" s="92"/>
      <c r="AX351" s="92"/>
      <c r="AY351" s="92"/>
      <c r="AZ351" s="93"/>
      <c r="BA351" s="93"/>
      <c r="BB351" s="93"/>
      <c r="BC351" s="93"/>
      <c r="BD351" s="93"/>
      <c r="BE351" s="93"/>
      <c r="BF351" s="93"/>
      <c r="BG351" s="93"/>
      <c r="BH351" s="93"/>
      <c r="BI351" s="93"/>
      <c r="BJ351" s="93"/>
      <c r="BK351" s="93"/>
      <c r="BL351" s="93"/>
    </row>
    <row r="352" spans="2:64" x14ac:dyDescent="0.2">
      <c r="B352" s="43"/>
      <c r="C352" s="73"/>
      <c r="D352" s="64"/>
      <c r="E352" s="55"/>
      <c r="F352" s="74"/>
      <c r="G352" s="74"/>
      <c r="H352" s="74"/>
      <c r="I352" s="75"/>
      <c r="J352" s="74"/>
      <c r="L352" s="55"/>
      <c r="M352" s="234"/>
      <c r="N352" s="65"/>
      <c r="O352" s="76"/>
      <c r="P352" s="76"/>
      <c r="Q352" s="65"/>
      <c r="R352" s="76"/>
      <c r="S352" s="76"/>
      <c r="T352" s="76"/>
      <c r="U352" s="76"/>
      <c r="V352" s="76"/>
      <c r="W352" s="76"/>
      <c r="X352" s="76"/>
      <c r="Y352" s="76"/>
      <c r="Z352" s="76"/>
      <c r="AA352" s="85"/>
      <c r="AB352" s="85"/>
      <c r="AC352" s="85"/>
      <c r="AD352" s="85"/>
      <c r="AE352" s="85"/>
      <c r="AF352" s="85"/>
      <c r="AG352" s="86"/>
      <c r="AH352" s="85"/>
      <c r="AI352" s="85"/>
      <c r="AJ352" s="85"/>
      <c r="AK352" s="85"/>
      <c r="AL352" s="85"/>
      <c r="AM352" s="92"/>
      <c r="AN352" s="92"/>
      <c r="AO352" s="92"/>
      <c r="AP352" s="92"/>
      <c r="AQ352" s="92"/>
      <c r="AR352" s="92"/>
      <c r="AS352" s="92"/>
      <c r="AT352" s="92"/>
      <c r="AU352" s="92"/>
      <c r="AV352" s="92"/>
      <c r="AW352" s="92"/>
      <c r="AX352" s="92"/>
      <c r="AY352" s="92"/>
      <c r="AZ352" s="93"/>
      <c r="BA352" s="93"/>
      <c r="BB352" s="93"/>
      <c r="BC352" s="93"/>
      <c r="BD352" s="93"/>
      <c r="BE352" s="93"/>
      <c r="BF352" s="93"/>
      <c r="BG352" s="93"/>
      <c r="BH352" s="93"/>
      <c r="BI352" s="93"/>
      <c r="BJ352" s="93"/>
      <c r="BK352" s="93"/>
      <c r="BL352" s="93"/>
    </row>
    <row r="353" spans="2:64" x14ac:dyDescent="0.2">
      <c r="B353" s="43"/>
      <c r="C353" s="73"/>
      <c r="D353" s="64"/>
      <c r="E353" s="55"/>
      <c r="F353" s="74"/>
      <c r="G353" s="74"/>
      <c r="H353" s="74"/>
      <c r="I353" s="75"/>
      <c r="J353" s="74"/>
      <c r="L353" s="55"/>
      <c r="M353" s="234"/>
      <c r="N353" s="65"/>
      <c r="O353" s="76"/>
      <c r="P353" s="76"/>
      <c r="Q353" s="65"/>
      <c r="R353" s="76"/>
      <c r="S353" s="76"/>
      <c r="T353" s="76"/>
      <c r="U353" s="76"/>
      <c r="V353" s="76"/>
      <c r="W353" s="76"/>
      <c r="X353" s="76"/>
      <c r="Y353" s="76"/>
      <c r="Z353" s="76"/>
      <c r="AA353" s="85"/>
      <c r="AB353" s="85"/>
      <c r="AC353" s="85"/>
      <c r="AD353" s="85"/>
      <c r="AE353" s="85"/>
      <c r="AF353" s="85"/>
      <c r="AG353" s="86"/>
      <c r="AH353" s="85"/>
      <c r="AI353" s="85"/>
      <c r="AJ353" s="85"/>
      <c r="AK353" s="85"/>
      <c r="AL353" s="85"/>
      <c r="AM353" s="92"/>
      <c r="AN353" s="92"/>
      <c r="AO353" s="92"/>
      <c r="AP353" s="92"/>
      <c r="AQ353" s="92"/>
      <c r="AR353" s="92"/>
      <c r="AS353" s="92"/>
      <c r="AT353" s="92"/>
      <c r="AU353" s="92"/>
      <c r="AV353" s="92"/>
      <c r="AW353" s="92"/>
      <c r="AX353" s="92"/>
      <c r="AY353" s="92"/>
      <c r="AZ353" s="93"/>
      <c r="BA353" s="93"/>
      <c r="BB353" s="93"/>
      <c r="BC353" s="93"/>
      <c r="BD353" s="93"/>
      <c r="BE353" s="93"/>
      <c r="BF353" s="93"/>
      <c r="BG353" s="93"/>
      <c r="BH353" s="93"/>
      <c r="BI353" s="93"/>
      <c r="BJ353" s="93"/>
      <c r="BK353" s="93"/>
      <c r="BL353" s="93"/>
    </row>
    <row r="354" spans="2:64" x14ac:dyDescent="0.2">
      <c r="B354" s="43"/>
      <c r="C354" s="73"/>
      <c r="D354" s="64"/>
      <c r="E354" s="55"/>
      <c r="F354" s="74"/>
      <c r="G354" s="74"/>
      <c r="H354" s="74"/>
      <c r="I354" s="75"/>
      <c r="J354" s="74"/>
      <c r="L354" s="55"/>
      <c r="M354" s="234"/>
      <c r="N354" s="65"/>
      <c r="O354" s="76"/>
      <c r="P354" s="76"/>
      <c r="Q354" s="65"/>
      <c r="R354" s="76"/>
      <c r="S354" s="76"/>
      <c r="T354" s="76"/>
      <c r="U354" s="76"/>
      <c r="V354" s="76"/>
      <c r="W354" s="76"/>
      <c r="X354" s="76"/>
      <c r="Y354" s="76"/>
      <c r="Z354" s="76"/>
      <c r="AA354" s="85"/>
      <c r="AB354" s="85"/>
      <c r="AC354" s="85"/>
      <c r="AD354" s="85"/>
      <c r="AE354" s="85"/>
      <c r="AF354" s="85"/>
      <c r="AG354" s="86"/>
      <c r="AH354" s="85"/>
      <c r="AI354" s="85"/>
      <c r="AJ354" s="85"/>
      <c r="AK354" s="85"/>
      <c r="AL354" s="85"/>
      <c r="AM354" s="92"/>
      <c r="AN354" s="92"/>
      <c r="AO354" s="92"/>
      <c r="AP354" s="92"/>
      <c r="AQ354" s="92"/>
      <c r="AR354" s="92"/>
      <c r="AS354" s="92"/>
      <c r="AT354" s="92"/>
      <c r="AU354" s="92"/>
      <c r="AV354" s="92"/>
      <c r="AW354" s="92"/>
      <c r="AX354" s="92"/>
      <c r="AY354" s="92"/>
      <c r="AZ354" s="93"/>
      <c r="BA354" s="93"/>
      <c r="BB354" s="93"/>
      <c r="BC354" s="93"/>
      <c r="BD354" s="93"/>
      <c r="BE354" s="93"/>
      <c r="BF354" s="93"/>
      <c r="BG354" s="93"/>
      <c r="BH354" s="93"/>
      <c r="BI354" s="93"/>
      <c r="BJ354" s="93"/>
      <c r="BK354" s="93"/>
      <c r="BL354" s="93"/>
    </row>
    <row r="355" spans="2:64" x14ac:dyDescent="0.2">
      <c r="B355" s="43"/>
      <c r="C355" s="73"/>
      <c r="D355" s="64"/>
      <c r="E355" s="55"/>
      <c r="F355" s="74"/>
      <c r="G355" s="74"/>
      <c r="H355" s="74"/>
      <c r="I355" s="75"/>
      <c r="J355" s="74"/>
      <c r="L355" s="55"/>
      <c r="M355" s="234"/>
      <c r="N355" s="65"/>
      <c r="O355" s="76"/>
      <c r="P355" s="76"/>
      <c r="Q355" s="65"/>
      <c r="R355" s="76"/>
      <c r="S355" s="76"/>
      <c r="T355" s="76"/>
      <c r="U355" s="76"/>
      <c r="V355" s="76"/>
      <c r="W355" s="76"/>
      <c r="X355" s="76"/>
      <c r="Y355" s="76"/>
      <c r="Z355" s="76"/>
      <c r="AA355" s="85"/>
      <c r="AB355" s="85"/>
      <c r="AC355" s="85"/>
      <c r="AD355" s="85"/>
      <c r="AE355" s="85"/>
      <c r="AF355" s="85"/>
      <c r="AG355" s="86"/>
      <c r="AH355" s="85"/>
      <c r="AI355" s="85"/>
      <c r="AJ355" s="85"/>
      <c r="AK355" s="85"/>
      <c r="AL355" s="85"/>
      <c r="AM355" s="92"/>
      <c r="AN355" s="92"/>
      <c r="AO355" s="92"/>
      <c r="AP355" s="92"/>
      <c r="AQ355" s="92"/>
      <c r="AR355" s="92"/>
      <c r="AS355" s="92"/>
      <c r="AT355" s="92"/>
      <c r="AU355" s="92"/>
      <c r="AV355" s="92"/>
      <c r="AW355" s="92"/>
      <c r="AX355" s="92"/>
      <c r="AY355" s="92"/>
      <c r="AZ355" s="93"/>
      <c r="BA355" s="93"/>
      <c r="BB355" s="93"/>
      <c r="BC355" s="93"/>
      <c r="BD355" s="93"/>
      <c r="BE355" s="93"/>
      <c r="BF355" s="93"/>
      <c r="BG355" s="93"/>
      <c r="BH355" s="93"/>
      <c r="BI355" s="93"/>
      <c r="BJ355" s="93"/>
      <c r="BK355" s="93"/>
      <c r="BL355" s="93"/>
    </row>
    <row r="356" spans="2:64" x14ac:dyDescent="0.2">
      <c r="B356" s="43"/>
      <c r="C356" s="73"/>
      <c r="D356" s="64"/>
      <c r="E356" s="55"/>
      <c r="F356" s="74"/>
      <c r="G356" s="74"/>
      <c r="H356" s="74"/>
      <c r="I356" s="75"/>
      <c r="J356" s="74"/>
      <c r="L356" s="55"/>
      <c r="M356" s="234"/>
      <c r="N356" s="65"/>
      <c r="O356" s="76"/>
      <c r="P356" s="76"/>
      <c r="Q356" s="65"/>
      <c r="R356" s="76"/>
      <c r="S356" s="76"/>
      <c r="T356" s="76"/>
      <c r="U356" s="76"/>
      <c r="V356" s="76"/>
      <c r="W356" s="76"/>
      <c r="X356" s="76"/>
      <c r="Y356" s="76"/>
      <c r="Z356" s="76"/>
      <c r="AA356" s="85"/>
      <c r="AB356" s="85"/>
      <c r="AC356" s="85"/>
      <c r="AD356" s="85"/>
      <c r="AE356" s="85"/>
      <c r="AF356" s="85"/>
      <c r="AG356" s="86"/>
      <c r="AH356" s="85"/>
      <c r="AI356" s="85"/>
      <c r="AJ356" s="85"/>
      <c r="AK356" s="85"/>
      <c r="AL356" s="85"/>
      <c r="AM356" s="92"/>
      <c r="AN356" s="92"/>
      <c r="AO356" s="92"/>
      <c r="AP356" s="92"/>
      <c r="AQ356" s="92"/>
      <c r="AR356" s="92"/>
      <c r="AS356" s="92"/>
      <c r="AT356" s="92"/>
      <c r="AU356" s="92"/>
      <c r="AV356" s="92"/>
      <c r="AW356" s="92"/>
      <c r="AX356" s="92"/>
      <c r="AY356" s="92"/>
      <c r="AZ356" s="93"/>
      <c r="BA356" s="93"/>
      <c r="BB356" s="93"/>
      <c r="BC356" s="93"/>
      <c r="BD356" s="93"/>
      <c r="BE356" s="93"/>
      <c r="BF356" s="93"/>
      <c r="BG356" s="93"/>
      <c r="BH356" s="93"/>
      <c r="BI356" s="93"/>
      <c r="BJ356" s="93"/>
      <c r="BK356" s="93"/>
      <c r="BL356" s="93"/>
    </row>
    <row r="357" spans="2:64" x14ac:dyDescent="0.2">
      <c r="B357" s="43"/>
      <c r="C357" s="73"/>
      <c r="D357" s="64"/>
      <c r="E357" s="55"/>
      <c r="F357" s="74"/>
      <c r="G357" s="74"/>
      <c r="H357" s="74"/>
      <c r="I357" s="75"/>
      <c r="J357" s="74"/>
      <c r="L357" s="55"/>
      <c r="M357" s="234"/>
      <c r="N357" s="65"/>
      <c r="O357" s="76"/>
      <c r="P357" s="76"/>
      <c r="Q357" s="65"/>
      <c r="R357" s="76"/>
      <c r="S357" s="76"/>
      <c r="T357" s="76"/>
      <c r="U357" s="76"/>
      <c r="V357" s="76"/>
      <c r="W357" s="76"/>
      <c r="X357" s="76"/>
      <c r="Y357" s="76"/>
      <c r="Z357" s="76"/>
      <c r="AA357" s="85"/>
      <c r="AB357" s="85"/>
      <c r="AC357" s="85"/>
      <c r="AD357" s="85"/>
      <c r="AE357" s="85"/>
      <c r="AF357" s="85"/>
      <c r="AG357" s="86"/>
      <c r="AH357" s="85"/>
      <c r="AI357" s="85"/>
      <c r="AJ357" s="85"/>
      <c r="AK357" s="85"/>
      <c r="AL357" s="85"/>
      <c r="AM357" s="92"/>
      <c r="AN357" s="92"/>
      <c r="AO357" s="92"/>
      <c r="AP357" s="92"/>
      <c r="AQ357" s="92"/>
      <c r="AR357" s="92"/>
      <c r="AS357" s="92"/>
      <c r="AT357" s="92"/>
      <c r="AU357" s="92"/>
      <c r="AV357" s="92"/>
      <c r="AW357" s="92"/>
      <c r="AX357" s="92"/>
      <c r="AY357" s="92"/>
      <c r="AZ357" s="93"/>
      <c r="BA357" s="93"/>
      <c r="BB357" s="93"/>
      <c r="BC357" s="93"/>
      <c r="BD357" s="93"/>
      <c r="BE357" s="93"/>
      <c r="BF357" s="93"/>
      <c r="BG357" s="93"/>
      <c r="BH357" s="93"/>
      <c r="BI357" s="93"/>
      <c r="BJ357" s="93"/>
      <c r="BK357" s="93"/>
      <c r="BL357" s="93"/>
    </row>
    <row r="358" spans="2:64" x14ac:dyDescent="0.2">
      <c r="B358" s="43"/>
      <c r="C358" s="73"/>
      <c r="D358" s="64"/>
      <c r="E358" s="55"/>
      <c r="F358" s="74"/>
      <c r="G358" s="74"/>
      <c r="H358" s="74"/>
      <c r="I358" s="75"/>
      <c r="J358" s="74"/>
      <c r="L358" s="55"/>
      <c r="M358" s="234"/>
      <c r="N358" s="65"/>
      <c r="O358" s="76"/>
      <c r="P358" s="76"/>
      <c r="Q358" s="65"/>
      <c r="R358" s="76"/>
      <c r="S358" s="76"/>
      <c r="T358" s="76"/>
      <c r="U358" s="76"/>
      <c r="V358" s="76"/>
      <c r="W358" s="76"/>
      <c r="X358" s="76"/>
      <c r="Y358" s="76"/>
      <c r="Z358" s="76"/>
      <c r="AA358" s="85"/>
      <c r="AB358" s="85"/>
      <c r="AC358" s="85"/>
      <c r="AD358" s="85"/>
      <c r="AE358" s="85"/>
      <c r="AF358" s="85"/>
      <c r="AG358" s="86"/>
      <c r="AH358" s="85"/>
      <c r="AI358" s="85"/>
      <c r="AJ358" s="85"/>
      <c r="AK358" s="85"/>
      <c r="AL358" s="85"/>
      <c r="AM358" s="92"/>
      <c r="AN358" s="92"/>
      <c r="AO358" s="92"/>
      <c r="AP358" s="92"/>
      <c r="AQ358" s="92"/>
      <c r="AR358" s="92"/>
      <c r="AS358" s="92"/>
      <c r="AT358" s="92"/>
      <c r="AU358" s="92"/>
      <c r="AV358" s="92"/>
      <c r="AW358" s="92"/>
      <c r="AX358" s="92"/>
      <c r="AY358" s="92"/>
      <c r="AZ358" s="93"/>
      <c r="BA358" s="93"/>
      <c r="BB358" s="93"/>
      <c r="BC358" s="93"/>
      <c r="BD358" s="93"/>
      <c r="BE358" s="93"/>
      <c r="BF358" s="93"/>
      <c r="BG358" s="93"/>
      <c r="BH358" s="93"/>
      <c r="BI358" s="93"/>
      <c r="BJ358" s="93"/>
      <c r="BK358" s="93"/>
      <c r="BL358" s="93"/>
    </row>
    <row r="359" spans="2:64" x14ac:dyDescent="0.2">
      <c r="B359" s="43"/>
      <c r="C359" s="73"/>
      <c r="D359" s="64"/>
      <c r="E359" s="55"/>
      <c r="F359" s="74"/>
      <c r="G359" s="74"/>
      <c r="H359" s="74"/>
      <c r="I359" s="75"/>
      <c r="J359" s="74"/>
      <c r="L359" s="55"/>
      <c r="M359" s="234"/>
      <c r="N359" s="65"/>
      <c r="O359" s="76"/>
      <c r="P359" s="76"/>
      <c r="Q359" s="65"/>
      <c r="R359" s="76"/>
      <c r="S359" s="76"/>
      <c r="T359" s="76"/>
      <c r="U359" s="76"/>
      <c r="V359" s="76"/>
      <c r="W359" s="76"/>
      <c r="X359" s="76"/>
      <c r="Y359" s="76"/>
      <c r="Z359" s="76"/>
      <c r="AA359" s="85"/>
      <c r="AB359" s="85"/>
      <c r="AC359" s="85"/>
      <c r="AD359" s="85"/>
      <c r="AE359" s="85"/>
      <c r="AF359" s="85"/>
      <c r="AG359" s="86"/>
      <c r="AH359" s="85"/>
      <c r="AI359" s="85"/>
      <c r="AJ359" s="85"/>
      <c r="AK359" s="85"/>
      <c r="AL359" s="85"/>
      <c r="AM359" s="92"/>
      <c r="AN359" s="92"/>
      <c r="AO359" s="92"/>
      <c r="AP359" s="92"/>
      <c r="AQ359" s="92"/>
      <c r="AR359" s="92"/>
      <c r="AS359" s="92"/>
      <c r="AT359" s="92"/>
      <c r="AU359" s="92"/>
      <c r="AV359" s="92"/>
      <c r="AW359" s="92"/>
      <c r="AX359" s="92"/>
      <c r="AY359" s="92"/>
      <c r="AZ359" s="93"/>
      <c r="BA359" s="93"/>
      <c r="BB359" s="93"/>
      <c r="BC359" s="93"/>
      <c r="BD359" s="93"/>
      <c r="BE359" s="93"/>
      <c r="BF359" s="93"/>
      <c r="BG359" s="93"/>
      <c r="BH359" s="93"/>
      <c r="BI359" s="93"/>
      <c r="BJ359" s="93"/>
      <c r="BK359" s="93"/>
      <c r="BL359" s="93"/>
    </row>
    <row r="360" spans="2:64" x14ac:dyDescent="0.2">
      <c r="B360" s="43"/>
      <c r="C360" s="73"/>
      <c r="D360" s="64"/>
      <c r="E360" s="55"/>
      <c r="F360" s="74"/>
      <c r="G360" s="74"/>
      <c r="H360" s="74"/>
      <c r="I360" s="75"/>
      <c r="J360" s="74"/>
      <c r="L360" s="55"/>
      <c r="M360" s="234"/>
      <c r="N360" s="65"/>
      <c r="O360" s="76"/>
      <c r="P360" s="76"/>
      <c r="Q360" s="65"/>
      <c r="R360" s="76"/>
      <c r="S360" s="76"/>
      <c r="T360" s="76"/>
      <c r="U360" s="76"/>
      <c r="V360" s="76"/>
      <c r="W360" s="76"/>
      <c r="X360" s="76"/>
      <c r="Y360" s="76"/>
      <c r="Z360" s="76"/>
      <c r="AA360" s="85"/>
      <c r="AB360" s="85"/>
      <c r="AC360" s="85"/>
      <c r="AD360" s="85"/>
      <c r="AE360" s="85"/>
      <c r="AF360" s="85"/>
      <c r="AG360" s="86"/>
      <c r="AH360" s="85"/>
      <c r="AI360" s="85"/>
      <c r="AJ360" s="85"/>
      <c r="AK360" s="85"/>
      <c r="AL360" s="85"/>
      <c r="AM360" s="92"/>
      <c r="AN360" s="92"/>
      <c r="AO360" s="92"/>
      <c r="AP360" s="92"/>
      <c r="AQ360" s="92"/>
      <c r="AR360" s="92"/>
      <c r="AS360" s="92"/>
      <c r="AT360" s="92"/>
      <c r="AU360" s="92"/>
      <c r="AV360" s="92"/>
      <c r="AW360" s="92"/>
      <c r="AX360" s="92"/>
      <c r="AY360" s="92"/>
      <c r="AZ360" s="93"/>
      <c r="BA360" s="93"/>
      <c r="BB360" s="93"/>
      <c r="BC360" s="93"/>
      <c r="BD360" s="93"/>
      <c r="BE360" s="93"/>
      <c r="BF360" s="93"/>
      <c r="BG360" s="93"/>
      <c r="BH360" s="93"/>
      <c r="BI360" s="93"/>
      <c r="BJ360" s="93"/>
      <c r="BK360" s="93"/>
      <c r="BL360" s="93"/>
    </row>
    <row r="361" spans="2:64" x14ac:dyDescent="0.2">
      <c r="B361" s="43"/>
      <c r="C361" s="73"/>
      <c r="D361" s="64"/>
      <c r="E361" s="55"/>
      <c r="F361" s="74"/>
      <c r="G361" s="74"/>
      <c r="H361" s="74"/>
      <c r="I361" s="75"/>
      <c r="J361" s="74"/>
      <c r="L361" s="55"/>
      <c r="M361" s="234"/>
      <c r="N361" s="65"/>
      <c r="O361" s="76"/>
      <c r="P361" s="76"/>
      <c r="Q361" s="65"/>
      <c r="R361" s="76"/>
      <c r="S361" s="76"/>
      <c r="T361" s="76"/>
      <c r="U361" s="76"/>
      <c r="V361" s="76"/>
      <c r="W361" s="76"/>
      <c r="X361" s="76"/>
      <c r="Y361" s="76"/>
      <c r="Z361" s="76"/>
      <c r="AA361" s="85"/>
      <c r="AB361" s="85"/>
      <c r="AC361" s="85"/>
      <c r="AD361" s="85"/>
      <c r="AE361" s="85"/>
      <c r="AF361" s="85"/>
      <c r="AG361" s="86"/>
      <c r="AH361" s="85"/>
      <c r="AI361" s="85"/>
      <c r="AJ361" s="85"/>
      <c r="AK361" s="85"/>
      <c r="AL361" s="85"/>
      <c r="AM361" s="92"/>
      <c r="AN361" s="92"/>
      <c r="AO361" s="92"/>
      <c r="AP361" s="92"/>
      <c r="AQ361" s="92"/>
      <c r="AR361" s="92"/>
      <c r="AS361" s="92"/>
      <c r="AT361" s="92"/>
      <c r="AU361" s="92"/>
      <c r="AV361" s="92"/>
      <c r="AW361" s="92"/>
      <c r="AX361" s="92"/>
      <c r="AY361" s="92"/>
      <c r="AZ361" s="93"/>
      <c r="BA361" s="93"/>
      <c r="BB361" s="93"/>
      <c r="BC361" s="93"/>
      <c r="BD361" s="93"/>
      <c r="BE361" s="93"/>
      <c r="BF361" s="93"/>
      <c r="BG361" s="93"/>
      <c r="BH361" s="93"/>
      <c r="BI361" s="93"/>
      <c r="BJ361" s="93"/>
      <c r="BK361" s="93"/>
      <c r="BL361" s="93"/>
    </row>
    <row r="362" spans="2:64" x14ac:dyDescent="0.2">
      <c r="B362" s="43"/>
      <c r="C362" s="73"/>
      <c r="D362" s="64"/>
      <c r="E362" s="55"/>
      <c r="F362" s="74"/>
      <c r="G362" s="74"/>
      <c r="H362" s="74"/>
      <c r="I362" s="75"/>
      <c r="J362" s="74"/>
      <c r="L362" s="55"/>
      <c r="M362" s="234"/>
      <c r="N362" s="65"/>
      <c r="O362" s="76"/>
      <c r="P362" s="76"/>
      <c r="Q362" s="65"/>
      <c r="R362" s="76"/>
      <c r="S362" s="76"/>
      <c r="T362" s="76"/>
      <c r="U362" s="76"/>
      <c r="V362" s="76"/>
      <c r="W362" s="76"/>
      <c r="X362" s="76"/>
      <c r="Y362" s="76"/>
      <c r="Z362" s="76"/>
      <c r="AA362" s="85"/>
      <c r="AB362" s="85"/>
      <c r="AC362" s="85"/>
      <c r="AD362" s="85"/>
      <c r="AE362" s="85"/>
      <c r="AF362" s="85"/>
      <c r="AG362" s="86"/>
      <c r="AH362" s="85"/>
      <c r="AI362" s="85"/>
      <c r="AJ362" s="85"/>
      <c r="AK362" s="85"/>
      <c r="AL362" s="85"/>
      <c r="AM362" s="92"/>
      <c r="AN362" s="92"/>
      <c r="AO362" s="92"/>
      <c r="AP362" s="92"/>
      <c r="AQ362" s="92"/>
      <c r="AR362" s="92"/>
      <c r="AS362" s="92"/>
      <c r="AT362" s="92"/>
      <c r="AU362" s="92"/>
      <c r="AV362" s="92"/>
      <c r="AW362" s="92"/>
      <c r="AX362" s="92"/>
      <c r="AY362" s="92"/>
      <c r="AZ362" s="93"/>
      <c r="BA362" s="93"/>
      <c r="BB362" s="93"/>
      <c r="BC362" s="93"/>
      <c r="BD362" s="93"/>
      <c r="BE362" s="93"/>
      <c r="BF362" s="93"/>
      <c r="BG362" s="93"/>
      <c r="BH362" s="93"/>
      <c r="BI362" s="93"/>
      <c r="BJ362" s="93"/>
      <c r="BK362" s="93"/>
      <c r="BL362" s="93"/>
    </row>
    <row r="363" spans="2:64" x14ac:dyDescent="0.2">
      <c r="B363" s="43"/>
      <c r="C363" s="73"/>
      <c r="D363" s="64"/>
      <c r="E363" s="55"/>
      <c r="F363" s="74"/>
      <c r="G363" s="74"/>
      <c r="H363" s="74"/>
      <c r="I363" s="75"/>
      <c r="J363" s="74"/>
      <c r="L363" s="55"/>
      <c r="M363" s="234"/>
      <c r="N363" s="65"/>
      <c r="O363" s="76"/>
      <c r="P363" s="76"/>
      <c r="Q363" s="65"/>
      <c r="R363" s="76"/>
      <c r="S363" s="76"/>
      <c r="T363" s="76"/>
      <c r="U363" s="76"/>
      <c r="V363" s="76"/>
      <c r="W363" s="76"/>
      <c r="X363" s="76"/>
      <c r="Y363" s="76"/>
      <c r="Z363" s="76"/>
      <c r="AA363" s="85"/>
      <c r="AB363" s="85"/>
      <c r="AC363" s="85"/>
      <c r="AD363" s="85"/>
      <c r="AE363" s="85"/>
      <c r="AF363" s="85"/>
      <c r="AG363" s="86"/>
      <c r="AH363" s="85"/>
      <c r="AI363" s="85"/>
      <c r="AJ363" s="85"/>
      <c r="AK363" s="85"/>
      <c r="AL363" s="85"/>
      <c r="AM363" s="92"/>
      <c r="AN363" s="92"/>
      <c r="AO363" s="92"/>
      <c r="AP363" s="92"/>
      <c r="AQ363" s="92"/>
      <c r="AR363" s="92"/>
      <c r="AS363" s="92"/>
      <c r="AT363" s="92"/>
      <c r="AU363" s="92"/>
      <c r="AV363" s="92"/>
      <c r="AW363" s="92"/>
      <c r="AX363" s="92"/>
      <c r="AY363" s="92"/>
      <c r="AZ363" s="93"/>
      <c r="BA363" s="93"/>
      <c r="BB363" s="93"/>
      <c r="BC363" s="93"/>
      <c r="BD363" s="93"/>
      <c r="BE363" s="93"/>
      <c r="BF363" s="93"/>
      <c r="BG363" s="93"/>
      <c r="BH363" s="93"/>
      <c r="BI363" s="93"/>
      <c r="BJ363" s="93"/>
      <c r="BK363" s="93"/>
      <c r="BL363" s="93"/>
    </row>
    <row r="364" spans="2:64" x14ac:dyDescent="0.2">
      <c r="B364" s="43"/>
      <c r="C364" s="73"/>
      <c r="D364" s="64"/>
      <c r="E364" s="55"/>
      <c r="F364" s="74"/>
      <c r="G364" s="74"/>
      <c r="H364" s="74"/>
      <c r="I364" s="75"/>
      <c r="J364" s="74"/>
      <c r="L364" s="55"/>
      <c r="M364" s="234"/>
      <c r="N364" s="65"/>
      <c r="O364" s="76"/>
      <c r="P364" s="76"/>
      <c r="Q364" s="65"/>
      <c r="R364" s="76"/>
      <c r="S364" s="76"/>
      <c r="T364" s="76"/>
      <c r="U364" s="76"/>
      <c r="V364" s="76"/>
      <c r="W364" s="76"/>
      <c r="X364" s="76"/>
      <c r="Y364" s="76"/>
      <c r="Z364" s="76"/>
      <c r="AA364" s="85"/>
      <c r="AB364" s="85"/>
      <c r="AC364" s="85"/>
      <c r="AD364" s="85"/>
      <c r="AE364" s="85"/>
      <c r="AF364" s="85"/>
      <c r="AG364" s="86"/>
      <c r="AH364" s="85"/>
      <c r="AI364" s="85"/>
      <c r="AJ364" s="85"/>
      <c r="AK364" s="85"/>
      <c r="AL364" s="85"/>
      <c r="AM364" s="92"/>
      <c r="AN364" s="92"/>
      <c r="AO364" s="92"/>
      <c r="AP364" s="92"/>
      <c r="AQ364" s="92"/>
      <c r="AR364" s="92"/>
      <c r="AS364" s="92"/>
      <c r="AT364" s="92"/>
      <c r="AU364" s="92"/>
      <c r="AV364" s="92"/>
      <c r="AW364" s="92"/>
      <c r="AX364" s="92"/>
      <c r="AY364" s="92"/>
      <c r="AZ364" s="93"/>
      <c r="BA364" s="93"/>
      <c r="BB364" s="93"/>
      <c r="BC364" s="93"/>
      <c r="BD364" s="93"/>
      <c r="BE364" s="93"/>
      <c r="BF364" s="93"/>
      <c r="BG364" s="93"/>
      <c r="BH364" s="93"/>
      <c r="BI364" s="93"/>
      <c r="BJ364" s="93"/>
      <c r="BK364" s="93"/>
      <c r="BL364" s="93"/>
    </row>
    <row r="365" spans="2:64" x14ac:dyDescent="0.2">
      <c r="B365" s="43"/>
      <c r="C365" s="73"/>
      <c r="D365" s="64"/>
      <c r="E365" s="55"/>
      <c r="F365" s="74"/>
      <c r="G365" s="74"/>
      <c r="H365" s="74"/>
      <c r="I365" s="75"/>
      <c r="J365" s="74"/>
      <c r="L365" s="55"/>
      <c r="M365" s="234"/>
      <c r="N365" s="65"/>
      <c r="O365" s="76"/>
      <c r="P365" s="76"/>
      <c r="Q365" s="65"/>
      <c r="R365" s="76"/>
      <c r="S365" s="76"/>
      <c r="T365" s="76"/>
      <c r="U365" s="76"/>
      <c r="V365" s="76"/>
      <c r="W365" s="76"/>
      <c r="X365" s="76"/>
      <c r="Y365" s="76"/>
      <c r="Z365" s="76"/>
      <c r="AA365" s="85"/>
      <c r="AB365" s="85"/>
      <c r="AC365" s="85"/>
      <c r="AD365" s="85"/>
      <c r="AE365" s="85"/>
      <c r="AF365" s="85"/>
      <c r="AG365" s="86"/>
      <c r="AH365" s="85"/>
      <c r="AI365" s="85"/>
      <c r="AJ365" s="85"/>
      <c r="AK365" s="85"/>
      <c r="AL365" s="85"/>
      <c r="AM365" s="92"/>
      <c r="AN365" s="92"/>
      <c r="AO365" s="92"/>
      <c r="AP365" s="92"/>
      <c r="AQ365" s="92"/>
      <c r="AR365" s="92"/>
      <c r="AS365" s="92"/>
      <c r="AT365" s="92"/>
      <c r="AU365" s="92"/>
      <c r="AV365" s="92"/>
      <c r="AW365" s="92"/>
      <c r="AX365" s="92"/>
      <c r="AY365" s="92"/>
      <c r="AZ365" s="93"/>
      <c r="BA365" s="93"/>
      <c r="BB365" s="93"/>
      <c r="BC365" s="93"/>
      <c r="BD365" s="93"/>
      <c r="BE365" s="93"/>
      <c r="BF365" s="93"/>
      <c r="BG365" s="93"/>
      <c r="BH365" s="93"/>
      <c r="BI365" s="93"/>
      <c r="BJ365" s="93"/>
      <c r="BK365" s="93"/>
      <c r="BL365" s="93"/>
    </row>
    <row r="366" spans="2:64" x14ac:dyDescent="0.2">
      <c r="B366" s="43"/>
      <c r="C366" s="73"/>
      <c r="D366" s="64"/>
      <c r="E366" s="55"/>
      <c r="F366" s="74"/>
      <c r="G366" s="74"/>
      <c r="H366" s="74"/>
      <c r="I366" s="75"/>
      <c r="J366" s="74"/>
      <c r="L366" s="55"/>
      <c r="M366" s="234"/>
      <c r="N366" s="65"/>
      <c r="O366" s="76"/>
      <c r="P366" s="76"/>
      <c r="Q366" s="65"/>
      <c r="R366" s="76"/>
      <c r="S366" s="76"/>
      <c r="T366" s="76"/>
      <c r="U366" s="76"/>
      <c r="V366" s="76"/>
      <c r="W366" s="76"/>
      <c r="X366" s="76"/>
      <c r="Y366" s="76"/>
      <c r="Z366" s="76"/>
      <c r="AA366" s="85"/>
      <c r="AB366" s="85"/>
      <c r="AC366" s="85"/>
      <c r="AD366" s="85"/>
      <c r="AE366" s="85"/>
      <c r="AF366" s="85"/>
      <c r="AG366" s="86"/>
      <c r="AH366" s="85"/>
      <c r="AI366" s="85"/>
      <c r="AJ366" s="85"/>
      <c r="AK366" s="85"/>
      <c r="AL366" s="85"/>
      <c r="AM366" s="92"/>
      <c r="AN366" s="92"/>
      <c r="AO366" s="92"/>
      <c r="AP366" s="92"/>
      <c r="AQ366" s="92"/>
      <c r="AR366" s="92"/>
      <c r="AS366" s="92"/>
      <c r="AT366" s="92"/>
      <c r="AU366" s="92"/>
      <c r="AV366" s="92"/>
      <c r="AW366" s="92"/>
      <c r="AX366" s="92"/>
      <c r="AY366" s="92"/>
      <c r="AZ366" s="93"/>
      <c r="BA366" s="93"/>
      <c r="BB366" s="93"/>
      <c r="BC366" s="93"/>
      <c r="BD366" s="93"/>
      <c r="BE366" s="93"/>
      <c r="BF366" s="93"/>
      <c r="BG366" s="93"/>
      <c r="BH366" s="93"/>
      <c r="BI366" s="93"/>
      <c r="BJ366" s="93"/>
      <c r="BK366" s="93"/>
      <c r="BL366" s="93"/>
    </row>
    <row r="367" spans="2:64" x14ac:dyDescent="0.2">
      <c r="B367" s="43"/>
      <c r="C367" s="73"/>
      <c r="D367" s="64"/>
      <c r="E367" s="55"/>
      <c r="F367" s="74"/>
      <c r="G367" s="74"/>
      <c r="H367" s="74"/>
      <c r="I367" s="75"/>
      <c r="J367" s="74"/>
      <c r="L367" s="55"/>
      <c r="M367" s="234"/>
      <c r="N367" s="65"/>
      <c r="O367" s="76"/>
      <c r="P367" s="76"/>
      <c r="Q367" s="65"/>
      <c r="R367" s="76"/>
      <c r="S367" s="76"/>
      <c r="T367" s="76"/>
      <c r="U367" s="76"/>
      <c r="V367" s="76"/>
      <c r="W367" s="76"/>
      <c r="X367" s="76"/>
      <c r="Y367" s="76"/>
      <c r="Z367" s="76"/>
      <c r="AA367" s="85"/>
      <c r="AB367" s="85"/>
      <c r="AC367" s="85"/>
      <c r="AD367" s="85"/>
      <c r="AE367" s="85"/>
      <c r="AF367" s="85"/>
      <c r="AG367" s="86"/>
      <c r="AH367" s="85"/>
      <c r="AI367" s="85"/>
      <c r="AJ367" s="85"/>
      <c r="AK367" s="85"/>
      <c r="AL367" s="85"/>
      <c r="AM367" s="92"/>
      <c r="AN367" s="92"/>
      <c r="AO367" s="92"/>
      <c r="AP367" s="92"/>
      <c r="AQ367" s="92"/>
      <c r="AR367" s="92"/>
      <c r="AS367" s="92"/>
      <c r="AT367" s="92"/>
      <c r="AU367" s="92"/>
      <c r="AV367" s="92"/>
      <c r="AW367" s="92"/>
      <c r="AX367" s="92"/>
      <c r="AY367" s="92"/>
      <c r="AZ367" s="93"/>
      <c r="BA367" s="93"/>
      <c r="BB367" s="93"/>
      <c r="BC367" s="93"/>
      <c r="BD367" s="93"/>
      <c r="BE367" s="93"/>
      <c r="BF367" s="93"/>
      <c r="BG367" s="93"/>
      <c r="BH367" s="93"/>
      <c r="BI367" s="93"/>
      <c r="BJ367" s="93"/>
      <c r="BK367" s="93"/>
      <c r="BL367" s="93"/>
    </row>
    <row r="368" spans="2:64" x14ac:dyDescent="0.2">
      <c r="B368" s="43"/>
      <c r="C368" s="73"/>
      <c r="D368" s="64"/>
      <c r="E368" s="55"/>
      <c r="F368" s="74"/>
      <c r="G368" s="74"/>
      <c r="H368" s="74"/>
      <c r="I368" s="75"/>
      <c r="J368" s="74"/>
      <c r="L368" s="55"/>
      <c r="M368" s="234"/>
      <c r="N368" s="65"/>
      <c r="O368" s="76"/>
      <c r="P368" s="76"/>
      <c r="Q368" s="65"/>
      <c r="R368" s="76"/>
      <c r="S368" s="76"/>
      <c r="T368" s="76"/>
      <c r="U368" s="76"/>
      <c r="V368" s="76"/>
      <c r="W368" s="76"/>
      <c r="X368" s="76"/>
      <c r="Y368" s="76"/>
      <c r="Z368" s="76"/>
      <c r="AA368" s="85"/>
      <c r="AB368" s="85"/>
      <c r="AC368" s="85"/>
      <c r="AD368" s="85"/>
      <c r="AE368" s="85"/>
      <c r="AF368" s="85"/>
      <c r="AG368" s="86"/>
      <c r="AH368" s="85"/>
      <c r="AI368" s="85"/>
      <c r="AJ368" s="85"/>
      <c r="AK368" s="85"/>
      <c r="AL368" s="85"/>
      <c r="AM368" s="92"/>
      <c r="AN368" s="92"/>
      <c r="AO368" s="92"/>
      <c r="AP368" s="92"/>
      <c r="AQ368" s="92"/>
      <c r="AR368" s="92"/>
      <c r="AS368" s="92"/>
      <c r="AT368" s="92"/>
      <c r="AU368" s="92"/>
      <c r="AV368" s="92"/>
      <c r="AW368" s="92"/>
      <c r="AX368" s="92"/>
      <c r="AY368" s="92"/>
      <c r="AZ368" s="93"/>
      <c r="BA368" s="93"/>
      <c r="BB368" s="93"/>
      <c r="BC368" s="93"/>
      <c r="BD368" s="93"/>
      <c r="BE368" s="93"/>
      <c r="BF368" s="93"/>
      <c r="BG368" s="93"/>
      <c r="BH368" s="93"/>
      <c r="BI368" s="93"/>
      <c r="BJ368" s="93"/>
      <c r="BK368" s="93"/>
      <c r="BL368" s="93"/>
    </row>
    <row r="369" spans="2:64" x14ac:dyDescent="0.2">
      <c r="B369" s="43"/>
      <c r="C369" s="73"/>
      <c r="D369" s="64"/>
      <c r="E369" s="55"/>
      <c r="F369" s="74"/>
      <c r="G369" s="74"/>
      <c r="H369" s="74"/>
      <c r="I369" s="75"/>
      <c r="J369" s="74"/>
      <c r="L369" s="55"/>
      <c r="M369" s="234"/>
      <c r="N369" s="65"/>
      <c r="O369" s="76"/>
      <c r="P369" s="76"/>
      <c r="Q369" s="65"/>
      <c r="R369" s="76"/>
      <c r="S369" s="76"/>
      <c r="T369" s="76"/>
      <c r="U369" s="76"/>
      <c r="V369" s="76"/>
      <c r="W369" s="76"/>
      <c r="X369" s="76"/>
      <c r="Y369" s="76"/>
      <c r="Z369" s="76"/>
      <c r="AA369" s="85"/>
      <c r="AB369" s="85"/>
      <c r="AC369" s="85"/>
      <c r="AD369" s="85"/>
      <c r="AE369" s="85"/>
      <c r="AF369" s="85"/>
      <c r="AG369" s="86"/>
      <c r="AH369" s="85"/>
      <c r="AI369" s="85"/>
      <c r="AJ369" s="85"/>
      <c r="AK369" s="85"/>
      <c r="AL369" s="85"/>
      <c r="AM369" s="92"/>
      <c r="AN369" s="92"/>
      <c r="AO369" s="92"/>
      <c r="AP369" s="92"/>
      <c r="AQ369" s="92"/>
      <c r="AR369" s="92"/>
      <c r="AS369" s="92"/>
      <c r="AT369" s="92"/>
      <c r="AU369" s="92"/>
      <c r="AV369" s="92"/>
      <c r="AW369" s="92"/>
      <c r="AX369" s="92"/>
      <c r="AY369" s="92"/>
      <c r="AZ369" s="93"/>
      <c r="BA369" s="93"/>
      <c r="BB369" s="93"/>
      <c r="BC369" s="93"/>
      <c r="BD369" s="93"/>
      <c r="BE369" s="93"/>
      <c r="BF369" s="93"/>
      <c r="BG369" s="93"/>
      <c r="BH369" s="93"/>
      <c r="BI369" s="93"/>
      <c r="BJ369" s="93"/>
      <c r="BK369" s="93"/>
      <c r="BL369" s="93"/>
    </row>
    <row r="370" spans="2:64" x14ac:dyDescent="0.2">
      <c r="B370" s="43"/>
      <c r="C370" s="73"/>
      <c r="D370" s="64"/>
      <c r="E370" s="55"/>
      <c r="F370" s="74"/>
      <c r="G370" s="74"/>
      <c r="H370" s="74"/>
      <c r="I370" s="75"/>
      <c r="J370" s="74"/>
      <c r="L370" s="55"/>
      <c r="M370" s="234"/>
      <c r="N370" s="65"/>
      <c r="O370" s="76"/>
      <c r="P370" s="76"/>
      <c r="Q370" s="65"/>
      <c r="R370" s="76"/>
      <c r="S370" s="76"/>
      <c r="T370" s="76"/>
      <c r="U370" s="76"/>
      <c r="V370" s="76"/>
      <c r="W370" s="76"/>
      <c r="X370" s="76"/>
      <c r="Y370" s="76"/>
      <c r="Z370" s="76"/>
      <c r="AA370" s="85"/>
      <c r="AB370" s="85"/>
      <c r="AC370" s="85"/>
      <c r="AD370" s="85"/>
      <c r="AE370" s="85"/>
      <c r="AF370" s="85"/>
      <c r="AG370" s="86"/>
      <c r="AH370" s="85"/>
      <c r="AI370" s="85"/>
      <c r="AJ370" s="85"/>
      <c r="AK370" s="85"/>
      <c r="AL370" s="85"/>
      <c r="AM370" s="92"/>
      <c r="AN370" s="92"/>
      <c r="AO370" s="92"/>
      <c r="AP370" s="92"/>
      <c r="AQ370" s="92"/>
      <c r="AR370" s="92"/>
      <c r="AS370" s="92"/>
      <c r="AT370" s="92"/>
      <c r="AU370" s="92"/>
      <c r="AV370" s="92"/>
      <c r="AW370" s="92"/>
      <c r="AX370" s="92"/>
      <c r="AY370" s="92"/>
      <c r="AZ370" s="93"/>
      <c r="BA370" s="93"/>
      <c r="BB370" s="93"/>
      <c r="BC370" s="93"/>
      <c r="BD370" s="93"/>
      <c r="BE370" s="93"/>
      <c r="BF370" s="93"/>
      <c r="BG370" s="93"/>
      <c r="BH370" s="93"/>
      <c r="BI370" s="93"/>
      <c r="BJ370" s="93"/>
      <c r="BK370" s="93"/>
      <c r="BL370" s="93"/>
    </row>
    <row r="371" spans="2:64" x14ac:dyDescent="0.2">
      <c r="B371" s="43"/>
      <c r="C371" s="73"/>
      <c r="D371" s="64"/>
      <c r="E371" s="55"/>
      <c r="F371" s="74"/>
      <c r="G371" s="74"/>
      <c r="H371" s="74"/>
      <c r="I371" s="75"/>
      <c r="J371" s="74"/>
      <c r="L371" s="55"/>
      <c r="M371" s="234"/>
      <c r="N371" s="65"/>
      <c r="O371" s="76"/>
      <c r="P371" s="76"/>
      <c r="Q371" s="65"/>
      <c r="R371" s="76"/>
      <c r="S371" s="76"/>
      <c r="T371" s="76"/>
      <c r="U371" s="76"/>
      <c r="V371" s="76"/>
      <c r="W371" s="76"/>
      <c r="X371" s="76"/>
      <c r="Y371" s="76"/>
      <c r="Z371" s="76"/>
      <c r="AA371" s="85"/>
      <c r="AB371" s="85"/>
      <c r="AC371" s="85"/>
      <c r="AD371" s="85"/>
      <c r="AE371" s="85"/>
      <c r="AF371" s="85"/>
      <c r="AG371" s="86"/>
      <c r="AH371" s="85"/>
      <c r="AI371" s="85"/>
      <c r="AJ371" s="85"/>
      <c r="AK371" s="85"/>
      <c r="AL371" s="85"/>
      <c r="AM371" s="92"/>
      <c r="AN371" s="92"/>
      <c r="AO371" s="92"/>
      <c r="AP371" s="92"/>
      <c r="AQ371" s="92"/>
      <c r="AR371" s="92"/>
      <c r="AS371" s="92"/>
      <c r="AT371" s="92"/>
      <c r="AU371" s="92"/>
      <c r="AV371" s="92"/>
      <c r="AW371" s="92"/>
      <c r="AX371" s="92"/>
      <c r="AY371" s="92"/>
      <c r="AZ371" s="93"/>
      <c r="BA371" s="93"/>
      <c r="BB371" s="93"/>
      <c r="BC371" s="93"/>
      <c r="BD371" s="93"/>
      <c r="BE371" s="93"/>
      <c r="BF371" s="93"/>
      <c r="BG371" s="93"/>
      <c r="BH371" s="93"/>
      <c r="BI371" s="93"/>
      <c r="BJ371" s="93"/>
      <c r="BK371" s="93"/>
      <c r="BL371" s="93"/>
    </row>
    <row r="372" spans="2:64" x14ac:dyDescent="0.2">
      <c r="B372" s="43"/>
      <c r="C372" s="73"/>
      <c r="D372" s="64"/>
      <c r="E372" s="55"/>
      <c r="F372" s="74"/>
      <c r="G372" s="74"/>
      <c r="H372" s="74"/>
      <c r="I372" s="75"/>
      <c r="J372" s="74"/>
      <c r="L372" s="55"/>
      <c r="M372" s="234"/>
      <c r="N372" s="65"/>
      <c r="O372" s="76"/>
      <c r="P372" s="76"/>
      <c r="Q372" s="65"/>
      <c r="R372" s="76"/>
      <c r="S372" s="76"/>
      <c r="T372" s="76"/>
      <c r="U372" s="76"/>
      <c r="V372" s="76"/>
      <c r="W372" s="76"/>
      <c r="X372" s="76"/>
      <c r="Y372" s="76"/>
      <c r="Z372" s="76"/>
      <c r="AA372" s="85"/>
      <c r="AB372" s="85"/>
      <c r="AC372" s="85"/>
      <c r="AD372" s="85"/>
      <c r="AE372" s="85"/>
      <c r="AF372" s="85"/>
      <c r="AG372" s="86"/>
      <c r="AH372" s="85"/>
      <c r="AI372" s="85"/>
      <c r="AJ372" s="85"/>
      <c r="AK372" s="85"/>
      <c r="AL372" s="85"/>
      <c r="AM372" s="92"/>
      <c r="AN372" s="92"/>
      <c r="AO372" s="92"/>
      <c r="AP372" s="92"/>
      <c r="AQ372" s="92"/>
      <c r="AR372" s="92"/>
      <c r="AS372" s="92"/>
      <c r="AT372" s="92"/>
      <c r="AU372" s="92"/>
      <c r="AV372" s="92"/>
      <c r="AW372" s="92"/>
      <c r="AX372" s="92"/>
      <c r="AY372" s="92"/>
      <c r="AZ372" s="93"/>
      <c r="BA372" s="93"/>
      <c r="BB372" s="93"/>
      <c r="BC372" s="93"/>
      <c r="BD372" s="93"/>
      <c r="BE372" s="93"/>
      <c r="BF372" s="93"/>
      <c r="BG372" s="93"/>
      <c r="BH372" s="93"/>
      <c r="BI372" s="93"/>
      <c r="BJ372" s="93"/>
      <c r="BK372" s="93"/>
      <c r="BL372" s="93"/>
    </row>
    <row r="373" spans="2:64" x14ac:dyDescent="0.2">
      <c r="B373" s="43"/>
      <c r="C373" s="73"/>
      <c r="D373" s="64"/>
      <c r="E373" s="55"/>
      <c r="F373" s="74"/>
      <c r="G373" s="74"/>
      <c r="H373" s="74"/>
      <c r="I373" s="75"/>
      <c r="J373" s="74"/>
      <c r="L373" s="55"/>
      <c r="M373" s="234"/>
      <c r="N373" s="65"/>
      <c r="O373" s="76"/>
      <c r="P373" s="76"/>
      <c r="Q373" s="65"/>
      <c r="R373" s="76"/>
      <c r="S373" s="76"/>
      <c r="T373" s="76"/>
      <c r="U373" s="76"/>
      <c r="V373" s="76"/>
      <c r="W373" s="76"/>
      <c r="X373" s="76"/>
      <c r="Y373" s="76"/>
      <c r="Z373" s="76"/>
      <c r="AA373" s="85"/>
      <c r="AB373" s="85"/>
      <c r="AC373" s="85"/>
      <c r="AD373" s="85"/>
      <c r="AE373" s="85"/>
      <c r="AF373" s="85"/>
      <c r="AG373" s="86"/>
      <c r="AH373" s="85"/>
      <c r="AI373" s="85"/>
      <c r="AJ373" s="85"/>
      <c r="AK373" s="85"/>
      <c r="AL373" s="85"/>
      <c r="AM373" s="92"/>
      <c r="AN373" s="92"/>
      <c r="AO373" s="92"/>
      <c r="AP373" s="92"/>
      <c r="AQ373" s="92"/>
      <c r="AR373" s="92"/>
      <c r="AS373" s="92"/>
      <c r="AT373" s="92"/>
      <c r="AU373" s="92"/>
      <c r="AV373" s="92"/>
      <c r="AW373" s="92"/>
      <c r="AX373" s="92"/>
      <c r="AY373" s="92"/>
      <c r="AZ373" s="93"/>
      <c r="BA373" s="93"/>
      <c r="BB373" s="93"/>
      <c r="BC373" s="93"/>
      <c r="BD373" s="93"/>
      <c r="BE373" s="93"/>
      <c r="BF373" s="93"/>
      <c r="BG373" s="93"/>
      <c r="BH373" s="93"/>
      <c r="BI373" s="93"/>
      <c r="BJ373" s="93"/>
      <c r="BK373" s="93"/>
      <c r="BL373" s="93"/>
    </row>
    <row r="374" spans="2:64" x14ac:dyDescent="0.2">
      <c r="B374" s="43"/>
      <c r="C374" s="73"/>
      <c r="D374" s="64"/>
      <c r="E374" s="55"/>
      <c r="F374" s="74"/>
      <c r="G374" s="74"/>
      <c r="H374" s="74"/>
      <c r="I374" s="75"/>
      <c r="J374" s="74"/>
      <c r="L374" s="55"/>
      <c r="M374" s="234"/>
      <c r="N374" s="65"/>
      <c r="O374" s="76"/>
      <c r="P374" s="76"/>
      <c r="Q374" s="65"/>
      <c r="R374" s="76"/>
      <c r="S374" s="76"/>
      <c r="T374" s="76"/>
      <c r="U374" s="76"/>
      <c r="V374" s="76"/>
      <c r="W374" s="76"/>
      <c r="X374" s="76"/>
      <c r="Y374" s="76"/>
      <c r="Z374" s="76"/>
      <c r="AA374" s="85"/>
      <c r="AB374" s="85"/>
      <c r="AC374" s="85"/>
      <c r="AD374" s="85"/>
      <c r="AE374" s="85"/>
      <c r="AF374" s="85"/>
      <c r="AG374" s="86"/>
      <c r="AH374" s="85"/>
      <c r="AI374" s="85"/>
      <c r="AJ374" s="85"/>
      <c r="AK374" s="85"/>
      <c r="AL374" s="85"/>
      <c r="AM374" s="92"/>
      <c r="AN374" s="92"/>
      <c r="AO374" s="92"/>
      <c r="AP374" s="92"/>
      <c r="AQ374" s="92"/>
      <c r="AR374" s="92"/>
      <c r="AS374" s="92"/>
      <c r="AT374" s="92"/>
      <c r="AU374" s="92"/>
      <c r="AV374" s="92"/>
      <c r="AW374" s="92"/>
      <c r="AX374" s="92"/>
      <c r="AY374" s="92"/>
      <c r="AZ374" s="93"/>
      <c r="BA374" s="93"/>
      <c r="BB374" s="93"/>
      <c r="BC374" s="93"/>
      <c r="BD374" s="93"/>
      <c r="BE374" s="93"/>
      <c r="BF374" s="93"/>
      <c r="BG374" s="93"/>
      <c r="BH374" s="93"/>
      <c r="BI374" s="93"/>
      <c r="BJ374" s="93"/>
      <c r="BK374" s="93"/>
      <c r="BL374" s="93"/>
    </row>
    <row r="375" spans="2:64" x14ac:dyDescent="0.2">
      <c r="B375" s="43"/>
      <c r="C375" s="73"/>
      <c r="D375" s="64"/>
      <c r="E375" s="55"/>
      <c r="F375" s="74"/>
      <c r="G375" s="74"/>
      <c r="H375" s="74"/>
      <c r="I375" s="75"/>
      <c r="J375" s="74"/>
      <c r="L375" s="55"/>
      <c r="M375" s="234"/>
      <c r="N375" s="65"/>
      <c r="O375" s="76"/>
      <c r="P375" s="76"/>
      <c r="Q375" s="65"/>
      <c r="R375" s="76"/>
      <c r="S375" s="76"/>
      <c r="T375" s="76"/>
      <c r="U375" s="76"/>
      <c r="V375" s="76"/>
      <c r="W375" s="76"/>
      <c r="X375" s="76"/>
      <c r="Y375" s="76"/>
      <c r="Z375" s="76"/>
      <c r="AA375" s="85"/>
      <c r="AB375" s="85"/>
      <c r="AC375" s="85"/>
      <c r="AD375" s="85"/>
      <c r="AE375" s="85"/>
      <c r="AF375" s="85"/>
      <c r="AG375" s="86"/>
      <c r="AH375" s="85"/>
      <c r="AI375" s="85"/>
      <c r="AJ375" s="85"/>
      <c r="AK375" s="85"/>
      <c r="AL375" s="85"/>
      <c r="AM375" s="92"/>
      <c r="AN375" s="92"/>
      <c r="AO375" s="92"/>
      <c r="AP375" s="92"/>
      <c r="AQ375" s="92"/>
      <c r="AR375" s="92"/>
      <c r="AS375" s="92"/>
      <c r="AT375" s="92"/>
      <c r="AU375" s="92"/>
      <c r="AV375" s="92"/>
      <c r="AW375" s="92"/>
      <c r="AX375" s="92"/>
      <c r="AY375" s="92"/>
      <c r="AZ375" s="93"/>
      <c r="BA375" s="93"/>
      <c r="BB375" s="93"/>
      <c r="BC375" s="93"/>
      <c r="BD375" s="93"/>
      <c r="BE375" s="93"/>
      <c r="BF375" s="93"/>
      <c r="BG375" s="93"/>
      <c r="BH375" s="93"/>
      <c r="BI375" s="93"/>
      <c r="BJ375" s="93"/>
      <c r="BK375" s="93"/>
      <c r="BL375" s="93"/>
    </row>
    <row r="376" spans="2:64" x14ac:dyDescent="0.2">
      <c r="B376" s="43"/>
      <c r="C376" s="73"/>
      <c r="D376" s="64"/>
      <c r="E376" s="55"/>
      <c r="F376" s="74"/>
      <c r="G376" s="74"/>
      <c r="H376" s="74"/>
      <c r="I376" s="75"/>
      <c r="J376" s="74"/>
      <c r="L376" s="55"/>
      <c r="M376" s="234"/>
      <c r="N376" s="65"/>
      <c r="O376" s="76"/>
      <c r="P376" s="76"/>
      <c r="Q376" s="65"/>
      <c r="R376" s="76"/>
      <c r="S376" s="76"/>
      <c r="T376" s="76"/>
      <c r="U376" s="76"/>
      <c r="V376" s="76"/>
      <c r="W376" s="76"/>
      <c r="X376" s="76"/>
      <c r="Y376" s="76"/>
      <c r="Z376" s="76"/>
      <c r="AA376" s="85"/>
      <c r="AB376" s="85"/>
      <c r="AC376" s="85"/>
      <c r="AD376" s="85"/>
      <c r="AE376" s="85"/>
      <c r="AF376" s="85"/>
      <c r="AG376" s="86"/>
      <c r="AH376" s="85"/>
      <c r="AI376" s="85"/>
      <c r="AJ376" s="85"/>
      <c r="AK376" s="85"/>
      <c r="AL376" s="85"/>
      <c r="AM376" s="92"/>
      <c r="AN376" s="92"/>
      <c r="AO376" s="92"/>
      <c r="AP376" s="92"/>
      <c r="AQ376" s="92"/>
      <c r="AR376" s="92"/>
      <c r="AS376" s="92"/>
      <c r="AT376" s="92"/>
      <c r="AU376" s="92"/>
      <c r="AV376" s="92"/>
      <c r="AW376" s="92"/>
      <c r="AX376" s="92"/>
      <c r="AY376" s="92"/>
      <c r="AZ376" s="93"/>
      <c r="BA376" s="93"/>
      <c r="BB376" s="93"/>
      <c r="BC376" s="93"/>
      <c r="BD376" s="93"/>
      <c r="BE376" s="93"/>
      <c r="BF376" s="93"/>
      <c r="BG376" s="93"/>
      <c r="BH376" s="93"/>
      <c r="BI376" s="93"/>
      <c r="BJ376" s="93"/>
      <c r="BK376" s="93"/>
      <c r="BL376" s="93"/>
    </row>
    <row r="377" spans="2:64" x14ac:dyDescent="0.2">
      <c r="B377" s="43"/>
      <c r="C377" s="73"/>
      <c r="D377" s="64"/>
      <c r="E377" s="55"/>
      <c r="F377" s="74"/>
      <c r="G377" s="74"/>
      <c r="H377" s="74"/>
      <c r="I377" s="75"/>
      <c r="J377" s="74"/>
      <c r="L377" s="55"/>
      <c r="M377" s="234"/>
      <c r="N377" s="65"/>
      <c r="O377" s="76"/>
      <c r="P377" s="76"/>
      <c r="Q377" s="65"/>
      <c r="R377" s="76"/>
      <c r="S377" s="76"/>
      <c r="T377" s="76"/>
      <c r="U377" s="76"/>
      <c r="V377" s="76"/>
      <c r="W377" s="76"/>
      <c r="X377" s="76"/>
      <c r="Y377" s="76"/>
      <c r="Z377" s="76"/>
      <c r="AA377" s="85"/>
      <c r="AB377" s="85"/>
      <c r="AC377" s="85"/>
      <c r="AD377" s="85"/>
      <c r="AE377" s="85"/>
      <c r="AF377" s="85"/>
      <c r="AG377" s="86"/>
      <c r="AH377" s="85"/>
      <c r="AI377" s="85"/>
      <c r="AJ377" s="85"/>
      <c r="AK377" s="85"/>
      <c r="AL377" s="85"/>
      <c r="AM377" s="92"/>
      <c r="AN377" s="92"/>
      <c r="AO377" s="92"/>
      <c r="AP377" s="92"/>
      <c r="AQ377" s="92"/>
      <c r="AR377" s="92"/>
      <c r="AS377" s="92"/>
      <c r="AT377" s="92"/>
      <c r="AU377" s="92"/>
      <c r="AV377" s="92"/>
      <c r="AW377" s="92"/>
      <c r="AX377" s="92"/>
      <c r="AY377" s="92"/>
      <c r="AZ377" s="93"/>
      <c r="BA377" s="93"/>
      <c r="BB377" s="93"/>
      <c r="BC377" s="93"/>
      <c r="BD377" s="93"/>
      <c r="BE377" s="93"/>
      <c r="BF377" s="93"/>
      <c r="BG377" s="93"/>
      <c r="BH377" s="93"/>
      <c r="BI377" s="93"/>
      <c r="BJ377" s="93"/>
      <c r="BK377" s="93"/>
      <c r="BL377" s="93"/>
    </row>
    <row r="378" spans="2:64" x14ac:dyDescent="0.2">
      <c r="B378" s="43"/>
      <c r="C378" s="73"/>
      <c r="D378" s="64"/>
      <c r="E378" s="55"/>
      <c r="F378" s="74"/>
      <c r="G378" s="74"/>
      <c r="H378" s="74"/>
      <c r="I378" s="75"/>
      <c r="J378" s="74"/>
      <c r="L378" s="55"/>
      <c r="M378" s="234"/>
      <c r="N378" s="65"/>
      <c r="O378" s="76"/>
      <c r="P378" s="76"/>
      <c r="Q378" s="65"/>
      <c r="R378" s="76"/>
      <c r="S378" s="76"/>
      <c r="T378" s="76"/>
      <c r="U378" s="76"/>
      <c r="V378" s="76"/>
      <c r="W378" s="76"/>
      <c r="X378" s="76"/>
      <c r="Y378" s="76"/>
      <c r="Z378" s="76"/>
      <c r="AA378" s="85"/>
      <c r="AB378" s="85"/>
      <c r="AC378" s="85"/>
      <c r="AD378" s="85"/>
      <c r="AE378" s="85"/>
      <c r="AF378" s="85"/>
      <c r="AG378" s="86"/>
      <c r="AH378" s="85"/>
      <c r="AI378" s="85"/>
      <c r="AJ378" s="85"/>
      <c r="AK378" s="85"/>
      <c r="AL378" s="85"/>
      <c r="AM378" s="92"/>
      <c r="AN378" s="92"/>
      <c r="AO378" s="92"/>
      <c r="AP378" s="92"/>
      <c r="AQ378" s="92"/>
      <c r="AR378" s="92"/>
      <c r="AS378" s="92"/>
      <c r="AT378" s="92"/>
      <c r="AU378" s="92"/>
      <c r="AV378" s="92"/>
      <c r="AW378" s="92"/>
      <c r="AX378" s="92"/>
      <c r="AY378" s="92"/>
      <c r="AZ378" s="93"/>
      <c r="BA378" s="93"/>
      <c r="BB378" s="93"/>
      <c r="BC378" s="93"/>
      <c r="BD378" s="93"/>
      <c r="BE378" s="93"/>
      <c r="BF378" s="93"/>
      <c r="BG378" s="93"/>
      <c r="BH378" s="93"/>
      <c r="BI378" s="93"/>
      <c r="BJ378" s="93"/>
      <c r="BK378" s="93"/>
      <c r="BL378" s="93"/>
    </row>
    <row r="379" spans="2:64" x14ac:dyDescent="0.2">
      <c r="B379" s="43"/>
      <c r="C379" s="73"/>
      <c r="D379" s="64"/>
      <c r="E379" s="55"/>
      <c r="F379" s="74"/>
      <c r="G379" s="74"/>
      <c r="H379" s="74"/>
      <c r="I379" s="75"/>
      <c r="J379" s="74"/>
      <c r="L379" s="55"/>
      <c r="M379" s="234"/>
      <c r="N379" s="65"/>
      <c r="O379" s="76"/>
      <c r="P379" s="76"/>
      <c r="Q379" s="65"/>
      <c r="R379" s="76"/>
      <c r="S379" s="76"/>
      <c r="T379" s="76"/>
      <c r="U379" s="76"/>
      <c r="V379" s="76"/>
      <c r="W379" s="76"/>
      <c r="X379" s="76"/>
      <c r="Y379" s="76"/>
      <c r="Z379" s="76"/>
      <c r="AA379" s="85"/>
      <c r="AB379" s="85"/>
      <c r="AC379" s="85"/>
      <c r="AD379" s="85"/>
      <c r="AE379" s="85"/>
      <c r="AF379" s="85"/>
      <c r="AG379" s="86"/>
      <c r="AH379" s="85"/>
      <c r="AI379" s="85"/>
      <c r="AJ379" s="85"/>
      <c r="AK379" s="85"/>
      <c r="AL379" s="85"/>
      <c r="AM379" s="92"/>
      <c r="AN379" s="92"/>
      <c r="AO379" s="92"/>
      <c r="AP379" s="92"/>
      <c r="AQ379" s="92"/>
      <c r="AR379" s="92"/>
      <c r="AS379" s="92"/>
      <c r="AT379" s="92"/>
      <c r="AU379" s="92"/>
      <c r="AV379" s="92"/>
      <c r="AW379" s="92"/>
      <c r="AX379" s="92"/>
      <c r="AY379" s="92"/>
      <c r="AZ379" s="93"/>
      <c r="BA379" s="93"/>
      <c r="BB379" s="93"/>
      <c r="BC379" s="93"/>
      <c r="BD379" s="93"/>
      <c r="BE379" s="93"/>
      <c r="BF379" s="93"/>
      <c r="BG379" s="93"/>
      <c r="BH379" s="93"/>
      <c r="BI379" s="93"/>
      <c r="BJ379" s="93"/>
      <c r="BK379" s="93"/>
      <c r="BL379" s="93"/>
    </row>
    <row r="380" spans="2:64" x14ac:dyDescent="0.2">
      <c r="B380" s="43"/>
      <c r="C380" s="73"/>
      <c r="D380" s="64"/>
      <c r="E380" s="55"/>
      <c r="F380" s="74"/>
      <c r="G380" s="74"/>
      <c r="H380" s="74"/>
      <c r="I380" s="75"/>
      <c r="J380" s="74"/>
      <c r="L380" s="55"/>
      <c r="M380" s="234"/>
      <c r="N380" s="65"/>
      <c r="O380" s="76"/>
      <c r="P380" s="76"/>
      <c r="Q380" s="65"/>
      <c r="R380" s="76"/>
      <c r="S380" s="76"/>
      <c r="T380" s="76"/>
      <c r="U380" s="76"/>
      <c r="V380" s="76"/>
      <c r="W380" s="76"/>
      <c r="X380" s="76"/>
      <c r="Y380" s="76"/>
      <c r="Z380" s="76"/>
      <c r="AA380" s="85"/>
      <c r="AB380" s="85"/>
      <c r="AC380" s="85"/>
      <c r="AD380" s="85"/>
      <c r="AE380" s="85"/>
      <c r="AF380" s="85"/>
      <c r="AG380" s="86"/>
      <c r="AH380" s="85"/>
      <c r="AI380" s="85"/>
      <c r="AJ380" s="85"/>
      <c r="AK380" s="85"/>
      <c r="AL380" s="85"/>
      <c r="AM380" s="92"/>
      <c r="AN380" s="92"/>
      <c r="AO380" s="92"/>
      <c r="AP380" s="92"/>
      <c r="AQ380" s="92"/>
      <c r="AR380" s="92"/>
      <c r="AS380" s="92"/>
      <c r="AT380" s="92"/>
      <c r="AU380" s="92"/>
      <c r="AV380" s="92"/>
      <c r="AW380" s="92"/>
      <c r="AX380" s="92"/>
      <c r="AY380" s="92"/>
      <c r="AZ380" s="93"/>
      <c r="BA380" s="93"/>
      <c r="BB380" s="93"/>
      <c r="BC380" s="93"/>
      <c r="BD380" s="93"/>
      <c r="BE380" s="93"/>
      <c r="BF380" s="93"/>
      <c r="BG380" s="93"/>
      <c r="BH380" s="93"/>
      <c r="BI380" s="93"/>
      <c r="BJ380" s="93"/>
      <c r="BK380" s="93"/>
      <c r="BL380" s="93"/>
    </row>
    <row r="381" spans="2:64" x14ac:dyDescent="0.2">
      <c r="B381" s="43"/>
      <c r="C381" s="73"/>
      <c r="D381" s="64"/>
      <c r="E381" s="55"/>
      <c r="F381" s="74"/>
      <c r="G381" s="74"/>
      <c r="H381" s="74"/>
      <c r="I381" s="75"/>
      <c r="J381" s="74"/>
      <c r="L381" s="55"/>
      <c r="M381" s="234"/>
      <c r="N381" s="65"/>
      <c r="O381" s="76"/>
      <c r="P381" s="76"/>
      <c r="Q381" s="65"/>
      <c r="R381" s="76"/>
      <c r="S381" s="76"/>
      <c r="T381" s="76"/>
      <c r="U381" s="76"/>
      <c r="V381" s="76"/>
      <c r="W381" s="76"/>
      <c r="X381" s="76"/>
      <c r="Y381" s="76"/>
      <c r="Z381" s="76"/>
      <c r="AA381" s="85"/>
      <c r="AB381" s="85"/>
      <c r="AC381" s="85"/>
      <c r="AD381" s="85"/>
      <c r="AE381" s="85"/>
      <c r="AF381" s="85"/>
      <c r="AG381" s="86"/>
      <c r="AH381" s="85"/>
      <c r="AI381" s="85"/>
      <c r="AJ381" s="85"/>
      <c r="AK381" s="85"/>
      <c r="AL381" s="85"/>
      <c r="AM381" s="92"/>
      <c r="AN381" s="92"/>
      <c r="AO381" s="92"/>
      <c r="AP381" s="92"/>
      <c r="AQ381" s="92"/>
      <c r="AR381" s="92"/>
      <c r="AS381" s="92"/>
      <c r="AT381" s="92"/>
      <c r="AU381" s="92"/>
      <c r="AV381" s="92"/>
      <c r="AW381" s="92"/>
      <c r="AX381" s="92"/>
      <c r="AY381" s="92"/>
      <c r="AZ381" s="93"/>
      <c r="BA381" s="93"/>
      <c r="BB381" s="93"/>
      <c r="BC381" s="93"/>
      <c r="BD381" s="93"/>
      <c r="BE381" s="93"/>
      <c r="BF381" s="93"/>
      <c r="BG381" s="93"/>
      <c r="BH381" s="93"/>
      <c r="BI381" s="93"/>
      <c r="BJ381" s="93"/>
      <c r="BK381" s="93"/>
      <c r="BL381" s="93"/>
    </row>
    <row r="382" spans="2:64" x14ac:dyDescent="0.2">
      <c r="B382" s="43"/>
      <c r="C382" s="73"/>
      <c r="D382" s="64"/>
      <c r="E382" s="55"/>
      <c r="F382" s="74"/>
      <c r="G382" s="74"/>
      <c r="H382" s="74"/>
      <c r="I382" s="75"/>
      <c r="J382" s="74"/>
      <c r="L382" s="55"/>
      <c r="M382" s="234"/>
      <c r="N382" s="65"/>
      <c r="O382" s="76"/>
      <c r="P382" s="76"/>
      <c r="Q382" s="65"/>
      <c r="R382" s="76"/>
      <c r="S382" s="76"/>
      <c r="T382" s="76"/>
      <c r="U382" s="76"/>
      <c r="V382" s="76"/>
      <c r="W382" s="76"/>
      <c r="X382" s="76"/>
      <c r="Y382" s="76"/>
      <c r="Z382" s="76"/>
      <c r="AA382" s="85"/>
      <c r="AB382" s="85"/>
      <c r="AC382" s="85"/>
      <c r="AD382" s="85"/>
      <c r="AE382" s="85"/>
      <c r="AF382" s="85"/>
      <c r="AG382" s="86"/>
      <c r="AH382" s="85"/>
      <c r="AI382" s="85"/>
      <c r="AJ382" s="85"/>
      <c r="AK382" s="85"/>
      <c r="AL382" s="85"/>
      <c r="AM382" s="92"/>
      <c r="AN382" s="92"/>
      <c r="AO382" s="92"/>
      <c r="AP382" s="92"/>
      <c r="AQ382" s="92"/>
      <c r="AR382" s="92"/>
      <c r="AS382" s="92"/>
      <c r="AT382" s="92"/>
      <c r="AU382" s="92"/>
      <c r="AV382" s="92"/>
      <c r="AW382" s="92"/>
      <c r="AX382" s="92"/>
      <c r="AY382" s="92"/>
      <c r="AZ382" s="93"/>
      <c r="BA382" s="93"/>
      <c r="BB382" s="93"/>
      <c r="BC382" s="93"/>
      <c r="BD382" s="93"/>
      <c r="BE382" s="93"/>
      <c r="BF382" s="93"/>
      <c r="BG382" s="93"/>
      <c r="BH382" s="93"/>
      <c r="BI382" s="93"/>
      <c r="BJ382" s="93"/>
      <c r="BK382" s="93"/>
      <c r="BL382" s="93"/>
    </row>
    <row r="383" spans="2:64" x14ac:dyDescent="0.2">
      <c r="B383" s="43"/>
      <c r="C383" s="73"/>
      <c r="D383" s="64"/>
      <c r="E383" s="55"/>
      <c r="F383" s="74"/>
      <c r="G383" s="74"/>
      <c r="H383" s="74"/>
      <c r="I383" s="75"/>
      <c r="J383" s="74"/>
      <c r="L383" s="55"/>
      <c r="M383" s="234"/>
      <c r="N383" s="65"/>
      <c r="O383" s="76"/>
      <c r="P383" s="76"/>
      <c r="Q383" s="65"/>
      <c r="R383" s="76"/>
      <c r="S383" s="76"/>
      <c r="T383" s="76"/>
      <c r="U383" s="76"/>
      <c r="V383" s="76"/>
      <c r="W383" s="76"/>
      <c r="X383" s="76"/>
      <c r="Y383" s="76"/>
      <c r="Z383" s="76"/>
      <c r="AA383" s="85"/>
      <c r="AB383" s="85"/>
      <c r="AC383" s="85"/>
      <c r="AD383" s="85"/>
      <c r="AE383" s="85"/>
      <c r="AF383" s="85"/>
      <c r="AG383" s="86"/>
      <c r="AH383" s="85"/>
      <c r="AI383" s="85"/>
      <c r="AJ383" s="85"/>
      <c r="AK383" s="85"/>
      <c r="AL383" s="85"/>
      <c r="AM383" s="92"/>
      <c r="AN383" s="92"/>
      <c r="AO383" s="92"/>
      <c r="AP383" s="92"/>
      <c r="AQ383" s="92"/>
      <c r="AR383" s="92"/>
      <c r="AS383" s="92"/>
      <c r="AT383" s="92"/>
      <c r="AU383" s="92"/>
      <c r="AV383" s="92"/>
      <c r="AW383" s="92"/>
      <c r="AX383" s="92"/>
      <c r="AY383" s="92"/>
      <c r="AZ383" s="93"/>
      <c r="BA383" s="93"/>
      <c r="BB383" s="93"/>
      <c r="BC383" s="93"/>
      <c r="BD383" s="93"/>
      <c r="BE383" s="93"/>
      <c r="BF383" s="93"/>
      <c r="BG383" s="93"/>
      <c r="BH383" s="93"/>
      <c r="BI383" s="93"/>
      <c r="BJ383" s="93"/>
      <c r="BK383" s="93"/>
      <c r="BL383" s="93"/>
    </row>
    <row r="384" spans="2:64" x14ac:dyDescent="0.2">
      <c r="B384" s="43"/>
      <c r="C384" s="73"/>
      <c r="D384" s="64"/>
      <c r="E384" s="55"/>
      <c r="F384" s="74"/>
      <c r="G384" s="74"/>
      <c r="H384" s="74"/>
      <c r="I384" s="75"/>
      <c r="J384" s="74"/>
      <c r="L384" s="55"/>
      <c r="M384" s="234"/>
      <c r="N384" s="65"/>
      <c r="O384" s="76"/>
      <c r="P384" s="76"/>
      <c r="Q384" s="65"/>
      <c r="R384" s="76"/>
      <c r="S384" s="76"/>
      <c r="T384" s="76"/>
      <c r="U384" s="76"/>
      <c r="V384" s="76"/>
      <c r="W384" s="76"/>
      <c r="X384" s="76"/>
      <c r="Y384" s="76"/>
      <c r="Z384" s="76"/>
      <c r="AA384" s="85"/>
      <c r="AB384" s="85"/>
      <c r="AC384" s="85"/>
      <c r="AD384" s="85"/>
      <c r="AE384" s="85"/>
      <c r="AF384" s="85"/>
      <c r="AG384" s="86"/>
      <c r="AH384" s="85"/>
      <c r="AI384" s="85"/>
      <c r="AJ384" s="85"/>
      <c r="AK384" s="85"/>
      <c r="AL384" s="85"/>
      <c r="AM384" s="92"/>
      <c r="AN384" s="92"/>
      <c r="AO384" s="92"/>
      <c r="AP384" s="92"/>
      <c r="AQ384" s="92"/>
      <c r="AR384" s="92"/>
      <c r="AS384" s="92"/>
      <c r="AT384" s="92"/>
      <c r="AU384" s="92"/>
      <c r="AV384" s="92"/>
      <c r="AW384" s="92"/>
      <c r="AX384" s="92"/>
      <c r="AY384" s="92"/>
      <c r="AZ384" s="93"/>
      <c r="BA384" s="93"/>
      <c r="BB384" s="93"/>
      <c r="BC384" s="93"/>
      <c r="BD384" s="93"/>
      <c r="BE384" s="93"/>
      <c r="BF384" s="93"/>
      <c r="BG384" s="93"/>
      <c r="BH384" s="93"/>
      <c r="BI384" s="93"/>
      <c r="BJ384" s="93"/>
      <c r="BK384" s="93"/>
      <c r="BL384" s="93"/>
    </row>
    <row r="385" spans="2:64" x14ac:dyDescent="0.2">
      <c r="B385" s="43"/>
      <c r="C385" s="73"/>
      <c r="D385" s="64"/>
      <c r="E385" s="55"/>
      <c r="F385" s="74"/>
      <c r="G385" s="74"/>
      <c r="H385" s="74"/>
      <c r="I385" s="75"/>
      <c r="J385" s="74"/>
      <c r="L385" s="55"/>
      <c r="M385" s="234"/>
      <c r="N385" s="65"/>
      <c r="O385" s="76"/>
      <c r="P385" s="76"/>
      <c r="Q385" s="65"/>
      <c r="R385" s="76"/>
      <c r="S385" s="76"/>
      <c r="T385" s="76"/>
      <c r="U385" s="76"/>
      <c r="V385" s="76"/>
      <c r="W385" s="76"/>
      <c r="X385" s="76"/>
      <c r="Y385" s="76"/>
      <c r="Z385" s="76"/>
      <c r="AA385" s="85"/>
      <c r="AB385" s="85"/>
      <c r="AC385" s="85"/>
      <c r="AD385" s="85"/>
      <c r="AE385" s="85"/>
      <c r="AF385" s="85"/>
      <c r="AG385" s="86"/>
      <c r="AH385" s="85"/>
      <c r="AI385" s="85"/>
      <c r="AJ385" s="85"/>
      <c r="AK385" s="85"/>
      <c r="AL385" s="85"/>
      <c r="AM385" s="92"/>
      <c r="AN385" s="92"/>
      <c r="AO385" s="92"/>
      <c r="AP385" s="92"/>
      <c r="AQ385" s="92"/>
      <c r="AR385" s="92"/>
      <c r="AS385" s="92"/>
      <c r="AT385" s="92"/>
      <c r="AU385" s="92"/>
      <c r="AV385" s="92"/>
      <c r="AW385" s="92"/>
      <c r="AX385" s="92"/>
      <c r="AY385" s="92"/>
      <c r="AZ385" s="93"/>
      <c r="BA385" s="93"/>
      <c r="BB385" s="93"/>
      <c r="BC385" s="93"/>
      <c r="BD385" s="93"/>
      <c r="BE385" s="93"/>
      <c r="BF385" s="93"/>
      <c r="BG385" s="93"/>
      <c r="BH385" s="93"/>
      <c r="BI385" s="93"/>
      <c r="BJ385" s="93"/>
      <c r="BK385" s="93"/>
      <c r="BL385" s="93"/>
    </row>
    <row r="386" spans="2:64" x14ac:dyDescent="0.2">
      <c r="B386" s="43"/>
      <c r="C386" s="73"/>
      <c r="D386" s="64"/>
      <c r="E386" s="55"/>
      <c r="F386" s="74"/>
      <c r="G386" s="74"/>
      <c r="H386" s="74"/>
      <c r="I386" s="75"/>
      <c r="J386" s="74"/>
      <c r="L386" s="55"/>
      <c r="M386" s="234"/>
      <c r="N386" s="65"/>
      <c r="O386" s="76"/>
      <c r="P386" s="76"/>
      <c r="Q386" s="65"/>
      <c r="R386" s="76"/>
      <c r="S386" s="76"/>
      <c r="T386" s="76"/>
      <c r="U386" s="76"/>
      <c r="V386" s="76"/>
      <c r="W386" s="76"/>
      <c r="X386" s="76"/>
      <c r="Y386" s="76"/>
      <c r="Z386" s="76"/>
      <c r="AA386" s="85"/>
      <c r="AB386" s="85"/>
      <c r="AC386" s="85"/>
      <c r="AD386" s="85"/>
      <c r="AE386" s="85"/>
      <c r="AF386" s="85"/>
      <c r="AG386" s="86"/>
      <c r="AH386" s="85"/>
      <c r="AI386" s="85"/>
      <c r="AJ386" s="85"/>
      <c r="AK386" s="85"/>
      <c r="AL386" s="85"/>
      <c r="AM386" s="92"/>
      <c r="AN386" s="92"/>
      <c r="AO386" s="92"/>
      <c r="AP386" s="92"/>
      <c r="AQ386" s="92"/>
      <c r="AR386" s="92"/>
      <c r="AS386" s="92"/>
      <c r="AT386" s="92"/>
      <c r="AU386" s="92"/>
      <c r="AV386" s="92"/>
      <c r="AW386" s="92"/>
      <c r="AX386" s="92"/>
      <c r="AY386" s="92"/>
      <c r="AZ386" s="93"/>
      <c r="BA386" s="93"/>
      <c r="BB386" s="93"/>
      <c r="BC386" s="93"/>
      <c r="BD386" s="93"/>
      <c r="BE386" s="93"/>
      <c r="BF386" s="93"/>
      <c r="BG386" s="93"/>
      <c r="BH386" s="93"/>
      <c r="BI386" s="93"/>
      <c r="BJ386" s="93"/>
      <c r="BK386" s="93"/>
      <c r="BL386" s="93"/>
    </row>
    <row r="387" spans="2:64" x14ac:dyDescent="0.2">
      <c r="B387" s="43"/>
      <c r="C387" s="73"/>
      <c r="D387" s="64"/>
      <c r="E387" s="55"/>
      <c r="F387" s="74"/>
      <c r="G387" s="74"/>
      <c r="H387" s="74"/>
      <c r="I387" s="75"/>
      <c r="J387" s="74"/>
      <c r="L387" s="55"/>
      <c r="M387" s="234"/>
      <c r="N387" s="65"/>
      <c r="O387" s="76"/>
      <c r="P387" s="76"/>
      <c r="Q387" s="65"/>
      <c r="R387" s="76"/>
      <c r="S387" s="76"/>
      <c r="T387" s="76"/>
      <c r="U387" s="76"/>
      <c r="V387" s="76"/>
      <c r="W387" s="76"/>
      <c r="X387" s="76"/>
      <c r="Y387" s="76"/>
      <c r="Z387" s="76"/>
      <c r="AA387" s="85"/>
      <c r="AB387" s="85"/>
      <c r="AC387" s="85"/>
      <c r="AD387" s="85"/>
      <c r="AE387" s="85"/>
      <c r="AF387" s="85"/>
      <c r="AG387" s="86"/>
      <c r="AH387" s="85"/>
      <c r="AI387" s="85"/>
      <c r="AJ387" s="85"/>
      <c r="AK387" s="85"/>
      <c r="AL387" s="85"/>
      <c r="AM387" s="92"/>
      <c r="AN387" s="92"/>
      <c r="AO387" s="92"/>
      <c r="AP387" s="92"/>
      <c r="AQ387" s="92"/>
      <c r="AR387" s="92"/>
      <c r="AS387" s="92"/>
      <c r="AT387" s="92"/>
      <c r="AU387" s="92"/>
      <c r="AV387" s="92"/>
      <c r="AW387" s="92"/>
      <c r="AX387" s="92"/>
      <c r="AY387" s="92"/>
      <c r="AZ387" s="93"/>
      <c r="BA387" s="93"/>
      <c r="BB387" s="93"/>
      <c r="BC387" s="93"/>
      <c r="BD387" s="93"/>
      <c r="BE387" s="93"/>
      <c r="BF387" s="93"/>
      <c r="BG387" s="93"/>
      <c r="BH387" s="93"/>
      <c r="BI387" s="93"/>
      <c r="BJ387" s="93"/>
      <c r="BK387" s="93"/>
      <c r="BL387" s="93"/>
    </row>
    <row r="388" spans="2:64" x14ac:dyDescent="0.2">
      <c r="B388" s="43"/>
      <c r="C388" s="73"/>
      <c r="D388" s="64"/>
      <c r="E388" s="55"/>
      <c r="F388" s="74"/>
      <c r="G388" s="74"/>
      <c r="H388" s="74"/>
      <c r="I388" s="75"/>
      <c r="J388" s="74"/>
      <c r="L388" s="55"/>
      <c r="M388" s="234"/>
      <c r="N388" s="65"/>
      <c r="O388" s="76"/>
      <c r="P388" s="76"/>
      <c r="Q388" s="65"/>
      <c r="R388" s="76"/>
      <c r="S388" s="76"/>
      <c r="T388" s="76"/>
      <c r="U388" s="76"/>
      <c r="V388" s="76"/>
      <c r="W388" s="76"/>
      <c r="X388" s="76"/>
      <c r="Y388" s="76"/>
      <c r="Z388" s="76"/>
      <c r="AA388" s="85"/>
      <c r="AB388" s="85"/>
      <c r="AC388" s="85"/>
      <c r="AD388" s="85"/>
      <c r="AE388" s="85"/>
      <c r="AF388" s="85"/>
      <c r="AG388" s="86"/>
      <c r="AH388" s="85"/>
      <c r="AI388" s="85"/>
      <c r="AJ388" s="85"/>
      <c r="AK388" s="85"/>
      <c r="AL388" s="85"/>
      <c r="AM388" s="92"/>
      <c r="AN388" s="92"/>
      <c r="AO388" s="92"/>
      <c r="AP388" s="92"/>
      <c r="AQ388" s="92"/>
      <c r="AR388" s="92"/>
      <c r="AS388" s="92"/>
      <c r="AT388" s="92"/>
      <c r="AU388" s="92"/>
      <c r="AV388" s="92"/>
      <c r="AW388" s="92"/>
      <c r="AX388" s="92"/>
      <c r="AY388" s="92"/>
      <c r="AZ388" s="93"/>
      <c r="BA388" s="93"/>
      <c r="BB388" s="93"/>
      <c r="BC388" s="93"/>
      <c r="BD388" s="93"/>
      <c r="BE388" s="93"/>
      <c r="BF388" s="93"/>
      <c r="BG388" s="93"/>
      <c r="BH388" s="93"/>
      <c r="BI388" s="93"/>
      <c r="BJ388" s="93"/>
      <c r="BK388" s="93"/>
      <c r="BL388" s="93"/>
    </row>
    <row r="389" spans="2:64" x14ac:dyDescent="0.2">
      <c r="B389" s="43"/>
      <c r="C389" s="73"/>
      <c r="D389" s="64"/>
      <c r="E389" s="55"/>
      <c r="F389" s="74"/>
      <c r="G389" s="74"/>
      <c r="H389" s="74"/>
      <c r="I389" s="75"/>
      <c r="J389" s="74"/>
      <c r="L389" s="55"/>
      <c r="M389" s="234"/>
      <c r="N389" s="65"/>
      <c r="O389" s="76"/>
      <c r="P389" s="76"/>
      <c r="Q389" s="65"/>
      <c r="R389" s="76"/>
      <c r="S389" s="76"/>
      <c r="T389" s="76"/>
      <c r="U389" s="76"/>
      <c r="V389" s="76"/>
      <c r="W389" s="76"/>
      <c r="X389" s="76"/>
      <c r="Y389" s="76"/>
      <c r="Z389" s="76"/>
      <c r="AA389" s="85"/>
      <c r="AB389" s="85"/>
      <c r="AC389" s="85"/>
      <c r="AD389" s="85"/>
      <c r="AE389" s="85"/>
      <c r="AF389" s="85"/>
      <c r="AG389" s="86"/>
      <c r="AH389" s="85"/>
      <c r="AI389" s="85"/>
      <c r="AJ389" s="85"/>
      <c r="AK389" s="85"/>
      <c r="AL389" s="85"/>
      <c r="AM389" s="92"/>
      <c r="AN389" s="92"/>
      <c r="AO389" s="92"/>
      <c r="AP389" s="92"/>
      <c r="AQ389" s="92"/>
      <c r="AR389" s="92"/>
      <c r="AS389" s="92"/>
      <c r="AT389" s="92"/>
      <c r="AU389" s="92"/>
      <c r="AV389" s="92"/>
      <c r="AW389" s="92"/>
      <c r="AX389" s="92"/>
      <c r="AY389" s="92"/>
      <c r="AZ389" s="93"/>
      <c r="BA389" s="93"/>
      <c r="BB389" s="93"/>
      <c r="BC389" s="93"/>
      <c r="BD389" s="93"/>
      <c r="BE389" s="93"/>
      <c r="BF389" s="93"/>
      <c r="BG389" s="93"/>
      <c r="BH389" s="93"/>
      <c r="BI389" s="93"/>
      <c r="BJ389" s="93"/>
      <c r="BK389" s="93"/>
      <c r="BL389" s="93"/>
    </row>
    <row r="390" spans="2:64" x14ac:dyDescent="0.2">
      <c r="B390" s="43"/>
      <c r="C390" s="73"/>
      <c r="D390" s="64"/>
      <c r="E390" s="55"/>
      <c r="F390" s="74"/>
      <c r="G390" s="74"/>
      <c r="H390" s="74"/>
      <c r="I390" s="75"/>
      <c r="J390" s="74"/>
      <c r="L390" s="55"/>
      <c r="M390" s="234"/>
      <c r="N390" s="65"/>
      <c r="O390" s="76"/>
      <c r="P390" s="76"/>
      <c r="Q390" s="65"/>
      <c r="R390" s="76"/>
      <c r="S390" s="76"/>
      <c r="T390" s="76"/>
      <c r="U390" s="76"/>
      <c r="V390" s="76"/>
      <c r="W390" s="76"/>
      <c r="X390" s="76"/>
      <c r="Y390" s="76"/>
      <c r="Z390" s="76"/>
      <c r="AA390" s="85"/>
      <c r="AB390" s="85"/>
      <c r="AC390" s="85"/>
      <c r="AD390" s="85"/>
      <c r="AE390" s="85"/>
      <c r="AF390" s="85"/>
      <c r="AG390" s="86"/>
      <c r="AH390" s="85"/>
      <c r="AI390" s="85"/>
      <c r="AJ390" s="85"/>
      <c r="AK390" s="85"/>
      <c r="AL390" s="85"/>
      <c r="AM390" s="92"/>
      <c r="AN390" s="92"/>
      <c r="AO390" s="92"/>
      <c r="AP390" s="92"/>
      <c r="AQ390" s="92"/>
      <c r="AR390" s="92"/>
      <c r="AS390" s="92"/>
      <c r="AT390" s="92"/>
      <c r="AU390" s="92"/>
      <c r="AV390" s="92"/>
      <c r="AW390" s="92"/>
      <c r="AX390" s="92"/>
      <c r="AY390" s="92"/>
      <c r="AZ390" s="93"/>
      <c r="BA390" s="93"/>
      <c r="BB390" s="93"/>
      <c r="BC390" s="93"/>
      <c r="BD390" s="93"/>
      <c r="BE390" s="93"/>
      <c r="BF390" s="93"/>
      <c r="BG390" s="93"/>
      <c r="BH390" s="93"/>
      <c r="BI390" s="93"/>
      <c r="BJ390" s="93"/>
      <c r="BK390" s="93"/>
      <c r="BL390" s="93"/>
    </row>
    <row r="391" spans="2:64" x14ac:dyDescent="0.2">
      <c r="B391" s="43"/>
      <c r="C391" s="73"/>
      <c r="D391" s="64"/>
      <c r="E391" s="55"/>
      <c r="F391" s="74"/>
      <c r="G391" s="74"/>
      <c r="H391" s="74"/>
      <c r="I391" s="75"/>
      <c r="J391" s="74"/>
      <c r="L391" s="55"/>
      <c r="M391" s="234"/>
      <c r="N391" s="65"/>
      <c r="O391" s="76"/>
      <c r="P391" s="76"/>
      <c r="Q391" s="65"/>
      <c r="R391" s="76"/>
      <c r="S391" s="76"/>
      <c r="T391" s="76"/>
      <c r="U391" s="76"/>
      <c r="V391" s="76"/>
      <c r="W391" s="76"/>
      <c r="X391" s="76"/>
      <c r="Y391" s="76"/>
      <c r="Z391" s="76"/>
      <c r="AA391" s="85"/>
      <c r="AB391" s="85"/>
      <c r="AC391" s="85"/>
      <c r="AD391" s="85"/>
      <c r="AE391" s="85"/>
      <c r="AF391" s="85"/>
      <c r="AG391" s="86"/>
      <c r="AH391" s="85"/>
      <c r="AI391" s="85"/>
      <c r="AJ391" s="85"/>
      <c r="AK391" s="85"/>
      <c r="AL391" s="85"/>
      <c r="AM391" s="92"/>
      <c r="AN391" s="92"/>
      <c r="AO391" s="92"/>
      <c r="AP391" s="92"/>
      <c r="AQ391" s="92"/>
      <c r="AR391" s="92"/>
      <c r="AS391" s="92"/>
      <c r="AT391" s="92"/>
      <c r="AU391" s="92"/>
      <c r="AV391" s="92"/>
      <c r="AW391" s="92"/>
      <c r="AX391" s="92"/>
      <c r="AY391" s="92"/>
      <c r="AZ391" s="93"/>
      <c r="BA391" s="93"/>
      <c r="BB391" s="93"/>
      <c r="BC391" s="93"/>
      <c r="BD391" s="93"/>
      <c r="BE391" s="93"/>
      <c r="BF391" s="93"/>
      <c r="BG391" s="93"/>
      <c r="BH391" s="93"/>
      <c r="BI391" s="93"/>
      <c r="BJ391" s="93"/>
      <c r="BK391" s="93"/>
      <c r="BL391" s="93"/>
    </row>
    <row r="392" spans="2:64" x14ac:dyDescent="0.2">
      <c r="B392" s="43"/>
      <c r="C392" s="73"/>
      <c r="D392" s="64"/>
      <c r="E392" s="55"/>
      <c r="F392" s="74"/>
      <c r="G392" s="74"/>
      <c r="H392" s="74"/>
      <c r="I392" s="75"/>
      <c r="J392" s="74"/>
      <c r="L392" s="55"/>
      <c r="M392" s="234"/>
      <c r="N392" s="65"/>
      <c r="O392" s="76"/>
      <c r="P392" s="76"/>
      <c r="Q392" s="65"/>
      <c r="R392" s="76"/>
      <c r="S392" s="76"/>
      <c r="T392" s="76"/>
      <c r="U392" s="76"/>
      <c r="V392" s="76"/>
      <c r="W392" s="76"/>
      <c r="X392" s="76"/>
      <c r="Y392" s="76"/>
      <c r="Z392" s="76"/>
      <c r="AA392" s="85"/>
      <c r="AB392" s="85"/>
      <c r="AC392" s="85"/>
      <c r="AD392" s="85"/>
      <c r="AE392" s="85"/>
      <c r="AF392" s="85"/>
      <c r="AG392" s="86"/>
      <c r="AH392" s="85"/>
      <c r="AI392" s="85"/>
      <c r="AJ392" s="85"/>
      <c r="AK392" s="85"/>
      <c r="AL392" s="85"/>
      <c r="AM392" s="92"/>
      <c r="AN392" s="92"/>
      <c r="AO392" s="92"/>
      <c r="AP392" s="92"/>
      <c r="AQ392" s="92"/>
      <c r="AR392" s="92"/>
      <c r="AS392" s="92"/>
      <c r="AT392" s="92"/>
      <c r="AU392" s="92"/>
      <c r="AV392" s="92"/>
      <c r="AW392" s="92"/>
      <c r="AX392" s="92"/>
      <c r="AY392" s="92"/>
      <c r="AZ392" s="93"/>
      <c r="BA392" s="93"/>
      <c r="BB392" s="93"/>
      <c r="BC392" s="93"/>
      <c r="BD392" s="93"/>
      <c r="BE392" s="93"/>
      <c r="BF392" s="93"/>
      <c r="BG392" s="93"/>
      <c r="BH392" s="93"/>
      <c r="BI392" s="93"/>
      <c r="BJ392" s="93"/>
      <c r="BK392" s="93"/>
      <c r="BL392" s="93"/>
    </row>
    <row r="393" spans="2:64" x14ac:dyDescent="0.2">
      <c r="B393" s="43"/>
      <c r="C393" s="73"/>
      <c r="D393" s="64"/>
      <c r="E393" s="55"/>
      <c r="F393" s="74"/>
      <c r="G393" s="74"/>
      <c r="H393" s="74"/>
      <c r="I393" s="75"/>
      <c r="J393" s="74"/>
      <c r="L393" s="55"/>
      <c r="M393" s="234"/>
      <c r="N393" s="65"/>
      <c r="O393" s="76"/>
      <c r="P393" s="76"/>
      <c r="Q393" s="65"/>
      <c r="R393" s="76"/>
      <c r="S393" s="76"/>
      <c r="T393" s="76"/>
      <c r="U393" s="76"/>
      <c r="V393" s="76"/>
      <c r="W393" s="76"/>
      <c r="X393" s="76"/>
      <c r="Y393" s="76"/>
      <c r="Z393" s="76"/>
      <c r="AA393" s="85"/>
      <c r="AB393" s="85"/>
      <c r="AC393" s="85"/>
      <c r="AD393" s="85"/>
      <c r="AE393" s="85"/>
      <c r="AF393" s="85"/>
      <c r="AG393" s="86"/>
      <c r="AH393" s="85"/>
      <c r="AI393" s="85"/>
      <c r="AJ393" s="85"/>
      <c r="AK393" s="85"/>
      <c r="AL393" s="85"/>
      <c r="AM393" s="92"/>
      <c r="AN393" s="92"/>
      <c r="AO393" s="92"/>
      <c r="AP393" s="92"/>
      <c r="AQ393" s="92"/>
      <c r="AR393" s="92"/>
      <c r="AS393" s="92"/>
      <c r="AT393" s="92"/>
      <c r="AU393" s="92"/>
      <c r="AV393" s="92"/>
      <c r="AW393" s="92"/>
      <c r="AX393" s="92"/>
      <c r="AY393" s="92"/>
      <c r="AZ393" s="93"/>
      <c r="BA393" s="93"/>
      <c r="BB393" s="93"/>
      <c r="BC393" s="93"/>
      <c r="BD393" s="93"/>
      <c r="BE393" s="93"/>
      <c r="BF393" s="93"/>
      <c r="BG393" s="93"/>
      <c r="BH393" s="93"/>
      <c r="BI393" s="93"/>
      <c r="BJ393" s="93"/>
      <c r="BK393" s="93"/>
      <c r="BL393" s="93"/>
    </row>
    <row r="394" spans="2:64" x14ac:dyDescent="0.2">
      <c r="B394" s="43"/>
      <c r="C394" s="73"/>
      <c r="D394" s="64"/>
      <c r="E394" s="55"/>
      <c r="F394" s="74"/>
      <c r="G394" s="74"/>
      <c r="H394" s="74"/>
      <c r="I394" s="75"/>
      <c r="J394" s="74"/>
      <c r="L394" s="55"/>
      <c r="M394" s="234"/>
      <c r="N394" s="65"/>
      <c r="O394" s="76"/>
      <c r="P394" s="76"/>
      <c r="Q394" s="65"/>
      <c r="R394" s="76"/>
      <c r="S394" s="76"/>
      <c r="T394" s="76"/>
      <c r="U394" s="76"/>
      <c r="V394" s="76"/>
      <c r="W394" s="76"/>
      <c r="X394" s="76"/>
      <c r="Y394" s="76"/>
      <c r="Z394" s="76"/>
      <c r="AA394" s="85"/>
      <c r="AB394" s="85"/>
      <c r="AC394" s="85"/>
      <c r="AD394" s="85"/>
      <c r="AE394" s="85"/>
      <c r="AF394" s="85"/>
      <c r="AG394" s="86"/>
      <c r="AH394" s="85"/>
      <c r="AI394" s="85"/>
      <c r="AJ394" s="85"/>
      <c r="AK394" s="85"/>
      <c r="AL394" s="85"/>
      <c r="AM394" s="92"/>
      <c r="AN394" s="92"/>
      <c r="AO394" s="92"/>
      <c r="AP394" s="92"/>
      <c r="AQ394" s="92"/>
      <c r="AR394" s="92"/>
      <c r="AS394" s="92"/>
      <c r="AT394" s="92"/>
      <c r="AU394" s="92"/>
      <c r="AV394" s="92"/>
      <c r="AW394" s="92"/>
      <c r="AX394" s="92"/>
      <c r="AY394" s="92"/>
      <c r="AZ394" s="93"/>
      <c r="BA394" s="93"/>
      <c r="BB394" s="93"/>
      <c r="BC394" s="93"/>
      <c r="BD394" s="93"/>
      <c r="BE394" s="93"/>
      <c r="BF394" s="93"/>
      <c r="BG394" s="93"/>
      <c r="BH394" s="93"/>
      <c r="BI394" s="93"/>
      <c r="BJ394" s="93"/>
      <c r="BK394" s="93"/>
      <c r="BL394" s="93"/>
    </row>
    <row r="395" spans="2:64" x14ac:dyDescent="0.2">
      <c r="B395" s="43"/>
      <c r="C395" s="73"/>
      <c r="D395" s="64"/>
      <c r="E395" s="55"/>
      <c r="F395" s="74"/>
      <c r="G395" s="74"/>
      <c r="H395" s="74"/>
      <c r="I395" s="75"/>
      <c r="J395" s="74"/>
      <c r="L395" s="55"/>
      <c r="M395" s="234"/>
      <c r="N395" s="65"/>
      <c r="O395" s="76"/>
      <c r="P395" s="76"/>
      <c r="Q395" s="65"/>
      <c r="R395" s="76"/>
      <c r="S395" s="76"/>
      <c r="T395" s="76"/>
      <c r="U395" s="76"/>
      <c r="V395" s="76"/>
      <c r="W395" s="76"/>
      <c r="X395" s="76"/>
      <c r="Y395" s="76"/>
      <c r="Z395" s="76"/>
      <c r="AA395" s="85"/>
      <c r="AB395" s="85"/>
      <c r="AC395" s="85"/>
      <c r="AD395" s="85"/>
      <c r="AE395" s="85"/>
      <c r="AF395" s="85"/>
      <c r="AG395" s="86"/>
      <c r="AH395" s="85"/>
      <c r="AI395" s="85"/>
      <c r="AJ395" s="85"/>
      <c r="AK395" s="85"/>
      <c r="AL395" s="85"/>
      <c r="AM395" s="92"/>
      <c r="AN395" s="92"/>
      <c r="AO395" s="92"/>
      <c r="AP395" s="92"/>
      <c r="AQ395" s="92"/>
      <c r="AR395" s="92"/>
      <c r="AS395" s="92"/>
      <c r="AT395" s="92"/>
      <c r="AU395" s="92"/>
      <c r="AV395" s="92"/>
      <c r="AW395" s="92"/>
      <c r="AX395" s="92"/>
      <c r="AY395" s="92"/>
      <c r="AZ395" s="93"/>
      <c r="BA395" s="93"/>
      <c r="BB395" s="93"/>
      <c r="BC395" s="93"/>
      <c r="BD395" s="93"/>
      <c r="BE395" s="93"/>
      <c r="BF395" s="93"/>
      <c r="BG395" s="93"/>
      <c r="BH395" s="93"/>
      <c r="BI395" s="93"/>
      <c r="BJ395" s="93"/>
      <c r="BK395" s="93"/>
      <c r="BL395" s="93"/>
    </row>
    <row r="396" spans="2:64" x14ac:dyDescent="0.2">
      <c r="B396" s="43"/>
      <c r="C396" s="73"/>
      <c r="D396" s="64"/>
      <c r="E396" s="55"/>
      <c r="F396" s="74"/>
      <c r="G396" s="74"/>
      <c r="H396" s="74"/>
      <c r="I396" s="75"/>
      <c r="J396" s="74"/>
      <c r="L396" s="55"/>
      <c r="M396" s="234"/>
      <c r="N396" s="65"/>
      <c r="O396" s="76"/>
      <c r="P396" s="76"/>
      <c r="Q396" s="65"/>
      <c r="R396" s="76"/>
      <c r="S396" s="76"/>
      <c r="T396" s="76"/>
      <c r="U396" s="76"/>
      <c r="V396" s="76"/>
      <c r="W396" s="76"/>
      <c r="X396" s="76"/>
      <c r="Y396" s="76"/>
      <c r="Z396" s="76"/>
      <c r="AA396" s="85"/>
      <c r="AB396" s="85"/>
      <c r="AC396" s="85"/>
      <c r="AD396" s="85"/>
      <c r="AE396" s="85"/>
      <c r="AF396" s="85"/>
      <c r="AG396" s="86"/>
      <c r="AH396" s="85"/>
      <c r="AI396" s="85"/>
      <c r="AJ396" s="85"/>
      <c r="AK396" s="85"/>
      <c r="AL396" s="85"/>
      <c r="AM396" s="92"/>
      <c r="AN396" s="92"/>
      <c r="AO396" s="92"/>
      <c r="AP396" s="92"/>
      <c r="AQ396" s="92"/>
      <c r="AR396" s="92"/>
      <c r="AS396" s="92"/>
      <c r="AT396" s="92"/>
      <c r="AU396" s="92"/>
      <c r="AV396" s="92"/>
      <c r="AW396" s="92"/>
      <c r="AX396" s="92"/>
      <c r="AY396" s="92"/>
      <c r="AZ396" s="93"/>
      <c r="BA396" s="93"/>
      <c r="BB396" s="93"/>
      <c r="BC396" s="93"/>
      <c r="BD396" s="93"/>
      <c r="BE396" s="93"/>
      <c r="BF396" s="93"/>
      <c r="BG396" s="93"/>
      <c r="BH396" s="93"/>
      <c r="BI396" s="93"/>
      <c r="BJ396" s="93"/>
      <c r="BK396" s="93"/>
      <c r="BL396" s="93"/>
    </row>
    <row r="397" spans="2:64" x14ac:dyDescent="0.2">
      <c r="B397" s="43"/>
      <c r="C397" s="73"/>
      <c r="D397" s="64"/>
      <c r="E397" s="55"/>
      <c r="F397" s="74"/>
      <c r="G397" s="74"/>
      <c r="H397" s="74"/>
      <c r="I397" s="75"/>
      <c r="J397" s="74"/>
      <c r="L397" s="55"/>
      <c r="M397" s="234"/>
      <c r="N397" s="65"/>
      <c r="O397" s="76"/>
      <c r="P397" s="76"/>
      <c r="Q397" s="65"/>
      <c r="R397" s="76"/>
      <c r="S397" s="76"/>
      <c r="T397" s="76"/>
      <c r="U397" s="76"/>
      <c r="V397" s="76"/>
      <c r="W397" s="76"/>
      <c r="X397" s="76"/>
      <c r="Y397" s="76"/>
      <c r="Z397" s="76"/>
      <c r="AA397" s="85"/>
      <c r="AB397" s="85"/>
      <c r="AC397" s="85"/>
      <c r="AD397" s="85"/>
      <c r="AE397" s="85"/>
      <c r="AF397" s="85"/>
      <c r="AG397" s="86"/>
      <c r="AH397" s="85"/>
      <c r="AI397" s="85"/>
      <c r="AJ397" s="85"/>
      <c r="AK397" s="85"/>
      <c r="AL397" s="85"/>
      <c r="AM397" s="92"/>
      <c r="AN397" s="92"/>
      <c r="AO397" s="92"/>
      <c r="AP397" s="92"/>
      <c r="AQ397" s="92"/>
      <c r="AR397" s="92"/>
      <c r="AS397" s="92"/>
      <c r="AT397" s="92"/>
      <c r="AU397" s="92"/>
      <c r="AV397" s="92"/>
      <c r="AW397" s="92"/>
      <c r="AX397" s="92"/>
      <c r="AY397" s="92"/>
      <c r="AZ397" s="93"/>
      <c r="BA397" s="93"/>
      <c r="BB397" s="93"/>
      <c r="BC397" s="93"/>
      <c r="BD397" s="93"/>
      <c r="BE397" s="93"/>
      <c r="BF397" s="93"/>
      <c r="BG397" s="93"/>
      <c r="BH397" s="93"/>
      <c r="BI397" s="93"/>
      <c r="BJ397" s="93"/>
      <c r="BK397" s="93"/>
      <c r="BL397" s="93"/>
    </row>
    <row r="398" spans="2:64" x14ac:dyDescent="0.2">
      <c r="B398" s="43"/>
      <c r="C398" s="73"/>
      <c r="D398" s="64"/>
      <c r="E398" s="55"/>
      <c r="F398" s="74"/>
      <c r="G398" s="74"/>
      <c r="H398" s="74"/>
      <c r="I398" s="75"/>
      <c r="J398" s="74"/>
      <c r="L398" s="55"/>
      <c r="M398" s="234"/>
      <c r="N398" s="65"/>
      <c r="O398" s="76"/>
      <c r="P398" s="76"/>
      <c r="Q398" s="65"/>
      <c r="R398" s="76"/>
      <c r="S398" s="76"/>
      <c r="T398" s="76"/>
      <c r="U398" s="76"/>
      <c r="V398" s="76"/>
      <c r="W398" s="76"/>
      <c r="X398" s="76"/>
      <c r="Y398" s="76"/>
      <c r="Z398" s="76"/>
      <c r="AA398" s="85"/>
      <c r="AB398" s="85"/>
      <c r="AC398" s="85"/>
      <c r="AD398" s="85"/>
      <c r="AE398" s="85"/>
      <c r="AF398" s="85"/>
      <c r="AG398" s="86"/>
      <c r="AH398" s="85"/>
      <c r="AI398" s="85"/>
      <c r="AJ398" s="85"/>
      <c r="AK398" s="85"/>
      <c r="AL398" s="85"/>
      <c r="AM398" s="92"/>
      <c r="AN398" s="92"/>
      <c r="AO398" s="92"/>
      <c r="AP398" s="92"/>
      <c r="AQ398" s="92"/>
      <c r="AR398" s="92"/>
      <c r="AS398" s="92"/>
      <c r="AT398" s="92"/>
      <c r="AU398" s="92"/>
      <c r="AV398" s="92"/>
      <c r="AW398" s="92"/>
      <c r="AX398" s="92"/>
      <c r="AY398" s="92"/>
      <c r="AZ398" s="93"/>
      <c r="BA398" s="93"/>
      <c r="BB398" s="93"/>
      <c r="BC398" s="93"/>
      <c r="BD398" s="93"/>
      <c r="BE398" s="93"/>
      <c r="BF398" s="93"/>
      <c r="BG398" s="93"/>
      <c r="BH398" s="93"/>
      <c r="BI398" s="93"/>
      <c r="BJ398" s="93"/>
      <c r="BK398" s="93"/>
      <c r="BL398" s="93"/>
    </row>
    <row r="399" spans="2:64" x14ac:dyDescent="0.2">
      <c r="B399" s="43"/>
      <c r="C399" s="73"/>
      <c r="D399" s="64"/>
      <c r="E399" s="55"/>
      <c r="F399" s="74"/>
      <c r="G399" s="74"/>
      <c r="H399" s="74"/>
      <c r="I399" s="75"/>
      <c r="J399" s="74"/>
      <c r="L399" s="55"/>
      <c r="M399" s="234"/>
      <c r="N399" s="65"/>
      <c r="O399" s="76"/>
      <c r="P399" s="76"/>
      <c r="Q399" s="65"/>
      <c r="R399" s="76"/>
      <c r="S399" s="76"/>
      <c r="T399" s="76"/>
      <c r="U399" s="76"/>
      <c r="V399" s="76"/>
      <c r="W399" s="76"/>
      <c r="X399" s="76"/>
      <c r="Y399" s="76"/>
      <c r="Z399" s="76"/>
      <c r="AA399" s="85"/>
      <c r="AB399" s="85"/>
      <c r="AC399" s="85"/>
      <c r="AD399" s="85"/>
      <c r="AE399" s="85"/>
      <c r="AF399" s="85"/>
      <c r="AG399" s="86"/>
      <c r="AH399" s="85"/>
      <c r="AI399" s="85"/>
      <c r="AJ399" s="85"/>
      <c r="AK399" s="85"/>
      <c r="AL399" s="85"/>
      <c r="AM399" s="92"/>
      <c r="AN399" s="92"/>
      <c r="AO399" s="92"/>
      <c r="AP399" s="92"/>
      <c r="AQ399" s="92"/>
      <c r="AR399" s="92"/>
      <c r="AS399" s="92"/>
      <c r="AT399" s="92"/>
      <c r="AU399" s="92"/>
      <c r="AV399" s="92"/>
      <c r="AW399" s="92"/>
      <c r="AX399" s="92"/>
      <c r="AY399" s="92"/>
      <c r="AZ399" s="93"/>
      <c r="BA399" s="93"/>
      <c r="BB399" s="93"/>
      <c r="BC399" s="93"/>
      <c r="BD399" s="93"/>
      <c r="BE399" s="93"/>
      <c r="BF399" s="93"/>
      <c r="BG399" s="93"/>
      <c r="BH399" s="93"/>
      <c r="BI399" s="93"/>
      <c r="BJ399" s="93"/>
      <c r="BK399" s="93"/>
      <c r="BL399" s="93"/>
    </row>
    <row r="400" spans="2:64" x14ac:dyDescent="0.2">
      <c r="B400" s="43"/>
      <c r="C400" s="73"/>
      <c r="D400" s="64"/>
      <c r="E400" s="55"/>
      <c r="F400" s="74"/>
      <c r="G400" s="74"/>
      <c r="H400" s="74"/>
      <c r="I400" s="75"/>
      <c r="J400" s="74"/>
      <c r="L400" s="55"/>
      <c r="M400" s="234"/>
      <c r="N400" s="65"/>
      <c r="O400" s="76"/>
      <c r="P400" s="76"/>
      <c r="Q400" s="65"/>
      <c r="R400" s="76"/>
      <c r="S400" s="76"/>
      <c r="T400" s="76"/>
      <c r="U400" s="76"/>
      <c r="V400" s="76"/>
      <c r="W400" s="76"/>
      <c r="X400" s="76"/>
      <c r="Y400" s="76"/>
      <c r="Z400" s="76"/>
      <c r="AA400" s="85"/>
      <c r="AB400" s="85"/>
      <c r="AC400" s="85"/>
      <c r="AD400" s="85"/>
      <c r="AE400" s="85"/>
      <c r="AF400" s="85"/>
      <c r="AG400" s="86"/>
      <c r="AH400" s="85"/>
      <c r="AI400" s="85"/>
      <c r="AJ400" s="85"/>
      <c r="AK400" s="85"/>
      <c r="AL400" s="85"/>
      <c r="AM400" s="92"/>
      <c r="AN400" s="92"/>
      <c r="AO400" s="92"/>
      <c r="AP400" s="92"/>
      <c r="AQ400" s="92"/>
      <c r="AR400" s="92"/>
      <c r="AS400" s="92"/>
      <c r="AT400" s="92"/>
      <c r="AU400" s="92"/>
      <c r="AV400" s="92"/>
      <c r="AW400" s="92"/>
      <c r="AX400" s="92"/>
      <c r="AY400" s="92"/>
      <c r="AZ400" s="93"/>
      <c r="BA400" s="93"/>
      <c r="BB400" s="93"/>
      <c r="BC400" s="93"/>
      <c r="BD400" s="93"/>
      <c r="BE400" s="93"/>
      <c r="BF400" s="93"/>
      <c r="BG400" s="93"/>
      <c r="BH400" s="93"/>
      <c r="BI400" s="93"/>
      <c r="BJ400" s="93"/>
      <c r="BK400" s="93"/>
      <c r="BL400" s="93"/>
    </row>
    <row r="401" spans="2:64" x14ac:dyDescent="0.2">
      <c r="B401" s="43"/>
      <c r="C401" s="73"/>
      <c r="D401" s="64"/>
      <c r="E401" s="55"/>
      <c r="F401" s="74"/>
      <c r="G401" s="74"/>
      <c r="H401" s="74"/>
      <c r="I401" s="75"/>
      <c r="J401" s="74"/>
      <c r="L401" s="55"/>
      <c r="M401" s="234"/>
      <c r="N401" s="65"/>
      <c r="O401" s="76"/>
      <c r="P401" s="76"/>
      <c r="Q401" s="65"/>
      <c r="R401" s="76"/>
      <c r="S401" s="76"/>
      <c r="T401" s="76"/>
      <c r="U401" s="76"/>
      <c r="V401" s="76"/>
      <c r="W401" s="76"/>
      <c r="X401" s="76"/>
      <c r="Y401" s="76"/>
      <c r="Z401" s="76"/>
      <c r="AA401" s="85"/>
      <c r="AB401" s="85"/>
      <c r="AC401" s="85"/>
      <c r="AD401" s="85"/>
      <c r="AE401" s="85"/>
      <c r="AF401" s="85"/>
      <c r="AG401" s="86"/>
      <c r="AH401" s="85"/>
      <c r="AI401" s="85"/>
      <c r="AJ401" s="85"/>
      <c r="AK401" s="85"/>
      <c r="AL401" s="85"/>
      <c r="AM401" s="92"/>
      <c r="AN401" s="92"/>
      <c r="AO401" s="92"/>
      <c r="AP401" s="92"/>
      <c r="AQ401" s="92"/>
      <c r="AR401" s="92"/>
      <c r="AS401" s="92"/>
      <c r="AT401" s="92"/>
      <c r="AU401" s="92"/>
      <c r="AV401" s="92"/>
      <c r="AW401" s="92"/>
      <c r="AX401" s="92"/>
      <c r="AY401" s="92"/>
      <c r="AZ401" s="93"/>
      <c r="BA401" s="93"/>
      <c r="BB401" s="93"/>
      <c r="BC401" s="93"/>
      <c r="BD401" s="93"/>
      <c r="BE401" s="93"/>
      <c r="BF401" s="93"/>
      <c r="BG401" s="93"/>
      <c r="BH401" s="93"/>
      <c r="BI401" s="93"/>
      <c r="BJ401" s="93"/>
      <c r="BK401" s="93"/>
      <c r="BL401" s="93"/>
    </row>
    <row r="402" spans="2:64" x14ac:dyDescent="0.2">
      <c r="B402" s="43"/>
      <c r="C402" s="73"/>
      <c r="D402" s="64"/>
      <c r="E402" s="55"/>
      <c r="F402" s="74"/>
      <c r="G402" s="74"/>
      <c r="H402" s="74"/>
      <c r="I402" s="75"/>
      <c r="J402" s="74"/>
      <c r="L402" s="55"/>
      <c r="M402" s="234"/>
      <c r="N402" s="65"/>
      <c r="O402" s="76"/>
      <c r="P402" s="76"/>
      <c r="Q402" s="65"/>
      <c r="R402" s="76"/>
      <c r="S402" s="76"/>
      <c r="T402" s="76"/>
      <c r="U402" s="76"/>
      <c r="V402" s="76"/>
      <c r="W402" s="76"/>
      <c r="X402" s="76"/>
      <c r="Y402" s="76"/>
      <c r="Z402" s="76"/>
      <c r="AA402" s="85"/>
      <c r="AB402" s="85"/>
      <c r="AC402" s="85"/>
      <c r="AD402" s="85"/>
      <c r="AE402" s="85"/>
      <c r="AF402" s="85"/>
      <c r="AG402" s="86"/>
      <c r="AH402" s="85"/>
      <c r="AI402" s="85"/>
      <c r="AJ402" s="85"/>
      <c r="AK402" s="85"/>
      <c r="AL402" s="85"/>
      <c r="AM402" s="92"/>
      <c r="AN402" s="92"/>
      <c r="AO402" s="92"/>
      <c r="AP402" s="92"/>
      <c r="AQ402" s="92"/>
      <c r="AR402" s="92"/>
      <c r="AS402" s="92"/>
      <c r="AT402" s="92"/>
      <c r="AU402" s="92"/>
      <c r="AV402" s="92"/>
      <c r="AW402" s="92"/>
      <c r="AX402" s="92"/>
      <c r="AY402" s="92"/>
      <c r="AZ402" s="93"/>
      <c r="BA402" s="93"/>
      <c r="BB402" s="93"/>
      <c r="BC402" s="93"/>
      <c r="BD402" s="93"/>
      <c r="BE402" s="93"/>
      <c r="BF402" s="93"/>
      <c r="BG402" s="93"/>
      <c r="BH402" s="93"/>
      <c r="BI402" s="93"/>
      <c r="BJ402" s="93"/>
      <c r="BK402" s="93"/>
      <c r="BL402" s="93"/>
    </row>
    <row r="403" spans="2:64" x14ac:dyDescent="0.2">
      <c r="B403" s="43"/>
      <c r="C403" s="73"/>
      <c r="D403" s="64"/>
      <c r="E403" s="55"/>
      <c r="F403" s="74"/>
      <c r="G403" s="74"/>
      <c r="H403" s="74"/>
      <c r="I403" s="75"/>
      <c r="J403" s="74"/>
      <c r="L403" s="55"/>
      <c r="M403" s="234"/>
      <c r="N403" s="65"/>
      <c r="O403" s="76"/>
      <c r="P403" s="76"/>
      <c r="Q403" s="65"/>
      <c r="R403" s="76"/>
      <c r="S403" s="76"/>
      <c r="T403" s="76"/>
      <c r="U403" s="76"/>
      <c r="V403" s="76"/>
      <c r="W403" s="76"/>
      <c r="X403" s="76"/>
      <c r="Y403" s="76"/>
      <c r="Z403" s="76"/>
      <c r="AA403" s="85"/>
      <c r="AB403" s="85"/>
      <c r="AC403" s="85"/>
      <c r="AD403" s="85"/>
      <c r="AE403" s="85"/>
      <c r="AF403" s="85"/>
      <c r="AG403" s="86"/>
      <c r="AH403" s="85"/>
      <c r="AI403" s="85"/>
      <c r="AJ403" s="85"/>
      <c r="AK403" s="85"/>
      <c r="AL403" s="85"/>
      <c r="AM403" s="92"/>
      <c r="AN403" s="92"/>
      <c r="AO403" s="92"/>
      <c r="AP403" s="92"/>
      <c r="AQ403" s="92"/>
      <c r="AR403" s="92"/>
      <c r="AS403" s="92"/>
      <c r="AT403" s="92"/>
      <c r="AU403" s="92"/>
      <c r="AV403" s="92"/>
      <c r="AW403" s="92"/>
      <c r="AX403" s="92"/>
      <c r="AY403" s="92"/>
      <c r="AZ403" s="93"/>
      <c r="BA403" s="93"/>
      <c r="BB403" s="93"/>
      <c r="BC403" s="93"/>
      <c r="BD403" s="93"/>
      <c r="BE403" s="93"/>
      <c r="BF403" s="93"/>
      <c r="BG403" s="93"/>
      <c r="BH403" s="93"/>
      <c r="BI403" s="93"/>
      <c r="BJ403" s="93"/>
      <c r="BK403" s="93"/>
      <c r="BL403" s="93"/>
    </row>
    <row r="404" spans="2:64" x14ac:dyDescent="0.2">
      <c r="B404" s="43"/>
      <c r="C404" s="73"/>
      <c r="D404" s="64"/>
      <c r="E404" s="55"/>
      <c r="F404" s="74"/>
      <c r="G404" s="74"/>
      <c r="H404" s="74"/>
      <c r="I404" s="75"/>
      <c r="J404" s="74"/>
      <c r="L404" s="55"/>
      <c r="M404" s="234"/>
      <c r="N404" s="65"/>
      <c r="O404" s="76"/>
      <c r="P404" s="76"/>
      <c r="Q404" s="65"/>
      <c r="R404" s="76"/>
      <c r="S404" s="76"/>
      <c r="T404" s="76"/>
      <c r="U404" s="76"/>
      <c r="V404" s="76"/>
      <c r="W404" s="76"/>
      <c r="X404" s="76"/>
      <c r="Y404" s="76"/>
      <c r="Z404" s="76"/>
      <c r="AA404" s="85"/>
      <c r="AB404" s="85"/>
      <c r="AC404" s="85"/>
      <c r="AD404" s="85"/>
      <c r="AE404" s="85"/>
      <c r="AF404" s="85"/>
      <c r="AG404" s="86"/>
      <c r="AH404" s="85"/>
      <c r="AI404" s="85"/>
      <c r="AJ404" s="85"/>
      <c r="AK404" s="85"/>
      <c r="AL404" s="85"/>
      <c r="AM404" s="92"/>
      <c r="AN404" s="92"/>
      <c r="AO404" s="92"/>
      <c r="AP404" s="92"/>
      <c r="AQ404" s="92"/>
      <c r="AR404" s="92"/>
      <c r="AS404" s="92"/>
      <c r="AT404" s="92"/>
      <c r="AU404" s="92"/>
      <c r="AV404" s="92"/>
      <c r="AW404" s="92"/>
      <c r="AX404" s="92"/>
      <c r="AY404" s="92"/>
      <c r="AZ404" s="93"/>
      <c r="BA404" s="93"/>
      <c r="BB404" s="93"/>
      <c r="BC404" s="93"/>
      <c r="BD404" s="93"/>
      <c r="BE404" s="93"/>
      <c r="BF404" s="93"/>
      <c r="BG404" s="93"/>
      <c r="BH404" s="93"/>
      <c r="BI404" s="93"/>
      <c r="BJ404" s="93"/>
      <c r="BK404" s="93"/>
      <c r="BL404" s="93"/>
    </row>
    <row r="405" spans="2:64" x14ac:dyDescent="0.2">
      <c r="B405" s="43"/>
      <c r="C405" s="73"/>
      <c r="D405" s="64"/>
      <c r="E405" s="55"/>
      <c r="F405" s="74"/>
      <c r="G405" s="74"/>
      <c r="H405" s="74"/>
      <c r="I405" s="75"/>
      <c r="J405" s="74"/>
      <c r="L405" s="55"/>
      <c r="M405" s="234"/>
      <c r="N405" s="65"/>
      <c r="O405" s="76"/>
      <c r="P405" s="76"/>
      <c r="Q405" s="65"/>
      <c r="R405" s="76"/>
      <c r="S405" s="76"/>
      <c r="T405" s="76"/>
      <c r="U405" s="76"/>
      <c r="V405" s="76"/>
      <c r="W405" s="76"/>
      <c r="X405" s="76"/>
      <c r="Y405" s="76"/>
      <c r="Z405" s="76"/>
      <c r="AA405" s="85"/>
      <c r="AB405" s="85"/>
      <c r="AC405" s="85"/>
      <c r="AD405" s="85"/>
      <c r="AE405" s="85"/>
      <c r="AF405" s="85"/>
      <c r="AG405" s="86"/>
      <c r="AH405" s="85"/>
      <c r="AI405" s="85"/>
      <c r="AJ405" s="85"/>
      <c r="AK405" s="85"/>
      <c r="AL405" s="85"/>
      <c r="AM405" s="92"/>
      <c r="AN405" s="92"/>
      <c r="AO405" s="92"/>
      <c r="AP405" s="92"/>
      <c r="AQ405" s="92"/>
      <c r="AR405" s="92"/>
      <c r="AS405" s="92"/>
      <c r="AT405" s="92"/>
      <c r="AU405" s="92"/>
      <c r="AV405" s="92"/>
      <c r="AW405" s="92"/>
      <c r="AX405" s="92"/>
      <c r="AY405" s="92"/>
      <c r="AZ405" s="93"/>
      <c r="BA405" s="93"/>
      <c r="BB405" s="93"/>
      <c r="BC405" s="93"/>
      <c r="BD405" s="93"/>
      <c r="BE405" s="93"/>
      <c r="BF405" s="93"/>
      <c r="BG405" s="93"/>
      <c r="BH405" s="93"/>
      <c r="BI405" s="93"/>
      <c r="BJ405" s="93"/>
      <c r="BK405" s="93"/>
      <c r="BL405" s="93"/>
    </row>
    <row r="406" spans="2:64" x14ac:dyDescent="0.2">
      <c r="B406" s="43"/>
      <c r="C406" s="73"/>
      <c r="D406" s="64"/>
      <c r="E406" s="55"/>
      <c r="F406" s="74"/>
      <c r="G406" s="74"/>
      <c r="H406" s="74"/>
      <c r="I406" s="75"/>
      <c r="J406" s="74"/>
      <c r="L406" s="55"/>
      <c r="M406" s="234"/>
      <c r="N406" s="65"/>
      <c r="O406" s="76"/>
      <c r="P406" s="76"/>
      <c r="Q406" s="65"/>
      <c r="R406" s="76"/>
      <c r="S406" s="76"/>
      <c r="T406" s="76"/>
      <c r="U406" s="76"/>
      <c r="V406" s="76"/>
      <c r="W406" s="76"/>
      <c r="X406" s="76"/>
      <c r="Y406" s="76"/>
      <c r="Z406" s="76"/>
      <c r="AA406" s="85"/>
      <c r="AB406" s="85"/>
      <c r="AC406" s="85"/>
      <c r="AD406" s="85"/>
      <c r="AE406" s="85"/>
      <c r="AF406" s="85"/>
      <c r="AG406" s="86"/>
      <c r="AH406" s="85"/>
      <c r="AI406" s="85"/>
      <c r="AJ406" s="85"/>
      <c r="AK406" s="85"/>
      <c r="AL406" s="85"/>
      <c r="AM406" s="92"/>
      <c r="AN406" s="92"/>
      <c r="AO406" s="92"/>
      <c r="AP406" s="92"/>
      <c r="AQ406" s="92"/>
      <c r="AR406" s="92"/>
      <c r="AS406" s="92"/>
      <c r="AT406" s="92"/>
      <c r="AU406" s="92"/>
      <c r="AV406" s="92"/>
      <c r="AW406" s="92"/>
      <c r="AX406" s="92"/>
      <c r="AY406" s="92"/>
      <c r="AZ406" s="93"/>
      <c r="BA406" s="93"/>
      <c r="BB406" s="93"/>
      <c r="BC406" s="93"/>
      <c r="BD406" s="93"/>
      <c r="BE406" s="93"/>
      <c r="BF406" s="93"/>
      <c r="BG406" s="93"/>
      <c r="BH406" s="93"/>
      <c r="BI406" s="93"/>
      <c r="BJ406" s="93"/>
      <c r="BK406" s="93"/>
      <c r="BL406" s="93"/>
    </row>
    <row r="407" spans="2:64" x14ac:dyDescent="0.2">
      <c r="B407" s="43"/>
      <c r="C407" s="73"/>
      <c r="D407" s="64"/>
      <c r="E407" s="55"/>
      <c r="F407" s="74"/>
      <c r="G407" s="74"/>
      <c r="H407" s="74"/>
      <c r="I407" s="75"/>
      <c r="J407" s="74"/>
      <c r="L407" s="55"/>
      <c r="M407" s="234"/>
      <c r="N407" s="65"/>
      <c r="O407" s="76"/>
      <c r="P407" s="76"/>
      <c r="Q407" s="65"/>
      <c r="R407" s="76"/>
      <c r="S407" s="76"/>
      <c r="T407" s="76"/>
      <c r="U407" s="76"/>
      <c r="V407" s="76"/>
      <c r="W407" s="76"/>
      <c r="X407" s="76"/>
      <c r="Y407" s="76"/>
      <c r="Z407" s="76"/>
      <c r="AA407" s="85"/>
      <c r="AB407" s="85"/>
      <c r="AC407" s="85"/>
      <c r="AD407" s="85"/>
      <c r="AE407" s="85"/>
      <c r="AF407" s="85"/>
      <c r="AG407" s="86"/>
      <c r="AH407" s="85"/>
      <c r="AI407" s="85"/>
      <c r="AJ407" s="85"/>
      <c r="AK407" s="85"/>
      <c r="AL407" s="85"/>
      <c r="AM407" s="92"/>
      <c r="AN407" s="92"/>
      <c r="AO407" s="92"/>
      <c r="AP407" s="92"/>
      <c r="AQ407" s="92"/>
      <c r="AR407" s="92"/>
      <c r="AS407" s="92"/>
      <c r="AT407" s="92"/>
      <c r="AU407" s="92"/>
      <c r="AV407" s="92"/>
      <c r="AW407" s="92"/>
      <c r="AX407" s="92"/>
      <c r="AY407" s="92"/>
      <c r="AZ407" s="93"/>
      <c r="BA407" s="93"/>
      <c r="BB407" s="93"/>
      <c r="BC407" s="93"/>
      <c r="BD407" s="93"/>
      <c r="BE407" s="93"/>
      <c r="BF407" s="93"/>
      <c r="BG407" s="93"/>
      <c r="BH407" s="93"/>
      <c r="BI407" s="93"/>
      <c r="BJ407" s="93"/>
      <c r="BK407" s="93"/>
      <c r="BL407" s="93"/>
    </row>
    <row r="408" spans="2:64" x14ac:dyDescent="0.2">
      <c r="B408" s="43"/>
      <c r="C408" s="73"/>
      <c r="D408" s="64"/>
      <c r="E408" s="55"/>
      <c r="F408" s="74"/>
      <c r="G408" s="74"/>
      <c r="H408" s="74"/>
      <c r="I408" s="75"/>
      <c r="J408" s="74"/>
      <c r="L408" s="55"/>
      <c r="M408" s="234"/>
      <c r="N408" s="65"/>
      <c r="O408" s="76"/>
      <c r="P408" s="76"/>
      <c r="Q408" s="65"/>
      <c r="R408" s="76"/>
      <c r="S408" s="76"/>
      <c r="T408" s="76"/>
      <c r="U408" s="76"/>
      <c r="V408" s="76"/>
      <c r="W408" s="76"/>
      <c r="X408" s="76"/>
      <c r="Y408" s="76"/>
      <c r="Z408" s="76"/>
      <c r="AA408" s="85"/>
      <c r="AB408" s="85"/>
      <c r="AC408" s="85"/>
      <c r="AD408" s="85"/>
      <c r="AE408" s="85"/>
      <c r="AF408" s="85"/>
      <c r="AG408" s="86"/>
      <c r="AH408" s="85"/>
      <c r="AI408" s="85"/>
      <c r="AJ408" s="85"/>
      <c r="AK408" s="85"/>
      <c r="AL408" s="85"/>
      <c r="AM408" s="92"/>
      <c r="AN408" s="92"/>
      <c r="AO408" s="92"/>
      <c r="AP408" s="92"/>
      <c r="AQ408" s="92"/>
      <c r="AR408" s="92"/>
      <c r="AS408" s="92"/>
      <c r="AT408" s="92"/>
      <c r="AU408" s="92"/>
      <c r="AV408" s="92"/>
      <c r="AW408" s="92"/>
      <c r="AX408" s="92"/>
      <c r="AY408" s="92"/>
      <c r="AZ408" s="93"/>
      <c r="BA408" s="93"/>
      <c r="BB408" s="93"/>
      <c r="BC408" s="93"/>
      <c r="BD408" s="93"/>
      <c r="BE408" s="93"/>
      <c r="BF408" s="93"/>
      <c r="BG408" s="93"/>
      <c r="BH408" s="93"/>
      <c r="BI408" s="93"/>
      <c r="BJ408" s="93"/>
      <c r="BK408" s="93"/>
      <c r="BL408" s="93"/>
    </row>
    <row r="409" spans="2:64" x14ac:dyDescent="0.2">
      <c r="B409" s="43"/>
      <c r="C409" s="73"/>
      <c r="D409" s="64"/>
      <c r="E409" s="55"/>
      <c r="F409" s="74"/>
      <c r="G409" s="74"/>
      <c r="H409" s="74"/>
      <c r="I409" s="75"/>
      <c r="J409" s="74"/>
      <c r="L409" s="55"/>
      <c r="M409" s="234"/>
      <c r="N409" s="65"/>
      <c r="O409" s="76"/>
      <c r="P409" s="76"/>
      <c r="Q409" s="65"/>
      <c r="R409" s="76"/>
      <c r="S409" s="76"/>
      <c r="T409" s="76"/>
      <c r="U409" s="76"/>
      <c r="V409" s="76"/>
      <c r="W409" s="76"/>
      <c r="X409" s="76"/>
      <c r="Y409" s="76"/>
      <c r="Z409" s="76"/>
      <c r="AA409" s="85"/>
      <c r="AB409" s="85"/>
      <c r="AC409" s="85"/>
      <c r="AD409" s="85"/>
      <c r="AE409" s="85"/>
      <c r="AF409" s="85"/>
      <c r="AG409" s="86"/>
      <c r="AH409" s="85"/>
      <c r="AI409" s="85"/>
      <c r="AJ409" s="85"/>
      <c r="AK409" s="85"/>
      <c r="AL409" s="85"/>
      <c r="AM409" s="92"/>
      <c r="AN409" s="92"/>
      <c r="AO409" s="92"/>
      <c r="AP409" s="92"/>
      <c r="AQ409" s="92"/>
      <c r="AR409" s="92"/>
      <c r="AS409" s="92"/>
      <c r="AT409" s="92"/>
      <c r="AU409" s="92"/>
      <c r="AV409" s="92"/>
      <c r="AW409" s="92"/>
      <c r="AX409" s="92"/>
      <c r="AY409" s="92"/>
      <c r="AZ409" s="93"/>
      <c r="BA409" s="93"/>
      <c r="BB409" s="93"/>
      <c r="BC409" s="93"/>
      <c r="BD409" s="93"/>
      <c r="BE409" s="93"/>
      <c r="BF409" s="93"/>
      <c r="BG409" s="93"/>
      <c r="BH409" s="93"/>
      <c r="BI409" s="93"/>
      <c r="BJ409" s="93"/>
      <c r="BK409" s="93"/>
      <c r="BL409" s="93"/>
    </row>
    <row r="410" spans="2:64" x14ac:dyDescent="0.2">
      <c r="B410" s="43"/>
      <c r="C410" s="73"/>
      <c r="D410" s="64"/>
      <c r="E410" s="55"/>
      <c r="F410" s="74"/>
      <c r="G410" s="74"/>
      <c r="H410" s="74"/>
      <c r="I410" s="75"/>
      <c r="J410" s="74"/>
      <c r="L410" s="55"/>
      <c r="M410" s="234"/>
      <c r="N410" s="65"/>
      <c r="O410" s="76"/>
      <c r="P410" s="76"/>
      <c r="Q410" s="65"/>
      <c r="R410" s="76"/>
      <c r="S410" s="76"/>
      <c r="T410" s="76"/>
      <c r="U410" s="76"/>
      <c r="V410" s="76"/>
      <c r="W410" s="76"/>
      <c r="X410" s="76"/>
      <c r="Y410" s="76"/>
      <c r="Z410" s="76"/>
      <c r="AA410" s="85"/>
      <c r="AB410" s="85"/>
      <c r="AC410" s="85"/>
      <c r="AD410" s="85"/>
      <c r="AE410" s="85"/>
      <c r="AF410" s="85"/>
      <c r="AG410" s="86"/>
      <c r="AH410" s="85"/>
      <c r="AI410" s="85"/>
      <c r="AJ410" s="85"/>
      <c r="AK410" s="85"/>
      <c r="AL410" s="85"/>
      <c r="AM410" s="92"/>
      <c r="AN410" s="92"/>
      <c r="AO410" s="92"/>
      <c r="AP410" s="92"/>
      <c r="AQ410" s="92"/>
      <c r="AR410" s="92"/>
      <c r="AS410" s="92"/>
      <c r="AT410" s="92"/>
      <c r="AU410" s="92"/>
      <c r="AV410" s="92"/>
      <c r="AW410" s="92"/>
      <c r="AX410" s="92"/>
      <c r="AY410" s="92"/>
      <c r="AZ410" s="93"/>
      <c r="BA410" s="93"/>
      <c r="BB410" s="93"/>
      <c r="BC410" s="93"/>
      <c r="BD410" s="93"/>
      <c r="BE410" s="93"/>
      <c r="BF410" s="93"/>
      <c r="BG410" s="93"/>
      <c r="BH410" s="93"/>
      <c r="BI410" s="93"/>
      <c r="BJ410" s="93"/>
      <c r="BK410" s="93"/>
      <c r="BL410" s="93"/>
    </row>
    <row r="411" spans="2:64" x14ac:dyDescent="0.2">
      <c r="B411" s="43"/>
      <c r="C411" s="73"/>
      <c r="D411" s="64"/>
      <c r="E411" s="55"/>
      <c r="F411" s="74"/>
      <c r="G411" s="74"/>
      <c r="H411" s="74"/>
      <c r="I411" s="75"/>
      <c r="J411" s="74"/>
      <c r="L411" s="55"/>
      <c r="M411" s="234"/>
      <c r="N411" s="65"/>
      <c r="O411" s="76"/>
      <c r="P411" s="76"/>
      <c r="Q411" s="65"/>
      <c r="R411" s="76"/>
      <c r="S411" s="76"/>
      <c r="T411" s="76"/>
      <c r="U411" s="76"/>
      <c r="V411" s="76"/>
      <c r="W411" s="76"/>
      <c r="X411" s="76"/>
      <c r="Y411" s="76"/>
      <c r="Z411" s="76"/>
      <c r="AA411" s="85"/>
      <c r="AB411" s="85"/>
      <c r="AC411" s="85"/>
      <c r="AD411" s="85"/>
      <c r="AE411" s="85"/>
      <c r="AF411" s="85"/>
      <c r="AG411" s="86"/>
      <c r="AH411" s="85"/>
      <c r="AI411" s="85"/>
      <c r="AJ411" s="85"/>
      <c r="AK411" s="85"/>
      <c r="AL411" s="85"/>
      <c r="AM411" s="92"/>
      <c r="AN411" s="92"/>
      <c r="AO411" s="92"/>
      <c r="AP411" s="92"/>
      <c r="AQ411" s="92"/>
      <c r="AR411" s="92"/>
      <c r="AS411" s="92"/>
      <c r="AT411" s="92"/>
      <c r="AU411" s="92"/>
      <c r="AV411" s="92"/>
      <c r="AW411" s="92"/>
      <c r="AX411" s="92"/>
      <c r="AY411" s="92"/>
      <c r="AZ411" s="93"/>
      <c r="BA411" s="93"/>
      <c r="BB411" s="93"/>
      <c r="BC411" s="93"/>
      <c r="BD411" s="93"/>
      <c r="BE411" s="93"/>
      <c r="BF411" s="93"/>
      <c r="BG411" s="93"/>
      <c r="BH411" s="93"/>
      <c r="BI411" s="93"/>
      <c r="BJ411" s="93"/>
      <c r="BK411" s="93"/>
      <c r="BL411" s="93"/>
    </row>
    <row r="412" spans="2:64" x14ac:dyDescent="0.2">
      <c r="B412" s="43"/>
      <c r="C412" s="73"/>
      <c r="D412" s="64"/>
      <c r="E412" s="55"/>
      <c r="F412" s="74"/>
      <c r="G412" s="74"/>
      <c r="H412" s="74"/>
      <c r="I412" s="75"/>
      <c r="J412" s="74"/>
      <c r="L412" s="55"/>
      <c r="M412" s="234"/>
      <c r="N412" s="65"/>
      <c r="O412" s="76"/>
      <c r="P412" s="76"/>
      <c r="Q412" s="65"/>
      <c r="R412" s="76"/>
      <c r="S412" s="76"/>
      <c r="T412" s="76"/>
      <c r="U412" s="76"/>
      <c r="V412" s="76"/>
      <c r="W412" s="76"/>
      <c r="X412" s="76"/>
      <c r="Y412" s="76"/>
      <c r="Z412" s="76"/>
      <c r="AA412" s="85"/>
      <c r="AB412" s="85"/>
      <c r="AC412" s="85"/>
      <c r="AD412" s="85"/>
      <c r="AE412" s="85"/>
      <c r="AF412" s="85"/>
      <c r="AG412" s="86"/>
      <c r="AH412" s="85"/>
      <c r="AI412" s="85"/>
      <c r="AJ412" s="85"/>
      <c r="AK412" s="85"/>
      <c r="AL412" s="85"/>
      <c r="AM412" s="92"/>
      <c r="AN412" s="92"/>
      <c r="AO412" s="92"/>
      <c r="AP412" s="92"/>
      <c r="AQ412" s="92"/>
      <c r="AR412" s="92"/>
      <c r="AS412" s="92"/>
      <c r="AT412" s="92"/>
      <c r="AU412" s="92"/>
      <c r="AV412" s="92"/>
      <c r="AW412" s="92"/>
      <c r="AX412" s="92"/>
      <c r="AY412" s="92"/>
      <c r="AZ412" s="93"/>
      <c r="BA412" s="93"/>
      <c r="BB412" s="93"/>
      <c r="BC412" s="93"/>
      <c r="BD412" s="93"/>
      <c r="BE412" s="93"/>
      <c r="BF412" s="93"/>
      <c r="BG412" s="93"/>
      <c r="BH412" s="93"/>
      <c r="BI412" s="93"/>
      <c r="BJ412" s="93"/>
      <c r="BK412" s="93"/>
      <c r="BL412" s="93"/>
    </row>
    <row r="413" spans="2:64" x14ac:dyDescent="0.2">
      <c r="B413" s="43"/>
      <c r="C413" s="73"/>
      <c r="D413" s="64"/>
      <c r="E413" s="55"/>
      <c r="F413" s="74"/>
      <c r="G413" s="74"/>
      <c r="H413" s="74"/>
      <c r="I413" s="75"/>
      <c r="J413" s="74"/>
      <c r="L413" s="55"/>
      <c r="M413" s="234"/>
      <c r="N413" s="65"/>
      <c r="O413" s="76"/>
      <c r="P413" s="76"/>
      <c r="Q413" s="65"/>
      <c r="R413" s="76"/>
      <c r="S413" s="76"/>
      <c r="T413" s="76"/>
      <c r="U413" s="76"/>
      <c r="V413" s="76"/>
      <c r="W413" s="76"/>
      <c r="X413" s="76"/>
      <c r="Y413" s="76"/>
      <c r="Z413" s="76"/>
      <c r="AA413" s="85"/>
      <c r="AB413" s="85"/>
      <c r="AC413" s="85"/>
      <c r="AD413" s="85"/>
      <c r="AE413" s="85"/>
      <c r="AF413" s="85"/>
      <c r="AG413" s="86"/>
      <c r="AH413" s="85"/>
      <c r="AI413" s="85"/>
      <c r="AJ413" s="85"/>
      <c r="AK413" s="85"/>
      <c r="AL413" s="85"/>
      <c r="AM413" s="92"/>
      <c r="AN413" s="92"/>
      <c r="AO413" s="92"/>
      <c r="AP413" s="92"/>
      <c r="AQ413" s="92"/>
      <c r="AR413" s="92"/>
      <c r="AS413" s="92"/>
      <c r="AT413" s="92"/>
      <c r="AU413" s="92"/>
      <c r="AV413" s="92"/>
      <c r="AW413" s="92"/>
      <c r="AX413" s="92"/>
      <c r="AY413" s="92"/>
      <c r="AZ413" s="93"/>
      <c r="BA413" s="93"/>
      <c r="BB413" s="93"/>
      <c r="BC413" s="93"/>
      <c r="BD413" s="93"/>
      <c r="BE413" s="93"/>
      <c r="BF413" s="93"/>
      <c r="BG413" s="93"/>
      <c r="BH413" s="93"/>
      <c r="BI413" s="93"/>
      <c r="BJ413" s="93"/>
      <c r="BK413" s="93"/>
      <c r="BL413" s="93"/>
    </row>
    <row r="414" spans="2:64" x14ac:dyDescent="0.2">
      <c r="B414" s="43"/>
      <c r="C414" s="73"/>
      <c r="D414" s="64"/>
      <c r="E414" s="55"/>
      <c r="F414" s="74"/>
      <c r="G414" s="74"/>
      <c r="H414" s="74"/>
      <c r="I414" s="75"/>
      <c r="J414" s="74"/>
      <c r="L414" s="55"/>
      <c r="M414" s="234"/>
      <c r="N414" s="65"/>
      <c r="O414" s="76"/>
      <c r="P414" s="76"/>
      <c r="Q414" s="65"/>
      <c r="R414" s="76"/>
      <c r="S414" s="76"/>
      <c r="T414" s="76"/>
      <c r="U414" s="76"/>
      <c r="V414" s="76"/>
      <c r="W414" s="76"/>
      <c r="X414" s="76"/>
      <c r="Y414" s="76"/>
      <c r="Z414" s="76"/>
      <c r="AA414" s="85"/>
      <c r="AB414" s="85"/>
      <c r="AC414" s="85"/>
      <c r="AD414" s="85"/>
      <c r="AE414" s="85"/>
      <c r="AF414" s="85"/>
      <c r="AG414" s="86"/>
      <c r="AH414" s="85"/>
      <c r="AI414" s="85"/>
      <c r="AJ414" s="85"/>
      <c r="AK414" s="85"/>
      <c r="AL414" s="85"/>
      <c r="AM414" s="92"/>
      <c r="AN414" s="92"/>
      <c r="AO414" s="92"/>
      <c r="AP414" s="92"/>
      <c r="AQ414" s="92"/>
      <c r="AR414" s="92"/>
      <c r="AS414" s="92"/>
      <c r="AT414" s="92"/>
      <c r="AU414" s="92"/>
      <c r="AV414" s="92"/>
      <c r="AW414" s="92"/>
      <c r="AX414" s="92"/>
      <c r="AY414" s="92"/>
      <c r="AZ414" s="93"/>
      <c r="BA414" s="93"/>
      <c r="BB414" s="93"/>
      <c r="BC414" s="93"/>
      <c r="BD414" s="93"/>
      <c r="BE414" s="93"/>
      <c r="BF414" s="93"/>
      <c r="BG414" s="93"/>
      <c r="BH414" s="93"/>
      <c r="BI414" s="93"/>
      <c r="BJ414" s="93"/>
      <c r="BK414" s="93"/>
      <c r="BL414" s="93"/>
    </row>
    <row r="415" spans="2:64" x14ac:dyDescent="0.2">
      <c r="B415" s="43"/>
      <c r="C415" s="73"/>
      <c r="D415" s="64"/>
      <c r="E415" s="55"/>
      <c r="F415" s="74"/>
      <c r="G415" s="74"/>
      <c r="H415" s="74"/>
      <c r="I415" s="75"/>
      <c r="J415" s="74"/>
      <c r="L415" s="55"/>
      <c r="M415" s="234"/>
      <c r="N415" s="65"/>
      <c r="O415" s="76"/>
      <c r="P415" s="76"/>
      <c r="Q415" s="65"/>
      <c r="R415" s="76"/>
      <c r="S415" s="76"/>
      <c r="T415" s="76"/>
      <c r="U415" s="76"/>
      <c r="V415" s="76"/>
      <c r="W415" s="76"/>
      <c r="X415" s="76"/>
      <c r="Y415" s="76"/>
      <c r="Z415" s="76"/>
      <c r="AA415" s="85"/>
      <c r="AB415" s="85"/>
      <c r="AC415" s="85"/>
      <c r="AD415" s="85"/>
      <c r="AE415" s="85"/>
      <c r="AF415" s="85"/>
      <c r="AG415" s="86"/>
      <c r="AH415" s="85"/>
      <c r="AI415" s="85"/>
      <c r="AJ415" s="85"/>
      <c r="AK415" s="85"/>
      <c r="AL415" s="85"/>
      <c r="AM415" s="92"/>
      <c r="AN415" s="92"/>
      <c r="AO415" s="92"/>
      <c r="AP415" s="92"/>
      <c r="AQ415" s="92"/>
      <c r="AR415" s="92"/>
      <c r="AS415" s="92"/>
      <c r="AT415" s="92"/>
      <c r="AU415" s="92"/>
      <c r="AV415" s="92"/>
      <c r="AW415" s="92"/>
      <c r="AX415" s="92"/>
      <c r="AY415" s="92"/>
      <c r="AZ415" s="93"/>
      <c r="BA415" s="93"/>
      <c r="BB415" s="93"/>
      <c r="BC415" s="93"/>
      <c r="BD415" s="93"/>
      <c r="BE415" s="93"/>
      <c r="BF415" s="93"/>
      <c r="BG415" s="93"/>
      <c r="BH415" s="93"/>
      <c r="BI415" s="93"/>
      <c r="BJ415" s="93"/>
      <c r="BK415" s="93"/>
      <c r="BL415" s="93"/>
    </row>
    <row r="416" spans="2:64" x14ac:dyDescent="0.2">
      <c r="B416" s="43"/>
      <c r="C416" s="73"/>
      <c r="D416" s="64"/>
      <c r="E416" s="55"/>
      <c r="F416" s="74"/>
      <c r="G416" s="74"/>
      <c r="H416" s="74"/>
      <c r="I416" s="75"/>
      <c r="J416" s="74"/>
      <c r="L416" s="55"/>
      <c r="M416" s="234"/>
      <c r="N416" s="65"/>
      <c r="O416" s="76"/>
      <c r="P416" s="76"/>
      <c r="Q416" s="65"/>
      <c r="R416" s="76"/>
      <c r="S416" s="76"/>
      <c r="T416" s="76"/>
      <c r="U416" s="76"/>
      <c r="V416" s="76"/>
      <c r="W416" s="76"/>
      <c r="X416" s="76"/>
      <c r="Y416" s="76"/>
      <c r="Z416" s="76"/>
      <c r="AA416" s="85"/>
      <c r="AB416" s="85"/>
      <c r="AC416" s="85"/>
      <c r="AD416" s="85"/>
      <c r="AE416" s="85"/>
      <c r="AF416" s="85"/>
      <c r="AG416" s="86"/>
      <c r="AH416" s="85"/>
      <c r="AI416" s="85"/>
      <c r="AJ416" s="85"/>
      <c r="AK416" s="85"/>
      <c r="AL416" s="85"/>
      <c r="AM416" s="92"/>
      <c r="AN416" s="92"/>
      <c r="AO416" s="92"/>
      <c r="AP416" s="92"/>
      <c r="AQ416" s="92"/>
      <c r="AR416" s="92"/>
      <c r="AS416" s="92"/>
      <c r="AT416" s="92"/>
      <c r="AU416" s="92"/>
      <c r="AV416" s="92"/>
      <c r="AW416" s="92"/>
      <c r="AX416" s="92"/>
      <c r="AY416" s="92"/>
      <c r="AZ416" s="93"/>
      <c r="BA416" s="93"/>
      <c r="BB416" s="93"/>
      <c r="BC416" s="93"/>
      <c r="BD416" s="93"/>
      <c r="BE416" s="93"/>
      <c r="BF416" s="93"/>
      <c r="BG416" s="93"/>
      <c r="BH416" s="93"/>
      <c r="BI416" s="93"/>
      <c r="BJ416" s="93"/>
      <c r="BK416" s="93"/>
      <c r="BL416" s="93"/>
    </row>
    <row r="417" spans="2:64" x14ac:dyDescent="0.2">
      <c r="B417" s="43"/>
      <c r="C417" s="73"/>
      <c r="D417" s="64"/>
      <c r="E417" s="55"/>
      <c r="F417" s="74"/>
      <c r="G417" s="74"/>
      <c r="H417" s="74"/>
      <c r="I417" s="75"/>
      <c r="J417" s="74"/>
      <c r="L417" s="55"/>
      <c r="M417" s="234"/>
      <c r="N417" s="65"/>
      <c r="O417" s="76"/>
      <c r="P417" s="76"/>
      <c r="Q417" s="65"/>
      <c r="R417" s="76"/>
      <c r="S417" s="76"/>
      <c r="T417" s="76"/>
      <c r="U417" s="76"/>
      <c r="V417" s="76"/>
      <c r="W417" s="76"/>
      <c r="X417" s="76"/>
      <c r="Y417" s="76"/>
      <c r="Z417" s="76"/>
      <c r="AA417" s="85"/>
      <c r="AB417" s="85"/>
      <c r="AC417" s="85"/>
      <c r="AD417" s="85"/>
      <c r="AE417" s="85"/>
      <c r="AF417" s="85"/>
      <c r="AG417" s="86"/>
      <c r="AH417" s="85"/>
      <c r="AI417" s="85"/>
      <c r="AJ417" s="85"/>
      <c r="AK417" s="85"/>
      <c r="AL417" s="85"/>
      <c r="AM417" s="92"/>
      <c r="AN417" s="92"/>
      <c r="AO417" s="92"/>
      <c r="AP417" s="92"/>
      <c r="AQ417" s="92"/>
      <c r="AR417" s="92"/>
      <c r="AS417" s="92"/>
      <c r="AT417" s="92"/>
      <c r="AU417" s="92"/>
      <c r="AV417" s="92"/>
      <c r="AW417" s="92"/>
      <c r="AX417" s="92"/>
      <c r="AY417" s="92"/>
      <c r="AZ417" s="93"/>
      <c r="BA417" s="93"/>
      <c r="BB417" s="93"/>
      <c r="BC417" s="93"/>
      <c r="BD417" s="93"/>
      <c r="BE417" s="93"/>
      <c r="BF417" s="93"/>
      <c r="BG417" s="93"/>
      <c r="BH417" s="93"/>
      <c r="BI417" s="93"/>
      <c r="BJ417" s="93"/>
      <c r="BK417" s="93"/>
      <c r="BL417" s="93"/>
    </row>
    <row r="418" spans="2:64" x14ac:dyDescent="0.2">
      <c r="B418" s="43"/>
      <c r="C418" s="73"/>
      <c r="D418" s="64"/>
      <c r="E418" s="55"/>
      <c r="F418" s="74"/>
      <c r="G418" s="74"/>
      <c r="H418" s="74"/>
      <c r="I418" s="75"/>
      <c r="J418" s="74"/>
      <c r="L418" s="55"/>
      <c r="M418" s="234"/>
      <c r="N418" s="65"/>
      <c r="O418" s="76"/>
      <c r="P418" s="76"/>
      <c r="Q418" s="65"/>
      <c r="R418" s="76"/>
      <c r="S418" s="76"/>
      <c r="T418" s="76"/>
      <c r="U418" s="76"/>
      <c r="V418" s="76"/>
      <c r="W418" s="76"/>
      <c r="X418" s="76"/>
      <c r="Y418" s="76"/>
      <c r="Z418" s="76"/>
      <c r="AA418" s="85"/>
      <c r="AB418" s="85"/>
      <c r="AC418" s="85"/>
      <c r="AD418" s="85"/>
      <c r="AE418" s="85"/>
      <c r="AF418" s="85"/>
      <c r="AG418" s="86"/>
      <c r="AH418" s="85"/>
      <c r="AI418" s="85"/>
      <c r="AJ418" s="85"/>
      <c r="AK418" s="85"/>
      <c r="AL418" s="85"/>
      <c r="AM418" s="92"/>
      <c r="AN418" s="92"/>
      <c r="AO418" s="92"/>
      <c r="AP418" s="92"/>
      <c r="AQ418" s="92"/>
      <c r="AR418" s="92"/>
      <c r="AS418" s="92"/>
      <c r="AT418" s="92"/>
      <c r="AU418" s="92"/>
      <c r="AV418" s="92"/>
      <c r="AW418" s="92"/>
      <c r="AX418" s="92"/>
      <c r="AY418" s="92"/>
      <c r="AZ418" s="93"/>
      <c r="BA418" s="93"/>
      <c r="BB418" s="93"/>
      <c r="BC418" s="93"/>
      <c r="BD418" s="93"/>
      <c r="BE418" s="93"/>
      <c r="BF418" s="93"/>
      <c r="BG418" s="93"/>
      <c r="BH418" s="93"/>
      <c r="BI418" s="93"/>
      <c r="BJ418" s="93"/>
      <c r="BK418" s="93"/>
      <c r="BL418" s="93"/>
    </row>
    <row r="419" spans="2:64" x14ac:dyDescent="0.2">
      <c r="B419" s="43"/>
      <c r="C419" s="73"/>
      <c r="D419" s="64"/>
      <c r="E419" s="55"/>
      <c r="F419" s="74"/>
      <c r="G419" s="74"/>
      <c r="H419" s="74"/>
      <c r="I419" s="75"/>
      <c r="J419" s="74"/>
      <c r="L419" s="55"/>
      <c r="M419" s="234"/>
      <c r="N419" s="65"/>
      <c r="O419" s="76"/>
      <c r="P419" s="76"/>
      <c r="Q419" s="65"/>
      <c r="R419" s="76"/>
      <c r="S419" s="76"/>
      <c r="T419" s="76"/>
      <c r="U419" s="76"/>
      <c r="V419" s="76"/>
      <c r="W419" s="76"/>
      <c r="X419" s="76"/>
      <c r="Y419" s="76"/>
      <c r="Z419" s="76"/>
      <c r="AA419" s="85"/>
      <c r="AB419" s="85"/>
      <c r="AC419" s="85"/>
      <c r="AD419" s="85"/>
      <c r="AE419" s="85"/>
      <c r="AF419" s="85"/>
      <c r="AG419" s="86"/>
      <c r="AH419" s="85"/>
      <c r="AI419" s="85"/>
      <c r="AJ419" s="85"/>
      <c r="AK419" s="85"/>
      <c r="AL419" s="85"/>
      <c r="AM419" s="92"/>
      <c r="AN419" s="92"/>
      <c r="AO419" s="92"/>
      <c r="AP419" s="92"/>
      <c r="AQ419" s="92"/>
      <c r="AR419" s="92"/>
      <c r="AS419" s="92"/>
      <c r="AT419" s="92"/>
      <c r="AU419" s="92"/>
      <c r="AV419" s="92"/>
      <c r="AW419" s="92"/>
      <c r="AX419" s="92"/>
      <c r="AY419" s="92"/>
      <c r="AZ419" s="93"/>
      <c r="BA419" s="93"/>
      <c r="BB419" s="93"/>
      <c r="BC419" s="93"/>
      <c r="BD419" s="93"/>
      <c r="BE419" s="93"/>
      <c r="BF419" s="93"/>
      <c r="BG419" s="93"/>
      <c r="BH419" s="93"/>
      <c r="BI419" s="93"/>
      <c r="BJ419" s="93"/>
      <c r="BK419" s="93"/>
      <c r="BL419" s="93"/>
    </row>
    <row r="420" spans="2:64" x14ac:dyDescent="0.2">
      <c r="B420" s="43"/>
      <c r="C420" s="73"/>
      <c r="D420" s="64"/>
      <c r="E420" s="55"/>
      <c r="F420" s="74"/>
      <c r="G420" s="74"/>
      <c r="H420" s="74"/>
      <c r="I420" s="75"/>
      <c r="J420" s="74"/>
      <c r="L420" s="55"/>
      <c r="M420" s="234"/>
      <c r="N420" s="65"/>
      <c r="O420" s="76"/>
      <c r="P420" s="76"/>
      <c r="Q420" s="65"/>
      <c r="R420" s="76"/>
      <c r="S420" s="76"/>
      <c r="T420" s="76"/>
      <c r="U420" s="76"/>
      <c r="V420" s="76"/>
      <c r="W420" s="76"/>
      <c r="X420" s="76"/>
      <c r="Y420" s="76"/>
      <c r="Z420" s="76"/>
      <c r="AA420" s="85"/>
      <c r="AB420" s="85"/>
      <c r="AC420" s="85"/>
      <c r="AD420" s="85"/>
      <c r="AE420" s="85"/>
      <c r="AF420" s="85"/>
      <c r="AG420" s="86"/>
      <c r="AH420" s="85"/>
      <c r="AI420" s="85"/>
      <c r="AJ420" s="85"/>
      <c r="AK420" s="85"/>
      <c r="AL420" s="85"/>
      <c r="AM420" s="92"/>
      <c r="AN420" s="92"/>
      <c r="AO420" s="92"/>
      <c r="AP420" s="92"/>
      <c r="AQ420" s="92"/>
      <c r="AR420" s="92"/>
      <c r="AS420" s="92"/>
      <c r="AT420" s="92"/>
      <c r="AU420" s="92"/>
      <c r="AV420" s="92"/>
      <c r="AW420" s="92"/>
      <c r="AX420" s="92"/>
      <c r="AY420" s="92"/>
      <c r="AZ420" s="93"/>
      <c r="BA420" s="93"/>
      <c r="BB420" s="93"/>
      <c r="BC420" s="93"/>
      <c r="BD420" s="93"/>
      <c r="BE420" s="93"/>
      <c r="BF420" s="93"/>
      <c r="BG420" s="93"/>
      <c r="BH420" s="93"/>
      <c r="BI420" s="93"/>
      <c r="BJ420" s="93"/>
      <c r="BK420" s="93"/>
      <c r="BL420" s="93"/>
    </row>
    <row r="421" spans="2:64" x14ac:dyDescent="0.2">
      <c r="B421" s="43"/>
      <c r="C421" s="73"/>
      <c r="D421" s="64"/>
      <c r="E421" s="55"/>
      <c r="F421" s="74"/>
      <c r="G421" s="74"/>
      <c r="H421" s="74"/>
      <c r="I421" s="75"/>
      <c r="J421" s="74"/>
      <c r="L421" s="55"/>
      <c r="M421" s="234"/>
      <c r="N421" s="65"/>
      <c r="O421" s="76"/>
      <c r="P421" s="76"/>
      <c r="Q421" s="65"/>
      <c r="R421" s="76"/>
      <c r="S421" s="76"/>
      <c r="T421" s="76"/>
      <c r="U421" s="76"/>
      <c r="V421" s="76"/>
      <c r="W421" s="76"/>
      <c r="X421" s="76"/>
      <c r="Y421" s="76"/>
      <c r="Z421" s="76"/>
      <c r="AA421" s="85"/>
      <c r="AB421" s="85"/>
      <c r="AC421" s="85"/>
      <c r="AD421" s="85"/>
      <c r="AE421" s="85"/>
      <c r="AF421" s="85"/>
      <c r="AG421" s="86"/>
      <c r="AH421" s="85"/>
      <c r="AI421" s="85"/>
      <c r="AJ421" s="85"/>
      <c r="AK421" s="85"/>
      <c r="AL421" s="85"/>
      <c r="AM421" s="92"/>
      <c r="AN421" s="92"/>
      <c r="AO421" s="92"/>
      <c r="AP421" s="92"/>
      <c r="AQ421" s="92"/>
      <c r="AR421" s="92"/>
      <c r="AS421" s="92"/>
      <c r="AT421" s="92"/>
      <c r="AU421" s="92"/>
      <c r="AV421" s="92"/>
      <c r="AW421" s="92"/>
      <c r="AX421" s="92"/>
      <c r="AY421" s="92"/>
      <c r="AZ421" s="93"/>
      <c r="BA421" s="93"/>
      <c r="BB421" s="93"/>
      <c r="BC421" s="93"/>
      <c r="BD421" s="93"/>
      <c r="BE421" s="93"/>
      <c r="BF421" s="93"/>
      <c r="BG421" s="93"/>
      <c r="BH421" s="93"/>
      <c r="BI421" s="93"/>
      <c r="BJ421" s="93"/>
      <c r="BK421" s="93"/>
      <c r="BL421" s="93"/>
    </row>
    <row r="422" spans="2:64" x14ac:dyDescent="0.2">
      <c r="B422" s="43"/>
      <c r="C422" s="73"/>
      <c r="D422" s="64"/>
      <c r="E422" s="55"/>
      <c r="F422" s="74"/>
      <c r="G422" s="74"/>
      <c r="H422" s="74"/>
      <c r="I422" s="75"/>
      <c r="J422" s="74"/>
      <c r="L422" s="55"/>
      <c r="M422" s="234"/>
      <c r="N422" s="65"/>
      <c r="O422" s="76"/>
      <c r="P422" s="76"/>
      <c r="Q422" s="65"/>
      <c r="R422" s="76"/>
      <c r="S422" s="76"/>
      <c r="T422" s="76"/>
      <c r="U422" s="76"/>
      <c r="V422" s="76"/>
      <c r="W422" s="76"/>
      <c r="X422" s="76"/>
      <c r="Y422" s="76"/>
      <c r="Z422" s="76"/>
      <c r="AA422" s="85"/>
      <c r="AB422" s="85"/>
      <c r="AC422" s="85"/>
      <c r="AD422" s="85"/>
      <c r="AE422" s="85"/>
      <c r="AF422" s="85"/>
      <c r="AG422" s="86"/>
      <c r="AH422" s="85"/>
      <c r="AI422" s="85"/>
      <c r="AJ422" s="85"/>
      <c r="AK422" s="85"/>
      <c r="AL422" s="85"/>
      <c r="AM422" s="92"/>
      <c r="AN422" s="92"/>
      <c r="AO422" s="92"/>
      <c r="AP422" s="92"/>
      <c r="AQ422" s="92"/>
      <c r="AR422" s="92"/>
      <c r="AS422" s="92"/>
      <c r="AT422" s="92"/>
      <c r="AU422" s="92"/>
      <c r="AV422" s="92"/>
      <c r="AW422" s="92"/>
      <c r="AX422" s="92"/>
      <c r="AY422" s="92"/>
      <c r="AZ422" s="93"/>
      <c r="BA422" s="93"/>
      <c r="BB422" s="93"/>
      <c r="BC422" s="93"/>
      <c r="BD422" s="93"/>
      <c r="BE422" s="93"/>
      <c r="BF422" s="93"/>
      <c r="BG422" s="93"/>
      <c r="BH422" s="93"/>
      <c r="BI422" s="93"/>
      <c r="BJ422" s="93"/>
      <c r="BK422" s="93"/>
      <c r="BL422" s="93"/>
    </row>
    <row r="423" spans="2:64" x14ac:dyDescent="0.2">
      <c r="B423" s="43"/>
      <c r="C423" s="73"/>
      <c r="D423" s="64"/>
      <c r="E423" s="55"/>
      <c r="F423" s="74"/>
      <c r="G423" s="74"/>
      <c r="H423" s="74"/>
      <c r="I423" s="75"/>
      <c r="J423" s="74"/>
      <c r="L423" s="55"/>
      <c r="M423" s="234"/>
      <c r="N423" s="65"/>
      <c r="O423" s="76"/>
      <c r="P423" s="76"/>
      <c r="Q423" s="65"/>
      <c r="R423" s="76"/>
      <c r="S423" s="76"/>
      <c r="T423" s="76"/>
      <c r="U423" s="76"/>
      <c r="V423" s="76"/>
      <c r="W423" s="76"/>
      <c r="X423" s="76"/>
      <c r="Y423" s="76"/>
      <c r="Z423" s="76"/>
      <c r="AA423" s="85"/>
      <c r="AB423" s="85"/>
      <c r="AC423" s="85"/>
      <c r="AD423" s="85"/>
      <c r="AE423" s="85"/>
      <c r="AF423" s="85"/>
      <c r="AG423" s="86"/>
      <c r="AH423" s="85"/>
      <c r="AI423" s="85"/>
      <c r="AJ423" s="85"/>
      <c r="AK423" s="85"/>
      <c r="AL423" s="85"/>
      <c r="AM423" s="92"/>
      <c r="AN423" s="92"/>
      <c r="AO423" s="92"/>
      <c r="AP423" s="92"/>
      <c r="AQ423" s="92"/>
      <c r="AR423" s="92"/>
      <c r="AS423" s="92"/>
      <c r="AT423" s="92"/>
      <c r="AU423" s="92"/>
      <c r="AV423" s="92"/>
      <c r="AW423" s="92"/>
      <c r="AX423" s="92"/>
      <c r="AY423" s="92"/>
      <c r="AZ423" s="93"/>
      <c r="BA423" s="93"/>
      <c r="BB423" s="93"/>
      <c r="BC423" s="93"/>
      <c r="BD423" s="93"/>
      <c r="BE423" s="93"/>
      <c r="BF423" s="93"/>
      <c r="BG423" s="93"/>
      <c r="BH423" s="93"/>
      <c r="BI423" s="93"/>
      <c r="BJ423" s="93"/>
      <c r="BK423" s="93"/>
      <c r="BL423" s="93"/>
    </row>
    <row r="424" spans="2:64" x14ac:dyDescent="0.2">
      <c r="B424" s="43"/>
      <c r="C424" s="73"/>
      <c r="D424" s="64"/>
      <c r="E424" s="55"/>
      <c r="F424" s="74"/>
      <c r="G424" s="74"/>
      <c r="H424" s="74"/>
      <c r="I424" s="75"/>
      <c r="J424" s="74"/>
      <c r="L424" s="55"/>
      <c r="M424" s="234"/>
      <c r="N424" s="65"/>
      <c r="O424" s="76"/>
      <c r="P424" s="76"/>
      <c r="Q424" s="65"/>
      <c r="R424" s="76"/>
      <c r="S424" s="76"/>
      <c r="T424" s="76"/>
      <c r="U424" s="76"/>
      <c r="V424" s="76"/>
      <c r="W424" s="76"/>
      <c r="X424" s="76"/>
      <c r="Y424" s="76"/>
      <c r="Z424" s="76"/>
      <c r="AA424" s="85"/>
      <c r="AB424" s="85"/>
      <c r="AC424" s="85"/>
      <c r="AD424" s="85"/>
      <c r="AE424" s="85"/>
      <c r="AF424" s="85"/>
      <c r="AG424" s="86"/>
      <c r="AH424" s="85"/>
      <c r="AI424" s="85"/>
      <c r="AJ424" s="85"/>
      <c r="AK424" s="85"/>
      <c r="AL424" s="85"/>
      <c r="AM424" s="92"/>
      <c r="AN424" s="92"/>
      <c r="AO424" s="92"/>
      <c r="AP424" s="92"/>
      <c r="AQ424" s="92"/>
      <c r="AR424" s="92"/>
      <c r="AS424" s="92"/>
      <c r="AT424" s="92"/>
      <c r="AU424" s="92"/>
      <c r="AV424" s="92"/>
      <c r="AW424" s="92"/>
      <c r="AX424" s="92"/>
      <c r="AY424" s="92"/>
      <c r="AZ424" s="93"/>
      <c r="BA424" s="93"/>
      <c r="BB424" s="93"/>
      <c r="BC424" s="93"/>
      <c r="BD424" s="93"/>
      <c r="BE424" s="93"/>
      <c r="BF424" s="93"/>
      <c r="BG424" s="93"/>
      <c r="BH424" s="93"/>
      <c r="BI424" s="93"/>
      <c r="BJ424" s="93"/>
      <c r="BK424" s="93"/>
      <c r="BL424" s="93"/>
    </row>
    <row r="425" spans="2:64" x14ac:dyDescent="0.2">
      <c r="B425" s="43"/>
      <c r="C425" s="73"/>
      <c r="D425" s="64"/>
      <c r="E425" s="55"/>
      <c r="F425" s="74"/>
      <c r="G425" s="74"/>
      <c r="H425" s="74"/>
      <c r="I425" s="75"/>
      <c r="J425" s="74"/>
      <c r="L425" s="55"/>
      <c r="M425" s="234"/>
      <c r="N425" s="65"/>
      <c r="O425" s="76"/>
      <c r="P425" s="76"/>
      <c r="Q425" s="65"/>
      <c r="R425" s="76"/>
      <c r="S425" s="76"/>
      <c r="T425" s="76"/>
      <c r="U425" s="76"/>
      <c r="V425" s="76"/>
      <c r="W425" s="76"/>
      <c r="X425" s="76"/>
      <c r="Y425" s="76"/>
      <c r="Z425" s="76"/>
      <c r="AA425" s="85"/>
      <c r="AB425" s="85"/>
      <c r="AC425" s="85"/>
      <c r="AD425" s="85"/>
      <c r="AE425" s="85"/>
      <c r="AF425" s="85"/>
      <c r="AG425" s="86"/>
      <c r="AH425" s="85"/>
      <c r="AI425" s="85"/>
      <c r="AJ425" s="85"/>
      <c r="AK425" s="85"/>
      <c r="AL425" s="85"/>
      <c r="AM425" s="92"/>
      <c r="AN425" s="92"/>
      <c r="AO425" s="92"/>
      <c r="AP425" s="92"/>
      <c r="AQ425" s="92"/>
      <c r="AR425" s="92"/>
      <c r="AS425" s="92"/>
      <c r="AT425" s="92"/>
      <c r="AU425" s="92"/>
      <c r="AV425" s="92"/>
      <c r="AW425" s="92"/>
      <c r="AX425" s="92"/>
      <c r="AY425" s="92"/>
      <c r="AZ425" s="93"/>
      <c r="BA425" s="93"/>
      <c r="BB425" s="93"/>
      <c r="BC425" s="93"/>
      <c r="BD425" s="93"/>
      <c r="BE425" s="93"/>
      <c r="BF425" s="93"/>
      <c r="BG425" s="93"/>
      <c r="BH425" s="93"/>
      <c r="BI425" s="93"/>
      <c r="BJ425" s="93"/>
      <c r="BK425" s="93"/>
      <c r="BL425" s="93"/>
    </row>
    <row r="426" spans="2:64" x14ac:dyDescent="0.2">
      <c r="B426" s="43"/>
      <c r="C426" s="73"/>
      <c r="D426" s="64"/>
      <c r="E426" s="55"/>
      <c r="F426" s="74"/>
      <c r="G426" s="74"/>
      <c r="H426" s="74"/>
      <c r="I426" s="75"/>
      <c r="J426" s="74"/>
      <c r="L426" s="55"/>
      <c r="M426" s="234"/>
      <c r="N426" s="65"/>
      <c r="O426" s="76"/>
      <c r="P426" s="76"/>
      <c r="Q426" s="65"/>
      <c r="R426" s="76"/>
      <c r="S426" s="76"/>
      <c r="T426" s="76"/>
      <c r="U426" s="76"/>
      <c r="V426" s="76"/>
      <c r="W426" s="76"/>
      <c r="X426" s="76"/>
      <c r="Y426" s="76"/>
      <c r="Z426" s="76"/>
      <c r="AA426" s="85"/>
      <c r="AB426" s="85"/>
      <c r="AC426" s="85"/>
      <c r="AD426" s="85"/>
      <c r="AE426" s="85"/>
      <c r="AF426" s="85"/>
      <c r="AG426" s="86"/>
      <c r="AH426" s="85"/>
      <c r="AI426" s="85"/>
      <c r="AJ426" s="85"/>
      <c r="AK426" s="85"/>
      <c r="AL426" s="85"/>
      <c r="AM426" s="92"/>
      <c r="AN426" s="92"/>
      <c r="AO426" s="92"/>
      <c r="AP426" s="92"/>
      <c r="AQ426" s="92"/>
      <c r="AR426" s="92"/>
      <c r="AS426" s="92"/>
      <c r="AT426" s="92"/>
      <c r="AU426" s="92"/>
      <c r="AV426" s="92"/>
      <c r="AW426" s="92"/>
      <c r="AX426" s="92"/>
      <c r="AY426" s="92"/>
      <c r="AZ426" s="93"/>
      <c r="BA426" s="93"/>
      <c r="BB426" s="93"/>
      <c r="BC426" s="93"/>
      <c r="BD426" s="93"/>
      <c r="BE426" s="93"/>
      <c r="BF426" s="93"/>
      <c r="BG426" s="93"/>
      <c r="BH426" s="93"/>
      <c r="BI426" s="93"/>
      <c r="BJ426" s="93"/>
      <c r="BK426" s="93"/>
      <c r="BL426" s="93"/>
    </row>
    <row r="427" spans="2:64" x14ac:dyDescent="0.2">
      <c r="B427" s="43"/>
      <c r="C427" s="73"/>
      <c r="D427" s="64"/>
      <c r="E427" s="55"/>
      <c r="F427" s="74"/>
      <c r="G427" s="74"/>
      <c r="H427" s="74"/>
      <c r="I427" s="75"/>
      <c r="J427" s="74"/>
      <c r="L427" s="55"/>
      <c r="M427" s="234"/>
      <c r="N427" s="65"/>
      <c r="O427" s="76"/>
      <c r="P427" s="76"/>
      <c r="Q427" s="65"/>
      <c r="R427" s="76"/>
      <c r="S427" s="76"/>
      <c r="T427" s="76"/>
      <c r="U427" s="76"/>
      <c r="V427" s="76"/>
      <c r="W427" s="76"/>
      <c r="X427" s="76"/>
      <c r="Y427" s="76"/>
      <c r="Z427" s="76"/>
      <c r="AA427" s="85"/>
      <c r="AB427" s="85"/>
      <c r="AC427" s="85"/>
      <c r="AD427" s="85"/>
      <c r="AE427" s="85"/>
      <c r="AF427" s="85"/>
      <c r="AG427" s="86"/>
      <c r="AH427" s="85"/>
      <c r="AI427" s="85"/>
      <c r="AJ427" s="85"/>
      <c r="AK427" s="85"/>
      <c r="AL427" s="85"/>
      <c r="AM427" s="92"/>
      <c r="AN427" s="92"/>
      <c r="AO427" s="92"/>
      <c r="AP427" s="92"/>
      <c r="AQ427" s="92"/>
      <c r="AR427" s="92"/>
      <c r="AS427" s="92"/>
      <c r="AT427" s="92"/>
      <c r="AU427" s="92"/>
      <c r="AV427" s="92"/>
      <c r="AW427" s="92"/>
      <c r="AX427" s="92"/>
      <c r="AY427" s="92"/>
      <c r="AZ427" s="93"/>
      <c r="BA427" s="93"/>
      <c r="BB427" s="93"/>
      <c r="BC427" s="93"/>
      <c r="BD427" s="93"/>
      <c r="BE427" s="93"/>
      <c r="BF427" s="93"/>
      <c r="BG427" s="93"/>
      <c r="BH427" s="93"/>
      <c r="BI427" s="93"/>
      <c r="BJ427" s="93"/>
      <c r="BK427" s="93"/>
      <c r="BL427" s="93"/>
    </row>
    <row r="428" spans="2:64" x14ac:dyDescent="0.2">
      <c r="B428" s="43"/>
      <c r="C428" s="73"/>
      <c r="D428" s="64"/>
      <c r="E428" s="55"/>
      <c r="F428" s="74"/>
      <c r="G428" s="74"/>
      <c r="H428" s="74"/>
      <c r="I428" s="75"/>
      <c r="J428" s="74"/>
      <c r="L428" s="55"/>
      <c r="M428" s="234"/>
      <c r="N428" s="65"/>
      <c r="O428" s="76"/>
      <c r="P428" s="76"/>
      <c r="Q428" s="65"/>
      <c r="R428" s="76"/>
      <c r="S428" s="76"/>
      <c r="T428" s="76"/>
      <c r="U428" s="76"/>
      <c r="V428" s="76"/>
      <c r="W428" s="76"/>
      <c r="X428" s="76"/>
      <c r="Y428" s="76"/>
      <c r="Z428" s="76"/>
      <c r="AA428" s="85"/>
      <c r="AB428" s="85"/>
      <c r="AC428" s="85"/>
      <c r="AD428" s="85"/>
      <c r="AE428" s="85"/>
      <c r="AF428" s="85"/>
      <c r="AG428" s="86"/>
      <c r="AH428" s="85"/>
      <c r="AI428" s="85"/>
      <c r="AJ428" s="85"/>
      <c r="AK428" s="85"/>
      <c r="AL428" s="85"/>
      <c r="AM428" s="92"/>
      <c r="AN428" s="92"/>
      <c r="AO428" s="92"/>
      <c r="AP428" s="92"/>
      <c r="AQ428" s="92"/>
      <c r="AR428" s="92"/>
      <c r="AS428" s="92"/>
      <c r="AT428" s="92"/>
      <c r="AU428" s="92"/>
      <c r="AV428" s="92"/>
      <c r="AW428" s="92"/>
      <c r="AX428" s="92"/>
      <c r="AY428" s="92"/>
      <c r="AZ428" s="93"/>
      <c r="BA428" s="93"/>
      <c r="BB428" s="93"/>
      <c r="BC428" s="93"/>
      <c r="BD428" s="93"/>
      <c r="BE428" s="93"/>
      <c r="BF428" s="93"/>
      <c r="BG428" s="93"/>
      <c r="BH428" s="93"/>
      <c r="BI428" s="93"/>
      <c r="BJ428" s="93"/>
      <c r="BK428" s="93"/>
      <c r="BL428" s="93"/>
    </row>
    <row r="429" spans="2:64" x14ac:dyDescent="0.2">
      <c r="B429" s="43"/>
      <c r="C429" s="73"/>
      <c r="D429" s="64"/>
      <c r="E429" s="55"/>
      <c r="F429" s="74"/>
      <c r="G429" s="74"/>
      <c r="H429" s="74"/>
      <c r="I429" s="75"/>
      <c r="J429" s="74"/>
      <c r="L429" s="55"/>
      <c r="M429" s="234"/>
      <c r="N429" s="65"/>
      <c r="O429" s="76"/>
      <c r="P429" s="76"/>
      <c r="Q429" s="65"/>
      <c r="R429" s="76"/>
      <c r="S429" s="76"/>
      <c r="T429" s="76"/>
      <c r="U429" s="76"/>
      <c r="V429" s="76"/>
      <c r="W429" s="76"/>
      <c r="X429" s="76"/>
      <c r="Y429" s="76"/>
      <c r="Z429" s="76"/>
      <c r="AA429" s="85"/>
      <c r="AB429" s="85"/>
      <c r="AC429" s="85"/>
      <c r="AD429" s="85"/>
      <c r="AE429" s="85"/>
      <c r="AF429" s="85"/>
      <c r="AG429" s="86"/>
      <c r="AH429" s="85"/>
      <c r="AI429" s="85"/>
      <c r="AJ429" s="85"/>
      <c r="AK429" s="85"/>
      <c r="AL429" s="85"/>
      <c r="AM429" s="92"/>
      <c r="AN429" s="92"/>
      <c r="AO429" s="92"/>
      <c r="AP429" s="92"/>
      <c r="AQ429" s="92"/>
      <c r="AR429" s="92"/>
      <c r="AS429" s="92"/>
      <c r="AT429" s="92"/>
      <c r="AU429" s="92"/>
      <c r="AV429" s="92"/>
      <c r="AW429" s="92"/>
      <c r="AX429" s="92"/>
      <c r="AY429" s="92"/>
      <c r="AZ429" s="93"/>
      <c r="BA429" s="93"/>
      <c r="BB429" s="93"/>
      <c r="BC429" s="93"/>
      <c r="BD429" s="93"/>
      <c r="BE429" s="93"/>
      <c r="BF429" s="93"/>
      <c r="BG429" s="93"/>
      <c r="BH429" s="93"/>
      <c r="BI429" s="93"/>
      <c r="BJ429" s="93"/>
      <c r="BK429" s="93"/>
      <c r="BL429" s="93"/>
    </row>
    <row r="430" spans="2:64" x14ac:dyDescent="0.2">
      <c r="B430" s="43"/>
      <c r="C430" s="73"/>
      <c r="D430" s="64"/>
      <c r="E430" s="55"/>
      <c r="F430" s="74"/>
      <c r="G430" s="74"/>
      <c r="H430" s="74"/>
      <c r="I430" s="75"/>
      <c r="J430" s="74"/>
      <c r="L430" s="55"/>
      <c r="M430" s="234"/>
      <c r="N430" s="65"/>
      <c r="O430" s="76"/>
      <c r="P430" s="76"/>
      <c r="Q430" s="65"/>
      <c r="R430" s="76"/>
      <c r="S430" s="76"/>
      <c r="T430" s="76"/>
      <c r="U430" s="76"/>
      <c r="V430" s="76"/>
      <c r="W430" s="76"/>
      <c r="X430" s="76"/>
      <c r="Y430" s="76"/>
      <c r="Z430" s="76"/>
      <c r="AA430" s="85"/>
      <c r="AB430" s="85"/>
      <c r="AC430" s="85"/>
      <c r="AD430" s="85"/>
      <c r="AE430" s="85"/>
      <c r="AF430" s="85"/>
      <c r="AG430" s="86"/>
      <c r="AH430" s="85"/>
      <c r="AI430" s="85"/>
      <c r="AJ430" s="85"/>
      <c r="AK430" s="85"/>
      <c r="AL430" s="85"/>
      <c r="AM430" s="92"/>
      <c r="AN430" s="92"/>
      <c r="AO430" s="92"/>
      <c r="AP430" s="92"/>
      <c r="AQ430" s="92"/>
      <c r="AR430" s="92"/>
      <c r="AS430" s="92"/>
      <c r="AT430" s="92"/>
      <c r="AU430" s="92"/>
      <c r="AV430" s="92"/>
      <c r="AW430" s="92"/>
      <c r="AX430" s="92"/>
      <c r="AY430" s="92"/>
      <c r="AZ430" s="93"/>
      <c r="BA430" s="93"/>
      <c r="BB430" s="93"/>
      <c r="BC430" s="93"/>
      <c r="BD430" s="93"/>
      <c r="BE430" s="93"/>
      <c r="BF430" s="93"/>
      <c r="BG430" s="93"/>
      <c r="BH430" s="93"/>
      <c r="BI430" s="93"/>
      <c r="BJ430" s="93"/>
      <c r="BK430" s="93"/>
      <c r="BL430" s="93"/>
    </row>
    <row r="431" spans="2:64" x14ac:dyDescent="0.2">
      <c r="B431" s="43"/>
      <c r="C431" s="73"/>
      <c r="D431" s="64"/>
      <c r="E431" s="55"/>
      <c r="F431" s="74"/>
      <c r="G431" s="74"/>
      <c r="H431" s="74"/>
      <c r="I431" s="75"/>
      <c r="J431" s="74"/>
      <c r="L431" s="55"/>
      <c r="M431" s="234"/>
      <c r="N431" s="65"/>
      <c r="O431" s="76"/>
      <c r="P431" s="76"/>
      <c r="Q431" s="65"/>
      <c r="R431" s="76"/>
      <c r="S431" s="76"/>
      <c r="T431" s="76"/>
      <c r="U431" s="76"/>
      <c r="V431" s="76"/>
      <c r="W431" s="76"/>
      <c r="X431" s="76"/>
      <c r="Y431" s="76"/>
      <c r="Z431" s="76"/>
      <c r="AA431" s="85"/>
      <c r="AB431" s="85"/>
      <c r="AC431" s="85"/>
      <c r="AD431" s="85"/>
      <c r="AE431" s="85"/>
      <c r="AF431" s="85"/>
      <c r="AG431" s="86"/>
      <c r="AH431" s="85"/>
      <c r="AI431" s="85"/>
      <c r="AJ431" s="85"/>
      <c r="AK431" s="85"/>
      <c r="AL431" s="85"/>
      <c r="AM431" s="92"/>
      <c r="AN431" s="92"/>
      <c r="AO431" s="92"/>
      <c r="AP431" s="92"/>
      <c r="AQ431" s="92"/>
      <c r="AR431" s="92"/>
      <c r="AS431" s="92"/>
      <c r="AT431" s="92"/>
      <c r="AU431" s="92"/>
      <c r="AV431" s="92"/>
      <c r="AW431" s="92"/>
      <c r="AX431" s="92"/>
      <c r="AY431" s="92"/>
      <c r="AZ431" s="93"/>
      <c r="BA431" s="93"/>
      <c r="BB431" s="93"/>
      <c r="BC431" s="93"/>
      <c r="BD431" s="93"/>
      <c r="BE431" s="93"/>
      <c r="BF431" s="93"/>
      <c r="BG431" s="93"/>
      <c r="BH431" s="93"/>
      <c r="BI431" s="93"/>
      <c r="BJ431" s="93"/>
      <c r="BK431" s="93"/>
      <c r="BL431" s="93"/>
    </row>
    <row r="432" spans="2:64" x14ac:dyDescent="0.2">
      <c r="B432" s="43"/>
      <c r="C432" s="73"/>
      <c r="D432" s="64"/>
      <c r="E432" s="55"/>
      <c r="F432" s="74"/>
      <c r="G432" s="74"/>
      <c r="H432" s="74"/>
      <c r="I432" s="75"/>
      <c r="J432" s="74"/>
      <c r="L432" s="55"/>
      <c r="M432" s="234"/>
      <c r="N432" s="65"/>
      <c r="O432" s="76"/>
      <c r="P432" s="76"/>
      <c r="Q432" s="65"/>
      <c r="R432" s="76"/>
      <c r="S432" s="76"/>
      <c r="T432" s="76"/>
      <c r="U432" s="76"/>
      <c r="V432" s="76"/>
      <c r="W432" s="76"/>
      <c r="X432" s="76"/>
      <c r="Y432" s="76"/>
      <c r="Z432" s="76"/>
      <c r="AA432" s="85"/>
      <c r="AB432" s="85"/>
      <c r="AC432" s="85"/>
      <c r="AD432" s="85"/>
      <c r="AE432" s="85"/>
      <c r="AF432" s="85"/>
      <c r="AG432" s="86"/>
      <c r="AH432" s="85"/>
      <c r="AI432" s="85"/>
      <c r="AJ432" s="85"/>
      <c r="AK432" s="85"/>
      <c r="AL432" s="85"/>
      <c r="AM432" s="92"/>
      <c r="AN432" s="92"/>
      <c r="AO432" s="92"/>
      <c r="AP432" s="92"/>
      <c r="AQ432" s="92"/>
      <c r="AR432" s="92"/>
      <c r="AS432" s="92"/>
      <c r="AT432" s="92"/>
      <c r="AU432" s="92"/>
      <c r="AV432" s="92"/>
      <c r="AW432" s="92"/>
      <c r="AX432" s="92"/>
      <c r="AY432" s="92"/>
      <c r="AZ432" s="93"/>
      <c r="BA432" s="93"/>
      <c r="BB432" s="93"/>
      <c r="BC432" s="93"/>
      <c r="BD432" s="93"/>
      <c r="BE432" s="93"/>
      <c r="BF432" s="93"/>
      <c r="BG432" s="93"/>
      <c r="BH432" s="93"/>
      <c r="BI432" s="93"/>
      <c r="BJ432" s="93"/>
      <c r="BK432" s="93"/>
      <c r="BL432" s="93"/>
    </row>
    <row r="433" spans="2:64" x14ac:dyDescent="0.2">
      <c r="B433" s="43"/>
      <c r="C433" s="73"/>
      <c r="D433" s="64"/>
      <c r="E433" s="55"/>
      <c r="F433" s="74"/>
      <c r="G433" s="74"/>
      <c r="H433" s="74"/>
      <c r="I433" s="75"/>
      <c r="J433" s="74"/>
      <c r="L433" s="55"/>
      <c r="M433" s="234"/>
      <c r="N433" s="65"/>
      <c r="O433" s="76"/>
      <c r="P433" s="76"/>
      <c r="Q433" s="65"/>
      <c r="R433" s="76"/>
      <c r="S433" s="76"/>
      <c r="T433" s="76"/>
      <c r="U433" s="76"/>
      <c r="V433" s="76"/>
      <c r="W433" s="76"/>
      <c r="X433" s="76"/>
      <c r="Y433" s="76"/>
      <c r="Z433" s="76"/>
      <c r="AA433" s="85"/>
      <c r="AB433" s="85"/>
      <c r="AC433" s="85"/>
      <c r="AD433" s="85"/>
      <c r="AE433" s="85"/>
      <c r="AF433" s="85"/>
      <c r="AG433" s="86"/>
      <c r="AH433" s="85"/>
      <c r="AI433" s="85"/>
      <c r="AJ433" s="85"/>
      <c r="AK433" s="85"/>
      <c r="AL433" s="85"/>
      <c r="AM433" s="92"/>
      <c r="AN433" s="92"/>
      <c r="AO433" s="92"/>
      <c r="AP433" s="92"/>
      <c r="AQ433" s="92"/>
      <c r="AR433" s="92"/>
      <c r="AS433" s="92"/>
      <c r="AT433" s="92"/>
      <c r="AU433" s="92"/>
      <c r="AV433" s="92"/>
      <c r="AW433" s="92"/>
      <c r="AX433" s="92"/>
      <c r="AY433" s="92"/>
      <c r="AZ433" s="93"/>
      <c r="BA433" s="93"/>
      <c r="BB433" s="93"/>
      <c r="BC433" s="93"/>
      <c r="BD433" s="93"/>
      <c r="BE433" s="93"/>
      <c r="BF433" s="93"/>
      <c r="BG433" s="93"/>
      <c r="BH433" s="93"/>
      <c r="BI433" s="93"/>
      <c r="BJ433" s="93"/>
      <c r="BK433" s="93"/>
      <c r="BL433" s="93"/>
    </row>
    <row r="434" spans="2:64" x14ac:dyDescent="0.2">
      <c r="B434" s="43"/>
      <c r="C434" s="73"/>
      <c r="D434" s="64"/>
      <c r="E434" s="55"/>
      <c r="F434" s="74"/>
      <c r="G434" s="74"/>
      <c r="H434" s="74"/>
      <c r="I434" s="75"/>
      <c r="J434" s="74"/>
      <c r="L434" s="55"/>
      <c r="M434" s="234"/>
      <c r="N434" s="65"/>
      <c r="O434" s="76"/>
      <c r="P434" s="76"/>
      <c r="Q434" s="65"/>
      <c r="R434" s="76"/>
      <c r="S434" s="76"/>
      <c r="T434" s="76"/>
      <c r="U434" s="76"/>
      <c r="V434" s="76"/>
      <c r="W434" s="76"/>
      <c r="X434" s="76"/>
      <c r="Y434" s="76"/>
      <c r="Z434" s="76"/>
      <c r="AA434" s="85"/>
      <c r="AB434" s="85"/>
      <c r="AC434" s="85"/>
      <c r="AD434" s="85"/>
      <c r="AE434" s="85"/>
      <c r="AF434" s="85"/>
      <c r="AG434" s="86"/>
      <c r="AH434" s="85"/>
      <c r="AI434" s="85"/>
      <c r="AJ434" s="85"/>
      <c r="AK434" s="85"/>
      <c r="AL434" s="85"/>
      <c r="AM434" s="92"/>
      <c r="AN434" s="92"/>
      <c r="AO434" s="92"/>
      <c r="AP434" s="92"/>
      <c r="AQ434" s="92"/>
      <c r="AR434" s="92"/>
      <c r="AS434" s="92"/>
      <c r="AT434" s="92"/>
      <c r="AU434" s="92"/>
      <c r="AV434" s="92"/>
      <c r="AW434" s="92"/>
      <c r="AX434" s="92"/>
      <c r="AY434" s="92"/>
      <c r="AZ434" s="93"/>
      <c r="BA434" s="93"/>
      <c r="BB434" s="93"/>
      <c r="BC434" s="93"/>
      <c r="BD434" s="93"/>
      <c r="BE434" s="93"/>
      <c r="BF434" s="93"/>
      <c r="BG434" s="93"/>
      <c r="BH434" s="93"/>
      <c r="BI434" s="93"/>
      <c r="BJ434" s="93"/>
      <c r="BK434" s="93"/>
      <c r="BL434" s="93"/>
    </row>
    <row r="435" spans="2:64" x14ac:dyDescent="0.2">
      <c r="B435" s="43"/>
      <c r="C435" s="73"/>
      <c r="D435" s="64"/>
      <c r="E435" s="55"/>
      <c r="F435" s="74"/>
      <c r="G435" s="74"/>
      <c r="H435" s="74"/>
      <c r="I435" s="75"/>
      <c r="J435" s="74"/>
      <c r="L435" s="55"/>
      <c r="M435" s="234"/>
      <c r="N435" s="65"/>
      <c r="O435" s="76"/>
      <c r="P435" s="76"/>
      <c r="Q435" s="65"/>
      <c r="R435" s="76"/>
      <c r="S435" s="76"/>
      <c r="T435" s="76"/>
      <c r="U435" s="76"/>
      <c r="V435" s="76"/>
      <c r="W435" s="76"/>
      <c r="X435" s="76"/>
      <c r="Y435" s="76"/>
      <c r="Z435" s="76"/>
      <c r="AA435" s="85"/>
      <c r="AB435" s="85"/>
      <c r="AC435" s="85"/>
      <c r="AD435" s="85"/>
      <c r="AE435" s="85"/>
      <c r="AF435" s="85"/>
      <c r="AG435" s="86"/>
      <c r="AH435" s="85"/>
      <c r="AI435" s="85"/>
      <c r="AJ435" s="85"/>
      <c r="AK435" s="85"/>
      <c r="AL435" s="85"/>
      <c r="AM435" s="92"/>
      <c r="AN435" s="92"/>
      <c r="AO435" s="92"/>
      <c r="AP435" s="92"/>
      <c r="AQ435" s="92"/>
      <c r="AR435" s="92"/>
      <c r="AS435" s="92"/>
      <c r="AT435" s="92"/>
      <c r="AU435" s="92"/>
      <c r="AV435" s="92"/>
      <c r="AW435" s="92"/>
      <c r="AX435" s="92"/>
      <c r="AY435" s="92"/>
      <c r="AZ435" s="93"/>
      <c r="BA435" s="93"/>
      <c r="BB435" s="93"/>
      <c r="BC435" s="93"/>
      <c r="BD435" s="93"/>
      <c r="BE435" s="93"/>
      <c r="BF435" s="93"/>
      <c r="BG435" s="93"/>
      <c r="BH435" s="93"/>
      <c r="BI435" s="93"/>
      <c r="BJ435" s="93"/>
      <c r="BK435" s="93"/>
      <c r="BL435" s="93"/>
    </row>
    <row r="436" spans="2:64" x14ac:dyDescent="0.2">
      <c r="B436" s="43"/>
      <c r="C436" s="73"/>
      <c r="D436" s="64"/>
      <c r="E436" s="55"/>
      <c r="F436" s="74"/>
      <c r="G436" s="74"/>
      <c r="H436" s="74"/>
      <c r="I436" s="75"/>
      <c r="J436" s="74"/>
      <c r="L436" s="55"/>
      <c r="M436" s="234"/>
      <c r="N436" s="65"/>
      <c r="O436" s="76"/>
      <c r="P436" s="76"/>
      <c r="Q436" s="65"/>
      <c r="R436" s="76"/>
      <c r="S436" s="76"/>
      <c r="T436" s="76"/>
      <c r="U436" s="76"/>
      <c r="V436" s="76"/>
      <c r="W436" s="76"/>
      <c r="X436" s="76"/>
      <c r="Y436" s="76"/>
      <c r="Z436" s="76"/>
      <c r="AA436" s="85"/>
      <c r="AB436" s="85"/>
      <c r="AC436" s="85"/>
      <c r="AD436" s="85"/>
      <c r="AE436" s="85"/>
      <c r="AF436" s="85"/>
      <c r="AG436" s="86"/>
      <c r="AH436" s="85"/>
      <c r="AI436" s="85"/>
      <c r="AJ436" s="85"/>
      <c r="AK436" s="85"/>
      <c r="AL436" s="85"/>
      <c r="AM436" s="92"/>
      <c r="AN436" s="92"/>
      <c r="AO436" s="92"/>
      <c r="AP436" s="92"/>
      <c r="AQ436" s="92"/>
      <c r="AR436" s="92"/>
      <c r="AS436" s="92"/>
      <c r="AT436" s="92"/>
      <c r="AU436" s="92"/>
      <c r="AV436" s="92"/>
      <c r="AW436" s="92"/>
      <c r="AX436" s="92"/>
      <c r="AY436" s="92"/>
      <c r="AZ436" s="93"/>
      <c r="BA436" s="93"/>
      <c r="BB436" s="93"/>
      <c r="BC436" s="93"/>
      <c r="BD436" s="93"/>
      <c r="BE436" s="93"/>
      <c r="BF436" s="93"/>
      <c r="BG436" s="93"/>
      <c r="BH436" s="93"/>
      <c r="BI436" s="93"/>
      <c r="BJ436" s="93"/>
      <c r="BK436" s="93"/>
      <c r="BL436" s="93"/>
    </row>
    <row r="437" spans="2:64" x14ac:dyDescent="0.2">
      <c r="B437" s="43"/>
      <c r="C437" s="73"/>
      <c r="D437" s="64"/>
      <c r="E437" s="55"/>
      <c r="F437" s="74"/>
      <c r="G437" s="74"/>
      <c r="H437" s="74"/>
      <c r="I437" s="75"/>
      <c r="J437" s="74"/>
      <c r="L437" s="55"/>
      <c r="M437" s="234"/>
      <c r="N437" s="65"/>
      <c r="O437" s="76"/>
      <c r="P437" s="76"/>
      <c r="Q437" s="65"/>
      <c r="R437" s="76"/>
      <c r="S437" s="76"/>
      <c r="T437" s="76"/>
      <c r="U437" s="76"/>
      <c r="V437" s="76"/>
      <c r="W437" s="76"/>
      <c r="X437" s="76"/>
      <c r="Y437" s="76"/>
      <c r="Z437" s="76"/>
      <c r="AA437" s="85"/>
      <c r="AB437" s="85"/>
      <c r="AC437" s="85"/>
      <c r="AD437" s="85"/>
      <c r="AE437" s="85"/>
      <c r="AF437" s="85"/>
      <c r="AG437" s="86"/>
      <c r="AH437" s="85"/>
      <c r="AI437" s="85"/>
      <c r="AJ437" s="85"/>
      <c r="AK437" s="85"/>
      <c r="AL437" s="85"/>
      <c r="AM437" s="92"/>
      <c r="AN437" s="92"/>
      <c r="AO437" s="92"/>
      <c r="AP437" s="92"/>
      <c r="AQ437" s="92"/>
      <c r="AR437" s="92"/>
      <c r="AS437" s="92"/>
      <c r="AT437" s="92"/>
      <c r="AU437" s="92"/>
      <c r="AV437" s="92"/>
      <c r="AW437" s="92"/>
      <c r="AX437" s="92"/>
      <c r="AY437" s="92"/>
      <c r="AZ437" s="93"/>
      <c r="BA437" s="93"/>
      <c r="BB437" s="93"/>
      <c r="BC437" s="93"/>
      <c r="BD437" s="93"/>
      <c r="BE437" s="93"/>
      <c r="BF437" s="93"/>
      <c r="BG437" s="93"/>
      <c r="BH437" s="93"/>
      <c r="BI437" s="93"/>
      <c r="BJ437" s="93"/>
      <c r="BK437" s="93"/>
      <c r="BL437" s="93"/>
    </row>
    <row r="438" spans="2:64" x14ac:dyDescent="0.2">
      <c r="B438" s="43"/>
      <c r="C438" s="73"/>
      <c r="D438" s="64"/>
      <c r="E438" s="55"/>
      <c r="F438" s="74"/>
      <c r="G438" s="74"/>
      <c r="H438" s="74"/>
      <c r="I438" s="75"/>
      <c r="J438" s="74"/>
      <c r="L438" s="55"/>
      <c r="M438" s="234"/>
      <c r="N438" s="65"/>
      <c r="O438" s="76"/>
      <c r="P438" s="76"/>
      <c r="Q438" s="65"/>
      <c r="R438" s="76"/>
      <c r="S438" s="76"/>
      <c r="T438" s="76"/>
      <c r="U438" s="76"/>
      <c r="V438" s="76"/>
      <c r="W438" s="76"/>
      <c r="X438" s="76"/>
      <c r="Y438" s="76"/>
      <c r="Z438" s="76"/>
      <c r="AA438" s="85"/>
      <c r="AB438" s="85"/>
      <c r="AC438" s="85"/>
      <c r="AD438" s="85"/>
      <c r="AE438" s="85"/>
      <c r="AF438" s="85"/>
      <c r="AG438" s="86"/>
      <c r="AH438" s="85"/>
      <c r="AI438" s="85"/>
      <c r="AJ438" s="85"/>
      <c r="AK438" s="85"/>
      <c r="AL438" s="85"/>
      <c r="AM438" s="92"/>
      <c r="AN438" s="92"/>
      <c r="AO438" s="92"/>
      <c r="AP438" s="92"/>
      <c r="AQ438" s="92"/>
      <c r="AR438" s="92"/>
      <c r="AS438" s="92"/>
      <c r="AT438" s="92"/>
      <c r="AU438" s="92"/>
      <c r="AV438" s="92"/>
      <c r="AW438" s="92"/>
      <c r="AX438" s="92"/>
      <c r="AY438" s="92"/>
      <c r="AZ438" s="93"/>
      <c r="BA438" s="93"/>
      <c r="BB438" s="93"/>
      <c r="BC438" s="93"/>
      <c r="BD438" s="93"/>
      <c r="BE438" s="93"/>
      <c r="BF438" s="93"/>
      <c r="BG438" s="93"/>
      <c r="BH438" s="93"/>
      <c r="BI438" s="93"/>
      <c r="BJ438" s="93"/>
      <c r="BK438" s="93"/>
      <c r="BL438" s="93"/>
    </row>
    <row r="439" spans="2:64" x14ac:dyDescent="0.2">
      <c r="B439" s="43"/>
      <c r="C439" s="73"/>
      <c r="D439" s="64"/>
      <c r="E439" s="55"/>
      <c r="F439" s="74"/>
      <c r="G439" s="74"/>
      <c r="H439" s="74"/>
      <c r="I439" s="75"/>
      <c r="J439" s="74"/>
      <c r="L439" s="55"/>
      <c r="M439" s="234"/>
      <c r="N439" s="65"/>
      <c r="O439" s="76"/>
      <c r="P439" s="76"/>
      <c r="Q439" s="65"/>
      <c r="R439" s="76"/>
      <c r="S439" s="76"/>
      <c r="T439" s="76"/>
      <c r="U439" s="76"/>
      <c r="V439" s="76"/>
      <c r="W439" s="76"/>
      <c r="X439" s="76"/>
      <c r="Y439" s="76"/>
      <c r="Z439" s="76"/>
      <c r="AA439" s="85"/>
      <c r="AB439" s="85"/>
      <c r="AC439" s="85"/>
      <c r="AD439" s="85"/>
      <c r="AE439" s="85"/>
      <c r="AF439" s="85"/>
      <c r="AG439" s="86"/>
      <c r="AH439" s="85"/>
      <c r="AI439" s="85"/>
      <c r="AJ439" s="85"/>
      <c r="AK439" s="85"/>
      <c r="AL439" s="85"/>
      <c r="AM439" s="92"/>
      <c r="AN439" s="92"/>
      <c r="AO439" s="92"/>
      <c r="AP439" s="92"/>
      <c r="AQ439" s="92"/>
      <c r="AR439" s="92"/>
      <c r="AS439" s="92"/>
      <c r="AT439" s="92"/>
      <c r="AU439" s="92"/>
      <c r="AV439" s="92"/>
      <c r="AW439" s="92"/>
      <c r="AX439" s="92"/>
      <c r="AY439" s="92"/>
      <c r="AZ439" s="93"/>
      <c r="BA439" s="93"/>
      <c r="BB439" s="93"/>
      <c r="BC439" s="93"/>
      <c r="BD439" s="93"/>
      <c r="BE439" s="93"/>
      <c r="BF439" s="93"/>
      <c r="BG439" s="93"/>
      <c r="BH439" s="93"/>
      <c r="BI439" s="93"/>
      <c r="BJ439" s="93"/>
      <c r="BK439" s="93"/>
      <c r="BL439" s="93"/>
    </row>
    <row r="440" spans="2:64" x14ac:dyDescent="0.2">
      <c r="B440" s="43"/>
      <c r="C440" s="73"/>
      <c r="D440" s="64"/>
      <c r="E440" s="55"/>
      <c r="F440" s="74"/>
      <c r="G440" s="74"/>
      <c r="H440" s="74"/>
      <c r="I440" s="75"/>
      <c r="J440" s="74"/>
      <c r="L440" s="55"/>
      <c r="M440" s="234"/>
      <c r="N440" s="65"/>
      <c r="O440" s="76"/>
      <c r="P440" s="76"/>
      <c r="Q440" s="65"/>
      <c r="R440" s="76"/>
      <c r="S440" s="76"/>
      <c r="T440" s="76"/>
      <c r="U440" s="76"/>
      <c r="V440" s="76"/>
      <c r="W440" s="76"/>
      <c r="X440" s="76"/>
      <c r="Y440" s="76"/>
      <c r="Z440" s="76"/>
      <c r="AA440" s="85"/>
      <c r="AB440" s="85"/>
      <c r="AC440" s="85"/>
      <c r="AD440" s="85"/>
      <c r="AE440" s="85"/>
      <c r="AF440" s="85"/>
      <c r="AG440" s="86"/>
      <c r="AH440" s="85"/>
      <c r="AI440" s="85"/>
      <c r="AJ440" s="85"/>
      <c r="AK440" s="85"/>
      <c r="AL440" s="85"/>
      <c r="AM440" s="92"/>
      <c r="AN440" s="92"/>
      <c r="AO440" s="92"/>
      <c r="AP440" s="92"/>
      <c r="AQ440" s="92"/>
      <c r="AR440" s="92"/>
      <c r="AS440" s="92"/>
      <c r="AT440" s="92"/>
      <c r="AU440" s="92"/>
      <c r="AV440" s="92"/>
      <c r="AW440" s="92"/>
      <c r="AX440" s="92"/>
      <c r="AY440" s="92"/>
      <c r="AZ440" s="93"/>
      <c r="BA440" s="93"/>
      <c r="BB440" s="93"/>
      <c r="BC440" s="93"/>
      <c r="BD440" s="93"/>
      <c r="BE440" s="93"/>
      <c r="BF440" s="93"/>
      <c r="BG440" s="93"/>
      <c r="BH440" s="93"/>
      <c r="BI440" s="93"/>
      <c r="BJ440" s="93"/>
      <c r="BK440" s="93"/>
      <c r="BL440" s="93"/>
    </row>
    <row r="441" spans="2:64" x14ac:dyDescent="0.2">
      <c r="B441" s="43"/>
      <c r="C441" s="73"/>
      <c r="D441" s="64"/>
      <c r="E441" s="55"/>
      <c r="F441" s="74"/>
      <c r="G441" s="74"/>
      <c r="H441" s="74"/>
      <c r="I441" s="75"/>
      <c r="J441" s="74"/>
      <c r="L441" s="55"/>
      <c r="M441" s="234"/>
      <c r="N441" s="65"/>
      <c r="O441" s="76"/>
      <c r="P441" s="76"/>
      <c r="Q441" s="65"/>
      <c r="R441" s="76"/>
      <c r="S441" s="76"/>
      <c r="T441" s="76"/>
      <c r="U441" s="76"/>
      <c r="V441" s="76"/>
      <c r="W441" s="76"/>
      <c r="X441" s="76"/>
      <c r="Y441" s="76"/>
      <c r="Z441" s="76"/>
      <c r="AA441" s="85"/>
      <c r="AB441" s="85"/>
      <c r="AC441" s="85"/>
      <c r="AD441" s="85"/>
      <c r="AE441" s="85"/>
      <c r="AF441" s="85"/>
      <c r="AG441" s="86"/>
      <c r="AH441" s="85"/>
      <c r="AI441" s="85"/>
      <c r="AJ441" s="85"/>
      <c r="AK441" s="85"/>
      <c r="AL441" s="85"/>
      <c r="AM441" s="92"/>
      <c r="AN441" s="92"/>
      <c r="AO441" s="92"/>
      <c r="AP441" s="92"/>
      <c r="AQ441" s="92"/>
      <c r="AR441" s="92"/>
      <c r="AS441" s="92"/>
      <c r="AT441" s="92"/>
      <c r="AU441" s="92"/>
      <c r="AV441" s="92"/>
      <c r="AW441" s="92"/>
      <c r="AX441" s="92"/>
      <c r="AY441" s="92"/>
      <c r="AZ441" s="93"/>
      <c r="BA441" s="93"/>
      <c r="BB441" s="93"/>
      <c r="BC441" s="93"/>
      <c r="BD441" s="93"/>
      <c r="BE441" s="93"/>
      <c r="BF441" s="93"/>
      <c r="BG441" s="93"/>
      <c r="BH441" s="93"/>
      <c r="BI441" s="93"/>
      <c r="BJ441" s="93"/>
      <c r="BK441" s="93"/>
      <c r="BL441" s="93"/>
    </row>
    <row r="442" spans="2:64" x14ac:dyDescent="0.2">
      <c r="B442" s="43"/>
      <c r="C442" s="73"/>
      <c r="D442" s="64"/>
      <c r="E442" s="55"/>
      <c r="F442" s="74"/>
      <c r="G442" s="74"/>
      <c r="H442" s="74"/>
      <c r="I442" s="75"/>
      <c r="J442" s="74"/>
      <c r="L442" s="55"/>
      <c r="M442" s="234"/>
      <c r="N442" s="65"/>
      <c r="O442" s="76"/>
      <c r="P442" s="76"/>
      <c r="Q442" s="65"/>
      <c r="R442" s="76"/>
      <c r="S442" s="76"/>
      <c r="T442" s="76"/>
      <c r="U442" s="76"/>
      <c r="V442" s="76"/>
      <c r="W442" s="76"/>
      <c r="X442" s="76"/>
      <c r="Y442" s="76"/>
      <c r="Z442" s="76"/>
      <c r="AA442" s="85"/>
      <c r="AB442" s="85"/>
      <c r="AC442" s="85"/>
      <c r="AD442" s="85"/>
      <c r="AE442" s="85"/>
      <c r="AF442" s="85"/>
      <c r="AG442" s="86"/>
      <c r="AH442" s="85"/>
      <c r="AI442" s="85"/>
      <c r="AJ442" s="85"/>
      <c r="AK442" s="85"/>
      <c r="AL442" s="85"/>
      <c r="AM442" s="92"/>
      <c r="AN442" s="92"/>
      <c r="AO442" s="92"/>
      <c r="AP442" s="92"/>
      <c r="AQ442" s="92"/>
      <c r="AR442" s="92"/>
      <c r="AS442" s="92"/>
      <c r="AT442" s="92"/>
      <c r="AU442" s="92"/>
      <c r="AV442" s="92"/>
      <c r="AW442" s="92"/>
      <c r="AX442" s="92"/>
      <c r="AY442" s="92"/>
      <c r="AZ442" s="93"/>
      <c r="BA442" s="93"/>
      <c r="BB442" s="93"/>
      <c r="BC442" s="93"/>
      <c r="BD442" s="93"/>
      <c r="BE442" s="93"/>
      <c r="BF442" s="93"/>
      <c r="BG442" s="93"/>
      <c r="BH442" s="93"/>
      <c r="BI442" s="93"/>
      <c r="BJ442" s="93"/>
      <c r="BK442" s="93"/>
      <c r="BL442" s="93"/>
    </row>
    <row r="443" spans="2:64" x14ac:dyDescent="0.2">
      <c r="B443" s="43"/>
      <c r="C443" s="73"/>
      <c r="D443" s="64"/>
      <c r="E443" s="55"/>
      <c r="F443" s="74"/>
      <c r="G443" s="74"/>
      <c r="H443" s="74"/>
      <c r="I443" s="75"/>
      <c r="J443" s="74"/>
      <c r="L443" s="55"/>
      <c r="M443" s="234"/>
      <c r="N443" s="65"/>
      <c r="O443" s="76"/>
      <c r="P443" s="76"/>
      <c r="Q443" s="65"/>
      <c r="R443" s="76"/>
      <c r="S443" s="76"/>
      <c r="T443" s="76"/>
      <c r="U443" s="76"/>
      <c r="V443" s="76"/>
      <c r="W443" s="76"/>
      <c r="X443" s="76"/>
      <c r="Y443" s="76"/>
      <c r="Z443" s="76"/>
      <c r="AA443" s="85"/>
      <c r="AB443" s="85"/>
      <c r="AC443" s="85"/>
      <c r="AD443" s="85"/>
      <c r="AE443" s="85"/>
      <c r="AF443" s="85"/>
      <c r="AG443" s="86"/>
      <c r="AH443" s="85"/>
      <c r="AI443" s="85"/>
      <c r="AJ443" s="85"/>
      <c r="AK443" s="85"/>
      <c r="AL443" s="85"/>
      <c r="AM443" s="92"/>
      <c r="AN443" s="92"/>
      <c r="AO443" s="92"/>
      <c r="AP443" s="92"/>
      <c r="AQ443" s="92"/>
      <c r="AR443" s="92"/>
      <c r="AS443" s="92"/>
      <c r="AT443" s="92"/>
      <c r="AU443" s="92"/>
      <c r="AV443" s="92"/>
      <c r="AW443" s="92"/>
      <c r="AX443" s="92"/>
      <c r="AY443" s="92"/>
      <c r="AZ443" s="93"/>
      <c r="BA443" s="93"/>
      <c r="BB443" s="93"/>
      <c r="BC443" s="93"/>
      <c r="BD443" s="93"/>
      <c r="BE443" s="93"/>
      <c r="BF443" s="93"/>
      <c r="BG443" s="93"/>
      <c r="BH443" s="93"/>
      <c r="BI443" s="93"/>
      <c r="BJ443" s="93"/>
      <c r="BK443" s="93"/>
      <c r="BL443" s="93"/>
    </row>
    <row r="444" spans="2:64" x14ac:dyDescent="0.2">
      <c r="B444" s="43"/>
      <c r="C444" s="73"/>
      <c r="D444" s="64"/>
      <c r="E444" s="55"/>
      <c r="F444" s="74"/>
      <c r="G444" s="74"/>
      <c r="H444" s="74"/>
      <c r="I444" s="75"/>
      <c r="J444" s="74"/>
      <c r="L444" s="55"/>
      <c r="M444" s="234"/>
      <c r="N444" s="65"/>
      <c r="O444" s="76"/>
      <c r="P444" s="76"/>
      <c r="Q444" s="65"/>
      <c r="R444" s="76"/>
      <c r="S444" s="76"/>
      <c r="T444" s="76"/>
      <c r="U444" s="76"/>
      <c r="V444" s="76"/>
      <c r="W444" s="76"/>
      <c r="X444" s="76"/>
      <c r="Y444" s="76"/>
      <c r="Z444" s="76"/>
      <c r="AA444" s="85"/>
      <c r="AB444" s="85"/>
      <c r="AC444" s="85"/>
      <c r="AD444" s="85"/>
      <c r="AE444" s="85"/>
      <c r="AF444" s="85"/>
      <c r="AG444" s="86"/>
      <c r="AH444" s="85"/>
      <c r="AI444" s="85"/>
      <c r="AJ444" s="85"/>
      <c r="AK444" s="85"/>
      <c r="AL444" s="85"/>
      <c r="AM444" s="92"/>
      <c r="AN444" s="92"/>
      <c r="AO444" s="92"/>
      <c r="AP444" s="92"/>
      <c r="AQ444" s="92"/>
      <c r="AR444" s="92"/>
      <c r="AS444" s="92"/>
      <c r="AT444" s="92"/>
      <c r="AU444" s="92"/>
      <c r="AV444" s="92"/>
      <c r="AW444" s="92"/>
      <c r="AX444" s="92"/>
      <c r="AY444" s="92"/>
      <c r="AZ444" s="93"/>
      <c r="BA444" s="93"/>
      <c r="BB444" s="93"/>
      <c r="BC444" s="93"/>
      <c r="BD444" s="93"/>
      <c r="BE444" s="93"/>
      <c r="BF444" s="93"/>
      <c r="BG444" s="93"/>
      <c r="BH444" s="93"/>
      <c r="BI444" s="93"/>
      <c r="BJ444" s="93"/>
      <c r="BK444" s="93"/>
      <c r="BL444" s="93"/>
    </row>
    <row r="445" spans="2:64" x14ac:dyDescent="0.2">
      <c r="B445" s="43"/>
      <c r="C445" s="73"/>
      <c r="D445" s="64"/>
      <c r="E445" s="55"/>
      <c r="F445" s="74"/>
      <c r="G445" s="74"/>
      <c r="H445" s="74"/>
      <c r="I445" s="75"/>
      <c r="J445" s="74"/>
      <c r="L445" s="55"/>
      <c r="M445" s="234"/>
      <c r="N445" s="65"/>
      <c r="O445" s="76"/>
      <c r="P445" s="76"/>
      <c r="Q445" s="65"/>
      <c r="R445" s="76"/>
      <c r="S445" s="76"/>
      <c r="T445" s="76"/>
      <c r="U445" s="76"/>
      <c r="V445" s="76"/>
      <c r="W445" s="76"/>
      <c r="X445" s="76"/>
      <c r="Y445" s="76"/>
      <c r="Z445" s="76"/>
      <c r="AA445" s="85"/>
      <c r="AB445" s="85"/>
      <c r="AC445" s="85"/>
      <c r="AD445" s="85"/>
      <c r="AE445" s="85"/>
      <c r="AF445" s="85"/>
      <c r="AG445" s="86"/>
      <c r="AH445" s="85"/>
      <c r="AI445" s="85"/>
      <c r="AJ445" s="85"/>
      <c r="AK445" s="85"/>
      <c r="AL445" s="85"/>
      <c r="AM445" s="92"/>
      <c r="AN445" s="92"/>
      <c r="AO445" s="92"/>
      <c r="AP445" s="92"/>
      <c r="AQ445" s="92"/>
      <c r="AR445" s="92"/>
      <c r="AS445" s="92"/>
      <c r="AT445" s="92"/>
      <c r="AU445" s="92"/>
      <c r="AV445" s="92"/>
      <c r="AW445" s="92"/>
      <c r="AX445" s="92"/>
      <c r="AY445" s="92"/>
      <c r="AZ445" s="93"/>
      <c r="BA445" s="93"/>
      <c r="BB445" s="93"/>
      <c r="BC445" s="93"/>
      <c r="BD445" s="93"/>
      <c r="BE445" s="93"/>
      <c r="BF445" s="93"/>
      <c r="BG445" s="93"/>
      <c r="BH445" s="93"/>
      <c r="BI445" s="93"/>
      <c r="BJ445" s="93"/>
      <c r="BK445" s="93"/>
      <c r="BL445" s="93"/>
    </row>
    <row r="446" spans="2:64" x14ac:dyDescent="0.2">
      <c r="B446" s="43"/>
      <c r="C446" s="73"/>
      <c r="D446" s="64"/>
      <c r="E446" s="55"/>
      <c r="F446" s="74"/>
      <c r="G446" s="74"/>
      <c r="H446" s="74"/>
      <c r="I446" s="75"/>
      <c r="J446" s="74"/>
      <c r="L446" s="55"/>
      <c r="M446" s="234"/>
      <c r="N446" s="65"/>
      <c r="O446" s="76"/>
      <c r="P446" s="76"/>
      <c r="Q446" s="65"/>
      <c r="R446" s="76"/>
      <c r="S446" s="76"/>
      <c r="T446" s="76"/>
      <c r="U446" s="76"/>
      <c r="V446" s="76"/>
      <c r="W446" s="76"/>
      <c r="X446" s="76"/>
      <c r="Y446" s="76"/>
      <c r="Z446" s="76"/>
      <c r="AA446" s="85"/>
      <c r="AB446" s="85"/>
      <c r="AC446" s="85"/>
      <c r="AD446" s="85"/>
      <c r="AE446" s="85"/>
      <c r="AF446" s="85"/>
      <c r="AG446" s="86"/>
      <c r="AH446" s="85"/>
      <c r="AI446" s="85"/>
      <c r="AJ446" s="85"/>
      <c r="AK446" s="85"/>
      <c r="AL446" s="85"/>
      <c r="AM446" s="92"/>
      <c r="AN446" s="92"/>
      <c r="AO446" s="92"/>
      <c r="AP446" s="92"/>
      <c r="AQ446" s="92"/>
      <c r="AR446" s="92"/>
      <c r="AS446" s="92"/>
      <c r="AT446" s="92"/>
      <c r="AU446" s="92"/>
      <c r="AV446" s="92"/>
      <c r="AW446" s="92"/>
      <c r="AX446" s="92"/>
      <c r="AY446" s="92"/>
      <c r="AZ446" s="93"/>
      <c r="BA446" s="93"/>
      <c r="BB446" s="93"/>
      <c r="BC446" s="93"/>
      <c r="BD446" s="93"/>
      <c r="BE446" s="93"/>
      <c r="BF446" s="93"/>
      <c r="BG446" s="93"/>
      <c r="BH446" s="93"/>
      <c r="BI446" s="93"/>
      <c r="BJ446" s="93"/>
      <c r="BK446" s="93"/>
      <c r="BL446" s="93"/>
    </row>
    <row r="447" spans="2:64" x14ac:dyDescent="0.2">
      <c r="B447" s="43"/>
      <c r="C447" s="73"/>
      <c r="D447" s="64"/>
      <c r="E447" s="55"/>
      <c r="F447" s="74"/>
      <c r="G447" s="74"/>
      <c r="H447" s="74"/>
      <c r="I447" s="75"/>
      <c r="J447" s="74"/>
      <c r="L447" s="55"/>
      <c r="M447" s="234"/>
      <c r="N447" s="65"/>
      <c r="O447" s="76"/>
      <c r="P447" s="76"/>
      <c r="Q447" s="65"/>
      <c r="R447" s="76"/>
      <c r="S447" s="76"/>
      <c r="T447" s="76"/>
      <c r="U447" s="76"/>
      <c r="V447" s="76"/>
      <c r="W447" s="76"/>
      <c r="X447" s="76"/>
      <c r="Y447" s="76"/>
      <c r="Z447" s="76"/>
      <c r="AA447" s="85"/>
      <c r="AB447" s="85"/>
      <c r="AC447" s="85"/>
      <c r="AD447" s="85"/>
      <c r="AE447" s="85"/>
      <c r="AF447" s="85"/>
      <c r="AG447" s="86"/>
      <c r="AH447" s="85"/>
      <c r="AI447" s="85"/>
      <c r="AJ447" s="85"/>
      <c r="AK447" s="85"/>
      <c r="AL447" s="85"/>
      <c r="AM447" s="92"/>
      <c r="AN447" s="92"/>
      <c r="AO447" s="92"/>
      <c r="AP447" s="92"/>
      <c r="AQ447" s="92"/>
      <c r="AR447" s="92"/>
      <c r="AS447" s="92"/>
      <c r="AT447" s="92"/>
      <c r="AU447" s="92"/>
      <c r="AV447" s="92"/>
      <c r="AW447" s="92"/>
      <c r="AX447" s="92"/>
      <c r="AY447" s="92"/>
      <c r="AZ447" s="93"/>
      <c r="BA447" s="93"/>
      <c r="BB447" s="93"/>
      <c r="BC447" s="93"/>
      <c r="BD447" s="93"/>
      <c r="BE447" s="93"/>
      <c r="BF447" s="93"/>
      <c r="BG447" s="93"/>
      <c r="BH447" s="93"/>
      <c r="BI447" s="93"/>
      <c r="BJ447" s="93"/>
      <c r="BK447" s="93"/>
      <c r="BL447" s="93"/>
    </row>
    <row r="448" spans="2:64" x14ac:dyDescent="0.2">
      <c r="B448" s="43"/>
      <c r="C448" s="73"/>
      <c r="D448" s="64"/>
      <c r="E448" s="55"/>
      <c r="F448" s="74"/>
      <c r="G448" s="74"/>
      <c r="H448" s="74"/>
      <c r="I448" s="75"/>
      <c r="J448" s="74"/>
      <c r="L448" s="55"/>
      <c r="M448" s="234"/>
      <c r="N448" s="65"/>
      <c r="O448" s="76"/>
      <c r="P448" s="76"/>
      <c r="Q448" s="65"/>
      <c r="R448" s="76"/>
      <c r="S448" s="76"/>
      <c r="T448" s="76"/>
      <c r="U448" s="76"/>
      <c r="V448" s="76"/>
      <c r="W448" s="76"/>
      <c r="X448" s="76"/>
      <c r="Y448" s="76"/>
      <c r="Z448" s="76"/>
      <c r="AA448" s="85"/>
      <c r="AB448" s="85"/>
      <c r="AC448" s="85"/>
      <c r="AD448" s="85"/>
      <c r="AE448" s="85"/>
      <c r="AF448" s="85"/>
      <c r="AG448" s="86"/>
      <c r="AH448" s="85"/>
      <c r="AI448" s="85"/>
      <c r="AJ448" s="85"/>
      <c r="AK448" s="85"/>
      <c r="AL448" s="85"/>
      <c r="AM448" s="92"/>
      <c r="AN448" s="92"/>
      <c r="AO448" s="92"/>
      <c r="AP448" s="92"/>
      <c r="AQ448" s="92"/>
      <c r="AR448" s="92"/>
      <c r="AS448" s="92"/>
      <c r="AT448" s="92"/>
      <c r="AU448" s="92"/>
      <c r="AV448" s="92"/>
      <c r="AW448" s="92"/>
      <c r="AX448" s="92"/>
      <c r="AY448" s="92"/>
      <c r="AZ448" s="93"/>
      <c r="BA448" s="93"/>
      <c r="BB448" s="93"/>
      <c r="BC448" s="93"/>
      <c r="BD448" s="93"/>
      <c r="BE448" s="93"/>
      <c r="BF448" s="93"/>
      <c r="BG448" s="93"/>
      <c r="BH448" s="93"/>
      <c r="BI448" s="93"/>
      <c r="BJ448" s="93"/>
      <c r="BK448" s="93"/>
      <c r="BL448" s="93"/>
    </row>
    <row r="449" spans="2:64" x14ac:dyDescent="0.2">
      <c r="B449" s="43"/>
      <c r="C449" s="73"/>
      <c r="D449" s="64"/>
      <c r="E449" s="55"/>
      <c r="F449" s="74"/>
      <c r="G449" s="74"/>
      <c r="H449" s="74"/>
      <c r="I449" s="75"/>
      <c r="J449" s="74"/>
      <c r="L449" s="55"/>
      <c r="M449" s="234"/>
      <c r="N449" s="65"/>
      <c r="O449" s="76"/>
      <c r="P449" s="76"/>
      <c r="Q449" s="65"/>
      <c r="R449" s="76"/>
      <c r="S449" s="76"/>
      <c r="T449" s="76"/>
      <c r="U449" s="76"/>
      <c r="V449" s="76"/>
      <c r="W449" s="76"/>
      <c r="X449" s="76"/>
      <c r="Y449" s="76"/>
      <c r="Z449" s="76"/>
      <c r="AA449" s="85"/>
      <c r="AB449" s="85"/>
      <c r="AC449" s="85"/>
      <c r="AD449" s="85"/>
      <c r="AE449" s="85"/>
      <c r="AF449" s="85"/>
      <c r="AG449" s="86"/>
      <c r="AH449" s="85"/>
      <c r="AI449" s="85"/>
      <c r="AJ449" s="85"/>
      <c r="AK449" s="85"/>
      <c r="AL449" s="85"/>
      <c r="AM449" s="92"/>
      <c r="AN449" s="92"/>
      <c r="AO449" s="92"/>
      <c r="AP449" s="92"/>
      <c r="AQ449" s="92"/>
      <c r="AR449" s="92"/>
      <c r="AS449" s="92"/>
      <c r="AT449" s="92"/>
      <c r="AU449" s="92"/>
      <c r="AV449" s="92"/>
      <c r="AW449" s="92"/>
      <c r="AX449" s="92"/>
      <c r="AY449" s="92"/>
      <c r="AZ449" s="93"/>
      <c r="BA449" s="93"/>
      <c r="BB449" s="93"/>
      <c r="BC449" s="93"/>
      <c r="BD449" s="93"/>
      <c r="BE449" s="93"/>
      <c r="BF449" s="93"/>
      <c r="BG449" s="93"/>
      <c r="BH449" s="93"/>
      <c r="BI449" s="93"/>
      <c r="BJ449" s="93"/>
      <c r="BK449" s="93"/>
      <c r="BL449" s="93"/>
    </row>
    <row r="450" spans="2:64" x14ac:dyDescent="0.2">
      <c r="B450" s="43"/>
      <c r="C450" s="73"/>
      <c r="D450" s="64"/>
      <c r="E450" s="55"/>
      <c r="F450" s="74"/>
      <c r="G450" s="74"/>
      <c r="H450" s="74"/>
      <c r="I450" s="75"/>
      <c r="J450" s="74"/>
      <c r="L450" s="55"/>
      <c r="M450" s="234"/>
      <c r="N450" s="65"/>
      <c r="O450" s="76"/>
      <c r="P450" s="76"/>
      <c r="Q450" s="65"/>
      <c r="R450" s="76"/>
      <c r="S450" s="76"/>
      <c r="T450" s="76"/>
      <c r="U450" s="76"/>
      <c r="V450" s="76"/>
      <c r="W450" s="76"/>
      <c r="X450" s="76"/>
      <c r="Y450" s="76"/>
      <c r="Z450" s="76"/>
      <c r="AA450" s="85"/>
      <c r="AB450" s="85"/>
      <c r="AC450" s="85"/>
      <c r="AD450" s="85"/>
      <c r="AE450" s="85"/>
      <c r="AF450" s="85"/>
      <c r="AG450" s="86"/>
      <c r="AH450" s="85"/>
      <c r="AI450" s="85"/>
      <c r="AJ450" s="85"/>
      <c r="AK450" s="85"/>
      <c r="AL450" s="85"/>
      <c r="AM450" s="92"/>
      <c r="AN450" s="92"/>
      <c r="AO450" s="92"/>
      <c r="AP450" s="92"/>
      <c r="AQ450" s="92"/>
      <c r="AR450" s="92"/>
      <c r="AS450" s="92"/>
      <c r="AT450" s="92"/>
      <c r="AU450" s="92"/>
      <c r="AV450" s="92"/>
      <c r="AW450" s="92"/>
      <c r="AX450" s="92"/>
      <c r="AY450" s="92"/>
      <c r="AZ450" s="93"/>
      <c r="BA450" s="93"/>
      <c r="BB450" s="93"/>
      <c r="BC450" s="93"/>
      <c r="BD450" s="93"/>
      <c r="BE450" s="93"/>
      <c r="BF450" s="93"/>
      <c r="BG450" s="93"/>
      <c r="BH450" s="93"/>
      <c r="BI450" s="93"/>
      <c r="BJ450" s="93"/>
      <c r="BK450" s="93"/>
      <c r="BL450" s="93"/>
    </row>
    <row r="451" spans="2:64" x14ac:dyDescent="0.2">
      <c r="B451" s="43"/>
      <c r="C451" s="73"/>
      <c r="D451" s="64"/>
      <c r="E451" s="55"/>
      <c r="F451" s="74"/>
      <c r="G451" s="74"/>
      <c r="H451" s="74"/>
      <c r="I451" s="75"/>
      <c r="J451" s="74"/>
      <c r="L451" s="55"/>
      <c r="M451" s="234"/>
      <c r="N451" s="65"/>
      <c r="O451" s="76"/>
      <c r="P451" s="76"/>
      <c r="Q451" s="65"/>
      <c r="R451" s="76"/>
      <c r="S451" s="76"/>
      <c r="T451" s="76"/>
      <c r="U451" s="76"/>
      <c r="V451" s="76"/>
      <c r="W451" s="76"/>
      <c r="X451" s="76"/>
      <c r="Y451" s="76"/>
      <c r="Z451" s="76"/>
      <c r="AA451" s="85"/>
      <c r="AB451" s="85"/>
      <c r="AC451" s="85"/>
      <c r="AD451" s="85"/>
      <c r="AE451" s="85"/>
      <c r="AF451" s="85"/>
      <c r="AG451" s="86"/>
      <c r="AH451" s="85"/>
      <c r="AI451" s="85"/>
      <c r="AJ451" s="85"/>
      <c r="AK451" s="85"/>
      <c r="AL451" s="85"/>
      <c r="AM451" s="92"/>
      <c r="AN451" s="92"/>
      <c r="AO451" s="92"/>
      <c r="AP451" s="92"/>
      <c r="AQ451" s="92"/>
      <c r="AR451" s="92"/>
      <c r="AS451" s="92"/>
      <c r="AT451" s="92"/>
      <c r="AU451" s="92"/>
      <c r="AV451" s="92"/>
      <c r="AW451" s="92"/>
      <c r="AX451" s="92"/>
      <c r="AY451" s="92"/>
      <c r="AZ451" s="93"/>
      <c r="BA451" s="93"/>
      <c r="BB451" s="93"/>
      <c r="BC451" s="93"/>
      <c r="BD451" s="93"/>
      <c r="BE451" s="93"/>
      <c r="BF451" s="93"/>
      <c r="BG451" s="93"/>
      <c r="BH451" s="93"/>
      <c r="BI451" s="93"/>
      <c r="BJ451" s="93"/>
      <c r="BK451" s="93"/>
      <c r="BL451" s="93"/>
    </row>
    <row r="452" spans="2:64" x14ac:dyDescent="0.2">
      <c r="B452" s="43"/>
      <c r="C452" s="73"/>
      <c r="D452" s="64"/>
      <c r="E452" s="55"/>
      <c r="F452" s="74"/>
      <c r="G452" s="74"/>
      <c r="H452" s="74"/>
      <c r="I452" s="75"/>
      <c r="J452" s="74"/>
      <c r="L452" s="55"/>
      <c r="M452" s="234"/>
      <c r="N452" s="65"/>
      <c r="O452" s="76"/>
      <c r="P452" s="76"/>
      <c r="Q452" s="65"/>
      <c r="R452" s="76"/>
      <c r="S452" s="76"/>
      <c r="T452" s="76"/>
      <c r="U452" s="76"/>
      <c r="V452" s="76"/>
      <c r="W452" s="76"/>
      <c r="X452" s="76"/>
      <c r="Y452" s="76"/>
      <c r="Z452" s="76"/>
      <c r="AA452" s="85"/>
      <c r="AB452" s="85"/>
      <c r="AC452" s="85"/>
      <c r="AD452" s="85"/>
      <c r="AE452" s="85"/>
      <c r="AF452" s="85"/>
      <c r="AG452" s="86"/>
      <c r="AH452" s="85"/>
      <c r="AI452" s="85"/>
      <c r="AJ452" s="85"/>
      <c r="AK452" s="85"/>
      <c r="AL452" s="85"/>
      <c r="AM452" s="92"/>
      <c r="AN452" s="92"/>
      <c r="AO452" s="92"/>
      <c r="AP452" s="92"/>
      <c r="AQ452" s="92"/>
      <c r="AR452" s="92"/>
      <c r="AS452" s="92"/>
      <c r="AT452" s="92"/>
      <c r="AU452" s="92"/>
      <c r="AV452" s="92"/>
      <c r="AW452" s="92"/>
      <c r="AX452" s="92"/>
      <c r="AY452" s="92"/>
      <c r="AZ452" s="93"/>
      <c r="BA452" s="93"/>
      <c r="BB452" s="93"/>
      <c r="BC452" s="93"/>
      <c r="BD452" s="93"/>
      <c r="BE452" s="93"/>
      <c r="BF452" s="93"/>
      <c r="BG452" s="93"/>
      <c r="BH452" s="93"/>
      <c r="BI452" s="93"/>
      <c r="BJ452" s="93"/>
      <c r="BK452" s="93"/>
      <c r="BL452" s="93"/>
    </row>
    <row r="453" spans="2:64" x14ac:dyDescent="0.2">
      <c r="B453" s="43"/>
      <c r="C453" s="73"/>
      <c r="D453" s="64"/>
      <c r="E453" s="55"/>
      <c r="F453" s="74"/>
      <c r="G453" s="74"/>
      <c r="H453" s="74"/>
      <c r="I453" s="75"/>
      <c r="J453" s="74"/>
      <c r="L453" s="55"/>
      <c r="M453" s="234"/>
      <c r="N453" s="65"/>
      <c r="O453" s="76"/>
      <c r="P453" s="76"/>
      <c r="Q453" s="65"/>
      <c r="R453" s="76"/>
      <c r="S453" s="76"/>
      <c r="T453" s="76"/>
      <c r="U453" s="76"/>
      <c r="V453" s="76"/>
      <c r="W453" s="76"/>
      <c r="X453" s="76"/>
      <c r="Y453" s="76"/>
      <c r="Z453" s="76"/>
      <c r="AA453" s="85"/>
      <c r="AB453" s="85"/>
      <c r="AC453" s="85"/>
      <c r="AD453" s="85"/>
      <c r="AE453" s="85"/>
      <c r="AF453" s="85"/>
      <c r="AG453" s="86"/>
      <c r="AH453" s="85"/>
      <c r="AI453" s="85"/>
      <c r="AJ453" s="85"/>
      <c r="AK453" s="85"/>
      <c r="AL453" s="85"/>
      <c r="AM453" s="92"/>
      <c r="AN453" s="92"/>
      <c r="AO453" s="92"/>
      <c r="AP453" s="92"/>
      <c r="AQ453" s="92"/>
      <c r="AR453" s="92"/>
      <c r="AS453" s="92"/>
      <c r="AT453" s="92"/>
      <c r="AU453" s="92"/>
      <c r="AV453" s="92"/>
      <c r="AW453" s="92"/>
      <c r="AX453" s="92"/>
      <c r="AY453" s="92"/>
      <c r="AZ453" s="93"/>
      <c r="BA453" s="93"/>
      <c r="BB453" s="93"/>
      <c r="BC453" s="93"/>
      <c r="BD453" s="93"/>
      <c r="BE453" s="93"/>
      <c r="BF453" s="93"/>
      <c r="BG453" s="93"/>
      <c r="BH453" s="93"/>
      <c r="BI453" s="93"/>
      <c r="BJ453" s="93"/>
      <c r="BK453" s="93"/>
      <c r="BL453" s="93"/>
    </row>
    <row r="454" spans="2:64" x14ac:dyDescent="0.2">
      <c r="B454" s="43"/>
      <c r="C454" s="73"/>
      <c r="D454" s="64"/>
      <c r="E454" s="55"/>
      <c r="F454" s="74"/>
      <c r="G454" s="74"/>
      <c r="H454" s="74"/>
      <c r="I454" s="75"/>
      <c r="J454" s="74"/>
      <c r="L454" s="55"/>
      <c r="M454" s="234"/>
      <c r="N454" s="65"/>
      <c r="O454" s="76"/>
      <c r="P454" s="76"/>
      <c r="Q454" s="65"/>
      <c r="R454" s="76"/>
      <c r="S454" s="76"/>
      <c r="T454" s="76"/>
      <c r="U454" s="76"/>
      <c r="V454" s="76"/>
      <c r="W454" s="76"/>
      <c r="X454" s="76"/>
      <c r="Y454" s="76"/>
      <c r="Z454" s="76"/>
      <c r="AA454" s="85"/>
      <c r="AB454" s="85"/>
      <c r="AC454" s="85"/>
      <c r="AD454" s="85"/>
      <c r="AE454" s="85"/>
      <c r="AF454" s="85"/>
      <c r="AG454" s="86"/>
      <c r="AH454" s="85"/>
      <c r="AI454" s="85"/>
      <c r="AJ454" s="85"/>
      <c r="AK454" s="85"/>
      <c r="AL454" s="85"/>
      <c r="AM454" s="92"/>
      <c r="AN454" s="92"/>
      <c r="AO454" s="92"/>
      <c r="AP454" s="92"/>
      <c r="AQ454" s="92"/>
      <c r="AR454" s="92"/>
      <c r="AS454" s="92"/>
      <c r="AT454" s="92"/>
      <c r="AU454" s="92"/>
      <c r="AV454" s="92"/>
      <c r="AW454" s="92"/>
      <c r="AX454" s="92"/>
      <c r="AY454" s="92"/>
      <c r="AZ454" s="93"/>
      <c r="BA454" s="93"/>
      <c r="BB454" s="93"/>
      <c r="BC454" s="93"/>
      <c r="BD454" s="93"/>
      <c r="BE454" s="93"/>
      <c r="BF454" s="93"/>
      <c r="BG454" s="93"/>
      <c r="BH454" s="93"/>
      <c r="BI454" s="93"/>
      <c r="BJ454" s="93"/>
      <c r="BK454" s="93"/>
      <c r="BL454" s="93"/>
    </row>
    <row r="455" spans="2:64" x14ac:dyDescent="0.2">
      <c r="B455" s="43"/>
      <c r="C455" s="73"/>
      <c r="D455" s="64"/>
      <c r="E455" s="55"/>
      <c r="F455" s="74"/>
      <c r="G455" s="74"/>
      <c r="H455" s="74"/>
      <c r="I455" s="75"/>
      <c r="J455" s="74"/>
      <c r="L455" s="55"/>
      <c r="M455" s="234"/>
      <c r="N455" s="65"/>
      <c r="O455" s="76"/>
      <c r="P455" s="76"/>
      <c r="Q455" s="65"/>
      <c r="R455" s="76"/>
      <c r="S455" s="76"/>
      <c r="T455" s="76"/>
      <c r="U455" s="76"/>
      <c r="V455" s="76"/>
      <c r="W455" s="76"/>
      <c r="X455" s="76"/>
      <c r="Y455" s="76"/>
      <c r="Z455" s="76"/>
      <c r="AA455" s="85"/>
      <c r="AB455" s="85"/>
      <c r="AC455" s="85"/>
      <c r="AD455" s="85"/>
      <c r="AE455" s="85"/>
      <c r="AF455" s="85"/>
      <c r="AG455" s="86"/>
      <c r="AH455" s="85"/>
      <c r="AI455" s="85"/>
      <c r="AJ455" s="85"/>
      <c r="AK455" s="85"/>
      <c r="AL455" s="85"/>
      <c r="AM455" s="92"/>
      <c r="AN455" s="92"/>
      <c r="AO455" s="92"/>
      <c r="AP455" s="92"/>
      <c r="AQ455" s="92"/>
      <c r="AR455" s="92"/>
      <c r="AS455" s="92"/>
      <c r="AT455" s="92"/>
      <c r="AU455" s="92"/>
      <c r="AV455" s="92"/>
      <c r="AW455" s="92"/>
      <c r="AX455" s="92"/>
      <c r="AY455" s="92"/>
      <c r="AZ455" s="93"/>
      <c r="BA455" s="93"/>
      <c r="BB455" s="93"/>
      <c r="BC455" s="93"/>
      <c r="BD455" s="93"/>
      <c r="BE455" s="93"/>
      <c r="BF455" s="93"/>
      <c r="BG455" s="93"/>
      <c r="BH455" s="93"/>
      <c r="BI455" s="93"/>
      <c r="BJ455" s="93"/>
      <c r="BK455" s="93"/>
      <c r="BL455" s="93"/>
    </row>
    <row r="456" spans="2:64" x14ac:dyDescent="0.2">
      <c r="B456" s="43"/>
      <c r="C456" s="73"/>
      <c r="D456" s="64"/>
      <c r="E456" s="55"/>
      <c r="F456" s="74"/>
      <c r="G456" s="74"/>
      <c r="H456" s="74"/>
      <c r="I456" s="75"/>
      <c r="J456" s="74"/>
      <c r="L456" s="55"/>
      <c r="M456" s="234"/>
      <c r="N456" s="65"/>
      <c r="O456" s="76"/>
      <c r="P456" s="76"/>
      <c r="Q456" s="65"/>
      <c r="R456" s="76"/>
      <c r="S456" s="76"/>
      <c r="T456" s="76"/>
      <c r="U456" s="76"/>
      <c r="V456" s="76"/>
      <c r="W456" s="76"/>
      <c r="X456" s="76"/>
      <c r="Y456" s="76"/>
      <c r="Z456" s="76"/>
      <c r="AA456" s="85"/>
      <c r="AB456" s="85"/>
      <c r="AC456" s="85"/>
      <c r="AD456" s="85"/>
      <c r="AE456" s="85"/>
      <c r="AF456" s="85"/>
      <c r="AG456" s="86"/>
      <c r="AH456" s="85"/>
      <c r="AI456" s="85"/>
      <c r="AJ456" s="85"/>
      <c r="AK456" s="85"/>
      <c r="AL456" s="85"/>
      <c r="AM456" s="92"/>
      <c r="AN456" s="92"/>
      <c r="AO456" s="92"/>
      <c r="AP456" s="92"/>
      <c r="AQ456" s="92"/>
      <c r="AR456" s="92"/>
      <c r="AS456" s="92"/>
      <c r="AT456" s="92"/>
      <c r="AU456" s="92"/>
      <c r="AV456" s="92"/>
      <c r="AW456" s="92"/>
      <c r="AX456" s="92"/>
      <c r="AY456" s="92"/>
      <c r="AZ456" s="93"/>
      <c r="BA456" s="93"/>
      <c r="BB456" s="93"/>
      <c r="BC456" s="93"/>
      <c r="BD456" s="93"/>
      <c r="BE456" s="93"/>
      <c r="BF456" s="93"/>
      <c r="BG456" s="93"/>
      <c r="BH456" s="93"/>
      <c r="BI456" s="93"/>
      <c r="BJ456" s="93"/>
      <c r="BK456" s="93"/>
      <c r="BL456" s="93"/>
    </row>
    <row r="457" spans="2:64" x14ac:dyDescent="0.2">
      <c r="B457" s="43"/>
      <c r="C457" s="73"/>
      <c r="D457" s="64"/>
      <c r="E457" s="55"/>
      <c r="F457" s="74"/>
      <c r="G457" s="74"/>
      <c r="H457" s="74"/>
      <c r="I457" s="75"/>
      <c r="J457" s="74"/>
      <c r="L457" s="55"/>
      <c r="M457" s="234"/>
      <c r="N457" s="65"/>
      <c r="O457" s="76"/>
      <c r="P457" s="76"/>
      <c r="Q457" s="65"/>
      <c r="R457" s="76"/>
      <c r="S457" s="76"/>
      <c r="T457" s="76"/>
      <c r="U457" s="76"/>
      <c r="V457" s="76"/>
      <c r="W457" s="76"/>
      <c r="X457" s="76"/>
      <c r="Y457" s="76"/>
      <c r="Z457" s="76"/>
      <c r="AA457" s="85"/>
      <c r="AB457" s="85"/>
      <c r="AC457" s="85"/>
      <c r="AD457" s="85"/>
      <c r="AE457" s="85"/>
      <c r="AF457" s="85"/>
      <c r="AG457" s="86"/>
      <c r="AH457" s="85"/>
      <c r="AI457" s="85"/>
      <c r="AJ457" s="85"/>
      <c r="AK457" s="85"/>
      <c r="AL457" s="85"/>
      <c r="AM457" s="92"/>
      <c r="AN457" s="92"/>
      <c r="AO457" s="92"/>
      <c r="AP457" s="92"/>
      <c r="AQ457" s="92"/>
      <c r="AR457" s="92"/>
      <c r="AS457" s="92"/>
      <c r="AT457" s="92"/>
      <c r="AU457" s="92"/>
      <c r="AV457" s="92"/>
      <c r="AW457" s="92"/>
      <c r="AX457" s="92"/>
      <c r="AY457" s="92"/>
      <c r="AZ457" s="93"/>
      <c r="BA457" s="93"/>
      <c r="BB457" s="93"/>
      <c r="BC457" s="93"/>
      <c r="BD457" s="93"/>
      <c r="BE457" s="93"/>
      <c r="BF457" s="93"/>
      <c r="BG457" s="93"/>
      <c r="BH457" s="93"/>
      <c r="BI457" s="93"/>
      <c r="BJ457" s="93"/>
      <c r="BK457" s="93"/>
      <c r="BL457" s="93"/>
    </row>
    <row r="458" spans="2:64" x14ac:dyDescent="0.2">
      <c r="B458" s="43"/>
      <c r="C458" s="73"/>
      <c r="D458" s="64"/>
      <c r="E458" s="55"/>
      <c r="F458" s="74"/>
      <c r="G458" s="74"/>
      <c r="H458" s="74"/>
      <c r="I458" s="75"/>
      <c r="J458" s="74"/>
      <c r="L458" s="55"/>
      <c r="M458" s="234"/>
      <c r="N458" s="65"/>
      <c r="O458" s="76"/>
      <c r="P458" s="76"/>
      <c r="Q458" s="65"/>
      <c r="R458" s="76"/>
      <c r="S458" s="76"/>
      <c r="T458" s="76"/>
      <c r="U458" s="76"/>
      <c r="V458" s="76"/>
      <c r="W458" s="76"/>
      <c r="X458" s="76"/>
      <c r="Y458" s="76"/>
      <c r="Z458" s="76"/>
      <c r="AA458" s="85"/>
      <c r="AB458" s="85"/>
      <c r="AC458" s="85"/>
      <c r="AD458" s="85"/>
      <c r="AE458" s="85"/>
      <c r="AF458" s="85"/>
      <c r="AG458" s="86"/>
      <c r="AH458" s="85"/>
      <c r="AI458" s="85"/>
      <c r="AJ458" s="85"/>
      <c r="AK458" s="85"/>
      <c r="AL458" s="85"/>
      <c r="AM458" s="92"/>
      <c r="AN458" s="92"/>
      <c r="AO458" s="92"/>
      <c r="AP458" s="92"/>
      <c r="AQ458" s="92"/>
      <c r="AR458" s="92"/>
      <c r="AS458" s="92"/>
      <c r="AT458" s="92"/>
      <c r="AU458" s="92"/>
      <c r="AV458" s="92"/>
      <c r="AW458" s="92"/>
      <c r="AX458" s="92"/>
      <c r="AY458" s="92"/>
      <c r="AZ458" s="93"/>
      <c r="BA458" s="93"/>
      <c r="BB458" s="93"/>
      <c r="BC458" s="93"/>
      <c r="BD458" s="93"/>
      <c r="BE458" s="93"/>
      <c r="BF458" s="93"/>
      <c r="BG458" s="93"/>
      <c r="BH458" s="93"/>
      <c r="BI458" s="93"/>
      <c r="BJ458" s="93"/>
      <c r="BK458" s="93"/>
      <c r="BL458" s="93"/>
    </row>
    <row r="459" spans="2:64" x14ac:dyDescent="0.2">
      <c r="B459" s="43"/>
      <c r="C459" s="73"/>
      <c r="D459" s="64"/>
      <c r="E459" s="55"/>
      <c r="F459" s="74"/>
      <c r="G459" s="74"/>
      <c r="H459" s="74"/>
      <c r="I459" s="75"/>
      <c r="J459" s="74"/>
      <c r="L459" s="55"/>
      <c r="M459" s="234"/>
      <c r="N459" s="65"/>
      <c r="O459" s="76"/>
      <c r="P459" s="76"/>
      <c r="Q459" s="65"/>
      <c r="R459" s="76"/>
      <c r="S459" s="76"/>
      <c r="T459" s="76"/>
      <c r="U459" s="76"/>
      <c r="V459" s="76"/>
      <c r="W459" s="76"/>
      <c r="X459" s="76"/>
      <c r="Y459" s="76"/>
      <c r="Z459" s="76"/>
      <c r="AA459" s="85"/>
      <c r="AB459" s="85"/>
      <c r="AC459" s="85"/>
      <c r="AD459" s="85"/>
      <c r="AE459" s="85"/>
      <c r="AF459" s="85"/>
      <c r="AG459" s="86"/>
      <c r="AH459" s="85"/>
      <c r="AI459" s="85"/>
      <c r="AJ459" s="85"/>
      <c r="AK459" s="85"/>
      <c r="AL459" s="85"/>
      <c r="AM459" s="92"/>
      <c r="AN459" s="92"/>
      <c r="AO459" s="92"/>
      <c r="AP459" s="92"/>
      <c r="AQ459" s="92"/>
      <c r="AR459" s="92"/>
      <c r="AS459" s="92"/>
      <c r="AT459" s="92"/>
      <c r="AU459" s="92"/>
      <c r="AV459" s="92"/>
      <c r="AW459" s="92"/>
      <c r="AX459" s="92"/>
      <c r="AY459" s="92"/>
      <c r="AZ459" s="93"/>
      <c r="BA459" s="93"/>
      <c r="BB459" s="93"/>
      <c r="BC459" s="93"/>
      <c r="BD459" s="93"/>
      <c r="BE459" s="93"/>
      <c r="BF459" s="93"/>
      <c r="BG459" s="93"/>
      <c r="BH459" s="93"/>
      <c r="BI459" s="93"/>
      <c r="BJ459" s="93"/>
      <c r="BK459" s="93"/>
      <c r="BL459" s="93"/>
    </row>
    <row r="460" spans="2:64" x14ac:dyDescent="0.2">
      <c r="B460" s="43"/>
      <c r="C460" s="73"/>
      <c r="D460" s="64"/>
      <c r="E460" s="55"/>
      <c r="F460" s="74"/>
      <c r="G460" s="74"/>
      <c r="H460" s="74"/>
      <c r="I460" s="75"/>
      <c r="J460" s="74"/>
      <c r="L460" s="55"/>
      <c r="M460" s="234"/>
      <c r="N460" s="65"/>
      <c r="O460" s="76"/>
      <c r="P460" s="76"/>
      <c r="Q460" s="65"/>
      <c r="R460" s="76"/>
      <c r="S460" s="76"/>
      <c r="T460" s="76"/>
      <c r="U460" s="76"/>
      <c r="V460" s="76"/>
      <c r="W460" s="76"/>
      <c r="X460" s="76"/>
      <c r="Y460" s="76"/>
      <c r="Z460" s="76"/>
      <c r="AA460" s="85"/>
      <c r="AB460" s="85"/>
      <c r="AC460" s="85"/>
      <c r="AD460" s="85"/>
      <c r="AE460" s="85"/>
      <c r="AF460" s="85"/>
      <c r="AG460" s="86"/>
      <c r="AH460" s="85"/>
      <c r="AI460" s="85"/>
      <c r="AJ460" s="85"/>
      <c r="AK460" s="85"/>
      <c r="AL460" s="85"/>
      <c r="AM460" s="92"/>
      <c r="AN460" s="92"/>
      <c r="AO460" s="92"/>
      <c r="AP460" s="92"/>
      <c r="AQ460" s="92"/>
      <c r="AR460" s="92"/>
      <c r="AS460" s="92"/>
      <c r="AT460" s="92"/>
      <c r="AU460" s="92"/>
      <c r="AV460" s="92"/>
      <c r="AW460" s="92"/>
      <c r="AX460" s="92"/>
      <c r="AY460" s="92"/>
      <c r="AZ460" s="93"/>
      <c r="BA460" s="93"/>
      <c r="BB460" s="93"/>
      <c r="BC460" s="93"/>
      <c r="BD460" s="93"/>
      <c r="BE460" s="93"/>
      <c r="BF460" s="93"/>
      <c r="BG460" s="93"/>
      <c r="BH460" s="93"/>
      <c r="BI460" s="93"/>
      <c r="BJ460" s="93"/>
      <c r="BK460" s="93"/>
      <c r="BL460" s="93"/>
    </row>
    <row r="461" spans="2:64" x14ac:dyDescent="0.2">
      <c r="B461" s="43"/>
      <c r="C461" s="73"/>
      <c r="D461" s="64"/>
      <c r="E461" s="55"/>
      <c r="F461" s="74"/>
      <c r="G461" s="74"/>
      <c r="H461" s="74"/>
      <c r="I461" s="75"/>
      <c r="J461" s="74"/>
      <c r="L461" s="55"/>
      <c r="M461" s="234"/>
      <c r="N461" s="65"/>
      <c r="O461" s="76"/>
      <c r="P461" s="76"/>
      <c r="Q461" s="65"/>
      <c r="R461" s="76"/>
      <c r="S461" s="76"/>
      <c r="T461" s="76"/>
      <c r="U461" s="76"/>
      <c r="V461" s="76"/>
      <c r="W461" s="76"/>
      <c r="X461" s="76"/>
      <c r="Y461" s="76"/>
      <c r="Z461" s="76"/>
      <c r="AA461" s="85"/>
      <c r="AB461" s="85"/>
      <c r="AC461" s="85"/>
      <c r="AD461" s="85"/>
      <c r="AE461" s="85"/>
      <c r="AF461" s="85"/>
      <c r="AG461" s="86"/>
      <c r="AH461" s="85"/>
      <c r="AI461" s="85"/>
      <c r="AJ461" s="85"/>
      <c r="AK461" s="85"/>
      <c r="AL461" s="85"/>
      <c r="AM461" s="92"/>
      <c r="AN461" s="92"/>
      <c r="AO461" s="92"/>
      <c r="AP461" s="92"/>
      <c r="AQ461" s="92"/>
      <c r="AR461" s="92"/>
      <c r="AS461" s="92"/>
      <c r="AT461" s="92"/>
      <c r="AU461" s="92"/>
      <c r="AV461" s="92"/>
      <c r="AW461" s="92"/>
      <c r="AX461" s="92"/>
      <c r="AY461" s="92"/>
      <c r="AZ461" s="93"/>
      <c r="BA461" s="93"/>
      <c r="BB461" s="93"/>
      <c r="BC461" s="93"/>
      <c r="BD461" s="93"/>
      <c r="BE461" s="93"/>
      <c r="BF461" s="93"/>
      <c r="BG461" s="93"/>
      <c r="BH461" s="93"/>
      <c r="BI461" s="93"/>
      <c r="BJ461" s="93"/>
      <c r="BK461" s="93"/>
      <c r="BL461" s="93"/>
    </row>
    <row r="462" spans="2:64" x14ac:dyDescent="0.2">
      <c r="B462" s="43"/>
      <c r="C462" s="73"/>
      <c r="D462" s="64"/>
      <c r="E462" s="55"/>
      <c r="F462" s="74"/>
      <c r="G462" s="74"/>
      <c r="H462" s="74"/>
      <c r="I462" s="75"/>
      <c r="J462" s="74"/>
      <c r="L462" s="55"/>
      <c r="M462" s="234"/>
      <c r="N462" s="65"/>
      <c r="O462" s="76"/>
      <c r="P462" s="76"/>
      <c r="Q462" s="65"/>
      <c r="R462" s="76"/>
      <c r="S462" s="76"/>
      <c r="T462" s="76"/>
      <c r="U462" s="76"/>
      <c r="V462" s="76"/>
      <c r="W462" s="76"/>
      <c r="X462" s="76"/>
      <c r="Y462" s="76"/>
      <c r="Z462" s="76"/>
      <c r="AA462" s="85"/>
      <c r="AB462" s="85"/>
      <c r="AC462" s="85"/>
      <c r="AD462" s="85"/>
      <c r="AE462" s="85"/>
      <c r="AF462" s="85"/>
      <c r="AG462" s="86"/>
      <c r="AH462" s="85"/>
      <c r="AI462" s="85"/>
      <c r="AJ462" s="85"/>
      <c r="AK462" s="85"/>
      <c r="AL462" s="85"/>
      <c r="AM462" s="92"/>
      <c r="AN462" s="92"/>
      <c r="AO462" s="92"/>
      <c r="AP462" s="92"/>
      <c r="AQ462" s="92"/>
      <c r="AR462" s="92"/>
      <c r="AS462" s="92"/>
      <c r="AT462" s="92"/>
      <c r="AU462" s="92"/>
      <c r="AV462" s="92"/>
      <c r="AW462" s="92"/>
      <c r="AX462" s="92"/>
      <c r="AY462" s="92"/>
      <c r="AZ462" s="93"/>
      <c r="BA462" s="93"/>
      <c r="BB462" s="93"/>
      <c r="BC462" s="93"/>
      <c r="BD462" s="93"/>
      <c r="BE462" s="93"/>
      <c r="BF462" s="93"/>
      <c r="BG462" s="93"/>
      <c r="BH462" s="93"/>
      <c r="BI462" s="93"/>
      <c r="BJ462" s="93"/>
      <c r="BK462" s="93"/>
      <c r="BL462" s="93"/>
    </row>
    <row r="463" spans="2:64" x14ac:dyDescent="0.2">
      <c r="B463" s="43"/>
      <c r="C463" s="73"/>
      <c r="D463" s="64"/>
      <c r="E463" s="55"/>
      <c r="F463" s="74"/>
      <c r="G463" s="74"/>
      <c r="H463" s="74"/>
      <c r="I463" s="75"/>
      <c r="J463" s="74"/>
      <c r="L463" s="55"/>
      <c r="M463" s="234"/>
      <c r="N463" s="65"/>
      <c r="O463" s="76"/>
      <c r="P463" s="76"/>
      <c r="Q463" s="65"/>
      <c r="R463" s="76"/>
      <c r="S463" s="76"/>
      <c r="T463" s="76"/>
      <c r="U463" s="76"/>
      <c r="V463" s="76"/>
      <c r="W463" s="76"/>
      <c r="X463" s="76"/>
      <c r="Y463" s="76"/>
      <c r="Z463" s="76"/>
      <c r="AA463" s="85"/>
      <c r="AB463" s="85"/>
      <c r="AC463" s="85"/>
      <c r="AD463" s="85"/>
      <c r="AE463" s="85"/>
      <c r="AF463" s="85"/>
      <c r="AG463" s="86"/>
      <c r="AH463" s="85"/>
      <c r="AI463" s="85"/>
      <c r="AJ463" s="85"/>
      <c r="AK463" s="85"/>
      <c r="AL463" s="85"/>
      <c r="AM463" s="92"/>
      <c r="AN463" s="92"/>
      <c r="AO463" s="92"/>
      <c r="AP463" s="92"/>
      <c r="AQ463" s="92"/>
      <c r="AR463" s="92"/>
      <c r="AS463" s="92"/>
      <c r="AT463" s="92"/>
      <c r="AU463" s="92"/>
      <c r="AV463" s="92"/>
      <c r="AW463" s="92"/>
      <c r="AX463" s="92"/>
      <c r="AY463" s="92"/>
      <c r="AZ463" s="93"/>
      <c r="BA463" s="93"/>
      <c r="BB463" s="93"/>
      <c r="BC463" s="93"/>
      <c r="BD463" s="93"/>
      <c r="BE463" s="93"/>
      <c r="BF463" s="93"/>
      <c r="BG463" s="93"/>
      <c r="BH463" s="93"/>
      <c r="BI463" s="93"/>
      <c r="BJ463" s="93"/>
      <c r="BK463" s="93"/>
      <c r="BL463" s="93"/>
    </row>
    <row r="464" spans="2:64" x14ac:dyDescent="0.2">
      <c r="B464" s="43"/>
      <c r="C464" s="73"/>
      <c r="D464" s="64"/>
      <c r="E464" s="55"/>
      <c r="F464" s="74"/>
      <c r="G464" s="74"/>
      <c r="H464" s="74"/>
      <c r="I464" s="75"/>
      <c r="J464" s="74"/>
      <c r="L464" s="55"/>
      <c r="M464" s="234"/>
      <c r="N464" s="65"/>
      <c r="O464" s="76"/>
      <c r="P464" s="76"/>
      <c r="Q464" s="65"/>
      <c r="R464" s="76"/>
      <c r="S464" s="76"/>
      <c r="T464" s="76"/>
      <c r="U464" s="76"/>
      <c r="V464" s="76"/>
      <c r="W464" s="76"/>
      <c r="X464" s="76"/>
      <c r="Y464" s="76"/>
      <c r="Z464" s="76"/>
      <c r="AA464" s="85"/>
      <c r="AB464" s="85"/>
      <c r="AC464" s="85"/>
      <c r="AD464" s="85"/>
      <c r="AE464" s="85"/>
      <c r="AF464" s="85"/>
      <c r="AG464" s="86"/>
      <c r="AH464" s="85"/>
      <c r="AI464" s="85"/>
      <c r="AJ464" s="85"/>
      <c r="AK464" s="85"/>
      <c r="AL464" s="85"/>
      <c r="AM464" s="92"/>
      <c r="AN464" s="92"/>
      <c r="AO464" s="92"/>
      <c r="AP464" s="92"/>
      <c r="AQ464" s="92"/>
      <c r="AR464" s="92"/>
      <c r="AS464" s="92"/>
      <c r="AT464" s="92"/>
      <c r="AU464" s="92"/>
      <c r="AV464" s="92"/>
      <c r="AW464" s="92"/>
      <c r="AX464" s="92"/>
      <c r="AY464" s="92"/>
      <c r="AZ464" s="93"/>
      <c r="BA464" s="93"/>
      <c r="BB464" s="93"/>
      <c r="BC464" s="93"/>
      <c r="BD464" s="93"/>
      <c r="BE464" s="93"/>
      <c r="BF464" s="93"/>
      <c r="BG464" s="93"/>
      <c r="BH464" s="93"/>
      <c r="BI464" s="93"/>
      <c r="BJ464" s="93"/>
      <c r="BK464" s="93"/>
      <c r="BL464" s="93"/>
    </row>
    <row r="465" spans="2:64" x14ac:dyDescent="0.2">
      <c r="B465" s="43"/>
      <c r="C465" s="73"/>
      <c r="D465" s="64"/>
      <c r="E465" s="55"/>
      <c r="F465" s="74"/>
      <c r="G465" s="74"/>
      <c r="H465" s="74"/>
      <c r="I465" s="75"/>
      <c r="J465" s="74"/>
      <c r="L465" s="55"/>
      <c r="M465" s="234"/>
      <c r="N465" s="65"/>
      <c r="O465" s="76"/>
      <c r="P465" s="76"/>
      <c r="Q465" s="65"/>
      <c r="R465" s="76"/>
      <c r="S465" s="76"/>
      <c r="T465" s="76"/>
      <c r="U465" s="76"/>
      <c r="V465" s="76"/>
      <c r="W465" s="76"/>
      <c r="X465" s="76"/>
      <c r="Y465" s="76"/>
      <c r="Z465" s="76"/>
      <c r="AA465" s="85"/>
      <c r="AB465" s="85"/>
      <c r="AC465" s="85"/>
      <c r="AD465" s="85"/>
      <c r="AE465" s="85"/>
      <c r="AF465" s="85"/>
      <c r="AG465" s="86"/>
      <c r="AH465" s="85"/>
      <c r="AI465" s="85"/>
      <c r="AJ465" s="85"/>
      <c r="AK465" s="85"/>
      <c r="AL465" s="85"/>
      <c r="AM465" s="92"/>
      <c r="AN465" s="92"/>
      <c r="AO465" s="92"/>
      <c r="AP465" s="92"/>
      <c r="AQ465" s="92"/>
      <c r="AR465" s="92"/>
      <c r="AS465" s="92"/>
      <c r="AT465" s="92"/>
      <c r="AU465" s="92"/>
      <c r="AV465" s="92"/>
      <c r="AW465" s="92"/>
      <c r="AX465" s="92"/>
      <c r="AY465" s="92"/>
      <c r="AZ465" s="93"/>
      <c r="BA465" s="93"/>
      <c r="BB465" s="93"/>
      <c r="BC465" s="93"/>
      <c r="BD465" s="93"/>
      <c r="BE465" s="93"/>
      <c r="BF465" s="93"/>
      <c r="BG465" s="93"/>
      <c r="BH465" s="93"/>
      <c r="BI465" s="93"/>
      <c r="BJ465" s="93"/>
      <c r="BK465" s="93"/>
      <c r="BL465" s="93"/>
    </row>
    <row r="466" spans="2:64" x14ac:dyDescent="0.2">
      <c r="B466" s="43"/>
      <c r="C466" s="73"/>
      <c r="D466" s="64"/>
      <c r="E466" s="55"/>
      <c r="F466" s="74"/>
      <c r="G466" s="74"/>
      <c r="H466" s="74"/>
      <c r="I466" s="75"/>
      <c r="J466" s="74"/>
      <c r="L466" s="55"/>
      <c r="M466" s="234"/>
      <c r="N466" s="65"/>
      <c r="O466" s="76"/>
      <c r="P466" s="76"/>
      <c r="Q466" s="65"/>
      <c r="R466" s="76"/>
      <c r="S466" s="76"/>
      <c r="T466" s="76"/>
      <c r="U466" s="76"/>
      <c r="V466" s="76"/>
      <c r="W466" s="76"/>
      <c r="X466" s="76"/>
      <c r="Y466" s="76"/>
      <c r="Z466" s="76"/>
      <c r="AA466" s="85"/>
      <c r="AB466" s="85"/>
      <c r="AC466" s="85"/>
      <c r="AD466" s="85"/>
      <c r="AE466" s="85"/>
      <c r="AF466" s="85"/>
      <c r="AG466" s="86"/>
      <c r="AH466" s="85"/>
      <c r="AI466" s="85"/>
      <c r="AJ466" s="85"/>
      <c r="AK466" s="85"/>
      <c r="AL466" s="85"/>
      <c r="AM466" s="92"/>
      <c r="AN466" s="92"/>
      <c r="AO466" s="92"/>
      <c r="AP466" s="92"/>
      <c r="AQ466" s="92"/>
      <c r="AR466" s="92"/>
      <c r="AS466" s="92"/>
      <c r="AT466" s="92"/>
      <c r="AU466" s="92"/>
      <c r="AV466" s="92"/>
      <c r="AW466" s="92"/>
      <c r="AX466" s="92"/>
      <c r="AY466" s="92"/>
      <c r="AZ466" s="93"/>
      <c r="BA466" s="93"/>
      <c r="BB466" s="93"/>
      <c r="BC466" s="93"/>
      <c r="BD466" s="93"/>
      <c r="BE466" s="93"/>
      <c r="BF466" s="93"/>
      <c r="BG466" s="93"/>
      <c r="BH466" s="93"/>
      <c r="BI466" s="93"/>
      <c r="BJ466" s="93"/>
      <c r="BK466" s="93"/>
      <c r="BL466" s="93"/>
    </row>
    <row r="467" spans="2:64" x14ac:dyDescent="0.2">
      <c r="B467" s="43"/>
      <c r="C467" s="73"/>
      <c r="D467" s="64"/>
      <c r="E467" s="55"/>
      <c r="F467" s="74"/>
      <c r="G467" s="74"/>
      <c r="H467" s="74"/>
      <c r="I467" s="75"/>
      <c r="J467" s="74"/>
      <c r="L467" s="55"/>
      <c r="M467" s="234"/>
      <c r="N467" s="65"/>
      <c r="O467" s="76"/>
      <c r="P467" s="76"/>
      <c r="Q467" s="65"/>
      <c r="R467" s="76"/>
      <c r="S467" s="76"/>
      <c r="T467" s="76"/>
      <c r="U467" s="76"/>
      <c r="V467" s="76"/>
      <c r="W467" s="76"/>
      <c r="X467" s="76"/>
      <c r="Y467" s="76"/>
      <c r="Z467" s="76"/>
      <c r="AA467" s="85"/>
      <c r="AB467" s="85"/>
      <c r="AC467" s="85"/>
      <c r="AD467" s="85"/>
      <c r="AE467" s="85"/>
      <c r="AF467" s="85"/>
      <c r="AG467" s="86"/>
      <c r="AH467" s="85"/>
      <c r="AI467" s="85"/>
      <c r="AJ467" s="85"/>
      <c r="AK467" s="85"/>
      <c r="AL467" s="85"/>
      <c r="AM467" s="92"/>
      <c r="AN467" s="92"/>
      <c r="AO467" s="92"/>
      <c r="AP467" s="92"/>
      <c r="AQ467" s="92"/>
      <c r="AR467" s="92"/>
      <c r="AS467" s="92"/>
      <c r="AT467" s="92"/>
      <c r="AU467" s="92"/>
      <c r="AV467" s="92"/>
      <c r="AW467" s="92"/>
      <c r="AX467" s="92"/>
      <c r="AY467" s="92"/>
      <c r="AZ467" s="93"/>
      <c r="BA467" s="93"/>
      <c r="BB467" s="93"/>
      <c r="BC467" s="93"/>
      <c r="BD467" s="93"/>
      <c r="BE467" s="93"/>
      <c r="BF467" s="93"/>
      <c r="BG467" s="93"/>
      <c r="BH467" s="93"/>
      <c r="BI467" s="93"/>
      <c r="BJ467" s="93"/>
      <c r="BK467" s="93"/>
      <c r="BL467" s="93"/>
    </row>
    <row r="468" spans="2:64" x14ac:dyDescent="0.2">
      <c r="B468" s="43"/>
      <c r="C468" s="73"/>
      <c r="D468" s="64"/>
      <c r="E468" s="55"/>
      <c r="F468" s="74"/>
      <c r="G468" s="74"/>
      <c r="H468" s="74"/>
      <c r="I468" s="75"/>
      <c r="J468" s="74"/>
      <c r="L468" s="55"/>
      <c r="M468" s="234"/>
      <c r="N468" s="65"/>
      <c r="O468" s="76"/>
      <c r="P468" s="76"/>
      <c r="Q468" s="65"/>
      <c r="R468" s="76"/>
      <c r="S468" s="76"/>
      <c r="T468" s="76"/>
      <c r="U468" s="76"/>
      <c r="V468" s="76"/>
      <c r="W468" s="76"/>
      <c r="X468" s="76"/>
      <c r="Y468" s="76"/>
      <c r="Z468" s="76"/>
      <c r="AA468" s="85"/>
      <c r="AB468" s="85"/>
      <c r="AC468" s="85"/>
      <c r="AD468" s="85"/>
      <c r="AE468" s="85"/>
      <c r="AF468" s="85"/>
      <c r="AG468" s="86"/>
      <c r="AH468" s="85"/>
      <c r="AI468" s="85"/>
      <c r="AJ468" s="85"/>
      <c r="AK468" s="85"/>
      <c r="AL468" s="85"/>
      <c r="AM468" s="92"/>
      <c r="AN468" s="92"/>
      <c r="AO468" s="92"/>
      <c r="AP468" s="92"/>
      <c r="AQ468" s="92"/>
      <c r="AR468" s="92"/>
      <c r="AS468" s="92"/>
      <c r="AT468" s="92"/>
      <c r="AU468" s="92"/>
      <c r="AV468" s="92"/>
      <c r="AW468" s="92"/>
      <c r="AX468" s="92"/>
      <c r="AY468" s="92"/>
      <c r="AZ468" s="93"/>
      <c r="BA468" s="93"/>
      <c r="BB468" s="93"/>
      <c r="BC468" s="93"/>
      <c r="BD468" s="93"/>
      <c r="BE468" s="93"/>
      <c r="BF468" s="93"/>
      <c r="BG468" s="93"/>
      <c r="BH468" s="93"/>
      <c r="BI468" s="93"/>
      <c r="BJ468" s="93"/>
      <c r="BK468" s="93"/>
      <c r="BL468" s="93"/>
    </row>
    <row r="469" spans="2:64" x14ac:dyDescent="0.2">
      <c r="B469" s="43"/>
      <c r="C469" s="73"/>
      <c r="D469" s="64"/>
      <c r="E469" s="55"/>
      <c r="F469" s="74"/>
      <c r="G469" s="74"/>
      <c r="H469" s="74"/>
      <c r="I469" s="75"/>
      <c r="J469" s="74"/>
      <c r="L469" s="55"/>
      <c r="M469" s="234"/>
      <c r="N469" s="65"/>
      <c r="O469" s="76"/>
      <c r="P469" s="76"/>
      <c r="Q469" s="65"/>
      <c r="R469" s="76"/>
      <c r="S469" s="76"/>
      <c r="T469" s="76"/>
      <c r="U469" s="76"/>
      <c r="V469" s="76"/>
      <c r="W469" s="76"/>
      <c r="X469" s="76"/>
      <c r="Y469" s="76"/>
      <c r="Z469" s="76"/>
      <c r="AA469" s="85"/>
      <c r="AB469" s="85"/>
      <c r="AC469" s="85"/>
      <c r="AD469" s="85"/>
      <c r="AE469" s="85"/>
      <c r="AF469" s="85"/>
      <c r="AG469" s="86"/>
      <c r="AH469" s="85"/>
      <c r="AI469" s="85"/>
      <c r="AJ469" s="85"/>
      <c r="AK469" s="85"/>
      <c r="AL469" s="85"/>
      <c r="AM469" s="92"/>
      <c r="AN469" s="92"/>
      <c r="AO469" s="92"/>
      <c r="AP469" s="92"/>
      <c r="AQ469" s="92"/>
      <c r="AR469" s="92"/>
      <c r="AS469" s="92"/>
      <c r="AT469" s="92"/>
      <c r="AU469" s="92"/>
      <c r="AV469" s="92"/>
      <c r="AW469" s="92"/>
      <c r="AX469" s="92"/>
      <c r="AY469" s="92"/>
      <c r="AZ469" s="93"/>
      <c r="BA469" s="93"/>
      <c r="BB469" s="93"/>
      <c r="BC469" s="93"/>
      <c r="BD469" s="93"/>
      <c r="BE469" s="93"/>
      <c r="BF469" s="93"/>
      <c r="BG469" s="93"/>
      <c r="BH469" s="93"/>
      <c r="BI469" s="93"/>
      <c r="BJ469" s="93"/>
      <c r="BK469" s="93"/>
      <c r="BL469" s="93"/>
    </row>
    <row r="470" spans="2:64" x14ac:dyDescent="0.2">
      <c r="B470" s="43"/>
      <c r="C470" s="73"/>
      <c r="D470" s="64"/>
      <c r="E470" s="55"/>
      <c r="F470" s="74"/>
      <c r="G470" s="74"/>
      <c r="H470" s="74"/>
      <c r="I470" s="75"/>
      <c r="J470" s="74"/>
      <c r="L470" s="55"/>
      <c r="M470" s="234"/>
      <c r="N470" s="65"/>
      <c r="O470" s="76"/>
      <c r="P470" s="76"/>
      <c r="Q470" s="65"/>
      <c r="R470" s="76"/>
      <c r="S470" s="76"/>
      <c r="T470" s="76"/>
      <c r="U470" s="76"/>
      <c r="V470" s="76"/>
      <c r="W470" s="76"/>
      <c r="X470" s="76"/>
      <c r="Y470" s="76"/>
      <c r="Z470" s="76"/>
      <c r="AA470" s="85"/>
      <c r="AB470" s="85"/>
      <c r="AC470" s="85"/>
      <c r="AD470" s="85"/>
      <c r="AE470" s="85"/>
      <c r="AF470" s="85"/>
      <c r="AG470" s="86"/>
      <c r="AH470" s="85"/>
      <c r="AI470" s="85"/>
      <c r="AJ470" s="85"/>
      <c r="AK470" s="85"/>
      <c r="AL470" s="85"/>
      <c r="AM470" s="92"/>
      <c r="AN470" s="92"/>
      <c r="AO470" s="92"/>
      <c r="AP470" s="92"/>
      <c r="AQ470" s="92"/>
      <c r="AR470" s="92"/>
      <c r="AS470" s="92"/>
      <c r="AT470" s="92"/>
      <c r="AU470" s="92"/>
      <c r="AV470" s="92"/>
      <c r="AW470" s="92"/>
      <c r="AX470" s="92"/>
      <c r="AY470" s="92"/>
      <c r="AZ470" s="93"/>
      <c r="BA470" s="93"/>
      <c r="BB470" s="93"/>
      <c r="BC470" s="93"/>
      <c r="BD470" s="93"/>
      <c r="BE470" s="93"/>
      <c r="BF470" s="93"/>
      <c r="BG470" s="93"/>
      <c r="BH470" s="93"/>
      <c r="BI470" s="93"/>
      <c r="BJ470" s="93"/>
      <c r="BK470" s="93"/>
      <c r="BL470" s="93"/>
    </row>
    <row r="471" spans="2:64" x14ac:dyDescent="0.2">
      <c r="B471" s="43"/>
      <c r="C471" s="73"/>
      <c r="D471" s="64"/>
      <c r="E471" s="55"/>
      <c r="F471" s="74"/>
      <c r="G471" s="74"/>
      <c r="H471" s="74"/>
      <c r="I471" s="75"/>
      <c r="J471" s="74"/>
      <c r="L471" s="55"/>
      <c r="M471" s="234"/>
      <c r="N471" s="65"/>
      <c r="O471" s="76"/>
      <c r="P471" s="76"/>
      <c r="Q471" s="65"/>
      <c r="R471" s="76"/>
      <c r="S471" s="76"/>
      <c r="T471" s="76"/>
      <c r="U471" s="76"/>
      <c r="V471" s="76"/>
      <c r="W471" s="76"/>
      <c r="X471" s="76"/>
      <c r="Y471" s="76"/>
      <c r="Z471" s="76"/>
      <c r="AA471" s="85"/>
      <c r="AB471" s="85"/>
      <c r="AC471" s="85"/>
      <c r="AD471" s="85"/>
      <c r="AE471" s="85"/>
      <c r="AF471" s="85"/>
      <c r="AG471" s="86"/>
      <c r="AH471" s="85"/>
      <c r="AI471" s="85"/>
      <c r="AJ471" s="85"/>
      <c r="AK471" s="85"/>
      <c r="AL471" s="85"/>
      <c r="AM471" s="92"/>
      <c r="AN471" s="92"/>
      <c r="AO471" s="92"/>
      <c r="AP471" s="92"/>
      <c r="AQ471" s="92"/>
      <c r="AR471" s="92"/>
      <c r="AS471" s="92"/>
      <c r="AT471" s="92"/>
      <c r="AU471" s="92"/>
      <c r="AV471" s="92"/>
      <c r="AW471" s="92"/>
      <c r="AX471" s="92"/>
      <c r="AY471" s="92"/>
      <c r="AZ471" s="93"/>
      <c r="BA471" s="93"/>
      <c r="BB471" s="93"/>
      <c r="BC471" s="93"/>
      <c r="BD471" s="93"/>
      <c r="BE471" s="93"/>
      <c r="BF471" s="93"/>
      <c r="BG471" s="93"/>
      <c r="BH471" s="93"/>
      <c r="BI471" s="93"/>
      <c r="BJ471" s="93"/>
      <c r="BK471" s="93"/>
      <c r="BL471" s="93"/>
    </row>
    <row r="472" spans="2:64" x14ac:dyDescent="0.2">
      <c r="B472" s="43"/>
      <c r="C472" s="73"/>
      <c r="D472" s="64"/>
      <c r="E472" s="55"/>
      <c r="F472" s="74"/>
      <c r="G472" s="74"/>
      <c r="H472" s="74"/>
      <c r="I472" s="75"/>
      <c r="J472" s="74"/>
      <c r="L472" s="55"/>
      <c r="M472" s="234"/>
      <c r="N472" s="65"/>
      <c r="O472" s="76"/>
      <c r="P472" s="76"/>
      <c r="Q472" s="65"/>
      <c r="R472" s="76"/>
      <c r="S472" s="76"/>
      <c r="T472" s="76"/>
      <c r="U472" s="76"/>
      <c r="V472" s="76"/>
      <c r="W472" s="76"/>
      <c r="X472" s="76"/>
      <c r="Y472" s="76"/>
      <c r="Z472" s="76"/>
      <c r="AA472" s="85"/>
      <c r="AB472" s="85"/>
      <c r="AC472" s="85"/>
      <c r="AD472" s="85"/>
      <c r="AE472" s="85"/>
      <c r="AF472" s="85"/>
      <c r="AG472" s="86"/>
      <c r="AH472" s="85"/>
      <c r="AI472" s="85"/>
      <c r="AJ472" s="85"/>
      <c r="AK472" s="85"/>
      <c r="AL472" s="85"/>
      <c r="AM472" s="92"/>
      <c r="AN472" s="92"/>
      <c r="AO472" s="92"/>
      <c r="AP472" s="92"/>
      <c r="AQ472" s="92"/>
      <c r="AR472" s="92"/>
      <c r="AS472" s="92"/>
      <c r="AT472" s="92"/>
      <c r="AU472" s="92"/>
      <c r="AV472" s="92"/>
      <c r="AW472" s="92"/>
      <c r="AX472" s="92"/>
      <c r="AY472" s="92"/>
      <c r="AZ472" s="93"/>
      <c r="BA472" s="93"/>
      <c r="BB472" s="93"/>
      <c r="BC472" s="93"/>
      <c r="BD472" s="93"/>
      <c r="BE472" s="93"/>
      <c r="BF472" s="93"/>
      <c r="BG472" s="93"/>
      <c r="BH472" s="93"/>
      <c r="BI472" s="93"/>
      <c r="BJ472" s="93"/>
      <c r="BK472" s="93"/>
      <c r="BL472" s="93"/>
    </row>
    <row r="473" spans="2:64" x14ac:dyDescent="0.2">
      <c r="B473" s="43"/>
      <c r="C473" s="73"/>
      <c r="D473" s="64"/>
      <c r="E473" s="55"/>
      <c r="F473" s="74"/>
      <c r="G473" s="74"/>
      <c r="H473" s="74"/>
      <c r="I473" s="75"/>
      <c r="J473" s="74"/>
      <c r="L473" s="55"/>
      <c r="M473" s="234"/>
      <c r="N473" s="65"/>
      <c r="O473" s="76"/>
      <c r="P473" s="76"/>
      <c r="Q473" s="65"/>
      <c r="R473" s="76"/>
      <c r="S473" s="76"/>
      <c r="T473" s="76"/>
      <c r="U473" s="76"/>
      <c r="V473" s="76"/>
      <c r="W473" s="76"/>
      <c r="X473" s="76"/>
      <c r="Y473" s="76"/>
      <c r="Z473" s="76"/>
      <c r="AA473" s="85"/>
      <c r="AB473" s="85"/>
      <c r="AC473" s="85"/>
      <c r="AD473" s="85"/>
      <c r="AE473" s="85"/>
      <c r="AF473" s="85"/>
      <c r="AG473" s="86"/>
      <c r="AH473" s="85"/>
      <c r="AI473" s="85"/>
      <c r="AJ473" s="85"/>
      <c r="AK473" s="85"/>
      <c r="AL473" s="85"/>
      <c r="AM473" s="92"/>
      <c r="AN473" s="92"/>
      <c r="AO473" s="92"/>
      <c r="AP473" s="92"/>
      <c r="AQ473" s="92"/>
      <c r="AR473" s="92"/>
      <c r="AS473" s="92"/>
      <c r="AT473" s="92"/>
      <c r="AU473" s="92"/>
      <c r="AV473" s="92"/>
      <c r="AW473" s="92"/>
      <c r="AX473" s="92"/>
      <c r="AY473" s="92"/>
      <c r="AZ473" s="93"/>
      <c r="BA473" s="93"/>
      <c r="BB473" s="93"/>
      <c r="BC473" s="93"/>
      <c r="BD473" s="93"/>
      <c r="BE473" s="93"/>
      <c r="BF473" s="93"/>
      <c r="BG473" s="93"/>
      <c r="BH473" s="93"/>
      <c r="BI473" s="93"/>
      <c r="BJ473" s="93"/>
      <c r="BK473" s="93"/>
      <c r="BL473" s="93"/>
    </row>
    <row r="474" spans="2:64" x14ac:dyDescent="0.2">
      <c r="B474" s="43"/>
      <c r="C474" s="73"/>
      <c r="D474" s="64"/>
      <c r="E474" s="55"/>
      <c r="F474" s="74"/>
      <c r="G474" s="74"/>
      <c r="H474" s="74"/>
      <c r="I474" s="75"/>
      <c r="J474" s="74"/>
      <c r="L474" s="55"/>
      <c r="M474" s="234"/>
      <c r="N474" s="65"/>
      <c r="O474" s="76"/>
      <c r="P474" s="76"/>
      <c r="Q474" s="65"/>
      <c r="R474" s="76"/>
      <c r="S474" s="76"/>
      <c r="T474" s="76"/>
      <c r="U474" s="76"/>
      <c r="V474" s="76"/>
      <c r="W474" s="76"/>
      <c r="X474" s="76"/>
      <c r="Y474" s="76"/>
      <c r="Z474" s="76"/>
      <c r="AA474" s="85"/>
      <c r="AB474" s="85"/>
      <c r="AC474" s="85"/>
      <c r="AD474" s="85"/>
      <c r="AE474" s="85"/>
      <c r="AF474" s="85"/>
      <c r="AG474" s="86"/>
      <c r="AH474" s="85"/>
      <c r="AI474" s="85"/>
      <c r="AJ474" s="85"/>
      <c r="AK474" s="85"/>
      <c r="AL474" s="85"/>
      <c r="AM474" s="92"/>
      <c r="AN474" s="92"/>
      <c r="AO474" s="92"/>
      <c r="AP474" s="92"/>
      <c r="AQ474" s="92"/>
      <c r="AR474" s="92"/>
      <c r="AS474" s="92"/>
      <c r="AT474" s="92"/>
      <c r="AU474" s="92"/>
      <c r="AV474" s="92"/>
      <c r="AW474" s="92"/>
      <c r="AX474" s="92"/>
      <c r="AY474" s="92"/>
      <c r="AZ474" s="93"/>
      <c r="BA474" s="93"/>
      <c r="BB474" s="93"/>
      <c r="BC474" s="93"/>
      <c r="BD474" s="93"/>
      <c r="BE474" s="93"/>
      <c r="BF474" s="93"/>
      <c r="BG474" s="93"/>
      <c r="BH474" s="93"/>
      <c r="BI474" s="93"/>
      <c r="BJ474" s="93"/>
      <c r="BK474" s="93"/>
      <c r="BL474" s="93"/>
    </row>
    <row r="475" spans="2:64" x14ac:dyDescent="0.2">
      <c r="B475" s="43"/>
      <c r="C475" s="73"/>
      <c r="D475" s="64"/>
      <c r="E475" s="55"/>
      <c r="F475" s="74"/>
      <c r="G475" s="74"/>
      <c r="H475" s="74"/>
      <c r="I475" s="75"/>
      <c r="J475" s="74"/>
      <c r="L475" s="55"/>
      <c r="M475" s="234"/>
      <c r="N475" s="65"/>
      <c r="O475" s="76"/>
      <c r="P475" s="76"/>
      <c r="Q475" s="65"/>
      <c r="R475" s="76"/>
      <c r="S475" s="76"/>
      <c r="T475" s="76"/>
      <c r="U475" s="76"/>
      <c r="V475" s="76"/>
      <c r="W475" s="76"/>
      <c r="X475" s="76"/>
      <c r="Y475" s="76"/>
      <c r="Z475" s="76"/>
      <c r="AA475" s="85"/>
      <c r="AB475" s="85"/>
      <c r="AC475" s="85"/>
      <c r="AD475" s="85"/>
      <c r="AE475" s="85"/>
      <c r="AF475" s="85"/>
      <c r="AG475" s="86"/>
      <c r="AH475" s="85"/>
      <c r="AI475" s="85"/>
      <c r="AJ475" s="85"/>
      <c r="AK475" s="85"/>
      <c r="AL475" s="85"/>
      <c r="AM475" s="92"/>
      <c r="AN475" s="92"/>
      <c r="AO475" s="92"/>
      <c r="AP475" s="92"/>
      <c r="AQ475" s="92"/>
      <c r="AR475" s="92"/>
      <c r="AS475" s="92"/>
      <c r="AT475" s="92"/>
      <c r="AU475" s="92"/>
      <c r="AV475" s="92"/>
      <c r="AW475" s="92"/>
      <c r="AX475" s="92"/>
      <c r="AY475" s="92"/>
      <c r="AZ475" s="93"/>
      <c r="BA475" s="93"/>
      <c r="BB475" s="93"/>
      <c r="BC475" s="93"/>
      <c r="BD475" s="93"/>
      <c r="BE475" s="93"/>
      <c r="BF475" s="93"/>
      <c r="BG475" s="93"/>
      <c r="BH475" s="93"/>
      <c r="BI475" s="93"/>
      <c r="BJ475" s="93"/>
      <c r="BK475" s="93"/>
      <c r="BL475" s="93"/>
    </row>
    <row r="476" spans="2:64" x14ac:dyDescent="0.2">
      <c r="B476" s="43"/>
      <c r="C476" s="73"/>
      <c r="D476" s="64"/>
      <c r="E476" s="55"/>
      <c r="F476" s="74"/>
      <c r="G476" s="74"/>
      <c r="H476" s="74"/>
      <c r="I476" s="75"/>
      <c r="J476" s="74"/>
      <c r="L476" s="55"/>
      <c r="M476" s="234"/>
      <c r="N476" s="65"/>
      <c r="O476" s="76"/>
      <c r="P476" s="76"/>
      <c r="Q476" s="65"/>
      <c r="R476" s="76"/>
      <c r="S476" s="76"/>
      <c r="T476" s="76"/>
      <c r="U476" s="76"/>
      <c r="V476" s="76"/>
      <c r="W476" s="76"/>
      <c r="X476" s="76"/>
      <c r="Y476" s="76"/>
      <c r="Z476" s="76"/>
      <c r="AA476" s="85"/>
      <c r="AB476" s="85"/>
      <c r="AC476" s="85"/>
      <c r="AD476" s="85"/>
      <c r="AE476" s="85"/>
      <c r="AF476" s="85"/>
      <c r="AG476" s="86"/>
      <c r="AH476" s="85"/>
      <c r="AI476" s="85"/>
      <c r="AJ476" s="85"/>
      <c r="AK476" s="85"/>
      <c r="AL476" s="85"/>
      <c r="AM476" s="92"/>
      <c r="AN476" s="92"/>
      <c r="AO476" s="92"/>
      <c r="AP476" s="92"/>
      <c r="AQ476" s="92"/>
      <c r="AR476" s="92"/>
      <c r="AS476" s="92"/>
      <c r="AT476" s="92"/>
      <c r="AU476" s="92"/>
      <c r="AV476" s="92"/>
      <c r="AW476" s="92"/>
      <c r="AX476" s="92"/>
      <c r="AY476" s="92"/>
      <c r="AZ476" s="93"/>
      <c r="BA476" s="93"/>
      <c r="BB476" s="93"/>
      <c r="BC476" s="93"/>
      <c r="BD476" s="93"/>
      <c r="BE476" s="93"/>
      <c r="BF476" s="93"/>
      <c r="BG476" s="93"/>
      <c r="BH476" s="93"/>
      <c r="BI476" s="93"/>
      <c r="BJ476" s="93"/>
      <c r="BK476" s="93"/>
      <c r="BL476" s="93"/>
    </row>
    <row r="477" spans="2:64" x14ac:dyDescent="0.2">
      <c r="B477" s="43"/>
      <c r="C477" s="73"/>
      <c r="D477" s="64"/>
      <c r="E477" s="55"/>
      <c r="F477" s="74"/>
      <c r="G477" s="74"/>
      <c r="H477" s="74"/>
      <c r="I477" s="75"/>
      <c r="J477" s="74"/>
      <c r="L477" s="55"/>
      <c r="M477" s="234"/>
      <c r="N477" s="65"/>
      <c r="O477" s="76"/>
      <c r="P477" s="76"/>
      <c r="Q477" s="65"/>
      <c r="R477" s="76"/>
      <c r="S477" s="76"/>
      <c r="T477" s="76"/>
      <c r="U477" s="76"/>
      <c r="V477" s="76"/>
      <c r="W477" s="76"/>
      <c r="X477" s="76"/>
      <c r="Y477" s="76"/>
      <c r="Z477" s="76"/>
      <c r="AA477" s="85"/>
      <c r="AB477" s="85"/>
      <c r="AC477" s="85"/>
      <c r="AD477" s="85"/>
      <c r="AE477" s="85"/>
      <c r="AF477" s="85"/>
      <c r="AG477" s="86"/>
      <c r="AH477" s="85"/>
      <c r="AI477" s="85"/>
      <c r="AJ477" s="85"/>
      <c r="AK477" s="85"/>
      <c r="AL477" s="85"/>
      <c r="AM477" s="92"/>
      <c r="AN477" s="92"/>
      <c r="AO477" s="92"/>
      <c r="AP477" s="92"/>
      <c r="AQ477" s="92"/>
      <c r="AR477" s="92"/>
      <c r="AS477" s="92"/>
      <c r="AT477" s="92"/>
      <c r="AU477" s="92"/>
      <c r="AV477" s="92"/>
      <c r="AW477" s="92"/>
      <c r="AX477" s="92"/>
      <c r="AY477" s="92"/>
      <c r="AZ477" s="93"/>
      <c r="BA477" s="93"/>
      <c r="BB477" s="93"/>
      <c r="BC477" s="93"/>
      <c r="BD477" s="93"/>
      <c r="BE477" s="93"/>
      <c r="BF477" s="93"/>
      <c r="BG477" s="93"/>
      <c r="BH477" s="93"/>
      <c r="BI477" s="93"/>
      <c r="BJ477" s="93"/>
      <c r="BK477" s="93"/>
      <c r="BL477" s="93"/>
    </row>
    <row r="478" spans="2:64" x14ac:dyDescent="0.2">
      <c r="B478" s="43"/>
      <c r="C478" s="73"/>
      <c r="D478" s="64"/>
      <c r="E478" s="55"/>
      <c r="F478" s="74"/>
      <c r="G478" s="74"/>
      <c r="H478" s="74"/>
      <c r="I478" s="75"/>
      <c r="J478" s="74"/>
      <c r="L478" s="55"/>
      <c r="M478" s="234"/>
      <c r="N478" s="65"/>
      <c r="O478" s="76"/>
      <c r="P478" s="76"/>
      <c r="Q478" s="65"/>
      <c r="R478" s="76"/>
      <c r="S478" s="76"/>
      <c r="T478" s="76"/>
      <c r="U478" s="76"/>
      <c r="V478" s="76"/>
      <c r="W478" s="76"/>
      <c r="X478" s="76"/>
      <c r="Y478" s="76"/>
      <c r="Z478" s="76"/>
      <c r="AA478" s="85"/>
      <c r="AB478" s="85"/>
      <c r="AC478" s="85"/>
      <c r="AD478" s="85"/>
      <c r="AE478" s="85"/>
      <c r="AF478" s="85"/>
      <c r="AG478" s="86"/>
      <c r="AH478" s="85"/>
      <c r="AI478" s="85"/>
      <c r="AJ478" s="85"/>
      <c r="AK478" s="85"/>
      <c r="AL478" s="85"/>
      <c r="AM478" s="92"/>
      <c r="AN478" s="92"/>
      <c r="AO478" s="92"/>
      <c r="AP478" s="92"/>
      <c r="AQ478" s="92"/>
      <c r="AR478" s="92"/>
      <c r="AS478" s="92"/>
      <c r="AT478" s="92"/>
      <c r="AU478" s="92"/>
      <c r="AV478" s="92"/>
      <c r="AW478" s="92"/>
      <c r="AX478" s="92"/>
      <c r="AY478" s="92"/>
      <c r="AZ478" s="93"/>
      <c r="BA478" s="93"/>
      <c r="BB478" s="93"/>
      <c r="BC478" s="93"/>
      <c r="BD478" s="93"/>
      <c r="BE478" s="93"/>
      <c r="BF478" s="93"/>
      <c r="BG478" s="93"/>
      <c r="BH478" s="93"/>
      <c r="BI478" s="93"/>
      <c r="BJ478" s="93"/>
      <c r="BK478" s="93"/>
      <c r="BL478" s="93"/>
    </row>
    <row r="479" spans="2:64" x14ac:dyDescent="0.2">
      <c r="B479" s="43"/>
      <c r="C479" s="73"/>
      <c r="D479" s="64"/>
      <c r="E479" s="55"/>
      <c r="F479" s="74"/>
      <c r="G479" s="74"/>
      <c r="H479" s="74"/>
      <c r="I479" s="75"/>
      <c r="J479" s="74"/>
      <c r="L479" s="55"/>
      <c r="M479" s="234"/>
      <c r="N479" s="65"/>
      <c r="O479" s="76"/>
      <c r="P479" s="76"/>
      <c r="Q479" s="65"/>
      <c r="R479" s="76"/>
      <c r="S479" s="76"/>
      <c r="T479" s="76"/>
      <c r="U479" s="76"/>
      <c r="V479" s="76"/>
      <c r="W479" s="76"/>
      <c r="X479" s="76"/>
      <c r="Y479" s="76"/>
      <c r="Z479" s="76"/>
      <c r="AA479" s="85"/>
      <c r="AB479" s="85"/>
      <c r="AC479" s="85"/>
      <c r="AD479" s="85"/>
      <c r="AE479" s="85"/>
      <c r="AF479" s="85"/>
      <c r="AG479" s="86"/>
      <c r="AH479" s="85"/>
      <c r="AI479" s="85"/>
      <c r="AJ479" s="85"/>
      <c r="AK479" s="85"/>
      <c r="AL479" s="85"/>
      <c r="AM479" s="92"/>
      <c r="AN479" s="92"/>
      <c r="AO479" s="92"/>
      <c r="AP479" s="92"/>
      <c r="AQ479" s="92"/>
      <c r="AR479" s="92"/>
      <c r="AS479" s="92"/>
      <c r="AT479" s="92"/>
      <c r="AU479" s="92"/>
      <c r="AV479" s="92"/>
      <c r="AW479" s="92"/>
      <c r="AX479" s="92"/>
      <c r="AY479" s="92"/>
      <c r="AZ479" s="93"/>
      <c r="BA479" s="93"/>
      <c r="BB479" s="93"/>
      <c r="BC479" s="93"/>
      <c r="BD479" s="93"/>
      <c r="BE479" s="93"/>
      <c r="BF479" s="93"/>
      <c r="BG479" s="93"/>
      <c r="BH479" s="93"/>
      <c r="BI479" s="93"/>
      <c r="BJ479" s="93"/>
      <c r="BK479" s="93"/>
      <c r="BL479" s="93"/>
    </row>
    <row r="480" spans="2:64" x14ac:dyDescent="0.2">
      <c r="B480" s="43"/>
      <c r="C480" s="73"/>
      <c r="D480" s="64"/>
      <c r="E480" s="55"/>
      <c r="F480" s="74"/>
      <c r="G480" s="74"/>
      <c r="H480" s="74"/>
      <c r="I480" s="75"/>
      <c r="J480" s="74"/>
      <c r="L480" s="55"/>
      <c r="M480" s="234"/>
      <c r="N480" s="65"/>
      <c r="O480" s="76"/>
      <c r="P480" s="76"/>
      <c r="Q480" s="65"/>
      <c r="R480" s="76"/>
      <c r="S480" s="76"/>
      <c r="T480" s="76"/>
      <c r="U480" s="76"/>
      <c r="V480" s="76"/>
      <c r="W480" s="76"/>
      <c r="X480" s="76"/>
      <c r="Y480" s="76"/>
      <c r="Z480" s="76"/>
      <c r="AA480" s="85"/>
      <c r="AB480" s="85"/>
      <c r="AC480" s="85"/>
      <c r="AD480" s="85"/>
      <c r="AE480" s="85"/>
      <c r="AF480" s="85"/>
      <c r="AG480" s="86"/>
      <c r="AH480" s="85"/>
      <c r="AI480" s="85"/>
      <c r="AJ480" s="85"/>
      <c r="AK480" s="85"/>
      <c r="AL480" s="85"/>
      <c r="AM480" s="92"/>
      <c r="AN480" s="92"/>
      <c r="AO480" s="92"/>
      <c r="AP480" s="92"/>
      <c r="AQ480" s="92"/>
      <c r="AR480" s="92"/>
      <c r="AS480" s="92"/>
      <c r="AT480" s="92"/>
      <c r="AU480" s="92"/>
      <c r="AV480" s="92"/>
      <c r="AW480" s="92"/>
      <c r="AX480" s="92"/>
      <c r="AY480" s="92"/>
      <c r="AZ480" s="93"/>
      <c r="BA480" s="93"/>
      <c r="BB480" s="93"/>
      <c r="BC480" s="93"/>
      <c r="BD480" s="93"/>
      <c r="BE480" s="93"/>
      <c r="BF480" s="93"/>
      <c r="BG480" s="93"/>
      <c r="BH480" s="93"/>
      <c r="BI480" s="93"/>
      <c r="BJ480" s="93"/>
      <c r="BK480" s="93"/>
      <c r="BL480" s="93"/>
    </row>
    <row r="481" spans="2:64" x14ac:dyDescent="0.2">
      <c r="B481" s="43"/>
      <c r="C481" s="73"/>
      <c r="D481" s="64"/>
      <c r="E481" s="55"/>
      <c r="F481" s="74"/>
      <c r="G481" s="74"/>
      <c r="H481" s="74"/>
      <c r="I481" s="75"/>
      <c r="J481" s="74"/>
      <c r="L481" s="55"/>
      <c r="M481" s="234"/>
      <c r="N481" s="65"/>
      <c r="O481" s="76"/>
      <c r="P481" s="76"/>
      <c r="Q481" s="65"/>
      <c r="R481" s="76"/>
      <c r="S481" s="76"/>
      <c r="T481" s="76"/>
      <c r="U481" s="76"/>
      <c r="V481" s="76"/>
      <c r="W481" s="76"/>
      <c r="X481" s="76"/>
      <c r="Y481" s="76"/>
      <c r="Z481" s="76"/>
      <c r="AA481" s="85"/>
      <c r="AB481" s="85"/>
      <c r="AC481" s="85"/>
      <c r="AD481" s="85"/>
      <c r="AE481" s="85"/>
      <c r="AF481" s="85"/>
      <c r="AG481" s="86"/>
      <c r="AH481" s="85"/>
      <c r="AI481" s="85"/>
      <c r="AJ481" s="85"/>
      <c r="AK481" s="85"/>
      <c r="AL481" s="85"/>
      <c r="AM481" s="92"/>
      <c r="AN481" s="92"/>
      <c r="AO481" s="92"/>
      <c r="AP481" s="92"/>
      <c r="AQ481" s="92"/>
      <c r="AR481" s="92"/>
      <c r="AS481" s="92"/>
      <c r="AT481" s="92"/>
      <c r="AU481" s="92"/>
      <c r="AV481" s="92"/>
      <c r="AW481" s="92"/>
      <c r="AX481" s="92"/>
      <c r="AY481" s="92"/>
      <c r="AZ481" s="93"/>
      <c r="BA481" s="93"/>
      <c r="BB481" s="93"/>
      <c r="BC481" s="93"/>
      <c r="BD481" s="93"/>
      <c r="BE481" s="93"/>
      <c r="BF481" s="93"/>
      <c r="BG481" s="93"/>
      <c r="BH481" s="93"/>
      <c r="BI481" s="93"/>
      <c r="BJ481" s="93"/>
      <c r="BK481" s="93"/>
      <c r="BL481" s="93"/>
    </row>
    <row r="482" spans="2:64" x14ac:dyDescent="0.2">
      <c r="B482" s="43"/>
      <c r="C482" s="73"/>
      <c r="D482" s="64"/>
      <c r="E482" s="55"/>
      <c r="F482" s="74"/>
      <c r="G482" s="74"/>
      <c r="H482" s="74"/>
      <c r="I482" s="75"/>
      <c r="J482" s="74"/>
      <c r="L482" s="55"/>
      <c r="M482" s="234"/>
      <c r="N482" s="65"/>
      <c r="O482" s="76"/>
      <c r="P482" s="76"/>
      <c r="Q482" s="65"/>
      <c r="R482" s="76"/>
      <c r="S482" s="76"/>
      <c r="T482" s="76"/>
      <c r="U482" s="76"/>
      <c r="V482" s="76"/>
      <c r="W482" s="76"/>
      <c r="X482" s="76"/>
      <c r="Y482" s="76"/>
      <c r="Z482" s="76"/>
      <c r="AA482" s="85"/>
      <c r="AB482" s="85"/>
      <c r="AC482" s="85"/>
      <c r="AD482" s="85"/>
      <c r="AE482" s="85"/>
      <c r="AF482" s="85"/>
      <c r="AG482" s="86"/>
      <c r="AH482" s="85"/>
      <c r="AI482" s="85"/>
      <c r="AJ482" s="85"/>
      <c r="AK482" s="85"/>
      <c r="AL482" s="85"/>
      <c r="AM482" s="92"/>
      <c r="AN482" s="92"/>
      <c r="AO482" s="92"/>
      <c r="AP482" s="92"/>
      <c r="AQ482" s="92"/>
      <c r="AR482" s="92"/>
      <c r="AS482" s="92"/>
      <c r="AT482" s="92"/>
      <c r="AU482" s="92"/>
      <c r="AV482" s="92"/>
      <c r="AW482" s="92"/>
      <c r="AX482" s="92"/>
      <c r="AY482" s="92"/>
      <c r="AZ482" s="93"/>
      <c r="BA482" s="93"/>
      <c r="BB482" s="93"/>
      <c r="BC482" s="93"/>
      <c r="BD482" s="93"/>
      <c r="BE482" s="93"/>
      <c r="BF482" s="93"/>
      <c r="BG482" s="93"/>
      <c r="BH482" s="93"/>
      <c r="BI482" s="93"/>
      <c r="BJ482" s="93"/>
      <c r="BK482" s="93"/>
      <c r="BL482" s="93"/>
    </row>
    <row r="483" spans="2:64" x14ac:dyDescent="0.2">
      <c r="B483" s="43"/>
      <c r="C483" s="73"/>
      <c r="D483" s="64"/>
      <c r="E483" s="55"/>
      <c r="F483" s="74"/>
      <c r="G483" s="74"/>
      <c r="H483" s="74"/>
      <c r="I483" s="75"/>
      <c r="J483" s="74"/>
      <c r="L483" s="55"/>
      <c r="M483" s="234"/>
      <c r="N483" s="65"/>
      <c r="O483" s="76"/>
      <c r="P483" s="76"/>
      <c r="Q483" s="65"/>
      <c r="R483" s="76"/>
      <c r="S483" s="76"/>
      <c r="T483" s="76"/>
      <c r="U483" s="76"/>
      <c r="V483" s="76"/>
      <c r="W483" s="76"/>
      <c r="X483" s="76"/>
      <c r="Y483" s="76"/>
      <c r="Z483" s="76"/>
      <c r="AA483" s="85"/>
      <c r="AB483" s="85"/>
      <c r="AC483" s="85"/>
      <c r="AD483" s="85"/>
      <c r="AE483" s="85"/>
      <c r="AF483" s="85"/>
      <c r="AG483" s="86"/>
      <c r="AH483" s="85"/>
      <c r="AI483" s="85"/>
      <c r="AJ483" s="85"/>
      <c r="AK483" s="85"/>
      <c r="AL483" s="85"/>
      <c r="AM483" s="92"/>
      <c r="AN483" s="92"/>
      <c r="AO483" s="92"/>
      <c r="AP483" s="92"/>
      <c r="AQ483" s="92"/>
      <c r="AR483" s="92"/>
      <c r="AS483" s="92"/>
      <c r="AT483" s="92"/>
      <c r="AU483" s="92"/>
      <c r="AV483" s="92"/>
      <c r="AW483" s="92"/>
      <c r="AX483" s="92"/>
      <c r="AY483" s="92"/>
      <c r="AZ483" s="93"/>
      <c r="BA483" s="93"/>
      <c r="BB483" s="93"/>
      <c r="BC483" s="93"/>
      <c r="BD483" s="93"/>
      <c r="BE483" s="93"/>
      <c r="BF483" s="93"/>
      <c r="BG483" s="93"/>
      <c r="BH483" s="93"/>
      <c r="BI483" s="93"/>
      <c r="BJ483" s="93"/>
      <c r="BK483" s="93"/>
      <c r="BL483" s="93"/>
    </row>
    <row r="484" spans="2:64" x14ac:dyDescent="0.2">
      <c r="B484" s="43"/>
      <c r="C484" s="73"/>
      <c r="D484" s="64"/>
      <c r="E484" s="55"/>
      <c r="F484" s="74"/>
      <c r="G484" s="74"/>
      <c r="H484" s="74"/>
      <c r="I484" s="75"/>
      <c r="J484" s="74"/>
      <c r="L484" s="55"/>
      <c r="M484" s="234"/>
      <c r="N484" s="65"/>
      <c r="O484" s="76"/>
      <c r="P484" s="76"/>
      <c r="Q484" s="65"/>
      <c r="R484" s="76"/>
      <c r="S484" s="76"/>
      <c r="T484" s="76"/>
      <c r="U484" s="76"/>
      <c r="V484" s="76"/>
      <c r="W484" s="76"/>
      <c r="X484" s="76"/>
      <c r="Y484" s="76"/>
      <c r="Z484" s="76"/>
      <c r="AA484" s="85"/>
      <c r="AB484" s="85"/>
      <c r="AC484" s="85"/>
      <c r="AD484" s="85"/>
      <c r="AE484" s="85"/>
      <c r="AF484" s="85"/>
      <c r="AG484" s="86"/>
      <c r="AH484" s="85"/>
      <c r="AI484" s="85"/>
      <c r="AJ484" s="85"/>
      <c r="AK484" s="85"/>
      <c r="AL484" s="85"/>
      <c r="AM484" s="92"/>
      <c r="AN484" s="92"/>
      <c r="AO484" s="92"/>
      <c r="AP484" s="92"/>
      <c r="AQ484" s="92"/>
      <c r="AR484" s="92"/>
      <c r="AS484" s="92"/>
      <c r="AT484" s="92"/>
      <c r="AU484" s="92"/>
      <c r="AV484" s="92"/>
      <c r="AW484" s="92"/>
      <c r="AX484" s="92"/>
      <c r="AY484" s="92"/>
      <c r="AZ484" s="93"/>
      <c r="BA484" s="93"/>
      <c r="BB484" s="93"/>
      <c r="BC484" s="93"/>
      <c r="BD484" s="93"/>
      <c r="BE484" s="93"/>
      <c r="BF484" s="93"/>
      <c r="BG484" s="93"/>
      <c r="BH484" s="93"/>
      <c r="BI484" s="93"/>
      <c r="BJ484" s="93"/>
      <c r="BK484" s="93"/>
      <c r="BL484" s="93"/>
    </row>
    <row r="485" spans="2:64" x14ac:dyDescent="0.2">
      <c r="B485" s="43"/>
      <c r="C485" s="73"/>
      <c r="D485" s="64"/>
      <c r="E485" s="55"/>
      <c r="F485" s="74"/>
      <c r="G485" s="74"/>
      <c r="H485" s="74"/>
      <c r="I485" s="75"/>
      <c r="J485" s="74"/>
      <c r="L485" s="55"/>
      <c r="M485" s="234"/>
      <c r="N485" s="65"/>
      <c r="O485" s="76"/>
      <c r="P485" s="76"/>
      <c r="Q485" s="65"/>
      <c r="R485" s="76"/>
      <c r="S485" s="76"/>
      <c r="T485" s="76"/>
      <c r="U485" s="76"/>
      <c r="V485" s="76"/>
      <c r="W485" s="76"/>
      <c r="X485" s="76"/>
      <c r="Y485" s="76"/>
      <c r="Z485" s="76"/>
      <c r="AA485" s="85"/>
      <c r="AB485" s="85"/>
      <c r="AC485" s="85"/>
      <c r="AD485" s="85"/>
      <c r="AE485" s="85"/>
      <c r="AF485" s="85"/>
      <c r="AG485" s="86"/>
      <c r="AH485" s="85"/>
      <c r="AI485" s="85"/>
      <c r="AJ485" s="85"/>
      <c r="AK485" s="85"/>
      <c r="AL485" s="85"/>
      <c r="AM485" s="92"/>
      <c r="AN485" s="92"/>
      <c r="AO485" s="92"/>
      <c r="AP485" s="92"/>
      <c r="AQ485" s="92"/>
      <c r="AR485" s="92"/>
      <c r="AS485" s="92"/>
      <c r="AT485" s="92"/>
      <c r="AU485" s="92"/>
      <c r="AV485" s="92"/>
      <c r="AW485" s="92"/>
      <c r="AX485" s="92"/>
      <c r="AY485" s="92"/>
      <c r="AZ485" s="93"/>
      <c r="BA485" s="93"/>
      <c r="BB485" s="93"/>
      <c r="BC485" s="93"/>
      <c r="BD485" s="93"/>
      <c r="BE485" s="93"/>
      <c r="BF485" s="93"/>
      <c r="BG485" s="93"/>
      <c r="BH485" s="93"/>
      <c r="BI485" s="93"/>
      <c r="BJ485" s="93"/>
      <c r="BK485" s="93"/>
      <c r="BL485" s="93"/>
    </row>
    <row r="486" spans="2:64" x14ac:dyDescent="0.2">
      <c r="B486" s="43"/>
      <c r="C486" s="73"/>
      <c r="D486" s="64"/>
      <c r="E486" s="55"/>
      <c r="F486" s="74"/>
      <c r="G486" s="74"/>
      <c r="H486" s="74"/>
      <c r="I486" s="75"/>
      <c r="J486" s="74"/>
      <c r="L486" s="55"/>
      <c r="M486" s="234"/>
      <c r="N486" s="65"/>
      <c r="O486" s="76"/>
      <c r="P486" s="76"/>
      <c r="Q486" s="65"/>
      <c r="R486" s="76"/>
      <c r="S486" s="76"/>
      <c r="T486" s="76"/>
      <c r="U486" s="76"/>
      <c r="V486" s="76"/>
      <c r="W486" s="76"/>
      <c r="X486" s="76"/>
      <c r="Y486" s="76"/>
      <c r="Z486" s="76"/>
      <c r="AA486" s="85"/>
      <c r="AB486" s="85"/>
      <c r="AC486" s="85"/>
      <c r="AD486" s="85"/>
      <c r="AE486" s="85"/>
      <c r="AF486" s="85"/>
      <c r="AG486" s="86"/>
      <c r="AH486" s="85"/>
      <c r="AI486" s="85"/>
      <c r="AJ486" s="85"/>
      <c r="AK486" s="85"/>
      <c r="AL486" s="85"/>
      <c r="AM486" s="92"/>
      <c r="AN486" s="92"/>
      <c r="AO486" s="92"/>
      <c r="AP486" s="92"/>
      <c r="AQ486" s="92"/>
      <c r="AR486" s="92"/>
      <c r="AS486" s="92"/>
      <c r="AT486" s="92"/>
      <c r="AU486" s="92"/>
      <c r="AV486" s="92"/>
      <c r="AW486" s="92"/>
      <c r="AX486" s="92"/>
      <c r="AY486" s="92"/>
      <c r="AZ486" s="93"/>
      <c r="BA486" s="93"/>
      <c r="BB486" s="93"/>
      <c r="BC486" s="93"/>
      <c r="BD486" s="93"/>
      <c r="BE486" s="93"/>
      <c r="BF486" s="93"/>
      <c r="BG486" s="93"/>
      <c r="BH486" s="93"/>
      <c r="BI486" s="93"/>
      <c r="BJ486" s="93"/>
      <c r="BK486" s="93"/>
      <c r="BL486" s="93"/>
    </row>
    <row r="487" spans="2:64" x14ac:dyDescent="0.2">
      <c r="B487" s="43"/>
      <c r="C487" s="73"/>
      <c r="D487" s="64"/>
      <c r="E487" s="55"/>
      <c r="F487" s="74"/>
      <c r="G487" s="74"/>
      <c r="H487" s="74"/>
      <c r="I487" s="75"/>
      <c r="J487" s="74"/>
      <c r="L487" s="55"/>
      <c r="M487" s="234"/>
      <c r="N487" s="65"/>
      <c r="O487" s="76"/>
      <c r="P487" s="76"/>
      <c r="Q487" s="65"/>
      <c r="R487" s="76"/>
      <c r="S487" s="76"/>
      <c r="T487" s="76"/>
      <c r="U487" s="76"/>
      <c r="V487" s="76"/>
      <c r="W487" s="76"/>
      <c r="X487" s="76"/>
      <c r="Y487" s="76"/>
      <c r="Z487" s="76"/>
      <c r="AA487" s="85"/>
      <c r="AB487" s="85"/>
      <c r="AC487" s="85"/>
      <c r="AD487" s="85"/>
      <c r="AE487" s="85"/>
      <c r="AF487" s="85"/>
      <c r="AG487" s="86"/>
      <c r="AH487" s="85"/>
      <c r="AI487" s="85"/>
      <c r="AJ487" s="85"/>
      <c r="AK487" s="85"/>
      <c r="AL487" s="85"/>
      <c r="AM487" s="92"/>
      <c r="AN487" s="92"/>
      <c r="AO487" s="92"/>
      <c r="AP487" s="92"/>
      <c r="AQ487" s="92"/>
      <c r="AR487" s="92"/>
      <c r="AS487" s="92"/>
      <c r="AT487" s="92"/>
      <c r="AU487" s="92"/>
      <c r="AV487" s="92"/>
      <c r="AW487" s="92"/>
      <c r="AX487" s="92"/>
      <c r="AY487" s="92"/>
      <c r="AZ487" s="93"/>
      <c r="BA487" s="93"/>
      <c r="BB487" s="93"/>
      <c r="BC487" s="93"/>
      <c r="BD487" s="93"/>
      <c r="BE487" s="93"/>
      <c r="BF487" s="93"/>
      <c r="BG487" s="93"/>
      <c r="BH487" s="93"/>
      <c r="BI487" s="93"/>
      <c r="BJ487" s="93"/>
      <c r="BK487" s="93"/>
      <c r="BL487" s="93"/>
    </row>
    <row r="488" spans="2:64" x14ac:dyDescent="0.2">
      <c r="B488" s="43"/>
      <c r="C488" s="73"/>
      <c r="D488" s="64"/>
      <c r="E488" s="55"/>
      <c r="F488" s="74"/>
      <c r="G488" s="74"/>
      <c r="H488" s="74"/>
      <c r="I488" s="75"/>
      <c r="J488" s="74"/>
      <c r="L488" s="55"/>
      <c r="M488" s="234"/>
      <c r="N488" s="65"/>
      <c r="O488" s="76"/>
      <c r="P488" s="76"/>
      <c r="Q488" s="65"/>
      <c r="R488" s="76"/>
      <c r="S488" s="76"/>
      <c r="T488" s="76"/>
      <c r="U488" s="76"/>
      <c r="V488" s="76"/>
      <c r="W488" s="76"/>
      <c r="X488" s="76"/>
      <c r="Y488" s="76"/>
      <c r="Z488" s="76"/>
      <c r="AA488" s="85"/>
      <c r="AB488" s="85"/>
      <c r="AC488" s="85"/>
      <c r="AD488" s="85"/>
      <c r="AE488" s="85"/>
      <c r="AF488" s="85"/>
      <c r="AG488" s="86"/>
      <c r="AH488" s="85"/>
      <c r="AI488" s="85"/>
      <c r="AJ488" s="85"/>
      <c r="AK488" s="85"/>
      <c r="AL488" s="85"/>
      <c r="AM488" s="92"/>
      <c r="AN488" s="92"/>
      <c r="AO488" s="92"/>
      <c r="AP488" s="92"/>
      <c r="AQ488" s="92"/>
      <c r="AR488" s="92"/>
      <c r="AS488" s="92"/>
      <c r="AT488" s="92"/>
      <c r="AU488" s="92"/>
      <c r="AV488" s="92"/>
      <c r="AW488" s="92"/>
      <c r="AX488" s="92"/>
      <c r="AY488" s="92"/>
      <c r="AZ488" s="93"/>
      <c r="BA488" s="93"/>
      <c r="BB488" s="93"/>
      <c r="BC488" s="93"/>
      <c r="BD488" s="93"/>
      <c r="BE488" s="93"/>
      <c r="BF488" s="93"/>
      <c r="BG488" s="93"/>
      <c r="BH488" s="93"/>
      <c r="BI488" s="93"/>
      <c r="BJ488" s="93"/>
      <c r="BK488" s="93"/>
      <c r="BL488" s="93"/>
    </row>
    <row r="489" spans="2:64" x14ac:dyDescent="0.2">
      <c r="B489" s="43"/>
      <c r="C489" s="73"/>
      <c r="D489" s="64"/>
      <c r="E489" s="55"/>
      <c r="F489" s="74"/>
      <c r="G489" s="74"/>
      <c r="H489" s="74"/>
      <c r="I489" s="75"/>
      <c r="J489" s="74"/>
      <c r="L489" s="55"/>
      <c r="M489" s="234"/>
      <c r="N489" s="65"/>
      <c r="O489" s="76"/>
      <c r="P489" s="76"/>
      <c r="Q489" s="65"/>
      <c r="R489" s="76"/>
      <c r="S489" s="76"/>
      <c r="T489" s="76"/>
      <c r="U489" s="76"/>
      <c r="V489" s="76"/>
      <c r="W489" s="76"/>
      <c r="X489" s="76"/>
      <c r="Y489" s="76"/>
      <c r="Z489" s="76"/>
      <c r="AA489" s="85"/>
      <c r="AB489" s="85"/>
      <c r="AC489" s="85"/>
      <c r="AD489" s="85"/>
      <c r="AE489" s="85"/>
      <c r="AF489" s="85"/>
      <c r="AG489" s="86"/>
      <c r="AH489" s="85"/>
      <c r="AI489" s="85"/>
      <c r="AJ489" s="85"/>
      <c r="AK489" s="85"/>
      <c r="AL489" s="85"/>
      <c r="AM489" s="92"/>
      <c r="AN489" s="92"/>
      <c r="AO489" s="92"/>
      <c r="AP489" s="92"/>
      <c r="AQ489" s="92"/>
      <c r="AR489" s="92"/>
      <c r="AS489" s="92"/>
      <c r="AT489" s="92"/>
      <c r="AU489" s="92"/>
      <c r="AV489" s="92"/>
      <c r="AW489" s="92"/>
      <c r="AX489" s="92"/>
      <c r="AY489" s="92"/>
      <c r="AZ489" s="93"/>
      <c r="BA489" s="93"/>
      <c r="BB489" s="93"/>
      <c r="BC489" s="93"/>
      <c r="BD489" s="93"/>
      <c r="BE489" s="93"/>
      <c r="BF489" s="93"/>
      <c r="BG489" s="93"/>
      <c r="BH489" s="93"/>
      <c r="BI489" s="93"/>
      <c r="BJ489" s="93"/>
      <c r="BK489" s="93"/>
      <c r="BL489" s="93"/>
    </row>
    <row r="490" spans="2:64" x14ac:dyDescent="0.2">
      <c r="B490" s="43"/>
      <c r="C490" s="73"/>
      <c r="D490" s="64"/>
      <c r="E490" s="55"/>
      <c r="F490" s="74"/>
      <c r="G490" s="74"/>
      <c r="H490" s="74"/>
      <c r="I490" s="75"/>
      <c r="J490" s="74"/>
      <c r="L490" s="55"/>
      <c r="M490" s="234"/>
      <c r="N490" s="65"/>
      <c r="O490" s="76"/>
      <c r="P490" s="76"/>
      <c r="Q490" s="65"/>
      <c r="R490" s="76"/>
      <c r="S490" s="76"/>
      <c r="T490" s="76"/>
      <c r="U490" s="76"/>
      <c r="V490" s="76"/>
      <c r="W490" s="76"/>
      <c r="X490" s="76"/>
      <c r="Y490" s="76"/>
      <c r="Z490" s="76"/>
      <c r="AA490" s="85"/>
      <c r="AB490" s="85"/>
      <c r="AC490" s="85"/>
      <c r="AD490" s="85"/>
      <c r="AE490" s="85"/>
      <c r="AF490" s="85"/>
      <c r="AG490" s="86"/>
      <c r="AH490" s="85"/>
      <c r="AI490" s="85"/>
      <c r="AJ490" s="85"/>
      <c r="AK490" s="85"/>
      <c r="AL490" s="85"/>
      <c r="AM490" s="92"/>
      <c r="AN490" s="92"/>
      <c r="AO490" s="92"/>
      <c r="AP490" s="92"/>
      <c r="AQ490" s="92"/>
      <c r="AR490" s="92"/>
      <c r="AS490" s="92"/>
      <c r="AT490" s="92"/>
      <c r="AU490" s="92"/>
      <c r="AV490" s="92"/>
      <c r="AW490" s="92"/>
      <c r="AX490" s="92"/>
      <c r="AY490" s="92"/>
      <c r="AZ490" s="93"/>
      <c r="BA490" s="93"/>
      <c r="BB490" s="93"/>
      <c r="BC490" s="93"/>
      <c r="BD490" s="93"/>
      <c r="BE490" s="93"/>
      <c r="BF490" s="93"/>
      <c r="BG490" s="93"/>
      <c r="BH490" s="93"/>
      <c r="BI490" s="93"/>
      <c r="BJ490" s="93"/>
      <c r="BK490" s="93"/>
      <c r="BL490" s="93"/>
    </row>
    <row r="491" spans="2:64" x14ac:dyDescent="0.2">
      <c r="B491" s="43"/>
      <c r="C491" s="73"/>
      <c r="D491" s="64"/>
      <c r="E491" s="55"/>
      <c r="F491" s="74"/>
      <c r="G491" s="74"/>
      <c r="H491" s="74"/>
      <c r="I491" s="75"/>
      <c r="J491" s="74"/>
      <c r="L491" s="55"/>
      <c r="M491" s="234"/>
      <c r="N491" s="65"/>
      <c r="O491" s="76"/>
      <c r="P491" s="76"/>
      <c r="Q491" s="65"/>
      <c r="R491" s="76"/>
      <c r="S491" s="76"/>
      <c r="T491" s="76"/>
      <c r="U491" s="76"/>
      <c r="V491" s="76"/>
      <c r="W491" s="76"/>
      <c r="X491" s="76"/>
      <c r="Y491" s="76"/>
      <c r="Z491" s="76"/>
      <c r="AA491" s="85"/>
      <c r="AB491" s="85"/>
      <c r="AC491" s="85"/>
      <c r="AD491" s="85"/>
      <c r="AE491" s="85"/>
      <c r="AF491" s="85"/>
      <c r="AG491" s="86"/>
      <c r="AH491" s="85"/>
      <c r="AI491" s="85"/>
      <c r="AJ491" s="85"/>
      <c r="AK491" s="85"/>
      <c r="AL491" s="85"/>
      <c r="AM491" s="92"/>
      <c r="AN491" s="92"/>
      <c r="AO491" s="92"/>
      <c r="AP491" s="92"/>
      <c r="AQ491" s="92"/>
      <c r="AR491" s="92"/>
      <c r="AS491" s="92"/>
      <c r="AT491" s="92"/>
      <c r="AU491" s="92"/>
      <c r="AV491" s="92"/>
      <c r="AW491" s="92"/>
      <c r="AX491" s="92"/>
      <c r="AY491" s="92"/>
      <c r="AZ491" s="93"/>
      <c r="BA491" s="93"/>
      <c r="BB491" s="93"/>
      <c r="BC491" s="93"/>
      <c r="BD491" s="93"/>
      <c r="BE491" s="93"/>
      <c r="BF491" s="93"/>
      <c r="BG491" s="93"/>
      <c r="BH491" s="93"/>
      <c r="BI491" s="93"/>
      <c r="BJ491" s="93"/>
      <c r="BK491" s="93"/>
      <c r="BL491" s="93"/>
    </row>
    <row r="492" spans="2:64" x14ac:dyDescent="0.2">
      <c r="B492" s="43"/>
      <c r="C492" s="73"/>
      <c r="D492" s="64"/>
      <c r="E492" s="55"/>
      <c r="F492" s="74"/>
      <c r="G492" s="74"/>
      <c r="H492" s="74"/>
      <c r="I492" s="75"/>
      <c r="J492" s="74"/>
      <c r="L492" s="55"/>
      <c r="M492" s="234"/>
      <c r="N492" s="65"/>
      <c r="O492" s="76"/>
      <c r="P492" s="76"/>
      <c r="Q492" s="65"/>
      <c r="R492" s="76"/>
      <c r="S492" s="76"/>
      <c r="T492" s="76"/>
      <c r="U492" s="76"/>
      <c r="V492" s="76"/>
      <c r="W492" s="76"/>
      <c r="X492" s="76"/>
      <c r="Y492" s="76"/>
      <c r="Z492" s="76"/>
      <c r="AA492" s="85"/>
      <c r="AB492" s="85"/>
      <c r="AC492" s="85"/>
      <c r="AD492" s="85"/>
      <c r="AE492" s="85"/>
      <c r="AF492" s="85"/>
      <c r="AG492" s="86"/>
      <c r="AH492" s="85"/>
      <c r="AI492" s="85"/>
      <c r="AJ492" s="85"/>
      <c r="AK492" s="85"/>
      <c r="AL492" s="85"/>
      <c r="AM492" s="92"/>
      <c r="AN492" s="92"/>
      <c r="AO492" s="92"/>
      <c r="AP492" s="92"/>
      <c r="AQ492" s="92"/>
      <c r="AR492" s="92"/>
      <c r="AS492" s="92"/>
      <c r="AT492" s="92"/>
      <c r="AU492" s="92"/>
      <c r="AV492" s="92"/>
      <c r="AW492" s="92"/>
      <c r="AX492" s="92"/>
      <c r="AY492" s="92"/>
      <c r="AZ492" s="93"/>
      <c r="BA492" s="93"/>
      <c r="BB492" s="93"/>
      <c r="BC492" s="93"/>
      <c r="BD492" s="93"/>
      <c r="BE492" s="93"/>
      <c r="BF492" s="93"/>
      <c r="BG492" s="93"/>
      <c r="BH492" s="93"/>
      <c r="BI492" s="93"/>
      <c r="BJ492" s="93"/>
      <c r="BK492" s="93"/>
      <c r="BL492" s="93"/>
    </row>
    <row r="493" spans="2:64" x14ac:dyDescent="0.2">
      <c r="B493" s="43"/>
      <c r="C493" s="73"/>
      <c r="D493" s="64"/>
      <c r="E493" s="55"/>
      <c r="F493" s="74"/>
      <c r="G493" s="74"/>
      <c r="H493" s="74"/>
      <c r="I493" s="75"/>
      <c r="J493" s="74"/>
      <c r="L493" s="55"/>
      <c r="M493" s="234"/>
      <c r="N493" s="65"/>
      <c r="O493" s="76"/>
      <c r="P493" s="76"/>
      <c r="Q493" s="65"/>
      <c r="R493" s="76"/>
      <c r="S493" s="76"/>
      <c r="T493" s="76"/>
      <c r="U493" s="76"/>
      <c r="V493" s="76"/>
      <c r="W493" s="76"/>
      <c r="X493" s="76"/>
      <c r="Y493" s="76"/>
      <c r="Z493" s="76"/>
      <c r="AA493" s="85"/>
      <c r="AB493" s="85"/>
      <c r="AC493" s="85"/>
      <c r="AD493" s="85"/>
      <c r="AE493" s="85"/>
      <c r="AF493" s="85"/>
      <c r="AG493" s="86"/>
      <c r="AH493" s="85"/>
      <c r="AI493" s="85"/>
      <c r="AJ493" s="85"/>
      <c r="AK493" s="85"/>
      <c r="AL493" s="85"/>
      <c r="AM493" s="92"/>
      <c r="AN493" s="92"/>
      <c r="AO493" s="92"/>
      <c r="AP493" s="92"/>
      <c r="AQ493" s="92"/>
      <c r="AR493" s="92"/>
      <c r="AS493" s="92"/>
      <c r="AT493" s="92"/>
      <c r="AU493" s="92"/>
      <c r="AV493" s="92"/>
      <c r="AW493" s="92"/>
      <c r="AX493" s="92"/>
      <c r="AY493" s="92"/>
      <c r="AZ493" s="93"/>
      <c r="BA493" s="93"/>
      <c r="BB493" s="93"/>
      <c r="BC493" s="93"/>
      <c r="BD493" s="93"/>
      <c r="BE493" s="93"/>
      <c r="BF493" s="93"/>
      <c r="BG493" s="93"/>
      <c r="BH493" s="93"/>
      <c r="BI493" s="93"/>
      <c r="BJ493" s="93"/>
      <c r="BK493" s="93"/>
      <c r="BL493" s="93"/>
    </row>
    <row r="494" spans="2:64" x14ac:dyDescent="0.2">
      <c r="B494" s="43"/>
      <c r="C494" s="73"/>
      <c r="D494" s="64"/>
      <c r="E494" s="55"/>
      <c r="F494" s="74"/>
      <c r="G494" s="74"/>
      <c r="H494" s="74"/>
      <c r="I494" s="75"/>
      <c r="J494" s="74"/>
      <c r="L494" s="55"/>
      <c r="M494" s="234"/>
      <c r="N494" s="65"/>
      <c r="O494" s="76"/>
      <c r="P494" s="76"/>
      <c r="Q494" s="65"/>
      <c r="R494" s="76"/>
      <c r="S494" s="76"/>
      <c r="T494" s="76"/>
      <c r="U494" s="76"/>
      <c r="V494" s="76"/>
      <c r="W494" s="76"/>
      <c r="X494" s="76"/>
      <c r="Y494" s="76"/>
      <c r="Z494" s="76"/>
      <c r="AA494" s="85"/>
      <c r="AB494" s="85"/>
      <c r="AC494" s="85"/>
      <c r="AD494" s="85"/>
      <c r="AE494" s="85"/>
      <c r="AF494" s="85"/>
      <c r="AG494" s="86"/>
      <c r="AH494" s="85"/>
      <c r="AI494" s="85"/>
      <c r="AJ494" s="85"/>
      <c r="AK494" s="85"/>
      <c r="AL494" s="85"/>
      <c r="AM494" s="92"/>
      <c r="AN494" s="92"/>
      <c r="AO494" s="92"/>
      <c r="AP494" s="92"/>
      <c r="AQ494" s="92"/>
      <c r="AR494" s="92"/>
      <c r="AS494" s="92"/>
      <c r="AT494" s="92"/>
      <c r="AU494" s="92"/>
      <c r="AV494" s="92"/>
      <c r="AW494" s="92"/>
      <c r="AX494" s="92"/>
      <c r="AY494" s="92"/>
      <c r="AZ494" s="93"/>
      <c r="BA494" s="93"/>
      <c r="BB494" s="93"/>
      <c r="BC494" s="93"/>
      <c r="BD494" s="93"/>
      <c r="BE494" s="93"/>
      <c r="BF494" s="93"/>
      <c r="BG494" s="93"/>
      <c r="BH494" s="93"/>
      <c r="BI494" s="93"/>
      <c r="BJ494" s="93"/>
      <c r="BK494" s="93"/>
      <c r="BL494" s="93"/>
    </row>
    <row r="495" spans="2:64" x14ac:dyDescent="0.2">
      <c r="B495" s="43"/>
      <c r="C495" s="73"/>
      <c r="D495" s="64"/>
      <c r="E495" s="55"/>
      <c r="F495" s="74"/>
      <c r="G495" s="74"/>
      <c r="H495" s="74"/>
      <c r="I495" s="75"/>
      <c r="J495" s="74"/>
      <c r="L495" s="55"/>
      <c r="M495" s="234"/>
      <c r="N495" s="65"/>
      <c r="O495" s="76"/>
      <c r="P495" s="76"/>
      <c r="Q495" s="65"/>
      <c r="R495" s="76"/>
      <c r="S495" s="76"/>
      <c r="T495" s="76"/>
      <c r="U495" s="76"/>
      <c r="V495" s="76"/>
      <c r="W495" s="76"/>
      <c r="X495" s="76"/>
      <c r="Y495" s="76"/>
      <c r="Z495" s="76"/>
      <c r="AA495" s="85"/>
      <c r="AB495" s="85"/>
      <c r="AC495" s="85"/>
      <c r="AD495" s="85"/>
      <c r="AE495" s="85"/>
      <c r="AF495" s="85"/>
      <c r="AG495" s="86"/>
      <c r="AH495" s="85"/>
      <c r="AI495" s="85"/>
      <c r="AJ495" s="85"/>
      <c r="AK495" s="85"/>
      <c r="AL495" s="85"/>
      <c r="AM495" s="92"/>
      <c r="AN495" s="92"/>
      <c r="AO495" s="92"/>
      <c r="AP495" s="92"/>
      <c r="AQ495" s="92"/>
      <c r="AR495" s="92"/>
      <c r="AS495" s="92"/>
      <c r="AT495" s="92"/>
      <c r="AU495" s="92"/>
      <c r="AV495" s="92"/>
      <c r="AW495" s="92"/>
      <c r="AX495" s="92"/>
      <c r="AY495" s="92"/>
      <c r="AZ495" s="93"/>
      <c r="BA495" s="93"/>
      <c r="BB495" s="93"/>
      <c r="BC495" s="93"/>
      <c r="BD495" s="93"/>
      <c r="BE495" s="93"/>
      <c r="BF495" s="93"/>
      <c r="BG495" s="93"/>
      <c r="BH495" s="93"/>
      <c r="BI495" s="93"/>
      <c r="BJ495" s="93"/>
      <c r="BK495" s="93"/>
      <c r="BL495" s="93"/>
    </row>
    <row r="496" spans="2:64" x14ac:dyDescent="0.2">
      <c r="B496" s="43"/>
      <c r="C496" s="73"/>
      <c r="D496" s="64"/>
      <c r="E496" s="55"/>
      <c r="F496" s="74"/>
      <c r="G496" s="74"/>
      <c r="H496" s="74"/>
      <c r="I496" s="75"/>
      <c r="J496" s="74"/>
      <c r="L496" s="55"/>
      <c r="M496" s="234"/>
      <c r="N496" s="65"/>
      <c r="O496" s="76"/>
      <c r="P496" s="76"/>
      <c r="Q496" s="65"/>
      <c r="R496" s="76"/>
      <c r="S496" s="76"/>
      <c r="T496" s="76"/>
      <c r="U496" s="76"/>
      <c r="V496" s="76"/>
      <c r="W496" s="76"/>
      <c r="X496" s="76"/>
      <c r="Y496" s="76"/>
      <c r="Z496" s="76"/>
      <c r="AA496" s="85"/>
      <c r="AB496" s="85"/>
      <c r="AC496" s="85"/>
      <c r="AD496" s="85"/>
      <c r="AE496" s="85"/>
      <c r="AF496" s="85"/>
      <c r="AG496" s="86"/>
      <c r="AH496" s="85"/>
      <c r="AI496" s="85"/>
      <c r="AJ496" s="85"/>
      <c r="AK496" s="85"/>
      <c r="AL496" s="85"/>
      <c r="AM496" s="92"/>
      <c r="AN496" s="92"/>
      <c r="AO496" s="92"/>
      <c r="AP496" s="92"/>
      <c r="AQ496" s="92"/>
      <c r="AR496" s="92"/>
      <c r="AS496" s="92"/>
      <c r="AT496" s="92"/>
      <c r="AU496" s="92"/>
      <c r="AV496" s="92"/>
      <c r="AW496" s="92"/>
      <c r="AX496" s="92"/>
      <c r="AY496" s="92"/>
      <c r="AZ496" s="93"/>
      <c r="BA496" s="93"/>
      <c r="BB496" s="93"/>
      <c r="BC496" s="93"/>
      <c r="BD496" s="93"/>
      <c r="BE496" s="93"/>
      <c r="BF496" s="93"/>
      <c r="BG496" s="93"/>
      <c r="BH496" s="93"/>
      <c r="BI496" s="93"/>
      <c r="BJ496" s="93"/>
      <c r="BK496" s="93"/>
      <c r="BL496" s="93"/>
    </row>
    <row r="497" spans="2:64" x14ac:dyDescent="0.2">
      <c r="B497" s="43"/>
      <c r="C497" s="73"/>
      <c r="D497" s="64"/>
      <c r="E497" s="55"/>
      <c r="F497" s="74"/>
      <c r="G497" s="74"/>
      <c r="H497" s="74"/>
      <c r="I497" s="75"/>
      <c r="J497" s="74"/>
      <c r="L497" s="55"/>
      <c r="M497" s="234"/>
      <c r="N497" s="65"/>
      <c r="O497" s="76"/>
      <c r="P497" s="76"/>
      <c r="Q497" s="65"/>
      <c r="R497" s="76"/>
      <c r="S497" s="76"/>
      <c r="T497" s="76"/>
      <c r="U497" s="76"/>
      <c r="V497" s="76"/>
      <c r="W497" s="76"/>
      <c r="X497" s="76"/>
      <c r="Y497" s="76"/>
      <c r="Z497" s="76"/>
      <c r="AA497" s="85"/>
      <c r="AB497" s="85"/>
      <c r="AC497" s="85"/>
      <c r="AD497" s="85"/>
      <c r="AE497" s="85"/>
      <c r="AF497" s="85"/>
      <c r="AG497" s="86"/>
      <c r="AH497" s="85"/>
      <c r="AI497" s="85"/>
      <c r="AJ497" s="85"/>
      <c r="AK497" s="85"/>
      <c r="AL497" s="85"/>
      <c r="AM497" s="92"/>
      <c r="AN497" s="92"/>
      <c r="AO497" s="92"/>
      <c r="AP497" s="92"/>
      <c r="AQ497" s="92"/>
      <c r="AR497" s="92"/>
      <c r="AS497" s="92"/>
      <c r="AT497" s="92"/>
      <c r="AU497" s="92"/>
      <c r="AV497" s="92"/>
      <c r="AW497" s="92"/>
      <c r="AX497" s="92"/>
      <c r="AY497" s="92"/>
      <c r="AZ497" s="93"/>
      <c r="BA497" s="93"/>
      <c r="BB497" s="93"/>
      <c r="BC497" s="93"/>
      <c r="BD497" s="93"/>
      <c r="BE497" s="93"/>
      <c r="BF497" s="93"/>
      <c r="BG497" s="93"/>
      <c r="BH497" s="93"/>
      <c r="BI497" s="93"/>
      <c r="BJ497" s="93"/>
      <c r="BK497" s="93"/>
      <c r="BL497" s="93"/>
    </row>
    <row r="498" spans="2:64" x14ac:dyDescent="0.2">
      <c r="B498" s="43"/>
      <c r="C498" s="73"/>
      <c r="D498" s="64"/>
      <c r="E498" s="55"/>
      <c r="F498" s="74"/>
      <c r="G498" s="74"/>
      <c r="H498" s="74"/>
      <c r="I498" s="75"/>
      <c r="J498" s="74"/>
      <c r="L498" s="55"/>
      <c r="M498" s="234"/>
      <c r="N498" s="65"/>
      <c r="O498" s="76"/>
      <c r="P498" s="76"/>
      <c r="Q498" s="65"/>
      <c r="R498" s="76"/>
      <c r="S498" s="76"/>
      <c r="T498" s="76"/>
      <c r="U498" s="76"/>
      <c r="V498" s="76"/>
      <c r="W498" s="76"/>
      <c r="X498" s="76"/>
      <c r="Y498" s="76"/>
      <c r="Z498" s="76"/>
      <c r="AA498" s="85"/>
      <c r="AB498" s="85"/>
      <c r="AC498" s="85"/>
      <c r="AD498" s="85"/>
      <c r="AE498" s="85"/>
      <c r="AF498" s="85"/>
      <c r="AG498" s="86"/>
      <c r="AH498" s="85"/>
      <c r="AI498" s="85"/>
      <c r="AJ498" s="85"/>
      <c r="AK498" s="85"/>
      <c r="AL498" s="85"/>
      <c r="AM498" s="92"/>
      <c r="AN498" s="92"/>
      <c r="AO498" s="92"/>
      <c r="AP498" s="92"/>
      <c r="AQ498" s="92"/>
      <c r="AR498" s="92"/>
      <c r="AS498" s="92"/>
      <c r="AT498" s="92"/>
      <c r="AU498" s="92"/>
      <c r="AV498" s="92"/>
      <c r="AW498" s="92"/>
      <c r="AX498" s="92"/>
      <c r="AY498" s="92"/>
      <c r="AZ498" s="93"/>
      <c r="BA498" s="93"/>
      <c r="BB498" s="93"/>
      <c r="BC498" s="93"/>
      <c r="BD498" s="93"/>
      <c r="BE498" s="93"/>
      <c r="BF498" s="93"/>
      <c r="BG498" s="93"/>
      <c r="BH498" s="93"/>
      <c r="BI498" s="93"/>
      <c r="BJ498" s="93"/>
      <c r="BK498" s="93"/>
      <c r="BL498" s="93"/>
    </row>
    <row r="499" spans="2:64" x14ac:dyDescent="0.2">
      <c r="B499" s="43"/>
      <c r="C499" s="73"/>
      <c r="D499" s="64"/>
      <c r="E499" s="55"/>
      <c r="F499" s="74"/>
      <c r="G499" s="74"/>
      <c r="H499" s="74"/>
      <c r="I499" s="75"/>
      <c r="J499" s="74"/>
      <c r="L499" s="55"/>
      <c r="M499" s="234"/>
      <c r="N499" s="65"/>
      <c r="O499" s="76"/>
      <c r="P499" s="76"/>
      <c r="Q499" s="65"/>
      <c r="R499" s="76"/>
      <c r="S499" s="76"/>
      <c r="T499" s="76"/>
      <c r="U499" s="76"/>
      <c r="V499" s="76"/>
      <c r="W499" s="76"/>
      <c r="X499" s="76"/>
      <c r="Y499" s="76"/>
      <c r="Z499" s="76"/>
      <c r="AA499" s="85"/>
      <c r="AB499" s="85"/>
      <c r="AC499" s="85"/>
      <c r="AD499" s="85"/>
      <c r="AE499" s="85"/>
      <c r="AF499" s="85"/>
      <c r="AG499" s="86"/>
      <c r="AH499" s="85"/>
      <c r="AI499" s="85"/>
      <c r="AJ499" s="85"/>
      <c r="AK499" s="85"/>
      <c r="AL499" s="85"/>
      <c r="AM499" s="92"/>
      <c r="AN499" s="92"/>
      <c r="AO499" s="92"/>
      <c r="AP499" s="92"/>
      <c r="AQ499" s="92"/>
      <c r="AR499" s="92"/>
      <c r="AS499" s="92"/>
      <c r="AT499" s="92"/>
      <c r="AU499" s="92"/>
      <c r="AV499" s="92"/>
      <c r="AW499" s="92"/>
      <c r="AX499" s="92"/>
      <c r="AY499" s="92"/>
      <c r="AZ499" s="93"/>
      <c r="BA499" s="93"/>
      <c r="BB499" s="93"/>
      <c r="BC499" s="93"/>
      <c r="BD499" s="93"/>
      <c r="BE499" s="93"/>
      <c r="BF499" s="93"/>
      <c r="BG499" s="93"/>
      <c r="BH499" s="93"/>
      <c r="BI499" s="93"/>
      <c r="BJ499" s="93"/>
      <c r="BK499" s="93"/>
      <c r="BL499" s="93"/>
    </row>
    <row r="500" spans="2:64" x14ac:dyDescent="0.2">
      <c r="B500" s="43"/>
      <c r="C500" s="73"/>
      <c r="D500" s="64"/>
      <c r="E500" s="55"/>
      <c r="F500" s="74"/>
      <c r="G500" s="74"/>
      <c r="H500" s="74"/>
      <c r="I500" s="75"/>
      <c r="J500" s="74"/>
      <c r="L500" s="55"/>
      <c r="M500" s="234"/>
      <c r="N500" s="65"/>
      <c r="O500" s="76"/>
      <c r="P500" s="76"/>
      <c r="Q500" s="65"/>
      <c r="R500" s="76"/>
      <c r="S500" s="76"/>
      <c r="T500" s="76"/>
      <c r="U500" s="76"/>
      <c r="V500" s="76"/>
      <c r="W500" s="76"/>
      <c r="X500" s="76"/>
      <c r="Y500" s="76"/>
      <c r="Z500" s="76"/>
      <c r="AA500" s="85"/>
      <c r="AB500" s="85"/>
      <c r="AC500" s="85"/>
      <c r="AD500" s="85"/>
      <c r="AE500" s="85"/>
      <c r="AF500" s="85"/>
      <c r="AG500" s="86"/>
      <c r="AH500" s="85"/>
      <c r="AI500" s="85"/>
      <c r="AJ500" s="85"/>
      <c r="AK500" s="85"/>
      <c r="AL500" s="85"/>
      <c r="AM500" s="92"/>
      <c r="AN500" s="92"/>
      <c r="AO500" s="92"/>
      <c r="AP500" s="92"/>
      <c r="AQ500" s="92"/>
      <c r="AR500" s="92"/>
      <c r="AS500" s="92"/>
      <c r="AT500" s="92"/>
      <c r="AU500" s="92"/>
      <c r="AV500" s="92"/>
      <c r="AW500" s="92"/>
      <c r="AX500" s="92"/>
      <c r="AY500" s="92"/>
      <c r="AZ500" s="93"/>
      <c r="BA500" s="93"/>
      <c r="BB500" s="93"/>
      <c r="BC500" s="93"/>
      <c r="BD500" s="93"/>
      <c r="BE500" s="93"/>
      <c r="BF500" s="93"/>
      <c r="BG500" s="93"/>
      <c r="BH500" s="93"/>
      <c r="BI500" s="93"/>
      <c r="BJ500" s="93"/>
      <c r="BK500" s="93"/>
      <c r="BL500" s="93"/>
    </row>
    <row r="501" spans="2:64" x14ac:dyDescent="0.2">
      <c r="B501" s="43"/>
      <c r="C501" s="73"/>
      <c r="D501" s="64"/>
      <c r="E501" s="55"/>
      <c r="F501" s="74"/>
      <c r="G501" s="74"/>
      <c r="H501" s="74"/>
      <c r="I501" s="75"/>
      <c r="J501" s="74"/>
      <c r="L501" s="55"/>
      <c r="M501" s="234"/>
      <c r="N501" s="65"/>
      <c r="O501" s="76"/>
      <c r="P501" s="76"/>
      <c r="Q501" s="65"/>
      <c r="R501" s="76"/>
      <c r="S501" s="76"/>
      <c r="T501" s="76"/>
      <c r="U501" s="76"/>
      <c r="V501" s="76"/>
      <c r="W501" s="76"/>
      <c r="X501" s="76"/>
      <c r="Y501" s="76"/>
      <c r="Z501" s="76"/>
      <c r="AA501" s="85"/>
      <c r="AB501" s="85"/>
      <c r="AC501" s="85"/>
      <c r="AD501" s="85"/>
      <c r="AE501" s="85"/>
      <c r="AF501" s="85"/>
      <c r="AG501" s="86"/>
      <c r="AH501" s="85"/>
      <c r="AI501" s="85"/>
      <c r="AJ501" s="85"/>
      <c r="AK501" s="85"/>
      <c r="AL501" s="85"/>
      <c r="AM501" s="92"/>
      <c r="AN501" s="92"/>
      <c r="AO501" s="92"/>
      <c r="AP501" s="92"/>
      <c r="AQ501" s="92"/>
      <c r="AR501" s="92"/>
      <c r="AS501" s="92"/>
      <c r="AT501" s="92"/>
      <c r="AU501" s="92"/>
      <c r="AV501" s="92"/>
      <c r="AW501" s="92"/>
      <c r="AX501" s="92"/>
      <c r="AY501" s="92"/>
      <c r="AZ501" s="93"/>
      <c r="BA501" s="93"/>
      <c r="BB501" s="93"/>
      <c r="BC501" s="93"/>
      <c r="BD501" s="93"/>
      <c r="BE501" s="93"/>
      <c r="BF501" s="93"/>
      <c r="BG501" s="93"/>
      <c r="BH501" s="93"/>
      <c r="BI501" s="93"/>
      <c r="BJ501" s="93"/>
      <c r="BK501" s="93"/>
      <c r="BL501" s="93"/>
    </row>
    <row r="502" spans="2:64" x14ac:dyDescent="0.2">
      <c r="B502" s="43"/>
      <c r="C502" s="73"/>
      <c r="D502" s="64"/>
      <c r="E502" s="55"/>
      <c r="F502" s="74"/>
      <c r="G502" s="74"/>
      <c r="H502" s="74"/>
      <c r="I502" s="75"/>
      <c r="J502" s="74"/>
      <c r="L502" s="55"/>
      <c r="M502" s="234"/>
      <c r="N502" s="65"/>
      <c r="O502" s="76"/>
      <c r="P502" s="76"/>
      <c r="Q502" s="65"/>
      <c r="R502" s="76"/>
      <c r="S502" s="76"/>
      <c r="T502" s="76"/>
      <c r="U502" s="76"/>
      <c r="V502" s="76"/>
      <c r="W502" s="76"/>
      <c r="X502" s="76"/>
      <c r="Y502" s="76"/>
      <c r="Z502" s="76"/>
      <c r="AA502" s="85"/>
      <c r="AB502" s="85"/>
      <c r="AC502" s="85"/>
      <c r="AD502" s="85"/>
      <c r="AE502" s="85"/>
      <c r="AF502" s="85"/>
      <c r="AG502" s="86"/>
      <c r="AH502" s="85"/>
      <c r="AI502" s="85"/>
      <c r="AJ502" s="85"/>
      <c r="AK502" s="85"/>
      <c r="AL502" s="85"/>
      <c r="AM502" s="92"/>
      <c r="AN502" s="92"/>
      <c r="AO502" s="92"/>
      <c r="AP502" s="92"/>
      <c r="AQ502" s="92"/>
      <c r="AR502" s="92"/>
      <c r="AS502" s="92"/>
      <c r="AT502" s="92"/>
      <c r="AU502" s="92"/>
      <c r="AV502" s="92"/>
      <c r="AW502" s="92"/>
      <c r="AX502" s="92"/>
      <c r="AY502" s="92"/>
      <c r="AZ502" s="93"/>
      <c r="BA502" s="93"/>
      <c r="BB502" s="93"/>
      <c r="BC502" s="93"/>
      <c r="BD502" s="93"/>
      <c r="BE502" s="93"/>
      <c r="BF502" s="93"/>
      <c r="BG502" s="93"/>
      <c r="BH502" s="93"/>
      <c r="BI502" s="93"/>
      <c r="BJ502" s="93"/>
      <c r="BK502" s="93"/>
      <c r="BL502" s="93"/>
    </row>
    <row r="503" spans="2:64" x14ac:dyDescent="0.2">
      <c r="B503" s="43"/>
      <c r="C503" s="73"/>
      <c r="D503" s="64"/>
      <c r="E503" s="55"/>
      <c r="F503" s="74"/>
      <c r="G503" s="74"/>
      <c r="H503" s="74"/>
      <c r="I503" s="75"/>
      <c r="J503" s="74"/>
      <c r="L503" s="55"/>
      <c r="M503" s="234"/>
      <c r="N503" s="65"/>
      <c r="O503" s="76"/>
      <c r="P503" s="76"/>
      <c r="Q503" s="65"/>
      <c r="R503" s="76"/>
      <c r="S503" s="76"/>
      <c r="T503" s="76"/>
      <c r="U503" s="76"/>
      <c r="V503" s="76"/>
      <c r="W503" s="76"/>
      <c r="X503" s="76"/>
      <c r="Y503" s="76"/>
      <c r="Z503" s="76"/>
      <c r="AA503" s="85"/>
      <c r="AB503" s="85"/>
      <c r="AC503" s="85"/>
      <c r="AD503" s="85"/>
      <c r="AE503" s="85"/>
      <c r="AF503" s="85"/>
      <c r="AG503" s="86"/>
      <c r="AH503" s="85"/>
      <c r="AI503" s="85"/>
      <c r="AJ503" s="85"/>
      <c r="AK503" s="85"/>
      <c r="AL503" s="85"/>
      <c r="AM503" s="92"/>
      <c r="AN503" s="92"/>
      <c r="AO503" s="92"/>
      <c r="AP503" s="92"/>
      <c r="AQ503" s="92"/>
      <c r="AR503" s="92"/>
      <c r="AS503" s="92"/>
      <c r="AT503" s="92"/>
      <c r="AU503" s="92"/>
      <c r="AV503" s="92"/>
      <c r="AW503" s="92"/>
      <c r="AX503" s="92"/>
      <c r="AY503" s="92"/>
      <c r="AZ503" s="93"/>
      <c r="BA503" s="93"/>
      <c r="BB503" s="93"/>
      <c r="BC503" s="93"/>
      <c r="BD503" s="93"/>
      <c r="BE503" s="93"/>
      <c r="BF503" s="93"/>
      <c r="BG503" s="93"/>
      <c r="BH503" s="93"/>
      <c r="BI503" s="93"/>
      <c r="BJ503" s="93"/>
      <c r="BK503" s="93"/>
      <c r="BL503" s="93"/>
    </row>
    <row r="504" spans="2:64" x14ac:dyDescent="0.2">
      <c r="B504" s="43"/>
      <c r="C504" s="73"/>
      <c r="D504" s="64"/>
      <c r="E504" s="55"/>
      <c r="F504" s="74"/>
      <c r="G504" s="74"/>
      <c r="H504" s="74"/>
      <c r="I504" s="75"/>
      <c r="J504" s="74"/>
      <c r="L504" s="55"/>
      <c r="M504" s="234"/>
      <c r="N504" s="65"/>
      <c r="O504" s="76"/>
      <c r="P504" s="76"/>
      <c r="Q504" s="65"/>
      <c r="R504" s="76"/>
      <c r="S504" s="76"/>
      <c r="T504" s="76"/>
      <c r="U504" s="76"/>
      <c r="V504" s="76"/>
      <c r="W504" s="76"/>
      <c r="X504" s="76"/>
      <c r="Y504" s="76"/>
      <c r="Z504" s="76"/>
      <c r="AA504" s="85"/>
      <c r="AB504" s="85"/>
      <c r="AC504" s="85"/>
      <c r="AD504" s="85"/>
      <c r="AE504" s="85"/>
      <c r="AF504" s="85"/>
      <c r="AG504" s="86"/>
      <c r="AH504" s="85"/>
      <c r="AI504" s="85"/>
      <c r="AJ504" s="85"/>
      <c r="AK504" s="85"/>
      <c r="AL504" s="85"/>
      <c r="AM504" s="92"/>
      <c r="AN504" s="92"/>
      <c r="AO504" s="92"/>
      <c r="AP504" s="92"/>
      <c r="AQ504" s="92"/>
      <c r="AR504" s="92"/>
      <c r="AS504" s="92"/>
      <c r="AT504" s="92"/>
      <c r="AU504" s="92"/>
      <c r="AV504" s="92"/>
      <c r="AW504" s="92"/>
      <c r="AX504" s="92"/>
      <c r="AY504" s="92"/>
      <c r="AZ504" s="93"/>
      <c r="BA504" s="93"/>
      <c r="BB504" s="93"/>
      <c r="BC504" s="93"/>
      <c r="BD504" s="93"/>
      <c r="BE504" s="93"/>
      <c r="BF504" s="93"/>
      <c r="BG504" s="93"/>
      <c r="BH504" s="93"/>
      <c r="BI504" s="93"/>
      <c r="BJ504" s="93"/>
      <c r="BK504" s="93"/>
      <c r="BL504" s="93"/>
    </row>
    <row r="505" spans="2:64" x14ac:dyDescent="0.2">
      <c r="B505" s="43"/>
      <c r="C505" s="73"/>
      <c r="D505" s="64"/>
      <c r="E505" s="55"/>
      <c r="F505" s="74"/>
      <c r="G505" s="74"/>
      <c r="H505" s="74"/>
      <c r="I505" s="75"/>
      <c r="J505" s="74"/>
      <c r="L505" s="55"/>
      <c r="M505" s="234"/>
      <c r="N505" s="65"/>
      <c r="O505" s="76"/>
      <c r="P505" s="76"/>
      <c r="Q505" s="65"/>
      <c r="R505" s="76"/>
      <c r="S505" s="76"/>
      <c r="T505" s="76"/>
      <c r="U505" s="76"/>
      <c r="V505" s="76"/>
      <c r="W505" s="76"/>
      <c r="X505" s="76"/>
      <c r="Y505" s="76"/>
      <c r="Z505" s="76"/>
      <c r="AA505" s="85"/>
      <c r="AB505" s="85"/>
      <c r="AC505" s="85"/>
      <c r="AD505" s="85"/>
      <c r="AE505" s="85"/>
      <c r="AF505" s="85"/>
      <c r="AG505" s="86"/>
      <c r="AH505" s="85"/>
      <c r="AI505" s="85"/>
      <c r="AJ505" s="85"/>
      <c r="AK505" s="85"/>
      <c r="AL505" s="85"/>
      <c r="AM505" s="92"/>
      <c r="AN505" s="92"/>
      <c r="AO505" s="92"/>
      <c r="AP505" s="92"/>
      <c r="AQ505" s="92"/>
      <c r="AR505" s="92"/>
      <c r="AS505" s="92"/>
      <c r="AT505" s="92"/>
      <c r="AU505" s="92"/>
      <c r="AV505" s="92"/>
      <c r="AW505" s="92"/>
      <c r="AX505" s="92"/>
      <c r="AY505" s="92"/>
      <c r="AZ505" s="93"/>
      <c r="BA505" s="93"/>
      <c r="BB505" s="93"/>
      <c r="BC505" s="93"/>
      <c r="BD505" s="93"/>
      <c r="BE505" s="93"/>
      <c r="BF505" s="93"/>
      <c r="BG505" s="93"/>
      <c r="BH505" s="93"/>
      <c r="BI505" s="93"/>
      <c r="BJ505" s="93"/>
      <c r="BK505" s="93"/>
      <c r="BL505" s="93"/>
    </row>
    <row r="506" spans="2:64" x14ac:dyDescent="0.2">
      <c r="B506" s="43"/>
      <c r="C506" s="73"/>
      <c r="D506" s="64"/>
      <c r="E506" s="55"/>
      <c r="F506" s="74"/>
      <c r="G506" s="74"/>
      <c r="H506" s="74"/>
      <c r="I506" s="75"/>
      <c r="J506" s="74"/>
      <c r="L506" s="55"/>
      <c r="M506" s="234"/>
      <c r="N506" s="65"/>
      <c r="O506" s="76"/>
      <c r="P506" s="76"/>
      <c r="Q506" s="65"/>
      <c r="R506" s="76"/>
      <c r="S506" s="76"/>
      <c r="T506" s="76"/>
      <c r="U506" s="76"/>
      <c r="V506" s="76"/>
      <c r="W506" s="76"/>
      <c r="X506" s="76"/>
      <c r="Y506" s="76"/>
      <c r="Z506" s="76"/>
      <c r="AA506" s="85"/>
      <c r="AB506" s="85"/>
      <c r="AC506" s="85"/>
      <c r="AD506" s="85"/>
      <c r="AE506" s="85"/>
      <c r="AF506" s="85"/>
      <c r="AG506" s="86"/>
      <c r="AH506" s="85"/>
      <c r="AI506" s="85"/>
      <c r="AJ506" s="85"/>
      <c r="AK506" s="85"/>
      <c r="AL506" s="85"/>
      <c r="AM506" s="92"/>
      <c r="AN506" s="92"/>
      <c r="AO506" s="92"/>
      <c r="AP506" s="92"/>
      <c r="AQ506" s="92"/>
      <c r="AR506" s="92"/>
      <c r="AS506" s="92"/>
      <c r="AT506" s="92"/>
      <c r="AU506" s="92"/>
      <c r="AV506" s="92"/>
      <c r="AW506" s="92"/>
      <c r="AX506" s="92"/>
      <c r="AY506" s="92"/>
      <c r="AZ506" s="93"/>
      <c r="BA506" s="93"/>
      <c r="BB506" s="93"/>
      <c r="BC506" s="93"/>
      <c r="BD506" s="93"/>
      <c r="BE506" s="93"/>
      <c r="BF506" s="93"/>
      <c r="BG506" s="93"/>
      <c r="BH506" s="93"/>
      <c r="BI506" s="93"/>
      <c r="BJ506" s="93"/>
      <c r="BK506" s="93"/>
      <c r="BL506" s="93"/>
    </row>
    <row r="507" spans="2:64" x14ac:dyDescent="0.2">
      <c r="B507" s="43"/>
      <c r="C507" s="73"/>
      <c r="D507" s="64"/>
      <c r="E507" s="55"/>
      <c r="F507" s="74"/>
      <c r="G507" s="74"/>
      <c r="H507" s="74"/>
      <c r="I507" s="75"/>
      <c r="J507" s="74"/>
      <c r="L507" s="55"/>
      <c r="M507" s="234"/>
      <c r="N507" s="65"/>
      <c r="O507" s="76"/>
      <c r="P507" s="76"/>
      <c r="Q507" s="65"/>
      <c r="R507" s="76"/>
      <c r="S507" s="76"/>
      <c r="T507" s="76"/>
      <c r="U507" s="76"/>
      <c r="V507" s="76"/>
      <c r="W507" s="76"/>
      <c r="X507" s="76"/>
      <c r="Y507" s="76"/>
      <c r="Z507" s="76"/>
      <c r="AA507" s="85"/>
      <c r="AB507" s="85"/>
      <c r="AC507" s="85"/>
      <c r="AD507" s="85"/>
      <c r="AE507" s="85"/>
      <c r="AF507" s="85"/>
      <c r="AG507" s="86"/>
      <c r="AH507" s="85"/>
      <c r="AI507" s="85"/>
      <c r="AJ507" s="85"/>
      <c r="AK507" s="85"/>
      <c r="AL507" s="85"/>
      <c r="AM507" s="92"/>
      <c r="AN507" s="92"/>
      <c r="AO507" s="92"/>
      <c r="AP507" s="92"/>
      <c r="AQ507" s="92"/>
      <c r="AR507" s="92"/>
      <c r="AS507" s="92"/>
      <c r="AT507" s="92"/>
      <c r="AU507" s="92"/>
      <c r="AV507" s="92"/>
      <c r="AW507" s="92"/>
      <c r="AX507" s="92"/>
      <c r="AY507" s="92"/>
      <c r="AZ507" s="93"/>
      <c r="BA507" s="93"/>
      <c r="BB507" s="93"/>
      <c r="BC507" s="93"/>
      <c r="BD507" s="93"/>
      <c r="BE507" s="93"/>
      <c r="BF507" s="93"/>
      <c r="BG507" s="93"/>
      <c r="BH507" s="93"/>
      <c r="BI507" s="93"/>
      <c r="BJ507" s="93"/>
      <c r="BK507" s="93"/>
      <c r="BL507" s="93"/>
    </row>
    <row r="508" spans="2:64" x14ac:dyDescent="0.2">
      <c r="B508" s="43"/>
      <c r="C508" s="73"/>
      <c r="D508" s="64"/>
      <c r="E508" s="55"/>
      <c r="F508" s="74"/>
      <c r="G508" s="74"/>
      <c r="H508" s="74"/>
      <c r="I508" s="75"/>
      <c r="J508" s="74"/>
      <c r="L508" s="55"/>
      <c r="M508" s="234"/>
      <c r="N508" s="65"/>
      <c r="O508" s="76"/>
      <c r="P508" s="76"/>
      <c r="Q508" s="65"/>
      <c r="R508" s="76"/>
      <c r="S508" s="76"/>
      <c r="T508" s="76"/>
      <c r="U508" s="76"/>
      <c r="V508" s="76"/>
      <c r="W508" s="76"/>
      <c r="X508" s="76"/>
      <c r="Y508" s="76"/>
      <c r="Z508" s="76"/>
      <c r="AA508" s="85"/>
      <c r="AB508" s="85"/>
      <c r="AC508" s="85"/>
      <c r="AD508" s="85"/>
      <c r="AE508" s="85"/>
      <c r="AF508" s="85"/>
      <c r="AG508" s="86"/>
      <c r="AH508" s="85"/>
      <c r="AI508" s="85"/>
      <c r="AJ508" s="85"/>
      <c r="AK508" s="85"/>
      <c r="AL508" s="85"/>
      <c r="AM508" s="92"/>
      <c r="AN508" s="92"/>
      <c r="AO508" s="92"/>
      <c r="AP508" s="92"/>
      <c r="AQ508" s="92"/>
      <c r="AR508" s="92"/>
      <c r="AS508" s="92"/>
      <c r="AT508" s="92"/>
      <c r="AU508" s="92"/>
      <c r="AV508" s="92"/>
      <c r="AW508" s="92"/>
      <c r="AX508" s="92"/>
      <c r="AY508" s="92"/>
      <c r="AZ508" s="93"/>
      <c r="BA508" s="93"/>
      <c r="BB508" s="93"/>
      <c r="BC508" s="93"/>
      <c r="BD508" s="93"/>
      <c r="BE508" s="93"/>
      <c r="BF508" s="93"/>
      <c r="BG508" s="93"/>
      <c r="BH508" s="93"/>
      <c r="BI508" s="93"/>
      <c r="BJ508" s="93"/>
      <c r="BK508" s="93"/>
      <c r="BL508" s="93"/>
    </row>
    <row r="509" spans="2:64" x14ac:dyDescent="0.2">
      <c r="B509" s="43"/>
      <c r="C509" s="73"/>
      <c r="D509" s="64"/>
      <c r="E509" s="55"/>
      <c r="F509" s="74"/>
      <c r="G509" s="74"/>
      <c r="H509" s="74"/>
      <c r="I509" s="75"/>
      <c r="J509" s="74"/>
      <c r="L509" s="55"/>
      <c r="M509" s="234"/>
      <c r="N509" s="65"/>
      <c r="O509" s="76"/>
      <c r="P509" s="76"/>
      <c r="Q509" s="65"/>
      <c r="R509" s="76"/>
      <c r="S509" s="76"/>
      <c r="T509" s="76"/>
      <c r="U509" s="76"/>
      <c r="V509" s="76"/>
      <c r="W509" s="76"/>
      <c r="X509" s="76"/>
      <c r="Y509" s="76"/>
      <c r="Z509" s="76"/>
      <c r="AA509" s="85"/>
      <c r="AB509" s="85"/>
      <c r="AC509" s="85"/>
      <c r="AD509" s="85"/>
      <c r="AE509" s="85"/>
      <c r="AF509" s="85"/>
      <c r="AG509" s="86"/>
      <c r="AH509" s="85"/>
      <c r="AI509" s="85"/>
      <c r="AJ509" s="85"/>
      <c r="AK509" s="85"/>
      <c r="AL509" s="85"/>
      <c r="AM509" s="92"/>
      <c r="AN509" s="92"/>
      <c r="AO509" s="92"/>
      <c r="AP509" s="92"/>
      <c r="AQ509" s="92"/>
      <c r="AR509" s="92"/>
      <c r="AS509" s="92"/>
      <c r="AT509" s="92"/>
      <c r="AU509" s="92"/>
      <c r="AV509" s="92"/>
      <c r="AW509" s="92"/>
      <c r="AX509" s="92"/>
      <c r="AY509" s="92"/>
      <c r="AZ509" s="93"/>
      <c r="BA509" s="93"/>
      <c r="BB509" s="93"/>
      <c r="BC509" s="93"/>
      <c r="BD509" s="93"/>
      <c r="BE509" s="93"/>
      <c r="BF509" s="93"/>
      <c r="BG509" s="93"/>
      <c r="BH509" s="93"/>
      <c r="BI509" s="93"/>
      <c r="BJ509" s="93"/>
      <c r="BK509" s="93"/>
      <c r="BL509" s="93"/>
    </row>
    <row r="510" spans="2:64" x14ac:dyDescent="0.2">
      <c r="B510" s="43"/>
      <c r="C510" s="73"/>
      <c r="D510" s="64"/>
      <c r="E510" s="55"/>
      <c r="F510" s="74"/>
      <c r="G510" s="74"/>
      <c r="H510" s="74"/>
      <c r="I510" s="75"/>
      <c r="J510" s="74"/>
      <c r="L510" s="55"/>
      <c r="M510" s="234"/>
      <c r="N510" s="65"/>
      <c r="O510" s="76"/>
      <c r="P510" s="76"/>
      <c r="Q510" s="65"/>
      <c r="R510" s="76"/>
      <c r="S510" s="76"/>
      <c r="T510" s="76"/>
      <c r="U510" s="76"/>
      <c r="V510" s="76"/>
      <c r="W510" s="76"/>
      <c r="X510" s="76"/>
      <c r="Y510" s="76"/>
      <c r="Z510" s="76"/>
      <c r="AA510" s="85"/>
      <c r="AB510" s="85"/>
      <c r="AC510" s="85"/>
      <c r="AD510" s="85"/>
      <c r="AE510" s="85"/>
      <c r="AF510" s="85"/>
      <c r="AG510" s="86"/>
      <c r="AH510" s="85"/>
      <c r="AI510" s="85"/>
      <c r="AJ510" s="85"/>
      <c r="AK510" s="85"/>
      <c r="AL510" s="85"/>
      <c r="AM510" s="92"/>
      <c r="AN510" s="92"/>
      <c r="AO510" s="92"/>
      <c r="AP510" s="92"/>
      <c r="AQ510" s="92"/>
      <c r="AR510" s="92"/>
      <c r="AS510" s="92"/>
      <c r="AT510" s="92"/>
      <c r="AU510" s="92"/>
      <c r="AV510" s="92"/>
      <c r="AW510" s="92"/>
      <c r="AX510" s="92"/>
      <c r="AY510" s="92"/>
      <c r="AZ510" s="93"/>
      <c r="BA510" s="93"/>
      <c r="BB510" s="93"/>
      <c r="BC510" s="93"/>
      <c r="BD510" s="93"/>
      <c r="BE510" s="93"/>
      <c r="BF510" s="93"/>
      <c r="BG510" s="93"/>
      <c r="BH510" s="93"/>
      <c r="BI510" s="93"/>
      <c r="BJ510" s="93"/>
      <c r="BK510" s="93"/>
      <c r="BL510" s="93"/>
    </row>
    <row r="511" spans="2:64" x14ac:dyDescent="0.2">
      <c r="B511" s="43"/>
      <c r="C511" s="73"/>
      <c r="D511" s="64"/>
      <c r="E511" s="55"/>
      <c r="F511" s="74"/>
      <c r="G511" s="74"/>
      <c r="H511" s="74"/>
      <c r="I511" s="75"/>
      <c r="J511" s="74"/>
      <c r="L511" s="55"/>
      <c r="M511" s="234"/>
      <c r="N511" s="65"/>
      <c r="O511" s="76"/>
      <c r="P511" s="76"/>
      <c r="Q511" s="65"/>
      <c r="R511" s="76"/>
      <c r="S511" s="76"/>
      <c r="T511" s="76"/>
      <c r="U511" s="76"/>
      <c r="V511" s="76"/>
      <c r="W511" s="76"/>
      <c r="X511" s="76"/>
      <c r="Y511" s="76"/>
      <c r="Z511" s="76"/>
      <c r="AA511" s="85"/>
      <c r="AB511" s="85"/>
      <c r="AC511" s="85"/>
      <c r="AD511" s="85"/>
      <c r="AE511" s="85"/>
      <c r="AF511" s="85"/>
      <c r="AG511" s="86"/>
      <c r="AH511" s="85"/>
      <c r="AI511" s="85"/>
      <c r="AJ511" s="85"/>
      <c r="AK511" s="85"/>
      <c r="AL511" s="85"/>
      <c r="AM511" s="92"/>
      <c r="AN511" s="92"/>
      <c r="AO511" s="92"/>
      <c r="AP511" s="92"/>
      <c r="AQ511" s="92"/>
      <c r="AR511" s="92"/>
      <c r="AS511" s="92"/>
      <c r="AT511" s="92"/>
      <c r="AU511" s="92"/>
      <c r="AV511" s="92"/>
      <c r="AW511" s="92"/>
      <c r="AX511" s="92"/>
      <c r="AY511" s="92"/>
      <c r="AZ511" s="93"/>
      <c r="BA511" s="93"/>
      <c r="BB511" s="93"/>
      <c r="BC511" s="93"/>
      <c r="BD511" s="93"/>
      <c r="BE511" s="93"/>
      <c r="BF511" s="93"/>
      <c r="BG511" s="93"/>
      <c r="BH511" s="93"/>
      <c r="BI511" s="93"/>
      <c r="BJ511" s="93"/>
      <c r="BK511" s="93"/>
      <c r="BL511" s="93"/>
    </row>
    <row r="512" spans="2:64" x14ac:dyDescent="0.2">
      <c r="B512" s="43"/>
      <c r="C512" s="73"/>
      <c r="D512" s="64"/>
      <c r="E512" s="55"/>
      <c r="F512" s="74"/>
      <c r="G512" s="74"/>
      <c r="H512" s="74"/>
      <c r="I512" s="75"/>
      <c r="J512" s="74"/>
      <c r="L512" s="55"/>
      <c r="M512" s="234"/>
      <c r="N512" s="65"/>
      <c r="O512" s="76"/>
      <c r="P512" s="76"/>
      <c r="Q512" s="65"/>
      <c r="R512" s="76"/>
      <c r="S512" s="76"/>
      <c r="T512" s="76"/>
      <c r="U512" s="76"/>
      <c r="V512" s="76"/>
      <c r="W512" s="76"/>
      <c r="X512" s="76"/>
      <c r="Y512" s="76"/>
      <c r="Z512" s="76"/>
      <c r="AA512" s="85"/>
      <c r="AB512" s="85"/>
      <c r="AC512" s="85"/>
      <c r="AD512" s="85"/>
      <c r="AE512" s="85"/>
      <c r="AF512" s="85"/>
      <c r="AG512" s="86"/>
      <c r="AH512" s="85"/>
      <c r="AI512" s="85"/>
      <c r="AJ512" s="85"/>
      <c r="AK512" s="85"/>
      <c r="AL512" s="85"/>
      <c r="AM512" s="92"/>
      <c r="AN512" s="92"/>
      <c r="AO512" s="92"/>
      <c r="AP512" s="92"/>
      <c r="AQ512" s="92"/>
      <c r="AR512" s="92"/>
      <c r="AS512" s="92"/>
      <c r="AT512" s="92"/>
      <c r="AU512" s="92"/>
      <c r="AV512" s="92"/>
      <c r="AW512" s="92"/>
      <c r="AX512" s="92"/>
      <c r="AY512" s="92"/>
      <c r="AZ512" s="93"/>
      <c r="BA512" s="93"/>
      <c r="BB512" s="93"/>
      <c r="BC512" s="93"/>
      <c r="BD512" s="93"/>
      <c r="BE512" s="93"/>
      <c r="BF512" s="93"/>
      <c r="BG512" s="93"/>
      <c r="BH512" s="93"/>
      <c r="BI512" s="93"/>
      <c r="BJ512" s="93"/>
      <c r="BK512" s="93"/>
      <c r="BL512" s="93"/>
    </row>
    <row r="513" spans="2:64" x14ac:dyDescent="0.2">
      <c r="B513" s="43"/>
      <c r="C513" s="73"/>
      <c r="D513" s="64"/>
      <c r="E513" s="55"/>
      <c r="F513" s="74"/>
      <c r="G513" s="74"/>
      <c r="H513" s="74"/>
      <c r="I513" s="75"/>
      <c r="J513" s="74"/>
      <c r="L513" s="55"/>
      <c r="M513" s="234"/>
      <c r="N513" s="65"/>
      <c r="O513" s="76"/>
      <c r="P513" s="76"/>
      <c r="Q513" s="65"/>
      <c r="R513" s="76"/>
      <c r="S513" s="76"/>
      <c r="T513" s="76"/>
      <c r="U513" s="76"/>
      <c r="V513" s="76"/>
      <c r="W513" s="76"/>
      <c r="X513" s="76"/>
      <c r="Y513" s="76"/>
      <c r="Z513" s="76"/>
      <c r="AA513" s="85"/>
      <c r="AB513" s="85"/>
      <c r="AC513" s="85"/>
      <c r="AD513" s="85"/>
      <c r="AE513" s="85"/>
      <c r="AF513" s="85"/>
      <c r="AG513" s="86"/>
      <c r="AH513" s="85"/>
      <c r="AI513" s="85"/>
      <c r="AJ513" s="85"/>
      <c r="AK513" s="85"/>
      <c r="AL513" s="85"/>
      <c r="AM513" s="92"/>
      <c r="AN513" s="92"/>
      <c r="AO513" s="92"/>
      <c r="AP513" s="92"/>
      <c r="AQ513" s="92"/>
      <c r="AR513" s="92"/>
      <c r="AS513" s="92"/>
      <c r="AT513" s="92"/>
      <c r="AU513" s="92"/>
      <c r="AV513" s="92"/>
      <c r="AW513" s="92"/>
      <c r="AX513" s="92"/>
      <c r="AY513" s="92"/>
      <c r="AZ513" s="93"/>
      <c r="BA513" s="93"/>
      <c r="BB513" s="93"/>
      <c r="BC513" s="93"/>
      <c r="BD513" s="93"/>
      <c r="BE513" s="93"/>
      <c r="BF513" s="93"/>
      <c r="BG513" s="93"/>
      <c r="BH513" s="93"/>
      <c r="BI513" s="93"/>
      <c r="BJ513" s="93"/>
      <c r="BK513" s="93"/>
      <c r="BL513" s="93"/>
    </row>
    <row r="514" spans="2:64" x14ac:dyDescent="0.2">
      <c r="B514" s="43"/>
      <c r="C514" s="73"/>
      <c r="D514" s="64"/>
      <c r="E514" s="55"/>
      <c r="F514" s="74"/>
      <c r="G514" s="74"/>
      <c r="H514" s="74"/>
      <c r="I514" s="75"/>
      <c r="J514" s="74"/>
      <c r="L514" s="55"/>
      <c r="M514" s="234"/>
      <c r="N514" s="65"/>
      <c r="O514" s="76"/>
      <c r="P514" s="76"/>
      <c r="Q514" s="65"/>
      <c r="R514" s="76"/>
      <c r="S514" s="76"/>
      <c r="T514" s="76"/>
      <c r="U514" s="76"/>
      <c r="V514" s="76"/>
      <c r="W514" s="76"/>
      <c r="X514" s="76"/>
      <c r="Y514" s="76"/>
      <c r="Z514" s="76"/>
      <c r="AA514" s="85"/>
      <c r="AB514" s="85"/>
      <c r="AC514" s="85"/>
      <c r="AD514" s="85"/>
      <c r="AE514" s="85"/>
      <c r="AF514" s="85"/>
      <c r="AG514" s="86"/>
      <c r="AH514" s="85"/>
      <c r="AI514" s="85"/>
      <c r="AJ514" s="85"/>
      <c r="AK514" s="85"/>
      <c r="AL514" s="85"/>
      <c r="AM514" s="92"/>
      <c r="AN514" s="92"/>
      <c r="AO514" s="92"/>
      <c r="AP514" s="92"/>
      <c r="AQ514" s="92"/>
      <c r="AR514" s="92"/>
      <c r="AS514" s="92"/>
      <c r="AT514" s="92"/>
      <c r="AU514" s="92"/>
      <c r="AV514" s="92"/>
      <c r="AW514" s="92"/>
      <c r="AX514" s="92"/>
      <c r="AY514" s="92"/>
      <c r="AZ514" s="93"/>
      <c r="BA514" s="93"/>
      <c r="BB514" s="93"/>
      <c r="BC514" s="93"/>
      <c r="BD514" s="93"/>
      <c r="BE514" s="93"/>
      <c r="BF514" s="93"/>
      <c r="BG514" s="93"/>
      <c r="BH514" s="93"/>
      <c r="BI514" s="93"/>
      <c r="BJ514" s="93"/>
      <c r="BK514" s="93"/>
      <c r="BL514" s="93"/>
    </row>
    <row r="515" spans="2:64" x14ac:dyDescent="0.2">
      <c r="B515" s="43"/>
      <c r="C515" s="73"/>
      <c r="D515" s="64"/>
      <c r="E515" s="55"/>
      <c r="F515" s="74"/>
      <c r="G515" s="74"/>
      <c r="H515" s="74"/>
      <c r="I515" s="75"/>
      <c r="J515" s="74"/>
      <c r="L515" s="55"/>
      <c r="M515" s="234"/>
      <c r="N515" s="65"/>
      <c r="O515" s="76"/>
      <c r="P515" s="76"/>
      <c r="Q515" s="65"/>
      <c r="R515" s="76"/>
      <c r="S515" s="76"/>
      <c r="T515" s="76"/>
      <c r="U515" s="76"/>
      <c r="V515" s="76"/>
      <c r="W515" s="76"/>
      <c r="X515" s="76"/>
      <c r="Y515" s="76"/>
      <c r="Z515" s="76"/>
      <c r="AA515" s="85"/>
      <c r="AB515" s="85"/>
      <c r="AC515" s="85"/>
      <c r="AD515" s="85"/>
      <c r="AE515" s="85"/>
      <c r="AF515" s="85"/>
      <c r="AG515" s="86"/>
      <c r="AH515" s="85"/>
      <c r="AI515" s="85"/>
      <c r="AJ515" s="85"/>
      <c r="AK515" s="85"/>
      <c r="AL515" s="85"/>
      <c r="AM515" s="92"/>
      <c r="AN515" s="92"/>
      <c r="AO515" s="92"/>
      <c r="AP515" s="92"/>
      <c r="AQ515" s="92"/>
      <c r="AR515" s="92"/>
      <c r="AS515" s="92"/>
      <c r="AT515" s="92"/>
      <c r="AU515" s="92"/>
      <c r="AV515" s="92"/>
      <c r="AW515" s="92"/>
      <c r="AX515" s="92"/>
      <c r="AY515" s="92"/>
      <c r="AZ515" s="93"/>
      <c r="BA515" s="93"/>
      <c r="BB515" s="93"/>
      <c r="BC515" s="93"/>
      <c r="BD515" s="93"/>
      <c r="BE515" s="93"/>
      <c r="BF515" s="93"/>
      <c r="BG515" s="93"/>
      <c r="BH515" s="93"/>
      <c r="BI515" s="93"/>
      <c r="BJ515" s="93"/>
      <c r="BK515" s="93"/>
      <c r="BL515" s="93"/>
    </row>
    <row r="516" spans="2:64" x14ac:dyDescent="0.2">
      <c r="B516" s="43"/>
      <c r="C516" s="73"/>
      <c r="D516" s="64"/>
      <c r="E516" s="55"/>
      <c r="F516" s="74"/>
      <c r="G516" s="74"/>
      <c r="H516" s="74"/>
      <c r="I516" s="75"/>
      <c r="J516" s="74"/>
      <c r="L516" s="55"/>
      <c r="M516" s="234"/>
      <c r="N516" s="65"/>
      <c r="O516" s="76"/>
      <c r="P516" s="76"/>
      <c r="Q516" s="65"/>
      <c r="R516" s="76"/>
      <c r="S516" s="76"/>
      <c r="T516" s="76"/>
      <c r="U516" s="76"/>
      <c r="V516" s="76"/>
      <c r="W516" s="76"/>
      <c r="X516" s="76"/>
      <c r="Y516" s="76"/>
      <c r="Z516" s="76"/>
      <c r="AA516" s="85"/>
      <c r="AB516" s="85"/>
      <c r="AC516" s="85"/>
      <c r="AD516" s="85"/>
      <c r="AE516" s="85"/>
      <c r="AF516" s="85"/>
      <c r="AG516" s="86"/>
      <c r="AH516" s="85"/>
      <c r="AI516" s="85"/>
      <c r="AJ516" s="85"/>
      <c r="AK516" s="85"/>
      <c r="AL516" s="85"/>
      <c r="AM516" s="92"/>
      <c r="AN516" s="92"/>
      <c r="AO516" s="92"/>
      <c r="AP516" s="92"/>
      <c r="AQ516" s="92"/>
      <c r="AR516" s="92"/>
      <c r="AS516" s="92"/>
      <c r="AT516" s="92"/>
      <c r="AU516" s="92"/>
      <c r="AV516" s="92"/>
      <c r="AW516" s="92"/>
      <c r="AX516" s="92"/>
      <c r="AY516" s="92"/>
      <c r="AZ516" s="93"/>
      <c r="BA516" s="93"/>
      <c r="BB516" s="93"/>
      <c r="BC516" s="93"/>
      <c r="BD516" s="93"/>
      <c r="BE516" s="93"/>
      <c r="BF516" s="93"/>
      <c r="BG516" s="93"/>
      <c r="BH516" s="93"/>
      <c r="BI516" s="93"/>
      <c r="BJ516" s="93"/>
      <c r="BK516" s="93"/>
      <c r="BL516" s="93"/>
    </row>
    <row r="517" spans="2:64" x14ac:dyDescent="0.2">
      <c r="B517" s="43"/>
      <c r="C517" s="73"/>
      <c r="D517" s="64"/>
      <c r="E517" s="55"/>
      <c r="F517" s="74"/>
      <c r="G517" s="74"/>
      <c r="H517" s="74"/>
      <c r="I517" s="75"/>
      <c r="J517" s="74"/>
      <c r="L517" s="55"/>
      <c r="M517" s="234"/>
      <c r="N517" s="65"/>
      <c r="O517" s="76"/>
      <c r="P517" s="76"/>
      <c r="Q517" s="65"/>
      <c r="R517" s="76"/>
      <c r="S517" s="76"/>
      <c r="T517" s="76"/>
      <c r="U517" s="76"/>
      <c r="V517" s="76"/>
      <c r="W517" s="76"/>
      <c r="X517" s="76"/>
      <c r="Y517" s="76"/>
      <c r="Z517" s="76"/>
      <c r="AA517" s="85"/>
      <c r="AB517" s="85"/>
      <c r="AC517" s="85"/>
      <c r="AD517" s="85"/>
      <c r="AE517" s="85"/>
      <c r="AF517" s="85"/>
      <c r="AG517" s="86"/>
      <c r="AH517" s="85"/>
      <c r="AI517" s="85"/>
      <c r="AJ517" s="85"/>
      <c r="AK517" s="85"/>
      <c r="AL517" s="85"/>
      <c r="AM517" s="92"/>
      <c r="AN517" s="92"/>
      <c r="AO517" s="92"/>
      <c r="AP517" s="92"/>
      <c r="AQ517" s="92"/>
      <c r="AR517" s="92"/>
      <c r="AS517" s="92"/>
      <c r="AT517" s="92"/>
      <c r="AU517" s="92"/>
      <c r="AV517" s="92"/>
      <c r="AW517" s="92"/>
      <c r="AX517" s="92"/>
      <c r="AY517" s="92"/>
      <c r="AZ517" s="93"/>
      <c r="BA517" s="93"/>
      <c r="BB517" s="93"/>
      <c r="BC517" s="93"/>
      <c r="BD517" s="93"/>
      <c r="BE517" s="93"/>
      <c r="BF517" s="93"/>
      <c r="BG517" s="93"/>
      <c r="BH517" s="93"/>
      <c r="BI517" s="93"/>
      <c r="BJ517" s="93"/>
      <c r="BK517" s="93"/>
      <c r="BL517" s="93"/>
    </row>
    <row r="518" spans="2:64" x14ac:dyDescent="0.2">
      <c r="B518" s="43"/>
      <c r="C518" s="73"/>
      <c r="D518" s="64"/>
      <c r="E518" s="55"/>
      <c r="F518" s="74"/>
      <c r="G518" s="74"/>
      <c r="H518" s="74"/>
      <c r="I518" s="75"/>
      <c r="J518" s="74"/>
      <c r="L518" s="55"/>
      <c r="M518" s="234"/>
      <c r="N518" s="65"/>
      <c r="O518" s="76"/>
      <c r="P518" s="76"/>
      <c r="Q518" s="65"/>
      <c r="R518" s="76"/>
      <c r="S518" s="76"/>
      <c r="T518" s="76"/>
      <c r="U518" s="76"/>
      <c r="V518" s="76"/>
      <c r="W518" s="76"/>
      <c r="X518" s="76"/>
      <c r="Y518" s="76"/>
      <c r="Z518" s="76"/>
      <c r="AA518" s="85"/>
      <c r="AB518" s="85"/>
      <c r="AC518" s="85"/>
      <c r="AD518" s="85"/>
      <c r="AE518" s="85"/>
      <c r="AF518" s="85"/>
      <c r="AG518" s="86"/>
      <c r="AH518" s="85"/>
      <c r="AI518" s="85"/>
      <c r="AJ518" s="85"/>
      <c r="AK518" s="85"/>
      <c r="AL518" s="85"/>
      <c r="AM518" s="92"/>
      <c r="AN518" s="92"/>
      <c r="AO518" s="92"/>
      <c r="AP518" s="92"/>
      <c r="AQ518" s="92"/>
      <c r="AR518" s="92"/>
      <c r="AS518" s="92"/>
      <c r="AT518" s="92"/>
      <c r="AU518" s="92"/>
      <c r="AV518" s="92"/>
      <c r="AW518" s="92"/>
      <c r="AX518" s="92"/>
      <c r="AY518" s="92"/>
      <c r="AZ518" s="93"/>
      <c r="BA518" s="93"/>
      <c r="BB518" s="93"/>
      <c r="BC518" s="93"/>
      <c r="BD518" s="93"/>
      <c r="BE518" s="93"/>
      <c r="BF518" s="93"/>
      <c r="BG518" s="93"/>
      <c r="BH518" s="93"/>
      <c r="BI518" s="93"/>
      <c r="BJ518" s="93"/>
      <c r="BK518" s="93"/>
      <c r="BL518" s="93"/>
    </row>
    <row r="519" spans="2:64" x14ac:dyDescent="0.2">
      <c r="B519" s="43"/>
      <c r="C519" s="73"/>
      <c r="D519" s="64"/>
      <c r="E519" s="55"/>
      <c r="F519" s="74"/>
      <c r="G519" s="74"/>
      <c r="H519" s="74"/>
      <c r="I519" s="75"/>
      <c r="J519" s="74"/>
      <c r="L519" s="55"/>
      <c r="M519" s="234"/>
      <c r="N519" s="65"/>
      <c r="O519" s="76"/>
      <c r="P519" s="76"/>
      <c r="Q519" s="65"/>
      <c r="R519" s="76"/>
      <c r="S519" s="76"/>
      <c r="T519" s="76"/>
      <c r="U519" s="76"/>
      <c r="V519" s="76"/>
      <c r="W519" s="76"/>
      <c r="X519" s="76"/>
      <c r="Y519" s="76"/>
      <c r="Z519" s="76"/>
      <c r="AA519" s="85"/>
      <c r="AB519" s="85"/>
      <c r="AC519" s="85"/>
      <c r="AD519" s="85"/>
      <c r="AE519" s="85"/>
      <c r="AF519" s="85"/>
      <c r="AG519" s="86"/>
      <c r="AH519" s="85"/>
      <c r="AI519" s="85"/>
      <c r="AJ519" s="85"/>
      <c r="AK519" s="85"/>
      <c r="AL519" s="85"/>
      <c r="AM519" s="92"/>
      <c r="AN519" s="92"/>
      <c r="AO519" s="92"/>
      <c r="AP519" s="92"/>
      <c r="AQ519" s="92"/>
      <c r="AR519" s="92"/>
      <c r="AS519" s="92"/>
      <c r="AT519" s="92"/>
      <c r="AU519" s="92"/>
      <c r="AV519" s="92"/>
      <c r="AW519" s="92"/>
      <c r="AX519" s="92"/>
      <c r="AY519" s="92"/>
      <c r="AZ519" s="93"/>
      <c r="BA519" s="93"/>
      <c r="BB519" s="93"/>
      <c r="BC519" s="93"/>
      <c r="BD519" s="93"/>
      <c r="BE519" s="93"/>
      <c r="BF519" s="93"/>
      <c r="BG519" s="93"/>
      <c r="BH519" s="93"/>
      <c r="BI519" s="93"/>
      <c r="BJ519" s="93"/>
      <c r="BK519" s="93"/>
      <c r="BL519" s="93"/>
    </row>
    <row r="520" spans="2:64" x14ac:dyDescent="0.2">
      <c r="B520" s="43"/>
      <c r="C520" s="73"/>
      <c r="D520" s="64"/>
      <c r="E520" s="55"/>
      <c r="F520" s="74"/>
      <c r="G520" s="74"/>
      <c r="H520" s="74"/>
      <c r="I520" s="75"/>
      <c r="J520" s="74"/>
      <c r="L520" s="55"/>
      <c r="M520" s="234"/>
      <c r="N520" s="65"/>
      <c r="O520" s="76"/>
      <c r="P520" s="76"/>
      <c r="Q520" s="65"/>
      <c r="R520" s="76"/>
      <c r="S520" s="76"/>
      <c r="T520" s="76"/>
      <c r="U520" s="76"/>
      <c r="V520" s="76"/>
      <c r="W520" s="76"/>
      <c r="X520" s="76"/>
      <c r="Y520" s="76"/>
      <c r="Z520" s="76"/>
      <c r="AA520" s="85"/>
      <c r="AB520" s="85"/>
      <c r="AC520" s="85"/>
      <c r="AD520" s="85"/>
      <c r="AE520" s="85"/>
      <c r="AF520" s="85"/>
      <c r="AG520" s="86"/>
      <c r="AH520" s="85"/>
      <c r="AI520" s="85"/>
      <c r="AJ520" s="85"/>
      <c r="AK520" s="85"/>
      <c r="AL520" s="85"/>
      <c r="AM520" s="92"/>
      <c r="AN520" s="92"/>
      <c r="AO520" s="92"/>
      <c r="AP520" s="92"/>
      <c r="AQ520" s="92"/>
      <c r="AR520" s="92"/>
      <c r="AS520" s="92"/>
      <c r="AT520" s="92"/>
      <c r="AU520" s="92"/>
      <c r="AV520" s="92"/>
      <c r="AW520" s="92"/>
      <c r="AX520" s="92"/>
      <c r="AY520" s="92"/>
      <c r="AZ520" s="93"/>
      <c r="BA520" s="93"/>
      <c r="BB520" s="93"/>
      <c r="BC520" s="93"/>
      <c r="BD520" s="93"/>
      <c r="BE520" s="93"/>
      <c r="BF520" s="93"/>
      <c r="BG520" s="93"/>
      <c r="BH520" s="93"/>
      <c r="BI520" s="93"/>
      <c r="BJ520" s="93"/>
      <c r="BK520" s="93"/>
      <c r="BL520" s="93"/>
    </row>
    <row r="521" spans="2:64" x14ac:dyDescent="0.2">
      <c r="B521" s="43"/>
      <c r="C521" s="73"/>
      <c r="D521" s="64"/>
      <c r="E521" s="55"/>
      <c r="F521" s="74"/>
      <c r="G521" s="74"/>
      <c r="H521" s="74"/>
      <c r="I521" s="75"/>
      <c r="J521" s="74"/>
      <c r="L521" s="55"/>
      <c r="M521" s="234"/>
      <c r="N521" s="65"/>
      <c r="O521" s="76"/>
      <c r="P521" s="76"/>
      <c r="Q521" s="65"/>
      <c r="R521" s="76"/>
      <c r="S521" s="76"/>
      <c r="T521" s="76"/>
      <c r="U521" s="76"/>
      <c r="V521" s="76"/>
      <c r="W521" s="76"/>
      <c r="X521" s="76"/>
      <c r="Y521" s="76"/>
      <c r="Z521" s="76"/>
      <c r="AA521" s="85"/>
      <c r="AB521" s="85"/>
      <c r="AC521" s="85"/>
      <c r="AD521" s="85"/>
      <c r="AE521" s="85"/>
      <c r="AF521" s="85"/>
      <c r="AG521" s="86"/>
      <c r="AH521" s="85"/>
      <c r="AI521" s="85"/>
      <c r="AJ521" s="85"/>
      <c r="AK521" s="85"/>
      <c r="AL521" s="85"/>
      <c r="AM521" s="92"/>
      <c r="AN521" s="92"/>
      <c r="AO521" s="92"/>
      <c r="AP521" s="92"/>
      <c r="AQ521" s="92"/>
      <c r="AR521" s="92"/>
      <c r="AS521" s="92"/>
      <c r="AT521" s="92"/>
      <c r="AU521" s="92"/>
      <c r="AV521" s="92"/>
      <c r="AW521" s="92"/>
      <c r="AX521" s="92"/>
      <c r="AY521" s="92"/>
      <c r="AZ521" s="93"/>
      <c r="BA521" s="93"/>
      <c r="BB521" s="93"/>
      <c r="BC521" s="93"/>
      <c r="BD521" s="93"/>
      <c r="BE521" s="93"/>
      <c r="BF521" s="93"/>
      <c r="BG521" s="93"/>
      <c r="BH521" s="93"/>
      <c r="BI521" s="93"/>
      <c r="BJ521" s="93"/>
      <c r="BK521" s="93"/>
      <c r="BL521" s="93"/>
    </row>
    <row r="522" spans="2:64" x14ac:dyDescent="0.2">
      <c r="B522" s="43"/>
      <c r="C522" s="73"/>
      <c r="D522" s="64"/>
      <c r="E522" s="55"/>
      <c r="F522" s="74"/>
      <c r="G522" s="74"/>
      <c r="H522" s="74"/>
      <c r="I522" s="75"/>
      <c r="J522" s="74"/>
      <c r="L522" s="55"/>
      <c r="M522" s="234"/>
      <c r="N522" s="65"/>
      <c r="O522" s="76"/>
      <c r="P522" s="76"/>
      <c r="Q522" s="65"/>
      <c r="R522" s="76"/>
      <c r="S522" s="76"/>
      <c r="T522" s="76"/>
      <c r="U522" s="76"/>
      <c r="V522" s="76"/>
      <c r="W522" s="76"/>
      <c r="X522" s="76"/>
      <c r="Y522" s="76"/>
      <c r="Z522" s="76"/>
      <c r="AA522" s="85"/>
      <c r="AB522" s="85"/>
      <c r="AC522" s="85"/>
      <c r="AD522" s="85"/>
      <c r="AE522" s="85"/>
      <c r="AF522" s="85"/>
      <c r="AG522" s="86"/>
      <c r="AH522" s="85"/>
      <c r="AI522" s="85"/>
      <c r="AJ522" s="85"/>
      <c r="AK522" s="85"/>
      <c r="AL522" s="85"/>
      <c r="AM522" s="92"/>
      <c r="AN522" s="92"/>
      <c r="AO522" s="92"/>
      <c r="AP522" s="92"/>
      <c r="AQ522" s="92"/>
      <c r="AR522" s="92"/>
      <c r="AS522" s="92"/>
      <c r="AT522" s="92"/>
      <c r="AU522" s="92"/>
      <c r="AV522" s="92"/>
      <c r="AW522" s="92"/>
      <c r="AX522" s="92"/>
      <c r="AY522" s="92"/>
      <c r="AZ522" s="93"/>
      <c r="BA522" s="93"/>
      <c r="BB522" s="93"/>
      <c r="BC522" s="93"/>
      <c r="BD522" s="93"/>
      <c r="BE522" s="93"/>
      <c r="BF522" s="93"/>
      <c r="BG522" s="93"/>
      <c r="BH522" s="93"/>
      <c r="BI522" s="93"/>
      <c r="BJ522" s="93"/>
      <c r="BK522" s="93"/>
      <c r="BL522" s="93"/>
    </row>
    <row r="523" spans="2:64" x14ac:dyDescent="0.2">
      <c r="B523" s="43"/>
      <c r="C523" s="73"/>
      <c r="D523" s="64"/>
      <c r="E523" s="55"/>
      <c r="F523" s="74"/>
      <c r="G523" s="74"/>
      <c r="H523" s="74"/>
      <c r="I523" s="75"/>
      <c r="J523" s="74"/>
      <c r="L523" s="55"/>
      <c r="M523" s="234"/>
      <c r="N523" s="65"/>
      <c r="O523" s="76"/>
      <c r="P523" s="76"/>
      <c r="Q523" s="65"/>
      <c r="R523" s="76"/>
      <c r="S523" s="76"/>
      <c r="T523" s="76"/>
      <c r="U523" s="76"/>
      <c r="V523" s="76"/>
      <c r="W523" s="76"/>
      <c r="X523" s="76"/>
      <c r="Y523" s="76"/>
      <c r="Z523" s="76"/>
      <c r="AA523" s="85"/>
      <c r="AB523" s="85"/>
      <c r="AC523" s="85"/>
      <c r="AD523" s="85"/>
      <c r="AE523" s="85"/>
      <c r="AF523" s="85"/>
      <c r="AG523" s="86"/>
      <c r="AH523" s="85"/>
      <c r="AI523" s="85"/>
      <c r="AJ523" s="85"/>
      <c r="AK523" s="85"/>
      <c r="AL523" s="85"/>
      <c r="AM523" s="92"/>
      <c r="AN523" s="92"/>
      <c r="AO523" s="92"/>
      <c r="AP523" s="92"/>
      <c r="AQ523" s="92"/>
      <c r="AR523" s="92"/>
      <c r="AS523" s="92"/>
      <c r="AT523" s="92"/>
      <c r="AU523" s="92"/>
      <c r="AV523" s="92"/>
      <c r="AW523" s="92"/>
      <c r="AX523" s="92"/>
      <c r="AY523" s="92"/>
      <c r="AZ523" s="93"/>
      <c r="BA523" s="93"/>
      <c r="BB523" s="93"/>
      <c r="BC523" s="93"/>
      <c r="BD523" s="93"/>
      <c r="BE523" s="93"/>
      <c r="BF523" s="93"/>
      <c r="BG523" s="93"/>
      <c r="BH523" s="93"/>
      <c r="BI523" s="93"/>
      <c r="BJ523" s="93"/>
      <c r="BK523" s="93"/>
      <c r="BL523" s="93"/>
    </row>
    <row r="524" spans="2:64" x14ac:dyDescent="0.2">
      <c r="B524" s="43"/>
      <c r="C524" s="73"/>
      <c r="D524" s="64"/>
      <c r="E524" s="55"/>
      <c r="F524" s="74"/>
      <c r="G524" s="74"/>
      <c r="H524" s="74"/>
      <c r="I524" s="75"/>
      <c r="J524" s="74"/>
      <c r="L524" s="55"/>
      <c r="M524" s="234"/>
      <c r="N524" s="65"/>
      <c r="O524" s="76"/>
      <c r="P524" s="76"/>
      <c r="Q524" s="65"/>
      <c r="R524" s="76"/>
      <c r="S524" s="76"/>
      <c r="T524" s="76"/>
      <c r="U524" s="76"/>
      <c r="V524" s="76"/>
      <c r="W524" s="76"/>
      <c r="X524" s="76"/>
      <c r="Y524" s="76"/>
      <c r="Z524" s="76"/>
      <c r="AA524" s="85"/>
      <c r="AB524" s="85"/>
      <c r="AC524" s="85"/>
      <c r="AD524" s="85"/>
      <c r="AE524" s="85"/>
      <c r="AF524" s="85"/>
      <c r="AG524" s="86"/>
      <c r="AH524" s="85"/>
      <c r="AI524" s="85"/>
      <c r="AJ524" s="85"/>
      <c r="AK524" s="85"/>
      <c r="AL524" s="85"/>
      <c r="AM524" s="92"/>
      <c r="AN524" s="92"/>
      <c r="AO524" s="92"/>
      <c r="AP524" s="92"/>
      <c r="AQ524" s="92"/>
      <c r="AR524" s="92"/>
      <c r="AS524" s="92"/>
      <c r="AT524" s="92"/>
      <c r="AU524" s="92"/>
      <c r="AV524" s="92"/>
      <c r="AW524" s="92"/>
      <c r="AX524" s="92"/>
      <c r="AY524" s="92"/>
      <c r="AZ524" s="93"/>
      <c r="BA524" s="93"/>
      <c r="BB524" s="93"/>
      <c r="BC524" s="93"/>
      <c r="BD524" s="93"/>
      <c r="BE524" s="93"/>
      <c r="BF524" s="93"/>
      <c r="BG524" s="93"/>
      <c r="BH524" s="93"/>
      <c r="BI524" s="93"/>
      <c r="BJ524" s="93"/>
      <c r="BK524" s="93"/>
      <c r="BL524" s="93"/>
    </row>
    <row r="525" spans="2:64" x14ac:dyDescent="0.2">
      <c r="B525" s="43"/>
      <c r="C525" s="73"/>
      <c r="D525" s="64"/>
      <c r="E525" s="55"/>
      <c r="F525" s="74"/>
      <c r="G525" s="74"/>
      <c r="H525" s="74"/>
      <c r="I525" s="75"/>
      <c r="J525" s="74"/>
      <c r="L525" s="55"/>
      <c r="M525" s="234"/>
      <c r="N525" s="65"/>
      <c r="O525" s="76"/>
      <c r="P525" s="76"/>
      <c r="Q525" s="65"/>
      <c r="R525" s="76"/>
      <c r="S525" s="76"/>
      <c r="T525" s="76"/>
      <c r="U525" s="76"/>
      <c r="V525" s="76"/>
      <c r="W525" s="76"/>
      <c r="X525" s="76"/>
      <c r="Y525" s="76"/>
      <c r="Z525" s="76"/>
      <c r="AA525" s="85"/>
      <c r="AB525" s="85"/>
      <c r="AC525" s="85"/>
      <c r="AD525" s="85"/>
      <c r="AE525" s="85"/>
      <c r="AF525" s="85"/>
      <c r="AG525" s="86"/>
      <c r="AH525" s="85"/>
      <c r="AI525" s="85"/>
      <c r="AJ525" s="85"/>
      <c r="AK525" s="85"/>
      <c r="AL525" s="85"/>
      <c r="AM525" s="92"/>
      <c r="AN525" s="92"/>
      <c r="AO525" s="92"/>
      <c r="AP525" s="92"/>
      <c r="AQ525" s="92"/>
      <c r="AR525" s="92"/>
      <c r="AS525" s="92"/>
      <c r="AT525" s="92"/>
      <c r="AU525" s="92"/>
      <c r="AV525" s="92"/>
      <c r="AW525" s="92"/>
      <c r="AX525" s="92"/>
      <c r="AY525" s="92"/>
      <c r="AZ525" s="93"/>
      <c r="BA525" s="93"/>
      <c r="BB525" s="93"/>
      <c r="BC525" s="93"/>
      <c r="BD525" s="93"/>
      <c r="BE525" s="93"/>
      <c r="BF525" s="93"/>
      <c r="BG525" s="93"/>
      <c r="BH525" s="93"/>
      <c r="BI525" s="93"/>
      <c r="BJ525" s="93"/>
      <c r="BK525" s="93"/>
      <c r="BL525" s="93"/>
    </row>
    <row r="526" spans="2:64" x14ac:dyDescent="0.2">
      <c r="B526" s="43"/>
      <c r="C526" s="73"/>
      <c r="D526" s="64"/>
      <c r="E526" s="55"/>
      <c r="F526" s="74"/>
      <c r="G526" s="74"/>
      <c r="H526" s="74"/>
      <c r="I526" s="75"/>
      <c r="J526" s="74"/>
      <c r="L526" s="55"/>
      <c r="M526" s="234"/>
      <c r="N526" s="65"/>
      <c r="O526" s="76"/>
      <c r="P526" s="76"/>
      <c r="Q526" s="65"/>
      <c r="R526" s="76"/>
      <c r="S526" s="76"/>
      <c r="T526" s="76"/>
      <c r="U526" s="76"/>
      <c r="V526" s="76"/>
      <c r="W526" s="76"/>
      <c r="X526" s="76"/>
      <c r="Y526" s="76"/>
      <c r="Z526" s="76"/>
      <c r="AA526" s="85"/>
      <c r="AB526" s="85"/>
      <c r="AC526" s="85"/>
      <c r="AD526" s="85"/>
      <c r="AE526" s="85"/>
      <c r="AF526" s="85"/>
      <c r="AG526" s="86"/>
      <c r="AH526" s="85"/>
      <c r="AI526" s="85"/>
      <c r="AJ526" s="85"/>
      <c r="AK526" s="85"/>
      <c r="AL526" s="85"/>
      <c r="AM526" s="92"/>
      <c r="AN526" s="92"/>
      <c r="AO526" s="92"/>
      <c r="AP526" s="92"/>
      <c r="AQ526" s="92"/>
      <c r="AR526" s="92"/>
      <c r="AS526" s="92"/>
      <c r="AT526" s="92"/>
      <c r="AU526" s="92"/>
      <c r="AV526" s="92"/>
      <c r="AW526" s="92"/>
      <c r="AX526" s="92"/>
      <c r="AY526" s="92"/>
      <c r="AZ526" s="93"/>
      <c r="BA526" s="93"/>
      <c r="BB526" s="93"/>
      <c r="BC526" s="93"/>
      <c r="BD526" s="93"/>
      <c r="BE526" s="93"/>
      <c r="BF526" s="93"/>
      <c r="BG526" s="93"/>
      <c r="BH526" s="93"/>
      <c r="BI526" s="93"/>
      <c r="BJ526" s="93"/>
      <c r="BK526" s="93"/>
      <c r="BL526" s="93"/>
    </row>
    <row r="527" spans="2:64" x14ac:dyDescent="0.2">
      <c r="B527" s="43"/>
      <c r="C527" s="73"/>
      <c r="D527" s="64"/>
      <c r="E527" s="55"/>
      <c r="F527" s="74"/>
      <c r="G527" s="74"/>
      <c r="H527" s="74"/>
      <c r="I527" s="75"/>
      <c r="J527" s="74"/>
      <c r="L527" s="55"/>
      <c r="M527" s="234"/>
      <c r="N527" s="65"/>
      <c r="O527" s="76"/>
      <c r="P527" s="76"/>
      <c r="Q527" s="65"/>
      <c r="R527" s="76"/>
      <c r="S527" s="76"/>
      <c r="T527" s="76"/>
      <c r="U527" s="76"/>
      <c r="V527" s="76"/>
      <c r="W527" s="76"/>
      <c r="X527" s="76"/>
      <c r="Y527" s="76"/>
      <c r="Z527" s="76"/>
      <c r="AA527" s="85"/>
      <c r="AB527" s="85"/>
      <c r="AC527" s="85"/>
      <c r="AD527" s="85"/>
      <c r="AE527" s="85"/>
      <c r="AF527" s="85"/>
      <c r="AG527" s="86"/>
      <c r="AH527" s="85"/>
      <c r="AI527" s="85"/>
      <c r="AJ527" s="85"/>
      <c r="AK527" s="85"/>
      <c r="AL527" s="85"/>
      <c r="AM527" s="92"/>
      <c r="AN527" s="92"/>
      <c r="AO527" s="92"/>
      <c r="AP527" s="92"/>
      <c r="AQ527" s="92"/>
      <c r="AR527" s="92"/>
      <c r="AS527" s="92"/>
      <c r="AT527" s="92"/>
      <c r="AU527" s="92"/>
      <c r="AV527" s="92"/>
      <c r="AW527" s="92"/>
      <c r="AX527" s="92"/>
      <c r="AY527" s="92"/>
      <c r="AZ527" s="93"/>
      <c r="BA527" s="93"/>
      <c r="BB527" s="93"/>
      <c r="BC527" s="93"/>
      <c r="BD527" s="93"/>
      <c r="BE527" s="93"/>
      <c r="BF527" s="93"/>
      <c r="BG527" s="93"/>
      <c r="BH527" s="93"/>
      <c r="BI527" s="93"/>
      <c r="BJ527" s="93"/>
      <c r="BK527" s="93"/>
      <c r="BL527" s="93"/>
    </row>
    <row r="528" spans="2:64" x14ac:dyDescent="0.2">
      <c r="B528" s="43"/>
      <c r="C528" s="73"/>
      <c r="D528" s="64"/>
      <c r="E528" s="55"/>
      <c r="F528" s="74"/>
      <c r="G528" s="74"/>
      <c r="H528" s="74"/>
      <c r="I528" s="75"/>
      <c r="J528" s="74"/>
      <c r="L528" s="55"/>
      <c r="M528" s="234"/>
      <c r="N528" s="65"/>
      <c r="O528" s="76"/>
      <c r="P528" s="76"/>
      <c r="Q528" s="65"/>
      <c r="R528" s="76"/>
      <c r="S528" s="76"/>
      <c r="T528" s="76"/>
      <c r="U528" s="76"/>
      <c r="V528" s="76"/>
      <c r="W528" s="76"/>
      <c r="X528" s="76"/>
      <c r="Y528" s="76"/>
      <c r="Z528" s="76"/>
      <c r="AA528" s="85"/>
      <c r="AB528" s="85"/>
      <c r="AC528" s="85"/>
      <c r="AD528" s="85"/>
      <c r="AE528" s="85"/>
      <c r="AF528" s="85"/>
      <c r="AG528" s="86"/>
      <c r="AH528" s="85"/>
      <c r="AI528" s="85"/>
      <c r="AJ528" s="85"/>
      <c r="AK528" s="85"/>
      <c r="AL528" s="85"/>
      <c r="AM528" s="92"/>
      <c r="AN528" s="92"/>
      <c r="AO528" s="92"/>
      <c r="AP528" s="92"/>
      <c r="AQ528" s="92"/>
      <c r="AR528" s="92"/>
      <c r="AS528" s="92"/>
      <c r="AT528" s="92"/>
      <c r="AU528" s="92"/>
      <c r="AV528" s="92"/>
      <c r="AW528" s="92"/>
      <c r="AX528" s="92"/>
      <c r="AY528" s="92"/>
      <c r="AZ528" s="93"/>
      <c r="BA528" s="93"/>
      <c r="BB528" s="93"/>
      <c r="BC528" s="93"/>
      <c r="BD528" s="93"/>
      <c r="BE528" s="93"/>
      <c r="BF528" s="93"/>
      <c r="BG528" s="93"/>
      <c r="BH528" s="93"/>
      <c r="BI528" s="93"/>
      <c r="BJ528" s="93"/>
      <c r="BK528" s="93"/>
      <c r="BL528" s="93"/>
    </row>
    <row r="529" spans="2:64" x14ac:dyDescent="0.2">
      <c r="B529" s="43"/>
      <c r="C529" s="73"/>
      <c r="D529" s="64"/>
      <c r="E529" s="55"/>
      <c r="F529" s="74"/>
      <c r="G529" s="74"/>
      <c r="H529" s="74"/>
      <c r="I529" s="75"/>
      <c r="J529" s="74"/>
      <c r="L529" s="55"/>
      <c r="M529" s="234"/>
      <c r="N529" s="65"/>
      <c r="O529" s="76"/>
      <c r="P529" s="76"/>
      <c r="Q529" s="65"/>
      <c r="R529" s="76"/>
      <c r="S529" s="76"/>
      <c r="T529" s="76"/>
      <c r="U529" s="76"/>
      <c r="V529" s="76"/>
      <c r="W529" s="76"/>
      <c r="X529" s="76"/>
      <c r="Y529" s="76"/>
      <c r="Z529" s="76"/>
      <c r="AA529" s="85"/>
      <c r="AB529" s="85"/>
      <c r="AC529" s="85"/>
      <c r="AD529" s="85"/>
      <c r="AE529" s="85"/>
      <c r="AF529" s="85"/>
      <c r="AG529" s="86"/>
      <c r="AH529" s="85"/>
      <c r="AI529" s="85"/>
      <c r="AJ529" s="85"/>
      <c r="AK529" s="85"/>
      <c r="AL529" s="85"/>
      <c r="AM529" s="92"/>
      <c r="AN529" s="92"/>
      <c r="AO529" s="92"/>
      <c r="AP529" s="92"/>
      <c r="AQ529" s="92"/>
      <c r="AR529" s="92"/>
      <c r="AS529" s="92"/>
      <c r="AT529" s="92"/>
      <c r="AU529" s="92"/>
      <c r="AV529" s="92"/>
      <c r="AW529" s="92"/>
      <c r="AX529" s="92"/>
      <c r="AY529" s="92"/>
      <c r="AZ529" s="93"/>
      <c r="BA529" s="93"/>
      <c r="BB529" s="93"/>
      <c r="BC529" s="93"/>
      <c r="BD529" s="93"/>
      <c r="BE529" s="93"/>
      <c r="BF529" s="93"/>
      <c r="BG529" s="93"/>
      <c r="BH529" s="93"/>
      <c r="BI529" s="93"/>
      <c r="BJ529" s="93"/>
      <c r="BK529" s="93"/>
      <c r="BL529" s="93"/>
    </row>
    <row r="530" spans="2:64" x14ac:dyDescent="0.2">
      <c r="B530" s="43"/>
      <c r="C530" s="73"/>
      <c r="D530" s="64"/>
      <c r="E530" s="55"/>
      <c r="F530" s="74"/>
      <c r="G530" s="74"/>
      <c r="H530" s="74"/>
      <c r="I530" s="75"/>
      <c r="J530" s="74"/>
      <c r="L530" s="55"/>
      <c r="M530" s="234"/>
      <c r="N530" s="65"/>
      <c r="O530" s="76"/>
      <c r="P530" s="76"/>
      <c r="Q530" s="65"/>
      <c r="R530" s="76"/>
      <c r="S530" s="76"/>
      <c r="T530" s="76"/>
      <c r="U530" s="76"/>
      <c r="V530" s="76"/>
      <c r="W530" s="76"/>
      <c r="X530" s="76"/>
      <c r="Y530" s="76"/>
      <c r="Z530" s="76"/>
      <c r="AA530" s="85"/>
      <c r="AB530" s="85"/>
      <c r="AC530" s="85"/>
      <c r="AD530" s="85"/>
      <c r="AE530" s="85"/>
      <c r="AF530" s="85"/>
      <c r="AG530" s="86"/>
      <c r="AH530" s="85"/>
      <c r="AI530" s="85"/>
      <c r="AJ530" s="85"/>
      <c r="AK530" s="85"/>
      <c r="AL530" s="85"/>
      <c r="AM530" s="92"/>
      <c r="AN530" s="92"/>
      <c r="AO530" s="92"/>
      <c r="AP530" s="92"/>
      <c r="AQ530" s="92"/>
      <c r="AR530" s="92"/>
      <c r="AS530" s="92"/>
      <c r="AT530" s="92"/>
      <c r="AU530" s="92"/>
      <c r="AV530" s="92"/>
      <c r="AW530" s="92"/>
      <c r="AX530" s="92"/>
      <c r="AY530" s="92"/>
      <c r="AZ530" s="93"/>
      <c r="BA530" s="93"/>
      <c r="BB530" s="93"/>
      <c r="BC530" s="93"/>
      <c r="BD530" s="93"/>
      <c r="BE530" s="93"/>
      <c r="BF530" s="93"/>
      <c r="BG530" s="93"/>
      <c r="BH530" s="93"/>
      <c r="BI530" s="93"/>
      <c r="BJ530" s="93"/>
      <c r="BK530" s="93"/>
      <c r="BL530" s="93"/>
    </row>
    <row r="531" spans="2:64" x14ac:dyDescent="0.2">
      <c r="B531" s="43"/>
      <c r="C531" s="73"/>
      <c r="D531" s="64"/>
      <c r="E531" s="55"/>
      <c r="F531" s="74"/>
      <c r="G531" s="74"/>
      <c r="H531" s="74"/>
      <c r="I531" s="75"/>
      <c r="J531" s="74"/>
      <c r="L531" s="55"/>
      <c r="M531" s="234"/>
      <c r="N531" s="65"/>
      <c r="O531" s="76"/>
      <c r="P531" s="76"/>
      <c r="Q531" s="65"/>
      <c r="R531" s="76"/>
      <c r="S531" s="76"/>
      <c r="T531" s="76"/>
      <c r="U531" s="76"/>
      <c r="V531" s="76"/>
      <c r="W531" s="76"/>
      <c r="X531" s="76"/>
      <c r="Y531" s="76"/>
      <c r="Z531" s="76"/>
      <c r="AA531" s="85"/>
      <c r="AB531" s="85"/>
      <c r="AC531" s="85"/>
      <c r="AD531" s="85"/>
      <c r="AE531" s="85"/>
      <c r="AF531" s="85"/>
      <c r="AG531" s="86"/>
      <c r="AH531" s="85"/>
      <c r="AI531" s="85"/>
      <c r="AJ531" s="85"/>
      <c r="AK531" s="85"/>
      <c r="AL531" s="85"/>
      <c r="AM531" s="92"/>
      <c r="AN531" s="92"/>
      <c r="AO531" s="92"/>
      <c r="AP531" s="92"/>
      <c r="AQ531" s="92"/>
      <c r="AR531" s="92"/>
      <c r="AS531" s="92"/>
      <c r="AT531" s="92"/>
      <c r="AU531" s="92"/>
      <c r="AV531" s="92"/>
      <c r="AW531" s="92"/>
      <c r="AX531" s="92"/>
      <c r="AY531" s="92"/>
      <c r="AZ531" s="93"/>
      <c r="BA531" s="93"/>
      <c r="BB531" s="93"/>
      <c r="BC531" s="93"/>
      <c r="BD531" s="93"/>
      <c r="BE531" s="93"/>
      <c r="BF531" s="93"/>
      <c r="BG531" s="93"/>
      <c r="BH531" s="93"/>
      <c r="BI531" s="93"/>
      <c r="BJ531" s="93"/>
      <c r="BK531" s="93"/>
      <c r="BL531" s="93"/>
    </row>
    <row r="532" spans="2:64" x14ac:dyDescent="0.2">
      <c r="B532" s="43"/>
      <c r="C532" s="73"/>
      <c r="D532" s="64"/>
      <c r="E532" s="55"/>
      <c r="F532" s="74"/>
      <c r="G532" s="74"/>
      <c r="H532" s="74"/>
      <c r="I532" s="75"/>
      <c r="J532" s="74"/>
      <c r="L532" s="55"/>
      <c r="M532" s="234"/>
      <c r="N532" s="65"/>
      <c r="O532" s="76"/>
      <c r="P532" s="76"/>
      <c r="Q532" s="65"/>
      <c r="R532" s="76"/>
      <c r="S532" s="76"/>
      <c r="T532" s="76"/>
      <c r="U532" s="76"/>
      <c r="V532" s="76"/>
      <c r="W532" s="76"/>
      <c r="X532" s="76"/>
      <c r="Y532" s="76"/>
      <c r="Z532" s="76"/>
      <c r="AA532" s="85"/>
      <c r="AB532" s="85"/>
      <c r="AC532" s="85"/>
      <c r="AD532" s="85"/>
      <c r="AE532" s="85"/>
      <c r="AF532" s="85"/>
      <c r="AG532" s="86"/>
      <c r="AH532" s="85"/>
      <c r="AI532" s="85"/>
      <c r="AJ532" s="85"/>
      <c r="AK532" s="85"/>
      <c r="AL532" s="85"/>
      <c r="AM532" s="92"/>
      <c r="AN532" s="92"/>
      <c r="AO532" s="92"/>
      <c r="AP532" s="92"/>
      <c r="AQ532" s="92"/>
      <c r="AR532" s="92"/>
      <c r="AS532" s="92"/>
      <c r="AT532" s="92"/>
      <c r="AU532" s="92"/>
      <c r="AV532" s="92"/>
      <c r="AW532" s="92"/>
      <c r="AX532" s="92"/>
      <c r="AY532" s="92"/>
      <c r="AZ532" s="93"/>
      <c r="BA532" s="93"/>
      <c r="BB532" s="93"/>
      <c r="BC532" s="93"/>
      <c r="BD532" s="93"/>
      <c r="BE532" s="93"/>
      <c r="BF532" s="93"/>
      <c r="BG532" s="93"/>
      <c r="BH532" s="93"/>
      <c r="BI532" s="93"/>
      <c r="BJ532" s="93"/>
      <c r="BK532" s="93"/>
      <c r="BL532" s="93"/>
    </row>
    <row r="533" spans="2:64" x14ac:dyDescent="0.2">
      <c r="B533" s="43"/>
      <c r="C533" s="73"/>
      <c r="D533" s="64"/>
      <c r="E533" s="55"/>
      <c r="F533" s="74"/>
      <c r="G533" s="74"/>
      <c r="H533" s="74"/>
      <c r="I533" s="75"/>
      <c r="J533" s="74"/>
      <c r="L533" s="55"/>
      <c r="M533" s="234"/>
      <c r="N533" s="65"/>
      <c r="O533" s="76"/>
      <c r="P533" s="76"/>
      <c r="Q533" s="65"/>
      <c r="R533" s="76"/>
      <c r="S533" s="76"/>
      <c r="T533" s="76"/>
      <c r="U533" s="76"/>
      <c r="V533" s="76"/>
      <c r="W533" s="76"/>
      <c r="X533" s="76"/>
      <c r="Y533" s="76"/>
      <c r="Z533" s="76"/>
      <c r="AA533" s="85"/>
      <c r="AB533" s="85"/>
      <c r="AC533" s="85"/>
      <c r="AD533" s="85"/>
      <c r="AE533" s="85"/>
      <c r="AF533" s="85"/>
      <c r="AG533" s="86"/>
      <c r="AH533" s="85"/>
      <c r="AI533" s="85"/>
      <c r="AJ533" s="85"/>
      <c r="AK533" s="85"/>
      <c r="AL533" s="85"/>
      <c r="AM533" s="92"/>
      <c r="AN533" s="92"/>
      <c r="AO533" s="92"/>
      <c r="AP533" s="92"/>
      <c r="AQ533" s="92"/>
      <c r="AR533" s="92"/>
      <c r="AS533" s="92"/>
      <c r="AT533" s="92"/>
      <c r="AU533" s="92"/>
      <c r="AV533" s="92"/>
      <c r="AW533" s="92"/>
      <c r="AX533" s="92"/>
      <c r="AY533" s="92"/>
      <c r="AZ533" s="93"/>
      <c r="BA533" s="93"/>
      <c r="BB533" s="93"/>
      <c r="BC533" s="93"/>
      <c r="BD533" s="93"/>
      <c r="BE533" s="93"/>
      <c r="BF533" s="93"/>
      <c r="BG533" s="93"/>
      <c r="BH533" s="93"/>
      <c r="BI533" s="93"/>
      <c r="BJ533" s="93"/>
      <c r="BK533" s="93"/>
      <c r="BL533" s="93"/>
    </row>
    <row r="534" spans="2:64" x14ac:dyDescent="0.2">
      <c r="B534" s="43"/>
      <c r="C534" s="73"/>
      <c r="D534" s="64"/>
      <c r="E534" s="55"/>
      <c r="F534" s="74"/>
      <c r="G534" s="74"/>
      <c r="H534" s="74"/>
      <c r="I534" s="75"/>
      <c r="J534" s="74"/>
      <c r="L534" s="55"/>
      <c r="M534" s="234"/>
      <c r="N534" s="65"/>
      <c r="O534" s="76"/>
      <c r="P534" s="76"/>
      <c r="Q534" s="65"/>
      <c r="R534" s="76"/>
      <c r="S534" s="76"/>
      <c r="T534" s="76"/>
      <c r="U534" s="76"/>
      <c r="V534" s="76"/>
      <c r="W534" s="76"/>
      <c r="X534" s="76"/>
      <c r="Y534" s="76"/>
      <c r="Z534" s="76"/>
      <c r="AA534" s="85"/>
      <c r="AB534" s="85"/>
      <c r="AC534" s="85"/>
      <c r="AD534" s="85"/>
      <c r="AE534" s="85"/>
      <c r="AF534" s="85"/>
      <c r="AG534" s="86"/>
      <c r="AH534" s="85"/>
      <c r="AI534" s="85"/>
      <c r="AJ534" s="85"/>
      <c r="AK534" s="85"/>
      <c r="AL534" s="85"/>
      <c r="AM534" s="92"/>
      <c r="AN534" s="92"/>
      <c r="AO534" s="92"/>
      <c r="AP534" s="92"/>
      <c r="AQ534" s="92"/>
      <c r="AR534" s="92"/>
      <c r="AS534" s="92"/>
      <c r="AT534" s="92"/>
      <c r="AU534" s="92"/>
      <c r="AV534" s="92"/>
      <c r="AW534" s="92"/>
      <c r="AX534" s="92"/>
      <c r="AY534" s="92"/>
      <c r="AZ534" s="93"/>
      <c r="BA534" s="93"/>
      <c r="BB534" s="93"/>
      <c r="BC534" s="93"/>
      <c r="BD534" s="93"/>
      <c r="BE534" s="93"/>
      <c r="BF534" s="93"/>
      <c r="BG534" s="93"/>
      <c r="BH534" s="93"/>
      <c r="BI534" s="93"/>
      <c r="BJ534" s="93"/>
      <c r="BK534" s="93"/>
      <c r="BL534" s="93"/>
    </row>
    <row r="535" spans="2:64" x14ac:dyDescent="0.2">
      <c r="B535" s="43"/>
      <c r="C535" s="73"/>
      <c r="D535" s="64"/>
      <c r="E535" s="55"/>
      <c r="F535" s="74"/>
      <c r="G535" s="74"/>
      <c r="H535" s="74"/>
      <c r="I535" s="75"/>
      <c r="J535" s="74"/>
      <c r="L535" s="55"/>
      <c r="M535" s="234"/>
      <c r="N535" s="65"/>
      <c r="O535" s="76"/>
      <c r="P535" s="76"/>
      <c r="Q535" s="65"/>
      <c r="R535" s="76"/>
      <c r="S535" s="76"/>
      <c r="T535" s="76"/>
      <c r="U535" s="76"/>
      <c r="V535" s="76"/>
      <c r="W535" s="76"/>
      <c r="X535" s="76"/>
      <c r="Y535" s="76"/>
      <c r="Z535" s="76"/>
      <c r="AA535" s="85"/>
      <c r="AB535" s="85"/>
      <c r="AC535" s="85"/>
      <c r="AD535" s="85"/>
      <c r="AE535" s="85"/>
      <c r="AF535" s="85"/>
      <c r="AG535" s="86"/>
      <c r="AH535" s="85"/>
      <c r="AI535" s="85"/>
      <c r="AJ535" s="85"/>
      <c r="AK535" s="85"/>
      <c r="AL535" s="85"/>
      <c r="AM535" s="92"/>
      <c r="AN535" s="92"/>
      <c r="AO535" s="92"/>
      <c r="AP535" s="92"/>
      <c r="AQ535" s="92"/>
      <c r="AR535" s="92"/>
      <c r="AS535" s="92"/>
      <c r="AT535" s="92"/>
      <c r="AU535" s="92"/>
      <c r="AV535" s="92"/>
      <c r="AW535" s="92"/>
      <c r="AX535" s="92"/>
      <c r="AY535" s="92"/>
      <c r="AZ535" s="93"/>
      <c r="BA535" s="93"/>
      <c r="BB535" s="93"/>
      <c r="BC535" s="93"/>
      <c r="BD535" s="93"/>
      <c r="BE535" s="93"/>
      <c r="BF535" s="93"/>
      <c r="BG535" s="93"/>
      <c r="BH535" s="93"/>
      <c r="BI535" s="93"/>
      <c r="BJ535" s="93"/>
      <c r="BK535" s="93"/>
      <c r="BL535" s="93"/>
    </row>
    <row r="536" spans="2:64" x14ac:dyDescent="0.2">
      <c r="B536" s="43"/>
      <c r="C536" s="73"/>
      <c r="D536" s="64"/>
      <c r="E536" s="55"/>
      <c r="F536" s="74"/>
      <c r="G536" s="74"/>
      <c r="H536" s="74"/>
      <c r="I536" s="75"/>
      <c r="J536" s="74"/>
      <c r="L536" s="55"/>
      <c r="M536" s="234"/>
      <c r="N536" s="65"/>
      <c r="O536" s="76"/>
      <c r="P536" s="76"/>
      <c r="Q536" s="65"/>
      <c r="R536" s="76"/>
      <c r="S536" s="76"/>
      <c r="T536" s="76"/>
      <c r="U536" s="76"/>
      <c r="V536" s="76"/>
      <c r="W536" s="76"/>
      <c r="X536" s="76"/>
      <c r="Y536" s="76"/>
      <c r="Z536" s="76"/>
      <c r="AA536" s="85"/>
      <c r="AB536" s="85"/>
      <c r="AC536" s="85"/>
      <c r="AD536" s="85"/>
      <c r="AE536" s="85"/>
      <c r="AF536" s="85"/>
      <c r="AG536" s="86"/>
      <c r="AH536" s="85"/>
      <c r="AI536" s="85"/>
      <c r="AJ536" s="85"/>
      <c r="AK536" s="85"/>
      <c r="AL536" s="85"/>
      <c r="AM536" s="92"/>
      <c r="AN536" s="92"/>
      <c r="AO536" s="92"/>
      <c r="AP536" s="92"/>
      <c r="AQ536" s="92"/>
      <c r="AR536" s="92"/>
      <c r="AS536" s="92"/>
      <c r="AT536" s="92"/>
      <c r="AU536" s="92"/>
      <c r="AV536" s="92"/>
      <c r="AW536" s="92"/>
      <c r="AX536" s="92"/>
      <c r="AY536" s="92"/>
      <c r="AZ536" s="93"/>
      <c r="BA536" s="93"/>
      <c r="BB536" s="93"/>
      <c r="BC536" s="93"/>
      <c r="BD536" s="93"/>
      <c r="BE536" s="93"/>
      <c r="BF536" s="93"/>
      <c r="BG536" s="93"/>
      <c r="BH536" s="93"/>
      <c r="BI536" s="93"/>
      <c r="BJ536" s="93"/>
      <c r="BK536" s="93"/>
      <c r="BL536" s="93"/>
    </row>
    <row r="537" spans="2:64" x14ac:dyDescent="0.2">
      <c r="B537" s="43"/>
      <c r="C537" s="73"/>
      <c r="D537" s="64"/>
      <c r="E537" s="55"/>
      <c r="F537" s="74"/>
      <c r="G537" s="74"/>
      <c r="H537" s="74"/>
      <c r="I537" s="75"/>
      <c r="J537" s="74"/>
      <c r="L537" s="55"/>
      <c r="M537" s="234"/>
      <c r="N537" s="65"/>
      <c r="O537" s="76"/>
      <c r="P537" s="76"/>
      <c r="Q537" s="65"/>
      <c r="R537" s="76"/>
      <c r="S537" s="76"/>
      <c r="T537" s="76"/>
      <c r="U537" s="76"/>
      <c r="V537" s="76"/>
      <c r="W537" s="76"/>
      <c r="X537" s="76"/>
      <c r="Y537" s="76"/>
      <c r="Z537" s="76"/>
      <c r="AA537" s="85"/>
      <c r="AB537" s="85"/>
      <c r="AC537" s="85"/>
      <c r="AD537" s="85"/>
      <c r="AE537" s="85"/>
      <c r="AF537" s="85"/>
      <c r="AG537" s="86"/>
      <c r="AH537" s="85"/>
      <c r="AI537" s="85"/>
      <c r="AJ537" s="85"/>
      <c r="AK537" s="85"/>
      <c r="AL537" s="85"/>
      <c r="AM537" s="92"/>
      <c r="AN537" s="92"/>
      <c r="AO537" s="92"/>
      <c r="AP537" s="92"/>
      <c r="AQ537" s="92"/>
      <c r="AR537" s="92"/>
      <c r="AS537" s="92"/>
      <c r="AT537" s="92"/>
      <c r="AU537" s="92"/>
      <c r="AV537" s="92"/>
      <c r="AW537" s="92"/>
      <c r="AX537" s="92"/>
      <c r="AY537" s="92"/>
      <c r="AZ537" s="93"/>
      <c r="BA537" s="93"/>
      <c r="BB537" s="93"/>
      <c r="BC537" s="93"/>
      <c r="BD537" s="93"/>
      <c r="BE537" s="93"/>
      <c r="BF537" s="93"/>
      <c r="BG537" s="93"/>
      <c r="BH537" s="93"/>
      <c r="BI537" s="93"/>
      <c r="BJ537" s="93"/>
      <c r="BK537" s="93"/>
      <c r="BL537" s="93"/>
    </row>
    <row r="538" spans="2:64" x14ac:dyDescent="0.2">
      <c r="B538" s="43"/>
      <c r="C538" s="73"/>
      <c r="D538" s="64"/>
      <c r="E538" s="55"/>
      <c r="F538" s="74"/>
      <c r="G538" s="74"/>
      <c r="H538" s="74"/>
      <c r="I538" s="75"/>
      <c r="J538" s="74"/>
      <c r="L538" s="55"/>
      <c r="M538" s="234"/>
      <c r="N538" s="65"/>
      <c r="O538" s="76"/>
      <c r="P538" s="76"/>
      <c r="Q538" s="65"/>
      <c r="R538" s="76"/>
      <c r="S538" s="76"/>
      <c r="T538" s="76"/>
      <c r="U538" s="76"/>
      <c r="V538" s="76"/>
      <c r="W538" s="76"/>
      <c r="X538" s="76"/>
      <c r="Y538" s="76"/>
      <c r="Z538" s="76"/>
      <c r="AA538" s="85"/>
      <c r="AB538" s="85"/>
      <c r="AC538" s="85"/>
      <c r="AD538" s="85"/>
      <c r="AE538" s="85"/>
      <c r="AF538" s="85"/>
      <c r="AG538" s="86"/>
      <c r="AH538" s="85"/>
      <c r="AI538" s="85"/>
      <c r="AJ538" s="85"/>
      <c r="AK538" s="85"/>
      <c r="AL538" s="85"/>
      <c r="AM538" s="92"/>
      <c r="AN538" s="92"/>
      <c r="AO538" s="92"/>
      <c r="AP538" s="92"/>
      <c r="AQ538" s="92"/>
      <c r="AR538" s="92"/>
      <c r="AS538" s="92"/>
      <c r="AT538" s="92"/>
      <c r="AU538" s="92"/>
      <c r="AV538" s="92"/>
      <c r="AW538" s="92"/>
      <c r="AX538" s="92"/>
      <c r="AY538" s="92"/>
      <c r="AZ538" s="93"/>
      <c r="BA538" s="93"/>
      <c r="BB538" s="93"/>
      <c r="BC538" s="93"/>
      <c r="BD538" s="93"/>
      <c r="BE538" s="93"/>
      <c r="BF538" s="93"/>
      <c r="BG538" s="93"/>
      <c r="BH538" s="93"/>
      <c r="BI538" s="93"/>
      <c r="BJ538" s="93"/>
      <c r="BK538" s="93"/>
      <c r="BL538" s="93"/>
    </row>
    <row r="539" spans="2:64" x14ac:dyDescent="0.2">
      <c r="B539" s="43"/>
      <c r="C539" s="73"/>
      <c r="D539" s="64"/>
      <c r="E539" s="55"/>
      <c r="F539" s="74"/>
      <c r="G539" s="74"/>
      <c r="H539" s="74"/>
      <c r="I539" s="75"/>
      <c r="J539" s="74"/>
      <c r="L539" s="55"/>
      <c r="M539" s="234"/>
      <c r="N539" s="65"/>
      <c r="O539" s="76"/>
      <c r="P539" s="76"/>
      <c r="Q539" s="65"/>
      <c r="R539" s="76"/>
      <c r="S539" s="76"/>
      <c r="T539" s="76"/>
      <c r="U539" s="76"/>
      <c r="V539" s="76"/>
      <c r="W539" s="76"/>
      <c r="X539" s="76"/>
      <c r="Y539" s="76"/>
      <c r="Z539" s="76"/>
      <c r="AA539" s="85"/>
      <c r="AB539" s="85"/>
      <c r="AC539" s="85"/>
      <c r="AD539" s="85"/>
      <c r="AE539" s="85"/>
      <c r="AF539" s="85"/>
      <c r="AG539" s="86"/>
      <c r="AH539" s="85"/>
      <c r="AI539" s="85"/>
      <c r="AJ539" s="85"/>
      <c r="AK539" s="85"/>
      <c r="AL539" s="85"/>
      <c r="AM539" s="92"/>
      <c r="AN539" s="92"/>
      <c r="AO539" s="92"/>
      <c r="AP539" s="92"/>
      <c r="AQ539" s="92"/>
      <c r="AR539" s="92"/>
      <c r="AS539" s="92"/>
      <c r="AT539" s="92"/>
      <c r="AU539" s="92"/>
      <c r="AV539" s="92"/>
      <c r="AW539" s="92"/>
      <c r="AX539" s="92"/>
      <c r="AY539" s="92"/>
      <c r="AZ539" s="93"/>
      <c r="BA539" s="93"/>
      <c r="BB539" s="93"/>
      <c r="BC539" s="93"/>
      <c r="BD539" s="93"/>
      <c r="BE539" s="93"/>
      <c r="BF539" s="93"/>
      <c r="BG539" s="93"/>
      <c r="BH539" s="93"/>
      <c r="BI539" s="93"/>
      <c r="BJ539" s="93"/>
      <c r="BK539" s="93"/>
      <c r="BL539" s="93"/>
    </row>
    <row r="540" spans="2:64" x14ac:dyDescent="0.2">
      <c r="B540" s="43"/>
      <c r="C540" s="73"/>
      <c r="D540" s="64"/>
      <c r="E540" s="55"/>
      <c r="F540" s="74"/>
      <c r="G540" s="74"/>
      <c r="H540" s="74"/>
      <c r="I540" s="75"/>
      <c r="J540" s="74"/>
      <c r="L540" s="55"/>
      <c r="M540" s="234"/>
      <c r="N540" s="65"/>
      <c r="O540" s="76"/>
      <c r="P540" s="76"/>
      <c r="Q540" s="65"/>
      <c r="R540" s="76"/>
      <c r="S540" s="76"/>
      <c r="T540" s="76"/>
      <c r="U540" s="76"/>
      <c r="V540" s="76"/>
      <c r="W540" s="76"/>
      <c r="X540" s="76"/>
      <c r="Y540" s="76"/>
      <c r="Z540" s="76"/>
      <c r="AA540" s="85"/>
      <c r="AB540" s="85"/>
      <c r="AC540" s="85"/>
      <c r="AD540" s="85"/>
      <c r="AE540" s="85"/>
      <c r="AF540" s="85"/>
      <c r="AG540" s="86"/>
      <c r="AH540" s="85"/>
      <c r="AI540" s="85"/>
      <c r="AJ540" s="85"/>
      <c r="AK540" s="85"/>
      <c r="AL540" s="85"/>
      <c r="AM540" s="92"/>
      <c r="AN540" s="92"/>
      <c r="AO540" s="92"/>
      <c r="AP540" s="92"/>
      <c r="AQ540" s="92"/>
      <c r="AR540" s="92"/>
      <c r="AS540" s="92"/>
      <c r="AT540" s="92"/>
      <c r="AU540" s="92"/>
      <c r="AV540" s="92"/>
      <c r="AW540" s="92"/>
      <c r="AX540" s="92"/>
      <c r="AY540" s="92"/>
      <c r="AZ540" s="93"/>
      <c r="BA540" s="93"/>
      <c r="BB540" s="93"/>
      <c r="BC540" s="93"/>
      <c r="BD540" s="93"/>
      <c r="BE540" s="93"/>
      <c r="BF540" s="93"/>
      <c r="BG540" s="93"/>
      <c r="BH540" s="93"/>
      <c r="BI540" s="93"/>
      <c r="BJ540" s="93"/>
      <c r="BK540" s="93"/>
      <c r="BL540" s="93"/>
    </row>
    <row r="541" spans="2:64" x14ac:dyDescent="0.2">
      <c r="B541" s="43"/>
      <c r="C541" s="73"/>
      <c r="D541" s="64"/>
      <c r="E541" s="55"/>
      <c r="F541" s="74"/>
      <c r="G541" s="74"/>
      <c r="H541" s="74"/>
      <c r="I541" s="75"/>
      <c r="J541" s="74"/>
      <c r="L541" s="55"/>
      <c r="M541" s="234"/>
      <c r="N541" s="65"/>
      <c r="O541" s="76"/>
      <c r="P541" s="76"/>
      <c r="Q541" s="65"/>
      <c r="R541" s="76"/>
      <c r="S541" s="76"/>
      <c r="T541" s="76"/>
      <c r="U541" s="76"/>
      <c r="V541" s="76"/>
      <c r="W541" s="76"/>
      <c r="X541" s="76"/>
      <c r="Y541" s="76"/>
      <c r="Z541" s="76"/>
      <c r="AA541" s="85"/>
      <c r="AB541" s="85"/>
      <c r="AC541" s="85"/>
      <c r="AD541" s="85"/>
      <c r="AE541" s="85"/>
      <c r="AF541" s="85"/>
      <c r="AG541" s="86"/>
      <c r="AH541" s="85"/>
      <c r="AI541" s="85"/>
      <c r="AJ541" s="85"/>
      <c r="AK541" s="85"/>
      <c r="AL541" s="85"/>
      <c r="AM541" s="92"/>
      <c r="AN541" s="92"/>
      <c r="AO541" s="92"/>
      <c r="AP541" s="92"/>
      <c r="AQ541" s="92"/>
      <c r="AR541" s="92"/>
      <c r="AS541" s="92"/>
      <c r="AT541" s="92"/>
      <c r="AU541" s="92"/>
      <c r="AV541" s="92"/>
      <c r="AW541" s="92"/>
      <c r="AX541" s="92"/>
      <c r="AY541" s="92"/>
      <c r="AZ541" s="93"/>
      <c r="BA541" s="93"/>
      <c r="BB541" s="93"/>
      <c r="BC541" s="93"/>
      <c r="BD541" s="93"/>
      <c r="BE541" s="93"/>
      <c r="BF541" s="93"/>
      <c r="BG541" s="93"/>
      <c r="BH541" s="93"/>
      <c r="BI541" s="93"/>
      <c r="BJ541" s="93"/>
      <c r="BK541" s="93"/>
      <c r="BL541" s="93"/>
    </row>
    <row r="542" spans="2:64" x14ac:dyDescent="0.2">
      <c r="B542" s="43"/>
      <c r="C542" s="73"/>
      <c r="D542" s="64"/>
      <c r="E542" s="55"/>
      <c r="F542" s="74"/>
      <c r="G542" s="74"/>
      <c r="H542" s="74"/>
      <c r="I542" s="75"/>
      <c r="J542" s="74"/>
      <c r="L542" s="55"/>
      <c r="M542" s="234"/>
      <c r="N542" s="65"/>
      <c r="O542" s="76"/>
      <c r="P542" s="76"/>
      <c r="Q542" s="65"/>
      <c r="R542" s="76"/>
      <c r="S542" s="76"/>
      <c r="T542" s="76"/>
      <c r="U542" s="76"/>
      <c r="V542" s="76"/>
      <c r="W542" s="76"/>
      <c r="X542" s="76"/>
      <c r="Y542" s="76"/>
      <c r="Z542" s="76"/>
      <c r="AA542" s="85"/>
      <c r="AB542" s="85"/>
      <c r="AC542" s="85"/>
      <c r="AD542" s="85"/>
      <c r="AE542" s="85"/>
      <c r="AF542" s="85"/>
      <c r="AG542" s="86"/>
      <c r="AH542" s="85"/>
      <c r="AI542" s="85"/>
      <c r="AJ542" s="85"/>
      <c r="AK542" s="85"/>
      <c r="AL542" s="85"/>
      <c r="AM542" s="92"/>
      <c r="AN542" s="92"/>
      <c r="AO542" s="92"/>
      <c r="AP542" s="92"/>
      <c r="AQ542" s="92"/>
      <c r="AR542" s="92"/>
      <c r="AS542" s="92"/>
      <c r="AT542" s="92"/>
      <c r="AU542" s="92"/>
      <c r="AV542" s="92"/>
      <c r="AW542" s="92"/>
      <c r="AX542" s="92"/>
      <c r="AY542" s="92"/>
      <c r="AZ542" s="93"/>
      <c r="BA542" s="93"/>
      <c r="BB542" s="93"/>
      <c r="BC542" s="93"/>
      <c r="BD542" s="93"/>
      <c r="BE542" s="93"/>
      <c r="BF542" s="93"/>
      <c r="BG542" s="93"/>
      <c r="BH542" s="93"/>
      <c r="BI542" s="93"/>
      <c r="BJ542" s="93"/>
      <c r="BK542" s="93"/>
      <c r="BL542" s="93"/>
    </row>
    <row r="543" spans="2:64" x14ac:dyDescent="0.2">
      <c r="B543" s="43"/>
      <c r="C543" s="73"/>
      <c r="D543" s="64"/>
      <c r="E543" s="55"/>
      <c r="F543" s="74"/>
      <c r="G543" s="74"/>
      <c r="H543" s="74"/>
      <c r="I543" s="75"/>
      <c r="J543" s="74"/>
      <c r="L543" s="55"/>
      <c r="M543" s="234"/>
      <c r="N543" s="65"/>
      <c r="O543" s="76"/>
      <c r="P543" s="76"/>
      <c r="Q543" s="65"/>
      <c r="R543" s="76"/>
      <c r="S543" s="76"/>
      <c r="T543" s="76"/>
      <c r="U543" s="76"/>
      <c r="V543" s="76"/>
      <c r="W543" s="76"/>
      <c r="X543" s="76"/>
      <c r="Y543" s="76"/>
      <c r="Z543" s="76"/>
      <c r="AA543" s="85"/>
      <c r="AB543" s="85"/>
      <c r="AC543" s="85"/>
      <c r="AD543" s="85"/>
      <c r="AE543" s="85"/>
      <c r="AF543" s="85"/>
      <c r="AG543" s="86"/>
      <c r="AH543" s="85"/>
      <c r="AI543" s="85"/>
      <c r="AJ543" s="85"/>
      <c r="AK543" s="85"/>
      <c r="AL543" s="85"/>
      <c r="AM543" s="92"/>
      <c r="AN543" s="92"/>
      <c r="AO543" s="92"/>
      <c r="AP543" s="92"/>
      <c r="AQ543" s="92"/>
      <c r="AR543" s="92"/>
      <c r="AS543" s="92"/>
      <c r="AT543" s="92"/>
      <c r="AU543" s="92"/>
      <c r="AV543" s="92"/>
      <c r="AW543" s="92"/>
      <c r="AX543" s="92"/>
      <c r="AY543" s="92"/>
      <c r="AZ543" s="93"/>
      <c r="BA543" s="93"/>
      <c r="BB543" s="93"/>
      <c r="BC543" s="93"/>
      <c r="BD543" s="93"/>
      <c r="BE543" s="93"/>
      <c r="BF543" s="93"/>
      <c r="BG543" s="93"/>
      <c r="BH543" s="93"/>
      <c r="BI543" s="93"/>
      <c r="BJ543" s="93"/>
      <c r="BK543" s="93"/>
      <c r="BL543" s="93"/>
    </row>
    <row r="544" spans="2:64" x14ac:dyDescent="0.2">
      <c r="B544" s="43"/>
      <c r="C544" s="73"/>
      <c r="D544" s="64"/>
      <c r="E544" s="55"/>
      <c r="F544" s="74"/>
      <c r="G544" s="74"/>
      <c r="H544" s="74"/>
      <c r="I544" s="75"/>
      <c r="J544" s="74"/>
      <c r="L544" s="55"/>
      <c r="M544" s="234"/>
      <c r="N544" s="65"/>
      <c r="O544" s="76"/>
      <c r="P544" s="76"/>
      <c r="Q544" s="65"/>
      <c r="R544" s="76"/>
      <c r="S544" s="76"/>
      <c r="T544" s="76"/>
      <c r="U544" s="76"/>
      <c r="V544" s="76"/>
      <c r="W544" s="76"/>
      <c r="X544" s="76"/>
      <c r="Y544" s="76"/>
      <c r="Z544" s="76"/>
      <c r="AA544" s="85"/>
      <c r="AB544" s="85"/>
      <c r="AC544" s="85"/>
      <c r="AD544" s="85"/>
      <c r="AE544" s="85"/>
      <c r="AF544" s="85"/>
      <c r="AG544" s="86"/>
      <c r="AH544" s="85"/>
      <c r="AI544" s="85"/>
      <c r="AJ544" s="85"/>
      <c r="AK544" s="85"/>
      <c r="AL544" s="85"/>
      <c r="AM544" s="92"/>
      <c r="AN544" s="92"/>
      <c r="AO544" s="92"/>
      <c r="AP544" s="92"/>
      <c r="AQ544" s="92"/>
      <c r="AR544" s="92"/>
      <c r="AS544" s="92"/>
      <c r="AT544" s="92"/>
      <c r="AU544" s="92"/>
      <c r="AV544" s="92"/>
      <c r="AW544" s="92"/>
      <c r="AX544" s="92"/>
      <c r="AY544" s="92"/>
      <c r="AZ544" s="93"/>
      <c r="BA544" s="93"/>
      <c r="BB544" s="93"/>
      <c r="BC544" s="93"/>
      <c r="BD544" s="93"/>
      <c r="BE544" s="93"/>
      <c r="BF544" s="93"/>
      <c r="BG544" s="93"/>
      <c r="BH544" s="93"/>
      <c r="BI544" s="93"/>
      <c r="BJ544" s="93"/>
      <c r="BK544" s="93"/>
      <c r="BL544" s="93"/>
    </row>
    <row r="545" spans="2:64" x14ac:dyDescent="0.2">
      <c r="B545" s="43"/>
      <c r="C545" s="73"/>
      <c r="D545" s="64"/>
      <c r="E545" s="55"/>
      <c r="F545" s="74"/>
      <c r="G545" s="74"/>
      <c r="H545" s="74"/>
      <c r="I545" s="75"/>
      <c r="J545" s="74"/>
      <c r="L545" s="55"/>
      <c r="M545" s="234"/>
      <c r="N545" s="65"/>
      <c r="O545" s="76"/>
      <c r="P545" s="76"/>
      <c r="Q545" s="65"/>
      <c r="R545" s="76"/>
      <c r="S545" s="76"/>
      <c r="T545" s="76"/>
      <c r="U545" s="76"/>
      <c r="V545" s="76"/>
      <c r="W545" s="76"/>
      <c r="X545" s="76"/>
      <c r="Y545" s="76"/>
      <c r="Z545" s="76"/>
      <c r="AA545" s="85"/>
      <c r="AB545" s="85"/>
      <c r="AC545" s="85"/>
      <c r="AD545" s="85"/>
      <c r="AE545" s="85"/>
      <c r="AF545" s="85"/>
      <c r="AG545" s="86"/>
      <c r="AH545" s="85"/>
      <c r="AI545" s="85"/>
      <c r="AJ545" s="85"/>
      <c r="AK545" s="85"/>
      <c r="AL545" s="85"/>
      <c r="AM545" s="92"/>
      <c r="AN545" s="92"/>
      <c r="AO545" s="92"/>
      <c r="AP545" s="92"/>
      <c r="AQ545" s="92"/>
      <c r="AR545" s="92"/>
      <c r="AS545" s="92"/>
      <c r="AT545" s="92"/>
      <c r="AU545" s="92"/>
      <c r="AV545" s="92"/>
      <c r="AW545" s="92"/>
      <c r="AX545" s="92"/>
      <c r="AY545" s="92"/>
      <c r="AZ545" s="93"/>
      <c r="BA545" s="93"/>
      <c r="BB545" s="93"/>
      <c r="BC545" s="93"/>
      <c r="BD545" s="93"/>
      <c r="BE545" s="93"/>
      <c r="BF545" s="93"/>
      <c r="BG545" s="93"/>
      <c r="BH545" s="93"/>
      <c r="BI545" s="93"/>
      <c r="BJ545" s="93"/>
      <c r="BK545" s="93"/>
      <c r="BL545" s="93"/>
    </row>
    <row r="546" spans="2:64" x14ac:dyDescent="0.2">
      <c r="B546" s="43"/>
      <c r="C546" s="73"/>
      <c r="D546" s="64"/>
      <c r="E546" s="55"/>
      <c r="F546" s="74"/>
      <c r="G546" s="74"/>
      <c r="H546" s="74"/>
      <c r="I546" s="75"/>
      <c r="J546" s="74"/>
      <c r="L546" s="55"/>
      <c r="M546" s="234"/>
      <c r="N546" s="65"/>
      <c r="O546" s="76"/>
      <c r="P546" s="76"/>
      <c r="Q546" s="65"/>
      <c r="R546" s="76"/>
      <c r="S546" s="76"/>
      <c r="T546" s="76"/>
      <c r="U546" s="76"/>
      <c r="V546" s="76"/>
      <c r="W546" s="76"/>
      <c r="X546" s="76"/>
      <c r="Y546" s="76"/>
      <c r="Z546" s="76"/>
      <c r="AA546" s="85"/>
      <c r="AB546" s="85"/>
      <c r="AC546" s="85"/>
      <c r="AD546" s="85"/>
      <c r="AE546" s="85"/>
      <c r="AF546" s="85"/>
      <c r="AG546" s="86"/>
      <c r="AH546" s="85"/>
      <c r="AI546" s="85"/>
      <c r="AJ546" s="85"/>
      <c r="AK546" s="85"/>
      <c r="AL546" s="85"/>
      <c r="AM546" s="92"/>
      <c r="AN546" s="92"/>
      <c r="AO546" s="92"/>
      <c r="AP546" s="92"/>
      <c r="AQ546" s="92"/>
      <c r="AR546" s="92"/>
      <c r="AS546" s="92"/>
      <c r="AT546" s="92"/>
      <c r="AU546" s="92"/>
      <c r="AV546" s="92"/>
      <c r="AW546" s="92"/>
      <c r="AX546" s="92"/>
      <c r="AY546" s="92"/>
      <c r="AZ546" s="93"/>
      <c r="BA546" s="93"/>
      <c r="BB546" s="93"/>
      <c r="BC546" s="93"/>
      <c r="BD546" s="93"/>
      <c r="BE546" s="93"/>
      <c r="BF546" s="93"/>
      <c r="BG546" s="93"/>
      <c r="BH546" s="93"/>
      <c r="BI546" s="93"/>
      <c r="BJ546" s="93"/>
      <c r="BK546" s="93"/>
      <c r="BL546" s="93"/>
    </row>
    <row r="547" spans="2:64" x14ac:dyDescent="0.2">
      <c r="B547" s="43"/>
      <c r="C547" s="73"/>
      <c r="D547" s="64"/>
      <c r="E547" s="55"/>
      <c r="F547" s="74"/>
      <c r="G547" s="74"/>
      <c r="H547" s="74"/>
      <c r="I547" s="75"/>
      <c r="J547" s="74"/>
      <c r="L547" s="55"/>
      <c r="M547" s="234"/>
      <c r="N547" s="65"/>
      <c r="O547" s="76"/>
      <c r="P547" s="76"/>
      <c r="Q547" s="65"/>
      <c r="R547" s="76"/>
      <c r="S547" s="76"/>
      <c r="T547" s="76"/>
      <c r="U547" s="76"/>
      <c r="V547" s="76"/>
      <c r="W547" s="76"/>
      <c r="X547" s="76"/>
      <c r="Y547" s="76"/>
      <c r="Z547" s="76"/>
      <c r="AA547" s="85"/>
      <c r="AB547" s="85"/>
      <c r="AC547" s="85"/>
      <c r="AD547" s="85"/>
      <c r="AE547" s="85"/>
      <c r="AF547" s="85"/>
      <c r="AG547" s="86"/>
      <c r="AH547" s="85"/>
      <c r="AI547" s="85"/>
      <c r="AJ547" s="85"/>
      <c r="AK547" s="85"/>
      <c r="AL547" s="85"/>
      <c r="AM547" s="92"/>
      <c r="AN547" s="92"/>
      <c r="AO547" s="92"/>
      <c r="AP547" s="92"/>
      <c r="AQ547" s="92"/>
      <c r="AR547" s="92"/>
      <c r="AS547" s="92"/>
      <c r="AT547" s="92"/>
      <c r="AU547" s="92"/>
      <c r="AV547" s="92"/>
      <c r="AW547" s="92"/>
      <c r="AX547" s="92"/>
      <c r="AY547" s="92"/>
      <c r="AZ547" s="93"/>
      <c r="BA547" s="93"/>
      <c r="BB547" s="93"/>
      <c r="BC547" s="93"/>
      <c r="BD547" s="93"/>
      <c r="BE547" s="93"/>
      <c r="BF547" s="93"/>
      <c r="BG547" s="93"/>
      <c r="BH547" s="93"/>
      <c r="BI547" s="93"/>
      <c r="BJ547" s="93"/>
      <c r="BK547" s="93"/>
      <c r="BL547" s="93"/>
    </row>
    <row r="548" spans="2:64" x14ac:dyDescent="0.2">
      <c r="B548" s="43"/>
      <c r="C548" s="73"/>
      <c r="D548" s="64"/>
      <c r="E548" s="55"/>
      <c r="F548" s="74"/>
      <c r="G548" s="74"/>
      <c r="H548" s="74"/>
      <c r="I548" s="75"/>
      <c r="J548" s="74"/>
      <c r="L548" s="55"/>
      <c r="M548" s="234"/>
      <c r="N548" s="65"/>
      <c r="O548" s="76"/>
      <c r="P548" s="76"/>
      <c r="Q548" s="65"/>
      <c r="R548" s="76"/>
      <c r="S548" s="76"/>
      <c r="T548" s="76"/>
      <c r="U548" s="76"/>
      <c r="V548" s="76"/>
      <c r="W548" s="76"/>
      <c r="X548" s="76"/>
      <c r="Y548" s="76"/>
      <c r="Z548" s="76"/>
      <c r="AA548" s="85"/>
      <c r="AB548" s="85"/>
      <c r="AC548" s="85"/>
      <c r="AD548" s="85"/>
      <c r="AE548" s="85"/>
      <c r="AF548" s="85"/>
      <c r="AG548" s="86"/>
      <c r="AH548" s="85"/>
      <c r="AI548" s="85"/>
      <c r="AJ548" s="85"/>
      <c r="AK548" s="85"/>
      <c r="AL548" s="85"/>
      <c r="AM548" s="92"/>
      <c r="AN548" s="92"/>
      <c r="AO548" s="92"/>
      <c r="AP548" s="92"/>
      <c r="AQ548" s="92"/>
      <c r="AR548" s="92"/>
      <c r="AS548" s="92"/>
      <c r="AT548" s="92"/>
      <c r="AU548" s="92"/>
      <c r="AV548" s="92"/>
      <c r="AW548" s="92"/>
      <c r="AX548" s="92"/>
      <c r="AY548" s="92"/>
      <c r="AZ548" s="93"/>
      <c r="BA548" s="93"/>
      <c r="BB548" s="93"/>
      <c r="BC548" s="93"/>
      <c r="BD548" s="93"/>
      <c r="BE548" s="93"/>
      <c r="BF548" s="93"/>
      <c r="BG548" s="93"/>
      <c r="BH548" s="93"/>
      <c r="BI548" s="93"/>
      <c r="BJ548" s="93"/>
      <c r="BK548" s="93"/>
      <c r="BL548" s="93"/>
    </row>
    <row r="549" spans="2:64" x14ac:dyDescent="0.2">
      <c r="B549" s="43"/>
      <c r="C549" s="73"/>
      <c r="D549" s="64"/>
      <c r="E549" s="55"/>
      <c r="F549" s="74"/>
      <c r="G549" s="74"/>
      <c r="H549" s="74"/>
      <c r="I549" s="75"/>
      <c r="J549" s="74"/>
      <c r="L549" s="55"/>
      <c r="M549" s="234"/>
      <c r="N549" s="65"/>
      <c r="O549" s="76"/>
      <c r="P549" s="76"/>
      <c r="Q549" s="65"/>
      <c r="R549" s="76"/>
      <c r="S549" s="76"/>
      <c r="T549" s="76"/>
      <c r="U549" s="76"/>
      <c r="V549" s="76"/>
      <c r="W549" s="76"/>
      <c r="X549" s="76"/>
      <c r="Y549" s="76"/>
      <c r="Z549" s="76"/>
      <c r="AA549" s="85"/>
      <c r="AB549" s="85"/>
      <c r="AC549" s="85"/>
      <c r="AD549" s="85"/>
      <c r="AE549" s="85"/>
      <c r="AF549" s="85"/>
      <c r="AG549" s="86"/>
      <c r="AH549" s="85"/>
      <c r="AI549" s="85"/>
      <c r="AJ549" s="85"/>
      <c r="AK549" s="85"/>
      <c r="AL549" s="85"/>
      <c r="AM549" s="92"/>
      <c r="AN549" s="92"/>
      <c r="AO549" s="92"/>
      <c r="AP549" s="92"/>
      <c r="AQ549" s="92"/>
      <c r="AR549" s="92"/>
      <c r="AS549" s="92"/>
      <c r="AT549" s="92"/>
      <c r="AU549" s="92"/>
      <c r="AV549" s="92"/>
      <c r="AW549" s="92"/>
      <c r="AX549" s="92"/>
      <c r="AY549" s="92"/>
      <c r="AZ549" s="93"/>
      <c r="BA549" s="93"/>
      <c r="BB549" s="93"/>
      <c r="BC549" s="93"/>
      <c r="BD549" s="93"/>
      <c r="BE549" s="93"/>
      <c r="BF549" s="93"/>
      <c r="BG549" s="93"/>
      <c r="BH549" s="93"/>
      <c r="BI549" s="93"/>
      <c r="BJ549" s="93"/>
      <c r="BK549" s="93"/>
      <c r="BL549" s="93"/>
    </row>
    <row r="550" spans="2:64" x14ac:dyDescent="0.2">
      <c r="B550" s="43"/>
      <c r="C550" s="73"/>
      <c r="D550" s="64"/>
      <c r="E550" s="55"/>
      <c r="F550" s="74"/>
      <c r="G550" s="74"/>
      <c r="H550" s="74"/>
      <c r="I550" s="75"/>
      <c r="J550" s="74"/>
      <c r="L550" s="55"/>
      <c r="M550" s="234"/>
      <c r="N550" s="65"/>
      <c r="O550" s="76"/>
      <c r="P550" s="76"/>
      <c r="Q550" s="65"/>
      <c r="R550" s="76"/>
      <c r="S550" s="76"/>
      <c r="T550" s="76"/>
      <c r="U550" s="76"/>
      <c r="V550" s="76"/>
      <c r="W550" s="76"/>
      <c r="X550" s="76"/>
      <c r="Y550" s="76"/>
      <c r="Z550" s="76"/>
      <c r="AA550" s="85"/>
      <c r="AB550" s="85"/>
      <c r="AC550" s="85"/>
      <c r="AD550" s="85"/>
      <c r="AE550" s="85"/>
      <c r="AF550" s="85"/>
      <c r="AG550" s="86"/>
      <c r="AH550" s="85"/>
      <c r="AI550" s="85"/>
      <c r="AJ550" s="85"/>
      <c r="AK550" s="85"/>
      <c r="AL550" s="85"/>
      <c r="AM550" s="92"/>
      <c r="AN550" s="92"/>
      <c r="AO550" s="92"/>
      <c r="AP550" s="92"/>
      <c r="AQ550" s="92"/>
      <c r="AR550" s="92"/>
      <c r="AS550" s="92"/>
      <c r="AT550" s="92"/>
      <c r="AU550" s="92"/>
      <c r="AV550" s="92"/>
      <c r="AW550" s="92"/>
      <c r="AX550" s="92"/>
      <c r="AY550" s="92"/>
      <c r="AZ550" s="93"/>
      <c r="BA550" s="93"/>
      <c r="BB550" s="93"/>
      <c r="BC550" s="93"/>
      <c r="BD550" s="93"/>
      <c r="BE550" s="93"/>
      <c r="BF550" s="93"/>
      <c r="BG550" s="93"/>
      <c r="BH550" s="93"/>
      <c r="BI550" s="93"/>
      <c r="BJ550" s="93"/>
      <c r="BK550" s="93"/>
      <c r="BL550" s="93"/>
    </row>
    <row r="551" spans="2:64" x14ac:dyDescent="0.2">
      <c r="B551" s="43"/>
      <c r="C551" s="73"/>
      <c r="D551" s="64"/>
      <c r="E551" s="55"/>
      <c r="F551" s="74"/>
      <c r="G551" s="74"/>
      <c r="H551" s="74"/>
      <c r="I551" s="75"/>
      <c r="J551" s="74"/>
      <c r="L551" s="55"/>
      <c r="M551" s="234"/>
      <c r="N551" s="65"/>
      <c r="O551" s="76"/>
      <c r="P551" s="76"/>
      <c r="Q551" s="65"/>
      <c r="R551" s="76"/>
      <c r="S551" s="76"/>
      <c r="T551" s="76"/>
      <c r="U551" s="76"/>
      <c r="V551" s="76"/>
      <c r="W551" s="76"/>
      <c r="X551" s="76"/>
      <c r="Y551" s="76"/>
      <c r="Z551" s="76"/>
      <c r="AA551" s="85"/>
      <c r="AB551" s="85"/>
      <c r="AC551" s="85"/>
      <c r="AD551" s="85"/>
      <c r="AE551" s="85"/>
      <c r="AF551" s="85"/>
      <c r="AG551" s="86"/>
      <c r="AH551" s="85"/>
      <c r="AI551" s="85"/>
      <c r="AJ551" s="85"/>
      <c r="AK551" s="85"/>
      <c r="AL551" s="85"/>
      <c r="AM551" s="92"/>
      <c r="AN551" s="92"/>
      <c r="AO551" s="92"/>
      <c r="AP551" s="92"/>
      <c r="AQ551" s="92"/>
      <c r="AR551" s="92"/>
      <c r="AS551" s="92"/>
      <c r="AT551" s="92"/>
      <c r="AU551" s="92"/>
      <c r="AV551" s="92"/>
      <c r="AW551" s="92"/>
      <c r="AX551" s="92"/>
      <c r="AY551" s="92"/>
      <c r="AZ551" s="93"/>
      <c r="BA551" s="93"/>
      <c r="BB551" s="93"/>
      <c r="BC551" s="93"/>
      <c r="BD551" s="93"/>
      <c r="BE551" s="93"/>
      <c r="BF551" s="93"/>
      <c r="BG551" s="93"/>
      <c r="BH551" s="93"/>
      <c r="BI551" s="93"/>
      <c r="BJ551" s="93"/>
      <c r="BK551" s="93"/>
      <c r="BL551" s="93"/>
    </row>
    <row r="552" spans="2:64" x14ac:dyDescent="0.2">
      <c r="B552" s="43"/>
      <c r="C552" s="73"/>
      <c r="D552" s="64"/>
      <c r="E552" s="55"/>
      <c r="F552" s="74"/>
      <c r="G552" s="74"/>
      <c r="H552" s="74"/>
      <c r="I552" s="75"/>
      <c r="J552" s="74"/>
      <c r="L552" s="55"/>
      <c r="M552" s="234"/>
      <c r="N552" s="65"/>
      <c r="O552" s="76"/>
      <c r="P552" s="76"/>
      <c r="Q552" s="65"/>
      <c r="R552" s="76"/>
      <c r="S552" s="76"/>
      <c r="T552" s="76"/>
      <c r="U552" s="76"/>
      <c r="V552" s="76"/>
      <c r="W552" s="76"/>
      <c r="X552" s="76"/>
      <c r="Y552" s="76"/>
      <c r="Z552" s="76"/>
      <c r="AA552" s="85"/>
      <c r="AB552" s="85"/>
      <c r="AC552" s="85"/>
      <c r="AD552" s="85"/>
      <c r="AE552" s="85"/>
      <c r="AF552" s="85"/>
      <c r="AG552" s="86"/>
      <c r="AH552" s="85"/>
      <c r="AI552" s="85"/>
      <c r="AJ552" s="85"/>
      <c r="AK552" s="85"/>
      <c r="AL552" s="85"/>
      <c r="AM552" s="92"/>
      <c r="AN552" s="92"/>
      <c r="AO552" s="92"/>
      <c r="AP552" s="92"/>
      <c r="AQ552" s="92"/>
      <c r="AR552" s="92"/>
      <c r="AS552" s="92"/>
      <c r="AT552" s="92"/>
      <c r="AU552" s="92"/>
      <c r="AV552" s="92"/>
      <c r="AW552" s="92"/>
      <c r="AX552" s="92"/>
      <c r="AY552" s="92"/>
      <c r="AZ552" s="93"/>
      <c r="BA552" s="93"/>
      <c r="BB552" s="93"/>
      <c r="BC552" s="93"/>
      <c r="BD552" s="93"/>
      <c r="BE552" s="93"/>
      <c r="BF552" s="93"/>
      <c r="BG552" s="93"/>
      <c r="BH552" s="93"/>
      <c r="BI552" s="93"/>
      <c r="BJ552" s="93"/>
      <c r="BK552" s="93"/>
      <c r="BL552" s="93"/>
    </row>
    <row r="553" spans="2:64" x14ac:dyDescent="0.2">
      <c r="B553" s="43"/>
      <c r="C553" s="73"/>
      <c r="D553" s="64"/>
      <c r="E553" s="55"/>
      <c r="F553" s="74"/>
      <c r="G553" s="74"/>
      <c r="H553" s="74"/>
      <c r="I553" s="75"/>
      <c r="J553" s="74"/>
      <c r="L553" s="55"/>
      <c r="M553" s="234"/>
      <c r="N553" s="65"/>
      <c r="O553" s="76"/>
      <c r="P553" s="76"/>
      <c r="Q553" s="65"/>
      <c r="R553" s="76"/>
      <c r="S553" s="76"/>
      <c r="T553" s="76"/>
      <c r="U553" s="76"/>
      <c r="V553" s="76"/>
      <c r="W553" s="76"/>
      <c r="X553" s="76"/>
      <c r="Y553" s="76"/>
      <c r="Z553" s="76"/>
      <c r="AA553" s="85"/>
      <c r="AB553" s="85"/>
      <c r="AC553" s="85"/>
      <c r="AD553" s="85"/>
      <c r="AE553" s="85"/>
      <c r="AF553" s="85"/>
      <c r="AG553" s="86"/>
      <c r="AH553" s="85"/>
      <c r="AI553" s="85"/>
      <c r="AJ553" s="85"/>
      <c r="AK553" s="85"/>
      <c r="AL553" s="85"/>
      <c r="AM553" s="92"/>
      <c r="AN553" s="92"/>
      <c r="AO553" s="92"/>
      <c r="AP553" s="92"/>
      <c r="AQ553" s="92"/>
      <c r="AR553" s="92"/>
      <c r="AS553" s="92"/>
      <c r="AT553" s="92"/>
      <c r="AU553" s="92"/>
      <c r="AV553" s="92"/>
      <c r="AW553" s="92"/>
      <c r="AX553" s="92"/>
      <c r="AY553" s="92"/>
      <c r="AZ553" s="93"/>
      <c r="BA553" s="93"/>
      <c r="BB553" s="93"/>
      <c r="BC553" s="93"/>
      <c r="BD553" s="93"/>
      <c r="BE553" s="93"/>
      <c r="BF553" s="93"/>
      <c r="BG553" s="93"/>
      <c r="BH553" s="93"/>
      <c r="BI553" s="93"/>
      <c r="BJ553" s="93"/>
      <c r="BK553" s="93"/>
      <c r="BL553" s="93"/>
    </row>
    <row r="554" spans="2:64" x14ac:dyDescent="0.2">
      <c r="B554" s="43"/>
      <c r="C554" s="73"/>
      <c r="D554" s="64"/>
      <c r="E554" s="55"/>
      <c r="F554" s="74"/>
      <c r="G554" s="74"/>
      <c r="H554" s="74"/>
      <c r="I554" s="75"/>
      <c r="J554" s="74"/>
      <c r="L554" s="55"/>
      <c r="M554" s="234"/>
      <c r="N554" s="65"/>
      <c r="O554" s="76"/>
      <c r="P554" s="76"/>
      <c r="Q554" s="65"/>
      <c r="R554" s="76"/>
      <c r="S554" s="76"/>
      <c r="T554" s="76"/>
      <c r="U554" s="76"/>
      <c r="V554" s="76"/>
      <c r="W554" s="76"/>
      <c r="X554" s="76"/>
      <c r="Y554" s="76"/>
      <c r="Z554" s="76"/>
      <c r="AA554" s="85"/>
      <c r="AB554" s="85"/>
      <c r="AC554" s="85"/>
      <c r="AD554" s="85"/>
      <c r="AE554" s="85"/>
      <c r="AF554" s="85"/>
      <c r="AG554" s="86"/>
      <c r="AH554" s="85"/>
      <c r="AI554" s="85"/>
      <c r="AJ554" s="85"/>
      <c r="AK554" s="85"/>
      <c r="AL554" s="85"/>
      <c r="AM554" s="92"/>
      <c r="AN554" s="92"/>
      <c r="AO554" s="92"/>
      <c r="AP554" s="92"/>
      <c r="AQ554" s="92"/>
      <c r="AR554" s="92"/>
      <c r="AS554" s="92"/>
      <c r="AT554" s="92"/>
      <c r="AU554" s="92"/>
      <c r="AV554" s="92"/>
      <c r="AW554" s="92"/>
      <c r="AX554" s="92"/>
      <c r="AY554" s="92"/>
      <c r="AZ554" s="93"/>
      <c r="BA554" s="93"/>
      <c r="BB554" s="93"/>
      <c r="BC554" s="93"/>
      <c r="BD554" s="93"/>
      <c r="BE554" s="93"/>
      <c r="BF554" s="93"/>
      <c r="BG554" s="93"/>
      <c r="BH554" s="93"/>
      <c r="BI554" s="93"/>
      <c r="BJ554" s="93"/>
      <c r="BK554" s="93"/>
      <c r="BL554" s="93"/>
    </row>
    <row r="555" spans="2:64" x14ac:dyDescent="0.2">
      <c r="B555" s="43"/>
      <c r="C555" s="73"/>
      <c r="D555" s="64"/>
      <c r="E555" s="55"/>
      <c r="F555" s="74"/>
      <c r="G555" s="74"/>
      <c r="H555" s="74"/>
      <c r="I555" s="75"/>
      <c r="J555" s="74"/>
      <c r="L555" s="55"/>
      <c r="M555" s="234"/>
      <c r="N555" s="65"/>
      <c r="O555" s="76"/>
      <c r="P555" s="76"/>
      <c r="Q555" s="65"/>
      <c r="R555" s="76"/>
      <c r="S555" s="76"/>
      <c r="T555" s="76"/>
      <c r="U555" s="76"/>
      <c r="V555" s="76"/>
      <c r="W555" s="76"/>
      <c r="X555" s="76"/>
      <c r="Y555" s="76"/>
      <c r="Z555" s="76"/>
      <c r="AA555" s="85"/>
      <c r="AB555" s="85"/>
      <c r="AC555" s="85"/>
      <c r="AD555" s="85"/>
      <c r="AE555" s="85"/>
      <c r="AF555" s="85"/>
      <c r="AG555" s="86"/>
      <c r="AH555" s="85"/>
      <c r="AI555" s="85"/>
      <c r="AJ555" s="85"/>
      <c r="AK555" s="85"/>
      <c r="AL555" s="85"/>
      <c r="AM555" s="92"/>
      <c r="AN555" s="92"/>
      <c r="AO555" s="92"/>
      <c r="AP555" s="92"/>
      <c r="AQ555" s="92"/>
      <c r="AR555" s="92"/>
      <c r="AS555" s="92"/>
      <c r="AT555" s="92"/>
      <c r="AU555" s="92"/>
      <c r="AV555" s="92"/>
      <c r="AW555" s="92"/>
      <c r="AX555" s="92"/>
      <c r="AY555" s="92"/>
      <c r="AZ555" s="93"/>
      <c r="BA555" s="93"/>
      <c r="BB555" s="93"/>
      <c r="BC555" s="93"/>
      <c r="BD555" s="93"/>
      <c r="BE555" s="93"/>
      <c r="BF555" s="93"/>
      <c r="BG555" s="93"/>
      <c r="BH555" s="93"/>
      <c r="BI555" s="93"/>
      <c r="BJ555" s="93"/>
      <c r="BK555" s="93"/>
      <c r="BL555" s="93"/>
    </row>
    <row r="556" spans="2:64" x14ac:dyDescent="0.2">
      <c r="B556" s="43"/>
      <c r="C556" s="73"/>
      <c r="D556" s="64"/>
      <c r="E556" s="55"/>
      <c r="F556" s="74"/>
      <c r="G556" s="74"/>
      <c r="H556" s="74"/>
      <c r="I556" s="75"/>
      <c r="J556" s="74"/>
      <c r="L556" s="55"/>
      <c r="M556" s="234"/>
      <c r="N556" s="65"/>
      <c r="O556" s="76"/>
      <c r="P556" s="76"/>
      <c r="Q556" s="65"/>
      <c r="R556" s="76"/>
      <c r="S556" s="76"/>
      <c r="T556" s="76"/>
      <c r="U556" s="76"/>
      <c r="V556" s="76"/>
      <c r="W556" s="76"/>
      <c r="X556" s="76"/>
      <c r="Y556" s="76"/>
      <c r="Z556" s="76"/>
      <c r="AA556" s="85"/>
      <c r="AB556" s="85"/>
      <c r="AC556" s="85"/>
      <c r="AD556" s="85"/>
      <c r="AE556" s="85"/>
      <c r="AF556" s="85"/>
      <c r="AG556" s="86"/>
      <c r="AH556" s="85"/>
      <c r="AI556" s="85"/>
      <c r="AJ556" s="85"/>
      <c r="AK556" s="85"/>
      <c r="AL556" s="85"/>
      <c r="AM556" s="92"/>
      <c r="AN556" s="92"/>
      <c r="AO556" s="92"/>
      <c r="AP556" s="92"/>
      <c r="AQ556" s="92"/>
      <c r="AR556" s="92"/>
      <c r="AS556" s="92"/>
      <c r="AT556" s="92"/>
      <c r="AU556" s="92"/>
      <c r="AV556" s="92"/>
      <c r="AW556" s="92"/>
      <c r="AX556" s="92"/>
      <c r="AY556" s="92"/>
      <c r="AZ556" s="93"/>
      <c r="BA556" s="93"/>
      <c r="BB556" s="93"/>
      <c r="BC556" s="93"/>
      <c r="BD556" s="93"/>
      <c r="BE556" s="93"/>
      <c r="BF556" s="93"/>
      <c r="BG556" s="93"/>
      <c r="BH556" s="93"/>
      <c r="BI556" s="93"/>
      <c r="BJ556" s="93"/>
      <c r="BK556" s="93"/>
      <c r="BL556" s="93"/>
    </row>
    <row r="557" spans="2:64" x14ac:dyDescent="0.2">
      <c r="B557" s="43"/>
      <c r="C557" s="73"/>
      <c r="D557" s="64"/>
      <c r="E557" s="55"/>
      <c r="F557" s="74"/>
      <c r="G557" s="74"/>
      <c r="H557" s="74"/>
      <c r="I557" s="75"/>
      <c r="J557" s="74"/>
      <c r="L557" s="55"/>
      <c r="M557" s="234"/>
      <c r="N557" s="65"/>
      <c r="O557" s="76"/>
      <c r="P557" s="76"/>
      <c r="Q557" s="65"/>
      <c r="R557" s="76"/>
      <c r="S557" s="76"/>
      <c r="T557" s="76"/>
      <c r="U557" s="76"/>
      <c r="V557" s="76"/>
      <c r="W557" s="76"/>
      <c r="X557" s="76"/>
      <c r="Y557" s="76"/>
      <c r="Z557" s="76"/>
      <c r="AA557" s="85"/>
      <c r="AB557" s="85"/>
      <c r="AC557" s="85"/>
      <c r="AD557" s="85"/>
      <c r="AE557" s="85"/>
      <c r="AF557" s="85"/>
      <c r="AG557" s="86"/>
      <c r="AH557" s="85"/>
      <c r="AI557" s="85"/>
      <c r="AJ557" s="85"/>
      <c r="AK557" s="85"/>
      <c r="AL557" s="85"/>
      <c r="AM557" s="92"/>
      <c r="AN557" s="92"/>
      <c r="AO557" s="92"/>
      <c r="AP557" s="92"/>
      <c r="AQ557" s="92"/>
      <c r="AR557" s="92"/>
      <c r="AS557" s="92"/>
      <c r="AT557" s="92"/>
      <c r="AU557" s="92"/>
      <c r="AV557" s="92"/>
      <c r="AW557" s="92"/>
      <c r="AX557" s="92"/>
      <c r="AY557" s="92"/>
      <c r="AZ557" s="93"/>
      <c r="BA557" s="93"/>
      <c r="BB557" s="93"/>
      <c r="BC557" s="93"/>
      <c r="BD557" s="93"/>
      <c r="BE557" s="93"/>
      <c r="BF557" s="93"/>
      <c r="BG557" s="93"/>
      <c r="BH557" s="93"/>
      <c r="BI557" s="93"/>
      <c r="BJ557" s="93"/>
      <c r="BK557" s="93"/>
      <c r="BL557" s="93"/>
    </row>
    <row r="558" spans="2:64" x14ac:dyDescent="0.2">
      <c r="B558" s="43"/>
      <c r="C558" s="73"/>
      <c r="D558" s="64"/>
      <c r="E558" s="55"/>
      <c r="F558" s="74"/>
      <c r="G558" s="74"/>
      <c r="H558" s="74"/>
      <c r="I558" s="75"/>
      <c r="J558" s="74"/>
      <c r="L558" s="55"/>
      <c r="M558" s="234"/>
      <c r="N558" s="65"/>
      <c r="O558" s="76"/>
      <c r="P558" s="76"/>
      <c r="Q558" s="65"/>
      <c r="R558" s="76"/>
      <c r="S558" s="76"/>
      <c r="T558" s="76"/>
      <c r="U558" s="76"/>
      <c r="V558" s="76"/>
      <c r="W558" s="76"/>
      <c r="X558" s="76"/>
      <c r="Y558" s="76"/>
      <c r="Z558" s="76"/>
      <c r="AA558" s="85"/>
      <c r="AB558" s="85"/>
      <c r="AC558" s="85"/>
      <c r="AD558" s="85"/>
      <c r="AE558" s="85"/>
      <c r="AF558" s="85"/>
      <c r="AG558" s="86"/>
      <c r="AH558" s="85"/>
      <c r="AI558" s="85"/>
      <c r="AJ558" s="85"/>
      <c r="AK558" s="85"/>
      <c r="AL558" s="85"/>
      <c r="AM558" s="92"/>
      <c r="AN558" s="92"/>
      <c r="AO558" s="92"/>
      <c r="AP558" s="92"/>
      <c r="AQ558" s="92"/>
      <c r="AR558" s="92"/>
      <c r="AS558" s="92"/>
      <c r="AT558" s="92"/>
      <c r="AU558" s="92"/>
      <c r="AV558" s="92"/>
      <c r="AW558" s="92"/>
      <c r="AX558" s="92"/>
      <c r="AY558" s="92"/>
      <c r="AZ558" s="93"/>
      <c r="BA558" s="93"/>
      <c r="BB558" s="93"/>
      <c r="BC558" s="93"/>
      <c r="BD558" s="93"/>
      <c r="BE558" s="93"/>
      <c r="BF558" s="93"/>
      <c r="BG558" s="93"/>
      <c r="BH558" s="93"/>
      <c r="BI558" s="93"/>
      <c r="BJ558" s="93"/>
      <c r="BK558" s="93"/>
      <c r="BL558" s="93"/>
    </row>
    <row r="559" spans="2:64" x14ac:dyDescent="0.2">
      <c r="B559" s="43"/>
      <c r="C559" s="73"/>
      <c r="D559" s="64"/>
      <c r="E559" s="55"/>
      <c r="F559" s="74"/>
      <c r="G559" s="74"/>
      <c r="H559" s="74"/>
      <c r="I559" s="75"/>
      <c r="J559" s="74"/>
      <c r="L559" s="55"/>
      <c r="M559" s="234"/>
      <c r="N559" s="65"/>
      <c r="O559" s="76"/>
      <c r="P559" s="76"/>
      <c r="Q559" s="65"/>
      <c r="R559" s="76"/>
      <c r="S559" s="76"/>
      <c r="T559" s="76"/>
      <c r="U559" s="76"/>
      <c r="V559" s="76"/>
      <c r="W559" s="76"/>
      <c r="X559" s="76"/>
      <c r="Y559" s="76"/>
      <c r="Z559" s="76"/>
      <c r="AA559" s="85"/>
      <c r="AB559" s="85"/>
      <c r="AC559" s="85"/>
      <c r="AD559" s="85"/>
      <c r="AE559" s="85"/>
      <c r="AF559" s="85"/>
      <c r="AG559" s="86"/>
      <c r="AH559" s="85"/>
      <c r="AI559" s="85"/>
      <c r="AJ559" s="85"/>
      <c r="AK559" s="85"/>
      <c r="AL559" s="85"/>
      <c r="AM559" s="92"/>
      <c r="AN559" s="92"/>
      <c r="AO559" s="92"/>
      <c r="AP559" s="92"/>
      <c r="AQ559" s="92"/>
      <c r="AR559" s="92"/>
      <c r="AS559" s="92"/>
      <c r="AT559" s="92"/>
      <c r="AU559" s="92"/>
      <c r="AV559" s="92"/>
      <c r="AW559" s="92"/>
      <c r="AX559" s="92"/>
      <c r="AY559" s="92"/>
      <c r="AZ559" s="93"/>
      <c r="BA559" s="93"/>
      <c r="BB559" s="93"/>
      <c r="BC559" s="93"/>
      <c r="BD559" s="93"/>
      <c r="BE559" s="93"/>
      <c r="BF559" s="93"/>
      <c r="BG559" s="93"/>
      <c r="BH559" s="93"/>
      <c r="BI559" s="93"/>
      <c r="BJ559" s="93"/>
      <c r="BK559" s="93"/>
      <c r="BL559" s="93"/>
    </row>
    <row r="560" spans="2:64" x14ac:dyDescent="0.2">
      <c r="B560" s="43"/>
      <c r="C560" s="73"/>
      <c r="D560" s="64"/>
      <c r="E560" s="55"/>
      <c r="F560" s="74"/>
      <c r="G560" s="74"/>
      <c r="H560" s="74"/>
      <c r="I560" s="75"/>
      <c r="J560" s="74"/>
      <c r="L560" s="55"/>
      <c r="M560" s="234"/>
      <c r="N560" s="65"/>
      <c r="O560" s="76"/>
      <c r="P560" s="76"/>
      <c r="Q560" s="65"/>
      <c r="R560" s="76"/>
      <c r="S560" s="76"/>
      <c r="T560" s="76"/>
      <c r="U560" s="76"/>
      <c r="V560" s="76"/>
      <c r="W560" s="76"/>
      <c r="X560" s="76"/>
      <c r="Y560" s="76"/>
      <c r="Z560" s="76"/>
      <c r="AA560" s="85"/>
      <c r="AB560" s="85"/>
      <c r="AC560" s="85"/>
      <c r="AD560" s="85"/>
      <c r="AE560" s="85"/>
      <c r="AF560" s="85"/>
      <c r="AG560" s="86"/>
      <c r="AH560" s="85"/>
      <c r="AI560" s="85"/>
      <c r="AJ560" s="85"/>
      <c r="AK560" s="85"/>
      <c r="AL560" s="85"/>
      <c r="AM560" s="92"/>
      <c r="AN560" s="92"/>
      <c r="AO560" s="92"/>
      <c r="AP560" s="92"/>
      <c r="AQ560" s="92"/>
      <c r="AR560" s="92"/>
      <c r="AS560" s="92"/>
      <c r="AT560" s="92"/>
      <c r="AU560" s="92"/>
      <c r="AV560" s="92"/>
      <c r="AW560" s="92"/>
      <c r="AX560" s="92"/>
      <c r="AY560" s="92"/>
      <c r="AZ560" s="93"/>
      <c r="BA560" s="93"/>
      <c r="BB560" s="93"/>
      <c r="BC560" s="93"/>
      <c r="BD560" s="93"/>
      <c r="BE560" s="93"/>
      <c r="BF560" s="93"/>
      <c r="BG560" s="93"/>
      <c r="BH560" s="93"/>
      <c r="BI560" s="93"/>
      <c r="BJ560" s="93"/>
      <c r="BK560" s="93"/>
      <c r="BL560" s="93"/>
    </row>
    <row r="561" spans="2:64" x14ac:dyDescent="0.2">
      <c r="B561" s="43"/>
      <c r="C561" s="73"/>
      <c r="D561" s="64"/>
      <c r="E561" s="55"/>
      <c r="F561" s="74"/>
      <c r="G561" s="74"/>
      <c r="H561" s="74"/>
      <c r="I561" s="75"/>
      <c r="J561" s="74"/>
      <c r="L561" s="55"/>
      <c r="M561" s="234"/>
      <c r="N561" s="65"/>
      <c r="O561" s="76"/>
      <c r="P561" s="76"/>
      <c r="Q561" s="65"/>
      <c r="R561" s="76"/>
      <c r="S561" s="76"/>
      <c r="T561" s="76"/>
      <c r="U561" s="76"/>
      <c r="V561" s="76"/>
      <c r="W561" s="76"/>
      <c r="X561" s="76"/>
      <c r="Y561" s="76"/>
      <c r="Z561" s="76"/>
      <c r="AA561" s="85"/>
      <c r="AB561" s="85"/>
      <c r="AC561" s="85"/>
      <c r="AD561" s="85"/>
      <c r="AE561" s="85"/>
      <c r="AF561" s="85"/>
      <c r="AG561" s="86"/>
      <c r="AH561" s="85"/>
      <c r="AI561" s="85"/>
      <c r="AJ561" s="85"/>
      <c r="AK561" s="85"/>
      <c r="AL561" s="85"/>
      <c r="AM561" s="92"/>
      <c r="AN561" s="92"/>
      <c r="AO561" s="92"/>
      <c r="AP561" s="92"/>
      <c r="AQ561" s="92"/>
      <c r="AR561" s="92"/>
      <c r="AS561" s="92"/>
      <c r="AT561" s="92"/>
      <c r="AU561" s="92"/>
      <c r="AV561" s="92"/>
      <c r="AW561" s="92"/>
      <c r="AX561" s="92"/>
      <c r="AY561" s="92"/>
      <c r="AZ561" s="93"/>
      <c r="BA561" s="93"/>
      <c r="BB561" s="93"/>
      <c r="BC561" s="93"/>
      <c r="BD561" s="93"/>
      <c r="BE561" s="93"/>
      <c r="BF561" s="93"/>
      <c r="BG561" s="93"/>
      <c r="BH561" s="93"/>
      <c r="BI561" s="93"/>
      <c r="BJ561" s="93"/>
      <c r="BK561" s="93"/>
      <c r="BL561" s="93"/>
    </row>
    <row r="562" spans="2:64" x14ac:dyDescent="0.2">
      <c r="B562" s="43"/>
      <c r="C562" s="73"/>
      <c r="D562" s="64"/>
      <c r="E562" s="55"/>
      <c r="F562" s="74"/>
      <c r="G562" s="74"/>
      <c r="H562" s="74"/>
      <c r="I562" s="75"/>
      <c r="J562" s="74"/>
      <c r="L562" s="55"/>
      <c r="M562" s="234"/>
      <c r="N562" s="65"/>
      <c r="O562" s="76"/>
      <c r="P562" s="76"/>
      <c r="Q562" s="65"/>
      <c r="R562" s="76"/>
      <c r="S562" s="76"/>
      <c r="T562" s="76"/>
      <c r="U562" s="76"/>
      <c r="V562" s="76"/>
      <c r="W562" s="76"/>
      <c r="X562" s="76"/>
      <c r="Y562" s="76"/>
      <c r="Z562" s="76"/>
      <c r="AA562" s="85"/>
      <c r="AB562" s="85"/>
      <c r="AC562" s="85"/>
      <c r="AD562" s="85"/>
      <c r="AE562" s="85"/>
      <c r="AF562" s="85"/>
      <c r="AG562" s="86"/>
      <c r="AH562" s="85"/>
      <c r="AI562" s="85"/>
      <c r="AJ562" s="85"/>
      <c r="AK562" s="85"/>
      <c r="AL562" s="85"/>
      <c r="AM562" s="92"/>
      <c r="AN562" s="92"/>
      <c r="AO562" s="92"/>
      <c r="AP562" s="92"/>
      <c r="AQ562" s="92"/>
      <c r="AR562" s="92"/>
      <c r="AS562" s="92"/>
      <c r="AT562" s="92"/>
      <c r="AU562" s="92"/>
      <c r="AV562" s="92"/>
      <c r="AW562" s="92"/>
      <c r="AX562" s="92"/>
      <c r="AY562" s="92"/>
      <c r="AZ562" s="93"/>
      <c r="BA562" s="93"/>
      <c r="BB562" s="93"/>
      <c r="BC562" s="93"/>
      <c r="BD562" s="93"/>
      <c r="BE562" s="93"/>
      <c r="BF562" s="93"/>
      <c r="BG562" s="93"/>
      <c r="BH562" s="93"/>
      <c r="BI562" s="93"/>
      <c r="BJ562" s="93"/>
      <c r="BK562" s="93"/>
      <c r="BL562" s="93"/>
    </row>
    <row r="563" spans="2:64" x14ac:dyDescent="0.2">
      <c r="B563" s="43"/>
      <c r="C563" s="73"/>
      <c r="D563" s="64"/>
      <c r="E563" s="55"/>
      <c r="F563" s="74"/>
      <c r="G563" s="74"/>
      <c r="H563" s="74"/>
      <c r="I563" s="75"/>
      <c r="J563" s="74"/>
      <c r="L563" s="55"/>
      <c r="M563" s="234"/>
      <c r="N563" s="65"/>
      <c r="O563" s="76"/>
      <c r="P563" s="76"/>
      <c r="Q563" s="65"/>
      <c r="R563" s="76"/>
      <c r="S563" s="76"/>
      <c r="T563" s="76"/>
      <c r="U563" s="76"/>
      <c r="V563" s="76"/>
      <c r="W563" s="76"/>
      <c r="X563" s="76"/>
      <c r="Y563" s="76"/>
      <c r="Z563" s="76"/>
      <c r="AA563" s="85"/>
      <c r="AB563" s="85"/>
      <c r="AC563" s="85"/>
      <c r="AD563" s="85"/>
      <c r="AE563" s="85"/>
      <c r="AF563" s="85"/>
      <c r="AG563" s="86"/>
      <c r="AH563" s="85"/>
      <c r="AI563" s="85"/>
      <c r="AJ563" s="85"/>
      <c r="AK563" s="85"/>
      <c r="AL563" s="85"/>
      <c r="AM563" s="92"/>
      <c r="AN563" s="92"/>
      <c r="AO563" s="92"/>
      <c r="AP563" s="92"/>
      <c r="AQ563" s="92"/>
      <c r="AR563" s="92"/>
      <c r="AS563" s="92"/>
      <c r="AT563" s="92"/>
      <c r="AU563" s="92"/>
      <c r="AV563" s="92"/>
      <c r="AW563" s="92"/>
      <c r="AX563" s="92"/>
      <c r="AY563" s="92"/>
      <c r="AZ563" s="93"/>
      <c r="BA563" s="93"/>
      <c r="BB563" s="93"/>
      <c r="BC563" s="93"/>
      <c r="BD563" s="93"/>
      <c r="BE563" s="93"/>
      <c r="BF563" s="93"/>
      <c r="BG563" s="93"/>
      <c r="BH563" s="93"/>
      <c r="BI563" s="93"/>
      <c r="BJ563" s="93"/>
      <c r="BK563" s="93"/>
      <c r="BL563" s="93"/>
    </row>
    <row r="564" spans="2:64" x14ac:dyDescent="0.2">
      <c r="B564" s="43"/>
      <c r="C564" s="73"/>
      <c r="D564" s="64"/>
      <c r="E564" s="55"/>
      <c r="F564" s="74"/>
      <c r="G564" s="74"/>
      <c r="H564" s="74"/>
      <c r="I564" s="75"/>
      <c r="J564" s="74"/>
      <c r="L564" s="55"/>
      <c r="M564" s="234"/>
      <c r="N564" s="65"/>
      <c r="O564" s="76"/>
      <c r="P564" s="76"/>
      <c r="Q564" s="65"/>
      <c r="R564" s="76"/>
      <c r="S564" s="76"/>
      <c r="T564" s="76"/>
      <c r="U564" s="76"/>
      <c r="V564" s="76"/>
      <c r="W564" s="76"/>
      <c r="X564" s="76"/>
      <c r="Y564" s="76"/>
      <c r="Z564" s="76"/>
      <c r="AA564" s="85"/>
      <c r="AB564" s="85"/>
      <c r="AC564" s="85"/>
      <c r="AD564" s="85"/>
      <c r="AE564" s="85"/>
      <c r="AF564" s="85"/>
      <c r="AG564" s="86"/>
      <c r="AH564" s="85"/>
      <c r="AI564" s="85"/>
      <c r="AJ564" s="85"/>
      <c r="AK564" s="85"/>
      <c r="AL564" s="85"/>
      <c r="AM564" s="92"/>
      <c r="AN564" s="92"/>
      <c r="AO564" s="92"/>
      <c r="AP564" s="92"/>
      <c r="AQ564" s="92"/>
      <c r="AR564" s="92"/>
      <c r="AS564" s="92"/>
      <c r="AT564" s="92"/>
      <c r="AU564" s="92"/>
      <c r="AV564" s="92"/>
      <c r="AW564" s="92"/>
      <c r="AX564" s="92"/>
      <c r="AY564" s="92"/>
      <c r="AZ564" s="93"/>
      <c r="BA564" s="93"/>
      <c r="BB564" s="93"/>
      <c r="BC564" s="93"/>
      <c r="BD564" s="93"/>
      <c r="BE564" s="93"/>
      <c r="BF564" s="93"/>
      <c r="BG564" s="93"/>
      <c r="BH564" s="93"/>
      <c r="BI564" s="93"/>
      <c r="BJ564" s="93"/>
      <c r="BK564" s="93"/>
      <c r="BL564" s="93"/>
    </row>
    <row r="565" spans="2:64" x14ac:dyDescent="0.2">
      <c r="B565" s="43"/>
      <c r="C565" s="73"/>
      <c r="D565" s="64"/>
      <c r="E565" s="55"/>
      <c r="F565" s="74"/>
      <c r="G565" s="74"/>
      <c r="H565" s="74"/>
      <c r="I565" s="75"/>
      <c r="J565" s="74"/>
      <c r="L565" s="55"/>
      <c r="M565" s="234"/>
      <c r="N565" s="65"/>
      <c r="O565" s="76"/>
      <c r="P565" s="76"/>
      <c r="Q565" s="65"/>
      <c r="R565" s="76"/>
      <c r="S565" s="76"/>
      <c r="T565" s="76"/>
      <c r="U565" s="76"/>
      <c r="V565" s="76"/>
      <c r="W565" s="76"/>
      <c r="X565" s="76"/>
      <c r="Y565" s="76"/>
      <c r="Z565" s="76"/>
      <c r="AA565" s="85"/>
      <c r="AB565" s="85"/>
      <c r="AC565" s="85"/>
      <c r="AD565" s="85"/>
      <c r="AE565" s="85"/>
      <c r="AF565" s="85"/>
      <c r="AG565" s="86"/>
      <c r="AH565" s="85"/>
      <c r="AI565" s="85"/>
      <c r="AJ565" s="85"/>
      <c r="AK565" s="85"/>
      <c r="AL565" s="85"/>
      <c r="AM565" s="92"/>
      <c r="AN565" s="92"/>
      <c r="AO565" s="92"/>
      <c r="AP565" s="92"/>
      <c r="AQ565" s="92"/>
      <c r="AR565" s="92"/>
      <c r="AS565" s="92"/>
      <c r="AT565" s="92"/>
      <c r="AU565" s="92"/>
      <c r="AV565" s="92"/>
      <c r="AW565" s="92"/>
      <c r="AX565" s="92"/>
      <c r="AY565" s="92"/>
      <c r="AZ565" s="93"/>
      <c r="BA565" s="93"/>
      <c r="BB565" s="93"/>
      <c r="BC565" s="93"/>
      <c r="BD565" s="93"/>
      <c r="BE565" s="93"/>
      <c r="BF565" s="93"/>
      <c r="BG565" s="93"/>
      <c r="BH565" s="93"/>
      <c r="BI565" s="93"/>
      <c r="BJ565" s="93"/>
      <c r="BK565" s="93"/>
      <c r="BL565" s="93"/>
    </row>
    <row r="566" spans="2:64" x14ac:dyDescent="0.2">
      <c r="B566" s="43"/>
      <c r="C566" s="73"/>
      <c r="D566" s="64"/>
      <c r="E566" s="55"/>
      <c r="F566" s="74"/>
      <c r="G566" s="74"/>
      <c r="H566" s="74"/>
      <c r="I566" s="75"/>
      <c r="J566" s="74"/>
      <c r="L566" s="55"/>
      <c r="M566" s="234"/>
      <c r="N566" s="65"/>
      <c r="O566" s="76"/>
      <c r="P566" s="76"/>
      <c r="Q566" s="65"/>
      <c r="R566" s="76"/>
      <c r="S566" s="76"/>
      <c r="T566" s="76"/>
      <c r="U566" s="76"/>
      <c r="V566" s="76"/>
      <c r="W566" s="76"/>
      <c r="X566" s="76"/>
      <c r="Y566" s="76"/>
      <c r="Z566" s="76"/>
      <c r="AA566" s="85"/>
      <c r="AB566" s="85"/>
      <c r="AC566" s="85"/>
      <c r="AD566" s="85"/>
      <c r="AE566" s="85"/>
      <c r="AF566" s="85"/>
      <c r="AG566" s="86"/>
      <c r="AH566" s="85"/>
      <c r="AI566" s="85"/>
      <c r="AJ566" s="85"/>
      <c r="AK566" s="85"/>
      <c r="AL566" s="85"/>
      <c r="AM566" s="92"/>
      <c r="AN566" s="92"/>
      <c r="AO566" s="92"/>
      <c r="AP566" s="92"/>
      <c r="AQ566" s="92"/>
      <c r="AR566" s="92"/>
      <c r="AS566" s="92"/>
      <c r="AT566" s="92"/>
      <c r="AU566" s="92"/>
      <c r="AV566" s="92"/>
      <c r="AW566" s="92"/>
      <c r="AX566" s="92"/>
      <c r="AY566" s="92"/>
      <c r="AZ566" s="93"/>
      <c r="BA566" s="93"/>
      <c r="BB566" s="93"/>
      <c r="BC566" s="93"/>
      <c r="BD566" s="93"/>
      <c r="BE566" s="93"/>
      <c r="BF566" s="93"/>
      <c r="BG566" s="93"/>
      <c r="BH566" s="93"/>
      <c r="BI566" s="93"/>
      <c r="BJ566" s="93"/>
      <c r="BK566" s="93"/>
      <c r="BL566" s="93"/>
    </row>
    <row r="567" spans="2:64" x14ac:dyDescent="0.2">
      <c r="B567" s="43"/>
      <c r="C567" s="73"/>
      <c r="D567" s="64"/>
      <c r="E567" s="55"/>
      <c r="F567" s="74"/>
      <c r="G567" s="74"/>
      <c r="H567" s="74"/>
      <c r="I567" s="75"/>
      <c r="J567" s="74"/>
      <c r="L567" s="55"/>
      <c r="M567" s="234"/>
      <c r="N567" s="65"/>
      <c r="O567" s="76"/>
      <c r="P567" s="76"/>
      <c r="Q567" s="65"/>
      <c r="R567" s="76"/>
      <c r="S567" s="76"/>
      <c r="T567" s="76"/>
      <c r="U567" s="76"/>
      <c r="V567" s="76"/>
      <c r="W567" s="76"/>
      <c r="X567" s="76"/>
      <c r="Y567" s="76"/>
      <c r="Z567" s="76"/>
      <c r="AA567" s="85"/>
      <c r="AB567" s="85"/>
      <c r="AC567" s="85"/>
      <c r="AD567" s="85"/>
      <c r="AE567" s="85"/>
      <c r="AF567" s="85"/>
      <c r="AG567" s="86"/>
      <c r="AH567" s="85"/>
      <c r="AI567" s="85"/>
      <c r="AJ567" s="85"/>
      <c r="AK567" s="85"/>
      <c r="AL567" s="85"/>
      <c r="AM567" s="92"/>
      <c r="AN567" s="92"/>
      <c r="AO567" s="92"/>
      <c r="AP567" s="92"/>
      <c r="AQ567" s="92"/>
      <c r="AR567" s="92"/>
      <c r="AS567" s="92"/>
      <c r="AT567" s="92"/>
      <c r="AU567" s="92"/>
      <c r="AV567" s="92"/>
      <c r="AW567" s="92"/>
      <c r="AX567" s="92"/>
      <c r="AY567" s="92"/>
      <c r="AZ567" s="93"/>
      <c r="BA567" s="93"/>
      <c r="BB567" s="93"/>
      <c r="BC567" s="93"/>
      <c r="BD567" s="93"/>
      <c r="BE567" s="93"/>
      <c r="BF567" s="93"/>
      <c r="BG567" s="93"/>
      <c r="BH567" s="93"/>
      <c r="BI567" s="93"/>
      <c r="BJ567" s="93"/>
      <c r="BK567" s="93"/>
      <c r="BL567" s="93"/>
    </row>
    <row r="568" spans="2:64" x14ac:dyDescent="0.2">
      <c r="B568" s="43"/>
      <c r="C568" s="73"/>
      <c r="D568" s="64"/>
      <c r="E568" s="55"/>
      <c r="F568" s="74"/>
      <c r="G568" s="74"/>
      <c r="H568" s="74"/>
      <c r="I568" s="75"/>
      <c r="J568" s="74"/>
      <c r="L568" s="55"/>
      <c r="M568" s="234"/>
      <c r="N568" s="65"/>
      <c r="O568" s="76"/>
      <c r="P568" s="76"/>
      <c r="Q568" s="65"/>
      <c r="R568" s="76"/>
      <c r="S568" s="76"/>
      <c r="T568" s="76"/>
      <c r="U568" s="76"/>
      <c r="V568" s="76"/>
      <c r="W568" s="76"/>
      <c r="X568" s="76"/>
      <c r="Y568" s="76"/>
      <c r="Z568" s="76"/>
      <c r="AA568" s="85"/>
      <c r="AB568" s="85"/>
      <c r="AC568" s="85"/>
      <c r="AD568" s="85"/>
      <c r="AE568" s="85"/>
      <c r="AF568" s="85"/>
      <c r="AG568" s="86"/>
      <c r="AH568" s="85"/>
      <c r="AI568" s="85"/>
      <c r="AJ568" s="85"/>
      <c r="AK568" s="85"/>
      <c r="AL568" s="85"/>
      <c r="AM568" s="92"/>
      <c r="AN568" s="92"/>
      <c r="AO568" s="92"/>
      <c r="AP568" s="92"/>
      <c r="AQ568" s="92"/>
      <c r="AR568" s="92"/>
      <c r="AS568" s="92"/>
      <c r="AT568" s="92"/>
      <c r="AU568" s="92"/>
      <c r="AV568" s="92"/>
      <c r="AW568" s="92"/>
      <c r="AX568" s="92"/>
      <c r="AY568" s="92"/>
      <c r="AZ568" s="93"/>
      <c r="BA568" s="93"/>
      <c r="BB568" s="93"/>
      <c r="BC568" s="93"/>
      <c r="BD568" s="93"/>
      <c r="BE568" s="93"/>
      <c r="BF568" s="93"/>
      <c r="BG568" s="93"/>
      <c r="BH568" s="93"/>
      <c r="BI568" s="93"/>
      <c r="BJ568" s="93"/>
      <c r="BK568" s="93"/>
      <c r="BL568" s="93"/>
    </row>
    <row r="569" spans="2:64" x14ac:dyDescent="0.2">
      <c r="B569" s="43"/>
      <c r="C569" s="73"/>
      <c r="D569" s="64"/>
      <c r="E569" s="55"/>
      <c r="F569" s="74"/>
      <c r="G569" s="74"/>
      <c r="H569" s="74"/>
      <c r="I569" s="75"/>
      <c r="J569" s="74"/>
      <c r="L569" s="55"/>
      <c r="M569" s="234"/>
      <c r="N569" s="65"/>
      <c r="O569" s="76"/>
      <c r="P569" s="76"/>
      <c r="Q569" s="65"/>
      <c r="R569" s="76"/>
      <c r="S569" s="76"/>
      <c r="T569" s="76"/>
      <c r="U569" s="76"/>
      <c r="V569" s="76"/>
      <c r="W569" s="76"/>
      <c r="X569" s="76"/>
      <c r="Y569" s="76"/>
      <c r="Z569" s="76"/>
      <c r="AA569" s="85"/>
      <c r="AB569" s="85"/>
      <c r="AC569" s="85"/>
      <c r="AD569" s="85"/>
      <c r="AE569" s="85"/>
      <c r="AF569" s="85"/>
      <c r="AG569" s="86"/>
      <c r="AH569" s="85"/>
      <c r="AI569" s="85"/>
      <c r="AJ569" s="85"/>
      <c r="AK569" s="85"/>
      <c r="AL569" s="85"/>
      <c r="AM569" s="92"/>
      <c r="AN569" s="92"/>
      <c r="AO569" s="92"/>
      <c r="AP569" s="92"/>
      <c r="AQ569" s="92"/>
      <c r="AR569" s="92"/>
      <c r="AS569" s="92"/>
      <c r="AT569" s="92"/>
      <c r="AU569" s="92"/>
      <c r="AV569" s="92"/>
      <c r="AW569" s="92"/>
      <c r="AX569" s="92"/>
      <c r="AY569" s="92"/>
      <c r="AZ569" s="93"/>
      <c r="BA569" s="93"/>
      <c r="BB569" s="93"/>
      <c r="BC569" s="93"/>
      <c r="BD569" s="93"/>
      <c r="BE569" s="93"/>
      <c r="BF569" s="93"/>
      <c r="BG569" s="93"/>
      <c r="BH569" s="93"/>
      <c r="BI569" s="93"/>
      <c r="BJ569" s="93"/>
      <c r="BK569" s="93"/>
      <c r="BL569" s="93"/>
    </row>
    <row r="570" spans="2:64" x14ac:dyDescent="0.2">
      <c r="B570" s="43"/>
      <c r="C570" s="73"/>
      <c r="D570" s="64"/>
      <c r="E570" s="55"/>
      <c r="F570" s="74"/>
      <c r="G570" s="74"/>
      <c r="H570" s="74"/>
      <c r="I570" s="75"/>
      <c r="J570" s="74"/>
      <c r="L570" s="55"/>
      <c r="M570" s="234"/>
      <c r="N570" s="65"/>
      <c r="O570" s="76"/>
      <c r="P570" s="76"/>
      <c r="Q570" s="65"/>
      <c r="R570" s="76"/>
      <c r="S570" s="76"/>
      <c r="T570" s="76"/>
      <c r="U570" s="76"/>
      <c r="V570" s="76"/>
      <c r="W570" s="76"/>
      <c r="X570" s="76"/>
      <c r="Y570" s="76"/>
      <c r="Z570" s="76"/>
      <c r="AA570" s="85"/>
      <c r="AB570" s="85"/>
      <c r="AC570" s="85"/>
      <c r="AD570" s="85"/>
      <c r="AE570" s="85"/>
      <c r="AF570" s="85"/>
      <c r="AG570" s="86"/>
      <c r="AH570" s="85"/>
      <c r="AI570" s="85"/>
      <c r="AJ570" s="85"/>
      <c r="AK570" s="85"/>
      <c r="AL570" s="85"/>
      <c r="AM570" s="92"/>
      <c r="AN570" s="92"/>
      <c r="AO570" s="92"/>
      <c r="AP570" s="92"/>
      <c r="AQ570" s="92"/>
      <c r="AR570" s="92"/>
      <c r="AS570" s="92"/>
      <c r="AT570" s="92"/>
      <c r="AU570" s="92"/>
      <c r="AV570" s="92"/>
      <c r="AW570" s="92"/>
      <c r="AX570" s="92"/>
      <c r="AY570" s="92"/>
      <c r="AZ570" s="93"/>
      <c r="BA570" s="93"/>
      <c r="BB570" s="93"/>
      <c r="BC570" s="93"/>
      <c r="BD570" s="93"/>
      <c r="BE570" s="93"/>
      <c r="BF570" s="93"/>
      <c r="BG570" s="93"/>
      <c r="BH570" s="93"/>
      <c r="BI570" s="93"/>
      <c r="BJ570" s="93"/>
      <c r="BK570" s="93"/>
      <c r="BL570" s="93"/>
    </row>
    <row r="571" spans="2:64" x14ac:dyDescent="0.2">
      <c r="B571" s="43"/>
      <c r="C571" s="73"/>
      <c r="D571" s="64"/>
      <c r="E571" s="55"/>
      <c r="F571" s="74"/>
      <c r="G571" s="74"/>
      <c r="H571" s="74"/>
      <c r="I571" s="75"/>
      <c r="J571" s="74"/>
      <c r="L571" s="55"/>
      <c r="M571" s="234"/>
      <c r="N571" s="65"/>
      <c r="O571" s="76"/>
      <c r="P571" s="76"/>
      <c r="Q571" s="65"/>
      <c r="R571" s="76"/>
      <c r="S571" s="76"/>
      <c r="T571" s="76"/>
      <c r="U571" s="76"/>
      <c r="V571" s="76"/>
      <c r="W571" s="76"/>
      <c r="X571" s="76"/>
      <c r="Y571" s="76"/>
      <c r="Z571" s="76"/>
      <c r="AA571" s="85"/>
      <c r="AB571" s="85"/>
      <c r="AC571" s="85"/>
      <c r="AD571" s="85"/>
      <c r="AE571" s="85"/>
      <c r="AF571" s="85"/>
      <c r="AG571" s="86"/>
      <c r="AH571" s="85"/>
      <c r="AI571" s="85"/>
      <c r="AJ571" s="85"/>
      <c r="AK571" s="85"/>
      <c r="AL571" s="85"/>
      <c r="AM571" s="92"/>
      <c r="AN571" s="92"/>
      <c r="AO571" s="92"/>
      <c r="AP571" s="92"/>
      <c r="AQ571" s="92"/>
      <c r="AR571" s="92"/>
      <c r="AS571" s="92"/>
      <c r="AT571" s="92"/>
      <c r="AU571" s="92"/>
      <c r="AV571" s="92"/>
      <c r="AW571" s="92"/>
      <c r="AX571" s="92"/>
      <c r="AY571" s="92"/>
      <c r="AZ571" s="93"/>
      <c r="BA571" s="93"/>
      <c r="BB571" s="93"/>
      <c r="BC571" s="93"/>
      <c r="BD571" s="93"/>
      <c r="BE571" s="93"/>
      <c r="BF571" s="93"/>
      <c r="BG571" s="93"/>
      <c r="BH571" s="93"/>
      <c r="BI571" s="93"/>
      <c r="BJ571" s="93"/>
      <c r="BK571" s="93"/>
      <c r="BL571" s="93"/>
    </row>
    <row r="572" spans="2:64" x14ac:dyDescent="0.2">
      <c r="B572" s="43"/>
      <c r="C572" s="73"/>
      <c r="D572" s="64"/>
      <c r="E572" s="55"/>
      <c r="F572" s="74"/>
      <c r="G572" s="74"/>
      <c r="H572" s="74"/>
      <c r="I572" s="75"/>
      <c r="J572" s="74"/>
      <c r="L572" s="55"/>
      <c r="M572" s="234"/>
      <c r="N572" s="65"/>
      <c r="O572" s="76"/>
      <c r="P572" s="76"/>
      <c r="Q572" s="65"/>
      <c r="R572" s="76"/>
      <c r="S572" s="76"/>
      <c r="T572" s="76"/>
      <c r="U572" s="76"/>
      <c r="V572" s="76"/>
      <c r="W572" s="76"/>
      <c r="X572" s="76"/>
      <c r="Y572" s="76"/>
      <c r="Z572" s="76"/>
      <c r="AA572" s="85"/>
      <c r="AB572" s="85"/>
      <c r="AC572" s="85"/>
      <c r="AD572" s="85"/>
      <c r="AE572" s="85"/>
      <c r="AF572" s="85"/>
      <c r="AG572" s="86"/>
      <c r="AH572" s="85"/>
      <c r="AI572" s="85"/>
      <c r="AJ572" s="85"/>
      <c r="AK572" s="85"/>
      <c r="AL572" s="85"/>
      <c r="AM572" s="92"/>
      <c r="AN572" s="92"/>
      <c r="AO572" s="92"/>
      <c r="AP572" s="92"/>
      <c r="AQ572" s="92"/>
      <c r="AR572" s="92"/>
      <c r="AS572" s="92"/>
      <c r="AT572" s="92"/>
      <c r="AU572" s="92"/>
      <c r="AV572" s="92"/>
      <c r="AW572" s="92"/>
      <c r="AX572" s="92"/>
      <c r="AY572" s="92"/>
      <c r="AZ572" s="93"/>
      <c r="BA572" s="93"/>
      <c r="BB572" s="93"/>
      <c r="BC572" s="93"/>
      <c r="BD572" s="93"/>
      <c r="BE572" s="93"/>
      <c r="BF572" s="93"/>
      <c r="BG572" s="93"/>
      <c r="BH572" s="93"/>
      <c r="BI572" s="93"/>
      <c r="BJ572" s="93"/>
      <c r="BK572" s="93"/>
      <c r="BL572" s="93"/>
    </row>
    <row r="573" spans="2:64" x14ac:dyDescent="0.2">
      <c r="B573" s="43"/>
      <c r="C573" s="73"/>
      <c r="D573" s="64"/>
      <c r="E573" s="55"/>
      <c r="F573" s="74"/>
      <c r="G573" s="74"/>
      <c r="H573" s="74"/>
      <c r="I573" s="75"/>
      <c r="J573" s="74"/>
      <c r="L573" s="55"/>
      <c r="M573" s="234"/>
      <c r="N573" s="65"/>
      <c r="O573" s="76"/>
      <c r="P573" s="76"/>
      <c r="Q573" s="65"/>
      <c r="R573" s="76"/>
      <c r="S573" s="76"/>
      <c r="T573" s="76"/>
      <c r="U573" s="76"/>
      <c r="V573" s="76"/>
      <c r="W573" s="76"/>
      <c r="X573" s="76"/>
      <c r="Y573" s="76"/>
      <c r="Z573" s="76"/>
      <c r="AA573" s="85"/>
      <c r="AB573" s="85"/>
      <c r="AC573" s="85"/>
      <c r="AD573" s="85"/>
      <c r="AE573" s="85"/>
      <c r="AF573" s="85"/>
      <c r="AG573" s="86"/>
      <c r="AH573" s="85"/>
      <c r="AI573" s="85"/>
      <c r="AJ573" s="85"/>
      <c r="AK573" s="85"/>
      <c r="AL573" s="85"/>
      <c r="AM573" s="92"/>
      <c r="AN573" s="92"/>
      <c r="AO573" s="92"/>
      <c r="AP573" s="92"/>
      <c r="AQ573" s="92"/>
      <c r="AR573" s="92"/>
      <c r="AS573" s="92"/>
      <c r="AT573" s="92"/>
      <c r="AU573" s="92"/>
      <c r="AV573" s="92"/>
      <c r="AW573" s="92"/>
      <c r="AX573" s="92"/>
      <c r="AY573" s="92"/>
      <c r="AZ573" s="93"/>
      <c r="BA573" s="93"/>
      <c r="BB573" s="93"/>
      <c r="BC573" s="93"/>
      <c r="BD573" s="93"/>
      <c r="BE573" s="93"/>
      <c r="BF573" s="93"/>
      <c r="BG573" s="93"/>
      <c r="BH573" s="93"/>
      <c r="BI573" s="93"/>
      <c r="BJ573" s="93"/>
      <c r="BK573" s="93"/>
      <c r="BL573" s="93"/>
    </row>
    <row r="574" spans="2:64" x14ac:dyDescent="0.2">
      <c r="B574" s="43"/>
      <c r="C574" s="73"/>
      <c r="D574" s="64"/>
      <c r="E574" s="55"/>
      <c r="F574" s="74"/>
      <c r="G574" s="74"/>
      <c r="H574" s="74"/>
      <c r="I574" s="75"/>
      <c r="J574" s="74"/>
      <c r="L574" s="55"/>
      <c r="M574" s="234"/>
      <c r="N574" s="65"/>
      <c r="O574" s="76"/>
      <c r="P574" s="76"/>
      <c r="Q574" s="65"/>
      <c r="R574" s="76"/>
      <c r="S574" s="76"/>
      <c r="T574" s="76"/>
      <c r="U574" s="76"/>
      <c r="V574" s="76"/>
      <c r="W574" s="76"/>
      <c r="X574" s="76"/>
      <c r="Y574" s="76"/>
      <c r="Z574" s="76"/>
      <c r="AA574" s="85"/>
      <c r="AB574" s="85"/>
      <c r="AC574" s="85"/>
      <c r="AD574" s="85"/>
      <c r="AE574" s="85"/>
      <c r="AF574" s="85"/>
      <c r="AG574" s="86"/>
      <c r="AH574" s="85"/>
      <c r="AI574" s="85"/>
      <c r="AJ574" s="85"/>
      <c r="AK574" s="85"/>
      <c r="AL574" s="85"/>
      <c r="AM574" s="92"/>
      <c r="AN574" s="92"/>
      <c r="AO574" s="92"/>
      <c r="AP574" s="92"/>
      <c r="AQ574" s="92"/>
      <c r="AR574" s="92"/>
      <c r="AS574" s="92"/>
      <c r="AT574" s="92"/>
      <c r="AU574" s="92"/>
      <c r="AV574" s="92"/>
      <c r="AW574" s="92"/>
      <c r="AX574" s="92"/>
      <c r="AY574" s="92"/>
      <c r="AZ574" s="93"/>
      <c r="BA574" s="93"/>
      <c r="BB574" s="93"/>
      <c r="BC574" s="93"/>
      <c r="BD574" s="93"/>
      <c r="BE574" s="93"/>
      <c r="BF574" s="93"/>
      <c r="BG574" s="93"/>
      <c r="BH574" s="93"/>
      <c r="BI574" s="93"/>
      <c r="BJ574" s="93"/>
      <c r="BK574" s="93"/>
      <c r="BL574" s="93"/>
    </row>
    <row r="575" spans="2:64" x14ac:dyDescent="0.2">
      <c r="B575" s="43"/>
      <c r="C575" s="73"/>
      <c r="D575" s="64"/>
      <c r="E575" s="55"/>
      <c r="F575" s="74"/>
      <c r="G575" s="74"/>
      <c r="H575" s="74"/>
      <c r="I575" s="75"/>
      <c r="J575" s="74"/>
      <c r="L575" s="55"/>
      <c r="M575" s="234"/>
      <c r="N575" s="65"/>
      <c r="O575" s="76"/>
      <c r="P575" s="76"/>
      <c r="Q575" s="65"/>
      <c r="R575" s="76"/>
      <c r="S575" s="76"/>
      <c r="T575" s="76"/>
      <c r="U575" s="76"/>
      <c r="V575" s="76"/>
      <c r="W575" s="76"/>
      <c r="X575" s="76"/>
      <c r="Y575" s="76"/>
      <c r="Z575" s="76"/>
      <c r="AA575" s="85"/>
      <c r="AB575" s="85"/>
      <c r="AC575" s="85"/>
      <c r="AD575" s="85"/>
      <c r="AE575" s="85"/>
      <c r="AF575" s="85"/>
      <c r="AG575" s="86"/>
      <c r="AH575" s="85"/>
      <c r="AI575" s="85"/>
      <c r="AJ575" s="85"/>
      <c r="AK575" s="85"/>
      <c r="AL575" s="85"/>
      <c r="AM575" s="92"/>
      <c r="AN575" s="92"/>
      <c r="AO575" s="92"/>
      <c r="AP575" s="92"/>
      <c r="AQ575" s="92"/>
      <c r="AR575" s="92"/>
      <c r="AS575" s="92"/>
      <c r="AT575" s="92"/>
      <c r="AU575" s="92"/>
      <c r="AV575" s="92"/>
      <c r="AW575" s="92"/>
      <c r="AX575" s="92"/>
      <c r="AY575" s="92"/>
      <c r="AZ575" s="93"/>
      <c r="BA575" s="93"/>
      <c r="BB575" s="93"/>
      <c r="BC575" s="93"/>
      <c r="BD575" s="93"/>
      <c r="BE575" s="93"/>
      <c r="BF575" s="93"/>
      <c r="BG575" s="93"/>
      <c r="BH575" s="93"/>
      <c r="BI575" s="93"/>
      <c r="BJ575" s="93"/>
      <c r="BK575" s="93"/>
      <c r="BL575" s="93"/>
    </row>
    <row r="576" spans="2:64" x14ac:dyDescent="0.2">
      <c r="B576" s="43"/>
      <c r="C576" s="73"/>
      <c r="D576" s="64"/>
      <c r="E576" s="55"/>
      <c r="F576" s="74"/>
      <c r="G576" s="74"/>
      <c r="H576" s="74"/>
      <c r="I576" s="75"/>
      <c r="J576" s="74"/>
      <c r="L576" s="55"/>
      <c r="M576" s="234"/>
      <c r="N576" s="65"/>
      <c r="O576" s="76"/>
      <c r="P576" s="76"/>
      <c r="Q576" s="65"/>
      <c r="R576" s="76"/>
      <c r="S576" s="76"/>
      <c r="T576" s="76"/>
      <c r="U576" s="76"/>
      <c r="V576" s="76"/>
      <c r="W576" s="76"/>
      <c r="X576" s="76"/>
      <c r="Y576" s="76"/>
      <c r="Z576" s="76"/>
      <c r="AA576" s="85"/>
      <c r="AB576" s="85"/>
      <c r="AC576" s="85"/>
      <c r="AD576" s="85"/>
      <c r="AE576" s="85"/>
      <c r="AF576" s="85"/>
      <c r="AG576" s="86"/>
      <c r="AH576" s="85"/>
      <c r="AI576" s="85"/>
      <c r="AJ576" s="85"/>
      <c r="AK576" s="85"/>
      <c r="AL576" s="85"/>
      <c r="AM576" s="92"/>
      <c r="AN576" s="92"/>
      <c r="AO576" s="92"/>
      <c r="AP576" s="92"/>
      <c r="AQ576" s="92"/>
      <c r="AR576" s="92"/>
      <c r="AS576" s="92"/>
      <c r="AT576" s="92"/>
      <c r="AU576" s="92"/>
      <c r="AV576" s="92"/>
      <c r="AW576" s="92"/>
      <c r="AX576" s="92"/>
      <c r="AY576" s="92"/>
      <c r="AZ576" s="93"/>
      <c r="BA576" s="93"/>
      <c r="BB576" s="93"/>
      <c r="BC576" s="93"/>
      <c r="BD576" s="93"/>
      <c r="BE576" s="93"/>
      <c r="BF576" s="93"/>
      <c r="BG576" s="93"/>
      <c r="BH576" s="93"/>
      <c r="BI576" s="93"/>
      <c r="BJ576" s="93"/>
      <c r="BK576" s="93"/>
      <c r="BL576" s="93"/>
    </row>
    <row r="577" spans="2:64" x14ac:dyDescent="0.2">
      <c r="B577" s="43"/>
      <c r="C577" s="73"/>
      <c r="D577" s="64"/>
      <c r="E577" s="55"/>
      <c r="F577" s="74"/>
      <c r="G577" s="74"/>
      <c r="H577" s="74"/>
      <c r="I577" s="75"/>
      <c r="J577" s="74"/>
      <c r="L577" s="55"/>
      <c r="M577" s="234"/>
      <c r="N577" s="65"/>
      <c r="O577" s="76"/>
      <c r="P577" s="76"/>
      <c r="Q577" s="65"/>
      <c r="R577" s="76"/>
      <c r="S577" s="76"/>
      <c r="T577" s="76"/>
      <c r="U577" s="76"/>
      <c r="V577" s="76"/>
      <c r="W577" s="76"/>
      <c r="X577" s="76"/>
      <c r="Y577" s="76"/>
      <c r="Z577" s="76"/>
      <c r="AA577" s="85"/>
      <c r="AB577" s="85"/>
      <c r="AC577" s="85"/>
      <c r="AD577" s="85"/>
      <c r="AE577" s="85"/>
      <c r="AF577" s="85"/>
      <c r="AG577" s="86"/>
      <c r="AH577" s="85"/>
      <c r="AI577" s="85"/>
      <c r="AJ577" s="85"/>
      <c r="AK577" s="85"/>
      <c r="AL577" s="85"/>
      <c r="AM577" s="92"/>
      <c r="AN577" s="92"/>
      <c r="AO577" s="92"/>
      <c r="AP577" s="92"/>
      <c r="AQ577" s="92"/>
      <c r="AR577" s="92"/>
      <c r="AS577" s="92"/>
      <c r="AT577" s="92"/>
      <c r="AU577" s="92"/>
      <c r="AV577" s="92"/>
      <c r="AW577" s="92"/>
      <c r="AX577" s="92"/>
      <c r="AY577" s="92"/>
      <c r="AZ577" s="93"/>
      <c r="BA577" s="93"/>
      <c r="BB577" s="93"/>
      <c r="BC577" s="93"/>
      <c r="BD577" s="93"/>
      <c r="BE577" s="93"/>
      <c r="BF577" s="93"/>
      <c r="BG577" s="93"/>
      <c r="BH577" s="93"/>
      <c r="BI577" s="93"/>
      <c r="BJ577" s="93"/>
      <c r="BK577" s="93"/>
      <c r="BL577" s="93"/>
    </row>
    <row r="578" spans="2:64" x14ac:dyDescent="0.2">
      <c r="B578" s="43"/>
      <c r="C578" s="73"/>
      <c r="D578" s="64"/>
      <c r="E578" s="55"/>
      <c r="F578" s="74"/>
      <c r="G578" s="74"/>
      <c r="H578" s="74"/>
      <c r="I578" s="75"/>
      <c r="J578" s="74"/>
      <c r="L578" s="55"/>
      <c r="M578" s="234"/>
      <c r="N578" s="65"/>
      <c r="O578" s="76"/>
      <c r="P578" s="76"/>
      <c r="Q578" s="65"/>
      <c r="R578" s="76"/>
      <c r="S578" s="76"/>
      <c r="T578" s="76"/>
      <c r="U578" s="76"/>
      <c r="V578" s="76"/>
      <c r="W578" s="76"/>
      <c r="X578" s="76"/>
      <c r="Y578" s="76"/>
      <c r="Z578" s="76"/>
      <c r="AA578" s="85"/>
      <c r="AB578" s="85"/>
      <c r="AC578" s="85"/>
      <c r="AD578" s="85"/>
      <c r="AE578" s="85"/>
      <c r="AF578" s="85"/>
      <c r="AG578" s="86"/>
      <c r="AH578" s="85"/>
      <c r="AI578" s="85"/>
      <c r="AJ578" s="85"/>
      <c r="AK578" s="85"/>
      <c r="AL578" s="85"/>
      <c r="AM578" s="92"/>
      <c r="AN578" s="92"/>
      <c r="AO578" s="92"/>
      <c r="AP578" s="92"/>
      <c r="AQ578" s="92"/>
      <c r="AR578" s="92"/>
      <c r="AS578" s="92"/>
      <c r="AT578" s="92"/>
      <c r="AU578" s="92"/>
      <c r="AV578" s="92"/>
      <c r="AW578" s="92"/>
      <c r="AX578" s="92"/>
      <c r="AY578" s="92"/>
      <c r="AZ578" s="93"/>
      <c r="BA578" s="93"/>
      <c r="BB578" s="93"/>
      <c r="BC578" s="93"/>
      <c r="BD578" s="93"/>
      <c r="BE578" s="93"/>
      <c r="BF578" s="93"/>
      <c r="BG578" s="93"/>
      <c r="BH578" s="93"/>
      <c r="BI578" s="93"/>
      <c r="BJ578" s="93"/>
      <c r="BK578" s="93"/>
      <c r="BL578" s="93"/>
    </row>
    <row r="579" spans="2:64" x14ac:dyDescent="0.2">
      <c r="B579" s="43"/>
      <c r="C579" s="73"/>
      <c r="D579" s="64"/>
      <c r="E579" s="55"/>
      <c r="F579" s="74"/>
      <c r="G579" s="74"/>
      <c r="H579" s="74"/>
      <c r="I579" s="75"/>
      <c r="J579" s="74"/>
      <c r="L579" s="55"/>
      <c r="M579" s="234"/>
      <c r="N579" s="65"/>
      <c r="O579" s="76"/>
      <c r="P579" s="76"/>
      <c r="Q579" s="65"/>
      <c r="R579" s="76"/>
      <c r="S579" s="76"/>
      <c r="T579" s="76"/>
      <c r="U579" s="76"/>
      <c r="V579" s="76"/>
      <c r="W579" s="76"/>
      <c r="X579" s="76"/>
      <c r="Y579" s="76"/>
      <c r="Z579" s="76"/>
      <c r="AA579" s="85"/>
      <c r="AB579" s="85"/>
      <c r="AC579" s="85"/>
      <c r="AD579" s="85"/>
      <c r="AE579" s="85"/>
      <c r="AF579" s="85"/>
      <c r="AG579" s="86"/>
      <c r="AH579" s="85"/>
      <c r="AI579" s="85"/>
      <c r="AJ579" s="85"/>
      <c r="AK579" s="85"/>
      <c r="AL579" s="85"/>
      <c r="AM579" s="92"/>
      <c r="AN579" s="92"/>
      <c r="AO579" s="92"/>
      <c r="AP579" s="92"/>
      <c r="AQ579" s="92"/>
      <c r="AR579" s="92"/>
      <c r="AS579" s="92"/>
      <c r="AT579" s="92"/>
      <c r="AU579" s="92"/>
      <c r="AV579" s="92"/>
      <c r="AW579" s="92"/>
      <c r="AX579" s="92"/>
      <c r="AY579" s="92"/>
      <c r="AZ579" s="93"/>
      <c r="BA579" s="93"/>
      <c r="BB579" s="93"/>
      <c r="BC579" s="93"/>
      <c r="BD579" s="93"/>
      <c r="BE579" s="93"/>
      <c r="BF579" s="93"/>
      <c r="BG579" s="93"/>
      <c r="BH579" s="93"/>
      <c r="BI579" s="93"/>
      <c r="BJ579" s="93"/>
      <c r="BK579" s="93"/>
      <c r="BL579" s="93"/>
    </row>
    <row r="580" spans="2:64" x14ac:dyDescent="0.2">
      <c r="B580" s="43"/>
      <c r="C580" s="73"/>
      <c r="D580" s="64"/>
      <c r="E580" s="55"/>
      <c r="F580" s="74"/>
      <c r="G580" s="74"/>
      <c r="H580" s="74"/>
      <c r="I580" s="75"/>
      <c r="J580" s="74"/>
      <c r="L580" s="55"/>
      <c r="M580" s="234"/>
      <c r="N580" s="65"/>
      <c r="O580" s="76"/>
      <c r="P580" s="76"/>
      <c r="Q580" s="65"/>
      <c r="R580" s="76"/>
      <c r="S580" s="76"/>
      <c r="T580" s="76"/>
      <c r="U580" s="76"/>
      <c r="V580" s="76"/>
      <c r="W580" s="76"/>
      <c r="X580" s="76"/>
      <c r="Y580" s="76"/>
      <c r="Z580" s="76"/>
      <c r="AA580" s="85"/>
      <c r="AB580" s="85"/>
      <c r="AC580" s="85"/>
      <c r="AD580" s="85"/>
      <c r="AE580" s="85"/>
      <c r="AF580" s="85"/>
      <c r="AG580" s="86"/>
      <c r="AH580" s="85"/>
      <c r="AI580" s="85"/>
      <c r="AJ580" s="85"/>
      <c r="AK580" s="85"/>
      <c r="AL580" s="85"/>
      <c r="AM580" s="92"/>
      <c r="AN580" s="92"/>
      <c r="AO580" s="92"/>
      <c r="AP580" s="92"/>
      <c r="AQ580" s="92"/>
      <c r="AR580" s="92"/>
      <c r="AS580" s="92"/>
      <c r="AT580" s="92"/>
      <c r="AU580" s="92"/>
      <c r="AV580" s="92"/>
      <c r="AW580" s="92"/>
      <c r="AX580" s="92"/>
      <c r="AY580" s="92"/>
      <c r="AZ580" s="93"/>
      <c r="BA580" s="93"/>
      <c r="BB580" s="93"/>
      <c r="BC580" s="93"/>
      <c r="BD580" s="93"/>
      <c r="BE580" s="93"/>
      <c r="BF580" s="93"/>
      <c r="BG580" s="93"/>
      <c r="BH580" s="93"/>
      <c r="BI580" s="93"/>
      <c r="BJ580" s="93"/>
      <c r="BK580" s="93"/>
      <c r="BL580" s="93"/>
    </row>
    <row r="581" spans="2:64" x14ac:dyDescent="0.2">
      <c r="B581" s="43"/>
      <c r="C581" s="73"/>
      <c r="D581" s="64"/>
      <c r="E581" s="55"/>
      <c r="F581" s="74"/>
      <c r="G581" s="74"/>
      <c r="H581" s="74"/>
      <c r="I581" s="75"/>
      <c r="J581" s="74"/>
      <c r="L581" s="55"/>
      <c r="M581" s="234"/>
      <c r="N581" s="65"/>
      <c r="O581" s="76"/>
      <c r="P581" s="76"/>
      <c r="Q581" s="65"/>
      <c r="R581" s="76"/>
      <c r="S581" s="76"/>
      <c r="T581" s="76"/>
      <c r="U581" s="76"/>
      <c r="V581" s="76"/>
      <c r="W581" s="76"/>
      <c r="X581" s="76"/>
      <c r="Y581" s="76"/>
      <c r="Z581" s="76"/>
      <c r="AA581" s="85"/>
      <c r="AB581" s="85"/>
      <c r="AC581" s="85"/>
      <c r="AD581" s="85"/>
      <c r="AE581" s="85"/>
      <c r="AF581" s="85"/>
      <c r="AG581" s="86"/>
      <c r="AH581" s="85"/>
      <c r="AI581" s="85"/>
      <c r="AJ581" s="85"/>
      <c r="AK581" s="85"/>
      <c r="AL581" s="85"/>
      <c r="AM581" s="92"/>
      <c r="AN581" s="92"/>
      <c r="AO581" s="92"/>
      <c r="AP581" s="92"/>
      <c r="AQ581" s="92"/>
      <c r="AR581" s="92"/>
      <c r="AS581" s="92"/>
      <c r="AT581" s="92"/>
      <c r="AU581" s="92"/>
      <c r="AV581" s="92"/>
      <c r="AW581" s="92"/>
      <c r="AX581" s="92"/>
      <c r="AY581" s="92"/>
      <c r="AZ581" s="93"/>
      <c r="BA581" s="93"/>
      <c r="BB581" s="93"/>
      <c r="BC581" s="93"/>
      <c r="BD581" s="93"/>
      <c r="BE581" s="93"/>
      <c r="BF581" s="93"/>
      <c r="BG581" s="93"/>
      <c r="BH581" s="93"/>
      <c r="BI581" s="93"/>
      <c r="BJ581" s="93"/>
      <c r="BK581" s="93"/>
      <c r="BL581" s="93"/>
    </row>
    <row r="582" spans="2:64" x14ac:dyDescent="0.2">
      <c r="B582" s="43"/>
      <c r="C582" s="73"/>
      <c r="D582" s="64"/>
      <c r="E582" s="55"/>
      <c r="F582" s="74"/>
      <c r="G582" s="74"/>
      <c r="H582" s="74"/>
      <c r="I582" s="75"/>
      <c r="J582" s="74"/>
      <c r="L582" s="55"/>
      <c r="M582" s="234"/>
      <c r="N582" s="65"/>
      <c r="O582" s="76"/>
      <c r="P582" s="76"/>
      <c r="Q582" s="65"/>
      <c r="R582" s="76"/>
      <c r="S582" s="76"/>
      <c r="T582" s="76"/>
      <c r="U582" s="76"/>
      <c r="V582" s="76"/>
      <c r="W582" s="76"/>
      <c r="X582" s="76"/>
      <c r="Y582" s="76"/>
      <c r="Z582" s="76"/>
      <c r="AA582" s="85"/>
      <c r="AB582" s="85"/>
      <c r="AC582" s="85"/>
      <c r="AD582" s="85"/>
      <c r="AE582" s="85"/>
      <c r="AF582" s="85"/>
      <c r="AG582" s="86"/>
      <c r="AH582" s="85"/>
      <c r="AI582" s="85"/>
      <c r="AJ582" s="85"/>
      <c r="AK582" s="85"/>
      <c r="AL582" s="85"/>
      <c r="AM582" s="92"/>
      <c r="AN582" s="92"/>
      <c r="AO582" s="92"/>
      <c r="AP582" s="92"/>
      <c r="AQ582" s="92"/>
      <c r="AR582" s="92"/>
      <c r="AS582" s="92"/>
      <c r="AT582" s="92"/>
      <c r="AU582" s="92"/>
      <c r="AV582" s="92"/>
      <c r="AW582" s="92"/>
      <c r="AX582" s="92"/>
      <c r="AY582" s="92"/>
      <c r="AZ582" s="93"/>
      <c r="BA582" s="93"/>
      <c r="BB582" s="93"/>
      <c r="BC582" s="93"/>
      <c r="BD582" s="93"/>
      <c r="BE582" s="93"/>
      <c r="BF582" s="93"/>
      <c r="BG582" s="93"/>
      <c r="BH582" s="93"/>
      <c r="BI582" s="93"/>
      <c r="BJ582" s="93"/>
      <c r="BK582" s="93"/>
      <c r="BL582" s="93"/>
    </row>
    <row r="583" spans="2:64" x14ac:dyDescent="0.2">
      <c r="B583" s="43"/>
      <c r="C583" s="73"/>
      <c r="D583" s="64"/>
      <c r="E583" s="55"/>
      <c r="F583" s="74"/>
      <c r="G583" s="74"/>
      <c r="H583" s="74"/>
      <c r="I583" s="75"/>
      <c r="J583" s="74"/>
      <c r="L583" s="55"/>
      <c r="M583" s="234"/>
      <c r="N583" s="65"/>
      <c r="O583" s="76"/>
      <c r="P583" s="76"/>
      <c r="Q583" s="65"/>
      <c r="R583" s="76"/>
      <c r="S583" s="76"/>
      <c r="T583" s="76"/>
      <c r="U583" s="76"/>
      <c r="V583" s="76"/>
      <c r="W583" s="76"/>
      <c r="X583" s="76"/>
      <c r="Y583" s="76"/>
      <c r="Z583" s="76"/>
      <c r="AA583" s="85"/>
      <c r="AB583" s="85"/>
      <c r="AC583" s="85"/>
      <c r="AD583" s="85"/>
      <c r="AE583" s="85"/>
      <c r="AF583" s="85"/>
      <c r="AG583" s="86"/>
      <c r="AH583" s="85"/>
      <c r="AI583" s="85"/>
      <c r="AJ583" s="85"/>
      <c r="AK583" s="85"/>
      <c r="AL583" s="85"/>
      <c r="AM583" s="92"/>
      <c r="AN583" s="92"/>
      <c r="AO583" s="92"/>
      <c r="AP583" s="92"/>
      <c r="AQ583" s="92"/>
      <c r="AR583" s="92"/>
      <c r="AS583" s="92"/>
      <c r="AT583" s="92"/>
      <c r="AU583" s="92"/>
      <c r="AV583" s="92"/>
      <c r="AW583" s="92"/>
      <c r="AX583" s="92"/>
      <c r="AY583" s="92"/>
      <c r="AZ583" s="93"/>
      <c r="BA583" s="93"/>
      <c r="BB583" s="93"/>
      <c r="BC583" s="93"/>
      <c r="BD583" s="93"/>
      <c r="BE583" s="93"/>
      <c r="BF583" s="93"/>
      <c r="BG583" s="93"/>
      <c r="BH583" s="93"/>
      <c r="BI583" s="93"/>
      <c r="BJ583" s="93"/>
      <c r="BK583" s="93"/>
      <c r="BL583" s="93"/>
    </row>
    <row r="584" spans="2:64" x14ac:dyDescent="0.2">
      <c r="B584" s="43"/>
      <c r="C584" s="73"/>
      <c r="D584" s="64"/>
      <c r="E584" s="55"/>
      <c r="F584" s="74"/>
      <c r="G584" s="74"/>
      <c r="H584" s="74"/>
      <c r="I584" s="75"/>
      <c r="J584" s="74"/>
      <c r="L584" s="55"/>
      <c r="M584" s="234"/>
      <c r="N584" s="65"/>
      <c r="O584" s="76"/>
      <c r="P584" s="76"/>
      <c r="Q584" s="65"/>
      <c r="R584" s="76"/>
      <c r="S584" s="76"/>
      <c r="T584" s="76"/>
      <c r="U584" s="76"/>
      <c r="V584" s="76"/>
      <c r="W584" s="76"/>
      <c r="X584" s="76"/>
      <c r="Y584" s="76"/>
      <c r="Z584" s="76"/>
      <c r="AA584" s="85"/>
      <c r="AB584" s="85"/>
      <c r="AC584" s="85"/>
      <c r="AD584" s="85"/>
      <c r="AE584" s="85"/>
      <c r="AF584" s="85"/>
      <c r="AG584" s="86"/>
      <c r="AH584" s="85"/>
      <c r="AI584" s="85"/>
      <c r="AJ584" s="85"/>
      <c r="AK584" s="85"/>
      <c r="AL584" s="85"/>
      <c r="AM584" s="92"/>
      <c r="AN584" s="92"/>
      <c r="AO584" s="92"/>
      <c r="AP584" s="92"/>
      <c r="AQ584" s="92"/>
      <c r="AR584" s="92"/>
      <c r="AS584" s="92"/>
      <c r="AT584" s="92"/>
      <c r="AU584" s="92"/>
      <c r="AV584" s="92"/>
      <c r="AW584" s="92"/>
      <c r="AX584" s="92"/>
      <c r="AY584" s="92"/>
      <c r="AZ584" s="93"/>
      <c r="BA584" s="93"/>
      <c r="BB584" s="93"/>
      <c r="BC584" s="93"/>
      <c r="BD584" s="93"/>
      <c r="BE584" s="93"/>
      <c r="BF584" s="93"/>
      <c r="BG584" s="93"/>
      <c r="BH584" s="93"/>
      <c r="BI584" s="93"/>
      <c r="BJ584" s="93"/>
      <c r="BK584" s="93"/>
      <c r="BL584" s="93"/>
    </row>
    <row r="585" spans="2:64" x14ac:dyDescent="0.2">
      <c r="B585" s="43"/>
      <c r="C585" s="73"/>
      <c r="D585" s="64"/>
      <c r="E585" s="55"/>
      <c r="F585" s="74"/>
      <c r="G585" s="74"/>
      <c r="H585" s="74"/>
      <c r="I585" s="75"/>
      <c r="J585" s="74"/>
      <c r="L585" s="55"/>
      <c r="M585" s="234"/>
      <c r="N585" s="65"/>
      <c r="O585" s="76"/>
      <c r="P585" s="76"/>
      <c r="Q585" s="65"/>
      <c r="R585" s="76"/>
      <c r="S585" s="76"/>
      <c r="T585" s="76"/>
      <c r="U585" s="76"/>
      <c r="V585" s="76"/>
      <c r="W585" s="76"/>
      <c r="X585" s="76"/>
      <c r="Y585" s="76"/>
      <c r="Z585" s="76"/>
      <c r="AA585" s="85"/>
      <c r="AB585" s="85"/>
      <c r="AC585" s="85"/>
      <c r="AD585" s="85"/>
      <c r="AE585" s="85"/>
      <c r="AF585" s="85"/>
      <c r="AG585" s="86"/>
      <c r="AH585" s="85"/>
      <c r="AI585" s="85"/>
      <c r="AJ585" s="85"/>
      <c r="AK585" s="85"/>
      <c r="AL585" s="85"/>
      <c r="AM585" s="92"/>
      <c r="AN585" s="92"/>
      <c r="AO585" s="92"/>
      <c r="AP585" s="92"/>
      <c r="AQ585" s="92"/>
      <c r="AR585" s="92"/>
      <c r="AS585" s="92"/>
      <c r="AT585" s="92"/>
      <c r="AU585" s="92"/>
      <c r="AV585" s="92"/>
      <c r="AW585" s="92"/>
      <c r="AX585" s="92"/>
      <c r="AY585" s="92"/>
      <c r="AZ585" s="93"/>
      <c r="BA585" s="93"/>
      <c r="BB585" s="93"/>
      <c r="BC585" s="93"/>
      <c r="BD585" s="93"/>
      <c r="BE585" s="93"/>
      <c r="BF585" s="93"/>
      <c r="BG585" s="93"/>
      <c r="BH585" s="93"/>
      <c r="BI585" s="93"/>
      <c r="BJ585" s="93"/>
      <c r="BK585" s="93"/>
      <c r="BL585" s="93"/>
    </row>
    <row r="586" spans="2:64" x14ac:dyDescent="0.2">
      <c r="B586" s="43"/>
      <c r="C586" s="73"/>
      <c r="D586" s="64"/>
      <c r="E586" s="55"/>
      <c r="F586" s="74"/>
      <c r="G586" s="74"/>
      <c r="H586" s="74"/>
      <c r="I586" s="75"/>
      <c r="J586" s="74"/>
      <c r="L586" s="55"/>
      <c r="M586" s="234"/>
      <c r="N586" s="65"/>
      <c r="O586" s="76"/>
      <c r="P586" s="76"/>
      <c r="Q586" s="65"/>
      <c r="R586" s="76"/>
      <c r="S586" s="76"/>
      <c r="T586" s="76"/>
      <c r="U586" s="76"/>
      <c r="V586" s="76"/>
      <c r="W586" s="76"/>
      <c r="X586" s="76"/>
      <c r="Y586" s="76"/>
      <c r="Z586" s="76"/>
      <c r="AA586" s="85"/>
      <c r="AB586" s="85"/>
      <c r="AC586" s="85"/>
      <c r="AD586" s="85"/>
      <c r="AE586" s="85"/>
      <c r="AF586" s="85"/>
      <c r="AG586" s="86"/>
      <c r="AH586" s="85"/>
      <c r="AI586" s="85"/>
      <c r="AJ586" s="85"/>
      <c r="AK586" s="85"/>
      <c r="AL586" s="85"/>
      <c r="AM586" s="92"/>
      <c r="AN586" s="92"/>
      <c r="AO586" s="92"/>
      <c r="AP586" s="92"/>
      <c r="AQ586" s="92"/>
      <c r="AR586" s="92"/>
      <c r="AS586" s="92"/>
      <c r="AT586" s="92"/>
      <c r="AU586" s="92"/>
      <c r="AV586" s="92"/>
      <c r="AW586" s="92"/>
      <c r="AX586" s="92"/>
      <c r="AY586" s="92"/>
      <c r="AZ586" s="93"/>
      <c r="BA586" s="93"/>
      <c r="BB586" s="93"/>
      <c r="BC586" s="93"/>
      <c r="BD586" s="93"/>
      <c r="BE586" s="93"/>
      <c r="BF586" s="93"/>
      <c r="BG586" s="93"/>
      <c r="BH586" s="93"/>
      <c r="BI586" s="93"/>
      <c r="BJ586" s="93"/>
      <c r="BK586" s="93"/>
      <c r="BL586" s="93"/>
    </row>
    <row r="587" spans="2:64" x14ac:dyDescent="0.2">
      <c r="B587" s="43"/>
      <c r="C587" s="73"/>
      <c r="D587" s="64"/>
      <c r="E587" s="55"/>
      <c r="F587" s="74"/>
      <c r="G587" s="74"/>
      <c r="H587" s="74"/>
      <c r="I587" s="75"/>
      <c r="J587" s="74"/>
      <c r="L587" s="55"/>
      <c r="M587" s="234"/>
      <c r="N587" s="65"/>
      <c r="O587" s="76"/>
      <c r="P587" s="76"/>
      <c r="Q587" s="65"/>
      <c r="R587" s="76"/>
      <c r="S587" s="76"/>
      <c r="T587" s="76"/>
      <c r="U587" s="76"/>
      <c r="V587" s="76"/>
      <c r="W587" s="76"/>
      <c r="X587" s="76"/>
      <c r="Y587" s="76"/>
      <c r="Z587" s="76"/>
      <c r="AA587" s="85"/>
      <c r="AB587" s="85"/>
      <c r="AC587" s="85"/>
      <c r="AD587" s="85"/>
      <c r="AE587" s="85"/>
      <c r="AF587" s="85"/>
      <c r="AG587" s="86"/>
      <c r="AH587" s="85"/>
      <c r="AI587" s="85"/>
      <c r="AJ587" s="85"/>
      <c r="AK587" s="85"/>
      <c r="AL587" s="85"/>
      <c r="AM587" s="92"/>
      <c r="AN587" s="92"/>
      <c r="AO587" s="92"/>
      <c r="AP587" s="92"/>
      <c r="AQ587" s="92"/>
      <c r="AR587" s="92"/>
      <c r="AS587" s="92"/>
      <c r="AT587" s="92"/>
      <c r="AU587" s="92"/>
      <c r="AV587" s="92"/>
      <c r="AW587" s="92"/>
      <c r="AX587" s="92"/>
      <c r="AY587" s="92"/>
      <c r="AZ587" s="93"/>
      <c r="BA587" s="93"/>
      <c r="BB587" s="93"/>
      <c r="BC587" s="93"/>
      <c r="BD587" s="93"/>
      <c r="BE587" s="93"/>
      <c r="BF587" s="93"/>
      <c r="BG587" s="93"/>
      <c r="BH587" s="93"/>
      <c r="BI587" s="93"/>
      <c r="BJ587" s="93"/>
      <c r="BK587" s="93"/>
      <c r="BL587" s="93"/>
    </row>
    <row r="588" spans="2:64" x14ac:dyDescent="0.2">
      <c r="B588" s="43"/>
      <c r="C588" s="73"/>
      <c r="D588" s="64"/>
      <c r="E588" s="55"/>
      <c r="F588" s="74"/>
      <c r="G588" s="74"/>
      <c r="H588" s="74"/>
      <c r="I588" s="75"/>
      <c r="J588" s="74"/>
      <c r="L588" s="55"/>
      <c r="M588" s="234"/>
      <c r="N588" s="65"/>
      <c r="O588" s="76"/>
      <c r="P588" s="76"/>
      <c r="Q588" s="65"/>
      <c r="R588" s="76"/>
      <c r="S588" s="76"/>
      <c r="T588" s="76"/>
      <c r="U588" s="76"/>
      <c r="V588" s="76"/>
      <c r="W588" s="76"/>
      <c r="X588" s="76"/>
      <c r="Y588" s="76"/>
      <c r="Z588" s="76"/>
      <c r="AA588" s="85"/>
      <c r="AB588" s="85"/>
      <c r="AC588" s="85"/>
      <c r="AD588" s="85"/>
      <c r="AE588" s="85"/>
      <c r="AF588" s="85"/>
      <c r="AG588" s="86"/>
      <c r="AH588" s="85"/>
      <c r="AI588" s="85"/>
      <c r="AJ588" s="85"/>
      <c r="AK588" s="85"/>
      <c r="AL588" s="85"/>
      <c r="AM588" s="92"/>
      <c r="AN588" s="92"/>
      <c r="AO588" s="92"/>
      <c r="AP588" s="92"/>
      <c r="AQ588" s="92"/>
      <c r="AR588" s="92"/>
      <c r="AS588" s="92"/>
      <c r="AT588" s="92"/>
      <c r="AU588" s="92"/>
      <c r="AV588" s="92"/>
      <c r="AW588" s="92"/>
      <c r="AX588" s="92"/>
      <c r="AY588" s="92"/>
      <c r="AZ588" s="93"/>
      <c r="BA588" s="93"/>
      <c r="BB588" s="93"/>
      <c r="BC588" s="93"/>
      <c r="BD588" s="93"/>
      <c r="BE588" s="93"/>
      <c r="BF588" s="93"/>
      <c r="BG588" s="93"/>
      <c r="BH588" s="93"/>
      <c r="BI588" s="93"/>
      <c r="BJ588" s="93"/>
      <c r="BK588" s="93"/>
      <c r="BL588" s="93"/>
    </row>
    <row r="589" spans="2:64" x14ac:dyDescent="0.2">
      <c r="B589" s="43"/>
      <c r="C589" s="73"/>
      <c r="D589" s="64"/>
      <c r="E589" s="55"/>
      <c r="F589" s="74"/>
      <c r="G589" s="74"/>
      <c r="H589" s="74"/>
      <c r="I589" s="75"/>
      <c r="J589" s="74"/>
      <c r="L589" s="55"/>
      <c r="M589" s="234"/>
      <c r="N589" s="65"/>
      <c r="O589" s="76"/>
      <c r="P589" s="76"/>
      <c r="Q589" s="65"/>
      <c r="R589" s="76"/>
      <c r="S589" s="76"/>
      <c r="T589" s="76"/>
      <c r="U589" s="76"/>
      <c r="V589" s="76"/>
      <c r="W589" s="76"/>
      <c r="X589" s="76"/>
      <c r="Y589" s="76"/>
      <c r="Z589" s="76"/>
      <c r="AA589" s="85"/>
      <c r="AB589" s="85"/>
      <c r="AC589" s="85"/>
      <c r="AD589" s="85"/>
      <c r="AE589" s="85"/>
      <c r="AF589" s="85"/>
      <c r="AG589" s="86"/>
      <c r="AH589" s="85"/>
      <c r="AI589" s="85"/>
      <c r="AJ589" s="85"/>
      <c r="AK589" s="85"/>
      <c r="AL589" s="85"/>
      <c r="AM589" s="92"/>
      <c r="AN589" s="92"/>
      <c r="AO589" s="92"/>
      <c r="AP589" s="92"/>
      <c r="AQ589" s="92"/>
      <c r="AR589" s="92"/>
      <c r="AS589" s="92"/>
      <c r="AT589" s="92"/>
      <c r="AU589" s="92"/>
      <c r="AV589" s="92"/>
      <c r="AW589" s="92"/>
      <c r="AX589" s="92"/>
      <c r="AY589" s="92"/>
      <c r="AZ589" s="93"/>
      <c r="BA589" s="93"/>
      <c r="BB589" s="93"/>
      <c r="BC589" s="93"/>
      <c r="BD589" s="93"/>
      <c r="BE589" s="93"/>
      <c r="BF589" s="93"/>
      <c r="BG589" s="93"/>
      <c r="BH589" s="93"/>
      <c r="BI589" s="93"/>
      <c r="BJ589" s="93"/>
      <c r="BK589" s="93"/>
      <c r="BL589" s="93"/>
    </row>
    <row r="590" spans="2:64" x14ac:dyDescent="0.2">
      <c r="B590" s="43"/>
      <c r="C590" s="73"/>
      <c r="D590" s="64"/>
      <c r="E590" s="55"/>
      <c r="F590" s="74"/>
      <c r="G590" s="74"/>
      <c r="H590" s="74"/>
      <c r="I590" s="75"/>
      <c r="J590" s="74"/>
      <c r="L590" s="55"/>
      <c r="M590" s="234"/>
      <c r="N590" s="65"/>
      <c r="O590" s="76"/>
      <c r="P590" s="76"/>
      <c r="Q590" s="65"/>
      <c r="R590" s="76"/>
      <c r="S590" s="76"/>
      <c r="T590" s="76"/>
      <c r="U590" s="76"/>
      <c r="V590" s="76"/>
      <c r="W590" s="76"/>
      <c r="X590" s="76"/>
      <c r="Y590" s="76"/>
      <c r="Z590" s="76"/>
      <c r="AA590" s="85"/>
      <c r="AB590" s="85"/>
      <c r="AC590" s="85"/>
      <c r="AD590" s="85"/>
      <c r="AE590" s="85"/>
      <c r="AF590" s="85"/>
      <c r="AG590" s="86"/>
      <c r="AH590" s="85"/>
      <c r="AI590" s="85"/>
      <c r="AJ590" s="85"/>
      <c r="AK590" s="85"/>
      <c r="AL590" s="85"/>
      <c r="AM590" s="92"/>
      <c r="AN590" s="92"/>
      <c r="AO590" s="92"/>
      <c r="AP590" s="92"/>
      <c r="AQ590" s="92"/>
      <c r="AR590" s="92"/>
      <c r="AS590" s="92"/>
      <c r="AT590" s="92"/>
      <c r="AU590" s="92"/>
      <c r="AV590" s="92"/>
      <c r="AW590" s="92"/>
      <c r="AX590" s="92"/>
      <c r="AY590" s="92"/>
      <c r="AZ590" s="93"/>
      <c r="BA590" s="93"/>
      <c r="BB590" s="93"/>
      <c r="BC590" s="93"/>
      <c r="BD590" s="93"/>
      <c r="BE590" s="93"/>
      <c r="BF590" s="93"/>
      <c r="BG590" s="93"/>
      <c r="BH590" s="93"/>
      <c r="BI590" s="93"/>
      <c r="BJ590" s="93"/>
      <c r="BK590" s="93"/>
      <c r="BL590" s="93"/>
    </row>
    <row r="591" spans="2:64" x14ac:dyDescent="0.2">
      <c r="B591" s="43"/>
      <c r="C591" s="73"/>
      <c r="D591" s="64"/>
      <c r="E591" s="55"/>
      <c r="F591" s="74"/>
      <c r="G591" s="74"/>
      <c r="H591" s="74"/>
      <c r="I591" s="75"/>
      <c r="J591" s="74"/>
      <c r="L591" s="55"/>
      <c r="M591" s="234"/>
      <c r="N591" s="65"/>
      <c r="O591" s="76"/>
      <c r="P591" s="76"/>
      <c r="Q591" s="65"/>
      <c r="R591" s="76"/>
      <c r="S591" s="76"/>
      <c r="T591" s="76"/>
      <c r="U591" s="76"/>
      <c r="V591" s="76"/>
      <c r="W591" s="76"/>
      <c r="X591" s="76"/>
      <c r="Y591" s="76"/>
      <c r="Z591" s="76"/>
      <c r="AA591" s="85"/>
      <c r="AB591" s="85"/>
      <c r="AC591" s="85"/>
      <c r="AD591" s="85"/>
      <c r="AE591" s="85"/>
      <c r="AF591" s="85"/>
      <c r="AG591" s="86"/>
      <c r="AH591" s="85"/>
      <c r="AI591" s="85"/>
      <c r="AJ591" s="85"/>
      <c r="AK591" s="85"/>
      <c r="AL591" s="85"/>
      <c r="AM591" s="92"/>
      <c r="AN591" s="92"/>
      <c r="AO591" s="92"/>
      <c r="AP591" s="92"/>
      <c r="AQ591" s="92"/>
      <c r="AR591" s="92"/>
      <c r="AS591" s="92"/>
      <c r="AT591" s="92"/>
      <c r="AU591" s="92"/>
      <c r="AV591" s="92"/>
      <c r="AW591" s="92"/>
      <c r="AX591" s="92"/>
      <c r="AY591" s="92"/>
      <c r="AZ591" s="93"/>
      <c r="BA591" s="93"/>
      <c r="BB591" s="93"/>
      <c r="BC591" s="93"/>
      <c r="BD591" s="93"/>
      <c r="BE591" s="93"/>
      <c r="BF591" s="93"/>
      <c r="BG591" s="93"/>
      <c r="BH591" s="93"/>
      <c r="BI591" s="93"/>
      <c r="BJ591" s="93"/>
      <c r="BK591" s="93"/>
      <c r="BL591" s="93"/>
    </row>
    <row r="592" spans="2:64" x14ac:dyDescent="0.2">
      <c r="B592" s="43"/>
      <c r="C592" s="73"/>
      <c r="D592" s="64"/>
      <c r="E592" s="55"/>
      <c r="F592" s="74"/>
      <c r="G592" s="74"/>
      <c r="H592" s="74"/>
      <c r="I592" s="75"/>
      <c r="J592" s="74"/>
      <c r="L592" s="55"/>
      <c r="M592" s="234"/>
      <c r="N592" s="65"/>
      <c r="O592" s="76"/>
      <c r="P592" s="76"/>
      <c r="Q592" s="65"/>
      <c r="R592" s="76"/>
      <c r="S592" s="76"/>
      <c r="T592" s="76"/>
      <c r="U592" s="76"/>
      <c r="V592" s="76"/>
      <c r="W592" s="76"/>
      <c r="X592" s="76"/>
      <c r="Y592" s="76"/>
      <c r="Z592" s="76"/>
      <c r="AA592" s="85"/>
      <c r="AB592" s="85"/>
      <c r="AC592" s="85"/>
      <c r="AD592" s="85"/>
      <c r="AE592" s="85"/>
      <c r="AF592" s="85"/>
      <c r="AG592" s="86"/>
      <c r="AH592" s="85"/>
      <c r="AI592" s="85"/>
      <c r="AJ592" s="85"/>
      <c r="AK592" s="85"/>
      <c r="AL592" s="85"/>
      <c r="AM592" s="92"/>
      <c r="AN592" s="92"/>
      <c r="AO592" s="92"/>
      <c r="AP592" s="92"/>
      <c r="AQ592" s="92"/>
      <c r="AR592" s="92"/>
      <c r="AS592" s="92"/>
      <c r="AT592" s="92"/>
      <c r="AU592" s="92"/>
      <c r="AV592" s="92"/>
      <c r="AW592" s="92"/>
      <c r="AX592" s="92"/>
      <c r="AY592" s="92"/>
      <c r="AZ592" s="93"/>
      <c r="BA592" s="93"/>
      <c r="BB592" s="93"/>
      <c r="BC592" s="93"/>
      <c r="BD592" s="93"/>
      <c r="BE592" s="93"/>
      <c r="BF592" s="93"/>
      <c r="BG592" s="93"/>
      <c r="BH592" s="93"/>
      <c r="BI592" s="93"/>
      <c r="BJ592" s="93"/>
      <c r="BK592" s="93"/>
      <c r="BL592" s="93"/>
    </row>
    <row r="593" spans="2:64" x14ac:dyDescent="0.2">
      <c r="B593" s="43"/>
      <c r="C593" s="73"/>
      <c r="D593" s="64"/>
      <c r="E593" s="55"/>
      <c r="F593" s="74"/>
      <c r="G593" s="74"/>
      <c r="H593" s="74"/>
      <c r="I593" s="75"/>
      <c r="J593" s="74"/>
      <c r="L593" s="55"/>
      <c r="M593" s="234"/>
      <c r="N593" s="65"/>
      <c r="O593" s="76"/>
      <c r="P593" s="76"/>
      <c r="Q593" s="65"/>
      <c r="R593" s="76"/>
      <c r="S593" s="76"/>
      <c r="T593" s="76"/>
      <c r="U593" s="76"/>
      <c r="V593" s="76"/>
      <c r="W593" s="76"/>
      <c r="X593" s="76"/>
      <c r="Y593" s="76"/>
      <c r="Z593" s="76"/>
      <c r="AA593" s="85"/>
      <c r="AB593" s="85"/>
      <c r="AC593" s="85"/>
      <c r="AD593" s="85"/>
      <c r="AE593" s="85"/>
      <c r="AF593" s="85"/>
      <c r="AG593" s="86"/>
      <c r="AH593" s="85"/>
      <c r="AI593" s="85"/>
      <c r="AJ593" s="85"/>
      <c r="AK593" s="85"/>
      <c r="AL593" s="85"/>
      <c r="AM593" s="92"/>
      <c r="AN593" s="92"/>
      <c r="AO593" s="92"/>
      <c r="AP593" s="92"/>
      <c r="AQ593" s="92"/>
      <c r="AR593" s="92"/>
      <c r="AS593" s="92"/>
      <c r="AT593" s="92"/>
      <c r="AU593" s="92"/>
      <c r="AV593" s="92"/>
      <c r="AW593" s="92"/>
      <c r="AX593" s="92"/>
      <c r="AY593" s="92"/>
      <c r="AZ593" s="93"/>
      <c r="BA593" s="93"/>
      <c r="BB593" s="93"/>
      <c r="BC593" s="93"/>
      <c r="BD593" s="93"/>
      <c r="BE593" s="93"/>
      <c r="BF593" s="93"/>
      <c r="BG593" s="93"/>
      <c r="BH593" s="93"/>
      <c r="BI593" s="93"/>
      <c r="BJ593" s="93"/>
      <c r="BK593" s="93"/>
      <c r="BL593" s="93"/>
    </row>
    <row r="594" spans="2:64" x14ac:dyDescent="0.2">
      <c r="B594" s="43"/>
      <c r="C594" s="73"/>
      <c r="D594" s="64"/>
      <c r="E594" s="55"/>
      <c r="F594" s="74"/>
      <c r="G594" s="74"/>
      <c r="H594" s="74"/>
      <c r="I594" s="75"/>
      <c r="J594" s="74"/>
      <c r="L594" s="55"/>
      <c r="M594" s="234"/>
      <c r="N594" s="65"/>
      <c r="O594" s="76"/>
      <c r="P594" s="76"/>
      <c r="Q594" s="65"/>
      <c r="R594" s="76"/>
      <c r="S594" s="76"/>
      <c r="T594" s="76"/>
      <c r="U594" s="76"/>
      <c r="V594" s="76"/>
      <c r="W594" s="76"/>
      <c r="X594" s="76"/>
      <c r="Y594" s="76"/>
      <c r="Z594" s="76"/>
      <c r="AA594" s="85"/>
      <c r="AB594" s="85"/>
      <c r="AC594" s="85"/>
      <c r="AD594" s="85"/>
      <c r="AE594" s="85"/>
      <c r="AF594" s="85"/>
      <c r="AG594" s="86"/>
      <c r="AH594" s="85"/>
      <c r="AI594" s="85"/>
      <c r="AJ594" s="85"/>
      <c r="AK594" s="85"/>
      <c r="AL594" s="85"/>
      <c r="AM594" s="92"/>
      <c r="AN594" s="92"/>
      <c r="AO594" s="92"/>
      <c r="AP594" s="92"/>
      <c r="AQ594" s="92"/>
      <c r="AR594" s="92"/>
      <c r="AS594" s="92"/>
      <c r="AT594" s="92"/>
      <c r="AU594" s="92"/>
      <c r="AV594" s="92"/>
      <c r="AW594" s="92"/>
      <c r="AX594" s="92"/>
      <c r="AY594" s="92"/>
      <c r="AZ594" s="93"/>
      <c r="BA594" s="93"/>
      <c r="BB594" s="93"/>
      <c r="BC594" s="93"/>
      <c r="BD594" s="93"/>
      <c r="BE594" s="93"/>
      <c r="BF594" s="93"/>
      <c r="BG594" s="93"/>
      <c r="BH594" s="93"/>
      <c r="BI594" s="93"/>
      <c r="BJ594" s="93"/>
      <c r="BK594" s="93"/>
      <c r="BL594" s="93"/>
    </row>
    <row r="595" spans="2:64" x14ac:dyDescent="0.2">
      <c r="B595" s="43"/>
      <c r="C595" s="73"/>
      <c r="D595" s="64"/>
      <c r="E595" s="55"/>
      <c r="F595" s="74"/>
      <c r="G595" s="74"/>
      <c r="H595" s="74"/>
      <c r="I595" s="75"/>
      <c r="J595" s="74"/>
      <c r="L595" s="55"/>
      <c r="M595" s="234"/>
      <c r="N595" s="65"/>
      <c r="O595" s="76"/>
      <c r="P595" s="76"/>
      <c r="Q595" s="65"/>
      <c r="R595" s="76"/>
      <c r="S595" s="76"/>
      <c r="T595" s="76"/>
      <c r="U595" s="76"/>
      <c r="V595" s="76"/>
      <c r="W595" s="76"/>
      <c r="X595" s="76"/>
      <c r="Y595" s="76"/>
      <c r="Z595" s="76"/>
      <c r="AA595" s="85"/>
      <c r="AB595" s="85"/>
      <c r="AC595" s="85"/>
      <c r="AD595" s="85"/>
      <c r="AE595" s="85"/>
      <c r="AF595" s="85"/>
      <c r="AG595" s="86"/>
      <c r="AH595" s="85"/>
      <c r="AI595" s="85"/>
      <c r="AJ595" s="85"/>
      <c r="AK595" s="85"/>
      <c r="AL595" s="85"/>
      <c r="AM595" s="92"/>
      <c r="AN595" s="92"/>
      <c r="AO595" s="92"/>
      <c r="AP595" s="92"/>
      <c r="AQ595" s="92"/>
      <c r="AR595" s="92"/>
      <c r="AS595" s="92"/>
      <c r="AT595" s="92"/>
      <c r="AU595" s="92"/>
      <c r="AV595" s="92"/>
      <c r="AW595" s="92"/>
      <c r="AX595" s="92"/>
      <c r="AY595" s="92"/>
      <c r="AZ595" s="93"/>
      <c r="BA595" s="93"/>
      <c r="BB595" s="93"/>
      <c r="BC595" s="93"/>
      <c r="BD595" s="93"/>
      <c r="BE595" s="93"/>
      <c r="BF595" s="93"/>
      <c r="BG595" s="93"/>
      <c r="BH595" s="93"/>
      <c r="BI595" s="93"/>
      <c r="BJ595" s="93"/>
      <c r="BK595" s="93"/>
      <c r="BL595" s="93"/>
    </row>
    <row r="596" spans="2:64" x14ac:dyDescent="0.2">
      <c r="B596" s="43"/>
      <c r="C596" s="73"/>
      <c r="D596" s="64"/>
      <c r="E596" s="55"/>
      <c r="F596" s="74"/>
      <c r="G596" s="74"/>
      <c r="H596" s="74"/>
      <c r="I596" s="75"/>
      <c r="J596" s="74"/>
      <c r="L596" s="55"/>
      <c r="M596" s="234"/>
      <c r="N596" s="65"/>
      <c r="O596" s="76"/>
      <c r="P596" s="76"/>
      <c r="Q596" s="65"/>
      <c r="R596" s="76"/>
      <c r="S596" s="76"/>
      <c r="T596" s="76"/>
      <c r="U596" s="76"/>
      <c r="V596" s="76"/>
      <c r="W596" s="76"/>
      <c r="X596" s="76"/>
      <c r="Y596" s="76"/>
      <c r="Z596" s="76"/>
      <c r="AA596" s="85"/>
      <c r="AB596" s="85"/>
      <c r="AC596" s="85"/>
      <c r="AD596" s="85"/>
      <c r="AE596" s="85"/>
      <c r="AF596" s="85"/>
      <c r="AG596" s="86"/>
      <c r="AH596" s="85"/>
      <c r="AI596" s="85"/>
      <c r="AJ596" s="85"/>
      <c r="AK596" s="85"/>
      <c r="AL596" s="85"/>
      <c r="AM596" s="92"/>
      <c r="AN596" s="92"/>
      <c r="AO596" s="92"/>
      <c r="AP596" s="92"/>
      <c r="AQ596" s="92"/>
      <c r="AR596" s="92"/>
      <c r="AS596" s="92"/>
      <c r="AT596" s="92"/>
      <c r="AU596" s="92"/>
      <c r="AV596" s="92"/>
      <c r="AW596" s="92"/>
      <c r="AX596" s="92"/>
      <c r="AY596" s="92"/>
      <c r="AZ596" s="93"/>
      <c r="BA596" s="93"/>
      <c r="BB596" s="93"/>
      <c r="BC596" s="93"/>
      <c r="BD596" s="93"/>
      <c r="BE596" s="93"/>
      <c r="BF596" s="93"/>
      <c r="BG596" s="93"/>
      <c r="BH596" s="93"/>
      <c r="BI596" s="93"/>
      <c r="BJ596" s="93"/>
      <c r="BK596" s="93"/>
      <c r="BL596" s="93"/>
    </row>
    <row r="597" spans="2:64" x14ac:dyDescent="0.2">
      <c r="B597" s="43"/>
      <c r="C597" s="73"/>
      <c r="D597" s="64"/>
      <c r="E597" s="55"/>
      <c r="F597" s="74"/>
      <c r="G597" s="74"/>
      <c r="H597" s="74"/>
      <c r="I597" s="75"/>
      <c r="J597" s="74"/>
      <c r="L597" s="55"/>
      <c r="M597" s="234"/>
      <c r="N597" s="65"/>
      <c r="O597" s="76"/>
      <c r="P597" s="76"/>
      <c r="Q597" s="65"/>
      <c r="R597" s="76"/>
      <c r="S597" s="76"/>
      <c r="T597" s="76"/>
      <c r="U597" s="76"/>
      <c r="V597" s="76"/>
      <c r="W597" s="76"/>
      <c r="X597" s="76"/>
      <c r="Y597" s="76"/>
      <c r="Z597" s="76"/>
      <c r="AA597" s="85"/>
      <c r="AB597" s="85"/>
      <c r="AC597" s="85"/>
      <c r="AD597" s="85"/>
      <c r="AE597" s="85"/>
      <c r="AF597" s="85"/>
      <c r="AG597" s="86"/>
      <c r="AH597" s="85"/>
      <c r="AI597" s="85"/>
      <c r="AJ597" s="85"/>
      <c r="AK597" s="85"/>
      <c r="AL597" s="85"/>
      <c r="AM597" s="92"/>
      <c r="AN597" s="92"/>
      <c r="AO597" s="92"/>
      <c r="AP597" s="92"/>
      <c r="AQ597" s="92"/>
      <c r="AR597" s="92"/>
      <c r="AS597" s="92"/>
      <c r="AT597" s="92"/>
      <c r="AU597" s="92"/>
      <c r="AV597" s="92"/>
      <c r="AW597" s="92"/>
      <c r="AX597" s="92"/>
      <c r="AY597" s="92"/>
      <c r="AZ597" s="93"/>
      <c r="BA597" s="93"/>
      <c r="BB597" s="93"/>
      <c r="BC597" s="93"/>
      <c r="BD597" s="93"/>
      <c r="BE597" s="93"/>
      <c r="BF597" s="93"/>
      <c r="BG597" s="93"/>
      <c r="BH597" s="93"/>
      <c r="BI597" s="93"/>
      <c r="BJ597" s="93"/>
      <c r="BK597" s="93"/>
      <c r="BL597" s="93"/>
    </row>
    <row r="598" spans="2:64" x14ac:dyDescent="0.2">
      <c r="B598" s="43"/>
      <c r="C598" s="73"/>
      <c r="D598" s="64"/>
      <c r="E598" s="55"/>
      <c r="F598" s="74"/>
      <c r="G598" s="74"/>
      <c r="H598" s="74"/>
      <c r="I598" s="75"/>
      <c r="J598" s="74"/>
      <c r="L598" s="55"/>
      <c r="M598" s="234"/>
      <c r="N598" s="65"/>
      <c r="O598" s="76"/>
      <c r="P598" s="76"/>
      <c r="Q598" s="65"/>
      <c r="R598" s="76"/>
      <c r="S598" s="76"/>
      <c r="T598" s="76"/>
      <c r="U598" s="76"/>
      <c r="V598" s="76"/>
      <c r="W598" s="76"/>
      <c r="X598" s="76"/>
      <c r="Y598" s="76"/>
      <c r="Z598" s="76"/>
      <c r="AA598" s="85"/>
      <c r="AB598" s="85"/>
      <c r="AC598" s="85"/>
      <c r="AD598" s="85"/>
      <c r="AE598" s="85"/>
      <c r="AF598" s="85"/>
      <c r="AG598" s="86"/>
      <c r="AH598" s="85"/>
      <c r="AI598" s="85"/>
      <c r="AJ598" s="85"/>
      <c r="AK598" s="85"/>
      <c r="AL598" s="85"/>
      <c r="AM598" s="92"/>
      <c r="AN598" s="92"/>
      <c r="AO598" s="92"/>
      <c r="AP598" s="92"/>
      <c r="AQ598" s="92"/>
      <c r="AR598" s="92"/>
      <c r="AS598" s="92"/>
      <c r="AT598" s="92"/>
      <c r="AU598" s="92"/>
      <c r="AV598" s="92"/>
      <c r="AW598" s="92"/>
      <c r="AX598" s="92"/>
      <c r="AY598" s="92"/>
      <c r="AZ598" s="93"/>
      <c r="BA598" s="93"/>
      <c r="BB598" s="93"/>
      <c r="BC598" s="93"/>
      <c r="BD598" s="93"/>
      <c r="BE598" s="93"/>
      <c r="BF598" s="93"/>
      <c r="BG598" s="93"/>
      <c r="BH598" s="93"/>
      <c r="BI598" s="93"/>
      <c r="BJ598" s="93"/>
      <c r="BK598" s="93"/>
      <c r="BL598" s="93"/>
    </row>
    <row r="599" spans="2:64" x14ac:dyDescent="0.2">
      <c r="B599" s="43"/>
      <c r="C599" s="73"/>
      <c r="D599" s="64"/>
      <c r="E599" s="55"/>
      <c r="F599" s="74"/>
      <c r="G599" s="74"/>
      <c r="H599" s="74"/>
      <c r="I599" s="75"/>
      <c r="J599" s="74"/>
      <c r="L599" s="55"/>
      <c r="M599" s="234"/>
      <c r="N599" s="65"/>
      <c r="O599" s="76"/>
      <c r="P599" s="76"/>
      <c r="Q599" s="65"/>
      <c r="R599" s="76"/>
      <c r="S599" s="76"/>
      <c r="T599" s="76"/>
      <c r="U599" s="76"/>
      <c r="V599" s="76"/>
      <c r="W599" s="76"/>
      <c r="X599" s="76"/>
      <c r="Y599" s="76"/>
      <c r="Z599" s="76"/>
      <c r="AA599" s="85"/>
      <c r="AB599" s="85"/>
      <c r="AC599" s="85"/>
      <c r="AD599" s="85"/>
      <c r="AE599" s="85"/>
      <c r="AF599" s="85"/>
      <c r="AG599" s="86"/>
      <c r="AH599" s="85"/>
      <c r="AI599" s="85"/>
      <c r="AJ599" s="85"/>
      <c r="AK599" s="85"/>
      <c r="AL599" s="85"/>
      <c r="AM599" s="92"/>
      <c r="AN599" s="92"/>
      <c r="AO599" s="92"/>
      <c r="AP599" s="92"/>
      <c r="AQ599" s="92"/>
      <c r="AR599" s="92"/>
      <c r="AS599" s="92"/>
      <c r="AT599" s="92"/>
      <c r="AU599" s="92"/>
      <c r="AV599" s="92"/>
      <c r="AW599" s="92"/>
      <c r="AX599" s="92"/>
      <c r="AY599" s="92"/>
      <c r="AZ599" s="93"/>
      <c r="BA599" s="93"/>
      <c r="BB599" s="93"/>
      <c r="BC599" s="93"/>
      <c r="BD599" s="93"/>
      <c r="BE599" s="93"/>
      <c r="BF599" s="93"/>
      <c r="BG599" s="93"/>
      <c r="BH599" s="93"/>
      <c r="BI599" s="93"/>
      <c r="BJ599" s="93"/>
      <c r="BK599" s="93"/>
      <c r="BL599" s="93"/>
    </row>
    <row r="600" spans="2:64" x14ac:dyDescent="0.2">
      <c r="B600" s="43"/>
      <c r="C600" s="73"/>
      <c r="D600" s="64"/>
      <c r="E600" s="55"/>
      <c r="F600" s="74"/>
      <c r="G600" s="74"/>
      <c r="H600" s="74"/>
      <c r="I600" s="75"/>
      <c r="J600" s="74"/>
      <c r="L600" s="55"/>
      <c r="M600" s="234"/>
      <c r="N600" s="65"/>
      <c r="O600" s="76"/>
      <c r="P600" s="76"/>
      <c r="Q600" s="65"/>
      <c r="R600" s="76"/>
      <c r="S600" s="76"/>
      <c r="T600" s="76"/>
      <c r="U600" s="76"/>
      <c r="V600" s="76"/>
      <c r="W600" s="76"/>
      <c r="X600" s="76"/>
      <c r="Y600" s="76"/>
      <c r="Z600" s="76"/>
      <c r="AA600" s="85"/>
      <c r="AB600" s="85"/>
      <c r="AC600" s="85"/>
      <c r="AD600" s="85"/>
      <c r="AE600" s="85"/>
      <c r="AF600" s="85"/>
      <c r="AG600" s="86"/>
      <c r="AH600" s="85"/>
      <c r="AI600" s="85"/>
      <c r="AJ600" s="85"/>
      <c r="AK600" s="85"/>
      <c r="AL600" s="85"/>
      <c r="AM600" s="92"/>
      <c r="AN600" s="92"/>
      <c r="AO600" s="92"/>
      <c r="AP600" s="92"/>
      <c r="AQ600" s="92"/>
      <c r="AR600" s="92"/>
      <c r="AS600" s="92"/>
      <c r="AT600" s="92"/>
      <c r="AU600" s="92"/>
      <c r="AV600" s="92"/>
      <c r="AW600" s="92"/>
      <c r="AX600" s="92"/>
      <c r="AY600" s="92"/>
      <c r="AZ600" s="93"/>
      <c r="BA600" s="93"/>
      <c r="BB600" s="93"/>
      <c r="BC600" s="93"/>
      <c r="BD600" s="93"/>
      <c r="BE600" s="93"/>
      <c r="BF600" s="93"/>
      <c r="BG600" s="93"/>
      <c r="BH600" s="93"/>
      <c r="BI600" s="93"/>
      <c r="BJ600" s="93"/>
      <c r="BK600" s="93"/>
      <c r="BL600" s="93"/>
    </row>
    <row r="601" spans="2:64" x14ac:dyDescent="0.2">
      <c r="B601" s="43"/>
      <c r="C601" s="73"/>
      <c r="D601" s="64"/>
      <c r="E601" s="55"/>
      <c r="F601" s="74"/>
      <c r="G601" s="74"/>
      <c r="H601" s="74"/>
      <c r="I601" s="75"/>
      <c r="J601" s="74"/>
      <c r="L601" s="55"/>
      <c r="M601" s="234"/>
      <c r="N601" s="65"/>
      <c r="O601" s="76"/>
      <c r="P601" s="76"/>
      <c r="Q601" s="65"/>
      <c r="R601" s="76"/>
      <c r="S601" s="76"/>
      <c r="T601" s="76"/>
      <c r="U601" s="76"/>
      <c r="V601" s="76"/>
      <c r="W601" s="76"/>
      <c r="X601" s="76"/>
      <c r="Y601" s="76"/>
      <c r="Z601" s="76"/>
      <c r="AA601" s="85"/>
      <c r="AB601" s="85"/>
      <c r="AC601" s="85"/>
      <c r="AD601" s="85"/>
      <c r="AE601" s="85"/>
      <c r="AF601" s="85"/>
      <c r="AG601" s="86"/>
      <c r="AH601" s="85"/>
      <c r="AI601" s="85"/>
      <c r="AJ601" s="85"/>
      <c r="AK601" s="85"/>
      <c r="AL601" s="85"/>
      <c r="AM601" s="92"/>
      <c r="AN601" s="92"/>
      <c r="AO601" s="92"/>
      <c r="AP601" s="92"/>
      <c r="AQ601" s="92"/>
      <c r="AR601" s="92"/>
      <c r="AS601" s="92"/>
      <c r="AT601" s="92"/>
      <c r="AU601" s="92"/>
      <c r="AV601" s="92"/>
      <c r="AW601" s="92"/>
      <c r="AX601" s="92"/>
      <c r="AY601" s="92"/>
      <c r="AZ601" s="93"/>
      <c r="BA601" s="93"/>
      <c r="BB601" s="93"/>
      <c r="BC601" s="93"/>
      <c r="BD601" s="93"/>
      <c r="BE601" s="93"/>
      <c r="BF601" s="93"/>
      <c r="BG601" s="93"/>
      <c r="BH601" s="93"/>
      <c r="BI601" s="93"/>
      <c r="BJ601" s="93"/>
      <c r="BK601" s="93"/>
      <c r="BL601" s="93"/>
    </row>
    <row r="602" spans="2:64" x14ac:dyDescent="0.2">
      <c r="B602" s="43"/>
      <c r="C602" s="73"/>
      <c r="D602" s="64"/>
      <c r="E602" s="55"/>
      <c r="F602" s="74"/>
      <c r="G602" s="74"/>
      <c r="H602" s="74"/>
      <c r="I602" s="75"/>
      <c r="J602" s="74"/>
      <c r="L602" s="55"/>
      <c r="M602" s="234"/>
      <c r="N602" s="65"/>
      <c r="O602" s="76"/>
      <c r="P602" s="76"/>
      <c r="Q602" s="65"/>
      <c r="R602" s="76"/>
      <c r="S602" s="76"/>
      <c r="T602" s="76"/>
      <c r="U602" s="76"/>
      <c r="V602" s="76"/>
      <c r="W602" s="76"/>
      <c r="X602" s="76"/>
      <c r="Y602" s="76"/>
      <c r="Z602" s="76"/>
      <c r="AA602" s="85"/>
      <c r="AB602" s="85"/>
      <c r="AC602" s="85"/>
      <c r="AD602" s="85"/>
      <c r="AE602" s="85"/>
      <c r="AF602" s="85"/>
      <c r="AG602" s="86"/>
      <c r="AH602" s="85"/>
      <c r="AI602" s="85"/>
      <c r="AJ602" s="85"/>
      <c r="AK602" s="85"/>
      <c r="AL602" s="85"/>
      <c r="AM602" s="92"/>
      <c r="AN602" s="92"/>
      <c r="AO602" s="92"/>
      <c r="AP602" s="92"/>
      <c r="AQ602" s="92"/>
      <c r="AR602" s="92"/>
      <c r="AS602" s="92"/>
      <c r="AT602" s="92"/>
      <c r="AU602" s="92"/>
      <c r="AV602" s="92"/>
      <c r="AW602" s="92"/>
      <c r="AX602" s="92"/>
      <c r="AY602" s="92"/>
      <c r="AZ602" s="93"/>
      <c r="BA602" s="93"/>
      <c r="BB602" s="93"/>
      <c r="BC602" s="93"/>
      <c r="BD602" s="93"/>
      <c r="BE602" s="93"/>
      <c r="BF602" s="93"/>
      <c r="BG602" s="93"/>
      <c r="BH602" s="93"/>
      <c r="BI602" s="93"/>
      <c r="BJ602" s="93"/>
      <c r="BK602" s="93"/>
      <c r="BL602" s="93"/>
    </row>
    <row r="603" spans="2:64" x14ac:dyDescent="0.2">
      <c r="B603" s="43"/>
      <c r="C603" s="73"/>
      <c r="D603" s="64"/>
      <c r="E603" s="55"/>
      <c r="F603" s="74"/>
      <c r="G603" s="74"/>
      <c r="H603" s="74"/>
      <c r="I603" s="75"/>
      <c r="J603" s="74"/>
      <c r="L603" s="55"/>
      <c r="M603" s="234"/>
      <c r="N603" s="65"/>
      <c r="O603" s="76"/>
      <c r="P603" s="76"/>
      <c r="Q603" s="65"/>
      <c r="R603" s="76"/>
      <c r="S603" s="76"/>
      <c r="T603" s="76"/>
      <c r="U603" s="76"/>
      <c r="V603" s="76"/>
      <c r="W603" s="76"/>
      <c r="X603" s="76"/>
      <c r="Y603" s="76"/>
      <c r="Z603" s="76"/>
      <c r="AA603" s="85"/>
      <c r="AB603" s="85"/>
      <c r="AC603" s="85"/>
      <c r="AD603" s="85"/>
      <c r="AE603" s="85"/>
      <c r="AF603" s="85"/>
      <c r="AG603" s="86"/>
      <c r="AH603" s="85"/>
      <c r="AI603" s="85"/>
      <c r="AJ603" s="85"/>
      <c r="AK603" s="85"/>
      <c r="AL603" s="85"/>
      <c r="AM603" s="92"/>
      <c r="AN603" s="92"/>
      <c r="AO603" s="92"/>
      <c r="AP603" s="92"/>
      <c r="AQ603" s="92"/>
      <c r="AR603" s="92"/>
      <c r="AS603" s="92"/>
      <c r="AT603" s="92"/>
      <c r="AU603" s="92"/>
      <c r="AV603" s="92"/>
      <c r="AW603" s="92"/>
      <c r="AX603" s="92"/>
      <c r="AY603" s="92"/>
      <c r="AZ603" s="93"/>
      <c r="BA603" s="93"/>
      <c r="BB603" s="93"/>
      <c r="BC603" s="93"/>
      <c r="BD603" s="93"/>
      <c r="BE603" s="93"/>
      <c r="BF603" s="93"/>
      <c r="BG603" s="93"/>
      <c r="BH603" s="93"/>
      <c r="BI603" s="93"/>
      <c r="BJ603" s="93"/>
      <c r="BK603" s="93"/>
      <c r="BL603" s="93"/>
    </row>
    <row r="604" spans="2:64" x14ac:dyDescent="0.2">
      <c r="B604" s="43"/>
      <c r="C604" s="73"/>
      <c r="D604" s="64"/>
      <c r="E604" s="55"/>
      <c r="F604" s="74"/>
      <c r="G604" s="74"/>
      <c r="H604" s="74"/>
      <c r="I604" s="75"/>
      <c r="J604" s="74"/>
      <c r="L604" s="55"/>
      <c r="M604" s="234"/>
      <c r="N604" s="65"/>
      <c r="O604" s="76"/>
      <c r="P604" s="76"/>
      <c r="Q604" s="65"/>
      <c r="R604" s="76"/>
      <c r="S604" s="76"/>
      <c r="T604" s="76"/>
      <c r="U604" s="76"/>
      <c r="V604" s="76"/>
      <c r="W604" s="76"/>
      <c r="X604" s="76"/>
      <c r="Y604" s="76"/>
      <c r="Z604" s="76"/>
      <c r="AA604" s="85"/>
      <c r="AB604" s="85"/>
      <c r="AC604" s="85"/>
      <c r="AD604" s="85"/>
      <c r="AE604" s="85"/>
      <c r="AF604" s="85"/>
      <c r="AG604" s="86"/>
      <c r="AH604" s="85"/>
      <c r="AI604" s="85"/>
      <c r="AJ604" s="85"/>
      <c r="AK604" s="85"/>
      <c r="AL604" s="85"/>
      <c r="AM604" s="92"/>
      <c r="AN604" s="92"/>
      <c r="AO604" s="92"/>
      <c r="AP604" s="92"/>
      <c r="AQ604" s="92"/>
      <c r="AR604" s="92"/>
      <c r="AS604" s="92"/>
      <c r="AT604" s="92"/>
      <c r="AU604" s="92"/>
      <c r="AV604" s="92"/>
      <c r="AW604" s="92"/>
      <c r="AX604" s="92"/>
      <c r="AY604" s="92"/>
      <c r="AZ604" s="93"/>
      <c r="BA604" s="93"/>
      <c r="BB604" s="93"/>
      <c r="BC604" s="93"/>
      <c r="BD604" s="93"/>
      <c r="BE604" s="93"/>
      <c r="BF604" s="93"/>
      <c r="BG604" s="93"/>
      <c r="BH604" s="93"/>
      <c r="BI604" s="93"/>
      <c r="BJ604" s="93"/>
      <c r="BK604" s="93"/>
      <c r="BL604" s="93"/>
    </row>
    <row r="605" spans="2:64" x14ac:dyDescent="0.2">
      <c r="B605" s="43"/>
      <c r="C605" s="73"/>
      <c r="D605" s="64"/>
      <c r="E605" s="55"/>
      <c r="F605" s="74"/>
      <c r="G605" s="74"/>
      <c r="H605" s="74"/>
      <c r="I605" s="75"/>
      <c r="J605" s="74"/>
      <c r="L605" s="55"/>
      <c r="M605" s="234"/>
      <c r="N605" s="65"/>
      <c r="O605" s="76"/>
      <c r="P605" s="76"/>
      <c r="Q605" s="65"/>
      <c r="R605" s="76"/>
      <c r="S605" s="76"/>
      <c r="T605" s="76"/>
      <c r="U605" s="76"/>
      <c r="V605" s="76"/>
      <c r="W605" s="76"/>
      <c r="X605" s="76"/>
      <c r="Y605" s="76"/>
      <c r="Z605" s="76"/>
      <c r="AA605" s="85"/>
      <c r="AB605" s="85"/>
      <c r="AC605" s="85"/>
      <c r="AD605" s="85"/>
      <c r="AE605" s="85"/>
      <c r="AF605" s="85"/>
      <c r="AG605" s="86"/>
      <c r="AH605" s="85"/>
      <c r="AI605" s="85"/>
      <c r="AJ605" s="85"/>
      <c r="AK605" s="85"/>
      <c r="AL605" s="85"/>
      <c r="AM605" s="92"/>
      <c r="AN605" s="92"/>
      <c r="AO605" s="92"/>
      <c r="AP605" s="92"/>
      <c r="AQ605" s="92"/>
      <c r="AR605" s="92"/>
      <c r="AS605" s="92"/>
      <c r="AT605" s="92"/>
      <c r="AU605" s="92"/>
      <c r="AV605" s="92"/>
      <c r="AW605" s="92"/>
      <c r="AX605" s="92"/>
      <c r="AY605" s="92"/>
      <c r="AZ605" s="93"/>
      <c r="BA605" s="93"/>
      <c r="BB605" s="93"/>
      <c r="BC605" s="93"/>
      <c r="BD605" s="93"/>
      <c r="BE605" s="93"/>
      <c r="BF605" s="93"/>
      <c r="BG605" s="93"/>
      <c r="BH605" s="93"/>
      <c r="BI605" s="93"/>
      <c r="BJ605" s="93"/>
      <c r="BK605" s="93"/>
      <c r="BL605" s="93"/>
    </row>
    <row r="606" spans="2:64" x14ac:dyDescent="0.2">
      <c r="B606" s="43"/>
      <c r="C606" s="73"/>
      <c r="D606" s="64"/>
      <c r="E606" s="55"/>
      <c r="F606" s="74"/>
      <c r="G606" s="74"/>
      <c r="H606" s="74"/>
      <c r="I606" s="75"/>
      <c r="J606" s="74"/>
      <c r="L606" s="55"/>
      <c r="M606" s="234"/>
      <c r="N606" s="65"/>
      <c r="O606" s="76"/>
      <c r="P606" s="76"/>
      <c r="Q606" s="65"/>
      <c r="R606" s="76"/>
      <c r="S606" s="76"/>
      <c r="T606" s="76"/>
      <c r="U606" s="76"/>
      <c r="V606" s="76"/>
      <c r="W606" s="76"/>
      <c r="X606" s="76"/>
      <c r="Y606" s="76"/>
      <c r="Z606" s="76"/>
      <c r="AA606" s="85"/>
      <c r="AB606" s="85"/>
      <c r="AC606" s="85"/>
      <c r="AD606" s="85"/>
      <c r="AE606" s="85"/>
      <c r="AF606" s="85"/>
      <c r="AG606" s="86"/>
      <c r="AH606" s="85"/>
      <c r="AI606" s="85"/>
      <c r="AJ606" s="85"/>
      <c r="AK606" s="85"/>
      <c r="AL606" s="85"/>
      <c r="AM606" s="92"/>
      <c r="AN606" s="92"/>
      <c r="AO606" s="92"/>
      <c r="AP606" s="92"/>
      <c r="AQ606" s="92"/>
      <c r="AR606" s="92"/>
      <c r="AS606" s="92"/>
      <c r="AT606" s="92"/>
      <c r="AU606" s="92"/>
      <c r="AV606" s="92"/>
      <c r="AW606" s="92"/>
      <c r="AX606" s="92"/>
      <c r="AY606" s="92"/>
      <c r="AZ606" s="93"/>
      <c r="BA606" s="93"/>
      <c r="BB606" s="93"/>
      <c r="BC606" s="93"/>
      <c r="BD606" s="93"/>
      <c r="BE606" s="93"/>
      <c r="BF606" s="93"/>
      <c r="BG606" s="93"/>
      <c r="BH606" s="93"/>
      <c r="BI606" s="93"/>
      <c r="BJ606" s="93"/>
      <c r="BK606" s="93"/>
      <c r="BL606" s="93"/>
    </row>
    <row r="607" spans="2:64" x14ac:dyDescent="0.2">
      <c r="B607" s="43"/>
      <c r="C607" s="73"/>
      <c r="D607" s="64"/>
      <c r="E607" s="55"/>
      <c r="F607" s="74"/>
      <c r="G607" s="74"/>
      <c r="H607" s="74"/>
      <c r="I607" s="75"/>
      <c r="J607" s="74"/>
      <c r="L607" s="55"/>
      <c r="M607" s="234"/>
      <c r="N607" s="65"/>
      <c r="O607" s="76"/>
      <c r="P607" s="76"/>
      <c r="Q607" s="65"/>
      <c r="R607" s="76"/>
      <c r="S607" s="76"/>
      <c r="T607" s="76"/>
      <c r="U607" s="76"/>
      <c r="V607" s="76"/>
      <c r="W607" s="76"/>
      <c r="X607" s="76"/>
      <c r="Y607" s="76"/>
      <c r="Z607" s="76"/>
      <c r="AA607" s="85"/>
      <c r="AB607" s="85"/>
      <c r="AC607" s="85"/>
      <c r="AD607" s="85"/>
      <c r="AE607" s="85"/>
      <c r="AF607" s="85"/>
      <c r="AG607" s="86"/>
      <c r="AH607" s="85"/>
      <c r="AI607" s="85"/>
      <c r="AJ607" s="85"/>
      <c r="AK607" s="85"/>
      <c r="AL607" s="85"/>
      <c r="AM607" s="92"/>
      <c r="AN607" s="92"/>
      <c r="AO607" s="92"/>
      <c r="AP607" s="92"/>
      <c r="AQ607" s="92"/>
      <c r="AR607" s="92"/>
      <c r="AS607" s="92"/>
      <c r="AT607" s="92"/>
      <c r="AU607" s="92"/>
      <c r="AV607" s="92"/>
      <c r="AW607" s="92"/>
      <c r="AX607" s="92"/>
      <c r="AY607" s="92"/>
      <c r="AZ607" s="93"/>
      <c r="BA607" s="93"/>
      <c r="BB607" s="93"/>
      <c r="BC607" s="93"/>
      <c r="BD607" s="93"/>
      <c r="BE607" s="93"/>
      <c r="BF607" s="93"/>
      <c r="BG607" s="93"/>
      <c r="BH607" s="93"/>
      <c r="BI607" s="93"/>
      <c r="BJ607" s="93"/>
      <c r="BK607" s="93"/>
      <c r="BL607" s="93"/>
    </row>
    <row r="608" spans="2:64" x14ac:dyDescent="0.2">
      <c r="B608" s="43"/>
      <c r="C608" s="73"/>
      <c r="D608" s="64"/>
      <c r="E608" s="55"/>
      <c r="F608" s="74"/>
      <c r="G608" s="74"/>
      <c r="H608" s="74"/>
      <c r="I608" s="75"/>
      <c r="J608" s="74"/>
      <c r="L608" s="55"/>
      <c r="M608" s="234"/>
      <c r="N608" s="65"/>
      <c r="O608" s="76"/>
      <c r="P608" s="76"/>
      <c r="Q608" s="65"/>
      <c r="R608" s="76"/>
      <c r="S608" s="76"/>
      <c r="T608" s="76"/>
      <c r="U608" s="76"/>
      <c r="V608" s="76"/>
      <c r="W608" s="76"/>
      <c r="X608" s="76"/>
      <c r="Y608" s="76"/>
      <c r="Z608" s="76"/>
      <c r="AA608" s="85"/>
      <c r="AB608" s="85"/>
      <c r="AC608" s="85"/>
      <c r="AD608" s="85"/>
      <c r="AE608" s="85"/>
      <c r="AF608" s="85"/>
      <c r="AG608" s="86"/>
      <c r="AH608" s="85"/>
      <c r="AI608" s="85"/>
      <c r="AJ608" s="85"/>
      <c r="AK608" s="85"/>
      <c r="AL608" s="85"/>
      <c r="AM608" s="92"/>
      <c r="AN608" s="92"/>
      <c r="AO608" s="92"/>
      <c r="AP608" s="92"/>
      <c r="AQ608" s="92"/>
      <c r="AR608" s="92"/>
      <c r="AS608" s="92"/>
      <c r="AT608" s="92"/>
      <c r="AU608" s="92"/>
      <c r="AV608" s="92"/>
      <c r="AW608" s="92"/>
      <c r="AX608" s="92"/>
      <c r="AY608" s="92"/>
      <c r="AZ608" s="93"/>
      <c r="BA608" s="93"/>
      <c r="BB608" s="93"/>
      <c r="BC608" s="93"/>
      <c r="BD608" s="93"/>
      <c r="BE608" s="93"/>
      <c r="BF608" s="93"/>
      <c r="BG608" s="93"/>
      <c r="BH608" s="93"/>
      <c r="BI608" s="93"/>
      <c r="BJ608" s="93"/>
      <c r="BK608" s="93"/>
      <c r="BL608" s="93"/>
    </row>
    <row r="609" spans="2:64" x14ac:dyDescent="0.2">
      <c r="B609" s="43"/>
      <c r="C609" s="73"/>
      <c r="D609" s="64"/>
      <c r="E609" s="55"/>
      <c r="F609" s="74"/>
      <c r="G609" s="74"/>
      <c r="H609" s="74"/>
      <c r="I609" s="75"/>
      <c r="J609" s="74"/>
      <c r="L609" s="55"/>
      <c r="M609" s="234"/>
      <c r="N609" s="65"/>
      <c r="O609" s="76"/>
      <c r="P609" s="76"/>
      <c r="Q609" s="65"/>
      <c r="R609" s="76"/>
      <c r="S609" s="76"/>
      <c r="T609" s="76"/>
      <c r="U609" s="76"/>
      <c r="V609" s="76"/>
      <c r="W609" s="76"/>
      <c r="X609" s="76"/>
      <c r="Y609" s="76"/>
      <c r="Z609" s="76"/>
      <c r="AA609" s="85"/>
      <c r="AB609" s="85"/>
      <c r="AC609" s="85"/>
      <c r="AD609" s="85"/>
      <c r="AE609" s="85"/>
      <c r="AF609" s="85"/>
      <c r="AG609" s="86"/>
      <c r="AH609" s="85"/>
      <c r="AI609" s="85"/>
      <c r="AJ609" s="85"/>
      <c r="AK609" s="85"/>
      <c r="AL609" s="85"/>
      <c r="AM609" s="92"/>
      <c r="AN609" s="92"/>
      <c r="AO609" s="92"/>
      <c r="AP609" s="92"/>
      <c r="AQ609" s="92"/>
      <c r="AR609" s="92"/>
      <c r="AS609" s="92"/>
      <c r="AT609" s="92"/>
      <c r="AU609" s="92"/>
      <c r="AV609" s="92"/>
      <c r="AW609" s="92"/>
      <c r="AX609" s="92"/>
      <c r="AY609" s="92"/>
      <c r="AZ609" s="93"/>
      <c r="BA609" s="93"/>
      <c r="BB609" s="93"/>
      <c r="BC609" s="93"/>
      <c r="BD609" s="93"/>
      <c r="BE609" s="93"/>
      <c r="BF609" s="93"/>
      <c r="BG609" s="93"/>
      <c r="BH609" s="93"/>
      <c r="BI609" s="93"/>
      <c r="BJ609" s="93"/>
      <c r="BK609" s="93"/>
      <c r="BL609" s="93"/>
    </row>
    <row r="610" spans="2:64" x14ac:dyDescent="0.2">
      <c r="B610" s="43"/>
      <c r="C610" s="73"/>
      <c r="D610" s="64"/>
      <c r="E610" s="55"/>
      <c r="F610" s="74"/>
      <c r="G610" s="74"/>
      <c r="H610" s="74"/>
      <c r="I610" s="75"/>
      <c r="J610" s="74"/>
      <c r="L610" s="55"/>
      <c r="M610" s="234"/>
      <c r="N610" s="65"/>
      <c r="O610" s="76"/>
      <c r="P610" s="76"/>
      <c r="Q610" s="65"/>
      <c r="R610" s="76"/>
      <c r="S610" s="76"/>
      <c r="T610" s="76"/>
      <c r="U610" s="76"/>
      <c r="V610" s="76"/>
      <c r="W610" s="76"/>
      <c r="X610" s="76"/>
      <c r="Y610" s="76"/>
      <c r="Z610" s="76"/>
      <c r="AA610" s="85"/>
      <c r="AB610" s="85"/>
      <c r="AC610" s="85"/>
      <c r="AD610" s="85"/>
      <c r="AE610" s="85"/>
      <c r="AF610" s="85"/>
      <c r="AG610" s="86"/>
      <c r="AH610" s="85"/>
      <c r="AI610" s="85"/>
      <c r="AJ610" s="85"/>
      <c r="AK610" s="85"/>
      <c r="AL610" s="85"/>
      <c r="AM610" s="92"/>
      <c r="AN610" s="92"/>
      <c r="AO610" s="92"/>
      <c r="AP610" s="92"/>
      <c r="AQ610" s="92"/>
      <c r="AR610" s="92"/>
      <c r="AS610" s="92"/>
      <c r="AT610" s="92"/>
      <c r="AU610" s="92"/>
      <c r="AV610" s="92"/>
      <c r="AW610" s="92"/>
      <c r="AX610" s="92"/>
      <c r="AY610" s="92"/>
      <c r="AZ610" s="93"/>
      <c r="BA610" s="93"/>
      <c r="BB610" s="93"/>
      <c r="BC610" s="93"/>
      <c r="BD610" s="93"/>
      <c r="BE610" s="93"/>
      <c r="BF610" s="93"/>
      <c r="BG610" s="93"/>
      <c r="BH610" s="93"/>
      <c r="BI610" s="93"/>
      <c r="BJ610" s="93"/>
      <c r="BK610" s="93"/>
      <c r="BL610" s="93"/>
    </row>
    <row r="611" spans="2:64" x14ac:dyDescent="0.2">
      <c r="B611" s="43"/>
      <c r="C611" s="73"/>
      <c r="D611" s="64"/>
      <c r="E611" s="55"/>
      <c r="F611" s="74"/>
      <c r="G611" s="74"/>
      <c r="H611" s="74"/>
      <c r="I611" s="75"/>
      <c r="J611" s="74"/>
      <c r="L611" s="55"/>
      <c r="M611" s="234"/>
      <c r="N611" s="65"/>
      <c r="O611" s="76"/>
      <c r="P611" s="76"/>
      <c r="Q611" s="65"/>
      <c r="R611" s="76"/>
      <c r="S611" s="76"/>
      <c r="T611" s="76"/>
      <c r="U611" s="76"/>
      <c r="V611" s="76"/>
      <c r="W611" s="76"/>
      <c r="X611" s="76"/>
      <c r="Y611" s="76"/>
      <c r="Z611" s="76"/>
      <c r="AA611" s="85"/>
      <c r="AB611" s="85"/>
      <c r="AC611" s="85"/>
      <c r="AD611" s="85"/>
      <c r="AE611" s="85"/>
      <c r="AF611" s="85"/>
      <c r="AG611" s="86"/>
      <c r="AH611" s="85"/>
      <c r="AI611" s="85"/>
      <c r="AJ611" s="85"/>
      <c r="AK611" s="85"/>
      <c r="AL611" s="85"/>
      <c r="AM611" s="92"/>
      <c r="AN611" s="92"/>
      <c r="AO611" s="92"/>
      <c r="AP611" s="92"/>
      <c r="AQ611" s="92"/>
      <c r="AR611" s="92"/>
      <c r="AS611" s="92"/>
      <c r="AT611" s="92"/>
      <c r="AU611" s="92"/>
      <c r="AV611" s="92"/>
      <c r="AW611" s="92"/>
      <c r="AX611" s="92"/>
      <c r="AY611" s="92"/>
      <c r="AZ611" s="93"/>
      <c r="BA611" s="93"/>
      <c r="BB611" s="93"/>
      <c r="BC611" s="93"/>
      <c r="BD611" s="93"/>
      <c r="BE611" s="93"/>
      <c r="BF611" s="93"/>
      <c r="BG611" s="93"/>
      <c r="BH611" s="93"/>
      <c r="BI611" s="93"/>
      <c r="BJ611" s="93"/>
      <c r="BK611" s="93"/>
      <c r="BL611" s="93"/>
    </row>
    <row r="612" spans="2:64" x14ac:dyDescent="0.2">
      <c r="B612" s="43"/>
      <c r="C612" s="73"/>
      <c r="D612" s="64"/>
      <c r="E612" s="55"/>
      <c r="F612" s="74"/>
      <c r="G612" s="74"/>
      <c r="H612" s="74"/>
      <c r="I612" s="75"/>
      <c r="J612" s="74"/>
      <c r="L612" s="55"/>
      <c r="M612" s="234"/>
      <c r="N612" s="65"/>
      <c r="O612" s="76"/>
      <c r="P612" s="76"/>
      <c r="Q612" s="65"/>
      <c r="R612" s="76"/>
      <c r="S612" s="76"/>
      <c r="T612" s="76"/>
      <c r="U612" s="76"/>
      <c r="V612" s="76"/>
      <c r="W612" s="76"/>
      <c r="X612" s="76"/>
      <c r="Y612" s="76"/>
      <c r="Z612" s="76"/>
      <c r="AA612" s="85"/>
      <c r="AB612" s="85"/>
      <c r="AC612" s="85"/>
      <c r="AD612" s="85"/>
      <c r="AE612" s="85"/>
      <c r="AF612" s="85"/>
      <c r="AG612" s="86"/>
      <c r="AH612" s="85"/>
      <c r="AI612" s="85"/>
      <c r="AJ612" s="85"/>
      <c r="AK612" s="85"/>
      <c r="AL612" s="85"/>
      <c r="AM612" s="92"/>
      <c r="AN612" s="92"/>
      <c r="AO612" s="92"/>
      <c r="AP612" s="92"/>
      <c r="AQ612" s="92"/>
      <c r="AR612" s="92"/>
      <c r="AS612" s="92"/>
      <c r="AT612" s="92"/>
      <c r="AU612" s="92"/>
      <c r="AV612" s="92"/>
      <c r="AW612" s="92"/>
      <c r="AX612" s="92"/>
      <c r="AY612" s="92"/>
      <c r="AZ612" s="93"/>
      <c r="BA612" s="93"/>
      <c r="BB612" s="93"/>
      <c r="BC612" s="93"/>
      <c r="BD612" s="93"/>
      <c r="BE612" s="93"/>
      <c r="BF612" s="93"/>
      <c r="BG612" s="93"/>
      <c r="BH612" s="93"/>
      <c r="BI612" s="93"/>
      <c r="BJ612" s="93"/>
      <c r="BK612" s="93"/>
      <c r="BL612" s="93"/>
    </row>
    <row r="613" spans="2:64" x14ac:dyDescent="0.2">
      <c r="B613" s="43"/>
      <c r="C613" s="73"/>
      <c r="D613" s="64"/>
      <c r="E613" s="55"/>
      <c r="F613" s="74"/>
      <c r="G613" s="74"/>
      <c r="H613" s="74"/>
      <c r="I613" s="75"/>
      <c r="J613" s="74"/>
      <c r="L613" s="55"/>
      <c r="M613" s="234"/>
      <c r="N613" s="65"/>
      <c r="O613" s="76"/>
      <c r="P613" s="76"/>
      <c r="Q613" s="65"/>
      <c r="R613" s="76"/>
      <c r="S613" s="76"/>
      <c r="T613" s="76"/>
      <c r="U613" s="76"/>
      <c r="V613" s="76"/>
      <c r="W613" s="76"/>
      <c r="X613" s="76"/>
      <c r="Y613" s="76"/>
      <c r="Z613" s="76"/>
      <c r="AA613" s="85"/>
      <c r="AB613" s="85"/>
      <c r="AC613" s="85"/>
      <c r="AD613" s="85"/>
      <c r="AE613" s="85"/>
      <c r="AF613" s="85"/>
      <c r="AG613" s="86"/>
      <c r="AH613" s="85"/>
      <c r="AI613" s="85"/>
      <c r="AJ613" s="85"/>
      <c r="AK613" s="85"/>
      <c r="AL613" s="85"/>
      <c r="AM613" s="92"/>
      <c r="AN613" s="92"/>
      <c r="AO613" s="92"/>
      <c r="AP613" s="92"/>
      <c r="AQ613" s="92"/>
      <c r="AR613" s="92"/>
      <c r="AS613" s="92"/>
      <c r="AT613" s="92"/>
      <c r="AU613" s="92"/>
      <c r="AV613" s="92"/>
      <c r="AW613" s="92"/>
      <c r="AX613" s="92"/>
      <c r="AY613" s="92"/>
      <c r="AZ613" s="93"/>
      <c r="BA613" s="93"/>
      <c r="BB613" s="93"/>
      <c r="BC613" s="93"/>
      <c r="BD613" s="93"/>
      <c r="BE613" s="93"/>
      <c r="BF613" s="93"/>
      <c r="BG613" s="93"/>
      <c r="BH613" s="93"/>
      <c r="BI613" s="93"/>
      <c r="BJ613" s="93"/>
      <c r="BK613" s="93"/>
      <c r="BL613" s="93"/>
    </row>
    <row r="614" spans="2:64" x14ac:dyDescent="0.2">
      <c r="B614" s="43"/>
      <c r="C614" s="73"/>
      <c r="D614" s="64"/>
      <c r="E614" s="55"/>
      <c r="F614" s="74"/>
      <c r="G614" s="74"/>
      <c r="H614" s="74"/>
      <c r="I614" s="75"/>
      <c r="J614" s="74"/>
      <c r="L614" s="55"/>
      <c r="M614" s="234"/>
      <c r="N614" s="65"/>
      <c r="O614" s="76"/>
      <c r="P614" s="76"/>
      <c r="Q614" s="65"/>
      <c r="R614" s="76"/>
      <c r="S614" s="76"/>
      <c r="T614" s="76"/>
      <c r="U614" s="76"/>
      <c r="V614" s="76"/>
      <c r="W614" s="76"/>
      <c r="X614" s="76"/>
      <c r="Y614" s="76"/>
      <c r="Z614" s="76"/>
      <c r="AA614" s="85"/>
      <c r="AB614" s="85"/>
      <c r="AC614" s="85"/>
      <c r="AD614" s="85"/>
      <c r="AE614" s="85"/>
      <c r="AF614" s="85"/>
      <c r="AG614" s="86"/>
      <c r="AH614" s="85"/>
      <c r="AI614" s="85"/>
      <c r="AJ614" s="85"/>
      <c r="AK614" s="85"/>
      <c r="AL614" s="85"/>
      <c r="AM614" s="92"/>
      <c r="AN614" s="92"/>
      <c r="AO614" s="92"/>
      <c r="AP614" s="92"/>
      <c r="AQ614" s="92"/>
      <c r="AR614" s="92"/>
      <c r="AS614" s="92"/>
      <c r="AT614" s="92"/>
      <c r="AU614" s="92"/>
      <c r="AV614" s="92"/>
      <c r="AW614" s="92"/>
      <c r="AX614" s="92"/>
      <c r="AY614" s="92"/>
      <c r="AZ614" s="93"/>
      <c r="BA614" s="93"/>
      <c r="BB614" s="93"/>
      <c r="BC614" s="93"/>
      <c r="BD614" s="93"/>
      <c r="BE614" s="93"/>
      <c r="BF614" s="93"/>
      <c r="BG614" s="93"/>
      <c r="BH614" s="93"/>
      <c r="BI614" s="93"/>
      <c r="BJ614" s="93"/>
      <c r="BK614" s="93"/>
      <c r="BL614" s="93"/>
    </row>
    <row r="615" spans="2:64" x14ac:dyDescent="0.2">
      <c r="B615" s="43"/>
      <c r="C615" s="73"/>
      <c r="D615" s="64"/>
      <c r="E615" s="55"/>
      <c r="F615" s="74"/>
      <c r="G615" s="74"/>
      <c r="H615" s="74"/>
      <c r="I615" s="75"/>
      <c r="J615" s="74"/>
      <c r="L615" s="55"/>
      <c r="M615" s="234"/>
      <c r="N615" s="65"/>
      <c r="O615" s="76"/>
      <c r="P615" s="76"/>
      <c r="Q615" s="65"/>
      <c r="R615" s="76"/>
      <c r="S615" s="76"/>
      <c r="T615" s="76"/>
      <c r="U615" s="76"/>
      <c r="V615" s="76"/>
      <c r="W615" s="76"/>
      <c r="X615" s="76"/>
      <c r="Y615" s="76"/>
      <c r="Z615" s="76"/>
      <c r="AA615" s="85"/>
      <c r="AB615" s="85"/>
      <c r="AC615" s="85"/>
      <c r="AD615" s="85"/>
      <c r="AE615" s="85"/>
      <c r="AF615" s="85"/>
      <c r="AG615" s="86"/>
      <c r="AH615" s="85"/>
      <c r="AI615" s="85"/>
      <c r="AJ615" s="85"/>
      <c r="AK615" s="85"/>
      <c r="AL615" s="85"/>
      <c r="AM615" s="92"/>
      <c r="AN615" s="92"/>
      <c r="AO615" s="92"/>
      <c r="AP615" s="92"/>
      <c r="AQ615" s="92"/>
      <c r="AR615" s="92"/>
      <c r="AS615" s="92"/>
      <c r="AT615" s="92"/>
      <c r="AU615" s="92"/>
      <c r="AV615" s="92"/>
      <c r="AW615" s="92"/>
      <c r="AX615" s="92"/>
      <c r="AY615" s="92"/>
      <c r="AZ615" s="93"/>
      <c r="BA615" s="93"/>
      <c r="BB615" s="93"/>
      <c r="BC615" s="93"/>
      <c r="BD615" s="93"/>
      <c r="BE615" s="93"/>
      <c r="BF615" s="93"/>
      <c r="BG615" s="93"/>
      <c r="BH615" s="93"/>
      <c r="BI615" s="93"/>
      <c r="BJ615" s="93"/>
      <c r="BK615" s="93"/>
      <c r="BL615" s="93"/>
    </row>
    <row r="616" spans="2:64" x14ac:dyDescent="0.2">
      <c r="B616" s="43"/>
      <c r="C616" s="73"/>
      <c r="D616" s="64"/>
      <c r="E616" s="55"/>
      <c r="F616" s="74"/>
      <c r="G616" s="74"/>
      <c r="H616" s="74"/>
      <c r="I616" s="75"/>
      <c r="J616" s="74"/>
      <c r="L616" s="55"/>
      <c r="M616" s="234"/>
      <c r="N616" s="65"/>
      <c r="O616" s="76"/>
      <c r="P616" s="76"/>
      <c r="Q616" s="65"/>
      <c r="R616" s="76"/>
      <c r="S616" s="76"/>
      <c r="T616" s="76"/>
      <c r="U616" s="76"/>
      <c r="V616" s="76"/>
      <c r="W616" s="76"/>
      <c r="X616" s="76"/>
      <c r="Y616" s="76"/>
      <c r="Z616" s="76"/>
      <c r="AA616" s="85"/>
      <c r="AB616" s="85"/>
      <c r="AC616" s="85"/>
      <c r="AD616" s="85"/>
      <c r="AE616" s="85"/>
      <c r="AF616" s="85"/>
      <c r="AG616" s="86"/>
      <c r="AH616" s="85"/>
      <c r="AI616" s="85"/>
      <c r="AJ616" s="85"/>
      <c r="AK616" s="85"/>
      <c r="AL616" s="85"/>
      <c r="AM616" s="92"/>
      <c r="AN616" s="92"/>
      <c r="AO616" s="92"/>
      <c r="AP616" s="92"/>
      <c r="AQ616" s="92"/>
      <c r="AR616" s="92"/>
      <c r="AS616" s="92"/>
      <c r="AT616" s="92"/>
      <c r="AU616" s="92"/>
      <c r="AV616" s="92"/>
      <c r="AW616" s="92"/>
      <c r="AX616" s="92"/>
      <c r="AY616" s="92"/>
      <c r="AZ616" s="93"/>
      <c r="BA616" s="93"/>
      <c r="BB616" s="93"/>
      <c r="BC616" s="93"/>
      <c r="BD616" s="93"/>
      <c r="BE616" s="93"/>
      <c r="BF616" s="93"/>
      <c r="BG616" s="93"/>
      <c r="BH616" s="93"/>
      <c r="BI616" s="93"/>
      <c r="BJ616" s="93"/>
      <c r="BK616" s="93"/>
      <c r="BL616" s="93"/>
    </row>
    <row r="617" spans="2:64" x14ac:dyDescent="0.2">
      <c r="B617" s="43"/>
      <c r="C617" s="73"/>
      <c r="D617" s="64"/>
      <c r="E617" s="55"/>
      <c r="F617" s="74"/>
      <c r="G617" s="74"/>
      <c r="H617" s="74"/>
      <c r="I617" s="75"/>
      <c r="J617" s="74"/>
      <c r="L617" s="55"/>
      <c r="M617" s="234"/>
      <c r="N617" s="65"/>
      <c r="O617" s="76"/>
      <c r="P617" s="76"/>
      <c r="Q617" s="65"/>
      <c r="R617" s="76"/>
      <c r="S617" s="76"/>
      <c r="T617" s="76"/>
      <c r="U617" s="76"/>
      <c r="V617" s="76"/>
      <c r="W617" s="76"/>
      <c r="X617" s="76"/>
      <c r="Y617" s="76"/>
      <c r="Z617" s="76"/>
      <c r="AA617" s="85"/>
      <c r="AB617" s="85"/>
      <c r="AC617" s="85"/>
      <c r="AD617" s="85"/>
      <c r="AE617" s="85"/>
      <c r="AF617" s="85"/>
      <c r="AG617" s="86"/>
      <c r="AH617" s="85"/>
      <c r="AI617" s="85"/>
      <c r="AJ617" s="85"/>
      <c r="AK617" s="85"/>
      <c r="AL617" s="85"/>
      <c r="AM617" s="92"/>
      <c r="AN617" s="92"/>
      <c r="AO617" s="92"/>
      <c r="AP617" s="92"/>
      <c r="AQ617" s="92"/>
      <c r="AR617" s="92"/>
      <c r="AS617" s="92"/>
      <c r="AT617" s="92"/>
      <c r="AU617" s="92"/>
      <c r="AV617" s="92"/>
      <c r="AW617" s="92"/>
      <c r="AX617" s="92"/>
      <c r="AY617" s="92"/>
      <c r="AZ617" s="93"/>
      <c r="BA617" s="93"/>
      <c r="BB617" s="93"/>
      <c r="BC617" s="93"/>
      <c r="BD617" s="93"/>
      <c r="BE617" s="93"/>
      <c r="BF617" s="93"/>
      <c r="BG617" s="93"/>
      <c r="BH617" s="93"/>
      <c r="BI617" s="93"/>
      <c r="BJ617" s="93"/>
      <c r="BK617" s="93"/>
      <c r="BL617" s="93"/>
    </row>
    <row r="618" spans="2:64" x14ac:dyDescent="0.2">
      <c r="B618" s="43"/>
      <c r="C618" s="73"/>
      <c r="D618" s="64"/>
      <c r="E618" s="55"/>
      <c r="F618" s="74"/>
      <c r="G618" s="74"/>
      <c r="H618" s="74"/>
      <c r="I618" s="75"/>
      <c r="J618" s="74"/>
      <c r="L618" s="55"/>
      <c r="M618" s="234"/>
      <c r="N618" s="65"/>
      <c r="O618" s="76"/>
      <c r="P618" s="76"/>
      <c r="Q618" s="65"/>
      <c r="R618" s="76"/>
      <c r="S618" s="76"/>
      <c r="T618" s="76"/>
      <c r="U618" s="76"/>
      <c r="V618" s="76"/>
      <c r="W618" s="76"/>
      <c r="X618" s="76"/>
      <c r="Y618" s="76"/>
      <c r="Z618" s="76"/>
      <c r="AA618" s="85"/>
      <c r="AB618" s="85"/>
      <c r="AC618" s="85"/>
      <c r="AD618" s="85"/>
      <c r="AE618" s="85"/>
      <c r="AF618" s="85"/>
      <c r="AG618" s="86"/>
      <c r="AH618" s="85"/>
      <c r="AI618" s="85"/>
      <c r="AJ618" s="85"/>
      <c r="AK618" s="85"/>
      <c r="AL618" s="85"/>
      <c r="AM618" s="92"/>
      <c r="AN618" s="92"/>
      <c r="AO618" s="92"/>
      <c r="AP618" s="92"/>
      <c r="AQ618" s="92"/>
      <c r="AR618" s="92"/>
      <c r="AS618" s="92"/>
      <c r="AT618" s="92"/>
      <c r="AU618" s="92"/>
      <c r="AV618" s="92"/>
      <c r="AW618" s="92"/>
      <c r="AX618" s="92"/>
      <c r="AY618" s="92"/>
      <c r="AZ618" s="93"/>
      <c r="BA618" s="93"/>
      <c r="BB618" s="93"/>
      <c r="BC618" s="93"/>
      <c r="BD618" s="93"/>
      <c r="BE618" s="93"/>
      <c r="BF618" s="93"/>
      <c r="BG618" s="93"/>
      <c r="BH618" s="93"/>
      <c r="BI618" s="93"/>
      <c r="BJ618" s="93"/>
      <c r="BK618" s="93"/>
      <c r="BL618" s="93"/>
    </row>
    <row r="619" spans="2:64" x14ac:dyDescent="0.2">
      <c r="B619" s="43"/>
      <c r="C619" s="73"/>
      <c r="D619" s="64"/>
      <c r="E619" s="55"/>
      <c r="F619" s="74"/>
      <c r="G619" s="74"/>
      <c r="H619" s="74"/>
      <c r="I619" s="75"/>
      <c r="J619" s="74"/>
      <c r="L619" s="55"/>
      <c r="M619" s="234"/>
      <c r="N619" s="65"/>
      <c r="O619" s="76"/>
      <c r="P619" s="76"/>
      <c r="Q619" s="65"/>
      <c r="R619" s="76"/>
      <c r="S619" s="76"/>
      <c r="T619" s="76"/>
      <c r="U619" s="76"/>
      <c r="V619" s="76"/>
      <c r="W619" s="76"/>
      <c r="X619" s="76"/>
      <c r="Y619" s="76"/>
      <c r="Z619" s="76"/>
      <c r="AA619" s="85"/>
      <c r="AB619" s="85"/>
      <c r="AC619" s="85"/>
      <c r="AD619" s="85"/>
      <c r="AE619" s="85"/>
      <c r="AF619" s="85"/>
      <c r="AG619" s="86"/>
      <c r="AH619" s="85"/>
      <c r="AI619" s="85"/>
      <c r="AJ619" s="85"/>
      <c r="AK619" s="85"/>
      <c r="AL619" s="85"/>
      <c r="AM619" s="92"/>
      <c r="AN619" s="92"/>
      <c r="AO619" s="92"/>
      <c r="AP619" s="92"/>
      <c r="AQ619" s="92"/>
      <c r="AR619" s="92"/>
      <c r="AS619" s="92"/>
      <c r="AT619" s="92"/>
      <c r="AU619" s="92"/>
      <c r="AV619" s="92"/>
      <c r="AW619" s="92"/>
      <c r="AX619" s="92"/>
      <c r="AY619" s="92"/>
      <c r="AZ619" s="93"/>
      <c r="BA619" s="93"/>
      <c r="BB619" s="93"/>
      <c r="BC619" s="93"/>
      <c r="BD619" s="93"/>
      <c r="BE619" s="93"/>
      <c r="BF619" s="93"/>
      <c r="BG619" s="93"/>
      <c r="BH619" s="93"/>
      <c r="BI619" s="93"/>
      <c r="BJ619" s="93"/>
      <c r="BK619" s="93"/>
      <c r="BL619" s="93"/>
    </row>
    <row r="620" spans="2:64" x14ac:dyDescent="0.2">
      <c r="B620" s="43"/>
      <c r="C620" s="73"/>
      <c r="D620" s="64"/>
      <c r="E620" s="55"/>
      <c r="F620" s="74"/>
      <c r="G620" s="74"/>
      <c r="H620" s="74"/>
      <c r="I620" s="75"/>
      <c r="J620" s="74"/>
      <c r="L620" s="55"/>
      <c r="M620" s="234"/>
      <c r="N620" s="65"/>
      <c r="O620" s="76"/>
      <c r="P620" s="76"/>
      <c r="Q620" s="65"/>
      <c r="R620" s="76"/>
      <c r="S620" s="76"/>
      <c r="T620" s="76"/>
      <c r="U620" s="76"/>
      <c r="V620" s="76"/>
      <c r="W620" s="76"/>
      <c r="X620" s="76"/>
      <c r="Y620" s="76"/>
      <c r="Z620" s="76"/>
      <c r="AA620" s="85"/>
      <c r="AB620" s="85"/>
      <c r="AC620" s="85"/>
      <c r="AD620" s="85"/>
      <c r="AE620" s="85"/>
      <c r="AF620" s="85"/>
      <c r="AG620" s="86"/>
      <c r="AH620" s="85"/>
      <c r="AI620" s="85"/>
      <c r="AJ620" s="85"/>
      <c r="AK620" s="85"/>
      <c r="AL620" s="85"/>
      <c r="AM620" s="92"/>
      <c r="AN620" s="92"/>
      <c r="AO620" s="92"/>
      <c r="AP620" s="92"/>
      <c r="AQ620" s="92"/>
      <c r="AR620" s="92"/>
      <c r="AS620" s="92"/>
      <c r="AT620" s="92"/>
      <c r="AU620" s="92"/>
      <c r="AV620" s="92"/>
      <c r="AW620" s="92"/>
      <c r="AX620" s="92"/>
      <c r="AY620" s="92"/>
      <c r="AZ620" s="93"/>
      <c r="BA620" s="93"/>
      <c r="BB620" s="93"/>
      <c r="BC620" s="93"/>
      <c r="BD620" s="93"/>
      <c r="BE620" s="93"/>
      <c r="BF620" s="93"/>
      <c r="BG620" s="93"/>
      <c r="BH620" s="93"/>
      <c r="BI620" s="93"/>
      <c r="BJ620" s="93"/>
      <c r="BK620" s="93"/>
      <c r="BL620" s="93"/>
    </row>
    <row r="621" spans="2:64" x14ac:dyDescent="0.2">
      <c r="B621" s="43"/>
      <c r="C621" s="73"/>
      <c r="D621" s="64"/>
      <c r="E621" s="55"/>
      <c r="F621" s="74"/>
      <c r="G621" s="74"/>
      <c r="H621" s="74"/>
      <c r="I621" s="75"/>
      <c r="J621" s="74"/>
      <c r="L621" s="55"/>
      <c r="M621" s="234"/>
      <c r="N621" s="65"/>
      <c r="O621" s="76"/>
      <c r="P621" s="76"/>
      <c r="Q621" s="65"/>
      <c r="R621" s="76"/>
      <c r="S621" s="76"/>
      <c r="T621" s="76"/>
      <c r="U621" s="76"/>
      <c r="V621" s="76"/>
      <c r="W621" s="76"/>
      <c r="X621" s="76"/>
      <c r="Y621" s="76"/>
      <c r="Z621" s="76"/>
      <c r="AA621" s="85"/>
      <c r="AB621" s="85"/>
      <c r="AC621" s="85"/>
      <c r="AD621" s="85"/>
      <c r="AE621" s="85"/>
      <c r="AF621" s="85"/>
      <c r="AG621" s="86"/>
      <c r="AH621" s="85"/>
      <c r="AI621" s="85"/>
      <c r="AJ621" s="85"/>
      <c r="AK621" s="85"/>
      <c r="AL621" s="85"/>
      <c r="AM621" s="92"/>
      <c r="AN621" s="92"/>
      <c r="AO621" s="92"/>
      <c r="AP621" s="92"/>
      <c r="AQ621" s="92"/>
      <c r="AR621" s="92"/>
      <c r="AS621" s="92"/>
      <c r="AT621" s="92"/>
      <c r="AU621" s="92"/>
      <c r="AV621" s="92"/>
      <c r="AW621" s="92"/>
      <c r="AX621" s="92"/>
      <c r="AY621" s="92"/>
      <c r="AZ621" s="93"/>
      <c r="BA621" s="93"/>
      <c r="BB621" s="93"/>
      <c r="BC621" s="93"/>
      <c r="BD621" s="93"/>
      <c r="BE621" s="93"/>
      <c r="BF621" s="93"/>
      <c r="BG621" s="93"/>
      <c r="BH621" s="93"/>
      <c r="BI621" s="93"/>
      <c r="BJ621" s="93"/>
      <c r="BK621" s="93"/>
      <c r="BL621" s="93"/>
    </row>
    <row r="622" spans="2:64" x14ac:dyDescent="0.2">
      <c r="B622" s="43"/>
      <c r="C622" s="73"/>
      <c r="D622" s="64"/>
      <c r="E622" s="55"/>
      <c r="F622" s="74"/>
      <c r="G622" s="74"/>
      <c r="H622" s="74"/>
      <c r="I622" s="75"/>
      <c r="J622" s="74"/>
      <c r="L622" s="55"/>
      <c r="M622" s="234"/>
      <c r="N622" s="65"/>
      <c r="O622" s="76"/>
      <c r="P622" s="76"/>
      <c r="Q622" s="65"/>
      <c r="R622" s="76"/>
      <c r="S622" s="76"/>
      <c r="T622" s="76"/>
      <c r="U622" s="76"/>
      <c r="V622" s="76"/>
      <c r="W622" s="76"/>
      <c r="X622" s="76"/>
      <c r="Y622" s="76"/>
      <c r="Z622" s="76"/>
      <c r="AA622" s="85"/>
      <c r="AB622" s="85"/>
      <c r="AC622" s="85"/>
      <c r="AD622" s="85"/>
      <c r="AE622" s="85"/>
      <c r="AF622" s="85"/>
      <c r="AG622" s="86"/>
      <c r="AH622" s="85"/>
      <c r="AI622" s="85"/>
      <c r="AJ622" s="85"/>
      <c r="AK622" s="85"/>
      <c r="AL622" s="85"/>
      <c r="AM622" s="92"/>
      <c r="AN622" s="92"/>
      <c r="AO622" s="92"/>
      <c r="AP622" s="92"/>
      <c r="AQ622" s="92"/>
      <c r="AR622" s="92"/>
      <c r="AS622" s="92"/>
      <c r="AT622" s="92"/>
      <c r="AU622" s="92"/>
      <c r="AV622" s="92"/>
      <c r="AW622" s="92"/>
      <c r="AX622" s="92"/>
      <c r="AY622" s="92"/>
      <c r="AZ622" s="93"/>
      <c r="BA622" s="93"/>
      <c r="BB622" s="93"/>
      <c r="BC622" s="93"/>
      <c r="BD622" s="93"/>
      <c r="BE622" s="93"/>
      <c r="BF622" s="93"/>
      <c r="BG622" s="93"/>
      <c r="BH622" s="93"/>
      <c r="BI622" s="93"/>
      <c r="BJ622" s="93"/>
      <c r="BK622" s="93"/>
      <c r="BL622" s="93"/>
    </row>
    <row r="623" spans="2:64" x14ac:dyDescent="0.2">
      <c r="B623" s="43"/>
      <c r="C623" s="73"/>
      <c r="D623" s="64"/>
      <c r="E623" s="55"/>
      <c r="F623" s="74"/>
      <c r="G623" s="74"/>
      <c r="H623" s="74"/>
      <c r="I623" s="75"/>
      <c r="J623" s="74"/>
      <c r="L623" s="55"/>
      <c r="M623" s="234"/>
      <c r="N623" s="65"/>
      <c r="O623" s="76"/>
      <c r="P623" s="76"/>
      <c r="Q623" s="65"/>
      <c r="R623" s="76"/>
      <c r="S623" s="76"/>
      <c r="T623" s="76"/>
      <c r="U623" s="76"/>
      <c r="V623" s="76"/>
      <c r="W623" s="76"/>
      <c r="X623" s="76"/>
      <c r="Y623" s="76"/>
      <c r="Z623" s="76"/>
      <c r="AA623" s="85"/>
      <c r="AB623" s="85"/>
      <c r="AC623" s="85"/>
      <c r="AD623" s="85"/>
      <c r="AE623" s="85"/>
      <c r="AF623" s="85"/>
      <c r="AG623" s="86"/>
      <c r="AH623" s="85"/>
      <c r="AI623" s="85"/>
      <c r="AJ623" s="85"/>
      <c r="AK623" s="85"/>
      <c r="AL623" s="85"/>
      <c r="AM623" s="92"/>
      <c r="AN623" s="92"/>
      <c r="AO623" s="92"/>
      <c r="AP623" s="92"/>
      <c r="AQ623" s="92"/>
      <c r="AR623" s="92"/>
      <c r="AS623" s="92"/>
      <c r="AT623" s="92"/>
      <c r="AU623" s="92"/>
      <c r="AV623" s="92"/>
      <c r="AW623" s="92"/>
      <c r="AX623" s="92"/>
      <c r="AY623" s="92"/>
      <c r="AZ623" s="93"/>
      <c r="BA623" s="93"/>
      <c r="BB623" s="93"/>
      <c r="BC623" s="93"/>
      <c r="BD623" s="93"/>
      <c r="BE623" s="93"/>
      <c r="BF623" s="93"/>
      <c r="BG623" s="93"/>
      <c r="BH623" s="93"/>
      <c r="BI623" s="93"/>
      <c r="BJ623" s="93"/>
      <c r="BK623" s="93"/>
      <c r="BL623" s="93"/>
    </row>
    <row r="624" spans="2:64" x14ac:dyDescent="0.2">
      <c r="B624" s="43"/>
      <c r="C624" s="73"/>
      <c r="D624" s="64"/>
      <c r="E624" s="55"/>
      <c r="F624" s="74"/>
      <c r="G624" s="74"/>
      <c r="H624" s="74"/>
      <c r="I624" s="75"/>
      <c r="J624" s="74"/>
      <c r="L624" s="55"/>
      <c r="M624" s="234"/>
      <c r="N624" s="65"/>
      <c r="O624" s="76"/>
      <c r="P624" s="76"/>
      <c r="Q624" s="65"/>
      <c r="R624" s="76"/>
      <c r="S624" s="76"/>
      <c r="T624" s="76"/>
      <c r="U624" s="76"/>
      <c r="V624" s="76"/>
      <c r="W624" s="76"/>
      <c r="X624" s="76"/>
      <c r="Y624" s="76"/>
      <c r="Z624" s="76"/>
      <c r="AA624" s="85"/>
      <c r="AB624" s="85"/>
      <c r="AC624" s="85"/>
      <c r="AD624" s="85"/>
      <c r="AE624" s="85"/>
      <c r="AF624" s="85"/>
      <c r="AG624" s="86"/>
      <c r="AH624" s="85"/>
      <c r="AI624" s="85"/>
      <c r="AJ624" s="85"/>
      <c r="AK624" s="85"/>
      <c r="AL624" s="85"/>
      <c r="AM624" s="92"/>
      <c r="AN624" s="92"/>
      <c r="AO624" s="92"/>
      <c r="AP624" s="92"/>
      <c r="AQ624" s="92"/>
      <c r="AR624" s="92"/>
      <c r="AS624" s="92"/>
      <c r="AT624" s="92"/>
      <c r="AU624" s="92"/>
      <c r="AV624" s="92"/>
      <c r="AW624" s="92"/>
      <c r="AX624" s="92"/>
      <c r="AY624" s="92"/>
      <c r="AZ624" s="93"/>
      <c r="BA624" s="93"/>
      <c r="BB624" s="93"/>
      <c r="BC624" s="93"/>
      <c r="BD624" s="93"/>
      <c r="BE624" s="93"/>
      <c r="BF624" s="93"/>
      <c r="BG624" s="93"/>
      <c r="BH624" s="93"/>
      <c r="BI624" s="93"/>
      <c r="BJ624" s="93"/>
      <c r="BK624" s="93"/>
      <c r="BL624" s="93"/>
    </row>
    <row r="625" spans="2:64" x14ac:dyDescent="0.2">
      <c r="B625" s="43"/>
      <c r="C625" s="73"/>
      <c r="D625" s="64"/>
      <c r="E625" s="55"/>
      <c r="F625" s="74"/>
      <c r="G625" s="74"/>
      <c r="H625" s="74"/>
      <c r="I625" s="75"/>
      <c r="J625" s="74"/>
      <c r="L625" s="55"/>
      <c r="M625" s="234"/>
      <c r="N625" s="65"/>
      <c r="O625" s="76"/>
      <c r="P625" s="76"/>
      <c r="Q625" s="65"/>
      <c r="R625" s="76"/>
      <c r="S625" s="76"/>
      <c r="T625" s="76"/>
      <c r="U625" s="76"/>
      <c r="V625" s="76"/>
      <c r="W625" s="76"/>
      <c r="X625" s="76"/>
      <c r="Y625" s="76"/>
      <c r="Z625" s="76"/>
      <c r="AA625" s="85"/>
      <c r="AB625" s="85"/>
      <c r="AC625" s="85"/>
      <c r="AD625" s="85"/>
      <c r="AE625" s="85"/>
      <c r="AF625" s="85"/>
      <c r="AG625" s="86"/>
      <c r="AH625" s="85"/>
      <c r="AI625" s="85"/>
      <c r="AJ625" s="85"/>
      <c r="AK625" s="85"/>
      <c r="AL625" s="85"/>
      <c r="AM625" s="92"/>
      <c r="AN625" s="92"/>
      <c r="AO625" s="92"/>
      <c r="AP625" s="92"/>
      <c r="AQ625" s="92"/>
      <c r="AR625" s="92"/>
      <c r="AS625" s="92"/>
      <c r="AT625" s="92"/>
      <c r="AU625" s="92"/>
      <c r="AV625" s="92"/>
      <c r="AW625" s="92"/>
      <c r="AX625" s="92"/>
      <c r="AY625" s="92"/>
      <c r="AZ625" s="93"/>
      <c r="BA625" s="93"/>
      <c r="BB625" s="93"/>
      <c r="BC625" s="93"/>
      <c r="BD625" s="93"/>
      <c r="BE625" s="93"/>
      <c r="BF625" s="93"/>
      <c r="BG625" s="93"/>
      <c r="BH625" s="93"/>
      <c r="BI625" s="93"/>
      <c r="BJ625" s="93"/>
      <c r="BK625" s="93"/>
      <c r="BL625" s="93"/>
    </row>
    <row r="626" spans="2:64" x14ac:dyDescent="0.2">
      <c r="B626" s="43"/>
      <c r="C626" s="73"/>
      <c r="D626" s="64"/>
      <c r="E626" s="55"/>
      <c r="F626" s="74"/>
      <c r="G626" s="74"/>
      <c r="H626" s="74"/>
      <c r="I626" s="75"/>
      <c r="J626" s="74"/>
      <c r="L626" s="55"/>
      <c r="M626" s="234"/>
      <c r="N626" s="65"/>
      <c r="O626" s="76"/>
      <c r="P626" s="76"/>
      <c r="Q626" s="65"/>
      <c r="R626" s="76"/>
      <c r="S626" s="76"/>
      <c r="T626" s="76"/>
      <c r="U626" s="76"/>
      <c r="V626" s="76"/>
      <c r="W626" s="76"/>
      <c r="X626" s="76"/>
      <c r="Y626" s="76"/>
      <c r="Z626" s="76"/>
      <c r="AA626" s="85"/>
      <c r="AB626" s="85"/>
      <c r="AC626" s="85"/>
      <c r="AD626" s="85"/>
      <c r="AE626" s="85"/>
      <c r="AF626" s="85"/>
      <c r="AG626" s="86"/>
      <c r="AH626" s="85"/>
      <c r="AI626" s="85"/>
      <c r="AJ626" s="85"/>
      <c r="AK626" s="85"/>
      <c r="AL626" s="85"/>
      <c r="AM626" s="92"/>
      <c r="AN626" s="92"/>
      <c r="AO626" s="92"/>
      <c r="AP626" s="92"/>
      <c r="AQ626" s="92"/>
      <c r="AR626" s="92"/>
      <c r="AS626" s="92"/>
      <c r="AT626" s="92"/>
      <c r="AU626" s="92"/>
      <c r="AV626" s="92"/>
      <c r="AW626" s="92"/>
      <c r="AX626" s="92"/>
      <c r="AY626" s="92"/>
      <c r="AZ626" s="93"/>
      <c r="BA626" s="93"/>
      <c r="BB626" s="93"/>
      <c r="BC626" s="93"/>
      <c r="BD626" s="93"/>
      <c r="BE626" s="93"/>
      <c r="BF626" s="93"/>
      <c r="BG626" s="93"/>
      <c r="BH626" s="93"/>
      <c r="BI626" s="93"/>
      <c r="BJ626" s="93"/>
      <c r="BK626" s="93"/>
      <c r="BL626" s="93"/>
    </row>
    <row r="627" spans="2:64" x14ac:dyDescent="0.2">
      <c r="B627" s="43"/>
      <c r="C627" s="73"/>
      <c r="D627" s="64"/>
      <c r="E627" s="55"/>
      <c r="F627" s="74"/>
      <c r="G627" s="74"/>
      <c r="H627" s="74"/>
      <c r="I627" s="75"/>
      <c r="J627" s="74"/>
      <c r="L627" s="55"/>
      <c r="M627" s="234"/>
      <c r="N627" s="65"/>
      <c r="O627" s="76"/>
      <c r="P627" s="76"/>
      <c r="Q627" s="65"/>
      <c r="R627" s="76"/>
      <c r="S627" s="76"/>
      <c r="T627" s="76"/>
      <c r="U627" s="76"/>
      <c r="V627" s="76"/>
      <c r="W627" s="76"/>
      <c r="X627" s="76"/>
      <c r="Y627" s="76"/>
      <c r="Z627" s="76"/>
      <c r="AA627" s="85"/>
      <c r="AB627" s="85"/>
      <c r="AC627" s="85"/>
      <c r="AD627" s="85"/>
      <c r="AE627" s="85"/>
      <c r="AF627" s="85"/>
      <c r="AG627" s="86"/>
      <c r="AH627" s="85"/>
      <c r="AI627" s="85"/>
      <c r="AJ627" s="85"/>
      <c r="AK627" s="85"/>
      <c r="AL627" s="85"/>
      <c r="AM627" s="92"/>
      <c r="AN627" s="92"/>
      <c r="AO627" s="92"/>
      <c r="AP627" s="92"/>
      <c r="AQ627" s="92"/>
      <c r="AR627" s="92"/>
      <c r="AS627" s="92"/>
      <c r="AT627" s="92"/>
      <c r="AU627" s="92"/>
      <c r="AV627" s="92"/>
      <c r="AW627" s="92"/>
      <c r="AX627" s="92"/>
      <c r="AY627" s="92"/>
      <c r="AZ627" s="93"/>
      <c r="BA627" s="93"/>
      <c r="BB627" s="93"/>
      <c r="BC627" s="93"/>
      <c r="BD627" s="93"/>
      <c r="BE627" s="93"/>
      <c r="BF627" s="93"/>
      <c r="BG627" s="93"/>
      <c r="BH627" s="93"/>
      <c r="BI627" s="93"/>
      <c r="BJ627" s="93"/>
      <c r="BK627" s="93"/>
      <c r="BL627" s="93"/>
    </row>
    <row r="628" spans="2:64" x14ac:dyDescent="0.2">
      <c r="B628" s="43"/>
      <c r="C628" s="73"/>
      <c r="D628" s="64"/>
      <c r="E628" s="55"/>
      <c r="F628" s="74"/>
      <c r="G628" s="74"/>
      <c r="H628" s="74"/>
      <c r="I628" s="75"/>
      <c r="J628" s="74"/>
      <c r="L628" s="55"/>
      <c r="M628" s="234"/>
      <c r="N628" s="65"/>
      <c r="O628" s="76"/>
      <c r="P628" s="76"/>
      <c r="Q628" s="65"/>
      <c r="R628" s="76"/>
      <c r="S628" s="76"/>
      <c r="T628" s="76"/>
      <c r="U628" s="76"/>
      <c r="V628" s="76"/>
      <c r="W628" s="76"/>
      <c r="X628" s="76"/>
      <c r="Y628" s="76"/>
      <c r="Z628" s="76"/>
      <c r="AA628" s="85"/>
      <c r="AB628" s="85"/>
      <c r="AC628" s="85"/>
      <c r="AD628" s="85"/>
      <c r="AE628" s="85"/>
      <c r="AF628" s="85"/>
      <c r="AG628" s="86"/>
      <c r="AH628" s="85"/>
      <c r="AI628" s="85"/>
      <c r="AJ628" s="85"/>
      <c r="AK628" s="85"/>
      <c r="AL628" s="85"/>
      <c r="AM628" s="92"/>
      <c r="AN628" s="92"/>
      <c r="AO628" s="92"/>
      <c r="AP628" s="92"/>
      <c r="AQ628" s="92"/>
      <c r="AR628" s="92"/>
      <c r="AS628" s="92"/>
      <c r="AT628" s="92"/>
      <c r="AU628" s="92"/>
      <c r="AV628" s="92"/>
      <c r="AW628" s="92"/>
      <c r="AX628" s="92"/>
      <c r="AY628" s="92"/>
      <c r="AZ628" s="93"/>
      <c r="BA628" s="93"/>
      <c r="BB628" s="93"/>
      <c r="BC628" s="93"/>
      <c r="BD628" s="93"/>
      <c r="BE628" s="93"/>
      <c r="BF628" s="93"/>
      <c r="BG628" s="93"/>
      <c r="BH628" s="93"/>
      <c r="BI628" s="93"/>
      <c r="BJ628" s="93"/>
      <c r="BK628" s="93"/>
      <c r="BL628" s="93"/>
    </row>
    <row r="629" spans="2:64" x14ac:dyDescent="0.2">
      <c r="B629" s="43"/>
      <c r="C629" s="73"/>
      <c r="D629" s="64"/>
      <c r="E629" s="55"/>
      <c r="F629" s="74"/>
      <c r="G629" s="74"/>
      <c r="H629" s="74"/>
      <c r="I629" s="75"/>
      <c r="J629" s="74"/>
      <c r="L629" s="55"/>
      <c r="M629" s="234"/>
      <c r="N629" s="65"/>
      <c r="O629" s="76"/>
      <c r="P629" s="76"/>
      <c r="Q629" s="65"/>
      <c r="R629" s="76"/>
      <c r="S629" s="76"/>
      <c r="T629" s="76"/>
      <c r="U629" s="76"/>
      <c r="V629" s="76"/>
      <c r="W629" s="76"/>
      <c r="X629" s="76"/>
      <c r="Y629" s="76"/>
      <c r="Z629" s="76"/>
      <c r="AA629" s="85"/>
      <c r="AB629" s="85"/>
      <c r="AC629" s="85"/>
      <c r="AD629" s="85"/>
      <c r="AE629" s="85"/>
      <c r="AF629" s="85"/>
      <c r="AG629" s="86"/>
      <c r="AH629" s="85"/>
      <c r="AI629" s="85"/>
      <c r="AJ629" s="85"/>
      <c r="AK629" s="85"/>
      <c r="AL629" s="85"/>
      <c r="AM629" s="92"/>
      <c r="AN629" s="92"/>
      <c r="AO629" s="92"/>
      <c r="AP629" s="92"/>
      <c r="AQ629" s="92"/>
      <c r="AR629" s="92"/>
      <c r="AS629" s="92"/>
      <c r="AT629" s="92"/>
      <c r="AU629" s="92"/>
      <c r="AV629" s="92"/>
      <c r="AW629" s="92"/>
      <c r="AX629" s="92"/>
      <c r="AY629" s="92"/>
      <c r="AZ629" s="93"/>
      <c r="BA629" s="93"/>
      <c r="BB629" s="93"/>
      <c r="BC629" s="93"/>
      <c r="BD629" s="93"/>
      <c r="BE629" s="93"/>
      <c r="BF629" s="93"/>
      <c r="BG629" s="93"/>
      <c r="BH629" s="93"/>
      <c r="BI629" s="93"/>
      <c r="BJ629" s="93"/>
      <c r="BK629" s="93"/>
      <c r="BL629" s="93"/>
    </row>
    <row r="630" spans="2:64" x14ac:dyDescent="0.2">
      <c r="B630" s="43"/>
      <c r="C630" s="73"/>
      <c r="D630" s="64"/>
      <c r="E630" s="55"/>
      <c r="F630" s="74"/>
      <c r="G630" s="74"/>
      <c r="H630" s="74"/>
      <c r="I630" s="75"/>
      <c r="J630" s="74"/>
      <c r="L630" s="55"/>
      <c r="M630" s="234"/>
      <c r="N630" s="65"/>
      <c r="O630" s="76"/>
      <c r="P630" s="76"/>
      <c r="Q630" s="65"/>
      <c r="R630" s="76"/>
      <c r="S630" s="76"/>
      <c r="T630" s="76"/>
      <c r="U630" s="76"/>
      <c r="V630" s="76"/>
      <c r="W630" s="76"/>
      <c r="X630" s="76"/>
      <c r="Y630" s="76"/>
      <c r="Z630" s="76"/>
      <c r="AA630" s="85"/>
      <c r="AB630" s="85"/>
      <c r="AC630" s="85"/>
      <c r="AD630" s="85"/>
      <c r="AE630" s="85"/>
      <c r="AF630" s="85"/>
      <c r="AG630" s="86"/>
      <c r="AH630" s="85"/>
      <c r="AI630" s="85"/>
      <c r="AJ630" s="85"/>
      <c r="AK630" s="85"/>
      <c r="AL630" s="85"/>
      <c r="AM630" s="92"/>
      <c r="AN630" s="92"/>
      <c r="AO630" s="92"/>
      <c r="AP630" s="92"/>
      <c r="AQ630" s="92"/>
      <c r="AR630" s="92"/>
      <c r="AS630" s="92"/>
      <c r="AT630" s="92"/>
      <c r="AU630" s="92"/>
      <c r="AV630" s="92"/>
      <c r="AW630" s="92"/>
      <c r="AX630" s="92"/>
      <c r="AY630" s="92"/>
      <c r="AZ630" s="93"/>
      <c r="BA630" s="93"/>
      <c r="BB630" s="93"/>
      <c r="BC630" s="93"/>
      <c r="BD630" s="93"/>
      <c r="BE630" s="93"/>
      <c r="BF630" s="93"/>
      <c r="BG630" s="93"/>
      <c r="BH630" s="93"/>
      <c r="BI630" s="93"/>
      <c r="BJ630" s="93"/>
      <c r="BK630" s="93"/>
      <c r="BL630" s="93"/>
    </row>
    <row r="631" spans="2:64" x14ac:dyDescent="0.2">
      <c r="B631" s="43"/>
      <c r="C631" s="73"/>
      <c r="D631" s="64"/>
      <c r="E631" s="55"/>
      <c r="F631" s="74"/>
      <c r="G631" s="74"/>
      <c r="H631" s="74"/>
      <c r="I631" s="75"/>
      <c r="J631" s="74"/>
      <c r="L631" s="55"/>
      <c r="M631" s="234"/>
      <c r="N631" s="65"/>
      <c r="O631" s="76"/>
      <c r="P631" s="76"/>
      <c r="Q631" s="65"/>
      <c r="R631" s="76"/>
      <c r="S631" s="76"/>
      <c r="T631" s="76"/>
      <c r="U631" s="76"/>
      <c r="V631" s="76"/>
      <c r="W631" s="76"/>
      <c r="X631" s="76"/>
      <c r="Y631" s="76"/>
      <c r="Z631" s="76"/>
      <c r="AA631" s="85"/>
      <c r="AB631" s="85"/>
      <c r="AC631" s="85"/>
      <c r="AD631" s="85"/>
      <c r="AE631" s="85"/>
      <c r="AF631" s="85"/>
      <c r="AG631" s="86"/>
      <c r="AH631" s="85"/>
      <c r="AI631" s="85"/>
      <c r="AJ631" s="85"/>
      <c r="AK631" s="85"/>
      <c r="AL631" s="85"/>
      <c r="AM631" s="92"/>
      <c r="AN631" s="92"/>
      <c r="AO631" s="92"/>
      <c r="AP631" s="92"/>
      <c r="AQ631" s="92"/>
      <c r="AR631" s="92"/>
      <c r="AS631" s="92"/>
      <c r="AT631" s="92"/>
      <c r="AU631" s="92"/>
      <c r="AV631" s="92"/>
      <c r="AW631" s="92"/>
      <c r="AX631" s="92"/>
      <c r="AY631" s="92"/>
      <c r="AZ631" s="93"/>
      <c r="BA631" s="93"/>
      <c r="BB631" s="93"/>
      <c r="BC631" s="93"/>
      <c r="BD631" s="93"/>
      <c r="BE631" s="93"/>
      <c r="BF631" s="93"/>
      <c r="BG631" s="93"/>
      <c r="BH631" s="93"/>
      <c r="BI631" s="93"/>
      <c r="BJ631" s="93"/>
      <c r="BK631" s="93"/>
      <c r="BL631" s="93"/>
    </row>
    <row r="632" spans="2:64" x14ac:dyDescent="0.2">
      <c r="B632" s="43"/>
      <c r="C632" s="73"/>
      <c r="D632" s="64"/>
      <c r="E632" s="55"/>
      <c r="F632" s="74"/>
      <c r="G632" s="74"/>
      <c r="H632" s="74"/>
      <c r="I632" s="75"/>
      <c r="J632" s="74"/>
      <c r="L632" s="55"/>
      <c r="M632" s="234"/>
      <c r="N632" s="65"/>
      <c r="O632" s="76"/>
      <c r="P632" s="76"/>
      <c r="Q632" s="65"/>
      <c r="R632" s="76"/>
      <c r="S632" s="76"/>
      <c r="T632" s="76"/>
      <c r="U632" s="76"/>
      <c r="V632" s="76"/>
      <c r="W632" s="76"/>
      <c r="X632" s="76"/>
      <c r="Y632" s="76"/>
      <c r="Z632" s="76"/>
      <c r="AA632" s="85"/>
      <c r="AB632" s="85"/>
      <c r="AC632" s="85"/>
      <c r="AD632" s="85"/>
      <c r="AE632" s="85"/>
      <c r="AF632" s="85"/>
      <c r="AG632" s="86"/>
      <c r="AH632" s="85"/>
      <c r="AI632" s="85"/>
      <c r="AJ632" s="85"/>
      <c r="AK632" s="85"/>
      <c r="AL632" s="85"/>
      <c r="AM632" s="92"/>
      <c r="AN632" s="92"/>
      <c r="AO632" s="92"/>
      <c r="AP632" s="92"/>
      <c r="AQ632" s="92"/>
      <c r="AR632" s="92"/>
      <c r="AS632" s="92"/>
      <c r="AT632" s="92"/>
      <c r="AU632" s="92"/>
      <c r="AV632" s="92"/>
      <c r="AW632" s="92"/>
      <c r="AX632" s="92"/>
      <c r="AY632" s="92"/>
      <c r="AZ632" s="93"/>
      <c r="BA632" s="93"/>
      <c r="BB632" s="93"/>
      <c r="BC632" s="93"/>
      <c r="BD632" s="93"/>
      <c r="BE632" s="93"/>
      <c r="BF632" s="93"/>
      <c r="BG632" s="93"/>
      <c r="BH632" s="93"/>
      <c r="BI632" s="93"/>
      <c r="BJ632" s="93"/>
      <c r="BK632" s="93"/>
      <c r="BL632" s="93"/>
    </row>
    <row r="633" spans="2:64" x14ac:dyDescent="0.2">
      <c r="B633" s="43"/>
      <c r="C633" s="73"/>
      <c r="D633" s="64"/>
      <c r="E633" s="55"/>
      <c r="F633" s="74"/>
      <c r="G633" s="74"/>
      <c r="H633" s="74"/>
      <c r="I633" s="75"/>
      <c r="J633" s="74"/>
      <c r="L633" s="55"/>
      <c r="M633" s="234"/>
      <c r="N633" s="65"/>
      <c r="O633" s="76"/>
      <c r="P633" s="76"/>
      <c r="Q633" s="65"/>
      <c r="R633" s="76"/>
      <c r="S633" s="76"/>
      <c r="T633" s="76"/>
      <c r="U633" s="76"/>
      <c r="V633" s="76"/>
      <c r="W633" s="76"/>
      <c r="X633" s="76"/>
      <c r="Y633" s="76"/>
      <c r="Z633" s="76"/>
      <c r="AA633" s="85"/>
      <c r="AB633" s="85"/>
      <c r="AC633" s="85"/>
      <c r="AD633" s="85"/>
      <c r="AE633" s="85"/>
      <c r="AF633" s="85"/>
      <c r="AG633" s="86"/>
      <c r="AH633" s="85"/>
      <c r="AI633" s="85"/>
      <c r="AJ633" s="85"/>
      <c r="AK633" s="85"/>
      <c r="AL633" s="85"/>
      <c r="AM633" s="92"/>
      <c r="AN633" s="92"/>
      <c r="AO633" s="92"/>
      <c r="AP633" s="92"/>
      <c r="AQ633" s="92"/>
      <c r="AR633" s="92"/>
      <c r="AS633" s="92"/>
      <c r="AT633" s="92"/>
      <c r="AU633" s="92"/>
      <c r="AV633" s="92"/>
      <c r="AW633" s="92"/>
      <c r="AX633" s="92"/>
      <c r="AY633" s="92"/>
      <c r="AZ633" s="93"/>
      <c r="BA633" s="93"/>
      <c r="BB633" s="93"/>
      <c r="BC633" s="93"/>
      <c r="BD633" s="93"/>
      <c r="BE633" s="93"/>
      <c r="BF633" s="93"/>
      <c r="BG633" s="93"/>
      <c r="BH633" s="93"/>
      <c r="BI633" s="93"/>
      <c r="BJ633" s="93"/>
      <c r="BK633" s="93"/>
      <c r="BL633" s="93"/>
    </row>
    <row r="634" spans="2:64" x14ac:dyDescent="0.2">
      <c r="B634" s="43"/>
      <c r="C634" s="73"/>
      <c r="D634" s="64"/>
      <c r="E634" s="55"/>
      <c r="F634" s="74"/>
      <c r="G634" s="74"/>
      <c r="H634" s="74"/>
      <c r="I634" s="75"/>
      <c r="J634" s="74"/>
      <c r="L634" s="55"/>
      <c r="M634" s="234"/>
      <c r="N634" s="65"/>
      <c r="O634" s="76"/>
      <c r="P634" s="76"/>
      <c r="Q634" s="65"/>
      <c r="R634" s="76"/>
      <c r="S634" s="76"/>
      <c r="T634" s="76"/>
      <c r="U634" s="76"/>
      <c r="V634" s="76"/>
      <c r="W634" s="76"/>
      <c r="X634" s="76"/>
      <c r="Y634" s="76"/>
      <c r="Z634" s="76"/>
      <c r="AA634" s="85"/>
      <c r="AB634" s="85"/>
      <c r="AC634" s="85"/>
      <c r="AD634" s="85"/>
      <c r="AE634" s="85"/>
      <c r="AF634" s="85"/>
      <c r="AG634" s="86"/>
      <c r="AH634" s="85"/>
      <c r="AI634" s="85"/>
      <c r="AJ634" s="85"/>
      <c r="AK634" s="85"/>
      <c r="AL634" s="85"/>
      <c r="AM634" s="92"/>
      <c r="AN634" s="92"/>
      <c r="AO634" s="92"/>
      <c r="AP634" s="92"/>
      <c r="AQ634" s="92"/>
      <c r="AR634" s="92"/>
      <c r="AS634" s="92"/>
      <c r="AT634" s="92"/>
      <c r="AU634" s="92"/>
      <c r="AV634" s="92"/>
      <c r="AW634" s="92"/>
      <c r="AX634" s="92"/>
      <c r="AY634" s="92"/>
      <c r="AZ634" s="93"/>
      <c r="BA634" s="93"/>
      <c r="BB634" s="93"/>
      <c r="BC634" s="93"/>
      <c r="BD634" s="93"/>
      <c r="BE634" s="93"/>
      <c r="BF634" s="93"/>
      <c r="BG634" s="93"/>
      <c r="BH634" s="93"/>
      <c r="BI634" s="93"/>
      <c r="BJ634" s="93"/>
      <c r="BK634" s="93"/>
      <c r="BL634" s="93"/>
    </row>
    <row r="635" spans="2:64" x14ac:dyDescent="0.2">
      <c r="B635" s="43"/>
      <c r="C635" s="73"/>
      <c r="D635" s="64"/>
      <c r="E635" s="55"/>
      <c r="F635" s="74"/>
      <c r="G635" s="74"/>
      <c r="H635" s="74"/>
      <c r="I635" s="75"/>
      <c r="J635" s="74"/>
      <c r="L635" s="55"/>
      <c r="M635" s="234"/>
      <c r="N635" s="65"/>
      <c r="O635" s="76"/>
      <c r="P635" s="76"/>
      <c r="Q635" s="65"/>
      <c r="R635" s="76"/>
      <c r="S635" s="76"/>
      <c r="T635" s="76"/>
      <c r="U635" s="76"/>
      <c r="V635" s="76"/>
      <c r="W635" s="76"/>
      <c r="X635" s="76"/>
      <c r="Y635" s="76"/>
      <c r="Z635" s="76"/>
      <c r="AA635" s="85"/>
      <c r="AB635" s="85"/>
      <c r="AC635" s="85"/>
      <c r="AD635" s="85"/>
      <c r="AE635" s="85"/>
      <c r="AF635" s="85"/>
      <c r="AG635" s="86"/>
      <c r="AH635" s="85"/>
      <c r="AI635" s="85"/>
      <c r="AJ635" s="85"/>
      <c r="AK635" s="85"/>
      <c r="AL635" s="85"/>
      <c r="AM635" s="92"/>
      <c r="AN635" s="92"/>
      <c r="AO635" s="92"/>
      <c r="AP635" s="92"/>
      <c r="AQ635" s="92"/>
      <c r="AR635" s="92"/>
      <c r="AS635" s="92"/>
      <c r="AT635" s="92"/>
      <c r="AU635" s="92"/>
      <c r="AV635" s="92"/>
      <c r="AW635" s="92"/>
      <c r="AX635" s="92"/>
      <c r="AY635" s="92"/>
      <c r="AZ635" s="93"/>
      <c r="BA635" s="93"/>
      <c r="BB635" s="93"/>
      <c r="BC635" s="93"/>
      <c r="BD635" s="93"/>
      <c r="BE635" s="93"/>
      <c r="BF635" s="93"/>
      <c r="BG635" s="93"/>
      <c r="BH635" s="93"/>
      <c r="BI635" s="93"/>
      <c r="BJ635" s="93"/>
      <c r="BK635" s="93"/>
      <c r="BL635" s="93"/>
    </row>
    <row r="636" spans="2:64" x14ac:dyDescent="0.2">
      <c r="B636" s="43"/>
      <c r="C636" s="73"/>
      <c r="D636" s="64"/>
      <c r="E636" s="55"/>
      <c r="F636" s="74"/>
      <c r="G636" s="74"/>
      <c r="H636" s="74"/>
      <c r="I636" s="75"/>
      <c r="J636" s="74"/>
      <c r="L636" s="55"/>
      <c r="M636" s="234"/>
      <c r="N636" s="65"/>
      <c r="O636" s="76"/>
      <c r="P636" s="76"/>
      <c r="Q636" s="65"/>
      <c r="R636" s="76"/>
      <c r="S636" s="76"/>
      <c r="T636" s="76"/>
      <c r="U636" s="76"/>
      <c r="V636" s="76"/>
      <c r="W636" s="76"/>
      <c r="X636" s="76"/>
      <c r="Y636" s="76"/>
      <c r="Z636" s="76"/>
      <c r="AA636" s="85"/>
      <c r="AB636" s="85"/>
      <c r="AC636" s="85"/>
      <c r="AD636" s="85"/>
      <c r="AE636" s="85"/>
      <c r="AF636" s="85"/>
      <c r="AG636" s="86"/>
      <c r="AH636" s="85"/>
      <c r="AI636" s="85"/>
      <c r="AJ636" s="85"/>
      <c r="AK636" s="85"/>
      <c r="AL636" s="85"/>
      <c r="AM636" s="92"/>
      <c r="AN636" s="92"/>
      <c r="AO636" s="92"/>
      <c r="AP636" s="92"/>
      <c r="AQ636" s="92"/>
      <c r="AR636" s="92"/>
      <c r="AS636" s="92"/>
      <c r="AT636" s="92"/>
      <c r="AU636" s="92"/>
      <c r="AV636" s="92"/>
      <c r="AW636" s="92"/>
      <c r="AX636" s="92"/>
      <c r="AY636" s="92"/>
      <c r="AZ636" s="93"/>
      <c r="BA636" s="93"/>
      <c r="BB636" s="93"/>
      <c r="BC636" s="93"/>
      <c r="BD636" s="93"/>
      <c r="BE636" s="93"/>
      <c r="BF636" s="93"/>
      <c r="BG636" s="93"/>
      <c r="BH636" s="93"/>
      <c r="BI636" s="93"/>
      <c r="BJ636" s="93"/>
      <c r="BK636" s="93"/>
      <c r="BL636" s="93"/>
    </row>
    <row r="637" spans="2:64" x14ac:dyDescent="0.2">
      <c r="B637" s="43"/>
      <c r="C637" s="73"/>
      <c r="D637" s="64"/>
      <c r="E637" s="55"/>
      <c r="F637" s="74"/>
      <c r="G637" s="74"/>
      <c r="H637" s="74"/>
      <c r="I637" s="75"/>
      <c r="J637" s="74"/>
      <c r="L637" s="55"/>
      <c r="M637" s="234"/>
      <c r="N637" s="65"/>
      <c r="O637" s="76"/>
      <c r="P637" s="76"/>
      <c r="Q637" s="65"/>
      <c r="R637" s="76"/>
      <c r="S637" s="76"/>
      <c r="T637" s="76"/>
      <c r="U637" s="76"/>
      <c r="V637" s="76"/>
      <c r="W637" s="76"/>
      <c r="X637" s="76"/>
      <c r="Y637" s="76"/>
      <c r="Z637" s="76"/>
      <c r="AA637" s="85"/>
      <c r="AB637" s="85"/>
      <c r="AC637" s="85"/>
      <c r="AD637" s="85"/>
      <c r="AE637" s="85"/>
      <c r="AF637" s="85"/>
      <c r="AG637" s="86"/>
      <c r="AH637" s="85"/>
      <c r="AI637" s="85"/>
      <c r="AJ637" s="85"/>
      <c r="AK637" s="85"/>
      <c r="AL637" s="85"/>
      <c r="AM637" s="92"/>
      <c r="AN637" s="92"/>
      <c r="AO637" s="92"/>
      <c r="AP637" s="92"/>
      <c r="AQ637" s="92"/>
      <c r="AR637" s="92"/>
      <c r="AS637" s="92"/>
      <c r="AT637" s="92"/>
      <c r="AU637" s="92"/>
      <c r="AV637" s="92"/>
      <c r="AW637" s="92"/>
      <c r="AX637" s="92"/>
      <c r="AY637" s="92"/>
      <c r="AZ637" s="93"/>
      <c r="BA637" s="93"/>
      <c r="BB637" s="93"/>
      <c r="BC637" s="93"/>
      <c r="BD637" s="93"/>
      <c r="BE637" s="93"/>
      <c r="BF637" s="93"/>
      <c r="BG637" s="93"/>
      <c r="BH637" s="93"/>
      <c r="BI637" s="93"/>
      <c r="BJ637" s="93"/>
      <c r="BK637" s="93"/>
      <c r="BL637" s="93"/>
    </row>
    <row r="638" spans="2:64" x14ac:dyDescent="0.2">
      <c r="B638" s="43"/>
      <c r="C638" s="73"/>
      <c r="D638" s="64"/>
      <c r="E638" s="55"/>
      <c r="F638" s="74"/>
      <c r="G638" s="74"/>
      <c r="H638" s="74"/>
      <c r="I638" s="75"/>
      <c r="J638" s="74"/>
      <c r="L638" s="55"/>
      <c r="M638" s="234"/>
      <c r="N638" s="65"/>
      <c r="O638" s="76"/>
      <c r="P638" s="76"/>
      <c r="Q638" s="65"/>
      <c r="R638" s="76"/>
      <c r="S638" s="76"/>
      <c r="T638" s="76"/>
      <c r="U638" s="76"/>
      <c r="V638" s="76"/>
      <c r="W638" s="76"/>
      <c r="X638" s="76"/>
      <c r="Y638" s="76"/>
      <c r="Z638" s="76"/>
      <c r="AA638" s="85"/>
      <c r="AB638" s="85"/>
      <c r="AC638" s="85"/>
      <c r="AD638" s="85"/>
      <c r="AE638" s="85"/>
      <c r="AF638" s="85"/>
      <c r="AG638" s="86"/>
      <c r="AH638" s="85"/>
      <c r="AI638" s="85"/>
      <c r="AJ638" s="85"/>
      <c r="AK638" s="85"/>
      <c r="AL638" s="85"/>
      <c r="AM638" s="92"/>
      <c r="AN638" s="92"/>
      <c r="AO638" s="92"/>
      <c r="AP638" s="92"/>
      <c r="AQ638" s="92"/>
      <c r="AR638" s="92"/>
      <c r="AS638" s="92"/>
      <c r="AT638" s="92"/>
      <c r="AU638" s="92"/>
      <c r="AV638" s="92"/>
      <c r="AW638" s="92"/>
      <c r="AX638" s="92"/>
      <c r="AY638" s="92"/>
      <c r="AZ638" s="93"/>
      <c r="BA638" s="93"/>
      <c r="BB638" s="93"/>
      <c r="BC638" s="93"/>
      <c r="BD638" s="93"/>
      <c r="BE638" s="93"/>
      <c r="BF638" s="93"/>
      <c r="BG638" s="93"/>
      <c r="BH638" s="93"/>
      <c r="BI638" s="93"/>
      <c r="BJ638" s="93"/>
      <c r="BK638" s="93"/>
      <c r="BL638" s="93"/>
    </row>
    <row r="639" spans="2:64" x14ac:dyDescent="0.2">
      <c r="B639" s="43"/>
      <c r="C639" s="73"/>
      <c r="D639" s="64"/>
      <c r="E639" s="55"/>
      <c r="F639" s="74"/>
      <c r="G639" s="74"/>
      <c r="H639" s="74"/>
      <c r="I639" s="75"/>
      <c r="J639" s="74"/>
      <c r="L639" s="55"/>
      <c r="M639" s="234"/>
      <c r="N639" s="65"/>
      <c r="O639" s="76"/>
      <c r="P639" s="76"/>
      <c r="Q639" s="65"/>
      <c r="R639" s="76"/>
      <c r="S639" s="76"/>
      <c r="T639" s="76"/>
      <c r="U639" s="76"/>
      <c r="V639" s="76"/>
      <c r="W639" s="76"/>
      <c r="X639" s="76"/>
      <c r="Y639" s="76"/>
      <c r="Z639" s="76"/>
      <c r="AA639" s="85"/>
      <c r="AB639" s="85"/>
      <c r="AC639" s="85"/>
      <c r="AD639" s="85"/>
      <c r="AE639" s="85"/>
      <c r="AF639" s="85"/>
      <c r="AG639" s="86"/>
      <c r="AH639" s="85"/>
      <c r="AI639" s="85"/>
      <c r="AJ639" s="85"/>
      <c r="AK639" s="85"/>
      <c r="AL639" s="85"/>
      <c r="AM639" s="92"/>
      <c r="AN639" s="92"/>
      <c r="AO639" s="92"/>
      <c r="AP639" s="92"/>
      <c r="AQ639" s="92"/>
      <c r="AR639" s="92"/>
      <c r="AS639" s="92"/>
      <c r="AT639" s="92"/>
      <c r="AU639" s="92"/>
      <c r="AV639" s="92"/>
      <c r="AW639" s="92"/>
      <c r="AX639" s="92"/>
      <c r="AY639" s="92"/>
      <c r="AZ639" s="93"/>
      <c r="BA639" s="93"/>
      <c r="BB639" s="93"/>
      <c r="BC639" s="93"/>
      <c r="BD639" s="93"/>
      <c r="BE639" s="93"/>
      <c r="BF639" s="93"/>
      <c r="BG639" s="93"/>
      <c r="BH639" s="93"/>
      <c r="BI639" s="93"/>
      <c r="BJ639" s="93"/>
      <c r="BK639" s="93"/>
      <c r="BL639" s="93"/>
    </row>
    <row r="640" spans="2:64" x14ac:dyDescent="0.2">
      <c r="B640" s="43"/>
      <c r="C640" s="73"/>
      <c r="D640" s="64"/>
      <c r="E640" s="55"/>
      <c r="F640" s="74"/>
      <c r="G640" s="74"/>
      <c r="H640" s="74"/>
      <c r="I640" s="75"/>
      <c r="J640" s="74"/>
      <c r="L640" s="55"/>
      <c r="M640" s="234"/>
      <c r="N640" s="65"/>
      <c r="O640" s="76"/>
      <c r="P640" s="76"/>
      <c r="Q640" s="65"/>
      <c r="R640" s="76"/>
      <c r="S640" s="76"/>
      <c r="T640" s="76"/>
      <c r="U640" s="76"/>
      <c r="V640" s="76"/>
      <c r="W640" s="76"/>
      <c r="X640" s="76"/>
      <c r="Y640" s="76"/>
      <c r="Z640" s="76"/>
      <c r="AA640" s="85"/>
      <c r="AB640" s="85"/>
      <c r="AC640" s="85"/>
      <c r="AD640" s="85"/>
      <c r="AE640" s="85"/>
      <c r="AF640" s="85"/>
      <c r="AG640" s="86"/>
      <c r="AH640" s="85"/>
      <c r="AI640" s="85"/>
      <c r="AJ640" s="85"/>
      <c r="AK640" s="85"/>
      <c r="AL640" s="85"/>
      <c r="AM640" s="92"/>
      <c r="AN640" s="92"/>
      <c r="AO640" s="92"/>
      <c r="AP640" s="92"/>
      <c r="AQ640" s="92"/>
      <c r="AR640" s="92"/>
      <c r="AS640" s="92"/>
      <c r="AT640" s="92"/>
      <c r="AU640" s="92"/>
      <c r="AV640" s="92"/>
      <c r="AW640" s="92"/>
      <c r="AX640" s="92"/>
      <c r="AY640" s="92"/>
      <c r="AZ640" s="93"/>
      <c r="BA640" s="93"/>
      <c r="BB640" s="93"/>
      <c r="BC640" s="93"/>
      <c r="BD640" s="93"/>
      <c r="BE640" s="93"/>
      <c r="BF640" s="93"/>
      <c r="BG640" s="93"/>
      <c r="BH640" s="93"/>
      <c r="BI640" s="93"/>
      <c r="BJ640" s="93"/>
      <c r="BK640" s="93"/>
      <c r="BL640" s="93"/>
    </row>
    <row r="641" spans="2:64" x14ac:dyDescent="0.2">
      <c r="B641" s="43"/>
      <c r="C641" s="73"/>
      <c r="D641" s="64"/>
      <c r="E641" s="55"/>
      <c r="F641" s="74"/>
      <c r="G641" s="74"/>
      <c r="H641" s="74"/>
      <c r="I641" s="75"/>
      <c r="J641" s="74"/>
      <c r="L641" s="55"/>
      <c r="M641" s="234"/>
      <c r="N641" s="65"/>
      <c r="O641" s="76"/>
      <c r="P641" s="76"/>
      <c r="Q641" s="65"/>
      <c r="R641" s="76"/>
      <c r="S641" s="76"/>
      <c r="T641" s="76"/>
      <c r="U641" s="76"/>
      <c r="V641" s="76"/>
      <c r="W641" s="76"/>
      <c r="X641" s="76"/>
      <c r="Y641" s="76"/>
      <c r="Z641" s="76"/>
      <c r="AA641" s="85"/>
      <c r="AB641" s="85"/>
      <c r="AC641" s="85"/>
      <c r="AD641" s="85"/>
      <c r="AE641" s="85"/>
      <c r="AF641" s="85"/>
      <c r="AG641" s="86"/>
      <c r="AH641" s="85"/>
      <c r="AI641" s="85"/>
      <c r="AJ641" s="85"/>
      <c r="AK641" s="85"/>
      <c r="AL641" s="85"/>
      <c r="AM641" s="92"/>
      <c r="AN641" s="92"/>
      <c r="AO641" s="92"/>
      <c r="AP641" s="92"/>
      <c r="AQ641" s="92"/>
      <c r="AR641" s="92"/>
      <c r="AS641" s="92"/>
      <c r="AT641" s="92"/>
      <c r="AU641" s="92"/>
      <c r="AV641" s="92"/>
      <c r="AW641" s="92"/>
      <c r="AX641" s="92"/>
      <c r="AY641" s="92"/>
      <c r="AZ641" s="93"/>
      <c r="BA641" s="93"/>
      <c r="BB641" s="93"/>
      <c r="BC641" s="93"/>
      <c r="BD641" s="93"/>
      <c r="BE641" s="93"/>
      <c r="BF641" s="93"/>
      <c r="BG641" s="93"/>
      <c r="BH641" s="93"/>
      <c r="BI641" s="93"/>
      <c r="BJ641" s="93"/>
      <c r="BK641" s="93"/>
      <c r="BL641" s="93"/>
    </row>
    <row r="642" spans="2:64" x14ac:dyDescent="0.2">
      <c r="B642" s="43"/>
      <c r="C642" s="73"/>
      <c r="D642" s="64"/>
      <c r="E642" s="55"/>
      <c r="F642" s="74"/>
      <c r="G642" s="74"/>
      <c r="H642" s="74"/>
      <c r="I642" s="75"/>
      <c r="J642" s="74"/>
      <c r="L642" s="55"/>
      <c r="M642" s="234"/>
      <c r="N642" s="65"/>
      <c r="O642" s="76"/>
      <c r="P642" s="76"/>
      <c r="Q642" s="65"/>
      <c r="R642" s="76"/>
      <c r="S642" s="76"/>
      <c r="T642" s="76"/>
      <c r="U642" s="76"/>
      <c r="V642" s="76"/>
      <c r="W642" s="76"/>
      <c r="X642" s="76"/>
      <c r="Y642" s="76"/>
      <c r="Z642" s="76"/>
      <c r="AA642" s="85"/>
      <c r="AB642" s="85"/>
      <c r="AC642" s="85"/>
      <c r="AD642" s="85"/>
      <c r="AE642" s="85"/>
      <c r="AF642" s="85"/>
      <c r="AG642" s="86"/>
      <c r="AH642" s="85"/>
      <c r="AI642" s="85"/>
      <c r="AJ642" s="85"/>
      <c r="AK642" s="85"/>
      <c r="AL642" s="85"/>
      <c r="AM642" s="92"/>
      <c r="AN642" s="92"/>
      <c r="AO642" s="92"/>
      <c r="AP642" s="92"/>
      <c r="AQ642" s="92"/>
      <c r="AR642" s="92"/>
      <c r="AS642" s="92"/>
      <c r="AT642" s="92"/>
      <c r="AU642" s="92"/>
      <c r="AV642" s="92"/>
      <c r="AW642" s="92"/>
      <c r="AX642" s="92"/>
      <c r="AY642" s="92"/>
      <c r="AZ642" s="93"/>
      <c r="BA642" s="93"/>
      <c r="BB642" s="93"/>
      <c r="BC642" s="93"/>
      <c r="BD642" s="93"/>
      <c r="BE642" s="93"/>
      <c r="BF642" s="93"/>
      <c r="BG642" s="93"/>
      <c r="BH642" s="93"/>
      <c r="BI642" s="93"/>
      <c r="BJ642" s="93"/>
      <c r="BK642" s="93"/>
      <c r="BL642" s="93"/>
    </row>
    <row r="643" spans="2:64" x14ac:dyDescent="0.2">
      <c r="B643" s="43"/>
      <c r="C643" s="73"/>
      <c r="D643" s="64"/>
      <c r="E643" s="55"/>
      <c r="F643" s="74"/>
      <c r="G643" s="74"/>
      <c r="H643" s="74"/>
      <c r="I643" s="75"/>
      <c r="J643" s="74"/>
      <c r="L643" s="55"/>
      <c r="M643" s="234"/>
      <c r="N643" s="65"/>
      <c r="O643" s="76"/>
      <c r="P643" s="76"/>
      <c r="Q643" s="65"/>
      <c r="R643" s="76"/>
      <c r="S643" s="76"/>
      <c r="T643" s="76"/>
      <c r="U643" s="76"/>
      <c r="V643" s="76"/>
      <c r="W643" s="76"/>
      <c r="X643" s="76"/>
      <c r="Y643" s="76"/>
      <c r="Z643" s="76"/>
      <c r="AA643" s="85"/>
      <c r="AB643" s="85"/>
      <c r="AC643" s="85"/>
      <c r="AD643" s="85"/>
      <c r="AE643" s="85"/>
      <c r="AF643" s="85"/>
      <c r="AG643" s="86"/>
      <c r="AH643" s="85"/>
      <c r="AI643" s="85"/>
      <c r="AJ643" s="85"/>
      <c r="AK643" s="85"/>
      <c r="AL643" s="85"/>
      <c r="AM643" s="92"/>
      <c r="AN643" s="92"/>
      <c r="AO643" s="92"/>
      <c r="AP643" s="92"/>
      <c r="AQ643" s="92"/>
      <c r="AR643" s="92"/>
      <c r="AS643" s="92"/>
      <c r="AT643" s="92"/>
      <c r="AU643" s="92"/>
      <c r="AV643" s="92"/>
      <c r="AW643" s="92"/>
      <c r="AX643" s="92"/>
      <c r="AY643" s="92"/>
      <c r="AZ643" s="93"/>
      <c r="BA643" s="93"/>
      <c r="BB643" s="93"/>
      <c r="BC643" s="93"/>
      <c r="BD643" s="93"/>
      <c r="BE643" s="93"/>
      <c r="BF643" s="93"/>
      <c r="BG643" s="93"/>
      <c r="BH643" s="93"/>
      <c r="BI643" s="93"/>
      <c r="BJ643" s="93"/>
      <c r="BK643" s="93"/>
      <c r="BL643" s="93"/>
    </row>
    <row r="644" spans="2:64" x14ac:dyDescent="0.2">
      <c r="B644" s="43"/>
      <c r="C644" s="73"/>
      <c r="D644" s="64"/>
      <c r="E644" s="55"/>
      <c r="F644" s="74"/>
      <c r="G644" s="74"/>
      <c r="H644" s="74"/>
      <c r="I644" s="75"/>
      <c r="J644" s="74"/>
      <c r="L644" s="55"/>
      <c r="M644" s="234"/>
      <c r="N644" s="65"/>
      <c r="O644" s="76"/>
      <c r="P644" s="76"/>
      <c r="Q644" s="65"/>
      <c r="R644" s="76"/>
      <c r="S644" s="76"/>
      <c r="T644" s="76"/>
      <c r="U644" s="76"/>
      <c r="V644" s="76"/>
      <c r="W644" s="76"/>
      <c r="X644" s="76"/>
      <c r="Y644" s="76"/>
      <c r="Z644" s="76"/>
      <c r="AA644" s="85"/>
      <c r="AB644" s="85"/>
      <c r="AC644" s="85"/>
      <c r="AD644" s="85"/>
      <c r="AE644" s="85"/>
      <c r="AF644" s="85"/>
      <c r="AG644" s="86"/>
      <c r="AH644" s="85"/>
      <c r="AI644" s="85"/>
      <c r="AJ644" s="85"/>
      <c r="AK644" s="85"/>
      <c r="AL644" s="85"/>
      <c r="AM644" s="92"/>
      <c r="AN644" s="92"/>
      <c r="AO644" s="92"/>
      <c r="AP644" s="92"/>
      <c r="AQ644" s="92"/>
      <c r="AR644" s="92"/>
      <c r="AS644" s="92"/>
      <c r="AT644" s="92"/>
      <c r="AU644" s="92"/>
      <c r="AV644" s="92"/>
      <c r="AW644" s="92"/>
      <c r="AX644" s="92"/>
      <c r="AY644" s="92"/>
      <c r="AZ644" s="93"/>
      <c r="BA644" s="93"/>
      <c r="BB644" s="93"/>
      <c r="BC644" s="93"/>
      <c r="BD644" s="93"/>
      <c r="BE644" s="93"/>
      <c r="BF644" s="93"/>
      <c r="BG644" s="93"/>
      <c r="BH644" s="93"/>
      <c r="BI644" s="93"/>
      <c r="BJ644" s="93"/>
      <c r="BK644" s="93"/>
      <c r="BL644" s="93"/>
    </row>
    <row r="645" spans="2:64" x14ac:dyDescent="0.2">
      <c r="B645" s="43"/>
      <c r="C645" s="73"/>
      <c r="D645" s="64"/>
      <c r="E645" s="55"/>
      <c r="F645" s="74"/>
      <c r="G645" s="74"/>
      <c r="H645" s="74"/>
      <c r="I645" s="75"/>
      <c r="J645" s="74"/>
      <c r="L645" s="55"/>
      <c r="M645" s="234"/>
      <c r="N645" s="65"/>
      <c r="O645" s="76"/>
      <c r="P645" s="76"/>
      <c r="Q645" s="65"/>
      <c r="R645" s="76"/>
      <c r="S645" s="76"/>
      <c r="T645" s="76"/>
      <c r="U645" s="76"/>
      <c r="V645" s="76"/>
      <c r="W645" s="76"/>
      <c r="X645" s="76"/>
      <c r="Y645" s="76"/>
      <c r="Z645" s="76"/>
      <c r="AA645" s="85"/>
      <c r="AB645" s="85"/>
      <c r="AC645" s="85"/>
      <c r="AD645" s="85"/>
      <c r="AE645" s="85"/>
      <c r="AF645" s="85"/>
      <c r="AG645" s="86"/>
      <c r="AH645" s="85"/>
      <c r="AI645" s="85"/>
      <c r="AJ645" s="85"/>
      <c r="AK645" s="85"/>
      <c r="AL645" s="85"/>
      <c r="AM645" s="92"/>
      <c r="AN645" s="92"/>
      <c r="AO645" s="92"/>
      <c r="AP645" s="92"/>
      <c r="AQ645" s="92"/>
      <c r="AR645" s="92"/>
      <c r="AS645" s="92"/>
      <c r="AT645" s="92"/>
      <c r="AU645" s="92"/>
      <c r="AV645" s="92"/>
      <c r="AW645" s="92"/>
      <c r="AX645" s="92"/>
      <c r="AY645" s="92"/>
      <c r="AZ645" s="93"/>
      <c r="BA645" s="93"/>
      <c r="BB645" s="93"/>
      <c r="BC645" s="93"/>
      <c r="BD645" s="93"/>
      <c r="BE645" s="93"/>
      <c r="BF645" s="93"/>
      <c r="BG645" s="93"/>
      <c r="BH645" s="93"/>
      <c r="BI645" s="93"/>
      <c r="BJ645" s="93"/>
      <c r="BK645" s="93"/>
      <c r="BL645" s="93"/>
    </row>
    <row r="646" spans="2:64" x14ac:dyDescent="0.2">
      <c r="B646" s="43"/>
      <c r="C646" s="73"/>
      <c r="D646" s="64"/>
      <c r="E646" s="55"/>
      <c r="F646" s="74"/>
      <c r="G646" s="74"/>
      <c r="H646" s="74"/>
      <c r="I646" s="75"/>
      <c r="J646" s="74"/>
      <c r="L646" s="55"/>
      <c r="M646" s="234"/>
      <c r="N646" s="65"/>
      <c r="O646" s="76"/>
      <c r="P646" s="76"/>
      <c r="Q646" s="65"/>
      <c r="R646" s="76"/>
      <c r="S646" s="76"/>
      <c r="T646" s="76"/>
      <c r="U646" s="76"/>
      <c r="V646" s="76"/>
      <c r="W646" s="76"/>
      <c r="X646" s="76"/>
      <c r="Y646" s="76"/>
      <c r="Z646" s="76"/>
      <c r="AA646" s="85"/>
      <c r="AB646" s="85"/>
      <c r="AC646" s="85"/>
      <c r="AD646" s="85"/>
      <c r="AE646" s="85"/>
      <c r="AF646" s="85"/>
      <c r="AG646" s="86"/>
      <c r="AH646" s="85"/>
      <c r="AI646" s="85"/>
      <c r="AJ646" s="85"/>
      <c r="AK646" s="85"/>
      <c r="AL646" s="85"/>
      <c r="AM646" s="92"/>
      <c r="AN646" s="92"/>
      <c r="AO646" s="92"/>
      <c r="AP646" s="92"/>
      <c r="AQ646" s="92"/>
      <c r="AR646" s="92"/>
      <c r="AS646" s="92"/>
      <c r="AT646" s="92"/>
      <c r="AU646" s="92"/>
      <c r="AV646" s="92"/>
      <c r="AW646" s="92"/>
      <c r="AX646" s="92"/>
      <c r="AY646" s="92"/>
      <c r="AZ646" s="93"/>
      <c r="BA646" s="93"/>
      <c r="BB646" s="93"/>
      <c r="BC646" s="93"/>
      <c r="BD646" s="93"/>
      <c r="BE646" s="93"/>
      <c r="BF646" s="93"/>
      <c r="BG646" s="93"/>
      <c r="BH646" s="93"/>
      <c r="BI646" s="93"/>
      <c r="BJ646" s="93"/>
      <c r="BK646" s="93"/>
      <c r="BL646" s="93"/>
    </row>
    <row r="647" spans="2:64" x14ac:dyDescent="0.2">
      <c r="B647" s="43"/>
      <c r="C647" s="73"/>
      <c r="D647" s="64"/>
      <c r="E647" s="55"/>
      <c r="F647" s="74"/>
      <c r="G647" s="74"/>
      <c r="H647" s="74"/>
      <c r="I647" s="75"/>
      <c r="J647" s="74"/>
      <c r="L647" s="55"/>
      <c r="M647" s="234"/>
      <c r="N647" s="65"/>
      <c r="O647" s="76"/>
      <c r="P647" s="76"/>
      <c r="Q647" s="65"/>
      <c r="R647" s="76"/>
      <c r="S647" s="76"/>
      <c r="T647" s="76"/>
      <c r="U647" s="76"/>
      <c r="V647" s="76"/>
      <c r="W647" s="76"/>
      <c r="X647" s="76"/>
      <c r="Y647" s="76"/>
      <c r="Z647" s="76"/>
      <c r="AA647" s="85"/>
      <c r="AB647" s="85"/>
      <c r="AC647" s="85"/>
      <c r="AD647" s="85"/>
      <c r="AE647" s="85"/>
      <c r="AF647" s="85"/>
      <c r="AG647" s="86"/>
      <c r="AH647" s="85"/>
      <c r="AI647" s="85"/>
      <c r="AJ647" s="85"/>
      <c r="AK647" s="85"/>
      <c r="AL647" s="85"/>
      <c r="AM647" s="92"/>
      <c r="AN647" s="92"/>
      <c r="AO647" s="92"/>
      <c r="AP647" s="92"/>
      <c r="AQ647" s="92"/>
      <c r="AR647" s="92"/>
      <c r="AS647" s="92"/>
      <c r="AT647" s="92"/>
      <c r="AU647" s="92"/>
      <c r="AV647" s="92"/>
      <c r="AW647" s="92"/>
      <c r="AX647" s="92"/>
      <c r="AY647" s="92"/>
      <c r="AZ647" s="93"/>
      <c r="BA647" s="93"/>
      <c r="BB647" s="93"/>
      <c r="BC647" s="93"/>
      <c r="BD647" s="93"/>
      <c r="BE647" s="93"/>
      <c r="BF647" s="93"/>
      <c r="BG647" s="93"/>
      <c r="BH647" s="93"/>
      <c r="BI647" s="93"/>
      <c r="BJ647" s="93"/>
      <c r="BK647" s="93"/>
      <c r="BL647" s="93"/>
    </row>
    <row r="648" spans="2:64" x14ac:dyDescent="0.2">
      <c r="B648" s="43"/>
      <c r="C648" s="73"/>
      <c r="D648" s="64"/>
      <c r="E648" s="55"/>
      <c r="F648" s="74"/>
      <c r="G648" s="74"/>
      <c r="H648" s="74"/>
      <c r="I648" s="75"/>
      <c r="J648" s="74"/>
      <c r="L648" s="55"/>
      <c r="M648" s="234"/>
      <c r="N648" s="65"/>
      <c r="O648" s="76"/>
      <c r="P648" s="76"/>
      <c r="Q648" s="65"/>
      <c r="R648" s="76"/>
      <c r="S648" s="76"/>
      <c r="T648" s="76"/>
      <c r="U648" s="76"/>
      <c r="V648" s="76"/>
      <c r="W648" s="76"/>
      <c r="X648" s="76"/>
      <c r="Y648" s="76"/>
      <c r="Z648" s="76"/>
      <c r="AA648" s="85"/>
      <c r="AB648" s="85"/>
      <c r="AC648" s="85"/>
      <c r="AD648" s="85"/>
      <c r="AE648" s="85"/>
      <c r="AF648" s="85"/>
      <c r="AG648" s="86"/>
      <c r="AH648" s="85"/>
      <c r="AI648" s="85"/>
      <c r="AJ648" s="85"/>
      <c r="AK648" s="85"/>
      <c r="AL648" s="85"/>
      <c r="AM648" s="92"/>
      <c r="AN648" s="92"/>
      <c r="AO648" s="92"/>
      <c r="AP648" s="92"/>
      <c r="AQ648" s="92"/>
      <c r="AR648" s="92"/>
      <c r="AS648" s="92"/>
      <c r="AT648" s="92"/>
      <c r="AU648" s="92"/>
      <c r="AV648" s="92"/>
      <c r="AW648" s="92"/>
      <c r="AX648" s="92"/>
      <c r="AY648" s="92"/>
      <c r="AZ648" s="93"/>
      <c r="BA648" s="93"/>
      <c r="BB648" s="93"/>
      <c r="BC648" s="93"/>
      <c r="BD648" s="93"/>
      <c r="BE648" s="93"/>
      <c r="BF648" s="93"/>
      <c r="BG648" s="93"/>
      <c r="BH648" s="93"/>
      <c r="BI648" s="93"/>
      <c r="BJ648" s="93"/>
      <c r="BK648" s="93"/>
      <c r="BL648" s="93"/>
    </row>
    <row r="649" spans="2:64" x14ac:dyDescent="0.2">
      <c r="B649" s="43"/>
      <c r="C649" s="73"/>
      <c r="D649" s="64"/>
      <c r="E649" s="55"/>
      <c r="F649" s="74"/>
      <c r="G649" s="74"/>
      <c r="H649" s="74"/>
      <c r="I649" s="75"/>
      <c r="J649" s="74"/>
      <c r="L649" s="55"/>
      <c r="M649" s="234"/>
      <c r="N649" s="65"/>
      <c r="O649" s="76"/>
      <c r="P649" s="76"/>
      <c r="Q649" s="65"/>
      <c r="R649" s="76"/>
      <c r="S649" s="76"/>
      <c r="T649" s="76"/>
      <c r="U649" s="76"/>
      <c r="V649" s="76"/>
      <c r="W649" s="76"/>
      <c r="X649" s="76"/>
      <c r="Y649" s="76"/>
      <c r="Z649" s="76"/>
      <c r="AA649" s="85"/>
      <c r="AB649" s="85"/>
      <c r="AC649" s="85"/>
      <c r="AD649" s="85"/>
      <c r="AE649" s="85"/>
      <c r="AF649" s="85"/>
      <c r="AG649" s="86"/>
      <c r="AH649" s="85"/>
      <c r="AI649" s="85"/>
      <c r="AJ649" s="85"/>
      <c r="AK649" s="85"/>
      <c r="AL649" s="85"/>
      <c r="AM649" s="92"/>
      <c r="AN649" s="92"/>
      <c r="AO649" s="92"/>
      <c r="AP649" s="92"/>
      <c r="AQ649" s="92"/>
      <c r="AR649" s="92"/>
      <c r="AS649" s="92"/>
      <c r="AT649" s="92"/>
      <c r="AU649" s="92"/>
      <c r="AV649" s="92"/>
      <c r="AW649" s="92"/>
      <c r="AX649" s="92"/>
      <c r="AY649" s="92"/>
      <c r="AZ649" s="93"/>
      <c r="BA649" s="93"/>
      <c r="BB649" s="93"/>
      <c r="BC649" s="93"/>
      <c r="BD649" s="93"/>
      <c r="BE649" s="93"/>
      <c r="BF649" s="93"/>
      <c r="BG649" s="93"/>
      <c r="BH649" s="93"/>
      <c r="BI649" s="93"/>
      <c r="BJ649" s="93"/>
      <c r="BK649" s="93"/>
      <c r="BL649" s="93"/>
    </row>
    <row r="650" spans="2:64" x14ac:dyDescent="0.2">
      <c r="B650" s="43"/>
      <c r="C650" s="73"/>
      <c r="D650" s="64"/>
      <c r="E650" s="55"/>
      <c r="F650" s="74"/>
      <c r="G650" s="74"/>
      <c r="H650" s="74"/>
      <c r="I650" s="75"/>
      <c r="J650" s="74"/>
      <c r="L650" s="55"/>
      <c r="M650" s="234"/>
      <c r="N650" s="65"/>
      <c r="O650" s="76"/>
      <c r="P650" s="76"/>
      <c r="Q650" s="65"/>
      <c r="R650" s="76"/>
      <c r="S650" s="76"/>
      <c r="T650" s="76"/>
      <c r="U650" s="76"/>
      <c r="V650" s="76"/>
      <c r="W650" s="76"/>
      <c r="X650" s="76"/>
      <c r="Y650" s="76"/>
      <c r="Z650" s="76"/>
      <c r="AA650" s="85"/>
      <c r="AB650" s="85"/>
      <c r="AC650" s="85"/>
      <c r="AD650" s="85"/>
      <c r="AE650" s="85"/>
      <c r="AF650" s="85"/>
      <c r="AG650" s="86"/>
      <c r="AH650" s="85"/>
      <c r="AI650" s="85"/>
      <c r="AJ650" s="85"/>
      <c r="AK650" s="85"/>
      <c r="AL650" s="85"/>
      <c r="AM650" s="92"/>
      <c r="AN650" s="92"/>
      <c r="AO650" s="92"/>
      <c r="AP650" s="92"/>
      <c r="AQ650" s="92"/>
      <c r="AR650" s="92"/>
      <c r="AS650" s="92"/>
      <c r="AT650" s="92"/>
      <c r="AU650" s="92"/>
      <c r="AV650" s="92"/>
      <c r="AW650" s="92"/>
      <c r="AX650" s="92"/>
      <c r="AY650" s="92"/>
      <c r="AZ650" s="93"/>
      <c r="BA650" s="93"/>
      <c r="BB650" s="93"/>
      <c r="BC650" s="93"/>
      <c r="BD650" s="93"/>
      <c r="BE650" s="93"/>
      <c r="BF650" s="93"/>
      <c r="BG650" s="93"/>
      <c r="BH650" s="93"/>
      <c r="BI650" s="93"/>
      <c r="BJ650" s="93"/>
      <c r="BK650" s="93"/>
      <c r="BL650" s="93"/>
    </row>
    <row r="651" spans="2:64" x14ac:dyDescent="0.2">
      <c r="B651" s="43"/>
      <c r="C651" s="73"/>
      <c r="D651" s="64"/>
      <c r="E651" s="55"/>
      <c r="F651" s="74"/>
      <c r="G651" s="74"/>
      <c r="H651" s="74"/>
      <c r="I651" s="75"/>
      <c r="J651" s="74"/>
      <c r="L651" s="55"/>
      <c r="M651" s="234"/>
      <c r="N651" s="65"/>
      <c r="O651" s="76"/>
      <c r="P651" s="76"/>
      <c r="Q651" s="65"/>
      <c r="R651" s="76"/>
      <c r="S651" s="76"/>
      <c r="T651" s="76"/>
      <c r="U651" s="76"/>
      <c r="V651" s="76"/>
      <c r="W651" s="76"/>
      <c r="X651" s="76"/>
      <c r="Y651" s="76"/>
      <c r="Z651" s="76"/>
      <c r="AA651" s="85"/>
      <c r="AB651" s="85"/>
      <c r="AC651" s="85"/>
      <c r="AD651" s="85"/>
      <c r="AE651" s="85"/>
      <c r="AF651" s="85"/>
      <c r="AG651" s="86"/>
      <c r="AH651" s="85"/>
      <c r="AI651" s="85"/>
      <c r="AJ651" s="85"/>
      <c r="AK651" s="85"/>
      <c r="AL651" s="85"/>
      <c r="AM651" s="92"/>
      <c r="AN651" s="92"/>
      <c r="AO651" s="92"/>
      <c r="AP651" s="92"/>
      <c r="AQ651" s="92"/>
      <c r="AR651" s="92"/>
      <c r="AS651" s="92"/>
      <c r="AT651" s="92"/>
      <c r="AU651" s="92"/>
      <c r="AV651" s="92"/>
      <c r="AW651" s="92"/>
      <c r="AX651" s="92"/>
      <c r="AY651" s="92"/>
      <c r="AZ651" s="93"/>
      <c r="BA651" s="93"/>
      <c r="BB651" s="93"/>
      <c r="BC651" s="93"/>
      <c r="BD651" s="93"/>
      <c r="BE651" s="93"/>
      <c r="BF651" s="93"/>
      <c r="BG651" s="93"/>
      <c r="BH651" s="93"/>
      <c r="BI651" s="93"/>
      <c r="BJ651" s="93"/>
      <c r="BK651" s="93"/>
      <c r="BL651" s="93"/>
    </row>
    <row r="652" spans="2:64" x14ac:dyDescent="0.2">
      <c r="B652" s="43"/>
      <c r="C652" s="73"/>
      <c r="D652" s="64"/>
      <c r="E652" s="55"/>
      <c r="F652" s="74"/>
      <c r="G652" s="74"/>
      <c r="H652" s="74"/>
      <c r="I652" s="75"/>
      <c r="J652" s="74"/>
      <c r="L652" s="55"/>
      <c r="M652" s="234"/>
      <c r="N652" s="65"/>
      <c r="O652" s="76"/>
      <c r="P652" s="76"/>
      <c r="Q652" s="65"/>
      <c r="R652" s="76"/>
      <c r="S652" s="76"/>
      <c r="T652" s="76"/>
      <c r="U652" s="76"/>
      <c r="V652" s="76"/>
      <c r="W652" s="76"/>
      <c r="X652" s="76"/>
      <c r="Y652" s="76"/>
      <c r="Z652" s="76"/>
      <c r="AA652" s="85"/>
      <c r="AB652" s="85"/>
      <c r="AC652" s="85"/>
      <c r="AD652" s="85"/>
      <c r="AE652" s="85"/>
      <c r="AF652" s="85"/>
      <c r="AG652" s="86"/>
      <c r="AH652" s="85"/>
      <c r="AI652" s="85"/>
      <c r="AJ652" s="85"/>
      <c r="AK652" s="85"/>
      <c r="AL652" s="85"/>
      <c r="AM652" s="92"/>
      <c r="AN652" s="92"/>
      <c r="AO652" s="92"/>
      <c r="AP652" s="92"/>
      <c r="AQ652" s="92"/>
      <c r="AR652" s="92"/>
      <c r="AS652" s="92"/>
      <c r="AT652" s="92"/>
      <c r="AU652" s="92"/>
      <c r="AV652" s="92"/>
      <c r="AW652" s="92"/>
      <c r="AX652" s="92"/>
      <c r="AY652" s="92"/>
      <c r="AZ652" s="93"/>
      <c r="BA652" s="93"/>
      <c r="BB652" s="93"/>
      <c r="BC652" s="93"/>
      <c r="BD652" s="93"/>
      <c r="BE652" s="93"/>
      <c r="BF652" s="93"/>
      <c r="BG652" s="93"/>
      <c r="BH652" s="93"/>
      <c r="BI652" s="93"/>
      <c r="BJ652" s="93"/>
      <c r="BK652" s="93"/>
      <c r="BL652" s="93"/>
    </row>
    <row r="653" spans="2:64" x14ac:dyDescent="0.2">
      <c r="B653" s="43"/>
      <c r="C653" s="73"/>
      <c r="D653" s="64"/>
      <c r="E653" s="55"/>
      <c r="F653" s="74"/>
      <c r="G653" s="74"/>
      <c r="H653" s="74"/>
      <c r="I653" s="75"/>
      <c r="J653" s="74"/>
      <c r="L653" s="55"/>
      <c r="M653" s="234"/>
      <c r="N653" s="65"/>
      <c r="O653" s="76"/>
      <c r="P653" s="76"/>
      <c r="Q653" s="65"/>
      <c r="R653" s="76"/>
      <c r="S653" s="76"/>
      <c r="T653" s="76"/>
      <c r="U653" s="76"/>
      <c r="V653" s="76"/>
      <c r="W653" s="76"/>
      <c r="X653" s="76"/>
      <c r="Y653" s="76"/>
      <c r="Z653" s="76"/>
      <c r="AA653" s="85"/>
      <c r="AB653" s="85"/>
      <c r="AC653" s="85"/>
      <c r="AD653" s="85"/>
      <c r="AE653" s="85"/>
      <c r="AF653" s="85"/>
      <c r="AG653" s="86"/>
      <c r="AH653" s="85"/>
      <c r="AI653" s="85"/>
      <c r="AJ653" s="85"/>
      <c r="AK653" s="85"/>
      <c r="AL653" s="85"/>
      <c r="AM653" s="92"/>
      <c r="AN653" s="92"/>
      <c r="AO653" s="92"/>
      <c r="AP653" s="92"/>
      <c r="AQ653" s="92"/>
      <c r="AR653" s="92"/>
      <c r="AS653" s="92"/>
      <c r="AT653" s="92"/>
      <c r="AU653" s="92"/>
      <c r="AV653" s="92"/>
      <c r="AW653" s="92"/>
      <c r="AX653" s="92"/>
      <c r="AY653" s="92"/>
      <c r="AZ653" s="93"/>
      <c r="BA653" s="93"/>
      <c r="BB653" s="93"/>
      <c r="BC653" s="93"/>
      <c r="BD653" s="93"/>
      <c r="BE653" s="93"/>
      <c r="BF653" s="93"/>
      <c r="BG653" s="93"/>
      <c r="BH653" s="93"/>
      <c r="BI653" s="93"/>
      <c r="BJ653" s="93"/>
      <c r="BK653" s="93"/>
      <c r="BL653" s="93"/>
    </row>
    <row r="654" spans="2:64" x14ac:dyDescent="0.2">
      <c r="B654" s="43"/>
      <c r="C654" s="73"/>
      <c r="D654" s="64"/>
      <c r="E654" s="55"/>
      <c r="F654" s="74"/>
      <c r="G654" s="74"/>
      <c r="H654" s="74"/>
      <c r="I654" s="75"/>
      <c r="J654" s="74"/>
      <c r="L654" s="55"/>
      <c r="M654" s="234"/>
      <c r="N654" s="65"/>
      <c r="O654" s="76"/>
      <c r="P654" s="76"/>
      <c r="Q654" s="65"/>
      <c r="R654" s="76"/>
      <c r="S654" s="76"/>
      <c r="T654" s="76"/>
      <c r="U654" s="76"/>
      <c r="V654" s="76"/>
      <c r="W654" s="76"/>
      <c r="X654" s="76"/>
      <c r="Y654" s="76"/>
      <c r="Z654" s="76"/>
      <c r="AA654" s="85"/>
      <c r="AB654" s="85"/>
      <c r="AC654" s="85"/>
      <c r="AD654" s="85"/>
      <c r="AE654" s="85"/>
      <c r="AF654" s="85"/>
      <c r="AG654" s="86"/>
      <c r="AH654" s="85"/>
      <c r="AI654" s="85"/>
      <c r="AJ654" s="85"/>
      <c r="AK654" s="85"/>
      <c r="AL654" s="85"/>
      <c r="AM654" s="92"/>
      <c r="AN654" s="92"/>
      <c r="AO654" s="92"/>
      <c r="AP654" s="92"/>
      <c r="AQ654" s="92"/>
      <c r="AR654" s="92"/>
      <c r="AS654" s="92"/>
      <c r="AT654" s="92"/>
      <c r="AU654" s="92"/>
      <c r="AV654" s="92"/>
      <c r="AW654" s="92"/>
      <c r="AX654" s="92"/>
      <c r="AY654" s="92"/>
      <c r="AZ654" s="93"/>
      <c r="BA654" s="93"/>
      <c r="BB654" s="93"/>
      <c r="BC654" s="93"/>
      <c r="BD654" s="93"/>
      <c r="BE654" s="93"/>
      <c r="BF654" s="93"/>
      <c r="BG654" s="93"/>
      <c r="BH654" s="93"/>
      <c r="BI654" s="93"/>
      <c r="BJ654" s="93"/>
      <c r="BK654" s="93"/>
      <c r="BL654" s="93"/>
    </row>
    <row r="655" spans="2:64" x14ac:dyDescent="0.2">
      <c r="B655" s="43"/>
      <c r="C655" s="73"/>
      <c r="D655" s="64"/>
      <c r="E655" s="55"/>
      <c r="F655" s="74"/>
      <c r="G655" s="74"/>
      <c r="H655" s="74"/>
      <c r="I655" s="75"/>
      <c r="J655" s="74"/>
      <c r="L655" s="55"/>
      <c r="M655" s="234"/>
      <c r="N655" s="65"/>
      <c r="O655" s="76"/>
      <c r="P655" s="76"/>
      <c r="Q655" s="65"/>
      <c r="R655" s="76"/>
      <c r="S655" s="76"/>
      <c r="T655" s="76"/>
      <c r="U655" s="76"/>
      <c r="V655" s="76"/>
      <c r="W655" s="76"/>
      <c r="X655" s="76"/>
      <c r="Y655" s="76"/>
      <c r="Z655" s="76"/>
      <c r="AA655" s="85"/>
      <c r="AB655" s="85"/>
      <c r="AC655" s="85"/>
      <c r="AD655" s="85"/>
      <c r="AE655" s="85"/>
      <c r="AF655" s="85"/>
      <c r="AG655" s="86"/>
      <c r="AH655" s="85"/>
      <c r="AI655" s="85"/>
      <c r="AJ655" s="85"/>
      <c r="AK655" s="85"/>
      <c r="AL655" s="85"/>
      <c r="AM655" s="92"/>
      <c r="AN655" s="92"/>
      <c r="AO655" s="92"/>
      <c r="AP655" s="92"/>
      <c r="AQ655" s="92"/>
      <c r="AR655" s="92"/>
      <c r="AS655" s="92"/>
      <c r="AT655" s="92"/>
      <c r="AU655" s="92"/>
      <c r="AV655" s="92"/>
      <c r="AW655" s="92"/>
      <c r="AX655" s="92"/>
      <c r="AY655" s="92"/>
      <c r="AZ655" s="93"/>
      <c r="BA655" s="93"/>
      <c r="BB655" s="93"/>
      <c r="BC655" s="93"/>
      <c r="BD655" s="93"/>
      <c r="BE655" s="93"/>
      <c r="BF655" s="93"/>
      <c r="BG655" s="93"/>
      <c r="BH655" s="93"/>
      <c r="BI655" s="93"/>
      <c r="BJ655" s="93"/>
      <c r="BK655" s="93"/>
      <c r="BL655" s="93"/>
    </row>
    <row r="656" spans="2:64" x14ac:dyDescent="0.2">
      <c r="B656" s="43"/>
      <c r="C656" s="73"/>
      <c r="D656" s="64"/>
      <c r="E656" s="55"/>
      <c r="F656" s="74"/>
      <c r="G656" s="74"/>
      <c r="H656" s="74"/>
      <c r="I656" s="75"/>
      <c r="J656" s="74"/>
      <c r="L656" s="55"/>
      <c r="M656" s="234"/>
      <c r="N656" s="65"/>
      <c r="O656" s="76"/>
      <c r="P656" s="76"/>
      <c r="Q656" s="65"/>
      <c r="R656" s="76"/>
      <c r="S656" s="76"/>
      <c r="T656" s="76"/>
      <c r="U656" s="76"/>
      <c r="V656" s="76"/>
      <c r="W656" s="76"/>
      <c r="X656" s="76"/>
      <c r="Y656" s="76"/>
      <c r="Z656" s="76"/>
      <c r="AA656" s="85"/>
      <c r="AB656" s="85"/>
      <c r="AC656" s="85"/>
      <c r="AD656" s="85"/>
      <c r="AE656" s="85"/>
      <c r="AF656" s="85"/>
      <c r="AG656" s="86"/>
      <c r="AH656" s="85"/>
      <c r="AI656" s="85"/>
      <c r="AJ656" s="85"/>
      <c r="AK656" s="85"/>
      <c r="AL656" s="85"/>
      <c r="AM656" s="92"/>
      <c r="AN656" s="92"/>
      <c r="AO656" s="92"/>
      <c r="AP656" s="92"/>
      <c r="AQ656" s="92"/>
      <c r="AR656" s="92"/>
      <c r="AS656" s="92"/>
      <c r="AT656" s="92"/>
      <c r="AU656" s="92"/>
      <c r="AV656" s="92"/>
      <c r="AW656" s="92"/>
      <c r="AX656" s="92"/>
      <c r="AY656" s="92"/>
      <c r="AZ656" s="93"/>
      <c r="BA656" s="93"/>
      <c r="BB656" s="93"/>
      <c r="BC656" s="93"/>
      <c r="BD656" s="93"/>
      <c r="BE656" s="93"/>
      <c r="BF656" s="93"/>
      <c r="BG656" s="93"/>
      <c r="BH656" s="93"/>
      <c r="BI656" s="93"/>
      <c r="BJ656" s="93"/>
      <c r="BK656" s="93"/>
      <c r="BL656" s="93"/>
    </row>
    <row r="657" spans="2:64" x14ac:dyDescent="0.2">
      <c r="B657" s="43"/>
      <c r="C657" s="73"/>
      <c r="D657" s="64"/>
      <c r="E657" s="55"/>
      <c r="F657" s="74"/>
      <c r="G657" s="74"/>
      <c r="H657" s="74"/>
      <c r="I657" s="75"/>
      <c r="J657" s="74"/>
      <c r="L657" s="55"/>
      <c r="M657" s="234"/>
      <c r="N657" s="65"/>
      <c r="O657" s="76"/>
      <c r="P657" s="76"/>
      <c r="Q657" s="65"/>
      <c r="R657" s="76"/>
      <c r="S657" s="76"/>
      <c r="T657" s="76"/>
      <c r="U657" s="76"/>
      <c r="V657" s="76"/>
      <c r="W657" s="76"/>
      <c r="X657" s="76"/>
      <c r="Y657" s="76"/>
      <c r="Z657" s="76"/>
      <c r="AA657" s="85"/>
      <c r="AB657" s="85"/>
      <c r="AC657" s="85"/>
      <c r="AD657" s="85"/>
      <c r="AE657" s="85"/>
      <c r="AF657" s="85"/>
      <c r="AG657" s="86"/>
      <c r="AH657" s="85"/>
      <c r="AI657" s="85"/>
      <c r="AJ657" s="85"/>
      <c r="AK657" s="85"/>
      <c r="AL657" s="85"/>
      <c r="AM657" s="92"/>
      <c r="AN657" s="92"/>
      <c r="AO657" s="92"/>
      <c r="AP657" s="92"/>
      <c r="AQ657" s="92"/>
      <c r="AR657" s="92"/>
      <c r="AS657" s="92"/>
      <c r="AT657" s="92"/>
      <c r="AU657" s="92"/>
      <c r="AV657" s="92"/>
      <c r="AW657" s="92"/>
      <c r="AX657" s="92"/>
      <c r="AY657" s="92"/>
      <c r="AZ657" s="93"/>
      <c r="BA657" s="93"/>
      <c r="BB657" s="93"/>
      <c r="BC657" s="93"/>
      <c r="BD657" s="93"/>
      <c r="BE657" s="93"/>
      <c r="BF657" s="93"/>
      <c r="BG657" s="93"/>
      <c r="BH657" s="93"/>
      <c r="BI657" s="93"/>
      <c r="BJ657" s="93"/>
      <c r="BK657" s="93"/>
      <c r="BL657" s="93"/>
    </row>
    <row r="658" spans="2:64" x14ac:dyDescent="0.2">
      <c r="B658" s="43"/>
      <c r="C658" s="73"/>
      <c r="D658" s="64"/>
      <c r="E658" s="55"/>
      <c r="F658" s="74"/>
      <c r="G658" s="74"/>
      <c r="H658" s="74"/>
      <c r="I658" s="75"/>
      <c r="J658" s="74"/>
      <c r="L658" s="55"/>
      <c r="M658" s="234"/>
      <c r="N658" s="65"/>
      <c r="O658" s="76"/>
      <c r="P658" s="76"/>
      <c r="Q658" s="65"/>
      <c r="R658" s="76"/>
      <c r="S658" s="76"/>
      <c r="T658" s="76"/>
      <c r="U658" s="76"/>
      <c r="V658" s="76"/>
      <c r="W658" s="76"/>
      <c r="X658" s="76"/>
      <c r="Y658" s="76"/>
      <c r="Z658" s="76"/>
      <c r="AA658" s="85"/>
      <c r="AB658" s="85"/>
      <c r="AC658" s="85"/>
      <c r="AD658" s="85"/>
      <c r="AE658" s="85"/>
      <c r="AF658" s="85"/>
      <c r="AG658" s="86"/>
      <c r="AH658" s="85"/>
      <c r="AI658" s="85"/>
      <c r="AJ658" s="85"/>
      <c r="AK658" s="85"/>
      <c r="AL658" s="85"/>
      <c r="AM658" s="92"/>
      <c r="AN658" s="92"/>
      <c r="AO658" s="92"/>
      <c r="AP658" s="92"/>
      <c r="AQ658" s="92"/>
      <c r="AR658" s="92"/>
      <c r="AS658" s="92"/>
      <c r="AT658" s="92"/>
      <c r="AU658" s="92"/>
      <c r="AV658" s="92"/>
      <c r="AW658" s="92"/>
      <c r="AX658" s="92"/>
      <c r="AY658" s="92"/>
      <c r="AZ658" s="93"/>
      <c r="BA658" s="93"/>
      <c r="BB658" s="93"/>
      <c r="BC658" s="93"/>
      <c r="BD658" s="93"/>
      <c r="BE658" s="93"/>
      <c r="BF658" s="93"/>
      <c r="BG658" s="93"/>
      <c r="BH658" s="93"/>
      <c r="BI658" s="93"/>
      <c r="BJ658" s="93"/>
      <c r="BK658" s="93"/>
      <c r="BL658" s="93"/>
    </row>
    <row r="659" spans="2:64" x14ac:dyDescent="0.2">
      <c r="B659" s="43"/>
      <c r="C659" s="73"/>
      <c r="D659" s="64"/>
      <c r="E659" s="55"/>
      <c r="F659" s="74"/>
      <c r="G659" s="74"/>
      <c r="H659" s="74"/>
      <c r="I659" s="75"/>
      <c r="J659" s="74"/>
      <c r="L659" s="55"/>
      <c r="M659" s="234"/>
      <c r="N659" s="65"/>
      <c r="O659" s="76"/>
      <c r="P659" s="76"/>
      <c r="Q659" s="65"/>
      <c r="R659" s="76"/>
      <c r="S659" s="76"/>
      <c r="T659" s="76"/>
      <c r="U659" s="76"/>
      <c r="V659" s="76"/>
      <c r="W659" s="76"/>
      <c r="X659" s="76"/>
      <c r="Y659" s="76"/>
      <c r="Z659" s="76"/>
      <c r="AA659" s="85"/>
      <c r="AB659" s="85"/>
      <c r="AC659" s="85"/>
      <c r="AD659" s="85"/>
      <c r="AE659" s="85"/>
      <c r="AF659" s="85"/>
      <c r="AG659" s="86"/>
      <c r="AH659" s="85"/>
      <c r="AI659" s="85"/>
      <c r="AJ659" s="85"/>
      <c r="AK659" s="85"/>
      <c r="AL659" s="85"/>
      <c r="AM659" s="92"/>
      <c r="AN659" s="92"/>
      <c r="AO659" s="92"/>
      <c r="AP659" s="92"/>
      <c r="AQ659" s="92"/>
      <c r="AR659" s="92"/>
      <c r="AS659" s="92"/>
      <c r="AT659" s="92"/>
      <c r="AU659" s="92"/>
      <c r="AV659" s="92"/>
      <c r="AW659" s="92"/>
      <c r="AX659" s="92"/>
      <c r="AY659" s="92"/>
      <c r="AZ659" s="93"/>
      <c r="BA659" s="93"/>
      <c r="BB659" s="93"/>
      <c r="BC659" s="93"/>
      <c r="BD659" s="93"/>
      <c r="BE659" s="93"/>
      <c r="BF659" s="93"/>
      <c r="BG659" s="93"/>
      <c r="BH659" s="93"/>
      <c r="BI659" s="93"/>
      <c r="BJ659" s="93"/>
      <c r="BK659" s="93"/>
      <c r="BL659" s="93"/>
    </row>
    <row r="660" spans="2:64" x14ac:dyDescent="0.2">
      <c r="B660" s="43"/>
      <c r="C660" s="73"/>
      <c r="D660" s="64"/>
      <c r="E660" s="55"/>
      <c r="F660" s="74"/>
      <c r="G660" s="74"/>
      <c r="H660" s="74"/>
      <c r="I660" s="75"/>
      <c r="J660" s="74"/>
      <c r="L660" s="55"/>
      <c r="M660" s="234"/>
      <c r="N660" s="65"/>
      <c r="O660" s="76"/>
      <c r="P660" s="76"/>
      <c r="Q660" s="65"/>
      <c r="R660" s="76"/>
      <c r="S660" s="76"/>
      <c r="T660" s="76"/>
      <c r="U660" s="76"/>
      <c r="V660" s="76"/>
      <c r="W660" s="76"/>
      <c r="X660" s="76"/>
      <c r="Y660" s="76"/>
      <c r="Z660" s="76"/>
      <c r="AA660" s="85"/>
      <c r="AB660" s="85"/>
      <c r="AC660" s="85"/>
      <c r="AD660" s="85"/>
      <c r="AE660" s="85"/>
      <c r="AF660" s="85"/>
      <c r="AG660" s="86"/>
      <c r="AH660" s="85"/>
      <c r="AI660" s="85"/>
      <c r="AJ660" s="85"/>
      <c r="AK660" s="85"/>
      <c r="AL660" s="85"/>
      <c r="AM660" s="92"/>
      <c r="AN660" s="92"/>
      <c r="AO660" s="92"/>
      <c r="AP660" s="92"/>
      <c r="AQ660" s="92"/>
      <c r="AR660" s="92"/>
      <c r="AS660" s="92"/>
      <c r="AT660" s="92"/>
      <c r="AU660" s="92"/>
      <c r="AV660" s="92"/>
      <c r="AW660" s="92"/>
      <c r="AX660" s="92"/>
      <c r="AY660" s="92"/>
      <c r="AZ660" s="93"/>
      <c r="BA660" s="93"/>
      <c r="BB660" s="93"/>
      <c r="BC660" s="93"/>
      <c r="BD660" s="93"/>
      <c r="BE660" s="93"/>
      <c r="BF660" s="93"/>
      <c r="BG660" s="93"/>
      <c r="BH660" s="93"/>
      <c r="BI660" s="93"/>
      <c r="BJ660" s="93"/>
      <c r="BK660" s="93"/>
      <c r="BL660" s="93"/>
    </row>
    <row r="661" spans="2:64" x14ac:dyDescent="0.2">
      <c r="B661" s="43"/>
      <c r="C661" s="73"/>
      <c r="D661" s="64"/>
      <c r="E661" s="55"/>
      <c r="F661" s="74"/>
      <c r="G661" s="74"/>
      <c r="H661" s="74"/>
      <c r="I661" s="75"/>
      <c r="J661" s="74"/>
      <c r="L661" s="55"/>
      <c r="M661" s="234"/>
      <c r="N661" s="65"/>
      <c r="O661" s="76"/>
      <c r="P661" s="76"/>
      <c r="Q661" s="65"/>
      <c r="R661" s="76"/>
      <c r="S661" s="76"/>
      <c r="T661" s="76"/>
      <c r="U661" s="76"/>
      <c r="V661" s="76"/>
      <c r="W661" s="76"/>
      <c r="X661" s="76"/>
      <c r="Y661" s="76"/>
      <c r="Z661" s="76"/>
      <c r="AA661" s="85"/>
      <c r="AB661" s="85"/>
      <c r="AC661" s="85"/>
      <c r="AD661" s="85"/>
      <c r="AE661" s="85"/>
      <c r="AF661" s="85"/>
      <c r="AG661" s="86"/>
      <c r="AH661" s="85"/>
      <c r="AI661" s="85"/>
      <c r="AJ661" s="85"/>
      <c r="AK661" s="85"/>
      <c r="AL661" s="85"/>
      <c r="AM661" s="92"/>
      <c r="AN661" s="92"/>
      <c r="AO661" s="92"/>
      <c r="AP661" s="92"/>
      <c r="AQ661" s="92"/>
      <c r="AR661" s="92"/>
      <c r="AS661" s="92"/>
      <c r="AT661" s="92"/>
      <c r="AU661" s="92"/>
      <c r="AV661" s="92"/>
      <c r="AW661" s="92"/>
      <c r="AX661" s="92"/>
      <c r="AY661" s="92"/>
      <c r="AZ661" s="93"/>
      <c r="BA661" s="93"/>
      <c r="BB661" s="93"/>
      <c r="BC661" s="93"/>
      <c r="BD661" s="93"/>
      <c r="BE661" s="93"/>
      <c r="BF661" s="93"/>
      <c r="BG661" s="93"/>
      <c r="BH661" s="93"/>
      <c r="BI661" s="93"/>
      <c r="BJ661" s="93"/>
      <c r="BK661" s="93"/>
      <c r="BL661" s="93"/>
    </row>
    <row r="662" spans="2:64" x14ac:dyDescent="0.2">
      <c r="B662" s="43"/>
      <c r="C662" s="73"/>
      <c r="D662" s="64"/>
      <c r="E662" s="55"/>
      <c r="F662" s="74"/>
      <c r="G662" s="74"/>
      <c r="H662" s="74"/>
      <c r="I662" s="75"/>
      <c r="J662" s="74"/>
      <c r="L662" s="55"/>
      <c r="M662" s="234"/>
      <c r="N662" s="65"/>
      <c r="O662" s="76"/>
      <c r="P662" s="76"/>
      <c r="Q662" s="65"/>
      <c r="R662" s="76"/>
      <c r="S662" s="76"/>
      <c r="T662" s="76"/>
      <c r="U662" s="76"/>
      <c r="V662" s="76"/>
      <c r="W662" s="76"/>
      <c r="X662" s="76"/>
      <c r="Y662" s="76"/>
      <c r="Z662" s="76"/>
      <c r="AA662" s="85"/>
      <c r="AB662" s="85"/>
      <c r="AC662" s="85"/>
      <c r="AD662" s="85"/>
      <c r="AE662" s="85"/>
      <c r="AF662" s="85"/>
      <c r="AG662" s="86"/>
      <c r="AH662" s="85"/>
      <c r="AI662" s="85"/>
      <c r="AJ662" s="85"/>
      <c r="AK662" s="85"/>
      <c r="AL662" s="85"/>
      <c r="AM662" s="92"/>
      <c r="AN662" s="92"/>
      <c r="AO662" s="92"/>
      <c r="AP662" s="92"/>
      <c r="AQ662" s="92"/>
      <c r="AR662" s="92"/>
      <c r="AS662" s="92"/>
      <c r="AT662" s="92"/>
      <c r="AU662" s="92"/>
      <c r="AV662" s="92"/>
      <c r="AW662" s="92"/>
      <c r="AX662" s="92"/>
      <c r="AY662" s="92"/>
      <c r="AZ662" s="93"/>
      <c r="BA662" s="93"/>
      <c r="BB662" s="93"/>
      <c r="BC662" s="93"/>
      <c r="BD662" s="93"/>
      <c r="BE662" s="93"/>
      <c r="BF662" s="93"/>
      <c r="BG662" s="93"/>
      <c r="BH662" s="93"/>
      <c r="BI662" s="93"/>
      <c r="BJ662" s="93"/>
      <c r="BK662" s="93"/>
      <c r="BL662" s="93"/>
    </row>
    <row r="663" spans="2:64" x14ac:dyDescent="0.2">
      <c r="B663" s="43"/>
      <c r="C663" s="73"/>
      <c r="D663" s="64"/>
      <c r="E663" s="55"/>
      <c r="F663" s="74"/>
      <c r="G663" s="74"/>
      <c r="H663" s="74"/>
      <c r="I663" s="75"/>
      <c r="J663" s="74"/>
      <c r="L663" s="55"/>
      <c r="M663" s="234"/>
      <c r="N663" s="65"/>
      <c r="O663" s="76"/>
      <c r="P663" s="76"/>
      <c r="Q663" s="65"/>
      <c r="R663" s="76"/>
      <c r="S663" s="76"/>
      <c r="T663" s="76"/>
      <c r="U663" s="76"/>
      <c r="V663" s="76"/>
      <c r="W663" s="76"/>
      <c r="X663" s="76"/>
      <c r="Y663" s="76"/>
      <c r="Z663" s="76"/>
      <c r="AA663" s="85"/>
      <c r="AB663" s="85"/>
      <c r="AC663" s="85"/>
      <c r="AD663" s="85"/>
      <c r="AE663" s="85"/>
      <c r="AF663" s="85"/>
      <c r="AG663" s="86"/>
      <c r="AH663" s="85"/>
      <c r="AI663" s="85"/>
      <c r="AJ663" s="85"/>
      <c r="AK663" s="85"/>
      <c r="AL663" s="85"/>
      <c r="AM663" s="92"/>
      <c r="AN663" s="92"/>
      <c r="AO663" s="92"/>
      <c r="AP663" s="92"/>
      <c r="AQ663" s="92"/>
      <c r="AR663" s="92"/>
      <c r="AS663" s="92"/>
      <c r="AT663" s="92"/>
      <c r="AU663" s="92"/>
      <c r="AV663" s="92"/>
      <c r="AW663" s="92"/>
      <c r="AX663" s="92"/>
      <c r="AY663" s="92"/>
      <c r="AZ663" s="93"/>
      <c r="BA663" s="93"/>
      <c r="BB663" s="93"/>
      <c r="BC663" s="93"/>
      <c r="BD663" s="93"/>
      <c r="BE663" s="93"/>
      <c r="BF663" s="93"/>
      <c r="BG663" s="93"/>
      <c r="BH663" s="93"/>
      <c r="BI663" s="93"/>
      <c r="BJ663" s="93"/>
      <c r="BK663" s="93"/>
      <c r="BL663" s="93"/>
    </row>
    <row r="664" spans="2:64" x14ac:dyDescent="0.2">
      <c r="B664" s="43"/>
      <c r="C664" s="73"/>
      <c r="D664" s="64"/>
      <c r="E664" s="55"/>
      <c r="F664" s="74"/>
      <c r="G664" s="74"/>
      <c r="H664" s="74"/>
      <c r="I664" s="75"/>
      <c r="J664" s="74"/>
      <c r="L664" s="55"/>
      <c r="M664" s="234"/>
      <c r="N664" s="65"/>
      <c r="O664" s="76"/>
      <c r="P664" s="76"/>
      <c r="Q664" s="65"/>
      <c r="R664" s="76"/>
      <c r="S664" s="76"/>
      <c r="T664" s="76"/>
      <c r="U664" s="76"/>
      <c r="V664" s="76"/>
      <c r="W664" s="76"/>
      <c r="X664" s="76"/>
      <c r="Y664" s="76"/>
      <c r="Z664" s="76"/>
      <c r="AA664" s="85"/>
      <c r="AB664" s="85"/>
      <c r="AC664" s="85"/>
      <c r="AD664" s="85"/>
      <c r="AE664" s="85"/>
      <c r="AF664" s="85"/>
      <c r="AG664" s="86"/>
      <c r="AH664" s="85"/>
      <c r="AI664" s="85"/>
      <c r="AJ664" s="85"/>
      <c r="AK664" s="85"/>
      <c r="AL664" s="85"/>
      <c r="AM664" s="92"/>
      <c r="AN664" s="92"/>
      <c r="AO664" s="92"/>
      <c r="AP664" s="92"/>
      <c r="AQ664" s="92"/>
      <c r="AR664" s="92"/>
      <c r="AS664" s="92"/>
      <c r="AT664" s="92"/>
      <c r="AU664" s="92"/>
      <c r="AV664" s="92"/>
      <c r="AW664" s="92"/>
      <c r="AX664" s="92"/>
      <c r="AY664" s="92"/>
      <c r="AZ664" s="93"/>
      <c r="BA664" s="93"/>
      <c r="BB664" s="93"/>
      <c r="BC664" s="93"/>
      <c r="BD664" s="93"/>
      <c r="BE664" s="93"/>
      <c r="BF664" s="93"/>
      <c r="BG664" s="93"/>
      <c r="BH664" s="93"/>
      <c r="BI664" s="93"/>
      <c r="BJ664" s="93"/>
      <c r="BK664" s="93"/>
      <c r="BL664" s="93"/>
    </row>
    <row r="665" spans="2:64" x14ac:dyDescent="0.2">
      <c r="B665" s="43"/>
      <c r="C665" s="73"/>
      <c r="D665" s="64"/>
      <c r="E665" s="55"/>
      <c r="F665" s="74"/>
      <c r="G665" s="74"/>
      <c r="H665" s="74"/>
      <c r="I665" s="75"/>
      <c r="J665" s="74"/>
      <c r="L665" s="55"/>
      <c r="M665" s="234"/>
      <c r="N665" s="65"/>
      <c r="O665" s="76"/>
      <c r="P665" s="76"/>
      <c r="Q665" s="65"/>
      <c r="R665" s="76"/>
      <c r="S665" s="76"/>
      <c r="T665" s="76"/>
      <c r="U665" s="76"/>
      <c r="V665" s="76"/>
      <c r="W665" s="76"/>
      <c r="X665" s="76"/>
      <c r="Y665" s="76"/>
      <c r="Z665" s="76"/>
      <c r="AA665" s="85"/>
      <c r="AB665" s="85"/>
      <c r="AC665" s="85"/>
      <c r="AD665" s="85"/>
      <c r="AE665" s="85"/>
      <c r="AF665" s="85"/>
      <c r="AG665" s="86"/>
      <c r="AH665" s="85"/>
      <c r="AI665" s="85"/>
      <c r="AJ665" s="85"/>
      <c r="AK665" s="85"/>
      <c r="AL665" s="85"/>
      <c r="AM665" s="92"/>
      <c r="AN665" s="92"/>
      <c r="AO665" s="92"/>
      <c r="AP665" s="92"/>
      <c r="AQ665" s="92"/>
      <c r="AR665" s="92"/>
      <c r="AS665" s="92"/>
      <c r="AT665" s="92"/>
      <c r="AU665" s="92"/>
      <c r="AV665" s="92"/>
      <c r="AW665" s="92"/>
      <c r="AX665" s="92"/>
      <c r="AY665" s="92"/>
      <c r="AZ665" s="93"/>
      <c r="BA665" s="93"/>
      <c r="BB665" s="93"/>
      <c r="BC665" s="93"/>
      <c r="BD665" s="93"/>
      <c r="BE665" s="93"/>
      <c r="BF665" s="93"/>
      <c r="BG665" s="93"/>
      <c r="BH665" s="93"/>
      <c r="BI665" s="93"/>
      <c r="BJ665" s="93"/>
      <c r="BK665" s="93"/>
      <c r="BL665" s="93"/>
    </row>
    <row r="666" spans="2:64" x14ac:dyDescent="0.2">
      <c r="B666" s="43"/>
      <c r="C666" s="73"/>
      <c r="D666" s="64"/>
      <c r="E666" s="55"/>
      <c r="F666" s="74"/>
      <c r="G666" s="74"/>
      <c r="H666" s="74"/>
      <c r="I666" s="75"/>
      <c r="J666" s="74"/>
      <c r="L666" s="55"/>
      <c r="M666" s="234"/>
      <c r="N666" s="65"/>
      <c r="O666" s="76"/>
      <c r="P666" s="76"/>
      <c r="Q666" s="65"/>
      <c r="R666" s="76"/>
      <c r="S666" s="76"/>
      <c r="T666" s="76"/>
      <c r="U666" s="76"/>
      <c r="V666" s="76"/>
      <c r="W666" s="76"/>
      <c r="X666" s="76"/>
      <c r="Y666" s="76"/>
      <c r="Z666" s="76"/>
      <c r="AA666" s="85"/>
      <c r="AB666" s="85"/>
      <c r="AC666" s="85"/>
      <c r="AD666" s="85"/>
      <c r="AE666" s="85"/>
      <c r="AF666" s="85"/>
      <c r="AG666" s="86"/>
      <c r="AH666" s="85"/>
      <c r="AI666" s="85"/>
      <c r="AJ666" s="85"/>
      <c r="AK666" s="85"/>
      <c r="AL666" s="85"/>
      <c r="AM666" s="92"/>
      <c r="AN666" s="92"/>
      <c r="AO666" s="92"/>
      <c r="AP666" s="92"/>
      <c r="AQ666" s="92"/>
      <c r="AR666" s="92"/>
      <c r="AS666" s="92"/>
      <c r="AT666" s="92"/>
      <c r="AU666" s="92"/>
      <c r="AV666" s="92"/>
      <c r="AW666" s="92"/>
      <c r="AX666" s="92"/>
      <c r="AY666" s="92"/>
      <c r="AZ666" s="93"/>
      <c r="BA666" s="93"/>
      <c r="BB666" s="93"/>
      <c r="BC666" s="93"/>
      <c r="BD666" s="93"/>
      <c r="BE666" s="93"/>
      <c r="BF666" s="93"/>
      <c r="BG666" s="93"/>
      <c r="BH666" s="93"/>
      <c r="BI666" s="93"/>
      <c r="BJ666" s="93"/>
      <c r="BK666" s="93"/>
      <c r="BL666" s="93"/>
    </row>
    <row r="667" spans="2:64" x14ac:dyDescent="0.2">
      <c r="B667" s="43"/>
      <c r="C667" s="73"/>
      <c r="D667" s="64"/>
      <c r="E667" s="55"/>
      <c r="F667" s="74"/>
      <c r="G667" s="74"/>
      <c r="H667" s="74"/>
      <c r="I667" s="75"/>
      <c r="J667" s="74"/>
      <c r="L667" s="55"/>
      <c r="M667" s="234"/>
      <c r="N667" s="65"/>
      <c r="O667" s="76"/>
      <c r="P667" s="76"/>
      <c r="Q667" s="65"/>
      <c r="R667" s="76"/>
      <c r="S667" s="76"/>
      <c r="T667" s="76"/>
      <c r="U667" s="76"/>
      <c r="V667" s="76"/>
      <c r="W667" s="76"/>
      <c r="X667" s="76"/>
      <c r="Y667" s="76"/>
      <c r="Z667" s="76"/>
      <c r="AA667" s="85"/>
      <c r="AB667" s="85"/>
      <c r="AC667" s="85"/>
      <c r="AD667" s="85"/>
      <c r="AE667" s="85"/>
      <c r="AF667" s="85"/>
      <c r="AG667" s="86"/>
      <c r="AH667" s="85"/>
      <c r="AI667" s="85"/>
      <c r="AJ667" s="85"/>
      <c r="AK667" s="85"/>
      <c r="AL667" s="85"/>
      <c r="AM667" s="92"/>
      <c r="AN667" s="92"/>
      <c r="AO667" s="92"/>
      <c r="AP667" s="92"/>
      <c r="AQ667" s="92"/>
      <c r="AR667" s="92"/>
      <c r="AS667" s="92"/>
      <c r="AT667" s="92"/>
      <c r="AU667" s="92"/>
      <c r="AV667" s="92"/>
      <c r="AW667" s="92"/>
      <c r="AX667" s="92"/>
      <c r="AY667" s="92"/>
      <c r="AZ667" s="93"/>
      <c r="BA667" s="93"/>
      <c r="BB667" s="93"/>
      <c r="BC667" s="93"/>
      <c r="BD667" s="93"/>
      <c r="BE667" s="93"/>
      <c r="BF667" s="93"/>
      <c r="BG667" s="93"/>
      <c r="BH667" s="93"/>
      <c r="BI667" s="93"/>
      <c r="BJ667" s="93"/>
      <c r="BK667" s="93"/>
      <c r="BL667" s="93"/>
    </row>
    <row r="668" spans="2:64" x14ac:dyDescent="0.2">
      <c r="B668" s="43"/>
      <c r="C668" s="73"/>
      <c r="D668" s="64"/>
      <c r="E668" s="55"/>
      <c r="F668" s="74"/>
      <c r="G668" s="74"/>
      <c r="H668" s="74"/>
      <c r="I668" s="75"/>
      <c r="J668" s="74"/>
      <c r="L668" s="55"/>
      <c r="M668" s="234"/>
      <c r="N668" s="65"/>
      <c r="O668" s="76"/>
      <c r="P668" s="76"/>
      <c r="Q668" s="65"/>
      <c r="R668" s="76"/>
      <c r="S668" s="76"/>
      <c r="T668" s="76"/>
      <c r="U668" s="76"/>
      <c r="V668" s="76"/>
      <c r="W668" s="76"/>
      <c r="X668" s="76"/>
      <c r="Y668" s="76"/>
      <c r="Z668" s="76"/>
      <c r="AA668" s="85"/>
      <c r="AB668" s="85"/>
      <c r="AC668" s="85"/>
      <c r="AD668" s="85"/>
      <c r="AE668" s="85"/>
      <c r="AF668" s="85"/>
      <c r="AG668" s="86"/>
      <c r="AH668" s="85"/>
      <c r="AI668" s="85"/>
      <c r="AJ668" s="85"/>
      <c r="AK668" s="85"/>
      <c r="AL668" s="85"/>
      <c r="AM668" s="92"/>
      <c r="AN668" s="92"/>
      <c r="AO668" s="92"/>
      <c r="AP668" s="92"/>
      <c r="AQ668" s="92"/>
      <c r="AR668" s="92"/>
      <c r="AS668" s="92"/>
      <c r="AT668" s="92"/>
      <c r="AU668" s="92"/>
      <c r="AV668" s="92"/>
      <c r="AW668" s="92"/>
      <c r="AX668" s="92"/>
      <c r="AY668" s="92"/>
      <c r="AZ668" s="93"/>
      <c r="BA668" s="93"/>
      <c r="BB668" s="93"/>
      <c r="BC668" s="93"/>
      <c r="BD668" s="93"/>
      <c r="BE668" s="93"/>
      <c r="BF668" s="93"/>
      <c r="BG668" s="93"/>
      <c r="BH668" s="93"/>
      <c r="BI668" s="93"/>
      <c r="BJ668" s="93"/>
      <c r="BK668" s="93"/>
      <c r="BL668" s="93"/>
    </row>
    <row r="669" spans="2:64" x14ac:dyDescent="0.2">
      <c r="B669" s="43"/>
      <c r="C669" s="73"/>
      <c r="D669" s="64"/>
      <c r="E669" s="55"/>
      <c r="F669" s="74"/>
      <c r="G669" s="74"/>
      <c r="H669" s="74"/>
      <c r="I669" s="75"/>
      <c r="J669" s="74"/>
      <c r="L669" s="55"/>
      <c r="M669" s="234"/>
      <c r="N669" s="65"/>
      <c r="O669" s="76"/>
      <c r="P669" s="76"/>
      <c r="Q669" s="65"/>
      <c r="R669" s="76"/>
      <c r="S669" s="76"/>
      <c r="T669" s="76"/>
      <c r="U669" s="76"/>
      <c r="V669" s="76"/>
      <c r="W669" s="76"/>
      <c r="X669" s="76"/>
      <c r="Y669" s="76"/>
      <c r="Z669" s="76"/>
      <c r="AA669" s="85"/>
      <c r="AB669" s="85"/>
      <c r="AC669" s="85"/>
      <c r="AD669" s="85"/>
      <c r="AE669" s="85"/>
      <c r="AF669" s="85"/>
      <c r="AG669" s="86"/>
      <c r="AH669" s="85"/>
      <c r="AI669" s="85"/>
      <c r="AJ669" s="85"/>
      <c r="AK669" s="85"/>
      <c r="AL669" s="85"/>
      <c r="AM669" s="92"/>
      <c r="AN669" s="92"/>
      <c r="AO669" s="92"/>
      <c r="AP669" s="92"/>
      <c r="AQ669" s="92"/>
      <c r="AR669" s="92"/>
      <c r="AS669" s="92"/>
      <c r="AT669" s="92"/>
      <c r="AU669" s="92"/>
      <c r="AV669" s="92"/>
      <c r="AW669" s="92"/>
      <c r="AX669" s="92"/>
      <c r="AY669" s="92"/>
      <c r="AZ669" s="93"/>
      <c r="BA669" s="93"/>
      <c r="BB669" s="93"/>
      <c r="BC669" s="93"/>
      <c r="BD669" s="93"/>
      <c r="BE669" s="93"/>
      <c r="BF669" s="93"/>
      <c r="BG669" s="93"/>
      <c r="BH669" s="93"/>
      <c r="BI669" s="93"/>
      <c r="BJ669" s="93"/>
      <c r="BK669" s="93"/>
      <c r="BL669" s="93"/>
    </row>
    <row r="670" spans="2:64" x14ac:dyDescent="0.2">
      <c r="B670" s="43"/>
      <c r="C670" s="73"/>
      <c r="D670" s="64"/>
      <c r="E670" s="55"/>
      <c r="F670" s="74"/>
      <c r="G670" s="74"/>
      <c r="H670" s="74"/>
      <c r="I670" s="75"/>
      <c r="J670" s="74"/>
      <c r="L670" s="55"/>
      <c r="M670" s="234"/>
      <c r="N670" s="65"/>
      <c r="O670" s="76"/>
      <c r="P670" s="76"/>
      <c r="Q670" s="65"/>
      <c r="R670" s="76"/>
      <c r="S670" s="76"/>
      <c r="T670" s="76"/>
      <c r="U670" s="76"/>
      <c r="V670" s="76"/>
      <c r="W670" s="76"/>
      <c r="X670" s="76"/>
      <c r="Y670" s="76"/>
      <c r="Z670" s="76"/>
      <c r="AA670" s="85"/>
      <c r="AB670" s="85"/>
      <c r="AC670" s="85"/>
      <c r="AD670" s="85"/>
      <c r="AE670" s="85"/>
      <c r="AF670" s="85"/>
      <c r="AG670" s="86"/>
      <c r="AH670" s="85"/>
      <c r="AI670" s="85"/>
      <c r="AJ670" s="85"/>
      <c r="AK670" s="85"/>
      <c r="AL670" s="85"/>
      <c r="AM670" s="92"/>
      <c r="AN670" s="92"/>
      <c r="AO670" s="92"/>
      <c r="AP670" s="92"/>
      <c r="AQ670" s="92"/>
      <c r="AR670" s="92"/>
      <c r="AS670" s="92"/>
      <c r="AT670" s="92"/>
      <c r="AU670" s="92"/>
      <c r="AV670" s="92"/>
      <c r="AW670" s="92"/>
      <c r="AX670" s="92"/>
      <c r="AY670" s="92"/>
      <c r="AZ670" s="93"/>
      <c r="BA670" s="93"/>
      <c r="BB670" s="93"/>
      <c r="BC670" s="93"/>
      <c r="BD670" s="93"/>
      <c r="BE670" s="93"/>
      <c r="BF670" s="93"/>
      <c r="BG670" s="93"/>
      <c r="BH670" s="93"/>
      <c r="BI670" s="93"/>
      <c r="BJ670" s="93"/>
      <c r="BK670" s="93"/>
      <c r="BL670" s="93"/>
    </row>
    <row r="671" spans="2:64" x14ac:dyDescent="0.2">
      <c r="B671" s="43"/>
      <c r="C671" s="73"/>
      <c r="D671" s="64"/>
      <c r="E671" s="55"/>
      <c r="F671" s="74"/>
      <c r="G671" s="74"/>
      <c r="H671" s="74"/>
      <c r="I671" s="75"/>
      <c r="J671" s="74"/>
      <c r="L671" s="55"/>
      <c r="M671" s="234"/>
      <c r="N671" s="65"/>
      <c r="O671" s="76"/>
      <c r="P671" s="76"/>
      <c r="Q671" s="65"/>
      <c r="R671" s="76"/>
      <c r="S671" s="76"/>
      <c r="T671" s="76"/>
      <c r="U671" s="76"/>
      <c r="V671" s="76"/>
      <c r="W671" s="76"/>
      <c r="X671" s="76"/>
      <c r="Y671" s="76"/>
      <c r="Z671" s="76"/>
      <c r="AA671" s="85"/>
      <c r="AB671" s="85"/>
      <c r="AC671" s="85"/>
      <c r="AD671" s="85"/>
      <c r="AE671" s="85"/>
      <c r="AF671" s="85"/>
      <c r="AG671" s="86"/>
      <c r="AH671" s="85"/>
      <c r="AI671" s="85"/>
      <c r="AJ671" s="85"/>
      <c r="AK671" s="85"/>
      <c r="AL671" s="85"/>
      <c r="AM671" s="92"/>
      <c r="AN671" s="92"/>
      <c r="AO671" s="92"/>
      <c r="AP671" s="92"/>
      <c r="AQ671" s="92"/>
      <c r="AR671" s="92"/>
      <c r="AS671" s="92"/>
      <c r="AT671" s="92"/>
      <c r="AU671" s="92"/>
      <c r="AV671" s="92"/>
      <c r="AW671" s="92"/>
      <c r="AX671" s="92"/>
      <c r="AY671" s="92"/>
      <c r="AZ671" s="93"/>
      <c r="BA671" s="93"/>
      <c r="BB671" s="93"/>
      <c r="BC671" s="93"/>
      <c r="BD671" s="93"/>
      <c r="BE671" s="93"/>
      <c r="BF671" s="93"/>
      <c r="BG671" s="93"/>
      <c r="BH671" s="93"/>
      <c r="BI671" s="93"/>
      <c r="BJ671" s="93"/>
      <c r="BK671" s="93"/>
      <c r="BL671" s="93"/>
    </row>
    <row r="672" spans="2:64" x14ac:dyDescent="0.2">
      <c r="B672" s="43"/>
      <c r="C672" s="73"/>
      <c r="D672" s="64"/>
      <c r="E672" s="55"/>
      <c r="F672" s="74"/>
      <c r="G672" s="74"/>
      <c r="H672" s="74"/>
      <c r="I672" s="75"/>
      <c r="J672" s="74"/>
      <c r="L672" s="55"/>
      <c r="M672" s="234"/>
      <c r="N672" s="65"/>
      <c r="O672" s="76"/>
      <c r="P672" s="76"/>
      <c r="Q672" s="65"/>
      <c r="R672" s="76"/>
      <c r="S672" s="76"/>
      <c r="T672" s="76"/>
      <c r="U672" s="76"/>
      <c r="V672" s="76"/>
      <c r="W672" s="76"/>
      <c r="X672" s="76"/>
      <c r="Y672" s="76"/>
      <c r="Z672" s="76"/>
      <c r="AA672" s="85"/>
      <c r="AB672" s="85"/>
      <c r="AC672" s="85"/>
      <c r="AD672" s="85"/>
      <c r="AE672" s="85"/>
      <c r="AF672" s="85"/>
      <c r="AG672" s="86"/>
      <c r="AH672" s="85"/>
      <c r="AI672" s="85"/>
      <c r="AJ672" s="85"/>
      <c r="AK672" s="85"/>
      <c r="AL672" s="85"/>
      <c r="AM672" s="92"/>
      <c r="AN672" s="92"/>
      <c r="AO672" s="92"/>
      <c r="AP672" s="92"/>
      <c r="AQ672" s="92"/>
      <c r="AR672" s="92"/>
      <c r="AS672" s="92"/>
      <c r="AT672" s="92"/>
      <c r="AU672" s="92"/>
      <c r="AV672" s="92"/>
      <c r="AW672" s="92"/>
      <c r="AX672" s="92"/>
      <c r="AY672" s="92"/>
      <c r="AZ672" s="93"/>
      <c r="BA672" s="93"/>
      <c r="BB672" s="93"/>
      <c r="BC672" s="93"/>
      <c r="BD672" s="93"/>
      <c r="BE672" s="93"/>
      <c r="BF672" s="93"/>
      <c r="BG672" s="93"/>
      <c r="BH672" s="93"/>
      <c r="BI672" s="93"/>
      <c r="BJ672" s="93"/>
      <c r="BK672" s="93"/>
      <c r="BL672" s="93"/>
    </row>
    <row r="673" spans="2:64" x14ac:dyDescent="0.2">
      <c r="B673" s="43"/>
      <c r="C673" s="73"/>
      <c r="D673" s="64"/>
      <c r="E673" s="55"/>
      <c r="F673" s="74"/>
      <c r="G673" s="74"/>
      <c r="H673" s="74"/>
      <c r="I673" s="75"/>
      <c r="J673" s="74"/>
      <c r="L673" s="55"/>
      <c r="M673" s="234"/>
      <c r="N673" s="65"/>
      <c r="O673" s="76"/>
      <c r="P673" s="76"/>
      <c r="Q673" s="65"/>
      <c r="R673" s="76"/>
      <c r="S673" s="76"/>
      <c r="T673" s="76"/>
      <c r="U673" s="76"/>
      <c r="V673" s="76"/>
      <c r="W673" s="76"/>
      <c r="X673" s="76"/>
      <c r="Y673" s="76"/>
      <c r="Z673" s="76"/>
      <c r="AA673" s="85"/>
      <c r="AB673" s="85"/>
      <c r="AC673" s="85"/>
      <c r="AD673" s="85"/>
      <c r="AE673" s="85"/>
      <c r="AF673" s="85"/>
      <c r="AG673" s="86"/>
      <c r="AH673" s="85"/>
      <c r="AI673" s="85"/>
      <c r="AJ673" s="85"/>
      <c r="AK673" s="85"/>
      <c r="AL673" s="85"/>
      <c r="AM673" s="92"/>
      <c r="AN673" s="92"/>
      <c r="AO673" s="92"/>
      <c r="AP673" s="92"/>
      <c r="AQ673" s="92"/>
      <c r="AR673" s="92"/>
      <c r="AS673" s="92"/>
      <c r="AT673" s="92"/>
      <c r="AU673" s="92"/>
      <c r="AV673" s="92"/>
      <c r="AW673" s="92"/>
      <c r="AX673" s="92"/>
      <c r="AY673" s="92"/>
      <c r="AZ673" s="93"/>
      <c r="BA673" s="93"/>
      <c r="BB673" s="93"/>
      <c r="BC673" s="93"/>
      <c r="BD673" s="93"/>
      <c r="BE673" s="93"/>
      <c r="BF673" s="93"/>
      <c r="BG673" s="93"/>
      <c r="BH673" s="93"/>
      <c r="BI673" s="93"/>
      <c r="BJ673" s="93"/>
      <c r="BK673" s="93"/>
      <c r="BL673" s="93"/>
    </row>
    <row r="674" spans="2:64" x14ac:dyDescent="0.2">
      <c r="B674" s="43"/>
      <c r="C674" s="73"/>
      <c r="D674" s="64"/>
      <c r="E674" s="55"/>
      <c r="F674" s="74"/>
      <c r="G674" s="74"/>
      <c r="H674" s="74"/>
      <c r="I674" s="75"/>
      <c r="J674" s="74"/>
      <c r="L674" s="55"/>
      <c r="M674" s="234"/>
      <c r="N674" s="65"/>
      <c r="O674" s="76"/>
      <c r="P674" s="76"/>
      <c r="Q674" s="65"/>
      <c r="R674" s="76"/>
      <c r="S674" s="76"/>
      <c r="T674" s="76"/>
      <c r="U674" s="76"/>
      <c r="V674" s="76"/>
      <c r="W674" s="76"/>
      <c r="X674" s="76"/>
      <c r="Y674" s="76"/>
      <c r="Z674" s="76"/>
      <c r="AA674" s="85"/>
      <c r="AB674" s="85"/>
      <c r="AC674" s="85"/>
      <c r="AD674" s="85"/>
      <c r="AE674" s="85"/>
      <c r="AF674" s="85"/>
      <c r="AG674" s="86"/>
      <c r="AH674" s="85"/>
      <c r="AI674" s="85"/>
      <c r="AJ674" s="85"/>
      <c r="AK674" s="85"/>
      <c r="AL674" s="85"/>
      <c r="AM674" s="92"/>
      <c r="AN674" s="92"/>
      <c r="AO674" s="92"/>
      <c r="AP674" s="92"/>
      <c r="AQ674" s="92"/>
      <c r="AR674" s="92"/>
      <c r="AS674" s="92"/>
      <c r="AT674" s="92"/>
      <c r="AU674" s="92"/>
      <c r="AV674" s="92"/>
      <c r="AW674" s="92"/>
      <c r="AX674" s="92"/>
      <c r="AY674" s="92"/>
      <c r="AZ674" s="93"/>
      <c r="BA674" s="93"/>
      <c r="BB674" s="93"/>
      <c r="BC674" s="93"/>
      <c r="BD674" s="93"/>
      <c r="BE674" s="93"/>
      <c r="BF674" s="93"/>
      <c r="BG674" s="93"/>
      <c r="BH674" s="93"/>
      <c r="BI674" s="93"/>
      <c r="BJ674" s="93"/>
      <c r="BK674" s="93"/>
      <c r="BL674" s="93"/>
    </row>
    <row r="675" spans="2:64" x14ac:dyDescent="0.2">
      <c r="B675" s="43"/>
      <c r="C675" s="73"/>
      <c r="D675" s="64"/>
      <c r="E675" s="55"/>
      <c r="F675" s="74"/>
      <c r="G675" s="74"/>
      <c r="H675" s="74"/>
      <c r="I675" s="75"/>
      <c r="J675" s="74"/>
      <c r="L675" s="55"/>
      <c r="M675" s="234"/>
      <c r="N675" s="65"/>
      <c r="O675" s="76"/>
      <c r="P675" s="76"/>
      <c r="Q675" s="65"/>
      <c r="R675" s="76"/>
      <c r="S675" s="76"/>
      <c r="T675" s="76"/>
      <c r="U675" s="76"/>
      <c r="V675" s="76"/>
      <c r="W675" s="76"/>
      <c r="X675" s="76"/>
      <c r="Y675" s="76"/>
      <c r="Z675" s="76"/>
      <c r="AA675" s="85"/>
      <c r="AB675" s="85"/>
      <c r="AC675" s="85"/>
      <c r="AD675" s="85"/>
      <c r="AE675" s="85"/>
      <c r="AF675" s="85"/>
      <c r="AG675" s="86"/>
      <c r="AH675" s="85"/>
      <c r="AI675" s="85"/>
      <c r="AJ675" s="85"/>
      <c r="AK675" s="85"/>
      <c r="AL675" s="85"/>
      <c r="AM675" s="92"/>
      <c r="AN675" s="92"/>
      <c r="AO675" s="92"/>
      <c r="AP675" s="92"/>
      <c r="AQ675" s="92"/>
      <c r="AR675" s="92"/>
      <c r="AS675" s="92"/>
      <c r="AT675" s="92"/>
      <c r="AU675" s="92"/>
      <c r="AV675" s="92"/>
      <c r="AW675" s="92"/>
      <c r="AX675" s="92"/>
      <c r="AY675" s="92"/>
      <c r="AZ675" s="93"/>
      <c r="BA675" s="93"/>
      <c r="BB675" s="93"/>
      <c r="BC675" s="93"/>
      <c r="BD675" s="93"/>
      <c r="BE675" s="93"/>
      <c r="BF675" s="93"/>
      <c r="BG675" s="93"/>
      <c r="BH675" s="93"/>
      <c r="BI675" s="93"/>
      <c r="BJ675" s="93"/>
      <c r="BK675" s="93"/>
      <c r="BL675" s="93"/>
    </row>
    <row r="676" spans="2:64" x14ac:dyDescent="0.2">
      <c r="B676" s="43"/>
      <c r="C676" s="73"/>
      <c r="D676" s="64"/>
      <c r="E676" s="55"/>
      <c r="F676" s="74"/>
      <c r="G676" s="74"/>
      <c r="H676" s="74"/>
      <c r="I676" s="75"/>
      <c r="J676" s="74"/>
      <c r="L676" s="55"/>
      <c r="M676" s="234"/>
      <c r="N676" s="65"/>
      <c r="O676" s="76"/>
      <c r="P676" s="76"/>
      <c r="Q676" s="65"/>
      <c r="R676" s="76"/>
      <c r="S676" s="76"/>
      <c r="T676" s="76"/>
      <c r="U676" s="76"/>
      <c r="V676" s="76"/>
      <c r="W676" s="76"/>
      <c r="X676" s="76"/>
      <c r="Y676" s="76"/>
      <c r="Z676" s="76"/>
      <c r="AA676" s="85"/>
      <c r="AB676" s="85"/>
      <c r="AC676" s="85"/>
      <c r="AD676" s="85"/>
      <c r="AE676" s="85"/>
      <c r="AF676" s="85"/>
      <c r="AG676" s="86"/>
      <c r="AH676" s="85"/>
      <c r="AI676" s="85"/>
      <c r="AJ676" s="85"/>
      <c r="AK676" s="85"/>
      <c r="AL676" s="85"/>
      <c r="AM676" s="92"/>
      <c r="AN676" s="92"/>
      <c r="AO676" s="92"/>
      <c r="AP676" s="92"/>
      <c r="AQ676" s="92"/>
      <c r="AR676" s="92"/>
      <c r="AS676" s="92"/>
      <c r="AT676" s="92"/>
      <c r="AU676" s="92"/>
      <c r="AV676" s="92"/>
      <c r="AW676" s="92"/>
      <c r="AX676" s="92"/>
      <c r="AY676" s="92"/>
      <c r="AZ676" s="93"/>
      <c r="BA676" s="93"/>
      <c r="BB676" s="93"/>
      <c r="BC676" s="93"/>
      <c r="BD676" s="93"/>
      <c r="BE676" s="93"/>
      <c r="BF676" s="93"/>
      <c r="BG676" s="93"/>
      <c r="BH676" s="93"/>
      <c r="BI676" s="93"/>
      <c r="BJ676" s="93"/>
      <c r="BK676" s="93"/>
      <c r="BL676" s="93"/>
    </row>
    <row r="677" spans="2:64" x14ac:dyDescent="0.2">
      <c r="B677" s="43"/>
      <c r="C677" s="73"/>
      <c r="D677" s="64"/>
      <c r="E677" s="55"/>
      <c r="F677" s="74"/>
      <c r="G677" s="74"/>
      <c r="H677" s="74"/>
      <c r="I677" s="75"/>
      <c r="J677" s="74"/>
      <c r="L677" s="55"/>
      <c r="M677" s="234"/>
      <c r="N677" s="65"/>
      <c r="O677" s="76"/>
      <c r="P677" s="76"/>
      <c r="Q677" s="65"/>
      <c r="R677" s="76"/>
      <c r="S677" s="76"/>
      <c r="T677" s="76"/>
      <c r="U677" s="76"/>
      <c r="V677" s="76"/>
      <c r="W677" s="76"/>
      <c r="X677" s="76"/>
      <c r="Y677" s="76"/>
      <c r="Z677" s="76"/>
      <c r="AA677" s="85"/>
      <c r="AB677" s="85"/>
      <c r="AC677" s="85"/>
      <c r="AD677" s="85"/>
      <c r="AE677" s="85"/>
      <c r="AF677" s="85"/>
      <c r="AG677" s="86"/>
      <c r="AH677" s="85"/>
      <c r="AI677" s="85"/>
      <c r="AJ677" s="85"/>
      <c r="AK677" s="85"/>
      <c r="AL677" s="85"/>
      <c r="AM677" s="92"/>
      <c r="AN677" s="92"/>
      <c r="AO677" s="92"/>
      <c r="AP677" s="92"/>
      <c r="AQ677" s="92"/>
      <c r="AR677" s="92"/>
      <c r="AS677" s="92"/>
      <c r="AT677" s="92"/>
      <c r="AU677" s="92"/>
      <c r="AV677" s="92"/>
      <c r="AW677" s="92"/>
      <c r="AX677" s="92"/>
      <c r="AY677" s="92"/>
      <c r="AZ677" s="93"/>
      <c r="BA677" s="93"/>
      <c r="BB677" s="93"/>
      <c r="BC677" s="93"/>
      <c r="BD677" s="93"/>
      <c r="BE677" s="93"/>
      <c r="BF677" s="93"/>
      <c r="BG677" s="93"/>
      <c r="BH677" s="93"/>
      <c r="BI677" s="93"/>
      <c r="BJ677" s="93"/>
      <c r="BK677" s="93"/>
      <c r="BL677" s="93"/>
    </row>
    <row r="678" spans="2:64" x14ac:dyDescent="0.2">
      <c r="B678" s="43"/>
      <c r="C678" s="73"/>
      <c r="D678" s="64"/>
      <c r="E678" s="55"/>
      <c r="F678" s="74"/>
      <c r="G678" s="74"/>
      <c r="H678" s="74"/>
      <c r="I678" s="75"/>
      <c r="J678" s="74"/>
      <c r="L678" s="55"/>
      <c r="M678" s="234"/>
      <c r="N678" s="65"/>
      <c r="O678" s="76"/>
      <c r="P678" s="76"/>
      <c r="Q678" s="65"/>
      <c r="R678" s="76"/>
      <c r="S678" s="76"/>
      <c r="T678" s="76"/>
      <c r="U678" s="76"/>
      <c r="V678" s="76"/>
      <c r="W678" s="76"/>
      <c r="X678" s="76"/>
      <c r="Y678" s="76"/>
      <c r="Z678" s="76"/>
      <c r="AA678" s="85"/>
      <c r="AB678" s="85"/>
      <c r="AC678" s="85"/>
      <c r="AD678" s="85"/>
      <c r="AE678" s="85"/>
      <c r="AF678" s="85"/>
      <c r="AG678" s="86"/>
      <c r="AH678" s="85"/>
      <c r="AI678" s="85"/>
      <c r="AJ678" s="85"/>
      <c r="AK678" s="85"/>
      <c r="AL678" s="85"/>
      <c r="AM678" s="92"/>
      <c r="AN678" s="92"/>
      <c r="AO678" s="92"/>
      <c r="AP678" s="92"/>
      <c r="AQ678" s="92"/>
      <c r="AR678" s="92"/>
      <c r="AS678" s="92"/>
      <c r="AT678" s="92"/>
      <c r="AU678" s="92"/>
      <c r="AV678" s="92"/>
      <c r="AW678" s="92"/>
      <c r="AX678" s="92"/>
      <c r="AY678" s="92"/>
      <c r="AZ678" s="93"/>
      <c r="BA678" s="93"/>
      <c r="BB678" s="93"/>
      <c r="BC678" s="93"/>
      <c r="BD678" s="93"/>
      <c r="BE678" s="93"/>
      <c r="BF678" s="93"/>
      <c r="BG678" s="93"/>
      <c r="BH678" s="93"/>
      <c r="BI678" s="93"/>
      <c r="BJ678" s="93"/>
      <c r="BK678" s="93"/>
      <c r="BL678" s="93"/>
    </row>
    <row r="679" spans="2:64" x14ac:dyDescent="0.2">
      <c r="B679" s="43"/>
      <c r="C679" s="73"/>
      <c r="D679" s="64"/>
      <c r="E679" s="55"/>
      <c r="F679" s="74"/>
      <c r="G679" s="74"/>
      <c r="H679" s="74"/>
      <c r="I679" s="75"/>
      <c r="J679" s="74"/>
      <c r="L679" s="55"/>
      <c r="M679" s="234"/>
      <c r="N679" s="65"/>
      <c r="O679" s="76"/>
      <c r="P679" s="76"/>
      <c r="Q679" s="65"/>
      <c r="R679" s="76"/>
      <c r="S679" s="76"/>
      <c r="T679" s="76"/>
      <c r="U679" s="76"/>
      <c r="V679" s="76"/>
      <c r="W679" s="76"/>
      <c r="X679" s="76"/>
      <c r="Y679" s="76"/>
      <c r="Z679" s="76"/>
      <c r="AA679" s="85"/>
      <c r="AB679" s="85"/>
      <c r="AC679" s="85"/>
      <c r="AD679" s="85"/>
      <c r="AE679" s="85"/>
      <c r="AF679" s="85"/>
      <c r="AG679" s="86"/>
      <c r="AH679" s="85"/>
      <c r="AI679" s="85"/>
      <c r="AJ679" s="85"/>
      <c r="AK679" s="85"/>
      <c r="AL679" s="85"/>
      <c r="AM679" s="92"/>
      <c r="AN679" s="92"/>
      <c r="AO679" s="92"/>
      <c r="AP679" s="92"/>
      <c r="AQ679" s="92"/>
      <c r="AR679" s="92"/>
      <c r="AS679" s="92"/>
      <c r="AT679" s="92"/>
      <c r="AU679" s="92"/>
      <c r="AV679" s="92"/>
      <c r="AW679" s="92"/>
      <c r="AX679" s="92"/>
      <c r="AY679" s="92"/>
      <c r="AZ679" s="93"/>
      <c r="BA679" s="93"/>
      <c r="BB679" s="93"/>
      <c r="BC679" s="93"/>
      <c r="BD679" s="93"/>
      <c r="BE679" s="93"/>
      <c r="BF679" s="93"/>
      <c r="BG679" s="93"/>
      <c r="BH679" s="93"/>
      <c r="BI679" s="93"/>
      <c r="BJ679" s="93"/>
      <c r="BK679" s="93"/>
      <c r="BL679" s="93"/>
    </row>
    <row r="680" spans="2:64" x14ac:dyDescent="0.2">
      <c r="B680" s="43"/>
      <c r="C680" s="73"/>
      <c r="D680" s="64"/>
      <c r="E680" s="55"/>
      <c r="F680" s="74"/>
      <c r="G680" s="74"/>
      <c r="H680" s="74"/>
      <c r="I680" s="75"/>
      <c r="J680" s="74"/>
      <c r="L680" s="55"/>
      <c r="M680" s="234"/>
      <c r="N680" s="65"/>
      <c r="O680" s="76"/>
      <c r="P680" s="76"/>
      <c r="Q680" s="65"/>
      <c r="R680" s="76"/>
      <c r="S680" s="76"/>
      <c r="T680" s="76"/>
      <c r="U680" s="76"/>
      <c r="V680" s="76"/>
      <c r="W680" s="76"/>
      <c r="X680" s="76"/>
      <c r="Y680" s="76"/>
      <c r="Z680" s="76"/>
      <c r="AA680" s="85"/>
      <c r="AB680" s="85"/>
      <c r="AC680" s="85"/>
      <c r="AD680" s="85"/>
      <c r="AE680" s="85"/>
      <c r="AF680" s="85"/>
      <c r="AG680" s="86"/>
      <c r="AH680" s="85"/>
      <c r="AI680" s="85"/>
      <c r="AJ680" s="85"/>
      <c r="AK680" s="85"/>
      <c r="AL680" s="85"/>
      <c r="AM680" s="92"/>
      <c r="AN680" s="92"/>
      <c r="AO680" s="92"/>
      <c r="AP680" s="92"/>
      <c r="AQ680" s="92"/>
      <c r="AR680" s="92"/>
      <c r="AS680" s="92"/>
      <c r="AT680" s="92"/>
      <c r="AU680" s="92"/>
      <c r="AV680" s="92"/>
      <c r="AW680" s="92"/>
      <c r="AX680" s="92"/>
      <c r="AY680" s="92"/>
      <c r="AZ680" s="93"/>
      <c r="BA680" s="93"/>
      <c r="BB680" s="93"/>
      <c r="BC680" s="93"/>
      <c r="BD680" s="93"/>
      <c r="BE680" s="93"/>
      <c r="BF680" s="93"/>
      <c r="BG680" s="93"/>
      <c r="BH680" s="93"/>
      <c r="BI680" s="93"/>
      <c r="BJ680" s="93"/>
      <c r="BK680" s="93"/>
      <c r="BL680" s="93"/>
    </row>
    <row r="681" spans="2:64" x14ac:dyDescent="0.2">
      <c r="B681" s="43"/>
      <c r="C681" s="73"/>
      <c r="D681" s="64"/>
      <c r="E681" s="55"/>
      <c r="F681" s="74"/>
      <c r="G681" s="74"/>
      <c r="H681" s="74"/>
      <c r="I681" s="75"/>
      <c r="J681" s="74"/>
      <c r="L681" s="55"/>
      <c r="M681" s="234"/>
      <c r="N681" s="65"/>
      <c r="O681" s="76"/>
      <c r="P681" s="76"/>
      <c r="Q681" s="65"/>
      <c r="R681" s="76"/>
      <c r="S681" s="76"/>
      <c r="T681" s="76"/>
      <c r="U681" s="76"/>
      <c r="V681" s="76"/>
      <c r="W681" s="76"/>
      <c r="X681" s="76"/>
      <c r="Y681" s="76"/>
      <c r="Z681" s="76"/>
      <c r="AA681" s="85"/>
      <c r="AB681" s="85"/>
      <c r="AC681" s="85"/>
      <c r="AD681" s="85"/>
      <c r="AE681" s="85"/>
      <c r="AF681" s="85"/>
      <c r="AG681" s="86"/>
      <c r="AH681" s="85"/>
      <c r="AI681" s="85"/>
      <c r="AJ681" s="85"/>
      <c r="AK681" s="85"/>
      <c r="AL681" s="85"/>
      <c r="AM681" s="92"/>
      <c r="AN681" s="92"/>
      <c r="AO681" s="92"/>
      <c r="AP681" s="92"/>
      <c r="AQ681" s="92"/>
      <c r="AR681" s="92"/>
      <c r="AS681" s="92"/>
      <c r="AT681" s="92"/>
      <c r="AU681" s="92"/>
      <c r="AV681" s="92"/>
      <c r="AW681" s="92"/>
      <c r="AX681" s="92"/>
      <c r="AY681" s="92"/>
      <c r="AZ681" s="93"/>
      <c r="BA681" s="93"/>
      <c r="BB681" s="93"/>
      <c r="BC681" s="93"/>
      <c r="BD681" s="93"/>
      <c r="BE681" s="93"/>
      <c r="BF681" s="93"/>
      <c r="BG681" s="93"/>
      <c r="BH681" s="93"/>
      <c r="BI681" s="93"/>
      <c r="BJ681" s="93"/>
      <c r="BK681" s="93"/>
      <c r="BL681" s="93"/>
    </row>
    <row r="682" spans="2:64" x14ac:dyDescent="0.2">
      <c r="B682" s="43"/>
      <c r="C682" s="73"/>
      <c r="D682" s="64"/>
      <c r="E682" s="55"/>
      <c r="F682" s="74"/>
      <c r="G682" s="74"/>
      <c r="H682" s="74"/>
      <c r="I682" s="75"/>
      <c r="J682" s="74"/>
      <c r="L682" s="55"/>
      <c r="M682" s="234"/>
      <c r="N682" s="65"/>
      <c r="O682" s="76"/>
      <c r="P682" s="76"/>
      <c r="Q682" s="65"/>
      <c r="R682" s="76"/>
      <c r="S682" s="76"/>
      <c r="T682" s="76"/>
      <c r="U682" s="76"/>
      <c r="V682" s="76"/>
      <c r="W682" s="76"/>
      <c r="X682" s="76"/>
      <c r="Y682" s="76"/>
      <c r="Z682" s="76"/>
      <c r="AA682" s="85"/>
      <c r="AB682" s="85"/>
      <c r="AC682" s="85"/>
      <c r="AD682" s="85"/>
      <c r="AE682" s="85"/>
      <c r="AF682" s="85"/>
      <c r="AG682" s="86"/>
      <c r="AH682" s="85"/>
      <c r="AI682" s="85"/>
      <c r="AJ682" s="85"/>
      <c r="AK682" s="85"/>
      <c r="AL682" s="85"/>
      <c r="AM682" s="92"/>
      <c r="AN682" s="92"/>
      <c r="AO682" s="92"/>
      <c r="AP682" s="92"/>
      <c r="AQ682" s="92"/>
      <c r="AR682" s="92"/>
      <c r="AS682" s="92"/>
      <c r="AT682" s="92"/>
      <c r="AU682" s="92"/>
      <c r="AV682" s="92"/>
      <c r="AW682" s="92"/>
      <c r="AX682" s="92"/>
      <c r="AY682" s="92"/>
      <c r="AZ682" s="93"/>
      <c r="BA682" s="93"/>
      <c r="BB682" s="93"/>
      <c r="BC682" s="93"/>
      <c r="BD682" s="93"/>
      <c r="BE682" s="93"/>
      <c r="BF682" s="93"/>
      <c r="BG682" s="93"/>
      <c r="BH682" s="93"/>
      <c r="BI682" s="93"/>
      <c r="BJ682" s="93"/>
      <c r="BK682" s="93"/>
      <c r="BL682" s="93"/>
    </row>
    <row r="683" spans="2:64" x14ac:dyDescent="0.2">
      <c r="B683" s="43"/>
      <c r="C683" s="73"/>
      <c r="D683" s="64"/>
      <c r="E683" s="55"/>
      <c r="F683" s="74"/>
      <c r="G683" s="74"/>
      <c r="H683" s="74"/>
      <c r="I683" s="75"/>
      <c r="J683" s="74"/>
      <c r="L683" s="55"/>
      <c r="M683" s="234"/>
      <c r="N683" s="65"/>
      <c r="O683" s="76"/>
      <c r="P683" s="76"/>
      <c r="Q683" s="65"/>
      <c r="R683" s="76"/>
      <c r="S683" s="76"/>
      <c r="T683" s="76"/>
      <c r="U683" s="76"/>
      <c r="V683" s="76"/>
      <c r="W683" s="76"/>
      <c r="X683" s="76"/>
      <c r="Y683" s="76"/>
      <c r="Z683" s="76"/>
      <c r="AA683" s="85"/>
      <c r="AB683" s="85"/>
      <c r="AC683" s="85"/>
      <c r="AD683" s="85"/>
      <c r="AE683" s="85"/>
      <c r="AF683" s="85"/>
      <c r="AG683" s="86"/>
      <c r="AH683" s="85"/>
      <c r="AI683" s="85"/>
      <c r="AJ683" s="85"/>
      <c r="AK683" s="85"/>
      <c r="AL683" s="85"/>
      <c r="AM683" s="92"/>
      <c r="AN683" s="92"/>
      <c r="AO683" s="92"/>
      <c r="AP683" s="92"/>
      <c r="AQ683" s="92"/>
      <c r="AR683" s="92"/>
      <c r="AS683" s="92"/>
      <c r="AT683" s="92"/>
      <c r="AU683" s="92"/>
      <c r="AV683" s="92"/>
      <c r="AW683" s="92"/>
      <c r="AX683" s="92"/>
      <c r="AY683" s="92"/>
      <c r="AZ683" s="93"/>
      <c r="BA683" s="93"/>
      <c r="BB683" s="93"/>
      <c r="BC683" s="93"/>
      <c r="BD683" s="93"/>
      <c r="BE683" s="93"/>
      <c r="BF683" s="93"/>
      <c r="BG683" s="93"/>
      <c r="BH683" s="93"/>
      <c r="BI683" s="93"/>
      <c r="BJ683" s="93"/>
      <c r="BK683" s="93"/>
      <c r="BL683" s="93"/>
    </row>
    <row r="684" spans="2:64" x14ac:dyDescent="0.2">
      <c r="B684" s="43"/>
      <c r="C684" s="73"/>
      <c r="D684" s="64"/>
      <c r="E684" s="55"/>
      <c r="F684" s="74"/>
      <c r="G684" s="74"/>
      <c r="H684" s="74"/>
      <c r="I684" s="75"/>
      <c r="J684" s="74"/>
      <c r="L684" s="55"/>
      <c r="M684" s="234"/>
      <c r="N684" s="65"/>
      <c r="O684" s="76"/>
      <c r="P684" s="76"/>
      <c r="Q684" s="65"/>
      <c r="R684" s="76"/>
      <c r="S684" s="76"/>
      <c r="T684" s="76"/>
      <c r="U684" s="76"/>
      <c r="V684" s="76"/>
      <c r="W684" s="76"/>
      <c r="X684" s="76"/>
      <c r="Y684" s="76"/>
      <c r="Z684" s="76"/>
      <c r="AA684" s="85"/>
      <c r="AB684" s="85"/>
      <c r="AC684" s="85"/>
      <c r="AD684" s="85"/>
      <c r="AE684" s="85"/>
      <c r="AF684" s="85"/>
      <c r="AG684" s="86"/>
      <c r="AH684" s="85"/>
      <c r="AI684" s="85"/>
      <c r="AJ684" s="85"/>
      <c r="AK684" s="85"/>
      <c r="AL684" s="85"/>
      <c r="AM684" s="92"/>
      <c r="AN684" s="92"/>
      <c r="AO684" s="92"/>
      <c r="AP684" s="92"/>
      <c r="AQ684" s="92"/>
      <c r="AR684" s="92"/>
      <c r="AS684" s="92"/>
      <c r="AT684" s="92"/>
      <c r="AU684" s="92"/>
      <c r="AV684" s="92"/>
      <c r="AW684" s="92"/>
      <c r="AX684" s="92"/>
      <c r="AY684" s="92"/>
      <c r="AZ684" s="93"/>
      <c r="BA684" s="93"/>
      <c r="BB684" s="93"/>
      <c r="BC684" s="93"/>
      <c r="BD684" s="93"/>
      <c r="BE684" s="93"/>
      <c r="BF684" s="93"/>
      <c r="BG684" s="93"/>
      <c r="BH684" s="93"/>
      <c r="BI684" s="93"/>
      <c r="BJ684" s="93"/>
      <c r="BK684" s="93"/>
      <c r="BL684" s="93"/>
    </row>
    <row r="685" spans="2:64" x14ac:dyDescent="0.2">
      <c r="B685" s="43"/>
      <c r="C685" s="73"/>
      <c r="D685" s="64"/>
      <c r="E685" s="55"/>
      <c r="F685" s="74"/>
      <c r="G685" s="74"/>
      <c r="H685" s="74"/>
      <c r="I685" s="75"/>
      <c r="J685" s="74"/>
      <c r="L685" s="55"/>
      <c r="M685" s="234"/>
      <c r="N685" s="65"/>
      <c r="O685" s="76"/>
      <c r="P685" s="76"/>
      <c r="Q685" s="65"/>
      <c r="R685" s="76"/>
      <c r="S685" s="76"/>
      <c r="T685" s="76"/>
      <c r="U685" s="76"/>
      <c r="V685" s="76"/>
      <c r="W685" s="76"/>
      <c r="X685" s="76"/>
      <c r="Y685" s="76"/>
      <c r="Z685" s="76"/>
      <c r="AA685" s="85"/>
      <c r="AB685" s="85"/>
      <c r="AC685" s="85"/>
      <c r="AD685" s="85"/>
      <c r="AE685" s="85"/>
      <c r="AF685" s="85"/>
      <c r="AG685" s="86"/>
      <c r="AH685" s="85"/>
      <c r="AI685" s="85"/>
      <c r="AJ685" s="85"/>
      <c r="AK685" s="85"/>
      <c r="AL685" s="85"/>
      <c r="AM685" s="92"/>
      <c r="AN685" s="92"/>
      <c r="AO685" s="92"/>
      <c r="AP685" s="92"/>
      <c r="AQ685" s="92"/>
      <c r="AR685" s="92"/>
      <c r="AS685" s="92"/>
      <c r="AT685" s="92"/>
      <c r="AU685" s="92"/>
      <c r="AV685" s="92"/>
      <c r="AW685" s="92"/>
      <c r="AX685" s="92"/>
      <c r="AY685" s="92"/>
      <c r="AZ685" s="93"/>
      <c r="BA685" s="93"/>
      <c r="BB685" s="93"/>
      <c r="BC685" s="93"/>
      <c r="BD685" s="93"/>
      <c r="BE685" s="93"/>
      <c r="BF685" s="93"/>
      <c r="BG685" s="93"/>
      <c r="BH685" s="93"/>
      <c r="BI685" s="93"/>
      <c r="BJ685" s="93"/>
      <c r="BK685" s="93"/>
      <c r="BL685" s="93"/>
    </row>
    <row r="686" spans="2:64" x14ac:dyDescent="0.2">
      <c r="B686" s="43"/>
      <c r="C686" s="73"/>
      <c r="D686" s="64"/>
      <c r="E686" s="55"/>
      <c r="F686" s="74"/>
      <c r="G686" s="74"/>
      <c r="H686" s="74"/>
      <c r="I686" s="75"/>
      <c r="J686" s="74"/>
      <c r="L686" s="55"/>
      <c r="M686" s="234"/>
      <c r="N686" s="65"/>
      <c r="O686" s="76"/>
      <c r="P686" s="76"/>
      <c r="Q686" s="65"/>
      <c r="R686" s="76"/>
      <c r="S686" s="76"/>
      <c r="T686" s="76"/>
      <c r="U686" s="76"/>
      <c r="V686" s="76"/>
      <c r="W686" s="76"/>
      <c r="X686" s="76"/>
      <c r="Y686" s="76"/>
      <c r="Z686" s="76"/>
      <c r="AA686" s="85"/>
      <c r="AB686" s="85"/>
      <c r="AC686" s="85"/>
      <c r="AD686" s="85"/>
      <c r="AE686" s="85"/>
      <c r="AF686" s="85"/>
      <c r="AG686" s="86"/>
      <c r="AH686" s="85"/>
      <c r="AI686" s="85"/>
      <c r="AJ686" s="85"/>
      <c r="AK686" s="85"/>
      <c r="AL686" s="85"/>
      <c r="AM686" s="92"/>
      <c r="AN686" s="92"/>
      <c r="AO686" s="92"/>
      <c r="AP686" s="92"/>
      <c r="AQ686" s="92"/>
      <c r="AR686" s="92"/>
      <c r="AS686" s="92"/>
      <c r="AT686" s="92"/>
      <c r="AU686" s="92"/>
      <c r="AV686" s="92"/>
      <c r="AW686" s="92"/>
      <c r="AX686" s="92"/>
      <c r="AY686" s="92"/>
      <c r="AZ686" s="93"/>
      <c r="BA686" s="93"/>
      <c r="BB686" s="93"/>
      <c r="BC686" s="93"/>
      <c r="BD686" s="93"/>
      <c r="BE686" s="93"/>
      <c r="BF686" s="93"/>
      <c r="BG686" s="93"/>
      <c r="BH686" s="93"/>
      <c r="BI686" s="93"/>
      <c r="BJ686" s="93"/>
      <c r="BK686" s="93"/>
      <c r="BL686" s="93"/>
    </row>
    <row r="687" spans="2:64" x14ac:dyDescent="0.2">
      <c r="B687" s="43"/>
      <c r="C687" s="73"/>
      <c r="D687" s="64"/>
      <c r="E687" s="55"/>
      <c r="F687" s="74"/>
      <c r="G687" s="74"/>
      <c r="H687" s="74"/>
      <c r="I687" s="75"/>
      <c r="J687" s="74"/>
      <c r="L687" s="55"/>
      <c r="M687" s="234"/>
      <c r="N687" s="65"/>
      <c r="O687" s="76"/>
      <c r="P687" s="76"/>
      <c r="Q687" s="65"/>
      <c r="R687" s="76"/>
      <c r="S687" s="76"/>
      <c r="T687" s="76"/>
      <c r="U687" s="76"/>
      <c r="V687" s="76"/>
      <c r="W687" s="76"/>
      <c r="X687" s="76"/>
      <c r="Y687" s="76"/>
      <c r="Z687" s="76"/>
      <c r="AA687" s="85"/>
      <c r="AB687" s="85"/>
      <c r="AC687" s="85"/>
      <c r="AD687" s="85"/>
      <c r="AE687" s="85"/>
      <c r="AF687" s="85"/>
      <c r="AG687" s="86"/>
      <c r="AH687" s="85"/>
      <c r="AI687" s="85"/>
      <c r="AJ687" s="85"/>
      <c r="AK687" s="85"/>
      <c r="AL687" s="85"/>
      <c r="AM687" s="92"/>
      <c r="AN687" s="92"/>
      <c r="AO687" s="92"/>
      <c r="AP687" s="92"/>
      <c r="AQ687" s="92"/>
      <c r="AR687" s="92"/>
      <c r="AS687" s="92"/>
      <c r="AT687" s="92"/>
      <c r="AU687" s="92"/>
      <c r="AV687" s="92"/>
      <c r="AW687" s="92"/>
      <c r="AX687" s="92"/>
      <c r="AY687" s="92"/>
      <c r="AZ687" s="93"/>
      <c r="BA687" s="93"/>
      <c r="BB687" s="93"/>
      <c r="BC687" s="93"/>
      <c r="BD687" s="93"/>
      <c r="BE687" s="93"/>
      <c r="BF687" s="93"/>
      <c r="BG687" s="93"/>
      <c r="BH687" s="93"/>
      <c r="BI687" s="93"/>
      <c r="BJ687" s="93"/>
      <c r="BK687" s="93"/>
      <c r="BL687" s="93"/>
    </row>
    <row r="688" spans="2:64" x14ac:dyDescent="0.2">
      <c r="B688" s="43"/>
      <c r="C688" s="73"/>
      <c r="D688" s="64"/>
      <c r="E688" s="55"/>
      <c r="F688" s="74"/>
      <c r="G688" s="74"/>
      <c r="H688" s="74"/>
      <c r="I688" s="75"/>
      <c r="J688" s="74"/>
      <c r="L688" s="55"/>
      <c r="M688" s="234"/>
      <c r="N688" s="65"/>
      <c r="O688" s="76"/>
      <c r="P688" s="76"/>
      <c r="Q688" s="65"/>
      <c r="R688" s="76"/>
      <c r="S688" s="76"/>
      <c r="T688" s="76"/>
      <c r="U688" s="76"/>
      <c r="V688" s="76"/>
      <c r="W688" s="76"/>
      <c r="X688" s="76"/>
      <c r="Y688" s="76"/>
      <c r="Z688" s="76"/>
      <c r="AA688" s="85"/>
      <c r="AB688" s="85"/>
      <c r="AC688" s="85"/>
      <c r="AD688" s="85"/>
      <c r="AE688" s="85"/>
      <c r="AF688" s="85"/>
      <c r="AG688" s="86"/>
      <c r="AH688" s="85"/>
      <c r="AI688" s="85"/>
      <c r="AJ688" s="85"/>
      <c r="AK688" s="85"/>
      <c r="AL688" s="85"/>
      <c r="AM688" s="92"/>
      <c r="AN688" s="92"/>
      <c r="AO688" s="92"/>
      <c r="AP688" s="92"/>
      <c r="AQ688" s="92"/>
      <c r="AR688" s="92"/>
      <c r="AS688" s="92"/>
      <c r="AT688" s="92"/>
      <c r="AU688" s="92"/>
      <c r="AV688" s="92"/>
      <c r="AW688" s="92"/>
      <c r="AX688" s="92"/>
      <c r="AY688" s="92"/>
      <c r="AZ688" s="93"/>
      <c r="BA688" s="93"/>
      <c r="BB688" s="93"/>
      <c r="BC688" s="93"/>
      <c r="BD688" s="93"/>
      <c r="BE688" s="93"/>
      <c r="BF688" s="93"/>
      <c r="BG688" s="93"/>
      <c r="BH688" s="93"/>
      <c r="BI688" s="93"/>
      <c r="BJ688" s="93"/>
      <c r="BK688" s="93"/>
      <c r="BL688" s="93"/>
    </row>
    <row r="689" spans="2:64" x14ac:dyDescent="0.2">
      <c r="B689" s="43"/>
      <c r="C689" s="73"/>
      <c r="D689" s="64"/>
      <c r="E689" s="55"/>
      <c r="F689" s="74"/>
      <c r="G689" s="74"/>
      <c r="H689" s="74"/>
      <c r="I689" s="75"/>
      <c r="J689" s="74"/>
      <c r="L689" s="55"/>
      <c r="M689" s="234"/>
      <c r="N689" s="65"/>
      <c r="O689" s="76"/>
      <c r="P689" s="76"/>
      <c r="Q689" s="65"/>
      <c r="R689" s="76"/>
      <c r="S689" s="76"/>
      <c r="T689" s="76"/>
      <c r="U689" s="76"/>
      <c r="V689" s="76"/>
      <c r="W689" s="76"/>
      <c r="X689" s="76"/>
      <c r="Y689" s="76"/>
      <c r="Z689" s="76"/>
      <c r="AA689" s="85"/>
      <c r="AB689" s="85"/>
      <c r="AC689" s="85"/>
      <c r="AD689" s="85"/>
      <c r="AE689" s="85"/>
      <c r="AF689" s="85"/>
      <c r="AG689" s="86"/>
      <c r="AH689" s="85"/>
      <c r="AI689" s="85"/>
      <c r="AJ689" s="85"/>
      <c r="AK689" s="85"/>
      <c r="AL689" s="85"/>
      <c r="AM689" s="92"/>
      <c r="AN689" s="92"/>
      <c r="AO689" s="92"/>
      <c r="AP689" s="92"/>
      <c r="AQ689" s="92"/>
      <c r="AR689" s="92"/>
      <c r="AS689" s="92"/>
      <c r="AT689" s="92"/>
      <c r="AU689" s="92"/>
      <c r="AV689" s="92"/>
      <c r="AW689" s="92"/>
      <c r="AX689" s="92"/>
      <c r="AY689" s="92"/>
      <c r="AZ689" s="93"/>
      <c r="BA689" s="93"/>
      <c r="BB689" s="93"/>
      <c r="BC689" s="93"/>
      <c r="BD689" s="93"/>
      <c r="BE689" s="93"/>
      <c r="BF689" s="93"/>
      <c r="BG689" s="93"/>
      <c r="BH689" s="93"/>
      <c r="BI689" s="93"/>
      <c r="BJ689" s="93"/>
      <c r="BK689" s="93"/>
      <c r="BL689" s="93"/>
    </row>
    <row r="690" spans="2:64" x14ac:dyDescent="0.2">
      <c r="B690" s="43"/>
      <c r="C690" s="73"/>
      <c r="D690" s="64"/>
      <c r="E690" s="55"/>
      <c r="F690" s="74"/>
      <c r="G690" s="74"/>
      <c r="H690" s="74"/>
      <c r="I690" s="75"/>
      <c r="J690" s="74"/>
      <c r="L690" s="55"/>
      <c r="M690" s="234"/>
      <c r="N690" s="65"/>
      <c r="O690" s="76"/>
      <c r="P690" s="76"/>
      <c r="Q690" s="65"/>
      <c r="R690" s="76"/>
      <c r="S690" s="76"/>
      <c r="T690" s="76"/>
      <c r="U690" s="76"/>
      <c r="V690" s="76"/>
      <c r="W690" s="76"/>
      <c r="X690" s="76"/>
      <c r="Y690" s="76"/>
      <c r="Z690" s="76"/>
      <c r="AA690" s="85"/>
      <c r="AB690" s="85"/>
      <c r="AC690" s="85"/>
      <c r="AD690" s="85"/>
      <c r="AE690" s="85"/>
      <c r="AF690" s="85"/>
      <c r="AG690" s="86"/>
      <c r="AH690" s="85"/>
      <c r="AI690" s="85"/>
      <c r="AJ690" s="85"/>
      <c r="AK690" s="85"/>
      <c r="AL690" s="85"/>
      <c r="AM690" s="92"/>
      <c r="AN690" s="92"/>
      <c r="AO690" s="92"/>
      <c r="AP690" s="92"/>
      <c r="AQ690" s="92"/>
      <c r="AR690" s="92"/>
      <c r="AS690" s="92"/>
      <c r="AT690" s="92"/>
      <c r="AU690" s="92"/>
      <c r="AV690" s="92"/>
      <c r="AW690" s="92"/>
      <c r="AX690" s="92"/>
      <c r="AY690" s="92"/>
      <c r="AZ690" s="93"/>
      <c r="BA690" s="93"/>
      <c r="BB690" s="93"/>
      <c r="BC690" s="93"/>
      <c r="BD690" s="93"/>
      <c r="BE690" s="93"/>
      <c r="BF690" s="93"/>
      <c r="BG690" s="93"/>
      <c r="BH690" s="93"/>
      <c r="BI690" s="93"/>
      <c r="BJ690" s="93"/>
      <c r="BK690" s="93"/>
      <c r="BL690" s="93"/>
    </row>
    <row r="691" spans="2:64" x14ac:dyDescent="0.2">
      <c r="B691" s="43"/>
      <c r="C691" s="73"/>
      <c r="D691" s="64"/>
      <c r="E691" s="55"/>
      <c r="F691" s="74"/>
      <c r="G691" s="74"/>
      <c r="H691" s="74"/>
      <c r="I691" s="75"/>
      <c r="J691" s="74"/>
      <c r="L691" s="55"/>
      <c r="M691" s="234"/>
      <c r="N691" s="65"/>
      <c r="O691" s="76"/>
      <c r="P691" s="76"/>
      <c r="Q691" s="65"/>
      <c r="R691" s="76"/>
      <c r="S691" s="76"/>
      <c r="T691" s="76"/>
      <c r="U691" s="76"/>
      <c r="V691" s="76"/>
      <c r="W691" s="76"/>
      <c r="X691" s="76"/>
      <c r="Y691" s="76"/>
      <c r="Z691" s="76"/>
      <c r="AA691" s="85"/>
      <c r="AB691" s="85"/>
      <c r="AC691" s="85"/>
      <c r="AD691" s="85"/>
      <c r="AE691" s="85"/>
      <c r="AF691" s="85"/>
      <c r="AG691" s="86"/>
      <c r="AH691" s="85"/>
      <c r="AI691" s="85"/>
      <c r="AJ691" s="85"/>
      <c r="AK691" s="85"/>
      <c r="AL691" s="85"/>
      <c r="AM691" s="92"/>
      <c r="AN691" s="92"/>
      <c r="AO691" s="92"/>
      <c r="AP691" s="92"/>
      <c r="AQ691" s="92"/>
      <c r="AR691" s="92"/>
      <c r="AS691" s="92"/>
      <c r="AT691" s="92"/>
      <c r="AU691" s="92"/>
      <c r="AV691" s="92"/>
      <c r="AW691" s="92"/>
      <c r="AX691" s="92"/>
      <c r="AY691" s="92"/>
      <c r="AZ691" s="93"/>
      <c r="BA691" s="93"/>
      <c r="BB691" s="93"/>
      <c r="BC691" s="93"/>
      <c r="BD691" s="93"/>
      <c r="BE691" s="93"/>
      <c r="BF691" s="93"/>
      <c r="BG691" s="93"/>
      <c r="BH691" s="93"/>
      <c r="BI691" s="93"/>
      <c r="BJ691" s="93"/>
      <c r="BK691" s="93"/>
      <c r="BL691" s="93"/>
    </row>
    <row r="692" spans="2:64" x14ac:dyDescent="0.2">
      <c r="B692" s="43"/>
      <c r="C692" s="73"/>
      <c r="D692" s="64"/>
      <c r="E692" s="55"/>
      <c r="F692" s="74"/>
      <c r="G692" s="74"/>
      <c r="H692" s="74"/>
      <c r="I692" s="75"/>
      <c r="J692" s="74"/>
      <c r="L692" s="55"/>
      <c r="M692" s="234"/>
      <c r="N692" s="65"/>
      <c r="O692" s="76"/>
      <c r="P692" s="76"/>
      <c r="Q692" s="65"/>
      <c r="R692" s="76"/>
      <c r="S692" s="76"/>
      <c r="T692" s="76"/>
      <c r="U692" s="76"/>
      <c r="V692" s="76"/>
      <c r="W692" s="76"/>
      <c r="X692" s="76"/>
      <c r="Y692" s="76"/>
      <c r="Z692" s="76"/>
      <c r="AA692" s="85"/>
      <c r="AB692" s="85"/>
      <c r="AC692" s="85"/>
      <c r="AD692" s="85"/>
      <c r="AE692" s="85"/>
      <c r="AF692" s="85"/>
      <c r="AG692" s="86"/>
      <c r="AH692" s="85"/>
      <c r="AI692" s="85"/>
      <c r="AJ692" s="85"/>
      <c r="AK692" s="85"/>
      <c r="AL692" s="85"/>
      <c r="AM692" s="92"/>
      <c r="AN692" s="92"/>
      <c r="AO692" s="92"/>
      <c r="AP692" s="92"/>
      <c r="AQ692" s="92"/>
      <c r="AR692" s="92"/>
      <c r="AS692" s="92"/>
      <c r="AT692" s="92"/>
      <c r="AU692" s="92"/>
      <c r="AV692" s="92"/>
      <c r="AW692" s="92"/>
      <c r="AX692" s="92"/>
      <c r="AY692" s="92"/>
      <c r="AZ692" s="93"/>
      <c r="BA692" s="93"/>
      <c r="BB692" s="93"/>
      <c r="BC692" s="93"/>
      <c r="BD692" s="93"/>
      <c r="BE692" s="93"/>
      <c r="BF692" s="93"/>
      <c r="BG692" s="93"/>
      <c r="BH692" s="93"/>
      <c r="BI692" s="93"/>
      <c r="BJ692" s="93"/>
      <c r="BK692" s="93"/>
      <c r="BL692" s="93"/>
    </row>
    <row r="693" spans="2:64" x14ac:dyDescent="0.2">
      <c r="B693" s="43"/>
      <c r="C693" s="73"/>
      <c r="D693" s="64"/>
      <c r="E693" s="55"/>
      <c r="F693" s="74"/>
      <c r="G693" s="74"/>
      <c r="H693" s="74"/>
      <c r="I693" s="75"/>
      <c r="J693" s="74"/>
      <c r="L693" s="55"/>
      <c r="M693" s="234"/>
      <c r="N693" s="65"/>
      <c r="O693" s="76"/>
      <c r="P693" s="76"/>
      <c r="Q693" s="65"/>
      <c r="R693" s="76"/>
      <c r="S693" s="76"/>
      <c r="T693" s="76"/>
      <c r="U693" s="76"/>
      <c r="V693" s="76"/>
      <c r="W693" s="76"/>
      <c r="X693" s="76"/>
      <c r="Y693" s="76"/>
      <c r="Z693" s="76"/>
      <c r="AA693" s="85"/>
      <c r="AB693" s="85"/>
      <c r="AC693" s="85"/>
      <c r="AD693" s="85"/>
      <c r="AE693" s="85"/>
      <c r="AF693" s="85"/>
      <c r="AG693" s="86"/>
      <c r="AH693" s="85"/>
      <c r="AI693" s="85"/>
      <c r="AJ693" s="85"/>
      <c r="AK693" s="85"/>
      <c r="AL693" s="85"/>
      <c r="AM693" s="92"/>
      <c r="AN693" s="92"/>
      <c r="AO693" s="92"/>
      <c r="AP693" s="92"/>
      <c r="AQ693" s="92"/>
      <c r="AR693" s="92"/>
      <c r="AS693" s="92"/>
      <c r="AT693" s="92"/>
      <c r="AU693" s="92"/>
      <c r="AV693" s="92"/>
      <c r="AW693" s="92"/>
      <c r="AX693" s="92"/>
      <c r="AY693" s="92"/>
      <c r="AZ693" s="93"/>
      <c r="BA693" s="93"/>
      <c r="BB693" s="93"/>
      <c r="BC693" s="93"/>
      <c r="BD693" s="93"/>
      <c r="BE693" s="93"/>
      <c r="BF693" s="93"/>
      <c r="BG693" s="93"/>
      <c r="BH693" s="93"/>
      <c r="BI693" s="93"/>
      <c r="BJ693" s="93"/>
      <c r="BK693" s="93"/>
      <c r="BL693" s="93"/>
    </row>
    <row r="694" spans="2:64" x14ac:dyDescent="0.2">
      <c r="B694" s="43"/>
      <c r="C694" s="73"/>
      <c r="D694" s="64"/>
      <c r="E694" s="55"/>
      <c r="F694" s="74"/>
      <c r="G694" s="74"/>
      <c r="H694" s="74"/>
      <c r="I694" s="75"/>
      <c r="J694" s="74"/>
      <c r="L694" s="55"/>
      <c r="M694" s="234"/>
      <c r="N694" s="65"/>
      <c r="O694" s="76"/>
      <c r="P694" s="76"/>
      <c r="Q694" s="65"/>
      <c r="R694" s="76"/>
      <c r="S694" s="76"/>
      <c r="T694" s="76"/>
      <c r="U694" s="76"/>
      <c r="V694" s="76"/>
      <c r="W694" s="76"/>
      <c r="X694" s="76"/>
      <c r="Y694" s="76"/>
      <c r="Z694" s="76"/>
      <c r="AA694" s="85"/>
      <c r="AB694" s="85"/>
      <c r="AC694" s="85"/>
      <c r="AD694" s="85"/>
      <c r="AE694" s="85"/>
      <c r="AF694" s="85"/>
      <c r="AG694" s="86"/>
      <c r="AH694" s="85"/>
      <c r="AI694" s="85"/>
      <c r="AJ694" s="85"/>
      <c r="AK694" s="85"/>
      <c r="AL694" s="85"/>
      <c r="AM694" s="92"/>
      <c r="AN694" s="92"/>
      <c r="AO694" s="92"/>
      <c r="AP694" s="92"/>
      <c r="AQ694" s="92"/>
      <c r="AR694" s="92"/>
      <c r="AS694" s="92"/>
      <c r="AT694" s="92"/>
      <c r="AU694" s="92"/>
      <c r="AV694" s="92"/>
      <c r="AW694" s="92"/>
      <c r="AX694" s="92"/>
      <c r="AY694" s="92"/>
      <c r="AZ694" s="93"/>
      <c r="BA694" s="93"/>
      <c r="BB694" s="93"/>
      <c r="BC694" s="93"/>
      <c r="BD694" s="93"/>
      <c r="BE694" s="93"/>
      <c r="BF694" s="93"/>
      <c r="BG694" s="93"/>
      <c r="BH694" s="93"/>
      <c r="BI694" s="93"/>
      <c r="BJ694" s="93"/>
      <c r="BK694" s="93"/>
      <c r="BL694" s="93"/>
    </row>
    <row r="695" spans="2:64" x14ac:dyDescent="0.2">
      <c r="B695" s="43"/>
      <c r="C695" s="73"/>
      <c r="D695" s="64"/>
      <c r="E695" s="55"/>
      <c r="F695" s="74"/>
      <c r="G695" s="74"/>
      <c r="H695" s="74"/>
      <c r="I695" s="75"/>
      <c r="J695" s="74"/>
      <c r="L695" s="55"/>
      <c r="M695" s="234"/>
      <c r="N695" s="65"/>
      <c r="O695" s="76"/>
      <c r="P695" s="76"/>
      <c r="Q695" s="65"/>
      <c r="R695" s="76"/>
      <c r="S695" s="76"/>
      <c r="T695" s="76"/>
      <c r="U695" s="76"/>
      <c r="V695" s="76"/>
      <c r="W695" s="76"/>
      <c r="X695" s="76"/>
      <c r="Y695" s="76"/>
      <c r="Z695" s="76"/>
      <c r="AA695" s="85"/>
      <c r="AB695" s="85"/>
      <c r="AC695" s="85"/>
      <c r="AD695" s="85"/>
      <c r="AE695" s="85"/>
      <c r="AF695" s="85"/>
      <c r="AG695" s="86"/>
      <c r="AH695" s="85"/>
      <c r="AI695" s="85"/>
      <c r="AJ695" s="85"/>
      <c r="AK695" s="85"/>
      <c r="AL695" s="85"/>
      <c r="AM695" s="92"/>
      <c r="AN695" s="92"/>
      <c r="AO695" s="92"/>
      <c r="AP695" s="92"/>
      <c r="AQ695" s="92"/>
      <c r="AR695" s="92"/>
      <c r="AS695" s="92"/>
      <c r="AT695" s="92"/>
      <c r="AU695" s="92"/>
      <c r="AV695" s="92"/>
      <c r="AW695" s="92"/>
      <c r="AX695" s="92"/>
      <c r="AY695" s="92"/>
      <c r="AZ695" s="93"/>
      <c r="BA695" s="93"/>
      <c r="BB695" s="93"/>
      <c r="BC695" s="93"/>
      <c r="BD695" s="93"/>
      <c r="BE695" s="93"/>
      <c r="BF695" s="93"/>
      <c r="BG695" s="93"/>
      <c r="BH695" s="93"/>
      <c r="BI695" s="93"/>
      <c r="BJ695" s="93"/>
      <c r="BK695" s="93"/>
      <c r="BL695" s="93"/>
    </row>
    <row r="696" spans="2:64" x14ac:dyDescent="0.2">
      <c r="B696" s="43"/>
      <c r="C696" s="73"/>
      <c r="D696" s="64"/>
      <c r="E696" s="55"/>
      <c r="F696" s="74"/>
      <c r="G696" s="74"/>
      <c r="H696" s="74"/>
      <c r="I696" s="75"/>
      <c r="J696" s="74"/>
      <c r="L696" s="55"/>
      <c r="M696" s="234"/>
      <c r="N696" s="65"/>
      <c r="O696" s="76"/>
      <c r="P696" s="76"/>
      <c r="Q696" s="65"/>
      <c r="R696" s="76"/>
      <c r="S696" s="76"/>
      <c r="T696" s="76"/>
      <c r="U696" s="76"/>
      <c r="V696" s="76"/>
      <c r="W696" s="76"/>
      <c r="X696" s="76"/>
      <c r="Y696" s="76"/>
      <c r="Z696" s="76"/>
      <c r="AA696" s="85"/>
      <c r="AB696" s="85"/>
      <c r="AC696" s="85"/>
      <c r="AD696" s="85"/>
      <c r="AE696" s="85"/>
      <c r="AF696" s="85"/>
      <c r="AG696" s="86"/>
      <c r="AH696" s="85"/>
      <c r="AI696" s="85"/>
      <c r="AJ696" s="85"/>
      <c r="AK696" s="85"/>
      <c r="AL696" s="85"/>
      <c r="AM696" s="92"/>
      <c r="AN696" s="92"/>
      <c r="AO696" s="92"/>
      <c r="AP696" s="92"/>
      <c r="AQ696" s="92"/>
      <c r="AR696" s="92"/>
      <c r="AS696" s="92"/>
      <c r="AT696" s="92"/>
      <c r="AU696" s="92"/>
      <c r="AV696" s="92"/>
      <c r="AW696" s="92"/>
      <c r="AX696" s="92"/>
      <c r="AY696" s="92"/>
      <c r="AZ696" s="93"/>
      <c r="BA696" s="93"/>
      <c r="BB696" s="93"/>
      <c r="BC696" s="93"/>
      <c r="BD696" s="93"/>
      <c r="BE696" s="93"/>
      <c r="BF696" s="93"/>
      <c r="BG696" s="93"/>
      <c r="BH696" s="93"/>
      <c r="BI696" s="93"/>
      <c r="BJ696" s="93"/>
      <c r="BK696" s="93"/>
      <c r="BL696" s="93"/>
    </row>
    <row r="697" spans="2:64" x14ac:dyDescent="0.2">
      <c r="B697" s="43"/>
      <c r="C697" s="73"/>
      <c r="D697" s="64"/>
      <c r="E697" s="55"/>
      <c r="F697" s="74"/>
      <c r="G697" s="74"/>
      <c r="H697" s="74"/>
      <c r="I697" s="75"/>
      <c r="J697" s="74"/>
      <c r="L697" s="55"/>
      <c r="M697" s="234"/>
      <c r="N697" s="65"/>
      <c r="O697" s="76"/>
      <c r="P697" s="76"/>
      <c r="Q697" s="65"/>
      <c r="R697" s="76"/>
      <c r="S697" s="76"/>
      <c r="T697" s="76"/>
      <c r="U697" s="76"/>
      <c r="V697" s="76"/>
      <c r="W697" s="76"/>
      <c r="X697" s="76"/>
      <c r="Y697" s="76"/>
      <c r="Z697" s="76"/>
      <c r="AA697" s="85"/>
      <c r="AB697" s="85"/>
      <c r="AC697" s="85"/>
      <c r="AD697" s="85"/>
      <c r="AE697" s="85"/>
      <c r="AF697" s="85"/>
      <c r="AG697" s="86"/>
      <c r="AH697" s="85"/>
      <c r="AI697" s="85"/>
      <c r="AJ697" s="85"/>
      <c r="AK697" s="85"/>
      <c r="AL697" s="85"/>
      <c r="AM697" s="92"/>
      <c r="AN697" s="92"/>
      <c r="AO697" s="92"/>
      <c r="AP697" s="92"/>
      <c r="AQ697" s="92"/>
      <c r="AR697" s="92"/>
      <c r="AS697" s="92"/>
      <c r="AT697" s="92"/>
      <c r="AU697" s="92"/>
      <c r="AV697" s="92"/>
      <c r="AW697" s="92"/>
      <c r="AX697" s="92"/>
      <c r="AY697" s="92"/>
      <c r="AZ697" s="93"/>
      <c r="BA697" s="93"/>
      <c r="BB697" s="93"/>
      <c r="BC697" s="93"/>
      <c r="BD697" s="93"/>
      <c r="BE697" s="93"/>
      <c r="BF697" s="93"/>
      <c r="BG697" s="93"/>
      <c r="BH697" s="93"/>
      <c r="BI697" s="93"/>
      <c r="BJ697" s="93"/>
      <c r="BK697" s="93"/>
      <c r="BL697" s="93"/>
    </row>
    <row r="698" spans="2:64" x14ac:dyDescent="0.2">
      <c r="B698" s="43"/>
      <c r="C698" s="73"/>
      <c r="D698" s="64"/>
      <c r="E698" s="55"/>
      <c r="F698" s="74"/>
      <c r="G698" s="74"/>
      <c r="H698" s="74"/>
      <c r="I698" s="75"/>
      <c r="J698" s="74"/>
      <c r="L698" s="55"/>
      <c r="M698" s="234"/>
      <c r="N698" s="65"/>
      <c r="O698" s="76"/>
      <c r="P698" s="76"/>
      <c r="Q698" s="65"/>
      <c r="R698" s="76"/>
      <c r="S698" s="76"/>
      <c r="T698" s="76"/>
      <c r="U698" s="76"/>
      <c r="V698" s="76"/>
      <c r="W698" s="76"/>
      <c r="X698" s="76"/>
      <c r="Y698" s="76"/>
      <c r="Z698" s="76"/>
      <c r="AA698" s="85"/>
      <c r="AB698" s="85"/>
      <c r="AC698" s="85"/>
      <c r="AD698" s="85"/>
      <c r="AE698" s="85"/>
      <c r="AF698" s="85"/>
      <c r="AG698" s="86"/>
      <c r="AH698" s="85"/>
      <c r="AI698" s="85"/>
      <c r="AJ698" s="85"/>
      <c r="AK698" s="85"/>
      <c r="AL698" s="85"/>
      <c r="AM698" s="92"/>
      <c r="AN698" s="92"/>
      <c r="AO698" s="92"/>
      <c r="AP698" s="92"/>
      <c r="AQ698" s="92"/>
      <c r="AR698" s="92"/>
      <c r="AS698" s="92"/>
      <c r="AT698" s="92"/>
      <c r="AU698" s="92"/>
      <c r="AV698" s="92"/>
      <c r="AW698" s="92"/>
      <c r="AX698" s="92"/>
      <c r="AY698" s="92"/>
      <c r="AZ698" s="93"/>
      <c r="BA698" s="93"/>
      <c r="BB698" s="93"/>
      <c r="BC698" s="93"/>
      <c r="BD698" s="93"/>
      <c r="BE698" s="93"/>
      <c r="BF698" s="93"/>
      <c r="BG698" s="93"/>
      <c r="BH698" s="93"/>
      <c r="BI698" s="93"/>
      <c r="BJ698" s="93"/>
      <c r="BK698" s="93"/>
      <c r="BL698" s="93"/>
    </row>
    <row r="699" spans="2:64" x14ac:dyDescent="0.2">
      <c r="B699" s="43"/>
      <c r="C699" s="73"/>
      <c r="D699" s="64"/>
      <c r="E699" s="55"/>
      <c r="F699" s="74"/>
      <c r="G699" s="74"/>
      <c r="H699" s="74"/>
      <c r="I699" s="75"/>
      <c r="J699" s="74"/>
      <c r="L699" s="55"/>
      <c r="M699" s="234"/>
      <c r="N699" s="65"/>
      <c r="O699" s="76"/>
      <c r="P699" s="76"/>
      <c r="Q699" s="65"/>
      <c r="R699" s="76"/>
      <c r="S699" s="76"/>
      <c r="T699" s="76"/>
      <c r="U699" s="76"/>
      <c r="V699" s="76"/>
      <c r="W699" s="76"/>
      <c r="X699" s="76"/>
      <c r="Y699" s="76"/>
      <c r="Z699" s="76"/>
      <c r="AA699" s="85"/>
      <c r="AB699" s="85"/>
      <c r="AC699" s="85"/>
      <c r="AD699" s="85"/>
      <c r="AE699" s="85"/>
      <c r="AF699" s="85"/>
      <c r="AG699" s="86"/>
      <c r="AH699" s="85"/>
      <c r="AI699" s="85"/>
      <c r="AJ699" s="85"/>
      <c r="AK699" s="85"/>
      <c r="AL699" s="85"/>
      <c r="AM699" s="92"/>
      <c r="AN699" s="92"/>
      <c r="AO699" s="92"/>
      <c r="AP699" s="92"/>
      <c r="AQ699" s="92"/>
      <c r="AR699" s="92"/>
      <c r="AS699" s="92"/>
      <c r="AT699" s="92"/>
      <c r="AU699" s="92"/>
      <c r="AV699" s="92"/>
      <c r="AW699" s="92"/>
      <c r="AX699" s="92"/>
      <c r="AY699" s="92"/>
      <c r="AZ699" s="93"/>
      <c r="BA699" s="93"/>
      <c r="BB699" s="93"/>
      <c r="BC699" s="93"/>
      <c r="BD699" s="93"/>
      <c r="BE699" s="93"/>
      <c r="BF699" s="93"/>
      <c r="BG699" s="93"/>
      <c r="BH699" s="93"/>
      <c r="BI699" s="93"/>
      <c r="BJ699" s="93"/>
      <c r="BK699" s="93"/>
      <c r="BL699" s="93"/>
    </row>
    <row r="700" spans="2:64" x14ac:dyDescent="0.2">
      <c r="B700" s="43"/>
      <c r="C700" s="73"/>
      <c r="D700" s="64"/>
      <c r="E700" s="55"/>
      <c r="F700" s="74"/>
      <c r="G700" s="74"/>
      <c r="H700" s="74"/>
      <c r="I700" s="75"/>
      <c r="J700" s="74"/>
      <c r="L700" s="55"/>
      <c r="M700" s="234"/>
      <c r="N700" s="65"/>
      <c r="O700" s="76"/>
      <c r="P700" s="76"/>
      <c r="Q700" s="65"/>
      <c r="R700" s="76"/>
      <c r="S700" s="76"/>
      <c r="T700" s="76"/>
      <c r="U700" s="76"/>
      <c r="V700" s="76"/>
      <c r="W700" s="76"/>
      <c r="X700" s="76"/>
      <c r="Y700" s="76"/>
      <c r="Z700" s="76"/>
      <c r="AA700" s="85"/>
      <c r="AB700" s="85"/>
      <c r="AC700" s="85"/>
      <c r="AD700" s="85"/>
      <c r="AE700" s="85"/>
      <c r="AF700" s="85"/>
      <c r="AG700" s="86"/>
      <c r="AH700" s="85"/>
      <c r="AI700" s="85"/>
      <c r="AJ700" s="85"/>
      <c r="AK700" s="85"/>
      <c r="AL700" s="85"/>
      <c r="AM700" s="92"/>
      <c r="AN700" s="92"/>
      <c r="AO700" s="92"/>
      <c r="AP700" s="92"/>
      <c r="AQ700" s="92"/>
      <c r="AR700" s="92"/>
      <c r="AS700" s="92"/>
      <c r="AT700" s="92"/>
      <c r="AU700" s="92"/>
      <c r="AV700" s="92"/>
      <c r="AW700" s="92"/>
      <c r="AX700" s="92"/>
      <c r="AY700" s="92"/>
      <c r="AZ700" s="93"/>
      <c r="BA700" s="93"/>
      <c r="BB700" s="93"/>
      <c r="BC700" s="93"/>
      <c r="BD700" s="93"/>
      <c r="BE700" s="93"/>
      <c r="BF700" s="93"/>
      <c r="BG700" s="93"/>
      <c r="BH700" s="93"/>
      <c r="BI700" s="93"/>
      <c r="BJ700" s="93"/>
      <c r="BK700" s="93"/>
      <c r="BL700" s="93"/>
    </row>
    <row r="701" spans="2:64" x14ac:dyDescent="0.2">
      <c r="B701" s="43"/>
      <c r="C701" s="73"/>
      <c r="D701" s="64"/>
      <c r="E701" s="55"/>
      <c r="F701" s="74"/>
      <c r="G701" s="74"/>
      <c r="H701" s="74"/>
      <c r="I701" s="75"/>
      <c r="J701" s="74"/>
      <c r="L701" s="55"/>
      <c r="M701" s="234"/>
      <c r="N701" s="65"/>
      <c r="O701" s="76"/>
      <c r="P701" s="76"/>
      <c r="Q701" s="65"/>
      <c r="R701" s="76"/>
      <c r="S701" s="76"/>
      <c r="T701" s="76"/>
      <c r="U701" s="76"/>
      <c r="V701" s="76"/>
      <c r="W701" s="76"/>
      <c r="X701" s="76"/>
      <c r="Y701" s="76"/>
      <c r="Z701" s="76"/>
      <c r="AA701" s="85"/>
      <c r="AB701" s="85"/>
      <c r="AC701" s="85"/>
      <c r="AD701" s="85"/>
      <c r="AE701" s="85"/>
      <c r="AF701" s="85"/>
      <c r="AG701" s="86"/>
      <c r="AH701" s="85"/>
      <c r="AI701" s="85"/>
      <c r="AJ701" s="85"/>
      <c r="AK701" s="85"/>
      <c r="AL701" s="85"/>
      <c r="AM701" s="92"/>
      <c r="AN701" s="92"/>
      <c r="AO701" s="92"/>
      <c r="AP701" s="92"/>
      <c r="AQ701" s="92"/>
      <c r="AR701" s="92"/>
      <c r="AS701" s="92"/>
      <c r="AT701" s="92"/>
      <c r="AU701" s="92"/>
      <c r="AV701" s="92"/>
      <c r="AW701" s="92"/>
      <c r="AX701" s="92"/>
      <c r="AY701" s="92"/>
      <c r="AZ701" s="93"/>
      <c r="BA701" s="93"/>
      <c r="BB701" s="93"/>
      <c r="BC701" s="93"/>
      <c r="BD701" s="93"/>
      <c r="BE701" s="93"/>
      <c r="BF701" s="93"/>
      <c r="BG701" s="93"/>
      <c r="BH701" s="93"/>
      <c r="BI701" s="93"/>
      <c r="BJ701" s="93"/>
      <c r="BK701" s="93"/>
      <c r="BL701" s="93"/>
    </row>
    <row r="702" spans="2:64" x14ac:dyDescent="0.2">
      <c r="B702" s="43"/>
      <c r="C702" s="73"/>
      <c r="D702" s="64"/>
      <c r="E702" s="55"/>
      <c r="F702" s="74"/>
      <c r="G702" s="74"/>
      <c r="H702" s="74"/>
      <c r="I702" s="75"/>
      <c r="J702" s="74"/>
      <c r="L702" s="55"/>
      <c r="M702" s="234"/>
      <c r="N702" s="65"/>
      <c r="O702" s="76"/>
      <c r="P702" s="76"/>
      <c r="Q702" s="65"/>
      <c r="R702" s="76"/>
      <c r="S702" s="76"/>
      <c r="T702" s="76"/>
      <c r="U702" s="76"/>
      <c r="V702" s="76"/>
      <c r="W702" s="76"/>
      <c r="X702" s="76"/>
      <c r="Y702" s="76"/>
      <c r="Z702" s="76"/>
      <c r="AA702" s="85"/>
      <c r="AB702" s="85"/>
      <c r="AC702" s="85"/>
      <c r="AD702" s="85"/>
      <c r="AE702" s="85"/>
      <c r="AF702" s="85"/>
      <c r="AG702" s="86"/>
      <c r="AH702" s="85"/>
      <c r="AI702" s="85"/>
      <c r="AJ702" s="85"/>
      <c r="AK702" s="85"/>
      <c r="AL702" s="85"/>
      <c r="AM702" s="92"/>
      <c r="AN702" s="92"/>
      <c r="AO702" s="92"/>
      <c r="AP702" s="92"/>
      <c r="AQ702" s="92"/>
      <c r="AR702" s="92"/>
      <c r="AS702" s="92"/>
      <c r="AT702" s="92"/>
      <c r="AU702" s="92"/>
      <c r="AV702" s="92"/>
      <c r="AW702" s="92"/>
      <c r="AX702" s="92"/>
      <c r="AY702" s="92"/>
      <c r="AZ702" s="93"/>
      <c r="BA702" s="93"/>
      <c r="BB702" s="93"/>
      <c r="BC702" s="93"/>
      <c r="BD702" s="93"/>
      <c r="BE702" s="93"/>
      <c r="BF702" s="93"/>
      <c r="BG702" s="93"/>
      <c r="BH702" s="93"/>
      <c r="BI702" s="93"/>
      <c r="BJ702" s="93"/>
      <c r="BK702" s="93"/>
      <c r="BL702" s="93"/>
    </row>
    <row r="703" spans="2:64" x14ac:dyDescent="0.2">
      <c r="B703" s="43"/>
      <c r="C703" s="73"/>
      <c r="D703" s="64"/>
      <c r="E703" s="55"/>
      <c r="F703" s="74"/>
      <c r="G703" s="74"/>
      <c r="H703" s="74"/>
      <c r="I703" s="75"/>
      <c r="J703" s="74"/>
      <c r="L703" s="55"/>
      <c r="M703" s="234"/>
      <c r="N703" s="65"/>
      <c r="O703" s="76"/>
      <c r="P703" s="76"/>
      <c r="Q703" s="65"/>
      <c r="R703" s="76"/>
      <c r="S703" s="76"/>
      <c r="T703" s="76"/>
      <c r="U703" s="76"/>
      <c r="V703" s="76"/>
      <c r="W703" s="76"/>
      <c r="X703" s="76"/>
      <c r="Y703" s="76"/>
      <c r="Z703" s="76"/>
      <c r="AA703" s="85"/>
      <c r="AB703" s="85"/>
      <c r="AC703" s="85"/>
      <c r="AD703" s="85"/>
      <c r="AE703" s="85"/>
      <c r="AF703" s="85"/>
      <c r="AG703" s="86"/>
      <c r="AH703" s="85"/>
      <c r="AI703" s="85"/>
      <c r="AJ703" s="85"/>
      <c r="AK703" s="85"/>
      <c r="AL703" s="85"/>
      <c r="AM703" s="92"/>
      <c r="AN703" s="92"/>
      <c r="AO703" s="92"/>
      <c r="AP703" s="92"/>
      <c r="AQ703" s="92"/>
      <c r="AR703" s="92"/>
      <c r="AS703" s="92"/>
      <c r="AT703" s="92"/>
      <c r="AU703" s="92"/>
      <c r="AV703" s="92"/>
      <c r="AW703" s="92"/>
      <c r="AX703" s="92"/>
      <c r="AY703" s="92"/>
      <c r="AZ703" s="93"/>
      <c r="BA703" s="93"/>
      <c r="BB703" s="93"/>
      <c r="BC703" s="93"/>
      <c r="BD703" s="93"/>
      <c r="BE703" s="93"/>
      <c r="BF703" s="93"/>
      <c r="BG703" s="93"/>
      <c r="BH703" s="93"/>
      <c r="BI703" s="93"/>
      <c r="BJ703" s="93"/>
      <c r="BK703" s="93"/>
      <c r="BL703" s="93"/>
    </row>
    <row r="704" spans="2:64" x14ac:dyDescent="0.2">
      <c r="B704" s="43"/>
      <c r="C704" s="73"/>
      <c r="D704" s="64"/>
      <c r="E704" s="55"/>
      <c r="F704" s="74"/>
      <c r="G704" s="74"/>
      <c r="H704" s="74"/>
      <c r="I704" s="75"/>
      <c r="J704" s="74"/>
      <c r="L704" s="55"/>
      <c r="M704" s="234"/>
      <c r="N704" s="65"/>
      <c r="O704" s="76"/>
      <c r="P704" s="76"/>
      <c r="Q704" s="65"/>
      <c r="R704" s="76"/>
      <c r="S704" s="76"/>
      <c r="T704" s="76"/>
      <c r="U704" s="76"/>
      <c r="V704" s="76"/>
      <c r="W704" s="76"/>
      <c r="X704" s="76"/>
      <c r="Y704" s="76"/>
      <c r="Z704" s="76"/>
      <c r="AA704" s="85"/>
      <c r="AB704" s="85"/>
      <c r="AC704" s="85"/>
      <c r="AD704" s="85"/>
      <c r="AE704" s="85"/>
      <c r="AF704" s="85"/>
      <c r="AG704" s="86"/>
      <c r="AH704" s="85"/>
      <c r="AI704" s="85"/>
      <c r="AJ704" s="85"/>
      <c r="AK704" s="85"/>
      <c r="AL704" s="85"/>
      <c r="AM704" s="92"/>
      <c r="AN704" s="92"/>
      <c r="AO704" s="92"/>
      <c r="AP704" s="92"/>
      <c r="AQ704" s="92"/>
      <c r="AR704" s="92"/>
      <c r="AS704" s="92"/>
      <c r="AT704" s="92"/>
      <c r="AU704" s="92"/>
      <c r="AV704" s="92"/>
      <c r="AW704" s="92"/>
      <c r="AX704" s="92"/>
      <c r="AY704" s="92"/>
      <c r="AZ704" s="93"/>
      <c r="BA704" s="93"/>
      <c r="BB704" s="93"/>
      <c r="BC704" s="93"/>
      <c r="BD704" s="93"/>
      <c r="BE704" s="93"/>
      <c r="BF704" s="93"/>
      <c r="BG704" s="93"/>
      <c r="BH704" s="93"/>
      <c r="BI704" s="93"/>
      <c r="BJ704" s="93"/>
      <c r="BK704" s="93"/>
      <c r="BL704" s="93"/>
    </row>
    <row r="705" spans="2:64" x14ac:dyDescent="0.2">
      <c r="B705" s="43"/>
      <c r="C705" s="73"/>
      <c r="D705" s="64"/>
      <c r="E705" s="55"/>
      <c r="F705" s="74"/>
      <c r="G705" s="74"/>
      <c r="H705" s="74"/>
      <c r="I705" s="75"/>
      <c r="J705" s="74"/>
      <c r="L705" s="55"/>
      <c r="M705" s="234"/>
      <c r="N705" s="65"/>
      <c r="O705" s="76"/>
      <c r="P705" s="76"/>
      <c r="Q705" s="65"/>
      <c r="R705" s="76"/>
      <c r="S705" s="76"/>
      <c r="T705" s="76"/>
      <c r="U705" s="76"/>
      <c r="V705" s="76"/>
      <c r="W705" s="76"/>
      <c r="X705" s="76"/>
      <c r="Y705" s="76"/>
      <c r="Z705" s="76"/>
      <c r="AA705" s="85"/>
      <c r="AB705" s="85"/>
      <c r="AC705" s="85"/>
      <c r="AD705" s="85"/>
      <c r="AE705" s="85"/>
      <c r="AF705" s="85"/>
      <c r="AG705" s="86"/>
      <c r="AH705" s="85"/>
      <c r="AI705" s="85"/>
      <c r="AJ705" s="85"/>
      <c r="AK705" s="85"/>
      <c r="AL705" s="85"/>
      <c r="AM705" s="92"/>
      <c r="AN705" s="92"/>
      <c r="AO705" s="92"/>
      <c r="AP705" s="92"/>
      <c r="AQ705" s="92"/>
      <c r="AR705" s="92"/>
      <c r="AS705" s="92"/>
      <c r="AT705" s="92"/>
      <c r="AU705" s="92"/>
      <c r="AV705" s="92"/>
      <c r="AW705" s="92"/>
      <c r="AX705" s="92"/>
      <c r="AY705" s="92"/>
      <c r="AZ705" s="93"/>
      <c r="BA705" s="93"/>
      <c r="BB705" s="93"/>
      <c r="BC705" s="93"/>
      <c r="BD705" s="93"/>
      <c r="BE705" s="93"/>
      <c r="BF705" s="93"/>
      <c r="BG705" s="93"/>
      <c r="BH705" s="93"/>
      <c r="BI705" s="93"/>
      <c r="BJ705" s="93"/>
      <c r="BK705" s="93"/>
      <c r="BL705" s="93"/>
    </row>
    <row r="706" spans="2:64" x14ac:dyDescent="0.2">
      <c r="B706" s="43"/>
      <c r="C706" s="73"/>
      <c r="D706" s="64"/>
      <c r="E706" s="55"/>
      <c r="F706" s="74"/>
      <c r="G706" s="74"/>
      <c r="H706" s="74"/>
      <c r="I706" s="75"/>
      <c r="J706" s="74"/>
      <c r="L706" s="55"/>
      <c r="M706" s="234"/>
      <c r="N706" s="65"/>
      <c r="O706" s="76"/>
      <c r="P706" s="76"/>
      <c r="Q706" s="65"/>
      <c r="R706" s="76"/>
      <c r="S706" s="76"/>
      <c r="T706" s="76"/>
      <c r="U706" s="76"/>
      <c r="V706" s="76"/>
      <c r="W706" s="76"/>
      <c r="X706" s="76"/>
      <c r="Y706" s="76"/>
      <c r="Z706" s="76"/>
      <c r="AA706" s="85"/>
      <c r="AB706" s="85"/>
      <c r="AC706" s="85"/>
      <c r="AD706" s="85"/>
      <c r="AE706" s="85"/>
      <c r="AF706" s="85"/>
      <c r="AG706" s="86"/>
      <c r="AH706" s="85"/>
      <c r="AI706" s="85"/>
      <c r="AJ706" s="85"/>
      <c r="AK706" s="85"/>
      <c r="AL706" s="85"/>
      <c r="AM706" s="92"/>
      <c r="AN706" s="92"/>
      <c r="AO706" s="92"/>
      <c r="AP706" s="92"/>
      <c r="AQ706" s="92"/>
      <c r="AR706" s="92"/>
      <c r="AS706" s="92"/>
      <c r="AT706" s="92"/>
      <c r="AU706" s="92"/>
      <c r="AV706" s="92"/>
      <c r="AW706" s="92"/>
      <c r="AX706" s="92"/>
      <c r="AY706" s="92"/>
      <c r="AZ706" s="93"/>
      <c r="BA706" s="93"/>
      <c r="BB706" s="93"/>
      <c r="BC706" s="93"/>
      <c r="BD706" s="93"/>
      <c r="BE706" s="93"/>
      <c r="BF706" s="93"/>
      <c r="BG706" s="93"/>
      <c r="BH706" s="93"/>
      <c r="BI706" s="93"/>
      <c r="BJ706" s="93"/>
      <c r="BK706" s="93"/>
      <c r="BL706" s="93"/>
    </row>
    <row r="707" spans="2:64" x14ac:dyDescent="0.2">
      <c r="B707" s="43"/>
      <c r="C707" s="73"/>
      <c r="D707" s="64"/>
      <c r="E707" s="55"/>
      <c r="F707" s="74"/>
      <c r="G707" s="74"/>
      <c r="H707" s="74"/>
      <c r="I707" s="75"/>
      <c r="J707" s="74"/>
      <c r="L707" s="55"/>
      <c r="M707" s="234"/>
      <c r="N707" s="65"/>
      <c r="O707" s="76"/>
      <c r="P707" s="76"/>
      <c r="Q707" s="65"/>
      <c r="R707" s="76"/>
      <c r="S707" s="76"/>
      <c r="T707" s="76"/>
      <c r="U707" s="76"/>
      <c r="V707" s="76"/>
      <c r="W707" s="76"/>
      <c r="X707" s="76"/>
      <c r="Y707" s="76"/>
      <c r="Z707" s="76"/>
      <c r="AA707" s="85"/>
      <c r="AB707" s="85"/>
      <c r="AC707" s="85"/>
      <c r="AD707" s="85"/>
      <c r="AE707" s="85"/>
      <c r="AF707" s="85"/>
      <c r="AG707" s="86"/>
      <c r="AH707" s="85"/>
      <c r="AI707" s="85"/>
      <c r="AJ707" s="85"/>
      <c r="AK707" s="85"/>
      <c r="AL707" s="85"/>
      <c r="AM707" s="92"/>
      <c r="AN707" s="92"/>
      <c r="AO707" s="92"/>
      <c r="AP707" s="92"/>
      <c r="AQ707" s="92"/>
      <c r="AR707" s="92"/>
      <c r="AS707" s="92"/>
      <c r="AT707" s="92"/>
      <c r="AU707" s="92"/>
      <c r="AV707" s="92"/>
      <c r="AW707" s="92"/>
      <c r="AX707" s="92"/>
      <c r="AY707" s="92"/>
      <c r="AZ707" s="93"/>
      <c r="BA707" s="93"/>
      <c r="BB707" s="93"/>
      <c r="BC707" s="93"/>
      <c r="BD707" s="93"/>
      <c r="BE707" s="93"/>
      <c r="BF707" s="93"/>
      <c r="BG707" s="93"/>
      <c r="BH707" s="93"/>
      <c r="BI707" s="93"/>
      <c r="BJ707" s="93"/>
      <c r="BK707" s="93"/>
      <c r="BL707" s="93"/>
    </row>
    <row r="708" spans="2:64" x14ac:dyDescent="0.2">
      <c r="B708" s="43"/>
      <c r="C708" s="73"/>
      <c r="D708" s="64"/>
      <c r="E708" s="55"/>
      <c r="F708" s="74"/>
      <c r="G708" s="74"/>
      <c r="H708" s="74"/>
      <c r="I708" s="75"/>
      <c r="J708" s="74"/>
      <c r="L708" s="55"/>
      <c r="M708" s="234"/>
      <c r="N708" s="65"/>
      <c r="O708" s="76"/>
      <c r="P708" s="76"/>
      <c r="Q708" s="65"/>
      <c r="R708" s="76"/>
      <c r="S708" s="76"/>
      <c r="T708" s="76"/>
      <c r="U708" s="76"/>
      <c r="V708" s="76"/>
      <c r="W708" s="76"/>
      <c r="X708" s="76"/>
      <c r="Y708" s="76"/>
      <c r="Z708" s="76"/>
      <c r="AA708" s="85"/>
      <c r="AB708" s="85"/>
      <c r="AC708" s="85"/>
      <c r="AD708" s="85"/>
      <c r="AE708" s="85"/>
      <c r="AF708" s="85"/>
      <c r="AG708" s="86"/>
      <c r="AH708" s="85"/>
      <c r="AI708" s="85"/>
      <c r="AJ708" s="85"/>
      <c r="AK708" s="85"/>
      <c r="AL708" s="85"/>
      <c r="AM708" s="92"/>
      <c r="AN708" s="92"/>
      <c r="AO708" s="92"/>
      <c r="AP708" s="92"/>
      <c r="AQ708" s="92"/>
      <c r="AR708" s="92"/>
      <c r="AS708" s="92"/>
      <c r="AT708" s="92"/>
      <c r="AU708" s="92"/>
      <c r="AV708" s="92"/>
      <c r="AW708" s="92"/>
      <c r="AX708" s="92"/>
      <c r="AY708" s="92"/>
      <c r="AZ708" s="93"/>
      <c r="BA708" s="93"/>
      <c r="BB708" s="93"/>
      <c r="BC708" s="93"/>
      <c r="BD708" s="93"/>
      <c r="BE708" s="93"/>
      <c r="BF708" s="93"/>
      <c r="BG708" s="93"/>
      <c r="BH708" s="93"/>
      <c r="BI708" s="93"/>
      <c r="BJ708" s="93"/>
      <c r="BK708" s="93"/>
      <c r="BL708" s="93"/>
    </row>
    <row r="709" spans="2:64" x14ac:dyDescent="0.2">
      <c r="B709" s="43"/>
      <c r="C709" s="73"/>
      <c r="D709" s="64"/>
      <c r="E709" s="55"/>
      <c r="F709" s="74"/>
      <c r="G709" s="74"/>
      <c r="H709" s="74"/>
      <c r="I709" s="75"/>
      <c r="J709" s="74"/>
      <c r="L709" s="55"/>
      <c r="M709" s="234"/>
      <c r="N709" s="65"/>
      <c r="O709" s="76"/>
      <c r="P709" s="76"/>
      <c r="Q709" s="65"/>
      <c r="R709" s="76"/>
      <c r="S709" s="76"/>
      <c r="T709" s="76"/>
      <c r="U709" s="76"/>
      <c r="V709" s="76"/>
      <c r="W709" s="76"/>
      <c r="X709" s="76"/>
      <c r="Y709" s="76"/>
      <c r="Z709" s="76"/>
      <c r="AA709" s="85"/>
      <c r="AB709" s="85"/>
      <c r="AC709" s="85"/>
      <c r="AD709" s="85"/>
      <c r="AE709" s="85"/>
      <c r="AF709" s="85"/>
      <c r="AG709" s="86"/>
      <c r="AH709" s="85"/>
      <c r="AI709" s="85"/>
      <c r="AJ709" s="85"/>
      <c r="AK709" s="85"/>
      <c r="AL709" s="85"/>
      <c r="AM709" s="92"/>
      <c r="AN709" s="92"/>
      <c r="AO709" s="92"/>
      <c r="AP709" s="92"/>
      <c r="AQ709" s="92"/>
      <c r="AR709" s="92"/>
      <c r="AS709" s="92"/>
      <c r="AT709" s="92"/>
      <c r="AU709" s="92"/>
      <c r="AV709" s="92"/>
      <c r="AW709" s="92"/>
      <c r="AX709" s="92"/>
      <c r="AY709" s="92"/>
      <c r="AZ709" s="93"/>
      <c r="BA709" s="93"/>
      <c r="BB709" s="93"/>
      <c r="BC709" s="93"/>
      <c r="BD709" s="93"/>
      <c r="BE709" s="93"/>
      <c r="BF709" s="93"/>
      <c r="BG709" s="93"/>
      <c r="BH709" s="93"/>
      <c r="BI709" s="93"/>
      <c r="BJ709" s="93"/>
      <c r="BK709" s="93"/>
      <c r="BL709" s="93"/>
    </row>
    <row r="710" spans="2:64" x14ac:dyDescent="0.2">
      <c r="B710" s="43"/>
      <c r="C710" s="73"/>
      <c r="D710" s="64"/>
      <c r="E710" s="55"/>
      <c r="F710" s="74"/>
      <c r="G710" s="74"/>
      <c r="H710" s="74"/>
      <c r="I710" s="75"/>
      <c r="J710" s="74"/>
      <c r="L710" s="55"/>
      <c r="M710" s="234"/>
      <c r="N710" s="65"/>
      <c r="O710" s="76"/>
      <c r="P710" s="76"/>
      <c r="Q710" s="65"/>
      <c r="R710" s="76"/>
      <c r="S710" s="76"/>
      <c r="T710" s="76"/>
      <c r="U710" s="76"/>
      <c r="V710" s="76"/>
      <c r="W710" s="76"/>
      <c r="X710" s="76"/>
      <c r="Y710" s="76"/>
      <c r="Z710" s="76"/>
      <c r="AA710" s="85"/>
      <c r="AB710" s="85"/>
      <c r="AC710" s="85"/>
      <c r="AD710" s="85"/>
      <c r="AE710" s="85"/>
      <c r="AF710" s="85"/>
      <c r="AG710" s="86"/>
      <c r="AH710" s="85"/>
      <c r="AI710" s="85"/>
      <c r="AJ710" s="85"/>
      <c r="AK710" s="85"/>
      <c r="AL710" s="85"/>
      <c r="AM710" s="92"/>
      <c r="AN710" s="92"/>
      <c r="AO710" s="92"/>
      <c r="AP710" s="92"/>
      <c r="AQ710" s="92"/>
      <c r="AR710" s="92"/>
      <c r="AS710" s="92"/>
      <c r="AT710" s="92"/>
      <c r="AU710" s="92"/>
      <c r="AV710" s="92"/>
      <c r="AW710" s="92"/>
      <c r="AX710" s="92"/>
      <c r="AY710" s="92"/>
      <c r="AZ710" s="93"/>
      <c r="BA710" s="93"/>
      <c r="BB710" s="93"/>
      <c r="BC710" s="93"/>
      <c r="BD710" s="93"/>
      <c r="BE710" s="93"/>
      <c r="BF710" s="93"/>
      <c r="BG710" s="93"/>
      <c r="BH710" s="93"/>
      <c r="BI710" s="93"/>
      <c r="BJ710" s="93"/>
      <c r="BK710" s="93"/>
      <c r="BL710" s="93"/>
    </row>
    <row r="711" spans="2:64" x14ac:dyDescent="0.2">
      <c r="B711" s="43"/>
      <c r="C711" s="73"/>
      <c r="D711" s="64"/>
      <c r="E711" s="55"/>
      <c r="F711" s="74"/>
      <c r="G711" s="74"/>
      <c r="H711" s="74"/>
      <c r="I711" s="75"/>
      <c r="J711" s="74"/>
      <c r="L711" s="55"/>
      <c r="M711" s="234"/>
      <c r="N711" s="65"/>
      <c r="O711" s="76"/>
      <c r="P711" s="76"/>
      <c r="Q711" s="65"/>
      <c r="R711" s="76"/>
      <c r="S711" s="76"/>
      <c r="T711" s="76"/>
      <c r="U711" s="76"/>
      <c r="V711" s="76"/>
      <c r="W711" s="76"/>
      <c r="X711" s="76"/>
      <c r="Y711" s="76"/>
      <c r="Z711" s="76"/>
      <c r="AA711" s="85"/>
      <c r="AB711" s="85"/>
      <c r="AC711" s="85"/>
      <c r="AD711" s="85"/>
      <c r="AE711" s="85"/>
      <c r="AF711" s="85"/>
      <c r="AG711" s="86"/>
      <c r="AH711" s="85"/>
      <c r="AI711" s="85"/>
      <c r="AJ711" s="85"/>
      <c r="AK711" s="85"/>
      <c r="AL711" s="85"/>
      <c r="AM711" s="92"/>
      <c r="AN711" s="92"/>
      <c r="AO711" s="92"/>
      <c r="AP711" s="92"/>
      <c r="AQ711" s="92"/>
      <c r="AR711" s="92"/>
      <c r="AS711" s="92"/>
      <c r="AT711" s="92"/>
      <c r="AU711" s="92"/>
      <c r="AV711" s="92"/>
      <c r="AW711" s="92"/>
      <c r="AX711" s="92"/>
      <c r="AY711" s="92"/>
      <c r="AZ711" s="93"/>
      <c r="BA711" s="93"/>
      <c r="BB711" s="93"/>
      <c r="BC711" s="93"/>
      <c r="BD711" s="93"/>
      <c r="BE711" s="93"/>
      <c r="BF711" s="93"/>
      <c r="BG711" s="93"/>
      <c r="BH711" s="93"/>
      <c r="BI711" s="93"/>
      <c r="BJ711" s="93"/>
      <c r="BK711" s="93"/>
      <c r="BL711" s="93"/>
    </row>
    <row r="712" spans="2:64" x14ac:dyDescent="0.2">
      <c r="B712" s="43"/>
      <c r="C712" s="73"/>
      <c r="D712" s="64"/>
      <c r="E712" s="55"/>
      <c r="F712" s="74"/>
      <c r="G712" s="74"/>
      <c r="H712" s="74"/>
      <c r="I712" s="75"/>
      <c r="J712" s="74"/>
      <c r="L712" s="55"/>
      <c r="M712" s="234"/>
      <c r="N712" s="65"/>
      <c r="O712" s="76"/>
      <c r="P712" s="76"/>
      <c r="Q712" s="65"/>
      <c r="R712" s="76"/>
      <c r="S712" s="76"/>
      <c r="T712" s="76"/>
      <c r="U712" s="76"/>
      <c r="V712" s="76"/>
      <c r="W712" s="76"/>
      <c r="X712" s="76"/>
      <c r="Y712" s="76"/>
      <c r="Z712" s="76"/>
      <c r="AA712" s="85"/>
      <c r="AB712" s="85"/>
      <c r="AC712" s="85"/>
      <c r="AD712" s="85"/>
      <c r="AE712" s="85"/>
      <c r="AF712" s="85"/>
      <c r="AG712" s="86"/>
      <c r="AH712" s="85"/>
      <c r="AI712" s="85"/>
      <c r="AJ712" s="85"/>
      <c r="AK712" s="85"/>
      <c r="AL712" s="85"/>
      <c r="AM712" s="92"/>
      <c r="AN712" s="92"/>
      <c r="AO712" s="92"/>
      <c r="AP712" s="92"/>
      <c r="AQ712" s="92"/>
      <c r="AR712" s="92"/>
      <c r="AS712" s="92"/>
      <c r="AT712" s="92"/>
      <c r="AU712" s="92"/>
      <c r="AV712" s="92"/>
      <c r="AW712" s="92"/>
      <c r="AX712" s="92"/>
      <c r="AY712" s="92"/>
      <c r="AZ712" s="93"/>
      <c r="BA712" s="93"/>
      <c r="BB712" s="93"/>
      <c r="BC712" s="93"/>
      <c r="BD712" s="93"/>
      <c r="BE712" s="93"/>
      <c r="BF712" s="93"/>
      <c r="BG712" s="93"/>
      <c r="BH712" s="93"/>
      <c r="BI712" s="93"/>
      <c r="BJ712" s="93"/>
      <c r="BK712" s="93"/>
      <c r="BL712" s="93"/>
    </row>
    <row r="713" spans="2:64" x14ac:dyDescent="0.2">
      <c r="B713" s="43"/>
      <c r="C713" s="73"/>
      <c r="D713" s="64"/>
      <c r="E713" s="55"/>
      <c r="F713" s="74"/>
      <c r="G713" s="74"/>
      <c r="H713" s="74"/>
      <c r="I713" s="75"/>
      <c r="J713" s="74"/>
      <c r="L713" s="55"/>
      <c r="M713" s="234"/>
      <c r="N713" s="65"/>
      <c r="O713" s="76"/>
      <c r="P713" s="76"/>
      <c r="Q713" s="65"/>
      <c r="R713" s="76"/>
      <c r="S713" s="76"/>
      <c r="T713" s="76"/>
      <c r="U713" s="76"/>
      <c r="V713" s="76"/>
      <c r="W713" s="76"/>
      <c r="X713" s="76"/>
      <c r="Y713" s="76"/>
      <c r="Z713" s="76"/>
      <c r="AA713" s="85"/>
      <c r="AB713" s="85"/>
      <c r="AC713" s="85"/>
      <c r="AD713" s="85"/>
      <c r="AE713" s="85"/>
      <c r="AF713" s="85"/>
      <c r="AG713" s="86"/>
      <c r="AH713" s="85"/>
      <c r="AI713" s="85"/>
      <c r="AJ713" s="85"/>
      <c r="AK713" s="85"/>
      <c r="AL713" s="85"/>
      <c r="AM713" s="92"/>
      <c r="AN713" s="92"/>
      <c r="AO713" s="92"/>
      <c r="AP713" s="92"/>
      <c r="AQ713" s="92"/>
      <c r="AR713" s="92"/>
      <c r="AS713" s="92"/>
      <c r="AT713" s="92"/>
      <c r="AU713" s="92"/>
      <c r="AV713" s="92"/>
      <c r="AW713" s="92"/>
      <c r="AX713" s="92"/>
      <c r="AY713" s="92"/>
      <c r="AZ713" s="93"/>
      <c r="BA713" s="93"/>
      <c r="BB713" s="93"/>
      <c r="BC713" s="93"/>
      <c r="BD713" s="93"/>
      <c r="BE713" s="93"/>
      <c r="BF713" s="93"/>
      <c r="BG713" s="93"/>
      <c r="BH713" s="93"/>
      <c r="BI713" s="93"/>
      <c r="BJ713" s="93"/>
      <c r="BK713" s="93"/>
      <c r="BL713" s="93"/>
    </row>
    <row r="714" spans="2:64" x14ac:dyDescent="0.2">
      <c r="B714" s="43"/>
      <c r="C714" s="73"/>
      <c r="D714" s="64"/>
      <c r="E714" s="55"/>
      <c r="F714" s="74"/>
      <c r="G714" s="74"/>
      <c r="H714" s="74"/>
      <c r="I714" s="75"/>
      <c r="J714" s="74"/>
      <c r="L714" s="55"/>
      <c r="M714" s="234"/>
      <c r="N714" s="65"/>
      <c r="O714" s="76"/>
      <c r="P714" s="76"/>
      <c r="Q714" s="65"/>
      <c r="R714" s="76"/>
      <c r="S714" s="76"/>
      <c r="T714" s="76"/>
      <c r="U714" s="76"/>
      <c r="V714" s="76"/>
      <c r="W714" s="76"/>
      <c r="X714" s="76"/>
      <c r="Y714" s="76"/>
      <c r="Z714" s="76"/>
      <c r="AA714" s="85"/>
      <c r="AB714" s="85"/>
      <c r="AC714" s="85"/>
      <c r="AD714" s="85"/>
      <c r="AE714" s="85"/>
      <c r="AF714" s="85"/>
      <c r="AG714" s="86"/>
      <c r="AH714" s="85"/>
      <c r="AI714" s="85"/>
      <c r="AJ714" s="85"/>
      <c r="AK714" s="85"/>
      <c r="AL714" s="85"/>
      <c r="AM714" s="92"/>
      <c r="AN714" s="92"/>
      <c r="AO714" s="92"/>
      <c r="AP714" s="92"/>
      <c r="AQ714" s="92"/>
      <c r="AR714" s="92"/>
      <c r="AS714" s="92"/>
      <c r="AT714" s="92"/>
      <c r="AU714" s="92"/>
      <c r="AV714" s="92"/>
      <c r="AW714" s="92"/>
      <c r="AX714" s="92"/>
      <c r="AY714" s="92"/>
      <c r="AZ714" s="93"/>
      <c r="BA714" s="93"/>
      <c r="BB714" s="93"/>
      <c r="BC714" s="93"/>
      <c r="BD714" s="93"/>
      <c r="BE714" s="93"/>
      <c r="BF714" s="93"/>
      <c r="BG714" s="93"/>
      <c r="BH714" s="93"/>
      <c r="BI714" s="93"/>
      <c r="BJ714" s="93"/>
      <c r="BK714" s="93"/>
      <c r="BL714" s="93"/>
    </row>
    <row r="715" spans="2:64" x14ac:dyDescent="0.2">
      <c r="B715" s="43"/>
      <c r="C715" s="73"/>
      <c r="D715" s="64"/>
      <c r="E715" s="55"/>
      <c r="F715" s="74"/>
      <c r="G715" s="74"/>
      <c r="H715" s="74"/>
      <c r="I715" s="75"/>
      <c r="J715" s="74"/>
      <c r="L715" s="55"/>
      <c r="M715" s="234"/>
      <c r="N715" s="65"/>
      <c r="O715" s="76"/>
      <c r="P715" s="76"/>
      <c r="Q715" s="65"/>
      <c r="R715" s="76"/>
      <c r="S715" s="76"/>
      <c r="T715" s="76"/>
      <c r="U715" s="76"/>
      <c r="V715" s="76"/>
      <c r="W715" s="76"/>
      <c r="X715" s="76"/>
      <c r="Y715" s="76"/>
      <c r="Z715" s="76"/>
      <c r="AA715" s="85"/>
      <c r="AB715" s="85"/>
      <c r="AC715" s="85"/>
      <c r="AD715" s="85"/>
      <c r="AE715" s="85"/>
      <c r="AF715" s="85"/>
      <c r="AG715" s="86"/>
      <c r="AH715" s="85"/>
      <c r="AI715" s="85"/>
      <c r="AJ715" s="85"/>
      <c r="AK715" s="85"/>
      <c r="AL715" s="85"/>
      <c r="AM715" s="92"/>
      <c r="AN715" s="92"/>
      <c r="AO715" s="92"/>
      <c r="AP715" s="92"/>
      <c r="AQ715" s="92"/>
      <c r="AR715" s="92"/>
      <c r="AS715" s="92"/>
      <c r="AT715" s="92"/>
      <c r="AU715" s="92"/>
      <c r="AV715" s="92"/>
      <c r="AW715" s="92"/>
      <c r="AX715" s="92"/>
      <c r="AY715" s="92"/>
      <c r="AZ715" s="93"/>
      <c r="BA715" s="93"/>
      <c r="BB715" s="93"/>
      <c r="BC715" s="93"/>
      <c r="BD715" s="93"/>
      <c r="BE715" s="93"/>
      <c r="BF715" s="93"/>
      <c r="BG715" s="93"/>
      <c r="BH715" s="93"/>
      <c r="BI715" s="93"/>
      <c r="BJ715" s="93"/>
      <c r="BK715" s="93"/>
      <c r="BL715" s="93"/>
    </row>
    <row r="716" spans="2:64" x14ac:dyDescent="0.2">
      <c r="B716" s="43"/>
      <c r="C716" s="73"/>
      <c r="D716" s="64"/>
      <c r="E716" s="55"/>
      <c r="F716" s="74"/>
      <c r="G716" s="74"/>
      <c r="H716" s="74"/>
      <c r="I716" s="75"/>
      <c r="J716" s="74"/>
      <c r="L716" s="55"/>
      <c r="M716" s="234"/>
      <c r="N716" s="65"/>
      <c r="O716" s="76"/>
      <c r="P716" s="76"/>
      <c r="Q716" s="65"/>
      <c r="R716" s="76"/>
      <c r="S716" s="76"/>
      <c r="T716" s="76"/>
      <c r="U716" s="76"/>
      <c r="V716" s="76"/>
      <c r="W716" s="76"/>
      <c r="X716" s="76"/>
      <c r="Y716" s="76"/>
      <c r="Z716" s="76"/>
      <c r="AA716" s="85"/>
      <c r="AB716" s="85"/>
      <c r="AC716" s="85"/>
      <c r="AD716" s="85"/>
      <c r="AE716" s="85"/>
      <c r="AF716" s="85"/>
      <c r="AG716" s="86"/>
      <c r="AH716" s="85"/>
      <c r="AI716" s="85"/>
      <c r="AJ716" s="85"/>
      <c r="AK716" s="85"/>
      <c r="AL716" s="85"/>
      <c r="AM716" s="92"/>
      <c r="AN716" s="92"/>
      <c r="AO716" s="92"/>
      <c r="AP716" s="92"/>
      <c r="AQ716" s="92"/>
      <c r="AR716" s="92"/>
      <c r="AS716" s="92"/>
      <c r="AT716" s="92"/>
      <c r="AU716" s="92"/>
      <c r="AV716" s="92"/>
      <c r="AW716" s="92"/>
      <c r="AX716" s="92"/>
      <c r="AY716" s="92"/>
      <c r="AZ716" s="93"/>
      <c r="BA716" s="93"/>
      <c r="BB716" s="93"/>
      <c r="BC716" s="93"/>
      <c r="BD716" s="93"/>
      <c r="BE716" s="93"/>
      <c r="BF716" s="93"/>
      <c r="BG716" s="93"/>
      <c r="BH716" s="93"/>
      <c r="BI716" s="93"/>
      <c r="BJ716" s="93"/>
      <c r="BK716" s="93"/>
      <c r="BL716" s="93"/>
    </row>
    <row r="717" spans="2:64" x14ac:dyDescent="0.2">
      <c r="B717" s="43"/>
      <c r="C717" s="73"/>
      <c r="D717" s="64"/>
      <c r="E717" s="55"/>
      <c r="F717" s="74"/>
      <c r="G717" s="74"/>
      <c r="H717" s="74"/>
      <c r="I717" s="75"/>
      <c r="J717" s="74"/>
      <c r="L717" s="55"/>
      <c r="M717" s="234"/>
      <c r="N717" s="65"/>
      <c r="O717" s="76"/>
      <c r="P717" s="76"/>
      <c r="Q717" s="65"/>
      <c r="R717" s="76"/>
      <c r="S717" s="76"/>
      <c r="T717" s="76"/>
      <c r="U717" s="76"/>
      <c r="V717" s="76"/>
      <c r="W717" s="76"/>
      <c r="X717" s="76"/>
      <c r="Y717" s="76"/>
      <c r="Z717" s="76"/>
      <c r="AA717" s="85"/>
      <c r="AB717" s="85"/>
      <c r="AC717" s="85"/>
      <c r="AD717" s="85"/>
      <c r="AE717" s="85"/>
      <c r="AF717" s="85"/>
      <c r="AG717" s="86"/>
      <c r="AH717" s="85"/>
      <c r="AI717" s="85"/>
      <c r="AJ717" s="85"/>
      <c r="AK717" s="85"/>
      <c r="AL717" s="85"/>
      <c r="AM717" s="92"/>
      <c r="AN717" s="92"/>
      <c r="AO717" s="92"/>
      <c r="AP717" s="92"/>
      <c r="AQ717" s="92"/>
      <c r="AR717" s="92"/>
      <c r="AS717" s="92"/>
      <c r="AT717" s="92"/>
      <c r="AU717" s="92"/>
      <c r="AV717" s="92"/>
      <c r="AW717" s="92"/>
      <c r="AX717" s="92"/>
      <c r="AY717" s="92"/>
      <c r="AZ717" s="93"/>
      <c r="BA717" s="93"/>
      <c r="BB717" s="93"/>
      <c r="BC717" s="93"/>
      <c r="BD717" s="93"/>
      <c r="BE717" s="93"/>
      <c r="BF717" s="93"/>
      <c r="BG717" s="93"/>
      <c r="BH717" s="93"/>
      <c r="BI717" s="93"/>
      <c r="BJ717" s="93"/>
      <c r="BK717" s="93"/>
      <c r="BL717" s="93"/>
    </row>
    <row r="718" spans="2:64" x14ac:dyDescent="0.2">
      <c r="B718" s="43"/>
      <c r="C718" s="73"/>
      <c r="D718" s="64"/>
      <c r="E718" s="55"/>
      <c r="F718" s="74"/>
      <c r="G718" s="74"/>
      <c r="H718" s="74"/>
      <c r="I718" s="75"/>
      <c r="J718" s="74"/>
      <c r="L718" s="55"/>
      <c r="M718" s="234"/>
      <c r="N718" s="65"/>
      <c r="O718" s="76"/>
      <c r="P718" s="76"/>
      <c r="Q718" s="65"/>
      <c r="R718" s="76"/>
      <c r="S718" s="76"/>
      <c r="T718" s="76"/>
      <c r="U718" s="76"/>
      <c r="V718" s="76"/>
      <c r="W718" s="76"/>
      <c r="X718" s="76"/>
      <c r="Y718" s="76"/>
      <c r="Z718" s="76"/>
      <c r="AA718" s="85"/>
      <c r="AB718" s="85"/>
      <c r="AC718" s="85"/>
      <c r="AD718" s="85"/>
      <c r="AE718" s="85"/>
      <c r="AF718" s="85"/>
      <c r="AG718" s="86"/>
      <c r="AH718" s="85"/>
      <c r="AI718" s="85"/>
      <c r="AJ718" s="85"/>
      <c r="AK718" s="85"/>
      <c r="AL718" s="85"/>
      <c r="AM718" s="92"/>
      <c r="AN718" s="92"/>
      <c r="AO718" s="92"/>
      <c r="AP718" s="92"/>
      <c r="AQ718" s="92"/>
      <c r="AR718" s="92"/>
      <c r="AS718" s="92"/>
      <c r="AT718" s="92"/>
      <c r="AU718" s="92"/>
      <c r="AV718" s="92"/>
      <c r="AW718" s="92"/>
      <c r="AX718" s="92"/>
      <c r="AY718" s="92"/>
      <c r="AZ718" s="93"/>
      <c r="BA718" s="93"/>
      <c r="BB718" s="93"/>
      <c r="BC718" s="93"/>
      <c r="BD718" s="93"/>
      <c r="BE718" s="93"/>
      <c r="BF718" s="93"/>
      <c r="BG718" s="93"/>
      <c r="BH718" s="93"/>
      <c r="BI718" s="93"/>
      <c r="BJ718" s="93"/>
      <c r="BK718" s="93"/>
      <c r="BL718" s="93"/>
    </row>
    <row r="719" spans="2:64" x14ac:dyDescent="0.2">
      <c r="B719" s="43"/>
      <c r="C719" s="73"/>
      <c r="D719" s="64"/>
      <c r="E719" s="55"/>
      <c r="F719" s="74"/>
      <c r="G719" s="74"/>
      <c r="H719" s="74"/>
      <c r="I719" s="75"/>
      <c r="J719" s="74"/>
      <c r="L719" s="55"/>
      <c r="M719" s="234"/>
      <c r="N719" s="65"/>
      <c r="O719" s="76"/>
      <c r="P719" s="76"/>
      <c r="Q719" s="65"/>
      <c r="R719" s="76"/>
      <c r="S719" s="76"/>
      <c r="T719" s="76"/>
      <c r="U719" s="76"/>
      <c r="V719" s="76"/>
      <c r="W719" s="76"/>
      <c r="X719" s="76"/>
      <c r="Y719" s="76"/>
      <c r="Z719" s="76"/>
      <c r="AA719" s="85"/>
      <c r="AB719" s="85"/>
      <c r="AC719" s="85"/>
      <c r="AD719" s="85"/>
      <c r="AE719" s="85"/>
      <c r="AF719" s="85"/>
      <c r="AG719" s="86"/>
      <c r="AH719" s="85"/>
      <c r="AI719" s="85"/>
      <c r="AJ719" s="85"/>
      <c r="AK719" s="85"/>
      <c r="AL719" s="85"/>
      <c r="AM719" s="92"/>
      <c r="AN719" s="92"/>
      <c r="AO719" s="92"/>
      <c r="AP719" s="92"/>
      <c r="AQ719" s="92"/>
      <c r="AR719" s="92"/>
      <c r="AS719" s="92"/>
      <c r="AT719" s="92"/>
      <c r="AU719" s="92"/>
      <c r="AV719" s="92"/>
      <c r="AW719" s="92"/>
      <c r="AX719" s="92"/>
      <c r="AY719" s="92"/>
      <c r="AZ719" s="93"/>
      <c r="BA719" s="93"/>
      <c r="BB719" s="93"/>
      <c r="BC719" s="93"/>
      <c r="BD719" s="93"/>
      <c r="BE719" s="93"/>
      <c r="BF719" s="93"/>
      <c r="BG719" s="93"/>
      <c r="BH719" s="93"/>
      <c r="BI719" s="93"/>
      <c r="BJ719" s="93"/>
      <c r="BK719" s="93"/>
      <c r="BL719" s="93"/>
    </row>
    <row r="720" spans="2:64" x14ac:dyDescent="0.2">
      <c r="B720" s="43"/>
      <c r="C720" s="73"/>
      <c r="D720" s="64"/>
      <c r="E720" s="55"/>
      <c r="F720" s="74"/>
      <c r="G720" s="74"/>
      <c r="H720" s="74"/>
      <c r="I720" s="75"/>
      <c r="J720" s="74"/>
      <c r="L720" s="55"/>
      <c r="M720" s="234"/>
      <c r="N720" s="65"/>
      <c r="O720" s="76"/>
      <c r="P720" s="76"/>
      <c r="Q720" s="65"/>
      <c r="R720" s="76"/>
      <c r="S720" s="76"/>
      <c r="T720" s="76"/>
      <c r="U720" s="76"/>
      <c r="V720" s="76"/>
      <c r="W720" s="76"/>
      <c r="X720" s="76"/>
      <c r="Y720" s="76"/>
      <c r="Z720" s="76"/>
      <c r="AA720" s="85"/>
      <c r="AB720" s="85"/>
      <c r="AC720" s="85"/>
      <c r="AD720" s="85"/>
      <c r="AE720" s="85"/>
      <c r="AF720" s="85"/>
      <c r="AG720" s="86"/>
      <c r="AH720" s="85"/>
      <c r="AI720" s="85"/>
      <c r="AJ720" s="85"/>
      <c r="AK720" s="85"/>
      <c r="AL720" s="85"/>
      <c r="AM720" s="92"/>
      <c r="AN720" s="92"/>
      <c r="AO720" s="92"/>
      <c r="AP720" s="92"/>
      <c r="AQ720" s="92"/>
      <c r="AR720" s="92"/>
      <c r="AS720" s="92"/>
      <c r="AT720" s="92"/>
      <c r="AU720" s="92"/>
      <c r="AV720" s="92"/>
      <c r="AW720" s="92"/>
      <c r="AX720" s="92"/>
      <c r="AY720" s="92"/>
      <c r="AZ720" s="93"/>
      <c r="BA720" s="93"/>
      <c r="BB720" s="93"/>
      <c r="BC720" s="93"/>
      <c r="BD720" s="93"/>
      <c r="BE720" s="93"/>
      <c r="BF720" s="93"/>
      <c r="BG720" s="93"/>
      <c r="BH720" s="93"/>
      <c r="BI720" s="93"/>
      <c r="BJ720" s="93"/>
      <c r="BK720" s="93"/>
      <c r="BL720" s="93"/>
    </row>
    <row r="721" spans="2:64" x14ac:dyDescent="0.2">
      <c r="B721" s="43"/>
      <c r="C721" s="73"/>
      <c r="D721" s="64"/>
      <c r="E721" s="55"/>
      <c r="F721" s="74"/>
      <c r="G721" s="74"/>
      <c r="H721" s="74"/>
      <c r="I721" s="75"/>
      <c r="J721" s="74"/>
      <c r="L721" s="55"/>
      <c r="M721" s="234"/>
      <c r="N721" s="65"/>
      <c r="O721" s="76"/>
      <c r="P721" s="76"/>
      <c r="Q721" s="65"/>
      <c r="R721" s="76"/>
      <c r="S721" s="76"/>
      <c r="T721" s="76"/>
      <c r="U721" s="76"/>
      <c r="V721" s="76"/>
      <c r="W721" s="76"/>
      <c r="X721" s="76"/>
      <c r="Y721" s="76"/>
      <c r="Z721" s="76"/>
      <c r="AA721" s="85"/>
      <c r="AB721" s="85"/>
      <c r="AC721" s="85"/>
      <c r="AD721" s="85"/>
      <c r="AE721" s="85"/>
      <c r="AF721" s="85"/>
      <c r="AG721" s="86"/>
      <c r="AH721" s="85"/>
      <c r="AI721" s="85"/>
      <c r="AJ721" s="85"/>
      <c r="AK721" s="85"/>
      <c r="AL721" s="85"/>
      <c r="AM721" s="92"/>
      <c r="AN721" s="92"/>
      <c r="AO721" s="92"/>
      <c r="AP721" s="92"/>
      <c r="AQ721" s="92"/>
      <c r="AR721" s="92"/>
      <c r="AS721" s="92"/>
      <c r="AT721" s="92"/>
      <c r="AU721" s="92"/>
      <c r="AV721" s="92"/>
      <c r="AW721" s="92"/>
      <c r="AX721" s="92"/>
      <c r="AY721" s="92"/>
      <c r="AZ721" s="93"/>
      <c r="BA721" s="93"/>
      <c r="BB721" s="93"/>
      <c r="BC721" s="93"/>
      <c r="BD721" s="93"/>
      <c r="BE721" s="93"/>
      <c r="BF721" s="93"/>
      <c r="BG721" s="93"/>
      <c r="BH721" s="93"/>
      <c r="BI721" s="93"/>
      <c r="BJ721" s="93"/>
      <c r="BK721" s="93"/>
      <c r="BL721" s="93"/>
    </row>
    <row r="722" spans="2:64" x14ac:dyDescent="0.2">
      <c r="B722" s="43"/>
      <c r="C722" s="73"/>
      <c r="D722" s="64"/>
      <c r="E722" s="55"/>
      <c r="F722" s="74"/>
      <c r="G722" s="74"/>
      <c r="H722" s="74"/>
      <c r="I722" s="75"/>
      <c r="J722" s="74"/>
      <c r="L722" s="55"/>
      <c r="M722" s="234"/>
      <c r="N722" s="65"/>
      <c r="O722" s="76"/>
      <c r="P722" s="76"/>
      <c r="Q722" s="65"/>
      <c r="R722" s="76"/>
      <c r="S722" s="76"/>
      <c r="T722" s="76"/>
      <c r="U722" s="76"/>
      <c r="V722" s="76"/>
      <c r="W722" s="76"/>
      <c r="X722" s="76"/>
      <c r="Y722" s="76"/>
      <c r="Z722" s="76"/>
      <c r="AA722" s="85"/>
      <c r="AB722" s="85"/>
      <c r="AC722" s="85"/>
      <c r="AD722" s="85"/>
      <c r="AE722" s="85"/>
      <c r="AF722" s="85"/>
      <c r="AG722" s="86"/>
      <c r="AH722" s="85"/>
      <c r="AI722" s="85"/>
      <c r="AJ722" s="85"/>
      <c r="AK722" s="85"/>
      <c r="AL722" s="85"/>
      <c r="AM722" s="92"/>
      <c r="AN722" s="92"/>
      <c r="AO722" s="92"/>
      <c r="AP722" s="92"/>
      <c r="AQ722" s="92"/>
      <c r="AR722" s="92"/>
      <c r="AS722" s="92"/>
      <c r="AT722" s="92"/>
      <c r="AU722" s="92"/>
      <c r="AV722" s="92"/>
      <c r="AW722" s="92"/>
      <c r="AX722" s="92"/>
      <c r="AY722" s="92"/>
      <c r="AZ722" s="93"/>
      <c r="BA722" s="93"/>
      <c r="BB722" s="93"/>
      <c r="BC722" s="93"/>
      <c r="BD722" s="93"/>
      <c r="BE722" s="93"/>
      <c r="BF722" s="93"/>
      <c r="BG722" s="93"/>
      <c r="BH722" s="93"/>
      <c r="BI722" s="93"/>
      <c r="BJ722" s="93"/>
      <c r="BK722" s="93"/>
      <c r="BL722" s="93"/>
    </row>
    <row r="723" spans="2:64" x14ac:dyDescent="0.2">
      <c r="B723" s="43"/>
      <c r="C723" s="73"/>
      <c r="D723" s="64"/>
      <c r="E723" s="55"/>
      <c r="F723" s="74"/>
      <c r="G723" s="74"/>
      <c r="H723" s="74"/>
      <c r="I723" s="75"/>
      <c r="J723" s="74"/>
      <c r="L723" s="55"/>
      <c r="M723" s="234"/>
      <c r="N723" s="65"/>
      <c r="O723" s="76"/>
      <c r="P723" s="76"/>
      <c r="Q723" s="65"/>
      <c r="R723" s="76"/>
      <c r="S723" s="76"/>
      <c r="T723" s="76"/>
      <c r="U723" s="76"/>
      <c r="V723" s="76"/>
      <c r="W723" s="76"/>
      <c r="X723" s="76"/>
      <c r="Y723" s="76"/>
      <c r="Z723" s="76"/>
      <c r="AA723" s="85"/>
      <c r="AB723" s="85"/>
      <c r="AC723" s="85"/>
      <c r="AD723" s="85"/>
      <c r="AE723" s="85"/>
      <c r="AF723" s="85"/>
      <c r="AG723" s="86"/>
      <c r="AH723" s="85"/>
      <c r="AI723" s="85"/>
      <c r="AJ723" s="85"/>
      <c r="AK723" s="85"/>
      <c r="AL723" s="85"/>
      <c r="AM723" s="92"/>
      <c r="AN723" s="92"/>
      <c r="AO723" s="92"/>
      <c r="AP723" s="92"/>
      <c r="AQ723" s="92"/>
      <c r="AR723" s="92"/>
      <c r="AS723" s="92"/>
      <c r="AT723" s="92"/>
      <c r="AU723" s="92"/>
      <c r="AV723" s="92"/>
      <c r="AW723" s="92"/>
      <c r="AX723" s="92"/>
      <c r="AY723" s="92"/>
      <c r="AZ723" s="93"/>
      <c r="BA723" s="93"/>
      <c r="BB723" s="93"/>
      <c r="BC723" s="93"/>
      <c r="BD723" s="93"/>
      <c r="BE723" s="93"/>
      <c r="BF723" s="93"/>
      <c r="BG723" s="93"/>
      <c r="BH723" s="93"/>
      <c r="BI723" s="93"/>
      <c r="BJ723" s="93"/>
      <c r="BK723" s="93"/>
      <c r="BL723" s="93"/>
    </row>
    <row r="724" spans="2:64" x14ac:dyDescent="0.2">
      <c r="B724" s="43"/>
      <c r="C724" s="73"/>
      <c r="D724" s="64"/>
      <c r="E724" s="55"/>
      <c r="F724" s="74"/>
      <c r="G724" s="74"/>
      <c r="H724" s="74"/>
      <c r="I724" s="75"/>
      <c r="J724" s="74"/>
      <c r="L724" s="55"/>
      <c r="M724" s="234"/>
      <c r="N724" s="65"/>
      <c r="O724" s="76"/>
      <c r="P724" s="76"/>
      <c r="Q724" s="65"/>
      <c r="R724" s="76"/>
      <c r="S724" s="76"/>
      <c r="T724" s="76"/>
      <c r="U724" s="76"/>
      <c r="V724" s="76"/>
      <c r="W724" s="76"/>
      <c r="X724" s="76"/>
      <c r="Y724" s="76"/>
      <c r="Z724" s="76"/>
      <c r="AA724" s="85"/>
      <c r="AB724" s="85"/>
      <c r="AC724" s="85"/>
      <c r="AD724" s="85"/>
      <c r="AE724" s="85"/>
      <c r="AF724" s="85"/>
      <c r="AG724" s="86"/>
      <c r="AH724" s="85"/>
      <c r="AI724" s="85"/>
      <c r="AJ724" s="85"/>
      <c r="AK724" s="85"/>
      <c r="AL724" s="85"/>
      <c r="AM724" s="92"/>
      <c r="AN724" s="92"/>
      <c r="AO724" s="92"/>
      <c r="AP724" s="92"/>
      <c r="AQ724" s="92"/>
      <c r="AR724" s="92"/>
      <c r="AS724" s="92"/>
      <c r="AT724" s="92"/>
      <c r="AU724" s="92"/>
      <c r="AV724" s="92"/>
      <c r="AW724" s="92"/>
      <c r="AX724" s="92"/>
      <c r="AY724" s="92"/>
      <c r="AZ724" s="93"/>
      <c r="BA724" s="93"/>
      <c r="BB724" s="93"/>
      <c r="BC724" s="93"/>
      <c r="BD724" s="93"/>
      <c r="BE724" s="93"/>
      <c r="BF724" s="93"/>
      <c r="BG724" s="93"/>
      <c r="BH724" s="93"/>
      <c r="BI724" s="93"/>
      <c r="BJ724" s="93"/>
      <c r="BK724" s="93"/>
      <c r="BL724" s="93"/>
    </row>
    <row r="725" spans="2:64" x14ac:dyDescent="0.2">
      <c r="B725" s="43"/>
      <c r="C725" s="73"/>
      <c r="D725" s="64"/>
      <c r="E725" s="55"/>
      <c r="F725" s="74"/>
      <c r="G725" s="74"/>
      <c r="H725" s="74"/>
      <c r="I725" s="75"/>
      <c r="J725" s="74"/>
      <c r="L725" s="55"/>
      <c r="M725" s="234"/>
      <c r="N725" s="65"/>
      <c r="O725" s="76"/>
      <c r="P725" s="76"/>
      <c r="Q725" s="65"/>
      <c r="R725" s="76"/>
      <c r="S725" s="76"/>
      <c r="T725" s="76"/>
      <c r="U725" s="76"/>
      <c r="V725" s="76"/>
      <c r="W725" s="76"/>
      <c r="X725" s="76"/>
      <c r="Y725" s="76"/>
      <c r="Z725" s="76"/>
      <c r="AA725" s="85"/>
      <c r="AB725" s="85"/>
      <c r="AC725" s="85"/>
      <c r="AD725" s="85"/>
      <c r="AE725" s="85"/>
      <c r="AF725" s="85"/>
      <c r="AG725" s="86"/>
      <c r="AH725" s="85"/>
      <c r="AI725" s="85"/>
      <c r="AJ725" s="85"/>
      <c r="AK725" s="85"/>
      <c r="AL725" s="85"/>
      <c r="AM725" s="92"/>
      <c r="AN725" s="92"/>
      <c r="AO725" s="92"/>
      <c r="AP725" s="92"/>
      <c r="AQ725" s="92"/>
      <c r="AR725" s="92"/>
      <c r="AS725" s="92"/>
      <c r="AT725" s="92"/>
      <c r="AU725" s="92"/>
      <c r="AV725" s="92"/>
      <c r="AW725" s="92"/>
      <c r="AX725" s="92"/>
      <c r="AY725" s="92"/>
      <c r="AZ725" s="93"/>
      <c r="BA725" s="93"/>
      <c r="BB725" s="93"/>
      <c r="BC725" s="93"/>
      <c r="BD725" s="93"/>
      <c r="BE725" s="93"/>
      <c r="BF725" s="93"/>
      <c r="BG725" s="93"/>
      <c r="BH725" s="93"/>
      <c r="BI725" s="93"/>
      <c r="BJ725" s="93"/>
      <c r="BK725" s="93"/>
      <c r="BL725" s="93"/>
    </row>
    <row r="726" spans="2:64" x14ac:dyDescent="0.2">
      <c r="B726" s="43"/>
      <c r="C726" s="73"/>
      <c r="D726" s="64"/>
      <c r="E726" s="55"/>
      <c r="F726" s="74"/>
      <c r="G726" s="74"/>
      <c r="H726" s="74"/>
      <c r="I726" s="75"/>
      <c r="J726" s="74"/>
      <c r="L726" s="55"/>
      <c r="M726" s="234"/>
      <c r="N726" s="65"/>
      <c r="O726" s="76"/>
      <c r="P726" s="76"/>
      <c r="Q726" s="65"/>
      <c r="R726" s="76"/>
      <c r="S726" s="76"/>
      <c r="T726" s="76"/>
      <c r="U726" s="76"/>
      <c r="V726" s="76"/>
      <c r="W726" s="76"/>
      <c r="X726" s="76"/>
      <c r="Y726" s="76"/>
      <c r="Z726" s="76"/>
      <c r="AA726" s="85"/>
      <c r="AB726" s="85"/>
      <c r="AC726" s="85"/>
      <c r="AD726" s="85"/>
      <c r="AE726" s="85"/>
      <c r="AF726" s="85"/>
      <c r="AG726" s="86"/>
      <c r="AH726" s="85"/>
      <c r="AI726" s="85"/>
      <c r="AJ726" s="85"/>
      <c r="AK726" s="85"/>
      <c r="AL726" s="85"/>
      <c r="AM726" s="92"/>
      <c r="AN726" s="92"/>
      <c r="AO726" s="92"/>
      <c r="AP726" s="92"/>
      <c r="AQ726" s="92"/>
      <c r="AR726" s="92"/>
      <c r="AS726" s="92"/>
      <c r="AT726" s="92"/>
      <c r="AU726" s="92"/>
      <c r="AV726" s="92"/>
      <c r="AW726" s="92"/>
      <c r="AX726" s="92"/>
      <c r="AY726" s="92"/>
      <c r="AZ726" s="93"/>
      <c r="BA726" s="93"/>
      <c r="BB726" s="93"/>
      <c r="BC726" s="93"/>
      <c r="BD726" s="93"/>
      <c r="BE726" s="93"/>
      <c r="BF726" s="93"/>
      <c r="BG726" s="93"/>
      <c r="BH726" s="93"/>
      <c r="BI726" s="93"/>
      <c r="BJ726" s="93"/>
      <c r="BK726" s="93"/>
      <c r="BL726" s="93"/>
    </row>
    <row r="727" spans="2:64" x14ac:dyDescent="0.2">
      <c r="B727" s="43"/>
      <c r="C727" s="73"/>
      <c r="D727" s="64"/>
      <c r="E727" s="55"/>
      <c r="F727" s="74"/>
      <c r="G727" s="74"/>
      <c r="H727" s="74"/>
      <c r="I727" s="75"/>
      <c r="J727" s="74"/>
      <c r="L727" s="55"/>
      <c r="M727" s="234"/>
      <c r="N727" s="65"/>
      <c r="O727" s="76"/>
      <c r="P727" s="76"/>
      <c r="Q727" s="65"/>
      <c r="R727" s="76"/>
      <c r="S727" s="76"/>
      <c r="T727" s="76"/>
      <c r="U727" s="76"/>
      <c r="V727" s="76"/>
      <c r="W727" s="76"/>
      <c r="X727" s="76"/>
      <c r="Y727" s="76"/>
      <c r="Z727" s="76"/>
      <c r="AA727" s="85"/>
      <c r="AB727" s="85"/>
      <c r="AC727" s="85"/>
      <c r="AD727" s="85"/>
      <c r="AE727" s="85"/>
      <c r="AF727" s="85"/>
      <c r="AG727" s="86"/>
      <c r="AH727" s="85"/>
      <c r="AI727" s="85"/>
      <c r="AJ727" s="85"/>
      <c r="AK727" s="85"/>
      <c r="AL727" s="85"/>
      <c r="AM727" s="92"/>
      <c r="AN727" s="92"/>
      <c r="AO727" s="92"/>
      <c r="AP727" s="92"/>
      <c r="AQ727" s="92"/>
      <c r="AR727" s="92"/>
      <c r="AS727" s="92"/>
      <c r="AT727" s="92"/>
      <c r="AU727" s="92"/>
      <c r="AV727" s="92"/>
      <c r="AW727" s="92"/>
      <c r="AX727" s="92"/>
      <c r="AY727" s="92"/>
      <c r="AZ727" s="93"/>
      <c r="BA727" s="93"/>
      <c r="BB727" s="93"/>
      <c r="BC727" s="93"/>
      <c r="BD727" s="93"/>
      <c r="BE727" s="93"/>
      <c r="BF727" s="93"/>
      <c r="BG727" s="93"/>
      <c r="BH727" s="93"/>
      <c r="BI727" s="93"/>
      <c r="BJ727" s="93"/>
      <c r="BK727" s="93"/>
      <c r="BL727" s="93"/>
    </row>
    <row r="728" spans="2:64" x14ac:dyDescent="0.2">
      <c r="B728" s="43"/>
      <c r="C728" s="73"/>
      <c r="D728" s="64"/>
      <c r="E728" s="55"/>
      <c r="F728" s="74"/>
      <c r="G728" s="74"/>
      <c r="H728" s="74"/>
      <c r="I728" s="75"/>
      <c r="J728" s="74"/>
      <c r="L728" s="55"/>
      <c r="M728" s="234"/>
      <c r="N728" s="65"/>
      <c r="O728" s="76"/>
      <c r="P728" s="76"/>
      <c r="Q728" s="65"/>
      <c r="R728" s="76"/>
      <c r="S728" s="76"/>
      <c r="T728" s="76"/>
      <c r="U728" s="76"/>
      <c r="V728" s="76"/>
      <c r="W728" s="76"/>
      <c r="X728" s="76"/>
      <c r="Y728" s="76"/>
      <c r="Z728" s="76"/>
      <c r="AA728" s="85"/>
      <c r="AB728" s="85"/>
      <c r="AC728" s="85"/>
      <c r="AD728" s="85"/>
      <c r="AE728" s="85"/>
      <c r="AF728" s="85"/>
      <c r="AG728" s="86"/>
      <c r="AH728" s="85"/>
      <c r="AI728" s="85"/>
      <c r="AJ728" s="85"/>
      <c r="AK728" s="85"/>
      <c r="AL728" s="85"/>
      <c r="AM728" s="92"/>
      <c r="AN728" s="92"/>
      <c r="AO728" s="92"/>
      <c r="AP728" s="92"/>
      <c r="AQ728" s="92"/>
      <c r="AR728" s="92"/>
      <c r="AS728" s="92"/>
      <c r="AT728" s="92"/>
      <c r="AU728" s="92"/>
      <c r="AV728" s="92"/>
      <c r="AW728" s="92"/>
      <c r="AX728" s="92"/>
      <c r="AY728" s="92"/>
      <c r="AZ728" s="93"/>
      <c r="BA728" s="93"/>
      <c r="BB728" s="93"/>
      <c r="BC728" s="93"/>
      <c r="BD728" s="93"/>
      <c r="BE728" s="93"/>
      <c r="BF728" s="93"/>
      <c r="BG728" s="93"/>
      <c r="BH728" s="93"/>
      <c r="BI728" s="93"/>
      <c r="BJ728" s="93"/>
      <c r="BK728" s="93"/>
      <c r="BL728" s="93"/>
    </row>
    <row r="729" spans="2:64" x14ac:dyDescent="0.2">
      <c r="B729" s="43"/>
      <c r="C729" s="73"/>
      <c r="D729" s="64"/>
      <c r="E729" s="55"/>
      <c r="F729" s="74"/>
      <c r="G729" s="74"/>
      <c r="H729" s="74"/>
      <c r="I729" s="75"/>
      <c r="J729" s="74"/>
      <c r="L729" s="55"/>
      <c r="M729" s="234"/>
      <c r="N729" s="65"/>
      <c r="O729" s="76"/>
      <c r="P729" s="76"/>
      <c r="Q729" s="65"/>
      <c r="R729" s="76"/>
      <c r="S729" s="76"/>
      <c r="T729" s="76"/>
      <c r="U729" s="76"/>
      <c r="V729" s="76"/>
      <c r="W729" s="76"/>
      <c r="X729" s="76"/>
      <c r="Y729" s="76"/>
      <c r="Z729" s="76"/>
      <c r="AA729" s="85"/>
      <c r="AB729" s="85"/>
      <c r="AC729" s="85"/>
      <c r="AD729" s="85"/>
      <c r="AE729" s="85"/>
      <c r="AF729" s="85"/>
      <c r="AG729" s="86"/>
      <c r="AH729" s="85"/>
      <c r="AI729" s="85"/>
      <c r="AJ729" s="85"/>
      <c r="AK729" s="85"/>
      <c r="AL729" s="85"/>
      <c r="AM729" s="92"/>
      <c r="AN729" s="92"/>
      <c r="AO729" s="92"/>
      <c r="AP729" s="92"/>
      <c r="AQ729" s="92"/>
      <c r="AR729" s="92"/>
      <c r="AS729" s="92"/>
      <c r="AT729" s="92"/>
      <c r="AU729" s="92"/>
      <c r="AV729" s="92"/>
      <c r="AW729" s="92"/>
      <c r="AX729" s="92"/>
      <c r="AY729" s="92"/>
      <c r="AZ729" s="93"/>
      <c r="BA729" s="93"/>
      <c r="BB729" s="93"/>
      <c r="BC729" s="93"/>
      <c r="BD729" s="93"/>
      <c r="BE729" s="93"/>
      <c r="BF729" s="93"/>
      <c r="BG729" s="93"/>
      <c r="BH729" s="93"/>
      <c r="BI729" s="93"/>
      <c r="BJ729" s="93"/>
      <c r="BK729" s="93"/>
      <c r="BL729" s="93"/>
    </row>
    <row r="730" spans="2:64" x14ac:dyDescent="0.2">
      <c r="B730" s="43"/>
      <c r="C730" s="73"/>
      <c r="D730" s="64"/>
      <c r="E730" s="55"/>
      <c r="F730" s="74"/>
      <c r="G730" s="74"/>
      <c r="H730" s="74"/>
      <c r="I730" s="75"/>
      <c r="J730" s="74"/>
      <c r="L730" s="55"/>
      <c r="M730" s="234"/>
      <c r="N730" s="65"/>
      <c r="O730" s="76"/>
      <c r="P730" s="76"/>
      <c r="Q730" s="65"/>
      <c r="R730" s="76"/>
      <c r="S730" s="76"/>
      <c r="T730" s="76"/>
      <c r="U730" s="76"/>
      <c r="V730" s="76"/>
      <c r="W730" s="76"/>
      <c r="X730" s="76"/>
      <c r="Y730" s="76"/>
      <c r="Z730" s="76"/>
      <c r="AA730" s="85"/>
      <c r="AB730" s="85"/>
      <c r="AC730" s="85"/>
      <c r="AD730" s="85"/>
      <c r="AE730" s="85"/>
      <c r="AF730" s="85"/>
      <c r="AG730" s="86"/>
      <c r="AH730" s="85"/>
      <c r="AI730" s="85"/>
      <c r="AJ730" s="85"/>
      <c r="AK730" s="85"/>
      <c r="AL730" s="85"/>
      <c r="AM730" s="92"/>
      <c r="AN730" s="92"/>
      <c r="AO730" s="92"/>
      <c r="AP730" s="92"/>
      <c r="AQ730" s="92"/>
      <c r="AR730" s="92"/>
      <c r="AS730" s="92"/>
      <c r="AT730" s="92"/>
      <c r="AU730" s="92"/>
      <c r="AV730" s="92"/>
      <c r="AW730" s="92"/>
      <c r="AX730" s="92"/>
      <c r="AY730" s="92"/>
      <c r="AZ730" s="93"/>
      <c r="BA730" s="93"/>
      <c r="BB730" s="93"/>
      <c r="BC730" s="93"/>
      <c r="BD730" s="93"/>
      <c r="BE730" s="93"/>
      <c r="BF730" s="93"/>
      <c r="BG730" s="93"/>
      <c r="BH730" s="93"/>
      <c r="BI730" s="93"/>
      <c r="BJ730" s="93"/>
      <c r="BK730" s="93"/>
      <c r="BL730" s="93"/>
    </row>
    <row r="731" spans="2:64" x14ac:dyDescent="0.2">
      <c r="B731" s="43"/>
      <c r="C731" s="73"/>
      <c r="D731" s="64"/>
      <c r="E731" s="55"/>
      <c r="F731" s="74"/>
      <c r="G731" s="74"/>
      <c r="H731" s="74"/>
      <c r="I731" s="75"/>
      <c r="J731" s="74"/>
      <c r="L731" s="55"/>
      <c r="M731" s="234"/>
      <c r="N731" s="65"/>
      <c r="O731" s="76"/>
      <c r="P731" s="76"/>
      <c r="Q731" s="65"/>
      <c r="R731" s="76"/>
      <c r="S731" s="76"/>
      <c r="T731" s="76"/>
      <c r="U731" s="76"/>
      <c r="V731" s="76"/>
      <c r="W731" s="76"/>
      <c r="X731" s="76"/>
      <c r="Y731" s="76"/>
      <c r="Z731" s="76"/>
      <c r="AA731" s="85"/>
      <c r="AB731" s="85"/>
      <c r="AC731" s="85"/>
      <c r="AD731" s="85"/>
      <c r="AE731" s="85"/>
      <c r="AF731" s="85"/>
      <c r="AG731" s="86"/>
      <c r="AH731" s="85"/>
      <c r="AI731" s="85"/>
      <c r="AJ731" s="85"/>
      <c r="AK731" s="85"/>
      <c r="AL731" s="85"/>
      <c r="AM731" s="92"/>
      <c r="AN731" s="92"/>
      <c r="AO731" s="92"/>
      <c r="AP731" s="92"/>
      <c r="AQ731" s="92"/>
      <c r="AR731" s="92"/>
      <c r="AS731" s="92"/>
      <c r="AT731" s="92"/>
      <c r="AU731" s="92"/>
      <c r="AV731" s="92"/>
      <c r="AW731" s="92"/>
      <c r="AX731" s="92"/>
      <c r="AY731" s="92"/>
      <c r="AZ731" s="93"/>
      <c r="BA731" s="93"/>
      <c r="BB731" s="93"/>
      <c r="BC731" s="93"/>
      <c r="BD731" s="93"/>
      <c r="BE731" s="93"/>
      <c r="BF731" s="93"/>
      <c r="BG731" s="93"/>
      <c r="BH731" s="93"/>
      <c r="BI731" s="93"/>
      <c r="BJ731" s="93"/>
      <c r="BK731" s="93"/>
      <c r="BL731" s="93"/>
    </row>
    <row r="732" spans="2:64" x14ac:dyDescent="0.2">
      <c r="B732" s="43"/>
      <c r="C732" s="73"/>
      <c r="D732" s="64"/>
      <c r="E732" s="55"/>
      <c r="F732" s="74"/>
      <c r="G732" s="74"/>
      <c r="H732" s="74"/>
      <c r="I732" s="75"/>
      <c r="J732" s="74"/>
      <c r="L732" s="55"/>
      <c r="M732" s="234"/>
      <c r="N732" s="65"/>
      <c r="O732" s="76"/>
      <c r="P732" s="76"/>
      <c r="Q732" s="65"/>
      <c r="R732" s="76"/>
      <c r="S732" s="76"/>
      <c r="T732" s="76"/>
      <c r="U732" s="76"/>
      <c r="V732" s="76"/>
      <c r="W732" s="76"/>
      <c r="X732" s="76"/>
      <c r="Y732" s="76"/>
      <c r="Z732" s="76"/>
      <c r="AA732" s="85"/>
      <c r="AB732" s="85"/>
      <c r="AC732" s="85"/>
      <c r="AD732" s="85"/>
      <c r="AE732" s="85"/>
      <c r="AF732" s="85"/>
      <c r="AG732" s="86"/>
      <c r="AH732" s="85"/>
      <c r="AI732" s="85"/>
      <c r="AJ732" s="85"/>
      <c r="AK732" s="85"/>
      <c r="AL732" s="85"/>
      <c r="AM732" s="92"/>
      <c r="AN732" s="92"/>
      <c r="AO732" s="92"/>
      <c r="AP732" s="92"/>
      <c r="AQ732" s="92"/>
      <c r="AR732" s="92"/>
      <c r="AS732" s="92"/>
      <c r="AT732" s="92"/>
      <c r="AU732" s="92"/>
      <c r="AV732" s="92"/>
      <c r="AW732" s="92"/>
      <c r="AX732" s="92"/>
      <c r="AY732" s="92"/>
      <c r="AZ732" s="93"/>
      <c r="BA732" s="93"/>
      <c r="BB732" s="93"/>
      <c r="BC732" s="93"/>
      <c r="BD732" s="93"/>
      <c r="BE732" s="93"/>
      <c r="BF732" s="93"/>
      <c r="BG732" s="93"/>
      <c r="BH732" s="93"/>
      <c r="BI732" s="93"/>
      <c r="BJ732" s="93"/>
      <c r="BK732" s="93"/>
      <c r="BL732" s="93"/>
    </row>
    <row r="733" spans="2:64" x14ac:dyDescent="0.2">
      <c r="B733" s="43"/>
      <c r="C733" s="73"/>
      <c r="D733" s="64"/>
      <c r="E733" s="55"/>
      <c r="F733" s="74"/>
      <c r="G733" s="74"/>
      <c r="H733" s="74"/>
      <c r="I733" s="75"/>
      <c r="J733" s="74"/>
      <c r="L733" s="55"/>
      <c r="M733" s="234"/>
      <c r="N733" s="65"/>
      <c r="O733" s="76"/>
      <c r="P733" s="76"/>
      <c r="Q733" s="65"/>
      <c r="R733" s="76"/>
      <c r="S733" s="76"/>
      <c r="T733" s="76"/>
      <c r="U733" s="76"/>
      <c r="V733" s="76"/>
      <c r="W733" s="76"/>
      <c r="X733" s="76"/>
      <c r="Y733" s="76"/>
      <c r="Z733" s="76"/>
      <c r="AA733" s="85"/>
      <c r="AB733" s="85"/>
      <c r="AC733" s="85"/>
      <c r="AD733" s="85"/>
      <c r="AE733" s="85"/>
      <c r="AF733" s="85"/>
      <c r="AG733" s="86"/>
      <c r="AH733" s="85"/>
      <c r="AI733" s="85"/>
      <c r="AJ733" s="85"/>
      <c r="AK733" s="85"/>
      <c r="AL733" s="85"/>
      <c r="AM733" s="92"/>
      <c r="AN733" s="92"/>
      <c r="AO733" s="92"/>
      <c r="AP733" s="92"/>
      <c r="AQ733" s="92"/>
      <c r="AR733" s="92"/>
      <c r="AS733" s="92"/>
      <c r="AT733" s="92"/>
      <c r="AU733" s="92"/>
      <c r="AV733" s="92"/>
      <c r="AW733" s="92"/>
      <c r="AX733" s="92"/>
      <c r="AY733" s="92"/>
      <c r="AZ733" s="93"/>
      <c r="BA733" s="93"/>
      <c r="BB733" s="93"/>
      <c r="BC733" s="93"/>
      <c r="BD733" s="93"/>
      <c r="BE733" s="93"/>
      <c r="BF733" s="93"/>
      <c r="BG733" s="93"/>
      <c r="BH733" s="93"/>
      <c r="BI733" s="93"/>
      <c r="BJ733" s="93"/>
      <c r="BK733" s="93"/>
      <c r="BL733" s="93"/>
    </row>
    <row r="734" spans="2:64" x14ac:dyDescent="0.2">
      <c r="B734" s="43"/>
      <c r="C734" s="73"/>
      <c r="D734" s="64"/>
      <c r="E734" s="55"/>
      <c r="F734" s="74"/>
      <c r="G734" s="74"/>
      <c r="H734" s="74"/>
      <c r="I734" s="75"/>
      <c r="J734" s="74"/>
      <c r="L734" s="55"/>
      <c r="M734" s="234"/>
      <c r="N734" s="65"/>
      <c r="O734" s="76"/>
      <c r="P734" s="76"/>
      <c r="Q734" s="65"/>
      <c r="R734" s="76"/>
      <c r="S734" s="76"/>
      <c r="T734" s="76"/>
      <c r="U734" s="76"/>
      <c r="V734" s="76"/>
      <c r="W734" s="76"/>
      <c r="X734" s="76"/>
      <c r="Y734" s="76"/>
      <c r="Z734" s="76"/>
      <c r="AA734" s="85"/>
      <c r="AB734" s="85"/>
      <c r="AC734" s="85"/>
      <c r="AD734" s="85"/>
      <c r="AE734" s="85"/>
      <c r="AF734" s="85"/>
      <c r="AG734" s="86"/>
      <c r="AH734" s="85"/>
      <c r="AI734" s="85"/>
      <c r="AJ734" s="85"/>
      <c r="AK734" s="85"/>
      <c r="AL734" s="85"/>
      <c r="AM734" s="92"/>
      <c r="AN734" s="92"/>
      <c r="AO734" s="92"/>
      <c r="AP734" s="92"/>
      <c r="AQ734" s="92"/>
      <c r="AR734" s="92"/>
      <c r="AS734" s="92"/>
      <c r="AT734" s="92"/>
      <c r="AU734" s="92"/>
      <c r="AV734" s="92"/>
      <c r="AW734" s="92"/>
      <c r="AX734" s="92"/>
      <c r="AY734" s="92"/>
      <c r="AZ734" s="93"/>
      <c r="BA734" s="93"/>
      <c r="BB734" s="93"/>
      <c r="BC734" s="93"/>
      <c r="BD734" s="93"/>
      <c r="BE734" s="93"/>
      <c r="BF734" s="93"/>
      <c r="BG734" s="93"/>
      <c r="BH734" s="93"/>
      <c r="BI734" s="93"/>
      <c r="BJ734" s="93"/>
      <c r="BK734" s="93"/>
      <c r="BL734" s="93"/>
    </row>
    <row r="735" spans="2:64" x14ac:dyDescent="0.2">
      <c r="B735" s="43"/>
      <c r="C735" s="73"/>
      <c r="D735" s="64"/>
      <c r="E735" s="55"/>
      <c r="F735" s="74"/>
      <c r="G735" s="74"/>
      <c r="H735" s="74"/>
      <c r="I735" s="75"/>
      <c r="J735" s="74"/>
      <c r="L735" s="55"/>
      <c r="M735" s="234"/>
      <c r="N735" s="65"/>
      <c r="O735" s="76"/>
      <c r="P735" s="76"/>
      <c r="Q735" s="65"/>
      <c r="R735" s="76"/>
      <c r="S735" s="76"/>
      <c r="T735" s="76"/>
      <c r="U735" s="76"/>
      <c r="V735" s="76"/>
      <c r="W735" s="76"/>
      <c r="X735" s="76"/>
      <c r="Y735" s="76"/>
      <c r="Z735" s="76"/>
      <c r="AA735" s="85"/>
      <c r="AB735" s="85"/>
      <c r="AC735" s="85"/>
      <c r="AD735" s="85"/>
      <c r="AE735" s="85"/>
      <c r="AF735" s="85"/>
      <c r="AG735" s="86"/>
      <c r="AH735" s="85"/>
      <c r="AI735" s="85"/>
      <c r="AJ735" s="85"/>
      <c r="AK735" s="85"/>
      <c r="AL735" s="85"/>
      <c r="AM735" s="92"/>
      <c r="AN735" s="92"/>
      <c r="AO735" s="92"/>
      <c r="AP735" s="92"/>
      <c r="AQ735" s="92"/>
      <c r="AR735" s="92"/>
      <c r="AS735" s="92"/>
      <c r="AT735" s="92"/>
      <c r="AU735" s="92"/>
      <c r="AV735" s="92"/>
      <c r="AW735" s="92"/>
      <c r="AX735" s="92"/>
      <c r="AY735" s="92"/>
      <c r="AZ735" s="93"/>
      <c r="BA735" s="93"/>
      <c r="BB735" s="93"/>
      <c r="BC735" s="93"/>
      <c r="BD735" s="93"/>
      <c r="BE735" s="93"/>
      <c r="BF735" s="93"/>
      <c r="BG735" s="93"/>
      <c r="BH735" s="93"/>
      <c r="BI735" s="93"/>
      <c r="BJ735" s="93"/>
      <c r="BK735" s="93"/>
      <c r="BL735" s="93"/>
    </row>
    <row r="736" spans="2:64" x14ac:dyDescent="0.2">
      <c r="B736" s="43"/>
      <c r="C736" s="73"/>
      <c r="D736" s="64"/>
      <c r="E736" s="55"/>
      <c r="F736" s="74"/>
      <c r="G736" s="74"/>
      <c r="H736" s="74"/>
      <c r="I736" s="75"/>
      <c r="J736" s="74"/>
      <c r="L736" s="55"/>
      <c r="M736" s="234"/>
      <c r="N736" s="65"/>
      <c r="O736" s="76"/>
      <c r="P736" s="76"/>
      <c r="Q736" s="65"/>
      <c r="R736" s="76"/>
      <c r="S736" s="76"/>
      <c r="T736" s="76"/>
      <c r="U736" s="76"/>
      <c r="V736" s="76"/>
      <c r="W736" s="76"/>
      <c r="X736" s="76"/>
      <c r="Y736" s="76"/>
      <c r="Z736" s="76"/>
      <c r="AA736" s="85"/>
      <c r="AB736" s="85"/>
      <c r="AC736" s="85"/>
      <c r="AD736" s="85"/>
      <c r="AE736" s="85"/>
      <c r="AF736" s="85"/>
      <c r="AG736" s="86"/>
      <c r="AH736" s="85"/>
      <c r="AI736" s="85"/>
      <c r="AJ736" s="85"/>
      <c r="AK736" s="85"/>
      <c r="AL736" s="85"/>
      <c r="AM736" s="92"/>
      <c r="AN736" s="92"/>
      <c r="AO736" s="92"/>
      <c r="AP736" s="92"/>
      <c r="AQ736" s="92"/>
      <c r="AR736" s="92"/>
      <c r="AS736" s="92"/>
      <c r="AT736" s="92"/>
      <c r="AU736" s="92"/>
      <c r="AV736" s="92"/>
      <c r="AW736" s="92"/>
      <c r="AX736" s="92"/>
      <c r="AY736" s="92"/>
      <c r="AZ736" s="93"/>
      <c r="BA736" s="93"/>
      <c r="BB736" s="93"/>
      <c r="BC736" s="93"/>
      <c r="BD736" s="93"/>
      <c r="BE736" s="93"/>
      <c r="BF736" s="93"/>
      <c r="BG736" s="93"/>
      <c r="BH736" s="93"/>
      <c r="BI736" s="93"/>
      <c r="BJ736" s="93"/>
      <c r="BK736" s="93"/>
      <c r="BL736" s="93"/>
    </row>
    <row r="737" spans="2:64" x14ac:dyDescent="0.2">
      <c r="B737" s="43"/>
      <c r="C737" s="73"/>
      <c r="D737" s="64"/>
      <c r="E737" s="55"/>
      <c r="F737" s="74"/>
      <c r="G737" s="74"/>
      <c r="H737" s="74"/>
      <c r="I737" s="75"/>
      <c r="J737" s="74"/>
      <c r="L737" s="55"/>
      <c r="M737" s="234"/>
      <c r="N737" s="65"/>
      <c r="O737" s="76"/>
      <c r="P737" s="76"/>
      <c r="Q737" s="65"/>
      <c r="R737" s="76"/>
      <c r="S737" s="76"/>
      <c r="T737" s="76"/>
      <c r="U737" s="76"/>
      <c r="V737" s="76"/>
      <c r="W737" s="76"/>
      <c r="X737" s="76"/>
      <c r="Y737" s="76"/>
      <c r="Z737" s="76"/>
      <c r="AA737" s="85"/>
      <c r="AB737" s="85"/>
      <c r="AC737" s="85"/>
      <c r="AD737" s="85"/>
      <c r="AE737" s="85"/>
      <c r="AF737" s="85"/>
      <c r="AG737" s="86"/>
      <c r="AH737" s="85"/>
      <c r="AI737" s="85"/>
      <c r="AJ737" s="85"/>
      <c r="AK737" s="85"/>
      <c r="AL737" s="85"/>
      <c r="AM737" s="92"/>
      <c r="AN737" s="92"/>
      <c r="AO737" s="92"/>
      <c r="AP737" s="92"/>
      <c r="AQ737" s="92"/>
      <c r="AR737" s="92"/>
      <c r="AS737" s="92"/>
      <c r="AT737" s="92"/>
      <c r="AU737" s="92"/>
      <c r="AV737" s="92"/>
      <c r="AW737" s="92"/>
      <c r="AX737" s="92"/>
      <c r="AY737" s="92"/>
      <c r="AZ737" s="93"/>
      <c r="BA737" s="93"/>
      <c r="BB737" s="93"/>
      <c r="BC737" s="93"/>
      <c r="BD737" s="93"/>
      <c r="BE737" s="93"/>
      <c r="BF737" s="93"/>
      <c r="BG737" s="93"/>
      <c r="BH737" s="93"/>
      <c r="BI737" s="93"/>
      <c r="BJ737" s="93"/>
      <c r="BK737" s="93"/>
      <c r="BL737" s="93"/>
    </row>
    <row r="738" spans="2:64" x14ac:dyDescent="0.2">
      <c r="B738" s="43"/>
      <c r="C738" s="73"/>
      <c r="D738" s="64"/>
      <c r="E738" s="55"/>
      <c r="F738" s="74"/>
      <c r="G738" s="74"/>
      <c r="H738" s="74"/>
      <c r="I738" s="75"/>
      <c r="J738" s="74"/>
      <c r="L738" s="55"/>
      <c r="M738" s="234"/>
      <c r="N738" s="65"/>
      <c r="O738" s="76"/>
      <c r="P738" s="76"/>
      <c r="Q738" s="65"/>
      <c r="R738" s="76"/>
      <c r="S738" s="76"/>
      <c r="T738" s="76"/>
      <c r="U738" s="76"/>
      <c r="V738" s="76"/>
      <c r="W738" s="76"/>
      <c r="X738" s="76"/>
      <c r="Y738" s="76"/>
      <c r="Z738" s="76"/>
      <c r="AA738" s="85"/>
      <c r="AB738" s="85"/>
      <c r="AC738" s="85"/>
      <c r="AD738" s="85"/>
      <c r="AE738" s="85"/>
      <c r="AF738" s="85"/>
      <c r="AG738" s="86"/>
      <c r="AH738" s="85"/>
      <c r="AI738" s="85"/>
      <c r="AJ738" s="85"/>
      <c r="AK738" s="85"/>
      <c r="AL738" s="85"/>
      <c r="AM738" s="92"/>
      <c r="AN738" s="92"/>
      <c r="AO738" s="92"/>
      <c r="AP738" s="92"/>
      <c r="AQ738" s="92"/>
      <c r="AR738" s="92"/>
      <c r="AS738" s="92"/>
      <c r="AT738" s="92"/>
      <c r="AU738" s="92"/>
      <c r="AV738" s="92"/>
      <c r="AW738" s="92"/>
      <c r="AX738" s="92"/>
      <c r="AY738" s="92"/>
      <c r="AZ738" s="93"/>
      <c r="BA738" s="93"/>
      <c r="BB738" s="93"/>
      <c r="BC738" s="93"/>
      <c r="BD738" s="93"/>
      <c r="BE738" s="93"/>
      <c r="BF738" s="93"/>
      <c r="BG738" s="93"/>
      <c r="BH738" s="93"/>
      <c r="BI738" s="93"/>
      <c r="BJ738" s="93"/>
      <c r="BK738" s="93"/>
      <c r="BL738" s="93"/>
    </row>
    <row r="739" spans="2:64" x14ac:dyDescent="0.2">
      <c r="B739" s="43"/>
      <c r="C739" s="73"/>
      <c r="D739" s="64"/>
      <c r="E739" s="55"/>
      <c r="F739" s="74"/>
      <c r="G739" s="74"/>
      <c r="H739" s="74"/>
      <c r="I739" s="75"/>
      <c r="J739" s="74"/>
      <c r="L739" s="55"/>
      <c r="M739" s="234"/>
      <c r="N739" s="65"/>
      <c r="O739" s="76"/>
      <c r="P739" s="76"/>
      <c r="Q739" s="65"/>
      <c r="R739" s="76"/>
      <c r="S739" s="76"/>
      <c r="T739" s="76"/>
      <c r="U739" s="76"/>
      <c r="V739" s="76"/>
      <c r="W739" s="76"/>
      <c r="X739" s="76"/>
      <c r="Y739" s="76"/>
      <c r="Z739" s="76"/>
      <c r="AA739" s="85"/>
      <c r="AB739" s="85"/>
      <c r="AC739" s="85"/>
      <c r="AD739" s="85"/>
      <c r="AE739" s="85"/>
      <c r="AF739" s="85"/>
      <c r="AG739" s="86"/>
      <c r="AH739" s="85"/>
      <c r="AI739" s="85"/>
      <c r="AJ739" s="85"/>
      <c r="AK739" s="85"/>
      <c r="AL739" s="85"/>
      <c r="AM739" s="92"/>
      <c r="AN739" s="92"/>
      <c r="AO739" s="92"/>
      <c r="AP739" s="92"/>
      <c r="AQ739" s="92"/>
      <c r="AR739" s="92"/>
      <c r="AS739" s="92"/>
      <c r="AT739" s="92"/>
      <c r="AU739" s="92"/>
      <c r="AV739" s="92"/>
      <c r="AW739" s="92"/>
      <c r="AX739" s="92"/>
      <c r="AY739" s="92"/>
      <c r="AZ739" s="93"/>
      <c r="BA739" s="93"/>
      <c r="BB739" s="93"/>
      <c r="BC739" s="93"/>
      <c r="BD739" s="93"/>
      <c r="BE739" s="93"/>
      <c r="BF739" s="93"/>
      <c r="BG739" s="93"/>
      <c r="BH739" s="93"/>
      <c r="BI739" s="93"/>
      <c r="BJ739" s="93"/>
      <c r="BK739" s="93"/>
      <c r="BL739" s="93"/>
    </row>
    <row r="740" spans="2:64" x14ac:dyDescent="0.2">
      <c r="B740" s="43"/>
      <c r="C740" s="73"/>
      <c r="D740" s="64"/>
      <c r="E740" s="55"/>
      <c r="F740" s="74"/>
      <c r="G740" s="74"/>
      <c r="H740" s="74"/>
      <c r="I740" s="75"/>
      <c r="J740" s="74"/>
      <c r="L740" s="55"/>
      <c r="M740" s="234"/>
      <c r="N740" s="65"/>
      <c r="O740" s="76"/>
      <c r="P740" s="76"/>
      <c r="Q740" s="65"/>
      <c r="R740" s="76"/>
      <c r="S740" s="76"/>
      <c r="T740" s="76"/>
      <c r="U740" s="76"/>
      <c r="V740" s="76"/>
      <c r="W740" s="76"/>
      <c r="X740" s="76"/>
      <c r="Y740" s="76"/>
      <c r="Z740" s="76"/>
      <c r="AA740" s="85"/>
      <c r="AB740" s="85"/>
      <c r="AC740" s="85"/>
      <c r="AD740" s="85"/>
      <c r="AE740" s="85"/>
      <c r="AF740" s="85"/>
      <c r="AG740" s="86"/>
      <c r="AH740" s="85"/>
      <c r="AI740" s="85"/>
      <c r="AJ740" s="85"/>
      <c r="AK740" s="85"/>
      <c r="AL740" s="85"/>
      <c r="AM740" s="92"/>
      <c r="AN740" s="92"/>
      <c r="AO740" s="92"/>
      <c r="AP740" s="92"/>
      <c r="AQ740" s="92"/>
      <c r="AR740" s="92"/>
      <c r="AS740" s="92"/>
      <c r="AT740" s="92"/>
      <c r="AU740" s="92"/>
      <c r="AV740" s="92"/>
      <c r="AW740" s="92"/>
      <c r="AX740" s="92"/>
      <c r="AY740" s="92"/>
      <c r="AZ740" s="93"/>
      <c r="BA740" s="93"/>
      <c r="BB740" s="93"/>
      <c r="BC740" s="93"/>
      <c r="BD740" s="93"/>
      <c r="BE740" s="93"/>
      <c r="BF740" s="93"/>
      <c r="BG740" s="93"/>
      <c r="BH740" s="93"/>
      <c r="BI740" s="93"/>
      <c r="BJ740" s="93"/>
      <c r="BK740" s="93"/>
      <c r="BL740" s="93"/>
    </row>
    <row r="741" spans="2:64" x14ac:dyDescent="0.2">
      <c r="B741" s="43"/>
      <c r="C741" s="73"/>
      <c r="D741" s="64"/>
      <c r="E741" s="55"/>
      <c r="F741" s="74"/>
      <c r="G741" s="74"/>
      <c r="H741" s="74"/>
      <c r="I741" s="75"/>
      <c r="J741" s="74"/>
      <c r="L741" s="55"/>
      <c r="M741" s="234"/>
      <c r="N741" s="65"/>
      <c r="O741" s="76"/>
      <c r="P741" s="76"/>
      <c r="Q741" s="65"/>
      <c r="R741" s="76"/>
      <c r="S741" s="76"/>
      <c r="T741" s="76"/>
      <c r="U741" s="76"/>
      <c r="V741" s="76"/>
      <c r="W741" s="76"/>
      <c r="X741" s="76"/>
      <c r="Y741" s="76"/>
      <c r="Z741" s="76"/>
      <c r="AA741" s="85"/>
      <c r="AB741" s="85"/>
      <c r="AC741" s="85"/>
      <c r="AD741" s="85"/>
      <c r="AE741" s="85"/>
      <c r="AF741" s="85"/>
      <c r="AG741" s="86"/>
      <c r="AH741" s="85"/>
      <c r="AI741" s="85"/>
      <c r="AJ741" s="85"/>
      <c r="AK741" s="85"/>
      <c r="AL741" s="85"/>
      <c r="AM741" s="92"/>
      <c r="AN741" s="92"/>
      <c r="AO741" s="92"/>
      <c r="AP741" s="92"/>
      <c r="AQ741" s="92"/>
      <c r="AR741" s="92"/>
      <c r="AS741" s="92"/>
      <c r="AT741" s="92"/>
      <c r="AU741" s="92"/>
      <c r="AV741" s="92"/>
      <c r="AW741" s="92"/>
      <c r="AX741" s="92"/>
      <c r="AY741" s="92"/>
      <c r="AZ741" s="93"/>
      <c r="BA741" s="93"/>
      <c r="BB741" s="93"/>
      <c r="BC741" s="93"/>
      <c r="BD741" s="93"/>
      <c r="BE741" s="93"/>
      <c r="BF741" s="93"/>
      <c r="BG741" s="93"/>
      <c r="BH741" s="93"/>
      <c r="BI741" s="93"/>
      <c r="BJ741" s="93"/>
      <c r="BK741" s="93"/>
      <c r="BL741" s="93"/>
    </row>
    <row r="742" spans="2:64" x14ac:dyDescent="0.2">
      <c r="B742" s="43"/>
      <c r="C742" s="73"/>
      <c r="D742" s="64"/>
      <c r="E742" s="55"/>
      <c r="F742" s="74"/>
      <c r="G742" s="74"/>
      <c r="H742" s="74"/>
      <c r="I742" s="75"/>
      <c r="J742" s="74"/>
      <c r="L742" s="55"/>
      <c r="M742" s="234"/>
      <c r="N742" s="65"/>
      <c r="O742" s="76"/>
      <c r="P742" s="76"/>
      <c r="Q742" s="65"/>
      <c r="R742" s="76"/>
      <c r="S742" s="76"/>
      <c r="T742" s="76"/>
      <c r="U742" s="76"/>
      <c r="V742" s="76"/>
      <c r="W742" s="76"/>
      <c r="X742" s="76"/>
      <c r="Y742" s="76"/>
      <c r="Z742" s="76"/>
      <c r="AA742" s="85"/>
      <c r="AB742" s="85"/>
      <c r="AC742" s="85"/>
      <c r="AD742" s="85"/>
      <c r="AE742" s="85"/>
      <c r="AF742" s="85"/>
      <c r="AG742" s="86"/>
      <c r="AH742" s="85"/>
      <c r="AI742" s="85"/>
      <c r="AJ742" s="85"/>
      <c r="AK742" s="85"/>
      <c r="AL742" s="85"/>
      <c r="AM742" s="92"/>
      <c r="AN742" s="92"/>
      <c r="AO742" s="92"/>
      <c r="AP742" s="92"/>
      <c r="AQ742" s="92"/>
      <c r="AR742" s="92"/>
      <c r="AS742" s="92"/>
      <c r="AT742" s="92"/>
      <c r="AU742" s="92"/>
      <c r="AV742" s="92"/>
      <c r="AW742" s="92"/>
      <c r="AX742" s="92"/>
      <c r="AY742" s="92"/>
      <c r="AZ742" s="93"/>
      <c r="BA742" s="93"/>
      <c r="BB742" s="93"/>
      <c r="BC742" s="93"/>
      <c r="BD742" s="93"/>
      <c r="BE742" s="93"/>
      <c r="BF742" s="93"/>
      <c r="BG742" s="93"/>
      <c r="BH742" s="93"/>
      <c r="BI742" s="93"/>
      <c r="BJ742" s="93"/>
      <c r="BK742" s="93"/>
      <c r="BL742" s="93"/>
    </row>
    <row r="743" spans="2:64" x14ac:dyDescent="0.2">
      <c r="B743" s="43"/>
      <c r="C743" s="73"/>
      <c r="D743" s="64"/>
      <c r="E743" s="55"/>
      <c r="F743" s="74"/>
      <c r="G743" s="74"/>
      <c r="H743" s="74"/>
      <c r="I743" s="75"/>
      <c r="J743" s="74"/>
      <c r="L743" s="55"/>
      <c r="M743" s="234"/>
      <c r="N743" s="65"/>
      <c r="O743" s="76"/>
      <c r="P743" s="76"/>
      <c r="Q743" s="65"/>
      <c r="R743" s="76"/>
      <c r="S743" s="76"/>
      <c r="T743" s="76"/>
      <c r="U743" s="76"/>
      <c r="V743" s="76"/>
      <c r="W743" s="76"/>
      <c r="X743" s="76"/>
      <c r="Y743" s="76"/>
      <c r="Z743" s="76"/>
      <c r="AA743" s="85"/>
      <c r="AB743" s="85"/>
      <c r="AC743" s="85"/>
      <c r="AD743" s="85"/>
      <c r="AE743" s="85"/>
      <c r="AF743" s="85"/>
      <c r="AG743" s="86"/>
      <c r="AH743" s="85"/>
      <c r="AI743" s="85"/>
      <c r="AJ743" s="85"/>
      <c r="AK743" s="85"/>
      <c r="AL743" s="85"/>
      <c r="AM743" s="92"/>
      <c r="AN743" s="92"/>
      <c r="AO743" s="92"/>
      <c r="AP743" s="92"/>
      <c r="AQ743" s="92"/>
      <c r="AR743" s="92"/>
      <c r="AS743" s="92"/>
      <c r="AT743" s="92"/>
      <c r="AU743" s="92"/>
      <c r="AV743" s="92"/>
      <c r="AW743" s="92"/>
      <c r="AX743" s="92"/>
      <c r="AY743" s="92"/>
      <c r="AZ743" s="93"/>
      <c r="BA743" s="93"/>
      <c r="BB743" s="93"/>
      <c r="BC743" s="93"/>
      <c r="BD743" s="93"/>
      <c r="BE743" s="93"/>
      <c r="BF743" s="93"/>
      <c r="BG743" s="93"/>
      <c r="BH743" s="93"/>
      <c r="BI743" s="93"/>
      <c r="BJ743" s="93"/>
      <c r="BK743" s="93"/>
      <c r="BL743" s="93"/>
    </row>
    <row r="744" spans="2:64" x14ac:dyDescent="0.2">
      <c r="B744" s="43"/>
      <c r="C744" s="73"/>
      <c r="D744" s="64"/>
      <c r="E744" s="55"/>
      <c r="F744" s="74"/>
      <c r="G744" s="74"/>
      <c r="H744" s="74"/>
      <c r="I744" s="75"/>
      <c r="J744" s="74"/>
      <c r="L744" s="55"/>
      <c r="M744" s="234"/>
      <c r="N744" s="65"/>
      <c r="O744" s="76"/>
      <c r="P744" s="76"/>
      <c r="Q744" s="65"/>
      <c r="R744" s="76"/>
      <c r="S744" s="76"/>
      <c r="T744" s="76"/>
      <c r="U744" s="76"/>
      <c r="V744" s="76"/>
      <c r="W744" s="76"/>
      <c r="X744" s="76"/>
      <c r="Y744" s="76"/>
      <c r="Z744" s="76"/>
      <c r="AA744" s="85"/>
      <c r="AB744" s="85"/>
      <c r="AC744" s="85"/>
      <c r="AD744" s="85"/>
      <c r="AE744" s="85"/>
      <c r="AF744" s="85"/>
      <c r="AG744" s="86"/>
      <c r="AH744" s="85"/>
      <c r="AI744" s="85"/>
      <c r="AJ744" s="85"/>
      <c r="AK744" s="85"/>
      <c r="AL744" s="85"/>
      <c r="AM744" s="92"/>
      <c r="AN744" s="92"/>
      <c r="AO744" s="92"/>
      <c r="AP744" s="92"/>
      <c r="AQ744" s="92"/>
      <c r="AR744" s="92"/>
      <c r="AS744" s="92"/>
      <c r="AT744" s="92"/>
      <c r="AU744" s="92"/>
      <c r="AV744" s="92"/>
      <c r="AW744" s="92"/>
      <c r="AX744" s="92"/>
      <c r="AY744" s="92"/>
      <c r="AZ744" s="93"/>
      <c r="BA744" s="93"/>
      <c r="BB744" s="93"/>
      <c r="BC744" s="93"/>
      <c r="BD744" s="93"/>
      <c r="BE744" s="93"/>
      <c r="BF744" s="93"/>
      <c r="BG744" s="93"/>
      <c r="BH744" s="93"/>
      <c r="BI744" s="93"/>
      <c r="BJ744" s="93"/>
      <c r="BK744" s="93"/>
      <c r="BL744" s="93"/>
    </row>
    <row r="745" spans="2:64" x14ac:dyDescent="0.2">
      <c r="B745" s="43"/>
      <c r="C745" s="73"/>
      <c r="D745" s="64"/>
      <c r="E745" s="55"/>
      <c r="F745" s="74"/>
      <c r="G745" s="74"/>
      <c r="H745" s="74"/>
      <c r="I745" s="75"/>
      <c r="J745" s="74"/>
      <c r="L745" s="55"/>
      <c r="M745" s="234"/>
      <c r="N745" s="65"/>
      <c r="O745" s="76"/>
      <c r="P745" s="76"/>
      <c r="Q745" s="65"/>
      <c r="R745" s="76"/>
      <c r="S745" s="76"/>
      <c r="T745" s="76"/>
      <c r="U745" s="76"/>
      <c r="V745" s="76"/>
      <c r="W745" s="76"/>
      <c r="X745" s="76"/>
      <c r="Y745" s="76"/>
      <c r="Z745" s="76"/>
      <c r="AA745" s="85"/>
      <c r="AB745" s="85"/>
      <c r="AC745" s="85"/>
      <c r="AD745" s="85"/>
      <c r="AE745" s="85"/>
      <c r="AF745" s="85"/>
      <c r="AG745" s="86"/>
      <c r="AH745" s="85"/>
      <c r="AI745" s="85"/>
      <c r="AJ745" s="85"/>
      <c r="AK745" s="85"/>
      <c r="AL745" s="85"/>
      <c r="AM745" s="92"/>
      <c r="AN745" s="92"/>
      <c r="AO745" s="92"/>
      <c r="AP745" s="92"/>
      <c r="AQ745" s="92"/>
      <c r="AR745" s="92"/>
      <c r="AS745" s="92"/>
      <c r="AT745" s="92"/>
      <c r="AU745" s="92"/>
      <c r="AV745" s="92"/>
      <c r="AW745" s="92"/>
      <c r="AX745" s="92"/>
      <c r="AY745" s="92"/>
      <c r="AZ745" s="93"/>
      <c r="BA745" s="93"/>
      <c r="BB745" s="93"/>
      <c r="BC745" s="93"/>
      <c r="BD745" s="93"/>
      <c r="BE745" s="93"/>
      <c r="BF745" s="93"/>
      <c r="BG745" s="93"/>
      <c r="BH745" s="93"/>
      <c r="BI745" s="93"/>
      <c r="BJ745" s="93"/>
      <c r="BK745" s="93"/>
      <c r="BL745" s="93"/>
    </row>
    <row r="746" spans="2:64" x14ac:dyDescent="0.2">
      <c r="B746" s="43"/>
      <c r="C746" s="73"/>
      <c r="D746" s="64"/>
      <c r="E746" s="55"/>
      <c r="F746" s="74"/>
      <c r="G746" s="74"/>
      <c r="H746" s="74"/>
      <c r="I746" s="75"/>
      <c r="J746" s="74"/>
      <c r="L746" s="55"/>
      <c r="M746" s="234"/>
      <c r="N746" s="65"/>
      <c r="O746" s="76"/>
      <c r="P746" s="76"/>
      <c r="Q746" s="65"/>
      <c r="R746" s="76"/>
      <c r="S746" s="76"/>
      <c r="T746" s="76"/>
      <c r="U746" s="76"/>
      <c r="V746" s="76"/>
      <c r="W746" s="76"/>
      <c r="X746" s="76"/>
      <c r="Y746" s="76"/>
      <c r="Z746" s="76"/>
      <c r="AA746" s="85"/>
      <c r="AB746" s="85"/>
      <c r="AC746" s="85"/>
      <c r="AD746" s="85"/>
      <c r="AE746" s="85"/>
      <c r="AF746" s="85"/>
      <c r="AG746" s="86"/>
      <c r="AH746" s="85"/>
      <c r="AI746" s="85"/>
      <c r="AJ746" s="85"/>
      <c r="AK746" s="85"/>
      <c r="AL746" s="85"/>
      <c r="AM746" s="92"/>
      <c r="AN746" s="92"/>
      <c r="AO746" s="92"/>
      <c r="AP746" s="92"/>
      <c r="AQ746" s="92"/>
      <c r="AR746" s="92"/>
      <c r="AS746" s="92"/>
      <c r="AT746" s="92"/>
      <c r="AU746" s="92"/>
      <c r="AV746" s="92"/>
      <c r="AW746" s="92"/>
      <c r="AX746" s="92"/>
      <c r="AY746" s="92"/>
      <c r="AZ746" s="93"/>
      <c r="BA746" s="93"/>
      <c r="BB746" s="93"/>
      <c r="BC746" s="93"/>
      <c r="BD746" s="93"/>
      <c r="BE746" s="93"/>
      <c r="BF746" s="93"/>
      <c r="BG746" s="93"/>
      <c r="BH746" s="93"/>
      <c r="BI746" s="93"/>
      <c r="BJ746" s="93"/>
      <c r="BK746" s="93"/>
      <c r="BL746" s="93"/>
    </row>
    <row r="747" spans="2:64" x14ac:dyDescent="0.2">
      <c r="B747" s="43"/>
      <c r="C747" s="73"/>
      <c r="D747" s="64"/>
      <c r="E747" s="55"/>
      <c r="F747" s="74"/>
      <c r="G747" s="74"/>
      <c r="H747" s="74"/>
      <c r="I747" s="75"/>
      <c r="J747" s="74"/>
      <c r="L747" s="55"/>
      <c r="M747" s="234"/>
      <c r="N747" s="65"/>
      <c r="O747" s="76"/>
      <c r="P747" s="76"/>
      <c r="Q747" s="65"/>
      <c r="R747" s="76"/>
      <c r="S747" s="76"/>
      <c r="T747" s="76"/>
      <c r="U747" s="76"/>
      <c r="V747" s="76"/>
      <c r="W747" s="76"/>
      <c r="X747" s="76"/>
      <c r="Y747" s="76"/>
      <c r="Z747" s="76"/>
      <c r="AA747" s="85"/>
      <c r="AB747" s="85"/>
      <c r="AC747" s="85"/>
      <c r="AD747" s="85"/>
      <c r="AE747" s="85"/>
      <c r="AF747" s="85"/>
      <c r="AG747" s="86"/>
      <c r="AH747" s="85"/>
      <c r="AI747" s="85"/>
      <c r="AJ747" s="85"/>
      <c r="AK747" s="85"/>
      <c r="AL747" s="85"/>
      <c r="AM747" s="92"/>
      <c r="AN747" s="92"/>
      <c r="AO747" s="92"/>
      <c r="AP747" s="92"/>
      <c r="AQ747" s="92"/>
      <c r="AR747" s="92"/>
      <c r="AS747" s="92"/>
      <c r="AT747" s="92"/>
      <c r="AU747" s="92"/>
      <c r="AV747" s="92"/>
      <c r="AW747" s="92"/>
      <c r="AX747" s="92"/>
      <c r="AY747" s="92"/>
      <c r="AZ747" s="93"/>
      <c r="BA747" s="93"/>
      <c r="BB747" s="93"/>
      <c r="BC747" s="93"/>
      <c r="BD747" s="93"/>
      <c r="BE747" s="93"/>
      <c r="BF747" s="93"/>
      <c r="BG747" s="93"/>
      <c r="BH747" s="93"/>
      <c r="BI747" s="93"/>
      <c r="BJ747" s="93"/>
      <c r="BK747" s="93"/>
      <c r="BL747" s="93"/>
    </row>
    <row r="748" spans="2:64" x14ac:dyDescent="0.2">
      <c r="B748" s="43"/>
      <c r="C748" s="73"/>
      <c r="D748" s="64"/>
      <c r="E748" s="55"/>
      <c r="F748" s="74"/>
      <c r="G748" s="74"/>
      <c r="H748" s="74"/>
      <c r="I748" s="75"/>
      <c r="J748" s="74"/>
      <c r="L748" s="55"/>
      <c r="M748" s="234"/>
      <c r="N748" s="65"/>
      <c r="O748" s="76"/>
      <c r="P748" s="76"/>
      <c r="Q748" s="65"/>
      <c r="R748" s="76"/>
      <c r="S748" s="76"/>
      <c r="T748" s="76"/>
      <c r="U748" s="76"/>
      <c r="V748" s="76"/>
      <c r="W748" s="76"/>
      <c r="X748" s="76"/>
      <c r="Y748" s="76"/>
      <c r="Z748" s="76"/>
      <c r="AA748" s="85"/>
      <c r="AB748" s="85"/>
      <c r="AC748" s="85"/>
      <c r="AD748" s="85"/>
      <c r="AE748" s="85"/>
      <c r="AF748" s="85"/>
      <c r="AG748" s="86"/>
      <c r="AH748" s="85"/>
      <c r="AI748" s="85"/>
      <c r="AJ748" s="85"/>
      <c r="AK748" s="85"/>
      <c r="AL748" s="85"/>
      <c r="AM748" s="92"/>
      <c r="AN748" s="92"/>
      <c r="AO748" s="92"/>
      <c r="AP748" s="92"/>
      <c r="AQ748" s="92"/>
      <c r="AR748" s="92"/>
      <c r="AS748" s="92"/>
      <c r="AT748" s="92"/>
      <c r="AU748" s="92"/>
      <c r="AV748" s="92"/>
      <c r="AW748" s="92"/>
      <c r="AX748" s="92"/>
      <c r="AY748" s="92"/>
      <c r="AZ748" s="93"/>
      <c r="BA748" s="93"/>
      <c r="BB748" s="93"/>
      <c r="BC748" s="93"/>
      <c r="BD748" s="93"/>
      <c r="BE748" s="93"/>
      <c r="BF748" s="93"/>
      <c r="BG748" s="93"/>
      <c r="BH748" s="93"/>
      <c r="BI748" s="93"/>
      <c r="BJ748" s="93"/>
      <c r="BK748" s="93"/>
      <c r="BL748" s="93"/>
    </row>
    <row r="749" spans="2:64" x14ac:dyDescent="0.2">
      <c r="B749" s="43"/>
      <c r="C749" s="73"/>
      <c r="D749" s="64"/>
      <c r="E749" s="55"/>
      <c r="F749" s="74"/>
      <c r="G749" s="74"/>
      <c r="H749" s="74"/>
      <c r="I749" s="75"/>
      <c r="J749" s="74"/>
      <c r="L749" s="55"/>
      <c r="M749" s="234"/>
      <c r="N749" s="65"/>
      <c r="O749" s="76"/>
      <c r="P749" s="76"/>
      <c r="Q749" s="65"/>
      <c r="R749" s="76"/>
      <c r="S749" s="76"/>
      <c r="T749" s="76"/>
      <c r="U749" s="76"/>
      <c r="V749" s="76"/>
      <c r="W749" s="76"/>
      <c r="X749" s="76"/>
      <c r="Y749" s="76"/>
      <c r="Z749" s="76"/>
      <c r="AA749" s="85"/>
      <c r="AB749" s="85"/>
      <c r="AC749" s="85"/>
      <c r="AD749" s="85"/>
      <c r="AE749" s="85"/>
      <c r="AF749" s="85"/>
      <c r="AG749" s="86"/>
      <c r="AH749" s="85"/>
      <c r="AI749" s="85"/>
      <c r="AJ749" s="85"/>
      <c r="AK749" s="85"/>
      <c r="AL749" s="85"/>
      <c r="AM749" s="92"/>
      <c r="AN749" s="92"/>
      <c r="AO749" s="92"/>
      <c r="AP749" s="92"/>
      <c r="AQ749" s="92"/>
      <c r="AR749" s="92"/>
      <c r="AS749" s="92"/>
      <c r="AT749" s="92"/>
      <c r="AU749" s="92"/>
      <c r="AV749" s="92"/>
      <c r="AW749" s="92"/>
      <c r="AX749" s="92"/>
      <c r="AY749" s="92"/>
      <c r="AZ749" s="93"/>
      <c r="BA749" s="93"/>
      <c r="BB749" s="93"/>
      <c r="BC749" s="93"/>
      <c r="BD749" s="93"/>
      <c r="BE749" s="93"/>
      <c r="BF749" s="93"/>
      <c r="BG749" s="93"/>
      <c r="BH749" s="93"/>
      <c r="BI749" s="93"/>
      <c r="BJ749" s="93"/>
      <c r="BK749" s="93"/>
      <c r="BL749" s="93"/>
    </row>
    <row r="750" spans="2:64" x14ac:dyDescent="0.2">
      <c r="B750" s="43"/>
      <c r="C750" s="73"/>
      <c r="D750" s="64"/>
      <c r="E750" s="55"/>
      <c r="F750" s="74"/>
      <c r="G750" s="74"/>
      <c r="H750" s="74"/>
      <c r="I750" s="75"/>
      <c r="J750" s="74"/>
      <c r="L750" s="55"/>
      <c r="M750" s="234"/>
      <c r="N750" s="65"/>
      <c r="O750" s="76"/>
      <c r="P750" s="76"/>
      <c r="Q750" s="65"/>
      <c r="R750" s="76"/>
      <c r="S750" s="76"/>
      <c r="T750" s="76"/>
      <c r="U750" s="76"/>
      <c r="V750" s="76"/>
      <c r="W750" s="76"/>
      <c r="X750" s="76"/>
      <c r="Y750" s="76"/>
      <c r="Z750" s="76"/>
      <c r="AA750" s="85"/>
      <c r="AB750" s="85"/>
      <c r="AC750" s="85"/>
      <c r="AD750" s="85"/>
      <c r="AE750" s="85"/>
      <c r="AF750" s="85"/>
      <c r="AG750" s="86"/>
      <c r="AH750" s="85"/>
      <c r="AI750" s="85"/>
      <c r="AJ750" s="85"/>
      <c r="AK750" s="85"/>
      <c r="AL750" s="85"/>
      <c r="AM750" s="92"/>
      <c r="AN750" s="92"/>
      <c r="AO750" s="92"/>
      <c r="AP750" s="92"/>
      <c r="AQ750" s="92"/>
      <c r="AR750" s="92"/>
      <c r="AS750" s="92"/>
      <c r="AT750" s="92"/>
      <c r="AU750" s="92"/>
      <c r="AV750" s="92"/>
      <c r="AW750" s="92"/>
      <c r="AX750" s="92"/>
      <c r="AY750" s="92"/>
      <c r="AZ750" s="93"/>
      <c r="BA750" s="93"/>
      <c r="BB750" s="93"/>
      <c r="BC750" s="93"/>
      <c r="BD750" s="93"/>
      <c r="BE750" s="93"/>
      <c r="BF750" s="93"/>
      <c r="BG750" s="93"/>
      <c r="BH750" s="93"/>
      <c r="BI750" s="93"/>
      <c r="BJ750" s="93"/>
      <c r="BK750" s="93"/>
      <c r="BL750" s="93"/>
    </row>
    <row r="751" spans="2:64" x14ac:dyDescent="0.2">
      <c r="B751" s="43"/>
      <c r="C751" s="73"/>
      <c r="D751" s="64"/>
      <c r="E751" s="55"/>
      <c r="F751" s="74"/>
      <c r="G751" s="74"/>
      <c r="H751" s="74"/>
      <c r="I751" s="75"/>
      <c r="J751" s="74"/>
      <c r="L751" s="55"/>
      <c r="M751" s="234"/>
      <c r="N751" s="65"/>
      <c r="O751" s="76"/>
      <c r="P751" s="76"/>
      <c r="Q751" s="65"/>
      <c r="R751" s="76"/>
      <c r="S751" s="76"/>
      <c r="T751" s="76"/>
      <c r="U751" s="76"/>
      <c r="V751" s="76"/>
      <c r="W751" s="76"/>
      <c r="X751" s="76"/>
      <c r="Y751" s="76"/>
      <c r="Z751" s="76"/>
      <c r="AA751" s="85"/>
      <c r="AB751" s="85"/>
      <c r="AC751" s="85"/>
      <c r="AD751" s="85"/>
      <c r="AE751" s="85"/>
      <c r="AF751" s="85"/>
      <c r="AG751" s="86"/>
      <c r="AH751" s="85"/>
      <c r="AI751" s="85"/>
      <c r="AJ751" s="85"/>
      <c r="AK751" s="85"/>
      <c r="AL751" s="85"/>
      <c r="AM751" s="92"/>
      <c r="AN751" s="92"/>
      <c r="AO751" s="92"/>
      <c r="AP751" s="92"/>
      <c r="AQ751" s="92"/>
      <c r="AR751" s="92"/>
      <c r="AS751" s="92"/>
      <c r="AT751" s="92"/>
      <c r="AU751" s="92"/>
      <c r="AV751" s="92"/>
      <c r="AW751" s="92"/>
      <c r="AX751" s="92"/>
      <c r="AY751" s="92"/>
      <c r="AZ751" s="93"/>
      <c r="BA751" s="93"/>
      <c r="BB751" s="93"/>
      <c r="BC751" s="93"/>
      <c r="BD751" s="93"/>
      <c r="BE751" s="93"/>
      <c r="BF751" s="93"/>
      <c r="BG751" s="93"/>
      <c r="BH751" s="93"/>
      <c r="BI751" s="93"/>
      <c r="BJ751" s="93"/>
      <c r="BK751" s="93"/>
      <c r="BL751" s="93"/>
    </row>
    <row r="752" spans="2:64" x14ac:dyDescent="0.2">
      <c r="B752" s="43"/>
      <c r="C752" s="73"/>
      <c r="D752" s="64"/>
      <c r="E752" s="55"/>
      <c r="F752" s="74"/>
      <c r="G752" s="74"/>
      <c r="H752" s="74"/>
      <c r="I752" s="75"/>
      <c r="J752" s="74"/>
      <c r="L752" s="55"/>
      <c r="M752" s="234"/>
      <c r="N752" s="65"/>
      <c r="O752" s="76"/>
      <c r="P752" s="76"/>
      <c r="Q752" s="65"/>
      <c r="R752" s="76"/>
      <c r="S752" s="76"/>
      <c r="T752" s="76"/>
      <c r="U752" s="76"/>
      <c r="V752" s="76"/>
      <c r="W752" s="76"/>
      <c r="X752" s="76"/>
      <c r="Y752" s="76"/>
      <c r="Z752" s="76"/>
      <c r="AA752" s="85"/>
      <c r="AB752" s="85"/>
      <c r="AC752" s="85"/>
      <c r="AD752" s="85"/>
      <c r="AE752" s="85"/>
      <c r="AF752" s="85"/>
      <c r="AG752" s="86"/>
      <c r="AH752" s="85"/>
      <c r="AI752" s="85"/>
      <c r="AJ752" s="85"/>
      <c r="AK752" s="85"/>
      <c r="AL752" s="85"/>
      <c r="AM752" s="92"/>
      <c r="AN752" s="92"/>
      <c r="AO752" s="92"/>
      <c r="AP752" s="92"/>
      <c r="AQ752" s="92"/>
      <c r="AR752" s="92"/>
      <c r="AS752" s="92"/>
      <c r="AT752" s="92"/>
      <c r="AU752" s="92"/>
      <c r="AV752" s="92"/>
      <c r="AW752" s="92"/>
      <c r="AX752" s="92"/>
      <c r="AY752" s="92"/>
      <c r="AZ752" s="93"/>
      <c r="BA752" s="93"/>
      <c r="BB752" s="93"/>
      <c r="BC752" s="93"/>
      <c r="BD752" s="93"/>
      <c r="BE752" s="93"/>
      <c r="BF752" s="93"/>
      <c r="BG752" s="93"/>
      <c r="BH752" s="93"/>
      <c r="BI752" s="93"/>
      <c r="BJ752" s="93"/>
      <c r="BK752" s="93"/>
      <c r="BL752" s="93"/>
    </row>
    <row r="753" spans="2:64" x14ac:dyDescent="0.2">
      <c r="B753" s="43"/>
      <c r="C753" s="73"/>
      <c r="D753" s="64"/>
      <c r="E753" s="55"/>
      <c r="F753" s="74"/>
      <c r="G753" s="74"/>
      <c r="H753" s="74"/>
      <c r="I753" s="75"/>
      <c r="J753" s="74"/>
      <c r="L753" s="55"/>
      <c r="M753" s="234"/>
      <c r="N753" s="65"/>
      <c r="O753" s="76"/>
      <c r="P753" s="76"/>
      <c r="Q753" s="65"/>
      <c r="R753" s="76"/>
      <c r="S753" s="76"/>
      <c r="T753" s="76"/>
      <c r="U753" s="76"/>
      <c r="V753" s="76"/>
      <c r="W753" s="76"/>
      <c r="X753" s="76"/>
      <c r="Y753" s="76"/>
      <c r="Z753" s="76"/>
      <c r="AA753" s="85"/>
      <c r="AB753" s="85"/>
      <c r="AC753" s="85"/>
      <c r="AD753" s="85"/>
      <c r="AE753" s="85"/>
      <c r="AF753" s="85"/>
      <c r="AG753" s="86"/>
      <c r="AH753" s="85"/>
      <c r="AI753" s="85"/>
      <c r="AJ753" s="85"/>
      <c r="AK753" s="85"/>
      <c r="AL753" s="85"/>
      <c r="AM753" s="92"/>
      <c r="AN753" s="92"/>
      <c r="AO753" s="92"/>
      <c r="AP753" s="92"/>
      <c r="AQ753" s="92"/>
      <c r="AR753" s="92"/>
      <c r="AS753" s="92"/>
      <c r="AT753" s="92"/>
      <c r="AU753" s="92"/>
      <c r="AV753" s="92"/>
      <c r="AW753" s="92"/>
      <c r="AX753" s="92"/>
      <c r="AY753" s="92"/>
      <c r="AZ753" s="93"/>
      <c r="BA753" s="93"/>
      <c r="BB753" s="93"/>
      <c r="BC753" s="93"/>
      <c r="BD753" s="93"/>
      <c r="BE753" s="93"/>
      <c r="BF753" s="93"/>
      <c r="BG753" s="93"/>
      <c r="BH753" s="93"/>
      <c r="BI753" s="93"/>
      <c r="BJ753" s="93"/>
      <c r="BK753" s="93"/>
      <c r="BL753" s="93"/>
    </row>
    <row r="754" spans="2:64" x14ac:dyDescent="0.2">
      <c r="B754" s="43"/>
      <c r="C754" s="73"/>
      <c r="D754" s="64"/>
      <c r="E754" s="55"/>
      <c r="F754" s="74"/>
      <c r="G754" s="74"/>
      <c r="H754" s="74"/>
      <c r="I754" s="75"/>
      <c r="J754" s="74"/>
      <c r="L754" s="55"/>
      <c r="M754" s="234"/>
      <c r="N754" s="65"/>
      <c r="O754" s="76"/>
      <c r="P754" s="76"/>
      <c r="Q754" s="65"/>
      <c r="R754" s="76"/>
      <c r="S754" s="76"/>
      <c r="T754" s="76"/>
      <c r="U754" s="76"/>
      <c r="V754" s="76"/>
      <c r="W754" s="76"/>
      <c r="X754" s="76"/>
      <c r="Y754" s="76"/>
      <c r="Z754" s="76"/>
      <c r="AA754" s="85"/>
      <c r="AB754" s="85"/>
      <c r="AC754" s="85"/>
      <c r="AD754" s="85"/>
      <c r="AE754" s="85"/>
      <c r="AF754" s="85"/>
      <c r="AG754" s="86"/>
      <c r="AH754" s="85"/>
      <c r="AI754" s="85"/>
      <c r="AJ754" s="85"/>
      <c r="AK754" s="85"/>
      <c r="AL754" s="85"/>
      <c r="AM754" s="92"/>
      <c r="AN754" s="92"/>
      <c r="AO754" s="92"/>
      <c r="AP754" s="92"/>
      <c r="AQ754" s="92"/>
      <c r="AR754" s="92"/>
      <c r="AS754" s="92"/>
      <c r="AT754" s="92"/>
      <c r="AU754" s="92"/>
      <c r="AV754" s="92"/>
      <c r="AW754" s="92"/>
      <c r="AX754" s="92"/>
      <c r="AY754" s="92"/>
      <c r="AZ754" s="93"/>
      <c r="BA754" s="93"/>
      <c r="BB754" s="93"/>
      <c r="BC754" s="93"/>
      <c r="BD754" s="93"/>
      <c r="BE754" s="93"/>
      <c r="BF754" s="93"/>
      <c r="BG754" s="93"/>
      <c r="BH754" s="93"/>
      <c r="BI754" s="93"/>
      <c r="BJ754" s="93"/>
      <c r="BK754" s="93"/>
      <c r="BL754" s="93"/>
    </row>
    <row r="755" spans="2:64" x14ac:dyDescent="0.2">
      <c r="B755" s="43"/>
      <c r="C755" s="73"/>
      <c r="D755" s="64"/>
      <c r="E755" s="55"/>
      <c r="F755" s="74"/>
      <c r="G755" s="74"/>
      <c r="H755" s="74"/>
      <c r="I755" s="75"/>
      <c r="J755" s="74"/>
      <c r="L755" s="55"/>
      <c r="M755" s="234"/>
      <c r="N755" s="65"/>
      <c r="O755" s="76"/>
      <c r="P755" s="76"/>
      <c r="Q755" s="65"/>
      <c r="R755" s="76"/>
      <c r="S755" s="76"/>
      <c r="T755" s="76"/>
      <c r="U755" s="76"/>
      <c r="V755" s="76"/>
      <c r="W755" s="76"/>
      <c r="X755" s="76"/>
      <c r="Y755" s="76"/>
      <c r="Z755" s="76"/>
      <c r="AA755" s="85"/>
      <c r="AB755" s="85"/>
      <c r="AC755" s="85"/>
      <c r="AD755" s="85"/>
      <c r="AE755" s="85"/>
      <c r="AF755" s="85"/>
      <c r="AG755" s="86"/>
      <c r="AH755" s="85"/>
      <c r="AI755" s="85"/>
      <c r="AJ755" s="85"/>
      <c r="AK755" s="85"/>
      <c r="AL755" s="85"/>
      <c r="AM755" s="92"/>
      <c r="AN755" s="92"/>
      <c r="AO755" s="92"/>
      <c r="AP755" s="92"/>
      <c r="AQ755" s="92"/>
      <c r="AR755" s="92"/>
      <c r="AS755" s="92"/>
      <c r="AT755" s="92"/>
      <c r="AU755" s="92"/>
      <c r="AV755" s="92"/>
      <c r="AW755" s="92"/>
      <c r="AX755" s="92"/>
      <c r="AY755" s="92"/>
      <c r="AZ755" s="93"/>
      <c r="BA755" s="93"/>
      <c r="BB755" s="93"/>
      <c r="BC755" s="93"/>
      <c r="BD755" s="93"/>
      <c r="BE755" s="93"/>
      <c r="BF755" s="93"/>
      <c r="BG755" s="93"/>
      <c r="BH755" s="93"/>
      <c r="BI755" s="93"/>
      <c r="BJ755" s="93"/>
      <c r="BK755" s="93"/>
      <c r="BL755" s="93"/>
    </row>
    <row r="756" spans="2:64" x14ac:dyDescent="0.2">
      <c r="B756" s="43"/>
      <c r="C756" s="73"/>
      <c r="D756" s="64"/>
      <c r="E756" s="55"/>
      <c r="F756" s="74"/>
      <c r="G756" s="74"/>
      <c r="H756" s="74"/>
      <c r="I756" s="75"/>
      <c r="J756" s="74"/>
      <c r="L756" s="55"/>
      <c r="M756" s="234"/>
      <c r="N756" s="65"/>
      <c r="O756" s="76"/>
      <c r="P756" s="76"/>
      <c r="Q756" s="65"/>
      <c r="R756" s="76"/>
      <c r="S756" s="76"/>
      <c r="T756" s="76"/>
      <c r="U756" s="76"/>
      <c r="V756" s="76"/>
      <c r="W756" s="76"/>
      <c r="X756" s="76"/>
      <c r="Y756" s="76"/>
      <c r="Z756" s="76"/>
      <c r="AA756" s="85"/>
      <c r="AB756" s="85"/>
      <c r="AC756" s="85"/>
      <c r="AD756" s="85"/>
      <c r="AE756" s="85"/>
      <c r="AF756" s="85"/>
      <c r="AG756" s="86"/>
      <c r="AH756" s="85"/>
      <c r="AI756" s="85"/>
      <c r="AJ756" s="85"/>
      <c r="AK756" s="85"/>
      <c r="AL756" s="85"/>
      <c r="AM756" s="92"/>
      <c r="AN756" s="92"/>
      <c r="AO756" s="92"/>
      <c r="AP756" s="92"/>
      <c r="AQ756" s="92"/>
      <c r="AR756" s="92"/>
      <c r="AS756" s="92"/>
      <c r="AT756" s="92"/>
      <c r="AU756" s="92"/>
      <c r="AV756" s="92"/>
      <c r="AW756" s="92"/>
      <c r="AX756" s="92"/>
      <c r="AY756" s="92"/>
      <c r="AZ756" s="93"/>
      <c r="BA756" s="93"/>
      <c r="BB756" s="93"/>
      <c r="BC756" s="93"/>
      <c r="BD756" s="93"/>
      <c r="BE756" s="93"/>
      <c r="BF756" s="93"/>
      <c r="BG756" s="93"/>
      <c r="BH756" s="93"/>
      <c r="BI756" s="93"/>
      <c r="BJ756" s="93"/>
      <c r="BK756" s="93"/>
      <c r="BL756" s="93"/>
    </row>
    <row r="757" spans="2:64" x14ac:dyDescent="0.2">
      <c r="B757" s="43"/>
      <c r="C757" s="73"/>
      <c r="D757" s="64"/>
      <c r="E757" s="55"/>
      <c r="F757" s="74"/>
      <c r="G757" s="74"/>
      <c r="H757" s="74"/>
      <c r="I757" s="75"/>
      <c r="J757" s="74"/>
      <c r="L757" s="55"/>
      <c r="M757" s="234"/>
      <c r="N757" s="65"/>
      <c r="O757" s="76"/>
      <c r="P757" s="76"/>
      <c r="Q757" s="65"/>
      <c r="R757" s="76"/>
      <c r="S757" s="76"/>
      <c r="T757" s="76"/>
      <c r="U757" s="76"/>
      <c r="V757" s="76"/>
      <c r="W757" s="76"/>
      <c r="X757" s="76"/>
      <c r="Y757" s="76"/>
      <c r="Z757" s="76"/>
      <c r="AA757" s="85"/>
      <c r="AB757" s="85"/>
      <c r="AC757" s="85"/>
      <c r="AD757" s="85"/>
      <c r="AE757" s="85"/>
      <c r="AF757" s="85"/>
      <c r="AG757" s="86"/>
      <c r="AH757" s="85"/>
      <c r="AI757" s="85"/>
      <c r="AJ757" s="85"/>
      <c r="AK757" s="85"/>
      <c r="AL757" s="85"/>
      <c r="AM757" s="92"/>
      <c r="AN757" s="92"/>
      <c r="AO757" s="92"/>
      <c r="AP757" s="92"/>
      <c r="AQ757" s="92"/>
      <c r="AR757" s="92"/>
      <c r="AS757" s="92"/>
      <c r="AT757" s="92"/>
      <c r="AU757" s="92"/>
      <c r="AV757" s="92"/>
      <c r="AW757" s="92"/>
      <c r="AX757" s="92"/>
      <c r="AY757" s="92"/>
      <c r="AZ757" s="93"/>
      <c r="BA757" s="93"/>
      <c r="BB757" s="93"/>
      <c r="BC757" s="93"/>
      <c r="BD757" s="93"/>
      <c r="BE757" s="93"/>
      <c r="BF757" s="93"/>
      <c r="BG757" s="93"/>
      <c r="BH757" s="93"/>
      <c r="BI757" s="93"/>
      <c r="BJ757" s="93"/>
      <c r="BK757" s="93"/>
      <c r="BL757" s="93"/>
    </row>
    <row r="758" spans="2:64" x14ac:dyDescent="0.2">
      <c r="B758" s="43"/>
      <c r="C758" s="73"/>
      <c r="D758" s="64"/>
      <c r="E758" s="55"/>
      <c r="F758" s="74"/>
      <c r="G758" s="74"/>
      <c r="H758" s="74"/>
      <c r="I758" s="75"/>
      <c r="J758" s="74"/>
      <c r="L758" s="55"/>
      <c r="M758" s="234"/>
      <c r="N758" s="65"/>
      <c r="O758" s="76"/>
      <c r="P758" s="76"/>
      <c r="Q758" s="65"/>
      <c r="R758" s="76"/>
      <c r="S758" s="76"/>
      <c r="T758" s="76"/>
      <c r="U758" s="76"/>
      <c r="V758" s="76"/>
      <c r="W758" s="76"/>
      <c r="X758" s="76"/>
      <c r="Y758" s="76"/>
      <c r="Z758" s="76"/>
      <c r="AA758" s="85"/>
      <c r="AB758" s="85"/>
      <c r="AC758" s="85"/>
      <c r="AD758" s="85"/>
      <c r="AE758" s="85"/>
      <c r="AF758" s="85"/>
      <c r="AG758" s="86"/>
      <c r="AH758" s="85"/>
      <c r="AI758" s="85"/>
      <c r="AJ758" s="85"/>
      <c r="AK758" s="85"/>
      <c r="AL758" s="85"/>
      <c r="AM758" s="92"/>
      <c r="AN758" s="92"/>
      <c r="AO758" s="92"/>
      <c r="AP758" s="92"/>
      <c r="AQ758" s="92"/>
      <c r="AR758" s="92"/>
      <c r="AS758" s="92"/>
      <c r="AT758" s="92"/>
      <c r="AU758" s="92"/>
      <c r="AV758" s="92"/>
      <c r="AW758" s="92"/>
      <c r="AX758" s="92"/>
      <c r="AY758" s="92"/>
      <c r="AZ758" s="93"/>
      <c r="BA758" s="93"/>
      <c r="BB758" s="93"/>
      <c r="BC758" s="93"/>
      <c r="BD758" s="93"/>
      <c r="BE758" s="93"/>
      <c r="BF758" s="93"/>
      <c r="BG758" s="93"/>
      <c r="BH758" s="93"/>
      <c r="BI758" s="93"/>
      <c r="BJ758" s="93"/>
      <c r="BK758" s="93"/>
      <c r="BL758" s="93"/>
    </row>
    <row r="759" spans="2:64" x14ac:dyDescent="0.2">
      <c r="B759" s="43"/>
      <c r="C759" s="73"/>
      <c r="D759" s="64"/>
      <c r="E759" s="55"/>
      <c r="F759" s="74"/>
      <c r="G759" s="74"/>
      <c r="H759" s="74"/>
      <c r="I759" s="75"/>
      <c r="J759" s="74"/>
      <c r="L759" s="55"/>
      <c r="M759" s="234"/>
      <c r="N759" s="65"/>
      <c r="O759" s="76"/>
      <c r="P759" s="76"/>
      <c r="Q759" s="65"/>
      <c r="R759" s="76"/>
      <c r="S759" s="76"/>
      <c r="T759" s="76"/>
      <c r="U759" s="76"/>
      <c r="V759" s="76"/>
      <c r="W759" s="76"/>
      <c r="X759" s="76"/>
      <c r="Y759" s="76"/>
      <c r="Z759" s="76"/>
      <c r="AA759" s="85"/>
      <c r="AB759" s="85"/>
      <c r="AC759" s="85"/>
      <c r="AD759" s="85"/>
      <c r="AE759" s="85"/>
      <c r="AF759" s="85"/>
      <c r="AG759" s="86"/>
      <c r="AH759" s="85"/>
      <c r="AI759" s="85"/>
      <c r="AJ759" s="85"/>
      <c r="AK759" s="85"/>
      <c r="AL759" s="85"/>
      <c r="AM759" s="92"/>
      <c r="AN759" s="92"/>
      <c r="AO759" s="92"/>
      <c r="AP759" s="92"/>
      <c r="AQ759" s="92"/>
      <c r="AR759" s="92"/>
      <c r="AS759" s="92"/>
      <c r="AT759" s="92"/>
      <c r="AU759" s="92"/>
      <c r="AV759" s="92"/>
      <c r="AW759" s="92"/>
      <c r="AX759" s="92"/>
      <c r="AY759" s="92"/>
      <c r="AZ759" s="93"/>
      <c r="BA759" s="93"/>
      <c r="BB759" s="93"/>
      <c r="BC759" s="93"/>
      <c r="BD759" s="93"/>
      <c r="BE759" s="93"/>
      <c r="BF759" s="93"/>
      <c r="BG759" s="93"/>
      <c r="BH759" s="93"/>
      <c r="BI759" s="93"/>
      <c r="BJ759" s="93"/>
      <c r="BK759" s="93"/>
      <c r="BL759" s="93"/>
    </row>
    <row r="760" spans="2:64" x14ac:dyDescent="0.2">
      <c r="B760" s="43"/>
      <c r="C760" s="73"/>
      <c r="D760" s="64"/>
      <c r="E760" s="55"/>
      <c r="F760" s="74"/>
      <c r="G760" s="74"/>
      <c r="H760" s="74"/>
      <c r="I760" s="75"/>
      <c r="J760" s="74"/>
      <c r="L760" s="55"/>
      <c r="M760" s="234"/>
      <c r="N760" s="65"/>
      <c r="O760" s="76"/>
      <c r="P760" s="76"/>
      <c r="Q760" s="65"/>
      <c r="R760" s="76"/>
      <c r="S760" s="76"/>
      <c r="T760" s="76"/>
      <c r="U760" s="76"/>
      <c r="V760" s="76"/>
      <c r="W760" s="76"/>
      <c r="X760" s="76"/>
      <c r="Y760" s="76"/>
      <c r="Z760" s="76"/>
      <c r="AA760" s="85"/>
      <c r="AB760" s="85"/>
      <c r="AC760" s="85"/>
      <c r="AD760" s="85"/>
      <c r="AE760" s="85"/>
      <c r="AF760" s="85"/>
      <c r="AG760" s="86"/>
      <c r="AH760" s="85"/>
      <c r="AI760" s="85"/>
      <c r="AJ760" s="85"/>
      <c r="AK760" s="85"/>
      <c r="AL760" s="85"/>
      <c r="AM760" s="92"/>
      <c r="AN760" s="92"/>
      <c r="AO760" s="92"/>
      <c r="AP760" s="92"/>
      <c r="AQ760" s="92"/>
      <c r="AR760" s="92"/>
      <c r="AS760" s="92"/>
      <c r="AT760" s="92"/>
      <c r="AU760" s="92"/>
      <c r="AV760" s="92"/>
      <c r="AW760" s="92"/>
      <c r="AX760" s="92"/>
      <c r="AY760" s="92"/>
      <c r="AZ760" s="93"/>
      <c r="BA760" s="93"/>
      <c r="BB760" s="93"/>
      <c r="BC760" s="93"/>
      <c r="BD760" s="93"/>
      <c r="BE760" s="93"/>
      <c r="BF760" s="93"/>
      <c r="BG760" s="93"/>
      <c r="BH760" s="93"/>
      <c r="BI760" s="93"/>
      <c r="BJ760" s="93"/>
      <c r="BK760" s="93"/>
      <c r="BL760" s="93"/>
    </row>
    <row r="761" spans="2:64" x14ac:dyDescent="0.2">
      <c r="B761" s="43"/>
      <c r="C761" s="73"/>
      <c r="D761" s="64"/>
      <c r="E761" s="55"/>
      <c r="F761" s="74"/>
      <c r="G761" s="74"/>
      <c r="H761" s="74"/>
      <c r="I761" s="75"/>
      <c r="J761" s="74"/>
      <c r="L761" s="55"/>
      <c r="M761" s="234"/>
      <c r="N761" s="65"/>
      <c r="O761" s="76"/>
      <c r="P761" s="76"/>
      <c r="Q761" s="65"/>
      <c r="R761" s="76"/>
      <c r="S761" s="76"/>
      <c r="T761" s="76"/>
      <c r="U761" s="76"/>
      <c r="V761" s="76"/>
      <c r="W761" s="76"/>
      <c r="X761" s="76"/>
      <c r="Y761" s="76"/>
      <c r="Z761" s="76"/>
      <c r="AA761" s="85"/>
      <c r="AB761" s="85"/>
      <c r="AC761" s="85"/>
      <c r="AD761" s="85"/>
      <c r="AE761" s="85"/>
      <c r="AF761" s="85"/>
      <c r="AG761" s="86"/>
      <c r="AH761" s="85"/>
      <c r="AI761" s="85"/>
      <c r="AJ761" s="85"/>
      <c r="AK761" s="85"/>
      <c r="AL761" s="85"/>
      <c r="AM761" s="92"/>
      <c r="AN761" s="92"/>
      <c r="AO761" s="92"/>
      <c r="AP761" s="92"/>
      <c r="AQ761" s="92"/>
      <c r="AR761" s="92"/>
      <c r="AS761" s="92"/>
      <c r="AT761" s="92"/>
      <c r="AU761" s="92"/>
      <c r="AV761" s="92"/>
      <c r="AW761" s="92"/>
      <c r="AX761" s="92"/>
      <c r="AY761" s="92"/>
      <c r="AZ761" s="93"/>
      <c r="BA761" s="93"/>
      <c r="BB761" s="93"/>
      <c r="BC761" s="93"/>
      <c r="BD761" s="93"/>
      <c r="BE761" s="93"/>
      <c r="BF761" s="93"/>
      <c r="BG761" s="93"/>
      <c r="BH761" s="93"/>
      <c r="BI761" s="93"/>
      <c r="BJ761" s="93"/>
      <c r="BK761" s="93"/>
      <c r="BL761" s="93"/>
    </row>
    <row r="762" spans="2:64" x14ac:dyDescent="0.2">
      <c r="B762" s="43"/>
      <c r="C762" s="73"/>
      <c r="D762" s="64"/>
      <c r="E762" s="55"/>
      <c r="F762" s="74"/>
      <c r="G762" s="74"/>
      <c r="H762" s="74"/>
      <c r="I762" s="75"/>
      <c r="J762" s="74"/>
      <c r="L762" s="55"/>
      <c r="M762" s="234"/>
      <c r="N762" s="65"/>
      <c r="O762" s="76"/>
      <c r="P762" s="76"/>
      <c r="Q762" s="65"/>
      <c r="R762" s="76"/>
      <c r="S762" s="76"/>
      <c r="T762" s="76"/>
      <c r="U762" s="76"/>
      <c r="V762" s="76"/>
      <c r="W762" s="76"/>
      <c r="X762" s="76"/>
      <c r="Y762" s="76"/>
      <c r="Z762" s="76"/>
      <c r="AA762" s="85"/>
      <c r="AB762" s="85"/>
      <c r="AC762" s="85"/>
      <c r="AD762" s="85"/>
      <c r="AE762" s="85"/>
      <c r="AF762" s="85"/>
      <c r="AG762" s="86"/>
      <c r="AH762" s="85"/>
      <c r="AI762" s="85"/>
      <c r="AJ762" s="85"/>
      <c r="AK762" s="85"/>
      <c r="AL762" s="85"/>
      <c r="AM762" s="92"/>
      <c r="AN762" s="92"/>
      <c r="AO762" s="92"/>
      <c r="AP762" s="92"/>
      <c r="AQ762" s="92"/>
      <c r="AR762" s="92"/>
      <c r="AS762" s="92"/>
      <c r="AT762" s="92"/>
      <c r="AU762" s="92"/>
      <c r="AV762" s="92"/>
      <c r="AW762" s="92"/>
      <c r="AX762" s="92"/>
      <c r="AY762" s="92"/>
      <c r="AZ762" s="93"/>
      <c r="BA762" s="93"/>
      <c r="BB762" s="93"/>
      <c r="BC762" s="93"/>
      <c r="BD762" s="93"/>
      <c r="BE762" s="93"/>
      <c r="BF762" s="93"/>
      <c r="BG762" s="93"/>
      <c r="BH762" s="93"/>
      <c r="BI762" s="93"/>
      <c r="BJ762" s="93"/>
      <c r="BK762" s="93"/>
      <c r="BL762" s="93"/>
    </row>
    <row r="763" spans="2:64" x14ac:dyDescent="0.2">
      <c r="B763" s="43"/>
      <c r="C763" s="73"/>
      <c r="D763" s="64"/>
      <c r="E763" s="55"/>
      <c r="F763" s="74"/>
      <c r="G763" s="74"/>
      <c r="H763" s="74"/>
      <c r="I763" s="75"/>
      <c r="J763" s="74"/>
      <c r="L763" s="55"/>
      <c r="M763" s="234"/>
      <c r="N763" s="65"/>
      <c r="O763" s="76"/>
      <c r="P763" s="76"/>
      <c r="Q763" s="65"/>
      <c r="R763" s="76"/>
      <c r="S763" s="76"/>
      <c r="T763" s="76"/>
      <c r="U763" s="76"/>
      <c r="V763" s="76"/>
      <c r="W763" s="76"/>
      <c r="X763" s="76"/>
      <c r="Y763" s="76"/>
      <c r="Z763" s="76"/>
      <c r="AA763" s="85"/>
      <c r="AB763" s="85"/>
      <c r="AC763" s="85"/>
      <c r="AD763" s="85"/>
      <c r="AE763" s="85"/>
      <c r="AF763" s="85"/>
      <c r="AG763" s="86"/>
      <c r="AH763" s="85"/>
      <c r="AI763" s="85"/>
      <c r="AJ763" s="85"/>
      <c r="AK763" s="85"/>
      <c r="AL763" s="85"/>
      <c r="AM763" s="92"/>
      <c r="AN763" s="92"/>
      <c r="AO763" s="92"/>
      <c r="AP763" s="92"/>
      <c r="AQ763" s="92"/>
      <c r="AR763" s="92"/>
      <c r="AS763" s="92"/>
      <c r="AT763" s="92"/>
      <c r="AU763" s="92"/>
      <c r="AV763" s="92"/>
      <c r="AW763" s="92"/>
      <c r="AX763" s="92"/>
      <c r="AY763" s="92"/>
      <c r="AZ763" s="93"/>
      <c r="BA763" s="93"/>
      <c r="BB763" s="93"/>
      <c r="BC763" s="93"/>
      <c r="BD763" s="93"/>
      <c r="BE763" s="93"/>
      <c r="BF763" s="93"/>
      <c r="BG763" s="93"/>
      <c r="BH763" s="93"/>
      <c r="BI763" s="93"/>
      <c r="BJ763" s="93"/>
      <c r="BK763" s="93"/>
      <c r="BL763" s="93"/>
    </row>
    <row r="764" spans="2:64" x14ac:dyDescent="0.2">
      <c r="B764" s="43"/>
      <c r="C764" s="73"/>
      <c r="D764" s="64"/>
      <c r="E764" s="55"/>
      <c r="F764" s="74"/>
      <c r="G764" s="74"/>
      <c r="H764" s="74"/>
      <c r="I764" s="75"/>
      <c r="J764" s="74"/>
      <c r="L764" s="55"/>
      <c r="M764" s="234"/>
      <c r="N764" s="65"/>
      <c r="O764" s="76"/>
      <c r="P764" s="76"/>
      <c r="Q764" s="65"/>
      <c r="R764" s="76"/>
      <c r="S764" s="76"/>
      <c r="T764" s="76"/>
      <c r="U764" s="76"/>
      <c r="V764" s="76"/>
      <c r="W764" s="76"/>
      <c r="X764" s="76"/>
      <c r="Y764" s="76"/>
      <c r="Z764" s="76"/>
      <c r="AA764" s="85"/>
      <c r="AB764" s="85"/>
      <c r="AC764" s="85"/>
      <c r="AD764" s="85"/>
      <c r="AE764" s="85"/>
      <c r="AF764" s="85"/>
      <c r="AG764" s="86"/>
      <c r="AH764" s="85"/>
      <c r="AI764" s="85"/>
      <c r="AJ764" s="85"/>
      <c r="AK764" s="85"/>
      <c r="AL764" s="85"/>
      <c r="AM764" s="92"/>
      <c r="AN764" s="92"/>
      <c r="AO764" s="92"/>
      <c r="AP764" s="92"/>
      <c r="AQ764" s="92"/>
      <c r="AR764" s="92"/>
      <c r="AS764" s="92"/>
      <c r="AT764" s="92"/>
      <c r="AU764" s="92"/>
      <c r="AV764" s="92"/>
      <c r="AW764" s="92"/>
      <c r="AX764" s="92"/>
      <c r="AY764" s="92"/>
      <c r="AZ764" s="93"/>
      <c r="BA764" s="93"/>
      <c r="BB764" s="93"/>
      <c r="BC764" s="93"/>
      <c r="BD764" s="93"/>
      <c r="BE764" s="93"/>
      <c r="BF764" s="93"/>
      <c r="BG764" s="93"/>
      <c r="BH764" s="93"/>
      <c r="BI764" s="93"/>
      <c r="BJ764" s="93"/>
      <c r="BK764" s="93"/>
      <c r="BL764" s="93"/>
    </row>
    <row r="765" spans="2:64" x14ac:dyDescent="0.2">
      <c r="B765" s="43"/>
      <c r="C765" s="73"/>
      <c r="D765" s="64"/>
      <c r="E765" s="55"/>
      <c r="F765" s="74"/>
      <c r="G765" s="74"/>
      <c r="H765" s="74"/>
      <c r="I765" s="75"/>
      <c r="J765" s="74"/>
      <c r="L765" s="55"/>
      <c r="M765" s="234"/>
      <c r="N765" s="65"/>
      <c r="O765" s="76"/>
      <c r="P765" s="76"/>
      <c r="Q765" s="65"/>
      <c r="R765" s="76"/>
      <c r="S765" s="76"/>
      <c r="T765" s="76"/>
      <c r="U765" s="76"/>
      <c r="V765" s="76"/>
      <c r="W765" s="76"/>
      <c r="X765" s="76"/>
      <c r="Y765" s="76"/>
      <c r="Z765" s="76"/>
      <c r="AA765" s="85"/>
      <c r="AB765" s="85"/>
      <c r="AC765" s="85"/>
      <c r="AD765" s="85"/>
      <c r="AE765" s="85"/>
      <c r="AF765" s="85"/>
      <c r="AG765" s="86"/>
      <c r="AH765" s="85"/>
      <c r="AI765" s="85"/>
      <c r="AJ765" s="85"/>
      <c r="AK765" s="85"/>
      <c r="AL765" s="85"/>
      <c r="AM765" s="92"/>
      <c r="AN765" s="92"/>
      <c r="AO765" s="92"/>
      <c r="AP765" s="92"/>
      <c r="AQ765" s="92"/>
      <c r="AR765" s="92"/>
      <c r="AS765" s="92"/>
      <c r="AT765" s="92"/>
      <c r="AU765" s="92"/>
      <c r="AV765" s="92"/>
      <c r="AW765" s="92"/>
      <c r="AX765" s="92"/>
      <c r="AY765" s="92"/>
      <c r="AZ765" s="93"/>
      <c r="BA765" s="93"/>
      <c r="BB765" s="93"/>
      <c r="BC765" s="93"/>
      <c r="BD765" s="93"/>
      <c r="BE765" s="93"/>
      <c r="BF765" s="93"/>
      <c r="BG765" s="93"/>
      <c r="BH765" s="93"/>
      <c r="BI765" s="93"/>
      <c r="BJ765" s="93"/>
      <c r="BK765" s="93"/>
      <c r="BL765" s="93"/>
    </row>
    <row r="766" spans="2:64" x14ac:dyDescent="0.2">
      <c r="B766" s="43"/>
      <c r="C766" s="73"/>
      <c r="D766" s="64"/>
      <c r="E766" s="55"/>
      <c r="F766" s="74"/>
      <c r="G766" s="74"/>
      <c r="H766" s="74"/>
      <c r="I766" s="75"/>
      <c r="J766" s="74"/>
      <c r="L766" s="55"/>
      <c r="M766" s="234"/>
      <c r="N766" s="65"/>
      <c r="O766" s="76"/>
      <c r="P766" s="76"/>
      <c r="Q766" s="65"/>
      <c r="R766" s="76"/>
      <c r="S766" s="76"/>
      <c r="T766" s="76"/>
      <c r="U766" s="76"/>
      <c r="V766" s="76"/>
      <c r="W766" s="76"/>
      <c r="X766" s="76"/>
      <c r="Y766" s="76"/>
      <c r="Z766" s="76"/>
      <c r="AA766" s="85"/>
      <c r="AB766" s="85"/>
      <c r="AC766" s="85"/>
      <c r="AD766" s="85"/>
      <c r="AE766" s="85"/>
      <c r="AF766" s="85"/>
      <c r="AG766" s="86"/>
      <c r="AH766" s="85"/>
      <c r="AI766" s="85"/>
      <c r="AJ766" s="85"/>
      <c r="AK766" s="85"/>
      <c r="AL766" s="85"/>
      <c r="AM766" s="92"/>
      <c r="AN766" s="92"/>
      <c r="AO766" s="92"/>
      <c r="AP766" s="92"/>
      <c r="AQ766" s="92"/>
      <c r="AR766" s="92"/>
      <c r="AS766" s="92"/>
      <c r="AT766" s="92"/>
      <c r="AU766" s="92"/>
      <c r="AV766" s="92"/>
      <c r="AW766" s="92"/>
      <c r="AX766" s="92"/>
      <c r="AY766" s="92"/>
      <c r="AZ766" s="93"/>
      <c r="BA766" s="93"/>
      <c r="BB766" s="93"/>
      <c r="BC766" s="93"/>
      <c r="BD766" s="93"/>
      <c r="BE766" s="93"/>
      <c r="BF766" s="93"/>
      <c r="BG766" s="93"/>
      <c r="BH766" s="93"/>
      <c r="BI766" s="93"/>
      <c r="BJ766" s="93"/>
      <c r="BK766" s="93"/>
      <c r="BL766" s="93"/>
    </row>
    <row r="767" spans="2:64" x14ac:dyDescent="0.2">
      <c r="B767" s="43"/>
      <c r="C767" s="73"/>
      <c r="D767" s="64"/>
      <c r="E767" s="55"/>
      <c r="F767" s="74"/>
      <c r="G767" s="74"/>
      <c r="H767" s="74"/>
      <c r="I767" s="75"/>
      <c r="J767" s="74"/>
      <c r="L767" s="55"/>
      <c r="M767" s="234"/>
      <c r="N767" s="65"/>
      <c r="O767" s="76"/>
      <c r="P767" s="76"/>
      <c r="Q767" s="65"/>
      <c r="R767" s="76"/>
      <c r="S767" s="76"/>
      <c r="T767" s="76"/>
      <c r="U767" s="76"/>
      <c r="V767" s="76"/>
      <c r="W767" s="76"/>
      <c r="X767" s="76"/>
      <c r="Y767" s="76"/>
      <c r="Z767" s="76"/>
      <c r="AA767" s="85"/>
      <c r="AB767" s="85"/>
      <c r="AC767" s="85"/>
      <c r="AD767" s="85"/>
      <c r="AE767" s="85"/>
      <c r="AF767" s="85"/>
      <c r="AG767" s="86"/>
      <c r="AH767" s="85"/>
      <c r="AI767" s="85"/>
      <c r="AJ767" s="85"/>
      <c r="AK767" s="85"/>
      <c r="AL767" s="85"/>
      <c r="AM767" s="92"/>
      <c r="AN767" s="92"/>
      <c r="AO767" s="92"/>
      <c r="AP767" s="92"/>
      <c r="AQ767" s="92"/>
      <c r="AR767" s="92"/>
      <c r="AS767" s="92"/>
      <c r="AT767" s="92"/>
      <c r="AU767" s="92"/>
      <c r="AV767" s="92"/>
      <c r="AW767" s="92"/>
      <c r="AX767" s="92"/>
      <c r="AY767" s="92"/>
      <c r="AZ767" s="93"/>
      <c r="BA767" s="93"/>
      <c r="BB767" s="93"/>
      <c r="BC767" s="93"/>
      <c r="BD767" s="93"/>
      <c r="BE767" s="93"/>
      <c r="BF767" s="93"/>
      <c r="BG767" s="93"/>
      <c r="BH767" s="93"/>
      <c r="BI767" s="93"/>
      <c r="BJ767" s="93"/>
      <c r="BK767" s="93"/>
      <c r="BL767" s="93"/>
    </row>
    <row r="768" spans="2:64" x14ac:dyDescent="0.2">
      <c r="B768" s="43"/>
      <c r="C768" s="73"/>
      <c r="D768" s="64"/>
      <c r="E768" s="55"/>
      <c r="F768" s="74"/>
      <c r="G768" s="74"/>
      <c r="H768" s="74"/>
      <c r="I768" s="75"/>
      <c r="J768" s="74"/>
      <c r="L768" s="55"/>
      <c r="M768" s="234"/>
      <c r="N768" s="65"/>
      <c r="O768" s="76"/>
      <c r="P768" s="76"/>
      <c r="Q768" s="65"/>
      <c r="R768" s="76"/>
      <c r="S768" s="76"/>
      <c r="T768" s="76"/>
      <c r="U768" s="76"/>
      <c r="V768" s="76"/>
      <c r="W768" s="76"/>
      <c r="X768" s="76"/>
      <c r="Y768" s="76"/>
      <c r="Z768" s="76"/>
      <c r="AA768" s="85"/>
      <c r="AB768" s="85"/>
      <c r="AC768" s="85"/>
      <c r="AD768" s="85"/>
      <c r="AE768" s="85"/>
      <c r="AF768" s="85"/>
      <c r="AG768" s="86"/>
      <c r="AH768" s="85"/>
      <c r="AI768" s="85"/>
      <c r="AJ768" s="85"/>
      <c r="AK768" s="85"/>
      <c r="AL768" s="85"/>
      <c r="AM768" s="92"/>
      <c r="AN768" s="92"/>
      <c r="AO768" s="92"/>
      <c r="AP768" s="92"/>
      <c r="AQ768" s="92"/>
      <c r="AR768" s="92"/>
      <c r="AS768" s="92"/>
      <c r="AT768" s="92"/>
      <c r="AU768" s="92"/>
      <c r="AV768" s="92"/>
      <c r="AW768" s="92"/>
      <c r="AX768" s="92"/>
      <c r="AY768" s="92"/>
      <c r="AZ768" s="93"/>
      <c r="BA768" s="93"/>
      <c r="BB768" s="93"/>
      <c r="BC768" s="93"/>
      <c r="BD768" s="93"/>
      <c r="BE768" s="93"/>
      <c r="BF768" s="93"/>
      <c r="BG768" s="93"/>
      <c r="BH768" s="93"/>
      <c r="BI768" s="93"/>
      <c r="BJ768" s="93"/>
      <c r="BK768" s="93"/>
      <c r="BL768" s="93"/>
    </row>
    <row r="769" spans="2:64" x14ac:dyDescent="0.2">
      <c r="B769" s="43"/>
      <c r="C769" s="73"/>
      <c r="D769" s="64"/>
      <c r="E769" s="55"/>
      <c r="F769" s="74"/>
      <c r="G769" s="74"/>
      <c r="H769" s="74"/>
      <c r="I769" s="75"/>
      <c r="J769" s="74"/>
      <c r="L769" s="55"/>
      <c r="M769" s="234"/>
      <c r="N769" s="65"/>
      <c r="O769" s="76"/>
      <c r="P769" s="76"/>
      <c r="Q769" s="65"/>
      <c r="R769" s="76"/>
      <c r="S769" s="76"/>
      <c r="T769" s="76"/>
      <c r="U769" s="76"/>
      <c r="V769" s="76"/>
      <c r="W769" s="76"/>
      <c r="X769" s="76"/>
      <c r="Y769" s="76"/>
      <c r="Z769" s="76"/>
      <c r="AA769" s="85"/>
      <c r="AB769" s="85"/>
      <c r="AC769" s="85"/>
      <c r="AD769" s="85"/>
      <c r="AE769" s="85"/>
      <c r="AF769" s="85"/>
      <c r="AG769" s="86"/>
      <c r="AH769" s="85"/>
      <c r="AI769" s="85"/>
      <c r="AJ769" s="85"/>
      <c r="AK769" s="85"/>
      <c r="AL769" s="85"/>
      <c r="AM769" s="92"/>
      <c r="AN769" s="92"/>
      <c r="AO769" s="92"/>
      <c r="AP769" s="92"/>
      <c r="AQ769" s="92"/>
      <c r="AR769" s="92"/>
      <c r="AS769" s="92"/>
      <c r="AT769" s="92"/>
      <c r="AU769" s="92"/>
      <c r="AV769" s="92"/>
      <c r="AW769" s="92"/>
      <c r="AX769" s="92"/>
      <c r="AY769" s="92"/>
      <c r="AZ769" s="93"/>
      <c r="BA769" s="93"/>
      <c r="BB769" s="93"/>
      <c r="BC769" s="93"/>
      <c r="BD769" s="93"/>
      <c r="BE769" s="93"/>
      <c r="BF769" s="93"/>
      <c r="BG769" s="93"/>
      <c r="BH769" s="93"/>
      <c r="BI769" s="93"/>
      <c r="BJ769" s="93"/>
      <c r="BK769" s="93"/>
      <c r="BL769" s="93"/>
    </row>
    <row r="770" spans="2:64" x14ac:dyDescent="0.2">
      <c r="B770" s="43"/>
      <c r="C770" s="73"/>
      <c r="D770" s="64"/>
      <c r="E770" s="55"/>
      <c r="F770" s="74"/>
      <c r="G770" s="74"/>
      <c r="H770" s="74"/>
      <c r="I770" s="75"/>
      <c r="J770" s="74"/>
      <c r="L770" s="55"/>
      <c r="M770" s="234"/>
      <c r="N770" s="65"/>
      <c r="O770" s="76"/>
      <c r="P770" s="76"/>
      <c r="Q770" s="65"/>
      <c r="R770" s="76"/>
      <c r="S770" s="76"/>
      <c r="T770" s="76"/>
      <c r="U770" s="76"/>
      <c r="V770" s="76"/>
      <c r="W770" s="76"/>
      <c r="X770" s="76"/>
      <c r="Y770" s="76"/>
      <c r="Z770" s="76"/>
      <c r="AA770" s="85"/>
      <c r="AB770" s="85"/>
      <c r="AC770" s="85"/>
      <c r="AD770" s="85"/>
      <c r="AE770" s="85"/>
      <c r="AF770" s="85"/>
      <c r="AG770" s="86"/>
      <c r="AH770" s="85"/>
      <c r="AI770" s="85"/>
      <c r="AJ770" s="85"/>
      <c r="AK770" s="85"/>
      <c r="AL770" s="85"/>
      <c r="AM770" s="92"/>
      <c r="AN770" s="92"/>
      <c r="AO770" s="92"/>
      <c r="AP770" s="92"/>
      <c r="AQ770" s="92"/>
      <c r="AR770" s="92"/>
      <c r="AS770" s="92"/>
      <c r="AT770" s="92"/>
      <c r="AU770" s="92"/>
      <c r="AV770" s="92"/>
      <c r="AW770" s="92"/>
      <c r="AX770" s="92"/>
      <c r="AY770" s="92"/>
      <c r="AZ770" s="93"/>
      <c r="BA770" s="93"/>
      <c r="BB770" s="93"/>
      <c r="BC770" s="93"/>
      <c r="BD770" s="93"/>
      <c r="BE770" s="93"/>
      <c r="BF770" s="93"/>
      <c r="BG770" s="93"/>
      <c r="BH770" s="93"/>
      <c r="BI770" s="93"/>
      <c r="BJ770" s="93"/>
      <c r="BK770" s="93"/>
      <c r="BL770" s="93"/>
    </row>
    <row r="771" spans="2:64" x14ac:dyDescent="0.2">
      <c r="B771" s="43"/>
      <c r="C771" s="73"/>
      <c r="D771" s="64"/>
      <c r="E771" s="55"/>
      <c r="F771" s="74"/>
      <c r="G771" s="74"/>
      <c r="H771" s="74"/>
      <c r="I771" s="75"/>
      <c r="J771" s="74"/>
      <c r="L771" s="55"/>
      <c r="M771" s="234"/>
      <c r="N771" s="65"/>
      <c r="O771" s="76"/>
      <c r="P771" s="76"/>
      <c r="Q771" s="65"/>
      <c r="R771" s="76"/>
      <c r="S771" s="76"/>
      <c r="T771" s="76"/>
      <c r="U771" s="76"/>
      <c r="V771" s="76"/>
      <c r="W771" s="76"/>
      <c r="X771" s="76"/>
      <c r="Y771" s="76"/>
      <c r="Z771" s="76"/>
      <c r="AA771" s="85"/>
      <c r="AB771" s="85"/>
      <c r="AC771" s="85"/>
      <c r="AD771" s="85"/>
      <c r="AE771" s="85"/>
      <c r="AF771" s="85"/>
      <c r="AG771" s="86"/>
      <c r="AH771" s="85"/>
      <c r="AI771" s="85"/>
      <c r="AJ771" s="85"/>
      <c r="AK771" s="85"/>
      <c r="AL771" s="85"/>
      <c r="AM771" s="92"/>
      <c r="AN771" s="92"/>
      <c r="AO771" s="92"/>
      <c r="AP771" s="92"/>
      <c r="AQ771" s="92"/>
      <c r="AR771" s="92"/>
      <c r="AS771" s="92"/>
      <c r="AT771" s="92"/>
      <c r="AU771" s="92"/>
      <c r="AV771" s="92"/>
      <c r="AW771" s="92"/>
      <c r="AX771" s="92"/>
      <c r="AY771" s="92"/>
      <c r="AZ771" s="93"/>
      <c r="BA771" s="93"/>
      <c r="BB771" s="93"/>
      <c r="BC771" s="93"/>
      <c r="BD771" s="93"/>
      <c r="BE771" s="93"/>
      <c r="BF771" s="93"/>
      <c r="BG771" s="93"/>
      <c r="BH771" s="93"/>
      <c r="BI771" s="93"/>
      <c r="BJ771" s="93"/>
      <c r="BK771" s="93"/>
      <c r="BL771" s="93"/>
    </row>
    <row r="772" spans="2:64" x14ac:dyDescent="0.2">
      <c r="B772" s="43"/>
      <c r="C772" s="73"/>
      <c r="D772" s="64"/>
      <c r="E772" s="55"/>
      <c r="F772" s="74"/>
      <c r="G772" s="74"/>
      <c r="H772" s="74"/>
      <c r="I772" s="75"/>
      <c r="J772" s="74"/>
      <c r="L772" s="55"/>
      <c r="M772" s="234"/>
      <c r="N772" s="65"/>
      <c r="O772" s="76"/>
      <c r="P772" s="76"/>
      <c r="Q772" s="65"/>
      <c r="R772" s="76"/>
      <c r="S772" s="76"/>
      <c r="T772" s="76"/>
      <c r="U772" s="76"/>
      <c r="V772" s="76"/>
      <c r="W772" s="76"/>
      <c r="X772" s="76"/>
      <c r="Y772" s="76"/>
      <c r="Z772" s="76"/>
      <c r="AA772" s="85"/>
      <c r="AB772" s="85"/>
      <c r="AC772" s="85"/>
      <c r="AD772" s="85"/>
      <c r="AE772" s="85"/>
      <c r="AF772" s="85"/>
      <c r="AG772" s="86"/>
      <c r="AH772" s="85"/>
      <c r="AI772" s="85"/>
      <c r="AJ772" s="85"/>
      <c r="AK772" s="85"/>
      <c r="AL772" s="85"/>
      <c r="AM772" s="92"/>
      <c r="AN772" s="92"/>
      <c r="AO772" s="92"/>
      <c r="AP772" s="92"/>
      <c r="AQ772" s="92"/>
      <c r="AR772" s="92"/>
      <c r="AS772" s="92"/>
      <c r="AT772" s="92"/>
      <c r="AU772" s="92"/>
      <c r="AV772" s="92"/>
      <c r="AW772" s="92"/>
      <c r="AX772" s="92"/>
      <c r="AY772" s="92"/>
      <c r="AZ772" s="93"/>
      <c r="BA772" s="93"/>
      <c r="BB772" s="93"/>
      <c r="BC772" s="93"/>
      <c r="BD772" s="93"/>
      <c r="BE772" s="93"/>
      <c r="BF772" s="93"/>
      <c r="BG772" s="93"/>
      <c r="BH772" s="93"/>
      <c r="BI772" s="93"/>
      <c r="BJ772" s="93"/>
      <c r="BK772" s="93"/>
      <c r="BL772" s="93"/>
    </row>
    <row r="773" spans="2:64" x14ac:dyDescent="0.2">
      <c r="B773" s="43"/>
      <c r="C773" s="73"/>
      <c r="D773" s="64"/>
      <c r="E773" s="55"/>
      <c r="F773" s="74"/>
      <c r="G773" s="74"/>
      <c r="H773" s="74"/>
      <c r="I773" s="75"/>
      <c r="J773" s="74"/>
      <c r="L773" s="55"/>
      <c r="M773" s="234"/>
      <c r="N773" s="65"/>
      <c r="O773" s="76"/>
      <c r="P773" s="76"/>
      <c r="Q773" s="65"/>
      <c r="R773" s="76"/>
      <c r="S773" s="76"/>
      <c r="T773" s="76"/>
      <c r="U773" s="76"/>
      <c r="V773" s="76"/>
      <c r="W773" s="76"/>
      <c r="X773" s="76"/>
      <c r="Y773" s="76"/>
      <c r="Z773" s="76"/>
      <c r="AA773" s="85"/>
      <c r="AB773" s="85"/>
      <c r="AC773" s="85"/>
      <c r="AD773" s="85"/>
      <c r="AE773" s="85"/>
      <c r="AF773" s="85"/>
      <c r="AG773" s="86"/>
      <c r="AH773" s="85"/>
      <c r="AI773" s="85"/>
      <c r="AJ773" s="85"/>
      <c r="AK773" s="85"/>
      <c r="AL773" s="85"/>
      <c r="AM773" s="92"/>
      <c r="AN773" s="92"/>
      <c r="AO773" s="92"/>
      <c r="AP773" s="92"/>
      <c r="AQ773" s="92"/>
      <c r="AR773" s="92"/>
      <c r="AS773" s="92"/>
      <c r="AT773" s="92"/>
      <c r="AU773" s="92"/>
      <c r="AV773" s="92"/>
      <c r="AW773" s="92"/>
      <c r="AX773" s="92"/>
      <c r="AY773" s="92"/>
      <c r="AZ773" s="93"/>
      <c r="BA773" s="93"/>
      <c r="BB773" s="93"/>
      <c r="BC773" s="93"/>
      <c r="BD773" s="93"/>
      <c r="BE773" s="93"/>
      <c r="BF773" s="93"/>
      <c r="BG773" s="93"/>
      <c r="BH773" s="93"/>
      <c r="BI773" s="93"/>
      <c r="BJ773" s="93"/>
      <c r="BK773" s="93"/>
      <c r="BL773" s="93"/>
    </row>
    <row r="774" spans="2:64" x14ac:dyDescent="0.2">
      <c r="B774" s="43"/>
      <c r="C774" s="73"/>
      <c r="D774" s="64"/>
      <c r="E774" s="55"/>
      <c r="F774" s="74"/>
      <c r="G774" s="74"/>
      <c r="H774" s="74"/>
      <c r="I774" s="75"/>
      <c r="J774" s="74"/>
      <c r="L774" s="55"/>
      <c r="M774" s="234"/>
      <c r="N774" s="65"/>
      <c r="O774" s="76"/>
      <c r="P774" s="76"/>
      <c r="Q774" s="65"/>
      <c r="R774" s="76"/>
      <c r="S774" s="76"/>
      <c r="T774" s="76"/>
      <c r="U774" s="76"/>
      <c r="V774" s="76"/>
      <c r="W774" s="76"/>
      <c r="X774" s="76"/>
      <c r="Y774" s="76"/>
      <c r="Z774" s="76"/>
      <c r="AA774" s="85"/>
      <c r="AB774" s="85"/>
      <c r="AC774" s="85"/>
      <c r="AD774" s="85"/>
      <c r="AE774" s="85"/>
      <c r="AF774" s="85"/>
      <c r="AG774" s="86"/>
      <c r="AH774" s="85"/>
      <c r="AI774" s="85"/>
      <c r="AJ774" s="85"/>
      <c r="AK774" s="85"/>
      <c r="AL774" s="85"/>
      <c r="AM774" s="92"/>
      <c r="AN774" s="92"/>
      <c r="AO774" s="92"/>
      <c r="AP774" s="92"/>
      <c r="AQ774" s="92"/>
      <c r="AR774" s="92"/>
      <c r="AS774" s="92"/>
      <c r="AT774" s="92"/>
      <c r="AU774" s="92"/>
      <c r="AV774" s="92"/>
      <c r="AW774" s="92"/>
      <c r="AX774" s="92"/>
      <c r="AY774" s="92"/>
      <c r="AZ774" s="93"/>
      <c r="BA774" s="93"/>
      <c r="BB774" s="93"/>
      <c r="BC774" s="93"/>
      <c r="BD774" s="93"/>
      <c r="BE774" s="93"/>
      <c r="BF774" s="93"/>
      <c r="BG774" s="93"/>
      <c r="BH774" s="93"/>
      <c r="BI774" s="93"/>
      <c r="BJ774" s="93"/>
      <c r="BK774" s="93"/>
      <c r="BL774" s="93"/>
    </row>
    <row r="775" spans="2:64" x14ac:dyDescent="0.2">
      <c r="B775" s="43"/>
      <c r="C775" s="73"/>
      <c r="D775" s="64"/>
      <c r="E775" s="55"/>
      <c r="F775" s="74"/>
      <c r="G775" s="74"/>
      <c r="H775" s="74"/>
      <c r="I775" s="75"/>
      <c r="J775" s="74"/>
      <c r="L775" s="55"/>
      <c r="M775" s="234"/>
      <c r="N775" s="65"/>
      <c r="O775" s="76"/>
      <c r="P775" s="76"/>
      <c r="Q775" s="65"/>
      <c r="R775" s="76"/>
      <c r="S775" s="76"/>
      <c r="T775" s="76"/>
      <c r="U775" s="76"/>
      <c r="V775" s="76"/>
      <c r="W775" s="76"/>
      <c r="X775" s="76"/>
      <c r="Y775" s="76"/>
      <c r="Z775" s="76"/>
      <c r="AA775" s="85"/>
      <c r="AB775" s="85"/>
      <c r="AC775" s="85"/>
      <c r="AD775" s="85"/>
      <c r="AE775" s="85"/>
      <c r="AF775" s="85"/>
      <c r="AG775" s="86"/>
      <c r="AH775" s="85"/>
      <c r="AI775" s="85"/>
      <c r="AJ775" s="85"/>
      <c r="AK775" s="85"/>
      <c r="AL775" s="85"/>
      <c r="AM775" s="92"/>
      <c r="AN775" s="92"/>
      <c r="AO775" s="92"/>
      <c r="AP775" s="92"/>
      <c r="AQ775" s="92"/>
      <c r="AR775" s="92"/>
      <c r="AS775" s="92"/>
      <c r="AT775" s="92"/>
      <c r="AU775" s="92"/>
      <c r="AV775" s="92"/>
      <c r="AW775" s="92"/>
      <c r="AX775" s="92"/>
      <c r="AY775" s="92"/>
      <c r="AZ775" s="93"/>
      <c r="BA775" s="93"/>
      <c r="BB775" s="93"/>
      <c r="BC775" s="93"/>
      <c r="BD775" s="93"/>
      <c r="BE775" s="93"/>
      <c r="BF775" s="93"/>
      <c r="BG775" s="93"/>
      <c r="BH775" s="93"/>
      <c r="BI775" s="93"/>
      <c r="BJ775" s="93"/>
      <c r="BK775" s="93"/>
      <c r="BL775" s="93"/>
    </row>
    <row r="776" spans="2:64" x14ac:dyDescent="0.2">
      <c r="B776" s="43"/>
      <c r="C776" s="73"/>
      <c r="D776" s="64"/>
      <c r="E776" s="55"/>
      <c r="F776" s="74"/>
      <c r="G776" s="74"/>
      <c r="H776" s="74"/>
      <c r="I776" s="75"/>
      <c r="J776" s="74"/>
      <c r="L776" s="55"/>
      <c r="M776" s="234"/>
      <c r="N776" s="65"/>
      <c r="O776" s="76"/>
      <c r="P776" s="76"/>
      <c r="Q776" s="65"/>
      <c r="R776" s="76"/>
      <c r="S776" s="76"/>
      <c r="T776" s="76"/>
      <c r="U776" s="76"/>
      <c r="V776" s="76"/>
      <c r="W776" s="76"/>
      <c r="X776" s="76"/>
      <c r="Y776" s="76"/>
      <c r="Z776" s="76"/>
      <c r="AA776" s="85"/>
      <c r="AB776" s="85"/>
      <c r="AC776" s="85"/>
      <c r="AD776" s="85"/>
      <c r="AE776" s="85"/>
      <c r="AF776" s="85"/>
      <c r="AG776" s="86"/>
      <c r="AH776" s="85"/>
      <c r="AI776" s="85"/>
      <c r="AJ776" s="85"/>
      <c r="AK776" s="85"/>
      <c r="AL776" s="85"/>
      <c r="AM776" s="92"/>
      <c r="AN776" s="92"/>
      <c r="AO776" s="92"/>
      <c r="AP776" s="92"/>
      <c r="AQ776" s="92"/>
      <c r="AR776" s="92"/>
      <c r="AS776" s="92"/>
      <c r="AT776" s="92"/>
      <c r="AU776" s="92"/>
      <c r="AV776" s="92"/>
      <c r="AW776" s="92"/>
      <c r="AX776" s="92"/>
      <c r="AY776" s="92"/>
      <c r="AZ776" s="93"/>
      <c r="BA776" s="93"/>
      <c r="BB776" s="93"/>
      <c r="BC776" s="93"/>
      <c r="BD776" s="93"/>
      <c r="BE776" s="93"/>
      <c r="BF776" s="93"/>
      <c r="BG776" s="93"/>
      <c r="BH776" s="93"/>
      <c r="BI776" s="93"/>
      <c r="BJ776" s="93"/>
      <c r="BK776" s="93"/>
      <c r="BL776" s="93"/>
    </row>
    <row r="777" spans="2:64" x14ac:dyDescent="0.2">
      <c r="B777" s="43"/>
      <c r="C777" s="73"/>
      <c r="D777" s="64"/>
      <c r="E777" s="55"/>
      <c r="F777" s="74"/>
      <c r="G777" s="74"/>
      <c r="H777" s="74"/>
      <c r="I777" s="75"/>
      <c r="J777" s="74"/>
      <c r="L777" s="55"/>
      <c r="M777" s="234"/>
      <c r="N777" s="65"/>
      <c r="O777" s="76"/>
      <c r="P777" s="76"/>
      <c r="Q777" s="65"/>
      <c r="R777" s="76"/>
      <c r="S777" s="76"/>
      <c r="T777" s="76"/>
      <c r="U777" s="76"/>
      <c r="V777" s="76"/>
      <c r="W777" s="76"/>
      <c r="X777" s="76"/>
      <c r="Y777" s="76"/>
      <c r="Z777" s="76"/>
      <c r="AA777" s="85"/>
      <c r="AB777" s="85"/>
      <c r="AC777" s="85"/>
      <c r="AD777" s="85"/>
      <c r="AE777" s="85"/>
      <c r="AF777" s="85"/>
      <c r="AG777" s="86"/>
      <c r="AH777" s="85"/>
      <c r="AI777" s="85"/>
      <c r="AJ777" s="85"/>
      <c r="AK777" s="85"/>
      <c r="AL777" s="85"/>
      <c r="AM777" s="92"/>
      <c r="AN777" s="92"/>
      <c r="AO777" s="92"/>
      <c r="AP777" s="92"/>
      <c r="AQ777" s="92"/>
      <c r="AR777" s="92"/>
      <c r="AS777" s="92"/>
      <c r="AT777" s="92"/>
      <c r="AU777" s="92"/>
      <c r="AV777" s="92"/>
      <c r="AW777" s="92"/>
      <c r="AX777" s="92"/>
      <c r="AY777" s="92"/>
      <c r="AZ777" s="93"/>
      <c r="BA777" s="93"/>
      <c r="BB777" s="93"/>
      <c r="BC777" s="93"/>
      <c r="BD777" s="93"/>
      <c r="BE777" s="93"/>
      <c r="BF777" s="93"/>
      <c r="BG777" s="93"/>
      <c r="BH777" s="93"/>
      <c r="BI777" s="93"/>
      <c r="BJ777" s="93"/>
      <c r="BK777" s="93"/>
      <c r="BL777" s="93"/>
    </row>
    <row r="778" spans="2:64" x14ac:dyDescent="0.2">
      <c r="B778" s="43"/>
      <c r="C778" s="73"/>
      <c r="D778" s="64"/>
      <c r="E778" s="55"/>
      <c r="F778" s="74"/>
      <c r="G778" s="74"/>
      <c r="H778" s="74"/>
      <c r="I778" s="75"/>
      <c r="J778" s="74"/>
      <c r="L778" s="55"/>
      <c r="M778" s="234"/>
      <c r="N778" s="65"/>
      <c r="O778" s="76"/>
      <c r="P778" s="76"/>
      <c r="Q778" s="65"/>
      <c r="R778" s="76"/>
      <c r="S778" s="76"/>
      <c r="T778" s="76"/>
      <c r="U778" s="76"/>
      <c r="V778" s="76"/>
      <c r="W778" s="76"/>
      <c r="X778" s="76"/>
      <c r="Y778" s="76"/>
      <c r="Z778" s="76"/>
      <c r="AA778" s="85"/>
      <c r="AB778" s="85"/>
      <c r="AC778" s="85"/>
      <c r="AD778" s="85"/>
      <c r="AE778" s="85"/>
      <c r="AF778" s="85"/>
      <c r="AG778" s="86"/>
      <c r="AH778" s="85"/>
      <c r="AI778" s="85"/>
      <c r="AJ778" s="85"/>
      <c r="AK778" s="85"/>
      <c r="AL778" s="85"/>
      <c r="AM778" s="92"/>
      <c r="AN778" s="92"/>
      <c r="AO778" s="92"/>
      <c r="AP778" s="92"/>
      <c r="AQ778" s="92"/>
      <c r="AR778" s="92"/>
      <c r="AS778" s="92"/>
      <c r="AT778" s="92"/>
      <c r="AU778" s="92"/>
      <c r="AV778" s="92"/>
      <c r="AW778" s="92"/>
      <c r="AX778" s="92"/>
      <c r="AY778" s="92"/>
      <c r="AZ778" s="93"/>
      <c r="BA778" s="93"/>
      <c r="BB778" s="93"/>
      <c r="BC778" s="93"/>
      <c r="BD778" s="93"/>
      <c r="BE778" s="93"/>
      <c r="BF778" s="93"/>
      <c r="BG778" s="93"/>
      <c r="BH778" s="93"/>
      <c r="BI778" s="93"/>
      <c r="BJ778" s="93"/>
      <c r="BK778" s="93"/>
      <c r="BL778" s="93"/>
    </row>
    <row r="779" spans="2:64" x14ac:dyDescent="0.2">
      <c r="B779" s="43"/>
      <c r="C779" s="73"/>
      <c r="D779" s="64"/>
      <c r="E779" s="55"/>
      <c r="F779" s="74"/>
      <c r="G779" s="74"/>
      <c r="H779" s="74"/>
      <c r="I779" s="75"/>
      <c r="J779" s="74"/>
      <c r="L779" s="55"/>
      <c r="M779" s="234"/>
      <c r="N779" s="65"/>
      <c r="O779" s="76"/>
      <c r="P779" s="76"/>
      <c r="Q779" s="65"/>
      <c r="R779" s="76"/>
      <c r="S779" s="76"/>
      <c r="T779" s="76"/>
      <c r="U779" s="76"/>
      <c r="V779" s="76"/>
      <c r="W779" s="76"/>
      <c r="X779" s="76"/>
      <c r="Y779" s="76"/>
      <c r="Z779" s="76"/>
      <c r="AA779" s="85"/>
      <c r="AB779" s="85"/>
      <c r="AC779" s="85"/>
      <c r="AD779" s="85"/>
      <c r="AE779" s="85"/>
      <c r="AF779" s="85"/>
      <c r="AG779" s="86"/>
      <c r="AH779" s="85"/>
      <c r="AI779" s="85"/>
      <c r="AJ779" s="85"/>
      <c r="AK779" s="85"/>
      <c r="AL779" s="85"/>
      <c r="AM779" s="92"/>
      <c r="AN779" s="92"/>
      <c r="AO779" s="92"/>
      <c r="AP779" s="92"/>
      <c r="AQ779" s="92"/>
      <c r="AR779" s="92"/>
      <c r="AS779" s="92"/>
      <c r="AT779" s="92"/>
      <c r="AU779" s="92"/>
      <c r="AV779" s="92"/>
      <c r="AW779" s="92"/>
      <c r="AX779" s="92"/>
      <c r="AY779" s="92"/>
      <c r="AZ779" s="93"/>
      <c r="BA779" s="93"/>
      <c r="BB779" s="93"/>
      <c r="BC779" s="93"/>
      <c r="BD779" s="93"/>
      <c r="BE779" s="93"/>
      <c r="BF779" s="93"/>
      <c r="BG779" s="93"/>
      <c r="BH779" s="93"/>
      <c r="BI779" s="93"/>
      <c r="BJ779" s="93"/>
      <c r="BK779" s="93"/>
      <c r="BL779" s="93"/>
    </row>
    <row r="780" spans="2:64" x14ac:dyDescent="0.2">
      <c r="B780" s="43"/>
      <c r="C780" s="73"/>
      <c r="D780" s="64"/>
      <c r="E780" s="55"/>
      <c r="F780" s="74"/>
      <c r="G780" s="74"/>
      <c r="H780" s="74"/>
      <c r="I780" s="75"/>
      <c r="J780" s="74"/>
      <c r="L780" s="55"/>
      <c r="M780" s="234"/>
      <c r="N780" s="65"/>
      <c r="O780" s="76"/>
      <c r="P780" s="76"/>
      <c r="Q780" s="65"/>
      <c r="R780" s="76"/>
      <c r="S780" s="76"/>
      <c r="T780" s="76"/>
      <c r="U780" s="76"/>
      <c r="V780" s="76"/>
      <c r="W780" s="76"/>
      <c r="X780" s="76"/>
      <c r="Y780" s="76"/>
      <c r="Z780" s="76"/>
      <c r="AA780" s="85"/>
      <c r="AB780" s="85"/>
      <c r="AC780" s="85"/>
      <c r="AD780" s="85"/>
      <c r="AE780" s="85"/>
      <c r="AF780" s="85"/>
      <c r="AG780" s="86"/>
      <c r="AH780" s="85"/>
      <c r="AI780" s="85"/>
      <c r="AJ780" s="85"/>
      <c r="AK780" s="85"/>
      <c r="AL780" s="85"/>
      <c r="AM780" s="92"/>
      <c r="AN780" s="92"/>
      <c r="AO780" s="92"/>
      <c r="AP780" s="92"/>
      <c r="AQ780" s="92"/>
      <c r="AR780" s="92"/>
      <c r="AS780" s="92"/>
      <c r="AT780" s="92"/>
      <c r="AU780" s="92"/>
      <c r="AV780" s="92"/>
      <c r="AW780" s="92"/>
      <c r="AX780" s="92"/>
      <c r="AY780" s="92"/>
      <c r="AZ780" s="93"/>
      <c r="BA780" s="93"/>
      <c r="BB780" s="93"/>
      <c r="BC780" s="93"/>
      <c r="BD780" s="93"/>
      <c r="BE780" s="93"/>
      <c r="BF780" s="93"/>
      <c r="BG780" s="93"/>
      <c r="BH780" s="93"/>
      <c r="BI780" s="93"/>
      <c r="BJ780" s="93"/>
      <c r="BK780" s="93"/>
      <c r="BL780" s="93"/>
    </row>
    <row r="781" spans="2:64" x14ac:dyDescent="0.2">
      <c r="B781" s="43"/>
      <c r="C781" s="73"/>
      <c r="D781" s="64"/>
      <c r="E781" s="55"/>
      <c r="F781" s="74"/>
      <c r="G781" s="74"/>
      <c r="H781" s="74"/>
      <c r="I781" s="75"/>
      <c r="J781" s="74"/>
      <c r="L781" s="55"/>
      <c r="M781" s="234"/>
      <c r="N781" s="65"/>
      <c r="O781" s="76"/>
      <c r="P781" s="76"/>
      <c r="Q781" s="65"/>
      <c r="R781" s="76"/>
      <c r="S781" s="76"/>
      <c r="T781" s="76"/>
      <c r="U781" s="76"/>
      <c r="V781" s="76"/>
      <c r="W781" s="76"/>
      <c r="X781" s="76"/>
      <c r="Y781" s="76"/>
      <c r="Z781" s="76"/>
      <c r="AA781" s="85"/>
      <c r="AB781" s="85"/>
      <c r="AC781" s="85"/>
      <c r="AD781" s="85"/>
      <c r="AE781" s="85"/>
      <c r="AF781" s="85"/>
      <c r="AG781" s="86"/>
      <c r="AH781" s="85"/>
      <c r="AI781" s="85"/>
      <c r="AJ781" s="85"/>
      <c r="AK781" s="85"/>
      <c r="AL781" s="85"/>
      <c r="AM781" s="92"/>
      <c r="AN781" s="92"/>
      <c r="AO781" s="92"/>
      <c r="AP781" s="92"/>
      <c r="AQ781" s="92"/>
      <c r="AR781" s="92"/>
      <c r="AS781" s="92"/>
      <c r="AT781" s="92"/>
      <c r="AU781" s="92"/>
      <c r="AV781" s="92"/>
      <c r="AW781" s="92"/>
      <c r="AX781" s="92"/>
      <c r="AY781" s="92"/>
      <c r="AZ781" s="93"/>
      <c r="BA781" s="93"/>
      <c r="BB781" s="93"/>
      <c r="BC781" s="93"/>
      <c r="BD781" s="93"/>
      <c r="BE781" s="93"/>
      <c r="BF781" s="93"/>
      <c r="BG781" s="93"/>
      <c r="BH781" s="93"/>
      <c r="BI781" s="93"/>
      <c r="BJ781" s="93"/>
      <c r="BK781" s="93"/>
      <c r="BL781" s="93"/>
    </row>
    <row r="782" spans="2:64" x14ac:dyDescent="0.2">
      <c r="B782" s="43"/>
      <c r="C782" s="73"/>
      <c r="D782" s="64"/>
      <c r="E782" s="55"/>
      <c r="F782" s="74"/>
      <c r="G782" s="74"/>
      <c r="H782" s="74"/>
      <c r="I782" s="75"/>
      <c r="J782" s="74"/>
      <c r="L782" s="55"/>
      <c r="M782" s="234"/>
      <c r="N782" s="65"/>
      <c r="O782" s="76"/>
      <c r="P782" s="76"/>
      <c r="Q782" s="65"/>
      <c r="R782" s="76"/>
      <c r="S782" s="76"/>
      <c r="T782" s="76"/>
      <c r="U782" s="76"/>
      <c r="V782" s="76"/>
      <c r="W782" s="76"/>
      <c r="X782" s="76"/>
      <c r="Y782" s="76"/>
      <c r="Z782" s="76"/>
      <c r="AA782" s="85"/>
      <c r="AB782" s="85"/>
      <c r="AC782" s="85"/>
      <c r="AD782" s="85"/>
      <c r="AE782" s="85"/>
      <c r="AF782" s="85"/>
      <c r="AG782" s="86"/>
      <c r="AH782" s="85"/>
      <c r="AI782" s="85"/>
      <c r="AJ782" s="85"/>
      <c r="AK782" s="85"/>
      <c r="AL782" s="85"/>
      <c r="AM782" s="92"/>
      <c r="AN782" s="92"/>
      <c r="AO782" s="92"/>
      <c r="AP782" s="92"/>
      <c r="AQ782" s="92"/>
      <c r="AR782" s="92"/>
      <c r="AS782" s="92"/>
      <c r="AT782" s="92"/>
      <c r="AU782" s="92"/>
      <c r="AV782" s="92"/>
      <c r="AW782" s="92"/>
      <c r="AX782" s="92"/>
      <c r="AY782" s="92"/>
      <c r="AZ782" s="93"/>
      <c r="BA782" s="93"/>
      <c r="BB782" s="93"/>
      <c r="BC782" s="93"/>
      <c r="BD782" s="93"/>
      <c r="BE782" s="93"/>
      <c r="BF782" s="93"/>
      <c r="BG782" s="93"/>
      <c r="BH782" s="93"/>
      <c r="BI782" s="93"/>
      <c r="BJ782" s="93"/>
      <c r="BK782" s="93"/>
      <c r="BL782" s="93"/>
    </row>
    <row r="783" spans="2:64" x14ac:dyDescent="0.2">
      <c r="B783" s="43"/>
      <c r="C783" s="73"/>
      <c r="D783" s="64"/>
      <c r="E783" s="55"/>
      <c r="F783" s="74"/>
      <c r="G783" s="74"/>
      <c r="H783" s="74"/>
      <c r="I783" s="75"/>
      <c r="J783" s="74"/>
      <c r="L783" s="55"/>
      <c r="M783" s="234"/>
      <c r="N783" s="65"/>
      <c r="O783" s="76"/>
      <c r="P783" s="76"/>
      <c r="Q783" s="65"/>
      <c r="R783" s="76"/>
      <c r="S783" s="76"/>
      <c r="T783" s="76"/>
      <c r="U783" s="76"/>
      <c r="V783" s="76"/>
      <c r="W783" s="76"/>
      <c r="X783" s="76"/>
      <c r="Y783" s="76"/>
      <c r="Z783" s="76"/>
      <c r="AA783" s="85"/>
      <c r="AB783" s="85"/>
      <c r="AC783" s="85"/>
      <c r="AD783" s="85"/>
      <c r="AE783" s="85"/>
      <c r="AF783" s="85"/>
      <c r="AG783" s="86"/>
      <c r="AH783" s="85"/>
      <c r="AI783" s="85"/>
      <c r="AJ783" s="85"/>
      <c r="AK783" s="85"/>
      <c r="AL783" s="85"/>
      <c r="AM783" s="92"/>
      <c r="AN783" s="92"/>
      <c r="AO783" s="92"/>
      <c r="AP783" s="92"/>
      <c r="AQ783" s="92"/>
      <c r="AR783" s="92"/>
      <c r="AS783" s="92"/>
      <c r="AT783" s="92"/>
      <c r="AU783" s="92"/>
      <c r="AV783" s="92"/>
      <c r="AW783" s="92"/>
      <c r="AX783" s="92"/>
      <c r="AY783" s="92"/>
      <c r="AZ783" s="93"/>
      <c r="BA783" s="93"/>
      <c r="BB783" s="93"/>
      <c r="BC783" s="93"/>
      <c r="BD783" s="93"/>
      <c r="BE783" s="93"/>
      <c r="BF783" s="93"/>
      <c r="BG783" s="93"/>
      <c r="BH783" s="93"/>
      <c r="BI783" s="93"/>
      <c r="BJ783" s="93"/>
      <c r="BK783" s="93"/>
      <c r="BL783" s="93"/>
    </row>
    <row r="784" spans="2:64" x14ac:dyDescent="0.2">
      <c r="B784" s="43"/>
      <c r="C784" s="73"/>
      <c r="D784" s="64"/>
      <c r="E784" s="55"/>
      <c r="F784" s="74"/>
      <c r="G784" s="74"/>
      <c r="H784" s="74"/>
      <c r="I784" s="75"/>
      <c r="J784" s="74"/>
      <c r="L784" s="55"/>
      <c r="M784" s="234"/>
      <c r="N784" s="65"/>
      <c r="O784" s="76"/>
      <c r="P784" s="76"/>
      <c r="Q784" s="65"/>
      <c r="R784" s="76"/>
      <c r="S784" s="76"/>
      <c r="T784" s="76"/>
      <c r="U784" s="76"/>
      <c r="V784" s="76"/>
      <c r="W784" s="76"/>
      <c r="X784" s="76"/>
      <c r="Y784" s="76"/>
      <c r="Z784" s="76"/>
      <c r="AA784" s="85"/>
      <c r="AB784" s="85"/>
      <c r="AC784" s="85"/>
      <c r="AD784" s="85"/>
      <c r="AE784" s="85"/>
      <c r="AF784" s="85"/>
      <c r="AG784" s="86"/>
      <c r="AH784" s="85"/>
      <c r="AI784" s="85"/>
      <c r="AJ784" s="85"/>
      <c r="AK784" s="85"/>
      <c r="AL784" s="85"/>
      <c r="AM784" s="92"/>
      <c r="AN784" s="92"/>
      <c r="AO784" s="92"/>
      <c r="AP784" s="92"/>
      <c r="AQ784" s="92"/>
      <c r="AR784" s="92"/>
      <c r="AS784" s="92"/>
      <c r="AT784" s="92"/>
      <c r="AU784" s="92"/>
      <c r="AV784" s="92"/>
      <c r="AW784" s="92"/>
      <c r="AX784" s="92"/>
      <c r="AY784" s="92"/>
      <c r="AZ784" s="93"/>
      <c r="BA784" s="93"/>
      <c r="BB784" s="93"/>
      <c r="BC784" s="93"/>
      <c r="BD784" s="93"/>
      <c r="BE784" s="93"/>
      <c r="BF784" s="93"/>
      <c r="BG784" s="93"/>
      <c r="BH784" s="93"/>
      <c r="BI784" s="93"/>
      <c r="BJ784" s="93"/>
      <c r="BK784" s="93"/>
      <c r="BL784" s="93"/>
    </row>
    <row r="785" spans="2:64" x14ac:dyDescent="0.2">
      <c r="B785" s="43"/>
      <c r="C785" s="73"/>
      <c r="D785" s="64"/>
      <c r="E785" s="55"/>
      <c r="F785" s="74"/>
      <c r="G785" s="74"/>
      <c r="H785" s="74"/>
      <c r="I785" s="75"/>
      <c r="J785" s="74"/>
      <c r="L785" s="55"/>
      <c r="M785" s="234"/>
      <c r="N785" s="65"/>
      <c r="O785" s="76"/>
      <c r="P785" s="76"/>
      <c r="Q785" s="65"/>
      <c r="R785" s="76"/>
      <c r="S785" s="76"/>
      <c r="T785" s="76"/>
      <c r="U785" s="76"/>
      <c r="V785" s="76"/>
      <c r="W785" s="76"/>
      <c r="X785" s="76"/>
      <c r="Y785" s="76"/>
      <c r="Z785" s="76"/>
      <c r="AA785" s="85"/>
      <c r="AB785" s="85"/>
      <c r="AC785" s="85"/>
      <c r="AD785" s="85"/>
      <c r="AE785" s="85"/>
      <c r="AF785" s="85"/>
      <c r="AG785" s="86"/>
      <c r="AH785" s="85"/>
      <c r="AI785" s="85"/>
      <c r="AJ785" s="85"/>
      <c r="AK785" s="85"/>
      <c r="AL785" s="85"/>
      <c r="AM785" s="92"/>
      <c r="AN785" s="92"/>
      <c r="AO785" s="92"/>
      <c r="AP785" s="92"/>
      <c r="AQ785" s="92"/>
      <c r="AR785" s="92"/>
      <c r="AS785" s="92"/>
      <c r="AT785" s="92"/>
      <c r="AU785" s="92"/>
      <c r="AV785" s="92"/>
      <c r="AW785" s="92"/>
      <c r="AX785" s="92"/>
      <c r="AY785" s="92"/>
      <c r="AZ785" s="93"/>
      <c r="BA785" s="93"/>
      <c r="BB785" s="93"/>
      <c r="BC785" s="93"/>
      <c r="BD785" s="93"/>
      <c r="BE785" s="93"/>
      <c r="BF785" s="93"/>
      <c r="BG785" s="93"/>
      <c r="BH785" s="93"/>
      <c r="BI785" s="93"/>
      <c r="BJ785" s="93"/>
      <c r="BK785" s="93"/>
      <c r="BL785" s="93"/>
    </row>
    <row r="786" spans="2:64" x14ac:dyDescent="0.2">
      <c r="B786" s="43"/>
      <c r="C786" s="73"/>
      <c r="D786" s="64"/>
      <c r="E786" s="55"/>
      <c r="F786" s="74"/>
      <c r="G786" s="74"/>
      <c r="H786" s="74"/>
      <c r="I786" s="75"/>
      <c r="J786" s="74"/>
      <c r="L786" s="55"/>
      <c r="M786" s="234"/>
      <c r="N786" s="65"/>
      <c r="O786" s="76"/>
      <c r="P786" s="76"/>
      <c r="Q786" s="65"/>
      <c r="R786" s="76"/>
      <c r="S786" s="76"/>
      <c r="T786" s="76"/>
      <c r="U786" s="76"/>
      <c r="V786" s="76"/>
      <c r="W786" s="76"/>
      <c r="X786" s="76"/>
      <c r="Y786" s="76"/>
      <c r="Z786" s="76"/>
      <c r="AA786" s="85"/>
      <c r="AB786" s="85"/>
      <c r="AC786" s="85"/>
      <c r="AD786" s="85"/>
      <c r="AE786" s="85"/>
      <c r="AF786" s="85"/>
      <c r="AG786" s="86"/>
      <c r="AH786" s="85"/>
      <c r="AI786" s="85"/>
      <c r="AJ786" s="85"/>
      <c r="AK786" s="85"/>
      <c r="AL786" s="85"/>
      <c r="AM786" s="92"/>
      <c r="AN786" s="92"/>
      <c r="AO786" s="92"/>
      <c r="AP786" s="92"/>
      <c r="AQ786" s="92"/>
      <c r="AR786" s="92"/>
      <c r="AS786" s="92"/>
      <c r="AT786" s="92"/>
      <c r="AU786" s="92"/>
      <c r="AV786" s="92"/>
      <c r="AW786" s="92"/>
      <c r="AX786" s="92"/>
      <c r="AY786" s="92"/>
      <c r="AZ786" s="93"/>
      <c r="BA786" s="93"/>
      <c r="BB786" s="93"/>
      <c r="BC786" s="93"/>
      <c r="BD786" s="93"/>
      <c r="BE786" s="93"/>
      <c r="BF786" s="93"/>
      <c r="BG786" s="93"/>
      <c r="BH786" s="93"/>
      <c r="BI786" s="93"/>
      <c r="BJ786" s="93"/>
      <c r="BK786" s="93"/>
      <c r="BL786" s="93"/>
    </row>
    <row r="787" spans="2:64" x14ac:dyDescent="0.2">
      <c r="B787" s="43"/>
      <c r="C787" s="73"/>
      <c r="D787" s="64"/>
      <c r="E787" s="55"/>
      <c r="F787" s="74"/>
      <c r="G787" s="74"/>
      <c r="H787" s="74"/>
      <c r="I787" s="75"/>
      <c r="J787" s="74"/>
      <c r="L787" s="55"/>
      <c r="M787" s="234"/>
      <c r="N787" s="65"/>
      <c r="O787" s="76"/>
      <c r="P787" s="76"/>
      <c r="Q787" s="65"/>
      <c r="R787" s="76"/>
      <c r="S787" s="76"/>
      <c r="T787" s="76"/>
      <c r="U787" s="76"/>
      <c r="V787" s="76"/>
      <c r="W787" s="76"/>
      <c r="X787" s="76"/>
      <c r="Y787" s="76"/>
      <c r="Z787" s="76"/>
      <c r="AA787" s="85"/>
      <c r="AB787" s="85"/>
      <c r="AC787" s="85"/>
      <c r="AD787" s="85"/>
      <c r="AE787" s="85"/>
      <c r="AF787" s="85"/>
      <c r="AG787" s="86"/>
      <c r="AH787" s="85"/>
      <c r="AI787" s="85"/>
      <c r="AJ787" s="85"/>
      <c r="AK787" s="85"/>
      <c r="AL787" s="85"/>
      <c r="AM787" s="92"/>
      <c r="AN787" s="92"/>
      <c r="AO787" s="92"/>
      <c r="AP787" s="92"/>
      <c r="AQ787" s="92"/>
      <c r="AR787" s="92"/>
      <c r="AS787" s="92"/>
      <c r="AT787" s="92"/>
      <c r="AU787" s="92"/>
      <c r="AV787" s="92"/>
      <c r="AW787" s="92"/>
      <c r="AX787" s="92"/>
      <c r="AY787" s="92"/>
      <c r="AZ787" s="93"/>
      <c r="BA787" s="93"/>
      <c r="BB787" s="93"/>
      <c r="BC787" s="93"/>
      <c r="BD787" s="93"/>
      <c r="BE787" s="93"/>
      <c r="BF787" s="93"/>
      <c r="BG787" s="93"/>
      <c r="BH787" s="93"/>
      <c r="BI787" s="93"/>
      <c r="BJ787" s="93"/>
      <c r="BK787" s="93"/>
      <c r="BL787" s="93"/>
    </row>
    <row r="788" spans="2:64" x14ac:dyDescent="0.2">
      <c r="B788" s="43"/>
      <c r="C788" s="73"/>
      <c r="D788" s="64"/>
      <c r="E788" s="55"/>
      <c r="F788" s="74"/>
      <c r="G788" s="74"/>
      <c r="H788" s="74"/>
      <c r="I788" s="75"/>
      <c r="J788" s="74"/>
      <c r="L788" s="55"/>
      <c r="M788" s="234"/>
      <c r="N788" s="65"/>
      <c r="O788" s="76"/>
      <c r="P788" s="76"/>
      <c r="Q788" s="65"/>
      <c r="R788" s="76"/>
      <c r="S788" s="76"/>
      <c r="T788" s="76"/>
      <c r="U788" s="76"/>
      <c r="V788" s="76"/>
      <c r="W788" s="76"/>
      <c r="X788" s="76"/>
      <c r="Y788" s="76"/>
      <c r="Z788" s="76"/>
      <c r="AA788" s="85"/>
      <c r="AB788" s="85"/>
      <c r="AC788" s="85"/>
      <c r="AD788" s="85"/>
      <c r="AE788" s="85"/>
      <c r="AF788" s="85"/>
      <c r="AG788" s="86"/>
      <c r="AH788" s="85"/>
      <c r="AI788" s="85"/>
      <c r="AJ788" s="85"/>
      <c r="AK788" s="85"/>
      <c r="AL788" s="85"/>
      <c r="AM788" s="92"/>
      <c r="AN788" s="92"/>
      <c r="AO788" s="92"/>
      <c r="AP788" s="92"/>
      <c r="AQ788" s="92"/>
      <c r="AR788" s="92"/>
      <c r="AS788" s="92"/>
      <c r="AT788" s="92"/>
      <c r="AU788" s="92"/>
      <c r="AV788" s="92"/>
      <c r="AW788" s="92"/>
      <c r="AX788" s="92"/>
      <c r="AY788" s="92"/>
      <c r="AZ788" s="93"/>
      <c r="BA788" s="93"/>
      <c r="BB788" s="93"/>
      <c r="BC788" s="93"/>
      <c r="BD788" s="93"/>
      <c r="BE788" s="93"/>
      <c r="BF788" s="93"/>
      <c r="BG788" s="93"/>
      <c r="BH788" s="93"/>
      <c r="BI788" s="93"/>
      <c r="BJ788" s="93"/>
      <c r="BK788" s="93"/>
      <c r="BL788" s="93"/>
    </row>
    <row r="789" spans="2:64" x14ac:dyDescent="0.2">
      <c r="B789" s="43"/>
      <c r="C789" s="73"/>
      <c r="D789" s="64"/>
      <c r="E789" s="55"/>
      <c r="F789" s="74"/>
      <c r="G789" s="74"/>
      <c r="H789" s="74"/>
      <c r="I789" s="75"/>
      <c r="J789" s="74"/>
      <c r="L789" s="55"/>
      <c r="M789" s="234"/>
      <c r="N789" s="65"/>
      <c r="O789" s="76"/>
      <c r="P789" s="76"/>
      <c r="Q789" s="65"/>
      <c r="R789" s="76"/>
      <c r="S789" s="76"/>
      <c r="T789" s="76"/>
      <c r="U789" s="76"/>
      <c r="V789" s="76"/>
      <c r="W789" s="76"/>
      <c r="X789" s="76"/>
      <c r="Y789" s="76"/>
      <c r="Z789" s="76"/>
      <c r="AA789" s="85"/>
      <c r="AB789" s="85"/>
      <c r="AC789" s="85"/>
      <c r="AD789" s="85"/>
      <c r="AE789" s="85"/>
      <c r="AF789" s="85"/>
      <c r="AG789" s="86"/>
      <c r="AH789" s="85"/>
      <c r="AI789" s="85"/>
      <c r="AJ789" s="85"/>
      <c r="AK789" s="85"/>
      <c r="AL789" s="85"/>
      <c r="AM789" s="92"/>
      <c r="AN789" s="92"/>
      <c r="AO789" s="92"/>
      <c r="AP789" s="92"/>
      <c r="AQ789" s="92"/>
      <c r="AR789" s="92"/>
      <c r="AS789" s="92"/>
      <c r="AT789" s="92"/>
      <c r="AU789" s="92"/>
      <c r="AV789" s="92"/>
      <c r="AW789" s="92"/>
      <c r="AX789" s="92"/>
      <c r="AY789" s="92"/>
      <c r="AZ789" s="93"/>
      <c r="BA789" s="93"/>
      <c r="BB789" s="93"/>
      <c r="BC789" s="93"/>
      <c r="BD789" s="93"/>
      <c r="BE789" s="93"/>
      <c r="BF789" s="93"/>
      <c r="BG789" s="93"/>
      <c r="BH789" s="93"/>
      <c r="BI789" s="93"/>
      <c r="BJ789" s="93"/>
      <c r="BK789" s="93"/>
      <c r="BL789" s="93"/>
    </row>
    <row r="790" spans="2:64" x14ac:dyDescent="0.2">
      <c r="B790" s="43"/>
      <c r="C790" s="73"/>
      <c r="D790" s="64"/>
      <c r="E790" s="55"/>
      <c r="F790" s="74"/>
      <c r="G790" s="74"/>
      <c r="H790" s="74"/>
      <c r="I790" s="75"/>
      <c r="J790" s="74"/>
      <c r="L790" s="55"/>
      <c r="M790" s="234"/>
      <c r="N790" s="65"/>
      <c r="O790" s="76"/>
      <c r="P790" s="76"/>
      <c r="Q790" s="65"/>
      <c r="R790" s="76"/>
      <c r="S790" s="76"/>
      <c r="T790" s="76"/>
      <c r="U790" s="76"/>
      <c r="V790" s="76"/>
      <c r="W790" s="76"/>
      <c r="X790" s="76"/>
      <c r="Y790" s="76"/>
      <c r="Z790" s="76"/>
      <c r="AA790" s="85"/>
      <c r="AB790" s="85"/>
      <c r="AC790" s="85"/>
      <c r="AD790" s="85"/>
      <c r="AE790" s="85"/>
      <c r="AF790" s="85"/>
      <c r="AG790" s="86"/>
      <c r="AH790" s="85"/>
      <c r="AI790" s="85"/>
      <c r="AJ790" s="85"/>
      <c r="AK790" s="85"/>
      <c r="AL790" s="85"/>
      <c r="AM790" s="92"/>
      <c r="AN790" s="92"/>
      <c r="AO790" s="92"/>
      <c r="AP790" s="92"/>
      <c r="AQ790" s="92"/>
      <c r="AR790" s="92"/>
      <c r="AS790" s="92"/>
      <c r="AT790" s="92"/>
      <c r="AU790" s="92"/>
      <c r="AV790" s="92"/>
      <c r="AW790" s="92"/>
      <c r="AX790" s="92"/>
      <c r="AY790" s="92"/>
      <c r="AZ790" s="93"/>
      <c r="BA790" s="93"/>
      <c r="BB790" s="93"/>
      <c r="BC790" s="93"/>
      <c r="BD790" s="93"/>
      <c r="BE790" s="93"/>
      <c r="BF790" s="93"/>
      <c r="BG790" s="93"/>
      <c r="BH790" s="93"/>
      <c r="BI790" s="93"/>
      <c r="BJ790" s="93"/>
      <c r="BK790" s="93"/>
      <c r="BL790" s="93"/>
    </row>
    <row r="791" spans="2:64" x14ac:dyDescent="0.2">
      <c r="B791" s="43"/>
      <c r="C791" s="73"/>
      <c r="D791" s="64"/>
      <c r="E791" s="55"/>
      <c r="F791" s="74"/>
      <c r="G791" s="74"/>
      <c r="H791" s="74"/>
      <c r="I791" s="75"/>
      <c r="J791" s="74"/>
      <c r="L791" s="55"/>
      <c r="M791" s="234"/>
      <c r="N791" s="65"/>
      <c r="O791" s="76"/>
      <c r="P791" s="76"/>
      <c r="Q791" s="65"/>
      <c r="R791" s="76"/>
      <c r="S791" s="76"/>
      <c r="T791" s="76"/>
      <c r="U791" s="76"/>
      <c r="V791" s="76"/>
      <c r="W791" s="76"/>
      <c r="X791" s="76"/>
      <c r="Y791" s="76"/>
      <c r="Z791" s="76"/>
      <c r="AA791" s="85"/>
      <c r="AB791" s="85"/>
      <c r="AC791" s="85"/>
      <c r="AD791" s="85"/>
      <c r="AE791" s="85"/>
      <c r="AF791" s="85"/>
      <c r="AG791" s="86"/>
      <c r="AH791" s="85"/>
      <c r="AI791" s="85"/>
      <c r="AJ791" s="85"/>
      <c r="AK791" s="85"/>
      <c r="AL791" s="85"/>
      <c r="AM791" s="92"/>
      <c r="AN791" s="92"/>
      <c r="AO791" s="92"/>
      <c r="AP791" s="92"/>
      <c r="AQ791" s="92"/>
      <c r="AR791" s="92"/>
      <c r="AS791" s="92"/>
      <c r="AT791" s="92"/>
      <c r="AU791" s="92"/>
      <c r="AV791" s="92"/>
      <c r="AW791" s="92"/>
      <c r="AX791" s="92"/>
      <c r="AY791" s="92"/>
      <c r="AZ791" s="93"/>
      <c r="BA791" s="93"/>
      <c r="BB791" s="93"/>
      <c r="BC791" s="93"/>
      <c r="BD791" s="93"/>
      <c r="BE791" s="93"/>
      <c r="BF791" s="93"/>
      <c r="BG791" s="93"/>
      <c r="BH791" s="93"/>
      <c r="BI791" s="93"/>
      <c r="BJ791" s="93"/>
      <c r="BK791" s="93"/>
      <c r="BL791" s="93"/>
    </row>
    <row r="792" spans="2:64" x14ac:dyDescent="0.2">
      <c r="B792" s="43"/>
      <c r="C792" s="73"/>
      <c r="D792" s="64"/>
      <c r="E792" s="55"/>
      <c r="F792" s="74"/>
      <c r="G792" s="74"/>
      <c r="H792" s="74"/>
      <c r="I792" s="75"/>
      <c r="J792" s="74"/>
      <c r="L792" s="55"/>
      <c r="M792" s="234"/>
      <c r="N792" s="65"/>
      <c r="O792" s="76"/>
      <c r="P792" s="76"/>
      <c r="Q792" s="65"/>
      <c r="R792" s="76"/>
      <c r="S792" s="76"/>
      <c r="T792" s="76"/>
      <c r="U792" s="76"/>
      <c r="V792" s="76"/>
      <c r="W792" s="76"/>
      <c r="X792" s="76"/>
      <c r="Y792" s="76"/>
      <c r="Z792" s="76"/>
      <c r="AA792" s="85"/>
      <c r="AB792" s="85"/>
      <c r="AC792" s="85"/>
      <c r="AD792" s="85"/>
      <c r="AE792" s="85"/>
      <c r="AF792" s="85"/>
      <c r="AG792" s="86"/>
      <c r="AH792" s="85"/>
      <c r="AI792" s="85"/>
      <c r="AJ792" s="85"/>
      <c r="AK792" s="85"/>
      <c r="AL792" s="85"/>
      <c r="AM792" s="92"/>
      <c r="AN792" s="92"/>
      <c r="AO792" s="92"/>
      <c r="AP792" s="92"/>
      <c r="AQ792" s="92"/>
      <c r="AR792" s="92"/>
      <c r="AS792" s="92"/>
      <c r="AT792" s="92"/>
      <c r="AU792" s="92"/>
      <c r="AV792" s="92"/>
      <c r="AW792" s="92"/>
      <c r="AX792" s="92"/>
      <c r="AY792" s="92"/>
      <c r="AZ792" s="93"/>
      <c r="BA792" s="93"/>
      <c r="BB792" s="93"/>
      <c r="BC792" s="93"/>
      <c r="BD792" s="93"/>
      <c r="BE792" s="93"/>
      <c r="BF792" s="93"/>
      <c r="BG792" s="93"/>
      <c r="BH792" s="93"/>
      <c r="BI792" s="93"/>
      <c r="BJ792" s="93"/>
      <c r="BK792" s="93"/>
      <c r="BL792" s="93"/>
    </row>
    <row r="793" spans="2:64" x14ac:dyDescent="0.2">
      <c r="B793" s="43"/>
      <c r="C793" s="73"/>
      <c r="D793" s="64"/>
      <c r="E793" s="55"/>
      <c r="F793" s="74"/>
      <c r="G793" s="74"/>
      <c r="H793" s="74"/>
      <c r="I793" s="75"/>
      <c r="J793" s="74"/>
      <c r="L793" s="55"/>
      <c r="M793" s="234"/>
      <c r="N793" s="65"/>
      <c r="O793" s="76"/>
      <c r="P793" s="76"/>
      <c r="Q793" s="65"/>
      <c r="R793" s="76"/>
      <c r="S793" s="76"/>
      <c r="T793" s="76"/>
      <c r="U793" s="76"/>
      <c r="V793" s="76"/>
      <c r="W793" s="76"/>
      <c r="X793" s="76"/>
      <c r="Y793" s="76"/>
      <c r="Z793" s="76"/>
      <c r="AA793" s="85"/>
      <c r="AB793" s="85"/>
      <c r="AC793" s="85"/>
      <c r="AD793" s="85"/>
      <c r="AE793" s="85"/>
      <c r="AF793" s="85"/>
      <c r="AG793" s="86"/>
      <c r="AH793" s="85"/>
      <c r="AI793" s="85"/>
      <c r="AJ793" s="85"/>
      <c r="AK793" s="85"/>
      <c r="AL793" s="85"/>
      <c r="AM793" s="92"/>
      <c r="AN793" s="92"/>
      <c r="AO793" s="92"/>
      <c r="AP793" s="92"/>
      <c r="AQ793" s="92"/>
      <c r="AR793" s="92"/>
      <c r="AS793" s="92"/>
      <c r="AT793" s="92"/>
      <c r="AU793" s="92"/>
      <c r="AV793" s="92"/>
      <c r="AW793" s="92"/>
      <c r="AX793" s="92"/>
      <c r="AY793" s="92"/>
      <c r="AZ793" s="93"/>
      <c r="BA793" s="93"/>
      <c r="BB793" s="93"/>
      <c r="BC793" s="93"/>
      <c r="BD793" s="93"/>
      <c r="BE793" s="93"/>
      <c r="BF793" s="93"/>
      <c r="BG793" s="93"/>
      <c r="BH793" s="93"/>
      <c r="BI793" s="93"/>
      <c r="BJ793" s="93"/>
      <c r="BK793" s="93"/>
      <c r="BL793" s="93"/>
    </row>
    <row r="794" spans="2:64" x14ac:dyDescent="0.2">
      <c r="B794" s="43"/>
      <c r="C794" s="73"/>
      <c r="D794" s="64"/>
      <c r="E794" s="55"/>
      <c r="F794" s="74"/>
      <c r="G794" s="74"/>
      <c r="H794" s="74"/>
      <c r="I794" s="75"/>
      <c r="J794" s="74"/>
      <c r="L794" s="55"/>
      <c r="M794" s="234"/>
      <c r="N794" s="65"/>
      <c r="O794" s="76"/>
      <c r="P794" s="76"/>
      <c r="Q794" s="65"/>
      <c r="R794" s="76"/>
      <c r="S794" s="76"/>
      <c r="T794" s="76"/>
      <c r="U794" s="76"/>
      <c r="V794" s="76"/>
      <c r="W794" s="76"/>
      <c r="X794" s="76"/>
      <c r="Y794" s="76"/>
      <c r="Z794" s="76"/>
      <c r="AA794" s="85"/>
      <c r="AB794" s="85"/>
      <c r="AC794" s="85"/>
      <c r="AD794" s="85"/>
      <c r="AE794" s="85"/>
      <c r="AF794" s="85"/>
      <c r="AG794" s="86"/>
      <c r="AH794" s="85"/>
      <c r="AI794" s="85"/>
      <c r="AJ794" s="85"/>
      <c r="AK794" s="85"/>
      <c r="AL794" s="85"/>
      <c r="AM794" s="92"/>
      <c r="AN794" s="92"/>
      <c r="AO794" s="92"/>
      <c r="AP794" s="92"/>
      <c r="AQ794" s="92"/>
      <c r="AR794" s="92"/>
      <c r="AS794" s="92"/>
      <c r="AT794" s="92"/>
      <c r="AU794" s="92"/>
      <c r="AV794" s="92"/>
      <c r="AW794" s="92"/>
      <c r="AX794" s="92"/>
      <c r="AY794" s="92"/>
      <c r="AZ794" s="93"/>
      <c r="BA794" s="93"/>
      <c r="BB794" s="93"/>
      <c r="BC794" s="93"/>
      <c r="BD794" s="93"/>
      <c r="BE794" s="93"/>
      <c r="BF794" s="93"/>
      <c r="BG794" s="93"/>
      <c r="BH794" s="93"/>
      <c r="BI794" s="93"/>
      <c r="BJ794" s="93"/>
      <c r="BK794" s="93"/>
      <c r="BL794" s="93"/>
    </row>
    <row r="795" spans="2:64" x14ac:dyDescent="0.2">
      <c r="B795" s="43"/>
      <c r="C795" s="73"/>
      <c r="D795" s="64"/>
      <c r="E795" s="55"/>
      <c r="F795" s="74"/>
      <c r="G795" s="74"/>
      <c r="H795" s="74"/>
      <c r="I795" s="75"/>
      <c r="J795" s="74"/>
      <c r="L795" s="55"/>
      <c r="M795" s="234"/>
      <c r="N795" s="65"/>
      <c r="O795" s="76"/>
      <c r="P795" s="76"/>
      <c r="Q795" s="65"/>
      <c r="R795" s="76"/>
      <c r="S795" s="76"/>
      <c r="T795" s="76"/>
      <c r="U795" s="76"/>
      <c r="V795" s="76"/>
      <c r="W795" s="76"/>
      <c r="X795" s="76"/>
      <c r="Y795" s="76"/>
      <c r="Z795" s="76"/>
      <c r="AA795" s="85"/>
      <c r="AB795" s="85"/>
      <c r="AC795" s="85"/>
      <c r="AD795" s="85"/>
      <c r="AE795" s="85"/>
      <c r="AF795" s="85"/>
      <c r="AG795" s="86"/>
      <c r="AH795" s="85"/>
      <c r="AI795" s="85"/>
      <c r="AJ795" s="85"/>
      <c r="AK795" s="85"/>
      <c r="AL795" s="85"/>
      <c r="AM795" s="92"/>
      <c r="AN795" s="92"/>
      <c r="AO795" s="92"/>
      <c r="AP795" s="92"/>
      <c r="AQ795" s="92"/>
      <c r="AR795" s="92"/>
      <c r="AS795" s="92"/>
      <c r="AT795" s="92"/>
      <c r="AU795" s="92"/>
      <c r="AV795" s="92"/>
      <c r="AW795" s="92"/>
      <c r="AX795" s="92"/>
      <c r="AY795" s="92"/>
      <c r="AZ795" s="93"/>
      <c r="BA795" s="93"/>
      <c r="BB795" s="93"/>
      <c r="BC795" s="93"/>
      <c r="BD795" s="93"/>
      <c r="BE795" s="93"/>
      <c r="BF795" s="93"/>
      <c r="BG795" s="93"/>
      <c r="BH795" s="93"/>
      <c r="BI795" s="93"/>
      <c r="BJ795" s="93"/>
      <c r="BK795" s="93"/>
      <c r="BL795" s="93"/>
    </row>
    <row r="796" spans="2:64" x14ac:dyDescent="0.2">
      <c r="B796" s="43"/>
      <c r="C796" s="73"/>
      <c r="D796" s="64"/>
      <c r="E796" s="55"/>
      <c r="F796" s="74"/>
      <c r="G796" s="74"/>
      <c r="H796" s="74"/>
      <c r="I796" s="75"/>
      <c r="J796" s="74"/>
      <c r="L796" s="55"/>
      <c r="M796" s="234"/>
      <c r="N796" s="65"/>
      <c r="O796" s="76"/>
      <c r="P796" s="76"/>
      <c r="Q796" s="65"/>
      <c r="R796" s="76"/>
      <c r="S796" s="76"/>
      <c r="T796" s="76"/>
      <c r="U796" s="76"/>
      <c r="V796" s="76"/>
      <c r="W796" s="76"/>
      <c r="X796" s="76"/>
      <c r="Y796" s="76"/>
      <c r="Z796" s="76"/>
      <c r="AA796" s="85"/>
      <c r="AB796" s="85"/>
      <c r="AC796" s="85"/>
      <c r="AD796" s="85"/>
      <c r="AE796" s="85"/>
      <c r="AF796" s="85"/>
      <c r="AG796" s="86"/>
      <c r="AH796" s="85"/>
      <c r="AI796" s="85"/>
      <c r="AJ796" s="85"/>
      <c r="AK796" s="85"/>
      <c r="AL796" s="85"/>
      <c r="AM796" s="92"/>
      <c r="AN796" s="92"/>
      <c r="AO796" s="92"/>
      <c r="AP796" s="92"/>
      <c r="AQ796" s="92"/>
      <c r="AR796" s="92"/>
      <c r="AS796" s="92"/>
      <c r="AT796" s="92"/>
      <c r="AU796" s="92"/>
      <c r="AV796" s="92"/>
      <c r="AW796" s="92"/>
      <c r="AX796" s="92"/>
      <c r="AY796" s="92"/>
      <c r="AZ796" s="93"/>
      <c r="BA796" s="93"/>
      <c r="BB796" s="93"/>
      <c r="BC796" s="93"/>
      <c r="BD796" s="93"/>
      <c r="BE796" s="93"/>
      <c r="BF796" s="93"/>
      <c r="BG796" s="93"/>
      <c r="BH796" s="93"/>
      <c r="BI796" s="93"/>
      <c r="BJ796" s="93"/>
      <c r="BK796" s="93"/>
      <c r="BL796" s="93"/>
    </row>
    <row r="797" spans="2:64" x14ac:dyDescent="0.2">
      <c r="B797" s="43"/>
      <c r="C797" s="73"/>
      <c r="D797" s="64"/>
      <c r="E797" s="55"/>
      <c r="F797" s="74"/>
      <c r="G797" s="74"/>
      <c r="H797" s="74"/>
      <c r="I797" s="75"/>
      <c r="J797" s="74"/>
      <c r="L797" s="55"/>
      <c r="M797" s="234"/>
      <c r="N797" s="65"/>
      <c r="O797" s="76"/>
      <c r="P797" s="76"/>
      <c r="Q797" s="65"/>
      <c r="R797" s="76"/>
      <c r="S797" s="76"/>
      <c r="T797" s="76"/>
      <c r="U797" s="76"/>
      <c r="V797" s="76"/>
      <c r="W797" s="76"/>
      <c r="X797" s="76"/>
      <c r="Y797" s="76"/>
      <c r="Z797" s="76"/>
      <c r="AA797" s="85"/>
      <c r="AB797" s="85"/>
      <c r="AC797" s="85"/>
      <c r="AD797" s="85"/>
      <c r="AE797" s="85"/>
      <c r="AF797" s="85"/>
      <c r="AG797" s="86"/>
      <c r="AH797" s="85"/>
      <c r="AI797" s="85"/>
      <c r="AJ797" s="85"/>
      <c r="AK797" s="85"/>
      <c r="AL797" s="85"/>
      <c r="AM797" s="92"/>
      <c r="AN797" s="92"/>
      <c r="AO797" s="92"/>
      <c r="AP797" s="92"/>
      <c r="AQ797" s="92"/>
      <c r="AR797" s="92"/>
      <c r="AS797" s="92"/>
      <c r="AT797" s="92"/>
      <c r="AU797" s="92"/>
      <c r="AV797" s="92"/>
      <c r="AW797" s="92"/>
      <c r="AX797" s="92"/>
      <c r="AY797" s="92"/>
      <c r="AZ797" s="93"/>
      <c r="BA797" s="93"/>
      <c r="BB797" s="93"/>
      <c r="BC797" s="93"/>
      <c r="BD797" s="93"/>
      <c r="BE797" s="93"/>
      <c r="BF797" s="93"/>
      <c r="BG797" s="93"/>
      <c r="BH797" s="93"/>
      <c r="BI797" s="93"/>
      <c r="BJ797" s="93"/>
      <c r="BK797" s="93"/>
      <c r="BL797" s="93"/>
    </row>
    <row r="798" spans="2:64" x14ac:dyDescent="0.2">
      <c r="B798" s="43"/>
      <c r="C798" s="73"/>
      <c r="D798" s="64"/>
      <c r="E798" s="55"/>
      <c r="F798" s="74"/>
      <c r="G798" s="74"/>
      <c r="H798" s="74"/>
      <c r="I798" s="75"/>
      <c r="J798" s="74"/>
      <c r="L798" s="55"/>
      <c r="M798" s="234"/>
      <c r="N798" s="65"/>
      <c r="O798" s="76"/>
      <c r="P798" s="76"/>
      <c r="Q798" s="65"/>
      <c r="R798" s="76"/>
      <c r="S798" s="76"/>
      <c r="T798" s="76"/>
      <c r="U798" s="76"/>
      <c r="V798" s="76"/>
      <c r="W798" s="76"/>
      <c r="X798" s="76"/>
      <c r="Y798" s="76"/>
      <c r="Z798" s="76"/>
      <c r="AA798" s="85"/>
      <c r="AB798" s="85"/>
      <c r="AC798" s="85"/>
      <c r="AD798" s="85"/>
      <c r="AE798" s="85"/>
      <c r="AF798" s="85"/>
      <c r="AG798" s="86"/>
      <c r="AH798" s="85"/>
      <c r="AI798" s="85"/>
      <c r="AJ798" s="85"/>
      <c r="AK798" s="85"/>
      <c r="AL798" s="85"/>
      <c r="AM798" s="92"/>
      <c r="AN798" s="92"/>
      <c r="AO798" s="92"/>
      <c r="AP798" s="92"/>
      <c r="AQ798" s="92"/>
      <c r="AR798" s="92"/>
      <c r="AS798" s="92"/>
      <c r="AT798" s="92"/>
      <c r="AU798" s="92"/>
      <c r="AV798" s="92"/>
      <c r="AW798" s="92"/>
      <c r="AX798" s="92"/>
      <c r="AY798" s="92"/>
      <c r="AZ798" s="93"/>
      <c r="BA798" s="93"/>
      <c r="BB798" s="93"/>
      <c r="BC798" s="93"/>
      <c r="BD798" s="93"/>
      <c r="BE798" s="93"/>
      <c r="BF798" s="93"/>
      <c r="BG798" s="93"/>
      <c r="BH798" s="93"/>
      <c r="BI798" s="93"/>
      <c r="BJ798" s="93"/>
      <c r="BK798" s="93"/>
      <c r="BL798" s="93"/>
    </row>
    <row r="799" spans="2:64" x14ac:dyDescent="0.2">
      <c r="B799" s="43"/>
      <c r="C799" s="73"/>
      <c r="D799" s="64"/>
      <c r="E799" s="55"/>
      <c r="F799" s="74"/>
      <c r="G799" s="74"/>
      <c r="H799" s="74"/>
      <c r="I799" s="75"/>
      <c r="J799" s="74"/>
      <c r="L799" s="55"/>
      <c r="M799" s="234"/>
      <c r="N799" s="65"/>
      <c r="O799" s="76"/>
      <c r="P799" s="76"/>
      <c r="Q799" s="65"/>
      <c r="R799" s="76"/>
      <c r="S799" s="76"/>
      <c r="T799" s="76"/>
      <c r="U799" s="76"/>
      <c r="V799" s="76"/>
      <c r="W799" s="76"/>
      <c r="X799" s="76"/>
      <c r="Y799" s="76"/>
      <c r="Z799" s="76"/>
      <c r="AA799" s="85"/>
      <c r="AB799" s="85"/>
      <c r="AC799" s="85"/>
      <c r="AD799" s="85"/>
      <c r="AE799" s="85"/>
      <c r="AF799" s="85"/>
      <c r="AG799" s="86"/>
      <c r="AH799" s="85"/>
      <c r="AI799" s="85"/>
      <c r="AJ799" s="85"/>
      <c r="AK799" s="85"/>
      <c r="AL799" s="85"/>
      <c r="AM799" s="92"/>
      <c r="AN799" s="92"/>
      <c r="AO799" s="92"/>
      <c r="AP799" s="92"/>
      <c r="AQ799" s="92"/>
      <c r="AR799" s="92"/>
      <c r="AS799" s="92"/>
      <c r="AT799" s="92"/>
      <c r="AU799" s="92"/>
      <c r="AV799" s="92"/>
      <c r="AW799" s="92"/>
      <c r="AX799" s="92"/>
      <c r="AY799" s="92"/>
      <c r="AZ799" s="93"/>
      <c r="BA799" s="93"/>
      <c r="BB799" s="93"/>
      <c r="BC799" s="93"/>
      <c r="BD799" s="93"/>
      <c r="BE799" s="93"/>
      <c r="BF799" s="93"/>
      <c r="BG799" s="93"/>
      <c r="BH799" s="93"/>
      <c r="BI799" s="93"/>
      <c r="BJ799" s="93"/>
      <c r="BK799" s="93"/>
      <c r="BL799" s="93"/>
    </row>
    <row r="800" spans="2:64" x14ac:dyDescent="0.2">
      <c r="B800" s="43"/>
      <c r="C800" s="73"/>
      <c r="D800" s="64"/>
      <c r="E800" s="55"/>
      <c r="F800" s="74"/>
      <c r="G800" s="74"/>
      <c r="H800" s="74"/>
      <c r="I800" s="75"/>
      <c r="J800" s="74"/>
      <c r="L800" s="55"/>
      <c r="M800" s="234"/>
      <c r="N800" s="65"/>
      <c r="O800" s="76"/>
      <c r="P800" s="76"/>
      <c r="Q800" s="65"/>
      <c r="R800" s="76"/>
      <c r="S800" s="76"/>
      <c r="T800" s="76"/>
      <c r="U800" s="76"/>
      <c r="V800" s="76"/>
      <c r="W800" s="76"/>
      <c r="X800" s="76"/>
      <c r="Y800" s="76"/>
      <c r="Z800" s="76"/>
      <c r="AA800" s="85"/>
      <c r="AB800" s="85"/>
      <c r="AC800" s="85"/>
      <c r="AD800" s="85"/>
      <c r="AE800" s="85"/>
      <c r="AF800" s="85"/>
      <c r="AG800" s="86"/>
      <c r="AH800" s="85"/>
      <c r="AI800" s="85"/>
      <c r="AJ800" s="85"/>
      <c r="AK800" s="85"/>
      <c r="AL800" s="85"/>
      <c r="AM800" s="92"/>
      <c r="AN800" s="92"/>
      <c r="AO800" s="92"/>
      <c r="AP800" s="92"/>
      <c r="AQ800" s="92"/>
      <c r="AR800" s="92"/>
      <c r="AS800" s="92"/>
      <c r="AT800" s="92"/>
      <c r="AU800" s="92"/>
      <c r="AV800" s="92"/>
      <c r="AW800" s="92"/>
      <c r="AX800" s="92"/>
      <c r="AY800" s="92"/>
      <c r="AZ800" s="93"/>
      <c r="BA800" s="93"/>
      <c r="BB800" s="93"/>
      <c r="BC800" s="93"/>
      <c r="BD800" s="93"/>
      <c r="BE800" s="93"/>
      <c r="BF800" s="93"/>
      <c r="BG800" s="93"/>
      <c r="BH800" s="93"/>
      <c r="BI800" s="93"/>
      <c r="BJ800" s="93"/>
      <c r="BK800" s="93"/>
      <c r="BL800" s="93"/>
    </row>
    <row r="801" spans="2:64" x14ac:dyDescent="0.2">
      <c r="B801" s="43"/>
      <c r="C801" s="73"/>
      <c r="D801" s="64"/>
      <c r="E801" s="55"/>
      <c r="F801" s="74"/>
      <c r="G801" s="74"/>
      <c r="H801" s="74"/>
      <c r="I801" s="75"/>
      <c r="J801" s="74"/>
      <c r="L801" s="55"/>
      <c r="M801" s="234"/>
      <c r="N801" s="65"/>
      <c r="O801" s="76"/>
      <c r="P801" s="76"/>
      <c r="Q801" s="65"/>
      <c r="R801" s="76"/>
      <c r="S801" s="76"/>
      <c r="T801" s="76"/>
      <c r="U801" s="76"/>
      <c r="V801" s="76"/>
      <c r="W801" s="76"/>
      <c r="X801" s="76"/>
      <c r="Y801" s="76"/>
      <c r="Z801" s="76"/>
      <c r="AA801" s="85"/>
      <c r="AB801" s="85"/>
      <c r="AC801" s="85"/>
      <c r="AD801" s="85"/>
      <c r="AE801" s="85"/>
      <c r="AF801" s="85"/>
      <c r="AG801" s="86"/>
      <c r="AH801" s="85"/>
      <c r="AI801" s="85"/>
      <c r="AJ801" s="85"/>
      <c r="AK801" s="85"/>
      <c r="AL801" s="85"/>
      <c r="AM801" s="92"/>
      <c r="AN801" s="92"/>
      <c r="AO801" s="92"/>
      <c r="AP801" s="92"/>
      <c r="AQ801" s="92"/>
      <c r="AR801" s="92"/>
      <c r="AS801" s="92"/>
      <c r="AT801" s="92"/>
      <c r="AU801" s="92"/>
      <c r="AV801" s="92"/>
      <c r="AW801" s="92"/>
      <c r="AX801" s="92"/>
      <c r="AY801" s="92"/>
      <c r="AZ801" s="93"/>
      <c r="BA801" s="93"/>
      <c r="BB801" s="93"/>
      <c r="BC801" s="93"/>
      <c r="BD801" s="93"/>
      <c r="BE801" s="93"/>
      <c r="BF801" s="93"/>
      <c r="BG801" s="93"/>
      <c r="BH801" s="93"/>
      <c r="BI801" s="93"/>
      <c r="BJ801" s="93"/>
      <c r="BK801" s="93"/>
      <c r="BL801" s="93"/>
    </row>
    <row r="802" spans="2:64" x14ac:dyDescent="0.2">
      <c r="B802" s="43"/>
      <c r="C802" s="73"/>
      <c r="D802" s="64"/>
      <c r="E802" s="55"/>
      <c r="F802" s="74"/>
      <c r="G802" s="74"/>
      <c r="H802" s="74"/>
      <c r="I802" s="75"/>
      <c r="J802" s="74"/>
      <c r="L802" s="55"/>
      <c r="M802" s="234"/>
      <c r="N802" s="65"/>
      <c r="O802" s="76"/>
      <c r="P802" s="76"/>
      <c r="Q802" s="65"/>
      <c r="R802" s="76"/>
      <c r="S802" s="76"/>
      <c r="T802" s="76"/>
      <c r="U802" s="76"/>
      <c r="V802" s="76"/>
      <c r="W802" s="76"/>
      <c r="X802" s="76"/>
      <c r="Y802" s="76"/>
      <c r="Z802" s="76"/>
      <c r="AA802" s="85"/>
      <c r="AB802" s="85"/>
      <c r="AC802" s="85"/>
      <c r="AD802" s="85"/>
      <c r="AE802" s="85"/>
      <c r="AF802" s="85"/>
      <c r="AG802" s="86"/>
      <c r="AH802" s="85"/>
      <c r="AI802" s="85"/>
      <c r="AJ802" s="85"/>
      <c r="AK802" s="85"/>
      <c r="AL802" s="85"/>
      <c r="AM802" s="92"/>
      <c r="AN802" s="92"/>
      <c r="AO802" s="92"/>
      <c r="AP802" s="92"/>
      <c r="AQ802" s="92"/>
      <c r="AR802" s="92"/>
      <c r="AS802" s="92"/>
      <c r="AT802" s="92"/>
      <c r="AU802" s="92"/>
      <c r="AV802" s="92"/>
      <c r="AW802" s="92"/>
      <c r="AX802" s="92"/>
      <c r="AY802" s="92"/>
      <c r="AZ802" s="93"/>
      <c r="BA802" s="93"/>
      <c r="BB802" s="93"/>
      <c r="BC802" s="93"/>
      <c r="BD802" s="93"/>
      <c r="BE802" s="93"/>
      <c r="BF802" s="93"/>
      <c r="BG802" s="93"/>
      <c r="BH802" s="93"/>
      <c r="BI802" s="93"/>
      <c r="BJ802" s="93"/>
      <c r="BK802" s="93"/>
      <c r="BL802" s="93"/>
    </row>
    <row r="803" spans="2:64" x14ac:dyDescent="0.2">
      <c r="B803" s="43"/>
      <c r="C803" s="73"/>
      <c r="D803" s="64"/>
      <c r="E803" s="55"/>
      <c r="F803" s="74"/>
      <c r="G803" s="74"/>
      <c r="H803" s="74"/>
      <c r="I803" s="75"/>
      <c r="J803" s="74"/>
      <c r="L803" s="55"/>
      <c r="M803" s="234"/>
      <c r="N803" s="65"/>
      <c r="O803" s="76"/>
      <c r="P803" s="76"/>
      <c r="Q803" s="65"/>
      <c r="R803" s="76"/>
      <c r="S803" s="76"/>
      <c r="T803" s="76"/>
      <c r="U803" s="76"/>
      <c r="V803" s="76"/>
      <c r="W803" s="76"/>
      <c r="X803" s="76"/>
      <c r="Y803" s="76"/>
      <c r="Z803" s="76"/>
      <c r="AA803" s="85"/>
      <c r="AB803" s="85"/>
      <c r="AC803" s="85"/>
      <c r="AD803" s="85"/>
      <c r="AE803" s="85"/>
      <c r="AF803" s="85"/>
      <c r="AG803" s="86"/>
      <c r="AH803" s="85"/>
      <c r="AI803" s="85"/>
      <c r="AJ803" s="85"/>
      <c r="AK803" s="85"/>
      <c r="AL803" s="85"/>
      <c r="AM803" s="92"/>
      <c r="AN803" s="92"/>
      <c r="AO803" s="92"/>
      <c r="AP803" s="92"/>
      <c r="AQ803" s="92"/>
      <c r="AR803" s="92"/>
      <c r="AS803" s="92"/>
      <c r="AT803" s="92"/>
      <c r="AU803" s="92"/>
      <c r="AV803" s="92"/>
      <c r="AW803" s="92"/>
      <c r="AX803" s="92"/>
      <c r="AY803" s="92"/>
      <c r="AZ803" s="93"/>
      <c r="BA803" s="93"/>
      <c r="BB803" s="93"/>
      <c r="BC803" s="93"/>
      <c r="BD803" s="93"/>
      <c r="BE803" s="93"/>
      <c r="BF803" s="93"/>
      <c r="BG803" s="93"/>
      <c r="BH803" s="93"/>
      <c r="BI803" s="93"/>
      <c r="BJ803" s="93"/>
      <c r="BK803" s="93"/>
      <c r="BL803" s="93"/>
    </row>
    <row r="804" spans="2:64" x14ac:dyDescent="0.2">
      <c r="B804" s="43"/>
      <c r="C804" s="73"/>
      <c r="D804" s="64"/>
      <c r="E804" s="55"/>
      <c r="F804" s="74"/>
      <c r="G804" s="74"/>
      <c r="H804" s="74"/>
      <c r="I804" s="75"/>
      <c r="J804" s="74"/>
      <c r="L804" s="55"/>
      <c r="M804" s="234"/>
      <c r="N804" s="65"/>
      <c r="O804" s="76"/>
      <c r="P804" s="76"/>
      <c r="Q804" s="65"/>
      <c r="R804" s="76"/>
      <c r="S804" s="76"/>
      <c r="T804" s="76"/>
      <c r="U804" s="76"/>
      <c r="V804" s="76"/>
      <c r="W804" s="76"/>
      <c r="X804" s="76"/>
      <c r="Y804" s="76"/>
      <c r="Z804" s="76"/>
      <c r="AA804" s="85"/>
      <c r="AB804" s="85"/>
      <c r="AC804" s="85"/>
      <c r="AD804" s="85"/>
      <c r="AE804" s="85"/>
      <c r="AF804" s="85"/>
      <c r="AG804" s="86"/>
      <c r="AH804" s="85"/>
      <c r="AI804" s="85"/>
      <c r="AJ804" s="85"/>
      <c r="AK804" s="85"/>
      <c r="AL804" s="85"/>
      <c r="AM804" s="92"/>
      <c r="AN804" s="92"/>
      <c r="AO804" s="92"/>
      <c r="AP804" s="92"/>
      <c r="AQ804" s="92"/>
      <c r="AR804" s="92"/>
      <c r="AS804" s="92"/>
      <c r="AT804" s="92"/>
      <c r="AU804" s="92"/>
      <c r="AV804" s="92"/>
      <c r="AW804" s="92"/>
      <c r="AX804" s="92"/>
      <c r="AY804" s="92"/>
      <c r="AZ804" s="93"/>
      <c r="BA804" s="93"/>
      <c r="BB804" s="93"/>
      <c r="BC804" s="93"/>
      <c r="BD804" s="93"/>
      <c r="BE804" s="93"/>
      <c r="BF804" s="93"/>
      <c r="BG804" s="93"/>
      <c r="BH804" s="93"/>
      <c r="BI804" s="93"/>
      <c r="BJ804" s="93"/>
      <c r="BK804" s="93"/>
      <c r="BL804" s="93"/>
    </row>
    <row r="805" spans="2:64" x14ac:dyDescent="0.2">
      <c r="B805" s="43"/>
      <c r="C805" s="73"/>
      <c r="D805" s="64"/>
      <c r="E805" s="55"/>
      <c r="F805" s="74"/>
      <c r="G805" s="74"/>
      <c r="H805" s="74"/>
      <c r="I805" s="75"/>
      <c r="J805" s="74"/>
      <c r="L805" s="55"/>
      <c r="M805" s="234"/>
      <c r="N805" s="65"/>
      <c r="O805" s="76"/>
      <c r="P805" s="76"/>
      <c r="Q805" s="65"/>
      <c r="R805" s="76"/>
      <c r="S805" s="76"/>
      <c r="T805" s="76"/>
      <c r="U805" s="76"/>
      <c r="V805" s="76"/>
      <c r="W805" s="76"/>
      <c r="X805" s="76"/>
      <c r="Y805" s="76"/>
      <c r="Z805" s="76"/>
      <c r="AA805" s="85"/>
      <c r="AB805" s="85"/>
      <c r="AC805" s="85"/>
      <c r="AD805" s="85"/>
      <c r="AE805" s="85"/>
      <c r="AF805" s="85"/>
      <c r="AG805" s="86"/>
      <c r="AH805" s="85"/>
      <c r="AI805" s="85"/>
      <c r="AJ805" s="85"/>
      <c r="AK805" s="85"/>
      <c r="AL805" s="85"/>
      <c r="AM805" s="92"/>
      <c r="AN805" s="92"/>
      <c r="AO805" s="92"/>
      <c r="AP805" s="92"/>
      <c r="AQ805" s="92"/>
      <c r="AR805" s="92"/>
      <c r="AS805" s="92"/>
      <c r="AT805" s="92"/>
      <c r="AU805" s="92"/>
      <c r="AV805" s="92"/>
      <c r="AW805" s="92"/>
      <c r="AX805" s="92"/>
      <c r="AY805" s="92"/>
      <c r="AZ805" s="93"/>
      <c r="BA805" s="93"/>
      <c r="BB805" s="93"/>
      <c r="BC805" s="93"/>
      <c r="BD805" s="93"/>
      <c r="BE805" s="93"/>
      <c r="BF805" s="93"/>
      <c r="BG805" s="93"/>
      <c r="BH805" s="93"/>
      <c r="BI805" s="93"/>
      <c r="BJ805" s="93"/>
      <c r="BK805" s="93"/>
      <c r="BL805" s="93"/>
    </row>
    <row r="806" spans="2:64" x14ac:dyDescent="0.2">
      <c r="B806" s="43"/>
      <c r="C806" s="73"/>
      <c r="D806" s="64"/>
      <c r="E806" s="55"/>
      <c r="F806" s="74"/>
      <c r="G806" s="74"/>
      <c r="H806" s="74"/>
      <c r="I806" s="75"/>
      <c r="J806" s="74"/>
      <c r="L806" s="55"/>
      <c r="M806" s="234"/>
      <c r="N806" s="65"/>
      <c r="O806" s="76"/>
      <c r="P806" s="76"/>
      <c r="Q806" s="65"/>
      <c r="R806" s="76"/>
      <c r="S806" s="76"/>
      <c r="T806" s="76"/>
      <c r="U806" s="76"/>
      <c r="V806" s="76"/>
      <c r="W806" s="76"/>
      <c r="X806" s="76"/>
      <c r="Y806" s="76"/>
      <c r="Z806" s="76"/>
      <c r="AA806" s="85"/>
      <c r="AB806" s="85"/>
      <c r="AC806" s="85"/>
      <c r="AD806" s="85"/>
      <c r="AE806" s="85"/>
      <c r="AF806" s="85"/>
      <c r="AG806" s="86"/>
      <c r="AH806" s="85"/>
      <c r="AI806" s="85"/>
      <c r="AJ806" s="85"/>
      <c r="AK806" s="85"/>
      <c r="AL806" s="85"/>
      <c r="AM806" s="92"/>
      <c r="AN806" s="92"/>
      <c r="AO806" s="92"/>
      <c r="AP806" s="92"/>
      <c r="AQ806" s="92"/>
      <c r="AR806" s="92"/>
      <c r="AS806" s="92"/>
      <c r="AT806" s="92"/>
      <c r="AU806" s="92"/>
      <c r="AV806" s="92"/>
      <c r="AW806" s="92"/>
      <c r="AX806" s="92"/>
      <c r="AY806" s="92"/>
      <c r="AZ806" s="93"/>
      <c r="BA806" s="93"/>
      <c r="BB806" s="93"/>
      <c r="BC806" s="93"/>
      <c r="BD806" s="93"/>
      <c r="BE806" s="93"/>
      <c r="BF806" s="93"/>
      <c r="BG806" s="93"/>
      <c r="BH806" s="93"/>
      <c r="BI806" s="93"/>
      <c r="BJ806" s="93"/>
      <c r="BK806" s="93"/>
      <c r="BL806" s="93"/>
    </row>
    <row r="807" spans="2:64" x14ac:dyDescent="0.2">
      <c r="B807" s="43"/>
      <c r="C807" s="73"/>
      <c r="D807" s="64"/>
      <c r="E807" s="55"/>
      <c r="F807" s="74"/>
      <c r="G807" s="74"/>
      <c r="H807" s="74"/>
      <c r="I807" s="75"/>
      <c r="J807" s="74"/>
      <c r="L807" s="55"/>
      <c r="M807" s="234"/>
      <c r="N807" s="65"/>
      <c r="O807" s="76"/>
      <c r="P807" s="76"/>
      <c r="Q807" s="65"/>
      <c r="R807" s="76"/>
      <c r="S807" s="76"/>
      <c r="T807" s="76"/>
      <c r="U807" s="76"/>
      <c r="V807" s="76"/>
      <c r="W807" s="76"/>
      <c r="X807" s="76"/>
      <c r="Y807" s="76"/>
      <c r="Z807" s="76"/>
      <c r="AA807" s="85"/>
      <c r="AB807" s="85"/>
      <c r="AC807" s="85"/>
      <c r="AD807" s="85"/>
      <c r="AE807" s="85"/>
      <c r="AF807" s="85"/>
      <c r="AG807" s="86"/>
      <c r="AH807" s="85"/>
      <c r="AI807" s="85"/>
      <c r="AJ807" s="85"/>
      <c r="AK807" s="85"/>
      <c r="AL807" s="85"/>
      <c r="AM807" s="92"/>
      <c r="AN807" s="92"/>
      <c r="AO807" s="92"/>
      <c r="AP807" s="92"/>
      <c r="AQ807" s="92"/>
      <c r="AR807" s="92"/>
      <c r="AS807" s="92"/>
      <c r="AT807" s="92"/>
      <c r="AU807" s="92"/>
      <c r="AV807" s="92"/>
      <c r="AW807" s="92"/>
      <c r="AX807" s="92"/>
      <c r="AY807" s="92"/>
      <c r="AZ807" s="93"/>
      <c r="BA807" s="93"/>
      <c r="BB807" s="93"/>
      <c r="BC807" s="93"/>
      <c r="BD807" s="93"/>
      <c r="BE807" s="93"/>
      <c r="BF807" s="93"/>
      <c r="BG807" s="93"/>
      <c r="BH807" s="93"/>
      <c r="BI807" s="93"/>
      <c r="BJ807" s="93"/>
      <c r="BK807" s="93"/>
      <c r="BL807" s="93"/>
    </row>
    <row r="808" spans="2:64" x14ac:dyDescent="0.2">
      <c r="B808" s="43"/>
      <c r="C808" s="73"/>
      <c r="D808" s="64"/>
      <c r="E808" s="55"/>
      <c r="F808" s="74"/>
      <c r="G808" s="74"/>
      <c r="H808" s="74"/>
      <c r="I808" s="75"/>
      <c r="J808" s="74"/>
      <c r="L808" s="55"/>
      <c r="M808" s="234"/>
      <c r="N808" s="65"/>
      <c r="O808" s="76"/>
      <c r="P808" s="76"/>
      <c r="Q808" s="65"/>
      <c r="R808" s="76"/>
      <c r="S808" s="76"/>
      <c r="T808" s="76"/>
      <c r="U808" s="76"/>
      <c r="V808" s="76"/>
      <c r="W808" s="76"/>
      <c r="X808" s="76"/>
      <c r="Y808" s="76"/>
      <c r="Z808" s="76"/>
      <c r="AA808" s="85"/>
      <c r="AB808" s="85"/>
      <c r="AC808" s="85"/>
      <c r="AD808" s="85"/>
      <c r="AE808" s="85"/>
      <c r="AF808" s="85"/>
      <c r="AG808" s="86"/>
      <c r="AH808" s="85"/>
      <c r="AI808" s="85"/>
      <c r="AJ808" s="85"/>
      <c r="AK808" s="85"/>
      <c r="AL808" s="85"/>
      <c r="AM808" s="92"/>
      <c r="AN808" s="92"/>
      <c r="AO808" s="92"/>
      <c r="AP808" s="92"/>
      <c r="AQ808" s="92"/>
      <c r="AR808" s="92"/>
      <c r="AS808" s="92"/>
      <c r="AT808" s="92"/>
      <c r="AU808" s="92"/>
      <c r="AV808" s="92"/>
      <c r="AW808" s="92"/>
      <c r="AX808" s="92"/>
      <c r="AY808" s="92"/>
      <c r="AZ808" s="93"/>
      <c r="BA808" s="93"/>
      <c r="BB808" s="93"/>
      <c r="BC808" s="93"/>
      <c r="BD808" s="93"/>
      <c r="BE808" s="93"/>
      <c r="BF808" s="93"/>
      <c r="BG808" s="93"/>
      <c r="BH808" s="93"/>
      <c r="BI808" s="93"/>
      <c r="BJ808" s="93"/>
      <c r="BK808" s="93"/>
      <c r="BL808" s="93"/>
    </row>
    <row r="809" spans="2:64" x14ac:dyDescent="0.2">
      <c r="B809" s="43"/>
      <c r="C809" s="73"/>
      <c r="D809" s="64"/>
      <c r="E809" s="55"/>
      <c r="F809" s="74"/>
      <c r="G809" s="74"/>
      <c r="H809" s="74"/>
      <c r="I809" s="75"/>
      <c r="J809" s="74"/>
      <c r="L809" s="55"/>
      <c r="M809" s="234"/>
      <c r="N809" s="65"/>
      <c r="O809" s="76"/>
      <c r="P809" s="76"/>
      <c r="Q809" s="65"/>
      <c r="R809" s="76"/>
      <c r="S809" s="76"/>
      <c r="T809" s="76"/>
      <c r="U809" s="76"/>
      <c r="V809" s="76"/>
      <c r="W809" s="76"/>
      <c r="X809" s="76"/>
      <c r="Y809" s="76"/>
      <c r="Z809" s="76"/>
      <c r="AA809" s="85"/>
      <c r="AB809" s="85"/>
      <c r="AC809" s="85"/>
      <c r="AD809" s="85"/>
      <c r="AE809" s="85"/>
      <c r="AF809" s="85"/>
      <c r="AG809" s="86"/>
      <c r="AH809" s="85"/>
      <c r="AI809" s="85"/>
      <c r="AJ809" s="85"/>
      <c r="AK809" s="85"/>
      <c r="AL809" s="85"/>
      <c r="AM809" s="92"/>
      <c r="AN809" s="92"/>
      <c r="AO809" s="92"/>
      <c r="AP809" s="92"/>
      <c r="AQ809" s="92"/>
      <c r="AR809" s="92"/>
      <c r="AS809" s="92"/>
      <c r="AT809" s="92"/>
      <c r="AU809" s="92"/>
      <c r="AV809" s="92"/>
      <c r="AW809" s="92"/>
      <c r="AX809" s="92"/>
      <c r="AY809" s="92"/>
      <c r="AZ809" s="93"/>
      <c r="BA809" s="93"/>
      <c r="BB809" s="93"/>
      <c r="BC809" s="93"/>
      <c r="BD809" s="93"/>
      <c r="BE809" s="93"/>
      <c r="BF809" s="93"/>
      <c r="BG809" s="93"/>
      <c r="BH809" s="93"/>
      <c r="BI809" s="93"/>
      <c r="BJ809" s="93"/>
      <c r="BK809" s="93"/>
      <c r="BL809" s="93"/>
    </row>
    <row r="810" spans="2:64" x14ac:dyDescent="0.2">
      <c r="B810" s="43"/>
      <c r="C810" s="73"/>
      <c r="D810" s="64"/>
      <c r="E810" s="55"/>
      <c r="F810" s="74"/>
      <c r="G810" s="74"/>
      <c r="H810" s="74"/>
      <c r="I810" s="75"/>
      <c r="J810" s="74"/>
      <c r="L810" s="55"/>
      <c r="M810" s="234"/>
      <c r="N810" s="65"/>
      <c r="O810" s="76"/>
      <c r="P810" s="76"/>
      <c r="Q810" s="65"/>
      <c r="R810" s="76"/>
      <c r="S810" s="76"/>
      <c r="T810" s="76"/>
      <c r="U810" s="76"/>
      <c r="V810" s="76"/>
      <c r="W810" s="76"/>
      <c r="X810" s="76"/>
      <c r="Y810" s="76"/>
      <c r="Z810" s="76"/>
      <c r="AA810" s="85"/>
      <c r="AB810" s="85"/>
      <c r="AC810" s="85"/>
      <c r="AD810" s="85"/>
      <c r="AE810" s="85"/>
      <c r="AF810" s="85"/>
      <c r="AG810" s="86"/>
      <c r="AH810" s="85"/>
      <c r="AI810" s="85"/>
      <c r="AJ810" s="85"/>
      <c r="AK810" s="85"/>
      <c r="AL810" s="85"/>
      <c r="AM810" s="92"/>
      <c r="AN810" s="92"/>
      <c r="AO810" s="92"/>
      <c r="AP810" s="92"/>
      <c r="AQ810" s="92"/>
      <c r="AR810" s="92"/>
      <c r="AS810" s="92"/>
      <c r="AT810" s="92"/>
      <c r="AU810" s="92"/>
      <c r="AV810" s="92"/>
      <c r="AW810" s="92"/>
      <c r="AX810" s="92"/>
      <c r="AY810" s="92"/>
      <c r="AZ810" s="93"/>
      <c r="BA810" s="93"/>
      <c r="BB810" s="93"/>
      <c r="BC810" s="93"/>
      <c r="BD810" s="93"/>
      <c r="BE810" s="93"/>
      <c r="BF810" s="93"/>
      <c r="BG810" s="93"/>
      <c r="BH810" s="93"/>
      <c r="BI810" s="93"/>
      <c r="BJ810" s="93"/>
      <c r="BK810" s="93"/>
      <c r="BL810" s="93"/>
    </row>
    <row r="811" spans="2:64" x14ac:dyDescent="0.2">
      <c r="B811" s="43"/>
      <c r="C811" s="73"/>
      <c r="D811" s="64"/>
      <c r="E811" s="55"/>
      <c r="F811" s="74"/>
      <c r="G811" s="74"/>
      <c r="H811" s="74"/>
      <c r="I811" s="75"/>
      <c r="J811" s="74"/>
      <c r="L811" s="55"/>
      <c r="M811" s="234"/>
      <c r="N811" s="65"/>
      <c r="O811" s="76"/>
      <c r="P811" s="76"/>
      <c r="Q811" s="65"/>
      <c r="R811" s="76"/>
      <c r="S811" s="76"/>
      <c r="T811" s="76"/>
      <c r="U811" s="76"/>
      <c r="V811" s="76"/>
      <c r="W811" s="76"/>
      <c r="X811" s="76"/>
      <c r="Y811" s="76"/>
      <c r="Z811" s="76"/>
      <c r="AA811" s="85"/>
      <c r="AB811" s="85"/>
      <c r="AC811" s="85"/>
      <c r="AD811" s="85"/>
      <c r="AE811" s="85"/>
      <c r="AF811" s="85"/>
      <c r="AG811" s="86"/>
      <c r="AH811" s="85"/>
      <c r="AI811" s="85"/>
      <c r="AJ811" s="85"/>
      <c r="AK811" s="85"/>
      <c r="AL811" s="85"/>
      <c r="AM811" s="92"/>
      <c r="AN811" s="92"/>
      <c r="AO811" s="92"/>
      <c r="AP811" s="92"/>
      <c r="AQ811" s="92"/>
      <c r="AR811" s="92"/>
      <c r="AS811" s="92"/>
      <c r="AT811" s="92"/>
      <c r="AU811" s="92"/>
      <c r="AV811" s="92"/>
      <c r="AW811" s="92"/>
      <c r="AX811" s="92"/>
      <c r="AY811" s="92"/>
      <c r="AZ811" s="93"/>
      <c r="BA811" s="93"/>
      <c r="BB811" s="93"/>
      <c r="BC811" s="93"/>
      <c r="BD811" s="93"/>
      <c r="BE811" s="93"/>
      <c r="BF811" s="93"/>
      <c r="BG811" s="93"/>
      <c r="BH811" s="93"/>
      <c r="BI811" s="93"/>
      <c r="BJ811" s="93"/>
      <c r="BK811" s="93"/>
      <c r="BL811" s="93"/>
    </row>
    <row r="812" spans="2:64" x14ac:dyDescent="0.2">
      <c r="B812" s="43"/>
      <c r="C812" s="73"/>
      <c r="D812" s="64"/>
      <c r="E812" s="55"/>
      <c r="F812" s="74"/>
      <c r="G812" s="74"/>
      <c r="H812" s="74"/>
      <c r="I812" s="75"/>
      <c r="J812" s="74"/>
      <c r="L812" s="55"/>
      <c r="M812" s="234"/>
      <c r="N812" s="65"/>
      <c r="O812" s="76"/>
      <c r="P812" s="76"/>
      <c r="Q812" s="65"/>
      <c r="R812" s="76"/>
      <c r="S812" s="76"/>
      <c r="T812" s="76"/>
      <c r="U812" s="76"/>
      <c r="V812" s="76"/>
      <c r="W812" s="76"/>
      <c r="X812" s="76"/>
      <c r="Y812" s="76"/>
      <c r="Z812" s="76"/>
      <c r="AA812" s="85"/>
      <c r="AB812" s="85"/>
      <c r="AC812" s="85"/>
      <c r="AD812" s="85"/>
      <c r="AE812" s="85"/>
      <c r="AF812" s="85"/>
      <c r="AG812" s="86"/>
      <c r="AH812" s="85"/>
      <c r="AI812" s="85"/>
      <c r="AJ812" s="85"/>
      <c r="AK812" s="85"/>
      <c r="AL812" s="85"/>
      <c r="AM812" s="92"/>
      <c r="AN812" s="92"/>
      <c r="AO812" s="92"/>
      <c r="AP812" s="92"/>
      <c r="AQ812" s="92"/>
      <c r="AR812" s="92"/>
      <c r="AS812" s="92"/>
      <c r="AT812" s="92"/>
      <c r="AU812" s="92"/>
      <c r="AV812" s="92"/>
      <c r="AW812" s="92"/>
      <c r="AX812" s="92"/>
      <c r="AY812" s="92"/>
      <c r="AZ812" s="93"/>
      <c r="BA812" s="93"/>
      <c r="BB812" s="93"/>
      <c r="BC812" s="93"/>
      <c r="BD812" s="93"/>
      <c r="BE812" s="93"/>
      <c r="BF812" s="93"/>
      <c r="BG812" s="93"/>
      <c r="BH812" s="93"/>
      <c r="BI812" s="93"/>
      <c r="BJ812" s="93"/>
      <c r="BK812" s="93"/>
      <c r="BL812" s="93"/>
    </row>
    <row r="813" spans="2:64" x14ac:dyDescent="0.2">
      <c r="B813" s="43"/>
      <c r="C813" s="73"/>
      <c r="D813" s="64"/>
      <c r="E813" s="55"/>
      <c r="F813" s="74"/>
      <c r="G813" s="74"/>
      <c r="H813" s="74"/>
      <c r="I813" s="75"/>
      <c r="J813" s="74"/>
      <c r="L813" s="55"/>
      <c r="M813" s="234"/>
      <c r="N813" s="65"/>
      <c r="O813" s="76"/>
      <c r="P813" s="76"/>
      <c r="Q813" s="65"/>
      <c r="R813" s="76"/>
      <c r="S813" s="76"/>
      <c r="T813" s="76"/>
      <c r="U813" s="76"/>
      <c r="V813" s="76"/>
      <c r="W813" s="76"/>
      <c r="X813" s="76"/>
      <c r="Y813" s="76"/>
      <c r="Z813" s="76"/>
      <c r="AA813" s="85"/>
      <c r="AB813" s="85"/>
      <c r="AC813" s="85"/>
      <c r="AD813" s="85"/>
      <c r="AE813" s="85"/>
      <c r="AF813" s="85"/>
      <c r="AG813" s="86"/>
      <c r="AH813" s="85"/>
      <c r="AI813" s="85"/>
      <c r="AJ813" s="85"/>
      <c r="AK813" s="85"/>
      <c r="AL813" s="85"/>
      <c r="AM813" s="92"/>
      <c r="AN813" s="92"/>
      <c r="AO813" s="92"/>
      <c r="AP813" s="92"/>
      <c r="AQ813" s="92"/>
      <c r="AR813" s="92"/>
      <c r="AS813" s="92"/>
      <c r="AT813" s="92"/>
      <c r="AU813" s="92"/>
      <c r="AV813" s="92"/>
      <c r="AW813" s="92"/>
      <c r="AX813" s="92"/>
      <c r="AY813" s="92"/>
      <c r="AZ813" s="93"/>
      <c r="BA813" s="93"/>
      <c r="BB813" s="93"/>
      <c r="BC813" s="93"/>
      <c r="BD813" s="93"/>
      <c r="BE813" s="93"/>
      <c r="BF813" s="93"/>
      <c r="BG813" s="93"/>
      <c r="BH813" s="93"/>
      <c r="BI813" s="93"/>
      <c r="BJ813" s="93"/>
      <c r="BK813" s="93"/>
      <c r="BL813" s="93"/>
    </row>
    <row r="814" spans="2:64" x14ac:dyDescent="0.2">
      <c r="B814" s="43"/>
      <c r="C814" s="73"/>
      <c r="D814" s="64"/>
      <c r="E814" s="55"/>
      <c r="F814" s="74"/>
      <c r="G814" s="74"/>
      <c r="H814" s="74"/>
      <c r="I814" s="75"/>
      <c r="J814" s="74"/>
      <c r="L814" s="55"/>
      <c r="M814" s="234"/>
      <c r="N814" s="65"/>
      <c r="O814" s="76"/>
      <c r="P814" s="76"/>
      <c r="Q814" s="65"/>
      <c r="R814" s="76"/>
      <c r="S814" s="76"/>
      <c r="T814" s="76"/>
      <c r="U814" s="76"/>
      <c r="V814" s="76"/>
      <c r="W814" s="76"/>
      <c r="X814" s="76"/>
      <c r="Y814" s="76"/>
      <c r="Z814" s="76"/>
      <c r="AA814" s="85"/>
      <c r="AB814" s="85"/>
      <c r="AC814" s="85"/>
      <c r="AD814" s="85"/>
      <c r="AE814" s="85"/>
      <c r="AF814" s="85"/>
      <c r="AG814" s="86"/>
      <c r="AH814" s="85"/>
      <c r="AI814" s="85"/>
      <c r="AJ814" s="85"/>
      <c r="AK814" s="85"/>
      <c r="AL814" s="85"/>
      <c r="AM814" s="92"/>
      <c r="AN814" s="92"/>
      <c r="AO814" s="92"/>
      <c r="AP814" s="92"/>
      <c r="AQ814" s="92"/>
      <c r="AR814" s="92"/>
      <c r="AS814" s="92"/>
      <c r="AT814" s="92"/>
      <c r="AU814" s="92"/>
      <c r="AV814" s="92"/>
      <c r="AW814" s="92"/>
      <c r="AX814" s="92"/>
      <c r="AY814" s="92"/>
      <c r="AZ814" s="93"/>
      <c r="BA814" s="93"/>
      <c r="BB814" s="93"/>
      <c r="BC814" s="93"/>
      <c r="BD814" s="93"/>
      <c r="BE814" s="93"/>
      <c r="BF814" s="93"/>
      <c r="BG814" s="93"/>
      <c r="BH814" s="93"/>
      <c r="BI814" s="93"/>
      <c r="BJ814" s="93"/>
      <c r="BK814" s="93"/>
      <c r="BL814" s="93"/>
    </row>
    <row r="815" spans="2:64" x14ac:dyDescent="0.2">
      <c r="B815" s="43"/>
      <c r="C815" s="73"/>
      <c r="D815" s="64"/>
      <c r="E815" s="55"/>
      <c r="F815" s="74"/>
      <c r="G815" s="74"/>
      <c r="H815" s="74"/>
      <c r="I815" s="75"/>
      <c r="J815" s="74"/>
      <c r="L815" s="55"/>
      <c r="M815" s="234"/>
      <c r="N815" s="65"/>
      <c r="O815" s="76"/>
      <c r="P815" s="76"/>
      <c r="Q815" s="65"/>
      <c r="R815" s="76"/>
      <c r="S815" s="76"/>
      <c r="T815" s="76"/>
      <c r="U815" s="76"/>
      <c r="V815" s="76"/>
      <c r="W815" s="76"/>
      <c r="X815" s="76"/>
      <c r="Y815" s="76"/>
      <c r="Z815" s="76"/>
      <c r="AA815" s="85"/>
      <c r="AB815" s="85"/>
      <c r="AC815" s="85"/>
      <c r="AD815" s="85"/>
      <c r="AE815" s="85"/>
      <c r="AF815" s="85"/>
      <c r="AG815" s="86"/>
      <c r="AH815" s="85"/>
      <c r="AI815" s="85"/>
      <c r="AJ815" s="85"/>
      <c r="AK815" s="85"/>
      <c r="AL815" s="85"/>
      <c r="AM815" s="92"/>
      <c r="AN815" s="92"/>
      <c r="AO815" s="92"/>
      <c r="AP815" s="92"/>
      <c r="AQ815" s="92"/>
      <c r="AR815" s="92"/>
      <c r="AS815" s="92"/>
      <c r="AT815" s="92"/>
      <c r="AU815" s="92"/>
      <c r="AV815" s="92"/>
      <c r="AW815" s="92"/>
      <c r="AX815" s="92"/>
      <c r="AY815" s="92"/>
      <c r="AZ815" s="93"/>
      <c r="BA815" s="93"/>
      <c r="BB815" s="93"/>
      <c r="BC815" s="93"/>
      <c r="BD815" s="93"/>
      <c r="BE815" s="93"/>
      <c r="BF815" s="93"/>
      <c r="BG815" s="93"/>
      <c r="BH815" s="93"/>
      <c r="BI815" s="93"/>
      <c r="BJ815" s="93"/>
      <c r="BK815" s="93"/>
      <c r="BL815" s="93"/>
    </row>
    <row r="816" spans="2:64" x14ac:dyDescent="0.2">
      <c r="B816" s="43"/>
      <c r="C816" s="73"/>
      <c r="D816" s="64"/>
      <c r="E816" s="55"/>
      <c r="F816" s="74"/>
      <c r="G816" s="74"/>
      <c r="H816" s="74"/>
      <c r="I816" s="75"/>
      <c r="J816" s="74"/>
      <c r="L816" s="55"/>
      <c r="M816" s="234"/>
      <c r="N816" s="65"/>
      <c r="O816" s="76"/>
      <c r="P816" s="76"/>
      <c r="Q816" s="65"/>
      <c r="R816" s="76"/>
      <c r="S816" s="76"/>
      <c r="T816" s="76"/>
      <c r="U816" s="76"/>
      <c r="V816" s="76"/>
      <c r="W816" s="76"/>
      <c r="X816" s="76"/>
      <c r="Y816" s="76"/>
      <c r="Z816" s="76"/>
      <c r="AA816" s="85"/>
      <c r="AB816" s="85"/>
      <c r="AC816" s="85"/>
      <c r="AD816" s="85"/>
      <c r="AE816" s="85"/>
      <c r="AF816" s="85"/>
      <c r="AG816" s="86"/>
      <c r="AH816" s="85"/>
      <c r="AI816" s="85"/>
      <c r="AJ816" s="85"/>
      <c r="AK816" s="85"/>
      <c r="AL816" s="85"/>
      <c r="AM816" s="92"/>
      <c r="AN816" s="92"/>
      <c r="AO816" s="92"/>
      <c r="AP816" s="92"/>
      <c r="AQ816" s="92"/>
      <c r="AR816" s="92"/>
      <c r="AS816" s="92"/>
      <c r="AT816" s="92"/>
      <c r="AU816" s="92"/>
      <c r="AV816" s="92"/>
      <c r="AW816" s="92"/>
      <c r="AX816" s="92"/>
      <c r="AY816" s="92"/>
      <c r="AZ816" s="93"/>
      <c r="BA816" s="93"/>
      <c r="BB816" s="93"/>
      <c r="BC816" s="93"/>
      <c r="BD816" s="93"/>
      <c r="BE816" s="93"/>
      <c r="BF816" s="93"/>
      <c r="BG816" s="93"/>
      <c r="BH816" s="93"/>
      <c r="BI816" s="93"/>
      <c r="BJ816" s="93"/>
      <c r="BK816" s="93"/>
      <c r="BL816" s="93"/>
    </row>
    <row r="817" spans="2:64" x14ac:dyDescent="0.2">
      <c r="B817" s="43"/>
      <c r="C817" s="73"/>
      <c r="D817" s="64"/>
      <c r="E817" s="55"/>
      <c r="F817" s="74"/>
      <c r="G817" s="74"/>
      <c r="H817" s="74"/>
      <c r="I817" s="75"/>
      <c r="J817" s="74"/>
      <c r="L817" s="55"/>
      <c r="M817" s="234"/>
      <c r="N817" s="65"/>
      <c r="O817" s="76"/>
      <c r="P817" s="76"/>
      <c r="Q817" s="65"/>
      <c r="R817" s="76"/>
      <c r="S817" s="76"/>
      <c r="T817" s="76"/>
      <c r="U817" s="76"/>
      <c r="V817" s="76"/>
      <c r="W817" s="76"/>
      <c r="X817" s="76"/>
      <c r="Y817" s="76"/>
      <c r="Z817" s="76"/>
      <c r="AA817" s="85"/>
      <c r="AB817" s="85"/>
      <c r="AC817" s="85"/>
      <c r="AD817" s="85"/>
      <c r="AE817" s="85"/>
      <c r="AF817" s="85"/>
      <c r="AG817" s="86"/>
      <c r="AH817" s="85"/>
      <c r="AI817" s="85"/>
      <c r="AJ817" s="85"/>
      <c r="AK817" s="85"/>
      <c r="AL817" s="85"/>
      <c r="AM817" s="92"/>
      <c r="AN817" s="92"/>
      <c r="AO817" s="92"/>
      <c r="AP817" s="92"/>
      <c r="AQ817" s="92"/>
      <c r="AR817" s="92"/>
      <c r="AS817" s="92"/>
      <c r="AT817" s="92"/>
      <c r="AU817" s="92"/>
      <c r="AV817" s="92"/>
      <c r="AW817" s="92"/>
      <c r="AX817" s="92"/>
      <c r="AY817" s="92"/>
      <c r="AZ817" s="93"/>
      <c r="BA817" s="93"/>
      <c r="BB817" s="93"/>
      <c r="BC817" s="93"/>
      <c r="BD817" s="93"/>
      <c r="BE817" s="93"/>
      <c r="BF817" s="93"/>
      <c r="BG817" s="93"/>
      <c r="BH817" s="93"/>
      <c r="BI817" s="93"/>
      <c r="BJ817" s="93"/>
      <c r="BK817" s="93"/>
      <c r="BL817" s="93"/>
    </row>
    <row r="818" spans="2:64" x14ac:dyDescent="0.2">
      <c r="B818" s="43"/>
      <c r="C818" s="73"/>
      <c r="D818" s="64"/>
      <c r="E818" s="55"/>
      <c r="F818" s="74"/>
      <c r="G818" s="74"/>
      <c r="H818" s="74"/>
      <c r="I818" s="75"/>
      <c r="J818" s="74"/>
      <c r="L818" s="55"/>
      <c r="M818" s="234"/>
      <c r="N818" s="65"/>
      <c r="O818" s="76"/>
      <c r="P818" s="76"/>
      <c r="Q818" s="65"/>
      <c r="R818" s="76"/>
      <c r="S818" s="76"/>
      <c r="T818" s="76"/>
      <c r="U818" s="76"/>
      <c r="V818" s="76"/>
      <c r="W818" s="76"/>
      <c r="X818" s="76"/>
      <c r="Y818" s="76"/>
      <c r="Z818" s="76"/>
      <c r="AA818" s="85"/>
      <c r="AB818" s="85"/>
      <c r="AC818" s="85"/>
      <c r="AD818" s="85"/>
      <c r="AE818" s="85"/>
      <c r="AF818" s="85"/>
      <c r="AG818" s="86"/>
      <c r="AH818" s="85"/>
      <c r="AI818" s="85"/>
      <c r="AJ818" s="85"/>
      <c r="AK818" s="85"/>
      <c r="AL818" s="85"/>
      <c r="AM818" s="92"/>
      <c r="AN818" s="92"/>
      <c r="AO818" s="92"/>
      <c r="AP818" s="92"/>
      <c r="AQ818" s="92"/>
      <c r="AR818" s="92"/>
      <c r="AS818" s="92"/>
      <c r="AT818" s="92"/>
      <c r="AU818" s="92"/>
      <c r="AV818" s="92"/>
      <c r="AW818" s="92"/>
      <c r="AX818" s="92"/>
      <c r="AY818" s="92"/>
      <c r="AZ818" s="93"/>
      <c r="BA818" s="93"/>
      <c r="BB818" s="93"/>
      <c r="BC818" s="93"/>
      <c r="BD818" s="93"/>
      <c r="BE818" s="93"/>
      <c r="BF818" s="93"/>
      <c r="BG818" s="93"/>
      <c r="BH818" s="93"/>
      <c r="BI818" s="93"/>
      <c r="BJ818" s="93"/>
      <c r="BK818" s="93"/>
      <c r="BL818" s="93"/>
    </row>
    <row r="819" spans="2:64" x14ac:dyDescent="0.2">
      <c r="B819" s="43"/>
      <c r="C819" s="73"/>
      <c r="D819" s="64"/>
      <c r="E819" s="55"/>
      <c r="F819" s="74"/>
      <c r="G819" s="74"/>
      <c r="H819" s="74"/>
      <c r="I819" s="75"/>
      <c r="J819" s="74"/>
      <c r="L819" s="55"/>
      <c r="M819" s="234"/>
      <c r="N819" s="65"/>
      <c r="O819" s="76"/>
      <c r="P819" s="76"/>
      <c r="Q819" s="65"/>
      <c r="R819" s="76"/>
      <c r="S819" s="76"/>
      <c r="T819" s="76"/>
      <c r="U819" s="76"/>
      <c r="V819" s="76"/>
      <c r="W819" s="76"/>
      <c r="X819" s="76"/>
      <c r="Y819" s="76"/>
      <c r="Z819" s="76"/>
      <c r="AA819" s="85"/>
      <c r="AB819" s="85"/>
      <c r="AC819" s="85"/>
      <c r="AD819" s="85"/>
      <c r="AE819" s="85"/>
      <c r="AF819" s="85"/>
      <c r="AG819" s="86"/>
      <c r="AH819" s="85"/>
      <c r="AI819" s="85"/>
      <c r="AJ819" s="85"/>
      <c r="AK819" s="85"/>
      <c r="AL819" s="85"/>
      <c r="AM819" s="92"/>
      <c r="AN819" s="92"/>
      <c r="AO819" s="92"/>
      <c r="AP819" s="92"/>
      <c r="AQ819" s="92"/>
      <c r="AR819" s="92"/>
      <c r="AS819" s="92"/>
      <c r="AT819" s="92"/>
      <c r="AU819" s="92"/>
      <c r="AV819" s="92"/>
      <c r="AW819" s="92"/>
      <c r="AX819" s="92"/>
      <c r="AY819" s="92"/>
      <c r="AZ819" s="93"/>
      <c r="BA819" s="93"/>
      <c r="BB819" s="93"/>
      <c r="BC819" s="93"/>
      <c r="BD819" s="93"/>
      <c r="BE819" s="93"/>
      <c r="BF819" s="93"/>
      <c r="BG819" s="93"/>
      <c r="BH819" s="93"/>
      <c r="BI819" s="93"/>
      <c r="BJ819" s="93"/>
      <c r="BK819" s="93"/>
      <c r="BL819" s="93"/>
    </row>
    <row r="820" spans="2:64" x14ac:dyDescent="0.2">
      <c r="B820" s="43"/>
      <c r="C820" s="73"/>
      <c r="D820" s="64"/>
      <c r="E820" s="55"/>
      <c r="F820" s="74"/>
      <c r="G820" s="74"/>
      <c r="H820" s="74"/>
      <c r="I820" s="75"/>
      <c r="J820" s="74"/>
      <c r="L820" s="55"/>
      <c r="M820" s="234"/>
      <c r="N820" s="65"/>
      <c r="O820" s="76"/>
      <c r="P820" s="76"/>
      <c r="Q820" s="65"/>
      <c r="R820" s="76"/>
      <c r="S820" s="76"/>
      <c r="T820" s="76"/>
      <c r="U820" s="76"/>
      <c r="V820" s="76"/>
      <c r="W820" s="76"/>
      <c r="X820" s="76"/>
      <c r="Y820" s="76"/>
      <c r="Z820" s="76"/>
      <c r="AA820" s="85"/>
      <c r="AB820" s="85"/>
      <c r="AC820" s="85"/>
      <c r="AD820" s="85"/>
      <c r="AE820" s="85"/>
      <c r="AF820" s="85"/>
      <c r="AG820" s="86"/>
      <c r="AH820" s="85"/>
      <c r="AI820" s="85"/>
      <c r="AJ820" s="85"/>
      <c r="AK820" s="85"/>
      <c r="AL820" s="85"/>
      <c r="AM820" s="92"/>
      <c r="AN820" s="92"/>
      <c r="AO820" s="92"/>
      <c r="AP820" s="92"/>
      <c r="AQ820" s="92"/>
      <c r="AR820" s="92"/>
      <c r="AS820" s="92"/>
      <c r="AT820" s="92"/>
      <c r="AU820" s="92"/>
      <c r="AV820" s="92"/>
      <c r="AW820" s="92"/>
      <c r="AX820" s="92"/>
      <c r="AY820" s="92"/>
      <c r="AZ820" s="93"/>
      <c r="BA820" s="93"/>
      <c r="BB820" s="93"/>
      <c r="BC820" s="93"/>
      <c r="BD820" s="93"/>
      <c r="BE820" s="93"/>
      <c r="BF820" s="93"/>
      <c r="BG820" s="93"/>
      <c r="BH820" s="93"/>
      <c r="BI820" s="93"/>
      <c r="BJ820" s="93"/>
      <c r="BK820" s="93"/>
      <c r="BL820" s="93"/>
    </row>
    <row r="821" spans="2:64" x14ac:dyDescent="0.2">
      <c r="B821" s="43"/>
      <c r="C821" s="73"/>
      <c r="D821" s="64"/>
      <c r="E821" s="55"/>
      <c r="F821" s="74"/>
      <c r="G821" s="74"/>
      <c r="H821" s="74"/>
      <c r="I821" s="75"/>
      <c r="J821" s="74"/>
      <c r="L821" s="55"/>
      <c r="M821" s="234"/>
      <c r="N821" s="65"/>
      <c r="O821" s="76"/>
      <c r="P821" s="76"/>
      <c r="Q821" s="65"/>
      <c r="R821" s="76"/>
      <c r="S821" s="76"/>
      <c r="T821" s="76"/>
      <c r="U821" s="76"/>
      <c r="V821" s="76"/>
      <c r="W821" s="76"/>
      <c r="X821" s="76"/>
      <c r="Y821" s="76"/>
      <c r="Z821" s="76"/>
      <c r="AA821" s="85"/>
      <c r="AB821" s="85"/>
      <c r="AC821" s="85"/>
      <c r="AD821" s="85"/>
      <c r="AE821" s="85"/>
      <c r="AF821" s="85"/>
      <c r="AG821" s="86"/>
      <c r="AH821" s="85"/>
      <c r="AI821" s="85"/>
      <c r="AJ821" s="85"/>
      <c r="AK821" s="85"/>
      <c r="AL821" s="85"/>
      <c r="AM821" s="92"/>
      <c r="AN821" s="92"/>
      <c r="AO821" s="92"/>
      <c r="AP821" s="92"/>
      <c r="AQ821" s="92"/>
      <c r="AR821" s="92"/>
      <c r="AS821" s="92"/>
      <c r="AT821" s="92"/>
      <c r="AU821" s="92"/>
      <c r="AV821" s="92"/>
      <c r="AW821" s="92"/>
      <c r="AX821" s="92"/>
      <c r="AY821" s="92"/>
      <c r="AZ821" s="93"/>
      <c r="BA821" s="93"/>
      <c r="BB821" s="93"/>
      <c r="BC821" s="93"/>
      <c r="BD821" s="93"/>
      <c r="BE821" s="93"/>
      <c r="BF821" s="93"/>
      <c r="BG821" s="93"/>
      <c r="BH821" s="93"/>
      <c r="BI821" s="93"/>
      <c r="BJ821" s="93"/>
      <c r="BK821" s="93"/>
      <c r="BL821" s="93"/>
    </row>
    <row r="822" spans="2:64" x14ac:dyDescent="0.2">
      <c r="B822" s="43"/>
      <c r="C822" s="73"/>
      <c r="D822" s="64"/>
      <c r="E822" s="55"/>
      <c r="F822" s="74"/>
      <c r="G822" s="74"/>
      <c r="H822" s="74"/>
      <c r="I822" s="75"/>
      <c r="J822" s="74"/>
      <c r="L822" s="55"/>
      <c r="M822" s="234"/>
      <c r="N822" s="65"/>
      <c r="O822" s="76"/>
      <c r="P822" s="76"/>
      <c r="Q822" s="65"/>
      <c r="R822" s="76"/>
      <c r="S822" s="76"/>
      <c r="T822" s="76"/>
      <c r="U822" s="76"/>
      <c r="V822" s="76"/>
      <c r="W822" s="76"/>
      <c r="X822" s="76"/>
      <c r="Y822" s="76"/>
      <c r="Z822" s="76"/>
      <c r="AA822" s="85"/>
      <c r="AB822" s="85"/>
      <c r="AC822" s="85"/>
      <c r="AD822" s="85"/>
      <c r="AE822" s="85"/>
      <c r="AF822" s="85"/>
      <c r="AG822" s="86"/>
      <c r="AH822" s="85"/>
      <c r="AI822" s="85"/>
      <c r="AJ822" s="85"/>
      <c r="AK822" s="85"/>
      <c r="AL822" s="85"/>
      <c r="AM822" s="92"/>
      <c r="AN822" s="92"/>
      <c r="AO822" s="92"/>
      <c r="AP822" s="92"/>
      <c r="AQ822" s="92"/>
      <c r="AR822" s="92"/>
      <c r="AS822" s="92"/>
      <c r="AT822" s="92"/>
      <c r="AU822" s="92"/>
      <c r="AV822" s="92"/>
      <c r="AW822" s="92"/>
      <c r="AX822" s="92"/>
      <c r="AY822" s="92"/>
      <c r="AZ822" s="93"/>
      <c r="BA822" s="93"/>
      <c r="BB822" s="93"/>
      <c r="BC822" s="93"/>
      <c r="BD822" s="93"/>
      <c r="BE822" s="93"/>
      <c r="BF822" s="93"/>
      <c r="BG822" s="93"/>
      <c r="BH822" s="93"/>
      <c r="BI822" s="93"/>
      <c r="BJ822" s="93"/>
      <c r="BK822" s="93"/>
      <c r="BL822" s="93"/>
    </row>
    <row r="823" spans="2:64" x14ac:dyDescent="0.2">
      <c r="B823" s="43"/>
      <c r="C823" s="73"/>
      <c r="D823" s="64"/>
      <c r="E823" s="55"/>
      <c r="F823" s="74"/>
      <c r="G823" s="74"/>
      <c r="H823" s="74"/>
      <c r="I823" s="75"/>
      <c r="J823" s="74"/>
      <c r="L823" s="55"/>
      <c r="M823" s="234"/>
      <c r="N823" s="65"/>
      <c r="O823" s="76"/>
      <c r="P823" s="76"/>
      <c r="Q823" s="65"/>
      <c r="R823" s="76"/>
      <c r="S823" s="76"/>
      <c r="T823" s="76"/>
      <c r="U823" s="76"/>
      <c r="V823" s="76"/>
      <c r="W823" s="76"/>
      <c r="X823" s="76"/>
      <c r="Y823" s="76"/>
      <c r="Z823" s="76"/>
      <c r="AA823" s="85"/>
      <c r="AB823" s="85"/>
      <c r="AC823" s="85"/>
      <c r="AD823" s="85"/>
      <c r="AE823" s="85"/>
      <c r="AF823" s="85"/>
      <c r="AG823" s="86"/>
      <c r="AH823" s="85"/>
      <c r="AI823" s="85"/>
      <c r="AJ823" s="85"/>
      <c r="AK823" s="85"/>
      <c r="AL823" s="85"/>
      <c r="AM823" s="92"/>
      <c r="AN823" s="92"/>
      <c r="AO823" s="92"/>
      <c r="AP823" s="92"/>
      <c r="AQ823" s="92"/>
      <c r="AR823" s="92"/>
      <c r="AS823" s="92"/>
      <c r="AT823" s="92"/>
      <c r="AU823" s="92"/>
      <c r="AV823" s="92"/>
      <c r="AW823" s="92"/>
      <c r="AX823" s="92"/>
      <c r="AY823" s="92"/>
      <c r="AZ823" s="93"/>
      <c r="BA823" s="93"/>
      <c r="BB823" s="93"/>
      <c r="BC823" s="93"/>
      <c r="BD823" s="93"/>
      <c r="BE823" s="93"/>
      <c r="BF823" s="93"/>
      <c r="BG823" s="93"/>
      <c r="BH823" s="93"/>
      <c r="BI823" s="93"/>
      <c r="BJ823" s="93"/>
      <c r="BK823" s="93"/>
      <c r="BL823" s="93"/>
    </row>
    <row r="824" spans="2:64" x14ac:dyDescent="0.2">
      <c r="B824" s="43"/>
      <c r="C824" s="73"/>
      <c r="D824" s="64"/>
      <c r="E824" s="55"/>
      <c r="F824" s="74"/>
      <c r="G824" s="74"/>
      <c r="H824" s="74"/>
      <c r="I824" s="75"/>
      <c r="J824" s="74"/>
      <c r="L824" s="55"/>
      <c r="M824" s="234"/>
      <c r="N824" s="65"/>
      <c r="O824" s="76"/>
      <c r="P824" s="76"/>
      <c r="Q824" s="65"/>
      <c r="R824" s="76"/>
      <c r="S824" s="76"/>
      <c r="T824" s="76"/>
      <c r="U824" s="76"/>
      <c r="V824" s="76"/>
      <c r="W824" s="76"/>
      <c r="X824" s="76"/>
      <c r="Y824" s="76"/>
      <c r="Z824" s="76"/>
      <c r="AA824" s="85"/>
      <c r="AB824" s="85"/>
      <c r="AC824" s="85"/>
      <c r="AD824" s="85"/>
      <c r="AE824" s="85"/>
      <c r="AF824" s="85"/>
      <c r="AG824" s="86"/>
      <c r="AH824" s="85"/>
      <c r="AI824" s="85"/>
      <c r="AJ824" s="85"/>
      <c r="AK824" s="85"/>
      <c r="AL824" s="85"/>
      <c r="AM824" s="92"/>
      <c r="AN824" s="92"/>
      <c r="AO824" s="92"/>
      <c r="AP824" s="92"/>
      <c r="AQ824" s="92"/>
      <c r="AR824" s="92"/>
      <c r="AS824" s="92"/>
      <c r="AT824" s="92"/>
      <c r="AU824" s="92"/>
      <c r="AV824" s="92"/>
      <c r="AW824" s="92"/>
      <c r="AX824" s="92"/>
      <c r="AY824" s="92"/>
      <c r="AZ824" s="93"/>
      <c r="BA824" s="93"/>
      <c r="BB824" s="93"/>
      <c r="BC824" s="93"/>
      <c r="BD824" s="93"/>
      <c r="BE824" s="93"/>
      <c r="BF824" s="93"/>
      <c r="BG824" s="93"/>
      <c r="BH824" s="93"/>
      <c r="BI824" s="93"/>
      <c r="BJ824" s="93"/>
      <c r="BK824" s="93"/>
      <c r="BL824" s="93"/>
    </row>
    <row r="825" spans="2:64" x14ac:dyDescent="0.2">
      <c r="B825" s="43"/>
      <c r="C825" s="73"/>
      <c r="D825" s="64"/>
      <c r="E825" s="55"/>
      <c r="F825" s="74"/>
      <c r="G825" s="74"/>
      <c r="H825" s="74"/>
      <c r="I825" s="75"/>
      <c r="J825" s="74"/>
      <c r="L825" s="55"/>
      <c r="M825" s="234"/>
      <c r="N825" s="65"/>
      <c r="O825" s="76"/>
      <c r="P825" s="76"/>
      <c r="Q825" s="65"/>
      <c r="R825" s="76"/>
      <c r="S825" s="76"/>
      <c r="T825" s="76"/>
      <c r="U825" s="76"/>
      <c r="V825" s="76"/>
      <c r="W825" s="76"/>
      <c r="X825" s="76"/>
      <c r="Y825" s="76"/>
      <c r="Z825" s="76"/>
      <c r="AA825" s="85"/>
      <c r="AB825" s="85"/>
      <c r="AC825" s="85"/>
      <c r="AD825" s="85"/>
      <c r="AE825" s="85"/>
      <c r="AF825" s="85"/>
      <c r="AG825" s="86"/>
      <c r="AH825" s="85"/>
      <c r="AI825" s="85"/>
      <c r="AJ825" s="85"/>
      <c r="AK825" s="85"/>
      <c r="AL825" s="85"/>
      <c r="AM825" s="92"/>
      <c r="AN825" s="92"/>
      <c r="AO825" s="92"/>
      <c r="AP825" s="92"/>
      <c r="AQ825" s="92"/>
      <c r="AR825" s="92"/>
      <c r="AS825" s="92"/>
      <c r="AT825" s="92"/>
      <c r="AU825" s="92"/>
      <c r="AV825" s="92"/>
      <c r="AW825" s="92"/>
      <c r="AX825" s="92"/>
      <c r="AY825" s="92"/>
      <c r="AZ825" s="93"/>
      <c r="BA825" s="93"/>
      <c r="BB825" s="93"/>
      <c r="BC825" s="93"/>
      <c r="BD825" s="93"/>
      <c r="BE825" s="93"/>
      <c r="BF825" s="93"/>
      <c r="BG825" s="93"/>
      <c r="BH825" s="93"/>
      <c r="BI825" s="93"/>
      <c r="BJ825" s="93"/>
      <c r="BK825" s="93"/>
      <c r="BL825" s="93"/>
    </row>
    <row r="826" spans="2:64" x14ac:dyDescent="0.2">
      <c r="B826" s="43"/>
      <c r="C826" s="73"/>
      <c r="D826" s="64"/>
      <c r="E826" s="55"/>
      <c r="F826" s="74"/>
      <c r="G826" s="74"/>
      <c r="H826" s="74"/>
      <c r="I826" s="75"/>
      <c r="J826" s="74"/>
      <c r="L826" s="55"/>
      <c r="M826" s="234"/>
      <c r="N826" s="65"/>
      <c r="O826" s="76"/>
      <c r="P826" s="76"/>
      <c r="Q826" s="65"/>
      <c r="R826" s="76"/>
      <c r="S826" s="76"/>
      <c r="T826" s="76"/>
      <c r="U826" s="76"/>
      <c r="V826" s="76"/>
      <c r="W826" s="76"/>
      <c r="X826" s="76"/>
      <c r="Y826" s="76"/>
      <c r="Z826" s="76"/>
      <c r="AA826" s="85"/>
      <c r="AB826" s="85"/>
      <c r="AC826" s="85"/>
      <c r="AD826" s="85"/>
      <c r="AE826" s="85"/>
      <c r="AF826" s="85"/>
      <c r="AG826" s="86"/>
      <c r="AH826" s="85"/>
      <c r="AI826" s="85"/>
      <c r="AJ826" s="85"/>
      <c r="AK826" s="85"/>
      <c r="AL826" s="85"/>
      <c r="AM826" s="92"/>
      <c r="AN826" s="92"/>
      <c r="AO826" s="92"/>
      <c r="AP826" s="92"/>
      <c r="AQ826" s="92"/>
      <c r="AR826" s="92"/>
      <c r="AS826" s="92"/>
      <c r="AT826" s="92"/>
      <c r="AU826" s="92"/>
      <c r="AV826" s="92"/>
      <c r="AW826" s="92"/>
      <c r="AX826" s="92"/>
      <c r="AY826" s="92"/>
      <c r="AZ826" s="93"/>
      <c r="BA826" s="93"/>
      <c r="BB826" s="93"/>
      <c r="BC826" s="93"/>
      <c r="BD826" s="93"/>
      <c r="BE826" s="93"/>
      <c r="BF826" s="93"/>
      <c r="BG826" s="93"/>
      <c r="BH826" s="93"/>
      <c r="BI826" s="93"/>
      <c r="BJ826" s="93"/>
      <c r="BK826" s="93"/>
      <c r="BL826" s="93"/>
    </row>
    <row r="827" spans="2:64" x14ac:dyDescent="0.2">
      <c r="B827" s="43"/>
      <c r="C827" s="73"/>
      <c r="D827" s="64"/>
      <c r="E827" s="55"/>
      <c r="F827" s="74"/>
      <c r="G827" s="74"/>
      <c r="H827" s="74"/>
      <c r="I827" s="75"/>
      <c r="J827" s="74"/>
      <c r="L827" s="55"/>
      <c r="M827" s="234"/>
      <c r="N827" s="65"/>
      <c r="O827" s="76"/>
      <c r="P827" s="76"/>
      <c r="Q827" s="65"/>
      <c r="R827" s="76"/>
      <c r="S827" s="76"/>
      <c r="T827" s="76"/>
      <c r="U827" s="76"/>
      <c r="V827" s="76"/>
      <c r="W827" s="76"/>
      <c r="X827" s="76"/>
      <c r="Y827" s="76"/>
      <c r="Z827" s="76"/>
      <c r="AA827" s="85"/>
      <c r="AB827" s="85"/>
      <c r="AC827" s="85"/>
      <c r="AD827" s="85"/>
      <c r="AE827" s="85"/>
      <c r="AF827" s="85"/>
      <c r="AG827" s="86"/>
      <c r="AH827" s="85"/>
      <c r="AI827" s="85"/>
      <c r="AJ827" s="85"/>
      <c r="AK827" s="85"/>
      <c r="AL827" s="85"/>
      <c r="AM827" s="92"/>
      <c r="AN827" s="92"/>
      <c r="AO827" s="92"/>
      <c r="AP827" s="92"/>
      <c r="AQ827" s="92"/>
      <c r="AR827" s="92"/>
      <c r="AS827" s="92"/>
      <c r="AT827" s="92"/>
      <c r="AU827" s="92"/>
      <c r="AV827" s="92"/>
      <c r="AW827" s="92"/>
      <c r="AX827" s="92"/>
      <c r="AY827" s="92"/>
      <c r="AZ827" s="93"/>
      <c r="BA827" s="93"/>
      <c r="BB827" s="93"/>
      <c r="BC827" s="93"/>
      <c r="BD827" s="93"/>
      <c r="BE827" s="93"/>
      <c r="BF827" s="93"/>
      <c r="BG827" s="93"/>
      <c r="BH827" s="93"/>
      <c r="BI827" s="93"/>
      <c r="BJ827" s="93"/>
      <c r="BK827" s="93"/>
      <c r="BL827" s="93"/>
    </row>
    <row r="828" spans="2:64" x14ac:dyDescent="0.2">
      <c r="B828" s="43"/>
      <c r="C828" s="73"/>
      <c r="D828" s="64"/>
      <c r="E828" s="55"/>
      <c r="F828" s="74"/>
      <c r="G828" s="74"/>
      <c r="H828" s="74"/>
      <c r="I828" s="75"/>
      <c r="J828" s="74"/>
      <c r="L828" s="55"/>
      <c r="M828" s="234"/>
      <c r="N828" s="65"/>
      <c r="O828" s="76"/>
      <c r="P828" s="76"/>
      <c r="Q828" s="65"/>
      <c r="R828" s="76"/>
      <c r="S828" s="76"/>
      <c r="T828" s="76"/>
      <c r="U828" s="76"/>
      <c r="V828" s="76"/>
      <c r="W828" s="76"/>
      <c r="X828" s="76"/>
      <c r="Y828" s="76"/>
      <c r="Z828" s="76"/>
      <c r="AA828" s="85"/>
      <c r="AB828" s="85"/>
      <c r="AC828" s="85"/>
      <c r="AD828" s="85"/>
      <c r="AE828" s="85"/>
      <c r="AF828" s="85"/>
      <c r="AG828" s="86"/>
      <c r="AH828" s="85"/>
      <c r="AI828" s="85"/>
      <c r="AJ828" s="85"/>
      <c r="AK828" s="85"/>
      <c r="AL828" s="85"/>
      <c r="AM828" s="92"/>
      <c r="AN828" s="92"/>
      <c r="AO828" s="92"/>
      <c r="AP828" s="92"/>
      <c r="AQ828" s="92"/>
      <c r="AR828" s="92"/>
      <c r="AS828" s="92"/>
      <c r="AT828" s="92"/>
      <c r="AU828" s="92"/>
      <c r="AV828" s="92"/>
      <c r="AW828" s="92"/>
      <c r="AX828" s="92"/>
      <c r="AY828" s="92"/>
      <c r="AZ828" s="93"/>
      <c r="BA828" s="93"/>
      <c r="BB828" s="93"/>
      <c r="BC828" s="93"/>
      <c r="BD828" s="93"/>
      <c r="BE828" s="93"/>
      <c r="BF828" s="93"/>
      <c r="BG828" s="93"/>
      <c r="BH828" s="93"/>
      <c r="BI828" s="93"/>
      <c r="BJ828" s="93"/>
      <c r="BK828" s="93"/>
      <c r="BL828" s="93"/>
    </row>
    <row r="829" spans="2:64" x14ac:dyDescent="0.2">
      <c r="B829" s="43"/>
      <c r="C829" s="73"/>
      <c r="D829" s="64"/>
      <c r="E829" s="55"/>
      <c r="F829" s="74"/>
      <c r="G829" s="74"/>
      <c r="H829" s="74"/>
      <c r="I829" s="75"/>
      <c r="J829" s="74"/>
      <c r="L829" s="55"/>
      <c r="M829" s="234"/>
      <c r="N829" s="65"/>
      <c r="O829" s="76"/>
      <c r="P829" s="76"/>
      <c r="Q829" s="65"/>
      <c r="R829" s="76"/>
      <c r="S829" s="76"/>
      <c r="T829" s="76"/>
      <c r="U829" s="76"/>
      <c r="V829" s="76"/>
      <c r="W829" s="76"/>
      <c r="X829" s="76"/>
      <c r="Y829" s="76"/>
      <c r="Z829" s="76"/>
      <c r="AA829" s="85"/>
      <c r="AB829" s="85"/>
      <c r="AC829" s="85"/>
      <c r="AD829" s="85"/>
      <c r="AE829" s="85"/>
      <c r="AF829" s="85"/>
      <c r="AG829" s="86"/>
      <c r="AH829" s="85"/>
      <c r="AI829" s="85"/>
      <c r="AJ829" s="85"/>
      <c r="AK829" s="85"/>
      <c r="AL829" s="85"/>
      <c r="AM829" s="92"/>
      <c r="AN829" s="92"/>
      <c r="AO829" s="92"/>
      <c r="AP829" s="92"/>
      <c r="AQ829" s="92"/>
      <c r="AR829" s="92"/>
      <c r="AS829" s="92"/>
      <c r="AT829" s="92"/>
      <c r="AU829" s="92"/>
      <c r="AV829" s="92"/>
      <c r="AW829" s="92"/>
      <c r="AX829" s="92"/>
      <c r="AY829" s="92"/>
      <c r="AZ829" s="93"/>
      <c r="BA829" s="93"/>
      <c r="BB829" s="93"/>
      <c r="BC829" s="93"/>
      <c r="BD829" s="93"/>
      <c r="BE829" s="93"/>
      <c r="BF829" s="93"/>
      <c r="BG829" s="93"/>
      <c r="BH829" s="93"/>
      <c r="BI829" s="93"/>
      <c r="BJ829" s="93"/>
      <c r="BK829" s="93"/>
      <c r="BL829" s="93"/>
    </row>
    <row r="830" spans="2:64" x14ac:dyDescent="0.2">
      <c r="B830" s="43"/>
      <c r="C830" s="73"/>
      <c r="D830" s="64"/>
      <c r="E830" s="55"/>
      <c r="F830" s="74"/>
      <c r="G830" s="74"/>
      <c r="H830" s="74"/>
      <c r="I830" s="75"/>
      <c r="J830" s="74"/>
      <c r="L830" s="55"/>
      <c r="M830" s="234"/>
      <c r="N830" s="65"/>
      <c r="O830" s="76"/>
      <c r="P830" s="76"/>
      <c r="Q830" s="65"/>
      <c r="R830" s="76"/>
      <c r="S830" s="76"/>
      <c r="T830" s="76"/>
      <c r="U830" s="76"/>
      <c r="V830" s="76"/>
      <c r="W830" s="76"/>
      <c r="X830" s="76"/>
      <c r="Y830" s="76"/>
      <c r="Z830" s="76"/>
      <c r="AA830" s="85"/>
      <c r="AB830" s="85"/>
      <c r="AC830" s="85"/>
      <c r="AD830" s="85"/>
      <c r="AE830" s="85"/>
      <c r="AF830" s="85"/>
      <c r="AG830" s="86"/>
      <c r="AH830" s="85"/>
      <c r="AI830" s="85"/>
      <c r="AJ830" s="85"/>
      <c r="AK830" s="85"/>
      <c r="AL830" s="85"/>
      <c r="AM830" s="92"/>
      <c r="AN830" s="92"/>
      <c r="AO830" s="92"/>
      <c r="AP830" s="92"/>
      <c r="AQ830" s="92"/>
      <c r="AR830" s="92"/>
      <c r="AS830" s="92"/>
      <c r="AT830" s="92"/>
      <c r="AU830" s="92"/>
      <c r="AV830" s="92"/>
      <c r="AW830" s="92"/>
      <c r="AX830" s="92"/>
      <c r="AY830" s="92"/>
      <c r="AZ830" s="93"/>
      <c r="BA830" s="93"/>
      <c r="BB830" s="93"/>
      <c r="BC830" s="93"/>
      <c r="BD830" s="93"/>
      <c r="BE830" s="93"/>
      <c r="BF830" s="93"/>
      <c r="BG830" s="93"/>
      <c r="BH830" s="93"/>
      <c r="BI830" s="93"/>
      <c r="BJ830" s="93"/>
      <c r="BK830" s="93"/>
      <c r="BL830" s="93"/>
    </row>
    <row r="831" spans="2:64" x14ac:dyDescent="0.2">
      <c r="B831" s="43"/>
      <c r="C831" s="73"/>
      <c r="D831" s="64"/>
      <c r="E831" s="55"/>
      <c r="F831" s="74"/>
      <c r="G831" s="74"/>
      <c r="H831" s="74"/>
      <c r="I831" s="75"/>
      <c r="J831" s="74"/>
      <c r="L831" s="55"/>
      <c r="M831" s="234"/>
      <c r="N831" s="65"/>
      <c r="O831" s="76"/>
      <c r="P831" s="76"/>
      <c r="Q831" s="65"/>
      <c r="R831" s="76"/>
      <c r="S831" s="76"/>
      <c r="T831" s="76"/>
      <c r="U831" s="76"/>
      <c r="V831" s="76"/>
      <c r="W831" s="76"/>
      <c r="X831" s="76"/>
      <c r="Y831" s="76"/>
      <c r="Z831" s="76"/>
      <c r="AA831" s="85"/>
      <c r="AB831" s="85"/>
      <c r="AC831" s="85"/>
      <c r="AD831" s="85"/>
      <c r="AE831" s="85"/>
      <c r="AF831" s="85"/>
      <c r="AG831" s="86"/>
      <c r="AH831" s="85"/>
      <c r="AI831" s="85"/>
      <c r="AJ831" s="85"/>
      <c r="AK831" s="85"/>
      <c r="AL831" s="85"/>
      <c r="AM831" s="92"/>
      <c r="AN831" s="92"/>
      <c r="AO831" s="92"/>
      <c r="AP831" s="92"/>
      <c r="AQ831" s="92"/>
      <c r="AR831" s="92"/>
      <c r="AS831" s="92"/>
      <c r="AT831" s="92"/>
      <c r="AU831" s="92"/>
      <c r="AV831" s="92"/>
      <c r="AW831" s="92"/>
      <c r="AX831" s="92"/>
      <c r="AY831" s="92"/>
      <c r="AZ831" s="93"/>
      <c r="BA831" s="93"/>
      <c r="BB831" s="93"/>
      <c r="BC831" s="93"/>
      <c r="BD831" s="93"/>
      <c r="BE831" s="93"/>
      <c r="BF831" s="93"/>
      <c r="BG831" s="93"/>
      <c r="BH831" s="93"/>
      <c r="BI831" s="93"/>
      <c r="BJ831" s="93"/>
      <c r="BK831" s="93"/>
      <c r="BL831" s="93"/>
    </row>
    <row r="832" spans="2:64" x14ac:dyDescent="0.2">
      <c r="B832" s="43"/>
      <c r="C832" s="73"/>
      <c r="D832" s="64"/>
      <c r="E832" s="55"/>
      <c r="F832" s="74"/>
      <c r="G832" s="74"/>
      <c r="H832" s="74"/>
      <c r="I832" s="75"/>
      <c r="J832" s="74"/>
      <c r="L832" s="55"/>
      <c r="M832" s="234"/>
      <c r="N832" s="65"/>
      <c r="O832" s="76"/>
      <c r="P832" s="76"/>
      <c r="Q832" s="65"/>
      <c r="R832" s="76"/>
      <c r="S832" s="76"/>
      <c r="T832" s="76"/>
      <c r="U832" s="76"/>
      <c r="V832" s="76"/>
      <c r="W832" s="76"/>
      <c r="X832" s="76"/>
      <c r="Y832" s="76"/>
      <c r="Z832" s="76"/>
      <c r="AA832" s="85"/>
      <c r="AB832" s="85"/>
      <c r="AC832" s="85"/>
      <c r="AD832" s="85"/>
      <c r="AE832" s="85"/>
      <c r="AF832" s="85"/>
      <c r="AG832" s="86"/>
      <c r="AH832" s="85"/>
      <c r="AI832" s="85"/>
      <c r="AJ832" s="85"/>
      <c r="AK832" s="85"/>
      <c r="AL832" s="85"/>
      <c r="AM832" s="92"/>
      <c r="AN832" s="92"/>
      <c r="AO832" s="92"/>
      <c r="AP832" s="92"/>
      <c r="AQ832" s="92"/>
      <c r="AR832" s="92"/>
      <c r="AS832" s="92"/>
      <c r="AT832" s="92"/>
      <c r="AU832" s="92"/>
      <c r="AV832" s="92"/>
      <c r="AW832" s="92"/>
      <c r="AX832" s="92"/>
      <c r="AY832" s="92"/>
      <c r="AZ832" s="93"/>
      <c r="BA832" s="93"/>
      <c r="BB832" s="93"/>
      <c r="BC832" s="93"/>
      <c r="BD832" s="93"/>
      <c r="BE832" s="93"/>
      <c r="BF832" s="93"/>
      <c r="BG832" s="93"/>
      <c r="BH832" s="93"/>
      <c r="BI832" s="93"/>
      <c r="BJ832" s="93"/>
      <c r="BK832" s="93"/>
      <c r="BL832" s="93"/>
    </row>
    <row r="833" spans="2:64" x14ac:dyDescent="0.2">
      <c r="B833" s="43"/>
      <c r="C833" s="73"/>
      <c r="D833" s="64"/>
      <c r="E833" s="55"/>
      <c r="F833" s="74"/>
      <c r="G833" s="74"/>
      <c r="H833" s="74"/>
      <c r="I833" s="75"/>
      <c r="J833" s="74"/>
      <c r="L833" s="55"/>
      <c r="M833" s="234"/>
      <c r="N833" s="65"/>
      <c r="O833" s="76"/>
      <c r="P833" s="76"/>
      <c r="Q833" s="65"/>
      <c r="R833" s="76"/>
      <c r="S833" s="76"/>
      <c r="T833" s="76"/>
      <c r="U833" s="76"/>
      <c r="V833" s="76"/>
      <c r="W833" s="76"/>
      <c r="X833" s="76"/>
      <c r="Y833" s="76"/>
      <c r="Z833" s="76"/>
      <c r="AA833" s="85"/>
      <c r="AB833" s="85"/>
      <c r="AC833" s="85"/>
      <c r="AD833" s="85"/>
      <c r="AE833" s="85"/>
      <c r="AF833" s="85"/>
      <c r="AG833" s="86"/>
      <c r="AH833" s="85"/>
      <c r="AI833" s="85"/>
      <c r="AJ833" s="85"/>
      <c r="AK833" s="85"/>
      <c r="AL833" s="85"/>
      <c r="AM833" s="92"/>
      <c r="AN833" s="92"/>
      <c r="AO833" s="92"/>
      <c r="AP833" s="92"/>
      <c r="AQ833" s="92"/>
      <c r="AR833" s="92"/>
      <c r="AS833" s="92"/>
      <c r="AT833" s="92"/>
      <c r="AU833" s="92"/>
      <c r="AV833" s="92"/>
      <c r="AW833" s="92"/>
      <c r="AX833" s="92"/>
      <c r="AY833" s="92"/>
      <c r="AZ833" s="93"/>
      <c r="BA833" s="93"/>
      <c r="BB833" s="93"/>
      <c r="BC833" s="93"/>
      <c r="BD833" s="93"/>
      <c r="BE833" s="93"/>
      <c r="BF833" s="93"/>
      <c r="BG833" s="93"/>
      <c r="BH833" s="93"/>
      <c r="BI833" s="93"/>
      <c r="BJ833" s="93"/>
      <c r="BK833" s="93"/>
      <c r="BL833" s="93"/>
    </row>
    <row r="834" spans="2:64" x14ac:dyDescent="0.2">
      <c r="B834" s="43"/>
      <c r="C834" s="73"/>
      <c r="D834" s="64"/>
      <c r="E834" s="55"/>
      <c r="F834" s="74"/>
      <c r="G834" s="74"/>
      <c r="H834" s="74"/>
      <c r="I834" s="75"/>
      <c r="J834" s="74"/>
      <c r="L834" s="55"/>
      <c r="M834" s="234"/>
      <c r="N834" s="65"/>
      <c r="O834" s="76"/>
      <c r="P834" s="76"/>
      <c r="Q834" s="65"/>
      <c r="R834" s="76"/>
      <c r="S834" s="76"/>
      <c r="T834" s="76"/>
      <c r="U834" s="76"/>
      <c r="V834" s="76"/>
      <c r="W834" s="76"/>
      <c r="X834" s="76"/>
      <c r="Y834" s="76"/>
      <c r="Z834" s="76"/>
      <c r="AA834" s="85"/>
      <c r="AB834" s="85"/>
      <c r="AC834" s="85"/>
      <c r="AD834" s="85"/>
      <c r="AE834" s="85"/>
      <c r="AF834" s="85"/>
      <c r="AG834" s="86"/>
      <c r="AH834" s="85"/>
      <c r="AI834" s="85"/>
      <c r="AJ834" s="85"/>
      <c r="AK834" s="85"/>
      <c r="AL834" s="85"/>
      <c r="AM834" s="92"/>
      <c r="AN834" s="92"/>
      <c r="AO834" s="92"/>
      <c r="AP834" s="92"/>
      <c r="AQ834" s="92"/>
      <c r="AR834" s="92"/>
      <c r="AS834" s="92"/>
      <c r="AT834" s="92"/>
      <c r="AU834" s="92"/>
      <c r="AV834" s="92"/>
      <c r="AW834" s="92"/>
      <c r="AX834" s="92"/>
      <c r="AY834" s="92"/>
      <c r="AZ834" s="93"/>
      <c r="BA834" s="93"/>
      <c r="BB834" s="93"/>
      <c r="BC834" s="93"/>
      <c r="BD834" s="93"/>
      <c r="BE834" s="93"/>
      <c r="BF834" s="93"/>
      <c r="BG834" s="93"/>
      <c r="BH834" s="93"/>
      <c r="BI834" s="93"/>
      <c r="BJ834" s="93"/>
      <c r="BK834" s="93"/>
      <c r="BL834" s="93"/>
    </row>
    <row r="835" spans="2:64" x14ac:dyDescent="0.2">
      <c r="B835" s="43"/>
      <c r="C835" s="73"/>
      <c r="D835" s="64"/>
      <c r="E835" s="55"/>
      <c r="F835" s="74"/>
      <c r="G835" s="74"/>
      <c r="H835" s="74"/>
      <c r="I835" s="75"/>
      <c r="J835" s="74"/>
      <c r="L835" s="55"/>
      <c r="M835" s="234"/>
      <c r="N835" s="65"/>
      <c r="O835" s="76"/>
      <c r="P835" s="76"/>
      <c r="Q835" s="65"/>
      <c r="R835" s="76"/>
      <c r="S835" s="76"/>
      <c r="T835" s="76"/>
      <c r="U835" s="76"/>
      <c r="V835" s="76"/>
      <c r="W835" s="76"/>
      <c r="X835" s="76"/>
      <c r="Y835" s="76"/>
      <c r="Z835" s="76"/>
      <c r="AA835" s="85"/>
      <c r="AB835" s="85"/>
      <c r="AC835" s="85"/>
      <c r="AD835" s="85"/>
      <c r="AE835" s="85"/>
      <c r="AF835" s="85"/>
      <c r="AG835" s="86"/>
      <c r="AH835" s="85"/>
      <c r="AI835" s="85"/>
      <c r="AJ835" s="85"/>
      <c r="AK835" s="85"/>
      <c r="AL835" s="85"/>
      <c r="AM835" s="92"/>
      <c r="AN835" s="92"/>
      <c r="AO835" s="92"/>
      <c r="AP835" s="92"/>
      <c r="AQ835" s="92"/>
      <c r="AR835" s="92"/>
      <c r="AS835" s="92"/>
      <c r="AT835" s="92"/>
      <c r="AU835" s="92"/>
      <c r="AV835" s="92"/>
      <c r="AW835" s="92"/>
      <c r="AX835" s="92"/>
      <c r="AY835" s="92"/>
      <c r="AZ835" s="93"/>
      <c r="BA835" s="93"/>
      <c r="BB835" s="93"/>
      <c r="BC835" s="93"/>
      <c r="BD835" s="93"/>
      <c r="BE835" s="93"/>
      <c r="BF835" s="93"/>
      <c r="BG835" s="93"/>
      <c r="BH835" s="93"/>
      <c r="BI835" s="93"/>
      <c r="BJ835" s="93"/>
      <c r="BK835" s="93"/>
      <c r="BL835" s="93"/>
    </row>
    <row r="836" spans="2:64" x14ac:dyDescent="0.2">
      <c r="B836" s="43"/>
      <c r="C836" s="73"/>
      <c r="D836" s="64"/>
      <c r="E836" s="55"/>
      <c r="F836" s="74"/>
      <c r="G836" s="74"/>
      <c r="H836" s="74"/>
      <c r="I836" s="75"/>
      <c r="J836" s="74"/>
      <c r="L836" s="55"/>
      <c r="M836" s="234"/>
      <c r="N836" s="65"/>
      <c r="O836" s="76"/>
      <c r="P836" s="76"/>
      <c r="Q836" s="65"/>
      <c r="R836" s="76"/>
      <c r="S836" s="76"/>
      <c r="T836" s="76"/>
      <c r="U836" s="76"/>
      <c r="V836" s="76"/>
      <c r="W836" s="76"/>
      <c r="X836" s="76"/>
      <c r="Y836" s="76"/>
      <c r="Z836" s="76"/>
      <c r="AA836" s="85"/>
      <c r="AB836" s="85"/>
      <c r="AC836" s="85"/>
      <c r="AD836" s="85"/>
      <c r="AE836" s="85"/>
      <c r="AF836" s="85"/>
      <c r="AG836" s="86"/>
      <c r="AH836" s="85"/>
      <c r="AI836" s="85"/>
      <c r="AJ836" s="85"/>
      <c r="AK836" s="85"/>
      <c r="AL836" s="85"/>
      <c r="AM836" s="92"/>
      <c r="AN836" s="92"/>
      <c r="AO836" s="92"/>
      <c r="AP836" s="92"/>
      <c r="AQ836" s="92"/>
      <c r="AR836" s="92"/>
      <c r="AS836" s="92"/>
      <c r="AT836" s="92"/>
      <c r="AU836" s="92"/>
      <c r="AV836" s="92"/>
      <c r="AW836" s="92"/>
      <c r="AX836" s="92"/>
      <c r="AY836" s="92"/>
      <c r="AZ836" s="93"/>
      <c r="BA836" s="93"/>
      <c r="BB836" s="93"/>
      <c r="BC836" s="93"/>
      <c r="BD836" s="93"/>
      <c r="BE836" s="93"/>
      <c r="BF836" s="93"/>
      <c r="BG836" s="93"/>
      <c r="BH836" s="93"/>
      <c r="BI836" s="93"/>
      <c r="BJ836" s="93"/>
      <c r="BK836" s="93"/>
      <c r="BL836" s="93"/>
    </row>
    <row r="837" spans="2:64" x14ac:dyDescent="0.2">
      <c r="B837" s="43"/>
      <c r="C837" s="73"/>
      <c r="D837" s="64"/>
      <c r="E837" s="55"/>
      <c r="F837" s="74"/>
      <c r="G837" s="74"/>
      <c r="H837" s="74"/>
      <c r="I837" s="75"/>
      <c r="J837" s="74"/>
      <c r="L837" s="55"/>
      <c r="M837" s="234"/>
      <c r="N837" s="65"/>
      <c r="O837" s="76"/>
      <c r="P837" s="76"/>
      <c r="Q837" s="65"/>
      <c r="R837" s="76"/>
      <c r="S837" s="76"/>
      <c r="T837" s="76"/>
      <c r="U837" s="76"/>
      <c r="V837" s="76"/>
      <c r="W837" s="76"/>
      <c r="X837" s="76"/>
      <c r="Y837" s="76"/>
      <c r="Z837" s="76"/>
      <c r="AA837" s="85"/>
      <c r="AB837" s="85"/>
      <c r="AC837" s="85"/>
      <c r="AD837" s="85"/>
      <c r="AE837" s="85"/>
      <c r="AF837" s="85"/>
      <c r="AG837" s="86"/>
      <c r="AH837" s="85"/>
      <c r="AI837" s="85"/>
      <c r="AJ837" s="85"/>
      <c r="AK837" s="85"/>
      <c r="AL837" s="85"/>
      <c r="AM837" s="92"/>
      <c r="AN837" s="92"/>
      <c r="AO837" s="92"/>
      <c r="AP837" s="92"/>
      <c r="AQ837" s="92"/>
      <c r="AR837" s="92"/>
      <c r="AS837" s="92"/>
      <c r="AT837" s="92"/>
      <c r="AU837" s="92"/>
      <c r="AV837" s="92"/>
      <c r="AW837" s="92"/>
      <c r="AX837" s="92"/>
      <c r="AY837" s="92"/>
      <c r="AZ837" s="93"/>
      <c r="BA837" s="93"/>
      <c r="BB837" s="93"/>
      <c r="BC837" s="93"/>
      <c r="BD837" s="93"/>
      <c r="BE837" s="93"/>
      <c r="BF837" s="93"/>
      <c r="BG837" s="93"/>
      <c r="BH837" s="93"/>
      <c r="BI837" s="93"/>
      <c r="BJ837" s="93"/>
      <c r="BK837" s="93"/>
      <c r="BL837" s="93"/>
    </row>
    <row r="838" spans="2:64" x14ac:dyDescent="0.2">
      <c r="B838" s="43"/>
      <c r="C838" s="73"/>
      <c r="D838" s="64"/>
      <c r="E838" s="55"/>
      <c r="F838" s="74"/>
      <c r="G838" s="74"/>
      <c r="H838" s="74"/>
      <c r="I838" s="75"/>
      <c r="J838" s="74"/>
      <c r="L838" s="55"/>
      <c r="M838" s="234"/>
      <c r="N838" s="65"/>
      <c r="O838" s="76"/>
      <c r="P838" s="76"/>
      <c r="Q838" s="65"/>
      <c r="R838" s="76"/>
      <c r="S838" s="76"/>
      <c r="T838" s="76"/>
      <c r="U838" s="76"/>
      <c r="V838" s="76"/>
      <c r="W838" s="76"/>
      <c r="X838" s="76"/>
      <c r="Y838" s="76"/>
      <c r="Z838" s="76"/>
      <c r="AA838" s="85"/>
      <c r="AB838" s="85"/>
      <c r="AC838" s="85"/>
      <c r="AD838" s="85"/>
      <c r="AE838" s="85"/>
      <c r="AF838" s="85"/>
      <c r="AG838" s="86"/>
      <c r="AH838" s="85"/>
      <c r="AI838" s="85"/>
      <c r="AJ838" s="85"/>
      <c r="AK838" s="85"/>
      <c r="AL838" s="85"/>
      <c r="AM838" s="92"/>
      <c r="AN838" s="92"/>
      <c r="AO838" s="92"/>
      <c r="AP838" s="92"/>
      <c r="AQ838" s="92"/>
      <c r="AR838" s="92"/>
      <c r="AS838" s="92"/>
      <c r="AT838" s="92"/>
      <c r="AU838" s="92"/>
      <c r="AV838" s="92"/>
      <c r="AW838" s="92"/>
      <c r="AX838" s="92"/>
      <c r="AY838" s="92"/>
      <c r="AZ838" s="93"/>
      <c r="BA838" s="93"/>
      <c r="BB838" s="93"/>
      <c r="BC838" s="93"/>
      <c r="BD838" s="93"/>
      <c r="BE838" s="93"/>
      <c r="BF838" s="93"/>
      <c r="BG838" s="93"/>
      <c r="BH838" s="93"/>
      <c r="BI838" s="93"/>
      <c r="BJ838" s="93"/>
      <c r="BK838" s="93"/>
      <c r="BL838" s="93"/>
    </row>
    <row r="839" spans="2:64" x14ac:dyDescent="0.2">
      <c r="B839" s="43"/>
      <c r="C839" s="73"/>
      <c r="D839" s="64"/>
      <c r="E839" s="55"/>
      <c r="F839" s="74"/>
      <c r="G839" s="74"/>
      <c r="H839" s="74"/>
      <c r="I839" s="75"/>
      <c r="J839" s="74"/>
      <c r="L839" s="55"/>
      <c r="M839" s="234"/>
      <c r="N839" s="65"/>
      <c r="O839" s="76"/>
      <c r="P839" s="76"/>
      <c r="Q839" s="65"/>
      <c r="R839" s="76"/>
      <c r="S839" s="76"/>
      <c r="T839" s="76"/>
      <c r="U839" s="76"/>
      <c r="V839" s="76"/>
      <c r="W839" s="76"/>
      <c r="X839" s="76"/>
      <c r="Y839" s="76"/>
      <c r="Z839" s="76"/>
      <c r="AA839" s="85"/>
      <c r="AB839" s="85"/>
      <c r="AC839" s="85"/>
      <c r="AD839" s="85"/>
      <c r="AE839" s="85"/>
      <c r="AF839" s="85"/>
      <c r="AG839" s="86"/>
      <c r="AH839" s="85"/>
      <c r="AI839" s="85"/>
      <c r="AJ839" s="85"/>
      <c r="AK839" s="85"/>
      <c r="AL839" s="85"/>
      <c r="AM839" s="92"/>
      <c r="AN839" s="92"/>
      <c r="AO839" s="92"/>
      <c r="AP839" s="92"/>
      <c r="AQ839" s="92"/>
      <c r="AR839" s="92"/>
      <c r="AS839" s="92"/>
      <c r="AT839" s="92"/>
      <c r="AU839" s="92"/>
      <c r="AV839" s="92"/>
      <c r="AW839" s="92"/>
      <c r="AX839" s="92"/>
      <c r="AY839" s="92"/>
      <c r="AZ839" s="93"/>
      <c r="BA839" s="93"/>
      <c r="BB839" s="93"/>
      <c r="BC839" s="93"/>
      <c r="BD839" s="93"/>
      <c r="BE839" s="93"/>
      <c r="BF839" s="93"/>
      <c r="BG839" s="93"/>
      <c r="BH839" s="93"/>
      <c r="BI839" s="93"/>
      <c r="BJ839" s="93"/>
      <c r="BK839" s="93"/>
      <c r="BL839" s="93"/>
    </row>
    <row r="840" spans="2:64" x14ac:dyDescent="0.2">
      <c r="B840" s="43"/>
      <c r="C840" s="73"/>
      <c r="D840" s="64"/>
      <c r="E840" s="55"/>
      <c r="F840" s="74"/>
      <c r="G840" s="74"/>
      <c r="H840" s="74"/>
      <c r="I840" s="75"/>
      <c r="J840" s="74"/>
      <c r="L840" s="55"/>
      <c r="M840" s="234"/>
      <c r="N840" s="65"/>
      <c r="O840" s="76"/>
      <c r="P840" s="76"/>
      <c r="Q840" s="65"/>
      <c r="R840" s="76"/>
      <c r="S840" s="76"/>
      <c r="T840" s="76"/>
      <c r="U840" s="76"/>
      <c r="V840" s="76"/>
      <c r="W840" s="76"/>
      <c r="X840" s="76"/>
      <c r="Y840" s="76"/>
      <c r="Z840" s="76"/>
      <c r="AA840" s="85"/>
      <c r="AB840" s="85"/>
      <c r="AC840" s="85"/>
      <c r="AD840" s="85"/>
      <c r="AE840" s="85"/>
      <c r="AF840" s="85"/>
      <c r="AG840" s="86"/>
      <c r="AH840" s="85"/>
      <c r="AI840" s="85"/>
      <c r="AJ840" s="85"/>
      <c r="AK840" s="85"/>
      <c r="AL840" s="85"/>
      <c r="AM840" s="92"/>
      <c r="AN840" s="92"/>
      <c r="AO840" s="92"/>
      <c r="AP840" s="92"/>
      <c r="AQ840" s="92"/>
      <c r="AR840" s="92"/>
      <c r="AS840" s="92"/>
      <c r="AT840" s="92"/>
      <c r="AU840" s="92"/>
      <c r="AV840" s="92"/>
      <c r="AW840" s="92"/>
      <c r="AX840" s="92"/>
      <c r="AY840" s="92"/>
      <c r="AZ840" s="93"/>
      <c r="BA840" s="93"/>
      <c r="BB840" s="93"/>
      <c r="BC840" s="93"/>
      <c r="BD840" s="93"/>
      <c r="BE840" s="93"/>
      <c r="BF840" s="93"/>
      <c r="BG840" s="93"/>
      <c r="BH840" s="93"/>
      <c r="BI840" s="93"/>
      <c r="BJ840" s="93"/>
      <c r="BK840" s="93"/>
      <c r="BL840" s="93"/>
    </row>
    <row r="841" spans="2:64" x14ac:dyDescent="0.2">
      <c r="B841" s="43"/>
      <c r="C841" s="73"/>
      <c r="D841" s="64"/>
      <c r="E841" s="55"/>
      <c r="F841" s="74"/>
      <c r="G841" s="74"/>
      <c r="H841" s="74"/>
      <c r="I841" s="75"/>
      <c r="J841" s="74"/>
      <c r="L841" s="55"/>
      <c r="M841" s="234"/>
      <c r="N841" s="65"/>
      <c r="O841" s="76"/>
      <c r="P841" s="76"/>
      <c r="Q841" s="65"/>
      <c r="R841" s="76"/>
      <c r="S841" s="76"/>
      <c r="T841" s="76"/>
      <c r="U841" s="76"/>
      <c r="V841" s="76"/>
      <c r="W841" s="76"/>
      <c r="X841" s="76"/>
      <c r="Y841" s="76"/>
      <c r="Z841" s="76"/>
      <c r="AA841" s="85"/>
      <c r="AB841" s="85"/>
      <c r="AC841" s="85"/>
      <c r="AD841" s="85"/>
      <c r="AE841" s="85"/>
      <c r="AF841" s="85"/>
      <c r="AG841" s="86"/>
      <c r="AH841" s="85"/>
      <c r="AI841" s="85"/>
      <c r="AJ841" s="85"/>
      <c r="AK841" s="85"/>
      <c r="AL841" s="85"/>
      <c r="AM841" s="92"/>
      <c r="AN841" s="92"/>
      <c r="AO841" s="92"/>
      <c r="AP841" s="92"/>
      <c r="AQ841" s="92"/>
      <c r="AR841" s="92"/>
      <c r="AS841" s="92"/>
      <c r="AT841" s="92"/>
      <c r="AU841" s="92"/>
      <c r="AV841" s="92"/>
      <c r="AW841" s="92"/>
      <c r="AX841" s="92"/>
      <c r="AY841" s="92"/>
      <c r="AZ841" s="93"/>
      <c r="BA841" s="93"/>
      <c r="BB841" s="93"/>
      <c r="BC841" s="93"/>
      <c r="BD841" s="93"/>
      <c r="BE841" s="93"/>
      <c r="BF841" s="93"/>
      <c r="BG841" s="93"/>
      <c r="BH841" s="93"/>
      <c r="BI841" s="93"/>
      <c r="BJ841" s="93"/>
      <c r="BK841" s="93"/>
      <c r="BL841" s="93"/>
    </row>
    <row r="842" spans="2:64" x14ac:dyDescent="0.2">
      <c r="B842" s="43"/>
      <c r="C842" s="73"/>
      <c r="D842" s="64"/>
      <c r="E842" s="55"/>
      <c r="F842" s="74"/>
      <c r="G842" s="74"/>
      <c r="H842" s="74"/>
      <c r="I842" s="75"/>
      <c r="J842" s="74"/>
      <c r="L842" s="55"/>
      <c r="M842" s="234"/>
      <c r="N842" s="65"/>
      <c r="O842" s="76"/>
      <c r="P842" s="76"/>
      <c r="Q842" s="65"/>
      <c r="R842" s="76"/>
      <c r="S842" s="76"/>
      <c r="T842" s="76"/>
      <c r="U842" s="76"/>
      <c r="V842" s="76"/>
      <c r="W842" s="76"/>
      <c r="X842" s="76"/>
      <c r="Y842" s="76"/>
      <c r="Z842" s="76"/>
      <c r="AA842" s="85"/>
      <c r="AB842" s="85"/>
      <c r="AC842" s="85"/>
      <c r="AD842" s="85"/>
      <c r="AE842" s="85"/>
      <c r="AF842" s="85"/>
      <c r="AG842" s="86"/>
      <c r="AH842" s="85"/>
      <c r="AI842" s="85"/>
      <c r="AJ842" s="85"/>
      <c r="AK842" s="85"/>
      <c r="AL842" s="85"/>
      <c r="AM842" s="92"/>
      <c r="AN842" s="92"/>
      <c r="AO842" s="92"/>
      <c r="AP842" s="92"/>
      <c r="AQ842" s="92"/>
      <c r="AR842" s="92"/>
      <c r="AS842" s="92"/>
      <c r="AT842" s="92"/>
      <c r="AU842" s="92"/>
      <c r="AV842" s="92"/>
      <c r="AW842" s="92"/>
      <c r="AX842" s="92"/>
      <c r="AY842" s="92"/>
      <c r="AZ842" s="93"/>
      <c r="BA842" s="93"/>
      <c r="BB842" s="93"/>
      <c r="BC842" s="93"/>
      <c r="BD842" s="93"/>
      <c r="BE842" s="93"/>
      <c r="BF842" s="93"/>
      <c r="BG842" s="93"/>
      <c r="BH842" s="93"/>
      <c r="BI842" s="93"/>
      <c r="BJ842" s="93"/>
      <c r="BK842" s="93"/>
      <c r="BL842" s="93"/>
    </row>
    <row r="843" spans="2:64" x14ac:dyDescent="0.2">
      <c r="B843" s="43"/>
      <c r="C843" s="73"/>
      <c r="D843" s="64"/>
      <c r="E843" s="55"/>
      <c r="F843" s="74"/>
      <c r="G843" s="74"/>
      <c r="H843" s="74"/>
      <c r="I843" s="75"/>
      <c r="J843" s="74"/>
      <c r="L843" s="55"/>
      <c r="M843" s="234"/>
      <c r="N843" s="65"/>
      <c r="O843" s="76"/>
      <c r="P843" s="76"/>
      <c r="Q843" s="65"/>
      <c r="R843" s="76"/>
      <c r="S843" s="76"/>
      <c r="T843" s="76"/>
      <c r="U843" s="76"/>
      <c r="V843" s="76"/>
      <c r="W843" s="76"/>
      <c r="X843" s="76"/>
      <c r="Y843" s="76"/>
      <c r="Z843" s="76"/>
      <c r="AA843" s="85"/>
      <c r="AB843" s="85"/>
      <c r="AC843" s="85"/>
      <c r="AD843" s="85"/>
      <c r="AE843" s="85"/>
      <c r="AF843" s="85"/>
      <c r="AG843" s="86"/>
      <c r="AH843" s="85"/>
      <c r="AI843" s="85"/>
      <c r="AJ843" s="85"/>
      <c r="AK843" s="85"/>
      <c r="AL843" s="85"/>
      <c r="AM843" s="92"/>
      <c r="AN843" s="92"/>
      <c r="AO843" s="92"/>
      <c r="AP843" s="92"/>
      <c r="AQ843" s="92"/>
      <c r="AR843" s="92"/>
      <c r="AS843" s="92"/>
      <c r="AT843" s="92"/>
      <c r="AU843" s="92"/>
      <c r="AV843" s="92"/>
      <c r="AW843" s="92"/>
      <c r="AX843" s="92"/>
      <c r="AY843" s="92"/>
      <c r="AZ843" s="93"/>
      <c r="BA843" s="93"/>
      <c r="BB843" s="93"/>
      <c r="BC843" s="93"/>
      <c r="BD843" s="93"/>
      <c r="BE843" s="93"/>
      <c r="BF843" s="93"/>
      <c r="BG843" s="93"/>
      <c r="BH843" s="93"/>
      <c r="BI843" s="93"/>
      <c r="BJ843" s="93"/>
      <c r="BK843" s="93"/>
      <c r="BL843" s="93"/>
    </row>
    <row r="844" spans="2:64" x14ac:dyDescent="0.2">
      <c r="B844" s="43"/>
      <c r="C844" s="73"/>
      <c r="D844" s="64"/>
      <c r="E844" s="55"/>
      <c r="F844" s="74"/>
      <c r="G844" s="74"/>
      <c r="H844" s="74"/>
      <c r="I844" s="75"/>
      <c r="J844" s="74"/>
      <c r="L844" s="55"/>
      <c r="M844" s="234"/>
      <c r="N844" s="65"/>
      <c r="O844" s="76"/>
      <c r="P844" s="76"/>
      <c r="Q844" s="65"/>
      <c r="R844" s="76"/>
      <c r="S844" s="76"/>
      <c r="T844" s="76"/>
      <c r="U844" s="76"/>
      <c r="V844" s="76"/>
      <c r="W844" s="76"/>
      <c r="X844" s="76"/>
      <c r="Y844" s="76"/>
      <c r="Z844" s="76"/>
      <c r="AA844" s="85"/>
      <c r="AB844" s="85"/>
      <c r="AC844" s="85"/>
      <c r="AD844" s="85"/>
      <c r="AE844" s="85"/>
      <c r="AF844" s="85"/>
      <c r="AG844" s="86"/>
      <c r="AH844" s="85"/>
      <c r="AI844" s="85"/>
      <c r="AJ844" s="85"/>
      <c r="AK844" s="85"/>
      <c r="AL844" s="85"/>
      <c r="AM844" s="92"/>
      <c r="AN844" s="92"/>
      <c r="AO844" s="92"/>
      <c r="AP844" s="92"/>
      <c r="AQ844" s="92"/>
      <c r="AR844" s="92"/>
      <c r="AS844" s="92"/>
      <c r="AT844" s="92"/>
      <c r="AU844" s="92"/>
      <c r="AV844" s="92"/>
      <c r="AW844" s="92"/>
      <c r="AX844" s="92"/>
      <c r="AY844" s="92"/>
      <c r="AZ844" s="93"/>
      <c r="BA844" s="93"/>
      <c r="BB844" s="93"/>
      <c r="BC844" s="93"/>
      <c r="BD844" s="93"/>
      <c r="BE844" s="93"/>
      <c r="BF844" s="93"/>
      <c r="BG844" s="93"/>
      <c r="BH844" s="93"/>
      <c r="BI844" s="93"/>
      <c r="BJ844" s="93"/>
      <c r="BK844" s="93"/>
      <c r="BL844" s="93"/>
    </row>
    <row r="845" spans="2:64" x14ac:dyDescent="0.2">
      <c r="B845" s="43"/>
      <c r="C845" s="73"/>
      <c r="D845" s="64"/>
      <c r="E845" s="55"/>
      <c r="F845" s="74"/>
      <c r="G845" s="74"/>
      <c r="H845" s="74"/>
      <c r="I845" s="75"/>
      <c r="J845" s="74"/>
      <c r="L845" s="55"/>
      <c r="M845" s="234"/>
      <c r="N845" s="65"/>
      <c r="O845" s="76"/>
      <c r="P845" s="76"/>
      <c r="Q845" s="65"/>
      <c r="R845" s="76"/>
      <c r="S845" s="76"/>
      <c r="T845" s="76"/>
      <c r="U845" s="76"/>
      <c r="V845" s="76"/>
      <c r="W845" s="76"/>
      <c r="X845" s="76"/>
      <c r="Y845" s="76"/>
      <c r="Z845" s="76"/>
      <c r="AA845" s="85"/>
      <c r="AB845" s="85"/>
      <c r="AC845" s="85"/>
      <c r="AD845" s="85"/>
      <c r="AE845" s="85"/>
      <c r="AF845" s="85"/>
      <c r="AG845" s="86"/>
      <c r="AH845" s="85"/>
      <c r="AI845" s="85"/>
      <c r="AJ845" s="85"/>
      <c r="AK845" s="85"/>
      <c r="AL845" s="85"/>
      <c r="AM845" s="92"/>
      <c r="AN845" s="92"/>
      <c r="AO845" s="92"/>
      <c r="AP845" s="92"/>
      <c r="AQ845" s="92"/>
      <c r="AR845" s="92"/>
      <c r="AS845" s="92"/>
      <c r="AT845" s="92"/>
      <c r="AU845" s="92"/>
      <c r="AV845" s="92"/>
      <c r="AW845" s="92"/>
      <c r="AX845" s="92"/>
      <c r="AY845" s="92"/>
      <c r="AZ845" s="93"/>
      <c r="BA845" s="93"/>
      <c r="BB845" s="93"/>
      <c r="BC845" s="93"/>
      <c r="BD845" s="93"/>
      <c r="BE845" s="93"/>
      <c r="BF845" s="93"/>
      <c r="BG845" s="93"/>
      <c r="BH845" s="93"/>
      <c r="BI845" s="93"/>
      <c r="BJ845" s="93"/>
      <c r="BK845" s="93"/>
      <c r="BL845" s="93"/>
    </row>
    <row r="846" spans="2:64" x14ac:dyDescent="0.2">
      <c r="B846" s="43"/>
      <c r="C846" s="73"/>
      <c r="D846" s="64"/>
      <c r="E846" s="55"/>
      <c r="F846" s="74"/>
      <c r="G846" s="74"/>
      <c r="H846" s="74"/>
      <c r="I846" s="75"/>
      <c r="J846" s="74"/>
      <c r="L846" s="55"/>
      <c r="M846" s="234"/>
      <c r="N846" s="65"/>
      <c r="O846" s="76"/>
      <c r="P846" s="76"/>
      <c r="Q846" s="65"/>
      <c r="R846" s="76"/>
      <c r="S846" s="76"/>
      <c r="T846" s="76"/>
      <c r="U846" s="76"/>
      <c r="V846" s="76"/>
      <c r="W846" s="76"/>
      <c r="X846" s="76"/>
      <c r="Y846" s="76"/>
      <c r="Z846" s="76"/>
      <c r="AA846" s="85"/>
      <c r="AB846" s="85"/>
      <c r="AC846" s="85"/>
      <c r="AD846" s="85"/>
      <c r="AE846" s="85"/>
      <c r="AF846" s="85"/>
      <c r="AG846" s="86"/>
      <c r="AH846" s="85"/>
      <c r="AI846" s="85"/>
      <c r="AJ846" s="85"/>
      <c r="AK846" s="85"/>
      <c r="AL846" s="85"/>
      <c r="AM846" s="92"/>
      <c r="AN846" s="92"/>
      <c r="AO846" s="92"/>
      <c r="AP846" s="92"/>
      <c r="AQ846" s="92"/>
      <c r="AR846" s="92"/>
      <c r="AS846" s="92"/>
      <c r="AT846" s="92"/>
      <c r="AU846" s="92"/>
      <c r="AV846" s="92"/>
      <c r="AW846" s="92"/>
      <c r="AX846" s="92"/>
      <c r="AY846" s="92"/>
      <c r="AZ846" s="93"/>
      <c r="BA846" s="93"/>
      <c r="BB846" s="93"/>
      <c r="BC846" s="93"/>
      <c r="BD846" s="93"/>
      <c r="BE846" s="93"/>
      <c r="BF846" s="93"/>
      <c r="BG846" s="93"/>
      <c r="BH846" s="93"/>
      <c r="BI846" s="93"/>
      <c r="BJ846" s="93"/>
      <c r="BK846" s="93"/>
      <c r="BL846" s="93"/>
    </row>
    <row r="847" spans="2:64" x14ac:dyDescent="0.2">
      <c r="B847" s="43"/>
      <c r="C847" s="73"/>
      <c r="D847" s="64"/>
      <c r="E847" s="55"/>
      <c r="F847" s="74"/>
      <c r="G847" s="74"/>
      <c r="H847" s="74"/>
      <c r="I847" s="75"/>
      <c r="J847" s="74"/>
      <c r="L847" s="55"/>
      <c r="M847" s="234"/>
      <c r="N847" s="65"/>
      <c r="O847" s="76"/>
      <c r="P847" s="76"/>
      <c r="Q847" s="65"/>
      <c r="R847" s="76"/>
      <c r="S847" s="76"/>
      <c r="T847" s="76"/>
      <c r="U847" s="76"/>
      <c r="V847" s="76"/>
      <c r="W847" s="76"/>
      <c r="X847" s="76"/>
      <c r="Y847" s="76"/>
      <c r="Z847" s="76"/>
      <c r="AA847" s="85"/>
      <c r="AB847" s="85"/>
      <c r="AC847" s="85"/>
      <c r="AD847" s="85"/>
      <c r="AE847" s="85"/>
      <c r="AF847" s="85"/>
      <c r="AG847" s="86"/>
      <c r="AH847" s="85"/>
      <c r="AI847" s="85"/>
      <c r="AJ847" s="85"/>
      <c r="AK847" s="85"/>
      <c r="AL847" s="85"/>
      <c r="AM847" s="92"/>
      <c r="AN847" s="92"/>
      <c r="AO847" s="92"/>
      <c r="AP847" s="92"/>
      <c r="AQ847" s="92"/>
      <c r="AR847" s="92"/>
      <c r="AS847" s="92"/>
      <c r="AT847" s="92"/>
      <c r="AU847" s="92"/>
      <c r="AV847" s="92"/>
      <c r="AW847" s="92"/>
      <c r="AX847" s="92"/>
      <c r="AY847" s="92"/>
      <c r="AZ847" s="93"/>
      <c r="BA847" s="93"/>
      <c r="BB847" s="93"/>
      <c r="BC847" s="93"/>
      <c r="BD847" s="93"/>
      <c r="BE847" s="93"/>
      <c r="BF847" s="93"/>
      <c r="BG847" s="93"/>
      <c r="BH847" s="93"/>
      <c r="BI847" s="93"/>
      <c r="BJ847" s="93"/>
      <c r="BK847" s="93"/>
      <c r="BL847" s="93"/>
    </row>
    <row r="848" spans="2:64" x14ac:dyDescent="0.2">
      <c r="B848" s="43"/>
      <c r="C848" s="73"/>
      <c r="D848" s="64"/>
      <c r="E848" s="55"/>
      <c r="F848" s="74"/>
      <c r="G848" s="74"/>
      <c r="H848" s="74"/>
      <c r="I848" s="75"/>
      <c r="J848" s="74"/>
      <c r="L848" s="55"/>
      <c r="M848" s="234"/>
      <c r="N848" s="65"/>
      <c r="O848" s="76"/>
      <c r="P848" s="76"/>
      <c r="Q848" s="65"/>
      <c r="R848" s="76"/>
      <c r="S848" s="76"/>
      <c r="T848" s="76"/>
      <c r="U848" s="76"/>
      <c r="V848" s="76"/>
      <c r="W848" s="76"/>
      <c r="X848" s="76"/>
      <c r="Y848" s="76"/>
      <c r="Z848" s="76"/>
      <c r="AA848" s="85"/>
      <c r="AB848" s="85"/>
      <c r="AC848" s="85"/>
      <c r="AD848" s="85"/>
      <c r="AE848" s="85"/>
      <c r="AF848" s="85"/>
      <c r="AG848" s="86"/>
      <c r="AH848" s="85"/>
      <c r="AI848" s="85"/>
      <c r="AJ848" s="85"/>
      <c r="AK848" s="85"/>
      <c r="AL848" s="85"/>
      <c r="AM848" s="92"/>
      <c r="AN848" s="92"/>
      <c r="AO848" s="92"/>
      <c r="AP848" s="92"/>
      <c r="AQ848" s="92"/>
      <c r="AR848" s="92"/>
      <c r="AS848" s="92"/>
      <c r="AT848" s="92"/>
      <c r="AU848" s="92"/>
      <c r="AV848" s="92"/>
      <c r="AW848" s="92"/>
      <c r="AX848" s="92"/>
      <c r="AY848" s="92"/>
      <c r="AZ848" s="93"/>
      <c r="BA848" s="93"/>
      <c r="BB848" s="93"/>
      <c r="BC848" s="93"/>
      <c r="BD848" s="93"/>
      <c r="BE848" s="93"/>
      <c r="BF848" s="93"/>
      <c r="BG848" s="93"/>
      <c r="BH848" s="93"/>
      <c r="BI848" s="93"/>
      <c r="BJ848" s="93"/>
      <c r="BK848" s="93"/>
      <c r="BL848" s="93"/>
    </row>
    <row r="849" spans="2:64" x14ac:dyDescent="0.2">
      <c r="B849" s="43"/>
      <c r="C849" s="73"/>
      <c r="D849" s="64"/>
      <c r="E849" s="55"/>
      <c r="F849" s="74"/>
      <c r="G849" s="74"/>
      <c r="H849" s="74"/>
      <c r="I849" s="75"/>
      <c r="J849" s="74"/>
      <c r="L849" s="55"/>
      <c r="M849" s="234"/>
      <c r="N849" s="65"/>
      <c r="O849" s="76"/>
      <c r="P849" s="76"/>
      <c r="Q849" s="65"/>
      <c r="R849" s="76"/>
      <c r="S849" s="76"/>
      <c r="T849" s="76"/>
      <c r="U849" s="76"/>
      <c r="V849" s="76"/>
      <c r="W849" s="76"/>
      <c r="X849" s="76"/>
      <c r="Y849" s="76"/>
      <c r="Z849" s="76"/>
      <c r="AA849" s="85"/>
      <c r="AB849" s="85"/>
      <c r="AC849" s="85"/>
      <c r="AD849" s="85"/>
      <c r="AE849" s="85"/>
      <c r="AF849" s="85"/>
      <c r="AG849" s="86"/>
      <c r="AH849" s="85"/>
      <c r="AI849" s="85"/>
      <c r="AJ849" s="85"/>
      <c r="AK849" s="85"/>
      <c r="AL849" s="85"/>
      <c r="AM849" s="92"/>
      <c r="AN849" s="92"/>
      <c r="AO849" s="92"/>
      <c r="AP849" s="92"/>
      <c r="AQ849" s="92"/>
      <c r="AR849" s="92"/>
      <c r="AS849" s="92"/>
      <c r="AT849" s="92"/>
      <c r="AU849" s="92"/>
      <c r="AV849" s="92"/>
      <c r="AW849" s="92"/>
      <c r="AX849" s="92"/>
      <c r="AY849" s="92"/>
      <c r="AZ849" s="93"/>
      <c r="BA849" s="93"/>
      <c r="BB849" s="93"/>
      <c r="BC849" s="93"/>
      <c r="BD849" s="93"/>
      <c r="BE849" s="93"/>
      <c r="BF849" s="93"/>
      <c r="BG849" s="93"/>
      <c r="BH849" s="93"/>
      <c r="BI849" s="93"/>
      <c r="BJ849" s="93"/>
      <c r="BK849" s="93"/>
      <c r="BL849" s="93"/>
    </row>
    <row r="850" spans="2:64" x14ac:dyDescent="0.2">
      <c r="B850" s="43"/>
      <c r="C850" s="73"/>
      <c r="D850" s="64"/>
      <c r="E850" s="55"/>
      <c r="F850" s="74"/>
      <c r="G850" s="74"/>
      <c r="H850" s="74"/>
      <c r="I850" s="75"/>
      <c r="J850" s="74"/>
      <c r="L850" s="55"/>
      <c r="M850" s="234"/>
      <c r="N850" s="65"/>
      <c r="O850" s="76"/>
      <c r="P850" s="76"/>
      <c r="Q850" s="65"/>
      <c r="R850" s="76"/>
      <c r="S850" s="76"/>
      <c r="T850" s="76"/>
      <c r="U850" s="76"/>
      <c r="V850" s="76"/>
      <c r="W850" s="76"/>
      <c r="X850" s="76"/>
      <c r="Y850" s="76"/>
      <c r="Z850" s="76"/>
      <c r="AA850" s="85"/>
      <c r="AB850" s="85"/>
      <c r="AC850" s="85"/>
      <c r="AD850" s="85"/>
      <c r="AE850" s="85"/>
      <c r="AF850" s="85"/>
      <c r="AG850" s="86"/>
      <c r="AH850" s="85"/>
      <c r="AI850" s="85"/>
      <c r="AJ850" s="85"/>
      <c r="AK850" s="85"/>
      <c r="AL850" s="85"/>
      <c r="AM850" s="92"/>
      <c r="AN850" s="92"/>
      <c r="AO850" s="92"/>
      <c r="AP850" s="92"/>
      <c r="AQ850" s="92"/>
      <c r="AR850" s="92"/>
      <c r="AS850" s="92"/>
      <c r="AT850" s="92"/>
      <c r="AU850" s="92"/>
      <c r="AV850" s="92"/>
      <c r="AW850" s="92"/>
      <c r="AX850" s="92"/>
      <c r="AY850" s="92"/>
      <c r="AZ850" s="93"/>
      <c r="BA850" s="93"/>
      <c r="BB850" s="93"/>
      <c r="BC850" s="93"/>
      <c r="BD850" s="93"/>
      <c r="BE850" s="93"/>
      <c r="BF850" s="93"/>
      <c r="BG850" s="93"/>
      <c r="BH850" s="93"/>
      <c r="BI850" s="93"/>
      <c r="BJ850" s="93"/>
      <c r="BK850" s="93"/>
      <c r="BL850" s="93"/>
    </row>
    <row r="851" spans="2:64" x14ac:dyDescent="0.2">
      <c r="B851" s="43"/>
      <c r="C851" s="73"/>
      <c r="D851" s="64"/>
      <c r="E851" s="55"/>
      <c r="F851" s="74"/>
      <c r="G851" s="74"/>
      <c r="H851" s="74"/>
      <c r="I851" s="75"/>
      <c r="J851" s="74"/>
      <c r="L851" s="55"/>
      <c r="M851" s="234"/>
      <c r="N851" s="65"/>
      <c r="O851" s="76"/>
      <c r="P851" s="76"/>
      <c r="Q851" s="65"/>
      <c r="R851" s="76"/>
      <c r="S851" s="76"/>
      <c r="T851" s="76"/>
      <c r="U851" s="76"/>
      <c r="V851" s="76"/>
      <c r="W851" s="76"/>
      <c r="X851" s="76"/>
      <c r="Y851" s="76"/>
      <c r="Z851" s="76"/>
      <c r="AA851" s="85"/>
      <c r="AB851" s="85"/>
      <c r="AC851" s="85"/>
      <c r="AD851" s="85"/>
      <c r="AE851" s="85"/>
      <c r="AF851" s="85"/>
      <c r="AG851" s="86"/>
      <c r="AH851" s="85"/>
      <c r="AI851" s="85"/>
      <c r="AJ851" s="85"/>
      <c r="AK851" s="85"/>
      <c r="AL851" s="85"/>
      <c r="AM851" s="92"/>
      <c r="AN851" s="92"/>
      <c r="AO851" s="92"/>
      <c r="AP851" s="92"/>
      <c r="AQ851" s="92"/>
      <c r="AR851" s="92"/>
      <c r="AS851" s="92"/>
      <c r="AT851" s="92"/>
      <c r="AU851" s="92"/>
      <c r="AV851" s="92"/>
      <c r="AW851" s="92"/>
      <c r="AX851" s="92"/>
      <c r="AY851" s="92"/>
      <c r="AZ851" s="93"/>
      <c r="BA851" s="93"/>
      <c r="BB851" s="93"/>
      <c r="BC851" s="93"/>
      <c r="BD851" s="93"/>
      <c r="BE851" s="93"/>
      <c r="BF851" s="93"/>
      <c r="BG851" s="93"/>
      <c r="BH851" s="93"/>
      <c r="BI851" s="93"/>
      <c r="BJ851" s="93"/>
      <c r="BK851" s="93"/>
      <c r="BL851" s="93"/>
    </row>
    <row r="852" spans="2:64" x14ac:dyDescent="0.2">
      <c r="B852" s="43"/>
      <c r="C852" s="73"/>
      <c r="D852" s="64"/>
      <c r="E852" s="55"/>
      <c r="F852" s="74"/>
      <c r="G852" s="74"/>
      <c r="H852" s="74"/>
      <c r="I852" s="75"/>
      <c r="J852" s="74"/>
      <c r="L852" s="55"/>
      <c r="M852" s="234"/>
      <c r="N852" s="65"/>
      <c r="O852" s="76"/>
      <c r="P852" s="76"/>
      <c r="Q852" s="65"/>
      <c r="R852" s="76"/>
      <c r="S852" s="76"/>
      <c r="T852" s="76"/>
      <c r="U852" s="76"/>
      <c r="V852" s="76"/>
      <c r="W852" s="76"/>
      <c r="X852" s="76"/>
      <c r="Y852" s="76"/>
      <c r="Z852" s="76"/>
      <c r="AA852" s="85"/>
      <c r="AB852" s="85"/>
      <c r="AC852" s="85"/>
      <c r="AD852" s="85"/>
      <c r="AE852" s="85"/>
      <c r="AF852" s="85"/>
      <c r="AG852" s="86"/>
      <c r="AH852" s="85"/>
      <c r="AI852" s="85"/>
      <c r="AJ852" s="85"/>
      <c r="AK852" s="85"/>
      <c r="AL852" s="85"/>
      <c r="AM852" s="92"/>
      <c r="AN852" s="92"/>
      <c r="AO852" s="92"/>
      <c r="AP852" s="92"/>
      <c r="AQ852" s="92"/>
      <c r="AR852" s="92"/>
      <c r="AS852" s="92"/>
      <c r="AT852" s="92"/>
      <c r="AU852" s="92"/>
      <c r="AV852" s="92"/>
      <c r="AW852" s="92"/>
      <c r="AX852" s="92"/>
      <c r="AY852" s="92"/>
      <c r="AZ852" s="93"/>
      <c r="BA852" s="93"/>
      <c r="BB852" s="93"/>
      <c r="BC852" s="93"/>
      <c r="BD852" s="93"/>
      <c r="BE852" s="93"/>
      <c r="BF852" s="93"/>
      <c r="BG852" s="93"/>
      <c r="BH852" s="93"/>
      <c r="BI852" s="93"/>
      <c r="BJ852" s="93"/>
      <c r="BK852" s="93"/>
      <c r="BL852" s="93"/>
    </row>
    <row r="853" spans="2:64" x14ac:dyDescent="0.2">
      <c r="B853" s="43"/>
      <c r="C853" s="73"/>
      <c r="D853" s="64"/>
      <c r="E853" s="55"/>
      <c r="F853" s="74"/>
      <c r="G853" s="74"/>
      <c r="H853" s="74"/>
      <c r="I853" s="75"/>
      <c r="J853" s="74"/>
      <c r="L853" s="55"/>
      <c r="M853" s="234"/>
      <c r="N853" s="65"/>
      <c r="O853" s="76"/>
      <c r="P853" s="76"/>
      <c r="Q853" s="65"/>
      <c r="R853" s="76"/>
      <c r="S853" s="76"/>
      <c r="T853" s="76"/>
      <c r="U853" s="76"/>
      <c r="V853" s="76"/>
      <c r="W853" s="76"/>
      <c r="X853" s="76"/>
      <c r="Y853" s="76"/>
      <c r="Z853" s="76"/>
      <c r="AA853" s="85"/>
      <c r="AB853" s="85"/>
      <c r="AC853" s="85"/>
      <c r="AD853" s="85"/>
      <c r="AE853" s="85"/>
      <c r="AF853" s="85"/>
      <c r="AG853" s="86"/>
      <c r="AH853" s="85"/>
      <c r="AI853" s="85"/>
      <c r="AJ853" s="85"/>
      <c r="AK853" s="85"/>
      <c r="AL853" s="85"/>
      <c r="AM853" s="92"/>
      <c r="AN853" s="92"/>
      <c r="AO853" s="92"/>
      <c r="AP853" s="92"/>
      <c r="AQ853" s="92"/>
      <c r="AR853" s="92"/>
      <c r="AS853" s="92"/>
      <c r="AT853" s="92"/>
      <c r="AU853" s="92"/>
      <c r="AV853" s="92"/>
      <c r="AW853" s="92"/>
      <c r="AX853" s="92"/>
      <c r="AY853" s="92"/>
      <c r="AZ853" s="93"/>
      <c r="BA853" s="93"/>
      <c r="BB853" s="93"/>
      <c r="BC853" s="93"/>
      <c r="BD853" s="93"/>
      <c r="BE853" s="93"/>
      <c r="BF853" s="93"/>
      <c r="BG853" s="93"/>
      <c r="BH853" s="93"/>
      <c r="BI853" s="93"/>
      <c r="BJ853" s="93"/>
      <c r="BK853" s="93"/>
      <c r="BL853" s="93"/>
    </row>
    <row r="854" spans="2:64" x14ac:dyDescent="0.2">
      <c r="B854" s="43"/>
      <c r="C854" s="73"/>
      <c r="D854" s="64"/>
      <c r="E854" s="55"/>
      <c r="F854" s="74"/>
      <c r="G854" s="74"/>
      <c r="H854" s="74"/>
      <c r="I854" s="75"/>
      <c r="J854" s="74"/>
      <c r="L854" s="55"/>
      <c r="M854" s="234"/>
      <c r="N854" s="65"/>
      <c r="O854" s="76"/>
      <c r="P854" s="76"/>
      <c r="Q854" s="65"/>
      <c r="R854" s="76"/>
      <c r="S854" s="76"/>
      <c r="T854" s="76"/>
      <c r="U854" s="76"/>
      <c r="V854" s="76"/>
      <c r="W854" s="76"/>
      <c r="X854" s="76"/>
      <c r="Y854" s="76"/>
      <c r="Z854" s="76"/>
      <c r="AA854" s="85"/>
      <c r="AB854" s="85"/>
      <c r="AC854" s="85"/>
      <c r="AD854" s="85"/>
      <c r="AE854" s="85"/>
      <c r="AF854" s="85"/>
      <c r="AG854" s="86"/>
      <c r="AH854" s="85"/>
      <c r="AI854" s="85"/>
      <c r="AJ854" s="85"/>
      <c r="AK854" s="85"/>
      <c r="AL854" s="85"/>
      <c r="AM854" s="92"/>
      <c r="AN854" s="92"/>
      <c r="AO854" s="92"/>
      <c r="AP854" s="92"/>
      <c r="AQ854" s="92"/>
      <c r="AR854" s="92"/>
      <c r="AS854" s="92"/>
      <c r="AT854" s="92"/>
      <c r="AU854" s="92"/>
      <c r="AV854" s="92"/>
      <c r="AW854" s="92"/>
      <c r="AX854" s="92"/>
      <c r="AY854" s="92"/>
      <c r="AZ854" s="93"/>
      <c r="BA854" s="93"/>
      <c r="BB854" s="93"/>
      <c r="BC854" s="93"/>
      <c r="BD854" s="93"/>
      <c r="BE854" s="93"/>
      <c r="BF854" s="93"/>
      <c r="BG854" s="93"/>
      <c r="BH854" s="93"/>
      <c r="BI854" s="93"/>
      <c r="BJ854" s="93"/>
      <c r="BK854" s="93"/>
      <c r="BL854" s="93"/>
    </row>
    <row r="855" spans="2:64" x14ac:dyDescent="0.2">
      <c r="B855" s="43"/>
      <c r="C855" s="73"/>
      <c r="D855" s="64"/>
      <c r="E855" s="55"/>
      <c r="F855" s="74"/>
      <c r="G855" s="74"/>
      <c r="H855" s="74"/>
      <c r="I855" s="75"/>
      <c r="J855" s="74"/>
      <c r="L855" s="55"/>
      <c r="M855" s="234"/>
      <c r="N855" s="65"/>
      <c r="O855" s="76"/>
      <c r="P855" s="76"/>
      <c r="Q855" s="65"/>
      <c r="R855" s="76"/>
      <c r="S855" s="76"/>
      <c r="T855" s="76"/>
      <c r="U855" s="76"/>
      <c r="V855" s="76"/>
      <c r="W855" s="76"/>
      <c r="X855" s="76"/>
      <c r="Y855" s="76"/>
      <c r="Z855" s="76"/>
      <c r="AA855" s="85"/>
      <c r="AB855" s="85"/>
      <c r="AC855" s="85"/>
      <c r="AD855" s="85"/>
      <c r="AE855" s="85"/>
      <c r="AF855" s="85"/>
      <c r="AG855" s="86"/>
      <c r="AH855" s="85"/>
      <c r="AI855" s="85"/>
      <c r="AJ855" s="85"/>
      <c r="AK855" s="85"/>
      <c r="AL855" s="85"/>
      <c r="AM855" s="92"/>
      <c r="AN855" s="92"/>
      <c r="AO855" s="92"/>
      <c r="AP855" s="92"/>
      <c r="AQ855" s="92"/>
      <c r="AR855" s="92"/>
      <c r="AS855" s="92"/>
      <c r="AT855" s="92"/>
      <c r="AU855" s="92"/>
      <c r="AV855" s="92"/>
      <c r="AW855" s="92"/>
      <c r="AX855" s="92"/>
      <c r="AY855" s="92"/>
      <c r="AZ855" s="93"/>
      <c r="BA855" s="93"/>
      <c r="BB855" s="93"/>
      <c r="BC855" s="93"/>
      <c r="BD855" s="93"/>
      <c r="BE855" s="93"/>
      <c r="BF855" s="93"/>
      <c r="BG855" s="93"/>
      <c r="BH855" s="93"/>
      <c r="BI855" s="93"/>
      <c r="BJ855" s="93"/>
      <c r="BK855" s="93"/>
      <c r="BL855" s="93"/>
    </row>
    <row r="856" spans="2:64" x14ac:dyDescent="0.2">
      <c r="B856" s="43"/>
      <c r="C856" s="73"/>
      <c r="D856" s="64"/>
      <c r="E856" s="55"/>
      <c r="F856" s="74"/>
      <c r="G856" s="74"/>
      <c r="H856" s="74"/>
      <c r="I856" s="75"/>
      <c r="J856" s="74"/>
      <c r="L856" s="55"/>
      <c r="M856" s="234"/>
      <c r="N856" s="65"/>
      <c r="O856" s="76"/>
      <c r="P856" s="76"/>
      <c r="Q856" s="65"/>
      <c r="R856" s="76"/>
      <c r="S856" s="76"/>
      <c r="T856" s="76"/>
      <c r="U856" s="76"/>
      <c r="V856" s="76"/>
      <c r="W856" s="76"/>
      <c r="X856" s="76"/>
      <c r="Y856" s="76"/>
      <c r="Z856" s="76"/>
      <c r="AA856" s="85"/>
      <c r="AB856" s="85"/>
      <c r="AC856" s="85"/>
      <c r="AD856" s="85"/>
      <c r="AE856" s="85"/>
      <c r="AF856" s="85"/>
      <c r="AG856" s="86"/>
      <c r="AH856" s="85"/>
      <c r="AI856" s="85"/>
      <c r="AJ856" s="85"/>
      <c r="AK856" s="85"/>
      <c r="AL856" s="85"/>
      <c r="AM856" s="92"/>
      <c r="AN856" s="92"/>
      <c r="AO856" s="92"/>
      <c r="AP856" s="92"/>
      <c r="AQ856" s="92"/>
      <c r="AR856" s="92"/>
      <c r="AS856" s="92"/>
      <c r="AT856" s="92"/>
      <c r="AU856" s="92"/>
      <c r="AV856" s="92"/>
      <c r="AW856" s="92"/>
      <c r="AX856" s="92"/>
      <c r="AY856" s="92"/>
      <c r="AZ856" s="93"/>
      <c r="BA856" s="93"/>
      <c r="BB856" s="93"/>
      <c r="BC856" s="93"/>
      <c r="BD856" s="93"/>
      <c r="BE856" s="93"/>
      <c r="BF856" s="93"/>
      <c r="BG856" s="93"/>
      <c r="BH856" s="93"/>
      <c r="BI856" s="93"/>
      <c r="BJ856" s="93"/>
      <c r="BK856" s="93"/>
      <c r="BL856" s="93"/>
    </row>
    <row r="857" spans="2:64" x14ac:dyDescent="0.2">
      <c r="B857" s="43"/>
      <c r="C857" s="73"/>
      <c r="D857" s="64"/>
      <c r="E857" s="55"/>
      <c r="F857" s="74"/>
      <c r="G857" s="74"/>
      <c r="H857" s="74"/>
      <c r="I857" s="75"/>
      <c r="J857" s="74"/>
      <c r="L857" s="55"/>
      <c r="M857" s="234"/>
      <c r="N857" s="65"/>
      <c r="O857" s="76"/>
      <c r="P857" s="76"/>
      <c r="Q857" s="65"/>
      <c r="R857" s="76"/>
      <c r="S857" s="76"/>
      <c r="T857" s="76"/>
      <c r="U857" s="76"/>
      <c r="V857" s="76"/>
      <c r="W857" s="76"/>
      <c r="X857" s="76"/>
      <c r="Y857" s="76"/>
      <c r="Z857" s="76"/>
      <c r="AA857" s="85"/>
      <c r="AB857" s="85"/>
      <c r="AC857" s="85"/>
      <c r="AD857" s="85"/>
      <c r="AE857" s="85"/>
      <c r="AF857" s="85"/>
      <c r="AG857" s="86"/>
      <c r="AH857" s="85"/>
      <c r="AI857" s="85"/>
      <c r="AJ857" s="85"/>
      <c r="AK857" s="85"/>
      <c r="AL857" s="85"/>
      <c r="AM857" s="92"/>
      <c r="AN857" s="92"/>
      <c r="AO857" s="92"/>
      <c r="AP857" s="92"/>
      <c r="AQ857" s="92"/>
      <c r="AR857" s="92"/>
      <c r="AS857" s="92"/>
      <c r="AT857" s="92"/>
      <c r="AU857" s="92"/>
      <c r="AV857" s="92"/>
      <c r="AW857" s="92"/>
      <c r="AX857" s="92"/>
      <c r="AY857" s="92"/>
      <c r="AZ857" s="93"/>
      <c r="BA857" s="93"/>
      <c r="BB857" s="93"/>
      <c r="BC857" s="93"/>
      <c r="BD857" s="93"/>
      <c r="BE857" s="93"/>
      <c r="BF857" s="93"/>
      <c r="BG857" s="93"/>
      <c r="BH857" s="93"/>
      <c r="BI857" s="93"/>
      <c r="BJ857" s="93"/>
      <c r="BK857" s="93"/>
      <c r="BL857" s="93"/>
    </row>
    <row r="858" spans="2:64" x14ac:dyDescent="0.2">
      <c r="B858" s="43"/>
      <c r="C858" s="73"/>
      <c r="D858" s="64"/>
      <c r="E858" s="55"/>
      <c r="F858" s="74"/>
      <c r="G858" s="74"/>
      <c r="H858" s="74"/>
      <c r="I858" s="75"/>
      <c r="J858" s="74"/>
      <c r="L858" s="55"/>
      <c r="M858" s="234"/>
      <c r="N858" s="65"/>
      <c r="O858" s="76"/>
      <c r="P858" s="76"/>
      <c r="Q858" s="65"/>
      <c r="R858" s="76"/>
      <c r="S858" s="76"/>
      <c r="T858" s="76"/>
      <c r="U858" s="76"/>
      <c r="V858" s="76"/>
      <c r="W858" s="76"/>
      <c r="X858" s="76"/>
      <c r="Y858" s="76"/>
      <c r="Z858" s="76"/>
      <c r="AA858" s="85"/>
      <c r="AB858" s="85"/>
      <c r="AC858" s="85"/>
      <c r="AD858" s="85"/>
      <c r="AE858" s="85"/>
      <c r="AF858" s="85"/>
      <c r="AG858" s="86"/>
      <c r="AH858" s="85"/>
      <c r="AI858" s="85"/>
      <c r="AJ858" s="85"/>
      <c r="AK858" s="85"/>
      <c r="AL858" s="85"/>
      <c r="AM858" s="92"/>
      <c r="AN858" s="92"/>
      <c r="AO858" s="92"/>
      <c r="AP858" s="92"/>
      <c r="AQ858" s="92"/>
      <c r="AR858" s="92"/>
      <c r="AS858" s="92"/>
      <c r="AT858" s="92"/>
      <c r="AU858" s="92"/>
      <c r="AV858" s="92"/>
      <c r="AW858" s="92"/>
      <c r="AX858" s="92"/>
      <c r="AY858" s="92"/>
      <c r="AZ858" s="93"/>
      <c r="BA858" s="93"/>
      <c r="BB858" s="93"/>
      <c r="BC858" s="93"/>
      <c r="BD858" s="93"/>
      <c r="BE858" s="93"/>
      <c r="BF858" s="93"/>
      <c r="BG858" s="93"/>
      <c r="BH858" s="93"/>
      <c r="BI858" s="93"/>
      <c r="BJ858" s="93"/>
      <c r="BK858" s="93"/>
      <c r="BL858" s="93"/>
    </row>
    <row r="859" spans="2:64" x14ac:dyDescent="0.2">
      <c r="B859" s="43"/>
      <c r="C859" s="73"/>
      <c r="D859" s="64"/>
      <c r="E859" s="55"/>
      <c r="F859" s="74"/>
      <c r="G859" s="74"/>
      <c r="H859" s="74"/>
      <c r="I859" s="75"/>
      <c r="J859" s="74"/>
      <c r="L859" s="55"/>
      <c r="M859" s="234"/>
      <c r="N859" s="65"/>
      <c r="O859" s="76"/>
      <c r="P859" s="76"/>
      <c r="Q859" s="65"/>
      <c r="R859" s="76"/>
      <c r="S859" s="76"/>
      <c r="T859" s="76"/>
      <c r="U859" s="76"/>
      <c r="V859" s="76"/>
      <c r="W859" s="76"/>
      <c r="X859" s="76"/>
      <c r="Y859" s="76"/>
      <c r="Z859" s="76"/>
      <c r="AA859" s="85"/>
      <c r="AB859" s="85"/>
      <c r="AC859" s="85"/>
      <c r="AD859" s="85"/>
      <c r="AE859" s="85"/>
      <c r="AF859" s="85"/>
      <c r="AG859" s="86"/>
      <c r="AH859" s="85"/>
      <c r="AI859" s="85"/>
      <c r="AJ859" s="85"/>
      <c r="AK859" s="85"/>
      <c r="AL859" s="85"/>
      <c r="AM859" s="92"/>
      <c r="AN859" s="92"/>
      <c r="AO859" s="92"/>
      <c r="AP859" s="92"/>
      <c r="AQ859" s="92"/>
      <c r="AR859" s="92"/>
      <c r="AS859" s="92"/>
      <c r="AT859" s="92"/>
      <c r="AU859" s="92"/>
      <c r="AV859" s="92"/>
      <c r="AW859" s="92"/>
      <c r="AX859" s="92"/>
      <c r="AY859" s="92"/>
      <c r="AZ859" s="93"/>
      <c r="BA859" s="93"/>
      <c r="BB859" s="93"/>
      <c r="BC859" s="93"/>
      <c r="BD859" s="93"/>
      <c r="BE859" s="93"/>
      <c r="BF859" s="93"/>
      <c r="BG859" s="93"/>
      <c r="BH859" s="93"/>
      <c r="BI859" s="93"/>
      <c r="BJ859" s="93"/>
      <c r="BK859" s="93"/>
      <c r="BL859" s="93"/>
    </row>
    <row r="860" spans="2:64" x14ac:dyDescent="0.2">
      <c r="B860" s="43"/>
      <c r="C860" s="73"/>
      <c r="D860" s="64"/>
      <c r="E860" s="55"/>
      <c r="F860" s="74"/>
      <c r="G860" s="74"/>
      <c r="H860" s="74"/>
      <c r="I860" s="75"/>
      <c r="J860" s="74"/>
      <c r="L860" s="55"/>
      <c r="M860" s="234"/>
      <c r="N860" s="65"/>
      <c r="O860" s="76"/>
      <c r="P860" s="76"/>
      <c r="Q860" s="65"/>
      <c r="R860" s="76"/>
      <c r="S860" s="76"/>
      <c r="T860" s="76"/>
      <c r="U860" s="76"/>
      <c r="V860" s="76"/>
      <c r="W860" s="76"/>
      <c r="X860" s="76"/>
      <c r="Y860" s="76"/>
      <c r="Z860" s="76"/>
      <c r="AA860" s="85"/>
      <c r="AB860" s="85"/>
      <c r="AC860" s="85"/>
      <c r="AD860" s="85"/>
      <c r="AE860" s="85"/>
      <c r="AF860" s="85"/>
      <c r="AG860" s="86"/>
      <c r="AH860" s="85"/>
      <c r="AI860" s="85"/>
      <c r="AJ860" s="85"/>
      <c r="AK860" s="85"/>
      <c r="AL860" s="85"/>
      <c r="AM860" s="92"/>
      <c r="AN860" s="92"/>
      <c r="AO860" s="92"/>
      <c r="AP860" s="92"/>
      <c r="AQ860" s="92"/>
      <c r="AR860" s="92"/>
      <c r="AS860" s="92"/>
      <c r="AT860" s="92"/>
      <c r="AU860" s="92"/>
      <c r="AV860" s="92"/>
      <c r="AW860" s="92"/>
      <c r="AX860" s="92"/>
      <c r="AY860" s="92"/>
      <c r="AZ860" s="93"/>
      <c r="BA860" s="93"/>
      <c r="BB860" s="93"/>
      <c r="BC860" s="93"/>
      <c r="BD860" s="93"/>
      <c r="BE860" s="93"/>
      <c r="BF860" s="93"/>
      <c r="BG860" s="93"/>
      <c r="BH860" s="93"/>
      <c r="BI860" s="93"/>
      <c r="BJ860" s="93"/>
      <c r="BK860" s="93"/>
      <c r="BL860" s="93"/>
    </row>
    <row r="861" spans="2:64" x14ac:dyDescent="0.2">
      <c r="B861" s="43"/>
      <c r="C861" s="73"/>
      <c r="D861" s="64"/>
      <c r="E861" s="55"/>
      <c r="F861" s="74"/>
      <c r="G861" s="74"/>
      <c r="H861" s="74"/>
      <c r="I861" s="75"/>
      <c r="J861" s="74"/>
      <c r="L861" s="55"/>
      <c r="M861" s="234"/>
      <c r="N861" s="65"/>
      <c r="O861" s="76"/>
      <c r="P861" s="76"/>
      <c r="Q861" s="65"/>
      <c r="R861" s="76"/>
      <c r="S861" s="76"/>
      <c r="T861" s="76"/>
      <c r="U861" s="76"/>
      <c r="V861" s="76"/>
      <c r="W861" s="76"/>
      <c r="X861" s="76"/>
      <c r="Y861" s="76"/>
      <c r="Z861" s="76"/>
      <c r="AA861" s="85"/>
      <c r="AB861" s="85"/>
      <c r="AC861" s="85"/>
      <c r="AD861" s="85"/>
      <c r="AE861" s="85"/>
      <c r="AF861" s="85"/>
      <c r="AG861" s="86"/>
      <c r="AH861" s="85"/>
      <c r="AI861" s="85"/>
      <c r="AJ861" s="85"/>
      <c r="AK861" s="85"/>
      <c r="AL861" s="85"/>
      <c r="AM861" s="92"/>
      <c r="AN861" s="92"/>
      <c r="AO861" s="92"/>
      <c r="AP861" s="92"/>
      <c r="AQ861" s="92"/>
      <c r="AR861" s="92"/>
      <c r="AS861" s="92"/>
      <c r="AT861" s="92"/>
      <c r="AU861" s="92"/>
      <c r="AV861" s="92"/>
      <c r="AW861" s="92"/>
      <c r="AX861" s="92"/>
      <c r="AY861" s="92"/>
      <c r="AZ861" s="93"/>
      <c r="BA861" s="93"/>
      <c r="BB861" s="93"/>
      <c r="BC861" s="93"/>
      <c r="BD861" s="93"/>
      <c r="BE861" s="93"/>
      <c r="BF861" s="93"/>
      <c r="BG861" s="93"/>
      <c r="BH861" s="93"/>
      <c r="BI861" s="93"/>
      <c r="BJ861" s="93"/>
      <c r="BK861" s="93"/>
      <c r="BL861" s="93"/>
    </row>
    <row r="862" spans="2:64" x14ac:dyDescent="0.2">
      <c r="B862" s="43"/>
      <c r="C862" s="73"/>
      <c r="D862" s="64"/>
      <c r="E862" s="55"/>
      <c r="F862" s="74"/>
      <c r="G862" s="74"/>
      <c r="H862" s="74"/>
      <c r="I862" s="75"/>
      <c r="J862" s="74"/>
      <c r="L862" s="55"/>
      <c r="M862" s="234"/>
      <c r="N862" s="65"/>
      <c r="O862" s="76"/>
      <c r="P862" s="76"/>
      <c r="Q862" s="65"/>
      <c r="R862" s="76"/>
      <c r="S862" s="76"/>
      <c r="T862" s="76"/>
      <c r="U862" s="76"/>
      <c r="V862" s="76"/>
      <c r="W862" s="76"/>
      <c r="X862" s="76"/>
      <c r="Y862" s="76"/>
      <c r="Z862" s="76"/>
      <c r="AA862" s="85"/>
      <c r="AB862" s="85"/>
      <c r="AC862" s="85"/>
      <c r="AD862" s="85"/>
      <c r="AE862" s="85"/>
      <c r="AF862" s="85"/>
      <c r="AG862" s="86"/>
      <c r="AH862" s="85"/>
      <c r="AI862" s="85"/>
      <c r="AJ862" s="85"/>
      <c r="AK862" s="85"/>
      <c r="AL862" s="85"/>
      <c r="AM862" s="92"/>
      <c r="AN862" s="92"/>
      <c r="AO862" s="92"/>
      <c r="AP862" s="92"/>
      <c r="AQ862" s="92"/>
      <c r="AR862" s="92"/>
      <c r="AS862" s="92"/>
      <c r="AT862" s="92"/>
      <c r="AU862" s="92"/>
      <c r="AV862" s="92"/>
      <c r="AW862" s="92"/>
      <c r="AX862" s="92"/>
      <c r="AY862" s="92"/>
      <c r="AZ862" s="93"/>
      <c r="BA862" s="93"/>
      <c r="BB862" s="93"/>
      <c r="BC862" s="93"/>
      <c r="BD862" s="93"/>
      <c r="BE862" s="93"/>
      <c r="BF862" s="93"/>
      <c r="BG862" s="93"/>
      <c r="BH862" s="93"/>
      <c r="BI862" s="93"/>
      <c r="BJ862" s="93"/>
      <c r="BK862" s="93"/>
      <c r="BL862" s="93"/>
    </row>
    <row r="863" spans="2:64" x14ac:dyDescent="0.2">
      <c r="B863" s="43"/>
      <c r="C863" s="73"/>
      <c r="D863" s="64"/>
      <c r="E863" s="55"/>
      <c r="F863" s="74"/>
      <c r="G863" s="74"/>
      <c r="H863" s="74"/>
      <c r="I863" s="75"/>
      <c r="J863" s="74"/>
      <c r="L863" s="55"/>
      <c r="M863" s="234"/>
      <c r="N863" s="65"/>
      <c r="O863" s="76"/>
      <c r="P863" s="76"/>
      <c r="Q863" s="65"/>
      <c r="R863" s="76"/>
      <c r="S863" s="76"/>
      <c r="T863" s="76"/>
      <c r="U863" s="76"/>
      <c r="V863" s="76"/>
      <c r="W863" s="76"/>
      <c r="X863" s="76"/>
      <c r="Y863" s="76"/>
      <c r="Z863" s="76"/>
      <c r="AA863" s="85"/>
      <c r="AB863" s="85"/>
      <c r="AC863" s="85"/>
      <c r="AD863" s="85"/>
      <c r="AE863" s="85"/>
      <c r="AF863" s="85"/>
      <c r="AG863" s="86"/>
      <c r="AH863" s="85"/>
      <c r="AI863" s="85"/>
      <c r="AJ863" s="85"/>
      <c r="AK863" s="85"/>
      <c r="AL863" s="85"/>
      <c r="AM863" s="92"/>
      <c r="AN863" s="92"/>
      <c r="AO863" s="92"/>
      <c r="AP863" s="92"/>
      <c r="AQ863" s="92"/>
      <c r="AR863" s="92"/>
      <c r="AS863" s="92"/>
      <c r="AT863" s="92"/>
      <c r="AU863" s="92"/>
      <c r="AV863" s="92"/>
      <c r="AW863" s="92"/>
      <c r="AX863" s="92"/>
      <c r="AY863" s="92"/>
      <c r="AZ863" s="93"/>
      <c r="BA863" s="93"/>
      <c r="BB863" s="93"/>
      <c r="BC863" s="93"/>
      <c r="BD863" s="93"/>
      <c r="BE863" s="93"/>
      <c r="BF863" s="93"/>
      <c r="BG863" s="93"/>
      <c r="BH863" s="93"/>
      <c r="BI863" s="93"/>
      <c r="BJ863" s="93"/>
      <c r="BK863" s="93"/>
      <c r="BL863" s="93"/>
    </row>
    <row r="864" spans="2:64" x14ac:dyDescent="0.2">
      <c r="B864" s="43"/>
      <c r="C864" s="73"/>
      <c r="D864" s="64"/>
      <c r="E864" s="55"/>
      <c r="F864" s="74"/>
      <c r="G864" s="74"/>
      <c r="H864" s="74"/>
      <c r="I864" s="75"/>
      <c r="J864" s="74"/>
      <c r="L864" s="55"/>
      <c r="M864" s="234"/>
      <c r="N864" s="65"/>
      <c r="O864" s="76"/>
      <c r="P864" s="76"/>
      <c r="Q864" s="65"/>
      <c r="R864" s="76"/>
      <c r="S864" s="76"/>
      <c r="T864" s="76"/>
      <c r="U864" s="76"/>
      <c r="V864" s="76"/>
      <c r="W864" s="76"/>
      <c r="X864" s="76"/>
      <c r="Y864" s="76"/>
      <c r="Z864" s="76"/>
      <c r="AA864" s="85"/>
      <c r="AB864" s="85"/>
      <c r="AC864" s="85"/>
      <c r="AD864" s="85"/>
      <c r="AE864" s="85"/>
      <c r="AF864" s="85"/>
      <c r="AG864" s="86"/>
      <c r="AH864" s="85"/>
      <c r="AI864" s="85"/>
      <c r="AJ864" s="85"/>
      <c r="AK864" s="85"/>
      <c r="AL864" s="85"/>
      <c r="AM864" s="92"/>
      <c r="AN864" s="92"/>
      <c r="AO864" s="92"/>
      <c r="AP864" s="92"/>
      <c r="AQ864" s="92"/>
      <c r="AR864" s="92"/>
      <c r="AS864" s="92"/>
      <c r="AT864" s="92"/>
      <c r="AU864" s="92"/>
      <c r="AV864" s="92"/>
      <c r="AW864" s="92"/>
      <c r="AX864" s="92"/>
      <c r="AY864" s="92"/>
      <c r="AZ864" s="93"/>
      <c r="BA864" s="93"/>
      <c r="BB864" s="93"/>
      <c r="BC864" s="93"/>
      <c r="BD864" s="93"/>
      <c r="BE864" s="93"/>
      <c r="BF864" s="93"/>
      <c r="BG864" s="93"/>
      <c r="BH864" s="93"/>
      <c r="BI864" s="93"/>
      <c r="BJ864" s="93"/>
      <c r="BK864" s="93"/>
      <c r="BL864" s="93"/>
    </row>
    <row r="865" spans="2:64" x14ac:dyDescent="0.2">
      <c r="B865" s="43"/>
      <c r="C865" s="73"/>
      <c r="D865" s="64"/>
      <c r="E865" s="55"/>
      <c r="F865" s="74"/>
      <c r="G865" s="74"/>
      <c r="H865" s="74"/>
      <c r="I865" s="75"/>
      <c r="J865" s="74"/>
      <c r="L865" s="55"/>
      <c r="M865" s="234"/>
      <c r="N865" s="65"/>
      <c r="O865" s="76"/>
      <c r="P865" s="76"/>
      <c r="Q865" s="65"/>
      <c r="R865" s="76"/>
      <c r="S865" s="76"/>
      <c r="T865" s="76"/>
      <c r="U865" s="76"/>
      <c r="V865" s="76"/>
      <c r="W865" s="76"/>
      <c r="X865" s="76"/>
      <c r="Y865" s="76"/>
      <c r="Z865" s="76"/>
      <c r="AA865" s="85"/>
      <c r="AB865" s="85"/>
      <c r="AC865" s="85"/>
      <c r="AD865" s="85"/>
      <c r="AE865" s="85"/>
      <c r="AF865" s="85"/>
      <c r="AG865" s="86"/>
      <c r="AH865" s="85"/>
      <c r="AI865" s="85"/>
      <c r="AJ865" s="85"/>
      <c r="AK865" s="85"/>
      <c r="AL865" s="85"/>
      <c r="AM865" s="92"/>
      <c r="AN865" s="92"/>
      <c r="AO865" s="92"/>
      <c r="AP865" s="92"/>
      <c r="AQ865" s="92"/>
      <c r="AR865" s="92"/>
      <c r="AS865" s="92"/>
      <c r="AT865" s="92"/>
      <c r="AU865" s="92"/>
      <c r="AV865" s="92"/>
      <c r="AW865" s="92"/>
      <c r="AX865" s="92"/>
      <c r="AY865" s="92"/>
      <c r="AZ865" s="93"/>
      <c r="BA865" s="93"/>
      <c r="BB865" s="93"/>
      <c r="BC865" s="93"/>
      <c r="BD865" s="93"/>
      <c r="BE865" s="93"/>
      <c r="BF865" s="93"/>
      <c r="BG865" s="93"/>
      <c r="BH865" s="93"/>
      <c r="BI865" s="93"/>
      <c r="BJ865" s="93"/>
      <c r="BK865" s="93"/>
      <c r="BL865" s="93"/>
    </row>
    <row r="866" spans="2:64" x14ac:dyDescent="0.2">
      <c r="B866" s="43"/>
      <c r="C866" s="73"/>
      <c r="D866" s="64"/>
      <c r="E866" s="55"/>
      <c r="F866" s="74"/>
      <c r="G866" s="74"/>
      <c r="H866" s="74"/>
      <c r="I866" s="75"/>
      <c r="J866" s="74"/>
      <c r="L866" s="55"/>
      <c r="M866" s="234"/>
      <c r="N866" s="65"/>
      <c r="O866" s="76"/>
      <c r="P866" s="76"/>
      <c r="Q866" s="65"/>
      <c r="R866" s="76"/>
      <c r="S866" s="76"/>
      <c r="T866" s="76"/>
      <c r="U866" s="76"/>
      <c r="V866" s="76"/>
      <c r="W866" s="76"/>
      <c r="X866" s="76"/>
      <c r="Y866" s="76"/>
      <c r="Z866" s="76"/>
      <c r="AA866" s="85"/>
      <c r="AB866" s="85"/>
      <c r="AC866" s="85"/>
      <c r="AD866" s="85"/>
      <c r="AE866" s="85"/>
      <c r="AF866" s="85"/>
      <c r="AG866" s="86"/>
      <c r="AH866" s="85"/>
      <c r="AI866" s="85"/>
      <c r="AJ866" s="85"/>
      <c r="AK866" s="85"/>
      <c r="AL866" s="85"/>
      <c r="AM866" s="92"/>
      <c r="AN866" s="92"/>
      <c r="AO866" s="92"/>
      <c r="AP866" s="92"/>
      <c r="AQ866" s="92"/>
      <c r="AR866" s="92"/>
      <c r="AS866" s="92"/>
      <c r="AT866" s="92"/>
      <c r="AU866" s="92"/>
      <c r="AV866" s="92"/>
      <c r="AW866" s="92"/>
      <c r="AX866" s="92"/>
      <c r="AY866" s="92"/>
      <c r="AZ866" s="93"/>
      <c r="BA866" s="93"/>
      <c r="BB866" s="93"/>
      <c r="BC866" s="93"/>
      <c r="BD866" s="93"/>
      <c r="BE866" s="93"/>
      <c r="BF866" s="93"/>
      <c r="BG866" s="93"/>
      <c r="BH866" s="93"/>
      <c r="BI866" s="93"/>
      <c r="BJ866" s="93"/>
      <c r="BK866" s="93"/>
      <c r="BL866" s="93"/>
    </row>
    <row r="867" spans="2:64" x14ac:dyDescent="0.2">
      <c r="B867" s="43"/>
      <c r="C867" s="73"/>
      <c r="D867" s="64"/>
      <c r="E867" s="55"/>
      <c r="F867" s="74"/>
      <c r="G867" s="74"/>
      <c r="H867" s="74"/>
      <c r="I867" s="75"/>
      <c r="J867" s="74"/>
      <c r="L867" s="55"/>
      <c r="M867" s="234"/>
      <c r="N867" s="65"/>
      <c r="O867" s="76"/>
      <c r="P867" s="76"/>
      <c r="Q867" s="65"/>
      <c r="R867" s="76"/>
      <c r="S867" s="76"/>
      <c r="T867" s="76"/>
      <c r="U867" s="76"/>
      <c r="V867" s="76"/>
      <c r="W867" s="76"/>
      <c r="X867" s="76"/>
      <c r="Y867" s="76"/>
      <c r="Z867" s="76"/>
      <c r="AA867" s="85"/>
      <c r="AB867" s="85"/>
      <c r="AC867" s="85"/>
      <c r="AD867" s="85"/>
      <c r="AE867" s="85"/>
      <c r="AF867" s="85"/>
      <c r="AG867" s="86"/>
      <c r="AH867" s="85"/>
      <c r="AI867" s="85"/>
      <c r="AJ867" s="85"/>
      <c r="AK867" s="85"/>
      <c r="AL867" s="85"/>
      <c r="AM867" s="92"/>
      <c r="AN867" s="92"/>
      <c r="AO867" s="92"/>
      <c r="AP867" s="92"/>
      <c r="AQ867" s="92"/>
      <c r="AR867" s="92"/>
      <c r="AS867" s="92"/>
      <c r="AT867" s="92"/>
      <c r="AU867" s="92"/>
      <c r="AV867" s="92"/>
      <c r="AW867" s="92"/>
      <c r="AX867" s="92"/>
      <c r="AY867" s="92"/>
      <c r="AZ867" s="93"/>
      <c r="BA867" s="93"/>
      <c r="BB867" s="93"/>
      <c r="BC867" s="93"/>
      <c r="BD867" s="93"/>
      <c r="BE867" s="93"/>
      <c r="BF867" s="93"/>
      <c r="BG867" s="93"/>
      <c r="BH867" s="93"/>
      <c r="BI867" s="93"/>
      <c r="BJ867" s="93"/>
      <c r="BK867" s="93"/>
      <c r="BL867" s="93"/>
    </row>
    <row r="868" spans="2:64" x14ac:dyDescent="0.2">
      <c r="B868" s="43"/>
      <c r="C868" s="73"/>
      <c r="D868" s="64"/>
      <c r="E868" s="55"/>
      <c r="F868" s="74"/>
      <c r="G868" s="74"/>
      <c r="H868" s="74"/>
      <c r="I868" s="75"/>
      <c r="J868" s="74"/>
      <c r="L868" s="55"/>
      <c r="M868" s="234"/>
      <c r="N868" s="65"/>
      <c r="O868" s="76"/>
      <c r="P868" s="76"/>
      <c r="Q868" s="65"/>
      <c r="R868" s="76"/>
      <c r="S868" s="76"/>
      <c r="T868" s="76"/>
      <c r="U868" s="76"/>
      <c r="V868" s="76"/>
      <c r="W868" s="76"/>
      <c r="X868" s="76"/>
      <c r="Y868" s="76"/>
      <c r="Z868" s="76"/>
      <c r="AA868" s="85"/>
      <c r="AB868" s="85"/>
      <c r="AC868" s="85"/>
      <c r="AD868" s="85"/>
      <c r="AE868" s="85"/>
      <c r="AF868" s="85"/>
      <c r="AG868" s="86"/>
      <c r="AH868" s="85"/>
      <c r="AI868" s="85"/>
      <c r="AJ868" s="85"/>
      <c r="AK868" s="85"/>
      <c r="AL868" s="85"/>
      <c r="AM868" s="92"/>
      <c r="AN868" s="92"/>
      <c r="AO868" s="92"/>
      <c r="AP868" s="92"/>
      <c r="AQ868" s="92"/>
      <c r="AR868" s="92"/>
      <c r="AS868" s="92"/>
      <c r="AT868" s="92"/>
      <c r="AU868" s="92"/>
      <c r="AV868" s="92"/>
      <c r="AW868" s="92"/>
      <c r="AX868" s="92"/>
      <c r="AY868" s="92"/>
      <c r="AZ868" s="93"/>
      <c r="BA868" s="93"/>
      <c r="BB868" s="93"/>
      <c r="BC868" s="93"/>
      <c r="BD868" s="93"/>
      <c r="BE868" s="93"/>
      <c r="BF868" s="93"/>
      <c r="BG868" s="93"/>
      <c r="BH868" s="93"/>
      <c r="BI868" s="93"/>
      <c r="BJ868" s="93"/>
      <c r="BK868" s="93"/>
      <c r="BL868" s="93"/>
    </row>
    <row r="869" spans="2:64" x14ac:dyDescent="0.2">
      <c r="B869" s="43"/>
      <c r="C869" s="73"/>
      <c r="D869" s="64"/>
      <c r="E869" s="55"/>
      <c r="F869" s="74"/>
      <c r="G869" s="74"/>
      <c r="H869" s="74"/>
      <c r="I869" s="75"/>
      <c r="J869" s="74"/>
      <c r="L869" s="55"/>
      <c r="M869" s="234"/>
      <c r="N869" s="65"/>
      <c r="O869" s="76"/>
      <c r="P869" s="76"/>
      <c r="Q869" s="65"/>
      <c r="R869" s="76"/>
      <c r="S869" s="76"/>
      <c r="T869" s="76"/>
      <c r="U869" s="76"/>
      <c r="V869" s="76"/>
      <c r="W869" s="76"/>
      <c r="X869" s="76"/>
      <c r="Y869" s="76"/>
      <c r="Z869" s="76"/>
      <c r="AA869" s="85"/>
      <c r="AB869" s="85"/>
      <c r="AC869" s="85"/>
      <c r="AD869" s="85"/>
      <c r="AE869" s="85"/>
      <c r="AF869" s="85"/>
      <c r="AG869" s="86"/>
      <c r="AH869" s="85"/>
      <c r="AI869" s="85"/>
      <c r="AJ869" s="85"/>
      <c r="AK869" s="85"/>
      <c r="AL869" s="85"/>
      <c r="AM869" s="92"/>
      <c r="AN869" s="92"/>
      <c r="AO869" s="92"/>
      <c r="AP869" s="92"/>
      <c r="AQ869" s="92"/>
      <c r="AR869" s="92"/>
      <c r="AS869" s="92"/>
      <c r="AT869" s="92"/>
      <c r="AU869" s="92"/>
      <c r="AV869" s="92"/>
      <c r="AW869" s="92"/>
      <c r="AX869" s="92"/>
      <c r="AY869" s="92"/>
      <c r="AZ869" s="93"/>
      <c r="BA869" s="93"/>
      <c r="BB869" s="93"/>
      <c r="BC869" s="93"/>
      <c r="BD869" s="93"/>
      <c r="BE869" s="93"/>
      <c r="BF869" s="93"/>
      <c r="BG869" s="93"/>
      <c r="BH869" s="93"/>
      <c r="BI869" s="93"/>
      <c r="BJ869" s="93"/>
      <c r="BK869" s="93"/>
      <c r="BL869" s="93"/>
    </row>
    <row r="870" spans="2:64" x14ac:dyDescent="0.2">
      <c r="B870" s="43"/>
      <c r="C870" s="73"/>
      <c r="D870" s="64"/>
      <c r="E870" s="55"/>
      <c r="F870" s="74"/>
      <c r="G870" s="74"/>
      <c r="H870" s="74"/>
      <c r="I870" s="75"/>
      <c r="J870" s="74"/>
      <c r="L870" s="55"/>
      <c r="M870" s="234"/>
      <c r="N870" s="65"/>
      <c r="O870" s="76"/>
      <c r="P870" s="76"/>
      <c r="Q870" s="65"/>
      <c r="R870" s="76"/>
      <c r="S870" s="76"/>
      <c r="T870" s="76"/>
      <c r="U870" s="76"/>
      <c r="V870" s="76"/>
      <c r="W870" s="76"/>
      <c r="X870" s="76"/>
      <c r="Y870" s="76"/>
      <c r="Z870" s="76"/>
      <c r="AA870" s="85"/>
      <c r="AB870" s="85"/>
      <c r="AC870" s="85"/>
      <c r="AD870" s="85"/>
      <c r="AE870" s="85"/>
      <c r="AF870" s="85"/>
      <c r="AG870" s="86"/>
      <c r="AH870" s="85"/>
      <c r="AI870" s="85"/>
      <c r="AJ870" s="85"/>
      <c r="AK870" s="85"/>
      <c r="AL870" s="85"/>
      <c r="AM870" s="92"/>
      <c r="AN870" s="92"/>
      <c r="AO870" s="92"/>
      <c r="AP870" s="92"/>
      <c r="AQ870" s="92"/>
      <c r="AR870" s="92"/>
      <c r="AS870" s="92"/>
      <c r="AT870" s="92"/>
      <c r="AU870" s="92"/>
      <c r="AV870" s="92"/>
      <c r="AW870" s="92"/>
      <c r="AX870" s="92"/>
      <c r="AY870" s="92"/>
      <c r="AZ870" s="93"/>
      <c r="BA870" s="93"/>
      <c r="BB870" s="93"/>
      <c r="BC870" s="93"/>
      <c r="BD870" s="93"/>
      <c r="BE870" s="93"/>
      <c r="BF870" s="93"/>
      <c r="BG870" s="93"/>
      <c r="BH870" s="93"/>
      <c r="BI870" s="93"/>
      <c r="BJ870" s="93"/>
      <c r="BK870" s="93"/>
      <c r="BL870" s="93"/>
    </row>
    <row r="871" spans="2:64" x14ac:dyDescent="0.2">
      <c r="B871" s="43"/>
      <c r="C871" s="73"/>
      <c r="D871" s="64"/>
      <c r="E871" s="55"/>
      <c r="F871" s="74"/>
      <c r="G871" s="74"/>
      <c r="H871" s="74"/>
      <c r="I871" s="75"/>
      <c r="J871" s="74"/>
      <c r="L871" s="55"/>
      <c r="M871" s="234"/>
      <c r="N871" s="65"/>
      <c r="O871" s="76"/>
      <c r="P871" s="76"/>
      <c r="Q871" s="65"/>
      <c r="R871" s="76"/>
      <c r="S871" s="76"/>
      <c r="T871" s="76"/>
      <c r="U871" s="76"/>
      <c r="V871" s="76"/>
      <c r="W871" s="76"/>
      <c r="X871" s="76"/>
      <c r="Y871" s="76"/>
      <c r="Z871" s="76"/>
      <c r="AA871" s="85"/>
      <c r="AB871" s="85"/>
      <c r="AC871" s="85"/>
      <c r="AD871" s="85"/>
      <c r="AE871" s="85"/>
      <c r="AF871" s="85"/>
      <c r="AG871" s="86"/>
      <c r="AH871" s="85"/>
      <c r="AI871" s="85"/>
      <c r="AJ871" s="85"/>
      <c r="AK871" s="85"/>
      <c r="AL871" s="85"/>
      <c r="AM871" s="92"/>
      <c r="AN871" s="92"/>
      <c r="AO871" s="92"/>
      <c r="AP871" s="92"/>
      <c r="AQ871" s="92"/>
      <c r="AR871" s="92"/>
      <c r="AS871" s="92"/>
      <c r="AT871" s="92"/>
      <c r="AU871" s="92"/>
      <c r="AV871" s="92"/>
      <c r="AW871" s="92"/>
      <c r="AX871" s="92"/>
      <c r="AY871" s="92"/>
      <c r="AZ871" s="93"/>
      <c r="BA871" s="93"/>
      <c r="BB871" s="93"/>
      <c r="BC871" s="93"/>
      <c r="BD871" s="93"/>
      <c r="BE871" s="93"/>
      <c r="BF871" s="93"/>
      <c r="BG871" s="93"/>
      <c r="BH871" s="93"/>
      <c r="BI871" s="93"/>
      <c r="BJ871" s="93"/>
      <c r="BK871" s="93"/>
      <c r="BL871" s="93"/>
    </row>
    <row r="872" spans="2:64" x14ac:dyDescent="0.2">
      <c r="B872" s="43"/>
      <c r="C872" s="73"/>
      <c r="D872" s="64"/>
      <c r="E872" s="55"/>
      <c r="F872" s="74"/>
      <c r="G872" s="74"/>
      <c r="H872" s="74"/>
      <c r="I872" s="75"/>
      <c r="J872" s="74"/>
      <c r="L872" s="55"/>
      <c r="M872" s="234"/>
      <c r="N872" s="65"/>
      <c r="O872" s="76"/>
      <c r="P872" s="76"/>
      <c r="Q872" s="65"/>
      <c r="R872" s="76"/>
      <c r="S872" s="76"/>
      <c r="T872" s="76"/>
      <c r="U872" s="76"/>
      <c r="V872" s="76"/>
      <c r="W872" s="76"/>
      <c r="X872" s="76"/>
      <c r="Y872" s="76"/>
      <c r="Z872" s="76"/>
      <c r="AA872" s="85"/>
      <c r="AB872" s="85"/>
      <c r="AC872" s="85"/>
      <c r="AD872" s="85"/>
      <c r="AE872" s="85"/>
      <c r="AF872" s="85"/>
      <c r="AG872" s="86"/>
      <c r="AH872" s="85"/>
      <c r="AI872" s="85"/>
      <c r="AJ872" s="85"/>
      <c r="AK872" s="85"/>
      <c r="AL872" s="85"/>
      <c r="AM872" s="92"/>
      <c r="AN872" s="92"/>
      <c r="AO872" s="92"/>
      <c r="AP872" s="92"/>
      <c r="AQ872" s="92"/>
      <c r="AR872" s="92"/>
      <c r="AS872" s="92"/>
      <c r="AT872" s="92"/>
      <c r="AU872" s="92"/>
      <c r="AV872" s="92"/>
      <c r="AW872" s="92"/>
      <c r="AX872" s="92"/>
      <c r="AY872" s="92"/>
      <c r="AZ872" s="93"/>
      <c r="BA872" s="93"/>
      <c r="BB872" s="93"/>
      <c r="BC872" s="93"/>
      <c r="BD872" s="93"/>
      <c r="BE872" s="93"/>
      <c r="BF872" s="93"/>
      <c r="BG872" s="93"/>
      <c r="BH872" s="93"/>
      <c r="BI872" s="93"/>
      <c r="BJ872" s="93"/>
      <c r="BK872" s="93"/>
      <c r="BL872" s="93"/>
    </row>
    <row r="873" spans="2:64" x14ac:dyDescent="0.2">
      <c r="B873" s="43"/>
      <c r="C873" s="73"/>
      <c r="D873" s="64"/>
      <c r="E873" s="55"/>
      <c r="F873" s="74"/>
      <c r="G873" s="74"/>
      <c r="H873" s="74"/>
      <c r="I873" s="75"/>
      <c r="J873" s="74"/>
      <c r="L873" s="55"/>
      <c r="M873" s="234"/>
      <c r="N873" s="65"/>
      <c r="O873" s="76"/>
      <c r="P873" s="76"/>
      <c r="Q873" s="65"/>
      <c r="R873" s="76"/>
      <c r="S873" s="76"/>
      <c r="T873" s="76"/>
      <c r="U873" s="76"/>
      <c r="V873" s="76"/>
      <c r="W873" s="76"/>
      <c r="X873" s="76"/>
      <c r="Y873" s="76"/>
      <c r="Z873" s="76"/>
      <c r="AA873" s="85"/>
      <c r="AB873" s="85"/>
      <c r="AC873" s="85"/>
      <c r="AD873" s="85"/>
      <c r="AE873" s="85"/>
      <c r="AF873" s="85"/>
      <c r="AG873" s="86"/>
      <c r="AH873" s="85"/>
      <c r="AI873" s="85"/>
      <c r="AJ873" s="85"/>
      <c r="AK873" s="85"/>
      <c r="AL873" s="85"/>
      <c r="AM873" s="92"/>
      <c r="AN873" s="92"/>
      <c r="AO873" s="92"/>
      <c r="AP873" s="92"/>
      <c r="AQ873" s="92"/>
      <c r="AR873" s="92"/>
      <c r="AS873" s="92"/>
      <c r="AT873" s="92"/>
      <c r="AU873" s="92"/>
      <c r="AV873" s="92"/>
      <c r="AW873" s="92"/>
      <c r="AX873" s="92"/>
      <c r="AY873" s="92"/>
      <c r="AZ873" s="93"/>
      <c r="BA873" s="93"/>
      <c r="BB873" s="93"/>
      <c r="BC873" s="93"/>
      <c r="BD873" s="93"/>
      <c r="BE873" s="93"/>
      <c r="BF873" s="93"/>
      <c r="BG873" s="93"/>
      <c r="BH873" s="93"/>
      <c r="BI873" s="93"/>
      <c r="BJ873" s="93"/>
      <c r="BK873" s="93"/>
      <c r="BL873" s="93"/>
    </row>
    <row r="874" spans="2:64" x14ac:dyDescent="0.2">
      <c r="B874" s="43"/>
      <c r="C874" s="73"/>
      <c r="D874" s="64"/>
      <c r="E874" s="55"/>
      <c r="F874" s="74"/>
      <c r="G874" s="74"/>
      <c r="H874" s="74"/>
      <c r="I874" s="75"/>
      <c r="J874" s="74"/>
      <c r="L874" s="55"/>
      <c r="M874" s="234"/>
      <c r="N874" s="65"/>
      <c r="O874" s="76"/>
      <c r="P874" s="76"/>
      <c r="Q874" s="65"/>
      <c r="R874" s="76"/>
      <c r="S874" s="76"/>
      <c r="T874" s="76"/>
      <c r="U874" s="76"/>
      <c r="V874" s="76"/>
      <c r="W874" s="76"/>
      <c r="X874" s="76"/>
      <c r="Y874" s="76"/>
      <c r="Z874" s="76"/>
      <c r="AA874" s="85"/>
      <c r="AB874" s="85"/>
      <c r="AC874" s="85"/>
      <c r="AD874" s="85"/>
      <c r="AE874" s="85"/>
      <c r="AF874" s="85"/>
      <c r="AG874" s="86"/>
      <c r="AH874" s="85"/>
      <c r="AI874" s="85"/>
      <c r="AJ874" s="85"/>
      <c r="AK874" s="85"/>
      <c r="AL874" s="85"/>
      <c r="AM874" s="92"/>
      <c r="AN874" s="92"/>
      <c r="AO874" s="92"/>
      <c r="AP874" s="92"/>
      <c r="AQ874" s="92"/>
      <c r="AR874" s="92"/>
      <c r="AS874" s="92"/>
      <c r="AT874" s="92"/>
      <c r="AU874" s="92"/>
      <c r="AV874" s="92"/>
      <c r="AW874" s="92"/>
      <c r="AX874" s="92"/>
      <c r="AY874" s="92"/>
      <c r="AZ874" s="93"/>
      <c r="BA874" s="93"/>
      <c r="BB874" s="93"/>
      <c r="BC874" s="93"/>
      <c r="BD874" s="93"/>
      <c r="BE874" s="93"/>
      <c r="BF874" s="93"/>
      <c r="BG874" s="93"/>
      <c r="BH874" s="93"/>
      <c r="BI874" s="93"/>
      <c r="BJ874" s="93"/>
      <c r="BK874" s="93"/>
      <c r="BL874" s="93"/>
    </row>
    <row r="875" spans="2:64" x14ac:dyDescent="0.2">
      <c r="B875" s="43"/>
      <c r="C875" s="73"/>
      <c r="D875" s="64"/>
      <c r="E875" s="55"/>
      <c r="F875" s="74"/>
      <c r="G875" s="74"/>
      <c r="H875" s="74"/>
      <c r="I875" s="75"/>
      <c r="J875" s="74"/>
      <c r="L875" s="55"/>
      <c r="M875" s="234"/>
      <c r="N875" s="65"/>
      <c r="O875" s="76"/>
      <c r="P875" s="76"/>
      <c r="Q875" s="65"/>
      <c r="R875" s="76"/>
      <c r="S875" s="76"/>
      <c r="T875" s="76"/>
      <c r="U875" s="76"/>
      <c r="V875" s="76"/>
      <c r="W875" s="76"/>
      <c r="X875" s="76"/>
      <c r="Y875" s="76"/>
      <c r="Z875" s="76"/>
      <c r="AA875" s="85"/>
      <c r="AB875" s="85"/>
      <c r="AC875" s="85"/>
      <c r="AD875" s="85"/>
      <c r="AE875" s="85"/>
      <c r="AF875" s="85"/>
      <c r="AG875" s="86"/>
      <c r="AH875" s="85"/>
      <c r="AI875" s="85"/>
      <c r="AJ875" s="85"/>
      <c r="AK875" s="85"/>
      <c r="AL875" s="85"/>
      <c r="AM875" s="92"/>
      <c r="AN875" s="92"/>
      <c r="AO875" s="92"/>
      <c r="AP875" s="92"/>
      <c r="AQ875" s="92"/>
      <c r="AR875" s="92"/>
      <c r="AS875" s="92"/>
      <c r="AT875" s="92"/>
      <c r="AU875" s="92"/>
      <c r="AV875" s="92"/>
      <c r="AW875" s="92"/>
      <c r="AX875" s="92"/>
      <c r="AY875" s="92"/>
      <c r="AZ875" s="93"/>
      <c r="BA875" s="93"/>
      <c r="BB875" s="93"/>
      <c r="BC875" s="93"/>
      <c r="BD875" s="93"/>
      <c r="BE875" s="93"/>
      <c r="BF875" s="93"/>
      <c r="BG875" s="93"/>
      <c r="BH875" s="93"/>
      <c r="BI875" s="93"/>
      <c r="BJ875" s="93"/>
      <c r="BK875" s="93"/>
      <c r="BL875" s="93"/>
    </row>
    <row r="876" spans="2:64" x14ac:dyDescent="0.2">
      <c r="B876" s="43"/>
      <c r="C876" s="73"/>
      <c r="D876" s="64"/>
      <c r="E876" s="55"/>
      <c r="F876" s="74"/>
      <c r="G876" s="74"/>
      <c r="H876" s="74"/>
      <c r="I876" s="75"/>
      <c r="J876" s="74"/>
      <c r="L876" s="55"/>
      <c r="M876" s="234"/>
      <c r="N876" s="65"/>
      <c r="O876" s="76"/>
      <c r="P876" s="76"/>
      <c r="Q876" s="65"/>
      <c r="R876" s="76"/>
      <c r="S876" s="76"/>
      <c r="T876" s="76"/>
      <c r="U876" s="76"/>
      <c r="V876" s="76"/>
      <c r="W876" s="76"/>
      <c r="X876" s="76"/>
      <c r="Y876" s="76"/>
      <c r="Z876" s="76"/>
      <c r="AA876" s="85"/>
      <c r="AB876" s="85"/>
      <c r="AC876" s="85"/>
      <c r="AD876" s="85"/>
      <c r="AE876" s="85"/>
      <c r="AF876" s="85"/>
      <c r="AG876" s="86"/>
      <c r="AH876" s="85"/>
      <c r="AI876" s="85"/>
      <c r="AJ876" s="85"/>
      <c r="AK876" s="85"/>
      <c r="AL876" s="85"/>
      <c r="AM876" s="92"/>
      <c r="AN876" s="92"/>
      <c r="AO876" s="92"/>
      <c r="AP876" s="92"/>
      <c r="AQ876" s="92"/>
      <c r="AR876" s="92"/>
      <c r="AS876" s="92"/>
      <c r="AT876" s="92"/>
      <c r="AU876" s="92"/>
      <c r="AV876" s="92"/>
      <c r="AW876" s="92"/>
      <c r="AX876" s="92"/>
      <c r="AY876" s="92"/>
      <c r="AZ876" s="93"/>
      <c r="BA876" s="93"/>
      <c r="BB876" s="93"/>
      <c r="BC876" s="93"/>
      <c r="BD876" s="93"/>
      <c r="BE876" s="93"/>
      <c r="BF876" s="93"/>
      <c r="BG876" s="93"/>
      <c r="BH876" s="93"/>
      <c r="BI876" s="93"/>
      <c r="BJ876" s="93"/>
      <c r="BK876" s="93"/>
      <c r="BL876" s="93"/>
    </row>
    <row r="877" spans="2:64" x14ac:dyDescent="0.2">
      <c r="B877" s="43"/>
      <c r="C877" s="73"/>
      <c r="D877" s="64"/>
      <c r="E877" s="55"/>
      <c r="F877" s="74"/>
      <c r="G877" s="74"/>
      <c r="H877" s="74"/>
      <c r="I877" s="75"/>
      <c r="J877" s="74"/>
      <c r="L877" s="55"/>
      <c r="M877" s="234"/>
      <c r="N877" s="65"/>
      <c r="O877" s="76"/>
      <c r="P877" s="76"/>
      <c r="Q877" s="65"/>
      <c r="R877" s="76"/>
      <c r="S877" s="76"/>
      <c r="T877" s="76"/>
      <c r="U877" s="76"/>
      <c r="V877" s="76"/>
      <c r="W877" s="76"/>
      <c r="X877" s="76"/>
      <c r="Y877" s="76"/>
      <c r="Z877" s="76"/>
      <c r="AA877" s="85"/>
      <c r="AB877" s="85"/>
      <c r="AC877" s="85"/>
      <c r="AD877" s="85"/>
      <c r="AE877" s="85"/>
      <c r="AF877" s="85"/>
      <c r="AG877" s="86"/>
      <c r="AH877" s="85"/>
      <c r="AI877" s="85"/>
      <c r="AJ877" s="85"/>
      <c r="AK877" s="85"/>
      <c r="AL877" s="85"/>
      <c r="AM877" s="92"/>
      <c r="AN877" s="92"/>
      <c r="AO877" s="92"/>
      <c r="AP877" s="92"/>
      <c r="AQ877" s="92"/>
      <c r="AR877" s="92"/>
      <c r="AS877" s="92"/>
      <c r="AT877" s="92"/>
      <c r="AU877" s="92"/>
      <c r="AV877" s="92"/>
      <c r="AW877" s="92"/>
      <c r="AX877" s="92"/>
      <c r="AY877" s="92"/>
      <c r="AZ877" s="93"/>
      <c r="BA877" s="93"/>
      <c r="BB877" s="93"/>
      <c r="BC877" s="93"/>
      <c r="BD877" s="93"/>
      <c r="BE877" s="93"/>
      <c r="BF877" s="93"/>
      <c r="BG877" s="93"/>
      <c r="BH877" s="93"/>
      <c r="BI877" s="93"/>
      <c r="BJ877" s="93"/>
      <c r="BK877" s="93"/>
      <c r="BL877" s="93"/>
    </row>
    <row r="878" spans="2:64" x14ac:dyDescent="0.2">
      <c r="B878" s="43"/>
      <c r="C878" s="73"/>
      <c r="D878" s="64"/>
      <c r="E878" s="55"/>
      <c r="F878" s="74"/>
      <c r="G878" s="74"/>
      <c r="H878" s="74"/>
      <c r="I878" s="75"/>
      <c r="J878" s="74"/>
      <c r="L878" s="55"/>
      <c r="M878" s="234"/>
      <c r="N878" s="65"/>
      <c r="O878" s="76"/>
      <c r="P878" s="76"/>
      <c r="Q878" s="65"/>
      <c r="R878" s="76"/>
      <c r="S878" s="76"/>
      <c r="T878" s="76"/>
      <c r="U878" s="76"/>
      <c r="V878" s="76"/>
      <c r="W878" s="76"/>
      <c r="X878" s="76"/>
      <c r="Y878" s="76"/>
      <c r="Z878" s="76"/>
      <c r="AA878" s="85"/>
      <c r="AB878" s="85"/>
      <c r="AC878" s="85"/>
      <c r="AD878" s="85"/>
      <c r="AE878" s="85"/>
      <c r="AF878" s="85"/>
      <c r="AG878" s="86"/>
      <c r="AH878" s="85"/>
      <c r="AI878" s="85"/>
      <c r="AJ878" s="85"/>
      <c r="AK878" s="85"/>
      <c r="AL878" s="85"/>
      <c r="AM878" s="92"/>
      <c r="AN878" s="92"/>
      <c r="AO878" s="92"/>
      <c r="AP878" s="92"/>
      <c r="AQ878" s="92"/>
      <c r="AR878" s="92"/>
      <c r="AS878" s="92"/>
      <c r="AT878" s="92"/>
      <c r="AU878" s="92"/>
      <c r="AV878" s="92"/>
      <c r="AW878" s="92"/>
      <c r="AX878" s="92"/>
      <c r="AY878" s="92"/>
      <c r="AZ878" s="93"/>
      <c r="BA878" s="93"/>
      <c r="BB878" s="93"/>
      <c r="BC878" s="93"/>
      <c r="BD878" s="93"/>
      <c r="BE878" s="93"/>
      <c r="BF878" s="93"/>
      <c r="BG878" s="93"/>
      <c r="BH878" s="93"/>
      <c r="BI878" s="93"/>
      <c r="BJ878" s="93"/>
      <c r="BK878" s="93"/>
      <c r="BL878" s="93"/>
    </row>
    <row r="879" spans="2:64" x14ac:dyDescent="0.2">
      <c r="B879" s="43"/>
      <c r="C879" s="73"/>
      <c r="D879" s="64"/>
      <c r="E879" s="55"/>
      <c r="F879" s="74"/>
      <c r="G879" s="74"/>
      <c r="H879" s="74"/>
      <c r="I879" s="75"/>
      <c r="J879" s="74"/>
      <c r="L879" s="55"/>
      <c r="M879" s="234"/>
      <c r="N879" s="65"/>
      <c r="O879" s="76"/>
      <c r="P879" s="76"/>
      <c r="Q879" s="65"/>
      <c r="R879" s="76"/>
      <c r="S879" s="76"/>
      <c r="T879" s="76"/>
      <c r="U879" s="76"/>
      <c r="V879" s="76"/>
      <c r="W879" s="76"/>
      <c r="X879" s="76"/>
      <c r="Y879" s="76"/>
      <c r="Z879" s="76"/>
      <c r="AA879" s="85"/>
      <c r="AB879" s="85"/>
      <c r="AC879" s="85"/>
      <c r="AD879" s="85"/>
      <c r="AE879" s="85"/>
      <c r="AF879" s="85"/>
      <c r="AG879" s="86"/>
      <c r="AH879" s="85"/>
      <c r="AI879" s="85"/>
      <c r="AJ879" s="85"/>
      <c r="AK879" s="85"/>
      <c r="AL879" s="85"/>
      <c r="AM879" s="92"/>
      <c r="AN879" s="92"/>
      <c r="AO879" s="92"/>
      <c r="AP879" s="92"/>
      <c r="AQ879" s="92"/>
      <c r="AR879" s="92"/>
      <c r="AS879" s="92"/>
      <c r="AT879" s="92"/>
      <c r="AU879" s="92"/>
      <c r="AV879" s="92"/>
      <c r="AW879" s="92"/>
      <c r="AX879" s="92"/>
      <c r="AY879" s="92"/>
      <c r="AZ879" s="93"/>
      <c r="BA879" s="93"/>
      <c r="BB879" s="93"/>
      <c r="BC879" s="93"/>
      <c r="BD879" s="93"/>
      <c r="BE879" s="93"/>
      <c r="BF879" s="93"/>
      <c r="BG879" s="93"/>
      <c r="BH879" s="93"/>
      <c r="BI879" s="93"/>
      <c r="BJ879" s="93"/>
      <c r="BK879" s="93"/>
      <c r="BL879" s="93"/>
    </row>
    <row r="880" spans="2:64" x14ac:dyDescent="0.2">
      <c r="B880" s="43"/>
      <c r="C880" s="73"/>
      <c r="D880" s="64"/>
      <c r="E880" s="55"/>
      <c r="F880" s="74"/>
      <c r="G880" s="74"/>
      <c r="H880" s="74"/>
      <c r="I880" s="75"/>
      <c r="J880" s="74"/>
      <c r="L880" s="55"/>
      <c r="M880" s="234"/>
      <c r="N880" s="65"/>
      <c r="O880" s="76"/>
      <c r="P880" s="76"/>
      <c r="Q880" s="65"/>
      <c r="R880" s="76"/>
      <c r="S880" s="76"/>
      <c r="T880" s="76"/>
      <c r="U880" s="76"/>
      <c r="V880" s="76"/>
      <c r="W880" s="76"/>
      <c r="X880" s="76"/>
      <c r="Y880" s="76"/>
      <c r="Z880" s="76"/>
      <c r="AA880" s="85"/>
      <c r="AB880" s="85"/>
      <c r="AC880" s="85"/>
      <c r="AD880" s="85"/>
      <c r="AE880" s="85"/>
      <c r="AF880" s="85"/>
      <c r="AG880" s="86"/>
      <c r="AH880" s="85"/>
      <c r="AI880" s="85"/>
      <c r="AJ880" s="85"/>
      <c r="AK880" s="85"/>
      <c r="AL880" s="85"/>
      <c r="AM880" s="92"/>
      <c r="AN880" s="92"/>
      <c r="AO880" s="92"/>
      <c r="AP880" s="92"/>
      <c r="AQ880" s="92"/>
      <c r="AR880" s="92"/>
      <c r="AS880" s="92"/>
      <c r="AT880" s="92"/>
      <c r="AU880" s="92"/>
      <c r="AV880" s="92"/>
      <c r="AW880" s="92"/>
      <c r="AX880" s="92"/>
      <c r="AY880" s="92"/>
      <c r="AZ880" s="93"/>
      <c r="BA880" s="93"/>
      <c r="BB880" s="93"/>
      <c r="BC880" s="93"/>
      <c r="BD880" s="93"/>
      <c r="BE880" s="93"/>
      <c r="BF880" s="93"/>
      <c r="BG880" s="93"/>
      <c r="BH880" s="93"/>
      <c r="BI880" s="93"/>
      <c r="BJ880" s="93"/>
      <c r="BK880" s="93"/>
      <c r="BL880" s="93"/>
    </row>
    <row r="881" spans="2:64" x14ac:dyDescent="0.2">
      <c r="B881" s="43"/>
      <c r="C881" s="73"/>
      <c r="D881" s="64"/>
      <c r="E881" s="55"/>
      <c r="F881" s="74"/>
      <c r="G881" s="74"/>
      <c r="H881" s="74"/>
      <c r="I881" s="75"/>
      <c r="J881" s="74"/>
      <c r="L881" s="55"/>
      <c r="M881" s="234"/>
      <c r="N881" s="65"/>
      <c r="O881" s="76"/>
      <c r="P881" s="76"/>
      <c r="Q881" s="65"/>
      <c r="R881" s="76"/>
      <c r="S881" s="76"/>
      <c r="T881" s="76"/>
      <c r="U881" s="76"/>
      <c r="V881" s="76"/>
      <c r="W881" s="76"/>
      <c r="X881" s="76"/>
      <c r="Y881" s="76"/>
      <c r="Z881" s="76"/>
      <c r="AA881" s="85"/>
      <c r="AB881" s="85"/>
      <c r="AC881" s="85"/>
      <c r="AD881" s="85"/>
      <c r="AE881" s="85"/>
      <c r="AF881" s="85"/>
      <c r="AG881" s="86"/>
      <c r="AH881" s="85"/>
      <c r="AI881" s="85"/>
      <c r="AJ881" s="85"/>
      <c r="AK881" s="85"/>
      <c r="AL881" s="85"/>
      <c r="AM881" s="92"/>
      <c r="AN881" s="92"/>
      <c r="AO881" s="92"/>
      <c r="AP881" s="92"/>
      <c r="AQ881" s="92"/>
      <c r="AR881" s="92"/>
      <c r="AS881" s="92"/>
      <c r="AT881" s="92"/>
      <c r="AU881" s="92"/>
      <c r="AV881" s="92"/>
      <c r="AW881" s="92"/>
      <c r="AX881" s="92"/>
      <c r="AY881" s="92"/>
      <c r="AZ881" s="93"/>
      <c r="BA881" s="93"/>
      <c r="BB881" s="93"/>
      <c r="BC881" s="93"/>
      <c r="BD881" s="93"/>
      <c r="BE881" s="93"/>
      <c r="BF881" s="93"/>
      <c r="BG881" s="93"/>
      <c r="BH881" s="93"/>
      <c r="BI881" s="93"/>
      <c r="BJ881" s="93"/>
      <c r="BK881" s="93"/>
      <c r="BL881" s="93"/>
    </row>
    <row r="882" spans="2:64" x14ac:dyDescent="0.2">
      <c r="B882" s="43"/>
      <c r="C882" s="73"/>
      <c r="D882" s="64"/>
      <c r="E882" s="55"/>
      <c r="F882" s="74"/>
      <c r="G882" s="74"/>
      <c r="H882" s="74"/>
      <c r="I882" s="75"/>
      <c r="J882" s="74"/>
      <c r="L882" s="55"/>
      <c r="M882" s="234"/>
      <c r="N882" s="65"/>
      <c r="O882" s="76"/>
      <c r="P882" s="76"/>
      <c r="Q882" s="65"/>
      <c r="R882" s="76"/>
      <c r="S882" s="76"/>
      <c r="T882" s="76"/>
      <c r="U882" s="76"/>
      <c r="V882" s="76"/>
      <c r="W882" s="76"/>
      <c r="X882" s="76"/>
      <c r="Y882" s="76"/>
      <c r="Z882" s="76"/>
      <c r="AA882" s="85"/>
      <c r="AB882" s="85"/>
      <c r="AC882" s="85"/>
      <c r="AD882" s="85"/>
      <c r="AE882" s="85"/>
      <c r="AF882" s="85"/>
      <c r="AG882" s="86"/>
      <c r="AH882" s="85"/>
      <c r="AI882" s="85"/>
      <c r="AJ882" s="85"/>
      <c r="AK882" s="85"/>
      <c r="AL882" s="85"/>
      <c r="AM882" s="92"/>
      <c r="AN882" s="92"/>
      <c r="AO882" s="92"/>
      <c r="AP882" s="92"/>
      <c r="AQ882" s="92"/>
      <c r="AR882" s="92"/>
      <c r="AS882" s="92"/>
      <c r="AT882" s="92"/>
      <c r="AU882" s="92"/>
      <c r="AV882" s="92"/>
      <c r="AW882" s="92"/>
      <c r="AX882" s="92"/>
      <c r="AY882" s="92"/>
      <c r="AZ882" s="93"/>
      <c r="BA882" s="93"/>
      <c r="BB882" s="93"/>
      <c r="BC882" s="93"/>
      <c r="BD882" s="93"/>
      <c r="BE882" s="93"/>
      <c r="BF882" s="93"/>
      <c r="BG882" s="93"/>
      <c r="BH882" s="93"/>
      <c r="BI882" s="93"/>
      <c r="BJ882" s="93"/>
      <c r="BK882" s="93"/>
      <c r="BL882" s="93"/>
    </row>
    <row r="883" spans="2:64" x14ac:dyDescent="0.2">
      <c r="B883" s="43"/>
      <c r="C883" s="73"/>
      <c r="D883" s="64"/>
      <c r="E883" s="55"/>
      <c r="F883" s="74"/>
      <c r="G883" s="74"/>
      <c r="H883" s="74"/>
      <c r="I883" s="75"/>
      <c r="J883" s="74"/>
      <c r="L883" s="55"/>
      <c r="M883" s="234"/>
      <c r="N883" s="65"/>
      <c r="O883" s="76"/>
      <c r="P883" s="76"/>
      <c r="Q883" s="65"/>
      <c r="R883" s="76"/>
      <c r="S883" s="76"/>
      <c r="T883" s="76"/>
      <c r="U883" s="76"/>
      <c r="V883" s="76"/>
      <c r="W883" s="76"/>
      <c r="X883" s="76"/>
      <c r="Y883" s="76"/>
      <c r="Z883" s="76"/>
      <c r="AA883" s="85"/>
      <c r="AB883" s="85"/>
      <c r="AC883" s="85"/>
      <c r="AD883" s="85"/>
      <c r="AE883" s="85"/>
      <c r="AF883" s="85"/>
      <c r="AG883" s="86"/>
      <c r="AH883" s="85"/>
      <c r="AI883" s="85"/>
      <c r="AJ883" s="85"/>
      <c r="AK883" s="85"/>
      <c r="AL883" s="85"/>
      <c r="AM883" s="92"/>
      <c r="AN883" s="92"/>
      <c r="AO883" s="92"/>
      <c r="AP883" s="92"/>
      <c r="AQ883" s="92"/>
      <c r="AR883" s="92"/>
      <c r="AS883" s="92"/>
      <c r="AT883" s="92"/>
      <c r="AU883" s="92"/>
      <c r="AV883" s="92"/>
      <c r="AW883" s="92"/>
      <c r="AX883" s="92"/>
      <c r="AY883" s="92"/>
      <c r="AZ883" s="93"/>
      <c r="BA883" s="93"/>
      <c r="BB883" s="93"/>
      <c r="BC883" s="93"/>
      <c r="BD883" s="93"/>
      <c r="BE883" s="93"/>
      <c r="BF883" s="93"/>
      <c r="BG883" s="93"/>
      <c r="BH883" s="93"/>
      <c r="BI883" s="93"/>
      <c r="BJ883" s="93"/>
      <c r="BK883" s="93"/>
      <c r="BL883" s="93"/>
    </row>
    <row r="884" spans="2:64" x14ac:dyDescent="0.2">
      <c r="B884" s="43"/>
      <c r="C884" s="73"/>
      <c r="D884" s="64"/>
      <c r="E884" s="55"/>
      <c r="F884" s="74"/>
      <c r="G884" s="74"/>
      <c r="H884" s="74"/>
      <c r="I884" s="75"/>
      <c r="J884" s="74"/>
      <c r="L884" s="55"/>
      <c r="M884" s="234"/>
      <c r="N884" s="65"/>
      <c r="O884" s="76"/>
      <c r="P884" s="76"/>
      <c r="Q884" s="65"/>
      <c r="R884" s="76"/>
      <c r="S884" s="76"/>
      <c r="T884" s="76"/>
      <c r="U884" s="76"/>
      <c r="V884" s="76"/>
      <c r="W884" s="76"/>
      <c r="X884" s="76"/>
      <c r="Y884" s="76"/>
      <c r="Z884" s="76"/>
      <c r="AA884" s="85"/>
      <c r="AB884" s="85"/>
      <c r="AC884" s="85"/>
      <c r="AD884" s="85"/>
      <c r="AE884" s="85"/>
      <c r="AF884" s="85"/>
      <c r="AG884" s="86"/>
      <c r="AH884" s="85"/>
      <c r="AI884" s="85"/>
      <c r="AJ884" s="85"/>
      <c r="AK884" s="85"/>
      <c r="AL884" s="85"/>
      <c r="AM884" s="92"/>
      <c r="AN884" s="92"/>
      <c r="AO884" s="92"/>
      <c r="AP884" s="92"/>
      <c r="AQ884" s="92"/>
      <c r="AR884" s="92"/>
      <c r="AS884" s="92"/>
      <c r="AT884" s="92"/>
      <c r="AU884" s="92"/>
      <c r="AV884" s="92"/>
      <c r="AW884" s="92"/>
      <c r="AX884" s="92"/>
      <c r="AY884" s="92"/>
      <c r="AZ884" s="93"/>
      <c r="BA884" s="93"/>
      <c r="BB884" s="93"/>
      <c r="BC884" s="93"/>
      <c r="BD884" s="93"/>
      <c r="BE884" s="93"/>
      <c r="BF884" s="93"/>
      <c r="BG884" s="93"/>
      <c r="BH884" s="93"/>
      <c r="BI884" s="93"/>
      <c r="BJ884" s="93"/>
      <c r="BK884" s="93"/>
      <c r="BL884" s="93"/>
    </row>
    <row r="885" spans="2:64" x14ac:dyDescent="0.2">
      <c r="B885" s="43"/>
      <c r="C885" s="73"/>
      <c r="D885" s="64"/>
      <c r="E885" s="55"/>
      <c r="F885" s="74"/>
      <c r="G885" s="74"/>
      <c r="H885" s="74"/>
      <c r="I885" s="75"/>
      <c r="J885" s="74"/>
      <c r="L885" s="55"/>
      <c r="M885" s="234"/>
      <c r="N885" s="65"/>
      <c r="O885" s="76"/>
      <c r="P885" s="76"/>
      <c r="Q885" s="65"/>
      <c r="R885" s="76"/>
      <c r="S885" s="76"/>
      <c r="T885" s="76"/>
      <c r="U885" s="76"/>
      <c r="V885" s="76"/>
      <c r="W885" s="76"/>
      <c r="X885" s="76"/>
      <c r="Y885" s="76"/>
      <c r="Z885" s="76"/>
      <c r="AA885" s="85"/>
      <c r="AB885" s="85"/>
      <c r="AC885" s="85"/>
      <c r="AD885" s="85"/>
      <c r="AE885" s="85"/>
      <c r="AF885" s="85"/>
      <c r="AG885" s="86"/>
      <c r="AH885" s="85"/>
      <c r="AI885" s="85"/>
      <c r="AJ885" s="85"/>
      <c r="AK885" s="85"/>
      <c r="AL885" s="85"/>
      <c r="AM885" s="92"/>
      <c r="AN885" s="92"/>
      <c r="AO885" s="92"/>
      <c r="AP885" s="92"/>
      <c r="AQ885" s="92"/>
      <c r="AR885" s="92"/>
      <c r="AS885" s="92"/>
      <c r="AT885" s="92"/>
      <c r="AU885" s="92"/>
      <c r="AV885" s="92"/>
      <c r="AW885" s="92"/>
      <c r="AX885" s="92"/>
      <c r="AY885" s="92"/>
      <c r="AZ885" s="93"/>
      <c r="BA885" s="93"/>
      <c r="BB885" s="93"/>
      <c r="BC885" s="93"/>
      <c r="BD885" s="93"/>
      <c r="BE885" s="93"/>
      <c r="BF885" s="93"/>
      <c r="BG885" s="93"/>
      <c r="BH885" s="93"/>
      <c r="BI885" s="93"/>
      <c r="BJ885" s="93"/>
      <c r="BK885" s="93"/>
      <c r="BL885" s="93"/>
    </row>
    <row r="886" spans="2:64" x14ac:dyDescent="0.2">
      <c r="B886" s="43"/>
      <c r="C886" s="73"/>
      <c r="D886" s="64"/>
      <c r="E886" s="55"/>
      <c r="F886" s="74"/>
      <c r="G886" s="74"/>
      <c r="H886" s="74"/>
      <c r="I886" s="75"/>
      <c r="J886" s="74"/>
      <c r="L886" s="55"/>
      <c r="M886" s="234"/>
      <c r="N886" s="65"/>
      <c r="O886" s="76"/>
      <c r="P886" s="76"/>
      <c r="Q886" s="65"/>
      <c r="R886" s="76"/>
      <c r="S886" s="76"/>
      <c r="T886" s="76"/>
      <c r="U886" s="76"/>
      <c r="V886" s="76"/>
      <c r="W886" s="76"/>
      <c r="X886" s="76"/>
      <c r="Y886" s="76"/>
      <c r="Z886" s="76"/>
      <c r="AA886" s="85"/>
      <c r="AB886" s="85"/>
      <c r="AC886" s="85"/>
      <c r="AD886" s="85"/>
      <c r="AE886" s="85"/>
      <c r="AF886" s="85"/>
      <c r="AG886" s="86"/>
      <c r="AH886" s="85"/>
      <c r="AI886" s="85"/>
      <c r="AJ886" s="85"/>
      <c r="AK886" s="85"/>
      <c r="AL886" s="85"/>
      <c r="AM886" s="92"/>
      <c r="AN886" s="92"/>
      <c r="AO886" s="92"/>
      <c r="AP886" s="92"/>
      <c r="AQ886" s="92"/>
      <c r="AR886" s="92"/>
      <c r="AS886" s="92"/>
      <c r="AT886" s="92"/>
      <c r="AU886" s="92"/>
      <c r="AV886" s="92"/>
      <c r="AW886" s="92"/>
      <c r="AX886" s="92"/>
      <c r="AY886" s="92"/>
      <c r="AZ886" s="93"/>
      <c r="BA886" s="93"/>
      <c r="BB886" s="93"/>
      <c r="BC886" s="93"/>
      <c r="BD886" s="93"/>
      <c r="BE886" s="93"/>
      <c r="BF886" s="93"/>
      <c r="BG886" s="93"/>
      <c r="BH886" s="93"/>
      <c r="BI886" s="93"/>
      <c r="BJ886" s="93"/>
      <c r="BK886" s="93"/>
      <c r="BL886" s="93"/>
    </row>
    <row r="887" spans="2:64" x14ac:dyDescent="0.2">
      <c r="B887" s="43"/>
      <c r="C887" s="73"/>
      <c r="D887" s="64"/>
      <c r="E887" s="55"/>
      <c r="F887" s="74"/>
      <c r="G887" s="74"/>
      <c r="H887" s="74"/>
      <c r="I887" s="75"/>
      <c r="J887" s="74"/>
      <c r="L887" s="55"/>
      <c r="M887" s="234"/>
      <c r="N887" s="65"/>
      <c r="O887" s="76"/>
      <c r="P887" s="76"/>
      <c r="Q887" s="65"/>
      <c r="R887" s="76"/>
      <c r="S887" s="76"/>
      <c r="T887" s="76"/>
      <c r="U887" s="76"/>
      <c r="V887" s="76"/>
      <c r="W887" s="76"/>
      <c r="X887" s="76"/>
      <c r="Y887" s="76"/>
      <c r="Z887" s="76"/>
      <c r="AA887" s="85"/>
      <c r="AB887" s="85"/>
      <c r="AC887" s="85"/>
      <c r="AD887" s="85"/>
      <c r="AE887" s="85"/>
      <c r="AF887" s="85"/>
      <c r="AG887" s="86"/>
      <c r="AH887" s="85"/>
      <c r="AI887" s="85"/>
      <c r="AJ887" s="85"/>
      <c r="AK887" s="85"/>
      <c r="AL887" s="85"/>
      <c r="AM887" s="92"/>
      <c r="AN887" s="92"/>
      <c r="AO887" s="92"/>
      <c r="AP887" s="92"/>
      <c r="AQ887" s="92"/>
      <c r="AR887" s="92"/>
      <c r="AS887" s="92"/>
      <c r="AT887" s="92"/>
      <c r="AU887" s="92"/>
      <c r="AV887" s="92"/>
      <c r="AW887" s="92"/>
      <c r="AX887" s="92"/>
      <c r="AY887" s="92"/>
      <c r="AZ887" s="93"/>
      <c r="BA887" s="93"/>
      <c r="BB887" s="93"/>
      <c r="BC887" s="93"/>
      <c r="BD887" s="93"/>
      <c r="BE887" s="93"/>
      <c r="BF887" s="93"/>
      <c r="BG887" s="93"/>
      <c r="BH887" s="93"/>
      <c r="BI887" s="93"/>
      <c r="BJ887" s="93"/>
      <c r="BK887" s="93"/>
      <c r="BL887" s="93"/>
    </row>
    <row r="888" spans="2:64" x14ac:dyDescent="0.2">
      <c r="B888" s="43"/>
      <c r="C888" s="73"/>
      <c r="D888" s="64"/>
      <c r="E888" s="55"/>
      <c r="F888" s="74"/>
      <c r="G888" s="74"/>
      <c r="H888" s="74"/>
      <c r="I888" s="75"/>
      <c r="J888" s="74"/>
      <c r="L888" s="55"/>
      <c r="M888" s="234"/>
      <c r="N888" s="65"/>
      <c r="O888" s="76"/>
      <c r="P888" s="76"/>
      <c r="Q888" s="65"/>
      <c r="R888" s="76"/>
      <c r="S888" s="76"/>
      <c r="T888" s="76"/>
      <c r="U888" s="76"/>
      <c r="V888" s="76"/>
      <c r="W888" s="76"/>
      <c r="X888" s="76"/>
      <c r="Y888" s="76"/>
      <c r="Z888" s="76"/>
      <c r="AA888" s="85"/>
      <c r="AB888" s="85"/>
      <c r="AC888" s="85"/>
      <c r="AD888" s="85"/>
      <c r="AE888" s="85"/>
      <c r="AF888" s="85"/>
      <c r="AG888" s="86"/>
      <c r="AH888" s="85"/>
      <c r="AI888" s="85"/>
      <c r="AJ888" s="85"/>
      <c r="AK888" s="85"/>
      <c r="AL888" s="85"/>
      <c r="AM888" s="92"/>
      <c r="AN888" s="92"/>
      <c r="AO888" s="92"/>
      <c r="AP888" s="92"/>
      <c r="AQ888" s="92"/>
      <c r="AR888" s="92"/>
      <c r="AS888" s="92"/>
      <c r="AT888" s="92"/>
      <c r="AU888" s="92"/>
      <c r="AV888" s="92"/>
      <c r="AW888" s="92"/>
      <c r="AX888" s="92"/>
      <c r="AY888" s="92"/>
      <c r="AZ888" s="93"/>
      <c r="BA888" s="93"/>
      <c r="BB888" s="93"/>
      <c r="BC888" s="93"/>
      <c r="BD888" s="93"/>
      <c r="BE888" s="93"/>
      <c r="BF888" s="93"/>
      <c r="BG888" s="93"/>
      <c r="BH888" s="93"/>
      <c r="BI888" s="93"/>
      <c r="BJ888" s="93"/>
      <c r="BK888" s="93"/>
      <c r="BL888" s="93"/>
    </row>
    <row r="889" spans="2:64" x14ac:dyDescent="0.2">
      <c r="B889" s="43"/>
      <c r="C889" s="73"/>
      <c r="D889" s="64"/>
      <c r="E889" s="55"/>
      <c r="F889" s="74"/>
      <c r="G889" s="74"/>
      <c r="H889" s="74"/>
      <c r="I889" s="75"/>
      <c r="J889" s="74"/>
      <c r="L889" s="55"/>
      <c r="M889" s="234"/>
      <c r="N889" s="65"/>
      <c r="O889" s="76"/>
      <c r="P889" s="76"/>
      <c r="Q889" s="65"/>
      <c r="R889" s="76"/>
      <c r="S889" s="76"/>
      <c r="T889" s="76"/>
      <c r="U889" s="76"/>
      <c r="V889" s="76"/>
      <c r="W889" s="76"/>
      <c r="X889" s="76"/>
      <c r="Y889" s="76"/>
      <c r="Z889" s="76"/>
      <c r="AA889" s="85"/>
      <c r="AB889" s="85"/>
      <c r="AC889" s="85"/>
      <c r="AD889" s="85"/>
      <c r="AE889" s="85"/>
      <c r="AF889" s="85"/>
      <c r="AG889" s="86"/>
      <c r="AH889" s="85"/>
      <c r="AI889" s="85"/>
      <c r="AJ889" s="85"/>
      <c r="AK889" s="85"/>
      <c r="AL889" s="85"/>
      <c r="AM889" s="92"/>
      <c r="AN889" s="92"/>
      <c r="AO889" s="92"/>
      <c r="AP889" s="92"/>
      <c r="AQ889" s="92"/>
      <c r="AR889" s="92"/>
      <c r="AS889" s="92"/>
      <c r="AT889" s="92"/>
      <c r="AU889" s="92"/>
      <c r="AV889" s="92"/>
      <c r="AW889" s="92"/>
      <c r="AX889" s="92"/>
      <c r="AY889" s="92"/>
      <c r="AZ889" s="93"/>
      <c r="BA889" s="93"/>
      <c r="BB889" s="93"/>
      <c r="BC889" s="93"/>
      <c r="BD889" s="93"/>
      <c r="BE889" s="93"/>
      <c r="BF889" s="93"/>
      <c r="BG889" s="93"/>
      <c r="BH889" s="93"/>
      <c r="BI889" s="93"/>
      <c r="BJ889" s="93"/>
      <c r="BK889" s="93"/>
      <c r="BL889" s="93"/>
    </row>
    <row r="890" spans="2:64" x14ac:dyDescent="0.2">
      <c r="B890" s="43"/>
      <c r="C890" s="73"/>
      <c r="D890" s="64"/>
      <c r="E890" s="55"/>
      <c r="F890" s="74"/>
      <c r="G890" s="74"/>
      <c r="H890" s="74"/>
      <c r="I890" s="75"/>
      <c r="J890" s="74"/>
      <c r="L890" s="55"/>
      <c r="M890" s="234"/>
      <c r="N890" s="65"/>
      <c r="O890" s="76"/>
      <c r="P890" s="76"/>
      <c r="Q890" s="65"/>
      <c r="R890" s="76"/>
      <c r="S890" s="76"/>
      <c r="T890" s="76"/>
      <c r="U890" s="76"/>
      <c r="V890" s="76"/>
      <c r="W890" s="76"/>
      <c r="X890" s="76"/>
      <c r="Y890" s="76"/>
      <c r="Z890" s="76"/>
      <c r="AA890" s="85"/>
      <c r="AB890" s="85"/>
      <c r="AC890" s="85"/>
      <c r="AD890" s="85"/>
      <c r="AE890" s="85"/>
      <c r="AF890" s="85"/>
      <c r="AG890" s="86"/>
      <c r="AH890" s="85"/>
      <c r="AI890" s="85"/>
      <c r="AJ890" s="85"/>
      <c r="AK890" s="85"/>
      <c r="AL890" s="85"/>
      <c r="AM890" s="92"/>
      <c r="AN890" s="92"/>
      <c r="AO890" s="92"/>
      <c r="AP890" s="92"/>
      <c r="AQ890" s="92"/>
      <c r="AR890" s="92"/>
      <c r="AS890" s="92"/>
      <c r="AT890" s="92"/>
      <c r="AU890" s="92"/>
      <c r="AV890" s="92"/>
      <c r="AW890" s="92"/>
      <c r="AX890" s="92"/>
      <c r="AY890" s="92"/>
      <c r="AZ890" s="93"/>
      <c r="BA890" s="93"/>
      <c r="BB890" s="93"/>
      <c r="BC890" s="93"/>
      <c r="BD890" s="93"/>
      <c r="BE890" s="93"/>
      <c r="BF890" s="93"/>
      <c r="BG890" s="93"/>
      <c r="BH890" s="93"/>
      <c r="BI890" s="93"/>
      <c r="BJ890" s="93"/>
      <c r="BK890" s="93"/>
      <c r="BL890" s="93"/>
    </row>
    <row r="891" spans="2:64" x14ac:dyDescent="0.2">
      <c r="B891" s="43"/>
      <c r="C891" s="73"/>
      <c r="D891" s="64"/>
      <c r="E891" s="55"/>
      <c r="F891" s="74"/>
      <c r="G891" s="74"/>
      <c r="H891" s="74"/>
      <c r="I891" s="75"/>
      <c r="J891" s="74"/>
      <c r="L891" s="55"/>
      <c r="M891" s="234"/>
      <c r="N891" s="65"/>
      <c r="O891" s="76"/>
      <c r="P891" s="76"/>
      <c r="Q891" s="65"/>
      <c r="R891" s="76"/>
      <c r="S891" s="76"/>
      <c r="T891" s="76"/>
      <c r="U891" s="76"/>
      <c r="V891" s="76"/>
      <c r="W891" s="76"/>
      <c r="X891" s="76"/>
      <c r="Y891" s="76"/>
      <c r="Z891" s="76"/>
      <c r="AA891" s="85"/>
      <c r="AB891" s="85"/>
      <c r="AC891" s="85"/>
      <c r="AD891" s="85"/>
      <c r="AE891" s="85"/>
      <c r="AF891" s="85"/>
      <c r="AG891" s="86"/>
      <c r="AH891" s="85"/>
      <c r="AI891" s="85"/>
      <c r="AJ891" s="85"/>
      <c r="AK891" s="85"/>
      <c r="AL891" s="85"/>
      <c r="AM891" s="92"/>
      <c r="AN891" s="92"/>
      <c r="AO891" s="92"/>
      <c r="AP891" s="92"/>
      <c r="AQ891" s="92"/>
      <c r="AR891" s="92"/>
      <c r="AS891" s="92"/>
      <c r="AT891" s="92"/>
      <c r="AU891" s="92"/>
      <c r="AV891" s="92"/>
      <c r="AW891" s="92"/>
      <c r="AX891" s="92"/>
      <c r="AY891" s="92"/>
      <c r="AZ891" s="93"/>
      <c r="BA891" s="93"/>
      <c r="BB891" s="93"/>
      <c r="BC891" s="93"/>
      <c r="BD891" s="93"/>
      <c r="BE891" s="93"/>
      <c r="BF891" s="93"/>
      <c r="BG891" s="93"/>
      <c r="BH891" s="93"/>
      <c r="BI891" s="93"/>
      <c r="BJ891" s="93"/>
      <c r="BK891" s="93"/>
      <c r="BL891" s="93"/>
    </row>
    <row r="892" spans="2:64" x14ac:dyDescent="0.2">
      <c r="B892" s="43"/>
      <c r="C892" s="73"/>
      <c r="D892" s="64"/>
      <c r="E892" s="55"/>
      <c r="F892" s="74"/>
      <c r="G892" s="74"/>
      <c r="H892" s="74"/>
      <c r="I892" s="75"/>
      <c r="J892" s="74"/>
      <c r="L892" s="55"/>
      <c r="M892" s="234"/>
      <c r="N892" s="65"/>
      <c r="O892" s="76"/>
      <c r="P892" s="76"/>
      <c r="Q892" s="65"/>
      <c r="R892" s="76"/>
      <c r="S892" s="76"/>
      <c r="T892" s="76"/>
      <c r="U892" s="76"/>
      <c r="V892" s="76"/>
      <c r="W892" s="76"/>
      <c r="X892" s="76"/>
      <c r="Y892" s="76"/>
      <c r="Z892" s="76"/>
      <c r="AA892" s="85"/>
      <c r="AB892" s="85"/>
      <c r="AC892" s="85"/>
      <c r="AD892" s="85"/>
      <c r="AE892" s="85"/>
      <c r="AF892" s="85"/>
      <c r="AG892" s="86"/>
      <c r="AH892" s="85"/>
      <c r="AI892" s="85"/>
      <c r="AJ892" s="85"/>
      <c r="AK892" s="85"/>
      <c r="AL892" s="85"/>
      <c r="AM892" s="92"/>
      <c r="AN892" s="92"/>
      <c r="AO892" s="92"/>
      <c r="AP892" s="92"/>
      <c r="AQ892" s="92"/>
      <c r="AR892" s="92"/>
      <c r="AS892" s="92"/>
      <c r="AT892" s="92"/>
      <c r="AU892" s="92"/>
      <c r="AV892" s="92"/>
      <c r="AW892" s="92"/>
      <c r="AX892" s="92"/>
      <c r="AY892" s="92"/>
      <c r="AZ892" s="93"/>
      <c r="BA892" s="93"/>
      <c r="BB892" s="93"/>
      <c r="BC892" s="93"/>
      <c r="BD892" s="93"/>
      <c r="BE892" s="93"/>
      <c r="BF892" s="93"/>
      <c r="BG892" s="93"/>
      <c r="BH892" s="93"/>
      <c r="BI892" s="93"/>
      <c r="BJ892" s="93"/>
      <c r="BK892" s="93"/>
      <c r="BL892" s="93"/>
    </row>
    <row r="893" spans="2:64" x14ac:dyDescent="0.2">
      <c r="B893" s="43"/>
      <c r="C893" s="73"/>
      <c r="D893" s="64"/>
      <c r="E893" s="55"/>
      <c r="F893" s="74"/>
      <c r="G893" s="74"/>
      <c r="H893" s="74"/>
      <c r="I893" s="75"/>
      <c r="J893" s="74"/>
      <c r="L893" s="55"/>
      <c r="M893" s="234"/>
      <c r="N893" s="65"/>
      <c r="O893" s="76"/>
      <c r="P893" s="76"/>
      <c r="Q893" s="65"/>
      <c r="R893" s="76"/>
      <c r="S893" s="76"/>
      <c r="T893" s="76"/>
      <c r="U893" s="76"/>
      <c r="V893" s="76"/>
      <c r="W893" s="76"/>
      <c r="X893" s="76"/>
      <c r="Y893" s="76"/>
      <c r="Z893" s="76"/>
      <c r="AA893" s="85"/>
      <c r="AB893" s="85"/>
      <c r="AC893" s="85"/>
      <c r="AD893" s="85"/>
      <c r="AE893" s="85"/>
      <c r="AF893" s="85"/>
      <c r="AG893" s="86"/>
      <c r="AH893" s="85"/>
      <c r="AI893" s="85"/>
      <c r="AJ893" s="85"/>
      <c r="AK893" s="85"/>
      <c r="AL893" s="85"/>
      <c r="AM893" s="92"/>
      <c r="AN893" s="92"/>
      <c r="AO893" s="92"/>
      <c r="AP893" s="92"/>
      <c r="AQ893" s="92"/>
      <c r="AR893" s="92"/>
      <c r="AS893" s="92"/>
      <c r="AT893" s="92"/>
      <c r="AU893" s="92"/>
      <c r="AV893" s="92"/>
      <c r="AW893" s="92"/>
      <c r="AX893" s="92"/>
      <c r="AY893" s="92"/>
      <c r="AZ893" s="93"/>
      <c r="BA893" s="93"/>
      <c r="BB893" s="93"/>
      <c r="BC893" s="93"/>
      <c r="BD893" s="93"/>
      <c r="BE893" s="93"/>
      <c r="BF893" s="93"/>
      <c r="BG893" s="93"/>
      <c r="BH893" s="93"/>
      <c r="BI893" s="93"/>
      <c r="BJ893" s="93"/>
      <c r="BK893" s="93"/>
      <c r="BL893" s="93"/>
    </row>
    <row r="894" spans="2:64" x14ac:dyDescent="0.2">
      <c r="B894" s="43"/>
      <c r="C894" s="73"/>
      <c r="D894" s="64"/>
      <c r="E894" s="55"/>
      <c r="F894" s="74"/>
      <c r="G894" s="74"/>
      <c r="H894" s="74"/>
      <c r="I894" s="75"/>
      <c r="J894" s="74"/>
      <c r="L894" s="55"/>
      <c r="M894" s="234"/>
      <c r="N894" s="65"/>
      <c r="O894" s="76"/>
      <c r="P894" s="76"/>
      <c r="Q894" s="65"/>
      <c r="R894" s="76"/>
      <c r="S894" s="76"/>
      <c r="T894" s="76"/>
      <c r="U894" s="76"/>
      <c r="V894" s="76"/>
      <c r="W894" s="76"/>
      <c r="X894" s="76"/>
      <c r="Y894" s="76"/>
      <c r="Z894" s="76"/>
      <c r="AA894" s="85"/>
      <c r="AB894" s="85"/>
      <c r="AC894" s="85"/>
      <c r="AD894" s="85"/>
      <c r="AE894" s="85"/>
      <c r="AF894" s="85"/>
      <c r="AG894" s="86"/>
      <c r="AH894" s="85"/>
      <c r="AI894" s="85"/>
      <c r="AJ894" s="85"/>
      <c r="AK894" s="85"/>
      <c r="AL894" s="85"/>
      <c r="AM894" s="92"/>
      <c r="AN894" s="92"/>
      <c r="AO894" s="92"/>
      <c r="AP894" s="92"/>
      <c r="AQ894" s="92"/>
      <c r="AR894" s="92"/>
      <c r="AS894" s="92"/>
      <c r="AT894" s="92"/>
      <c r="AU894" s="92"/>
      <c r="AV894" s="92"/>
      <c r="AW894" s="92"/>
      <c r="AX894" s="92"/>
      <c r="AY894" s="92"/>
      <c r="AZ894" s="93"/>
      <c r="BA894" s="93"/>
      <c r="BB894" s="93"/>
      <c r="BC894" s="93"/>
      <c r="BD894" s="93"/>
      <c r="BE894" s="93"/>
      <c r="BF894" s="93"/>
      <c r="BG894" s="93"/>
      <c r="BH894" s="93"/>
      <c r="BI894" s="93"/>
      <c r="BJ894" s="93"/>
      <c r="BK894" s="93"/>
      <c r="BL894" s="93"/>
    </row>
    <row r="895" spans="2:64" x14ac:dyDescent="0.2">
      <c r="B895" s="43"/>
      <c r="C895" s="73"/>
      <c r="D895" s="64"/>
      <c r="E895" s="55"/>
      <c r="F895" s="74"/>
      <c r="G895" s="74"/>
      <c r="H895" s="74"/>
      <c r="I895" s="75"/>
      <c r="J895" s="74"/>
      <c r="L895" s="55"/>
      <c r="M895" s="234"/>
      <c r="N895" s="65"/>
      <c r="O895" s="76"/>
      <c r="P895" s="76"/>
      <c r="Q895" s="65"/>
      <c r="R895" s="76"/>
      <c r="S895" s="76"/>
      <c r="T895" s="76"/>
      <c r="U895" s="76"/>
      <c r="V895" s="76"/>
      <c r="W895" s="76"/>
      <c r="X895" s="76"/>
      <c r="Y895" s="76"/>
      <c r="Z895" s="76"/>
      <c r="AA895" s="85"/>
      <c r="AB895" s="85"/>
      <c r="AC895" s="85"/>
      <c r="AD895" s="85"/>
      <c r="AE895" s="85"/>
      <c r="AF895" s="85"/>
      <c r="AG895" s="86"/>
      <c r="AH895" s="85"/>
      <c r="AI895" s="85"/>
      <c r="AJ895" s="85"/>
      <c r="AK895" s="85"/>
      <c r="AL895" s="85"/>
      <c r="AM895" s="92"/>
      <c r="AN895" s="92"/>
      <c r="AO895" s="92"/>
      <c r="AP895" s="92"/>
      <c r="AQ895" s="92"/>
      <c r="AR895" s="92"/>
      <c r="AS895" s="92"/>
      <c r="AT895" s="92"/>
      <c r="AU895" s="92"/>
      <c r="AV895" s="92"/>
      <c r="AW895" s="92"/>
      <c r="AX895" s="92"/>
      <c r="AY895" s="92"/>
      <c r="AZ895" s="93"/>
      <c r="BA895" s="93"/>
      <c r="BB895" s="93"/>
      <c r="BC895" s="93"/>
      <c r="BD895" s="93"/>
      <c r="BE895" s="93"/>
      <c r="BF895" s="93"/>
      <c r="BG895" s="93"/>
      <c r="BH895" s="93"/>
      <c r="BI895" s="93"/>
      <c r="BJ895" s="93"/>
      <c r="BK895" s="93"/>
      <c r="BL895" s="93"/>
    </row>
    <row r="896" spans="2:64" x14ac:dyDescent="0.2">
      <c r="B896" s="43"/>
      <c r="C896" s="73"/>
      <c r="D896" s="64"/>
      <c r="E896" s="55"/>
      <c r="F896" s="74"/>
      <c r="G896" s="74"/>
      <c r="H896" s="74"/>
      <c r="I896" s="75"/>
      <c r="J896" s="74"/>
      <c r="L896" s="55"/>
      <c r="M896" s="234"/>
      <c r="N896" s="65"/>
      <c r="O896" s="76"/>
      <c r="P896" s="76"/>
      <c r="Q896" s="65"/>
      <c r="R896" s="76"/>
      <c r="S896" s="76"/>
      <c r="T896" s="76"/>
      <c r="U896" s="76"/>
      <c r="V896" s="76"/>
      <c r="W896" s="76"/>
      <c r="X896" s="76"/>
      <c r="Y896" s="76"/>
      <c r="Z896" s="76"/>
      <c r="AA896" s="85"/>
      <c r="AB896" s="85"/>
      <c r="AC896" s="85"/>
      <c r="AD896" s="85"/>
      <c r="AE896" s="85"/>
      <c r="AF896" s="85"/>
      <c r="AG896" s="86"/>
      <c r="AH896" s="85"/>
      <c r="AI896" s="85"/>
      <c r="AJ896" s="85"/>
      <c r="AK896" s="85"/>
      <c r="AL896" s="85"/>
      <c r="AM896" s="92"/>
      <c r="AN896" s="92"/>
      <c r="AO896" s="92"/>
      <c r="AP896" s="92"/>
      <c r="AQ896" s="92"/>
      <c r="AR896" s="92"/>
      <c r="AS896" s="92"/>
      <c r="AT896" s="92"/>
      <c r="AU896" s="92"/>
      <c r="AV896" s="92"/>
      <c r="AW896" s="92"/>
      <c r="AX896" s="92"/>
      <c r="AY896" s="92"/>
      <c r="AZ896" s="93"/>
      <c r="BA896" s="93"/>
      <c r="BB896" s="93"/>
      <c r="BC896" s="93"/>
      <c r="BD896" s="93"/>
      <c r="BE896" s="93"/>
      <c r="BF896" s="93"/>
      <c r="BG896" s="93"/>
      <c r="BH896" s="93"/>
      <c r="BI896" s="93"/>
      <c r="BJ896" s="93"/>
      <c r="BK896" s="93"/>
      <c r="BL896" s="93"/>
    </row>
    <row r="897" spans="2:64" x14ac:dyDescent="0.2">
      <c r="B897" s="43"/>
      <c r="C897" s="73"/>
      <c r="D897" s="64"/>
      <c r="E897" s="55"/>
      <c r="F897" s="74"/>
      <c r="G897" s="74"/>
      <c r="H897" s="74"/>
      <c r="I897" s="75"/>
      <c r="J897" s="74"/>
      <c r="L897" s="55"/>
      <c r="M897" s="234"/>
      <c r="N897" s="65"/>
      <c r="O897" s="76"/>
      <c r="P897" s="76"/>
      <c r="Q897" s="65"/>
      <c r="R897" s="76"/>
      <c r="S897" s="76"/>
      <c r="T897" s="76"/>
      <c r="U897" s="76"/>
      <c r="V897" s="76"/>
      <c r="W897" s="76"/>
      <c r="X897" s="76"/>
      <c r="Y897" s="76"/>
      <c r="Z897" s="76"/>
      <c r="AA897" s="85"/>
      <c r="AB897" s="85"/>
      <c r="AC897" s="85"/>
      <c r="AD897" s="85"/>
      <c r="AE897" s="85"/>
      <c r="AF897" s="85"/>
      <c r="AG897" s="86"/>
      <c r="AH897" s="85"/>
      <c r="AI897" s="85"/>
      <c r="AJ897" s="85"/>
      <c r="AK897" s="85"/>
      <c r="AL897" s="85"/>
      <c r="AM897" s="92"/>
      <c r="AN897" s="92"/>
      <c r="AO897" s="92"/>
      <c r="AP897" s="92"/>
      <c r="AQ897" s="92"/>
      <c r="AR897" s="92"/>
      <c r="AS897" s="92"/>
      <c r="AT897" s="92"/>
      <c r="AU897" s="92"/>
      <c r="AV897" s="92"/>
      <c r="AW897" s="92"/>
      <c r="AX897" s="92"/>
      <c r="AY897" s="92"/>
      <c r="AZ897" s="93"/>
      <c r="BA897" s="93"/>
      <c r="BB897" s="93"/>
      <c r="BC897" s="93"/>
      <c r="BD897" s="93"/>
      <c r="BE897" s="93"/>
      <c r="BF897" s="93"/>
      <c r="BG897" s="93"/>
      <c r="BH897" s="93"/>
      <c r="BI897" s="93"/>
      <c r="BJ897" s="93"/>
      <c r="BK897" s="93"/>
      <c r="BL897" s="93"/>
    </row>
    <row r="898" spans="2:64" x14ac:dyDescent="0.2">
      <c r="B898" s="43"/>
      <c r="C898" s="73"/>
      <c r="D898" s="64"/>
      <c r="E898" s="55"/>
      <c r="F898" s="74"/>
      <c r="G898" s="74"/>
      <c r="H898" s="74"/>
      <c r="I898" s="75"/>
      <c r="J898" s="74"/>
      <c r="L898" s="55"/>
      <c r="M898" s="234"/>
      <c r="N898" s="65"/>
      <c r="O898" s="76"/>
      <c r="P898" s="76"/>
      <c r="Q898" s="65"/>
      <c r="R898" s="76"/>
      <c r="S898" s="76"/>
      <c r="T898" s="76"/>
      <c r="U898" s="76"/>
      <c r="V898" s="76"/>
      <c r="W898" s="76"/>
      <c r="X898" s="76"/>
      <c r="Y898" s="76"/>
      <c r="Z898" s="76"/>
      <c r="AA898" s="85"/>
      <c r="AB898" s="85"/>
      <c r="AC898" s="85"/>
      <c r="AD898" s="85"/>
      <c r="AE898" s="85"/>
      <c r="AF898" s="85"/>
      <c r="AG898" s="86"/>
      <c r="AH898" s="85"/>
      <c r="AI898" s="85"/>
      <c r="AJ898" s="85"/>
      <c r="AK898" s="85"/>
      <c r="AL898" s="85"/>
      <c r="AM898" s="92"/>
      <c r="AN898" s="92"/>
      <c r="AO898" s="92"/>
      <c r="AP898" s="92"/>
      <c r="AQ898" s="92"/>
      <c r="AR898" s="92"/>
      <c r="AS898" s="92"/>
      <c r="AT898" s="92"/>
      <c r="AU898" s="92"/>
      <c r="AV898" s="92"/>
      <c r="AW898" s="92"/>
      <c r="AX898" s="92"/>
      <c r="AY898" s="92"/>
      <c r="AZ898" s="93"/>
      <c r="BA898" s="93"/>
      <c r="BB898" s="93"/>
      <c r="BC898" s="93"/>
      <c r="BD898" s="93"/>
      <c r="BE898" s="93"/>
      <c r="BF898" s="93"/>
      <c r="BG898" s="93"/>
      <c r="BH898" s="93"/>
      <c r="BI898" s="93"/>
      <c r="BJ898" s="93"/>
      <c r="BK898" s="93"/>
      <c r="BL898" s="93"/>
    </row>
    <row r="899" spans="2:64" x14ac:dyDescent="0.2">
      <c r="B899" s="43"/>
      <c r="C899" s="73"/>
      <c r="D899" s="64"/>
      <c r="E899" s="55"/>
      <c r="F899" s="74"/>
      <c r="G899" s="74"/>
      <c r="H899" s="74"/>
      <c r="I899" s="75"/>
      <c r="J899" s="74"/>
      <c r="L899" s="55"/>
      <c r="M899" s="234"/>
      <c r="N899" s="65"/>
      <c r="O899" s="76"/>
      <c r="P899" s="76"/>
      <c r="Q899" s="65"/>
      <c r="R899" s="76"/>
      <c r="S899" s="76"/>
      <c r="T899" s="76"/>
      <c r="U899" s="76"/>
      <c r="V899" s="76"/>
      <c r="W899" s="76"/>
      <c r="X899" s="76"/>
      <c r="Y899" s="76"/>
      <c r="Z899" s="76"/>
      <c r="AA899" s="85"/>
      <c r="AB899" s="85"/>
      <c r="AC899" s="85"/>
      <c r="AD899" s="85"/>
      <c r="AE899" s="85"/>
      <c r="AF899" s="85"/>
      <c r="AG899" s="86"/>
      <c r="AH899" s="85"/>
      <c r="AI899" s="85"/>
      <c r="AJ899" s="85"/>
      <c r="AK899" s="85"/>
      <c r="AL899" s="85"/>
      <c r="AM899" s="92"/>
      <c r="AN899" s="92"/>
      <c r="AO899" s="92"/>
      <c r="AP899" s="92"/>
      <c r="AQ899" s="92"/>
      <c r="AR899" s="92"/>
      <c r="AS899" s="92"/>
      <c r="AT899" s="92"/>
      <c r="AU899" s="92"/>
      <c r="AV899" s="92"/>
      <c r="AW899" s="92"/>
      <c r="AX899" s="92"/>
      <c r="AY899" s="92"/>
      <c r="AZ899" s="93"/>
      <c r="BA899" s="93"/>
      <c r="BB899" s="93"/>
      <c r="BC899" s="93"/>
      <c r="BD899" s="93"/>
      <c r="BE899" s="93"/>
      <c r="BF899" s="93"/>
      <c r="BG899" s="93"/>
      <c r="BH899" s="93"/>
      <c r="BI899" s="93"/>
      <c r="BJ899" s="93"/>
      <c r="BK899" s="93"/>
      <c r="BL899" s="93"/>
    </row>
    <row r="900" spans="2:64" x14ac:dyDescent="0.2">
      <c r="B900" s="43"/>
      <c r="C900" s="73"/>
      <c r="D900" s="64"/>
      <c r="E900" s="55"/>
      <c r="F900" s="74"/>
      <c r="G900" s="74"/>
      <c r="H900" s="74"/>
      <c r="I900" s="75"/>
      <c r="J900" s="74"/>
      <c r="L900" s="55"/>
      <c r="M900" s="234"/>
      <c r="N900" s="65"/>
      <c r="O900" s="76"/>
      <c r="P900" s="76"/>
      <c r="Q900" s="65"/>
      <c r="R900" s="76"/>
      <c r="S900" s="76"/>
      <c r="T900" s="76"/>
      <c r="U900" s="76"/>
      <c r="V900" s="76"/>
      <c r="W900" s="76"/>
      <c r="X900" s="76"/>
      <c r="Y900" s="76"/>
      <c r="Z900" s="76"/>
      <c r="AA900" s="85"/>
      <c r="AB900" s="85"/>
      <c r="AC900" s="85"/>
      <c r="AD900" s="85"/>
      <c r="AE900" s="85"/>
      <c r="AF900" s="85"/>
      <c r="AG900" s="86"/>
      <c r="AH900" s="85"/>
      <c r="AI900" s="85"/>
      <c r="AJ900" s="85"/>
      <c r="AK900" s="85"/>
      <c r="AL900" s="85"/>
      <c r="AM900" s="92"/>
      <c r="AN900" s="92"/>
      <c r="AO900" s="92"/>
      <c r="AP900" s="92"/>
      <c r="AQ900" s="92"/>
      <c r="AR900" s="92"/>
      <c r="AS900" s="92"/>
      <c r="AT900" s="92"/>
      <c r="AU900" s="92"/>
      <c r="AV900" s="92"/>
      <c r="AW900" s="92"/>
      <c r="AX900" s="92"/>
      <c r="AY900" s="92"/>
      <c r="AZ900" s="93"/>
      <c r="BA900" s="93"/>
      <c r="BB900" s="93"/>
      <c r="BC900" s="93"/>
      <c r="BD900" s="93"/>
      <c r="BE900" s="93"/>
      <c r="BF900" s="93"/>
      <c r="BG900" s="93"/>
      <c r="BH900" s="93"/>
      <c r="BI900" s="93"/>
      <c r="BJ900" s="93"/>
      <c r="BK900" s="93"/>
      <c r="BL900" s="93"/>
    </row>
    <row r="901" spans="2:64" x14ac:dyDescent="0.2">
      <c r="B901" s="43"/>
      <c r="C901" s="73"/>
      <c r="D901" s="64"/>
      <c r="E901" s="55"/>
      <c r="F901" s="74"/>
      <c r="G901" s="74"/>
      <c r="H901" s="74"/>
      <c r="I901" s="75"/>
      <c r="J901" s="74"/>
      <c r="L901" s="55"/>
      <c r="M901" s="234"/>
      <c r="N901" s="65"/>
      <c r="O901" s="76"/>
      <c r="P901" s="76"/>
      <c r="Q901" s="65"/>
      <c r="R901" s="76"/>
      <c r="S901" s="76"/>
      <c r="T901" s="76"/>
      <c r="U901" s="76"/>
      <c r="V901" s="76"/>
      <c r="W901" s="76"/>
      <c r="X901" s="76"/>
      <c r="Y901" s="76"/>
      <c r="Z901" s="76"/>
      <c r="AA901" s="85"/>
      <c r="AB901" s="85"/>
      <c r="AC901" s="85"/>
      <c r="AD901" s="85"/>
      <c r="AE901" s="85"/>
      <c r="AF901" s="85"/>
      <c r="AG901" s="86"/>
      <c r="AH901" s="85"/>
      <c r="AI901" s="85"/>
      <c r="AJ901" s="85"/>
      <c r="AK901" s="85"/>
      <c r="AL901" s="85"/>
      <c r="AM901" s="92"/>
      <c r="AN901" s="92"/>
      <c r="AO901" s="92"/>
      <c r="AP901" s="92"/>
      <c r="AQ901" s="92"/>
      <c r="AR901" s="92"/>
      <c r="AS901" s="92"/>
      <c r="AT901" s="92"/>
      <c r="AU901" s="92"/>
      <c r="AV901" s="92"/>
      <c r="AW901" s="92"/>
      <c r="AX901" s="92"/>
      <c r="AY901" s="92"/>
      <c r="AZ901" s="93"/>
      <c r="BA901" s="93"/>
      <c r="BB901" s="93"/>
      <c r="BC901" s="93"/>
      <c r="BD901" s="93"/>
      <c r="BE901" s="93"/>
      <c r="BF901" s="93"/>
      <c r="BG901" s="93"/>
      <c r="BH901" s="93"/>
      <c r="BI901" s="93"/>
      <c r="BJ901" s="93"/>
      <c r="BK901" s="93"/>
      <c r="BL901" s="93"/>
    </row>
    <row r="902" spans="2:64" x14ac:dyDescent="0.2">
      <c r="B902" s="43"/>
      <c r="C902" s="73"/>
      <c r="D902" s="64"/>
      <c r="E902" s="55"/>
      <c r="F902" s="74"/>
      <c r="G902" s="74"/>
      <c r="H902" s="74"/>
      <c r="I902" s="75"/>
      <c r="J902" s="74"/>
      <c r="L902" s="55"/>
      <c r="M902" s="234"/>
      <c r="N902" s="65"/>
      <c r="O902" s="76"/>
      <c r="P902" s="76"/>
      <c r="Q902" s="65"/>
      <c r="R902" s="76"/>
      <c r="S902" s="76"/>
      <c r="T902" s="76"/>
      <c r="U902" s="76"/>
      <c r="V902" s="76"/>
      <c r="W902" s="76"/>
      <c r="X902" s="76"/>
      <c r="Y902" s="76"/>
      <c r="Z902" s="76"/>
      <c r="AA902" s="85"/>
      <c r="AB902" s="85"/>
      <c r="AC902" s="85"/>
      <c r="AD902" s="85"/>
      <c r="AE902" s="85"/>
      <c r="AF902" s="85"/>
      <c r="AG902" s="86"/>
      <c r="AH902" s="85"/>
      <c r="AI902" s="85"/>
      <c r="AJ902" s="85"/>
      <c r="AK902" s="85"/>
      <c r="AL902" s="85"/>
      <c r="AM902" s="92"/>
      <c r="AN902" s="92"/>
      <c r="AO902" s="92"/>
      <c r="AP902" s="92"/>
      <c r="AQ902" s="92"/>
      <c r="AR902" s="92"/>
      <c r="AS902" s="92"/>
      <c r="AT902" s="92"/>
      <c r="AU902" s="92"/>
      <c r="AV902" s="92"/>
      <c r="AW902" s="92"/>
      <c r="AX902" s="92"/>
      <c r="AY902" s="92"/>
      <c r="AZ902" s="93"/>
      <c r="BA902" s="93"/>
      <c r="BB902" s="93"/>
      <c r="BC902" s="93"/>
      <c r="BD902" s="93"/>
      <c r="BE902" s="93"/>
      <c r="BF902" s="93"/>
      <c r="BG902" s="93"/>
      <c r="BH902" s="93"/>
      <c r="BI902" s="93"/>
      <c r="BJ902" s="93"/>
      <c r="BK902" s="93"/>
      <c r="BL902" s="93"/>
    </row>
    <row r="903" spans="2:64" x14ac:dyDescent="0.2">
      <c r="B903" s="43"/>
      <c r="C903" s="73"/>
      <c r="D903" s="64"/>
      <c r="E903" s="55"/>
      <c r="F903" s="74"/>
      <c r="G903" s="74"/>
      <c r="H903" s="74"/>
      <c r="I903" s="75"/>
      <c r="J903" s="74"/>
      <c r="L903" s="55"/>
      <c r="M903" s="234"/>
      <c r="N903" s="65"/>
      <c r="O903" s="76"/>
      <c r="P903" s="76"/>
      <c r="Q903" s="65"/>
      <c r="R903" s="76"/>
      <c r="S903" s="76"/>
      <c r="T903" s="76"/>
      <c r="U903" s="76"/>
      <c r="V903" s="76"/>
      <c r="W903" s="76"/>
      <c r="X903" s="76"/>
      <c r="Y903" s="76"/>
      <c r="Z903" s="76"/>
      <c r="AA903" s="85"/>
      <c r="AB903" s="85"/>
      <c r="AC903" s="85"/>
      <c r="AD903" s="85"/>
      <c r="AE903" s="85"/>
      <c r="AF903" s="85"/>
      <c r="AG903" s="86"/>
      <c r="AH903" s="85"/>
      <c r="AI903" s="85"/>
      <c r="AJ903" s="85"/>
      <c r="AK903" s="85"/>
      <c r="AL903" s="85"/>
      <c r="AM903" s="92"/>
      <c r="AN903" s="92"/>
      <c r="AO903" s="92"/>
      <c r="AP903" s="92"/>
      <c r="AQ903" s="92"/>
      <c r="AR903" s="92"/>
      <c r="AS903" s="92"/>
      <c r="AT903" s="92"/>
      <c r="AU903" s="92"/>
      <c r="AV903" s="92"/>
      <c r="AW903" s="92"/>
      <c r="AX903" s="92"/>
      <c r="AY903" s="92"/>
      <c r="AZ903" s="93"/>
      <c r="BA903" s="93"/>
      <c r="BB903" s="93"/>
      <c r="BC903" s="93"/>
      <c r="BD903" s="93"/>
      <c r="BE903" s="93"/>
      <c r="BF903" s="93"/>
      <c r="BG903" s="93"/>
      <c r="BH903" s="93"/>
      <c r="BI903" s="93"/>
      <c r="BJ903" s="93"/>
      <c r="BK903" s="93"/>
      <c r="BL903" s="93"/>
    </row>
    <row r="904" spans="2:64" x14ac:dyDescent="0.2">
      <c r="B904" s="43"/>
      <c r="C904" s="73"/>
      <c r="D904" s="64"/>
      <c r="E904" s="55"/>
      <c r="F904" s="74"/>
      <c r="G904" s="74"/>
      <c r="H904" s="74"/>
      <c r="I904" s="75"/>
      <c r="J904" s="74"/>
      <c r="L904" s="55"/>
      <c r="M904" s="234"/>
      <c r="N904" s="65"/>
      <c r="O904" s="76"/>
      <c r="P904" s="76"/>
      <c r="Q904" s="65"/>
      <c r="R904" s="76"/>
      <c r="S904" s="76"/>
      <c r="T904" s="76"/>
      <c r="U904" s="76"/>
      <c r="V904" s="76"/>
      <c r="W904" s="76"/>
      <c r="X904" s="76"/>
      <c r="Y904" s="76"/>
      <c r="Z904" s="76"/>
      <c r="AA904" s="85"/>
      <c r="AB904" s="85"/>
      <c r="AC904" s="85"/>
      <c r="AD904" s="85"/>
      <c r="AE904" s="85"/>
      <c r="AF904" s="85"/>
      <c r="AG904" s="86"/>
      <c r="AH904" s="85"/>
      <c r="AI904" s="85"/>
      <c r="AJ904" s="85"/>
      <c r="AK904" s="85"/>
      <c r="AL904" s="85"/>
      <c r="AM904" s="92"/>
      <c r="AN904" s="92"/>
      <c r="AO904" s="92"/>
      <c r="AP904" s="92"/>
      <c r="AQ904" s="92"/>
      <c r="AR904" s="92"/>
      <c r="AS904" s="92"/>
      <c r="AT904" s="92"/>
      <c r="AU904" s="92"/>
      <c r="AV904" s="92"/>
      <c r="AW904" s="92"/>
      <c r="AX904" s="92"/>
      <c r="AY904" s="92"/>
      <c r="AZ904" s="93"/>
      <c r="BA904" s="93"/>
      <c r="BB904" s="93"/>
      <c r="BC904" s="93"/>
      <c r="BD904" s="93"/>
      <c r="BE904" s="93"/>
      <c r="BF904" s="93"/>
      <c r="BG904" s="93"/>
      <c r="BH904" s="93"/>
      <c r="BI904" s="93"/>
      <c r="BJ904" s="93"/>
      <c r="BK904" s="93"/>
      <c r="BL904" s="93"/>
    </row>
    <row r="905" spans="2:64" x14ac:dyDescent="0.2">
      <c r="B905" s="43"/>
      <c r="C905" s="73"/>
      <c r="D905" s="64"/>
      <c r="E905" s="55"/>
      <c r="F905" s="74"/>
      <c r="G905" s="74"/>
      <c r="H905" s="74"/>
      <c r="I905" s="75"/>
      <c r="J905" s="74"/>
      <c r="L905" s="55"/>
      <c r="M905" s="234"/>
      <c r="N905" s="65"/>
      <c r="O905" s="76"/>
      <c r="P905" s="76"/>
      <c r="Q905" s="65"/>
      <c r="R905" s="76"/>
      <c r="S905" s="76"/>
      <c r="T905" s="76"/>
      <c r="U905" s="76"/>
      <c r="V905" s="76"/>
      <c r="W905" s="76"/>
      <c r="X905" s="76"/>
      <c r="Y905" s="76"/>
      <c r="Z905" s="76"/>
      <c r="AA905" s="85"/>
      <c r="AB905" s="85"/>
      <c r="AC905" s="85"/>
      <c r="AD905" s="85"/>
      <c r="AE905" s="85"/>
      <c r="AF905" s="85"/>
      <c r="AG905" s="86"/>
      <c r="AH905" s="85"/>
      <c r="AI905" s="85"/>
      <c r="AJ905" s="85"/>
      <c r="AK905" s="85"/>
      <c r="AL905" s="85"/>
      <c r="AM905" s="92"/>
      <c r="AN905" s="92"/>
      <c r="AO905" s="92"/>
      <c r="AP905" s="92"/>
      <c r="AQ905" s="92"/>
      <c r="AR905" s="92"/>
      <c r="AS905" s="92"/>
      <c r="AT905" s="92"/>
      <c r="AU905" s="92"/>
      <c r="AV905" s="92"/>
      <c r="AW905" s="92"/>
      <c r="AX905" s="92"/>
      <c r="AY905" s="92"/>
      <c r="AZ905" s="93"/>
      <c r="BA905" s="93"/>
      <c r="BB905" s="93"/>
      <c r="BC905" s="93"/>
      <c r="BD905" s="93"/>
      <c r="BE905" s="93"/>
      <c r="BF905" s="93"/>
      <c r="BG905" s="93"/>
      <c r="BH905" s="93"/>
      <c r="BI905" s="93"/>
      <c r="BJ905" s="93"/>
      <c r="BK905" s="93"/>
      <c r="BL905" s="93"/>
    </row>
    <row r="906" spans="2:64" x14ac:dyDescent="0.2">
      <c r="B906" s="43"/>
      <c r="C906" s="73"/>
      <c r="D906" s="64"/>
      <c r="E906" s="55"/>
      <c r="F906" s="74"/>
      <c r="G906" s="74"/>
      <c r="H906" s="74"/>
      <c r="I906" s="75"/>
      <c r="J906" s="74"/>
      <c r="L906" s="55"/>
      <c r="M906" s="234"/>
      <c r="N906" s="65"/>
      <c r="O906" s="76"/>
      <c r="P906" s="76"/>
      <c r="Q906" s="65"/>
      <c r="R906" s="76"/>
      <c r="S906" s="76"/>
      <c r="T906" s="76"/>
      <c r="U906" s="76"/>
      <c r="V906" s="76"/>
      <c r="W906" s="76"/>
      <c r="X906" s="76"/>
      <c r="Y906" s="76"/>
      <c r="Z906" s="76"/>
      <c r="AA906" s="85"/>
      <c r="AB906" s="85"/>
      <c r="AC906" s="85"/>
      <c r="AD906" s="85"/>
      <c r="AE906" s="85"/>
      <c r="AF906" s="85"/>
      <c r="AG906" s="86"/>
      <c r="AH906" s="85"/>
      <c r="AI906" s="85"/>
      <c r="AJ906" s="85"/>
      <c r="AK906" s="85"/>
      <c r="AL906" s="85"/>
      <c r="AM906" s="92"/>
      <c r="AN906" s="92"/>
      <c r="AO906" s="92"/>
      <c r="AP906" s="92"/>
      <c r="AQ906" s="92"/>
      <c r="AR906" s="92"/>
      <c r="AS906" s="92"/>
      <c r="AT906" s="92"/>
      <c r="AU906" s="92"/>
      <c r="AV906" s="92"/>
      <c r="AW906" s="92"/>
      <c r="AX906" s="92"/>
      <c r="AY906" s="92"/>
      <c r="AZ906" s="93"/>
      <c r="BA906" s="93"/>
      <c r="BB906" s="93"/>
      <c r="BC906" s="93"/>
      <c r="BD906" s="93"/>
      <c r="BE906" s="93"/>
      <c r="BF906" s="93"/>
      <c r="BG906" s="93"/>
      <c r="BH906" s="93"/>
      <c r="BI906" s="93"/>
      <c r="BJ906" s="93"/>
      <c r="BK906" s="93"/>
      <c r="BL906" s="93"/>
    </row>
    <row r="907" spans="2:64" x14ac:dyDescent="0.2">
      <c r="B907" s="43"/>
      <c r="C907" s="73"/>
      <c r="D907" s="64"/>
      <c r="E907" s="55"/>
      <c r="F907" s="74"/>
      <c r="G907" s="74"/>
      <c r="H907" s="74"/>
      <c r="I907" s="75"/>
      <c r="J907" s="74"/>
      <c r="L907" s="55"/>
      <c r="M907" s="234"/>
      <c r="N907" s="65"/>
      <c r="O907" s="76"/>
      <c r="P907" s="76"/>
      <c r="Q907" s="65"/>
      <c r="R907" s="76"/>
      <c r="S907" s="76"/>
      <c r="T907" s="76"/>
      <c r="U907" s="76"/>
      <c r="V907" s="76"/>
      <c r="W907" s="76"/>
      <c r="X907" s="76"/>
      <c r="Y907" s="76"/>
      <c r="Z907" s="76"/>
      <c r="AA907" s="85"/>
      <c r="AB907" s="85"/>
      <c r="AC907" s="85"/>
      <c r="AD907" s="85"/>
      <c r="AE907" s="85"/>
      <c r="AF907" s="85"/>
      <c r="AG907" s="86"/>
      <c r="AH907" s="85"/>
      <c r="AI907" s="85"/>
      <c r="AJ907" s="85"/>
      <c r="AK907" s="85"/>
      <c r="AL907" s="85"/>
      <c r="AM907" s="92"/>
      <c r="AN907" s="92"/>
      <c r="AO907" s="92"/>
      <c r="AP907" s="92"/>
      <c r="AQ907" s="92"/>
      <c r="AR907" s="92"/>
      <c r="AS907" s="92"/>
      <c r="AT907" s="92"/>
      <c r="AU907" s="92"/>
      <c r="AV907" s="92"/>
      <c r="AW907" s="92"/>
      <c r="AX907" s="92"/>
      <c r="AY907" s="92"/>
      <c r="AZ907" s="93"/>
      <c r="BA907" s="93"/>
      <c r="BB907" s="93"/>
      <c r="BC907" s="93"/>
      <c r="BD907" s="93"/>
      <c r="BE907" s="93"/>
      <c r="BF907" s="93"/>
      <c r="BG907" s="93"/>
      <c r="BH907" s="93"/>
      <c r="BI907" s="93"/>
      <c r="BJ907" s="93"/>
      <c r="BK907" s="93"/>
      <c r="BL907" s="93"/>
    </row>
    <row r="908" spans="2:64" x14ac:dyDescent="0.2">
      <c r="B908" s="43"/>
      <c r="C908" s="73"/>
      <c r="D908" s="64"/>
      <c r="E908" s="55"/>
      <c r="F908" s="74"/>
      <c r="G908" s="74"/>
      <c r="H908" s="74"/>
      <c r="I908" s="75"/>
      <c r="J908" s="74"/>
      <c r="L908" s="55"/>
      <c r="M908" s="234"/>
      <c r="N908" s="65"/>
      <c r="O908" s="76"/>
      <c r="P908" s="76"/>
      <c r="Q908" s="65"/>
      <c r="R908" s="76"/>
      <c r="S908" s="76"/>
      <c r="T908" s="76"/>
      <c r="U908" s="76"/>
      <c r="V908" s="76"/>
      <c r="W908" s="76"/>
      <c r="X908" s="76"/>
      <c r="Y908" s="76"/>
      <c r="Z908" s="76"/>
      <c r="AA908" s="85"/>
      <c r="AB908" s="85"/>
      <c r="AC908" s="85"/>
      <c r="AD908" s="85"/>
      <c r="AE908" s="85"/>
      <c r="AF908" s="85"/>
      <c r="AG908" s="86"/>
      <c r="AH908" s="85"/>
      <c r="AI908" s="85"/>
      <c r="AJ908" s="85"/>
      <c r="AK908" s="85"/>
      <c r="AL908" s="85"/>
      <c r="AM908" s="92"/>
      <c r="AN908" s="92"/>
      <c r="AO908" s="92"/>
      <c r="AP908" s="92"/>
      <c r="AQ908" s="92"/>
      <c r="AR908" s="92"/>
      <c r="AS908" s="92"/>
      <c r="AT908" s="92"/>
      <c r="AU908" s="92"/>
      <c r="AV908" s="92"/>
      <c r="AW908" s="92"/>
      <c r="AX908" s="92"/>
      <c r="AY908" s="92"/>
      <c r="AZ908" s="93"/>
      <c r="BA908" s="93"/>
      <c r="BB908" s="93"/>
      <c r="BC908" s="93"/>
      <c r="BD908" s="93"/>
      <c r="BE908" s="93"/>
      <c r="BF908" s="93"/>
      <c r="BG908" s="93"/>
      <c r="BH908" s="93"/>
      <c r="BI908" s="93"/>
      <c r="BJ908" s="93"/>
      <c r="BK908" s="93"/>
      <c r="BL908" s="93"/>
    </row>
    <row r="909" spans="2:64" x14ac:dyDescent="0.2">
      <c r="B909" s="43"/>
      <c r="C909" s="73"/>
      <c r="D909" s="64"/>
      <c r="E909" s="55"/>
      <c r="F909" s="74"/>
      <c r="G909" s="74"/>
      <c r="H909" s="74"/>
      <c r="I909" s="75"/>
      <c r="J909" s="74"/>
      <c r="L909" s="55"/>
      <c r="M909" s="234"/>
      <c r="N909" s="65"/>
      <c r="O909" s="76"/>
      <c r="P909" s="76"/>
      <c r="Q909" s="65"/>
      <c r="R909" s="76"/>
      <c r="S909" s="76"/>
      <c r="T909" s="76"/>
      <c r="U909" s="76"/>
      <c r="V909" s="76"/>
      <c r="W909" s="76"/>
      <c r="X909" s="76"/>
      <c r="Y909" s="76"/>
      <c r="Z909" s="76"/>
      <c r="AA909" s="85"/>
      <c r="AB909" s="85"/>
      <c r="AC909" s="85"/>
      <c r="AD909" s="85"/>
      <c r="AE909" s="85"/>
      <c r="AF909" s="85"/>
      <c r="AG909" s="86"/>
      <c r="AH909" s="85"/>
      <c r="AI909" s="85"/>
      <c r="AJ909" s="85"/>
      <c r="AK909" s="85"/>
      <c r="AL909" s="85"/>
      <c r="AM909" s="92"/>
      <c r="AN909" s="92"/>
      <c r="AO909" s="92"/>
      <c r="AP909" s="92"/>
      <c r="AQ909" s="92"/>
      <c r="AR909" s="92"/>
      <c r="AS909" s="92"/>
      <c r="AT909" s="92"/>
      <c r="AU909" s="92"/>
      <c r="AV909" s="92"/>
      <c r="AW909" s="92"/>
      <c r="AX909" s="92"/>
      <c r="AY909" s="92"/>
      <c r="AZ909" s="93"/>
      <c r="BA909" s="93"/>
      <c r="BB909" s="93"/>
      <c r="BC909" s="93"/>
      <c r="BD909" s="93"/>
      <c r="BE909" s="93"/>
      <c r="BF909" s="93"/>
      <c r="BG909" s="93"/>
      <c r="BH909" s="93"/>
      <c r="BI909" s="93"/>
      <c r="BJ909" s="93"/>
      <c r="BK909" s="93"/>
      <c r="BL909" s="93"/>
    </row>
    <row r="910" spans="2:64" x14ac:dyDescent="0.2">
      <c r="B910" s="43"/>
      <c r="C910" s="73"/>
      <c r="D910" s="64"/>
      <c r="E910" s="55"/>
      <c r="F910" s="74"/>
      <c r="G910" s="74"/>
      <c r="H910" s="74"/>
      <c r="I910" s="75"/>
      <c r="J910" s="74"/>
      <c r="L910" s="55"/>
      <c r="M910" s="234"/>
      <c r="N910" s="65"/>
      <c r="O910" s="76"/>
      <c r="P910" s="76"/>
      <c r="Q910" s="65"/>
      <c r="R910" s="76"/>
      <c r="S910" s="76"/>
      <c r="T910" s="76"/>
      <c r="U910" s="76"/>
      <c r="V910" s="76"/>
      <c r="W910" s="76"/>
      <c r="X910" s="76"/>
      <c r="Y910" s="76"/>
      <c r="Z910" s="76"/>
      <c r="AA910" s="85"/>
      <c r="AB910" s="85"/>
      <c r="AC910" s="85"/>
      <c r="AD910" s="85"/>
      <c r="AE910" s="85"/>
      <c r="AF910" s="85"/>
      <c r="AG910" s="86"/>
      <c r="AH910" s="85"/>
      <c r="AI910" s="85"/>
      <c r="AJ910" s="85"/>
      <c r="AK910" s="85"/>
      <c r="AL910" s="85"/>
      <c r="AM910" s="92"/>
      <c r="AN910" s="92"/>
      <c r="AO910" s="92"/>
      <c r="AP910" s="92"/>
      <c r="AQ910" s="92"/>
      <c r="AR910" s="92"/>
      <c r="AS910" s="92"/>
      <c r="AT910" s="92"/>
      <c r="AU910" s="92"/>
      <c r="AV910" s="92"/>
      <c r="AW910" s="92"/>
      <c r="AX910" s="92"/>
      <c r="AY910" s="92"/>
      <c r="AZ910" s="93"/>
      <c r="BA910" s="93"/>
      <c r="BB910" s="93"/>
      <c r="BC910" s="93"/>
      <c r="BD910" s="93"/>
      <c r="BE910" s="93"/>
      <c r="BF910" s="93"/>
      <c r="BG910" s="93"/>
      <c r="BH910" s="93"/>
      <c r="BI910" s="93"/>
      <c r="BJ910" s="93"/>
      <c r="BK910" s="93"/>
      <c r="BL910" s="93"/>
    </row>
    <row r="911" spans="2:64" x14ac:dyDescent="0.2">
      <c r="B911" s="43"/>
      <c r="C911" s="73"/>
      <c r="D911" s="64"/>
      <c r="E911" s="55"/>
      <c r="F911" s="74"/>
      <c r="G911" s="74"/>
      <c r="H911" s="74"/>
      <c r="I911" s="75"/>
      <c r="J911" s="74"/>
      <c r="L911" s="55"/>
      <c r="M911" s="234"/>
      <c r="N911" s="65"/>
      <c r="O911" s="76"/>
      <c r="P911" s="76"/>
      <c r="Q911" s="65"/>
      <c r="R911" s="76"/>
      <c r="S911" s="76"/>
      <c r="T911" s="76"/>
      <c r="U911" s="76"/>
      <c r="V911" s="76"/>
      <c r="W911" s="76"/>
      <c r="X911" s="76"/>
      <c r="Y911" s="76"/>
      <c r="Z911" s="76"/>
      <c r="AA911" s="85"/>
      <c r="AB911" s="85"/>
      <c r="AC911" s="85"/>
      <c r="AD911" s="85"/>
      <c r="AE911" s="85"/>
      <c r="AF911" s="85"/>
      <c r="AG911" s="86"/>
      <c r="AH911" s="85"/>
      <c r="AI911" s="85"/>
      <c r="AJ911" s="85"/>
      <c r="AK911" s="85"/>
      <c r="AL911" s="85"/>
      <c r="AM911" s="92"/>
      <c r="AN911" s="92"/>
      <c r="AO911" s="92"/>
      <c r="AP911" s="92"/>
      <c r="AQ911" s="92"/>
      <c r="AR911" s="92"/>
      <c r="AS911" s="92"/>
      <c r="AT911" s="92"/>
      <c r="AU911" s="92"/>
      <c r="AV911" s="92"/>
      <c r="AW911" s="92"/>
      <c r="AX911" s="92"/>
      <c r="AY911" s="92"/>
      <c r="AZ911" s="93"/>
      <c r="BA911" s="93"/>
      <c r="BB911" s="93"/>
      <c r="BC911" s="93"/>
      <c r="BD911" s="93"/>
      <c r="BE911" s="93"/>
      <c r="BF911" s="93"/>
      <c r="BG911" s="93"/>
      <c r="BH911" s="93"/>
      <c r="BI911" s="93"/>
      <c r="BJ911" s="93"/>
      <c r="BK911" s="93"/>
      <c r="BL911" s="93"/>
    </row>
    <row r="912" spans="2:64" x14ac:dyDescent="0.2">
      <c r="B912" s="43"/>
      <c r="C912" s="73"/>
      <c r="D912" s="64"/>
      <c r="E912" s="55"/>
      <c r="F912" s="74"/>
      <c r="G912" s="74"/>
      <c r="H912" s="74"/>
      <c r="I912" s="75"/>
      <c r="J912" s="74"/>
      <c r="L912" s="55"/>
      <c r="M912" s="234"/>
      <c r="N912" s="65"/>
      <c r="O912" s="76"/>
      <c r="P912" s="76"/>
      <c r="Q912" s="65"/>
      <c r="R912" s="76"/>
      <c r="S912" s="76"/>
      <c r="T912" s="76"/>
      <c r="U912" s="76"/>
      <c r="V912" s="76"/>
      <c r="W912" s="76"/>
      <c r="X912" s="76"/>
      <c r="Y912" s="76"/>
      <c r="Z912" s="76"/>
      <c r="AA912" s="85"/>
      <c r="AB912" s="85"/>
      <c r="AC912" s="85"/>
      <c r="AD912" s="85"/>
      <c r="AE912" s="85"/>
      <c r="AF912" s="85"/>
      <c r="AG912" s="86"/>
      <c r="AH912" s="85"/>
      <c r="AI912" s="85"/>
      <c r="AJ912" s="85"/>
      <c r="AK912" s="85"/>
      <c r="AL912" s="85"/>
      <c r="AM912" s="92"/>
      <c r="AN912" s="92"/>
      <c r="AO912" s="92"/>
      <c r="AP912" s="92"/>
      <c r="AQ912" s="92"/>
      <c r="AR912" s="92"/>
      <c r="AS912" s="92"/>
      <c r="AT912" s="92"/>
      <c r="AU912" s="92"/>
      <c r="AV912" s="92"/>
      <c r="AW912" s="92"/>
      <c r="AX912" s="92"/>
      <c r="AY912" s="92"/>
      <c r="AZ912" s="93"/>
      <c r="BA912" s="93"/>
      <c r="BB912" s="93"/>
      <c r="BC912" s="93"/>
      <c r="BD912" s="93"/>
      <c r="BE912" s="93"/>
      <c r="BF912" s="93"/>
      <c r="BG912" s="93"/>
      <c r="BH912" s="93"/>
      <c r="BI912" s="93"/>
      <c r="BJ912" s="93"/>
      <c r="BK912" s="93"/>
      <c r="BL912" s="93"/>
    </row>
    <row r="913" spans="2:64" x14ac:dyDescent="0.2">
      <c r="B913" s="43"/>
      <c r="C913" s="73"/>
      <c r="D913" s="64"/>
      <c r="E913" s="55"/>
      <c r="F913" s="74"/>
      <c r="G913" s="74"/>
      <c r="H913" s="74"/>
      <c r="I913" s="75"/>
      <c r="J913" s="74"/>
      <c r="L913" s="55"/>
      <c r="M913" s="234"/>
      <c r="N913" s="65"/>
      <c r="O913" s="76"/>
      <c r="P913" s="76"/>
      <c r="Q913" s="65"/>
      <c r="R913" s="76"/>
      <c r="S913" s="76"/>
      <c r="T913" s="76"/>
      <c r="U913" s="76"/>
      <c r="V913" s="76"/>
      <c r="W913" s="76"/>
      <c r="X913" s="76"/>
      <c r="Y913" s="76"/>
      <c r="Z913" s="76"/>
      <c r="AA913" s="85"/>
      <c r="AB913" s="85"/>
      <c r="AC913" s="85"/>
      <c r="AD913" s="85"/>
      <c r="AE913" s="85"/>
      <c r="AF913" s="85"/>
      <c r="AG913" s="86"/>
      <c r="AH913" s="85"/>
      <c r="AI913" s="85"/>
      <c r="AJ913" s="85"/>
      <c r="AK913" s="85"/>
      <c r="AL913" s="85"/>
      <c r="AM913" s="92"/>
      <c r="AN913" s="92"/>
      <c r="AO913" s="92"/>
      <c r="AP913" s="92"/>
      <c r="AQ913" s="92"/>
      <c r="AR913" s="92"/>
      <c r="AS913" s="92"/>
      <c r="AT913" s="92"/>
      <c r="AU913" s="92"/>
      <c r="AV913" s="92"/>
      <c r="AW913" s="92"/>
      <c r="AX913" s="92"/>
      <c r="AY913" s="92"/>
      <c r="AZ913" s="93"/>
      <c r="BA913" s="93"/>
      <c r="BB913" s="93"/>
      <c r="BC913" s="93"/>
      <c r="BD913" s="93"/>
      <c r="BE913" s="93"/>
      <c r="BF913" s="93"/>
      <c r="BG913" s="93"/>
      <c r="BH913" s="93"/>
      <c r="BI913" s="93"/>
      <c r="BJ913" s="93"/>
      <c r="BK913" s="93"/>
      <c r="BL913" s="93"/>
    </row>
    <row r="914" spans="2:64" x14ac:dyDescent="0.2">
      <c r="B914" s="43"/>
      <c r="C914" s="73"/>
      <c r="D914" s="64"/>
      <c r="E914" s="55"/>
      <c r="F914" s="74"/>
      <c r="G914" s="74"/>
      <c r="H914" s="74"/>
      <c r="I914" s="75"/>
      <c r="J914" s="74"/>
      <c r="L914" s="55"/>
      <c r="M914" s="234"/>
      <c r="N914" s="65"/>
      <c r="O914" s="76"/>
      <c r="P914" s="76"/>
      <c r="Q914" s="65"/>
      <c r="R914" s="76"/>
      <c r="S914" s="76"/>
      <c r="T914" s="76"/>
      <c r="U914" s="76"/>
      <c r="V914" s="76"/>
      <c r="W914" s="76"/>
      <c r="X914" s="76"/>
      <c r="Y914" s="76"/>
      <c r="Z914" s="76"/>
      <c r="AA914" s="85"/>
      <c r="AB914" s="85"/>
      <c r="AC914" s="85"/>
      <c r="AD914" s="85"/>
      <c r="AE914" s="85"/>
      <c r="AF914" s="85"/>
      <c r="AG914" s="86"/>
      <c r="AH914" s="85"/>
      <c r="AI914" s="85"/>
      <c r="AJ914" s="85"/>
      <c r="AK914" s="85"/>
      <c r="AL914" s="85"/>
      <c r="AM914" s="92"/>
      <c r="AN914" s="92"/>
      <c r="AO914" s="92"/>
      <c r="AP914" s="92"/>
      <c r="AQ914" s="92"/>
      <c r="AR914" s="92"/>
      <c r="AS914" s="92"/>
      <c r="AT914" s="92"/>
      <c r="AU914" s="92"/>
      <c r="AV914" s="92"/>
      <c r="AW914" s="92"/>
      <c r="AX914" s="92"/>
      <c r="AY914" s="92"/>
      <c r="AZ914" s="93"/>
      <c r="BA914" s="93"/>
      <c r="BB914" s="93"/>
      <c r="BC914" s="93"/>
      <c r="BD914" s="93"/>
      <c r="BE914" s="93"/>
      <c r="BF914" s="93"/>
      <c r="BG914" s="93"/>
      <c r="BH914" s="93"/>
      <c r="BI914" s="93"/>
      <c r="BJ914" s="93"/>
      <c r="BK914" s="93"/>
      <c r="BL914" s="93"/>
    </row>
    <row r="915" spans="2:64" x14ac:dyDescent="0.2">
      <c r="B915" s="43"/>
      <c r="C915" s="73"/>
      <c r="D915" s="64"/>
      <c r="E915" s="55"/>
      <c r="F915" s="74"/>
      <c r="G915" s="74"/>
      <c r="H915" s="74"/>
      <c r="I915" s="75"/>
      <c r="J915" s="74"/>
      <c r="L915" s="55"/>
      <c r="M915" s="234"/>
      <c r="N915" s="65"/>
      <c r="O915" s="76"/>
      <c r="P915" s="76"/>
      <c r="Q915" s="65"/>
      <c r="R915" s="76"/>
      <c r="S915" s="76"/>
      <c r="T915" s="76"/>
      <c r="U915" s="76"/>
      <c r="V915" s="76"/>
      <c r="W915" s="76"/>
      <c r="X915" s="76"/>
      <c r="Y915" s="76"/>
      <c r="Z915" s="76"/>
      <c r="AA915" s="85"/>
      <c r="AB915" s="85"/>
      <c r="AC915" s="85"/>
      <c r="AD915" s="85"/>
      <c r="AE915" s="85"/>
      <c r="AF915" s="85"/>
      <c r="AG915" s="86"/>
      <c r="AH915" s="85"/>
      <c r="AI915" s="85"/>
      <c r="AJ915" s="85"/>
      <c r="AK915" s="85"/>
      <c r="AL915" s="85"/>
      <c r="AM915" s="92"/>
      <c r="AN915" s="92"/>
      <c r="AO915" s="92"/>
      <c r="AP915" s="92"/>
      <c r="AQ915" s="92"/>
      <c r="AR915" s="92"/>
      <c r="AS915" s="92"/>
      <c r="AT915" s="92"/>
      <c r="AU915" s="92"/>
      <c r="AV915" s="92"/>
      <c r="AW915" s="92"/>
      <c r="AX915" s="92"/>
      <c r="AY915" s="92"/>
      <c r="AZ915" s="93"/>
      <c r="BA915" s="93"/>
      <c r="BB915" s="93"/>
      <c r="BC915" s="93"/>
      <c r="BD915" s="93"/>
      <c r="BE915" s="93"/>
      <c r="BF915" s="93"/>
      <c r="BG915" s="93"/>
      <c r="BH915" s="93"/>
      <c r="BI915" s="93"/>
      <c r="BJ915" s="93"/>
      <c r="BK915" s="93"/>
      <c r="BL915" s="93"/>
    </row>
    <row r="916" spans="2:64" x14ac:dyDescent="0.2">
      <c r="B916" s="43"/>
      <c r="C916" s="73"/>
      <c r="D916" s="64"/>
      <c r="E916" s="55"/>
      <c r="F916" s="74"/>
      <c r="G916" s="74"/>
      <c r="H916" s="74"/>
      <c r="I916" s="75"/>
      <c r="J916" s="74"/>
      <c r="L916" s="55"/>
      <c r="M916" s="234"/>
      <c r="N916" s="65"/>
      <c r="O916" s="76"/>
      <c r="P916" s="76"/>
      <c r="Q916" s="65"/>
      <c r="R916" s="76"/>
      <c r="S916" s="76"/>
      <c r="T916" s="76"/>
      <c r="U916" s="76"/>
      <c r="V916" s="76"/>
      <c r="W916" s="76"/>
      <c r="X916" s="76"/>
      <c r="Y916" s="76"/>
      <c r="Z916" s="76"/>
      <c r="AA916" s="85"/>
      <c r="AB916" s="85"/>
      <c r="AC916" s="85"/>
      <c r="AD916" s="85"/>
      <c r="AE916" s="85"/>
      <c r="AF916" s="85"/>
      <c r="AG916" s="86"/>
      <c r="AH916" s="85"/>
      <c r="AI916" s="85"/>
      <c r="AJ916" s="85"/>
      <c r="AK916" s="85"/>
      <c r="AL916" s="85"/>
      <c r="AM916" s="92"/>
      <c r="AN916" s="92"/>
      <c r="AO916" s="92"/>
      <c r="AP916" s="92"/>
      <c r="AQ916" s="92"/>
      <c r="AR916" s="92"/>
      <c r="AS916" s="92"/>
      <c r="AT916" s="92"/>
      <c r="AU916" s="92"/>
      <c r="AV916" s="92"/>
      <c r="AW916" s="92"/>
      <c r="AX916" s="92"/>
      <c r="AY916" s="92"/>
      <c r="AZ916" s="93"/>
      <c r="BA916" s="93"/>
      <c r="BB916" s="93"/>
      <c r="BC916" s="93"/>
      <c r="BD916" s="93"/>
      <c r="BE916" s="93"/>
      <c r="BF916" s="93"/>
      <c r="BG916" s="93"/>
      <c r="BH916" s="93"/>
      <c r="BI916" s="93"/>
      <c r="BJ916" s="93"/>
      <c r="BK916" s="93"/>
      <c r="BL916" s="93"/>
    </row>
    <row r="917" spans="2:64" x14ac:dyDescent="0.2">
      <c r="B917" s="43"/>
      <c r="C917" s="73"/>
      <c r="D917" s="64"/>
      <c r="E917" s="55"/>
      <c r="F917" s="74"/>
      <c r="G917" s="74"/>
      <c r="H917" s="74"/>
      <c r="I917" s="75"/>
      <c r="J917" s="74"/>
      <c r="L917" s="55"/>
      <c r="M917" s="234"/>
      <c r="N917" s="65"/>
      <c r="O917" s="76"/>
      <c r="P917" s="76"/>
      <c r="Q917" s="65"/>
      <c r="R917" s="76"/>
      <c r="S917" s="76"/>
      <c r="T917" s="76"/>
      <c r="U917" s="76"/>
      <c r="V917" s="76"/>
      <c r="W917" s="76"/>
      <c r="X917" s="76"/>
      <c r="Y917" s="76"/>
      <c r="Z917" s="76"/>
      <c r="AA917" s="85"/>
      <c r="AB917" s="85"/>
      <c r="AC917" s="85"/>
      <c r="AD917" s="85"/>
      <c r="AE917" s="85"/>
      <c r="AF917" s="85"/>
      <c r="AG917" s="86"/>
      <c r="AH917" s="85"/>
      <c r="AI917" s="85"/>
      <c r="AJ917" s="85"/>
      <c r="AK917" s="85"/>
      <c r="AL917" s="85"/>
      <c r="AM917" s="92"/>
      <c r="AN917" s="92"/>
      <c r="AO917" s="92"/>
      <c r="AP917" s="92"/>
      <c r="AQ917" s="92"/>
      <c r="AR917" s="92"/>
      <c r="AS917" s="92"/>
      <c r="AT917" s="92"/>
      <c r="AU917" s="92"/>
      <c r="AV917" s="92"/>
      <c r="AW917" s="92"/>
      <c r="AX917" s="92"/>
      <c r="AY917" s="92"/>
      <c r="AZ917" s="93"/>
      <c r="BA917" s="93"/>
      <c r="BB917" s="93"/>
      <c r="BC917" s="93"/>
      <c r="BD917" s="93"/>
      <c r="BE917" s="93"/>
      <c r="BF917" s="93"/>
      <c r="BG917" s="93"/>
      <c r="BH917" s="93"/>
      <c r="BI917" s="93"/>
      <c r="BJ917" s="93"/>
      <c r="BK917" s="93"/>
      <c r="BL917" s="93"/>
    </row>
    <row r="918" spans="2:64" x14ac:dyDescent="0.2">
      <c r="B918" s="43"/>
      <c r="C918" s="73"/>
      <c r="D918" s="64"/>
      <c r="E918" s="55"/>
      <c r="F918" s="74"/>
      <c r="G918" s="74"/>
      <c r="H918" s="74"/>
      <c r="I918" s="75"/>
      <c r="J918" s="74"/>
      <c r="L918" s="55"/>
      <c r="M918" s="234"/>
      <c r="N918" s="65"/>
      <c r="O918" s="76"/>
      <c r="P918" s="76"/>
      <c r="Q918" s="65"/>
      <c r="R918" s="76"/>
      <c r="S918" s="76"/>
      <c r="T918" s="76"/>
      <c r="U918" s="76"/>
      <c r="V918" s="76"/>
      <c r="W918" s="76"/>
      <c r="X918" s="76"/>
      <c r="Y918" s="76"/>
      <c r="Z918" s="76"/>
      <c r="AA918" s="85"/>
      <c r="AB918" s="85"/>
      <c r="AC918" s="85"/>
      <c r="AD918" s="85"/>
      <c r="AE918" s="85"/>
      <c r="AF918" s="85"/>
      <c r="AG918" s="86"/>
      <c r="AH918" s="85"/>
      <c r="AI918" s="85"/>
      <c r="AJ918" s="85"/>
      <c r="AK918" s="85"/>
      <c r="AL918" s="85"/>
      <c r="AM918" s="92"/>
      <c r="AN918" s="92"/>
      <c r="AO918" s="92"/>
      <c r="AP918" s="92"/>
      <c r="AQ918" s="92"/>
      <c r="AR918" s="92"/>
      <c r="AS918" s="92"/>
      <c r="AT918" s="92"/>
      <c r="AU918" s="92"/>
      <c r="AV918" s="92"/>
      <c r="AW918" s="92"/>
      <c r="AX918" s="92"/>
      <c r="AY918" s="92"/>
      <c r="AZ918" s="93"/>
      <c r="BA918" s="93"/>
      <c r="BB918" s="93"/>
      <c r="BC918" s="93"/>
      <c r="BD918" s="93"/>
      <c r="BE918" s="93"/>
      <c r="BF918" s="93"/>
      <c r="BG918" s="93"/>
      <c r="BH918" s="93"/>
      <c r="BI918" s="93"/>
      <c r="BJ918" s="93"/>
      <c r="BK918" s="93"/>
      <c r="BL918" s="93"/>
    </row>
    <row r="919" spans="2:64" x14ac:dyDescent="0.2">
      <c r="B919" s="43"/>
      <c r="C919" s="73"/>
      <c r="D919" s="64"/>
      <c r="E919" s="55"/>
      <c r="F919" s="74"/>
      <c r="G919" s="74"/>
      <c r="H919" s="74"/>
      <c r="I919" s="75"/>
      <c r="J919" s="74"/>
      <c r="L919" s="55"/>
      <c r="M919" s="234"/>
      <c r="N919" s="65"/>
      <c r="O919" s="76"/>
      <c r="P919" s="76"/>
      <c r="Q919" s="65"/>
      <c r="R919" s="76"/>
      <c r="S919" s="76"/>
      <c r="T919" s="76"/>
      <c r="U919" s="76"/>
      <c r="V919" s="76"/>
      <c r="W919" s="76"/>
      <c r="X919" s="76"/>
      <c r="Y919" s="76"/>
      <c r="Z919" s="76"/>
      <c r="AA919" s="85"/>
      <c r="AB919" s="85"/>
      <c r="AC919" s="85"/>
      <c r="AD919" s="85"/>
      <c r="AE919" s="85"/>
      <c r="AF919" s="85"/>
      <c r="AG919" s="86"/>
      <c r="AH919" s="85"/>
      <c r="AI919" s="85"/>
      <c r="AJ919" s="85"/>
      <c r="AK919" s="85"/>
      <c r="AL919" s="85"/>
      <c r="AM919" s="92"/>
      <c r="AN919" s="92"/>
      <c r="AO919" s="92"/>
      <c r="AP919" s="92"/>
      <c r="AQ919" s="92"/>
      <c r="AR919" s="92"/>
      <c r="AS919" s="92"/>
      <c r="AT919" s="92"/>
      <c r="AU919" s="92"/>
      <c r="AV919" s="92"/>
      <c r="AW919" s="92"/>
      <c r="AX919" s="92"/>
      <c r="AY919" s="92"/>
      <c r="AZ919" s="93"/>
      <c r="BA919" s="93"/>
      <c r="BB919" s="93"/>
      <c r="BC919" s="93"/>
      <c r="BD919" s="93"/>
      <c r="BE919" s="93"/>
      <c r="BF919" s="93"/>
      <c r="BG919" s="93"/>
      <c r="BH919" s="93"/>
      <c r="BI919" s="93"/>
      <c r="BJ919" s="93"/>
      <c r="BK919" s="93"/>
      <c r="BL919" s="93"/>
    </row>
    <row r="920" spans="2:64" x14ac:dyDescent="0.2">
      <c r="B920" s="43"/>
      <c r="C920" s="73"/>
      <c r="D920" s="64"/>
      <c r="E920" s="55"/>
      <c r="F920" s="74"/>
      <c r="G920" s="74"/>
      <c r="H920" s="74"/>
      <c r="I920" s="75"/>
      <c r="J920" s="74"/>
      <c r="L920" s="55"/>
      <c r="M920" s="234"/>
      <c r="N920" s="65"/>
      <c r="O920" s="76"/>
      <c r="P920" s="76"/>
      <c r="Q920" s="65"/>
      <c r="R920" s="76"/>
      <c r="S920" s="76"/>
      <c r="T920" s="76"/>
      <c r="U920" s="76"/>
      <c r="V920" s="76"/>
      <c r="W920" s="76"/>
      <c r="X920" s="76"/>
      <c r="Y920" s="76"/>
      <c r="Z920" s="76"/>
      <c r="AA920" s="85"/>
      <c r="AB920" s="85"/>
      <c r="AC920" s="85"/>
      <c r="AD920" s="85"/>
      <c r="AE920" s="85"/>
      <c r="AF920" s="85"/>
      <c r="AG920" s="86"/>
      <c r="AH920" s="85"/>
      <c r="AI920" s="85"/>
      <c r="AJ920" s="85"/>
      <c r="AK920" s="85"/>
      <c r="AL920" s="85"/>
      <c r="AM920" s="92"/>
      <c r="AN920" s="92"/>
      <c r="AO920" s="92"/>
      <c r="AP920" s="92"/>
      <c r="AQ920" s="92"/>
      <c r="AR920" s="92"/>
      <c r="AS920" s="92"/>
      <c r="AT920" s="92"/>
      <c r="AU920" s="92"/>
      <c r="AV920" s="92"/>
      <c r="AW920" s="92"/>
      <c r="AX920" s="92"/>
      <c r="AY920" s="92"/>
      <c r="AZ920" s="93"/>
      <c r="BA920" s="93"/>
      <c r="BB920" s="93"/>
      <c r="BC920" s="93"/>
      <c r="BD920" s="93"/>
      <c r="BE920" s="93"/>
      <c r="BF920" s="93"/>
      <c r="BG920" s="93"/>
      <c r="BH920" s="93"/>
      <c r="BI920" s="93"/>
      <c r="BJ920" s="93"/>
      <c r="BK920" s="93"/>
      <c r="BL920" s="93"/>
    </row>
    <row r="921" spans="2:64" x14ac:dyDescent="0.2">
      <c r="B921" s="43"/>
      <c r="C921" s="73"/>
      <c r="D921" s="64"/>
      <c r="E921" s="55"/>
      <c r="F921" s="74"/>
      <c r="G921" s="74"/>
      <c r="H921" s="74"/>
      <c r="I921" s="75"/>
      <c r="J921" s="74"/>
      <c r="L921" s="55"/>
      <c r="M921" s="234"/>
      <c r="N921" s="65"/>
      <c r="O921" s="76"/>
      <c r="P921" s="76"/>
      <c r="Q921" s="65"/>
      <c r="R921" s="76"/>
      <c r="S921" s="76"/>
      <c r="T921" s="76"/>
      <c r="U921" s="76"/>
      <c r="V921" s="76"/>
      <c r="W921" s="76"/>
      <c r="X921" s="76"/>
      <c r="Y921" s="76"/>
      <c r="Z921" s="76"/>
      <c r="AA921" s="85"/>
      <c r="AB921" s="85"/>
      <c r="AC921" s="85"/>
      <c r="AD921" s="85"/>
      <c r="AE921" s="85"/>
      <c r="AF921" s="85"/>
      <c r="AG921" s="86"/>
      <c r="AH921" s="85"/>
      <c r="AI921" s="85"/>
      <c r="AJ921" s="85"/>
      <c r="AK921" s="85"/>
      <c r="AL921" s="85"/>
      <c r="AM921" s="92"/>
      <c r="AN921" s="92"/>
      <c r="AO921" s="92"/>
      <c r="AP921" s="92"/>
      <c r="AQ921" s="92"/>
      <c r="AR921" s="92"/>
      <c r="AS921" s="92"/>
      <c r="AT921" s="92"/>
      <c r="AU921" s="92"/>
      <c r="AV921" s="92"/>
      <c r="AW921" s="92"/>
      <c r="AX921" s="92"/>
      <c r="AY921" s="92"/>
      <c r="AZ921" s="93"/>
      <c r="BA921" s="93"/>
      <c r="BB921" s="93"/>
      <c r="BC921" s="93"/>
      <c r="BD921" s="93"/>
      <c r="BE921" s="93"/>
      <c r="BF921" s="93"/>
      <c r="BG921" s="93"/>
      <c r="BH921" s="93"/>
      <c r="BI921" s="93"/>
      <c r="BJ921" s="93"/>
      <c r="BK921" s="93"/>
      <c r="BL921" s="93"/>
    </row>
    <row r="922" spans="2:64" x14ac:dyDescent="0.2">
      <c r="B922" s="43"/>
      <c r="C922" s="73"/>
      <c r="D922" s="64"/>
      <c r="E922" s="55"/>
      <c r="F922" s="74"/>
      <c r="G922" s="74"/>
      <c r="H922" s="74"/>
      <c r="I922" s="75"/>
      <c r="J922" s="74"/>
      <c r="L922" s="55"/>
      <c r="M922" s="234"/>
      <c r="N922" s="65"/>
      <c r="O922" s="76"/>
      <c r="P922" s="76"/>
      <c r="Q922" s="65"/>
      <c r="R922" s="76"/>
      <c r="S922" s="76"/>
      <c r="T922" s="76"/>
      <c r="U922" s="76"/>
      <c r="V922" s="76"/>
      <c r="W922" s="76"/>
      <c r="X922" s="76"/>
      <c r="Y922" s="76"/>
      <c r="Z922" s="76"/>
      <c r="AA922" s="85"/>
      <c r="AB922" s="85"/>
      <c r="AC922" s="85"/>
      <c r="AD922" s="85"/>
      <c r="AE922" s="85"/>
      <c r="AF922" s="85"/>
      <c r="AG922" s="86"/>
      <c r="AH922" s="85"/>
      <c r="AI922" s="85"/>
      <c r="AJ922" s="85"/>
      <c r="AK922" s="85"/>
      <c r="AL922" s="85"/>
      <c r="AM922" s="92"/>
      <c r="AN922" s="92"/>
      <c r="AO922" s="92"/>
      <c r="AP922" s="92"/>
      <c r="AQ922" s="92"/>
      <c r="AR922" s="92"/>
      <c r="AS922" s="92"/>
      <c r="AT922" s="92"/>
      <c r="AU922" s="92"/>
      <c r="AV922" s="92"/>
      <c r="AW922" s="92"/>
      <c r="AX922" s="92"/>
      <c r="AY922" s="92"/>
      <c r="AZ922" s="93"/>
      <c r="BA922" s="93"/>
      <c r="BB922" s="93"/>
      <c r="BC922" s="93"/>
      <c r="BD922" s="93"/>
      <c r="BE922" s="93"/>
      <c r="BF922" s="93"/>
      <c r="BG922" s="93"/>
      <c r="BH922" s="93"/>
      <c r="BI922" s="93"/>
      <c r="BJ922" s="93"/>
      <c r="BK922" s="93"/>
      <c r="BL922" s="93"/>
    </row>
    <row r="923" spans="2:64" x14ac:dyDescent="0.2">
      <c r="B923" s="43"/>
      <c r="C923" s="73"/>
      <c r="D923" s="64"/>
      <c r="E923" s="55"/>
      <c r="F923" s="74"/>
      <c r="G923" s="74"/>
      <c r="H923" s="74"/>
      <c r="I923" s="75"/>
      <c r="J923" s="74"/>
      <c r="L923" s="55"/>
      <c r="M923" s="234"/>
      <c r="N923" s="65"/>
      <c r="O923" s="76"/>
      <c r="P923" s="76"/>
      <c r="Q923" s="65"/>
      <c r="R923" s="76"/>
      <c r="S923" s="76"/>
      <c r="T923" s="76"/>
      <c r="U923" s="76"/>
      <c r="V923" s="76"/>
      <c r="W923" s="76"/>
      <c r="X923" s="76"/>
      <c r="Y923" s="76"/>
      <c r="Z923" s="76"/>
      <c r="AA923" s="85"/>
      <c r="AB923" s="85"/>
      <c r="AC923" s="85"/>
      <c r="AD923" s="85"/>
      <c r="AE923" s="85"/>
      <c r="AF923" s="85"/>
      <c r="AG923" s="86"/>
      <c r="AH923" s="85"/>
      <c r="AI923" s="85"/>
      <c r="AJ923" s="85"/>
      <c r="AK923" s="85"/>
      <c r="AL923" s="85"/>
      <c r="AM923" s="92"/>
      <c r="AN923" s="92"/>
      <c r="AO923" s="92"/>
      <c r="AP923" s="92"/>
      <c r="AQ923" s="92"/>
      <c r="AR923" s="92"/>
      <c r="AS923" s="92"/>
      <c r="AT923" s="92"/>
      <c r="AU923" s="92"/>
      <c r="AV923" s="92"/>
      <c r="AW923" s="92"/>
      <c r="AX923" s="92"/>
      <c r="AY923" s="92"/>
      <c r="AZ923" s="93"/>
      <c r="BA923" s="93"/>
      <c r="BB923" s="93"/>
      <c r="BC923" s="93"/>
      <c r="BD923" s="93"/>
      <c r="BE923" s="93"/>
      <c r="BF923" s="93"/>
      <c r="BG923" s="93"/>
      <c r="BH923" s="93"/>
      <c r="BI923" s="93"/>
      <c r="BJ923" s="93"/>
      <c r="BK923" s="93"/>
      <c r="BL923" s="93"/>
    </row>
    <row r="924" spans="2:64" x14ac:dyDescent="0.2">
      <c r="B924" s="43"/>
      <c r="C924" s="73"/>
      <c r="D924" s="64"/>
      <c r="E924" s="55"/>
      <c r="F924" s="74"/>
      <c r="G924" s="74"/>
      <c r="H924" s="74"/>
      <c r="I924" s="75"/>
      <c r="J924" s="74"/>
      <c r="L924" s="55"/>
      <c r="M924" s="234"/>
      <c r="N924" s="65"/>
      <c r="O924" s="76"/>
      <c r="P924" s="76"/>
      <c r="Q924" s="65"/>
      <c r="R924" s="76"/>
      <c r="S924" s="76"/>
      <c r="T924" s="76"/>
      <c r="U924" s="76"/>
      <c r="V924" s="76"/>
      <c r="W924" s="76"/>
      <c r="X924" s="76"/>
      <c r="Y924" s="76"/>
      <c r="Z924" s="76"/>
      <c r="AA924" s="85"/>
      <c r="AB924" s="85"/>
      <c r="AC924" s="85"/>
      <c r="AD924" s="85"/>
      <c r="AE924" s="85"/>
      <c r="AF924" s="85"/>
      <c r="AG924" s="86"/>
      <c r="AH924" s="85"/>
      <c r="AI924" s="85"/>
      <c r="AJ924" s="85"/>
      <c r="AK924" s="85"/>
      <c r="AL924" s="85"/>
      <c r="AM924" s="92"/>
      <c r="AN924" s="92"/>
      <c r="AO924" s="92"/>
      <c r="AP924" s="92"/>
      <c r="AQ924" s="92"/>
      <c r="AR924" s="92"/>
      <c r="AS924" s="92"/>
      <c r="AT924" s="92"/>
      <c r="AU924" s="92"/>
      <c r="AV924" s="92"/>
      <c r="AW924" s="92"/>
      <c r="AX924" s="92"/>
      <c r="AY924" s="92"/>
      <c r="AZ924" s="93"/>
      <c r="BA924" s="93"/>
      <c r="BB924" s="93"/>
      <c r="BC924" s="93"/>
      <c r="BD924" s="93"/>
      <c r="BE924" s="93"/>
      <c r="BF924" s="93"/>
      <c r="BG924" s="93"/>
      <c r="BH924" s="93"/>
      <c r="BI924" s="93"/>
      <c r="BJ924" s="93"/>
      <c r="BK924" s="93"/>
      <c r="BL924" s="93"/>
    </row>
    <row r="925" spans="2:64" x14ac:dyDescent="0.2">
      <c r="B925" s="43"/>
      <c r="C925" s="73"/>
      <c r="D925" s="64"/>
      <c r="E925" s="55"/>
      <c r="F925" s="74"/>
      <c r="G925" s="74"/>
      <c r="H925" s="74"/>
      <c r="I925" s="75"/>
      <c r="J925" s="74"/>
      <c r="L925" s="55"/>
      <c r="M925" s="234"/>
      <c r="N925" s="65"/>
      <c r="O925" s="76"/>
      <c r="P925" s="76"/>
      <c r="Q925" s="65"/>
      <c r="R925" s="76"/>
      <c r="S925" s="76"/>
      <c r="T925" s="76"/>
      <c r="U925" s="76"/>
      <c r="V925" s="76"/>
      <c r="W925" s="76"/>
      <c r="X925" s="76"/>
      <c r="Y925" s="76"/>
      <c r="Z925" s="76"/>
      <c r="AA925" s="85"/>
      <c r="AB925" s="85"/>
      <c r="AC925" s="85"/>
      <c r="AD925" s="85"/>
      <c r="AE925" s="85"/>
      <c r="AF925" s="85"/>
      <c r="AG925" s="86"/>
      <c r="AH925" s="85"/>
      <c r="AI925" s="85"/>
      <c r="AJ925" s="85"/>
      <c r="AK925" s="85"/>
      <c r="AL925" s="85"/>
      <c r="AM925" s="92"/>
      <c r="AN925" s="92"/>
      <c r="AO925" s="92"/>
      <c r="AP925" s="92"/>
      <c r="AQ925" s="92"/>
      <c r="AR925" s="92"/>
      <c r="AS925" s="92"/>
      <c r="AT925" s="92"/>
      <c r="AU925" s="92"/>
      <c r="AV925" s="92"/>
      <c r="AW925" s="92"/>
      <c r="AX925" s="92"/>
      <c r="AY925" s="92"/>
      <c r="AZ925" s="93"/>
      <c r="BA925" s="93"/>
      <c r="BB925" s="93"/>
      <c r="BC925" s="93"/>
      <c r="BD925" s="93"/>
      <c r="BE925" s="93"/>
      <c r="BF925" s="93"/>
      <c r="BG925" s="93"/>
      <c r="BH925" s="93"/>
      <c r="BI925" s="93"/>
      <c r="BJ925" s="93"/>
      <c r="BK925" s="93"/>
      <c r="BL925" s="93"/>
    </row>
    <row r="926" spans="2:64" x14ac:dyDescent="0.2">
      <c r="B926" s="43"/>
      <c r="C926" s="73"/>
      <c r="D926" s="64"/>
      <c r="E926" s="55"/>
      <c r="F926" s="74"/>
      <c r="G926" s="74"/>
      <c r="H926" s="74"/>
      <c r="I926" s="75"/>
      <c r="J926" s="74"/>
      <c r="L926" s="55"/>
      <c r="M926" s="234"/>
      <c r="N926" s="65"/>
      <c r="O926" s="76"/>
      <c r="P926" s="76"/>
      <c r="Q926" s="65"/>
      <c r="R926" s="76"/>
      <c r="S926" s="76"/>
      <c r="T926" s="76"/>
      <c r="U926" s="76"/>
      <c r="V926" s="76"/>
      <c r="W926" s="76"/>
      <c r="X926" s="76"/>
      <c r="Y926" s="76"/>
      <c r="Z926" s="76"/>
      <c r="AA926" s="85"/>
      <c r="AB926" s="85"/>
      <c r="AC926" s="85"/>
      <c r="AD926" s="85"/>
      <c r="AE926" s="85"/>
      <c r="AF926" s="85"/>
      <c r="AG926" s="86"/>
      <c r="AH926" s="85"/>
      <c r="AI926" s="85"/>
      <c r="AJ926" s="85"/>
      <c r="AK926" s="85"/>
      <c r="AL926" s="85"/>
      <c r="AM926" s="92"/>
      <c r="AN926" s="92"/>
      <c r="AO926" s="92"/>
      <c r="AP926" s="92"/>
      <c r="AQ926" s="92"/>
      <c r="AR926" s="92"/>
      <c r="AS926" s="92"/>
      <c r="AT926" s="92"/>
      <c r="AU926" s="92"/>
      <c r="AV926" s="92"/>
      <c r="AW926" s="92"/>
      <c r="AX926" s="92"/>
      <c r="AY926" s="92"/>
      <c r="AZ926" s="93"/>
      <c r="BA926" s="93"/>
      <c r="BB926" s="93"/>
      <c r="BC926" s="93"/>
      <c r="BD926" s="93"/>
      <c r="BE926" s="93"/>
      <c r="BF926" s="93"/>
      <c r="BG926" s="93"/>
      <c r="BH926" s="93"/>
      <c r="BI926" s="93"/>
      <c r="BJ926" s="93"/>
      <c r="BK926" s="93"/>
      <c r="BL926" s="93"/>
    </row>
    <row r="927" spans="2:64" x14ac:dyDescent="0.2">
      <c r="B927" s="43"/>
      <c r="C927" s="73"/>
      <c r="D927" s="64"/>
      <c r="E927" s="55"/>
      <c r="F927" s="74"/>
      <c r="G927" s="74"/>
      <c r="H927" s="74"/>
      <c r="I927" s="75"/>
      <c r="J927" s="74"/>
      <c r="L927" s="55"/>
      <c r="M927" s="234"/>
      <c r="N927" s="65"/>
      <c r="O927" s="76"/>
      <c r="P927" s="76"/>
      <c r="Q927" s="65"/>
      <c r="R927" s="76"/>
      <c r="S927" s="76"/>
      <c r="T927" s="76"/>
      <c r="U927" s="76"/>
      <c r="V927" s="76"/>
      <c r="W927" s="76"/>
      <c r="X927" s="76"/>
      <c r="Y927" s="76"/>
      <c r="Z927" s="76"/>
      <c r="AA927" s="85"/>
      <c r="AB927" s="85"/>
      <c r="AC927" s="85"/>
      <c r="AD927" s="85"/>
      <c r="AE927" s="85"/>
      <c r="AF927" s="85"/>
      <c r="AG927" s="86"/>
      <c r="AH927" s="85"/>
      <c r="AI927" s="85"/>
      <c r="AJ927" s="85"/>
      <c r="AK927" s="85"/>
      <c r="AL927" s="85"/>
      <c r="AM927" s="92"/>
      <c r="AN927" s="92"/>
      <c r="AO927" s="92"/>
      <c r="AP927" s="92"/>
      <c r="AQ927" s="92"/>
      <c r="AR927" s="92"/>
      <c r="AS927" s="92"/>
      <c r="AT927" s="92"/>
      <c r="AU927" s="92"/>
      <c r="AV927" s="92"/>
      <c r="AW927" s="92"/>
      <c r="AX927" s="92"/>
      <c r="AY927" s="92"/>
      <c r="AZ927" s="93"/>
      <c r="BA927" s="93"/>
      <c r="BB927" s="93"/>
      <c r="BC927" s="93"/>
      <c r="BD927" s="93"/>
      <c r="BE927" s="93"/>
      <c r="BF927" s="93"/>
      <c r="BG927" s="93"/>
      <c r="BH927" s="93"/>
      <c r="BI927" s="93"/>
      <c r="BJ927" s="93"/>
      <c r="BK927" s="93"/>
      <c r="BL927" s="93"/>
    </row>
    <row r="928" spans="2:64" x14ac:dyDescent="0.2">
      <c r="B928" s="43"/>
      <c r="C928" s="73"/>
      <c r="D928" s="64"/>
      <c r="E928" s="55"/>
      <c r="F928" s="74"/>
      <c r="G928" s="74"/>
      <c r="H928" s="74"/>
      <c r="I928" s="75"/>
      <c r="J928" s="74"/>
      <c r="L928" s="55"/>
      <c r="M928" s="234"/>
      <c r="N928" s="65"/>
      <c r="O928" s="76"/>
      <c r="P928" s="76"/>
      <c r="Q928" s="65"/>
      <c r="R928" s="76"/>
      <c r="S928" s="76"/>
      <c r="T928" s="76"/>
      <c r="U928" s="76"/>
      <c r="V928" s="76"/>
      <c r="W928" s="76"/>
      <c r="X928" s="76"/>
      <c r="Y928" s="76"/>
      <c r="Z928" s="76"/>
      <c r="AA928" s="85"/>
      <c r="AB928" s="85"/>
      <c r="AC928" s="85"/>
      <c r="AD928" s="85"/>
      <c r="AE928" s="85"/>
      <c r="AF928" s="85"/>
      <c r="AG928" s="86"/>
      <c r="AH928" s="85"/>
      <c r="AI928" s="85"/>
      <c r="AJ928" s="85"/>
      <c r="AK928" s="85"/>
      <c r="AL928" s="85"/>
      <c r="AM928" s="92"/>
      <c r="AN928" s="92"/>
      <c r="AO928" s="92"/>
      <c r="AP928" s="92"/>
      <c r="AQ928" s="92"/>
      <c r="AR928" s="92"/>
      <c r="AS928" s="92"/>
      <c r="AT928" s="92"/>
      <c r="AU928" s="92"/>
      <c r="AV928" s="92"/>
      <c r="AW928" s="92"/>
      <c r="AX928" s="92"/>
      <c r="AY928" s="92"/>
      <c r="AZ928" s="93"/>
      <c r="BA928" s="93"/>
      <c r="BB928" s="93"/>
      <c r="BC928" s="93"/>
      <c r="BD928" s="93"/>
      <c r="BE928" s="93"/>
      <c r="BF928" s="93"/>
      <c r="BG928" s="93"/>
      <c r="BH928" s="93"/>
      <c r="BI928" s="93"/>
      <c r="BJ928" s="93"/>
      <c r="BK928" s="93"/>
      <c r="BL928" s="93"/>
    </row>
    <row r="929" spans="2:64" x14ac:dyDescent="0.2">
      <c r="B929" s="43"/>
      <c r="C929" s="73"/>
      <c r="D929" s="64"/>
      <c r="E929" s="55"/>
      <c r="F929" s="74"/>
      <c r="G929" s="74"/>
      <c r="H929" s="74"/>
      <c r="I929" s="75"/>
      <c r="J929" s="74"/>
      <c r="L929" s="55"/>
      <c r="M929" s="234"/>
      <c r="N929" s="65"/>
      <c r="O929" s="76"/>
      <c r="P929" s="76"/>
      <c r="Q929" s="65"/>
      <c r="R929" s="76"/>
      <c r="S929" s="76"/>
      <c r="T929" s="76"/>
      <c r="U929" s="76"/>
      <c r="V929" s="76"/>
      <c r="W929" s="76"/>
      <c r="X929" s="76"/>
      <c r="Y929" s="76"/>
      <c r="Z929" s="76"/>
      <c r="AA929" s="85"/>
      <c r="AB929" s="85"/>
      <c r="AC929" s="85"/>
      <c r="AD929" s="85"/>
      <c r="AE929" s="85"/>
      <c r="AF929" s="85"/>
      <c r="AG929" s="86"/>
      <c r="AH929" s="85"/>
      <c r="AI929" s="85"/>
      <c r="AJ929" s="85"/>
      <c r="AK929" s="85"/>
      <c r="AL929" s="85"/>
      <c r="AM929" s="92"/>
      <c r="AN929" s="92"/>
      <c r="AO929" s="92"/>
      <c r="AP929" s="92"/>
      <c r="AQ929" s="92"/>
      <c r="AR929" s="92"/>
      <c r="AS929" s="92"/>
      <c r="AT929" s="92"/>
      <c r="AU929" s="92"/>
      <c r="AV929" s="92"/>
      <c r="AW929" s="92"/>
      <c r="AX929" s="92"/>
      <c r="AY929" s="92"/>
      <c r="AZ929" s="93"/>
      <c r="BA929" s="93"/>
      <c r="BB929" s="93"/>
      <c r="BC929" s="93"/>
      <c r="BD929" s="93"/>
      <c r="BE929" s="93"/>
      <c r="BF929" s="93"/>
      <c r="BG929" s="93"/>
      <c r="BH929" s="93"/>
      <c r="BI929" s="93"/>
      <c r="BJ929" s="93"/>
      <c r="BK929" s="93"/>
      <c r="BL929" s="93"/>
    </row>
    <row r="930" spans="2:64" x14ac:dyDescent="0.2">
      <c r="B930" s="43"/>
      <c r="C930" s="73"/>
      <c r="D930" s="64"/>
      <c r="E930" s="55"/>
      <c r="F930" s="74"/>
      <c r="G930" s="74"/>
      <c r="H930" s="74"/>
      <c r="I930" s="75"/>
      <c r="J930" s="74"/>
      <c r="L930" s="55"/>
      <c r="M930" s="234"/>
      <c r="N930" s="65"/>
      <c r="O930" s="76"/>
      <c r="P930" s="76"/>
      <c r="Q930" s="65"/>
      <c r="R930" s="76"/>
      <c r="S930" s="76"/>
      <c r="T930" s="76"/>
      <c r="U930" s="76"/>
      <c r="V930" s="76"/>
      <c r="W930" s="76"/>
      <c r="X930" s="76"/>
      <c r="Y930" s="76"/>
      <c r="Z930" s="76"/>
      <c r="AA930" s="85"/>
      <c r="AB930" s="85"/>
      <c r="AC930" s="85"/>
      <c r="AD930" s="85"/>
      <c r="AE930" s="85"/>
      <c r="AF930" s="85"/>
      <c r="AG930" s="86"/>
      <c r="AH930" s="85"/>
      <c r="AI930" s="85"/>
      <c r="AJ930" s="85"/>
      <c r="AK930" s="85"/>
      <c r="AL930" s="85"/>
      <c r="AM930" s="92"/>
      <c r="AN930" s="92"/>
      <c r="AO930" s="92"/>
      <c r="AP930" s="92"/>
      <c r="AQ930" s="92"/>
      <c r="AR930" s="92"/>
      <c r="AS930" s="92"/>
      <c r="AT930" s="92"/>
      <c r="AU930" s="92"/>
      <c r="AV930" s="92"/>
      <c r="AW930" s="92"/>
      <c r="AX930" s="92"/>
      <c r="AY930" s="92"/>
      <c r="AZ930" s="93"/>
      <c r="BA930" s="93"/>
      <c r="BB930" s="93"/>
      <c r="BC930" s="93"/>
      <c r="BD930" s="93"/>
      <c r="BE930" s="93"/>
      <c r="BF930" s="93"/>
      <c r="BG930" s="93"/>
      <c r="BH930" s="93"/>
      <c r="BI930" s="93"/>
      <c r="BJ930" s="93"/>
      <c r="BK930" s="93"/>
      <c r="BL930" s="93"/>
    </row>
    <row r="931" spans="2:64" x14ac:dyDescent="0.2">
      <c r="B931" s="43"/>
      <c r="C931" s="73"/>
      <c r="D931" s="64"/>
      <c r="E931" s="55"/>
      <c r="F931" s="74"/>
      <c r="G931" s="74"/>
      <c r="H931" s="74"/>
      <c r="I931" s="75"/>
      <c r="J931" s="74"/>
      <c r="L931" s="55"/>
      <c r="M931" s="234"/>
      <c r="N931" s="65"/>
      <c r="O931" s="76"/>
      <c r="P931" s="76"/>
      <c r="Q931" s="65"/>
      <c r="R931" s="76"/>
      <c r="S931" s="76"/>
      <c r="T931" s="76"/>
      <c r="U931" s="76"/>
      <c r="V931" s="76"/>
      <c r="W931" s="76"/>
      <c r="X931" s="76"/>
      <c r="Y931" s="76"/>
      <c r="Z931" s="76"/>
      <c r="AA931" s="85"/>
      <c r="AB931" s="85"/>
      <c r="AC931" s="85"/>
      <c r="AD931" s="85"/>
      <c r="AE931" s="85"/>
      <c r="AF931" s="85"/>
      <c r="AG931" s="86"/>
      <c r="AH931" s="85"/>
      <c r="AI931" s="85"/>
      <c r="AJ931" s="85"/>
      <c r="AK931" s="85"/>
      <c r="AL931" s="85"/>
      <c r="AM931" s="92"/>
      <c r="AN931" s="92"/>
      <c r="AO931" s="92"/>
      <c r="AP931" s="92"/>
      <c r="AQ931" s="92"/>
      <c r="AR931" s="92"/>
      <c r="AS931" s="92"/>
      <c r="AT931" s="92"/>
      <c r="AU931" s="92"/>
      <c r="AV931" s="92"/>
      <c r="AW931" s="92"/>
      <c r="AX931" s="92"/>
      <c r="AY931" s="92"/>
      <c r="AZ931" s="93"/>
      <c r="BA931" s="93"/>
      <c r="BB931" s="93"/>
      <c r="BC931" s="93"/>
      <c r="BD931" s="93"/>
      <c r="BE931" s="93"/>
      <c r="BF931" s="93"/>
      <c r="BG931" s="93"/>
      <c r="BH931" s="93"/>
      <c r="BI931" s="93"/>
      <c r="BJ931" s="93"/>
      <c r="BK931" s="93"/>
      <c r="BL931" s="93"/>
    </row>
    <row r="932" spans="2:64" x14ac:dyDescent="0.2">
      <c r="B932" s="43"/>
      <c r="C932" s="73"/>
      <c r="D932" s="64"/>
      <c r="E932" s="55"/>
      <c r="F932" s="74"/>
      <c r="G932" s="74"/>
      <c r="H932" s="74"/>
      <c r="I932" s="75"/>
      <c r="J932" s="74"/>
      <c r="L932" s="55"/>
      <c r="M932" s="234"/>
      <c r="N932" s="65"/>
      <c r="O932" s="76"/>
      <c r="P932" s="76"/>
      <c r="Q932" s="65"/>
      <c r="R932" s="76"/>
      <c r="S932" s="76"/>
      <c r="T932" s="76"/>
      <c r="U932" s="76"/>
      <c r="V932" s="76"/>
      <c r="W932" s="76"/>
      <c r="X932" s="76"/>
      <c r="Y932" s="76"/>
      <c r="Z932" s="76"/>
      <c r="AA932" s="85"/>
      <c r="AB932" s="85"/>
      <c r="AC932" s="85"/>
      <c r="AD932" s="85"/>
      <c r="AE932" s="85"/>
      <c r="AF932" s="85"/>
      <c r="AG932" s="86"/>
      <c r="AH932" s="85"/>
      <c r="AI932" s="85"/>
      <c r="AJ932" s="85"/>
      <c r="AK932" s="85"/>
      <c r="AL932" s="85"/>
      <c r="AM932" s="92"/>
      <c r="AN932" s="92"/>
      <c r="AO932" s="92"/>
      <c r="AP932" s="92"/>
      <c r="AQ932" s="92"/>
      <c r="AR932" s="92"/>
      <c r="AS932" s="92"/>
      <c r="AT932" s="92"/>
      <c r="AU932" s="92"/>
      <c r="AV932" s="92"/>
      <c r="AW932" s="92"/>
      <c r="AX932" s="92"/>
      <c r="AY932" s="92"/>
      <c r="AZ932" s="93"/>
      <c r="BA932" s="93"/>
      <c r="BB932" s="93"/>
      <c r="BC932" s="93"/>
      <c r="BD932" s="93"/>
      <c r="BE932" s="93"/>
      <c r="BF932" s="93"/>
      <c r="BG932" s="93"/>
      <c r="BH932" s="93"/>
      <c r="BI932" s="93"/>
      <c r="BJ932" s="93"/>
      <c r="BK932" s="93"/>
      <c r="BL932" s="93"/>
    </row>
    <row r="933" spans="2:64" x14ac:dyDescent="0.2">
      <c r="B933" s="43"/>
      <c r="C933" s="73"/>
      <c r="D933" s="64"/>
      <c r="E933" s="55"/>
      <c r="F933" s="74"/>
      <c r="G933" s="74"/>
      <c r="H933" s="74"/>
      <c r="I933" s="75"/>
      <c r="J933" s="74"/>
      <c r="L933" s="55"/>
      <c r="M933" s="234"/>
      <c r="N933" s="65"/>
      <c r="O933" s="76"/>
      <c r="P933" s="76"/>
      <c r="Q933" s="65"/>
      <c r="R933" s="76"/>
      <c r="S933" s="76"/>
      <c r="T933" s="76"/>
      <c r="U933" s="76"/>
      <c r="V933" s="76"/>
      <c r="W933" s="76"/>
      <c r="X933" s="76"/>
      <c r="Y933" s="76"/>
      <c r="Z933" s="76"/>
      <c r="AA933" s="85"/>
      <c r="AB933" s="85"/>
      <c r="AC933" s="85"/>
      <c r="AD933" s="85"/>
      <c r="AE933" s="85"/>
      <c r="AF933" s="85"/>
      <c r="AG933" s="86"/>
      <c r="AH933" s="85"/>
      <c r="AI933" s="85"/>
      <c r="AJ933" s="85"/>
      <c r="AK933" s="85"/>
      <c r="AL933" s="85"/>
      <c r="AM933" s="92"/>
      <c r="AN933" s="92"/>
      <c r="AO933" s="92"/>
      <c r="AP933" s="92"/>
      <c r="AQ933" s="92"/>
      <c r="AR933" s="92"/>
      <c r="AS933" s="92"/>
      <c r="AT933" s="92"/>
      <c r="AU933" s="92"/>
      <c r="AV933" s="92"/>
      <c r="AW933" s="92"/>
      <c r="AX933" s="92"/>
      <c r="AY933" s="92"/>
      <c r="AZ933" s="93"/>
      <c r="BA933" s="93"/>
      <c r="BB933" s="93"/>
      <c r="BC933" s="93"/>
      <c r="BD933" s="93"/>
      <c r="BE933" s="93"/>
      <c r="BF933" s="93"/>
      <c r="BG933" s="93"/>
      <c r="BH933" s="93"/>
      <c r="BI933" s="93"/>
      <c r="BJ933" s="93"/>
      <c r="BK933" s="93"/>
      <c r="BL933" s="93"/>
    </row>
    <row r="934" spans="2:64" x14ac:dyDescent="0.2">
      <c r="B934" s="43"/>
      <c r="C934" s="73"/>
      <c r="D934" s="64"/>
      <c r="E934" s="55"/>
      <c r="F934" s="74"/>
      <c r="G934" s="74"/>
      <c r="H934" s="74"/>
      <c r="I934" s="75"/>
      <c r="J934" s="74"/>
      <c r="L934" s="55"/>
      <c r="M934" s="234"/>
      <c r="N934" s="65"/>
      <c r="O934" s="76"/>
      <c r="P934" s="76"/>
      <c r="Q934" s="65"/>
      <c r="R934" s="76"/>
      <c r="S934" s="76"/>
      <c r="T934" s="76"/>
      <c r="U934" s="76"/>
      <c r="V934" s="76"/>
      <c r="W934" s="76"/>
      <c r="X934" s="76"/>
      <c r="Y934" s="76"/>
      <c r="Z934" s="76"/>
      <c r="AA934" s="85"/>
      <c r="AB934" s="85"/>
      <c r="AC934" s="85"/>
      <c r="AD934" s="85"/>
      <c r="AE934" s="85"/>
      <c r="AF934" s="85"/>
      <c r="AG934" s="86"/>
      <c r="AH934" s="85"/>
      <c r="AI934" s="85"/>
      <c r="AJ934" s="85"/>
      <c r="AK934" s="85"/>
      <c r="AL934" s="85"/>
      <c r="AM934" s="92"/>
      <c r="AN934" s="92"/>
      <c r="AO934" s="92"/>
      <c r="AP934" s="92"/>
      <c r="AQ934" s="92"/>
      <c r="AR934" s="92"/>
      <c r="AS934" s="92"/>
      <c r="AT934" s="92"/>
      <c r="AU934" s="92"/>
      <c r="AV934" s="92"/>
      <c r="AW934" s="92"/>
      <c r="AX934" s="92"/>
      <c r="AY934" s="92"/>
      <c r="AZ934" s="93"/>
      <c r="BA934" s="93"/>
      <c r="BB934" s="93"/>
      <c r="BC934" s="93"/>
      <c r="BD934" s="93"/>
      <c r="BE934" s="93"/>
      <c r="BF934" s="93"/>
      <c r="BG934" s="93"/>
      <c r="BH934" s="93"/>
      <c r="BI934" s="93"/>
      <c r="BJ934" s="93"/>
      <c r="BK934" s="93"/>
      <c r="BL934" s="93"/>
    </row>
    <row r="935" spans="2:64" x14ac:dyDescent="0.2">
      <c r="B935" s="43"/>
      <c r="C935" s="73"/>
      <c r="D935" s="64"/>
      <c r="E935" s="55"/>
      <c r="F935" s="74"/>
      <c r="G935" s="74"/>
      <c r="H935" s="74"/>
      <c r="I935" s="75"/>
      <c r="J935" s="74"/>
      <c r="L935" s="55"/>
      <c r="M935" s="234"/>
      <c r="N935" s="65"/>
      <c r="O935" s="76"/>
      <c r="P935" s="76"/>
      <c r="Q935" s="65"/>
      <c r="R935" s="76"/>
      <c r="S935" s="76"/>
      <c r="T935" s="76"/>
      <c r="U935" s="76"/>
      <c r="V935" s="76"/>
      <c r="W935" s="76"/>
      <c r="X935" s="76"/>
      <c r="Y935" s="76"/>
      <c r="Z935" s="76"/>
      <c r="AA935" s="85"/>
      <c r="AB935" s="85"/>
      <c r="AC935" s="85"/>
      <c r="AD935" s="85"/>
      <c r="AE935" s="85"/>
      <c r="AF935" s="85"/>
      <c r="AG935" s="86"/>
      <c r="AH935" s="85"/>
      <c r="AI935" s="85"/>
      <c r="AJ935" s="85"/>
      <c r="AK935" s="85"/>
      <c r="AL935" s="85"/>
      <c r="AM935" s="92"/>
      <c r="AN935" s="92"/>
      <c r="AO935" s="92"/>
      <c r="AP935" s="92"/>
      <c r="AQ935" s="92"/>
      <c r="AR935" s="92"/>
      <c r="AS935" s="92"/>
      <c r="AT935" s="92"/>
      <c r="AU935" s="92"/>
      <c r="AV935" s="92"/>
      <c r="AW935" s="92"/>
      <c r="AX935" s="92"/>
      <c r="AY935" s="92"/>
      <c r="AZ935" s="93"/>
      <c r="BA935" s="93"/>
      <c r="BB935" s="93"/>
      <c r="BC935" s="93"/>
      <c r="BD935" s="93"/>
      <c r="BE935" s="93"/>
      <c r="BF935" s="93"/>
      <c r="BG935" s="93"/>
      <c r="BH935" s="93"/>
      <c r="BI935" s="93"/>
      <c r="BJ935" s="93"/>
      <c r="BK935" s="93"/>
      <c r="BL935" s="93"/>
    </row>
    <row r="936" spans="2:64" x14ac:dyDescent="0.2">
      <c r="B936" s="43"/>
      <c r="C936" s="73"/>
      <c r="D936" s="64"/>
      <c r="E936" s="55"/>
      <c r="F936" s="74"/>
      <c r="G936" s="74"/>
      <c r="H936" s="74"/>
      <c r="I936" s="75"/>
      <c r="J936" s="74"/>
      <c r="L936" s="55"/>
      <c r="M936" s="234"/>
      <c r="N936" s="65"/>
      <c r="O936" s="76"/>
      <c r="P936" s="76"/>
      <c r="Q936" s="65"/>
      <c r="R936" s="76"/>
      <c r="S936" s="76"/>
      <c r="T936" s="76"/>
      <c r="U936" s="76"/>
      <c r="V936" s="76"/>
      <c r="W936" s="76"/>
      <c r="X936" s="76"/>
      <c r="Y936" s="76"/>
      <c r="Z936" s="76"/>
      <c r="AA936" s="85"/>
      <c r="AB936" s="85"/>
      <c r="AC936" s="85"/>
      <c r="AD936" s="85"/>
      <c r="AE936" s="85"/>
      <c r="AF936" s="85"/>
      <c r="AG936" s="86"/>
      <c r="AH936" s="85"/>
      <c r="AI936" s="85"/>
      <c r="AJ936" s="85"/>
      <c r="AK936" s="85"/>
      <c r="AL936" s="85"/>
      <c r="AM936" s="92"/>
      <c r="AN936" s="92"/>
      <c r="AO936" s="92"/>
      <c r="AP936" s="92"/>
      <c r="AQ936" s="92"/>
      <c r="AR936" s="92"/>
      <c r="AS936" s="92"/>
      <c r="AT936" s="92"/>
      <c r="AU936" s="92"/>
      <c r="AV936" s="92"/>
      <c r="AW936" s="92"/>
      <c r="AX936" s="92"/>
      <c r="AY936" s="92"/>
      <c r="AZ936" s="93"/>
      <c r="BA936" s="93"/>
      <c r="BB936" s="93"/>
      <c r="BC936" s="93"/>
      <c r="BD936" s="93"/>
      <c r="BE936" s="93"/>
      <c r="BF936" s="93"/>
      <c r="BG936" s="93"/>
      <c r="BH936" s="93"/>
      <c r="BI936" s="93"/>
      <c r="BJ936" s="93"/>
      <c r="BK936" s="93"/>
      <c r="BL936" s="93"/>
    </row>
    <row r="937" spans="2:64" x14ac:dyDescent="0.2">
      <c r="B937" s="43"/>
      <c r="C937" s="73"/>
      <c r="D937" s="64"/>
      <c r="E937" s="55"/>
      <c r="F937" s="74"/>
      <c r="G937" s="74"/>
      <c r="H937" s="74"/>
      <c r="I937" s="75"/>
      <c r="J937" s="74"/>
      <c r="L937" s="55"/>
      <c r="M937" s="234"/>
      <c r="N937" s="65"/>
      <c r="O937" s="76"/>
      <c r="P937" s="76"/>
      <c r="Q937" s="65"/>
      <c r="R937" s="76"/>
      <c r="S937" s="76"/>
      <c r="T937" s="76"/>
      <c r="U937" s="76"/>
      <c r="V937" s="76"/>
      <c r="W937" s="76"/>
      <c r="X937" s="76"/>
      <c r="Y937" s="76"/>
      <c r="Z937" s="76"/>
      <c r="AA937" s="85"/>
      <c r="AB937" s="85"/>
      <c r="AC937" s="85"/>
      <c r="AD937" s="85"/>
      <c r="AE937" s="85"/>
      <c r="AF937" s="85"/>
      <c r="AG937" s="86"/>
      <c r="AH937" s="85"/>
      <c r="AI937" s="85"/>
      <c r="AJ937" s="85"/>
      <c r="AK937" s="85"/>
      <c r="AL937" s="85"/>
      <c r="AM937" s="92"/>
      <c r="AN937" s="92"/>
      <c r="AO937" s="92"/>
      <c r="AP937" s="92"/>
      <c r="AQ937" s="92"/>
      <c r="AR937" s="92"/>
      <c r="AS937" s="92"/>
      <c r="AT937" s="92"/>
      <c r="AU937" s="92"/>
      <c r="AV937" s="92"/>
      <c r="AW937" s="92"/>
      <c r="AX937" s="92"/>
      <c r="AY937" s="92"/>
      <c r="AZ937" s="93"/>
      <c r="BA937" s="93"/>
      <c r="BB937" s="93"/>
      <c r="BC937" s="93"/>
      <c r="BD937" s="93"/>
      <c r="BE937" s="93"/>
      <c r="BF937" s="93"/>
      <c r="BG937" s="93"/>
      <c r="BH937" s="93"/>
      <c r="BI937" s="93"/>
      <c r="BJ937" s="93"/>
      <c r="BK937" s="93"/>
      <c r="BL937" s="93"/>
    </row>
    <row r="938" spans="2:64" x14ac:dyDescent="0.2">
      <c r="B938" s="43"/>
      <c r="C938" s="73"/>
      <c r="D938" s="64"/>
      <c r="E938" s="55"/>
      <c r="F938" s="74"/>
      <c r="G938" s="74"/>
      <c r="H938" s="74"/>
      <c r="I938" s="75"/>
      <c r="J938" s="74"/>
      <c r="L938" s="55"/>
      <c r="M938" s="234"/>
      <c r="N938" s="65"/>
      <c r="O938" s="76"/>
      <c r="P938" s="76"/>
      <c r="Q938" s="65"/>
      <c r="R938" s="76"/>
      <c r="S938" s="76"/>
      <c r="T938" s="76"/>
      <c r="U938" s="76"/>
      <c r="V938" s="76"/>
      <c r="W938" s="76"/>
      <c r="X938" s="76"/>
      <c r="Y938" s="76"/>
      <c r="Z938" s="76"/>
      <c r="AA938" s="85"/>
      <c r="AB938" s="85"/>
      <c r="AC938" s="85"/>
      <c r="AD938" s="85"/>
      <c r="AE938" s="85"/>
      <c r="AF938" s="85"/>
      <c r="AG938" s="86"/>
      <c r="AH938" s="85"/>
      <c r="AI938" s="85"/>
      <c r="AJ938" s="85"/>
      <c r="AK938" s="85"/>
      <c r="AL938" s="85"/>
      <c r="AM938" s="92"/>
      <c r="AN938" s="92"/>
      <c r="AO938" s="92"/>
      <c r="AP938" s="92"/>
      <c r="AQ938" s="92"/>
      <c r="AR938" s="92"/>
      <c r="AS938" s="92"/>
      <c r="AT938" s="92"/>
      <c r="AU938" s="92"/>
      <c r="AV938" s="92"/>
      <c r="AW938" s="92"/>
      <c r="AX938" s="92"/>
      <c r="AY938" s="92"/>
      <c r="AZ938" s="93"/>
      <c r="BA938" s="93"/>
      <c r="BB938" s="93"/>
      <c r="BC938" s="93"/>
      <c r="BD938" s="93"/>
      <c r="BE938" s="93"/>
      <c r="BF938" s="93"/>
      <c r="BG938" s="93"/>
      <c r="BH938" s="93"/>
      <c r="BI938" s="93"/>
      <c r="BJ938" s="93"/>
      <c r="BK938" s="93"/>
      <c r="BL938" s="93"/>
    </row>
    <row r="939" spans="2:64" x14ac:dyDescent="0.2">
      <c r="B939" s="43"/>
      <c r="C939" s="73"/>
      <c r="D939" s="64"/>
      <c r="E939" s="55"/>
      <c r="F939" s="74"/>
      <c r="G939" s="74"/>
      <c r="H939" s="74"/>
      <c r="I939" s="75"/>
      <c r="J939" s="74"/>
      <c r="L939" s="55"/>
      <c r="M939" s="234"/>
      <c r="N939" s="65"/>
      <c r="O939" s="76"/>
      <c r="P939" s="76"/>
      <c r="Q939" s="65"/>
      <c r="R939" s="76"/>
      <c r="S939" s="76"/>
      <c r="T939" s="76"/>
      <c r="U939" s="76"/>
      <c r="V939" s="76"/>
      <c r="W939" s="76"/>
      <c r="X939" s="76"/>
      <c r="Y939" s="76"/>
      <c r="Z939" s="76"/>
      <c r="AA939" s="85"/>
      <c r="AB939" s="85"/>
      <c r="AC939" s="85"/>
      <c r="AD939" s="85"/>
      <c r="AE939" s="85"/>
      <c r="AF939" s="85"/>
      <c r="AG939" s="86"/>
      <c r="AH939" s="85"/>
      <c r="AI939" s="85"/>
      <c r="AJ939" s="85"/>
      <c r="AK939" s="85"/>
      <c r="AL939" s="85"/>
      <c r="AM939" s="92"/>
      <c r="AN939" s="92"/>
      <c r="AO939" s="92"/>
      <c r="AP939" s="92"/>
      <c r="AQ939" s="92"/>
      <c r="AR939" s="92"/>
      <c r="AS939" s="92"/>
      <c r="AT939" s="92"/>
      <c r="AU939" s="92"/>
      <c r="AV939" s="92"/>
      <c r="AW939" s="92"/>
      <c r="AX939" s="92"/>
      <c r="AY939" s="92"/>
      <c r="AZ939" s="93"/>
      <c r="BA939" s="93"/>
      <c r="BB939" s="93"/>
      <c r="BC939" s="93"/>
      <c r="BD939" s="93"/>
      <c r="BE939" s="93"/>
      <c r="BF939" s="93"/>
      <c r="BG939" s="93"/>
      <c r="BH939" s="93"/>
      <c r="BI939" s="93"/>
      <c r="BJ939" s="93"/>
      <c r="BK939" s="93"/>
      <c r="BL939" s="93"/>
    </row>
    <row r="940" spans="2:64" x14ac:dyDescent="0.2">
      <c r="B940" s="43"/>
      <c r="C940" s="73"/>
      <c r="D940" s="64"/>
      <c r="E940" s="55"/>
      <c r="F940" s="74"/>
      <c r="G940" s="74"/>
      <c r="H940" s="74"/>
      <c r="I940" s="75"/>
      <c r="J940" s="74"/>
      <c r="L940" s="55"/>
      <c r="M940" s="234"/>
      <c r="N940" s="65"/>
      <c r="O940" s="76"/>
      <c r="P940" s="76"/>
      <c r="Q940" s="65"/>
      <c r="R940" s="76"/>
      <c r="S940" s="76"/>
      <c r="T940" s="76"/>
      <c r="U940" s="76"/>
      <c r="V940" s="76"/>
      <c r="W940" s="76"/>
      <c r="X940" s="76"/>
      <c r="Y940" s="76"/>
      <c r="Z940" s="76"/>
      <c r="AA940" s="85"/>
      <c r="AB940" s="85"/>
      <c r="AC940" s="85"/>
      <c r="AD940" s="85"/>
      <c r="AE940" s="85"/>
      <c r="AF940" s="85"/>
      <c r="AG940" s="86"/>
      <c r="AH940" s="85"/>
      <c r="AI940" s="85"/>
      <c r="AJ940" s="85"/>
      <c r="AK940" s="85"/>
      <c r="AL940" s="85"/>
      <c r="AM940" s="92"/>
      <c r="AN940" s="92"/>
      <c r="AO940" s="92"/>
      <c r="AP940" s="92"/>
      <c r="AQ940" s="92"/>
      <c r="AR940" s="92"/>
      <c r="AS940" s="92"/>
      <c r="AT940" s="92"/>
      <c r="AU940" s="92"/>
      <c r="AV940" s="92"/>
      <c r="AW940" s="92"/>
      <c r="AX940" s="92"/>
      <c r="AY940" s="92"/>
      <c r="AZ940" s="93"/>
      <c r="BA940" s="93"/>
      <c r="BB940" s="93"/>
      <c r="BC940" s="93"/>
      <c r="BD940" s="93"/>
      <c r="BE940" s="93"/>
      <c r="BF940" s="93"/>
      <c r="BG940" s="93"/>
      <c r="BH940" s="93"/>
      <c r="BI940" s="93"/>
      <c r="BJ940" s="93"/>
      <c r="BK940" s="93"/>
      <c r="BL940" s="93"/>
    </row>
    <row r="941" spans="2:64" x14ac:dyDescent="0.2">
      <c r="B941" s="43"/>
      <c r="C941" s="73"/>
      <c r="D941" s="64"/>
      <c r="E941" s="55"/>
      <c r="F941" s="74"/>
      <c r="G941" s="74"/>
      <c r="H941" s="74"/>
      <c r="I941" s="75"/>
      <c r="J941" s="74"/>
      <c r="L941" s="55"/>
      <c r="M941" s="234"/>
      <c r="N941" s="65"/>
      <c r="O941" s="76"/>
      <c r="P941" s="76"/>
      <c r="Q941" s="65"/>
      <c r="R941" s="76"/>
      <c r="S941" s="76"/>
      <c r="T941" s="76"/>
      <c r="U941" s="76"/>
      <c r="V941" s="76"/>
      <c r="W941" s="76"/>
      <c r="X941" s="76"/>
      <c r="Y941" s="76"/>
      <c r="Z941" s="76"/>
      <c r="AA941" s="85"/>
      <c r="AB941" s="85"/>
      <c r="AC941" s="85"/>
      <c r="AD941" s="85"/>
      <c r="AE941" s="85"/>
      <c r="AF941" s="85"/>
      <c r="AG941" s="86"/>
      <c r="AH941" s="85"/>
      <c r="AI941" s="85"/>
      <c r="AJ941" s="85"/>
      <c r="AK941" s="85"/>
      <c r="AL941" s="85"/>
      <c r="AM941" s="92"/>
      <c r="AN941" s="92"/>
      <c r="AO941" s="92"/>
      <c r="AP941" s="92"/>
      <c r="AQ941" s="92"/>
      <c r="AR941" s="92"/>
      <c r="AS941" s="92"/>
      <c r="AT941" s="92"/>
      <c r="AU941" s="92"/>
      <c r="AV941" s="92"/>
      <c r="AW941" s="92"/>
      <c r="AX941" s="92"/>
      <c r="AY941" s="92"/>
      <c r="AZ941" s="93"/>
      <c r="BA941" s="93"/>
      <c r="BB941" s="93"/>
      <c r="BC941" s="93"/>
      <c r="BD941" s="93"/>
      <c r="BE941" s="93"/>
      <c r="BF941" s="93"/>
      <c r="BG941" s="93"/>
      <c r="BH941" s="93"/>
      <c r="BI941" s="93"/>
      <c r="BJ941" s="93"/>
      <c r="BK941" s="93"/>
      <c r="BL941" s="93"/>
    </row>
    <row r="942" spans="2:64" x14ac:dyDescent="0.2">
      <c r="B942" s="43"/>
      <c r="C942" s="73"/>
      <c r="D942" s="64"/>
      <c r="E942" s="55"/>
      <c r="F942" s="74"/>
      <c r="G942" s="74"/>
      <c r="H942" s="74"/>
      <c r="I942" s="75"/>
      <c r="J942" s="74"/>
      <c r="L942" s="55"/>
      <c r="M942" s="234"/>
      <c r="N942" s="65"/>
      <c r="O942" s="76"/>
      <c r="P942" s="76"/>
      <c r="Q942" s="65"/>
      <c r="R942" s="76"/>
      <c r="S942" s="76"/>
      <c r="T942" s="76"/>
      <c r="U942" s="76"/>
      <c r="V942" s="76"/>
      <c r="W942" s="76"/>
      <c r="X942" s="76"/>
      <c r="Y942" s="76"/>
      <c r="Z942" s="76"/>
      <c r="AA942" s="85"/>
      <c r="AB942" s="85"/>
      <c r="AC942" s="85"/>
      <c r="AD942" s="85"/>
      <c r="AE942" s="85"/>
      <c r="AF942" s="85"/>
      <c r="AG942" s="86"/>
      <c r="AH942" s="85"/>
      <c r="AI942" s="85"/>
      <c r="AJ942" s="85"/>
      <c r="AK942" s="85"/>
      <c r="AL942" s="85"/>
      <c r="AM942" s="92"/>
      <c r="AN942" s="92"/>
      <c r="AO942" s="92"/>
      <c r="AP942" s="92"/>
      <c r="AQ942" s="92"/>
      <c r="AR942" s="92"/>
      <c r="AS942" s="92"/>
      <c r="AT942" s="92"/>
      <c r="AU942" s="92"/>
      <c r="AV942" s="92"/>
      <c r="AW942" s="92"/>
      <c r="AX942" s="92"/>
      <c r="AY942" s="92"/>
      <c r="AZ942" s="93"/>
      <c r="BA942" s="93"/>
      <c r="BB942" s="93"/>
      <c r="BC942" s="93"/>
      <c r="BD942" s="93"/>
      <c r="BE942" s="93"/>
      <c r="BF942" s="93"/>
      <c r="BG942" s="93"/>
      <c r="BH942" s="93"/>
      <c r="BI942" s="93"/>
      <c r="BJ942" s="93"/>
      <c r="BK942" s="93"/>
      <c r="BL942" s="93"/>
    </row>
    <row r="943" spans="2:64" x14ac:dyDescent="0.2">
      <c r="B943" s="43"/>
      <c r="C943" s="73"/>
      <c r="D943" s="64"/>
      <c r="E943" s="55"/>
      <c r="F943" s="74"/>
      <c r="G943" s="74"/>
      <c r="H943" s="74"/>
      <c r="I943" s="75"/>
      <c r="J943" s="74"/>
      <c r="L943" s="55"/>
      <c r="M943" s="234"/>
      <c r="N943" s="65"/>
      <c r="O943" s="76"/>
      <c r="P943" s="76"/>
      <c r="Q943" s="65"/>
      <c r="R943" s="76"/>
      <c r="S943" s="76"/>
      <c r="T943" s="76"/>
      <c r="U943" s="76"/>
      <c r="V943" s="76"/>
      <c r="W943" s="76"/>
      <c r="X943" s="76"/>
      <c r="Y943" s="76"/>
      <c r="Z943" s="76"/>
      <c r="AA943" s="85"/>
      <c r="AB943" s="85"/>
      <c r="AC943" s="85"/>
      <c r="AD943" s="85"/>
      <c r="AE943" s="85"/>
      <c r="AF943" s="85"/>
      <c r="AG943" s="86"/>
      <c r="AH943" s="85"/>
      <c r="AI943" s="85"/>
      <c r="AJ943" s="85"/>
      <c r="AK943" s="85"/>
      <c r="AL943" s="85"/>
      <c r="AM943" s="92"/>
      <c r="AN943" s="92"/>
      <c r="AO943" s="92"/>
      <c r="AP943" s="92"/>
      <c r="AQ943" s="92"/>
      <c r="AR943" s="92"/>
      <c r="AS943" s="92"/>
      <c r="AT943" s="92"/>
      <c r="AU943" s="92"/>
      <c r="AV943" s="92"/>
      <c r="AW943" s="92"/>
      <c r="AX943" s="92"/>
      <c r="AY943" s="92"/>
      <c r="AZ943" s="93"/>
      <c r="BA943" s="93"/>
      <c r="BB943" s="93"/>
      <c r="BC943" s="93"/>
      <c r="BD943" s="93"/>
      <c r="BE943" s="93"/>
      <c r="BF943" s="93"/>
      <c r="BG943" s="93"/>
      <c r="BH943" s="93"/>
      <c r="BI943" s="93"/>
      <c r="BJ943" s="93"/>
      <c r="BK943" s="93"/>
      <c r="BL943" s="93"/>
    </row>
    <row r="944" spans="2:64" x14ac:dyDescent="0.2">
      <c r="B944" s="43"/>
      <c r="C944" s="73"/>
      <c r="D944" s="64"/>
      <c r="E944" s="55"/>
      <c r="F944" s="74"/>
      <c r="G944" s="74"/>
      <c r="H944" s="74"/>
      <c r="I944" s="75"/>
      <c r="J944" s="74"/>
      <c r="L944" s="55"/>
      <c r="M944" s="234"/>
      <c r="N944" s="65"/>
      <c r="O944" s="76"/>
      <c r="P944" s="76"/>
      <c r="Q944" s="65"/>
      <c r="R944" s="76"/>
      <c r="S944" s="76"/>
      <c r="T944" s="76"/>
      <c r="U944" s="76"/>
      <c r="V944" s="76"/>
      <c r="W944" s="76"/>
      <c r="X944" s="76"/>
      <c r="Y944" s="76"/>
      <c r="Z944" s="76"/>
      <c r="AA944" s="85"/>
      <c r="AB944" s="85"/>
      <c r="AC944" s="85"/>
      <c r="AD944" s="85"/>
      <c r="AE944" s="85"/>
      <c r="AF944" s="85"/>
      <c r="AG944" s="86"/>
      <c r="AH944" s="85"/>
      <c r="AI944" s="85"/>
      <c r="AJ944" s="85"/>
      <c r="AK944" s="85"/>
      <c r="AL944" s="85"/>
      <c r="AM944" s="92"/>
      <c r="AN944" s="92"/>
      <c r="AO944" s="92"/>
      <c r="AP944" s="92"/>
      <c r="AQ944" s="92"/>
      <c r="AR944" s="92"/>
      <c r="AS944" s="92"/>
      <c r="AT944" s="92"/>
      <c r="AU944" s="92"/>
      <c r="AV944" s="92"/>
      <c r="AW944" s="92"/>
      <c r="AX944" s="92"/>
      <c r="AY944" s="92"/>
      <c r="AZ944" s="93"/>
      <c r="BA944" s="93"/>
      <c r="BB944" s="93"/>
      <c r="BC944" s="93"/>
      <c r="BD944" s="93"/>
      <c r="BE944" s="93"/>
      <c r="BF944" s="93"/>
      <c r="BG944" s="93"/>
      <c r="BH944" s="93"/>
      <c r="BI944" s="93"/>
      <c r="BJ944" s="93"/>
      <c r="BK944" s="93"/>
      <c r="BL944" s="93"/>
    </row>
    <row r="945" spans="2:64" x14ac:dyDescent="0.2">
      <c r="B945" s="43"/>
      <c r="C945" s="73"/>
      <c r="D945" s="64"/>
      <c r="E945" s="55"/>
      <c r="F945" s="74"/>
      <c r="G945" s="74"/>
      <c r="H945" s="74"/>
      <c r="I945" s="75"/>
      <c r="J945" s="74"/>
      <c r="L945" s="55"/>
      <c r="M945" s="234"/>
      <c r="N945" s="65"/>
      <c r="O945" s="76"/>
      <c r="P945" s="76"/>
      <c r="Q945" s="65"/>
      <c r="R945" s="76"/>
      <c r="S945" s="76"/>
      <c r="T945" s="76"/>
      <c r="U945" s="76"/>
      <c r="V945" s="76"/>
      <c r="W945" s="76"/>
      <c r="X945" s="76"/>
      <c r="Y945" s="76"/>
      <c r="Z945" s="76"/>
      <c r="AA945" s="85"/>
      <c r="AB945" s="85"/>
      <c r="AC945" s="85"/>
      <c r="AD945" s="85"/>
      <c r="AE945" s="85"/>
      <c r="AF945" s="85"/>
      <c r="AG945" s="86"/>
      <c r="AH945" s="85"/>
      <c r="AI945" s="85"/>
      <c r="AJ945" s="85"/>
      <c r="AK945" s="85"/>
      <c r="AL945" s="85"/>
      <c r="AM945" s="92"/>
      <c r="AN945" s="92"/>
      <c r="AO945" s="92"/>
      <c r="AP945" s="92"/>
      <c r="AQ945" s="92"/>
      <c r="AR945" s="92"/>
      <c r="AS945" s="92"/>
      <c r="AT945" s="92"/>
      <c r="AU945" s="92"/>
      <c r="AV945" s="92"/>
      <c r="AW945" s="92"/>
      <c r="AX945" s="92"/>
      <c r="AY945" s="92"/>
      <c r="AZ945" s="93"/>
      <c r="BA945" s="93"/>
      <c r="BB945" s="93"/>
      <c r="BC945" s="93"/>
      <c r="BD945" s="93"/>
      <c r="BE945" s="93"/>
      <c r="BF945" s="93"/>
      <c r="BG945" s="93"/>
      <c r="BH945" s="93"/>
      <c r="BI945" s="93"/>
      <c r="BJ945" s="93"/>
      <c r="BK945" s="93"/>
      <c r="BL945" s="93"/>
    </row>
    <row r="946" spans="2:64" x14ac:dyDescent="0.2">
      <c r="B946" s="43"/>
      <c r="C946" s="73"/>
      <c r="D946" s="64"/>
      <c r="E946" s="55"/>
      <c r="F946" s="74"/>
      <c r="G946" s="74"/>
      <c r="H946" s="74"/>
      <c r="I946" s="75"/>
      <c r="J946" s="74"/>
      <c r="L946" s="55"/>
      <c r="M946" s="234"/>
      <c r="N946" s="65"/>
      <c r="O946" s="76"/>
      <c r="P946" s="76"/>
      <c r="Q946" s="65"/>
      <c r="R946" s="76"/>
      <c r="S946" s="76"/>
      <c r="T946" s="76"/>
      <c r="U946" s="76"/>
      <c r="V946" s="76"/>
      <c r="W946" s="76"/>
      <c r="X946" s="76"/>
      <c r="Y946" s="76"/>
      <c r="Z946" s="76"/>
      <c r="AA946" s="85"/>
      <c r="AB946" s="85"/>
      <c r="AC946" s="85"/>
      <c r="AD946" s="85"/>
      <c r="AE946" s="85"/>
      <c r="AF946" s="85"/>
      <c r="AG946" s="86"/>
      <c r="AH946" s="85"/>
      <c r="AI946" s="85"/>
      <c r="AJ946" s="85"/>
      <c r="AK946" s="85"/>
      <c r="AL946" s="85"/>
      <c r="AM946" s="92"/>
      <c r="AN946" s="92"/>
      <c r="AO946" s="92"/>
      <c r="AP946" s="92"/>
      <c r="AQ946" s="92"/>
      <c r="AR946" s="92"/>
      <c r="AS946" s="92"/>
      <c r="AT946" s="92"/>
      <c r="AU946" s="92"/>
      <c r="AV946" s="92"/>
      <c r="AW946" s="92"/>
      <c r="AX946" s="92"/>
      <c r="AY946" s="92"/>
      <c r="AZ946" s="93"/>
      <c r="BA946" s="93"/>
      <c r="BB946" s="93"/>
      <c r="BC946" s="93"/>
      <c r="BD946" s="93"/>
      <c r="BE946" s="93"/>
      <c r="BF946" s="93"/>
      <c r="BG946" s="93"/>
      <c r="BH946" s="93"/>
      <c r="BI946" s="93"/>
      <c r="BJ946" s="93"/>
      <c r="BK946" s="93"/>
      <c r="BL946" s="93"/>
    </row>
    <row r="947" spans="2:64" x14ac:dyDescent="0.2">
      <c r="B947" s="43"/>
      <c r="C947" s="73"/>
      <c r="D947" s="64"/>
      <c r="E947" s="55"/>
      <c r="F947" s="74"/>
      <c r="G947" s="74"/>
      <c r="H947" s="74"/>
      <c r="I947" s="75"/>
      <c r="J947" s="74"/>
      <c r="L947" s="55"/>
      <c r="M947" s="234"/>
      <c r="N947" s="65"/>
      <c r="O947" s="76"/>
      <c r="P947" s="76"/>
      <c r="Q947" s="65"/>
      <c r="R947" s="76"/>
      <c r="S947" s="76"/>
      <c r="T947" s="76"/>
      <c r="U947" s="76"/>
      <c r="V947" s="76"/>
      <c r="W947" s="76"/>
      <c r="X947" s="76"/>
      <c r="Y947" s="76"/>
      <c r="Z947" s="76"/>
      <c r="AA947" s="85"/>
      <c r="AB947" s="85"/>
      <c r="AC947" s="85"/>
      <c r="AD947" s="85"/>
      <c r="AE947" s="85"/>
      <c r="AF947" s="85"/>
      <c r="AG947" s="86"/>
      <c r="AH947" s="85"/>
      <c r="AI947" s="85"/>
      <c r="AJ947" s="85"/>
      <c r="AK947" s="85"/>
      <c r="AL947" s="85"/>
      <c r="AM947" s="92"/>
      <c r="AN947" s="92"/>
      <c r="AO947" s="92"/>
      <c r="AP947" s="92"/>
      <c r="AQ947" s="92"/>
      <c r="AR947" s="92"/>
      <c r="AS947" s="92"/>
      <c r="AT947" s="92"/>
      <c r="AU947" s="92"/>
      <c r="AV947" s="92"/>
      <c r="AW947" s="92"/>
      <c r="AX947" s="92"/>
      <c r="AY947" s="92"/>
      <c r="AZ947" s="93"/>
      <c r="BA947" s="93"/>
      <c r="BB947" s="93"/>
      <c r="BC947" s="93"/>
      <c r="BD947" s="93"/>
      <c r="BE947" s="93"/>
      <c r="BF947" s="93"/>
      <c r="BG947" s="93"/>
      <c r="BH947" s="93"/>
      <c r="BI947" s="93"/>
      <c r="BJ947" s="93"/>
      <c r="BK947" s="93"/>
      <c r="BL947" s="93"/>
    </row>
    <row r="948" spans="2:64" x14ac:dyDescent="0.2">
      <c r="B948" s="43"/>
      <c r="C948" s="73"/>
      <c r="D948" s="64"/>
      <c r="E948" s="55"/>
      <c r="F948" s="74"/>
      <c r="G948" s="74"/>
      <c r="H948" s="74"/>
      <c r="I948" s="75"/>
      <c r="J948" s="74"/>
      <c r="L948" s="55"/>
      <c r="M948" s="234"/>
      <c r="N948" s="65"/>
      <c r="O948" s="76"/>
      <c r="P948" s="76"/>
      <c r="Q948" s="65"/>
      <c r="R948" s="76"/>
      <c r="S948" s="76"/>
      <c r="T948" s="76"/>
      <c r="U948" s="76"/>
      <c r="V948" s="76"/>
      <c r="W948" s="76"/>
      <c r="X948" s="76"/>
      <c r="Y948" s="76"/>
      <c r="Z948" s="76"/>
      <c r="AA948" s="85"/>
      <c r="AB948" s="85"/>
      <c r="AC948" s="85"/>
      <c r="AD948" s="85"/>
      <c r="AE948" s="85"/>
      <c r="AF948" s="85"/>
      <c r="AG948" s="86"/>
      <c r="AH948" s="85"/>
      <c r="AI948" s="85"/>
      <c r="AJ948" s="85"/>
      <c r="AK948" s="85"/>
      <c r="AL948" s="85"/>
      <c r="AM948" s="92"/>
      <c r="AN948" s="92"/>
      <c r="AO948" s="92"/>
      <c r="AP948" s="92"/>
      <c r="AQ948" s="92"/>
      <c r="AR948" s="92"/>
      <c r="AS948" s="92"/>
      <c r="AT948" s="92"/>
      <c r="AU948" s="92"/>
      <c r="AV948" s="92"/>
      <c r="AW948" s="92"/>
      <c r="AX948" s="92"/>
      <c r="AY948" s="92"/>
      <c r="AZ948" s="93"/>
      <c r="BA948" s="93"/>
      <c r="BB948" s="93"/>
      <c r="BC948" s="93"/>
      <c r="BD948" s="93"/>
      <c r="BE948" s="93"/>
      <c r="BF948" s="93"/>
      <c r="BG948" s="93"/>
      <c r="BH948" s="93"/>
      <c r="BI948" s="93"/>
      <c r="BJ948" s="93"/>
      <c r="BK948" s="93"/>
      <c r="BL948" s="93"/>
    </row>
    <row r="949" spans="2:64" x14ac:dyDescent="0.2">
      <c r="B949" s="43"/>
      <c r="C949" s="73"/>
      <c r="D949" s="64"/>
      <c r="E949" s="55"/>
      <c r="F949" s="74"/>
      <c r="G949" s="74"/>
      <c r="H949" s="74"/>
      <c r="I949" s="75"/>
      <c r="J949" s="74"/>
      <c r="L949" s="55"/>
      <c r="M949" s="234"/>
      <c r="N949" s="65"/>
      <c r="O949" s="76"/>
      <c r="P949" s="76"/>
      <c r="Q949" s="65"/>
      <c r="R949" s="76"/>
      <c r="S949" s="76"/>
      <c r="T949" s="76"/>
      <c r="U949" s="76"/>
      <c r="V949" s="76"/>
      <c r="W949" s="76"/>
      <c r="X949" s="76"/>
      <c r="Y949" s="76"/>
      <c r="Z949" s="76"/>
      <c r="AA949" s="85"/>
      <c r="AB949" s="85"/>
      <c r="AC949" s="85"/>
      <c r="AD949" s="85"/>
      <c r="AE949" s="85"/>
      <c r="AF949" s="85"/>
      <c r="AG949" s="86"/>
      <c r="AH949" s="85"/>
      <c r="AI949" s="85"/>
      <c r="AJ949" s="85"/>
      <c r="AK949" s="85"/>
      <c r="AL949" s="85"/>
      <c r="AM949" s="92"/>
      <c r="AN949" s="92"/>
      <c r="AO949" s="92"/>
      <c r="AP949" s="92"/>
      <c r="AQ949" s="92"/>
      <c r="AR949" s="92"/>
      <c r="AS949" s="92"/>
      <c r="AT949" s="92"/>
      <c r="AU949" s="92"/>
      <c r="AV949" s="92"/>
      <c r="AW949" s="92"/>
      <c r="AX949" s="92"/>
      <c r="AY949" s="92"/>
      <c r="AZ949" s="93"/>
      <c r="BA949" s="93"/>
      <c r="BB949" s="93"/>
      <c r="BC949" s="93"/>
      <c r="BD949" s="93"/>
      <c r="BE949" s="93"/>
      <c r="BF949" s="93"/>
      <c r="BG949" s="93"/>
      <c r="BH949" s="93"/>
      <c r="BI949" s="93"/>
      <c r="BJ949" s="93"/>
      <c r="BK949" s="93"/>
      <c r="BL949" s="93"/>
    </row>
    <row r="950" spans="2:64" x14ac:dyDescent="0.2">
      <c r="B950" s="43"/>
      <c r="C950" s="73"/>
      <c r="D950" s="64"/>
      <c r="E950" s="55"/>
      <c r="F950" s="74"/>
      <c r="G950" s="74"/>
      <c r="H950" s="74"/>
      <c r="I950" s="75"/>
      <c r="J950" s="74"/>
      <c r="L950" s="55"/>
      <c r="M950" s="234"/>
      <c r="N950" s="65"/>
      <c r="O950" s="76"/>
      <c r="P950" s="76"/>
      <c r="Q950" s="65"/>
      <c r="R950" s="76"/>
      <c r="S950" s="76"/>
      <c r="T950" s="76"/>
      <c r="U950" s="76"/>
      <c r="V950" s="76"/>
      <c r="W950" s="76"/>
      <c r="X950" s="76"/>
      <c r="Y950" s="76"/>
      <c r="Z950" s="76"/>
      <c r="AA950" s="85"/>
      <c r="AB950" s="85"/>
      <c r="AC950" s="85"/>
      <c r="AD950" s="85"/>
      <c r="AE950" s="85"/>
      <c r="AF950" s="85"/>
      <c r="AG950" s="86"/>
      <c r="AH950" s="85"/>
      <c r="AI950" s="85"/>
      <c r="AJ950" s="85"/>
      <c r="AK950" s="85"/>
      <c r="AL950" s="85"/>
      <c r="AM950" s="92"/>
      <c r="AN950" s="92"/>
      <c r="AO950" s="92"/>
      <c r="AP950" s="92"/>
      <c r="AQ950" s="92"/>
      <c r="AR950" s="92"/>
      <c r="AS950" s="92"/>
      <c r="AT950" s="92"/>
      <c r="AU950" s="92"/>
      <c r="AV950" s="92"/>
      <c r="AW950" s="92"/>
      <c r="AX950" s="92"/>
      <c r="AY950" s="92"/>
      <c r="AZ950" s="93"/>
      <c r="BA950" s="93"/>
      <c r="BB950" s="93"/>
      <c r="BC950" s="93"/>
      <c r="BD950" s="93"/>
      <c r="BE950" s="93"/>
      <c r="BF950" s="93"/>
      <c r="BG950" s="93"/>
      <c r="BH950" s="93"/>
      <c r="BI950" s="93"/>
      <c r="BJ950" s="93"/>
      <c r="BK950" s="93"/>
      <c r="BL950" s="93"/>
    </row>
    <row r="951" spans="2:64" x14ac:dyDescent="0.2">
      <c r="B951" s="43"/>
      <c r="C951" s="73"/>
      <c r="D951" s="64"/>
      <c r="E951" s="55"/>
      <c r="F951" s="74"/>
      <c r="G951" s="74"/>
      <c r="H951" s="74"/>
      <c r="I951" s="75"/>
      <c r="J951" s="74"/>
      <c r="L951" s="55"/>
      <c r="M951" s="234"/>
      <c r="N951" s="65"/>
      <c r="O951" s="76"/>
      <c r="P951" s="76"/>
      <c r="Q951" s="65"/>
      <c r="R951" s="76"/>
      <c r="S951" s="76"/>
      <c r="T951" s="76"/>
      <c r="U951" s="76"/>
      <c r="V951" s="76"/>
      <c r="W951" s="76"/>
      <c r="X951" s="76"/>
      <c r="Y951" s="76"/>
      <c r="Z951" s="76"/>
      <c r="AA951" s="85"/>
      <c r="AB951" s="85"/>
      <c r="AC951" s="85"/>
      <c r="AD951" s="85"/>
      <c r="AE951" s="85"/>
      <c r="AF951" s="85"/>
      <c r="AG951" s="86"/>
      <c r="AH951" s="85"/>
      <c r="AI951" s="85"/>
      <c r="AJ951" s="85"/>
      <c r="AK951" s="85"/>
      <c r="AL951" s="85"/>
      <c r="AM951" s="92"/>
      <c r="AN951" s="92"/>
      <c r="AO951" s="92"/>
      <c r="AP951" s="92"/>
      <c r="AQ951" s="92"/>
      <c r="AR951" s="92"/>
      <c r="AS951" s="92"/>
      <c r="AT951" s="92"/>
      <c r="AU951" s="92"/>
      <c r="AV951" s="92"/>
      <c r="AW951" s="92"/>
      <c r="AX951" s="92"/>
      <c r="AY951" s="92"/>
      <c r="AZ951" s="93"/>
      <c r="BA951" s="93"/>
      <c r="BB951" s="93"/>
      <c r="BC951" s="93"/>
      <c r="BD951" s="93"/>
      <c r="BE951" s="93"/>
      <c r="BF951" s="93"/>
      <c r="BG951" s="93"/>
      <c r="BH951" s="93"/>
      <c r="BI951" s="93"/>
      <c r="BJ951" s="93"/>
      <c r="BK951" s="93"/>
      <c r="BL951" s="93"/>
    </row>
    <row r="952" spans="2:64" x14ac:dyDescent="0.2">
      <c r="B952" s="43"/>
      <c r="C952" s="73"/>
      <c r="D952" s="64"/>
      <c r="E952" s="55"/>
      <c r="F952" s="74"/>
      <c r="G952" s="74"/>
      <c r="H952" s="74"/>
      <c r="I952" s="75"/>
      <c r="J952" s="74"/>
      <c r="L952" s="55"/>
      <c r="M952" s="234"/>
      <c r="N952" s="65"/>
      <c r="O952" s="76"/>
      <c r="P952" s="76"/>
      <c r="Q952" s="65"/>
      <c r="R952" s="76"/>
      <c r="S952" s="76"/>
      <c r="T952" s="76"/>
      <c r="U952" s="76"/>
      <c r="V952" s="76"/>
      <c r="W952" s="76"/>
      <c r="X952" s="76"/>
      <c r="Y952" s="76"/>
      <c r="Z952" s="76"/>
      <c r="AA952" s="85"/>
      <c r="AB952" s="85"/>
      <c r="AC952" s="85"/>
      <c r="AD952" s="85"/>
      <c r="AE952" s="85"/>
      <c r="AF952" s="85"/>
      <c r="AG952" s="86"/>
      <c r="AH952" s="85"/>
      <c r="AI952" s="85"/>
      <c r="AJ952" s="85"/>
      <c r="AK952" s="85"/>
      <c r="AL952" s="85"/>
      <c r="AM952" s="92"/>
      <c r="AN952" s="92"/>
      <c r="AO952" s="92"/>
      <c r="AP952" s="92"/>
      <c r="AQ952" s="92"/>
      <c r="AR952" s="92"/>
      <c r="AS952" s="92"/>
      <c r="AT952" s="92"/>
      <c r="AU952" s="92"/>
      <c r="AV952" s="92"/>
      <c r="AW952" s="92"/>
      <c r="AX952" s="92"/>
      <c r="AY952" s="92"/>
      <c r="AZ952" s="93"/>
      <c r="BA952" s="93"/>
      <c r="BB952" s="93"/>
      <c r="BC952" s="93"/>
      <c r="BD952" s="93"/>
      <c r="BE952" s="93"/>
      <c r="BF952" s="93"/>
      <c r="BG952" s="93"/>
      <c r="BH952" s="93"/>
      <c r="BI952" s="93"/>
      <c r="BJ952" s="93"/>
      <c r="BK952" s="93"/>
      <c r="BL952" s="93"/>
    </row>
    <row r="953" spans="2:64" x14ac:dyDescent="0.2">
      <c r="B953" s="43"/>
      <c r="C953" s="73"/>
      <c r="D953" s="64"/>
      <c r="E953" s="55"/>
      <c r="F953" s="74"/>
      <c r="G953" s="74"/>
      <c r="H953" s="74"/>
      <c r="I953" s="75"/>
      <c r="J953" s="74"/>
      <c r="L953" s="55"/>
      <c r="M953" s="234"/>
      <c r="N953" s="65"/>
      <c r="O953" s="76"/>
      <c r="P953" s="76"/>
      <c r="Q953" s="65"/>
      <c r="R953" s="76"/>
      <c r="S953" s="76"/>
      <c r="T953" s="76"/>
      <c r="U953" s="76"/>
      <c r="V953" s="76"/>
      <c r="W953" s="76"/>
      <c r="X953" s="76"/>
      <c r="Y953" s="76"/>
      <c r="Z953" s="76"/>
      <c r="AA953" s="85"/>
      <c r="AB953" s="85"/>
      <c r="AC953" s="85"/>
      <c r="AD953" s="85"/>
      <c r="AE953" s="85"/>
      <c r="AF953" s="85"/>
      <c r="AG953" s="86"/>
      <c r="AH953" s="85"/>
      <c r="AI953" s="85"/>
      <c r="AJ953" s="85"/>
      <c r="AK953" s="85"/>
      <c r="AL953" s="85"/>
      <c r="AM953" s="92"/>
      <c r="AN953" s="92"/>
      <c r="AO953" s="92"/>
      <c r="AP953" s="92"/>
      <c r="AQ953" s="92"/>
      <c r="AR953" s="92"/>
      <c r="AS953" s="92"/>
      <c r="AT953" s="92"/>
      <c r="AU953" s="92"/>
      <c r="AV953" s="92"/>
      <c r="AW953" s="92"/>
      <c r="AX953" s="92"/>
      <c r="AY953" s="92"/>
      <c r="AZ953" s="93"/>
      <c r="BA953" s="93"/>
      <c r="BB953" s="93"/>
      <c r="BC953" s="93"/>
      <c r="BD953" s="93"/>
      <c r="BE953" s="93"/>
      <c r="BF953" s="93"/>
      <c r="BG953" s="93"/>
      <c r="BH953" s="93"/>
      <c r="BI953" s="93"/>
      <c r="BJ953" s="93"/>
      <c r="BK953" s="93"/>
      <c r="BL953" s="93"/>
    </row>
    <row r="954" spans="2:64" x14ac:dyDescent="0.2">
      <c r="B954" s="43"/>
      <c r="C954" s="73"/>
      <c r="D954" s="64"/>
      <c r="E954" s="55"/>
      <c r="F954" s="74"/>
      <c r="G954" s="74"/>
      <c r="H954" s="74"/>
      <c r="I954" s="75"/>
      <c r="J954" s="74"/>
      <c r="L954" s="55"/>
      <c r="M954" s="234"/>
      <c r="N954" s="65"/>
      <c r="O954" s="76"/>
      <c r="P954" s="76"/>
      <c r="Q954" s="65"/>
      <c r="R954" s="76"/>
      <c r="S954" s="76"/>
      <c r="T954" s="76"/>
      <c r="U954" s="76"/>
      <c r="V954" s="76"/>
      <c r="W954" s="76"/>
      <c r="X954" s="76"/>
      <c r="Y954" s="76"/>
      <c r="Z954" s="76"/>
      <c r="AA954" s="85"/>
      <c r="AB954" s="85"/>
      <c r="AC954" s="85"/>
      <c r="AD954" s="85"/>
      <c r="AE954" s="85"/>
      <c r="AF954" s="85"/>
      <c r="AG954" s="86"/>
      <c r="AH954" s="85"/>
      <c r="AI954" s="85"/>
      <c r="AJ954" s="85"/>
      <c r="AK954" s="85"/>
      <c r="AL954" s="85"/>
      <c r="AM954" s="92"/>
      <c r="AN954" s="92"/>
      <c r="AO954" s="92"/>
      <c r="AP954" s="92"/>
      <c r="AQ954" s="92"/>
      <c r="AR954" s="92"/>
      <c r="AS954" s="92"/>
      <c r="AT954" s="92"/>
      <c r="AU954" s="92"/>
      <c r="AV954" s="92"/>
      <c r="AW954" s="92"/>
      <c r="AX954" s="92"/>
      <c r="AY954" s="92"/>
      <c r="AZ954" s="93"/>
      <c r="BA954" s="93"/>
      <c r="BB954" s="93"/>
      <c r="BC954" s="93"/>
      <c r="BD954" s="93"/>
      <c r="BE954" s="93"/>
      <c r="BF954" s="93"/>
      <c r="BG954" s="93"/>
      <c r="BH954" s="93"/>
      <c r="BI954" s="93"/>
      <c r="BJ954" s="93"/>
      <c r="BK954" s="93"/>
      <c r="BL954" s="93"/>
    </row>
    <row r="955" spans="2:64" x14ac:dyDescent="0.2">
      <c r="B955" s="43"/>
      <c r="C955" s="73"/>
      <c r="D955" s="64"/>
      <c r="E955" s="55"/>
      <c r="F955" s="74"/>
      <c r="G955" s="74"/>
      <c r="H955" s="74"/>
      <c r="I955" s="75"/>
      <c r="J955" s="74"/>
      <c r="L955" s="55"/>
      <c r="M955" s="234"/>
      <c r="N955" s="65"/>
      <c r="O955" s="76"/>
      <c r="P955" s="76"/>
      <c r="Q955" s="65"/>
      <c r="R955" s="76"/>
      <c r="S955" s="76"/>
      <c r="T955" s="76"/>
      <c r="U955" s="76"/>
      <c r="V955" s="76"/>
      <c r="W955" s="76"/>
      <c r="X955" s="76"/>
      <c r="Y955" s="76"/>
      <c r="Z955" s="76"/>
      <c r="AA955" s="85"/>
      <c r="AB955" s="85"/>
      <c r="AC955" s="85"/>
      <c r="AD955" s="85"/>
      <c r="AE955" s="85"/>
      <c r="AF955" s="85"/>
      <c r="AG955" s="86"/>
      <c r="AH955" s="85"/>
      <c r="AI955" s="85"/>
      <c r="AJ955" s="85"/>
      <c r="AK955" s="85"/>
      <c r="AL955" s="85"/>
      <c r="AM955" s="92"/>
      <c r="AN955" s="92"/>
      <c r="AO955" s="92"/>
      <c r="AP955" s="92"/>
      <c r="AQ955" s="92"/>
      <c r="AR955" s="92"/>
      <c r="AS955" s="92"/>
      <c r="AT955" s="92"/>
      <c r="AU955" s="92"/>
      <c r="AV955" s="92"/>
      <c r="AW955" s="92"/>
      <c r="AX955" s="92"/>
      <c r="AY955" s="92"/>
      <c r="AZ955" s="93"/>
      <c r="BA955" s="93"/>
      <c r="BB955" s="93"/>
      <c r="BC955" s="93"/>
      <c r="BD955" s="93"/>
      <c r="BE955" s="93"/>
      <c r="BF955" s="93"/>
      <c r="BG955" s="93"/>
      <c r="BH955" s="93"/>
      <c r="BI955" s="93"/>
      <c r="BJ955" s="93"/>
      <c r="BK955" s="93"/>
      <c r="BL955" s="93"/>
    </row>
    <row r="956" spans="2:64" x14ac:dyDescent="0.2">
      <c r="B956" s="43"/>
      <c r="C956" s="73"/>
      <c r="D956" s="64"/>
      <c r="E956" s="55"/>
      <c r="F956" s="74"/>
      <c r="G956" s="74"/>
      <c r="H956" s="74"/>
      <c r="I956" s="75"/>
      <c r="J956" s="74"/>
      <c r="L956" s="55"/>
      <c r="M956" s="234"/>
      <c r="N956" s="65"/>
      <c r="O956" s="76"/>
      <c r="P956" s="76"/>
      <c r="Q956" s="65"/>
      <c r="R956" s="76"/>
      <c r="S956" s="76"/>
      <c r="T956" s="76"/>
      <c r="U956" s="76"/>
      <c r="V956" s="76"/>
      <c r="W956" s="76"/>
      <c r="X956" s="76"/>
      <c r="Y956" s="76"/>
      <c r="Z956" s="76"/>
      <c r="AA956" s="85"/>
      <c r="AB956" s="85"/>
      <c r="AC956" s="85"/>
      <c r="AD956" s="85"/>
      <c r="AE956" s="85"/>
      <c r="AF956" s="85"/>
      <c r="AG956" s="86"/>
      <c r="AH956" s="85"/>
      <c r="AI956" s="85"/>
      <c r="AJ956" s="85"/>
      <c r="AK956" s="85"/>
      <c r="AL956" s="85"/>
      <c r="AM956" s="92"/>
      <c r="AN956" s="92"/>
      <c r="AO956" s="92"/>
      <c r="AP956" s="92"/>
      <c r="AQ956" s="92"/>
      <c r="AR956" s="92"/>
      <c r="AS956" s="92"/>
      <c r="AT956" s="92"/>
      <c r="AU956" s="92"/>
      <c r="AV956" s="92"/>
      <c r="AW956" s="92"/>
      <c r="AX956" s="92"/>
      <c r="AY956" s="92"/>
      <c r="AZ956" s="93"/>
      <c r="BA956" s="93"/>
      <c r="BB956" s="93"/>
      <c r="BC956" s="93"/>
      <c r="BD956" s="93"/>
      <c r="BE956" s="93"/>
      <c r="BF956" s="93"/>
      <c r="BG956" s="93"/>
      <c r="BH956" s="93"/>
      <c r="BI956" s="93"/>
      <c r="BJ956" s="93"/>
      <c r="BK956" s="93"/>
      <c r="BL956" s="93"/>
    </row>
    <row r="957" spans="2:64" x14ac:dyDescent="0.2">
      <c r="B957" s="43"/>
      <c r="C957" s="73"/>
      <c r="D957" s="64"/>
      <c r="E957" s="55"/>
      <c r="F957" s="74"/>
      <c r="G957" s="74"/>
      <c r="H957" s="74"/>
      <c r="I957" s="75"/>
      <c r="J957" s="74"/>
      <c r="L957" s="55"/>
      <c r="M957" s="234"/>
      <c r="N957" s="65"/>
      <c r="O957" s="76"/>
      <c r="P957" s="76"/>
      <c r="Q957" s="65"/>
      <c r="R957" s="76"/>
      <c r="S957" s="76"/>
      <c r="T957" s="76"/>
      <c r="U957" s="76"/>
      <c r="V957" s="76"/>
      <c r="W957" s="76"/>
      <c r="X957" s="76"/>
      <c r="Y957" s="76"/>
      <c r="Z957" s="76"/>
      <c r="AA957" s="85"/>
      <c r="AB957" s="85"/>
      <c r="AC957" s="85"/>
      <c r="AD957" s="85"/>
      <c r="AE957" s="85"/>
      <c r="AF957" s="85"/>
      <c r="AG957" s="86"/>
      <c r="AH957" s="85"/>
      <c r="AI957" s="85"/>
      <c r="AJ957" s="85"/>
      <c r="AK957" s="85"/>
      <c r="AL957" s="85"/>
      <c r="AM957" s="92"/>
      <c r="AN957" s="92"/>
      <c r="AO957" s="92"/>
      <c r="AP957" s="92"/>
      <c r="AQ957" s="92"/>
      <c r="AR957" s="92"/>
      <c r="AS957" s="92"/>
      <c r="AT957" s="92"/>
      <c r="AU957" s="92"/>
      <c r="AV957" s="92"/>
      <c r="AW957" s="92"/>
      <c r="AX957" s="92"/>
      <c r="AY957" s="92"/>
      <c r="AZ957" s="93"/>
      <c r="BA957" s="93"/>
      <c r="BB957" s="93"/>
      <c r="BC957" s="93"/>
      <c r="BD957" s="93"/>
      <c r="BE957" s="93"/>
      <c r="BF957" s="93"/>
      <c r="BG957" s="93"/>
      <c r="BH957" s="93"/>
      <c r="BI957" s="93"/>
      <c r="BJ957" s="93"/>
      <c r="BK957" s="93"/>
      <c r="BL957" s="93"/>
    </row>
    <row r="958" spans="2:64" x14ac:dyDescent="0.2">
      <c r="B958" s="43"/>
      <c r="C958" s="73"/>
      <c r="D958" s="64"/>
      <c r="E958" s="55"/>
      <c r="F958" s="74"/>
      <c r="G958" s="74"/>
      <c r="H958" s="74"/>
      <c r="I958" s="75"/>
      <c r="J958" s="74"/>
      <c r="L958" s="55"/>
      <c r="M958" s="234"/>
      <c r="N958" s="65"/>
      <c r="O958" s="76"/>
      <c r="P958" s="76"/>
      <c r="Q958" s="65"/>
      <c r="R958" s="76"/>
      <c r="S958" s="76"/>
      <c r="T958" s="76"/>
      <c r="U958" s="76"/>
      <c r="V958" s="76"/>
      <c r="W958" s="76"/>
      <c r="X958" s="76"/>
      <c r="Y958" s="76"/>
      <c r="Z958" s="76"/>
      <c r="AA958" s="85"/>
      <c r="AB958" s="85"/>
      <c r="AC958" s="85"/>
      <c r="AD958" s="85"/>
      <c r="AE958" s="85"/>
      <c r="AF958" s="85"/>
      <c r="AG958" s="86"/>
      <c r="AH958" s="85"/>
      <c r="AI958" s="85"/>
      <c r="AJ958" s="85"/>
      <c r="AK958" s="85"/>
      <c r="AL958" s="85"/>
      <c r="AM958" s="92"/>
      <c r="AN958" s="92"/>
      <c r="AO958" s="92"/>
      <c r="AP958" s="92"/>
      <c r="AQ958" s="92"/>
      <c r="AR958" s="92"/>
      <c r="AS958" s="92"/>
      <c r="AT958" s="92"/>
      <c r="AU958" s="92"/>
      <c r="AV958" s="92"/>
      <c r="AW958" s="92"/>
      <c r="AX958" s="92"/>
      <c r="AY958" s="92"/>
      <c r="AZ958" s="93"/>
      <c r="BA958" s="93"/>
      <c r="BB958" s="93"/>
      <c r="BC958" s="93"/>
      <c r="BD958" s="93"/>
      <c r="BE958" s="93"/>
      <c r="BF958" s="93"/>
      <c r="BG958" s="93"/>
      <c r="BH958" s="93"/>
      <c r="BI958" s="93"/>
      <c r="BJ958" s="93"/>
      <c r="BK958" s="93"/>
      <c r="BL958" s="93"/>
    </row>
    <row r="959" spans="2:64" x14ac:dyDescent="0.2">
      <c r="B959" s="43"/>
      <c r="C959" s="73"/>
      <c r="D959" s="64"/>
      <c r="E959" s="55"/>
      <c r="F959" s="74"/>
      <c r="G959" s="74"/>
      <c r="H959" s="74"/>
      <c r="I959" s="75"/>
      <c r="J959" s="74"/>
      <c r="L959" s="55"/>
      <c r="M959" s="234"/>
      <c r="N959" s="65"/>
      <c r="O959" s="76"/>
      <c r="P959" s="76"/>
      <c r="Q959" s="65"/>
      <c r="R959" s="76"/>
      <c r="S959" s="76"/>
      <c r="T959" s="76"/>
      <c r="U959" s="76"/>
      <c r="V959" s="76"/>
      <c r="W959" s="76"/>
      <c r="X959" s="76"/>
      <c r="Y959" s="76"/>
      <c r="Z959" s="76"/>
      <c r="AA959" s="85"/>
      <c r="AB959" s="85"/>
      <c r="AC959" s="85"/>
      <c r="AD959" s="85"/>
      <c r="AE959" s="85"/>
      <c r="AF959" s="85"/>
      <c r="AG959" s="86"/>
      <c r="AH959" s="85"/>
      <c r="AI959" s="85"/>
      <c r="AJ959" s="85"/>
      <c r="AK959" s="85"/>
      <c r="AL959" s="85"/>
      <c r="AM959" s="92"/>
      <c r="AN959" s="92"/>
      <c r="AO959" s="92"/>
      <c r="AP959" s="92"/>
      <c r="AQ959" s="92"/>
      <c r="AR959" s="92"/>
      <c r="AS959" s="92"/>
      <c r="AT959" s="92"/>
      <c r="AU959" s="92"/>
      <c r="AV959" s="92"/>
      <c r="AW959" s="92"/>
      <c r="AX959" s="92"/>
      <c r="AY959" s="92"/>
      <c r="AZ959" s="93"/>
      <c r="BA959" s="93"/>
      <c r="BB959" s="93"/>
      <c r="BC959" s="93"/>
      <c r="BD959" s="93"/>
      <c r="BE959" s="93"/>
      <c r="BF959" s="93"/>
      <c r="BG959" s="93"/>
      <c r="BH959" s="93"/>
      <c r="BI959" s="93"/>
      <c r="BJ959" s="93"/>
      <c r="BK959" s="93"/>
      <c r="BL959" s="93"/>
    </row>
    <row r="960" spans="2:64" x14ac:dyDescent="0.2">
      <c r="B960" s="43"/>
      <c r="C960" s="73"/>
      <c r="D960" s="64"/>
      <c r="E960" s="55"/>
      <c r="F960" s="74"/>
      <c r="G960" s="74"/>
      <c r="H960" s="74"/>
      <c r="I960" s="75"/>
      <c r="J960" s="74"/>
      <c r="L960" s="55"/>
      <c r="M960" s="234"/>
      <c r="N960" s="65"/>
      <c r="O960" s="76"/>
      <c r="P960" s="76"/>
      <c r="Q960" s="65"/>
      <c r="R960" s="76"/>
      <c r="S960" s="76"/>
      <c r="T960" s="76"/>
      <c r="U960" s="76"/>
      <c r="V960" s="76"/>
      <c r="W960" s="76"/>
      <c r="X960" s="76"/>
      <c r="Y960" s="76"/>
      <c r="Z960" s="76"/>
      <c r="AA960" s="85"/>
      <c r="AB960" s="85"/>
      <c r="AC960" s="85"/>
      <c r="AD960" s="85"/>
      <c r="AE960" s="85"/>
      <c r="AF960" s="85"/>
      <c r="AG960" s="86"/>
      <c r="AH960" s="85"/>
      <c r="AI960" s="85"/>
      <c r="AJ960" s="85"/>
      <c r="AK960" s="85"/>
      <c r="AL960" s="85"/>
      <c r="AM960" s="92"/>
      <c r="AN960" s="92"/>
      <c r="AO960" s="92"/>
      <c r="AP960" s="92"/>
      <c r="AQ960" s="92"/>
      <c r="AR960" s="92"/>
      <c r="AS960" s="92"/>
      <c r="AT960" s="92"/>
      <c r="AU960" s="92"/>
      <c r="AV960" s="92"/>
      <c r="AW960" s="92"/>
      <c r="AX960" s="92"/>
      <c r="AY960" s="92"/>
      <c r="AZ960" s="93"/>
      <c r="BA960" s="93"/>
      <c r="BB960" s="93"/>
      <c r="BC960" s="93"/>
      <c r="BD960" s="93"/>
      <c r="BE960" s="93"/>
      <c r="BF960" s="93"/>
      <c r="BG960" s="93"/>
      <c r="BH960" s="93"/>
      <c r="BI960" s="93"/>
      <c r="BJ960" s="93"/>
      <c r="BK960" s="93"/>
      <c r="BL960" s="93"/>
    </row>
    <row r="961" spans="2:64" x14ac:dyDescent="0.2">
      <c r="B961" s="43"/>
      <c r="C961" s="73"/>
      <c r="D961" s="64"/>
      <c r="E961" s="55"/>
      <c r="F961" s="74"/>
      <c r="G961" s="74"/>
      <c r="H961" s="74"/>
      <c r="I961" s="75"/>
      <c r="J961" s="74"/>
      <c r="L961" s="55"/>
      <c r="M961" s="234"/>
      <c r="N961" s="65"/>
      <c r="O961" s="76"/>
      <c r="P961" s="76"/>
      <c r="Q961" s="65"/>
      <c r="R961" s="76"/>
      <c r="S961" s="76"/>
      <c r="T961" s="76"/>
      <c r="U961" s="76"/>
      <c r="V961" s="76"/>
      <c r="W961" s="76"/>
      <c r="X961" s="76"/>
      <c r="Y961" s="76"/>
      <c r="Z961" s="76"/>
      <c r="AA961" s="85"/>
      <c r="AB961" s="85"/>
      <c r="AC961" s="85"/>
      <c r="AD961" s="85"/>
      <c r="AE961" s="85"/>
      <c r="AF961" s="85"/>
      <c r="AG961" s="86"/>
      <c r="AH961" s="85"/>
      <c r="AI961" s="85"/>
      <c r="AJ961" s="85"/>
      <c r="AK961" s="85"/>
      <c r="AL961" s="85"/>
      <c r="AM961" s="92"/>
      <c r="AN961" s="92"/>
      <c r="AO961" s="92"/>
      <c r="AP961" s="92"/>
      <c r="AQ961" s="92"/>
      <c r="AR961" s="92"/>
      <c r="AS961" s="92"/>
      <c r="AT961" s="92"/>
      <c r="AU961" s="92"/>
      <c r="AV961" s="92"/>
      <c r="AW961" s="92"/>
      <c r="AX961" s="92"/>
      <c r="AY961" s="92"/>
      <c r="AZ961" s="93"/>
      <c r="BA961" s="93"/>
      <c r="BB961" s="93"/>
      <c r="BC961" s="93"/>
      <c r="BD961" s="93"/>
      <c r="BE961" s="93"/>
      <c r="BF961" s="93"/>
      <c r="BG961" s="93"/>
      <c r="BH961" s="93"/>
      <c r="BI961" s="93"/>
      <c r="BJ961" s="93"/>
      <c r="BK961" s="93"/>
      <c r="BL961" s="93"/>
    </row>
    <row r="962" spans="2:64" x14ac:dyDescent="0.2">
      <c r="B962" s="43"/>
      <c r="C962" s="73"/>
      <c r="D962" s="64"/>
      <c r="E962" s="55"/>
      <c r="F962" s="74"/>
      <c r="G962" s="74"/>
      <c r="H962" s="74"/>
      <c r="I962" s="75"/>
      <c r="J962" s="74"/>
      <c r="L962" s="55"/>
      <c r="M962" s="234"/>
      <c r="N962" s="65"/>
      <c r="O962" s="76"/>
      <c r="P962" s="76"/>
      <c r="Q962" s="65"/>
      <c r="R962" s="76"/>
      <c r="S962" s="76"/>
      <c r="T962" s="76"/>
      <c r="U962" s="76"/>
      <c r="V962" s="76"/>
      <c r="W962" s="76"/>
      <c r="X962" s="76"/>
      <c r="Y962" s="76"/>
      <c r="Z962" s="76"/>
      <c r="AA962" s="85"/>
      <c r="AB962" s="85"/>
      <c r="AC962" s="85"/>
      <c r="AD962" s="85"/>
      <c r="AE962" s="85"/>
      <c r="AF962" s="85"/>
      <c r="AG962" s="86"/>
      <c r="AH962" s="85"/>
      <c r="AI962" s="85"/>
      <c r="AJ962" s="85"/>
      <c r="AK962" s="85"/>
      <c r="AL962" s="85"/>
      <c r="AM962" s="92"/>
      <c r="AN962" s="92"/>
      <c r="AO962" s="92"/>
      <c r="AP962" s="92"/>
      <c r="AQ962" s="92"/>
      <c r="AR962" s="92"/>
      <c r="AS962" s="92"/>
      <c r="AT962" s="92"/>
      <c r="AU962" s="92"/>
      <c r="AV962" s="92"/>
      <c r="AW962" s="92"/>
      <c r="AX962" s="92"/>
      <c r="AY962" s="92"/>
      <c r="AZ962" s="93"/>
      <c r="BA962" s="93"/>
      <c r="BB962" s="93"/>
      <c r="BC962" s="93"/>
      <c r="BD962" s="93"/>
      <c r="BE962" s="93"/>
      <c r="BF962" s="93"/>
      <c r="BG962" s="93"/>
      <c r="BH962" s="93"/>
      <c r="BI962" s="93"/>
      <c r="BJ962" s="93"/>
      <c r="BK962" s="93"/>
      <c r="BL962" s="93"/>
    </row>
    <row r="963" spans="2:64" x14ac:dyDescent="0.2">
      <c r="B963" s="43"/>
      <c r="C963" s="73"/>
      <c r="D963" s="64"/>
      <c r="E963" s="55"/>
      <c r="F963" s="74"/>
      <c r="G963" s="74"/>
      <c r="H963" s="74"/>
      <c r="I963" s="75"/>
      <c r="J963" s="74"/>
      <c r="L963" s="55"/>
      <c r="M963" s="234"/>
      <c r="N963" s="65"/>
      <c r="O963" s="76"/>
      <c r="P963" s="76"/>
      <c r="Q963" s="65"/>
      <c r="R963" s="76"/>
      <c r="S963" s="76"/>
      <c r="T963" s="76"/>
      <c r="U963" s="76"/>
      <c r="V963" s="76"/>
      <c r="W963" s="76"/>
      <c r="X963" s="76"/>
      <c r="Y963" s="76"/>
      <c r="Z963" s="76"/>
      <c r="AA963" s="85"/>
      <c r="AB963" s="85"/>
      <c r="AC963" s="85"/>
      <c r="AD963" s="85"/>
      <c r="AE963" s="85"/>
      <c r="AF963" s="85"/>
      <c r="AG963" s="86"/>
      <c r="AH963" s="85"/>
      <c r="AI963" s="85"/>
      <c r="AJ963" s="85"/>
      <c r="AK963" s="85"/>
      <c r="AL963" s="85"/>
      <c r="AM963" s="92"/>
      <c r="AN963" s="92"/>
      <c r="AO963" s="92"/>
      <c r="AP963" s="92"/>
      <c r="AQ963" s="92"/>
      <c r="AR963" s="92"/>
      <c r="AS963" s="92"/>
      <c r="AT963" s="92"/>
      <c r="AU963" s="92"/>
      <c r="AV963" s="92"/>
      <c r="AW963" s="92"/>
      <c r="AX963" s="92"/>
      <c r="AY963" s="92"/>
      <c r="AZ963" s="93"/>
      <c r="BA963" s="93"/>
      <c r="BB963" s="93"/>
      <c r="BC963" s="93"/>
      <c r="BD963" s="93"/>
      <c r="BE963" s="93"/>
      <c r="BF963" s="93"/>
      <c r="BG963" s="93"/>
      <c r="BH963" s="93"/>
      <c r="BI963" s="93"/>
      <c r="BJ963" s="93"/>
      <c r="BK963" s="93"/>
      <c r="BL963" s="93"/>
    </row>
    <row r="964" spans="2:64" x14ac:dyDescent="0.2">
      <c r="B964" s="43"/>
      <c r="C964" s="73"/>
      <c r="D964" s="64"/>
      <c r="E964" s="55"/>
      <c r="F964" s="74"/>
      <c r="G964" s="74"/>
      <c r="H964" s="74"/>
      <c r="I964" s="75"/>
      <c r="J964" s="74"/>
      <c r="L964" s="55"/>
      <c r="M964" s="234"/>
      <c r="N964" s="65"/>
      <c r="O964" s="76"/>
      <c r="P964" s="76"/>
      <c r="Q964" s="65"/>
      <c r="R964" s="76"/>
      <c r="S964" s="76"/>
      <c r="T964" s="76"/>
      <c r="U964" s="76"/>
      <c r="V964" s="76"/>
      <c r="W964" s="76"/>
      <c r="X964" s="76"/>
      <c r="Y964" s="76"/>
      <c r="Z964" s="76"/>
      <c r="AA964" s="85"/>
      <c r="AB964" s="85"/>
      <c r="AC964" s="85"/>
      <c r="AD964" s="85"/>
      <c r="AE964" s="85"/>
      <c r="AF964" s="85"/>
      <c r="AG964" s="86"/>
      <c r="AH964" s="85"/>
      <c r="AI964" s="85"/>
      <c r="AJ964" s="85"/>
      <c r="AK964" s="85"/>
      <c r="AL964" s="85"/>
      <c r="AM964" s="92"/>
      <c r="AN964" s="92"/>
      <c r="AO964" s="92"/>
      <c r="AP964" s="92"/>
      <c r="AQ964" s="92"/>
      <c r="AR964" s="92"/>
      <c r="AS964" s="92"/>
      <c r="AT964" s="92"/>
      <c r="AU964" s="92"/>
      <c r="AV964" s="92"/>
      <c r="AW964" s="92"/>
      <c r="AX964" s="92"/>
      <c r="AY964" s="92"/>
      <c r="AZ964" s="93"/>
      <c r="BA964" s="93"/>
      <c r="BB964" s="93"/>
      <c r="BC964" s="93"/>
      <c r="BD964" s="93"/>
      <c r="BE964" s="93"/>
      <c r="BF964" s="93"/>
      <c r="BG964" s="93"/>
      <c r="BH964" s="93"/>
      <c r="BI964" s="93"/>
      <c r="BJ964" s="93"/>
      <c r="BK964" s="93"/>
      <c r="BL964" s="93"/>
    </row>
    <row r="965" spans="2:64" x14ac:dyDescent="0.2">
      <c r="B965" s="43"/>
      <c r="C965" s="73"/>
      <c r="D965" s="64"/>
      <c r="E965" s="55"/>
      <c r="F965" s="74"/>
      <c r="G965" s="74"/>
      <c r="H965" s="74"/>
      <c r="I965" s="75"/>
      <c r="J965" s="74"/>
      <c r="L965" s="55"/>
      <c r="M965" s="234"/>
      <c r="N965" s="65"/>
      <c r="O965" s="76"/>
      <c r="P965" s="76"/>
      <c r="Q965" s="65"/>
      <c r="R965" s="76"/>
      <c r="S965" s="76"/>
      <c r="T965" s="76"/>
      <c r="U965" s="76"/>
      <c r="V965" s="76"/>
      <c r="W965" s="76"/>
      <c r="X965" s="76"/>
      <c r="Y965" s="76"/>
      <c r="Z965" s="76"/>
      <c r="AA965" s="85"/>
      <c r="AB965" s="85"/>
      <c r="AC965" s="85"/>
      <c r="AD965" s="85"/>
      <c r="AE965" s="85"/>
      <c r="AF965" s="85"/>
      <c r="AG965" s="86"/>
      <c r="AH965" s="85"/>
      <c r="AI965" s="85"/>
      <c r="AJ965" s="85"/>
      <c r="AK965" s="85"/>
      <c r="AL965" s="85"/>
      <c r="AM965" s="92"/>
      <c r="AN965" s="92"/>
      <c r="AO965" s="92"/>
      <c r="AP965" s="92"/>
      <c r="AQ965" s="92"/>
      <c r="AR965" s="92"/>
      <c r="AS965" s="92"/>
      <c r="AT965" s="92"/>
      <c r="AU965" s="92"/>
      <c r="AV965" s="92"/>
      <c r="AW965" s="92"/>
      <c r="AX965" s="92"/>
      <c r="AY965" s="92"/>
      <c r="AZ965" s="93"/>
      <c r="BA965" s="93"/>
      <c r="BB965" s="93"/>
      <c r="BC965" s="93"/>
      <c r="BD965" s="93"/>
      <c r="BE965" s="93"/>
      <c r="BF965" s="93"/>
      <c r="BG965" s="93"/>
      <c r="BH965" s="93"/>
      <c r="BI965" s="93"/>
      <c r="BJ965" s="93"/>
      <c r="BK965" s="93"/>
      <c r="BL965" s="93"/>
    </row>
    <row r="966" spans="2:64" x14ac:dyDescent="0.2">
      <c r="B966" s="43"/>
      <c r="C966" s="73"/>
      <c r="D966" s="64"/>
      <c r="E966" s="55"/>
      <c r="F966" s="74"/>
      <c r="G966" s="74"/>
      <c r="H966" s="74"/>
      <c r="I966" s="75"/>
      <c r="J966" s="74"/>
      <c r="L966" s="55"/>
      <c r="M966" s="234"/>
      <c r="N966" s="65"/>
      <c r="O966" s="76"/>
      <c r="P966" s="76"/>
      <c r="Q966" s="65"/>
      <c r="R966" s="76"/>
      <c r="S966" s="76"/>
      <c r="T966" s="76"/>
      <c r="U966" s="76"/>
      <c r="V966" s="76"/>
      <c r="W966" s="76"/>
      <c r="X966" s="76"/>
      <c r="Y966" s="76"/>
      <c r="Z966" s="76"/>
      <c r="AA966" s="85"/>
      <c r="AB966" s="85"/>
      <c r="AC966" s="85"/>
      <c r="AD966" s="85"/>
      <c r="AE966" s="85"/>
      <c r="AF966" s="85"/>
      <c r="AG966" s="86"/>
      <c r="AH966" s="85"/>
      <c r="AI966" s="85"/>
      <c r="AJ966" s="85"/>
      <c r="AK966" s="85"/>
      <c r="AL966" s="85"/>
      <c r="AM966" s="92"/>
      <c r="AN966" s="92"/>
      <c r="AO966" s="92"/>
      <c r="AP966" s="92"/>
      <c r="AQ966" s="92"/>
      <c r="AR966" s="92"/>
      <c r="AS966" s="92"/>
      <c r="AT966" s="92"/>
      <c r="AU966" s="92"/>
      <c r="AV966" s="92"/>
      <c r="AW966" s="92"/>
      <c r="AX966" s="92"/>
      <c r="AY966" s="92"/>
      <c r="AZ966" s="93"/>
      <c r="BA966" s="93"/>
      <c r="BB966" s="93"/>
      <c r="BC966" s="93"/>
      <c r="BD966" s="93"/>
      <c r="BE966" s="93"/>
      <c r="BF966" s="93"/>
      <c r="BG966" s="93"/>
      <c r="BH966" s="93"/>
      <c r="BI966" s="93"/>
      <c r="BJ966" s="93"/>
      <c r="BK966" s="93"/>
      <c r="BL966" s="93"/>
    </row>
    <row r="967" spans="2:64" x14ac:dyDescent="0.2">
      <c r="B967" s="43"/>
      <c r="C967" s="73"/>
      <c r="D967" s="64"/>
      <c r="E967" s="55"/>
      <c r="F967" s="74"/>
      <c r="G967" s="74"/>
      <c r="H967" s="74"/>
      <c r="I967" s="75"/>
      <c r="J967" s="74"/>
      <c r="L967" s="55"/>
      <c r="M967" s="234"/>
      <c r="N967" s="65"/>
      <c r="O967" s="76"/>
      <c r="P967" s="76"/>
      <c r="Q967" s="65"/>
      <c r="R967" s="76"/>
      <c r="S967" s="76"/>
      <c r="T967" s="76"/>
      <c r="U967" s="76"/>
      <c r="V967" s="76"/>
      <c r="W967" s="76"/>
      <c r="X967" s="76"/>
      <c r="Y967" s="76"/>
      <c r="Z967" s="76"/>
      <c r="AA967" s="85"/>
      <c r="AB967" s="85"/>
      <c r="AC967" s="85"/>
      <c r="AD967" s="85"/>
      <c r="AE967" s="85"/>
      <c r="AF967" s="85"/>
      <c r="AG967" s="86"/>
      <c r="AH967" s="85"/>
      <c r="AI967" s="85"/>
      <c r="AJ967" s="85"/>
      <c r="AK967" s="85"/>
      <c r="AL967" s="85"/>
      <c r="AM967" s="92"/>
      <c r="AN967" s="92"/>
      <c r="AO967" s="92"/>
      <c r="AP967" s="92"/>
      <c r="AQ967" s="92"/>
      <c r="AR967" s="92"/>
      <c r="AS967" s="92"/>
      <c r="AT967" s="92"/>
      <c r="AU967" s="92"/>
      <c r="AV967" s="92"/>
      <c r="AW967" s="92"/>
      <c r="AX967" s="92"/>
      <c r="AY967" s="92"/>
      <c r="AZ967" s="93"/>
      <c r="BA967" s="93"/>
      <c r="BB967" s="93"/>
      <c r="BC967" s="93"/>
      <c r="BD967" s="93"/>
      <c r="BE967" s="93"/>
      <c r="BF967" s="93"/>
      <c r="BG967" s="93"/>
      <c r="BH967" s="93"/>
      <c r="BI967" s="93"/>
      <c r="BJ967" s="93"/>
      <c r="BK967" s="93"/>
      <c r="BL967" s="93"/>
    </row>
    <row r="968" spans="2:64" x14ac:dyDescent="0.2">
      <c r="B968" s="43"/>
      <c r="C968" s="73"/>
      <c r="D968" s="64"/>
      <c r="E968" s="55"/>
      <c r="F968" s="74"/>
      <c r="G968" s="74"/>
      <c r="H968" s="74"/>
      <c r="I968" s="75"/>
      <c r="J968" s="74"/>
      <c r="L968" s="55"/>
      <c r="M968" s="234"/>
      <c r="N968" s="65"/>
      <c r="O968" s="76"/>
      <c r="P968" s="76"/>
      <c r="Q968" s="65"/>
      <c r="R968" s="76"/>
      <c r="S968" s="76"/>
      <c r="T968" s="76"/>
      <c r="U968" s="76"/>
      <c r="V968" s="76"/>
      <c r="W968" s="76"/>
      <c r="X968" s="76"/>
      <c r="Y968" s="76"/>
      <c r="Z968" s="76"/>
      <c r="AA968" s="85"/>
      <c r="AB968" s="85"/>
      <c r="AC968" s="85"/>
      <c r="AD968" s="85"/>
      <c r="AE968" s="85"/>
      <c r="AF968" s="85"/>
      <c r="AG968" s="86"/>
      <c r="AH968" s="85"/>
      <c r="AI968" s="85"/>
      <c r="AJ968" s="85"/>
      <c r="AK968" s="85"/>
      <c r="AL968" s="85"/>
      <c r="AM968" s="92"/>
      <c r="AN968" s="92"/>
      <c r="AO968" s="92"/>
      <c r="AP968" s="92"/>
      <c r="AQ968" s="92"/>
      <c r="AR968" s="92"/>
      <c r="AS968" s="92"/>
      <c r="AT968" s="92"/>
      <c r="AU968" s="92"/>
      <c r="AV968" s="92"/>
      <c r="AW968" s="92"/>
      <c r="AX968" s="92"/>
      <c r="AY968" s="92"/>
      <c r="AZ968" s="93"/>
      <c r="BA968" s="93"/>
      <c r="BB968" s="93"/>
      <c r="BC968" s="93"/>
      <c r="BD968" s="93"/>
      <c r="BE968" s="93"/>
      <c r="BF968" s="93"/>
      <c r="BG968" s="93"/>
      <c r="BH968" s="93"/>
      <c r="BI968" s="93"/>
      <c r="BJ968" s="93"/>
      <c r="BK968" s="93"/>
      <c r="BL968" s="93"/>
    </row>
    <row r="969" spans="2:64" x14ac:dyDescent="0.2">
      <c r="B969" s="43"/>
      <c r="C969" s="73"/>
      <c r="D969" s="64"/>
      <c r="E969" s="55"/>
      <c r="F969" s="74"/>
      <c r="G969" s="74"/>
      <c r="H969" s="74"/>
      <c r="I969" s="75"/>
      <c r="J969" s="74"/>
      <c r="L969" s="55"/>
      <c r="M969" s="234"/>
      <c r="N969" s="65"/>
      <c r="O969" s="76"/>
      <c r="P969" s="76"/>
      <c r="Q969" s="65"/>
      <c r="R969" s="76"/>
      <c r="S969" s="76"/>
      <c r="T969" s="76"/>
      <c r="U969" s="76"/>
      <c r="V969" s="76"/>
      <c r="W969" s="76"/>
      <c r="X969" s="76"/>
      <c r="Y969" s="76"/>
      <c r="Z969" s="76"/>
      <c r="AA969" s="85"/>
      <c r="AB969" s="85"/>
      <c r="AC969" s="85"/>
      <c r="AD969" s="85"/>
      <c r="AE969" s="85"/>
      <c r="AF969" s="85"/>
      <c r="AG969" s="86"/>
      <c r="AH969" s="85"/>
      <c r="AI969" s="85"/>
      <c r="AJ969" s="85"/>
      <c r="AK969" s="85"/>
      <c r="AL969" s="85"/>
      <c r="AM969" s="92"/>
      <c r="AN969" s="92"/>
      <c r="AO969" s="92"/>
      <c r="AP969" s="92"/>
      <c r="AQ969" s="92"/>
      <c r="AR969" s="92"/>
      <c r="AS969" s="92"/>
      <c r="AT969" s="92"/>
      <c r="AU969" s="92"/>
      <c r="AV969" s="92"/>
      <c r="AW969" s="92"/>
      <c r="AX969" s="92"/>
      <c r="AY969" s="92"/>
      <c r="AZ969" s="93"/>
      <c r="BA969" s="93"/>
      <c r="BB969" s="93"/>
      <c r="BC969" s="93"/>
      <c r="BD969" s="93"/>
      <c r="BE969" s="93"/>
      <c r="BF969" s="93"/>
      <c r="BG969" s="93"/>
      <c r="BH969" s="93"/>
      <c r="BI969" s="93"/>
      <c r="BJ969" s="93"/>
      <c r="BK969" s="93"/>
      <c r="BL969" s="93"/>
    </row>
    <row r="970" spans="2:64" x14ac:dyDescent="0.2">
      <c r="B970" s="43"/>
      <c r="C970" s="73"/>
      <c r="D970" s="64"/>
      <c r="E970" s="55"/>
      <c r="F970" s="74"/>
      <c r="G970" s="74"/>
      <c r="H970" s="74"/>
      <c r="I970" s="75"/>
      <c r="J970" s="74"/>
      <c r="L970" s="55"/>
      <c r="M970" s="234"/>
      <c r="N970" s="65"/>
      <c r="O970" s="76"/>
      <c r="P970" s="76"/>
      <c r="Q970" s="65"/>
      <c r="R970" s="76"/>
      <c r="S970" s="76"/>
      <c r="T970" s="76"/>
      <c r="U970" s="76"/>
      <c r="V970" s="76"/>
      <c r="W970" s="76"/>
      <c r="X970" s="76"/>
      <c r="Y970" s="76"/>
      <c r="Z970" s="76"/>
      <c r="AA970" s="85"/>
      <c r="AB970" s="85"/>
      <c r="AC970" s="85"/>
      <c r="AD970" s="85"/>
      <c r="AE970" s="85"/>
      <c r="AF970" s="85"/>
      <c r="AG970" s="86"/>
      <c r="AH970" s="85"/>
      <c r="AI970" s="85"/>
      <c r="AJ970" s="85"/>
      <c r="AK970" s="85"/>
      <c r="AL970" s="85"/>
      <c r="AM970" s="92"/>
      <c r="AN970" s="92"/>
      <c r="AO970" s="92"/>
      <c r="AP970" s="92"/>
      <c r="AQ970" s="92"/>
      <c r="AR970" s="92"/>
      <c r="AS970" s="92"/>
      <c r="AT970" s="92"/>
      <c r="AU970" s="92"/>
      <c r="AV970" s="92"/>
      <c r="AW970" s="92"/>
      <c r="AX970" s="92"/>
      <c r="AY970" s="92"/>
      <c r="AZ970" s="93"/>
      <c r="BA970" s="93"/>
      <c r="BB970" s="93"/>
      <c r="BC970" s="93"/>
      <c r="BD970" s="93"/>
      <c r="BE970" s="93"/>
      <c r="BF970" s="93"/>
      <c r="BG970" s="93"/>
      <c r="BH970" s="93"/>
      <c r="BI970" s="93"/>
      <c r="BJ970" s="93"/>
      <c r="BK970" s="93"/>
      <c r="BL970" s="93"/>
    </row>
    <row r="971" spans="2:64" x14ac:dyDescent="0.2">
      <c r="B971" s="43"/>
      <c r="C971" s="73"/>
      <c r="D971" s="64"/>
      <c r="E971" s="55"/>
      <c r="F971" s="74"/>
      <c r="G971" s="74"/>
      <c r="H971" s="74"/>
      <c r="I971" s="75"/>
      <c r="J971" s="74"/>
      <c r="L971" s="55"/>
      <c r="M971" s="234"/>
      <c r="N971" s="65"/>
      <c r="O971" s="76"/>
      <c r="P971" s="76"/>
      <c r="Q971" s="65"/>
      <c r="R971" s="76"/>
      <c r="S971" s="76"/>
      <c r="T971" s="76"/>
      <c r="U971" s="76"/>
      <c r="V971" s="76"/>
      <c r="W971" s="76"/>
      <c r="X971" s="76"/>
      <c r="Y971" s="76"/>
      <c r="Z971" s="76"/>
      <c r="AA971" s="85"/>
      <c r="AB971" s="85"/>
      <c r="AC971" s="85"/>
      <c r="AD971" s="85"/>
      <c r="AE971" s="85"/>
      <c r="AF971" s="85"/>
      <c r="AG971" s="86"/>
      <c r="AH971" s="85"/>
      <c r="AI971" s="85"/>
      <c r="AJ971" s="85"/>
      <c r="AK971" s="85"/>
      <c r="AL971" s="85"/>
      <c r="AM971" s="92"/>
      <c r="AN971" s="92"/>
      <c r="AO971" s="92"/>
      <c r="AP971" s="92"/>
      <c r="AQ971" s="92"/>
      <c r="AR971" s="92"/>
      <c r="AS971" s="92"/>
      <c r="AT971" s="92"/>
      <c r="AU971" s="92"/>
      <c r="AV971" s="92"/>
      <c r="AW971" s="92"/>
      <c r="AX971" s="92"/>
      <c r="AY971" s="92"/>
      <c r="AZ971" s="93"/>
      <c r="BA971" s="93"/>
      <c r="BB971" s="93"/>
      <c r="BC971" s="93"/>
      <c r="BD971" s="93"/>
      <c r="BE971" s="93"/>
      <c r="BF971" s="93"/>
      <c r="BG971" s="93"/>
      <c r="BH971" s="93"/>
      <c r="BI971" s="93"/>
      <c r="BJ971" s="93"/>
      <c r="BK971" s="93"/>
      <c r="BL971" s="93"/>
    </row>
    <row r="972" spans="2:64" x14ac:dyDescent="0.2">
      <c r="B972" s="43"/>
      <c r="C972" s="73"/>
      <c r="D972" s="64"/>
      <c r="E972" s="55"/>
      <c r="F972" s="74"/>
      <c r="G972" s="74"/>
      <c r="H972" s="74"/>
      <c r="I972" s="75"/>
      <c r="J972" s="74"/>
      <c r="L972" s="55"/>
      <c r="M972" s="234"/>
      <c r="N972" s="65"/>
      <c r="O972" s="76"/>
      <c r="P972" s="76"/>
      <c r="Q972" s="65"/>
      <c r="R972" s="76"/>
      <c r="S972" s="76"/>
      <c r="T972" s="76"/>
      <c r="U972" s="76"/>
      <c r="V972" s="76"/>
      <c r="W972" s="76"/>
      <c r="X972" s="76"/>
      <c r="Y972" s="76"/>
      <c r="Z972" s="76"/>
      <c r="AA972" s="85"/>
      <c r="AB972" s="85"/>
      <c r="AC972" s="85"/>
      <c r="AD972" s="85"/>
      <c r="AE972" s="85"/>
      <c r="AF972" s="85"/>
      <c r="AG972" s="86"/>
      <c r="AH972" s="85"/>
      <c r="AI972" s="85"/>
      <c r="AJ972" s="85"/>
      <c r="AK972" s="85"/>
      <c r="AL972" s="85"/>
      <c r="AM972" s="92"/>
      <c r="AN972" s="92"/>
      <c r="AO972" s="92"/>
      <c r="AP972" s="92"/>
      <c r="AQ972" s="92"/>
      <c r="AR972" s="92"/>
      <c r="AS972" s="92"/>
      <c r="AT972" s="92"/>
      <c r="AU972" s="92"/>
      <c r="AV972" s="92"/>
      <c r="AW972" s="92"/>
      <c r="AX972" s="92"/>
      <c r="AY972" s="92"/>
      <c r="AZ972" s="93"/>
      <c r="BA972" s="93"/>
      <c r="BB972" s="93"/>
      <c r="BC972" s="93"/>
      <c r="BD972" s="93"/>
      <c r="BE972" s="93"/>
      <c r="BF972" s="93"/>
      <c r="BG972" s="93"/>
      <c r="BH972" s="93"/>
      <c r="BI972" s="93"/>
      <c r="BJ972" s="93"/>
      <c r="BK972" s="93"/>
      <c r="BL972" s="93"/>
    </row>
    <row r="973" spans="2:64" x14ac:dyDescent="0.2">
      <c r="B973" s="43"/>
      <c r="C973" s="73"/>
      <c r="D973" s="64"/>
      <c r="E973" s="55"/>
      <c r="F973" s="74"/>
      <c r="G973" s="74"/>
      <c r="H973" s="74"/>
      <c r="I973" s="75"/>
      <c r="J973" s="74"/>
      <c r="L973" s="55"/>
      <c r="M973" s="234"/>
      <c r="N973" s="65"/>
      <c r="O973" s="76"/>
      <c r="P973" s="76"/>
      <c r="Q973" s="65"/>
      <c r="R973" s="76"/>
      <c r="S973" s="76"/>
      <c r="T973" s="76"/>
      <c r="U973" s="76"/>
      <c r="V973" s="76"/>
      <c r="W973" s="76"/>
      <c r="X973" s="76"/>
      <c r="Y973" s="76"/>
      <c r="Z973" s="76"/>
      <c r="AA973" s="85"/>
      <c r="AB973" s="85"/>
      <c r="AC973" s="85"/>
      <c r="AD973" s="85"/>
      <c r="AE973" s="85"/>
      <c r="AF973" s="85"/>
      <c r="AG973" s="86"/>
      <c r="AH973" s="85"/>
      <c r="AI973" s="85"/>
      <c r="AJ973" s="85"/>
      <c r="AK973" s="85"/>
      <c r="AL973" s="85"/>
      <c r="AM973" s="92"/>
      <c r="AN973" s="92"/>
      <c r="AO973" s="92"/>
      <c r="AP973" s="92"/>
      <c r="AQ973" s="92"/>
      <c r="AR973" s="92"/>
      <c r="AS973" s="92"/>
      <c r="AT973" s="92"/>
      <c r="AU973" s="92"/>
      <c r="AV973" s="92"/>
      <c r="AW973" s="92"/>
      <c r="AX973" s="92"/>
      <c r="AY973" s="92"/>
      <c r="AZ973" s="93"/>
      <c r="BA973" s="93"/>
      <c r="BB973" s="93"/>
      <c r="BC973" s="93"/>
      <c r="BD973" s="93"/>
      <c r="BE973" s="93"/>
      <c r="BF973" s="93"/>
      <c r="BG973" s="93"/>
      <c r="BH973" s="93"/>
      <c r="BI973" s="93"/>
      <c r="BJ973" s="93"/>
      <c r="BK973" s="93"/>
      <c r="BL973" s="93"/>
    </row>
    <row r="974" spans="2:64" x14ac:dyDescent="0.2">
      <c r="B974" s="43"/>
      <c r="C974" s="73"/>
      <c r="D974" s="64"/>
      <c r="E974" s="55"/>
      <c r="F974" s="74"/>
      <c r="G974" s="74"/>
      <c r="H974" s="74"/>
      <c r="I974" s="75"/>
      <c r="J974" s="74"/>
      <c r="L974" s="55"/>
      <c r="M974" s="234"/>
      <c r="N974" s="65"/>
      <c r="O974" s="76"/>
      <c r="P974" s="76"/>
      <c r="Q974" s="65"/>
      <c r="R974" s="76"/>
      <c r="S974" s="76"/>
      <c r="T974" s="76"/>
      <c r="U974" s="76"/>
      <c r="V974" s="76"/>
      <c r="W974" s="76"/>
      <c r="X974" s="76"/>
      <c r="Y974" s="76"/>
      <c r="Z974" s="76"/>
      <c r="AA974" s="85"/>
      <c r="AB974" s="85"/>
      <c r="AC974" s="85"/>
      <c r="AD974" s="85"/>
      <c r="AE974" s="85"/>
      <c r="AF974" s="85"/>
      <c r="AG974" s="86"/>
      <c r="AH974" s="85"/>
      <c r="AI974" s="85"/>
      <c r="AJ974" s="85"/>
      <c r="AK974" s="85"/>
      <c r="AL974" s="85"/>
      <c r="AM974" s="92"/>
      <c r="AN974" s="92"/>
      <c r="AO974" s="92"/>
      <c r="AP974" s="92"/>
      <c r="AQ974" s="92"/>
      <c r="AR974" s="92"/>
      <c r="AS974" s="92"/>
      <c r="AT974" s="92"/>
      <c r="AU974" s="92"/>
      <c r="AV974" s="92"/>
      <c r="AW974" s="92"/>
      <c r="AX974" s="92"/>
      <c r="AY974" s="92"/>
      <c r="AZ974" s="93"/>
      <c r="BA974" s="93"/>
      <c r="BB974" s="93"/>
      <c r="BC974" s="93"/>
      <c r="BD974" s="93"/>
      <c r="BE974" s="93"/>
      <c r="BF974" s="93"/>
      <c r="BG974" s="93"/>
      <c r="BH974" s="93"/>
      <c r="BI974" s="93"/>
      <c r="BJ974" s="93"/>
      <c r="BK974" s="93"/>
      <c r="BL974" s="93"/>
    </row>
    <row r="975" spans="2:64" x14ac:dyDescent="0.2">
      <c r="B975" s="43"/>
      <c r="C975" s="73"/>
      <c r="D975" s="64"/>
      <c r="E975" s="55"/>
      <c r="F975" s="74"/>
      <c r="G975" s="74"/>
      <c r="H975" s="74"/>
      <c r="I975" s="75"/>
      <c r="J975" s="74"/>
      <c r="L975" s="55"/>
      <c r="M975" s="234"/>
      <c r="N975" s="65"/>
      <c r="O975" s="76"/>
      <c r="P975" s="76"/>
      <c r="Q975" s="65"/>
      <c r="R975" s="76"/>
      <c r="S975" s="76"/>
      <c r="T975" s="76"/>
      <c r="U975" s="76"/>
      <c r="V975" s="76"/>
      <c r="W975" s="76"/>
      <c r="X975" s="76"/>
      <c r="Y975" s="76"/>
      <c r="Z975" s="76"/>
      <c r="AA975" s="85"/>
      <c r="AB975" s="85"/>
      <c r="AC975" s="85"/>
      <c r="AD975" s="85"/>
      <c r="AE975" s="85"/>
      <c r="AF975" s="85"/>
      <c r="AG975" s="86"/>
      <c r="AH975" s="85"/>
      <c r="AI975" s="85"/>
      <c r="AJ975" s="85"/>
      <c r="AK975" s="85"/>
      <c r="AL975" s="85"/>
      <c r="AM975" s="92"/>
      <c r="AN975" s="92"/>
      <c r="AO975" s="92"/>
      <c r="AP975" s="92"/>
      <c r="AQ975" s="92"/>
      <c r="AR975" s="92"/>
      <c r="AS975" s="92"/>
      <c r="AT975" s="92"/>
      <c r="AU975" s="92"/>
      <c r="AV975" s="92"/>
      <c r="AW975" s="92"/>
      <c r="AX975" s="92"/>
      <c r="AY975" s="92"/>
      <c r="AZ975" s="93"/>
      <c r="BA975" s="93"/>
      <c r="BB975" s="93"/>
      <c r="BC975" s="93"/>
      <c r="BD975" s="93"/>
      <c r="BE975" s="93"/>
      <c r="BF975" s="93"/>
      <c r="BG975" s="93"/>
      <c r="BH975" s="93"/>
      <c r="BI975" s="93"/>
      <c r="BJ975" s="93"/>
      <c r="BK975" s="93"/>
      <c r="BL975" s="93"/>
    </row>
    <row r="976" spans="2:64" x14ac:dyDescent="0.2">
      <c r="B976" s="43"/>
      <c r="C976" s="73"/>
      <c r="D976" s="64"/>
      <c r="E976" s="55"/>
      <c r="F976" s="74"/>
      <c r="G976" s="74"/>
      <c r="H976" s="74"/>
      <c r="I976" s="75"/>
      <c r="J976" s="74"/>
      <c r="L976" s="55"/>
      <c r="M976" s="234"/>
      <c r="N976" s="65"/>
      <c r="O976" s="76"/>
      <c r="P976" s="76"/>
      <c r="Q976" s="65"/>
      <c r="R976" s="76"/>
      <c r="S976" s="76"/>
      <c r="T976" s="76"/>
      <c r="U976" s="76"/>
      <c r="V976" s="76"/>
      <c r="W976" s="76"/>
      <c r="X976" s="76"/>
      <c r="Y976" s="76"/>
      <c r="Z976" s="76"/>
      <c r="AA976" s="85"/>
      <c r="AB976" s="85"/>
      <c r="AC976" s="85"/>
      <c r="AD976" s="85"/>
      <c r="AE976" s="85"/>
      <c r="AF976" s="85"/>
      <c r="AG976" s="86"/>
      <c r="AH976" s="85"/>
      <c r="AI976" s="85"/>
      <c r="AJ976" s="85"/>
      <c r="AK976" s="85"/>
      <c r="AL976" s="85"/>
      <c r="AM976" s="92"/>
      <c r="AN976" s="92"/>
      <c r="AO976" s="92"/>
      <c r="AP976" s="92"/>
      <c r="AQ976" s="92"/>
      <c r="AR976" s="92"/>
      <c r="AS976" s="92"/>
      <c r="AT976" s="92"/>
      <c r="AU976" s="92"/>
      <c r="AV976" s="92"/>
      <c r="AW976" s="92"/>
      <c r="AX976" s="92"/>
      <c r="AY976" s="92"/>
      <c r="AZ976" s="93"/>
      <c r="BA976" s="93"/>
      <c r="BB976" s="93"/>
      <c r="BC976" s="93"/>
      <c r="BD976" s="93"/>
      <c r="BE976" s="93"/>
      <c r="BF976" s="93"/>
      <c r="BG976" s="93"/>
      <c r="BH976" s="93"/>
      <c r="BI976" s="93"/>
      <c r="BJ976" s="93"/>
      <c r="BK976" s="93"/>
      <c r="BL976" s="93"/>
    </row>
    <row r="977" spans="2:64" x14ac:dyDescent="0.2">
      <c r="B977" s="43"/>
      <c r="C977" s="73"/>
      <c r="D977" s="64"/>
      <c r="E977" s="55"/>
      <c r="F977" s="74"/>
      <c r="G977" s="74"/>
      <c r="H977" s="74"/>
      <c r="I977" s="75"/>
      <c r="J977" s="74"/>
      <c r="L977" s="55"/>
      <c r="M977" s="234"/>
      <c r="N977" s="65"/>
      <c r="O977" s="76"/>
      <c r="P977" s="76"/>
      <c r="Q977" s="65"/>
      <c r="R977" s="76"/>
      <c r="S977" s="76"/>
      <c r="T977" s="76"/>
      <c r="U977" s="76"/>
      <c r="V977" s="76"/>
      <c r="W977" s="76"/>
      <c r="X977" s="76"/>
      <c r="Y977" s="76"/>
      <c r="Z977" s="76"/>
      <c r="AA977" s="85"/>
      <c r="AB977" s="85"/>
      <c r="AC977" s="85"/>
      <c r="AD977" s="85"/>
      <c r="AE977" s="85"/>
      <c r="AF977" s="85"/>
      <c r="AG977" s="86"/>
      <c r="AH977" s="85"/>
      <c r="AI977" s="85"/>
      <c r="AJ977" s="85"/>
      <c r="AK977" s="85"/>
      <c r="AL977" s="85"/>
      <c r="AM977" s="92"/>
      <c r="AN977" s="92"/>
      <c r="AO977" s="92"/>
      <c r="AP977" s="92"/>
      <c r="AQ977" s="92"/>
      <c r="AR977" s="92"/>
      <c r="AS977" s="92"/>
      <c r="AT977" s="92"/>
      <c r="AU977" s="92"/>
      <c r="AV977" s="92"/>
      <c r="AW977" s="92"/>
      <c r="AX977" s="92"/>
      <c r="AY977" s="92"/>
      <c r="AZ977" s="93"/>
      <c r="BA977" s="93"/>
      <c r="BB977" s="93"/>
      <c r="BC977" s="93"/>
      <c r="BD977" s="93"/>
      <c r="BE977" s="93"/>
      <c r="BF977" s="93"/>
      <c r="BG977" s="93"/>
      <c r="BH977" s="93"/>
      <c r="BI977" s="93"/>
      <c r="BJ977" s="93"/>
      <c r="BK977" s="93"/>
      <c r="BL977" s="93"/>
    </row>
    <row r="978" spans="2:64" x14ac:dyDescent="0.2">
      <c r="B978" s="43"/>
      <c r="C978" s="73"/>
      <c r="D978" s="64"/>
      <c r="E978" s="55"/>
      <c r="F978" s="74"/>
      <c r="G978" s="74"/>
      <c r="H978" s="74"/>
      <c r="I978" s="75"/>
      <c r="J978" s="74"/>
      <c r="L978" s="55"/>
      <c r="M978" s="234"/>
      <c r="N978" s="65"/>
      <c r="O978" s="76"/>
      <c r="P978" s="76"/>
      <c r="Q978" s="65"/>
      <c r="R978" s="76"/>
      <c r="S978" s="76"/>
      <c r="T978" s="76"/>
      <c r="U978" s="76"/>
      <c r="V978" s="76"/>
      <c r="W978" s="76"/>
      <c r="X978" s="76"/>
      <c r="Y978" s="76"/>
      <c r="Z978" s="76"/>
      <c r="AA978" s="85"/>
      <c r="AB978" s="85"/>
      <c r="AC978" s="85"/>
      <c r="AD978" s="85"/>
      <c r="AE978" s="85"/>
      <c r="AF978" s="85"/>
      <c r="AG978" s="86"/>
      <c r="AH978" s="85"/>
      <c r="AI978" s="85"/>
      <c r="AJ978" s="85"/>
      <c r="AK978" s="85"/>
      <c r="AL978" s="85"/>
      <c r="AM978" s="92"/>
      <c r="AN978" s="92"/>
      <c r="AO978" s="92"/>
      <c r="AP978" s="92"/>
      <c r="AQ978" s="92"/>
      <c r="AR978" s="92"/>
      <c r="AS978" s="92"/>
      <c r="AT978" s="92"/>
      <c r="AU978" s="92"/>
      <c r="AV978" s="92"/>
      <c r="AW978" s="92"/>
      <c r="AX978" s="92"/>
      <c r="AY978" s="92"/>
      <c r="AZ978" s="93"/>
      <c r="BA978" s="93"/>
      <c r="BB978" s="93"/>
      <c r="BC978" s="93"/>
      <c r="BD978" s="93"/>
      <c r="BE978" s="93"/>
      <c r="BF978" s="93"/>
      <c r="BG978" s="93"/>
      <c r="BH978" s="93"/>
      <c r="BI978" s="93"/>
      <c r="BJ978" s="93"/>
      <c r="BK978" s="93"/>
      <c r="BL978" s="93"/>
    </row>
    <row r="979" spans="2:64" x14ac:dyDescent="0.2">
      <c r="B979" s="43"/>
      <c r="C979" s="73"/>
      <c r="D979" s="64"/>
      <c r="E979" s="55"/>
      <c r="F979" s="74"/>
      <c r="G979" s="74"/>
      <c r="H979" s="74"/>
      <c r="I979" s="75"/>
      <c r="J979" s="74"/>
      <c r="L979" s="55"/>
      <c r="M979" s="234"/>
      <c r="N979" s="65"/>
      <c r="O979" s="76"/>
      <c r="P979" s="76"/>
      <c r="Q979" s="65"/>
      <c r="R979" s="76"/>
      <c r="S979" s="76"/>
      <c r="T979" s="76"/>
      <c r="U979" s="76"/>
      <c r="V979" s="76"/>
      <c r="W979" s="76"/>
      <c r="X979" s="76"/>
      <c r="Y979" s="76"/>
      <c r="Z979" s="76"/>
      <c r="AA979" s="85"/>
      <c r="AB979" s="85"/>
      <c r="AC979" s="85"/>
      <c r="AD979" s="85"/>
      <c r="AE979" s="85"/>
      <c r="AF979" s="85"/>
      <c r="AG979" s="86"/>
      <c r="AH979" s="85"/>
      <c r="AI979" s="85"/>
      <c r="AJ979" s="85"/>
      <c r="AK979" s="85"/>
      <c r="AL979" s="85"/>
      <c r="AM979" s="92"/>
      <c r="AN979" s="92"/>
      <c r="AO979" s="92"/>
      <c r="AP979" s="92"/>
      <c r="AQ979" s="92"/>
      <c r="AR979" s="92"/>
      <c r="AS979" s="92"/>
      <c r="AT979" s="92"/>
      <c r="AU979" s="92"/>
      <c r="AV979" s="92"/>
      <c r="AW979" s="92"/>
      <c r="AX979" s="92"/>
      <c r="AY979" s="92"/>
      <c r="AZ979" s="93"/>
      <c r="BA979" s="93"/>
      <c r="BB979" s="93"/>
      <c r="BC979" s="93"/>
      <c r="BD979" s="93"/>
      <c r="BE979" s="93"/>
      <c r="BF979" s="93"/>
      <c r="BG979" s="93"/>
      <c r="BH979" s="93"/>
      <c r="BI979" s="93"/>
      <c r="BJ979" s="93"/>
      <c r="BK979" s="93"/>
      <c r="BL979" s="93"/>
    </row>
    <row r="980" spans="2:64" x14ac:dyDescent="0.2">
      <c r="B980" s="43"/>
      <c r="C980" s="73"/>
      <c r="D980" s="64"/>
      <c r="E980" s="55"/>
      <c r="F980" s="74"/>
      <c r="G980" s="74"/>
      <c r="H980" s="74"/>
      <c r="I980" s="75"/>
      <c r="J980" s="74"/>
      <c r="L980" s="55"/>
      <c r="M980" s="234"/>
      <c r="N980" s="65"/>
      <c r="O980" s="76"/>
      <c r="P980" s="76"/>
      <c r="Q980" s="65"/>
      <c r="R980" s="76"/>
      <c r="S980" s="76"/>
      <c r="T980" s="76"/>
      <c r="U980" s="76"/>
      <c r="V980" s="76"/>
      <c r="W980" s="76"/>
      <c r="X980" s="76"/>
      <c r="Y980" s="76"/>
      <c r="Z980" s="76"/>
      <c r="AA980" s="85"/>
      <c r="AB980" s="85"/>
      <c r="AC980" s="85"/>
      <c r="AD980" s="85"/>
      <c r="AE980" s="85"/>
      <c r="AF980" s="85"/>
      <c r="AG980" s="86"/>
      <c r="AH980" s="85"/>
      <c r="AI980" s="85"/>
      <c r="AJ980" s="85"/>
      <c r="AK980" s="85"/>
      <c r="AL980" s="85"/>
      <c r="AM980" s="92"/>
      <c r="AN980" s="92"/>
      <c r="AO980" s="92"/>
      <c r="AP980" s="92"/>
      <c r="AQ980" s="92"/>
      <c r="AR980" s="92"/>
      <c r="AS980" s="92"/>
      <c r="AT980" s="92"/>
      <c r="AU980" s="92"/>
      <c r="AV980" s="92"/>
      <c r="AW980" s="92"/>
      <c r="AX980" s="92"/>
      <c r="AY980" s="92"/>
      <c r="AZ980" s="93"/>
      <c r="BA980" s="93"/>
      <c r="BB980" s="93"/>
      <c r="BC980" s="93"/>
      <c r="BD980" s="93"/>
      <c r="BE980" s="93"/>
      <c r="BF980" s="93"/>
      <c r="BG980" s="93"/>
      <c r="BH980" s="93"/>
      <c r="BI980" s="93"/>
      <c r="BJ980" s="93"/>
      <c r="BK980" s="93"/>
      <c r="BL980" s="93"/>
    </row>
    <row r="981" spans="2:64" x14ac:dyDescent="0.2">
      <c r="B981" s="43"/>
      <c r="C981" s="73"/>
      <c r="D981" s="64"/>
      <c r="E981" s="55"/>
      <c r="F981" s="74"/>
      <c r="G981" s="74"/>
      <c r="H981" s="74"/>
      <c r="I981" s="75"/>
      <c r="J981" s="74"/>
      <c r="L981" s="55"/>
      <c r="M981" s="234"/>
      <c r="N981" s="65"/>
      <c r="O981" s="76"/>
      <c r="P981" s="76"/>
      <c r="Q981" s="65"/>
      <c r="R981" s="76"/>
      <c r="S981" s="76"/>
      <c r="T981" s="76"/>
      <c r="U981" s="76"/>
      <c r="V981" s="76"/>
      <c r="W981" s="76"/>
      <c r="X981" s="76"/>
      <c r="Y981" s="76"/>
      <c r="Z981" s="76"/>
      <c r="AA981" s="85"/>
      <c r="AB981" s="85"/>
      <c r="AC981" s="85"/>
      <c r="AD981" s="85"/>
      <c r="AE981" s="85"/>
      <c r="AF981" s="85"/>
      <c r="AG981" s="86"/>
      <c r="AH981" s="85"/>
      <c r="AI981" s="85"/>
      <c r="AJ981" s="85"/>
      <c r="AK981" s="85"/>
      <c r="AL981" s="85"/>
      <c r="AM981" s="92"/>
      <c r="AN981" s="92"/>
      <c r="AO981" s="92"/>
      <c r="AP981" s="92"/>
      <c r="AQ981" s="92"/>
      <c r="AR981" s="92"/>
      <c r="AS981" s="92"/>
      <c r="AT981" s="92"/>
      <c r="AU981" s="92"/>
      <c r="AV981" s="92"/>
      <c r="AW981" s="92"/>
      <c r="AX981" s="92"/>
      <c r="AY981" s="92"/>
      <c r="AZ981" s="93"/>
      <c r="BA981" s="93"/>
      <c r="BB981" s="93"/>
      <c r="BC981" s="93"/>
      <c r="BD981" s="93"/>
      <c r="BE981" s="93"/>
      <c r="BF981" s="93"/>
      <c r="BG981" s="93"/>
      <c r="BH981" s="93"/>
      <c r="BI981" s="93"/>
      <c r="BJ981" s="93"/>
      <c r="BK981" s="93"/>
      <c r="BL981" s="93"/>
    </row>
    <row r="982" spans="2:64" x14ac:dyDescent="0.2">
      <c r="B982" s="43"/>
      <c r="C982" s="73"/>
      <c r="D982" s="64"/>
      <c r="E982" s="55"/>
      <c r="F982" s="74"/>
      <c r="G982" s="74"/>
      <c r="H982" s="74"/>
      <c r="I982" s="75"/>
      <c r="J982" s="74"/>
      <c r="L982" s="55"/>
      <c r="M982" s="234"/>
      <c r="N982" s="65"/>
      <c r="O982" s="76"/>
      <c r="P982" s="76"/>
      <c r="Q982" s="65"/>
      <c r="R982" s="76"/>
      <c r="S982" s="76"/>
      <c r="T982" s="76"/>
      <c r="U982" s="76"/>
      <c r="V982" s="76"/>
      <c r="W982" s="76"/>
      <c r="X982" s="76"/>
      <c r="Y982" s="76"/>
      <c r="Z982" s="76"/>
      <c r="AA982" s="85"/>
      <c r="AB982" s="85"/>
      <c r="AC982" s="85"/>
      <c r="AD982" s="85"/>
      <c r="AE982" s="85"/>
      <c r="AF982" s="85"/>
      <c r="AG982" s="86"/>
      <c r="AH982" s="85"/>
      <c r="AI982" s="85"/>
      <c r="AJ982" s="85"/>
      <c r="AK982" s="85"/>
      <c r="AL982" s="85"/>
      <c r="AM982" s="92"/>
      <c r="AN982" s="92"/>
      <c r="AO982" s="92"/>
      <c r="AP982" s="92"/>
      <c r="AQ982" s="92"/>
      <c r="AR982" s="92"/>
      <c r="AS982" s="92"/>
      <c r="AT982" s="92"/>
      <c r="AU982" s="92"/>
      <c r="AV982" s="92"/>
      <c r="AW982" s="92"/>
      <c r="AX982" s="92"/>
      <c r="AY982" s="92"/>
      <c r="AZ982" s="93"/>
      <c r="BA982" s="93"/>
      <c r="BB982" s="93"/>
      <c r="BC982" s="93"/>
      <c r="BD982" s="93"/>
      <c r="BE982" s="93"/>
      <c r="BF982" s="93"/>
      <c r="BG982" s="93"/>
      <c r="BH982" s="93"/>
      <c r="BI982" s="93"/>
      <c r="BJ982" s="93"/>
      <c r="BK982" s="93"/>
      <c r="BL982" s="93"/>
    </row>
    <row r="983" spans="2:64" x14ac:dyDescent="0.2">
      <c r="B983" s="43"/>
      <c r="C983" s="73"/>
      <c r="D983" s="64"/>
      <c r="E983" s="55"/>
      <c r="F983" s="74"/>
      <c r="G983" s="74"/>
      <c r="H983" s="74"/>
      <c r="I983" s="75"/>
      <c r="J983" s="74"/>
      <c r="L983" s="55"/>
      <c r="M983" s="234"/>
      <c r="N983" s="65"/>
      <c r="O983" s="76"/>
      <c r="P983" s="76"/>
      <c r="Q983" s="65"/>
      <c r="R983" s="76"/>
      <c r="S983" s="76"/>
      <c r="T983" s="76"/>
      <c r="U983" s="76"/>
      <c r="V983" s="76"/>
      <c r="W983" s="76"/>
      <c r="X983" s="76"/>
      <c r="Y983" s="76"/>
      <c r="Z983" s="76"/>
      <c r="AA983" s="85"/>
      <c r="AB983" s="85"/>
      <c r="AC983" s="85"/>
      <c r="AD983" s="85"/>
      <c r="AE983" s="85"/>
      <c r="AF983" s="85"/>
      <c r="AG983" s="86"/>
      <c r="AH983" s="85"/>
      <c r="AI983" s="85"/>
      <c r="AJ983" s="85"/>
      <c r="AK983" s="85"/>
      <c r="AL983" s="85"/>
      <c r="AM983" s="92"/>
      <c r="AN983" s="92"/>
      <c r="AO983" s="92"/>
      <c r="AP983" s="92"/>
      <c r="AQ983" s="92"/>
      <c r="AR983" s="92"/>
      <c r="AS983" s="92"/>
      <c r="AT983" s="92"/>
      <c r="AU983" s="92"/>
      <c r="AV983" s="92"/>
      <c r="AW983" s="92"/>
      <c r="AX983" s="92"/>
      <c r="AY983" s="92"/>
      <c r="AZ983" s="93"/>
      <c r="BA983" s="93"/>
      <c r="BB983" s="93"/>
      <c r="BC983" s="93"/>
      <c r="BD983" s="93"/>
      <c r="BE983" s="93"/>
      <c r="BF983" s="93"/>
      <c r="BG983" s="93"/>
      <c r="BH983" s="93"/>
      <c r="BI983" s="93"/>
      <c r="BJ983" s="93"/>
      <c r="BK983" s="93"/>
      <c r="BL983" s="93"/>
    </row>
    <row r="984" spans="2:64" x14ac:dyDescent="0.2">
      <c r="B984" s="43"/>
      <c r="C984" s="73"/>
      <c r="D984" s="64"/>
      <c r="E984" s="55"/>
      <c r="F984" s="74"/>
      <c r="G984" s="74"/>
      <c r="H984" s="74"/>
      <c r="I984" s="75"/>
      <c r="J984" s="74"/>
      <c r="L984" s="55"/>
      <c r="M984" s="234"/>
      <c r="N984" s="65"/>
      <c r="O984" s="76"/>
      <c r="P984" s="76"/>
      <c r="Q984" s="65"/>
      <c r="R984" s="76"/>
      <c r="S984" s="76"/>
      <c r="T984" s="76"/>
      <c r="U984" s="76"/>
      <c r="V984" s="76"/>
      <c r="W984" s="76"/>
      <c r="X984" s="76"/>
      <c r="Y984" s="76"/>
      <c r="Z984" s="76"/>
      <c r="AA984" s="85"/>
      <c r="AB984" s="85"/>
      <c r="AC984" s="85"/>
      <c r="AD984" s="85"/>
      <c r="AE984" s="85"/>
      <c r="AF984" s="85"/>
      <c r="AG984" s="86"/>
      <c r="AH984" s="85"/>
      <c r="AI984" s="85"/>
      <c r="AJ984" s="85"/>
      <c r="AK984" s="85"/>
      <c r="AL984" s="85"/>
      <c r="AM984" s="92"/>
      <c r="AN984" s="92"/>
      <c r="AO984" s="92"/>
      <c r="AP984" s="92"/>
      <c r="AQ984" s="92"/>
      <c r="AR984" s="92"/>
      <c r="AS984" s="92"/>
      <c r="AT984" s="92"/>
      <c r="AU984" s="92"/>
      <c r="AV984" s="92"/>
      <c r="AW984" s="92"/>
      <c r="AX984" s="92"/>
      <c r="AY984" s="92"/>
      <c r="AZ984" s="93"/>
      <c r="BA984" s="93"/>
      <c r="BB984" s="93"/>
      <c r="BC984" s="93"/>
      <c r="BD984" s="93"/>
      <c r="BE984" s="93"/>
      <c r="BF984" s="93"/>
      <c r="BG984" s="93"/>
      <c r="BH984" s="93"/>
      <c r="BI984" s="93"/>
      <c r="BJ984" s="93"/>
      <c r="BK984" s="93"/>
      <c r="BL984" s="93"/>
    </row>
    <row r="985" spans="2:64" x14ac:dyDescent="0.2">
      <c r="B985" s="43"/>
      <c r="C985" s="73"/>
      <c r="D985" s="64"/>
      <c r="E985" s="55"/>
      <c r="F985" s="74"/>
      <c r="G985" s="74"/>
      <c r="H985" s="74"/>
      <c r="I985" s="75"/>
      <c r="J985" s="74"/>
      <c r="L985" s="55"/>
      <c r="M985" s="234"/>
      <c r="N985" s="65"/>
      <c r="O985" s="76"/>
      <c r="P985" s="76"/>
      <c r="Q985" s="65"/>
      <c r="R985" s="76"/>
      <c r="S985" s="76"/>
      <c r="T985" s="76"/>
      <c r="U985" s="76"/>
      <c r="V985" s="76"/>
      <c r="W985" s="76"/>
      <c r="X985" s="76"/>
      <c r="Y985" s="76"/>
      <c r="Z985" s="76"/>
      <c r="AA985" s="85"/>
      <c r="AB985" s="85"/>
      <c r="AC985" s="85"/>
      <c r="AD985" s="85"/>
      <c r="AE985" s="85"/>
      <c r="AF985" s="85"/>
      <c r="AG985" s="86"/>
      <c r="AH985" s="85"/>
      <c r="AI985" s="85"/>
      <c r="AJ985" s="85"/>
      <c r="AK985" s="85"/>
      <c r="AL985" s="85"/>
      <c r="AM985" s="92"/>
      <c r="AN985" s="92"/>
      <c r="AO985" s="92"/>
      <c r="AP985" s="92"/>
      <c r="AQ985" s="92"/>
      <c r="AR985" s="92"/>
      <c r="AS985" s="92"/>
      <c r="AT985" s="92"/>
      <c r="AU985" s="92"/>
      <c r="AV985" s="92"/>
      <c r="AW985" s="92"/>
      <c r="AX985" s="92"/>
      <c r="AY985" s="92"/>
      <c r="AZ985" s="93"/>
      <c r="BA985" s="93"/>
      <c r="BB985" s="93"/>
      <c r="BC985" s="93"/>
      <c r="BD985" s="93"/>
      <c r="BE985" s="93"/>
      <c r="BF985" s="93"/>
      <c r="BG985" s="93"/>
      <c r="BH985" s="93"/>
      <c r="BI985" s="93"/>
      <c r="BJ985" s="93"/>
      <c r="BK985" s="93"/>
      <c r="BL985" s="93"/>
    </row>
    <row r="986" spans="2:64" x14ac:dyDescent="0.2">
      <c r="B986" s="43"/>
      <c r="C986" s="73"/>
      <c r="D986" s="64"/>
      <c r="E986" s="55"/>
      <c r="F986" s="74"/>
      <c r="G986" s="74"/>
      <c r="H986" s="74"/>
      <c r="I986" s="75"/>
      <c r="J986" s="74"/>
      <c r="L986" s="55"/>
      <c r="M986" s="234"/>
      <c r="N986" s="65"/>
      <c r="O986" s="76"/>
      <c r="P986" s="76"/>
      <c r="Q986" s="65"/>
      <c r="R986" s="76"/>
      <c r="S986" s="76"/>
      <c r="T986" s="76"/>
      <c r="U986" s="76"/>
      <c r="V986" s="76"/>
      <c r="W986" s="76"/>
      <c r="X986" s="76"/>
      <c r="Y986" s="76"/>
      <c r="Z986" s="76"/>
      <c r="AA986" s="85"/>
      <c r="AB986" s="85"/>
      <c r="AC986" s="85"/>
      <c r="AD986" s="85"/>
      <c r="AE986" s="85"/>
      <c r="AF986" s="85"/>
      <c r="AG986" s="86"/>
      <c r="AH986" s="85"/>
      <c r="AI986" s="85"/>
      <c r="AJ986" s="85"/>
      <c r="AK986" s="85"/>
      <c r="AL986" s="85"/>
      <c r="AM986" s="92"/>
      <c r="AN986" s="92"/>
      <c r="AO986" s="92"/>
      <c r="AP986" s="92"/>
      <c r="AQ986" s="92"/>
      <c r="AR986" s="92"/>
      <c r="AS986" s="92"/>
      <c r="AT986" s="92"/>
      <c r="AU986" s="92"/>
      <c r="AV986" s="92"/>
      <c r="AW986" s="92"/>
      <c r="AX986" s="92"/>
      <c r="AY986" s="92"/>
      <c r="AZ986" s="93"/>
      <c r="BA986" s="93"/>
      <c r="BB986" s="93"/>
      <c r="BC986" s="93"/>
      <c r="BD986" s="93"/>
      <c r="BE986" s="93"/>
      <c r="BF986" s="93"/>
      <c r="BG986" s="93"/>
      <c r="BH986" s="93"/>
      <c r="BI986" s="93"/>
      <c r="BJ986" s="93"/>
      <c r="BK986" s="93"/>
      <c r="BL986" s="93"/>
    </row>
    <row r="987" spans="2:64" x14ac:dyDescent="0.2">
      <c r="B987" s="43"/>
      <c r="C987" s="73"/>
      <c r="D987" s="64"/>
      <c r="E987" s="55"/>
      <c r="F987" s="74"/>
      <c r="G987" s="74"/>
      <c r="H987" s="74"/>
      <c r="I987" s="75"/>
      <c r="J987" s="74"/>
      <c r="L987" s="55"/>
      <c r="M987" s="234"/>
      <c r="N987" s="65"/>
      <c r="O987" s="76"/>
      <c r="P987" s="76"/>
      <c r="Q987" s="65"/>
      <c r="R987" s="76"/>
      <c r="S987" s="76"/>
      <c r="T987" s="76"/>
      <c r="U987" s="76"/>
      <c r="V987" s="76"/>
      <c r="W987" s="76"/>
      <c r="X987" s="76"/>
      <c r="Y987" s="76"/>
      <c r="Z987" s="76"/>
      <c r="AA987" s="85"/>
      <c r="AB987" s="85"/>
      <c r="AC987" s="85"/>
      <c r="AD987" s="85"/>
      <c r="AE987" s="85"/>
      <c r="AF987" s="85"/>
      <c r="AG987" s="86"/>
      <c r="AH987" s="85"/>
      <c r="AI987" s="85"/>
      <c r="AJ987" s="85"/>
      <c r="AK987" s="85"/>
      <c r="AL987" s="85"/>
      <c r="AM987" s="92"/>
      <c r="AN987" s="92"/>
      <c r="AO987" s="92"/>
      <c r="AP987" s="92"/>
      <c r="AQ987" s="92"/>
      <c r="AR987" s="92"/>
      <c r="AS987" s="92"/>
      <c r="AT987" s="92"/>
      <c r="AU987" s="92"/>
      <c r="AV987" s="92"/>
      <c r="AW987" s="92"/>
      <c r="AX987" s="92"/>
      <c r="AY987" s="92"/>
      <c r="AZ987" s="93"/>
      <c r="BA987" s="93"/>
      <c r="BB987" s="93"/>
      <c r="BC987" s="93"/>
      <c r="BD987" s="93"/>
      <c r="BE987" s="93"/>
      <c r="BF987" s="93"/>
      <c r="BG987" s="93"/>
      <c r="BH987" s="93"/>
      <c r="BI987" s="93"/>
      <c r="BJ987" s="93"/>
      <c r="BK987" s="93"/>
      <c r="BL987" s="93"/>
    </row>
    <row r="988" spans="2:64" x14ac:dyDescent="0.2">
      <c r="B988" s="43"/>
      <c r="C988" s="73"/>
      <c r="D988" s="64"/>
      <c r="E988" s="55"/>
      <c r="F988" s="74"/>
      <c r="G988" s="74"/>
      <c r="H988" s="74"/>
      <c r="I988" s="75"/>
      <c r="J988" s="74"/>
      <c r="L988" s="55"/>
      <c r="M988" s="234"/>
      <c r="N988" s="65"/>
      <c r="O988" s="76"/>
      <c r="P988" s="76"/>
      <c r="Q988" s="65"/>
      <c r="R988" s="76"/>
      <c r="S988" s="76"/>
      <c r="T988" s="76"/>
      <c r="U988" s="76"/>
      <c r="V988" s="76"/>
      <c r="W988" s="76"/>
      <c r="X988" s="76"/>
      <c r="Y988" s="76"/>
      <c r="Z988" s="76"/>
      <c r="AA988" s="85"/>
      <c r="AB988" s="85"/>
      <c r="AC988" s="85"/>
      <c r="AD988" s="85"/>
      <c r="AE988" s="85"/>
      <c r="AF988" s="85"/>
      <c r="AG988" s="86"/>
      <c r="AH988" s="85"/>
      <c r="AI988" s="85"/>
      <c r="AJ988" s="85"/>
      <c r="AK988" s="85"/>
      <c r="AL988" s="85"/>
      <c r="AM988" s="92"/>
      <c r="AN988" s="92"/>
      <c r="AO988" s="92"/>
      <c r="AP988" s="92"/>
      <c r="AQ988" s="92"/>
      <c r="AR988" s="92"/>
      <c r="AS988" s="92"/>
      <c r="AT988" s="92"/>
      <c r="AU988" s="92"/>
      <c r="AV988" s="92"/>
      <c r="AW988" s="92"/>
      <c r="AX988" s="92"/>
      <c r="AY988" s="92"/>
      <c r="AZ988" s="93"/>
      <c r="BA988" s="93"/>
      <c r="BB988" s="93"/>
      <c r="BC988" s="93"/>
      <c r="BD988" s="93"/>
      <c r="BE988" s="93"/>
      <c r="BF988" s="93"/>
      <c r="BG988" s="93"/>
      <c r="BH988" s="93"/>
      <c r="BI988" s="93"/>
      <c r="BJ988" s="93"/>
      <c r="BK988" s="93"/>
      <c r="BL988" s="93"/>
    </row>
    <row r="989" spans="2:64" x14ac:dyDescent="0.2">
      <c r="B989" s="43"/>
      <c r="C989" s="73"/>
      <c r="D989" s="64"/>
      <c r="E989" s="55"/>
      <c r="F989" s="74"/>
      <c r="G989" s="74"/>
      <c r="H989" s="74"/>
      <c r="I989" s="75"/>
      <c r="J989" s="74"/>
      <c r="L989" s="55"/>
      <c r="M989" s="234"/>
      <c r="N989" s="65"/>
      <c r="O989" s="76"/>
      <c r="P989" s="76"/>
      <c r="Q989" s="65"/>
      <c r="R989" s="76"/>
      <c r="S989" s="76"/>
      <c r="T989" s="76"/>
      <c r="U989" s="76"/>
      <c r="V989" s="76"/>
      <c r="W989" s="76"/>
      <c r="X989" s="76"/>
      <c r="Y989" s="76"/>
      <c r="Z989" s="76"/>
      <c r="AA989" s="85"/>
      <c r="AB989" s="85"/>
      <c r="AC989" s="85"/>
      <c r="AD989" s="85"/>
      <c r="AE989" s="85"/>
      <c r="AF989" s="85"/>
      <c r="AG989" s="86"/>
      <c r="AH989" s="85"/>
      <c r="AI989" s="85"/>
      <c r="AJ989" s="85"/>
      <c r="AK989" s="85"/>
      <c r="AL989" s="85"/>
      <c r="AM989" s="92"/>
      <c r="AN989" s="92"/>
      <c r="AO989" s="92"/>
      <c r="AP989" s="92"/>
      <c r="AQ989" s="92"/>
      <c r="AR989" s="92"/>
      <c r="AS989" s="92"/>
      <c r="AT989" s="92"/>
      <c r="AU989" s="92"/>
      <c r="AV989" s="92"/>
      <c r="AW989" s="92"/>
      <c r="AX989" s="92"/>
      <c r="AY989" s="92"/>
      <c r="AZ989" s="93"/>
      <c r="BA989" s="93"/>
      <c r="BB989" s="93"/>
      <c r="BC989" s="93"/>
      <c r="BD989" s="93"/>
      <c r="BE989" s="93"/>
      <c r="BF989" s="93"/>
      <c r="BG989" s="93"/>
      <c r="BH989" s="93"/>
      <c r="BI989" s="93"/>
      <c r="BJ989" s="93"/>
      <c r="BK989" s="93"/>
      <c r="BL989" s="93"/>
    </row>
    <row r="990" spans="2:64" x14ac:dyDescent="0.2">
      <c r="B990" s="43"/>
      <c r="C990" s="73"/>
      <c r="D990" s="64"/>
      <c r="E990" s="55"/>
      <c r="F990" s="74"/>
      <c r="G990" s="74"/>
      <c r="H990" s="74"/>
      <c r="I990" s="75"/>
      <c r="J990" s="74"/>
      <c r="L990" s="55"/>
      <c r="M990" s="234"/>
      <c r="N990" s="65"/>
      <c r="O990" s="76"/>
      <c r="P990" s="76"/>
      <c r="Q990" s="65"/>
      <c r="R990" s="76"/>
      <c r="S990" s="76"/>
      <c r="T990" s="76"/>
      <c r="U990" s="76"/>
      <c r="V990" s="76"/>
      <c r="W990" s="76"/>
      <c r="X990" s="76"/>
      <c r="Y990" s="76"/>
      <c r="Z990" s="76"/>
      <c r="AA990" s="85"/>
      <c r="AB990" s="85"/>
      <c r="AC990" s="85"/>
      <c r="AD990" s="85"/>
      <c r="AE990" s="85"/>
      <c r="AF990" s="85"/>
      <c r="AG990" s="86"/>
      <c r="AH990" s="85"/>
      <c r="AI990" s="85"/>
      <c r="AJ990" s="85"/>
      <c r="AK990" s="85"/>
      <c r="AL990" s="85"/>
      <c r="AM990" s="92"/>
      <c r="AN990" s="92"/>
      <c r="AO990" s="92"/>
      <c r="AP990" s="92"/>
      <c r="AQ990" s="92"/>
      <c r="AR990" s="92"/>
      <c r="AS990" s="92"/>
      <c r="AT990" s="92"/>
      <c r="AU990" s="92"/>
      <c r="AV990" s="92"/>
      <c r="AW990" s="92"/>
      <c r="AX990" s="92"/>
      <c r="AY990" s="92"/>
      <c r="AZ990" s="93"/>
      <c r="BA990" s="93"/>
      <c r="BB990" s="93"/>
      <c r="BC990" s="93"/>
      <c r="BD990" s="93"/>
      <c r="BE990" s="93"/>
      <c r="BF990" s="93"/>
      <c r="BG990" s="93"/>
      <c r="BH990" s="93"/>
      <c r="BI990" s="93"/>
      <c r="BJ990" s="93"/>
      <c r="BK990" s="93"/>
      <c r="BL990" s="93"/>
    </row>
    <row r="991" spans="2:64" x14ac:dyDescent="0.2">
      <c r="B991" s="43"/>
      <c r="C991" s="73"/>
      <c r="D991" s="64"/>
      <c r="E991" s="55"/>
      <c r="F991" s="74"/>
      <c r="G991" s="74"/>
      <c r="H991" s="74"/>
      <c r="I991" s="75"/>
      <c r="J991" s="74"/>
      <c r="L991" s="55"/>
      <c r="M991" s="234"/>
      <c r="N991" s="65"/>
      <c r="O991" s="76"/>
      <c r="P991" s="76"/>
      <c r="Q991" s="65"/>
      <c r="R991" s="76"/>
      <c r="S991" s="76"/>
      <c r="T991" s="76"/>
      <c r="U991" s="76"/>
      <c r="V991" s="76"/>
      <c r="W991" s="76"/>
      <c r="X991" s="76"/>
      <c r="Y991" s="76"/>
      <c r="Z991" s="76"/>
      <c r="AA991" s="85"/>
      <c r="AB991" s="85"/>
      <c r="AC991" s="85"/>
      <c r="AD991" s="85"/>
      <c r="AE991" s="85"/>
      <c r="AF991" s="85"/>
      <c r="AG991" s="86"/>
      <c r="AH991" s="85"/>
      <c r="AI991" s="85"/>
      <c r="AJ991" s="85"/>
      <c r="AK991" s="85"/>
      <c r="AL991" s="85"/>
      <c r="AM991" s="92"/>
      <c r="AN991" s="92"/>
      <c r="AO991" s="92"/>
      <c r="AP991" s="92"/>
      <c r="AQ991" s="92"/>
      <c r="AR991" s="92"/>
      <c r="AS991" s="92"/>
      <c r="AT991" s="92"/>
      <c r="AU991" s="92"/>
      <c r="AV991" s="92"/>
      <c r="AW991" s="92"/>
      <c r="AX991" s="92"/>
      <c r="AY991" s="92"/>
      <c r="AZ991" s="93"/>
      <c r="BA991" s="93"/>
      <c r="BB991" s="93"/>
      <c r="BC991" s="93"/>
      <c r="BD991" s="93"/>
      <c r="BE991" s="93"/>
      <c r="BF991" s="93"/>
      <c r="BG991" s="93"/>
      <c r="BH991" s="93"/>
      <c r="BI991" s="93"/>
      <c r="BJ991" s="93"/>
      <c r="BK991" s="93"/>
      <c r="BL991" s="93"/>
    </row>
    <row r="992" spans="2:64" x14ac:dyDescent="0.2">
      <c r="B992" s="43"/>
      <c r="C992" s="73"/>
      <c r="D992" s="64"/>
      <c r="E992" s="55"/>
      <c r="F992" s="74"/>
      <c r="G992" s="74"/>
      <c r="H992" s="74"/>
      <c r="I992" s="75"/>
      <c r="J992" s="74"/>
      <c r="L992" s="55"/>
      <c r="M992" s="234"/>
      <c r="N992" s="65"/>
      <c r="O992" s="76"/>
      <c r="P992" s="76"/>
      <c r="Q992" s="65"/>
      <c r="R992" s="76"/>
      <c r="S992" s="76"/>
      <c r="T992" s="76"/>
      <c r="U992" s="76"/>
      <c r="V992" s="76"/>
      <c r="W992" s="76"/>
      <c r="X992" s="76"/>
      <c r="Y992" s="76"/>
      <c r="Z992" s="76"/>
      <c r="AA992" s="85"/>
      <c r="AB992" s="85"/>
      <c r="AC992" s="85"/>
      <c r="AD992" s="85"/>
      <c r="AE992" s="85"/>
      <c r="AF992" s="85"/>
      <c r="AG992" s="86"/>
      <c r="AH992" s="85"/>
      <c r="AI992" s="85"/>
      <c r="AJ992" s="85"/>
      <c r="AK992" s="85"/>
      <c r="AL992" s="85"/>
      <c r="AM992" s="92"/>
      <c r="AN992" s="92"/>
      <c r="AO992" s="92"/>
      <c r="AP992" s="92"/>
      <c r="AQ992" s="92"/>
      <c r="AR992" s="92"/>
      <c r="AS992" s="92"/>
      <c r="AT992" s="92"/>
      <c r="AU992" s="92"/>
      <c r="AV992" s="92"/>
      <c r="AW992" s="92"/>
      <c r="AX992" s="92"/>
      <c r="AY992" s="92"/>
      <c r="AZ992" s="93"/>
      <c r="BA992" s="93"/>
      <c r="BB992" s="93"/>
      <c r="BC992" s="93"/>
      <c r="BD992" s="93"/>
      <c r="BE992" s="93"/>
      <c r="BF992" s="93"/>
      <c r="BG992" s="93"/>
      <c r="BH992" s="93"/>
      <c r="BI992" s="93"/>
      <c r="BJ992" s="93"/>
      <c r="BK992" s="93"/>
      <c r="BL992" s="93"/>
    </row>
    <row r="993" spans="2:64" x14ac:dyDescent="0.2">
      <c r="B993" s="43"/>
      <c r="C993" s="73"/>
      <c r="D993" s="64"/>
      <c r="E993" s="55"/>
      <c r="F993" s="74"/>
      <c r="G993" s="74"/>
      <c r="H993" s="74"/>
      <c r="I993" s="75"/>
      <c r="J993" s="74"/>
      <c r="L993" s="55"/>
      <c r="M993" s="234"/>
      <c r="N993" s="65"/>
      <c r="O993" s="76"/>
      <c r="P993" s="76"/>
      <c r="Q993" s="65"/>
      <c r="R993" s="76"/>
      <c r="S993" s="76"/>
      <c r="T993" s="76"/>
      <c r="U993" s="76"/>
      <c r="V993" s="76"/>
      <c r="W993" s="76"/>
      <c r="X993" s="76"/>
      <c r="Y993" s="76"/>
      <c r="Z993" s="76"/>
      <c r="AA993" s="85"/>
      <c r="AB993" s="85"/>
      <c r="AC993" s="85"/>
      <c r="AD993" s="85"/>
      <c r="AE993" s="85"/>
      <c r="AF993" s="85"/>
      <c r="AG993" s="86"/>
      <c r="AH993" s="85"/>
      <c r="AI993" s="85"/>
      <c r="AJ993" s="85"/>
      <c r="AK993" s="85"/>
      <c r="AL993" s="85"/>
      <c r="AM993" s="92"/>
      <c r="AN993" s="92"/>
      <c r="AO993" s="92"/>
      <c r="AP993" s="92"/>
      <c r="AQ993" s="92"/>
      <c r="AR993" s="92"/>
      <c r="AS993" s="92"/>
      <c r="AT993" s="92"/>
      <c r="AU993" s="92"/>
      <c r="AV993" s="92"/>
      <c r="AW993" s="92"/>
      <c r="AX993" s="92"/>
      <c r="AY993" s="92"/>
      <c r="AZ993" s="93"/>
      <c r="BA993" s="93"/>
      <c r="BB993" s="93"/>
      <c r="BC993" s="93"/>
      <c r="BD993" s="93"/>
      <c r="BE993" s="93"/>
      <c r="BF993" s="93"/>
      <c r="BG993" s="93"/>
      <c r="BH993" s="93"/>
      <c r="BI993" s="93"/>
      <c r="BJ993" s="93"/>
      <c r="BK993" s="93"/>
      <c r="BL993" s="93"/>
    </row>
    <row r="994" spans="2:64" x14ac:dyDescent="0.2">
      <c r="B994" s="43"/>
      <c r="C994" s="73"/>
      <c r="D994" s="64"/>
      <c r="E994" s="55"/>
      <c r="F994" s="74"/>
      <c r="G994" s="74"/>
      <c r="H994" s="74"/>
      <c r="I994" s="75"/>
      <c r="J994" s="74"/>
      <c r="L994" s="55"/>
      <c r="M994" s="234"/>
      <c r="N994" s="65"/>
      <c r="O994" s="76"/>
      <c r="P994" s="76"/>
      <c r="Q994" s="65"/>
      <c r="R994" s="76"/>
      <c r="S994" s="76"/>
      <c r="T994" s="76"/>
      <c r="U994" s="76"/>
      <c r="V994" s="76"/>
      <c r="W994" s="76"/>
      <c r="X994" s="76"/>
      <c r="Y994" s="76"/>
      <c r="Z994" s="76"/>
      <c r="AA994" s="85"/>
      <c r="AB994" s="85"/>
      <c r="AC994" s="85"/>
      <c r="AD994" s="85"/>
      <c r="AE994" s="85"/>
      <c r="AF994" s="85"/>
      <c r="AG994" s="86"/>
      <c r="AH994" s="85"/>
      <c r="AI994" s="85"/>
      <c r="AJ994" s="85"/>
      <c r="AK994" s="85"/>
      <c r="AL994" s="85"/>
      <c r="AM994" s="92"/>
      <c r="AN994" s="92"/>
      <c r="AO994" s="92"/>
      <c r="AP994" s="92"/>
      <c r="AQ994" s="92"/>
      <c r="AR994" s="92"/>
      <c r="AS994" s="92"/>
      <c r="AT994" s="92"/>
      <c r="AU994" s="92"/>
      <c r="AV994" s="92"/>
      <c r="AW994" s="92"/>
      <c r="AX994" s="92"/>
      <c r="AY994" s="92"/>
      <c r="AZ994" s="93"/>
      <c r="BA994" s="93"/>
      <c r="BB994" s="93"/>
      <c r="BC994" s="93"/>
      <c r="BD994" s="93"/>
      <c r="BE994" s="93"/>
      <c r="BF994" s="93"/>
      <c r="BG994" s="93"/>
      <c r="BH994" s="93"/>
      <c r="BI994" s="93"/>
      <c r="BJ994" s="93"/>
      <c r="BK994" s="93"/>
      <c r="BL994" s="93"/>
    </row>
    <row r="995" spans="2:64" x14ac:dyDescent="0.2">
      <c r="B995" s="43"/>
      <c r="C995" s="73"/>
      <c r="D995" s="64"/>
      <c r="E995" s="55"/>
      <c r="F995" s="74"/>
      <c r="G995" s="74"/>
      <c r="H995" s="74"/>
      <c r="I995" s="75"/>
      <c r="J995" s="74"/>
      <c r="L995" s="55"/>
      <c r="M995" s="234"/>
      <c r="N995" s="65"/>
      <c r="O995" s="76"/>
      <c r="P995" s="76"/>
      <c r="Q995" s="65"/>
      <c r="R995" s="76"/>
      <c r="S995" s="76"/>
      <c r="T995" s="76"/>
      <c r="U995" s="76"/>
      <c r="V995" s="76"/>
      <c r="W995" s="76"/>
      <c r="X995" s="76"/>
      <c r="Y995" s="76"/>
      <c r="Z995" s="76"/>
      <c r="AA995" s="85"/>
      <c r="AB995" s="85"/>
      <c r="AC995" s="85"/>
      <c r="AD995" s="85"/>
      <c r="AE995" s="85"/>
      <c r="AF995" s="85"/>
      <c r="AG995" s="86"/>
      <c r="AH995" s="85"/>
      <c r="AI995" s="85"/>
      <c r="AJ995" s="85"/>
      <c r="AK995" s="85"/>
      <c r="AL995" s="85"/>
      <c r="AM995" s="92"/>
      <c r="AN995" s="92"/>
      <c r="AO995" s="92"/>
      <c r="AP995" s="92"/>
      <c r="AQ995" s="92"/>
      <c r="AR995" s="92"/>
      <c r="AS995" s="92"/>
      <c r="AT995" s="92"/>
      <c r="AU995" s="92"/>
      <c r="AV995" s="92"/>
      <c r="AW995" s="92"/>
      <c r="AX995" s="92"/>
      <c r="AY995" s="92"/>
      <c r="AZ995" s="93"/>
      <c r="BA995" s="93"/>
      <c r="BB995" s="93"/>
      <c r="BC995" s="93"/>
      <c r="BD995" s="93"/>
      <c r="BE995" s="93"/>
      <c r="BF995" s="93"/>
      <c r="BG995" s="93"/>
      <c r="BH995" s="93"/>
      <c r="BI995" s="93"/>
      <c r="BJ995" s="93"/>
      <c r="BK995" s="93"/>
      <c r="BL995" s="93"/>
    </row>
    <row r="996" spans="2:64" x14ac:dyDescent="0.2">
      <c r="B996" s="43"/>
      <c r="C996" s="73"/>
      <c r="D996" s="64"/>
      <c r="E996" s="55"/>
      <c r="F996" s="74"/>
      <c r="G996" s="74"/>
      <c r="H996" s="74"/>
      <c r="I996" s="75"/>
      <c r="J996" s="74"/>
      <c r="L996" s="55"/>
      <c r="M996" s="234"/>
      <c r="N996" s="65"/>
      <c r="O996" s="76"/>
      <c r="P996" s="76"/>
      <c r="Q996" s="65"/>
      <c r="R996" s="76"/>
      <c r="S996" s="76"/>
      <c r="T996" s="76"/>
      <c r="U996" s="76"/>
      <c r="V996" s="76"/>
      <c r="W996" s="76"/>
      <c r="X996" s="76"/>
      <c r="Y996" s="76"/>
      <c r="Z996" s="76"/>
      <c r="AA996" s="85"/>
      <c r="AB996" s="85"/>
      <c r="AC996" s="85"/>
      <c r="AD996" s="85"/>
      <c r="AE996" s="85"/>
      <c r="AF996" s="85"/>
      <c r="AG996" s="86"/>
      <c r="AH996" s="85"/>
      <c r="AI996" s="85"/>
      <c r="AJ996" s="85"/>
      <c r="AK996" s="85"/>
      <c r="AL996" s="85"/>
      <c r="AM996" s="92"/>
      <c r="AN996" s="92"/>
      <c r="AO996" s="92"/>
      <c r="AP996" s="92"/>
      <c r="AQ996" s="92"/>
      <c r="AR996" s="92"/>
      <c r="AS996" s="92"/>
      <c r="AT996" s="92"/>
      <c r="AU996" s="92"/>
      <c r="AV996" s="92"/>
      <c r="AW996" s="92"/>
      <c r="AX996" s="92"/>
      <c r="AY996" s="92"/>
      <c r="AZ996" s="93"/>
      <c r="BA996" s="93"/>
      <c r="BB996" s="93"/>
      <c r="BC996" s="93"/>
      <c r="BD996" s="93"/>
      <c r="BE996" s="93"/>
      <c r="BF996" s="93"/>
      <c r="BG996" s="93"/>
      <c r="BH996" s="93"/>
      <c r="BI996" s="93"/>
      <c r="BJ996" s="93"/>
      <c r="BK996" s="93"/>
      <c r="BL996" s="93"/>
    </row>
    <row r="997" spans="2:64" x14ac:dyDescent="0.2">
      <c r="B997" s="43"/>
      <c r="C997" s="73"/>
      <c r="D997" s="64"/>
      <c r="E997" s="55"/>
      <c r="F997" s="74"/>
      <c r="G997" s="74"/>
      <c r="H997" s="74"/>
      <c r="I997" s="75"/>
      <c r="J997" s="74"/>
      <c r="L997" s="55"/>
      <c r="M997" s="234"/>
      <c r="N997" s="65"/>
      <c r="O997" s="76"/>
      <c r="P997" s="76"/>
      <c r="Q997" s="65"/>
      <c r="R997" s="76"/>
      <c r="S997" s="76"/>
      <c r="T997" s="76"/>
      <c r="U997" s="76"/>
      <c r="V997" s="76"/>
      <c r="W997" s="76"/>
      <c r="X997" s="76"/>
      <c r="Y997" s="76"/>
      <c r="Z997" s="76"/>
      <c r="AA997" s="85"/>
      <c r="AB997" s="85"/>
      <c r="AC997" s="85"/>
      <c r="AD997" s="85"/>
      <c r="AE997" s="85"/>
      <c r="AF997" s="85"/>
      <c r="AG997" s="86"/>
      <c r="AH997" s="85"/>
      <c r="AI997" s="85"/>
      <c r="AJ997" s="85"/>
      <c r="AK997" s="85"/>
      <c r="AL997" s="85"/>
      <c r="AM997" s="92"/>
      <c r="AN997" s="92"/>
      <c r="AO997" s="92"/>
      <c r="AP997" s="92"/>
      <c r="AQ997" s="92"/>
      <c r="AR997" s="92"/>
      <c r="AS997" s="92"/>
      <c r="AT997" s="92"/>
      <c r="AU997" s="92"/>
      <c r="AV997" s="92"/>
      <c r="AW997" s="92"/>
      <c r="AX997" s="92"/>
      <c r="AY997" s="92"/>
      <c r="AZ997" s="93"/>
      <c r="BA997" s="93"/>
      <c r="BB997" s="93"/>
      <c r="BC997" s="93"/>
      <c r="BD997" s="93"/>
      <c r="BE997" s="93"/>
      <c r="BF997" s="93"/>
      <c r="BG997" s="93"/>
      <c r="BH997" s="93"/>
      <c r="BI997" s="93"/>
      <c r="BJ997" s="93"/>
      <c r="BK997" s="93"/>
      <c r="BL997" s="93"/>
    </row>
    <row r="998" spans="2:64" x14ac:dyDescent="0.2">
      <c r="B998" s="43"/>
      <c r="C998" s="73"/>
      <c r="D998" s="64"/>
      <c r="E998" s="55"/>
      <c r="F998" s="74"/>
      <c r="G998" s="74"/>
      <c r="H998" s="74"/>
      <c r="I998" s="75"/>
      <c r="J998" s="74"/>
      <c r="L998" s="55"/>
      <c r="M998" s="234"/>
      <c r="N998" s="65"/>
      <c r="O998" s="76"/>
      <c r="P998" s="76"/>
      <c r="Q998" s="65"/>
      <c r="R998" s="76"/>
      <c r="S998" s="76"/>
      <c r="T998" s="76"/>
      <c r="U998" s="76"/>
      <c r="V998" s="76"/>
      <c r="W998" s="76"/>
      <c r="X998" s="76"/>
      <c r="Y998" s="76"/>
      <c r="Z998" s="76"/>
      <c r="AA998" s="85"/>
      <c r="AB998" s="85"/>
      <c r="AC998" s="85"/>
      <c r="AD998" s="85"/>
      <c r="AE998" s="85"/>
      <c r="AF998" s="85"/>
      <c r="AG998" s="86"/>
      <c r="AH998" s="85"/>
      <c r="AI998" s="85"/>
      <c r="AJ998" s="85"/>
      <c r="AK998" s="85"/>
      <c r="AL998" s="85"/>
      <c r="AM998" s="92"/>
      <c r="AN998" s="92"/>
      <c r="AO998" s="92"/>
      <c r="AP998" s="92"/>
      <c r="AQ998" s="92"/>
      <c r="AR998" s="92"/>
      <c r="AS998" s="92"/>
      <c r="AT998" s="92"/>
      <c r="AU998" s="92"/>
      <c r="AV998" s="92"/>
      <c r="AW998" s="92"/>
      <c r="AX998" s="92"/>
      <c r="AY998" s="92"/>
      <c r="AZ998" s="93"/>
      <c r="BA998" s="93"/>
      <c r="BB998" s="93"/>
      <c r="BC998" s="93"/>
      <c r="BD998" s="93"/>
      <c r="BE998" s="93"/>
      <c r="BF998" s="93"/>
      <c r="BG998" s="93"/>
      <c r="BH998" s="93"/>
      <c r="BI998" s="93"/>
      <c r="BJ998" s="93"/>
      <c r="BK998" s="93"/>
      <c r="BL998" s="93"/>
    </row>
    <row r="999" spans="2:64" x14ac:dyDescent="0.2">
      <c r="B999" s="43"/>
      <c r="C999" s="73"/>
      <c r="D999" s="64"/>
      <c r="E999" s="55"/>
      <c r="F999" s="74"/>
      <c r="G999" s="74"/>
      <c r="H999" s="74"/>
      <c r="I999" s="75"/>
      <c r="J999" s="74"/>
      <c r="L999" s="55"/>
      <c r="M999" s="234"/>
      <c r="N999" s="65"/>
      <c r="O999" s="76"/>
      <c r="P999" s="76"/>
      <c r="Q999" s="65"/>
      <c r="R999" s="76"/>
      <c r="S999" s="76"/>
      <c r="T999" s="76"/>
      <c r="U999" s="76"/>
      <c r="V999" s="76"/>
      <c r="W999" s="76"/>
      <c r="X999" s="76"/>
      <c r="Y999" s="76"/>
      <c r="Z999" s="76"/>
      <c r="AA999" s="85"/>
      <c r="AB999" s="85"/>
      <c r="AC999" s="85"/>
      <c r="AD999" s="85"/>
      <c r="AE999" s="85"/>
      <c r="AF999" s="85"/>
      <c r="AG999" s="86"/>
      <c r="AH999" s="85"/>
      <c r="AI999" s="85"/>
      <c r="AJ999" s="85"/>
      <c r="AK999" s="85"/>
      <c r="AL999" s="85"/>
      <c r="AM999" s="92"/>
      <c r="AN999" s="92"/>
      <c r="AO999" s="92"/>
      <c r="AP999" s="92"/>
      <c r="AQ999" s="92"/>
      <c r="AR999" s="92"/>
      <c r="AS999" s="92"/>
      <c r="AT999" s="92"/>
      <c r="AU999" s="92"/>
      <c r="AV999" s="92"/>
      <c r="AW999" s="92"/>
      <c r="AX999" s="92"/>
      <c r="AY999" s="92"/>
      <c r="AZ999" s="93"/>
      <c r="BA999" s="93"/>
      <c r="BB999" s="93"/>
      <c r="BC999" s="93"/>
      <c r="BD999" s="93"/>
      <c r="BE999" s="93"/>
      <c r="BF999" s="93"/>
      <c r="BG999" s="93"/>
      <c r="BH999" s="93"/>
      <c r="BI999" s="93"/>
      <c r="BJ999" s="93"/>
      <c r="BK999" s="93"/>
      <c r="BL999" s="93"/>
    </row>
    <row r="1000" spans="2:64" x14ac:dyDescent="0.2">
      <c r="B1000" s="43"/>
      <c r="C1000" s="73"/>
      <c r="D1000" s="64"/>
      <c r="E1000" s="55"/>
      <c r="F1000" s="74"/>
      <c r="G1000" s="74"/>
      <c r="H1000" s="74"/>
      <c r="I1000" s="75"/>
      <c r="J1000" s="74"/>
      <c r="L1000" s="55"/>
      <c r="M1000" s="234"/>
      <c r="N1000" s="65"/>
      <c r="O1000" s="76"/>
      <c r="P1000" s="76"/>
      <c r="Q1000" s="65"/>
      <c r="R1000" s="76"/>
      <c r="S1000" s="76"/>
      <c r="T1000" s="76"/>
      <c r="U1000" s="76"/>
      <c r="V1000" s="76"/>
      <c r="W1000" s="76"/>
      <c r="X1000" s="76"/>
      <c r="Y1000" s="76"/>
      <c r="Z1000" s="76"/>
      <c r="AA1000" s="85"/>
      <c r="AB1000" s="85"/>
      <c r="AC1000" s="85"/>
      <c r="AD1000" s="85"/>
      <c r="AE1000" s="85"/>
      <c r="AF1000" s="85"/>
      <c r="AG1000" s="86"/>
      <c r="AH1000" s="85"/>
      <c r="AI1000" s="85"/>
      <c r="AJ1000" s="85"/>
      <c r="AK1000" s="85"/>
      <c r="AL1000" s="85"/>
      <c r="AM1000" s="92"/>
      <c r="AN1000" s="92"/>
      <c r="AO1000" s="92"/>
      <c r="AP1000" s="92"/>
      <c r="AQ1000" s="92"/>
      <c r="AR1000" s="92"/>
      <c r="AS1000" s="92"/>
      <c r="AT1000" s="92"/>
      <c r="AU1000" s="92"/>
      <c r="AV1000" s="92"/>
      <c r="AW1000" s="92"/>
      <c r="AX1000" s="92"/>
      <c r="AY1000" s="92"/>
      <c r="AZ1000" s="93"/>
      <c r="BA1000" s="93"/>
      <c r="BB1000" s="93"/>
      <c r="BC1000" s="93"/>
      <c r="BD1000" s="93"/>
      <c r="BE1000" s="93"/>
      <c r="BF1000" s="93"/>
      <c r="BG1000" s="93"/>
      <c r="BH1000" s="93"/>
      <c r="BI1000" s="93"/>
      <c r="BJ1000" s="93"/>
      <c r="BK1000" s="93"/>
      <c r="BL1000" s="93"/>
    </row>
    <row r="1001" spans="2:64" x14ac:dyDescent="0.2">
      <c r="B1001" s="43"/>
      <c r="C1001" s="73"/>
      <c r="D1001" s="64"/>
      <c r="E1001" s="55"/>
      <c r="F1001" s="74"/>
      <c r="G1001" s="74"/>
      <c r="H1001" s="74"/>
      <c r="I1001" s="75"/>
      <c r="J1001" s="74"/>
      <c r="L1001" s="55"/>
      <c r="M1001" s="234"/>
      <c r="N1001" s="65"/>
      <c r="O1001" s="76"/>
      <c r="P1001" s="76"/>
      <c r="Q1001" s="65"/>
      <c r="R1001" s="76"/>
      <c r="S1001" s="76"/>
      <c r="T1001" s="76"/>
      <c r="U1001" s="76"/>
      <c r="V1001" s="76"/>
      <c r="W1001" s="76"/>
      <c r="X1001" s="76"/>
      <c r="Y1001" s="76"/>
      <c r="Z1001" s="76"/>
      <c r="AA1001" s="85"/>
      <c r="AB1001" s="85"/>
      <c r="AC1001" s="85"/>
      <c r="AD1001" s="85"/>
      <c r="AE1001" s="85"/>
      <c r="AF1001" s="85"/>
      <c r="AG1001" s="86"/>
      <c r="AH1001" s="85"/>
      <c r="AI1001" s="85"/>
      <c r="AJ1001" s="85"/>
      <c r="AK1001" s="85"/>
      <c r="AL1001" s="85"/>
      <c r="AM1001" s="92"/>
      <c r="AN1001" s="92"/>
      <c r="AO1001" s="92"/>
      <c r="AP1001" s="92"/>
      <c r="AQ1001" s="92"/>
      <c r="AR1001" s="92"/>
      <c r="AS1001" s="92"/>
      <c r="AT1001" s="92"/>
      <c r="AU1001" s="92"/>
      <c r="AV1001" s="92"/>
      <c r="AW1001" s="92"/>
      <c r="AX1001" s="92"/>
      <c r="AY1001" s="92"/>
      <c r="AZ1001" s="93"/>
      <c r="BA1001" s="93"/>
      <c r="BB1001" s="93"/>
      <c r="BC1001" s="93"/>
      <c r="BD1001" s="93"/>
      <c r="BE1001" s="93"/>
      <c r="BF1001" s="93"/>
      <c r="BG1001" s="93"/>
      <c r="BH1001" s="93"/>
      <c r="BI1001" s="93"/>
      <c r="BJ1001" s="93"/>
      <c r="BK1001" s="93"/>
      <c r="BL1001" s="93"/>
    </row>
    <row r="1002" spans="2:64" x14ac:dyDescent="0.2">
      <c r="B1002" s="43"/>
      <c r="C1002" s="73"/>
      <c r="D1002" s="64"/>
      <c r="E1002" s="55"/>
      <c r="F1002" s="74"/>
      <c r="G1002" s="74"/>
      <c r="H1002" s="74"/>
      <c r="I1002" s="75"/>
      <c r="J1002" s="74"/>
      <c r="L1002" s="55"/>
      <c r="M1002" s="234"/>
      <c r="N1002" s="65"/>
      <c r="O1002" s="76"/>
      <c r="P1002" s="76"/>
      <c r="Q1002" s="65"/>
      <c r="R1002" s="76"/>
      <c r="S1002" s="76"/>
      <c r="T1002" s="76"/>
      <c r="U1002" s="76"/>
      <c r="V1002" s="76"/>
      <c r="W1002" s="76"/>
      <c r="X1002" s="76"/>
      <c r="Y1002" s="76"/>
      <c r="Z1002" s="76"/>
      <c r="AA1002" s="85"/>
      <c r="AB1002" s="85"/>
      <c r="AC1002" s="85"/>
      <c r="AD1002" s="85"/>
      <c r="AE1002" s="85"/>
      <c r="AF1002" s="85"/>
      <c r="AG1002" s="86"/>
      <c r="AH1002" s="85"/>
      <c r="AI1002" s="85"/>
      <c r="AJ1002" s="85"/>
      <c r="AK1002" s="85"/>
      <c r="AL1002" s="85"/>
      <c r="AM1002" s="92"/>
      <c r="AN1002" s="92"/>
      <c r="AO1002" s="92"/>
      <c r="AP1002" s="92"/>
      <c r="AQ1002" s="92"/>
      <c r="AR1002" s="92"/>
      <c r="AS1002" s="92"/>
      <c r="AT1002" s="92"/>
      <c r="AU1002" s="92"/>
      <c r="AV1002" s="92"/>
      <c r="AW1002" s="92"/>
      <c r="AX1002" s="92"/>
      <c r="AY1002" s="92"/>
      <c r="AZ1002" s="93"/>
      <c r="BA1002" s="93"/>
      <c r="BB1002" s="93"/>
      <c r="BC1002" s="93"/>
      <c r="BD1002" s="93"/>
      <c r="BE1002" s="93"/>
      <c r="BF1002" s="93"/>
      <c r="BG1002" s="93"/>
      <c r="BH1002" s="93"/>
      <c r="BI1002" s="93"/>
      <c r="BJ1002" s="93"/>
      <c r="BK1002" s="93"/>
      <c r="BL1002" s="93"/>
    </row>
    <row r="1003" spans="2:64" x14ac:dyDescent="0.2">
      <c r="B1003" s="43"/>
      <c r="C1003" s="73"/>
      <c r="D1003" s="64"/>
      <c r="E1003" s="55"/>
      <c r="F1003" s="74"/>
      <c r="G1003" s="74"/>
      <c r="H1003" s="74"/>
      <c r="I1003" s="75"/>
      <c r="J1003" s="74"/>
      <c r="L1003" s="55"/>
      <c r="M1003" s="234"/>
      <c r="N1003" s="65"/>
      <c r="O1003" s="76"/>
      <c r="P1003" s="76"/>
      <c r="Q1003" s="65"/>
      <c r="R1003" s="76"/>
      <c r="S1003" s="76"/>
      <c r="T1003" s="76"/>
      <c r="U1003" s="76"/>
      <c r="V1003" s="76"/>
      <c r="W1003" s="76"/>
      <c r="X1003" s="76"/>
      <c r="Y1003" s="76"/>
      <c r="Z1003" s="76"/>
      <c r="AA1003" s="85"/>
      <c r="AB1003" s="85"/>
      <c r="AC1003" s="85"/>
      <c r="AD1003" s="85"/>
      <c r="AE1003" s="85"/>
      <c r="AF1003" s="85"/>
      <c r="AG1003" s="86"/>
      <c r="AH1003" s="85"/>
      <c r="AI1003" s="85"/>
      <c r="AJ1003" s="85"/>
      <c r="AK1003" s="85"/>
      <c r="AL1003" s="85"/>
      <c r="AM1003" s="92"/>
      <c r="AN1003" s="92"/>
      <c r="AO1003" s="92"/>
      <c r="AP1003" s="92"/>
      <c r="AQ1003" s="92"/>
      <c r="AR1003" s="92"/>
      <c r="AS1003" s="92"/>
      <c r="AT1003" s="92"/>
      <c r="AU1003" s="92"/>
      <c r="AV1003" s="92"/>
      <c r="AW1003" s="92"/>
      <c r="AX1003" s="92"/>
      <c r="AY1003" s="92"/>
      <c r="AZ1003" s="93"/>
      <c r="BA1003" s="93"/>
      <c r="BB1003" s="93"/>
      <c r="BC1003" s="93"/>
      <c r="BD1003" s="93"/>
      <c r="BE1003" s="93"/>
      <c r="BF1003" s="93"/>
      <c r="BG1003" s="93"/>
      <c r="BH1003" s="93"/>
      <c r="BI1003" s="93"/>
      <c r="BJ1003" s="93"/>
      <c r="BK1003" s="93"/>
      <c r="BL1003" s="93"/>
    </row>
    <row r="1004" spans="2:64" x14ac:dyDescent="0.2">
      <c r="B1004" s="43"/>
      <c r="C1004" s="73"/>
      <c r="D1004" s="64"/>
      <c r="E1004" s="55"/>
      <c r="F1004" s="74"/>
      <c r="G1004" s="74"/>
      <c r="H1004" s="74"/>
      <c r="I1004" s="75"/>
      <c r="J1004" s="74"/>
      <c r="L1004" s="55"/>
      <c r="M1004" s="234"/>
      <c r="N1004" s="65"/>
      <c r="O1004" s="76"/>
      <c r="P1004" s="76"/>
      <c r="Q1004" s="65"/>
      <c r="R1004" s="76"/>
      <c r="S1004" s="76"/>
      <c r="T1004" s="76"/>
      <c r="U1004" s="76"/>
      <c r="V1004" s="76"/>
      <c r="W1004" s="76"/>
      <c r="X1004" s="76"/>
      <c r="Y1004" s="76"/>
      <c r="Z1004" s="76"/>
      <c r="AA1004" s="85"/>
      <c r="AB1004" s="85"/>
      <c r="AC1004" s="85"/>
      <c r="AD1004" s="85"/>
      <c r="AE1004" s="85"/>
      <c r="AF1004" s="85"/>
      <c r="AG1004" s="86"/>
      <c r="AH1004" s="85"/>
      <c r="AI1004" s="85"/>
      <c r="AJ1004" s="85"/>
      <c r="AK1004" s="85"/>
      <c r="AL1004" s="85"/>
      <c r="AM1004" s="92"/>
      <c r="AN1004" s="92"/>
      <c r="AO1004" s="92"/>
      <c r="AP1004" s="92"/>
      <c r="AQ1004" s="92"/>
      <c r="AR1004" s="92"/>
      <c r="AS1004" s="92"/>
      <c r="AT1004" s="92"/>
      <c r="AU1004" s="92"/>
      <c r="AV1004" s="92"/>
      <c r="AW1004" s="92"/>
      <c r="AX1004" s="92"/>
      <c r="AY1004" s="92"/>
      <c r="AZ1004" s="93"/>
      <c r="BA1004" s="93"/>
      <c r="BB1004" s="93"/>
      <c r="BC1004" s="93"/>
      <c r="BD1004" s="93"/>
      <c r="BE1004" s="93"/>
      <c r="BF1004" s="93"/>
      <c r="BG1004" s="93"/>
      <c r="BH1004" s="93"/>
      <c r="BI1004" s="93"/>
      <c r="BJ1004" s="93"/>
      <c r="BK1004" s="93"/>
      <c r="BL1004" s="93"/>
    </row>
    <row r="1005" spans="2:64" x14ac:dyDescent="0.2">
      <c r="B1005" s="43"/>
      <c r="C1005" s="73"/>
      <c r="D1005" s="64"/>
      <c r="E1005" s="55"/>
      <c r="F1005" s="74"/>
      <c r="G1005" s="74"/>
      <c r="H1005" s="74"/>
      <c r="I1005" s="75"/>
      <c r="J1005" s="74"/>
      <c r="L1005" s="55"/>
      <c r="M1005" s="234"/>
      <c r="N1005" s="65"/>
      <c r="O1005" s="76"/>
      <c r="P1005" s="76"/>
      <c r="Q1005" s="65"/>
      <c r="R1005" s="76"/>
      <c r="S1005" s="76"/>
      <c r="T1005" s="76"/>
      <c r="U1005" s="76"/>
      <c r="V1005" s="76"/>
      <c r="W1005" s="76"/>
      <c r="X1005" s="76"/>
      <c r="Y1005" s="76"/>
      <c r="Z1005" s="76"/>
      <c r="AA1005" s="85"/>
      <c r="AB1005" s="85"/>
      <c r="AC1005" s="85"/>
      <c r="AD1005" s="85"/>
      <c r="AE1005" s="85"/>
      <c r="AF1005" s="85"/>
      <c r="AG1005" s="86"/>
      <c r="AH1005" s="85"/>
      <c r="AI1005" s="85"/>
      <c r="AJ1005" s="85"/>
      <c r="AK1005" s="85"/>
      <c r="AL1005" s="85"/>
      <c r="AM1005" s="92"/>
      <c r="AN1005" s="92"/>
      <c r="AO1005" s="92"/>
      <c r="AP1005" s="92"/>
      <c r="AQ1005" s="92"/>
      <c r="AR1005" s="92"/>
      <c r="AS1005" s="92"/>
      <c r="AT1005" s="92"/>
      <c r="AU1005" s="92"/>
      <c r="AV1005" s="92"/>
      <c r="AW1005" s="92"/>
      <c r="AX1005" s="92"/>
      <c r="AY1005" s="92"/>
      <c r="AZ1005" s="93"/>
      <c r="BA1005" s="93"/>
      <c r="BB1005" s="93"/>
      <c r="BC1005" s="93"/>
      <c r="BD1005" s="93"/>
      <c r="BE1005" s="93"/>
      <c r="BF1005" s="93"/>
      <c r="BG1005" s="93"/>
      <c r="BH1005" s="93"/>
      <c r="BI1005" s="93"/>
      <c r="BJ1005" s="93"/>
      <c r="BK1005" s="93"/>
      <c r="BL1005" s="93"/>
    </row>
    <row r="1006" spans="2:64" x14ac:dyDescent="0.2">
      <c r="B1006" s="43"/>
      <c r="C1006" s="73"/>
      <c r="D1006" s="64"/>
      <c r="E1006" s="55"/>
      <c r="F1006" s="74"/>
      <c r="G1006" s="74"/>
      <c r="H1006" s="74"/>
      <c r="I1006" s="75"/>
      <c r="J1006" s="74"/>
      <c r="L1006" s="55"/>
      <c r="M1006" s="234"/>
      <c r="N1006" s="65"/>
      <c r="O1006" s="76"/>
      <c r="P1006" s="76"/>
      <c r="Q1006" s="65"/>
      <c r="R1006" s="76"/>
      <c r="S1006" s="76"/>
      <c r="T1006" s="76"/>
      <c r="U1006" s="76"/>
      <c r="V1006" s="76"/>
      <c r="W1006" s="76"/>
      <c r="X1006" s="76"/>
      <c r="Y1006" s="76"/>
      <c r="Z1006" s="76"/>
      <c r="AA1006" s="85"/>
      <c r="AB1006" s="85"/>
      <c r="AC1006" s="85"/>
      <c r="AD1006" s="85"/>
      <c r="AE1006" s="85"/>
      <c r="AF1006" s="85"/>
      <c r="AG1006" s="86"/>
      <c r="AH1006" s="85"/>
      <c r="AI1006" s="85"/>
      <c r="AJ1006" s="85"/>
      <c r="AK1006" s="85"/>
      <c r="AL1006" s="85"/>
      <c r="AM1006" s="92"/>
      <c r="AN1006" s="92"/>
      <c r="AO1006" s="92"/>
      <c r="AP1006" s="92"/>
      <c r="AQ1006" s="92"/>
      <c r="AR1006" s="92"/>
      <c r="AS1006" s="92"/>
      <c r="AT1006" s="92"/>
      <c r="AU1006" s="92"/>
      <c r="AV1006" s="92"/>
      <c r="AW1006" s="92"/>
      <c r="AX1006" s="92"/>
      <c r="AY1006" s="92"/>
      <c r="AZ1006" s="93"/>
      <c r="BA1006" s="93"/>
      <c r="BB1006" s="93"/>
      <c r="BC1006" s="93"/>
      <c r="BD1006" s="93"/>
      <c r="BE1006" s="93"/>
      <c r="BF1006" s="93"/>
      <c r="BG1006" s="93"/>
      <c r="BH1006" s="93"/>
      <c r="BI1006" s="93"/>
      <c r="BJ1006" s="93"/>
      <c r="BK1006" s="93"/>
      <c r="BL1006" s="93"/>
    </row>
    <row r="1007" spans="2:64" x14ac:dyDescent="0.2">
      <c r="B1007" s="43"/>
      <c r="C1007" s="73"/>
      <c r="D1007" s="64"/>
      <c r="E1007" s="55"/>
      <c r="F1007" s="74"/>
      <c r="G1007" s="74"/>
      <c r="H1007" s="74"/>
      <c r="I1007" s="75"/>
      <c r="J1007" s="74"/>
      <c r="L1007" s="55"/>
      <c r="M1007" s="234"/>
      <c r="N1007" s="65"/>
      <c r="O1007" s="76"/>
      <c r="P1007" s="76"/>
      <c r="Q1007" s="65"/>
      <c r="R1007" s="76"/>
      <c r="S1007" s="76"/>
      <c r="T1007" s="76"/>
      <c r="U1007" s="76"/>
      <c r="V1007" s="76"/>
      <c r="W1007" s="76"/>
      <c r="X1007" s="76"/>
      <c r="Y1007" s="76"/>
      <c r="Z1007" s="76"/>
      <c r="AA1007" s="85"/>
      <c r="AB1007" s="85"/>
      <c r="AC1007" s="85"/>
      <c r="AD1007" s="85"/>
      <c r="AE1007" s="85"/>
      <c r="AF1007" s="85"/>
      <c r="AG1007" s="86"/>
      <c r="AH1007" s="85"/>
      <c r="AI1007" s="85"/>
      <c r="AJ1007" s="85"/>
      <c r="AK1007" s="85"/>
      <c r="AL1007" s="85"/>
      <c r="AM1007" s="92"/>
      <c r="AN1007" s="92"/>
      <c r="AO1007" s="92"/>
      <c r="AP1007" s="92"/>
      <c r="AQ1007" s="92"/>
      <c r="AR1007" s="92"/>
      <c r="AS1007" s="92"/>
      <c r="AT1007" s="92"/>
      <c r="AU1007" s="92"/>
      <c r="AV1007" s="92"/>
      <c r="AW1007" s="92"/>
      <c r="AX1007" s="92"/>
      <c r="AY1007" s="92"/>
      <c r="AZ1007" s="93"/>
      <c r="BA1007" s="93"/>
      <c r="BB1007" s="93"/>
      <c r="BC1007" s="93"/>
      <c r="BD1007" s="93"/>
      <c r="BE1007" s="93"/>
      <c r="BF1007" s="93"/>
      <c r="BG1007" s="93"/>
      <c r="BH1007" s="93"/>
      <c r="BI1007" s="93"/>
      <c r="BJ1007" s="93"/>
      <c r="BK1007" s="93"/>
      <c r="BL1007" s="93"/>
    </row>
    <row r="1008" spans="2:64" x14ac:dyDescent="0.2">
      <c r="B1008" s="43"/>
      <c r="C1008" s="73"/>
      <c r="D1008" s="64"/>
      <c r="E1008" s="55"/>
      <c r="F1008" s="74"/>
      <c r="G1008" s="74"/>
      <c r="H1008" s="74"/>
      <c r="I1008" s="75"/>
      <c r="J1008" s="74"/>
      <c r="L1008" s="55"/>
      <c r="M1008" s="234"/>
      <c r="N1008" s="65"/>
      <c r="O1008" s="76"/>
      <c r="P1008" s="76"/>
      <c r="Q1008" s="65"/>
      <c r="R1008" s="76"/>
      <c r="S1008" s="76"/>
      <c r="T1008" s="76"/>
      <c r="U1008" s="76"/>
      <c r="V1008" s="76"/>
      <c r="W1008" s="76"/>
      <c r="X1008" s="76"/>
      <c r="Y1008" s="76"/>
      <c r="Z1008" s="76"/>
      <c r="AA1008" s="85"/>
      <c r="AB1008" s="85"/>
      <c r="AC1008" s="85"/>
      <c r="AD1008" s="85"/>
      <c r="AE1008" s="85"/>
      <c r="AF1008" s="85"/>
      <c r="AG1008" s="86"/>
      <c r="AH1008" s="85"/>
      <c r="AI1008" s="85"/>
      <c r="AJ1008" s="85"/>
      <c r="AK1008" s="85"/>
      <c r="AL1008" s="85"/>
      <c r="AM1008" s="92"/>
      <c r="AN1008" s="92"/>
      <c r="AO1008" s="92"/>
      <c r="AP1008" s="92"/>
      <c r="AQ1008" s="92"/>
      <c r="AR1008" s="92"/>
      <c r="AS1008" s="92"/>
      <c r="AT1008" s="92"/>
      <c r="AU1008" s="92"/>
      <c r="AV1008" s="92"/>
      <c r="AW1008" s="92"/>
      <c r="AX1008" s="92"/>
      <c r="AY1008" s="92"/>
      <c r="AZ1008" s="93"/>
      <c r="BA1008" s="93"/>
      <c r="BB1008" s="93"/>
      <c r="BC1008" s="93"/>
      <c r="BD1008" s="93"/>
      <c r="BE1008" s="93"/>
      <c r="BF1008" s="93"/>
      <c r="BG1008" s="93"/>
      <c r="BH1008" s="93"/>
      <c r="BI1008" s="93"/>
      <c r="BJ1008" s="93"/>
      <c r="BK1008" s="93"/>
      <c r="BL1008" s="93"/>
    </row>
    <row r="1009" spans="2:64" x14ac:dyDescent="0.2">
      <c r="B1009" s="43"/>
      <c r="C1009" s="73"/>
      <c r="D1009" s="64"/>
      <c r="E1009" s="55"/>
      <c r="F1009" s="74"/>
      <c r="G1009" s="74"/>
      <c r="H1009" s="74"/>
      <c r="I1009" s="75"/>
      <c r="J1009" s="74"/>
      <c r="L1009" s="55"/>
      <c r="M1009" s="234"/>
      <c r="N1009" s="65"/>
      <c r="O1009" s="76"/>
      <c r="P1009" s="76"/>
      <c r="Q1009" s="65"/>
      <c r="R1009" s="76"/>
      <c r="S1009" s="76"/>
      <c r="T1009" s="76"/>
      <c r="U1009" s="76"/>
      <c r="V1009" s="76"/>
      <c r="W1009" s="76"/>
      <c r="X1009" s="76"/>
      <c r="Y1009" s="76"/>
      <c r="Z1009" s="76"/>
      <c r="AA1009" s="85"/>
      <c r="AB1009" s="85"/>
      <c r="AC1009" s="85"/>
      <c r="AD1009" s="85"/>
      <c r="AE1009" s="85"/>
      <c r="AF1009" s="85"/>
      <c r="AG1009" s="86"/>
      <c r="AH1009" s="85"/>
      <c r="AI1009" s="85"/>
      <c r="AJ1009" s="85"/>
      <c r="AK1009" s="85"/>
      <c r="AL1009" s="85"/>
      <c r="AM1009" s="92"/>
      <c r="AN1009" s="92"/>
      <c r="AO1009" s="92"/>
      <c r="AP1009" s="92"/>
      <c r="AQ1009" s="92"/>
      <c r="AR1009" s="92"/>
      <c r="AS1009" s="92"/>
      <c r="AT1009" s="92"/>
      <c r="AU1009" s="92"/>
      <c r="AV1009" s="92"/>
      <c r="AW1009" s="92"/>
      <c r="AX1009" s="92"/>
      <c r="AY1009" s="92"/>
      <c r="AZ1009" s="93"/>
      <c r="BA1009" s="93"/>
      <c r="BB1009" s="93"/>
      <c r="BC1009" s="93"/>
      <c r="BD1009" s="93"/>
      <c r="BE1009" s="93"/>
      <c r="BF1009" s="93"/>
      <c r="BG1009" s="93"/>
      <c r="BH1009" s="93"/>
      <c r="BI1009" s="93"/>
      <c r="BJ1009" s="93"/>
      <c r="BK1009" s="93"/>
      <c r="BL1009" s="93"/>
    </row>
    <row r="1010" spans="2:64" x14ac:dyDescent="0.2">
      <c r="B1010" s="43"/>
      <c r="C1010" s="73"/>
      <c r="D1010" s="64"/>
      <c r="E1010" s="55"/>
      <c r="F1010" s="74"/>
      <c r="G1010" s="74"/>
      <c r="H1010" s="74"/>
      <c r="I1010" s="75"/>
      <c r="J1010" s="74"/>
      <c r="L1010" s="55"/>
      <c r="M1010" s="234"/>
      <c r="N1010" s="65"/>
      <c r="O1010" s="76"/>
      <c r="P1010" s="76"/>
      <c r="Q1010" s="65"/>
      <c r="R1010" s="76"/>
      <c r="S1010" s="76"/>
      <c r="T1010" s="76"/>
      <c r="U1010" s="76"/>
      <c r="V1010" s="76"/>
      <c r="W1010" s="76"/>
      <c r="X1010" s="76"/>
      <c r="Y1010" s="76"/>
      <c r="Z1010" s="76"/>
      <c r="AA1010" s="85"/>
      <c r="AB1010" s="85"/>
      <c r="AC1010" s="85"/>
      <c r="AD1010" s="85"/>
      <c r="AE1010" s="85"/>
      <c r="AF1010" s="85"/>
      <c r="AG1010" s="86"/>
      <c r="AH1010" s="85"/>
      <c r="AI1010" s="85"/>
      <c r="AJ1010" s="85"/>
      <c r="AK1010" s="85"/>
      <c r="AL1010" s="85"/>
      <c r="AM1010" s="92"/>
      <c r="AN1010" s="92"/>
      <c r="AO1010" s="92"/>
      <c r="AP1010" s="92"/>
      <c r="AQ1010" s="92"/>
      <c r="AR1010" s="92"/>
      <c r="AS1010" s="92"/>
      <c r="AT1010" s="92"/>
      <c r="AU1010" s="92"/>
      <c r="AV1010" s="92"/>
      <c r="AW1010" s="92"/>
      <c r="AX1010" s="92"/>
      <c r="AY1010" s="92"/>
      <c r="AZ1010" s="93"/>
      <c r="BA1010" s="93"/>
      <c r="BB1010" s="93"/>
      <c r="BC1010" s="93"/>
      <c r="BD1010" s="93"/>
      <c r="BE1010" s="93"/>
      <c r="BF1010" s="93"/>
      <c r="BG1010" s="93"/>
      <c r="BH1010" s="93"/>
      <c r="BI1010" s="93"/>
      <c r="BJ1010" s="93"/>
      <c r="BK1010" s="93"/>
      <c r="BL1010" s="93"/>
    </row>
    <row r="1011" spans="2:64" x14ac:dyDescent="0.2">
      <c r="B1011" s="43"/>
      <c r="C1011" s="73"/>
      <c r="D1011" s="64"/>
      <c r="E1011" s="55"/>
      <c r="F1011" s="74"/>
      <c r="G1011" s="74"/>
      <c r="H1011" s="74"/>
      <c r="I1011" s="75"/>
      <c r="J1011" s="74"/>
      <c r="L1011" s="55"/>
      <c r="M1011" s="234"/>
      <c r="N1011" s="65"/>
      <c r="O1011" s="76"/>
      <c r="P1011" s="76"/>
      <c r="Q1011" s="65"/>
      <c r="R1011" s="76"/>
      <c r="S1011" s="76"/>
      <c r="T1011" s="76"/>
      <c r="U1011" s="76"/>
      <c r="V1011" s="76"/>
      <c r="W1011" s="76"/>
      <c r="X1011" s="76"/>
      <c r="Y1011" s="76"/>
      <c r="Z1011" s="76"/>
      <c r="AA1011" s="85"/>
      <c r="AB1011" s="85"/>
      <c r="AC1011" s="85"/>
      <c r="AD1011" s="85"/>
      <c r="AE1011" s="85"/>
      <c r="AF1011" s="85"/>
      <c r="AG1011" s="86"/>
      <c r="AH1011" s="85"/>
      <c r="AI1011" s="85"/>
      <c r="AJ1011" s="85"/>
      <c r="AK1011" s="85"/>
      <c r="AL1011" s="85"/>
      <c r="AM1011" s="92"/>
      <c r="AN1011" s="92"/>
      <c r="AO1011" s="92"/>
      <c r="AP1011" s="92"/>
      <c r="AQ1011" s="92"/>
      <c r="AR1011" s="92"/>
      <c r="AS1011" s="92"/>
      <c r="AT1011" s="92"/>
      <c r="AU1011" s="92"/>
      <c r="AV1011" s="92"/>
      <c r="AW1011" s="92"/>
      <c r="AX1011" s="92"/>
      <c r="AY1011" s="92"/>
      <c r="AZ1011" s="93"/>
      <c r="BA1011" s="93"/>
      <c r="BB1011" s="93"/>
      <c r="BC1011" s="93"/>
      <c r="BD1011" s="93"/>
      <c r="BE1011" s="93"/>
      <c r="BF1011" s="93"/>
      <c r="BG1011" s="93"/>
      <c r="BH1011" s="93"/>
      <c r="BI1011" s="93"/>
      <c r="BJ1011" s="93"/>
      <c r="BK1011" s="93"/>
      <c r="BL1011" s="93"/>
    </row>
    <row r="1012" spans="2:64" x14ac:dyDescent="0.2">
      <c r="B1012" s="43"/>
      <c r="C1012" s="73"/>
      <c r="D1012" s="64"/>
      <c r="E1012" s="55"/>
      <c r="F1012" s="74"/>
      <c r="G1012" s="74"/>
      <c r="H1012" s="74"/>
      <c r="I1012" s="75"/>
      <c r="J1012" s="74"/>
      <c r="L1012" s="55"/>
      <c r="M1012" s="234"/>
      <c r="N1012" s="65"/>
      <c r="O1012" s="76"/>
      <c r="P1012" s="76"/>
      <c r="Q1012" s="65"/>
      <c r="R1012" s="76"/>
      <c r="S1012" s="76"/>
      <c r="T1012" s="76"/>
      <c r="U1012" s="76"/>
      <c r="V1012" s="76"/>
      <c r="W1012" s="76"/>
      <c r="X1012" s="76"/>
      <c r="Y1012" s="76"/>
      <c r="Z1012" s="76"/>
      <c r="AA1012" s="85"/>
      <c r="AB1012" s="85"/>
      <c r="AC1012" s="85"/>
      <c r="AD1012" s="85"/>
      <c r="AE1012" s="85"/>
      <c r="AF1012" s="85"/>
      <c r="AG1012" s="86"/>
      <c r="AH1012" s="85"/>
      <c r="AI1012" s="85"/>
      <c r="AJ1012" s="85"/>
      <c r="AK1012" s="85"/>
      <c r="AL1012" s="85"/>
      <c r="AM1012" s="92"/>
      <c r="AN1012" s="92"/>
      <c r="AO1012" s="92"/>
      <c r="AP1012" s="92"/>
      <c r="AQ1012" s="92"/>
      <c r="AR1012" s="92"/>
      <c r="AS1012" s="92"/>
      <c r="AT1012" s="92"/>
      <c r="AU1012" s="92"/>
      <c r="AV1012" s="92"/>
      <c r="AW1012" s="92"/>
      <c r="AX1012" s="92"/>
      <c r="AY1012" s="92"/>
      <c r="AZ1012" s="93"/>
      <c r="BA1012" s="93"/>
      <c r="BB1012" s="93"/>
      <c r="BC1012" s="93"/>
      <c r="BD1012" s="93"/>
      <c r="BE1012" s="93"/>
      <c r="BF1012" s="93"/>
      <c r="BG1012" s="93"/>
      <c r="BH1012" s="93"/>
      <c r="BI1012" s="93"/>
      <c r="BJ1012" s="93"/>
      <c r="BK1012" s="93"/>
      <c r="BL1012" s="93"/>
    </row>
    <row r="1013" spans="2:64" x14ac:dyDescent="0.2">
      <c r="B1013" s="43"/>
      <c r="C1013" s="73"/>
      <c r="D1013" s="64"/>
      <c r="E1013" s="55"/>
      <c r="F1013" s="74"/>
      <c r="G1013" s="74"/>
      <c r="H1013" s="74"/>
      <c r="I1013" s="75"/>
      <c r="J1013" s="74"/>
      <c r="L1013" s="55"/>
      <c r="M1013" s="234"/>
      <c r="N1013" s="65"/>
      <c r="O1013" s="76"/>
      <c r="P1013" s="76"/>
      <c r="Q1013" s="65"/>
      <c r="R1013" s="76"/>
      <c r="S1013" s="76"/>
      <c r="T1013" s="76"/>
      <c r="U1013" s="76"/>
      <c r="V1013" s="76"/>
      <c r="W1013" s="76"/>
      <c r="X1013" s="76"/>
      <c r="Y1013" s="76"/>
      <c r="Z1013" s="76"/>
      <c r="AA1013" s="85"/>
      <c r="AB1013" s="85"/>
      <c r="AC1013" s="85"/>
      <c r="AD1013" s="85"/>
      <c r="AE1013" s="85"/>
      <c r="AF1013" s="85"/>
      <c r="AG1013" s="86"/>
      <c r="AH1013" s="85"/>
      <c r="AI1013" s="85"/>
      <c r="AJ1013" s="85"/>
      <c r="AK1013" s="85"/>
      <c r="AL1013" s="85"/>
      <c r="AM1013" s="92"/>
      <c r="AN1013" s="92"/>
      <c r="AO1013" s="92"/>
      <c r="AP1013" s="92"/>
      <c r="AQ1013" s="92"/>
      <c r="AR1013" s="92"/>
      <c r="AS1013" s="92"/>
      <c r="AT1013" s="92"/>
      <c r="AU1013" s="92"/>
      <c r="AV1013" s="92"/>
      <c r="AW1013" s="92"/>
      <c r="AX1013" s="92"/>
      <c r="AY1013" s="92"/>
      <c r="AZ1013" s="93"/>
      <c r="BA1013" s="93"/>
      <c r="BB1013" s="93"/>
      <c r="BC1013" s="93"/>
      <c r="BD1013" s="93"/>
      <c r="BE1013" s="93"/>
      <c r="BF1013" s="93"/>
      <c r="BG1013" s="93"/>
      <c r="BH1013" s="93"/>
      <c r="BI1013" s="93"/>
      <c r="BJ1013" s="93"/>
      <c r="BK1013" s="93"/>
      <c r="BL1013" s="93"/>
    </row>
    <row r="1014" spans="2:64" x14ac:dyDescent="0.2">
      <c r="B1014" s="43"/>
      <c r="C1014" s="73"/>
      <c r="D1014" s="64"/>
      <c r="E1014" s="55"/>
      <c r="F1014" s="74"/>
      <c r="G1014" s="74"/>
      <c r="H1014" s="74"/>
      <c r="I1014" s="75"/>
      <c r="J1014" s="74"/>
      <c r="L1014" s="55"/>
      <c r="M1014" s="234"/>
      <c r="N1014" s="65"/>
      <c r="O1014" s="76"/>
      <c r="P1014" s="76"/>
      <c r="Q1014" s="65"/>
      <c r="R1014" s="76"/>
      <c r="S1014" s="76"/>
      <c r="T1014" s="76"/>
      <c r="U1014" s="76"/>
      <c r="V1014" s="76"/>
      <c r="W1014" s="76"/>
      <c r="X1014" s="76"/>
      <c r="Y1014" s="76"/>
      <c r="Z1014" s="76"/>
      <c r="AA1014" s="85"/>
      <c r="AB1014" s="85"/>
      <c r="AC1014" s="85"/>
      <c r="AD1014" s="85"/>
      <c r="AE1014" s="85"/>
      <c r="AF1014" s="85"/>
      <c r="AG1014" s="86"/>
      <c r="AH1014" s="85"/>
      <c r="AI1014" s="85"/>
      <c r="AJ1014" s="85"/>
      <c r="AK1014" s="85"/>
      <c r="AL1014" s="85"/>
      <c r="AM1014" s="92"/>
      <c r="AN1014" s="92"/>
      <c r="AO1014" s="92"/>
      <c r="AP1014" s="92"/>
      <c r="AQ1014" s="92"/>
      <c r="AR1014" s="92"/>
      <c r="AS1014" s="92"/>
      <c r="AT1014" s="92"/>
      <c r="AU1014" s="92"/>
      <c r="AV1014" s="92"/>
      <c r="AW1014" s="92"/>
      <c r="AX1014" s="92"/>
      <c r="AY1014" s="92"/>
      <c r="AZ1014" s="93"/>
      <c r="BA1014" s="93"/>
      <c r="BB1014" s="93"/>
      <c r="BC1014" s="93"/>
      <c r="BD1014" s="93"/>
      <c r="BE1014" s="93"/>
      <c r="BF1014" s="93"/>
      <c r="BG1014" s="93"/>
      <c r="BH1014" s="93"/>
      <c r="BI1014" s="93"/>
      <c r="BJ1014" s="93"/>
      <c r="BK1014" s="93"/>
      <c r="BL1014" s="93"/>
    </row>
    <row r="1015" spans="2:64" x14ac:dyDescent="0.2">
      <c r="B1015" s="43"/>
      <c r="C1015" s="73"/>
      <c r="D1015" s="64"/>
      <c r="E1015" s="55"/>
      <c r="F1015" s="74"/>
      <c r="G1015" s="74"/>
      <c r="H1015" s="74"/>
      <c r="I1015" s="75"/>
      <c r="J1015" s="74"/>
      <c r="L1015" s="55"/>
      <c r="M1015" s="234"/>
      <c r="N1015" s="65"/>
      <c r="O1015" s="76"/>
      <c r="P1015" s="76"/>
      <c r="Q1015" s="65"/>
      <c r="R1015" s="76"/>
      <c r="S1015" s="76"/>
      <c r="T1015" s="76"/>
      <c r="U1015" s="76"/>
      <c r="V1015" s="76"/>
      <c r="W1015" s="76"/>
      <c r="X1015" s="76"/>
      <c r="Y1015" s="76"/>
      <c r="Z1015" s="76"/>
      <c r="AA1015" s="85"/>
      <c r="AB1015" s="85"/>
      <c r="AC1015" s="85"/>
      <c r="AD1015" s="85"/>
      <c r="AE1015" s="85"/>
      <c r="AF1015" s="85"/>
      <c r="AG1015" s="86"/>
      <c r="AH1015" s="85"/>
      <c r="AI1015" s="85"/>
      <c r="AJ1015" s="85"/>
      <c r="AK1015" s="85"/>
      <c r="AL1015" s="85"/>
      <c r="AM1015" s="92"/>
      <c r="AN1015" s="92"/>
      <c r="AO1015" s="92"/>
      <c r="AP1015" s="92"/>
      <c r="AQ1015" s="92"/>
      <c r="AR1015" s="92"/>
      <c r="AS1015" s="92"/>
      <c r="AT1015" s="92"/>
      <c r="AU1015" s="92"/>
      <c r="AV1015" s="92"/>
      <c r="AW1015" s="92"/>
      <c r="AX1015" s="92"/>
      <c r="AY1015" s="92"/>
      <c r="AZ1015" s="93"/>
      <c r="BA1015" s="93"/>
      <c r="BB1015" s="93"/>
      <c r="BC1015" s="93"/>
      <c r="BD1015" s="93"/>
      <c r="BE1015" s="93"/>
      <c r="BF1015" s="93"/>
      <c r="BG1015" s="93"/>
      <c r="BH1015" s="93"/>
      <c r="BI1015" s="93"/>
      <c r="BJ1015" s="93"/>
      <c r="BK1015" s="93"/>
      <c r="BL1015" s="93"/>
    </row>
    <row r="1016" spans="2:64" x14ac:dyDescent="0.2">
      <c r="B1016" s="43"/>
      <c r="C1016" s="73"/>
      <c r="D1016" s="64"/>
      <c r="E1016" s="55"/>
      <c r="F1016" s="74"/>
      <c r="G1016" s="74"/>
      <c r="H1016" s="74"/>
      <c r="I1016" s="75"/>
      <c r="J1016" s="74"/>
      <c r="L1016" s="55"/>
      <c r="M1016" s="234"/>
      <c r="N1016" s="65"/>
      <c r="O1016" s="76"/>
      <c r="P1016" s="76"/>
      <c r="Q1016" s="65"/>
      <c r="R1016" s="76"/>
      <c r="S1016" s="76"/>
      <c r="T1016" s="76"/>
      <c r="U1016" s="76"/>
      <c r="V1016" s="76"/>
      <c r="W1016" s="76"/>
      <c r="X1016" s="76"/>
      <c r="Y1016" s="76"/>
      <c r="Z1016" s="76"/>
      <c r="AA1016" s="85"/>
      <c r="AB1016" s="85"/>
      <c r="AC1016" s="85"/>
      <c r="AD1016" s="85"/>
      <c r="AE1016" s="85"/>
      <c r="AF1016" s="85"/>
      <c r="AG1016" s="86"/>
      <c r="AH1016" s="85"/>
      <c r="AI1016" s="85"/>
      <c r="AJ1016" s="85"/>
      <c r="AK1016" s="85"/>
      <c r="AL1016" s="85"/>
      <c r="AM1016" s="92"/>
      <c r="AN1016" s="92"/>
      <c r="AO1016" s="92"/>
      <c r="AP1016" s="92"/>
      <c r="AQ1016" s="92"/>
      <c r="AR1016" s="92"/>
      <c r="AS1016" s="92"/>
      <c r="AT1016" s="92"/>
      <c r="AU1016" s="92"/>
      <c r="AV1016" s="92"/>
      <c r="AW1016" s="92"/>
      <c r="AX1016" s="92"/>
      <c r="AY1016" s="92"/>
      <c r="AZ1016" s="93"/>
      <c r="BA1016" s="93"/>
      <c r="BB1016" s="93"/>
      <c r="BC1016" s="93"/>
      <c r="BD1016" s="93"/>
      <c r="BE1016" s="93"/>
      <c r="BF1016" s="93"/>
      <c r="BG1016" s="93"/>
      <c r="BH1016" s="93"/>
      <c r="BI1016" s="93"/>
      <c r="BJ1016" s="93"/>
      <c r="BK1016" s="93"/>
      <c r="BL1016" s="93"/>
    </row>
    <row r="1017" spans="2:64" x14ac:dyDescent="0.2">
      <c r="B1017" s="43"/>
      <c r="C1017" s="73"/>
      <c r="D1017" s="64"/>
      <c r="E1017" s="55"/>
      <c r="F1017" s="74"/>
      <c r="G1017" s="74"/>
      <c r="H1017" s="74"/>
      <c r="I1017" s="75"/>
      <c r="J1017" s="74"/>
      <c r="L1017" s="55"/>
      <c r="M1017" s="234"/>
      <c r="N1017" s="65"/>
      <c r="O1017" s="76"/>
      <c r="P1017" s="76"/>
      <c r="Q1017" s="65"/>
      <c r="R1017" s="76"/>
      <c r="S1017" s="76"/>
      <c r="T1017" s="76"/>
      <c r="U1017" s="76"/>
      <c r="V1017" s="76"/>
      <c r="W1017" s="76"/>
      <c r="X1017" s="76"/>
      <c r="Y1017" s="76"/>
      <c r="Z1017" s="76"/>
      <c r="AA1017" s="85"/>
      <c r="AB1017" s="85"/>
      <c r="AC1017" s="85"/>
      <c r="AD1017" s="85"/>
      <c r="AE1017" s="85"/>
      <c r="AF1017" s="85"/>
      <c r="AG1017" s="86"/>
      <c r="AH1017" s="85"/>
      <c r="AI1017" s="85"/>
      <c r="AJ1017" s="85"/>
      <c r="AK1017" s="85"/>
      <c r="AL1017" s="85"/>
      <c r="AM1017" s="92"/>
      <c r="AN1017" s="92"/>
      <c r="AO1017" s="92"/>
      <c r="AP1017" s="92"/>
      <c r="AQ1017" s="92"/>
      <c r="AR1017" s="92"/>
      <c r="AS1017" s="92"/>
      <c r="AT1017" s="92"/>
      <c r="AU1017" s="92"/>
      <c r="AV1017" s="92"/>
      <c r="AW1017" s="92"/>
      <c r="AX1017" s="92"/>
      <c r="AY1017" s="92"/>
      <c r="AZ1017" s="93"/>
      <c r="BA1017" s="93"/>
      <c r="BB1017" s="93"/>
      <c r="BC1017" s="93"/>
      <c r="BD1017" s="93"/>
      <c r="BE1017" s="93"/>
      <c r="BF1017" s="93"/>
      <c r="BG1017" s="93"/>
      <c r="BH1017" s="93"/>
      <c r="BI1017" s="93"/>
      <c r="BJ1017" s="93"/>
      <c r="BK1017" s="93"/>
      <c r="BL1017" s="93"/>
    </row>
    <row r="1018" spans="2:64" x14ac:dyDescent="0.2">
      <c r="B1018" s="43"/>
      <c r="C1018" s="73"/>
      <c r="D1018" s="64"/>
      <c r="E1018" s="55"/>
      <c r="F1018" s="74"/>
      <c r="G1018" s="74"/>
      <c r="H1018" s="74"/>
      <c r="I1018" s="75"/>
      <c r="J1018" s="74"/>
      <c r="L1018" s="55"/>
      <c r="M1018" s="234"/>
      <c r="N1018" s="65"/>
      <c r="O1018" s="76"/>
      <c r="P1018" s="76"/>
      <c r="Q1018" s="65"/>
      <c r="R1018" s="76"/>
      <c r="S1018" s="76"/>
      <c r="T1018" s="76"/>
      <c r="U1018" s="76"/>
      <c r="V1018" s="76"/>
      <c r="W1018" s="76"/>
      <c r="X1018" s="76"/>
      <c r="Y1018" s="76"/>
      <c r="Z1018" s="76"/>
      <c r="AA1018" s="85"/>
      <c r="AB1018" s="85"/>
      <c r="AC1018" s="85"/>
      <c r="AD1018" s="85"/>
      <c r="AE1018" s="85"/>
      <c r="AF1018" s="85"/>
      <c r="AG1018" s="86"/>
      <c r="AH1018" s="85"/>
      <c r="AI1018" s="85"/>
      <c r="AJ1018" s="85"/>
      <c r="AK1018" s="85"/>
      <c r="AL1018" s="85"/>
      <c r="AM1018" s="92"/>
      <c r="AN1018" s="92"/>
      <c r="AO1018" s="92"/>
      <c r="AP1018" s="92"/>
      <c r="AQ1018" s="92"/>
      <c r="AR1018" s="92"/>
      <c r="AS1018" s="92"/>
      <c r="AT1018" s="92"/>
      <c r="AU1018" s="92"/>
      <c r="AV1018" s="92"/>
      <c r="AW1018" s="92"/>
      <c r="AX1018" s="92"/>
      <c r="AY1018" s="92"/>
      <c r="AZ1018" s="93"/>
      <c r="BA1018" s="93"/>
      <c r="BB1018" s="93"/>
      <c r="BC1018" s="93"/>
      <c r="BD1018" s="93"/>
      <c r="BE1018" s="93"/>
      <c r="BF1018" s="93"/>
      <c r="BG1018" s="93"/>
      <c r="BH1018" s="93"/>
      <c r="BI1018" s="93"/>
      <c r="BJ1018" s="93"/>
      <c r="BK1018" s="93"/>
      <c r="BL1018" s="93"/>
    </row>
    <row r="1019" spans="2:64" x14ac:dyDescent="0.2">
      <c r="B1019" s="43"/>
      <c r="C1019" s="73"/>
      <c r="D1019" s="64"/>
      <c r="E1019" s="55"/>
      <c r="F1019" s="74"/>
      <c r="G1019" s="74"/>
      <c r="H1019" s="74"/>
      <c r="I1019" s="75"/>
      <c r="J1019" s="74"/>
      <c r="L1019" s="55"/>
      <c r="M1019" s="234"/>
      <c r="N1019" s="65"/>
      <c r="O1019" s="76"/>
      <c r="P1019" s="76"/>
      <c r="Q1019" s="65"/>
      <c r="R1019" s="76"/>
      <c r="S1019" s="76"/>
      <c r="T1019" s="76"/>
      <c r="U1019" s="76"/>
      <c r="V1019" s="76"/>
      <c r="W1019" s="76"/>
      <c r="X1019" s="76"/>
      <c r="Y1019" s="76"/>
      <c r="Z1019" s="76"/>
      <c r="AA1019" s="85"/>
      <c r="AB1019" s="85"/>
      <c r="AC1019" s="85"/>
      <c r="AD1019" s="85"/>
      <c r="AE1019" s="85"/>
      <c r="AF1019" s="85"/>
      <c r="AG1019" s="86"/>
      <c r="AH1019" s="85"/>
      <c r="AI1019" s="85"/>
      <c r="AJ1019" s="85"/>
      <c r="AK1019" s="85"/>
      <c r="AL1019" s="85"/>
      <c r="AM1019" s="92"/>
      <c r="AN1019" s="92"/>
      <c r="AO1019" s="92"/>
      <c r="AP1019" s="92"/>
      <c r="AQ1019" s="92"/>
      <c r="AR1019" s="92"/>
      <c r="AS1019" s="92"/>
      <c r="AT1019" s="92"/>
      <c r="AU1019" s="92"/>
      <c r="AV1019" s="92"/>
      <c r="AW1019" s="92"/>
      <c r="AX1019" s="92"/>
      <c r="AY1019" s="92"/>
      <c r="AZ1019" s="93"/>
      <c r="BA1019" s="93"/>
      <c r="BB1019" s="93"/>
      <c r="BC1019" s="93"/>
      <c r="BD1019" s="93"/>
      <c r="BE1019" s="93"/>
      <c r="BF1019" s="93"/>
      <c r="BG1019" s="93"/>
      <c r="BH1019" s="93"/>
      <c r="BI1019" s="93"/>
      <c r="BJ1019" s="93"/>
      <c r="BK1019" s="93"/>
      <c r="BL1019" s="93"/>
    </row>
    <row r="1020" spans="2:64" x14ac:dyDescent="0.2">
      <c r="B1020" s="43"/>
      <c r="C1020" s="73"/>
      <c r="D1020" s="64"/>
      <c r="E1020" s="55"/>
      <c r="F1020" s="74"/>
      <c r="G1020" s="74"/>
      <c r="H1020" s="74"/>
      <c r="I1020" s="75"/>
      <c r="J1020" s="74"/>
      <c r="L1020" s="55"/>
      <c r="M1020" s="234"/>
      <c r="N1020" s="65"/>
      <c r="O1020" s="76"/>
      <c r="P1020" s="76"/>
      <c r="Q1020" s="65"/>
      <c r="R1020" s="76"/>
      <c r="S1020" s="76"/>
      <c r="T1020" s="76"/>
      <c r="U1020" s="76"/>
      <c r="V1020" s="76"/>
      <c r="W1020" s="76"/>
      <c r="X1020" s="76"/>
      <c r="Y1020" s="76"/>
      <c r="Z1020" s="76"/>
      <c r="AA1020" s="85"/>
      <c r="AB1020" s="85"/>
      <c r="AC1020" s="85"/>
      <c r="AD1020" s="85"/>
      <c r="AE1020" s="85"/>
      <c r="AF1020" s="85"/>
      <c r="AG1020" s="86"/>
      <c r="AH1020" s="85"/>
      <c r="AI1020" s="85"/>
      <c r="AJ1020" s="85"/>
      <c r="AK1020" s="85"/>
      <c r="AL1020" s="85"/>
      <c r="AM1020" s="92"/>
      <c r="AN1020" s="92"/>
      <c r="AO1020" s="92"/>
      <c r="AP1020" s="92"/>
      <c r="AQ1020" s="92"/>
      <c r="AR1020" s="92"/>
      <c r="AS1020" s="92"/>
      <c r="AT1020" s="92"/>
      <c r="AU1020" s="92"/>
      <c r="AV1020" s="92"/>
      <c r="AW1020" s="92"/>
      <c r="AX1020" s="92"/>
      <c r="AY1020" s="92"/>
      <c r="AZ1020" s="93"/>
      <c r="BA1020" s="93"/>
      <c r="BB1020" s="93"/>
      <c r="BC1020" s="93"/>
      <c r="BD1020" s="93"/>
      <c r="BE1020" s="93"/>
      <c r="BF1020" s="93"/>
      <c r="BG1020" s="93"/>
      <c r="BH1020" s="93"/>
      <c r="BI1020" s="93"/>
      <c r="BJ1020" s="93"/>
      <c r="BK1020" s="93"/>
      <c r="BL1020" s="93"/>
    </row>
    <row r="1021" spans="2:64" x14ac:dyDescent="0.2">
      <c r="B1021" s="43"/>
      <c r="C1021" s="73"/>
      <c r="D1021" s="64"/>
      <c r="E1021" s="55"/>
      <c r="F1021" s="74"/>
      <c r="G1021" s="74"/>
      <c r="H1021" s="74"/>
      <c r="I1021" s="75"/>
      <c r="J1021" s="74"/>
      <c r="L1021" s="55"/>
      <c r="M1021" s="234"/>
      <c r="N1021" s="65"/>
      <c r="O1021" s="76"/>
      <c r="P1021" s="76"/>
      <c r="Q1021" s="65"/>
      <c r="R1021" s="76"/>
      <c r="S1021" s="76"/>
      <c r="T1021" s="76"/>
      <c r="U1021" s="76"/>
      <c r="V1021" s="76"/>
      <c r="W1021" s="76"/>
      <c r="X1021" s="76"/>
      <c r="Y1021" s="76"/>
      <c r="Z1021" s="76"/>
      <c r="AA1021" s="85"/>
      <c r="AB1021" s="85"/>
      <c r="AC1021" s="85"/>
      <c r="AD1021" s="85"/>
      <c r="AE1021" s="85"/>
      <c r="AF1021" s="85"/>
      <c r="AG1021" s="86"/>
      <c r="AH1021" s="85"/>
      <c r="AI1021" s="85"/>
      <c r="AJ1021" s="85"/>
      <c r="AK1021" s="85"/>
      <c r="AL1021" s="85"/>
      <c r="AM1021" s="92"/>
      <c r="AN1021" s="92"/>
      <c r="AO1021" s="92"/>
      <c r="AP1021" s="92"/>
      <c r="AQ1021" s="92"/>
      <c r="AR1021" s="92"/>
      <c r="AS1021" s="92"/>
      <c r="AT1021" s="92"/>
      <c r="AU1021" s="92"/>
      <c r="AV1021" s="92"/>
      <c r="AW1021" s="92"/>
      <c r="AX1021" s="92"/>
      <c r="AY1021" s="92"/>
      <c r="AZ1021" s="93"/>
      <c r="BA1021" s="93"/>
      <c r="BB1021" s="93"/>
      <c r="BC1021" s="93"/>
      <c r="BD1021" s="93"/>
      <c r="BE1021" s="93"/>
      <c r="BF1021" s="93"/>
      <c r="BG1021" s="93"/>
      <c r="BH1021" s="93"/>
      <c r="BI1021" s="93"/>
      <c r="BJ1021" s="93"/>
      <c r="BK1021" s="93"/>
      <c r="BL1021" s="93"/>
    </row>
    <row r="1022" spans="2:64" x14ac:dyDescent="0.2">
      <c r="B1022" s="43"/>
      <c r="C1022" s="73"/>
      <c r="D1022" s="64"/>
      <c r="E1022" s="55"/>
      <c r="F1022" s="74"/>
      <c r="G1022" s="74"/>
      <c r="H1022" s="74"/>
      <c r="I1022" s="75"/>
      <c r="J1022" s="74"/>
      <c r="L1022" s="55"/>
      <c r="M1022" s="234"/>
      <c r="N1022" s="65"/>
      <c r="O1022" s="76"/>
      <c r="P1022" s="76"/>
      <c r="Q1022" s="65"/>
      <c r="R1022" s="76"/>
      <c r="S1022" s="76"/>
      <c r="T1022" s="76"/>
      <c r="U1022" s="76"/>
      <c r="V1022" s="76"/>
      <c r="W1022" s="76"/>
      <c r="X1022" s="76"/>
      <c r="Y1022" s="76"/>
      <c r="Z1022" s="76"/>
      <c r="AA1022" s="85"/>
      <c r="AB1022" s="85"/>
      <c r="AC1022" s="85"/>
      <c r="AD1022" s="85"/>
      <c r="AE1022" s="85"/>
      <c r="AF1022" s="85"/>
      <c r="AG1022" s="86"/>
      <c r="AH1022" s="85"/>
      <c r="AI1022" s="85"/>
      <c r="AJ1022" s="85"/>
      <c r="AK1022" s="85"/>
      <c r="AL1022" s="85"/>
      <c r="AM1022" s="92"/>
      <c r="AN1022" s="92"/>
      <c r="AO1022" s="92"/>
      <c r="AP1022" s="92"/>
      <c r="AQ1022" s="92"/>
      <c r="AR1022" s="92"/>
      <c r="AS1022" s="92"/>
      <c r="AT1022" s="92"/>
      <c r="AU1022" s="92"/>
      <c r="AV1022" s="92"/>
      <c r="AW1022" s="92"/>
      <c r="AX1022" s="92"/>
      <c r="AY1022" s="92"/>
      <c r="AZ1022" s="93"/>
      <c r="BA1022" s="93"/>
      <c r="BB1022" s="93"/>
      <c r="BC1022" s="93"/>
      <c r="BD1022" s="93"/>
      <c r="BE1022" s="93"/>
      <c r="BF1022" s="93"/>
      <c r="BG1022" s="93"/>
      <c r="BH1022" s="93"/>
      <c r="BI1022" s="93"/>
      <c r="BJ1022" s="93"/>
      <c r="BK1022" s="93"/>
      <c r="BL1022" s="93"/>
    </row>
    <row r="1023" spans="2:64" x14ac:dyDescent="0.2">
      <c r="B1023" s="43"/>
      <c r="C1023" s="73"/>
      <c r="D1023" s="64"/>
      <c r="E1023" s="55"/>
      <c r="F1023" s="74"/>
      <c r="G1023" s="74"/>
      <c r="H1023" s="74"/>
      <c r="I1023" s="75"/>
      <c r="J1023" s="74"/>
      <c r="L1023" s="55"/>
      <c r="M1023" s="234"/>
      <c r="N1023" s="65"/>
      <c r="O1023" s="76"/>
      <c r="P1023" s="76"/>
      <c r="Q1023" s="65"/>
      <c r="R1023" s="76"/>
      <c r="S1023" s="76"/>
      <c r="T1023" s="76"/>
      <c r="U1023" s="76"/>
      <c r="V1023" s="76"/>
      <c r="W1023" s="76"/>
      <c r="X1023" s="76"/>
      <c r="Y1023" s="76"/>
      <c r="Z1023" s="76"/>
      <c r="AA1023" s="85"/>
      <c r="AB1023" s="85"/>
      <c r="AC1023" s="85"/>
      <c r="AD1023" s="85"/>
      <c r="AE1023" s="85"/>
      <c r="AF1023" s="85"/>
      <c r="AG1023" s="86"/>
      <c r="AH1023" s="85"/>
      <c r="AI1023" s="85"/>
      <c r="AJ1023" s="85"/>
      <c r="AK1023" s="85"/>
      <c r="AL1023" s="85"/>
      <c r="AM1023" s="92"/>
      <c r="AN1023" s="92"/>
      <c r="AO1023" s="92"/>
      <c r="AP1023" s="92"/>
      <c r="AQ1023" s="92"/>
      <c r="AR1023" s="92"/>
      <c r="AS1023" s="92"/>
      <c r="AT1023" s="92"/>
      <c r="AU1023" s="92"/>
      <c r="AV1023" s="92"/>
      <c r="AW1023" s="92"/>
      <c r="AX1023" s="92"/>
      <c r="AY1023" s="92"/>
      <c r="AZ1023" s="93"/>
      <c r="BA1023" s="93"/>
      <c r="BB1023" s="93"/>
      <c r="BC1023" s="93"/>
      <c r="BD1023" s="93"/>
      <c r="BE1023" s="93"/>
      <c r="BF1023" s="93"/>
      <c r="BG1023" s="93"/>
      <c r="BH1023" s="93"/>
      <c r="BI1023" s="93"/>
      <c r="BJ1023" s="93"/>
      <c r="BK1023" s="93"/>
      <c r="BL1023" s="93"/>
    </row>
    <row r="1024" spans="2:64" x14ac:dyDescent="0.2">
      <c r="B1024" s="43"/>
      <c r="C1024" s="73"/>
      <c r="D1024" s="64"/>
      <c r="E1024" s="55"/>
      <c r="F1024" s="74"/>
      <c r="G1024" s="74"/>
      <c r="H1024" s="74"/>
      <c r="I1024" s="75"/>
      <c r="J1024" s="74"/>
      <c r="L1024" s="55"/>
      <c r="M1024" s="234"/>
      <c r="N1024" s="65"/>
      <c r="O1024" s="76"/>
      <c r="P1024" s="76"/>
      <c r="Q1024" s="65"/>
      <c r="R1024" s="76"/>
      <c r="S1024" s="76"/>
      <c r="T1024" s="76"/>
      <c r="U1024" s="76"/>
      <c r="V1024" s="76"/>
      <c r="W1024" s="76"/>
      <c r="X1024" s="76"/>
      <c r="Y1024" s="76"/>
      <c r="Z1024" s="76"/>
      <c r="AA1024" s="85"/>
      <c r="AB1024" s="85"/>
      <c r="AC1024" s="85"/>
      <c r="AD1024" s="85"/>
      <c r="AE1024" s="85"/>
      <c r="AF1024" s="85"/>
      <c r="AG1024" s="86"/>
      <c r="AH1024" s="85"/>
      <c r="AI1024" s="85"/>
      <c r="AJ1024" s="85"/>
      <c r="AK1024" s="85"/>
      <c r="AL1024" s="85"/>
      <c r="AM1024" s="92"/>
      <c r="AN1024" s="92"/>
      <c r="AO1024" s="92"/>
      <c r="AP1024" s="92"/>
      <c r="AQ1024" s="92"/>
      <c r="AR1024" s="92"/>
      <c r="AS1024" s="92"/>
      <c r="AT1024" s="92"/>
      <c r="AU1024" s="92"/>
      <c r="AV1024" s="92"/>
      <c r="AW1024" s="92"/>
      <c r="AX1024" s="92"/>
      <c r="AY1024" s="92"/>
      <c r="AZ1024" s="93"/>
      <c r="BA1024" s="93"/>
      <c r="BB1024" s="93"/>
      <c r="BC1024" s="93"/>
      <c r="BD1024" s="93"/>
      <c r="BE1024" s="93"/>
      <c r="BF1024" s="93"/>
      <c r="BG1024" s="93"/>
      <c r="BH1024" s="93"/>
      <c r="BI1024" s="93"/>
      <c r="BJ1024" s="93"/>
      <c r="BK1024" s="93"/>
      <c r="BL1024" s="93"/>
    </row>
    <row r="1025" spans="2:64" x14ac:dyDescent="0.2">
      <c r="B1025" s="43"/>
      <c r="C1025" s="73"/>
      <c r="D1025" s="64"/>
      <c r="E1025" s="55"/>
      <c r="F1025" s="74"/>
      <c r="G1025" s="74"/>
      <c r="H1025" s="74"/>
      <c r="I1025" s="75"/>
      <c r="J1025" s="74"/>
      <c r="L1025" s="55"/>
      <c r="M1025" s="234"/>
      <c r="N1025" s="65"/>
      <c r="O1025" s="76"/>
      <c r="P1025" s="76"/>
      <c r="Q1025" s="65"/>
      <c r="R1025" s="76"/>
      <c r="S1025" s="76"/>
      <c r="T1025" s="76"/>
      <c r="U1025" s="76"/>
      <c r="V1025" s="76"/>
      <c r="W1025" s="76"/>
      <c r="X1025" s="76"/>
      <c r="Y1025" s="76"/>
      <c r="Z1025" s="76"/>
      <c r="AA1025" s="85"/>
      <c r="AB1025" s="85"/>
      <c r="AC1025" s="85"/>
      <c r="AD1025" s="85"/>
      <c r="AE1025" s="85"/>
      <c r="AF1025" s="85"/>
      <c r="AG1025" s="86"/>
      <c r="AH1025" s="85"/>
      <c r="AI1025" s="85"/>
      <c r="AJ1025" s="85"/>
      <c r="AK1025" s="85"/>
      <c r="AL1025" s="85"/>
      <c r="AM1025" s="92"/>
      <c r="AN1025" s="92"/>
      <c r="AO1025" s="92"/>
      <c r="AP1025" s="92"/>
      <c r="AQ1025" s="92"/>
      <c r="AR1025" s="92"/>
      <c r="AS1025" s="92"/>
      <c r="AT1025" s="92"/>
      <c r="AU1025" s="92"/>
      <c r="AV1025" s="92"/>
      <c r="AW1025" s="92"/>
      <c r="AX1025" s="92"/>
      <c r="AY1025" s="92"/>
      <c r="AZ1025" s="93"/>
      <c r="BA1025" s="93"/>
      <c r="BB1025" s="93"/>
      <c r="BC1025" s="93"/>
      <c r="BD1025" s="93"/>
      <c r="BE1025" s="93"/>
      <c r="BF1025" s="93"/>
      <c r="BG1025" s="93"/>
      <c r="BH1025" s="93"/>
      <c r="BI1025" s="93"/>
      <c r="BJ1025" s="93"/>
      <c r="BK1025" s="93"/>
      <c r="BL1025" s="93"/>
    </row>
    <row r="1026" spans="2:64" x14ac:dyDescent="0.2">
      <c r="B1026" s="43"/>
      <c r="C1026" s="73"/>
      <c r="D1026" s="64"/>
      <c r="E1026" s="55"/>
      <c r="F1026" s="74"/>
      <c r="G1026" s="74"/>
      <c r="H1026" s="74"/>
      <c r="I1026" s="75"/>
      <c r="J1026" s="74"/>
      <c r="L1026" s="55"/>
      <c r="M1026" s="234"/>
      <c r="N1026" s="65"/>
      <c r="O1026" s="76"/>
      <c r="P1026" s="76"/>
      <c r="Q1026" s="65"/>
      <c r="R1026" s="76"/>
      <c r="S1026" s="76"/>
      <c r="T1026" s="76"/>
      <c r="U1026" s="76"/>
      <c r="V1026" s="76"/>
      <c r="W1026" s="76"/>
      <c r="X1026" s="76"/>
      <c r="Y1026" s="76"/>
      <c r="Z1026" s="76"/>
      <c r="AA1026" s="85"/>
      <c r="AB1026" s="85"/>
      <c r="AC1026" s="85"/>
      <c r="AD1026" s="85"/>
      <c r="AE1026" s="85"/>
      <c r="AF1026" s="85"/>
      <c r="AG1026" s="86"/>
      <c r="AH1026" s="85"/>
      <c r="AI1026" s="85"/>
      <c r="AJ1026" s="85"/>
      <c r="AK1026" s="85"/>
      <c r="AL1026" s="85"/>
      <c r="AM1026" s="92"/>
      <c r="AN1026" s="92"/>
      <c r="AO1026" s="92"/>
      <c r="AP1026" s="92"/>
      <c r="AQ1026" s="92"/>
      <c r="AR1026" s="92"/>
      <c r="AS1026" s="92"/>
      <c r="AT1026" s="92"/>
      <c r="AU1026" s="92"/>
      <c r="AV1026" s="92"/>
      <c r="AW1026" s="92"/>
      <c r="AX1026" s="92"/>
      <c r="AY1026" s="92"/>
      <c r="AZ1026" s="93"/>
      <c r="BA1026" s="93"/>
      <c r="BB1026" s="93"/>
      <c r="BC1026" s="93"/>
      <c r="BD1026" s="93"/>
      <c r="BE1026" s="93"/>
      <c r="BF1026" s="93"/>
      <c r="BG1026" s="93"/>
      <c r="BH1026" s="93"/>
      <c r="BI1026" s="93"/>
      <c r="BJ1026" s="93"/>
      <c r="BK1026" s="93"/>
      <c r="BL1026" s="93"/>
    </row>
    <row r="1027" spans="2:64" x14ac:dyDescent="0.2">
      <c r="B1027" s="43"/>
      <c r="C1027" s="73"/>
      <c r="D1027" s="64"/>
      <c r="E1027" s="55"/>
      <c r="F1027" s="74"/>
      <c r="G1027" s="74"/>
      <c r="H1027" s="74"/>
      <c r="I1027" s="75"/>
      <c r="J1027" s="74"/>
      <c r="L1027" s="55"/>
      <c r="M1027" s="234"/>
      <c r="N1027" s="65"/>
      <c r="O1027" s="76"/>
      <c r="P1027" s="76"/>
      <c r="Q1027" s="65"/>
      <c r="R1027" s="76"/>
      <c r="S1027" s="76"/>
      <c r="T1027" s="76"/>
      <c r="U1027" s="76"/>
      <c r="V1027" s="76"/>
      <c r="W1027" s="76"/>
      <c r="X1027" s="76"/>
      <c r="Y1027" s="76"/>
      <c r="Z1027" s="76"/>
      <c r="AA1027" s="85"/>
      <c r="AB1027" s="85"/>
      <c r="AC1027" s="85"/>
      <c r="AD1027" s="85"/>
      <c r="AE1027" s="85"/>
      <c r="AF1027" s="85"/>
      <c r="AG1027" s="86"/>
      <c r="AH1027" s="85"/>
      <c r="AI1027" s="85"/>
      <c r="AJ1027" s="85"/>
      <c r="AK1027" s="85"/>
      <c r="AL1027" s="85"/>
      <c r="AM1027" s="92"/>
      <c r="AN1027" s="92"/>
      <c r="AO1027" s="92"/>
      <c r="AP1027" s="92"/>
      <c r="AQ1027" s="92"/>
      <c r="AR1027" s="92"/>
      <c r="AS1027" s="92"/>
      <c r="AT1027" s="92"/>
      <c r="AU1027" s="92"/>
      <c r="AV1027" s="92"/>
      <c r="AW1027" s="92"/>
      <c r="AX1027" s="92"/>
      <c r="AY1027" s="92"/>
      <c r="AZ1027" s="93"/>
      <c r="BA1027" s="93"/>
      <c r="BB1027" s="93"/>
      <c r="BC1027" s="93"/>
      <c r="BD1027" s="93"/>
      <c r="BE1027" s="93"/>
      <c r="BF1027" s="93"/>
      <c r="BG1027" s="93"/>
      <c r="BH1027" s="93"/>
      <c r="BI1027" s="93"/>
      <c r="BJ1027" s="93"/>
      <c r="BK1027" s="93"/>
      <c r="BL1027" s="93"/>
    </row>
    <row r="1028" spans="2:64" x14ac:dyDescent="0.2">
      <c r="B1028" s="43"/>
      <c r="C1028" s="73"/>
      <c r="D1028" s="64"/>
      <c r="E1028" s="55"/>
      <c r="F1028" s="74"/>
      <c r="G1028" s="74"/>
      <c r="H1028" s="74"/>
      <c r="I1028" s="75"/>
      <c r="J1028" s="74"/>
      <c r="L1028" s="55"/>
      <c r="M1028" s="234"/>
      <c r="N1028" s="65"/>
      <c r="O1028" s="76"/>
      <c r="P1028" s="76"/>
      <c r="Q1028" s="65"/>
      <c r="R1028" s="76"/>
      <c r="S1028" s="76"/>
      <c r="T1028" s="76"/>
      <c r="U1028" s="76"/>
      <c r="V1028" s="76"/>
      <c r="W1028" s="76"/>
      <c r="X1028" s="76"/>
      <c r="Y1028" s="76"/>
      <c r="Z1028" s="76"/>
      <c r="AA1028" s="85"/>
      <c r="AB1028" s="85"/>
      <c r="AC1028" s="85"/>
      <c r="AD1028" s="85"/>
      <c r="AE1028" s="85"/>
      <c r="AF1028" s="85"/>
      <c r="AG1028" s="86"/>
      <c r="AH1028" s="85"/>
      <c r="AI1028" s="85"/>
      <c r="AJ1028" s="85"/>
      <c r="AK1028" s="85"/>
      <c r="AL1028" s="85"/>
      <c r="AM1028" s="92"/>
      <c r="AN1028" s="92"/>
      <c r="AO1028" s="92"/>
      <c r="AP1028" s="92"/>
      <c r="AQ1028" s="92"/>
      <c r="AR1028" s="92"/>
      <c r="AS1028" s="92"/>
      <c r="AT1028" s="92"/>
      <c r="AU1028" s="92"/>
      <c r="AV1028" s="92"/>
      <c r="AW1028" s="92"/>
      <c r="AX1028" s="92"/>
      <c r="AY1028" s="92"/>
      <c r="AZ1028" s="93"/>
      <c r="BA1028" s="93"/>
      <c r="BB1028" s="93"/>
      <c r="BC1028" s="93"/>
      <c r="BD1028" s="93"/>
      <c r="BE1028" s="93"/>
      <c r="BF1028" s="93"/>
      <c r="BG1028" s="93"/>
      <c r="BH1028" s="93"/>
      <c r="BI1028" s="93"/>
      <c r="BJ1028" s="93"/>
      <c r="BK1028" s="93"/>
      <c r="BL1028" s="93"/>
    </row>
    <row r="1029" spans="2:64" x14ac:dyDescent="0.2">
      <c r="B1029" s="43"/>
      <c r="C1029" s="73"/>
      <c r="D1029" s="64"/>
      <c r="E1029" s="55"/>
      <c r="F1029" s="74"/>
      <c r="G1029" s="74"/>
      <c r="H1029" s="74"/>
      <c r="I1029" s="75"/>
      <c r="J1029" s="74"/>
      <c r="L1029" s="55"/>
      <c r="M1029" s="234"/>
      <c r="N1029" s="65"/>
      <c r="O1029" s="76"/>
      <c r="P1029" s="76"/>
      <c r="Q1029" s="65"/>
      <c r="R1029" s="76"/>
      <c r="S1029" s="76"/>
      <c r="T1029" s="76"/>
      <c r="U1029" s="76"/>
      <c r="V1029" s="76"/>
      <c r="W1029" s="76"/>
      <c r="X1029" s="76"/>
      <c r="Y1029" s="76"/>
      <c r="Z1029" s="76"/>
      <c r="AA1029" s="85"/>
      <c r="AB1029" s="85"/>
      <c r="AC1029" s="85"/>
      <c r="AD1029" s="85"/>
      <c r="AE1029" s="85"/>
      <c r="AF1029" s="85"/>
      <c r="AG1029" s="86"/>
      <c r="AH1029" s="85"/>
      <c r="AI1029" s="85"/>
      <c r="AJ1029" s="85"/>
      <c r="AK1029" s="85"/>
      <c r="AL1029" s="85"/>
      <c r="AM1029" s="92"/>
      <c r="AN1029" s="92"/>
      <c r="AO1029" s="92"/>
      <c r="AP1029" s="92"/>
      <c r="AQ1029" s="92"/>
      <c r="AR1029" s="92"/>
      <c r="AS1029" s="92"/>
      <c r="AT1029" s="92"/>
      <c r="AU1029" s="92"/>
      <c r="AV1029" s="92"/>
      <c r="AW1029" s="92"/>
      <c r="AX1029" s="92"/>
      <c r="AY1029" s="92"/>
      <c r="AZ1029" s="93"/>
      <c r="BA1029" s="93"/>
      <c r="BB1029" s="93"/>
      <c r="BC1029" s="93"/>
      <c r="BD1029" s="93"/>
      <c r="BE1029" s="93"/>
      <c r="BF1029" s="93"/>
      <c r="BG1029" s="93"/>
      <c r="BH1029" s="93"/>
      <c r="BI1029" s="93"/>
      <c r="BJ1029" s="93"/>
      <c r="BK1029" s="93"/>
      <c r="BL1029" s="93"/>
    </row>
    <row r="1030" spans="2:64" x14ac:dyDescent="0.2">
      <c r="B1030" s="43"/>
      <c r="C1030" s="73"/>
      <c r="D1030" s="64"/>
      <c r="E1030" s="55"/>
      <c r="F1030" s="74"/>
      <c r="G1030" s="74"/>
      <c r="H1030" s="74"/>
      <c r="I1030" s="75"/>
      <c r="J1030" s="74"/>
      <c r="L1030" s="55"/>
      <c r="M1030" s="234"/>
      <c r="N1030" s="65"/>
      <c r="O1030" s="76"/>
      <c r="P1030" s="76"/>
      <c r="Q1030" s="65"/>
      <c r="R1030" s="76"/>
      <c r="S1030" s="76"/>
      <c r="T1030" s="76"/>
      <c r="U1030" s="76"/>
      <c r="V1030" s="76"/>
      <c r="W1030" s="76"/>
      <c r="X1030" s="76"/>
      <c r="Y1030" s="76"/>
      <c r="Z1030" s="76"/>
      <c r="AA1030" s="85"/>
      <c r="AB1030" s="85"/>
      <c r="AC1030" s="85"/>
      <c r="AD1030" s="85"/>
      <c r="AE1030" s="85"/>
      <c r="AF1030" s="85"/>
      <c r="AG1030" s="86"/>
      <c r="AH1030" s="85"/>
      <c r="AI1030" s="85"/>
      <c r="AJ1030" s="85"/>
      <c r="AK1030" s="85"/>
      <c r="AL1030" s="85"/>
      <c r="AM1030" s="92"/>
      <c r="AN1030" s="92"/>
      <c r="AO1030" s="92"/>
      <c r="AP1030" s="92"/>
      <c r="AQ1030" s="92"/>
      <c r="AR1030" s="92"/>
      <c r="AS1030" s="92"/>
      <c r="AT1030" s="92"/>
      <c r="AU1030" s="92"/>
      <c r="AV1030" s="92"/>
      <c r="AW1030" s="92"/>
      <c r="AX1030" s="92"/>
      <c r="AY1030" s="92"/>
      <c r="AZ1030" s="93"/>
      <c r="BA1030" s="93"/>
      <c r="BB1030" s="93"/>
      <c r="BC1030" s="93"/>
      <c r="BD1030" s="93"/>
      <c r="BE1030" s="93"/>
      <c r="BF1030" s="93"/>
      <c r="BG1030" s="93"/>
      <c r="BH1030" s="93"/>
      <c r="BI1030" s="93"/>
      <c r="BJ1030" s="93"/>
      <c r="BK1030" s="93"/>
      <c r="BL1030" s="93"/>
    </row>
    <row r="1031" spans="2:64" x14ac:dyDescent="0.2">
      <c r="B1031" s="43"/>
      <c r="C1031" s="73"/>
      <c r="D1031" s="64"/>
      <c r="E1031" s="55"/>
      <c r="F1031" s="74"/>
      <c r="G1031" s="74"/>
      <c r="H1031" s="74"/>
      <c r="I1031" s="75"/>
      <c r="J1031" s="74"/>
      <c r="L1031" s="55"/>
      <c r="M1031" s="234"/>
      <c r="N1031" s="65"/>
      <c r="O1031" s="76"/>
      <c r="P1031" s="76"/>
      <c r="Q1031" s="65"/>
      <c r="R1031" s="76"/>
      <c r="S1031" s="76"/>
      <c r="T1031" s="76"/>
      <c r="U1031" s="76"/>
      <c r="V1031" s="76"/>
      <c r="W1031" s="76"/>
      <c r="X1031" s="76"/>
      <c r="Y1031" s="76"/>
      <c r="Z1031" s="76"/>
      <c r="AA1031" s="85"/>
      <c r="AB1031" s="85"/>
      <c r="AC1031" s="85"/>
      <c r="AD1031" s="85"/>
      <c r="AE1031" s="85"/>
      <c r="AF1031" s="85"/>
      <c r="AG1031" s="86"/>
      <c r="AH1031" s="85"/>
      <c r="AI1031" s="85"/>
      <c r="AJ1031" s="85"/>
      <c r="AK1031" s="85"/>
      <c r="AL1031" s="85"/>
      <c r="AM1031" s="92"/>
      <c r="AN1031" s="92"/>
      <c r="AO1031" s="92"/>
      <c r="AP1031" s="92"/>
      <c r="AQ1031" s="92"/>
      <c r="AR1031" s="92"/>
      <c r="AS1031" s="92"/>
      <c r="AT1031" s="92"/>
      <c r="AU1031" s="92"/>
      <c r="AV1031" s="92"/>
      <c r="AW1031" s="92"/>
      <c r="AX1031" s="92"/>
      <c r="AY1031" s="92"/>
      <c r="AZ1031" s="93"/>
      <c r="BA1031" s="93"/>
      <c r="BB1031" s="93"/>
      <c r="BC1031" s="93"/>
      <c r="BD1031" s="93"/>
      <c r="BE1031" s="93"/>
      <c r="BF1031" s="93"/>
      <c r="BG1031" s="93"/>
      <c r="BH1031" s="93"/>
      <c r="BI1031" s="93"/>
      <c r="BJ1031" s="93"/>
      <c r="BK1031" s="93"/>
      <c r="BL1031" s="93"/>
    </row>
    <row r="1032" spans="2:64" x14ac:dyDescent="0.2">
      <c r="B1032" s="43"/>
      <c r="C1032" s="73"/>
      <c r="D1032" s="64"/>
      <c r="E1032" s="55"/>
      <c r="F1032" s="74"/>
      <c r="G1032" s="74"/>
      <c r="H1032" s="74"/>
      <c r="I1032" s="75"/>
      <c r="J1032" s="74"/>
      <c r="L1032" s="55"/>
      <c r="M1032" s="234"/>
      <c r="N1032" s="65"/>
      <c r="O1032" s="76"/>
      <c r="P1032" s="76"/>
      <c r="Q1032" s="65"/>
      <c r="R1032" s="76"/>
      <c r="S1032" s="76"/>
      <c r="T1032" s="76"/>
      <c r="U1032" s="76"/>
      <c r="V1032" s="76"/>
      <c r="W1032" s="76"/>
      <c r="X1032" s="76"/>
      <c r="Y1032" s="76"/>
      <c r="Z1032" s="76"/>
      <c r="AA1032" s="85"/>
      <c r="AB1032" s="85"/>
      <c r="AC1032" s="85"/>
      <c r="AD1032" s="85"/>
      <c r="AE1032" s="85"/>
      <c r="AF1032" s="85"/>
      <c r="AG1032" s="86"/>
      <c r="AH1032" s="85"/>
      <c r="AI1032" s="85"/>
      <c r="AJ1032" s="85"/>
      <c r="AK1032" s="85"/>
      <c r="AL1032" s="85"/>
      <c r="AM1032" s="92"/>
      <c r="AN1032" s="92"/>
      <c r="AO1032" s="92"/>
      <c r="AP1032" s="92"/>
      <c r="AQ1032" s="92"/>
      <c r="AR1032" s="92"/>
      <c r="AS1032" s="92"/>
      <c r="AT1032" s="92"/>
      <c r="AU1032" s="92"/>
      <c r="AV1032" s="92"/>
      <c r="AW1032" s="92"/>
      <c r="AX1032" s="92"/>
      <c r="AY1032" s="92"/>
      <c r="AZ1032" s="93"/>
      <c r="BA1032" s="93"/>
      <c r="BB1032" s="93"/>
      <c r="BC1032" s="93"/>
      <c r="BD1032" s="93"/>
      <c r="BE1032" s="93"/>
      <c r="BF1032" s="93"/>
      <c r="BG1032" s="93"/>
      <c r="BH1032" s="93"/>
      <c r="BI1032" s="93"/>
      <c r="BJ1032" s="93"/>
      <c r="BK1032" s="93"/>
      <c r="BL1032" s="93"/>
    </row>
    <row r="1033" spans="2:64" x14ac:dyDescent="0.2">
      <c r="B1033" s="43"/>
      <c r="C1033" s="73"/>
      <c r="D1033" s="64"/>
      <c r="E1033" s="55"/>
      <c r="F1033" s="74"/>
      <c r="G1033" s="74"/>
      <c r="H1033" s="74"/>
      <c r="I1033" s="75"/>
      <c r="J1033" s="74"/>
      <c r="L1033" s="55"/>
      <c r="M1033" s="234"/>
      <c r="N1033" s="65"/>
      <c r="O1033" s="76"/>
      <c r="P1033" s="76"/>
      <c r="Q1033" s="65"/>
      <c r="R1033" s="76"/>
      <c r="S1033" s="76"/>
      <c r="T1033" s="76"/>
      <c r="U1033" s="76"/>
      <c r="V1033" s="76"/>
      <c r="W1033" s="76"/>
      <c r="X1033" s="76"/>
      <c r="Y1033" s="76"/>
      <c r="Z1033" s="76"/>
      <c r="AA1033" s="85"/>
      <c r="AB1033" s="85"/>
      <c r="AC1033" s="85"/>
      <c r="AD1033" s="85"/>
      <c r="AE1033" s="85"/>
      <c r="AF1033" s="85"/>
      <c r="AG1033" s="86"/>
      <c r="AH1033" s="85"/>
      <c r="AI1033" s="85"/>
      <c r="AJ1033" s="85"/>
      <c r="AK1033" s="85"/>
      <c r="AL1033" s="85"/>
      <c r="AM1033" s="92"/>
      <c r="AN1033" s="92"/>
      <c r="AO1033" s="92"/>
      <c r="AP1033" s="92"/>
      <c r="AQ1033" s="92"/>
      <c r="AR1033" s="92"/>
      <c r="AS1033" s="92"/>
      <c r="AT1033" s="92"/>
      <c r="AU1033" s="92"/>
      <c r="AV1033" s="92"/>
      <c r="AW1033" s="92"/>
      <c r="AX1033" s="92"/>
      <c r="AY1033" s="92"/>
      <c r="AZ1033" s="93"/>
      <c r="BA1033" s="93"/>
      <c r="BB1033" s="93"/>
      <c r="BC1033" s="93"/>
      <c r="BD1033" s="93"/>
      <c r="BE1033" s="93"/>
      <c r="BF1033" s="93"/>
      <c r="BG1033" s="93"/>
      <c r="BH1033" s="93"/>
      <c r="BI1033" s="93"/>
      <c r="BJ1033" s="93"/>
      <c r="BK1033" s="93"/>
      <c r="BL1033" s="93"/>
    </row>
    <row r="1034" spans="2:64" x14ac:dyDescent="0.2">
      <c r="B1034" s="43"/>
      <c r="C1034" s="73"/>
      <c r="D1034" s="64"/>
      <c r="E1034" s="55"/>
      <c r="F1034" s="74"/>
      <c r="G1034" s="74"/>
      <c r="H1034" s="74"/>
      <c r="I1034" s="75"/>
      <c r="J1034" s="74"/>
      <c r="L1034" s="55"/>
      <c r="M1034" s="234"/>
      <c r="N1034" s="65"/>
      <c r="O1034" s="76"/>
      <c r="P1034" s="76"/>
      <c r="Q1034" s="65"/>
      <c r="R1034" s="76"/>
      <c r="S1034" s="76"/>
      <c r="T1034" s="76"/>
      <c r="U1034" s="76"/>
      <c r="V1034" s="76"/>
      <c r="W1034" s="76"/>
      <c r="X1034" s="76"/>
      <c r="Y1034" s="76"/>
      <c r="Z1034" s="76"/>
      <c r="AA1034" s="85"/>
      <c r="AB1034" s="85"/>
      <c r="AC1034" s="85"/>
      <c r="AD1034" s="85"/>
      <c r="AE1034" s="85"/>
      <c r="AF1034" s="85"/>
      <c r="AG1034" s="86"/>
      <c r="AH1034" s="85"/>
      <c r="AI1034" s="85"/>
      <c r="AJ1034" s="85"/>
      <c r="AK1034" s="85"/>
      <c r="AL1034" s="85"/>
      <c r="AM1034" s="92"/>
      <c r="AN1034" s="92"/>
      <c r="AO1034" s="92"/>
      <c r="AP1034" s="92"/>
      <c r="AQ1034" s="92"/>
      <c r="AR1034" s="92"/>
      <c r="AS1034" s="92"/>
      <c r="AT1034" s="92"/>
      <c r="AU1034" s="92"/>
      <c r="AV1034" s="92"/>
      <c r="AW1034" s="92"/>
      <c r="AX1034" s="92"/>
      <c r="AY1034" s="92"/>
      <c r="AZ1034" s="93"/>
      <c r="BA1034" s="93"/>
      <c r="BB1034" s="93"/>
      <c r="BC1034" s="93"/>
      <c r="BD1034" s="93"/>
      <c r="BE1034" s="93"/>
      <c r="BF1034" s="93"/>
      <c r="BG1034" s="93"/>
      <c r="BH1034" s="93"/>
      <c r="BI1034" s="93"/>
      <c r="BJ1034" s="93"/>
      <c r="BK1034" s="93"/>
      <c r="BL1034" s="93"/>
    </row>
    <row r="1035" spans="2:64" x14ac:dyDescent="0.2">
      <c r="B1035" s="43"/>
      <c r="C1035" s="73"/>
      <c r="D1035" s="64"/>
      <c r="E1035" s="55"/>
      <c r="F1035" s="74"/>
      <c r="G1035" s="74"/>
      <c r="H1035" s="74"/>
      <c r="I1035" s="75"/>
      <c r="J1035" s="74"/>
      <c r="L1035" s="55"/>
      <c r="M1035" s="234"/>
      <c r="N1035" s="65"/>
      <c r="O1035" s="76"/>
      <c r="P1035" s="76"/>
      <c r="Q1035" s="65"/>
      <c r="R1035" s="76"/>
      <c r="S1035" s="76"/>
      <c r="T1035" s="76"/>
      <c r="U1035" s="76"/>
      <c r="V1035" s="76"/>
      <c r="W1035" s="76"/>
      <c r="X1035" s="76"/>
      <c r="Y1035" s="76"/>
      <c r="Z1035" s="76"/>
      <c r="AA1035" s="85"/>
      <c r="AB1035" s="85"/>
      <c r="AC1035" s="85"/>
      <c r="AD1035" s="85"/>
      <c r="AE1035" s="85"/>
      <c r="AF1035" s="85"/>
      <c r="AG1035" s="86"/>
      <c r="AH1035" s="85"/>
      <c r="AI1035" s="85"/>
      <c r="AJ1035" s="85"/>
      <c r="AK1035" s="85"/>
      <c r="AL1035" s="85"/>
      <c r="AM1035" s="92"/>
      <c r="AN1035" s="92"/>
      <c r="AO1035" s="92"/>
      <c r="AP1035" s="92"/>
      <c r="AQ1035" s="92"/>
      <c r="AR1035" s="92"/>
      <c r="AS1035" s="92"/>
      <c r="AT1035" s="92"/>
      <c r="AU1035" s="92"/>
      <c r="AV1035" s="92"/>
      <c r="AW1035" s="92"/>
      <c r="AX1035" s="92"/>
      <c r="AY1035" s="92"/>
      <c r="AZ1035" s="93"/>
      <c r="BA1035" s="93"/>
      <c r="BB1035" s="93"/>
      <c r="BC1035" s="93"/>
      <c r="BD1035" s="93"/>
      <c r="BE1035" s="93"/>
      <c r="BF1035" s="93"/>
      <c r="BG1035" s="93"/>
      <c r="BH1035" s="93"/>
      <c r="BI1035" s="93"/>
      <c r="BJ1035" s="93"/>
      <c r="BK1035" s="93"/>
      <c r="BL1035" s="93"/>
    </row>
    <row r="1036" spans="2:64" x14ac:dyDescent="0.2">
      <c r="B1036" s="43"/>
      <c r="C1036" s="73"/>
      <c r="D1036" s="64"/>
      <c r="E1036" s="55"/>
      <c r="F1036" s="74"/>
      <c r="G1036" s="74"/>
      <c r="H1036" s="74"/>
      <c r="I1036" s="75"/>
      <c r="J1036" s="74"/>
      <c r="L1036" s="55"/>
      <c r="M1036" s="234"/>
      <c r="N1036" s="65"/>
      <c r="O1036" s="76"/>
      <c r="P1036" s="76"/>
      <c r="Q1036" s="65"/>
      <c r="R1036" s="76"/>
      <c r="S1036" s="76"/>
      <c r="T1036" s="76"/>
      <c r="U1036" s="76"/>
      <c r="V1036" s="76"/>
      <c r="W1036" s="76"/>
      <c r="X1036" s="76"/>
      <c r="Y1036" s="76"/>
      <c r="Z1036" s="76"/>
      <c r="AA1036" s="85"/>
      <c r="AB1036" s="85"/>
      <c r="AC1036" s="85"/>
      <c r="AD1036" s="85"/>
      <c r="AE1036" s="85"/>
      <c r="AF1036" s="85"/>
      <c r="AG1036" s="86"/>
      <c r="AH1036" s="85"/>
      <c r="AI1036" s="85"/>
      <c r="AJ1036" s="85"/>
      <c r="AK1036" s="85"/>
      <c r="AL1036" s="85"/>
      <c r="AM1036" s="92"/>
      <c r="AN1036" s="92"/>
      <c r="AO1036" s="92"/>
      <c r="AP1036" s="92"/>
      <c r="AQ1036" s="92"/>
      <c r="AR1036" s="92"/>
      <c r="AS1036" s="92"/>
      <c r="AT1036" s="92"/>
      <c r="AU1036" s="92"/>
      <c r="AV1036" s="92"/>
      <c r="AW1036" s="92"/>
      <c r="AX1036" s="92"/>
      <c r="AY1036" s="92"/>
      <c r="AZ1036" s="93"/>
      <c r="BA1036" s="93"/>
      <c r="BB1036" s="93"/>
      <c r="BC1036" s="93"/>
      <c r="BD1036" s="93"/>
      <c r="BE1036" s="93"/>
      <c r="BF1036" s="93"/>
      <c r="BG1036" s="93"/>
      <c r="BH1036" s="93"/>
      <c r="BI1036" s="93"/>
      <c r="BJ1036" s="93"/>
      <c r="BK1036" s="93"/>
      <c r="BL1036" s="93"/>
    </row>
    <row r="1037" spans="2:64" x14ac:dyDescent="0.2">
      <c r="B1037" s="43"/>
      <c r="C1037" s="73"/>
      <c r="D1037" s="64"/>
      <c r="E1037" s="55"/>
      <c r="F1037" s="74"/>
      <c r="G1037" s="74"/>
      <c r="H1037" s="74"/>
      <c r="I1037" s="75"/>
      <c r="J1037" s="74"/>
      <c r="L1037" s="55"/>
      <c r="M1037" s="234"/>
      <c r="N1037" s="65"/>
      <c r="O1037" s="76"/>
      <c r="P1037" s="76"/>
      <c r="Q1037" s="65"/>
      <c r="R1037" s="76"/>
      <c r="S1037" s="76"/>
      <c r="T1037" s="76"/>
      <c r="U1037" s="76"/>
      <c r="V1037" s="76"/>
      <c r="W1037" s="76"/>
      <c r="X1037" s="76"/>
      <c r="Y1037" s="76"/>
      <c r="Z1037" s="76"/>
      <c r="AA1037" s="85"/>
      <c r="AB1037" s="85"/>
      <c r="AC1037" s="85"/>
      <c r="AD1037" s="85"/>
      <c r="AE1037" s="85"/>
      <c r="AF1037" s="85"/>
      <c r="AG1037" s="86"/>
      <c r="AH1037" s="85"/>
      <c r="AI1037" s="85"/>
      <c r="AJ1037" s="85"/>
      <c r="AK1037" s="85"/>
      <c r="AL1037" s="85"/>
      <c r="AM1037" s="92"/>
      <c r="AN1037" s="92"/>
      <c r="AO1037" s="92"/>
      <c r="AP1037" s="92"/>
      <c r="AQ1037" s="92"/>
      <c r="AR1037" s="92"/>
      <c r="AS1037" s="92"/>
      <c r="AT1037" s="92"/>
      <c r="AU1037" s="92"/>
      <c r="AV1037" s="92"/>
      <c r="AW1037" s="92"/>
      <c r="AX1037" s="92"/>
      <c r="AY1037" s="92"/>
      <c r="AZ1037" s="93"/>
      <c r="BA1037" s="93"/>
      <c r="BB1037" s="93"/>
      <c r="BC1037" s="93"/>
      <c r="BD1037" s="93"/>
      <c r="BE1037" s="93"/>
      <c r="BF1037" s="93"/>
      <c r="BG1037" s="93"/>
      <c r="BH1037" s="93"/>
      <c r="BI1037" s="93"/>
      <c r="BJ1037" s="93"/>
      <c r="BK1037" s="93"/>
      <c r="BL1037" s="93"/>
    </row>
    <row r="1038" spans="2:64" x14ac:dyDescent="0.2">
      <c r="B1038" s="43"/>
      <c r="C1038" s="73"/>
      <c r="D1038" s="64"/>
      <c r="E1038" s="55"/>
      <c r="F1038" s="74"/>
      <c r="G1038" s="74"/>
      <c r="H1038" s="74"/>
      <c r="I1038" s="75"/>
      <c r="J1038" s="74"/>
      <c r="L1038" s="55"/>
      <c r="M1038" s="234"/>
      <c r="N1038" s="65"/>
      <c r="O1038" s="76"/>
      <c r="P1038" s="76"/>
      <c r="Q1038" s="65"/>
      <c r="R1038" s="76"/>
      <c r="S1038" s="76"/>
      <c r="T1038" s="76"/>
      <c r="U1038" s="76"/>
      <c r="V1038" s="76"/>
      <c r="W1038" s="76"/>
      <c r="X1038" s="76"/>
      <c r="Y1038" s="76"/>
      <c r="Z1038" s="76"/>
      <c r="AA1038" s="85"/>
      <c r="AB1038" s="85"/>
      <c r="AC1038" s="85"/>
      <c r="AD1038" s="85"/>
      <c r="AE1038" s="85"/>
      <c r="AF1038" s="85"/>
      <c r="AG1038" s="86"/>
      <c r="AH1038" s="85"/>
      <c r="AI1038" s="85"/>
      <c r="AJ1038" s="85"/>
      <c r="AK1038" s="85"/>
      <c r="AL1038" s="85"/>
      <c r="AM1038" s="92"/>
      <c r="AN1038" s="92"/>
      <c r="AO1038" s="92"/>
      <c r="AP1038" s="92"/>
      <c r="AQ1038" s="92"/>
      <c r="AR1038" s="92"/>
      <c r="AS1038" s="92"/>
      <c r="AT1038" s="92"/>
      <c r="AU1038" s="92"/>
      <c r="AV1038" s="92"/>
      <c r="AW1038" s="92"/>
      <c r="AX1038" s="92"/>
      <c r="AY1038" s="92"/>
      <c r="AZ1038" s="93"/>
      <c r="BA1038" s="93"/>
      <c r="BB1038" s="93"/>
      <c r="BC1038" s="93"/>
      <c r="BD1038" s="93"/>
      <c r="BE1038" s="93"/>
      <c r="BF1038" s="93"/>
      <c r="BG1038" s="93"/>
      <c r="BH1038" s="93"/>
      <c r="BI1038" s="93"/>
      <c r="BJ1038" s="93"/>
      <c r="BK1038" s="93"/>
      <c r="BL1038" s="93"/>
    </row>
    <row r="1039" spans="2:64" x14ac:dyDescent="0.2">
      <c r="B1039" s="43"/>
      <c r="C1039" s="73"/>
      <c r="D1039" s="64"/>
      <c r="E1039" s="55"/>
      <c r="F1039" s="74"/>
      <c r="G1039" s="74"/>
      <c r="H1039" s="74"/>
      <c r="I1039" s="75"/>
      <c r="J1039" s="74"/>
      <c r="L1039" s="55"/>
      <c r="M1039" s="234"/>
      <c r="N1039" s="65"/>
      <c r="O1039" s="76"/>
      <c r="P1039" s="76"/>
      <c r="Q1039" s="65"/>
      <c r="R1039" s="76"/>
      <c r="S1039" s="76"/>
      <c r="T1039" s="76"/>
      <c r="U1039" s="76"/>
      <c r="V1039" s="76"/>
      <c r="W1039" s="76"/>
      <c r="X1039" s="76"/>
      <c r="Y1039" s="76"/>
      <c r="Z1039" s="76"/>
      <c r="AA1039" s="85"/>
      <c r="AB1039" s="85"/>
      <c r="AC1039" s="85"/>
      <c r="AD1039" s="85"/>
      <c r="AE1039" s="85"/>
      <c r="AF1039" s="85"/>
      <c r="AG1039" s="86"/>
      <c r="AH1039" s="85"/>
      <c r="AI1039" s="85"/>
      <c r="AJ1039" s="85"/>
      <c r="AK1039" s="85"/>
      <c r="AL1039" s="85"/>
      <c r="AM1039" s="92"/>
      <c r="AN1039" s="92"/>
      <c r="AO1039" s="92"/>
      <c r="AP1039" s="92"/>
      <c r="AQ1039" s="92"/>
      <c r="AR1039" s="92"/>
      <c r="AS1039" s="92"/>
      <c r="AT1039" s="92"/>
      <c r="AU1039" s="92"/>
      <c r="AV1039" s="92"/>
      <c r="AW1039" s="92"/>
      <c r="AX1039" s="92"/>
      <c r="AY1039" s="92"/>
      <c r="AZ1039" s="93"/>
      <c r="BA1039" s="93"/>
      <c r="BB1039" s="93"/>
      <c r="BC1039" s="93"/>
      <c r="BD1039" s="93"/>
      <c r="BE1039" s="93"/>
      <c r="BF1039" s="93"/>
      <c r="BG1039" s="93"/>
      <c r="BH1039" s="93"/>
      <c r="BI1039" s="93"/>
      <c r="BJ1039" s="93"/>
      <c r="BK1039" s="93"/>
      <c r="BL1039" s="93"/>
    </row>
    <row r="1040" spans="2:64" x14ac:dyDescent="0.2">
      <c r="B1040" s="43"/>
      <c r="C1040" s="73"/>
      <c r="D1040" s="64"/>
      <c r="E1040" s="55"/>
      <c r="F1040" s="74"/>
      <c r="G1040" s="74"/>
      <c r="H1040" s="74"/>
      <c r="I1040" s="75"/>
      <c r="J1040" s="74"/>
      <c r="L1040" s="55"/>
      <c r="M1040" s="234"/>
      <c r="N1040" s="65"/>
      <c r="O1040" s="76"/>
      <c r="P1040" s="76"/>
      <c r="Q1040" s="65"/>
      <c r="R1040" s="76"/>
      <c r="S1040" s="76"/>
      <c r="T1040" s="76"/>
      <c r="U1040" s="76"/>
      <c r="V1040" s="76"/>
      <c r="W1040" s="76"/>
      <c r="X1040" s="76"/>
      <c r="Y1040" s="76"/>
      <c r="Z1040" s="76"/>
      <c r="AA1040" s="85"/>
      <c r="AB1040" s="85"/>
      <c r="AC1040" s="85"/>
      <c r="AD1040" s="85"/>
      <c r="AE1040" s="85"/>
      <c r="AF1040" s="85"/>
      <c r="AG1040" s="86"/>
      <c r="AH1040" s="85"/>
      <c r="AI1040" s="85"/>
      <c r="AJ1040" s="85"/>
      <c r="AK1040" s="85"/>
      <c r="AL1040" s="85"/>
      <c r="AM1040" s="92"/>
      <c r="AN1040" s="92"/>
      <c r="AO1040" s="92"/>
      <c r="AP1040" s="92"/>
      <c r="AQ1040" s="92"/>
      <c r="AR1040" s="92"/>
      <c r="AS1040" s="92"/>
      <c r="AT1040" s="92"/>
      <c r="AU1040" s="92"/>
      <c r="AV1040" s="92"/>
      <c r="AW1040" s="92"/>
      <c r="AX1040" s="92"/>
      <c r="AY1040" s="92"/>
      <c r="AZ1040" s="93"/>
      <c r="BA1040" s="93"/>
      <c r="BB1040" s="93"/>
      <c r="BC1040" s="93"/>
      <c r="BD1040" s="93"/>
      <c r="BE1040" s="93"/>
      <c r="BF1040" s="93"/>
      <c r="BG1040" s="93"/>
      <c r="BH1040" s="93"/>
      <c r="BI1040" s="93"/>
      <c r="BJ1040" s="93"/>
      <c r="BK1040" s="93"/>
      <c r="BL1040" s="93"/>
    </row>
    <row r="1041" spans="2:64" x14ac:dyDescent="0.2">
      <c r="B1041" s="43"/>
      <c r="C1041" s="73"/>
      <c r="D1041" s="64"/>
      <c r="E1041" s="55"/>
      <c r="F1041" s="74"/>
      <c r="G1041" s="74"/>
      <c r="H1041" s="74"/>
      <c r="I1041" s="75"/>
      <c r="J1041" s="74"/>
      <c r="L1041" s="55"/>
      <c r="M1041" s="234"/>
      <c r="N1041" s="65"/>
      <c r="O1041" s="76"/>
      <c r="P1041" s="76"/>
      <c r="Q1041" s="65"/>
      <c r="R1041" s="76"/>
      <c r="S1041" s="76"/>
      <c r="T1041" s="76"/>
      <c r="U1041" s="76"/>
      <c r="V1041" s="76"/>
      <c r="W1041" s="76"/>
      <c r="X1041" s="76"/>
      <c r="Y1041" s="76"/>
      <c r="Z1041" s="76"/>
      <c r="AA1041" s="85"/>
      <c r="AB1041" s="85"/>
      <c r="AC1041" s="85"/>
      <c r="AD1041" s="85"/>
      <c r="AE1041" s="85"/>
      <c r="AF1041" s="85"/>
      <c r="AG1041" s="86"/>
      <c r="AH1041" s="85"/>
      <c r="AI1041" s="85"/>
      <c r="AJ1041" s="85"/>
      <c r="AK1041" s="85"/>
      <c r="AL1041" s="85"/>
      <c r="AM1041" s="92"/>
      <c r="AN1041" s="92"/>
      <c r="AO1041" s="92"/>
      <c r="AP1041" s="92"/>
      <c r="AQ1041" s="92"/>
      <c r="AR1041" s="92"/>
      <c r="AS1041" s="92"/>
      <c r="AT1041" s="92"/>
      <c r="AU1041" s="92"/>
      <c r="AV1041" s="92"/>
      <c r="AW1041" s="92"/>
      <c r="AX1041" s="92"/>
      <c r="AY1041" s="92"/>
      <c r="AZ1041" s="93"/>
      <c r="BA1041" s="93"/>
      <c r="BB1041" s="93"/>
      <c r="BC1041" s="93"/>
      <c r="BD1041" s="93"/>
      <c r="BE1041" s="93"/>
      <c r="BF1041" s="93"/>
      <c r="BG1041" s="93"/>
      <c r="BH1041" s="93"/>
      <c r="BI1041" s="93"/>
      <c r="BJ1041" s="93"/>
      <c r="BK1041" s="93"/>
      <c r="BL1041" s="93"/>
    </row>
    <row r="1042" spans="2:64" x14ac:dyDescent="0.2">
      <c r="B1042" s="43"/>
      <c r="C1042" s="73"/>
      <c r="D1042" s="64"/>
      <c r="E1042" s="55"/>
      <c r="F1042" s="74"/>
      <c r="G1042" s="74"/>
      <c r="H1042" s="74"/>
      <c r="I1042" s="75"/>
      <c r="J1042" s="74"/>
      <c r="L1042" s="55"/>
      <c r="M1042" s="234"/>
      <c r="N1042" s="65"/>
      <c r="O1042" s="76"/>
      <c r="P1042" s="76"/>
      <c r="Q1042" s="65"/>
      <c r="R1042" s="76"/>
      <c r="S1042" s="76"/>
      <c r="T1042" s="76"/>
      <c r="U1042" s="76"/>
      <c r="V1042" s="76"/>
      <c r="W1042" s="76"/>
      <c r="X1042" s="76"/>
      <c r="Y1042" s="76"/>
      <c r="Z1042" s="76"/>
      <c r="AA1042" s="85"/>
      <c r="AB1042" s="85"/>
      <c r="AC1042" s="85"/>
      <c r="AD1042" s="85"/>
      <c r="AE1042" s="85"/>
      <c r="AF1042" s="85"/>
      <c r="AG1042" s="86"/>
      <c r="AH1042" s="85"/>
      <c r="AI1042" s="85"/>
      <c r="AJ1042" s="85"/>
      <c r="AK1042" s="85"/>
      <c r="AL1042" s="85"/>
      <c r="AM1042" s="92"/>
      <c r="AN1042" s="92"/>
      <c r="AO1042" s="92"/>
      <c r="AP1042" s="92"/>
      <c r="AQ1042" s="92"/>
      <c r="AR1042" s="92"/>
      <c r="AS1042" s="92"/>
      <c r="AT1042" s="92"/>
      <c r="AU1042" s="92"/>
      <c r="AV1042" s="92"/>
      <c r="AW1042" s="92"/>
      <c r="AX1042" s="92"/>
      <c r="AY1042" s="92"/>
      <c r="AZ1042" s="93"/>
      <c r="BA1042" s="93"/>
      <c r="BB1042" s="93"/>
      <c r="BC1042" s="93"/>
      <c r="BD1042" s="93"/>
      <c r="BE1042" s="93"/>
      <c r="BF1042" s="93"/>
      <c r="BG1042" s="93"/>
      <c r="BH1042" s="93"/>
      <c r="BI1042" s="93"/>
      <c r="BJ1042" s="93"/>
      <c r="BK1042" s="93"/>
      <c r="BL1042" s="93"/>
    </row>
    <row r="1043" spans="2:64" x14ac:dyDescent="0.2">
      <c r="B1043" s="43"/>
      <c r="C1043" s="73"/>
      <c r="D1043" s="64"/>
      <c r="E1043" s="55"/>
      <c r="F1043" s="74"/>
      <c r="G1043" s="74"/>
      <c r="H1043" s="74"/>
      <c r="I1043" s="75"/>
      <c r="J1043" s="74"/>
      <c r="L1043" s="55"/>
      <c r="M1043" s="234"/>
      <c r="N1043" s="65"/>
      <c r="O1043" s="76"/>
      <c r="P1043" s="76"/>
      <c r="Q1043" s="65"/>
      <c r="R1043" s="76"/>
      <c r="S1043" s="76"/>
      <c r="T1043" s="76"/>
      <c r="U1043" s="76"/>
      <c r="V1043" s="76"/>
      <c r="W1043" s="76"/>
      <c r="X1043" s="76"/>
      <c r="Y1043" s="76"/>
      <c r="Z1043" s="76"/>
      <c r="AA1043" s="85"/>
      <c r="AB1043" s="85"/>
      <c r="AC1043" s="85"/>
      <c r="AD1043" s="85"/>
      <c r="AE1043" s="85"/>
      <c r="AF1043" s="85"/>
      <c r="AG1043" s="86"/>
      <c r="AH1043" s="85"/>
      <c r="AI1043" s="85"/>
      <c r="AJ1043" s="85"/>
      <c r="AK1043" s="85"/>
      <c r="AL1043" s="85"/>
      <c r="AM1043" s="92"/>
      <c r="AN1043" s="92"/>
      <c r="AO1043" s="92"/>
      <c r="AP1043" s="92"/>
      <c r="AQ1043" s="92"/>
      <c r="AR1043" s="92"/>
      <c r="AS1043" s="92"/>
      <c r="AT1043" s="92"/>
      <c r="AU1043" s="92"/>
      <c r="AV1043" s="92"/>
      <c r="AW1043" s="92"/>
      <c r="AX1043" s="92"/>
      <c r="AY1043" s="92"/>
      <c r="AZ1043" s="93"/>
      <c r="BA1043" s="93"/>
      <c r="BB1043" s="93"/>
      <c r="BC1043" s="93"/>
      <c r="BD1043" s="93"/>
      <c r="BE1043" s="93"/>
      <c r="BF1043" s="93"/>
      <c r="BG1043" s="93"/>
      <c r="BH1043" s="93"/>
      <c r="BI1043" s="93"/>
      <c r="BJ1043" s="93"/>
      <c r="BK1043" s="93"/>
      <c r="BL1043" s="93"/>
    </row>
    <row r="1044" spans="2:64" x14ac:dyDescent="0.2">
      <c r="B1044" s="43"/>
      <c r="C1044" s="73"/>
      <c r="D1044" s="64"/>
      <c r="E1044" s="55"/>
      <c r="F1044" s="74"/>
      <c r="G1044" s="74"/>
      <c r="H1044" s="74"/>
      <c r="I1044" s="75"/>
      <c r="J1044" s="74"/>
      <c r="L1044" s="55"/>
      <c r="M1044" s="234"/>
      <c r="N1044" s="65"/>
      <c r="O1044" s="76"/>
      <c r="P1044" s="76"/>
      <c r="Q1044" s="65"/>
      <c r="R1044" s="76"/>
      <c r="S1044" s="76"/>
      <c r="T1044" s="76"/>
      <c r="U1044" s="76"/>
      <c r="V1044" s="76"/>
      <c r="W1044" s="76"/>
      <c r="X1044" s="76"/>
      <c r="Y1044" s="76"/>
      <c r="Z1044" s="76"/>
      <c r="AA1044" s="85"/>
      <c r="AB1044" s="85"/>
      <c r="AC1044" s="85"/>
      <c r="AD1044" s="85"/>
      <c r="AE1044" s="85"/>
      <c r="AF1044" s="85"/>
      <c r="AG1044" s="86"/>
      <c r="AH1044" s="85"/>
      <c r="AI1044" s="85"/>
      <c r="AJ1044" s="85"/>
      <c r="AK1044" s="85"/>
      <c r="AL1044" s="85"/>
      <c r="AM1044" s="92"/>
      <c r="AN1044" s="92"/>
      <c r="AO1044" s="92"/>
      <c r="AP1044" s="92"/>
      <c r="AQ1044" s="92"/>
      <c r="AR1044" s="92"/>
      <c r="AS1044" s="92"/>
      <c r="AT1044" s="92"/>
      <c r="AU1044" s="92"/>
      <c r="AV1044" s="92"/>
      <c r="AW1044" s="92"/>
      <c r="AX1044" s="92"/>
      <c r="AY1044" s="92"/>
      <c r="AZ1044" s="93"/>
      <c r="BA1044" s="93"/>
      <c r="BB1044" s="93"/>
      <c r="BC1044" s="93"/>
      <c r="BD1044" s="93"/>
      <c r="BE1044" s="93"/>
      <c r="BF1044" s="93"/>
      <c r="BG1044" s="93"/>
      <c r="BH1044" s="93"/>
      <c r="BI1044" s="93"/>
      <c r="BJ1044" s="93"/>
      <c r="BK1044" s="93"/>
      <c r="BL1044" s="93"/>
    </row>
    <row r="1045" spans="2:64" x14ac:dyDescent="0.2">
      <c r="B1045" s="43"/>
      <c r="C1045" s="73"/>
      <c r="D1045" s="64"/>
      <c r="E1045" s="55"/>
      <c r="F1045" s="74"/>
      <c r="G1045" s="74"/>
      <c r="H1045" s="74"/>
      <c r="I1045" s="75"/>
      <c r="J1045" s="74"/>
      <c r="L1045" s="55"/>
      <c r="M1045" s="234"/>
      <c r="N1045" s="65"/>
      <c r="O1045" s="76"/>
      <c r="P1045" s="76"/>
      <c r="Q1045" s="65"/>
      <c r="R1045" s="76"/>
      <c r="S1045" s="76"/>
      <c r="T1045" s="76"/>
      <c r="U1045" s="76"/>
      <c r="V1045" s="76"/>
      <c r="W1045" s="76"/>
      <c r="X1045" s="76"/>
      <c r="Y1045" s="76"/>
      <c r="Z1045" s="76"/>
      <c r="AA1045" s="85"/>
      <c r="AB1045" s="85"/>
      <c r="AC1045" s="85"/>
      <c r="AD1045" s="85"/>
      <c r="AE1045" s="85"/>
      <c r="AF1045" s="85"/>
      <c r="AG1045" s="86"/>
      <c r="AH1045" s="85"/>
      <c r="AI1045" s="85"/>
      <c r="AJ1045" s="85"/>
      <c r="AK1045" s="85"/>
      <c r="AL1045" s="85"/>
      <c r="AM1045" s="92"/>
      <c r="AN1045" s="92"/>
      <c r="AO1045" s="92"/>
      <c r="AP1045" s="92"/>
      <c r="AQ1045" s="92"/>
      <c r="AR1045" s="92"/>
      <c r="AS1045" s="92"/>
      <c r="AT1045" s="92"/>
      <c r="AU1045" s="92"/>
      <c r="AV1045" s="92"/>
      <c r="AW1045" s="92"/>
      <c r="AX1045" s="92"/>
      <c r="AY1045" s="92"/>
      <c r="AZ1045" s="93"/>
      <c r="BA1045" s="93"/>
      <c r="BB1045" s="93"/>
      <c r="BC1045" s="93"/>
      <c r="BD1045" s="93"/>
      <c r="BE1045" s="93"/>
      <c r="BF1045" s="93"/>
      <c r="BG1045" s="93"/>
      <c r="BH1045" s="93"/>
      <c r="BI1045" s="93"/>
      <c r="BJ1045" s="93"/>
      <c r="BK1045" s="93"/>
      <c r="BL1045" s="93"/>
    </row>
    <row r="1046" spans="2:64" x14ac:dyDescent="0.2">
      <c r="B1046" s="43"/>
      <c r="C1046" s="73"/>
      <c r="D1046" s="64"/>
      <c r="E1046" s="55"/>
      <c r="F1046" s="74"/>
      <c r="G1046" s="74"/>
      <c r="H1046" s="74"/>
      <c r="I1046" s="75"/>
      <c r="J1046" s="74"/>
      <c r="L1046" s="55"/>
      <c r="M1046" s="234"/>
      <c r="N1046" s="65"/>
      <c r="O1046" s="76"/>
      <c r="P1046" s="76"/>
      <c r="Q1046" s="65"/>
      <c r="R1046" s="76"/>
      <c r="S1046" s="76"/>
      <c r="T1046" s="76"/>
      <c r="U1046" s="76"/>
      <c r="V1046" s="76"/>
      <c r="W1046" s="76"/>
      <c r="X1046" s="76"/>
      <c r="Y1046" s="76"/>
      <c r="Z1046" s="76"/>
      <c r="AA1046" s="85"/>
      <c r="AB1046" s="85"/>
      <c r="AC1046" s="85"/>
      <c r="AD1046" s="85"/>
      <c r="AE1046" s="85"/>
      <c r="AF1046" s="85"/>
      <c r="AG1046" s="86"/>
      <c r="AH1046" s="85"/>
      <c r="AI1046" s="85"/>
      <c r="AJ1046" s="85"/>
      <c r="AK1046" s="85"/>
      <c r="AL1046" s="85"/>
      <c r="AM1046" s="92"/>
      <c r="AN1046" s="92"/>
      <c r="AO1046" s="92"/>
      <c r="AP1046" s="92"/>
      <c r="AQ1046" s="92"/>
      <c r="AR1046" s="92"/>
      <c r="AS1046" s="92"/>
      <c r="AT1046" s="92"/>
      <c r="AU1046" s="92"/>
      <c r="AV1046" s="92"/>
      <c r="AW1046" s="92"/>
      <c r="AX1046" s="92"/>
      <c r="AY1046" s="92"/>
      <c r="AZ1046" s="93"/>
      <c r="BA1046" s="93"/>
      <c r="BB1046" s="93"/>
      <c r="BC1046" s="93"/>
      <c r="BD1046" s="93"/>
      <c r="BE1046" s="93"/>
      <c r="BF1046" s="93"/>
      <c r="BG1046" s="93"/>
      <c r="BH1046" s="93"/>
      <c r="BI1046" s="93"/>
      <c r="BJ1046" s="93"/>
      <c r="BK1046" s="93"/>
      <c r="BL1046" s="93"/>
    </row>
    <row r="1047" spans="2:64" x14ac:dyDescent="0.2">
      <c r="B1047" s="43"/>
      <c r="C1047" s="73"/>
      <c r="D1047" s="64"/>
      <c r="E1047" s="55"/>
      <c r="F1047" s="74"/>
      <c r="G1047" s="74"/>
      <c r="H1047" s="74"/>
      <c r="I1047" s="75"/>
      <c r="J1047" s="74"/>
      <c r="L1047" s="55"/>
      <c r="M1047" s="234"/>
      <c r="N1047" s="65"/>
      <c r="O1047" s="76"/>
      <c r="P1047" s="76"/>
      <c r="Q1047" s="65"/>
      <c r="R1047" s="76"/>
      <c r="S1047" s="76"/>
      <c r="T1047" s="76"/>
      <c r="U1047" s="76"/>
      <c r="V1047" s="76"/>
      <c r="W1047" s="76"/>
      <c r="X1047" s="76"/>
      <c r="Y1047" s="76"/>
      <c r="Z1047" s="76"/>
      <c r="AA1047" s="85"/>
      <c r="AB1047" s="85"/>
      <c r="AC1047" s="85"/>
      <c r="AD1047" s="85"/>
      <c r="AE1047" s="85"/>
      <c r="AF1047" s="85"/>
      <c r="AG1047" s="86"/>
      <c r="AH1047" s="85"/>
      <c r="AI1047" s="85"/>
      <c r="AJ1047" s="85"/>
      <c r="AK1047" s="85"/>
      <c r="AL1047" s="85"/>
      <c r="AM1047" s="92"/>
      <c r="AN1047" s="92"/>
      <c r="AO1047" s="92"/>
      <c r="AP1047" s="92"/>
      <c r="AQ1047" s="92"/>
      <c r="AR1047" s="92"/>
      <c r="AS1047" s="92"/>
      <c r="AT1047" s="92"/>
      <c r="AU1047" s="92"/>
      <c r="AV1047" s="92"/>
      <c r="AW1047" s="92"/>
      <c r="AX1047" s="92"/>
      <c r="AY1047" s="92"/>
      <c r="AZ1047" s="93"/>
      <c r="BA1047" s="93"/>
      <c r="BB1047" s="93"/>
      <c r="BC1047" s="93"/>
      <c r="BD1047" s="93"/>
      <c r="BE1047" s="93"/>
      <c r="BF1047" s="93"/>
      <c r="BG1047" s="93"/>
      <c r="BH1047" s="93"/>
      <c r="BI1047" s="93"/>
      <c r="BJ1047" s="93"/>
      <c r="BK1047" s="93"/>
      <c r="BL1047" s="93"/>
    </row>
    <row r="1048" spans="2:64" x14ac:dyDescent="0.2">
      <c r="B1048" s="43"/>
      <c r="C1048" s="73"/>
      <c r="D1048" s="64"/>
      <c r="E1048" s="55"/>
      <c r="F1048" s="74"/>
      <c r="G1048" s="74"/>
      <c r="H1048" s="74"/>
      <c r="I1048" s="75"/>
      <c r="J1048" s="74"/>
      <c r="L1048" s="55"/>
      <c r="M1048" s="234"/>
      <c r="N1048" s="65"/>
      <c r="O1048" s="76"/>
      <c r="P1048" s="76"/>
      <c r="Q1048" s="65"/>
      <c r="R1048" s="76"/>
      <c r="S1048" s="76"/>
      <c r="T1048" s="76"/>
      <c r="U1048" s="76"/>
      <c r="V1048" s="76"/>
      <c r="W1048" s="76"/>
      <c r="X1048" s="76"/>
      <c r="Y1048" s="76"/>
      <c r="Z1048" s="76"/>
      <c r="AA1048" s="85"/>
      <c r="AB1048" s="85"/>
      <c r="AC1048" s="85"/>
      <c r="AD1048" s="85"/>
      <c r="AE1048" s="85"/>
      <c r="AF1048" s="85"/>
      <c r="AG1048" s="86"/>
      <c r="AH1048" s="85"/>
      <c r="AI1048" s="85"/>
      <c r="AJ1048" s="85"/>
      <c r="AK1048" s="85"/>
      <c r="AL1048" s="85"/>
      <c r="AM1048" s="92"/>
      <c r="AN1048" s="92"/>
      <c r="AO1048" s="92"/>
      <c r="AP1048" s="92"/>
      <c r="AQ1048" s="92"/>
      <c r="AR1048" s="92"/>
      <c r="AS1048" s="92"/>
      <c r="AT1048" s="92"/>
      <c r="AU1048" s="92"/>
      <c r="AV1048" s="92"/>
      <c r="AW1048" s="92"/>
      <c r="AX1048" s="92"/>
      <c r="AY1048" s="92"/>
      <c r="AZ1048" s="93"/>
      <c r="BA1048" s="93"/>
      <c r="BB1048" s="93"/>
      <c r="BC1048" s="93"/>
      <c r="BD1048" s="93"/>
      <c r="BE1048" s="93"/>
      <c r="BF1048" s="93"/>
      <c r="BG1048" s="93"/>
      <c r="BH1048" s="93"/>
      <c r="BI1048" s="93"/>
      <c r="BJ1048" s="93"/>
      <c r="BK1048" s="93"/>
      <c r="BL1048" s="93"/>
    </row>
    <row r="1049" spans="2:64" x14ac:dyDescent="0.2">
      <c r="B1049" s="43"/>
      <c r="C1049" s="73"/>
      <c r="D1049" s="64"/>
      <c r="E1049" s="55"/>
      <c r="F1049" s="74"/>
      <c r="G1049" s="74"/>
      <c r="H1049" s="74"/>
      <c r="I1049" s="75"/>
      <c r="J1049" s="74"/>
      <c r="L1049" s="55"/>
      <c r="M1049" s="234"/>
      <c r="N1049" s="65"/>
      <c r="O1049" s="76"/>
      <c r="P1049" s="76"/>
      <c r="Q1049" s="65"/>
      <c r="R1049" s="76"/>
      <c r="S1049" s="76"/>
      <c r="T1049" s="76"/>
      <c r="U1049" s="76"/>
      <c r="V1049" s="76"/>
      <c r="W1049" s="76"/>
      <c r="X1049" s="76"/>
      <c r="Y1049" s="76"/>
      <c r="Z1049" s="76"/>
      <c r="AA1049" s="85"/>
      <c r="AB1049" s="85"/>
      <c r="AC1049" s="85"/>
      <c r="AD1049" s="85"/>
      <c r="AE1049" s="85"/>
      <c r="AF1049" s="85"/>
      <c r="AG1049" s="86"/>
      <c r="AH1049" s="85"/>
      <c r="AI1049" s="85"/>
      <c r="AJ1049" s="85"/>
      <c r="AK1049" s="85"/>
      <c r="AL1049" s="85"/>
      <c r="AM1049" s="92"/>
      <c r="AN1049" s="92"/>
      <c r="AO1049" s="92"/>
      <c r="AP1049" s="92"/>
      <c r="AQ1049" s="92"/>
      <c r="AR1049" s="92"/>
      <c r="AS1049" s="92"/>
      <c r="AT1049" s="92"/>
      <c r="AU1049" s="92"/>
      <c r="AV1049" s="92"/>
      <c r="AW1049" s="92"/>
      <c r="AX1049" s="92"/>
      <c r="AY1049" s="92"/>
      <c r="AZ1049" s="93"/>
      <c r="BA1049" s="93"/>
      <c r="BB1049" s="93"/>
      <c r="BC1049" s="93"/>
      <c r="BD1049" s="93"/>
      <c r="BE1049" s="93"/>
      <c r="BF1049" s="93"/>
      <c r="BG1049" s="93"/>
      <c r="BH1049" s="93"/>
      <c r="BI1049" s="93"/>
      <c r="BJ1049" s="93"/>
      <c r="BK1049" s="93"/>
      <c r="BL1049" s="93"/>
    </row>
    <row r="1050" spans="2:64" x14ac:dyDescent="0.2">
      <c r="B1050" s="43"/>
      <c r="C1050" s="73"/>
      <c r="D1050" s="64"/>
      <c r="E1050" s="55"/>
      <c r="F1050" s="74"/>
      <c r="G1050" s="74"/>
      <c r="H1050" s="74"/>
      <c r="I1050" s="75"/>
      <c r="J1050" s="74"/>
      <c r="L1050" s="55"/>
      <c r="M1050" s="234"/>
      <c r="N1050" s="65"/>
      <c r="O1050" s="76"/>
      <c r="P1050" s="76"/>
      <c r="Q1050" s="65"/>
      <c r="R1050" s="76"/>
      <c r="S1050" s="76"/>
      <c r="T1050" s="76"/>
      <c r="U1050" s="76"/>
      <c r="V1050" s="76"/>
      <c r="W1050" s="76"/>
      <c r="X1050" s="76"/>
      <c r="Y1050" s="76"/>
      <c r="Z1050" s="76"/>
      <c r="AA1050" s="85"/>
      <c r="AB1050" s="85"/>
      <c r="AC1050" s="85"/>
      <c r="AD1050" s="85"/>
      <c r="AE1050" s="85"/>
      <c r="AF1050" s="85"/>
      <c r="AG1050" s="86"/>
      <c r="AH1050" s="85"/>
      <c r="AI1050" s="85"/>
      <c r="AJ1050" s="85"/>
      <c r="AK1050" s="85"/>
      <c r="AL1050" s="85"/>
      <c r="AM1050" s="92"/>
      <c r="AN1050" s="92"/>
      <c r="AO1050" s="92"/>
      <c r="AP1050" s="92"/>
      <c r="AQ1050" s="92"/>
      <c r="AR1050" s="92"/>
      <c r="AS1050" s="92"/>
      <c r="AT1050" s="92"/>
      <c r="AU1050" s="92"/>
      <c r="AV1050" s="92"/>
      <c r="AW1050" s="92"/>
      <c r="AX1050" s="92"/>
      <c r="AY1050" s="92"/>
      <c r="AZ1050" s="93"/>
      <c r="BA1050" s="93"/>
      <c r="BB1050" s="93"/>
      <c r="BC1050" s="93"/>
      <c r="BD1050" s="93"/>
      <c r="BE1050" s="93"/>
      <c r="BF1050" s="93"/>
      <c r="BG1050" s="93"/>
      <c r="BH1050" s="93"/>
      <c r="BI1050" s="93"/>
      <c r="BJ1050" s="93"/>
      <c r="BK1050" s="93"/>
      <c r="BL1050" s="93"/>
    </row>
    <row r="1051" spans="2:64" x14ac:dyDescent="0.2">
      <c r="B1051" s="43"/>
      <c r="C1051" s="73"/>
      <c r="D1051" s="64"/>
      <c r="E1051" s="55"/>
      <c r="F1051" s="74"/>
      <c r="G1051" s="74"/>
      <c r="H1051" s="74"/>
      <c r="I1051" s="75"/>
      <c r="J1051" s="74"/>
      <c r="L1051" s="55"/>
      <c r="M1051" s="234"/>
      <c r="N1051" s="65"/>
      <c r="O1051" s="76"/>
      <c r="P1051" s="76"/>
      <c r="Q1051" s="65"/>
      <c r="R1051" s="76"/>
      <c r="S1051" s="76"/>
      <c r="T1051" s="76"/>
      <c r="U1051" s="76"/>
      <c r="V1051" s="76"/>
      <c r="W1051" s="76"/>
      <c r="X1051" s="76"/>
      <c r="Y1051" s="76"/>
      <c r="Z1051" s="76"/>
      <c r="AA1051" s="85"/>
      <c r="AB1051" s="85"/>
      <c r="AC1051" s="85"/>
      <c r="AD1051" s="85"/>
      <c r="AE1051" s="85"/>
      <c r="AF1051" s="85"/>
      <c r="AG1051" s="86"/>
      <c r="AH1051" s="85"/>
      <c r="AI1051" s="85"/>
      <c r="AJ1051" s="85"/>
      <c r="AK1051" s="85"/>
      <c r="AL1051" s="85"/>
      <c r="AM1051" s="92"/>
      <c r="AN1051" s="92"/>
      <c r="AO1051" s="92"/>
      <c r="AP1051" s="92"/>
      <c r="AQ1051" s="92"/>
      <c r="AR1051" s="92"/>
      <c r="AS1051" s="92"/>
      <c r="AT1051" s="92"/>
      <c r="AU1051" s="92"/>
      <c r="AV1051" s="92"/>
      <c r="AW1051" s="92"/>
      <c r="AX1051" s="92"/>
      <c r="AY1051" s="92"/>
      <c r="AZ1051" s="93"/>
      <c r="BA1051" s="93"/>
      <c r="BB1051" s="93"/>
      <c r="BC1051" s="93"/>
      <c r="BD1051" s="93"/>
      <c r="BE1051" s="93"/>
      <c r="BF1051" s="93"/>
      <c r="BG1051" s="93"/>
      <c r="BH1051" s="93"/>
      <c r="BI1051" s="93"/>
      <c r="BJ1051" s="93"/>
      <c r="BK1051" s="93"/>
      <c r="BL1051" s="93"/>
    </row>
    <row r="1052" spans="2:64" x14ac:dyDescent="0.2">
      <c r="B1052" s="43"/>
      <c r="C1052" s="73"/>
      <c r="D1052" s="64"/>
      <c r="E1052" s="55"/>
      <c r="F1052" s="74"/>
      <c r="G1052" s="74"/>
      <c r="H1052" s="74"/>
      <c r="I1052" s="75"/>
      <c r="J1052" s="74"/>
      <c r="L1052" s="55"/>
      <c r="M1052" s="234"/>
      <c r="N1052" s="65"/>
      <c r="O1052" s="76"/>
      <c r="P1052" s="76"/>
      <c r="Q1052" s="65"/>
      <c r="R1052" s="76"/>
      <c r="S1052" s="76"/>
      <c r="T1052" s="76"/>
      <c r="U1052" s="76"/>
      <c r="V1052" s="76"/>
      <c r="W1052" s="76"/>
      <c r="X1052" s="76"/>
      <c r="Y1052" s="76"/>
      <c r="Z1052" s="76"/>
      <c r="AA1052" s="85"/>
      <c r="AB1052" s="85"/>
      <c r="AC1052" s="85"/>
      <c r="AD1052" s="85"/>
      <c r="AE1052" s="85"/>
      <c r="AF1052" s="85"/>
      <c r="AG1052" s="86"/>
      <c r="AH1052" s="85"/>
      <c r="AI1052" s="85"/>
      <c r="AJ1052" s="85"/>
      <c r="AK1052" s="85"/>
      <c r="AL1052" s="85"/>
      <c r="AM1052" s="92"/>
      <c r="AN1052" s="92"/>
      <c r="AO1052" s="92"/>
      <c r="AP1052" s="92"/>
      <c r="AQ1052" s="92"/>
      <c r="AR1052" s="92"/>
      <c r="AS1052" s="92"/>
      <c r="AT1052" s="92"/>
      <c r="AU1052" s="92"/>
      <c r="AV1052" s="92"/>
      <c r="AW1052" s="92"/>
      <c r="AX1052" s="92"/>
      <c r="AY1052" s="92"/>
      <c r="AZ1052" s="93"/>
      <c r="BA1052" s="93"/>
      <c r="BB1052" s="93"/>
      <c r="BC1052" s="93"/>
      <c r="BD1052" s="93"/>
      <c r="BE1052" s="93"/>
      <c r="BF1052" s="93"/>
      <c r="BG1052" s="93"/>
      <c r="BH1052" s="93"/>
      <c r="BI1052" s="93"/>
      <c r="BJ1052" s="93"/>
      <c r="BK1052" s="93"/>
      <c r="BL1052" s="93"/>
    </row>
    <row r="1053" spans="2:64" x14ac:dyDescent="0.2">
      <c r="B1053" s="43"/>
      <c r="C1053" s="73"/>
      <c r="D1053" s="64"/>
      <c r="E1053" s="55"/>
      <c r="F1053" s="74"/>
      <c r="G1053" s="74"/>
      <c r="H1053" s="74"/>
      <c r="I1053" s="75"/>
      <c r="J1053" s="74"/>
      <c r="L1053" s="55"/>
      <c r="M1053" s="234"/>
      <c r="N1053" s="65"/>
      <c r="O1053" s="76"/>
      <c r="P1053" s="76"/>
      <c r="Q1053" s="65"/>
      <c r="R1053" s="76"/>
      <c r="S1053" s="76"/>
      <c r="T1053" s="76"/>
      <c r="U1053" s="76"/>
      <c r="V1053" s="76"/>
      <c r="W1053" s="76"/>
      <c r="X1053" s="76"/>
      <c r="Y1053" s="76"/>
      <c r="Z1053" s="76"/>
      <c r="AA1053" s="85"/>
      <c r="AB1053" s="85"/>
      <c r="AC1053" s="85"/>
      <c r="AD1053" s="85"/>
      <c r="AE1053" s="85"/>
      <c r="AF1053" s="85"/>
      <c r="AG1053" s="86"/>
      <c r="AH1053" s="85"/>
      <c r="AI1053" s="85"/>
      <c r="AJ1053" s="85"/>
      <c r="AK1053" s="85"/>
      <c r="AL1053" s="85"/>
      <c r="AM1053" s="92"/>
      <c r="AN1053" s="92"/>
      <c r="AO1053" s="92"/>
      <c r="AP1053" s="92"/>
      <c r="AQ1053" s="92"/>
      <c r="AR1053" s="92"/>
      <c r="AS1053" s="92"/>
      <c r="AT1053" s="92"/>
      <c r="AU1053" s="92"/>
      <c r="AV1053" s="92"/>
      <c r="AW1053" s="92"/>
      <c r="AX1053" s="92"/>
      <c r="AY1053" s="92"/>
      <c r="AZ1053" s="93"/>
      <c r="BA1053" s="93"/>
      <c r="BB1053" s="93"/>
      <c r="BC1053" s="93"/>
      <c r="BD1053" s="93"/>
      <c r="BE1053" s="93"/>
      <c r="BF1053" s="93"/>
      <c r="BG1053" s="93"/>
      <c r="BH1053" s="93"/>
      <c r="BI1053" s="93"/>
      <c r="BJ1053" s="93"/>
      <c r="BK1053" s="93"/>
      <c r="BL1053" s="93"/>
    </row>
    <row r="1054" spans="2:64" x14ac:dyDescent="0.2">
      <c r="B1054" s="43"/>
      <c r="C1054" s="73"/>
      <c r="D1054" s="64"/>
      <c r="E1054" s="55"/>
      <c r="F1054" s="74"/>
      <c r="G1054" s="74"/>
      <c r="H1054" s="74"/>
      <c r="I1054" s="75"/>
      <c r="J1054" s="74"/>
      <c r="L1054" s="55"/>
      <c r="M1054" s="234"/>
      <c r="N1054" s="65"/>
      <c r="O1054" s="76"/>
      <c r="P1054" s="76"/>
      <c r="Q1054" s="65"/>
      <c r="R1054" s="76"/>
      <c r="S1054" s="76"/>
      <c r="T1054" s="76"/>
      <c r="U1054" s="76"/>
      <c r="V1054" s="76"/>
      <c r="W1054" s="76"/>
      <c r="X1054" s="76"/>
      <c r="Y1054" s="76"/>
      <c r="Z1054" s="76"/>
      <c r="AA1054" s="85"/>
      <c r="AB1054" s="85"/>
      <c r="AC1054" s="85"/>
      <c r="AD1054" s="85"/>
      <c r="AE1054" s="85"/>
      <c r="AF1054" s="85"/>
      <c r="AG1054" s="86"/>
      <c r="AH1054" s="85"/>
      <c r="AI1054" s="85"/>
      <c r="AJ1054" s="85"/>
      <c r="AK1054" s="85"/>
      <c r="AL1054" s="85"/>
      <c r="AM1054" s="92"/>
      <c r="AN1054" s="92"/>
      <c r="AO1054" s="92"/>
      <c r="AP1054" s="92"/>
      <c r="AQ1054" s="92"/>
      <c r="AR1054" s="92"/>
      <c r="AS1054" s="92"/>
      <c r="AT1054" s="92"/>
      <c r="AU1054" s="92"/>
      <c r="AV1054" s="92"/>
      <c r="AW1054" s="92"/>
      <c r="AX1054" s="92"/>
      <c r="AY1054" s="92"/>
      <c r="AZ1054" s="93"/>
      <c r="BA1054" s="93"/>
      <c r="BB1054" s="93"/>
      <c r="BC1054" s="93"/>
      <c r="BD1054" s="93"/>
      <c r="BE1054" s="93"/>
      <c r="BF1054" s="93"/>
      <c r="BG1054" s="93"/>
      <c r="BH1054" s="93"/>
      <c r="BI1054" s="93"/>
      <c r="BJ1054" s="93"/>
      <c r="BK1054" s="93"/>
      <c r="BL1054" s="93"/>
    </row>
    <row r="1055" spans="2:64" x14ac:dyDescent="0.2">
      <c r="B1055" s="43"/>
      <c r="C1055" s="73"/>
      <c r="D1055" s="64"/>
      <c r="E1055" s="55"/>
      <c r="F1055" s="74"/>
      <c r="G1055" s="74"/>
      <c r="H1055" s="74"/>
      <c r="I1055" s="75"/>
      <c r="J1055" s="74"/>
      <c r="L1055" s="55"/>
      <c r="M1055" s="234"/>
      <c r="N1055" s="65"/>
      <c r="O1055" s="76"/>
      <c r="P1055" s="76"/>
      <c r="Q1055" s="65"/>
      <c r="R1055" s="76"/>
      <c r="S1055" s="76"/>
      <c r="T1055" s="76"/>
      <c r="U1055" s="76"/>
      <c r="V1055" s="76"/>
      <c r="W1055" s="76"/>
      <c r="X1055" s="76"/>
      <c r="Y1055" s="76"/>
      <c r="Z1055" s="76"/>
      <c r="AA1055" s="85"/>
      <c r="AB1055" s="85"/>
      <c r="AC1055" s="85"/>
      <c r="AD1055" s="85"/>
      <c r="AE1055" s="85"/>
      <c r="AF1055" s="85"/>
      <c r="AG1055" s="86"/>
      <c r="AH1055" s="85"/>
      <c r="AI1055" s="85"/>
      <c r="AJ1055" s="85"/>
      <c r="AK1055" s="85"/>
      <c r="AL1055" s="85"/>
      <c r="AM1055" s="92"/>
      <c r="AN1055" s="92"/>
      <c r="AO1055" s="92"/>
      <c r="AP1055" s="92"/>
      <c r="AQ1055" s="92"/>
      <c r="AR1055" s="92"/>
      <c r="AS1055" s="92"/>
      <c r="AT1055" s="92"/>
      <c r="AU1055" s="92"/>
      <c r="AV1055" s="92"/>
      <c r="AW1055" s="92"/>
      <c r="AX1055" s="92"/>
      <c r="AY1055" s="92"/>
      <c r="AZ1055" s="93"/>
      <c r="BA1055" s="93"/>
      <c r="BB1055" s="93"/>
      <c r="BC1055" s="93"/>
      <c r="BD1055" s="93"/>
      <c r="BE1055" s="93"/>
      <c r="BF1055" s="93"/>
      <c r="BG1055" s="93"/>
      <c r="BH1055" s="93"/>
      <c r="BI1055" s="93"/>
      <c r="BJ1055" s="93"/>
      <c r="BK1055" s="93"/>
      <c r="BL1055" s="93"/>
    </row>
    <row r="1056" spans="2:64" x14ac:dyDescent="0.2">
      <c r="B1056" s="43"/>
      <c r="C1056" s="73"/>
      <c r="D1056" s="64"/>
      <c r="E1056" s="55"/>
      <c r="F1056" s="74"/>
      <c r="G1056" s="74"/>
      <c r="H1056" s="74"/>
      <c r="I1056" s="75"/>
      <c r="J1056" s="74"/>
      <c r="L1056" s="55"/>
      <c r="M1056" s="234"/>
      <c r="N1056" s="65"/>
      <c r="O1056" s="76"/>
      <c r="P1056" s="76"/>
      <c r="Q1056" s="65"/>
      <c r="R1056" s="76"/>
      <c r="S1056" s="76"/>
      <c r="T1056" s="76"/>
      <c r="U1056" s="76"/>
      <c r="V1056" s="76"/>
      <c r="W1056" s="76"/>
      <c r="X1056" s="76"/>
      <c r="Y1056" s="76"/>
      <c r="Z1056" s="76"/>
      <c r="AA1056" s="85"/>
      <c r="AB1056" s="85"/>
      <c r="AC1056" s="85"/>
      <c r="AD1056" s="85"/>
      <c r="AE1056" s="85"/>
      <c r="AF1056" s="85"/>
      <c r="AG1056" s="86"/>
      <c r="AH1056" s="85"/>
      <c r="AI1056" s="85"/>
      <c r="AJ1056" s="85"/>
      <c r="AK1056" s="85"/>
      <c r="AL1056" s="85"/>
      <c r="AM1056" s="92"/>
      <c r="AN1056" s="92"/>
      <c r="AO1056" s="92"/>
      <c r="AP1056" s="92"/>
      <c r="AQ1056" s="92"/>
      <c r="AR1056" s="92"/>
      <c r="AS1056" s="92"/>
      <c r="AT1056" s="92"/>
      <c r="AU1056" s="92"/>
      <c r="AV1056" s="92"/>
      <c r="AW1056" s="92"/>
      <c r="AX1056" s="92"/>
      <c r="AY1056" s="92"/>
      <c r="AZ1056" s="93"/>
      <c r="BA1056" s="93"/>
      <c r="BB1056" s="93"/>
      <c r="BC1056" s="93"/>
      <c r="BD1056" s="93"/>
      <c r="BE1056" s="93"/>
      <c r="BF1056" s="93"/>
      <c r="BG1056" s="93"/>
      <c r="BH1056" s="93"/>
      <c r="BI1056" s="93"/>
      <c r="BJ1056" s="93"/>
      <c r="BK1056" s="93"/>
      <c r="BL1056" s="93"/>
    </row>
    <row r="1057" spans="2:64" x14ac:dyDescent="0.2">
      <c r="B1057" s="43"/>
      <c r="C1057" s="73"/>
      <c r="D1057" s="64"/>
      <c r="E1057" s="55"/>
      <c r="F1057" s="74"/>
      <c r="G1057" s="74"/>
      <c r="H1057" s="74"/>
      <c r="I1057" s="75"/>
      <c r="J1057" s="74"/>
      <c r="L1057" s="55"/>
      <c r="M1057" s="234"/>
      <c r="N1057" s="65"/>
      <c r="O1057" s="76"/>
      <c r="P1057" s="76"/>
      <c r="Q1057" s="65"/>
      <c r="R1057" s="76"/>
      <c r="S1057" s="76"/>
      <c r="T1057" s="76"/>
      <c r="U1057" s="76"/>
      <c r="V1057" s="76"/>
      <c r="W1057" s="76"/>
      <c r="X1057" s="76"/>
      <c r="Y1057" s="76"/>
      <c r="Z1057" s="76"/>
      <c r="AA1057" s="85"/>
      <c r="AB1057" s="85"/>
      <c r="AC1057" s="85"/>
      <c r="AD1057" s="85"/>
      <c r="AE1057" s="85"/>
      <c r="AF1057" s="85"/>
      <c r="AG1057" s="86"/>
      <c r="AH1057" s="85"/>
      <c r="AI1057" s="85"/>
      <c r="AJ1057" s="85"/>
      <c r="AK1057" s="85"/>
      <c r="AL1057" s="85"/>
      <c r="AM1057" s="92"/>
      <c r="AN1057" s="92"/>
      <c r="AO1057" s="92"/>
      <c r="AP1057" s="92"/>
      <c r="AQ1057" s="92"/>
      <c r="AR1057" s="92"/>
      <c r="AS1057" s="92"/>
      <c r="AT1057" s="92"/>
      <c r="AU1057" s="92"/>
      <c r="AV1057" s="92"/>
      <c r="AW1057" s="92"/>
      <c r="AX1057" s="92"/>
      <c r="AY1057" s="92"/>
      <c r="AZ1057" s="93"/>
      <c r="BA1057" s="93"/>
      <c r="BB1057" s="93"/>
      <c r="BC1057" s="93"/>
      <c r="BD1057" s="93"/>
      <c r="BE1057" s="93"/>
      <c r="BF1057" s="93"/>
      <c r="BG1057" s="93"/>
      <c r="BH1057" s="93"/>
      <c r="BI1057" s="93"/>
      <c r="BJ1057" s="93"/>
      <c r="BK1057" s="93"/>
      <c r="BL1057" s="93"/>
    </row>
    <row r="1058" spans="2:64" x14ac:dyDescent="0.2">
      <c r="B1058" s="43"/>
      <c r="C1058" s="73"/>
      <c r="D1058" s="64"/>
      <c r="E1058" s="55"/>
      <c r="F1058" s="74"/>
      <c r="G1058" s="74"/>
      <c r="H1058" s="74"/>
      <c r="I1058" s="75"/>
      <c r="J1058" s="74"/>
      <c r="L1058" s="55"/>
      <c r="M1058" s="234"/>
      <c r="N1058" s="65"/>
      <c r="O1058" s="76"/>
      <c r="P1058" s="76"/>
      <c r="Q1058" s="65"/>
      <c r="R1058" s="76"/>
      <c r="S1058" s="76"/>
      <c r="T1058" s="76"/>
      <c r="U1058" s="76"/>
      <c r="V1058" s="76"/>
      <c r="W1058" s="76"/>
      <c r="X1058" s="76"/>
      <c r="Y1058" s="76"/>
      <c r="Z1058" s="76"/>
      <c r="AA1058" s="85"/>
      <c r="AB1058" s="85"/>
      <c r="AC1058" s="85"/>
      <c r="AD1058" s="85"/>
      <c r="AE1058" s="85"/>
      <c r="AF1058" s="85"/>
      <c r="AG1058" s="86"/>
      <c r="AH1058" s="85"/>
      <c r="AI1058" s="85"/>
      <c r="AJ1058" s="85"/>
      <c r="AK1058" s="85"/>
      <c r="AL1058" s="85"/>
      <c r="AM1058" s="92"/>
      <c r="AN1058" s="92"/>
      <c r="AO1058" s="92"/>
      <c r="AP1058" s="92"/>
      <c r="AQ1058" s="92"/>
      <c r="AR1058" s="92"/>
      <c r="AS1058" s="92"/>
      <c r="AT1058" s="92"/>
      <c r="AU1058" s="92"/>
      <c r="AV1058" s="92"/>
      <c r="AW1058" s="92"/>
      <c r="AX1058" s="92"/>
      <c r="AY1058" s="92"/>
      <c r="AZ1058" s="93"/>
      <c r="BA1058" s="93"/>
      <c r="BB1058" s="93"/>
      <c r="BC1058" s="93"/>
      <c r="BD1058" s="93"/>
      <c r="BE1058" s="93"/>
      <c r="BF1058" s="93"/>
      <c r="BG1058" s="93"/>
      <c r="BH1058" s="93"/>
      <c r="BI1058" s="93"/>
      <c r="BJ1058" s="93"/>
      <c r="BK1058" s="93"/>
      <c r="BL1058" s="93"/>
    </row>
    <row r="1059" spans="2:64" x14ac:dyDescent="0.2">
      <c r="B1059" s="43"/>
      <c r="C1059" s="73"/>
      <c r="D1059" s="64"/>
      <c r="E1059" s="55"/>
      <c r="F1059" s="74"/>
      <c r="G1059" s="74"/>
      <c r="H1059" s="74"/>
      <c r="I1059" s="75"/>
      <c r="J1059" s="74"/>
      <c r="L1059" s="55"/>
      <c r="M1059" s="234"/>
      <c r="N1059" s="65"/>
      <c r="O1059" s="76"/>
      <c r="P1059" s="76"/>
      <c r="Q1059" s="65"/>
      <c r="R1059" s="76"/>
      <c r="S1059" s="76"/>
      <c r="T1059" s="76"/>
      <c r="U1059" s="76"/>
      <c r="V1059" s="76"/>
      <c r="W1059" s="76"/>
      <c r="X1059" s="76"/>
      <c r="Y1059" s="76"/>
      <c r="Z1059" s="76"/>
      <c r="AA1059" s="85"/>
      <c r="AB1059" s="85"/>
      <c r="AC1059" s="85"/>
      <c r="AD1059" s="85"/>
      <c r="AE1059" s="85"/>
      <c r="AF1059" s="85"/>
      <c r="AG1059" s="86"/>
      <c r="AH1059" s="85"/>
      <c r="AI1059" s="85"/>
      <c r="AJ1059" s="85"/>
      <c r="AK1059" s="85"/>
      <c r="AL1059" s="85"/>
      <c r="AM1059" s="92"/>
      <c r="AN1059" s="92"/>
      <c r="AO1059" s="92"/>
      <c r="AP1059" s="92"/>
      <c r="AQ1059" s="92"/>
      <c r="AR1059" s="92"/>
      <c r="AS1059" s="92"/>
      <c r="AT1059" s="92"/>
      <c r="AU1059" s="92"/>
      <c r="AV1059" s="92"/>
      <c r="AW1059" s="92"/>
      <c r="AX1059" s="92"/>
      <c r="AY1059" s="92"/>
      <c r="AZ1059" s="93"/>
      <c r="BA1059" s="93"/>
      <c r="BB1059" s="93"/>
      <c r="BC1059" s="93"/>
      <c r="BD1059" s="93"/>
      <c r="BE1059" s="93"/>
      <c r="BF1059" s="93"/>
      <c r="BG1059" s="93"/>
      <c r="BH1059" s="93"/>
      <c r="BI1059" s="93"/>
      <c r="BJ1059" s="93"/>
      <c r="BK1059" s="93"/>
      <c r="BL1059" s="93"/>
    </row>
    <row r="1060" spans="2:64" x14ac:dyDescent="0.2">
      <c r="B1060" s="43"/>
      <c r="C1060" s="73"/>
      <c r="D1060" s="64"/>
      <c r="E1060" s="55"/>
      <c r="F1060" s="74"/>
      <c r="G1060" s="74"/>
      <c r="H1060" s="74"/>
      <c r="I1060" s="75"/>
      <c r="J1060" s="74"/>
      <c r="L1060" s="55"/>
      <c r="M1060" s="234"/>
      <c r="N1060" s="65"/>
      <c r="O1060" s="76"/>
      <c r="P1060" s="76"/>
      <c r="Q1060" s="65"/>
      <c r="R1060" s="76"/>
      <c r="S1060" s="76"/>
      <c r="T1060" s="76"/>
      <c r="U1060" s="76"/>
      <c r="V1060" s="76"/>
      <c r="W1060" s="76"/>
      <c r="X1060" s="76"/>
      <c r="Y1060" s="76"/>
      <c r="Z1060" s="76"/>
      <c r="AA1060" s="85"/>
      <c r="AB1060" s="85"/>
      <c r="AC1060" s="85"/>
      <c r="AD1060" s="85"/>
      <c r="AE1060" s="85"/>
      <c r="AF1060" s="85"/>
      <c r="AG1060" s="86"/>
      <c r="AH1060" s="85"/>
      <c r="AI1060" s="85"/>
      <c r="AJ1060" s="85"/>
      <c r="AK1060" s="85"/>
      <c r="AL1060" s="85"/>
      <c r="AM1060" s="92"/>
      <c r="AN1060" s="92"/>
      <c r="AO1060" s="92"/>
      <c r="AP1060" s="92"/>
      <c r="AQ1060" s="92"/>
      <c r="AR1060" s="92"/>
      <c r="AS1060" s="92"/>
      <c r="AT1060" s="92"/>
      <c r="AU1060" s="92"/>
      <c r="AV1060" s="92"/>
      <c r="AW1060" s="92"/>
      <c r="AX1060" s="92"/>
      <c r="AY1060" s="92"/>
      <c r="AZ1060" s="93"/>
      <c r="BA1060" s="93"/>
      <c r="BB1060" s="93"/>
      <c r="BC1060" s="93"/>
      <c r="BD1060" s="93"/>
      <c r="BE1060" s="93"/>
      <c r="BF1060" s="93"/>
      <c r="BG1060" s="93"/>
      <c r="BH1060" s="93"/>
      <c r="BI1060" s="93"/>
      <c r="BJ1060" s="93"/>
      <c r="BK1060" s="93"/>
      <c r="BL1060" s="93"/>
    </row>
    <row r="1061" spans="2:64" x14ac:dyDescent="0.2">
      <c r="B1061" s="43"/>
      <c r="C1061" s="73"/>
      <c r="D1061" s="64"/>
      <c r="E1061" s="55"/>
      <c r="F1061" s="74"/>
      <c r="G1061" s="74"/>
      <c r="H1061" s="74"/>
      <c r="I1061" s="75"/>
      <c r="J1061" s="74"/>
      <c r="L1061" s="55"/>
      <c r="M1061" s="234"/>
      <c r="N1061" s="65"/>
      <c r="O1061" s="76"/>
      <c r="P1061" s="76"/>
      <c r="Q1061" s="65"/>
      <c r="R1061" s="76"/>
      <c r="S1061" s="76"/>
      <c r="T1061" s="76"/>
      <c r="U1061" s="76"/>
      <c r="V1061" s="76"/>
      <c r="W1061" s="76"/>
      <c r="X1061" s="76"/>
      <c r="Y1061" s="76"/>
      <c r="Z1061" s="76"/>
      <c r="AA1061" s="85"/>
      <c r="AB1061" s="85"/>
      <c r="AC1061" s="85"/>
      <c r="AD1061" s="85"/>
      <c r="AE1061" s="85"/>
      <c r="AF1061" s="85"/>
      <c r="AG1061" s="86"/>
      <c r="AH1061" s="85"/>
      <c r="AI1061" s="85"/>
      <c r="AJ1061" s="85"/>
      <c r="AK1061" s="85"/>
      <c r="AL1061" s="85"/>
      <c r="AM1061" s="92"/>
      <c r="AN1061" s="92"/>
      <c r="AO1061" s="92"/>
      <c r="AP1061" s="92"/>
      <c r="AQ1061" s="92"/>
      <c r="AR1061" s="92"/>
      <c r="AS1061" s="92"/>
      <c r="AT1061" s="92"/>
      <c r="AU1061" s="92"/>
      <c r="AV1061" s="92"/>
      <c r="AW1061" s="92"/>
      <c r="AX1061" s="92"/>
      <c r="AY1061" s="92"/>
      <c r="AZ1061" s="93"/>
      <c r="BA1061" s="93"/>
      <c r="BB1061" s="93"/>
      <c r="BC1061" s="93"/>
      <c r="BD1061" s="93"/>
      <c r="BE1061" s="93"/>
      <c r="BF1061" s="93"/>
      <c r="BG1061" s="93"/>
      <c r="BH1061" s="93"/>
      <c r="BI1061" s="93"/>
      <c r="BJ1061" s="93"/>
      <c r="BK1061" s="93"/>
      <c r="BL1061" s="93"/>
    </row>
    <row r="1062" spans="2:64" x14ac:dyDescent="0.2">
      <c r="B1062" s="43"/>
      <c r="C1062" s="73"/>
      <c r="D1062" s="64"/>
      <c r="E1062" s="55"/>
      <c r="F1062" s="74"/>
      <c r="G1062" s="74"/>
      <c r="H1062" s="74"/>
      <c r="I1062" s="75"/>
      <c r="J1062" s="74"/>
      <c r="L1062" s="55"/>
      <c r="M1062" s="234"/>
      <c r="N1062" s="65"/>
      <c r="O1062" s="76"/>
      <c r="P1062" s="76"/>
      <c r="Q1062" s="65"/>
      <c r="R1062" s="76"/>
      <c r="S1062" s="76"/>
      <c r="T1062" s="76"/>
      <c r="U1062" s="76"/>
      <c r="V1062" s="76"/>
      <c r="W1062" s="76"/>
      <c r="X1062" s="76"/>
      <c r="Y1062" s="76"/>
      <c r="Z1062" s="76"/>
      <c r="AA1062" s="85"/>
      <c r="AB1062" s="85"/>
      <c r="AC1062" s="85"/>
      <c r="AD1062" s="85"/>
      <c r="AE1062" s="85"/>
      <c r="AF1062" s="85"/>
      <c r="AG1062" s="86"/>
      <c r="AH1062" s="85"/>
      <c r="AI1062" s="85"/>
      <c r="AJ1062" s="85"/>
      <c r="AK1062" s="85"/>
      <c r="AL1062" s="85"/>
      <c r="AM1062" s="92"/>
      <c r="AN1062" s="92"/>
      <c r="AO1062" s="92"/>
      <c r="AP1062" s="92"/>
      <c r="AQ1062" s="92"/>
      <c r="AR1062" s="92"/>
      <c r="AS1062" s="92"/>
      <c r="AT1062" s="92"/>
      <c r="AU1062" s="92"/>
      <c r="AV1062" s="92"/>
      <c r="AW1062" s="92"/>
      <c r="AX1062" s="92"/>
      <c r="AY1062" s="92"/>
      <c r="AZ1062" s="93"/>
      <c r="BA1062" s="93"/>
      <c r="BB1062" s="93"/>
      <c r="BC1062" s="93"/>
      <c r="BD1062" s="93"/>
      <c r="BE1062" s="93"/>
      <c r="BF1062" s="93"/>
      <c r="BG1062" s="93"/>
      <c r="BH1062" s="93"/>
      <c r="BI1062" s="93"/>
      <c r="BJ1062" s="93"/>
      <c r="BK1062" s="93"/>
      <c r="BL1062" s="93"/>
    </row>
    <row r="1063" spans="2:64" x14ac:dyDescent="0.2">
      <c r="B1063" s="43"/>
      <c r="C1063" s="73"/>
      <c r="D1063" s="64"/>
      <c r="E1063" s="55"/>
      <c r="F1063" s="74"/>
      <c r="G1063" s="74"/>
      <c r="H1063" s="74"/>
      <c r="I1063" s="75"/>
      <c r="J1063" s="74"/>
      <c r="L1063" s="55"/>
      <c r="M1063" s="234"/>
      <c r="N1063" s="65"/>
      <c r="O1063" s="76"/>
      <c r="P1063" s="76"/>
      <c r="Q1063" s="65"/>
      <c r="R1063" s="76"/>
      <c r="S1063" s="76"/>
      <c r="T1063" s="76"/>
      <c r="U1063" s="76"/>
      <c r="V1063" s="76"/>
      <c r="W1063" s="76"/>
      <c r="X1063" s="76"/>
      <c r="Y1063" s="76"/>
      <c r="Z1063" s="76"/>
      <c r="AA1063" s="85"/>
      <c r="AB1063" s="85"/>
      <c r="AC1063" s="85"/>
      <c r="AD1063" s="85"/>
      <c r="AE1063" s="85"/>
      <c r="AF1063" s="85"/>
      <c r="AG1063" s="86"/>
      <c r="AH1063" s="85"/>
      <c r="AI1063" s="85"/>
      <c r="AJ1063" s="85"/>
      <c r="AK1063" s="85"/>
      <c r="AL1063" s="85"/>
      <c r="AM1063" s="92"/>
      <c r="AN1063" s="92"/>
      <c r="AO1063" s="92"/>
      <c r="AP1063" s="92"/>
      <c r="AQ1063" s="92"/>
      <c r="AR1063" s="92"/>
      <c r="AS1063" s="92"/>
      <c r="AT1063" s="92"/>
      <c r="AU1063" s="92"/>
      <c r="AV1063" s="92"/>
      <c r="AW1063" s="92"/>
      <c r="AX1063" s="92"/>
      <c r="AY1063" s="92"/>
      <c r="AZ1063" s="93"/>
      <c r="BA1063" s="93"/>
      <c r="BB1063" s="93"/>
      <c r="BC1063" s="93"/>
      <c r="BD1063" s="93"/>
      <c r="BE1063" s="93"/>
      <c r="BF1063" s="93"/>
      <c r="BG1063" s="93"/>
      <c r="BH1063" s="93"/>
      <c r="BI1063" s="93"/>
      <c r="BJ1063" s="93"/>
      <c r="BK1063" s="93"/>
      <c r="BL1063" s="93"/>
    </row>
    <row r="1064" spans="2:64" x14ac:dyDescent="0.2">
      <c r="B1064" s="43"/>
      <c r="C1064" s="73"/>
      <c r="D1064" s="64"/>
      <c r="E1064" s="55"/>
      <c r="F1064" s="74"/>
      <c r="G1064" s="74"/>
      <c r="H1064" s="74"/>
      <c r="I1064" s="75"/>
      <c r="J1064" s="74"/>
      <c r="L1064" s="55"/>
      <c r="M1064" s="234"/>
      <c r="N1064" s="65"/>
      <c r="O1064" s="76"/>
      <c r="P1064" s="76"/>
      <c r="Q1064" s="65"/>
      <c r="R1064" s="76"/>
      <c r="S1064" s="76"/>
      <c r="T1064" s="76"/>
      <c r="U1064" s="76"/>
      <c r="V1064" s="76"/>
      <c r="W1064" s="76"/>
      <c r="X1064" s="76"/>
      <c r="Y1064" s="76"/>
      <c r="Z1064" s="76"/>
      <c r="AA1064" s="85"/>
      <c r="AB1064" s="85"/>
      <c r="AC1064" s="85"/>
      <c r="AD1064" s="85"/>
      <c r="AE1064" s="85"/>
      <c r="AF1064" s="85"/>
      <c r="AG1064" s="86"/>
      <c r="AH1064" s="85"/>
      <c r="AI1064" s="85"/>
      <c r="AJ1064" s="85"/>
      <c r="AK1064" s="85"/>
      <c r="AL1064" s="85"/>
      <c r="AM1064" s="92"/>
      <c r="AN1064" s="92"/>
      <c r="AO1064" s="92"/>
      <c r="AP1064" s="92"/>
      <c r="AQ1064" s="92"/>
      <c r="AR1064" s="92"/>
      <c r="AS1064" s="92"/>
      <c r="AT1064" s="92"/>
      <c r="AU1064" s="92"/>
      <c r="AV1064" s="92"/>
      <c r="AW1064" s="92"/>
      <c r="AX1064" s="92"/>
      <c r="AY1064" s="92"/>
      <c r="AZ1064" s="93"/>
      <c r="BA1064" s="93"/>
      <c r="BB1064" s="93"/>
      <c r="BC1064" s="93"/>
      <c r="BD1064" s="93"/>
      <c r="BE1064" s="93"/>
      <c r="BF1064" s="93"/>
      <c r="BG1064" s="93"/>
      <c r="BH1064" s="93"/>
      <c r="BI1064" s="93"/>
      <c r="BJ1064" s="93"/>
      <c r="BK1064" s="93"/>
      <c r="BL1064" s="93"/>
    </row>
    <row r="1065" spans="2:64" x14ac:dyDescent="0.2">
      <c r="B1065" s="43"/>
      <c r="C1065" s="73"/>
      <c r="D1065" s="64"/>
      <c r="E1065" s="55"/>
      <c r="F1065" s="74"/>
      <c r="G1065" s="74"/>
      <c r="H1065" s="74"/>
      <c r="I1065" s="75"/>
      <c r="J1065" s="74"/>
      <c r="L1065" s="55"/>
      <c r="M1065" s="234"/>
      <c r="N1065" s="65"/>
      <c r="O1065" s="76"/>
      <c r="P1065" s="76"/>
      <c r="Q1065" s="65"/>
      <c r="R1065" s="76"/>
      <c r="S1065" s="76"/>
      <c r="T1065" s="76"/>
      <c r="U1065" s="76"/>
      <c r="V1065" s="76"/>
      <c r="W1065" s="76"/>
      <c r="X1065" s="76"/>
      <c r="Y1065" s="76"/>
      <c r="Z1065" s="76"/>
      <c r="AA1065" s="85"/>
      <c r="AB1065" s="85"/>
      <c r="AC1065" s="85"/>
      <c r="AD1065" s="85"/>
      <c r="AE1065" s="85"/>
      <c r="AF1065" s="85"/>
      <c r="AG1065" s="86"/>
      <c r="AH1065" s="85"/>
      <c r="AI1065" s="85"/>
      <c r="AJ1065" s="85"/>
      <c r="AK1065" s="85"/>
      <c r="AL1065" s="85"/>
      <c r="AM1065" s="92"/>
      <c r="AN1065" s="92"/>
      <c r="AO1065" s="92"/>
      <c r="AP1065" s="92"/>
      <c r="AQ1065" s="92"/>
      <c r="AR1065" s="92"/>
      <c r="AS1065" s="92"/>
      <c r="AT1065" s="92"/>
      <c r="AU1065" s="92"/>
      <c r="AV1065" s="92"/>
      <c r="AW1065" s="92"/>
      <c r="AX1065" s="92"/>
      <c r="AY1065" s="92"/>
      <c r="AZ1065" s="93"/>
      <c r="BA1065" s="93"/>
      <c r="BB1065" s="93"/>
      <c r="BC1065" s="93"/>
      <c r="BD1065" s="93"/>
      <c r="BE1065" s="93"/>
      <c r="BF1065" s="93"/>
      <c r="BG1065" s="93"/>
      <c r="BH1065" s="93"/>
      <c r="BI1065" s="93"/>
      <c r="BJ1065" s="93"/>
      <c r="BK1065" s="93"/>
      <c r="BL1065" s="93"/>
    </row>
    <row r="1066" spans="2:64" x14ac:dyDescent="0.2">
      <c r="B1066" s="43"/>
      <c r="C1066" s="73"/>
      <c r="D1066" s="64"/>
      <c r="E1066" s="55"/>
      <c r="F1066" s="74"/>
      <c r="G1066" s="74"/>
      <c r="H1066" s="74"/>
      <c r="I1066" s="75"/>
      <c r="J1066" s="74"/>
      <c r="L1066" s="55"/>
      <c r="M1066" s="234"/>
      <c r="N1066" s="65"/>
      <c r="O1066" s="76"/>
      <c r="P1066" s="76"/>
      <c r="Q1066" s="65"/>
      <c r="R1066" s="76"/>
      <c r="S1066" s="76"/>
      <c r="T1066" s="76"/>
      <c r="U1066" s="76"/>
      <c r="V1066" s="76"/>
      <c r="W1066" s="76"/>
      <c r="X1066" s="76"/>
      <c r="Y1066" s="76"/>
      <c r="Z1066" s="76"/>
      <c r="AA1066" s="85"/>
      <c r="AB1066" s="85"/>
      <c r="AC1066" s="85"/>
      <c r="AD1066" s="85"/>
      <c r="AE1066" s="85"/>
      <c r="AF1066" s="85"/>
      <c r="AG1066" s="86"/>
      <c r="AH1066" s="85"/>
      <c r="AI1066" s="85"/>
      <c r="AJ1066" s="85"/>
      <c r="AK1066" s="85"/>
      <c r="AL1066" s="85"/>
      <c r="AM1066" s="92"/>
      <c r="AN1066" s="92"/>
      <c r="AO1066" s="92"/>
      <c r="AP1066" s="92"/>
      <c r="AQ1066" s="92"/>
      <c r="AR1066" s="92"/>
      <c r="AS1066" s="92"/>
      <c r="AT1066" s="92"/>
      <c r="AU1066" s="92"/>
      <c r="AV1066" s="92"/>
      <c r="AW1066" s="92"/>
      <c r="AX1066" s="92"/>
      <c r="AY1066" s="92"/>
      <c r="AZ1066" s="93"/>
      <c r="BA1066" s="93"/>
      <c r="BB1066" s="93"/>
      <c r="BC1066" s="93"/>
      <c r="BD1066" s="93"/>
      <c r="BE1066" s="93"/>
      <c r="BF1066" s="93"/>
      <c r="BG1066" s="93"/>
      <c r="BH1066" s="93"/>
      <c r="BI1066" s="93"/>
      <c r="BJ1066" s="93"/>
      <c r="BK1066" s="93"/>
      <c r="BL1066" s="93"/>
    </row>
    <row r="1067" spans="2:64" x14ac:dyDescent="0.2">
      <c r="B1067" s="43"/>
      <c r="C1067" s="73"/>
      <c r="D1067" s="64"/>
      <c r="E1067" s="55"/>
      <c r="F1067" s="74"/>
      <c r="G1067" s="74"/>
      <c r="H1067" s="74"/>
      <c r="I1067" s="75"/>
      <c r="J1067" s="74"/>
      <c r="L1067" s="55"/>
      <c r="M1067" s="234"/>
      <c r="N1067" s="65"/>
      <c r="O1067" s="76"/>
      <c r="P1067" s="76"/>
      <c r="Q1067" s="65"/>
      <c r="R1067" s="76"/>
      <c r="S1067" s="76"/>
      <c r="T1067" s="76"/>
      <c r="U1067" s="76"/>
      <c r="V1067" s="76"/>
      <c r="W1067" s="76"/>
      <c r="X1067" s="76"/>
      <c r="Y1067" s="76"/>
      <c r="Z1067" s="76"/>
      <c r="AA1067" s="85"/>
      <c r="AB1067" s="85"/>
      <c r="AC1067" s="85"/>
      <c r="AD1067" s="85"/>
      <c r="AE1067" s="85"/>
      <c r="AF1067" s="85"/>
      <c r="AG1067" s="86"/>
      <c r="AH1067" s="85"/>
      <c r="AI1067" s="85"/>
      <c r="AJ1067" s="85"/>
      <c r="AK1067" s="85"/>
      <c r="AL1067" s="85"/>
      <c r="AM1067" s="92"/>
      <c r="AN1067" s="92"/>
      <c r="AO1067" s="92"/>
      <c r="AP1067" s="92"/>
      <c r="AQ1067" s="92"/>
      <c r="AR1067" s="92"/>
      <c r="AS1067" s="92"/>
      <c r="AT1067" s="92"/>
      <c r="AU1067" s="92"/>
      <c r="AV1067" s="92"/>
      <c r="AW1067" s="92"/>
      <c r="AX1067" s="92"/>
      <c r="AY1067" s="92"/>
      <c r="AZ1067" s="93"/>
      <c r="BA1067" s="93"/>
      <c r="BB1067" s="93"/>
      <c r="BC1067" s="93"/>
      <c r="BD1067" s="93"/>
      <c r="BE1067" s="93"/>
      <c r="BF1067" s="93"/>
      <c r="BG1067" s="93"/>
      <c r="BH1067" s="93"/>
      <c r="BI1067" s="93"/>
      <c r="BJ1067" s="93"/>
      <c r="BK1067" s="93"/>
      <c r="BL1067" s="93"/>
    </row>
    <row r="1068" spans="2:64" x14ac:dyDescent="0.2">
      <c r="B1068" s="43"/>
      <c r="C1068" s="73"/>
      <c r="D1068" s="64"/>
      <c r="E1068" s="55"/>
      <c r="F1068" s="74"/>
      <c r="G1068" s="74"/>
      <c r="H1068" s="74"/>
      <c r="I1068" s="75"/>
      <c r="J1068" s="74"/>
      <c r="L1068" s="55"/>
      <c r="M1068" s="234"/>
      <c r="N1068" s="65"/>
      <c r="O1068" s="76"/>
      <c r="P1068" s="76"/>
      <c r="Q1068" s="65"/>
      <c r="R1068" s="76"/>
      <c r="S1068" s="76"/>
      <c r="T1068" s="76"/>
      <c r="U1068" s="76"/>
      <c r="V1068" s="76"/>
      <c r="W1068" s="76"/>
      <c r="X1068" s="76"/>
      <c r="Y1068" s="76"/>
      <c r="Z1068" s="76"/>
      <c r="AA1068" s="85"/>
      <c r="AB1068" s="85"/>
      <c r="AC1068" s="85"/>
      <c r="AD1068" s="85"/>
      <c r="AE1068" s="85"/>
      <c r="AF1068" s="85"/>
      <c r="AG1068" s="86"/>
      <c r="AH1068" s="85"/>
      <c r="AI1068" s="85"/>
      <c r="AJ1068" s="85"/>
      <c r="AK1068" s="85"/>
      <c r="AL1068" s="85"/>
      <c r="AM1068" s="92"/>
      <c r="AN1068" s="92"/>
      <c r="AO1068" s="92"/>
      <c r="AP1068" s="92"/>
      <c r="AQ1068" s="92"/>
      <c r="AR1068" s="92"/>
      <c r="AS1068" s="92"/>
      <c r="AT1068" s="92"/>
      <c r="AU1068" s="92"/>
      <c r="AV1068" s="92"/>
      <c r="AW1068" s="92"/>
      <c r="AX1068" s="92"/>
      <c r="AY1068" s="92"/>
      <c r="AZ1068" s="93"/>
      <c r="BA1068" s="93"/>
      <c r="BB1068" s="93"/>
      <c r="BC1068" s="93"/>
      <c r="BD1068" s="93"/>
      <c r="BE1068" s="93"/>
      <c r="BF1068" s="93"/>
      <c r="BG1068" s="93"/>
      <c r="BH1068" s="93"/>
      <c r="BI1068" s="93"/>
      <c r="BJ1068" s="93"/>
      <c r="BK1068" s="93"/>
      <c r="BL1068" s="93"/>
    </row>
    <row r="1069" spans="2:64" x14ac:dyDescent="0.2">
      <c r="B1069" s="43"/>
      <c r="C1069" s="73"/>
      <c r="D1069" s="64"/>
      <c r="E1069" s="55"/>
      <c r="F1069" s="74"/>
      <c r="G1069" s="74"/>
      <c r="H1069" s="74"/>
      <c r="I1069" s="75"/>
      <c r="J1069" s="74"/>
      <c r="L1069" s="55"/>
      <c r="M1069" s="234"/>
      <c r="N1069" s="65"/>
      <c r="O1069" s="76"/>
      <c r="P1069" s="76"/>
      <c r="Q1069" s="65"/>
      <c r="R1069" s="76"/>
      <c r="S1069" s="76"/>
      <c r="T1069" s="76"/>
      <c r="U1069" s="76"/>
      <c r="V1069" s="76"/>
      <c r="W1069" s="76"/>
      <c r="X1069" s="76"/>
      <c r="Y1069" s="76"/>
      <c r="Z1069" s="76"/>
      <c r="AA1069" s="85"/>
      <c r="AB1069" s="85"/>
      <c r="AC1069" s="85"/>
      <c r="AD1069" s="85"/>
      <c r="AE1069" s="85"/>
      <c r="AF1069" s="85"/>
      <c r="AG1069" s="86"/>
      <c r="AH1069" s="85"/>
      <c r="AI1069" s="85"/>
      <c r="AJ1069" s="85"/>
      <c r="AK1069" s="85"/>
      <c r="AL1069" s="85"/>
      <c r="AM1069" s="92"/>
      <c r="AN1069" s="92"/>
      <c r="AO1069" s="92"/>
      <c r="AP1069" s="92"/>
      <c r="AQ1069" s="92"/>
      <c r="AR1069" s="92"/>
      <c r="AS1069" s="92"/>
      <c r="AT1069" s="92"/>
      <c r="AU1069" s="92"/>
      <c r="AV1069" s="92"/>
      <c r="AW1069" s="92"/>
      <c r="AX1069" s="92"/>
      <c r="AY1069" s="92"/>
      <c r="AZ1069" s="93"/>
      <c r="BA1069" s="93"/>
      <c r="BB1069" s="93"/>
      <c r="BC1069" s="93"/>
      <c r="BD1069" s="93"/>
      <c r="BE1069" s="93"/>
      <c r="BF1069" s="93"/>
      <c r="BG1069" s="93"/>
      <c r="BH1069" s="93"/>
      <c r="BI1069" s="93"/>
      <c r="BJ1069" s="93"/>
      <c r="BK1069" s="93"/>
      <c r="BL1069" s="93"/>
    </row>
    <row r="1070" spans="2:64" x14ac:dyDescent="0.2">
      <c r="B1070" s="43"/>
      <c r="C1070" s="73"/>
      <c r="D1070" s="64"/>
      <c r="E1070" s="55"/>
      <c r="F1070" s="74"/>
      <c r="G1070" s="74"/>
      <c r="H1070" s="74"/>
      <c r="I1070" s="75"/>
      <c r="J1070" s="74"/>
      <c r="L1070" s="55"/>
      <c r="M1070" s="234"/>
      <c r="N1070" s="65"/>
      <c r="O1070" s="76"/>
      <c r="P1070" s="76"/>
      <c r="Q1070" s="65"/>
      <c r="R1070" s="76"/>
      <c r="S1070" s="76"/>
      <c r="T1070" s="76"/>
      <c r="U1070" s="76"/>
      <c r="V1070" s="76"/>
      <c r="W1070" s="76"/>
      <c r="X1070" s="76"/>
      <c r="Y1070" s="76"/>
      <c r="Z1070" s="76"/>
      <c r="AA1070" s="85"/>
      <c r="AB1070" s="85"/>
      <c r="AC1070" s="85"/>
      <c r="AD1070" s="85"/>
      <c r="AE1070" s="85"/>
      <c r="AF1070" s="85"/>
      <c r="AG1070" s="86"/>
      <c r="AH1070" s="85"/>
      <c r="AI1070" s="85"/>
      <c r="AJ1070" s="85"/>
      <c r="AK1070" s="85"/>
      <c r="AL1070" s="85"/>
      <c r="AM1070" s="92"/>
      <c r="AN1070" s="92"/>
      <c r="AO1070" s="92"/>
      <c r="AP1070" s="92"/>
      <c r="AQ1070" s="92"/>
      <c r="AR1070" s="92"/>
      <c r="AS1070" s="92"/>
      <c r="AT1070" s="92"/>
      <c r="AU1070" s="92"/>
      <c r="AV1070" s="92"/>
      <c r="AW1070" s="92"/>
      <c r="AX1070" s="92"/>
      <c r="AY1070" s="92"/>
      <c r="AZ1070" s="93"/>
      <c r="BA1070" s="93"/>
      <c r="BB1070" s="93"/>
      <c r="BC1070" s="93"/>
      <c r="BD1070" s="93"/>
      <c r="BE1070" s="93"/>
      <c r="BF1070" s="93"/>
      <c r="BG1070" s="93"/>
      <c r="BH1070" s="93"/>
      <c r="BI1070" s="93"/>
      <c r="BJ1070" s="93"/>
      <c r="BK1070" s="93"/>
      <c r="BL1070" s="93"/>
    </row>
    <row r="1071" spans="2:64" x14ac:dyDescent="0.2">
      <c r="B1071" s="43"/>
      <c r="C1071" s="73"/>
      <c r="D1071" s="64"/>
      <c r="E1071" s="55"/>
      <c r="F1071" s="74"/>
      <c r="G1071" s="74"/>
      <c r="H1071" s="74"/>
      <c r="I1071" s="75"/>
      <c r="J1071" s="74"/>
      <c r="L1071" s="55"/>
      <c r="M1071" s="234"/>
      <c r="N1071" s="65"/>
      <c r="O1071" s="76"/>
      <c r="P1071" s="76"/>
      <c r="Q1071" s="65"/>
      <c r="R1071" s="76"/>
      <c r="S1071" s="76"/>
      <c r="T1071" s="76"/>
      <c r="U1071" s="76"/>
      <c r="V1071" s="76"/>
      <c r="W1071" s="76"/>
      <c r="X1071" s="76"/>
      <c r="Y1071" s="76"/>
      <c r="Z1071" s="76"/>
      <c r="AA1071" s="85"/>
      <c r="AB1071" s="85"/>
      <c r="AC1071" s="85"/>
      <c r="AD1071" s="85"/>
      <c r="AE1071" s="85"/>
      <c r="AF1071" s="85"/>
      <c r="AG1071" s="86"/>
      <c r="AH1071" s="85"/>
      <c r="AI1071" s="85"/>
      <c r="AJ1071" s="85"/>
      <c r="AK1071" s="85"/>
      <c r="AL1071" s="85"/>
      <c r="AM1071" s="92"/>
      <c r="AN1071" s="92"/>
      <c r="AO1071" s="92"/>
      <c r="AP1071" s="92"/>
      <c r="AQ1071" s="92"/>
      <c r="AR1071" s="92"/>
      <c r="AS1071" s="92"/>
      <c r="AT1071" s="92"/>
      <c r="AU1071" s="92"/>
      <c r="AV1071" s="92"/>
      <c r="AW1071" s="92"/>
      <c r="AX1071" s="92"/>
      <c r="AY1071" s="92"/>
      <c r="AZ1071" s="93"/>
      <c r="BA1071" s="93"/>
      <c r="BB1071" s="93"/>
      <c r="BC1071" s="93"/>
      <c r="BD1071" s="93"/>
      <c r="BE1071" s="93"/>
      <c r="BF1071" s="93"/>
      <c r="BG1071" s="93"/>
      <c r="BH1071" s="93"/>
      <c r="BI1071" s="93"/>
      <c r="BJ1071" s="93"/>
      <c r="BK1071" s="93"/>
      <c r="BL1071" s="93"/>
    </row>
    <row r="1072" spans="2:64" x14ac:dyDescent="0.2">
      <c r="B1072" s="43"/>
      <c r="C1072" s="73"/>
      <c r="D1072" s="64"/>
      <c r="E1072" s="55"/>
      <c r="F1072" s="74"/>
      <c r="G1072" s="74"/>
      <c r="H1072" s="74"/>
      <c r="I1072" s="75"/>
      <c r="J1072" s="74"/>
      <c r="L1072" s="55"/>
      <c r="M1072" s="234"/>
      <c r="N1072" s="65"/>
      <c r="O1072" s="76"/>
      <c r="P1072" s="76"/>
      <c r="Q1072" s="65"/>
      <c r="R1072" s="76"/>
      <c r="S1072" s="76"/>
      <c r="T1072" s="76"/>
      <c r="U1072" s="76"/>
      <c r="V1072" s="76"/>
      <c r="W1072" s="76"/>
      <c r="X1072" s="76"/>
      <c r="Y1072" s="76"/>
      <c r="Z1072" s="76"/>
      <c r="AA1072" s="85"/>
      <c r="AB1072" s="85"/>
      <c r="AC1072" s="85"/>
      <c r="AD1072" s="85"/>
      <c r="AE1072" s="85"/>
      <c r="AF1072" s="85"/>
      <c r="AG1072" s="86"/>
      <c r="AH1072" s="85"/>
      <c r="AI1072" s="85"/>
      <c r="AJ1072" s="85"/>
      <c r="AK1072" s="85"/>
      <c r="AL1072" s="85"/>
      <c r="AM1072" s="92"/>
      <c r="AN1072" s="92"/>
      <c r="AO1072" s="92"/>
      <c r="AP1072" s="92"/>
      <c r="AQ1072" s="92"/>
      <c r="AR1072" s="92"/>
      <c r="AS1072" s="92"/>
      <c r="AT1072" s="92"/>
      <c r="AU1072" s="92"/>
      <c r="AV1072" s="92"/>
      <c r="AW1072" s="92"/>
      <c r="AX1072" s="92"/>
      <c r="AY1072" s="92"/>
      <c r="AZ1072" s="93"/>
      <c r="BA1072" s="93"/>
      <c r="BB1072" s="93"/>
      <c r="BC1072" s="93"/>
      <c r="BD1072" s="93"/>
      <c r="BE1072" s="93"/>
      <c r="BF1072" s="93"/>
      <c r="BG1072" s="93"/>
      <c r="BH1072" s="93"/>
      <c r="BI1072" s="93"/>
      <c r="BJ1072" s="93"/>
      <c r="BK1072" s="93"/>
      <c r="BL1072" s="93"/>
    </row>
    <row r="1073" spans="2:64" x14ac:dyDescent="0.2">
      <c r="B1073" s="43"/>
      <c r="C1073" s="73"/>
      <c r="D1073" s="64"/>
      <c r="E1073" s="55"/>
      <c r="F1073" s="74"/>
      <c r="G1073" s="74"/>
      <c r="H1073" s="74"/>
      <c r="I1073" s="75"/>
      <c r="J1073" s="74"/>
      <c r="L1073" s="55"/>
      <c r="M1073" s="234"/>
      <c r="N1073" s="65"/>
      <c r="O1073" s="76"/>
      <c r="P1073" s="76"/>
      <c r="Q1073" s="65"/>
      <c r="R1073" s="76"/>
      <c r="S1073" s="76"/>
      <c r="T1073" s="76"/>
      <c r="U1073" s="76"/>
      <c r="V1073" s="76"/>
      <c r="W1073" s="76"/>
      <c r="X1073" s="76"/>
      <c r="Y1073" s="76"/>
      <c r="Z1073" s="76"/>
      <c r="AA1073" s="85"/>
      <c r="AB1073" s="85"/>
      <c r="AC1073" s="85"/>
      <c r="AD1073" s="85"/>
      <c r="AE1073" s="85"/>
      <c r="AF1073" s="85"/>
      <c r="AG1073" s="86"/>
      <c r="AH1073" s="85"/>
      <c r="AI1073" s="85"/>
      <c r="AJ1073" s="85"/>
      <c r="AK1073" s="85"/>
      <c r="AL1073" s="85"/>
      <c r="AM1073" s="92"/>
      <c r="AN1073" s="92"/>
      <c r="AO1073" s="92"/>
      <c r="AP1073" s="92"/>
      <c r="AQ1073" s="92"/>
      <c r="AR1073" s="92"/>
      <c r="AS1073" s="92"/>
      <c r="AT1073" s="92"/>
      <c r="AU1073" s="92"/>
      <c r="AV1073" s="92"/>
      <c r="AW1073" s="92"/>
      <c r="AX1073" s="92"/>
      <c r="AY1073" s="92"/>
      <c r="AZ1073" s="93"/>
      <c r="BA1073" s="93"/>
      <c r="BB1073" s="93"/>
      <c r="BC1073" s="93"/>
      <c r="BD1073" s="93"/>
      <c r="BE1073" s="93"/>
      <c r="BF1073" s="93"/>
      <c r="BG1073" s="93"/>
      <c r="BH1073" s="93"/>
      <c r="BI1073" s="93"/>
      <c r="BJ1073" s="93"/>
      <c r="BK1073" s="93"/>
      <c r="BL1073" s="93"/>
    </row>
    <row r="1074" spans="2:64" x14ac:dyDescent="0.2">
      <c r="B1074" s="43"/>
      <c r="C1074" s="73"/>
      <c r="D1074" s="64"/>
      <c r="E1074" s="55"/>
      <c r="F1074" s="74"/>
      <c r="G1074" s="74"/>
      <c r="H1074" s="74"/>
      <c r="I1074" s="75"/>
      <c r="J1074" s="74"/>
      <c r="L1074" s="55"/>
      <c r="M1074" s="234"/>
      <c r="N1074" s="65"/>
      <c r="O1074" s="76"/>
      <c r="P1074" s="76"/>
      <c r="Q1074" s="65"/>
      <c r="R1074" s="76"/>
      <c r="S1074" s="76"/>
      <c r="T1074" s="76"/>
      <c r="U1074" s="76"/>
      <c r="V1074" s="76"/>
      <c r="W1074" s="76"/>
      <c r="X1074" s="76"/>
      <c r="Y1074" s="76"/>
      <c r="Z1074" s="76"/>
      <c r="AA1074" s="85"/>
      <c r="AB1074" s="85"/>
      <c r="AC1074" s="85"/>
      <c r="AD1074" s="85"/>
      <c r="AE1074" s="85"/>
      <c r="AF1074" s="85"/>
      <c r="AG1074" s="86"/>
      <c r="AH1074" s="85"/>
      <c r="AI1074" s="85"/>
      <c r="AJ1074" s="85"/>
      <c r="AK1074" s="85"/>
      <c r="AL1074" s="85"/>
      <c r="AM1074" s="92"/>
      <c r="AN1074" s="92"/>
      <c r="AO1074" s="92"/>
      <c r="AP1074" s="92"/>
      <c r="AQ1074" s="92"/>
      <c r="AR1074" s="92"/>
      <c r="AS1074" s="92"/>
      <c r="AT1074" s="92"/>
      <c r="AU1074" s="92"/>
      <c r="AV1074" s="92"/>
      <c r="AW1074" s="92"/>
      <c r="AX1074" s="92"/>
      <c r="AY1074" s="92"/>
      <c r="AZ1074" s="93"/>
      <c r="BA1074" s="93"/>
      <c r="BB1074" s="93"/>
      <c r="BC1074" s="93"/>
      <c r="BD1074" s="93"/>
      <c r="BE1074" s="93"/>
      <c r="BF1074" s="93"/>
      <c r="BG1074" s="93"/>
      <c r="BH1074" s="93"/>
      <c r="BI1074" s="93"/>
      <c r="BJ1074" s="93"/>
      <c r="BK1074" s="93"/>
      <c r="BL1074" s="93"/>
    </row>
    <row r="1075" spans="2:64" x14ac:dyDescent="0.2">
      <c r="B1075" s="43"/>
      <c r="C1075" s="73"/>
      <c r="D1075" s="64"/>
      <c r="E1075" s="55"/>
      <c r="F1075" s="74"/>
      <c r="G1075" s="74"/>
      <c r="H1075" s="74"/>
      <c r="I1075" s="75"/>
      <c r="J1075" s="74"/>
      <c r="L1075" s="55"/>
      <c r="M1075" s="234"/>
      <c r="N1075" s="65"/>
      <c r="O1075" s="76"/>
      <c r="P1075" s="76"/>
      <c r="Q1075" s="65"/>
      <c r="R1075" s="76"/>
      <c r="S1075" s="76"/>
      <c r="T1075" s="76"/>
      <c r="U1075" s="76"/>
      <c r="V1075" s="76"/>
      <c r="W1075" s="76"/>
      <c r="X1075" s="76"/>
      <c r="Y1075" s="76"/>
      <c r="Z1075" s="76"/>
      <c r="AA1075" s="85"/>
      <c r="AB1075" s="85"/>
      <c r="AC1075" s="85"/>
      <c r="AD1075" s="85"/>
      <c r="AE1075" s="85"/>
      <c r="AF1075" s="85"/>
      <c r="AG1075" s="86"/>
      <c r="AH1075" s="85"/>
      <c r="AI1075" s="85"/>
      <c r="AJ1075" s="85"/>
      <c r="AK1075" s="85"/>
      <c r="AL1075" s="85"/>
      <c r="AM1075" s="92"/>
      <c r="AN1075" s="92"/>
      <c r="AO1075" s="92"/>
      <c r="AP1075" s="92"/>
      <c r="AQ1075" s="92"/>
      <c r="AR1075" s="92"/>
      <c r="AS1075" s="92"/>
      <c r="AT1075" s="92"/>
      <c r="AU1075" s="92"/>
      <c r="AV1075" s="92"/>
      <c r="AW1075" s="92"/>
      <c r="AX1075" s="92"/>
      <c r="AY1075" s="92"/>
      <c r="AZ1075" s="93"/>
      <c r="BA1075" s="93"/>
      <c r="BB1075" s="93"/>
      <c r="BC1075" s="93"/>
      <c r="BD1075" s="93"/>
      <c r="BE1075" s="93"/>
      <c r="BF1075" s="93"/>
      <c r="BG1075" s="93"/>
      <c r="BH1075" s="93"/>
      <c r="BI1075" s="93"/>
      <c r="BJ1075" s="93"/>
      <c r="BK1075" s="93"/>
      <c r="BL1075" s="93"/>
    </row>
    <row r="1076" spans="2:64" x14ac:dyDescent="0.2">
      <c r="B1076" s="43"/>
      <c r="C1076" s="73"/>
      <c r="D1076" s="64"/>
      <c r="E1076" s="55"/>
      <c r="F1076" s="74"/>
      <c r="G1076" s="74"/>
      <c r="H1076" s="74"/>
      <c r="I1076" s="75"/>
      <c r="J1076" s="74"/>
      <c r="L1076" s="55"/>
      <c r="M1076" s="234"/>
      <c r="N1076" s="65"/>
      <c r="O1076" s="76"/>
      <c r="P1076" s="76"/>
      <c r="Q1076" s="65"/>
      <c r="R1076" s="76"/>
      <c r="S1076" s="76"/>
      <c r="T1076" s="76"/>
      <c r="U1076" s="76"/>
      <c r="V1076" s="76"/>
      <c r="W1076" s="76"/>
      <c r="X1076" s="76"/>
      <c r="Y1076" s="76"/>
      <c r="Z1076" s="76"/>
      <c r="AA1076" s="85"/>
      <c r="AB1076" s="85"/>
      <c r="AC1076" s="85"/>
      <c r="AD1076" s="85"/>
      <c r="AE1076" s="85"/>
      <c r="AF1076" s="85"/>
      <c r="AG1076" s="86"/>
      <c r="AH1076" s="85"/>
      <c r="AI1076" s="85"/>
      <c r="AJ1076" s="85"/>
      <c r="AK1076" s="85"/>
      <c r="AL1076" s="85"/>
      <c r="AM1076" s="92"/>
      <c r="AN1076" s="92"/>
      <c r="AO1076" s="92"/>
      <c r="AP1076" s="92"/>
      <c r="AQ1076" s="92"/>
      <c r="AR1076" s="92"/>
      <c r="AS1076" s="92"/>
      <c r="AT1076" s="92"/>
      <c r="AU1076" s="92"/>
      <c r="AV1076" s="92"/>
      <c r="AW1076" s="92"/>
      <c r="AX1076" s="92"/>
      <c r="AY1076" s="92"/>
      <c r="AZ1076" s="93"/>
      <c r="BA1076" s="93"/>
      <c r="BB1076" s="93"/>
      <c r="BC1076" s="93"/>
      <c r="BD1076" s="93"/>
      <c r="BE1076" s="93"/>
      <c r="BF1076" s="93"/>
      <c r="BG1076" s="93"/>
      <c r="BH1076" s="93"/>
      <c r="BI1076" s="93"/>
      <c r="BJ1076" s="93"/>
      <c r="BK1076" s="93"/>
      <c r="BL1076" s="93"/>
    </row>
    <row r="1077" spans="2:64" x14ac:dyDescent="0.2">
      <c r="B1077" s="43"/>
      <c r="C1077" s="73"/>
      <c r="D1077" s="64"/>
      <c r="E1077" s="55"/>
      <c r="F1077" s="74"/>
      <c r="G1077" s="74"/>
      <c r="H1077" s="74"/>
      <c r="I1077" s="75"/>
      <c r="J1077" s="74"/>
      <c r="L1077" s="55"/>
      <c r="M1077" s="234"/>
      <c r="N1077" s="65"/>
      <c r="O1077" s="76"/>
      <c r="P1077" s="76"/>
      <c r="Q1077" s="65"/>
      <c r="R1077" s="76"/>
      <c r="S1077" s="76"/>
      <c r="T1077" s="76"/>
      <c r="U1077" s="76"/>
      <c r="V1077" s="76"/>
      <c r="W1077" s="76"/>
      <c r="X1077" s="76"/>
      <c r="Y1077" s="76"/>
      <c r="Z1077" s="76"/>
      <c r="AA1077" s="85"/>
      <c r="AB1077" s="85"/>
      <c r="AC1077" s="85"/>
      <c r="AD1077" s="85"/>
      <c r="AE1077" s="85"/>
      <c r="AF1077" s="85"/>
      <c r="AG1077" s="86"/>
      <c r="AH1077" s="85"/>
      <c r="AI1077" s="85"/>
      <c r="AJ1077" s="85"/>
      <c r="AK1077" s="85"/>
      <c r="AL1077" s="85"/>
      <c r="AM1077" s="92"/>
      <c r="AN1077" s="92"/>
      <c r="AO1077" s="92"/>
      <c r="AP1077" s="92"/>
      <c r="AQ1077" s="92"/>
      <c r="AR1077" s="92"/>
      <c r="AS1077" s="92"/>
      <c r="AT1077" s="92"/>
      <c r="AU1077" s="92"/>
      <c r="AV1077" s="92"/>
      <c r="AW1077" s="92"/>
      <c r="AX1077" s="92"/>
      <c r="AY1077" s="92"/>
      <c r="AZ1077" s="93"/>
      <c r="BA1077" s="93"/>
      <c r="BB1077" s="93"/>
      <c r="BC1077" s="93"/>
      <c r="BD1077" s="93"/>
      <c r="BE1077" s="93"/>
      <c r="BF1077" s="93"/>
      <c r="BG1077" s="93"/>
      <c r="BH1077" s="93"/>
      <c r="BI1077" s="93"/>
      <c r="BJ1077" s="93"/>
      <c r="BK1077" s="93"/>
      <c r="BL1077" s="93"/>
    </row>
    <row r="1078" spans="2:64" x14ac:dyDescent="0.2">
      <c r="B1078" s="43"/>
      <c r="C1078" s="73"/>
      <c r="D1078" s="64"/>
      <c r="E1078" s="55"/>
      <c r="F1078" s="74"/>
      <c r="G1078" s="74"/>
      <c r="H1078" s="74"/>
      <c r="I1078" s="75"/>
      <c r="J1078" s="74"/>
      <c r="L1078" s="55"/>
      <c r="M1078" s="234"/>
      <c r="N1078" s="65"/>
      <c r="O1078" s="76"/>
      <c r="P1078" s="76"/>
      <c r="Q1078" s="65"/>
      <c r="R1078" s="76"/>
      <c r="S1078" s="76"/>
      <c r="T1078" s="76"/>
      <c r="U1078" s="76"/>
      <c r="V1078" s="76"/>
      <c r="W1078" s="76"/>
      <c r="X1078" s="76"/>
      <c r="Y1078" s="76"/>
      <c r="Z1078" s="76"/>
      <c r="AA1078" s="85"/>
      <c r="AB1078" s="85"/>
      <c r="AC1078" s="85"/>
      <c r="AD1078" s="85"/>
      <c r="AE1078" s="85"/>
      <c r="AF1078" s="85"/>
      <c r="AG1078" s="86"/>
      <c r="AH1078" s="85"/>
      <c r="AI1078" s="85"/>
      <c r="AJ1078" s="85"/>
      <c r="AK1078" s="85"/>
      <c r="AL1078" s="85"/>
      <c r="AM1078" s="92"/>
      <c r="AN1078" s="92"/>
      <c r="AO1078" s="92"/>
      <c r="AP1078" s="92"/>
      <c r="AQ1078" s="92"/>
      <c r="AR1078" s="92"/>
      <c r="AS1078" s="92"/>
      <c r="AT1078" s="92"/>
      <c r="AU1078" s="92"/>
      <c r="AV1078" s="92"/>
      <c r="AW1078" s="92"/>
      <c r="AX1078" s="92"/>
      <c r="AY1078" s="92"/>
      <c r="AZ1078" s="93"/>
      <c r="BA1078" s="93"/>
      <c r="BB1078" s="93"/>
      <c r="BC1078" s="93"/>
      <c r="BD1078" s="93"/>
      <c r="BE1078" s="93"/>
      <c r="BF1078" s="93"/>
      <c r="BG1078" s="93"/>
      <c r="BH1078" s="93"/>
      <c r="BI1078" s="93"/>
      <c r="BJ1078" s="93"/>
      <c r="BK1078" s="93"/>
      <c r="BL1078" s="93"/>
    </row>
    <row r="1079" spans="2:64" x14ac:dyDescent="0.2">
      <c r="B1079" s="43"/>
      <c r="C1079" s="73"/>
      <c r="D1079" s="64"/>
      <c r="E1079" s="55"/>
      <c r="F1079" s="74"/>
      <c r="G1079" s="74"/>
      <c r="H1079" s="74"/>
      <c r="I1079" s="75"/>
      <c r="J1079" s="74"/>
      <c r="L1079" s="55"/>
      <c r="M1079" s="234"/>
      <c r="N1079" s="65"/>
      <c r="O1079" s="76"/>
      <c r="P1079" s="76"/>
      <c r="Q1079" s="65"/>
      <c r="R1079" s="76"/>
      <c r="S1079" s="76"/>
      <c r="T1079" s="76"/>
      <c r="U1079" s="76"/>
      <c r="V1079" s="76"/>
      <c r="W1079" s="76"/>
      <c r="X1079" s="76"/>
      <c r="Y1079" s="76"/>
      <c r="Z1079" s="76"/>
      <c r="AA1079" s="85"/>
      <c r="AB1079" s="85"/>
      <c r="AC1079" s="85"/>
      <c r="AD1079" s="85"/>
      <c r="AE1079" s="85"/>
      <c r="AF1079" s="85"/>
      <c r="AG1079" s="86"/>
      <c r="AH1079" s="85"/>
      <c r="AI1079" s="85"/>
      <c r="AJ1079" s="85"/>
      <c r="AK1079" s="85"/>
      <c r="AL1079" s="85"/>
      <c r="AM1079" s="92"/>
      <c r="AN1079" s="92"/>
      <c r="AO1079" s="92"/>
      <c r="AP1079" s="92"/>
      <c r="AQ1079" s="92"/>
      <c r="AR1079" s="92"/>
      <c r="AS1079" s="92"/>
      <c r="AT1079" s="92"/>
      <c r="AU1079" s="92"/>
      <c r="AV1079" s="92"/>
      <c r="AW1079" s="92"/>
      <c r="AX1079" s="92"/>
      <c r="AY1079" s="92"/>
      <c r="AZ1079" s="93"/>
      <c r="BA1079" s="93"/>
      <c r="BB1079" s="93"/>
      <c r="BC1079" s="93"/>
      <c r="BD1079" s="93"/>
      <c r="BE1079" s="93"/>
      <c r="BF1079" s="93"/>
      <c r="BG1079" s="93"/>
      <c r="BH1079" s="93"/>
      <c r="BI1079" s="93"/>
      <c r="BJ1079" s="93"/>
      <c r="BK1079" s="93"/>
      <c r="BL1079" s="93"/>
    </row>
    <row r="1080" spans="2:64" x14ac:dyDescent="0.2">
      <c r="B1080" s="43"/>
      <c r="C1080" s="73"/>
      <c r="D1080" s="64"/>
      <c r="E1080" s="55"/>
      <c r="F1080" s="74"/>
      <c r="G1080" s="74"/>
      <c r="H1080" s="74"/>
      <c r="I1080" s="75"/>
      <c r="J1080" s="74"/>
      <c r="L1080" s="55"/>
      <c r="M1080" s="234"/>
      <c r="N1080" s="65"/>
      <c r="O1080" s="76"/>
      <c r="P1080" s="76"/>
      <c r="Q1080" s="65"/>
      <c r="R1080" s="76"/>
      <c r="S1080" s="76"/>
      <c r="T1080" s="76"/>
      <c r="U1080" s="76"/>
      <c r="V1080" s="76"/>
      <c r="W1080" s="76"/>
      <c r="X1080" s="76"/>
      <c r="Y1080" s="76"/>
      <c r="Z1080" s="76"/>
      <c r="AA1080" s="85"/>
      <c r="AB1080" s="85"/>
      <c r="AC1080" s="85"/>
      <c r="AD1080" s="85"/>
      <c r="AE1080" s="85"/>
      <c r="AF1080" s="85"/>
      <c r="AG1080" s="86"/>
      <c r="AH1080" s="85"/>
      <c r="AI1080" s="85"/>
      <c r="AJ1080" s="85"/>
      <c r="AK1080" s="85"/>
      <c r="AL1080" s="85"/>
      <c r="AM1080" s="92"/>
      <c r="AN1080" s="92"/>
      <c r="AO1080" s="92"/>
      <c r="AP1080" s="92"/>
      <c r="AQ1080" s="92"/>
      <c r="AR1080" s="92"/>
      <c r="AS1080" s="92"/>
      <c r="AT1080" s="92"/>
      <c r="AU1080" s="92"/>
      <c r="AV1080" s="92"/>
      <c r="AW1080" s="92"/>
      <c r="AX1080" s="92"/>
      <c r="AY1080" s="92"/>
      <c r="AZ1080" s="93"/>
      <c r="BA1080" s="93"/>
      <c r="BB1080" s="93"/>
      <c r="BC1080" s="93"/>
      <c r="BD1080" s="93"/>
      <c r="BE1080" s="93"/>
      <c r="BF1080" s="93"/>
      <c r="BG1080" s="93"/>
      <c r="BH1080" s="93"/>
      <c r="BI1080" s="93"/>
      <c r="BJ1080" s="93"/>
      <c r="BK1080" s="93"/>
      <c r="BL1080" s="93"/>
    </row>
    <row r="1081" spans="2:64" x14ac:dyDescent="0.2">
      <c r="B1081" s="43"/>
      <c r="C1081" s="73"/>
      <c r="D1081" s="64"/>
      <c r="E1081" s="55"/>
      <c r="F1081" s="74"/>
      <c r="G1081" s="74"/>
      <c r="H1081" s="74"/>
      <c r="I1081" s="75"/>
      <c r="J1081" s="74"/>
      <c r="L1081" s="55"/>
      <c r="M1081" s="234"/>
      <c r="N1081" s="65"/>
      <c r="O1081" s="76"/>
      <c r="P1081" s="76"/>
      <c r="Q1081" s="65"/>
      <c r="R1081" s="76"/>
      <c r="S1081" s="76"/>
      <c r="T1081" s="76"/>
      <c r="U1081" s="76"/>
      <c r="V1081" s="76"/>
      <c r="W1081" s="76"/>
      <c r="X1081" s="76"/>
      <c r="Y1081" s="76"/>
      <c r="Z1081" s="76"/>
      <c r="AA1081" s="85"/>
      <c r="AB1081" s="85"/>
      <c r="AC1081" s="85"/>
      <c r="AD1081" s="85"/>
      <c r="AE1081" s="85"/>
      <c r="AF1081" s="85"/>
      <c r="AG1081" s="86"/>
      <c r="AH1081" s="85"/>
      <c r="AI1081" s="85"/>
      <c r="AJ1081" s="85"/>
      <c r="AK1081" s="85"/>
      <c r="AL1081" s="85"/>
      <c r="AM1081" s="92"/>
      <c r="AN1081" s="92"/>
      <c r="AO1081" s="92"/>
      <c r="AP1081" s="92"/>
      <c r="AQ1081" s="92"/>
      <c r="AR1081" s="92"/>
      <c r="AS1081" s="92"/>
      <c r="AT1081" s="92"/>
      <c r="AU1081" s="92"/>
      <c r="AV1081" s="92"/>
      <c r="AW1081" s="92"/>
      <c r="AX1081" s="92"/>
      <c r="AY1081" s="92"/>
      <c r="AZ1081" s="93"/>
      <c r="BA1081" s="93"/>
      <c r="BB1081" s="93"/>
      <c r="BC1081" s="93"/>
      <c r="BD1081" s="93"/>
      <c r="BE1081" s="93"/>
      <c r="BF1081" s="93"/>
      <c r="BG1081" s="93"/>
      <c r="BH1081" s="93"/>
      <c r="BI1081" s="93"/>
      <c r="BJ1081" s="93"/>
      <c r="BK1081" s="93"/>
      <c r="BL1081" s="93"/>
    </row>
    <row r="1082" spans="2:64" x14ac:dyDescent="0.2">
      <c r="B1082" s="43"/>
      <c r="C1082" s="73"/>
      <c r="D1082" s="64"/>
      <c r="E1082" s="55"/>
      <c r="F1082" s="74"/>
      <c r="G1082" s="74"/>
      <c r="H1082" s="74"/>
      <c r="I1082" s="75"/>
      <c r="J1082" s="74"/>
      <c r="L1082" s="55"/>
      <c r="M1082" s="234"/>
      <c r="N1082" s="65"/>
      <c r="O1082" s="76"/>
      <c r="P1082" s="76"/>
      <c r="Q1082" s="65"/>
      <c r="R1082" s="76"/>
      <c r="S1082" s="76"/>
      <c r="T1082" s="76"/>
      <c r="U1082" s="76"/>
      <c r="V1082" s="76"/>
      <c r="W1082" s="76"/>
      <c r="X1082" s="76"/>
      <c r="Y1082" s="76"/>
      <c r="Z1082" s="76"/>
      <c r="AA1082" s="85"/>
      <c r="AB1082" s="85"/>
      <c r="AC1082" s="85"/>
      <c r="AD1082" s="85"/>
      <c r="AE1082" s="85"/>
      <c r="AF1082" s="85"/>
      <c r="AG1082" s="86"/>
      <c r="AH1082" s="85"/>
      <c r="AI1082" s="85"/>
      <c r="AJ1082" s="85"/>
      <c r="AK1082" s="85"/>
      <c r="AL1082" s="85"/>
      <c r="AM1082" s="92"/>
      <c r="AN1082" s="92"/>
      <c r="AO1082" s="92"/>
      <c r="AP1082" s="92"/>
      <c r="AQ1082" s="92"/>
      <c r="AR1082" s="92"/>
      <c r="AS1082" s="92"/>
      <c r="AT1082" s="92"/>
      <c r="AU1082" s="92"/>
      <c r="AV1082" s="92"/>
      <c r="AW1082" s="92"/>
      <c r="AX1082" s="92"/>
      <c r="AY1082" s="92"/>
      <c r="AZ1082" s="93"/>
      <c r="BA1082" s="93"/>
      <c r="BB1082" s="93"/>
      <c r="BC1082" s="93"/>
      <c r="BD1082" s="93"/>
      <c r="BE1082" s="93"/>
      <c r="BF1082" s="93"/>
      <c r="BG1082" s="93"/>
      <c r="BH1082" s="93"/>
      <c r="BI1082" s="93"/>
      <c r="BJ1082" s="93"/>
      <c r="BK1082" s="93"/>
      <c r="BL1082" s="93"/>
    </row>
    <row r="1083" spans="2:64" x14ac:dyDescent="0.2">
      <c r="B1083" s="43"/>
      <c r="C1083" s="73"/>
      <c r="D1083" s="64"/>
      <c r="E1083" s="55"/>
      <c r="F1083" s="74"/>
      <c r="G1083" s="74"/>
      <c r="H1083" s="74"/>
      <c r="I1083" s="75"/>
      <c r="J1083" s="74"/>
      <c r="L1083" s="55"/>
      <c r="M1083" s="234"/>
      <c r="N1083" s="65"/>
      <c r="O1083" s="76"/>
      <c r="P1083" s="76"/>
      <c r="Q1083" s="65"/>
      <c r="R1083" s="76"/>
      <c r="S1083" s="76"/>
      <c r="T1083" s="76"/>
      <c r="U1083" s="76"/>
      <c r="V1083" s="76"/>
      <c r="W1083" s="76"/>
      <c r="X1083" s="76"/>
      <c r="Y1083" s="76"/>
      <c r="Z1083" s="76"/>
      <c r="AA1083" s="85"/>
      <c r="AB1083" s="85"/>
      <c r="AC1083" s="85"/>
      <c r="AD1083" s="85"/>
      <c r="AE1083" s="85"/>
      <c r="AF1083" s="85"/>
      <c r="AG1083" s="86"/>
      <c r="AH1083" s="85"/>
      <c r="AI1083" s="85"/>
      <c r="AJ1083" s="85"/>
      <c r="AK1083" s="85"/>
      <c r="AL1083" s="85"/>
      <c r="AM1083" s="92"/>
      <c r="AN1083" s="92"/>
      <c r="AO1083" s="92"/>
      <c r="AP1083" s="92"/>
      <c r="AQ1083" s="92"/>
      <c r="AR1083" s="92"/>
      <c r="AS1083" s="92"/>
      <c r="AT1083" s="92"/>
      <c r="AU1083" s="92"/>
      <c r="AV1083" s="92"/>
      <c r="AW1083" s="92"/>
      <c r="AX1083" s="92"/>
      <c r="AY1083" s="92"/>
      <c r="AZ1083" s="93"/>
      <c r="BA1083" s="93"/>
      <c r="BB1083" s="93"/>
      <c r="BC1083" s="93"/>
      <c r="BD1083" s="93"/>
      <c r="BE1083" s="93"/>
      <c r="BF1083" s="93"/>
      <c r="BG1083" s="93"/>
      <c r="BH1083" s="93"/>
      <c r="BI1083" s="93"/>
      <c r="BJ1083" s="93"/>
      <c r="BK1083" s="93"/>
      <c r="BL1083" s="93"/>
    </row>
    <row r="1084" spans="2:64" x14ac:dyDescent="0.2">
      <c r="B1084" s="43"/>
      <c r="C1084" s="73"/>
      <c r="D1084" s="64"/>
      <c r="E1084" s="55"/>
      <c r="F1084" s="74"/>
      <c r="G1084" s="74"/>
      <c r="H1084" s="74"/>
      <c r="I1084" s="75"/>
      <c r="J1084" s="74"/>
      <c r="L1084" s="55"/>
      <c r="M1084" s="234"/>
      <c r="N1084" s="65"/>
      <c r="O1084" s="76"/>
      <c r="P1084" s="76"/>
      <c r="Q1084" s="65"/>
      <c r="R1084" s="76"/>
      <c r="S1084" s="76"/>
      <c r="T1084" s="76"/>
      <c r="U1084" s="76"/>
      <c r="V1084" s="76"/>
      <c r="W1084" s="76"/>
      <c r="X1084" s="76"/>
      <c r="Y1084" s="76"/>
      <c r="Z1084" s="76"/>
      <c r="AA1084" s="85"/>
      <c r="AB1084" s="85"/>
      <c r="AC1084" s="85"/>
      <c r="AD1084" s="85"/>
      <c r="AE1084" s="85"/>
      <c r="AF1084" s="85"/>
      <c r="AG1084" s="86"/>
      <c r="AH1084" s="85"/>
      <c r="AI1084" s="85"/>
      <c r="AJ1084" s="85"/>
      <c r="AK1084" s="85"/>
      <c r="AL1084" s="85"/>
      <c r="AM1084" s="92"/>
      <c r="AN1084" s="92"/>
      <c r="AO1084" s="92"/>
      <c r="AP1084" s="92"/>
      <c r="AQ1084" s="92"/>
      <c r="AR1084" s="92"/>
      <c r="AS1084" s="92"/>
      <c r="AT1084" s="92"/>
      <c r="AU1084" s="92"/>
      <c r="AV1084" s="92"/>
      <c r="AW1084" s="92"/>
      <c r="AX1084" s="92"/>
      <c r="AY1084" s="92"/>
      <c r="AZ1084" s="93"/>
      <c r="BA1084" s="93"/>
      <c r="BB1084" s="93"/>
      <c r="BC1084" s="93"/>
      <c r="BD1084" s="93"/>
      <c r="BE1084" s="93"/>
      <c r="BF1084" s="93"/>
      <c r="BG1084" s="93"/>
      <c r="BH1084" s="93"/>
      <c r="BI1084" s="93"/>
      <c r="BJ1084" s="93"/>
      <c r="BK1084" s="93"/>
      <c r="BL1084" s="93"/>
    </row>
    <row r="1085" spans="2:64" x14ac:dyDescent="0.2">
      <c r="B1085" s="43"/>
      <c r="C1085" s="73"/>
      <c r="D1085" s="64"/>
      <c r="E1085" s="55"/>
      <c r="F1085" s="74"/>
      <c r="G1085" s="74"/>
      <c r="H1085" s="74"/>
      <c r="I1085" s="75"/>
      <c r="J1085" s="74"/>
      <c r="L1085" s="55"/>
      <c r="M1085" s="234"/>
      <c r="N1085" s="65"/>
      <c r="O1085" s="76"/>
      <c r="P1085" s="76"/>
      <c r="Q1085" s="65"/>
      <c r="R1085" s="76"/>
      <c r="S1085" s="76"/>
      <c r="T1085" s="76"/>
      <c r="U1085" s="76"/>
      <c r="V1085" s="76"/>
      <c r="W1085" s="76"/>
      <c r="X1085" s="76"/>
      <c r="Y1085" s="76"/>
      <c r="Z1085" s="76"/>
      <c r="AA1085" s="85"/>
      <c r="AB1085" s="85"/>
      <c r="AC1085" s="85"/>
      <c r="AD1085" s="85"/>
      <c r="AE1085" s="85"/>
      <c r="AF1085" s="85"/>
      <c r="AG1085" s="86"/>
      <c r="AH1085" s="85"/>
      <c r="AI1085" s="85"/>
      <c r="AJ1085" s="85"/>
      <c r="AK1085" s="85"/>
      <c r="AL1085" s="85"/>
      <c r="AM1085" s="92"/>
      <c r="AN1085" s="92"/>
      <c r="AO1085" s="92"/>
      <c r="AP1085" s="92"/>
      <c r="AQ1085" s="92"/>
      <c r="AR1085" s="92"/>
      <c r="AS1085" s="92"/>
      <c r="AT1085" s="92"/>
      <c r="AU1085" s="92"/>
      <c r="AV1085" s="92"/>
      <c r="AW1085" s="92"/>
      <c r="AX1085" s="92"/>
      <c r="AY1085" s="92"/>
      <c r="AZ1085" s="93"/>
      <c r="BA1085" s="93"/>
      <c r="BB1085" s="93"/>
      <c r="BC1085" s="93"/>
      <c r="BD1085" s="93"/>
      <c r="BE1085" s="93"/>
      <c r="BF1085" s="93"/>
      <c r="BG1085" s="93"/>
      <c r="BH1085" s="93"/>
      <c r="BI1085" s="93"/>
      <c r="BJ1085" s="93"/>
      <c r="BK1085" s="93"/>
      <c r="BL1085" s="93"/>
    </row>
    <row r="1086" spans="2:64" x14ac:dyDescent="0.2">
      <c r="B1086" s="43"/>
      <c r="C1086" s="73"/>
      <c r="D1086" s="64"/>
      <c r="E1086" s="55"/>
      <c r="F1086" s="74"/>
      <c r="G1086" s="74"/>
      <c r="H1086" s="74"/>
      <c r="I1086" s="75"/>
      <c r="J1086" s="74"/>
      <c r="L1086" s="55"/>
      <c r="M1086" s="234"/>
      <c r="N1086" s="65"/>
      <c r="O1086" s="76"/>
      <c r="P1086" s="76"/>
      <c r="Q1086" s="65"/>
      <c r="R1086" s="76"/>
      <c r="S1086" s="76"/>
      <c r="T1086" s="76"/>
      <c r="U1086" s="76"/>
      <c r="V1086" s="76"/>
      <c r="W1086" s="76"/>
      <c r="X1086" s="76"/>
      <c r="Y1086" s="76"/>
      <c r="Z1086" s="76"/>
      <c r="AA1086" s="85"/>
      <c r="AB1086" s="85"/>
      <c r="AC1086" s="85"/>
      <c r="AD1086" s="85"/>
      <c r="AE1086" s="85"/>
      <c r="AF1086" s="85"/>
      <c r="AG1086" s="86"/>
      <c r="AH1086" s="85"/>
      <c r="AI1086" s="85"/>
      <c r="AJ1086" s="85"/>
      <c r="AK1086" s="85"/>
      <c r="AL1086" s="85"/>
      <c r="AM1086" s="92"/>
      <c r="AN1086" s="92"/>
      <c r="AO1086" s="92"/>
      <c r="AP1086" s="92"/>
      <c r="AQ1086" s="92"/>
      <c r="AR1086" s="92"/>
      <c r="AS1086" s="92"/>
      <c r="AT1086" s="92"/>
      <c r="AU1086" s="92"/>
      <c r="AV1086" s="92"/>
      <c r="AW1086" s="92"/>
      <c r="AX1086" s="92"/>
      <c r="AY1086" s="92"/>
      <c r="AZ1086" s="93"/>
      <c r="BA1086" s="93"/>
      <c r="BB1086" s="93"/>
      <c r="BC1086" s="93"/>
      <c r="BD1086" s="93"/>
      <c r="BE1086" s="93"/>
      <c r="BF1086" s="93"/>
      <c r="BG1086" s="93"/>
      <c r="BH1086" s="93"/>
      <c r="BI1086" s="93"/>
      <c r="BJ1086" s="93"/>
      <c r="BK1086" s="93"/>
      <c r="BL1086" s="93"/>
    </row>
    <row r="1087" spans="2:64" x14ac:dyDescent="0.2">
      <c r="B1087" s="43"/>
      <c r="C1087" s="73"/>
      <c r="D1087" s="64"/>
      <c r="E1087" s="55"/>
      <c r="F1087" s="74"/>
      <c r="G1087" s="74"/>
      <c r="H1087" s="74"/>
      <c r="I1087" s="75"/>
      <c r="J1087" s="74"/>
      <c r="L1087" s="55"/>
      <c r="M1087" s="234"/>
      <c r="N1087" s="65"/>
      <c r="O1087" s="76"/>
      <c r="P1087" s="76"/>
      <c r="Q1087" s="65"/>
      <c r="R1087" s="76"/>
      <c r="S1087" s="76"/>
      <c r="T1087" s="76"/>
      <c r="U1087" s="76"/>
      <c r="V1087" s="76"/>
      <c r="W1087" s="76"/>
      <c r="X1087" s="76"/>
      <c r="Y1087" s="76"/>
      <c r="Z1087" s="76"/>
      <c r="AA1087" s="85"/>
      <c r="AB1087" s="85"/>
      <c r="AC1087" s="85"/>
      <c r="AD1087" s="85"/>
      <c r="AE1087" s="85"/>
      <c r="AF1087" s="85"/>
      <c r="AG1087" s="86"/>
      <c r="AH1087" s="85"/>
      <c r="AI1087" s="85"/>
      <c r="AJ1087" s="85"/>
      <c r="AK1087" s="85"/>
      <c r="AL1087" s="85"/>
      <c r="AM1087" s="92"/>
      <c r="AN1087" s="92"/>
      <c r="AO1087" s="92"/>
      <c r="AP1087" s="92"/>
      <c r="AQ1087" s="92"/>
      <c r="AR1087" s="92"/>
      <c r="AS1087" s="92"/>
      <c r="AT1087" s="92"/>
      <c r="AU1087" s="92"/>
      <c r="AV1087" s="92"/>
      <c r="AW1087" s="92"/>
      <c r="AX1087" s="92"/>
      <c r="AY1087" s="92"/>
      <c r="AZ1087" s="93"/>
      <c r="BA1087" s="93"/>
      <c r="BB1087" s="93"/>
      <c r="BC1087" s="93"/>
      <c r="BD1087" s="93"/>
      <c r="BE1087" s="93"/>
      <c r="BF1087" s="93"/>
      <c r="BG1087" s="93"/>
      <c r="BH1087" s="93"/>
      <c r="BI1087" s="93"/>
      <c r="BJ1087" s="93"/>
      <c r="BK1087" s="93"/>
      <c r="BL1087" s="93"/>
    </row>
    <row r="1088" spans="2:64" x14ac:dyDescent="0.2">
      <c r="B1088" s="43"/>
      <c r="C1088" s="73"/>
      <c r="D1088" s="64"/>
      <c r="E1088" s="55"/>
      <c r="F1088" s="74"/>
      <c r="G1088" s="74"/>
      <c r="H1088" s="74"/>
      <c r="I1088" s="75"/>
      <c r="J1088" s="74"/>
      <c r="L1088" s="55"/>
      <c r="M1088" s="234"/>
      <c r="N1088" s="65"/>
      <c r="O1088" s="76"/>
      <c r="P1088" s="76"/>
      <c r="Q1088" s="65"/>
      <c r="R1088" s="76"/>
      <c r="S1088" s="76"/>
      <c r="T1088" s="76"/>
      <c r="U1088" s="76"/>
      <c r="V1088" s="76"/>
      <c r="W1088" s="76"/>
      <c r="X1088" s="76"/>
      <c r="Y1088" s="76"/>
      <c r="Z1088" s="76"/>
      <c r="AA1088" s="85"/>
      <c r="AB1088" s="85"/>
      <c r="AC1088" s="85"/>
      <c r="AD1088" s="85"/>
      <c r="AE1088" s="85"/>
      <c r="AF1088" s="85"/>
      <c r="AG1088" s="86"/>
      <c r="AH1088" s="85"/>
      <c r="AI1088" s="85"/>
      <c r="AJ1088" s="85"/>
      <c r="AK1088" s="85"/>
      <c r="AL1088" s="85"/>
      <c r="AM1088" s="92"/>
      <c r="AN1088" s="92"/>
      <c r="AO1088" s="92"/>
      <c r="AP1088" s="92"/>
      <c r="AQ1088" s="92"/>
      <c r="AR1088" s="92"/>
      <c r="AS1088" s="92"/>
      <c r="AT1088" s="92"/>
      <c r="AU1088" s="92"/>
      <c r="AV1088" s="92"/>
      <c r="AW1088" s="92"/>
      <c r="AX1088" s="92"/>
      <c r="AY1088" s="92"/>
      <c r="AZ1088" s="93"/>
      <c r="BA1088" s="93"/>
      <c r="BB1088" s="93"/>
      <c r="BC1088" s="93"/>
      <c r="BD1088" s="93"/>
      <c r="BE1088" s="93"/>
      <c r="BF1088" s="93"/>
      <c r="BG1088" s="93"/>
      <c r="BH1088" s="93"/>
      <c r="BI1088" s="93"/>
      <c r="BJ1088" s="93"/>
      <c r="BK1088" s="93"/>
      <c r="BL1088" s="93"/>
    </row>
    <row r="1089" spans="2:64" x14ac:dyDescent="0.2">
      <c r="B1089" s="43"/>
      <c r="C1089" s="73"/>
      <c r="D1089" s="64"/>
      <c r="E1089" s="55"/>
      <c r="F1089" s="74"/>
      <c r="G1089" s="74"/>
      <c r="H1089" s="74"/>
      <c r="I1089" s="75"/>
      <c r="J1089" s="74"/>
      <c r="L1089" s="55"/>
      <c r="M1089" s="234"/>
      <c r="N1089" s="65"/>
      <c r="O1089" s="76"/>
      <c r="P1089" s="76"/>
      <c r="Q1089" s="65"/>
      <c r="R1089" s="76"/>
      <c r="S1089" s="76"/>
      <c r="T1089" s="76"/>
      <c r="U1089" s="76"/>
      <c r="V1089" s="76"/>
      <c r="W1089" s="76"/>
      <c r="X1089" s="76"/>
      <c r="Y1089" s="76"/>
      <c r="Z1089" s="76"/>
      <c r="AA1089" s="85"/>
      <c r="AB1089" s="85"/>
      <c r="AC1089" s="85"/>
      <c r="AD1089" s="85"/>
      <c r="AE1089" s="85"/>
      <c r="AF1089" s="85"/>
      <c r="AG1089" s="86"/>
      <c r="AH1089" s="85"/>
      <c r="AI1089" s="85"/>
      <c r="AJ1089" s="85"/>
      <c r="AK1089" s="85"/>
      <c r="AL1089" s="85"/>
      <c r="AM1089" s="92"/>
      <c r="AN1089" s="92"/>
      <c r="AO1089" s="92"/>
      <c r="AP1089" s="92"/>
      <c r="AQ1089" s="92"/>
      <c r="AR1089" s="92"/>
      <c r="AS1089" s="92"/>
      <c r="AT1089" s="92"/>
      <c r="AU1089" s="92"/>
      <c r="AV1089" s="92"/>
      <c r="AW1089" s="92"/>
      <c r="AX1089" s="92"/>
      <c r="AY1089" s="92"/>
      <c r="AZ1089" s="93"/>
      <c r="BA1089" s="93"/>
      <c r="BB1089" s="93"/>
      <c r="BC1089" s="93"/>
      <c r="BD1089" s="93"/>
      <c r="BE1089" s="93"/>
      <c r="BF1089" s="93"/>
      <c r="BG1089" s="93"/>
      <c r="BH1089" s="93"/>
      <c r="BI1089" s="93"/>
      <c r="BJ1089" s="93"/>
      <c r="BK1089" s="93"/>
      <c r="BL1089" s="93"/>
    </row>
    <row r="1090" spans="2:64" x14ac:dyDescent="0.2">
      <c r="B1090" s="43"/>
      <c r="C1090" s="73"/>
      <c r="D1090" s="64"/>
      <c r="E1090" s="55"/>
      <c r="F1090" s="74"/>
      <c r="G1090" s="74"/>
      <c r="H1090" s="74"/>
      <c r="I1090" s="75"/>
      <c r="J1090" s="74"/>
      <c r="L1090" s="55"/>
      <c r="M1090" s="234"/>
      <c r="N1090" s="65"/>
      <c r="O1090" s="76"/>
      <c r="P1090" s="76"/>
      <c r="Q1090" s="65"/>
      <c r="R1090" s="76"/>
      <c r="S1090" s="76"/>
      <c r="T1090" s="76"/>
      <c r="U1090" s="76"/>
      <c r="V1090" s="76"/>
      <c r="W1090" s="76"/>
      <c r="X1090" s="76"/>
      <c r="Y1090" s="76"/>
      <c r="Z1090" s="76"/>
      <c r="AA1090" s="85"/>
      <c r="AB1090" s="85"/>
      <c r="AC1090" s="85"/>
      <c r="AD1090" s="85"/>
      <c r="AE1090" s="85"/>
      <c r="AF1090" s="85"/>
      <c r="AG1090" s="86"/>
      <c r="AH1090" s="85"/>
      <c r="AI1090" s="85"/>
      <c r="AJ1090" s="85"/>
      <c r="AK1090" s="85"/>
      <c r="AL1090" s="85"/>
      <c r="AM1090" s="92"/>
      <c r="AN1090" s="92"/>
      <c r="AO1090" s="92"/>
      <c r="AP1090" s="92"/>
      <c r="AQ1090" s="92"/>
      <c r="AR1090" s="92"/>
      <c r="AS1090" s="92"/>
      <c r="AT1090" s="92"/>
      <c r="AU1090" s="92"/>
      <c r="AV1090" s="92"/>
      <c r="AW1090" s="92"/>
      <c r="AX1090" s="92"/>
      <c r="AY1090" s="92"/>
      <c r="AZ1090" s="93"/>
      <c r="BA1090" s="93"/>
      <c r="BB1090" s="93"/>
      <c r="BC1090" s="93"/>
      <c r="BD1090" s="93"/>
      <c r="BE1090" s="93"/>
      <c r="BF1090" s="93"/>
      <c r="BG1090" s="93"/>
      <c r="BH1090" s="93"/>
      <c r="BI1090" s="93"/>
      <c r="BJ1090" s="93"/>
      <c r="BK1090" s="93"/>
      <c r="BL1090" s="93"/>
    </row>
    <row r="1091" spans="2:64" x14ac:dyDescent="0.2">
      <c r="B1091" s="43"/>
      <c r="C1091" s="73"/>
      <c r="D1091" s="64"/>
      <c r="E1091" s="55"/>
      <c r="F1091" s="74"/>
      <c r="G1091" s="74"/>
      <c r="H1091" s="74"/>
      <c r="I1091" s="75"/>
      <c r="J1091" s="74"/>
      <c r="L1091" s="55"/>
      <c r="M1091" s="234"/>
      <c r="N1091" s="65"/>
      <c r="O1091" s="76"/>
      <c r="P1091" s="76"/>
      <c r="Q1091" s="65"/>
      <c r="R1091" s="76"/>
      <c r="S1091" s="76"/>
      <c r="T1091" s="76"/>
      <c r="U1091" s="76"/>
      <c r="V1091" s="76"/>
      <c r="W1091" s="76"/>
      <c r="X1091" s="76"/>
      <c r="Y1091" s="76"/>
      <c r="Z1091" s="76"/>
      <c r="AA1091" s="85"/>
      <c r="AB1091" s="85"/>
      <c r="AC1091" s="85"/>
      <c r="AD1091" s="85"/>
      <c r="AE1091" s="85"/>
      <c r="AF1091" s="85"/>
      <c r="AG1091" s="86"/>
      <c r="AH1091" s="85"/>
      <c r="AI1091" s="85"/>
      <c r="AJ1091" s="85"/>
      <c r="AK1091" s="85"/>
      <c r="AL1091" s="85"/>
      <c r="AM1091" s="92"/>
      <c r="AN1091" s="92"/>
      <c r="AO1091" s="92"/>
      <c r="AP1091" s="92"/>
      <c r="AQ1091" s="92"/>
      <c r="AR1091" s="92"/>
      <c r="AS1091" s="92"/>
      <c r="AT1091" s="92"/>
      <c r="AU1091" s="92"/>
      <c r="AV1091" s="92"/>
      <c r="AW1091" s="92"/>
      <c r="AX1091" s="92"/>
      <c r="AY1091" s="92"/>
      <c r="AZ1091" s="93"/>
      <c r="BA1091" s="93"/>
      <c r="BB1091" s="93"/>
      <c r="BC1091" s="93"/>
      <c r="BD1091" s="93"/>
      <c r="BE1091" s="93"/>
      <c r="BF1091" s="93"/>
      <c r="BG1091" s="93"/>
      <c r="BH1091" s="93"/>
      <c r="BI1091" s="93"/>
      <c r="BJ1091" s="93"/>
      <c r="BK1091" s="93"/>
      <c r="BL1091" s="93"/>
    </row>
    <row r="1092" spans="2:64" x14ac:dyDescent="0.2">
      <c r="B1092" s="43"/>
      <c r="C1092" s="73"/>
      <c r="D1092" s="64"/>
      <c r="E1092" s="55"/>
      <c r="F1092" s="74"/>
      <c r="G1092" s="74"/>
      <c r="H1092" s="74"/>
      <c r="I1092" s="75"/>
      <c r="J1092" s="74"/>
      <c r="L1092" s="55"/>
      <c r="M1092" s="234"/>
      <c r="N1092" s="65"/>
      <c r="O1092" s="76"/>
      <c r="P1092" s="76"/>
      <c r="Q1092" s="65"/>
      <c r="R1092" s="76"/>
      <c r="S1092" s="76"/>
      <c r="T1092" s="76"/>
      <c r="U1092" s="76"/>
      <c r="V1092" s="76"/>
      <c r="W1092" s="76"/>
      <c r="X1092" s="76"/>
      <c r="Y1092" s="76"/>
      <c r="Z1092" s="76"/>
      <c r="AA1092" s="85"/>
      <c r="AB1092" s="85"/>
      <c r="AC1092" s="85"/>
      <c r="AD1092" s="85"/>
      <c r="AE1092" s="85"/>
      <c r="AF1092" s="85"/>
      <c r="AG1092" s="86"/>
      <c r="AH1092" s="85"/>
      <c r="AI1092" s="85"/>
      <c r="AJ1092" s="85"/>
      <c r="AK1092" s="85"/>
      <c r="AL1092" s="85"/>
      <c r="AM1092" s="92"/>
      <c r="AN1092" s="92"/>
      <c r="AO1092" s="92"/>
      <c r="AP1092" s="92"/>
      <c r="AQ1092" s="92"/>
      <c r="AR1092" s="92"/>
      <c r="AS1092" s="92"/>
      <c r="AT1092" s="92"/>
      <c r="AU1092" s="92"/>
      <c r="AV1092" s="92"/>
      <c r="AW1092" s="92"/>
      <c r="AX1092" s="92"/>
      <c r="AY1092" s="92"/>
      <c r="AZ1092" s="93"/>
      <c r="BA1092" s="93"/>
      <c r="BB1092" s="93"/>
      <c r="BC1092" s="93"/>
      <c r="BD1092" s="93"/>
      <c r="BE1092" s="93"/>
      <c r="BF1092" s="93"/>
      <c r="BG1092" s="93"/>
      <c r="BH1092" s="93"/>
      <c r="BI1092" s="93"/>
      <c r="BJ1092" s="93"/>
      <c r="BK1092" s="93"/>
      <c r="BL1092" s="93"/>
    </row>
    <row r="1093" spans="2:64" x14ac:dyDescent="0.2">
      <c r="B1093" s="43"/>
      <c r="C1093" s="73"/>
      <c r="D1093" s="64"/>
      <c r="E1093" s="55"/>
      <c r="F1093" s="74"/>
      <c r="G1093" s="74"/>
      <c r="H1093" s="74"/>
      <c r="I1093" s="75"/>
      <c r="J1093" s="74"/>
      <c r="L1093" s="55"/>
      <c r="M1093" s="234"/>
      <c r="N1093" s="65"/>
      <c r="O1093" s="76"/>
      <c r="P1093" s="76"/>
      <c r="Q1093" s="65"/>
      <c r="R1093" s="76"/>
      <c r="S1093" s="76"/>
      <c r="T1093" s="76"/>
      <c r="U1093" s="76"/>
      <c r="V1093" s="76"/>
      <c r="W1093" s="76"/>
      <c r="X1093" s="76"/>
      <c r="Y1093" s="76"/>
      <c r="Z1093" s="76"/>
      <c r="AA1093" s="85"/>
      <c r="AB1093" s="85"/>
      <c r="AC1093" s="85"/>
      <c r="AD1093" s="85"/>
      <c r="AE1093" s="85"/>
      <c r="AF1093" s="85"/>
      <c r="AG1093" s="86"/>
      <c r="AH1093" s="85"/>
      <c r="AI1093" s="85"/>
      <c r="AJ1093" s="85"/>
      <c r="AK1093" s="85"/>
      <c r="AL1093" s="85"/>
      <c r="AM1093" s="92"/>
      <c r="AN1093" s="92"/>
      <c r="AO1093" s="92"/>
      <c r="AP1093" s="92"/>
      <c r="AQ1093" s="92"/>
      <c r="AR1093" s="92"/>
      <c r="AS1093" s="92"/>
      <c r="AT1093" s="92"/>
      <c r="AU1093" s="92"/>
      <c r="AV1093" s="92"/>
      <c r="AW1093" s="92"/>
      <c r="AX1093" s="92"/>
      <c r="AY1093" s="92"/>
      <c r="AZ1093" s="93"/>
      <c r="BA1093" s="93"/>
      <c r="BB1093" s="93"/>
      <c r="BC1093" s="93"/>
      <c r="BD1093" s="93"/>
      <c r="BE1093" s="93"/>
      <c r="BF1093" s="93"/>
      <c r="BG1093" s="93"/>
      <c r="BH1093" s="93"/>
      <c r="BI1093" s="93"/>
      <c r="BJ1093" s="93"/>
      <c r="BK1093" s="93"/>
      <c r="BL1093" s="93"/>
    </row>
    <row r="1094" spans="2:64" x14ac:dyDescent="0.2">
      <c r="B1094" s="43"/>
      <c r="C1094" s="73"/>
      <c r="D1094" s="64"/>
      <c r="E1094" s="55"/>
      <c r="F1094" s="74"/>
      <c r="G1094" s="74"/>
      <c r="H1094" s="74"/>
      <c r="I1094" s="75"/>
      <c r="J1094" s="74"/>
      <c r="L1094" s="55"/>
      <c r="M1094" s="234"/>
      <c r="N1094" s="65"/>
      <c r="O1094" s="76"/>
      <c r="P1094" s="76"/>
      <c r="Q1094" s="65"/>
      <c r="R1094" s="76"/>
      <c r="S1094" s="76"/>
      <c r="T1094" s="76"/>
      <c r="U1094" s="76"/>
      <c r="V1094" s="76"/>
      <c r="W1094" s="76"/>
      <c r="X1094" s="76"/>
      <c r="Y1094" s="76"/>
      <c r="Z1094" s="76"/>
      <c r="AA1094" s="85"/>
      <c r="AB1094" s="85"/>
      <c r="AC1094" s="85"/>
      <c r="AD1094" s="85"/>
      <c r="AE1094" s="85"/>
      <c r="AF1094" s="85"/>
      <c r="AG1094" s="86"/>
      <c r="AH1094" s="85"/>
      <c r="AI1094" s="85"/>
      <c r="AJ1094" s="85"/>
      <c r="AK1094" s="85"/>
      <c r="AL1094" s="85"/>
      <c r="AM1094" s="92"/>
      <c r="AN1094" s="92"/>
      <c r="AO1094" s="92"/>
      <c r="AP1094" s="92"/>
      <c r="AQ1094" s="92"/>
      <c r="AR1094" s="92"/>
      <c r="AS1094" s="92"/>
      <c r="AT1094" s="92"/>
      <c r="AU1094" s="92"/>
      <c r="AV1094" s="92"/>
      <c r="AW1094" s="92"/>
      <c r="AX1094" s="92"/>
      <c r="AY1094" s="92"/>
      <c r="AZ1094" s="93"/>
      <c r="BA1094" s="93"/>
      <c r="BB1094" s="93"/>
      <c r="BC1094" s="93"/>
      <c r="BD1094" s="93"/>
      <c r="BE1094" s="93"/>
      <c r="BF1094" s="93"/>
      <c r="BG1094" s="93"/>
      <c r="BH1094" s="93"/>
      <c r="BI1094" s="93"/>
      <c r="BJ1094" s="93"/>
      <c r="BK1094" s="93"/>
      <c r="BL1094" s="93"/>
    </row>
    <row r="1095" spans="2:64" x14ac:dyDescent="0.2">
      <c r="B1095" s="43"/>
      <c r="C1095" s="73"/>
      <c r="D1095" s="64"/>
      <c r="E1095" s="55"/>
      <c r="F1095" s="74"/>
      <c r="G1095" s="74"/>
      <c r="H1095" s="74"/>
      <c r="I1095" s="75"/>
      <c r="J1095" s="74"/>
      <c r="L1095" s="55"/>
      <c r="M1095" s="234"/>
      <c r="N1095" s="65"/>
      <c r="O1095" s="76"/>
      <c r="P1095" s="76"/>
      <c r="Q1095" s="65"/>
      <c r="R1095" s="76"/>
      <c r="S1095" s="76"/>
      <c r="T1095" s="76"/>
      <c r="U1095" s="76"/>
      <c r="V1095" s="76"/>
      <c r="W1095" s="76"/>
      <c r="X1095" s="76"/>
      <c r="Y1095" s="76"/>
      <c r="Z1095" s="76"/>
      <c r="AA1095" s="85"/>
      <c r="AB1095" s="85"/>
      <c r="AC1095" s="85"/>
      <c r="AD1095" s="85"/>
      <c r="AE1095" s="85"/>
      <c r="AF1095" s="85"/>
      <c r="AG1095" s="86"/>
      <c r="AH1095" s="85"/>
      <c r="AI1095" s="85"/>
      <c r="AJ1095" s="85"/>
      <c r="AK1095" s="85"/>
      <c r="AL1095" s="85"/>
      <c r="AM1095" s="92"/>
      <c r="AN1095" s="92"/>
      <c r="AO1095" s="92"/>
      <c r="AP1095" s="92"/>
      <c r="AQ1095" s="92"/>
      <c r="AR1095" s="92"/>
      <c r="AS1095" s="92"/>
      <c r="AT1095" s="92"/>
      <c r="AU1095" s="92"/>
      <c r="AV1095" s="92"/>
      <c r="AW1095" s="92"/>
      <c r="AX1095" s="92"/>
      <c r="AY1095" s="92"/>
      <c r="AZ1095" s="93"/>
      <c r="BA1095" s="93"/>
      <c r="BB1095" s="93"/>
      <c r="BC1095" s="93"/>
      <c r="BD1095" s="93"/>
      <c r="BE1095" s="93"/>
      <c r="BF1095" s="93"/>
      <c r="BG1095" s="93"/>
      <c r="BH1095" s="93"/>
      <c r="BI1095" s="93"/>
      <c r="BJ1095" s="93"/>
      <c r="BK1095" s="93"/>
      <c r="BL1095" s="93"/>
    </row>
    <row r="1096" spans="2:64" x14ac:dyDescent="0.2">
      <c r="B1096" s="43"/>
      <c r="C1096" s="73"/>
      <c r="D1096" s="64"/>
      <c r="E1096" s="55"/>
      <c r="F1096" s="74"/>
      <c r="G1096" s="74"/>
      <c r="H1096" s="74"/>
      <c r="I1096" s="75"/>
      <c r="J1096" s="74"/>
      <c r="L1096" s="55"/>
      <c r="M1096" s="234"/>
      <c r="N1096" s="65"/>
      <c r="O1096" s="76"/>
      <c r="P1096" s="76"/>
      <c r="Q1096" s="65"/>
      <c r="R1096" s="76"/>
      <c r="S1096" s="76"/>
      <c r="T1096" s="76"/>
      <c r="U1096" s="76"/>
      <c r="V1096" s="76"/>
      <c r="W1096" s="76"/>
      <c r="X1096" s="76"/>
      <c r="Y1096" s="76"/>
      <c r="Z1096" s="76"/>
      <c r="AA1096" s="85"/>
      <c r="AB1096" s="85"/>
      <c r="AC1096" s="85"/>
      <c r="AD1096" s="85"/>
      <c r="AE1096" s="85"/>
      <c r="AF1096" s="85"/>
      <c r="AG1096" s="86"/>
      <c r="AH1096" s="85"/>
      <c r="AI1096" s="85"/>
      <c r="AJ1096" s="85"/>
      <c r="AK1096" s="85"/>
      <c r="AL1096" s="85"/>
      <c r="AM1096" s="92"/>
      <c r="AN1096" s="92"/>
      <c r="AO1096" s="92"/>
      <c r="AP1096" s="92"/>
      <c r="AQ1096" s="92"/>
      <c r="AR1096" s="92"/>
      <c r="AS1096" s="92"/>
      <c r="AT1096" s="92"/>
      <c r="AU1096" s="92"/>
      <c r="AV1096" s="92"/>
      <c r="AW1096" s="92"/>
      <c r="AX1096" s="92"/>
      <c r="AY1096" s="92"/>
      <c r="AZ1096" s="93"/>
      <c r="BA1096" s="93"/>
      <c r="BB1096" s="93"/>
      <c r="BC1096" s="93"/>
      <c r="BD1096" s="93"/>
      <c r="BE1096" s="93"/>
      <c r="BF1096" s="93"/>
      <c r="BG1096" s="93"/>
      <c r="BH1096" s="93"/>
      <c r="BI1096" s="93"/>
      <c r="BJ1096" s="93"/>
      <c r="BK1096" s="93"/>
      <c r="BL1096" s="93"/>
    </row>
    <row r="1097" spans="2:64" x14ac:dyDescent="0.2">
      <c r="B1097" s="43"/>
      <c r="C1097" s="73"/>
      <c r="D1097" s="64"/>
      <c r="E1097" s="55"/>
      <c r="F1097" s="74"/>
      <c r="G1097" s="74"/>
      <c r="H1097" s="74"/>
      <c r="I1097" s="75"/>
      <c r="J1097" s="74"/>
      <c r="L1097" s="55"/>
      <c r="M1097" s="234"/>
      <c r="N1097" s="65"/>
      <c r="O1097" s="76"/>
      <c r="P1097" s="76"/>
      <c r="Q1097" s="65"/>
      <c r="R1097" s="76"/>
      <c r="S1097" s="76"/>
      <c r="T1097" s="76"/>
      <c r="U1097" s="76"/>
      <c r="V1097" s="76"/>
      <c r="W1097" s="76"/>
      <c r="X1097" s="76"/>
      <c r="Y1097" s="76"/>
      <c r="Z1097" s="76"/>
      <c r="AA1097" s="85"/>
      <c r="AB1097" s="85"/>
      <c r="AC1097" s="85"/>
      <c r="AD1097" s="85"/>
      <c r="AE1097" s="85"/>
      <c r="AF1097" s="85"/>
      <c r="AG1097" s="86"/>
      <c r="AH1097" s="85"/>
      <c r="AI1097" s="85"/>
      <c r="AJ1097" s="85"/>
      <c r="AK1097" s="85"/>
      <c r="AL1097" s="85"/>
      <c r="AM1097" s="92"/>
      <c r="AN1097" s="92"/>
      <c r="AO1097" s="92"/>
      <c r="AP1097" s="92"/>
      <c r="AQ1097" s="92"/>
      <c r="AR1097" s="92"/>
      <c r="AS1097" s="92"/>
      <c r="AT1097" s="92"/>
      <c r="AU1097" s="92"/>
      <c r="AV1097" s="92"/>
      <c r="AW1097" s="92"/>
      <c r="AX1097" s="92"/>
      <c r="AY1097" s="92"/>
      <c r="AZ1097" s="93"/>
      <c r="BA1097" s="93"/>
      <c r="BB1097" s="93"/>
      <c r="BC1097" s="93"/>
      <c r="BD1097" s="93"/>
      <c r="BE1097" s="93"/>
      <c r="BF1097" s="93"/>
      <c r="BG1097" s="93"/>
      <c r="BH1097" s="93"/>
      <c r="BI1097" s="93"/>
      <c r="BJ1097" s="93"/>
      <c r="BK1097" s="93"/>
      <c r="BL1097" s="93"/>
    </row>
    <row r="1098" spans="2:64" x14ac:dyDescent="0.2">
      <c r="B1098" s="43"/>
      <c r="C1098" s="73"/>
      <c r="D1098" s="64"/>
      <c r="E1098" s="55"/>
      <c r="F1098" s="74"/>
      <c r="G1098" s="74"/>
      <c r="H1098" s="74"/>
      <c r="I1098" s="75"/>
      <c r="J1098" s="74"/>
      <c r="L1098" s="55"/>
      <c r="M1098" s="234"/>
      <c r="N1098" s="65"/>
      <c r="O1098" s="76"/>
      <c r="P1098" s="76"/>
      <c r="Q1098" s="65"/>
      <c r="R1098" s="76"/>
      <c r="S1098" s="76"/>
      <c r="T1098" s="76"/>
      <c r="U1098" s="76"/>
      <c r="V1098" s="76"/>
      <c r="W1098" s="76"/>
      <c r="X1098" s="76"/>
      <c r="Y1098" s="76"/>
      <c r="Z1098" s="76"/>
      <c r="AA1098" s="85"/>
      <c r="AB1098" s="85"/>
      <c r="AC1098" s="85"/>
      <c r="AD1098" s="85"/>
      <c r="AE1098" s="85"/>
      <c r="AF1098" s="85"/>
      <c r="AG1098" s="86"/>
      <c r="AH1098" s="85"/>
      <c r="AI1098" s="85"/>
      <c r="AJ1098" s="85"/>
      <c r="AK1098" s="85"/>
      <c r="AL1098" s="85"/>
      <c r="AM1098" s="92"/>
      <c r="AN1098" s="92"/>
      <c r="AO1098" s="92"/>
      <c r="AP1098" s="92"/>
      <c r="AQ1098" s="92"/>
      <c r="AR1098" s="92"/>
      <c r="AS1098" s="92"/>
      <c r="AT1098" s="92"/>
      <c r="AU1098" s="92"/>
      <c r="AV1098" s="92"/>
      <c r="AW1098" s="92"/>
      <c r="AX1098" s="92"/>
      <c r="AY1098" s="92"/>
      <c r="AZ1098" s="93"/>
      <c r="BA1098" s="93"/>
      <c r="BB1098" s="93"/>
      <c r="BC1098" s="93"/>
      <c r="BD1098" s="93"/>
      <c r="BE1098" s="93"/>
      <c r="BF1098" s="93"/>
      <c r="BG1098" s="93"/>
      <c r="BH1098" s="93"/>
      <c r="BI1098" s="93"/>
      <c r="BJ1098" s="93"/>
      <c r="BK1098" s="93"/>
      <c r="BL1098" s="93"/>
    </row>
    <row r="1099" spans="2:64" x14ac:dyDescent="0.2">
      <c r="B1099" s="43"/>
      <c r="C1099" s="73"/>
      <c r="D1099" s="64"/>
      <c r="E1099" s="55"/>
      <c r="F1099" s="74"/>
      <c r="G1099" s="74"/>
      <c r="H1099" s="74"/>
      <c r="I1099" s="75"/>
      <c r="J1099" s="74"/>
      <c r="L1099" s="55"/>
      <c r="M1099" s="234"/>
      <c r="N1099" s="65"/>
      <c r="O1099" s="76"/>
      <c r="P1099" s="76"/>
      <c r="Q1099" s="65"/>
      <c r="R1099" s="76"/>
      <c r="S1099" s="76"/>
      <c r="T1099" s="76"/>
      <c r="U1099" s="76"/>
      <c r="V1099" s="76"/>
      <c r="W1099" s="76"/>
      <c r="X1099" s="76"/>
      <c r="Y1099" s="76"/>
      <c r="Z1099" s="76"/>
      <c r="AA1099" s="85"/>
      <c r="AB1099" s="85"/>
      <c r="AC1099" s="85"/>
      <c r="AD1099" s="85"/>
      <c r="AE1099" s="85"/>
      <c r="AF1099" s="85"/>
      <c r="AG1099" s="86"/>
      <c r="AH1099" s="85"/>
      <c r="AI1099" s="85"/>
      <c r="AJ1099" s="85"/>
      <c r="AK1099" s="85"/>
      <c r="AL1099" s="85"/>
      <c r="AM1099" s="92"/>
      <c r="AN1099" s="92"/>
      <c r="AO1099" s="92"/>
      <c r="AP1099" s="92"/>
      <c r="AQ1099" s="92"/>
      <c r="AR1099" s="92"/>
      <c r="AS1099" s="92"/>
      <c r="AT1099" s="92"/>
      <c r="AU1099" s="92"/>
      <c r="AV1099" s="92"/>
      <c r="AW1099" s="92"/>
      <c r="AX1099" s="92"/>
      <c r="AY1099" s="92"/>
      <c r="AZ1099" s="93"/>
      <c r="BA1099" s="93"/>
      <c r="BB1099" s="93"/>
      <c r="BC1099" s="93"/>
      <c r="BD1099" s="93"/>
      <c r="BE1099" s="93"/>
      <c r="BF1099" s="93"/>
      <c r="BG1099" s="93"/>
      <c r="BH1099" s="93"/>
      <c r="BI1099" s="93"/>
      <c r="BJ1099" s="93"/>
      <c r="BK1099" s="93"/>
      <c r="BL1099" s="93"/>
    </row>
    <row r="1100" spans="2:64" x14ac:dyDescent="0.2">
      <c r="B1100" s="43"/>
      <c r="C1100" s="73"/>
      <c r="D1100" s="64"/>
      <c r="E1100" s="55"/>
      <c r="F1100" s="74"/>
      <c r="G1100" s="74"/>
      <c r="H1100" s="74"/>
      <c r="I1100" s="75"/>
      <c r="J1100" s="74"/>
      <c r="L1100" s="55"/>
      <c r="M1100" s="234"/>
      <c r="N1100" s="65"/>
      <c r="O1100" s="76"/>
      <c r="P1100" s="76"/>
      <c r="Q1100" s="65"/>
      <c r="R1100" s="76"/>
      <c r="S1100" s="76"/>
      <c r="T1100" s="76"/>
      <c r="U1100" s="76"/>
      <c r="V1100" s="76"/>
      <c r="W1100" s="76"/>
      <c r="X1100" s="76"/>
      <c r="Y1100" s="76"/>
      <c r="Z1100" s="76"/>
      <c r="AA1100" s="85"/>
      <c r="AB1100" s="85"/>
      <c r="AC1100" s="85"/>
      <c r="AD1100" s="85"/>
      <c r="AE1100" s="85"/>
      <c r="AF1100" s="85"/>
      <c r="AG1100" s="86"/>
      <c r="AH1100" s="85"/>
      <c r="AI1100" s="85"/>
      <c r="AJ1100" s="85"/>
      <c r="AK1100" s="85"/>
      <c r="AL1100" s="85"/>
      <c r="AM1100" s="92"/>
      <c r="AN1100" s="92"/>
      <c r="AO1100" s="92"/>
      <c r="AP1100" s="92"/>
      <c r="AQ1100" s="92"/>
      <c r="AR1100" s="92"/>
      <c r="AS1100" s="92"/>
      <c r="AT1100" s="92"/>
      <c r="AU1100" s="92"/>
      <c r="AV1100" s="92"/>
      <c r="AW1100" s="92"/>
      <c r="AX1100" s="92"/>
      <c r="AY1100" s="92"/>
      <c r="AZ1100" s="93"/>
      <c r="BA1100" s="93"/>
      <c r="BB1100" s="93"/>
      <c r="BC1100" s="93"/>
      <c r="BD1100" s="93"/>
      <c r="BE1100" s="93"/>
      <c r="BF1100" s="93"/>
      <c r="BG1100" s="93"/>
      <c r="BH1100" s="93"/>
      <c r="BI1100" s="93"/>
      <c r="BJ1100" s="93"/>
      <c r="BK1100" s="93"/>
      <c r="BL1100" s="93"/>
    </row>
    <row r="1101" spans="2:64" x14ac:dyDescent="0.2">
      <c r="B1101" s="43"/>
      <c r="C1101" s="73"/>
      <c r="D1101" s="64"/>
      <c r="E1101" s="55"/>
      <c r="F1101" s="74"/>
      <c r="G1101" s="74"/>
      <c r="H1101" s="74"/>
      <c r="I1101" s="75"/>
      <c r="J1101" s="74"/>
      <c r="L1101" s="55"/>
      <c r="M1101" s="234"/>
      <c r="N1101" s="65"/>
      <c r="O1101" s="76"/>
      <c r="P1101" s="76"/>
      <c r="Q1101" s="65"/>
      <c r="R1101" s="76"/>
      <c r="S1101" s="76"/>
      <c r="T1101" s="76"/>
      <c r="U1101" s="76"/>
      <c r="V1101" s="76"/>
      <c r="W1101" s="76"/>
      <c r="X1101" s="76"/>
      <c r="Y1101" s="76"/>
      <c r="Z1101" s="76"/>
      <c r="AA1101" s="85"/>
      <c r="AB1101" s="85"/>
      <c r="AC1101" s="85"/>
      <c r="AD1101" s="85"/>
      <c r="AE1101" s="85"/>
      <c r="AF1101" s="85"/>
      <c r="AG1101" s="86"/>
      <c r="AH1101" s="85"/>
      <c r="AI1101" s="85"/>
      <c r="AJ1101" s="85"/>
      <c r="AK1101" s="85"/>
      <c r="AL1101" s="85"/>
      <c r="AM1101" s="92"/>
      <c r="AN1101" s="92"/>
      <c r="AO1101" s="92"/>
      <c r="AP1101" s="92"/>
      <c r="AQ1101" s="92"/>
      <c r="AR1101" s="92"/>
      <c r="AS1101" s="92"/>
      <c r="AT1101" s="92"/>
      <c r="AU1101" s="92"/>
      <c r="AV1101" s="92"/>
      <c r="AW1101" s="92"/>
      <c r="AX1101" s="92"/>
      <c r="AY1101" s="92"/>
      <c r="AZ1101" s="93"/>
      <c r="BA1101" s="93"/>
      <c r="BB1101" s="93"/>
      <c r="BC1101" s="93"/>
      <c r="BD1101" s="93"/>
      <c r="BE1101" s="93"/>
      <c r="BF1101" s="93"/>
      <c r="BG1101" s="93"/>
      <c r="BH1101" s="93"/>
      <c r="BI1101" s="93"/>
      <c r="BJ1101" s="93"/>
      <c r="BK1101" s="93"/>
      <c r="BL1101" s="93"/>
    </row>
    <row r="1102" spans="2:64" x14ac:dyDescent="0.2">
      <c r="B1102" s="43"/>
      <c r="C1102" s="73"/>
      <c r="D1102" s="64"/>
      <c r="E1102" s="55"/>
      <c r="F1102" s="74"/>
      <c r="G1102" s="74"/>
      <c r="H1102" s="74"/>
      <c r="I1102" s="75"/>
      <c r="J1102" s="74"/>
      <c r="L1102" s="55"/>
      <c r="M1102" s="234"/>
      <c r="N1102" s="65"/>
      <c r="O1102" s="76"/>
      <c r="P1102" s="76"/>
      <c r="Q1102" s="65"/>
      <c r="R1102" s="76"/>
      <c r="S1102" s="76"/>
      <c r="T1102" s="76"/>
      <c r="U1102" s="76"/>
      <c r="V1102" s="76"/>
      <c r="W1102" s="76"/>
      <c r="X1102" s="76"/>
      <c r="Y1102" s="76"/>
      <c r="Z1102" s="76"/>
      <c r="AA1102" s="85"/>
      <c r="AB1102" s="85"/>
      <c r="AC1102" s="85"/>
      <c r="AD1102" s="85"/>
      <c r="AE1102" s="85"/>
      <c r="AF1102" s="85"/>
      <c r="AG1102" s="86"/>
      <c r="AH1102" s="85"/>
      <c r="AI1102" s="85"/>
      <c r="AJ1102" s="85"/>
      <c r="AK1102" s="85"/>
      <c r="AL1102" s="85"/>
      <c r="AM1102" s="92"/>
      <c r="AN1102" s="92"/>
      <c r="AO1102" s="92"/>
      <c r="AP1102" s="92"/>
      <c r="AQ1102" s="92"/>
      <c r="AR1102" s="92"/>
      <c r="AS1102" s="92"/>
      <c r="AT1102" s="92"/>
      <c r="AU1102" s="92"/>
      <c r="AV1102" s="92"/>
      <c r="AW1102" s="92"/>
      <c r="AX1102" s="92"/>
      <c r="AY1102" s="92"/>
      <c r="AZ1102" s="93"/>
      <c r="BA1102" s="93"/>
      <c r="BB1102" s="93"/>
      <c r="BC1102" s="93"/>
      <c r="BD1102" s="93"/>
      <c r="BE1102" s="93"/>
      <c r="BF1102" s="93"/>
      <c r="BG1102" s="93"/>
      <c r="BH1102" s="93"/>
      <c r="BI1102" s="93"/>
      <c r="BJ1102" s="93"/>
      <c r="BK1102" s="93"/>
      <c r="BL1102" s="93"/>
    </row>
    <row r="1103" spans="2:64" x14ac:dyDescent="0.2">
      <c r="B1103" s="43"/>
      <c r="C1103" s="73"/>
      <c r="D1103" s="64"/>
      <c r="E1103" s="55"/>
      <c r="F1103" s="74"/>
      <c r="G1103" s="74"/>
      <c r="H1103" s="74"/>
      <c r="I1103" s="75"/>
      <c r="J1103" s="74"/>
      <c r="L1103" s="55"/>
      <c r="M1103" s="234"/>
      <c r="N1103" s="65"/>
      <c r="O1103" s="76"/>
      <c r="P1103" s="76"/>
      <c r="Q1103" s="65"/>
      <c r="R1103" s="76"/>
      <c r="S1103" s="76"/>
      <c r="T1103" s="76"/>
      <c r="U1103" s="76"/>
      <c r="V1103" s="76"/>
      <c r="W1103" s="76"/>
      <c r="X1103" s="76"/>
      <c r="Y1103" s="76"/>
      <c r="Z1103" s="76"/>
      <c r="AA1103" s="85"/>
      <c r="AB1103" s="85"/>
      <c r="AC1103" s="85"/>
      <c r="AD1103" s="85"/>
      <c r="AE1103" s="85"/>
      <c r="AF1103" s="85"/>
      <c r="AG1103" s="86"/>
      <c r="AH1103" s="85"/>
      <c r="AI1103" s="85"/>
      <c r="AJ1103" s="85"/>
      <c r="AK1103" s="85"/>
      <c r="AL1103" s="85"/>
      <c r="AM1103" s="92"/>
      <c r="AN1103" s="92"/>
      <c r="AO1103" s="92"/>
      <c r="AP1103" s="92"/>
      <c r="AQ1103" s="92"/>
      <c r="AR1103" s="92"/>
      <c r="AS1103" s="92"/>
      <c r="AT1103" s="92"/>
      <c r="AU1103" s="92"/>
      <c r="AV1103" s="92"/>
      <c r="AW1103" s="92"/>
      <c r="AX1103" s="92"/>
      <c r="AY1103" s="92"/>
      <c r="AZ1103" s="93"/>
      <c r="BA1103" s="93"/>
      <c r="BB1103" s="93"/>
      <c r="BC1103" s="93"/>
      <c r="BD1103" s="93"/>
      <c r="BE1103" s="93"/>
      <c r="BF1103" s="93"/>
      <c r="BG1103" s="93"/>
      <c r="BH1103" s="93"/>
      <c r="BI1103" s="93"/>
      <c r="BJ1103" s="93"/>
      <c r="BK1103" s="93"/>
      <c r="BL1103" s="93"/>
    </row>
    <row r="1104" spans="2:64" x14ac:dyDescent="0.2">
      <c r="B1104" s="43"/>
      <c r="C1104" s="73"/>
      <c r="D1104" s="64"/>
      <c r="E1104" s="55"/>
      <c r="F1104" s="74"/>
      <c r="G1104" s="74"/>
      <c r="H1104" s="74"/>
      <c r="I1104" s="75"/>
      <c r="J1104" s="74"/>
      <c r="L1104" s="55"/>
      <c r="M1104" s="234"/>
      <c r="N1104" s="65"/>
      <c r="O1104" s="76"/>
      <c r="P1104" s="76"/>
      <c r="Q1104" s="65"/>
      <c r="R1104" s="76"/>
      <c r="S1104" s="76"/>
      <c r="T1104" s="76"/>
      <c r="U1104" s="76"/>
      <c r="V1104" s="76"/>
      <c r="W1104" s="76"/>
      <c r="X1104" s="76"/>
      <c r="Y1104" s="76"/>
      <c r="Z1104" s="76"/>
      <c r="AA1104" s="85"/>
      <c r="AB1104" s="85"/>
      <c r="AC1104" s="85"/>
      <c r="AD1104" s="85"/>
      <c r="AE1104" s="85"/>
      <c r="AF1104" s="85"/>
      <c r="AG1104" s="86"/>
      <c r="AH1104" s="85"/>
      <c r="AI1104" s="85"/>
      <c r="AJ1104" s="85"/>
      <c r="AK1104" s="85"/>
      <c r="AL1104" s="85"/>
      <c r="AM1104" s="92"/>
      <c r="AN1104" s="92"/>
      <c r="AO1104" s="92"/>
      <c r="AP1104" s="92"/>
      <c r="AQ1104" s="92"/>
      <c r="AR1104" s="92"/>
      <c r="AS1104" s="92"/>
      <c r="AT1104" s="92"/>
      <c r="AU1104" s="92"/>
      <c r="AV1104" s="92"/>
      <c r="AW1104" s="92"/>
      <c r="AX1104" s="92"/>
      <c r="AY1104" s="92"/>
      <c r="AZ1104" s="93"/>
      <c r="BA1104" s="93"/>
      <c r="BB1104" s="93"/>
      <c r="BC1104" s="93"/>
      <c r="BD1104" s="93"/>
      <c r="BE1104" s="93"/>
      <c r="BF1104" s="93"/>
      <c r="BG1104" s="93"/>
      <c r="BH1104" s="93"/>
      <c r="BI1104" s="93"/>
      <c r="BJ1104" s="93"/>
      <c r="BK1104" s="93"/>
      <c r="BL1104" s="93"/>
    </row>
    <row r="1105" spans="2:64" x14ac:dyDescent="0.2">
      <c r="B1105" s="43"/>
      <c r="C1105" s="73"/>
      <c r="D1105" s="64"/>
      <c r="E1105" s="55"/>
      <c r="F1105" s="74"/>
      <c r="G1105" s="74"/>
      <c r="H1105" s="74"/>
      <c r="I1105" s="75"/>
      <c r="J1105" s="74"/>
      <c r="L1105" s="55"/>
      <c r="M1105" s="234"/>
      <c r="N1105" s="65"/>
      <c r="O1105" s="76"/>
      <c r="P1105" s="76"/>
      <c r="Q1105" s="65"/>
      <c r="R1105" s="76"/>
      <c r="S1105" s="76"/>
      <c r="T1105" s="76"/>
      <c r="U1105" s="76"/>
      <c r="V1105" s="76"/>
      <c r="W1105" s="76"/>
      <c r="X1105" s="76"/>
      <c r="Y1105" s="76"/>
      <c r="Z1105" s="76"/>
      <c r="AA1105" s="85"/>
      <c r="AB1105" s="85"/>
      <c r="AC1105" s="85"/>
      <c r="AD1105" s="85"/>
      <c r="AE1105" s="85"/>
      <c r="AF1105" s="85"/>
      <c r="AG1105" s="86"/>
      <c r="AH1105" s="85"/>
      <c r="AI1105" s="85"/>
      <c r="AJ1105" s="85"/>
      <c r="AK1105" s="85"/>
      <c r="AL1105" s="85"/>
      <c r="AM1105" s="92"/>
      <c r="AN1105" s="92"/>
      <c r="AO1105" s="92"/>
      <c r="AP1105" s="92"/>
      <c r="AQ1105" s="92"/>
      <c r="AR1105" s="92"/>
      <c r="AS1105" s="92"/>
      <c r="AT1105" s="92"/>
      <c r="AU1105" s="92"/>
      <c r="AV1105" s="92"/>
      <c r="AW1105" s="92"/>
      <c r="AX1105" s="92"/>
      <c r="AY1105" s="92"/>
      <c r="AZ1105" s="93"/>
      <c r="BA1105" s="93"/>
      <c r="BB1105" s="93"/>
      <c r="BC1105" s="93"/>
      <c r="BD1105" s="93"/>
      <c r="BE1105" s="93"/>
      <c r="BF1105" s="93"/>
      <c r="BG1105" s="93"/>
      <c r="BH1105" s="93"/>
      <c r="BI1105" s="93"/>
      <c r="BJ1105" s="93"/>
      <c r="BK1105" s="93"/>
      <c r="BL1105" s="93"/>
    </row>
    <row r="1106" spans="2:64" x14ac:dyDescent="0.2">
      <c r="B1106" s="43"/>
      <c r="C1106" s="73"/>
      <c r="D1106" s="64"/>
      <c r="E1106" s="55"/>
      <c r="F1106" s="74"/>
      <c r="G1106" s="74"/>
      <c r="H1106" s="74"/>
      <c r="I1106" s="75"/>
      <c r="J1106" s="74"/>
      <c r="L1106" s="55"/>
      <c r="M1106" s="234"/>
      <c r="N1106" s="65"/>
      <c r="O1106" s="76"/>
      <c r="P1106" s="76"/>
      <c r="Q1106" s="65"/>
      <c r="R1106" s="76"/>
      <c r="S1106" s="76"/>
      <c r="T1106" s="76"/>
      <c r="U1106" s="76"/>
      <c r="V1106" s="76"/>
      <c r="W1106" s="76"/>
      <c r="X1106" s="76"/>
      <c r="Y1106" s="76"/>
      <c r="Z1106" s="76"/>
      <c r="AA1106" s="85"/>
      <c r="AB1106" s="85"/>
      <c r="AC1106" s="85"/>
      <c r="AD1106" s="85"/>
      <c r="AE1106" s="85"/>
      <c r="AF1106" s="85"/>
      <c r="AG1106" s="86"/>
      <c r="AH1106" s="85"/>
      <c r="AI1106" s="85"/>
      <c r="AJ1106" s="85"/>
      <c r="AK1106" s="85"/>
      <c r="AL1106" s="85"/>
      <c r="AM1106" s="92"/>
      <c r="AN1106" s="92"/>
      <c r="AO1106" s="92"/>
      <c r="AP1106" s="92"/>
      <c r="AQ1106" s="92"/>
      <c r="AR1106" s="92"/>
      <c r="AS1106" s="92"/>
      <c r="AT1106" s="92"/>
      <c r="AU1106" s="92"/>
      <c r="AV1106" s="92"/>
      <c r="AW1106" s="92"/>
      <c r="AX1106" s="92"/>
      <c r="AY1106" s="92"/>
      <c r="AZ1106" s="93"/>
      <c r="BA1106" s="93"/>
      <c r="BB1106" s="93"/>
      <c r="BC1106" s="93"/>
      <c r="BD1106" s="93"/>
      <c r="BE1106" s="93"/>
      <c r="BF1106" s="93"/>
      <c r="BG1106" s="93"/>
      <c r="BH1106" s="93"/>
      <c r="BI1106" s="93"/>
      <c r="BJ1106" s="93"/>
      <c r="BK1106" s="93"/>
      <c r="BL1106" s="93"/>
    </row>
    <row r="1107" spans="2:64" x14ac:dyDescent="0.2">
      <c r="B1107" s="43"/>
      <c r="C1107" s="73"/>
      <c r="D1107" s="64"/>
      <c r="E1107" s="55"/>
      <c r="F1107" s="74"/>
      <c r="G1107" s="74"/>
      <c r="H1107" s="74"/>
      <c r="I1107" s="75"/>
      <c r="J1107" s="74"/>
      <c r="L1107" s="55"/>
      <c r="M1107" s="234"/>
      <c r="N1107" s="65"/>
      <c r="O1107" s="76"/>
      <c r="P1107" s="76"/>
      <c r="Q1107" s="65"/>
      <c r="R1107" s="76"/>
      <c r="S1107" s="76"/>
      <c r="T1107" s="76"/>
      <c r="U1107" s="76"/>
      <c r="V1107" s="76"/>
      <c r="W1107" s="76"/>
      <c r="X1107" s="76"/>
      <c r="Y1107" s="76"/>
      <c r="Z1107" s="76"/>
      <c r="AA1107" s="85"/>
      <c r="AB1107" s="85"/>
      <c r="AC1107" s="85"/>
      <c r="AD1107" s="85"/>
      <c r="AE1107" s="85"/>
      <c r="AF1107" s="85"/>
      <c r="AG1107" s="86"/>
      <c r="AH1107" s="85"/>
      <c r="AI1107" s="85"/>
      <c r="AJ1107" s="85"/>
      <c r="AK1107" s="85"/>
      <c r="AL1107" s="85"/>
      <c r="AM1107" s="92"/>
      <c r="AN1107" s="92"/>
      <c r="AO1107" s="92"/>
      <c r="AP1107" s="92"/>
      <c r="AQ1107" s="92"/>
      <c r="AR1107" s="92"/>
      <c r="AS1107" s="92"/>
      <c r="AT1107" s="92"/>
      <c r="AU1107" s="92"/>
      <c r="AV1107" s="92"/>
      <c r="AW1107" s="92"/>
      <c r="AX1107" s="92"/>
      <c r="AY1107" s="92"/>
      <c r="AZ1107" s="93"/>
      <c r="BA1107" s="93"/>
      <c r="BB1107" s="93"/>
      <c r="BC1107" s="93"/>
      <c r="BD1107" s="93"/>
      <c r="BE1107" s="93"/>
      <c r="BF1107" s="93"/>
      <c r="BG1107" s="93"/>
      <c r="BH1107" s="93"/>
      <c r="BI1107" s="93"/>
      <c r="BJ1107" s="93"/>
      <c r="BK1107" s="93"/>
      <c r="BL1107" s="93"/>
    </row>
    <row r="1108" spans="2:64" x14ac:dyDescent="0.2">
      <c r="B1108" s="43"/>
      <c r="C1108" s="73"/>
      <c r="D1108" s="64"/>
      <c r="E1108" s="55"/>
      <c r="F1108" s="74"/>
      <c r="G1108" s="74"/>
      <c r="H1108" s="74"/>
      <c r="I1108" s="75"/>
      <c r="J1108" s="74"/>
      <c r="L1108" s="55"/>
      <c r="M1108" s="234"/>
      <c r="N1108" s="65"/>
      <c r="O1108" s="76"/>
      <c r="P1108" s="76"/>
      <c r="Q1108" s="65"/>
      <c r="R1108" s="76"/>
      <c r="S1108" s="76"/>
      <c r="T1108" s="76"/>
      <c r="U1108" s="76"/>
      <c r="V1108" s="76"/>
      <c r="W1108" s="76"/>
      <c r="X1108" s="76"/>
      <c r="Y1108" s="76"/>
      <c r="Z1108" s="76"/>
      <c r="AA1108" s="85"/>
      <c r="AB1108" s="85"/>
      <c r="AC1108" s="85"/>
      <c r="AD1108" s="85"/>
      <c r="AE1108" s="85"/>
      <c r="AF1108" s="85"/>
      <c r="AG1108" s="86"/>
      <c r="AH1108" s="85"/>
      <c r="AI1108" s="85"/>
      <c r="AJ1108" s="85"/>
      <c r="AK1108" s="85"/>
      <c r="AL1108" s="85"/>
      <c r="AM1108" s="92"/>
      <c r="AN1108" s="92"/>
      <c r="AO1108" s="92"/>
      <c r="AP1108" s="92"/>
      <c r="AQ1108" s="92"/>
      <c r="AR1108" s="92"/>
      <c r="AS1108" s="92"/>
      <c r="AT1108" s="92"/>
      <c r="AU1108" s="92"/>
      <c r="AV1108" s="92"/>
      <c r="AW1108" s="92"/>
      <c r="AX1108" s="92"/>
      <c r="AY1108" s="92"/>
      <c r="AZ1108" s="93"/>
      <c r="BA1108" s="93"/>
      <c r="BB1108" s="93"/>
      <c r="BC1108" s="93"/>
      <c r="BD1108" s="93"/>
      <c r="BE1108" s="93"/>
      <c r="BF1108" s="93"/>
      <c r="BG1108" s="93"/>
      <c r="BH1108" s="93"/>
      <c r="BI1108" s="93"/>
      <c r="BJ1108" s="93"/>
      <c r="BK1108" s="93"/>
      <c r="BL1108" s="93"/>
    </row>
    <row r="1109" spans="2:64" x14ac:dyDescent="0.2">
      <c r="B1109" s="43"/>
      <c r="C1109" s="73"/>
      <c r="D1109" s="64"/>
      <c r="E1109" s="55"/>
      <c r="F1109" s="74"/>
      <c r="G1109" s="74"/>
      <c r="H1109" s="74"/>
      <c r="I1109" s="75"/>
      <c r="J1109" s="74"/>
      <c r="L1109" s="55"/>
      <c r="M1109" s="234"/>
      <c r="N1109" s="65"/>
      <c r="O1109" s="76"/>
      <c r="P1109" s="76"/>
      <c r="Q1109" s="65"/>
      <c r="R1109" s="76"/>
      <c r="S1109" s="76"/>
      <c r="T1109" s="76"/>
      <c r="U1109" s="76"/>
      <c r="V1109" s="76"/>
      <c r="W1109" s="76"/>
      <c r="X1109" s="76"/>
      <c r="Y1109" s="76"/>
      <c r="Z1109" s="76"/>
      <c r="AA1109" s="85"/>
      <c r="AB1109" s="85"/>
      <c r="AC1109" s="85"/>
      <c r="AD1109" s="85"/>
      <c r="AE1109" s="85"/>
      <c r="AF1109" s="85"/>
      <c r="AG1109" s="86"/>
      <c r="AH1109" s="85"/>
      <c r="AI1109" s="85"/>
      <c r="AJ1109" s="85"/>
      <c r="AK1109" s="85"/>
      <c r="AL1109" s="85"/>
      <c r="AM1109" s="92"/>
      <c r="AN1109" s="92"/>
      <c r="AO1109" s="92"/>
      <c r="AP1109" s="92"/>
      <c r="AQ1109" s="92"/>
      <c r="AR1109" s="92"/>
      <c r="AS1109" s="92"/>
      <c r="AT1109" s="92"/>
      <c r="AU1109" s="92"/>
      <c r="AV1109" s="92"/>
      <c r="AW1109" s="92"/>
      <c r="AX1109" s="92"/>
      <c r="AY1109" s="92"/>
      <c r="AZ1109" s="93"/>
      <c r="BA1109" s="93"/>
      <c r="BB1109" s="93"/>
      <c r="BC1109" s="93"/>
      <c r="BD1109" s="93"/>
      <c r="BE1109" s="93"/>
      <c r="BF1109" s="93"/>
      <c r="BG1109" s="93"/>
      <c r="BH1109" s="93"/>
      <c r="BI1109" s="93"/>
      <c r="BJ1109" s="93"/>
      <c r="BK1109" s="93"/>
      <c r="BL1109" s="93"/>
    </row>
    <row r="1110" spans="2:64" x14ac:dyDescent="0.2">
      <c r="B1110" s="43"/>
      <c r="C1110" s="73"/>
      <c r="D1110" s="64"/>
      <c r="E1110" s="55"/>
      <c r="F1110" s="74"/>
      <c r="G1110" s="74"/>
      <c r="H1110" s="74"/>
      <c r="I1110" s="75"/>
      <c r="J1110" s="74"/>
      <c r="L1110" s="55"/>
      <c r="M1110" s="234"/>
      <c r="N1110" s="65"/>
      <c r="O1110" s="76"/>
      <c r="P1110" s="76"/>
      <c r="Q1110" s="65"/>
      <c r="R1110" s="76"/>
      <c r="S1110" s="76"/>
      <c r="T1110" s="76"/>
      <c r="U1110" s="76"/>
      <c r="V1110" s="76"/>
      <c r="W1110" s="76"/>
      <c r="X1110" s="76"/>
      <c r="Y1110" s="76"/>
      <c r="Z1110" s="76"/>
      <c r="AA1110" s="85"/>
      <c r="AB1110" s="85"/>
      <c r="AC1110" s="85"/>
      <c r="AD1110" s="85"/>
      <c r="AE1110" s="85"/>
      <c r="AF1110" s="85"/>
      <c r="AG1110" s="86"/>
      <c r="AH1110" s="85"/>
      <c r="AI1110" s="85"/>
      <c r="AJ1110" s="85"/>
      <c r="AK1110" s="85"/>
      <c r="AL1110" s="85"/>
      <c r="AM1110" s="92"/>
      <c r="AN1110" s="92"/>
      <c r="AO1110" s="92"/>
      <c r="AP1110" s="92"/>
      <c r="AQ1110" s="92"/>
      <c r="AR1110" s="92"/>
      <c r="AS1110" s="92"/>
      <c r="AT1110" s="92"/>
      <c r="AU1110" s="92"/>
      <c r="AV1110" s="92"/>
      <c r="AW1110" s="92"/>
      <c r="AX1110" s="92"/>
      <c r="AY1110" s="92"/>
      <c r="AZ1110" s="93"/>
      <c r="BA1110" s="93"/>
      <c r="BB1110" s="93"/>
      <c r="BC1110" s="93"/>
      <c r="BD1110" s="93"/>
      <c r="BE1110" s="93"/>
      <c r="BF1110" s="93"/>
      <c r="BG1110" s="93"/>
      <c r="BH1110" s="93"/>
      <c r="BI1110" s="93"/>
      <c r="BJ1110" s="93"/>
      <c r="BK1110" s="93"/>
      <c r="BL1110" s="93"/>
    </row>
    <row r="1111" spans="2:64" x14ac:dyDescent="0.2">
      <c r="B1111" s="43"/>
      <c r="C1111" s="73"/>
      <c r="D1111" s="64"/>
      <c r="E1111" s="55"/>
      <c r="F1111" s="74"/>
      <c r="G1111" s="74"/>
      <c r="H1111" s="74"/>
      <c r="I1111" s="75"/>
      <c r="J1111" s="74"/>
      <c r="L1111" s="55"/>
      <c r="M1111" s="234"/>
      <c r="N1111" s="65"/>
      <c r="O1111" s="76"/>
      <c r="P1111" s="76"/>
      <c r="Q1111" s="65"/>
      <c r="R1111" s="76"/>
      <c r="S1111" s="76"/>
      <c r="T1111" s="76"/>
      <c r="U1111" s="76"/>
      <c r="V1111" s="76"/>
      <c r="W1111" s="76"/>
      <c r="X1111" s="76"/>
      <c r="Y1111" s="76"/>
      <c r="Z1111" s="76"/>
      <c r="AA1111" s="85"/>
      <c r="AB1111" s="85"/>
      <c r="AC1111" s="85"/>
      <c r="AD1111" s="85"/>
      <c r="AE1111" s="85"/>
      <c r="AF1111" s="85"/>
      <c r="AG1111" s="86"/>
      <c r="AH1111" s="85"/>
      <c r="AI1111" s="85"/>
      <c r="AJ1111" s="85"/>
      <c r="AK1111" s="85"/>
      <c r="AL1111" s="85"/>
      <c r="AM1111" s="92"/>
      <c r="AN1111" s="92"/>
      <c r="AO1111" s="92"/>
      <c r="AP1111" s="92"/>
      <c r="AQ1111" s="92"/>
      <c r="AR1111" s="92"/>
      <c r="AS1111" s="92"/>
      <c r="AT1111" s="92"/>
      <c r="AU1111" s="92"/>
      <c r="AV1111" s="92"/>
      <c r="AW1111" s="92"/>
      <c r="AX1111" s="92"/>
      <c r="AY1111" s="92"/>
      <c r="AZ1111" s="93"/>
      <c r="BA1111" s="93"/>
      <c r="BB1111" s="93"/>
      <c r="BC1111" s="93"/>
      <c r="BD1111" s="93"/>
      <c r="BE1111" s="93"/>
      <c r="BF1111" s="93"/>
      <c r="BG1111" s="93"/>
      <c r="BH1111" s="93"/>
      <c r="BI1111" s="93"/>
      <c r="BJ1111" s="93"/>
      <c r="BK1111" s="93"/>
      <c r="BL1111" s="93"/>
    </row>
    <row r="1112" spans="2:64" x14ac:dyDescent="0.2">
      <c r="B1112" s="43"/>
      <c r="C1112" s="73"/>
      <c r="D1112" s="64"/>
      <c r="E1112" s="55"/>
      <c r="F1112" s="74"/>
      <c r="G1112" s="74"/>
      <c r="H1112" s="74"/>
      <c r="I1112" s="75"/>
      <c r="J1112" s="74"/>
      <c r="L1112" s="55"/>
      <c r="M1112" s="234"/>
      <c r="N1112" s="65"/>
      <c r="O1112" s="76"/>
      <c r="P1112" s="76"/>
      <c r="Q1112" s="65"/>
      <c r="R1112" s="76"/>
      <c r="S1112" s="76"/>
      <c r="T1112" s="76"/>
      <c r="U1112" s="76"/>
      <c r="V1112" s="76"/>
      <c r="W1112" s="76"/>
      <c r="X1112" s="76"/>
      <c r="Y1112" s="76"/>
      <c r="Z1112" s="76"/>
      <c r="AA1112" s="85"/>
      <c r="AB1112" s="85"/>
      <c r="AC1112" s="85"/>
      <c r="AD1112" s="85"/>
      <c r="AE1112" s="85"/>
      <c r="AF1112" s="85"/>
      <c r="AG1112" s="86"/>
      <c r="AH1112" s="85"/>
      <c r="AI1112" s="85"/>
      <c r="AJ1112" s="85"/>
      <c r="AK1112" s="85"/>
      <c r="AL1112" s="85"/>
      <c r="AM1112" s="92"/>
      <c r="AN1112" s="92"/>
      <c r="AO1112" s="92"/>
      <c r="AP1112" s="92"/>
      <c r="AQ1112" s="92"/>
      <c r="AR1112" s="92"/>
      <c r="AS1112" s="92"/>
      <c r="AT1112" s="92"/>
      <c r="AU1112" s="92"/>
      <c r="AV1112" s="92"/>
      <c r="AW1112" s="92"/>
      <c r="AX1112" s="92"/>
      <c r="AY1112" s="92"/>
      <c r="AZ1112" s="93"/>
      <c r="BA1112" s="93"/>
      <c r="BB1112" s="93"/>
      <c r="BC1112" s="93"/>
      <c r="BD1112" s="93"/>
      <c r="BE1112" s="93"/>
      <c r="BF1112" s="93"/>
      <c r="BG1112" s="93"/>
      <c r="BH1112" s="93"/>
      <c r="BI1112" s="93"/>
      <c r="BJ1112" s="93"/>
      <c r="BK1112" s="93"/>
      <c r="BL1112" s="93"/>
    </row>
    <row r="1113" spans="2:64" x14ac:dyDescent="0.2">
      <c r="B1113" s="43"/>
      <c r="C1113" s="73"/>
      <c r="D1113" s="64"/>
      <c r="E1113" s="55"/>
      <c r="F1113" s="74"/>
      <c r="G1113" s="74"/>
      <c r="H1113" s="74"/>
      <c r="I1113" s="75"/>
      <c r="J1113" s="74"/>
      <c r="L1113" s="55"/>
      <c r="M1113" s="234"/>
      <c r="N1113" s="65"/>
      <c r="O1113" s="76"/>
      <c r="P1113" s="76"/>
      <c r="Q1113" s="65"/>
      <c r="R1113" s="76"/>
      <c r="S1113" s="76"/>
      <c r="T1113" s="76"/>
      <c r="U1113" s="76"/>
      <c r="V1113" s="76"/>
      <c r="W1113" s="76"/>
      <c r="X1113" s="76"/>
      <c r="Y1113" s="76"/>
      <c r="Z1113" s="76"/>
      <c r="AA1113" s="85"/>
      <c r="AB1113" s="85"/>
      <c r="AC1113" s="85"/>
      <c r="AD1113" s="85"/>
      <c r="AE1113" s="85"/>
      <c r="AF1113" s="85"/>
      <c r="AG1113" s="86"/>
      <c r="AH1113" s="85"/>
      <c r="AI1113" s="85"/>
      <c r="AJ1113" s="85"/>
      <c r="AK1113" s="85"/>
      <c r="AL1113" s="85"/>
      <c r="AM1113" s="92"/>
      <c r="AN1113" s="92"/>
      <c r="AO1113" s="92"/>
      <c r="AP1113" s="92"/>
      <c r="AQ1113" s="92"/>
      <c r="AR1113" s="92"/>
      <c r="AS1113" s="92"/>
      <c r="AT1113" s="92"/>
      <c r="AU1113" s="92"/>
      <c r="AV1113" s="92"/>
      <c r="AW1113" s="92"/>
      <c r="AX1113" s="92"/>
      <c r="AY1113" s="92"/>
      <c r="AZ1113" s="93"/>
      <c r="BA1113" s="93"/>
      <c r="BB1113" s="93"/>
      <c r="BC1113" s="93"/>
      <c r="BD1113" s="93"/>
      <c r="BE1113" s="93"/>
      <c r="BF1113" s="93"/>
      <c r="BG1113" s="93"/>
      <c r="BH1113" s="93"/>
      <c r="BI1113" s="93"/>
      <c r="BJ1113" s="93"/>
      <c r="BK1113" s="93"/>
      <c r="BL1113" s="93"/>
    </row>
    <row r="1114" spans="2:64" x14ac:dyDescent="0.2">
      <c r="B1114" s="43"/>
      <c r="C1114" s="73"/>
      <c r="D1114" s="64"/>
      <c r="E1114" s="55"/>
      <c r="F1114" s="74"/>
      <c r="G1114" s="74"/>
      <c r="H1114" s="74"/>
      <c r="I1114" s="75"/>
      <c r="J1114" s="74"/>
      <c r="L1114" s="55"/>
      <c r="M1114" s="234"/>
      <c r="N1114" s="65"/>
      <c r="O1114" s="76"/>
      <c r="P1114" s="76"/>
      <c r="Q1114" s="65"/>
      <c r="R1114" s="76"/>
      <c r="S1114" s="76"/>
      <c r="T1114" s="76"/>
      <c r="U1114" s="76"/>
      <c r="V1114" s="76"/>
      <c r="W1114" s="76"/>
      <c r="X1114" s="76"/>
      <c r="Y1114" s="76"/>
      <c r="Z1114" s="76"/>
      <c r="AA1114" s="85"/>
      <c r="AB1114" s="85"/>
      <c r="AC1114" s="85"/>
      <c r="AD1114" s="85"/>
      <c r="AE1114" s="85"/>
      <c r="AF1114" s="85"/>
      <c r="AG1114" s="86"/>
      <c r="AH1114" s="85"/>
      <c r="AI1114" s="85"/>
      <c r="AJ1114" s="85"/>
      <c r="AK1114" s="85"/>
      <c r="AL1114" s="85"/>
      <c r="AM1114" s="92"/>
      <c r="AN1114" s="92"/>
      <c r="AO1114" s="92"/>
      <c r="AP1114" s="92"/>
      <c r="AQ1114" s="92"/>
      <c r="AR1114" s="92"/>
      <c r="AS1114" s="92"/>
      <c r="AT1114" s="92"/>
      <c r="AU1114" s="92"/>
      <c r="AV1114" s="92"/>
      <c r="AW1114" s="92"/>
      <c r="AX1114" s="92"/>
      <c r="AY1114" s="92"/>
      <c r="AZ1114" s="93"/>
      <c r="BA1114" s="93"/>
      <c r="BB1114" s="93"/>
      <c r="BC1114" s="93"/>
      <c r="BD1114" s="93"/>
      <c r="BE1114" s="93"/>
      <c r="BF1114" s="93"/>
      <c r="BG1114" s="93"/>
      <c r="BH1114" s="93"/>
      <c r="BI1114" s="93"/>
      <c r="BJ1114" s="93"/>
      <c r="BK1114" s="93"/>
      <c r="BL1114" s="93"/>
    </row>
    <row r="1115" spans="2:64" x14ac:dyDescent="0.2">
      <c r="B1115" s="43"/>
      <c r="C1115" s="73"/>
      <c r="D1115" s="64"/>
      <c r="E1115" s="55"/>
      <c r="F1115" s="74"/>
      <c r="G1115" s="74"/>
      <c r="H1115" s="74"/>
      <c r="I1115" s="75"/>
      <c r="J1115" s="74"/>
      <c r="L1115" s="55"/>
      <c r="M1115" s="234"/>
      <c r="N1115" s="65"/>
      <c r="O1115" s="76"/>
      <c r="P1115" s="76"/>
      <c r="Q1115" s="65"/>
      <c r="R1115" s="76"/>
      <c r="S1115" s="76"/>
      <c r="T1115" s="76"/>
      <c r="U1115" s="76"/>
      <c r="V1115" s="76"/>
      <c r="W1115" s="76"/>
      <c r="X1115" s="76"/>
      <c r="Y1115" s="76"/>
      <c r="Z1115" s="76"/>
      <c r="AA1115" s="85"/>
      <c r="AB1115" s="85"/>
      <c r="AC1115" s="85"/>
      <c r="AD1115" s="85"/>
      <c r="AE1115" s="85"/>
      <c r="AF1115" s="85"/>
      <c r="AG1115" s="86"/>
      <c r="AH1115" s="85"/>
      <c r="AI1115" s="85"/>
      <c r="AJ1115" s="85"/>
      <c r="AK1115" s="85"/>
      <c r="AL1115" s="85"/>
      <c r="AM1115" s="92"/>
      <c r="AN1115" s="92"/>
      <c r="AO1115" s="92"/>
      <c r="AP1115" s="92"/>
      <c r="AQ1115" s="92"/>
      <c r="AR1115" s="92"/>
      <c r="AS1115" s="92"/>
      <c r="AT1115" s="92"/>
      <c r="AU1115" s="92"/>
      <c r="AV1115" s="92"/>
      <c r="AW1115" s="92"/>
      <c r="AX1115" s="92"/>
      <c r="AY1115" s="92"/>
      <c r="AZ1115" s="93"/>
      <c r="BA1115" s="93"/>
      <c r="BB1115" s="93"/>
      <c r="BC1115" s="93"/>
      <c r="BD1115" s="93"/>
      <c r="BE1115" s="93"/>
      <c r="BF1115" s="93"/>
      <c r="BG1115" s="93"/>
      <c r="BH1115" s="93"/>
      <c r="BI1115" s="93"/>
      <c r="BJ1115" s="93"/>
      <c r="BK1115" s="93"/>
      <c r="BL1115" s="93"/>
    </row>
    <row r="1116" spans="2:64" x14ac:dyDescent="0.2">
      <c r="B1116" s="43"/>
      <c r="C1116" s="73"/>
      <c r="D1116" s="64"/>
      <c r="E1116" s="55"/>
      <c r="F1116" s="74"/>
      <c r="G1116" s="74"/>
      <c r="H1116" s="74"/>
      <c r="I1116" s="75"/>
      <c r="J1116" s="74"/>
      <c r="L1116" s="55"/>
      <c r="M1116" s="234"/>
      <c r="N1116" s="65"/>
      <c r="O1116" s="76"/>
      <c r="P1116" s="76"/>
      <c r="Q1116" s="65"/>
      <c r="R1116" s="76"/>
      <c r="S1116" s="76"/>
      <c r="T1116" s="76"/>
      <c r="U1116" s="76"/>
      <c r="V1116" s="76"/>
      <c r="W1116" s="76"/>
      <c r="X1116" s="76"/>
      <c r="Y1116" s="76"/>
      <c r="Z1116" s="76"/>
      <c r="AA1116" s="85"/>
      <c r="AB1116" s="85"/>
      <c r="AC1116" s="85"/>
      <c r="AD1116" s="85"/>
      <c r="AE1116" s="85"/>
      <c r="AF1116" s="85"/>
      <c r="AG1116" s="86"/>
      <c r="AH1116" s="85"/>
      <c r="AI1116" s="85"/>
      <c r="AJ1116" s="85"/>
      <c r="AK1116" s="85"/>
      <c r="AL1116" s="85"/>
      <c r="AM1116" s="92"/>
      <c r="AN1116" s="92"/>
      <c r="AO1116" s="92"/>
      <c r="AP1116" s="92"/>
      <c r="AQ1116" s="92"/>
      <c r="AR1116" s="92"/>
      <c r="AS1116" s="92"/>
      <c r="AT1116" s="92"/>
      <c r="AU1116" s="92"/>
      <c r="AV1116" s="92"/>
      <c r="AW1116" s="92"/>
      <c r="AX1116" s="92"/>
      <c r="AY1116" s="92"/>
      <c r="AZ1116" s="93"/>
      <c r="BA1116" s="93"/>
      <c r="BB1116" s="93"/>
      <c r="BC1116" s="93"/>
      <c r="BD1116" s="93"/>
      <c r="BE1116" s="93"/>
      <c r="BF1116" s="93"/>
      <c r="BG1116" s="93"/>
      <c r="BH1116" s="93"/>
      <c r="BI1116" s="93"/>
      <c r="BJ1116" s="93"/>
      <c r="BK1116" s="93"/>
      <c r="BL1116" s="93"/>
    </row>
    <row r="1117" spans="2:64" x14ac:dyDescent="0.2">
      <c r="B1117" s="43"/>
      <c r="C1117" s="73"/>
      <c r="D1117" s="64"/>
      <c r="E1117" s="55"/>
      <c r="F1117" s="74"/>
      <c r="G1117" s="74"/>
      <c r="H1117" s="74"/>
      <c r="I1117" s="75"/>
      <c r="J1117" s="74"/>
      <c r="L1117" s="55"/>
      <c r="M1117" s="234"/>
      <c r="N1117" s="65"/>
      <c r="O1117" s="76"/>
      <c r="P1117" s="76"/>
      <c r="Q1117" s="65"/>
      <c r="R1117" s="76"/>
      <c r="S1117" s="76"/>
      <c r="T1117" s="76"/>
      <c r="U1117" s="76"/>
      <c r="V1117" s="76"/>
      <c r="W1117" s="76"/>
      <c r="X1117" s="76"/>
      <c r="Y1117" s="76"/>
      <c r="Z1117" s="76"/>
      <c r="AA1117" s="85"/>
      <c r="AB1117" s="85"/>
      <c r="AC1117" s="85"/>
      <c r="AD1117" s="85"/>
      <c r="AE1117" s="85"/>
      <c r="AF1117" s="85"/>
      <c r="AG1117" s="86"/>
      <c r="AH1117" s="85"/>
      <c r="AI1117" s="85"/>
      <c r="AJ1117" s="85"/>
      <c r="AK1117" s="85"/>
      <c r="AL1117" s="85"/>
      <c r="AM1117" s="92"/>
      <c r="AN1117" s="92"/>
      <c r="AO1117" s="92"/>
      <c r="AP1117" s="92"/>
      <c r="AQ1117" s="92"/>
      <c r="AR1117" s="92"/>
      <c r="AS1117" s="92"/>
      <c r="AT1117" s="92"/>
      <c r="AU1117" s="92"/>
      <c r="AV1117" s="92"/>
      <c r="AW1117" s="92"/>
      <c r="AX1117" s="92"/>
      <c r="AY1117" s="92"/>
      <c r="AZ1117" s="93"/>
      <c r="BA1117" s="93"/>
      <c r="BB1117" s="93"/>
      <c r="BC1117" s="93"/>
      <c r="BD1117" s="93"/>
      <c r="BE1117" s="93"/>
      <c r="BF1117" s="93"/>
      <c r="BG1117" s="93"/>
      <c r="BH1117" s="93"/>
      <c r="BI1117" s="93"/>
      <c r="BJ1117" s="93"/>
      <c r="BK1117" s="93"/>
      <c r="BL1117" s="93"/>
    </row>
    <row r="1118" spans="2:64" x14ac:dyDescent="0.2">
      <c r="B1118" s="43"/>
      <c r="C1118" s="73"/>
      <c r="D1118" s="64"/>
      <c r="E1118" s="55"/>
      <c r="F1118" s="74"/>
      <c r="G1118" s="74"/>
      <c r="H1118" s="74"/>
      <c r="I1118" s="75"/>
      <c r="J1118" s="74"/>
      <c r="L1118" s="55"/>
      <c r="M1118" s="234"/>
      <c r="N1118" s="65"/>
      <c r="O1118" s="76"/>
      <c r="P1118" s="76"/>
      <c r="Q1118" s="65"/>
      <c r="R1118" s="76"/>
      <c r="S1118" s="76"/>
      <c r="T1118" s="76"/>
      <c r="U1118" s="76"/>
      <c r="V1118" s="76"/>
      <c r="W1118" s="76"/>
      <c r="X1118" s="76"/>
      <c r="Y1118" s="76"/>
      <c r="Z1118" s="76"/>
      <c r="AA1118" s="85"/>
      <c r="AB1118" s="85"/>
      <c r="AC1118" s="85"/>
      <c r="AD1118" s="85"/>
      <c r="AE1118" s="85"/>
      <c r="AF1118" s="85"/>
      <c r="AG1118" s="86"/>
      <c r="AH1118" s="85"/>
      <c r="AI1118" s="85"/>
      <c r="AJ1118" s="85"/>
      <c r="AK1118" s="85"/>
      <c r="AL1118" s="85"/>
      <c r="AM1118" s="92"/>
      <c r="AN1118" s="92"/>
      <c r="AO1118" s="92"/>
      <c r="AP1118" s="92"/>
      <c r="AQ1118" s="92"/>
      <c r="AR1118" s="92"/>
      <c r="AS1118" s="92"/>
      <c r="AT1118" s="92"/>
      <c r="AU1118" s="92"/>
      <c r="AV1118" s="92"/>
      <c r="AW1118" s="92"/>
      <c r="AX1118" s="92"/>
      <c r="AY1118" s="92"/>
      <c r="AZ1118" s="93"/>
      <c r="BA1118" s="93"/>
      <c r="BB1118" s="93"/>
      <c r="BC1118" s="93"/>
      <c r="BD1118" s="93"/>
      <c r="BE1118" s="93"/>
      <c r="BF1118" s="93"/>
      <c r="BG1118" s="93"/>
      <c r="BH1118" s="93"/>
      <c r="BI1118" s="93"/>
      <c r="BJ1118" s="93"/>
      <c r="BK1118" s="93"/>
      <c r="BL1118" s="93"/>
    </row>
    <row r="1119" spans="2:64" x14ac:dyDescent="0.2">
      <c r="B1119" s="43"/>
      <c r="C1119" s="73"/>
      <c r="D1119" s="64"/>
      <c r="E1119" s="55"/>
      <c r="F1119" s="74"/>
      <c r="G1119" s="74"/>
      <c r="H1119" s="74"/>
      <c r="I1119" s="75"/>
      <c r="J1119" s="74"/>
      <c r="L1119" s="55"/>
      <c r="M1119" s="234"/>
      <c r="N1119" s="65"/>
      <c r="O1119" s="76"/>
      <c r="P1119" s="76"/>
      <c r="Q1119" s="65"/>
      <c r="R1119" s="76"/>
      <c r="S1119" s="76"/>
      <c r="T1119" s="76"/>
      <c r="U1119" s="76"/>
      <c r="V1119" s="76"/>
      <c r="W1119" s="76"/>
      <c r="X1119" s="76"/>
      <c r="Y1119" s="76"/>
      <c r="Z1119" s="76"/>
      <c r="AA1119" s="85"/>
      <c r="AB1119" s="85"/>
      <c r="AC1119" s="85"/>
      <c r="AD1119" s="85"/>
      <c r="AE1119" s="85"/>
      <c r="AF1119" s="85"/>
      <c r="AG1119" s="86"/>
      <c r="AH1119" s="85"/>
      <c r="AI1119" s="85"/>
      <c r="AJ1119" s="85"/>
      <c r="AK1119" s="85"/>
      <c r="AL1119" s="85"/>
      <c r="AM1119" s="92"/>
      <c r="AN1119" s="92"/>
      <c r="AO1119" s="92"/>
      <c r="AP1119" s="92"/>
      <c r="AQ1119" s="92"/>
      <c r="AR1119" s="92"/>
      <c r="AS1119" s="92"/>
      <c r="AT1119" s="92"/>
      <c r="AU1119" s="92"/>
      <c r="AV1119" s="92"/>
      <c r="AW1119" s="92"/>
      <c r="AX1119" s="92"/>
      <c r="AY1119" s="92"/>
      <c r="AZ1119" s="93"/>
      <c r="BA1119" s="93"/>
      <c r="BB1119" s="93"/>
      <c r="BC1119" s="93"/>
      <c r="BD1119" s="93"/>
      <c r="BE1119" s="93"/>
      <c r="BF1119" s="93"/>
      <c r="BG1119" s="93"/>
      <c r="BH1119" s="93"/>
      <c r="BI1119" s="93"/>
      <c r="BJ1119" s="93"/>
      <c r="BK1119" s="93"/>
      <c r="BL1119" s="93"/>
    </row>
    <row r="1120" spans="2:64" x14ac:dyDescent="0.2">
      <c r="B1120" s="43"/>
      <c r="C1120" s="73"/>
      <c r="D1120" s="64"/>
      <c r="E1120" s="55"/>
      <c r="F1120" s="74"/>
      <c r="G1120" s="74"/>
      <c r="H1120" s="74"/>
      <c r="I1120" s="75"/>
      <c r="J1120" s="74"/>
      <c r="L1120" s="55"/>
      <c r="M1120" s="234"/>
      <c r="N1120" s="65"/>
      <c r="O1120" s="76"/>
      <c r="P1120" s="76"/>
      <c r="Q1120" s="65"/>
      <c r="R1120" s="76"/>
      <c r="S1120" s="76"/>
      <c r="T1120" s="76"/>
      <c r="U1120" s="76"/>
      <c r="V1120" s="76"/>
      <c r="W1120" s="76"/>
      <c r="X1120" s="76"/>
      <c r="Y1120" s="76"/>
      <c r="Z1120" s="76"/>
      <c r="AA1120" s="85"/>
      <c r="AB1120" s="85"/>
      <c r="AC1120" s="85"/>
      <c r="AD1120" s="85"/>
      <c r="AE1120" s="85"/>
      <c r="AF1120" s="85"/>
      <c r="AG1120" s="86"/>
      <c r="AH1120" s="85"/>
      <c r="AI1120" s="85"/>
      <c r="AJ1120" s="85"/>
      <c r="AK1120" s="85"/>
      <c r="AL1120" s="85"/>
      <c r="AM1120" s="92"/>
      <c r="AN1120" s="92"/>
      <c r="AO1120" s="92"/>
      <c r="AP1120" s="92"/>
      <c r="AQ1120" s="92"/>
      <c r="AR1120" s="92"/>
      <c r="AS1120" s="92"/>
      <c r="AT1120" s="92"/>
      <c r="AU1120" s="92"/>
      <c r="AV1120" s="92"/>
      <c r="AW1120" s="92"/>
      <c r="AX1120" s="92"/>
      <c r="AY1120" s="92"/>
      <c r="AZ1120" s="93"/>
      <c r="BA1120" s="93"/>
      <c r="BB1120" s="93"/>
      <c r="BC1120" s="93"/>
      <c r="BD1120" s="93"/>
      <c r="BE1120" s="93"/>
      <c r="BF1120" s="93"/>
      <c r="BG1120" s="93"/>
      <c r="BH1120" s="93"/>
      <c r="BI1120" s="93"/>
      <c r="BJ1120" s="93"/>
      <c r="BK1120" s="93"/>
      <c r="BL1120" s="93"/>
    </row>
    <row r="1121" spans="2:64" x14ac:dyDescent="0.2">
      <c r="B1121" s="43"/>
      <c r="C1121" s="73"/>
      <c r="D1121" s="64"/>
      <c r="E1121" s="55"/>
      <c r="F1121" s="74"/>
      <c r="G1121" s="74"/>
      <c r="H1121" s="74"/>
      <c r="I1121" s="75"/>
      <c r="J1121" s="74"/>
      <c r="L1121" s="55"/>
      <c r="M1121" s="234"/>
      <c r="N1121" s="65"/>
      <c r="O1121" s="76"/>
      <c r="P1121" s="76"/>
      <c r="Q1121" s="65"/>
      <c r="R1121" s="76"/>
      <c r="S1121" s="76"/>
      <c r="T1121" s="76"/>
      <c r="U1121" s="76"/>
      <c r="V1121" s="76"/>
      <c r="W1121" s="76"/>
      <c r="X1121" s="76"/>
      <c r="Y1121" s="76"/>
      <c r="Z1121" s="76"/>
      <c r="AA1121" s="85"/>
      <c r="AB1121" s="85"/>
      <c r="AC1121" s="85"/>
      <c r="AD1121" s="85"/>
      <c r="AE1121" s="85"/>
      <c r="AF1121" s="85"/>
      <c r="AG1121" s="86"/>
      <c r="AH1121" s="85"/>
      <c r="AI1121" s="85"/>
      <c r="AJ1121" s="85"/>
      <c r="AK1121" s="85"/>
      <c r="AL1121" s="85"/>
      <c r="AM1121" s="92"/>
      <c r="AN1121" s="92"/>
      <c r="AO1121" s="92"/>
      <c r="AP1121" s="92"/>
      <c r="AQ1121" s="92"/>
      <c r="AR1121" s="92"/>
      <c r="AS1121" s="92"/>
      <c r="AT1121" s="92"/>
      <c r="AU1121" s="92"/>
      <c r="AV1121" s="92"/>
      <c r="AW1121" s="92"/>
      <c r="AX1121" s="92"/>
      <c r="AY1121" s="92"/>
      <c r="AZ1121" s="93"/>
      <c r="BA1121" s="93"/>
      <c r="BB1121" s="93"/>
      <c r="BC1121" s="93"/>
      <c r="BD1121" s="93"/>
      <c r="BE1121" s="93"/>
      <c r="BF1121" s="93"/>
      <c r="BG1121" s="93"/>
      <c r="BH1121" s="93"/>
      <c r="BI1121" s="93"/>
      <c r="BJ1121" s="93"/>
      <c r="BK1121" s="93"/>
      <c r="BL1121" s="93"/>
    </row>
    <row r="1122" spans="2:64" x14ac:dyDescent="0.2">
      <c r="B1122" s="43"/>
      <c r="C1122" s="73"/>
      <c r="D1122" s="64"/>
      <c r="E1122" s="55"/>
      <c r="F1122" s="74"/>
      <c r="G1122" s="74"/>
      <c r="H1122" s="74"/>
      <c r="I1122" s="75"/>
      <c r="J1122" s="74"/>
      <c r="L1122" s="55"/>
      <c r="M1122" s="234"/>
      <c r="N1122" s="65"/>
      <c r="O1122" s="76"/>
      <c r="P1122" s="76"/>
      <c r="Q1122" s="65"/>
      <c r="R1122" s="76"/>
      <c r="S1122" s="76"/>
      <c r="T1122" s="76"/>
      <c r="U1122" s="76"/>
      <c r="V1122" s="76"/>
      <c r="W1122" s="76"/>
      <c r="X1122" s="76"/>
      <c r="Y1122" s="76"/>
      <c r="Z1122" s="76"/>
      <c r="AA1122" s="85"/>
      <c r="AB1122" s="85"/>
      <c r="AC1122" s="85"/>
      <c r="AD1122" s="85"/>
      <c r="AE1122" s="85"/>
      <c r="AF1122" s="85"/>
      <c r="AG1122" s="86"/>
      <c r="AH1122" s="85"/>
      <c r="AI1122" s="85"/>
      <c r="AJ1122" s="85"/>
      <c r="AK1122" s="85"/>
      <c r="AL1122" s="85"/>
      <c r="AM1122" s="92"/>
      <c r="AN1122" s="92"/>
      <c r="AO1122" s="92"/>
      <c r="AP1122" s="92"/>
      <c r="AQ1122" s="92"/>
      <c r="AR1122" s="92"/>
      <c r="AS1122" s="92"/>
      <c r="AT1122" s="92"/>
      <c r="AU1122" s="92"/>
      <c r="AV1122" s="92"/>
      <c r="AW1122" s="92"/>
      <c r="AX1122" s="92"/>
      <c r="AY1122" s="92"/>
      <c r="AZ1122" s="93"/>
      <c r="BA1122" s="93"/>
      <c r="BB1122" s="93"/>
      <c r="BC1122" s="93"/>
      <c r="BD1122" s="93"/>
      <c r="BE1122" s="93"/>
      <c r="BF1122" s="93"/>
      <c r="BG1122" s="93"/>
      <c r="BH1122" s="93"/>
      <c r="BI1122" s="93"/>
      <c r="BJ1122" s="93"/>
      <c r="BK1122" s="93"/>
      <c r="BL1122" s="93"/>
    </row>
    <row r="1123" spans="2:64" x14ac:dyDescent="0.2">
      <c r="B1123" s="43"/>
      <c r="C1123" s="73"/>
      <c r="D1123" s="64"/>
      <c r="E1123" s="55"/>
      <c r="F1123" s="74"/>
      <c r="G1123" s="74"/>
      <c r="H1123" s="74"/>
      <c r="I1123" s="75"/>
      <c r="J1123" s="74"/>
      <c r="L1123" s="55"/>
      <c r="M1123" s="234"/>
      <c r="N1123" s="65"/>
      <c r="O1123" s="76"/>
      <c r="P1123" s="76"/>
      <c r="Q1123" s="65"/>
      <c r="R1123" s="76"/>
      <c r="S1123" s="76"/>
      <c r="T1123" s="76"/>
      <c r="U1123" s="76"/>
      <c r="V1123" s="76"/>
      <c r="W1123" s="76"/>
      <c r="X1123" s="76"/>
      <c r="Y1123" s="76"/>
      <c r="Z1123" s="76"/>
      <c r="AA1123" s="85"/>
      <c r="AB1123" s="85"/>
      <c r="AC1123" s="85"/>
      <c r="AD1123" s="85"/>
      <c r="AE1123" s="85"/>
      <c r="AF1123" s="85"/>
      <c r="AG1123" s="86"/>
      <c r="AH1123" s="85"/>
      <c r="AI1123" s="85"/>
      <c r="AJ1123" s="85"/>
      <c r="AK1123" s="85"/>
      <c r="AL1123" s="85"/>
      <c r="AM1123" s="92"/>
      <c r="AN1123" s="92"/>
      <c r="AO1123" s="92"/>
      <c r="AP1123" s="92"/>
      <c r="AQ1123" s="92"/>
      <c r="AR1123" s="92"/>
      <c r="AS1123" s="92"/>
      <c r="AT1123" s="92"/>
      <c r="AU1123" s="92"/>
      <c r="AV1123" s="92"/>
      <c r="AW1123" s="92"/>
      <c r="AX1123" s="92"/>
      <c r="AY1123" s="92"/>
      <c r="AZ1123" s="93"/>
      <c r="BA1123" s="93"/>
      <c r="BB1123" s="93"/>
      <c r="BC1123" s="93"/>
      <c r="BD1123" s="93"/>
      <c r="BE1123" s="93"/>
      <c r="BF1123" s="93"/>
      <c r="BG1123" s="93"/>
      <c r="BH1123" s="93"/>
      <c r="BI1123" s="93"/>
      <c r="BJ1123" s="93"/>
      <c r="BK1123" s="93"/>
      <c r="BL1123" s="93"/>
    </row>
    <row r="1124" spans="2:64" x14ac:dyDescent="0.2">
      <c r="B1124" s="43"/>
      <c r="C1124" s="73"/>
      <c r="D1124" s="64"/>
      <c r="E1124" s="55"/>
      <c r="F1124" s="74"/>
      <c r="G1124" s="74"/>
      <c r="H1124" s="74"/>
      <c r="I1124" s="75"/>
      <c r="J1124" s="74"/>
      <c r="L1124" s="55"/>
      <c r="M1124" s="234"/>
      <c r="N1124" s="65"/>
      <c r="O1124" s="76"/>
      <c r="P1124" s="76"/>
      <c r="Q1124" s="65"/>
      <c r="R1124" s="76"/>
      <c r="S1124" s="76"/>
      <c r="T1124" s="76"/>
      <c r="U1124" s="76"/>
      <c r="V1124" s="76"/>
      <c r="W1124" s="76"/>
      <c r="X1124" s="76"/>
      <c r="Y1124" s="76"/>
      <c r="Z1124" s="76"/>
      <c r="AA1124" s="85"/>
      <c r="AB1124" s="85"/>
      <c r="AC1124" s="85"/>
      <c r="AD1124" s="85"/>
      <c r="AE1124" s="85"/>
      <c r="AF1124" s="85"/>
      <c r="AG1124" s="86"/>
      <c r="AH1124" s="85"/>
      <c r="AI1124" s="85"/>
      <c r="AJ1124" s="85"/>
      <c r="AK1124" s="85"/>
      <c r="AL1124" s="85"/>
      <c r="AM1124" s="92"/>
      <c r="AN1124" s="92"/>
      <c r="AO1124" s="92"/>
      <c r="AP1124" s="92"/>
      <c r="AQ1124" s="92"/>
      <c r="AR1124" s="92"/>
      <c r="AS1124" s="92"/>
      <c r="AT1124" s="92"/>
      <c r="AU1124" s="92"/>
      <c r="AV1124" s="92"/>
      <c r="AW1124" s="92"/>
      <c r="AX1124" s="92"/>
      <c r="AY1124" s="92"/>
      <c r="AZ1124" s="93"/>
      <c r="BA1124" s="93"/>
      <c r="BB1124" s="93"/>
      <c r="BC1124" s="93"/>
      <c r="BD1124" s="93"/>
      <c r="BE1124" s="93"/>
      <c r="BF1124" s="93"/>
      <c r="BG1124" s="93"/>
      <c r="BH1124" s="93"/>
      <c r="BI1124" s="93"/>
      <c r="BJ1124" s="93"/>
      <c r="BK1124" s="93"/>
      <c r="BL1124" s="93"/>
    </row>
    <row r="1125" spans="2:64" x14ac:dyDescent="0.2">
      <c r="B1125" s="43"/>
      <c r="C1125" s="73"/>
      <c r="D1125" s="64"/>
      <c r="E1125" s="55"/>
      <c r="F1125" s="74"/>
      <c r="G1125" s="74"/>
      <c r="H1125" s="74"/>
      <c r="I1125" s="75"/>
      <c r="J1125" s="74"/>
      <c r="L1125" s="55"/>
      <c r="M1125" s="234"/>
      <c r="N1125" s="65"/>
      <c r="O1125" s="76"/>
      <c r="P1125" s="76"/>
      <c r="Q1125" s="65"/>
      <c r="R1125" s="76"/>
      <c r="S1125" s="76"/>
      <c r="T1125" s="76"/>
      <c r="U1125" s="76"/>
      <c r="V1125" s="76"/>
      <c r="W1125" s="76"/>
      <c r="X1125" s="76"/>
      <c r="Y1125" s="76"/>
      <c r="Z1125" s="76"/>
      <c r="AA1125" s="85"/>
      <c r="AB1125" s="85"/>
      <c r="AC1125" s="85"/>
      <c r="AD1125" s="85"/>
      <c r="AE1125" s="85"/>
      <c r="AF1125" s="85"/>
      <c r="AG1125" s="86"/>
      <c r="AH1125" s="85"/>
      <c r="AI1125" s="85"/>
      <c r="AJ1125" s="85"/>
      <c r="AK1125" s="85"/>
      <c r="AL1125" s="85"/>
      <c r="AM1125" s="92"/>
      <c r="AN1125" s="92"/>
      <c r="AO1125" s="92"/>
      <c r="AP1125" s="92"/>
      <c r="AQ1125" s="92"/>
      <c r="AR1125" s="92"/>
      <c r="AS1125" s="92"/>
      <c r="AT1125" s="92"/>
      <c r="AU1125" s="92"/>
      <c r="AV1125" s="92"/>
      <c r="AW1125" s="92"/>
      <c r="AX1125" s="92"/>
      <c r="AY1125" s="92"/>
      <c r="AZ1125" s="93"/>
      <c r="BA1125" s="93"/>
      <c r="BB1125" s="93"/>
      <c r="BC1125" s="93"/>
      <c r="BD1125" s="93"/>
      <c r="BE1125" s="93"/>
      <c r="BF1125" s="93"/>
      <c r="BG1125" s="93"/>
      <c r="BH1125" s="93"/>
      <c r="BI1125" s="93"/>
      <c r="BJ1125" s="93"/>
      <c r="BK1125" s="93"/>
      <c r="BL1125" s="93"/>
    </row>
    <row r="1126" spans="2:64" x14ac:dyDescent="0.2">
      <c r="B1126" s="43"/>
      <c r="C1126" s="73"/>
      <c r="D1126" s="64"/>
      <c r="E1126" s="55"/>
      <c r="F1126" s="74"/>
      <c r="G1126" s="74"/>
      <c r="H1126" s="74"/>
      <c r="I1126" s="75"/>
      <c r="J1126" s="74"/>
      <c r="L1126" s="55"/>
      <c r="M1126" s="234"/>
      <c r="N1126" s="65"/>
      <c r="O1126" s="76"/>
      <c r="P1126" s="76"/>
      <c r="Q1126" s="65"/>
      <c r="R1126" s="76"/>
      <c r="S1126" s="76"/>
      <c r="T1126" s="76"/>
      <c r="U1126" s="76"/>
      <c r="V1126" s="76"/>
      <c r="W1126" s="76"/>
      <c r="X1126" s="76"/>
      <c r="Y1126" s="76"/>
      <c r="Z1126" s="76"/>
      <c r="AA1126" s="85"/>
      <c r="AB1126" s="85"/>
      <c r="AC1126" s="85"/>
      <c r="AD1126" s="85"/>
      <c r="AE1126" s="85"/>
      <c r="AF1126" s="85"/>
      <c r="AG1126" s="86"/>
      <c r="AH1126" s="85"/>
      <c r="AI1126" s="85"/>
      <c r="AJ1126" s="85"/>
      <c r="AK1126" s="85"/>
      <c r="AL1126" s="85"/>
      <c r="AM1126" s="92"/>
      <c r="AN1126" s="92"/>
      <c r="AO1126" s="92"/>
      <c r="AP1126" s="92"/>
      <c r="AQ1126" s="92"/>
      <c r="AR1126" s="92"/>
      <c r="AS1126" s="92"/>
      <c r="AT1126" s="92"/>
      <c r="AU1126" s="92"/>
      <c r="AV1126" s="92"/>
      <c r="AW1126" s="92"/>
      <c r="AX1126" s="92"/>
      <c r="AY1126" s="92"/>
      <c r="AZ1126" s="93"/>
      <c r="BA1126" s="93"/>
      <c r="BB1126" s="93"/>
      <c r="BC1126" s="93"/>
      <c r="BD1126" s="93"/>
      <c r="BE1126" s="93"/>
      <c r="BF1126" s="93"/>
      <c r="BG1126" s="93"/>
      <c r="BH1126" s="93"/>
      <c r="BI1126" s="93"/>
      <c r="BJ1126" s="93"/>
      <c r="BK1126" s="93"/>
      <c r="BL1126" s="93"/>
    </row>
    <row r="1127" spans="2:64" x14ac:dyDescent="0.2">
      <c r="B1127" s="43"/>
      <c r="C1127" s="73"/>
      <c r="D1127" s="64"/>
      <c r="E1127" s="55"/>
      <c r="F1127" s="74"/>
      <c r="G1127" s="74"/>
      <c r="H1127" s="74"/>
      <c r="I1127" s="75"/>
      <c r="J1127" s="74"/>
      <c r="L1127" s="55"/>
      <c r="M1127" s="234"/>
      <c r="N1127" s="65"/>
      <c r="O1127" s="76"/>
      <c r="P1127" s="76"/>
      <c r="Q1127" s="65"/>
      <c r="R1127" s="76"/>
      <c r="S1127" s="76"/>
      <c r="T1127" s="76"/>
      <c r="U1127" s="76"/>
      <c r="V1127" s="76"/>
      <c r="W1127" s="76"/>
      <c r="X1127" s="76"/>
      <c r="Y1127" s="76"/>
      <c r="Z1127" s="76"/>
      <c r="AA1127" s="85"/>
      <c r="AB1127" s="85"/>
      <c r="AC1127" s="85"/>
      <c r="AD1127" s="85"/>
      <c r="AE1127" s="85"/>
      <c r="AF1127" s="85"/>
      <c r="AG1127" s="86"/>
      <c r="AH1127" s="85"/>
      <c r="AI1127" s="85"/>
      <c r="AJ1127" s="85"/>
      <c r="AK1127" s="85"/>
      <c r="AL1127" s="85"/>
      <c r="AM1127" s="92"/>
      <c r="AN1127" s="92"/>
      <c r="AO1127" s="92"/>
      <c r="AP1127" s="92"/>
      <c r="AQ1127" s="92"/>
      <c r="AR1127" s="92"/>
      <c r="AS1127" s="92"/>
      <c r="AT1127" s="92"/>
      <c r="AU1127" s="92"/>
      <c r="AV1127" s="92"/>
      <c r="AW1127" s="92"/>
      <c r="AX1127" s="92"/>
      <c r="AY1127" s="92"/>
      <c r="AZ1127" s="93"/>
      <c r="BA1127" s="93"/>
      <c r="BB1127" s="93"/>
      <c r="BC1127" s="93"/>
      <c r="BD1127" s="93"/>
      <c r="BE1127" s="93"/>
      <c r="BF1127" s="93"/>
      <c r="BG1127" s="93"/>
      <c r="BH1127" s="93"/>
      <c r="BI1127" s="93"/>
      <c r="BJ1127" s="93"/>
      <c r="BK1127" s="93"/>
      <c r="BL1127" s="93"/>
    </row>
    <row r="1128" spans="2:64" x14ac:dyDescent="0.2">
      <c r="B1128" s="43"/>
      <c r="C1128" s="73"/>
      <c r="D1128" s="64"/>
      <c r="E1128" s="55"/>
      <c r="F1128" s="74"/>
      <c r="G1128" s="74"/>
      <c r="H1128" s="74"/>
      <c r="I1128" s="75"/>
      <c r="J1128" s="74"/>
      <c r="L1128" s="55"/>
      <c r="M1128" s="234"/>
      <c r="N1128" s="65"/>
      <c r="O1128" s="76"/>
      <c r="P1128" s="76"/>
      <c r="Q1128" s="65"/>
      <c r="R1128" s="76"/>
      <c r="S1128" s="76"/>
      <c r="T1128" s="76"/>
      <c r="U1128" s="76"/>
      <c r="V1128" s="76"/>
      <c r="W1128" s="76"/>
      <c r="X1128" s="76"/>
      <c r="Y1128" s="76"/>
      <c r="Z1128" s="76"/>
      <c r="AA1128" s="85"/>
      <c r="AB1128" s="85"/>
      <c r="AC1128" s="85"/>
      <c r="AD1128" s="85"/>
      <c r="AE1128" s="85"/>
      <c r="AF1128" s="85"/>
      <c r="AG1128" s="86"/>
      <c r="AH1128" s="85"/>
      <c r="AI1128" s="85"/>
      <c r="AJ1128" s="85"/>
      <c r="AK1128" s="85"/>
      <c r="AL1128" s="85"/>
      <c r="AM1128" s="92"/>
      <c r="AN1128" s="92"/>
      <c r="AO1128" s="92"/>
      <c r="AP1128" s="92"/>
      <c r="AQ1128" s="92"/>
      <c r="AR1128" s="92"/>
      <c r="AS1128" s="92"/>
      <c r="AT1128" s="92"/>
      <c r="AU1128" s="92"/>
      <c r="AV1128" s="92"/>
      <c r="AW1128" s="92"/>
      <c r="AX1128" s="92"/>
      <c r="AY1128" s="92"/>
      <c r="AZ1128" s="93"/>
      <c r="BA1128" s="93"/>
      <c r="BB1128" s="93"/>
      <c r="BC1128" s="93"/>
      <c r="BD1128" s="93"/>
      <c r="BE1128" s="93"/>
      <c r="BF1128" s="93"/>
      <c r="BG1128" s="93"/>
      <c r="BH1128" s="93"/>
      <c r="BI1128" s="93"/>
      <c r="BJ1128" s="93"/>
      <c r="BK1128" s="93"/>
      <c r="BL1128" s="93"/>
    </row>
    <row r="1129" spans="2:64" x14ac:dyDescent="0.2">
      <c r="B1129" s="43"/>
      <c r="C1129" s="73"/>
      <c r="D1129" s="64"/>
      <c r="E1129" s="55"/>
      <c r="F1129" s="74"/>
      <c r="G1129" s="74"/>
      <c r="H1129" s="74"/>
      <c r="I1129" s="75"/>
      <c r="J1129" s="74"/>
      <c r="L1129" s="55"/>
      <c r="M1129" s="234"/>
      <c r="N1129" s="65"/>
      <c r="O1129" s="76"/>
      <c r="P1129" s="76"/>
      <c r="Q1129" s="65"/>
      <c r="R1129" s="76"/>
      <c r="S1129" s="76"/>
      <c r="T1129" s="76"/>
      <c r="U1129" s="76"/>
      <c r="V1129" s="76"/>
      <c r="W1129" s="76"/>
      <c r="X1129" s="76"/>
      <c r="Y1129" s="76"/>
      <c r="Z1129" s="76"/>
      <c r="AA1129" s="85"/>
      <c r="AB1129" s="85"/>
      <c r="AC1129" s="85"/>
      <c r="AD1129" s="85"/>
      <c r="AE1129" s="85"/>
      <c r="AF1129" s="85"/>
      <c r="AG1129" s="86"/>
      <c r="AH1129" s="85"/>
      <c r="AI1129" s="85"/>
      <c r="AJ1129" s="85"/>
      <c r="AK1129" s="85"/>
      <c r="AL1129" s="85"/>
      <c r="AM1129" s="92"/>
      <c r="AN1129" s="92"/>
      <c r="AO1129" s="92"/>
      <c r="AP1129" s="92"/>
      <c r="AQ1129" s="92"/>
      <c r="AR1129" s="92"/>
      <c r="AS1129" s="92"/>
      <c r="AT1129" s="92"/>
      <c r="AU1129" s="92"/>
      <c r="AV1129" s="92"/>
      <c r="AW1129" s="92"/>
      <c r="AX1129" s="92"/>
      <c r="AY1129" s="92"/>
      <c r="AZ1129" s="93"/>
      <c r="BA1129" s="93"/>
      <c r="BB1129" s="93"/>
      <c r="BC1129" s="93"/>
      <c r="BD1129" s="93"/>
      <c r="BE1129" s="93"/>
      <c r="BF1129" s="93"/>
      <c r="BG1129" s="93"/>
      <c r="BH1129" s="93"/>
      <c r="BI1129" s="93"/>
      <c r="BJ1129" s="93"/>
      <c r="BK1129" s="93"/>
      <c r="BL1129" s="93"/>
    </row>
    <row r="1130" spans="2:64" x14ac:dyDescent="0.2">
      <c r="B1130" s="43"/>
      <c r="C1130" s="73"/>
      <c r="D1130" s="64"/>
      <c r="E1130" s="55"/>
      <c r="F1130" s="74"/>
      <c r="G1130" s="74"/>
      <c r="H1130" s="74"/>
      <c r="I1130" s="75"/>
      <c r="J1130" s="74"/>
      <c r="L1130" s="55"/>
      <c r="M1130" s="234"/>
      <c r="N1130" s="65"/>
      <c r="O1130" s="76"/>
      <c r="P1130" s="76"/>
      <c r="Q1130" s="65"/>
      <c r="R1130" s="76"/>
      <c r="S1130" s="76"/>
      <c r="T1130" s="76"/>
      <c r="U1130" s="76"/>
      <c r="V1130" s="76"/>
      <c r="W1130" s="76"/>
      <c r="X1130" s="76"/>
      <c r="Y1130" s="76"/>
      <c r="Z1130" s="76"/>
      <c r="AA1130" s="85"/>
      <c r="AB1130" s="85"/>
      <c r="AC1130" s="85"/>
      <c r="AD1130" s="85"/>
      <c r="AE1130" s="85"/>
      <c r="AF1130" s="85"/>
      <c r="AG1130" s="86"/>
      <c r="AH1130" s="85"/>
      <c r="AI1130" s="85"/>
      <c r="AJ1130" s="85"/>
      <c r="AK1130" s="85"/>
      <c r="AL1130" s="85"/>
      <c r="AM1130" s="92"/>
      <c r="AN1130" s="92"/>
      <c r="AO1130" s="92"/>
      <c r="AP1130" s="92"/>
      <c r="AQ1130" s="92"/>
      <c r="AR1130" s="92"/>
      <c r="AS1130" s="92"/>
      <c r="AT1130" s="92"/>
      <c r="AU1130" s="92"/>
      <c r="AV1130" s="92"/>
      <c r="AW1130" s="92"/>
      <c r="AX1130" s="92"/>
      <c r="AY1130" s="92"/>
      <c r="AZ1130" s="93"/>
      <c r="BA1130" s="93"/>
      <c r="BB1130" s="93"/>
      <c r="BC1130" s="93"/>
      <c r="BD1130" s="93"/>
      <c r="BE1130" s="93"/>
      <c r="BF1130" s="93"/>
      <c r="BG1130" s="93"/>
      <c r="BH1130" s="93"/>
      <c r="BI1130" s="93"/>
      <c r="BJ1130" s="93"/>
      <c r="BK1130" s="93"/>
      <c r="BL1130" s="93"/>
    </row>
    <row r="1131" spans="2:64" x14ac:dyDescent="0.2">
      <c r="B1131" s="43"/>
      <c r="C1131" s="73"/>
      <c r="D1131" s="64"/>
      <c r="E1131" s="55"/>
      <c r="F1131" s="74"/>
      <c r="G1131" s="74"/>
      <c r="H1131" s="74"/>
      <c r="I1131" s="75"/>
      <c r="J1131" s="74"/>
      <c r="L1131" s="55"/>
      <c r="M1131" s="234"/>
      <c r="N1131" s="65"/>
      <c r="O1131" s="76"/>
      <c r="P1131" s="76"/>
      <c r="Q1131" s="65"/>
      <c r="R1131" s="76"/>
      <c r="S1131" s="76"/>
      <c r="T1131" s="76"/>
      <c r="U1131" s="76"/>
      <c r="V1131" s="76"/>
      <c r="W1131" s="76"/>
      <c r="X1131" s="76"/>
      <c r="Y1131" s="76"/>
      <c r="Z1131" s="76"/>
      <c r="AA1131" s="85"/>
      <c r="AB1131" s="85"/>
      <c r="AC1131" s="85"/>
      <c r="AD1131" s="85"/>
      <c r="AE1131" s="85"/>
      <c r="AF1131" s="85"/>
      <c r="AG1131" s="86"/>
      <c r="AH1131" s="85"/>
      <c r="AI1131" s="85"/>
      <c r="AJ1131" s="85"/>
      <c r="AK1131" s="85"/>
      <c r="AL1131" s="85"/>
      <c r="AM1131" s="92"/>
      <c r="AN1131" s="92"/>
      <c r="AO1131" s="92"/>
      <c r="AP1131" s="92"/>
      <c r="AQ1131" s="92"/>
      <c r="AR1131" s="92"/>
      <c r="AS1131" s="92"/>
      <c r="AT1131" s="92"/>
      <c r="AU1131" s="92"/>
      <c r="AV1131" s="92"/>
      <c r="AW1131" s="92"/>
      <c r="AX1131" s="92"/>
      <c r="AY1131" s="92"/>
      <c r="AZ1131" s="93"/>
      <c r="BA1131" s="93"/>
      <c r="BB1131" s="93"/>
      <c r="BC1131" s="93"/>
      <c r="BD1131" s="93"/>
      <c r="BE1131" s="93"/>
      <c r="BF1131" s="93"/>
      <c r="BG1131" s="93"/>
      <c r="BH1131" s="93"/>
      <c r="BI1131" s="93"/>
      <c r="BJ1131" s="93"/>
      <c r="BK1131" s="93"/>
      <c r="BL1131" s="93"/>
    </row>
    <row r="1132" spans="2:64" x14ac:dyDescent="0.2">
      <c r="B1132" s="43"/>
      <c r="C1132" s="73"/>
      <c r="D1132" s="64"/>
      <c r="E1132" s="55"/>
      <c r="F1132" s="74"/>
      <c r="G1132" s="74"/>
      <c r="H1132" s="74"/>
      <c r="I1132" s="75"/>
      <c r="J1132" s="74"/>
      <c r="L1132" s="55"/>
      <c r="M1132" s="234"/>
      <c r="N1132" s="65"/>
      <c r="O1132" s="76"/>
      <c r="P1132" s="76"/>
      <c r="Q1132" s="65"/>
      <c r="R1132" s="76"/>
      <c r="S1132" s="76"/>
      <c r="T1132" s="76"/>
      <c r="U1132" s="76"/>
      <c r="V1132" s="76"/>
      <c r="W1132" s="76"/>
      <c r="X1132" s="76"/>
      <c r="Y1132" s="76"/>
      <c r="Z1132" s="76"/>
      <c r="AA1132" s="85"/>
      <c r="AB1132" s="85"/>
      <c r="AC1132" s="85"/>
      <c r="AD1132" s="85"/>
      <c r="AE1132" s="85"/>
      <c r="AF1132" s="85"/>
      <c r="AG1132" s="86"/>
      <c r="AH1132" s="85"/>
      <c r="AI1132" s="85"/>
      <c r="AJ1132" s="85"/>
      <c r="AK1132" s="85"/>
      <c r="AL1132" s="85"/>
      <c r="AM1132" s="92"/>
      <c r="AN1132" s="92"/>
      <c r="AO1132" s="92"/>
      <c r="AP1132" s="92"/>
      <c r="AQ1132" s="92"/>
      <c r="AR1132" s="92"/>
      <c r="AS1132" s="92"/>
      <c r="AT1132" s="92"/>
      <c r="AU1132" s="92"/>
      <c r="AV1132" s="92"/>
      <c r="AW1132" s="92"/>
      <c r="AX1132" s="92"/>
      <c r="AY1132" s="92"/>
      <c r="AZ1132" s="93"/>
      <c r="BA1132" s="93"/>
      <c r="BB1132" s="93"/>
      <c r="BC1132" s="93"/>
      <c r="BD1132" s="93"/>
      <c r="BE1132" s="93"/>
      <c r="BF1132" s="93"/>
      <c r="BG1132" s="93"/>
      <c r="BH1132" s="93"/>
      <c r="BI1132" s="93"/>
      <c r="BJ1132" s="93"/>
      <c r="BK1132" s="93"/>
      <c r="BL1132" s="93"/>
    </row>
    <row r="1133" spans="2:64" x14ac:dyDescent="0.2">
      <c r="B1133" s="43"/>
      <c r="C1133" s="73"/>
      <c r="D1133" s="64"/>
      <c r="E1133" s="55"/>
      <c r="F1133" s="74"/>
      <c r="G1133" s="74"/>
      <c r="H1133" s="74"/>
      <c r="I1133" s="75"/>
      <c r="J1133" s="74"/>
      <c r="L1133" s="55"/>
      <c r="M1133" s="234"/>
      <c r="N1133" s="65"/>
      <c r="O1133" s="76"/>
      <c r="P1133" s="76"/>
      <c r="Q1133" s="65"/>
      <c r="R1133" s="76"/>
      <c r="S1133" s="76"/>
      <c r="T1133" s="76"/>
      <c r="U1133" s="76"/>
      <c r="V1133" s="76"/>
      <c r="W1133" s="76"/>
      <c r="X1133" s="76"/>
      <c r="Y1133" s="76"/>
      <c r="Z1133" s="76"/>
      <c r="AA1133" s="85"/>
      <c r="AB1133" s="85"/>
      <c r="AC1133" s="85"/>
      <c r="AD1133" s="85"/>
      <c r="AE1133" s="85"/>
      <c r="AF1133" s="85"/>
      <c r="AG1133" s="86"/>
      <c r="AH1133" s="85"/>
      <c r="AI1133" s="85"/>
      <c r="AJ1133" s="85"/>
      <c r="AK1133" s="85"/>
      <c r="AL1133" s="85"/>
      <c r="AM1133" s="92"/>
      <c r="AN1133" s="92"/>
      <c r="AO1133" s="92"/>
      <c r="AP1133" s="92"/>
      <c r="AQ1133" s="92"/>
      <c r="AR1133" s="92"/>
      <c r="AS1133" s="92"/>
      <c r="AT1133" s="92"/>
      <c r="AU1133" s="92"/>
      <c r="AV1133" s="92"/>
      <c r="AW1133" s="92"/>
      <c r="AX1133" s="92"/>
      <c r="AY1133" s="92"/>
      <c r="AZ1133" s="93"/>
      <c r="BA1133" s="93"/>
      <c r="BB1133" s="93"/>
      <c r="BC1133" s="93"/>
      <c r="BD1133" s="93"/>
      <c r="BE1133" s="93"/>
      <c r="BF1133" s="93"/>
      <c r="BG1133" s="93"/>
      <c r="BH1133" s="93"/>
      <c r="BI1133" s="93"/>
      <c r="BJ1133" s="93"/>
      <c r="BK1133" s="93"/>
      <c r="BL1133" s="93"/>
    </row>
    <row r="1134" spans="2:64" x14ac:dyDescent="0.2">
      <c r="B1134" s="43"/>
      <c r="C1134" s="73"/>
      <c r="D1134" s="64"/>
      <c r="E1134" s="55"/>
      <c r="F1134" s="74"/>
      <c r="G1134" s="74"/>
      <c r="H1134" s="74"/>
      <c r="I1134" s="75"/>
      <c r="J1134" s="74"/>
      <c r="L1134" s="55"/>
      <c r="M1134" s="234"/>
      <c r="N1134" s="65"/>
      <c r="O1134" s="76"/>
      <c r="P1134" s="76"/>
      <c r="Q1134" s="65"/>
      <c r="R1134" s="76"/>
      <c r="S1134" s="76"/>
      <c r="T1134" s="76"/>
      <c r="U1134" s="76"/>
      <c r="V1134" s="76"/>
      <c r="W1134" s="76"/>
      <c r="X1134" s="76"/>
      <c r="Y1134" s="76"/>
      <c r="Z1134" s="76"/>
      <c r="AA1134" s="85"/>
      <c r="AB1134" s="85"/>
      <c r="AC1134" s="85"/>
      <c r="AD1134" s="85"/>
      <c r="AE1134" s="85"/>
      <c r="AF1134" s="85"/>
      <c r="AG1134" s="86"/>
      <c r="AH1134" s="85"/>
      <c r="AI1134" s="85"/>
      <c r="AJ1134" s="85"/>
      <c r="AK1134" s="85"/>
      <c r="AL1134" s="85"/>
      <c r="AM1134" s="92"/>
      <c r="AN1134" s="92"/>
      <c r="AO1134" s="92"/>
      <c r="AP1134" s="92"/>
      <c r="AQ1134" s="92"/>
      <c r="AR1134" s="92"/>
      <c r="AS1134" s="92"/>
      <c r="AT1134" s="92"/>
      <c r="AU1134" s="92"/>
      <c r="AV1134" s="92"/>
      <c r="AW1134" s="92"/>
      <c r="AX1134" s="92"/>
      <c r="AY1134" s="92"/>
      <c r="AZ1134" s="93"/>
      <c r="BA1134" s="93"/>
      <c r="BB1134" s="93"/>
      <c r="BC1134" s="93"/>
      <c r="BD1134" s="93"/>
      <c r="BE1134" s="93"/>
      <c r="BF1134" s="93"/>
      <c r="BG1134" s="93"/>
      <c r="BH1134" s="93"/>
      <c r="BI1134" s="93"/>
      <c r="BJ1134" s="93"/>
      <c r="BK1134" s="93"/>
      <c r="BL1134" s="93"/>
    </row>
    <row r="1135" spans="2:64" x14ac:dyDescent="0.2">
      <c r="B1135" s="43"/>
      <c r="C1135" s="73"/>
      <c r="D1135" s="64"/>
      <c r="E1135" s="55"/>
      <c r="F1135" s="74"/>
      <c r="G1135" s="74"/>
      <c r="H1135" s="74"/>
      <c r="I1135" s="75"/>
      <c r="J1135" s="74"/>
      <c r="L1135" s="55"/>
      <c r="M1135" s="234"/>
      <c r="N1135" s="65"/>
      <c r="O1135" s="76"/>
      <c r="P1135" s="76"/>
      <c r="Q1135" s="65"/>
      <c r="R1135" s="76"/>
      <c r="S1135" s="76"/>
      <c r="T1135" s="76"/>
      <c r="U1135" s="76"/>
      <c r="V1135" s="76"/>
      <c r="W1135" s="76"/>
      <c r="X1135" s="76"/>
      <c r="Y1135" s="76"/>
      <c r="Z1135" s="76"/>
      <c r="AA1135" s="85"/>
      <c r="AB1135" s="85"/>
      <c r="AC1135" s="85"/>
      <c r="AD1135" s="85"/>
      <c r="AE1135" s="85"/>
      <c r="AF1135" s="85"/>
      <c r="AG1135" s="86"/>
      <c r="AH1135" s="85"/>
      <c r="AI1135" s="85"/>
      <c r="AJ1135" s="85"/>
      <c r="AK1135" s="85"/>
      <c r="AL1135" s="85"/>
      <c r="AM1135" s="92"/>
      <c r="AN1135" s="92"/>
      <c r="AO1135" s="92"/>
      <c r="AP1135" s="92"/>
      <c r="AQ1135" s="92"/>
      <c r="AR1135" s="92"/>
      <c r="AS1135" s="92"/>
      <c r="AT1135" s="92"/>
      <c r="AU1135" s="92"/>
      <c r="AV1135" s="92"/>
      <c r="AW1135" s="92"/>
      <c r="AX1135" s="92"/>
      <c r="AY1135" s="92"/>
      <c r="AZ1135" s="93"/>
      <c r="BA1135" s="93"/>
      <c r="BB1135" s="93"/>
      <c r="BC1135" s="93"/>
      <c r="BD1135" s="93"/>
      <c r="BE1135" s="93"/>
      <c r="BF1135" s="93"/>
      <c r="BG1135" s="93"/>
      <c r="BH1135" s="93"/>
      <c r="BI1135" s="93"/>
      <c r="BJ1135" s="93"/>
      <c r="BK1135" s="93"/>
      <c r="BL1135" s="93"/>
    </row>
    <row r="1136" spans="2:64" x14ac:dyDescent="0.2">
      <c r="B1136" s="43"/>
      <c r="C1136" s="73"/>
      <c r="D1136" s="64"/>
      <c r="E1136" s="55"/>
      <c r="F1136" s="74"/>
      <c r="G1136" s="74"/>
      <c r="H1136" s="74"/>
      <c r="I1136" s="75"/>
      <c r="J1136" s="74"/>
      <c r="L1136" s="55"/>
      <c r="M1136" s="234"/>
      <c r="N1136" s="65"/>
      <c r="O1136" s="76"/>
      <c r="P1136" s="76"/>
      <c r="Q1136" s="65"/>
      <c r="R1136" s="76"/>
      <c r="S1136" s="76"/>
      <c r="T1136" s="76"/>
      <c r="U1136" s="76"/>
      <c r="V1136" s="76"/>
      <c r="W1136" s="76"/>
      <c r="X1136" s="76"/>
      <c r="Y1136" s="76"/>
      <c r="Z1136" s="76"/>
      <c r="AA1136" s="85"/>
      <c r="AB1136" s="85"/>
      <c r="AC1136" s="85"/>
      <c r="AD1136" s="85"/>
      <c r="AE1136" s="85"/>
      <c r="AF1136" s="85"/>
      <c r="AG1136" s="86"/>
      <c r="AH1136" s="85"/>
      <c r="AI1136" s="85"/>
      <c r="AJ1136" s="85"/>
      <c r="AK1136" s="85"/>
      <c r="AL1136" s="85"/>
      <c r="AM1136" s="92"/>
      <c r="AN1136" s="92"/>
      <c r="AO1136" s="92"/>
      <c r="AP1136" s="92"/>
      <c r="AQ1136" s="92"/>
      <c r="AR1136" s="92"/>
      <c r="AS1136" s="92"/>
      <c r="AT1136" s="92"/>
      <c r="AU1136" s="92"/>
      <c r="AV1136" s="92"/>
      <c r="AW1136" s="92"/>
      <c r="AX1136" s="92"/>
      <c r="AY1136" s="92"/>
      <c r="AZ1136" s="93"/>
      <c r="BA1136" s="93"/>
      <c r="BB1136" s="93"/>
      <c r="BC1136" s="93"/>
      <c r="BD1136" s="93"/>
      <c r="BE1136" s="93"/>
      <c r="BF1136" s="93"/>
      <c r="BG1136" s="93"/>
      <c r="BH1136" s="93"/>
      <c r="BI1136" s="93"/>
      <c r="BJ1136" s="93"/>
      <c r="BK1136" s="93"/>
      <c r="BL1136" s="93"/>
    </row>
    <row r="1137" spans="2:64" x14ac:dyDescent="0.2">
      <c r="B1137" s="43"/>
      <c r="C1137" s="73"/>
      <c r="D1137" s="64"/>
      <c r="E1137" s="55"/>
      <c r="F1137" s="74"/>
      <c r="G1137" s="74"/>
      <c r="H1137" s="74"/>
      <c r="I1137" s="75"/>
      <c r="J1137" s="74"/>
      <c r="L1137" s="55"/>
      <c r="M1137" s="234"/>
      <c r="N1137" s="65"/>
      <c r="O1137" s="76"/>
      <c r="P1137" s="76"/>
      <c r="Q1137" s="65"/>
      <c r="R1137" s="76"/>
      <c r="S1137" s="76"/>
      <c r="T1137" s="76"/>
      <c r="U1137" s="76"/>
      <c r="V1137" s="76"/>
      <c r="W1137" s="76"/>
      <c r="X1137" s="76"/>
      <c r="Y1137" s="76"/>
      <c r="Z1137" s="76"/>
      <c r="AA1137" s="85"/>
      <c r="AB1137" s="85"/>
      <c r="AC1137" s="85"/>
      <c r="AD1137" s="85"/>
      <c r="AE1137" s="85"/>
      <c r="AF1137" s="85"/>
      <c r="AG1137" s="86"/>
      <c r="AH1137" s="85"/>
      <c r="AI1137" s="85"/>
      <c r="AJ1137" s="85"/>
      <c r="AK1137" s="85"/>
      <c r="AL1137" s="85"/>
      <c r="AM1137" s="92"/>
      <c r="AN1137" s="92"/>
      <c r="AO1137" s="92"/>
      <c r="AP1137" s="92"/>
      <c r="AQ1137" s="92"/>
      <c r="AR1137" s="92"/>
      <c r="AS1137" s="92"/>
      <c r="AT1137" s="92"/>
      <c r="AU1137" s="92"/>
      <c r="AV1137" s="92"/>
      <c r="AW1137" s="92"/>
      <c r="AX1137" s="92"/>
      <c r="AY1137" s="92"/>
      <c r="AZ1137" s="93"/>
      <c r="BA1137" s="93"/>
      <c r="BB1137" s="93"/>
      <c r="BC1137" s="93"/>
      <c r="BD1137" s="93"/>
      <c r="BE1137" s="93"/>
      <c r="BF1137" s="93"/>
      <c r="BG1137" s="93"/>
      <c r="BH1137" s="93"/>
      <c r="BI1137" s="93"/>
      <c r="BJ1137" s="93"/>
      <c r="BK1137" s="93"/>
      <c r="BL1137" s="93"/>
    </row>
    <row r="1138" spans="2:64" x14ac:dyDescent="0.2">
      <c r="B1138" s="43"/>
      <c r="C1138" s="73"/>
      <c r="D1138" s="64"/>
      <c r="E1138" s="55"/>
      <c r="F1138" s="74"/>
      <c r="G1138" s="74"/>
      <c r="H1138" s="74"/>
      <c r="I1138" s="75"/>
      <c r="J1138" s="74"/>
      <c r="L1138" s="55"/>
      <c r="M1138" s="234"/>
      <c r="N1138" s="65"/>
      <c r="O1138" s="76"/>
      <c r="P1138" s="76"/>
      <c r="Q1138" s="65"/>
      <c r="R1138" s="76"/>
      <c r="S1138" s="76"/>
      <c r="T1138" s="76"/>
      <c r="U1138" s="76"/>
      <c r="V1138" s="76"/>
      <c r="W1138" s="76"/>
      <c r="X1138" s="76"/>
      <c r="Y1138" s="76"/>
      <c r="Z1138" s="76"/>
      <c r="AA1138" s="85"/>
      <c r="AB1138" s="85"/>
      <c r="AC1138" s="85"/>
      <c r="AD1138" s="85"/>
      <c r="AE1138" s="85"/>
      <c r="AF1138" s="85"/>
      <c r="AG1138" s="86"/>
      <c r="AH1138" s="85"/>
      <c r="AI1138" s="85"/>
      <c r="AJ1138" s="85"/>
      <c r="AK1138" s="85"/>
      <c r="AL1138" s="85"/>
      <c r="AM1138" s="92"/>
      <c r="AN1138" s="92"/>
      <c r="AO1138" s="92"/>
      <c r="AP1138" s="92"/>
      <c r="AQ1138" s="92"/>
      <c r="AR1138" s="92"/>
      <c r="AS1138" s="92"/>
      <c r="AT1138" s="92"/>
      <c r="AU1138" s="92"/>
      <c r="AV1138" s="92"/>
      <c r="AW1138" s="92"/>
      <c r="AX1138" s="92"/>
      <c r="AY1138" s="92"/>
      <c r="AZ1138" s="93"/>
      <c r="BA1138" s="93"/>
      <c r="BB1138" s="93"/>
      <c r="BC1138" s="93"/>
      <c r="BD1138" s="93"/>
      <c r="BE1138" s="93"/>
      <c r="BF1138" s="93"/>
      <c r="BG1138" s="93"/>
      <c r="BH1138" s="93"/>
      <c r="BI1138" s="93"/>
      <c r="BJ1138" s="93"/>
      <c r="BK1138" s="93"/>
      <c r="BL1138" s="93"/>
    </row>
    <row r="1139" spans="2:64" x14ac:dyDescent="0.2">
      <c r="B1139" s="43"/>
      <c r="C1139" s="73"/>
      <c r="D1139" s="64"/>
      <c r="E1139" s="55"/>
      <c r="F1139" s="74"/>
      <c r="G1139" s="74"/>
      <c r="H1139" s="74"/>
      <c r="I1139" s="75"/>
      <c r="J1139" s="74"/>
      <c r="L1139" s="55"/>
      <c r="M1139" s="234"/>
      <c r="N1139" s="65"/>
      <c r="O1139" s="76"/>
      <c r="P1139" s="76"/>
      <c r="Q1139" s="65"/>
      <c r="R1139" s="76"/>
      <c r="S1139" s="76"/>
      <c r="T1139" s="76"/>
      <c r="U1139" s="76"/>
      <c r="V1139" s="76"/>
      <c r="W1139" s="76"/>
      <c r="X1139" s="76"/>
      <c r="Y1139" s="76"/>
      <c r="Z1139" s="76"/>
      <c r="AA1139" s="85"/>
      <c r="AB1139" s="85"/>
      <c r="AC1139" s="85"/>
      <c r="AD1139" s="85"/>
      <c r="AE1139" s="85"/>
      <c r="AF1139" s="85"/>
      <c r="AG1139" s="86"/>
      <c r="AH1139" s="85"/>
      <c r="AI1139" s="85"/>
      <c r="AJ1139" s="85"/>
      <c r="AK1139" s="85"/>
      <c r="AL1139" s="85"/>
      <c r="AM1139" s="92"/>
      <c r="AN1139" s="92"/>
      <c r="AO1139" s="92"/>
      <c r="AP1139" s="92"/>
      <c r="AQ1139" s="92"/>
      <c r="AR1139" s="92"/>
      <c r="AS1139" s="92"/>
      <c r="AT1139" s="92"/>
      <c r="AU1139" s="92"/>
      <c r="AV1139" s="92"/>
      <c r="AW1139" s="92"/>
      <c r="AX1139" s="92"/>
      <c r="AY1139" s="92"/>
      <c r="AZ1139" s="93"/>
      <c r="BA1139" s="93"/>
      <c r="BB1139" s="93"/>
      <c r="BC1139" s="93"/>
      <c r="BD1139" s="93"/>
      <c r="BE1139" s="93"/>
      <c r="BF1139" s="93"/>
      <c r="BG1139" s="93"/>
      <c r="BH1139" s="93"/>
      <c r="BI1139" s="93"/>
      <c r="BJ1139" s="93"/>
      <c r="BK1139" s="93"/>
      <c r="BL1139" s="93"/>
    </row>
    <row r="1140" spans="2:64" x14ac:dyDescent="0.2">
      <c r="B1140" s="43"/>
      <c r="C1140" s="73"/>
      <c r="D1140" s="64"/>
      <c r="E1140" s="55"/>
      <c r="F1140" s="74"/>
      <c r="G1140" s="74"/>
      <c r="H1140" s="74"/>
      <c r="I1140" s="75"/>
      <c r="J1140" s="74"/>
      <c r="L1140" s="55"/>
      <c r="M1140" s="234"/>
      <c r="N1140" s="65"/>
      <c r="O1140" s="76"/>
      <c r="P1140" s="76"/>
      <c r="Q1140" s="65"/>
      <c r="R1140" s="76"/>
      <c r="S1140" s="76"/>
      <c r="T1140" s="76"/>
      <c r="U1140" s="76"/>
      <c r="V1140" s="76"/>
      <c r="W1140" s="76"/>
      <c r="X1140" s="76"/>
      <c r="Y1140" s="76"/>
      <c r="Z1140" s="76"/>
      <c r="AA1140" s="85"/>
      <c r="AB1140" s="85"/>
      <c r="AC1140" s="85"/>
      <c r="AD1140" s="85"/>
      <c r="AE1140" s="85"/>
      <c r="AF1140" s="85"/>
      <c r="AG1140" s="86"/>
      <c r="AH1140" s="85"/>
      <c r="AI1140" s="85"/>
      <c r="AJ1140" s="85"/>
      <c r="AK1140" s="85"/>
      <c r="AL1140" s="85"/>
      <c r="AM1140" s="92"/>
      <c r="AN1140" s="92"/>
      <c r="AO1140" s="92"/>
      <c r="AP1140" s="92"/>
      <c r="AQ1140" s="92"/>
      <c r="AR1140" s="92"/>
      <c r="AS1140" s="92"/>
      <c r="AT1140" s="92"/>
      <c r="AU1140" s="92"/>
      <c r="AV1140" s="92"/>
      <c r="AW1140" s="92"/>
      <c r="AX1140" s="92"/>
      <c r="AY1140" s="92"/>
      <c r="AZ1140" s="93"/>
      <c r="BA1140" s="93"/>
      <c r="BB1140" s="93"/>
      <c r="BC1140" s="93"/>
      <c r="BD1140" s="93"/>
      <c r="BE1140" s="93"/>
      <c r="BF1140" s="93"/>
      <c r="BG1140" s="93"/>
      <c r="BH1140" s="93"/>
      <c r="BI1140" s="93"/>
      <c r="BJ1140" s="93"/>
      <c r="BK1140" s="93"/>
      <c r="BL1140" s="93"/>
    </row>
    <row r="1141" spans="2:64" x14ac:dyDescent="0.2">
      <c r="B1141" s="43"/>
      <c r="C1141" s="73"/>
      <c r="D1141" s="64"/>
      <c r="E1141" s="55"/>
      <c r="F1141" s="74"/>
      <c r="G1141" s="74"/>
      <c r="H1141" s="74"/>
      <c r="I1141" s="75"/>
      <c r="J1141" s="74"/>
      <c r="L1141" s="55"/>
      <c r="M1141" s="234"/>
      <c r="N1141" s="65"/>
      <c r="O1141" s="76"/>
      <c r="P1141" s="76"/>
      <c r="Q1141" s="65"/>
      <c r="R1141" s="76"/>
      <c r="S1141" s="76"/>
      <c r="T1141" s="76"/>
      <c r="U1141" s="76"/>
      <c r="V1141" s="76"/>
      <c r="W1141" s="76"/>
      <c r="X1141" s="76"/>
      <c r="Y1141" s="76"/>
      <c r="Z1141" s="76"/>
      <c r="AA1141" s="85"/>
      <c r="AB1141" s="85"/>
      <c r="AC1141" s="85"/>
      <c r="AD1141" s="85"/>
      <c r="AE1141" s="85"/>
      <c r="AF1141" s="85"/>
      <c r="AG1141" s="86"/>
      <c r="AH1141" s="85"/>
      <c r="AI1141" s="85"/>
      <c r="AJ1141" s="85"/>
      <c r="AK1141" s="85"/>
      <c r="AL1141" s="85"/>
      <c r="AM1141" s="92"/>
      <c r="AN1141" s="92"/>
      <c r="AO1141" s="92"/>
      <c r="AP1141" s="92"/>
      <c r="AQ1141" s="92"/>
      <c r="AR1141" s="92"/>
      <c r="AS1141" s="92"/>
      <c r="AT1141" s="92"/>
      <c r="AU1141" s="92"/>
      <c r="AV1141" s="92"/>
      <c r="AW1141" s="92"/>
      <c r="AX1141" s="92"/>
      <c r="AY1141" s="92"/>
      <c r="AZ1141" s="93"/>
      <c r="BA1141" s="93"/>
      <c r="BB1141" s="93"/>
      <c r="BC1141" s="93"/>
      <c r="BD1141" s="93"/>
      <c r="BE1141" s="93"/>
      <c r="BF1141" s="93"/>
      <c r="BG1141" s="93"/>
      <c r="BH1141" s="93"/>
      <c r="BI1141" s="93"/>
      <c r="BJ1141" s="93"/>
      <c r="BK1141" s="93"/>
      <c r="BL1141" s="93"/>
    </row>
    <row r="1142" spans="2:64" x14ac:dyDescent="0.2">
      <c r="B1142" s="43"/>
      <c r="C1142" s="73"/>
      <c r="D1142" s="64"/>
      <c r="E1142" s="55"/>
      <c r="F1142" s="74"/>
      <c r="G1142" s="74"/>
      <c r="H1142" s="74"/>
      <c r="I1142" s="75"/>
      <c r="J1142" s="74"/>
      <c r="L1142" s="55"/>
      <c r="M1142" s="234"/>
      <c r="N1142" s="65"/>
      <c r="O1142" s="76"/>
      <c r="P1142" s="76"/>
      <c r="Q1142" s="65"/>
      <c r="R1142" s="76"/>
      <c r="S1142" s="76"/>
      <c r="T1142" s="76"/>
      <c r="U1142" s="76"/>
      <c r="V1142" s="76"/>
      <c r="W1142" s="76"/>
      <c r="X1142" s="76"/>
      <c r="Y1142" s="76"/>
      <c r="Z1142" s="76"/>
      <c r="AA1142" s="85"/>
      <c r="AB1142" s="85"/>
      <c r="AC1142" s="85"/>
      <c r="AD1142" s="85"/>
      <c r="AE1142" s="85"/>
      <c r="AF1142" s="85"/>
      <c r="AG1142" s="86"/>
      <c r="AH1142" s="85"/>
      <c r="AI1142" s="85"/>
      <c r="AJ1142" s="85"/>
      <c r="AK1142" s="85"/>
      <c r="AL1142" s="85"/>
      <c r="AM1142" s="92"/>
      <c r="AN1142" s="92"/>
      <c r="AO1142" s="92"/>
      <c r="AP1142" s="92"/>
      <c r="AQ1142" s="92"/>
      <c r="AR1142" s="92"/>
      <c r="AS1142" s="92"/>
      <c r="AT1142" s="92"/>
      <c r="AU1142" s="92"/>
      <c r="AV1142" s="92"/>
      <c r="AW1142" s="92"/>
      <c r="AX1142" s="92"/>
      <c r="AY1142" s="92"/>
      <c r="AZ1142" s="93"/>
      <c r="BA1142" s="93"/>
      <c r="BB1142" s="93"/>
      <c r="BC1142" s="93"/>
      <c r="BD1142" s="93"/>
      <c r="BE1142" s="93"/>
      <c r="BF1142" s="93"/>
      <c r="BG1142" s="93"/>
      <c r="BH1142" s="93"/>
      <c r="BI1142" s="93"/>
      <c r="BJ1142" s="93"/>
      <c r="BK1142" s="93"/>
      <c r="BL1142" s="93"/>
    </row>
    <row r="1143" spans="2:64" x14ac:dyDescent="0.2">
      <c r="B1143" s="43"/>
      <c r="C1143" s="73"/>
      <c r="D1143" s="64"/>
      <c r="E1143" s="55"/>
      <c r="F1143" s="74"/>
      <c r="G1143" s="74"/>
      <c r="H1143" s="74"/>
      <c r="I1143" s="75"/>
      <c r="J1143" s="74"/>
      <c r="L1143" s="55"/>
      <c r="M1143" s="234"/>
      <c r="N1143" s="65"/>
      <c r="O1143" s="76"/>
      <c r="P1143" s="76"/>
      <c r="Q1143" s="65"/>
      <c r="R1143" s="76"/>
      <c r="S1143" s="76"/>
      <c r="T1143" s="76"/>
      <c r="U1143" s="76"/>
      <c r="V1143" s="76"/>
      <c r="W1143" s="76"/>
      <c r="X1143" s="76"/>
      <c r="Y1143" s="76"/>
      <c r="Z1143" s="76"/>
      <c r="AA1143" s="85"/>
      <c r="AB1143" s="85"/>
      <c r="AC1143" s="85"/>
      <c r="AD1143" s="85"/>
      <c r="AE1143" s="85"/>
      <c r="AF1143" s="85"/>
      <c r="AG1143" s="86"/>
      <c r="AH1143" s="85"/>
      <c r="AI1143" s="85"/>
      <c r="AJ1143" s="85"/>
      <c r="AK1143" s="85"/>
      <c r="AL1143" s="85"/>
      <c r="AM1143" s="92"/>
      <c r="AN1143" s="92"/>
      <c r="AO1143" s="92"/>
      <c r="AP1143" s="92"/>
      <c r="AQ1143" s="92"/>
      <c r="AR1143" s="92"/>
      <c r="AS1143" s="92"/>
      <c r="AT1143" s="92"/>
      <c r="AU1143" s="92"/>
      <c r="AV1143" s="92"/>
      <c r="AW1143" s="92"/>
      <c r="AX1143" s="92"/>
      <c r="AY1143" s="92"/>
      <c r="AZ1143" s="93"/>
      <c r="BA1143" s="93"/>
      <c r="BB1143" s="93"/>
      <c r="BC1143" s="93"/>
      <c r="BD1143" s="93"/>
      <c r="BE1143" s="93"/>
      <c r="BF1143" s="93"/>
      <c r="BG1143" s="93"/>
      <c r="BH1143" s="93"/>
      <c r="BI1143" s="93"/>
      <c r="BJ1143" s="93"/>
      <c r="BK1143" s="93"/>
      <c r="BL1143" s="93"/>
    </row>
    <row r="1144" spans="2:64" x14ac:dyDescent="0.2">
      <c r="B1144" s="43"/>
      <c r="C1144" s="73"/>
      <c r="D1144" s="64"/>
      <c r="E1144" s="55"/>
      <c r="F1144" s="74"/>
      <c r="G1144" s="74"/>
      <c r="H1144" s="74"/>
      <c r="I1144" s="75"/>
      <c r="J1144" s="74"/>
      <c r="L1144" s="55"/>
      <c r="M1144" s="234"/>
      <c r="N1144" s="65"/>
      <c r="O1144" s="76"/>
      <c r="P1144" s="76"/>
      <c r="Q1144" s="65"/>
      <c r="R1144" s="76"/>
      <c r="S1144" s="76"/>
      <c r="T1144" s="76"/>
      <c r="U1144" s="76"/>
      <c r="V1144" s="76"/>
      <c r="W1144" s="76"/>
      <c r="X1144" s="76"/>
      <c r="Y1144" s="76"/>
      <c r="Z1144" s="76"/>
      <c r="AA1144" s="85"/>
      <c r="AB1144" s="85"/>
      <c r="AC1144" s="85"/>
      <c r="AD1144" s="85"/>
      <c r="AE1144" s="85"/>
      <c r="AF1144" s="85"/>
      <c r="AG1144" s="86"/>
      <c r="AH1144" s="85"/>
      <c r="AI1144" s="85"/>
      <c r="AJ1144" s="85"/>
      <c r="AK1144" s="85"/>
      <c r="AL1144" s="85"/>
      <c r="AM1144" s="92"/>
      <c r="AN1144" s="92"/>
      <c r="AO1144" s="92"/>
      <c r="AP1144" s="92"/>
      <c r="AQ1144" s="92"/>
      <c r="AR1144" s="92"/>
      <c r="AS1144" s="92"/>
      <c r="AT1144" s="92"/>
      <c r="AU1144" s="92"/>
      <c r="AV1144" s="92"/>
      <c r="AW1144" s="92"/>
      <c r="AX1144" s="92"/>
      <c r="AY1144" s="92"/>
      <c r="AZ1144" s="93"/>
      <c r="BA1144" s="93"/>
      <c r="BB1144" s="93"/>
      <c r="BC1144" s="93"/>
      <c r="BD1144" s="93"/>
      <c r="BE1144" s="93"/>
      <c r="BF1144" s="93"/>
      <c r="BG1144" s="93"/>
      <c r="BH1144" s="93"/>
      <c r="BI1144" s="93"/>
      <c r="BJ1144" s="93"/>
      <c r="BK1144" s="93"/>
      <c r="BL1144" s="93"/>
    </row>
    <row r="1145" spans="2:64" x14ac:dyDescent="0.2">
      <c r="B1145" s="43"/>
      <c r="C1145" s="73"/>
      <c r="D1145" s="64"/>
      <c r="E1145" s="55"/>
      <c r="F1145" s="74"/>
      <c r="G1145" s="74"/>
      <c r="H1145" s="74"/>
      <c r="I1145" s="75"/>
      <c r="J1145" s="74"/>
      <c r="L1145" s="55"/>
      <c r="M1145" s="234"/>
      <c r="N1145" s="65"/>
      <c r="O1145" s="76"/>
      <c r="P1145" s="76"/>
      <c r="Q1145" s="65"/>
      <c r="R1145" s="76"/>
      <c r="S1145" s="76"/>
      <c r="T1145" s="76"/>
      <c r="U1145" s="76"/>
      <c r="V1145" s="76"/>
      <c r="W1145" s="76"/>
      <c r="X1145" s="76"/>
      <c r="Y1145" s="76"/>
      <c r="Z1145" s="76"/>
      <c r="AA1145" s="85"/>
      <c r="AB1145" s="85"/>
      <c r="AC1145" s="85"/>
      <c r="AD1145" s="85"/>
      <c r="AE1145" s="85"/>
      <c r="AF1145" s="85"/>
      <c r="AG1145" s="86"/>
      <c r="AH1145" s="85"/>
      <c r="AI1145" s="85"/>
      <c r="AJ1145" s="85"/>
      <c r="AK1145" s="85"/>
      <c r="AL1145" s="85"/>
      <c r="AM1145" s="92"/>
      <c r="AN1145" s="92"/>
      <c r="AO1145" s="92"/>
      <c r="AP1145" s="92"/>
      <c r="AQ1145" s="92"/>
      <c r="AR1145" s="92"/>
      <c r="AS1145" s="92"/>
      <c r="AT1145" s="92"/>
      <c r="AU1145" s="92"/>
      <c r="AV1145" s="92"/>
      <c r="AW1145" s="92"/>
      <c r="AX1145" s="92"/>
      <c r="AY1145" s="92"/>
      <c r="AZ1145" s="93"/>
      <c r="BA1145" s="93"/>
      <c r="BB1145" s="93"/>
      <c r="BC1145" s="93"/>
      <c r="BD1145" s="93"/>
      <c r="BE1145" s="93"/>
      <c r="BF1145" s="93"/>
      <c r="BG1145" s="93"/>
      <c r="BH1145" s="93"/>
      <c r="BI1145" s="93"/>
      <c r="BJ1145" s="93"/>
      <c r="BK1145" s="93"/>
      <c r="BL1145" s="93"/>
    </row>
    <row r="1146" spans="2:64" x14ac:dyDescent="0.2">
      <c r="B1146" s="43"/>
      <c r="C1146" s="73"/>
      <c r="D1146" s="64"/>
      <c r="E1146" s="55"/>
      <c r="F1146" s="74"/>
      <c r="G1146" s="74"/>
      <c r="H1146" s="74"/>
      <c r="I1146" s="75"/>
      <c r="J1146" s="74"/>
      <c r="L1146" s="55"/>
      <c r="M1146" s="234"/>
      <c r="N1146" s="65"/>
      <c r="O1146" s="76"/>
      <c r="P1146" s="76"/>
      <c r="Q1146" s="65"/>
      <c r="R1146" s="76"/>
      <c r="S1146" s="76"/>
      <c r="T1146" s="76"/>
      <c r="U1146" s="76"/>
      <c r="V1146" s="76"/>
      <c r="W1146" s="76"/>
      <c r="X1146" s="76"/>
      <c r="Y1146" s="76"/>
      <c r="Z1146" s="76"/>
      <c r="AA1146" s="85"/>
      <c r="AB1146" s="85"/>
      <c r="AC1146" s="85"/>
      <c r="AD1146" s="85"/>
      <c r="AE1146" s="85"/>
      <c r="AF1146" s="85"/>
      <c r="AG1146" s="86"/>
      <c r="AH1146" s="85"/>
      <c r="AI1146" s="85"/>
      <c r="AJ1146" s="85"/>
      <c r="AK1146" s="85"/>
      <c r="AL1146" s="85"/>
      <c r="AM1146" s="92"/>
      <c r="AN1146" s="92"/>
      <c r="AO1146" s="92"/>
      <c r="AP1146" s="92"/>
      <c r="AQ1146" s="92"/>
      <c r="AR1146" s="92"/>
      <c r="AS1146" s="92"/>
      <c r="AT1146" s="92"/>
      <c r="AU1146" s="92"/>
      <c r="AV1146" s="92"/>
      <c r="AW1146" s="92"/>
      <c r="AX1146" s="92"/>
      <c r="AY1146" s="92"/>
      <c r="AZ1146" s="93"/>
      <c r="BA1146" s="93"/>
      <c r="BB1146" s="93"/>
      <c r="BC1146" s="93"/>
      <c r="BD1146" s="93"/>
      <c r="BE1146" s="93"/>
      <c r="BF1146" s="93"/>
      <c r="BG1146" s="93"/>
      <c r="BH1146" s="93"/>
      <c r="BI1146" s="93"/>
      <c r="BJ1146" s="93"/>
      <c r="BK1146" s="93"/>
      <c r="BL1146" s="93"/>
    </row>
    <row r="1147" spans="2:64" x14ac:dyDescent="0.2">
      <c r="B1147" s="43"/>
      <c r="C1147" s="73"/>
      <c r="D1147" s="64"/>
      <c r="E1147" s="55"/>
      <c r="F1147" s="74"/>
      <c r="G1147" s="74"/>
      <c r="H1147" s="74"/>
      <c r="I1147" s="75"/>
      <c r="J1147" s="74"/>
      <c r="L1147" s="55"/>
      <c r="M1147" s="234"/>
      <c r="N1147" s="65"/>
      <c r="O1147" s="76"/>
      <c r="P1147" s="76"/>
      <c r="Q1147" s="65"/>
      <c r="R1147" s="76"/>
      <c r="S1147" s="76"/>
      <c r="T1147" s="76"/>
      <c r="U1147" s="76"/>
      <c r="V1147" s="76"/>
      <c r="W1147" s="76"/>
      <c r="X1147" s="76"/>
      <c r="Y1147" s="76"/>
      <c r="Z1147" s="76"/>
      <c r="AA1147" s="85"/>
      <c r="AB1147" s="85"/>
      <c r="AC1147" s="85"/>
      <c r="AD1147" s="85"/>
      <c r="AE1147" s="85"/>
      <c r="AF1147" s="85"/>
      <c r="AG1147" s="86"/>
      <c r="AH1147" s="85"/>
      <c r="AI1147" s="85"/>
      <c r="AJ1147" s="85"/>
      <c r="AK1147" s="85"/>
      <c r="AL1147" s="85"/>
      <c r="AM1147" s="92"/>
      <c r="AN1147" s="92"/>
      <c r="AO1147" s="92"/>
      <c r="AP1147" s="92"/>
      <c r="AQ1147" s="92"/>
      <c r="AR1147" s="92"/>
      <c r="AS1147" s="92"/>
      <c r="AT1147" s="92"/>
      <c r="AU1147" s="92"/>
      <c r="AV1147" s="92"/>
      <c r="AW1147" s="92"/>
      <c r="AX1147" s="92"/>
      <c r="AY1147" s="92"/>
      <c r="AZ1147" s="93"/>
      <c r="BA1147" s="93"/>
      <c r="BB1147" s="93"/>
      <c r="BC1147" s="93"/>
      <c r="BD1147" s="93"/>
      <c r="BE1147" s="93"/>
      <c r="BF1147" s="93"/>
      <c r="BG1147" s="93"/>
      <c r="BH1147" s="93"/>
      <c r="BI1147" s="93"/>
      <c r="BJ1147" s="93"/>
      <c r="BK1147" s="93"/>
      <c r="BL1147" s="93"/>
    </row>
    <row r="1148" spans="2:64" x14ac:dyDescent="0.2">
      <c r="B1148" s="43"/>
      <c r="C1148" s="73"/>
      <c r="D1148" s="64"/>
      <c r="E1148" s="55"/>
      <c r="F1148" s="74"/>
      <c r="G1148" s="74"/>
      <c r="H1148" s="74"/>
      <c r="I1148" s="75"/>
      <c r="J1148" s="74"/>
      <c r="L1148" s="55"/>
      <c r="M1148" s="234"/>
      <c r="N1148" s="65"/>
      <c r="O1148" s="76"/>
      <c r="P1148" s="76"/>
      <c r="Q1148" s="65"/>
      <c r="R1148" s="76"/>
      <c r="S1148" s="76"/>
      <c r="T1148" s="76"/>
      <c r="U1148" s="76"/>
      <c r="V1148" s="76"/>
      <c r="W1148" s="76"/>
      <c r="X1148" s="76"/>
      <c r="Y1148" s="76"/>
      <c r="Z1148" s="76"/>
      <c r="AA1148" s="85"/>
      <c r="AB1148" s="85"/>
      <c r="AC1148" s="85"/>
      <c r="AD1148" s="85"/>
      <c r="AE1148" s="85"/>
      <c r="AF1148" s="85"/>
      <c r="AG1148" s="86"/>
      <c r="AH1148" s="85"/>
      <c r="AI1148" s="85"/>
      <c r="AJ1148" s="85"/>
      <c r="AK1148" s="85"/>
      <c r="AL1148" s="85"/>
      <c r="AM1148" s="92"/>
      <c r="AN1148" s="92"/>
      <c r="AO1148" s="92"/>
      <c r="AP1148" s="92"/>
      <c r="AQ1148" s="92"/>
      <c r="AR1148" s="92"/>
      <c r="AS1148" s="92"/>
      <c r="AT1148" s="92"/>
      <c r="AU1148" s="92"/>
      <c r="AV1148" s="92"/>
      <c r="AW1148" s="92"/>
      <c r="AX1148" s="92"/>
      <c r="AY1148" s="92"/>
      <c r="AZ1148" s="93"/>
      <c r="BA1148" s="93"/>
      <c r="BB1148" s="93"/>
      <c r="BC1148" s="93"/>
      <c r="BD1148" s="93"/>
      <c r="BE1148" s="93"/>
      <c r="BF1148" s="93"/>
      <c r="BG1148" s="93"/>
      <c r="BH1148" s="93"/>
      <c r="BI1148" s="93"/>
      <c r="BJ1148" s="93"/>
      <c r="BK1148" s="93"/>
      <c r="BL1148" s="93"/>
    </row>
    <row r="1149" spans="2:64" x14ac:dyDescent="0.2">
      <c r="B1149" s="43"/>
      <c r="C1149" s="73"/>
      <c r="D1149" s="64"/>
      <c r="E1149" s="55"/>
      <c r="F1149" s="74"/>
      <c r="G1149" s="74"/>
      <c r="H1149" s="74"/>
      <c r="I1149" s="75"/>
      <c r="J1149" s="74"/>
      <c r="L1149" s="55"/>
      <c r="M1149" s="234"/>
      <c r="N1149" s="65"/>
      <c r="O1149" s="76"/>
      <c r="P1149" s="76"/>
      <c r="Q1149" s="65"/>
      <c r="R1149" s="76"/>
      <c r="S1149" s="76"/>
      <c r="T1149" s="76"/>
      <c r="U1149" s="76"/>
      <c r="V1149" s="76"/>
      <c r="W1149" s="76"/>
      <c r="X1149" s="76"/>
      <c r="Y1149" s="76"/>
      <c r="Z1149" s="76"/>
      <c r="AA1149" s="85"/>
      <c r="AB1149" s="85"/>
      <c r="AC1149" s="85"/>
      <c r="AD1149" s="85"/>
      <c r="AE1149" s="85"/>
      <c r="AF1149" s="85"/>
      <c r="AG1149" s="86"/>
      <c r="AH1149" s="85"/>
      <c r="AI1149" s="85"/>
      <c r="AJ1149" s="85"/>
      <c r="AK1149" s="85"/>
      <c r="AL1149" s="85"/>
      <c r="AM1149" s="92"/>
      <c r="AN1149" s="92"/>
      <c r="AO1149" s="92"/>
      <c r="AP1149" s="92"/>
      <c r="AQ1149" s="92"/>
      <c r="AR1149" s="92"/>
      <c r="AS1149" s="92"/>
      <c r="AT1149" s="92"/>
      <c r="AU1149" s="92"/>
      <c r="AV1149" s="92"/>
      <c r="AW1149" s="92"/>
      <c r="AX1149" s="92"/>
      <c r="AY1149" s="92"/>
      <c r="AZ1149" s="93"/>
      <c r="BA1149" s="93"/>
      <c r="BB1149" s="93"/>
      <c r="BC1149" s="93"/>
      <c r="BD1149" s="93"/>
      <c r="BE1149" s="93"/>
      <c r="BF1149" s="93"/>
      <c r="BG1149" s="93"/>
      <c r="BH1149" s="93"/>
      <c r="BI1149" s="93"/>
      <c r="BJ1149" s="93"/>
      <c r="BK1149" s="93"/>
      <c r="BL1149" s="93"/>
    </row>
    <row r="1150" spans="2:64" x14ac:dyDescent="0.2">
      <c r="B1150" s="43"/>
      <c r="C1150" s="73"/>
      <c r="D1150" s="64"/>
      <c r="E1150" s="55"/>
      <c r="F1150" s="74"/>
      <c r="G1150" s="74"/>
      <c r="H1150" s="74"/>
      <c r="I1150" s="75"/>
      <c r="J1150" s="74"/>
      <c r="L1150" s="55"/>
      <c r="M1150" s="234"/>
      <c r="N1150" s="65"/>
      <c r="O1150" s="76"/>
      <c r="P1150" s="76"/>
      <c r="Q1150" s="65"/>
      <c r="R1150" s="76"/>
      <c r="S1150" s="76"/>
      <c r="T1150" s="76"/>
      <c r="U1150" s="76"/>
      <c r="V1150" s="76"/>
      <c r="W1150" s="76"/>
      <c r="X1150" s="76"/>
      <c r="Y1150" s="76"/>
      <c r="Z1150" s="76"/>
      <c r="AA1150" s="85"/>
      <c r="AB1150" s="85"/>
      <c r="AC1150" s="85"/>
      <c r="AD1150" s="85"/>
      <c r="AE1150" s="85"/>
      <c r="AF1150" s="85"/>
      <c r="AG1150" s="86"/>
      <c r="AH1150" s="85"/>
      <c r="AI1150" s="85"/>
      <c r="AJ1150" s="85"/>
      <c r="AK1150" s="85"/>
      <c r="AL1150" s="85"/>
      <c r="AM1150" s="92"/>
      <c r="AN1150" s="92"/>
      <c r="AO1150" s="92"/>
      <c r="AP1150" s="92"/>
      <c r="AQ1150" s="92"/>
      <c r="AR1150" s="92"/>
      <c r="AS1150" s="92"/>
      <c r="AT1150" s="92"/>
      <c r="AU1150" s="92"/>
      <c r="AV1150" s="92"/>
      <c r="AW1150" s="92"/>
      <c r="AX1150" s="92"/>
      <c r="AY1150" s="92"/>
      <c r="AZ1150" s="93"/>
      <c r="BA1150" s="93"/>
      <c r="BB1150" s="93"/>
      <c r="BC1150" s="93"/>
      <c r="BD1150" s="93"/>
      <c r="BE1150" s="93"/>
      <c r="BF1150" s="93"/>
      <c r="BG1150" s="93"/>
      <c r="BH1150" s="93"/>
      <c r="BI1150" s="93"/>
      <c r="BJ1150" s="93"/>
      <c r="BK1150" s="93"/>
      <c r="BL1150" s="93"/>
    </row>
    <row r="1151" spans="2:64" x14ac:dyDescent="0.2">
      <c r="B1151" s="43"/>
      <c r="C1151" s="73"/>
      <c r="D1151" s="64"/>
      <c r="E1151" s="55"/>
      <c r="F1151" s="74"/>
      <c r="G1151" s="74"/>
      <c r="H1151" s="74"/>
      <c r="I1151" s="75"/>
      <c r="J1151" s="74"/>
      <c r="L1151" s="55"/>
      <c r="M1151" s="234"/>
      <c r="N1151" s="65"/>
      <c r="O1151" s="76"/>
      <c r="P1151" s="76"/>
      <c r="Q1151" s="65"/>
      <c r="R1151" s="76"/>
      <c r="S1151" s="76"/>
      <c r="T1151" s="76"/>
      <c r="U1151" s="76"/>
      <c r="V1151" s="76"/>
      <c r="W1151" s="76"/>
      <c r="X1151" s="76"/>
      <c r="Y1151" s="76"/>
      <c r="Z1151" s="76"/>
      <c r="AA1151" s="85"/>
      <c r="AB1151" s="85"/>
      <c r="AC1151" s="85"/>
      <c r="AD1151" s="85"/>
      <c r="AE1151" s="85"/>
      <c r="AF1151" s="85"/>
      <c r="AG1151" s="86"/>
      <c r="AH1151" s="85"/>
      <c r="AI1151" s="85"/>
      <c r="AJ1151" s="85"/>
      <c r="AK1151" s="85"/>
      <c r="AL1151" s="85"/>
      <c r="AM1151" s="92"/>
      <c r="AN1151" s="92"/>
      <c r="AO1151" s="92"/>
      <c r="AP1151" s="92"/>
      <c r="AQ1151" s="92"/>
      <c r="AR1151" s="92"/>
      <c r="AS1151" s="92"/>
      <c r="AT1151" s="92"/>
      <c r="AU1151" s="92"/>
      <c r="AV1151" s="92"/>
      <c r="AW1151" s="92"/>
      <c r="AX1151" s="92"/>
      <c r="AY1151" s="92"/>
      <c r="AZ1151" s="93"/>
      <c r="BA1151" s="93"/>
      <c r="BB1151" s="93"/>
      <c r="BC1151" s="93"/>
      <c r="BD1151" s="93"/>
      <c r="BE1151" s="93"/>
      <c r="BF1151" s="93"/>
      <c r="BG1151" s="93"/>
      <c r="BH1151" s="93"/>
      <c r="BI1151" s="93"/>
      <c r="BJ1151" s="93"/>
      <c r="BK1151" s="93"/>
      <c r="BL1151" s="93"/>
    </row>
    <row r="1152" spans="2:64" x14ac:dyDescent="0.2">
      <c r="B1152" s="43"/>
      <c r="C1152" s="73"/>
      <c r="D1152" s="64"/>
      <c r="E1152" s="55"/>
      <c r="F1152" s="74"/>
      <c r="G1152" s="74"/>
      <c r="H1152" s="74"/>
      <c r="I1152" s="75"/>
      <c r="J1152" s="74"/>
      <c r="L1152" s="55"/>
      <c r="M1152" s="234"/>
      <c r="N1152" s="65"/>
      <c r="O1152" s="76"/>
      <c r="P1152" s="76"/>
      <c r="Q1152" s="65"/>
      <c r="R1152" s="76"/>
      <c r="S1152" s="76"/>
      <c r="T1152" s="76"/>
      <c r="U1152" s="76"/>
      <c r="V1152" s="76"/>
      <c r="W1152" s="76"/>
      <c r="X1152" s="76"/>
      <c r="Y1152" s="76"/>
      <c r="Z1152" s="76"/>
      <c r="AA1152" s="85"/>
      <c r="AB1152" s="85"/>
      <c r="AC1152" s="85"/>
      <c r="AD1152" s="85"/>
      <c r="AE1152" s="85"/>
      <c r="AF1152" s="85"/>
      <c r="AG1152" s="86"/>
      <c r="AH1152" s="85"/>
      <c r="AI1152" s="85"/>
      <c r="AJ1152" s="85"/>
      <c r="AK1152" s="85"/>
      <c r="AL1152" s="85"/>
      <c r="AM1152" s="92"/>
      <c r="AN1152" s="92"/>
      <c r="AO1152" s="92"/>
      <c r="AP1152" s="92"/>
      <c r="AQ1152" s="92"/>
      <c r="AR1152" s="92"/>
      <c r="AS1152" s="92"/>
      <c r="AT1152" s="92"/>
      <c r="AU1152" s="92"/>
      <c r="AV1152" s="92"/>
      <c r="AW1152" s="92"/>
      <c r="AX1152" s="92"/>
      <c r="AY1152" s="92"/>
      <c r="AZ1152" s="93"/>
      <c r="BA1152" s="93"/>
      <c r="BB1152" s="93"/>
      <c r="BC1152" s="93"/>
      <c r="BD1152" s="93"/>
      <c r="BE1152" s="93"/>
      <c r="BF1152" s="93"/>
      <c r="BG1152" s="93"/>
      <c r="BH1152" s="93"/>
      <c r="BI1152" s="93"/>
      <c r="BJ1152" s="93"/>
      <c r="BK1152" s="93"/>
      <c r="BL1152" s="93"/>
    </row>
    <row r="1153" spans="2:64" x14ac:dyDescent="0.2">
      <c r="B1153" s="43"/>
      <c r="C1153" s="73"/>
      <c r="D1153" s="64"/>
      <c r="E1153" s="55"/>
      <c r="F1153" s="74"/>
      <c r="G1153" s="74"/>
      <c r="H1153" s="74"/>
      <c r="I1153" s="75"/>
      <c r="J1153" s="74"/>
      <c r="L1153" s="55"/>
      <c r="M1153" s="234"/>
      <c r="N1153" s="65"/>
      <c r="O1153" s="76"/>
      <c r="P1153" s="76"/>
      <c r="Q1153" s="65"/>
      <c r="R1153" s="76"/>
      <c r="S1153" s="76"/>
      <c r="T1153" s="76"/>
      <c r="U1153" s="76"/>
      <c r="V1153" s="76"/>
      <c r="W1153" s="76"/>
      <c r="X1153" s="76"/>
      <c r="Y1153" s="76"/>
      <c r="Z1153" s="76"/>
      <c r="AA1153" s="85"/>
      <c r="AB1153" s="85"/>
      <c r="AC1153" s="85"/>
      <c r="AD1153" s="85"/>
      <c r="AE1153" s="85"/>
      <c r="AF1153" s="85"/>
      <c r="AG1153" s="86"/>
      <c r="AH1153" s="85"/>
      <c r="AI1153" s="85"/>
      <c r="AJ1153" s="85"/>
      <c r="AK1153" s="85"/>
      <c r="AL1153" s="85"/>
      <c r="AM1153" s="92"/>
      <c r="AN1153" s="92"/>
      <c r="AO1153" s="92"/>
      <c r="AP1153" s="92"/>
      <c r="AQ1153" s="92"/>
      <c r="AR1153" s="92"/>
      <c r="AS1153" s="92"/>
      <c r="AT1153" s="92"/>
      <c r="AU1153" s="92"/>
      <c r="AV1153" s="92"/>
      <c r="AW1153" s="92"/>
      <c r="AX1153" s="92"/>
      <c r="AY1153" s="92"/>
      <c r="AZ1153" s="93"/>
      <c r="BA1153" s="93"/>
      <c r="BB1153" s="93"/>
      <c r="BC1153" s="93"/>
      <c r="BD1153" s="93"/>
      <c r="BE1153" s="93"/>
      <c r="BF1153" s="93"/>
      <c r="BG1153" s="93"/>
      <c r="BH1153" s="93"/>
      <c r="BI1153" s="93"/>
      <c r="BJ1153" s="93"/>
      <c r="BK1153" s="93"/>
      <c r="BL1153" s="93"/>
    </row>
    <row r="1154" spans="2:64" x14ac:dyDescent="0.2">
      <c r="B1154" s="43"/>
      <c r="C1154" s="73"/>
      <c r="D1154" s="64"/>
      <c r="E1154" s="55"/>
      <c r="F1154" s="74"/>
      <c r="G1154" s="74"/>
      <c r="H1154" s="74"/>
      <c r="I1154" s="75"/>
      <c r="J1154" s="74"/>
      <c r="L1154" s="55"/>
      <c r="M1154" s="234"/>
      <c r="N1154" s="65"/>
      <c r="O1154" s="76"/>
      <c r="P1154" s="76"/>
      <c r="Q1154" s="65"/>
      <c r="R1154" s="76"/>
      <c r="S1154" s="76"/>
      <c r="T1154" s="76"/>
      <c r="U1154" s="76"/>
      <c r="V1154" s="76"/>
      <c r="W1154" s="76"/>
      <c r="X1154" s="76"/>
      <c r="Y1154" s="76"/>
      <c r="Z1154" s="76"/>
      <c r="AA1154" s="85"/>
      <c r="AB1154" s="85"/>
      <c r="AC1154" s="85"/>
      <c r="AD1154" s="85"/>
      <c r="AE1154" s="85"/>
      <c r="AF1154" s="85"/>
      <c r="AG1154" s="86"/>
      <c r="AH1154" s="85"/>
      <c r="AI1154" s="85"/>
      <c r="AJ1154" s="85"/>
      <c r="AK1154" s="85"/>
      <c r="AL1154" s="85"/>
      <c r="AM1154" s="92"/>
      <c r="AN1154" s="92"/>
      <c r="AO1154" s="92"/>
      <c r="AP1154" s="92"/>
      <c r="AQ1154" s="92"/>
      <c r="AR1154" s="92"/>
      <c r="AS1154" s="92"/>
      <c r="AT1154" s="92"/>
      <c r="AU1154" s="92"/>
      <c r="AV1154" s="92"/>
      <c r="AW1154" s="92"/>
      <c r="AX1154" s="92"/>
      <c r="AY1154" s="92"/>
      <c r="AZ1154" s="93"/>
      <c r="BA1154" s="93"/>
      <c r="BB1154" s="93"/>
      <c r="BC1154" s="93"/>
      <c r="BD1154" s="93"/>
      <c r="BE1154" s="93"/>
      <c r="BF1154" s="93"/>
      <c r="BG1154" s="93"/>
      <c r="BH1154" s="93"/>
      <c r="BI1154" s="93"/>
      <c r="BJ1154" s="93"/>
      <c r="BK1154" s="93"/>
      <c r="BL1154" s="93"/>
    </row>
    <row r="1155" spans="2:64" x14ac:dyDescent="0.2">
      <c r="B1155" s="43"/>
      <c r="C1155" s="73"/>
      <c r="D1155" s="64"/>
      <c r="E1155" s="55"/>
      <c r="F1155" s="74"/>
      <c r="G1155" s="74"/>
      <c r="H1155" s="74"/>
      <c r="I1155" s="75"/>
      <c r="J1155" s="74"/>
      <c r="L1155" s="55"/>
      <c r="M1155" s="234"/>
      <c r="N1155" s="65"/>
      <c r="O1155" s="76"/>
      <c r="P1155" s="76"/>
      <c r="Q1155" s="65"/>
      <c r="R1155" s="76"/>
      <c r="S1155" s="76"/>
      <c r="T1155" s="76"/>
      <c r="U1155" s="76"/>
      <c r="V1155" s="76"/>
      <c r="W1155" s="76"/>
      <c r="X1155" s="76"/>
      <c r="Y1155" s="76"/>
      <c r="Z1155" s="76"/>
      <c r="AA1155" s="85"/>
      <c r="AB1155" s="85"/>
      <c r="AC1155" s="85"/>
      <c r="AD1155" s="85"/>
      <c r="AE1155" s="85"/>
      <c r="AF1155" s="85"/>
      <c r="AG1155" s="86"/>
      <c r="AH1155" s="85"/>
      <c r="AI1155" s="85"/>
      <c r="AJ1155" s="85"/>
      <c r="AK1155" s="85"/>
      <c r="AL1155" s="85"/>
      <c r="AM1155" s="92"/>
      <c r="AN1155" s="92"/>
      <c r="AO1155" s="92"/>
      <c r="AP1155" s="92"/>
      <c r="AQ1155" s="92"/>
      <c r="AR1155" s="92"/>
      <c r="AS1155" s="92"/>
      <c r="AT1155" s="92"/>
      <c r="AU1155" s="92"/>
      <c r="AV1155" s="92"/>
      <c r="AW1155" s="92"/>
      <c r="AX1155" s="92"/>
      <c r="AY1155" s="92"/>
      <c r="AZ1155" s="93"/>
      <c r="BA1155" s="93"/>
      <c r="BB1155" s="93"/>
      <c r="BC1155" s="93"/>
      <c r="BD1155" s="93"/>
      <c r="BE1155" s="93"/>
      <c r="BF1155" s="93"/>
      <c r="BG1155" s="93"/>
      <c r="BH1155" s="93"/>
      <c r="BI1155" s="93"/>
      <c r="BJ1155" s="93"/>
      <c r="BK1155" s="93"/>
      <c r="BL1155" s="93"/>
    </row>
    <row r="1156" spans="2:64" x14ac:dyDescent="0.2">
      <c r="B1156" s="43"/>
      <c r="C1156" s="73"/>
      <c r="D1156" s="64"/>
      <c r="E1156" s="55"/>
      <c r="F1156" s="74"/>
      <c r="G1156" s="74"/>
      <c r="H1156" s="74"/>
      <c r="I1156" s="75"/>
      <c r="J1156" s="74"/>
      <c r="L1156" s="55"/>
      <c r="M1156" s="234"/>
      <c r="N1156" s="65"/>
      <c r="O1156" s="76"/>
      <c r="P1156" s="76"/>
      <c r="Q1156" s="65"/>
      <c r="R1156" s="76"/>
      <c r="S1156" s="76"/>
      <c r="T1156" s="76"/>
      <c r="U1156" s="76"/>
      <c r="V1156" s="76"/>
      <c r="W1156" s="76"/>
      <c r="X1156" s="76"/>
      <c r="Y1156" s="76"/>
      <c r="Z1156" s="76"/>
      <c r="AA1156" s="85"/>
      <c r="AB1156" s="85"/>
      <c r="AC1156" s="85"/>
      <c r="AD1156" s="85"/>
      <c r="AE1156" s="85"/>
      <c r="AF1156" s="85"/>
      <c r="AG1156" s="86"/>
      <c r="AH1156" s="85"/>
      <c r="AI1156" s="85"/>
      <c r="AJ1156" s="85"/>
      <c r="AK1156" s="85"/>
      <c r="AL1156" s="85"/>
      <c r="AM1156" s="92"/>
      <c r="AN1156" s="92"/>
      <c r="AO1156" s="92"/>
      <c r="AP1156" s="92"/>
      <c r="AQ1156" s="92"/>
      <c r="AR1156" s="92"/>
      <c r="AS1156" s="92"/>
      <c r="AT1156" s="92"/>
      <c r="AU1156" s="92"/>
      <c r="AV1156" s="92"/>
      <c r="AW1156" s="92"/>
      <c r="AX1156" s="92"/>
      <c r="AY1156" s="92"/>
      <c r="AZ1156" s="93"/>
      <c r="BA1156" s="93"/>
      <c r="BB1156" s="93"/>
      <c r="BC1156" s="93"/>
      <c r="BD1156" s="93"/>
      <c r="BE1156" s="93"/>
      <c r="BF1156" s="93"/>
      <c r="BG1156" s="93"/>
      <c r="BH1156" s="93"/>
      <c r="BI1156" s="93"/>
      <c r="BJ1156" s="93"/>
      <c r="BK1156" s="93"/>
      <c r="BL1156" s="93"/>
    </row>
    <row r="1157" spans="2:64" x14ac:dyDescent="0.2">
      <c r="B1157" s="43"/>
      <c r="C1157" s="73"/>
      <c r="D1157" s="64"/>
      <c r="E1157" s="55"/>
      <c r="F1157" s="74"/>
      <c r="G1157" s="74"/>
      <c r="H1157" s="74"/>
      <c r="I1157" s="75"/>
      <c r="J1157" s="74"/>
      <c r="L1157" s="55"/>
      <c r="M1157" s="234"/>
      <c r="N1157" s="65"/>
      <c r="O1157" s="76"/>
      <c r="P1157" s="76"/>
      <c r="Q1157" s="65"/>
      <c r="R1157" s="76"/>
      <c r="S1157" s="76"/>
      <c r="T1157" s="76"/>
      <c r="U1157" s="76"/>
      <c r="V1157" s="76"/>
      <c r="W1157" s="76"/>
      <c r="X1157" s="76"/>
      <c r="Y1157" s="76"/>
      <c r="Z1157" s="76"/>
      <c r="AA1157" s="85"/>
      <c r="AB1157" s="85"/>
      <c r="AC1157" s="85"/>
      <c r="AD1157" s="85"/>
      <c r="AE1157" s="85"/>
      <c r="AF1157" s="85"/>
      <c r="AG1157" s="86"/>
      <c r="AH1157" s="85"/>
      <c r="AI1157" s="85"/>
      <c r="AJ1157" s="85"/>
      <c r="AK1157" s="85"/>
      <c r="AL1157" s="85"/>
      <c r="AM1157" s="92"/>
      <c r="AN1157" s="92"/>
      <c r="AO1157" s="92"/>
      <c r="AP1157" s="92"/>
      <c r="AQ1157" s="92"/>
      <c r="AR1157" s="92"/>
      <c r="AS1157" s="92"/>
      <c r="AT1157" s="92"/>
      <c r="AU1157" s="92"/>
      <c r="AV1157" s="92"/>
      <c r="AW1157" s="92"/>
      <c r="AX1157" s="92"/>
      <c r="AY1157" s="92"/>
      <c r="AZ1157" s="93"/>
      <c r="BA1157" s="93"/>
      <c r="BB1157" s="93"/>
      <c r="BC1157" s="93"/>
      <c r="BD1157" s="93"/>
      <c r="BE1157" s="93"/>
      <c r="BF1157" s="93"/>
      <c r="BG1157" s="93"/>
      <c r="BH1157" s="93"/>
      <c r="BI1157" s="93"/>
      <c r="BJ1157" s="93"/>
      <c r="BK1157" s="93"/>
      <c r="BL1157" s="93"/>
    </row>
    <row r="1158" spans="2:64" x14ac:dyDescent="0.2">
      <c r="B1158" s="43"/>
      <c r="C1158" s="73"/>
      <c r="D1158" s="64"/>
      <c r="E1158" s="55"/>
      <c r="F1158" s="74"/>
      <c r="G1158" s="74"/>
      <c r="H1158" s="74"/>
      <c r="I1158" s="75"/>
      <c r="J1158" s="74"/>
      <c r="L1158" s="55"/>
      <c r="M1158" s="234"/>
      <c r="N1158" s="65"/>
      <c r="O1158" s="76"/>
      <c r="P1158" s="76"/>
      <c r="Q1158" s="65"/>
      <c r="R1158" s="76"/>
      <c r="S1158" s="76"/>
      <c r="T1158" s="76"/>
      <c r="U1158" s="76"/>
      <c r="V1158" s="76"/>
      <c r="W1158" s="76"/>
      <c r="X1158" s="76"/>
      <c r="Y1158" s="76"/>
      <c r="Z1158" s="76"/>
      <c r="AA1158" s="85"/>
      <c r="AB1158" s="85"/>
      <c r="AC1158" s="85"/>
      <c r="AD1158" s="85"/>
      <c r="AE1158" s="85"/>
      <c r="AF1158" s="85"/>
      <c r="AG1158" s="86"/>
      <c r="AH1158" s="85"/>
      <c r="AI1158" s="85"/>
      <c r="AJ1158" s="85"/>
      <c r="AK1158" s="85"/>
      <c r="AL1158" s="85"/>
      <c r="AM1158" s="92"/>
      <c r="AN1158" s="92"/>
      <c r="AO1158" s="92"/>
      <c r="AP1158" s="92"/>
      <c r="AQ1158" s="92"/>
      <c r="AR1158" s="92"/>
      <c r="AS1158" s="92"/>
      <c r="AT1158" s="92"/>
      <c r="AU1158" s="92"/>
      <c r="AV1158" s="92"/>
      <c r="AW1158" s="92"/>
      <c r="AX1158" s="92"/>
      <c r="AY1158" s="92"/>
      <c r="AZ1158" s="93"/>
      <c r="BA1158" s="93"/>
      <c r="BB1158" s="93"/>
      <c r="BC1158" s="93"/>
      <c r="BD1158" s="93"/>
      <c r="BE1158" s="93"/>
      <c r="BF1158" s="93"/>
      <c r="BG1158" s="93"/>
      <c r="BH1158" s="93"/>
      <c r="BI1158" s="93"/>
      <c r="BJ1158" s="93"/>
      <c r="BK1158" s="93"/>
      <c r="BL1158" s="93"/>
    </row>
    <row r="1159" spans="2:64" x14ac:dyDescent="0.2">
      <c r="B1159" s="43"/>
      <c r="C1159" s="73"/>
      <c r="D1159" s="64"/>
      <c r="E1159" s="55"/>
      <c r="F1159" s="74"/>
      <c r="G1159" s="74"/>
      <c r="H1159" s="74"/>
      <c r="I1159" s="75"/>
      <c r="J1159" s="74"/>
      <c r="L1159" s="55"/>
      <c r="M1159" s="234"/>
      <c r="N1159" s="65"/>
      <c r="O1159" s="76"/>
      <c r="P1159" s="76"/>
      <c r="Q1159" s="65"/>
      <c r="R1159" s="76"/>
      <c r="S1159" s="76"/>
      <c r="T1159" s="76"/>
      <c r="U1159" s="76"/>
      <c r="V1159" s="76"/>
      <c r="W1159" s="76"/>
      <c r="X1159" s="76"/>
      <c r="Y1159" s="76"/>
      <c r="Z1159" s="76"/>
      <c r="AA1159" s="85"/>
      <c r="AB1159" s="85"/>
      <c r="AC1159" s="85"/>
      <c r="AD1159" s="85"/>
      <c r="AE1159" s="85"/>
      <c r="AF1159" s="85"/>
      <c r="AG1159" s="86"/>
      <c r="AH1159" s="85"/>
      <c r="AI1159" s="85"/>
      <c r="AJ1159" s="85"/>
      <c r="AK1159" s="85"/>
      <c r="AL1159" s="85"/>
      <c r="AM1159" s="92"/>
      <c r="AN1159" s="92"/>
      <c r="AO1159" s="92"/>
      <c r="AP1159" s="92"/>
      <c r="AQ1159" s="92"/>
      <c r="AR1159" s="92"/>
      <c r="AS1159" s="92"/>
      <c r="AT1159" s="92"/>
      <c r="AU1159" s="92"/>
      <c r="AV1159" s="92"/>
      <c r="AW1159" s="92"/>
      <c r="AX1159" s="92"/>
      <c r="AY1159" s="92"/>
      <c r="AZ1159" s="93"/>
      <c r="BA1159" s="93"/>
      <c r="BB1159" s="93"/>
      <c r="BC1159" s="93"/>
      <c r="BD1159" s="93"/>
      <c r="BE1159" s="93"/>
      <c r="BF1159" s="93"/>
      <c r="BG1159" s="93"/>
      <c r="BH1159" s="93"/>
      <c r="BI1159" s="93"/>
      <c r="BJ1159" s="93"/>
      <c r="BK1159" s="93"/>
      <c r="BL1159" s="93"/>
    </row>
    <row r="1160" spans="2:64" x14ac:dyDescent="0.2">
      <c r="B1160" s="43"/>
      <c r="C1160" s="73"/>
      <c r="D1160" s="64"/>
      <c r="E1160" s="55"/>
      <c r="F1160" s="74"/>
      <c r="G1160" s="74"/>
      <c r="H1160" s="74"/>
      <c r="I1160" s="75"/>
      <c r="J1160" s="74"/>
      <c r="L1160" s="55"/>
      <c r="M1160" s="234"/>
      <c r="N1160" s="65"/>
      <c r="O1160" s="76"/>
      <c r="P1160" s="76"/>
      <c r="Q1160" s="65"/>
      <c r="R1160" s="76"/>
      <c r="S1160" s="76"/>
      <c r="T1160" s="76"/>
      <c r="U1160" s="76"/>
      <c r="V1160" s="76"/>
      <c r="W1160" s="76"/>
      <c r="X1160" s="76"/>
      <c r="Y1160" s="76"/>
      <c r="Z1160" s="76"/>
      <c r="AA1160" s="85"/>
      <c r="AB1160" s="85"/>
      <c r="AC1160" s="85"/>
      <c r="AD1160" s="85"/>
      <c r="AE1160" s="85"/>
      <c r="AF1160" s="85"/>
      <c r="AG1160" s="86"/>
      <c r="AH1160" s="85"/>
      <c r="AI1160" s="85"/>
      <c r="AJ1160" s="85"/>
      <c r="AK1160" s="85"/>
      <c r="AL1160" s="85"/>
      <c r="AM1160" s="92"/>
      <c r="AN1160" s="92"/>
      <c r="AO1160" s="92"/>
      <c r="AP1160" s="92"/>
      <c r="AQ1160" s="92"/>
      <c r="AR1160" s="92"/>
      <c r="AS1160" s="92"/>
      <c r="AT1160" s="92"/>
      <c r="AU1160" s="92"/>
      <c r="AV1160" s="92"/>
      <c r="AW1160" s="92"/>
      <c r="AX1160" s="92"/>
      <c r="AY1160" s="92"/>
      <c r="AZ1160" s="93"/>
      <c r="BA1160" s="93"/>
      <c r="BB1160" s="93"/>
      <c r="BC1160" s="93"/>
      <c r="BD1160" s="93"/>
      <c r="BE1160" s="93"/>
      <c r="BF1160" s="93"/>
      <c r="BG1160" s="93"/>
      <c r="BH1160" s="93"/>
      <c r="BI1160" s="93"/>
      <c r="BJ1160" s="93"/>
      <c r="BK1160" s="93"/>
      <c r="BL1160" s="93"/>
    </row>
    <row r="1161" spans="2:64" x14ac:dyDescent="0.2">
      <c r="B1161" s="43"/>
      <c r="C1161" s="73"/>
      <c r="D1161" s="64"/>
      <c r="E1161" s="55"/>
      <c r="F1161" s="74"/>
      <c r="G1161" s="74"/>
      <c r="H1161" s="74"/>
      <c r="I1161" s="75"/>
      <c r="J1161" s="74"/>
      <c r="L1161" s="55"/>
      <c r="M1161" s="234"/>
      <c r="N1161" s="65"/>
      <c r="O1161" s="76"/>
      <c r="P1161" s="76"/>
      <c r="Q1161" s="65"/>
      <c r="R1161" s="76"/>
      <c r="S1161" s="76"/>
      <c r="T1161" s="76"/>
      <c r="U1161" s="76"/>
      <c r="V1161" s="76"/>
      <c r="W1161" s="76"/>
      <c r="X1161" s="76"/>
      <c r="Y1161" s="76"/>
      <c r="Z1161" s="76"/>
      <c r="AA1161" s="85"/>
      <c r="AB1161" s="85"/>
      <c r="AC1161" s="85"/>
      <c r="AD1161" s="85"/>
      <c r="AE1161" s="85"/>
      <c r="AF1161" s="85"/>
      <c r="AG1161" s="86"/>
      <c r="AH1161" s="85"/>
      <c r="AI1161" s="85"/>
      <c r="AJ1161" s="85"/>
      <c r="AK1161" s="85"/>
      <c r="AL1161" s="85"/>
      <c r="AM1161" s="92"/>
      <c r="AN1161" s="92"/>
      <c r="AO1161" s="92"/>
      <c r="AP1161" s="92"/>
      <c r="AQ1161" s="92"/>
      <c r="AR1161" s="92"/>
      <c r="AS1161" s="92"/>
      <c r="AT1161" s="92"/>
      <c r="AU1161" s="92"/>
      <c r="AV1161" s="92"/>
      <c r="AW1161" s="92"/>
      <c r="AX1161" s="92"/>
      <c r="AY1161" s="92"/>
      <c r="AZ1161" s="93"/>
      <c r="BA1161" s="93"/>
      <c r="BB1161" s="93"/>
      <c r="BC1161" s="93"/>
      <c r="BD1161" s="93"/>
      <c r="BE1161" s="93"/>
      <c r="BF1161" s="93"/>
      <c r="BG1161" s="93"/>
      <c r="BH1161" s="93"/>
      <c r="BI1161" s="93"/>
      <c r="BJ1161" s="93"/>
      <c r="BK1161" s="93"/>
      <c r="BL1161" s="93"/>
    </row>
    <row r="1162" spans="2:64" x14ac:dyDescent="0.2">
      <c r="B1162" s="43"/>
      <c r="C1162" s="73"/>
      <c r="D1162" s="64"/>
      <c r="E1162" s="55"/>
      <c r="F1162" s="74"/>
      <c r="G1162" s="74"/>
      <c r="H1162" s="74"/>
      <c r="I1162" s="75"/>
      <c r="J1162" s="74"/>
      <c r="L1162" s="55"/>
      <c r="M1162" s="234"/>
      <c r="N1162" s="65"/>
      <c r="O1162" s="76"/>
      <c r="P1162" s="76"/>
      <c r="Q1162" s="65"/>
      <c r="R1162" s="76"/>
      <c r="S1162" s="76"/>
      <c r="T1162" s="76"/>
      <c r="U1162" s="76"/>
      <c r="V1162" s="76"/>
      <c r="W1162" s="76"/>
      <c r="X1162" s="76"/>
      <c r="Y1162" s="76"/>
      <c r="Z1162" s="76"/>
      <c r="AA1162" s="85"/>
      <c r="AB1162" s="85"/>
      <c r="AC1162" s="85"/>
      <c r="AD1162" s="85"/>
      <c r="AE1162" s="85"/>
      <c r="AF1162" s="85"/>
      <c r="AG1162" s="86"/>
      <c r="AH1162" s="85"/>
      <c r="AI1162" s="85"/>
      <c r="AJ1162" s="85"/>
      <c r="AK1162" s="85"/>
      <c r="AL1162" s="85"/>
      <c r="AM1162" s="92"/>
      <c r="AN1162" s="92"/>
      <c r="AO1162" s="92"/>
      <c r="AP1162" s="92"/>
      <c r="AQ1162" s="92"/>
      <c r="AR1162" s="92"/>
      <c r="AS1162" s="92"/>
      <c r="AT1162" s="92"/>
      <c r="AU1162" s="92"/>
      <c r="AV1162" s="92"/>
      <c r="AW1162" s="92"/>
      <c r="AX1162" s="92"/>
      <c r="AY1162" s="92"/>
      <c r="AZ1162" s="93"/>
      <c r="BA1162" s="93"/>
      <c r="BB1162" s="93"/>
      <c r="BC1162" s="93"/>
      <c r="BD1162" s="93"/>
      <c r="BE1162" s="93"/>
      <c r="BF1162" s="93"/>
      <c r="BG1162" s="93"/>
      <c r="BH1162" s="93"/>
      <c r="BI1162" s="93"/>
      <c r="BJ1162" s="93"/>
      <c r="BK1162" s="93"/>
      <c r="BL1162" s="93"/>
    </row>
    <row r="1163" spans="2:64" x14ac:dyDescent="0.2">
      <c r="B1163" s="43"/>
      <c r="C1163" s="73"/>
      <c r="D1163" s="64"/>
      <c r="E1163" s="55"/>
      <c r="F1163" s="74"/>
      <c r="G1163" s="74"/>
      <c r="H1163" s="74"/>
      <c r="I1163" s="75"/>
      <c r="J1163" s="74"/>
      <c r="L1163" s="55"/>
      <c r="M1163" s="234"/>
      <c r="N1163" s="65"/>
      <c r="O1163" s="76"/>
      <c r="P1163" s="76"/>
      <c r="Q1163" s="65"/>
      <c r="R1163" s="76"/>
      <c r="S1163" s="76"/>
      <c r="T1163" s="76"/>
      <c r="U1163" s="76"/>
      <c r="V1163" s="76"/>
      <c r="W1163" s="76"/>
      <c r="X1163" s="76"/>
      <c r="Y1163" s="76"/>
      <c r="Z1163" s="76"/>
      <c r="AA1163" s="85"/>
      <c r="AB1163" s="85"/>
      <c r="AC1163" s="85"/>
      <c r="AD1163" s="85"/>
      <c r="AE1163" s="85"/>
      <c r="AF1163" s="85"/>
      <c r="AG1163" s="86"/>
      <c r="AH1163" s="85"/>
      <c r="AI1163" s="85"/>
      <c r="AJ1163" s="85"/>
      <c r="AK1163" s="85"/>
      <c r="AL1163" s="85"/>
      <c r="AM1163" s="92"/>
      <c r="AN1163" s="92"/>
      <c r="AO1163" s="92"/>
      <c r="AP1163" s="92"/>
      <c r="AQ1163" s="92"/>
      <c r="AR1163" s="92"/>
      <c r="AS1163" s="92"/>
      <c r="AT1163" s="92"/>
      <c r="AU1163" s="92"/>
      <c r="AV1163" s="92"/>
      <c r="AW1163" s="92"/>
      <c r="AX1163" s="92"/>
      <c r="AY1163" s="92"/>
      <c r="AZ1163" s="93"/>
      <c r="BA1163" s="93"/>
      <c r="BB1163" s="93"/>
      <c r="BC1163" s="93"/>
      <c r="BD1163" s="93"/>
      <c r="BE1163" s="93"/>
      <c r="BF1163" s="93"/>
      <c r="BG1163" s="93"/>
      <c r="BH1163" s="93"/>
      <c r="BI1163" s="93"/>
      <c r="BJ1163" s="93"/>
      <c r="BK1163" s="93"/>
      <c r="BL1163" s="93"/>
    </row>
    <row r="1164" spans="2:64" x14ac:dyDescent="0.2">
      <c r="B1164" s="43"/>
      <c r="C1164" s="73"/>
      <c r="D1164" s="64"/>
      <c r="E1164" s="55"/>
      <c r="F1164" s="74"/>
      <c r="G1164" s="74"/>
      <c r="H1164" s="74"/>
      <c r="I1164" s="75"/>
      <c r="J1164" s="74"/>
      <c r="L1164" s="55"/>
      <c r="M1164" s="234"/>
      <c r="N1164" s="65"/>
      <c r="O1164" s="76"/>
      <c r="P1164" s="76"/>
      <c r="Q1164" s="65"/>
      <c r="R1164" s="76"/>
      <c r="S1164" s="76"/>
      <c r="T1164" s="76"/>
      <c r="U1164" s="76"/>
      <c r="V1164" s="76"/>
      <c r="W1164" s="76"/>
      <c r="X1164" s="76"/>
      <c r="Y1164" s="76"/>
      <c r="Z1164" s="76"/>
      <c r="AA1164" s="85"/>
      <c r="AB1164" s="85"/>
      <c r="AC1164" s="85"/>
      <c r="AD1164" s="85"/>
      <c r="AE1164" s="85"/>
      <c r="AF1164" s="85"/>
      <c r="AG1164" s="86"/>
      <c r="AH1164" s="85"/>
      <c r="AI1164" s="85"/>
      <c r="AJ1164" s="85"/>
      <c r="AK1164" s="85"/>
      <c r="AL1164" s="85"/>
      <c r="AM1164" s="92"/>
      <c r="AN1164" s="92"/>
      <c r="AO1164" s="92"/>
      <c r="AP1164" s="92"/>
      <c r="AQ1164" s="92"/>
      <c r="AR1164" s="92"/>
      <c r="AS1164" s="92"/>
      <c r="AT1164" s="92"/>
      <c r="AU1164" s="92"/>
      <c r="AV1164" s="92"/>
      <c r="AW1164" s="92"/>
      <c r="AX1164" s="92"/>
      <c r="AY1164" s="92"/>
      <c r="AZ1164" s="93"/>
      <c r="BA1164" s="93"/>
      <c r="BB1164" s="93"/>
      <c r="BC1164" s="93"/>
      <c r="BD1164" s="93"/>
      <c r="BE1164" s="93"/>
      <c r="BF1164" s="93"/>
      <c r="BG1164" s="93"/>
      <c r="BH1164" s="93"/>
      <c r="BI1164" s="93"/>
      <c r="BJ1164" s="93"/>
      <c r="BK1164" s="93"/>
      <c r="BL1164" s="93"/>
    </row>
    <row r="1165" spans="2:64" x14ac:dyDescent="0.2">
      <c r="B1165" s="43"/>
      <c r="C1165" s="73"/>
      <c r="D1165" s="64"/>
      <c r="E1165" s="55"/>
      <c r="F1165" s="74"/>
      <c r="G1165" s="74"/>
      <c r="H1165" s="74"/>
      <c r="I1165" s="75"/>
      <c r="J1165" s="74"/>
      <c r="L1165" s="55"/>
      <c r="M1165" s="234"/>
      <c r="N1165" s="65"/>
      <c r="O1165" s="76"/>
      <c r="P1165" s="76"/>
      <c r="Q1165" s="65"/>
      <c r="R1165" s="76"/>
      <c r="S1165" s="76"/>
      <c r="T1165" s="76"/>
      <c r="U1165" s="76"/>
      <c r="V1165" s="76"/>
      <c r="W1165" s="76"/>
      <c r="X1165" s="76"/>
      <c r="Y1165" s="76"/>
      <c r="Z1165" s="76"/>
      <c r="AA1165" s="85"/>
      <c r="AB1165" s="85"/>
      <c r="AC1165" s="85"/>
      <c r="AD1165" s="85"/>
      <c r="AE1165" s="85"/>
      <c r="AF1165" s="85"/>
      <c r="AG1165" s="86"/>
      <c r="AH1165" s="85"/>
      <c r="AI1165" s="85"/>
      <c r="AJ1165" s="85"/>
      <c r="AK1165" s="85"/>
      <c r="AL1165" s="85"/>
      <c r="AM1165" s="92"/>
      <c r="AN1165" s="92"/>
      <c r="AO1165" s="92"/>
      <c r="AP1165" s="92"/>
      <c r="AQ1165" s="92"/>
      <c r="AR1165" s="92"/>
      <c r="AS1165" s="92"/>
      <c r="AT1165" s="92"/>
      <c r="AU1165" s="92"/>
      <c r="AV1165" s="92"/>
      <c r="AW1165" s="92"/>
      <c r="AX1165" s="92"/>
      <c r="AY1165" s="92"/>
      <c r="AZ1165" s="93"/>
      <c r="BA1165" s="93"/>
      <c r="BB1165" s="93"/>
      <c r="BC1165" s="93"/>
      <c r="BD1165" s="93"/>
      <c r="BE1165" s="93"/>
      <c r="BF1165" s="93"/>
      <c r="BG1165" s="93"/>
      <c r="BH1165" s="93"/>
      <c r="BI1165" s="93"/>
      <c r="BJ1165" s="93"/>
      <c r="BK1165" s="93"/>
      <c r="BL1165" s="93"/>
    </row>
    <row r="1166" spans="2:64" x14ac:dyDescent="0.2">
      <c r="B1166" s="43"/>
      <c r="C1166" s="73"/>
      <c r="D1166" s="64"/>
      <c r="E1166" s="55"/>
      <c r="F1166" s="74"/>
      <c r="G1166" s="74"/>
      <c r="H1166" s="74"/>
      <c r="I1166" s="75"/>
      <c r="J1166" s="74"/>
      <c r="L1166" s="55"/>
      <c r="M1166" s="234"/>
      <c r="N1166" s="65"/>
      <c r="O1166" s="76"/>
      <c r="P1166" s="76"/>
      <c r="Q1166" s="65"/>
      <c r="R1166" s="76"/>
      <c r="S1166" s="76"/>
      <c r="T1166" s="76"/>
      <c r="U1166" s="76"/>
      <c r="V1166" s="76"/>
      <c r="W1166" s="76"/>
      <c r="X1166" s="76"/>
      <c r="Y1166" s="76"/>
      <c r="Z1166" s="76"/>
      <c r="AA1166" s="85"/>
      <c r="AB1166" s="85"/>
      <c r="AC1166" s="85"/>
      <c r="AD1166" s="85"/>
      <c r="AE1166" s="85"/>
      <c r="AF1166" s="85"/>
      <c r="AG1166" s="86"/>
      <c r="AH1166" s="85"/>
      <c r="AI1166" s="85"/>
      <c r="AJ1166" s="85"/>
      <c r="AK1166" s="85"/>
      <c r="AL1166" s="85"/>
      <c r="AM1166" s="92"/>
      <c r="AN1166" s="92"/>
      <c r="AO1166" s="92"/>
      <c r="AP1166" s="92"/>
      <c r="AQ1166" s="92"/>
      <c r="AR1166" s="92"/>
      <c r="AS1166" s="92"/>
      <c r="AT1166" s="92"/>
      <c r="AU1166" s="92"/>
      <c r="AV1166" s="92"/>
      <c r="AW1166" s="92"/>
      <c r="AX1166" s="92"/>
      <c r="AY1166" s="92"/>
      <c r="AZ1166" s="93"/>
      <c r="BA1166" s="93"/>
      <c r="BB1166" s="93"/>
      <c r="BC1166" s="93"/>
      <c r="BD1166" s="93"/>
      <c r="BE1166" s="93"/>
      <c r="BF1166" s="93"/>
      <c r="BG1166" s="93"/>
      <c r="BH1166" s="93"/>
      <c r="BI1166" s="93"/>
      <c r="BJ1166" s="93"/>
      <c r="BK1166" s="93"/>
      <c r="BL1166" s="93"/>
    </row>
    <row r="1167" spans="2:64" x14ac:dyDescent="0.2">
      <c r="B1167" s="43"/>
      <c r="C1167" s="73"/>
      <c r="D1167" s="64"/>
      <c r="E1167" s="55"/>
      <c r="F1167" s="74"/>
      <c r="G1167" s="74"/>
      <c r="H1167" s="74"/>
      <c r="I1167" s="75"/>
      <c r="J1167" s="74"/>
      <c r="L1167" s="55"/>
      <c r="M1167" s="234"/>
      <c r="N1167" s="65"/>
      <c r="O1167" s="76"/>
      <c r="P1167" s="76"/>
      <c r="Q1167" s="65"/>
      <c r="R1167" s="76"/>
      <c r="S1167" s="76"/>
      <c r="T1167" s="76"/>
      <c r="U1167" s="76"/>
      <c r="V1167" s="76"/>
      <c r="W1167" s="76"/>
      <c r="X1167" s="76"/>
      <c r="Y1167" s="76"/>
      <c r="Z1167" s="76"/>
      <c r="AA1167" s="85"/>
      <c r="AB1167" s="85"/>
      <c r="AC1167" s="85"/>
      <c r="AD1167" s="85"/>
      <c r="AE1167" s="85"/>
      <c r="AF1167" s="85"/>
      <c r="AG1167" s="86"/>
      <c r="AH1167" s="85"/>
      <c r="AI1167" s="85"/>
      <c r="AJ1167" s="85"/>
      <c r="AK1167" s="85"/>
      <c r="AL1167" s="85"/>
      <c r="AM1167" s="92"/>
      <c r="AN1167" s="92"/>
      <c r="AO1167" s="92"/>
      <c r="AP1167" s="92"/>
      <c r="AQ1167" s="92"/>
      <c r="AR1167" s="92"/>
      <c r="AS1167" s="92"/>
      <c r="AT1167" s="92"/>
      <c r="AU1167" s="92"/>
      <c r="AV1167" s="92"/>
      <c r="AW1167" s="92"/>
      <c r="AX1167" s="92"/>
      <c r="AY1167" s="92"/>
      <c r="AZ1167" s="93"/>
      <c r="BA1167" s="93"/>
      <c r="BB1167" s="93"/>
      <c r="BC1167" s="93"/>
      <c r="BD1167" s="93"/>
      <c r="BE1167" s="93"/>
      <c r="BF1167" s="93"/>
      <c r="BG1167" s="93"/>
      <c r="BH1167" s="93"/>
      <c r="BI1167" s="93"/>
      <c r="BJ1167" s="93"/>
      <c r="BK1167" s="93"/>
      <c r="BL1167" s="93"/>
    </row>
    <row r="1168" spans="2:64" x14ac:dyDescent="0.2">
      <c r="B1168" s="43"/>
      <c r="C1168" s="73"/>
      <c r="D1168" s="64"/>
      <c r="E1168" s="55"/>
      <c r="F1168" s="74"/>
      <c r="G1168" s="74"/>
      <c r="H1168" s="74"/>
      <c r="I1168" s="75"/>
      <c r="J1168" s="74"/>
      <c r="L1168" s="55"/>
      <c r="M1168" s="234"/>
      <c r="N1168" s="65"/>
      <c r="O1168" s="76"/>
      <c r="P1168" s="76"/>
      <c r="Q1168" s="65"/>
      <c r="R1168" s="76"/>
      <c r="S1168" s="76"/>
      <c r="T1168" s="76"/>
      <c r="U1168" s="76"/>
      <c r="V1168" s="76"/>
      <c r="W1168" s="76"/>
      <c r="X1168" s="76"/>
      <c r="Y1168" s="76"/>
      <c r="Z1168" s="76"/>
      <c r="AA1168" s="85"/>
      <c r="AB1168" s="85"/>
      <c r="AC1168" s="85"/>
      <c r="AD1168" s="85"/>
      <c r="AE1168" s="85"/>
      <c r="AF1168" s="85"/>
      <c r="AG1168" s="86"/>
      <c r="AH1168" s="85"/>
      <c r="AI1168" s="85"/>
      <c r="AJ1168" s="85"/>
      <c r="AK1168" s="85"/>
      <c r="AL1168" s="85"/>
      <c r="AM1168" s="92"/>
      <c r="AN1168" s="92"/>
      <c r="AO1168" s="92"/>
      <c r="AP1168" s="92"/>
      <c r="AQ1168" s="92"/>
      <c r="AR1168" s="92"/>
      <c r="AS1168" s="92"/>
      <c r="AT1168" s="92"/>
      <c r="AU1168" s="92"/>
      <c r="AV1168" s="92"/>
      <c r="AW1168" s="92"/>
      <c r="AX1168" s="92"/>
      <c r="AY1168" s="92"/>
      <c r="AZ1168" s="93"/>
      <c r="BA1168" s="93"/>
      <c r="BB1168" s="93"/>
      <c r="BC1168" s="93"/>
      <c r="BD1168" s="93"/>
      <c r="BE1168" s="93"/>
      <c r="BF1168" s="93"/>
      <c r="BG1168" s="93"/>
      <c r="BH1168" s="93"/>
      <c r="BI1168" s="93"/>
      <c r="BJ1168" s="93"/>
      <c r="BK1168" s="93"/>
      <c r="BL1168" s="93"/>
    </row>
    <row r="1169" spans="2:64" x14ac:dyDescent="0.2">
      <c r="B1169" s="43"/>
      <c r="C1169" s="73"/>
      <c r="D1169" s="64"/>
      <c r="E1169" s="55"/>
      <c r="F1169" s="74"/>
      <c r="G1169" s="74"/>
      <c r="H1169" s="74"/>
      <c r="I1169" s="75"/>
      <c r="J1169" s="74"/>
      <c r="L1169" s="55"/>
      <c r="M1169" s="234"/>
      <c r="N1169" s="65"/>
      <c r="O1169" s="76"/>
      <c r="P1169" s="76"/>
      <c r="Q1169" s="65"/>
      <c r="R1169" s="76"/>
      <c r="S1169" s="76"/>
      <c r="T1169" s="76"/>
      <c r="U1169" s="76"/>
      <c r="V1169" s="76"/>
      <c r="W1169" s="76"/>
      <c r="X1169" s="76"/>
      <c r="Y1169" s="76"/>
      <c r="Z1169" s="76"/>
      <c r="AA1169" s="85"/>
      <c r="AB1169" s="85"/>
      <c r="AC1169" s="85"/>
      <c r="AD1169" s="85"/>
      <c r="AE1169" s="85"/>
      <c r="AF1169" s="85"/>
      <c r="AG1169" s="86"/>
      <c r="AH1169" s="85"/>
      <c r="AI1169" s="85"/>
      <c r="AJ1169" s="85"/>
      <c r="AK1169" s="85"/>
      <c r="AL1169" s="85"/>
      <c r="AM1169" s="92"/>
      <c r="AN1169" s="92"/>
      <c r="AO1169" s="92"/>
      <c r="AP1169" s="92"/>
      <c r="AQ1169" s="92"/>
      <c r="AR1169" s="92"/>
      <c r="AS1169" s="92"/>
      <c r="AT1169" s="92"/>
      <c r="AU1169" s="92"/>
      <c r="AV1169" s="92"/>
      <c r="AW1169" s="92"/>
      <c r="AX1169" s="92"/>
      <c r="AY1169" s="92"/>
      <c r="AZ1169" s="93"/>
      <c r="BA1169" s="93"/>
      <c r="BB1169" s="93"/>
      <c r="BC1169" s="93"/>
      <c r="BD1169" s="93"/>
      <c r="BE1169" s="93"/>
      <c r="BF1169" s="93"/>
      <c r="BG1169" s="93"/>
      <c r="BH1169" s="93"/>
      <c r="BI1169" s="93"/>
      <c r="BJ1169" s="93"/>
      <c r="BK1169" s="93"/>
      <c r="BL1169" s="93"/>
    </row>
    <row r="1170" spans="2:64" x14ac:dyDescent="0.2">
      <c r="B1170" s="43"/>
      <c r="C1170" s="73"/>
      <c r="D1170" s="64"/>
      <c r="E1170" s="55"/>
      <c r="F1170" s="74"/>
      <c r="G1170" s="74"/>
      <c r="H1170" s="74"/>
      <c r="I1170" s="75"/>
      <c r="J1170" s="74"/>
      <c r="L1170" s="55"/>
      <c r="M1170" s="234"/>
      <c r="N1170" s="65"/>
      <c r="O1170" s="76"/>
      <c r="P1170" s="76"/>
      <c r="Q1170" s="65"/>
      <c r="R1170" s="76"/>
      <c r="S1170" s="76"/>
      <c r="T1170" s="76"/>
      <c r="U1170" s="76"/>
      <c r="V1170" s="76"/>
      <c r="W1170" s="76"/>
      <c r="X1170" s="76"/>
      <c r="Y1170" s="76"/>
      <c r="Z1170" s="76"/>
      <c r="AA1170" s="85"/>
      <c r="AB1170" s="85"/>
      <c r="AC1170" s="85"/>
      <c r="AD1170" s="85"/>
      <c r="AE1170" s="85"/>
      <c r="AF1170" s="85"/>
      <c r="AG1170" s="86"/>
      <c r="AH1170" s="85"/>
      <c r="AI1170" s="85"/>
      <c r="AJ1170" s="85"/>
      <c r="AK1170" s="85"/>
      <c r="AL1170" s="85"/>
      <c r="AM1170" s="92"/>
      <c r="AN1170" s="92"/>
      <c r="AO1170" s="92"/>
      <c r="AP1170" s="92"/>
      <c r="AQ1170" s="92"/>
      <c r="AR1170" s="92"/>
      <c r="AS1170" s="92"/>
      <c r="AT1170" s="92"/>
      <c r="AU1170" s="92"/>
      <c r="AV1170" s="92"/>
      <c r="AW1170" s="92"/>
      <c r="AX1170" s="92"/>
      <c r="AY1170" s="92"/>
      <c r="AZ1170" s="93"/>
      <c r="BA1170" s="93"/>
      <c r="BB1170" s="93"/>
      <c r="BC1170" s="93"/>
      <c r="BD1170" s="93"/>
      <c r="BE1170" s="93"/>
      <c r="BF1170" s="93"/>
      <c r="BG1170" s="93"/>
      <c r="BH1170" s="93"/>
      <c r="BI1170" s="93"/>
      <c r="BJ1170" s="93"/>
      <c r="BK1170" s="93"/>
      <c r="BL1170" s="93"/>
    </row>
    <row r="1171" spans="2:64" x14ac:dyDescent="0.2">
      <c r="B1171" s="43"/>
      <c r="C1171" s="73"/>
      <c r="D1171" s="64"/>
      <c r="E1171" s="55"/>
      <c r="F1171" s="74"/>
      <c r="G1171" s="74"/>
      <c r="H1171" s="74"/>
      <c r="I1171" s="75"/>
      <c r="J1171" s="74"/>
      <c r="L1171" s="55"/>
      <c r="M1171" s="234"/>
      <c r="N1171" s="65"/>
      <c r="O1171" s="76"/>
      <c r="P1171" s="76"/>
      <c r="Q1171" s="65"/>
      <c r="R1171" s="76"/>
      <c r="S1171" s="76"/>
      <c r="T1171" s="76"/>
      <c r="U1171" s="76"/>
      <c r="V1171" s="76"/>
      <c r="W1171" s="76"/>
      <c r="X1171" s="76"/>
      <c r="Y1171" s="76"/>
      <c r="Z1171" s="76"/>
      <c r="AA1171" s="85"/>
      <c r="AB1171" s="85"/>
      <c r="AC1171" s="85"/>
      <c r="AD1171" s="85"/>
      <c r="AE1171" s="85"/>
      <c r="AF1171" s="85"/>
      <c r="AG1171" s="86"/>
      <c r="AH1171" s="85"/>
      <c r="AI1171" s="85"/>
      <c r="AJ1171" s="85"/>
      <c r="AK1171" s="85"/>
      <c r="AL1171" s="85"/>
      <c r="AM1171" s="92"/>
      <c r="AN1171" s="92"/>
      <c r="AO1171" s="92"/>
      <c r="AP1171" s="92"/>
      <c r="AQ1171" s="92"/>
      <c r="AR1171" s="92"/>
      <c r="AS1171" s="92"/>
      <c r="AT1171" s="92"/>
      <c r="AU1171" s="92"/>
      <c r="AV1171" s="92"/>
      <c r="AW1171" s="92"/>
      <c r="AX1171" s="92"/>
      <c r="AY1171" s="92"/>
      <c r="AZ1171" s="93"/>
      <c r="BA1171" s="93"/>
      <c r="BB1171" s="93"/>
      <c r="BC1171" s="93"/>
      <c r="BD1171" s="93"/>
      <c r="BE1171" s="93"/>
      <c r="BF1171" s="93"/>
      <c r="BG1171" s="93"/>
      <c r="BH1171" s="93"/>
      <c r="BI1171" s="93"/>
      <c r="BJ1171" s="93"/>
      <c r="BK1171" s="93"/>
      <c r="BL1171" s="93"/>
    </row>
    <row r="1172" spans="2:64" x14ac:dyDescent="0.2">
      <c r="B1172" s="43"/>
      <c r="C1172" s="73"/>
      <c r="D1172" s="64"/>
      <c r="E1172" s="55"/>
      <c r="F1172" s="74"/>
      <c r="G1172" s="74"/>
      <c r="H1172" s="74"/>
      <c r="I1172" s="75"/>
      <c r="J1172" s="74"/>
      <c r="L1172" s="55"/>
      <c r="M1172" s="234"/>
      <c r="N1172" s="65"/>
      <c r="O1172" s="76"/>
      <c r="P1172" s="76"/>
      <c r="Q1172" s="65"/>
      <c r="R1172" s="76"/>
      <c r="S1172" s="76"/>
      <c r="T1172" s="76"/>
      <c r="U1172" s="76"/>
      <c r="V1172" s="76"/>
      <c r="W1172" s="76"/>
      <c r="X1172" s="76"/>
      <c r="Y1172" s="76"/>
      <c r="Z1172" s="76"/>
      <c r="AA1172" s="85"/>
      <c r="AB1172" s="85"/>
      <c r="AC1172" s="85"/>
      <c r="AD1172" s="85"/>
      <c r="AE1172" s="85"/>
      <c r="AF1172" s="85"/>
      <c r="AG1172" s="86"/>
      <c r="AH1172" s="85"/>
      <c r="AI1172" s="85"/>
      <c r="AJ1172" s="85"/>
      <c r="AK1172" s="85"/>
      <c r="AL1172" s="85"/>
      <c r="AM1172" s="92"/>
      <c r="AN1172" s="92"/>
      <c r="AO1172" s="92"/>
      <c r="AP1172" s="92"/>
      <c r="AQ1172" s="92"/>
      <c r="AR1172" s="92"/>
      <c r="AS1172" s="92"/>
      <c r="AT1172" s="92"/>
      <c r="AU1172" s="92"/>
      <c r="AV1172" s="92"/>
      <c r="AW1172" s="92"/>
      <c r="AX1172" s="92"/>
      <c r="AY1172" s="92"/>
      <c r="AZ1172" s="93"/>
      <c r="BA1172" s="93"/>
      <c r="BB1172" s="93"/>
      <c r="BC1172" s="93"/>
      <c r="BD1172" s="93"/>
      <c r="BE1172" s="93"/>
      <c r="BF1172" s="93"/>
      <c r="BG1172" s="93"/>
      <c r="BH1172" s="93"/>
      <c r="BI1172" s="93"/>
      <c r="BJ1172" s="93"/>
      <c r="BK1172" s="93"/>
      <c r="BL1172" s="93"/>
    </row>
    <row r="1173" spans="2:64" x14ac:dyDescent="0.2">
      <c r="B1173" s="43"/>
      <c r="C1173" s="73"/>
      <c r="D1173" s="64"/>
      <c r="E1173" s="55"/>
      <c r="F1173" s="74"/>
      <c r="G1173" s="74"/>
      <c r="H1173" s="74"/>
      <c r="I1173" s="75"/>
      <c r="J1173" s="74"/>
      <c r="L1173" s="55"/>
      <c r="M1173" s="234"/>
      <c r="N1173" s="65"/>
      <c r="O1173" s="76"/>
      <c r="P1173" s="76"/>
      <c r="Q1173" s="65"/>
      <c r="R1173" s="76"/>
      <c r="S1173" s="76"/>
      <c r="T1173" s="76"/>
      <c r="U1173" s="76"/>
      <c r="V1173" s="76"/>
      <c r="W1173" s="76"/>
      <c r="X1173" s="76"/>
      <c r="Y1173" s="76"/>
      <c r="Z1173" s="76"/>
      <c r="AA1173" s="85"/>
      <c r="AB1173" s="85"/>
      <c r="AC1173" s="85"/>
      <c r="AD1173" s="85"/>
      <c r="AE1173" s="85"/>
      <c r="AF1173" s="85"/>
      <c r="AG1173" s="86"/>
      <c r="AH1173" s="85"/>
      <c r="AI1173" s="85"/>
      <c r="AJ1173" s="85"/>
      <c r="AK1173" s="85"/>
      <c r="AL1173" s="85"/>
      <c r="AM1173" s="92"/>
      <c r="AN1173" s="92"/>
      <c r="AO1173" s="92"/>
      <c r="AP1173" s="92"/>
      <c r="AQ1173" s="92"/>
      <c r="AR1173" s="92"/>
      <c r="AS1173" s="92"/>
      <c r="AT1173" s="92"/>
      <c r="AU1173" s="92"/>
      <c r="AV1173" s="92"/>
      <c r="AW1173" s="92"/>
      <c r="AX1173" s="92"/>
      <c r="AY1173" s="92"/>
      <c r="AZ1173" s="93"/>
      <c r="BA1173" s="93"/>
      <c r="BB1173" s="93"/>
      <c r="BC1173" s="93"/>
      <c r="BD1173" s="93"/>
      <c r="BE1173" s="93"/>
      <c r="BF1173" s="93"/>
      <c r="BG1173" s="93"/>
      <c r="BH1173" s="93"/>
      <c r="BI1173" s="93"/>
      <c r="BJ1173" s="93"/>
      <c r="BK1173" s="93"/>
      <c r="BL1173" s="93"/>
    </row>
    <row r="1174" spans="2:64" x14ac:dyDescent="0.2">
      <c r="B1174" s="43"/>
      <c r="C1174" s="73"/>
      <c r="D1174" s="64"/>
      <c r="E1174" s="55"/>
      <c r="F1174" s="74"/>
      <c r="G1174" s="74"/>
      <c r="H1174" s="74"/>
      <c r="I1174" s="75"/>
      <c r="J1174" s="74"/>
      <c r="L1174" s="55"/>
      <c r="M1174" s="234"/>
      <c r="N1174" s="65"/>
      <c r="O1174" s="76"/>
      <c r="P1174" s="76"/>
      <c r="Q1174" s="65"/>
      <c r="R1174" s="76"/>
      <c r="S1174" s="76"/>
      <c r="T1174" s="76"/>
      <c r="U1174" s="76"/>
      <c r="V1174" s="76"/>
      <c r="W1174" s="76"/>
      <c r="X1174" s="76"/>
      <c r="Y1174" s="76"/>
      <c r="Z1174" s="76"/>
      <c r="AA1174" s="85"/>
      <c r="AB1174" s="85"/>
      <c r="AC1174" s="85"/>
      <c r="AD1174" s="85"/>
      <c r="AE1174" s="85"/>
      <c r="AF1174" s="85"/>
      <c r="AG1174" s="86"/>
      <c r="AH1174" s="85"/>
      <c r="AI1174" s="85"/>
      <c r="AJ1174" s="85"/>
      <c r="AK1174" s="85"/>
      <c r="AL1174" s="85"/>
      <c r="AM1174" s="92"/>
      <c r="AN1174" s="92"/>
      <c r="AO1174" s="92"/>
      <c r="AP1174" s="92"/>
      <c r="AQ1174" s="92"/>
      <c r="AR1174" s="92"/>
      <c r="AS1174" s="92"/>
      <c r="AT1174" s="92"/>
      <c r="AU1174" s="92"/>
      <c r="AV1174" s="92"/>
      <c r="AW1174" s="92"/>
      <c r="AX1174" s="92"/>
      <c r="AY1174" s="92"/>
      <c r="AZ1174" s="93"/>
      <c r="BA1174" s="93"/>
      <c r="BB1174" s="93"/>
      <c r="BC1174" s="93"/>
      <c r="BD1174" s="93"/>
      <c r="BE1174" s="93"/>
      <c r="BF1174" s="93"/>
      <c r="BG1174" s="93"/>
      <c r="BH1174" s="93"/>
      <c r="BI1174" s="93"/>
      <c r="BJ1174" s="93"/>
      <c r="BK1174" s="93"/>
      <c r="BL1174" s="93"/>
    </row>
    <row r="1175" spans="2:64" x14ac:dyDescent="0.2">
      <c r="B1175" s="43"/>
      <c r="C1175" s="73"/>
      <c r="D1175" s="64"/>
      <c r="E1175" s="55"/>
      <c r="F1175" s="74"/>
      <c r="G1175" s="74"/>
      <c r="H1175" s="74"/>
      <c r="I1175" s="75"/>
      <c r="J1175" s="74"/>
      <c r="L1175" s="55"/>
      <c r="M1175" s="234"/>
      <c r="N1175" s="65"/>
      <c r="O1175" s="76"/>
      <c r="P1175" s="76"/>
      <c r="Q1175" s="65"/>
      <c r="R1175" s="76"/>
      <c r="S1175" s="76"/>
      <c r="T1175" s="76"/>
      <c r="U1175" s="76"/>
      <c r="V1175" s="76"/>
      <c r="W1175" s="76"/>
      <c r="X1175" s="76"/>
      <c r="Y1175" s="76"/>
      <c r="Z1175" s="76"/>
      <c r="AA1175" s="85"/>
      <c r="AB1175" s="85"/>
      <c r="AC1175" s="85"/>
      <c r="AD1175" s="85"/>
      <c r="AE1175" s="85"/>
      <c r="AF1175" s="85"/>
      <c r="AG1175" s="86"/>
      <c r="AH1175" s="85"/>
      <c r="AI1175" s="85"/>
      <c r="AJ1175" s="85"/>
      <c r="AK1175" s="85"/>
      <c r="AL1175" s="85"/>
      <c r="AM1175" s="92"/>
      <c r="AN1175" s="92"/>
      <c r="AO1175" s="92"/>
      <c r="AP1175" s="92"/>
      <c r="AQ1175" s="92"/>
      <c r="AR1175" s="92"/>
      <c r="AS1175" s="92"/>
      <c r="AT1175" s="92"/>
      <c r="AU1175" s="92"/>
      <c r="AV1175" s="92"/>
      <c r="AW1175" s="92"/>
      <c r="AX1175" s="92"/>
      <c r="AY1175" s="92"/>
      <c r="AZ1175" s="93"/>
      <c r="BA1175" s="93"/>
      <c r="BB1175" s="93"/>
      <c r="BC1175" s="93"/>
      <c r="BD1175" s="93"/>
      <c r="BE1175" s="93"/>
      <c r="BF1175" s="93"/>
      <c r="BG1175" s="93"/>
      <c r="BH1175" s="93"/>
      <c r="BI1175" s="93"/>
      <c r="BJ1175" s="93"/>
      <c r="BK1175" s="93"/>
      <c r="BL1175" s="93"/>
    </row>
    <row r="1176" spans="2:64" x14ac:dyDescent="0.2">
      <c r="B1176" s="43"/>
      <c r="C1176" s="73"/>
      <c r="D1176" s="64"/>
      <c r="E1176" s="55"/>
      <c r="F1176" s="74"/>
      <c r="G1176" s="74"/>
      <c r="H1176" s="74"/>
      <c r="I1176" s="75"/>
      <c r="J1176" s="74"/>
      <c r="L1176" s="55"/>
      <c r="M1176" s="234"/>
      <c r="N1176" s="65"/>
      <c r="O1176" s="76"/>
      <c r="P1176" s="76"/>
      <c r="Q1176" s="65"/>
      <c r="R1176" s="76"/>
      <c r="S1176" s="76"/>
      <c r="T1176" s="76"/>
      <c r="U1176" s="76"/>
      <c r="V1176" s="76"/>
      <c r="W1176" s="76"/>
      <c r="X1176" s="76"/>
      <c r="Y1176" s="76"/>
      <c r="Z1176" s="76"/>
      <c r="AA1176" s="85"/>
      <c r="AB1176" s="85"/>
      <c r="AC1176" s="85"/>
      <c r="AD1176" s="85"/>
      <c r="AE1176" s="85"/>
      <c r="AF1176" s="85"/>
      <c r="AG1176" s="86"/>
      <c r="AH1176" s="85"/>
      <c r="AI1176" s="85"/>
      <c r="AJ1176" s="85"/>
      <c r="AK1176" s="85"/>
      <c r="AL1176" s="85"/>
      <c r="AM1176" s="92"/>
      <c r="AN1176" s="92"/>
      <c r="AO1176" s="92"/>
      <c r="AP1176" s="92"/>
      <c r="AQ1176" s="92"/>
      <c r="AR1176" s="92"/>
      <c r="AS1176" s="92"/>
      <c r="AT1176" s="92"/>
      <c r="AU1176" s="92"/>
      <c r="AV1176" s="92"/>
      <c r="AW1176" s="92"/>
      <c r="AX1176" s="92"/>
      <c r="AY1176" s="92"/>
      <c r="AZ1176" s="93"/>
      <c r="BA1176" s="93"/>
      <c r="BB1176" s="93"/>
      <c r="BC1176" s="93"/>
      <c r="BD1176" s="93"/>
      <c r="BE1176" s="93"/>
      <c r="BF1176" s="93"/>
      <c r="BG1176" s="93"/>
      <c r="BH1176" s="93"/>
      <c r="BI1176" s="93"/>
      <c r="BJ1176" s="93"/>
      <c r="BK1176" s="93"/>
      <c r="BL1176" s="93"/>
    </row>
    <row r="1177" spans="2:64" x14ac:dyDescent="0.2">
      <c r="B1177" s="43"/>
      <c r="C1177" s="73"/>
      <c r="D1177" s="64"/>
      <c r="E1177" s="55"/>
      <c r="F1177" s="74"/>
      <c r="G1177" s="74"/>
      <c r="H1177" s="74"/>
      <c r="I1177" s="75"/>
      <c r="J1177" s="74"/>
      <c r="L1177" s="55"/>
      <c r="M1177" s="234"/>
      <c r="N1177" s="65"/>
      <c r="O1177" s="76"/>
      <c r="P1177" s="76"/>
      <c r="Q1177" s="65"/>
      <c r="R1177" s="76"/>
      <c r="S1177" s="76"/>
      <c r="T1177" s="76"/>
      <c r="U1177" s="76"/>
      <c r="V1177" s="76"/>
      <c r="W1177" s="76"/>
      <c r="X1177" s="76"/>
      <c r="Y1177" s="76"/>
      <c r="Z1177" s="76"/>
      <c r="AA1177" s="85"/>
      <c r="AB1177" s="85"/>
      <c r="AC1177" s="85"/>
      <c r="AD1177" s="85"/>
      <c r="AE1177" s="85"/>
      <c r="AF1177" s="85"/>
      <c r="AG1177" s="86"/>
      <c r="AH1177" s="85"/>
      <c r="AI1177" s="85"/>
      <c r="AJ1177" s="85"/>
      <c r="AK1177" s="85"/>
      <c r="AL1177" s="85"/>
      <c r="AM1177" s="92"/>
      <c r="AN1177" s="92"/>
      <c r="AO1177" s="92"/>
      <c r="AP1177" s="92"/>
      <c r="AQ1177" s="92"/>
      <c r="AR1177" s="92"/>
      <c r="AS1177" s="92"/>
      <c r="AT1177" s="92"/>
      <c r="AU1177" s="92"/>
      <c r="AV1177" s="92"/>
      <c r="AW1177" s="92"/>
      <c r="AX1177" s="92"/>
      <c r="AY1177" s="92"/>
      <c r="AZ1177" s="93"/>
      <c r="BA1177" s="93"/>
      <c r="BB1177" s="93"/>
      <c r="BC1177" s="93"/>
      <c r="BD1177" s="93"/>
      <c r="BE1177" s="93"/>
      <c r="BF1177" s="93"/>
      <c r="BG1177" s="93"/>
      <c r="BH1177" s="93"/>
      <c r="BI1177" s="93"/>
      <c r="BJ1177" s="93"/>
      <c r="BK1177" s="93"/>
      <c r="BL1177" s="93"/>
    </row>
    <row r="1178" spans="2:64" x14ac:dyDescent="0.2">
      <c r="B1178" s="43"/>
      <c r="C1178" s="73"/>
      <c r="D1178" s="64"/>
      <c r="E1178" s="55"/>
      <c r="F1178" s="74"/>
      <c r="G1178" s="74"/>
      <c r="H1178" s="74"/>
      <c r="I1178" s="75"/>
      <c r="J1178" s="74"/>
      <c r="L1178" s="55"/>
      <c r="M1178" s="234"/>
      <c r="N1178" s="65"/>
      <c r="O1178" s="76"/>
      <c r="P1178" s="76"/>
      <c r="Q1178" s="65"/>
      <c r="R1178" s="76"/>
      <c r="S1178" s="76"/>
      <c r="T1178" s="76"/>
      <c r="U1178" s="76"/>
      <c r="V1178" s="76"/>
      <c r="W1178" s="76"/>
      <c r="X1178" s="76"/>
      <c r="Y1178" s="76"/>
      <c r="Z1178" s="76"/>
      <c r="AA1178" s="85"/>
      <c r="AB1178" s="85"/>
      <c r="AC1178" s="85"/>
      <c r="AD1178" s="85"/>
      <c r="AE1178" s="85"/>
      <c r="AF1178" s="85"/>
      <c r="AG1178" s="86"/>
      <c r="AH1178" s="85"/>
      <c r="AI1178" s="85"/>
      <c r="AJ1178" s="85"/>
      <c r="AK1178" s="85"/>
      <c r="AL1178" s="85"/>
      <c r="AM1178" s="92"/>
      <c r="AN1178" s="92"/>
      <c r="AO1178" s="92"/>
      <c r="AP1178" s="92"/>
      <c r="AQ1178" s="92"/>
      <c r="AR1178" s="92"/>
      <c r="AS1178" s="92"/>
      <c r="AT1178" s="92"/>
      <c r="AU1178" s="92"/>
      <c r="AV1178" s="92"/>
      <c r="AW1178" s="92"/>
      <c r="AX1178" s="92"/>
      <c r="AY1178" s="92"/>
      <c r="AZ1178" s="93"/>
      <c r="BA1178" s="93"/>
      <c r="BB1178" s="93"/>
      <c r="BC1178" s="93"/>
      <c r="BD1178" s="93"/>
      <c r="BE1178" s="93"/>
      <c r="BF1178" s="93"/>
      <c r="BG1178" s="93"/>
      <c r="BH1178" s="93"/>
      <c r="BI1178" s="93"/>
      <c r="BJ1178" s="93"/>
      <c r="BK1178" s="93"/>
      <c r="BL1178" s="93"/>
    </row>
    <row r="1179" spans="2:64" x14ac:dyDescent="0.2">
      <c r="B1179" s="43"/>
      <c r="C1179" s="73"/>
      <c r="D1179" s="64"/>
      <c r="E1179" s="55"/>
      <c r="F1179" s="74"/>
      <c r="G1179" s="74"/>
      <c r="H1179" s="74"/>
      <c r="I1179" s="75"/>
      <c r="J1179" s="74"/>
      <c r="L1179" s="55"/>
      <c r="M1179" s="234"/>
      <c r="N1179" s="65"/>
      <c r="O1179" s="76"/>
      <c r="P1179" s="76"/>
      <c r="Q1179" s="65"/>
      <c r="R1179" s="76"/>
      <c r="S1179" s="76"/>
      <c r="T1179" s="76"/>
      <c r="U1179" s="76"/>
      <c r="V1179" s="76"/>
      <c r="W1179" s="76"/>
      <c r="X1179" s="76"/>
      <c r="Y1179" s="76"/>
      <c r="Z1179" s="76"/>
      <c r="AA1179" s="85"/>
      <c r="AB1179" s="85"/>
      <c r="AC1179" s="85"/>
      <c r="AD1179" s="85"/>
      <c r="AE1179" s="85"/>
      <c r="AF1179" s="85"/>
      <c r="AG1179" s="86"/>
      <c r="AH1179" s="85"/>
      <c r="AI1179" s="85"/>
      <c r="AJ1179" s="85"/>
      <c r="AK1179" s="85"/>
      <c r="AL1179" s="85"/>
      <c r="AM1179" s="92"/>
      <c r="AN1179" s="92"/>
      <c r="AO1179" s="92"/>
      <c r="AP1179" s="92"/>
      <c r="AQ1179" s="92"/>
      <c r="AR1179" s="92"/>
      <c r="AS1179" s="92"/>
      <c r="AT1179" s="92"/>
      <c r="AU1179" s="92"/>
      <c r="AV1179" s="92"/>
      <c r="AW1179" s="92"/>
      <c r="AX1179" s="92"/>
      <c r="AY1179" s="92"/>
      <c r="AZ1179" s="93"/>
      <c r="BA1179" s="93"/>
      <c r="BB1179" s="93"/>
      <c r="BC1179" s="93"/>
      <c r="BD1179" s="93"/>
      <c r="BE1179" s="93"/>
      <c r="BF1179" s="93"/>
      <c r="BG1179" s="93"/>
      <c r="BH1179" s="93"/>
      <c r="BI1179" s="93"/>
      <c r="BJ1179" s="93"/>
      <c r="BK1179" s="93"/>
      <c r="BL1179" s="93"/>
    </row>
    <row r="1180" spans="2:64" x14ac:dyDescent="0.2">
      <c r="B1180" s="43"/>
      <c r="C1180" s="73"/>
      <c r="D1180" s="64"/>
      <c r="E1180" s="55"/>
      <c r="F1180" s="74"/>
      <c r="G1180" s="74"/>
      <c r="H1180" s="74"/>
      <c r="I1180" s="75"/>
      <c r="J1180" s="74"/>
      <c r="L1180" s="55"/>
      <c r="M1180" s="234"/>
      <c r="N1180" s="65"/>
      <c r="O1180" s="76"/>
      <c r="P1180" s="76"/>
      <c r="Q1180" s="65"/>
      <c r="R1180" s="76"/>
      <c r="S1180" s="76"/>
      <c r="T1180" s="76"/>
      <c r="U1180" s="76"/>
      <c r="V1180" s="76"/>
      <c r="W1180" s="76"/>
      <c r="X1180" s="76"/>
      <c r="Y1180" s="76"/>
      <c r="Z1180" s="76"/>
      <c r="AA1180" s="85"/>
      <c r="AB1180" s="85"/>
      <c r="AC1180" s="85"/>
      <c r="AD1180" s="85"/>
      <c r="AE1180" s="85"/>
      <c r="AF1180" s="85"/>
      <c r="AG1180" s="86"/>
      <c r="AH1180" s="85"/>
      <c r="AI1180" s="85"/>
      <c r="AJ1180" s="85"/>
      <c r="AK1180" s="85"/>
      <c r="AL1180" s="85"/>
      <c r="AM1180" s="92"/>
      <c r="AN1180" s="92"/>
      <c r="AO1180" s="92"/>
      <c r="AP1180" s="92"/>
      <c r="AQ1180" s="92"/>
      <c r="AR1180" s="92"/>
      <c r="AS1180" s="92"/>
      <c r="AT1180" s="92"/>
      <c r="AU1180" s="92"/>
      <c r="AV1180" s="92"/>
      <c r="AW1180" s="92"/>
      <c r="AX1180" s="92"/>
      <c r="AY1180" s="92"/>
      <c r="AZ1180" s="93"/>
      <c r="BA1180" s="93"/>
      <c r="BB1180" s="93"/>
      <c r="BC1180" s="93"/>
      <c r="BD1180" s="93"/>
      <c r="BE1180" s="93"/>
      <c r="BF1180" s="93"/>
      <c r="BG1180" s="93"/>
      <c r="BH1180" s="93"/>
      <c r="BI1180" s="93"/>
      <c r="BJ1180" s="93"/>
      <c r="BK1180" s="93"/>
      <c r="BL1180" s="93"/>
    </row>
    <row r="1181" spans="2:64" x14ac:dyDescent="0.2">
      <c r="B1181" s="43"/>
      <c r="C1181" s="73"/>
      <c r="D1181" s="64"/>
      <c r="E1181" s="55"/>
      <c r="F1181" s="74"/>
      <c r="G1181" s="74"/>
      <c r="H1181" s="74"/>
      <c r="I1181" s="75"/>
      <c r="J1181" s="74"/>
      <c r="L1181" s="55"/>
      <c r="M1181" s="234"/>
      <c r="N1181" s="65"/>
      <c r="O1181" s="76"/>
      <c r="P1181" s="76"/>
      <c r="Q1181" s="65"/>
      <c r="R1181" s="76"/>
      <c r="S1181" s="76"/>
      <c r="T1181" s="76"/>
      <c r="U1181" s="76"/>
      <c r="V1181" s="76"/>
      <c r="W1181" s="76"/>
      <c r="X1181" s="76"/>
      <c r="Y1181" s="76"/>
      <c r="Z1181" s="76"/>
      <c r="AA1181" s="85"/>
      <c r="AB1181" s="85"/>
      <c r="AC1181" s="85"/>
      <c r="AD1181" s="85"/>
      <c r="AE1181" s="85"/>
      <c r="AF1181" s="85"/>
      <c r="AG1181" s="86"/>
      <c r="AH1181" s="85"/>
      <c r="AI1181" s="85"/>
      <c r="AJ1181" s="85"/>
      <c r="AK1181" s="85"/>
      <c r="AL1181" s="85"/>
      <c r="AM1181" s="92"/>
      <c r="AN1181" s="92"/>
      <c r="AO1181" s="92"/>
      <c r="AP1181" s="92"/>
      <c r="AQ1181" s="92"/>
      <c r="AR1181" s="92"/>
      <c r="AS1181" s="92"/>
      <c r="AT1181" s="92"/>
      <c r="AU1181" s="92"/>
      <c r="AV1181" s="92"/>
      <c r="AW1181" s="92"/>
      <c r="AX1181" s="92"/>
      <c r="AY1181" s="92"/>
      <c r="AZ1181" s="93"/>
      <c r="BA1181" s="93"/>
      <c r="BB1181" s="93"/>
      <c r="BC1181" s="93"/>
      <c r="BD1181" s="93"/>
      <c r="BE1181" s="93"/>
      <c r="BF1181" s="93"/>
      <c r="BG1181" s="93"/>
      <c r="BH1181" s="93"/>
      <c r="BI1181" s="93"/>
      <c r="BJ1181" s="93"/>
      <c r="BK1181" s="93"/>
      <c r="BL1181" s="93"/>
    </row>
    <row r="1182" spans="2:64" x14ac:dyDescent="0.2">
      <c r="B1182" s="43"/>
      <c r="C1182" s="73"/>
      <c r="D1182" s="64"/>
      <c r="E1182" s="55"/>
      <c r="F1182" s="74"/>
      <c r="G1182" s="74"/>
      <c r="H1182" s="74"/>
      <c r="I1182" s="75"/>
      <c r="J1182" s="74"/>
      <c r="L1182" s="55"/>
      <c r="M1182" s="234"/>
      <c r="N1182" s="65"/>
      <c r="O1182" s="76"/>
      <c r="P1182" s="76"/>
      <c r="Q1182" s="65"/>
      <c r="R1182" s="76"/>
      <c r="S1182" s="76"/>
      <c r="T1182" s="76"/>
      <c r="U1182" s="76"/>
      <c r="V1182" s="76"/>
      <c r="W1182" s="76"/>
      <c r="X1182" s="76"/>
      <c r="Y1182" s="76"/>
      <c r="Z1182" s="76"/>
      <c r="AA1182" s="85"/>
      <c r="AB1182" s="85"/>
      <c r="AC1182" s="85"/>
      <c r="AD1182" s="85"/>
      <c r="AE1182" s="85"/>
      <c r="AF1182" s="85"/>
      <c r="AG1182" s="86"/>
      <c r="AH1182" s="85"/>
      <c r="AI1182" s="85"/>
      <c r="AJ1182" s="85"/>
      <c r="AK1182" s="85"/>
      <c r="AL1182" s="85"/>
      <c r="AM1182" s="92"/>
      <c r="AN1182" s="92"/>
      <c r="AO1182" s="92"/>
      <c r="AP1182" s="92"/>
      <c r="AQ1182" s="92"/>
      <c r="AR1182" s="92"/>
      <c r="AS1182" s="92"/>
      <c r="AT1182" s="92"/>
      <c r="AU1182" s="92"/>
      <c r="AV1182" s="92"/>
      <c r="AW1182" s="92"/>
      <c r="AX1182" s="92"/>
      <c r="AY1182" s="92"/>
      <c r="AZ1182" s="93"/>
      <c r="BA1182" s="93"/>
      <c r="BB1182" s="93"/>
      <c r="BC1182" s="93"/>
      <c r="BD1182" s="93"/>
      <c r="BE1182" s="93"/>
      <c r="BF1182" s="93"/>
      <c r="BG1182" s="93"/>
      <c r="BH1182" s="93"/>
      <c r="BI1182" s="93"/>
      <c r="BJ1182" s="93"/>
      <c r="BK1182" s="93"/>
      <c r="BL1182" s="93"/>
    </row>
    <row r="1183" spans="2:64" x14ac:dyDescent="0.2">
      <c r="B1183" s="43"/>
      <c r="C1183" s="73"/>
      <c r="D1183" s="64"/>
      <c r="E1183" s="55"/>
      <c r="F1183" s="74"/>
      <c r="G1183" s="74"/>
      <c r="H1183" s="74"/>
      <c r="I1183" s="75"/>
      <c r="J1183" s="74"/>
      <c r="L1183" s="55"/>
      <c r="M1183" s="234"/>
      <c r="N1183" s="65"/>
      <c r="O1183" s="76"/>
      <c r="P1183" s="76"/>
      <c r="Q1183" s="65"/>
      <c r="R1183" s="76"/>
      <c r="S1183" s="76"/>
      <c r="T1183" s="76"/>
      <c r="U1183" s="76"/>
      <c r="V1183" s="76"/>
      <c r="W1183" s="76"/>
      <c r="X1183" s="76"/>
      <c r="Y1183" s="76"/>
      <c r="Z1183" s="76"/>
      <c r="AA1183" s="85"/>
      <c r="AB1183" s="85"/>
      <c r="AC1183" s="85"/>
      <c r="AD1183" s="85"/>
      <c r="AE1183" s="85"/>
      <c r="AF1183" s="85"/>
      <c r="AG1183" s="86"/>
      <c r="AH1183" s="85"/>
      <c r="AI1183" s="85"/>
      <c r="AJ1183" s="85"/>
      <c r="AK1183" s="85"/>
      <c r="AL1183" s="85"/>
      <c r="AM1183" s="92"/>
      <c r="AN1183" s="92"/>
      <c r="AO1183" s="92"/>
      <c r="AP1183" s="92"/>
      <c r="AQ1183" s="92"/>
      <c r="AR1183" s="92"/>
      <c r="AS1183" s="92"/>
      <c r="AT1183" s="92"/>
      <c r="AU1183" s="92"/>
      <c r="AV1183" s="92"/>
      <c r="AW1183" s="92"/>
      <c r="AX1183" s="92"/>
      <c r="AY1183" s="92"/>
      <c r="AZ1183" s="93"/>
      <c r="BA1183" s="93"/>
      <c r="BB1183" s="93"/>
      <c r="BC1183" s="93"/>
      <c r="BD1183" s="93"/>
      <c r="BE1183" s="93"/>
      <c r="BF1183" s="93"/>
      <c r="BG1183" s="93"/>
      <c r="BH1183" s="93"/>
      <c r="BI1183" s="93"/>
      <c r="BJ1183" s="93"/>
      <c r="BK1183" s="93"/>
      <c r="BL1183" s="93"/>
    </row>
    <row r="1184" spans="2:64" x14ac:dyDescent="0.2">
      <c r="B1184" s="43"/>
      <c r="C1184" s="73"/>
      <c r="D1184" s="64"/>
      <c r="E1184" s="55"/>
      <c r="F1184" s="74"/>
      <c r="G1184" s="74"/>
      <c r="H1184" s="74"/>
      <c r="I1184" s="75"/>
      <c r="J1184" s="74"/>
      <c r="L1184" s="55"/>
      <c r="M1184" s="234"/>
      <c r="N1184" s="65"/>
      <c r="O1184" s="76"/>
      <c r="P1184" s="76"/>
      <c r="Q1184" s="65"/>
      <c r="R1184" s="76"/>
      <c r="S1184" s="76"/>
      <c r="T1184" s="76"/>
      <c r="U1184" s="76"/>
      <c r="V1184" s="76"/>
      <c r="W1184" s="76"/>
      <c r="X1184" s="76"/>
      <c r="Y1184" s="76"/>
      <c r="Z1184" s="76"/>
      <c r="AA1184" s="85"/>
      <c r="AB1184" s="85"/>
      <c r="AC1184" s="85"/>
      <c r="AD1184" s="85"/>
      <c r="AE1184" s="85"/>
      <c r="AF1184" s="85"/>
      <c r="AG1184" s="86"/>
      <c r="AH1184" s="85"/>
      <c r="AI1184" s="85"/>
      <c r="AJ1184" s="85"/>
      <c r="AK1184" s="85"/>
      <c r="AL1184" s="85"/>
      <c r="AM1184" s="92"/>
      <c r="AN1184" s="92"/>
      <c r="AO1184" s="92"/>
      <c r="AP1184" s="92"/>
      <c r="AQ1184" s="92"/>
      <c r="AR1184" s="92"/>
      <c r="AS1184" s="92"/>
      <c r="AT1184" s="92"/>
      <c r="AU1184" s="92"/>
      <c r="AV1184" s="92"/>
      <c r="AW1184" s="92"/>
      <c r="AX1184" s="92"/>
      <c r="AY1184" s="92"/>
      <c r="AZ1184" s="93"/>
      <c r="BA1184" s="93"/>
      <c r="BB1184" s="93"/>
      <c r="BC1184" s="93"/>
      <c r="BD1184" s="93"/>
      <c r="BE1184" s="93"/>
      <c r="BF1184" s="93"/>
      <c r="BG1184" s="93"/>
      <c r="BH1184" s="93"/>
      <c r="BI1184" s="93"/>
      <c r="BJ1184" s="93"/>
      <c r="BK1184" s="93"/>
      <c r="BL1184" s="93"/>
    </row>
    <row r="1185" spans="2:64" x14ac:dyDescent="0.2">
      <c r="B1185" s="43"/>
      <c r="C1185" s="73"/>
      <c r="D1185" s="64"/>
      <c r="E1185" s="55"/>
      <c r="F1185" s="74"/>
      <c r="G1185" s="74"/>
      <c r="H1185" s="74"/>
      <c r="I1185" s="75"/>
      <c r="J1185" s="74"/>
      <c r="L1185" s="55"/>
      <c r="M1185" s="234"/>
      <c r="N1185" s="65"/>
      <c r="O1185" s="76"/>
      <c r="P1185" s="76"/>
      <c r="Q1185" s="65"/>
      <c r="R1185" s="76"/>
      <c r="S1185" s="76"/>
      <c r="T1185" s="76"/>
      <c r="U1185" s="76"/>
      <c r="V1185" s="76"/>
      <c r="W1185" s="76"/>
      <c r="X1185" s="76"/>
      <c r="Y1185" s="76"/>
      <c r="Z1185" s="76"/>
      <c r="AA1185" s="85"/>
      <c r="AB1185" s="85"/>
      <c r="AC1185" s="85"/>
      <c r="AD1185" s="85"/>
      <c r="AE1185" s="85"/>
      <c r="AF1185" s="85"/>
      <c r="AG1185" s="86"/>
      <c r="AH1185" s="85"/>
      <c r="AI1185" s="85"/>
      <c r="AJ1185" s="85"/>
      <c r="AK1185" s="85"/>
      <c r="AL1185" s="85"/>
      <c r="AM1185" s="92"/>
      <c r="AN1185" s="92"/>
      <c r="AO1185" s="92"/>
      <c r="AP1185" s="92"/>
      <c r="AQ1185" s="92"/>
      <c r="AR1185" s="92"/>
      <c r="AS1185" s="92"/>
      <c r="AT1185" s="92"/>
      <c r="AU1185" s="92"/>
      <c r="AV1185" s="92"/>
      <c r="AW1185" s="92"/>
      <c r="AX1185" s="92"/>
      <c r="AY1185" s="92"/>
      <c r="AZ1185" s="93"/>
      <c r="BA1185" s="93"/>
      <c r="BB1185" s="93"/>
      <c r="BC1185" s="93"/>
      <c r="BD1185" s="93"/>
      <c r="BE1185" s="93"/>
      <c r="BF1185" s="93"/>
      <c r="BG1185" s="93"/>
      <c r="BH1185" s="93"/>
      <c r="BI1185" s="93"/>
      <c r="BJ1185" s="93"/>
      <c r="BK1185" s="93"/>
      <c r="BL1185" s="93"/>
    </row>
    <row r="1186" spans="2:64" x14ac:dyDescent="0.2">
      <c r="B1186" s="43"/>
      <c r="C1186" s="73"/>
      <c r="D1186" s="64"/>
      <c r="E1186" s="55"/>
      <c r="F1186" s="74"/>
      <c r="G1186" s="74"/>
      <c r="H1186" s="74"/>
      <c r="I1186" s="75"/>
      <c r="J1186" s="74"/>
      <c r="L1186" s="55"/>
      <c r="M1186" s="234"/>
      <c r="N1186" s="65"/>
      <c r="O1186" s="76"/>
      <c r="P1186" s="76"/>
      <c r="Q1186" s="65"/>
      <c r="R1186" s="76"/>
      <c r="S1186" s="76"/>
      <c r="T1186" s="76"/>
      <c r="U1186" s="76"/>
      <c r="V1186" s="76"/>
      <c r="W1186" s="76"/>
      <c r="X1186" s="76"/>
      <c r="Y1186" s="76"/>
      <c r="Z1186" s="76"/>
      <c r="AA1186" s="85"/>
      <c r="AB1186" s="85"/>
      <c r="AC1186" s="85"/>
      <c r="AD1186" s="85"/>
      <c r="AE1186" s="85"/>
      <c r="AF1186" s="85"/>
      <c r="AG1186" s="86"/>
      <c r="AH1186" s="85"/>
      <c r="AI1186" s="85"/>
      <c r="AJ1186" s="85"/>
      <c r="AK1186" s="85"/>
      <c r="AL1186" s="85"/>
      <c r="AM1186" s="92"/>
      <c r="AN1186" s="92"/>
      <c r="AO1186" s="92"/>
      <c r="AP1186" s="92"/>
      <c r="AQ1186" s="92"/>
      <c r="AR1186" s="92"/>
      <c r="AS1186" s="92"/>
      <c r="AT1186" s="92"/>
      <c r="AU1186" s="92"/>
      <c r="AV1186" s="92"/>
      <c r="AW1186" s="92"/>
      <c r="AX1186" s="92"/>
      <c r="AY1186" s="92"/>
      <c r="AZ1186" s="93"/>
      <c r="BA1186" s="93"/>
      <c r="BB1186" s="93"/>
      <c r="BC1186" s="93"/>
      <c r="BD1186" s="93"/>
      <c r="BE1186" s="93"/>
      <c r="BF1186" s="93"/>
      <c r="BG1186" s="93"/>
      <c r="BH1186" s="93"/>
      <c r="BI1186" s="93"/>
      <c r="BJ1186" s="93"/>
      <c r="BK1186" s="93"/>
      <c r="BL1186" s="93"/>
    </row>
    <row r="1187" spans="2:64" x14ac:dyDescent="0.2">
      <c r="B1187" s="43"/>
      <c r="C1187" s="73"/>
      <c r="D1187" s="64"/>
      <c r="E1187" s="55"/>
      <c r="F1187" s="74"/>
      <c r="G1187" s="74"/>
      <c r="H1187" s="74"/>
      <c r="I1187" s="75"/>
      <c r="J1187" s="74"/>
      <c r="L1187" s="55"/>
      <c r="M1187" s="234"/>
      <c r="N1187" s="65"/>
      <c r="O1187" s="76"/>
      <c r="P1187" s="76"/>
      <c r="Q1187" s="65"/>
      <c r="R1187" s="76"/>
      <c r="S1187" s="76"/>
      <c r="T1187" s="76"/>
      <c r="U1187" s="76"/>
      <c r="V1187" s="76"/>
      <c r="W1187" s="76"/>
      <c r="X1187" s="76"/>
      <c r="Y1187" s="76"/>
      <c r="Z1187" s="76"/>
      <c r="AA1187" s="85"/>
      <c r="AB1187" s="85"/>
      <c r="AC1187" s="85"/>
      <c r="AD1187" s="85"/>
      <c r="AE1187" s="85"/>
      <c r="AF1187" s="85"/>
      <c r="AG1187" s="86"/>
      <c r="AH1187" s="85"/>
      <c r="AI1187" s="85"/>
      <c r="AJ1187" s="85"/>
      <c r="AK1187" s="85"/>
      <c r="AL1187" s="85"/>
      <c r="AM1187" s="92"/>
      <c r="AN1187" s="92"/>
      <c r="AO1187" s="92"/>
      <c r="AP1187" s="92"/>
      <c r="AQ1187" s="92"/>
      <c r="AR1187" s="92"/>
      <c r="AS1187" s="92"/>
      <c r="AT1187" s="92"/>
      <c r="AU1187" s="92"/>
      <c r="AV1187" s="92"/>
      <c r="AW1187" s="92"/>
      <c r="AX1187" s="92"/>
      <c r="AY1187" s="92"/>
      <c r="AZ1187" s="93"/>
      <c r="BA1187" s="93"/>
      <c r="BB1187" s="93"/>
      <c r="BC1187" s="93"/>
      <c r="BD1187" s="93"/>
      <c r="BE1187" s="93"/>
      <c r="BF1187" s="93"/>
      <c r="BG1187" s="93"/>
      <c r="BH1187" s="93"/>
      <c r="BI1187" s="93"/>
      <c r="BJ1187" s="93"/>
      <c r="BK1187" s="93"/>
      <c r="BL1187" s="93"/>
    </row>
    <row r="1188" spans="2:64" x14ac:dyDescent="0.2">
      <c r="B1188" s="43"/>
      <c r="C1188" s="73"/>
      <c r="D1188" s="64"/>
      <c r="E1188" s="55"/>
      <c r="F1188" s="74"/>
      <c r="G1188" s="74"/>
      <c r="H1188" s="74"/>
      <c r="I1188" s="75"/>
      <c r="J1188" s="74"/>
      <c r="L1188" s="55"/>
      <c r="M1188" s="234"/>
      <c r="N1188" s="65"/>
      <c r="O1188" s="76"/>
      <c r="P1188" s="76"/>
      <c r="Q1188" s="65"/>
      <c r="R1188" s="76"/>
      <c r="S1188" s="76"/>
      <c r="T1188" s="76"/>
      <c r="U1188" s="76"/>
      <c r="V1188" s="76"/>
      <c r="W1188" s="76"/>
      <c r="X1188" s="76"/>
      <c r="Y1188" s="76"/>
      <c r="Z1188" s="76"/>
      <c r="AA1188" s="85"/>
      <c r="AB1188" s="85"/>
      <c r="AC1188" s="85"/>
      <c r="AD1188" s="85"/>
      <c r="AE1188" s="85"/>
      <c r="AF1188" s="85"/>
      <c r="AG1188" s="86"/>
      <c r="AH1188" s="85"/>
      <c r="AI1188" s="85"/>
      <c r="AJ1188" s="85"/>
      <c r="AK1188" s="85"/>
      <c r="AL1188" s="85"/>
      <c r="AM1188" s="92"/>
      <c r="AN1188" s="92"/>
      <c r="AO1188" s="92"/>
      <c r="AP1188" s="92"/>
      <c r="AQ1188" s="92"/>
      <c r="AR1188" s="92"/>
      <c r="AS1188" s="92"/>
      <c r="AT1188" s="92"/>
      <c r="AU1188" s="92"/>
      <c r="AV1188" s="92"/>
      <c r="AW1188" s="92"/>
      <c r="AX1188" s="92"/>
      <c r="AY1188" s="92"/>
      <c r="AZ1188" s="93"/>
      <c r="BA1188" s="93"/>
      <c r="BB1188" s="93"/>
      <c r="BC1188" s="93"/>
      <c r="BD1188" s="93"/>
      <c r="BE1188" s="93"/>
      <c r="BF1188" s="93"/>
      <c r="BG1188" s="93"/>
      <c r="BH1188" s="93"/>
      <c r="BI1188" s="93"/>
      <c r="BJ1188" s="93"/>
      <c r="BK1188" s="93"/>
      <c r="BL1188" s="93"/>
    </row>
    <row r="1189" spans="2:64" x14ac:dyDescent="0.2">
      <c r="B1189" s="43"/>
      <c r="C1189" s="73"/>
      <c r="D1189" s="64"/>
      <c r="E1189" s="55"/>
      <c r="F1189" s="74"/>
      <c r="G1189" s="74"/>
      <c r="H1189" s="74"/>
      <c r="I1189" s="75"/>
      <c r="J1189" s="74"/>
      <c r="L1189" s="55"/>
      <c r="M1189" s="234"/>
      <c r="N1189" s="65"/>
      <c r="O1189" s="76"/>
      <c r="P1189" s="76"/>
      <c r="Q1189" s="65"/>
      <c r="R1189" s="76"/>
      <c r="S1189" s="76"/>
      <c r="T1189" s="76"/>
      <c r="U1189" s="76"/>
      <c r="V1189" s="76"/>
      <c r="W1189" s="76"/>
      <c r="X1189" s="76"/>
      <c r="Y1189" s="76"/>
      <c r="Z1189" s="76"/>
      <c r="AA1189" s="85"/>
      <c r="AB1189" s="85"/>
      <c r="AC1189" s="85"/>
      <c r="AD1189" s="85"/>
      <c r="AE1189" s="85"/>
      <c r="AF1189" s="85"/>
      <c r="AG1189" s="86"/>
      <c r="AH1189" s="85"/>
      <c r="AI1189" s="85"/>
      <c r="AJ1189" s="85"/>
      <c r="AK1189" s="85"/>
      <c r="AL1189" s="85"/>
      <c r="AM1189" s="92"/>
      <c r="AN1189" s="92"/>
      <c r="AO1189" s="92"/>
      <c r="AP1189" s="92"/>
      <c r="AQ1189" s="92"/>
      <c r="AR1189" s="92"/>
      <c r="AS1189" s="92"/>
      <c r="AT1189" s="92"/>
      <c r="AU1189" s="92"/>
      <c r="AV1189" s="92"/>
      <c r="AW1189" s="92"/>
      <c r="AX1189" s="92"/>
      <c r="AY1189" s="92"/>
      <c r="AZ1189" s="93"/>
      <c r="BA1189" s="93"/>
      <c r="BB1189" s="93"/>
      <c r="BC1189" s="93"/>
      <c r="BD1189" s="93"/>
      <c r="BE1189" s="93"/>
      <c r="BF1189" s="93"/>
      <c r="BG1189" s="93"/>
      <c r="BH1189" s="93"/>
      <c r="BI1189" s="93"/>
      <c r="BJ1189" s="93"/>
      <c r="BK1189" s="93"/>
      <c r="BL1189" s="93"/>
    </row>
    <row r="1190" spans="2:64" x14ac:dyDescent="0.2">
      <c r="B1190" s="43"/>
      <c r="C1190" s="73"/>
      <c r="D1190" s="64"/>
      <c r="E1190" s="55"/>
      <c r="F1190" s="74"/>
      <c r="G1190" s="74"/>
      <c r="H1190" s="74"/>
      <c r="I1190" s="75"/>
      <c r="J1190" s="74"/>
      <c r="L1190" s="55"/>
      <c r="M1190" s="234"/>
      <c r="N1190" s="65"/>
      <c r="O1190" s="76"/>
      <c r="P1190" s="76"/>
      <c r="Q1190" s="65"/>
      <c r="R1190" s="76"/>
      <c r="S1190" s="76"/>
      <c r="T1190" s="76"/>
      <c r="U1190" s="76"/>
      <c r="V1190" s="76"/>
      <c r="W1190" s="76"/>
      <c r="X1190" s="76"/>
      <c r="Y1190" s="76"/>
      <c r="Z1190" s="76"/>
      <c r="AA1190" s="85"/>
      <c r="AB1190" s="85"/>
      <c r="AC1190" s="85"/>
      <c r="AD1190" s="85"/>
      <c r="AE1190" s="85"/>
      <c r="AF1190" s="85"/>
      <c r="AG1190" s="86"/>
      <c r="AH1190" s="85"/>
      <c r="AI1190" s="85"/>
      <c r="AJ1190" s="85"/>
      <c r="AK1190" s="85"/>
      <c r="AL1190" s="85"/>
      <c r="AM1190" s="92"/>
      <c r="AN1190" s="92"/>
      <c r="AO1190" s="92"/>
      <c r="AP1190" s="92"/>
      <c r="AQ1190" s="92"/>
      <c r="AR1190" s="92"/>
      <c r="AS1190" s="92"/>
      <c r="AT1190" s="92"/>
      <c r="AU1190" s="92"/>
      <c r="AV1190" s="92"/>
      <c r="AW1190" s="92"/>
      <c r="AX1190" s="92"/>
      <c r="AY1190" s="92"/>
      <c r="AZ1190" s="93"/>
      <c r="BA1190" s="93"/>
      <c r="BB1190" s="93"/>
      <c r="BC1190" s="93"/>
      <c r="BD1190" s="93"/>
      <c r="BE1190" s="93"/>
      <c r="BF1190" s="93"/>
      <c r="BG1190" s="93"/>
      <c r="BH1190" s="93"/>
      <c r="BI1190" s="93"/>
      <c r="BJ1190" s="93"/>
      <c r="BK1190" s="93"/>
      <c r="BL1190" s="93"/>
    </row>
    <row r="1191" spans="2:64" x14ac:dyDescent="0.2">
      <c r="B1191" s="43"/>
      <c r="C1191" s="73"/>
      <c r="D1191" s="64"/>
      <c r="E1191" s="55"/>
      <c r="F1191" s="74"/>
      <c r="G1191" s="74"/>
      <c r="H1191" s="74"/>
      <c r="I1191" s="75"/>
      <c r="J1191" s="74"/>
      <c r="L1191" s="55"/>
      <c r="M1191" s="234"/>
      <c r="N1191" s="65"/>
      <c r="O1191" s="76"/>
      <c r="P1191" s="76"/>
      <c r="Q1191" s="65"/>
      <c r="R1191" s="76"/>
      <c r="S1191" s="76"/>
      <c r="T1191" s="76"/>
      <c r="U1191" s="76"/>
      <c r="V1191" s="76"/>
      <c r="W1191" s="76"/>
      <c r="X1191" s="76"/>
      <c r="Y1191" s="76"/>
      <c r="Z1191" s="76"/>
      <c r="AA1191" s="85"/>
      <c r="AB1191" s="85"/>
      <c r="AC1191" s="85"/>
      <c r="AD1191" s="85"/>
      <c r="AE1191" s="85"/>
      <c r="AF1191" s="85"/>
      <c r="AG1191" s="86"/>
      <c r="AH1191" s="85"/>
      <c r="AI1191" s="85"/>
      <c r="AJ1191" s="85"/>
      <c r="AK1191" s="85"/>
      <c r="AL1191" s="85"/>
      <c r="AM1191" s="92"/>
      <c r="AN1191" s="92"/>
      <c r="AO1191" s="92"/>
      <c r="AP1191" s="92"/>
      <c r="AQ1191" s="92"/>
      <c r="AR1191" s="92"/>
      <c r="AS1191" s="92"/>
      <c r="AT1191" s="92"/>
      <c r="AU1191" s="92"/>
      <c r="AV1191" s="92"/>
      <c r="AW1191" s="92"/>
      <c r="AX1191" s="92"/>
      <c r="AY1191" s="92"/>
      <c r="AZ1191" s="93"/>
      <c r="BA1191" s="93"/>
      <c r="BB1191" s="93"/>
      <c r="BC1191" s="93"/>
      <c r="BD1191" s="93"/>
      <c r="BE1191" s="93"/>
      <c r="BF1191" s="93"/>
      <c r="BG1191" s="93"/>
      <c r="BH1191" s="93"/>
      <c r="BI1191" s="93"/>
      <c r="BJ1191" s="93"/>
      <c r="BK1191" s="93"/>
      <c r="BL1191" s="93"/>
    </row>
    <row r="1192" spans="2:64" x14ac:dyDescent="0.2">
      <c r="B1192" s="43"/>
      <c r="C1192" s="73"/>
      <c r="D1192" s="64"/>
      <c r="E1192" s="55"/>
      <c r="F1192" s="74"/>
      <c r="G1192" s="74"/>
      <c r="H1192" s="74"/>
      <c r="I1192" s="75"/>
      <c r="J1192" s="74"/>
      <c r="L1192" s="55"/>
      <c r="M1192" s="234"/>
      <c r="N1192" s="65"/>
      <c r="O1192" s="76"/>
      <c r="P1192" s="76"/>
      <c r="Q1192" s="65"/>
      <c r="R1192" s="76"/>
      <c r="S1192" s="76"/>
      <c r="T1192" s="76"/>
      <c r="U1192" s="76"/>
      <c r="V1192" s="76"/>
      <c r="W1192" s="76"/>
      <c r="X1192" s="76"/>
      <c r="Y1192" s="76"/>
      <c r="Z1192" s="76"/>
      <c r="AA1192" s="85"/>
      <c r="AB1192" s="85"/>
      <c r="AC1192" s="85"/>
      <c r="AD1192" s="85"/>
      <c r="AE1192" s="85"/>
      <c r="AF1192" s="85"/>
      <c r="AG1192" s="86"/>
      <c r="AH1192" s="85"/>
      <c r="AI1192" s="85"/>
      <c r="AJ1192" s="85"/>
      <c r="AK1192" s="85"/>
      <c r="AL1192" s="85"/>
      <c r="AM1192" s="92"/>
      <c r="AN1192" s="92"/>
      <c r="AO1192" s="92"/>
      <c r="AP1192" s="92"/>
      <c r="AQ1192" s="92"/>
      <c r="AR1192" s="92"/>
      <c r="AS1192" s="92"/>
      <c r="AT1192" s="92"/>
      <c r="AU1192" s="92"/>
      <c r="AV1192" s="92"/>
      <c r="AW1192" s="92"/>
      <c r="AX1192" s="92"/>
      <c r="AY1192" s="92"/>
      <c r="AZ1192" s="93"/>
      <c r="BA1192" s="93"/>
      <c r="BB1192" s="93"/>
      <c r="BC1192" s="93"/>
      <c r="BD1192" s="93"/>
      <c r="BE1192" s="93"/>
      <c r="BF1192" s="93"/>
      <c r="BG1192" s="93"/>
      <c r="BH1192" s="93"/>
      <c r="BI1192" s="93"/>
      <c r="BJ1192" s="93"/>
      <c r="BK1192" s="93"/>
      <c r="BL1192" s="93"/>
    </row>
    <row r="1193" spans="2:64" x14ac:dyDescent="0.2">
      <c r="B1193" s="43"/>
      <c r="C1193" s="73"/>
      <c r="D1193" s="64"/>
      <c r="E1193" s="55"/>
      <c r="F1193" s="74"/>
      <c r="G1193" s="74"/>
      <c r="H1193" s="74"/>
      <c r="I1193" s="75"/>
      <c r="J1193" s="74"/>
      <c r="L1193" s="55"/>
      <c r="M1193" s="234"/>
      <c r="N1193" s="65"/>
      <c r="O1193" s="76"/>
      <c r="P1193" s="76"/>
      <c r="Q1193" s="65"/>
      <c r="R1193" s="76"/>
      <c r="S1193" s="76"/>
      <c r="T1193" s="76"/>
      <c r="U1193" s="76"/>
      <c r="V1193" s="76"/>
      <c r="W1193" s="76"/>
      <c r="X1193" s="76"/>
      <c r="Y1193" s="76"/>
      <c r="Z1193" s="76"/>
      <c r="AA1193" s="85"/>
      <c r="AB1193" s="85"/>
      <c r="AC1193" s="85"/>
      <c r="AD1193" s="85"/>
      <c r="AE1193" s="85"/>
      <c r="AF1193" s="85"/>
      <c r="AG1193" s="86"/>
      <c r="AH1193" s="85"/>
      <c r="AI1193" s="85"/>
      <c r="AJ1193" s="85"/>
      <c r="AK1193" s="85"/>
      <c r="AL1193" s="85"/>
      <c r="AM1193" s="92"/>
      <c r="AN1193" s="92"/>
      <c r="AO1193" s="92"/>
      <c r="AP1193" s="92"/>
      <c r="AQ1193" s="92"/>
      <c r="AR1193" s="92"/>
      <c r="AS1193" s="92"/>
      <c r="AT1193" s="92"/>
      <c r="AU1193" s="92"/>
      <c r="AV1193" s="92"/>
      <c r="AW1193" s="92"/>
      <c r="AX1193" s="92"/>
      <c r="AY1193" s="92"/>
      <c r="AZ1193" s="93"/>
      <c r="BA1193" s="93"/>
      <c r="BB1193" s="93"/>
      <c r="BC1193" s="93"/>
      <c r="BD1193" s="93"/>
      <c r="BE1193" s="93"/>
      <c r="BF1193" s="93"/>
      <c r="BG1193" s="93"/>
      <c r="BH1193" s="93"/>
      <c r="BI1193" s="93"/>
      <c r="BJ1193" s="93"/>
      <c r="BK1193" s="93"/>
      <c r="BL1193" s="93"/>
    </row>
    <row r="1194" spans="2:64" x14ac:dyDescent="0.2">
      <c r="B1194" s="43"/>
      <c r="C1194" s="73"/>
      <c r="D1194" s="64"/>
      <c r="E1194" s="55"/>
      <c r="F1194" s="74"/>
      <c r="G1194" s="74"/>
      <c r="H1194" s="74"/>
      <c r="I1194" s="75"/>
      <c r="J1194" s="74"/>
      <c r="L1194" s="55"/>
      <c r="M1194" s="234"/>
      <c r="N1194" s="65"/>
      <c r="O1194" s="76"/>
      <c r="P1194" s="76"/>
      <c r="Q1194" s="65"/>
      <c r="R1194" s="76"/>
      <c r="S1194" s="76"/>
      <c r="T1194" s="76"/>
      <c r="U1194" s="76"/>
      <c r="V1194" s="76"/>
      <c r="W1194" s="76"/>
      <c r="X1194" s="76"/>
      <c r="Y1194" s="76"/>
      <c r="Z1194" s="76"/>
      <c r="AA1194" s="85"/>
      <c r="AB1194" s="85"/>
      <c r="AC1194" s="85"/>
      <c r="AD1194" s="85"/>
      <c r="AE1194" s="85"/>
      <c r="AF1194" s="85"/>
      <c r="AG1194" s="86"/>
      <c r="AH1194" s="85"/>
      <c r="AI1194" s="85"/>
      <c r="AJ1194" s="85"/>
      <c r="AK1194" s="85"/>
      <c r="AL1194" s="85"/>
      <c r="AM1194" s="92"/>
      <c r="AN1194" s="92"/>
      <c r="AO1194" s="92"/>
      <c r="AP1194" s="92"/>
      <c r="AQ1194" s="92"/>
      <c r="AR1194" s="92"/>
      <c r="AS1194" s="92"/>
      <c r="AT1194" s="92"/>
      <c r="AU1194" s="92"/>
      <c r="AV1194" s="92"/>
      <c r="AW1194" s="92"/>
      <c r="AX1194" s="92"/>
      <c r="AY1194" s="92"/>
      <c r="AZ1194" s="93"/>
      <c r="BA1194" s="93"/>
      <c r="BB1194" s="93"/>
      <c r="BC1194" s="93"/>
      <c r="BD1194" s="93"/>
      <c r="BE1194" s="93"/>
      <c r="BF1194" s="93"/>
      <c r="BG1194" s="93"/>
      <c r="BH1194" s="93"/>
      <c r="BI1194" s="93"/>
      <c r="BJ1194" s="93"/>
      <c r="BK1194" s="93"/>
      <c r="BL1194" s="93"/>
    </row>
    <row r="1195" spans="2:64" x14ac:dyDescent="0.2">
      <c r="B1195" s="43"/>
      <c r="C1195" s="73"/>
      <c r="D1195" s="64"/>
      <c r="E1195" s="55"/>
      <c r="F1195" s="74"/>
      <c r="G1195" s="74"/>
      <c r="H1195" s="74"/>
      <c r="I1195" s="75"/>
      <c r="J1195" s="74"/>
      <c r="L1195" s="55"/>
      <c r="M1195" s="234"/>
      <c r="N1195" s="65"/>
      <c r="O1195" s="76"/>
      <c r="P1195" s="76"/>
      <c r="Q1195" s="65"/>
      <c r="R1195" s="76"/>
      <c r="S1195" s="76"/>
      <c r="T1195" s="76"/>
      <c r="U1195" s="76"/>
      <c r="V1195" s="76"/>
      <c r="W1195" s="76"/>
      <c r="X1195" s="76"/>
      <c r="Y1195" s="76"/>
      <c r="Z1195" s="76"/>
      <c r="AA1195" s="85"/>
      <c r="AB1195" s="85"/>
      <c r="AC1195" s="85"/>
      <c r="AD1195" s="85"/>
      <c r="AE1195" s="85"/>
      <c r="AF1195" s="85"/>
      <c r="AG1195" s="86"/>
      <c r="AH1195" s="85"/>
      <c r="AI1195" s="85"/>
      <c r="AJ1195" s="85"/>
      <c r="AK1195" s="85"/>
      <c r="AL1195" s="85"/>
      <c r="AM1195" s="92"/>
      <c r="AN1195" s="92"/>
      <c r="AO1195" s="92"/>
      <c r="AP1195" s="92"/>
      <c r="AQ1195" s="92"/>
      <c r="AR1195" s="92"/>
      <c r="AS1195" s="92"/>
      <c r="AT1195" s="92"/>
      <c r="AU1195" s="92"/>
      <c r="AV1195" s="92"/>
      <c r="AW1195" s="92"/>
      <c r="AX1195" s="92"/>
      <c r="AY1195" s="92"/>
      <c r="AZ1195" s="93"/>
      <c r="BA1195" s="93"/>
      <c r="BB1195" s="93"/>
      <c r="BC1195" s="93"/>
      <c r="BD1195" s="93"/>
      <c r="BE1195" s="93"/>
      <c r="BF1195" s="93"/>
      <c r="BG1195" s="93"/>
      <c r="BH1195" s="93"/>
      <c r="BI1195" s="93"/>
      <c r="BJ1195" s="93"/>
      <c r="BK1195" s="93"/>
      <c r="BL1195" s="93"/>
    </row>
    <row r="1196" spans="2:64" x14ac:dyDescent="0.2">
      <c r="B1196" s="43"/>
      <c r="C1196" s="73"/>
      <c r="D1196" s="64"/>
      <c r="E1196" s="55"/>
      <c r="F1196" s="74"/>
      <c r="G1196" s="74"/>
      <c r="H1196" s="74"/>
      <c r="I1196" s="75"/>
      <c r="J1196" s="74"/>
      <c r="L1196" s="55"/>
      <c r="M1196" s="234"/>
      <c r="N1196" s="65"/>
      <c r="O1196" s="76"/>
      <c r="P1196" s="76"/>
      <c r="Q1196" s="65"/>
      <c r="R1196" s="76"/>
      <c r="S1196" s="76"/>
      <c r="T1196" s="76"/>
      <c r="U1196" s="76"/>
      <c r="V1196" s="76"/>
      <c r="W1196" s="76"/>
      <c r="X1196" s="76"/>
      <c r="Y1196" s="76"/>
      <c r="Z1196" s="76"/>
      <c r="AA1196" s="85"/>
      <c r="AB1196" s="85"/>
      <c r="AC1196" s="85"/>
      <c r="AD1196" s="85"/>
      <c r="AE1196" s="85"/>
      <c r="AF1196" s="85"/>
      <c r="AG1196" s="86"/>
      <c r="AH1196" s="85"/>
      <c r="AI1196" s="85"/>
      <c r="AJ1196" s="85"/>
      <c r="AK1196" s="85"/>
      <c r="AL1196" s="85"/>
      <c r="AM1196" s="92"/>
      <c r="AN1196" s="92"/>
      <c r="AO1196" s="92"/>
      <c r="AP1196" s="92"/>
      <c r="AQ1196" s="92"/>
      <c r="AR1196" s="92"/>
      <c r="AS1196" s="92"/>
      <c r="AT1196" s="92"/>
      <c r="AU1196" s="92"/>
      <c r="AV1196" s="92"/>
      <c r="AW1196" s="92"/>
      <c r="AX1196" s="92"/>
      <c r="AY1196" s="92"/>
      <c r="AZ1196" s="93"/>
      <c r="BA1196" s="93"/>
      <c r="BB1196" s="93"/>
      <c r="BC1196" s="93"/>
      <c r="BD1196" s="93"/>
      <c r="BE1196" s="93"/>
      <c r="BF1196" s="93"/>
      <c r="BG1196" s="93"/>
      <c r="BH1196" s="93"/>
      <c r="BI1196" s="93"/>
      <c r="BJ1196" s="93"/>
      <c r="BK1196" s="93"/>
      <c r="BL1196" s="93"/>
    </row>
    <row r="1197" spans="2:64" x14ac:dyDescent="0.2">
      <c r="B1197" s="43"/>
      <c r="C1197" s="73"/>
      <c r="D1197" s="64"/>
      <c r="E1197" s="55"/>
      <c r="F1197" s="74"/>
      <c r="G1197" s="74"/>
      <c r="H1197" s="74"/>
      <c r="I1197" s="75"/>
      <c r="J1197" s="74"/>
      <c r="L1197" s="55"/>
      <c r="M1197" s="234"/>
      <c r="N1197" s="65"/>
      <c r="O1197" s="76"/>
      <c r="P1197" s="76"/>
      <c r="Q1197" s="65"/>
      <c r="R1197" s="76"/>
      <c r="S1197" s="76"/>
      <c r="T1197" s="76"/>
      <c r="U1197" s="76"/>
      <c r="V1197" s="76"/>
      <c r="W1197" s="76"/>
      <c r="X1197" s="76"/>
      <c r="Y1197" s="76"/>
      <c r="Z1197" s="76"/>
      <c r="AA1197" s="85"/>
      <c r="AB1197" s="85"/>
      <c r="AC1197" s="85"/>
      <c r="AD1197" s="85"/>
      <c r="AE1197" s="85"/>
      <c r="AF1197" s="85"/>
      <c r="AG1197" s="86"/>
      <c r="AH1197" s="85"/>
      <c r="AI1197" s="85"/>
      <c r="AJ1197" s="85"/>
      <c r="AK1197" s="85"/>
      <c r="AL1197" s="85"/>
      <c r="AM1197" s="92"/>
      <c r="AN1197" s="92"/>
      <c r="AO1197" s="92"/>
      <c r="AP1197" s="92"/>
      <c r="AQ1197" s="92"/>
      <c r="AR1197" s="92"/>
      <c r="AS1197" s="92"/>
      <c r="AT1197" s="92"/>
      <c r="AU1197" s="92"/>
      <c r="AV1197" s="92"/>
      <c r="AW1197" s="92"/>
      <c r="AX1197" s="92"/>
      <c r="AY1197" s="92"/>
      <c r="AZ1197" s="93"/>
      <c r="BA1197" s="93"/>
      <c r="BB1197" s="93"/>
      <c r="BC1197" s="93"/>
      <c r="BD1197" s="93"/>
      <c r="BE1197" s="93"/>
      <c r="BF1197" s="93"/>
      <c r="BG1197" s="93"/>
      <c r="BH1197" s="93"/>
      <c r="BI1197" s="93"/>
      <c r="BJ1197" s="93"/>
      <c r="BK1197" s="93"/>
      <c r="BL1197" s="93"/>
    </row>
    <row r="1198" spans="2:64" x14ac:dyDescent="0.2">
      <c r="B1198" s="43"/>
      <c r="C1198" s="73"/>
      <c r="D1198" s="64"/>
      <c r="E1198" s="55"/>
      <c r="F1198" s="74"/>
      <c r="G1198" s="74"/>
      <c r="H1198" s="74"/>
      <c r="I1198" s="75"/>
      <c r="J1198" s="74"/>
      <c r="L1198" s="55"/>
      <c r="M1198" s="234"/>
      <c r="N1198" s="65"/>
      <c r="O1198" s="76"/>
      <c r="P1198" s="76"/>
      <c r="Q1198" s="65"/>
      <c r="R1198" s="76"/>
      <c r="S1198" s="76"/>
      <c r="T1198" s="76"/>
      <c r="U1198" s="76"/>
      <c r="V1198" s="76"/>
      <c r="W1198" s="76"/>
      <c r="X1198" s="76"/>
      <c r="Y1198" s="76"/>
      <c r="Z1198" s="76"/>
      <c r="AA1198" s="85"/>
      <c r="AB1198" s="85"/>
      <c r="AC1198" s="85"/>
      <c r="AD1198" s="85"/>
      <c r="AE1198" s="85"/>
      <c r="AF1198" s="85"/>
      <c r="AG1198" s="86"/>
      <c r="AH1198" s="85"/>
      <c r="AI1198" s="85"/>
      <c r="AJ1198" s="85"/>
      <c r="AK1198" s="85"/>
      <c r="AL1198" s="85"/>
      <c r="AM1198" s="92"/>
      <c r="AN1198" s="92"/>
      <c r="AO1198" s="92"/>
      <c r="AP1198" s="92"/>
      <c r="AQ1198" s="92"/>
      <c r="AR1198" s="92"/>
      <c r="AS1198" s="92"/>
      <c r="AT1198" s="92"/>
      <c r="AU1198" s="92"/>
      <c r="AV1198" s="92"/>
      <c r="AW1198" s="92"/>
      <c r="AX1198" s="92"/>
      <c r="AY1198" s="92"/>
      <c r="AZ1198" s="93"/>
      <c r="BA1198" s="93"/>
      <c r="BB1198" s="93"/>
      <c r="BC1198" s="93"/>
      <c r="BD1198" s="93"/>
      <c r="BE1198" s="93"/>
      <c r="BF1198" s="93"/>
      <c r="BG1198" s="93"/>
      <c r="BH1198" s="93"/>
      <c r="BI1198" s="93"/>
      <c r="BJ1198" s="93"/>
      <c r="BK1198" s="93"/>
      <c r="BL1198" s="93"/>
    </row>
    <row r="1199" spans="2:64" x14ac:dyDescent="0.2">
      <c r="B1199" s="43"/>
      <c r="C1199" s="73"/>
      <c r="D1199" s="64"/>
      <c r="E1199" s="55"/>
      <c r="F1199" s="74"/>
      <c r="G1199" s="74"/>
      <c r="H1199" s="74"/>
      <c r="I1199" s="75"/>
      <c r="J1199" s="74"/>
      <c r="L1199" s="55"/>
      <c r="M1199" s="234"/>
      <c r="N1199" s="65"/>
      <c r="O1199" s="76"/>
      <c r="P1199" s="76"/>
      <c r="Q1199" s="65"/>
      <c r="R1199" s="76"/>
      <c r="S1199" s="76"/>
      <c r="T1199" s="76"/>
      <c r="U1199" s="76"/>
      <c r="V1199" s="76"/>
      <c r="W1199" s="76"/>
      <c r="X1199" s="76"/>
      <c r="Y1199" s="76"/>
      <c r="Z1199" s="76"/>
      <c r="AA1199" s="85"/>
      <c r="AB1199" s="85"/>
      <c r="AC1199" s="85"/>
      <c r="AD1199" s="85"/>
      <c r="AE1199" s="85"/>
      <c r="AF1199" s="85"/>
      <c r="AG1199" s="86"/>
      <c r="AH1199" s="85"/>
      <c r="AI1199" s="85"/>
      <c r="AJ1199" s="85"/>
      <c r="AK1199" s="85"/>
      <c r="AL1199" s="85"/>
      <c r="AM1199" s="92"/>
      <c r="AN1199" s="92"/>
      <c r="AO1199" s="92"/>
      <c r="AP1199" s="92"/>
      <c r="AQ1199" s="92"/>
      <c r="AR1199" s="92"/>
      <c r="AS1199" s="92"/>
      <c r="AT1199" s="92"/>
      <c r="AU1199" s="92"/>
      <c r="AV1199" s="92"/>
      <c r="AW1199" s="92"/>
      <c r="AX1199" s="92"/>
      <c r="AY1199" s="92"/>
      <c r="AZ1199" s="93"/>
      <c r="BA1199" s="93"/>
      <c r="BB1199" s="93"/>
      <c r="BC1199" s="93"/>
      <c r="BD1199" s="93"/>
      <c r="BE1199" s="93"/>
      <c r="BF1199" s="93"/>
      <c r="BG1199" s="93"/>
      <c r="BH1199" s="93"/>
      <c r="BI1199" s="93"/>
      <c r="BJ1199" s="93"/>
      <c r="BK1199" s="93"/>
      <c r="BL1199" s="93"/>
    </row>
    <row r="1200" spans="2:64" x14ac:dyDescent="0.2">
      <c r="B1200" s="43"/>
      <c r="C1200" s="73"/>
      <c r="D1200" s="64"/>
      <c r="E1200" s="55"/>
      <c r="F1200" s="74"/>
      <c r="G1200" s="74"/>
      <c r="H1200" s="74"/>
      <c r="I1200" s="75"/>
      <c r="J1200" s="74"/>
      <c r="L1200" s="55"/>
      <c r="M1200" s="234"/>
      <c r="N1200" s="65"/>
      <c r="O1200" s="76"/>
      <c r="P1200" s="76"/>
      <c r="Q1200" s="65"/>
      <c r="R1200" s="76"/>
      <c r="S1200" s="76"/>
      <c r="T1200" s="76"/>
      <c r="U1200" s="76"/>
      <c r="V1200" s="76"/>
      <c r="W1200" s="76"/>
      <c r="X1200" s="76"/>
      <c r="Y1200" s="76"/>
      <c r="Z1200" s="76"/>
      <c r="AA1200" s="85"/>
      <c r="AB1200" s="85"/>
      <c r="AC1200" s="85"/>
      <c r="AD1200" s="85"/>
      <c r="AE1200" s="85"/>
      <c r="AF1200" s="85"/>
      <c r="AG1200" s="86"/>
      <c r="AH1200" s="85"/>
      <c r="AI1200" s="85"/>
      <c r="AJ1200" s="85"/>
      <c r="AK1200" s="85"/>
      <c r="AL1200" s="85"/>
      <c r="AM1200" s="92"/>
      <c r="AN1200" s="92"/>
      <c r="AO1200" s="92"/>
      <c r="AP1200" s="92"/>
      <c r="AQ1200" s="92"/>
      <c r="AR1200" s="92"/>
      <c r="AS1200" s="92"/>
      <c r="AT1200" s="92"/>
      <c r="AU1200" s="92"/>
      <c r="AV1200" s="92"/>
      <c r="AW1200" s="92"/>
      <c r="AX1200" s="92"/>
      <c r="AY1200" s="92"/>
      <c r="AZ1200" s="93"/>
      <c r="BA1200" s="93"/>
      <c r="BB1200" s="93"/>
      <c r="BC1200" s="93"/>
      <c r="BD1200" s="93"/>
      <c r="BE1200" s="93"/>
      <c r="BF1200" s="93"/>
      <c r="BG1200" s="93"/>
      <c r="BH1200" s="93"/>
      <c r="BI1200" s="93"/>
      <c r="BJ1200" s="93"/>
      <c r="BK1200" s="93"/>
      <c r="BL1200" s="93"/>
    </row>
    <row r="1201" spans="2:64" x14ac:dyDescent="0.2">
      <c r="B1201" s="43"/>
      <c r="C1201" s="73"/>
      <c r="D1201" s="64"/>
      <c r="E1201" s="55"/>
      <c r="F1201" s="74"/>
      <c r="G1201" s="74"/>
      <c r="H1201" s="74"/>
      <c r="I1201" s="75"/>
      <c r="J1201" s="74"/>
      <c r="L1201" s="55"/>
      <c r="M1201" s="234"/>
      <c r="N1201" s="65"/>
      <c r="O1201" s="76"/>
      <c r="P1201" s="76"/>
      <c r="Q1201" s="65"/>
      <c r="R1201" s="76"/>
      <c r="S1201" s="76"/>
      <c r="T1201" s="76"/>
      <c r="U1201" s="76"/>
      <c r="V1201" s="76"/>
      <c r="W1201" s="76"/>
      <c r="X1201" s="76"/>
      <c r="Y1201" s="76"/>
      <c r="Z1201" s="76"/>
      <c r="AA1201" s="85"/>
      <c r="AB1201" s="85"/>
      <c r="AC1201" s="85"/>
      <c r="AD1201" s="85"/>
      <c r="AE1201" s="85"/>
      <c r="AF1201" s="85"/>
      <c r="AG1201" s="86"/>
      <c r="AH1201" s="85"/>
      <c r="AI1201" s="85"/>
      <c r="AJ1201" s="85"/>
      <c r="AK1201" s="85"/>
      <c r="AL1201" s="85"/>
      <c r="AM1201" s="92"/>
      <c r="AN1201" s="92"/>
      <c r="AO1201" s="92"/>
      <c r="AP1201" s="92"/>
      <c r="AQ1201" s="92"/>
      <c r="AR1201" s="92"/>
      <c r="AS1201" s="92"/>
      <c r="AT1201" s="92"/>
      <c r="AU1201" s="92"/>
      <c r="AV1201" s="92"/>
      <c r="AW1201" s="92"/>
      <c r="AX1201" s="92"/>
      <c r="AY1201" s="92"/>
      <c r="AZ1201" s="93"/>
      <c r="BA1201" s="93"/>
      <c r="BB1201" s="93"/>
      <c r="BC1201" s="93"/>
      <c r="BD1201" s="93"/>
      <c r="BE1201" s="93"/>
      <c r="BF1201" s="93"/>
      <c r="BG1201" s="93"/>
      <c r="BH1201" s="93"/>
      <c r="BI1201" s="93"/>
      <c r="BJ1201" s="93"/>
      <c r="BK1201" s="93"/>
      <c r="BL1201" s="93"/>
    </row>
    <row r="1202" spans="2:64" x14ac:dyDescent="0.2">
      <c r="B1202" s="43"/>
      <c r="C1202" s="73"/>
      <c r="D1202" s="64"/>
      <c r="E1202" s="55"/>
      <c r="F1202" s="74"/>
      <c r="G1202" s="74"/>
      <c r="H1202" s="74"/>
      <c r="I1202" s="75"/>
      <c r="J1202" s="74"/>
      <c r="L1202" s="55"/>
      <c r="M1202" s="234"/>
      <c r="N1202" s="65"/>
      <c r="O1202" s="76"/>
      <c r="P1202" s="76"/>
      <c r="Q1202" s="65"/>
      <c r="R1202" s="76"/>
      <c r="S1202" s="76"/>
      <c r="T1202" s="76"/>
      <c r="U1202" s="76"/>
      <c r="V1202" s="76"/>
      <c r="W1202" s="76"/>
      <c r="X1202" s="76"/>
      <c r="Y1202" s="76"/>
      <c r="Z1202" s="76"/>
      <c r="AA1202" s="85"/>
      <c r="AB1202" s="85"/>
      <c r="AC1202" s="85"/>
      <c r="AD1202" s="85"/>
      <c r="AE1202" s="85"/>
      <c r="AF1202" s="85"/>
      <c r="AG1202" s="86"/>
      <c r="AH1202" s="85"/>
      <c r="AI1202" s="85"/>
      <c r="AJ1202" s="85"/>
      <c r="AK1202" s="85"/>
      <c r="AL1202" s="85"/>
      <c r="AM1202" s="92"/>
      <c r="AN1202" s="92"/>
      <c r="AO1202" s="92"/>
      <c r="AP1202" s="92"/>
      <c r="AQ1202" s="92"/>
      <c r="AR1202" s="92"/>
      <c r="AS1202" s="92"/>
      <c r="AT1202" s="92"/>
      <c r="AU1202" s="92"/>
      <c r="AV1202" s="92"/>
      <c r="AW1202" s="92"/>
      <c r="AX1202" s="92"/>
      <c r="AY1202" s="92"/>
      <c r="AZ1202" s="93"/>
      <c r="BA1202" s="93"/>
      <c r="BB1202" s="93"/>
      <c r="BC1202" s="93"/>
      <c r="BD1202" s="93"/>
      <c r="BE1202" s="93"/>
      <c r="BF1202" s="93"/>
      <c r="BG1202" s="93"/>
      <c r="BH1202" s="93"/>
      <c r="BI1202" s="93"/>
      <c r="BJ1202" s="93"/>
      <c r="BK1202" s="93"/>
      <c r="BL1202" s="93"/>
    </row>
    <row r="1203" spans="2:64" x14ac:dyDescent="0.2">
      <c r="B1203" s="43"/>
      <c r="C1203" s="73"/>
      <c r="D1203" s="64"/>
      <c r="E1203" s="55"/>
      <c r="F1203" s="74"/>
      <c r="G1203" s="74"/>
      <c r="H1203" s="74"/>
      <c r="I1203" s="75"/>
      <c r="J1203" s="74"/>
      <c r="L1203" s="55"/>
      <c r="M1203" s="234"/>
      <c r="N1203" s="65"/>
      <c r="O1203" s="76"/>
      <c r="P1203" s="76"/>
      <c r="Q1203" s="65"/>
      <c r="R1203" s="76"/>
      <c r="S1203" s="76"/>
      <c r="T1203" s="76"/>
      <c r="U1203" s="76"/>
      <c r="V1203" s="76"/>
      <c r="W1203" s="76"/>
      <c r="X1203" s="76"/>
      <c r="Y1203" s="76"/>
      <c r="Z1203" s="76"/>
      <c r="AA1203" s="85"/>
      <c r="AB1203" s="85"/>
      <c r="AC1203" s="85"/>
      <c r="AD1203" s="85"/>
      <c r="AE1203" s="85"/>
      <c r="AF1203" s="85"/>
      <c r="AG1203" s="86"/>
      <c r="AH1203" s="85"/>
      <c r="AI1203" s="85"/>
      <c r="AJ1203" s="85"/>
      <c r="AK1203" s="85"/>
      <c r="AL1203" s="85"/>
      <c r="AM1203" s="92"/>
      <c r="AN1203" s="92"/>
      <c r="AO1203" s="92"/>
      <c r="AP1203" s="92"/>
      <c r="AQ1203" s="92"/>
      <c r="AR1203" s="92"/>
      <c r="AS1203" s="92"/>
      <c r="AT1203" s="92"/>
      <c r="AU1203" s="92"/>
      <c r="AV1203" s="92"/>
      <c r="AW1203" s="92"/>
      <c r="AX1203" s="92"/>
      <c r="AY1203" s="92"/>
      <c r="AZ1203" s="93"/>
      <c r="BA1203" s="93"/>
      <c r="BB1203" s="93"/>
      <c r="BC1203" s="93"/>
      <c r="BD1203" s="93"/>
      <c r="BE1203" s="93"/>
      <c r="BF1203" s="93"/>
      <c r="BG1203" s="93"/>
      <c r="BH1203" s="93"/>
      <c r="BI1203" s="93"/>
      <c r="BJ1203" s="93"/>
      <c r="BK1203" s="93"/>
      <c r="BL1203" s="93"/>
    </row>
    <row r="1204" spans="2:64" x14ac:dyDescent="0.2">
      <c r="B1204" s="43"/>
      <c r="C1204" s="73"/>
      <c r="D1204" s="64"/>
      <c r="E1204" s="55"/>
      <c r="F1204" s="74"/>
      <c r="G1204" s="74"/>
      <c r="H1204" s="74"/>
      <c r="I1204" s="75"/>
      <c r="J1204" s="74"/>
      <c r="L1204" s="55"/>
      <c r="M1204" s="234"/>
      <c r="N1204" s="65"/>
      <c r="O1204" s="76"/>
      <c r="P1204" s="76"/>
      <c r="Q1204" s="65"/>
      <c r="R1204" s="76"/>
      <c r="S1204" s="76"/>
      <c r="T1204" s="76"/>
      <c r="U1204" s="76"/>
      <c r="V1204" s="76"/>
      <c r="W1204" s="76"/>
      <c r="X1204" s="76"/>
      <c r="Y1204" s="76"/>
      <c r="Z1204" s="76"/>
      <c r="AA1204" s="85"/>
      <c r="AB1204" s="85"/>
      <c r="AC1204" s="85"/>
      <c r="AD1204" s="85"/>
      <c r="AE1204" s="85"/>
      <c r="AF1204" s="85"/>
      <c r="AG1204" s="86"/>
      <c r="AH1204" s="85"/>
      <c r="AI1204" s="85"/>
      <c r="AJ1204" s="85"/>
      <c r="AK1204" s="85"/>
      <c r="AL1204" s="85"/>
      <c r="AM1204" s="92"/>
      <c r="AN1204" s="92"/>
      <c r="AO1204" s="92"/>
      <c r="AP1204" s="92"/>
      <c r="AQ1204" s="92"/>
      <c r="AR1204" s="92"/>
      <c r="AS1204" s="92"/>
      <c r="AT1204" s="92"/>
      <c r="AU1204" s="92"/>
      <c r="AV1204" s="92"/>
      <c r="AW1204" s="92"/>
      <c r="AX1204" s="92"/>
      <c r="AY1204" s="92"/>
      <c r="AZ1204" s="93"/>
      <c r="BA1204" s="93"/>
      <c r="BB1204" s="93"/>
      <c r="BC1204" s="93"/>
      <c r="BD1204" s="93"/>
      <c r="BE1204" s="93"/>
      <c r="BF1204" s="93"/>
      <c r="BG1204" s="93"/>
      <c r="BH1204" s="93"/>
      <c r="BI1204" s="93"/>
      <c r="BJ1204" s="93"/>
      <c r="BK1204" s="93"/>
      <c r="BL1204" s="93"/>
    </row>
    <row r="1205" spans="2:64" x14ac:dyDescent="0.2">
      <c r="B1205" s="43"/>
      <c r="C1205" s="73"/>
      <c r="D1205" s="64"/>
      <c r="E1205" s="55"/>
      <c r="F1205" s="74"/>
      <c r="G1205" s="74"/>
      <c r="H1205" s="74"/>
      <c r="I1205" s="75"/>
      <c r="J1205" s="74"/>
      <c r="L1205" s="55"/>
      <c r="M1205" s="234"/>
      <c r="N1205" s="65"/>
      <c r="O1205" s="76"/>
      <c r="P1205" s="76"/>
      <c r="Q1205" s="65"/>
      <c r="R1205" s="76"/>
      <c r="S1205" s="76"/>
      <c r="T1205" s="76"/>
      <c r="U1205" s="76"/>
      <c r="V1205" s="76"/>
      <c r="W1205" s="76"/>
      <c r="X1205" s="76"/>
      <c r="Y1205" s="76"/>
      <c r="Z1205" s="76"/>
      <c r="AA1205" s="85"/>
      <c r="AB1205" s="85"/>
      <c r="AC1205" s="85"/>
      <c r="AD1205" s="85"/>
      <c r="AE1205" s="85"/>
      <c r="AF1205" s="85"/>
      <c r="AG1205" s="86"/>
      <c r="AH1205" s="85"/>
      <c r="AI1205" s="85"/>
      <c r="AJ1205" s="85"/>
      <c r="AK1205" s="85"/>
      <c r="AL1205" s="85"/>
      <c r="AM1205" s="92"/>
      <c r="AN1205" s="92"/>
      <c r="AO1205" s="92"/>
      <c r="AP1205" s="92"/>
      <c r="AQ1205" s="92"/>
      <c r="AR1205" s="92"/>
      <c r="AS1205" s="92"/>
      <c r="AT1205" s="92"/>
      <c r="AU1205" s="92"/>
      <c r="AV1205" s="92"/>
      <c r="AW1205" s="92"/>
      <c r="AX1205" s="92"/>
      <c r="AY1205" s="92"/>
      <c r="AZ1205" s="93"/>
      <c r="BA1205" s="93"/>
      <c r="BB1205" s="93"/>
      <c r="BC1205" s="93"/>
      <c r="BD1205" s="93"/>
      <c r="BE1205" s="93"/>
      <c r="BF1205" s="93"/>
      <c r="BG1205" s="93"/>
      <c r="BH1205" s="93"/>
      <c r="BI1205" s="93"/>
      <c r="BJ1205" s="93"/>
      <c r="BK1205" s="93"/>
      <c r="BL1205" s="93"/>
    </row>
    <row r="1206" spans="2:64" x14ac:dyDescent="0.2">
      <c r="B1206" s="43"/>
      <c r="C1206" s="73"/>
      <c r="D1206" s="64"/>
      <c r="E1206" s="55"/>
      <c r="F1206" s="74"/>
      <c r="G1206" s="74"/>
      <c r="H1206" s="74"/>
      <c r="I1206" s="75"/>
      <c r="J1206" s="74"/>
      <c r="L1206" s="55"/>
      <c r="M1206" s="234"/>
      <c r="N1206" s="65"/>
      <c r="O1206" s="76"/>
      <c r="P1206" s="76"/>
      <c r="Q1206" s="65"/>
      <c r="R1206" s="76"/>
      <c r="S1206" s="76"/>
      <c r="T1206" s="76"/>
      <c r="U1206" s="76"/>
      <c r="V1206" s="76"/>
      <c r="W1206" s="76"/>
      <c r="X1206" s="76"/>
      <c r="Y1206" s="76"/>
      <c r="Z1206" s="76"/>
      <c r="AA1206" s="85"/>
      <c r="AB1206" s="85"/>
      <c r="AC1206" s="85"/>
      <c r="AD1206" s="85"/>
      <c r="AE1206" s="85"/>
      <c r="AF1206" s="85"/>
      <c r="AG1206" s="86"/>
      <c r="AH1206" s="85"/>
      <c r="AI1206" s="85"/>
      <c r="AJ1206" s="85"/>
      <c r="AK1206" s="85"/>
      <c r="AL1206" s="85"/>
      <c r="AM1206" s="92"/>
      <c r="AN1206" s="92"/>
      <c r="AO1206" s="92"/>
      <c r="AP1206" s="92"/>
      <c r="AQ1206" s="92"/>
      <c r="AR1206" s="92"/>
      <c r="AS1206" s="92"/>
      <c r="AT1206" s="92"/>
      <c r="AU1206" s="92"/>
      <c r="AV1206" s="92"/>
      <c r="AW1206" s="92"/>
      <c r="AX1206" s="92"/>
      <c r="AY1206" s="92"/>
      <c r="AZ1206" s="93"/>
      <c r="BA1206" s="93"/>
      <c r="BB1206" s="93"/>
      <c r="BC1206" s="93"/>
      <c r="BD1206" s="93"/>
      <c r="BE1206" s="93"/>
      <c r="BF1206" s="93"/>
      <c r="BG1206" s="93"/>
      <c r="BH1206" s="93"/>
      <c r="BI1206" s="93"/>
      <c r="BJ1206" s="93"/>
      <c r="BK1206" s="93"/>
      <c r="BL1206" s="93"/>
    </row>
    <row r="1207" spans="2:64" x14ac:dyDescent="0.2">
      <c r="B1207" s="43"/>
      <c r="C1207" s="73"/>
      <c r="D1207" s="64"/>
      <c r="E1207" s="55"/>
      <c r="F1207" s="74"/>
      <c r="G1207" s="74"/>
      <c r="H1207" s="74"/>
      <c r="I1207" s="75"/>
      <c r="J1207" s="74"/>
      <c r="L1207" s="55"/>
      <c r="M1207" s="234"/>
      <c r="N1207" s="65"/>
      <c r="O1207" s="76"/>
      <c r="P1207" s="76"/>
      <c r="Q1207" s="65"/>
      <c r="R1207" s="76"/>
      <c r="S1207" s="76"/>
      <c r="T1207" s="76"/>
      <c r="U1207" s="76"/>
      <c r="V1207" s="76"/>
      <c r="W1207" s="76"/>
      <c r="X1207" s="76"/>
      <c r="Y1207" s="76"/>
      <c r="Z1207" s="76"/>
      <c r="AA1207" s="85"/>
      <c r="AB1207" s="85"/>
      <c r="AC1207" s="85"/>
      <c r="AD1207" s="85"/>
      <c r="AE1207" s="85"/>
      <c r="AF1207" s="85"/>
      <c r="AG1207" s="86"/>
      <c r="AH1207" s="85"/>
      <c r="AI1207" s="85"/>
      <c r="AJ1207" s="85"/>
      <c r="AK1207" s="85"/>
      <c r="AL1207" s="85"/>
      <c r="AM1207" s="92"/>
      <c r="AN1207" s="92"/>
      <c r="AO1207" s="92"/>
      <c r="AP1207" s="92"/>
      <c r="AQ1207" s="92"/>
      <c r="AR1207" s="92"/>
      <c r="AS1207" s="92"/>
      <c r="AT1207" s="92"/>
      <c r="AU1207" s="92"/>
      <c r="AV1207" s="92"/>
      <c r="AW1207" s="92"/>
      <c r="AX1207" s="92"/>
      <c r="AY1207" s="92"/>
      <c r="AZ1207" s="93"/>
      <c r="BA1207" s="93"/>
      <c r="BB1207" s="93"/>
      <c r="BC1207" s="93"/>
      <c r="BD1207" s="93"/>
      <c r="BE1207" s="93"/>
      <c r="BF1207" s="93"/>
      <c r="BG1207" s="93"/>
      <c r="BH1207" s="93"/>
      <c r="BI1207" s="93"/>
      <c r="BJ1207" s="93"/>
      <c r="BK1207" s="93"/>
      <c r="BL1207" s="93"/>
    </row>
    <row r="1208" spans="2:64" x14ac:dyDescent="0.2">
      <c r="B1208" s="43"/>
      <c r="C1208" s="73"/>
      <c r="D1208" s="64"/>
      <c r="E1208" s="55"/>
      <c r="F1208" s="74"/>
      <c r="G1208" s="74"/>
      <c r="H1208" s="74"/>
      <c r="I1208" s="75"/>
      <c r="J1208" s="74"/>
      <c r="L1208" s="55"/>
      <c r="M1208" s="234"/>
      <c r="N1208" s="65"/>
      <c r="O1208" s="76"/>
      <c r="P1208" s="76"/>
      <c r="Q1208" s="65"/>
      <c r="R1208" s="76"/>
      <c r="S1208" s="76"/>
      <c r="T1208" s="76"/>
      <c r="U1208" s="76"/>
      <c r="V1208" s="76"/>
      <c r="W1208" s="76"/>
      <c r="X1208" s="76"/>
      <c r="Y1208" s="76"/>
      <c r="Z1208" s="76"/>
      <c r="AA1208" s="85"/>
      <c r="AB1208" s="85"/>
      <c r="AC1208" s="85"/>
      <c r="AD1208" s="85"/>
      <c r="AE1208" s="85"/>
      <c r="AF1208" s="85"/>
      <c r="AG1208" s="86"/>
      <c r="AH1208" s="85"/>
      <c r="AI1208" s="85"/>
      <c r="AJ1208" s="85"/>
      <c r="AK1208" s="85"/>
      <c r="AL1208" s="85"/>
      <c r="AM1208" s="92"/>
      <c r="AN1208" s="92"/>
      <c r="AO1208" s="92"/>
      <c r="AP1208" s="92"/>
      <c r="AQ1208" s="92"/>
      <c r="AR1208" s="92"/>
      <c r="AS1208" s="92"/>
      <c r="AT1208" s="92"/>
      <c r="AU1208" s="92"/>
      <c r="AV1208" s="92"/>
      <c r="AW1208" s="92"/>
      <c r="AX1208" s="92"/>
      <c r="AY1208" s="92"/>
      <c r="AZ1208" s="93"/>
      <c r="BA1208" s="93"/>
      <c r="BB1208" s="93"/>
      <c r="BC1208" s="93"/>
      <c r="BD1208" s="93"/>
      <c r="BE1208" s="93"/>
      <c r="BF1208" s="93"/>
      <c r="BG1208" s="93"/>
      <c r="BH1208" s="93"/>
      <c r="BI1208" s="93"/>
      <c r="BJ1208" s="93"/>
      <c r="BK1208" s="93"/>
      <c r="BL1208" s="93"/>
    </row>
    <row r="1209" spans="2:64" x14ac:dyDescent="0.2">
      <c r="B1209" s="43"/>
      <c r="C1209" s="73"/>
      <c r="D1209" s="64"/>
      <c r="E1209" s="55"/>
      <c r="F1209" s="74"/>
      <c r="G1209" s="74"/>
      <c r="H1209" s="74"/>
      <c r="I1209" s="75"/>
      <c r="J1209" s="74"/>
      <c r="L1209" s="55"/>
      <c r="M1209" s="234"/>
      <c r="N1209" s="65"/>
      <c r="O1209" s="76"/>
      <c r="P1209" s="76"/>
      <c r="Q1209" s="65"/>
      <c r="R1209" s="76"/>
      <c r="S1209" s="76"/>
      <c r="T1209" s="76"/>
      <c r="U1209" s="76"/>
      <c r="V1209" s="76"/>
      <c r="W1209" s="76"/>
      <c r="X1209" s="76"/>
      <c r="Y1209" s="76"/>
      <c r="Z1209" s="76"/>
      <c r="AA1209" s="85"/>
      <c r="AB1209" s="85"/>
      <c r="AC1209" s="85"/>
      <c r="AD1209" s="85"/>
      <c r="AE1209" s="85"/>
      <c r="AF1209" s="85"/>
      <c r="AG1209" s="86"/>
      <c r="AH1209" s="85"/>
      <c r="AI1209" s="85"/>
      <c r="AJ1209" s="85"/>
      <c r="AK1209" s="85"/>
      <c r="AL1209" s="85"/>
      <c r="AM1209" s="92"/>
      <c r="AN1209" s="92"/>
      <c r="AO1209" s="92"/>
      <c r="AP1209" s="92"/>
      <c r="AQ1209" s="92"/>
      <c r="AR1209" s="92"/>
      <c r="AS1209" s="92"/>
      <c r="AT1209" s="92"/>
      <c r="AU1209" s="92"/>
      <c r="AV1209" s="92"/>
      <c r="AW1209" s="92"/>
      <c r="AX1209" s="92"/>
      <c r="AY1209" s="92"/>
      <c r="AZ1209" s="93"/>
      <c r="BA1209" s="93"/>
      <c r="BB1209" s="93"/>
      <c r="BC1209" s="93"/>
      <c r="BD1209" s="93"/>
      <c r="BE1209" s="93"/>
      <c r="BF1209" s="93"/>
      <c r="BG1209" s="93"/>
      <c r="BH1209" s="93"/>
      <c r="BI1209" s="93"/>
      <c r="BJ1209" s="93"/>
      <c r="BK1209" s="93"/>
      <c r="BL1209" s="93"/>
    </row>
    <row r="1210" spans="2:64" x14ac:dyDescent="0.2">
      <c r="B1210" s="43"/>
      <c r="C1210" s="73"/>
      <c r="D1210" s="64"/>
      <c r="E1210" s="55"/>
      <c r="F1210" s="74"/>
      <c r="G1210" s="74"/>
      <c r="H1210" s="74"/>
      <c r="I1210" s="75"/>
      <c r="J1210" s="74"/>
      <c r="L1210" s="55"/>
      <c r="M1210" s="234"/>
      <c r="N1210" s="65"/>
      <c r="O1210" s="76"/>
      <c r="P1210" s="76"/>
      <c r="Q1210" s="65"/>
      <c r="R1210" s="76"/>
      <c r="S1210" s="76"/>
      <c r="T1210" s="76"/>
      <c r="U1210" s="76"/>
      <c r="V1210" s="76"/>
      <c r="W1210" s="76"/>
      <c r="X1210" s="76"/>
      <c r="Y1210" s="76"/>
      <c r="Z1210" s="76"/>
      <c r="AA1210" s="85"/>
      <c r="AB1210" s="85"/>
      <c r="AC1210" s="85"/>
      <c r="AD1210" s="85"/>
      <c r="AE1210" s="85"/>
      <c r="AF1210" s="85"/>
      <c r="AG1210" s="86"/>
      <c r="AH1210" s="85"/>
      <c r="AI1210" s="85"/>
      <c r="AJ1210" s="85"/>
      <c r="AK1210" s="85"/>
      <c r="AL1210" s="85"/>
      <c r="AM1210" s="92"/>
      <c r="AN1210" s="92"/>
      <c r="AO1210" s="92"/>
      <c r="AP1210" s="92"/>
      <c r="AQ1210" s="92"/>
      <c r="AR1210" s="92"/>
      <c r="AS1210" s="92"/>
      <c r="AT1210" s="92"/>
      <c r="AU1210" s="92"/>
      <c r="AV1210" s="92"/>
      <c r="AW1210" s="92"/>
      <c r="AX1210" s="92"/>
      <c r="AY1210" s="92"/>
      <c r="AZ1210" s="93"/>
      <c r="BA1210" s="93"/>
      <c r="BB1210" s="93"/>
      <c r="BC1210" s="93"/>
      <c r="BD1210" s="93"/>
      <c r="BE1210" s="93"/>
      <c r="BF1210" s="93"/>
      <c r="BG1210" s="93"/>
      <c r="BH1210" s="93"/>
      <c r="BI1210" s="93"/>
      <c r="BJ1210" s="93"/>
      <c r="BK1210" s="93"/>
      <c r="BL1210" s="93"/>
    </row>
    <row r="1211" spans="2:64" x14ac:dyDescent="0.2">
      <c r="B1211" s="43"/>
      <c r="C1211" s="73"/>
      <c r="D1211" s="64"/>
      <c r="E1211" s="55"/>
      <c r="F1211" s="74"/>
      <c r="G1211" s="74"/>
      <c r="H1211" s="74"/>
      <c r="I1211" s="75"/>
      <c r="J1211" s="74"/>
      <c r="L1211" s="55"/>
      <c r="M1211" s="234"/>
      <c r="N1211" s="65"/>
      <c r="O1211" s="76"/>
      <c r="P1211" s="76"/>
      <c r="Q1211" s="65"/>
      <c r="R1211" s="76"/>
      <c r="S1211" s="76"/>
      <c r="T1211" s="76"/>
      <c r="U1211" s="76"/>
      <c r="V1211" s="76"/>
      <c r="W1211" s="76"/>
      <c r="X1211" s="76"/>
      <c r="Y1211" s="76"/>
      <c r="Z1211" s="76"/>
      <c r="AA1211" s="85"/>
      <c r="AB1211" s="85"/>
      <c r="AC1211" s="85"/>
      <c r="AD1211" s="85"/>
      <c r="AE1211" s="85"/>
      <c r="AF1211" s="85"/>
      <c r="AG1211" s="86"/>
      <c r="AH1211" s="85"/>
      <c r="AI1211" s="85"/>
      <c r="AJ1211" s="85"/>
      <c r="AK1211" s="85"/>
      <c r="AL1211" s="85"/>
      <c r="AM1211" s="92"/>
      <c r="AN1211" s="92"/>
      <c r="AO1211" s="92"/>
      <c r="AP1211" s="92"/>
      <c r="AQ1211" s="92"/>
      <c r="AR1211" s="92"/>
      <c r="AS1211" s="92"/>
      <c r="AT1211" s="92"/>
      <c r="AU1211" s="92"/>
      <c r="AV1211" s="92"/>
      <c r="AW1211" s="92"/>
      <c r="AX1211" s="92"/>
      <c r="AY1211" s="92"/>
      <c r="AZ1211" s="93"/>
      <c r="BA1211" s="93"/>
      <c r="BB1211" s="93"/>
      <c r="BC1211" s="93"/>
      <c r="BD1211" s="93"/>
      <c r="BE1211" s="93"/>
      <c r="BF1211" s="93"/>
      <c r="BG1211" s="93"/>
      <c r="BH1211" s="93"/>
      <c r="BI1211" s="93"/>
      <c r="BJ1211" s="93"/>
      <c r="BK1211" s="93"/>
      <c r="BL1211" s="93"/>
    </row>
    <row r="1212" spans="2:64" x14ac:dyDescent="0.2">
      <c r="B1212" s="43"/>
      <c r="C1212" s="73"/>
      <c r="D1212" s="64"/>
      <c r="E1212" s="55"/>
      <c r="F1212" s="74"/>
      <c r="G1212" s="74"/>
      <c r="H1212" s="74"/>
      <c r="I1212" s="75"/>
      <c r="J1212" s="74"/>
      <c r="L1212" s="55"/>
      <c r="M1212" s="234"/>
      <c r="N1212" s="65"/>
      <c r="O1212" s="76"/>
      <c r="P1212" s="76"/>
      <c r="Q1212" s="65"/>
      <c r="R1212" s="76"/>
      <c r="S1212" s="76"/>
      <c r="T1212" s="76"/>
      <c r="U1212" s="76"/>
      <c r="V1212" s="76"/>
      <c r="W1212" s="76"/>
      <c r="X1212" s="76"/>
      <c r="Y1212" s="76"/>
      <c r="Z1212" s="76"/>
      <c r="AA1212" s="85"/>
      <c r="AB1212" s="85"/>
      <c r="AC1212" s="85"/>
      <c r="AD1212" s="85"/>
      <c r="AE1212" s="85"/>
      <c r="AF1212" s="85"/>
      <c r="AG1212" s="86"/>
      <c r="AH1212" s="85"/>
      <c r="AI1212" s="85"/>
      <c r="AJ1212" s="85"/>
      <c r="AK1212" s="85"/>
      <c r="AL1212" s="85"/>
      <c r="AM1212" s="92"/>
      <c r="AN1212" s="92"/>
      <c r="AO1212" s="92"/>
      <c r="AP1212" s="92"/>
      <c r="AQ1212" s="92"/>
      <c r="AR1212" s="92"/>
      <c r="AS1212" s="92"/>
      <c r="AT1212" s="92"/>
      <c r="AU1212" s="92"/>
      <c r="AV1212" s="92"/>
      <c r="AW1212" s="92"/>
      <c r="AX1212" s="92"/>
      <c r="AY1212" s="92"/>
      <c r="AZ1212" s="93"/>
      <c r="BA1212" s="93"/>
      <c r="BB1212" s="93"/>
      <c r="BC1212" s="93"/>
      <c r="BD1212" s="93"/>
      <c r="BE1212" s="93"/>
      <c r="BF1212" s="93"/>
      <c r="BG1212" s="93"/>
      <c r="BH1212" s="93"/>
      <c r="BI1212" s="93"/>
      <c r="BJ1212" s="93"/>
      <c r="BK1212" s="93"/>
      <c r="BL1212" s="93"/>
    </row>
    <row r="1213" spans="2:64" x14ac:dyDescent="0.2">
      <c r="B1213" s="43"/>
      <c r="C1213" s="73"/>
      <c r="D1213" s="64"/>
      <c r="E1213" s="55"/>
      <c r="F1213" s="74"/>
      <c r="G1213" s="74"/>
      <c r="H1213" s="74"/>
      <c r="I1213" s="75"/>
      <c r="J1213" s="74"/>
      <c r="L1213" s="55"/>
      <c r="M1213" s="234"/>
      <c r="N1213" s="65"/>
      <c r="O1213" s="76"/>
      <c r="P1213" s="76"/>
      <c r="Q1213" s="65"/>
      <c r="R1213" s="76"/>
      <c r="S1213" s="76"/>
      <c r="T1213" s="76"/>
      <c r="U1213" s="76"/>
      <c r="V1213" s="76"/>
      <c r="W1213" s="76"/>
      <c r="X1213" s="76"/>
      <c r="Y1213" s="76"/>
      <c r="Z1213" s="76"/>
      <c r="AA1213" s="85"/>
      <c r="AB1213" s="85"/>
      <c r="AC1213" s="85"/>
      <c r="AD1213" s="85"/>
      <c r="AE1213" s="85"/>
      <c r="AF1213" s="85"/>
      <c r="AG1213" s="86"/>
      <c r="AH1213" s="85"/>
      <c r="AI1213" s="85"/>
      <c r="AJ1213" s="85"/>
      <c r="AK1213" s="85"/>
      <c r="AL1213" s="85"/>
      <c r="AM1213" s="92"/>
      <c r="AN1213" s="92"/>
      <c r="AO1213" s="92"/>
      <c r="AP1213" s="92"/>
      <c r="AQ1213" s="92"/>
      <c r="AR1213" s="92"/>
      <c r="AS1213" s="92"/>
      <c r="AT1213" s="92"/>
      <c r="AU1213" s="92"/>
      <c r="AV1213" s="92"/>
      <c r="AW1213" s="92"/>
      <c r="AX1213" s="92"/>
      <c r="AY1213" s="92"/>
      <c r="AZ1213" s="93"/>
      <c r="BA1213" s="93"/>
      <c r="BB1213" s="93"/>
      <c r="BC1213" s="93"/>
      <c r="BD1213" s="93"/>
      <c r="BE1213" s="93"/>
      <c r="BF1213" s="93"/>
      <c r="BG1213" s="93"/>
      <c r="BH1213" s="93"/>
      <c r="BI1213" s="93"/>
      <c r="BJ1213" s="93"/>
      <c r="BK1213" s="93"/>
      <c r="BL1213" s="93"/>
    </row>
    <row r="1214" spans="2:64" x14ac:dyDescent="0.2">
      <c r="B1214" s="43"/>
      <c r="C1214" s="73"/>
      <c r="D1214" s="64"/>
      <c r="E1214" s="55"/>
      <c r="F1214" s="74"/>
      <c r="G1214" s="74"/>
      <c r="H1214" s="74"/>
      <c r="I1214" s="75"/>
      <c r="J1214" s="74"/>
      <c r="L1214" s="55"/>
      <c r="M1214" s="234"/>
      <c r="N1214" s="65"/>
      <c r="O1214" s="76"/>
      <c r="P1214" s="76"/>
      <c r="Q1214" s="65"/>
      <c r="R1214" s="76"/>
      <c r="S1214" s="76"/>
      <c r="T1214" s="76"/>
      <c r="U1214" s="76"/>
      <c r="V1214" s="76"/>
      <c r="W1214" s="76"/>
      <c r="X1214" s="76"/>
      <c r="Y1214" s="76"/>
      <c r="Z1214" s="76"/>
      <c r="AA1214" s="85"/>
      <c r="AB1214" s="85"/>
      <c r="AC1214" s="85"/>
      <c r="AD1214" s="85"/>
      <c r="AE1214" s="85"/>
      <c r="AF1214" s="85"/>
      <c r="AG1214" s="86"/>
      <c r="AH1214" s="85"/>
      <c r="AI1214" s="85"/>
      <c r="AJ1214" s="85"/>
      <c r="AK1214" s="85"/>
      <c r="AL1214" s="85"/>
      <c r="AM1214" s="92"/>
      <c r="AN1214" s="92"/>
      <c r="AO1214" s="92"/>
      <c r="AP1214" s="92"/>
      <c r="AQ1214" s="92"/>
      <c r="AR1214" s="92"/>
      <c r="AS1214" s="92"/>
      <c r="AT1214" s="92"/>
      <c r="AU1214" s="92"/>
      <c r="AV1214" s="92"/>
      <c r="AW1214" s="92"/>
      <c r="AX1214" s="92"/>
      <c r="AY1214" s="92"/>
      <c r="AZ1214" s="93"/>
      <c r="BA1214" s="93"/>
      <c r="BB1214" s="93"/>
      <c r="BC1214" s="93"/>
      <c r="BD1214" s="93"/>
      <c r="BE1214" s="93"/>
      <c r="BF1214" s="93"/>
      <c r="BG1214" s="93"/>
      <c r="BH1214" s="93"/>
      <c r="BI1214" s="93"/>
      <c r="BJ1214" s="93"/>
      <c r="BK1214" s="93"/>
      <c r="BL1214" s="93"/>
    </row>
    <row r="1215" spans="2:64" x14ac:dyDescent="0.2">
      <c r="B1215" s="43"/>
      <c r="C1215" s="73"/>
      <c r="D1215" s="64"/>
      <c r="E1215" s="55"/>
      <c r="F1215" s="74"/>
      <c r="G1215" s="74"/>
      <c r="H1215" s="74"/>
      <c r="I1215" s="75"/>
      <c r="J1215" s="74"/>
      <c r="L1215" s="55"/>
      <c r="M1215" s="234"/>
      <c r="N1215" s="65"/>
      <c r="O1215" s="76"/>
      <c r="P1215" s="76"/>
      <c r="Q1215" s="65"/>
      <c r="R1215" s="76"/>
      <c r="S1215" s="76"/>
      <c r="T1215" s="76"/>
      <c r="U1215" s="76"/>
      <c r="V1215" s="76"/>
      <c r="W1215" s="76"/>
      <c r="X1215" s="76"/>
      <c r="Y1215" s="76"/>
      <c r="Z1215" s="76"/>
      <c r="AA1215" s="85"/>
      <c r="AB1215" s="85"/>
      <c r="AC1215" s="85"/>
      <c r="AD1215" s="85"/>
      <c r="AE1215" s="85"/>
      <c r="AF1215" s="85"/>
      <c r="AG1215" s="86"/>
      <c r="AH1215" s="85"/>
      <c r="AI1215" s="85"/>
      <c r="AJ1215" s="85"/>
      <c r="AK1215" s="85"/>
      <c r="AL1215" s="85"/>
      <c r="AM1215" s="92"/>
      <c r="AN1215" s="92"/>
      <c r="AO1215" s="92"/>
      <c r="AP1215" s="92"/>
      <c r="AQ1215" s="92"/>
      <c r="AR1215" s="92"/>
      <c r="AS1215" s="92"/>
      <c r="AT1215" s="92"/>
      <c r="AU1215" s="92"/>
      <c r="AV1215" s="92"/>
      <c r="AW1215" s="92"/>
      <c r="AX1215" s="92"/>
      <c r="AY1215" s="92"/>
      <c r="AZ1215" s="93"/>
      <c r="BA1215" s="93"/>
      <c r="BB1215" s="93"/>
      <c r="BC1215" s="93"/>
      <c r="BD1215" s="93"/>
      <c r="BE1215" s="93"/>
      <c r="BF1215" s="93"/>
      <c r="BG1215" s="93"/>
      <c r="BH1215" s="93"/>
      <c r="BI1215" s="93"/>
      <c r="BJ1215" s="93"/>
      <c r="BK1215" s="93"/>
      <c r="BL1215" s="93"/>
    </row>
    <row r="1216" spans="2:64" x14ac:dyDescent="0.2">
      <c r="B1216" s="43"/>
      <c r="C1216" s="73"/>
      <c r="D1216" s="64"/>
      <c r="E1216" s="55"/>
      <c r="F1216" s="74"/>
      <c r="G1216" s="74"/>
      <c r="H1216" s="74"/>
      <c r="I1216" s="75"/>
      <c r="J1216" s="74"/>
      <c r="L1216" s="55"/>
      <c r="M1216" s="234"/>
      <c r="N1216" s="65"/>
      <c r="O1216" s="76"/>
      <c r="P1216" s="76"/>
      <c r="Q1216" s="65"/>
      <c r="R1216" s="76"/>
      <c r="S1216" s="76"/>
      <c r="T1216" s="76"/>
      <c r="U1216" s="76"/>
      <c r="V1216" s="76"/>
      <c r="W1216" s="76"/>
      <c r="X1216" s="76"/>
      <c r="Y1216" s="76"/>
      <c r="Z1216" s="76"/>
      <c r="AA1216" s="85"/>
      <c r="AB1216" s="85"/>
      <c r="AC1216" s="85"/>
      <c r="AD1216" s="85"/>
      <c r="AE1216" s="85"/>
      <c r="AF1216" s="85"/>
      <c r="AG1216" s="86"/>
      <c r="AH1216" s="85"/>
      <c r="AI1216" s="85"/>
      <c r="AJ1216" s="85"/>
      <c r="AK1216" s="85"/>
      <c r="AL1216" s="85"/>
      <c r="AM1216" s="92"/>
      <c r="AN1216" s="92"/>
      <c r="AO1216" s="92"/>
      <c r="AP1216" s="92"/>
      <c r="AQ1216" s="92"/>
      <c r="AR1216" s="92"/>
      <c r="AS1216" s="92"/>
      <c r="AT1216" s="92"/>
      <c r="AU1216" s="92"/>
      <c r="AV1216" s="92"/>
      <c r="AW1216" s="92"/>
      <c r="AX1216" s="92"/>
      <c r="AY1216" s="92"/>
      <c r="AZ1216" s="93"/>
      <c r="BA1216" s="93"/>
      <c r="BB1216" s="93"/>
      <c r="BC1216" s="93"/>
      <c r="BD1216" s="93"/>
      <c r="BE1216" s="93"/>
      <c r="BF1216" s="93"/>
      <c r="BG1216" s="93"/>
      <c r="BH1216" s="93"/>
      <c r="BI1216" s="93"/>
      <c r="BJ1216" s="93"/>
      <c r="BK1216" s="93"/>
      <c r="BL1216" s="93"/>
    </row>
    <row r="1217" spans="2:64" x14ac:dyDescent="0.2">
      <c r="B1217" s="43"/>
      <c r="C1217" s="73"/>
      <c r="D1217" s="64"/>
      <c r="E1217" s="55"/>
      <c r="F1217" s="74"/>
      <c r="G1217" s="74"/>
      <c r="H1217" s="74"/>
      <c r="I1217" s="75"/>
      <c r="J1217" s="74"/>
      <c r="L1217" s="55"/>
      <c r="M1217" s="234"/>
      <c r="N1217" s="65"/>
      <c r="O1217" s="76"/>
      <c r="P1217" s="76"/>
      <c r="Q1217" s="65"/>
      <c r="R1217" s="76"/>
      <c r="S1217" s="76"/>
      <c r="T1217" s="76"/>
      <c r="U1217" s="76"/>
      <c r="V1217" s="76"/>
      <c r="W1217" s="76"/>
      <c r="X1217" s="76"/>
      <c r="Y1217" s="76"/>
      <c r="Z1217" s="76"/>
      <c r="AA1217" s="85"/>
      <c r="AB1217" s="85"/>
      <c r="AC1217" s="85"/>
      <c r="AD1217" s="85"/>
      <c r="AE1217" s="85"/>
      <c r="AF1217" s="85"/>
      <c r="AG1217" s="86"/>
      <c r="AH1217" s="85"/>
      <c r="AI1217" s="85"/>
      <c r="AJ1217" s="85"/>
      <c r="AK1217" s="85"/>
      <c r="AL1217" s="85"/>
      <c r="AM1217" s="92"/>
      <c r="AN1217" s="92"/>
      <c r="AO1217" s="92"/>
      <c r="AP1217" s="92"/>
      <c r="AQ1217" s="92"/>
      <c r="AR1217" s="92"/>
      <c r="AS1217" s="92"/>
      <c r="AT1217" s="92"/>
      <c r="AU1217" s="92"/>
      <c r="AV1217" s="92"/>
      <c r="AW1217" s="92"/>
      <c r="AX1217" s="92"/>
      <c r="AY1217" s="92"/>
      <c r="AZ1217" s="93"/>
      <c r="BA1217" s="93"/>
      <c r="BB1217" s="93"/>
      <c r="BC1217" s="93"/>
      <c r="BD1217" s="93"/>
      <c r="BE1217" s="93"/>
      <c r="BF1217" s="93"/>
      <c r="BG1217" s="93"/>
      <c r="BH1217" s="93"/>
      <c r="BI1217" s="93"/>
      <c r="BJ1217" s="93"/>
      <c r="BK1217" s="93"/>
      <c r="BL1217" s="93"/>
    </row>
    <row r="1218" spans="2:64" x14ac:dyDescent="0.2">
      <c r="B1218" s="43"/>
      <c r="C1218" s="73"/>
      <c r="D1218" s="64"/>
      <c r="E1218" s="55"/>
      <c r="F1218" s="74"/>
      <c r="G1218" s="74"/>
      <c r="H1218" s="74"/>
      <c r="I1218" s="75"/>
      <c r="J1218" s="74"/>
      <c r="L1218" s="55"/>
      <c r="M1218" s="234"/>
      <c r="N1218" s="65"/>
      <c r="O1218" s="76"/>
      <c r="P1218" s="76"/>
      <c r="Q1218" s="65"/>
      <c r="R1218" s="76"/>
      <c r="S1218" s="76"/>
      <c r="T1218" s="76"/>
      <c r="U1218" s="76"/>
      <c r="V1218" s="76"/>
      <c r="W1218" s="76"/>
      <c r="X1218" s="76"/>
      <c r="Y1218" s="76"/>
      <c r="Z1218" s="76"/>
      <c r="AA1218" s="85"/>
      <c r="AB1218" s="85"/>
      <c r="AC1218" s="85"/>
      <c r="AD1218" s="85"/>
      <c r="AE1218" s="85"/>
      <c r="AF1218" s="85"/>
      <c r="AG1218" s="86"/>
      <c r="AH1218" s="85"/>
      <c r="AI1218" s="85"/>
      <c r="AJ1218" s="85"/>
      <c r="AK1218" s="85"/>
      <c r="AL1218" s="85"/>
      <c r="AM1218" s="92"/>
      <c r="AN1218" s="92"/>
      <c r="AO1218" s="92"/>
      <c r="AP1218" s="92"/>
      <c r="AQ1218" s="92"/>
      <c r="AR1218" s="92"/>
      <c r="AS1218" s="92"/>
      <c r="AT1218" s="92"/>
      <c r="AU1218" s="92"/>
      <c r="AV1218" s="92"/>
      <c r="AW1218" s="92"/>
      <c r="AX1218" s="92"/>
      <c r="AY1218" s="92"/>
      <c r="AZ1218" s="93"/>
      <c r="BA1218" s="93"/>
      <c r="BB1218" s="93"/>
      <c r="BC1218" s="93"/>
      <c r="BD1218" s="93"/>
      <c r="BE1218" s="93"/>
      <c r="BF1218" s="93"/>
      <c r="BG1218" s="93"/>
      <c r="BH1218" s="93"/>
      <c r="BI1218" s="93"/>
      <c r="BJ1218" s="93"/>
      <c r="BK1218" s="93"/>
      <c r="BL1218" s="93"/>
    </row>
    <row r="1219" spans="2:64" x14ac:dyDescent="0.2">
      <c r="B1219" s="43"/>
      <c r="C1219" s="73"/>
      <c r="D1219" s="64"/>
      <c r="E1219" s="55"/>
      <c r="F1219" s="74"/>
      <c r="G1219" s="74"/>
      <c r="H1219" s="74"/>
      <c r="I1219" s="75"/>
      <c r="J1219" s="74"/>
      <c r="L1219" s="55"/>
      <c r="M1219" s="234"/>
      <c r="N1219" s="65"/>
      <c r="O1219" s="76"/>
      <c r="P1219" s="76"/>
      <c r="Q1219" s="65"/>
      <c r="R1219" s="76"/>
      <c r="S1219" s="76"/>
      <c r="T1219" s="76"/>
      <c r="U1219" s="76"/>
      <c r="V1219" s="76"/>
      <c r="W1219" s="76"/>
      <c r="X1219" s="76"/>
      <c r="Y1219" s="76"/>
      <c r="Z1219" s="76"/>
      <c r="AA1219" s="85"/>
      <c r="AB1219" s="85"/>
      <c r="AC1219" s="85"/>
      <c r="AD1219" s="85"/>
      <c r="AE1219" s="85"/>
      <c r="AF1219" s="85"/>
      <c r="AG1219" s="86"/>
      <c r="AH1219" s="85"/>
      <c r="AI1219" s="85"/>
      <c r="AJ1219" s="85"/>
      <c r="AK1219" s="85"/>
      <c r="AL1219" s="85"/>
      <c r="AM1219" s="92"/>
      <c r="AN1219" s="92"/>
      <c r="AO1219" s="92"/>
      <c r="AP1219" s="92"/>
      <c r="AQ1219" s="92"/>
      <c r="AR1219" s="92"/>
      <c r="AS1219" s="92"/>
      <c r="AT1219" s="92"/>
      <c r="AU1219" s="92"/>
      <c r="AV1219" s="92"/>
      <c r="AW1219" s="92"/>
      <c r="AX1219" s="92"/>
      <c r="AY1219" s="92"/>
      <c r="AZ1219" s="93"/>
      <c r="BA1219" s="93"/>
      <c r="BB1219" s="93"/>
      <c r="BC1219" s="93"/>
      <c r="BD1219" s="93"/>
      <c r="BE1219" s="93"/>
      <c r="BF1219" s="93"/>
      <c r="BG1219" s="93"/>
      <c r="BH1219" s="93"/>
      <c r="BI1219" s="93"/>
      <c r="BJ1219" s="93"/>
      <c r="BK1219" s="93"/>
      <c r="BL1219" s="93"/>
    </row>
    <row r="1220" spans="2:64" x14ac:dyDescent="0.2">
      <c r="B1220" s="43"/>
      <c r="C1220" s="73"/>
      <c r="D1220" s="64"/>
      <c r="E1220" s="55"/>
      <c r="F1220" s="74"/>
      <c r="G1220" s="74"/>
      <c r="H1220" s="74"/>
      <c r="I1220" s="75"/>
      <c r="J1220" s="74"/>
      <c r="L1220" s="55"/>
      <c r="M1220" s="234"/>
      <c r="N1220" s="65"/>
      <c r="O1220" s="76"/>
      <c r="P1220" s="76"/>
      <c r="Q1220" s="65"/>
      <c r="R1220" s="76"/>
      <c r="S1220" s="76"/>
      <c r="T1220" s="76"/>
      <c r="U1220" s="76"/>
      <c r="V1220" s="76"/>
      <c r="W1220" s="76"/>
      <c r="X1220" s="76"/>
      <c r="Y1220" s="76"/>
      <c r="Z1220" s="76"/>
      <c r="AA1220" s="85"/>
      <c r="AB1220" s="85"/>
      <c r="AC1220" s="85"/>
      <c r="AD1220" s="85"/>
      <c r="AE1220" s="85"/>
      <c r="AF1220" s="85"/>
      <c r="AG1220" s="86"/>
      <c r="AH1220" s="85"/>
      <c r="AI1220" s="85"/>
      <c r="AJ1220" s="85"/>
      <c r="AK1220" s="85"/>
      <c r="AL1220" s="85"/>
      <c r="AM1220" s="92"/>
      <c r="AN1220" s="92"/>
      <c r="AO1220" s="92"/>
      <c r="AP1220" s="92"/>
      <c r="AQ1220" s="92"/>
      <c r="AR1220" s="92"/>
      <c r="AS1220" s="92"/>
      <c r="AT1220" s="92"/>
      <c r="AU1220" s="92"/>
      <c r="AV1220" s="92"/>
      <c r="AW1220" s="92"/>
      <c r="AX1220" s="92"/>
      <c r="AY1220" s="92"/>
      <c r="AZ1220" s="93"/>
      <c r="BA1220" s="93"/>
      <c r="BB1220" s="93"/>
      <c r="BC1220" s="93"/>
      <c r="BD1220" s="93"/>
      <c r="BE1220" s="93"/>
      <c r="BF1220" s="93"/>
      <c r="BG1220" s="93"/>
      <c r="BH1220" s="93"/>
      <c r="BI1220" s="93"/>
      <c r="BJ1220" s="93"/>
      <c r="BK1220" s="93"/>
      <c r="BL1220" s="93"/>
    </row>
    <row r="1221" spans="2:64" x14ac:dyDescent="0.2">
      <c r="B1221" s="43"/>
      <c r="C1221" s="73"/>
      <c r="D1221" s="64"/>
      <c r="E1221" s="55"/>
      <c r="F1221" s="74"/>
      <c r="G1221" s="74"/>
      <c r="H1221" s="74"/>
      <c r="I1221" s="75"/>
      <c r="J1221" s="74"/>
      <c r="L1221" s="55"/>
      <c r="M1221" s="234"/>
      <c r="N1221" s="65"/>
      <c r="O1221" s="76"/>
      <c r="P1221" s="76"/>
      <c r="Q1221" s="65"/>
      <c r="R1221" s="76"/>
      <c r="S1221" s="76"/>
      <c r="T1221" s="76"/>
      <c r="U1221" s="76"/>
      <c r="V1221" s="76"/>
      <c r="W1221" s="76"/>
      <c r="X1221" s="76"/>
      <c r="Y1221" s="76"/>
      <c r="Z1221" s="76"/>
      <c r="AA1221" s="85"/>
      <c r="AB1221" s="85"/>
      <c r="AC1221" s="85"/>
      <c r="AD1221" s="85"/>
      <c r="AE1221" s="85"/>
      <c r="AF1221" s="85"/>
      <c r="AG1221" s="86"/>
      <c r="AH1221" s="85"/>
      <c r="AI1221" s="85"/>
      <c r="AJ1221" s="85"/>
      <c r="AK1221" s="85"/>
      <c r="AL1221" s="85"/>
      <c r="AM1221" s="92"/>
      <c r="AN1221" s="92"/>
      <c r="AO1221" s="92"/>
      <c r="AP1221" s="92"/>
      <c r="AQ1221" s="92"/>
      <c r="AR1221" s="92"/>
      <c r="AS1221" s="92"/>
      <c r="AT1221" s="92"/>
      <c r="AU1221" s="92"/>
      <c r="AV1221" s="92"/>
      <c r="AW1221" s="92"/>
      <c r="AX1221" s="92"/>
      <c r="AY1221" s="92"/>
      <c r="AZ1221" s="93"/>
      <c r="BA1221" s="93"/>
      <c r="BB1221" s="93"/>
      <c r="BC1221" s="93"/>
      <c r="BD1221" s="93"/>
      <c r="BE1221" s="93"/>
      <c r="BF1221" s="93"/>
      <c r="BG1221" s="93"/>
      <c r="BH1221" s="93"/>
      <c r="BI1221" s="93"/>
      <c r="BJ1221" s="93"/>
      <c r="BK1221" s="93"/>
      <c r="BL1221" s="93"/>
    </row>
    <row r="1222" spans="2:64" x14ac:dyDescent="0.2">
      <c r="B1222" s="43"/>
      <c r="C1222" s="73"/>
      <c r="D1222" s="64"/>
      <c r="E1222" s="55"/>
      <c r="F1222" s="74"/>
      <c r="G1222" s="74"/>
      <c r="H1222" s="74"/>
      <c r="I1222" s="75"/>
      <c r="J1222" s="74"/>
      <c r="L1222" s="55"/>
      <c r="M1222" s="234"/>
      <c r="N1222" s="65"/>
      <c r="O1222" s="76"/>
      <c r="P1222" s="76"/>
      <c r="Q1222" s="65"/>
      <c r="R1222" s="76"/>
      <c r="S1222" s="76"/>
      <c r="T1222" s="76"/>
      <c r="U1222" s="76"/>
      <c r="V1222" s="76"/>
      <c r="W1222" s="76"/>
      <c r="X1222" s="76"/>
      <c r="Y1222" s="76"/>
      <c r="Z1222" s="76"/>
      <c r="AA1222" s="85"/>
      <c r="AB1222" s="85"/>
      <c r="AC1222" s="85"/>
      <c r="AD1222" s="85"/>
      <c r="AE1222" s="85"/>
      <c r="AF1222" s="85"/>
      <c r="AG1222" s="86"/>
      <c r="AH1222" s="85"/>
      <c r="AI1222" s="85"/>
      <c r="AJ1222" s="85"/>
      <c r="AK1222" s="85"/>
      <c r="AL1222" s="85"/>
      <c r="AM1222" s="92"/>
      <c r="AN1222" s="92"/>
      <c r="AO1222" s="92"/>
      <c r="AP1222" s="92"/>
      <c r="AQ1222" s="92"/>
      <c r="AR1222" s="92"/>
      <c r="AS1222" s="92"/>
      <c r="AT1222" s="92"/>
      <c r="AU1222" s="92"/>
      <c r="AV1222" s="92"/>
      <c r="AW1222" s="92"/>
      <c r="AX1222" s="92"/>
      <c r="AY1222" s="92"/>
      <c r="AZ1222" s="93"/>
      <c r="BA1222" s="93"/>
      <c r="BB1222" s="93"/>
      <c r="BC1222" s="93"/>
      <c r="BD1222" s="93"/>
      <c r="BE1222" s="93"/>
      <c r="BF1222" s="93"/>
      <c r="BG1222" s="93"/>
      <c r="BH1222" s="93"/>
      <c r="BI1222" s="93"/>
      <c r="BJ1222" s="93"/>
      <c r="BK1222" s="93"/>
      <c r="BL1222" s="93"/>
    </row>
    <row r="1223" spans="2:64" x14ac:dyDescent="0.2">
      <c r="B1223" s="43"/>
      <c r="C1223" s="73"/>
      <c r="D1223" s="64"/>
      <c r="E1223" s="55"/>
      <c r="F1223" s="74"/>
      <c r="G1223" s="74"/>
      <c r="H1223" s="74"/>
      <c r="I1223" s="75"/>
      <c r="J1223" s="74"/>
      <c r="L1223" s="55"/>
      <c r="M1223" s="234"/>
      <c r="N1223" s="65"/>
      <c r="O1223" s="76"/>
      <c r="P1223" s="76"/>
      <c r="Q1223" s="65"/>
      <c r="R1223" s="76"/>
      <c r="S1223" s="76"/>
      <c r="T1223" s="76"/>
      <c r="U1223" s="76"/>
      <c r="V1223" s="76"/>
      <c r="W1223" s="76"/>
      <c r="X1223" s="76"/>
      <c r="Y1223" s="76"/>
      <c r="Z1223" s="76"/>
      <c r="AA1223" s="85"/>
      <c r="AB1223" s="85"/>
      <c r="AC1223" s="85"/>
      <c r="AD1223" s="85"/>
      <c r="AE1223" s="85"/>
      <c r="AF1223" s="85"/>
      <c r="AG1223" s="86"/>
      <c r="AH1223" s="85"/>
      <c r="AI1223" s="85"/>
      <c r="AJ1223" s="85"/>
      <c r="AK1223" s="85"/>
      <c r="AL1223" s="85"/>
      <c r="AM1223" s="92"/>
      <c r="AN1223" s="92"/>
      <c r="AO1223" s="92"/>
      <c r="AP1223" s="92"/>
      <c r="AQ1223" s="92"/>
      <c r="AR1223" s="92"/>
      <c r="AS1223" s="92"/>
      <c r="AT1223" s="92"/>
      <c r="AU1223" s="92"/>
      <c r="AV1223" s="92"/>
      <c r="AW1223" s="92"/>
      <c r="AX1223" s="92"/>
      <c r="AY1223" s="92"/>
      <c r="AZ1223" s="93"/>
      <c r="BA1223" s="93"/>
      <c r="BB1223" s="93"/>
      <c r="BC1223" s="93"/>
      <c r="BD1223" s="93"/>
      <c r="BE1223" s="93"/>
      <c r="BF1223" s="93"/>
      <c r="BG1223" s="93"/>
      <c r="BH1223" s="93"/>
      <c r="BI1223" s="93"/>
      <c r="BJ1223" s="93"/>
      <c r="BK1223" s="93"/>
      <c r="BL1223" s="93"/>
    </row>
    <row r="1224" spans="2:64" x14ac:dyDescent="0.2">
      <c r="B1224" s="43"/>
      <c r="C1224" s="73"/>
      <c r="D1224" s="64"/>
      <c r="E1224" s="55"/>
      <c r="F1224" s="74"/>
      <c r="G1224" s="74"/>
      <c r="H1224" s="74"/>
      <c r="I1224" s="75"/>
      <c r="J1224" s="74"/>
      <c r="L1224" s="55"/>
      <c r="M1224" s="234"/>
      <c r="N1224" s="65"/>
      <c r="O1224" s="76"/>
      <c r="P1224" s="76"/>
      <c r="Q1224" s="65"/>
      <c r="R1224" s="76"/>
      <c r="S1224" s="76"/>
      <c r="T1224" s="76"/>
      <c r="U1224" s="76"/>
      <c r="V1224" s="76"/>
      <c r="W1224" s="76"/>
      <c r="X1224" s="76"/>
      <c r="Y1224" s="76"/>
      <c r="Z1224" s="76"/>
      <c r="AA1224" s="85"/>
      <c r="AB1224" s="85"/>
      <c r="AC1224" s="85"/>
      <c r="AD1224" s="85"/>
      <c r="AE1224" s="85"/>
      <c r="AF1224" s="85"/>
      <c r="AG1224" s="86"/>
      <c r="AH1224" s="85"/>
      <c r="AI1224" s="85"/>
      <c r="AJ1224" s="85"/>
      <c r="AK1224" s="85"/>
      <c r="AL1224" s="85"/>
      <c r="AM1224" s="92"/>
      <c r="AN1224" s="92"/>
      <c r="AO1224" s="92"/>
      <c r="AP1224" s="92"/>
      <c r="AQ1224" s="92"/>
      <c r="AR1224" s="92"/>
      <c r="AS1224" s="92"/>
      <c r="AT1224" s="92"/>
      <c r="AU1224" s="92"/>
      <c r="AV1224" s="92"/>
      <c r="AW1224" s="92"/>
      <c r="AX1224" s="92"/>
      <c r="AY1224" s="92"/>
      <c r="AZ1224" s="93"/>
      <c r="BA1224" s="93"/>
      <c r="BB1224" s="93"/>
      <c r="BC1224" s="93"/>
      <c r="BD1224" s="93"/>
      <c r="BE1224" s="93"/>
      <c r="BF1224" s="93"/>
      <c r="BG1224" s="93"/>
      <c r="BH1224" s="93"/>
      <c r="BI1224" s="93"/>
      <c r="BJ1224" s="93"/>
      <c r="BK1224" s="93"/>
      <c r="BL1224" s="93"/>
    </row>
    <row r="1225" spans="2:64" x14ac:dyDescent="0.2">
      <c r="B1225" s="43"/>
      <c r="C1225" s="73"/>
      <c r="D1225" s="64"/>
      <c r="E1225" s="55"/>
      <c r="F1225" s="74"/>
      <c r="G1225" s="74"/>
      <c r="H1225" s="74"/>
      <c r="I1225" s="75"/>
      <c r="J1225" s="74"/>
      <c r="L1225" s="55"/>
      <c r="M1225" s="234"/>
      <c r="N1225" s="65"/>
      <c r="O1225" s="76"/>
      <c r="P1225" s="76"/>
      <c r="Q1225" s="65"/>
      <c r="R1225" s="76"/>
      <c r="S1225" s="76"/>
      <c r="T1225" s="76"/>
      <c r="U1225" s="76"/>
      <c r="V1225" s="76"/>
      <c r="W1225" s="76"/>
      <c r="X1225" s="76"/>
      <c r="Y1225" s="76"/>
      <c r="Z1225" s="76"/>
      <c r="AA1225" s="85"/>
      <c r="AB1225" s="85"/>
      <c r="AC1225" s="85"/>
      <c r="AD1225" s="85"/>
      <c r="AE1225" s="85"/>
      <c r="AF1225" s="85"/>
      <c r="AG1225" s="86"/>
      <c r="AH1225" s="85"/>
      <c r="AI1225" s="85"/>
      <c r="AJ1225" s="85"/>
      <c r="AK1225" s="85"/>
      <c r="AL1225" s="85"/>
      <c r="AM1225" s="92"/>
      <c r="AN1225" s="92"/>
      <c r="AO1225" s="92"/>
      <c r="AP1225" s="92"/>
      <c r="AQ1225" s="92"/>
      <c r="AR1225" s="92"/>
      <c r="AS1225" s="92"/>
      <c r="AT1225" s="92"/>
      <c r="AU1225" s="92"/>
      <c r="AV1225" s="92"/>
      <c r="AW1225" s="92"/>
      <c r="AX1225" s="92"/>
      <c r="AY1225" s="92"/>
      <c r="AZ1225" s="93"/>
      <c r="BA1225" s="93"/>
      <c r="BB1225" s="93"/>
      <c r="BC1225" s="93"/>
      <c r="BD1225" s="93"/>
      <c r="BE1225" s="93"/>
      <c r="BF1225" s="93"/>
      <c r="BG1225" s="93"/>
      <c r="BH1225" s="93"/>
      <c r="BI1225" s="93"/>
      <c r="BJ1225" s="93"/>
      <c r="BK1225" s="93"/>
      <c r="BL1225" s="93"/>
    </row>
    <row r="1226" spans="2:64" x14ac:dyDescent="0.2">
      <c r="B1226" s="43"/>
      <c r="C1226" s="73"/>
      <c r="D1226" s="64"/>
      <c r="E1226" s="55"/>
      <c r="F1226" s="74"/>
      <c r="G1226" s="74"/>
      <c r="H1226" s="74"/>
      <c r="I1226" s="75"/>
      <c r="J1226" s="74"/>
      <c r="L1226" s="55"/>
      <c r="M1226" s="234"/>
      <c r="N1226" s="65"/>
      <c r="O1226" s="76"/>
      <c r="P1226" s="76"/>
      <c r="Q1226" s="65"/>
      <c r="R1226" s="76"/>
      <c r="S1226" s="76"/>
      <c r="T1226" s="76"/>
      <c r="U1226" s="76"/>
      <c r="V1226" s="76"/>
      <c r="W1226" s="76"/>
      <c r="X1226" s="76"/>
      <c r="Y1226" s="76"/>
      <c r="Z1226" s="76"/>
      <c r="AA1226" s="85"/>
      <c r="AB1226" s="85"/>
      <c r="AC1226" s="85"/>
      <c r="AD1226" s="85"/>
      <c r="AE1226" s="85"/>
      <c r="AF1226" s="85"/>
      <c r="AG1226" s="86"/>
      <c r="AH1226" s="85"/>
      <c r="AI1226" s="85"/>
      <c r="AJ1226" s="85"/>
      <c r="AK1226" s="85"/>
      <c r="AL1226" s="85"/>
      <c r="AM1226" s="92"/>
      <c r="AN1226" s="92"/>
      <c r="AO1226" s="92"/>
      <c r="AP1226" s="92"/>
      <c r="AQ1226" s="92"/>
      <c r="AR1226" s="92"/>
      <c r="AS1226" s="92"/>
      <c r="AT1226" s="92"/>
      <c r="AU1226" s="92"/>
      <c r="AV1226" s="92"/>
      <c r="AW1226" s="92"/>
      <c r="AX1226" s="92"/>
      <c r="AY1226" s="92"/>
      <c r="AZ1226" s="93"/>
      <c r="BA1226" s="93"/>
      <c r="BB1226" s="93"/>
      <c r="BC1226" s="93"/>
      <c r="BD1226" s="93"/>
      <c r="BE1226" s="93"/>
      <c r="BF1226" s="93"/>
      <c r="BG1226" s="93"/>
      <c r="BH1226" s="93"/>
      <c r="BI1226" s="93"/>
      <c r="BJ1226" s="93"/>
      <c r="BK1226" s="93"/>
      <c r="BL1226" s="93"/>
    </row>
    <row r="1227" spans="2:64" x14ac:dyDescent="0.2">
      <c r="B1227" s="43"/>
      <c r="C1227" s="73"/>
      <c r="D1227" s="64"/>
      <c r="E1227" s="55"/>
      <c r="F1227" s="74"/>
      <c r="G1227" s="74"/>
      <c r="H1227" s="74"/>
      <c r="I1227" s="75"/>
      <c r="J1227" s="74"/>
      <c r="L1227" s="55"/>
      <c r="M1227" s="234"/>
      <c r="N1227" s="65"/>
      <c r="O1227" s="76"/>
      <c r="P1227" s="76"/>
      <c r="Q1227" s="65"/>
      <c r="R1227" s="76"/>
      <c r="S1227" s="76"/>
      <c r="T1227" s="76"/>
      <c r="U1227" s="76"/>
      <c r="V1227" s="76"/>
      <c r="W1227" s="76"/>
      <c r="X1227" s="76"/>
      <c r="Y1227" s="76"/>
      <c r="Z1227" s="76"/>
      <c r="AA1227" s="85"/>
      <c r="AB1227" s="85"/>
      <c r="AC1227" s="85"/>
      <c r="AD1227" s="85"/>
      <c r="AE1227" s="85"/>
      <c r="AF1227" s="85"/>
      <c r="AG1227" s="86"/>
      <c r="AH1227" s="85"/>
      <c r="AI1227" s="85"/>
      <c r="AJ1227" s="85"/>
      <c r="AK1227" s="85"/>
      <c r="AL1227" s="85"/>
      <c r="AM1227" s="92"/>
      <c r="AN1227" s="92"/>
      <c r="AO1227" s="92"/>
      <c r="AP1227" s="92"/>
      <c r="AQ1227" s="92"/>
      <c r="AR1227" s="92"/>
      <c r="AS1227" s="92"/>
      <c r="AT1227" s="92"/>
      <c r="AU1227" s="92"/>
      <c r="AV1227" s="92"/>
      <c r="AW1227" s="92"/>
      <c r="AX1227" s="92"/>
      <c r="AY1227" s="92"/>
      <c r="AZ1227" s="93"/>
      <c r="BA1227" s="93"/>
      <c r="BB1227" s="93"/>
      <c r="BC1227" s="93"/>
      <c r="BD1227" s="93"/>
      <c r="BE1227" s="93"/>
      <c r="BF1227" s="93"/>
      <c r="BG1227" s="93"/>
      <c r="BH1227" s="93"/>
      <c r="BI1227" s="93"/>
      <c r="BJ1227" s="93"/>
      <c r="BK1227" s="93"/>
      <c r="BL1227" s="93"/>
    </row>
    <row r="1228" spans="2:64" x14ac:dyDescent="0.2">
      <c r="B1228" s="43"/>
      <c r="C1228" s="73"/>
      <c r="D1228" s="64"/>
      <c r="E1228" s="55"/>
      <c r="F1228" s="74"/>
      <c r="G1228" s="74"/>
      <c r="H1228" s="74"/>
      <c r="I1228" s="75"/>
      <c r="J1228" s="74"/>
      <c r="L1228" s="55"/>
      <c r="M1228" s="234"/>
      <c r="N1228" s="65"/>
      <c r="O1228" s="76"/>
      <c r="P1228" s="76"/>
      <c r="Q1228" s="65"/>
      <c r="R1228" s="76"/>
      <c r="S1228" s="76"/>
      <c r="T1228" s="76"/>
      <c r="U1228" s="76"/>
      <c r="V1228" s="76"/>
      <c r="W1228" s="76"/>
      <c r="X1228" s="76"/>
      <c r="Y1228" s="76"/>
      <c r="Z1228" s="76"/>
      <c r="AA1228" s="85"/>
      <c r="AB1228" s="85"/>
      <c r="AC1228" s="85"/>
      <c r="AD1228" s="85"/>
      <c r="AE1228" s="85"/>
      <c r="AF1228" s="85"/>
      <c r="AG1228" s="86"/>
      <c r="AH1228" s="85"/>
      <c r="AI1228" s="85"/>
      <c r="AJ1228" s="85"/>
      <c r="AK1228" s="85"/>
      <c r="AL1228" s="85"/>
      <c r="AM1228" s="92"/>
      <c r="AN1228" s="92"/>
      <c r="AO1228" s="92"/>
      <c r="AP1228" s="92"/>
      <c r="AQ1228" s="92"/>
      <c r="AR1228" s="92"/>
      <c r="AS1228" s="92"/>
      <c r="AT1228" s="92"/>
      <c r="AU1228" s="92"/>
      <c r="AV1228" s="92"/>
      <c r="AW1228" s="92"/>
      <c r="AX1228" s="92"/>
      <c r="AY1228" s="92"/>
      <c r="AZ1228" s="93"/>
      <c r="BA1228" s="93"/>
      <c r="BB1228" s="93"/>
      <c r="BC1228" s="93"/>
      <c r="BD1228" s="93"/>
      <c r="BE1228" s="93"/>
      <c r="BF1228" s="93"/>
      <c r="BG1228" s="93"/>
      <c r="BH1228" s="93"/>
      <c r="BI1228" s="93"/>
      <c r="BJ1228" s="93"/>
      <c r="BK1228" s="93"/>
      <c r="BL1228" s="93"/>
    </row>
    <row r="1229" spans="2:64" x14ac:dyDescent="0.2">
      <c r="B1229" s="43"/>
      <c r="C1229" s="73"/>
      <c r="D1229" s="64"/>
      <c r="E1229" s="55"/>
      <c r="F1229" s="74"/>
      <c r="G1229" s="74"/>
      <c r="H1229" s="74"/>
      <c r="I1229" s="75"/>
      <c r="J1229" s="74"/>
      <c r="L1229" s="55"/>
      <c r="M1229" s="234"/>
      <c r="N1229" s="65"/>
      <c r="O1229" s="76"/>
      <c r="P1229" s="76"/>
      <c r="Q1229" s="65"/>
      <c r="R1229" s="76"/>
      <c r="S1229" s="76"/>
      <c r="T1229" s="76"/>
      <c r="U1229" s="76"/>
      <c r="V1229" s="76"/>
      <c r="W1229" s="76"/>
      <c r="X1229" s="76"/>
      <c r="Y1229" s="76"/>
      <c r="Z1229" s="76"/>
      <c r="AA1229" s="85"/>
      <c r="AB1229" s="85"/>
      <c r="AC1229" s="85"/>
      <c r="AD1229" s="85"/>
      <c r="AE1229" s="85"/>
      <c r="AF1229" s="85"/>
      <c r="AG1229" s="86"/>
      <c r="AH1229" s="85"/>
      <c r="AI1229" s="85"/>
      <c r="AJ1229" s="85"/>
      <c r="AK1229" s="85"/>
      <c r="AL1229" s="85"/>
      <c r="AM1229" s="92"/>
      <c r="AN1229" s="92"/>
      <c r="AO1229" s="92"/>
      <c r="AP1229" s="92"/>
      <c r="AQ1229" s="92"/>
      <c r="AR1229" s="92"/>
      <c r="AS1229" s="92"/>
      <c r="AT1229" s="92"/>
      <c r="AU1229" s="92"/>
      <c r="AV1229" s="92"/>
      <c r="AW1229" s="92"/>
      <c r="AX1229" s="92"/>
      <c r="AY1229" s="92"/>
      <c r="AZ1229" s="93"/>
      <c r="BA1229" s="93"/>
      <c r="BB1229" s="93"/>
      <c r="BC1229" s="93"/>
      <c r="BD1229" s="93"/>
      <c r="BE1229" s="93"/>
      <c r="BF1229" s="93"/>
      <c r="BG1229" s="93"/>
      <c r="BH1229" s="93"/>
      <c r="BI1229" s="93"/>
      <c r="BJ1229" s="93"/>
      <c r="BK1229" s="93"/>
      <c r="BL1229" s="93"/>
    </row>
    <row r="1230" spans="2:64" x14ac:dyDescent="0.2">
      <c r="B1230" s="43"/>
      <c r="C1230" s="73"/>
      <c r="D1230" s="64"/>
      <c r="E1230" s="55"/>
      <c r="F1230" s="74"/>
      <c r="G1230" s="74"/>
      <c r="H1230" s="74"/>
      <c r="I1230" s="75"/>
      <c r="J1230" s="74"/>
      <c r="L1230" s="55"/>
      <c r="M1230" s="234"/>
      <c r="N1230" s="65"/>
      <c r="O1230" s="76"/>
      <c r="P1230" s="76"/>
      <c r="Q1230" s="65"/>
      <c r="R1230" s="76"/>
      <c r="S1230" s="76"/>
      <c r="T1230" s="76"/>
      <c r="U1230" s="76"/>
      <c r="V1230" s="76"/>
      <c r="W1230" s="76"/>
      <c r="X1230" s="76"/>
      <c r="Y1230" s="76"/>
      <c r="Z1230" s="76"/>
      <c r="AA1230" s="85"/>
      <c r="AB1230" s="85"/>
      <c r="AC1230" s="85"/>
      <c r="AD1230" s="85"/>
      <c r="AE1230" s="85"/>
      <c r="AF1230" s="85"/>
      <c r="AG1230" s="86"/>
      <c r="AH1230" s="85"/>
      <c r="AI1230" s="85"/>
      <c r="AJ1230" s="85"/>
      <c r="AK1230" s="85"/>
      <c r="AL1230" s="85"/>
      <c r="AM1230" s="92"/>
      <c r="AN1230" s="92"/>
      <c r="AO1230" s="92"/>
      <c r="AP1230" s="92"/>
      <c r="AQ1230" s="92"/>
      <c r="AR1230" s="92"/>
      <c r="AS1230" s="92"/>
      <c r="AT1230" s="92"/>
      <c r="AU1230" s="92"/>
      <c r="AV1230" s="92"/>
      <c r="AW1230" s="92"/>
      <c r="AX1230" s="92"/>
      <c r="AY1230" s="92"/>
      <c r="AZ1230" s="93"/>
      <c r="BA1230" s="93"/>
      <c r="BB1230" s="93"/>
      <c r="BC1230" s="93"/>
      <c r="BD1230" s="93"/>
      <c r="BE1230" s="93"/>
      <c r="BF1230" s="93"/>
      <c r="BG1230" s="93"/>
      <c r="BH1230" s="93"/>
      <c r="BI1230" s="93"/>
      <c r="BJ1230" s="93"/>
      <c r="BK1230" s="93"/>
      <c r="BL1230" s="93"/>
    </row>
    <row r="1231" spans="2:64" x14ac:dyDescent="0.2">
      <c r="B1231" s="43"/>
      <c r="C1231" s="73"/>
      <c r="D1231" s="64"/>
      <c r="E1231" s="55"/>
      <c r="F1231" s="74"/>
      <c r="G1231" s="74"/>
      <c r="H1231" s="74"/>
      <c r="I1231" s="75"/>
      <c r="J1231" s="74"/>
      <c r="L1231" s="55"/>
      <c r="M1231" s="234"/>
      <c r="N1231" s="65"/>
      <c r="O1231" s="76"/>
      <c r="P1231" s="76"/>
      <c r="Q1231" s="65"/>
      <c r="R1231" s="76"/>
      <c r="S1231" s="76"/>
      <c r="T1231" s="76"/>
      <c r="U1231" s="76"/>
      <c r="V1231" s="76"/>
      <c r="W1231" s="76"/>
      <c r="X1231" s="76"/>
      <c r="Y1231" s="76"/>
      <c r="Z1231" s="76"/>
      <c r="AA1231" s="85"/>
      <c r="AB1231" s="85"/>
      <c r="AC1231" s="85"/>
      <c r="AD1231" s="85"/>
      <c r="AE1231" s="85"/>
      <c r="AF1231" s="85"/>
      <c r="AG1231" s="86"/>
      <c r="AH1231" s="85"/>
      <c r="AI1231" s="85"/>
      <c r="AJ1231" s="85"/>
      <c r="AK1231" s="85"/>
      <c r="AL1231" s="85"/>
      <c r="AM1231" s="92"/>
      <c r="AN1231" s="92"/>
      <c r="AO1231" s="92"/>
      <c r="AP1231" s="92"/>
      <c r="AQ1231" s="92"/>
      <c r="AR1231" s="92"/>
      <c r="AS1231" s="92"/>
      <c r="AT1231" s="92"/>
      <c r="AU1231" s="92"/>
      <c r="AV1231" s="92"/>
      <c r="AW1231" s="92"/>
      <c r="AX1231" s="92"/>
      <c r="AY1231" s="92"/>
      <c r="AZ1231" s="93"/>
      <c r="BA1231" s="93"/>
      <c r="BB1231" s="93"/>
      <c r="BC1231" s="93"/>
      <c r="BD1231" s="93"/>
      <c r="BE1231" s="93"/>
      <c r="BF1231" s="93"/>
      <c r="BG1231" s="93"/>
      <c r="BH1231" s="93"/>
      <c r="BI1231" s="93"/>
      <c r="BJ1231" s="93"/>
      <c r="BK1231" s="93"/>
      <c r="BL1231" s="93"/>
    </row>
    <row r="1232" spans="2:64" x14ac:dyDescent="0.2">
      <c r="B1232" s="43"/>
      <c r="C1232" s="73"/>
      <c r="D1232" s="64"/>
      <c r="E1232" s="55"/>
      <c r="F1232" s="74"/>
      <c r="G1232" s="74"/>
      <c r="H1232" s="74"/>
      <c r="I1232" s="75"/>
      <c r="J1232" s="74"/>
      <c r="L1232" s="55"/>
      <c r="M1232" s="234"/>
      <c r="N1232" s="65"/>
      <c r="O1232" s="76"/>
      <c r="P1232" s="76"/>
      <c r="Q1232" s="65"/>
      <c r="R1232" s="76"/>
      <c r="S1232" s="76"/>
      <c r="T1232" s="76"/>
      <c r="U1232" s="76"/>
      <c r="V1232" s="76"/>
      <c r="W1232" s="76"/>
      <c r="X1232" s="76"/>
      <c r="Y1232" s="76"/>
      <c r="Z1232" s="76"/>
      <c r="AA1232" s="85"/>
      <c r="AB1232" s="85"/>
      <c r="AC1232" s="85"/>
      <c r="AD1232" s="85"/>
      <c r="AE1232" s="85"/>
      <c r="AF1232" s="85"/>
      <c r="AG1232" s="86"/>
      <c r="AH1232" s="85"/>
      <c r="AI1232" s="85"/>
      <c r="AJ1232" s="85"/>
      <c r="AK1232" s="85"/>
      <c r="AL1232" s="85"/>
      <c r="AM1232" s="92"/>
      <c r="AN1232" s="92"/>
      <c r="AO1232" s="92"/>
      <c r="AP1232" s="92"/>
      <c r="AQ1232" s="92"/>
      <c r="AR1232" s="92"/>
      <c r="AS1232" s="92"/>
      <c r="AT1232" s="92"/>
      <c r="AU1232" s="92"/>
      <c r="AV1232" s="92"/>
      <c r="AW1232" s="92"/>
      <c r="AX1232" s="92"/>
      <c r="AY1232" s="92"/>
      <c r="AZ1232" s="93"/>
      <c r="BA1232" s="93"/>
      <c r="BB1232" s="93"/>
      <c r="BC1232" s="93"/>
      <c r="BD1232" s="93"/>
      <c r="BE1232" s="93"/>
      <c r="BF1232" s="93"/>
      <c r="BG1232" s="93"/>
      <c r="BH1232" s="93"/>
      <c r="BI1232" s="93"/>
      <c r="BJ1232" s="93"/>
      <c r="BK1232" s="93"/>
      <c r="BL1232" s="93"/>
    </row>
    <row r="1233" spans="2:64" x14ac:dyDescent="0.2">
      <c r="B1233" s="43"/>
      <c r="C1233" s="73"/>
      <c r="D1233" s="64"/>
      <c r="E1233" s="55"/>
      <c r="F1233" s="74"/>
      <c r="G1233" s="74"/>
      <c r="H1233" s="74"/>
      <c r="I1233" s="75"/>
      <c r="J1233" s="74"/>
      <c r="L1233" s="55"/>
      <c r="M1233" s="234"/>
      <c r="N1233" s="65"/>
      <c r="O1233" s="76"/>
      <c r="P1233" s="76"/>
      <c r="Q1233" s="65"/>
      <c r="R1233" s="76"/>
      <c r="S1233" s="76"/>
      <c r="T1233" s="76"/>
      <c r="U1233" s="76"/>
      <c r="V1233" s="76"/>
      <c r="W1233" s="76"/>
      <c r="X1233" s="76"/>
      <c r="Y1233" s="76"/>
      <c r="Z1233" s="76"/>
      <c r="AA1233" s="85"/>
      <c r="AB1233" s="85"/>
      <c r="AC1233" s="85"/>
      <c r="AD1233" s="85"/>
      <c r="AE1233" s="85"/>
      <c r="AF1233" s="85"/>
      <c r="AG1233" s="86"/>
      <c r="AH1233" s="85"/>
      <c r="AI1233" s="85"/>
      <c r="AJ1233" s="85"/>
      <c r="AK1233" s="85"/>
      <c r="AL1233" s="85"/>
      <c r="AM1233" s="92"/>
      <c r="AN1233" s="92"/>
      <c r="AO1233" s="92"/>
      <c r="AP1233" s="92"/>
      <c r="AQ1233" s="92"/>
      <c r="AR1233" s="92"/>
      <c r="AS1233" s="92"/>
      <c r="AT1233" s="92"/>
      <c r="AU1233" s="92"/>
      <c r="AV1233" s="92"/>
      <c r="AW1233" s="92"/>
      <c r="AX1233" s="92"/>
      <c r="AY1233" s="92"/>
      <c r="AZ1233" s="93"/>
      <c r="BA1233" s="93"/>
      <c r="BB1233" s="93"/>
      <c r="BC1233" s="93"/>
      <c r="BD1233" s="93"/>
      <c r="BE1233" s="93"/>
      <c r="BF1233" s="93"/>
      <c r="BG1233" s="93"/>
      <c r="BH1233" s="93"/>
      <c r="BI1233" s="93"/>
      <c r="BJ1233" s="93"/>
      <c r="BK1233" s="93"/>
      <c r="BL1233" s="93"/>
    </row>
    <row r="1234" spans="2:64" x14ac:dyDescent="0.2">
      <c r="B1234" s="43"/>
      <c r="C1234" s="73"/>
      <c r="D1234" s="64"/>
      <c r="E1234" s="55"/>
      <c r="F1234" s="74"/>
      <c r="G1234" s="74"/>
      <c r="H1234" s="74"/>
      <c r="I1234" s="75"/>
      <c r="J1234" s="74"/>
      <c r="L1234" s="55"/>
      <c r="M1234" s="234"/>
      <c r="N1234" s="65"/>
      <c r="O1234" s="76"/>
      <c r="P1234" s="76"/>
      <c r="Q1234" s="65"/>
      <c r="R1234" s="76"/>
      <c r="S1234" s="76"/>
      <c r="T1234" s="76"/>
      <c r="U1234" s="76"/>
      <c r="V1234" s="76"/>
      <c r="W1234" s="76"/>
      <c r="X1234" s="76"/>
      <c r="Y1234" s="76"/>
      <c r="Z1234" s="76"/>
      <c r="AA1234" s="85"/>
      <c r="AB1234" s="85"/>
      <c r="AC1234" s="85"/>
      <c r="AD1234" s="85"/>
      <c r="AE1234" s="85"/>
      <c r="AF1234" s="85"/>
      <c r="AG1234" s="86"/>
      <c r="AH1234" s="85"/>
      <c r="AI1234" s="85"/>
      <c r="AJ1234" s="85"/>
      <c r="AK1234" s="85"/>
      <c r="AL1234" s="85"/>
      <c r="AM1234" s="92"/>
      <c r="AN1234" s="92"/>
      <c r="AO1234" s="92"/>
      <c r="AP1234" s="92"/>
      <c r="AQ1234" s="92"/>
      <c r="AR1234" s="92"/>
      <c r="AS1234" s="92"/>
      <c r="AT1234" s="92"/>
      <c r="AU1234" s="92"/>
      <c r="AV1234" s="92"/>
      <c r="AW1234" s="92"/>
      <c r="AX1234" s="92"/>
      <c r="AY1234" s="92"/>
      <c r="AZ1234" s="93"/>
      <c r="BA1234" s="93"/>
      <c r="BB1234" s="93"/>
      <c r="BC1234" s="93"/>
      <c r="BD1234" s="93"/>
      <c r="BE1234" s="93"/>
      <c r="BF1234" s="93"/>
      <c r="BG1234" s="93"/>
      <c r="BH1234" s="93"/>
      <c r="BI1234" s="93"/>
      <c r="BJ1234" s="93"/>
      <c r="BK1234" s="93"/>
      <c r="BL1234" s="93"/>
    </row>
    <row r="1235" spans="2:64" x14ac:dyDescent="0.2">
      <c r="B1235" s="43"/>
      <c r="C1235" s="73"/>
      <c r="D1235" s="64"/>
      <c r="E1235" s="55"/>
      <c r="F1235" s="74"/>
      <c r="G1235" s="74"/>
      <c r="H1235" s="74"/>
      <c r="I1235" s="75"/>
      <c r="J1235" s="74"/>
      <c r="L1235" s="55"/>
      <c r="M1235" s="234"/>
      <c r="N1235" s="65"/>
      <c r="O1235" s="76"/>
      <c r="P1235" s="76"/>
      <c r="Q1235" s="65"/>
      <c r="R1235" s="76"/>
      <c r="S1235" s="76"/>
      <c r="T1235" s="76"/>
      <c r="U1235" s="76"/>
      <c r="V1235" s="76"/>
      <c r="W1235" s="76"/>
      <c r="X1235" s="76"/>
      <c r="Y1235" s="76"/>
      <c r="Z1235" s="76"/>
      <c r="AA1235" s="85"/>
      <c r="AB1235" s="85"/>
      <c r="AC1235" s="85"/>
      <c r="AD1235" s="85"/>
      <c r="AE1235" s="85"/>
      <c r="AF1235" s="85"/>
      <c r="AG1235" s="86"/>
      <c r="AH1235" s="85"/>
      <c r="AI1235" s="85"/>
      <c r="AJ1235" s="85"/>
      <c r="AK1235" s="85"/>
      <c r="AL1235" s="85"/>
      <c r="AM1235" s="92"/>
      <c r="AN1235" s="92"/>
      <c r="AO1235" s="92"/>
      <c r="AP1235" s="92"/>
      <c r="AQ1235" s="92"/>
      <c r="AR1235" s="92"/>
      <c r="AS1235" s="92"/>
      <c r="AT1235" s="92"/>
      <c r="AU1235" s="92"/>
      <c r="AV1235" s="92"/>
      <c r="AW1235" s="92"/>
      <c r="AX1235" s="92"/>
      <c r="AY1235" s="92"/>
      <c r="AZ1235" s="93"/>
      <c r="BA1235" s="93"/>
      <c r="BB1235" s="93"/>
      <c r="BC1235" s="93"/>
      <c r="BD1235" s="93"/>
      <c r="BE1235" s="93"/>
      <c r="BF1235" s="93"/>
      <c r="BG1235" s="93"/>
      <c r="BH1235" s="93"/>
      <c r="BI1235" s="93"/>
      <c r="BJ1235" s="93"/>
      <c r="BK1235" s="93"/>
      <c r="BL1235" s="93"/>
    </row>
    <row r="1236" spans="2:64" x14ac:dyDescent="0.2">
      <c r="B1236" s="43"/>
      <c r="C1236" s="73"/>
      <c r="D1236" s="64"/>
      <c r="E1236" s="55"/>
      <c r="F1236" s="74"/>
      <c r="G1236" s="74"/>
      <c r="H1236" s="74"/>
      <c r="I1236" s="75"/>
      <c r="J1236" s="74"/>
      <c r="L1236" s="55"/>
      <c r="M1236" s="234"/>
      <c r="N1236" s="65"/>
      <c r="O1236" s="76"/>
      <c r="P1236" s="76"/>
      <c r="Q1236" s="65"/>
      <c r="R1236" s="76"/>
      <c r="S1236" s="76"/>
      <c r="T1236" s="76"/>
      <c r="U1236" s="76"/>
      <c r="V1236" s="76"/>
      <c r="W1236" s="76"/>
      <c r="X1236" s="76"/>
      <c r="Y1236" s="76"/>
      <c r="Z1236" s="76"/>
      <c r="AA1236" s="85"/>
      <c r="AB1236" s="85"/>
      <c r="AC1236" s="85"/>
      <c r="AD1236" s="85"/>
      <c r="AE1236" s="85"/>
      <c r="AF1236" s="85"/>
      <c r="AG1236" s="86"/>
      <c r="AH1236" s="85"/>
      <c r="AI1236" s="85"/>
      <c r="AJ1236" s="85"/>
      <c r="AK1236" s="85"/>
      <c r="AL1236" s="85"/>
      <c r="AM1236" s="92"/>
      <c r="AN1236" s="92"/>
      <c r="AO1236" s="92"/>
      <c r="AP1236" s="92"/>
      <c r="AQ1236" s="92"/>
      <c r="AR1236" s="92"/>
      <c r="AS1236" s="92"/>
      <c r="AT1236" s="92"/>
      <c r="AU1236" s="92"/>
      <c r="AV1236" s="92"/>
      <c r="AW1236" s="92"/>
      <c r="AX1236" s="92"/>
      <c r="AY1236" s="92"/>
      <c r="AZ1236" s="93"/>
      <c r="BA1236" s="93"/>
      <c r="BB1236" s="93"/>
      <c r="BC1236" s="93"/>
      <c r="BD1236" s="93"/>
      <c r="BE1236" s="93"/>
      <c r="BF1236" s="93"/>
      <c r="BG1236" s="93"/>
      <c r="BH1236" s="93"/>
      <c r="BI1236" s="93"/>
      <c r="BJ1236" s="93"/>
      <c r="BK1236" s="93"/>
      <c r="BL1236" s="93"/>
    </row>
    <row r="1237" spans="2:64" x14ac:dyDescent="0.2">
      <c r="B1237" s="43"/>
      <c r="C1237" s="73"/>
      <c r="D1237" s="64"/>
      <c r="E1237" s="55"/>
      <c r="F1237" s="74"/>
      <c r="G1237" s="74"/>
      <c r="H1237" s="74"/>
      <c r="I1237" s="75"/>
      <c r="J1237" s="74"/>
      <c r="L1237" s="55"/>
      <c r="M1237" s="234"/>
      <c r="N1237" s="65"/>
      <c r="O1237" s="76"/>
      <c r="P1237" s="76"/>
      <c r="Q1237" s="65"/>
      <c r="R1237" s="76"/>
      <c r="S1237" s="76"/>
      <c r="T1237" s="76"/>
      <c r="U1237" s="76"/>
      <c r="V1237" s="76"/>
      <c r="W1237" s="76"/>
      <c r="X1237" s="76"/>
      <c r="Y1237" s="76"/>
      <c r="Z1237" s="76"/>
      <c r="AA1237" s="85"/>
      <c r="AB1237" s="85"/>
      <c r="AC1237" s="85"/>
      <c r="AD1237" s="85"/>
      <c r="AE1237" s="85"/>
      <c r="AF1237" s="85"/>
      <c r="AG1237" s="86"/>
      <c r="AH1237" s="85"/>
      <c r="AI1237" s="85"/>
      <c r="AJ1237" s="85"/>
      <c r="AK1237" s="85"/>
      <c r="AL1237" s="85"/>
      <c r="AM1237" s="92"/>
      <c r="AN1237" s="92"/>
      <c r="AO1237" s="92"/>
      <c r="AP1237" s="92"/>
      <c r="AQ1237" s="92"/>
      <c r="AR1237" s="92"/>
      <c r="AS1237" s="92"/>
      <c r="AT1237" s="92"/>
      <c r="AU1237" s="92"/>
      <c r="AV1237" s="92"/>
      <c r="AW1237" s="92"/>
      <c r="AX1237" s="92"/>
      <c r="AY1237" s="92"/>
      <c r="AZ1237" s="93"/>
      <c r="BA1237" s="93"/>
      <c r="BB1237" s="93"/>
      <c r="BC1237" s="93"/>
      <c r="BD1237" s="93"/>
      <c r="BE1237" s="93"/>
      <c r="BF1237" s="93"/>
      <c r="BG1237" s="93"/>
      <c r="BH1237" s="93"/>
      <c r="BI1237" s="93"/>
      <c r="BJ1237" s="93"/>
      <c r="BK1237" s="93"/>
      <c r="BL1237" s="93"/>
    </row>
    <row r="1238" spans="2:64" x14ac:dyDescent="0.2">
      <c r="B1238" s="43"/>
      <c r="C1238" s="73"/>
      <c r="D1238" s="64"/>
      <c r="E1238" s="55"/>
      <c r="F1238" s="74"/>
      <c r="G1238" s="74"/>
      <c r="H1238" s="74"/>
      <c r="I1238" s="75"/>
      <c r="J1238" s="74"/>
      <c r="L1238" s="55"/>
      <c r="M1238" s="234"/>
      <c r="N1238" s="65"/>
      <c r="O1238" s="76"/>
      <c r="P1238" s="76"/>
      <c r="Q1238" s="65"/>
      <c r="R1238" s="76"/>
      <c r="S1238" s="76"/>
      <c r="T1238" s="76"/>
      <c r="U1238" s="76"/>
      <c r="V1238" s="76"/>
      <c r="W1238" s="76"/>
      <c r="X1238" s="76"/>
      <c r="Y1238" s="76"/>
      <c r="Z1238" s="76"/>
      <c r="AA1238" s="85"/>
      <c r="AB1238" s="85"/>
      <c r="AC1238" s="85"/>
      <c r="AD1238" s="85"/>
      <c r="AE1238" s="85"/>
      <c r="AF1238" s="85"/>
      <c r="AG1238" s="86"/>
      <c r="AH1238" s="85"/>
      <c r="AI1238" s="85"/>
      <c r="AJ1238" s="85"/>
      <c r="AK1238" s="85"/>
      <c r="AL1238" s="85"/>
      <c r="AM1238" s="92"/>
      <c r="AN1238" s="92"/>
      <c r="AO1238" s="92"/>
      <c r="AP1238" s="92"/>
      <c r="AQ1238" s="92"/>
      <c r="AR1238" s="92"/>
      <c r="AS1238" s="92"/>
      <c r="AT1238" s="92"/>
      <c r="AU1238" s="92"/>
      <c r="AV1238" s="92"/>
      <c r="AW1238" s="92"/>
      <c r="AX1238" s="92"/>
      <c r="AY1238" s="92"/>
      <c r="AZ1238" s="93"/>
      <c r="BA1238" s="93"/>
      <c r="BB1238" s="93"/>
      <c r="BC1238" s="93"/>
      <c r="BD1238" s="93"/>
      <c r="BE1238" s="93"/>
      <c r="BF1238" s="93"/>
      <c r="BG1238" s="93"/>
      <c r="BH1238" s="93"/>
      <c r="BI1238" s="93"/>
      <c r="BJ1238" s="93"/>
      <c r="BK1238" s="93"/>
      <c r="BL1238" s="93"/>
    </row>
    <row r="1239" spans="2:64" x14ac:dyDescent="0.2">
      <c r="B1239" s="43"/>
      <c r="C1239" s="73"/>
      <c r="D1239" s="64"/>
      <c r="E1239" s="55"/>
      <c r="F1239" s="74"/>
      <c r="G1239" s="74"/>
      <c r="H1239" s="74"/>
      <c r="I1239" s="75"/>
      <c r="J1239" s="74"/>
      <c r="L1239" s="55"/>
      <c r="M1239" s="234"/>
      <c r="N1239" s="65"/>
      <c r="O1239" s="76"/>
      <c r="P1239" s="76"/>
      <c r="Q1239" s="65"/>
      <c r="R1239" s="76"/>
      <c r="S1239" s="76"/>
      <c r="T1239" s="76"/>
      <c r="U1239" s="76"/>
      <c r="V1239" s="76"/>
      <c r="W1239" s="76"/>
      <c r="X1239" s="76"/>
      <c r="Y1239" s="76"/>
      <c r="Z1239" s="76"/>
      <c r="AA1239" s="85"/>
      <c r="AB1239" s="85"/>
      <c r="AC1239" s="85"/>
      <c r="AD1239" s="85"/>
      <c r="AE1239" s="85"/>
      <c r="AF1239" s="85"/>
      <c r="AG1239" s="86"/>
      <c r="AH1239" s="85"/>
      <c r="AI1239" s="85"/>
      <c r="AJ1239" s="85"/>
      <c r="AK1239" s="85"/>
      <c r="AL1239" s="85"/>
      <c r="AM1239" s="92"/>
      <c r="AN1239" s="92"/>
      <c r="AO1239" s="92"/>
      <c r="AP1239" s="92"/>
      <c r="AQ1239" s="92"/>
      <c r="AR1239" s="92"/>
      <c r="AS1239" s="92"/>
      <c r="AT1239" s="92"/>
      <c r="AU1239" s="92"/>
      <c r="AV1239" s="92"/>
      <c r="AW1239" s="92"/>
      <c r="AX1239" s="92"/>
      <c r="AY1239" s="92"/>
      <c r="AZ1239" s="93"/>
      <c r="BA1239" s="93"/>
      <c r="BB1239" s="93"/>
      <c r="BC1239" s="93"/>
      <c r="BD1239" s="93"/>
      <c r="BE1239" s="93"/>
      <c r="BF1239" s="93"/>
      <c r="BG1239" s="93"/>
      <c r="BH1239" s="93"/>
      <c r="BI1239" s="93"/>
      <c r="BJ1239" s="93"/>
      <c r="BK1239" s="93"/>
      <c r="BL1239" s="93"/>
    </row>
    <row r="1240" spans="2:64" x14ac:dyDescent="0.2">
      <c r="B1240" s="43"/>
      <c r="C1240" s="73"/>
      <c r="D1240" s="64"/>
      <c r="E1240" s="55"/>
      <c r="F1240" s="74"/>
      <c r="G1240" s="74"/>
      <c r="H1240" s="74"/>
      <c r="I1240" s="75"/>
      <c r="J1240" s="74"/>
      <c r="L1240" s="55"/>
      <c r="M1240" s="234"/>
      <c r="N1240" s="65"/>
      <c r="O1240" s="76"/>
      <c r="P1240" s="76"/>
      <c r="Q1240" s="65"/>
      <c r="R1240" s="76"/>
      <c r="S1240" s="76"/>
      <c r="T1240" s="76"/>
      <c r="U1240" s="76"/>
      <c r="V1240" s="76"/>
      <c r="W1240" s="76"/>
      <c r="X1240" s="76"/>
      <c r="Y1240" s="76"/>
      <c r="Z1240" s="76"/>
      <c r="AA1240" s="85"/>
      <c r="AB1240" s="85"/>
      <c r="AC1240" s="85"/>
      <c r="AD1240" s="85"/>
      <c r="AE1240" s="85"/>
      <c r="AF1240" s="85"/>
      <c r="AG1240" s="86"/>
      <c r="AH1240" s="85"/>
      <c r="AI1240" s="85"/>
      <c r="AJ1240" s="85"/>
      <c r="AK1240" s="85"/>
      <c r="AL1240" s="85"/>
      <c r="AM1240" s="92"/>
      <c r="AN1240" s="92"/>
      <c r="AO1240" s="92"/>
      <c r="AP1240" s="92"/>
      <c r="AQ1240" s="92"/>
      <c r="AR1240" s="92"/>
      <c r="AS1240" s="92"/>
      <c r="AT1240" s="92"/>
      <c r="AU1240" s="92"/>
      <c r="AV1240" s="92"/>
      <c r="AW1240" s="92"/>
      <c r="AX1240" s="92"/>
      <c r="AY1240" s="92"/>
      <c r="AZ1240" s="93"/>
      <c r="BA1240" s="93"/>
      <c r="BB1240" s="93"/>
      <c r="BC1240" s="93"/>
      <c r="BD1240" s="93"/>
      <c r="BE1240" s="93"/>
      <c r="BF1240" s="93"/>
      <c r="BG1240" s="93"/>
      <c r="BH1240" s="93"/>
      <c r="BI1240" s="93"/>
      <c r="BJ1240" s="93"/>
      <c r="BK1240" s="93"/>
      <c r="BL1240" s="93"/>
    </row>
    <row r="1241" spans="2:64" x14ac:dyDescent="0.2">
      <c r="B1241" s="43"/>
      <c r="C1241" s="73"/>
      <c r="D1241" s="64"/>
      <c r="E1241" s="55"/>
      <c r="F1241" s="74"/>
      <c r="G1241" s="74"/>
      <c r="H1241" s="74"/>
      <c r="I1241" s="75"/>
      <c r="J1241" s="74"/>
      <c r="L1241" s="55"/>
      <c r="M1241" s="234"/>
      <c r="N1241" s="65"/>
      <c r="O1241" s="76"/>
      <c r="P1241" s="76"/>
      <c r="Q1241" s="65"/>
      <c r="R1241" s="76"/>
      <c r="S1241" s="76"/>
      <c r="T1241" s="76"/>
      <c r="U1241" s="76"/>
      <c r="V1241" s="76"/>
      <c r="W1241" s="76"/>
      <c r="X1241" s="76"/>
      <c r="Y1241" s="76"/>
      <c r="Z1241" s="76"/>
      <c r="AA1241" s="85"/>
      <c r="AB1241" s="85"/>
      <c r="AC1241" s="85"/>
      <c r="AD1241" s="85"/>
      <c r="AE1241" s="85"/>
      <c r="AF1241" s="85"/>
      <c r="AG1241" s="86"/>
      <c r="AH1241" s="85"/>
      <c r="AI1241" s="85"/>
      <c r="AJ1241" s="85"/>
      <c r="AK1241" s="85"/>
      <c r="AL1241" s="85"/>
      <c r="AM1241" s="92"/>
      <c r="AN1241" s="92"/>
      <c r="AO1241" s="92"/>
      <c r="AP1241" s="92"/>
      <c r="AQ1241" s="92"/>
      <c r="AR1241" s="92"/>
      <c r="AS1241" s="92"/>
      <c r="AT1241" s="92"/>
      <c r="AU1241" s="92"/>
      <c r="AV1241" s="92"/>
      <c r="AW1241" s="92"/>
      <c r="AX1241" s="92"/>
      <c r="AY1241" s="92"/>
      <c r="AZ1241" s="93"/>
      <c r="BA1241" s="93"/>
      <c r="BB1241" s="93"/>
      <c r="BC1241" s="93"/>
      <c r="BD1241" s="93"/>
      <c r="BE1241" s="93"/>
      <c r="BF1241" s="93"/>
      <c r="BG1241" s="93"/>
      <c r="BH1241" s="93"/>
      <c r="BI1241" s="93"/>
      <c r="BJ1241" s="93"/>
      <c r="BK1241" s="93"/>
      <c r="BL1241" s="93"/>
    </row>
    <row r="1242" spans="2:64" x14ac:dyDescent="0.2">
      <c r="B1242" s="43"/>
      <c r="C1242" s="73"/>
      <c r="D1242" s="64"/>
      <c r="E1242" s="55"/>
      <c r="F1242" s="74"/>
      <c r="G1242" s="74"/>
      <c r="H1242" s="74"/>
      <c r="I1242" s="75"/>
      <c r="J1242" s="74"/>
      <c r="L1242" s="55"/>
      <c r="M1242" s="234"/>
      <c r="N1242" s="65"/>
      <c r="O1242" s="76"/>
      <c r="P1242" s="76"/>
      <c r="Q1242" s="65"/>
      <c r="R1242" s="76"/>
      <c r="S1242" s="76"/>
      <c r="T1242" s="76"/>
      <c r="U1242" s="76"/>
      <c r="V1242" s="76"/>
      <c r="W1242" s="76"/>
      <c r="X1242" s="76"/>
      <c r="Y1242" s="76"/>
      <c r="Z1242" s="76"/>
      <c r="AA1242" s="85"/>
      <c r="AB1242" s="85"/>
      <c r="AC1242" s="85"/>
      <c r="AD1242" s="85"/>
      <c r="AE1242" s="85"/>
      <c r="AF1242" s="85"/>
      <c r="AG1242" s="86"/>
      <c r="AH1242" s="85"/>
      <c r="AI1242" s="85"/>
      <c r="AJ1242" s="85"/>
      <c r="AK1242" s="85"/>
      <c r="AL1242" s="85"/>
      <c r="AM1242" s="92"/>
      <c r="AN1242" s="92"/>
      <c r="AO1242" s="92"/>
      <c r="AP1242" s="92"/>
      <c r="AQ1242" s="92"/>
      <c r="AR1242" s="92"/>
      <c r="AS1242" s="92"/>
      <c r="AT1242" s="92"/>
      <c r="AU1242" s="92"/>
      <c r="AV1242" s="92"/>
      <c r="AW1242" s="92"/>
      <c r="AX1242" s="92"/>
      <c r="AY1242" s="92"/>
      <c r="AZ1242" s="93"/>
      <c r="BA1242" s="93"/>
      <c r="BB1242" s="93"/>
      <c r="BC1242" s="93"/>
      <c r="BD1242" s="93"/>
      <c r="BE1242" s="93"/>
      <c r="BF1242" s="93"/>
      <c r="BG1242" s="93"/>
      <c r="BH1242" s="93"/>
      <c r="BI1242" s="93"/>
      <c r="BJ1242" s="93"/>
      <c r="BK1242" s="93"/>
      <c r="BL1242" s="93"/>
    </row>
    <row r="1243" spans="2:64" x14ac:dyDescent="0.2">
      <c r="B1243" s="43"/>
      <c r="C1243" s="73"/>
      <c r="D1243" s="64"/>
      <c r="E1243" s="55"/>
      <c r="F1243" s="74"/>
      <c r="G1243" s="74"/>
      <c r="H1243" s="74"/>
      <c r="I1243" s="75"/>
      <c r="J1243" s="74"/>
      <c r="L1243" s="55"/>
      <c r="M1243" s="234"/>
      <c r="N1243" s="65"/>
      <c r="O1243" s="76"/>
      <c r="P1243" s="76"/>
      <c r="Q1243" s="65"/>
      <c r="R1243" s="76"/>
      <c r="S1243" s="76"/>
      <c r="T1243" s="76"/>
      <c r="U1243" s="76"/>
      <c r="V1243" s="76"/>
      <c r="W1243" s="76"/>
      <c r="X1243" s="76"/>
      <c r="Y1243" s="76"/>
      <c r="Z1243" s="76"/>
      <c r="AA1243" s="85"/>
      <c r="AB1243" s="85"/>
      <c r="AC1243" s="85"/>
      <c r="AD1243" s="85"/>
      <c r="AE1243" s="85"/>
      <c r="AF1243" s="85"/>
      <c r="AG1243" s="86"/>
      <c r="AH1243" s="85"/>
      <c r="AI1243" s="85"/>
      <c r="AJ1243" s="85"/>
      <c r="AK1243" s="85"/>
      <c r="AL1243" s="85"/>
      <c r="AM1243" s="92"/>
      <c r="AN1243" s="92"/>
      <c r="AO1243" s="92"/>
      <c r="AP1243" s="92"/>
      <c r="AQ1243" s="92"/>
      <c r="AR1243" s="92"/>
      <c r="AS1243" s="92"/>
      <c r="AT1243" s="92"/>
      <c r="AU1243" s="92"/>
      <c r="AV1243" s="92"/>
      <c r="AW1243" s="92"/>
      <c r="AX1243" s="92"/>
      <c r="AY1243" s="92"/>
      <c r="AZ1243" s="93"/>
      <c r="BA1243" s="93"/>
      <c r="BB1243" s="93"/>
      <c r="BC1243" s="93"/>
      <c r="BD1243" s="93"/>
      <c r="BE1243" s="93"/>
      <c r="BF1243" s="93"/>
      <c r="BG1243" s="93"/>
      <c r="BH1243" s="93"/>
      <c r="BI1243" s="93"/>
      <c r="BJ1243" s="93"/>
      <c r="BK1243" s="93"/>
      <c r="BL1243" s="93"/>
    </row>
    <row r="1244" spans="2:64" x14ac:dyDescent="0.2">
      <c r="B1244" s="43"/>
      <c r="C1244" s="73"/>
      <c r="D1244" s="64"/>
      <c r="E1244" s="55"/>
      <c r="F1244" s="74"/>
      <c r="G1244" s="74"/>
      <c r="H1244" s="74"/>
      <c r="I1244" s="75"/>
      <c r="J1244" s="74"/>
      <c r="L1244" s="55"/>
      <c r="M1244" s="234"/>
      <c r="N1244" s="65"/>
      <c r="O1244" s="76"/>
      <c r="P1244" s="76"/>
      <c r="Q1244" s="65"/>
      <c r="R1244" s="76"/>
      <c r="S1244" s="76"/>
      <c r="T1244" s="76"/>
      <c r="U1244" s="76"/>
      <c r="V1244" s="76"/>
      <c r="W1244" s="76"/>
      <c r="X1244" s="76"/>
      <c r="Y1244" s="76"/>
      <c r="Z1244" s="76"/>
      <c r="AA1244" s="85"/>
      <c r="AB1244" s="85"/>
      <c r="AC1244" s="85"/>
      <c r="AD1244" s="85"/>
      <c r="AE1244" s="85"/>
      <c r="AF1244" s="85"/>
      <c r="AG1244" s="86"/>
      <c r="AH1244" s="85"/>
      <c r="AI1244" s="85"/>
      <c r="AJ1244" s="85"/>
      <c r="AK1244" s="85"/>
      <c r="AL1244" s="85"/>
      <c r="AM1244" s="92"/>
      <c r="AN1244" s="92"/>
      <c r="AO1244" s="92"/>
      <c r="AP1244" s="92"/>
      <c r="AQ1244" s="92"/>
      <c r="AR1244" s="92"/>
      <c r="AS1244" s="92"/>
      <c r="AT1244" s="92"/>
      <c r="AU1244" s="92"/>
      <c r="AV1244" s="92"/>
      <c r="AW1244" s="92"/>
      <c r="AX1244" s="92"/>
      <c r="AY1244" s="92"/>
      <c r="AZ1244" s="93"/>
      <c r="BA1244" s="93"/>
      <c r="BB1244" s="93"/>
      <c r="BC1244" s="93"/>
      <c r="BD1244" s="93"/>
      <c r="BE1244" s="93"/>
      <c r="BF1244" s="93"/>
      <c r="BG1244" s="93"/>
      <c r="BH1244" s="93"/>
      <c r="BI1244" s="93"/>
      <c r="BJ1244" s="93"/>
      <c r="BK1244" s="93"/>
      <c r="BL1244" s="93"/>
    </row>
    <row r="1245" spans="2:64" x14ac:dyDescent="0.2">
      <c r="B1245" s="43"/>
      <c r="C1245" s="73"/>
      <c r="D1245" s="64"/>
      <c r="E1245" s="55"/>
      <c r="F1245" s="74"/>
      <c r="G1245" s="74"/>
      <c r="H1245" s="74"/>
      <c r="I1245" s="75"/>
      <c r="J1245" s="74"/>
      <c r="L1245" s="55"/>
      <c r="M1245" s="234"/>
      <c r="N1245" s="65"/>
      <c r="O1245" s="76"/>
      <c r="P1245" s="76"/>
      <c r="Q1245" s="65"/>
      <c r="R1245" s="76"/>
      <c r="S1245" s="76"/>
      <c r="T1245" s="76"/>
      <c r="U1245" s="76"/>
      <c r="V1245" s="76"/>
      <c r="W1245" s="76"/>
      <c r="X1245" s="76"/>
      <c r="Y1245" s="76"/>
      <c r="Z1245" s="76"/>
      <c r="AA1245" s="85"/>
      <c r="AB1245" s="85"/>
      <c r="AC1245" s="85"/>
      <c r="AD1245" s="85"/>
      <c r="AE1245" s="85"/>
      <c r="AF1245" s="85"/>
      <c r="AG1245" s="86"/>
      <c r="AH1245" s="85"/>
      <c r="AI1245" s="85"/>
      <c r="AJ1245" s="85"/>
      <c r="AK1245" s="85"/>
      <c r="AL1245" s="85"/>
      <c r="AM1245" s="92"/>
      <c r="AN1245" s="92"/>
      <c r="AO1245" s="92"/>
      <c r="AP1245" s="92"/>
      <c r="AQ1245" s="92"/>
      <c r="AR1245" s="92"/>
      <c r="AS1245" s="92"/>
      <c r="AT1245" s="92"/>
      <c r="AU1245" s="92"/>
      <c r="AV1245" s="92"/>
      <c r="AW1245" s="92"/>
      <c r="AX1245" s="92"/>
      <c r="AY1245" s="92"/>
      <c r="AZ1245" s="93"/>
      <c r="BA1245" s="93"/>
      <c r="BB1245" s="93"/>
      <c r="BC1245" s="93"/>
      <c r="BD1245" s="93"/>
      <c r="BE1245" s="93"/>
      <c r="BF1245" s="93"/>
      <c r="BG1245" s="93"/>
      <c r="BH1245" s="93"/>
      <c r="BI1245" s="93"/>
      <c r="BJ1245" s="93"/>
      <c r="BK1245" s="93"/>
      <c r="BL1245" s="93"/>
    </row>
    <row r="1246" spans="2:64" x14ac:dyDescent="0.2">
      <c r="B1246" s="43"/>
      <c r="C1246" s="73"/>
      <c r="D1246" s="64"/>
      <c r="E1246" s="55"/>
      <c r="F1246" s="74"/>
      <c r="G1246" s="74"/>
      <c r="H1246" s="74"/>
      <c r="I1246" s="75"/>
      <c r="J1246" s="74"/>
      <c r="L1246" s="55"/>
      <c r="M1246" s="234"/>
      <c r="N1246" s="65"/>
      <c r="O1246" s="76"/>
      <c r="P1246" s="76"/>
      <c r="Q1246" s="65"/>
      <c r="R1246" s="76"/>
      <c r="S1246" s="76"/>
      <c r="T1246" s="76"/>
      <c r="U1246" s="76"/>
      <c r="V1246" s="76"/>
      <c r="W1246" s="76"/>
      <c r="X1246" s="76"/>
      <c r="Y1246" s="76"/>
      <c r="Z1246" s="76"/>
      <c r="AA1246" s="85"/>
      <c r="AB1246" s="85"/>
      <c r="AC1246" s="85"/>
      <c r="AD1246" s="85"/>
      <c r="AE1246" s="85"/>
      <c r="AF1246" s="85"/>
      <c r="AG1246" s="86"/>
      <c r="AH1246" s="85"/>
      <c r="AI1246" s="85"/>
      <c r="AJ1246" s="85"/>
      <c r="AK1246" s="85"/>
      <c r="AL1246" s="85"/>
      <c r="AM1246" s="92"/>
      <c r="AN1246" s="92"/>
      <c r="AO1246" s="92"/>
      <c r="AP1246" s="92"/>
      <c r="AQ1246" s="92"/>
      <c r="AR1246" s="92"/>
      <c r="AS1246" s="92"/>
      <c r="AT1246" s="92"/>
      <c r="AU1246" s="92"/>
      <c r="AV1246" s="92"/>
      <c r="AW1246" s="92"/>
      <c r="AX1246" s="92"/>
      <c r="AY1246" s="92"/>
      <c r="AZ1246" s="93"/>
      <c r="BA1246" s="93"/>
      <c r="BB1246" s="93"/>
      <c r="BC1246" s="93"/>
      <c r="BD1246" s="93"/>
      <c r="BE1246" s="93"/>
      <c r="BF1246" s="93"/>
      <c r="BG1246" s="93"/>
      <c r="BH1246" s="93"/>
      <c r="BI1246" s="93"/>
      <c r="BJ1246" s="93"/>
      <c r="BK1246" s="93"/>
      <c r="BL1246" s="93"/>
    </row>
    <row r="1247" spans="2:64" x14ac:dyDescent="0.2">
      <c r="B1247" s="43"/>
      <c r="C1247" s="73"/>
      <c r="D1247" s="64"/>
      <c r="E1247" s="55"/>
      <c r="F1247" s="74"/>
      <c r="G1247" s="74"/>
      <c r="H1247" s="74"/>
      <c r="I1247" s="75"/>
      <c r="J1247" s="74"/>
      <c r="L1247" s="55"/>
      <c r="M1247" s="234"/>
      <c r="N1247" s="65"/>
      <c r="O1247" s="76"/>
      <c r="P1247" s="76"/>
      <c r="Q1247" s="65"/>
      <c r="R1247" s="76"/>
      <c r="S1247" s="76"/>
      <c r="T1247" s="76"/>
      <c r="U1247" s="76"/>
      <c r="V1247" s="76"/>
      <c r="W1247" s="76"/>
      <c r="X1247" s="76"/>
      <c r="Y1247" s="76"/>
      <c r="Z1247" s="76"/>
      <c r="AA1247" s="85"/>
      <c r="AB1247" s="85"/>
      <c r="AC1247" s="85"/>
      <c r="AD1247" s="85"/>
      <c r="AE1247" s="85"/>
      <c r="AF1247" s="85"/>
      <c r="AG1247" s="86"/>
      <c r="AH1247" s="85"/>
      <c r="AI1247" s="85"/>
      <c r="AJ1247" s="85"/>
      <c r="AK1247" s="85"/>
      <c r="AL1247" s="85"/>
      <c r="AM1247" s="92"/>
      <c r="AN1247" s="92"/>
      <c r="AO1247" s="92"/>
      <c r="AP1247" s="92"/>
      <c r="AQ1247" s="92"/>
      <c r="AR1247" s="92"/>
      <c r="AS1247" s="92"/>
      <c r="AT1247" s="92"/>
      <c r="AU1247" s="92"/>
      <c r="AV1247" s="92"/>
      <c r="AW1247" s="92"/>
      <c r="AX1247" s="92"/>
      <c r="AY1247" s="92"/>
      <c r="AZ1247" s="93"/>
      <c r="BA1247" s="93"/>
      <c r="BB1247" s="93"/>
      <c r="BC1247" s="93"/>
      <c r="BD1247" s="93"/>
      <c r="BE1247" s="93"/>
      <c r="BF1247" s="93"/>
      <c r="BG1247" s="93"/>
      <c r="BH1247" s="93"/>
      <c r="BI1247" s="93"/>
      <c r="BJ1247" s="93"/>
      <c r="BK1247" s="93"/>
      <c r="BL1247" s="93"/>
    </row>
    <row r="1248" spans="2:64" x14ac:dyDescent="0.2">
      <c r="B1248" s="43"/>
      <c r="C1248" s="73"/>
      <c r="D1248" s="64"/>
      <c r="E1248" s="55"/>
      <c r="F1248" s="74"/>
      <c r="G1248" s="74"/>
      <c r="H1248" s="74"/>
      <c r="I1248" s="75"/>
      <c r="J1248" s="74"/>
      <c r="L1248" s="55"/>
      <c r="M1248" s="234"/>
      <c r="N1248" s="65"/>
      <c r="O1248" s="76"/>
      <c r="P1248" s="76"/>
      <c r="Q1248" s="65"/>
      <c r="R1248" s="76"/>
      <c r="S1248" s="76"/>
      <c r="T1248" s="76"/>
      <c r="U1248" s="76"/>
      <c r="V1248" s="76"/>
      <c r="W1248" s="76"/>
      <c r="X1248" s="76"/>
      <c r="Y1248" s="76"/>
      <c r="Z1248" s="76"/>
      <c r="AA1248" s="85"/>
      <c r="AB1248" s="85"/>
      <c r="AC1248" s="85"/>
      <c r="AD1248" s="85"/>
      <c r="AE1248" s="85"/>
      <c r="AF1248" s="85"/>
      <c r="AG1248" s="86"/>
      <c r="AH1248" s="85"/>
      <c r="AI1248" s="85"/>
      <c r="AJ1248" s="85"/>
      <c r="AK1248" s="85"/>
      <c r="AL1248" s="85"/>
      <c r="AM1248" s="92"/>
      <c r="AN1248" s="92"/>
      <c r="AO1248" s="92"/>
      <c r="AP1248" s="92"/>
      <c r="AQ1248" s="92"/>
      <c r="AR1248" s="92"/>
      <c r="AS1248" s="92"/>
      <c r="AT1248" s="92"/>
      <c r="AU1248" s="92"/>
      <c r="AV1248" s="92"/>
      <c r="AW1248" s="92"/>
      <c r="AX1248" s="92"/>
      <c r="AY1248" s="92"/>
      <c r="AZ1248" s="93"/>
      <c r="BA1248" s="93"/>
      <c r="BB1248" s="93"/>
      <c r="BC1248" s="93"/>
      <c r="BD1248" s="93"/>
      <c r="BE1248" s="93"/>
      <c r="BF1248" s="93"/>
      <c r="BG1248" s="93"/>
      <c r="BH1248" s="93"/>
      <c r="BI1248" s="93"/>
      <c r="BJ1248" s="93"/>
      <c r="BK1248" s="93"/>
      <c r="BL1248" s="93"/>
    </row>
    <row r="1249" spans="2:64" x14ac:dyDescent="0.2">
      <c r="B1249" s="43"/>
      <c r="C1249" s="73"/>
      <c r="D1249" s="64"/>
      <c r="E1249" s="55"/>
      <c r="F1249" s="74"/>
      <c r="G1249" s="74"/>
      <c r="H1249" s="74"/>
      <c r="I1249" s="75"/>
      <c r="J1249" s="74"/>
      <c r="L1249" s="55"/>
      <c r="M1249" s="234"/>
      <c r="N1249" s="65"/>
      <c r="O1249" s="76"/>
      <c r="P1249" s="76"/>
      <c r="Q1249" s="65"/>
      <c r="R1249" s="76"/>
      <c r="S1249" s="76"/>
      <c r="T1249" s="76"/>
      <c r="U1249" s="76"/>
      <c r="V1249" s="76"/>
      <c r="W1249" s="76"/>
      <c r="X1249" s="76"/>
      <c r="Y1249" s="76"/>
      <c r="Z1249" s="76"/>
      <c r="AA1249" s="85"/>
      <c r="AB1249" s="85"/>
      <c r="AC1249" s="85"/>
      <c r="AD1249" s="85"/>
      <c r="AE1249" s="85"/>
      <c r="AF1249" s="85"/>
      <c r="AG1249" s="86"/>
      <c r="AH1249" s="85"/>
      <c r="AI1249" s="85"/>
      <c r="AJ1249" s="85"/>
      <c r="AK1249" s="85"/>
      <c r="AL1249" s="85"/>
      <c r="AM1249" s="92"/>
      <c r="AN1249" s="92"/>
      <c r="AO1249" s="92"/>
      <c r="AP1249" s="92"/>
      <c r="AQ1249" s="92"/>
      <c r="AR1249" s="92"/>
      <c r="AS1249" s="92"/>
      <c r="AT1249" s="92"/>
      <c r="AU1249" s="92"/>
      <c r="AV1249" s="92"/>
      <c r="AW1249" s="92"/>
      <c r="AX1249" s="92"/>
      <c r="AY1249" s="92"/>
      <c r="AZ1249" s="93"/>
      <c r="BA1249" s="93"/>
      <c r="BB1249" s="93"/>
      <c r="BC1249" s="93"/>
      <c r="BD1249" s="93"/>
      <c r="BE1249" s="93"/>
      <c r="BF1249" s="93"/>
      <c r="BG1249" s="93"/>
      <c r="BH1249" s="93"/>
      <c r="BI1249" s="93"/>
      <c r="BJ1249" s="93"/>
      <c r="BK1249" s="93"/>
      <c r="BL1249" s="93"/>
    </row>
    <row r="1250" spans="2:64" x14ac:dyDescent="0.2">
      <c r="B1250" s="43"/>
      <c r="C1250" s="73"/>
      <c r="D1250" s="64"/>
      <c r="E1250" s="55"/>
      <c r="F1250" s="74"/>
      <c r="G1250" s="74"/>
      <c r="H1250" s="74"/>
      <c r="I1250" s="75"/>
      <c r="J1250" s="74"/>
      <c r="L1250" s="55"/>
      <c r="M1250" s="234"/>
      <c r="N1250" s="65"/>
      <c r="O1250" s="76"/>
      <c r="P1250" s="76"/>
      <c r="Q1250" s="65"/>
      <c r="R1250" s="76"/>
      <c r="S1250" s="76"/>
      <c r="T1250" s="76"/>
      <c r="U1250" s="76"/>
      <c r="V1250" s="76"/>
      <c r="W1250" s="76"/>
      <c r="X1250" s="76"/>
      <c r="Y1250" s="76"/>
      <c r="Z1250" s="76"/>
      <c r="AA1250" s="85"/>
      <c r="AB1250" s="85"/>
      <c r="AC1250" s="85"/>
      <c r="AD1250" s="85"/>
      <c r="AE1250" s="85"/>
      <c r="AF1250" s="85"/>
      <c r="AG1250" s="86"/>
      <c r="AH1250" s="85"/>
      <c r="AI1250" s="85"/>
      <c r="AJ1250" s="85"/>
      <c r="AK1250" s="85"/>
      <c r="AL1250" s="85"/>
      <c r="AM1250" s="92"/>
      <c r="AN1250" s="92"/>
      <c r="AO1250" s="92"/>
      <c r="AP1250" s="92"/>
      <c r="AQ1250" s="92"/>
      <c r="AR1250" s="92"/>
      <c r="AS1250" s="92"/>
      <c r="AT1250" s="92"/>
      <c r="AU1250" s="92"/>
      <c r="AV1250" s="92"/>
      <c r="AW1250" s="92"/>
      <c r="AX1250" s="92"/>
      <c r="AY1250" s="92"/>
      <c r="AZ1250" s="93"/>
      <c r="BA1250" s="93"/>
      <c r="BB1250" s="93"/>
      <c r="BC1250" s="93"/>
      <c r="BD1250" s="93"/>
      <c r="BE1250" s="93"/>
      <c r="BF1250" s="93"/>
      <c r="BG1250" s="93"/>
      <c r="BH1250" s="93"/>
      <c r="BI1250" s="93"/>
      <c r="BJ1250" s="93"/>
      <c r="BK1250" s="93"/>
      <c r="BL1250" s="93"/>
    </row>
    <row r="1251" spans="2:64" x14ac:dyDescent="0.2">
      <c r="B1251" s="43"/>
      <c r="C1251" s="73"/>
      <c r="D1251" s="64"/>
      <c r="E1251" s="55"/>
      <c r="F1251" s="74"/>
      <c r="G1251" s="74"/>
      <c r="H1251" s="74"/>
      <c r="I1251" s="75"/>
      <c r="J1251" s="74"/>
      <c r="L1251" s="55"/>
      <c r="M1251" s="234"/>
      <c r="N1251" s="65"/>
      <c r="O1251" s="76"/>
      <c r="P1251" s="76"/>
      <c r="Q1251" s="65"/>
      <c r="R1251" s="76"/>
      <c r="S1251" s="76"/>
      <c r="T1251" s="76"/>
      <c r="U1251" s="76"/>
      <c r="V1251" s="76"/>
      <c r="W1251" s="76"/>
      <c r="X1251" s="76"/>
      <c r="Y1251" s="76"/>
      <c r="Z1251" s="76"/>
      <c r="AA1251" s="85"/>
      <c r="AB1251" s="85"/>
      <c r="AC1251" s="85"/>
      <c r="AD1251" s="85"/>
      <c r="AE1251" s="85"/>
      <c r="AF1251" s="85"/>
      <c r="AG1251" s="86"/>
      <c r="AH1251" s="85"/>
      <c r="AI1251" s="85"/>
      <c r="AJ1251" s="85"/>
      <c r="AK1251" s="85"/>
      <c r="AL1251" s="85"/>
      <c r="AM1251" s="92"/>
      <c r="AN1251" s="92"/>
      <c r="AO1251" s="92"/>
      <c r="AP1251" s="92"/>
      <c r="AQ1251" s="92"/>
      <c r="AR1251" s="92"/>
      <c r="AS1251" s="92"/>
      <c r="AT1251" s="92"/>
      <c r="AU1251" s="92"/>
      <c r="AV1251" s="92"/>
      <c r="AW1251" s="92"/>
      <c r="AX1251" s="92"/>
      <c r="AY1251" s="92"/>
      <c r="AZ1251" s="93"/>
      <c r="BA1251" s="93"/>
      <c r="BB1251" s="93"/>
      <c r="BC1251" s="93"/>
      <c r="BD1251" s="93"/>
      <c r="BE1251" s="93"/>
      <c r="BF1251" s="93"/>
      <c r="BG1251" s="93"/>
      <c r="BH1251" s="93"/>
      <c r="BI1251" s="93"/>
      <c r="BJ1251" s="93"/>
      <c r="BK1251" s="93"/>
      <c r="BL1251" s="93"/>
    </row>
    <row r="1252" spans="2:64" x14ac:dyDescent="0.2">
      <c r="B1252" s="43"/>
      <c r="C1252" s="73"/>
      <c r="D1252" s="64"/>
      <c r="E1252" s="55"/>
      <c r="F1252" s="74"/>
      <c r="G1252" s="74"/>
      <c r="H1252" s="74"/>
      <c r="I1252" s="75"/>
      <c r="J1252" s="74"/>
      <c r="L1252" s="55"/>
      <c r="M1252" s="234"/>
      <c r="N1252" s="65"/>
      <c r="O1252" s="76"/>
      <c r="P1252" s="76"/>
      <c r="Q1252" s="65"/>
      <c r="R1252" s="76"/>
      <c r="S1252" s="76"/>
      <c r="T1252" s="76"/>
      <c r="U1252" s="76"/>
      <c r="V1252" s="76"/>
      <c r="W1252" s="76"/>
      <c r="X1252" s="76"/>
      <c r="Y1252" s="76"/>
      <c r="Z1252" s="76"/>
      <c r="AA1252" s="85"/>
      <c r="AB1252" s="85"/>
      <c r="AC1252" s="85"/>
      <c r="AD1252" s="85"/>
      <c r="AE1252" s="85"/>
      <c r="AF1252" s="85"/>
      <c r="AG1252" s="86"/>
      <c r="AH1252" s="85"/>
      <c r="AI1252" s="85"/>
      <c r="AJ1252" s="85"/>
      <c r="AK1252" s="85"/>
      <c r="AL1252" s="85"/>
      <c r="AM1252" s="92"/>
      <c r="AN1252" s="92"/>
      <c r="AO1252" s="92"/>
      <c r="AP1252" s="92"/>
      <c r="AQ1252" s="92"/>
      <c r="AR1252" s="92"/>
      <c r="AS1252" s="92"/>
      <c r="AT1252" s="92"/>
      <c r="AU1252" s="92"/>
      <c r="AV1252" s="92"/>
      <c r="AW1252" s="92"/>
      <c r="AX1252" s="92"/>
      <c r="AY1252" s="92"/>
      <c r="AZ1252" s="93"/>
      <c r="BA1252" s="93"/>
      <c r="BB1252" s="93"/>
      <c r="BC1252" s="93"/>
      <c r="BD1252" s="93"/>
      <c r="BE1252" s="93"/>
      <c r="BF1252" s="93"/>
      <c r="BG1252" s="93"/>
      <c r="BH1252" s="93"/>
      <c r="BI1252" s="93"/>
      <c r="BJ1252" s="93"/>
      <c r="BK1252" s="93"/>
      <c r="BL1252" s="93"/>
    </row>
    <row r="1253" spans="2:64" x14ac:dyDescent="0.2">
      <c r="B1253" s="43"/>
      <c r="C1253" s="73"/>
      <c r="D1253" s="64"/>
      <c r="E1253" s="55"/>
      <c r="F1253" s="74"/>
      <c r="G1253" s="74"/>
      <c r="H1253" s="74"/>
      <c r="I1253" s="75"/>
      <c r="J1253" s="74"/>
      <c r="L1253" s="55"/>
      <c r="M1253" s="234"/>
      <c r="N1253" s="65"/>
      <c r="O1253" s="76"/>
      <c r="P1253" s="76"/>
      <c r="Q1253" s="65"/>
      <c r="R1253" s="76"/>
      <c r="S1253" s="76"/>
      <c r="T1253" s="76"/>
      <c r="U1253" s="76"/>
      <c r="V1253" s="76"/>
      <c r="W1253" s="76"/>
      <c r="X1253" s="76"/>
      <c r="Y1253" s="76"/>
      <c r="Z1253" s="76"/>
      <c r="AA1253" s="85"/>
      <c r="AB1253" s="85"/>
      <c r="AC1253" s="85"/>
      <c r="AD1253" s="85"/>
      <c r="AE1253" s="85"/>
      <c r="AF1253" s="85"/>
      <c r="AG1253" s="86"/>
      <c r="AH1253" s="85"/>
      <c r="AI1253" s="85"/>
      <c r="AJ1253" s="85"/>
      <c r="AK1253" s="85"/>
      <c r="AL1253" s="85"/>
      <c r="AM1253" s="92"/>
      <c r="AN1253" s="92"/>
      <c r="AO1253" s="92"/>
      <c r="AP1253" s="92"/>
      <c r="AQ1253" s="92"/>
      <c r="AR1253" s="92"/>
      <c r="AS1253" s="92"/>
      <c r="AT1253" s="92"/>
      <c r="AU1253" s="92"/>
      <c r="AV1253" s="92"/>
      <c r="AW1253" s="92"/>
      <c r="AX1253" s="92"/>
      <c r="AY1253" s="92"/>
      <c r="AZ1253" s="93"/>
      <c r="BA1253" s="93"/>
      <c r="BB1253" s="93"/>
      <c r="BC1253" s="93"/>
      <c r="BD1253" s="93"/>
      <c r="BE1253" s="93"/>
      <c r="BF1253" s="93"/>
      <c r="BG1253" s="93"/>
      <c r="BH1253" s="93"/>
      <c r="BI1253" s="93"/>
      <c r="BJ1253" s="93"/>
      <c r="BK1253" s="93"/>
      <c r="BL1253" s="93"/>
    </row>
    <row r="1254" spans="2:64" x14ac:dyDescent="0.2">
      <c r="B1254" s="43"/>
      <c r="C1254" s="73"/>
      <c r="D1254" s="64"/>
      <c r="E1254" s="55"/>
      <c r="F1254" s="74"/>
      <c r="G1254" s="74"/>
      <c r="H1254" s="74"/>
      <c r="I1254" s="75"/>
      <c r="J1254" s="74"/>
      <c r="L1254" s="55"/>
      <c r="M1254" s="234"/>
      <c r="N1254" s="65"/>
      <c r="O1254" s="76"/>
      <c r="P1254" s="76"/>
      <c r="Q1254" s="65"/>
      <c r="R1254" s="76"/>
      <c r="S1254" s="76"/>
      <c r="T1254" s="76"/>
      <c r="U1254" s="76"/>
      <c r="V1254" s="76"/>
      <c r="W1254" s="76"/>
      <c r="X1254" s="76"/>
      <c r="Y1254" s="76"/>
      <c r="Z1254" s="76"/>
      <c r="AA1254" s="85"/>
      <c r="AB1254" s="85"/>
      <c r="AC1254" s="85"/>
      <c r="AD1254" s="85"/>
      <c r="AE1254" s="85"/>
      <c r="AF1254" s="85"/>
      <c r="AG1254" s="86"/>
      <c r="AH1254" s="85"/>
      <c r="AI1254" s="85"/>
      <c r="AJ1254" s="85"/>
      <c r="AK1254" s="85"/>
      <c r="AL1254" s="85"/>
      <c r="AM1254" s="92"/>
      <c r="AN1254" s="92"/>
      <c r="AO1254" s="92"/>
      <c r="AP1254" s="92"/>
      <c r="AQ1254" s="92"/>
      <c r="AR1254" s="92"/>
      <c r="AS1254" s="92"/>
      <c r="AT1254" s="92"/>
      <c r="AU1254" s="92"/>
      <c r="AV1254" s="92"/>
      <c r="AW1254" s="92"/>
      <c r="AX1254" s="92"/>
      <c r="AY1254" s="92"/>
      <c r="AZ1254" s="93"/>
      <c r="BA1254" s="93"/>
      <c r="BB1254" s="93"/>
      <c r="BC1254" s="93"/>
      <c r="BD1254" s="93"/>
      <c r="BE1254" s="93"/>
      <c r="BF1254" s="93"/>
      <c r="BG1254" s="93"/>
      <c r="BH1254" s="93"/>
      <c r="BI1254" s="93"/>
      <c r="BJ1254" s="93"/>
      <c r="BK1254" s="93"/>
      <c r="BL1254" s="93"/>
    </row>
    <row r="1255" spans="2:64" x14ac:dyDescent="0.2">
      <c r="B1255" s="43"/>
      <c r="C1255" s="73"/>
      <c r="D1255" s="64"/>
      <c r="E1255" s="55"/>
      <c r="F1255" s="74"/>
      <c r="G1255" s="74"/>
      <c r="H1255" s="74"/>
      <c r="I1255" s="75"/>
      <c r="J1255" s="74"/>
      <c r="L1255" s="55"/>
      <c r="M1255" s="234"/>
      <c r="N1255" s="65"/>
      <c r="O1255" s="76"/>
      <c r="P1255" s="76"/>
      <c r="Q1255" s="65"/>
      <c r="R1255" s="76"/>
      <c r="S1255" s="76"/>
      <c r="T1255" s="76"/>
      <c r="U1255" s="76"/>
      <c r="V1255" s="76"/>
      <c r="W1255" s="76"/>
      <c r="X1255" s="76"/>
      <c r="Y1255" s="76"/>
      <c r="Z1255" s="76"/>
      <c r="AA1255" s="85"/>
      <c r="AB1255" s="85"/>
      <c r="AC1255" s="85"/>
      <c r="AD1255" s="85"/>
      <c r="AE1255" s="85"/>
      <c r="AF1255" s="85"/>
      <c r="AG1255" s="86"/>
      <c r="AH1255" s="85"/>
      <c r="AI1255" s="85"/>
      <c r="AJ1255" s="85"/>
      <c r="AK1255" s="85"/>
      <c r="AL1255" s="85"/>
      <c r="AM1255" s="92"/>
      <c r="AN1255" s="92"/>
      <c r="AO1255" s="92"/>
      <c r="AP1255" s="92"/>
      <c r="AQ1255" s="92"/>
      <c r="AR1255" s="92"/>
      <c r="AS1255" s="92"/>
      <c r="AT1255" s="92"/>
      <c r="AU1255" s="92"/>
      <c r="AV1255" s="92"/>
      <c r="AW1255" s="92"/>
      <c r="AX1255" s="92"/>
      <c r="AY1255" s="92"/>
      <c r="AZ1255" s="93"/>
      <c r="BA1255" s="93"/>
      <c r="BB1255" s="93"/>
      <c r="BC1255" s="93"/>
      <c r="BD1255" s="93"/>
      <c r="BE1255" s="93"/>
      <c r="BF1255" s="93"/>
      <c r="BG1255" s="93"/>
      <c r="BH1255" s="93"/>
      <c r="BI1255" s="93"/>
      <c r="BJ1255" s="93"/>
      <c r="BK1255" s="93"/>
      <c r="BL1255" s="93"/>
    </row>
    <row r="1256" spans="2:64" x14ac:dyDescent="0.2">
      <c r="B1256" s="43"/>
      <c r="C1256" s="73"/>
      <c r="D1256" s="64"/>
      <c r="E1256" s="55"/>
      <c r="F1256" s="74"/>
      <c r="G1256" s="74"/>
      <c r="H1256" s="74"/>
      <c r="I1256" s="75"/>
      <c r="J1256" s="74"/>
      <c r="L1256" s="55"/>
      <c r="M1256" s="234"/>
      <c r="N1256" s="65"/>
      <c r="O1256" s="76"/>
      <c r="P1256" s="76"/>
      <c r="Q1256" s="65"/>
      <c r="R1256" s="76"/>
      <c r="S1256" s="76"/>
      <c r="T1256" s="76"/>
      <c r="U1256" s="76"/>
      <c r="V1256" s="76"/>
      <c r="W1256" s="76"/>
      <c r="X1256" s="76"/>
      <c r="Y1256" s="76"/>
      <c r="Z1256" s="76"/>
      <c r="AA1256" s="85"/>
      <c r="AB1256" s="85"/>
      <c r="AC1256" s="85"/>
      <c r="AD1256" s="85"/>
      <c r="AE1256" s="85"/>
      <c r="AF1256" s="85"/>
      <c r="AG1256" s="86"/>
      <c r="AH1256" s="85"/>
      <c r="AI1256" s="85"/>
      <c r="AJ1256" s="85"/>
      <c r="AK1256" s="85"/>
      <c r="AL1256" s="85"/>
      <c r="AM1256" s="92"/>
      <c r="AN1256" s="92"/>
      <c r="AO1256" s="92"/>
      <c r="AP1256" s="92"/>
      <c r="AQ1256" s="92"/>
      <c r="AR1256" s="92"/>
      <c r="AS1256" s="92"/>
      <c r="AT1256" s="92"/>
      <c r="AU1256" s="92"/>
      <c r="AV1256" s="92"/>
      <c r="AW1256" s="92"/>
      <c r="AX1256" s="92"/>
      <c r="AY1256" s="92"/>
      <c r="AZ1256" s="93"/>
      <c r="BA1256" s="93"/>
      <c r="BB1256" s="93"/>
      <c r="BC1256" s="93"/>
      <c r="BD1256" s="93"/>
      <c r="BE1256" s="93"/>
      <c r="BF1256" s="93"/>
      <c r="BG1256" s="93"/>
      <c r="BH1256" s="93"/>
      <c r="BI1256" s="93"/>
      <c r="BJ1256" s="93"/>
      <c r="BK1256" s="93"/>
      <c r="BL1256" s="93"/>
    </row>
    <row r="1257" spans="2:64" x14ac:dyDescent="0.2">
      <c r="B1257" s="43"/>
      <c r="C1257" s="73"/>
      <c r="D1257" s="64"/>
      <c r="E1257" s="55"/>
      <c r="F1257" s="74"/>
      <c r="G1257" s="74"/>
      <c r="H1257" s="74"/>
      <c r="I1257" s="75"/>
      <c r="J1257" s="74"/>
      <c r="L1257" s="55"/>
      <c r="M1257" s="234"/>
      <c r="N1257" s="65"/>
      <c r="O1257" s="76"/>
      <c r="P1257" s="76"/>
      <c r="Q1257" s="65"/>
      <c r="R1257" s="76"/>
      <c r="S1257" s="76"/>
      <c r="T1257" s="76"/>
      <c r="U1257" s="76"/>
      <c r="V1257" s="76"/>
      <c r="W1257" s="76"/>
      <c r="X1257" s="76"/>
      <c r="Y1257" s="76"/>
      <c r="Z1257" s="76"/>
      <c r="AA1257" s="85"/>
      <c r="AB1257" s="85"/>
      <c r="AC1257" s="85"/>
      <c r="AD1257" s="85"/>
      <c r="AE1257" s="85"/>
      <c r="AF1257" s="85"/>
      <c r="AG1257" s="86"/>
      <c r="AH1257" s="85"/>
      <c r="AI1257" s="85"/>
      <c r="AJ1257" s="85"/>
      <c r="AK1257" s="85"/>
      <c r="AL1257" s="85"/>
      <c r="AM1257" s="92"/>
      <c r="AN1257" s="92"/>
      <c r="AO1257" s="92"/>
      <c r="AP1257" s="92"/>
      <c r="AQ1257" s="92"/>
      <c r="AR1257" s="92"/>
      <c r="AS1257" s="92"/>
      <c r="AT1257" s="92"/>
      <c r="AU1257" s="92"/>
      <c r="AV1257" s="92"/>
      <c r="AW1257" s="92"/>
      <c r="AX1257" s="92"/>
      <c r="AY1257" s="92"/>
      <c r="AZ1257" s="93"/>
      <c r="BA1257" s="93"/>
      <c r="BB1257" s="93"/>
      <c r="BC1257" s="93"/>
      <c r="BD1257" s="93"/>
      <c r="BE1257" s="93"/>
      <c r="BF1257" s="93"/>
      <c r="BG1257" s="93"/>
      <c r="BH1257" s="93"/>
      <c r="BI1257" s="93"/>
      <c r="BJ1257" s="93"/>
      <c r="BK1257" s="93"/>
      <c r="BL1257" s="93"/>
    </row>
    <row r="1258" spans="2:64" x14ac:dyDescent="0.2">
      <c r="B1258" s="43"/>
      <c r="C1258" s="73"/>
      <c r="D1258" s="64"/>
      <c r="E1258" s="55"/>
      <c r="F1258" s="74"/>
      <c r="G1258" s="74"/>
      <c r="H1258" s="74"/>
      <c r="I1258" s="75"/>
      <c r="J1258" s="74"/>
      <c r="L1258" s="55"/>
      <c r="M1258" s="234"/>
      <c r="N1258" s="65"/>
      <c r="O1258" s="76"/>
      <c r="P1258" s="76"/>
      <c r="Q1258" s="65"/>
      <c r="R1258" s="76"/>
      <c r="S1258" s="76"/>
      <c r="T1258" s="76"/>
      <c r="U1258" s="76"/>
      <c r="V1258" s="76"/>
      <c r="W1258" s="76"/>
      <c r="X1258" s="76"/>
      <c r="Y1258" s="76"/>
      <c r="Z1258" s="76"/>
      <c r="AA1258" s="85"/>
      <c r="AB1258" s="85"/>
      <c r="AC1258" s="85"/>
      <c r="AD1258" s="85"/>
      <c r="AE1258" s="85"/>
      <c r="AF1258" s="85"/>
      <c r="AG1258" s="86"/>
      <c r="AH1258" s="85"/>
      <c r="AI1258" s="85"/>
      <c r="AJ1258" s="85"/>
      <c r="AK1258" s="85"/>
      <c r="AL1258" s="85"/>
      <c r="AM1258" s="92"/>
      <c r="AN1258" s="92"/>
      <c r="AO1258" s="92"/>
      <c r="AP1258" s="92"/>
      <c r="AQ1258" s="92"/>
      <c r="AR1258" s="92"/>
      <c r="AS1258" s="92"/>
      <c r="AT1258" s="92"/>
      <c r="AU1258" s="92"/>
      <c r="AV1258" s="92"/>
      <c r="AW1258" s="92"/>
      <c r="AX1258" s="92"/>
      <c r="AY1258" s="92"/>
      <c r="AZ1258" s="93"/>
      <c r="BA1258" s="93"/>
      <c r="BB1258" s="93"/>
      <c r="BC1258" s="93"/>
      <c r="BD1258" s="93"/>
      <c r="BE1258" s="93"/>
      <c r="BF1258" s="93"/>
      <c r="BG1258" s="93"/>
      <c r="BH1258" s="93"/>
      <c r="BI1258" s="93"/>
      <c r="BJ1258" s="93"/>
      <c r="BK1258" s="93"/>
      <c r="BL1258" s="93"/>
    </row>
    <row r="1259" spans="2:64" x14ac:dyDescent="0.2">
      <c r="B1259" s="43"/>
      <c r="C1259" s="73"/>
      <c r="D1259" s="64"/>
      <c r="E1259" s="55"/>
      <c r="F1259" s="74"/>
      <c r="G1259" s="74"/>
      <c r="H1259" s="74"/>
      <c r="I1259" s="75"/>
      <c r="J1259" s="74"/>
      <c r="L1259" s="55"/>
      <c r="M1259" s="234"/>
      <c r="N1259" s="65"/>
      <c r="O1259" s="76"/>
      <c r="P1259" s="76"/>
      <c r="Q1259" s="65"/>
      <c r="R1259" s="76"/>
      <c r="S1259" s="76"/>
      <c r="T1259" s="76"/>
      <c r="U1259" s="76"/>
      <c r="V1259" s="76"/>
      <c r="W1259" s="76"/>
      <c r="X1259" s="76"/>
      <c r="Y1259" s="76"/>
      <c r="Z1259" s="76"/>
      <c r="AA1259" s="85"/>
      <c r="AB1259" s="85"/>
      <c r="AC1259" s="85"/>
      <c r="AD1259" s="85"/>
      <c r="AE1259" s="85"/>
      <c r="AF1259" s="85"/>
      <c r="AG1259" s="86"/>
      <c r="AH1259" s="85"/>
      <c r="AI1259" s="85"/>
      <c r="AJ1259" s="85"/>
      <c r="AK1259" s="85"/>
      <c r="AL1259" s="85"/>
      <c r="AM1259" s="92"/>
      <c r="AN1259" s="92"/>
      <c r="AO1259" s="92"/>
      <c r="AP1259" s="92"/>
      <c r="AQ1259" s="92"/>
      <c r="AR1259" s="92"/>
      <c r="AS1259" s="92"/>
      <c r="AT1259" s="92"/>
      <c r="AU1259" s="92"/>
      <c r="AV1259" s="92"/>
      <c r="AW1259" s="92"/>
      <c r="AX1259" s="92"/>
      <c r="AY1259" s="92"/>
      <c r="AZ1259" s="93"/>
      <c r="BA1259" s="93"/>
      <c r="BB1259" s="93"/>
      <c r="BC1259" s="93"/>
      <c r="BD1259" s="93"/>
      <c r="BE1259" s="93"/>
      <c r="BF1259" s="93"/>
      <c r="BG1259" s="93"/>
      <c r="BH1259" s="93"/>
      <c r="BI1259" s="93"/>
      <c r="BJ1259" s="93"/>
      <c r="BK1259" s="93"/>
      <c r="BL1259" s="93"/>
    </row>
    <row r="1260" spans="2:64" x14ac:dyDescent="0.2">
      <c r="B1260" s="43"/>
      <c r="C1260" s="73"/>
      <c r="D1260" s="64"/>
      <c r="E1260" s="55"/>
      <c r="F1260" s="74"/>
      <c r="G1260" s="74"/>
      <c r="H1260" s="74"/>
      <c r="I1260" s="75"/>
      <c r="J1260" s="74"/>
      <c r="L1260" s="55"/>
      <c r="M1260" s="234"/>
      <c r="N1260" s="65"/>
      <c r="O1260" s="76"/>
      <c r="P1260" s="76"/>
      <c r="Q1260" s="65"/>
      <c r="R1260" s="76"/>
      <c r="S1260" s="76"/>
      <c r="T1260" s="76"/>
      <c r="U1260" s="76"/>
      <c r="V1260" s="76"/>
      <c r="W1260" s="76"/>
      <c r="X1260" s="76"/>
      <c r="Y1260" s="76"/>
      <c r="Z1260" s="76"/>
      <c r="AA1260" s="85"/>
      <c r="AB1260" s="85"/>
      <c r="AC1260" s="85"/>
      <c r="AD1260" s="85"/>
      <c r="AE1260" s="85"/>
      <c r="AF1260" s="85"/>
      <c r="AG1260" s="86"/>
      <c r="AH1260" s="85"/>
      <c r="AI1260" s="85"/>
      <c r="AJ1260" s="85"/>
      <c r="AK1260" s="85"/>
      <c r="AL1260" s="85"/>
      <c r="AM1260" s="92"/>
      <c r="AN1260" s="92"/>
      <c r="AO1260" s="92"/>
      <c r="AP1260" s="92"/>
      <c r="AQ1260" s="92"/>
      <c r="AR1260" s="92"/>
      <c r="AS1260" s="92"/>
      <c r="AT1260" s="92"/>
      <c r="AU1260" s="92"/>
      <c r="AV1260" s="92"/>
      <c r="AW1260" s="92"/>
      <c r="AX1260" s="92"/>
      <c r="AY1260" s="92"/>
      <c r="AZ1260" s="93"/>
      <c r="BA1260" s="93"/>
      <c r="BB1260" s="93"/>
      <c r="BC1260" s="93"/>
      <c r="BD1260" s="93"/>
      <c r="BE1260" s="93"/>
      <c r="BF1260" s="93"/>
      <c r="BG1260" s="93"/>
      <c r="BH1260" s="93"/>
      <c r="BI1260" s="93"/>
      <c r="BJ1260" s="93"/>
      <c r="BK1260" s="93"/>
      <c r="BL1260" s="93"/>
    </row>
    <row r="1261" spans="2:64" x14ac:dyDescent="0.2">
      <c r="B1261" s="43"/>
      <c r="C1261" s="73"/>
      <c r="D1261" s="64"/>
      <c r="E1261" s="55"/>
      <c r="F1261" s="74"/>
      <c r="G1261" s="74"/>
      <c r="H1261" s="74"/>
      <c r="I1261" s="75"/>
      <c r="J1261" s="74"/>
      <c r="L1261" s="55"/>
      <c r="M1261" s="234"/>
      <c r="N1261" s="65"/>
      <c r="O1261" s="76"/>
      <c r="P1261" s="76"/>
      <c r="Q1261" s="65"/>
      <c r="R1261" s="76"/>
      <c r="S1261" s="76"/>
      <c r="T1261" s="76"/>
      <c r="U1261" s="76"/>
      <c r="V1261" s="76"/>
      <c r="W1261" s="76"/>
      <c r="X1261" s="76"/>
      <c r="Y1261" s="76"/>
      <c r="Z1261" s="76"/>
      <c r="AA1261" s="85"/>
      <c r="AB1261" s="85"/>
      <c r="AC1261" s="85"/>
      <c r="AD1261" s="85"/>
      <c r="AE1261" s="85"/>
      <c r="AF1261" s="85"/>
      <c r="AG1261" s="86"/>
      <c r="AH1261" s="85"/>
      <c r="AI1261" s="85"/>
      <c r="AJ1261" s="85"/>
      <c r="AK1261" s="85"/>
      <c r="AL1261" s="85"/>
      <c r="AM1261" s="92"/>
      <c r="AN1261" s="92"/>
      <c r="AO1261" s="92"/>
      <c r="AP1261" s="92"/>
      <c r="AQ1261" s="92"/>
      <c r="AR1261" s="92"/>
      <c r="AS1261" s="92"/>
      <c r="AT1261" s="92"/>
      <c r="AU1261" s="92"/>
      <c r="AV1261" s="92"/>
      <c r="AW1261" s="92"/>
      <c r="AX1261" s="92"/>
      <c r="AY1261" s="92"/>
      <c r="AZ1261" s="93"/>
      <c r="BA1261" s="93"/>
      <c r="BB1261" s="93"/>
      <c r="BC1261" s="93"/>
      <c r="BD1261" s="93"/>
      <c r="BE1261" s="93"/>
      <c r="BF1261" s="93"/>
      <c r="BG1261" s="93"/>
      <c r="BH1261" s="93"/>
      <c r="BI1261" s="93"/>
      <c r="BJ1261" s="93"/>
      <c r="BK1261" s="93"/>
      <c r="BL1261" s="93"/>
    </row>
    <row r="1262" spans="2:64" x14ac:dyDescent="0.2">
      <c r="B1262" s="43"/>
      <c r="C1262" s="73"/>
      <c r="D1262" s="64"/>
      <c r="E1262" s="55"/>
      <c r="F1262" s="74"/>
      <c r="G1262" s="74"/>
      <c r="H1262" s="74"/>
      <c r="I1262" s="75"/>
      <c r="J1262" s="74"/>
      <c r="L1262" s="55"/>
      <c r="M1262" s="234"/>
      <c r="N1262" s="65"/>
      <c r="O1262" s="76"/>
      <c r="P1262" s="76"/>
      <c r="Q1262" s="65"/>
      <c r="R1262" s="76"/>
      <c r="S1262" s="76"/>
      <c r="T1262" s="76"/>
      <c r="U1262" s="76"/>
      <c r="V1262" s="76"/>
      <c r="W1262" s="76"/>
      <c r="X1262" s="76"/>
      <c r="Y1262" s="76"/>
      <c r="Z1262" s="76"/>
      <c r="AA1262" s="85"/>
      <c r="AB1262" s="85"/>
      <c r="AC1262" s="85"/>
      <c r="AD1262" s="85"/>
      <c r="AE1262" s="85"/>
      <c r="AF1262" s="85"/>
      <c r="AG1262" s="86"/>
      <c r="AH1262" s="85"/>
      <c r="AI1262" s="85"/>
      <c r="AJ1262" s="85"/>
      <c r="AK1262" s="85"/>
      <c r="AL1262" s="85"/>
      <c r="AM1262" s="92"/>
      <c r="AN1262" s="92"/>
      <c r="AO1262" s="92"/>
      <c r="AP1262" s="92"/>
      <c r="AQ1262" s="92"/>
      <c r="AR1262" s="92"/>
      <c r="AS1262" s="92"/>
      <c r="AT1262" s="92"/>
      <c r="AU1262" s="92"/>
      <c r="AV1262" s="92"/>
      <c r="AW1262" s="92"/>
      <c r="AX1262" s="92"/>
      <c r="AY1262" s="92"/>
      <c r="AZ1262" s="93"/>
      <c r="BA1262" s="93"/>
      <c r="BB1262" s="93"/>
      <c r="BC1262" s="93"/>
      <c r="BD1262" s="93"/>
      <c r="BE1262" s="93"/>
      <c r="BF1262" s="93"/>
      <c r="BG1262" s="93"/>
      <c r="BH1262" s="93"/>
      <c r="BI1262" s="93"/>
      <c r="BJ1262" s="93"/>
      <c r="BK1262" s="93"/>
      <c r="BL1262" s="93"/>
    </row>
    <row r="1263" spans="2:64" x14ac:dyDescent="0.2">
      <c r="B1263" s="43"/>
      <c r="C1263" s="73"/>
      <c r="D1263" s="64"/>
      <c r="E1263" s="55"/>
      <c r="F1263" s="74"/>
      <c r="G1263" s="74"/>
      <c r="H1263" s="74"/>
      <c r="I1263" s="75"/>
      <c r="J1263" s="74"/>
      <c r="L1263" s="55"/>
      <c r="M1263" s="234"/>
      <c r="N1263" s="65"/>
      <c r="O1263" s="76"/>
      <c r="P1263" s="76"/>
      <c r="Q1263" s="65"/>
      <c r="R1263" s="76"/>
      <c r="S1263" s="76"/>
      <c r="T1263" s="76"/>
      <c r="U1263" s="76"/>
      <c r="V1263" s="76"/>
      <c r="W1263" s="76"/>
      <c r="X1263" s="76"/>
      <c r="Y1263" s="76"/>
      <c r="Z1263" s="76"/>
      <c r="AA1263" s="85"/>
      <c r="AB1263" s="85"/>
      <c r="AC1263" s="85"/>
      <c r="AD1263" s="85"/>
      <c r="AE1263" s="85"/>
      <c r="AF1263" s="85"/>
      <c r="AG1263" s="86"/>
      <c r="AH1263" s="85"/>
      <c r="AI1263" s="85"/>
      <c r="AJ1263" s="85"/>
      <c r="AK1263" s="85"/>
      <c r="AL1263" s="85"/>
      <c r="AM1263" s="92"/>
      <c r="AN1263" s="92"/>
      <c r="AO1263" s="92"/>
      <c r="AP1263" s="92"/>
      <c r="AQ1263" s="92"/>
      <c r="AR1263" s="92"/>
      <c r="AS1263" s="92"/>
      <c r="AT1263" s="92"/>
      <c r="AU1263" s="92"/>
      <c r="AV1263" s="92"/>
      <c r="AW1263" s="92"/>
      <c r="AX1263" s="92"/>
      <c r="AY1263" s="92"/>
      <c r="AZ1263" s="93"/>
      <c r="BA1263" s="93"/>
      <c r="BB1263" s="93"/>
      <c r="BC1263" s="93"/>
      <c r="BD1263" s="93"/>
      <c r="BE1263" s="93"/>
      <c r="BF1263" s="93"/>
      <c r="BG1263" s="93"/>
      <c r="BH1263" s="93"/>
      <c r="BI1263" s="93"/>
      <c r="BJ1263" s="93"/>
      <c r="BK1263" s="93"/>
      <c r="BL1263" s="93"/>
    </row>
    <row r="1264" spans="2:64" x14ac:dyDescent="0.2">
      <c r="B1264" s="43"/>
      <c r="C1264" s="73"/>
      <c r="D1264" s="64"/>
      <c r="E1264" s="55"/>
      <c r="F1264" s="74"/>
      <c r="G1264" s="74"/>
      <c r="H1264" s="74"/>
      <c r="I1264" s="75"/>
      <c r="J1264" s="74"/>
      <c r="L1264" s="55"/>
      <c r="M1264" s="234"/>
      <c r="N1264" s="65"/>
      <c r="O1264" s="76"/>
      <c r="P1264" s="76"/>
      <c r="Q1264" s="65"/>
      <c r="R1264" s="76"/>
      <c r="S1264" s="76"/>
      <c r="T1264" s="76"/>
      <c r="U1264" s="76"/>
      <c r="V1264" s="76"/>
      <c r="W1264" s="76"/>
      <c r="X1264" s="76"/>
      <c r="Y1264" s="76"/>
      <c r="Z1264" s="76"/>
      <c r="AA1264" s="85"/>
      <c r="AB1264" s="85"/>
      <c r="AC1264" s="85"/>
      <c r="AD1264" s="85"/>
      <c r="AE1264" s="85"/>
      <c r="AF1264" s="85"/>
      <c r="AG1264" s="86"/>
      <c r="AH1264" s="85"/>
      <c r="AI1264" s="85"/>
      <c r="AJ1264" s="85"/>
      <c r="AK1264" s="85"/>
      <c r="AL1264" s="85"/>
      <c r="AM1264" s="92"/>
      <c r="AN1264" s="92"/>
      <c r="AO1264" s="92"/>
      <c r="AP1264" s="92"/>
      <c r="AQ1264" s="92"/>
      <c r="AR1264" s="92"/>
      <c r="AS1264" s="92"/>
      <c r="AT1264" s="92"/>
      <c r="AU1264" s="92"/>
      <c r="AV1264" s="92"/>
      <c r="AW1264" s="92"/>
      <c r="AX1264" s="92"/>
      <c r="AY1264" s="92"/>
      <c r="AZ1264" s="93"/>
      <c r="BA1264" s="93"/>
      <c r="BB1264" s="93"/>
      <c r="BC1264" s="93"/>
      <c r="BD1264" s="93"/>
      <c r="BE1264" s="93"/>
      <c r="BF1264" s="93"/>
      <c r="BG1264" s="93"/>
      <c r="BH1264" s="93"/>
      <c r="BI1264" s="93"/>
      <c r="BJ1264" s="93"/>
      <c r="BK1264" s="93"/>
      <c r="BL1264" s="93"/>
    </row>
    <row r="1265" spans="2:64" x14ac:dyDescent="0.2">
      <c r="B1265" s="43"/>
      <c r="C1265" s="73"/>
      <c r="D1265" s="64"/>
      <c r="E1265" s="55"/>
      <c r="F1265" s="74"/>
      <c r="G1265" s="74"/>
      <c r="H1265" s="74"/>
      <c r="I1265" s="75"/>
      <c r="J1265" s="74"/>
      <c r="L1265" s="55"/>
      <c r="M1265" s="234"/>
      <c r="N1265" s="65"/>
      <c r="O1265" s="76"/>
      <c r="P1265" s="76"/>
      <c r="Q1265" s="65"/>
      <c r="R1265" s="76"/>
      <c r="S1265" s="76"/>
      <c r="T1265" s="76"/>
      <c r="U1265" s="76"/>
      <c r="V1265" s="76"/>
      <c r="W1265" s="76"/>
      <c r="X1265" s="76"/>
      <c r="Y1265" s="76"/>
      <c r="Z1265" s="76"/>
      <c r="AA1265" s="85"/>
      <c r="AB1265" s="85"/>
      <c r="AC1265" s="85"/>
      <c r="AD1265" s="85"/>
      <c r="AE1265" s="85"/>
      <c r="AF1265" s="85"/>
      <c r="AG1265" s="86"/>
      <c r="AH1265" s="85"/>
      <c r="AI1265" s="85"/>
      <c r="AJ1265" s="85"/>
      <c r="AK1265" s="85"/>
      <c r="AL1265" s="85"/>
      <c r="AM1265" s="92"/>
      <c r="AN1265" s="92"/>
      <c r="AO1265" s="92"/>
      <c r="AP1265" s="92"/>
      <c r="AQ1265" s="92"/>
      <c r="AR1265" s="92"/>
      <c r="AS1265" s="92"/>
      <c r="AT1265" s="92"/>
      <c r="AU1265" s="92"/>
      <c r="AV1265" s="92"/>
      <c r="AW1265" s="92"/>
      <c r="AX1265" s="92"/>
      <c r="AY1265" s="92"/>
      <c r="AZ1265" s="93"/>
      <c r="BA1265" s="93"/>
      <c r="BB1265" s="93"/>
      <c r="BC1265" s="93"/>
      <c r="BD1265" s="93"/>
      <c r="BE1265" s="93"/>
      <c r="BF1265" s="93"/>
      <c r="BG1265" s="93"/>
      <c r="BH1265" s="93"/>
      <c r="BI1265" s="93"/>
      <c r="BJ1265" s="93"/>
      <c r="BK1265" s="93"/>
      <c r="BL1265" s="93"/>
    </row>
    <row r="1266" spans="2:64" x14ac:dyDescent="0.2">
      <c r="B1266" s="43"/>
      <c r="C1266" s="73"/>
      <c r="D1266" s="64"/>
      <c r="E1266" s="55"/>
      <c r="F1266" s="74"/>
      <c r="G1266" s="74"/>
      <c r="H1266" s="74"/>
      <c r="I1266" s="75"/>
      <c r="J1266" s="74"/>
      <c r="L1266" s="55"/>
      <c r="M1266" s="234"/>
      <c r="N1266" s="65"/>
      <c r="O1266" s="76"/>
      <c r="P1266" s="76"/>
      <c r="Q1266" s="65"/>
      <c r="R1266" s="76"/>
      <c r="S1266" s="76"/>
      <c r="T1266" s="76"/>
      <c r="U1266" s="76"/>
      <c r="V1266" s="76"/>
      <c r="W1266" s="76"/>
      <c r="X1266" s="76"/>
      <c r="Y1266" s="76"/>
      <c r="Z1266" s="76"/>
      <c r="AA1266" s="85"/>
      <c r="AB1266" s="85"/>
      <c r="AC1266" s="85"/>
      <c r="AD1266" s="85"/>
      <c r="AE1266" s="85"/>
      <c r="AF1266" s="85"/>
      <c r="AG1266" s="86"/>
      <c r="AH1266" s="85"/>
      <c r="AI1266" s="85"/>
      <c r="AJ1266" s="85"/>
      <c r="AK1266" s="85"/>
      <c r="AL1266" s="85"/>
      <c r="AM1266" s="92"/>
      <c r="AN1266" s="92"/>
      <c r="AO1266" s="92"/>
      <c r="AP1266" s="92"/>
      <c r="AQ1266" s="92"/>
      <c r="AR1266" s="92"/>
      <c r="AS1266" s="92"/>
      <c r="AT1266" s="92"/>
      <c r="AU1266" s="92"/>
      <c r="AV1266" s="92"/>
      <c r="AW1266" s="92"/>
      <c r="AX1266" s="92"/>
      <c r="AY1266" s="92"/>
      <c r="AZ1266" s="93"/>
      <c r="BA1266" s="93"/>
      <c r="BB1266" s="93"/>
      <c r="BC1266" s="93"/>
      <c r="BD1266" s="93"/>
      <c r="BE1266" s="93"/>
      <c r="BF1266" s="93"/>
      <c r="BG1266" s="93"/>
      <c r="BH1266" s="93"/>
      <c r="BI1266" s="93"/>
      <c r="BJ1266" s="93"/>
      <c r="BK1266" s="93"/>
      <c r="BL1266" s="93"/>
    </row>
    <row r="1267" spans="2:64" x14ac:dyDescent="0.2">
      <c r="B1267" s="43"/>
      <c r="C1267" s="73"/>
      <c r="D1267" s="64"/>
      <c r="E1267" s="55"/>
      <c r="F1267" s="74"/>
      <c r="G1267" s="74"/>
      <c r="H1267" s="74"/>
      <c r="I1267" s="75"/>
      <c r="J1267" s="74"/>
      <c r="L1267" s="55"/>
      <c r="M1267" s="234"/>
      <c r="N1267" s="65"/>
      <c r="O1267" s="76"/>
      <c r="P1267" s="76"/>
      <c r="Q1267" s="65"/>
      <c r="R1267" s="76"/>
      <c r="S1267" s="76"/>
      <c r="T1267" s="76"/>
      <c r="U1267" s="76"/>
      <c r="V1267" s="76"/>
      <c r="W1267" s="76"/>
      <c r="X1267" s="76"/>
      <c r="Y1267" s="76"/>
      <c r="Z1267" s="76"/>
      <c r="AA1267" s="85"/>
      <c r="AB1267" s="85"/>
      <c r="AC1267" s="85"/>
      <c r="AD1267" s="85"/>
      <c r="AE1267" s="85"/>
      <c r="AF1267" s="85"/>
      <c r="AG1267" s="86"/>
      <c r="AH1267" s="85"/>
      <c r="AI1267" s="85"/>
      <c r="AJ1267" s="85"/>
      <c r="AK1267" s="85"/>
      <c r="AL1267" s="85"/>
      <c r="AM1267" s="92"/>
      <c r="AN1267" s="92"/>
      <c r="AO1267" s="92"/>
      <c r="AP1267" s="92"/>
      <c r="AQ1267" s="92"/>
      <c r="AR1267" s="92"/>
      <c r="AS1267" s="92"/>
      <c r="AT1267" s="92"/>
      <c r="AU1267" s="92"/>
      <c r="AV1267" s="92"/>
      <c r="AW1267" s="92"/>
      <c r="AX1267" s="92"/>
      <c r="AY1267" s="92"/>
      <c r="AZ1267" s="93"/>
      <c r="BA1267" s="93"/>
      <c r="BB1267" s="93"/>
      <c r="BC1267" s="93"/>
      <c r="BD1267" s="93"/>
      <c r="BE1267" s="93"/>
      <c r="BF1267" s="93"/>
      <c r="BG1267" s="93"/>
      <c r="BH1267" s="93"/>
      <c r="BI1267" s="93"/>
      <c r="BJ1267" s="93"/>
      <c r="BK1267" s="93"/>
      <c r="BL1267" s="93"/>
    </row>
    <row r="1268" spans="2:64" x14ac:dyDescent="0.2">
      <c r="B1268" s="43"/>
      <c r="C1268" s="73"/>
      <c r="D1268" s="64"/>
      <c r="E1268" s="55"/>
      <c r="F1268" s="74"/>
      <c r="G1268" s="74"/>
      <c r="H1268" s="74"/>
      <c r="I1268" s="75"/>
      <c r="J1268" s="74"/>
      <c r="L1268" s="55"/>
      <c r="M1268" s="234"/>
      <c r="N1268" s="65"/>
      <c r="O1268" s="76"/>
      <c r="P1268" s="76"/>
      <c r="Q1268" s="65"/>
      <c r="R1268" s="76"/>
      <c r="S1268" s="76"/>
      <c r="T1268" s="76"/>
      <c r="U1268" s="76"/>
      <c r="V1268" s="76"/>
      <c r="W1268" s="76"/>
      <c r="X1268" s="76"/>
      <c r="Y1268" s="76"/>
      <c r="Z1268" s="76"/>
      <c r="AA1268" s="85"/>
      <c r="AB1268" s="85"/>
      <c r="AC1268" s="85"/>
      <c r="AD1268" s="85"/>
      <c r="AE1268" s="85"/>
      <c r="AF1268" s="85"/>
      <c r="AG1268" s="86"/>
      <c r="AH1268" s="85"/>
      <c r="AI1268" s="85"/>
      <c r="AJ1268" s="85"/>
      <c r="AK1268" s="85"/>
      <c r="AL1268" s="85"/>
      <c r="AM1268" s="92"/>
      <c r="AN1268" s="92"/>
      <c r="AO1268" s="92"/>
      <c r="AP1268" s="92"/>
      <c r="AQ1268" s="92"/>
      <c r="AR1268" s="92"/>
      <c r="AS1268" s="92"/>
      <c r="AT1268" s="92"/>
      <c r="AU1268" s="92"/>
      <c r="AV1268" s="92"/>
      <c r="AW1268" s="92"/>
      <c r="AX1268" s="92"/>
      <c r="AY1268" s="92"/>
      <c r="AZ1268" s="93"/>
      <c r="BA1268" s="93"/>
      <c r="BB1268" s="93"/>
      <c r="BC1268" s="93"/>
      <c r="BD1268" s="93"/>
      <c r="BE1268" s="93"/>
      <c r="BF1268" s="93"/>
      <c r="BG1268" s="93"/>
      <c r="BH1268" s="93"/>
      <c r="BI1268" s="93"/>
      <c r="BJ1268" s="93"/>
      <c r="BK1268" s="93"/>
      <c r="BL1268" s="93"/>
    </row>
    <row r="1269" spans="2:64" x14ac:dyDescent="0.2">
      <c r="B1269" s="43"/>
      <c r="C1269" s="73"/>
      <c r="D1269" s="64"/>
      <c r="E1269" s="55"/>
      <c r="F1269" s="74"/>
      <c r="G1269" s="74"/>
      <c r="H1269" s="74"/>
      <c r="I1269" s="75"/>
      <c r="J1269" s="74"/>
      <c r="L1269" s="55"/>
      <c r="M1269" s="234"/>
      <c r="N1269" s="65"/>
      <c r="O1269" s="76"/>
      <c r="P1269" s="76"/>
      <c r="Q1269" s="65"/>
      <c r="R1269" s="76"/>
      <c r="S1269" s="76"/>
      <c r="T1269" s="76"/>
      <c r="U1269" s="76"/>
      <c r="V1269" s="76"/>
      <c r="W1269" s="76"/>
      <c r="X1269" s="76"/>
      <c r="Y1269" s="76"/>
      <c r="Z1269" s="76"/>
      <c r="AA1269" s="85"/>
      <c r="AB1269" s="85"/>
      <c r="AC1269" s="85"/>
      <c r="AD1269" s="85"/>
      <c r="AE1269" s="85"/>
      <c r="AF1269" s="85"/>
      <c r="AG1269" s="86"/>
      <c r="AH1269" s="85"/>
      <c r="AI1269" s="85"/>
      <c r="AJ1269" s="85"/>
      <c r="AK1269" s="85"/>
      <c r="AL1269" s="85"/>
      <c r="AM1269" s="92"/>
      <c r="AN1269" s="92"/>
      <c r="AO1269" s="92"/>
      <c r="AP1269" s="92"/>
      <c r="AQ1269" s="92"/>
      <c r="AR1269" s="92"/>
      <c r="AS1269" s="92"/>
      <c r="AT1269" s="92"/>
      <c r="AU1269" s="92"/>
      <c r="AV1269" s="92"/>
      <c r="AW1269" s="92"/>
      <c r="AX1269" s="92"/>
      <c r="AY1269" s="92"/>
      <c r="AZ1269" s="93"/>
      <c r="BA1269" s="93"/>
      <c r="BB1269" s="93"/>
      <c r="BC1269" s="93"/>
      <c r="BD1269" s="93"/>
      <c r="BE1269" s="93"/>
      <c r="BF1269" s="93"/>
      <c r="BG1269" s="93"/>
      <c r="BH1269" s="93"/>
      <c r="BI1269" s="93"/>
      <c r="BJ1269" s="93"/>
      <c r="BK1269" s="93"/>
      <c r="BL1269" s="93"/>
    </row>
    <row r="1270" spans="2:64" x14ac:dyDescent="0.2">
      <c r="B1270" s="43"/>
      <c r="C1270" s="73"/>
      <c r="D1270" s="64"/>
      <c r="E1270" s="55"/>
      <c r="F1270" s="74"/>
      <c r="G1270" s="74"/>
      <c r="H1270" s="74"/>
      <c r="I1270" s="75"/>
      <c r="J1270" s="74"/>
      <c r="L1270" s="55"/>
      <c r="M1270" s="234"/>
      <c r="N1270" s="65"/>
      <c r="O1270" s="76"/>
      <c r="P1270" s="76"/>
      <c r="Q1270" s="65"/>
      <c r="R1270" s="76"/>
      <c r="S1270" s="76"/>
      <c r="T1270" s="76"/>
      <c r="U1270" s="76"/>
      <c r="V1270" s="76"/>
      <c r="W1270" s="76"/>
      <c r="X1270" s="76"/>
      <c r="Y1270" s="76"/>
      <c r="Z1270" s="76"/>
      <c r="AA1270" s="85"/>
      <c r="AB1270" s="85"/>
      <c r="AC1270" s="85"/>
      <c r="AD1270" s="85"/>
      <c r="AE1270" s="85"/>
      <c r="AF1270" s="85"/>
      <c r="AG1270" s="86"/>
      <c r="AH1270" s="85"/>
      <c r="AI1270" s="85"/>
      <c r="AJ1270" s="85"/>
      <c r="AK1270" s="85"/>
      <c r="AL1270" s="85"/>
      <c r="AM1270" s="92"/>
      <c r="AN1270" s="92"/>
      <c r="AO1270" s="92"/>
      <c r="AP1270" s="92"/>
      <c r="AQ1270" s="92"/>
      <c r="AR1270" s="92"/>
      <c r="AS1270" s="92"/>
      <c r="AT1270" s="92"/>
      <c r="AU1270" s="92"/>
      <c r="AV1270" s="92"/>
      <c r="AW1270" s="92"/>
      <c r="AX1270" s="92"/>
      <c r="AY1270" s="92"/>
      <c r="AZ1270" s="93"/>
      <c r="BA1270" s="93"/>
      <c r="BB1270" s="93"/>
      <c r="BC1270" s="93"/>
      <c r="BD1270" s="93"/>
      <c r="BE1270" s="93"/>
      <c r="BF1270" s="93"/>
      <c r="BG1270" s="93"/>
      <c r="BH1270" s="93"/>
      <c r="BI1270" s="93"/>
      <c r="BJ1270" s="93"/>
      <c r="BK1270" s="93"/>
      <c r="BL1270" s="93"/>
    </row>
    <row r="1271" spans="2:64" x14ac:dyDescent="0.2">
      <c r="B1271" s="43"/>
      <c r="C1271" s="73"/>
      <c r="D1271" s="64"/>
      <c r="E1271" s="55"/>
      <c r="F1271" s="74"/>
      <c r="G1271" s="74"/>
      <c r="H1271" s="74"/>
      <c r="I1271" s="75"/>
      <c r="J1271" s="74"/>
      <c r="L1271" s="55"/>
      <c r="M1271" s="234"/>
      <c r="N1271" s="65"/>
      <c r="O1271" s="76"/>
      <c r="P1271" s="76"/>
      <c r="Q1271" s="65"/>
      <c r="R1271" s="76"/>
      <c r="S1271" s="76"/>
      <c r="T1271" s="76"/>
      <c r="U1271" s="76"/>
      <c r="V1271" s="76"/>
      <c r="W1271" s="76"/>
      <c r="X1271" s="76"/>
      <c r="Y1271" s="76"/>
      <c r="Z1271" s="76"/>
      <c r="AA1271" s="85"/>
      <c r="AB1271" s="85"/>
      <c r="AC1271" s="85"/>
      <c r="AD1271" s="85"/>
      <c r="AE1271" s="85"/>
      <c r="AF1271" s="85"/>
      <c r="AG1271" s="86"/>
      <c r="AH1271" s="85"/>
      <c r="AI1271" s="85"/>
      <c r="AJ1271" s="85"/>
      <c r="AK1271" s="85"/>
      <c r="AL1271" s="85"/>
      <c r="AM1271" s="92"/>
      <c r="AN1271" s="92"/>
      <c r="AO1271" s="92"/>
      <c r="AP1271" s="92"/>
      <c r="AQ1271" s="92"/>
      <c r="AR1271" s="92"/>
      <c r="AS1271" s="92"/>
      <c r="AT1271" s="92"/>
      <c r="AU1271" s="92"/>
      <c r="AV1271" s="92"/>
      <c r="AW1271" s="92"/>
      <c r="AX1271" s="92"/>
      <c r="AY1271" s="92"/>
      <c r="AZ1271" s="93"/>
      <c r="BA1271" s="93"/>
      <c r="BB1271" s="93"/>
      <c r="BC1271" s="93"/>
      <c r="BD1271" s="93"/>
      <c r="BE1271" s="93"/>
      <c r="BF1271" s="93"/>
      <c r="BG1271" s="93"/>
      <c r="BH1271" s="93"/>
      <c r="BI1271" s="93"/>
      <c r="BJ1271" s="93"/>
      <c r="BK1271" s="93"/>
      <c r="BL1271" s="93"/>
    </row>
    <row r="1272" spans="2:64" x14ac:dyDescent="0.2">
      <c r="B1272" s="43"/>
      <c r="C1272" s="73"/>
      <c r="D1272" s="64"/>
      <c r="E1272" s="55"/>
      <c r="F1272" s="74"/>
      <c r="G1272" s="74"/>
      <c r="H1272" s="74"/>
      <c r="I1272" s="75"/>
      <c r="J1272" s="74"/>
      <c r="L1272" s="55"/>
      <c r="M1272" s="234"/>
      <c r="N1272" s="65"/>
      <c r="O1272" s="76"/>
      <c r="P1272" s="76"/>
      <c r="Q1272" s="65"/>
      <c r="R1272" s="76"/>
      <c r="S1272" s="76"/>
      <c r="T1272" s="76"/>
      <c r="U1272" s="76"/>
      <c r="V1272" s="76"/>
      <c r="W1272" s="76"/>
      <c r="X1272" s="76"/>
      <c r="Y1272" s="76"/>
      <c r="Z1272" s="76"/>
      <c r="AA1272" s="85"/>
      <c r="AB1272" s="85"/>
      <c r="AC1272" s="85"/>
      <c r="AD1272" s="85"/>
      <c r="AE1272" s="85"/>
      <c r="AF1272" s="85"/>
      <c r="AG1272" s="86"/>
      <c r="AH1272" s="85"/>
      <c r="AI1272" s="85"/>
      <c r="AJ1272" s="85"/>
      <c r="AK1272" s="85"/>
      <c r="AL1272" s="85"/>
      <c r="AM1272" s="92"/>
      <c r="AN1272" s="92"/>
      <c r="AO1272" s="92"/>
      <c r="AP1272" s="92"/>
      <c r="AQ1272" s="92"/>
      <c r="AR1272" s="92"/>
      <c r="AS1272" s="92"/>
      <c r="AT1272" s="92"/>
      <c r="AU1272" s="92"/>
      <c r="AV1272" s="92"/>
      <c r="AW1272" s="92"/>
      <c r="AX1272" s="92"/>
      <c r="AY1272" s="92"/>
      <c r="AZ1272" s="93"/>
      <c r="BA1272" s="93"/>
      <c r="BB1272" s="93"/>
      <c r="BC1272" s="93"/>
      <c r="BD1272" s="93"/>
      <c r="BE1272" s="93"/>
      <c r="BF1272" s="93"/>
      <c r="BG1272" s="93"/>
      <c r="BH1272" s="93"/>
      <c r="BI1272" s="93"/>
      <c r="BJ1272" s="93"/>
      <c r="BK1272" s="93"/>
      <c r="BL1272" s="93"/>
    </row>
    <row r="1273" spans="2:64" x14ac:dyDescent="0.2">
      <c r="B1273" s="43"/>
      <c r="C1273" s="73"/>
      <c r="D1273" s="64"/>
      <c r="E1273" s="55"/>
      <c r="F1273" s="74"/>
      <c r="G1273" s="74"/>
      <c r="H1273" s="74"/>
      <c r="I1273" s="75"/>
      <c r="J1273" s="74"/>
      <c r="L1273" s="55"/>
      <c r="M1273" s="234"/>
      <c r="N1273" s="65"/>
      <c r="O1273" s="76"/>
      <c r="P1273" s="76"/>
      <c r="Q1273" s="65"/>
      <c r="R1273" s="76"/>
      <c r="S1273" s="76"/>
      <c r="T1273" s="76"/>
      <c r="U1273" s="76"/>
      <c r="V1273" s="76"/>
      <c r="W1273" s="76"/>
      <c r="X1273" s="76"/>
      <c r="Y1273" s="76"/>
      <c r="Z1273" s="76"/>
      <c r="AA1273" s="85"/>
      <c r="AB1273" s="85"/>
      <c r="AC1273" s="85"/>
      <c r="AD1273" s="85"/>
      <c r="AE1273" s="85"/>
      <c r="AF1273" s="85"/>
      <c r="AG1273" s="86"/>
      <c r="AH1273" s="85"/>
      <c r="AI1273" s="85"/>
      <c r="AJ1273" s="85"/>
      <c r="AK1273" s="85"/>
      <c r="AL1273" s="85"/>
      <c r="AM1273" s="92"/>
      <c r="AN1273" s="92"/>
      <c r="AO1273" s="92"/>
      <c r="AP1273" s="92"/>
      <c r="AQ1273" s="92"/>
      <c r="AR1273" s="92"/>
      <c r="AS1273" s="92"/>
      <c r="AT1273" s="92"/>
      <c r="AU1273" s="92"/>
      <c r="AV1273" s="92"/>
      <c r="AW1273" s="92"/>
      <c r="AX1273" s="92"/>
      <c r="AY1273" s="92"/>
      <c r="AZ1273" s="93"/>
      <c r="BA1273" s="93"/>
      <c r="BB1273" s="93"/>
      <c r="BC1273" s="93"/>
      <c r="BD1273" s="93"/>
      <c r="BE1273" s="93"/>
      <c r="BF1273" s="93"/>
      <c r="BG1273" s="93"/>
      <c r="BH1273" s="93"/>
      <c r="BI1273" s="93"/>
      <c r="BJ1273" s="93"/>
      <c r="BK1273" s="93"/>
      <c r="BL1273" s="93"/>
    </row>
    <row r="1274" spans="2:64" x14ac:dyDescent="0.2">
      <c r="B1274" s="43"/>
      <c r="C1274" s="73"/>
      <c r="D1274" s="64"/>
      <c r="E1274" s="55"/>
      <c r="F1274" s="74"/>
      <c r="G1274" s="74"/>
      <c r="H1274" s="74"/>
      <c r="I1274" s="75"/>
      <c r="J1274" s="74"/>
      <c r="L1274" s="55"/>
      <c r="M1274" s="234"/>
      <c r="N1274" s="65"/>
      <c r="O1274" s="76"/>
      <c r="P1274" s="76"/>
      <c r="Q1274" s="65"/>
      <c r="R1274" s="76"/>
      <c r="S1274" s="76"/>
      <c r="T1274" s="76"/>
      <c r="U1274" s="76"/>
      <c r="V1274" s="76"/>
      <c r="W1274" s="76"/>
      <c r="X1274" s="76"/>
      <c r="Y1274" s="76"/>
      <c r="Z1274" s="76"/>
      <c r="AA1274" s="85"/>
      <c r="AB1274" s="85"/>
      <c r="AC1274" s="85"/>
      <c r="AD1274" s="85"/>
      <c r="AE1274" s="85"/>
      <c r="AF1274" s="85"/>
      <c r="AG1274" s="86"/>
      <c r="AH1274" s="85"/>
      <c r="AI1274" s="85"/>
      <c r="AJ1274" s="85"/>
      <c r="AK1274" s="85"/>
      <c r="AL1274" s="85"/>
      <c r="AM1274" s="92"/>
      <c r="AN1274" s="92"/>
      <c r="AO1274" s="92"/>
      <c r="AP1274" s="92"/>
      <c r="AQ1274" s="92"/>
      <c r="AR1274" s="92"/>
      <c r="AS1274" s="92"/>
      <c r="AT1274" s="92"/>
      <c r="AU1274" s="92"/>
      <c r="AV1274" s="92"/>
      <c r="AW1274" s="92"/>
      <c r="AX1274" s="92"/>
      <c r="AY1274" s="92"/>
      <c r="AZ1274" s="93"/>
      <c r="BA1274" s="93"/>
      <c r="BB1274" s="93"/>
      <c r="BC1274" s="93"/>
      <c r="BD1274" s="93"/>
      <c r="BE1274" s="93"/>
      <c r="BF1274" s="93"/>
      <c r="BG1274" s="93"/>
      <c r="BH1274" s="93"/>
      <c r="BI1274" s="93"/>
      <c r="BJ1274" s="93"/>
      <c r="BK1274" s="93"/>
      <c r="BL1274" s="93"/>
    </row>
    <row r="1275" spans="2:64" x14ac:dyDescent="0.2">
      <c r="B1275" s="43"/>
      <c r="C1275" s="73"/>
      <c r="D1275" s="64"/>
      <c r="E1275" s="55"/>
      <c r="F1275" s="74"/>
      <c r="G1275" s="74"/>
      <c r="H1275" s="74"/>
      <c r="I1275" s="75"/>
      <c r="J1275" s="74"/>
      <c r="L1275" s="55"/>
      <c r="M1275" s="234"/>
      <c r="N1275" s="65"/>
      <c r="O1275" s="76"/>
      <c r="P1275" s="76"/>
      <c r="Q1275" s="65"/>
      <c r="R1275" s="76"/>
      <c r="S1275" s="76"/>
      <c r="T1275" s="76"/>
      <c r="U1275" s="76"/>
      <c r="V1275" s="76"/>
      <c r="W1275" s="76"/>
      <c r="X1275" s="76"/>
      <c r="Y1275" s="76"/>
      <c r="Z1275" s="76"/>
      <c r="AA1275" s="85"/>
      <c r="AB1275" s="85"/>
      <c r="AC1275" s="85"/>
      <c r="AD1275" s="85"/>
      <c r="AE1275" s="85"/>
      <c r="AF1275" s="85"/>
      <c r="AG1275" s="86"/>
      <c r="AH1275" s="85"/>
      <c r="AI1275" s="85"/>
      <c r="AJ1275" s="85"/>
      <c r="AK1275" s="85"/>
      <c r="AL1275" s="85"/>
      <c r="AM1275" s="92"/>
      <c r="AN1275" s="92"/>
      <c r="AO1275" s="92"/>
      <c r="AP1275" s="92"/>
      <c r="AQ1275" s="92"/>
      <c r="AR1275" s="92"/>
      <c r="AS1275" s="92"/>
      <c r="AT1275" s="92"/>
      <c r="AU1275" s="92"/>
      <c r="AV1275" s="92"/>
      <c r="AW1275" s="92"/>
      <c r="AX1275" s="92"/>
      <c r="AY1275" s="92"/>
      <c r="AZ1275" s="93"/>
      <c r="BA1275" s="93"/>
      <c r="BB1275" s="93"/>
      <c r="BC1275" s="93"/>
      <c r="BD1275" s="93"/>
      <c r="BE1275" s="93"/>
      <c r="BF1275" s="93"/>
      <c r="BG1275" s="93"/>
      <c r="BH1275" s="93"/>
      <c r="BI1275" s="93"/>
      <c r="BJ1275" s="93"/>
      <c r="BK1275" s="93"/>
      <c r="BL1275" s="93"/>
    </row>
    <row r="1276" spans="2:64" x14ac:dyDescent="0.2">
      <c r="B1276" s="43"/>
      <c r="C1276" s="73"/>
      <c r="D1276" s="64"/>
      <c r="E1276" s="55"/>
      <c r="F1276" s="74"/>
      <c r="G1276" s="74"/>
      <c r="H1276" s="74"/>
      <c r="I1276" s="75"/>
      <c r="J1276" s="74"/>
      <c r="L1276" s="55"/>
      <c r="M1276" s="234"/>
      <c r="N1276" s="65"/>
      <c r="O1276" s="76"/>
      <c r="P1276" s="76"/>
      <c r="Q1276" s="65"/>
      <c r="R1276" s="76"/>
      <c r="S1276" s="76"/>
      <c r="T1276" s="76"/>
      <c r="U1276" s="76"/>
      <c r="V1276" s="76"/>
      <c r="W1276" s="76"/>
      <c r="X1276" s="76"/>
      <c r="Y1276" s="76"/>
      <c r="Z1276" s="76"/>
      <c r="AA1276" s="85"/>
      <c r="AB1276" s="85"/>
      <c r="AC1276" s="85"/>
      <c r="AD1276" s="85"/>
      <c r="AE1276" s="85"/>
      <c r="AF1276" s="85"/>
      <c r="AG1276" s="86"/>
      <c r="AH1276" s="85"/>
      <c r="AI1276" s="85"/>
      <c r="AJ1276" s="85"/>
      <c r="AK1276" s="85"/>
      <c r="AL1276" s="85"/>
      <c r="AM1276" s="92"/>
      <c r="AN1276" s="92"/>
      <c r="AO1276" s="92"/>
      <c r="AP1276" s="92"/>
      <c r="AQ1276" s="92"/>
      <c r="AR1276" s="92"/>
      <c r="AS1276" s="92"/>
      <c r="AT1276" s="92"/>
      <c r="AU1276" s="92"/>
      <c r="AV1276" s="92"/>
      <c r="AW1276" s="92"/>
      <c r="AX1276" s="92"/>
      <c r="AY1276" s="92"/>
      <c r="AZ1276" s="93"/>
      <c r="BA1276" s="93"/>
      <c r="BB1276" s="93"/>
      <c r="BC1276" s="93"/>
      <c r="BD1276" s="93"/>
      <c r="BE1276" s="93"/>
      <c r="BF1276" s="93"/>
      <c r="BG1276" s="93"/>
      <c r="BH1276" s="93"/>
      <c r="BI1276" s="93"/>
      <c r="BJ1276" s="93"/>
      <c r="BK1276" s="93"/>
      <c r="BL1276" s="93"/>
    </row>
    <row r="1277" spans="2:64" x14ac:dyDescent="0.2">
      <c r="B1277" s="43"/>
      <c r="C1277" s="73"/>
      <c r="D1277" s="64"/>
      <c r="E1277" s="55"/>
      <c r="F1277" s="74"/>
      <c r="G1277" s="74"/>
      <c r="H1277" s="74"/>
      <c r="I1277" s="75"/>
      <c r="J1277" s="74"/>
      <c r="L1277" s="55"/>
      <c r="M1277" s="234"/>
      <c r="N1277" s="65"/>
      <c r="O1277" s="76"/>
      <c r="P1277" s="76"/>
      <c r="Q1277" s="65"/>
      <c r="R1277" s="76"/>
      <c r="S1277" s="76"/>
      <c r="T1277" s="76"/>
      <c r="U1277" s="76"/>
      <c r="V1277" s="76"/>
      <c r="W1277" s="76"/>
      <c r="X1277" s="76"/>
      <c r="Y1277" s="76"/>
      <c r="Z1277" s="76"/>
      <c r="AA1277" s="85"/>
      <c r="AB1277" s="85"/>
      <c r="AC1277" s="85"/>
      <c r="AD1277" s="85"/>
      <c r="AE1277" s="85"/>
      <c r="AF1277" s="85"/>
      <c r="AG1277" s="86"/>
      <c r="AH1277" s="85"/>
      <c r="AI1277" s="85"/>
      <c r="AJ1277" s="85"/>
      <c r="AK1277" s="85"/>
      <c r="AL1277" s="85"/>
      <c r="AM1277" s="92"/>
      <c r="AN1277" s="92"/>
      <c r="AO1277" s="92"/>
      <c r="AP1277" s="92"/>
      <c r="AQ1277" s="92"/>
      <c r="AR1277" s="92"/>
      <c r="AS1277" s="92"/>
      <c r="AT1277" s="92"/>
      <c r="AU1277" s="92"/>
      <c r="AV1277" s="92"/>
      <c r="AW1277" s="92"/>
      <c r="AX1277" s="92"/>
      <c r="AY1277" s="92"/>
      <c r="AZ1277" s="93"/>
      <c r="BA1277" s="93"/>
      <c r="BB1277" s="93"/>
      <c r="BC1277" s="93"/>
      <c r="BD1277" s="93"/>
      <c r="BE1277" s="93"/>
      <c r="BF1277" s="93"/>
      <c r="BG1277" s="93"/>
      <c r="BH1277" s="93"/>
      <c r="BI1277" s="93"/>
      <c r="BJ1277" s="93"/>
      <c r="BK1277" s="93"/>
      <c r="BL1277" s="93"/>
    </row>
    <row r="1278" spans="2:64" x14ac:dyDescent="0.2">
      <c r="B1278" s="43"/>
      <c r="C1278" s="73"/>
      <c r="D1278" s="64"/>
      <c r="E1278" s="55"/>
      <c r="F1278" s="74"/>
      <c r="G1278" s="74"/>
      <c r="H1278" s="74"/>
      <c r="I1278" s="75"/>
      <c r="J1278" s="74"/>
      <c r="L1278" s="55"/>
      <c r="M1278" s="234"/>
      <c r="N1278" s="65"/>
      <c r="O1278" s="76"/>
      <c r="P1278" s="76"/>
      <c r="Q1278" s="65"/>
      <c r="R1278" s="76"/>
      <c r="S1278" s="76"/>
      <c r="T1278" s="76"/>
      <c r="U1278" s="76"/>
      <c r="V1278" s="76"/>
      <c r="W1278" s="76"/>
      <c r="X1278" s="76"/>
      <c r="Y1278" s="76"/>
      <c r="Z1278" s="76"/>
      <c r="AA1278" s="85"/>
      <c r="AB1278" s="85"/>
      <c r="AC1278" s="85"/>
      <c r="AD1278" s="85"/>
      <c r="AE1278" s="85"/>
      <c r="AF1278" s="85"/>
      <c r="AG1278" s="86"/>
      <c r="AH1278" s="85"/>
      <c r="AI1278" s="85"/>
      <c r="AJ1278" s="85"/>
      <c r="AK1278" s="85"/>
      <c r="AL1278" s="85"/>
      <c r="AM1278" s="92"/>
      <c r="AN1278" s="92"/>
      <c r="AO1278" s="92"/>
      <c r="AP1278" s="92"/>
      <c r="AQ1278" s="92"/>
      <c r="AR1278" s="92"/>
      <c r="AS1278" s="92"/>
      <c r="AT1278" s="92"/>
      <c r="AU1278" s="92"/>
      <c r="AV1278" s="92"/>
      <c r="AW1278" s="92"/>
      <c r="AX1278" s="92"/>
      <c r="AY1278" s="92"/>
      <c r="AZ1278" s="93"/>
      <c r="BA1278" s="93"/>
      <c r="BB1278" s="93"/>
      <c r="BC1278" s="93"/>
      <c r="BD1278" s="93"/>
      <c r="BE1278" s="93"/>
      <c r="BF1278" s="93"/>
      <c r="BG1278" s="93"/>
      <c r="BH1278" s="93"/>
      <c r="BI1278" s="93"/>
      <c r="BJ1278" s="93"/>
      <c r="BK1278" s="93"/>
      <c r="BL1278" s="93"/>
    </row>
    <row r="1279" spans="2:64" x14ac:dyDescent="0.2">
      <c r="B1279" s="43"/>
      <c r="C1279" s="73"/>
      <c r="D1279" s="64"/>
      <c r="E1279" s="55"/>
      <c r="F1279" s="74"/>
      <c r="G1279" s="74"/>
      <c r="H1279" s="74"/>
      <c r="I1279" s="75"/>
      <c r="J1279" s="74"/>
      <c r="L1279" s="55"/>
      <c r="M1279" s="234"/>
      <c r="N1279" s="65"/>
      <c r="O1279" s="76"/>
      <c r="P1279" s="76"/>
      <c r="Q1279" s="65"/>
      <c r="R1279" s="76"/>
      <c r="S1279" s="76"/>
      <c r="T1279" s="76"/>
      <c r="U1279" s="76"/>
      <c r="V1279" s="76"/>
      <c r="W1279" s="76"/>
      <c r="X1279" s="76"/>
      <c r="Y1279" s="76"/>
      <c r="Z1279" s="76"/>
      <c r="AA1279" s="85"/>
      <c r="AB1279" s="85"/>
      <c r="AC1279" s="85"/>
      <c r="AD1279" s="85"/>
      <c r="AE1279" s="85"/>
      <c r="AF1279" s="85"/>
      <c r="AG1279" s="86"/>
      <c r="AH1279" s="85"/>
      <c r="AI1279" s="85"/>
      <c r="AJ1279" s="85"/>
      <c r="AK1279" s="85"/>
      <c r="AL1279" s="85"/>
      <c r="AM1279" s="92"/>
      <c r="AN1279" s="92"/>
      <c r="AO1279" s="92"/>
      <c r="AP1279" s="92"/>
      <c r="AQ1279" s="92"/>
      <c r="AR1279" s="92"/>
      <c r="AS1279" s="92"/>
      <c r="AT1279" s="92"/>
      <c r="AU1279" s="92"/>
      <c r="AV1279" s="92"/>
      <c r="AW1279" s="92"/>
      <c r="AX1279" s="92"/>
      <c r="AY1279" s="92"/>
      <c r="AZ1279" s="93"/>
      <c r="BA1279" s="93"/>
      <c r="BB1279" s="93"/>
      <c r="BC1279" s="93"/>
      <c r="BD1279" s="93"/>
      <c r="BE1279" s="93"/>
      <c r="BF1279" s="93"/>
      <c r="BG1279" s="93"/>
      <c r="BH1279" s="93"/>
      <c r="BI1279" s="93"/>
      <c r="BJ1279" s="93"/>
      <c r="BK1279" s="93"/>
      <c r="BL1279" s="93"/>
    </row>
    <row r="1280" spans="2:64" x14ac:dyDescent="0.2">
      <c r="B1280" s="43"/>
      <c r="C1280" s="73"/>
      <c r="D1280" s="64"/>
      <c r="E1280" s="55"/>
      <c r="F1280" s="74"/>
      <c r="G1280" s="74"/>
      <c r="H1280" s="74"/>
      <c r="I1280" s="75"/>
      <c r="J1280" s="74"/>
      <c r="L1280" s="55"/>
      <c r="M1280" s="234"/>
      <c r="N1280" s="65"/>
      <c r="O1280" s="76"/>
      <c r="P1280" s="76"/>
      <c r="Q1280" s="65"/>
      <c r="R1280" s="76"/>
      <c r="S1280" s="76"/>
      <c r="T1280" s="76"/>
      <c r="U1280" s="76"/>
      <c r="V1280" s="76"/>
      <c r="W1280" s="76"/>
      <c r="X1280" s="76"/>
      <c r="Y1280" s="76"/>
      <c r="Z1280" s="76"/>
      <c r="AA1280" s="85"/>
      <c r="AB1280" s="85"/>
      <c r="AC1280" s="85"/>
      <c r="AD1280" s="85"/>
      <c r="AE1280" s="85"/>
      <c r="AF1280" s="85"/>
      <c r="AG1280" s="86"/>
      <c r="AH1280" s="85"/>
      <c r="AI1280" s="85"/>
      <c r="AJ1280" s="85"/>
      <c r="AK1280" s="85"/>
      <c r="AL1280" s="85"/>
      <c r="AM1280" s="92"/>
      <c r="AN1280" s="92"/>
      <c r="AO1280" s="92"/>
      <c r="AP1280" s="92"/>
      <c r="AQ1280" s="92"/>
      <c r="AR1280" s="92"/>
      <c r="AS1280" s="92"/>
      <c r="AT1280" s="92"/>
      <c r="AU1280" s="92"/>
      <c r="AV1280" s="92"/>
      <c r="AW1280" s="92"/>
      <c r="AX1280" s="92"/>
      <c r="AY1280" s="92"/>
      <c r="AZ1280" s="93"/>
      <c r="BA1280" s="93"/>
      <c r="BB1280" s="93"/>
      <c r="BC1280" s="93"/>
      <c r="BD1280" s="93"/>
      <c r="BE1280" s="93"/>
      <c r="BF1280" s="93"/>
      <c r="BG1280" s="93"/>
      <c r="BH1280" s="93"/>
      <c r="BI1280" s="93"/>
      <c r="BJ1280" s="93"/>
      <c r="BK1280" s="93"/>
      <c r="BL1280" s="93"/>
    </row>
    <row r="1281" spans="2:64" x14ac:dyDescent="0.2">
      <c r="B1281" s="43"/>
      <c r="C1281" s="73"/>
      <c r="D1281" s="64"/>
      <c r="E1281" s="55"/>
      <c r="F1281" s="74"/>
      <c r="G1281" s="74"/>
      <c r="H1281" s="74"/>
      <c r="I1281" s="75"/>
      <c r="J1281" s="74"/>
      <c r="L1281" s="55"/>
      <c r="M1281" s="234"/>
      <c r="N1281" s="65"/>
      <c r="O1281" s="76"/>
      <c r="P1281" s="76"/>
      <c r="Q1281" s="65"/>
      <c r="R1281" s="76"/>
      <c r="S1281" s="76"/>
      <c r="T1281" s="76"/>
      <c r="U1281" s="76"/>
      <c r="V1281" s="76"/>
      <c r="W1281" s="76"/>
      <c r="X1281" s="76"/>
      <c r="Y1281" s="76"/>
      <c r="Z1281" s="76"/>
      <c r="AA1281" s="85"/>
      <c r="AB1281" s="85"/>
      <c r="AC1281" s="85"/>
      <c r="AD1281" s="85"/>
      <c r="AE1281" s="85"/>
      <c r="AF1281" s="85"/>
      <c r="AG1281" s="86"/>
      <c r="AH1281" s="85"/>
      <c r="AI1281" s="85"/>
      <c r="AJ1281" s="85"/>
      <c r="AK1281" s="85"/>
      <c r="AL1281" s="85"/>
      <c r="AM1281" s="92"/>
      <c r="AN1281" s="92"/>
      <c r="AO1281" s="92"/>
      <c r="AP1281" s="92"/>
      <c r="AQ1281" s="92"/>
      <c r="AR1281" s="92"/>
      <c r="AS1281" s="92"/>
      <c r="AT1281" s="92"/>
      <c r="AU1281" s="92"/>
      <c r="AV1281" s="92"/>
      <c r="AW1281" s="92"/>
      <c r="AX1281" s="92"/>
      <c r="AY1281" s="92"/>
      <c r="AZ1281" s="93"/>
      <c r="BA1281" s="93"/>
      <c r="BB1281" s="93"/>
      <c r="BC1281" s="93"/>
      <c r="BD1281" s="93"/>
      <c r="BE1281" s="93"/>
      <c r="BF1281" s="93"/>
      <c r="BG1281" s="93"/>
      <c r="BH1281" s="93"/>
      <c r="BI1281" s="93"/>
      <c r="BJ1281" s="93"/>
      <c r="BK1281" s="93"/>
      <c r="BL1281" s="93"/>
    </row>
    <row r="1282" spans="2:64" x14ac:dyDescent="0.2">
      <c r="B1282" s="43"/>
      <c r="C1282" s="73"/>
      <c r="D1282" s="64"/>
      <c r="E1282" s="55"/>
      <c r="F1282" s="74"/>
      <c r="G1282" s="74"/>
      <c r="H1282" s="74"/>
      <c r="I1282" s="75"/>
      <c r="J1282" s="74"/>
      <c r="L1282" s="55"/>
      <c r="M1282" s="234"/>
      <c r="N1282" s="65"/>
      <c r="O1282" s="76"/>
      <c r="P1282" s="76"/>
      <c r="Q1282" s="65"/>
      <c r="R1282" s="76"/>
      <c r="S1282" s="76"/>
      <c r="T1282" s="76"/>
      <c r="U1282" s="76"/>
      <c r="V1282" s="76"/>
      <c r="W1282" s="76"/>
      <c r="X1282" s="76"/>
      <c r="Y1282" s="76"/>
      <c r="Z1282" s="76"/>
      <c r="AA1282" s="85"/>
      <c r="AB1282" s="85"/>
      <c r="AC1282" s="85"/>
      <c r="AD1282" s="85"/>
      <c r="AE1282" s="85"/>
      <c r="AF1282" s="85"/>
      <c r="AG1282" s="86"/>
      <c r="AH1282" s="85"/>
      <c r="AI1282" s="85"/>
      <c r="AJ1282" s="85"/>
      <c r="AK1282" s="85"/>
      <c r="AL1282" s="85"/>
      <c r="AM1282" s="92"/>
      <c r="AN1282" s="92"/>
      <c r="AO1282" s="92"/>
      <c r="AP1282" s="92"/>
      <c r="AQ1282" s="92"/>
      <c r="AR1282" s="92"/>
      <c r="AS1282" s="92"/>
      <c r="AT1282" s="92"/>
      <c r="AU1282" s="92"/>
      <c r="AV1282" s="92"/>
      <c r="AW1282" s="92"/>
      <c r="AX1282" s="92"/>
      <c r="AY1282" s="92"/>
      <c r="AZ1282" s="93"/>
      <c r="BA1282" s="93"/>
      <c r="BB1282" s="93"/>
      <c r="BC1282" s="93"/>
      <c r="BD1282" s="93"/>
      <c r="BE1282" s="93"/>
      <c r="BF1282" s="93"/>
      <c r="BG1282" s="93"/>
      <c r="BH1282" s="93"/>
      <c r="BI1282" s="93"/>
      <c r="BJ1282" s="93"/>
      <c r="BK1282" s="93"/>
      <c r="BL1282" s="93"/>
    </row>
    <row r="1283" spans="2:64" x14ac:dyDescent="0.2">
      <c r="B1283" s="43"/>
      <c r="C1283" s="73"/>
      <c r="D1283" s="64"/>
      <c r="E1283" s="55"/>
      <c r="F1283" s="74"/>
      <c r="G1283" s="74"/>
      <c r="H1283" s="74"/>
      <c r="I1283" s="75"/>
      <c r="J1283" s="74"/>
      <c r="L1283" s="55"/>
      <c r="M1283" s="234"/>
      <c r="N1283" s="65"/>
      <c r="O1283" s="76"/>
      <c r="P1283" s="76"/>
      <c r="Q1283" s="65"/>
      <c r="R1283" s="76"/>
      <c r="S1283" s="76"/>
      <c r="T1283" s="76"/>
      <c r="U1283" s="76"/>
      <c r="V1283" s="76"/>
      <c r="W1283" s="76"/>
      <c r="X1283" s="76"/>
      <c r="Y1283" s="76"/>
      <c r="Z1283" s="76"/>
      <c r="AA1283" s="85"/>
      <c r="AB1283" s="85"/>
      <c r="AC1283" s="85"/>
      <c r="AD1283" s="85"/>
      <c r="AE1283" s="85"/>
      <c r="AF1283" s="85"/>
      <c r="AG1283" s="86"/>
      <c r="AH1283" s="85"/>
      <c r="AI1283" s="85"/>
      <c r="AJ1283" s="85"/>
      <c r="AK1283" s="85"/>
      <c r="AL1283" s="85"/>
      <c r="AM1283" s="92"/>
      <c r="AN1283" s="92"/>
      <c r="AO1283" s="92"/>
      <c r="AP1283" s="92"/>
      <c r="AQ1283" s="92"/>
      <c r="AR1283" s="92"/>
      <c r="AS1283" s="92"/>
      <c r="AT1283" s="92"/>
      <c r="AU1283" s="92"/>
      <c r="AV1283" s="92"/>
      <c r="AW1283" s="92"/>
      <c r="AX1283" s="92"/>
      <c r="AY1283" s="92"/>
      <c r="AZ1283" s="93"/>
      <c r="BA1283" s="93"/>
      <c r="BB1283" s="93"/>
      <c r="BC1283" s="93"/>
      <c r="BD1283" s="93"/>
      <c r="BE1283" s="93"/>
      <c r="BF1283" s="93"/>
      <c r="BG1283" s="93"/>
      <c r="BH1283" s="93"/>
      <c r="BI1283" s="93"/>
      <c r="BJ1283" s="93"/>
      <c r="BK1283" s="93"/>
      <c r="BL1283" s="93"/>
    </row>
    <row r="1284" spans="2:64" x14ac:dyDescent="0.2">
      <c r="B1284" s="43"/>
      <c r="C1284" s="73"/>
      <c r="D1284" s="64"/>
      <c r="E1284" s="55"/>
      <c r="F1284" s="74"/>
      <c r="G1284" s="74"/>
      <c r="H1284" s="74"/>
      <c r="I1284" s="75"/>
      <c r="J1284" s="74"/>
      <c r="L1284" s="55"/>
      <c r="M1284" s="234"/>
      <c r="N1284" s="65"/>
      <c r="O1284" s="76"/>
      <c r="P1284" s="76"/>
      <c r="Q1284" s="65"/>
      <c r="R1284" s="76"/>
      <c r="S1284" s="76"/>
      <c r="T1284" s="76"/>
      <c r="U1284" s="76"/>
      <c r="V1284" s="76"/>
      <c r="W1284" s="76"/>
      <c r="X1284" s="76"/>
      <c r="Y1284" s="76"/>
      <c r="Z1284" s="76"/>
      <c r="AA1284" s="85"/>
      <c r="AB1284" s="85"/>
      <c r="AC1284" s="85"/>
      <c r="AD1284" s="85"/>
      <c r="AE1284" s="85"/>
      <c r="AF1284" s="85"/>
      <c r="AG1284" s="86"/>
      <c r="AH1284" s="85"/>
      <c r="AI1284" s="85"/>
      <c r="AJ1284" s="85"/>
      <c r="AK1284" s="85"/>
      <c r="AL1284" s="85"/>
      <c r="AM1284" s="92"/>
      <c r="AN1284" s="92"/>
      <c r="AO1284" s="92"/>
      <c r="AP1284" s="92"/>
      <c r="AQ1284" s="92"/>
      <c r="AR1284" s="92"/>
      <c r="AS1284" s="92"/>
      <c r="AT1284" s="92"/>
      <c r="AU1284" s="92"/>
      <c r="AV1284" s="92"/>
      <c r="AW1284" s="92"/>
      <c r="AX1284" s="92"/>
      <c r="AY1284" s="92"/>
      <c r="AZ1284" s="93"/>
      <c r="BA1284" s="93"/>
      <c r="BB1284" s="93"/>
      <c r="BC1284" s="93"/>
      <c r="BD1284" s="93"/>
      <c r="BE1284" s="93"/>
      <c r="BF1284" s="93"/>
      <c r="BG1284" s="93"/>
      <c r="BH1284" s="93"/>
      <c r="BI1284" s="93"/>
      <c r="BJ1284" s="93"/>
      <c r="BK1284" s="93"/>
      <c r="BL1284" s="93"/>
    </row>
    <row r="1285" spans="2:64" x14ac:dyDescent="0.2">
      <c r="B1285" s="43"/>
      <c r="C1285" s="73"/>
      <c r="D1285" s="64"/>
      <c r="E1285" s="55"/>
      <c r="F1285" s="74"/>
      <c r="G1285" s="74"/>
      <c r="H1285" s="74"/>
      <c r="I1285" s="75"/>
      <c r="J1285" s="74"/>
      <c r="L1285" s="55"/>
      <c r="M1285" s="234"/>
      <c r="N1285" s="65"/>
      <c r="O1285" s="76"/>
      <c r="P1285" s="76"/>
      <c r="Q1285" s="65"/>
      <c r="R1285" s="76"/>
      <c r="S1285" s="76"/>
      <c r="T1285" s="76"/>
      <c r="U1285" s="76"/>
      <c r="V1285" s="76"/>
      <c r="W1285" s="76"/>
      <c r="X1285" s="76"/>
      <c r="Y1285" s="76"/>
      <c r="Z1285" s="76"/>
      <c r="AA1285" s="85"/>
      <c r="AB1285" s="85"/>
      <c r="AC1285" s="85"/>
      <c r="AD1285" s="85"/>
      <c r="AE1285" s="85"/>
      <c r="AF1285" s="85"/>
      <c r="AG1285" s="86"/>
      <c r="AH1285" s="85"/>
      <c r="AI1285" s="85"/>
      <c r="AJ1285" s="85"/>
      <c r="AK1285" s="85"/>
      <c r="AL1285" s="85"/>
      <c r="AM1285" s="92"/>
      <c r="AN1285" s="92"/>
      <c r="AO1285" s="92"/>
      <c r="AP1285" s="92"/>
      <c r="AQ1285" s="92"/>
      <c r="AR1285" s="92"/>
      <c r="AS1285" s="92"/>
      <c r="AT1285" s="92"/>
      <c r="AU1285" s="92"/>
      <c r="AV1285" s="92"/>
      <c r="AW1285" s="92"/>
      <c r="AX1285" s="92"/>
      <c r="AY1285" s="92"/>
      <c r="AZ1285" s="93"/>
      <c r="BA1285" s="93"/>
      <c r="BB1285" s="93"/>
      <c r="BC1285" s="93"/>
      <c r="BD1285" s="93"/>
      <c r="BE1285" s="93"/>
      <c r="BF1285" s="93"/>
      <c r="BG1285" s="93"/>
      <c r="BH1285" s="93"/>
      <c r="BI1285" s="93"/>
      <c r="BJ1285" s="93"/>
      <c r="BK1285" s="93"/>
      <c r="BL1285" s="93"/>
    </row>
    <row r="1286" spans="2:64" x14ac:dyDescent="0.2">
      <c r="B1286" s="43"/>
      <c r="C1286" s="73"/>
      <c r="D1286" s="64"/>
      <c r="E1286" s="55"/>
      <c r="F1286" s="74"/>
      <c r="G1286" s="74"/>
      <c r="H1286" s="74"/>
      <c r="I1286" s="75"/>
      <c r="J1286" s="74"/>
      <c r="L1286" s="55"/>
      <c r="M1286" s="234"/>
      <c r="N1286" s="65"/>
      <c r="O1286" s="76"/>
      <c r="P1286" s="76"/>
      <c r="Q1286" s="65"/>
      <c r="R1286" s="76"/>
      <c r="S1286" s="76"/>
      <c r="T1286" s="76"/>
      <c r="U1286" s="76"/>
      <c r="V1286" s="76"/>
      <c r="W1286" s="76"/>
      <c r="X1286" s="76"/>
      <c r="Y1286" s="76"/>
      <c r="Z1286" s="76"/>
      <c r="AA1286" s="85"/>
      <c r="AB1286" s="85"/>
      <c r="AC1286" s="85"/>
      <c r="AD1286" s="85"/>
      <c r="AE1286" s="85"/>
      <c r="AF1286" s="85"/>
      <c r="AG1286" s="86"/>
      <c r="AH1286" s="85"/>
      <c r="AI1286" s="85"/>
      <c r="AJ1286" s="85"/>
      <c r="AK1286" s="85"/>
      <c r="AL1286" s="85"/>
      <c r="AM1286" s="92"/>
      <c r="AN1286" s="92"/>
      <c r="AO1286" s="92"/>
      <c r="AP1286" s="92"/>
      <c r="AQ1286" s="92"/>
      <c r="AR1286" s="92"/>
      <c r="AS1286" s="92"/>
      <c r="AT1286" s="92"/>
      <c r="AU1286" s="92"/>
      <c r="AV1286" s="92"/>
      <c r="AW1286" s="92"/>
      <c r="AX1286" s="92"/>
      <c r="AY1286" s="92"/>
      <c r="AZ1286" s="93"/>
      <c r="BA1286" s="93"/>
      <c r="BB1286" s="93"/>
      <c r="BC1286" s="93"/>
      <c r="BD1286" s="93"/>
      <c r="BE1286" s="93"/>
      <c r="BF1286" s="93"/>
      <c r="BG1286" s="93"/>
      <c r="BH1286" s="93"/>
      <c r="BI1286" s="93"/>
      <c r="BJ1286" s="93"/>
      <c r="BK1286" s="93"/>
      <c r="BL1286" s="93"/>
    </row>
    <row r="1287" spans="2:64" x14ac:dyDescent="0.2">
      <c r="B1287" s="43"/>
      <c r="C1287" s="73"/>
      <c r="D1287" s="64"/>
      <c r="E1287" s="55"/>
      <c r="F1287" s="74"/>
      <c r="G1287" s="74"/>
      <c r="H1287" s="74"/>
      <c r="I1287" s="75"/>
      <c r="J1287" s="74"/>
      <c r="L1287" s="55"/>
      <c r="M1287" s="234"/>
      <c r="N1287" s="65"/>
      <c r="O1287" s="76"/>
      <c r="P1287" s="76"/>
      <c r="Q1287" s="65"/>
      <c r="R1287" s="76"/>
      <c r="S1287" s="76"/>
      <c r="T1287" s="76"/>
      <c r="U1287" s="76"/>
      <c r="V1287" s="76"/>
      <c r="W1287" s="76"/>
      <c r="X1287" s="76"/>
      <c r="Y1287" s="76"/>
      <c r="Z1287" s="76"/>
      <c r="AA1287" s="85"/>
      <c r="AB1287" s="85"/>
      <c r="AC1287" s="85"/>
      <c r="AD1287" s="85"/>
      <c r="AE1287" s="85"/>
      <c r="AF1287" s="85"/>
      <c r="AG1287" s="86"/>
      <c r="AH1287" s="85"/>
      <c r="AI1287" s="85"/>
      <c r="AJ1287" s="85"/>
      <c r="AK1287" s="85"/>
      <c r="AL1287" s="85"/>
      <c r="AM1287" s="92"/>
      <c r="AN1287" s="92"/>
      <c r="AO1287" s="92"/>
      <c r="AP1287" s="92"/>
      <c r="AQ1287" s="92"/>
      <c r="AR1287" s="92"/>
      <c r="AS1287" s="92"/>
      <c r="AT1287" s="92"/>
      <c r="AU1287" s="92"/>
      <c r="AV1287" s="92"/>
      <c r="AW1287" s="92"/>
      <c r="AX1287" s="92"/>
      <c r="AY1287" s="92"/>
      <c r="AZ1287" s="93"/>
      <c r="BA1287" s="93"/>
      <c r="BB1287" s="93"/>
      <c r="BC1287" s="93"/>
      <c r="BD1287" s="93"/>
      <c r="BE1287" s="93"/>
      <c r="BF1287" s="93"/>
      <c r="BG1287" s="93"/>
      <c r="BH1287" s="93"/>
      <c r="BI1287" s="93"/>
      <c r="BJ1287" s="93"/>
      <c r="BK1287" s="93"/>
      <c r="BL1287" s="93"/>
    </row>
    <row r="1288" spans="2:64" x14ac:dyDescent="0.2">
      <c r="B1288" s="43"/>
      <c r="C1288" s="73"/>
      <c r="D1288" s="64"/>
      <c r="E1288" s="55"/>
      <c r="F1288" s="74"/>
      <c r="G1288" s="74"/>
      <c r="H1288" s="74"/>
      <c r="I1288" s="75"/>
      <c r="J1288" s="74"/>
      <c r="L1288" s="55"/>
      <c r="M1288" s="234"/>
      <c r="N1288" s="65"/>
      <c r="O1288" s="76"/>
      <c r="P1288" s="76"/>
      <c r="Q1288" s="65"/>
      <c r="R1288" s="76"/>
      <c r="S1288" s="76"/>
      <c r="T1288" s="76"/>
      <c r="U1288" s="76"/>
      <c r="V1288" s="76"/>
      <c r="W1288" s="76"/>
      <c r="X1288" s="76"/>
      <c r="Y1288" s="76"/>
      <c r="Z1288" s="76"/>
      <c r="AA1288" s="85"/>
      <c r="AB1288" s="85"/>
      <c r="AC1288" s="85"/>
      <c r="AD1288" s="85"/>
      <c r="AE1288" s="85"/>
      <c r="AF1288" s="85"/>
      <c r="AG1288" s="86"/>
      <c r="AH1288" s="85"/>
      <c r="AI1288" s="85"/>
      <c r="AJ1288" s="85"/>
      <c r="AK1288" s="85"/>
      <c r="AL1288" s="85"/>
      <c r="AM1288" s="92"/>
      <c r="AN1288" s="92"/>
      <c r="AO1288" s="92"/>
      <c r="AP1288" s="92"/>
      <c r="AQ1288" s="92"/>
      <c r="AR1288" s="92"/>
      <c r="AS1288" s="92"/>
      <c r="AT1288" s="92"/>
      <c r="AU1288" s="92"/>
      <c r="AV1288" s="92"/>
      <c r="AW1288" s="92"/>
      <c r="AX1288" s="92"/>
      <c r="AY1288" s="92"/>
      <c r="AZ1288" s="93"/>
      <c r="BA1288" s="93"/>
      <c r="BB1288" s="93"/>
      <c r="BC1288" s="93"/>
      <c r="BD1288" s="93"/>
      <c r="BE1288" s="93"/>
      <c r="BF1288" s="93"/>
      <c r="BG1288" s="93"/>
      <c r="BH1288" s="93"/>
      <c r="BI1288" s="93"/>
      <c r="BJ1288" s="93"/>
      <c r="BK1288" s="93"/>
      <c r="BL1288" s="93"/>
    </row>
    <row r="1289" spans="2:64" x14ac:dyDescent="0.2">
      <c r="B1289" s="43"/>
      <c r="C1289" s="73"/>
      <c r="D1289" s="64"/>
      <c r="E1289" s="55"/>
      <c r="F1289" s="74"/>
      <c r="G1289" s="74"/>
      <c r="H1289" s="74"/>
      <c r="I1289" s="75"/>
      <c r="J1289" s="74"/>
      <c r="L1289" s="55"/>
      <c r="M1289" s="234"/>
      <c r="N1289" s="65"/>
      <c r="O1289" s="76"/>
      <c r="P1289" s="76"/>
      <c r="Q1289" s="65"/>
      <c r="R1289" s="76"/>
      <c r="S1289" s="76"/>
      <c r="T1289" s="76"/>
      <c r="U1289" s="76"/>
      <c r="V1289" s="76"/>
      <c r="W1289" s="76"/>
      <c r="X1289" s="76"/>
      <c r="Y1289" s="76"/>
      <c r="Z1289" s="76"/>
      <c r="AA1289" s="85"/>
      <c r="AB1289" s="85"/>
      <c r="AC1289" s="85"/>
      <c r="AD1289" s="85"/>
      <c r="AE1289" s="85"/>
      <c r="AF1289" s="85"/>
      <c r="AG1289" s="86"/>
      <c r="AH1289" s="85"/>
      <c r="AI1289" s="85"/>
      <c r="AJ1289" s="85"/>
      <c r="AK1289" s="85"/>
      <c r="AL1289" s="85"/>
      <c r="AM1289" s="92"/>
      <c r="AN1289" s="92"/>
      <c r="AO1289" s="92"/>
      <c r="AP1289" s="92"/>
      <c r="AQ1289" s="92"/>
      <c r="AR1289" s="92"/>
      <c r="AS1289" s="92"/>
      <c r="AT1289" s="92"/>
      <c r="AU1289" s="92"/>
      <c r="AV1289" s="92"/>
      <c r="AW1289" s="92"/>
      <c r="AX1289" s="92"/>
      <c r="AY1289" s="92"/>
      <c r="AZ1289" s="93"/>
      <c r="BA1289" s="93"/>
      <c r="BB1289" s="93"/>
      <c r="BC1289" s="93"/>
      <c r="BD1289" s="93"/>
      <c r="BE1289" s="93"/>
      <c r="BF1289" s="93"/>
      <c r="BG1289" s="93"/>
      <c r="BH1289" s="93"/>
      <c r="BI1289" s="93"/>
      <c r="BJ1289" s="93"/>
      <c r="BK1289" s="93"/>
      <c r="BL1289" s="93"/>
    </row>
    <row r="1290" spans="2:64" x14ac:dyDescent="0.2">
      <c r="B1290" s="43"/>
      <c r="C1290" s="73"/>
      <c r="D1290" s="64"/>
      <c r="E1290" s="55"/>
      <c r="F1290" s="74"/>
      <c r="G1290" s="74"/>
      <c r="H1290" s="74"/>
      <c r="I1290" s="75"/>
      <c r="J1290" s="74"/>
      <c r="L1290" s="55"/>
      <c r="M1290" s="234"/>
      <c r="N1290" s="65"/>
      <c r="O1290" s="76"/>
      <c r="P1290" s="76"/>
      <c r="Q1290" s="65"/>
      <c r="R1290" s="76"/>
      <c r="S1290" s="76"/>
      <c r="T1290" s="76"/>
      <c r="U1290" s="76"/>
      <c r="V1290" s="76"/>
      <c r="W1290" s="76"/>
      <c r="X1290" s="76"/>
      <c r="Y1290" s="76"/>
      <c r="Z1290" s="76"/>
      <c r="AA1290" s="85"/>
      <c r="AB1290" s="85"/>
      <c r="AC1290" s="85"/>
      <c r="AD1290" s="85"/>
      <c r="AE1290" s="85"/>
      <c r="AF1290" s="85"/>
      <c r="AG1290" s="86"/>
      <c r="AH1290" s="85"/>
      <c r="AI1290" s="85"/>
      <c r="AJ1290" s="85"/>
      <c r="AK1290" s="85"/>
      <c r="AL1290" s="85"/>
      <c r="AM1290" s="92"/>
      <c r="AN1290" s="92"/>
      <c r="AO1290" s="92"/>
      <c r="AP1290" s="92"/>
      <c r="AQ1290" s="92"/>
      <c r="AR1290" s="92"/>
      <c r="AS1290" s="92"/>
      <c r="AT1290" s="92"/>
      <c r="AU1290" s="92"/>
      <c r="AV1290" s="92"/>
      <c r="AW1290" s="92"/>
      <c r="AX1290" s="92"/>
      <c r="AY1290" s="92"/>
      <c r="AZ1290" s="93"/>
      <c r="BA1290" s="93"/>
      <c r="BB1290" s="93"/>
      <c r="BC1290" s="93"/>
      <c r="BD1290" s="93"/>
      <c r="BE1290" s="93"/>
      <c r="BF1290" s="93"/>
      <c r="BG1290" s="93"/>
      <c r="BH1290" s="93"/>
      <c r="BI1290" s="93"/>
      <c r="BJ1290" s="93"/>
      <c r="BK1290" s="93"/>
      <c r="BL1290" s="93"/>
    </row>
    <row r="1291" spans="2:64" x14ac:dyDescent="0.2">
      <c r="B1291" s="43"/>
      <c r="C1291" s="73"/>
      <c r="D1291" s="64"/>
      <c r="E1291" s="55"/>
      <c r="F1291" s="74"/>
      <c r="G1291" s="74"/>
      <c r="H1291" s="74"/>
      <c r="I1291" s="75"/>
      <c r="J1291" s="74"/>
      <c r="L1291" s="55"/>
      <c r="M1291" s="234"/>
      <c r="N1291" s="65"/>
      <c r="O1291" s="76"/>
      <c r="P1291" s="76"/>
      <c r="Q1291" s="65"/>
      <c r="R1291" s="76"/>
      <c r="S1291" s="76"/>
      <c r="T1291" s="76"/>
      <c r="U1291" s="76"/>
      <c r="V1291" s="76"/>
      <c r="W1291" s="76"/>
      <c r="X1291" s="76"/>
      <c r="Y1291" s="76"/>
      <c r="Z1291" s="76"/>
      <c r="AA1291" s="85"/>
      <c r="AB1291" s="85"/>
      <c r="AC1291" s="85"/>
      <c r="AD1291" s="85"/>
      <c r="AE1291" s="85"/>
      <c r="AF1291" s="85"/>
      <c r="AG1291" s="86"/>
      <c r="AH1291" s="85"/>
      <c r="AI1291" s="85"/>
      <c r="AJ1291" s="85"/>
      <c r="AK1291" s="85"/>
      <c r="AL1291" s="85"/>
      <c r="AM1291" s="92"/>
      <c r="AN1291" s="92"/>
      <c r="AO1291" s="92"/>
      <c r="AP1291" s="92"/>
      <c r="AQ1291" s="92"/>
      <c r="AR1291" s="92"/>
      <c r="AS1291" s="92"/>
      <c r="AT1291" s="92"/>
      <c r="AU1291" s="92"/>
      <c r="AV1291" s="92"/>
      <c r="AW1291" s="92"/>
      <c r="AX1291" s="92"/>
      <c r="AY1291" s="92"/>
      <c r="AZ1291" s="93"/>
      <c r="BA1291" s="93"/>
      <c r="BB1291" s="93"/>
      <c r="BC1291" s="93"/>
      <c r="BD1291" s="93"/>
      <c r="BE1291" s="93"/>
      <c r="BF1291" s="93"/>
      <c r="BG1291" s="93"/>
      <c r="BH1291" s="93"/>
      <c r="BI1291" s="93"/>
      <c r="BJ1291" s="93"/>
      <c r="BK1291" s="93"/>
      <c r="BL1291" s="93"/>
    </row>
    <row r="1292" spans="2:64" x14ac:dyDescent="0.2">
      <c r="B1292" s="43"/>
      <c r="C1292" s="73"/>
      <c r="D1292" s="64"/>
      <c r="E1292" s="55"/>
      <c r="F1292" s="74"/>
      <c r="G1292" s="74"/>
      <c r="H1292" s="74"/>
      <c r="I1292" s="75"/>
      <c r="J1292" s="74"/>
      <c r="L1292" s="55"/>
      <c r="M1292" s="234"/>
      <c r="N1292" s="65"/>
      <c r="O1292" s="76"/>
      <c r="P1292" s="76"/>
      <c r="Q1292" s="65"/>
      <c r="R1292" s="76"/>
      <c r="S1292" s="76"/>
      <c r="T1292" s="76"/>
      <c r="U1292" s="76"/>
      <c r="V1292" s="76"/>
      <c r="W1292" s="76"/>
      <c r="X1292" s="76"/>
      <c r="Y1292" s="76"/>
      <c r="Z1292" s="76"/>
      <c r="AA1292" s="85"/>
      <c r="AB1292" s="85"/>
      <c r="AC1292" s="85"/>
      <c r="AD1292" s="85"/>
      <c r="AE1292" s="85"/>
      <c r="AF1292" s="85"/>
      <c r="AG1292" s="86"/>
      <c r="AH1292" s="85"/>
      <c r="AI1292" s="85"/>
      <c r="AJ1292" s="85"/>
      <c r="AK1292" s="85"/>
      <c r="AL1292" s="85"/>
      <c r="AM1292" s="92"/>
      <c r="AN1292" s="92"/>
      <c r="AO1292" s="92"/>
      <c r="AP1292" s="92"/>
      <c r="AQ1292" s="92"/>
      <c r="AR1292" s="92"/>
      <c r="AS1292" s="92"/>
      <c r="AT1292" s="92"/>
      <c r="AU1292" s="92"/>
      <c r="AV1292" s="92"/>
      <c r="AW1292" s="92"/>
      <c r="AX1292" s="92"/>
      <c r="AY1292" s="92"/>
      <c r="AZ1292" s="93"/>
      <c r="BA1292" s="93"/>
      <c r="BB1292" s="93"/>
      <c r="BC1292" s="93"/>
      <c r="BD1292" s="93"/>
      <c r="BE1292" s="93"/>
      <c r="BF1292" s="93"/>
      <c r="BG1292" s="93"/>
      <c r="BH1292" s="93"/>
      <c r="BI1292" s="93"/>
      <c r="BJ1292" s="93"/>
      <c r="BK1292" s="93"/>
      <c r="BL1292" s="93"/>
    </row>
    <row r="1293" spans="2:64" x14ac:dyDescent="0.2">
      <c r="B1293" s="43"/>
      <c r="C1293" s="73"/>
      <c r="D1293" s="64"/>
      <c r="E1293" s="55"/>
      <c r="F1293" s="74"/>
      <c r="G1293" s="74"/>
      <c r="H1293" s="74"/>
      <c r="I1293" s="75"/>
      <c r="J1293" s="74"/>
      <c r="L1293" s="55"/>
      <c r="M1293" s="234"/>
      <c r="N1293" s="65"/>
      <c r="O1293" s="76"/>
      <c r="P1293" s="76"/>
      <c r="Q1293" s="65"/>
      <c r="R1293" s="76"/>
      <c r="S1293" s="76"/>
      <c r="T1293" s="76"/>
      <c r="U1293" s="76"/>
      <c r="V1293" s="76"/>
      <c r="W1293" s="76"/>
      <c r="X1293" s="76"/>
      <c r="Y1293" s="76"/>
      <c r="Z1293" s="76"/>
      <c r="AA1293" s="85"/>
      <c r="AB1293" s="85"/>
      <c r="AC1293" s="85"/>
      <c r="AD1293" s="85"/>
      <c r="AE1293" s="85"/>
      <c r="AF1293" s="85"/>
      <c r="AG1293" s="86"/>
      <c r="AH1293" s="85"/>
      <c r="AI1293" s="85"/>
      <c r="AJ1293" s="85"/>
      <c r="AK1293" s="85"/>
      <c r="AL1293" s="85"/>
      <c r="AM1293" s="92"/>
      <c r="AN1293" s="92"/>
      <c r="AO1293" s="92"/>
      <c r="AP1293" s="92"/>
      <c r="AQ1293" s="92"/>
      <c r="AR1293" s="92"/>
      <c r="AS1293" s="92"/>
      <c r="AT1293" s="92"/>
      <c r="AU1293" s="92"/>
      <c r="AV1293" s="92"/>
      <c r="AW1293" s="92"/>
      <c r="AX1293" s="92"/>
      <c r="AY1293" s="92"/>
      <c r="AZ1293" s="93"/>
      <c r="BA1293" s="93"/>
      <c r="BB1293" s="93"/>
      <c r="BC1293" s="93"/>
      <c r="BD1293" s="93"/>
      <c r="BE1293" s="93"/>
      <c r="BF1293" s="93"/>
      <c r="BG1293" s="93"/>
      <c r="BH1293" s="93"/>
      <c r="BI1293" s="93"/>
      <c r="BJ1293" s="93"/>
      <c r="BK1293" s="93"/>
      <c r="BL1293" s="93"/>
    </row>
    <row r="1294" spans="2:64" x14ac:dyDescent="0.2">
      <c r="B1294" s="43"/>
      <c r="C1294" s="73"/>
      <c r="D1294" s="64"/>
      <c r="E1294" s="55"/>
      <c r="F1294" s="74"/>
      <c r="G1294" s="74"/>
      <c r="H1294" s="74"/>
      <c r="I1294" s="75"/>
      <c r="J1294" s="74"/>
      <c r="L1294" s="55"/>
      <c r="M1294" s="234"/>
      <c r="N1294" s="65"/>
      <c r="O1294" s="76"/>
      <c r="P1294" s="76"/>
      <c r="Q1294" s="65"/>
      <c r="R1294" s="76"/>
      <c r="S1294" s="76"/>
      <c r="T1294" s="76"/>
      <c r="U1294" s="76"/>
      <c r="V1294" s="76"/>
      <c r="W1294" s="76"/>
      <c r="X1294" s="76"/>
      <c r="Y1294" s="76"/>
      <c r="Z1294" s="76"/>
      <c r="AA1294" s="85"/>
      <c r="AB1294" s="85"/>
      <c r="AC1294" s="85"/>
      <c r="AD1294" s="85"/>
      <c r="AE1294" s="85"/>
      <c r="AF1294" s="85"/>
      <c r="AG1294" s="86"/>
      <c r="AH1294" s="85"/>
      <c r="AI1294" s="85"/>
      <c r="AJ1294" s="85"/>
      <c r="AK1294" s="85"/>
      <c r="AL1294" s="85"/>
      <c r="AM1294" s="92"/>
      <c r="AN1294" s="92"/>
      <c r="AO1294" s="92"/>
      <c r="AP1294" s="92"/>
      <c r="AQ1294" s="92"/>
      <c r="AR1294" s="92"/>
      <c r="AS1294" s="92"/>
      <c r="AT1294" s="92"/>
      <c r="AU1294" s="92"/>
      <c r="AV1294" s="92"/>
      <c r="AW1294" s="92"/>
      <c r="AX1294" s="92"/>
      <c r="AY1294" s="92"/>
      <c r="AZ1294" s="93"/>
      <c r="BA1294" s="93"/>
      <c r="BB1294" s="93"/>
      <c r="BC1294" s="93"/>
      <c r="BD1294" s="93"/>
      <c r="BE1294" s="93"/>
      <c r="BF1294" s="93"/>
      <c r="BG1294" s="93"/>
      <c r="BH1294" s="93"/>
      <c r="BI1294" s="93"/>
      <c r="BJ1294" s="93"/>
      <c r="BK1294" s="93"/>
      <c r="BL1294" s="93"/>
    </row>
    <row r="1295" spans="2:64" x14ac:dyDescent="0.2">
      <c r="B1295" s="43"/>
      <c r="C1295" s="73"/>
      <c r="D1295" s="64"/>
      <c r="E1295" s="55"/>
      <c r="F1295" s="74"/>
      <c r="G1295" s="74"/>
      <c r="H1295" s="74"/>
      <c r="I1295" s="75"/>
      <c r="J1295" s="74"/>
      <c r="L1295" s="55"/>
      <c r="M1295" s="234"/>
      <c r="N1295" s="65"/>
      <c r="O1295" s="76"/>
      <c r="P1295" s="76"/>
      <c r="Q1295" s="65"/>
      <c r="R1295" s="76"/>
      <c r="S1295" s="76"/>
      <c r="T1295" s="76"/>
      <c r="U1295" s="76"/>
      <c r="V1295" s="76"/>
      <c r="W1295" s="76"/>
      <c r="X1295" s="76"/>
      <c r="Y1295" s="76"/>
      <c r="Z1295" s="76"/>
      <c r="AA1295" s="85"/>
      <c r="AB1295" s="85"/>
      <c r="AC1295" s="85"/>
      <c r="AD1295" s="85"/>
      <c r="AE1295" s="85"/>
      <c r="AF1295" s="85"/>
      <c r="AG1295" s="86"/>
      <c r="AH1295" s="85"/>
      <c r="AI1295" s="85"/>
      <c r="AJ1295" s="85"/>
      <c r="AK1295" s="85"/>
      <c r="AL1295" s="85"/>
      <c r="AM1295" s="92"/>
      <c r="AN1295" s="92"/>
      <c r="AO1295" s="92"/>
      <c r="AP1295" s="92"/>
      <c r="AQ1295" s="92"/>
      <c r="AR1295" s="92"/>
      <c r="AS1295" s="92"/>
      <c r="AT1295" s="92"/>
      <c r="AU1295" s="92"/>
      <c r="AV1295" s="92"/>
      <c r="AW1295" s="92"/>
      <c r="AX1295" s="92"/>
      <c r="AY1295" s="92"/>
      <c r="AZ1295" s="93"/>
      <c r="BA1295" s="93"/>
      <c r="BB1295" s="93"/>
      <c r="BC1295" s="93"/>
      <c r="BD1295" s="93"/>
      <c r="BE1295" s="93"/>
      <c r="BF1295" s="93"/>
      <c r="BG1295" s="93"/>
      <c r="BH1295" s="93"/>
      <c r="BI1295" s="93"/>
      <c r="BJ1295" s="93"/>
      <c r="BK1295" s="93"/>
      <c r="BL1295" s="93"/>
    </row>
    <row r="1296" spans="2:64" x14ac:dyDescent="0.2">
      <c r="B1296" s="43"/>
      <c r="C1296" s="73"/>
      <c r="D1296" s="64"/>
      <c r="E1296" s="55"/>
      <c r="F1296" s="74"/>
      <c r="G1296" s="74"/>
      <c r="H1296" s="74"/>
      <c r="I1296" s="75"/>
      <c r="J1296" s="74"/>
      <c r="L1296" s="55"/>
      <c r="M1296" s="234"/>
      <c r="N1296" s="65"/>
      <c r="O1296" s="76"/>
      <c r="P1296" s="76"/>
      <c r="Q1296" s="65"/>
      <c r="R1296" s="76"/>
      <c r="S1296" s="76"/>
      <c r="T1296" s="76"/>
      <c r="U1296" s="76"/>
      <c r="V1296" s="76"/>
      <c r="W1296" s="76"/>
      <c r="X1296" s="76"/>
      <c r="Y1296" s="76"/>
      <c r="Z1296" s="76"/>
      <c r="AA1296" s="85"/>
      <c r="AB1296" s="85"/>
      <c r="AC1296" s="85"/>
      <c r="AD1296" s="85"/>
      <c r="AE1296" s="85"/>
      <c r="AF1296" s="85"/>
      <c r="AG1296" s="86"/>
      <c r="AH1296" s="85"/>
      <c r="AI1296" s="85"/>
      <c r="AJ1296" s="85"/>
      <c r="AK1296" s="85"/>
      <c r="AL1296" s="85"/>
      <c r="AM1296" s="92"/>
      <c r="AN1296" s="92"/>
      <c r="AO1296" s="92"/>
      <c r="AP1296" s="92"/>
      <c r="AQ1296" s="92"/>
      <c r="AR1296" s="92"/>
      <c r="AS1296" s="92"/>
      <c r="AT1296" s="92"/>
      <c r="AU1296" s="92"/>
      <c r="AV1296" s="92"/>
      <c r="AW1296" s="92"/>
      <c r="AX1296" s="92"/>
      <c r="AY1296" s="92"/>
      <c r="AZ1296" s="93"/>
      <c r="BA1296" s="93"/>
      <c r="BB1296" s="93"/>
      <c r="BC1296" s="93"/>
      <c r="BD1296" s="93"/>
      <c r="BE1296" s="93"/>
      <c r="BF1296" s="93"/>
      <c r="BG1296" s="93"/>
      <c r="BH1296" s="93"/>
      <c r="BI1296" s="93"/>
      <c r="BJ1296" s="93"/>
      <c r="BK1296" s="93"/>
      <c r="BL1296" s="93"/>
    </row>
    <row r="1297" spans="2:64" x14ac:dyDescent="0.2">
      <c r="B1297" s="43"/>
      <c r="C1297" s="73"/>
      <c r="D1297" s="64"/>
      <c r="E1297" s="55"/>
      <c r="F1297" s="74"/>
      <c r="G1297" s="74"/>
      <c r="H1297" s="74"/>
      <c r="I1297" s="75"/>
      <c r="J1297" s="74"/>
      <c r="L1297" s="55"/>
      <c r="M1297" s="234"/>
      <c r="N1297" s="65"/>
      <c r="O1297" s="76"/>
      <c r="P1297" s="76"/>
      <c r="Q1297" s="65"/>
      <c r="R1297" s="76"/>
      <c r="S1297" s="76"/>
      <c r="T1297" s="76"/>
      <c r="U1297" s="76"/>
      <c r="V1297" s="76"/>
      <c r="W1297" s="76"/>
      <c r="X1297" s="76"/>
      <c r="Y1297" s="76"/>
      <c r="Z1297" s="76"/>
      <c r="AA1297" s="85"/>
      <c r="AB1297" s="85"/>
      <c r="AC1297" s="85"/>
      <c r="AD1297" s="85"/>
      <c r="AE1297" s="85"/>
      <c r="AF1297" s="85"/>
      <c r="AG1297" s="86"/>
      <c r="AH1297" s="85"/>
      <c r="AI1297" s="85"/>
      <c r="AJ1297" s="85"/>
      <c r="AK1297" s="85"/>
      <c r="AL1297" s="85"/>
      <c r="AM1297" s="92"/>
      <c r="AN1297" s="92"/>
      <c r="AO1297" s="92"/>
      <c r="AP1297" s="92"/>
      <c r="AQ1297" s="92"/>
      <c r="AR1297" s="92"/>
      <c r="AS1297" s="92"/>
      <c r="AT1297" s="92"/>
      <c r="AU1297" s="92"/>
      <c r="AV1297" s="92"/>
      <c r="AW1297" s="92"/>
      <c r="AX1297" s="92"/>
      <c r="AY1297" s="92"/>
      <c r="AZ1297" s="93"/>
      <c r="BA1297" s="93"/>
      <c r="BB1297" s="93"/>
      <c r="BC1297" s="93"/>
      <c r="BD1297" s="93"/>
      <c r="BE1297" s="93"/>
      <c r="BF1297" s="93"/>
      <c r="BG1297" s="93"/>
      <c r="BH1297" s="93"/>
      <c r="BI1297" s="93"/>
      <c r="BJ1297" s="93"/>
      <c r="BK1297" s="93"/>
      <c r="BL1297" s="93"/>
    </row>
    <row r="1298" spans="2:64" x14ac:dyDescent="0.2">
      <c r="B1298" s="43"/>
      <c r="C1298" s="73"/>
      <c r="D1298" s="64"/>
      <c r="E1298" s="55"/>
      <c r="F1298" s="74"/>
      <c r="G1298" s="74"/>
      <c r="H1298" s="74"/>
      <c r="I1298" s="75"/>
      <c r="J1298" s="74"/>
      <c r="L1298" s="55"/>
      <c r="M1298" s="234"/>
      <c r="N1298" s="65"/>
      <c r="O1298" s="76"/>
      <c r="P1298" s="76"/>
      <c r="Q1298" s="65"/>
      <c r="R1298" s="76"/>
      <c r="S1298" s="76"/>
      <c r="T1298" s="76"/>
      <c r="U1298" s="76"/>
      <c r="V1298" s="76"/>
      <c r="W1298" s="76"/>
      <c r="X1298" s="76"/>
      <c r="Y1298" s="76"/>
      <c r="Z1298" s="76"/>
      <c r="AA1298" s="85"/>
      <c r="AB1298" s="85"/>
      <c r="AC1298" s="85"/>
      <c r="AD1298" s="85"/>
      <c r="AE1298" s="85"/>
      <c r="AF1298" s="85"/>
      <c r="AG1298" s="86"/>
      <c r="AH1298" s="85"/>
      <c r="AI1298" s="85"/>
      <c r="AJ1298" s="85"/>
      <c r="AK1298" s="85"/>
      <c r="AL1298" s="85"/>
      <c r="AM1298" s="92"/>
      <c r="AN1298" s="92"/>
      <c r="AO1298" s="92"/>
      <c r="AP1298" s="92"/>
      <c r="AQ1298" s="92"/>
      <c r="AR1298" s="92"/>
      <c r="AS1298" s="92"/>
      <c r="AT1298" s="92"/>
      <c r="AU1298" s="92"/>
      <c r="AV1298" s="92"/>
      <c r="AW1298" s="92"/>
      <c r="AX1298" s="92"/>
      <c r="AY1298" s="92"/>
      <c r="AZ1298" s="93"/>
      <c r="BA1298" s="93"/>
      <c r="BB1298" s="93"/>
      <c r="BC1298" s="93"/>
      <c r="BD1298" s="93"/>
      <c r="BE1298" s="93"/>
      <c r="BF1298" s="93"/>
      <c r="BG1298" s="93"/>
      <c r="BH1298" s="93"/>
      <c r="BI1298" s="93"/>
      <c r="BJ1298" s="93"/>
      <c r="BK1298" s="93"/>
      <c r="BL1298" s="93"/>
    </row>
    <row r="1299" spans="2:64" x14ac:dyDescent="0.2">
      <c r="B1299" s="43"/>
      <c r="C1299" s="73"/>
      <c r="D1299" s="64"/>
      <c r="E1299" s="55"/>
      <c r="F1299" s="74"/>
      <c r="G1299" s="74"/>
      <c r="H1299" s="74"/>
      <c r="I1299" s="75"/>
      <c r="J1299" s="74"/>
      <c r="L1299" s="55"/>
      <c r="M1299" s="234"/>
      <c r="N1299" s="65"/>
      <c r="O1299" s="76"/>
      <c r="P1299" s="76"/>
      <c r="Q1299" s="65"/>
      <c r="R1299" s="76"/>
      <c r="S1299" s="76"/>
      <c r="T1299" s="76"/>
      <c r="U1299" s="76"/>
      <c r="V1299" s="76"/>
      <c r="W1299" s="76"/>
      <c r="X1299" s="76"/>
      <c r="Y1299" s="76"/>
      <c r="Z1299" s="76"/>
      <c r="AA1299" s="85"/>
      <c r="AB1299" s="85"/>
      <c r="AC1299" s="85"/>
      <c r="AD1299" s="85"/>
      <c r="AE1299" s="85"/>
      <c r="AF1299" s="85"/>
      <c r="AG1299" s="86"/>
      <c r="AH1299" s="85"/>
      <c r="AI1299" s="85"/>
      <c r="AJ1299" s="85"/>
      <c r="AK1299" s="85"/>
      <c r="AL1299" s="85"/>
      <c r="AM1299" s="92"/>
      <c r="AN1299" s="92"/>
      <c r="AO1299" s="92"/>
      <c r="AP1299" s="92"/>
      <c r="AQ1299" s="92"/>
      <c r="AR1299" s="92"/>
      <c r="AS1299" s="92"/>
      <c r="AT1299" s="92"/>
      <c r="AU1299" s="92"/>
      <c r="AV1299" s="92"/>
      <c r="AW1299" s="92"/>
      <c r="AX1299" s="92"/>
      <c r="AY1299" s="92"/>
      <c r="AZ1299" s="93"/>
      <c r="BA1299" s="93"/>
      <c r="BB1299" s="93"/>
      <c r="BC1299" s="93"/>
      <c r="BD1299" s="93"/>
      <c r="BE1299" s="93"/>
      <c r="BF1299" s="93"/>
      <c r="BG1299" s="93"/>
      <c r="BH1299" s="93"/>
      <c r="BI1299" s="93"/>
      <c r="BJ1299" s="93"/>
      <c r="BK1299" s="93"/>
      <c r="BL1299" s="93"/>
    </row>
    <row r="1300" spans="2:64" x14ac:dyDescent="0.2">
      <c r="B1300" s="43"/>
      <c r="C1300" s="73"/>
      <c r="D1300" s="64"/>
      <c r="E1300" s="55"/>
      <c r="F1300" s="74"/>
      <c r="G1300" s="74"/>
      <c r="H1300" s="74"/>
      <c r="I1300" s="75"/>
      <c r="J1300" s="74"/>
      <c r="L1300" s="55"/>
      <c r="M1300" s="234"/>
      <c r="N1300" s="65"/>
      <c r="O1300" s="76"/>
      <c r="P1300" s="76"/>
      <c r="Q1300" s="65"/>
      <c r="R1300" s="76"/>
      <c r="S1300" s="76"/>
      <c r="T1300" s="76"/>
      <c r="U1300" s="76"/>
      <c r="V1300" s="76"/>
      <c r="W1300" s="76"/>
      <c r="X1300" s="76"/>
      <c r="Y1300" s="76"/>
      <c r="Z1300" s="76"/>
      <c r="AA1300" s="85"/>
      <c r="AB1300" s="85"/>
      <c r="AC1300" s="85"/>
      <c r="AD1300" s="85"/>
      <c r="AE1300" s="85"/>
      <c r="AF1300" s="85"/>
      <c r="AG1300" s="86"/>
      <c r="AH1300" s="85"/>
      <c r="AI1300" s="85"/>
      <c r="AJ1300" s="85"/>
      <c r="AK1300" s="85"/>
      <c r="AL1300" s="85"/>
      <c r="AM1300" s="92"/>
      <c r="AN1300" s="92"/>
      <c r="AO1300" s="92"/>
      <c r="AP1300" s="92"/>
      <c r="AQ1300" s="92"/>
      <c r="AR1300" s="92"/>
      <c r="AS1300" s="92"/>
      <c r="AT1300" s="92"/>
      <c r="AU1300" s="92"/>
      <c r="AV1300" s="92"/>
      <c r="AW1300" s="92"/>
      <c r="AX1300" s="92"/>
      <c r="AY1300" s="92"/>
      <c r="AZ1300" s="93"/>
      <c r="BA1300" s="93"/>
      <c r="BB1300" s="93"/>
      <c r="BC1300" s="93"/>
      <c r="BD1300" s="93"/>
      <c r="BE1300" s="93"/>
      <c r="BF1300" s="93"/>
      <c r="BG1300" s="93"/>
      <c r="BH1300" s="93"/>
      <c r="BI1300" s="93"/>
      <c r="BJ1300" s="93"/>
      <c r="BK1300" s="93"/>
      <c r="BL1300" s="93"/>
    </row>
    <row r="1301" spans="2:64" x14ac:dyDescent="0.2">
      <c r="B1301" s="43"/>
      <c r="C1301" s="73"/>
      <c r="D1301" s="64"/>
      <c r="E1301" s="55"/>
      <c r="F1301" s="74"/>
      <c r="G1301" s="74"/>
      <c r="H1301" s="74"/>
      <c r="I1301" s="75"/>
      <c r="J1301" s="74"/>
      <c r="L1301" s="55"/>
      <c r="M1301" s="234"/>
      <c r="N1301" s="65"/>
      <c r="O1301" s="76"/>
      <c r="P1301" s="76"/>
      <c r="Q1301" s="65"/>
      <c r="R1301" s="76"/>
      <c r="S1301" s="76"/>
      <c r="T1301" s="76"/>
      <c r="U1301" s="76"/>
      <c r="V1301" s="76"/>
      <c r="W1301" s="76"/>
      <c r="X1301" s="76"/>
      <c r="Y1301" s="76"/>
      <c r="Z1301" s="76"/>
      <c r="AA1301" s="85"/>
      <c r="AB1301" s="85"/>
      <c r="AC1301" s="85"/>
      <c r="AD1301" s="85"/>
      <c r="AE1301" s="85"/>
      <c r="AF1301" s="85"/>
      <c r="AG1301" s="86"/>
      <c r="AH1301" s="85"/>
      <c r="AI1301" s="85"/>
      <c r="AJ1301" s="85"/>
      <c r="AK1301" s="85"/>
      <c r="AL1301" s="85"/>
      <c r="AM1301" s="92"/>
      <c r="AN1301" s="92"/>
      <c r="AO1301" s="92"/>
      <c r="AP1301" s="92"/>
      <c r="AQ1301" s="92"/>
      <c r="AR1301" s="92"/>
      <c r="AS1301" s="92"/>
      <c r="AT1301" s="92"/>
      <c r="AU1301" s="92"/>
      <c r="AV1301" s="92"/>
      <c r="AW1301" s="92"/>
      <c r="AX1301" s="92"/>
      <c r="AY1301" s="92"/>
      <c r="AZ1301" s="93"/>
      <c r="BA1301" s="93"/>
      <c r="BB1301" s="93"/>
      <c r="BC1301" s="93"/>
      <c r="BD1301" s="93"/>
      <c r="BE1301" s="93"/>
      <c r="BF1301" s="93"/>
      <c r="BG1301" s="93"/>
      <c r="BH1301" s="93"/>
      <c r="BI1301" s="93"/>
      <c r="BJ1301" s="93"/>
      <c r="BK1301" s="93"/>
      <c r="BL1301" s="93"/>
    </row>
    <row r="1302" spans="2:64" x14ac:dyDescent="0.2">
      <c r="B1302" s="43"/>
      <c r="C1302" s="73"/>
      <c r="D1302" s="64"/>
      <c r="E1302" s="55"/>
      <c r="F1302" s="74"/>
      <c r="G1302" s="74"/>
      <c r="H1302" s="74"/>
      <c r="I1302" s="75"/>
      <c r="J1302" s="74"/>
      <c r="L1302" s="55"/>
      <c r="M1302" s="234"/>
      <c r="N1302" s="65"/>
      <c r="O1302" s="76"/>
      <c r="P1302" s="76"/>
      <c r="Q1302" s="65"/>
      <c r="R1302" s="76"/>
      <c r="S1302" s="76"/>
      <c r="T1302" s="76"/>
      <c r="U1302" s="76"/>
      <c r="V1302" s="76"/>
      <c r="W1302" s="76"/>
      <c r="X1302" s="76"/>
      <c r="Y1302" s="76"/>
      <c r="Z1302" s="76"/>
      <c r="AA1302" s="85"/>
      <c r="AB1302" s="85"/>
      <c r="AC1302" s="85"/>
      <c r="AD1302" s="85"/>
      <c r="AE1302" s="85"/>
      <c r="AF1302" s="85"/>
      <c r="AG1302" s="86"/>
      <c r="AH1302" s="85"/>
      <c r="AI1302" s="85"/>
      <c r="AJ1302" s="85"/>
      <c r="AK1302" s="85"/>
      <c r="AL1302" s="85"/>
      <c r="AM1302" s="92"/>
      <c r="AN1302" s="92"/>
      <c r="AO1302" s="92"/>
      <c r="AP1302" s="92"/>
      <c r="AQ1302" s="92"/>
      <c r="AR1302" s="92"/>
      <c r="AS1302" s="92"/>
      <c r="AT1302" s="92"/>
      <c r="AU1302" s="92"/>
      <c r="AV1302" s="92"/>
      <c r="AW1302" s="92"/>
      <c r="AX1302" s="92"/>
      <c r="AY1302" s="92"/>
      <c r="AZ1302" s="93"/>
      <c r="BA1302" s="93"/>
      <c r="BB1302" s="93"/>
      <c r="BC1302" s="93"/>
      <c r="BD1302" s="93"/>
      <c r="BE1302" s="93"/>
      <c r="BF1302" s="93"/>
      <c r="BG1302" s="93"/>
      <c r="BH1302" s="93"/>
      <c r="BI1302" s="93"/>
      <c r="BJ1302" s="93"/>
      <c r="BK1302" s="93"/>
      <c r="BL1302" s="93"/>
    </row>
    <row r="1303" spans="2:64" x14ac:dyDescent="0.2">
      <c r="B1303" s="43"/>
      <c r="C1303" s="73"/>
      <c r="D1303" s="64"/>
      <c r="E1303" s="55"/>
      <c r="F1303" s="74"/>
      <c r="G1303" s="74"/>
      <c r="H1303" s="74"/>
      <c r="I1303" s="75"/>
      <c r="J1303" s="74"/>
      <c r="L1303" s="55"/>
      <c r="M1303" s="234"/>
      <c r="N1303" s="65"/>
      <c r="O1303" s="76"/>
      <c r="P1303" s="76"/>
      <c r="Q1303" s="65"/>
      <c r="R1303" s="76"/>
      <c r="S1303" s="76"/>
      <c r="T1303" s="76"/>
      <c r="U1303" s="76"/>
      <c r="V1303" s="76"/>
      <c r="W1303" s="76"/>
      <c r="X1303" s="76"/>
      <c r="Y1303" s="76"/>
      <c r="Z1303" s="76"/>
      <c r="AA1303" s="85"/>
      <c r="AB1303" s="85"/>
      <c r="AC1303" s="85"/>
      <c r="AD1303" s="85"/>
      <c r="AE1303" s="85"/>
      <c r="AF1303" s="85"/>
      <c r="AG1303" s="86"/>
      <c r="AH1303" s="85"/>
      <c r="AI1303" s="85"/>
      <c r="AJ1303" s="85"/>
      <c r="AK1303" s="85"/>
      <c r="AL1303" s="85"/>
      <c r="AM1303" s="92"/>
      <c r="AN1303" s="92"/>
      <c r="AO1303" s="92"/>
      <c r="AP1303" s="92"/>
      <c r="AQ1303" s="92"/>
      <c r="AR1303" s="92"/>
      <c r="AS1303" s="92"/>
      <c r="AT1303" s="92"/>
      <c r="AU1303" s="92"/>
      <c r="AV1303" s="92"/>
      <c r="AW1303" s="92"/>
      <c r="AX1303" s="92"/>
      <c r="AY1303" s="92"/>
      <c r="AZ1303" s="93"/>
      <c r="BA1303" s="93"/>
      <c r="BB1303" s="93"/>
      <c r="BC1303" s="93"/>
      <c r="BD1303" s="93"/>
      <c r="BE1303" s="93"/>
      <c r="BF1303" s="93"/>
      <c r="BG1303" s="93"/>
      <c r="BH1303" s="93"/>
      <c r="BI1303" s="93"/>
      <c r="BJ1303" s="93"/>
      <c r="BK1303" s="93"/>
      <c r="BL1303" s="93"/>
    </row>
    <row r="1304" spans="2:64" x14ac:dyDescent="0.2">
      <c r="B1304" s="43"/>
      <c r="C1304" s="73"/>
      <c r="D1304" s="64"/>
      <c r="E1304" s="55"/>
      <c r="F1304" s="74"/>
      <c r="G1304" s="74"/>
      <c r="H1304" s="74"/>
      <c r="I1304" s="75"/>
      <c r="J1304" s="74"/>
      <c r="L1304" s="55"/>
      <c r="M1304" s="234"/>
      <c r="N1304" s="65"/>
      <c r="O1304" s="76"/>
      <c r="P1304" s="76"/>
      <c r="Q1304" s="65"/>
      <c r="R1304" s="76"/>
      <c r="S1304" s="76"/>
      <c r="T1304" s="76"/>
      <c r="U1304" s="76"/>
      <c r="V1304" s="76"/>
      <c r="W1304" s="76"/>
      <c r="X1304" s="76"/>
      <c r="Y1304" s="76"/>
      <c r="Z1304" s="76"/>
      <c r="AA1304" s="85"/>
      <c r="AB1304" s="85"/>
      <c r="AC1304" s="85"/>
      <c r="AD1304" s="85"/>
      <c r="AE1304" s="85"/>
      <c r="AF1304" s="85"/>
      <c r="AG1304" s="86"/>
      <c r="AH1304" s="85"/>
      <c r="AI1304" s="85"/>
      <c r="AJ1304" s="85"/>
      <c r="AK1304" s="85"/>
      <c r="AL1304" s="85"/>
      <c r="AM1304" s="92"/>
      <c r="AN1304" s="92"/>
      <c r="AO1304" s="92"/>
      <c r="AP1304" s="92"/>
      <c r="AQ1304" s="92"/>
      <c r="AR1304" s="92"/>
      <c r="AS1304" s="92"/>
      <c r="AT1304" s="92"/>
      <c r="AU1304" s="92"/>
      <c r="AV1304" s="92"/>
      <c r="AW1304" s="92"/>
      <c r="AX1304" s="92"/>
      <c r="AY1304" s="92"/>
      <c r="AZ1304" s="93"/>
      <c r="BA1304" s="93"/>
      <c r="BB1304" s="93"/>
      <c r="BC1304" s="93"/>
      <c r="BD1304" s="93"/>
      <c r="BE1304" s="93"/>
      <c r="BF1304" s="93"/>
      <c r="BG1304" s="93"/>
      <c r="BH1304" s="93"/>
      <c r="BI1304" s="93"/>
      <c r="BJ1304" s="93"/>
      <c r="BK1304" s="93"/>
      <c r="BL1304" s="93"/>
    </row>
    <row r="1305" spans="2:64" x14ac:dyDescent="0.2">
      <c r="B1305" s="43"/>
      <c r="C1305" s="73"/>
      <c r="D1305" s="64"/>
      <c r="E1305" s="55"/>
      <c r="F1305" s="74"/>
      <c r="G1305" s="74"/>
      <c r="H1305" s="74"/>
      <c r="I1305" s="75"/>
      <c r="J1305" s="74"/>
      <c r="L1305" s="55"/>
      <c r="M1305" s="234"/>
      <c r="N1305" s="65"/>
      <c r="O1305" s="76"/>
      <c r="P1305" s="76"/>
      <c r="Q1305" s="65"/>
      <c r="R1305" s="76"/>
      <c r="S1305" s="76"/>
      <c r="T1305" s="76"/>
      <c r="U1305" s="76"/>
      <c r="V1305" s="76"/>
      <c r="W1305" s="76"/>
      <c r="X1305" s="76"/>
      <c r="Y1305" s="76"/>
      <c r="Z1305" s="76"/>
      <c r="AA1305" s="85"/>
      <c r="AB1305" s="85"/>
      <c r="AC1305" s="85"/>
      <c r="AD1305" s="85"/>
      <c r="AE1305" s="85"/>
      <c r="AF1305" s="85"/>
      <c r="AG1305" s="86"/>
      <c r="AH1305" s="85"/>
      <c r="AI1305" s="85"/>
      <c r="AJ1305" s="85"/>
      <c r="AK1305" s="85"/>
      <c r="AL1305" s="85"/>
      <c r="AM1305" s="92"/>
      <c r="AN1305" s="92"/>
      <c r="AO1305" s="92"/>
      <c r="AP1305" s="92"/>
      <c r="AQ1305" s="92"/>
      <c r="AR1305" s="92"/>
      <c r="AS1305" s="92"/>
      <c r="AT1305" s="92"/>
      <c r="AU1305" s="92"/>
      <c r="AV1305" s="92"/>
      <c r="AW1305" s="92"/>
      <c r="AX1305" s="92"/>
      <c r="AY1305" s="92"/>
      <c r="AZ1305" s="93"/>
      <c r="BA1305" s="93"/>
      <c r="BB1305" s="93"/>
      <c r="BC1305" s="93"/>
      <c r="BD1305" s="93"/>
      <c r="BE1305" s="93"/>
      <c r="BF1305" s="93"/>
      <c r="BG1305" s="93"/>
      <c r="BH1305" s="93"/>
      <c r="BI1305" s="93"/>
      <c r="BJ1305" s="93"/>
      <c r="BK1305" s="93"/>
      <c r="BL1305" s="93"/>
    </row>
    <row r="1306" spans="2:64" x14ac:dyDescent="0.2">
      <c r="B1306" s="43"/>
      <c r="C1306" s="73"/>
      <c r="D1306" s="64"/>
      <c r="E1306" s="55"/>
      <c r="F1306" s="74"/>
      <c r="G1306" s="74"/>
      <c r="H1306" s="74"/>
      <c r="I1306" s="75"/>
      <c r="J1306" s="74"/>
      <c r="L1306" s="55"/>
      <c r="M1306" s="234"/>
      <c r="N1306" s="65"/>
      <c r="O1306" s="76"/>
      <c r="P1306" s="76"/>
      <c r="Q1306" s="65"/>
      <c r="R1306" s="76"/>
      <c r="S1306" s="76"/>
      <c r="T1306" s="76"/>
      <c r="U1306" s="76"/>
      <c r="V1306" s="76"/>
      <c r="W1306" s="76"/>
      <c r="X1306" s="76"/>
      <c r="Y1306" s="76"/>
      <c r="Z1306" s="76"/>
      <c r="AA1306" s="85"/>
      <c r="AB1306" s="85"/>
      <c r="AC1306" s="85"/>
      <c r="AD1306" s="85"/>
      <c r="AE1306" s="85"/>
      <c r="AF1306" s="85"/>
      <c r="AG1306" s="86"/>
      <c r="AH1306" s="85"/>
      <c r="AI1306" s="85"/>
      <c r="AJ1306" s="85"/>
      <c r="AK1306" s="85"/>
      <c r="AL1306" s="85"/>
      <c r="AM1306" s="92"/>
      <c r="AN1306" s="92"/>
      <c r="AO1306" s="92"/>
      <c r="AP1306" s="92"/>
      <c r="AQ1306" s="92"/>
      <c r="AR1306" s="92"/>
      <c r="AS1306" s="92"/>
      <c r="AT1306" s="92"/>
      <c r="AU1306" s="92"/>
      <c r="AV1306" s="92"/>
      <c r="AW1306" s="92"/>
      <c r="AX1306" s="92"/>
      <c r="AY1306" s="92"/>
      <c r="AZ1306" s="93"/>
      <c r="BA1306" s="93"/>
      <c r="BB1306" s="93"/>
      <c r="BC1306" s="93"/>
      <c r="BD1306" s="93"/>
      <c r="BE1306" s="93"/>
      <c r="BF1306" s="93"/>
      <c r="BG1306" s="93"/>
      <c r="BH1306" s="93"/>
      <c r="BI1306" s="93"/>
      <c r="BJ1306" s="93"/>
      <c r="BK1306" s="93"/>
      <c r="BL1306" s="93"/>
    </row>
    <row r="1307" spans="2:64" x14ac:dyDescent="0.2">
      <c r="B1307" s="43"/>
      <c r="C1307" s="73"/>
      <c r="D1307" s="64"/>
      <c r="E1307" s="55"/>
      <c r="F1307" s="74"/>
      <c r="G1307" s="74"/>
      <c r="H1307" s="74"/>
      <c r="I1307" s="75"/>
      <c r="J1307" s="74"/>
      <c r="L1307" s="55"/>
      <c r="M1307" s="234"/>
      <c r="N1307" s="65"/>
      <c r="O1307" s="76"/>
      <c r="P1307" s="76"/>
      <c r="Q1307" s="65"/>
      <c r="R1307" s="76"/>
      <c r="S1307" s="76"/>
      <c r="T1307" s="76"/>
      <c r="U1307" s="76"/>
      <c r="V1307" s="76"/>
      <c r="W1307" s="76"/>
      <c r="X1307" s="76"/>
      <c r="Y1307" s="76"/>
      <c r="Z1307" s="76"/>
      <c r="AA1307" s="85"/>
      <c r="AB1307" s="85"/>
      <c r="AC1307" s="85"/>
      <c r="AD1307" s="85"/>
      <c r="AE1307" s="85"/>
      <c r="AF1307" s="85"/>
      <c r="AG1307" s="86"/>
      <c r="AH1307" s="85"/>
      <c r="AI1307" s="85"/>
      <c r="AJ1307" s="85"/>
      <c r="AK1307" s="85"/>
      <c r="AL1307" s="85"/>
      <c r="AM1307" s="92"/>
      <c r="AN1307" s="92"/>
      <c r="AO1307" s="92"/>
      <c r="AP1307" s="92"/>
      <c r="AQ1307" s="92"/>
      <c r="AR1307" s="92"/>
      <c r="AS1307" s="92"/>
      <c r="AT1307" s="92"/>
      <c r="AU1307" s="92"/>
      <c r="AV1307" s="92"/>
      <c r="AW1307" s="92"/>
      <c r="AX1307" s="92"/>
      <c r="AY1307" s="92"/>
      <c r="AZ1307" s="93"/>
      <c r="BA1307" s="93"/>
      <c r="BB1307" s="93"/>
      <c r="BC1307" s="93"/>
      <c r="BD1307" s="93"/>
      <c r="BE1307" s="93"/>
      <c r="BF1307" s="93"/>
      <c r="BG1307" s="93"/>
      <c r="BH1307" s="93"/>
      <c r="BI1307" s="93"/>
      <c r="BJ1307" s="93"/>
      <c r="BK1307" s="93"/>
      <c r="BL1307" s="93"/>
    </row>
    <row r="1308" spans="2:64" x14ac:dyDescent="0.2">
      <c r="B1308" s="43"/>
      <c r="C1308" s="73"/>
      <c r="D1308" s="64"/>
      <c r="E1308" s="55"/>
      <c r="F1308" s="74"/>
      <c r="G1308" s="74"/>
      <c r="H1308" s="74"/>
      <c r="I1308" s="75"/>
      <c r="J1308" s="74"/>
      <c r="L1308" s="55"/>
      <c r="M1308" s="234"/>
      <c r="N1308" s="65"/>
      <c r="O1308" s="76"/>
      <c r="P1308" s="76"/>
      <c r="Q1308" s="65"/>
      <c r="R1308" s="76"/>
      <c r="S1308" s="76"/>
      <c r="T1308" s="76"/>
      <c r="U1308" s="76"/>
      <c r="V1308" s="76"/>
      <c r="W1308" s="76"/>
      <c r="X1308" s="76"/>
      <c r="Y1308" s="76"/>
      <c r="Z1308" s="76"/>
      <c r="AA1308" s="85"/>
      <c r="AB1308" s="85"/>
      <c r="AC1308" s="85"/>
      <c r="AD1308" s="85"/>
      <c r="AE1308" s="85"/>
      <c r="AF1308" s="85"/>
      <c r="AG1308" s="86"/>
      <c r="AH1308" s="85"/>
      <c r="AI1308" s="85"/>
      <c r="AJ1308" s="85"/>
      <c r="AK1308" s="85"/>
      <c r="AL1308" s="85"/>
      <c r="AM1308" s="92"/>
      <c r="AN1308" s="92"/>
      <c r="AO1308" s="92"/>
      <c r="AP1308" s="92"/>
      <c r="AQ1308" s="92"/>
      <c r="AR1308" s="92"/>
      <c r="AS1308" s="92"/>
      <c r="AT1308" s="92"/>
      <c r="AU1308" s="92"/>
      <c r="AV1308" s="92"/>
      <c r="AW1308" s="92"/>
      <c r="AX1308" s="92"/>
      <c r="AY1308" s="92"/>
      <c r="AZ1308" s="93"/>
      <c r="BA1308" s="93"/>
      <c r="BB1308" s="93"/>
      <c r="BC1308" s="93"/>
      <c r="BD1308" s="93"/>
      <c r="BE1308" s="93"/>
      <c r="BF1308" s="93"/>
      <c r="BG1308" s="93"/>
      <c r="BH1308" s="93"/>
      <c r="BI1308" s="93"/>
      <c r="BJ1308" s="93"/>
      <c r="BK1308" s="93"/>
      <c r="BL1308" s="93"/>
    </row>
    <row r="1309" spans="2:64" x14ac:dyDescent="0.2">
      <c r="B1309" s="43"/>
      <c r="C1309" s="73"/>
      <c r="D1309" s="64"/>
      <c r="E1309" s="55"/>
      <c r="F1309" s="74"/>
      <c r="G1309" s="74"/>
      <c r="H1309" s="74"/>
      <c r="I1309" s="75"/>
      <c r="J1309" s="74"/>
      <c r="L1309" s="55"/>
      <c r="M1309" s="234"/>
      <c r="N1309" s="65"/>
      <c r="O1309" s="76"/>
      <c r="P1309" s="76"/>
      <c r="Q1309" s="65"/>
      <c r="R1309" s="76"/>
      <c r="S1309" s="76"/>
      <c r="T1309" s="76"/>
      <c r="U1309" s="76"/>
      <c r="V1309" s="76"/>
      <c r="W1309" s="76"/>
      <c r="X1309" s="76"/>
      <c r="Y1309" s="76"/>
      <c r="Z1309" s="76"/>
      <c r="AA1309" s="85"/>
      <c r="AB1309" s="85"/>
      <c r="AC1309" s="85"/>
      <c r="AD1309" s="85"/>
      <c r="AE1309" s="85"/>
      <c r="AF1309" s="85"/>
      <c r="AG1309" s="86"/>
      <c r="AH1309" s="85"/>
      <c r="AI1309" s="85"/>
      <c r="AJ1309" s="85"/>
      <c r="AK1309" s="85"/>
      <c r="AL1309" s="85"/>
      <c r="AM1309" s="92"/>
      <c r="AN1309" s="92"/>
      <c r="AO1309" s="92"/>
      <c r="AP1309" s="92"/>
      <c r="AQ1309" s="92"/>
      <c r="AR1309" s="92"/>
      <c r="AS1309" s="92"/>
      <c r="AT1309" s="92"/>
      <c r="AU1309" s="92"/>
      <c r="AV1309" s="92"/>
      <c r="AW1309" s="92"/>
      <c r="AX1309" s="92"/>
      <c r="AY1309" s="92"/>
      <c r="AZ1309" s="93"/>
      <c r="BA1309" s="93"/>
      <c r="BB1309" s="93"/>
      <c r="BC1309" s="93"/>
      <c r="BD1309" s="93"/>
      <c r="BE1309" s="93"/>
      <c r="BF1309" s="93"/>
      <c r="BG1309" s="93"/>
      <c r="BH1309" s="93"/>
      <c r="BI1309" s="93"/>
      <c r="BJ1309" s="93"/>
      <c r="BK1309" s="93"/>
      <c r="BL1309" s="93"/>
    </row>
    <row r="1310" spans="2:64" x14ac:dyDescent="0.2">
      <c r="B1310" s="43"/>
      <c r="C1310" s="73"/>
      <c r="D1310" s="64"/>
      <c r="E1310" s="55"/>
      <c r="F1310" s="74"/>
      <c r="G1310" s="74"/>
      <c r="H1310" s="74"/>
      <c r="I1310" s="75"/>
      <c r="J1310" s="74"/>
      <c r="L1310" s="55"/>
      <c r="M1310" s="234"/>
      <c r="N1310" s="65"/>
      <c r="O1310" s="76"/>
      <c r="P1310" s="76"/>
      <c r="Q1310" s="65"/>
      <c r="R1310" s="76"/>
      <c r="S1310" s="76"/>
      <c r="T1310" s="76"/>
      <c r="U1310" s="76"/>
      <c r="V1310" s="76"/>
      <c r="W1310" s="76"/>
      <c r="X1310" s="76"/>
      <c r="Y1310" s="76"/>
      <c r="Z1310" s="76"/>
      <c r="AA1310" s="85"/>
      <c r="AB1310" s="85"/>
      <c r="AC1310" s="85"/>
      <c r="AD1310" s="85"/>
      <c r="AE1310" s="85"/>
      <c r="AF1310" s="85"/>
      <c r="AG1310" s="86"/>
      <c r="AH1310" s="85"/>
      <c r="AI1310" s="85"/>
      <c r="AJ1310" s="85"/>
      <c r="AK1310" s="85"/>
      <c r="AL1310" s="85"/>
      <c r="AM1310" s="92"/>
      <c r="AN1310" s="92"/>
      <c r="AO1310" s="92"/>
      <c r="AP1310" s="92"/>
      <c r="AQ1310" s="92"/>
      <c r="AR1310" s="92"/>
      <c r="AS1310" s="92"/>
      <c r="AT1310" s="92"/>
      <c r="AU1310" s="92"/>
      <c r="AV1310" s="92"/>
      <c r="AW1310" s="92"/>
      <c r="AX1310" s="92"/>
      <c r="AY1310" s="92"/>
      <c r="AZ1310" s="93"/>
      <c r="BA1310" s="93"/>
      <c r="BB1310" s="93"/>
      <c r="BC1310" s="93"/>
      <c r="BD1310" s="93"/>
      <c r="BE1310" s="93"/>
      <c r="BF1310" s="93"/>
      <c r="BG1310" s="93"/>
      <c r="BH1310" s="93"/>
      <c r="BI1310" s="93"/>
      <c r="BJ1310" s="93"/>
      <c r="BK1310" s="93"/>
      <c r="BL1310" s="93"/>
    </row>
    <row r="1311" spans="2:64" x14ac:dyDescent="0.2">
      <c r="B1311" s="43"/>
      <c r="C1311" s="73"/>
      <c r="D1311" s="64"/>
      <c r="E1311" s="55"/>
      <c r="F1311" s="74"/>
      <c r="G1311" s="74"/>
      <c r="H1311" s="74"/>
      <c r="I1311" s="75"/>
      <c r="J1311" s="74"/>
      <c r="L1311" s="55"/>
      <c r="M1311" s="234"/>
      <c r="N1311" s="65"/>
      <c r="O1311" s="76"/>
      <c r="P1311" s="76"/>
      <c r="Q1311" s="65"/>
      <c r="R1311" s="76"/>
      <c r="S1311" s="76"/>
      <c r="T1311" s="76"/>
      <c r="U1311" s="76"/>
      <c r="V1311" s="76"/>
      <c r="W1311" s="76"/>
      <c r="X1311" s="76"/>
      <c r="Y1311" s="76"/>
      <c r="Z1311" s="76"/>
      <c r="AA1311" s="85"/>
      <c r="AB1311" s="85"/>
      <c r="AC1311" s="85"/>
      <c r="AD1311" s="85"/>
      <c r="AE1311" s="85"/>
      <c r="AF1311" s="85"/>
      <c r="AG1311" s="86"/>
      <c r="AH1311" s="85"/>
      <c r="AI1311" s="85"/>
      <c r="AJ1311" s="85"/>
      <c r="AK1311" s="85"/>
      <c r="AL1311" s="85"/>
      <c r="AM1311" s="92"/>
      <c r="AN1311" s="92"/>
      <c r="AO1311" s="92"/>
      <c r="AP1311" s="92"/>
      <c r="AQ1311" s="92"/>
      <c r="AR1311" s="92"/>
      <c r="AS1311" s="92"/>
      <c r="AT1311" s="92"/>
      <c r="AU1311" s="92"/>
      <c r="AV1311" s="92"/>
      <c r="AW1311" s="92"/>
      <c r="AX1311" s="92"/>
      <c r="AY1311" s="92"/>
      <c r="AZ1311" s="93"/>
      <c r="BA1311" s="93"/>
      <c r="BB1311" s="93"/>
      <c r="BC1311" s="93"/>
      <c r="BD1311" s="93"/>
      <c r="BE1311" s="93"/>
      <c r="BF1311" s="93"/>
      <c r="BG1311" s="93"/>
      <c r="BH1311" s="93"/>
      <c r="BI1311" s="93"/>
      <c r="BJ1311" s="93"/>
      <c r="BK1311" s="93"/>
      <c r="BL1311" s="93"/>
    </row>
    <row r="1312" spans="2:64" x14ac:dyDescent="0.2">
      <c r="B1312" s="43"/>
      <c r="C1312" s="73"/>
      <c r="D1312" s="64"/>
      <c r="E1312" s="55"/>
      <c r="F1312" s="74"/>
      <c r="G1312" s="74"/>
      <c r="H1312" s="74"/>
      <c r="I1312" s="75"/>
      <c r="J1312" s="74"/>
      <c r="L1312" s="55"/>
      <c r="M1312" s="234"/>
      <c r="N1312" s="65"/>
      <c r="O1312" s="76"/>
      <c r="P1312" s="76"/>
      <c r="Q1312" s="65"/>
      <c r="R1312" s="76"/>
      <c r="S1312" s="76"/>
      <c r="T1312" s="76"/>
      <c r="U1312" s="76"/>
      <c r="V1312" s="76"/>
      <c r="W1312" s="76"/>
      <c r="X1312" s="76"/>
      <c r="Y1312" s="76"/>
      <c r="Z1312" s="76"/>
      <c r="AA1312" s="85"/>
      <c r="AB1312" s="85"/>
      <c r="AC1312" s="85"/>
      <c r="AD1312" s="85"/>
      <c r="AE1312" s="85"/>
      <c r="AF1312" s="85"/>
      <c r="AG1312" s="86"/>
      <c r="AH1312" s="85"/>
      <c r="AI1312" s="85"/>
      <c r="AJ1312" s="85"/>
      <c r="AK1312" s="85"/>
      <c r="AL1312" s="85"/>
      <c r="AM1312" s="92"/>
      <c r="AN1312" s="92"/>
      <c r="AO1312" s="92"/>
      <c r="AP1312" s="92"/>
      <c r="AQ1312" s="92"/>
      <c r="AR1312" s="92"/>
      <c r="AS1312" s="92"/>
      <c r="AT1312" s="92"/>
      <c r="AU1312" s="92"/>
      <c r="AV1312" s="92"/>
      <c r="AW1312" s="92"/>
      <c r="AX1312" s="92"/>
      <c r="AY1312" s="92"/>
      <c r="AZ1312" s="93"/>
      <c r="BA1312" s="93"/>
      <c r="BB1312" s="93"/>
      <c r="BC1312" s="93"/>
      <c r="BD1312" s="93"/>
      <c r="BE1312" s="93"/>
      <c r="BF1312" s="93"/>
      <c r="BG1312" s="93"/>
      <c r="BH1312" s="93"/>
      <c r="BI1312" s="93"/>
      <c r="BJ1312" s="93"/>
      <c r="BK1312" s="93"/>
      <c r="BL1312" s="93"/>
    </row>
    <row r="1313" spans="2:64" x14ac:dyDescent="0.2">
      <c r="B1313" s="43"/>
      <c r="C1313" s="73"/>
      <c r="D1313" s="64"/>
      <c r="E1313" s="55"/>
      <c r="F1313" s="74"/>
      <c r="G1313" s="74"/>
      <c r="H1313" s="74"/>
      <c r="I1313" s="75"/>
      <c r="J1313" s="74"/>
      <c r="L1313" s="55"/>
      <c r="M1313" s="234"/>
      <c r="N1313" s="65"/>
      <c r="O1313" s="76"/>
      <c r="P1313" s="76"/>
      <c r="Q1313" s="65"/>
      <c r="R1313" s="76"/>
      <c r="S1313" s="76"/>
      <c r="T1313" s="76"/>
      <c r="U1313" s="76"/>
      <c r="V1313" s="76"/>
      <c r="W1313" s="76"/>
      <c r="X1313" s="76"/>
      <c r="Y1313" s="76"/>
      <c r="Z1313" s="76"/>
      <c r="AA1313" s="85"/>
      <c r="AB1313" s="85"/>
      <c r="AC1313" s="85"/>
      <c r="AD1313" s="85"/>
      <c r="AE1313" s="85"/>
      <c r="AF1313" s="85"/>
      <c r="AG1313" s="86"/>
      <c r="AH1313" s="85"/>
      <c r="AI1313" s="85"/>
      <c r="AJ1313" s="85"/>
      <c r="AK1313" s="85"/>
      <c r="AL1313" s="85"/>
      <c r="AM1313" s="92"/>
      <c r="AN1313" s="92"/>
      <c r="AO1313" s="92"/>
      <c r="AP1313" s="92"/>
      <c r="AQ1313" s="92"/>
      <c r="AR1313" s="92"/>
      <c r="AS1313" s="92"/>
      <c r="AT1313" s="92"/>
      <c r="AU1313" s="92"/>
      <c r="AV1313" s="92"/>
      <c r="AW1313" s="92"/>
      <c r="AX1313" s="92"/>
      <c r="AY1313" s="92"/>
      <c r="AZ1313" s="93"/>
      <c r="BA1313" s="93"/>
      <c r="BB1313" s="93"/>
      <c r="BC1313" s="93"/>
      <c r="BD1313" s="93"/>
      <c r="BE1313" s="93"/>
      <c r="BF1313" s="93"/>
      <c r="BG1313" s="93"/>
      <c r="BH1313" s="93"/>
      <c r="BI1313" s="93"/>
      <c r="BJ1313" s="93"/>
      <c r="BK1313" s="93"/>
      <c r="BL1313" s="93"/>
    </row>
    <row r="1314" spans="2:64" x14ac:dyDescent="0.2">
      <c r="B1314" s="43"/>
      <c r="C1314" s="73"/>
      <c r="D1314" s="64"/>
      <c r="E1314" s="55"/>
      <c r="F1314" s="74"/>
      <c r="G1314" s="74"/>
      <c r="H1314" s="74"/>
      <c r="I1314" s="75"/>
      <c r="J1314" s="74"/>
      <c r="L1314" s="55"/>
      <c r="M1314" s="234"/>
      <c r="N1314" s="65"/>
      <c r="O1314" s="76"/>
      <c r="P1314" s="76"/>
      <c r="Q1314" s="65"/>
      <c r="R1314" s="76"/>
      <c r="S1314" s="76"/>
      <c r="T1314" s="76"/>
      <c r="U1314" s="76"/>
      <c r="V1314" s="76"/>
      <c r="W1314" s="76"/>
      <c r="X1314" s="76"/>
      <c r="Y1314" s="76"/>
      <c r="Z1314" s="76"/>
      <c r="AA1314" s="85"/>
      <c r="AB1314" s="85"/>
      <c r="AC1314" s="85"/>
      <c r="AD1314" s="85"/>
      <c r="AE1314" s="85"/>
      <c r="AF1314" s="85"/>
      <c r="AG1314" s="86"/>
      <c r="AH1314" s="85"/>
      <c r="AI1314" s="85"/>
      <c r="AJ1314" s="85"/>
      <c r="AK1314" s="85"/>
      <c r="AL1314" s="85"/>
      <c r="AM1314" s="92"/>
      <c r="AN1314" s="92"/>
      <c r="AO1314" s="92"/>
      <c r="AP1314" s="92"/>
      <c r="AQ1314" s="92"/>
      <c r="AR1314" s="92"/>
      <c r="AS1314" s="92"/>
      <c r="AT1314" s="92"/>
      <c r="AU1314" s="92"/>
      <c r="AV1314" s="92"/>
      <c r="AW1314" s="92"/>
      <c r="AX1314" s="92"/>
      <c r="AY1314" s="92"/>
      <c r="AZ1314" s="93"/>
      <c r="BA1314" s="93"/>
      <c r="BB1314" s="93"/>
      <c r="BC1314" s="93"/>
      <c r="BD1314" s="93"/>
      <c r="BE1314" s="93"/>
      <c r="BF1314" s="93"/>
      <c r="BG1314" s="93"/>
      <c r="BH1314" s="93"/>
      <c r="BI1314" s="93"/>
      <c r="BJ1314" s="93"/>
      <c r="BK1314" s="93"/>
      <c r="BL1314" s="93"/>
    </row>
    <row r="1315" spans="2:64" x14ac:dyDescent="0.2">
      <c r="B1315" s="43"/>
      <c r="C1315" s="73"/>
      <c r="D1315" s="64"/>
      <c r="E1315" s="55"/>
      <c r="F1315" s="74"/>
      <c r="G1315" s="74"/>
      <c r="H1315" s="74"/>
      <c r="I1315" s="75"/>
      <c r="J1315" s="74"/>
      <c r="L1315" s="55"/>
      <c r="M1315" s="234"/>
      <c r="N1315" s="65"/>
      <c r="O1315" s="76"/>
      <c r="P1315" s="76"/>
      <c r="Q1315" s="65"/>
      <c r="R1315" s="76"/>
      <c r="S1315" s="76"/>
      <c r="T1315" s="76"/>
      <c r="U1315" s="76"/>
      <c r="V1315" s="76"/>
      <c r="W1315" s="76"/>
      <c r="X1315" s="76"/>
      <c r="Y1315" s="76"/>
      <c r="Z1315" s="76"/>
      <c r="AA1315" s="85"/>
      <c r="AB1315" s="85"/>
      <c r="AC1315" s="85"/>
      <c r="AD1315" s="85"/>
      <c r="AE1315" s="85"/>
      <c r="AF1315" s="85"/>
      <c r="AG1315" s="86"/>
      <c r="AH1315" s="85"/>
      <c r="AI1315" s="85"/>
      <c r="AJ1315" s="85"/>
      <c r="AK1315" s="85"/>
      <c r="AL1315" s="85"/>
      <c r="AM1315" s="92"/>
      <c r="AN1315" s="92"/>
      <c r="AO1315" s="92"/>
      <c r="AP1315" s="92"/>
      <c r="AQ1315" s="92"/>
      <c r="AR1315" s="92"/>
      <c r="AS1315" s="92"/>
      <c r="AT1315" s="92"/>
      <c r="AU1315" s="92"/>
      <c r="AV1315" s="92"/>
      <c r="AW1315" s="92"/>
      <c r="AX1315" s="92"/>
      <c r="AY1315" s="92"/>
      <c r="AZ1315" s="93"/>
      <c r="BA1315" s="93"/>
      <c r="BB1315" s="93"/>
      <c r="BC1315" s="93"/>
      <c r="BD1315" s="93"/>
      <c r="BE1315" s="93"/>
      <c r="BF1315" s="93"/>
      <c r="BG1315" s="93"/>
      <c r="BH1315" s="93"/>
      <c r="BI1315" s="93"/>
      <c r="BJ1315" s="93"/>
      <c r="BK1315" s="93"/>
      <c r="BL1315" s="93"/>
    </row>
    <row r="1316" spans="2:64" x14ac:dyDescent="0.2">
      <c r="B1316" s="43"/>
      <c r="C1316" s="73"/>
      <c r="D1316" s="64"/>
      <c r="E1316" s="55"/>
      <c r="F1316" s="74"/>
      <c r="G1316" s="74"/>
      <c r="H1316" s="74"/>
      <c r="I1316" s="75"/>
      <c r="J1316" s="74"/>
      <c r="L1316" s="55"/>
      <c r="M1316" s="234"/>
      <c r="N1316" s="65"/>
      <c r="O1316" s="76"/>
      <c r="P1316" s="76"/>
      <c r="Q1316" s="65"/>
      <c r="R1316" s="76"/>
      <c r="S1316" s="76"/>
      <c r="T1316" s="76"/>
      <c r="U1316" s="76"/>
      <c r="V1316" s="76"/>
      <c r="W1316" s="76"/>
      <c r="X1316" s="76"/>
      <c r="Y1316" s="76"/>
      <c r="Z1316" s="76"/>
      <c r="AA1316" s="85"/>
      <c r="AB1316" s="85"/>
      <c r="AC1316" s="85"/>
      <c r="AD1316" s="85"/>
      <c r="AE1316" s="85"/>
      <c r="AF1316" s="85"/>
      <c r="AG1316" s="86"/>
      <c r="AH1316" s="85"/>
      <c r="AI1316" s="85"/>
      <c r="AJ1316" s="85"/>
      <c r="AK1316" s="85"/>
      <c r="AL1316" s="85"/>
      <c r="AM1316" s="92"/>
      <c r="AN1316" s="92"/>
      <c r="AO1316" s="92"/>
      <c r="AP1316" s="92"/>
      <c r="AQ1316" s="92"/>
      <c r="AR1316" s="92"/>
      <c r="AS1316" s="92"/>
      <c r="AT1316" s="92"/>
      <c r="AU1316" s="92"/>
      <c r="AV1316" s="92"/>
      <c r="AW1316" s="92"/>
      <c r="AX1316" s="92"/>
      <c r="AY1316" s="92"/>
      <c r="AZ1316" s="93"/>
      <c r="BA1316" s="93"/>
      <c r="BB1316" s="93"/>
      <c r="BC1316" s="93"/>
      <c r="BD1316" s="93"/>
      <c r="BE1316" s="93"/>
      <c r="BF1316" s="93"/>
      <c r="BG1316" s="93"/>
      <c r="BH1316" s="93"/>
      <c r="BI1316" s="93"/>
      <c r="BJ1316" s="93"/>
      <c r="BK1316" s="93"/>
      <c r="BL1316" s="93"/>
    </row>
    <row r="1317" spans="2:64" x14ac:dyDescent="0.2">
      <c r="B1317" s="43"/>
      <c r="C1317" s="73"/>
      <c r="D1317" s="64"/>
      <c r="E1317" s="55"/>
      <c r="F1317" s="74"/>
      <c r="G1317" s="74"/>
      <c r="H1317" s="74"/>
      <c r="I1317" s="75"/>
      <c r="J1317" s="74"/>
      <c r="L1317" s="55"/>
      <c r="M1317" s="234"/>
      <c r="N1317" s="65"/>
      <c r="O1317" s="76"/>
      <c r="P1317" s="76"/>
      <c r="Q1317" s="65"/>
      <c r="R1317" s="76"/>
      <c r="S1317" s="76"/>
      <c r="T1317" s="76"/>
      <c r="U1317" s="76"/>
      <c r="V1317" s="76"/>
      <c r="W1317" s="76"/>
      <c r="X1317" s="76"/>
      <c r="Y1317" s="76"/>
      <c r="Z1317" s="76"/>
      <c r="AA1317" s="85"/>
      <c r="AB1317" s="85"/>
      <c r="AC1317" s="85"/>
      <c r="AD1317" s="85"/>
      <c r="AE1317" s="85"/>
      <c r="AF1317" s="85"/>
      <c r="AG1317" s="86"/>
      <c r="AH1317" s="85"/>
      <c r="AI1317" s="85"/>
      <c r="AJ1317" s="85"/>
      <c r="AK1317" s="85"/>
      <c r="AL1317" s="85"/>
      <c r="AM1317" s="92"/>
      <c r="AN1317" s="92"/>
      <c r="AO1317" s="92"/>
      <c r="AP1317" s="92"/>
      <c r="AQ1317" s="92"/>
      <c r="AR1317" s="92"/>
      <c r="AS1317" s="92"/>
      <c r="AT1317" s="92"/>
      <c r="AU1317" s="92"/>
      <c r="AV1317" s="92"/>
      <c r="AW1317" s="92"/>
      <c r="AX1317" s="92"/>
      <c r="AY1317" s="92"/>
      <c r="AZ1317" s="93"/>
      <c r="BA1317" s="93"/>
      <c r="BB1317" s="93"/>
      <c r="BC1317" s="93"/>
      <c r="BD1317" s="93"/>
      <c r="BE1317" s="93"/>
      <c r="BF1317" s="93"/>
      <c r="BG1317" s="93"/>
      <c r="BH1317" s="93"/>
      <c r="BI1317" s="93"/>
      <c r="BJ1317" s="93"/>
      <c r="BK1317" s="93"/>
      <c r="BL1317" s="93"/>
    </row>
    <row r="1318" spans="2:64" x14ac:dyDescent="0.2">
      <c r="B1318" s="43"/>
      <c r="C1318" s="73"/>
      <c r="D1318" s="64"/>
      <c r="E1318" s="55"/>
      <c r="F1318" s="74"/>
      <c r="G1318" s="74"/>
      <c r="H1318" s="74"/>
      <c r="I1318" s="75"/>
      <c r="J1318" s="74"/>
      <c r="L1318" s="55"/>
      <c r="M1318" s="234"/>
      <c r="N1318" s="65"/>
      <c r="O1318" s="76"/>
      <c r="P1318" s="76"/>
      <c r="Q1318" s="65"/>
      <c r="R1318" s="76"/>
      <c r="S1318" s="76"/>
      <c r="T1318" s="76"/>
      <c r="U1318" s="76"/>
      <c r="V1318" s="76"/>
      <c r="W1318" s="76"/>
      <c r="X1318" s="76"/>
      <c r="Y1318" s="76"/>
      <c r="Z1318" s="76"/>
      <c r="AA1318" s="85"/>
      <c r="AB1318" s="85"/>
      <c r="AC1318" s="85"/>
      <c r="AD1318" s="85"/>
      <c r="AE1318" s="85"/>
      <c r="AF1318" s="85"/>
      <c r="AG1318" s="86"/>
      <c r="AH1318" s="85"/>
      <c r="AI1318" s="85"/>
      <c r="AJ1318" s="85"/>
      <c r="AK1318" s="85"/>
      <c r="AL1318" s="85"/>
      <c r="AM1318" s="92"/>
      <c r="AN1318" s="92"/>
      <c r="AO1318" s="92"/>
      <c r="AP1318" s="92"/>
      <c r="AQ1318" s="92"/>
      <c r="AR1318" s="92"/>
      <c r="AS1318" s="92"/>
      <c r="AT1318" s="92"/>
      <c r="AU1318" s="92"/>
      <c r="AV1318" s="92"/>
      <c r="AW1318" s="92"/>
      <c r="AX1318" s="92"/>
      <c r="AY1318" s="92"/>
      <c r="AZ1318" s="93"/>
      <c r="BA1318" s="93"/>
      <c r="BB1318" s="93"/>
      <c r="BC1318" s="93"/>
      <c r="BD1318" s="93"/>
      <c r="BE1318" s="93"/>
      <c r="BF1318" s="93"/>
      <c r="BG1318" s="93"/>
      <c r="BH1318" s="93"/>
      <c r="BI1318" s="93"/>
      <c r="BJ1318" s="93"/>
      <c r="BK1318" s="93"/>
      <c r="BL1318" s="93"/>
    </row>
    <row r="1319" spans="2:64" x14ac:dyDescent="0.2">
      <c r="B1319" s="43"/>
      <c r="C1319" s="73"/>
      <c r="D1319" s="64"/>
      <c r="E1319" s="55"/>
      <c r="F1319" s="74"/>
      <c r="G1319" s="74"/>
      <c r="H1319" s="74"/>
      <c r="I1319" s="75"/>
      <c r="J1319" s="74"/>
      <c r="L1319" s="55"/>
      <c r="M1319" s="234"/>
      <c r="N1319" s="65"/>
      <c r="O1319" s="76"/>
      <c r="P1319" s="76"/>
      <c r="Q1319" s="65"/>
      <c r="R1319" s="76"/>
      <c r="S1319" s="76"/>
      <c r="T1319" s="76"/>
      <c r="U1319" s="76"/>
      <c r="V1319" s="76"/>
      <c r="W1319" s="76"/>
      <c r="X1319" s="76"/>
      <c r="Y1319" s="76"/>
      <c r="Z1319" s="76"/>
      <c r="AA1319" s="85"/>
      <c r="AB1319" s="85"/>
      <c r="AC1319" s="85"/>
      <c r="AD1319" s="85"/>
      <c r="AE1319" s="85"/>
      <c r="AF1319" s="85"/>
      <c r="AG1319" s="86"/>
      <c r="AH1319" s="85"/>
      <c r="AI1319" s="85"/>
      <c r="AJ1319" s="85"/>
      <c r="AK1319" s="85"/>
      <c r="AL1319" s="85"/>
      <c r="AM1319" s="92"/>
      <c r="AN1319" s="92"/>
      <c r="AO1319" s="92"/>
      <c r="AP1319" s="92"/>
      <c r="AQ1319" s="92"/>
      <c r="AR1319" s="92"/>
      <c r="AS1319" s="92"/>
      <c r="AT1319" s="92"/>
      <c r="AU1319" s="92"/>
      <c r="AV1319" s="92"/>
      <c r="AW1319" s="92"/>
      <c r="AX1319" s="92"/>
      <c r="AY1319" s="92"/>
      <c r="AZ1319" s="93"/>
      <c r="BA1319" s="93"/>
      <c r="BB1319" s="93"/>
      <c r="BC1319" s="93"/>
      <c r="BD1319" s="93"/>
      <c r="BE1319" s="93"/>
      <c r="BF1319" s="93"/>
      <c r="BG1319" s="93"/>
      <c r="BH1319" s="93"/>
      <c r="BI1319" s="93"/>
      <c r="BJ1319" s="93"/>
      <c r="BK1319" s="93"/>
      <c r="BL1319" s="93"/>
    </row>
    <row r="1320" spans="2:64" x14ac:dyDescent="0.2">
      <c r="B1320" s="43"/>
      <c r="C1320" s="73"/>
      <c r="D1320" s="64"/>
      <c r="E1320" s="55"/>
      <c r="F1320" s="74"/>
      <c r="G1320" s="74"/>
      <c r="H1320" s="74"/>
      <c r="I1320" s="75"/>
      <c r="J1320" s="74"/>
      <c r="L1320" s="55"/>
      <c r="M1320" s="234"/>
      <c r="N1320" s="65"/>
      <c r="O1320" s="76"/>
      <c r="P1320" s="76"/>
      <c r="Q1320" s="65"/>
      <c r="R1320" s="76"/>
      <c r="S1320" s="76"/>
      <c r="T1320" s="76"/>
      <c r="U1320" s="76"/>
      <c r="V1320" s="76"/>
      <c r="W1320" s="76"/>
      <c r="X1320" s="76"/>
      <c r="Y1320" s="76"/>
      <c r="Z1320" s="76"/>
      <c r="AA1320" s="85"/>
      <c r="AB1320" s="85"/>
      <c r="AC1320" s="85"/>
      <c r="AD1320" s="85"/>
      <c r="AE1320" s="85"/>
      <c r="AF1320" s="85"/>
      <c r="AG1320" s="86"/>
      <c r="AH1320" s="85"/>
      <c r="AI1320" s="85"/>
      <c r="AJ1320" s="85"/>
      <c r="AK1320" s="85"/>
      <c r="AL1320" s="85"/>
      <c r="AM1320" s="92"/>
      <c r="AN1320" s="92"/>
      <c r="AO1320" s="92"/>
      <c r="AP1320" s="92"/>
      <c r="AQ1320" s="92"/>
      <c r="AR1320" s="92"/>
      <c r="AS1320" s="92"/>
      <c r="AT1320" s="92"/>
      <c r="AU1320" s="92"/>
      <c r="AV1320" s="92"/>
      <c r="AW1320" s="92"/>
      <c r="AX1320" s="92"/>
      <c r="AY1320" s="92"/>
      <c r="AZ1320" s="93"/>
      <c r="BA1320" s="93"/>
      <c r="BB1320" s="93"/>
      <c r="BC1320" s="93"/>
      <c r="BD1320" s="93"/>
      <c r="BE1320" s="93"/>
      <c r="BF1320" s="93"/>
      <c r="BG1320" s="93"/>
      <c r="BH1320" s="93"/>
      <c r="BI1320" s="93"/>
      <c r="BJ1320" s="93"/>
      <c r="BK1320" s="93"/>
      <c r="BL1320" s="93"/>
    </row>
    <row r="1321" spans="2:64" x14ac:dyDescent="0.2">
      <c r="B1321" s="43"/>
      <c r="C1321" s="73"/>
      <c r="D1321" s="64"/>
      <c r="E1321" s="55"/>
      <c r="F1321" s="74"/>
      <c r="G1321" s="74"/>
      <c r="H1321" s="74"/>
      <c r="I1321" s="75"/>
      <c r="J1321" s="74"/>
      <c r="L1321" s="55"/>
      <c r="M1321" s="234"/>
      <c r="N1321" s="65"/>
      <c r="O1321" s="76"/>
      <c r="P1321" s="76"/>
      <c r="Q1321" s="65"/>
      <c r="R1321" s="76"/>
      <c r="S1321" s="76"/>
      <c r="T1321" s="76"/>
      <c r="U1321" s="76"/>
      <c r="V1321" s="76"/>
      <c r="W1321" s="76"/>
      <c r="X1321" s="76"/>
      <c r="Y1321" s="76"/>
      <c r="Z1321" s="76"/>
      <c r="AA1321" s="85"/>
      <c r="AB1321" s="85"/>
      <c r="AC1321" s="85"/>
      <c r="AD1321" s="85"/>
      <c r="AE1321" s="85"/>
      <c r="AF1321" s="85"/>
      <c r="AG1321" s="86"/>
      <c r="AH1321" s="85"/>
      <c r="AI1321" s="85"/>
      <c r="AJ1321" s="85"/>
      <c r="AK1321" s="85"/>
      <c r="AL1321" s="85"/>
      <c r="AM1321" s="92"/>
      <c r="AN1321" s="92"/>
      <c r="AO1321" s="92"/>
      <c r="AP1321" s="92"/>
      <c r="AQ1321" s="92"/>
      <c r="AR1321" s="92"/>
      <c r="AS1321" s="92"/>
      <c r="AT1321" s="92"/>
      <c r="AU1321" s="92"/>
      <c r="AV1321" s="92"/>
      <c r="AW1321" s="92"/>
      <c r="AX1321" s="92"/>
      <c r="AY1321" s="92"/>
      <c r="AZ1321" s="93"/>
      <c r="BA1321" s="93"/>
      <c r="BB1321" s="93"/>
      <c r="BC1321" s="93"/>
      <c r="BD1321" s="93"/>
      <c r="BE1321" s="93"/>
      <c r="BF1321" s="93"/>
      <c r="BG1321" s="93"/>
      <c r="BH1321" s="93"/>
      <c r="BI1321" s="93"/>
      <c r="BJ1321" s="93"/>
      <c r="BK1321" s="93"/>
      <c r="BL1321" s="93"/>
    </row>
    <row r="1322" spans="2:64" x14ac:dyDescent="0.2">
      <c r="B1322" s="43"/>
      <c r="C1322" s="73"/>
      <c r="D1322" s="64"/>
      <c r="E1322" s="55"/>
      <c r="F1322" s="74"/>
      <c r="G1322" s="74"/>
      <c r="H1322" s="74"/>
      <c r="I1322" s="75"/>
      <c r="J1322" s="74"/>
      <c r="L1322" s="55"/>
      <c r="M1322" s="234"/>
      <c r="N1322" s="65"/>
      <c r="O1322" s="76"/>
      <c r="P1322" s="76"/>
      <c r="Q1322" s="65"/>
      <c r="R1322" s="76"/>
      <c r="S1322" s="76"/>
      <c r="T1322" s="76"/>
      <c r="U1322" s="76"/>
      <c r="V1322" s="76"/>
      <c r="W1322" s="76"/>
      <c r="X1322" s="76"/>
      <c r="Y1322" s="76"/>
      <c r="Z1322" s="76"/>
      <c r="AA1322" s="85"/>
      <c r="AB1322" s="85"/>
      <c r="AC1322" s="85"/>
      <c r="AD1322" s="85"/>
      <c r="AE1322" s="85"/>
      <c r="AF1322" s="85"/>
      <c r="AG1322" s="86"/>
      <c r="AH1322" s="85"/>
      <c r="AI1322" s="85"/>
      <c r="AJ1322" s="85"/>
      <c r="AK1322" s="85"/>
      <c r="AL1322" s="85"/>
      <c r="AM1322" s="92"/>
      <c r="AN1322" s="92"/>
      <c r="AO1322" s="92"/>
      <c r="AP1322" s="92"/>
      <c r="AQ1322" s="92"/>
      <c r="AR1322" s="92"/>
      <c r="AS1322" s="92"/>
      <c r="AT1322" s="92"/>
      <c r="AU1322" s="92"/>
      <c r="AV1322" s="92"/>
      <c r="AW1322" s="92"/>
      <c r="AX1322" s="92"/>
      <c r="AY1322" s="92"/>
      <c r="AZ1322" s="93"/>
      <c r="BA1322" s="93"/>
      <c r="BB1322" s="93"/>
      <c r="BC1322" s="93"/>
      <c r="BD1322" s="93"/>
      <c r="BE1322" s="93"/>
      <c r="BF1322" s="93"/>
      <c r="BG1322" s="93"/>
      <c r="BH1322" s="93"/>
      <c r="BI1322" s="93"/>
      <c r="BJ1322" s="93"/>
      <c r="BK1322" s="93"/>
      <c r="BL1322" s="93"/>
    </row>
    <row r="1323" spans="2:64" x14ac:dyDescent="0.2">
      <c r="B1323" s="43"/>
      <c r="C1323" s="73"/>
      <c r="D1323" s="64"/>
      <c r="E1323" s="55"/>
      <c r="F1323" s="74"/>
      <c r="G1323" s="74"/>
      <c r="H1323" s="74"/>
      <c r="I1323" s="75"/>
      <c r="J1323" s="74"/>
      <c r="L1323" s="55"/>
      <c r="M1323" s="234"/>
      <c r="N1323" s="65"/>
      <c r="O1323" s="76"/>
      <c r="P1323" s="76"/>
      <c r="Q1323" s="65"/>
      <c r="R1323" s="76"/>
      <c r="S1323" s="76"/>
      <c r="T1323" s="76"/>
      <c r="U1323" s="76"/>
      <c r="V1323" s="76"/>
      <c r="W1323" s="76"/>
      <c r="X1323" s="76"/>
      <c r="Y1323" s="76"/>
      <c r="Z1323" s="76"/>
      <c r="AA1323" s="85"/>
      <c r="AB1323" s="85"/>
      <c r="AC1323" s="85"/>
      <c r="AD1323" s="85"/>
      <c r="AE1323" s="85"/>
      <c r="AF1323" s="85"/>
      <c r="AG1323" s="86"/>
      <c r="AH1323" s="85"/>
      <c r="AI1323" s="85"/>
      <c r="AJ1323" s="85"/>
      <c r="AK1323" s="85"/>
      <c r="AL1323" s="85"/>
      <c r="AM1323" s="92"/>
      <c r="AN1323" s="92"/>
      <c r="AO1323" s="92"/>
      <c r="AP1323" s="92"/>
      <c r="AQ1323" s="92"/>
      <c r="AR1323" s="92"/>
      <c r="AS1323" s="92"/>
      <c r="AT1323" s="92"/>
      <c r="AU1323" s="92"/>
      <c r="AV1323" s="92"/>
      <c r="AW1323" s="92"/>
      <c r="AX1323" s="92"/>
      <c r="AY1323" s="92"/>
      <c r="AZ1323" s="93"/>
      <c r="BA1323" s="93"/>
      <c r="BB1323" s="93"/>
      <c r="BC1323" s="93"/>
      <c r="BD1323" s="93"/>
      <c r="BE1323" s="93"/>
      <c r="BF1323" s="93"/>
      <c r="BG1323" s="93"/>
      <c r="BH1323" s="93"/>
      <c r="BI1323" s="93"/>
      <c r="BJ1323" s="93"/>
      <c r="BK1323" s="93"/>
      <c r="BL1323" s="93"/>
    </row>
    <row r="1324" spans="2:64" x14ac:dyDescent="0.2">
      <c r="B1324" s="43"/>
      <c r="C1324" s="73"/>
      <c r="D1324" s="64"/>
      <c r="E1324" s="55"/>
      <c r="F1324" s="74"/>
      <c r="G1324" s="74"/>
      <c r="H1324" s="74"/>
      <c r="I1324" s="75"/>
      <c r="J1324" s="74"/>
      <c r="L1324" s="55"/>
      <c r="M1324" s="234"/>
      <c r="N1324" s="65"/>
      <c r="O1324" s="76"/>
      <c r="P1324" s="76"/>
      <c r="Q1324" s="65"/>
      <c r="R1324" s="76"/>
      <c r="S1324" s="76"/>
      <c r="T1324" s="76"/>
      <c r="U1324" s="76"/>
      <c r="V1324" s="76"/>
      <c r="W1324" s="76"/>
      <c r="X1324" s="76"/>
      <c r="Y1324" s="76"/>
      <c r="Z1324" s="76"/>
      <c r="AA1324" s="85"/>
      <c r="AB1324" s="85"/>
      <c r="AC1324" s="85"/>
      <c r="AD1324" s="85"/>
      <c r="AE1324" s="85"/>
      <c r="AF1324" s="85"/>
      <c r="AG1324" s="86"/>
      <c r="AH1324" s="85"/>
      <c r="AI1324" s="85"/>
      <c r="AJ1324" s="85"/>
      <c r="AK1324" s="85"/>
      <c r="AL1324" s="85"/>
      <c r="AM1324" s="92"/>
      <c r="AN1324" s="92"/>
      <c r="AO1324" s="92"/>
      <c r="AP1324" s="92"/>
      <c r="AQ1324" s="92"/>
      <c r="AR1324" s="92"/>
      <c r="AS1324" s="92"/>
      <c r="AT1324" s="92"/>
      <c r="AU1324" s="92"/>
      <c r="AV1324" s="92"/>
      <c r="AW1324" s="92"/>
      <c r="AX1324" s="92"/>
      <c r="AY1324" s="92"/>
      <c r="AZ1324" s="93"/>
      <c r="BA1324" s="93"/>
      <c r="BB1324" s="93"/>
      <c r="BC1324" s="93"/>
      <c r="BD1324" s="93"/>
      <c r="BE1324" s="93"/>
      <c r="BF1324" s="93"/>
      <c r="BG1324" s="93"/>
      <c r="BH1324" s="93"/>
      <c r="BI1324" s="93"/>
      <c r="BJ1324" s="93"/>
      <c r="BK1324" s="93"/>
      <c r="BL1324" s="93"/>
    </row>
    <row r="1325" spans="2:64" x14ac:dyDescent="0.2">
      <c r="B1325" s="43"/>
      <c r="C1325" s="73"/>
      <c r="D1325" s="64"/>
      <c r="E1325" s="55"/>
      <c r="F1325" s="74"/>
      <c r="G1325" s="74"/>
      <c r="H1325" s="74"/>
      <c r="I1325" s="75"/>
      <c r="J1325" s="74"/>
      <c r="L1325" s="55"/>
      <c r="M1325" s="234"/>
      <c r="N1325" s="65"/>
      <c r="O1325" s="76"/>
      <c r="P1325" s="76"/>
      <c r="Q1325" s="65"/>
      <c r="R1325" s="76"/>
      <c r="S1325" s="76"/>
      <c r="T1325" s="76"/>
      <c r="U1325" s="76"/>
      <c r="V1325" s="76"/>
      <c r="W1325" s="76"/>
      <c r="X1325" s="76"/>
      <c r="Y1325" s="76"/>
      <c r="Z1325" s="76"/>
      <c r="AA1325" s="85"/>
      <c r="AB1325" s="85"/>
      <c r="AC1325" s="85"/>
      <c r="AD1325" s="85"/>
      <c r="AE1325" s="85"/>
      <c r="AF1325" s="85"/>
      <c r="AG1325" s="86"/>
      <c r="AH1325" s="85"/>
      <c r="AI1325" s="85"/>
      <c r="AJ1325" s="85"/>
      <c r="AK1325" s="85"/>
      <c r="AL1325" s="85"/>
      <c r="AM1325" s="92"/>
      <c r="AN1325" s="92"/>
      <c r="AO1325" s="92"/>
      <c r="AP1325" s="92"/>
      <c r="AQ1325" s="92"/>
      <c r="AR1325" s="92"/>
      <c r="AS1325" s="92"/>
      <c r="AT1325" s="92"/>
      <c r="AU1325" s="92"/>
      <c r="AV1325" s="92"/>
      <c r="AW1325" s="92"/>
      <c r="AX1325" s="92"/>
      <c r="AY1325" s="92"/>
      <c r="AZ1325" s="93"/>
      <c r="BA1325" s="93"/>
      <c r="BB1325" s="93"/>
      <c r="BC1325" s="93"/>
      <c r="BD1325" s="93"/>
      <c r="BE1325" s="93"/>
      <c r="BF1325" s="93"/>
      <c r="BG1325" s="93"/>
      <c r="BH1325" s="93"/>
      <c r="BI1325" s="93"/>
      <c r="BJ1325" s="93"/>
      <c r="BK1325" s="93"/>
      <c r="BL1325" s="93"/>
    </row>
    <row r="1326" spans="2:64" x14ac:dyDescent="0.2">
      <c r="B1326" s="43"/>
      <c r="C1326" s="73"/>
      <c r="D1326" s="64"/>
      <c r="E1326" s="55"/>
      <c r="F1326" s="74"/>
      <c r="G1326" s="74"/>
      <c r="H1326" s="74"/>
      <c r="I1326" s="75"/>
      <c r="J1326" s="74"/>
      <c r="L1326" s="55"/>
      <c r="M1326" s="234"/>
      <c r="N1326" s="65"/>
      <c r="O1326" s="76"/>
      <c r="P1326" s="76"/>
      <c r="Q1326" s="65"/>
      <c r="R1326" s="76"/>
      <c r="S1326" s="76"/>
      <c r="T1326" s="76"/>
      <c r="U1326" s="76"/>
      <c r="V1326" s="76"/>
      <c r="W1326" s="76"/>
      <c r="X1326" s="76"/>
      <c r="Y1326" s="76"/>
      <c r="Z1326" s="76"/>
      <c r="AA1326" s="85"/>
      <c r="AB1326" s="85"/>
      <c r="AC1326" s="85"/>
      <c r="AD1326" s="85"/>
      <c r="AE1326" s="85"/>
      <c r="AF1326" s="85"/>
      <c r="AG1326" s="86"/>
      <c r="AH1326" s="85"/>
      <c r="AI1326" s="85"/>
      <c r="AJ1326" s="85"/>
      <c r="AK1326" s="85"/>
      <c r="AL1326" s="85"/>
      <c r="AM1326" s="92"/>
      <c r="AN1326" s="92"/>
      <c r="AO1326" s="92"/>
      <c r="AP1326" s="92"/>
      <c r="AQ1326" s="92"/>
      <c r="AR1326" s="92"/>
      <c r="AS1326" s="92"/>
      <c r="AT1326" s="92"/>
      <c r="AU1326" s="92"/>
      <c r="AV1326" s="92"/>
      <c r="AW1326" s="92"/>
      <c r="AX1326" s="92"/>
      <c r="AY1326" s="92"/>
      <c r="AZ1326" s="93"/>
      <c r="BA1326" s="93"/>
      <c r="BB1326" s="93"/>
      <c r="BC1326" s="93"/>
      <c r="BD1326" s="93"/>
      <c r="BE1326" s="93"/>
      <c r="BF1326" s="93"/>
      <c r="BG1326" s="93"/>
      <c r="BH1326" s="93"/>
      <c r="BI1326" s="93"/>
      <c r="BJ1326" s="93"/>
      <c r="BK1326" s="93"/>
      <c r="BL1326" s="93"/>
    </row>
    <row r="1327" spans="2:64" x14ac:dyDescent="0.2">
      <c r="B1327" s="43"/>
      <c r="C1327" s="73"/>
      <c r="D1327" s="64"/>
      <c r="E1327" s="55"/>
      <c r="F1327" s="74"/>
      <c r="G1327" s="74"/>
      <c r="H1327" s="74"/>
      <c r="I1327" s="75"/>
      <c r="J1327" s="74"/>
      <c r="L1327" s="55"/>
      <c r="M1327" s="234"/>
      <c r="N1327" s="65"/>
      <c r="O1327" s="76"/>
      <c r="P1327" s="76"/>
      <c r="Q1327" s="65"/>
      <c r="R1327" s="76"/>
      <c r="S1327" s="76"/>
      <c r="T1327" s="76"/>
      <c r="U1327" s="76"/>
      <c r="V1327" s="76"/>
      <c r="W1327" s="76"/>
      <c r="X1327" s="76"/>
      <c r="Y1327" s="76"/>
      <c r="Z1327" s="76"/>
      <c r="AA1327" s="85"/>
      <c r="AB1327" s="85"/>
      <c r="AC1327" s="85"/>
      <c r="AD1327" s="85"/>
      <c r="AE1327" s="85"/>
      <c r="AF1327" s="85"/>
      <c r="AG1327" s="86"/>
      <c r="AH1327" s="85"/>
      <c r="AI1327" s="85"/>
      <c r="AJ1327" s="85"/>
      <c r="AK1327" s="85"/>
      <c r="AL1327" s="85"/>
      <c r="AM1327" s="92"/>
      <c r="AN1327" s="92"/>
      <c r="AO1327" s="92"/>
      <c r="AP1327" s="92"/>
      <c r="AQ1327" s="92"/>
      <c r="AR1327" s="92"/>
      <c r="AS1327" s="92"/>
      <c r="AT1327" s="92"/>
      <c r="AU1327" s="92"/>
      <c r="AV1327" s="92"/>
      <c r="AW1327" s="92"/>
      <c r="AX1327" s="92"/>
      <c r="AY1327" s="92"/>
      <c r="AZ1327" s="93"/>
      <c r="BA1327" s="93"/>
      <c r="BB1327" s="93"/>
      <c r="BC1327" s="93"/>
      <c r="BD1327" s="93"/>
      <c r="BE1327" s="93"/>
      <c r="BF1327" s="93"/>
      <c r="BG1327" s="93"/>
      <c r="BH1327" s="93"/>
      <c r="BI1327" s="93"/>
      <c r="BJ1327" s="93"/>
      <c r="BK1327" s="93"/>
      <c r="BL1327" s="93"/>
    </row>
    <row r="1328" spans="2:64" x14ac:dyDescent="0.2">
      <c r="B1328" s="43"/>
      <c r="C1328" s="73"/>
      <c r="D1328" s="64"/>
      <c r="E1328" s="55"/>
      <c r="F1328" s="74"/>
      <c r="G1328" s="74"/>
      <c r="H1328" s="74"/>
      <c r="I1328" s="75"/>
      <c r="J1328" s="74"/>
      <c r="L1328" s="55"/>
      <c r="M1328" s="234"/>
      <c r="N1328" s="65"/>
      <c r="O1328" s="76"/>
      <c r="P1328" s="76"/>
      <c r="Q1328" s="65"/>
      <c r="R1328" s="76"/>
      <c r="S1328" s="76"/>
      <c r="T1328" s="76"/>
      <c r="U1328" s="76"/>
      <c r="V1328" s="76"/>
      <c r="W1328" s="76"/>
      <c r="X1328" s="76"/>
      <c r="Y1328" s="76"/>
      <c r="Z1328" s="76"/>
      <c r="AA1328" s="85"/>
      <c r="AB1328" s="85"/>
      <c r="AC1328" s="85"/>
      <c r="AD1328" s="85"/>
      <c r="AE1328" s="85"/>
      <c r="AF1328" s="85"/>
      <c r="AG1328" s="86"/>
      <c r="AH1328" s="85"/>
      <c r="AI1328" s="85"/>
      <c r="AJ1328" s="85"/>
      <c r="AK1328" s="85"/>
      <c r="AL1328" s="85"/>
      <c r="AM1328" s="92"/>
      <c r="AN1328" s="92"/>
      <c r="AO1328" s="92"/>
      <c r="AP1328" s="92"/>
      <c r="AQ1328" s="92"/>
      <c r="AR1328" s="92"/>
      <c r="AS1328" s="92"/>
      <c r="AT1328" s="92"/>
      <c r="AU1328" s="92"/>
      <c r="AV1328" s="92"/>
      <c r="AW1328" s="92"/>
      <c r="AX1328" s="92"/>
      <c r="AY1328" s="92"/>
      <c r="AZ1328" s="93"/>
      <c r="BA1328" s="93"/>
      <c r="BB1328" s="93"/>
      <c r="BC1328" s="93"/>
      <c r="BD1328" s="93"/>
      <c r="BE1328" s="93"/>
      <c r="BF1328" s="93"/>
      <c r="BG1328" s="93"/>
      <c r="BH1328" s="93"/>
      <c r="BI1328" s="93"/>
      <c r="BJ1328" s="93"/>
      <c r="BK1328" s="93"/>
      <c r="BL1328" s="93"/>
    </row>
    <row r="1329" spans="2:64" x14ac:dyDescent="0.2">
      <c r="B1329" s="43"/>
      <c r="C1329" s="73"/>
      <c r="D1329" s="64"/>
      <c r="E1329" s="55"/>
      <c r="F1329" s="74"/>
      <c r="G1329" s="74"/>
      <c r="H1329" s="74"/>
      <c r="I1329" s="75"/>
      <c r="J1329" s="74"/>
      <c r="L1329" s="55"/>
      <c r="M1329" s="234"/>
      <c r="N1329" s="65"/>
      <c r="O1329" s="76"/>
      <c r="P1329" s="76"/>
      <c r="Q1329" s="65"/>
      <c r="R1329" s="76"/>
      <c r="S1329" s="76"/>
      <c r="T1329" s="76"/>
      <c r="U1329" s="76"/>
      <c r="V1329" s="76"/>
      <c r="W1329" s="76"/>
      <c r="X1329" s="76"/>
      <c r="Y1329" s="76"/>
      <c r="Z1329" s="76"/>
      <c r="AA1329" s="85"/>
      <c r="AB1329" s="85"/>
      <c r="AC1329" s="85"/>
      <c r="AD1329" s="85"/>
      <c r="AE1329" s="85"/>
      <c r="AF1329" s="85"/>
      <c r="AG1329" s="86"/>
      <c r="AH1329" s="85"/>
      <c r="AI1329" s="85"/>
      <c r="AJ1329" s="85"/>
      <c r="AK1329" s="85"/>
      <c r="AL1329" s="85"/>
      <c r="AM1329" s="92"/>
      <c r="AN1329" s="92"/>
      <c r="AO1329" s="92"/>
      <c r="AP1329" s="92"/>
      <c r="AQ1329" s="92"/>
      <c r="AR1329" s="92"/>
      <c r="AS1329" s="92"/>
      <c r="AT1329" s="92"/>
      <c r="AU1329" s="92"/>
      <c r="AV1329" s="92"/>
      <c r="AW1329" s="92"/>
      <c r="AX1329" s="92"/>
      <c r="AY1329" s="92"/>
      <c r="AZ1329" s="93"/>
      <c r="BA1329" s="93"/>
      <c r="BB1329" s="93"/>
      <c r="BC1329" s="93"/>
      <c r="BD1329" s="93"/>
      <c r="BE1329" s="93"/>
      <c r="BF1329" s="93"/>
      <c r="BG1329" s="93"/>
      <c r="BH1329" s="93"/>
      <c r="BI1329" s="93"/>
      <c r="BJ1329" s="93"/>
      <c r="BK1329" s="93"/>
      <c r="BL1329" s="93"/>
    </row>
    <row r="1330" spans="2:64" x14ac:dyDescent="0.2">
      <c r="B1330" s="43"/>
      <c r="C1330" s="73"/>
      <c r="D1330" s="64"/>
      <c r="E1330" s="55"/>
      <c r="F1330" s="74"/>
      <c r="G1330" s="74"/>
      <c r="H1330" s="74"/>
      <c r="I1330" s="75"/>
      <c r="J1330" s="74"/>
      <c r="L1330" s="55"/>
      <c r="M1330" s="234"/>
      <c r="N1330" s="65"/>
      <c r="O1330" s="76"/>
      <c r="P1330" s="76"/>
      <c r="Q1330" s="65"/>
      <c r="R1330" s="76"/>
      <c r="S1330" s="76"/>
      <c r="T1330" s="76"/>
      <c r="U1330" s="76"/>
      <c r="V1330" s="76"/>
      <c r="W1330" s="76"/>
      <c r="X1330" s="76"/>
      <c r="Y1330" s="76"/>
      <c r="Z1330" s="76"/>
      <c r="AA1330" s="85"/>
      <c r="AB1330" s="85"/>
      <c r="AC1330" s="85"/>
      <c r="AD1330" s="85"/>
      <c r="AE1330" s="85"/>
      <c r="AF1330" s="85"/>
      <c r="AG1330" s="86"/>
      <c r="AH1330" s="85"/>
      <c r="AI1330" s="85"/>
      <c r="AJ1330" s="85"/>
      <c r="AK1330" s="85"/>
      <c r="AL1330" s="85"/>
      <c r="AM1330" s="92"/>
      <c r="AN1330" s="92"/>
      <c r="AO1330" s="92"/>
      <c r="AP1330" s="92"/>
      <c r="AQ1330" s="92"/>
      <c r="AR1330" s="92"/>
      <c r="AS1330" s="92"/>
      <c r="AT1330" s="92"/>
      <c r="AU1330" s="92"/>
      <c r="AV1330" s="92"/>
      <c r="AW1330" s="92"/>
      <c r="AX1330" s="92"/>
      <c r="AY1330" s="92"/>
      <c r="AZ1330" s="93"/>
      <c r="BA1330" s="93"/>
      <c r="BB1330" s="93"/>
      <c r="BC1330" s="93"/>
      <c r="BD1330" s="93"/>
      <c r="BE1330" s="93"/>
      <c r="BF1330" s="93"/>
      <c r="BG1330" s="93"/>
      <c r="BH1330" s="93"/>
      <c r="BI1330" s="93"/>
      <c r="BJ1330" s="93"/>
      <c r="BK1330" s="93"/>
      <c r="BL1330" s="93"/>
    </row>
    <row r="1331" spans="2:64" x14ac:dyDescent="0.2">
      <c r="B1331" s="43"/>
      <c r="C1331" s="73"/>
      <c r="D1331" s="64"/>
      <c r="E1331" s="55"/>
      <c r="F1331" s="74"/>
      <c r="G1331" s="74"/>
      <c r="H1331" s="74"/>
      <c r="I1331" s="75"/>
      <c r="J1331" s="74"/>
      <c r="L1331" s="55"/>
      <c r="M1331" s="234"/>
      <c r="N1331" s="65"/>
      <c r="O1331" s="76"/>
      <c r="P1331" s="76"/>
      <c r="Q1331" s="65"/>
      <c r="R1331" s="76"/>
      <c r="S1331" s="76"/>
      <c r="T1331" s="76"/>
      <c r="U1331" s="76"/>
      <c r="V1331" s="76"/>
      <c r="W1331" s="76"/>
      <c r="X1331" s="76"/>
      <c r="Y1331" s="76"/>
      <c r="Z1331" s="76"/>
      <c r="AA1331" s="85"/>
      <c r="AB1331" s="85"/>
      <c r="AC1331" s="85"/>
      <c r="AD1331" s="85"/>
      <c r="AE1331" s="85"/>
      <c r="AF1331" s="85"/>
      <c r="AG1331" s="86"/>
      <c r="AH1331" s="85"/>
      <c r="AI1331" s="85"/>
      <c r="AJ1331" s="85"/>
      <c r="AK1331" s="85"/>
      <c r="AL1331" s="85"/>
      <c r="AM1331" s="92"/>
      <c r="AN1331" s="92"/>
      <c r="AO1331" s="92"/>
      <c r="AP1331" s="92"/>
      <c r="AQ1331" s="92"/>
      <c r="AR1331" s="92"/>
      <c r="AS1331" s="92"/>
      <c r="AT1331" s="92"/>
      <c r="AU1331" s="92"/>
      <c r="AV1331" s="92"/>
      <c r="AW1331" s="92"/>
      <c r="AX1331" s="92"/>
      <c r="AY1331" s="92"/>
      <c r="AZ1331" s="93"/>
      <c r="BA1331" s="93"/>
      <c r="BB1331" s="93"/>
      <c r="BC1331" s="93"/>
      <c r="BD1331" s="93"/>
      <c r="BE1331" s="93"/>
      <c r="BF1331" s="93"/>
      <c r="BG1331" s="93"/>
      <c r="BH1331" s="93"/>
      <c r="BI1331" s="93"/>
      <c r="BJ1331" s="93"/>
      <c r="BK1331" s="93"/>
      <c r="BL1331" s="93"/>
    </row>
    <row r="1332" spans="2:64" x14ac:dyDescent="0.2">
      <c r="B1332" s="43"/>
      <c r="C1332" s="73"/>
      <c r="D1332" s="64"/>
      <c r="E1332" s="55"/>
      <c r="F1332" s="74"/>
      <c r="G1332" s="74"/>
      <c r="H1332" s="74"/>
      <c r="I1332" s="75"/>
      <c r="J1332" s="74"/>
      <c r="L1332" s="55"/>
      <c r="M1332" s="234"/>
      <c r="N1332" s="65"/>
      <c r="O1332" s="76"/>
      <c r="P1332" s="76"/>
      <c r="Q1332" s="65"/>
      <c r="R1332" s="76"/>
      <c r="S1332" s="76"/>
      <c r="T1332" s="76"/>
      <c r="U1332" s="76"/>
      <c r="V1332" s="76"/>
      <c r="W1332" s="76"/>
      <c r="X1332" s="76"/>
      <c r="Y1332" s="76"/>
      <c r="Z1332" s="76"/>
      <c r="AA1332" s="85"/>
      <c r="AB1332" s="85"/>
      <c r="AC1332" s="85"/>
      <c r="AD1332" s="85"/>
      <c r="AE1332" s="85"/>
      <c r="AF1332" s="85"/>
      <c r="AG1332" s="86"/>
      <c r="AH1332" s="85"/>
      <c r="AI1332" s="85"/>
      <c r="AJ1332" s="85"/>
      <c r="AK1332" s="85"/>
      <c r="AL1332" s="85"/>
      <c r="AM1332" s="92"/>
      <c r="AN1332" s="92"/>
      <c r="AO1332" s="92"/>
      <c r="AP1332" s="92"/>
      <c r="AQ1332" s="92"/>
      <c r="AR1332" s="92"/>
      <c r="AS1332" s="92"/>
      <c r="AT1332" s="92"/>
      <c r="AU1332" s="92"/>
      <c r="AV1332" s="92"/>
      <c r="AW1332" s="92"/>
      <c r="AX1332" s="92"/>
      <c r="AY1332" s="92"/>
      <c r="AZ1332" s="93"/>
      <c r="BA1332" s="93"/>
      <c r="BB1332" s="93"/>
      <c r="BC1332" s="93"/>
      <c r="BD1332" s="93"/>
      <c r="BE1332" s="93"/>
      <c r="BF1332" s="93"/>
      <c r="BG1332" s="93"/>
      <c r="BH1332" s="93"/>
      <c r="BI1332" s="93"/>
      <c r="BJ1332" s="93"/>
      <c r="BK1332" s="93"/>
      <c r="BL1332" s="93"/>
    </row>
    <row r="1333" spans="2:64" x14ac:dyDescent="0.2">
      <c r="B1333" s="43"/>
      <c r="C1333" s="73"/>
      <c r="D1333" s="64"/>
      <c r="E1333" s="55"/>
      <c r="F1333" s="74"/>
      <c r="G1333" s="74"/>
      <c r="H1333" s="74"/>
      <c r="I1333" s="75"/>
      <c r="J1333" s="74"/>
      <c r="L1333" s="55"/>
      <c r="M1333" s="234"/>
      <c r="N1333" s="65"/>
      <c r="O1333" s="76"/>
      <c r="P1333" s="76"/>
      <c r="Q1333" s="65"/>
      <c r="R1333" s="76"/>
      <c r="S1333" s="76"/>
      <c r="T1333" s="76"/>
      <c r="U1333" s="76"/>
      <c r="V1333" s="76"/>
      <c r="W1333" s="76"/>
      <c r="X1333" s="76"/>
      <c r="Y1333" s="76"/>
      <c r="Z1333" s="76"/>
      <c r="AA1333" s="85"/>
      <c r="AB1333" s="85"/>
      <c r="AC1333" s="85"/>
      <c r="AD1333" s="85"/>
      <c r="AE1333" s="85"/>
      <c r="AF1333" s="85"/>
      <c r="AG1333" s="86"/>
      <c r="AH1333" s="85"/>
      <c r="AI1333" s="85"/>
      <c r="AJ1333" s="85"/>
      <c r="AK1333" s="85"/>
      <c r="AL1333" s="85"/>
      <c r="AM1333" s="92"/>
      <c r="AN1333" s="92"/>
      <c r="AO1333" s="92"/>
      <c r="AP1333" s="92"/>
      <c r="AQ1333" s="92"/>
      <c r="AR1333" s="92"/>
      <c r="AS1333" s="92"/>
      <c r="AT1333" s="92"/>
      <c r="AU1333" s="92"/>
      <c r="AV1333" s="92"/>
      <c r="AW1333" s="92"/>
      <c r="AX1333" s="92"/>
      <c r="AY1333" s="92"/>
      <c r="AZ1333" s="93"/>
      <c r="BA1333" s="93"/>
      <c r="BB1333" s="93"/>
      <c r="BC1333" s="93"/>
      <c r="BD1333" s="93"/>
      <c r="BE1333" s="93"/>
      <c r="BF1333" s="93"/>
      <c r="BG1333" s="93"/>
      <c r="BH1333" s="93"/>
      <c r="BI1333" s="93"/>
      <c r="BJ1333" s="93"/>
      <c r="BK1333" s="93"/>
      <c r="BL1333" s="93"/>
    </row>
    <row r="1334" spans="2:64" x14ac:dyDescent="0.2">
      <c r="B1334" s="43"/>
      <c r="C1334" s="73"/>
      <c r="D1334" s="64"/>
      <c r="E1334" s="55"/>
      <c r="F1334" s="74"/>
      <c r="G1334" s="74"/>
      <c r="H1334" s="74"/>
      <c r="I1334" s="75"/>
      <c r="J1334" s="74"/>
      <c r="L1334" s="55"/>
      <c r="M1334" s="234"/>
      <c r="N1334" s="65"/>
      <c r="O1334" s="76"/>
      <c r="P1334" s="76"/>
      <c r="Q1334" s="65"/>
      <c r="R1334" s="76"/>
      <c r="S1334" s="76"/>
      <c r="T1334" s="76"/>
      <c r="U1334" s="76"/>
      <c r="V1334" s="76"/>
      <c r="W1334" s="76"/>
      <c r="X1334" s="76"/>
      <c r="Y1334" s="76"/>
      <c r="Z1334" s="76"/>
      <c r="AA1334" s="85"/>
      <c r="AB1334" s="85"/>
      <c r="AC1334" s="85"/>
      <c r="AD1334" s="85"/>
      <c r="AE1334" s="85"/>
      <c r="AF1334" s="85"/>
      <c r="AG1334" s="86"/>
      <c r="AH1334" s="85"/>
      <c r="AI1334" s="85"/>
      <c r="AJ1334" s="85"/>
      <c r="AK1334" s="85"/>
      <c r="AL1334" s="85"/>
      <c r="AM1334" s="92"/>
      <c r="AN1334" s="92"/>
      <c r="AO1334" s="92"/>
      <c r="AP1334" s="92"/>
      <c r="AQ1334" s="92"/>
      <c r="AR1334" s="92"/>
      <c r="AS1334" s="92"/>
      <c r="AT1334" s="92"/>
      <c r="AU1334" s="92"/>
      <c r="AV1334" s="92"/>
      <c r="AW1334" s="92"/>
      <c r="AX1334" s="92"/>
      <c r="AY1334" s="92"/>
      <c r="AZ1334" s="93"/>
      <c r="BA1334" s="93"/>
      <c r="BB1334" s="93"/>
      <c r="BC1334" s="93"/>
      <c r="BD1334" s="93"/>
      <c r="BE1334" s="93"/>
      <c r="BF1334" s="93"/>
      <c r="BG1334" s="93"/>
      <c r="BH1334" s="93"/>
      <c r="BI1334" s="93"/>
      <c r="BJ1334" s="93"/>
      <c r="BK1334" s="93"/>
      <c r="BL1334" s="93"/>
    </row>
    <row r="1335" spans="2:64" x14ac:dyDescent="0.2">
      <c r="B1335" s="43"/>
      <c r="C1335" s="73"/>
      <c r="D1335" s="64"/>
      <c r="E1335" s="55"/>
      <c r="F1335" s="74"/>
      <c r="G1335" s="74"/>
      <c r="H1335" s="74"/>
      <c r="I1335" s="75"/>
      <c r="J1335" s="74"/>
      <c r="L1335" s="55"/>
      <c r="M1335" s="234"/>
      <c r="N1335" s="65"/>
      <c r="O1335" s="76"/>
      <c r="P1335" s="76"/>
      <c r="Q1335" s="65"/>
      <c r="R1335" s="76"/>
      <c r="S1335" s="76"/>
      <c r="T1335" s="76"/>
      <c r="U1335" s="76"/>
      <c r="V1335" s="76"/>
      <c r="W1335" s="76"/>
      <c r="X1335" s="76"/>
      <c r="Y1335" s="76"/>
      <c r="Z1335" s="76"/>
      <c r="AA1335" s="85"/>
      <c r="AB1335" s="85"/>
      <c r="AC1335" s="85"/>
      <c r="AD1335" s="85"/>
      <c r="AE1335" s="85"/>
      <c r="AF1335" s="85"/>
      <c r="AG1335" s="86"/>
      <c r="AH1335" s="85"/>
      <c r="AI1335" s="85"/>
      <c r="AJ1335" s="85"/>
      <c r="AK1335" s="85"/>
      <c r="AL1335" s="85"/>
      <c r="AM1335" s="92"/>
      <c r="AN1335" s="92"/>
      <c r="AO1335" s="92"/>
      <c r="AP1335" s="92"/>
      <c r="AQ1335" s="92"/>
      <c r="AR1335" s="92"/>
      <c r="AS1335" s="92"/>
      <c r="AT1335" s="92"/>
      <c r="AU1335" s="92"/>
      <c r="AV1335" s="92"/>
      <c r="AW1335" s="92"/>
      <c r="AX1335" s="92"/>
      <c r="AY1335" s="92"/>
      <c r="AZ1335" s="93"/>
      <c r="BA1335" s="93"/>
      <c r="BB1335" s="93"/>
      <c r="BC1335" s="93"/>
      <c r="BD1335" s="93"/>
      <c r="BE1335" s="93"/>
      <c r="BF1335" s="93"/>
      <c r="BG1335" s="93"/>
      <c r="BH1335" s="93"/>
      <c r="BI1335" s="93"/>
      <c r="BJ1335" s="93"/>
      <c r="BK1335" s="93"/>
      <c r="BL1335" s="93"/>
    </row>
    <row r="1336" spans="2:64" x14ac:dyDescent="0.2">
      <c r="B1336" s="43"/>
      <c r="C1336" s="73"/>
      <c r="D1336" s="64"/>
      <c r="E1336" s="55"/>
      <c r="F1336" s="74"/>
      <c r="G1336" s="74"/>
      <c r="H1336" s="74"/>
      <c r="I1336" s="75"/>
      <c r="J1336" s="74"/>
      <c r="L1336" s="55"/>
      <c r="M1336" s="234"/>
      <c r="N1336" s="65"/>
      <c r="O1336" s="76"/>
      <c r="P1336" s="76"/>
      <c r="Q1336" s="65"/>
      <c r="R1336" s="76"/>
      <c r="S1336" s="76"/>
      <c r="T1336" s="76"/>
      <c r="U1336" s="76"/>
      <c r="V1336" s="76"/>
      <c r="W1336" s="76"/>
      <c r="X1336" s="76"/>
      <c r="Y1336" s="76"/>
      <c r="Z1336" s="76"/>
      <c r="AA1336" s="85"/>
      <c r="AB1336" s="85"/>
      <c r="AC1336" s="85"/>
      <c r="AD1336" s="85"/>
      <c r="AE1336" s="85"/>
      <c r="AF1336" s="85"/>
      <c r="AG1336" s="86"/>
      <c r="AH1336" s="85"/>
      <c r="AI1336" s="85"/>
      <c r="AJ1336" s="85"/>
      <c r="AK1336" s="85"/>
      <c r="AL1336" s="85"/>
      <c r="AM1336" s="92"/>
      <c r="AN1336" s="92"/>
      <c r="AO1336" s="92"/>
      <c r="AP1336" s="92"/>
      <c r="AQ1336" s="92"/>
      <c r="AR1336" s="92"/>
      <c r="AS1336" s="92"/>
      <c r="AT1336" s="92"/>
      <c r="AU1336" s="92"/>
      <c r="AV1336" s="92"/>
      <c r="AW1336" s="92"/>
      <c r="AX1336" s="92"/>
      <c r="AY1336" s="92"/>
      <c r="AZ1336" s="93"/>
      <c r="BA1336" s="93"/>
      <c r="BB1336" s="93"/>
      <c r="BC1336" s="93"/>
      <c r="BD1336" s="93"/>
      <c r="BE1336" s="93"/>
      <c r="BF1336" s="93"/>
      <c r="BG1336" s="93"/>
      <c r="BH1336" s="93"/>
      <c r="BI1336" s="93"/>
      <c r="BJ1336" s="93"/>
      <c r="BK1336" s="93"/>
      <c r="BL1336" s="93"/>
    </row>
    <row r="1337" spans="2:64" x14ac:dyDescent="0.2">
      <c r="B1337" s="43"/>
      <c r="C1337" s="73"/>
      <c r="D1337" s="64"/>
      <c r="E1337" s="55"/>
      <c r="F1337" s="74"/>
      <c r="G1337" s="74"/>
      <c r="H1337" s="74"/>
      <c r="I1337" s="75"/>
      <c r="J1337" s="74"/>
      <c r="L1337" s="55"/>
      <c r="M1337" s="234"/>
      <c r="N1337" s="65"/>
      <c r="O1337" s="76"/>
      <c r="P1337" s="76"/>
      <c r="Q1337" s="65"/>
      <c r="R1337" s="76"/>
      <c r="S1337" s="76"/>
      <c r="T1337" s="76"/>
      <c r="U1337" s="76"/>
      <c r="V1337" s="76"/>
      <c r="W1337" s="76"/>
      <c r="X1337" s="76"/>
      <c r="Y1337" s="76"/>
      <c r="Z1337" s="76"/>
      <c r="AA1337" s="85"/>
      <c r="AB1337" s="85"/>
      <c r="AC1337" s="85"/>
      <c r="AD1337" s="85"/>
      <c r="AE1337" s="85"/>
      <c r="AF1337" s="85"/>
      <c r="AG1337" s="86"/>
      <c r="AH1337" s="85"/>
      <c r="AI1337" s="85"/>
      <c r="AJ1337" s="85"/>
      <c r="AK1337" s="85"/>
      <c r="AL1337" s="85"/>
      <c r="AM1337" s="92"/>
      <c r="AN1337" s="92"/>
      <c r="AO1337" s="92"/>
      <c r="AP1337" s="92"/>
      <c r="AQ1337" s="92"/>
      <c r="AR1337" s="92"/>
      <c r="AS1337" s="92"/>
      <c r="AT1337" s="92"/>
      <c r="AU1337" s="92"/>
      <c r="AV1337" s="92"/>
      <c r="AW1337" s="92"/>
      <c r="AX1337" s="92"/>
      <c r="AY1337" s="92"/>
      <c r="AZ1337" s="93"/>
      <c r="BA1337" s="93"/>
      <c r="BB1337" s="93"/>
      <c r="BC1337" s="93"/>
      <c r="BD1337" s="93"/>
      <c r="BE1337" s="93"/>
      <c r="BF1337" s="93"/>
      <c r="BG1337" s="93"/>
      <c r="BH1337" s="93"/>
      <c r="BI1337" s="93"/>
      <c r="BJ1337" s="93"/>
      <c r="BK1337" s="93"/>
      <c r="BL1337" s="93"/>
    </row>
    <row r="1338" spans="2:64" x14ac:dyDescent="0.2">
      <c r="B1338" s="43"/>
      <c r="C1338" s="73"/>
      <c r="D1338" s="64"/>
      <c r="E1338" s="55"/>
      <c r="F1338" s="74"/>
      <c r="G1338" s="74"/>
      <c r="H1338" s="74"/>
      <c r="I1338" s="75"/>
      <c r="J1338" s="74"/>
      <c r="L1338" s="55"/>
      <c r="M1338" s="234"/>
      <c r="N1338" s="65"/>
      <c r="O1338" s="76"/>
      <c r="P1338" s="76"/>
      <c r="Q1338" s="65"/>
      <c r="R1338" s="76"/>
      <c r="S1338" s="76"/>
      <c r="T1338" s="76"/>
      <c r="U1338" s="76"/>
      <c r="V1338" s="76"/>
      <c r="W1338" s="76"/>
      <c r="X1338" s="76"/>
      <c r="Y1338" s="76"/>
      <c r="Z1338" s="76"/>
      <c r="AA1338" s="85"/>
      <c r="AB1338" s="85"/>
      <c r="AC1338" s="85"/>
      <c r="AD1338" s="85"/>
      <c r="AE1338" s="85"/>
      <c r="AF1338" s="85"/>
      <c r="AG1338" s="86"/>
      <c r="AH1338" s="85"/>
      <c r="AI1338" s="85"/>
      <c r="AJ1338" s="85"/>
      <c r="AK1338" s="85"/>
      <c r="AL1338" s="85"/>
      <c r="AM1338" s="92"/>
      <c r="AN1338" s="92"/>
      <c r="AO1338" s="92"/>
      <c r="AP1338" s="92"/>
      <c r="AQ1338" s="92"/>
      <c r="AR1338" s="92"/>
      <c r="AS1338" s="92"/>
      <c r="AT1338" s="92"/>
      <c r="AU1338" s="92"/>
      <c r="AV1338" s="92"/>
      <c r="AW1338" s="92"/>
      <c r="AX1338" s="92"/>
      <c r="AY1338" s="92"/>
      <c r="AZ1338" s="93"/>
      <c r="BA1338" s="93"/>
      <c r="BB1338" s="93"/>
      <c r="BC1338" s="93"/>
      <c r="BD1338" s="93"/>
      <c r="BE1338" s="93"/>
      <c r="BF1338" s="93"/>
      <c r="BG1338" s="93"/>
      <c r="BH1338" s="93"/>
      <c r="BI1338" s="93"/>
      <c r="BJ1338" s="93"/>
      <c r="BK1338" s="93"/>
      <c r="BL1338" s="93"/>
    </row>
    <row r="1339" spans="2:64" x14ac:dyDescent="0.2">
      <c r="B1339" s="43"/>
      <c r="C1339" s="73"/>
      <c r="D1339" s="64"/>
      <c r="E1339" s="55"/>
      <c r="F1339" s="74"/>
      <c r="G1339" s="74"/>
      <c r="H1339" s="74"/>
      <c r="I1339" s="75"/>
      <c r="J1339" s="74"/>
      <c r="L1339" s="55"/>
      <c r="M1339" s="234"/>
      <c r="N1339" s="65"/>
      <c r="O1339" s="76"/>
      <c r="P1339" s="76"/>
      <c r="Q1339" s="65"/>
      <c r="R1339" s="76"/>
      <c r="S1339" s="76"/>
      <c r="T1339" s="76"/>
      <c r="U1339" s="76"/>
      <c r="V1339" s="76"/>
      <c r="W1339" s="76"/>
      <c r="X1339" s="76"/>
      <c r="Y1339" s="76"/>
      <c r="Z1339" s="76"/>
      <c r="AA1339" s="85"/>
      <c r="AB1339" s="85"/>
      <c r="AC1339" s="85"/>
      <c r="AD1339" s="85"/>
      <c r="AE1339" s="85"/>
      <c r="AF1339" s="85"/>
      <c r="AG1339" s="86"/>
      <c r="AH1339" s="85"/>
      <c r="AI1339" s="85"/>
      <c r="AJ1339" s="85"/>
      <c r="AK1339" s="85"/>
      <c r="AL1339" s="85"/>
      <c r="AM1339" s="92"/>
      <c r="AN1339" s="92"/>
      <c r="AO1339" s="92"/>
      <c r="AP1339" s="92"/>
      <c r="AQ1339" s="92"/>
      <c r="AR1339" s="92"/>
      <c r="AS1339" s="92"/>
      <c r="AT1339" s="92"/>
      <c r="AU1339" s="92"/>
      <c r="AV1339" s="92"/>
      <c r="AW1339" s="92"/>
      <c r="AX1339" s="92"/>
      <c r="AY1339" s="92"/>
      <c r="AZ1339" s="93"/>
      <c r="BA1339" s="93"/>
      <c r="BB1339" s="93"/>
      <c r="BC1339" s="93"/>
      <c r="BD1339" s="93"/>
      <c r="BE1339" s="93"/>
      <c r="BF1339" s="93"/>
      <c r="BG1339" s="93"/>
      <c r="BH1339" s="93"/>
      <c r="BI1339" s="93"/>
      <c r="BJ1339" s="93"/>
      <c r="BK1339" s="93"/>
      <c r="BL1339" s="93"/>
    </row>
    <row r="1340" spans="2:64" x14ac:dyDescent="0.2">
      <c r="B1340" s="43"/>
      <c r="C1340" s="73"/>
      <c r="D1340" s="64"/>
      <c r="E1340" s="55"/>
      <c r="F1340" s="74"/>
      <c r="G1340" s="74"/>
      <c r="H1340" s="74"/>
      <c r="I1340" s="75"/>
      <c r="J1340" s="74"/>
      <c r="L1340" s="55"/>
      <c r="M1340" s="234"/>
      <c r="N1340" s="65"/>
      <c r="O1340" s="76"/>
      <c r="P1340" s="76"/>
      <c r="Q1340" s="65"/>
      <c r="R1340" s="76"/>
      <c r="S1340" s="76"/>
      <c r="T1340" s="76"/>
      <c r="U1340" s="76"/>
      <c r="V1340" s="76"/>
      <c r="W1340" s="76"/>
      <c r="X1340" s="76"/>
      <c r="Y1340" s="76"/>
      <c r="Z1340" s="76"/>
      <c r="AA1340" s="85"/>
      <c r="AB1340" s="85"/>
      <c r="AC1340" s="85"/>
      <c r="AD1340" s="85"/>
      <c r="AE1340" s="85"/>
      <c r="AF1340" s="85"/>
      <c r="AG1340" s="86"/>
      <c r="AH1340" s="85"/>
      <c r="AI1340" s="85"/>
      <c r="AJ1340" s="85"/>
      <c r="AK1340" s="85"/>
      <c r="AL1340" s="85"/>
      <c r="AM1340" s="92"/>
      <c r="AN1340" s="92"/>
      <c r="AO1340" s="92"/>
      <c r="AP1340" s="92"/>
      <c r="AQ1340" s="92"/>
      <c r="AR1340" s="92"/>
      <c r="AS1340" s="92"/>
      <c r="AT1340" s="92"/>
      <c r="AU1340" s="92"/>
      <c r="AV1340" s="92"/>
      <c r="AW1340" s="92"/>
      <c r="AX1340" s="92"/>
      <c r="AY1340" s="92"/>
      <c r="AZ1340" s="93"/>
      <c r="BA1340" s="93"/>
      <c r="BB1340" s="93"/>
      <c r="BC1340" s="93"/>
      <c r="BD1340" s="93"/>
      <c r="BE1340" s="93"/>
      <c r="BF1340" s="93"/>
      <c r="BG1340" s="93"/>
      <c r="BH1340" s="93"/>
      <c r="BI1340" s="93"/>
      <c r="BJ1340" s="93"/>
      <c r="BK1340" s="93"/>
      <c r="BL1340" s="93"/>
    </row>
    <row r="1341" spans="2:64" x14ac:dyDescent="0.2">
      <c r="B1341" s="43"/>
      <c r="C1341" s="73"/>
      <c r="D1341" s="64"/>
      <c r="E1341" s="55"/>
      <c r="F1341" s="74"/>
      <c r="G1341" s="74"/>
      <c r="H1341" s="74"/>
      <c r="I1341" s="75"/>
      <c r="J1341" s="74"/>
      <c r="L1341" s="55"/>
      <c r="M1341" s="234"/>
      <c r="N1341" s="65"/>
      <c r="O1341" s="76"/>
      <c r="P1341" s="76"/>
      <c r="Q1341" s="65"/>
      <c r="R1341" s="76"/>
      <c r="S1341" s="76"/>
      <c r="T1341" s="76"/>
      <c r="U1341" s="76"/>
      <c r="V1341" s="76"/>
      <c r="W1341" s="76"/>
      <c r="X1341" s="76"/>
      <c r="Y1341" s="76"/>
      <c r="Z1341" s="76"/>
      <c r="AA1341" s="85"/>
      <c r="AB1341" s="85"/>
      <c r="AC1341" s="85"/>
      <c r="AD1341" s="85"/>
      <c r="AE1341" s="85"/>
      <c r="AF1341" s="85"/>
      <c r="AG1341" s="86"/>
      <c r="AH1341" s="85"/>
      <c r="AI1341" s="85"/>
      <c r="AJ1341" s="85"/>
      <c r="AK1341" s="85"/>
      <c r="AL1341" s="85"/>
      <c r="AM1341" s="92"/>
      <c r="AN1341" s="92"/>
      <c r="AO1341" s="92"/>
      <c r="AP1341" s="92"/>
      <c r="AQ1341" s="92"/>
      <c r="AR1341" s="92"/>
      <c r="AS1341" s="92"/>
      <c r="AT1341" s="92"/>
      <c r="AU1341" s="92"/>
      <c r="AV1341" s="92"/>
      <c r="AW1341" s="92"/>
      <c r="AX1341" s="92"/>
      <c r="AY1341" s="92"/>
      <c r="AZ1341" s="93"/>
      <c r="BA1341" s="93"/>
      <c r="BB1341" s="93"/>
      <c r="BC1341" s="93"/>
      <c r="BD1341" s="93"/>
      <c r="BE1341" s="93"/>
      <c r="BF1341" s="93"/>
      <c r="BG1341" s="93"/>
      <c r="BH1341" s="93"/>
      <c r="BI1341" s="93"/>
      <c r="BJ1341" s="93"/>
      <c r="BK1341" s="93"/>
      <c r="BL1341" s="93"/>
    </row>
    <row r="1342" spans="2:64" x14ac:dyDescent="0.2">
      <c r="B1342" s="43"/>
      <c r="C1342" s="73"/>
      <c r="D1342" s="64"/>
      <c r="E1342" s="55"/>
      <c r="F1342" s="74"/>
      <c r="G1342" s="74"/>
      <c r="H1342" s="74"/>
      <c r="I1342" s="75"/>
      <c r="J1342" s="74"/>
      <c r="L1342" s="55"/>
      <c r="M1342" s="234"/>
      <c r="N1342" s="65"/>
      <c r="O1342" s="76"/>
      <c r="P1342" s="76"/>
      <c r="Q1342" s="65"/>
      <c r="R1342" s="76"/>
      <c r="S1342" s="76"/>
      <c r="T1342" s="76"/>
      <c r="U1342" s="76"/>
      <c r="V1342" s="76"/>
      <c r="W1342" s="76"/>
      <c r="X1342" s="76"/>
      <c r="Y1342" s="76"/>
      <c r="Z1342" s="76"/>
      <c r="AA1342" s="85"/>
      <c r="AB1342" s="85"/>
      <c r="AC1342" s="85"/>
      <c r="AD1342" s="85"/>
      <c r="AE1342" s="85"/>
      <c r="AF1342" s="85"/>
      <c r="AG1342" s="86"/>
      <c r="AH1342" s="85"/>
      <c r="AI1342" s="85"/>
      <c r="AJ1342" s="85"/>
      <c r="AK1342" s="85"/>
      <c r="AL1342" s="85"/>
      <c r="AM1342" s="92"/>
      <c r="AN1342" s="92"/>
      <c r="AO1342" s="92"/>
      <c r="AP1342" s="92"/>
      <c r="AQ1342" s="92"/>
      <c r="AR1342" s="92"/>
      <c r="AS1342" s="92"/>
      <c r="AT1342" s="92"/>
      <c r="AU1342" s="92"/>
      <c r="AV1342" s="92"/>
      <c r="AW1342" s="92"/>
      <c r="AX1342" s="92"/>
      <c r="AY1342" s="92"/>
      <c r="AZ1342" s="93"/>
      <c r="BA1342" s="93"/>
      <c r="BB1342" s="93"/>
      <c r="BC1342" s="93"/>
      <c r="BD1342" s="93"/>
      <c r="BE1342" s="93"/>
      <c r="BF1342" s="93"/>
      <c r="BG1342" s="93"/>
      <c r="BH1342" s="93"/>
      <c r="BI1342" s="93"/>
      <c r="BJ1342" s="93"/>
      <c r="BK1342" s="93"/>
      <c r="BL1342" s="93"/>
    </row>
    <row r="1343" spans="2:64" x14ac:dyDescent="0.2">
      <c r="B1343" s="43"/>
      <c r="C1343" s="73"/>
      <c r="D1343" s="64"/>
      <c r="E1343" s="55"/>
      <c r="F1343" s="74"/>
      <c r="G1343" s="74"/>
      <c r="H1343" s="74"/>
      <c r="I1343" s="75"/>
      <c r="J1343" s="74"/>
      <c r="L1343" s="55"/>
      <c r="M1343" s="234"/>
      <c r="N1343" s="65"/>
      <c r="O1343" s="76"/>
      <c r="P1343" s="76"/>
      <c r="Q1343" s="65"/>
      <c r="R1343" s="76"/>
      <c r="S1343" s="76"/>
      <c r="T1343" s="76"/>
      <c r="U1343" s="76"/>
      <c r="V1343" s="76"/>
      <c r="W1343" s="76"/>
      <c r="X1343" s="76"/>
      <c r="Y1343" s="76"/>
      <c r="Z1343" s="76"/>
      <c r="AA1343" s="85"/>
      <c r="AB1343" s="85"/>
      <c r="AC1343" s="85"/>
      <c r="AD1343" s="85"/>
      <c r="AE1343" s="85"/>
      <c r="AF1343" s="85"/>
      <c r="AG1343" s="86"/>
      <c r="AH1343" s="85"/>
      <c r="AI1343" s="85"/>
      <c r="AJ1343" s="85"/>
      <c r="AK1343" s="85"/>
      <c r="AL1343" s="85"/>
      <c r="AM1343" s="92"/>
      <c r="AN1343" s="92"/>
      <c r="AO1343" s="92"/>
      <c r="AP1343" s="92"/>
      <c r="AQ1343" s="92"/>
      <c r="AR1343" s="92"/>
      <c r="AS1343" s="92"/>
      <c r="AT1343" s="92"/>
      <c r="AU1343" s="92"/>
      <c r="AV1343" s="92"/>
      <c r="AW1343" s="92"/>
      <c r="AX1343" s="92"/>
      <c r="AY1343" s="92"/>
      <c r="AZ1343" s="93"/>
      <c r="BA1343" s="93"/>
      <c r="BB1343" s="93"/>
      <c r="BC1343" s="93"/>
      <c r="BD1343" s="93"/>
      <c r="BE1343" s="93"/>
      <c r="BF1343" s="93"/>
      <c r="BG1343" s="93"/>
      <c r="BH1343" s="93"/>
      <c r="BI1343" s="93"/>
      <c r="BJ1343" s="93"/>
      <c r="BK1343" s="93"/>
      <c r="BL1343" s="93"/>
    </row>
    <row r="1344" spans="2:64" x14ac:dyDescent="0.2">
      <c r="B1344" s="43"/>
      <c r="C1344" s="73"/>
      <c r="D1344" s="64"/>
      <c r="E1344" s="55"/>
      <c r="F1344" s="74"/>
      <c r="G1344" s="74"/>
      <c r="H1344" s="74"/>
      <c r="I1344" s="75"/>
      <c r="J1344" s="74"/>
      <c r="L1344" s="55"/>
      <c r="M1344" s="234"/>
      <c r="N1344" s="65"/>
      <c r="O1344" s="76"/>
      <c r="P1344" s="76"/>
      <c r="Q1344" s="65"/>
      <c r="R1344" s="76"/>
      <c r="S1344" s="76"/>
      <c r="T1344" s="76"/>
      <c r="U1344" s="76"/>
      <c r="V1344" s="76"/>
      <c r="W1344" s="76"/>
      <c r="X1344" s="76"/>
      <c r="Y1344" s="76"/>
      <c r="Z1344" s="76"/>
      <c r="AA1344" s="85"/>
      <c r="AB1344" s="85"/>
      <c r="AC1344" s="85"/>
      <c r="AD1344" s="85"/>
      <c r="AE1344" s="85"/>
      <c r="AF1344" s="85"/>
      <c r="AG1344" s="86"/>
      <c r="AH1344" s="85"/>
      <c r="AI1344" s="85"/>
      <c r="AJ1344" s="85"/>
      <c r="AK1344" s="85"/>
      <c r="AL1344" s="85"/>
      <c r="AM1344" s="92"/>
      <c r="AN1344" s="92"/>
      <c r="AO1344" s="92"/>
      <c r="AP1344" s="92"/>
      <c r="AQ1344" s="92"/>
      <c r="AR1344" s="92"/>
      <c r="AS1344" s="92"/>
      <c r="AT1344" s="92"/>
      <c r="AU1344" s="92"/>
      <c r="AV1344" s="92"/>
      <c r="AW1344" s="92"/>
      <c r="AX1344" s="92"/>
      <c r="AY1344" s="92"/>
      <c r="AZ1344" s="93"/>
      <c r="BA1344" s="93"/>
      <c r="BB1344" s="93"/>
      <c r="BC1344" s="93"/>
      <c r="BD1344" s="93"/>
      <c r="BE1344" s="93"/>
      <c r="BF1344" s="93"/>
      <c r="BG1344" s="93"/>
      <c r="BH1344" s="93"/>
      <c r="BI1344" s="93"/>
      <c r="BJ1344" s="93"/>
      <c r="BK1344" s="93"/>
      <c r="BL1344" s="93"/>
    </row>
    <row r="1345" spans="2:64" x14ac:dyDescent="0.2">
      <c r="B1345" s="43"/>
      <c r="C1345" s="73"/>
      <c r="D1345" s="64"/>
      <c r="E1345" s="55"/>
      <c r="F1345" s="74"/>
      <c r="G1345" s="74"/>
      <c r="H1345" s="74"/>
      <c r="I1345" s="75"/>
      <c r="J1345" s="74"/>
      <c r="L1345" s="55"/>
      <c r="M1345" s="234"/>
      <c r="N1345" s="65"/>
      <c r="O1345" s="76"/>
      <c r="P1345" s="76"/>
      <c r="Q1345" s="65"/>
      <c r="R1345" s="76"/>
      <c r="S1345" s="76"/>
      <c r="T1345" s="76"/>
      <c r="U1345" s="76"/>
      <c r="V1345" s="76"/>
      <c r="W1345" s="76"/>
      <c r="X1345" s="76"/>
      <c r="Y1345" s="76"/>
      <c r="Z1345" s="76"/>
      <c r="AA1345" s="85"/>
      <c r="AB1345" s="85"/>
      <c r="AC1345" s="85"/>
      <c r="AD1345" s="85"/>
      <c r="AE1345" s="85"/>
      <c r="AF1345" s="85"/>
      <c r="AG1345" s="86"/>
      <c r="AH1345" s="85"/>
      <c r="AI1345" s="85"/>
      <c r="AJ1345" s="85"/>
      <c r="AK1345" s="85"/>
      <c r="AL1345" s="85"/>
      <c r="AM1345" s="92"/>
      <c r="AN1345" s="92"/>
      <c r="AO1345" s="92"/>
      <c r="AP1345" s="92"/>
      <c r="AQ1345" s="92"/>
      <c r="AR1345" s="92"/>
      <c r="AS1345" s="92"/>
      <c r="AT1345" s="92"/>
      <c r="AU1345" s="92"/>
      <c r="AV1345" s="92"/>
      <c r="AW1345" s="92"/>
      <c r="AX1345" s="92"/>
      <c r="AY1345" s="92"/>
      <c r="AZ1345" s="93"/>
      <c r="BA1345" s="93"/>
      <c r="BB1345" s="93"/>
      <c r="BC1345" s="93"/>
      <c r="BD1345" s="93"/>
      <c r="BE1345" s="93"/>
      <c r="BF1345" s="93"/>
      <c r="BG1345" s="93"/>
      <c r="BH1345" s="93"/>
      <c r="BI1345" s="93"/>
      <c r="BJ1345" s="93"/>
      <c r="BK1345" s="93"/>
      <c r="BL1345" s="93"/>
    </row>
    <row r="1346" spans="2:64" x14ac:dyDescent="0.2">
      <c r="B1346" s="43"/>
      <c r="C1346" s="73"/>
      <c r="D1346" s="64"/>
      <c r="E1346" s="55"/>
      <c r="F1346" s="74"/>
      <c r="G1346" s="74"/>
      <c r="H1346" s="74"/>
      <c r="I1346" s="75"/>
      <c r="J1346" s="74"/>
      <c r="L1346" s="55"/>
      <c r="M1346" s="234"/>
      <c r="N1346" s="65"/>
      <c r="O1346" s="76"/>
      <c r="P1346" s="76"/>
      <c r="Q1346" s="65"/>
      <c r="R1346" s="76"/>
      <c r="S1346" s="76"/>
      <c r="T1346" s="76"/>
      <c r="U1346" s="76"/>
      <c r="V1346" s="76"/>
      <c r="W1346" s="76"/>
      <c r="X1346" s="76"/>
      <c r="Y1346" s="76"/>
      <c r="Z1346" s="76"/>
      <c r="AA1346" s="85"/>
      <c r="AB1346" s="85"/>
      <c r="AC1346" s="85"/>
      <c r="AD1346" s="85"/>
      <c r="AE1346" s="85"/>
      <c r="AF1346" s="85"/>
      <c r="AG1346" s="86"/>
      <c r="AH1346" s="85"/>
      <c r="AI1346" s="85"/>
      <c r="AJ1346" s="85"/>
      <c r="AK1346" s="85"/>
      <c r="AL1346" s="85"/>
      <c r="AM1346" s="92"/>
      <c r="AN1346" s="92"/>
      <c r="AO1346" s="92"/>
      <c r="AP1346" s="92"/>
      <c r="AQ1346" s="92"/>
      <c r="AR1346" s="92"/>
      <c r="AS1346" s="92"/>
      <c r="AT1346" s="92"/>
      <c r="AU1346" s="92"/>
      <c r="AV1346" s="92"/>
      <c r="AW1346" s="92"/>
      <c r="AX1346" s="92"/>
      <c r="AY1346" s="92"/>
      <c r="AZ1346" s="93"/>
      <c r="BA1346" s="93"/>
      <c r="BB1346" s="93"/>
      <c r="BC1346" s="93"/>
      <c r="BD1346" s="93"/>
      <c r="BE1346" s="93"/>
      <c r="BF1346" s="93"/>
      <c r="BG1346" s="93"/>
      <c r="BH1346" s="93"/>
      <c r="BI1346" s="93"/>
      <c r="BJ1346" s="93"/>
      <c r="BK1346" s="93"/>
      <c r="BL1346" s="93"/>
    </row>
    <row r="1347" spans="2:64" x14ac:dyDescent="0.2">
      <c r="B1347" s="43"/>
      <c r="C1347" s="73"/>
      <c r="D1347" s="64"/>
      <c r="E1347" s="55"/>
      <c r="F1347" s="74"/>
      <c r="G1347" s="74"/>
      <c r="H1347" s="74"/>
      <c r="I1347" s="75"/>
      <c r="J1347" s="74"/>
      <c r="L1347" s="55"/>
      <c r="M1347" s="234"/>
      <c r="N1347" s="65"/>
      <c r="O1347" s="76"/>
      <c r="P1347" s="76"/>
      <c r="Q1347" s="65"/>
      <c r="R1347" s="76"/>
      <c r="S1347" s="76"/>
      <c r="T1347" s="76"/>
      <c r="U1347" s="76"/>
      <c r="V1347" s="76"/>
      <c r="W1347" s="76"/>
      <c r="X1347" s="76"/>
      <c r="Y1347" s="76"/>
      <c r="Z1347" s="76"/>
      <c r="AA1347" s="85"/>
      <c r="AB1347" s="85"/>
      <c r="AC1347" s="85"/>
      <c r="AD1347" s="85"/>
      <c r="AE1347" s="85"/>
      <c r="AF1347" s="85"/>
      <c r="AG1347" s="86"/>
      <c r="AH1347" s="85"/>
      <c r="AI1347" s="85"/>
      <c r="AJ1347" s="85"/>
      <c r="AK1347" s="85"/>
      <c r="AL1347" s="85"/>
      <c r="AM1347" s="92"/>
      <c r="AN1347" s="92"/>
      <c r="AO1347" s="92"/>
      <c r="AP1347" s="92"/>
      <c r="AQ1347" s="92"/>
      <c r="AR1347" s="92"/>
      <c r="AS1347" s="92"/>
      <c r="AT1347" s="92"/>
      <c r="AU1347" s="92"/>
      <c r="AV1347" s="92"/>
      <c r="AW1347" s="92"/>
      <c r="AX1347" s="92"/>
      <c r="AY1347" s="92"/>
      <c r="AZ1347" s="93"/>
      <c r="BA1347" s="93"/>
      <c r="BB1347" s="93"/>
      <c r="BC1347" s="93"/>
      <c r="BD1347" s="93"/>
      <c r="BE1347" s="93"/>
      <c r="BF1347" s="93"/>
      <c r="BG1347" s="93"/>
      <c r="BH1347" s="93"/>
      <c r="BI1347" s="93"/>
      <c r="BJ1347" s="93"/>
      <c r="BK1347" s="93"/>
      <c r="BL1347" s="93"/>
    </row>
    <row r="1348" spans="2:64" x14ac:dyDescent="0.2">
      <c r="B1348" s="43"/>
      <c r="C1348" s="73"/>
      <c r="D1348" s="64"/>
      <c r="E1348" s="55"/>
      <c r="F1348" s="74"/>
      <c r="G1348" s="74"/>
      <c r="H1348" s="74"/>
      <c r="I1348" s="75"/>
      <c r="J1348" s="74"/>
      <c r="L1348" s="55"/>
      <c r="M1348" s="234"/>
      <c r="N1348" s="65"/>
      <c r="O1348" s="76"/>
      <c r="P1348" s="76"/>
      <c r="Q1348" s="65"/>
      <c r="R1348" s="76"/>
      <c r="S1348" s="76"/>
      <c r="T1348" s="76"/>
      <c r="U1348" s="76"/>
      <c r="V1348" s="76"/>
      <c r="W1348" s="76"/>
      <c r="X1348" s="76"/>
      <c r="Y1348" s="76"/>
      <c r="Z1348" s="76"/>
      <c r="AA1348" s="85"/>
      <c r="AB1348" s="85"/>
      <c r="AC1348" s="85"/>
      <c r="AD1348" s="85"/>
      <c r="AE1348" s="85"/>
      <c r="AF1348" s="85"/>
      <c r="AG1348" s="86"/>
      <c r="AH1348" s="85"/>
      <c r="AI1348" s="85"/>
      <c r="AJ1348" s="85"/>
      <c r="AK1348" s="85"/>
      <c r="AL1348" s="85"/>
      <c r="AM1348" s="92"/>
      <c r="AN1348" s="92"/>
      <c r="AO1348" s="92"/>
      <c r="AP1348" s="92"/>
      <c r="AQ1348" s="92"/>
      <c r="AR1348" s="92"/>
      <c r="AS1348" s="92"/>
      <c r="AT1348" s="92"/>
      <c r="AU1348" s="92"/>
      <c r="AV1348" s="92"/>
      <c r="AW1348" s="92"/>
      <c r="AX1348" s="92"/>
      <c r="AY1348" s="92"/>
      <c r="AZ1348" s="93"/>
      <c r="BA1348" s="93"/>
      <c r="BB1348" s="93"/>
      <c r="BC1348" s="93"/>
      <c r="BD1348" s="93"/>
      <c r="BE1348" s="93"/>
      <c r="BF1348" s="93"/>
      <c r="BG1348" s="93"/>
      <c r="BH1348" s="93"/>
      <c r="BI1348" s="93"/>
      <c r="BJ1348" s="93"/>
      <c r="BK1348" s="93"/>
      <c r="BL1348" s="93"/>
    </row>
    <row r="1349" spans="2:64" x14ac:dyDescent="0.2">
      <c r="B1349" s="43"/>
      <c r="C1349" s="73"/>
      <c r="D1349" s="64"/>
      <c r="E1349" s="55"/>
      <c r="F1349" s="74"/>
      <c r="G1349" s="74"/>
      <c r="H1349" s="74"/>
      <c r="I1349" s="75"/>
      <c r="J1349" s="74"/>
      <c r="L1349" s="55"/>
      <c r="M1349" s="234"/>
      <c r="N1349" s="65"/>
      <c r="O1349" s="76"/>
      <c r="P1349" s="76"/>
      <c r="Q1349" s="65"/>
      <c r="R1349" s="76"/>
      <c r="S1349" s="76"/>
      <c r="T1349" s="76"/>
      <c r="U1349" s="76"/>
      <c r="V1349" s="76"/>
      <c r="W1349" s="76"/>
      <c r="X1349" s="76"/>
      <c r="Y1349" s="76"/>
      <c r="Z1349" s="76"/>
      <c r="AA1349" s="85"/>
      <c r="AB1349" s="85"/>
      <c r="AC1349" s="85"/>
      <c r="AD1349" s="85"/>
      <c r="AE1349" s="85"/>
      <c r="AF1349" s="85"/>
      <c r="AG1349" s="86"/>
      <c r="AH1349" s="85"/>
      <c r="AI1349" s="85"/>
      <c r="AJ1349" s="85"/>
      <c r="AK1349" s="85"/>
      <c r="AL1349" s="85"/>
      <c r="AM1349" s="92"/>
      <c r="AN1349" s="92"/>
      <c r="AO1349" s="92"/>
      <c r="AP1349" s="92"/>
      <c r="AQ1349" s="92"/>
      <c r="AR1349" s="92"/>
      <c r="AS1349" s="92"/>
      <c r="AT1349" s="92"/>
      <c r="AU1349" s="92"/>
      <c r="AV1349" s="92"/>
      <c r="AW1349" s="92"/>
      <c r="AX1349" s="92"/>
      <c r="AY1349" s="92"/>
      <c r="AZ1349" s="93"/>
      <c r="BA1349" s="93"/>
      <c r="BB1349" s="93"/>
      <c r="BC1349" s="93"/>
      <c r="BD1349" s="93"/>
      <c r="BE1349" s="93"/>
      <c r="BF1349" s="93"/>
      <c r="BG1349" s="93"/>
      <c r="BH1349" s="93"/>
      <c r="BI1349" s="93"/>
      <c r="BJ1349" s="93"/>
      <c r="BK1349" s="93"/>
      <c r="BL1349" s="93"/>
    </row>
    <row r="1350" spans="2:64" x14ac:dyDescent="0.2">
      <c r="B1350" s="43"/>
      <c r="C1350" s="73"/>
      <c r="D1350" s="64"/>
      <c r="E1350" s="55"/>
      <c r="F1350" s="74"/>
      <c r="G1350" s="74"/>
      <c r="H1350" s="74"/>
      <c r="I1350" s="75"/>
      <c r="J1350" s="74"/>
      <c r="L1350" s="55"/>
      <c r="M1350" s="234"/>
      <c r="N1350" s="65"/>
      <c r="O1350" s="76"/>
      <c r="P1350" s="76"/>
      <c r="Q1350" s="65"/>
      <c r="R1350" s="76"/>
      <c r="S1350" s="76"/>
      <c r="T1350" s="76"/>
      <c r="U1350" s="76"/>
      <c r="V1350" s="76"/>
      <c r="W1350" s="76"/>
      <c r="X1350" s="76"/>
      <c r="Y1350" s="76"/>
      <c r="Z1350" s="76"/>
      <c r="AA1350" s="85"/>
      <c r="AB1350" s="85"/>
      <c r="AC1350" s="85"/>
      <c r="AD1350" s="85"/>
      <c r="AE1350" s="85"/>
      <c r="AF1350" s="85"/>
      <c r="AG1350" s="86"/>
      <c r="AH1350" s="85"/>
      <c r="AI1350" s="85"/>
      <c r="AJ1350" s="85"/>
      <c r="AK1350" s="85"/>
      <c r="AL1350" s="85"/>
      <c r="AM1350" s="92"/>
      <c r="AN1350" s="92"/>
      <c r="AO1350" s="92"/>
      <c r="AP1350" s="92"/>
      <c r="AQ1350" s="92"/>
      <c r="AR1350" s="92"/>
      <c r="AS1350" s="92"/>
      <c r="AT1350" s="92"/>
      <c r="AU1350" s="92"/>
      <c r="AV1350" s="92"/>
      <c r="AW1350" s="92"/>
      <c r="AX1350" s="92"/>
      <c r="AY1350" s="92"/>
      <c r="AZ1350" s="93"/>
      <c r="BA1350" s="93"/>
      <c r="BB1350" s="93"/>
      <c r="BC1350" s="93"/>
      <c r="BD1350" s="93"/>
      <c r="BE1350" s="93"/>
      <c r="BF1350" s="93"/>
      <c r="BG1350" s="93"/>
      <c r="BH1350" s="93"/>
      <c r="BI1350" s="93"/>
      <c r="BJ1350" s="93"/>
      <c r="BK1350" s="93"/>
      <c r="BL1350" s="93"/>
    </row>
    <row r="1351" spans="2:64" x14ac:dyDescent="0.2">
      <c r="B1351" s="43"/>
      <c r="C1351" s="73"/>
      <c r="D1351" s="64"/>
      <c r="E1351" s="55"/>
      <c r="F1351" s="74"/>
      <c r="G1351" s="74"/>
      <c r="H1351" s="74"/>
      <c r="I1351" s="75"/>
      <c r="J1351" s="74"/>
      <c r="L1351" s="55"/>
      <c r="M1351" s="234"/>
      <c r="N1351" s="65"/>
      <c r="O1351" s="76"/>
      <c r="P1351" s="76"/>
      <c r="Q1351" s="65"/>
      <c r="R1351" s="76"/>
      <c r="S1351" s="76"/>
      <c r="T1351" s="76"/>
      <c r="U1351" s="76"/>
      <c r="V1351" s="76"/>
      <c r="W1351" s="76"/>
      <c r="X1351" s="76"/>
      <c r="Y1351" s="76"/>
      <c r="Z1351" s="76"/>
      <c r="AA1351" s="85"/>
      <c r="AB1351" s="85"/>
      <c r="AC1351" s="85"/>
      <c r="AD1351" s="85"/>
      <c r="AE1351" s="85"/>
      <c r="AF1351" s="85"/>
      <c r="AG1351" s="86"/>
      <c r="AH1351" s="85"/>
      <c r="AI1351" s="85"/>
      <c r="AJ1351" s="85"/>
      <c r="AK1351" s="85"/>
      <c r="AL1351" s="85"/>
      <c r="AM1351" s="92"/>
      <c r="AN1351" s="92"/>
      <c r="AO1351" s="92"/>
      <c r="AP1351" s="92"/>
      <c r="AQ1351" s="92"/>
      <c r="AR1351" s="92"/>
      <c r="AS1351" s="92"/>
      <c r="AT1351" s="92"/>
      <c r="AU1351" s="92"/>
      <c r="AV1351" s="92"/>
      <c r="AW1351" s="92"/>
      <c r="AX1351" s="92"/>
      <c r="AY1351" s="92"/>
      <c r="AZ1351" s="93"/>
      <c r="BA1351" s="93"/>
      <c r="BB1351" s="93"/>
      <c r="BC1351" s="93"/>
      <c r="BD1351" s="93"/>
      <c r="BE1351" s="93"/>
      <c r="BF1351" s="93"/>
      <c r="BG1351" s="93"/>
      <c r="BH1351" s="93"/>
      <c r="BI1351" s="93"/>
      <c r="BJ1351" s="93"/>
      <c r="BK1351" s="93"/>
      <c r="BL1351" s="93"/>
    </row>
    <row r="1352" spans="2:64" x14ac:dyDescent="0.2">
      <c r="B1352" s="43"/>
      <c r="C1352" s="73"/>
      <c r="D1352" s="64"/>
      <c r="E1352" s="55"/>
      <c r="F1352" s="74"/>
      <c r="G1352" s="74"/>
      <c r="H1352" s="74"/>
      <c r="I1352" s="75"/>
      <c r="J1352" s="74"/>
      <c r="L1352" s="55"/>
      <c r="M1352" s="234"/>
      <c r="N1352" s="65"/>
      <c r="O1352" s="76"/>
      <c r="P1352" s="76"/>
      <c r="Q1352" s="65"/>
      <c r="R1352" s="76"/>
      <c r="S1352" s="76"/>
      <c r="T1352" s="76"/>
      <c r="U1352" s="76"/>
      <c r="V1352" s="76"/>
      <c r="W1352" s="76"/>
      <c r="X1352" s="76"/>
      <c r="Y1352" s="76"/>
      <c r="Z1352" s="76"/>
      <c r="AA1352" s="85"/>
      <c r="AB1352" s="85"/>
      <c r="AC1352" s="85"/>
      <c r="AD1352" s="85"/>
      <c r="AE1352" s="85"/>
      <c r="AF1352" s="85"/>
      <c r="AG1352" s="86"/>
      <c r="AH1352" s="85"/>
      <c r="AI1352" s="85"/>
      <c r="AJ1352" s="85"/>
      <c r="AK1352" s="85"/>
      <c r="AL1352" s="85"/>
      <c r="AM1352" s="92"/>
      <c r="AN1352" s="92"/>
      <c r="AO1352" s="92"/>
      <c r="AP1352" s="92"/>
      <c r="AQ1352" s="92"/>
      <c r="AR1352" s="92"/>
      <c r="AS1352" s="92"/>
      <c r="AT1352" s="92"/>
      <c r="AU1352" s="92"/>
      <c r="AV1352" s="92"/>
      <c r="AW1352" s="92"/>
      <c r="AX1352" s="92"/>
      <c r="AY1352" s="92"/>
      <c r="AZ1352" s="93"/>
      <c r="BA1352" s="93"/>
      <c r="BB1352" s="93"/>
      <c r="BC1352" s="93"/>
      <c r="BD1352" s="93"/>
      <c r="BE1352" s="93"/>
      <c r="BF1352" s="93"/>
      <c r="BG1352" s="93"/>
      <c r="BH1352" s="93"/>
      <c r="BI1352" s="93"/>
      <c r="BJ1352" s="93"/>
      <c r="BK1352" s="93"/>
      <c r="BL1352" s="93"/>
    </row>
    <row r="1353" spans="2:64" x14ac:dyDescent="0.2">
      <c r="B1353" s="43"/>
      <c r="C1353" s="73"/>
      <c r="D1353" s="64"/>
      <c r="E1353" s="55"/>
      <c r="F1353" s="74"/>
      <c r="G1353" s="74"/>
      <c r="H1353" s="74"/>
      <c r="I1353" s="75"/>
      <c r="J1353" s="74"/>
      <c r="L1353" s="55"/>
      <c r="M1353" s="234"/>
      <c r="N1353" s="65"/>
      <c r="O1353" s="76"/>
      <c r="P1353" s="76"/>
      <c r="Q1353" s="65"/>
      <c r="R1353" s="76"/>
      <c r="S1353" s="76"/>
      <c r="T1353" s="76"/>
      <c r="U1353" s="76"/>
      <c r="V1353" s="76"/>
      <c r="W1353" s="76"/>
      <c r="X1353" s="76"/>
      <c r="Y1353" s="76"/>
      <c r="Z1353" s="76"/>
      <c r="AA1353" s="85"/>
      <c r="AB1353" s="85"/>
      <c r="AC1353" s="85"/>
      <c r="AD1353" s="85"/>
      <c r="AE1353" s="85"/>
      <c r="AF1353" s="85"/>
      <c r="AG1353" s="86"/>
      <c r="AH1353" s="85"/>
      <c r="AI1353" s="85"/>
      <c r="AJ1353" s="85"/>
      <c r="AK1353" s="85"/>
      <c r="AL1353" s="85"/>
      <c r="AM1353" s="92"/>
      <c r="AN1353" s="92"/>
      <c r="AO1353" s="92"/>
      <c r="AP1353" s="92"/>
      <c r="AQ1353" s="92"/>
      <c r="AR1353" s="92"/>
      <c r="AS1353" s="92"/>
      <c r="AT1353" s="92"/>
      <c r="AU1353" s="92"/>
      <c r="AV1353" s="92"/>
      <c r="AW1353" s="92"/>
      <c r="AX1353" s="92"/>
      <c r="AY1353" s="92"/>
      <c r="AZ1353" s="93"/>
      <c r="BA1353" s="93"/>
      <c r="BB1353" s="93"/>
      <c r="BC1353" s="93"/>
      <c r="BD1353" s="93"/>
      <c r="BE1353" s="93"/>
      <c r="BF1353" s="93"/>
      <c r="BG1353" s="93"/>
      <c r="BH1353" s="93"/>
      <c r="BI1353" s="93"/>
      <c r="BJ1353" s="93"/>
      <c r="BK1353" s="93"/>
      <c r="BL1353" s="93"/>
    </row>
    <row r="1354" spans="2:64" x14ac:dyDescent="0.2">
      <c r="B1354" s="43"/>
      <c r="C1354" s="73"/>
      <c r="D1354" s="64"/>
      <c r="E1354" s="55"/>
      <c r="F1354" s="74"/>
      <c r="G1354" s="74"/>
      <c r="H1354" s="74"/>
      <c r="I1354" s="75"/>
      <c r="J1354" s="74"/>
      <c r="L1354" s="55"/>
      <c r="M1354" s="234"/>
      <c r="N1354" s="65"/>
      <c r="O1354" s="76"/>
      <c r="P1354" s="76"/>
      <c r="Q1354" s="65"/>
      <c r="R1354" s="76"/>
      <c r="S1354" s="76"/>
      <c r="T1354" s="76"/>
      <c r="U1354" s="76"/>
      <c r="V1354" s="76"/>
      <c r="W1354" s="76"/>
      <c r="X1354" s="76"/>
      <c r="Y1354" s="76"/>
      <c r="Z1354" s="76"/>
      <c r="AA1354" s="85"/>
      <c r="AB1354" s="85"/>
      <c r="AC1354" s="85"/>
      <c r="AD1354" s="85"/>
      <c r="AE1354" s="85"/>
      <c r="AF1354" s="85"/>
      <c r="AG1354" s="86"/>
      <c r="AH1354" s="85"/>
      <c r="AI1354" s="85"/>
      <c r="AJ1354" s="85"/>
      <c r="AK1354" s="85"/>
      <c r="AL1354" s="85"/>
      <c r="AM1354" s="92"/>
      <c r="AN1354" s="92"/>
      <c r="AO1354" s="92"/>
      <c r="AP1354" s="92"/>
      <c r="AQ1354" s="92"/>
      <c r="AR1354" s="92"/>
      <c r="AS1354" s="92"/>
      <c r="AT1354" s="92"/>
      <c r="AU1354" s="92"/>
      <c r="AV1354" s="92"/>
      <c r="AW1354" s="92"/>
      <c r="AX1354" s="92"/>
      <c r="AY1354" s="92"/>
      <c r="AZ1354" s="93"/>
      <c r="BA1354" s="93"/>
      <c r="BB1354" s="93"/>
      <c r="BC1354" s="93"/>
      <c r="BD1354" s="93"/>
      <c r="BE1354" s="93"/>
      <c r="BF1354" s="93"/>
      <c r="BG1354" s="93"/>
      <c r="BH1354" s="93"/>
      <c r="BI1354" s="93"/>
      <c r="BJ1354" s="93"/>
      <c r="BK1354" s="93"/>
      <c r="BL1354" s="93"/>
    </row>
    <row r="1355" spans="2:64" x14ac:dyDescent="0.2">
      <c r="B1355" s="43"/>
      <c r="C1355" s="73"/>
      <c r="D1355" s="64"/>
      <c r="E1355" s="55"/>
      <c r="F1355" s="74"/>
      <c r="G1355" s="74"/>
      <c r="H1355" s="74"/>
      <c r="I1355" s="75"/>
      <c r="J1355" s="74"/>
      <c r="L1355" s="55"/>
      <c r="M1355" s="234"/>
      <c r="N1355" s="65"/>
      <c r="O1355" s="76"/>
      <c r="P1355" s="76"/>
      <c r="Q1355" s="65"/>
      <c r="R1355" s="76"/>
      <c r="S1355" s="76"/>
      <c r="T1355" s="76"/>
      <c r="U1355" s="76"/>
      <c r="V1355" s="76"/>
      <c r="W1355" s="76"/>
      <c r="X1355" s="76"/>
      <c r="Y1355" s="76"/>
      <c r="Z1355" s="76"/>
      <c r="AA1355" s="85"/>
      <c r="AB1355" s="85"/>
      <c r="AC1355" s="85"/>
      <c r="AD1355" s="85"/>
      <c r="AE1355" s="85"/>
      <c r="AF1355" s="85"/>
      <c r="AG1355" s="86"/>
      <c r="AH1355" s="85"/>
      <c r="AI1355" s="85"/>
      <c r="AJ1355" s="85"/>
      <c r="AK1355" s="85"/>
      <c r="AL1355" s="85"/>
      <c r="AM1355" s="92"/>
      <c r="AN1355" s="92"/>
      <c r="AO1355" s="92"/>
      <c r="AP1355" s="92"/>
      <c r="AQ1355" s="92"/>
      <c r="AR1355" s="92"/>
      <c r="AS1355" s="92"/>
      <c r="AT1355" s="92"/>
      <c r="AU1355" s="92"/>
      <c r="AV1355" s="92"/>
      <c r="AW1355" s="92"/>
      <c r="AX1355" s="92"/>
      <c r="AY1355" s="92"/>
      <c r="AZ1355" s="93"/>
      <c r="BA1355" s="93"/>
      <c r="BB1355" s="93"/>
      <c r="BC1355" s="93"/>
      <c r="BD1355" s="93"/>
      <c r="BE1355" s="93"/>
      <c r="BF1355" s="93"/>
      <c r="BG1355" s="93"/>
      <c r="BH1355" s="93"/>
      <c r="BI1355" s="93"/>
      <c r="BJ1355" s="93"/>
      <c r="BK1355" s="93"/>
      <c r="BL1355" s="93"/>
    </row>
    <row r="1356" spans="2:64" x14ac:dyDescent="0.2">
      <c r="B1356" s="43"/>
      <c r="C1356" s="73"/>
      <c r="D1356" s="64"/>
      <c r="E1356" s="55"/>
      <c r="F1356" s="74"/>
      <c r="G1356" s="74"/>
      <c r="H1356" s="74"/>
      <c r="I1356" s="75"/>
      <c r="J1356" s="74"/>
      <c r="L1356" s="55"/>
      <c r="M1356" s="234"/>
      <c r="N1356" s="65"/>
      <c r="O1356" s="76"/>
      <c r="P1356" s="76"/>
      <c r="Q1356" s="65"/>
      <c r="R1356" s="76"/>
      <c r="S1356" s="76"/>
      <c r="T1356" s="76"/>
      <c r="U1356" s="76"/>
      <c r="V1356" s="76"/>
      <c r="W1356" s="76"/>
      <c r="X1356" s="76"/>
      <c r="Y1356" s="76"/>
      <c r="Z1356" s="76"/>
      <c r="AA1356" s="85"/>
      <c r="AB1356" s="85"/>
      <c r="AC1356" s="85"/>
      <c r="AD1356" s="85"/>
      <c r="AE1356" s="85"/>
      <c r="AF1356" s="85"/>
      <c r="AG1356" s="86"/>
      <c r="AH1356" s="85"/>
      <c r="AI1356" s="85"/>
      <c r="AJ1356" s="85"/>
      <c r="AK1356" s="85"/>
      <c r="AL1356" s="85"/>
      <c r="AM1356" s="92"/>
      <c r="AN1356" s="92"/>
      <c r="AO1356" s="92"/>
      <c r="AP1356" s="92"/>
      <c r="AQ1356" s="92"/>
      <c r="AR1356" s="92"/>
      <c r="AS1356" s="92"/>
      <c r="AT1356" s="92"/>
      <c r="AU1356" s="92"/>
      <c r="AV1356" s="92"/>
      <c r="AW1356" s="92"/>
      <c r="AX1356" s="92"/>
      <c r="AY1356" s="92"/>
      <c r="AZ1356" s="93"/>
      <c r="BA1356" s="93"/>
      <c r="BB1356" s="93"/>
      <c r="BC1356" s="93"/>
      <c r="BD1356" s="93"/>
      <c r="BE1356" s="93"/>
      <c r="BF1356" s="93"/>
      <c r="BG1356" s="93"/>
      <c r="BH1356" s="93"/>
      <c r="BI1356" s="93"/>
      <c r="BJ1356" s="93"/>
      <c r="BK1356" s="93"/>
      <c r="BL1356" s="93"/>
    </row>
    <row r="1357" spans="2:64" x14ac:dyDescent="0.2">
      <c r="B1357" s="43"/>
      <c r="C1357" s="73"/>
      <c r="D1357" s="64"/>
      <c r="E1357" s="55"/>
      <c r="F1357" s="74"/>
      <c r="G1357" s="74"/>
      <c r="H1357" s="74"/>
      <c r="I1357" s="75"/>
      <c r="J1357" s="74"/>
      <c r="L1357" s="55"/>
      <c r="M1357" s="234"/>
      <c r="N1357" s="65"/>
      <c r="O1357" s="76"/>
      <c r="P1357" s="76"/>
      <c r="Q1357" s="65"/>
      <c r="R1357" s="76"/>
      <c r="S1357" s="76"/>
      <c r="T1357" s="76"/>
      <c r="U1357" s="76"/>
      <c r="V1357" s="76"/>
      <c r="W1357" s="76"/>
      <c r="X1357" s="76"/>
      <c r="Y1357" s="76"/>
      <c r="Z1357" s="76"/>
      <c r="AA1357" s="85"/>
      <c r="AB1357" s="85"/>
      <c r="AC1357" s="85"/>
      <c r="AD1357" s="85"/>
      <c r="AE1357" s="85"/>
      <c r="AF1357" s="85"/>
      <c r="AG1357" s="86"/>
      <c r="AH1357" s="85"/>
      <c r="AI1357" s="85"/>
      <c r="AJ1357" s="85"/>
      <c r="AK1357" s="85"/>
      <c r="AL1357" s="85"/>
      <c r="AM1357" s="92"/>
      <c r="AN1357" s="92"/>
      <c r="AO1357" s="92"/>
      <c r="AP1357" s="92"/>
      <c r="AQ1357" s="92"/>
      <c r="AR1357" s="92"/>
      <c r="AS1357" s="92"/>
      <c r="AT1357" s="92"/>
      <c r="AU1357" s="92"/>
      <c r="AV1357" s="92"/>
      <c r="AW1357" s="92"/>
      <c r="AX1357" s="92"/>
      <c r="AY1357" s="92"/>
      <c r="AZ1357" s="93"/>
      <c r="BA1357" s="93"/>
      <c r="BB1357" s="93"/>
      <c r="BC1357" s="93"/>
      <c r="BD1357" s="93"/>
      <c r="BE1357" s="93"/>
      <c r="BF1357" s="93"/>
      <c r="BG1357" s="93"/>
      <c r="BH1357" s="93"/>
      <c r="BI1357" s="93"/>
      <c r="BJ1357" s="93"/>
      <c r="BK1357" s="93"/>
      <c r="BL1357" s="93"/>
    </row>
    <row r="1358" spans="2:64" x14ac:dyDescent="0.2">
      <c r="B1358" s="43"/>
      <c r="C1358" s="73"/>
      <c r="D1358" s="64"/>
      <c r="E1358" s="55"/>
      <c r="F1358" s="74"/>
      <c r="G1358" s="74"/>
      <c r="H1358" s="74"/>
      <c r="I1358" s="75"/>
      <c r="J1358" s="74"/>
      <c r="L1358" s="55"/>
      <c r="M1358" s="234"/>
      <c r="N1358" s="65"/>
      <c r="O1358" s="76"/>
      <c r="P1358" s="76"/>
      <c r="Q1358" s="65"/>
      <c r="R1358" s="76"/>
      <c r="S1358" s="76"/>
      <c r="T1358" s="76"/>
      <c r="U1358" s="76"/>
      <c r="V1358" s="76"/>
      <c r="W1358" s="76"/>
      <c r="X1358" s="76"/>
      <c r="Y1358" s="76"/>
      <c r="Z1358" s="76"/>
      <c r="AA1358" s="85"/>
      <c r="AB1358" s="85"/>
      <c r="AC1358" s="85"/>
      <c r="AD1358" s="85"/>
      <c r="AE1358" s="85"/>
      <c r="AF1358" s="85"/>
      <c r="AG1358" s="86"/>
      <c r="AH1358" s="85"/>
      <c r="AI1358" s="85"/>
      <c r="AJ1358" s="85"/>
      <c r="AK1358" s="85"/>
      <c r="AL1358" s="85"/>
      <c r="AM1358" s="92"/>
      <c r="AN1358" s="92"/>
      <c r="AO1358" s="92"/>
      <c r="AP1358" s="92"/>
      <c r="AQ1358" s="92"/>
      <c r="AR1358" s="92"/>
      <c r="AS1358" s="92"/>
      <c r="AT1358" s="92"/>
      <c r="AU1358" s="92"/>
      <c r="AV1358" s="92"/>
      <c r="AW1358" s="92"/>
      <c r="AX1358" s="92"/>
      <c r="AY1358" s="92"/>
      <c r="AZ1358" s="93"/>
      <c r="BA1358" s="93"/>
      <c r="BB1358" s="93"/>
      <c r="BC1358" s="93"/>
      <c r="BD1358" s="93"/>
      <c r="BE1358" s="93"/>
      <c r="BF1358" s="93"/>
      <c r="BG1358" s="93"/>
      <c r="BH1358" s="93"/>
      <c r="BI1358" s="93"/>
      <c r="BJ1358" s="93"/>
      <c r="BK1358" s="93"/>
      <c r="BL1358" s="93"/>
    </row>
    <row r="1359" spans="2:64" x14ac:dyDescent="0.2">
      <c r="B1359" s="43"/>
      <c r="C1359" s="73"/>
      <c r="D1359" s="64"/>
      <c r="E1359" s="55"/>
      <c r="F1359" s="74"/>
      <c r="G1359" s="74"/>
      <c r="H1359" s="74"/>
      <c r="I1359" s="75"/>
      <c r="J1359" s="74"/>
      <c r="L1359" s="55"/>
      <c r="M1359" s="234"/>
      <c r="N1359" s="65"/>
      <c r="O1359" s="76"/>
      <c r="P1359" s="76"/>
      <c r="Q1359" s="65"/>
      <c r="R1359" s="76"/>
      <c r="S1359" s="76"/>
      <c r="T1359" s="76"/>
      <c r="U1359" s="76"/>
      <c r="V1359" s="76"/>
      <c r="W1359" s="76"/>
      <c r="X1359" s="76"/>
      <c r="Y1359" s="76"/>
      <c r="Z1359" s="76"/>
      <c r="AA1359" s="85"/>
      <c r="AB1359" s="85"/>
      <c r="AC1359" s="85"/>
      <c r="AD1359" s="85"/>
      <c r="AE1359" s="85"/>
      <c r="AF1359" s="85"/>
      <c r="AG1359" s="86"/>
      <c r="AH1359" s="85"/>
      <c r="AI1359" s="85"/>
      <c r="AJ1359" s="85"/>
      <c r="AK1359" s="85"/>
      <c r="AL1359" s="85"/>
      <c r="AM1359" s="92"/>
      <c r="AN1359" s="92"/>
      <c r="AO1359" s="92"/>
      <c r="AP1359" s="92"/>
      <c r="AQ1359" s="92"/>
      <c r="AR1359" s="92"/>
      <c r="AS1359" s="92"/>
      <c r="AT1359" s="92"/>
      <c r="AU1359" s="92"/>
      <c r="AV1359" s="92"/>
      <c r="AW1359" s="92"/>
      <c r="AX1359" s="92"/>
      <c r="AY1359" s="92"/>
      <c r="AZ1359" s="93"/>
      <c r="BA1359" s="93"/>
      <c r="BB1359" s="93"/>
      <c r="BC1359" s="93"/>
      <c r="BD1359" s="93"/>
      <c r="BE1359" s="93"/>
      <c r="BF1359" s="93"/>
      <c r="BG1359" s="93"/>
      <c r="BH1359" s="93"/>
      <c r="BI1359" s="93"/>
      <c r="BJ1359" s="93"/>
      <c r="BK1359" s="93"/>
      <c r="BL1359" s="93"/>
    </row>
    <row r="1360" spans="2:64" x14ac:dyDescent="0.2">
      <c r="B1360" s="43"/>
      <c r="C1360" s="73"/>
      <c r="D1360" s="64"/>
      <c r="E1360" s="55"/>
      <c r="F1360" s="74"/>
      <c r="G1360" s="74"/>
      <c r="H1360" s="74"/>
      <c r="I1360" s="75"/>
      <c r="J1360" s="74"/>
      <c r="L1360" s="55"/>
      <c r="M1360" s="234"/>
      <c r="N1360" s="65"/>
      <c r="O1360" s="76"/>
      <c r="P1360" s="76"/>
      <c r="Q1360" s="65"/>
      <c r="R1360" s="76"/>
      <c r="S1360" s="76"/>
      <c r="T1360" s="76"/>
      <c r="U1360" s="76"/>
      <c r="V1360" s="76"/>
      <c r="W1360" s="76"/>
      <c r="X1360" s="76"/>
      <c r="Y1360" s="76"/>
      <c r="Z1360" s="76"/>
      <c r="AA1360" s="85"/>
      <c r="AB1360" s="85"/>
      <c r="AC1360" s="85"/>
      <c r="AD1360" s="85"/>
      <c r="AE1360" s="85"/>
      <c r="AF1360" s="85"/>
      <c r="AG1360" s="86"/>
      <c r="AH1360" s="85"/>
      <c r="AI1360" s="85"/>
      <c r="AJ1360" s="85"/>
      <c r="AK1360" s="85"/>
      <c r="AL1360" s="85"/>
      <c r="AM1360" s="92"/>
      <c r="AN1360" s="92"/>
      <c r="AO1360" s="92"/>
      <c r="AP1360" s="92"/>
      <c r="AQ1360" s="92"/>
      <c r="AR1360" s="92"/>
      <c r="AS1360" s="92"/>
      <c r="AT1360" s="92"/>
      <c r="AU1360" s="92"/>
      <c r="AV1360" s="92"/>
      <c r="AW1360" s="92"/>
      <c r="AX1360" s="92"/>
      <c r="AY1360" s="92"/>
      <c r="AZ1360" s="93"/>
      <c r="BA1360" s="93"/>
      <c r="BB1360" s="93"/>
      <c r="BC1360" s="93"/>
      <c r="BD1360" s="93"/>
      <c r="BE1360" s="93"/>
      <c r="BF1360" s="93"/>
      <c r="BG1360" s="93"/>
      <c r="BH1360" s="93"/>
      <c r="BI1360" s="93"/>
      <c r="BJ1360" s="93"/>
      <c r="BK1360" s="93"/>
      <c r="BL1360" s="93"/>
    </row>
    <row r="1361" spans="2:64" x14ac:dyDescent="0.2">
      <c r="B1361" s="43"/>
      <c r="C1361" s="73"/>
      <c r="D1361" s="64"/>
      <c r="E1361" s="55"/>
      <c r="F1361" s="74"/>
      <c r="G1361" s="74"/>
      <c r="H1361" s="74"/>
      <c r="I1361" s="75"/>
      <c r="J1361" s="74"/>
      <c r="L1361" s="55"/>
      <c r="M1361" s="234"/>
      <c r="N1361" s="65"/>
      <c r="O1361" s="76"/>
      <c r="P1361" s="76"/>
      <c r="Q1361" s="65"/>
      <c r="R1361" s="76"/>
      <c r="S1361" s="76"/>
      <c r="T1361" s="76"/>
      <c r="U1361" s="76"/>
      <c r="V1361" s="76"/>
      <c r="W1361" s="76"/>
      <c r="X1361" s="76"/>
      <c r="Y1361" s="76"/>
      <c r="Z1361" s="76"/>
      <c r="AA1361" s="85"/>
      <c r="AB1361" s="85"/>
      <c r="AC1361" s="85"/>
      <c r="AD1361" s="85"/>
      <c r="AE1361" s="85"/>
      <c r="AF1361" s="85"/>
      <c r="AG1361" s="86"/>
      <c r="AH1361" s="85"/>
      <c r="AI1361" s="85"/>
      <c r="AJ1361" s="85"/>
      <c r="AK1361" s="85"/>
      <c r="AL1361" s="85"/>
      <c r="AM1361" s="92"/>
      <c r="AN1361" s="92"/>
      <c r="AO1361" s="92"/>
      <c r="AP1361" s="92"/>
      <c r="AQ1361" s="92"/>
      <c r="AR1361" s="92"/>
      <c r="AS1361" s="92"/>
      <c r="AT1361" s="92"/>
      <c r="AU1361" s="92"/>
      <c r="AV1361" s="92"/>
      <c r="AW1361" s="92"/>
      <c r="AX1361" s="92"/>
      <c r="AY1361" s="92"/>
      <c r="AZ1361" s="93"/>
      <c r="BA1361" s="93"/>
      <c r="BB1361" s="93"/>
      <c r="BC1361" s="93"/>
      <c r="BD1361" s="93"/>
      <c r="BE1361" s="93"/>
      <c r="BF1361" s="93"/>
      <c r="BG1361" s="93"/>
      <c r="BH1361" s="93"/>
      <c r="BI1361" s="93"/>
      <c r="BJ1361" s="93"/>
      <c r="BK1361" s="93"/>
      <c r="BL1361" s="93"/>
    </row>
    <row r="1362" spans="2:64" x14ac:dyDescent="0.2">
      <c r="B1362" s="43"/>
      <c r="C1362" s="73"/>
      <c r="D1362" s="64"/>
      <c r="E1362" s="55"/>
      <c r="F1362" s="74"/>
      <c r="G1362" s="74"/>
      <c r="H1362" s="74"/>
      <c r="I1362" s="75"/>
      <c r="J1362" s="74"/>
      <c r="L1362" s="55"/>
      <c r="M1362" s="234"/>
      <c r="N1362" s="65"/>
      <c r="O1362" s="76"/>
      <c r="P1362" s="76"/>
      <c r="Q1362" s="65"/>
      <c r="R1362" s="76"/>
      <c r="S1362" s="76"/>
      <c r="T1362" s="76"/>
      <c r="U1362" s="76"/>
      <c r="V1362" s="76"/>
      <c r="W1362" s="76"/>
      <c r="X1362" s="76"/>
      <c r="Y1362" s="76"/>
      <c r="Z1362" s="76"/>
      <c r="AA1362" s="85"/>
      <c r="AB1362" s="85"/>
      <c r="AC1362" s="85"/>
      <c r="AD1362" s="85"/>
      <c r="AE1362" s="85"/>
      <c r="AF1362" s="85"/>
      <c r="AG1362" s="86"/>
      <c r="AH1362" s="85"/>
      <c r="AI1362" s="85"/>
      <c r="AJ1362" s="85"/>
      <c r="AK1362" s="85"/>
      <c r="AL1362" s="85"/>
      <c r="AM1362" s="92"/>
      <c r="AN1362" s="92"/>
      <c r="AO1362" s="92"/>
      <c r="AP1362" s="92"/>
      <c r="AQ1362" s="92"/>
      <c r="AR1362" s="92"/>
      <c r="AS1362" s="92"/>
      <c r="AT1362" s="92"/>
      <c r="AU1362" s="92"/>
      <c r="AV1362" s="92"/>
      <c r="AW1362" s="92"/>
      <c r="AX1362" s="92"/>
      <c r="AY1362" s="92"/>
      <c r="AZ1362" s="93"/>
      <c r="BA1362" s="93"/>
      <c r="BB1362" s="93"/>
      <c r="BC1362" s="93"/>
      <c r="BD1362" s="93"/>
      <c r="BE1362" s="93"/>
      <c r="BF1362" s="93"/>
      <c r="BG1362" s="93"/>
      <c r="BH1362" s="93"/>
      <c r="BI1362" s="93"/>
      <c r="BJ1362" s="93"/>
      <c r="BK1362" s="93"/>
      <c r="BL1362" s="93"/>
    </row>
    <row r="1363" spans="2:64" x14ac:dyDescent="0.2">
      <c r="B1363" s="43"/>
      <c r="C1363" s="73"/>
      <c r="D1363" s="64"/>
      <c r="E1363" s="55"/>
      <c r="F1363" s="74"/>
      <c r="G1363" s="74"/>
      <c r="H1363" s="74"/>
      <c r="I1363" s="75"/>
      <c r="J1363" s="74"/>
      <c r="L1363" s="55"/>
      <c r="M1363" s="234"/>
      <c r="N1363" s="65"/>
      <c r="O1363" s="76"/>
      <c r="P1363" s="76"/>
      <c r="Q1363" s="65"/>
      <c r="R1363" s="76"/>
      <c r="S1363" s="76"/>
      <c r="T1363" s="76"/>
      <c r="U1363" s="76"/>
      <c r="V1363" s="76"/>
      <c r="W1363" s="76"/>
      <c r="X1363" s="76"/>
      <c r="Y1363" s="76"/>
      <c r="Z1363" s="76"/>
      <c r="AA1363" s="85"/>
      <c r="AB1363" s="85"/>
      <c r="AC1363" s="85"/>
      <c r="AD1363" s="85"/>
      <c r="AE1363" s="85"/>
      <c r="AF1363" s="85"/>
      <c r="AG1363" s="86"/>
      <c r="AH1363" s="85"/>
      <c r="AI1363" s="85"/>
      <c r="AJ1363" s="85"/>
      <c r="AK1363" s="85"/>
      <c r="AL1363" s="85"/>
      <c r="AM1363" s="92"/>
      <c r="AN1363" s="92"/>
      <c r="AO1363" s="92"/>
      <c r="AP1363" s="92"/>
      <c r="AQ1363" s="92"/>
      <c r="AR1363" s="92"/>
      <c r="AS1363" s="92"/>
      <c r="AT1363" s="92"/>
      <c r="AU1363" s="92"/>
      <c r="AV1363" s="92"/>
      <c r="AW1363" s="92"/>
      <c r="AX1363" s="92"/>
      <c r="AY1363" s="92"/>
      <c r="AZ1363" s="93"/>
      <c r="BA1363" s="93"/>
      <c r="BB1363" s="93"/>
      <c r="BC1363" s="93"/>
      <c r="BD1363" s="93"/>
      <c r="BE1363" s="93"/>
      <c r="BF1363" s="93"/>
      <c r="BG1363" s="93"/>
      <c r="BH1363" s="93"/>
      <c r="BI1363" s="93"/>
      <c r="BJ1363" s="93"/>
      <c r="BK1363" s="93"/>
      <c r="BL1363" s="93"/>
    </row>
    <row r="1364" spans="2:64" x14ac:dyDescent="0.2">
      <c r="B1364" s="43"/>
      <c r="C1364" s="73"/>
      <c r="D1364" s="64"/>
      <c r="E1364" s="55"/>
      <c r="F1364" s="74"/>
      <c r="G1364" s="74"/>
      <c r="H1364" s="74"/>
      <c r="I1364" s="75"/>
      <c r="J1364" s="74"/>
      <c r="L1364" s="55"/>
      <c r="M1364" s="234"/>
      <c r="N1364" s="65"/>
      <c r="O1364" s="76"/>
      <c r="P1364" s="76"/>
      <c r="Q1364" s="65"/>
      <c r="R1364" s="76"/>
      <c r="S1364" s="76"/>
      <c r="T1364" s="76"/>
      <c r="U1364" s="76"/>
      <c r="V1364" s="76"/>
      <c r="W1364" s="76"/>
      <c r="X1364" s="76"/>
      <c r="Y1364" s="76"/>
      <c r="Z1364" s="76"/>
      <c r="AA1364" s="85"/>
      <c r="AB1364" s="85"/>
      <c r="AC1364" s="85"/>
      <c r="AD1364" s="85"/>
      <c r="AE1364" s="85"/>
      <c r="AF1364" s="85"/>
      <c r="AG1364" s="86"/>
      <c r="AH1364" s="85"/>
      <c r="AI1364" s="85"/>
      <c r="AJ1364" s="85"/>
      <c r="AK1364" s="85"/>
      <c r="AL1364" s="85"/>
      <c r="AM1364" s="92"/>
      <c r="AN1364" s="92"/>
      <c r="AO1364" s="92"/>
      <c r="AP1364" s="92"/>
      <c r="AQ1364" s="92"/>
      <c r="AR1364" s="92"/>
      <c r="AS1364" s="92"/>
      <c r="AT1364" s="92"/>
      <c r="AU1364" s="92"/>
      <c r="AV1364" s="92"/>
      <c r="AW1364" s="92"/>
      <c r="AX1364" s="92"/>
      <c r="AY1364" s="92"/>
      <c r="AZ1364" s="93"/>
      <c r="BA1364" s="93"/>
      <c r="BB1364" s="93"/>
      <c r="BC1364" s="93"/>
      <c r="BD1364" s="93"/>
      <c r="BE1364" s="93"/>
      <c r="BF1364" s="93"/>
      <c r="BG1364" s="93"/>
      <c r="BH1364" s="93"/>
      <c r="BI1364" s="93"/>
      <c r="BJ1364" s="93"/>
      <c r="BK1364" s="93"/>
      <c r="BL1364" s="93"/>
    </row>
    <row r="1365" spans="2:64" x14ac:dyDescent="0.2">
      <c r="B1365" s="43"/>
      <c r="C1365" s="73"/>
      <c r="D1365" s="64"/>
      <c r="E1365" s="55"/>
      <c r="F1365" s="74"/>
      <c r="G1365" s="74"/>
      <c r="H1365" s="74"/>
      <c r="I1365" s="75"/>
      <c r="J1365" s="74"/>
      <c r="L1365" s="55"/>
      <c r="M1365" s="234"/>
      <c r="N1365" s="65"/>
      <c r="O1365" s="76"/>
      <c r="P1365" s="76"/>
      <c r="Q1365" s="65"/>
      <c r="R1365" s="76"/>
      <c r="S1365" s="76"/>
      <c r="T1365" s="76"/>
      <c r="U1365" s="76"/>
      <c r="V1365" s="76"/>
      <c r="W1365" s="76"/>
      <c r="X1365" s="76"/>
      <c r="Y1365" s="76"/>
      <c r="Z1365" s="76"/>
      <c r="AA1365" s="85"/>
      <c r="AB1365" s="85"/>
      <c r="AC1365" s="85"/>
      <c r="AD1365" s="85"/>
      <c r="AE1365" s="85"/>
      <c r="AF1365" s="85"/>
      <c r="AG1365" s="86"/>
      <c r="AH1365" s="85"/>
      <c r="AI1365" s="85"/>
      <c r="AJ1365" s="85"/>
      <c r="AK1365" s="85"/>
      <c r="AL1365" s="85"/>
      <c r="AM1365" s="92"/>
      <c r="AN1365" s="92"/>
      <c r="AO1365" s="92"/>
      <c r="AP1365" s="92"/>
      <c r="AQ1365" s="92"/>
      <c r="AR1365" s="92"/>
      <c r="AS1365" s="92"/>
      <c r="AT1365" s="92"/>
      <c r="AU1365" s="92"/>
      <c r="AV1365" s="92"/>
      <c r="AW1365" s="92"/>
      <c r="AX1365" s="92"/>
      <c r="AY1365" s="92"/>
      <c r="AZ1365" s="93"/>
      <c r="BA1365" s="93"/>
      <c r="BB1365" s="93"/>
      <c r="BC1365" s="93"/>
      <c r="BD1365" s="93"/>
      <c r="BE1365" s="93"/>
      <c r="BF1365" s="93"/>
      <c r="BG1365" s="93"/>
      <c r="BH1365" s="93"/>
      <c r="BI1365" s="93"/>
      <c r="BJ1365" s="93"/>
      <c r="BK1365" s="93"/>
      <c r="BL1365" s="93"/>
    </row>
    <row r="1366" spans="2:64" x14ac:dyDescent="0.2">
      <c r="B1366" s="43"/>
      <c r="C1366" s="73"/>
      <c r="D1366" s="64"/>
      <c r="E1366" s="55"/>
      <c r="F1366" s="74"/>
      <c r="G1366" s="74"/>
      <c r="H1366" s="74"/>
      <c r="I1366" s="75"/>
      <c r="J1366" s="74"/>
      <c r="L1366" s="55"/>
      <c r="M1366" s="234"/>
      <c r="N1366" s="65"/>
      <c r="O1366" s="76"/>
      <c r="P1366" s="76"/>
      <c r="Q1366" s="65"/>
      <c r="R1366" s="76"/>
      <c r="S1366" s="76"/>
      <c r="T1366" s="76"/>
      <c r="U1366" s="76"/>
      <c r="V1366" s="76"/>
      <c r="W1366" s="76"/>
      <c r="X1366" s="76"/>
      <c r="Y1366" s="76"/>
      <c r="Z1366" s="76"/>
      <c r="AA1366" s="85"/>
      <c r="AB1366" s="85"/>
      <c r="AC1366" s="85"/>
      <c r="AD1366" s="85"/>
      <c r="AE1366" s="85"/>
      <c r="AF1366" s="85"/>
      <c r="AG1366" s="86"/>
      <c r="AH1366" s="85"/>
      <c r="AI1366" s="85"/>
      <c r="AJ1366" s="85"/>
      <c r="AK1366" s="85"/>
      <c r="AL1366" s="85"/>
      <c r="AM1366" s="92"/>
      <c r="AN1366" s="92"/>
      <c r="AO1366" s="92"/>
      <c r="AP1366" s="92"/>
      <c r="AQ1366" s="92"/>
      <c r="AR1366" s="92"/>
      <c r="AS1366" s="92"/>
      <c r="AT1366" s="92"/>
      <c r="AU1366" s="92"/>
      <c r="AV1366" s="92"/>
      <c r="AW1366" s="92"/>
      <c r="AX1366" s="92"/>
      <c r="AY1366" s="92"/>
      <c r="AZ1366" s="93"/>
      <c r="BA1366" s="93"/>
      <c r="BB1366" s="93"/>
      <c r="BC1366" s="93"/>
      <c r="BD1366" s="93"/>
      <c r="BE1366" s="93"/>
      <c r="BF1366" s="93"/>
      <c r="BG1366" s="93"/>
      <c r="BH1366" s="93"/>
      <c r="BI1366" s="93"/>
      <c r="BJ1366" s="93"/>
      <c r="BK1366" s="93"/>
      <c r="BL1366" s="93"/>
    </row>
    <row r="1367" spans="2:64" x14ac:dyDescent="0.2">
      <c r="B1367" s="43"/>
      <c r="C1367" s="73"/>
      <c r="D1367" s="64"/>
      <c r="E1367" s="55"/>
      <c r="F1367" s="74"/>
      <c r="G1367" s="74"/>
      <c r="H1367" s="74"/>
      <c r="I1367" s="75"/>
      <c r="J1367" s="74"/>
      <c r="L1367" s="55"/>
      <c r="M1367" s="234"/>
      <c r="N1367" s="65"/>
      <c r="O1367" s="76"/>
      <c r="P1367" s="76"/>
      <c r="Q1367" s="65"/>
      <c r="R1367" s="76"/>
      <c r="S1367" s="76"/>
      <c r="T1367" s="76"/>
      <c r="U1367" s="76"/>
      <c r="V1367" s="76"/>
      <c r="W1367" s="76"/>
      <c r="X1367" s="76"/>
      <c r="Y1367" s="76"/>
      <c r="Z1367" s="76"/>
      <c r="AA1367" s="85"/>
      <c r="AB1367" s="85"/>
      <c r="AC1367" s="85"/>
      <c r="AD1367" s="85"/>
      <c r="AE1367" s="85"/>
      <c r="AF1367" s="85"/>
      <c r="AG1367" s="86"/>
      <c r="AH1367" s="85"/>
      <c r="AI1367" s="85"/>
      <c r="AJ1367" s="85"/>
      <c r="AK1367" s="85"/>
      <c r="AL1367" s="85"/>
      <c r="AM1367" s="92"/>
      <c r="AN1367" s="92"/>
      <c r="AO1367" s="92"/>
      <c r="AP1367" s="92"/>
      <c r="AQ1367" s="92"/>
      <c r="AR1367" s="92"/>
      <c r="AS1367" s="92"/>
      <c r="AT1367" s="92"/>
      <c r="AU1367" s="92"/>
      <c r="AV1367" s="92"/>
      <c r="AW1367" s="92"/>
      <c r="AX1367" s="92"/>
      <c r="AY1367" s="92"/>
      <c r="AZ1367" s="93"/>
      <c r="BA1367" s="93"/>
      <c r="BB1367" s="93"/>
      <c r="BC1367" s="93"/>
      <c r="BD1367" s="93"/>
      <c r="BE1367" s="93"/>
      <c r="BF1367" s="93"/>
      <c r="BG1367" s="93"/>
      <c r="BH1367" s="93"/>
      <c r="BI1367" s="93"/>
      <c r="BJ1367" s="93"/>
      <c r="BK1367" s="93"/>
      <c r="BL1367" s="93"/>
    </row>
    <row r="1368" spans="2:64" x14ac:dyDescent="0.2">
      <c r="B1368" s="43"/>
      <c r="C1368" s="73"/>
      <c r="D1368" s="64"/>
      <c r="E1368" s="55"/>
      <c r="F1368" s="74"/>
      <c r="G1368" s="74"/>
      <c r="H1368" s="74"/>
      <c r="I1368" s="75"/>
      <c r="J1368" s="74"/>
      <c r="L1368" s="55"/>
      <c r="M1368" s="234"/>
      <c r="N1368" s="65"/>
      <c r="O1368" s="76"/>
      <c r="P1368" s="76"/>
      <c r="Q1368" s="65"/>
      <c r="R1368" s="76"/>
      <c r="S1368" s="76"/>
      <c r="T1368" s="76"/>
      <c r="U1368" s="76"/>
      <c r="V1368" s="76"/>
      <c r="W1368" s="76"/>
      <c r="X1368" s="76"/>
      <c r="Y1368" s="76"/>
      <c r="Z1368" s="76"/>
      <c r="AA1368" s="85"/>
      <c r="AB1368" s="85"/>
      <c r="AC1368" s="85"/>
      <c r="AD1368" s="85"/>
      <c r="AE1368" s="85"/>
      <c r="AF1368" s="85"/>
      <c r="AG1368" s="86"/>
      <c r="AH1368" s="85"/>
      <c r="AI1368" s="85"/>
      <c r="AJ1368" s="85"/>
      <c r="AK1368" s="85"/>
      <c r="AL1368" s="85"/>
      <c r="AM1368" s="92"/>
      <c r="AN1368" s="92"/>
      <c r="AO1368" s="92"/>
      <c r="AP1368" s="92"/>
      <c r="AQ1368" s="92"/>
      <c r="AR1368" s="92"/>
      <c r="AS1368" s="92"/>
      <c r="AT1368" s="92"/>
      <c r="AU1368" s="92"/>
      <c r="AV1368" s="92"/>
      <c r="AW1368" s="92"/>
      <c r="AX1368" s="92"/>
      <c r="AY1368" s="92"/>
      <c r="AZ1368" s="93"/>
      <c r="BA1368" s="93"/>
      <c r="BB1368" s="93"/>
      <c r="BC1368" s="93"/>
      <c r="BD1368" s="93"/>
      <c r="BE1368" s="93"/>
      <c r="BF1368" s="93"/>
      <c r="BG1368" s="93"/>
      <c r="BH1368" s="93"/>
      <c r="BI1368" s="93"/>
      <c r="BJ1368" s="93"/>
      <c r="BK1368" s="93"/>
      <c r="BL1368" s="93"/>
    </row>
    <row r="1369" spans="2:64" x14ac:dyDescent="0.2">
      <c r="B1369" s="43"/>
      <c r="C1369" s="73"/>
      <c r="D1369" s="64"/>
      <c r="E1369" s="55"/>
      <c r="F1369" s="74"/>
      <c r="G1369" s="74"/>
      <c r="H1369" s="74"/>
      <c r="I1369" s="75"/>
      <c r="J1369" s="74"/>
      <c r="L1369" s="55"/>
      <c r="M1369" s="234"/>
      <c r="N1369" s="65"/>
      <c r="O1369" s="76"/>
      <c r="P1369" s="76"/>
      <c r="Q1369" s="65"/>
      <c r="R1369" s="76"/>
      <c r="S1369" s="76"/>
      <c r="T1369" s="76"/>
      <c r="U1369" s="76"/>
      <c r="V1369" s="76"/>
      <c r="W1369" s="76"/>
      <c r="X1369" s="76"/>
      <c r="Y1369" s="76"/>
      <c r="Z1369" s="76"/>
      <c r="AA1369" s="85"/>
      <c r="AB1369" s="85"/>
      <c r="AC1369" s="85"/>
      <c r="AD1369" s="85"/>
      <c r="AE1369" s="85"/>
      <c r="AF1369" s="85"/>
      <c r="AG1369" s="86"/>
      <c r="AH1369" s="85"/>
      <c r="AI1369" s="85"/>
      <c r="AJ1369" s="85"/>
      <c r="AK1369" s="85"/>
      <c r="AL1369" s="85"/>
      <c r="AM1369" s="92"/>
      <c r="AN1369" s="92"/>
      <c r="AO1369" s="92"/>
      <c r="AP1369" s="92"/>
      <c r="AQ1369" s="92"/>
      <c r="AR1369" s="92"/>
      <c r="AS1369" s="92"/>
      <c r="AT1369" s="92"/>
      <c r="AU1369" s="92"/>
      <c r="AV1369" s="92"/>
      <c r="AW1369" s="92"/>
      <c r="AX1369" s="92"/>
      <c r="AY1369" s="92"/>
      <c r="AZ1369" s="93"/>
      <c r="BA1369" s="93"/>
      <c r="BB1369" s="93"/>
      <c r="BC1369" s="93"/>
      <c r="BD1369" s="93"/>
      <c r="BE1369" s="93"/>
      <c r="BF1369" s="93"/>
      <c r="BG1369" s="93"/>
      <c r="BH1369" s="93"/>
      <c r="BI1369" s="93"/>
      <c r="BJ1369" s="93"/>
      <c r="BK1369" s="93"/>
      <c r="BL1369" s="93"/>
    </row>
    <row r="1370" spans="2:64" x14ac:dyDescent="0.2">
      <c r="B1370" s="43"/>
      <c r="C1370" s="73"/>
      <c r="D1370" s="64"/>
      <c r="E1370" s="55"/>
      <c r="F1370" s="74"/>
      <c r="G1370" s="74"/>
      <c r="H1370" s="74"/>
      <c r="I1370" s="75"/>
      <c r="J1370" s="74"/>
      <c r="L1370" s="55"/>
      <c r="M1370" s="234"/>
      <c r="N1370" s="65"/>
      <c r="O1370" s="76"/>
      <c r="P1370" s="76"/>
      <c r="Q1370" s="65"/>
      <c r="R1370" s="76"/>
      <c r="S1370" s="76"/>
      <c r="T1370" s="76"/>
      <c r="U1370" s="76"/>
      <c r="V1370" s="76"/>
      <c r="W1370" s="76"/>
      <c r="X1370" s="76"/>
      <c r="Y1370" s="76"/>
      <c r="Z1370" s="76"/>
      <c r="AA1370" s="85"/>
      <c r="AB1370" s="85"/>
      <c r="AC1370" s="85"/>
      <c r="AD1370" s="85"/>
      <c r="AE1370" s="85"/>
      <c r="AF1370" s="85"/>
      <c r="AG1370" s="86"/>
      <c r="AH1370" s="85"/>
      <c r="AI1370" s="85"/>
      <c r="AJ1370" s="85"/>
      <c r="AK1370" s="85"/>
      <c r="AL1370" s="85"/>
      <c r="AM1370" s="92"/>
      <c r="AN1370" s="92"/>
      <c r="AO1370" s="92"/>
      <c r="AP1370" s="92"/>
      <c r="AQ1370" s="92"/>
      <c r="AR1370" s="92"/>
      <c r="AS1370" s="92"/>
      <c r="AT1370" s="92"/>
      <c r="AU1370" s="92"/>
      <c r="AV1370" s="92"/>
      <c r="AW1370" s="92"/>
      <c r="AX1370" s="92"/>
      <c r="AY1370" s="92"/>
      <c r="AZ1370" s="93"/>
      <c r="BA1370" s="93"/>
      <c r="BB1370" s="93"/>
      <c r="BC1370" s="93"/>
      <c r="BD1370" s="93"/>
      <c r="BE1370" s="93"/>
      <c r="BF1370" s="93"/>
      <c r="BG1370" s="93"/>
      <c r="BH1370" s="93"/>
      <c r="BI1370" s="93"/>
      <c r="BJ1370" s="93"/>
      <c r="BK1370" s="93"/>
      <c r="BL1370" s="93"/>
    </row>
    <row r="1371" spans="2:64" x14ac:dyDescent="0.2">
      <c r="B1371" s="43"/>
      <c r="C1371" s="73"/>
      <c r="D1371" s="64"/>
      <c r="E1371" s="55"/>
      <c r="F1371" s="74"/>
      <c r="G1371" s="74"/>
      <c r="H1371" s="74"/>
      <c r="I1371" s="75"/>
      <c r="J1371" s="74"/>
      <c r="L1371" s="55"/>
      <c r="M1371" s="234"/>
      <c r="N1371" s="65"/>
      <c r="O1371" s="76"/>
      <c r="P1371" s="76"/>
      <c r="Q1371" s="65"/>
      <c r="R1371" s="76"/>
      <c r="S1371" s="76"/>
      <c r="T1371" s="76"/>
      <c r="U1371" s="76"/>
      <c r="V1371" s="76"/>
      <c r="W1371" s="76"/>
      <c r="X1371" s="76"/>
      <c r="Y1371" s="76"/>
      <c r="Z1371" s="76"/>
      <c r="AA1371" s="85"/>
      <c r="AB1371" s="85"/>
      <c r="AC1371" s="85"/>
      <c r="AD1371" s="85"/>
      <c r="AE1371" s="85"/>
      <c r="AF1371" s="85"/>
      <c r="AG1371" s="86"/>
      <c r="AH1371" s="85"/>
      <c r="AI1371" s="85"/>
      <c r="AJ1371" s="85"/>
      <c r="AK1371" s="85"/>
      <c r="AL1371" s="85"/>
      <c r="AM1371" s="92"/>
      <c r="AN1371" s="92"/>
      <c r="AO1371" s="92"/>
      <c r="AP1371" s="92"/>
      <c r="AQ1371" s="92"/>
      <c r="AR1371" s="92"/>
      <c r="AS1371" s="92"/>
      <c r="AT1371" s="92"/>
      <c r="AU1371" s="92"/>
      <c r="AV1371" s="92"/>
      <c r="AW1371" s="92"/>
      <c r="AX1371" s="92"/>
      <c r="AY1371" s="92"/>
      <c r="AZ1371" s="93"/>
      <c r="BA1371" s="93"/>
      <c r="BB1371" s="93"/>
      <c r="BC1371" s="93"/>
      <c r="BD1371" s="93"/>
      <c r="BE1371" s="93"/>
      <c r="BF1371" s="93"/>
      <c r="BG1371" s="93"/>
      <c r="BH1371" s="93"/>
      <c r="BI1371" s="93"/>
      <c r="BJ1371" s="93"/>
      <c r="BK1371" s="93"/>
      <c r="BL1371" s="93"/>
    </row>
    <row r="1372" spans="2:64" x14ac:dyDescent="0.2">
      <c r="B1372" s="43"/>
      <c r="C1372" s="73"/>
      <c r="D1372" s="64"/>
      <c r="E1372" s="55"/>
      <c r="F1372" s="74"/>
      <c r="G1372" s="74"/>
      <c r="H1372" s="74"/>
      <c r="I1372" s="75"/>
      <c r="J1372" s="74"/>
      <c r="L1372" s="55"/>
      <c r="M1372" s="234"/>
      <c r="N1372" s="65"/>
      <c r="O1372" s="76"/>
      <c r="P1372" s="76"/>
      <c r="Q1372" s="65"/>
      <c r="R1372" s="76"/>
      <c r="S1372" s="76"/>
      <c r="T1372" s="76"/>
      <c r="U1372" s="76"/>
      <c r="V1372" s="76"/>
      <c r="W1372" s="76"/>
      <c r="X1372" s="76"/>
      <c r="Y1372" s="76"/>
      <c r="Z1372" s="76"/>
      <c r="AA1372" s="85"/>
      <c r="AB1372" s="85"/>
      <c r="AC1372" s="85"/>
      <c r="AD1372" s="85"/>
      <c r="AE1372" s="85"/>
      <c r="AF1372" s="85"/>
      <c r="AG1372" s="86"/>
      <c r="AH1372" s="85"/>
      <c r="AI1372" s="85"/>
      <c r="AJ1372" s="85"/>
      <c r="AK1372" s="85"/>
      <c r="AL1372" s="85"/>
      <c r="AM1372" s="92"/>
      <c r="AN1372" s="92"/>
      <c r="AO1372" s="92"/>
      <c r="AP1372" s="92"/>
      <c r="AQ1372" s="92"/>
      <c r="AR1372" s="92"/>
      <c r="AS1372" s="92"/>
      <c r="AT1372" s="92"/>
      <c r="AU1372" s="92"/>
      <c r="AV1372" s="92"/>
      <c r="AW1372" s="92"/>
      <c r="AX1372" s="92"/>
      <c r="AY1372" s="92"/>
      <c r="AZ1372" s="93"/>
      <c r="BA1372" s="93"/>
      <c r="BB1372" s="93"/>
      <c r="BC1372" s="93"/>
      <c r="BD1372" s="93"/>
      <c r="BE1372" s="93"/>
      <c r="BF1372" s="93"/>
      <c r="BG1372" s="93"/>
      <c r="BH1372" s="93"/>
      <c r="BI1372" s="93"/>
      <c r="BJ1372" s="93"/>
      <c r="BK1372" s="93"/>
      <c r="BL1372" s="93"/>
    </row>
    <row r="1373" spans="2:64" x14ac:dyDescent="0.2">
      <c r="B1373" s="43"/>
      <c r="C1373" s="73"/>
      <c r="D1373" s="64"/>
      <c r="E1373" s="55"/>
      <c r="F1373" s="74"/>
      <c r="G1373" s="74"/>
      <c r="H1373" s="74"/>
      <c r="I1373" s="75"/>
      <c r="J1373" s="74"/>
      <c r="L1373" s="55"/>
      <c r="M1373" s="234"/>
      <c r="N1373" s="65"/>
      <c r="O1373" s="76"/>
      <c r="P1373" s="76"/>
      <c r="Q1373" s="65"/>
      <c r="R1373" s="76"/>
      <c r="S1373" s="76"/>
      <c r="T1373" s="76"/>
      <c r="U1373" s="76"/>
      <c r="V1373" s="76"/>
      <c r="W1373" s="76"/>
      <c r="X1373" s="76"/>
      <c r="Y1373" s="76"/>
      <c r="Z1373" s="76"/>
      <c r="AA1373" s="85"/>
      <c r="AB1373" s="85"/>
      <c r="AC1373" s="85"/>
      <c r="AD1373" s="85"/>
      <c r="AE1373" s="85"/>
      <c r="AF1373" s="85"/>
      <c r="AG1373" s="86"/>
      <c r="AH1373" s="85"/>
      <c r="AI1373" s="85"/>
      <c r="AJ1373" s="85"/>
      <c r="AK1373" s="85"/>
      <c r="AL1373" s="85"/>
      <c r="AM1373" s="92"/>
      <c r="AN1373" s="92"/>
      <c r="AO1373" s="92"/>
      <c r="AP1373" s="92"/>
      <c r="AQ1373" s="92"/>
      <c r="AR1373" s="92"/>
      <c r="AS1373" s="92"/>
      <c r="AT1373" s="92"/>
      <c r="AU1373" s="92"/>
      <c r="AV1373" s="92"/>
      <c r="AW1373" s="92"/>
      <c r="AX1373" s="92"/>
      <c r="AY1373" s="92"/>
      <c r="AZ1373" s="93"/>
      <c r="BA1373" s="93"/>
      <c r="BB1373" s="93"/>
      <c r="BC1373" s="93"/>
      <c r="BD1373" s="93"/>
      <c r="BE1373" s="93"/>
      <c r="BF1373" s="93"/>
      <c r="BG1373" s="93"/>
      <c r="BH1373" s="93"/>
      <c r="BI1373" s="93"/>
      <c r="BJ1373" s="93"/>
      <c r="BK1373" s="93"/>
      <c r="BL1373" s="93"/>
    </row>
    <row r="1374" spans="2:64" x14ac:dyDescent="0.2">
      <c r="B1374" s="43"/>
      <c r="C1374" s="73"/>
      <c r="D1374" s="64"/>
      <c r="E1374" s="55"/>
      <c r="F1374" s="74"/>
      <c r="G1374" s="74"/>
      <c r="H1374" s="74"/>
      <c r="I1374" s="75"/>
      <c r="J1374" s="74"/>
      <c r="L1374" s="55"/>
      <c r="M1374" s="234"/>
      <c r="N1374" s="65"/>
      <c r="O1374" s="76"/>
      <c r="P1374" s="76"/>
      <c r="Q1374" s="65"/>
      <c r="R1374" s="76"/>
      <c r="S1374" s="76"/>
      <c r="T1374" s="76"/>
      <c r="U1374" s="76"/>
      <c r="V1374" s="76"/>
      <c r="W1374" s="76"/>
      <c r="X1374" s="76"/>
      <c r="Y1374" s="76"/>
      <c r="Z1374" s="76"/>
      <c r="AA1374" s="85"/>
      <c r="AB1374" s="85"/>
      <c r="AC1374" s="85"/>
      <c r="AD1374" s="85"/>
      <c r="AE1374" s="85"/>
      <c r="AF1374" s="85"/>
      <c r="AG1374" s="86"/>
      <c r="AH1374" s="85"/>
      <c r="AI1374" s="85"/>
      <c r="AJ1374" s="85"/>
      <c r="AK1374" s="85"/>
      <c r="AL1374" s="85"/>
      <c r="AM1374" s="92"/>
      <c r="AN1374" s="92"/>
      <c r="AO1374" s="92"/>
      <c r="AP1374" s="92"/>
      <c r="AQ1374" s="92"/>
      <c r="AR1374" s="92"/>
      <c r="AS1374" s="92"/>
      <c r="AT1374" s="92"/>
      <c r="AU1374" s="92"/>
      <c r="AV1374" s="92"/>
      <c r="AW1374" s="92"/>
      <c r="AX1374" s="92"/>
      <c r="AY1374" s="92"/>
      <c r="AZ1374" s="93"/>
      <c r="BA1374" s="93"/>
      <c r="BB1374" s="93"/>
      <c r="BC1374" s="93"/>
      <c r="BD1374" s="93"/>
      <c r="BE1374" s="93"/>
      <c r="BF1374" s="93"/>
      <c r="BG1374" s="93"/>
      <c r="BH1374" s="93"/>
      <c r="BI1374" s="93"/>
      <c r="BJ1374" s="93"/>
      <c r="BK1374" s="93"/>
      <c r="BL1374" s="93"/>
    </row>
    <row r="1375" spans="2:64" x14ac:dyDescent="0.2">
      <c r="B1375" s="43"/>
      <c r="C1375" s="73"/>
      <c r="D1375" s="64"/>
      <c r="E1375" s="55"/>
      <c r="F1375" s="74"/>
      <c r="G1375" s="74"/>
      <c r="H1375" s="74"/>
      <c r="I1375" s="75"/>
      <c r="J1375" s="74"/>
      <c r="L1375" s="55"/>
      <c r="M1375" s="234"/>
      <c r="N1375" s="65"/>
      <c r="O1375" s="76"/>
      <c r="P1375" s="76"/>
      <c r="Q1375" s="65"/>
      <c r="R1375" s="76"/>
      <c r="S1375" s="76"/>
      <c r="T1375" s="76"/>
      <c r="U1375" s="76"/>
      <c r="V1375" s="76"/>
      <c r="W1375" s="76"/>
      <c r="X1375" s="76"/>
      <c r="Y1375" s="76"/>
      <c r="Z1375" s="76"/>
      <c r="AA1375" s="85"/>
      <c r="AB1375" s="85"/>
      <c r="AC1375" s="85"/>
      <c r="AD1375" s="85"/>
      <c r="AE1375" s="85"/>
      <c r="AF1375" s="85"/>
      <c r="AG1375" s="86"/>
      <c r="AH1375" s="85"/>
      <c r="AI1375" s="85"/>
      <c r="AJ1375" s="85"/>
      <c r="AK1375" s="85"/>
      <c r="AL1375" s="85"/>
      <c r="AM1375" s="92"/>
      <c r="AN1375" s="92"/>
      <c r="AO1375" s="92"/>
      <c r="AP1375" s="92"/>
      <c r="AQ1375" s="92"/>
      <c r="AR1375" s="92"/>
      <c r="AS1375" s="92"/>
      <c r="AT1375" s="92"/>
      <c r="AU1375" s="92"/>
      <c r="AV1375" s="92"/>
      <c r="AW1375" s="92"/>
      <c r="AX1375" s="92"/>
      <c r="AY1375" s="92"/>
      <c r="AZ1375" s="93"/>
      <c r="BA1375" s="93"/>
      <c r="BB1375" s="93"/>
      <c r="BC1375" s="93"/>
      <c r="BD1375" s="93"/>
      <c r="BE1375" s="93"/>
      <c r="BF1375" s="93"/>
      <c r="BG1375" s="93"/>
      <c r="BH1375" s="93"/>
      <c r="BI1375" s="93"/>
      <c r="BJ1375" s="93"/>
      <c r="BK1375" s="93"/>
      <c r="BL1375" s="93"/>
    </row>
    <row r="1376" spans="2:64" x14ac:dyDescent="0.2">
      <c r="B1376" s="43"/>
      <c r="C1376" s="73"/>
      <c r="D1376" s="64"/>
      <c r="E1376" s="55"/>
      <c r="F1376" s="74"/>
      <c r="G1376" s="74"/>
      <c r="H1376" s="74"/>
      <c r="I1376" s="75"/>
      <c r="J1376" s="74"/>
      <c r="L1376" s="55"/>
      <c r="M1376" s="234"/>
      <c r="N1376" s="65"/>
      <c r="O1376" s="76"/>
      <c r="P1376" s="76"/>
      <c r="Q1376" s="65"/>
      <c r="R1376" s="76"/>
      <c r="S1376" s="76"/>
      <c r="T1376" s="76"/>
      <c r="U1376" s="76"/>
      <c r="V1376" s="76"/>
      <c r="W1376" s="76"/>
      <c r="X1376" s="76"/>
      <c r="Y1376" s="76"/>
      <c r="Z1376" s="76"/>
      <c r="AA1376" s="85"/>
      <c r="AB1376" s="85"/>
      <c r="AC1376" s="85"/>
      <c r="AD1376" s="85"/>
      <c r="AE1376" s="85"/>
      <c r="AF1376" s="85"/>
      <c r="AG1376" s="86"/>
      <c r="AH1376" s="85"/>
      <c r="AI1376" s="85"/>
      <c r="AJ1376" s="85"/>
      <c r="AK1376" s="85"/>
      <c r="AL1376" s="85"/>
      <c r="AM1376" s="92"/>
      <c r="AN1376" s="92"/>
      <c r="AO1376" s="92"/>
      <c r="AP1376" s="92"/>
      <c r="AQ1376" s="92"/>
      <c r="AR1376" s="92"/>
      <c r="AS1376" s="92"/>
      <c r="AT1376" s="92"/>
      <c r="AU1376" s="92"/>
      <c r="AV1376" s="92"/>
      <c r="AW1376" s="92"/>
      <c r="AX1376" s="92"/>
      <c r="AY1376" s="92"/>
      <c r="AZ1376" s="93"/>
      <c r="BA1376" s="93"/>
      <c r="BB1376" s="93"/>
      <c r="BC1376" s="93"/>
      <c r="BD1376" s="93"/>
      <c r="BE1376" s="93"/>
      <c r="BF1376" s="93"/>
      <c r="BG1376" s="93"/>
      <c r="BH1376" s="93"/>
      <c r="BI1376" s="93"/>
      <c r="BJ1376" s="93"/>
      <c r="BK1376" s="93"/>
      <c r="BL1376" s="93"/>
    </row>
    <row r="1377" spans="2:64" x14ac:dyDescent="0.2">
      <c r="B1377" s="43"/>
      <c r="C1377" s="73"/>
      <c r="D1377" s="64"/>
      <c r="E1377" s="55"/>
      <c r="F1377" s="74"/>
      <c r="G1377" s="74"/>
      <c r="H1377" s="74"/>
      <c r="I1377" s="75"/>
      <c r="J1377" s="74"/>
      <c r="L1377" s="55"/>
      <c r="M1377" s="234"/>
      <c r="N1377" s="65"/>
      <c r="O1377" s="76"/>
      <c r="P1377" s="76"/>
      <c r="Q1377" s="65"/>
      <c r="R1377" s="76"/>
      <c r="S1377" s="76"/>
      <c r="T1377" s="76"/>
      <c r="U1377" s="76"/>
      <c r="V1377" s="76"/>
      <c r="W1377" s="76"/>
      <c r="X1377" s="76"/>
      <c r="Y1377" s="76"/>
      <c r="Z1377" s="76"/>
      <c r="AA1377" s="85"/>
      <c r="AB1377" s="85"/>
      <c r="AC1377" s="85"/>
      <c r="AD1377" s="85"/>
      <c r="AE1377" s="85"/>
      <c r="AF1377" s="85"/>
      <c r="AG1377" s="86"/>
      <c r="AH1377" s="85"/>
      <c r="AI1377" s="85"/>
      <c r="AJ1377" s="85"/>
      <c r="AK1377" s="85"/>
      <c r="AL1377" s="85"/>
      <c r="AM1377" s="92"/>
      <c r="AN1377" s="92"/>
      <c r="AO1377" s="92"/>
      <c r="AP1377" s="92"/>
      <c r="AQ1377" s="92"/>
      <c r="AR1377" s="92"/>
      <c r="AS1377" s="92"/>
      <c r="AT1377" s="92"/>
      <c r="AU1377" s="92"/>
      <c r="AV1377" s="92"/>
      <c r="AW1377" s="92"/>
      <c r="AX1377" s="92"/>
      <c r="AY1377" s="92"/>
      <c r="AZ1377" s="93"/>
      <c r="BA1377" s="93"/>
      <c r="BB1377" s="93"/>
      <c r="BC1377" s="93"/>
      <c r="BD1377" s="93"/>
      <c r="BE1377" s="93"/>
      <c r="BF1377" s="93"/>
      <c r="BG1377" s="93"/>
      <c r="BH1377" s="93"/>
      <c r="BI1377" s="93"/>
      <c r="BJ1377" s="93"/>
      <c r="BK1377" s="93"/>
      <c r="BL1377" s="93"/>
    </row>
    <row r="1378" spans="2:64" x14ac:dyDescent="0.2">
      <c r="B1378" s="43"/>
      <c r="C1378" s="73"/>
      <c r="D1378" s="64"/>
      <c r="E1378" s="55"/>
      <c r="F1378" s="74"/>
      <c r="G1378" s="74"/>
      <c r="H1378" s="74"/>
      <c r="I1378" s="75"/>
      <c r="J1378" s="74"/>
      <c r="L1378" s="55"/>
      <c r="M1378" s="234"/>
      <c r="N1378" s="65"/>
      <c r="O1378" s="76"/>
      <c r="P1378" s="76"/>
      <c r="Q1378" s="65"/>
      <c r="R1378" s="76"/>
      <c r="S1378" s="76"/>
      <c r="T1378" s="76"/>
      <c r="U1378" s="76"/>
      <c r="V1378" s="76"/>
      <c r="W1378" s="76"/>
      <c r="X1378" s="76"/>
      <c r="Y1378" s="76"/>
      <c r="Z1378" s="76"/>
      <c r="AA1378" s="85"/>
      <c r="AB1378" s="85"/>
      <c r="AC1378" s="85"/>
      <c r="AD1378" s="85"/>
      <c r="AE1378" s="85"/>
      <c r="AF1378" s="85"/>
      <c r="AG1378" s="86"/>
      <c r="AH1378" s="85"/>
      <c r="AI1378" s="85"/>
      <c r="AJ1378" s="85"/>
      <c r="AK1378" s="85"/>
      <c r="AL1378" s="85"/>
      <c r="AM1378" s="92"/>
      <c r="AN1378" s="92"/>
      <c r="AO1378" s="92"/>
      <c r="AP1378" s="92"/>
      <c r="AQ1378" s="92"/>
      <c r="AR1378" s="92"/>
      <c r="AS1378" s="92"/>
      <c r="AT1378" s="92"/>
      <c r="AU1378" s="92"/>
      <c r="AV1378" s="92"/>
      <c r="AW1378" s="92"/>
      <c r="AX1378" s="92"/>
      <c r="AY1378" s="92"/>
      <c r="AZ1378" s="93"/>
      <c r="BA1378" s="93"/>
      <c r="BB1378" s="93"/>
      <c r="BC1378" s="93"/>
      <c r="BD1378" s="93"/>
      <c r="BE1378" s="93"/>
      <c r="BF1378" s="93"/>
      <c r="BG1378" s="93"/>
      <c r="BH1378" s="93"/>
      <c r="BI1378" s="93"/>
      <c r="BJ1378" s="93"/>
      <c r="BK1378" s="93"/>
      <c r="BL1378" s="93"/>
    </row>
    <row r="1379" spans="2:64" x14ac:dyDescent="0.2">
      <c r="B1379" s="43"/>
      <c r="C1379" s="73"/>
      <c r="D1379" s="64"/>
      <c r="E1379" s="55"/>
      <c r="F1379" s="74"/>
      <c r="G1379" s="74"/>
      <c r="H1379" s="74"/>
      <c r="I1379" s="75"/>
      <c r="J1379" s="74"/>
      <c r="L1379" s="55"/>
      <c r="M1379" s="234"/>
      <c r="N1379" s="65"/>
      <c r="O1379" s="76"/>
      <c r="P1379" s="76"/>
      <c r="Q1379" s="65"/>
      <c r="R1379" s="76"/>
      <c r="S1379" s="76"/>
      <c r="T1379" s="76"/>
      <c r="U1379" s="76"/>
      <c r="V1379" s="76"/>
      <c r="W1379" s="76"/>
      <c r="X1379" s="76"/>
      <c r="Y1379" s="76"/>
      <c r="Z1379" s="76"/>
      <c r="AA1379" s="85"/>
      <c r="AB1379" s="85"/>
      <c r="AC1379" s="85"/>
      <c r="AD1379" s="85"/>
      <c r="AE1379" s="85"/>
      <c r="AF1379" s="85"/>
      <c r="AG1379" s="86"/>
      <c r="AH1379" s="85"/>
      <c r="AI1379" s="85"/>
      <c r="AJ1379" s="85"/>
      <c r="AK1379" s="85"/>
      <c r="AL1379" s="85"/>
      <c r="AM1379" s="92"/>
      <c r="AN1379" s="92"/>
      <c r="AO1379" s="92"/>
      <c r="AP1379" s="92"/>
      <c r="AQ1379" s="92"/>
      <c r="AR1379" s="92"/>
      <c r="AS1379" s="92"/>
      <c r="AT1379" s="92"/>
      <c r="AU1379" s="92"/>
      <c r="AV1379" s="92"/>
      <c r="AW1379" s="92"/>
      <c r="AX1379" s="92"/>
      <c r="AY1379" s="92"/>
      <c r="AZ1379" s="93"/>
      <c r="BA1379" s="93"/>
      <c r="BB1379" s="93"/>
      <c r="BC1379" s="93"/>
      <c r="BD1379" s="93"/>
      <c r="BE1379" s="93"/>
      <c r="BF1379" s="93"/>
      <c r="BG1379" s="93"/>
      <c r="BH1379" s="93"/>
      <c r="BI1379" s="93"/>
      <c r="BJ1379" s="93"/>
      <c r="BK1379" s="93"/>
      <c r="BL1379" s="93"/>
    </row>
    <row r="1380" spans="2:64" x14ac:dyDescent="0.2">
      <c r="B1380" s="43"/>
      <c r="C1380" s="73"/>
      <c r="D1380" s="64"/>
      <c r="E1380" s="55"/>
      <c r="F1380" s="74"/>
      <c r="G1380" s="74"/>
      <c r="H1380" s="74"/>
      <c r="I1380" s="75"/>
      <c r="J1380" s="74"/>
      <c r="L1380" s="55"/>
      <c r="M1380" s="234"/>
      <c r="N1380" s="65"/>
      <c r="O1380" s="76"/>
      <c r="P1380" s="76"/>
      <c r="Q1380" s="65"/>
      <c r="R1380" s="76"/>
      <c r="S1380" s="76"/>
      <c r="T1380" s="76"/>
      <c r="U1380" s="76"/>
      <c r="V1380" s="76"/>
      <c r="W1380" s="76"/>
      <c r="X1380" s="76"/>
      <c r="Y1380" s="76"/>
      <c r="Z1380" s="76"/>
      <c r="AA1380" s="85"/>
      <c r="AB1380" s="85"/>
      <c r="AC1380" s="85"/>
      <c r="AD1380" s="85"/>
      <c r="AE1380" s="85"/>
      <c r="AF1380" s="85"/>
      <c r="AG1380" s="86"/>
      <c r="AH1380" s="85"/>
      <c r="AI1380" s="85"/>
      <c r="AJ1380" s="85"/>
      <c r="AK1380" s="85"/>
      <c r="AL1380" s="85"/>
      <c r="AM1380" s="92"/>
      <c r="AN1380" s="92"/>
      <c r="AO1380" s="92"/>
      <c r="AP1380" s="92"/>
      <c r="AQ1380" s="92"/>
      <c r="AR1380" s="92"/>
      <c r="AS1380" s="92"/>
      <c r="AT1380" s="92"/>
      <c r="AU1380" s="92"/>
      <c r="AV1380" s="92"/>
      <c r="AW1380" s="92"/>
      <c r="AX1380" s="92"/>
      <c r="AY1380" s="92"/>
      <c r="AZ1380" s="93"/>
      <c r="BA1380" s="93"/>
      <c r="BB1380" s="93"/>
      <c r="BC1380" s="93"/>
      <c r="BD1380" s="93"/>
      <c r="BE1380" s="93"/>
      <c r="BF1380" s="93"/>
      <c r="BG1380" s="93"/>
      <c r="BH1380" s="93"/>
      <c r="BI1380" s="93"/>
      <c r="BJ1380" s="93"/>
      <c r="BK1380" s="93"/>
      <c r="BL1380" s="93"/>
    </row>
    <row r="1381" spans="2:64" x14ac:dyDescent="0.2">
      <c r="B1381" s="43"/>
      <c r="C1381" s="73"/>
      <c r="D1381" s="64"/>
      <c r="E1381" s="55"/>
      <c r="F1381" s="74"/>
      <c r="G1381" s="74"/>
      <c r="H1381" s="74"/>
      <c r="I1381" s="75"/>
      <c r="J1381" s="74"/>
      <c r="L1381" s="55"/>
      <c r="M1381" s="234"/>
      <c r="N1381" s="65"/>
      <c r="O1381" s="76"/>
      <c r="P1381" s="76"/>
      <c r="Q1381" s="65"/>
      <c r="R1381" s="76"/>
      <c r="S1381" s="76"/>
      <c r="T1381" s="76"/>
      <c r="U1381" s="76"/>
      <c r="V1381" s="76"/>
      <c r="W1381" s="76"/>
      <c r="X1381" s="76"/>
      <c r="Y1381" s="76"/>
      <c r="Z1381" s="76"/>
      <c r="AA1381" s="85"/>
      <c r="AB1381" s="85"/>
      <c r="AC1381" s="85"/>
      <c r="AD1381" s="85"/>
      <c r="AE1381" s="85"/>
      <c r="AF1381" s="85"/>
      <c r="AG1381" s="86"/>
      <c r="AH1381" s="85"/>
      <c r="AI1381" s="85"/>
      <c r="AJ1381" s="85"/>
      <c r="AK1381" s="85"/>
      <c r="AL1381" s="85"/>
      <c r="AM1381" s="92"/>
      <c r="AN1381" s="92"/>
      <c r="AO1381" s="92"/>
      <c r="AP1381" s="92"/>
      <c r="AQ1381" s="92"/>
      <c r="AR1381" s="92"/>
      <c r="AS1381" s="92"/>
      <c r="AT1381" s="92"/>
      <c r="AU1381" s="92"/>
      <c r="AV1381" s="92"/>
      <c r="AW1381" s="92"/>
      <c r="AX1381" s="92"/>
      <c r="AY1381" s="92"/>
      <c r="AZ1381" s="93"/>
      <c r="BA1381" s="93"/>
      <c r="BB1381" s="93"/>
      <c r="BC1381" s="93"/>
      <c r="BD1381" s="93"/>
      <c r="BE1381" s="93"/>
      <c r="BF1381" s="93"/>
      <c r="BG1381" s="93"/>
      <c r="BH1381" s="93"/>
      <c r="BI1381" s="93"/>
      <c r="BJ1381" s="93"/>
      <c r="BK1381" s="93"/>
      <c r="BL1381" s="93"/>
    </row>
    <row r="1382" spans="2:64" x14ac:dyDescent="0.2">
      <c r="B1382" s="43"/>
      <c r="C1382" s="73"/>
      <c r="D1382" s="64"/>
      <c r="E1382" s="55"/>
      <c r="F1382" s="74"/>
      <c r="G1382" s="74"/>
      <c r="H1382" s="74"/>
      <c r="I1382" s="75"/>
      <c r="J1382" s="74"/>
      <c r="L1382" s="55"/>
      <c r="M1382" s="234"/>
      <c r="N1382" s="65"/>
      <c r="O1382" s="76"/>
      <c r="P1382" s="76"/>
      <c r="Q1382" s="65"/>
      <c r="R1382" s="76"/>
      <c r="S1382" s="76"/>
      <c r="T1382" s="76"/>
      <c r="U1382" s="76"/>
      <c r="V1382" s="76"/>
      <c r="W1382" s="76"/>
      <c r="X1382" s="76"/>
      <c r="Y1382" s="76"/>
      <c r="Z1382" s="76"/>
      <c r="AA1382" s="85"/>
      <c r="AB1382" s="85"/>
      <c r="AC1382" s="85"/>
      <c r="AD1382" s="85"/>
      <c r="AE1382" s="85"/>
      <c r="AF1382" s="85"/>
      <c r="AG1382" s="86"/>
      <c r="AH1382" s="85"/>
      <c r="AI1382" s="85"/>
      <c r="AJ1382" s="85"/>
      <c r="AK1382" s="85"/>
      <c r="AL1382" s="85"/>
      <c r="AM1382" s="92"/>
      <c r="AN1382" s="92"/>
      <c r="AO1382" s="92"/>
      <c r="AP1382" s="92"/>
      <c r="AQ1382" s="92"/>
      <c r="AR1382" s="92"/>
      <c r="AS1382" s="92"/>
      <c r="AT1382" s="92"/>
      <c r="AU1382" s="92"/>
      <c r="AV1382" s="92"/>
      <c r="AW1382" s="92"/>
      <c r="AX1382" s="92"/>
      <c r="AY1382" s="92"/>
      <c r="AZ1382" s="93"/>
      <c r="BA1382" s="93"/>
      <c r="BB1382" s="93"/>
      <c r="BC1382" s="93"/>
      <c r="BD1382" s="93"/>
      <c r="BE1382" s="93"/>
      <c r="BF1382" s="93"/>
      <c r="BG1382" s="93"/>
      <c r="BH1382" s="93"/>
      <c r="BI1382" s="93"/>
      <c r="BJ1382" s="93"/>
      <c r="BK1382" s="93"/>
      <c r="BL1382" s="93"/>
    </row>
    <row r="1383" spans="2:64" x14ac:dyDescent="0.2">
      <c r="B1383" s="43"/>
      <c r="C1383" s="73"/>
      <c r="D1383" s="64"/>
      <c r="E1383" s="55"/>
      <c r="F1383" s="74"/>
      <c r="G1383" s="74"/>
      <c r="H1383" s="74"/>
      <c r="I1383" s="75"/>
      <c r="J1383" s="74"/>
      <c r="L1383" s="55"/>
      <c r="M1383" s="234"/>
      <c r="N1383" s="65"/>
      <c r="O1383" s="76"/>
      <c r="P1383" s="76"/>
      <c r="Q1383" s="65"/>
      <c r="R1383" s="76"/>
      <c r="S1383" s="76"/>
      <c r="T1383" s="76"/>
      <c r="U1383" s="76"/>
      <c r="V1383" s="76"/>
      <c r="W1383" s="76"/>
      <c r="X1383" s="76"/>
      <c r="Y1383" s="76"/>
      <c r="Z1383" s="76"/>
      <c r="AA1383" s="85"/>
      <c r="AB1383" s="85"/>
      <c r="AC1383" s="85"/>
      <c r="AD1383" s="85"/>
      <c r="AE1383" s="85"/>
      <c r="AF1383" s="85"/>
      <c r="AG1383" s="86"/>
      <c r="AH1383" s="85"/>
      <c r="AI1383" s="85"/>
      <c r="AJ1383" s="85"/>
      <c r="AK1383" s="85"/>
      <c r="AL1383" s="85"/>
      <c r="AM1383" s="92"/>
      <c r="AN1383" s="92"/>
      <c r="AO1383" s="92"/>
      <c r="AP1383" s="92"/>
      <c r="AQ1383" s="92"/>
      <c r="AR1383" s="92"/>
      <c r="AS1383" s="92"/>
      <c r="AT1383" s="92"/>
      <c r="AU1383" s="92"/>
      <c r="AV1383" s="92"/>
      <c r="AW1383" s="92"/>
      <c r="AX1383" s="92"/>
      <c r="AY1383" s="92"/>
      <c r="AZ1383" s="93"/>
      <c r="BA1383" s="93"/>
      <c r="BB1383" s="93"/>
      <c r="BC1383" s="93"/>
      <c r="BD1383" s="93"/>
      <c r="BE1383" s="93"/>
      <c r="BF1383" s="93"/>
      <c r="BG1383" s="93"/>
      <c r="BH1383" s="93"/>
      <c r="BI1383" s="93"/>
      <c r="BJ1383" s="93"/>
      <c r="BK1383" s="93"/>
      <c r="BL1383" s="93"/>
    </row>
    <row r="1384" spans="2:64" x14ac:dyDescent="0.2">
      <c r="B1384" s="43"/>
      <c r="C1384" s="73"/>
      <c r="D1384" s="64"/>
      <c r="E1384" s="55"/>
      <c r="F1384" s="74"/>
      <c r="G1384" s="74"/>
      <c r="H1384" s="74"/>
      <c r="I1384" s="75"/>
      <c r="J1384" s="74"/>
      <c r="L1384" s="55"/>
      <c r="M1384" s="234"/>
      <c r="N1384" s="65"/>
      <c r="O1384" s="76"/>
      <c r="P1384" s="76"/>
      <c r="Q1384" s="65"/>
      <c r="R1384" s="76"/>
      <c r="S1384" s="76"/>
      <c r="T1384" s="76"/>
      <c r="U1384" s="76"/>
      <c r="V1384" s="76"/>
      <c r="W1384" s="76"/>
      <c r="X1384" s="76"/>
      <c r="Y1384" s="76"/>
      <c r="Z1384" s="76"/>
      <c r="AA1384" s="85"/>
      <c r="AB1384" s="85"/>
      <c r="AC1384" s="85"/>
      <c r="AD1384" s="85"/>
      <c r="AE1384" s="85"/>
      <c r="AF1384" s="85"/>
      <c r="AG1384" s="86"/>
      <c r="AH1384" s="85"/>
      <c r="AI1384" s="85"/>
      <c r="AJ1384" s="85"/>
      <c r="AK1384" s="85"/>
      <c r="AL1384" s="85"/>
      <c r="AM1384" s="92"/>
      <c r="AN1384" s="92"/>
      <c r="AO1384" s="92"/>
      <c r="AP1384" s="92"/>
      <c r="AQ1384" s="92"/>
      <c r="AR1384" s="92"/>
      <c r="AS1384" s="92"/>
      <c r="AT1384" s="92"/>
      <c r="AU1384" s="92"/>
      <c r="AV1384" s="92"/>
      <c r="AW1384" s="92"/>
      <c r="AX1384" s="92"/>
      <c r="AY1384" s="92"/>
      <c r="AZ1384" s="93"/>
      <c r="BA1384" s="93"/>
      <c r="BB1384" s="93"/>
      <c r="BC1384" s="93"/>
      <c r="BD1384" s="93"/>
      <c r="BE1384" s="93"/>
      <c r="BF1384" s="93"/>
      <c r="BG1384" s="93"/>
      <c r="BH1384" s="93"/>
      <c r="BI1384" s="93"/>
      <c r="BJ1384" s="93"/>
      <c r="BK1384" s="93"/>
      <c r="BL1384" s="93"/>
    </row>
    <row r="1385" spans="2:64" x14ac:dyDescent="0.2">
      <c r="B1385" s="43"/>
      <c r="C1385" s="73"/>
      <c r="D1385" s="64"/>
      <c r="E1385" s="55"/>
      <c r="F1385" s="74"/>
      <c r="G1385" s="74"/>
      <c r="H1385" s="74"/>
      <c r="I1385" s="75"/>
      <c r="J1385" s="74"/>
      <c r="L1385" s="55"/>
      <c r="M1385" s="234"/>
      <c r="N1385" s="65"/>
      <c r="O1385" s="76"/>
      <c r="P1385" s="76"/>
      <c r="Q1385" s="65"/>
      <c r="R1385" s="76"/>
      <c r="S1385" s="76"/>
      <c r="T1385" s="76"/>
      <c r="U1385" s="76"/>
      <c r="V1385" s="76"/>
      <c r="W1385" s="76"/>
      <c r="X1385" s="76"/>
      <c r="Y1385" s="76"/>
      <c r="Z1385" s="76"/>
      <c r="AA1385" s="85"/>
      <c r="AB1385" s="85"/>
      <c r="AC1385" s="85"/>
      <c r="AD1385" s="85"/>
      <c r="AE1385" s="85"/>
      <c r="AF1385" s="85"/>
      <c r="AG1385" s="86"/>
      <c r="AH1385" s="85"/>
      <c r="AI1385" s="85"/>
      <c r="AJ1385" s="85"/>
      <c r="AK1385" s="85"/>
      <c r="AL1385" s="85"/>
      <c r="AM1385" s="92"/>
      <c r="AN1385" s="92"/>
      <c r="AO1385" s="92"/>
      <c r="AP1385" s="92"/>
      <c r="AQ1385" s="92"/>
      <c r="AR1385" s="92"/>
      <c r="AS1385" s="92"/>
      <c r="AT1385" s="92"/>
      <c r="AU1385" s="92"/>
      <c r="AV1385" s="92"/>
      <c r="AW1385" s="92"/>
      <c r="AX1385" s="92"/>
      <c r="AY1385" s="92"/>
      <c r="AZ1385" s="93"/>
      <c r="BA1385" s="93"/>
      <c r="BB1385" s="93"/>
      <c r="BC1385" s="93"/>
      <c r="BD1385" s="93"/>
      <c r="BE1385" s="93"/>
      <c r="BF1385" s="93"/>
      <c r="BG1385" s="93"/>
      <c r="BH1385" s="93"/>
      <c r="BI1385" s="93"/>
      <c r="BJ1385" s="93"/>
      <c r="BK1385" s="93"/>
      <c r="BL1385" s="93"/>
    </row>
    <row r="1386" spans="2:64" x14ac:dyDescent="0.2">
      <c r="B1386" s="43"/>
      <c r="C1386" s="73"/>
      <c r="D1386" s="64"/>
      <c r="E1386" s="55"/>
      <c r="F1386" s="74"/>
      <c r="G1386" s="74"/>
      <c r="H1386" s="74"/>
      <c r="I1386" s="75"/>
      <c r="J1386" s="74"/>
      <c r="L1386" s="55"/>
      <c r="M1386" s="234"/>
      <c r="N1386" s="65"/>
      <c r="O1386" s="76"/>
      <c r="P1386" s="76"/>
      <c r="Q1386" s="65"/>
      <c r="R1386" s="76"/>
      <c r="S1386" s="76"/>
      <c r="T1386" s="76"/>
      <c r="U1386" s="76"/>
      <c r="V1386" s="76"/>
      <c r="W1386" s="76"/>
      <c r="X1386" s="76"/>
      <c r="Y1386" s="76"/>
      <c r="Z1386" s="76"/>
      <c r="AA1386" s="85"/>
      <c r="AB1386" s="85"/>
      <c r="AC1386" s="85"/>
      <c r="AD1386" s="85"/>
      <c r="AE1386" s="85"/>
      <c r="AF1386" s="85"/>
      <c r="AG1386" s="86"/>
      <c r="AH1386" s="85"/>
      <c r="AI1386" s="85"/>
      <c r="AJ1386" s="85"/>
      <c r="AK1386" s="85"/>
      <c r="AL1386" s="85"/>
      <c r="AM1386" s="92"/>
      <c r="AN1386" s="92"/>
      <c r="AO1386" s="92"/>
      <c r="AP1386" s="92"/>
      <c r="AQ1386" s="92"/>
      <c r="AR1386" s="92"/>
      <c r="AS1386" s="92"/>
      <c r="AT1386" s="92"/>
      <c r="AU1386" s="92"/>
      <c r="AV1386" s="92"/>
      <c r="AW1386" s="92"/>
      <c r="AX1386" s="92"/>
      <c r="AY1386" s="92"/>
      <c r="AZ1386" s="93"/>
      <c r="BA1386" s="93"/>
      <c r="BB1386" s="93"/>
      <c r="BC1386" s="93"/>
      <c r="BD1386" s="93"/>
      <c r="BE1386" s="93"/>
      <c r="BF1386" s="93"/>
      <c r="BG1386" s="93"/>
      <c r="BH1386" s="93"/>
      <c r="BI1386" s="93"/>
      <c r="BJ1386" s="93"/>
      <c r="BK1386" s="93"/>
      <c r="BL1386" s="93"/>
    </row>
    <row r="1387" spans="2:64" x14ac:dyDescent="0.2">
      <c r="B1387" s="43"/>
      <c r="C1387" s="73"/>
      <c r="D1387" s="64"/>
      <c r="E1387" s="55"/>
      <c r="F1387" s="74"/>
      <c r="G1387" s="74"/>
      <c r="H1387" s="74"/>
      <c r="I1387" s="75"/>
      <c r="J1387" s="74"/>
      <c r="L1387" s="55"/>
      <c r="M1387" s="234"/>
      <c r="N1387" s="65"/>
      <c r="O1387" s="76"/>
      <c r="P1387" s="76"/>
      <c r="Q1387" s="65"/>
      <c r="R1387" s="76"/>
      <c r="S1387" s="76"/>
      <c r="T1387" s="76"/>
      <c r="U1387" s="76"/>
      <c r="V1387" s="76"/>
      <c r="W1387" s="76"/>
      <c r="X1387" s="76"/>
      <c r="Y1387" s="76"/>
      <c r="Z1387" s="76"/>
      <c r="AA1387" s="85"/>
      <c r="AB1387" s="85"/>
      <c r="AC1387" s="85"/>
      <c r="AD1387" s="85"/>
      <c r="AE1387" s="85"/>
      <c r="AF1387" s="85"/>
      <c r="AG1387" s="86"/>
      <c r="AH1387" s="85"/>
      <c r="AI1387" s="85"/>
      <c r="AJ1387" s="85"/>
      <c r="AK1387" s="85"/>
      <c r="AL1387" s="85"/>
      <c r="AM1387" s="92"/>
      <c r="AN1387" s="92"/>
      <c r="AO1387" s="92"/>
      <c r="AP1387" s="92"/>
      <c r="AQ1387" s="92"/>
      <c r="AR1387" s="92"/>
      <c r="AS1387" s="92"/>
      <c r="AT1387" s="92"/>
      <c r="AU1387" s="92"/>
      <c r="AV1387" s="92"/>
      <c r="AW1387" s="92"/>
      <c r="AX1387" s="92"/>
      <c r="AY1387" s="92"/>
      <c r="AZ1387" s="93"/>
      <c r="BA1387" s="93"/>
      <c r="BB1387" s="93"/>
      <c r="BC1387" s="93"/>
      <c r="BD1387" s="93"/>
      <c r="BE1387" s="93"/>
      <c r="BF1387" s="93"/>
      <c r="BG1387" s="93"/>
      <c r="BH1387" s="93"/>
      <c r="BI1387" s="93"/>
      <c r="BJ1387" s="93"/>
      <c r="BK1387" s="93"/>
      <c r="BL1387" s="93"/>
    </row>
    <row r="1388" spans="2:64" x14ac:dyDescent="0.2">
      <c r="B1388" s="43"/>
      <c r="C1388" s="73"/>
      <c r="D1388" s="64"/>
      <c r="E1388" s="55"/>
      <c r="F1388" s="74"/>
      <c r="G1388" s="74"/>
      <c r="H1388" s="74"/>
      <c r="I1388" s="75"/>
      <c r="J1388" s="74"/>
      <c r="L1388" s="55"/>
      <c r="M1388" s="234"/>
      <c r="N1388" s="65"/>
      <c r="O1388" s="76"/>
      <c r="P1388" s="76"/>
      <c r="Q1388" s="65"/>
      <c r="R1388" s="76"/>
      <c r="S1388" s="76"/>
      <c r="T1388" s="76"/>
      <c r="U1388" s="76"/>
      <c r="V1388" s="76"/>
      <c r="W1388" s="76"/>
      <c r="X1388" s="76"/>
      <c r="Y1388" s="76"/>
      <c r="Z1388" s="76"/>
      <c r="AA1388" s="85"/>
      <c r="AB1388" s="85"/>
      <c r="AC1388" s="85"/>
      <c r="AD1388" s="85"/>
      <c r="AE1388" s="85"/>
      <c r="AF1388" s="85"/>
      <c r="AG1388" s="86"/>
      <c r="AH1388" s="85"/>
      <c r="AI1388" s="85"/>
      <c r="AJ1388" s="85"/>
      <c r="AK1388" s="85"/>
      <c r="AL1388" s="85"/>
      <c r="AM1388" s="92"/>
      <c r="AN1388" s="92"/>
      <c r="AO1388" s="92"/>
      <c r="AP1388" s="92"/>
      <c r="AQ1388" s="92"/>
      <c r="AR1388" s="92"/>
      <c r="AS1388" s="92"/>
      <c r="AT1388" s="92"/>
      <c r="AU1388" s="92"/>
      <c r="AV1388" s="92"/>
      <c r="AW1388" s="92"/>
      <c r="AX1388" s="92"/>
      <c r="AY1388" s="92"/>
      <c r="AZ1388" s="93"/>
      <c r="BA1388" s="93"/>
      <c r="BB1388" s="93"/>
      <c r="BC1388" s="93"/>
      <c r="BD1388" s="93"/>
      <c r="BE1388" s="93"/>
      <c r="BF1388" s="93"/>
      <c r="BG1388" s="93"/>
      <c r="BH1388" s="93"/>
      <c r="BI1388" s="93"/>
      <c r="BJ1388" s="93"/>
      <c r="BK1388" s="93"/>
      <c r="BL1388" s="93"/>
    </row>
    <row r="1389" spans="2:64" x14ac:dyDescent="0.2">
      <c r="B1389" s="43"/>
      <c r="C1389" s="73"/>
      <c r="D1389" s="64"/>
      <c r="E1389" s="55"/>
      <c r="F1389" s="74"/>
      <c r="G1389" s="74"/>
      <c r="H1389" s="74"/>
      <c r="I1389" s="75"/>
      <c r="J1389" s="74"/>
      <c r="L1389" s="55"/>
      <c r="M1389" s="234"/>
      <c r="N1389" s="65"/>
      <c r="O1389" s="76"/>
      <c r="P1389" s="76"/>
      <c r="Q1389" s="65"/>
      <c r="R1389" s="76"/>
      <c r="S1389" s="76"/>
      <c r="T1389" s="76"/>
      <c r="U1389" s="76"/>
      <c r="V1389" s="76"/>
      <c r="W1389" s="76"/>
      <c r="X1389" s="76"/>
      <c r="Y1389" s="76"/>
      <c r="Z1389" s="76"/>
      <c r="AA1389" s="85"/>
      <c r="AB1389" s="85"/>
      <c r="AC1389" s="85"/>
      <c r="AD1389" s="85"/>
      <c r="AE1389" s="85"/>
      <c r="AF1389" s="85"/>
      <c r="AG1389" s="86"/>
      <c r="AH1389" s="85"/>
      <c r="AI1389" s="85"/>
      <c r="AJ1389" s="85"/>
      <c r="AK1389" s="85"/>
      <c r="AL1389" s="85"/>
      <c r="AM1389" s="92"/>
      <c r="AN1389" s="92"/>
      <c r="AO1389" s="92"/>
      <c r="AP1389" s="92"/>
      <c r="AQ1389" s="92"/>
      <c r="AR1389" s="92"/>
      <c r="AS1389" s="92"/>
      <c r="AT1389" s="92"/>
      <c r="AU1389" s="92"/>
      <c r="AV1389" s="92"/>
      <c r="AW1389" s="92"/>
      <c r="AX1389" s="92"/>
      <c r="AY1389" s="92"/>
      <c r="AZ1389" s="93"/>
      <c r="BA1389" s="93"/>
      <c r="BB1389" s="93"/>
      <c r="BC1389" s="93"/>
      <c r="BD1389" s="93"/>
      <c r="BE1389" s="93"/>
      <c r="BF1389" s="93"/>
      <c r="BG1389" s="93"/>
      <c r="BH1389" s="93"/>
      <c r="BI1389" s="93"/>
      <c r="BJ1389" s="93"/>
      <c r="BK1389" s="93"/>
      <c r="BL1389" s="93"/>
    </row>
    <row r="1390" spans="2:64" x14ac:dyDescent="0.2">
      <c r="B1390" s="43"/>
      <c r="C1390" s="73"/>
      <c r="D1390" s="64"/>
      <c r="E1390" s="55"/>
      <c r="F1390" s="74"/>
      <c r="G1390" s="74"/>
      <c r="H1390" s="74"/>
      <c r="I1390" s="75"/>
      <c r="J1390" s="74"/>
      <c r="L1390" s="55"/>
      <c r="M1390" s="234"/>
      <c r="N1390" s="65"/>
      <c r="O1390" s="76"/>
      <c r="P1390" s="76"/>
      <c r="Q1390" s="65"/>
      <c r="R1390" s="76"/>
      <c r="S1390" s="76"/>
      <c r="T1390" s="76"/>
      <c r="U1390" s="76"/>
      <c r="V1390" s="76"/>
      <c r="W1390" s="76"/>
      <c r="X1390" s="76"/>
      <c r="Y1390" s="76"/>
      <c r="Z1390" s="76"/>
      <c r="AA1390" s="85"/>
      <c r="AB1390" s="85"/>
      <c r="AC1390" s="85"/>
      <c r="AD1390" s="85"/>
      <c r="AE1390" s="85"/>
      <c r="AF1390" s="85"/>
      <c r="AG1390" s="86"/>
      <c r="AH1390" s="85"/>
      <c r="AI1390" s="85"/>
      <c r="AJ1390" s="85"/>
      <c r="AK1390" s="85"/>
      <c r="AL1390" s="85"/>
      <c r="AM1390" s="92"/>
      <c r="AN1390" s="92"/>
      <c r="AO1390" s="92"/>
      <c r="AP1390" s="92"/>
      <c r="AQ1390" s="92"/>
      <c r="AR1390" s="92"/>
      <c r="AS1390" s="92"/>
      <c r="AT1390" s="92"/>
      <c r="AU1390" s="92"/>
      <c r="AV1390" s="92"/>
      <c r="AW1390" s="92"/>
      <c r="AX1390" s="92"/>
      <c r="AY1390" s="92"/>
      <c r="AZ1390" s="93"/>
      <c r="BA1390" s="93"/>
      <c r="BB1390" s="93"/>
      <c r="BC1390" s="93"/>
      <c r="BD1390" s="93"/>
      <c r="BE1390" s="93"/>
      <c r="BF1390" s="93"/>
      <c r="BG1390" s="93"/>
      <c r="BH1390" s="93"/>
      <c r="BI1390" s="93"/>
      <c r="BJ1390" s="93"/>
      <c r="BK1390" s="93"/>
      <c r="BL1390" s="93"/>
    </row>
    <row r="1391" spans="2:64" x14ac:dyDescent="0.2">
      <c r="B1391" s="43"/>
      <c r="C1391" s="73"/>
      <c r="D1391" s="64"/>
      <c r="E1391" s="55"/>
      <c r="F1391" s="74"/>
      <c r="G1391" s="74"/>
      <c r="H1391" s="74"/>
      <c r="I1391" s="75"/>
      <c r="J1391" s="74"/>
      <c r="L1391" s="55"/>
      <c r="M1391" s="234"/>
      <c r="N1391" s="65"/>
      <c r="O1391" s="76"/>
      <c r="P1391" s="76"/>
      <c r="Q1391" s="65"/>
      <c r="R1391" s="76"/>
      <c r="S1391" s="76"/>
      <c r="T1391" s="76"/>
      <c r="U1391" s="76"/>
      <c r="V1391" s="76"/>
      <c r="W1391" s="76"/>
      <c r="X1391" s="76"/>
      <c r="Y1391" s="76"/>
      <c r="Z1391" s="76"/>
      <c r="AA1391" s="85"/>
      <c r="AB1391" s="85"/>
      <c r="AC1391" s="85"/>
      <c r="AD1391" s="85"/>
      <c r="AE1391" s="85"/>
      <c r="AF1391" s="85"/>
      <c r="AG1391" s="86"/>
      <c r="AH1391" s="85"/>
      <c r="AI1391" s="85"/>
      <c r="AJ1391" s="85"/>
      <c r="AK1391" s="85"/>
      <c r="AL1391" s="85"/>
      <c r="AM1391" s="92"/>
      <c r="AN1391" s="92"/>
      <c r="AO1391" s="92"/>
      <c r="AP1391" s="92"/>
      <c r="AQ1391" s="92"/>
      <c r="AR1391" s="92"/>
      <c r="AS1391" s="92"/>
      <c r="AT1391" s="92"/>
      <c r="AU1391" s="92"/>
      <c r="AV1391" s="92"/>
      <c r="AW1391" s="92"/>
      <c r="AX1391" s="92"/>
      <c r="AY1391" s="92"/>
      <c r="AZ1391" s="93"/>
      <c r="BA1391" s="93"/>
      <c r="BB1391" s="93"/>
      <c r="BC1391" s="93"/>
      <c r="BD1391" s="93"/>
      <c r="BE1391" s="93"/>
      <c r="BF1391" s="93"/>
      <c r="BG1391" s="93"/>
      <c r="BH1391" s="93"/>
      <c r="BI1391" s="93"/>
      <c r="BJ1391" s="93"/>
      <c r="BK1391" s="93"/>
      <c r="BL1391" s="93"/>
    </row>
    <row r="1392" spans="2:64" x14ac:dyDescent="0.2">
      <c r="B1392" s="43"/>
      <c r="C1392" s="73"/>
      <c r="D1392" s="64"/>
      <c r="E1392" s="55"/>
      <c r="F1392" s="74"/>
      <c r="G1392" s="74"/>
      <c r="H1392" s="74"/>
      <c r="I1392" s="75"/>
      <c r="J1392" s="74"/>
      <c r="L1392" s="55"/>
      <c r="M1392" s="234"/>
      <c r="N1392" s="65"/>
      <c r="O1392" s="76"/>
      <c r="P1392" s="76"/>
      <c r="Q1392" s="65"/>
      <c r="R1392" s="76"/>
      <c r="S1392" s="76"/>
      <c r="T1392" s="76"/>
      <c r="U1392" s="76"/>
      <c r="V1392" s="76"/>
      <c r="W1392" s="76"/>
      <c r="X1392" s="76"/>
      <c r="Y1392" s="76"/>
      <c r="Z1392" s="76"/>
      <c r="AA1392" s="85"/>
      <c r="AB1392" s="85"/>
      <c r="AC1392" s="85"/>
      <c r="AD1392" s="85"/>
      <c r="AE1392" s="85"/>
      <c r="AF1392" s="85"/>
      <c r="AG1392" s="86"/>
      <c r="AH1392" s="85"/>
      <c r="AI1392" s="85"/>
      <c r="AJ1392" s="85"/>
      <c r="AK1392" s="85"/>
      <c r="AL1392" s="85"/>
      <c r="AM1392" s="92"/>
      <c r="AN1392" s="92"/>
      <c r="AO1392" s="92"/>
      <c r="AP1392" s="92"/>
      <c r="AQ1392" s="92"/>
      <c r="AR1392" s="92"/>
      <c r="AS1392" s="92"/>
      <c r="AT1392" s="92"/>
      <c r="AU1392" s="92"/>
      <c r="AV1392" s="92"/>
      <c r="AW1392" s="92"/>
      <c r="AX1392" s="92"/>
      <c r="AY1392" s="92"/>
      <c r="AZ1392" s="93"/>
      <c r="BA1392" s="93"/>
      <c r="BB1392" s="93"/>
      <c r="BC1392" s="93"/>
      <c r="BD1392" s="93"/>
      <c r="BE1392" s="93"/>
      <c r="BF1392" s="93"/>
      <c r="BG1392" s="93"/>
      <c r="BH1392" s="93"/>
      <c r="BI1392" s="93"/>
      <c r="BJ1392" s="93"/>
      <c r="BK1392" s="93"/>
      <c r="BL1392" s="93"/>
    </row>
    <row r="1393" spans="2:64" x14ac:dyDescent="0.2">
      <c r="B1393" s="43"/>
      <c r="C1393" s="73"/>
      <c r="D1393" s="64"/>
      <c r="E1393" s="55"/>
      <c r="F1393" s="74"/>
      <c r="G1393" s="74"/>
      <c r="H1393" s="74"/>
      <c r="I1393" s="75"/>
      <c r="J1393" s="74"/>
      <c r="L1393" s="55"/>
      <c r="M1393" s="234"/>
      <c r="N1393" s="65"/>
      <c r="O1393" s="76"/>
      <c r="P1393" s="76"/>
      <c r="Q1393" s="65"/>
      <c r="R1393" s="76"/>
      <c r="S1393" s="76"/>
      <c r="T1393" s="76"/>
      <c r="U1393" s="76"/>
      <c r="V1393" s="76"/>
      <c r="W1393" s="76"/>
      <c r="X1393" s="76"/>
      <c r="Y1393" s="76"/>
      <c r="Z1393" s="76"/>
      <c r="AA1393" s="85"/>
      <c r="AB1393" s="85"/>
      <c r="AC1393" s="85"/>
      <c r="AD1393" s="85"/>
      <c r="AE1393" s="85"/>
      <c r="AF1393" s="85"/>
      <c r="AG1393" s="86"/>
      <c r="AH1393" s="85"/>
      <c r="AI1393" s="85"/>
      <c r="AJ1393" s="85"/>
      <c r="AK1393" s="85"/>
      <c r="AL1393" s="85"/>
      <c r="AM1393" s="92"/>
      <c r="AN1393" s="92"/>
      <c r="AO1393" s="92"/>
      <c r="AP1393" s="92"/>
      <c r="AQ1393" s="92"/>
      <c r="AR1393" s="92"/>
      <c r="AS1393" s="92"/>
      <c r="AT1393" s="92"/>
      <c r="AU1393" s="92"/>
      <c r="AV1393" s="92"/>
      <c r="AW1393" s="92"/>
      <c r="AX1393" s="92"/>
      <c r="AY1393" s="92"/>
      <c r="AZ1393" s="93"/>
      <c r="BA1393" s="93"/>
      <c r="BB1393" s="93"/>
      <c r="BC1393" s="93"/>
      <c r="BD1393" s="93"/>
      <c r="BE1393" s="93"/>
      <c r="BF1393" s="93"/>
      <c r="BG1393" s="93"/>
      <c r="BH1393" s="93"/>
      <c r="BI1393" s="93"/>
      <c r="BJ1393" s="93"/>
      <c r="BK1393" s="93"/>
      <c r="BL1393" s="93"/>
    </row>
    <row r="1394" spans="2:64" x14ac:dyDescent="0.2">
      <c r="B1394" s="43"/>
      <c r="C1394" s="73"/>
      <c r="D1394" s="64"/>
      <c r="E1394" s="55"/>
      <c r="F1394" s="74"/>
      <c r="G1394" s="74"/>
      <c r="H1394" s="74"/>
      <c r="I1394" s="75"/>
      <c r="J1394" s="74"/>
      <c r="L1394" s="55"/>
      <c r="M1394" s="234"/>
      <c r="N1394" s="65"/>
      <c r="O1394" s="76"/>
      <c r="P1394" s="76"/>
      <c r="Q1394" s="65"/>
      <c r="R1394" s="76"/>
      <c r="S1394" s="76"/>
      <c r="T1394" s="76"/>
      <c r="U1394" s="76"/>
      <c r="V1394" s="76"/>
      <c r="W1394" s="76"/>
      <c r="X1394" s="76"/>
      <c r="Y1394" s="76"/>
      <c r="Z1394" s="76"/>
      <c r="AA1394" s="85"/>
      <c r="AB1394" s="85"/>
      <c r="AC1394" s="85"/>
      <c r="AD1394" s="85"/>
      <c r="AE1394" s="85"/>
      <c r="AF1394" s="85"/>
      <c r="AG1394" s="86"/>
      <c r="AH1394" s="85"/>
      <c r="AI1394" s="85"/>
      <c r="AJ1394" s="85"/>
      <c r="AK1394" s="85"/>
      <c r="AL1394" s="85"/>
      <c r="AM1394" s="92"/>
      <c r="AN1394" s="92"/>
      <c r="AO1394" s="92"/>
      <c r="AP1394" s="92"/>
      <c r="AQ1394" s="92"/>
      <c r="AR1394" s="92"/>
      <c r="AS1394" s="92"/>
      <c r="AT1394" s="92"/>
      <c r="AU1394" s="92"/>
      <c r="AV1394" s="92"/>
      <c r="AW1394" s="92"/>
      <c r="AX1394" s="92"/>
      <c r="AY1394" s="92"/>
      <c r="AZ1394" s="93"/>
      <c r="BA1394" s="93"/>
      <c r="BB1394" s="93"/>
      <c r="BC1394" s="93"/>
      <c r="BD1394" s="93"/>
      <c r="BE1394" s="93"/>
      <c r="BF1394" s="93"/>
      <c r="BG1394" s="93"/>
      <c r="BH1394" s="93"/>
      <c r="BI1394" s="93"/>
      <c r="BJ1394" s="93"/>
      <c r="BK1394" s="93"/>
      <c r="BL1394" s="93"/>
    </row>
    <row r="1395" spans="2:64" x14ac:dyDescent="0.2">
      <c r="B1395" s="43"/>
      <c r="C1395" s="73"/>
      <c r="D1395" s="64"/>
      <c r="E1395" s="55"/>
      <c r="F1395" s="74"/>
      <c r="G1395" s="74"/>
      <c r="H1395" s="74"/>
      <c r="I1395" s="75"/>
      <c r="J1395" s="74"/>
      <c r="L1395" s="55"/>
      <c r="M1395" s="234"/>
      <c r="N1395" s="65"/>
      <c r="O1395" s="76"/>
      <c r="P1395" s="76"/>
      <c r="Q1395" s="65"/>
      <c r="R1395" s="76"/>
      <c r="S1395" s="76"/>
      <c r="T1395" s="76"/>
      <c r="U1395" s="76"/>
      <c r="V1395" s="76"/>
      <c r="W1395" s="76"/>
      <c r="X1395" s="76"/>
      <c r="Y1395" s="76"/>
      <c r="Z1395" s="76"/>
      <c r="AA1395" s="85"/>
      <c r="AB1395" s="85"/>
      <c r="AC1395" s="85"/>
      <c r="AD1395" s="85"/>
      <c r="AE1395" s="85"/>
      <c r="AF1395" s="85"/>
      <c r="AG1395" s="86"/>
      <c r="AH1395" s="85"/>
      <c r="AI1395" s="85"/>
      <c r="AJ1395" s="85"/>
      <c r="AK1395" s="85"/>
      <c r="AL1395" s="85"/>
      <c r="AM1395" s="92"/>
      <c r="AN1395" s="92"/>
      <c r="AO1395" s="92"/>
      <c r="AP1395" s="92"/>
      <c r="AQ1395" s="92"/>
      <c r="AR1395" s="92"/>
      <c r="AS1395" s="92"/>
      <c r="AT1395" s="92"/>
      <c r="AU1395" s="92"/>
      <c r="AV1395" s="92"/>
      <c r="AW1395" s="92"/>
      <c r="AX1395" s="92"/>
      <c r="AY1395" s="92"/>
      <c r="AZ1395" s="93"/>
      <c r="BA1395" s="93"/>
      <c r="BB1395" s="93"/>
      <c r="BC1395" s="93"/>
      <c r="BD1395" s="93"/>
      <c r="BE1395" s="93"/>
      <c r="BF1395" s="93"/>
      <c r="BG1395" s="93"/>
      <c r="BH1395" s="93"/>
      <c r="BI1395" s="93"/>
      <c r="BJ1395" s="93"/>
      <c r="BK1395" s="93"/>
      <c r="BL1395" s="93"/>
    </row>
    <row r="1396" spans="2:64" x14ac:dyDescent="0.2">
      <c r="B1396" s="43"/>
      <c r="C1396" s="73"/>
      <c r="D1396" s="64"/>
      <c r="E1396" s="55"/>
      <c r="F1396" s="74"/>
      <c r="G1396" s="74"/>
      <c r="H1396" s="74"/>
      <c r="I1396" s="75"/>
      <c r="J1396" s="74"/>
      <c r="L1396" s="55"/>
      <c r="M1396" s="234"/>
      <c r="N1396" s="65"/>
      <c r="O1396" s="76"/>
      <c r="P1396" s="76"/>
      <c r="Q1396" s="65"/>
      <c r="R1396" s="76"/>
      <c r="S1396" s="76"/>
      <c r="T1396" s="76"/>
      <c r="U1396" s="76"/>
      <c r="V1396" s="76"/>
      <c r="W1396" s="76"/>
      <c r="X1396" s="76"/>
      <c r="Y1396" s="76"/>
      <c r="Z1396" s="76"/>
      <c r="AA1396" s="85"/>
      <c r="AB1396" s="85"/>
      <c r="AC1396" s="85"/>
      <c r="AD1396" s="85"/>
      <c r="AE1396" s="85"/>
      <c r="AF1396" s="85"/>
      <c r="AG1396" s="86"/>
      <c r="AH1396" s="85"/>
      <c r="AI1396" s="85"/>
      <c r="AJ1396" s="85"/>
      <c r="AK1396" s="85"/>
      <c r="AL1396" s="85"/>
      <c r="AM1396" s="92"/>
      <c r="AN1396" s="92"/>
      <c r="AO1396" s="92"/>
      <c r="AP1396" s="92"/>
      <c r="AQ1396" s="92"/>
      <c r="AR1396" s="92"/>
      <c r="AS1396" s="92"/>
      <c r="AT1396" s="92"/>
      <c r="AU1396" s="92"/>
      <c r="AV1396" s="92"/>
      <c r="AW1396" s="92"/>
      <c r="AX1396" s="92"/>
      <c r="AY1396" s="92"/>
      <c r="AZ1396" s="93"/>
      <c r="BA1396" s="93"/>
      <c r="BB1396" s="93"/>
      <c r="BC1396" s="93"/>
      <c r="BD1396" s="93"/>
      <c r="BE1396" s="93"/>
      <c r="BF1396" s="93"/>
      <c r="BG1396" s="93"/>
      <c r="BH1396" s="93"/>
      <c r="BI1396" s="93"/>
      <c r="BJ1396" s="93"/>
      <c r="BK1396" s="93"/>
      <c r="BL1396" s="93"/>
    </row>
    <row r="1397" spans="2:64" x14ac:dyDescent="0.2">
      <c r="B1397" s="43"/>
      <c r="C1397" s="73"/>
      <c r="D1397" s="64"/>
      <c r="E1397" s="55"/>
      <c r="F1397" s="74"/>
      <c r="G1397" s="74"/>
      <c r="H1397" s="74"/>
      <c r="I1397" s="75"/>
      <c r="J1397" s="74"/>
      <c r="L1397" s="55"/>
      <c r="M1397" s="234"/>
      <c r="N1397" s="65"/>
      <c r="O1397" s="76"/>
      <c r="P1397" s="76"/>
      <c r="Q1397" s="65"/>
      <c r="R1397" s="76"/>
      <c r="S1397" s="76"/>
      <c r="T1397" s="76"/>
      <c r="U1397" s="76"/>
      <c r="V1397" s="76"/>
      <c r="W1397" s="76"/>
      <c r="X1397" s="76"/>
      <c r="Y1397" s="76"/>
      <c r="Z1397" s="76"/>
      <c r="AA1397" s="85"/>
      <c r="AB1397" s="85"/>
      <c r="AC1397" s="85"/>
      <c r="AD1397" s="85"/>
      <c r="AE1397" s="85"/>
      <c r="AF1397" s="85"/>
      <c r="AG1397" s="86"/>
      <c r="AH1397" s="85"/>
      <c r="AI1397" s="85"/>
      <c r="AJ1397" s="85"/>
      <c r="AK1397" s="85"/>
      <c r="AL1397" s="85"/>
      <c r="AM1397" s="92"/>
      <c r="AN1397" s="92"/>
      <c r="AO1397" s="92"/>
      <c r="AP1397" s="92"/>
      <c r="AQ1397" s="92"/>
      <c r="AR1397" s="92"/>
      <c r="AS1397" s="92"/>
      <c r="AT1397" s="92"/>
      <c r="AU1397" s="92"/>
      <c r="AV1397" s="92"/>
      <c r="AW1397" s="92"/>
      <c r="AX1397" s="92"/>
      <c r="AY1397" s="92"/>
      <c r="AZ1397" s="93"/>
      <c r="BA1397" s="93"/>
      <c r="BB1397" s="93"/>
      <c r="BC1397" s="93"/>
      <c r="BD1397" s="93"/>
      <c r="BE1397" s="93"/>
      <c r="BF1397" s="93"/>
      <c r="BG1397" s="93"/>
      <c r="BH1397" s="93"/>
      <c r="BI1397" s="93"/>
      <c r="BJ1397" s="93"/>
      <c r="BK1397" s="93"/>
      <c r="BL1397" s="93"/>
    </row>
    <row r="1398" spans="2:64" x14ac:dyDescent="0.2">
      <c r="B1398" s="43"/>
      <c r="C1398" s="73"/>
      <c r="D1398" s="64"/>
      <c r="E1398" s="55"/>
      <c r="F1398" s="74"/>
      <c r="G1398" s="74"/>
      <c r="H1398" s="74"/>
      <c r="I1398" s="75"/>
      <c r="J1398" s="74"/>
      <c r="L1398" s="55"/>
      <c r="M1398" s="234"/>
      <c r="N1398" s="65"/>
      <c r="O1398" s="76"/>
      <c r="P1398" s="76"/>
      <c r="Q1398" s="65"/>
      <c r="R1398" s="76"/>
      <c r="S1398" s="76"/>
      <c r="T1398" s="76"/>
      <c r="U1398" s="76"/>
      <c r="V1398" s="76"/>
      <c r="W1398" s="76"/>
      <c r="X1398" s="76"/>
      <c r="Y1398" s="76"/>
      <c r="Z1398" s="76"/>
      <c r="AA1398" s="85"/>
      <c r="AB1398" s="85"/>
      <c r="AC1398" s="85"/>
      <c r="AD1398" s="85"/>
      <c r="AE1398" s="85"/>
      <c r="AF1398" s="85"/>
      <c r="AG1398" s="86"/>
      <c r="AH1398" s="85"/>
      <c r="AI1398" s="85"/>
      <c r="AJ1398" s="85"/>
      <c r="AK1398" s="85"/>
      <c r="AL1398" s="85"/>
      <c r="AM1398" s="92"/>
      <c r="AN1398" s="92"/>
      <c r="AO1398" s="92"/>
      <c r="AP1398" s="92"/>
      <c r="AQ1398" s="92"/>
      <c r="AR1398" s="92"/>
      <c r="AS1398" s="92"/>
      <c r="AT1398" s="92"/>
      <c r="AU1398" s="92"/>
      <c r="AV1398" s="92"/>
      <c r="AW1398" s="92"/>
      <c r="AX1398" s="92"/>
      <c r="AY1398" s="92"/>
      <c r="AZ1398" s="93"/>
      <c r="BA1398" s="93"/>
      <c r="BB1398" s="93"/>
      <c r="BC1398" s="93"/>
      <c r="BD1398" s="93"/>
      <c r="BE1398" s="93"/>
      <c r="BF1398" s="93"/>
      <c r="BG1398" s="93"/>
      <c r="BH1398" s="93"/>
      <c r="BI1398" s="93"/>
      <c r="BJ1398" s="93"/>
      <c r="BK1398" s="93"/>
      <c r="BL1398" s="93"/>
    </row>
    <row r="1399" spans="2:64" x14ac:dyDescent="0.2">
      <c r="B1399" s="43"/>
      <c r="C1399" s="73"/>
      <c r="D1399" s="64"/>
      <c r="E1399" s="55"/>
      <c r="F1399" s="74"/>
      <c r="G1399" s="74"/>
      <c r="H1399" s="74"/>
      <c r="I1399" s="75"/>
      <c r="J1399" s="74"/>
      <c r="L1399" s="55"/>
      <c r="M1399" s="234"/>
      <c r="N1399" s="65"/>
      <c r="O1399" s="76"/>
      <c r="P1399" s="76"/>
      <c r="Q1399" s="65"/>
      <c r="R1399" s="76"/>
      <c r="S1399" s="76"/>
      <c r="T1399" s="76"/>
      <c r="U1399" s="76"/>
      <c r="V1399" s="76"/>
      <c r="W1399" s="76"/>
      <c r="X1399" s="76"/>
      <c r="Y1399" s="76"/>
      <c r="Z1399" s="76"/>
      <c r="AA1399" s="85"/>
      <c r="AB1399" s="85"/>
      <c r="AC1399" s="85"/>
      <c r="AD1399" s="85"/>
      <c r="AE1399" s="85"/>
      <c r="AF1399" s="85"/>
      <c r="AG1399" s="86"/>
      <c r="AH1399" s="85"/>
      <c r="AI1399" s="85"/>
      <c r="AJ1399" s="85"/>
      <c r="AK1399" s="85"/>
      <c r="AL1399" s="85"/>
      <c r="AM1399" s="92"/>
      <c r="AN1399" s="92"/>
      <c r="AO1399" s="92"/>
      <c r="AP1399" s="92"/>
      <c r="AQ1399" s="92"/>
      <c r="AR1399" s="92"/>
      <c r="AS1399" s="92"/>
      <c r="AT1399" s="92"/>
      <c r="AU1399" s="92"/>
      <c r="AV1399" s="92"/>
      <c r="AW1399" s="92"/>
      <c r="AX1399" s="92"/>
      <c r="AY1399" s="92"/>
      <c r="AZ1399" s="93"/>
      <c r="BA1399" s="93"/>
      <c r="BB1399" s="93"/>
      <c r="BC1399" s="93"/>
      <c r="BD1399" s="93"/>
      <c r="BE1399" s="93"/>
      <c r="BF1399" s="93"/>
      <c r="BG1399" s="93"/>
      <c r="BH1399" s="93"/>
      <c r="BI1399" s="93"/>
      <c r="BJ1399" s="93"/>
      <c r="BK1399" s="93"/>
      <c r="BL1399" s="93"/>
    </row>
    <row r="1400" spans="2:64" x14ac:dyDescent="0.2">
      <c r="B1400" s="43"/>
      <c r="C1400" s="73"/>
      <c r="D1400" s="64"/>
      <c r="E1400" s="55"/>
      <c r="F1400" s="74"/>
      <c r="G1400" s="74"/>
      <c r="H1400" s="74"/>
      <c r="I1400" s="75"/>
      <c r="J1400" s="74"/>
      <c r="L1400" s="55"/>
      <c r="M1400" s="234"/>
      <c r="N1400" s="65"/>
      <c r="O1400" s="76"/>
      <c r="P1400" s="76"/>
      <c r="Q1400" s="65"/>
      <c r="R1400" s="76"/>
      <c r="S1400" s="76"/>
      <c r="T1400" s="76"/>
      <c r="U1400" s="76"/>
      <c r="V1400" s="76"/>
      <c r="W1400" s="76"/>
      <c r="X1400" s="76"/>
      <c r="Y1400" s="76"/>
      <c r="Z1400" s="76"/>
      <c r="AA1400" s="85"/>
      <c r="AB1400" s="85"/>
      <c r="AC1400" s="85"/>
      <c r="AD1400" s="85"/>
      <c r="AE1400" s="85"/>
      <c r="AF1400" s="85"/>
      <c r="AG1400" s="86"/>
      <c r="AH1400" s="85"/>
      <c r="AI1400" s="85"/>
      <c r="AJ1400" s="85"/>
      <c r="AK1400" s="85"/>
      <c r="AL1400" s="85"/>
      <c r="AM1400" s="92"/>
      <c r="AN1400" s="92"/>
      <c r="AO1400" s="92"/>
      <c r="AP1400" s="92"/>
      <c r="AQ1400" s="92"/>
      <c r="AR1400" s="92"/>
      <c r="AS1400" s="92"/>
      <c r="AT1400" s="92"/>
      <c r="AU1400" s="92"/>
      <c r="AV1400" s="92"/>
      <c r="AW1400" s="92"/>
      <c r="AX1400" s="92"/>
      <c r="AY1400" s="92"/>
      <c r="AZ1400" s="93"/>
      <c r="BA1400" s="93"/>
      <c r="BB1400" s="93"/>
      <c r="BC1400" s="93"/>
      <c r="BD1400" s="93"/>
      <c r="BE1400" s="93"/>
      <c r="BF1400" s="93"/>
      <c r="BG1400" s="93"/>
      <c r="BH1400" s="93"/>
      <c r="BI1400" s="93"/>
      <c r="BJ1400" s="93"/>
      <c r="BK1400" s="93"/>
      <c r="BL1400" s="93"/>
    </row>
    <row r="1401" spans="2:64" x14ac:dyDescent="0.2">
      <c r="B1401" s="43"/>
      <c r="C1401" s="73"/>
      <c r="D1401" s="64"/>
      <c r="E1401" s="55"/>
      <c r="F1401" s="74"/>
      <c r="G1401" s="74"/>
      <c r="H1401" s="74"/>
      <c r="I1401" s="75"/>
      <c r="J1401" s="74"/>
      <c r="L1401" s="55"/>
      <c r="M1401" s="234"/>
      <c r="N1401" s="65"/>
      <c r="O1401" s="76"/>
      <c r="P1401" s="76"/>
      <c r="Q1401" s="65"/>
      <c r="R1401" s="76"/>
      <c r="S1401" s="76"/>
      <c r="T1401" s="76"/>
      <c r="U1401" s="76"/>
      <c r="V1401" s="76"/>
      <c r="W1401" s="76"/>
      <c r="X1401" s="76"/>
      <c r="Y1401" s="76"/>
      <c r="Z1401" s="76"/>
      <c r="AA1401" s="85"/>
      <c r="AB1401" s="85"/>
      <c r="AC1401" s="85"/>
      <c r="AD1401" s="85"/>
      <c r="AE1401" s="85"/>
      <c r="AF1401" s="85"/>
      <c r="AG1401" s="86"/>
      <c r="AH1401" s="85"/>
      <c r="AI1401" s="85"/>
      <c r="AJ1401" s="85"/>
      <c r="AK1401" s="85"/>
      <c r="AL1401" s="85"/>
      <c r="AM1401" s="92"/>
      <c r="AN1401" s="92"/>
      <c r="AO1401" s="92"/>
      <c r="AP1401" s="92"/>
      <c r="AQ1401" s="92"/>
      <c r="AR1401" s="92"/>
      <c r="AS1401" s="92"/>
      <c r="AT1401" s="92"/>
      <c r="AU1401" s="92"/>
      <c r="AV1401" s="92"/>
      <c r="AW1401" s="92"/>
      <c r="AX1401" s="92"/>
      <c r="AY1401" s="92"/>
      <c r="AZ1401" s="93"/>
      <c r="BA1401" s="93"/>
      <c r="BB1401" s="93"/>
      <c r="BC1401" s="93"/>
      <c r="BD1401" s="93"/>
      <c r="BE1401" s="93"/>
      <c r="BF1401" s="93"/>
      <c r="BG1401" s="93"/>
      <c r="BH1401" s="93"/>
      <c r="BI1401" s="93"/>
      <c r="BJ1401" s="93"/>
      <c r="BK1401" s="93"/>
      <c r="BL1401" s="93"/>
    </row>
    <row r="1402" spans="2:64" x14ac:dyDescent="0.2">
      <c r="B1402" s="43"/>
      <c r="C1402" s="73"/>
      <c r="D1402" s="64"/>
      <c r="E1402" s="55"/>
      <c r="F1402" s="74"/>
      <c r="G1402" s="74"/>
      <c r="H1402" s="74"/>
      <c r="I1402" s="75"/>
      <c r="J1402" s="74"/>
      <c r="L1402" s="55"/>
      <c r="M1402" s="234"/>
      <c r="N1402" s="65"/>
      <c r="O1402" s="76"/>
      <c r="P1402" s="76"/>
      <c r="Q1402" s="65"/>
      <c r="R1402" s="76"/>
      <c r="S1402" s="76"/>
      <c r="T1402" s="76"/>
      <c r="U1402" s="76"/>
      <c r="V1402" s="76"/>
      <c r="W1402" s="76"/>
      <c r="X1402" s="76"/>
      <c r="Y1402" s="76"/>
      <c r="Z1402" s="76"/>
      <c r="AA1402" s="85"/>
      <c r="AB1402" s="85"/>
      <c r="AC1402" s="85"/>
      <c r="AD1402" s="85"/>
      <c r="AE1402" s="85"/>
      <c r="AF1402" s="85"/>
      <c r="AG1402" s="86"/>
      <c r="AH1402" s="85"/>
      <c r="AI1402" s="85"/>
      <c r="AJ1402" s="85"/>
      <c r="AK1402" s="85"/>
      <c r="AL1402" s="85"/>
      <c r="AM1402" s="92"/>
      <c r="AN1402" s="92"/>
      <c r="AO1402" s="92"/>
      <c r="AP1402" s="92"/>
      <c r="AQ1402" s="92"/>
      <c r="AR1402" s="92"/>
      <c r="AS1402" s="92"/>
      <c r="AT1402" s="92"/>
      <c r="AU1402" s="92"/>
      <c r="AV1402" s="92"/>
      <c r="AW1402" s="92"/>
      <c r="AX1402" s="92"/>
      <c r="AY1402" s="92"/>
      <c r="AZ1402" s="93"/>
      <c r="BA1402" s="93"/>
      <c r="BB1402" s="93"/>
      <c r="BC1402" s="93"/>
      <c r="BD1402" s="93"/>
      <c r="BE1402" s="93"/>
      <c r="BF1402" s="93"/>
      <c r="BG1402" s="93"/>
      <c r="BH1402" s="93"/>
      <c r="BI1402" s="93"/>
      <c r="BJ1402" s="93"/>
      <c r="BK1402" s="93"/>
      <c r="BL1402" s="93"/>
    </row>
    <row r="1403" spans="2:64" x14ac:dyDescent="0.2">
      <c r="B1403" s="43"/>
      <c r="C1403" s="73"/>
      <c r="D1403" s="64"/>
      <c r="E1403" s="55"/>
      <c r="F1403" s="74"/>
      <c r="G1403" s="74"/>
      <c r="H1403" s="74"/>
      <c r="I1403" s="75"/>
      <c r="J1403" s="74"/>
      <c r="L1403" s="55"/>
      <c r="M1403" s="234"/>
      <c r="N1403" s="65"/>
      <c r="O1403" s="76"/>
      <c r="P1403" s="76"/>
      <c r="Q1403" s="65"/>
      <c r="R1403" s="76"/>
      <c r="S1403" s="76"/>
      <c r="T1403" s="76"/>
      <c r="U1403" s="76"/>
      <c r="V1403" s="76"/>
      <c r="W1403" s="76"/>
      <c r="X1403" s="76"/>
      <c r="Y1403" s="76"/>
      <c r="Z1403" s="76"/>
      <c r="AA1403" s="85"/>
      <c r="AB1403" s="85"/>
      <c r="AC1403" s="85"/>
      <c r="AD1403" s="85"/>
      <c r="AE1403" s="85"/>
      <c r="AF1403" s="85"/>
      <c r="AG1403" s="86"/>
      <c r="AH1403" s="85"/>
      <c r="AI1403" s="85"/>
      <c r="AJ1403" s="85"/>
      <c r="AK1403" s="85"/>
      <c r="AL1403" s="85"/>
      <c r="AM1403" s="92"/>
      <c r="AN1403" s="92"/>
      <c r="AO1403" s="92"/>
      <c r="AP1403" s="92"/>
      <c r="AQ1403" s="92"/>
      <c r="AR1403" s="92"/>
      <c r="AS1403" s="92"/>
      <c r="AT1403" s="92"/>
      <c r="AU1403" s="92"/>
      <c r="AV1403" s="92"/>
      <c r="AW1403" s="92"/>
      <c r="AX1403" s="92"/>
      <c r="AY1403" s="92"/>
      <c r="AZ1403" s="93"/>
      <c r="BA1403" s="93"/>
      <c r="BB1403" s="93"/>
      <c r="BC1403" s="93"/>
      <c r="BD1403" s="93"/>
      <c r="BE1403" s="93"/>
      <c r="BF1403" s="93"/>
      <c r="BG1403" s="93"/>
      <c r="BH1403" s="93"/>
      <c r="BI1403" s="93"/>
      <c r="BJ1403" s="93"/>
      <c r="BK1403" s="93"/>
      <c r="BL1403" s="93"/>
    </row>
    <row r="1404" spans="2:64" x14ac:dyDescent="0.2">
      <c r="B1404" s="43"/>
      <c r="C1404" s="73"/>
      <c r="D1404" s="64"/>
      <c r="E1404" s="55"/>
      <c r="F1404" s="74"/>
      <c r="G1404" s="74"/>
      <c r="H1404" s="74"/>
      <c r="I1404" s="75"/>
      <c r="J1404" s="74"/>
      <c r="L1404" s="55"/>
      <c r="M1404" s="234"/>
      <c r="N1404" s="65"/>
      <c r="O1404" s="76"/>
      <c r="P1404" s="76"/>
      <c r="Q1404" s="65"/>
      <c r="R1404" s="76"/>
      <c r="S1404" s="76"/>
      <c r="T1404" s="76"/>
      <c r="U1404" s="76"/>
      <c r="V1404" s="76"/>
      <c r="W1404" s="76"/>
      <c r="X1404" s="76"/>
      <c r="Y1404" s="76"/>
      <c r="Z1404" s="76"/>
      <c r="AA1404" s="85"/>
      <c r="AB1404" s="85"/>
      <c r="AC1404" s="85"/>
      <c r="AD1404" s="85"/>
      <c r="AE1404" s="85"/>
      <c r="AF1404" s="85"/>
      <c r="AG1404" s="86"/>
      <c r="AH1404" s="85"/>
      <c r="AI1404" s="85"/>
      <c r="AJ1404" s="85"/>
      <c r="AK1404" s="85"/>
      <c r="AL1404" s="85"/>
      <c r="AM1404" s="92"/>
      <c r="AN1404" s="92"/>
      <c r="AO1404" s="92"/>
      <c r="AP1404" s="92"/>
      <c r="AQ1404" s="92"/>
      <c r="AR1404" s="92"/>
      <c r="AS1404" s="92"/>
      <c r="AT1404" s="92"/>
      <c r="AU1404" s="92"/>
      <c r="AV1404" s="92"/>
      <c r="AW1404" s="92"/>
      <c r="AX1404" s="92"/>
      <c r="AY1404" s="92"/>
      <c r="AZ1404" s="93"/>
      <c r="BA1404" s="93"/>
      <c r="BB1404" s="93"/>
      <c r="BC1404" s="93"/>
      <c r="BD1404" s="93"/>
      <c r="BE1404" s="93"/>
      <c r="BF1404" s="93"/>
      <c r="BG1404" s="93"/>
      <c r="BH1404" s="93"/>
      <c r="BI1404" s="93"/>
      <c r="BJ1404" s="93"/>
      <c r="BK1404" s="93"/>
      <c r="BL1404" s="93"/>
    </row>
    <row r="1405" spans="2:64" x14ac:dyDescent="0.2">
      <c r="B1405" s="43"/>
      <c r="C1405" s="73"/>
      <c r="D1405" s="64"/>
      <c r="E1405" s="55"/>
      <c r="F1405" s="74"/>
      <c r="G1405" s="74"/>
      <c r="H1405" s="74"/>
      <c r="I1405" s="75"/>
      <c r="J1405" s="74"/>
      <c r="L1405" s="55"/>
      <c r="M1405" s="234"/>
      <c r="N1405" s="65"/>
      <c r="O1405" s="76"/>
      <c r="P1405" s="76"/>
      <c r="Q1405" s="65"/>
      <c r="R1405" s="76"/>
      <c r="S1405" s="76"/>
      <c r="T1405" s="76"/>
      <c r="U1405" s="76"/>
      <c r="V1405" s="76"/>
      <c r="W1405" s="76"/>
      <c r="X1405" s="76"/>
      <c r="Y1405" s="76"/>
      <c r="Z1405" s="76"/>
      <c r="AA1405" s="85"/>
      <c r="AB1405" s="85"/>
      <c r="AC1405" s="85"/>
      <c r="AD1405" s="85"/>
      <c r="AE1405" s="85"/>
      <c r="AF1405" s="85"/>
      <c r="AG1405" s="86"/>
      <c r="AH1405" s="85"/>
      <c r="AI1405" s="85"/>
      <c r="AJ1405" s="85"/>
      <c r="AK1405" s="85"/>
      <c r="AL1405" s="85"/>
      <c r="AM1405" s="92"/>
      <c r="AN1405" s="92"/>
      <c r="AO1405" s="92"/>
      <c r="AP1405" s="92"/>
      <c r="AQ1405" s="92"/>
      <c r="AR1405" s="92"/>
      <c r="AS1405" s="92"/>
      <c r="AT1405" s="92"/>
      <c r="AU1405" s="92"/>
      <c r="AV1405" s="92"/>
      <c r="AW1405" s="92"/>
      <c r="AX1405" s="92"/>
      <c r="AY1405" s="92"/>
      <c r="AZ1405" s="93"/>
      <c r="BA1405" s="93"/>
      <c r="BB1405" s="93"/>
      <c r="BC1405" s="93"/>
      <c r="BD1405" s="93"/>
      <c r="BE1405" s="93"/>
      <c r="BF1405" s="93"/>
      <c r="BG1405" s="93"/>
      <c r="BH1405" s="93"/>
      <c r="BI1405" s="93"/>
      <c r="BJ1405" s="93"/>
      <c r="BK1405" s="93"/>
      <c r="BL1405" s="93"/>
    </row>
    <row r="1406" spans="2:64" x14ac:dyDescent="0.2">
      <c r="B1406" s="43"/>
      <c r="C1406" s="73"/>
      <c r="D1406" s="64"/>
      <c r="E1406" s="55"/>
      <c r="F1406" s="74"/>
      <c r="G1406" s="74"/>
      <c r="H1406" s="74"/>
      <c r="I1406" s="75"/>
      <c r="J1406" s="74"/>
      <c r="L1406" s="55"/>
      <c r="M1406" s="234"/>
      <c r="N1406" s="65"/>
      <c r="O1406" s="76"/>
      <c r="P1406" s="76"/>
      <c r="Q1406" s="65"/>
      <c r="R1406" s="76"/>
      <c r="S1406" s="76"/>
      <c r="T1406" s="76"/>
      <c r="U1406" s="76"/>
      <c r="V1406" s="76"/>
      <c r="W1406" s="76"/>
      <c r="X1406" s="76"/>
      <c r="Y1406" s="76"/>
      <c r="Z1406" s="76"/>
      <c r="AA1406" s="85"/>
      <c r="AB1406" s="85"/>
      <c r="AC1406" s="85"/>
      <c r="AD1406" s="85"/>
      <c r="AE1406" s="85"/>
      <c r="AF1406" s="85"/>
      <c r="AG1406" s="86"/>
      <c r="AH1406" s="85"/>
      <c r="AI1406" s="85"/>
      <c r="AJ1406" s="85"/>
      <c r="AK1406" s="85"/>
      <c r="AL1406" s="85"/>
      <c r="AM1406" s="92"/>
      <c r="AN1406" s="92"/>
      <c r="AO1406" s="92"/>
      <c r="AP1406" s="92"/>
      <c r="AQ1406" s="92"/>
      <c r="AR1406" s="92"/>
      <c r="AS1406" s="92"/>
      <c r="AT1406" s="92"/>
      <c r="AU1406" s="92"/>
      <c r="AV1406" s="92"/>
      <c r="AW1406" s="92"/>
      <c r="AX1406" s="92"/>
      <c r="AY1406" s="92"/>
      <c r="AZ1406" s="93"/>
      <c r="BA1406" s="93"/>
      <c r="BB1406" s="93"/>
      <c r="BC1406" s="93"/>
      <c r="BD1406" s="93"/>
      <c r="BE1406" s="93"/>
      <c r="BF1406" s="93"/>
      <c r="BG1406" s="93"/>
      <c r="BH1406" s="93"/>
      <c r="BI1406" s="93"/>
      <c r="BJ1406" s="93"/>
      <c r="BK1406" s="93"/>
      <c r="BL1406" s="93"/>
    </row>
    <row r="1407" spans="2:64" x14ac:dyDescent="0.2">
      <c r="B1407" s="43"/>
      <c r="C1407" s="73"/>
      <c r="D1407" s="64"/>
      <c r="E1407" s="55"/>
      <c r="F1407" s="74"/>
      <c r="G1407" s="74"/>
      <c r="H1407" s="74"/>
      <c r="I1407" s="75"/>
      <c r="J1407" s="74"/>
      <c r="L1407" s="55"/>
      <c r="M1407" s="234"/>
      <c r="N1407" s="65"/>
      <c r="O1407" s="76"/>
      <c r="P1407" s="76"/>
      <c r="Q1407" s="65"/>
      <c r="R1407" s="76"/>
      <c r="S1407" s="76"/>
      <c r="T1407" s="76"/>
      <c r="U1407" s="76"/>
      <c r="V1407" s="76"/>
      <c r="W1407" s="76"/>
      <c r="X1407" s="76"/>
      <c r="Y1407" s="76"/>
      <c r="Z1407" s="76"/>
      <c r="AA1407" s="85"/>
      <c r="AB1407" s="85"/>
      <c r="AC1407" s="85"/>
      <c r="AD1407" s="85"/>
      <c r="AE1407" s="85"/>
      <c r="AF1407" s="85"/>
      <c r="AG1407" s="86"/>
      <c r="AH1407" s="85"/>
      <c r="AI1407" s="85"/>
      <c r="AJ1407" s="85"/>
      <c r="AK1407" s="85"/>
      <c r="AL1407" s="85"/>
      <c r="AM1407" s="92"/>
      <c r="AN1407" s="92"/>
      <c r="AO1407" s="92"/>
      <c r="AP1407" s="92"/>
      <c r="AQ1407" s="92"/>
      <c r="AR1407" s="92"/>
      <c r="AS1407" s="92"/>
      <c r="AT1407" s="92"/>
      <c r="AU1407" s="92"/>
      <c r="AV1407" s="92"/>
      <c r="AW1407" s="92"/>
      <c r="AX1407" s="92"/>
      <c r="AY1407" s="92"/>
      <c r="AZ1407" s="93"/>
      <c r="BA1407" s="93"/>
      <c r="BB1407" s="93"/>
      <c r="BC1407" s="93"/>
      <c r="BD1407" s="93"/>
      <c r="BE1407" s="93"/>
      <c r="BF1407" s="93"/>
      <c r="BG1407" s="93"/>
      <c r="BH1407" s="93"/>
      <c r="BI1407" s="93"/>
      <c r="BJ1407" s="93"/>
      <c r="BK1407" s="93"/>
      <c r="BL1407" s="93"/>
    </row>
    <row r="1408" spans="2:64" x14ac:dyDescent="0.2">
      <c r="B1408" s="43"/>
      <c r="C1408" s="73"/>
      <c r="D1408" s="64"/>
      <c r="E1408" s="55"/>
      <c r="F1408" s="74"/>
      <c r="G1408" s="74"/>
      <c r="H1408" s="74"/>
      <c r="I1408" s="75"/>
      <c r="J1408" s="74"/>
      <c r="L1408" s="55"/>
      <c r="M1408" s="234"/>
      <c r="N1408" s="65"/>
      <c r="O1408" s="76"/>
      <c r="P1408" s="76"/>
      <c r="Q1408" s="65"/>
      <c r="R1408" s="76"/>
      <c r="S1408" s="76"/>
      <c r="T1408" s="76"/>
      <c r="U1408" s="76"/>
      <c r="V1408" s="76"/>
      <c r="W1408" s="76"/>
      <c r="X1408" s="76"/>
      <c r="Y1408" s="76"/>
      <c r="Z1408" s="76"/>
      <c r="AA1408" s="85"/>
      <c r="AB1408" s="85"/>
      <c r="AC1408" s="85"/>
      <c r="AD1408" s="85"/>
      <c r="AE1408" s="85"/>
      <c r="AF1408" s="85"/>
      <c r="AG1408" s="86"/>
      <c r="AH1408" s="85"/>
      <c r="AI1408" s="85"/>
      <c r="AJ1408" s="85"/>
      <c r="AK1408" s="85"/>
      <c r="AL1408" s="85"/>
      <c r="AM1408" s="92"/>
      <c r="AN1408" s="92"/>
      <c r="AO1408" s="92"/>
      <c r="AP1408" s="92"/>
      <c r="AQ1408" s="92"/>
      <c r="AR1408" s="92"/>
      <c r="AS1408" s="92"/>
      <c r="AT1408" s="92"/>
      <c r="AU1408" s="92"/>
      <c r="AV1408" s="92"/>
      <c r="AW1408" s="92"/>
      <c r="AX1408" s="92"/>
      <c r="AY1408" s="92"/>
      <c r="AZ1408" s="93"/>
      <c r="BA1408" s="93"/>
      <c r="BB1408" s="93"/>
      <c r="BC1408" s="93"/>
      <c r="BD1408" s="93"/>
      <c r="BE1408" s="93"/>
      <c r="BF1408" s="93"/>
      <c r="BG1408" s="93"/>
      <c r="BH1408" s="93"/>
      <c r="BI1408" s="93"/>
      <c r="BJ1408" s="93"/>
      <c r="BK1408" s="93"/>
      <c r="BL1408" s="93"/>
    </row>
    <row r="1409" spans="2:64" x14ac:dyDescent="0.2">
      <c r="B1409" s="43"/>
      <c r="C1409" s="73"/>
      <c r="D1409" s="64"/>
      <c r="E1409" s="55"/>
      <c r="F1409" s="74"/>
      <c r="G1409" s="74"/>
      <c r="H1409" s="74"/>
      <c r="I1409" s="75"/>
      <c r="J1409" s="74"/>
      <c r="L1409" s="55"/>
      <c r="M1409" s="234"/>
      <c r="N1409" s="65"/>
      <c r="O1409" s="76"/>
      <c r="P1409" s="76"/>
      <c r="Q1409" s="65"/>
      <c r="R1409" s="76"/>
      <c r="S1409" s="76"/>
      <c r="T1409" s="76"/>
      <c r="U1409" s="76"/>
      <c r="V1409" s="76"/>
      <c r="W1409" s="76"/>
      <c r="X1409" s="76"/>
      <c r="Y1409" s="76"/>
      <c r="Z1409" s="76"/>
      <c r="AA1409" s="85"/>
      <c r="AB1409" s="85"/>
      <c r="AC1409" s="85"/>
      <c r="AD1409" s="85"/>
      <c r="AE1409" s="85"/>
      <c r="AF1409" s="85"/>
      <c r="AG1409" s="86"/>
      <c r="AH1409" s="85"/>
      <c r="AI1409" s="85"/>
      <c r="AJ1409" s="85"/>
      <c r="AK1409" s="85"/>
      <c r="AL1409" s="85"/>
      <c r="AM1409" s="92"/>
      <c r="AN1409" s="92"/>
      <c r="AO1409" s="92"/>
      <c r="AP1409" s="92"/>
      <c r="AQ1409" s="92"/>
      <c r="AR1409" s="92"/>
      <c r="AS1409" s="92"/>
      <c r="AT1409" s="92"/>
      <c r="AU1409" s="92"/>
      <c r="AV1409" s="92"/>
      <c r="AW1409" s="92"/>
      <c r="AX1409" s="92"/>
      <c r="AY1409" s="92"/>
      <c r="AZ1409" s="93"/>
      <c r="BA1409" s="93"/>
      <c r="BB1409" s="93"/>
      <c r="BC1409" s="93"/>
      <c r="BD1409" s="93"/>
      <c r="BE1409" s="93"/>
      <c r="BF1409" s="93"/>
      <c r="BG1409" s="93"/>
      <c r="BH1409" s="93"/>
      <c r="BI1409" s="93"/>
      <c r="BJ1409" s="93"/>
      <c r="BK1409" s="93"/>
      <c r="BL1409" s="93"/>
    </row>
    <row r="1410" spans="2:64" x14ac:dyDescent="0.2">
      <c r="B1410" s="43"/>
      <c r="C1410" s="73"/>
      <c r="D1410" s="64"/>
      <c r="E1410" s="55"/>
      <c r="F1410" s="74"/>
      <c r="G1410" s="74"/>
      <c r="H1410" s="74"/>
      <c r="I1410" s="75"/>
      <c r="J1410" s="74"/>
      <c r="L1410" s="55"/>
      <c r="M1410" s="234"/>
      <c r="N1410" s="65"/>
      <c r="O1410" s="76"/>
      <c r="P1410" s="76"/>
      <c r="Q1410" s="65"/>
      <c r="R1410" s="76"/>
      <c r="S1410" s="76"/>
      <c r="T1410" s="76"/>
      <c r="U1410" s="76"/>
      <c r="V1410" s="76"/>
      <c r="W1410" s="76"/>
      <c r="X1410" s="76"/>
      <c r="Y1410" s="76"/>
      <c r="Z1410" s="76"/>
      <c r="AA1410" s="85"/>
      <c r="AB1410" s="85"/>
      <c r="AC1410" s="85"/>
      <c r="AD1410" s="85"/>
      <c r="AE1410" s="85"/>
      <c r="AF1410" s="85"/>
      <c r="AG1410" s="86"/>
      <c r="AH1410" s="85"/>
      <c r="AI1410" s="85"/>
      <c r="AJ1410" s="85"/>
      <c r="AK1410" s="85"/>
      <c r="AL1410" s="85"/>
      <c r="AM1410" s="92"/>
      <c r="AN1410" s="92"/>
      <c r="AO1410" s="92"/>
      <c r="AP1410" s="92"/>
      <c r="AQ1410" s="92"/>
      <c r="AR1410" s="92"/>
      <c r="AS1410" s="92"/>
      <c r="AT1410" s="92"/>
      <c r="AU1410" s="92"/>
      <c r="AV1410" s="92"/>
      <c r="AW1410" s="92"/>
      <c r="AX1410" s="92"/>
      <c r="AY1410" s="92"/>
      <c r="AZ1410" s="93"/>
      <c r="BA1410" s="93"/>
      <c r="BB1410" s="93"/>
      <c r="BC1410" s="93"/>
      <c r="BD1410" s="93"/>
      <c r="BE1410" s="93"/>
      <c r="BF1410" s="93"/>
      <c r="BG1410" s="93"/>
      <c r="BH1410" s="93"/>
      <c r="BI1410" s="93"/>
      <c r="BJ1410" s="93"/>
      <c r="BK1410" s="93"/>
      <c r="BL1410" s="93"/>
    </row>
    <row r="1411" spans="2:64" x14ac:dyDescent="0.2">
      <c r="B1411" s="43"/>
      <c r="C1411" s="73"/>
      <c r="D1411" s="64"/>
      <c r="E1411" s="55"/>
      <c r="F1411" s="74"/>
      <c r="G1411" s="74"/>
      <c r="H1411" s="74"/>
      <c r="I1411" s="75"/>
      <c r="J1411" s="74"/>
      <c r="L1411" s="55"/>
      <c r="M1411" s="234"/>
      <c r="N1411" s="65"/>
      <c r="O1411" s="76"/>
      <c r="P1411" s="76"/>
      <c r="Q1411" s="65"/>
      <c r="R1411" s="76"/>
      <c r="S1411" s="76"/>
      <c r="T1411" s="76"/>
      <c r="U1411" s="76"/>
      <c r="V1411" s="76"/>
      <c r="W1411" s="76"/>
      <c r="X1411" s="76"/>
      <c r="Y1411" s="76"/>
      <c r="Z1411" s="76"/>
      <c r="AA1411" s="85"/>
      <c r="AB1411" s="85"/>
      <c r="AC1411" s="85"/>
      <c r="AD1411" s="85"/>
      <c r="AE1411" s="85"/>
      <c r="AF1411" s="85"/>
      <c r="AG1411" s="86"/>
      <c r="AH1411" s="85"/>
      <c r="AI1411" s="85"/>
      <c r="AJ1411" s="85"/>
      <c r="AK1411" s="85"/>
      <c r="AL1411" s="85"/>
      <c r="AM1411" s="92"/>
      <c r="AN1411" s="92"/>
      <c r="AO1411" s="92"/>
      <c r="AP1411" s="92"/>
      <c r="AQ1411" s="92"/>
      <c r="AR1411" s="92"/>
      <c r="AS1411" s="92"/>
      <c r="AT1411" s="92"/>
      <c r="AU1411" s="92"/>
      <c r="AV1411" s="92"/>
      <c r="AW1411" s="92"/>
      <c r="AX1411" s="92"/>
      <c r="AY1411" s="92"/>
      <c r="AZ1411" s="93"/>
      <c r="BA1411" s="93"/>
      <c r="BB1411" s="93"/>
      <c r="BC1411" s="93"/>
      <c r="BD1411" s="93"/>
      <c r="BE1411" s="93"/>
      <c r="BF1411" s="93"/>
      <c r="BG1411" s="93"/>
      <c r="BH1411" s="93"/>
      <c r="BI1411" s="93"/>
      <c r="BJ1411" s="93"/>
      <c r="BK1411" s="93"/>
      <c r="BL1411" s="93"/>
    </row>
    <row r="1412" spans="2:64" x14ac:dyDescent="0.2">
      <c r="B1412" s="43"/>
      <c r="C1412" s="73"/>
      <c r="D1412" s="64"/>
      <c r="E1412" s="55"/>
      <c r="F1412" s="74"/>
      <c r="G1412" s="74"/>
      <c r="H1412" s="74"/>
      <c r="I1412" s="75"/>
      <c r="J1412" s="74"/>
      <c r="L1412" s="55"/>
      <c r="M1412" s="234"/>
      <c r="N1412" s="65"/>
      <c r="O1412" s="76"/>
      <c r="P1412" s="76"/>
      <c r="Q1412" s="65"/>
      <c r="R1412" s="76"/>
      <c r="S1412" s="76"/>
      <c r="T1412" s="76"/>
      <c r="U1412" s="76"/>
      <c r="V1412" s="76"/>
      <c r="W1412" s="76"/>
      <c r="X1412" s="76"/>
      <c r="Y1412" s="76"/>
      <c r="Z1412" s="76"/>
      <c r="AA1412" s="85"/>
      <c r="AB1412" s="85"/>
      <c r="AC1412" s="85"/>
      <c r="AD1412" s="85"/>
      <c r="AE1412" s="85"/>
      <c r="AF1412" s="85"/>
      <c r="AG1412" s="86"/>
      <c r="AH1412" s="85"/>
      <c r="AI1412" s="85"/>
      <c r="AJ1412" s="85"/>
      <c r="AK1412" s="85"/>
      <c r="AL1412" s="85"/>
      <c r="AM1412" s="92"/>
      <c r="AN1412" s="92"/>
      <c r="AO1412" s="92"/>
      <c r="AP1412" s="92"/>
      <c r="AQ1412" s="92"/>
      <c r="AR1412" s="92"/>
      <c r="AS1412" s="92"/>
      <c r="AT1412" s="92"/>
      <c r="AU1412" s="92"/>
      <c r="AV1412" s="92"/>
      <c r="AW1412" s="92"/>
      <c r="AX1412" s="92"/>
      <c r="AY1412" s="92"/>
      <c r="AZ1412" s="93"/>
      <c r="BA1412" s="93"/>
      <c r="BB1412" s="93"/>
      <c r="BC1412" s="93"/>
      <c r="BD1412" s="93"/>
      <c r="BE1412" s="93"/>
      <c r="BF1412" s="93"/>
      <c r="BG1412" s="93"/>
      <c r="BH1412" s="93"/>
      <c r="BI1412" s="93"/>
      <c r="BJ1412" s="93"/>
      <c r="BK1412" s="93"/>
      <c r="BL1412" s="93"/>
    </row>
    <row r="1413" spans="2:64" x14ac:dyDescent="0.2">
      <c r="B1413" s="43"/>
      <c r="C1413" s="73"/>
      <c r="D1413" s="64"/>
      <c r="E1413" s="55"/>
      <c r="F1413" s="74"/>
      <c r="G1413" s="74"/>
      <c r="H1413" s="74"/>
      <c r="I1413" s="75"/>
      <c r="J1413" s="74"/>
      <c r="L1413" s="55"/>
      <c r="M1413" s="234"/>
      <c r="N1413" s="65"/>
      <c r="O1413" s="76"/>
      <c r="P1413" s="76"/>
      <c r="Q1413" s="65"/>
      <c r="R1413" s="76"/>
      <c r="S1413" s="76"/>
      <c r="T1413" s="76"/>
      <c r="U1413" s="76"/>
      <c r="V1413" s="76"/>
      <c r="W1413" s="76"/>
      <c r="X1413" s="76"/>
      <c r="Y1413" s="76"/>
      <c r="Z1413" s="76"/>
      <c r="AA1413" s="85"/>
      <c r="AB1413" s="85"/>
      <c r="AC1413" s="85"/>
      <c r="AD1413" s="85"/>
      <c r="AE1413" s="85"/>
      <c r="AF1413" s="85"/>
      <c r="AG1413" s="86"/>
      <c r="AH1413" s="85"/>
      <c r="AI1413" s="85"/>
      <c r="AJ1413" s="85"/>
      <c r="AK1413" s="85"/>
      <c r="AL1413" s="85"/>
      <c r="AM1413" s="92"/>
      <c r="AN1413" s="92"/>
      <c r="AO1413" s="92"/>
      <c r="AP1413" s="92"/>
      <c r="AQ1413" s="92"/>
      <c r="AR1413" s="92"/>
      <c r="AS1413" s="92"/>
      <c r="AT1413" s="92"/>
      <c r="AU1413" s="92"/>
      <c r="AV1413" s="92"/>
      <c r="AW1413" s="92"/>
      <c r="AX1413" s="92"/>
      <c r="AY1413" s="92"/>
      <c r="AZ1413" s="93"/>
      <c r="BA1413" s="93"/>
      <c r="BB1413" s="93"/>
      <c r="BC1413" s="93"/>
      <c r="BD1413" s="93"/>
      <c r="BE1413" s="93"/>
      <c r="BF1413" s="93"/>
      <c r="BG1413" s="93"/>
      <c r="BH1413" s="93"/>
      <c r="BI1413" s="93"/>
      <c r="BJ1413" s="93"/>
      <c r="BK1413" s="93"/>
      <c r="BL1413" s="93"/>
    </row>
    <row r="1414" spans="2:64" x14ac:dyDescent="0.2">
      <c r="B1414" s="43"/>
      <c r="C1414" s="73"/>
      <c r="D1414" s="64"/>
      <c r="E1414" s="55"/>
      <c r="F1414" s="74"/>
      <c r="G1414" s="74"/>
      <c r="H1414" s="74"/>
      <c r="I1414" s="75"/>
      <c r="J1414" s="74"/>
      <c r="L1414" s="55"/>
      <c r="M1414" s="234"/>
      <c r="N1414" s="65"/>
      <c r="O1414" s="76"/>
      <c r="P1414" s="76"/>
      <c r="Q1414" s="65"/>
      <c r="R1414" s="76"/>
      <c r="S1414" s="76"/>
      <c r="T1414" s="76"/>
      <c r="U1414" s="76"/>
      <c r="V1414" s="76"/>
      <c r="W1414" s="76"/>
      <c r="X1414" s="76"/>
      <c r="Y1414" s="76"/>
      <c r="Z1414" s="76"/>
      <c r="AA1414" s="85"/>
      <c r="AB1414" s="85"/>
      <c r="AC1414" s="85"/>
      <c r="AD1414" s="85"/>
      <c r="AE1414" s="85"/>
      <c r="AF1414" s="85"/>
      <c r="AG1414" s="86"/>
      <c r="AH1414" s="85"/>
      <c r="AI1414" s="85"/>
      <c r="AJ1414" s="85"/>
      <c r="AK1414" s="85"/>
      <c r="AL1414" s="85"/>
      <c r="AM1414" s="92"/>
      <c r="AN1414" s="92"/>
      <c r="AO1414" s="92"/>
      <c r="AP1414" s="92"/>
      <c r="AQ1414" s="92"/>
      <c r="AR1414" s="92"/>
      <c r="AS1414" s="92"/>
      <c r="AT1414" s="92"/>
      <c r="AU1414" s="92"/>
      <c r="AV1414" s="92"/>
      <c r="AW1414" s="92"/>
      <c r="AX1414" s="92"/>
      <c r="AY1414" s="92"/>
      <c r="AZ1414" s="93"/>
      <c r="BA1414" s="93"/>
      <c r="BB1414" s="93"/>
      <c r="BC1414" s="93"/>
      <c r="BD1414" s="93"/>
      <c r="BE1414" s="93"/>
      <c r="BF1414" s="93"/>
      <c r="BG1414" s="93"/>
      <c r="BH1414" s="93"/>
      <c r="BI1414" s="93"/>
      <c r="BJ1414" s="93"/>
      <c r="BK1414" s="93"/>
      <c r="BL1414" s="93"/>
    </row>
    <row r="1415" spans="2:64" x14ac:dyDescent="0.2">
      <c r="B1415" s="43"/>
      <c r="C1415" s="73"/>
      <c r="D1415" s="64"/>
      <c r="E1415" s="55"/>
      <c r="F1415" s="74"/>
      <c r="G1415" s="74"/>
      <c r="H1415" s="74"/>
      <c r="I1415" s="75"/>
      <c r="J1415" s="74"/>
      <c r="L1415" s="55"/>
      <c r="M1415" s="234"/>
      <c r="N1415" s="65"/>
      <c r="O1415" s="76"/>
      <c r="P1415" s="76"/>
      <c r="Q1415" s="65"/>
      <c r="R1415" s="76"/>
      <c r="S1415" s="76"/>
      <c r="T1415" s="76"/>
      <c r="U1415" s="76"/>
      <c r="V1415" s="76"/>
      <c r="W1415" s="76"/>
      <c r="X1415" s="76"/>
      <c r="Y1415" s="76"/>
      <c r="Z1415" s="76"/>
      <c r="AA1415" s="85"/>
      <c r="AB1415" s="85"/>
      <c r="AC1415" s="85"/>
      <c r="AD1415" s="85"/>
      <c r="AE1415" s="85"/>
      <c r="AF1415" s="85"/>
      <c r="AG1415" s="86"/>
      <c r="AH1415" s="85"/>
      <c r="AI1415" s="85"/>
      <c r="AJ1415" s="85"/>
      <c r="AK1415" s="85"/>
      <c r="AL1415" s="85"/>
      <c r="AM1415" s="92"/>
      <c r="AN1415" s="92"/>
      <c r="AO1415" s="92"/>
      <c r="AP1415" s="92"/>
      <c r="AQ1415" s="92"/>
      <c r="AR1415" s="92"/>
      <c r="AS1415" s="92"/>
      <c r="AT1415" s="92"/>
      <c r="AU1415" s="92"/>
      <c r="AV1415" s="92"/>
      <c r="AW1415" s="92"/>
      <c r="AX1415" s="92"/>
      <c r="AY1415" s="92"/>
      <c r="AZ1415" s="93"/>
      <c r="BA1415" s="93"/>
      <c r="BB1415" s="93"/>
      <c r="BC1415" s="93"/>
      <c r="BD1415" s="93"/>
      <c r="BE1415" s="93"/>
      <c r="BF1415" s="93"/>
      <c r="BG1415" s="93"/>
      <c r="BH1415" s="93"/>
      <c r="BI1415" s="93"/>
      <c r="BJ1415" s="93"/>
      <c r="BK1415" s="93"/>
      <c r="BL1415" s="93"/>
    </row>
    <row r="1416" spans="2:64" x14ac:dyDescent="0.2">
      <c r="B1416" s="43"/>
      <c r="C1416" s="73"/>
      <c r="D1416" s="64"/>
      <c r="E1416" s="55"/>
      <c r="F1416" s="74"/>
      <c r="G1416" s="74"/>
      <c r="H1416" s="74"/>
      <c r="I1416" s="75"/>
      <c r="J1416" s="74"/>
      <c r="L1416" s="55"/>
      <c r="M1416" s="234"/>
      <c r="N1416" s="65"/>
      <c r="O1416" s="76"/>
      <c r="P1416" s="76"/>
      <c r="Q1416" s="65"/>
      <c r="R1416" s="76"/>
      <c r="S1416" s="76"/>
      <c r="T1416" s="76"/>
      <c r="U1416" s="76"/>
      <c r="V1416" s="76"/>
      <c r="W1416" s="76"/>
      <c r="X1416" s="76"/>
      <c r="Y1416" s="76"/>
      <c r="Z1416" s="76"/>
      <c r="AA1416" s="85"/>
      <c r="AB1416" s="85"/>
      <c r="AC1416" s="85"/>
      <c r="AD1416" s="85"/>
      <c r="AE1416" s="85"/>
      <c r="AF1416" s="85"/>
      <c r="AG1416" s="86"/>
      <c r="AH1416" s="85"/>
      <c r="AI1416" s="85"/>
      <c r="AJ1416" s="85"/>
      <c r="AK1416" s="85"/>
      <c r="AL1416" s="85"/>
      <c r="AM1416" s="92"/>
      <c r="AN1416" s="92"/>
      <c r="AO1416" s="92"/>
      <c r="AP1416" s="92"/>
      <c r="AQ1416" s="92"/>
      <c r="AR1416" s="92"/>
      <c r="AS1416" s="92"/>
      <c r="AT1416" s="92"/>
      <c r="AU1416" s="92"/>
      <c r="AV1416" s="92"/>
      <c r="AW1416" s="92"/>
      <c r="AX1416" s="92"/>
      <c r="AY1416" s="92"/>
      <c r="AZ1416" s="93"/>
      <c r="BA1416" s="93"/>
      <c r="BB1416" s="93"/>
      <c r="BC1416" s="93"/>
      <c r="BD1416" s="93"/>
      <c r="BE1416" s="93"/>
      <c r="BF1416" s="93"/>
      <c r="BG1416" s="93"/>
      <c r="BH1416" s="93"/>
      <c r="BI1416" s="93"/>
      <c r="BJ1416" s="93"/>
      <c r="BK1416" s="93"/>
      <c r="BL1416" s="93"/>
    </row>
    <row r="1417" spans="2:64" x14ac:dyDescent="0.2">
      <c r="B1417" s="43"/>
      <c r="C1417" s="73"/>
      <c r="D1417" s="64"/>
      <c r="E1417" s="55"/>
      <c r="F1417" s="74"/>
      <c r="G1417" s="74"/>
      <c r="H1417" s="74"/>
      <c r="I1417" s="75"/>
      <c r="J1417" s="74"/>
      <c r="L1417" s="55"/>
      <c r="M1417" s="234"/>
      <c r="N1417" s="65"/>
      <c r="O1417" s="76"/>
      <c r="P1417" s="76"/>
      <c r="Q1417" s="65"/>
      <c r="R1417" s="76"/>
      <c r="S1417" s="76"/>
      <c r="T1417" s="76"/>
      <c r="U1417" s="76"/>
      <c r="V1417" s="76"/>
      <c r="W1417" s="76"/>
      <c r="X1417" s="76"/>
      <c r="Y1417" s="76"/>
      <c r="Z1417" s="76"/>
      <c r="AA1417" s="85"/>
      <c r="AB1417" s="85"/>
      <c r="AC1417" s="85"/>
      <c r="AD1417" s="85"/>
      <c r="AE1417" s="85"/>
      <c r="AF1417" s="85"/>
      <c r="AG1417" s="86"/>
      <c r="AH1417" s="85"/>
      <c r="AI1417" s="85"/>
      <c r="AJ1417" s="85"/>
      <c r="AK1417" s="85"/>
      <c r="AL1417" s="85"/>
      <c r="AM1417" s="92"/>
      <c r="AN1417" s="92"/>
      <c r="AO1417" s="92"/>
      <c r="AP1417" s="92"/>
      <c r="AQ1417" s="92"/>
      <c r="AR1417" s="92"/>
      <c r="AS1417" s="92"/>
      <c r="AT1417" s="92"/>
      <c r="AU1417" s="92"/>
      <c r="AV1417" s="92"/>
      <c r="AW1417" s="92"/>
      <c r="AX1417" s="92"/>
      <c r="AY1417" s="92"/>
      <c r="AZ1417" s="93"/>
      <c r="BA1417" s="93"/>
      <c r="BB1417" s="93"/>
      <c r="BC1417" s="93"/>
      <c r="BD1417" s="93"/>
      <c r="BE1417" s="93"/>
      <c r="BF1417" s="93"/>
      <c r="BG1417" s="93"/>
      <c r="BH1417" s="93"/>
      <c r="BI1417" s="93"/>
      <c r="BJ1417" s="93"/>
      <c r="BK1417" s="93"/>
      <c r="BL1417" s="93"/>
    </row>
    <row r="1418" spans="2:64" x14ac:dyDescent="0.2">
      <c r="B1418" s="43"/>
      <c r="C1418" s="73"/>
      <c r="D1418" s="64"/>
      <c r="E1418" s="55"/>
      <c r="F1418" s="74"/>
      <c r="G1418" s="74"/>
      <c r="H1418" s="74"/>
      <c r="I1418" s="75"/>
      <c r="J1418" s="74"/>
      <c r="L1418" s="55"/>
      <c r="M1418" s="234"/>
      <c r="N1418" s="65"/>
      <c r="O1418" s="76"/>
      <c r="P1418" s="76"/>
      <c r="Q1418" s="65"/>
      <c r="R1418" s="76"/>
      <c r="S1418" s="76"/>
      <c r="T1418" s="76"/>
      <c r="U1418" s="76"/>
      <c r="V1418" s="76"/>
      <c r="W1418" s="76"/>
      <c r="X1418" s="76"/>
      <c r="Y1418" s="76"/>
      <c r="Z1418" s="76"/>
      <c r="AA1418" s="85"/>
      <c r="AB1418" s="85"/>
      <c r="AC1418" s="85"/>
      <c r="AD1418" s="85"/>
      <c r="AE1418" s="85"/>
      <c r="AF1418" s="85"/>
      <c r="AG1418" s="86"/>
      <c r="AH1418" s="85"/>
      <c r="AI1418" s="85"/>
      <c r="AJ1418" s="85"/>
      <c r="AK1418" s="85"/>
      <c r="AL1418" s="85"/>
      <c r="AM1418" s="92"/>
      <c r="AN1418" s="92"/>
      <c r="AO1418" s="92"/>
      <c r="AP1418" s="92"/>
      <c r="AQ1418" s="92"/>
      <c r="AR1418" s="92"/>
      <c r="AS1418" s="92"/>
      <c r="AT1418" s="92"/>
      <c r="AU1418" s="92"/>
      <c r="AV1418" s="92"/>
      <c r="AW1418" s="92"/>
      <c r="AX1418" s="92"/>
      <c r="AY1418" s="92"/>
      <c r="AZ1418" s="93"/>
      <c r="BA1418" s="93"/>
      <c r="BB1418" s="93"/>
      <c r="BC1418" s="93"/>
      <c r="BD1418" s="93"/>
      <c r="BE1418" s="93"/>
      <c r="BF1418" s="93"/>
      <c r="BG1418" s="93"/>
      <c r="BH1418" s="93"/>
      <c r="BI1418" s="93"/>
      <c r="BJ1418" s="93"/>
      <c r="BK1418" s="93"/>
      <c r="BL1418" s="93"/>
    </row>
    <row r="1419" spans="2:64" x14ac:dyDescent="0.2">
      <c r="B1419" s="43"/>
      <c r="C1419" s="73"/>
      <c r="D1419" s="64"/>
      <c r="E1419" s="55"/>
      <c r="F1419" s="74"/>
      <c r="G1419" s="74"/>
      <c r="H1419" s="74"/>
      <c r="I1419" s="75"/>
      <c r="J1419" s="74"/>
      <c r="L1419" s="55"/>
      <c r="M1419" s="234"/>
      <c r="N1419" s="65"/>
      <c r="O1419" s="76"/>
      <c r="P1419" s="76"/>
      <c r="Q1419" s="65"/>
      <c r="R1419" s="76"/>
      <c r="S1419" s="76"/>
      <c r="T1419" s="76"/>
      <c r="U1419" s="76"/>
      <c r="V1419" s="76"/>
      <c r="W1419" s="76"/>
      <c r="X1419" s="76"/>
      <c r="Y1419" s="76"/>
      <c r="Z1419" s="76"/>
      <c r="AA1419" s="85"/>
      <c r="AB1419" s="85"/>
      <c r="AC1419" s="85"/>
      <c r="AD1419" s="85"/>
      <c r="AE1419" s="85"/>
      <c r="AF1419" s="85"/>
      <c r="AG1419" s="86"/>
      <c r="AH1419" s="85"/>
      <c r="AI1419" s="85"/>
      <c r="AJ1419" s="85"/>
      <c r="AK1419" s="85"/>
      <c r="AL1419" s="85"/>
      <c r="AM1419" s="92"/>
      <c r="AN1419" s="92"/>
      <c r="AO1419" s="92"/>
      <c r="AP1419" s="92"/>
      <c r="AQ1419" s="92"/>
      <c r="AR1419" s="92"/>
      <c r="AS1419" s="92"/>
      <c r="AT1419" s="92"/>
      <c r="AU1419" s="92"/>
      <c r="AV1419" s="92"/>
      <c r="AW1419" s="92"/>
      <c r="AX1419" s="92"/>
      <c r="AY1419" s="92"/>
      <c r="AZ1419" s="93"/>
      <c r="BA1419" s="93"/>
      <c r="BB1419" s="93"/>
      <c r="BC1419" s="93"/>
      <c r="BD1419" s="93"/>
      <c r="BE1419" s="93"/>
      <c r="BF1419" s="93"/>
      <c r="BG1419" s="93"/>
      <c r="BH1419" s="93"/>
      <c r="BI1419" s="93"/>
      <c r="BJ1419" s="93"/>
      <c r="BK1419" s="93"/>
      <c r="BL1419" s="93"/>
    </row>
    <row r="1420" spans="2:64" x14ac:dyDescent="0.2">
      <c r="B1420" s="43"/>
      <c r="C1420" s="73"/>
      <c r="D1420" s="64"/>
      <c r="E1420" s="55"/>
      <c r="F1420" s="74"/>
      <c r="G1420" s="74"/>
      <c r="H1420" s="74"/>
      <c r="I1420" s="75"/>
      <c r="J1420" s="74"/>
      <c r="L1420" s="55"/>
      <c r="M1420" s="234"/>
      <c r="N1420" s="65"/>
      <c r="O1420" s="76"/>
      <c r="P1420" s="76"/>
      <c r="Q1420" s="65"/>
      <c r="R1420" s="76"/>
      <c r="S1420" s="76"/>
      <c r="T1420" s="76"/>
      <c r="U1420" s="76"/>
      <c r="V1420" s="76"/>
      <c r="W1420" s="76"/>
      <c r="X1420" s="76"/>
      <c r="Y1420" s="76"/>
      <c r="Z1420" s="76"/>
      <c r="AA1420" s="85"/>
      <c r="AB1420" s="85"/>
      <c r="AC1420" s="85"/>
      <c r="AD1420" s="85"/>
      <c r="AE1420" s="85"/>
      <c r="AF1420" s="85"/>
      <c r="AG1420" s="86"/>
      <c r="AH1420" s="85"/>
      <c r="AI1420" s="85"/>
      <c r="AJ1420" s="85"/>
      <c r="AK1420" s="85"/>
      <c r="AL1420" s="85"/>
      <c r="AM1420" s="92"/>
      <c r="AN1420" s="92"/>
      <c r="AO1420" s="92"/>
      <c r="AP1420" s="92"/>
      <c r="AQ1420" s="92"/>
      <c r="AR1420" s="92"/>
      <c r="AS1420" s="92"/>
      <c r="AT1420" s="92"/>
      <c r="AU1420" s="92"/>
      <c r="AV1420" s="92"/>
      <c r="AW1420" s="92"/>
      <c r="AX1420" s="92"/>
      <c r="AY1420" s="92"/>
      <c r="AZ1420" s="93"/>
      <c r="BA1420" s="93"/>
      <c r="BB1420" s="93"/>
      <c r="BC1420" s="93"/>
      <c r="BD1420" s="93"/>
      <c r="BE1420" s="93"/>
      <c r="BF1420" s="93"/>
      <c r="BG1420" s="93"/>
      <c r="BH1420" s="93"/>
      <c r="BI1420" s="93"/>
      <c r="BJ1420" s="93"/>
      <c r="BK1420" s="93"/>
      <c r="BL1420" s="93"/>
    </row>
    <row r="1421" spans="2:64" x14ac:dyDescent="0.2">
      <c r="B1421" s="43"/>
      <c r="C1421" s="73"/>
      <c r="D1421" s="64"/>
      <c r="E1421" s="55"/>
      <c r="F1421" s="74"/>
      <c r="G1421" s="74"/>
      <c r="H1421" s="74"/>
      <c r="I1421" s="75"/>
      <c r="J1421" s="74"/>
      <c r="L1421" s="55"/>
      <c r="M1421" s="234"/>
      <c r="N1421" s="65"/>
      <c r="O1421" s="76"/>
      <c r="P1421" s="76"/>
      <c r="Q1421" s="65"/>
      <c r="R1421" s="76"/>
      <c r="S1421" s="76"/>
      <c r="T1421" s="76"/>
      <c r="U1421" s="76"/>
      <c r="V1421" s="76"/>
      <c r="W1421" s="76"/>
      <c r="X1421" s="76"/>
      <c r="Y1421" s="76"/>
      <c r="Z1421" s="76"/>
      <c r="AA1421" s="85"/>
      <c r="AB1421" s="85"/>
      <c r="AC1421" s="85"/>
      <c r="AD1421" s="85"/>
      <c r="AE1421" s="85"/>
      <c r="AF1421" s="85"/>
      <c r="AG1421" s="86"/>
      <c r="AH1421" s="85"/>
      <c r="AI1421" s="85"/>
      <c r="AJ1421" s="85"/>
      <c r="AK1421" s="85"/>
      <c r="AL1421" s="85"/>
      <c r="AM1421" s="92"/>
      <c r="AN1421" s="92"/>
      <c r="AO1421" s="92"/>
      <c r="AP1421" s="92"/>
      <c r="AQ1421" s="92"/>
      <c r="AR1421" s="92"/>
      <c r="AS1421" s="92"/>
      <c r="AT1421" s="92"/>
      <c r="AU1421" s="92"/>
      <c r="AV1421" s="92"/>
      <c r="AW1421" s="92"/>
      <c r="AX1421" s="92"/>
      <c r="AY1421" s="92"/>
      <c r="AZ1421" s="93"/>
      <c r="BA1421" s="93"/>
      <c r="BB1421" s="93"/>
      <c r="BC1421" s="93"/>
      <c r="BD1421" s="93"/>
      <c r="BE1421" s="93"/>
      <c r="BF1421" s="93"/>
      <c r="BG1421" s="93"/>
      <c r="BH1421" s="93"/>
      <c r="BI1421" s="93"/>
      <c r="BJ1421" s="93"/>
      <c r="BK1421" s="93"/>
      <c r="BL1421" s="93"/>
    </row>
    <row r="1422" spans="2:64" x14ac:dyDescent="0.2">
      <c r="B1422" s="43"/>
      <c r="C1422" s="73"/>
      <c r="D1422" s="64"/>
      <c r="E1422" s="55"/>
      <c r="F1422" s="74"/>
      <c r="G1422" s="74"/>
      <c r="H1422" s="74"/>
      <c r="I1422" s="75"/>
      <c r="J1422" s="74"/>
      <c r="L1422" s="55"/>
      <c r="M1422" s="234"/>
      <c r="N1422" s="65"/>
      <c r="O1422" s="76"/>
      <c r="P1422" s="76"/>
      <c r="Q1422" s="65"/>
      <c r="R1422" s="76"/>
      <c r="S1422" s="76"/>
      <c r="T1422" s="76"/>
      <c r="U1422" s="76"/>
      <c r="V1422" s="76"/>
      <c r="W1422" s="76"/>
      <c r="X1422" s="76"/>
      <c r="Y1422" s="76"/>
      <c r="Z1422" s="76"/>
      <c r="AA1422" s="85"/>
      <c r="AB1422" s="85"/>
      <c r="AC1422" s="85"/>
      <c r="AD1422" s="85"/>
      <c r="AE1422" s="85"/>
      <c r="AF1422" s="85"/>
      <c r="AG1422" s="86"/>
      <c r="AH1422" s="85"/>
      <c r="AI1422" s="85"/>
      <c r="AJ1422" s="85"/>
      <c r="AK1422" s="85"/>
      <c r="AL1422" s="85"/>
      <c r="AM1422" s="92"/>
      <c r="AN1422" s="92"/>
      <c r="AO1422" s="92"/>
      <c r="AP1422" s="92"/>
      <c r="AQ1422" s="92"/>
      <c r="AR1422" s="92"/>
      <c r="AS1422" s="92"/>
      <c r="AT1422" s="92"/>
      <c r="AU1422" s="92"/>
      <c r="AV1422" s="92"/>
      <c r="AW1422" s="92"/>
      <c r="AX1422" s="92"/>
      <c r="AY1422" s="92"/>
      <c r="AZ1422" s="93"/>
      <c r="BA1422" s="93"/>
      <c r="BB1422" s="93"/>
      <c r="BC1422" s="93"/>
      <c r="BD1422" s="93"/>
      <c r="BE1422" s="93"/>
      <c r="BF1422" s="93"/>
      <c r="BG1422" s="93"/>
      <c r="BH1422" s="93"/>
      <c r="BI1422" s="93"/>
      <c r="BJ1422" s="93"/>
      <c r="BK1422" s="93"/>
      <c r="BL1422" s="93"/>
    </row>
    <row r="1423" spans="2:64" x14ac:dyDescent="0.2">
      <c r="B1423" s="43"/>
      <c r="C1423" s="73"/>
      <c r="D1423" s="64"/>
      <c r="E1423" s="55"/>
      <c r="F1423" s="74"/>
      <c r="G1423" s="74"/>
      <c r="H1423" s="74"/>
      <c r="I1423" s="75"/>
      <c r="J1423" s="74"/>
      <c r="L1423" s="55"/>
      <c r="M1423" s="234"/>
      <c r="N1423" s="65"/>
      <c r="O1423" s="76"/>
      <c r="P1423" s="76"/>
      <c r="Q1423" s="65"/>
      <c r="R1423" s="76"/>
      <c r="S1423" s="76"/>
      <c r="T1423" s="76"/>
      <c r="U1423" s="76"/>
      <c r="V1423" s="76"/>
      <c r="W1423" s="76"/>
      <c r="X1423" s="76"/>
      <c r="Y1423" s="76"/>
      <c r="Z1423" s="76"/>
      <c r="AA1423" s="85"/>
      <c r="AB1423" s="85"/>
      <c r="AC1423" s="85"/>
      <c r="AD1423" s="85"/>
      <c r="AE1423" s="85"/>
      <c r="AF1423" s="85"/>
      <c r="AG1423" s="86"/>
      <c r="AH1423" s="85"/>
      <c r="AI1423" s="85"/>
      <c r="AJ1423" s="85"/>
      <c r="AK1423" s="85"/>
      <c r="AL1423" s="85"/>
      <c r="AM1423" s="92"/>
      <c r="AN1423" s="92"/>
      <c r="AO1423" s="92"/>
      <c r="AP1423" s="92"/>
      <c r="AQ1423" s="92"/>
      <c r="AR1423" s="92"/>
      <c r="AS1423" s="92"/>
      <c r="AT1423" s="92"/>
      <c r="AU1423" s="92"/>
      <c r="AV1423" s="92"/>
      <c r="AW1423" s="92"/>
      <c r="AX1423" s="92"/>
      <c r="AY1423" s="92"/>
      <c r="AZ1423" s="93"/>
      <c r="BA1423" s="93"/>
      <c r="BB1423" s="93"/>
      <c r="BC1423" s="93"/>
      <c r="BD1423" s="93"/>
      <c r="BE1423" s="93"/>
      <c r="BF1423" s="93"/>
      <c r="BG1423" s="93"/>
      <c r="BH1423" s="93"/>
      <c r="BI1423" s="93"/>
      <c r="BJ1423" s="93"/>
      <c r="BK1423" s="93"/>
      <c r="BL1423" s="93"/>
    </row>
    <row r="1424" spans="2:64" x14ac:dyDescent="0.2">
      <c r="B1424" s="43"/>
      <c r="C1424" s="73"/>
      <c r="D1424" s="64"/>
      <c r="E1424" s="55"/>
      <c r="F1424" s="74"/>
      <c r="G1424" s="74"/>
      <c r="H1424" s="74"/>
      <c r="I1424" s="75"/>
      <c r="J1424" s="74"/>
      <c r="L1424" s="55"/>
      <c r="M1424" s="234"/>
      <c r="N1424" s="65"/>
      <c r="O1424" s="76"/>
      <c r="P1424" s="76"/>
      <c r="Q1424" s="65"/>
      <c r="R1424" s="76"/>
      <c r="S1424" s="76"/>
      <c r="T1424" s="76"/>
      <c r="U1424" s="76"/>
      <c r="V1424" s="76"/>
      <c r="W1424" s="76"/>
      <c r="X1424" s="76"/>
      <c r="Y1424" s="76"/>
      <c r="Z1424" s="76"/>
      <c r="AA1424" s="85"/>
      <c r="AB1424" s="85"/>
      <c r="AC1424" s="85"/>
      <c r="AD1424" s="85"/>
      <c r="AE1424" s="85"/>
      <c r="AF1424" s="85"/>
      <c r="AG1424" s="86"/>
      <c r="AH1424" s="85"/>
      <c r="AI1424" s="85"/>
      <c r="AJ1424" s="85"/>
      <c r="AK1424" s="85"/>
      <c r="AL1424" s="85"/>
      <c r="AM1424" s="92"/>
      <c r="AN1424" s="92"/>
      <c r="AO1424" s="92"/>
      <c r="AP1424" s="92"/>
      <c r="AQ1424" s="92"/>
      <c r="AR1424" s="92"/>
      <c r="AS1424" s="92"/>
      <c r="AT1424" s="92"/>
      <c r="AU1424" s="92"/>
      <c r="AV1424" s="92"/>
      <c r="AW1424" s="92"/>
      <c r="AX1424" s="92"/>
      <c r="AY1424" s="92"/>
      <c r="AZ1424" s="93"/>
      <c r="BA1424" s="93"/>
      <c r="BB1424" s="93"/>
      <c r="BC1424" s="93"/>
      <c r="BD1424" s="93"/>
      <c r="BE1424" s="93"/>
      <c r="BF1424" s="93"/>
      <c r="BG1424" s="93"/>
      <c r="BH1424" s="93"/>
      <c r="BI1424" s="93"/>
      <c r="BJ1424" s="93"/>
      <c r="BK1424" s="93"/>
      <c r="BL1424" s="93"/>
    </row>
    <row r="1425" spans="2:64" x14ac:dyDescent="0.2">
      <c r="B1425" s="43"/>
      <c r="C1425" s="73"/>
      <c r="D1425" s="64"/>
      <c r="E1425" s="55"/>
      <c r="F1425" s="74"/>
      <c r="G1425" s="74"/>
      <c r="H1425" s="74"/>
      <c r="I1425" s="75"/>
      <c r="J1425" s="74"/>
      <c r="L1425" s="55"/>
      <c r="M1425" s="234"/>
      <c r="N1425" s="65"/>
      <c r="O1425" s="76"/>
      <c r="P1425" s="76"/>
      <c r="Q1425" s="65"/>
      <c r="R1425" s="76"/>
      <c r="S1425" s="76"/>
      <c r="T1425" s="76"/>
      <c r="U1425" s="76"/>
      <c r="V1425" s="76"/>
      <c r="W1425" s="76"/>
      <c r="X1425" s="76"/>
      <c r="Y1425" s="76"/>
      <c r="Z1425" s="76"/>
      <c r="AA1425" s="85"/>
      <c r="AB1425" s="85"/>
      <c r="AC1425" s="85"/>
      <c r="AD1425" s="85"/>
      <c r="AE1425" s="85"/>
      <c r="AF1425" s="85"/>
      <c r="AG1425" s="86"/>
      <c r="AH1425" s="85"/>
      <c r="AI1425" s="85"/>
      <c r="AJ1425" s="85"/>
      <c r="AK1425" s="85"/>
      <c r="AL1425" s="85"/>
      <c r="AM1425" s="92"/>
      <c r="AN1425" s="92"/>
      <c r="AO1425" s="92"/>
      <c r="AP1425" s="92"/>
      <c r="AQ1425" s="92"/>
      <c r="AR1425" s="92"/>
      <c r="AS1425" s="92"/>
      <c r="AT1425" s="92"/>
      <c r="AU1425" s="92"/>
      <c r="AV1425" s="92"/>
      <c r="AW1425" s="92"/>
      <c r="AX1425" s="92"/>
      <c r="AY1425" s="92"/>
      <c r="AZ1425" s="93"/>
      <c r="BA1425" s="93"/>
      <c r="BB1425" s="93"/>
      <c r="BC1425" s="93"/>
      <c r="BD1425" s="93"/>
      <c r="BE1425" s="93"/>
      <c r="BF1425" s="93"/>
      <c r="BG1425" s="93"/>
      <c r="BH1425" s="93"/>
      <c r="BI1425" s="93"/>
      <c r="BJ1425" s="93"/>
      <c r="BK1425" s="93"/>
      <c r="BL1425" s="93"/>
    </row>
    <row r="1426" spans="2:64" x14ac:dyDescent="0.2">
      <c r="B1426" s="43"/>
      <c r="C1426" s="73"/>
      <c r="D1426" s="64"/>
      <c r="E1426" s="55"/>
      <c r="F1426" s="74"/>
      <c r="G1426" s="74"/>
      <c r="H1426" s="74"/>
      <c r="I1426" s="75"/>
      <c r="J1426" s="74"/>
      <c r="L1426" s="55"/>
      <c r="M1426" s="234"/>
      <c r="N1426" s="65"/>
      <c r="O1426" s="76"/>
      <c r="P1426" s="76"/>
      <c r="Q1426" s="65"/>
      <c r="R1426" s="76"/>
      <c r="S1426" s="76"/>
      <c r="T1426" s="76"/>
      <c r="U1426" s="76"/>
      <c r="V1426" s="76"/>
      <c r="W1426" s="76"/>
      <c r="X1426" s="76"/>
      <c r="Y1426" s="76"/>
      <c r="Z1426" s="76"/>
      <c r="AA1426" s="85"/>
      <c r="AB1426" s="85"/>
      <c r="AC1426" s="85"/>
      <c r="AD1426" s="85"/>
      <c r="AE1426" s="85"/>
      <c r="AF1426" s="85"/>
      <c r="AG1426" s="86"/>
      <c r="AH1426" s="85"/>
      <c r="AI1426" s="85"/>
      <c r="AJ1426" s="85"/>
      <c r="AK1426" s="85"/>
      <c r="AL1426" s="85"/>
      <c r="AM1426" s="92"/>
      <c r="AN1426" s="92"/>
      <c r="AO1426" s="92"/>
      <c r="AP1426" s="92"/>
      <c r="AQ1426" s="92"/>
      <c r="AR1426" s="92"/>
      <c r="AS1426" s="92"/>
      <c r="AT1426" s="92"/>
      <c r="AU1426" s="92"/>
      <c r="AV1426" s="92"/>
      <c r="AW1426" s="92"/>
      <c r="AX1426" s="92"/>
      <c r="AY1426" s="92"/>
      <c r="AZ1426" s="93"/>
      <c r="BA1426" s="93"/>
      <c r="BB1426" s="93"/>
      <c r="BC1426" s="93"/>
      <c r="BD1426" s="93"/>
      <c r="BE1426" s="93"/>
      <c r="BF1426" s="93"/>
      <c r="BG1426" s="93"/>
      <c r="BH1426" s="93"/>
      <c r="BI1426" s="93"/>
      <c r="BJ1426" s="93"/>
      <c r="BK1426" s="93"/>
      <c r="BL1426" s="93"/>
    </row>
    <row r="1427" spans="2:64" x14ac:dyDescent="0.2">
      <c r="B1427" s="43"/>
      <c r="C1427" s="73"/>
      <c r="D1427" s="64"/>
      <c r="E1427" s="55"/>
      <c r="F1427" s="74"/>
      <c r="G1427" s="74"/>
      <c r="H1427" s="74"/>
      <c r="I1427" s="75"/>
      <c r="J1427" s="74"/>
      <c r="L1427" s="55"/>
      <c r="M1427" s="234"/>
      <c r="N1427" s="65"/>
      <c r="O1427" s="76"/>
      <c r="P1427" s="76"/>
      <c r="Q1427" s="65"/>
      <c r="R1427" s="76"/>
      <c r="S1427" s="76"/>
      <c r="T1427" s="76"/>
      <c r="U1427" s="76"/>
      <c r="V1427" s="76"/>
      <c r="W1427" s="76"/>
      <c r="X1427" s="76"/>
      <c r="Y1427" s="76"/>
      <c r="Z1427" s="76"/>
      <c r="AA1427" s="85"/>
      <c r="AB1427" s="85"/>
      <c r="AC1427" s="85"/>
      <c r="AD1427" s="85"/>
      <c r="AE1427" s="85"/>
      <c r="AF1427" s="85"/>
      <c r="AG1427" s="86"/>
      <c r="AH1427" s="85"/>
      <c r="AI1427" s="85"/>
      <c r="AJ1427" s="85"/>
      <c r="AK1427" s="85"/>
      <c r="AL1427" s="85"/>
      <c r="AM1427" s="92"/>
      <c r="AN1427" s="92"/>
      <c r="AO1427" s="92"/>
      <c r="AP1427" s="92"/>
      <c r="AQ1427" s="92"/>
      <c r="AR1427" s="92"/>
      <c r="AS1427" s="92"/>
      <c r="AT1427" s="92"/>
      <c r="AU1427" s="92"/>
      <c r="AV1427" s="92"/>
      <c r="AW1427" s="92"/>
      <c r="AX1427" s="92"/>
      <c r="AY1427" s="92"/>
      <c r="AZ1427" s="93"/>
      <c r="BA1427" s="93"/>
      <c r="BB1427" s="93"/>
      <c r="BC1427" s="93"/>
      <c r="BD1427" s="93"/>
      <c r="BE1427" s="93"/>
      <c r="BF1427" s="93"/>
      <c r="BG1427" s="93"/>
      <c r="BH1427" s="93"/>
      <c r="BI1427" s="93"/>
      <c r="BJ1427" s="93"/>
      <c r="BK1427" s="93"/>
      <c r="BL1427" s="93"/>
    </row>
    <row r="1428" spans="2:64" x14ac:dyDescent="0.2">
      <c r="B1428" s="43"/>
      <c r="C1428" s="73"/>
      <c r="D1428" s="64"/>
      <c r="E1428" s="55"/>
      <c r="F1428" s="74"/>
      <c r="G1428" s="74"/>
      <c r="H1428" s="74"/>
      <c r="I1428" s="75"/>
      <c r="J1428" s="74"/>
      <c r="L1428" s="55"/>
      <c r="M1428" s="234"/>
      <c r="N1428" s="65"/>
      <c r="O1428" s="76"/>
      <c r="P1428" s="76"/>
      <c r="Q1428" s="65"/>
      <c r="R1428" s="76"/>
      <c r="S1428" s="76"/>
      <c r="T1428" s="76"/>
      <c r="U1428" s="76"/>
      <c r="V1428" s="76"/>
      <c r="W1428" s="76"/>
      <c r="X1428" s="76"/>
      <c r="Y1428" s="76"/>
      <c r="Z1428" s="76"/>
      <c r="AA1428" s="85"/>
      <c r="AB1428" s="85"/>
      <c r="AC1428" s="85"/>
      <c r="AD1428" s="85"/>
      <c r="AE1428" s="85"/>
      <c r="AF1428" s="85"/>
      <c r="AG1428" s="86"/>
      <c r="AH1428" s="85"/>
      <c r="AI1428" s="85"/>
      <c r="AJ1428" s="85"/>
      <c r="AK1428" s="85"/>
      <c r="AL1428" s="85"/>
      <c r="AM1428" s="92"/>
      <c r="AN1428" s="92"/>
      <c r="AO1428" s="92"/>
      <c r="AP1428" s="92"/>
      <c r="AQ1428" s="92"/>
      <c r="AR1428" s="92"/>
      <c r="AS1428" s="92"/>
      <c r="AT1428" s="92"/>
      <c r="AU1428" s="92"/>
      <c r="AV1428" s="92"/>
      <c r="AW1428" s="92"/>
      <c r="AX1428" s="92"/>
      <c r="AY1428" s="92"/>
      <c r="AZ1428" s="93"/>
      <c r="BA1428" s="93"/>
      <c r="BB1428" s="93"/>
      <c r="BC1428" s="93"/>
      <c r="BD1428" s="93"/>
      <c r="BE1428" s="93"/>
      <c r="BF1428" s="93"/>
      <c r="BG1428" s="93"/>
      <c r="BH1428" s="93"/>
      <c r="BI1428" s="93"/>
      <c r="BJ1428" s="93"/>
      <c r="BK1428" s="93"/>
      <c r="BL1428" s="93"/>
    </row>
    <row r="1429" spans="2:64" x14ac:dyDescent="0.2">
      <c r="B1429" s="43"/>
      <c r="C1429" s="73"/>
      <c r="D1429" s="64"/>
      <c r="E1429" s="55"/>
      <c r="F1429" s="74"/>
      <c r="G1429" s="74"/>
      <c r="H1429" s="74"/>
      <c r="I1429" s="75"/>
      <c r="J1429" s="74"/>
      <c r="L1429" s="55"/>
      <c r="M1429" s="234"/>
      <c r="N1429" s="65"/>
      <c r="O1429" s="76"/>
      <c r="P1429" s="76"/>
      <c r="Q1429" s="65"/>
      <c r="R1429" s="76"/>
      <c r="S1429" s="76"/>
      <c r="T1429" s="76"/>
      <c r="U1429" s="76"/>
      <c r="V1429" s="76"/>
      <c r="W1429" s="76"/>
      <c r="X1429" s="76"/>
      <c r="Y1429" s="76"/>
      <c r="Z1429" s="76"/>
      <c r="AA1429" s="85"/>
      <c r="AB1429" s="85"/>
      <c r="AC1429" s="85"/>
      <c r="AD1429" s="85"/>
      <c r="AE1429" s="85"/>
      <c r="AF1429" s="85"/>
      <c r="AG1429" s="86"/>
      <c r="AH1429" s="85"/>
      <c r="AI1429" s="85"/>
      <c r="AJ1429" s="85"/>
      <c r="AK1429" s="85"/>
      <c r="AL1429" s="85"/>
      <c r="AM1429" s="92"/>
      <c r="AN1429" s="92"/>
      <c r="AO1429" s="92"/>
      <c r="AP1429" s="92"/>
      <c r="AQ1429" s="92"/>
      <c r="AR1429" s="92"/>
      <c r="AS1429" s="92"/>
      <c r="AT1429" s="92"/>
      <c r="AU1429" s="92"/>
      <c r="AV1429" s="92"/>
      <c r="AW1429" s="92"/>
      <c r="AX1429" s="92"/>
      <c r="AY1429" s="92"/>
      <c r="AZ1429" s="93"/>
      <c r="BA1429" s="93"/>
      <c r="BB1429" s="93"/>
      <c r="BC1429" s="93"/>
      <c r="BD1429" s="93"/>
      <c r="BE1429" s="93"/>
      <c r="BF1429" s="93"/>
      <c r="BG1429" s="93"/>
      <c r="BH1429" s="93"/>
      <c r="BI1429" s="93"/>
      <c r="BJ1429" s="93"/>
      <c r="BK1429" s="93"/>
      <c r="BL1429" s="93"/>
    </row>
    <row r="1430" spans="2:64" x14ac:dyDescent="0.2">
      <c r="B1430" s="43"/>
      <c r="C1430" s="73"/>
      <c r="D1430" s="64"/>
      <c r="E1430" s="55"/>
      <c r="F1430" s="74"/>
      <c r="G1430" s="74"/>
      <c r="H1430" s="74"/>
      <c r="I1430" s="75"/>
      <c r="J1430" s="74"/>
      <c r="L1430" s="55"/>
      <c r="M1430" s="234"/>
      <c r="N1430" s="65"/>
      <c r="O1430" s="76"/>
      <c r="P1430" s="76"/>
      <c r="Q1430" s="65"/>
      <c r="R1430" s="76"/>
      <c r="S1430" s="76"/>
      <c r="T1430" s="76"/>
      <c r="U1430" s="76"/>
      <c r="V1430" s="76"/>
      <c r="W1430" s="76"/>
      <c r="X1430" s="76"/>
      <c r="Y1430" s="76"/>
      <c r="Z1430" s="76"/>
      <c r="AA1430" s="85"/>
      <c r="AB1430" s="85"/>
      <c r="AC1430" s="85"/>
      <c r="AD1430" s="85"/>
      <c r="AE1430" s="85"/>
      <c r="AF1430" s="85"/>
      <c r="AG1430" s="86"/>
      <c r="AH1430" s="85"/>
      <c r="AI1430" s="85"/>
      <c r="AJ1430" s="85"/>
      <c r="AK1430" s="85"/>
      <c r="AL1430" s="85"/>
      <c r="AM1430" s="92"/>
      <c r="AN1430" s="92"/>
      <c r="AO1430" s="92"/>
      <c r="AP1430" s="92"/>
      <c r="AQ1430" s="92"/>
      <c r="AR1430" s="92"/>
      <c r="AS1430" s="92"/>
      <c r="AT1430" s="92"/>
      <c r="AU1430" s="92"/>
      <c r="AV1430" s="92"/>
      <c r="AW1430" s="92"/>
      <c r="AX1430" s="92"/>
      <c r="AY1430" s="92"/>
      <c r="AZ1430" s="93"/>
      <c r="BA1430" s="93"/>
      <c r="BB1430" s="93"/>
      <c r="BC1430" s="93"/>
      <c r="BD1430" s="93"/>
      <c r="BE1430" s="93"/>
      <c r="BF1430" s="93"/>
      <c r="BG1430" s="93"/>
      <c r="BH1430" s="93"/>
      <c r="BI1430" s="93"/>
      <c r="BJ1430" s="93"/>
      <c r="BK1430" s="93"/>
      <c r="BL1430" s="93"/>
    </row>
    <row r="1431" spans="2:64" x14ac:dyDescent="0.2">
      <c r="B1431" s="43"/>
      <c r="C1431" s="73"/>
      <c r="D1431" s="64"/>
      <c r="E1431" s="55"/>
      <c r="F1431" s="74"/>
      <c r="G1431" s="74"/>
      <c r="H1431" s="74"/>
      <c r="I1431" s="75"/>
      <c r="J1431" s="74"/>
      <c r="L1431" s="55"/>
      <c r="M1431" s="234"/>
      <c r="N1431" s="65"/>
      <c r="O1431" s="76"/>
      <c r="P1431" s="76"/>
      <c r="Q1431" s="65"/>
      <c r="R1431" s="76"/>
      <c r="S1431" s="76"/>
      <c r="T1431" s="76"/>
      <c r="U1431" s="76"/>
      <c r="V1431" s="76"/>
      <c r="W1431" s="76"/>
      <c r="X1431" s="76"/>
      <c r="Y1431" s="76"/>
      <c r="Z1431" s="76"/>
      <c r="AA1431" s="85"/>
      <c r="AB1431" s="85"/>
      <c r="AC1431" s="85"/>
      <c r="AD1431" s="85"/>
      <c r="AE1431" s="85"/>
      <c r="AF1431" s="85"/>
      <c r="AG1431" s="86"/>
      <c r="AH1431" s="85"/>
      <c r="AI1431" s="85"/>
      <c r="AJ1431" s="85"/>
      <c r="AK1431" s="85"/>
      <c r="AL1431" s="85"/>
      <c r="AM1431" s="92"/>
      <c r="AN1431" s="92"/>
      <c r="AO1431" s="92"/>
      <c r="AP1431" s="92"/>
      <c r="AQ1431" s="92"/>
      <c r="AR1431" s="92"/>
      <c r="AS1431" s="92"/>
      <c r="AT1431" s="92"/>
      <c r="AU1431" s="92"/>
      <c r="AV1431" s="92"/>
      <c r="AW1431" s="92"/>
      <c r="AX1431" s="92"/>
      <c r="AY1431" s="92"/>
      <c r="AZ1431" s="93"/>
      <c r="BA1431" s="93"/>
      <c r="BB1431" s="93"/>
      <c r="BC1431" s="93"/>
      <c r="BD1431" s="93"/>
      <c r="BE1431" s="93"/>
      <c r="BF1431" s="93"/>
      <c r="BG1431" s="93"/>
      <c r="BH1431" s="93"/>
      <c r="BI1431" s="93"/>
      <c r="BJ1431" s="93"/>
      <c r="BK1431" s="93"/>
      <c r="BL1431" s="93"/>
    </row>
    <row r="1432" spans="2:64" x14ac:dyDescent="0.2">
      <c r="B1432" s="43"/>
      <c r="C1432" s="73"/>
      <c r="D1432" s="64"/>
      <c r="E1432" s="55"/>
      <c r="F1432" s="74"/>
      <c r="G1432" s="74"/>
      <c r="H1432" s="74"/>
      <c r="I1432" s="75"/>
      <c r="J1432" s="74"/>
      <c r="L1432" s="55"/>
      <c r="M1432" s="234"/>
      <c r="N1432" s="65"/>
      <c r="O1432" s="76"/>
      <c r="P1432" s="76"/>
      <c r="Q1432" s="65"/>
      <c r="R1432" s="76"/>
      <c r="S1432" s="76"/>
      <c r="T1432" s="76"/>
      <c r="U1432" s="76"/>
      <c r="V1432" s="76"/>
      <c r="W1432" s="76"/>
      <c r="X1432" s="76"/>
      <c r="Y1432" s="76"/>
      <c r="Z1432" s="76"/>
      <c r="AA1432" s="85"/>
      <c r="AB1432" s="85"/>
      <c r="AC1432" s="85"/>
      <c r="AD1432" s="85"/>
      <c r="AE1432" s="85"/>
      <c r="AF1432" s="85"/>
      <c r="AG1432" s="86"/>
      <c r="AH1432" s="85"/>
      <c r="AI1432" s="85"/>
      <c r="AJ1432" s="85"/>
      <c r="AK1432" s="85"/>
      <c r="AL1432" s="85"/>
      <c r="AM1432" s="92"/>
      <c r="AN1432" s="92"/>
      <c r="AO1432" s="92"/>
      <c r="AP1432" s="92"/>
      <c r="AQ1432" s="92"/>
      <c r="AR1432" s="92"/>
      <c r="AS1432" s="92"/>
      <c r="AT1432" s="92"/>
      <c r="AU1432" s="92"/>
      <c r="AV1432" s="92"/>
      <c r="AW1432" s="92"/>
      <c r="AX1432" s="92"/>
      <c r="AY1432" s="92"/>
      <c r="AZ1432" s="93"/>
      <c r="BA1432" s="93"/>
      <c r="BB1432" s="93"/>
      <c r="BC1432" s="93"/>
      <c r="BD1432" s="93"/>
      <c r="BE1432" s="93"/>
      <c r="BF1432" s="93"/>
      <c r="BG1432" s="93"/>
      <c r="BH1432" s="93"/>
      <c r="BI1432" s="93"/>
      <c r="BJ1432" s="93"/>
      <c r="BK1432" s="93"/>
      <c r="BL1432" s="93"/>
    </row>
    <row r="1433" spans="2:64" x14ac:dyDescent="0.2">
      <c r="B1433" s="43"/>
      <c r="C1433" s="73"/>
      <c r="D1433" s="64"/>
      <c r="E1433" s="55"/>
      <c r="F1433" s="74"/>
      <c r="G1433" s="74"/>
      <c r="H1433" s="74"/>
      <c r="I1433" s="75"/>
      <c r="J1433" s="74"/>
      <c r="L1433" s="55"/>
      <c r="M1433" s="234"/>
      <c r="N1433" s="65"/>
      <c r="O1433" s="76"/>
      <c r="P1433" s="76"/>
      <c r="Q1433" s="65"/>
      <c r="R1433" s="76"/>
      <c r="S1433" s="76"/>
      <c r="T1433" s="76"/>
      <c r="U1433" s="76"/>
      <c r="V1433" s="76"/>
      <c r="W1433" s="76"/>
      <c r="X1433" s="76"/>
      <c r="Y1433" s="76"/>
      <c r="Z1433" s="76"/>
      <c r="AA1433" s="85"/>
      <c r="AB1433" s="85"/>
      <c r="AC1433" s="85"/>
      <c r="AD1433" s="85"/>
      <c r="AE1433" s="85"/>
      <c r="AF1433" s="85"/>
      <c r="AG1433" s="86"/>
      <c r="AH1433" s="85"/>
      <c r="AI1433" s="85"/>
      <c r="AJ1433" s="85"/>
      <c r="AK1433" s="85"/>
      <c r="AL1433" s="85"/>
      <c r="AM1433" s="92"/>
      <c r="AN1433" s="92"/>
      <c r="AO1433" s="92"/>
      <c r="AP1433" s="92"/>
      <c r="AQ1433" s="92"/>
      <c r="AR1433" s="92"/>
      <c r="AS1433" s="92"/>
      <c r="AT1433" s="92"/>
      <c r="AU1433" s="92"/>
      <c r="AV1433" s="92"/>
      <c r="AW1433" s="92"/>
      <c r="AX1433" s="92"/>
      <c r="AY1433" s="92"/>
      <c r="AZ1433" s="93"/>
      <c r="BA1433" s="93"/>
      <c r="BB1433" s="93"/>
      <c r="BC1433" s="93"/>
      <c r="BD1433" s="93"/>
      <c r="BE1433" s="93"/>
      <c r="BF1433" s="93"/>
      <c r="BG1433" s="93"/>
      <c r="BH1433" s="93"/>
      <c r="BI1433" s="93"/>
      <c r="BJ1433" s="93"/>
      <c r="BK1433" s="93"/>
      <c r="BL1433" s="93"/>
    </row>
    <row r="1434" spans="2:64" x14ac:dyDescent="0.2">
      <c r="B1434" s="43"/>
      <c r="C1434" s="73"/>
      <c r="D1434" s="64"/>
      <c r="E1434" s="55"/>
      <c r="F1434" s="74"/>
      <c r="G1434" s="74"/>
      <c r="H1434" s="74"/>
      <c r="I1434" s="75"/>
      <c r="J1434" s="74"/>
      <c r="L1434" s="55"/>
      <c r="M1434" s="234"/>
      <c r="N1434" s="65"/>
      <c r="O1434" s="76"/>
      <c r="P1434" s="76"/>
      <c r="Q1434" s="65"/>
      <c r="R1434" s="76"/>
      <c r="S1434" s="76"/>
      <c r="T1434" s="76"/>
      <c r="U1434" s="76"/>
      <c r="V1434" s="76"/>
      <c r="W1434" s="76"/>
      <c r="X1434" s="76"/>
      <c r="Y1434" s="76"/>
      <c r="Z1434" s="76"/>
      <c r="AA1434" s="85"/>
      <c r="AB1434" s="85"/>
      <c r="AC1434" s="85"/>
      <c r="AD1434" s="85"/>
      <c r="AE1434" s="85"/>
      <c r="AF1434" s="85"/>
      <c r="AG1434" s="86"/>
      <c r="AH1434" s="85"/>
      <c r="AI1434" s="85"/>
      <c r="AJ1434" s="85"/>
      <c r="AK1434" s="85"/>
      <c r="AL1434" s="85"/>
      <c r="AM1434" s="92"/>
      <c r="AN1434" s="92"/>
      <c r="AO1434" s="92"/>
      <c r="AP1434" s="92"/>
      <c r="AQ1434" s="92"/>
      <c r="AR1434" s="92"/>
      <c r="AS1434" s="92"/>
      <c r="AT1434" s="92"/>
      <c r="AU1434" s="92"/>
      <c r="AV1434" s="92"/>
      <c r="AW1434" s="92"/>
      <c r="AX1434" s="92"/>
      <c r="AY1434" s="92"/>
      <c r="AZ1434" s="93"/>
      <c r="BA1434" s="93"/>
      <c r="BB1434" s="93"/>
      <c r="BC1434" s="93"/>
      <c r="BD1434" s="93"/>
      <c r="BE1434" s="93"/>
      <c r="BF1434" s="93"/>
      <c r="BG1434" s="93"/>
      <c r="BH1434" s="93"/>
      <c r="BI1434" s="93"/>
      <c r="BJ1434" s="93"/>
      <c r="BK1434" s="93"/>
      <c r="BL1434" s="93"/>
    </row>
    <row r="1435" spans="2:64" x14ac:dyDescent="0.2">
      <c r="B1435" s="43"/>
      <c r="C1435" s="73"/>
      <c r="D1435" s="64"/>
      <c r="E1435" s="55"/>
      <c r="F1435" s="74"/>
      <c r="G1435" s="74"/>
      <c r="H1435" s="74"/>
      <c r="I1435" s="75"/>
      <c r="J1435" s="74"/>
      <c r="L1435" s="55"/>
      <c r="M1435" s="234"/>
      <c r="N1435" s="65"/>
      <c r="O1435" s="76"/>
      <c r="P1435" s="76"/>
      <c r="Q1435" s="65"/>
      <c r="R1435" s="76"/>
      <c r="S1435" s="76"/>
      <c r="T1435" s="76"/>
      <c r="U1435" s="76"/>
      <c r="V1435" s="76"/>
      <c r="W1435" s="76"/>
      <c r="X1435" s="76"/>
      <c r="Y1435" s="76"/>
      <c r="Z1435" s="76"/>
      <c r="AA1435" s="85"/>
      <c r="AB1435" s="85"/>
      <c r="AC1435" s="85"/>
      <c r="AD1435" s="85"/>
      <c r="AE1435" s="85"/>
      <c r="AF1435" s="85"/>
      <c r="AG1435" s="86"/>
      <c r="AH1435" s="85"/>
      <c r="AI1435" s="85"/>
      <c r="AJ1435" s="85"/>
      <c r="AK1435" s="85"/>
      <c r="AL1435" s="85"/>
      <c r="AM1435" s="92"/>
      <c r="AN1435" s="92"/>
      <c r="AO1435" s="92"/>
      <c r="AP1435" s="92"/>
      <c r="AQ1435" s="92"/>
      <c r="AR1435" s="92"/>
      <c r="AS1435" s="92"/>
      <c r="AT1435" s="92"/>
      <c r="AU1435" s="92"/>
      <c r="AV1435" s="92"/>
      <c r="AW1435" s="92"/>
      <c r="AX1435" s="92"/>
      <c r="AY1435" s="92"/>
      <c r="AZ1435" s="93"/>
      <c r="BA1435" s="93"/>
      <c r="BB1435" s="93"/>
      <c r="BC1435" s="93"/>
      <c r="BD1435" s="93"/>
      <c r="BE1435" s="93"/>
      <c r="BF1435" s="93"/>
      <c r="BG1435" s="93"/>
      <c r="BH1435" s="93"/>
      <c r="BI1435" s="93"/>
      <c r="BJ1435" s="93"/>
      <c r="BK1435" s="93"/>
      <c r="BL1435" s="93"/>
    </row>
    <row r="1436" spans="2:64" x14ac:dyDescent="0.2">
      <c r="B1436" s="43"/>
      <c r="C1436" s="73"/>
      <c r="D1436" s="64"/>
      <c r="E1436" s="55"/>
      <c r="F1436" s="74"/>
      <c r="G1436" s="74"/>
      <c r="H1436" s="74"/>
      <c r="I1436" s="75"/>
      <c r="J1436" s="74"/>
      <c r="L1436" s="55"/>
      <c r="M1436" s="234"/>
      <c r="N1436" s="65"/>
      <c r="O1436" s="76"/>
      <c r="P1436" s="76"/>
      <c r="Q1436" s="65"/>
      <c r="R1436" s="76"/>
      <c r="S1436" s="76"/>
      <c r="T1436" s="76"/>
      <c r="U1436" s="76"/>
      <c r="V1436" s="76"/>
      <c r="W1436" s="76"/>
      <c r="X1436" s="76"/>
      <c r="Y1436" s="76"/>
      <c r="Z1436" s="76"/>
      <c r="AA1436" s="85"/>
      <c r="AB1436" s="85"/>
      <c r="AC1436" s="85"/>
      <c r="AD1436" s="85"/>
      <c r="AE1436" s="85"/>
      <c r="AF1436" s="85"/>
      <c r="AG1436" s="86"/>
      <c r="AH1436" s="85"/>
      <c r="AI1436" s="85"/>
      <c r="AJ1436" s="85"/>
      <c r="AK1436" s="85"/>
      <c r="AL1436" s="85"/>
      <c r="AM1436" s="92"/>
      <c r="AN1436" s="92"/>
      <c r="AO1436" s="92"/>
      <c r="AP1436" s="92"/>
      <c r="AQ1436" s="92"/>
      <c r="AR1436" s="92"/>
      <c r="AS1436" s="92"/>
      <c r="AT1436" s="92"/>
      <c r="AU1436" s="92"/>
      <c r="AV1436" s="92"/>
      <c r="AW1436" s="92"/>
      <c r="AX1436" s="92"/>
      <c r="AY1436" s="92"/>
      <c r="AZ1436" s="93"/>
      <c r="BA1436" s="93"/>
      <c r="BB1436" s="93"/>
      <c r="BC1436" s="93"/>
      <c r="BD1436" s="93"/>
      <c r="BE1436" s="93"/>
      <c r="BF1436" s="93"/>
      <c r="BG1436" s="93"/>
      <c r="BH1436" s="93"/>
      <c r="BI1436" s="93"/>
      <c r="BJ1436" s="93"/>
      <c r="BK1436" s="93"/>
      <c r="BL1436" s="93"/>
    </row>
    <row r="1437" spans="2:64" x14ac:dyDescent="0.2">
      <c r="B1437" s="43"/>
      <c r="C1437" s="73"/>
      <c r="D1437" s="64"/>
      <c r="E1437" s="55"/>
      <c r="F1437" s="74"/>
      <c r="G1437" s="74"/>
      <c r="H1437" s="74"/>
      <c r="I1437" s="75"/>
      <c r="J1437" s="74"/>
      <c r="L1437" s="55"/>
      <c r="M1437" s="234"/>
      <c r="N1437" s="65"/>
      <c r="O1437" s="76"/>
      <c r="P1437" s="76"/>
      <c r="Q1437" s="65"/>
      <c r="R1437" s="76"/>
      <c r="S1437" s="76"/>
      <c r="T1437" s="76"/>
      <c r="U1437" s="76"/>
      <c r="V1437" s="76"/>
      <c r="W1437" s="76"/>
      <c r="X1437" s="76"/>
      <c r="Y1437" s="76"/>
      <c r="Z1437" s="76"/>
      <c r="AA1437" s="85"/>
      <c r="AB1437" s="85"/>
      <c r="AC1437" s="85"/>
      <c r="AD1437" s="85"/>
      <c r="AE1437" s="85"/>
      <c r="AF1437" s="85"/>
      <c r="AG1437" s="86"/>
      <c r="AH1437" s="85"/>
      <c r="AI1437" s="85"/>
      <c r="AJ1437" s="85"/>
      <c r="AK1437" s="85"/>
      <c r="AL1437" s="85"/>
      <c r="AM1437" s="92"/>
      <c r="AN1437" s="92"/>
      <c r="AO1437" s="92"/>
      <c r="AP1437" s="92"/>
      <c r="AQ1437" s="92"/>
      <c r="AR1437" s="92"/>
      <c r="AS1437" s="92"/>
      <c r="AT1437" s="92"/>
      <c r="AU1437" s="92"/>
      <c r="AV1437" s="92"/>
      <c r="AW1437" s="92"/>
      <c r="AX1437" s="92"/>
      <c r="AY1437" s="92"/>
      <c r="AZ1437" s="93"/>
      <c r="BA1437" s="93"/>
      <c r="BB1437" s="93"/>
      <c r="BC1437" s="93"/>
      <c r="BD1437" s="93"/>
      <c r="BE1437" s="93"/>
      <c r="BF1437" s="93"/>
      <c r="BG1437" s="93"/>
      <c r="BH1437" s="93"/>
      <c r="BI1437" s="93"/>
      <c r="BJ1437" s="93"/>
      <c r="BK1437" s="93"/>
      <c r="BL1437" s="93"/>
    </row>
    <row r="1438" spans="2:64" x14ac:dyDescent="0.2">
      <c r="B1438" s="43"/>
      <c r="C1438" s="73"/>
      <c r="D1438" s="64"/>
      <c r="E1438" s="55"/>
      <c r="F1438" s="74"/>
      <c r="G1438" s="74"/>
      <c r="H1438" s="74"/>
      <c r="I1438" s="75"/>
      <c r="J1438" s="74"/>
      <c r="L1438" s="55"/>
      <c r="M1438" s="234"/>
      <c r="N1438" s="65"/>
      <c r="O1438" s="76"/>
      <c r="P1438" s="76"/>
      <c r="Q1438" s="65"/>
      <c r="R1438" s="76"/>
      <c r="S1438" s="76"/>
      <c r="T1438" s="76"/>
      <c r="U1438" s="76"/>
      <c r="V1438" s="76"/>
      <c r="W1438" s="76"/>
      <c r="X1438" s="76"/>
      <c r="Y1438" s="76"/>
      <c r="Z1438" s="76"/>
      <c r="AA1438" s="85"/>
      <c r="AB1438" s="85"/>
      <c r="AC1438" s="85"/>
      <c r="AD1438" s="85"/>
      <c r="AE1438" s="85"/>
      <c r="AF1438" s="85"/>
      <c r="AG1438" s="86"/>
      <c r="AH1438" s="85"/>
      <c r="AI1438" s="85"/>
      <c r="AJ1438" s="85"/>
      <c r="AK1438" s="85"/>
      <c r="AL1438" s="85"/>
      <c r="AM1438" s="92"/>
      <c r="AN1438" s="92"/>
      <c r="AO1438" s="92"/>
      <c r="AP1438" s="92"/>
      <c r="AQ1438" s="92"/>
      <c r="AR1438" s="92"/>
      <c r="AS1438" s="92"/>
      <c r="AT1438" s="92"/>
      <c r="AU1438" s="92"/>
      <c r="AV1438" s="92"/>
      <c r="AW1438" s="92"/>
      <c r="AX1438" s="92"/>
      <c r="AY1438" s="92"/>
      <c r="AZ1438" s="93"/>
      <c r="BA1438" s="93"/>
      <c r="BB1438" s="93"/>
      <c r="BC1438" s="93"/>
      <c r="BD1438" s="93"/>
      <c r="BE1438" s="93"/>
      <c r="BF1438" s="93"/>
      <c r="BG1438" s="93"/>
      <c r="BH1438" s="93"/>
      <c r="BI1438" s="93"/>
      <c r="BJ1438" s="93"/>
      <c r="BK1438" s="93"/>
      <c r="BL1438" s="93"/>
    </row>
    <row r="1439" spans="2:64" x14ac:dyDescent="0.2">
      <c r="B1439" s="43"/>
      <c r="C1439" s="73"/>
      <c r="D1439" s="64"/>
      <c r="E1439" s="55"/>
      <c r="F1439" s="74"/>
      <c r="G1439" s="74"/>
      <c r="H1439" s="74"/>
      <c r="I1439" s="75"/>
      <c r="J1439" s="74"/>
      <c r="L1439" s="55"/>
      <c r="M1439" s="234"/>
      <c r="N1439" s="65"/>
      <c r="O1439" s="76"/>
      <c r="P1439" s="76"/>
      <c r="Q1439" s="65"/>
      <c r="R1439" s="76"/>
      <c r="S1439" s="76"/>
      <c r="T1439" s="76"/>
      <c r="U1439" s="76"/>
      <c r="V1439" s="76"/>
      <c r="W1439" s="76"/>
      <c r="X1439" s="76"/>
      <c r="Y1439" s="76"/>
      <c r="Z1439" s="76"/>
      <c r="AA1439" s="85"/>
      <c r="AB1439" s="85"/>
      <c r="AC1439" s="85"/>
      <c r="AD1439" s="85"/>
      <c r="AE1439" s="85"/>
      <c r="AF1439" s="85"/>
      <c r="AG1439" s="86"/>
      <c r="AH1439" s="85"/>
      <c r="AI1439" s="85"/>
      <c r="AJ1439" s="85"/>
      <c r="AK1439" s="85"/>
      <c r="AL1439" s="85"/>
      <c r="AM1439" s="92"/>
      <c r="AN1439" s="92"/>
      <c r="AO1439" s="92"/>
      <c r="AP1439" s="92"/>
      <c r="AQ1439" s="92"/>
      <c r="AR1439" s="92"/>
      <c r="AS1439" s="92"/>
      <c r="AT1439" s="92"/>
      <c r="AU1439" s="92"/>
      <c r="AV1439" s="92"/>
      <c r="AW1439" s="92"/>
      <c r="AX1439" s="92"/>
      <c r="AY1439" s="92"/>
      <c r="AZ1439" s="93"/>
      <c r="BA1439" s="93"/>
      <c r="BB1439" s="93"/>
      <c r="BC1439" s="93"/>
      <c r="BD1439" s="93"/>
      <c r="BE1439" s="93"/>
      <c r="BF1439" s="93"/>
      <c r="BG1439" s="93"/>
      <c r="BH1439" s="93"/>
      <c r="BI1439" s="93"/>
      <c r="BJ1439" s="93"/>
      <c r="BK1439" s="93"/>
      <c r="BL1439" s="93"/>
    </row>
    <row r="1440" spans="2:64" x14ac:dyDescent="0.2">
      <c r="B1440" s="43"/>
      <c r="C1440" s="73"/>
      <c r="D1440" s="64"/>
      <c r="E1440" s="55"/>
      <c r="F1440" s="74"/>
      <c r="G1440" s="74"/>
      <c r="H1440" s="74"/>
      <c r="I1440" s="75"/>
      <c r="J1440" s="74"/>
      <c r="L1440" s="55"/>
      <c r="M1440" s="234"/>
      <c r="N1440" s="65"/>
      <c r="O1440" s="76"/>
      <c r="P1440" s="76"/>
      <c r="Q1440" s="65"/>
      <c r="R1440" s="76"/>
      <c r="S1440" s="76"/>
      <c r="T1440" s="76"/>
      <c r="U1440" s="76"/>
      <c r="V1440" s="76"/>
      <c r="W1440" s="76"/>
      <c r="X1440" s="76"/>
      <c r="Y1440" s="76"/>
      <c r="Z1440" s="76"/>
      <c r="AA1440" s="85"/>
      <c r="AB1440" s="85"/>
      <c r="AC1440" s="85"/>
      <c r="AD1440" s="85"/>
      <c r="AE1440" s="85"/>
      <c r="AF1440" s="85"/>
      <c r="AG1440" s="86"/>
      <c r="AH1440" s="85"/>
      <c r="AI1440" s="85"/>
      <c r="AJ1440" s="85"/>
      <c r="AK1440" s="85"/>
      <c r="AL1440" s="85"/>
      <c r="AM1440" s="92"/>
      <c r="AN1440" s="92"/>
      <c r="AO1440" s="92"/>
      <c r="AP1440" s="92"/>
      <c r="AQ1440" s="92"/>
      <c r="AR1440" s="92"/>
      <c r="AS1440" s="92"/>
      <c r="AT1440" s="92"/>
      <c r="AU1440" s="92"/>
      <c r="AV1440" s="92"/>
      <c r="AW1440" s="92"/>
      <c r="AX1440" s="92"/>
      <c r="AY1440" s="92"/>
      <c r="AZ1440" s="93"/>
      <c r="BA1440" s="93"/>
      <c r="BB1440" s="93"/>
      <c r="BC1440" s="93"/>
      <c r="BD1440" s="93"/>
      <c r="BE1440" s="93"/>
      <c r="BF1440" s="93"/>
      <c r="BG1440" s="93"/>
      <c r="BH1440" s="93"/>
      <c r="BI1440" s="93"/>
      <c r="BJ1440" s="93"/>
      <c r="BK1440" s="93"/>
      <c r="BL1440" s="93"/>
    </row>
    <row r="1441" spans="2:64" x14ac:dyDescent="0.2">
      <c r="B1441" s="43"/>
      <c r="C1441" s="73"/>
      <c r="D1441" s="64"/>
      <c r="E1441" s="55"/>
      <c r="F1441" s="74"/>
      <c r="G1441" s="74"/>
      <c r="H1441" s="74"/>
      <c r="I1441" s="75"/>
      <c r="J1441" s="74"/>
      <c r="L1441" s="55"/>
      <c r="M1441" s="234"/>
      <c r="N1441" s="65"/>
      <c r="O1441" s="76"/>
      <c r="P1441" s="76"/>
      <c r="Q1441" s="65"/>
      <c r="R1441" s="76"/>
      <c r="S1441" s="76"/>
      <c r="T1441" s="76"/>
      <c r="U1441" s="76"/>
      <c r="V1441" s="76"/>
      <c r="W1441" s="76"/>
      <c r="X1441" s="76"/>
      <c r="Y1441" s="76"/>
      <c r="Z1441" s="76"/>
      <c r="AA1441" s="85"/>
      <c r="AB1441" s="85"/>
      <c r="AC1441" s="85"/>
      <c r="AD1441" s="85"/>
      <c r="AE1441" s="85"/>
      <c r="AF1441" s="85"/>
      <c r="AG1441" s="86"/>
      <c r="AH1441" s="85"/>
      <c r="AI1441" s="85"/>
      <c r="AJ1441" s="85"/>
      <c r="AK1441" s="85"/>
      <c r="AL1441" s="85"/>
      <c r="AM1441" s="92"/>
      <c r="AN1441" s="92"/>
      <c r="AO1441" s="92"/>
      <c r="AP1441" s="92"/>
      <c r="AQ1441" s="92"/>
      <c r="AR1441" s="92"/>
      <c r="AS1441" s="92"/>
      <c r="AT1441" s="92"/>
      <c r="AU1441" s="92"/>
      <c r="AV1441" s="92"/>
      <c r="AW1441" s="92"/>
      <c r="AX1441" s="92"/>
      <c r="AY1441" s="92"/>
      <c r="AZ1441" s="93"/>
      <c r="BA1441" s="93"/>
      <c r="BB1441" s="93"/>
      <c r="BC1441" s="93"/>
      <c r="BD1441" s="93"/>
      <c r="BE1441" s="93"/>
      <c r="BF1441" s="93"/>
      <c r="BG1441" s="93"/>
      <c r="BH1441" s="93"/>
      <c r="BI1441" s="93"/>
      <c r="BJ1441" s="93"/>
      <c r="BK1441" s="93"/>
      <c r="BL1441" s="93"/>
    </row>
    <row r="1442" spans="2:64" x14ac:dyDescent="0.2">
      <c r="B1442" s="43"/>
      <c r="C1442" s="73"/>
      <c r="D1442" s="64"/>
      <c r="E1442" s="55"/>
      <c r="F1442" s="74"/>
      <c r="G1442" s="74"/>
      <c r="H1442" s="74"/>
      <c r="I1442" s="75"/>
      <c r="J1442" s="74"/>
      <c r="L1442" s="55"/>
      <c r="M1442" s="234"/>
      <c r="N1442" s="65"/>
      <c r="O1442" s="76"/>
      <c r="P1442" s="76"/>
      <c r="Q1442" s="65"/>
      <c r="R1442" s="76"/>
      <c r="S1442" s="76"/>
      <c r="T1442" s="76"/>
      <c r="U1442" s="76"/>
      <c r="V1442" s="76"/>
      <c r="W1442" s="76"/>
      <c r="X1442" s="76"/>
      <c r="Y1442" s="76"/>
      <c r="Z1442" s="76"/>
      <c r="AA1442" s="85"/>
      <c r="AB1442" s="85"/>
      <c r="AC1442" s="85"/>
      <c r="AD1442" s="85"/>
      <c r="AE1442" s="85"/>
      <c r="AF1442" s="85"/>
      <c r="AG1442" s="86"/>
      <c r="AH1442" s="85"/>
      <c r="AI1442" s="85"/>
      <c r="AJ1442" s="85"/>
      <c r="AK1442" s="85"/>
      <c r="AL1442" s="85"/>
      <c r="AM1442" s="92"/>
      <c r="AN1442" s="92"/>
      <c r="AO1442" s="92"/>
      <c r="AP1442" s="92"/>
      <c r="AQ1442" s="92"/>
      <c r="AR1442" s="92"/>
      <c r="AS1442" s="92"/>
      <c r="AT1442" s="92"/>
      <c r="AU1442" s="92"/>
      <c r="AV1442" s="92"/>
      <c r="AW1442" s="92"/>
      <c r="AX1442" s="92"/>
      <c r="AY1442" s="92"/>
      <c r="AZ1442" s="93"/>
      <c r="BA1442" s="93"/>
      <c r="BB1442" s="93"/>
      <c r="BC1442" s="93"/>
      <c r="BD1442" s="93"/>
      <c r="BE1442" s="93"/>
      <c r="BF1442" s="93"/>
      <c r="BG1442" s="93"/>
      <c r="BH1442" s="93"/>
      <c r="BI1442" s="93"/>
      <c r="BJ1442" s="93"/>
      <c r="BK1442" s="93"/>
      <c r="BL1442" s="93"/>
    </row>
    <row r="1443" spans="2:64" x14ac:dyDescent="0.2">
      <c r="B1443" s="43"/>
      <c r="C1443" s="73"/>
      <c r="D1443" s="64"/>
      <c r="E1443" s="55"/>
      <c r="F1443" s="74"/>
      <c r="G1443" s="74"/>
      <c r="H1443" s="74"/>
      <c r="I1443" s="75"/>
      <c r="J1443" s="74"/>
      <c r="L1443" s="55"/>
      <c r="M1443" s="234"/>
      <c r="N1443" s="65"/>
      <c r="O1443" s="76"/>
      <c r="P1443" s="76"/>
      <c r="Q1443" s="65"/>
      <c r="R1443" s="76"/>
      <c r="S1443" s="76"/>
      <c r="T1443" s="76"/>
      <c r="U1443" s="76"/>
      <c r="V1443" s="76"/>
      <c r="W1443" s="76"/>
      <c r="X1443" s="76"/>
      <c r="Y1443" s="76"/>
      <c r="Z1443" s="76"/>
      <c r="AA1443" s="85"/>
      <c r="AB1443" s="85"/>
      <c r="AC1443" s="85"/>
      <c r="AD1443" s="85"/>
      <c r="AE1443" s="85"/>
      <c r="AF1443" s="85"/>
      <c r="AG1443" s="86"/>
      <c r="AH1443" s="85"/>
      <c r="AI1443" s="85"/>
      <c r="AJ1443" s="85"/>
      <c r="AK1443" s="85"/>
      <c r="AL1443" s="85"/>
      <c r="AM1443" s="92"/>
      <c r="AN1443" s="92"/>
      <c r="AO1443" s="92"/>
      <c r="AP1443" s="92"/>
      <c r="AQ1443" s="92"/>
      <c r="AR1443" s="92"/>
      <c r="AS1443" s="92"/>
      <c r="AT1443" s="92"/>
      <c r="AU1443" s="92"/>
      <c r="AV1443" s="92"/>
      <c r="AW1443" s="92"/>
      <c r="AX1443" s="92"/>
      <c r="AY1443" s="92"/>
      <c r="AZ1443" s="93"/>
      <c r="BA1443" s="93"/>
      <c r="BB1443" s="93"/>
      <c r="BC1443" s="93"/>
      <c r="BD1443" s="93"/>
      <c r="BE1443" s="93"/>
      <c r="BF1443" s="93"/>
      <c r="BG1443" s="93"/>
      <c r="BH1443" s="93"/>
      <c r="BI1443" s="93"/>
      <c r="BJ1443" s="93"/>
      <c r="BK1443" s="93"/>
      <c r="BL1443" s="93"/>
    </row>
    <row r="1444" spans="2:64" x14ac:dyDescent="0.2">
      <c r="B1444" s="43"/>
      <c r="C1444" s="73"/>
      <c r="D1444" s="64"/>
      <c r="E1444" s="55"/>
      <c r="F1444" s="74"/>
      <c r="G1444" s="74"/>
      <c r="H1444" s="74"/>
      <c r="I1444" s="75"/>
      <c r="J1444" s="74"/>
      <c r="L1444" s="55"/>
      <c r="M1444" s="234"/>
      <c r="N1444" s="65"/>
      <c r="O1444" s="76"/>
      <c r="P1444" s="76"/>
      <c r="Q1444" s="65"/>
      <c r="R1444" s="76"/>
      <c r="S1444" s="76"/>
      <c r="T1444" s="76"/>
      <c r="U1444" s="76"/>
      <c r="V1444" s="76"/>
      <c r="W1444" s="76"/>
      <c r="X1444" s="76"/>
      <c r="Y1444" s="76"/>
      <c r="Z1444" s="76"/>
      <c r="AA1444" s="85"/>
      <c r="AB1444" s="85"/>
      <c r="AC1444" s="85"/>
      <c r="AD1444" s="85"/>
      <c r="AE1444" s="85"/>
      <c r="AF1444" s="85"/>
      <c r="AG1444" s="86"/>
      <c r="AH1444" s="85"/>
      <c r="AI1444" s="85"/>
      <c r="AJ1444" s="85"/>
      <c r="AK1444" s="85"/>
      <c r="AL1444" s="85"/>
      <c r="AM1444" s="92"/>
      <c r="AN1444" s="92"/>
      <c r="AO1444" s="92"/>
      <c r="AP1444" s="92"/>
      <c r="AQ1444" s="92"/>
      <c r="AR1444" s="92"/>
      <c r="AS1444" s="92"/>
      <c r="AT1444" s="92"/>
      <c r="AU1444" s="92"/>
      <c r="AV1444" s="92"/>
      <c r="AW1444" s="92"/>
      <c r="AX1444" s="92"/>
      <c r="AY1444" s="92"/>
      <c r="AZ1444" s="93"/>
      <c r="BA1444" s="93"/>
      <c r="BB1444" s="93"/>
      <c r="BC1444" s="93"/>
      <c r="BD1444" s="93"/>
      <c r="BE1444" s="93"/>
      <c r="BF1444" s="93"/>
      <c r="BG1444" s="93"/>
      <c r="BH1444" s="93"/>
      <c r="BI1444" s="93"/>
      <c r="BJ1444" s="93"/>
      <c r="BK1444" s="93"/>
      <c r="BL1444" s="93"/>
    </row>
    <row r="1445" spans="2:64" x14ac:dyDescent="0.2">
      <c r="B1445" s="43"/>
      <c r="C1445" s="73"/>
      <c r="D1445" s="64"/>
      <c r="E1445" s="55"/>
      <c r="F1445" s="74"/>
      <c r="G1445" s="74"/>
      <c r="H1445" s="74"/>
      <c r="I1445" s="75"/>
      <c r="J1445" s="74"/>
      <c r="L1445" s="55"/>
      <c r="M1445" s="234"/>
      <c r="N1445" s="65"/>
      <c r="O1445" s="76"/>
      <c r="P1445" s="76"/>
      <c r="Q1445" s="65"/>
      <c r="R1445" s="76"/>
      <c r="S1445" s="76"/>
      <c r="T1445" s="76"/>
      <c r="U1445" s="76"/>
      <c r="V1445" s="76"/>
      <c r="W1445" s="76"/>
      <c r="X1445" s="76"/>
      <c r="Y1445" s="76"/>
      <c r="Z1445" s="76"/>
      <c r="AA1445" s="85"/>
      <c r="AB1445" s="85"/>
      <c r="AC1445" s="85"/>
      <c r="AD1445" s="85"/>
      <c r="AE1445" s="85"/>
      <c r="AF1445" s="85"/>
      <c r="AG1445" s="86"/>
      <c r="AH1445" s="85"/>
      <c r="AI1445" s="85"/>
      <c r="AJ1445" s="85"/>
      <c r="AK1445" s="85"/>
      <c r="AL1445" s="85"/>
      <c r="AM1445" s="92"/>
      <c r="AN1445" s="92"/>
      <c r="AO1445" s="92"/>
      <c r="AP1445" s="92"/>
      <c r="AQ1445" s="92"/>
      <c r="AR1445" s="92"/>
      <c r="AS1445" s="92"/>
      <c r="AT1445" s="92"/>
      <c r="AU1445" s="92"/>
      <c r="AV1445" s="92"/>
      <c r="AW1445" s="92"/>
      <c r="AX1445" s="92"/>
      <c r="AY1445" s="92"/>
      <c r="AZ1445" s="93"/>
      <c r="BA1445" s="93"/>
      <c r="BB1445" s="93"/>
      <c r="BC1445" s="93"/>
      <c r="BD1445" s="93"/>
      <c r="BE1445" s="93"/>
      <c r="BF1445" s="93"/>
      <c r="BG1445" s="93"/>
      <c r="BH1445" s="93"/>
      <c r="BI1445" s="93"/>
      <c r="BJ1445" s="93"/>
      <c r="BK1445" s="93"/>
      <c r="BL1445" s="93"/>
    </row>
    <row r="1446" spans="2:64" x14ac:dyDescent="0.2">
      <c r="B1446" s="43"/>
      <c r="C1446" s="73"/>
      <c r="D1446" s="64"/>
      <c r="E1446" s="55"/>
      <c r="F1446" s="74"/>
      <c r="G1446" s="74"/>
      <c r="H1446" s="74"/>
      <c r="I1446" s="75"/>
      <c r="J1446" s="74"/>
      <c r="L1446" s="55"/>
      <c r="M1446" s="234"/>
      <c r="N1446" s="65"/>
      <c r="O1446" s="76"/>
      <c r="P1446" s="76"/>
      <c r="Q1446" s="65"/>
      <c r="R1446" s="76"/>
      <c r="S1446" s="76"/>
      <c r="T1446" s="76"/>
      <c r="U1446" s="76"/>
      <c r="V1446" s="76"/>
      <c r="W1446" s="76"/>
      <c r="X1446" s="76"/>
      <c r="Y1446" s="76"/>
      <c r="Z1446" s="76"/>
      <c r="AA1446" s="85"/>
      <c r="AB1446" s="85"/>
      <c r="AC1446" s="85"/>
      <c r="AD1446" s="85"/>
      <c r="AE1446" s="85"/>
      <c r="AF1446" s="85"/>
      <c r="AG1446" s="86"/>
      <c r="AH1446" s="85"/>
      <c r="AI1446" s="85"/>
      <c r="AJ1446" s="85"/>
      <c r="AK1446" s="85"/>
      <c r="AL1446" s="85"/>
      <c r="AM1446" s="92"/>
      <c r="AN1446" s="92"/>
      <c r="AO1446" s="92"/>
      <c r="AP1446" s="92"/>
      <c r="AQ1446" s="92"/>
      <c r="AR1446" s="92"/>
      <c r="AS1446" s="92"/>
      <c r="AT1446" s="92"/>
      <c r="AU1446" s="92"/>
      <c r="AV1446" s="92"/>
      <c r="AW1446" s="92"/>
      <c r="AX1446" s="92"/>
      <c r="AY1446" s="92"/>
      <c r="AZ1446" s="93"/>
      <c r="BA1446" s="93"/>
      <c r="BB1446" s="93"/>
      <c r="BC1446" s="93"/>
      <c r="BD1446" s="93"/>
      <c r="BE1446" s="93"/>
      <c r="BF1446" s="93"/>
      <c r="BG1446" s="93"/>
      <c r="BH1446" s="93"/>
      <c r="BI1446" s="93"/>
      <c r="BJ1446" s="93"/>
      <c r="BK1446" s="93"/>
      <c r="BL1446" s="93"/>
    </row>
    <row r="1447" spans="2:64" x14ac:dyDescent="0.2">
      <c r="B1447" s="43"/>
      <c r="C1447" s="73"/>
      <c r="D1447" s="64"/>
      <c r="E1447" s="55"/>
      <c r="F1447" s="74"/>
      <c r="G1447" s="74"/>
      <c r="H1447" s="74"/>
      <c r="I1447" s="75"/>
      <c r="J1447" s="74"/>
      <c r="L1447" s="55"/>
      <c r="M1447" s="234"/>
      <c r="N1447" s="65"/>
      <c r="O1447" s="76"/>
      <c r="P1447" s="76"/>
      <c r="Q1447" s="65"/>
      <c r="R1447" s="76"/>
      <c r="S1447" s="76"/>
      <c r="T1447" s="76"/>
      <c r="U1447" s="76"/>
      <c r="V1447" s="76"/>
      <c r="W1447" s="76"/>
      <c r="X1447" s="76"/>
      <c r="Y1447" s="76"/>
      <c r="Z1447" s="76"/>
      <c r="AA1447" s="85"/>
      <c r="AB1447" s="85"/>
      <c r="AC1447" s="85"/>
      <c r="AD1447" s="85"/>
      <c r="AE1447" s="85"/>
      <c r="AF1447" s="85"/>
      <c r="AG1447" s="86"/>
      <c r="AH1447" s="85"/>
      <c r="AI1447" s="85"/>
      <c r="AJ1447" s="85"/>
      <c r="AK1447" s="85"/>
      <c r="AL1447" s="85"/>
      <c r="AM1447" s="92"/>
      <c r="AN1447" s="92"/>
      <c r="AO1447" s="92"/>
      <c r="AP1447" s="92"/>
      <c r="AQ1447" s="92"/>
      <c r="AR1447" s="92"/>
      <c r="AS1447" s="92"/>
      <c r="AT1447" s="92"/>
      <c r="AU1447" s="92"/>
      <c r="AV1447" s="92"/>
      <c r="AW1447" s="92"/>
      <c r="AX1447" s="92"/>
      <c r="AY1447" s="92"/>
      <c r="AZ1447" s="93"/>
      <c r="BA1447" s="93"/>
      <c r="BB1447" s="93"/>
      <c r="BC1447" s="93"/>
      <c r="BD1447" s="93"/>
      <c r="BE1447" s="93"/>
      <c r="BF1447" s="93"/>
      <c r="BG1447" s="93"/>
      <c r="BH1447" s="93"/>
      <c r="BI1447" s="93"/>
      <c r="BJ1447" s="93"/>
      <c r="BK1447" s="93"/>
      <c r="BL1447" s="93"/>
    </row>
    <row r="1448" spans="2:64" x14ac:dyDescent="0.2">
      <c r="B1448" s="43"/>
      <c r="C1448" s="73"/>
      <c r="D1448" s="64"/>
      <c r="E1448" s="55"/>
      <c r="F1448" s="74"/>
      <c r="G1448" s="74"/>
      <c r="H1448" s="74"/>
      <c r="I1448" s="75"/>
      <c r="J1448" s="74"/>
      <c r="L1448" s="55"/>
      <c r="M1448" s="234"/>
      <c r="N1448" s="65"/>
      <c r="O1448" s="76"/>
      <c r="P1448" s="76"/>
      <c r="Q1448" s="65"/>
      <c r="R1448" s="76"/>
      <c r="S1448" s="76"/>
      <c r="T1448" s="76"/>
      <c r="U1448" s="76"/>
      <c r="V1448" s="76"/>
      <c r="W1448" s="76"/>
      <c r="X1448" s="76"/>
      <c r="Y1448" s="76"/>
      <c r="Z1448" s="76"/>
      <c r="AA1448" s="85"/>
      <c r="AB1448" s="85"/>
      <c r="AC1448" s="85"/>
      <c r="AD1448" s="85"/>
      <c r="AE1448" s="85"/>
      <c r="AF1448" s="85"/>
      <c r="AG1448" s="86"/>
      <c r="AH1448" s="85"/>
      <c r="AI1448" s="85"/>
      <c r="AJ1448" s="85"/>
      <c r="AK1448" s="85"/>
      <c r="AL1448" s="85"/>
      <c r="AM1448" s="92"/>
      <c r="AN1448" s="92"/>
      <c r="AO1448" s="92"/>
      <c r="AP1448" s="92"/>
      <c r="AQ1448" s="92"/>
      <c r="AR1448" s="92"/>
      <c r="AS1448" s="92"/>
      <c r="AT1448" s="92"/>
      <c r="AU1448" s="92"/>
      <c r="AV1448" s="92"/>
      <c r="AW1448" s="92"/>
      <c r="AX1448" s="92"/>
      <c r="AY1448" s="92"/>
      <c r="AZ1448" s="93"/>
      <c r="BA1448" s="93"/>
      <c r="BB1448" s="93"/>
      <c r="BC1448" s="93"/>
      <c r="BD1448" s="93"/>
      <c r="BE1448" s="93"/>
      <c r="BF1448" s="93"/>
      <c r="BG1448" s="93"/>
      <c r="BH1448" s="93"/>
      <c r="BI1448" s="93"/>
      <c r="BJ1448" s="93"/>
      <c r="BK1448" s="93"/>
      <c r="BL1448" s="93"/>
    </row>
    <row r="1449" spans="2:64" x14ac:dyDescent="0.2">
      <c r="B1449" s="43"/>
      <c r="C1449" s="73"/>
      <c r="D1449" s="64"/>
      <c r="E1449" s="55"/>
      <c r="F1449" s="74"/>
      <c r="G1449" s="74"/>
      <c r="H1449" s="74"/>
      <c r="I1449" s="75"/>
      <c r="J1449" s="74"/>
      <c r="L1449" s="55"/>
      <c r="M1449" s="234"/>
      <c r="N1449" s="65"/>
      <c r="O1449" s="76"/>
      <c r="P1449" s="76"/>
      <c r="Q1449" s="65"/>
      <c r="R1449" s="76"/>
      <c r="S1449" s="76"/>
      <c r="T1449" s="76"/>
      <c r="U1449" s="76"/>
      <c r="V1449" s="76"/>
      <c r="W1449" s="76"/>
      <c r="X1449" s="76"/>
      <c r="Y1449" s="76"/>
      <c r="Z1449" s="76"/>
      <c r="AA1449" s="85"/>
      <c r="AB1449" s="85"/>
      <c r="AC1449" s="85"/>
      <c r="AD1449" s="85"/>
      <c r="AE1449" s="85"/>
      <c r="AF1449" s="85"/>
      <c r="AG1449" s="86"/>
      <c r="AH1449" s="85"/>
      <c r="AI1449" s="85"/>
      <c r="AJ1449" s="85"/>
      <c r="AK1449" s="85"/>
      <c r="AL1449" s="85"/>
      <c r="AM1449" s="92"/>
      <c r="AN1449" s="92"/>
      <c r="AO1449" s="92"/>
      <c r="AP1449" s="92"/>
      <c r="AQ1449" s="92"/>
      <c r="AR1449" s="92"/>
      <c r="AS1449" s="92"/>
      <c r="AT1449" s="92"/>
      <c r="AU1449" s="92"/>
      <c r="AV1449" s="92"/>
      <c r="AW1449" s="92"/>
      <c r="AX1449" s="92"/>
      <c r="AY1449" s="92"/>
      <c r="AZ1449" s="93"/>
      <c r="BA1449" s="93"/>
      <c r="BB1449" s="93"/>
      <c r="BC1449" s="93"/>
      <c r="BD1449" s="93"/>
      <c r="BE1449" s="93"/>
      <c r="BF1449" s="93"/>
      <c r="BG1449" s="93"/>
      <c r="BH1449" s="93"/>
      <c r="BI1449" s="93"/>
      <c r="BJ1449" s="93"/>
      <c r="BK1449" s="93"/>
      <c r="BL1449" s="93"/>
    </row>
    <row r="1450" spans="2:64" x14ac:dyDescent="0.2">
      <c r="B1450" s="43"/>
      <c r="C1450" s="73"/>
      <c r="D1450" s="64"/>
      <c r="E1450" s="55"/>
      <c r="F1450" s="74"/>
      <c r="G1450" s="74"/>
      <c r="H1450" s="74"/>
      <c r="I1450" s="75"/>
      <c r="J1450" s="74"/>
      <c r="L1450" s="55"/>
      <c r="M1450" s="234"/>
      <c r="N1450" s="65"/>
      <c r="O1450" s="76"/>
      <c r="P1450" s="76"/>
      <c r="Q1450" s="65"/>
      <c r="R1450" s="76"/>
      <c r="S1450" s="76"/>
      <c r="T1450" s="76"/>
      <c r="U1450" s="76"/>
      <c r="V1450" s="76"/>
      <c r="W1450" s="76"/>
      <c r="X1450" s="76"/>
      <c r="Y1450" s="76"/>
      <c r="Z1450" s="76"/>
      <c r="AA1450" s="85"/>
      <c r="AB1450" s="85"/>
      <c r="AC1450" s="85"/>
      <c r="AD1450" s="85"/>
      <c r="AE1450" s="85"/>
      <c r="AF1450" s="85"/>
      <c r="AG1450" s="86"/>
      <c r="AH1450" s="85"/>
      <c r="AI1450" s="85"/>
      <c r="AJ1450" s="85"/>
      <c r="AK1450" s="85"/>
      <c r="AL1450" s="85"/>
      <c r="AM1450" s="92"/>
      <c r="AN1450" s="92"/>
      <c r="AO1450" s="92"/>
      <c r="AP1450" s="92"/>
      <c r="AQ1450" s="92"/>
      <c r="AR1450" s="92"/>
      <c r="AS1450" s="92"/>
      <c r="AT1450" s="92"/>
      <c r="AU1450" s="92"/>
      <c r="AV1450" s="92"/>
      <c r="AW1450" s="92"/>
      <c r="AX1450" s="92"/>
      <c r="AY1450" s="92"/>
      <c r="AZ1450" s="93"/>
      <c r="BA1450" s="93"/>
      <c r="BB1450" s="93"/>
      <c r="BC1450" s="93"/>
      <c r="BD1450" s="93"/>
      <c r="BE1450" s="93"/>
      <c r="BF1450" s="93"/>
      <c r="BG1450" s="93"/>
      <c r="BH1450" s="93"/>
      <c r="BI1450" s="93"/>
      <c r="BJ1450" s="93"/>
      <c r="BK1450" s="93"/>
      <c r="BL1450" s="93"/>
    </row>
    <row r="1451" spans="2:64" x14ac:dyDescent="0.2">
      <c r="B1451" s="43"/>
      <c r="C1451" s="73"/>
      <c r="D1451" s="64"/>
      <c r="E1451" s="55"/>
      <c r="F1451" s="74"/>
      <c r="G1451" s="74"/>
      <c r="H1451" s="74"/>
      <c r="I1451" s="75"/>
      <c r="J1451" s="74"/>
      <c r="L1451" s="55"/>
      <c r="M1451" s="234"/>
      <c r="N1451" s="65"/>
      <c r="O1451" s="76"/>
      <c r="P1451" s="76"/>
      <c r="Q1451" s="65"/>
      <c r="R1451" s="76"/>
      <c r="S1451" s="76"/>
      <c r="T1451" s="76"/>
      <c r="U1451" s="76"/>
      <c r="V1451" s="76"/>
      <c r="W1451" s="76"/>
      <c r="X1451" s="76"/>
      <c r="Y1451" s="76"/>
      <c r="Z1451" s="76"/>
      <c r="AA1451" s="85"/>
      <c r="AB1451" s="85"/>
      <c r="AC1451" s="85"/>
      <c r="AD1451" s="85"/>
      <c r="AE1451" s="85"/>
      <c r="AF1451" s="85"/>
      <c r="AG1451" s="86"/>
      <c r="AH1451" s="85"/>
      <c r="AI1451" s="85"/>
      <c r="AJ1451" s="85"/>
      <c r="AK1451" s="85"/>
      <c r="AL1451" s="85"/>
      <c r="AM1451" s="92"/>
      <c r="AN1451" s="92"/>
      <c r="AO1451" s="92"/>
      <c r="AP1451" s="92"/>
      <c r="AQ1451" s="92"/>
      <c r="AR1451" s="92"/>
      <c r="AS1451" s="92"/>
      <c r="AT1451" s="92"/>
      <c r="AU1451" s="92"/>
      <c r="AV1451" s="92"/>
      <c r="AW1451" s="92"/>
      <c r="AX1451" s="92"/>
      <c r="AY1451" s="92"/>
      <c r="AZ1451" s="93"/>
      <c r="BA1451" s="93"/>
      <c r="BB1451" s="93"/>
      <c r="BC1451" s="93"/>
      <c r="BD1451" s="93"/>
      <c r="BE1451" s="93"/>
      <c r="BF1451" s="93"/>
      <c r="BG1451" s="93"/>
      <c r="BH1451" s="93"/>
      <c r="BI1451" s="93"/>
      <c r="BJ1451" s="93"/>
      <c r="BK1451" s="93"/>
      <c r="BL1451" s="93"/>
    </row>
    <row r="1452" spans="2:64" x14ac:dyDescent="0.2">
      <c r="B1452" s="43"/>
      <c r="C1452" s="73"/>
      <c r="D1452" s="64"/>
      <c r="E1452" s="55"/>
      <c r="F1452" s="74"/>
      <c r="G1452" s="74"/>
      <c r="H1452" s="74"/>
      <c r="I1452" s="75"/>
      <c r="J1452" s="74"/>
      <c r="L1452" s="55"/>
      <c r="M1452" s="234"/>
      <c r="N1452" s="65"/>
      <c r="O1452" s="76"/>
      <c r="P1452" s="76"/>
      <c r="Q1452" s="65"/>
      <c r="R1452" s="76"/>
      <c r="S1452" s="76"/>
      <c r="T1452" s="76"/>
      <c r="U1452" s="76"/>
      <c r="V1452" s="76"/>
      <c r="W1452" s="76"/>
      <c r="X1452" s="76"/>
      <c r="Y1452" s="76"/>
      <c r="Z1452" s="76"/>
      <c r="AA1452" s="85"/>
      <c r="AB1452" s="85"/>
      <c r="AC1452" s="85"/>
      <c r="AD1452" s="85"/>
      <c r="AE1452" s="85"/>
      <c r="AF1452" s="85"/>
      <c r="AG1452" s="86"/>
      <c r="AH1452" s="85"/>
      <c r="AI1452" s="85"/>
      <c r="AJ1452" s="85"/>
      <c r="AK1452" s="85"/>
      <c r="AL1452" s="85"/>
      <c r="AM1452" s="92"/>
      <c r="AN1452" s="92"/>
      <c r="AO1452" s="92"/>
      <c r="AP1452" s="92"/>
      <c r="AQ1452" s="92"/>
      <c r="AR1452" s="92"/>
      <c r="AS1452" s="92"/>
      <c r="AT1452" s="92"/>
      <c r="AU1452" s="92"/>
      <c r="AV1452" s="92"/>
      <c r="AW1452" s="92"/>
      <c r="AX1452" s="92"/>
      <c r="AY1452" s="92"/>
      <c r="AZ1452" s="93"/>
      <c r="BA1452" s="93"/>
      <c r="BB1452" s="93"/>
      <c r="BC1452" s="93"/>
      <c r="BD1452" s="93"/>
      <c r="BE1452" s="93"/>
      <c r="BF1452" s="93"/>
      <c r="BG1452" s="93"/>
      <c r="BH1452" s="93"/>
      <c r="BI1452" s="93"/>
      <c r="BJ1452" s="93"/>
      <c r="BK1452" s="93"/>
      <c r="BL1452" s="93"/>
    </row>
    <row r="1453" spans="2:64" x14ac:dyDescent="0.2">
      <c r="B1453" s="43"/>
      <c r="C1453" s="73"/>
      <c r="D1453" s="64"/>
      <c r="E1453" s="55"/>
      <c r="F1453" s="74"/>
      <c r="G1453" s="74"/>
      <c r="H1453" s="74"/>
      <c r="I1453" s="75"/>
      <c r="J1453" s="74"/>
      <c r="L1453" s="55"/>
      <c r="M1453" s="234"/>
      <c r="N1453" s="65"/>
      <c r="O1453" s="76"/>
      <c r="P1453" s="76"/>
      <c r="Q1453" s="65"/>
      <c r="R1453" s="76"/>
      <c r="S1453" s="76"/>
      <c r="T1453" s="76"/>
      <c r="U1453" s="76"/>
      <c r="V1453" s="76"/>
      <c r="W1453" s="76"/>
      <c r="X1453" s="76"/>
      <c r="Y1453" s="76"/>
      <c r="Z1453" s="76"/>
      <c r="AA1453" s="85"/>
      <c r="AB1453" s="85"/>
      <c r="AC1453" s="85"/>
      <c r="AD1453" s="85"/>
      <c r="AE1453" s="85"/>
      <c r="AF1453" s="85"/>
      <c r="AG1453" s="86"/>
      <c r="AH1453" s="85"/>
      <c r="AI1453" s="85"/>
      <c r="AJ1453" s="85"/>
      <c r="AK1453" s="85"/>
      <c r="AL1453" s="85"/>
      <c r="AM1453" s="92"/>
      <c r="AN1453" s="92"/>
      <c r="AO1453" s="92"/>
      <c r="AP1453" s="92"/>
      <c r="AQ1453" s="92"/>
      <c r="AR1453" s="92"/>
      <c r="AS1453" s="92"/>
      <c r="AT1453" s="92"/>
      <c r="AU1453" s="92"/>
      <c r="AV1453" s="92"/>
      <c r="AW1453" s="92"/>
      <c r="AX1453" s="92"/>
      <c r="AY1453" s="92"/>
      <c r="AZ1453" s="93"/>
      <c r="BA1453" s="93"/>
      <c r="BB1453" s="93"/>
      <c r="BC1453" s="93"/>
      <c r="BD1453" s="93"/>
      <c r="BE1453" s="93"/>
      <c r="BF1453" s="93"/>
      <c r="BG1453" s="93"/>
      <c r="BH1453" s="93"/>
      <c r="BI1453" s="93"/>
      <c r="BJ1453" s="93"/>
      <c r="BK1453" s="93"/>
      <c r="BL1453" s="93"/>
    </row>
    <row r="1454" spans="2:64" x14ac:dyDescent="0.2">
      <c r="B1454" s="43"/>
      <c r="C1454" s="73"/>
      <c r="D1454" s="64"/>
      <c r="E1454" s="55"/>
      <c r="F1454" s="74"/>
      <c r="G1454" s="74"/>
      <c r="H1454" s="74"/>
      <c r="I1454" s="75"/>
      <c r="J1454" s="74"/>
      <c r="L1454" s="55"/>
      <c r="M1454" s="234"/>
      <c r="N1454" s="65"/>
      <c r="O1454" s="76"/>
      <c r="P1454" s="76"/>
      <c r="Q1454" s="65"/>
      <c r="R1454" s="76"/>
      <c r="S1454" s="76"/>
      <c r="T1454" s="76"/>
      <c r="U1454" s="76"/>
      <c r="V1454" s="76"/>
      <c r="W1454" s="76"/>
      <c r="X1454" s="76"/>
      <c r="Y1454" s="76"/>
      <c r="Z1454" s="76"/>
      <c r="AA1454" s="85"/>
      <c r="AB1454" s="85"/>
      <c r="AC1454" s="85"/>
      <c r="AD1454" s="85"/>
      <c r="AE1454" s="85"/>
      <c r="AF1454" s="85"/>
      <c r="AG1454" s="86"/>
      <c r="AH1454" s="85"/>
      <c r="AI1454" s="85"/>
      <c r="AJ1454" s="85"/>
      <c r="AK1454" s="85"/>
      <c r="AL1454" s="85"/>
      <c r="AM1454" s="92"/>
      <c r="AN1454" s="92"/>
      <c r="AO1454" s="92"/>
      <c r="AP1454" s="92"/>
      <c r="AQ1454" s="92"/>
      <c r="AR1454" s="92"/>
      <c r="AS1454" s="92"/>
      <c r="AT1454" s="92"/>
      <c r="AU1454" s="92"/>
      <c r="AV1454" s="92"/>
      <c r="AW1454" s="92"/>
      <c r="AX1454" s="92"/>
      <c r="AY1454" s="92"/>
      <c r="AZ1454" s="93"/>
      <c r="BA1454" s="93"/>
      <c r="BB1454" s="93"/>
      <c r="BC1454" s="93"/>
      <c r="BD1454" s="93"/>
      <c r="BE1454" s="93"/>
      <c r="BF1454" s="93"/>
      <c r="BG1454" s="93"/>
      <c r="BH1454" s="93"/>
      <c r="BI1454" s="93"/>
      <c r="BJ1454" s="93"/>
      <c r="BK1454" s="93"/>
      <c r="BL1454" s="93"/>
    </row>
    <row r="1455" spans="2:64" x14ac:dyDescent="0.2">
      <c r="B1455" s="43"/>
      <c r="C1455" s="73"/>
      <c r="D1455" s="64"/>
      <c r="E1455" s="55"/>
      <c r="F1455" s="74"/>
      <c r="G1455" s="74"/>
      <c r="H1455" s="74"/>
      <c r="I1455" s="75"/>
      <c r="J1455" s="74"/>
      <c r="L1455" s="55"/>
      <c r="M1455" s="234"/>
      <c r="N1455" s="65"/>
      <c r="O1455" s="76"/>
      <c r="P1455" s="76"/>
      <c r="Q1455" s="65"/>
      <c r="R1455" s="76"/>
      <c r="S1455" s="76"/>
      <c r="T1455" s="76"/>
      <c r="U1455" s="76"/>
      <c r="V1455" s="76"/>
      <c r="W1455" s="76"/>
      <c r="X1455" s="76"/>
      <c r="Y1455" s="76"/>
      <c r="Z1455" s="76"/>
      <c r="AA1455" s="85"/>
      <c r="AB1455" s="85"/>
      <c r="AC1455" s="85"/>
      <c r="AD1455" s="85"/>
      <c r="AE1455" s="85"/>
      <c r="AF1455" s="85"/>
      <c r="AG1455" s="86"/>
      <c r="AH1455" s="85"/>
      <c r="AI1455" s="85"/>
      <c r="AJ1455" s="85"/>
      <c r="AK1455" s="85"/>
      <c r="AL1455" s="85"/>
      <c r="AM1455" s="92"/>
      <c r="AN1455" s="92"/>
      <c r="AO1455" s="92"/>
      <c r="AP1455" s="92"/>
      <c r="AQ1455" s="92"/>
      <c r="AR1455" s="92"/>
      <c r="AS1455" s="92"/>
      <c r="AT1455" s="92"/>
      <c r="AU1455" s="92"/>
      <c r="AV1455" s="92"/>
      <c r="AW1455" s="92"/>
      <c r="AX1455" s="92"/>
      <c r="AY1455" s="92"/>
      <c r="AZ1455" s="93"/>
      <c r="BA1455" s="93"/>
      <c r="BB1455" s="93"/>
      <c r="BC1455" s="93"/>
      <c r="BD1455" s="93"/>
      <c r="BE1455" s="93"/>
      <c r="BF1455" s="93"/>
      <c r="BG1455" s="93"/>
      <c r="BH1455" s="93"/>
      <c r="BI1455" s="93"/>
      <c r="BJ1455" s="93"/>
      <c r="BK1455" s="93"/>
      <c r="BL1455" s="93"/>
    </row>
    <row r="1456" spans="2:64" x14ac:dyDescent="0.2">
      <c r="B1456" s="43"/>
      <c r="C1456" s="73"/>
      <c r="D1456" s="64"/>
      <c r="E1456" s="55"/>
      <c r="F1456" s="74"/>
      <c r="G1456" s="74"/>
      <c r="H1456" s="74"/>
      <c r="I1456" s="75"/>
      <c r="J1456" s="74"/>
      <c r="L1456" s="55"/>
      <c r="M1456" s="234"/>
      <c r="N1456" s="65"/>
      <c r="O1456" s="76"/>
      <c r="P1456" s="76"/>
      <c r="Q1456" s="65"/>
      <c r="R1456" s="76"/>
      <c r="S1456" s="76"/>
      <c r="T1456" s="76"/>
      <c r="U1456" s="76"/>
      <c r="V1456" s="76"/>
      <c r="W1456" s="76"/>
      <c r="X1456" s="76"/>
      <c r="Y1456" s="76"/>
      <c r="Z1456" s="76"/>
      <c r="AA1456" s="85"/>
      <c r="AB1456" s="85"/>
      <c r="AC1456" s="85"/>
      <c r="AD1456" s="85"/>
      <c r="AE1456" s="85"/>
      <c r="AF1456" s="85"/>
      <c r="AG1456" s="86"/>
      <c r="AH1456" s="85"/>
      <c r="AI1456" s="85"/>
      <c r="AJ1456" s="85"/>
      <c r="AK1456" s="85"/>
      <c r="AL1456" s="85"/>
      <c r="AM1456" s="92"/>
      <c r="AN1456" s="92"/>
      <c r="AO1456" s="92"/>
      <c r="AP1456" s="92"/>
      <c r="AQ1456" s="92"/>
      <c r="AR1456" s="92"/>
      <c r="AS1456" s="92"/>
      <c r="AT1456" s="92"/>
      <c r="AU1456" s="92"/>
      <c r="AV1456" s="92"/>
      <c r="AW1456" s="92"/>
      <c r="AX1456" s="92"/>
      <c r="AY1456" s="92"/>
      <c r="AZ1456" s="93"/>
      <c r="BA1456" s="93"/>
      <c r="BB1456" s="93"/>
      <c r="BC1456" s="93"/>
      <c r="BD1456" s="93"/>
      <c r="BE1456" s="93"/>
      <c r="BF1456" s="93"/>
      <c r="BG1456" s="93"/>
      <c r="BH1456" s="93"/>
      <c r="BI1456" s="93"/>
      <c r="BJ1456" s="93"/>
      <c r="BK1456" s="93"/>
      <c r="BL1456" s="93"/>
    </row>
    <row r="1457" spans="2:64" x14ac:dyDescent="0.2">
      <c r="B1457" s="43"/>
      <c r="C1457" s="73"/>
      <c r="D1457" s="64"/>
      <c r="E1457" s="55"/>
      <c r="F1457" s="74"/>
      <c r="G1457" s="74"/>
      <c r="H1457" s="74"/>
      <c r="I1457" s="75"/>
      <c r="J1457" s="74"/>
      <c r="L1457" s="55"/>
      <c r="M1457" s="234"/>
      <c r="N1457" s="65"/>
      <c r="O1457" s="76"/>
      <c r="P1457" s="76"/>
      <c r="Q1457" s="65"/>
      <c r="R1457" s="76"/>
      <c r="S1457" s="76"/>
      <c r="T1457" s="76"/>
      <c r="U1457" s="76"/>
      <c r="V1457" s="76"/>
      <c r="W1457" s="76"/>
      <c r="X1457" s="76"/>
      <c r="Y1457" s="76"/>
      <c r="Z1457" s="76"/>
      <c r="AA1457" s="85"/>
      <c r="AB1457" s="85"/>
      <c r="AC1457" s="85"/>
      <c r="AD1457" s="85"/>
      <c r="AE1457" s="85"/>
      <c r="AF1457" s="85"/>
      <c r="AG1457" s="86"/>
      <c r="AH1457" s="85"/>
      <c r="AI1457" s="85"/>
      <c r="AJ1457" s="85"/>
      <c r="AK1457" s="85"/>
      <c r="AL1457" s="85"/>
      <c r="AM1457" s="92"/>
      <c r="AN1457" s="92"/>
      <c r="AO1457" s="92"/>
      <c r="AP1457" s="92"/>
      <c r="AQ1457" s="92"/>
      <c r="AR1457" s="92"/>
      <c r="AS1457" s="92"/>
      <c r="AT1457" s="92"/>
      <c r="AU1457" s="92"/>
      <c r="AV1457" s="92"/>
      <c r="AW1457" s="92"/>
      <c r="AX1457" s="92"/>
      <c r="AY1457" s="92"/>
      <c r="AZ1457" s="93"/>
      <c r="BA1457" s="93"/>
      <c r="BB1457" s="93"/>
      <c r="BC1457" s="93"/>
      <c r="BD1457" s="93"/>
      <c r="BE1457" s="93"/>
      <c r="BF1457" s="93"/>
      <c r="BG1457" s="93"/>
      <c r="BH1457" s="93"/>
      <c r="BI1457" s="93"/>
      <c r="BJ1457" s="93"/>
      <c r="BK1457" s="93"/>
      <c r="BL1457" s="93"/>
    </row>
    <row r="1458" spans="2:64" x14ac:dyDescent="0.2">
      <c r="B1458" s="43"/>
      <c r="C1458" s="73"/>
      <c r="D1458" s="64"/>
      <c r="E1458" s="55"/>
      <c r="F1458" s="74"/>
      <c r="G1458" s="74"/>
      <c r="H1458" s="74"/>
      <c r="I1458" s="75"/>
      <c r="J1458" s="74"/>
      <c r="L1458" s="55"/>
      <c r="M1458" s="234"/>
      <c r="N1458" s="65"/>
      <c r="O1458" s="76"/>
      <c r="P1458" s="76"/>
      <c r="Q1458" s="65"/>
      <c r="R1458" s="76"/>
      <c r="S1458" s="76"/>
      <c r="T1458" s="76"/>
      <c r="U1458" s="76"/>
      <c r="V1458" s="76"/>
      <c r="W1458" s="76"/>
      <c r="X1458" s="76"/>
      <c r="Y1458" s="76"/>
      <c r="Z1458" s="76"/>
      <c r="AA1458" s="85"/>
      <c r="AB1458" s="85"/>
      <c r="AC1458" s="85"/>
      <c r="AD1458" s="85"/>
      <c r="AE1458" s="85"/>
      <c r="AF1458" s="85"/>
      <c r="AG1458" s="86"/>
      <c r="AH1458" s="85"/>
      <c r="AI1458" s="85"/>
      <c r="AJ1458" s="85"/>
      <c r="AK1458" s="85"/>
      <c r="AL1458" s="85"/>
      <c r="AM1458" s="92"/>
      <c r="AN1458" s="92"/>
      <c r="AO1458" s="92"/>
      <c r="AP1458" s="92"/>
      <c r="AQ1458" s="92"/>
      <c r="AR1458" s="92"/>
      <c r="AS1458" s="92"/>
      <c r="AT1458" s="92"/>
      <c r="AU1458" s="92"/>
      <c r="AV1458" s="92"/>
      <c r="AW1458" s="92"/>
      <c r="AX1458" s="92"/>
      <c r="AY1458" s="92"/>
      <c r="AZ1458" s="93"/>
      <c r="BA1458" s="93"/>
      <c r="BB1458" s="93"/>
      <c r="BC1458" s="93"/>
      <c r="BD1458" s="93"/>
      <c r="BE1458" s="93"/>
      <c r="BF1458" s="93"/>
      <c r="BG1458" s="93"/>
      <c r="BH1458" s="93"/>
      <c r="BI1458" s="93"/>
      <c r="BJ1458" s="93"/>
      <c r="BK1458" s="93"/>
      <c r="BL1458" s="93"/>
    </row>
    <row r="1459" spans="2:64" x14ac:dyDescent="0.2">
      <c r="B1459" s="43"/>
      <c r="C1459" s="73"/>
      <c r="D1459" s="64"/>
      <c r="E1459" s="55"/>
      <c r="F1459" s="74"/>
      <c r="G1459" s="74"/>
      <c r="H1459" s="74"/>
      <c r="I1459" s="75"/>
      <c r="J1459" s="74"/>
      <c r="L1459" s="55"/>
      <c r="M1459" s="234"/>
      <c r="N1459" s="65"/>
      <c r="O1459" s="76"/>
      <c r="P1459" s="76"/>
      <c r="Q1459" s="65"/>
      <c r="R1459" s="76"/>
      <c r="S1459" s="76"/>
      <c r="T1459" s="76"/>
      <c r="U1459" s="76"/>
      <c r="V1459" s="76"/>
      <c r="W1459" s="76"/>
      <c r="X1459" s="76"/>
      <c r="Y1459" s="76"/>
      <c r="Z1459" s="76"/>
      <c r="AA1459" s="85"/>
      <c r="AB1459" s="85"/>
      <c r="AC1459" s="85"/>
      <c r="AD1459" s="85"/>
      <c r="AE1459" s="85"/>
      <c r="AF1459" s="85"/>
      <c r="AG1459" s="86"/>
      <c r="AH1459" s="85"/>
      <c r="AI1459" s="85"/>
      <c r="AJ1459" s="85"/>
      <c r="AK1459" s="85"/>
      <c r="AL1459" s="85"/>
      <c r="AM1459" s="92"/>
      <c r="AN1459" s="92"/>
      <c r="AO1459" s="92"/>
      <c r="AP1459" s="92"/>
      <c r="AQ1459" s="92"/>
      <c r="AR1459" s="92"/>
      <c r="AS1459" s="92"/>
      <c r="AT1459" s="92"/>
      <c r="AU1459" s="92"/>
      <c r="AV1459" s="92"/>
      <c r="AW1459" s="92"/>
      <c r="AX1459" s="92"/>
      <c r="AY1459" s="92"/>
      <c r="AZ1459" s="93"/>
      <c r="BA1459" s="93"/>
      <c r="BB1459" s="93"/>
      <c r="BC1459" s="93"/>
      <c r="BD1459" s="93"/>
      <c r="BE1459" s="93"/>
      <c r="BF1459" s="93"/>
      <c r="BG1459" s="93"/>
      <c r="BH1459" s="93"/>
      <c r="BI1459" s="93"/>
      <c r="BJ1459" s="93"/>
      <c r="BK1459" s="93"/>
      <c r="BL1459" s="93"/>
    </row>
    <row r="1460" spans="2:64" x14ac:dyDescent="0.2">
      <c r="B1460" s="43"/>
      <c r="C1460" s="73"/>
      <c r="D1460" s="64"/>
      <c r="E1460" s="55"/>
      <c r="F1460" s="74"/>
      <c r="G1460" s="74"/>
      <c r="H1460" s="74"/>
      <c r="I1460" s="75"/>
      <c r="J1460" s="74"/>
      <c r="L1460" s="55"/>
      <c r="M1460" s="234"/>
      <c r="N1460" s="65"/>
      <c r="O1460" s="76"/>
      <c r="P1460" s="76"/>
      <c r="Q1460" s="65"/>
      <c r="R1460" s="76"/>
      <c r="S1460" s="76"/>
      <c r="T1460" s="76"/>
      <c r="U1460" s="76"/>
      <c r="V1460" s="76"/>
      <c r="W1460" s="76"/>
      <c r="X1460" s="76"/>
      <c r="Y1460" s="76"/>
      <c r="Z1460" s="76"/>
      <c r="AA1460" s="85"/>
      <c r="AB1460" s="85"/>
      <c r="AC1460" s="85"/>
      <c r="AD1460" s="85"/>
      <c r="AE1460" s="85"/>
      <c r="AF1460" s="85"/>
      <c r="AG1460" s="86"/>
      <c r="AH1460" s="85"/>
      <c r="AI1460" s="85"/>
      <c r="AJ1460" s="85"/>
      <c r="AK1460" s="85"/>
      <c r="AL1460" s="85"/>
      <c r="AM1460" s="92"/>
      <c r="AN1460" s="92"/>
      <c r="AO1460" s="92"/>
      <c r="AP1460" s="92"/>
      <c r="AQ1460" s="92"/>
      <c r="AR1460" s="92"/>
      <c r="AS1460" s="92"/>
      <c r="AT1460" s="92"/>
      <c r="AU1460" s="92"/>
      <c r="AV1460" s="92"/>
      <c r="AW1460" s="92"/>
      <c r="AX1460" s="92"/>
      <c r="AY1460" s="92"/>
      <c r="AZ1460" s="93"/>
      <c r="BA1460" s="93"/>
      <c r="BB1460" s="93"/>
      <c r="BC1460" s="93"/>
      <c r="BD1460" s="93"/>
      <c r="BE1460" s="93"/>
      <c r="BF1460" s="93"/>
      <c r="BG1460" s="93"/>
      <c r="BH1460" s="93"/>
      <c r="BI1460" s="93"/>
      <c r="BJ1460" s="93"/>
      <c r="BK1460" s="93"/>
      <c r="BL1460" s="93"/>
    </row>
    <row r="1461" spans="2:64" x14ac:dyDescent="0.2">
      <c r="B1461" s="43"/>
      <c r="C1461" s="73"/>
      <c r="D1461" s="64"/>
      <c r="E1461" s="55"/>
      <c r="F1461" s="74"/>
      <c r="G1461" s="74"/>
      <c r="H1461" s="74"/>
      <c r="I1461" s="75"/>
      <c r="J1461" s="74"/>
      <c r="L1461" s="55"/>
      <c r="M1461" s="234"/>
      <c r="N1461" s="65"/>
      <c r="O1461" s="76"/>
      <c r="P1461" s="76"/>
      <c r="Q1461" s="65"/>
      <c r="R1461" s="76"/>
      <c r="S1461" s="76"/>
      <c r="T1461" s="76"/>
      <c r="U1461" s="76"/>
      <c r="V1461" s="76"/>
      <c r="W1461" s="76"/>
      <c r="X1461" s="76"/>
      <c r="Y1461" s="76"/>
      <c r="Z1461" s="76"/>
      <c r="AA1461" s="85"/>
      <c r="AB1461" s="85"/>
      <c r="AC1461" s="85"/>
      <c r="AD1461" s="85"/>
      <c r="AE1461" s="85"/>
      <c r="AF1461" s="85"/>
      <c r="AG1461" s="86"/>
      <c r="AH1461" s="85"/>
      <c r="AI1461" s="85"/>
      <c r="AJ1461" s="85"/>
      <c r="AK1461" s="85"/>
      <c r="AL1461" s="85"/>
      <c r="AM1461" s="92"/>
      <c r="AN1461" s="92"/>
      <c r="AO1461" s="92"/>
      <c r="AP1461" s="92"/>
      <c r="AQ1461" s="92"/>
      <c r="AR1461" s="92"/>
      <c r="AS1461" s="92"/>
      <c r="AT1461" s="92"/>
      <c r="AU1461" s="92"/>
      <c r="AV1461" s="92"/>
      <c r="AW1461" s="92"/>
      <c r="AX1461" s="92"/>
      <c r="AY1461" s="92"/>
      <c r="AZ1461" s="93"/>
      <c r="BA1461" s="93"/>
      <c r="BB1461" s="93"/>
      <c r="BC1461" s="93"/>
      <c r="BD1461" s="93"/>
      <c r="BE1461" s="93"/>
      <c r="BF1461" s="93"/>
      <c r="BG1461" s="93"/>
      <c r="BH1461" s="93"/>
      <c r="BI1461" s="93"/>
      <c r="BJ1461" s="93"/>
      <c r="BK1461" s="93"/>
      <c r="BL1461" s="93"/>
    </row>
    <row r="1462" spans="2:64" x14ac:dyDescent="0.2">
      <c r="B1462" s="43"/>
      <c r="C1462" s="73"/>
      <c r="D1462" s="64"/>
      <c r="E1462" s="55"/>
      <c r="F1462" s="74"/>
      <c r="G1462" s="74"/>
      <c r="H1462" s="74"/>
      <c r="I1462" s="75"/>
      <c r="J1462" s="74"/>
      <c r="L1462" s="55"/>
      <c r="M1462" s="234"/>
      <c r="N1462" s="65"/>
      <c r="O1462" s="76"/>
      <c r="P1462" s="76"/>
      <c r="Q1462" s="65"/>
      <c r="R1462" s="76"/>
      <c r="S1462" s="76"/>
      <c r="T1462" s="76"/>
      <c r="U1462" s="76"/>
      <c r="V1462" s="76"/>
      <c r="W1462" s="76"/>
      <c r="X1462" s="76"/>
      <c r="Y1462" s="76"/>
      <c r="Z1462" s="76"/>
      <c r="AA1462" s="85"/>
      <c r="AB1462" s="85"/>
      <c r="AC1462" s="85"/>
      <c r="AD1462" s="85"/>
      <c r="AE1462" s="85"/>
      <c r="AF1462" s="85"/>
      <c r="AG1462" s="86"/>
      <c r="AH1462" s="85"/>
      <c r="AI1462" s="85"/>
      <c r="AJ1462" s="85"/>
      <c r="AK1462" s="85"/>
      <c r="AL1462" s="85"/>
      <c r="AM1462" s="92"/>
      <c r="AN1462" s="92"/>
      <c r="AO1462" s="92"/>
      <c r="AP1462" s="92"/>
      <c r="AQ1462" s="92"/>
      <c r="AR1462" s="92"/>
      <c r="AS1462" s="92"/>
      <c r="AT1462" s="92"/>
      <c r="AU1462" s="92"/>
      <c r="AV1462" s="92"/>
      <c r="AW1462" s="92"/>
      <c r="AX1462" s="92"/>
      <c r="AY1462" s="92"/>
      <c r="AZ1462" s="93"/>
      <c r="BA1462" s="93"/>
      <c r="BB1462" s="93"/>
      <c r="BC1462" s="93"/>
      <c r="BD1462" s="93"/>
      <c r="BE1462" s="93"/>
      <c r="BF1462" s="93"/>
      <c r="BG1462" s="93"/>
      <c r="BH1462" s="93"/>
      <c r="BI1462" s="93"/>
      <c r="BJ1462" s="93"/>
      <c r="BK1462" s="93"/>
      <c r="BL1462" s="93"/>
    </row>
    <row r="1463" spans="2:64" x14ac:dyDescent="0.2">
      <c r="B1463" s="43"/>
      <c r="C1463" s="73"/>
      <c r="D1463" s="64"/>
      <c r="E1463" s="55"/>
      <c r="F1463" s="74"/>
      <c r="G1463" s="74"/>
      <c r="H1463" s="74"/>
      <c r="I1463" s="75"/>
      <c r="J1463" s="74"/>
      <c r="L1463" s="55"/>
      <c r="M1463" s="234"/>
      <c r="N1463" s="65"/>
      <c r="O1463" s="76"/>
      <c r="P1463" s="76"/>
      <c r="Q1463" s="65"/>
      <c r="R1463" s="76"/>
      <c r="S1463" s="76"/>
      <c r="T1463" s="76"/>
      <c r="U1463" s="76"/>
      <c r="V1463" s="76"/>
      <c r="W1463" s="76"/>
      <c r="X1463" s="76"/>
      <c r="Y1463" s="76"/>
      <c r="Z1463" s="76"/>
      <c r="AA1463" s="85"/>
      <c r="AB1463" s="85"/>
      <c r="AC1463" s="85"/>
      <c r="AD1463" s="85"/>
      <c r="AE1463" s="85"/>
      <c r="AF1463" s="85"/>
      <c r="AG1463" s="86"/>
      <c r="AH1463" s="85"/>
      <c r="AI1463" s="85"/>
      <c r="AJ1463" s="85"/>
      <c r="AK1463" s="85"/>
      <c r="AL1463" s="85"/>
      <c r="AM1463" s="92"/>
      <c r="AN1463" s="92"/>
      <c r="AO1463" s="92"/>
      <c r="AP1463" s="92"/>
      <c r="AQ1463" s="92"/>
      <c r="AR1463" s="92"/>
      <c r="AS1463" s="92"/>
      <c r="AT1463" s="92"/>
      <c r="AU1463" s="92"/>
      <c r="AV1463" s="92"/>
      <c r="AW1463" s="92"/>
      <c r="AX1463" s="92"/>
      <c r="AY1463" s="92"/>
      <c r="AZ1463" s="93"/>
      <c r="BA1463" s="93"/>
      <c r="BB1463" s="93"/>
      <c r="BC1463" s="93"/>
      <c r="BD1463" s="93"/>
      <c r="BE1463" s="93"/>
      <c r="BF1463" s="93"/>
      <c r="BG1463" s="93"/>
      <c r="BH1463" s="93"/>
      <c r="BI1463" s="93"/>
      <c r="BJ1463" s="93"/>
      <c r="BK1463" s="93"/>
      <c r="BL1463" s="93"/>
    </row>
    <row r="1464" spans="2:64" x14ac:dyDescent="0.2">
      <c r="B1464" s="43"/>
      <c r="C1464" s="73"/>
      <c r="D1464" s="64"/>
      <c r="E1464" s="55"/>
      <c r="F1464" s="74"/>
      <c r="G1464" s="74"/>
      <c r="H1464" s="74"/>
      <c r="I1464" s="75"/>
      <c r="J1464" s="74"/>
      <c r="L1464" s="55"/>
      <c r="M1464" s="234"/>
      <c r="N1464" s="65"/>
      <c r="O1464" s="76"/>
      <c r="P1464" s="76"/>
      <c r="Q1464" s="65"/>
      <c r="R1464" s="76"/>
      <c r="S1464" s="76"/>
      <c r="T1464" s="76"/>
      <c r="U1464" s="76"/>
      <c r="V1464" s="76"/>
      <c r="W1464" s="76"/>
      <c r="X1464" s="76"/>
      <c r="Y1464" s="76"/>
      <c r="Z1464" s="76"/>
      <c r="AA1464" s="85"/>
      <c r="AB1464" s="85"/>
      <c r="AC1464" s="85"/>
      <c r="AD1464" s="85"/>
      <c r="AE1464" s="85"/>
      <c r="AF1464" s="85"/>
      <c r="AG1464" s="86"/>
      <c r="AH1464" s="85"/>
      <c r="AI1464" s="85"/>
      <c r="AJ1464" s="85"/>
      <c r="AK1464" s="85"/>
      <c r="AL1464" s="85"/>
      <c r="AM1464" s="92"/>
      <c r="AN1464" s="92"/>
      <c r="AO1464" s="92"/>
      <c r="AP1464" s="92"/>
      <c r="AQ1464" s="92"/>
      <c r="AR1464" s="92"/>
      <c r="AS1464" s="92"/>
      <c r="AT1464" s="92"/>
      <c r="AU1464" s="92"/>
      <c r="AV1464" s="92"/>
      <c r="AW1464" s="92"/>
      <c r="AX1464" s="92"/>
      <c r="AY1464" s="92"/>
      <c r="AZ1464" s="93"/>
      <c r="BA1464" s="93"/>
      <c r="BB1464" s="93"/>
      <c r="BC1464" s="93"/>
      <c r="BD1464" s="93"/>
      <c r="BE1464" s="93"/>
      <c r="BF1464" s="93"/>
      <c r="BG1464" s="93"/>
      <c r="BH1464" s="93"/>
      <c r="BI1464" s="93"/>
      <c r="BJ1464" s="93"/>
      <c r="BK1464" s="93"/>
      <c r="BL1464" s="93"/>
    </row>
    <row r="1465" spans="2:64" x14ac:dyDescent="0.2">
      <c r="B1465" s="43"/>
      <c r="C1465" s="73"/>
      <c r="D1465" s="64"/>
      <c r="E1465" s="55"/>
      <c r="F1465" s="74"/>
      <c r="G1465" s="74"/>
      <c r="H1465" s="74"/>
      <c r="I1465" s="75"/>
      <c r="J1465" s="74"/>
      <c r="L1465" s="55"/>
      <c r="M1465" s="234"/>
      <c r="N1465" s="65"/>
      <c r="O1465" s="76"/>
      <c r="P1465" s="76"/>
      <c r="Q1465" s="65"/>
      <c r="R1465" s="76"/>
      <c r="S1465" s="76"/>
      <c r="T1465" s="76"/>
      <c r="U1465" s="76"/>
      <c r="V1465" s="76"/>
      <c r="W1465" s="76"/>
      <c r="X1465" s="76"/>
      <c r="Y1465" s="76"/>
      <c r="Z1465" s="76"/>
      <c r="AA1465" s="85"/>
      <c r="AB1465" s="85"/>
      <c r="AC1465" s="85"/>
      <c r="AD1465" s="85"/>
      <c r="AE1465" s="85"/>
      <c r="AF1465" s="85"/>
      <c r="AG1465" s="86"/>
      <c r="AH1465" s="85"/>
      <c r="AI1465" s="85"/>
      <c r="AJ1465" s="85"/>
      <c r="AK1465" s="85"/>
      <c r="AL1465" s="85"/>
      <c r="AM1465" s="92"/>
      <c r="AN1465" s="92"/>
      <c r="AO1465" s="92"/>
      <c r="AP1465" s="92"/>
      <c r="AQ1465" s="92"/>
      <c r="AR1465" s="92"/>
      <c r="AS1465" s="92"/>
      <c r="AT1465" s="92"/>
      <c r="AU1465" s="92"/>
      <c r="AV1465" s="92"/>
      <c r="AW1465" s="92"/>
      <c r="AX1465" s="92"/>
      <c r="AY1465" s="92"/>
      <c r="AZ1465" s="93"/>
      <c r="BA1465" s="93"/>
      <c r="BB1465" s="93"/>
      <c r="BC1465" s="93"/>
      <c r="BD1465" s="93"/>
      <c r="BE1465" s="93"/>
      <c r="BF1465" s="93"/>
      <c r="BG1465" s="93"/>
      <c r="BH1465" s="93"/>
      <c r="BI1465" s="93"/>
      <c r="BJ1465" s="93"/>
      <c r="BK1465" s="93"/>
      <c r="BL1465" s="93"/>
    </row>
    <row r="1466" spans="2:64" x14ac:dyDescent="0.2">
      <c r="B1466" s="43"/>
      <c r="C1466" s="73"/>
      <c r="D1466" s="64"/>
      <c r="E1466" s="55"/>
      <c r="F1466" s="74"/>
      <c r="G1466" s="74"/>
      <c r="H1466" s="74"/>
      <c r="I1466" s="75"/>
      <c r="J1466" s="74"/>
      <c r="L1466" s="55"/>
      <c r="M1466" s="234"/>
      <c r="N1466" s="65"/>
      <c r="O1466" s="76"/>
      <c r="P1466" s="76"/>
      <c r="Q1466" s="65"/>
      <c r="R1466" s="76"/>
      <c r="S1466" s="76"/>
      <c r="T1466" s="76"/>
      <c r="U1466" s="76"/>
      <c r="V1466" s="76"/>
      <c r="W1466" s="76"/>
      <c r="X1466" s="76"/>
      <c r="Y1466" s="76"/>
      <c r="Z1466" s="76"/>
      <c r="AA1466" s="85"/>
      <c r="AB1466" s="85"/>
      <c r="AC1466" s="85"/>
      <c r="AD1466" s="85"/>
      <c r="AE1466" s="85"/>
      <c r="AF1466" s="85"/>
      <c r="AG1466" s="86"/>
      <c r="AH1466" s="85"/>
      <c r="AI1466" s="85"/>
      <c r="AJ1466" s="85"/>
      <c r="AK1466" s="85"/>
      <c r="AL1466" s="85"/>
      <c r="AM1466" s="92"/>
      <c r="AN1466" s="92"/>
      <c r="AO1466" s="92"/>
      <c r="AP1466" s="92"/>
      <c r="AQ1466" s="92"/>
      <c r="AR1466" s="92"/>
      <c r="AS1466" s="92"/>
      <c r="AT1466" s="92"/>
      <c r="AU1466" s="92"/>
      <c r="AV1466" s="92"/>
      <c r="AW1466" s="92"/>
      <c r="AX1466" s="92"/>
      <c r="AY1466" s="92"/>
      <c r="AZ1466" s="93"/>
      <c r="BA1466" s="93"/>
      <c r="BB1466" s="93"/>
      <c r="BC1466" s="93"/>
      <c r="BD1466" s="93"/>
      <c r="BE1466" s="93"/>
      <c r="BF1466" s="93"/>
      <c r="BG1466" s="93"/>
      <c r="BH1466" s="93"/>
      <c r="BI1466" s="93"/>
      <c r="BJ1466" s="93"/>
      <c r="BK1466" s="93"/>
      <c r="BL1466" s="93"/>
    </row>
    <row r="1467" spans="2:64" x14ac:dyDescent="0.2">
      <c r="B1467" s="43"/>
      <c r="C1467" s="73"/>
      <c r="D1467" s="64"/>
      <c r="E1467" s="55"/>
      <c r="F1467" s="74"/>
      <c r="G1467" s="74"/>
      <c r="H1467" s="74"/>
      <c r="I1467" s="75"/>
      <c r="J1467" s="74"/>
      <c r="L1467" s="55"/>
      <c r="M1467" s="234"/>
      <c r="N1467" s="65"/>
      <c r="O1467" s="76"/>
      <c r="P1467" s="76"/>
      <c r="Q1467" s="65"/>
      <c r="R1467" s="76"/>
      <c r="S1467" s="76"/>
      <c r="T1467" s="76"/>
      <c r="U1467" s="76"/>
      <c r="V1467" s="76"/>
      <c r="W1467" s="76"/>
      <c r="X1467" s="76"/>
      <c r="Y1467" s="76"/>
      <c r="Z1467" s="76"/>
      <c r="AA1467" s="85"/>
      <c r="AB1467" s="85"/>
      <c r="AC1467" s="85"/>
      <c r="AD1467" s="85"/>
      <c r="AE1467" s="85"/>
      <c r="AF1467" s="85"/>
      <c r="AG1467" s="86"/>
      <c r="AH1467" s="85"/>
      <c r="AI1467" s="85"/>
      <c r="AJ1467" s="85"/>
      <c r="AK1467" s="85"/>
      <c r="AL1467" s="85"/>
      <c r="AM1467" s="92"/>
      <c r="AN1467" s="92"/>
      <c r="AO1467" s="92"/>
      <c r="AP1467" s="92"/>
      <c r="AQ1467" s="92"/>
      <c r="AR1467" s="92"/>
      <c r="AS1467" s="92"/>
      <c r="AT1467" s="92"/>
      <c r="AU1467" s="92"/>
      <c r="AV1467" s="92"/>
      <c r="AW1467" s="92"/>
      <c r="AX1467" s="92"/>
      <c r="AY1467" s="92"/>
      <c r="AZ1467" s="93"/>
      <c r="BA1467" s="93"/>
      <c r="BB1467" s="93"/>
      <c r="BC1467" s="93"/>
      <c r="BD1467" s="93"/>
      <c r="BE1467" s="93"/>
      <c r="BF1467" s="93"/>
      <c r="BG1467" s="93"/>
      <c r="BH1467" s="93"/>
      <c r="BI1467" s="93"/>
      <c r="BJ1467" s="93"/>
      <c r="BK1467" s="93"/>
      <c r="BL1467" s="93"/>
    </row>
    <row r="1468" spans="2:64" x14ac:dyDescent="0.2">
      <c r="B1468" s="43"/>
      <c r="C1468" s="73"/>
      <c r="D1468" s="64"/>
      <c r="E1468" s="55"/>
      <c r="F1468" s="74"/>
      <c r="G1468" s="74"/>
      <c r="H1468" s="74"/>
      <c r="I1468" s="75"/>
      <c r="J1468" s="74"/>
      <c r="L1468" s="55"/>
      <c r="M1468" s="234"/>
      <c r="N1468" s="65"/>
      <c r="O1468" s="76"/>
      <c r="P1468" s="76"/>
      <c r="Q1468" s="65"/>
      <c r="R1468" s="76"/>
      <c r="S1468" s="76"/>
      <c r="T1468" s="76"/>
      <c r="U1468" s="76"/>
      <c r="V1468" s="76"/>
      <c r="W1468" s="76"/>
      <c r="X1468" s="76"/>
      <c r="Y1468" s="76"/>
      <c r="Z1468" s="76"/>
      <c r="AA1468" s="85"/>
      <c r="AB1468" s="85"/>
      <c r="AC1468" s="85"/>
      <c r="AD1468" s="85"/>
      <c r="AE1468" s="85"/>
      <c r="AF1468" s="85"/>
      <c r="AG1468" s="86"/>
      <c r="AH1468" s="85"/>
      <c r="AI1468" s="85"/>
      <c r="AJ1468" s="85"/>
      <c r="AK1468" s="85"/>
      <c r="AL1468" s="85"/>
      <c r="AM1468" s="92"/>
      <c r="AN1468" s="92"/>
      <c r="AO1468" s="92"/>
      <c r="AP1468" s="92"/>
      <c r="AQ1468" s="92"/>
      <c r="AR1468" s="92"/>
      <c r="AS1468" s="92"/>
      <c r="AT1468" s="92"/>
      <c r="AU1468" s="92"/>
      <c r="AV1468" s="92"/>
      <c r="AW1468" s="92"/>
      <c r="AX1468" s="92"/>
      <c r="AY1468" s="92"/>
      <c r="AZ1468" s="93"/>
      <c r="BA1468" s="93"/>
      <c r="BB1468" s="93"/>
      <c r="BC1468" s="93"/>
      <c r="BD1468" s="93"/>
      <c r="BE1468" s="93"/>
      <c r="BF1468" s="93"/>
      <c r="BG1468" s="93"/>
      <c r="BH1468" s="93"/>
      <c r="BI1468" s="93"/>
      <c r="BJ1468" s="93"/>
      <c r="BK1468" s="93"/>
      <c r="BL1468" s="93"/>
    </row>
    <row r="1469" spans="2:64" x14ac:dyDescent="0.2">
      <c r="B1469" s="43"/>
      <c r="C1469" s="73"/>
      <c r="D1469" s="64"/>
      <c r="E1469" s="55"/>
      <c r="F1469" s="74"/>
      <c r="G1469" s="74"/>
      <c r="H1469" s="74"/>
      <c r="I1469" s="75"/>
      <c r="J1469" s="74"/>
      <c r="L1469" s="55"/>
      <c r="M1469" s="234"/>
      <c r="N1469" s="65"/>
      <c r="O1469" s="76"/>
      <c r="P1469" s="76"/>
      <c r="Q1469" s="65"/>
      <c r="R1469" s="76"/>
      <c r="S1469" s="76"/>
      <c r="T1469" s="76"/>
      <c r="U1469" s="76"/>
      <c r="V1469" s="76"/>
      <c r="W1469" s="76"/>
      <c r="X1469" s="76"/>
      <c r="Y1469" s="76"/>
      <c r="Z1469" s="76"/>
      <c r="AA1469" s="85"/>
      <c r="AB1469" s="85"/>
      <c r="AC1469" s="85"/>
      <c r="AD1469" s="85"/>
      <c r="AE1469" s="85"/>
      <c r="AF1469" s="85"/>
      <c r="AG1469" s="86"/>
      <c r="AH1469" s="85"/>
      <c r="AI1469" s="85"/>
      <c r="AJ1469" s="85"/>
      <c r="AK1469" s="85"/>
      <c r="AL1469" s="85"/>
      <c r="AM1469" s="92"/>
      <c r="AN1469" s="92"/>
      <c r="AO1469" s="92"/>
      <c r="AP1469" s="92"/>
      <c r="AQ1469" s="92"/>
      <c r="AR1469" s="92"/>
      <c r="AS1469" s="92"/>
      <c r="AT1469" s="92"/>
      <c r="AU1469" s="92"/>
      <c r="AV1469" s="92"/>
      <c r="AW1469" s="92"/>
      <c r="AX1469" s="92"/>
      <c r="AY1469" s="92"/>
      <c r="AZ1469" s="93"/>
      <c r="BA1469" s="93"/>
      <c r="BB1469" s="93"/>
      <c r="BC1469" s="93"/>
      <c r="BD1469" s="93"/>
      <c r="BE1469" s="93"/>
      <c r="BF1469" s="93"/>
      <c r="BG1469" s="93"/>
      <c r="BH1469" s="93"/>
      <c r="BI1469" s="93"/>
      <c r="BJ1469" s="93"/>
      <c r="BK1469" s="93"/>
      <c r="BL1469" s="93"/>
    </row>
    <row r="1470" spans="2:64" x14ac:dyDescent="0.2">
      <c r="B1470" s="43"/>
      <c r="C1470" s="73"/>
      <c r="D1470" s="64"/>
      <c r="E1470" s="55"/>
      <c r="F1470" s="74"/>
      <c r="G1470" s="74"/>
      <c r="H1470" s="74"/>
      <c r="I1470" s="75"/>
      <c r="J1470" s="74"/>
      <c r="L1470" s="55"/>
      <c r="M1470" s="234"/>
      <c r="N1470" s="65"/>
      <c r="O1470" s="76"/>
      <c r="P1470" s="76"/>
      <c r="Q1470" s="65"/>
      <c r="R1470" s="76"/>
      <c r="S1470" s="76"/>
      <c r="T1470" s="76"/>
      <c r="U1470" s="76"/>
      <c r="V1470" s="76"/>
      <c r="W1470" s="76"/>
      <c r="X1470" s="76"/>
      <c r="Y1470" s="76"/>
      <c r="Z1470" s="76"/>
      <c r="AA1470" s="85"/>
      <c r="AB1470" s="85"/>
      <c r="AC1470" s="85"/>
      <c r="AD1470" s="85"/>
      <c r="AE1470" s="85"/>
      <c r="AF1470" s="85"/>
      <c r="AG1470" s="86"/>
      <c r="AH1470" s="85"/>
      <c r="AI1470" s="85"/>
      <c r="AJ1470" s="85"/>
      <c r="AK1470" s="85"/>
      <c r="AL1470" s="85"/>
      <c r="AM1470" s="92"/>
      <c r="AN1470" s="92"/>
      <c r="AO1470" s="92"/>
      <c r="AP1470" s="92"/>
      <c r="AQ1470" s="92"/>
      <c r="AR1470" s="92"/>
      <c r="AS1470" s="92"/>
      <c r="AT1470" s="92"/>
      <c r="AU1470" s="92"/>
      <c r="AV1470" s="92"/>
      <c r="AW1470" s="92"/>
      <c r="AX1470" s="92"/>
      <c r="AY1470" s="92"/>
      <c r="AZ1470" s="93"/>
      <c r="BA1470" s="93"/>
      <c r="BB1470" s="93"/>
      <c r="BC1470" s="93"/>
      <c r="BD1470" s="93"/>
      <c r="BE1470" s="93"/>
      <c r="BF1470" s="93"/>
      <c r="BG1470" s="93"/>
      <c r="BH1470" s="93"/>
      <c r="BI1470" s="93"/>
      <c r="BJ1470" s="93"/>
      <c r="BK1470" s="93"/>
      <c r="BL1470" s="93"/>
    </row>
    <row r="1471" spans="2:64" x14ac:dyDescent="0.2">
      <c r="B1471" s="43"/>
      <c r="C1471" s="73"/>
      <c r="D1471" s="64"/>
      <c r="E1471" s="55"/>
      <c r="F1471" s="74"/>
      <c r="G1471" s="74"/>
      <c r="H1471" s="74"/>
      <c r="I1471" s="75"/>
      <c r="J1471" s="74"/>
      <c r="L1471" s="55"/>
      <c r="M1471" s="234"/>
      <c r="N1471" s="65"/>
      <c r="O1471" s="76"/>
      <c r="P1471" s="76"/>
      <c r="Q1471" s="65"/>
      <c r="R1471" s="76"/>
      <c r="S1471" s="76"/>
      <c r="T1471" s="76"/>
      <c r="U1471" s="76"/>
      <c r="V1471" s="76"/>
      <c r="W1471" s="76"/>
      <c r="X1471" s="76"/>
      <c r="Y1471" s="76"/>
      <c r="Z1471" s="76"/>
      <c r="AA1471" s="85"/>
      <c r="AB1471" s="85"/>
      <c r="AC1471" s="85"/>
      <c r="AD1471" s="85"/>
      <c r="AE1471" s="85"/>
      <c r="AF1471" s="85"/>
      <c r="AG1471" s="86"/>
      <c r="AH1471" s="85"/>
      <c r="AI1471" s="85"/>
      <c r="AJ1471" s="85"/>
      <c r="AK1471" s="85"/>
      <c r="AL1471" s="85"/>
      <c r="AM1471" s="92"/>
      <c r="AN1471" s="92"/>
      <c r="AO1471" s="92"/>
      <c r="AP1471" s="92"/>
      <c r="AQ1471" s="92"/>
      <c r="AR1471" s="92"/>
      <c r="AS1471" s="92"/>
      <c r="AT1471" s="92"/>
      <c r="AU1471" s="92"/>
      <c r="AV1471" s="92"/>
      <c r="AW1471" s="92"/>
      <c r="AX1471" s="92"/>
      <c r="AY1471" s="92"/>
      <c r="AZ1471" s="93"/>
      <c r="BA1471" s="93"/>
      <c r="BB1471" s="93"/>
      <c r="BC1471" s="93"/>
      <c r="BD1471" s="93"/>
      <c r="BE1471" s="93"/>
      <c r="BF1471" s="93"/>
      <c r="BG1471" s="93"/>
      <c r="BH1471" s="93"/>
      <c r="BI1471" s="93"/>
      <c r="BJ1471" s="93"/>
      <c r="BK1471" s="93"/>
      <c r="BL1471" s="93"/>
    </row>
    <row r="1472" spans="2:64" x14ac:dyDescent="0.2">
      <c r="B1472" s="43"/>
      <c r="C1472" s="73"/>
      <c r="D1472" s="64"/>
      <c r="E1472" s="55"/>
      <c r="F1472" s="74"/>
      <c r="G1472" s="74"/>
      <c r="H1472" s="74"/>
      <c r="I1472" s="75"/>
      <c r="J1472" s="74"/>
      <c r="L1472" s="55"/>
      <c r="M1472" s="234"/>
      <c r="N1472" s="65"/>
      <c r="O1472" s="76"/>
      <c r="P1472" s="76"/>
      <c r="Q1472" s="65"/>
      <c r="R1472" s="76"/>
      <c r="S1472" s="76"/>
      <c r="T1472" s="76"/>
      <c r="U1472" s="76"/>
      <c r="V1472" s="76"/>
      <c r="W1472" s="76"/>
      <c r="X1472" s="76"/>
      <c r="Y1472" s="76"/>
      <c r="Z1472" s="76"/>
      <c r="AA1472" s="85"/>
      <c r="AB1472" s="85"/>
      <c r="AC1472" s="85"/>
      <c r="AD1472" s="85"/>
      <c r="AE1472" s="85"/>
      <c r="AF1472" s="85"/>
      <c r="AG1472" s="86"/>
      <c r="AH1472" s="85"/>
      <c r="AI1472" s="85"/>
      <c r="AJ1472" s="85"/>
      <c r="AK1472" s="85"/>
      <c r="AL1472" s="85"/>
      <c r="AM1472" s="92"/>
      <c r="AN1472" s="92"/>
      <c r="AO1472" s="92"/>
      <c r="AP1472" s="92"/>
      <c r="AQ1472" s="92"/>
      <c r="AR1472" s="92"/>
      <c r="AS1472" s="92"/>
      <c r="AT1472" s="92"/>
      <c r="AU1472" s="92"/>
      <c r="AV1472" s="92"/>
      <c r="AW1472" s="92"/>
      <c r="AX1472" s="92"/>
      <c r="AY1472" s="92"/>
      <c r="AZ1472" s="93"/>
      <c r="BA1472" s="93"/>
      <c r="BB1472" s="93"/>
      <c r="BC1472" s="93"/>
      <c r="BD1472" s="93"/>
      <c r="BE1472" s="93"/>
      <c r="BF1472" s="93"/>
      <c r="BG1472" s="93"/>
      <c r="BH1472" s="93"/>
      <c r="BI1472" s="93"/>
      <c r="BJ1472" s="93"/>
      <c r="BK1472" s="93"/>
      <c r="BL1472" s="93"/>
    </row>
    <row r="1473" spans="2:64" x14ac:dyDescent="0.2">
      <c r="B1473" s="43"/>
      <c r="C1473" s="73"/>
      <c r="D1473" s="64"/>
      <c r="E1473" s="55"/>
      <c r="F1473" s="74"/>
      <c r="G1473" s="74"/>
      <c r="H1473" s="74"/>
      <c r="I1473" s="75"/>
      <c r="J1473" s="74"/>
      <c r="L1473" s="55"/>
      <c r="M1473" s="234"/>
      <c r="N1473" s="65"/>
      <c r="O1473" s="76"/>
      <c r="P1473" s="76"/>
      <c r="Q1473" s="65"/>
      <c r="R1473" s="76"/>
      <c r="S1473" s="76"/>
      <c r="T1473" s="76"/>
      <c r="U1473" s="76"/>
      <c r="V1473" s="76"/>
      <c r="W1473" s="76"/>
      <c r="X1473" s="76"/>
      <c r="Y1473" s="76"/>
      <c r="Z1473" s="76"/>
      <c r="AA1473" s="85"/>
      <c r="AB1473" s="85"/>
      <c r="AC1473" s="85"/>
      <c r="AD1473" s="85"/>
      <c r="AE1473" s="85"/>
      <c r="AF1473" s="85"/>
      <c r="AG1473" s="86"/>
      <c r="AH1473" s="85"/>
      <c r="AI1473" s="85"/>
      <c r="AJ1473" s="85"/>
      <c r="AK1473" s="85"/>
      <c r="AL1473" s="85"/>
      <c r="AM1473" s="92"/>
      <c r="AN1473" s="92"/>
      <c r="AO1473" s="92"/>
      <c r="AP1473" s="92"/>
      <c r="AQ1473" s="92"/>
      <c r="AR1473" s="92"/>
      <c r="AS1473" s="92"/>
      <c r="AT1473" s="92"/>
      <c r="AU1473" s="92"/>
      <c r="AV1473" s="92"/>
      <c r="AW1473" s="92"/>
      <c r="AX1473" s="92"/>
      <c r="AY1473" s="92"/>
      <c r="AZ1473" s="93"/>
      <c r="BA1473" s="93"/>
      <c r="BB1473" s="93"/>
      <c r="BC1473" s="93"/>
      <c r="BD1473" s="93"/>
      <c r="BE1473" s="93"/>
      <c r="BF1473" s="93"/>
      <c r="BG1473" s="93"/>
      <c r="BH1473" s="93"/>
      <c r="BI1473" s="93"/>
      <c r="BJ1473" s="93"/>
      <c r="BK1473" s="93"/>
      <c r="BL1473" s="93"/>
    </row>
    <row r="1474" spans="2:64" x14ac:dyDescent="0.2">
      <c r="B1474" s="43"/>
      <c r="C1474" s="73"/>
      <c r="D1474" s="64"/>
      <c r="E1474" s="55"/>
      <c r="F1474" s="74"/>
      <c r="G1474" s="74"/>
      <c r="H1474" s="74"/>
      <c r="I1474" s="75"/>
      <c r="J1474" s="74"/>
      <c r="L1474" s="55"/>
      <c r="M1474" s="234"/>
      <c r="N1474" s="65"/>
      <c r="O1474" s="76"/>
      <c r="P1474" s="76"/>
      <c r="Q1474" s="65"/>
      <c r="R1474" s="76"/>
      <c r="S1474" s="76"/>
      <c r="T1474" s="76"/>
      <c r="U1474" s="76"/>
      <c r="V1474" s="76"/>
      <c r="W1474" s="76"/>
      <c r="X1474" s="76"/>
      <c r="Y1474" s="76"/>
      <c r="Z1474" s="76"/>
      <c r="AA1474" s="85"/>
      <c r="AB1474" s="85"/>
      <c r="AC1474" s="85"/>
      <c r="AD1474" s="85"/>
      <c r="AE1474" s="85"/>
      <c r="AF1474" s="85"/>
      <c r="AG1474" s="86"/>
      <c r="AH1474" s="85"/>
      <c r="AI1474" s="85"/>
      <c r="AJ1474" s="85"/>
      <c r="AK1474" s="85"/>
      <c r="AL1474" s="85"/>
      <c r="AM1474" s="92"/>
      <c r="AN1474" s="92"/>
      <c r="AO1474" s="92"/>
      <c r="AP1474" s="92"/>
      <c r="AQ1474" s="92"/>
      <c r="AR1474" s="92"/>
      <c r="AS1474" s="92"/>
      <c r="AT1474" s="92"/>
      <c r="AU1474" s="92"/>
      <c r="AV1474" s="92"/>
      <c r="AW1474" s="92"/>
      <c r="AX1474" s="92"/>
      <c r="AY1474" s="92"/>
      <c r="AZ1474" s="93"/>
      <c r="BA1474" s="93"/>
      <c r="BB1474" s="93"/>
      <c r="BC1474" s="93"/>
      <c r="BD1474" s="93"/>
      <c r="BE1474" s="93"/>
      <c r="BF1474" s="93"/>
      <c r="BG1474" s="93"/>
      <c r="BH1474" s="93"/>
      <c r="BI1474" s="93"/>
      <c r="BJ1474" s="93"/>
      <c r="BK1474" s="93"/>
      <c r="BL1474" s="93"/>
    </row>
    <row r="1475" spans="2:64" x14ac:dyDescent="0.2">
      <c r="B1475" s="43"/>
      <c r="C1475" s="73"/>
      <c r="D1475" s="64"/>
      <c r="E1475" s="55"/>
      <c r="F1475" s="74"/>
      <c r="G1475" s="74"/>
      <c r="H1475" s="74"/>
      <c r="I1475" s="75"/>
      <c r="J1475" s="74"/>
      <c r="L1475" s="55"/>
      <c r="M1475" s="234"/>
      <c r="N1475" s="65"/>
      <c r="O1475" s="76"/>
      <c r="P1475" s="76"/>
      <c r="Q1475" s="65"/>
      <c r="R1475" s="76"/>
      <c r="S1475" s="76"/>
      <c r="T1475" s="76"/>
      <c r="U1475" s="76"/>
      <c r="V1475" s="76"/>
      <c r="W1475" s="76"/>
      <c r="X1475" s="76"/>
      <c r="Y1475" s="76"/>
      <c r="Z1475" s="76"/>
      <c r="AA1475" s="85"/>
      <c r="AB1475" s="85"/>
      <c r="AC1475" s="85"/>
      <c r="AD1475" s="85"/>
      <c r="AE1475" s="85"/>
      <c r="AF1475" s="85"/>
      <c r="AG1475" s="86"/>
      <c r="AH1475" s="85"/>
      <c r="AI1475" s="85"/>
      <c r="AJ1475" s="85"/>
      <c r="AK1475" s="85"/>
      <c r="AL1475" s="85"/>
      <c r="AM1475" s="92"/>
      <c r="AN1475" s="92"/>
      <c r="AO1475" s="92"/>
      <c r="AP1475" s="92"/>
      <c r="AQ1475" s="92"/>
      <c r="AR1475" s="92"/>
      <c r="AS1475" s="92"/>
      <c r="AT1475" s="92"/>
      <c r="AU1475" s="92"/>
      <c r="AV1475" s="92"/>
      <c r="AW1475" s="92"/>
      <c r="AX1475" s="92"/>
      <c r="AY1475" s="92"/>
      <c r="AZ1475" s="93"/>
      <c r="BA1475" s="93"/>
      <c r="BB1475" s="93"/>
      <c r="BC1475" s="93"/>
      <c r="BD1475" s="93"/>
      <c r="BE1475" s="93"/>
      <c r="BF1475" s="93"/>
      <c r="BG1475" s="93"/>
      <c r="BH1475" s="93"/>
      <c r="BI1475" s="93"/>
      <c r="BJ1475" s="93"/>
      <c r="BK1475" s="93"/>
      <c r="BL1475" s="93"/>
    </row>
    <row r="1476" spans="2:64" x14ac:dyDescent="0.2">
      <c r="B1476" s="43"/>
      <c r="C1476" s="73"/>
      <c r="D1476" s="64"/>
      <c r="E1476" s="55"/>
      <c r="F1476" s="74"/>
      <c r="G1476" s="74"/>
      <c r="H1476" s="74"/>
      <c r="I1476" s="75"/>
      <c r="J1476" s="74"/>
      <c r="L1476" s="55"/>
      <c r="M1476" s="234"/>
      <c r="N1476" s="65"/>
      <c r="O1476" s="76"/>
      <c r="P1476" s="76"/>
      <c r="Q1476" s="65"/>
      <c r="R1476" s="76"/>
      <c r="S1476" s="76"/>
      <c r="T1476" s="76"/>
      <c r="U1476" s="76"/>
      <c r="V1476" s="76"/>
      <c r="W1476" s="76"/>
      <c r="X1476" s="76"/>
      <c r="Y1476" s="76"/>
      <c r="Z1476" s="76"/>
      <c r="AA1476" s="85"/>
      <c r="AB1476" s="85"/>
      <c r="AC1476" s="85"/>
      <c r="AD1476" s="85"/>
      <c r="AE1476" s="85"/>
      <c r="AF1476" s="85"/>
      <c r="AG1476" s="86"/>
      <c r="AH1476" s="85"/>
      <c r="AI1476" s="85"/>
      <c r="AJ1476" s="85"/>
      <c r="AK1476" s="85"/>
      <c r="AL1476" s="85"/>
      <c r="AM1476" s="92"/>
      <c r="AN1476" s="92"/>
      <c r="AO1476" s="92"/>
      <c r="AP1476" s="92"/>
      <c r="AQ1476" s="92"/>
      <c r="AR1476" s="92"/>
      <c r="AS1476" s="92"/>
      <c r="AT1476" s="92"/>
      <c r="AU1476" s="92"/>
      <c r="AV1476" s="92"/>
      <c r="AW1476" s="92"/>
      <c r="AX1476" s="92"/>
      <c r="AY1476" s="92"/>
      <c r="AZ1476" s="93"/>
      <c r="BA1476" s="93"/>
      <c r="BB1476" s="93"/>
      <c r="BC1476" s="93"/>
      <c r="BD1476" s="93"/>
      <c r="BE1476" s="93"/>
      <c r="BF1476" s="93"/>
      <c r="BG1476" s="93"/>
      <c r="BH1476" s="93"/>
      <c r="BI1476" s="93"/>
      <c r="BJ1476" s="93"/>
      <c r="BK1476" s="93"/>
      <c r="BL1476" s="93"/>
    </row>
    <row r="1477" spans="2:64" x14ac:dyDescent="0.2">
      <c r="B1477" s="43"/>
      <c r="C1477" s="73"/>
      <c r="D1477" s="64"/>
      <c r="E1477" s="55"/>
      <c r="F1477" s="74"/>
      <c r="G1477" s="74"/>
      <c r="H1477" s="74"/>
      <c r="I1477" s="75"/>
      <c r="J1477" s="74"/>
      <c r="L1477" s="55"/>
      <c r="M1477" s="234"/>
      <c r="N1477" s="65"/>
      <c r="O1477" s="76"/>
      <c r="P1477" s="76"/>
      <c r="Q1477" s="65"/>
      <c r="R1477" s="76"/>
      <c r="S1477" s="76"/>
      <c r="T1477" s="76"/>
      <c r="U1477" s="76"/>
      <c r="V1477" s="76"/>
      <c r="W1477" s="76"/>
      <c r="X1477" s="76"/>
      <c r="Y1477" s="76"/>
      <c r="Z1477" s="76"/>
      <c r="AA1477" s="85"/>
      <c r="AB1477" s="85"/>
      <c r="AC1477" s="85"/>
      <c r="AD1477" s="85"/>
      <c r="AE1477" s="85"/>
      <c r="AF1477" s="85"/>
      <c r="AG1477" s="86"/>
      <c r="AH1477" s="85"/>
      <c r="AI1477" s="85"/>
      <c r="AJ1477" s="85"/>
      <c r="AK1477" s="85"/>
      <c r="AL1477" s="85"/>
      <c r="AM1477" s="92"/>
      <c r="AN1477" s="92"/>
      <c r="AO1477" s="92"/>
      <c r="AP1477" s="92"/>
      <c r="AQ1477" s="92"/>
      <c r="AR1477" s="92"/>
      <c r="AS1477" s="92"/>
      <c r="AT1477" s="92"/>
      <c r="AU1477" s="92"/>
      <c r="AV1477" s="92"/>
      <c r="AW1477" s="92"/>
      <c r="AX1477" s="92"/>
      <c r="AY1477" s="92"/>
      <c r="AZ1477" s="93"/>
      <c r="BA1477" s="93"/>
      <c r="BB1477" s="93"/>
      <c r="BC1477" s="93"/>
      <c r="BD1477" s="93"/>
      <c r="BE1477" s="93"/>
      <c r="BF1477" s="93"/>
      <c r="BG1477" s="93"/>
      <c r="BH1477" s="93"/>
      <c r="BI1477" s="93"/>
      <c r="BJ1477" s="93"/>
      <c r="BK1477" s="93"/>
      <c r="BL1477" s="93"/>
    </row>
    <row r="1478" spans="2:64" x14ac:dyDescent="0.2">
      <c r="B1478" s="43"/>
      <c r="C1478" s="73"/>
      <c r="D1478" s="64"/>
      <c r="E1478" s="55"/>
      <c r="F1478" s="74"/>
      <c r="G1478" s="74"/>
      <c r="H1478" s="74"/>
      <c r="I1478" s="75"/>
      <c r="J1478" s="74"/>
      <c r="L1478" s="55"/>
      <c r="M1478" s="234"/>
      <c r="N1478" s="65"/>
      <c r="O1478" s="76"/>
      <c r="P1478" s="76"/>
      <c r="Q1478" s="65"/>
      <c r="R1478" s="76"/>
      <c r="S1478" s="76"/>
      <c r="T1478" s="76"/>
      <c r="U1478" s="76"/>
      <c r="V1478" s="76"/>
      <c r="W1478" s="76"/>
      <c r="X1478" s="76"/>
      <c r="Y1478" s="76"/>
      <c r="Z1478" s="76"/>
      <c r="AA1478" s="85"/>
      <c r="AB1478" s="85"/>
      <c r="AC1478" s="85"/>
      <c r="AD1478" s="85"/>
      <c r="AE1478" s="85"/>
      <c r="AF1478" s="85"/>
      <c r="AG1478" s="86"/>
      <c r="AH1478" s="85"/>
      <c r="AI1478" s="85"/>
      <c r="AJ1478" s="85"/>
      <c r="AK1478" s="85"/>
      <c r="AL1478" s="85"/>
      <c r="AM1478" s="92"/>
      <c r="AN1478" s="92"/>
      <c r="AO1478" s="92"/>
      <c r="AP1478" s="92"/>
      <c r="AQ1478" s="92"/>
      <c r="AR1478" s="92"/>
      <c r="AS1478" s="92"/>
      <c r="AT1478" s="92"/>
      <c r="AU1478" s="92"/>
      <c r="AV1478" s="92"/>
      <c r="AW1478" s="92"/>
      <c r="AX1478" s="92"/>
      <c r="AY1478" s="92"/>
      <c r="AZ1478" s="93"/>
      <c r="BA1478" s="93"/>
      <c r="BB1478" s="93"/>
      <c r="BC1478" s="93"/>
      <c r="BD1478" s="93"/>
      <c r="BE1478" s="93"/>
      <c r="BF1478" s="93"/>
      <c r="BG1478" s="93"/>
      <c r="BH1478" s="93"/>
      <c r="BI1478" s="93"/>
      <c r="BJ1478" s="93"/>
      <c r="BK1478" s="93"/>
      <c r="BL1478" s="93"/>
    </row>
    <row r="1479" spans="2:64" x14ac:dyDescent="0.2">
      <c r="B1479" s="43"/>
      <c r="C1479" s="73"/>
      <c r="D1479" s="64"/>
      <c r="E1479" s="55"/>
      <c r="F1479" s="74"/>
      <c r="G1479" s="74"/>
      <c r="H1479" s="74"/>
      <c r="I1479" s="75"/>
      <c r="J1479" s="74"/>
      <c r="L1479" s="55"/>
      <c r="M1479" s="234"/>
      <c r="N1479" s="65"/>
      <c r="O1479" s="76"/>
      <c r="P1479" s="76"/>
      <c r="Q1479" s="65"/>
      <c r="R1479" s="76"/>
      <c r="S1479" s="76"/>
      <c r="T1479" s="76"/>
      <c r="U1479" s="76"/>
      <c r="V1479" s="76"/>
      <c r="W1479" s="76"/>
      <c r="X1479" s="76"/>
      <c r="Y1479" s="76"/>
      <c r="Z1479" s="76"/>
      <c r="AA1479" s="85"/>
      <c r="AB1479" s="85"/>
      <c r="AC1479" s="85"/>
      <c r="AD1479" s="85"/>
      <c r="AE1479" s="85"/>
      <c r="AF1479" s="85"/>
      <c r="AG1479" s="86"/>
      <c r="AH1479" s="85"/>
      <c r="AI1479" s="85"/>
      <c r="AJ1479" s="85"/>
      <c r="AK1479" s="85"/>
      <c r="AL1479" s="85"/>
      <c r="AM1479" s="92"/>
      <c r="AN1479" s="92"/>
      <c r="AO1479" s="92"/>
      <c r="AP1479" s="92"/>
      <c r="AQ1479" s="92"/>
      <c r="AR1479" s="92"/>
      <c r="AS1479" s="92"/>
      <c r="AT1479" s="92"/>
      <c r="AU1479" s="92"/>
      <c r="AV1479" s="92"/>
      <c r="AW1479" s="92"/>
      <c r="AX1479" s="92"/>
      <c r="AY1479" s="92"/>
      <c r="AZ1479" s="93"/>
      <c r="BA1479" s="93"/>
      <c r="BB1479" s="93"/>
      <c r="BC1479" s="93"/>
      <c r="BD1479" s="93"/>
      <c r="BE1479" s="93"/>
      <c r="BF1479" s="93"/>
      <c r="BG1479" s="93"/>
      <c r="BH1479" s="93"/>
      <c r="BI1479" s="93"/>
      <c r="BJ1479" s="93"/>
      <c r="BK1479" s="93"/>
      <c r="BL1479" s="93"/>
    </row>
    <row r="1480" spans="2:64" x14ac:dyDescent="0.2">
      <c r="B1480" s="43"/>
      <c r="C1480" s="73"/>
      <c r="D1480" s="64"/>
      <c r="E1480" s="55"/>
      <c r="F1480" s="74"/>
      <c r="G1480" s="74"/>
      <c r="H1480" s="74"/>
      <c r="I1480" s="75"/>
      <c r="J1480" s="74"/>
      <c r="L1480" s="55"/>
      <c r="M1480" s="234"/>
      <c r="N1480" s="65"/>
      <c r="O1480" s="76"/>
      <c r="P1480" s="76"/>
      <c r="Q1480" s="65"/>
      <c r="R1480" s="76"/>
      <c r="S1480" s="76"/>
      <c r="T1480" s="76"/>
      <c r="U1480" s="76"/>
      <c r="V1480" s="76"/>
      <c r="W1480" s="76"/>
      <c r="X1480" s="76"/>
      <c r="Y1480" s="76"/>
      <c r="Z1480" s="76"/>
      <c r="AA1480" s="85"/>
      <c r="AB1480" s="85"/>
      <c r="AC1480" s="85"/>
      <c r="AD1480" s="85"/>
      <c r="AE1480" s="85"/>
      <c r="AF1480" s="85"/>
      <c r="AG1480" s="86"/>
      <c r="AH1480" s="85"/>
      <c r="AI1480" s="85"/>
      <c r="AJ1480" s="85"/>
      <c r="AK1480" s="85"/>
      <c r="AL1480" s="85"/>
      <c r="AM1480" s="92"/>
      <c r="AN1480" s="92"/>
      <c r="AO1480" s="92"/>
      <c r="AP1480" s="92"/>
      <c r="AQ1480" s="92"/>
      <c r="AR1480" s="92"/>
      <c r="AS1480" s="92"/>
      <c r="AT1480" s="92"/>
      <c r="AU1480" s="92"/>
      <c r="AV1480" s="92"/>
      <c r="AW1480" s="92"/>
      <c r="AX1480" s="92"/>
      <c r="AY1480" s="92"/>
      <c r="AZ1480" s="93"/>
      <c r="BA1480" s="93"/>
      <c r="BB1480" s="93"/>
      <c r="BC1480" s="93"/>
      <c r="BD1480" s="93"/>
      <c r="BE1480" s="93"/>
      <c r="BF1480" s="93"/>
      <c r="BG1480" s="93"/>
      <c r="BH1480" s="93"/>
      <c r="BI1480" s="93"/>
      <c r="BJ1480" s="93"/>
      <c r="BK1480" s="93"/>
      <c r="BL1480" s="93"/>
    </row>
    <row r="1481" spans="2:64" x14ac:dyDescent="0.2">
      <c r="B1481" s="43"/>
      <c r="C1481" s="73"/>
      <c r="D1481" s="64"/>
      <c r="E1481" s="55"/>
      <c r="F1481" s="74"/>
      <c r="G1481" s="74"/>
      <c r="H1481" s="74"/>
      <c r="I1481" s="75"/>
      <c r="J1481" s="74"/>
      <c r="L1481" s="55"/>
      <c r="M1481" s="234"/>
      <c r="N1481" s="65"/>
      <c r="O1481" s="76"/>
      <c r="P1481" s="76"/>
      <c r="Q1481" s="65"/>
      <c r="R1481" s="76"/>
      <c r="S1481" s="76"/>
      <c r="T1481" s="76"/>
      <c r="U1481" s="76"/>
      <c r="V1481" s="76"/>
      <c r="W1481" s="76"/>
      <c r="X1481" s="76"/>
      <c r="Y1481" s="76"/>
      <c r="Z1481" s="76"/>
      <c r="AA1481" s="85"/>
      <c r="AB1481" s="85"/>
      <c r="AC1481" s="85"/>
      <c r="AD1481" s="85"/>
      <c r="AE1481" s="85"/>
      <c r="AF1481" s="85"/>
      <c r="AG1481" s="86"/>
      <c r="AH1481" s="85"/>
      <c r="AI1481" s="85"/>
      <c r="AJ1481" s="85"/>
      <c r="AK1481" s="85"/>
      <c r="AL1481" s="85"/>
      <c r="AM1481" s="92"/>
      <c r="AN1481" s="92"/>
      <c r="AO1481" s="92"/>
      <c r="AP1481" s="92"/>
      <c r="AQ1481" s="92"/>
      <c r="AR1481" s="92"/>
      <c r="AS1481" s="92"/>
      <c r="AT1481" s="92"/>
      <c r="AU1481" s="92"/>
      <c r="AV1481" s="92"/>
      <c r="AW1481" s="92"/>
      <c r="AX1481" s="92"/>
      <c r="AY1481" s="92"/>
      <c r="AZ1481" s="93"/>
      <c r="BA1481" s="93"/>
      <c r="BB1481" s="93"/>
      <c r="BC1481" s="93"/>
      <c r="BD1481" s="93"/>
      <c r="BE1481" s="93"/>
      <c r="BF1481" s="93"/>
      <c r="BG1481" s="93"/>
      <c r="BH1481" s="93"/>
      <c r="BI1481" s="93"/>
      <c r="BJ1481" s="93"/>
      <c r="BK1481" s="93"/>
      <c r="BL1481" s="93"/>
    </row>
    <row r="1482" spans="2:64" x14ac:dyDescent="0.2">
      <c r="B1482" s="43"/>
      <c r="C1482" s="73"/>
      <c r="D1482" s="64"/>
      <c r="E1482" s="55"/>
      <c r="F1482" s="74"/>
      <c r="G1482" s="74"/>
      <c r="H1482" s="74"/>
      <c r="I1482" s="75"/>
      <c r="J1482" s="74"/>
      <c r="L1482" s="55"/>
      <c r="M1482" s="234"/>
      <c r="N1482" s="65"/>
      <c r="O1482" s="76"/>
      <c r="P1482" s="76"/>
      <c r="Q1482" s="65"/>
      <c r="R1482" s="76"/>
      <c r="S1482" s="76"/>
      <c r="T1482" s="76"/>
      <c r="U1482" s="76"/>
      <c r="V1482" s="76"/>
      <c r="W1482" s="76"/>
      <c r="X1482" s="76"/>
      <c r="Y1482" s="76"/>
      <c r="Z1482" s="76"/>
      <c r="AA1482" s="85"/>
      <c r="AB1482" s="85"/>
      <c r="AC1482" s="85"/>
      <c r="AD1482" s="85"/>
      <c r="AE1482" s="85"/>
      <c r="AF1482" s="85"/>
      <c r="AG1482" s="86"/>
      <c r="AH1482" s="85"/>
      <c r="AI1482" s="85"/>
      <c r="AJ1482" s="85"/>
      <c r="AK1482" s="85"/>
      <c r="AL1482" s="85"/>
      <c r="AM1482" s="92"/>
      <c r="AN1482" s="92"/>
      <c r="AO1482" s="92"/>
      <c r="AP1482" s="92"/>
      <c r="AQ1482" s="92"/>
      <c r="AR1482" s="92"/>
      <c r="AS1482" s="92"/>
      <c r="AT1482" s="92"/>
      <c r="AU1482" s="92"/>
      <c r="AV1482" s="92"/>
      <c r="AW1482" s="92"/>
      <c r="AX1482" s="92"/>
      <c r="AY1482" s="92"/>
      <c r="AZ1482" s="93"/>
      <c r="BA1482" s="93"/>
      <c r="BB1482" s="93"/>
      <c r="BC1482" s="93"/>
      <c r="BD1482" s="93"/>
      <c r="BE1482" s="93"/>
      <c r="BF1482" s="93"/>
      <c r="BG1482" s="93"/>
      <c r="BH1482" s="93"/>
      <c r="BI1482" s="93"/>
      <c r="BJ1482" s="93"/>
      <c r="BK1482" s="93"/>
      <c r="BL1482" s="93"/>
    </row>
    <row r="1483" spans="2:64" x14ac:dyDescent="0.2">
      <c r="B1483" s="43"/>
      <c r="C1483" s="73"/>
      <c r="D1483" s="64"/>
      <c r="E1483" s="55"/>
      <c r="F1483" s="74"/>
      <c r="G1483" s="74"/>
      <c r="H1483" s="74"/>
      <c r="I1483" s="75"/>
      <c r="J1483" s="74"/>
      <c r="L1483" s="55"/>
      <c r="M1483" s="234"/>
      <c r="N1483" s="65"/>
      <c r="O1483" s="76"/>
      <c r="P1483" s="76"/>
      <c r="Q1483" s="65"/>
      <c r="R1483" s="76"/>
      <c r="S1483" s="76"/>
      <c r="T1483" s="76"/>
      <c r="U1483" s="76"/>
      <c r="V1483" s="76"/>
      <c r="W1483" s="76"/>
      <c r="X1483" s="76"/>
      <c r="Y1483" s="76"/>
      <c r="Z1483" s="76"/>
      <c r="AA1483" s="85"/>
      <c r="AB1483" s="85"/>
      <c r="AC1483" s="85"/>
      <c r="AD1483" s="85"/>
      <c r="AE1483" s="85"/>
      <c r="AF1483" s="85"/>
      <c r="AG1483" s="86"/>
      <c r="AH1483" s="85"/>
      <c r="AI1483" s="85"/>
      <c r="AJ1483" s="85"/>
      <c r="AK1483" s="85"/>
      <c r="AL1483" s="85"/>
      <c r="AM1483" s="92"/>
      <c r="AN1483" s="92"/>
      <c r="AO1483" s="92"/>
      <c r="AP1483" s="92"/>
      <c r="AQ1483" s="92"/>
      <c r="AR1483" s="92"/>
      <c r="AS1483" s="92"/>
      <c r="AT1483" s="92"/>
      <c r="AU1483" s="92"/>
      <c r="AV1483" s="92"/>
      <c r="AW1483" s="92"/>
      <c r="AX1483" s="92"/>
      <c r="AY1483" s="92"/>
      <c r="AZ1483" s="93"/>
      <c r="BA1483" s="93"/>
      <c r="BB1483" s="93"/>
      <c r="BC1483" s="93"/>
      <c r="BD1483" s="93"/>
      <c r="BE1483" s="93"/>
      <c r="BF1483" s="93"/>
      <c r="BG1483" s="93"/>
      <c r="BH1483" s="93"/>
      <c r="BI1483" s="93"/>
      <c r="BJ1483" s="93"/>
      <c r="BK1483" s="93"/>
      <c r="BL1483" s="93"/>
    </row>
    <row r="1484" spans="2:64" x14ac:dyDescent="0.2">
      <c r="B1484" s="43"/>
      <c r="C1484" s="73"/>
      <c r="D1484" s="64"/>
      <c r="E1484" s="55"/>
      <c r="F1484" s="74"/>
      <c r="G1484" s="74"/>
      <c r="H1484" s="74"/>
      <c r="I1484" s="75"/>
      <c r="J1484" s="74"/>
      <c r="L1484" s="55"/>
      <c r="M1484" s="234"/>
      <c r="N1484" s="65"/>
      <c r="O1484" s="76"/>
      <c r="P1484" s="76"/>
      <c r="Q1484" s="65"/>
      <c r="R1484" s="76"/>
      <c r="S1484" s="76"/>
      <c r="T1484" s="76"/>
      <c r="U1484" s="76"/>
      <c r="V1484" s="76"/>
      <c r="W1484" s="76"/>
      <c r="X1484" s="76"/>
      <c r="Y1484" s="76"/>
      <c r="Z1484" s="76"/>
      <c r="AA1484" s="85"/>
      <c r="AB1484" s="85"/>
      <c r="AC1484" s="85"/>
      <c r="AD1484" s="85"/>
      <c r="AE1484" s="85"/>
      <c r="AF1484" s="85"/>
      <c r="AG1484" s="86"/>
      <c r="AH1484" s="85"/>
      <c r="AI1484" s="85"/>
      <c r="AJ1484" s="85"/>
      <c r="AK1484" s="85"/>
      <c r="AL1484" s="85"/>
      <c r="AM1484" s="92"/>
      <c r="AN1484" s="92"/>
      <c r="AO1484" s="92"/>
      <c r="AP1484" s="92"/>
      <c r="AQ1484" s="92"/>
      <c r="AR1484" s="92"/>
      <c r="AS1484" s="92"/>
      <c r="AT1484" s="92"/>
      <c r="AU1484" s="92"/>
      <c r="AV1484" s="92"/>
      <c r="AW1484" s="92"/>
      <c r="AX1484" s="92"/>
      <c r="AY1484" s="92"/>
      <c r="AZ1484" s="93"/>
      <c r="BA1484" s="93"/>
      <c r="BB1484" s="93"/>
      <c r="BC1484" s="93"/>
      <c r="BD1484" s="93"/>
      <c r="BE1484" s="93"/>
      <c r="BF1484" s="93"/>
      <c r="BG1484" s="93"/>
      <c r="BH1484" s="93"/>
      <c r="BI1484" s="93"/>
      <c r="BJ1484" s="93"/>
      <c r="BK1484" s="93"/>
      <c r="BL1484" s="93"/>
    </row>
    <row r="1485" spans="2:64" x14ac:dyDescent="0.2">
      <c r="B1485" s="43"/>
      <c r="C1485" s="73"/>
      <c r="D1485" s="64"/>
      <c r="E1485" s="55"/>
      <c r="F1485" s="74"/>
      <c r="G1485" s="74"/>
      <c r="H1485" s="74"/>
      <c r="I1485" s="75"/>
      <c r="J1485" s="74"/>
      <c r="L1485" s="55"/>
      <c r="M1485" s="234"/>
      <c r="N1485" s="65"/>
      <c r="O1485" s="76"/>
      <c r="P1485" s="76"/>
      <c r="Q1485" s="65"/>
      <c r="R1485" s="76"/>
      <c r="S1485" s="76"/>
      <c r="T1485" s="76"/>
      <c r="U1485" s="76"/>
      <c r="V1485" s="76"/>
      <c r="W1485" s="76"/>
      <c r="X1485" s="76"/>
      <c r="Y1485" s="76"/>
      <c r="Z1485" s="76"/>
      <c r="AA1485" s="85"/>
      <c r="AB1485" s="85"/>
      <c r="AC1485" s="85"/>
      <c r="AD1485" s="85"/>
      <c r="AE1485" s="85"/>
      <c r="AF1485" s="85"/>
      <c r="AG1485" s="86"/>
      <c r="AH1485" s="85"/>
      <c r="AI1485" s="85"/>
      <c r="AJ1485" s="85"/>
      <c r="AK1485" s="85"/>
      <c r="AL1485" s="85"/>
      <c r="AM1485" s="92"/>
      <c r="AN1485" s="92"/>
      <c r="AO1485" s="92"/>
      <c r="AP1485" s="92"/>
      <c r="AQ1485" s="92"/>
      <c r="AR1485" s="92"/>
      <c r="AS1485" s="92"/>
      <c r="AT1485" s="92"/>
      <c r="AU1485" s="92"/>
      <c r="AV1485" s="92"/>
      <c r="AW1485" s="92"/>
      <c r="AX1485" s="92"/>
      <c r="AY1485" s="92"/>
      <c r="AZ1485" s="93"/>
      <c r="BA1485" s="93"/>
      <c r="BB1485" s="93"/>
      <c r="BC1485" s="93"/>
      <c r="BD1485" s="93"/>
      <c r="BE1485" s="93"/>
      <c r="BF1485" s="93"/>
      <c r="BG1485" s="93"/>
      <c r="BH1485" s="93"/>
      <c r="BI1485" s="93"/>
      <c r="BJ1485" s="93"/>
      <c r="BK1485" s="93"/>
      <c r="BL1485" s="93"/>
    </row>
    <row r="1486" spans="2:64" x14ac:dyDescent="0.2">
      <c r="B1486" s="43"/>
      <c r="C1486" s="73"/>
      <c r="D1486" s="64"/>
      <c r="E1486" s="55"/>
      <c r="F1486" s="74"/>
      <c r="G1486" s="74"/>
      <c r="H1486" s="74"/>
      <c r="I1486" s="75"/>
      <c r="J1486" s="74"/>
      <c r="L1486" s="55"/>
      <c r="M1486" s="234"/>
      <c r="N1486" s="65"/>
      <c r="O1486" s="76"/>
      <c r="P1486" s="76"/>
      <c r="Q1486" s="65"/>
      <c r="R1486" s="76"/>
      <c r="S1486" s="76"/>
      <c r="T1486" s="76"/>
      <c r="U1486" s="76"/>
      <c r="V1486" s="76"/>
      <c r="W1486" s="76"/>
      <c r="X1486" s="76"/>
      <c r="Y1486" s="76"/>
      <c r="Z1486" s="76"/>
      <c r="AA1486" s="85"/>
      <c r="AB1486" s="85"/>
      <c r="AC1486" s="85"/>
      <c r="AD1486" s="85"/>
      <c r="AE1486" s="85"/>
      <c r="AF1486" s="85"/>
      <c r="AG1486" s="86"/>
      <c r="AH1486" s="85"/>
      <c r="AI1486" s="85"/>
      <c r="AJ1486" s="85"/>
      <c r="AK1486" s="85"/>
      <c r="AL1486" s="85"/>
      <c r="AM1486" s="92"/>
      <c r="AN1486" s="92"/>
      <c r="AO1486" s="92"/>
      <c r="AP1486" s="92"/>
      <c r="AQ1486" s="92"/>
      <c r="AR1486" s="92"/>
      <c r="AS1486" s="92"/>
      <c r="AT1486" s="92"/>
      <c r="AU1486" s="92"/>
      <c r="AV1486" s="92"/>
      <c r="AW1486" s="92"/>
      <c r="AX1486" s="92"/>
      <c r="AY1486" s="92"/>
      <c r="AZ1486" s="93"/>
      <c r="BA1486" s="93"/>
      <c r="BB1486" s="93"/>
      <c r="BC1486" s="93"/>
      <c r="BD1486" s="93"/>
      <c r="BE1486" s="93"/>
      <c r="BF1486" s="93"/>
      <c r="BG1486" s="93"/>
      <c r="BH1486" s="93"/>
      <c r="BI1486" s="93"/>
      <c r="BJ1486" s="93"/>
      <c r="BK1486" s="93"/>
      <c r="BL1486" s="93"/>
    </row>
    <row r="1487" spans="2:64" x14ac:dyDescent="0.2">
      <c r="B1487" s="43"/>
      <c r="C1487" s="73"/>
      <c r="D1487" s="64"/>
      <c r="E1487" s="55"/>
      <c r="F1487" s="74"/>
      <c r="G1487" s="74"/>
      <c r="H1487" s="74"/>
      <c r="I1487" s="75"/>
      <c r="J1487" s="74"/>
      <c r="L1487" s="55"/>
      <c r="M1487" s="234"/>
      <c r="N1487" s="65"/>
      <c r="O1487" s="76"/>
      <c r="P1487" s="76"/>
      <c r="Q1487" s="65"/>
      <c r="R1487" s="76"/>
      <c r="S1487" s="76"/>
      <c r="T1487" s="76"/>
      <c r="U1487" s="76"/>
      <c r="V1487" s="76"/>
      <c r="W1487" s="76"/>
      <c r="X1487" s="76"/>
      <c r="Y1487" s="76"/>
      <c r="Z1487" s="76"/>
      <c r="AA1487" s="85"/>
      <c r="AB1487" s="85"/>
      <c r="AC1487" s="85"/>
      <c r="AD1487" s="85"/>
      <c r="AE1487" s="85"/>
      <c r="AF1487" s="85"/>
      <c r="AG1487" s="86"/>
      <c r="AH1487" s="85"/>
      <c r="AI1487" s="85"/>
      <c r="AJ1487" s="85"/>
      <c r="AK1487" s="85"/>
      <c r="AL1487" s="85"/>
      <c r="AM1487" s="92"/>
      <c r="AN1487" s="92"/>
      <c r="AO1487" s="92"/>
      <c r="AP1487" s="92"/>
      <c r="AQ1487" s="92"/>
      <c r="AR1487" s="92"/>
      <c r="AS1487" s="92"/>
      <c r="AT1487" s="92"/>
      <c r="AU1487" s="92"/>
      <c r="AV1487" s="92"/>
      <c r="AW1487" s="92"/>
      <c r="AX1487" s="92"/>
      <c r="AY1487" s="92"/>
      <c r="AZ1487" s="93"/>
      <c r="BA1487" s="93"/>
      <c r="BB1487" s="93"/>
      <c r="BC1487" s="93"/>
      <c r="BD1487" s="93"/>
      <c r="BE1487" s="93"/>
      <c r="BF1487" s="93"/>
      <c r="BG1487" s="93"/>
      <c r="BH1487" s="93"/>
      <c r="BI1487" s="93"/>
      <c r="BJ1487" s="93"/>
      <c r="BK1487" s="93"/>
      <c r="BL1487" s="93"/>
    </row>
    <row r="1488" spans="2:64" x14ac:dyDescent="0.2">
      <c r="B1488" s="43"/>
      <c r="C1488" s="73"/>
      <c r="D1488" s="64"/>
      <c r="E1488" s="55"/>
      <c r="F1488" s="74"/>
      <c r="G1488" s="74"/>
      <c r="H1488" s="74"/>
      <c r="I1488" s="75"/>
      <c r="J1488" s="74"/>
      <c r="L1488" s="55"/>
      <c r="M1488" s="234"/>
      <c r="N1488" s="65"/>
      <c r="O1488" s="76"/>
      <c r="P1488" s="76"/>
      <c r="Q1488" s="65"/>
      <c r="R1488" s="76"/>
      <c r="S1488" s="76"/>
      <c r="T1488" s="76"/>
      <c r="U1488" s="76"/>
      <c r="V1488" s="76"/>
      <c r="W1488" s="76"/>
      <c r="X1488" s="76"/>
      <c r="Y1488" s="76"/>
      <c r="Z1488" s="76"/>
      <c r="AA1488" s="85"/>
      <c r="AB1488" s="85"/>
      <c r="AC1488" s="85"/>
      <c r="AD1488" s="85"/>
      <c r="AE1488" s="85"/>
      <c r="AF1488" s="85"/>
      <c r="AG1488" s="86"/>
      <c r="AH1488" s="85"/>
      <c r="AI1488" s="85"/>
      <c r="AJ1488" s="85"/>
      <c r="AK1488" s="85"/>
      <c r="AL1488" s="85"/>
      <c r="AM1488" s="92"/>
      <c r="AN1488" s="92"/>
      <c r="AO1488" s="92"/>
      <c r="AP1488" s="92"/>
      <c r="AQ1488" s="92"/>
      <c r="AR1488" s="92"/>
      <c r="AS1488" s="92"/>
      <c r="AT1488" s="92"/>
      <c r="AU1488" s="92"/>
      <c r="AV1488" s="92"/>
      <c r="AW1488" s="92"/>
      <c r="AX1488" s="92"/>
      <c r="AY1488" s="92"/>
      <c r="AZ1488" s="93"/>
      <c r="BA1488" s="93"/>
      <c r="BB1488" s="93"/>
      <c r="BC1488" s="93"/>
      <c r="BD1488" s="93"/>
      <c r="BE1488" s="93"/>
      <c r="BF1488" s="93"/>
      <c r="BG1488" s="93"/>
      <c r="BH1488" s="93"/>
      <c r="BI1488" s="93"/>
      <c r="BJ1488" s="93"/>
      <c r="BK1488" s="93"/>
      <c r="BL1488" s="93"/>
    </row>
    <row r="1489" spans="2:64" x14ac:dyDescent="0.2">
      <c r="B1489" s="43"/>
      <c r="C1489" s="73"/>
      <c r="D1489" s="64"/>
      <c r="E1489" s="55"/>
      <c r="F1489" s="74"/>
      <c r="G1489" s="74"/>
      <c r="H1489" s="74"/>
      <c r="I1489" s="75"/>
      <c r="J1489" s="74"/>
      <c r="L1489" s="55"/>
      <c r="M1489" s="234"/>
      <c r="N1489" s="65"/>
      <c r="O1489" s="76"/>
      <c r="P1489" s="76"/>
      <c r="Q1489" s="65"/>
      <c r="R1489" s="76"/>
      <c r="S1489" s="76"/>
      <c r="T1489" s="76"/>
      <c r="U1489" s="76"/>
      <c r="V1489" s="76"/>
      <c r="W1489" s="76"/>
      <c r="X1489" s="76"/>
      <c r="Y1489" s="76"/>
      <c r="Z1489" s="76"/>
      <c r="AA1489" s="85"/>
      <c r="AB1489" s="85"/>
      <c r="AC1489" s="85"/>
      <c r="AD1489" s="85"/>
      <c r="AE1489" s="85"/>
      <c r="AF1489" s="85"/>
      <c r="AG1489" s="86"/>
      <c r="AH1489" s="85"/>
      <c r="AI1489" s="85"/>
      <c r="AJ1489" s="85"/>
      <c r="AK1489" s="85"/>
      <c r="AL1489" s="85"/>
      <c r="AM1489" s="92"/>
      <c r="AN1489" s="92"/>
      <c r="AO1489" s="92"/>
      <c r="AP1489" s="92"/>
      <c r="AQ1489" s="92"/>
      <c r="AR1489" s="92"/>
      <c r="AS1489" s="92"/>
      <c r="AT1489" s="92"/>
      <c r="AU1489" s="92"/>
      <c r="AV1489" s="92"/>
      <c r="AW1489" s="92"/>
      <c r="AX1489" s="92"/>
      <c r="AY1489" s="92"/>
      <c r="AZ1489" s="93"/>
      <c r="BA1489" s="93"/>
      <c r="BB1489" s="93"/>
      <c r="BC1489" s="93"/>
      <c r="BD1489" s="93"/>
      <c r="BE1489" s="93"/>
      <c r="BF1489" s="93"/>
      <c r="BG1489" s="93"/>
      <c r="BH1489" s="93"/>
      <c r="BI1489" s="93"/>
      <c r="BJ1489" s="93"/>
      <c r="BK1489" s="93"/>
      <c r="BL1489" s="93"/>
    </row>
    <row r="1490" spans="2:64" x14ac:dyDescent="0.2">
      <c r="B1490" s="43"/>
      <c r="C1490" s="73"/>
      <c r="D1490" s="64"/>
      <c r="E1490" s="55"/>
      <c r="F1490" s="74"/>
      <c r="G1490" s="74"/>
      <c r="H1490" s="74"/>
      <c r="I1490" s="75"/>
      <c r="J1490" s="74"/>
      <c r="L1490" s="55"/>
      <c r="M1490" s="234"/>
      <c r="N1490" s="65"/>
      <c r="O1490" s="76"/>
      <c r="P1490" s="76"/>
      <c r="Q1490" s="65"/>
      <c r="R1490" s="76"/>
      <c r="S1490" s="76"/>
      <c r="T1490" s="76"/>
      <c r="U1490" s="76"/>
      <c r="V1490" s="76"/>
      <c r="W1490" s="76"/>
      <c r="X1490" s="76"/>
      <c r="Y1490" s="76"/>
      <c r="Z1490" s="76"/>
      <c r="AA1490" s="85"/>
      <c r="AB1490" s="85"/>
      <c r="AC1490" s="85"/>
      <c r="AD1490" s="85"/>
      <c r="AE1490" s="85"/>
      <c r="AF1490" s="85"/>
      <c r="AG1490" s="86"/>
      <c r="AH1490" s="85"/>
      <c r="AI1490" s="85"/>
      <c r="AJ1490" s="85"/>
      <c r="AK1490" s="85"/>
      <c r="AL1490" s="85"/>
      <c r="AM1490" s="92"/>
      <c r="AN1490" s="92"/>
      <c r="AO1490" s="92"/>
      <c r="AP1490" s="92"/>
      <c r="AQ1490" s="92"/>
      <c r="AR1490" s="92"/>
      <c r="AS1490" s="92"/>
      <c r="AT1490" s="92"/>
      <c r="AU1490" s="92"/>
      <c r="AV1490" s="92"/>
      <c r="AW1490" s="92"/>
      <c r="AX1490" s="92"/>
      <c r="AY1490" s="92"/>
      <c r="AZ1490" s="93"/>
      <c r="BA1490" s="93"/>
      <c r="BB1490" s="93"/>
      <c r="BC1490" s="93"/>
      <c r="BD1490" s="93"/>
      <c r="BE1490" s="93"/>
      <c r="BF1490" s="93"/>
      <c r="BG1490" s="93"/>
      <c r="BH1490" s="93"/>
      <c r="BI1490" s="93"/>
      <c r="BJ1490" s="93"/>
      <c r="BK1490" s="93"/>
      <c r="BL1490" s="93"/>
    </row>
    <row r="1491" spans="2:64" x14ac:dyDescent="0.2">
      <c r="B1491" s="43"/>
      <c r="C1491" s="73"/>
      <c r="D1491" s="64"/>
      <c r="E1491" s="55"/>
      <c r="F1491" s="74"/>
      <c r="G1491" s="74"/>
      <c r="H1491" s="74"/>
      <c r="I1491" s="75"/>
      <c r="J1491" s="74"/>
      <c r="L1491" s="55"/>
      <c r="M1491" s="234"/>
      <c r="N1491" s="65"/>
      <c r="O1491" s="76"/>
      <c r="P1491" s="76"/>
      <c r="Q1491" s="65"/>
      <c r="R1491" s="76"/>
      <c r="S1491" s="76"/>
      <c r="T1491" s="76"/>
      <c r="U1491" s="76"/>
      <c r="V1491" s="76"/>
      <c r="W1491" s="76"/>
      <c r="X1491" s="76"/>
      <c r="Y1491" s="76"/>
      <c r="Z1491" s="76"/>
      <c r="AA1491" s="85"/>
      <c r="AB1491" s="85"/>
      <c r="AC1491" s="85"/>
      <c r="AD1491" s="85"/>
      <c r="AE1491" s="85"/>
      <c r="AF1491" s="85"/>
      <c r="AG1491" s="86"/>
      <c r="AH1491" s="85"/>
      <c r="AI1491" s="85"/>
      <c r="AJ1491" s="85"/>
      <c r="AK1491" s="85"/>
      <c r="AL1491" s="85"/>
      <c r="AM1491" s="92"/>
      <c r="AN1491" s="92"/>
      <c r="AO1491" s="92"/>
      <c r="AP1491" s="92"/>
      <c r="AQ1491" s="92"/>
      <c r="AR1491" s="92"/>
      <c r="AS1491" s="92"/>
      <c r="AT1491" s="92"/>
      <c r="AU1491" s="92"/>
      <c r="AV1491" s="92"/>
      <c r="AW1491" s="92"/>
      <c r="AX1491" s="92"/>
      <c r="AY1491" s="92"/>
      <c r="AZ1491" s="93"/>
      <c r="BA1491" s="93"/>
      <c r="BB1491" s="93"/>
      <c r="BC1491" s="93"/>
      <c r="BD1491" s="93"/>
      <c r="BE1491" s="93"/>
      <c r="BF1491" s="93"/>
      <c r="BG1491" s="93"/>
      <c r="BH1491" s="93"/>
      <c r="BI1491" s="93"/>
      <c r="BJ1491" s="93"/>
      <c r="BK1491" s="93"/>
      <c r="BL1491" s="93"/>
    </row>
    <row r="1492" spans="2:64" x14ac:dyDescent="0.2">
      <c r="B1492" s="43"/>
      <c r="C1492" s="73"/>
      <c r="D1492" s="64"/>
      <c r="E1492" s="55"/>
      <c r="F1492" s="74"/>
      <c r="G1492" s="74"/>
      <c r="H1492" s="74"/>
      <c r="I1492" s="75"/>
      <c r="J1492" s="74"/>
      <c r="L1492" s="55"/>
      <c r="M1492" s="234"/>
      <c r="N1492" s="65"/>
      <c r="O1492" s="76"/>
      <c r="P1492" s="76"/>
      <c r="Q1492" s="65"/>
      <c r="R1492" s="76"/>
      <c r="S1492" s="76"/>
      <c r="T1492" s="76"/>
      <c r="U1492" s="76"/>
      <c r="V1492" s="76"/>
      <c r="W1492" s="76"/>
      <c r="X1492" s="76"/>
      <c r="Y1492" s="76"/>
      <c r="Z1492" s="76"/>
      <c r="AA1492" s="85"/>
      <c r="AB1492" s="85"/>
      <c r="AC1492" s="85"/>
      <c r="AD1492" s="85"/>
      <c r="AE1492" s="85"/>
      <c r="AF1492" s="85"/>
      <c r="AG1492" s="86"/>
      <c r="AH1492" s="85"/>
      <c r="AI1492" s="85"/>
      <c r="AJ1492" s="85"/>
      <c r="AK1492" s="85"/>
      <c r="AL1492" s="85"/>
      <c r="AM1492" s="92"/>
      <c r="AN1492" s="92"/>
      <c r="AO1492" s="92"/>
      <c r="AP1492" s="92"/>
      <c r="AQ1492" s="92"/>
      <c r="AR1492" s="92"/>
      <c r="AS1492" s="92"/>
      <c r="AT1492" s="92"/>
      <c r="AU1492" s="92"/>
      <c r="AV1492" s="92"/>
      <c r="AW1492" s="92"/>
      <c r="AX1492" s="92"/>
      <c r="AY1492" s="92"/>
      <c r="AZ1492" s="93"/>
      <c r="BA1492" s="93"/>
      <c r="BB1492" s="93"/>
      <c r="BC1492" s="93"/>
      <c r="BD1492" s="93"/>
      <c r="BE1492" s="93"/>
      <c r="BF1492" s="93"/>
      <c r="BG1492" s="93"/>
      <c r="BH1492" s="93"/>
      <c r="BI1492" s="93"/>
      <c r="BJ1492" s="93"/>
      <c r="BK1492" s="93"/>
      <c r="BL1492" s="93"/>
    </row>
    <row r="1493" spans="2:64" x14ac:dyDescent="0.2">
      <c r="B1493" s="43"/>
      <c r="C1493" s="73"/>
      <c r="D1493" s="64"/>
      <c r="E1493" s="55"/>
      <c r="F1493" s="74"/>
      <c r="G1493" s="74"/>
      <c r="H1493" s="74"/>
      <c r="I1493" s="75"/>
      <c r="J1493" s="74"/>
      <c r="L1493" s="55"/>
      <c r="M1493" s="234"/>
      <c r="N1493" s="65"/>
      <c r="O1493" s="76"/>
      <c r="P1493" s="76"/>
      <c r="Q1493" s="65"/>
      <c r="R1493" s="76"/>
      <c r="S1493" s="76"/>
      <c r="T1493" s="76"/>
      <c r="U1493" s="76"/>
      <c r="V1493" s="76"/>
      <c r="W1493" s="76"/>
      <c r="X1493" s="76"/>
      <c r="Y1493" s="76"/>
      <c r="Z1493" s="76"/>
      <c r="AA1493" s="85"/>
      <c r="AB1493" s="85"/>
      <c r="AC1493" s="85"/>
      <c r="AD1493" s="85"/>
      <c r="AE1493" s="85"/>
      <c r="AF1493" s="85"/>
      <c r="AG1493" s="86"/>
      <c r="AH1493" s="85"/>
      <c r="AI1493" s="85"/>
      <c r="AJ1493" s="85"/>
      <c r="AK1493" s="85"/>
      <c r="AL1493" s="85"/>
      <c r="AM1493" s="92"/>
      <c r="AN1493" s="92"/>
      <c r="AO1493" s="92"/>
      <c r="AP1493" s="92"/>
      <c r="AQ1493" s="92"/>
      <c r="AR1493" s="92"/>
      <c r="AS1493" s="92"/>
      <c r="AT1493" s="92"/>
      <c r="AU1493" s="92"/>
      <c r="AV1493" s="92"/>
      <c r="AW1493" s="92"/>
      <c r="AX1493" s="92"/>
      <c r="AY1493" s="92"/>
      <c r="AZ1493" s="93"/>
      <c r="BA1493" s="93"/>
      <c r="BB1493" s="93"/>
      <c r="BC1493" s="93"/>
      <c r="BD1493" s="93"/>
      <c r="BE1493" s="93"/>
      <c r="BF1493" s="93"/>
      <c r="BG1493" s="93"/>
      <c r="BH1493" s="93"/>
      <c r="BI1493" s="93"/>
      <c r="BJ1493" s="93"/>
      <c r="BK1493" s="93"/>
      <c r="BL1493" s="93"/>
    </row>
    <row r="1494" spans="2:64" x14ac:dyDescent="0.2">
      <c r="B1494" s="43"/>
      <c r="C1494" s="73"/>
      <c r="D1494" s="64"/>
      <c r="E1494" s="55"/>
      <c r="F1494" s="74"/>
      <c r="G1494" s="74"/>
      <c r="H1494" s="74"/>
      <c r="I1494" s="75"/>
      <c r="J1494" s="74"/>
      <c r="L1494" s="55"/>
      <c r="M1494" s="234"/>
      <c r="N1494" s="65"/>
      <c r="O1494" s="76"/>
      <c r="P1494" s="76"/>
      <c r="Q1494" s="65"/>
      <c r="R1494" s="76"/>
      <c r="S1494" s="76"/>
      <c r="T1494" s="76"/>
      <c r="U1494" s="76"/>
      <c r="V1494" s="76"/>
      <c r="W1494" s="76"/>
      <c r="X1494" s="76"/>
      <c r="Y1494" s="76"/>
      <c r="Z1494" s="76"/>
      <c r="AA1494" s="85"/>
      <c r="AB1494" s="85"/>
      <c r="AC1494" s="85"/>
      <c r="AD1494" s="85"/>
      <c r="AE1494" s="85"/>
      <c r="AF1494" s="85"/>
      <c r="AG1494" s="86"/>
      <c r="AH1494" s="85"/>
      <c r="AI1494" s="85"/>
      <c r="AJ1494" s="85"/>
      <c r="AK1494" s="85"/>
      <c r="AL1494" s="85"/>
      <c r="AM1494" s="92"/>
      <c r="AN1494" s="92"/>
      <c r="AO1494" s="92"/>
      <c r="AP1494" s="92"/>
      <c r="AQ1494" s="92"/>
      <c r="AR1494" s="92"/>
      <c r="AS1494" s="92"/>
      <c r="AT1494" s="92"/>
      <c r="AU1494" s="92"/>
      <c r="AV1494" s="92"/>
      <c r="AW1494" s="92"/>
      <c r="AX1494" s="92"/>
      <c r="AY1494" s="92"/>
      <c r="AZ1494" s="93"/>
      <c r="BA1494" s="93"/>
      <c r="BB1494" s="93"/>
      <c r="BC1494" s="93"/>
      <c r="BD1494" s="93"/>
      <c r="BE1494" s="93"/>
      <c r="BF1494" s="93"/>
      <c r="BG1494" s="93"/>
      <c r="BH1494" s="93"/>
      <c r="BI1494" s="93"/>
      <c r="BJ1494" s="93"/>
      <c r="BK1494" s="93"/>
      <c r="BL1494" s="93"/>
    </row>
    <row r="1495" spans="2:64" x14ac:dyDescent="0.2">
      <c r="B1495" s="43"/>
      <c r="C1495" s="73"/>
      <c r="D1495" s="64"/>
      <c r="E1495" s="55"/>
      <c r="F1495" s="74"/>
      <c r="G1495" s="74"/>
      <c r="H1495" s="74"/>
      <c r="I1495" s="75"/>
      <c r="J1495" s="74"/>
      <c r="L1495" s="55"/>
      <c r="M1495" s="234"/>
      <c r="N1495" s="65"/>
      <c r="O1495" s="76"/>
      <c r="P1495" s="76"/>
      <c r="Q1495" s="65"/>
      <c r="R1495" s="76"/>
      <c r="S1495" s="76"/>
      <c r="T1495" s="76"/>
      <c r="U1495" s="76"/>
      <c r="V1495" s="76"/>
      <c r="W1495" s="76"/>
      <c r="X1495" s="76"/>
      <c r="Y1495" s="76"/>
      <c r="Z1495" s="76"/>
      <c r="AA1495" s="85"/>
      <c r="AB1495" s="85"/>
      <c r="AC1495" s="85"/>
      <c r="AD1495" s="85"/>
      <c r="AE1495" s="85"/>
      <c r="AF1495" s="85"/>
      <c r="AG1495" s="86"/>
      <c r="AH1495" s="85"/>
      <c r="AI1495" s="85"/>
      <c r="AJ1495" s="85"/>
      <c r="AK1495" s="85"/>
      <c r="AL1495" s="85"/>
      <c r="AM1495" s="92"/>
      <c r="AN1495" s="92"/>
      <c r="AO1495" s="92"/>
      <c r="AP1495" s="92"/>
      <c r="AQ1495" s="92"/>
      <c r="AR1495" s="92"/>
      <c r="AS1495" s="92"/>
      <c r="AT1495" s="92"/>
      <c r="AU1495" s="92"/>
      <c r="AV1495" s="92"/>
      <c r="AW1495" s="92"/>
      <c r="AX1495" s="92"/>
      <c r="AY1495" s="92"/>
      <c r="AZ1495" s="93"/>
      <c r="BA1495" s="93"/>
      <c r="BB1495" s="93"/>
      <c r="BC1495" s="93"/>
      <c r="BD1495" s="93"/>
      <c r="BE1495" s="93"/>
      <c r="BF1495" s="93"/>
      <c r="BG1495" s="93"/>
      <c r="BH1495" s="93"/>
      <c r="BI1495" s="93"/>
      <c r="BJ1495" s="93"/>
      <c r="BK1495" s="93"/>
      <c r="BL1495" s="93"/>
    </row>
    <row r="1496" spans="2:64" x14ac:dyDescent="0.2">
      <c r="B1496" s="43"/>
      <c r="C1496" s="73"/>
      <c r="D1496" s="64"/>
      <c r="E1496" s="55"/>
      <c r="F1496" s="74"/>
      <c r="G1496" s="74"/>
      <c r="H1496" s="74"/>
      <c r="I1496" s="75"/>
      <c r="J1496" s="74"/>
      <c r="L1496" s="55"/>
      <c r="M1496" s="234"/>
      <c r="N1496" s="65"/>
      <c r="O1496" s="76"/>
      <c r="P1496" s="76"/>
      <c r="Q1496" s="65"/>
      <c r="R1496" s="76"/>
      <c r="S1496" s="76"/>
      <c r="T1496" s="76"/>
      <c r="U1496" s="76"/>
      <c r="V1496" s="76"/>
      <c r="W1496" s="76"/>
      <c r="X1496" s="76"/>
      <c r="Y1496" s="76"/>
      <c r="Z1496" s="76"/>
      <c r="AA1496" s="85"/>
      <c r="AB1496" s="85"/>
      <c r="AC1496" s="85"/>
      <c r="AD1496" s="85"/>
      <c r="AE1496" s="85"/>
      <c r="AF1496" s="85"/>
      <c r="AG1496" s="86"/>
      <c r="AH1496" s="85"/>
      <c r="AI1496" s="85"/>
      <c r="AJ1496" s="85"/>
      <c r="AK1496" s="85"/>
      <c r="AL1496" s="85"/>
      <c r="AM1496" s="92"/>
      <c r="AN1496" s="92"/>
      <c r="AO1496" s="92"/>
      <c r="AP1496" s="92"/>
      <c r="AQ1496" s="92"/>
      <c r="AR1496" s="92"/>
      <c r="AS1496" s="92"/>
      <c r="AT1496" s="92"/>
      <c r="AU1496" s="92"/>
      <c r="AV1496" s="92"/>
      <c r="AW1496" s="92"/>
      <c r="AX1496" s="92"/>
      <c r="AY1496" s="92"/>
      <c r="AZ1496" s="93"/>
      <c r="BA1496" s="93"/>
      <c r="BB1496" s="93"/>
      <c r="BC1496" s="93"/>
      <c r="BD1496" s="93"/>
      <c r="BE1496" s="93"/>
      <c r="BF1496" s="93"/>
      <c r="BG1496" s="93"/>
      <c r="BH1496" s="93"/>
      <c r="BI1496" s="93"/>
      <c r="BJ1496" s="93"/>
      <c r="BK1496" s="93"/>
      <c r="BL1496" s="93"/>
    </row>
    <row r="1497" spans="2:64" x14ac:dyDescent="0.2">
      <c r="B1497" s="43"/>
      <c r="C1497" s="73"/>
      <c r="D1497" s="64"/>
      <c r="E1497" s="55"/>
      <c r="F1497" s="74"/>
      <c r="G1497" s="74"/>
      <c r="H1497" s="74"/>
      <c r="I1497" s="75"/>
      <c r="J1497" s="74"/>
      <c r="L1497" s="55"/>
      <c r="M1497" s="234"/>
      <c r="N1497" s="65"/>
      <c r="O1497" s="76"/>
      <c r="P1497" s="76"/>
      <c r="Q1497" s="65"/>
      <c r="R1497" s="76"/>
      <c r="S1497" s="76"/>
      <c r="T1497" s="76"/>
      <c r="U1497" s="76"/>
      <c r="V1497" s="76"/>
      <c r="W1497" s="76"/>
      <c r="X1497" s="76"/>
      <c r="Y1497" s="76"/>
      <c r="Z1497" s="76"/>
      <c r="AA1497" s="85"/>
      <c r="AB1497" s="85"/>
      <c r="AC1497" s="85"/>
      <c r="AD1497" s="85"/>
      <c r="AE1497" s="85"/>
      <c r="AF1497" s="85"/>
      <c r="AG1497" s="86"/>
      <c r="AH1497" s="85"/>
      <c r="AI1497" s="85"/>
      <c r="AJ1497" s="85"/>
      <c r="AK1497" s="85"/>
      <c r="AL1497" s="85"/>
      <c r="AM1497" s="92"/>
      <c r="AN1497" s="92"/>
      <c r="AO1497" s="92"/>
      <c r="AP1497" s="92"/>
      <c r="AQ1497" s="92"/>
      <c r="AR1497" s="92"/>
      <c r="AS1497" s="92"/>
      <c r="AT1497" s="92"/>
      <c r="AU1497" s="92"/>
      <c r="AV1497" s="92"/>
      <c r="AW1497" s="92"/>
      <c r="AX1497" s="92"/>
      <c r="AY1497" s="92"/>
      <c r="AZ1497" s="93"/>
      <c r="BA1497" s="93"/>
      <c r="BB1497" s="93"/>
      <c r="BC1497" s="93"/>
      <c r="BD1497" s="93"/>
      <c r="BE1497" s="93"/>
      <c r="BF1497" s="93"/>
      <c r="BG1497" s="93"/>
      <c r="BH1497" s="93"/>
      <c r="BI1497" s="93"/>
      <c r="BJ1497" s="93"/>
      <c r="BK1497" s="93"/>
      <c r="BL1497" s="93"/>
    </row>
    <row r="1498" spans="2:64" x14ac:dyDescent="0.2">
      <c r="B1498" s="43"/>
      <c r="C1498" s="73"/>
      <c r="D1498" s="64"/>
      <c r="E1498" s="55"/>
      <c r="F1498" s="74"/>
      <c r="G1498" s="74"/>
      <c r="H1498" s="74"/>
      <c r="I1498" s="75"/>
      <c r="J1498" s="74"/>
      <c r="L1498" s="55"/>
      <c r="M1498" s="234"/>
      <c r="N1498" s="65"/>
      <c r="O1498" s="76"/>
      <c r="P1498" s="76"/>
      <c r="Q1498" s="65"/>
      <c r="R1498" s="76"/>
      <c r="S1498" s="76"/>
      <c r="T1498" s="76"/>
      <c r="U1498" s="76"/>
      <c r="V1498" s="76"/>
      <c r="W1498" s="76"/>
      <c r="X1498" s="76"/>
      <c r="Y1498" s="76"/>
      <c r="Z1498" s="76"/>
      <c r="AA1498" s="85"/>
      <c r="AB1498" s="85"/>
      <c r="AC1498" s="85"/>
      <c r="AD1498" s="85"/>
      <c r="AE1498" s="85"/>
      <c r="AF1498" s="85"/>
      <c r="AG1498" s="86"/>
      <c r="AH1498" s="85"/>
      <c r="AI1498" s="85"/>
      <c r="AJ1498" s="85"/>
      <c r="AK1498" s="85"/>
      <c r="AL1498" s="85"/>
      <c r="AM1498" s="92"/>
      <c r="AN1498" s="92"/>
      <c r="AO1498" s="92"/>
      <c r="AP1498" s="92"/>
      <c r="AQ1498" s="92"/>
      <c r="AR1498" s="92"/>
      <c r="AS1498" s="92"/>
      <c r="AT1498" s="92"/>
      <c r="AU1498" s="92"/>
      <c r="AV1498" s="92"/>
      <c r="AW1498" s="92"/>
      <c r="AX1498" s="92"/>
      <c r="AY1498" s="92"/>
      <c r="AZ1498" s="93"/>
      <c r="BA1498" s="93"/>
      <c r="BB1498" s="93"/>
      <c r="BC1498" s="93"/>
      <c r="BD1498" s="93"/>
      <c r="BE1498" s="93"/>
      <c r="BF1498" s="93"/>
      <c r="BG1498" s="93"/>
      <c r="BH1498" s="93"/>
      <c r="BI1498" s="93"/>
      <c r="BJ1498" s="93"/>
      <c r="BK1498" s="93"/>
      <c r="BL1498" s="93"/>
    </row>
    <row r="1499" spans="2:64" x14ac:dyDescent="0.2">
      <c r="B1499" s="43"/>
      <c r="C1499" s="73"/>
      <c r="D1499" s="64"/>
      <c r="E1499" s="55"/>
      <c r="F1499" s="74"/>
      <c r="G1499" s="74"/>
      <c r="H1499" s="74"/>
      <c r="I1499" s="75"/>
      <c r="J1499" s="74"/>
      <c r="L1499" s="55"/>
      <c r="M1499" s="234"/>
      <c r="N1499" s="65"/>
      <c r="O1499" s="76"/>
      <c r="P1499" s="76"/>
      <c r="Q1499" s="65"/>
      <c r="R1499" s="76"/>
      <c r="S1499" s="76"/>
      <c r="T1499" s="76"/>
      <c r="U1499" s="76"/>
      <c r="V1499" s="76"/>
      <c r="W1499" s="76"/>
      <c r="X1499" s="76"/>
      <c r="Y1499" s="76"/>
      <c r="Z1499" s="76"/>
      <c r="AA1499" s="85"/>
      <c r="AB1499" s="85"/>
      <c r="AC1499" s="85"/>
      <c r="AD1499" s="85"/>
      <c r="AE1499" s="85"/>
      <c r="AF1499" s="85"/>
      <c r="AG1499" s="86"/>
      <c r="AH1499" s="85"/>
      <c r="AI1499" s="85"/>
      <c r="AJ1499" s="85"/>
      <c r="AK1499" s="85"/>
      <c r="AL1499" s="85"/>
      <c r="AM1499" s="92"/>
      <c r="AN1499" s="92"/>
      <c r="AO1499" s="92"/>
      <c r="AP1499" s="92"/>
      <c r="AQ1499" s="92"/>
      <c r="AR1499" s="92"/>
      <c r="AS1499" s="92"/>
      <c r="AT1499" s="92"/>
      <c r="AU1499" s="92"/>
      <c r="AV1499" s="92"/>
      <c r="AW1499" s="92"/>
      <c r="AX1499" s="92"/>
      <c r="AY1499" s="92"/>
      <c r="AZ1499" s="93"/>
      <c r="BA1499" s="93"/>
      <c r="BB1499" s="93"/>
      <c r="BC1499" s="93"/>
      <c r="BD1499" s="93"/>
      <c r="BE1499" s="93"/>
      <c r="BF1499" s="93"/>
      <c r="BG1499" s="93"/>
      <c r="BH1499" s="93"/>
      <c r="BI1499" s="93"/>
      <c r="BJ1499" s="93"/>
      <c r="BK1499" s="93"/>
      <c r="BL1499" s="93"/>
    </row>
    <row r="1500" spans="2:64" x14ac:dyDescent="0.2">
      <c r="B1500" s="43"/>
      <c r="C1500" s="73"/>
      <c r="D1500" s="64"/>
      <c r="E1500" s="55"/>
      <c r="F1500" s="74"/>
      <c r="G1500" s="74"/>
      <c r="H1500" s="74"/>
      <c r="I1500" s="75"/>
      <c r="J1500" s="74"/>
      <c r="L1500" s="55"/>
      <c r="M1500" s="234"/>
      <c r="N1500" s="65"/>
      <c r="O1500" s="76"/>
      <c r="P1500" s="76"/>
      <c r="Q1500" s="65"/>
      <c r="R1500" s="76"/>
      <c r="S1500" s="76"/>
      <c r="T1500" s="76"/>
      <c r="U1500" s="76"/>
      <c r="V1500" s="76"/>
      <c r="W1500" s="76"/>
      <c r="X1500" s="76"/>
      <c r="Y1500" s="76"/>
      <c r="Z1500" s="76"/>
      <c r="AA1500" s="85"/>
      <c r="AB1500" s="85"/>
      <c r="AC1500" s="85"/>
      <c r="AD1500" s="85"/>
      <c r="AE1500" s="85"/>
      <c r="AF1500" s="85"/>
      <c r="AG1500" s="86"/>
      <c r="AH1500" s="85"/>
      <c r="AI1500" s="85"/>
      <c r="AJ1500" s="85"/>
      <c r="AK1500" s="85"/>
      <c r="AL1500" s="85"/>
      <c r="AM1500" s="92"/>
      <c r="AN1500" s="92"/>
      <c r="AO1500" s="92"/>
      <c r="AP1500" s="92"/>
      <c r="AQ1500" s="92"/>
      <c r="AR1500" s="92"/>
      <c r="AS1500" s="92"/>
      <c r="AT1500" s="92"/>
      <c r="AU1500" s="92"/>
      <c r="AV1500" s="92"/>
      <c r="AW1500" s="92"/>
      <c r="AX1500" s="92"/>
      <c r="AY1500" s="92"/>
      <c r="AZ1500" s="93"/>
      <c r="BA1500" s="93"/>
      <c r="BB1500" s="93"/>
      <c r="BC1500" s="93"/>
      <c r="BD1500" s="93"/>
      <c r="BE1500" s="93"/>
      <c r="BF1500" s="93"/>
      <c r="BG1500" s="93"/>
      <c r="BH1500" s="93"/>
      <c r="BI1500" s="93"/>
      <c r="BJ1500" s="93"/>
      <c r="BK1500" s="93"/>
      <c r="BL1500" s="93"/>
    </row>
    <row r="1501" spans="2:64" x14ac:dyDescent="0.2">
      <c r="B1501" s="43"/>
      <c r="C1501" s="73"/>
      <c r="D1501" s="64"/>
      <c r="E1501" s="55"/>
      <c r="F1501" s="74"/>
      <c r="G1501" s="74"/>
      <c r="H1501" s="74"/>
      <c r="I1501" s="75"/>
      <c r="J1501" s="74"/>
      <c r="L1501" s="55"/>
      <c r="M1501" s="234"/>
      <c r="N1501" s="65"/>
      <c r="O1501" s="76"/>
      <c r="P1501" s="76"/>
      <c r="Q1501" s="65"/>
      <c r="R1501" s="76"/>
      <c r="S1501" s="76"/>
      <c r="T1501" s="76"/>
      <c r="U1501" s="76"/>
      <c r="V1501" s="76"/>
      <c r="W1501" s="76"/>
      <c r="X1501" s="76"/>
      <c r="Y1501" s="76"/>
      <c r="Z1501" s="76"/>
      <c r="AA1501" s="85"/>
      <c r="AB1501" s="85"/>
      <c r="AC1501" s="85"/>
      <c r="AD1501" s="85"/>
      <c r="AE1501" s="85"/>
      <c r="AF1501" s="85"/>
      <c r="AG1501" s="86"/>
      <c r="AH1501" s="85"/>
      <c r="AI1501" s="85"/>
      <c r="AJ1501" s="85"/>
      <c r="AK1501" s="85"/>
      <c r="AL1501" s="85"/>
      <c r="AM1501" s="92"/>
      <c r="AN1501" s="92"/>
      <c r="AO1501" s="92"/>
      <c r="AP1501" s="92"/>
      <c r="AQ1501" s="92"/>
      <c r="AR1501" s="92"/>
      <c r="AS1501" s="92"/>
      <c r="AT1501" s="92"/>
      <c r="AU1501" s="92"/>
      <c r="AV1501" s="92"/>
      <c r="AW1501" s="92"/>
      <c r="AX1501" s="92"/>
      <c r="AY1501" s="92"/>
      <c r="AZ1501" s="93"/>
      <c r="BA1501" s="93"/>
      <c r="BB1501" s="93"/>
      <c r="BC1501" s="93"/>
      <c r="BD1501" s="93"/>
      <c r="BE1501" s="93"/>
      <c r="BF1501" s="93"/>
      <c r="BG1501" s="93"/>
      <c r="BH1501" s="93"/>
      <c r="BI1501" s="93"/>
      <c r="BJ1501" s="93"/>
      <c r="BK1501" s="93"/>
      <c r="BL1501" s="93"/>
    </row>
    <row r="1502" spans="2:64" x14ac:dyDescent="0.2">
      <c r="B1502" s="43"/>
      <c r="C1502" s="73"/>
      <c r="D1502" s="64"/>
      <c r="E1502" s="55"/>
      <c r="F1502" s="74"/>
      <c r="G1502" s="74"/>
      <c r="H1502" s="74"/>
      <c r="I1502" s="75"/>
      <c r="J1502" s="74"/>
      <c r="L1502" s="55"/>
      <c r="M1502" s="234"/>
      <c r="N1502" s="65"/>
      <c r="O1502" s="76"/>
      <c r="P1502" s="76"/>
      <c r="Q1502" s="65"/>
      <c r="R1502" s="76"/>
      <c r="S1502" s="76"/>
      <c r="T1502" s="76"/>
      <c r="U1502" s="76"/>
      <c r="V1502" s="76"/>
      <c r="W1502" s="76"/>
      <c r="X1502" s="76"/>
      <c r="Y1502" s="76"/>
      <c r="Z1502" s="76"/>
      <c r="AA1502" s="85"/>
      <c r="AB1502" s="85"/>
      <c r="AC1502" s="85"/>
      <c r="AD1502" s="85"/>
      <c r="AE1502" s="85"/>
      <c r="AF1502" s="85"/>
      <c r="AG1502" s="86"/>
      <c r="AH1502" s="85"/>
      <c r="AI1502" s="85"/>
      <c r="AJ1502" s="85"/>
      <c r="AK1502" s="85"/>
      <c r="AL1502" s="85"/>
      <c r="AM1502" s="92"/>
      <c r="AN1502" s="92"/>
      <c r="AO1502" s="92"/>
      <c r="AP1502" s="92"/>
      <c r="AQ1502" s="92"/>
      <c r="AR1502" s="92"/>
      <c r="AS1502" s="92"/>
      <c r="AT1502" s="92"/>
      <c r="AU1502" s="92"/>
      <c r="AV1502" s="92"/>
      <c r="AW1502" s="92"/>
      <c r="AX1502" s="92"/>
      <c r="AY1502" s="92"/>
      <c r="AZ1502" s="93"/>
      <c r="BA1502" s="93"/>
      <c r="BB1502" s="93"/>
      <c r="BC1502" s="93"/>
      <c r="BD1502" s="93"/>
      <c r="BE1502" s="93"/>
      <c r="BF1502" s="93"/>
      <c r="BG1502" s="93"/>
      <c r="BH1502" s="93"/>
      <c r="BI1502" s="93"/>
      <c r="BJ1502" s="93"/>
      <c r="BK1502" s="93"/>
      <c r="BL1502" s="93"/>
    </row>
    <row r="1503" spans="2:64" x14ac:dyDescent="0.2">
      <c r="B1503" s="43"/>
      <c r="C1503" s="73"/>
      <c r="D1503" s="64"/>
      <c r="E1503" s="55"/>
      <c r="F1503" s="74"/>
      <c r="G1503" s="74"/>
      <c r="H1503" s="74"/>
      <c r="I1503" s="75"/>
      <c r="J1503" s="74"/>
      <c r="L1503" s="55"/>
      <c r="M1503" s="234"/>
      <c r="N1503" s="65"/>
      <c r="O1503" s="76"/>
      <c r="P1503" s="76"/>
      <c r="Q1503" s="65"/>
      <c r="R1503" s="76"/>
      <c r="S1503" s="76"/>
      <c r="T1503" s="76"/>
      <c r="U1503" s="76"/>
      <c r="V1503" s="76"/>
      <c r="W1503" s="76"/>
      <c r="X1503" s="76"/>
      <c r="Y1503" s="76"/>
      <c r="Z1503" s="76"/>
      <c r="AA1503" s="85"/>
      <c r="AB1503" s="85"/>
      <c r="AC1503" s="85"/>
      <c r="AD1503" s="85"/>
      <c r="AE1503" s="85"/>
      <c r="AF1503" s="85"/>
      <c r="AG1503" s="86"/>
      <c r="AH1503" s="85"/>
      <c r="AI1503" s="85"/>
      <c r="AJ1503" s="85"/>
      <c r="AK1503" s="85"/>
      <c r="AL1503" s="85"/>
      <c r="AM1503" s="92"/>
      <c r="AN1503" s="92"/>
      <c r="AO1503" s="92"/>
      <c r="AP1503" s="92"/>
      <c r="AQ1503" s="92"/>
      <c r="AR1503" s="92"/>
      <c r="AS1503" s="92"/>
      <c r="AT1503" s="92"/>
      <c r="AU1503" s="92"/>
      <c r="AV1503" s="92"/>
      <c r="AW1503" s="92"/>
      <c r="AX1503" s="92"/>
      <c r="AY1503" s="92"/>
      <c r="AZ1503" s="93"/>
      <c r="BA1503" s="93"/>
      <c r="BB1503" s="93"/>
      <c r="BC1503" s="93"/>
      <c r="BD1503" s="93"/>
      <c r="BE1503" s="93"/>
      <c r="BF1503" s="93"/>
      <c r="BG1503" s="93"/>
      <c r="BH1503" s="93"/>
      <c r="BI1503" s="93"/>
      <c r="BJ1503" s="93"/>
      <c r="BK1503" s="93"/>
      <c r="BL1503" s="93"/>
    </row>
    <row r="1504" spans="2:64" x14ac:dyDescent="0.2">
      <c r="B1504" s="43"/>
      <c r="C1504" s="73"/>
      <c r="D1504" s="64"/>
      <c r="E1504" s="55"/>
      <c r="F1504" s="74"/>
      <c r="G1504" s="74"/>
      <c r="H1504" s="74"/>
      <c r="I1504" s="75"/>
      <c r="J1504" s="74"/>
      <c r="L1504" s="55"/>
      <c r="M1504" s="234"/>
      <c r="N1504" s="65"/>
      <c r="O1504" s="76"/>
      <c r="P1504" s="76"/>
      <c r="Q1504" s="65"/>
      <c r="R1504" s="76"/>
      <c r="S1504" s="76"/>
      <c r="T1504" s="76"/>
      <c r="U1504" s="76"/>
      <c r="V1504" s="76"/>
      <c r="W1504" s="76"/>
      <c r="X1504" s="76"/>
      <c r="Y1504" s="76"/>
      <c r="Z1504" s="76"/>
      <c r="AA1504" s="85"/>
      <c r="AB1504" s="85"/>
      <c r="AC1504" s="85"/>
      <c r="AD1504" s="85"/>
      <c r="AE1504" s="85"/>
      <c r="AF1504" s="85"/>
      <c r="AG1504" s="86"/>
      <c r="AH1504" s="85"/>
      <c r="AI1504" s="85"/>
      <c r="AJ1504" s="85"/>
      <c r="AK1504" s="85"/>
      <c r="AL1504" s="85"/>
      <c r="AM1504" s="92"/>
      <c r="AN1504" s="92"/>
      <c r="AO1504" s="92"/>
      <c r="AP1504" s="92"/>
      <c r="AQ1504" s="92"/>
      <c r="AR1504" s="92"/>
      <c r="AS1504" s="92"/>
      <c r="AT1504" s="92"/>
      <c r="AU1504" s="92"/>
      <c r="AV1504" s="92"/>
      <c r="AW1504" s="92"/>
      <c r="AX1504" s="92"/>
      <c r="AY1504" s="92"/>
      <c r="AZ1504" s="93"/>
      <c r="BA1504" s="93"/>
      <c r="BB1504" s="93"/>
      <c r="BC1504" s="93"/>
      <c r="BD1504" s="93"/>
      <c r="BE1504" s="93"/>
      <c r="BF1504" s="93"/>
      <c r="BG1504" s="93"/>
      <c r="BH1504" s="93"/>
      <c r="BI1504" s="93"/>
      <c r="BJ1504" s="93"/>
      <c r="BK1504" s="93"/>
      <c r="BL1504" s="93"/>
    </row>
    <row r="1505" spans="2:64" x14ac:dyDescent="0.2">
      <c r="B1505" s="43"/>
      <c r="C1505" s="73"/>
      <c r="D1505" s="64"/>
      <c r="E1505" s="55"/>
      <c r="F1505" s="74"/>
      <c r="G1505" s="74"/>
      <c r="H1505" s="74"/>
      <c r="I1505" s="75"/>
      <c r="J1505" s="74"/>
      <c r="L1505" s="55"/>
      <c r="M1505" s="234"/>
      <c r="N1505" s="65"/>
      <c r="O1505" s="76"/>
      <c r="P1505" s="76"/>
      <c r="Q1505" s="65"/>
      <c r="R1505" s="76"/>
      <c r="S1505" s="76"/>
      <c r="T1505" s="76"/>
      <c r="U1505" s="76"/>
      <c r="V1505" s="76"/>
      <c r="W1505" s="76"/>
      <c r="X1505" s="76"/>
      <c r="Y1505" s="76"/>
      <c r="Z1505" s="76"/>
      <c r="AA1505" s="85"/>
      <c r="AB1505" s="85"/>
      <c r="AC1505" s="85"/>
      <c r="AD1505" s="85"/>
      <c r="AE1505" s="85"/>
      <c r="AF1505" s="85"/>
      <c r="AG1505" s="86"/>
      <c r="AH1505" s="85"/>
      <c r="AI1505" s="85"/>
      <c r="AJ1505" s="85"/>
      <c r="AK1505" s="85"/>
      <c r="AL1505" s="85"/>
      <c r="AM1505" s="92"/>
      <c r="AN1505" s="92"/>
      <c r="AO1505" s="92"/>
      <c r="AP1505" s="92"/>
      <c r="AQ1505" s="92"/>
      <c r="AR1505" s="92"/>
      <c r="AS1505" s="92"/>
      <c r="AT1505" s="92"/>
      <c r="AU1505" s="92"/>
      <c r="AV1505" s="92"/>
      <c r="AW1505" s="92"/>
      <c r="AX1505" s="92"/>
      <c r="AY1505" s="92"/>
      <c r="AZ1505" s="93"/>
      <c r="BA1505" s="93"/>
      <c r="BB1505" s="93"/>
      <c r="BC1505" s="93"/>
      <c r="BD1505" s="93"/>
      <c r="BE1505" s="93"/>
      <c r="BF1505" s="93"/>
      <c r="BG1505" s="93"/>
      <c r="BH1505" s="93"/>
      <c r="BI1505" s="93"/>
      <c r="BJ1505" s="93"/>
      <c r="BK1505" s="93"/>
      <c r="BL1505" s="93"/>
    </row>
    <row r="1506" spans="2:64" x14ac:dyDescent="0.2">
      <c r="B1506" s="43"/>
      <c r="C1506" s="73"/>
      <c r="D1506" s="64"/>
      <c r="E1506" s="55"/>
      <c r="F1506" s="74"/>
      <c r="G1506" s="74"/>
      <c r="H1506" s="74"/>
      <c r="I1506" s="75"/>
      <c r="J1506" s="74"/>
      <c r="L1506" s="55"/>
      <c r="M1506" s="234"/>
      <c r="N1506" s="65"/>
      <c r="O1506" s="76"/>
      <c r="P1506" s="76"/>
      <c r="Q1506" s="65"/>
      <c r="R1506" s="76"/>
      <c r="S1506" s="76"/>
      <c r="T1506" s="76"/>
      <c r="U1506" s="76"/>
      <c r="V1506" s="76"/>
      <c r="W1506" s="76"/>
      <c r="X1506" s="76"/>
      <c r="Y1506" s="76"/>
      <c r="Z1506" s="76"/>
      <c r="AA1506" s="85"/>
      <c r="AB1506" s="85"/>
      <c r="AC1506" s="85"/>
      <c r="AD1506" s="85"/>
      <c r="AE1506" s="85"/>
      <c r="AF1506" s="85"/>
      <c r="AG1506" s="86"/>
      <c r="AH1506" s="85"/>
      <c r="AI1506" s="85"/>
      <c r="AJ1506" s="85"/>
      <c r="AK1506" s="85"/>
      <c r="AL1506" s="85"/>
      <c r="AM1506" s="92"/>
      <c r="AN1506" s="92"/>
      <c r="AO1506" s="92"/>
      <c r="AP1506" s="92"/>
      <c r="AQ1506" s="92"/>
      <c r="AR1506" s="92"/>
      <c r="AS1506" s="92"/>
      <c r="AT1506" s="92"/>
      <c r="AU1506" s="92"/>
      <c r="AV1506" s="92"/>
      <c r="AW1506" s="92"/>
      <c r="AX1506" s="92"/>
      <c r="AY1506" s="92"/>
      <c r="AZ1506" s="93"/>
      <c r="BA1506" s="93"/>
      <c r="BB1506" s="93"/>
      <c r="BC1506" s="93"/>
      <c r="BD1506" s="93"/>
      <c r="BE1506" s="93"/>
      <c r="BF1506" s="93"/>
      <c r="BG1506" s="93"/>
      <c r="BH1506" s="93"/>
      <c r="BI1506" s="93"/>
      <c r="BJ1506" s="93"/>
      <c r="BK1506" s="93"/>
      <c r="BL1506" s="93"/>
    </row>
    <row r="1507" spans="2:64" x14ac:dyDescent="0.2">
      <c r="B1507" s="43"/>
      <c r="C1507" s="73"/>
      <c r="D1507" s="64"/>
      <c r="E1507" s="55"/>
      <c r="F1507" s="74"/>
      <c r="G1507" s="74"/>
      <c r="H1507" s="74"/>
      <c r="I1507" s="75"/>
      <c r="J1507" s="74"/>
      <c r="L1507" s="55"/>
      <c r="M1507" s="234"/>
      <c r="N1507" s="65"/>
      <c r="O1507" s="76"/>
      <c r="P1507" s="76"/>
      <c r="Q1507" s="65"/>
      <c r="R1507" s="76"/>
      <c r="S1507" s="76"/>
      <c r="T1507" s="76"/>
      <c r="U1507" s="76"/>
      <c r="V1507" s="76"/>
      <c r="W1507" s="76"/>
      <c r="X1507" s="76"/>
      <c r="Y1507" s="76"/>
      <c r="Z1507" s="76"/>
      <c r="AA1507" s="85"/>
      <c r="AB1507" s="85"/>
      <c r="AC1507" s="85"/>
      <c r="AD1507" s="85"/>
      <c r="AE1507" s="85"/>
      <c r="AF1507" s="85"/>
      <c r="AG1507" s="86"/>
      <c r="AH1507" s="85"/>
      <c r="AI1507" s="85"/>
      <c r="AJ1507" s="85"/>
      <c r="AK1507" s="85"/>
      <c r="AL1507" s="85"/>
      <c r="AM1507" s="92"/>
      <c r="AN1507" s="92"/>
      <c r="AO1507" s="92"/>
      <c r="AP1507" s="92"/>
      <c r="AQ1507" s="92"/>
      <c r="AR1507" s="92"/>
      <c r="AS1507" s="92"/>
      <c r="AT1507" s="92"/>
      <c r="AU1507" s="92"/>
      <c r="AV1507" s="92"/>
      <c r="AW1507" s="92"/>
      <c r="AX1507" s="92"/>
      <c r="AY1507" s="92"/>
      <c r="AZ1507" s="93"/>
      <c r="BA1507" s="93"/>
      <c r="BB1507" s="93"/>
      <c r="BC1507" s="93"/>
      <c r="BD1507" s="93"/>
      <c r="BE1507" s="93"/>
      <c r="BF1507" s="93"/>
      <c r="BG1507" s="93"/>
      <c r="BH1507" s="93"/>
      <c r="BI1507" s="93"/>
      <c r="BJ1507" s="93"/>
      <c r="BK1507" s="93"/>
      <c r="BL1507" s="93"/>
    </row>
    <row r="1508" spans="2:64" x14ac:dyDescent="0.2">
      <c r="B1508" s="43"/>
      <c r="C1508" s="73"/>
      <c r="D1508" s="64"/>
      <c r="E1508" s="55"/>
      <c r="F1508" s="74"/>
      <c r="G1508" s="74"/>
      <c r="H1508" s="74"/>
      <c r="I1508" s="75"/>
      <c r="J1508" s="74"/>
      <c r="L1508" s="55"/>
      <c r="M1508" s="234"/>
      <c r="N1508" s="65"/>
      <c r="O1508" s="76"/>
      <c r="P1508" s="76"/>
      <c r="Q1508" s="65"/>
      <c r="R1508" s="76"/>
      <c r="S1508" s="76"/>
      <c r="T1508" s="76"/>
      <c r="U1508" s="76"/>
      <c r="V1508" s="76"/>
      <c r="W1508" s="76"/>
      <c r="X1508" s="76"/>
      <c r="Y1508" s="76"/>
      <c r="Z1508" s="76"/>
      <c r="AA1508" s="85"/>
      <c r="AB1508" s="85"/>
      <c r="AC1508" s="85"/>
      <c r="AD1508" s="85"/>
      <c r="AE1508" s="85"/>
      <c r="AF1508" s="85"/>
      <c r="AG1508" s="86"/>
      <c r="AH1508" s="85"/>
      <c r="AI1508" s="85"/>
      <c r="AJ1508" s="85"/>
      <c r="AK1508" s="85"/>
      <c r="AL1508" s="85"/>
      <c r="AM1508" s="92"/>
      <c r="AN1508" s="92"/>
      <c r="AO1508" s="92"/>
      <c r="AP1508" s="92"/>
      <c r="AQ1508" s="92"/>
      <c r="AR1508" s="92"/>
      <c r="AS1508" s="92"/>
      <c r="AT1508" s="92"/>
      <c r="AU1508" s="92"/>
      <c r="AV1508" s="92"/>
      <c r="AW1508" s="92"/>
      <c r="AX1508" s="92"/>
      <c r="AY1508" s="92"/>
      <c r="AZ1508" s="93"/>
      <c r="BA1508" s="93"/>
      <c r="BB1508" s="93"/>
      <c r="BC1508" s="93"/>
      <c r="BD1508" s="93"/>
      <c r="BE1508" s="93"/>
      <c r="BF1508" s="93"/>
      <c r="BG1508" s="93"/>
      <c r="BH1508" s="93"/>
      <c r="BI1508" s="93"/>
      <c r="BJ1508" s="93"/>
      <c r="BK1508" s="93"/>
      <c r="BL1508" s="93"/>
    </row>
    <row r="1509" spans="2:64" x14ac:dyDescent="0.2">
      <c r="B1509" s="43"/>
      <c r="C1509" s="73"/>
      <c r="D1509" s="64"/>
      <c r="E1509" s="55"/>
      <c r="F1509" s="74"/>
      <c r="G1509" s="74"/>
      <c r="H1509" s="74"/>
      <c r="I1509" s="75"/>
      <c r="J1509" s="74"/>
      <c r="L1509" s="55"/>
      <c r="M1509" s="234"/>
      <c r="N1509" s="65"/>
      <c r="O1509" s="76"/>
      <c r="P1509" s="76"/>
      <c r="Q1509" s="65"/>
      <c r="R1509" s="76"/>
      <c r="S1509" s="76"/>
      <c r="T1509" s="76"/>
      <c r="U1509" s="76"/>
      <c r="V1509" s="76"/>
      <c r="W1509" s="76"/>
      <c r="X1509" s="76"/>
      <c r="Y1509" s="76"/>
      <c r="Z1509" s="76"/>
      <c r="AA1509" s="85"/>
      <c r="AB1509" s="85"/>
      <c r="AC1509" s="85"/>
      <c r="AD1509" s="85"/>
      <c r="AE1509" s="85"/>
      <c r="AF1509" s="85"/>
      <c r="AG1509" s="86"/>
      <c r="AH1509" s="85"/>
      <c r="AI1509" s="85"/>
      <c r="AJ1509" s="85"/>
      <c r="AK1509" s="85"/>
      <c r="AL1509" s="85"/>
      <c r="AM1509" s="92"/>
      <c r="AN1509" s="92"/>
      <c r="AO1509" s="92"/>
      <c r="AP1509" s="92"/>
      <c r="AQ1509" s="92"/>
      <c r="AR1509" s="92"/>
      <c r="AS1509" s="92"/>
      <c r="AT1509" s="92"/>
      <c r="AU1509" s="92"/>
      <c r="AV1509" s="92"/>
      <c r="AW1509" s="92"/>
      <c r="AX1509" s="92"/>
      <c r="AY1509" s="92"/>
      <c r="AZ1509" s="93"/>
      <c r="BA1509" s="93"/>
      <c r="BB1509" s="93"/>
      <c r="BC1509" s="93"/>
      <c r="BD1509" s="93"/>
      <c r="BE1509" s="93"/>
      <c r="BF1509" s="93"/>
      <c r="BG1509" s="93"/>
      <c r="BH1509" s="93"/>
      <c r="BI1509" s="93"/>
      <c r="BJ1509" s="93"/>
      <c r="BK1509" s="93"/>
      <c r="BL1509" s="93"/>
    </row>
    <row r="1510" spans="2:64" x14ac:dyDescent="0.2">
      <c r="B1510" s="43"/>
      <c r="C1510" s="73"/>
      <c r="D1510" s="64"/>
      <c r="E1510" s="55"/>
      <c r="F1510" s="74"/>
      <c r="G1510" s="74"/>
      <c r="H1510" s="74"/>
      <c r="I1510" s="75"/>
      <c r="J1510" s="74"/>
      <c r="L1510" s="55"/>
      <c r="M1510" s="234"/>
      <c r="N1510" s="65"/>
      <c r="O1510" s="76"/>
      <c r="P1510" s="76"/>
      <c r="Q1510" s="65"/>
      <c r="R1510" s="76"/>
      <c r="S1510" s="76"/>
      <c r="T1510" s="76"/>
      <c r="U1510" s="76"/>
      <c r="V1510" s="76"/>
      <c r="W1510" s="76"/>
      <c r="X1510" s="76"/>
      <c r="Y1510" s="76"/>
      <c r="Z1510" s="76"/>
      <c r="AA1510" s="85"/>
      <c r="AB1510" s="85"/>
      <c r="AC1510" s="85"/>
      <c r="AD1510" s="85"/>
      <c r="AE1510" s="85"/>
      <c r="AF1510" s="85"/>
      <c r="AG1510" s="86"/>
      <c r="AH1510" s="85"/>
      <c r="AI1510" s="85"/>
      <c r="AJ1510" s="85"/>
      <c r="AK1510" s="85"/>
      <c r="AL1510" s="85"/>
      <c r="AM1510" s="92"/>
      <c r="AN1510" s="92"/>
      <c r="AO1510" s="92"/>
      <c r="AP1510" s="92"/>
      <c r="AQ1510" s="92"/>
      <c r="AR1510" s="92"/>
      <c r="AS1510" s="92"/>
      <c r="AT1510" s="92"/>
      <c r="AU1510" s="92"/>
      <c r="AV1510" s="92"/>
      <c r="AW1510" s="92"/>
      <c r="AX1510" s="92"/>
      <c r="AY1510" s="92"/>
      <c r="AZ1510" s="93"/>
      <c r="BA1510" s="93"/>
      <c r="BB1510" s="93"/>
      <c r="BC1510" s="93"/>
      <c r="BD1510" s="93"/>
      <c r="BE1510" s="93"/>
      <c r="BF1510" s="93"/>
      <c r="BG1510" s="93"/>
      <c r="BH1510" s="93"/>
      <c r="BI1510" s="93"/>
      <c r="BJ1510" s="93"/>
      <c r="BK1510" s="93"/>
      <c r="BL1510" s="93"/>
    </row>
    <row r="1511" spans="2:64" x14ac:dyDescent="0.2">
      <c r="B1511" s="43"/>
      <c r="C1511" s="73"/>
      <c r="D1511" s="64"/>
      <c r="E1511" s="55"/>
      <c r="F1511" s="74"/>
      <c r="G1511" s="74"/>
      <c r="H1511" s="74"/>
      <c r="I1511" s="75"/>
      <c r="J1511" s="74"/>
      <c r="L1511" s="55"/>
      <c r="M1511" s="234"/>
      <c r="N1511" s="65"/>
      <c r="O1511" s="76"/>
      <c r="P1511" s="76"/>
      <c r="Q1511" s="65"/>
      <c r="R1511" s="76"/>
      <c r="S1511" s="76"/>
      <c r="T1511" s="76"/>
      <c r="U1511" s="76"/>
      <c r="V1511" s="76"/>
      <c r="W1511" s="76"/>
      <c r="X1511" s="76"/>
      <c r="Y1511" s="76"/>
      <c r="Z1511" s="76"/>
      <c r="AA1511" s="85"/>
      <c r="AB1511" s="85"/>
      <c r="AC1511" s="85"/>
      <c r="AD1511" s="85"/>
      <c r="AE1511" s="85"/>
      <c r="AF1511" s="85"/>
      <c r="AG1511" s="86"/>
      <c r="AH1511" s="85"/>
      <c r="AI1511" s="85"/>
      <c r="AJ1511" s="85"/>
      <c r="AK1511" s="85"/>
      <c r="AL1511" s="85"/>
      <c r="AM1511" s="92"/>
      <c r="AN1511" s="92"/>
      <c r="AO1511" s="92"/>
      <c r="AP1511" s="92"/>
      <c r="AQ1511" s="92"/>
      <c r="AR1511" s="92"/>
      <c r="AS1511" s="92"/>
      <c r="AT1511" s="92"/>
      <c r="AU1511" s="92"/>
      <c r="AV1511" s="92"/>
      <c r="AW1511" s="92"/>
      <c r="AX1511" s="92"/>
      <c r="AY1511" s="92"/>
      <c r="AZ1511" s="93"/>
      <c r="BA1511" s="93"/>
      <c r="BB1511" s="93"/>
      <c r="BC1511" s="93"/>
      <c r="BD1511" s="93"/>
      <c r="BE1511" s="93"/>
      <c r="BF1511" s="93"/>
      <c r="BG1511" s="93"/>
      <c r="BH1511" s="93"/>
      <c r="BI1511" s="93"/>
      <c r="BJ1511" s="93"/>
      <c r="BK1511" s="93"/>
      <c r="BL1511" s="93"/>
    </row>
    <row r="1512" spans="2:64" x14ac:dyDescent="0.2">
      <c r="B1512" s="43"/>
      <c r="C1512" s="73"/>
      <c r="D1512" s="64"/>
      <c r="E1512" s="55"/>
      <c r="F1512" s="74"/>
      <c r="G1512" s="74"/>
      <c r="H1512" s="74"/>
      <c r="I1512" s="75"/>
      <c r="J1512" s="74"/>
      <c r="L1512" s="55"/>
      <c r="M1512" s="234"/>
      <c r="N1512" s="65"/>
      <c r="O1512" s="76"/>
      <c r="P1512" s="76"/>
      <c r="Q1512" s="65"/>
      <c r="R1512" s="76"/>
      <c r="S1512" s="76"/>
      <c r="T1512" s="76"/>
      <c r="U1512" s="76"/>
      <c r="V1512" s="76"/>
      <c r="W1512" s="76"/>
      <c r="X1512" s="76"/>
      <c r="Y1512" s="76"/>
      <c r="Z1512" s="76"/>
      <c r="AA1512" s="85"/>
      <c r="AB1512" s="85"/>
      <c r="AC1512" s="85"/>
      <c r="AD1512" s="85"/>
      <c r="AE1512" s="85"/>
      <c r="AF1512" s="85"/>
      <c r="AG1512" s="86"/>
      <c r="AH1512" s="85"/>
      <c r="AI1512" s="85"/>
      <c r="AJ1512" s="85"/>
      <c r="AK1512" s="85"/>
      <c r="AL1512" s="85"/>
      <c r="AM1512" s="92"/>
      <c r="AN1512" s="92"/>
      <c r="AO1512" s="92"/>
      <c r="AP1512" s="92"/>
      <c r="AQ1512" s="92"/>
      <c r="AR1512" s="92"/>
      <c r="AS1512" s="92"/>
      <c r="AT1512" s="92"/>
      <c r="AU1512" s="92"/>
      <c r="AV1512" s="92"/>
      <c r="AW1512" s="92"/>
      <c r="AX1512" s="92"/>
      <c r="AY1512" s="92"/>
      <c r="AZ1512" s="93"/>
      <c r="BA1512" s="93"/>
      <c r="BB1512" s="93"/>
      <c r="BC1512" s="93"/>
      <c r="BD1512" s="93"/>
      <c r="BE1512" s="93"/>
      <c r="BF1512" s="93"/>
      <c r="BG1512" s="93"/>
      <c r="BH1512" s="93"/>
      <c r="BI1512" s="93"/>
      <c r="BJ1512" s="93"/>
      <c r="BK1512" s="93"/>
      <c r="BL1512" s="93"/>
    </row>
    <row r="1513" spans="2:64" x14ac:dyDescent="0.2">
      <c r="B1513" s="43"/>
      <c r="C1513" s="73"/>
      <c r="D1513" s="64"/>
      <c r="E1513" s="55"/>
      <c r="F1513" s="74"/>
      <c r="G1513" s="74"/>
      <c r="H1513" s="74"/>
      <c r="I1513" s="75"/>
      <c r="J1513" s="74"/>
      <c r="L1513" s="55"/>
      <c r="M1513" s="234"/>
      <c r="N1513" s="65"/>
      <c r="O1513" s="76"/>
      <c r="P1513" s="76"/>
      <c r="Q1513" s="65"/>
      <c r="R1513" s="76"/>
      <c r="S1513" s="76"/>
      <c r="T1513" s="76"/>
      <c r="U1513" s="76"/>
      <c r="V1513" s="76"/>
      <c r="W1513" s="76"/>
      <c r="X1513" s="76"/>
      <c r="Y1513" s="76"/>
      <c r="Z1513" s="76"/>
      <c r="AA1513" s="85"/>
      <c r="AB1513" s="85"/>
      <c r="AC1513" s="85"/>
      <c r="AD1513" s="85"/>
      <c r="AE1513" s="85"/>
      <c r="AF1513" s="85"/>
      <c r="AG1513" s="86"/>
      <c r="AH1513" s="85"/>
      <c r="AI1513" s="85"/>
      <c r="AJ1513" s="85"/>
      <c r="AK1513" s="85"/>
      <c r="AL1513" s="85"/>
      <c r="AM1513" s="92"/>
      <c r="AN1513" s="92"/>
      <c r="AO1513" s="92"/>
      <c r="AP1513" s="92"/>
      <c r="AQ1513" s="92"/>
      <c r="AR1513" s="92"/>
      <c r="AS1513" s="92"/>
      <c r="AT1513" s="92"/>
      <c r="AU1513" s="92"/>
      <c r="AV1513" s="92"/>
      <c r="AW1513" s="92"/>
      <c r="AX1513" s="92"/>
      <c r="AY1513" s="92"/>
      <c r="AZ1513" s="93"/>
      <c r="BA1513" s="93"/>
      <c r="BB1513" s="93"/>
      <c r="BC1513" s="93"/>
      <c r="BD1513" s="93"/>
      <c r="BE1513" s="93"/>
      <c r="BF1513" s="93"/>
      <c r="BG1513" s="93"/>
      <c r="BH1513" s="93"/>
      <c r="BI1513" s="93"/>
      <c r="BJ1513" s="93"/>
      <c r="BK1513" s="93"/>
      <c r="BL1513" s="93"/>
    </row>
    <row r="1514" spans="2:64" x14ac:dyDescent="0.2">
      <c r="B1514" s="43"/>
      <c r="C1514" s="73"/>
      <c r="D1514" s="64"/>
      <c r="E1514" s="55"/>
      <c r="F1514" s="74"/>
      <c r="G1514" s="74"/>
      <c r="H1514" s="74"/>
      <c r="I1514" s="75"/>
      <c r="J1514" s="74"/>
      <c r="L1514" s="55"/>
      <c r="M1514" s="234"/>
      <c r="N1514" s="65"/>
      <c r="O1514" s="76"/>
      <c r="P1514" s="76"/>
      <c r="Q1514" s="65"/>
      <c r="R1514" s="76"/>
      <c r="S1514" s="76"/>
      <c r="T1514" s="76"/>
      <c r="U1514" s="76"/>
      <c r="V1514" s="76"/>
      <c r="W1514" s="76"/>
      <c r="X1514" s="76"/>
      <c r="Y1514" s="76"/>
      <c r="Z1514" s="76"/>
      <c r="AA1514" s="85"/>
      <c r="AB1514" s="85"/>
      <c r="AC1514" s="85"/>
      <c r="AD1514" s="85"/>
      <c r="AE1514" s="85"/>
      <c r="AF1514" s="85"/>
      <c r="AG1514" s="86"/>
      <c r="AH1514" s="85"/>
      <c r="AI1514" s="85"/>
      <c r="AJ1514" s="85"/>
      <c r="AK1514" s="85"/>
      <c r="AL1514" s="85"/>
      <c r="AM1514" s="92"/>
      <c r="AN1514" s="92"/>
      <c r="AO1514" s="92"/>
      <c r="AP1514" s="92"/>
      <c r="AQ1514" s="92"/>
      <c r="AR1514" s="92"/>
      <c r="AS1514" s="92"/>
      <c r="AT1514" s="92"/>
      <c r="AU1514" s="92"/>
      <c r="AV1514" s="92"/>
      <c r="AW1514" s="92"/>
      <c r="AX1514" s="92"/>
      <c r="AY1514" s="92"/>
      <c r="AZ1514" s="93"/>
      <c r="BA1514" s="93"/>
      <c r="BB1514" s="93"/>
      <c r="BC1514" s="93"/>
      <c r="BD1514" s="93"/>
      <c r="BE1514" s="93"/>
      <c r="BF1514" s="93"/>
      <c r="BG1514" s="93"/>
      <c r="BH1514" s="93"/>
      <c r="BI1514" s="93"/>
      <c r="BJ1514" s="93"/>
      <c r="BK1514" s="93"/>
      <c r="BL1514" s="93"/>
    </row>
    <row r="1515" spans="2:64" x14ac:dyDescent="0.2">
      <c r="B1515" s="43"/>
      <c r="C1515" s="73"/>
      <c r="D1515" s="64"/>
      <c r="E1515" s="55"/>
      <c r="F1515" s="74"/>
      <c r="G1515" s="74"/>
      <c r="H1515" s="74"/>
      <c r="I1515" s="75"/>
      <c r="J1515" s="74"/>
      <c r="L1515" s="55"/>
      <c r="M1515" s="234"/>
      <c r="N1515" s="65"/>
      <c r="O1515" s="76"/>
      <c r="P1515" s="76"/>
      <c r="Q1515" s="65"/>
      <c r="R1515" s="76"/>
      <c r="S1515" s="76"/>
      <c r="T1515" s="76"/>
      <c r="U1515" s="76"/>
      <c r="V1515" s="76"/>
      <c r="W1515" s="76"/>
      <c r="X1515" s="76"/>
      <c r="Y1515" s="76"/>
      <c r="Z1515" s="76"/>
      <c r="AA1515" s="85"/>
      <c r="AB1515" s="85"/>
      <c r="AC1515" s="85"/>
      <c r="AD1515" s="85"/>
      <c r="AE1515" s="85"/>
      <c r="AF1515" s="85"/>
      <c r="AG1515" s="86"/>
      <c r="AH1515" s="85"/>
      <c r="AI1515" s="85"/>
      <c r="AJ1515" s="85"/>
      <c r="AK1515" s="85"/>
      <c r="AL1515" s="85"/>
      <c r="AM1515" s="92"/>
      <c r="AN1515" s="92"/>
      <c r="AO1515" s="92"/>
      <c r="AP1515" s="92"/>
      <c r="AQ1515" s="92"/>
      <c r="AR1515" s="92"/>
      <c r="AS1515" s="92"/>
      <c r="AT1515" s="92"/>
      <c r="AU1515" s="92"/>
      <c r="AV1515" s="92"/>
      <c r="AW1515" s="92"/>
      <c r="AX1515" s="92"/>
      <c r="AY1515" s="92"/>
      <c r="AZ1515" s="93"/>
      <c r="BA1515" s="93"/>
      <c r="BB1515" s="93"/>
      <c r="BC1515" s="93"/>
      <c r="BD1515" s="93"/>
      <c r="BE1515" s="93"/>
      <c r="BF1515" s="93"/>
      <c r="BG1515" s="93"/>
      <c r="BH1515" s="93"/>
      <c r="BI1515" s="93"/>
      <c r="BJ1515" s="93"/>
      <c r="BK1515" s="93"/>
      <c r="BL1515" s="93"/>
    </row>
    <row r="1516" spans="2:64" x14ac:dyDescent="0.2">
      <c r="B1516" s="43"/>
      <c r="C1516" s="73"/>
      <c r="D1516" s="64"/>
      <c r="E1516" s="55"/>
      <c r="F1516" s="74"/>
      <c r="G1516" s="74"/>
      <c r="H1516" s="74"/>
      <c r="I1516" s="75"/>
      <c r="J1516" s="74"/>
      <c r="L1516" s="55"/>
      <c r="M1516" s="234"/>
      <c r="N1516" s="65"/>
      <c r="O1516" s="76"/>
      <c r="P1516" s="76"/>
      <c r="Q1516" s="65"/>
      <c r="R1516" s="76"/>
      <c r="S1516" s="76"/>
      <c r="T1516" s="76"/>
      <c r="U1516" s="76"/>
      <c r="V1516" s="76"/>
      <c r="W1516" s="76"/>
      <c r="X1516" s="76"/>
      <c r="Y1516" s="76"/>
      <c r="Z1516" s="76"/>
      <c r="AA1516" s="85"/>
      <c r="AB1516" s="85"/>
      <c r="AC1516" s="85"/>
      <c r="AD1516" s="85"/>
      <c r="AE1516" s="85"/>
      <c r="AF1516" s="85"/>
      <c r="AG1516" s="86"/>
      <c r="AH1516" s="85"/>
      <c r="AI1516" s="85"/>
      <c r="AJ1516" s="85"/>
      <c r="AK1516" s="85"/>
      <c r="AL1516" s="85"/>
      <c r="AM1516" s="92"/>
      <c r="AN1516" s="92"/>
      <c r="AO1516" s="92"/>
      <c r="AP1516" s="92"/>
      <c r="AQ1516" s="92"/>
      <c r="AR1516" s="92"/>
      <c r="AS1516" s="92"/>
      <c r="AT1516" s="92"/>
      <c r="AU1516" s="92"/>
      <c r="AV1516" s="92"/>
      <c r="AW1516" s="92"/>
      <c r="AX1516" s="92"/>
      <c r="AY1516" s="92"/>
      <c r="AZ1516" s="93"/>
      <c r="BA1516" s="93"/>
      <c r="BB1516" s="93"/>
      <c r="BC1516" s="93"/>
      <c r="BD1516" s="93"/>
      <c r="BE1516" s="93"/>
      <c r="BF1516" s="93"/>
      <c r="BG1516" s="93"/>
      <c r="BH1516" s="93"/>
      <c r="BI1516" s="93"/>
      <c r="BJ1516" s="93"/>
      <c r="BK1516" s="93"/>
      <c r="BL1516" s="93"/>
    </row>
    <row r="1517" spans="2:64" x14ac:dyDescent="0.2">
      <c r="B1517" s="43"/>
      <c r="C1517" s="73"/>
      <c r="D1517" s="64"/>
      <c r="E1517" s="55"/>
      <c r="F1517" s="74"/>
      <c r="G1517" s="74"/>
      <c r="H1517" s="74"/>
      <c r="I1517" s="75"/>
      <c r="J1517" s="74"/>
      <c r="L1517" s="55"/>
      <c r="M1517" s="234"/>
      <c r="N1517" s="65"/>
      <c r="O1517" s="76"/>
      <c r="P1517" s="76"/>
      <c r="Q1517" s="65"/>
      <c r="R1517" s="76"/>
      <c r="S1517" s="76"/>
      <c r="T1517" s="76"/>
      <c r="U1517" s="76"/>
      <c r="V1517" s="76"/>
      <c r="W1517" s="76"/>
      <c r="X1517" s="76"/>
      <c r="Y1517" s="76"/>
      <c r="Z1517" s="76"/>
      <c r="AA1517" s="85"/>
      <c r="AB1517" s="85"/>
      <c r="AC1517" s="85"/>
      <c r="AD1517" s="85"/>
      <c r="AE1517" s="85"/>
      <c r="AF1517" s="85"/>
      <c r="AG1517" s="86"/>
      <c r="AH1517" s="85"/>
      <c r="AI1517" s="85"/>
      <c r="AJ1517" s="85"/>
      <c r="AK1517" s="85"/>
      <c r="AL1517" s="85"/>
      <c r="AM1517" s="92"/>
      <c r="AN1517" s="92"/>
      <c r="AO1517" s="92"/>
      <c r="AP1517" s="92"/>
      <c r="AQ1517" s="92"/>
      <c r="AR1517" s="92"/>
      <c r="AS1517" s="92"/>
      <c r="AT1517" s="92"/>
      <c r="AU1517" s="92"/>
      <c r="AV1517" s="92"/>
      <c r="AW1517" s="92"/>
      <c r="AX1517" s="92"/>
      <c r="AY1517" s="92"/>
      <c r="AZ1517" s="93"/>
      <c r="BA1517" s="93"/>
      <c r="BB1517" s="93"/>
      <c r="BC1517" s="93"/>
      <c r="BD1517" s="93"/>
      <c r="BE1517" s="93"/>
      <c r="BF1517" s="93"/>
      <c r="BG1517" s="93"/>
      <c r="BH1517" s="93"/>
      <c r="BI1517" s="93"/>
      <c r="BJ1517" s="93"/>
      <c r="BK1517" s="93"/>
      <c r="BL1517" s="93"/>
    </row>
    <row r="1518" spans="2:64" x14ac:dyDescent="0.2">
      <c r="B1518" s="43"/>
      <c r="C1518" s="73"/>
      <c r="D1518" s="64"/>
      <c r="E1518" s="55"/>
      <c r="F1518" s="74"/>
      <c r="G1518" s="74"/>
      <c r="H1518" s="74"/>
      <c r="I1518" s="75"/>
      <c r="J1518" s="74"/>
      <c r="L1518" s="55"/>
      <c r="M1518" s="234"/>
      <c r="N1518" s="65"/>
      <c r="O1518" s="76"/>
      <c r="P1518" s="76"/>
      <c r="Q1518" s="65"/>
      <c r="R1518" s="76"/>
      <c r="S1518" s="76"/>
      <c r="T1518" s="76"/>
      <c r="U1518" s="76"/>
      <c r="V1518" s="76"/>
      <c r="W1518" s="76"/>
      <c r="X1518" s="76"/>
      <c r="Y1518" s="76"/>
      <c r="Z1518" s="76"/>
      <c r="AA1518" s="85"/>
      <c r="AB1518" s="85"/>
      <c r="AC1518" s="85"/>
      <c r="AD1518" s="85"/>
      <c r="AE1518" s="85"/>
      <c r="AF1518" s="85"/>
      <c r="AG1518" s="86"/>
      <c r="AH1518" s="85"/>
      <c r="AI1518" s="85"/>
      <c r="AJ1518" s="85"/>
      <c r="AK1518" s="85"/>
      <c r="AL1518" s="85"/>
      <c r="AM1518" s="92"/>
      <c r="AN1518" s="92"/>
      <c r="AO1518" s="92"/>
      <c r="AP1518" s="92"/>
      <c r="AQ1518" s="92"/>
      <c r="AR1518" s="92"/>
      <c r="AS1518" s="92"/>
      <c r="AT1518" s="92"/>
      <c r="AU1518" s="92"/>
      <c r="AV1518" s="92"/>
      <c r="AW1518" s="92"/>
      <c r="AX1518" s="92"/>
      <c r="AY1518" s="92"/>
      <c r="AZ1518" s="93"/>
      <c r="BA1518" s="93"/>
      <c r="BB1518" s="93"/>
      <c r="BC1518" s="93"/>
      <c r="BD1518" s="93"/>
      <c r="BE1518" s="93"/>
      <c r="BF1518" s="93"/>
      <c r="BG1518" s="93"/>
      <c r="BH1518" s="93"/>
      <c r="BI1518" s="93"/>
      <c r="BJ1518" s="93"/>
      <c r="BK1518" s="93"/>
      <c r="BL1518" s="93"/>
    </row>
    <row r="1519" spans="2:64" x14ac:dyDescent="0.2">
      <c r="B1519" s="43"/>
      <c r="C1519" s="73"/>
      <c r="D1519" s="64"/>
      <c r="E1519" s="55"/>
      <c r="F1519" s="74"/>
      <c r="G1519" s="74"/>
      <c r="H1519" s="74"/>
      <c r="I1519" s="75"/>
      <c r="J1519" s="74"/>
      <c r="L1519" s="55"/>
      <c r="M1519" s="234"/>
      <c r="N1519" s="65"/>
      <c r="O1519" s="76"/>
      <c r="P1519" s="76"/>
      <c r="Q1519" s="65"/>
      <c r="R1519" s="76"/>
      <c r="S1519" s="76"/>
      <c r="T1519" s="76"/>
      <c r="U1519" s="76"/>
      <c r="V1519" s="76"/>
      <c r="W1519" s="76"/>
      <c r="X1519" s="76"/>
      <c r="Y1519" s="76"/>
      <c r="Z1519" s="76"/>
      <c r="AA1519" s="85"/>
      <c r="AB1519" s="85"/>
      <c r="AC1519" s="85"/>
      <c r="AD1519" s="85"/>
      <c r="AE1519" s="85"/>
      <c r="AF1519" s="85"/>
      <c r="AG1519" s="86"/>
      <c r="AH1519" s="85"/>
      <c r="AI1519" s="85"/>
      <c r="AJ1519" s="85"/>
      <c r="AK1519" s="85"/>
      <c r="AL1519" s="85"/>
      <c r="AM1519" s="92"/>
      <c r="AN1519" s="92"/>
      <c r="AO1519" s="92"/>
      <c r="AP1519" s="92"/>
      <c r="AQ1519" s="92"/>
      <c r="AR1519" s="92"/>
      <c r="AS1519" s="92"/>
      <c r="AT1519" s="92"/>
      <c r="AU1519" s="92"/>
      <c r="AV1519" s="92"/>
      <c r="AW1519" s="92"/>
      <c r="AX1519" s="92"/>
      <c r="AY1519" s="92"/>
      <c r="AZ1519" s="93"/>
      <c r="BA1519" s="93"/>
      <c r="BB1519" s="93"/>
      <c r="BC1519" s="93"/>
      <c r="BD1519" s="93"/>
      <c r="BE1519" s="93"/>
      <c r="BF1519" s="93"/>
      <c r="BG1519" s="93"/>
      <c r="BH1519" s="93"/>
      <c r="BI1519" s="93"/>
      <c r="BJ1519" s="93"/>
      <c r="BK1519" s="93"/>
      <c r="BL1519" s="93"/>
    </row>
    <row r="1520" spans="2:64" x14ac:dyDescent="0.2">
      <c r="B1520" s="43"/>
      <c r="C1520" s="73"/>
      <c r="D1520" s="64"/>
      <c r="E1520" s="55"/>
      <c r="F1520" s="74"/>
      <c r="G1520" s="74"/>
      <c r="H1520" s="74"/>
      <c r="I1520" s="75"/>
      <c r="J1520" s="74"/>
      <c r="L1520" s="55"/>
      <c r="M1520" s="234"/>
      <c r="N1520" s="65"/>
      <c r="O1520" s="76"/>
      <c r="P1520" s="76"/>
      <c r="Q1520" s="65"/>
      <c r="R1520" s="76"/>
      <c r="S1520" s="76"/>
      <c r="T1520" s="76"/>
      <c r="U1520" s="76"/>
      <c r="V1520" s="76"/>
      <c r="W1520" s="76"/>
      <c r="X1520" s="76"/>
      <c r="Y1520" s="76"/>
      <c r="Z1520" s="76"/>
      <c r="AA1520" s="85"/>
      <c r="AB1520" s="85"/>
      <c r="AC1520" s="85"/>
      <c r="AD1520" s="85"/>
      <c r="AE1520" s="85"/>
      <c r="AF1520" s="85"/>
      <c r="AG1520" s="86"/>
      <c r="AH1520" s="85"/>
      <c r="AI1520" s="85"/>
      <c r="AJ1520" s="85"/>
      <c r="AK1520" s="85"/>
      <c r="AL1520" s="85"/>
      <c r="AM1520" s="92"/>
      <c r="AN1520" s="92"/>
      <c r="AO1520" s="92"/>
      <c r="AP1520" s="92"/>
      <c r="AQ1520" s="92"/>
      <c r="AR1520" s="92"/>
      <c r="AS1520" s="92"/>
      <c r="AT1520" s="92"/>
      <c r="AU1520" s="92"/>
      <c r="AV1520" s="92"/>
      <c r="AW1520" s="92"/>
      <c r="AX1520" s="92"/>
      <c r="AY1520" s="92"/>
      <c r="AZ1520" s="93"/>
      <c r="BA1520" s="93"/>
      <c r="BB1520" s="93"/>
      <c r="BC1520" s="93"/>
      <c r="BD1520" s="93"/>
      <c r="BE1520" s="93"/>
      <c r="BF1520" s="93"/>
      <c r="BG1520" s="93"/>
      <c r="BH1520" s="93"/>
      <c r="BI1520" s="93"/>
      <c r="BJ1520" s="93"/>
      <c r="BK1520" s="93"/>
      <c r="BL1520" s="93"/>
    </row>
    <row r="1521" spans="2:64" x14ac:dyDescent="0.2">
      <c r="B1521" s="43"/>
      <c r="C1521" s="73"/>
      <c r="D1521" s="64"/>
      <c r="E1521" s="55"/>
      <c r="F1521" s="74"/>
      <c r="G1521" s="74"/>
      <c r="H1521" s="74"/>
      <c r="I1521" s="75"/>
      <c r="J1521" s="74"/>
      <c r="L1521" s="55"/>
      <c r="M1521" s="234"/>
      <c r="N1521" s="65"/>
      <c r="O1521" s="76"/>
      <c r="P1521" s="76"/>
      <c r="Q1521" s="65"/>
      <c r="R1521" s="76"/>
      <c r="S1521" s="76"/>
      <c r="T1521" s="76"/>
      <c r="U1521" s="76"/>
      <c r="V1521" s="76"/>
      <c r="W1521" s="76"/>
      <c r="X1521" s="76"/>
      <c r="Y1521" s="76"/>
      <c r="Z1521" s="76"/>
      <c r="AA1521" s="85"/>
      <c r="AB1521" s="85"/>
      <c r="AC1521" s="85"/>
      <c r="AD1521" s="85"/>
      <c r="AE1521" s="85"/>
      <c r="AF1521" s="85"/>
      <c r="AG1521" s="86"/>
      <c r="AH1521" s="85"/>
      <c r="AI1521" s="85"/>
      <c r="AJ1521" s="85"/>
      <c r="AK1521" s="85"/>
      <c r="AL1521" s="85"/>
      <c r="AM1521" s="92"/>
      <c r="AN1521" s="92"/>
      <c r="AO1521" s="92"/>
      <c r="AP1521" s="92"/>
      <c r="AQ1521" s="92"/>
      <c r="AR1521" s="92"/>
      <c r="AS1521" s="92"/>
      <c r="AT1521" s="92"/>
      <c r="AU1521" s="92"/>
      <c r="AV1521" s="92"/>
      <c r="AW1521" s="92"/>
      <c r="AX1521" s="92"/>
      <c r="AY1521" s="92"/>
      <c r="AZ1521" s="93"/>
      <c r="BA1521" s="93"/>
      <c r="BB1521" s="93"/>
      <c r="BC1521" s="93"/>
      <c r="BD1521" s="93"/>
      <c r="BE1521" s="93"/>
      <c r="BF1521" s="93"/>
      <c r="BG1521" s="93"/>
      <c r="BH1521" s="93"/>
      <c r="BI1521" s="93"/>
      <c r="BJ1521" s="93"/>
      <c r="BK1521" s="93"/>
      <c r="BL1521" s="93"/>
    </row>
    <row r="1522" spans="2:64" x14ac:dyDescent="0.2">
      <c r="B1522" s="43"/>
      <c r="C1522" s="73"/>
      <c r="D1522" s="64"/>
      <c r="E1522" s="55"/>
      <c r="F1522" s="74"/>
      <c r="G1522" s="74"/>
      <c r="H1522" s="74"/>
      <c r="I1522" s="75"/>
      <c r="J1522" s="74"/>
      <c r="L1522" s="55"/>
      <c r="M1522" s="234"/>
      <c r="N1522" s="65"/>
      <c r="O1522" s="76"/>
      <c r="P1522" s="76"/>
      <c r="Q1522" s="65"/>
      <c r="R1522" s="76"/>
      <c r="S1522" s="76"/>
      <c r="T1522" s="76"/>
      <c r="U1522" s="76"/>
      <c r="V1522" s="76"/>
      <c r="W1522" s="76"/>
      <c r="X1522" s="76"/>
      <c r="Y1522" s="76"/>
      <c r="Z1522" s="76"/>
      <c r="AA1522" s="85"/>
      <c r="AB1522" s="85"/>
      <c r="AC1522" s="85"/>
      <c r="AD1522" s="85"/>
      <c r="AE1522" s="85"/>
      <c r="AF1522" s="85"/>
      <c r="AG1522" s="86"/>
      <c r="AH1522" s="85"/>
      <c r="AI1522" s="85"/>
      <c r="AJ1522" s="85"/>
      <c r="AK1522" s="85"/>
      <c r="AL1522" s="85"/>
      <c r="AM1522" s="92"/>
      <c r="AN1522" s="92"/>
      <c r="AO1522" s="92"/>
      <c r="AP1522" s="92"/>
      <c r="AQ1522" s="92"/>
      <c r="AR1522" s="92"/>
      <c r="AS1522" s="92"/>
      <c r="AT1522" s="92"/>
      <c r="AU1522" s="92"/>
      <c r="AV1522" s="92"/>
      <c r="AW1522" s="92"/>
      <c r="AX1522" s="92"/>
      <c r="AY1522" s="92"/>
      <c r="AZ1522" s="93"/>
      <c r="BA1522" s="93"/>
      <c r="BB1522" s="93"/>
      <c r="BC1522" s="93"/>
      <c r="BD1522" s="93"/>
      <c r="BE1522" s="93"/>
      <c r="BF1522" s="93"/>
      <c r="BG1522" s="93"/>
      <c r="BH1522" s="93"/>
      <c r="BI1522" s="93"/>
      <c r="BJ1522" s="93"/>
      <c r="BK1522" s="93"/>
      <c r="BL1522" s="93"/>
    </row>
    <row r="1523" spans="2:64" x14ac:dyDescent="0.2">
      <c r="B1523" s="43"/>
      <c r="C1523" s="73"/>
      <c r="D1523" s="64"/>
      <c r="E1523" s="55"/>
      <c r="F1523" s="74"/>
      <c r="G1523" s="74"/>
      <c r="H1523" s="74"/>
      <c r="I1523" s="75"/>
      <c r="J1523" s="74"/>
      <c r="L1523" s="55"/>
      <c r="M1523" s="234"/>
      <c r="N1523" s="65"/>
      <c r="O1523" s="76"/>
      <c r="P1523" s="76"/>
      <c r="Q1523" s="65"/>
      <c r="R1523" s="76"/>
      <c r="S1523" s="76"/>
      <c r="T1523" s="76"/>
      <c r="U1523" s="76"/>
      <c r="V1523" s="76"/>
      <c r="W1523" s="76"/>
      <c r="X1523" s="76"/>
      <c r="Y1523" s="76"/>
      <c r="Z1523" s="76"/>
      <c r="AA1523" s="85"/>
      <c r="AB1523" s="85"/>
      <c r="AC1523" s="85"/>
      <c r="AD1523" s="85"/>
      <c r="AE1523" s="85"/>
      <c r="AF1523" s="85"/>
      <c r="AG1523" s="86"/>
      <c r="AH1523" s="85"/>
      <c r="AI1523" s="85"/>
      <c r="AJ1523" s="85"/>
      <c r="AK1523" s="85"/>
      <c r="AL1523" s="85"/>
      <c r="AM1523" s="92"/>
      <c r="AN1523" s="92"/>
      <c r="AO1523" s="92"/>
      <c r="AP1523" s="92"/>
      <c r="AQ1523" s="92"/>
      <c r="AR1523" s="92"/>
      <c r="AS1523" s="92"/>
      <c r="AT1523" s="92"/>
      <c r="AU1523" s="92"/>
      <c r="AV1523" s="92"/>
      <c r="AW1523" s="92"/>
      <c r="AX1523" s="92"/>
      <c r="AY1523" s="92"/>
      <c r="AZ1523" s="93"/>
      <c r="BA1523" s="93"/>
      <c r="BB1523" s="93"/>
      <c r="BC1523" s="93"/>
      <c r="BD1523" s="93"/>
      <c r="BE1523" s="93"/>
      <c r="BF1523" s="93"/>
      <c r="BG1523" s="93"/>
      <c r="BH1523" s="93"/>
      <c r="BI1523" s="93"/>
      <c r="BJ1523" s="93"/>
      <c r="BK1523" s="93"/>
      <c r="BL1523" s="93"/>
    </row>
    <row r="1524" spans="2:64" x14ac:dyDescent="0.2">
      <c r="B1524" s="43"/>
      <c r="C1524" s="73"/>
      <c r="D1524" s="64"/>
      <c r="E1524" s="55"/>
      <c r="F1524" s="74"/>
      <c r="G1524" s="74"/>
      <c r="H1524" s="74"/>
      <c r="I1524" s="75"/>
      <c r="J1524" s="74"/>
      <c r="L1524" s="55"/>
      <c r="M1524" s="234"/>
      <c r="N1524" s="65"/>
      <c r="O1524" s="76"/>
      <c r="P1524" s="76"/>
      <c r="Q1524" s="65"/>
      <c r="R1524" s="76"/>
      <c r="S1524" s="76"/>
      <c r="T1524" s="76"/>
      <c r="U1524" s="76"/>
      <c r="V1524" s="76"/>
      <c r="W1524" s="76"/>
      <c r="X1524" s="76"/>
      <c r="Y1524" s="76"/>
      <c r="Z1524" s="76"/>
      <c r="AA1524" s="85"/>
      <c r="AB1524" s="85"/>
      <c r="AC1524" s="85"/>
      <c r="AD1524" s="85"/>
      <c r="AE1524" s="85"/>
      <c r="AF1524" s="85"/>
      <c r="AG1524" s="86"/>
      <c r="AH1524" s="85"/>
      <c r="AI1524" s="85"/>
      <c r="AJ1524" s="85"/>
      <c r="AK1524" s="85"/>
      <c r="AL1524" s="85"/>
      <c r="AM1524" s="92"/>
      <c r="AN1524" s="92"/>
      <c r="AO1524" s="92"/>
      <c r="AP1524" s="92"/>
      <c r="AQ1524" s="92"/>
      <c r="AR1524" s="92"/>
      <c r="AS1524" s="92"/>
      <c r="AT1524" s="92"/>
      <c r="AU1524" s="92"/>
      <c r="AV1524" s="92"/>
      <c r="AW1524" s="92"/>
      <c r="AX1524" s="92"/>
      <c r="AY1524" s="92"/>
      <c r="AZ1524" s="93"/>
      <c r="BA1524" s="93"/>
      <c r="BB1524" s="93"/>
      <c r="BC1524" s="93"/>
      <c r="BD1524" s="93"/>
      <c r="BE1524" s="93"/>
      <c r="BF1524" s="93"/>
      <c r="BG1524" s="93"/>
      <c r="BH1524" s="93"/>
      <c r="BI1524" s="93"/>
      <c r="BJ1524" s="93"/>
      <c r="BK1524" s="93"/>
      <c r="BL1524" s="93"/>
    </row>
    <row r="1525" spans="2:64" x14ac:dyDescent="0.2">
      <c r="B1525" s="43"/>
      <c r="C1525" s="73"/>
      <c r="D1525" s="64"/>
      <c r="E1525" s="55"/>
      <c r="F1525" s="74"/>
      <c r="G1525" s="74"/>
      <c r="H1525" s="74"/>
      <c r="I1525" s="75"/>
      <c r="J1525" s="74"/>
      <c r="L1525" s="55"/>
      <c r="M1525" s="234"/>
      <c r="N1525" s="65"/>
      <c r="O1525" s="76"/>
      <c r="P1525" s="76"/>
      <c r="Q1525" s="65"/>
      <c r="R1525" s="76"/>
      <c r="S1525" s="76"/>
      <c r="T1525" s="76"/>
      <c r="U1525" s="76"/>
      <c r="V1525" s="76"/>
      <c r="W1525" s="76"/>
      <c r="X1525" s="76"/>
      <c r="Y1525" s="76"/>
      <c r="Z1525" s="76"/>
      <c r="AA1525" s="85"/>
      <c r="AB1525" s="85"/>
      <c r="AC1525" s="85"/>
      <c r="AD1525" s="85"/>
      <c r="AE1525" s="85"/>
      <c r="AF1525" s="85"/>
      <c r="AG1525" s="86"/>
      <c r="AH1525" s="85"/>
      <c r="AI1525" s="85"/>
      <c r="AJ1525" s="85"/>
      <c r="AK1525" s="85"/>
      <c r="AL1525" s="85"/>
      <c r="AM1525" s="92"/>
      <c r="AN1525" s="92"/>
      <c r="AO1525" s="92"/>
      <c r="AP1525" s="92"/>
      <c r="AQ1525" s="92"/>
      <c r="AR1525" s="92"/>
      <c r="AS1525" s="92"/>
      <c r="AT1525" s="92"/>
      <c r="AU1525" s="92"/>
      <c r="AV1525" s="92"/>
      <c r="AW1525" s="92"/>
      <c r="AX1525" s="92"/>
      <c r="AY1525" s="92"/>
      <c r="AZ1525" s="93"/>
      <c r="BA1525" s="93"/>
      <c r="BB1525" s="93"/>
      <c r="BC1525" s="93"/>
      <c r="BD1525" s="93"/>
      <c r="BE1525" s="93"/>
      <c r="BF1525" s="93"/>
      <c r="BG1525" s="93"/>
      <c r="BH1525" s="93"/>
      <c r="BI1525" s="93"/>
      <c r="BJ1525" s="93"/>
      <c r="BK1525" s="93"/>
      <c r="BL1525" s="93"/>
    </row>
    <row r="1526" spans="2:64" x14ac:dyDescent="0.2">
      <c r="B1526" s="43"/>
      <c r="C1526" s="73"/>
      <c r="D1526" s="64"/>
      <c r="E1526" s="55"/>
      <c r="F1526" s="74"/>
      <c r="G1526" s="74"/>
      <c r="H1526" s="74"/>
      <c r="I1526" s="75"/>
      <c r="J1526" s="74"/>
      <c r="L1526" s="55"/>
      <c r="M1526" s="234"/>
      <c r="N1526" s="65"/>
      <c r="O1526" s="76"/>
      <c r="P1526" s="76"/>
      <c r="Q1526" s="65"/>
      <c r="R1526" s="76"/>
      <c r="S1526" s="76"/>
      <c r="T1526" s="76"/>
      <c r="U1526" s="76"/>
      <c r="V1526" s="76"/>
      <c r="W1526" s="76"/>
      <c r="X1526" s="76"/>
      <c r="Y1526" s="76"/>
      <c r="Z1526" s="76"/>
      <c r="AA1526" s="85"/>
      <c r="AB1526" s="85"/>
      <c r="AC1526" s="85"/>
      <c r="AD1526" s="85"/>
      <c r="AE1526" s="85"/>
      <c r="AF1526" s="85"/>
      <c r="AG1526" s="86"/>
      <c r="AH1526" s="85"/>
      <c r="AI1526" s="85"/>
      <c r="AJ1526" s="85"/>
      <c r="AK1526" s="85"/>
      <c r="AL1526" s="85"/>
      <c r="AM1526" s="92"/>
      <c r="AN1526" s="92"/>
      <c r="AO1526" s="92"/>
      <c r="AP1526" s="92"/>
      <c r="AQ1526" s="92"/>
      <c r="AR1526" s="92"/>
      <c r="AS1526" s="92"/>
      <c r="AT1526" s="92"/>
      <c r="AU1526" s="92"/>
      <c r="AV1526" s="92"/>
      <c r="AW1526" s="92"/>
      <c r="AX1526" s="92"/>
      <c r="AY1526" s="92"/>
      <c r="AZ1526" s="93"/>
      <c r="BA1526" s="93"/>
      <c r="BB1526" s="93"/>
      <c r="BC1526" s="93"/>
      <c r="BD1526" s="93"/>
      <c r="BE1526" s="93"/>
      <c r="BF1526" s="93"/>
      <c r="BG1526" s="93"/>
      <c r="BH1526" s="93"/>
      <c r="BI1526" s="93"/>
      <c r="BJ1526" s="93"/>
      <c r="BK1526" s="93"/>
      <c r="BL1526" s="93"/>
    </row>
    <row r="1527" spans="2:64" x14ac:dyDescent="0.2">
      <c r="B1527" s="43"/>
      <c r="C1527" s="73"/>
      <c r="D1527" s="64"/>
      <c r="E1527" s="55"/>
      <c r="F1527" s="74"/>
      <c r="G1527" s="74"/>
      <c r="H1527" s="74"/>
      <c r="I1527" s="75"/>
      <c r="J1527" s="74"/>
      <c r="L1527" s="55"/>
      <c r="M1527" s="234"/>
      <c r="N1527" s="65"/>
      <c r="O1527" s="76"/>
      <c r="P1527" s="76"/>
      <c r="Q1527" s="65"/>
      <c r="R1527" s="76"/>
      <c r="S1527" s="76"/>
      <c r="T1527" s="76"/>
      <c r="U1527" s="76"/>
      <c r="V1527" s="76"/>
      <c r="W1527" s="76"/>
      <c r="X1527" s="76"/>
      <c r="Y1527" s="76"/>
      <c r="Z1527" s="76"/>
      <c r="AA1527" s="85"/>
      <c r="AB1527" s="85"/>
      <c r="AC1527" s="85"/>
      <c r="AD1527" s="85"/>
      <c r="AE1527" s="85"/>
      <c r="AF1527" s="85"/>
      <c r="AG1527" s="86"/>
      <c r="AH1527" s="85"/>
      <c r="AI1527" s="85"/>
      <c r="AJ1527" s="85"/>
      <c r="AK1527" s="85"/>
      <c r="AL1527" s="85"/>
      <c r="AM1527" s="92"/>
      <c r="AN1527" s="92"/>
      <c r="AO1527" s="92"/>
      <c r="AP1527" s="92"/>
      <c r="AQ1527" s="92"/>
      <c r="AR1527" s="92"/>
      <c r="AS1527" s="92"/>
      <c r="AT1527" s="92"/>
      <c r="AU1527" s="92"/>
      <c r="AV1527" s="92"/>
      <c r="AW1527" s="92"/>
      <c r="AX1527" s="92"/>
      <c r="AY1527" s="92"/>
      <c r="AZ1527" s="93"/>
      <c r="BA1527" s="93"/>
      <c r="BB1527" s="93"/>
      <c r="BC1527" s="93"/>
      <c r="BD1527" s="93"/>
      <c r="BE1527" s="93"/>
      <c r="BF1527" s="93"/>
      <c r="BG1527" s="93"/>
      <c r="BH1527" s="93"/>
      <c r="BI1527" s="93"/>
      <c r="BJ1527" s="93"/>
      <c r="BK1527" s="93"/>
      <c r="BL1527" s="93"/>
    </row>
    <row r="1528" spans="2:64" x14ac:dyDescent="0.2">
      <c r="B1528" s="43"/>
      <c r="C1528" s="73"/>
      <c r="D1528" s="64"/>
      <c r="E1528" s="55"/>
      <c r="F1528" s="74"/>
      <c r="G1528" s="74"/>
      <c r="H1528" s="74"/>
      <c r="I1528" s="75"/>
      <c r="J1528" s="74"/>
      <c r="L1528" s="55"/>
      <c r="M1528" s="234"/>
      <c r="N1528" s="65"/>
      <c r="O1528" s="76"/>
      <c r="P1528" s="76"/>
      <c r="Q1528" s="65"/>
      <c r="R1528" s="76"/>
      <c r="S1528" s="76"/>
      <c r="T1528" s="76"/>
      <c r="U1528" s="76"/>
      <c r="V1528" s="76"/>
      <c r="W1528" s="76"/>
      <c r="X1528" s="76"/>
      <c r="Y1528" s="76"/>
      <c r="Z1528" s="76"/>
      <c r="AA1528" s="85"/>
      <c r="AB1528" s="85"/>
      <c r="AC1528" s="85"/>
      <c r="AD1528" s="85"/>
      <c r="AE1528" s="85"/>
      <c r="AF1528" s="85"/>
      <c r="AG1528" s="86"/>
      <c r="AH1528" s="85"/>
      <c r="AI1528" s="85"/>
      <c r="AJ1528" s="85"/>
      <c r="AK1528" s="85"/>
      <c r="AL1528" s="85"/>
      <c r="AM1528" s="92"/>
      <c r="AN1528" s="92"/>
      <c r="AO1528" s="92"/>
      <c r="AP1528" s="92"/>
      <c r="AQ1528" s="92"/>
      <c r="AR1528" s="92"/>
      <c r="AS1528" s="92"/>
      <c r="AT1528" s="92"/>
      <c r="AU1528" s="92"/>
      <c r="AV1528" s="92"/>
      <c r="AW1528" s="92"/>
      <c r="AX1528" s="92"/>
      <c r="AY1528" s="92"/>
      <c r="AZ1528" s="93"/>
      <c r="BA1528" s="93"/>
      <c r="BB1528" s="93"/>
      <c r="BC1528" s="93"/>
      <c r="BD1528" s="93"/>
      <c r="BE1528" s="93"/>
      <c r="BF1528" s="93"/>
      <c r="BG1528" s="93"/>
      <c r="BH1528" s="93"/>
      <c r="BI1528" s="93"/>
      <c r="BJ1528" s="93"/>
      <c r="BK1528" s="93"/>
      <c r="BL1528" s="93"/>
    </row>
    <row r="1529" spans="2:64" x14ac:dyDescent="0.2">
      <c r="B1529" s="43"/>
      <c r="C1529" s="73"/>
      <c r="D1529" s="64"/>
      <c r="E1529" s="55"/>
      <c r="F1529" s="74"/>
      <c r="G1529" s="74"/>
      <c r="H1529" s="74"/>
      <c r="I1529" s="75"/>
      <c r="J1529" s="74"/>
      <c r="L1529" s="55"/>
      <c r="M1529" s="234"/>
      <c r="N1529" s="65"/>
      <c r="O1529" s="76"/>
      <c r="P1529" s="76"/>
      <c r="Q1529" s="65"/>
      <c r="R1529" s="76"/>
      <c r="S1529" s="76"/>
      <c r="T1529" s="76"/>
      <c r="U1529" s="76"/>
      <c r="V1529" s="76"/>
      <c r="W1529" s="76"/>
      <c r="X1529" s="76"/>
      <c r="Y1529" s="76"/>
      <c r="Z1529" s="76"/>
      <c r="AA1529" s="85"/>
      <c r="AB1529" s="85"/>
      <c r="AC1529" s="85"/>
      <c r="AD1529" s="85"/>
      <c r="AE1529" s="85"/>
      <c r="AF1529" s="85"/>
      <c r="AG1529" s="86"/>
      <c r="AH1529" s="85"/>
      <c r="AI1529" s="85"/>
      <c r="AJ1529" s="85"/>
      <c r="AK1529" s="85"/>
      <c r="AL1529" s="85"/>
      <c r="AM1529" s="92"/>
      <c r="AN1529" s="92"/>
      <c r="AO1529" s="92"/>
      <c r="AP1529" s="92"/>
      <c r="AQ1529" s="92"/>
      <c r="AR1529" s="92"/>
      <c r="AS1529" s="92"/>
      <c r="AT1529" s="92"/>
      <c r="AU1529" s="92"/>
      <c r="AV1529" s="92"/>
      <c r="AW1529" s="92"/>
      <c r="AX1529" s="92"/>
      <c r="AY1529" s="92"/>
      <c r="AZ1529" s="93"/>
      <c r="BA1529" s="93"/>
      <c r="BB1529" s="93"/>
      <c r="BC1529" s="93"/>
      <c r="BD1529" s="93"/>
      <c r="BE1529" s="93"/>
      <c r="BF1529" s="93"/>
      <c r="BG1529" s="93"/>
      <c r="BH1529" s="93"/>
      <c r="BI1529" s="93"/>
      <c r="BJ1529" s="93"/>
      <c r="BK1529" s="93"/>
      <c r="BL1529" s="93"/>
    </row>
    <row r="1530" spans="2:64" x14ac:dyDescent="0.2">
      <c r="B1530" s="43"/>
      <c r="C1530" s="73"/>
      <c r="D1530" s="64"/>
      <c r="E1530" s="55"/>
      <c r="F1530" s="74"/>
      <c r="G1530" s="74"/>
      <c r="H1530" s="74"/>
      <c r="I1530" s="75"/>
      <c r="J1530" s="74"/>
      <c r="L1530" s="55"/>
      <c r="M1530" s="234"/>
      <c r="N1530" s="65"/>
      <c r="O1530" s="76"/>
      <c r="P1530" s="76"/>
      <c r="Q1530" s="65"/>
      <c r="R1530" s="76"/>
      <c r="S1530" s="76"/>
      <c r="T1530" s="76"/>
      <c r="U1530" s="76"/>
      <c r="V1530" s="76"/>
      <c r="W1530" s="76"/>
      <c r="X1530" s="76"/>
      <c r="Y1530" s="76"/>
      <c r="Z1530" s="76"/>
      <c r="AA1530" s="85"/>
      <c r="AB1530" s="85"/>
      <c r="AC1530" s="85"/>
      <c r="AD1530" s="85"/>
      <c r="AE1530" s="85"/>
      <c r="AF1530" s="85"/>
      <c r="AG1530" s="86"/>
      <c r="AH1530" s="85"/>
      <c r="AI1530" s="85"/>
      <c r="AJ1530" s="85"/>
      <c r="AK1530" s="85"/>
      <c r="AL1530" s="85"/>
      <c r="AM1530" s="92"/>
      <c r="AN1530" s="92"/>
      <c r="AO1530" s="92"/>
      <c r="AP1530" s="92"/>
      <c r="AQ1530" s="92"/>
      <c r="AR1530" s="92"/>
      <c r="AS1530" s="92"/>
      <c r="AT1530" s="92"/>
      <c r="AU1530" s="92"/>
      <c r="AV1530" s="92"/>
      <c r="AW1530" s="92"/>
      <c r="AX1530" s="92"/>
      <c r="AY1530" s="92"/>
      <c r="AZ1530" s="93"/>
      <c r="BA1530" s="93"/>
      <c r="BB1530" s="93"/>
      <c r="BC1530" s="93"/>
      <c r="BD1530" s="93"/>
      <c r="BE1530" s="93"/>
      <c r="BF1530" s="93"/>
      <c r="BG1530" s="93"/>
      <c r="BH1530" s="93"/>
      <c r="BI1530" s="93"/>
      <c r="BJ1530" s="93"/>
      <c r="BK1530" s="93"/>
      <c r="BL1530" s="93"/>
    </row>
    <row r="1531" spans="2:64" x14ac:dyDescent="0.2">
      <c r="B1531" s="43"/>
      <c r="C1531" s="73"/>
      <c r="D1531" s="64"/>
      <c r="E1531" s="55"/>
      <c r="F1531" s="74"/>
      <c r="G1531" s="74"/>
      <c r="H1531" s="74"/>
      <c r="I1531" s="75"/>
      <c r="J1531" s="74"/>
      <c r="L1531" s="55"/>
      <c r="M1531" s="234"/>
      <c r="N1531" s="65"/>
      <c r="O1531" s="76"/>
      <c r="P1531" s="76"/>
      <c r="Q1531" s="65"/>
      <c r="R1531" s="76"/>
      <c r="S1531" s="76"/>
      <c r="T1531" s="76"/>
      <c r="U1531" s="76"/>
      <c r="V1531" s="76"/>
      <c r="W1531" s="76"/>
      <c r="X1531" s="76"/>
      <c r="Y1531" s="76"/>
      <c r="Z1531" s="76"/>
      <c r="AA1531" s="85"/>
      <c r="AB1531" s="85"/>
      <c r="AC1531" s="85"/>
      <c r="AD1531" s="85"/>
      <c r="AE1531" s="85"/>
      <c r="AF1531" s="85"/>
      <c r="AG1531" s="86"/>
      <c r="AH1531" s="85"/>
      <c r="AI1531" s="85"/>
      <c r="AJ1531" s="85"/>
      <c r="AK1531" s="85"/>
      <c r="AL1531" s="85"/>
      <c r="AM1531" s="92"/>
      <c r="AN1531" s="92"/>
      <c r="AO1531" s="92"/>
      <c r="AP1531" s="92"/>
      <c r="AQ1531" s="92"/>
      <c r="AR1531" s="92"/>
      <c r="AS1531" s="92"/>
      <c r="AT1531" s="92"/>
      <c r="AU1531" s="92"/>
      <c r="AV1531" s="92"/>
      <c r="AW1531" s="92"/>
      <c r="AX1531" s="92"/>
      <c r="AY1531" s="92"/>
      <c r="AZ1531" s="93"/>
      <c r="BA1531" s="93"/>
      <c r="BB1531" s="93"/>
      <c r="BC1531" s="93"/>
      <c r="BD1531" s="93"/>
      <c r="BE1531" s="93"/>
      <c r="BF1531" s="93"/>
      <c r="BG1531" s="93"/>
      <c r="BH1531" s="93"/>
      <c r="BI1531" s="93"/>
      <c r="BJ1531" s="93"/>
      <c r="BK1531" s="93"/>
      <c r="BL1531" s="93"/>
    </row>
    <row r="1532" spans="2:64" x14ac:dyDescent="0.2">
      <c r="B1532" s="43"/>
      <c r="C1532" s="73"/>
      <c r="D1532" s="64"/>
      <c r="E1532" s="55"/>
      <c r="F1532" s="74"/>
      <c r="G1532" s="74"/>
      <c r="H1532" s="74"/>
      <c r="I1532" s="75"/>
      <c r="J1532" s="74"/>
      <c r="L1532" s="55"/>
      <c r="M1532" s="234"/>
      <c r="N1532" s="65"/>
      <c r="O1532" s="76"/>
      <c r="P1532" s="76"/>
      <c r="Q1532" s="65"/>
      <c r="R1532" s="76"/>
      <c r="S1532" s="76"/>
      <c r="T1532" s="76"/>
      <c r="U1532" s="76"/>
      <c r="V1532" s="76"/>
      <c r="W1532" s="76"/>
      <c r="X1532" s="76"/>
      <c r="Y1532" s="76"/>
      <c r="Z1532" s="76"/>
      <c r="AA1532" s="85"/>
      <c r="AB1532" s="85"/>
      <c r="AC1532" s="85"/>
      <c r="AD1532" s="85"/>
      <c r="AE1532" s="85"/>
      <c r="AF1532" s="85"/>
      <c r="AG1532" s="86"/>
      <c r="AH1532" s="85"/>
      <c r="AI1532" s="85"/>
      <c r="AJ1532" s="85"/>
      <c r="AK1532" s="85"/>
      <c r="AL1532" s="85"/>
      <c r="AM1532" s="92"/>
      <c r="AN1532" s="92"/>
      <c r="AO1532" s="92"/>
      <c r="AP1532" s="92"/>
      <c r="AQ1532" s="92"/>
      <c r="AR1532" s="92"/>
      <c r="AS1532" s="92"/>
      <c r="AT1532" s="92"/>
      <c r="AU1532" s="92"/>
      <c r="AV1532" s="92"/>
      <c r="AW1532" s="92"/>
      <c r="AX1532" s="92"/>
      <c r="AY1532" s="92"/>
      <c r="AZ1532" s="93"/>
      <c r="BA1532" s="93"/>
      <c r="BB1532" s="93"/>
      <c r="BC1532" s="93"/>
      <c r="BD1532" s="93"/>
      <c r="BE1532" s="93"/>
      <c r="BF1532" s="93"/>
      <c r="BG1532" s="93"/>
      <c r="BH1532" s="93"/>
      <c r="BI1532" s="93"/>
      <c r="BJ1532" s="93"/>
      <c r="BK1532" s="93"/>
      <c r="BL1532" s="93"/>
    </row>
    <row r="1533" spans="2:64" x14ac:dyDescent="0.2">
      <c r="B1533" s="43"/>
      <c r="C1533" s="73"/>
      <c r="D1533" s="64"/>
      <c r="E1533" s="55"/>
      <c r="F1533" s="74"/>
      <c r="G1533" s="74"/>
      <c r="H1533" s="74"/>
      <c r="I1533" s="75"/>
      <c r="J1533" s="74"/>
      <c r="L1533" s="55"/>
      <c r="M1533" s="234"/>
      <c r="N1533" s="65"/>
      <c r="O1533" s="76"/>
      <c r="P1533" s="76"/>
      <c r="Q1533" s="65"/>
      <c r="R1533" s="76"/>
      <c r="S1533" s="76"/>
      <c r="T1533" s="76"/>
      <c r="U1533" s="76"/>
      <c r="V1533" s="76"/>
      <c r="W1533" s="76"/>
      <c r="X1533" s="76"/>
      <c r="Y1533" s="76"/>
      <c r="Z1533" s="76"/>
      <c r="AA1533" s="85"/>
      <c r="AB1533" s="85"/>
      <c r="AC1533" s="85"/>
      <c r="AD1533" s="85"/>
      <c r="AE1533" s="85"/>
      <c r="AF1533" s="85"/>
      <c r="AG1533" s="86"/>
      <c r="AH1533" s="85"/>
      <c r="AI1533" s="85"/>
      <c r="AJ1533" s="85"/>
      <c r="AK1533" s="85"/>
      <c r="AL1533" s="85"/>
      <c r="AM1533" s="92"/>
      <c r="AN1533" s="92"/>
      <c r="AO1533" s="92"/>
      <c r="AP1533" s="92"/>
      <c r="AQ1533" s="92"/>
      <c r="AR1533" s="92"/>
      <c r="AS1533" s="92"/>
      <c r="AT1533" s="92"/>
      <c r="AU1533" s="92"/>
      <c r="AV1533" s="92"/>
      <c r="AW1533" s="92"/>
      <c r="AX1533" s="92"/>
      <c r="AY1533" s="92"/>
      <c r="AZ1533" s="93"/>
      <c r="BA1533" s="93"/>
      <c r="BB1533" s="93"/>
      <c r="BC1533" s="93"/>
      <c r="BD1533" s="93"/>
      <c r="BE1533" s="93"/>
      <c r="BF1533" s="93"/>
      <c r="BG1533" s="93"/>
      <c r="BH1533" s="93"/>
      <c r="BI1533" s="93"/>
      <c r="BJ1533" s="93"/>
      <c r="BK1533" s="93"/>
      <c r="BL1533" s="93"/>
    </row>
    <row r="1534" spans="2:64" x14ac:dyDescent="0.2">
      <c r="B1534" s="43"/>
      <c r="C1534" s="73"/>
      <c r="D1534" s="64"/>
      <c r="E1534" s="55"/>
      <c r="F1534" s="74"/>
      <c r="G1534" s="74"/>
      <c r="H1534" s="74"/>
      <c r="I1534" s="75"/>
      <c r="J1534" s="74"/>
      <c r="L1534" s="55"/>
      <c r="M1534" s="234"/>
      <c r="N1534" s="65"/>
      <c r="O1534" s="76"/>
      <c r="P1534" s="76"/>
      <c r="Q1534" s="65"/>
      <c r="R1534" s="76"/>
      <c r="S1534" s="76"/>
      <c r="T1534" s="76"/>
      <c r="U1534" s="76"/>
      <c r="V1534" s="76"/>
      <c r="W1534" s="76"/>
      <c r="X1534" s="76"/>
      <c r="Y1534" s="76"/>
      <c r="Z1534" s="76"/>
      <c r="AA1534" s="85"/>
      <c r="AB1534" s="85"/>
      <c r="AC1534" s="85"/>
      <c r="AD1534" s="85"/>
      <c r="AE1534" s="85"/>
      <c r="AF1534" s="85"/>
      <c r="AG1534" s="86"/>
      <c r="AH1534" s="85"/>
      <c r="AI1534" s="85"/>
      <c r="AJ1534" s="85"/>
      <c r="AK1534" s="85"/>
      <c r="AL1534" s="85"/>
      <c r="AM1534" s="92"/>
      <c r="AN1534" s="92"/>
      <c r="AO1534" s="92"/>
      <c r="AP1534" s="92"/>
      <c r="AQ1534" s="92"/>
      <c r="AR1534" s="92"/>
      <c r="AS1534" s="92"/>
      <c r="AT1534" s="92"/>
      <c r="AU1534" s="92"/>
      <c r="AV1534" s="92"/>
      <c r="AW1534" s="92"/>
      <c r="AX1534" s="92"/>
      <c r="AY1534" s="92"/>
      <c r="AZ1534" s="93"/>
      <c r="BA1534" s="93"/>
      <c r="BB1534" s="93"/>
      <c r="BC1534" s="93"/>
      <c r="BD1534" s="93"/>
      <c r="BE1534" s="93"/>
      <c r="BF1534" s="93"/>
      <c r="BG1534" s="93"/>
      <c r="BH1534" s="93"/>
      <c r="BI1534" s="93"/>
      <c r="BJ1534" s="93"/>
      <c r="BK1534" s="93"/>
      <c r="BL1534" s="93"/>
    </row>
    <row r="1535" spans="2:64" x14ac:dyDescent="0.2">
      <c r="B1535" s="43"/>
      <c r="C1535" s="73"/>
      <c r="D1535" s="64"/>
      <c r="E1535" s="55"/>
      <c r="F1535" s="74"/>
      <c r="G1535" s="74"/>
      <c r="H1535" s="74"/>
      <c r="I1535" s="75"/>
      <c r="J1535" s="74"/>
      <c r="L1535" s="55"/>
      <c r="M1535" s="234"/>
      <c r="N1535" s="65"/>
      <c r="O1535" s="76"/>
      <c r="P1535" s="76"/>
      <c r="Q1535" s="65"/>
      <c r="R1535" s="76"/>
      <c r="S1535" s="76"/>
      <c r="T1535" s="76"/>
      <c r="U1535" s="76"/>
      <c r="V1535" s="76"/>
      <c r="W1535" s="76"/>
      <c r="X1535" s="76"/>
      <c r="Y1535" s="76"/>
      <c r="Z1535" s="76"/>
      <c r="AA1535" s="85"/>
      <c r="AB1535" s="85"/>
      <c r="AC1535" s="85"/>
      <c r="AD1535" s="85"/>
      <c r="AE1535" s="85"/>
      <c r="AF1535" s="85"/>
      <c r="AG1535" s="86"/>
      <c r="AH1535" s="85"/>
      <c r="AI1535" s="85"/>
      <c r="AJ1535" s="85"/>
      <c r="AK1535" s="85"/>
      <c r="AL1535" s="85"/>
      <c r="AM1535" s="92"/>
      <c r="AN1535" s="92"/>
      <c r="AO1535" s="92"/>
      <c r="AP1535" s="92"/>
      <c r="AQ1535" s="92"/>
      <c r="AR1535" s="92"/>
      <c r="AS1535" s="92"/>
      <c r="AT1535" s="92"/>
      <c r="AU1535" s="92"/>
      <c r="AV1535" s="92"/>
      <c r="AW1535" s="92"/>
      <c r="AX1535" s="92"/>
      <c r="AY1535" s="92"/>
      <c r="AZ1535" s="93"/>
      <c r="BA1535" s="93"/>
      <c r="BB1535" s="93"/>
      <c r="BC1535" s="93"/>
      <c r="BD1535" s="93"/>
      <c r="BE1535" s="93"/>
      <c r="BF1535" s="93"/>
      <c r="BG1535" s="93"/>
      <c r="BH1535" s="93"/>
      <c r="BI1535" s="93"/>
      <c r="BJ1535" s="93"/>
      <c r="BK1535" s="93"/>
      <c r="BL1535" s="93"/>
    </row>
    <row r="1536" spans="2:64" x14ac:dyDescent="0.2">
      <c r="B1536" s="43"/>
      <c r="C1536" s="73"/>
      <c r="D1536" s="64"/>
      <c r="E1536" s="55"/>
      <c r="F1536" s="74"/>
      <c r="G1536" s="74"/>
      <c r="H1536" s="74"/>
      <c r="I1536" s="75"/>
      <c r="J1536" s="74"/>
      <c r="L1536" s="55"/>
      <c r="M1536" s="234"/>
      <c r="N1536" s="65"/>
      <c r="O1536" s="76"/>
      <c r="P1536" s="76"/>
      <c r="Q1536" s="65"/>
      <c r="R1536" s="76"/>
      <c r="S1536" s="76"/>
      <c r="T1536" s="76"/>
      <c r="U1536" s="76"/>
      <c r="V1536" s="76"/>
      <c r="W1536" s="76"/>
      <c r="X1536" s="76"/>
      <c r="Y1536" s="76"/>
      <c r="Z1536" s="76"/>
      <c r="AA1536" s="85"/>
      <c r="AB1536" s="85"/>
      <c r="AC1536" s="85"/>
      <c r="AD1536" s="85"/>
      <c r="AE1536" s="85"/>
      <c r="AF1536" s="85"/>
      <c r="AG1536" s="86"/>
      <c r="AH1536" s="85"/>
      <c r="AI1536" s="85"/>
      <c r="AJ1536" s="85"/>
      <c r="AK1536" s="85"/>
      <c r="AL1536" s="85"/>
      <c r="AM1536" s="92"/>
      <c r="AN1536" s="92"/>
      <c r="AO1536" s="92"/>
      <c r="AP1536" s="92"/>
      <c r="AQ1536" s="92"/>
      <c r="AR1536" s="92"/>
      <c r="AS1536" s="92"/>
      <c r="AT1536" s="92"/>
      <c r="AU1536" s="92"/>
      <c r="AV1536" s="92"/>
      <c r="AW1536" s="92"/>
      <c r="AX1536" s="92"/>
      <c r="AY1536" s="92"/>
      <c r="AZ1536" s="93"/>
      <c r="BA1536" s="93"/>
      <c r="BB1536" s="93"/>
      <c r="BC1536" s="93"/>
      <c r="BD1536" s="93"/>
      <c r="BE1536" s="93"/>
      <c r="BF1536" s="93"/>
      <c r="BG1536" s="93"/>
      <c r="BH1536" s="93"/>
      <c r="BI1536" s="93"/>
      <c r="BJ1536" s="93"/>
      <c r="BK1536" s="93"/>
      <c r="BL1536" s="93"/>
    </row>
    <row r="1537" spans="2:64" x14ac:dyDescent="0.2">
      <c r="B1537" s="43"/>
      <c r="C1537" s="73"/>
      <c r="D1537" s="64"/>
      <c r="E1537" s="55"/>
      <c r="F1537" s="74"/>
      <c r="G1537" s="74"/>
      <c r="H1537" s="74"/>
      <c r="I1537" s="75"/>
      <c r="J1537" s="74"/>
      <c r="L1537" s="55"/>
      <c r="M1537" s="234"/>
      <c r="N1537" s="65"/>
      <c r="O1537" s="76"/>
      <c r="P1537" s="76"/>
      <c r="Q1537" s="65"/>
      <c r="R1537" s="76"/>
      <c r="S1537" s="76"/>
      <c r="T1537" s="76"/>
      <c r="U1537" s="76"/>
      <c r="V1537" s="76"/>
      <c r="W1537" s="76"/>
      <c r="X1537" s="76"/>
      <c r="Y1537" s="76"/>
      <c r="Z1537" s="76"/>
      <c r="AA1537" s="85"/>
      <c r="AB1537" s="85"/>
      <c r="AC1537" s="85"/>
      <c r="AD1537" s="85"/>
      <c r="AE1537" s="85"/>
      <c r="AF1537" s="85"/>
      <c r="AG1537" s="86"/>
      <c r="AH1537" s="85"/>
      <c r="AI1537" s="85"/>
      <c r="AJ1537" s="85"/>
      <c r="AK1537" s="85"/>
      <c r="AL1537" s="85"/>
      <c r="AM1537" s="92"/>
      <c r="AN1537" s="92"/>
      <c r="AO1537" s="92"/>
      <c r="AP1537" s="92"/>
      <c r="AQ1537" s="92"/>
      <c r="AR1537" s="92"/>
      <c r="AS1537" s="92"/>
      <c r="AT1537" s="92"/>
      <c r="AU1537" s="92"/>
      <c r="AV1537" s="92"/>
      <c r="AW1537" s="92"/>
      <c r="AX1537" s="92"/>
      <c r="AY1537" s="92"/>
      <c r="AZ1537" s="93"/>
      <c r="BA1537" s="93"/>
      <c r="BB1537" s="93"/>
      <c r="BC1537" s="93"/>
      <c r="BD1537" s="93"/>
      <c r="BE1537" s="93"/>
      <c r="BF1537" s="93"/>
      <c r="BG1537" s="93"/>
      <c r="BH1537" s="93"/>
      <c r="BI1537" s="93"/>
      <c r="BJ1537" s="93"/>
      <c r="BK1537" s="93"/>
      <c r="BL1537" s="93"/>
    </row>
    <row r="1538" spans="2:64" x14ac:dyDescent="0.2">
      <c r="B1538" s="43"/>
      <c r="C1538" s="73"/>
      <c r="D1538" s="64"/>
      <c r="E1538" s="55"/>
      <c r="F1538" s="74"/>
      <c r="G1538" s="74"/>
      <c r="H1538" s="74"/>
      <c r="I1538" s="75"/>
      <c r="J1538" s="74"/>
      <c r="L1538" s="55"/>
      <c r="M1538" s="234"/>
      <c r="N1538" s="65"/>
      <c r="O1538" s="76"/>
      <c r="P1538" s="76"/>
      <c r="Q1538" s="65"/>
      <c r="R1538" s="76"/>
      <c r="S1538" s="76"/>
      <c r="T1538" s="76"/>
      <c r="U1538" s="76"/>
      <c r="V1538" s="76"/>
      <c r="W1538" s="76"/>
      <c r="X1538" s="76"/>
      <c r="Y1538" s="76"/>
      <c r="Z1538" s="76"/>
      <c r="AA1538" s="85"/>
      <c r="AB1538" s="85"/>
      <c r="AC1538" s="85"/>
      <c r="AD1538" s="85"/>
      <c r="AE1538" s="85"/>
      <c r="AF1538" s="85"/>
      <c r="AG1538" s="86"/>
      <c r="AH1538" s="85"/>
      <c r="AI1538" s="85"/>
      <c r="AJ1538" s="85"/>
      <c r="AK1538" s="85"/>
      <c r="AL1538" s="85"/>
      <c r="AM1538" s="92"/>
      <c r="AN1538" s="92"/>
      <c r="AO1538" s="92"/>
      <c r="AP1538" s="92"/>
      <c r="AQ1538" s="92"/>
      <c r="AR1538" s="92"/>
      <c r="AS1538" s="92"/>
      <c r="AT1538" s="92"/>
      <c r="AU1538" s="92"/>
      <c r="AV1538" s="92"/>
      <c r="AW1538" s="92"/>
      <c r="AX1538" s="92"/>
      <c r="AY1538" s="92"/>
      <c r="AZ1538" s="93"/>
      <c r="BA1538" s="93"/>
      <c r="BB1538" s="93"/>
      <c r="BC1538" s="93"/>
      <c r="BD1538" s="93"/>
      <c r="BE1538" s="93"/>
      <c r="BF1538" s="93"/>
      <c r="BG1538" s="93"/>
      <c r="BH1538" s="93"/>
      <c r="BI1538" s="93"/>
      <c r="BJ1538" s="93"/>
      <c r="BK1538" s="93"/>
      <c r="BL1538" s="93"/>
    </row>
    <row r="1539" spans="2:64" x14ac:dyDescent="0.2">
      <c r="B1539" s="43"/>
      <c r="C1539" s="73"/>
      <c r="D1539" s="64"/>
      <c r="E1539" s="55"/>
      <c r="F1539" s="74"/>
      <c r="G1539" s="74"/>
      <c r="H1539" s="74"/>
      <c r="I1539" s="75"/>
      <c r="J1539" s="74"/>
      <c r="L1539" s="55"/>
      <c r="M1539" s="234"/>
      <c r="N1539" s="65"/>
      <c r="O1539" s="76"/>
      <c r="P1539" s="76"/>
      <c r="Q1539" s="65"/>
      <c r="R1539" s="76"/>
      <c r="S1539" s="76"/>
      <c r="T1539" s="76"/>
      <c r="U1539" s="76"/>
      <c r="V1539" s="76"/>
      <c r="W1539" s="76"/>
      <c r="X1539" s="76"/>
      <c r="Y1539" s="76"/>
      <c r="Z1539" s="76"/>
      <c r="AA1539" s="85"/>
      <c r="AB1539" s="85"/>
      <c r="AC1539" s="85"/>
      <c r="AD1539" s="85"/>
      <c r="AE1539" s="85"/>
      <c r="AF1539" s="85"/>
      <c r="AG1539" s="86"/>
      <c r="AH1539" s="85"/>
      <c r="AI1539" s="85"/>
      <c r="AJ1539" s="85"/>
      <c r="AK1539" s="85"/>
      <c r="AL1539" s="85"/>
      <c r="AM1539" s="92"/>
      <c r="AN1539" s="92"/>
      <c r="AO1539" s="92"/>
      <c r="AP1539" s="92"/>
      <c r="AQ1539" s="92"/>
      <c r="AR1539" s="92"/>
      <c r="AS1539" s="92"/>
      <c r="AT1539" s="92"/>
      <c r="AU1539" s="92"/>
      <c r="AV1539" s="92"/>
      <c r="AW1539" s="92"/>
      <c r="AX1539" s="92"/>
      <c r="AY1539" s="92"/>
      <c r="AZ1539" s="93"/>
      <c r="BA1539" s="93"/>
      <c r="BB1539" s="93"/>
      <c r="BC1539" s="93"/>
      <c r="BD1539" s="93"/>
      <c r="BE1539" s="93"/>
      <c r="BF1539" s="93"/>
      <c r="BG1539" s="93"/>
      <c r="BH1539" s="93"/>
      <c r="BI1539" s="93"/>
      <c r="BJ1539" s="93"/>
      <c r="BK1539" s="93"/>
      <c r="BL1539" s="93"/>
    </row>
    <row r="1540" spans="2:64" x14ac:dyDescent="0.2">
      <c r="B1540" s="43"/>
      <c r="C1540" s="73"/>
      <c r="D1540" s="64"/>
      <c r="E1540" s="55"/>
      <c r="F1540" s="74"/>
      <c r="G1540" s="74"/>
      <c r="H1540" s="74"/>
      <c r="I1540" s="75"/>
      <c r="J1540" s="74"/>
      <c r="L1540" s="55"/>
      <c r="M1540" s="234"/>
      <c r="N1540" s="65"/>
      <c r="O1540" s="76"/>
      <c r="P1540" s="76"/>
      <c r="Q1540" s="65"/>
      <c r="R1540" s="76"/>
      <c r="S1540" s="76"/>
      <c r="T1540" s="76"/>
      <c r="U1540" s="76"/>
      <c r="V1540" s="76"/>
      <c r="W1540" s="76"/>
      <c r="X1540" s="76"/>
      <c r="Y1540" s="76"/>
      <c r="Z1540" s="76"/>
      <c r="AA1540" s="85"/>
      <c r="AB1540" s="85"/>
      <c r="AC1540" s="85"/>
      <c r="AD1540" s="85"/>
      <c r="AE1540" s="85"/>
      <c r="AF1540" s="85"/>
      <c r="AG1540" s="86"/>
      <c r="AH1540" s="85"/>
      <c r="AI1540" s="85"/>
      <c r="AJ1540" s="85"/>
      <c r="AK1540" s="85"/>
      <c r="AL1540" s="85"/>
      <c r="AM1540" s="92"/>
      <c r="AN1540" s="92"/>
      <c r="AO1540" s="92"/>
      <c r="AP1540" s="92"/>
      <c r="AQ1540" s="92"/>
      <c r="AR1540" s="92"/>
      <c r="AS1540" s="92"/>
      <c r="AT1540" s="92"/>
      <c r="AU1540" s="92"/>
      <c r="AV1540" s="92"/>
      <c r="AW1540" s="92"/>
      <c r="AX1540" s="92"/>
      <c r="AY1540" s="92"/>
      <c r="AZ1540" s="93"/>
      <c r="BA1540" s="93"/>
      <c r="BB1540" s="93"/>
      <c r="BC1540" s="93"/>
      <c r="BD1540" s="93"/>
      <c r="BE1540" s="93"/>
      <c r="BF1540" s="93"/>
      <c r="BG1540" s="93"/>
      <c r="BH1540" s="93"/>
      <c r="BI1540" s="93"/>
      <c r="BJ1540" s="93"/>
      <c r="BK1540" s="93"/>
      <c r="BL1540" s="93"/>
    </row>
    <row r="1541" spans="2:64" x14ac:dyDescent="0.2">
      <c r="B1541" s="43"/>
      <c r="C1541" s="73"/>
      <c r="D1541" s="64"/>
      <c r="E1541" s="55"/>
      <c r="F1541" s="74"/>
      <c r="G1541" s="74"/>
      <c r="H1541" s="74"/>
      <c r="I1541" s="75"/>
      <c r="J1541" s="74"/>
      <c r="L1541" s="55"/>
      <c r="M1541" s="234"/>
      <c r="N1541" s="65"/>
      <c r="O1541" s="76"/>
      <c r="P1541" s="76"/>
      <c r="Q1541" s="65"/>
      <c r="R1541" s="76"/>
      <c r="S1541" s="76"/>
      <c r="T1541" s="76"/>
      <c r="U1541" s="76"/>
      <c r="V1541" s="76"/>
      <c r="W1541" s="76"/>
      <c r="X1541" s="76"/>
      <c r="Y1541" s="76"/>
      <c r="Z1541" s="76"/>
      <c r="AA1541" s="85"/>
      <c r="AB1541" s="85"/>
      <c r="AC1541" s="85"/>
      <c r="AD1541" s="85"/>
      <c r="AE1541" s="85"/>
      <c r="AF1541" s="85"/>
      <c r="AG1541" s="86"/>
      <c r="AH1541" s="85"/>
      <c r="AI1541" s="85"/>
      <c r="AJ1541" s="85"/>
      <c r="AK1541" s="85"/>
      <c r="AL1541" s="85"/>
      <c r="AM1541" s="92"/>
      <c r="AN1541" s="92"/>
      <c r="AO1541" s="92"/>
      <c r="AP1541" s="92"/>
      <c r="AQ1541" s="92"/>
      <c r="AR1541" s="92"/>
      <c r="AS1541" s="92"/>
      <c r="AT1541" s="92"/>
      <c r="AU1541" s="92"/>
      <c r="AV1541" s="92"/>
      <c r="AW1541" s="92"/>
      <c r="AX1541" s="92"/>
      <c r="AY1541" s="92"/>
      <c r="AZ1541" s="93"/>
      <c r="BA1541" s="93"/>
      <c r="BB1541" s="93"/>
      <c r="BC1541" s="93"/>
      <c r="BD1541" s="93"/>
      <c r="BE1541" s="93"/>
      <c r="BF1541" s="93"/>
      <c r="BG1541" s="93"/>
      <c r="BH1541" s="93"/>
      <c r="BI1541" s="93"/>
      <c r="BJ1541" s="93"/>
      <c r="BK1541" s="93"/>
      <c r="BL1541" s="93"/>
    </row>
    <row r="1542" spans="2:64" x14ac:dyDescent="0.2">
      <c r="B1542" s="43"/>
      <c r="C1542" s="73"/>
      <c r="D1542" s="64"/>
      <c r="E1542" s="55"/>
      <c r="F1542" s="74"/>
      <c r="G1542" s="74"/>
      <c r="H1542" s="74"/>
      <c r="I1542" s="75"/>
      <c r="J1542" s="74"/>
      <c r="L1542" s="55"/>
      <c r="M1542" s="234"/>
      <c r="N1542" s="65"/>
      <c r="O1542" s="76"/>
      <c r="P1542" s="76"/>
      <c r="Q1542" s="65"/>
      <c r="R1542" s="76"/>
      <c r="S1542" s="76"/>
      <c r="T1542" s="76"/>
      <c r="U1542" s="76"/>
      <c r="V1542" s="76"/>
      <c r="W1542" s="76"/>
      <c r="X1542" s="76"/>
      <c r="Y1542" s="76"/>
      <c r="Z1542" s="76"/>
      <c r="AA1542" s="85"/>
      <c r="AB1542" s="85"/>
      <c r="AC1542" s="85"/>
      <c r="AD1542" s="85"/>
      <c r="AE1542" s="85"/>
      <c r="AF1542" s="85"/>
      <c r="AG1542" s="86"/>
      <c r="AH1542" s="85"/>
      <c r="AI1542" s="85"/>
      <c r="AJ1542" s="85"/>
      <c r="AK1542" s="85"/>
      <c r="AL1542" s="85"/>
      <c r="AM1542" s="92"/>
      <c r="AN1542" s="92"/>
      <c r="AO1542" s="92"/>
      <c r="AP1542" s="92"/>
      <c r="AQ1542" s="92"/>
      <c r="AR1542" s="92"/>
      <c r="AS1542" s="92"/>
      <c r="AT1542" s="92"/>
      <c r="AU1542" s="92"/>
      <c r="AV1542" s="92"/>
      <c r="AW1542" s="92"/>
      <c r="AX1542" s="92"/>
      <c r="AY1542" s="92"/>
      <c r="AZ1542" s="93"/>
      <c r="BA1542" s="93"/>
      <c r="BB1542" s="93"/>
      <c r="BC1542" s="93"/>
      <c r="BD1542" s="93"/>
      <c r="BE1542" s="93"/>
      <c r="BF1542" s="93"/>
      <c r="BG1542" s="93"/>
      <c r="BH1542" s="93"/>
      <c r="BI1542" s="93"/>
      <c r="BJ1542" s="93"/>
      <c r="BK1542" s="93"/>
      <c r="BL1542" s="93"/>
    </row>
    <row r="1543" spans="2:64" x14ac:dyDescent="0.2">
      <c r="B1543" s="43"/>
      <c r="C1543" s="73"/>
      <c r="D1543" s="64"/>
      <c r="E1543" s="55"/>
      <c r="F1543" s="74"/>
      <c r="G1543" s="74"/>
      <c r="H1543" s="74"/>
      <c r="I1543" s="75"/>
      <c r="J1543" s="74"/>
      <c r="L1543" s="55"/>
      <c r="M1543" s="234"/>
      <c r="N1543" s="65"/>
      <c r="O1543" s="76"/>
      <c r="P1543" s="76"/>
      <c r="Q1543" s="65"/>
      <c r="R1543" s="76"/>
      <c r="S1543" s="76"/>
      <c r="T1543" s="76"/>
      <c r="U1543" s="76"/>
      <c r="V1543" s="76"/>
      <c r="W1543" s="76"/>
      <c r="X1543" s="76"/>
      <c r="Y1543" s="76"/>
      <c r="Z1543" s="76"/>
      <c r="AA1543" s="85"/>
      <c r="AB1543" s="85"/>
      <c r="AC1543" s="85"/>
      <c r="AD1543" s="85"/>
      <c r="AE1543" s="85"/>
      <c r="AF1543" s="85"/>
      <c r="AG1543" s="86"/>
      <c r="AH1543" s="85"/>
      <c r="AI1543" s="85"/>
      <c r="AJ1543" s="85"/>
      <c r="AK1543" s="85"/>
      <c r="AL1543" s="85"/>
      <c r="AM1543" s="92"/>
      <c r="AN1543" s="92"/>
      <c r="AO1543" s="92"/>
      <c r="AP1543" s="92"/>
      <c r="AQ1543" s="92"/>
      <c r="AR1543" s="92"/>
      <c r="AS1543" s="92"/>
      <c r="AT1543" s="92"/>
      <c r="AU1543" s="92"/>
      <c r="AV1543" s="92"/>
      <c r="AW1543" s="92"/>
      <c r="AX1543" s="92"/>
      <c r="AY1543" s="92"/>
      <c r="AZ1543" s="93"/>
      <c r="BA1543" s="93"/>
      <c r="BB1543" s="93"/>
      <c r="BC1543" s="93"/>
      <c r="BD1543" s="93"/>
      <c r="BE1543" s="93"/>
      <c r="BF1543" s="93"/>
      <c r="BG1543" s="93"/>
      <c r="BH1543" s="93"/>
      <c r="BI1543" s="93"/>
      <c r="BJ1543" s="93"/>
      <c r="BK1543" s="93"/>
      <c r="BL1543" s="93"/>
    </row>
    <row r="1544" spans="2:64" x14ac:dyDescent="0.2">
      <c r="B1544" s="43"/>
      <c r="C1544" s="73"/>
      <c r="D1544" s="64"/>
      <c r="E1544" s="55"/>
      <c r="F1544" s="74"/>
      <c r="G1544" s="74"/>
      <c r="H1544" s="74"/>
      <c r="I1544" s="75"/>
      <c r="J1544" s="74"/>
      <c r="L1544" s="55"/>
      <c r="M1544" s="234"/>
      <c r="N1544" s="65"/>
      <c r="O1544" s="76"/>
      <c r="P1544" s="76"/>
      <c r="Q1544" s="65"/>
      <c r="R1544" s="76"/>
      <c r="S1544" s="76"/>
      <c r="T1544" s="76"/>
      <c r="U1544" s="76"/>
      <c r="V1544" s="76"/>
      <c r="W1544" s="76"/>
      <c r="X1544" s="76"/>
      <c r="Y1544" s="76"/>
      <c r="Z1544" s="76"/>
      <c r="AA1544" s="85"/>
      <c r="AB1544" s="85"/>
      <c r="AC1544" s="85"/>
      <c r="AD1544" s="85"/>
      <c r="AE1544" s="85"/>
      <c r="AF1544" s="85"/>
      <c r="AG1544" s="86"/>
      <c r="AH1544" s="85"/>
      <c r="AI1544" s="85"/>
      <c r="AJ1544" s="85"/>
      <c r="AK1544" s="85"/>
      <c r="AL1544" s="85"/>
      <c r="AM1544" s="92"/>
      <c r="AN1544" s="92"/>
      <c r="AO1544" s="92"/>
      <c r="AP1544" s="92"/>
      <c r="AQ1544" s="92"/>
      <c r="AR1544" s="92"/>
      <c r="AS1544" s="92"/>
      <c r="AT1544" s="92"/>
      <c r="AU1544" s="92"/>
      <c r="AV1544" s="92"/>
      <c r="AW1544" s="92"/>
      <c r="AX1544" s="92"/>
      <c r="AY1544" s="92"/>
      <c r="AZ1544" s="93"/>
      <c r="BA1544" s="93"/>
      <c r="BB1544" s="93"/>
      <c r="BC1544" s="93"/>
      <c r="BD1544" s="93"/>
      <c r="BE1544" s="93"/>
      <c r="BF1544" s="93"/>
      <c r="BG1544" s="93"/>
      <c r="BH1544" s="93"/>
      <c r="BI1544" s="93"/>
      <c r="BJ1544" s="93"/>
      <c r="BK1544" s="93"/>
      <c r="BL1544" s="93"/>
    </row>
    <row r="1545" spans="2:64" x14ac:dyDescent="0.2">
      <c r="B1545" s="43"/>
      <c r="C1545" s="73"/>
      <c r="D1545" s="64"/>
      <c r="E1545" s="55"/>
      <c r="F1545" s="74"/>
      <c r="G1545" s="74"/>
      <c r="H1545" s="74"/>
      <c r="I1545" s="75"/>
      <c r="J1545" s="74"/>
      <c r="L1545" s="55"/>
      <c r="M1545" s="234"/>
      <c r="N1545" s="65"/>
      <c r="O1545" s="76"/>
      <c r="P1545" s="76"/>
      <c r="Q1545" s="65"/>
      <c r="R1545" s="76"/>
      <c r="S1545" s="76"/>
      <c r="T1545" s="76"/>
      <c r="U1545" s="76"/>
      <c r="V1545" s="76"/>
      <c r="W1545" s="76"/>
      <c r="X1545" s="76"/>
      <c r="Y1545" s="76"/>
      <c r="Z1545" s="76"/>
      <c r="AA1545" s="85"/>
      <c r="AB1545" s="85"/>
      <c r="AC1545" s="85"/>
      <c r="AD1545" s="85"/>
      <c r="AE1545" s="85"/>
      <c r="AF1545" s="85"/>
      <c r="AG1545" s="86"/>
      <c r="AH1545" s="85"/>
      <c r="AI1545" s="85"/>
      <c r="AJ1545" s="85"/>
      <c r="AK1545" s="85"/>
      <c r="AL1545" s="85"/>
      <c r="AM1545" s="92"/>
      <c r="AN1545" s="92"/>
      <c r="AO1545" s="92"/>
      <c r="AP1545" s="92"/>
      <c r="AQ1545" s="92"/>
      <c r="AR1545" s="92"/>
      <c r="AS1545" s="92"/>
      <c r="AT1545" s="92"/>
      <c r="AU1545" s="92"/>
      <c r="AV1545" s="92"/>
      <c r="AW1545" s="92"/>
      <c r="AX1545" s="92"/>
      <c r="AY1545" s="92"/>
      <c r="AZ1545" s="93"/>
      <c r="BA1545" s="93"/>
      <c r="BB1545" s="93"/>
      <c r="BC1545" s="93"/>
      <c r="BD1545" s="93"/>
      <c r="BE1545" s="93"/>
      <c r="BF1545" s="93"/>
      <c r="BG1545" s="93"/>
      <c r="BH1545" s="93"/>
      <c r="BI1545" s="93"/>
      <c r="BJ1545" s="93"/>
      <c r="BK1545" s="93"/>
      <c r="BL1545" s="93"/>
    </row>
    <row r="1546" spans="2:64" x14ac:dyDescent="0.2">
      <c r="B1546" s="43"/>
      <c r="C1546" s="73"/>
      <c r="D1546" s="64"/>
      <c r="E1546" s="55"/>
      <c r="F1546" s="74"/>
      <c r="G1546" s="74"/>
      <c r="H1546" s="74"/>
      <c r="I1546" s="75"/>
      <c r="J1546" s="74"/>
      <c r="L1546" s="55"/>
      <c r="M1546" s="234"/>
      <c r="N1546" s="65"/>
      <c r="O1546" s="76"/>
      <c r="P1546" s="76"/>
      <c r="Q1546" s="65"/>
      <c r="R1546" s="76"/>
      <c r="S1546" s="76"/>
      <c r="T1546" s="76"/>
      <c r="U1546" s="76"/>
      <c r="V1546" s="76"/>
      <c r="W1546" s="76"/>
      <c r="X1546" s="76"/>
      <c r="Y1546" s="76"/>
      <c r="Z1546" s="76"/>
      <c r="AA1546" s="85"/>
      <c r="AB1546" s="85"/>
      <c r="AC1546" s="85"/>
      <c r="AD1546" s="85"/>
      <c r="AE1546" s="85"/>
      <c r="AF1546" s="85"/>
      <c r="AG1546" s="86"/>
      <c r="AH1546" s="85"/>
      <c r="AI1546" s="85"/>
      <c r="AJ1546" s="85"/>
      <c r="AK1546" s="85"/>
      <c r="AL1546" s="85"/>
      <c r="AM1546" s="92"/>
      <c r="AN1546" s="92"/>
      <c r="AO1546" s="92"/>
      <c r="AP1546" s="92"/>
      <c r="AQ1546" s="92"/>
      <c r="AR1546" s="92"/>
      <c r="AS1546" s="92"/>
      <c r="AT1546" s="92"/>
      <c r="AU1546" s="92"/>
      <c r="AV1546" s="92"/>
      <c r="AW1546" s="92"/>
      <c r="AX1546" s="92"/>
      <c r="AY1546" s="92"/>
      <c r="AZ1546" s="93"/>
      <c r="BA1546" s="93"/>
      <c r="BB1546" s="93"/>
      <c r="BC1546" s="93"/>
      <c r="BD1546" s="93"/>
      <c r="BE1546" s="93"/>
      <c r="BF1546" s="93"/>
      <c r="BG1546" s="93"/>
      <c r="BH1546" s="93"/>
      <c r="BI1546" s="93"/>
      <c r="BJ1546" s="93"/>
      <c r="BK1546" s="93"/>
      <c r="BL1546" s="93"/>
    </row>
    <row r="1547" spans="2:64" x14ac:dyDescent="0.2">
      <c r="B1547" s="43"/>
      <c r="C1547" s="73"/>
      <c r="D1547" s="64"/>
      <c r="E1547" s="55"/>
      <c r="F1547" s="74"/>
      <c r="G1547" s="74"/>
      <c r="H1547" s="74"/>
      <c r="I1547" s="75"/>
      <c r="J1547" s="74"/>
      <c r="L1547" s="55"/>
      <c r="M1547" s="234"/>
      <c r="N1547" s="65"/>
      <c r="O1547" s="76"/>
      <c r="P1547" s="76"/>
      <c r="Q1547" s="65"/>
      <c r="R1547" s="76"/>
      <c r="S1547" s="76"/>
      <c r="T1547" s="76"/>
      <c r="U1547" s="76"/>
      <c r="V1547" s="76"/>
      <c r="W1547" s="76"/>
      <c r="X1547" s="76"/>
      <c r="Y1547" s="76"/>
      <c r="Z1547" s="76"/>
      <c r="AA1547" s="85"/>
      <c r="AB1547" s="85"/>
      <c r="AC1547" s="85"/>
      <c r="AD1547" s="85"/>
      <c r="AE1547" s="85"/>
      <c r="AF1547" s="85"/>
      <c r="AG1547" s="86"/>
      <c r="AH1547" s="85"/>
      <c r="AI1547" s="85"/>
      <c r="AJ1547" s="85"/>
      <c r="AK1547" s="85"/>
      <c r="AL1547" s="85"/>
      <c r="AM1547" s="92"/>
      <c r="AN1547" s="92"/>
      <c r="AO1547" s="92"/>
      <c r="AP1547" s="92"/>
      <c r="AQ1547" s="92"/>
      <c r="AR1547" s="92"/>
      <c r="AS1547" s="92"/>
      <c r="AT1547" s="92"/>
      <c r="AU1547" s="92"/>
      <c r="AV1547" s="92"/>
      <c r="AW1547" s="92"/>
      <c r="AX1547" s="92"/>
      <c r="AY1547" s="92"/>
      <c r="AZ1547" s="93"/>
      <c r="BA1547" s="93"/>
      <c r="BB1547" s="93"/>
      <c r="BC1547" s="93"/>
      <c r="BD1547" s="93"/>
      <c r="BE1547" s="93"/>
      <c r="BF1547" s="93"/>
      <c r="BG1547" s="93"/>
      <c r="BH1547" s="93"/>
      <c r="BI1547" s="93"/>
      <c r="BJ1547" s="93"/>
      <c r="BK1547" s="93"/>
      <c r="BL1547" s="93"/>
    </row>
    <row r="1548" spans="2:64" x14ac:dyDescent="0.2">
      <c r="B1548" s="43"/>
      <c r="C1548" s="73"/>
      <c r="D1548" s="64"/>
      <c r="E1548" s="55"/>
      <c r="F1548" s="74"/>
      <c r="G1548" s="74"/>
      <c r="H1548" s="74"/>
      <c r="I1548" s="75"/>
      <c r="J1548" s="74"/>
      <c r="L1548" s="55"/>
      <c r="M1548" s="234"/>
      <c r="N1548" s="65"/>
      <c r="O1548" s="76"/>
      <c r="P1548" s="76"/>
      <c r="Q1548" s="65"/>
      <c r="R1548" s="76"/>
      <c r="S1548" s="76"/>
      <c r="T1548" s="76"/>
      <c r="U1548" s="76"/>
      <c r="V1548" s="76"/>
      <c r="W1548" s="76"/>
      <c r="X1548" s="76"/>
      <c r="Y1548" s="76"/>
      <c r="Z1548" s="76"/>
      <c r="AA1548" s="85"/>
      <c r="AB1548" s="85"/>
      <c r="AC1548" s="85"/>
      <c r="AD1548" s="85"/>
      <c r="AE1548" s="85"/>
      <c r="AF1548" s="85"/>
      <c r="AG1548" s="86"/>
      <c r="AH1548" s="85"/>
      <c r="AI1548" s="85"/>
      <c r="AJ1548" s="85"/>
      <c r="AK1548" s="85"/>
      <c r="AL1548" s="85"/>
      <c r="AM1548" s="92"/>
      <c r="AN1548" s="92"/>
      <c r="AO1548" s="92"/>
      <c r="AP1548" s="92"/>
      <c r="AQ1548" s="92"/>
      <c r="AR1548" s="92"/>
      <c r="AS1548" s="92"/>
      <c r="AT1548" s="92"/>
      <c r="AU1548" s="92"/>
      <c r="AV1548" s="92"/>
      <c r="AW1548" s="92"/>
      <c r="AX1548" s="92"/>
      <c r="AY1548" s="92"/>
      <c r="AZ1548" s="93"/>
      <c r="BA1548" s="93"/>
      <c r="BB1548" s="93"/>
      <c r="BC1548" s="93"/>
      <c r="BD1548" s="93"/>
      <c r="BE1548" s="93"/>
      <c r="BF1548" s="93"/>
      <c r="BG1548" s="93"/>
      <c r="BH1548" s="93"/>
      <c r="BI1548" s="93"/>
      <c r="BJ1548" s="93"/>
      <c r="BK1548" s="93"/>
      <c r="BL1548" s="93"/>
    </row>
    <row r="1549" spans="2:64" x14ac:dyDescent="0.2">
      <c r="B1549" s="43"/>
      <c r="C1549" s="73"/>
      <c r="D1549" s="64"/>
      <c r="E1549" s="55"/>
      <c r="F1549" s="74"/>
      <c r="G1549" s="74"/>
      <c r="H1549" s="74"/>
      <c r="I1549" s="75"/>
      <c r="J1549" s="74"/>
      <c r="L1549" s="55"/>
      <c r="M1549" s="234"/>
      <c r="N1549" s="65"/>
      <c r="O1549" s="76"/>
      <c r="P1549" s="76"/>
      <c r="Q1549" s="65"/>
      <c r="R1549" s="76"/>
      <c r="S1549" s="76"/>
      <c r="T1549" s="76"/>
      <c r="U1549" s="76"/>
      <c r="V1549" s="76"/>
      <c r="W1549" s="76"/>
      <c r="X1549" s="76"/>
      <c r="Y1549" s="76"/>
      <c r="Z1549" s="76"/>
      <c r="AA1549" s="85"/>
      <c r="AB1549" s="85"/>
      <c r="AC1549" s="85"/>
      <c r="AD1549" s="85"/>
      <c r="AE1549" s="85"/>
      <c r="AF1549" s="85"/>
      <c r="AG1549" s="86"/>
      <c r="AH1549" s="85"/>
      <c r="AI1549" s="85"/>
      <c r="AJ1549" s="85"/>
      <c r="AK1549" s="85"/>
      <c r="AL1549" s="85"/>
      <c r="AM1549" s="92"/>
      <c r="AN1549" s="92"/>
      <c r="AO1549" s="92"/>
      <c r="AP1549" s="92"/>
      <c r="AQ1549" s="92"/>
      <c r="AR1549" s="92"/>
      <c r="AS1549" s="92"/>
      <c r="AT1549" s="92"/>
      <c r="AU1549" s="92"/>
      <c r="AV1549" s="92"/>
      <c r="AW1549" s="92"/>
      <c r="AX1549" s="92"/>
      <c r="AY1549" s="92"/>
      <c r="AZ1549" s="93"/>
      <c r="BA1549" s="93"/>
      <c r="BB1549" s="93"/>
      <c r="BC1549" s="93"/>
      <c r="BD1549" s="93"/>
      <c r="BE1549" s="93"/>
      <c r="BF1549" s="93"/>
      <c r="BG1549" s="93"/>
      <c r="BH1549" s="93"/>
      <c r="BI1549" s="93"/>
      <c r="BJ1549" s="93"/>
      <c r="BK1549" s="93"/>
      <c r="BL1549" s="93"/>
    </row>
    <row r="1550" spans="2:64" x14ac:dyDescent="0.2">
      <c r="B1550" s="43"/>
      <c r="C1550" s="73"/>
      <c r="D1550" s="64"/>
      <c r="E1550" s="55"/>
      <c r="F1550" s="74"/>
      <c r="G1550" s="74"/>
      <c r="H1550" s="74"/>
      <c r="I1550" s="75"/>
      <c r="J1550" s="74"/>
      <c r="L1550" s="55"/>
      <c r="M1550" s="234"/>
      <c r="N1550" s="65"/>
      <c r="O1550" s="76"/>
      <c r="P1550" s="76"/>
      <c r="Q1550" s="65"/>
      <c r="R1550" s="76"/>
      <c r="S1550" s="76"/>
      <c r="T1550" s="76"/>
      <c r="U1550" s="76"/>
      <c r="V1550" s="76"/>
      <c r="W1550" s="76"/>
      <c r="X1550" s="76"/>
      <c r="Y1550" s="76"/>
      <c r="Z1550" s="76"/>
      <c r="AA1550" s="85"/>
      <c r="AB1550" s="85"/>
      <c r="AC1550" s="85"/>
      <c r="AD1550" s="85"/>
      <c r="AE1550" s="85"/>
      <c r="AF1550" s="85"/>
      <c r="AG1550" s="86"/>
      <c r="AH1550" s="85"/>
      <c r="AI1550" s="85"/>
      <c r="AJ1550" s="85"/>
      <c r="AK1550" s="85"/>
      <c r="AL1550" s="85"/>
      <c r="AM1550" s="92"/>
      <c r="AN1550" s="92"/>
      <c r="AO1550" s="92"/>
      <c r="AP1550" s="92"/>
      <c r="AQ1550" s="92"/>
      <c r="AR1550" s="92"/>
      <c r="AS1550" s="92"/>
      <c r="AT1550" s="92"/>
      <c r="AU1550" s="92"/>
      <c r="AV1550" s="92"/>
      <c r="AW1550" s="92"/>
      <c r="AX1550" s="92"/>
      <c r="AY1550" s="92"/>
      <c r="AZ1550" s="93"/>
      <c r="BA1550" s="93"/>
      <c r="BB1550" s="93"/>
      <c r="BC1550" s="93"/>
      <c r="BD1550" s="93"/>
      <c r="BE1550" s="93"/>
      <c r="BF1550" s="93"/>
      <c r="BG1550" s="93"/>
      <c r="BH1550" s="93"/>
      <c r="BI1550" s="93"/>
      <c r="BJ1550" s="93"/>
      <c r="BK1550" s="93"/>
      <c r="BL1550" s="93"/>
    </row>
    <row r="1551" spans="2:64" x14ac:dyDescent="0.2">
      <c r="B1551" s="43"/>
      <c r="C1551" s="73"/>
      <c r="D1551" s="64"/>
      <c r="E1551" s="55"/>
      <c r="F1551" s="74"/>
      <c r="G1551" s="74"/>
      <c r="H1551" s="74"/>
      <c r="I1551" s="75"/>
      <c r="J1551" s="74"/>
      <c r="L1551" s="55"/>
      <c r="M1551" s="234"/>
      <c r="N1551" s="65"/>
      <c r="O1551" s="76"/>
      <c r="P1551" s="76"/>
      <c r="Q1551" s="65"/>
      <c r="R1551" s="76"/>
      <c r="S1551" s="76"/>
      <c r="T1551" s="76"/>
      <c r="U1551" s="76"/>
      <c r="V1551" s="76"/>
      <c r="W1551" s="76"/>
      <c r="X1551" s="76"/>
      <c r="Y1551" s="76"/>
      <c r="Z1551" s="76"/>
      <c r="AA1551" s="85"/>
      <c r="AB1551" s="85"/>
      <c r="AC1551" s="85"/>
      <c r="AD1551" s="85"/>
      <c r="AE1551" s="85"/>
      <c r="AF1551" s="85"/>
      <c r="AG1551" s="86"/>
      <c r="AH1551" s="85"/>
      <c r="AI1551" s="85"/>
      <c r="AJ1551" s="85"/>
      <c r="AK1551" s="85"/>
      <c r="AL1551" s="85"/>
      <c r="AM1551" s="92"/>
      <c r="AN1551" s="92"/>
      <c r="AO1551" s="92"/>
      <c r="AP1551" s="92"/>
      <c r="AQ1551" s="92"/>
      <c r="AR1551" s="92"/>
      <c r="AS1551" s="92"/>
      <c r="AT1551" s="92"/>
      <c r="AU1551" s="92"/>
      <c r="AV1551" s="92"/>
      <c r="AW1551" s="92"/>
      <c r="AX1551" s="92"/>
      <c r="AY1551" s="92"/>
      <c r="AZ1551" s="93"/>
      <c r="BA1551" s="93"/>
      <c r="BB1551" s="93"/>
      <c r="BC1551" s="93"/>
      <c r="BD1551" s="93"/>
      <c r="BE1551" s="93"/>
      <c r="BF1551" s="93"/>
      <c r="BG1551" s="93"/>
      <c r="BH1551" s="93"/>
      <c r="BI1551" s="93"/>
      <c r="BJ1551" s="93"/>
      <c r="BK1551" s="93"/>
      <c r="BL1551" s="93"/>
    </row>
    <row r="1552" spans="2:64" x14ac:dyDescent="0.2">
      <c r="B1552" s="43"/>
      <c r="C1552" s="73"/>
      <c r="D1552" s="64"/>
      <c r="E1552" s="55"/>
      <c r="F1552" s="74"/>
      <c r="G1552" s="74"/>
      <c r="H1552" s="74"/>
      <c r="I1552" s="75"/>
      <c r="J1552" s="74"/>
      <c r="L1552" s="55"/>
      <c r="M1552" s="234"/>
      <c r="N1552" s="65"/>
      <c r="O1552" s="76"/>
      <c r="P1552" s="76"/>
      <c r="Q1552" s="65"/>
      <c r="R1552" s="76"/>
      <c r="S1552" s="76"/>
      <c r="T1552" s="76"/>
      <c r="U1552" s="76"/>
      <c r="V1552" s="76"/>
      <c r="W1552" s="76"/>
      <c r="X1552" s="76"/>
      <c r="Y1552" s="76"/>
      <c r="Z1552" s="76"/>
      <c r="AA1552" s="85"/>
      <c r="AB1552" s="85"/>
      <c r="AC1552" s="85"/>
      <c r="AD1552" s="85"/>
      <c r="AE1552" s="85"/>
      <c r="AF1552" s="85"/>
      <c r="AG1552" s="86"/>
      <c r="AH1552" s="85"/>
      <c r="AI1552" s="85"/>
      <c r="AJ1552" s="85"/>
      <c r="AK1552" s="85"/>
      <c r="AL1552" s="85"/>
      <c r="AM1552" s="92"/>
      <c r="AN1552" s="92"/>
      <c r="AO1552" s="92"/>
      <c r="AP1552" s="92"/>
      <c r="AQ1552" s="92"/>
      <c r="AR1552" s="92"/>
      <c r="AS1552" s="92"/>
      <c r="AT1552" s="92"/>
      <c r="AU1552" s="92"/>
      <c r="AV1552" s="92"/>
      <c r="AW1552" s="92"/>
      <c r="AX1552" s="92"/>
      <c r="AY1552" s="92"/>
      <c r="AZ1552" s="93"/>
      <c r="BA1552" s="93"/>
      <c r="BB1552" s="93"/>
      <c r="BC1552" s="93"/>
      <c r="BD1552" s="93"/>
      <c r="BE1552" s="93"/>
      <c r="BF1552" s="93"/>
      <c r="BG1552" s="93"/>
      <c r="BH1552" s="93"/>
      <c r="BI1552" s="93"/>
      <c r="BJ1552" s="93"/>
      <c r="BK1552" s="93"/>
      <c r="BL1552" s="93"/>
    </row>
    <row r="1553" spans="2:64" x14ac:dyDescent="0.2">
      <c r="B1553" s="43"/>
      <c r="C1553" s="73"/>
      <c r="D1553" s="64"/>
      <c r="E1553" s="55"/>
      <c r="F1553" s="74"/>
      <c r="G1553" s="74"/>
      <c r="H1553" s="74"/>
      <c r="I1553" s="75"/>
      <c r="J1553" s="74"/>
      <c r="L1553" s="55"/>
      <c r="M1553" s="234"/>
      <c r="N1553" s="65"/>
      <c r="O1553" s="76"/>
      <c r="P1553" s="76"/>
      <c r="Q1553" s="65"/>
      <c r="R1553" s="76"/>
      <c r="S1553" s="76"/>
      <c r="T1553" s="76"/>
      <c r="U1553" s="76"/>
      <c r="V1553" s="76"/>
      <c r="W1553" s="76"/>
      <c r="X1553" s="76"/>
      <c r="Y1553" s="76"/>
      <c r="Z1553" s="76"/>
      <c r="AA1553" s="85"/>
      <c r="AB1553" s="85"/>
      <c r="AC1553" s="85"/>
      <c r="AD1553" s="85"/>
      <c r="AE1553" s="85"/>
      <c r="AF1553" s="85"/>
      <c r="AG1553" s="86"/>
      <c r="AH1553" s="85"/>
      <c r="AI1553" s="85"/>
      <c r="AJ1553" s="85"/>
      <c r="AK1553" s="85"/>
      <c r="AL1553" s="85"/>
      <c r="AM1553" s="92"/>
      <c r="AN1553" s="92"/>
      <c r="AO1553" s="92"/>
      <c r="AP1553" s="92"/>
      <c r="AQ1553" s="92"/>
      <c r="AR1553" s="92"/>
      <c r="AS1553" s="92"/>
      <c r="AT1553" s="92"/>
      <c r="AU1553" s="92"/>
      <c r="AV1553" s="92"/>
      <c r="AW1553" s="92"/>
      <c r="AX1553" s="92"/>
      <c r="AY1553" s="92"/>
      <c r="AZ1553" s="93"/>
      <c r="BA1553" s="93"/>
      <c r="BB1553" s="93"/>
      <c r="BC1553" s="93"/>
      <c r="BD1553" s="93"/>
      <c r="BE1553" s="93"/>
      <c r="BF1553" s="93"/>
      <c r="BG1553" s="93"/>
      <c r="BH1553" s="93"/>
      <c r="BI1553" s="93"/>
      <c r="BJ1553" s="93"/>
      <c r="BK1553" s="93"/>
      <c r="BL1553" s="93"/>
    </row>
    <row r="1554" spans="2:64" x14ac:dyDescent="0.2">
      <c r="B1554" s="43"/>
      <c r="C1554" s="73"/>
      <c r="D1554" s="64"/>
      <c r="E1554" s="55"/>
      <c r="F1554" s="74"/>
      <c r="G1554" s="74"/>
      <c r="H1554" s="74"/>
      <c r="I1554" s="75"/>
      <c r="J1554" s="74"/>
      <c r="L1554" s="55"/>
      <c r="M1554" s="234"/>
      <c r="N1554" s="65"/>
      <c r="O1554" s="76"/>
      <c r="P1554" s="76"/>
      <c r="Q1554" s="65"/>
      <c r="R1554" s="76"/>
      <c r="S1554" s="76"/>
      <c r="T1554" s="76"/>
      <c r="U1554" s="76"/>
      <c r="V1554" s="76"/>
      <c r="W1554" s="76"/>
      <c r="X1554" s="76"/>
      <c r="Y1554" s="76"/>
      <c r="Z1554" s="76"/>
      <c r="AA1554" s="85"/>
      <c r="AB1554" s="85"/>
      <c r="AC1554" s="85"/>
      <c r="AD1554" s="85"/>
      <c r="AE1554" s="85"/>
      <c r="AF1554" s="85"/>
      <c r="AG1554" s="86"/>
      <c r="AH1554" s="85"/>
      <c r="AI1554" s="85"/>
      <c r="AJ1554" s="85"/>
      <c r="AK1554" s="85"/>
      <c r="AL1554" s="85"/>
      <c r="AM1554" s="92"/>
      <c r="AN1554" s="92"/>
      <c r="AO1554" s="92"/>
      <c r="AP1554" s="92"/>
      <c r="AQ1554" s="92"/>
      <c r="AR1554" s="92"/>
      <c r="AS1554" s="92"/>
      <c r="AT1554" s="92"/>
      <c r="AU1554" s="92"/>
      <c r="AV1554" s="92"/>
      <c r="AW1554" s="92"/>
      <c r="AX1554" s="92"/>
      <c r="AY1554" s="92"/>
      <c r="AZ1554" s="93"/>
      <c r="BA1554" s="93"/>
      <c r="BB1554" s="93"/>
      <c r="BC1554" s="93"/>
      <c r="BD1554" s="93"/>
      <c r="BE1554" s="93"/>
      <c r="BF1554" s="93"/>
      <c r="BG1554" s="93"/>
      <c r="BH1554" s="93"/>
      <c r="BI1554" s="93"/>
      <c r="BJ1554" s="93"/>
      <c r="BK1554" s="93"/>
      <c r="BL1554" s="93"/>
    </row>
    <row r="1555" spans="2:64" x14ac:dyDescent="0.2">
      <c r="B1555" s="43"/>
      <c r="C1555" s="73"/>
      <c r="D1555" s="64"/>
      <c r="E1555" s="55"/>
      <c r="F1555" s="74"/>
      <c r="G1555" s="74"/>
      <c r="H1555" s="74"/>
      <c r="I1555" s="75"/>
      <c r="J1555" s="74"/>
      <c r="L1555" s="55"/>
      <c r="M1555" s="234"/>
      <c r="N1555" s="65"/>
      <c r="O1555" s="76"/>
      <c r="P1555" s="76"/>
      <c r="Q1555" s="65"/>
      <c r="R1555" s="76"/>
      <c r="S1555" s="76"/>
      <c r="T1555" s="76"/>
      <c r="U1555" s="76"/>
      <c r="V1555" s="76"/>
      <c r="W1555" s="76"/>
      <c r="X1555" s="76"/>
      <c r="Y1555" s="76"/>
      <c r="Z1555" s="76"/>
      <c r="AA1555" s="85"/>
      <c r="AB1555" s="85"/>
      <c r="AC1555" s="85"/>
      <c r="AD1555" s="85"/>
      <c r="AE1555" s="85"/>
      <c r="AF1555" s="85"/>
      <c r="AG1555" s="86"/>
      <c r="AH1555" s="85"/>
      <c r="AI1555" s="85"/>
      <c r="AJ1555" s="85"/>
      <c r="AK1555" s="85"/>
      <c r="AL1555" s="85"/>
      <c r="AM1555" s="92"/>
      <c r="AN1555" s="92"/>
      <c r="AO1555" s="92"/>
      <c r="AP1555" s="92"/>
      <c r="AQ1555" s="92"/>
      <c r="AR1555" s="92"/>
      <c r="AS1555" s="92"/>
      <c r="AT1555" s="92"/>
      <c r="AU1555" s="92"/>
      <c r="AV1555" s="92"/>
      <c r="AW1555" s="92"/>
      <c r="AX1555" s="92"/>
      <c r="AY1555" s="92"/>
      <c r="AZ1555" s="93"/>
      <c r="BA1555" s="93"/>
      <c r="BB1555" s="93"/>
      <c r="BC1555" s="93"/>
      <c r="BD1555" s="93"/>
      <c r="BE1555" s="93"/>
      <c r="BF1555" s="93"/>
      <c r="BG1555" s="93"/>
      <c r="BH1555" s="93"/>
      <c r="BI1555" s="93"/>
      <c r="BJ1555" s="93"/>
      <c r="BK1555" s="93"/>
      <c r="BL1555" s="93"/>
    </row>
    <row r="1556" spans="2:64" x14ac:dyDescent="0.2">
      <c r="B1556" s="43"/>
      <c r="C1556" s="73"/>
      <c r="D1556" s="64"/>
      <c r="E1556" s="55"/>
      <c r="F1556" s="74"/>
      <c r="G1556" s="74"/>
      <c r="H1556" s="74"/>
      <c r="I1556" s="75"/>
      <c r="J1556" s="74"/>
      <c r="L1556" s="55"/>
      <c r="M1556" s="234"/>
      <c r="N1556" s="65"/>
      <c r="O1556" s="76"/>
      <c r="P1556" s="76"/>
      <c r="Q1556" s="65"/>
      <c r="R1556" s="76"/>
      <c r="S1556" s="76"/>
      <c r="T1556" s="76"/>
      <c r="U1556" s="76"/>
      <c r="V1556" s="76"/>
      <c r="W1556" s="76"/>
      <c r="X1556" s="76"/>
      <c r="Y1556" s="76"/>
      <c r="Z1556" s="76"/>
      <c r="AA1556" s="85"/>
      <c r="AB1556" s="85"/>
      <c r="AC1556" s="85"/>
      <c r="AD1556" s="85"/>
      <c r="AE1556" s="85"/>
      <c r="AF1556" s="85"/>
      <c r="AG1556" s="86"/>
      <c r="AH1556" s="85"/>
      <c r="AI1556" s="85"/>
      <c r="AJ1556" s="85"/>
      <c r="AK1556" s="85"/>
      <c r="AL1556" s="85"/>
      <c r="AM1556" s="92"/>
      <c r="AN1556" s="92"/>
      <c r="AO1556" s="92"/>
      <c r="AP1556" s="92"/>
      <c r="AQ1556" s="92"/>
      <c r="AR1556" s="92"/>
      <c r="AS1556" s="92"/>
      <c r="AT1556" s="92"/>
      <c r="AU1556" s="92"/>
      <c r="AV1556" s="92"/>
      <c r="AW1556" s="92"/>
      <c r="AX1556" s="92"/>
      <c r="AY1556" s="92"/>
      <c r="AZ1556" s="93"/>
      <c r="BA1556" s="93"/>
      <c r="BB1556" s="93"/>
      <c r="BC1556" s="93"/>
      <c r="BD1556" s="93"/>
      <c r="BE1556" s="93"/>
      <c r="BF1556" s="93"/>
      <c r="BG1556" s="93"/>
      <c r="BH1556" s="93"/>
      <c r="BI1556" s="93"/>
      <c r="BJ1556" s="93"/>
      <c r="BK1556" s="93"/>
      <c r="BL1556" s="93"/>
    </row>
    <row r="1557" spans="2:64" x14ac:dyDescent="0.2">
      <c r="B1557" s="43"/>
      <c r="C1557" s="73"/>
      <c r="D1557" s="64"/>
      <c r="E1557" s="55"/>
      <c r="F1557" s="74"/>
      <c r="G1557" s="74"/>
      <c r="H1557" s="74"/>
      <c r="I1557" s="75"/>
      <c r="J1557" s="74"/>
      <c r="L1557" s="55"/>
      <c r="M1557" s="234"/>
      <c r="N1557" s="65"/>
      <c r="O1557" s="76"/>
      <c r="P1557" s="76"/>
      <c r="Q1557" s="65"/>
      <c r="R1557" s="76"/>
      <c r="S1557" s="76"/>
      <c r="T1557" s="76"/>
      <c r="U1557" s="76"/>
      <c r="V1557" s="76"/>
      <c r="W1557" s="76"/>
      <c r="X1557" s="76"/>
      <c r="Y1557" s="76"/>
      <c r="Z1557" s="76"/>
      <c r="AA1557" s="85"/>
      <c r="AB1557" s="85"/>
      <c r="AC1557" s="85"/>
      <c r="AD1557" s="85"/>
      <c r="AE1557" s="85"/>
      <c r="AF1557" s="85"/>
      <c r="AG1557" s="86"/>
      <c r="AH1557" s="85"/>
      <c r="AI1557" s="85"/>
      <c r="AJ1557" s="85"/>
      <c r="AK1557" s="85"/>
      <c r="AL1557" s="85"/>
      <c r="AM1557" s="92"/>
      <c r="AN1557" s="92"/>
      <c r="AO1557" s="92"/>
      <c r="AP1557" s="92"/>
      <c r="AQ1557" s="92"/>
      <c r="AR1557" s="92"/>
      <c r="AS1557" s="92"/>
      <c r="AT1557" s="92"/>
      <c r="AU1557" s="92"/>
      <c r="AV1557" s="92"/>
      <c r="AW1557" s="92"/>
      <c r="AX1557" s="92"/>
      <c r="AY1557" s="92"/>
      <c r="AZ1557" s="93"/>
      <c r="BA1557" s="93"/>
      <c r="BB1557" s="93"/>
      <c r="BC1557" s="93"/>
      <c r="BD1557" s="93"/>
      <c r="BE1557" s="93"/>
      <c r="BF1557" s="93"/>
      <c r="BG1557" s="93"/>
      <c r="BH1557" s="93"/>
      <c r="BI1557" s="93"/>
      <c r="BJ1557" s="93"/>
      <c r="BK1557" s="93"/>
      <c r="BL1557" s="93"/>
    </row>
    <row r="1558" spans="2:64" x14ac:dyDescent="0.2">
      <c r="B1558" s="43"/>
      <c r="C1558" s="73"/>
      <c r="D1558" s="64"/>
      <c r="E1558" s="55"/>
      <c r="F1558" s="74"/>
      <c r="G1558" s="74"/>
      <c r="H1558" s="74"/>
      <c r="I1558" s="75"/>
      <c r="J1558" s="74"/>
      <c r="L1558" s="55"/>
      <c r="M1558" s="234"/>
      <c r="N1558" s="65"/>
      <c r="O1558" s="76"/>
      <c r="P1558" s="76"/>
      <c r="Q1558" s="65"/>
      <c r="R1558" s="76"/>
      <c r="S1558" s="76"/>
      <c r="T1558" s="76"/>
      <c r="U1558" s="76"/>
      <c r="V1558" s="76"/>
      <c r="W1558" s="76"/>
      <c r="X1558" s="76"/>
      <c r="Y1558" s="76"/>
      <c r="Z1558" s="76"/>
      <c r="AA1558" s="85"/>
      <c r="AB1558" s="85"/>
      <c r="AC1558" s="85"/>
      <c r="AD1558" s="85"/>
      <c r="AE1558" s="85"/>
      <c r="AF1558" s="85"/>
      <c r="AG1558" s="86"/>
      <c r="AH1558" s="85"/>
      <c r="AI1558" s="85"/>
      <c r="AJ1558" s="85"/>
      <c r="AK1558" s="85"/>
      <c r="AL1558" s="85"/>
      <c r="AM1558" s="92"/>
      <c r="AN1558" s="92"/>
      <c r="AO1558" s="92"/>
      <c r="AP1558" s="92"/>
      <c r="AQ1558" s="92"/>
      <c r="AR1558" s="92"/>
      <c r="AS1558" s="92"/>
      <c r="AT1558" s="92"/>
      <c r="AU1558" s="92"/>
      <c r="AV1558" s="92"/>
      <c r="AW1558" s="92"/>
      <c r="AX1558" s="92"/>
      <c r="AY1558" s="92"/>
      <c r="AZ1558" s="93"/>
      <c r="BA1558" s="93"/>
      <c r="BB1558" s="93"/>
      <c r="BC1558" s="93"/>
      <c r="BD1558" s="93"/>
      <c r="BE1558" s="93"/>
      <c r="BF1558" s="93"/>
      <c r="BG1558" s="93"/>
      <c r="BH1558" s="93"/>
      <c r="BI1558" s="93"/>
      <c r="BJ1558" s="93"/>
      <c r="BK1558" s="93"/>
      <c r="BL1558" s="93"/>
    </row>
    <row r="1559" spans="2:64" x14ac:dyDescent="0.2">
      <c r="B1559" s="43"/>
      <c r="C1559" s="73"/>
      <c r="D1559" s="64"/>
      <c r="E1559" s="55"/>
      <c r="F1559" s="74"/>
      <c r="G1559" s="74"/>
      <c r="H1559" s="74"/>
      <c r="I1559" s="75"/>
      <c r="J1559" s="74"/>
      <c r="L1559" s="55"/>
      <c r="M1559" s="234"/>
      <c r="N1559" s="65"/>
      <c r="O1559" s="76"/>
      <c r="P1559" s="76"/>
      <c r="Q1559" s="65"/>
      <c r="R1559" s="76"/>
      <c r="S1559" s="76"/>
      <c r="T1559" s="76"/>
      <c r="U1559" s="76"/>
      <c r="V1559" s="76"/>
      <c r="W1559" s="76"/>
      <c r="X1559" s="76"/>
      <c r="Y1559" s="76"/>
      <c r="Z1559" s="76"/>
      <c r="AA1559" s="85"/>
      <c r="AB1559" s="85"/>
      <c r="AC1559" s="85"/>
      <c r="AD1559" s="85"/>
      <c r="AE1559" s="85"/>
      <c r="AF1559" s="85"/>
      <c r="AG1559" s="86"/>
      <c r="AH1559" s="85"/>
      <c r="AI1559" s="85"/>
      <c r="AJ1559" s="85"/>
      <c r="AK1559" s="85"/>
      <c r="AL1559" s="85"/>
      <c r="AM1559" s="92"/>
      <c r="AN1559" s="92"/>
      <c r="AO1559" s="92"/>
      <c r="AP1559" s="92"/>
      <c r="AQ1559" s="92"/>
      <c r="AR1559" s="92"/>
      <c r="AS1559" s="92"/>
      <c r="AT1559" s="92"/>
      <c r="AU1559" s="92"/>
      <c r="AV1559" s="92"/>
      <c r="AW1559" s="92"/>
      <c r="AX1559" s="92"/>
      <c r="AY1559" s="92"/>
      <c r="AZ1559" s="93"/>
      <c r="BA1559" s="93"/>
      <c r="BB1559" s="93"/>
      <c r="BC1559" s="93"/>
      <c r="BD1559" s="93"/>
      <c r="BE1559" s="93"/>
      <c r="BF1559" s="93"/>
      <c r="BG1559" s="93"/>
      <c r="BH1559" s="93"/>
      <c r="BI1559" s="93"/>
      <c r="BJ1559" s="93"/>
      <c r="BK1559" s="93"/>
      <c r="BL1559" s="93"/>
    </row>
    <row r="1560" spans="2:64" x14ac:dyDescent="0.2">
      <c r="B1560" s="43"/>
      <c r="C1560" s="73"/>
      <c r="D1560" s="64"/>
      <c r="E1560" s="55"/>
      <c r="F1560" s="74"/>
      <c r="G1560" s="74"/>
      <c r="H1560" s="74"/>
      <c r="I1560" s="75"/>
      <c r="J1560" s="74"/>
      <c r="L1560" s="55"/>
      <c r="M1560" s="234"/>
      <c r="N1560" s="65"/>
      <c r="O1560" s="76"/>
      <c r="P1560" s="76"/>
      <c r="Q1560" s="65"/>
      <c r="R1560" s="76"/>
      <c r="S1560" s="76"/>
      <c r="T1560" s="76"/>
      <c r="U1560" s="76"/>
      <c r="V1560" s="76"/>
      <c r="W1560" s="76"/>
      <c r="X1560" s="76"/>
      <c r="Y1560" s="76"/>
      <c r="Z1560" s="76"/>
      <c r="AA1560" s="85"/>
      <c r="AB1560" s="85"/>
      <c r="AC1560" s="85"/>
      <c r="AD1560" s="85"/>
      <c r="AE1560" s="85"/>
      <c r="AF1560" s="85"/>
      <c r="AG1560" s="86"/>
      <c r="AH1560" s="85"/>
      <c r="AI1560" s="85"/>
      <c r="AJ1560" s="85"/>
      <c r="AK1560" s="85"/>
      <c r="AL1560" s="85"/>
      <c r="AM1560" s="92"/>
      <c r="AN1560" s="92"/>
      <c r="AO1560" s="92"/>
      <c r="AP1560" s="92"/>
      <c r="AQ1560" s="92"/>
      <c r="AR1560" s="92"/>
      <c r="AS1560" s="92"/>
      <c r="AT1560" s="92"/>
      <c r="AU1560" s="92"/>
      <c r="AV1560" s="92"/>
      <c r="AW1560" s="92"/>
      <c r="AX1560" s="92"/>
      <c r="AY1560" s="92"/>
      <c r="AZ1560" s="93"/>
      <c r="BA1560" s="93"/>
      <c r="BB1560" s="93"/>
      <c r="BC1560" s="93"/>
      <c r="BD1560" s="93"/>
      <c r="BE1560" s="93"/>
      <c r="BF1560" s="93"/>
      <c r="BG1560" s="93"/>
      <c r="BH1560" s="93"/>
      <c r="BI1560" s="93"/>
      <c r="BJ1560" s="93"/>
      <c r="BK1560" s="93"/>
      <c r="BL1560" s="93"/>
    </row>
    <row r="1561" spans="2:64" x14ac:dyDescent="0.2">
      <c r="B1561" s="43"/>
      <c r="C1561" s="73"/>
      <c r="D1561" s="64"/>
      <c r="E1561" s="55"/>
      <c r="F1561" s="74"/>
      <c r="G1561" s="74"/>
      <c r="H1561" s="74"/>
      <c r="I1561" s="75"/>
      <c r="J1561" s="74"/>
      <c r="L1561" s="55"/>
      <c r="M1561" s="234"/>
      <c r="N1561" s="65"/>
      <c r="O1561" s="76"/>
      <c r="P1561" s="76"/>
      <c r="Q1561" s="65"/>
      <c r="R1561" s="76"/>
      <c r="S1561" s="76"/>
      <c r="T1561" s="76"/>
      <c r="U1561" s="76"/>
      <c r="V1561" s="76"/>
      <c r="W1561" s="76"/>
      <c r="X1561" s="76"/>
      <c r="Y1561" s="76"/>
      <c r="Z1561" s="76"/>
      <c r="AA1561" s="85"/>
      <c r="AB1561" s="85"/>
      <c r="AC1561" s="85"/>
      <c r="AD1561" s="85"/>
      <c r="AE1561" s="85"/>
      <c r="AF1561" s="85"/>
      <c r="AG1561" s="86"/>
      <c r="AH1561" s="85"/>
      <c r="AI1561" s="85"/>
      <c r="AJ1561" s="85"/>
      <c r="AK1561" s="85"/>
      <c r="AL1561" s="85"/>
      <c r="AM1561" s="92"/>
      <c r="AN1561" s="92"/>
      <c r="AO1561" s="92"/>
      <c r="AP1561" s="92"/>
      <c r="AQ1561" s="92"/>
      <c r="AR1561" s="92"/>
      <c r="AS1561" s="92"/>
      <c r="AT1561" s="92"/>
      <c r="AU1561" s="92"/>
      <c r="AV1561" s="92"/>
      <c r="AW1561" s="92"/>
      <c r="AX1561" s="92"/>
      <c r="AY1561" s="92"/>
      <c r="AZ1561" s="93"/>
      <c r="BA1561" s="93"/>
      <c r="BB1561" s="93"/>
      <c r="BC1561" s="93"/>
      <c r="BD1561" s="93"/>
      <c r="BE1561" s="93"/>
      <c r="BF1561" s="93"/>
      <c r="BG1561" s="93"/>
      <c r="BH1561" s="93"/>
      <c r="BI1561" s="93"/>
      <c r="BJ1561" s="93"/>
      <c r="BK1561" s="93"/>
      <c r="BL1561" s="93"/>
    </row>
    <row r="1562" spans="2:64" x14ac:dyDescent="0.2">
      <c r="B1562" s="43"/>
      <c r="C1562" s="73"/>
      <c r="D1562" s="64"/>
      <c r="E1562" s="55"/>
      <c r="F1562" s="74"/>
      <c r="G1562" s="74"/>
      <c r="H1562" s="74"/>
      <c r="I1562" s="75"/>
      <c r="J1562" s="74"/>
      <c r="L1562" s="55"/>
      <c r="M1562" s="234"/>
      <c r="N1562" s="65"/>
      <c r="O1562" s="76"/>
      <c r="P1562" s="76"/>
      <c r="Q1562" s="65"/>
      <c r="R1562" s="76"/>
      <c r="S1562" s="76"/>
      <c r="T1562" s="76"/>
      <c r="U1562" s="76"/>
      <c r="V1562" s="76"/>
      <c r="W1562" s="76"/>
      <c r="X1562" s="76"/>
      <c r="Y1562" s="76"/>
      <c r="Z1562" s="76"/>
      <c r="AA1562" s="85"/>
      <c r="AB1562" s="85"/>
      <c r="AC1562" s="85"/>
      <c r="AD1562" s="85"/>
      <c r="AE1562" s="85"/>
      <c r="AF1562" s="85"/>
      <c r="AG1562" s="86"/>
      <c r="AH1562" s="85"/>
      <c r="AI1562" s="85"/>
      <c r="AJ1562" s="85"/>
      <c r="AK1562" s="85"/>
      <c r="AL1562" s="85"/>
      <c r="AM1562" s="92"/>
      <c r="AN1562" s="92"/>
      <c r="AO1562" s="92"/>
      <c r="AP1562" s="92"/>
      <c r="AQ1562" s="92"/>
      <c r="AR1562" s="92"/>
      <c r="AS1562" s="92"/>
      <c r="AT1562" s="92"/>
      <c r="AU1562" s="92"/>
      <c r="AV1562" s="92"/>
      <c r="AW1562" s="92"/>
      <c r="AX1562" s="92"/>
      <c r="AY1562" s="92"/>
      <c r="AZ1562" s="93"/>
      <c r="BA1562" s="93"/>
      <c r="BB1562" s="93"/>
      <c r="BC1562" s="93"/>
      <c r="BD1562" s="93"/>
      <c r="BE1562" s="93"/>
      <c r="BF1562" s="93"/>
      <c r="BG1562" s="93"/>
      <c r="BH1562" s="93"/>
      <c r="BI1562" s="93"/>
      <c r="BJ1562" s="93"/>
      <c r="BK1562" s="93"/>
      <c r="BL1562" s="93"/>
    </row>
    <row r="1563" spans="2:64" x14ac:dyDescent="0.2">
      <c r="B1563" s="43"/>
      <c r="C1563" s="73"/>
      <c r="D1563" s="64"/>
      <c r="E1563" s="55"/>
      <c r="F1563" s="74"/>
      <c r="G1563" s="74"/>
      <c r="H1563" s="74"/>
      <c r="I1563" s="75"/>
      <c r="J1563" s="74"/>
      <c r="L1563" s="55"/>
      <c r="M1563" s="234"/>
      <c r="N1563" s="65"/>
      <c r="O1563" s="76"/>
      <c r="P1563" s="76"/>
      <c r="Q1563" s="65"/>
      <c r="R1563" s="76"/>
      <c r="S1563" s="76"/>
      <c r="T1563" s="76"/>
      <c r="U1563" s="76"/>
      <c r="V1563" s="76"/>
      <c r="W1563" s="76"/>
      <c r="X1563" s="76"/>
      <c r="Y1563" s="76"/>
      <c r="Z1563" s="76"/>
      <c r="AA1563" s="85"/>
      <c r="AB1563" s="85"/>
      <c r="AC1563" s="85"/>
      <c r="AD1563" s="85"/>
      <c r="AE1563" s="85"/>
      <c r="AF1563" s="85"/>
      <c r="AG1563" s="86"/>
      <c r="AH1563" s="85"/>
      <c r="AI1563" s="85"/>
      <c r="AJ1563" s="85"/>
      <c r="AK1563" s="85"/>
      <c r="AL1563" s="85"/>
      <c r="AM1563" s="92"/>
      <c r="AN1563" s="92"/>
      <c r="AO1563" s="92"/>
      <c r="AP1563" s="92"/>
      <c r="AQ1563" s="92"/>
      <c r="AR1563" s="92"/>
      <c r="AS1563" s="92"/>
      <c r="AT1563" s="92"/>
      <c r="AU1563" s="92"/>
      <c r="AV1563" s="92"/>
      <c r="AW1563" s="92"/>
      <c r="AX1563" s="92"/>
      <c r="AY1563" s="92"/>
      <c r="AZ1563" s="93"/>
      <c r="BA1563" s="93"/>
      <c r="BB1563" s="93"/>
      <c r="BC1563" s="93"/>
      <c r="BD1563" s="93"/>
      <c r="BE1563" s="93"/>
      <c r="BF1563" s="93"/>
      <c r="BG1563" s="93"/>
      <c r="BH1563" s="93"/>
      <c r="BI1563" s="93"/>
      <c r="BJ1563" s="93"/>
      <c r="BK1563" s="93"/>
      <c r="BL1563" s="93"/>
    </row>
    <row r="1564" spans="2:64" x14ac:dyDescent="0.2">
      <c r="B1564" s="43"/>
      <c r="C1564" s="73"/>
      <c r="D1564" s="64"/>
      <c r="E1564" s="55"/>
      <c r="F1564" s="74"/>
      <c r="G1564" s="74"/>
      <c r="H1564" s="74"/>
      <c r="I1564" s="75"/>
      <c r="J1564" s="74"/>
      <c r="L1564" s="55"/>
      <c r="M1564" s="234"/>
      <c r="N1564" s="65"/>
      <c r="O1564" s="76"/>
      <c r="P1564" s="76"/>
      <c r="Q1564" s="65"/>
      <c r="R1564" s="76"/>
      <c r="S1564" s="76"/>
      <c r="T1564" s="76"/>
      <c r="U1564" s="76"/>
      <c r="V1564" s="76"/>
      <c r="W1564" s="76"/>
      <c r="X1564" s="76"/>
      <c r="Y1564" s="76"/>
      <c r="Z1564" s="76"/>
      <c r="AA1564" s="85"/>
      <c r="AB1564" s="85"/>
      <c r="AC1564" s="85"/>
      <c r="AD1564" s="85"/>
      <c r="AE1564" s="85"/>
      <c r="AF1564" s="85"/>
      <c r="AG1564" s="86"/>
      <c r="AH1564" s="85"/>
      <c r="AI1564" s="85"/>
      <c r="AJ1564" s="85"/>
      <c r="AK1564" s="85"/>
      <c r="AL1564" s="85"/>
      <c r="AM1564" s="92"/>
      <c r="AN1564" s="92"/>
      <c r="AO1564" s="92"/>
      <c r="AP1564" s="92"/>
      <c r="AQ1564" s="92"/>
      <c r="AR1564" s="92"/>
      <c r="AS1564" s="92"/>
      <c r="AT1564" s="92"/>
      <c r="AU1564" s="92"/>
      <c r="AV1564" s="92"/>
      <c r="AW1564" s="92"/>
      <c r="AX1564" s="92"/>
      <c r="AY1564" s="92"/>
      <c r="AZ1564" s="93"/>
      <c r="BA1564" s="93"/>
      <c r="BB1564" s="93"/>
      <c r="BC1564" s="93"/>
      <c r="BD1564" s="93"/>
      <c r="BE1564" s="93"/>
      <c r="BF1564" s="93"/>
      <c r="BG1564" s="93"/>
      <c r="BH1564" s="93"/>
      <c r="BI1564" s="93"/>
      <c r="BJ1564" s="93"/>
      <c r="BK1564" s="93"/>
      <c r="BL1564" s="93"/>
    </row>
    <row r="1565" spans="2:64" x14ac:dyDescent="0.2">
      <c r="B1565" s="43"/>
      <c r="C1565" s="73"/>
      <c r="D1565" s="64"/>
      <c r="E1565" s="55"/>
      <c r="F1565" s="74"/>
      <c r="G1565" s="74"/>
      <c r="H1565" s="74"/>
      <c r="I1565" s="75"/>
      <c r="J1565" s="74"/>
      <c r="L1565" s="55"/>
      <c r="M1565" s="234"/>
      <c r="N1565" s="65"/>
      <c r="O1565" s="76"/>
      <c r="P1565" s="76"/>
      <c r="Q1565" s="65"/>
      <c r="R1565" s="76"/>
      <c r="S1565" s="76"/>
      <c r="T1565" s="76"/>
      <c r="U1565" s="76"/>
      <c r="V1565" s="76"/>
      <c r="W1565" s="76"/>
      <c r="X1565" s="76"/>
      <c r="Y1565" s="76"/>
      <c r="Z1565" s="76"/>
      <c r="AA1565" s="85"/>
      <c r="AB1565" s="85"/>
      <c r="AC1565" s="85"/>
      <c r="AD1565" s="85"/>
      <c r="AE1565" s="85"/>
      <c r="AF1565" s="85"/>
      <c r="AG1565" s="86"/>
      <c r="AH1565" s="85"/>
      <c r="AI1565" s="85"/>
      <c r="AJ1565" s="85"/>
      <c r="AK1565" s="85"/>
      <c r="AL1565" s="85"/>
      <c r="AM1565" s="92"/>
      <c r="AN1565" s="92"/>
      <c r="AO1565" s="92"/>
      <c r="AP1565" s="92"/>
      <c r="AQ1565" s="92"/>
      <c r="AR1565" s="92"/>
      <c r="AS1565" s="92"/>
      <c r="AT1565" s="92"/>
      <c r="AU1565" s="92"/>
      <c r="AV1565" s="92"/>
      <c r="AW1565" s="92"/>
      <c r="AX1565" s="92"/>
      <c r="AY1565" s="92"/>
      <c r="AZ1565" s="93"/>
      <c r="BA1565" s="93"/>
      <c r="BB1565" s="93"/>
      <c r="BC1565" s="93"/>
      <c r="BD1565" s="93"/>
      <c r="BE1565" s="93"/>
      <c r="BF1565" s="93"/>
      <c r="BG1565" s="93"/>
      <c r="BH1565" s="93"/>
      <c r="BI1565" s="93"/>
      <c r="BJ1565" s="93"/>
      <c r="BK1565" s="93"/>
      <c r="BL1565" s="93"/>
    </row>
    <row r="1566" spans="2:64" x14ac:dyDescent="0.2">
      <c r="B1566" s="43"/>
      <c r="C1566" s="73"/>
      <c r="D1566" s="64"/>
      <c r="E1566" s="55"/>
      <c r="F1566" s="74"/>
      <c r="G1566" s="74"/>
      <c r="H1566" s="74"/>
      <c r="I1566" s="75"/>
      <c r="J1566" s="74"/>
      <c r="L1566" s="55"/>
      <c r="M1566" s="234"/>
      <c r="N1566" s="65"/>
      <c r="O1566" s="76"/>
      <c r="P1566" s="76"/>
      <c r="Q1566" s="65"/>
      <c r="R1566" s="76"/>
      <c r="S1566" s="76"/>
      <c r="T1566" s="76"/>
      <c r="U1566" s="76"/>
      <c r="V1566" s="76"/>
      <c r="W1566" s="76"/>
      <c r="X1566" s="76"/>
      <c r="Y1566" s="76"/>
      <c r="Z1566" s="76"/>
      <c r="AA1566" s="85"/>
      <c r="AB1566" s="85"/>
      <c r="AC1566" s="85"/>
      <c r="AD1566" s="85"/>
      <c r="AE1566" s="85"/>
      <c r="AF1566" s="85"/>
      <c r="AG1566" s="86"/>
      <c r="AH1566" s="85"/>
      <c r="AI1566" s="85"/>
      <c r="AJ1566" s="85"/>
      <c r="AK1566" s="85"/>
      <c r="AL1566" s="85"/>
      <c r="AM1566" s="92"/>
      <c r="AN1566" s="92"/>
      <c r="AO1566" s="92"/>
      <c r="AP1566" s="92"/>
      <c r="AQ1566" s="92"/>
      <c r="AR1566" s="92"/>
      <c r="AS1566" s="92"/>
      <c r="AT1566" s="92"/>
      <c r="AU1566" s="92"/>
      <c r="AV1566" s="92"/>
      <c r="AW1566" s="92"/>
      <c r="AX1566" s="92"/>
      <c r="AY1566" s="92"/>
      <c r="AZ1566" s="93"/>
      <c r="BA1566" s="93"/>
      <c r="BB1566" s="93"/>
      <c r="BC1566" s="93"/>
      <c r="BD1566" s="93"/>
      <c r="BE1566" s="93"/>
      <c r="BF1566" s="93"/>
      <c r="BG1566" s="93"/>
      <c r="BH1566" s="93"/>
      <c r="BI1566" s="93"/>
      <c r="BJ1566" s="93"/>
      <c r="BK1566" s="93"/>
      <c r="BL1566" s="93"/>
    </row>
    <row r="1567" spans="2:64" x14ac:dyDescent="0.2">
      <c r="B1567" s="43"/>
      <c r="C1567" s="73"/>
      <c r="D1567" s="64"/>
      <c r="E1567" s="55"/>
      <c r="F1567" s="74"/>
      <c r="G1567" s="74"/>
      <c r="H1567" s="74"/>
      <c r="I1567" s="75"/>
      <c r="J1567" s="74"/>
      <c r="L1567" s="55"/>
      <c r="M1567" s="234"/>
      <c r="N1567" s="65"/>
      <c r="O1567" s="76"/>
      <c r="P1567" s="76"/>
      <c r="Q1567" s="65"/>
      <c r="R1567" s="76"/>
      <c r="S1567" s="76"/>
      <c r="T1567" s="76"/>
      <c r="U1567" s="76"/>
      <c r="V1567" s="76"/>
      <c r="W1567" s="76"/>
      <c r="X1567" s="76"/>
      <c r="Y1567" s="76"/>
      <c r="Z1567" s="76"/>
      <c r="AA1567" s="85"/>
      <c r="AB1567" s="85"/>
      <c r="AC1567" s="85"/>
      <c r="AD1567" s="85"/>
      <c r="AE1567" s="85"/>
      <c r="AF1567" s="85"/>
      <c r="AG1567" s="86"/>
      <c r="AH1567" s="85"/>
      <c r="AI1567" s="85"/>
      <c r="AJ1567" s="85"/>
      <c r="AK1567" s="85"/>
      <c r="AL1567" s="85"/>
      <c r="AM1567" s="92"/>
      <c r="AN1567" s="92"/>
      <c r="AO1567" s="92"/>
      <c r="AP1567" s="92"/>
      <c r="AQ1567" s="92"/>
      <c r="AR1567" s="92"/>
      <c r="AS1567" s="92"/>
      <c r="AT1567" s="92"/>
      <c r="AU1567" s="92"/>
      <c r="AV1567" s="92"/>
      <c r="AW1567" s="92"/>
      <c r="AX1567" s="92"/>
      <c r="AY1567" s="92"/>
      <c r="AZ1567" s="93"/>
      <c r="BA1567" s="93"/>
      <c r="BB1567" s="93"/>
      <c r="BC1567" s="93"/>
      <c r="BD1567" s="93"/>
      <c r="BE1567" s="93"/>
      <c r="BF1567" s="93"/>
      <c r="BG1567" s="93"/>
      <c r="BH1567" s="93"/>
      <c r="BI1567" s="93"/>
      <c r="BJ1567" s="93"/>
      <c r="BK1567" s="93"/>
      <c r="BL1567" s="93"/>
    </row>
    <row r="1568" spans="2:64" x14ac:dyDescent="0.2">
      <c r="B1568" s="43"/>
      <c r="C1568" s="73"/>
      <c r="D1568" s="64"/>
      <c r="E1568" s="55"/>
      <c r="F1568" s="74"/>
      <c r="G1568" s="74"/>
      <c r="H1568" s="74"/>
      <c r="I1568" s="75"/>
      <c r="J1568" s="74"/>
      <c r="L1568" s="55"/>
      <c r="M1568" s="234"/>
      <c r="N1568" s="65"/>
      <c r="O1568" s="76"/>
      <c r="P1568" s="76"/>
      <c r="Q1568" s="65"/>
      <c r="R1568" s="76"/>
      <c r="S1568" s="76"/>
      <c r="T1568" s="76"/>
      <c r="U1568" s="76"/>
      <c r="V1568" s="76"/>
      <c r="W1568" s="76"/>
      <c r="X1568" s="76"/>
      <c r="Y1568" s="76"/>
      <c r="Z1568" s="76"/>
      <c r="AA1568" s="85"/>
      <c r="AB1568" s="85"/>
      <c r="AC1568" s="85"/>
      <c r="AD1568" s="85"/>
      <c r="AE1568" s="85"/>
      <c r="AF1568" s="85"/>
      <c r="AG1568" s="86"/>
      <c r="AH1568" s="85"/>
      <c r="AI1568" s="85"/>
      <c r="AJ1568" s="85"/>
      <c r="AK1568" s="85"/>
      <c r="AL1568" s="85"/>
      <c r="AM1568" s="92"/>
      <c r="AN1568" s="92"/>
      <c r="AO1568" s="92"/>
      <c r="AP1568" s="92"/>
      <c r="AQ1568" s="92"/>
      <c r="AR1568" s="92"/>
      <c r="AS1568" s="92"/>
      <c r="AT1568" s="92"/>
      <c r="AU1568" s="92"/>
      <c r="AV1568" s="92"/>
      <c r="AW1568" s="92"/>
      <c r="AX1568" s="92"/>
      <c r="AY1568" s="92"/>
      <c r="AZ1568" s="93"/>
      <c r="BA1568" s="93"/>
      <c r="BB1568" s="93"/>
      <c r="BC1568" s="93"/>
      <c r="BD1568" s="93"/>
      <c r="BE1568" s="93"/>
      <c r="BF1568" s="93"/>
      <c r="BG1568" s="93"/>
      <c r="BH1568" s="93"/>
      <c r="BI1568" s="93"/>
      <c r="BJ1568" s="93"/>
      <c r="BK1568" s="93"/>
      <c r="BL1568" s="93"/>
    </row>
    <row r="1569" spans="2:64" x14ac:dyDescent="0.2">
      <c r="B1569" s="43"/>
      <c r="C1569" s="73"/>
      <c r="D1569" s="64"/>
      <c r="E1569" s="55"/>
      <c r="F1569" s="74"/>
      <c r="G1569" s="74"/>
      <c r="H1569" s="74"/>
      <c r="I1569" s="75"/>
      <c r="J1569" s="74"/>
      <c r="L1569" s="55"/>
      <c r="M1569" s="234"/>
      <c r="N1569" s="65"/>
      <c r="O1569" s="76"/>
      <c r="P1569" s="76"/>
      <c r="Q1569" s="65"/>
      <c r="R1569" s="76"/>
      <c r="S1569" s="76"/>
      <c r="T1569" s="76"/>
      <c r="U1569" s="76"/>
      <c r="V1569" s="76"/>
      <c r="W1569" s="76"/>
      <c r="X1569" s="76"/>
      <c r="Y1569" s="76"/>
      <c r="Z1569" s="76"/>
      <c r="AA1569" s="85"/>
      <c r="AB1569" s="85"/>
      <c r="AC1569" s="85"/>
      <c r="AD1569" s="85"/>
      <c r="AE1569" s="85"/>
      <c r="AF1569" s="85"/>
      <c r="AG1569" s="86"/>
      <c r="AH1569" s="85"/>
      <c r="AI1569" s="85"/>
      <c r="AJ1569" s="85"/>
      <c r="AK1569" s="85"/>
      <c r="AL1569" s="85"/>
      <c r="AM1569" s="92"/>
      <c r="AN1569" s="92"/>
      <c r="AO1569" s="92"/>
      <c r="AP1569" s="92"/>
      <c r="AQ1569" s="92"/>
      <c r="AR1569" s="92"/>
      <c r="AS1569" s="92"/>
      <c r="AT1569" s="92"/>
      <c r="AU1569" s="92"/>
      <c r="AV1569" s="92"/>
      <c r="AW1569" s="92"/>
      <c r="AX1569" s="92"/>
      <c r="AY1569" s="92"/>
      <c r="AZ1569" s="93"/>
      <c r="BA1569" s="93"/>
      <c r="BB1569" s="93"/>
      <c r="BC1569" s="93"/>
      <c r="BD1569" s="93"/>
      <c r="BE1569" s="93"/>
      <c r="BF1569" s="93"/>
      <c r="BG1569" s="93"/>
      <c r="BH1569" s="93"/>
      <c r="BI1569" s="93"/>
      <c r="BJ1569" s="93"/>
      <c r="BK1569" s="93"/>
      <c r="BL1569" s="93"/>
    </row>
    <row r="1570" spans="2:64" x14ac:dyDescent="0.2">
      <c r="B1570" s="43"/>
      <c r="C1570" s="73"/>
      <c r="D1570" s="64"/>
      <c r="E1570" s="55"/>
      <c r="F1570" s="74"/>
      <c r="G1570" s="74"/>
      <c r="H1570" s="74"/>
      <c r="I1570" s="75"/>
      <c r="J1570" s="74"/>
      <c r="L1570" s="55"/>
      <c r="M1570" s="234"/>
      <c r="N1570" s="65"/>
      <c r="O1570" s="76"/>
      <c r="P1570" s="76"/>
      <c r="Q1570" s="65"/>
      <c r="R1570" s="76"/>
      <c r="S1570" s="76"/>
      <c r="T1570" s="76"/>
      <c r="U1570" s="76"/>
      <c r="V1570" s="76"/>
      <c r="W1570" s="76"/>
      <c r="X1570" s="76"/>
      <c r="Y1570" s="76"/>
      <c r="Z1570" s="76"/>
      <c r="AA1570" s="85"/>
      <c r="AB1570" s="85"/>
      <c r="AC1570" s="85"/>
      <c r="AD1570" s="85"/>
      <c r="AE1570" s="85"/>
      <c r="AF1570" s="85"/>
      <c r="AG1570" s="86"/>
      <c r="AH1570" s="85"/>
      <c r="AI1570" s="85"/>
      <c r="AJ1570" s="85"/>
      <c r="AK1570" s="85"/>
      <c r="AL1570" s="85"/>
      <c r="AM1570" s="92"/>
      <c r="AN1570" s="92"/>
      <c r="AO1570" s="92"/>
      <c r="AP1570" s="92"/>
      <c r="AQ1570" s="92"/>
      <c r="AR1570" s="92"/>
      <c r="AS1570" s="92"/>
      <c r="AT1570" s="92"/>
      <c r="AU1570" s="92"/>
      <c r="AV1570" s="92"/>
      <c r="AW1570" s="92"/>
      <c r="AX1570" s="92"/>
      <c r="AY1570" s="92"/>
      <c r="AZ1570" s="93"/>
      <c r="BA1570" s="93"/>
      <c r="BB1570" s="93"/>
      <c r="BC1570" s="93"/>
      <c r="BD1570" s="93"/>
      <c r="BE1570" s="93"/>
      <c r="BF1570" s="93"/>
      <c r="BG1570" s="93"/>
      <c r="BH1570" s="93"/>
      <c r="BI1570" s="93"/>
      <c r="BJ1570" s="93"/>
      <c r="BK1570" s="93"/>
      <c r="BL1570" s="93"/>
    </row>
    <row r="1571" spans="2:64" x14ac:dyDescent="0.2">
      <c r="B1571" s="43"/>
      <c r="C1571" s="73"/>
      <c r="D1571" s="64"/>
      <c r="E1571" s="55"/>
      <c r="F1571" s="74"/>
      <c r="G1571" s="74"/>
      <c r="H1571" s="74"/>
      <c r="I1571" s="75"/>
      <c r="J1571" s="74"/>
      <c r="L1571" s="55"/>
      <c r="M1571" s="234"/>
      <c r="N1571" s="65"/>
      <c r="O1571" s="76"/>
      <c r="P1571" s="76"/>
      <c r="Q1571" s="65"/>
      <c r="R1571" s="76"/>
      <c r="S1571" s="76"/>
      <c r="T1571" s="76"/>
      <c r="U1571" s="76"/>
      <c r="V1571" s="76"/>
      <c r="W1571" s="76"/>
      <c r="X1571" s="76"/>
      <c r="Y1571" s="76"/>
      <c r="Z1571" s="76"/>
      <c r="AA1571" s="85"/>
      <c r="AB1571" s="85"/>
      <c r="AC1571" s="85"/>
      <c r="AD1571" s="85"/>
      <c r="AE1571" s="85"/>
      <c r="AF1571" s="85"/>
      <c r="AG1571" s="86"/>
      <c r="AH1571" s="85"/>
      <c r="AI1571" s="85"/>
      <c r="AJ1571" s="85"/>
      <c r="AK1571" s="85"/>
      <c r="AL1571" s="85"/>
      <c r="AM1571" s="92"/>
      <c r="AN1571" s="92"/>
      <c r="AO1571" s="92"/>
      <c r="AP1571" s="92"/>
      <c r="AQ1571" s="92"/>
      <c r="AR1571" s="92"/>
      <c r="AS1571" s="92"/>
      <c r="AT1571" s="92"/>
      <c r="AU1571" s="92"/>
      <c r="AV1571" s="92"/>
      <c r="AW1571" s="92"/>
      <c r="AX1571" s="92"/>
      <c r="AY1571" s="92"/>
      <c r="AZ1571" s="93"/>
      <c r="BA1571" s="93"/>
      <c r="BB1571" s="93"/>
      <c r="BC1571" s="93"/>
      <c r="BD1571" s="93"/>
      <c r="BE1571" s="93"/>
      <c r="BF1571" s="93"/>
      <c r="BG1571" s="93"/>
      <c r="BH1571" s="93"/>
      <c r="BI1571" s="93"/>
      <c r="BJ1571" s="93"/>
      <c r="BK1571" s="93"/>
      <c r="BL1571" s="93"/>
    </row>
    <row r="1572" spans="2:64" x14ac:dyDescent="0.2">
      <c r="B1572" s="43"/>
      <c r="C1572" s="73"/>
      <c r="D1572" s="64"/>
      <c r="E1572" s="55"/>
      <c r="F1572" s="74"/>
      <c r="G1572" s="74"/>
      <c r="H1572" s="74"/>
      <c r="I1572" s="75"/>
      <c r="J1572" s="74"/>
      <c r="L1572" s="55"/>
      <c r="M1572" s="234"/>
      <c r="N1572" s="65"/>
      <c r="O1572" s="76"/>
      <c r="P1572" s="76"/>
      <c r="Q1572" s="65"/>
      <c r="R1572" s="76"/>
      <c r="S1572" s="76"/>
      <c r="T1572" s="76"/>
      <c r="U1572" s="76"/>
      <c r="V1572" s="76"/>
      <c r="W1572" s="76"/>
      <c r="X1572" s="76"/>
      <c r="Y1572" s="76"/>
      <c r="Z1572" s="76"/>
      <c r="AA1572" s="85"/>
      <c r="AB1572" s="85"/>
      <c r="AC1572" s="85"/>
      <c r="AD1572" s="85"/>
      <c r="AE1572" s="85"/>
      <c r="AF1572" s="85"/>
      <c r="AG1572" s="86"/>
      <c r="AH1572" s="85"/>
      <c r="AI1572" s="85"/>
      <c r="AJ1572" s="85"/>
      <c r="AK1572" s="85"/>
      <c r="AL1572" s="85"/>
      <c r="AM1572" s="92"/>
      <c r="AN1572" s="92"/>
      <c r="AO1572" s="92"/>
      <c r="AP1572" s="92"/>
      <c r="AQ1572" s="92"/>
      <c r="AR1572" s="92"/>
      <c r="AS1572" s="92"/>
      <c r="AT1572" s="92"/>
      <c r="AU1572" s="92"/>
      <c r="AV1572" s="92"/>
      <c r="AW1572" s="92"/>
      <c r="AX1572" s="92"/>
      <c r="AY1572" s="92"/>
      <c r="AZ1572" s="93"/>
      <c r="BA1572" s="93"/>
      <c r="BB1572" s="93"/>
      <c r="BC1572" s="93"/>
      <c r="BD1572" s="93"/>
      <c r="BE1572" s="93"/>
      <c r="BF1572" s="93"/>
      <c r="BG1572" s="93"/>
      <c r="BH1572" s="93"/>
      <c r="BI1572" s="93"/>
      <c r="BJ1572" s="93"/>
      <c r="BK1572" s="93"/>
      <c r="BL1572" s="93"/>
    </row>
    <row r="1573" spans="2:64" x14ac:dyDescent="0.2">
      <c r="B1573" s="43"/>
      <c r="C1573" s="73"/>
      <c r="D1573" s="64"/>
      <c r="E1573" s="55"/>
      <c r="F1573" s="74"/>
      <c r="G1573" s="74"/>
      <c r="H1573" s="74"/>
      <c r="I1573" s="75"/>
      <c r="J1573" s="74"/>
      <c r="L1573" s="55"/>
      <c r="M1573" s="234"/>
      <c r="N1573" s="65"/>
      <c r="O1573" s="76"/>
      <c r="P1573" s="76"/>
      <c r="Q1573" s="65"/>
      <c r="R1573" s="76"/>
      <c r="S1573" s="76"/>
      <c r="T1573" s="76"/>
      <c r="U1573" s="76"/>
      <c r="V1573" s="76"/>
      <c r="W1573" s="76"/>
      <c r="X1573" s="76"/>
      <c r="Y1573" s="76"/>
      <c r="Z1573" s="76"/>
      <c r="AA1573" s="85"/>
      <c r="AB1573" s="85"/>
      <c r="AC1573" s="85"/>
      <c r="AD1573" s="85"/>
      <c r="AE1573" s="85"/>
      <c r="AF1573" s="85"/>
      <c r="AG1573" s="86"/>
      <c r="AH1573" s="85"/>
      <c r="AI1573" s="85"/>
      <c r="AJ1573" s="85"/>
      <c r="AK1573" s="85"/>
      <c r="AL1573" s="85"/>
      <c r="AM1573" s="92"/>
      <c r="AN1573" s="92"/>
      <c r="AO1573" s="92"/>
      <c r="AP1573" s="92"/>
      <c r="AQ1573" s="92"/>
      <c r="AR1573" s="92"/>
      <c r="AS1573" s="92"/>
      <c r="AT1573" s="92"/>
      <c r="AU1573" s="92"/>
      <c r="AV1573" s="92"/>
      <c r="AW1573" s="92"/>
      <c r="AX1573" s="92"/>
      <c r="AY1573" s="92"/>
      <c r="AZ1573" s="93"/>
      <c r="BA1573" s="93"/>
      <c r="BB1573" s="93"/>
      <c r="BC1573" s="93"/>
      <c r="BD1573" s="93"/>
      <c r="BE1573" s="93"/>
      <c r="BF1573" s="93"/>
      <c r="BG1573" s="93"/>
      <c r="BH1573" s="93"/>
      <c r="BI1573" s="93"/>
      <c r="BJ1573" s="93"/>
      <c r="BK1573" s="93"/>
      <c r="BL1573" s="93"/>
    </row>
    <row r="1574" spans="2:64" x14ac:dyDescent="0.2">
      <c r="B1574" s="43"/>
      <c r="C1574" s="73"/>
      <c r="D1574" s="64"/>
      <c r="E1574" s="55"/>
      <c r="F1574" s="74"/>
      <c r="G1574" s="74"/>
      <c r="H1574" s="74"/>
      <c r="I1574" s="75"/>
      <c r="J1574" s="74"/>
      <c r="L1574" s="55"/>
      <c r="M1574" s="234"/>
      <c r="N1574" s="65"/>
      <c r="O1574" s="76"/>
      <c r="P1574" s="76"/>
      <c r="Q1574" s="65"/>
      <c r="R1574" s="76"/>
      <c r="S1574" s="76"/>
      <c r="T1574" s="76"/>
      <c r="U1574" s="76"/>
      <c r="V1574" s="76"/>
      <c r="W1574" s="76"/>
      <c r="X1574" s="76"/>
      <c r="Y1574" s="76"/>
      <c r="Z1574" s="76"/>
      <c r="AA1574" s="85"/>
      <c r="AB1574" s="85"/>
      <c r="AC1574" s="85"/>
      <c r="AD1574" s="85"/>
      <c r="AE1574" s="85"/>
      <c r="AF1574" s="85"/>
      <c r="AG1574" s="86"/>
      <c r="AH1574" s="85"/>
      <c r="AI1574" s="85"/>
      <c r="AJ1574" s="85"/>
      <c r="AK1574" s="85"/>
      <c r="AL1574" s="85"/>
      <c r="AM1574" s="92"/>
      <c r="AN1574" s="92"/>
      <c r="AO1574" s="92"/>
      <c r="AP1574" s="92"/>
      <c r="AQ1574" s="92"/>
      <c r="AR1574" s="92"/>
      <c r="AS1574" s="92"/>
      <c r="AT1574" s="92"/>
      <c r="AU1574" s="92"/>
      <c r="AV1574" s="92"/>
      <c r="AW1574" s="92"/>
      <c r="AX1574" s="92"/>
      <c r="AY1574" s="92"/>
      <c r="AZ1574" s="93"/>
      <c r="BA1574" s="93"/>
      <c r="BB1574" s="93"/>
      <c r="BC1574" s="93"/>
      <c r="BD1574" s="93"/>
      <c r="BE1574" s="93"/>
      <c r="BF1574" s="93"/>
      <c r="BG1574" s="93"/>
      <c r="BH1574" s="93"/>
      <c r="BI1574" s="93"/>
      <c r="BJ1574" s="93"/>
      <c r="BK1574" s="93"/>
      <c r="BL1574" s="93"/>
    </row>
    <row r="1575" spans="2:64" x14ac:dyDescent="0.2">
      <c r="B1575" s="43"/>
      <c r="C1575" s="73"/>
      <c r="D1575" s="64"/>
      <c r="E1575" s="55"/>
      <c r="F1575" s="74"/>
      <c r="G1575" s="74"/>
      <c r="H1575" s="74"/>
      <c r="I1575" s="75"/>
      <c r="J1575" s="74"/>
      <c r="L1575" s="55"/>
      <c r="M1575" s="234"/>
      <c r="N1575" s="65"/>
      <c r="O1575" s="76"/>
      <c r="P1575" s="76"/>
      <c r="Q1575" s="65"/>
      <c r="R1575" s="76"/>
      <c r="S1575" s="76"/>
      <c r="T1575" s="76"/>
      <c r="U1575" s="76"/>
      <c r="V1575" s="76"/>
      <c r="W1575" s="76"/>
      <c r="X1575" s="76"/>
      <c r="Y1575" s="76"/>
      <c r="Z1575" s="76"/>
      <c r="AA1575" s="85"/>
      <c r="AB1575" s="85"/>
      <c r="AC1575" s="85"/>
      <c r="AD1575" s="85"/>
      <c r="AE1575" s="85"/>
      <c r="AF1575" s="85"/>
      <c r="AG1575" s="86"/>
      <c r="AH1575" s="85"/>
      <c r="AI1575" s="85"/>
      <c r="AJ1575" s="85"/>
      <c r="AK1575" s="85"/>
      <c r="AL1575" s="85"/>
      <c r="AM1575" s="92"/>
      <c r="AN1575" s="92"/>
      <c r="AO1575" s="92"/>
      <c r="AP1575" s="92"/>
      <c r="AQ1575" s="92"/>
      <c r="AR1575" s="92"/>
      <c r="AS1575" s="92"/>
      <c r="AT1575" s="92"/>
      <c r="AU1575" s="92"/>
      <c r="AV1575" s="92"/>
      <c r="AW1575" s="92"/>
      <c r="AX1575" s="92"/>
      <c r="AY1575" s="92"/>
      <c r="AZ1575" s="93"/>
      <c r="BA1575" s="93"/>
      <c r="BB1575" s="93"/>
      <c r="BC1575" s="93"/>
      <c r="BD1575" s="93"/>
      <c r="BE1575" s="93"/>
      <c r="BF1575" s="93"/>
      <c r="BG1575" s="93"/>
      <c r="BH1575" s="93"/>
      <c r="BI1575" s="93"/>
      <c r="BJ1575" s="93"/>
      <c r="BK1575" s="93"/>
      <c r="BL1575" s="93"/>
    </row>
    <row r="1576" spans="2:64" x14ac:dyDescent="0.2">
      <c r="B1576" s="43"/>
      <c r="C1576" s="73"/>
      <c r="D1576" s="64"/>
      <c r="E1576" s="55"/>
      <c r="F1576" s="74"/>
      <c r="G1576" s="74"/>
      <c r="H1576" s="74"/>
      <c r="I1576" s="75"/>
      <c r="J1576" s="74"/>
      <c r="L1576" s="55"/>
      <c r="M1576" s="234"/>
      <c r="N1576" s="65"/>
      <c r="O1576" s="76"/>
      <c r="P1576" s="76"/>
      <c r="Q1576" s="65"/>
      <c r="R1576" s="76"/>
      <c r="S1576" s="76"/>
      <c r="T1576" s="76"/>
      <c r="U1576" s="76"/>
      <c r="V1576" s="76"/>
      <c r="W1576" s="76"/>
      <c r="X1576" s="76"/>
      <c r="Y1576" s="76"/>
      <c r="Z1576" s="76"/>
      <c r="AA1576" s="85"/>
      <c r="AB1576" s="85"/>
      <c r="AC1576" s="85"/>
      <c r="AD1576" s="85"/>
      <c r="AE1576" s="85"/>
      <c r="AF1576" s="85"/>
      <c r="AG1576" s="86"/>
      <c r="AH1576" s="85"/>
      <c r="AI1576" s="85"/>
      <c r="AJ1576" s="85"/>
      <c r="AK1576" s="85"/>
      <c r="AL1576" s="85"/>
      <c r="AM1576" s="92"/>
      <c r="AN1576" s="92"/>
      <c r="AO1576" s="92"/>
      <c r="AP1576" s="92"/>
      <c r="AQ1576" s="92"/>
      <c r="AR1576" s="92"/>
      <c r="AS1576" s="92"/>
      <c r="AT1576" s="92"/>
      <c r="AU1576" s="92"/>
      <c r="AV1576" s="92"/>
      <c r="AW1576" s="92"/>
      <c r="AX1576" s="92"/>
      <c r="AY1576" s="92"/>
      <c r="AZ1576" s="93"/>
      <c r="BA1576" s="93"/>
      <c r="BB1576" s="93"/>
      <c r="BC1576" s="93"/>
      <c r="BD1576" s="93"/>
      <c r="BE1576" s="93"/>
      <c r="BF1576" s="93"/>
      <c r="BG1576" s="93"/>
      <c r="BH1576" s="93"/>
      <c r="BI1576" s="93"/>
      <c r="BJ1576" s="93"/>
      <c r="BK1576" s="93"/>
      <c r="BL1576" s="93"/>
    </row>
    <row r="1577" spans="2:64" x14ac:dyDescent="0.2">
      <c r="B1577" s="43"/>
      <c r="C1577" s="73"/>
      <c r="D1577" s="64"/>
      <c r="E1577" s="55"/>
      <c r="F1577" s="74"/>
      <c r="G1577" s="74"/>
      <c r="H1577" s="74"/>
      <c r="I1577" s="75"/>
      <c r="J1577" s="74"/>
      <c r="L1577" s="55"/>
      <c r="M1577" s="234"/>
      <c r="N1577" s="65"/>
      <c r="O1577" s="76"/>
      <c r="P1577" s="76"/>
      <c r="Q1577" s="65"/>
      <c r="R1577" s="76"/>
      <c r="S1577" s="76"/>
      <c r="T1577" s="76"/>
      <c r="U1577" s="76"/>
      <c r="V1577" s="76"/>
      <c r="W1577" s="76"/>
      <c r="X1577" s="76"/>
      <c r="Y1577" s="76"/>
      <c r="Z1577" s="76"/>
      <c r="AA1577" s="85"/>
      <c r="AB1577" s="85"/>
      <c r="AC1577" s="85"/>
      <c r="AD1577" s="85"/>
      <c r="AE1577" s="85"/>
      <c r="AF1577" s="85"/>
      <c r="AG1577" s="86"/>
      <c r="AH1577" s="85"/>
      <c r="AI1577" s="85"/>
      <c r="AJ1577" s="85"/>
      <c r="AK1577" s="85"/>
      <c r="AL1577" s="85"/>
      <c r="AM1577" s="92"/>
      <c r="AN1577" s="92"/>
      <c r="AO1577" s="92"/>
      <c r="AP1577" s="92"/>
      <c r="AQ1577" s="92"/>
      <c r="AR1577" s="92"/>
      <c r="AS1577" s="92"/>
      <c r="AT1577" s="92"/>
      <c r="AU1577" s="92"/>
      <c r="AV1577" s="92"/>
      <c r="AW1577" s="92"/>
      <c r="AX1577" s="92"/>
      <c r="AY1577" s="92"/>
      <c r="AZ1577" s="93"/>
      <c r="BA1577" s="93"/>
      <c r="BB1577" s="93"/>
      <c r="BC1577" s="93"/>
      <c r="BD1577" s="93"/>
      <c r="BE1577" s="93"/>
      <c r="BF1577" s="93"/>
      <c r="BG1577" s="93"/>
      <c r="BH1577" s="93"/>
      <c r="BI1577" s="93"/>
      <c r="BJ1577" s="93"/>
      <c r="BK1577" s="93"/>
      <c r="BL1577" s="93"/>
    </row>
    <row r="1578" spans="2:64" x14ac:dyDescent="0.2">
      <c r="B1578" s="43"/>
      <c r="C1578" s="73"/>
      <c r="D1578" s="64"/>
      <c r="E1578" s="55"/>
      <c r="F1578" s="74"/>
      <c r="G1578" s="74"/>
      <c r="H1578" s="74"/>
      <c r="I1578" s="75"/>
      <c r="J1578" s="74"/>
      <c r="L1578" s="55"/>
      <c r="M1578" s="234"/>
      <c r="N1578" s="65"/>
      <c r="O1578" s="76"/>
      <c r="P1578" s="76"/>
      <c r="Q1578" s="65"/>
      <c r="R1578" s="76"/>
      <c r="S1578" s="76"/>
      <c r="T1578" s="76"/>
      <c r="U1578" s="76"/>
      <c r="V1578" s="76"/>
      <c r="W1578" s="76"/>
      <c r="X1578" s="76"/>
      <c r="Y1578" s="76"/>
      <c r="Z1578" s="76"/>
      <c r="AA1578" s="85"/>
      <c r="AB1578" s="85"/>
      <c r="AC1578" s="85"/>
      <c r="AD1578" s="85"/>
      <c r="AE1578" s="85"/>
      <c r="AF1578" s="85"/>
      <c r="AG1578" s="86"/>
      <c r="AH1578" s="85"/>
      <c r="AI1578" s="85"/>
      <c r="AJ1578" s="85"/>
      <c r="AK1578" s="85"/>
      <c r="AL1578" s="85"/>
      <c r="AM1578" s="92"/>
      <c r="AN1578" s="92"/>
      <c r="AO1578" s="92"/>
      <c r="AP1578" s="92"/>
      <c r="AQ1578" s="92"/>
      <c r="AR1578" s="92"/>
      <c r="AS1578" s="92"/>
      <c r="AT1578" s="92"/>
      <c r="AU1578" s="92"/>
      <c r="AV1578" s="92"/>
      <c r="AW1578" s="92"/>
      <c r="AX1578" s="92"/>
      <c r="AY1578" s="92"/>
      <c r="AZ1578" s="93"/>
      <c r="BA1578" s="93"/>
      <c r="BB1578" s="93"/>
      <c r="BC1578" s="93"/>
      <c r="BD1578" s="93"/>
      <c r="BE1578" s="93"/>
      <c r="BF1578" s="93"/>
      <c r="BG1578" s="93"/>
      <c r="BH1578" s="93"/>
      <c r="BI1578" s="93"/>
      <c r="BJ1578" s="93"/>
      <c r="BK1578" s="93"/>
      <c r="BL1578" s="93"/>
    </row>
    <row r="1579" spans="2:64" x14ac:dyDescent="0.2">
      <c r="B1579" s="43"/>
      <c r="C1579" s="73"/>
      <c r="D1579" s="64"/>
      <c r="E1579" s="55"/>
      <c r="F1579" s="74"/>
      <c r="G1579" s="74"/>
      <c r="H1579" s="74"/>
      <c r="I1579" s="75"/>
      <c r="J1579" s="74"/>
      <c r="L1579" s="55"/>
      <c r="M1579" s="234"/>
      <c r="N1579" s="65"/>
      <c r="O1579" s="76"/>
      <c r="P1579" s="76"/>
      <c r="Q1579" s="65"/>
      <c r="R1579" s="76"/>
      <c r="S1579" s="76"/>
      <c r="T1579" s="76"/>
      <c r="U1579" s="76"/>
      <c r="V1579" s="76"/>
      <c r="W1579" s="76"/>
      <c r="X1579" s="76"/>
      <c r="Y1579" s="76"/>
      <c r="Z1579" s="76"/>
      <c r="AA1579" s="85"/>
      <c r="AB1579" s="85"/>
      <c r="AC1579" s="85"/>
      <c r="AD1579" s="85"/>
      <c r="AE1579" s="85"/>
      <c r="AF1579" s="85"/>
      <c r="AG1579" s="86"/>
      <c r="AH1579" s="85"/>
      <c r="AI1579" s="85"/>
      <c r="AJ1579" s="85"/>
      <c r="AK1579" s="85"/>
      <c r="AL1579" s="85"/>
      <c r="AM1579" s="92"/>
      <c r="AN1579" s="92"/>
      <c r="AO1579" s="92"/>
      <c r="AP1579" s="92"/>
      <c r="AQ1579" s="92"/>
      <c r="AR1579" s="92"/>
      <c r="AS1579" s="92"/>
      <c r="AT1579" s="92"/>
      <c r="AU1579" s="92"/>
      <c r="AV1579" s="92"/>
      <c r="AW1579" s="92"/>
      <c r="AX1579" s="92"/>
      <c r="AY1579" s="92"/>
      <c r="AZ1579" s="93"/>
      <c r="BA1579" s="93"/>
      <c r="BB1579" s="93"/>
      <c r="BC1579" s="93"/>
      <c r="BD1579" s="93"/>
      <c r="BE1579" s="93"/>
      <c r="BF1579" s="93"/>
      <c r="BG1579" s="93"/>
      <c r="BH1579" s="93"/>
      <c r="BI1579" s="93"/>
      <c r="BJ1579" s="93"/>
      <c r="BK1579" s="93"/>
      <c r="BL1579" s="93"/>
    </row>
    <row r="1580" spans="2:64" x14ac:dyDescent="0.2">
      <c r="B1580" s="43"/>
      <c r="C1580" s="73"/>
      <c r="D1580" s="64"/>
      <c r="E1580" s="55"/>
      <c r="F1580" s="74"/>
      <c r="G1580" s="74"/>
      <c r="H1580" s="74"/>
      <c r="I1580" s="75"/>
      <c r="J1580" s="74"/>
      <c r="L1580" s="55"/>
      <c r="M1580" s="234"/>
      <c r="N1580" s="65"/>
      <c r="O1580" s="76"/>
      <c r="P1580" s="76"/>
      <c r="Q1580" s="65"/>
      <c r="R1580" s="76"/>
      <c r="S1580" s="76"/>
      <c r="T1580" s="76"/>
      <c r="U1580" s="76"/>
      <c r="V1580" s="76"/>
      <c r="W1580" s="76"/>
      <c r="X1580" s="76"/>
      <c r="Y1580" s="76"/>
      <c r="Z1580" s="76"/>
      <c r="AA1580" s="85"/>
      <c r="AB1580" s="85"/>
      <c r="AC1580" s="85"/>
      <c r="AD1580" s="85"/>
      <c r="AE1580" s="85"/>
      <c r="AF1580" s="85"/>
      <c r="AG1580" s="86"/>
      <c r="AH1580" s="85"/>
      <c r="AI1580" s="85"/>
      <c r="AJ1580" s="85"/>
      <c r="AK1580" s="85"/>
      <c r="AL1580" s="85"/>
      <c r="AM1580" s="92"/>
      <c r="AN1580" s="92"/>
      <c r="AO1580" s="92"/>
      <c r="AP1580" s="92"/>
      <c r="AQ1580" s="92"/>
      <c r="AR1580" s="92"/>
      <c r="AS1580" s="92"/>
      <c r="AT1580" s="92"/>
      <c r="AU1580" s="92"/>
      <c r="AV1580" s="92"/>
      <c r="AW1580" s="92"/>
      <c r="AX1580" s="92"/>
      <c r="AY1580" s="92"/>
      <c r="AZ1580" s="93"/>
      <c r="BA1580" s="93"/>
      <c r="BB1580" s="93"/>
      <c r="BC1580" s="93"/>
      <c r="BD1580" s="93"/>
      <c r="BE1580" s="93"/>
      <c r="BF1580" s="93"/>
      <c r="BG1580" s="93"/>
      <c r="BH1580" s="93"/>
      <c r="BI1580" s="93"/>
      <c r="BJ1580" s="93"/>
      <c r="BK1580" s="93"/>
      <c r="BL1580" s="93"/>
    </row>
    <row r="1581" spans="2:64" x14ac:dyDescent="0.2">
      <c r="B1581" s="43"/>
      <c r="C1581" s="73"/>
      <c r="D1581" s="64"/>
      <c r="E1581" s="55"/>
      <c r="F1581" s="74"/>
      <c r="G1581" s="74"/>
      <c r="H1581" s="74"/>
      <c r="I1581" s="75"/>
      <c r="J1581" s="74"/>
      <c r="L1581" s="55"/>
      <c r="M1581" s="234"/>
      <c r="N1581" s="65"/>
      <c r="O1581" s="76"/>
      <c r="P1581" s="76"/>
      <c r="Q1581" s="65"/>
      <c r="R1581" s="76"/>
      <c r="S1581" s="76"/>
      <c r="T1581" s="76"/>
      <c r="U1581" s="76"/>
      <c r="V1581" s="76"/>
      <c r="W1581" s="76"/>
      <c r="X1581" s="76"/>
      <c r="Y1581" s="76"/>
      <c r="Z1581" s="76"/>
      <c r="AA1581" s="85"/>
      <c r="AB1581" s="85"/>
      <c r="AC1581" s="85"/>
      <c r="AD1581" s="85"/>
      <c r="AE1581" s="85"/>
      <c r="AF1581" s="85"/>
      <c r="AG1581" s="86"/>
      <c r="AH1581" s="85"/>
      <c r="AI1581" s="85"/>
      <c r="AJ1581" s="85"/>
      <c r="AK1581" s="85"/>
      <c r="AL1581" s="85"/>
      <c r="AM1581" s="92"/>
      <c r="AN1581" s="92"/>
      <c r="AO1581" s="92"/>
      <c r="AP1581" s="92"/>
      <c r="AQ1581" s="92"/>
      <c r="AR1581" s="92"/>
      <c r="AS1581" s="92"/>
      <c r="AT1581" s="92"/>
      <c r="AU1581" s="92"/>
      <c r="AV1581" s="92"/>
      <c r="AW1581" s="92"/>
      <c r="AX1581" s="92"/>
      <c r="AY1581" s="92"/>
      <c r="AZ1581" s="93"/>
      <c r="BA1581" s="93"/>
      <c r="BB1581" s="93"/>
      <c r="BC1581" s="93"/>
      <c r="BD1581" s="93"/>
      <c r="BE1581" s="93"/>
      <c r="BF1581" s="93"/>
      <c r="BG1581" s="93"/>
      <c r="BH1581" s="93"/>
      <c r="BI1581" s="93"/>
      <c r="BJ1581" s="93"/>
      <c r="BK1581" s="93"/>
      <c r="BL1581" s="93"/>
    </row>
    <row r="1582" spans="2:64" x14ac:dyDescent="0.2">
      <c r="B1582" s="43"/>
      <c r="C1582" s="73"/>
      <c r="D1582" s="64"/>
      <c r="E1582" s="55"/>
      <c r="F1582" s="74"/>
      <c r="G1582" s="74"/>
      <c r="H1582" s="74"/>
      <c r="I1582" s="75"/>
      <c r="J1582" s="74"/>
      <c r="L1582" s="55"/>
      <c r="M1582" s="234"/>
      <c r="N1582" s="65"/>
      <c r="O1582" s="76"/>
      <c r="P1582" s="76"/>
      <c r="Q1582" s="65"/>
      <c r="R1582" s="76"/>
      <c r="S1582" s="76"/>
      <c r="T1582" s="76"/>
      <c r="U1582" s="76"/>
      <c r="V1582" s="76"/>
      <c r="W1582" s="76"/>
      <c r="X1582" s="76"/>
      <c r="Y1582" s="76"/>
      <c r="Z1582" s="76"/>
      <c r="AA1582" s="85"/>
      <c r="AB1582" s="85"/>
      <c r="AC1582" s="85"/>
      <c r="AD1582" s="85"/>
      <c r="AE1582" s="85"/>
      <c r="AF1582" s="85"/>
      <c r="AG1582" s="86"/>
      <c r="AH1582" s="85"/>
      <c r="AI1582" s="85"/>
      <c r="AJ1582" s="85"/>
      <c r="AK1582" s="85"/>
      <c r="AL1582" s="85"/>
      <c r="AM1582" s="92"/>
      <c r="AN1582" s="92"/>
      <c r="AO1582" s="92"/>
      <c r="AP1582" s="92"/>
      <c r="AQ1582" s="92"/>
      <c r="AR1582" s="92"/>
      <c r="AS1582" s="92"/>
      <c r="AT1582" s="92"/>
      <c r="AU1582" s="92"/>
      <c r="AV1582" s="92"/>
      <c r="AW1582" s="92"/>
      <c r="AX1582" s="92"/>
      <c r="AY1582" s="92"/>
      <c r="AZ1582" s="93"/>
      <c r="BA1582" s="93"/>
      <c r="BB1582" s="93"/>
      <c r="BC1582" s="93"/>
      <c r="BD1582" s="93"/>
      <c r="BE1582" s="93"/>
      <c r="BF1582" s="93"/>
      <c r="BG1582" s="93"/>
      <c r="BH1582" s="93"/>
      <c r="BI1582" s="93"/>
      <c r="BJ1582" s="93"/>
      <c r="BK1582" s="93"/>
      <c r="BL1582" s="93"/>
    </row>
    <row r="1583" spans="2:64" x14ac:dyDescent="0.2">
      <c r="B1583" s="43"/>
      <c r="C1583" s="73"/>
      <c r="D1583" s="64"/>
      <c r="E1583" s="55"/>
      <c r="F1583" s="74"/>
      <c r="G1583" s="74"/>
      <c r="H1583" s="74"/>
      <c r="I1583" s="75"/>
      <c r="J1583" s="74"/>
      <c r="L1583" s="55"/>
      <c r="M1583" s="234"/>
      <c r="N1583" s="65"/>
      <c r="O1583" s="76"/>
      <c r="P1583" s="76"/>
      <c r="Q1583" s="65"/>
      <c r="R1583" s="76"/>
      <c r="S1583" s="76"/>
      <c r="T1583" s="76"/>
      <c r="U1583" s="76"/>
      <c r="V1583" s="76"/>
      <c r="W1583" s="76"/>
      <c r="X1583" s="76"/>
      <c r="Y1583" s="76"/>
      <c r="Z1583" s="76"/>
      <c r="AA1583" s="85"/>
      <c r="AB1583" s="85"/>
      <c r="AC1583" s="85"/>
      <c r="AD1583" s="85"/>
      <c r="AE1583" s="85"/>
      <c r="AF1583" s="85"/>
      <c r="AG1583" s="86"/>
      <c r="AH1583" s="85"/>
      <c r="AI1583" s="85"/>
      <c r="AJ1583" s="85"/>
      <c r="AK1583" s="85"/>
      <c r="AL1583" s="85"/>
      <c r="AM1583" s="92"/>
      <c r="AN1583" s="92"/>
      <c r="AO1583" s="92"/>
      <c r="AP1583" s="92"/>
      <c r="AQ1583" s="92"/>
      <c r="AR1583" s="92"/>
      <c r="AS1583" s="92"/>
      <c r="AT1583" s="92"/>
      <c r="AU1583" s="92"/>
      <c r="AV1583" s="92"/>
      <c r="AW1583" s="92"/>
      <c r="AX1583" s="92"/>
      <c r="AY1583" s="92"/>
      <c r="AZ1583" s="93"/>
      <c r="BA1583" s="93"/>
      <c r="BB1583" s="93"/>
      <c r="BC1583" s="93"/>
      <c r="BD1583" s="93"/>
      <c r="BE1583" s="93"/>
      <c r="BF1583" s="93"/>
      <c r="BG1583" s="93"/>
      <c r="BH1583" s="93"/>
      <c r="BI1583" s="93"/>
      <c r="BJ1583" s="93"/>
      <c r="BK1583" s="93"/>
      <c r="BL1583" s="93"/>
    </row>
    <row r="1584" spans="2:64" x14ac:dyDescent="0.2">
      <c r="B1584" s="43"/>
      <c r="C1584" s="73"/>
      <c r="D1584" s="64"/>
      <c r="E1584" s="55"/>
      <c r="F1584" s="74"/>
      <c r="G1584" s="74"/>
      <c r="H1584" s="74"/>
      <c r="I1584" s="75"/>
      <c r="J1584" s="74"/>
      <c r="L1584" s="55"/>
      <c r="M1584" s="234"/>
      <c r="N1584" s="65"/>
      <c r="O1584" s="76"/>
      <c r="P1584" s="76"/>
      <c r="Q1584" s="65"/>
      <c r="R1584" s="76"/>
      <c r="S1584" s="76"/>
      <c r="T1584" s="76"/>
      <c r="U1584" s="76"/>
      <c r="V1584" s="76"/>
      <c r="W1584" s="76"/>
      <c r="X1584" s="76"/>
      <c r="Y1584" s="76"/>
      <c r="Z1584" s="76"/>
      <c r="AA1584" s="85"/>
      <c r="AB1584" s="85"/>
      <c r="AC1584" s="85"/>
      <c r="AD1584" s="85"/>
      <c r="AE1584" s="85"/>
      <c r="AF1584" s="85"/>
      <c r="AG1584" s="86"/>
      <c r="AH1584" s="85"/>
      <c r="AI1584" s="85"/>
      <c r="AJ1584" s="85"/>
      <c r="AK1584" s="85"/>
      <c r="AL1584" s="85"/>
      <c r="AM1584" s="92"/>
      <c r="AN1584" s="92"/>
      <c r="AO1584" s="92"/>
      <c r="AP1584" s="92"/>
      <c r="AQ1584" s="92"/>
      <c r="AR1584" s="92"/>
      <c r="AS1584" s="92"/>
      <c r="AT1584" s="92"/>
      <c r="AU1584" s="92"/>
      <c r="AV1584" s="92"/>
      <c r="AW1584" s="92"/>
      <c r="AX1584" s="92"/>
      <c r="AY1584" s="92"/>
      <c r="AZ1584" s="93"/>
      <c r="BA1584" s="93"/>
      <c r="BB1584" s="93"/>
      <c r="BC1584" s="93"/>
      <c r="BD1584" s="93"/>
      <c r="BE1584" s="93"/>
      <c r="BF1584" s="93"/>
      <c r="BG1584" s="93"/>
      <c r="BH1584" s="93"/>
      <c r="BI1584" s="93"/>
      <c r="BJ1584" s="93"/>
      <c r="BK1584" s="93"/>
      <c r="BL1584" s="93"/>
    </row>
    <row r="1585" spans="2:64" x14ac:dyDescent="0.2">
      <c r="B1585" s="43"/>
      <c r="C1585" s="73"/>
      <c r="D1585" s="64"/>
      <c r="E1585" s="55"/>
      <c r="F1585" s="74"/>
      <c r="G1585" s="74"/>
      <c r="H1585" s="74"/>
      <c r="I1585" s="75"/>
      <c r="J1585" s="74"/>
      <c r="L1585" s="55"/>
      <c r="M1585" s="234"/>
      <c r="N1585" s="65"/>
      <c r="O1585" s="76"/>
      <c r="P1585" s="76"/>
      <c r="Q1585" s="65"/>
      <c r="R1585" s="76"/>
      <c r="S1585" s="76"/>
      <c r="T1585" s="76"/>
      <c r="U1585" s="76"/>
      <c r="V1585" s="76"/>
      <c r="W1585" s="76"/>
      <c r="X1585" s="76"/>
      <c r="Y1585" s="76"/>
      <c r="Z1585" s="76"/>
      <c r="AA1585" s="85"/>
      <c r="AB1585" s="85"/>
      <c r="AC1585" s="85"/>
      <c r="AD1585" s="85"/>
      <c r="AE1585" s="85"/>
      <c r="AF1585" s="85"/>
      <c r="AG1585" s="86"/>
      <c r="AH1585" s="85"/>
      <c r="AI1585" s="85"/>
      <c r="AJ1585" s="85"/>
      <c r="AK1585" s="85"/>
      <c r="AL1585" s="85"/>
      <c r="AM1585" s="92"/>
      <c r="AN1585" s="92"/>
      <c r="AO1585" s="92"/>
      <c r="AP1585" s="92"/>
      <c r="AQ1585" s="92"/>
      <c r="AR1585" s="92"/>
      <c r="AS1585" s="92"/>
      <c r="AT1585" s="92"/>
      <c r="AU1585" s="92"/>
      <c r="AV1585" s="92"/>
      <c r="AW1585" s="92"/>
      <c r="AX1585" s="92"/>
      <c r="AY1585" s="92"/>
      <c r="AZ1585" s="93"/>
      <c r="BA1585" s="93"/>
      <c r="BB1585" s="93"/>
      <c r="BC1585" s="93"/>
      <c r="BD1585" s="93"/>
      <c r="BE1585" s="93"/>
      <c r="BF1585" s="93"/>
      <c r="BG1585" s="93"/>
      <c r="BH1585" s="93"/>
      <c r="BI1585" s="93"/>
      <c r="BJ1585" s="93"/>
      <c r="BK1585" s="93"/>
      <c r="BL1585" s="93"/>
    </row>
    <row r="1586" spans="2:64" x14ac:dyDescent="0.2">
      <c r="B1586" s="43"/>
      <c r="C1586" s="73"/>
      <c r="D1586" s="64"/>
      <c r="E1586" s="55"/>
      <c r="F1586" s="74"/>
      <c r="G1586" s="74"/>
      <c r="H1586" s="74"/>
      <c r="I1586" s="75"/>
      <c r="J1586" s="74"/>
      <c r="L1586" s="55"/>
      <c r="M1586" s="234"/>
      <c r="N1586" s="65"/>
      <c r="O1586" s="76"/>
      <c r="P1586" s="76"/>
      <c r="Q1586" s="65"/>
      <c r="R1586" s="76"/>
      <c r="S1586" s="76"/>
      <c r="T1586" s="76"/>
      <c r="U1586" s="76"/>
      <c r="V1586" s="76"/>
      <c r="W1586" s="76"/>
      <c r="X1586" s="76"/>
      <c r="Y1586" s="76"/>
      <c r="Z1586" s="76"/>
      <c r="AA1586" s="85"/>
      <c r="AB1586" s="85"/>
      <c r="AC1586" s="85"/>
      <c r="AD1586" s="85"/>
      <c r="AE1586" s="85"/>
      <c r="AF1586" s="85"/>
      <c r="AG1586" s="86"/>
      <c r="AH1586" s="85"/>
      <c r="AI1586" s="85"/>
      <c r="AJ1586" s="85"/>
      <c r="AK1586" s="85"/>
      <c r="AL1586" s="85"/>
      <c r="AM1586" s="92"/>
      <c r="AN1586" s="92"/>
      <c r="AO1586" s="92"/>
      <c r="AP1586" s="92"/>
      <c r="AQ1586" s="92"/>
      <c r="AR1586" s="92"/>
      <c r="AS1586" s="92"/>
      <c r="AT1586" s="92"/>
      <c r="AU1586" s="92"/>
      <c r="AV1586" s="92"/>
      <c r="AW1586" s="92"/>
      <c r="AX1586" s="92"/>
      <c r="AY1586" s="92"/>
      <c r="AZ1586" s="93"/>
      <c r="BA1586" s="93"/>
      <c r="BB1586" s="93"/>
      <c r="BC1586" s="93"/>
      <c r="BD1586" s="93"/>
      <c r="BE1586" s="93"/>
      <c r="BF1586" s="93"/>
      <c r="BG1586" s="93"/>
      <c r="BH1586" s="93"/>
      <c r="BI1586" s="93"/>
      <c r="BJ1586" s="93"/>
      <c r="BK1586" s="93"/>
      <c r="BL1586" s="93"/>
    </row>
    <row r="1587" spans="2:64" x14ac:dyDescent="0.2">
      <c r="B1587" s="43"/>
      <c r="C1587" s="73"/>
      <c r="D1587" s="64"/>
      <c r="E1587" s="55"/>
      <c r="F1587" s="74"/>
      <c r="G1587" s="74"/>
      <c r="H1587" s="74"/>
      <c r="I1587" s="75"/>
      <c r="J1587" s="74"/>
      <c r="L1587" s="55"/>
      <c r="M1587" s="234"/>
      <c r="N1587" s="65"/>
      <c r="O1587" s="76"/>
      <c r="P1587" s="76"/>
      <c r="Q1587" s="65"/>
      <c r="R1587" s="76"/>
      <c r="S1587" s="76"/>
      <c r="T1587" s="76"/>
      <c r="U1587" s="76"/>
      <c r="V1587" s="76"/>
      <c r="W1587" s="76"/>
      <c r="X1587" s="76"/>
      <c r="Y1587" s="76"/>
      <c r="Z1587" s="76"/>
      <c r="AA1587" s="85"/>
      <c r="AB1587" s="85"/>
      <c r="AC1587" s="85"/>
      <c r="AD1587" s="85"/>
      <c r="AE1587" s="85"/>
      <c r="AF1587" s="85"/>
      <c r="AG1587" s="86"/>
      <c r="AH1587" s="85"/>
      <c r="AI1587" s="85"/>
      <c r="AJ1587" s="85"/>
      <c r="AK1587" s="85"/>
      <c r="AL1587" s="85"/>
      <c r="AM1587" s="92"/>
      <c r="AN1587" s="92"/>
      <c r="AO1587" s="92"/>
      <c r="AP1587" s="92"/>
      <c r="AQ1587" s="92"/>
      <c r="AR1587" s="92"/>
      <c r="AS1587" s="92"/>
      <c r="AT1587" s="92"/>
      <c r="AU1587" s="92"/>
      <c r="AV1587" s="92"/>
      <c r="AW1587" s="92"/>
      <c r="AX1587" s="92"/>
      <c r="AY1587" s="92"/>
      <c r="AZ1587" s="93"/>
      <c r="BA1587" s="93"/>
      <c r="BB1587" s="93"/>
      <c r="BC1587" s="93"/>
      <c r="BD1587" s="93"/>
      <c r="BE1587" s="93"/>
      <c r="BF1587" s="93"/>
      <c r="BG1587" s="93"/>
      <c r="BH1587" s="93"/>
      <c r="BI1587" s="93"/>
      <c r="BJ1587" s="93"/>
      <c r="BK1587" s="93"/>
      <c r="BL1587" s="93"/>
    </row>
    <row r="1588" spans="2:64" x14ac:dyDescent="0.2">
      <c r="B1588" s="43"/>
      <c r="C1588" s="73"/>
      <c r="D1588" s="64"/>
      <c r="E1588" s="55"/>
      <c r="F1588" s="74"/>
      <c r="G1588" s="74"/>
      <c r="H1588" s="74"/>
      <c r="I1588" s="75"/>
      <c r="J1588" s="74"/>
      <c r="L1588" s="55"/>
      <c r="M1588" s="234"/>
      <c r="N1588" s="65"/>
      <c r="O1588" s="76"/>
      <c r="P1588" s="76"/>
      <c r="Q1588" s="65"/>
      <c r="R1588" s="76"/>
      <c r="S1588" s="76"/>
      <c r="T1588" s="76"/>
      <c r="U1588" s="76"/>
      <c r="V1588" s="76"/>
      <c r="W1588" s="76"/>
      <c r="X1588" s="76"/>
      <c r="Y1588" s="76"/>
      <c r="Z1588" s="76"/>
      <c r="AA1588" s="85"/>
      <c r="AB1588" s="85"/>
      <c r="AC1588" s="85"/>
      <c r="AD1588" s="85"/>
      <c r="AE1588" s="85"/>
      <c r="AF1588" s="85"/>
      <c r="AG1588" s="86"/>
      <c r="AH1588" s="85"/>
      <c r="AI1588" s="85"/>
      <c r="AJ1588" s="85"/>
      <c r="AK1588" s="85"/>
      <c r="AL1588" s="85"/>
      <c r="AM1588" s="92"/>
      <c r="AN1588" s="92"/>
      <c r="AO1588" s="92"/>
      <c r="AP1588" s="92"/>
      <c r="AQ1588" s="92"/>
      <c r="AR1588" s="92"/>
      <c r="AS1588" s="92"/>
      <c r="AT1588" s="92"/>
      <c r="AU1588" s="92"/>
      <c r="AV1588" s="92"/>
      <c r="AW1588" s="92"/>
      <c r="AX1588" s="92"/>
      <c r="AY1588" s="92"/>
      <c r="AZ1588" s="93"/>
      <c r="BA1588" s="93"/>
      <c r="BB1588" s="93"/>
      <c r="BC1588" s="93"/>
      <c r="BD1588" s="93"/>
      <c r="BE1588" s="93"/>
      <c r="BF1588" s="93"/>
      <c r="BG1588" s="93"/>
      <c r="BH1588" s="93"/>
      <c r="BI1588" s="93"/>
      <c r="BJ1588" s="93"/>
      <c r="BK1588" s="93"/>
      <c r="BL1588" s="93"/>
    </row>
    <row r="1589" spans="2:64" x14ac:dyDescent="0.2">
      <c r="B1589" s="43"/>
      <c r="C1589" s="73"/>
      <c r="D1589" s="64"/>
      <c r="E1589" s="55"/>
      <c r="F1589" s="74"/>
      <c r="G1589" s="74"/>
      <c r="H1589" s="74"/>
      <c r="I1589" s="75"/>
      <c r="J1589" s="74"/>
      <c r="L1589" s="55"/>
      <c r="M1589" s="234"/>
      <c r="N1589" s="65"/>
      <c r="O1589" s="76"/>
      <c r="P1589" s="76"/>
      <c r="Q1589" s="65"/>
      <c r="R1589" s="76"/>
      <c r="S1589" s="76"/>
      <c r="T1589" s="76"/>
      <c r="U1589" s="76"/>
      <c r="V1589" s="76"/>
      <c r="W1589" s="76"/>
      <c r="X1589" s="76"/>
      <c r="Y1589" s="76"/>
      <c r="Z1589" s="76"/>
      <c r="AA1589" s="85"/>
      <c r="AB1589" s="85"/>
      <c r="AC1589" s="85"/>
      <c r="AD1589" s="85"/>
      <c r="AE1589" s="85"/>
      <c r="AF1589" s="85"/>
      <c r="AG1589" s="86"/>
      <c r="AH1589" s="85"/>
      <c r="AI1589" s="85"/>
      <c r="AJ1589" s="85"/>
      <c r="AK1589" s="85"/>
      <c r="AL1589" s="85"/>
      <c r="AM1589" s="92"/>
      <c r="AN1589" s="92"/>
      <c r="AO1589" s="92"/>
      <c r="AP1589" s="92"/>
      <c r="AQ1589" s="92"/>
      <c r="AR1589" s="92"/>
      <c r="AS1589" s="92"/>
      <c r="AT1589" s="92"/>
      <c r="AU1589" s="92"/>
      <c r="AV1589" s="92"/>
      <c r="AW1589" s="92"/>
      <c r="AX1589" s="92"/>
      <c r="AY1589" s="92"/>
      <c r="AZ1589" s="93"/>
      <c r="BA1589" s="93"/>
      <c r="BB1589" s="93"/>
      <c r="BC1589" s="93"/>
      <c r="BD1589" s="93"/>
      <c r="BE1589" s="93"/>
      <c r="BF1589" s="93"/>
      <c r="BG1589" s="93"/>
      <c r="BH1589" s="93"/>
      <c r="BI1589" s="93"/>
      <c r="BJ1589" s="93"/>
      <c r="BK1589" s="93"/>
      <c r="BL1589" s="93"/>
    </row>
    <row r="1590" spans="2:64" x14ac:dyDescent="0.2">
      <c r="B1590" s="43"/>
      <c r="C1590" s="73"/>
      <c r="D1590" s="64"/>
      <c r="E1590" s="55"/>
      <c r="F1590" s="74"/>
      <c r="G1590" s="74"/>
      <c r="H1590" s="74"/>
      <c r="I1590" s="75"/>
      <c r="J1590" s="74"/>
      <c r="L1590" s="55"/>
      <c r="M1590" s="234"/>
      <c r="N1590" s="65"/>
      <c r="O1590" s="76"/>
      <c r="P1590" s="76"/>
      <c r="Q1590" s="65"/>
      <c r="R1590" s="76"/>
      <c r="S1590" s="76"/>
      <c r="T1590" s="76"/>
      <c r="U1590" s="76"/>
      <c r="V1590" s="76"/>
      <c r="W1590" s="76"/>
      <c r="X1590" s="76"/>
      <c r="Y1590" s="76"/>
      <c r="Z1590" s="76"/>
      <c r="AA1590" s="85"/>
      <c r="AB1590" s="85"/>
      <c r="AC1590" s="85"/>
      <c r="AD1590" s="85"/>
      <c r="AE1590" s="85"/>
      <c r="AF1590" s="85"/>
      <c r="AG1590" s="86"/>
      <c r="AH1590" s="85"/>
      <c r="AI1590" s="85"/>
      <c r="AJ1590" s="85"/>
      <c r="AK1590" s="85"/>
      <c r="AL1590" s="85"/>
      <c r="AM1590" s="92"/>
      <c r="AN1590" s="92"/>
      <c r="AO1590" s="92"/>
      <c r="AP1590" s="92"/>
      <c r="AQ1590" s="92"/>
      <c r="AR1590" s="92"/>
      <c r="AS1590" s="92"/>
      <c r="AT1590" s="92"/>
      <c r="AU1590" s="92"/>
      <c r="AV1590" s="92"/>
      <c r="AW1590" s="92"/>
      <c r="AX1590" s="92"/>
      <c r="AY1590" s="92"/>
      <c r="AZ1590" s="93"/>
      <c r="BA1590" s="93"/>
      <c r="BB1590" s="93"/>
      <c r="BC1590" s="93"/>
      <c r="BD1590" s="93"/>
      <c r="BE1590" s="93"/>
      <c r="BF1590" s="93"/>
      <c r="BG1590" s="93"/>
      <c r="BH1590" s="93"/>
      <c r="BI1590" s="93"/>
      <c r="BJ1590" s="93"/>
      <c r="BK1590" s="93"/>
      <c r="BL1590" s="93"/>
    </row>
    <row r="1591" spans="2:64" x14ac:dyDescent="0.2">
      <c r="B1591" s="43"/>
      <c r="C1591" s="73"/>
      <c r="D1591" s="64"/>
      <c r="E1591" s="55"/>
      <c r="F1591" s="74"/>
      <c r="G1591" s="74"/>
      <c r="H1591" s="74"/>
      <c r="I1591" s="75"/>
      <c r="J1591" s="74"/>
      <c r="L1591" s="55"/>
      <c r="M1591" s="234"/>
      <c r="N1591" s="65"/>
      <c r="O1591" s="76"/>
      <c r="P1591" s="76"/>
      <c r="Q1591" s="65"/>
      <c r="R1591" s="76"/>
      <c r="S1591" s="76"/>
      <c r="T1591" s="76"/>
      <c r="U1591" s="76"/>
      <c r="V1591" s="76"/>
      <c r="W1591" s="76"/>
      <c r="X1591" s="76"/>
      <c r="Y1591" s="76"/>
      <c r="Z1591" s="76"/>
      <c r="AA1591" s="85"/>
      <c r="AB1591" s="85"/>
      <c r="AC1591" s="85"/>
      <c r="AD1591" s="85"/>
      <c r="AE1591" s="85"/>
      <c r="AF1591" s="85"/>
      <c r="AG1591" s="86"/>
      <c r="AH1591" s="85"/>
      <c r="AI1591" s="85"/>
      <c r="AJ1591" s="85"/>
      <c r="AK1591" s="85"/>
      <c r="AL1591" s="85"/>
      <c r="AM1591" s="92"/>
      <c r="AN1591" s="92"/>
      <c r="AO1591" s="92"/>
      <c r="AP1591" s="92"/>
      <c r="AQ1591" s="92"/>
      <c r="AR1591" s="92"/>
      <c r="AS1591" s="92"/>
      <c r="AT1591" s="92"/>
      <c r="AU1591" s="92"/>
      <c r="AV1591" s="92"/>
      <c r="AW1591" s="92"/>
      <c r="AX1591" s="92"/>
      <c r="AY1591" s="92"/>
      <c r="AZ1591" s="93"/>
      <c r="BA1591" s="93"/>
      <c r="BB1591" s="93"/>
      <c r="BC1591" s="93"/>
      <c r="BD1591" s="93"/>
      <c r="BE1591" s="93"/>
      <c r="BF1591" s="93"/>
      <c r="BG1591" s="93"/>
      <c r="BH1591" s="93"/>
      <c r="BI1591" s="93"/>
      <c r="BJ1591" s="93"/>
      <c r="BK1591" s="93"/>
      <c r="BL1591" s="93"/>
    </row>
    <row r="1592" spans="2:64" x14ac:dyDescent="0.2">
      <c r="B1592" s="43"/>
      <c r="C1592" s="73"/>
      <c r="D1592" s="64"/>
      <c r="E1592" s="55"/>
      <c r="F1592" s="74"/>
      <c r="G1592" s="74"/>
      <c r="H1592" s="74"/>
      <c r="I1592" s="75"/>
      <c r="J1592" s="74"/>
      <c r="L1592" s="55"/>
      <c r="M1592" s="234"/>
      <c r="N1592" s="65"/>
      <c r="O1592" s="76"/>
      <c r="P1592" s="76"/>
      <c r="Q1592" s="65"/>
      <c r="R1592" s="76"/>
      <c r="S1592" s="76"/>
      <c r="T1592" s="76"/>
      <c r="U1592" s="76"/>
      <c r="V1592" s="76"/>
      <c r="W1592" s="76"/>
      <c r="X1592" s="76"/>
      <c r="Y1592" s="76"/>
      <c r="Z1592" s="76"/>
      <c r="AA1592" s="85"/>
      <c r="AB1592" s="85"/>
      <c r="AC1592" s="85"/>
      <c r="AD1592" s="85"/>
      <c r="AE1592" s="85"/>
      <c r="AF1592" s="85"/>
      <c r="AG1592" s="86"/>
      <c r="AH1592" s="85"/>
      <c r="AI1592" s="85"/>
      <c r="AJ1592" s="85"/>
      <c r="AK1592" s="85"/>
      <c r="AL1592" s="85"/>
      <c r="AM1592" s="92"/>
      <c r="AN1592" s="92"/>
      <c r="AO1592" s="92"/>
      <c r="AP1592" s="92"/>
      <c r="AQ1592" s="92"/>
      <c r="AR1592" s="92"/>
      <c r="AS1592" s="92"/>
      <c r="AT1592" s="92"/>
      <c r="AU1592" s="92"/>
      <c r="AV1592" s="92"/>
      <c r="AW1592" s="92"/>
      <c r="AX1592" s="92"/>
      <c r="AY1592" s="92"/>
      <c r="AZ1592" s="93"/>
      <c r="BA1592" s="93"/>
      <c r="BB1592" s="93"/>
      <c r="BC1592" s="93"/>
      <c r="BD1592" s="93"/>
      <c r="BE1592" s="93"/>
      <c r="BF1592" s="93"/>
      <c r="BG1592" s="93"/>
      <c r="BH1592" s="93"/>
      <c r="BI1592" s="93"/>
      <c r="BJ1592" s="93"/>
      <c r="BK1592" s="93"/>
      <c r="BL1592" s="93"/>
    </row>
    <row r="1593" spans="2:64" x14ac:dyDescent="0.2">
      <c r="B1593" s="43"/>
      <c r="C1593" s="73"/>
      <c r="D1593" s="64"/>
      <c r="E1593" s="55"/>
      <c r="F1593" s="74"/>
      <c r="G1593" s="74"/>
      <c r="H1593" s="74"/>
      <c r="I1593" s="75"/>
      <c r="J1593" s="74"/>
      <c r="L1593" s="55"/>
      <c r="M1593" s="234"/>
      <c r="N1593" s="65"/>
      <c r="O1593" s="76"/>
      <c r="P1593" s="76"/>
      <c r="Q1593" s="65"/>
      <c r="R1593" s="76"/>
      <c r="S1593" s="76"/>
      <c r="T1593" s="76"/>
      <c r="U1593" s="76"/>
      <c r="V1593" s="76"/>
      <c r="W1593" s="76"/>
      <c r="X1593" s="76"/>
      <c r="Y1593" s="76"/>
      <c r="Z1593" s="76"/>
      <c r="AA1593" s="85"/>
      <c r="AB1593" s="85"/>
      <c r="AC1593" s="85"/>
      <c r="AD1593" s="85"/>
      <c r="AE1593" s="85"/>
      <c r="AF1593" s="85"/>
      <c r="AG1593" s="86"/>
      <c r="AH1593" s="85"/>
      <c r="AI1593" s="85"/>
      <c r="AJ1593" s="85"/>
      <c r="AK1593" s="85"/>
      <c r="AL1593" s="85"/>
      <c r="AM1593" s="92"/>
      <c r="AN1593" s="92"/>
      <c r="AO1593" s="92"/>
      <c r="AP1593" s="92"/>
      <c r="AQ1593" s="92"/>
      <c r="AR1593" s="92"/>
      <c r="AS1593" s="92"/>
      <c r="AT1593" s="92"/>
      <c r="AU1593" s="92"/>
      <c r="AV1593" s="92"/>
      <c r="AW1593" s="92"/>
      <c r="AX1593" s="92"/>
      <c r="AY1593" s="92"/>
      <c r="AZ1593" s="93"/>
      <c r="BA1593" s="93"/>
      <c r="BB1593" s="93"/>
      <c r="BC1593" s="93"/>
      <c r="BD1593" s="93"/>
      <c r="BE1593" s="93"/>
      <c r="BF1593" s="93"/>
      <c r="BG1593" s="93"/>
      <c r="BH1593" s="93"/>
      <c r="BI1593" s="93"/>
      <c r="BJ1593" s="93"/>
      <c r="BK1593" s="93"/>
      <c r="BL1593" s="93"/>
    </row>
    <row r="1594" spans="2:64" x14ac:dyDescent="0.2">
      <c r="B1594" s="43"/>
      <c r="C1594" s="73"/>
      <c r="D1594" s="64"/>
      <c r="E1594" s="55"/>
      <c r="F1594" s="74"/>
      <c r="G1594" s="74"/>
      <c r="H1594" s="74"/>
      <c r="I1594" s="75"/>
      <c r="J1594" s="74"/>
      <c r="L1594" s="55"/>
      <c r="M1594" s="234"/>
      <c r="N1594" s="65"/>
      <c r="O1594" s="76"/>
      <c r="P1594" s="76"/>
      <c r="Q1594" s="65"/>
      <c r="R1594" s="76"/>
      <c r="S1594" s="76"/>
      <c r="T1594" s="76"/>
      <c r="U1594" s="76"/>
      <c r="V1594" s="76"/>
      <c r="W1594" s="76"/>
      <c r="X1594" s="76"/>
      <c r="Y1594" s="76"/>
      <c r="Z1594" s="76"/>
      <c r="AA1594" s="85"/>
      <c r="AB1594" s="85"/>
      <c r="AC1594" s="85"/>
      <c r="AD1594" s="85"/>
      <c r="AE1594" s="85"/>
      <c r="AF1594" s="85"/>
      <c r="AG1594" s="86"/>
      <c r="AH1594" s="85"/>
      <c r="AI1594" s="85"/>
      <c r="AJ1594" s="85"/>
      <c r="AK1594" s="85"/>
      <c r="AL1594" s="85"/>
      <c r="AM1594" s="92"/>
      <c r="AN1594" s="92"/>
      <c r="AO1594" s="92"/>
      <c r="AP1594" s="92"/>
      <c r="AQ1594" s="92"/>
      <c r="AR1594" s="92"/>
      <c r="AS1594" s="92"/>
      <c r="AT1594" s="92"/>
      <c r="AU1594" s="92"/>
      <c r="AV1594" s="92"/>
      <c r="AW1594" s="92"/>
      <c r="AX1594" s="92"/>
      <c r="AY1594" s="92"/>
      <c r="AZ1594" s="93"/>
      <c r="BA1594" s="93"/>
      <c r="BB1594" s="93"/>
      <c r="BC1594" s="93"/>
      <c r="BD1594" s="93"/>
      <c r="BE1594" s="93"/>
      <c r="BF1594" s="93"/>
      <c r="BG1594" s="93"/>
      <c r="BH1594" s="93"/>
      <c r="BI1594" s="93"/>
      <c r="BJ1594" s="93"/>
      <c r="BK1594" s="93"/>
      <c r="BL1594" s="93"/>
    </row>
    <row r="1595" spans="2:64" x14ac:dyDescent="0.2">
      <c r="B1595" s="43"/>
      <c r="C1595" s="73"/>
      <c r="D1595" s="64"/>
      <c r="E1595" s="55"/>
      <c r="F1595" s="74"/>
      <c r="G1595" s="74"/>
      <c r="H1595" s="74"/>
      <c r="I1595" s="75"/>
      <c r="J1595" s="74"/>
      <c r="L1595" s="55"/>
      <c r="M1595" s="234"/>
      <c r="N1595" s="65"/>
      <c r="O1595" s="76"/>
      <c r="P1595" s="76"/>
      <c r="Q1595" s="65"/>
      <c r="R1595" s="76"/>
      <c r="S1595" s="76"/>
      <c r="T1595" s="76"/>
      <c r="U1595" s="76"/>
      <c r="V1595" s="76"/>
      <c r="W1595" s="76"/>
      <c r="X1595" s="76"/>
      <c r="Y1595" s="76"/>
      <c r="Z1595" s="76"/>
      <c r="AA1595" s="85"/>
      <c r="AB1595" s="85"/>
      <c r="AC1595" s="85"/>
      <c r="AD1595" s="85"/>
      <c r="AE1595" s="85"/>
      <c r="AF1595" s="85"/>
      <c r="AG1595" s="86"/>
      <c r="AH1595" s="85"/>
      <c r="AI1595" s="85"/>
      <c r="AJ1595" s="85"/>
      <c r="AK1595" s="85"/>
      <c r="AL1595" s="85"/>
      <c r="AM1595" s="92"/>
      <c r="AN1595" s="92"/>
      <c r="AO1595" s="92"/>
      <c r="AP1595" s="92"/>
      <c r="AQ1595" s="92"/>
      <c r="AR1595" s="92"/>
      <c r="AS1595" s="92"/>
      <c r="AT1595" s="92"/>
      <c r="AU1595" s="92"/>
      <c r="AV1595" s="92"/>
      <c r="AW1595" s="92"/>
      <c r="AX1595" s="92"/>
      <c r="AY1595" s="92"/>
      <c r="AZ1595" s="93"/>
      <c r="BA1595" s="93"/>
      <c r="BB1595" s="93"/>
      <c r="BC1595" s="93"/>
      <c r="BD1595" s="93"/>
      <c r="BE1595" s="93"/>
      <c r="BF1595" s="93"/>
      <c r="BG1595" s="93"/>
      <c r="BH1595" s="93"/>
      <c r="BI1595" s="93"/>
      <c r="BJ1595" s="93"/>
      <c r="BK1595" s="93"/>
      <c r="BL1595" s="93"/>
    </row>
    <row r="1596" spans="2:64" x14ac:dyDescent="0.2">
      <c r="B1596" s="43"/>
      <c r="C1596" s="73"/>
      <c r="D1596" s="64"/>
      <c r="E1596" s="55"/>
      <c r="F1596" s="74"/>
      <c r="G1596" s="74"/>
      <c r="H1596" s="74"/>
      <c r="I1596" s="75"/>
      <c r="J1596" s="74"/>
      <c r="L1596" s="55"/>
      <c r="M1596" s="234"/>
      <c r="N1596" s="65"/>
      <c r="O1596" s="76"/>
      <c r="P1596" s="76"/>
      <c r="Q1596" s="65"/>
      <c r="R1596" s="76"/>
      <c r="S1596" s="76"/>
      <c r="T1596" s="76"/>
      <c r="U1596" s="76"/>
      <c r="V1596" s="76"/>
      <c r="W1596" s="76"/>
      <c r="X1596" s="76"/>
      <c r="Y1596" s="76"/>
      <c r="Z1596" s="76"/>
      <c r="AA1596" s="85"/>
      <c r="AB1596" s="85"/>
      <c r="AC1596" s="85"/>
      <c r="AD1596" s="85"/>
      <c r="AE1596" s="85"/>
      <c r="AF1596" s="85"/>
      <c r="AG1596" s="86"/>
      <c r="AH1596" s="85"/>
      <c r="AI1596" s="85"/>
      <c r="AJ1596" s="85"/>
      <c r="AK1596" s="85"/>
      <c r="AL1596" s="85"/>
      <c r="AM1596" s="92"/>
      <c r="AN1596" s="92"/>
      <c r="AO1596" s="92"/>
      <c r="AP1596" s="92"/>
      <c r="AQ1596" s="92"/>
      <c r="AR1596" s="92"/>
      <c r="AS1596" s="92"/>
      <c r="AT1596" s="92"/>
      <c r="AU1596" s="92"/>
      <c r="AV1596" s="92"/>
      <c r="AW1596" s="92"/>
      <c r="AX1596" s="92"/>
      <c r="AY1596" s="92"/>
      <c r="AZ1596" s="93"/>
      <c r="BA1596" s="93"/>
      <c r="BB1596" s="93"/>
      <c r="BC1596" s="93"/>
      <c r="BD1596" s="93"/>
      <c r="BE1596" s="93"/>
      <c r="BF1596" s="93"/>
      <c r="BG1596" s="93"/>
      <c r="BH1596" s="93"/>
      <c r="BI1596" s="93"/>
      <c r="BJ1596" s="93"/>
      <c r="BK1596" s="93"/>
      <c r="BL1596" s="93"/>
    </row>
    <row r="1597" spans="2:64" x14ac:dyDescent="0.2">
      <c r="B1597" s="43"/>
      <c r="C1597" s="73"/>
      <c r="D1597" s="64"/>
      <c r="E1597" s="55"/>
      <c r="F1597" s="74"/>
      <c r="G1597" s="74"/>
      <c r="H1597" s="74"/>
      <c r="I1597" s="75"/>
      <c r="J1597" s="74"/>
      <c r="L1597" s="55"/>
      <c r="M1597" s="234"/>
      <c r="N1597" s="65"/>
      <c r="O1597" s="76"/>
      <c r="P1597" s="76"/>
      <c r="Q1597" s="65"/>
      <c r="R1597" s="76"/>
      <c r="S1597" s="76"/>
      <c r="T1597" s="76"/>
      <c r="U1597" s="76"/>
      <c r="V1597" s="76"/>
      <c r="W1597" s="76"/>
      <c r="X1597" s="76"/>
      <c r="Y1597" s="76"/>
      <c r="Z1597" s="76"/>
      <c r="AA1597" s="85"/>
      <c r="AB1597" s="85"/>
      <c r="AC1597" s="85"/>
      <c r="AD1597" s="85"/>
      <c r="AE1597" s="85"/>
      <c r="AF1597" s="85"/>
      <c r="AG1597" s="86"/>
      <c r="AH1597" s="85"/>
      <c r="AI1597" s="85"/>
      <c r="AJ1597" s="85"/>
      <c r="AK1597" s="85"/>
      <c r="AL1597" s="85"/>
      <c r="AM1597" s="92"/>
      <c r="AN1597" s="92"/>
      <c r="AO1597" s="92"/>
      <c r="AP1597" s="92"/>
      <c r="AQ1597" s="92"/>
      <c r="AR1597" s="92"/>
      <c r="AS1597" s="92"/>
      <c r="AT1597" s="92"/>
      <c r="AU1597" s="92"/>
      <c r="AV1597" s="92"/>
      <c r="AW1597" s="92"/>
      <c r="AX1597" s="92"/>
      <c r="AY1597" s="92"/>
      <c r="AZ1597" s="93"/>
      <c r="BA1597" s="93"/>
      <c r="BB1597" s="93"/>
      <c r="BC1597" s="93"/>
      <c r="BD1597" s="93"/>
      <c r="BE1597" s="93"/>
      <c r="BF1597" s="93"/>
      <c r="BG1597" s="93"/>
      <c r="BH1597" s="93"/>
      <c r="BI1597" s="93"/>
      <c r="BJ1597" s="93"/>
      <c r="BK1597" s="93"/>
      <c r="BL1597" s="93"/>
    </row>
    <row r="1598" spans="2:64" x14ac:dyDescent="0.2">
      <c r="B1598" s="43"/>
      <c r="C1598" s="73"/>
      <c r="D1598" s="64"/>
      <c r="E1598" s="55"/>
      <c r="F1598" s="74"/>
      <c r="G1598" s="74"/>
      <c r="H1598" s="74"/>
      <c r="I1598" s="75"/>
      <c r="J1598" s="74"/>
      <c r="L1598" s="55"/>
      <c r="M1598" s="234"/>
      <c r="N1598" s="65"/>
      <c r="O1598" s="76"/>
      <c r="P1598" s="76"/>
      <c r="Q1598" s="65"/>
      <c r="R1598" s="76"/>
      <c r="S1598" s="76"/>
      <c r="T1598" s="76"/>
      <c r="U1598" s="76"/>
      <c r="V1598" s="76"/>
      <c r="W1598" s="76"/>
      <c r="X1598" s="76"/>
      <c r="Y1598" s="76"/>
      <c r="Z1598" s="76"/>
      <c r="AA1598" s="85"/>
      <c r="AB1598" s="85"/>
      <c r="AC1598" s="85"/>
      <c r="AD1598" s="85"/>
      <c r="AE1598" s="85"/>
      <c r="AF1598" s="85"/>
      <c r="AG1598" s="86"/>
      <c r="AH1598" s="85"/>
      <c r="AI1598" s="85"/>
      <c r="AJ1598" s="85"/>
      <c r="AK1598" s="85"/>
      <c r="AL1598" s="85"/>
      <c r="AM1598" s="92"/>
      <c r="AN1598" s="92"/>
      <c r="AO1598" s="92"/>
      <c r="AP1598" s="92"/>
      <c r="AQ1598" s="92"/>
      <c r="AR1598" s="92"/>
      <c r="AS1598" s="92"/>
      <c r="AT1598" s="92"/>
      <c r="AU1598" s="92"/>
      <c r="AV1598" s="92"/>
      <c r="AW1598" s="92"/>
      <c r="AX1598" s="92"/>
      <c r="AY1598" s="92"/>
      <c r="AZ1598" s="93"/>
      <c r="BA1598" s="93"/>
      <c r="BB1598" s="93"/>
      <c r="BC1598" s="93"/>
      <c r="BD1598" s="93"/>
      <c r="BE1598" s="93"/>
      <c r="BF1598" s="93"/>
      <c r="BG1598" s="93"/>
      <c r="BH1598" s="93"/>
      <c r="BI1598" s="93"/>
      <c r="BJ1598" s="93"/>
      <c r="BK1598" s="93"/>
      <c r="BL1598" s="93"/>
    </row>
    <row r="1599" spans="2:64" x14ac:dyDescent="0.2">
      <c r="B1599" s="43"/>
      <c r="C1599" s="73"/>
      <c r="D1599" s="64"/>
      <c r="E1599" s="55"/>
      <c r="F1599" s="74"/>
      <c r="G1599" s="74"/>
      <c r="H1599" s="74"/>
      <c r="I1599" s="75"/>
      <c r="J1599" s="74"/>
      <c r="L1599" s="55"/>
      <c r="M1599" s="234"/>
      <c r="N1599" s="65"/>
      <c r="O1599" s="76"/>
      <c r="P1599" s="76"/>
      <c r="Q1599" s="65"/>
      <c r="R1599" s="76"/>
      <c r="S1599" s="76"/>
      <c r="T1599" s="76"/>
      <c r="U1599" s="76"/>
      <c r="V1599" s="76"/>
      <c r="W1599" s="76"/>
      <c r="X1599" s="76"/>
      <c r="Y1599" s="76"/>
      <c r="Z1599" s="76"/>
      <c r="AA1599" s="85"/>
      <c r="AB1599" s="85"/>
      <c r="AC1599" s="85"/>
      <c r="AD1599" s="85"/>
      <c r="AE1599" s="85"/>
      <c r="AF1599" s="85"/>
      <c r="AG1599" s="86"/>
      <c r="AH1599" s="85"/>
      <c r="AI1599" s="85"/>
      <c r="AJ1599" s="85"/>
      <c r="AK1599" s="85"/>
      <c r="AL1599" s="85"/>
      <c r="AM1599" s="92"/>
      <c r="AN1599" s="92"/>
      <c r="AO1599" s="92"/>
      <c r="AP1599" s="92"/>
      <c r="AQ1599" s="92"/>
      <c r="AR1599" s="92"/>
      <c r="AS1599" s="92"/>
      <c r="AT1599" s="92"/>
      <c r="AU1599" s="92"/>
      <c r="AV1599" s="92"/>
      <c r="AW1599" s="92"/>
      <c r="AX1599" s="92"/>
      <c r="AY1599" s="92"/>
      <c r="AZ1599" s="93"/>
      <c r="BA1599" s="93"/>
      <c r="BB1599" s="93"/>
      <c r="BC1599" s="93"/>
      <c r="BD1599" s="93"/>
      <c r="BE1599" s="93"/>
      <c r="BF1599" s="93"/>
      <c r="BG1599" s="93"/>
      <c r="BH1599" s="93"/>
      <c r="BI1599" s="93"/>
      <c r="BJ1599" s="93"/>
      <c r="BK1599" s="93"/>
      <c r="BL1599" s="93"/>
    </row>
    <row r="1600" spans="2:64" x14ac:dyDescent="0.2">
      <c r="B1600" s="43"/>
      <c r="C1600" s="73"/>
      <c r="D1600" s="64"/>
      <c r="E1600" s="55"/>
      <c r="F1600" s="74"/>
      <c r="G1600" s="74"/>
      <c r="H1600" s="74"/>
      <c r="I1600" s="75"/>
      <c r="J1600" s="74"/>
      <c r="L1600" s="55"/>
      <c r="M1600" s="234"/>
      <c r="N1600" s="65"/>
      <c r="O1600" s="76"/>
      <c r="P1600" s="76"/>
      <c r="Q1600" s="65"/>
      <c r="R1600" s="76"/>
      <c r="S1600" s="76"/>
      <c r="T1600" s="76"/>
      <c r="U1600" s="76"/>
      <c r="V1600" s="76"/>
      <c r="W1600" s="76"/>
      <c r="X1600" s="76"/>
      <c r="Y1600" s="76"/>
      <c r="Z1600" s="76"/>
      <c r="AA1600" s="85"/>
      <c r="AB1600" s="85"/>
      <c r="AC1600" s="85"/>
      <c r="AD1600" s="85"/>
      <c r="AE1600" s="85"/>
      <c r="AF1600" s="85"/>
      <c r="AG1600" s="86"/>
      <c r="AH1600" s="85"/>
      <c r="AI1600" s="85"/>
      <c r="AJ1600" s="85"/>
      <c r="AK1600" s="85"/>
      <c r="AL1600" s="85"/>
      <c r="AM1600" s="92"/>
      <c r="AN1600" s="92"/>
      <c r="AO1600" s="92"/>
      <c r="AP1600" s="92"/>
      <c r="AQ1600" s="92"/>
      <c r="AR1600" s="92"/>
      <c r="AS1600" s="92"/>
      <c r="AT1600" s="92"/>
      <c r="AU1600" s="92"/>
      <c r="AV1600" s="92"/>
      <c r="AW1600" s="92"/>
      <c r="AX1600" s="92"/>
      <c r="AY1600" s="92"/>
      <c r="AZ1600" s="93"/>
      <c r="BA1600" s="93"/>
      <c r="BB1600" s="93"/>
      <c r="BC1600" s="93"/>
      <c r="BD1600" s="93"/>
      <c r="BE1600" s="93"/>
      <c r="BF1600" s="93"/>
      <c r="BG1600" s="93"/>
      <c r="BH1600" s="93"/>
      <c r="BI1600" s="93"/>
      <c r="BJ1600" s="93"/>
      <c r="BK1600" s="93"/>
      <c r="BL1600" s="93"/>
    </row>
    <row r="1601" spans="2:64" x14ac:dyDescent="0.2">
      <c r="B1601" s="43"/>
      <c r="C1601" s="73"/>
      <c r="D1601" s="64"/>
      <c r="E1601" s="55"/>
      <c r="F1601" s="74"/>
      <c r="G1601" s="74"/>
      <c r="H1601" s="74"/>
      <c r="I1601" s="75"/>
      <c r="J1601" s="74"/>
      <c r="L1601" s="55"/>
      <c r="M1601" s="234"/>
      <c r="N1601" s="65"/>
      <c r="O1601" s="76"/>
      <c r="P1601" s="76"/>
      <c r="Q1601" s="65"/>
      <c r="R1601" s="76"/>
      <c r="S1601" s="76"/>
      <c r="T1601" s="76"/>
      <c r="U1601" s="76"/>
      <c r="V1601" s="76"/>
      <c r="W1601" s="76"/>
      <c r="X1601" s="76"/>
      <c r="Y1601" s="76"/>
      <c r="Z1601" s="76"/>
      <c r="AA1601" s="85"/>
      <c r="AB1601" s="85"/>
      <c r="AC1601" s="85"/>
      <c r="AD1601" s="85"/>
      <c r="AE1601" s="85"/>
      <c r="AF1601" s="85"/>
      <c r="AG1601" s="86"/>
      <c r="AH1601" s="85"/>
      <c r="AI1601" s="85"/>
      <c r="AJ1601" s="85"/>
      <c r="AK1601" s="85"/>
      <c r="AL1601" s="85"/>
      <c r="AM1601" s="92"/>
      <c r="AN1601" s="92"/>
      <c r="AO1601" s="92"/>
      <c r="AP1601" s="92"/>
      <c r="AQ1601" s="92"/>
      <c r="AR1601" s="92"/>
      <c r="AS1601" s="92"/>
      <c r="AT1601" s="92"/>
      <c r="AU1601" s="92"/>
      <c r="AV1601" s="92"/>
      <c r="AW1601" s="92"/>
      <c r="AX1601" s="92"/>
      <c r="AY1601" s="92"/>
      <c r="AZ1601" s="93"/>
      <c r="BA1601" s="93"/>
      <c r="BB1601" s="93"/>
      <c r="BC1601" s="93"/>
      <c r="BD1601" s="93"/>
      <c r="BE1601" s="93"/>
      <c r="BF1601" s="93"/>
      <c r="BG1601" s="93"/>
      <c r="BH1601" s="93"/>
      <c r="BI1601" s="93"/>
      <c r="BJ1601" s="93"/>
      <c r="BK1601" s="93"/>
      <c r="BL1601" s="93"/>
    </row>
    <row r="1602" spans="2:64" x14ac:dyDescent="0.2">
      <c r="B1602" s="43"/>
      <c r="C1602" s="73"/>
      <c r="D1602" s="64"/>
      <c r="E1602" s="55"/>
      <c r="F1602" s="74"/>
      <c r="G1602" s="74"/>
      <c r="H1602" s="74"/>
      <c r="I1602" s="75"/>
      <c r="J1602" s="74"/>
      <c r="L1602" s="55"/>
      <c r="M1602" s="234"/>
      <c r="N1602" s="65"/>
      <c r="O1602" s="76"/>
      <c r="P1602" s="76"/>
      <c r="Q1602" s="65"/>
      <c r="R1602" s="76"/>
      <c r="S1602" s="76"/>
      <c r="T1602" s="76"/>
      <c r="U1602" s="76"/>
      <c r="V1602" s="76"/>
      <c r="W1602" s="76"/>
      <c r="X1602" s="76"/>
      <c r="Y1602" s="76"/>
      <c r="Z1602" s="76"/>
      <c r="AA1602" s="85"/>
      <c r="AB1602" s="85"/>
      <c r="AC1602" s="85"/>
      <c r="AD1602" s="85"/>
      <c r="AE1602" s="85"/>
      <c r="AF1602" s="85"/>
      <c r="AG1602" s="86"/>
      <c r="AH1602" s="85"/>
      <c r="AI1602" s="85"/>
      <c r="AJ1602" s="85"/>
      <c r="AK1602" s="85"/>
      <c r="AL1602" s="85"/>
      <c r="AM1602" s="92"/>
      <c r="AN1602" s="92"/>
      <c r="AO1602" s="92"/>
      <c r="AP1602" s="92"/>
      <c r="AQ1602" s="92"/>
      <c r="AR1602" s="92"/>
      <c r="AS1602" s="92"/>
      <c r="AT1602" s="92"/>
      <c r="AU1602" s="92"/>
      <c r="AV1602" s="92"/>
      <c r="AW1602" s="92"/>
      <c r="AX1602" s="92"/>
      <c r="AY1602" s="92"/>
      <c r="AZ1602" s="93"/>
      <c r="BA1602" s="93"/>
      <c r="BB1602" s="93"/>
      <c r="BC1602" s="93"/>
      <c r="BD1602" s="93"/>
      <c r="BE1602" s="93"/>
      <c r="BF1602" s="93"/>
      <c r="BG1602" s="93"/>
      <c r="BH1602" s="93"/>
      <c r="BI1602" s="93"/>
      <c r="BJ1602" s="93"/>
      <c r="BK1602" s="93"/>
      <c r="BL1602" s="93"/>
    </row>
    <row r="1603" spans="2:64" x14ac:dyDescent="0.2">
      <c r="B1603" s="43"/>
      <c r="C1603" s="73"/>
      <c r="D1603" s="64"/>
      <c r="E1603" s="55"/>
      <c r="F1603" s="74"/>
      <c r="G1603" s="74"/>
      <c r="H1603" s="74"/>
      <c r="I1603" s="75"/>
      <c r="J1603" s="74"/>
      <c r="L1603" s="55"/>
      <c r="M1603" s="234"/>
      <c r="N1603" s="65"/>
      <c r="O1603" s="76"/>
      <c r="P1603" s="76"/>
      <c r="Q1603" s="65"/>
      <c r="R1603" s="76"/>
      <c r="S1603" s="76"/>
      <c r="T1603" s="76"/>
      <c r="U1603" s="76"/>
      <c r="V1603" s="76"/>
      <c r="W1603" s="76"/>
      <c r="X1603" s="76"/>
      <c r="Y1603" s="76"/>
      <c r="Z1603" s="76"/>
      <c r="AA1603" s="85"/>
      <c r="AB1603" s="85"/>
      <c r="AC1603" s="85"/>
      <c r="AD1603" s="85"/>
      <c r="AE1603" s="85"/>
      <c r="AF1603" s="85"/>
      <c r="AG1603" s="86"/>
      <c r="AH1603" s="85"/>
      <c r="AI1603" s="85"/>
      <c r="AJ1603" s="85"/>
      <c r="AK1603" s="85"/>
      <c r="AL1603" s="85"/>
      <c r="AM1603" s="92"/>
      <c r="AN1603" s="92"/>
      <c r="AO1603" s="92"/>
      <c r="AP1603" s="92"/>
      <c r="AQ1603" s="92"/>
      <c r="AR1603" s="92"/>
      <c r="AS1603" s="92"/>
      <c r="AT1603" s="92"/>
      <c r="AU1603" s="92"/>
      <c r="AV1603" s="92"/>
      <c r="AW1603" s="92"/>
      <c r="AX1603" s="92"/>
      <c r="AY1603" s="92"/>
      <c r="AZ1603" s="93"/>
      <c r="BA1603" s="93"/>
      <c r="BB1603" s="93"/>
      <c r="BC1603" s="93"/>
      <c r="BD1603" s="93"/>
      <c r="BE1603" s="93"/>
      <c r="BF1603" s="93"/>
      <c r="BG1603" s="93"/>
      <c r="BH1603" s="93"/>
      <c r="BI1603" s="93"/>
      <c r="BJ1603" s="93"/>
      <c r="BK1603" s="93"/>
      <c r="BL1603" s="93"/>
    </row>
    <row r="1604" spans="2:64" x14ac:dyDescent="0.2">
      <c r="B1604" s="43"/>
      <c r="C1604" s="73"/>
      <c r="D1604" s="64"/>
      <c r="E1604" s="55"/>
      <c r="F1604" s="74"/>
      <c r="G1604" s="74"/>
      <c r="H1604" s="74"/>
      <c r="I1604" s="75"/>
      <c r="J1604" s="74"/>
      <c r="L1604" s="55"/>
      <c r="M1604" s="234"/>
      <c r="N1604" s="65"/>
      <c r="O1604" s="76"/>
      <c r="P1604" s="76"/>
      <c r="Q1604" s="65"/>
      <c r="R1604" s="76"/>
      <c r="S1604" s="76"/>
      <c r="T1604" s="76"/>
      <c r="U1604" s="76"/>
      <c r="V1604" s="76"/>
      <c r="W1604" s="76"/>
      <c r="X1604" s="76"/>
      <c r="Y1604" s="76"/>
      <c r="Z1604" s="76"/>
      <c r="AA1604" s="85"/>
      <c r="AB1604" s="85"/>
      <c r="AC1604" s="85"/>
      <c r="AD1604" s="85"/>
      <c r="AE1604" s="85"/>
      <c r="AF1604" s="85"/>
      <c r="AG1604" s="86"/>
      <c r="AH1604" s="85"/>
      <c r="AI1604" s="85"/>
      <c r="AJ1604" s="85"/>
      <c r="AK1604" s="85"/>
      <c r="AL1604" s="85"/>
      <c r="AM1604" s="92"/>
      <c r="AN1604" s="92"/>
      <c r="AO1604" s="92"/>
      <c r="AP1604" s="92"/>
      <c r="AQ1604" s="92"/>
      <c r="AR1604" s="92"/>
      <c r="AS1604" s="92"/>
      <c r="AT1604" s="92"/>
      <c r="AU1604" s="92"/>
      <c r="AV1604" s="92"/>
      <c r="AW1604" s="92"/>
      <c r="AX1604" s="92"/>
      <c r="AY1604" s="92"/>
      <c r="AZ1604" s="93"/>
      <c r="BA1604" s="93"/>
      <c r="BB1604" s="93"/>
      <c r="BC1604" s="93"/>
      <c r="BD1604" s="93"/>
      <c r="BE1604" s="93"/>
      <c r="BF1604" s="93"/>
      <c r="BG1604" s="93"/>
      <c r="BH1604" s="93"/>
      <c r="BI1604" s="93"/>
      <c r="BJ1604" s="93"/>
      <c r="BK1604" s="93"/>
      <c r="BL1604" s="93"/>
    </row>
    <row r="1605" spans="2:64" x14ac:dyDescent="0.2">
      <c r="B1605" s="43"/>
      <c r="C1605" s="73"/>
      <c r="D1605" s="64"/>
      <c r="E1605" s="55"/>
      <c r="F1605" s="74"/>
      <c r="G1605" s="74"/>
      <c r="H1605" s="74"/>
      <c r="I1605" s="75"/>
      <c r="J1605" s="74"/>
      <c r="L1605" s="55"/>
      <c r="M1605" s="234"/>
      <c r="N1605" s="65"/>
      <c r="O1605" s="76"/>
      <c r="P1605" s="76"/>
      <c r="Q1605" s="65"/>
      <c r="R1605" s="76"/>
      <c r="S1605" s="76"/>
      <c r="T1605" s="76"/>
      <c r="U1605" s="76"/>
      <c r="V1605" s="76"/>
      <c r="W1605" s="76"/>
      <c r="X1605" s="76"/>
      <c r="Y1605" s="76"/>
      <c r="Z1605" s="76"/>
      <c r="AA1605" s="85"/>
      <c r="AB1605" s="85"/>
      <c r="AC1605" s="85"/>
      <c r="AD1605" s="85"/>
      <c r="AE1605" s="85"/>
      <c r="AF1605" s="85"/>
      <c r="AG1605" s="86"/>
      <c r="AH1605" s="85"/>
      <c r="AI1605" s="85"/>
      <c r="AJ1605" s="85"/>
      <c r="AK1605" s="85"/>
      <c r="AL1605" s="85"/>
      <c r="AM1605" s="92"/>
      <c r="AN1605" s="92"/>
      <c r="AO1605" s="92"/>
      <c r="AP1605" s="92"/>
      <c r="AQ1605" s="92"/>
      <c r="AR1605" s="92"/>
      <c r="AS1605" s="92"/>
      <c r="AT1605" s="92"/>
      <c r="AU1605" s="92"/>
      <c r="AV1605" s="92"/>
      <c r="AW1605" s="92"/>
      <c r="AX1605" s="92"/>
      <c r="AY1605" s="92"/>
      <c r="AZ1605" s="93"/>
      <c r="BA1605" s="93"/>
      <c r="BB1605" s="93"/>
      <c r="BC1605" s="93"/>
      <c r="BD1605" s="93"/>
      <c r="BE1605" s="93"/>
      <c r="BF1605" s="93"/>
      <c r="BG1605" s="93"/>
      <c r="BH1605" s="93"/>
      <c r="BI1605" s="93"/>
      <c r="BJ1605" s="93"/>
      <c r="BK1605" s="93"/>
      <c r="BL1605" s="93"/>
    </row>
    <row r="1606" spans="2:64" x14ac:dyDescent="0.2">
      <c r="B1606" s="43"/>
      <c r="C1606" s="73"/>
      <c r="D1606" s="64"/>
      <c r="E1606" s="55"/>
      <c r="F1606" s="74"/>
      <c r="G1606" s="74"/>
      <c r="H1606" s="74"/>
      <c r="I1606" s="75"/>
      <c r="J1606" s="74"/>
      <c r="L1606" s="55"/>
      <c r="M1606" s="234"/>
      <c r="N1606" s="65"/>
      <c r="O1606" s="76"/>
      <c r="P1606" s="76"/>
      <c r="Q1606" s="65"/>
      <c r="R1606" s="76"/>
      <c r="S1606" s="76"/>
      <c r="T1606" s="76"/>
      <c r="U1606" s="76"/>
      <c r="V1606" s="76"/>
      <c r="W1606" s="76"/>
      <c r="X1606" s="76"/>
      <c r="Y1606" s="76"/>
      <c r="Z1606" s="76"/>
      <c r="AA1606" s="85"/>
      <c r="AB1606" s="85"/>
      <c r="AC1606" s="85"/>
      <c r="AD1606" s="85"/>
      <c r="AE1606" s="85"/>
      <c r="AF1606" s="85"/>
      <c r="AG1606" s="86"/>
      <c r="AH1606" s="85"/>
      <c r="AI1606" s="85"/>
      <c r="AJ1606" s="85"/>
      <c r="AK1606" s="85"/>
      <c r="AL1606" s="85"/>
      <c r="AM1606" s="92"/>
      <c r="AN1606" s="92"/>
      <c r="AO1606" s="92"/>
      <c r="AP1606" s="92"/>
      <c r="AQ1606" s="92"/>
      <c r="AR1606" s="92"/>
      <c r="AS1606" s="92"/>
      <c r="AT1606" s="92"/>
      <c r="AU1606" s="92"/>
      <c r="AV1606" s="92"/>
      <c r="AW1606" s="92"/>
      <c r="AX1606" s="92"/>
      <c r="AY1606" s="92"/>
      <c r="AZ1606" s="93"/>
      <c r="BA1606" s="93"/>
      <c r="BB1606" s="93"/>
      <c r="BC1606" s="93"/>
      <c r="BD1606" s="93"/>
      <c r="BE1606" s="93"/>
      <c r="BF1606" s="93"/>
      <c r="BG1606" s="93"/>
      <c r="BH1606" s="93"/>
      <c r="BI1606" s="93"/>
      <c r="BJ1606" s="93"/>
      <c r="BK1606" s="93"/>
      <c r="BL1606" s="93"/>
    </row>
    <row r="1607" spans="2:64" x14ac:dyDescent="0.2">
      <c r="B1607" s="43"/>
      <c r="C1607" s="73"/>
      <c r="D1607" s="64"/>
      <c r="E1607" s="55"/>
      <c r="F1607" s="74"/>
      <c r="G1607" s="74"/>
      <c r="H1607" s="74"/>
      <c r="I1607" s="75"/>
      <c r="J1607" s="74"/>
      <c r="L1607" s="55"/>
      <c r="M1607" s="234"/>
      <c r="N1607" s="65"/>
      <c r="O1607" s="76"/>
      <c r="P1607" s="76"/>
      <c r="Q1607" s="65"/>
      <c r="R1607" s="76"/>
      <c r="S1607" s="76"/>
      <c r="T1607" s="76"/>
      <c r="U1607" s="76"/>
      <c r="V1607" s="76"/>
      <c r="W1607" s="76"/>
      <c r="X1607" s="76"/>
      <c r="Y1607" s="76"/>
      <c r="Z1607" s="76"/>
      <c r="AA1607" s="85"/>
      <c r="AB1607" s="85"/>
      <c r="AC1607" s="85"/>
      <c r="AD1607" s="85"/>
      <c r="AE1607" s="85"/>
      <c r="AF1607" s="85"/>
      <c r="AG1607" s="86"/>
      <c r="AH1607" s="85"/>
      <c r="AI1607" s="85"/>
      <c r="AJ1607" s="85"/>
      <c r="AK1607" s="85"/>
      <c r="AL1607" s="85"/>
      <c r="AM1607" s="92"/>
      <c r="AN1607" s="92"/>
      <c r="AO1607" s="92"/>
      <c r="AP1607" s="92"/>
      <c r="AQ1607" s="92"/>
      <c r="AR1607" s="92"/>
      <c r="AS1607" s="92"/>
      <c r="AT1607" s="92"/>
      <c r="AU1607" s="92"/>
      <c r="AV1607" s="92"/>
      <c r="AW1607" s="92"/>
      <c r="AX1607" s="92"/>
      <c r="AY1607" s="92"/>
      <c r="AZ1607" s="93"/>
      <c r="BA1607" s="93"/>
      <c r="BB1607" s="93"/>
      <c r="BC1607" s="93"/>
      <c r="BD1607" s="93"/>
      <c r="BE1607" s="93"/>
      <c r="BF1607" s="93"/>
      <c r="BG1607" s="93"/>
      <c r="BH1607" s="93"/>
      <c r="BI1607" s="93"/>
      <c r="BJ1607" s="93"/>
      <c r="BK1607" s="93"/>
      <c r="BL1607" s="93"/>
    </row>
    <row r="1608" spans="2:64" x14ac:dyDescent="0.2">
      <c r="B1608" s="43"/>
      <c r="C1608" s="73"/>
      <c r="D1608" s="64"/>
      <c r="E1608" s="55"/>
      <c r="F1608" s="74"/>
      <c r="G1608" s="74"/>
      <c r="H1608" s="74"/>
      <c r="I1608" s="75"/>
      <c r="J1608" s="74"/>
      <c r="L1608" s="55"/>
      <c r="M1608" s="234"/>
      <c r="N1608" s="65"/>
      <c r="O1608" s="76"/>
      <c r="P1608" s="76"/>
      <c r="Q1608" s="65"/>
      <c r="R1608" s="76"/>
      <c r="S1608" s="76"/>
      <c r="T1608" s="76"/>
      <c r="U1608" s="76"/>
      <c r="V1608" s="76"/>
      <c r="W1608" s="76"/>
      <c r="X1608" s="76"/>
      <c r="Y1608" s="76"/>
      <c r="Z1608" s="76"/>
      <c r="AA1608" s="85"/>
      <c r="AB1608" s="85"/>
      <c r="AC1608" s="85"/>
      <c r="AD1608" s="85"/>
      <c r="AE1608" s="85"/>
      <c r="AF1608" s="85"/>
      <c r="AG1608" s="86"/>
      <c r="AH1608" s="85"/>
      <c r="AI1608" s="85"/>
      <c r="AJ1608" s="85"/>
      <c r="AK1608" s="85"/>
      <c r="AL1608" s="85"/>
      <c r="AM1608" s="92"/>
      <c r="AN1608" s="92"/>
      <c r="AO1608" s="92"/>
      <c r="AP1608" s="92"/>
      <c r="AQ1608" s="92"/>
      <c r="AR1608" s="92"/>
      <c r="AS1608" s="92"/>
      <c r="AT1608" s="92"/>
      <c r="AU1608" s="92"/>
      <c r="AV1608" s="92"/>
      <c r="AW1608" s="92"/>
      <c r="AX1608" s="92"/>
      <c r="AY1608" s="92"/>
      <c r="AZ1608" s="93"/>
      <c r="BA1608" s="93"/>
      <c r="BB1608" s="93"/>
      <c r="BC1608" s="93"/>
      <c r="BD1608" s="93"/>
      <c r="BE1608" s="93"/>
      <c r="BF1608" s="93"/>
      <c r="BG1608" s="93"/>
      <c r="BH1608" s="93"/>
      <c r="BI1608" s="93"/>
      <c r="BJ1608" s="93"/>
      <c r="BK1608" s="93"/>
      <c r="BL1608" s="93"/>
    </row>
    <row r="1609" spans="2:64" x14ac:dyDescent="0.2">
      <c r="B1609" s="43"/>
      <c r="C1609" s="73"/>
      <c r="D1609" s="64"/>
      <c r="E1609" s="55"/>
      <c r="F1609" s="74"/>
      <c r="G1609" s="74"/>
      <c r="H1609" s="74"/>
      <c r="I1609" s="75"/>
      <c r="J1609" s="74"/>
      <c r="L1609" s="55"/>
      <c r="M1609" s="234"/>
      <c r="N1609" s="65"/>
      <c r="O1609" s="76"/>
      <c r="P1609" s="76"/>
      <c r="Q1609" s="65"/>
      <c r="R1609" s="76"/>
      <c r="S1609" s="76"/>
      <c r="T1609" s="76"/>
      <c r="U1609" s="76"/>
      <c r="V1609" s="76"/>
      <c r="W1609" s="76"/>
      <c r="X1609" s="76"/>
      <c r="Y1609" s="76"/>
      <c r="Z1609" s="76"/>
      <c r="AA1609" s="85"/>
      <c r="AB1609" s="85"/>
      <c r="AC1609" s="85"/>
      <c r="AD1609" s="85"/>
      <c r="AE1609" s="85"/>
      <c r="AF1609" s="85"/>
      <c r="AG1609" s="86"/>
      <c r="AH1609" s="85"/>
      <c r="AI1609" s="85"/>
      <c r="AJ1609" s="85"/>
      <c r="AK1609" s="85"/>
      <c r="AL1609" s="85"/>
      <c r="AM1609" s="92"/>
      <c r="AN1609" s="92"/>
      <c r="AO1609" s="92"/>
      <c r="AP1609" s="92"/>
      <c r="AQ1609" s="92"/>
      <c r="AR1609" s="92"/>
      <c r="AS1609" s="92"/>
      <c r="AT1609" s="92"/>
      <c r="AU1609" s="92"/>
      <c r="AV1609" s="92"/>
      <c r="AW1609" s="92"/>
      <c r="AX1609" s="92"/>
      <c r="AY1609" s="92"/>
      <c r="AZ1609" s="93"/>
      <c r="BA1609" s="93"/>
      <c r="BB1609" s="93"/>
      <c r="BC1609" s="93"/>
      <c r="BD1609" s="93"/>
      <c r="BE1609" s="93"/>
      <c r="BF1609" s="93"/>
      <c r="BG1609" s="93"/>
      <c r="BH1609" s="93"/>
      <c r="BI1609" s="93"/>
      <c r="BJ1609" s="93"/>
      <c r="BK1609" s="93"/>
      <c r="BL1609" s="93"/>
    </row>
    <row r="1610" spans="2:64" x14ac:dyDescent="0.2">
      <c r="B1610" s="43"/>
      <c r="C1610" s="73"/>
      <c r="D1610" s="64"/>
      <c r="E1610" s="55"/>
      <c r="F1610" s="74"/>
      <c r="G1610" s="74"/>
      <c r="H1610" s="74"/>
      <c r="I1610" s="75"/>
      <c r="J1610" s="74"/>
      <c r="L1610" s="55"/>
      <c r="M1610" s="234"/>
      <c r="N1610" s="65"/>
      <c r="O1610" s="76"/>
      <c r="P1610" s="76"/>
      <c r="Q1610" s="65"/>
      <c r="R1610" s="76"/>
      <c r="S1610" s="76"/>
      <c r="T1610" s="76"/>
      <c r="U1610" s="76"/>
      <c r="V1610" s="76"/>
      <c r="W1610" s="76"/>
      <c r="X1610" s="76"/>
      <c r="Y1610" s="76"/>
      <c r="Z1610" s="76"/>
      <c r="AA1610" s="85"/>
      <c r="AB1610" s="85"/>
      <c r="AC1610" s="85"/>
      <c r="AD1610" s="85"/>
      <c r="AE1610" s="85"/>
      <c r="AF1610" s="85"/>
      <c r="AG1610" s="86"/>
      <c r="AH1610" s="85"/>
      <c r="AI1610" s="85"/>
      <c r="AJ1610" s="85"/>
      <c r="AK1610" s="85"/>
      <c r="AL1610" s="85"/>
      <c r="AM1610" s="92"/>
      <c r="AN1610" s="92"/>
      <c r="AO1610" s="92"/>
      <c r="AP1610" s="92"/>
      <c r="AQ1610" s="92"/>
      <c r="AR1610" s="92"/>
      <c r="AS1610" s="92"/>
      <c r="AT1610" s="92"/>
      <c r="AU1610" s="92"/>
      <c r="AV1610" s="92"/>
      <c r="AW1610" s="92"/>
      <c r="AX1610" s="92"/>
      <c r="AY1610" s="92"/>
      <c r="AZ1610" s="93"/>
      <c r="BA1610" s="93"/>
      <c r="BB1610" s="93"/>
      <c r="BC1610" s="93"/>
      <c r="BD1610" s="93"/>
      <c r="BE1610" s="93"/>
      <c r="BF1610" s="93"/>
      <c r="BG1610" s="93"/>
      <c r="BH1610" s="93"/>
      <c r="BI1610" s="93"/>
      <c r="BJ1610" s="93"/>
      <c r="BK1610" s="93"/>
      <c r="BL1610" s="93"/>
    </row>
    <row r="1611" spans="2:64" x14ac:dyDescent="0.2">
      <c r="B1611" s="43"/>
      <c r="C1611" s="73"/>
      <c r="D1611" s="64"/>
      <c r="E1611" s="55"/>
      <c r="F1611" s="74"/>
      <c r="G1611" s="74"/>
      <c r="H1611" s="74"/>
      <c r="I1611" s="75"/>
      <c r="J1611" s="74"/>
      <c r="L1611" s="55"/>
      <c r="M1611" s="234"/>
      <c r="N1611" s="65"/>
      <c r="O1611" s="76"/>
      <c r="P1611" s="76"/>
      <c r="Q1611" s="65"/>
      <c r="R1611" s="76"/>
      <c r="S1611" s="76"/>
      <c r="T1611" s="76"/>
      <c r="U1611" s="76"/>
      <c r="V1611" s="76"/>
      <c r="W1611" s="76"/>
      <c r="X1611" s="76"/>
      <c r="Y1611" s="76"/>
      <c r="Z1611" s="76"/>
      <c r="AA1611" s="85"/>
      <c r="AB1611" s="85"/>
      <c r="AC1611" s="85"/>
      <c r="AD1611" s="85"/>
      <c r="AE1611" s="85"/>
      <c r="AF1611" s="85"/>
      <c r="AG1611" s="86"/>
      <c r="AH1611" s="85"/>
      <c r="AI1611" s="85"/>
      <c r="AJ1611" s="85"/>
      <c r="AK1611" s="85"/>
      <c r="AL1611" s="85"/>
      <c r="AM1611" s="92"/>
      <c r="AN1611" s="92"/>
      <c r="AO1611" s="92"/>
      <c r="AP1611" s="92"/>
      <c r="AQ1611" s="92"/>
      <c r="AR1611" s="92"/>
      <c r="AS1611" s="92"/>
      <c r="AT1611" s="92"/>
      <c r="AU1611" s="92"/>
      <c r="AV1611" s="92"/>
      <c r="AW1611" s="92"/>
      <c r="AX1611" s="92"/>
      <c r="AY1611" s="92"/>
      <c r="AZ1611" s="93"/>
      <c r="BA1611" s="93"/>
      <c r="BB1611" s="93"/>
      <c r="BC1611" s="93"/>
      <c r="BD1611" s="93"/>
      <c r="BE1611" s="93"/>
      <c r="BF1611" s="93"/>
      <c r="BG1611" s="93"/>
      <c r="BH1611" s="93"/>
      <c r="BI1611" s="93"/>
      <c r="BJ1611" s="93"/>
      <c r="BK1611" s="93"/>
      <c r="BL1611" s="93"/>
    </row>
    <row r="1612" spans="2:64" x14ac:dyDescent="0.2">
      <c r="B1612" s="43"/>
      <c r="C1612" s="73"/>
      <c r="D1612" s="64"/>
      <c r="E1612" s="55"/>
      <c r="F1612" s="74"/>
      <c r="G1612" s="74"/>
      <c r="H1612" s="74"/>
      <c r="I1612" s="75"/>
      <c r="J1612" s="74"/>
      <c r="L1612" s="55"/>
      <c r="M1612" s="234"/>
      <c r="N1612" s="65"/>
      <c r="O1612" s="76"/>
      <c r="P1612" s="76"/>
      <c r="Q1612" s="65"/>
      <c r="R1612" s="76"/>
      <c r="S1612" s="76"/>
      <c r="T1612" s="76"/>
      <c r="U1612" s="76"/>
      <c r="V1612" s="76"/>
      <c r="W1612" s="76"/>
      <c r="X1612" s="76"/>
      <c r="Y1612" s="76"/>
      <c r="Z1612" s="76"/>
      <c r="AA1612" s="85"/>
      <c r="AB1612" s="85"/>
      <c r="AC1612" s="85"/>
      <c r="AD1612" s="85"/>
      <c r="AE1612" s="85"/>
      <c r="AF1612" s="85"/>
      <c r="AG1612" s="86"/>
      <c r="AH1612" s="85"/>
      <c r="AI1612" s="85"/>
      <c r="AJ1612" s="85"/>
      <c r="AK1612" s="85"/>
      <c r="AL1612" s="85"/>
      <c r="AM1612" s="92"/>
      <c r="AN1612" s="92"/>
      <c r="AO1612" s="92"/>
      <c r="AP1612" s="92"/>
      <c r="AQ1612" s="92"/>
      <c r="AR1612" s="92"/>
      <c r="AS1612" s="92"/>
      <c r="AT1612" s="92"/>
      <c r="AU1612" s="92"/>
      <c r="AV1612" s="92"/>
      <c r="AW1612" s="92"/>
      <c r="AX1612" s="92"/>
      <c r="AY1612" s="92"/>
      <c r="AZ1612" s="93"/>
      <c r="BA1612" s="93"/>
      <c r="BB1612" s="93"/>
      <c r="BC1612" s="93"/>
      <c r="BD1612" s="93"/>
      <c r="BE1612" s="93"/>
      <c r="BF1612" s="93"/>
      <c r="BG1612" s="93"/>
      <c r="BH1612" s="93"/>
      <c r="BI1612" s="93"/>
      <c r="BJ1612" s="93"/>
      <c r="BK1612" s="93"/>
      <c r="BL1612" s="93"/>
    </row>
    <row r="1613" spans="2:64" x14ac:dyDescent="0.2">
      <c r="B1613" s="43"/>
      <c r="C1613" s="73"/>
      <c r="D1613" s="64"/>
      <c r="E1613" s="55"/>
      <c r="F1613" s="74"/>
      <c r="G1613" s="74"/>
      <c r="H1613" s="74"/>
      <c r="I1613" s="75"/>
      <c r="J1613" s="74"/>
      <c r="L1613" s="55"/>
      <c r="M1613" s="234"/>
      <c r="N1613" s="65"/>
      <c r="O1613" s="76"/>
      <c r="P1613" s="76"/>
      <c r="Q1613" s="65"/>
      <c r="R1613" s="76"/>
      <c r="S1613" s="76"/>
      <c r="T1613" s="76"/>
      <c r="U1613" s="76"/>
      <c r="V1613" s="76"/>
      <c r="W1613" s="76"/>
      <c r="X1613" s="76"/>
      <c r="Y1613" s="76"/>
      <c r="Z1613" s="76"/>
      <c r="AA1613" s="85"/>
      <c r="AB1613" s="85"/>
      <c r="AC1613" s="85"/>
      <c r="AD1613" s="85"/>
      <c r="AE1613" s="85"/>
      <c r="AF1613" s="85"/>
      <c r="AG1613" s="86"/>
      <c r="AH1613" s="85"/>
      <c r="AI1613" s="85"/>
      <c r="AJ1613" s="85"/>
      <c r="AK1613" s="85"/>
      <c r="AL1613" s="85"/>
      <c r="AM1613" s="92"/>
      <c r="AN1613" s="92"/>
      <c r="AO1613" s="92"/>
      <c r="AP1613" s="92"/>
      <c r="AQ1613" s="92"/>
      <c r="AR1613" s="92"/>
      <c r="AS1613" s="92"/>
      <c r="AT1613" s="92"/>
      <c r="AU1613" s="92"/>
      <c r="AV1613" s="92"/>
      <c r="AW1613" s="92"/>
      <c r="AX1613" s="92"/>
      <c r="AY1613" s="92"/>
      <c r="AZ1613" s="93"/>
      <c r="BA1613" s="93"/>
      <c r="BB1613" s="93"/>
      <c r="BC1613" s="93"/>
      <c r="BD1613" s="93"/>
      <c r="BE1613" s="93"/>
      <c r="BF1613" s="93"/>
      <c r="BG1613" s="93"/>
      <c r="BH1613" s="93"/>
      <c r="BI1613" s="93"/>
      <c r="BJ1613" s="93"/>
      <c r="BK1613" s="93"/>
      <c r="BL1613" s="93"/>
    </row>
    <row r="1614" spans="2:64" x14ac:dyDescent="0.2">
      <c r="B1614" s="43"/>
      <c r="C1614" s="73"/>
      <c r="D1614" s="64"/>
      <c r="E1614" s="55"/>
      <c r="F1614" s="74"/>
      <c r="G1614" s="74"/>
      <c r="H1614" s="74"/>
      <c r="I1614" s="75"/>
      <c r="J1614" s="74"/>
      <c r="L1614" s="55"/>
      <c r="M1614" s="234"/>
      <c r="N1614" s="65"/>
      <c r="O1614" s="76"/>
      <c r="P1614" s="76"/>
      <c r="Q1614" s="65"/>
      <c r="R1614" s="76"/>
      <c r="S1614" s="76"/>
      <c r="T1614" s="76"/>
      <c r="U1614" s="76"/>
      <c r="V1614" s="76"/>
      <c r="W1614" s="76"/>
      <c r="X1614" s="76"/>
      <c r="Y1614" s="76"/>
      <c r="Z1614" s="76"/>
      <c r="AA1614" s="85"/>
      <c r="AB1614" s="85"/>
      <c r="AC1614" s="85"/>
      <c r="AD1614" s="85"/>
      <c r="AE1614" s="85"/>
      <c r="AF1614" s="85"/>
      <c r="AG1614" s="86"/>
      <c r="AH1614" s="85"/>
      <c r="AI1614" s="85"/>
      <c r="AJ1614" s="85"/>
      <c r="AK1614" s="85"/>
      <c r="AL1614" s="85"/>
      <c r="AM1614" s="92"/>
      <c r="AN1614" s="92"/>
      <c r="AO1614" s="92"/>
      <c r="AP1614" s="92"/>
      <c r="AQ1614" s="92"/>
      <c r="AR1614" s="92"/>
      <c r="AS1614" s="92"/>
      <c r="AT1614" s="92"/>
      <c r="AU1614" s="92"/>
      <c r="AV1614" s="92"/>
      <c r="AW1614" s="92"/>
      <c r="AX1614" s="92"/>
      <c r="AY1614" s="92"/>
      <c r="AZ1614" s="93"/>
      <c r="BA1614" s="93"/>
      <c r="BB1614" s="93"/>
      <c r="BC1614" s="93"/>
      <c r="BD1614" s="93"/>
      <c r="BE1614" s="93"/>
      <c r="BF1614" s="93"/>
      <c r="BG1614" s="93"/>
      <c r="BH1614" s="93"/>
      <c r="BI1614" s="93"/>
      <c r="BJ1614" s="93"/>
      <c r="BK1614" s="93"/>
      <c r="BL1614" s="93"/>
    </row>
    <row r="1615" spans="2:64" x14ac:dyDescent="0.2">
      <c r="B1615" s="43"/>
      <c r="C1615" s="73"/>
      <c r="D1615" s="64"/>
      <c r="E1615" s="55"/>
      <c r="F1615" s="74"/>
      <c r="G1615" s="74"/>
      <c r="H1615" s="74"/>
      <c r="I1615" s="75"/>
      <c r="J1615" s="74"/>
      <c r="L1615" s="55"/>
      <c r="M1615" s="234"/>
      <c r="N1615" s="65"/>
      <c r="O1615" s="76"/>
      <c r="P1615" s="76"/>
      <c r="Q1615" s="65"/>
      <c r="R1615" s="76"/>
      <c r="S1615" s="76"/>
      <c r="T1615" s="76"/>
      <c r="U1615" s="76"/>
      <c r="V1615" s="76"/>
      <c r="W1615" s="76"/>
      <c r="X1615" s="76"/>
      <c r="Y1615" s="76"/>
      <c r="Z1615" s="76"/>
      <c r="AA1615" s="85"/>
      <c r="AB1615" s="85"/>
      <c r="AC1615" s="85"/>
      <c r="AD1615" s="85"/>
      <c r="AE1615" s="85"/>
      <c r="AF1615" s="85"/>
      <c r="AG1615" s="86"/>
      <c r="AH1615" s="85"/>
      <c r="AI1615" s="85"/>
      <c r="AJ1615" s="85"/>
      <c r="AK1615" s="85"/>
      <c r="AL1615" s="85"/>
      <c r="AM1615" s="92"/>
      <c r="AN1615" s="92"/>
      <c r="AO1615" s="92"/>
      <c r="AP1615" s="92"/>
      <c r="AQ1615" s="92"/>
      <c r="AR1615" s="92"/>
      <c r="AS1615" s="92"/>
      <c r="AT1615" s="92"/>
      <c r="AU1615" s="92"/>
      <c r="AV1615" s="92"/>
      <c r="AW1615" s="92"/>
      <c r="AX1615" s="92"/>
      <c r="AY1615" s="92"/>
      <c r="AZ1615" s="93"/>
      <c r="BA1615" s="93"/>
      <c r="BB1615" s="93"/>
      <c r="BC1615" s="93"/>
      <c r="BD1615" s="93"/>
      <c r="BE1615" s="93"/>
      <c r="BF1615" s="93"/>
      <c r="BG1615" s="93"/>
      <c r="BH1615" s="93"/>
      <c r="BI1615" s="93"/>
      <c r="BJ1615" s="93"/>
      <c r="BK1615" s="93"/>
      <c r="BL1615" s="93"/>
    </row>
    <row r="1616" spans="2:64" x14ac:dyDescent="0.2">
      <c r="B1616" s="43"/>
      <c r="C1616" s="73"/>
      <c r="D1616" s="64"/>
      <c r="E1616" s="55"/>
      <c r="F1616" s="74"/>
      <c r="G1616" s="74"/>
      <c r="H1616" s="74"/>
      <c r="I1616" s="75"/>
      <c r="J1616" s="74"/>
      <c r="L1616" s="55"/>
      <c r="M1616" s="234"/>
      <c r="N1616" s="65"/>
      <c r="O1616" s="76"/>
      <c r="P1616" s="76"/>
      <c r="Q1616" s="65"/>
      <c r="R1616" s="76"/>
      <c r="S1616" s="76"/>
      <c r="T1616" s="76"/>
      <c r="U1616" s="76"/>
      <c r="V1616" s="76"/>
      <c r="W1616" s="76"/>
      <c r="X1616" s="76"/>
      <c r="Y1616" s="76"/>
      <c r="Z1616" s="76"/>
      <c r="AA1616" s="85"/>
      <c r="AB1616" s="85"/>
      <c r="AC1616" s="85"/>
      <c r="AD1616" s="85"/>
      <c r="AE1616" s="85"/>
      <c r="AF1616" s="85"/>
      <c r="AG1616" s="86"/>
      <c r="AH1616" s="85"/>
      <c r="AI1616" s="85"/>
      <c r="AJ1616" s="85"/>
      <c r="AK1616" s="85"/>
      <c r="AL1616" s="85"/>
      <c r="AM1616" s="92"/>
      <c r="AN1616" s="92"/>
      <c r="AO1616" s="92"/>
      <c r="AP1616" s="92"/>
      <c r="AQ1616" s="92"/>
      <c r="AR1616" s="92"/>
      <c r="AS1616" s="92"/>
      <c r="AT1616" s="92"/>
      <c r="AU1616" s="92"/>
      <c r="AV1616" s="92"/>
      <c r="AW1616" s="92"/>
      <c r="AX1616" s="92"/>
      <c r="AY1616" s="92"/>
      <c r="AZ1616" s="93"/>
      <c r="BA1616" s="93"/>
      <c r="BB1616" s="93"/>
      <c r="BC1616" s="93"/>
      <c r="BD1616" s="93"/>
      <c r="BE1616" s="93"/>
      <c r="BF1616" s="93"/>
      <c r="BG1616" s="93"/>
      <c r="BH1616" s="93"/>
      <c r="BI1616" s="93"/>
      <c r="BJ1616" s="93"/>
      <c r="BK1616" s="93"/>
      <c r="BL1616" s="93"/>
    </row>
    <row r="1617" spans="2:64" x14ac:dyDescent="0.2">
      <c r="B1617" s="43"/>
      <c r="C1617" s="73"/>
      <c r="D1617" s="64"/>
      <c r="E1617" s="55"/>
      <c r="F1617" s="74"/>
      <c r="G1617" s="74"/>
      <c r="H1617" s="74"/>
      <c r="I1617" s="75"/>
      <c r="J1617" s="74"/>
      <c r="L1617" s="55"/>
      <c r="M1617" s="234"/>
      <c r="N1617" s="65"/>
      <c r="O1617" s="76"/>
      <c r="P1617" s="76"/>
      <c r="Q1617" s="65"/>
      <c r="R1617" s="76"/>
      <c r="S1617" s="76"/>
      <c r="T1617" s="76"/>
      <c r="U1617" s="76"/>
      <c r="V1617" s="76"/>
      <c r="W1617" s="76"/>
      <c r="X1617" s="76"/>
      <c r="Y1617" s="76"/>
      <c r="Z1617" s="76"/>
      <c r="AA1617" s="85"/>
      <c r="AB1617" s="85"/>
      <c r="AC1617" s="85"/>
      <c r="AD1617" s="85"/>
      <c r="AE1617" s="85"/>
      <c r="AF1617" s="85"/>
      <c r="AG1617" s="86"/>
      <c r="AH1617" s="85"/>
      <c r="AI1617" s="85"/>
      <c r="AJ1617" s="85"/>
      <c r="AK1617" s="85"/>
      <c r="AL1617" s="85"/>
      <c r="AM1617" s="92"/>
      <c r="AN1617" s="92"/>
      <c r="AO1617" s="92"/>
      <c r="AP1617" s="92"/>
      <c r="AQ1617" s="92"/>
      <c r="AR1617" s="92"/>
      <c r="AS1617" s="92"/>
      <c r="AT1617" s="92"/>
      <c r="AU1617" s="92"/>
      <c r="AV1617" s="92"/>
      <c r="AW1617" s="92"/>
      <c r="AX1617" s="92"/>
      <c r="AY1617" s="92"/>
      <c r="AZ1617" s="93"/>
      <c r="BA1617" s="93"/>
      <c r="BB1617" s="93"/>
      <c r="BC1617" s="93"/>
      <c r="BD1617" s="93"/>
      <c r="BE1617" s="93"/>
      <c r="BF1617" s="93"/>
      <c r="BG1617" s="93"/>
      <c r="BH1617" s="93"/>
      <c r="BI1617" s="93"/>
      <c r="BJ1617" s="93"/>
      <c r="BK1617" s="93"/>
      <c r="BL1617" s="93"/>
    </row>
    <row r="1618" spans="2:64" x14ac:dyDescent="0.2">
      <c r="B1618" s="43"/>
      <c r="C1618" s="73"/>
      <c r="D1618" s="64"/>
      <c r="E1618" s="55"/>
      <c r="F1618" s="74"/>
      <c r="G1618" s="74"/>
      <c r="H1618" s="74"/>
      <c r="I1618" s="75"/>
      <c r="J1618" s="74"/>
      <c r="L1618" s="55"/>
      <c r="M1618" s="234"/>
      <c r="N1618" s="65"/>
      <c r="O1618" s="76"/>
      <c r="P1618" s="76"/>
      <c r="Q1618" s="65"/>
      <c r="R1618" s="76"/>
      <c r="S1618" s="76"/>
      <c r="T1618" s="76"/>
      <c r="U1618" s="76"/>
      <c r="V1618" s="76"/>
      <c r="W1618" s="76"/>
      <c r="X1618" s="76"/>
      <c r="Y1618" s="76"/>
      <c r="Z1618" s="76"/>
      <c r="AA1618" s="85"/>
      <c r="AB1618" s="85"/>
      <c r="AC1618" s="85"/>
      <c r="AD1618" s="85"/>
      <c r="AE1618" s="85"/>
      <c r="AF1618" s="85"/>
      <c r="AG1618" s="86"/>
      <c r="AH1618" s="85"/>
      <c r="AI1618" s="85"/>
      <c r="AJ1618" s="85"/>
      <c r="AK1618" s="85"/>
      <c r="AL1618" s="85"/>
      <c r="AM1618" s="92"/>
      <c r="AN1618" s="92"/>
      <c r="AO1618" s="92"/>
      <c r="AP1618" s="92"/>
      <c r="AQ1618" s="92"/>
      <c r="AR1618" s="92"/>
      <c r="AS1618" s="92"/>
      <c r="AT1618" s="92"/>
      <c r="AU1618" s="92"/>
      <c r="AV1618" s="92"/>
      <c r="AW1618" s="92"/>
      <c r="AX1618" s="92"/>
      <c r="AY1618" s="92"/>
      <c r="AZ1618" s="93"/>
      <c r="BA1618" s="93"/>
      <c r="BB1618" s="93"/>
      <c r="BC1618" s="93"/>
      <c r="BD1618" s="93"/>
      <c r="BE1618" s="93"/>
      <c r="BF1618" s="93"/>
      <c r="BG1618" s="93"/>
      <c r="BH1618" s="93"/>
      <c r="BI1618" s="93"/>
      <c r="BJ1618" s="93"/>
      <c r="BK1618" s="93"/>
      <c r="BL1618" s="93"/>
    </row>
    <row r="1619" spans="2:64" x14ac:dyDescent="0.2">
      <c r="B1619" s="43"/>
      <c r="C1619" s="73"/>
      <c r="D1619" s="64"/>
      <c r="E1619" s="55"/>
      <c r="F1619" s="74"/>
      <c r="G1619" s="74"/>
      <c r="H1619" s="74"/>
      <c r="I1619" s="75"/>
      <c r="J1619" s="74"/>
      <c r="L1619" s="55"/>
      <c r="M1619" s="234"/>
      <c r="N1619" s="65"/>
      <c r="O1619" s="76"/>
      <c r="P1619" s="76"/>
      <c r="Q1619" s="65"/>
      <c r="R1619" s="76"/>
      <c r="S1619" s="76"/>
      <c r="T1619" s="76"/>
      <c r="U1619" s="76"/>
      <c r="V1619" s="76"/>
      <c r="W1619" s="76"/>
      <c r="X1619" s="76"/>
      <c r="Y1619" s="76"/>
      <c r="Z1619" s="76"/>
      <c r="AA1619" s="85"/>
      <c r="AB1619" s="85"/>
      <c r="AC1619" s="85"/>
      <c r="AD1619" s="85"/>
      <c r="AE1619" s="85"/>
      <c r="AF1619" s="85"/>
      <c r="AG1619" s="86"/>
      <c r="AH1619" s="85"/>
      <c r="AI1619" s="85"/>
      <c r="AJ1619" s="85"/>
      <c r="AK1619" s="85"/>
      <c r="AL1619" s="85"/>
      <c r="AM1619" s="92"/>
      <c r="AN1619" s="92"/>
      <c r="AO1619" s="92"/>
      <c r="AP1619" s="92"/>
      <c r="AQ1619" s="92"/>
      <c r="AR1619" s="92"/>
      <c r="AS1619" s="92"/>
      <c r="AT1619" s="92"/>
      <c r="AU1619" s="92"/>
      <c r="AV1619" s="92"/>
      <c r="AW1619" s="92"/>
      <c r="AX1619" s="92"/>
      <c r="AY1619" s="92"/>
      <c r="AZ1619" s="93"/>
      <c r="BA1619" s="93"/>
      <c r="BB1619" s="93"/>
      <c r="BC1619" s="93"/>
      <c r="BD1619" s="93"/>
      <c r="BE1619" s="93"/>
      <c r="BF1619" s="93"/>
      <c r="BG1619" s="93"/>
      <c r="BH1619" s="93"/>
      <c r="BI1619" s="93"/>
      <c r="BJ1619" s="93"/>
      <c r="BK1619" s="93"/>
      <c r="BL1619" s="93"/>
    </row>
    <row r="1620" spans="2:64" x14ac:dyDescent="0.2">
      <c r="B1620" s="43"/>
      <c r="C1620" s="73"/>
      <c r="D1620" s="64"/>
      <c r="E1620" s="55"/>
      <c r="F1620" s="74"/>
      <c r="G1620" s="74"/>
      <c r="H1620" s="74"/>
      <c r="I1620" s="75"/>
      <c r="J1620" s="74"/>
      <c r="L1620" s="55"/>
      <c r="M1620" s="234"/>
      <c r="N1620" s="65"/>
      <c r="O1620" s="76"/>
      <c r="P1620" s="76"/>
      <c r="Q1620" s="65"/>
      <c r="R1620" s="76"/>
      <c r="S1620" s="76"/>
      <c r="T1620" s="76"/>
      <c r="U1620" s="76"/>
      <c r="V1620" s="76"/>
      <c r="W1620" s="76"/>
      <c r="X1620" s="76"/>
      <c r="Y1620" s="76"/>
      <c r="Z1620" s="76"/>
      <c r="AA1620" s="85"/>
      <c r="AB1620" s="85"/>
      <c r="AC1620" s="85"/>
      <c r="AD1620" s="85"/>
      <c r="AE1620" s="85"/>
      <c r="AF1620" s="85"/>
      <c r="AG1620" s="86"/>
      <c r="AH1620" s="85"/>
      <c r="AI1620" s="85"/>
      <c r="AJ1620" s="85"/>
      <c r="AK1620" s="85"/>
      <c r="AL1620" s="85"/>
      <c r="AM1620" s="92"/>
      <c r="AN1620" s="92"/>
      <c r="AO1620" s="92"/>
      <c r="AP1620" s="92"/>
      <c r="AQ1620" s="92"/>
      <c r="AR1620" s="92"/>
      <c r="AS1620" s="92"/>
      <c r="AT1620" s="92"/>
      <c r="AU1620" s="92"/>
      <c r="AV1620" s="92"/>
      <c r="AW1620" s="92"/>
      <c r="AX1620" s="92"/>
      <c r="AY1620" s="92"/>
      <c r="AZ1620" s="93"/>
      <c r="BA1620" s="93"/>
      <c r="BB1620" s="93"/>
      <c r="BC1620" s="93"/>
      <c r="BD1620" s="93"/>
      <c r="BE1620" s="93"/>
      <c r="BF1620" s="93"/>
      <c r="BG1620" s="93"/>
      <c r="BH1620" s="93"/>
      <c r="BI1620" s="93"/>
      <c r="BJ1620" s="93"/>
      <c r="BK1620" s="93"/>
      <c r="BL1620" s="93"/>
    </row>
    <row r="1621" spans="2:64" x14ac:dyDescent="0.2">
      <c r="B1621" s="43"/>
      <c r="C1621" s="73"/>
      <c r="D1621" s="64"/>
      <c r="E1621" s="55"/>
      <c r="F1621" s="74"/>
      <c r="G1621" s="74"/>
      <c r="H1621" s="74"/>
      <c r="I1621" s="75"/>
      <c r="J1621" s="74"/>
      <c r="L1621" s="55"/>
      <c r="M1621" s="234"/>
      <c r="N1621" s="65"/>
      <c r="O1621" s="76"/>
      <c r="P1621" s="76"/>
      <c r="Q1621" s="65"/>
      <c r="R1621" s="76"/>
      <c r="S1621" s="76"/>
      <c r="T1621" s="76"/>
      <c r="U1621" s="76"/>
      <c r="V1621" s="76"/>
      <c r="W1621" s="76"/>
      <c r="X1621" s="76"/>
      <c r="Y1621" s="76"/>
      <c r="Z1621" s="76"/>
      <c r="AA1621" s="85"/>
      <c r="AB1621" s="85"/>
      <c r="AC1621" s="85"/>
      <c r="AD1621" s="85"/>
      <c r="AE1621" s="85"/>
      <c r="AF1621" s="85"/>
      <c r="AG1621" s="86"/>
      <c r="AH1621" s="85"/>
      <c r="AI1621" s="85"/>
      <c r="AJ1621" s="85"/>
      <c r="AK1621" s="85"/>
      <c r="AL1621" s="85"/>
      <c r="AM1621" s="92"/>
      <c r="AN1621" s="92"/>
      <c r="AO1621" s="92"/>
      <c r="AP1621" s="92"/>
      <c r="AQ1621" s="92"/>
      <c r="AR1621" s="92"/>
      <c r="AS1621" s="92"/>
      <c r="AT1621" s="92"/>
      <c r="AU1621" s="92"/>
      <c r="AV1621" s="92"/>
      <c r="AW1621" s="92"/>
      <c r="AX1621" s="92"/>
      <c r="AY1621" s="92"/>
      <c r="AZ1621" s="93"/>
      <c r="BA1621" s="93"/>
      <c r="BB1621" s="93"/>
      <c r="BC1621" s="93"/>
      <c r="BD1621" s="93"/>
      <c r="BE1621" s="93"/>
      <c r="BF1621" s="93"/>
      <c r="BG1621" s="93"/>
      <c r="BH1621" s="93"/>
      <c r="BI1621" s="93"/>
      <c r="BJ1621" s="93"/>
      <c r="BK1621" s="93"/>
      <c r="BL1621" s="93"/>
    </row>
    <row r="1622" spans="2:64" x14ac:dyDescent="0.2">
      <c r="B1622" s="43"/>
      <c r="C1622" s="73"/>
      <c r="D1622" s="64"/>
      <c r="E1622" s="55"/>
      <c r="F1622" s="74"/>
      <c r="G1622" s="74"/>
      <c r="H1622" s="74"/>
      <c r="I1622" s="75"/>
      <c r="J1622" s="74"/>
      <c r="L1622" s="55"/>
      <c r="M1622" s="234"/>
      <c r="N1622" s="65"/>
      <c r="O1622" s="76"/>
      <c r="P1622" s="76"/>
      <c r="Q1622" s="65"/>
      <c r="R1622" s="76"/>
      <c r="S1622" s="76"/>
      <c r="T1622" s="76"/>
      <c r="U1622" s="76"/>
      <c r="V1622" s="76"/>
      <c r="W1622" s="76"/>
      <c r="X1622" s="76"/>
      <c r="Y1622" s="76"/>
      <c r="Z1622" s="76"/>
      <c r="AA1622" s="85"/>
      <c r="AB1622" s="85"/>
      <c r="AC1622" s="85"/>
      <c r="AD1622" s="85"/>
      <c r="AE1622" s="85"/>
      <c r="AF1622" s="85"/>
      <c r="AG1622" s="86"/>
      <c r="AH1622" s="85"/>
      <c r="AI1622" s="85"/>
      <c r="AJ1622" s="85"/>
      <c r="AK1622" s="85"/>
      <c r="AL1622" s="85"/>
      <c r="AM1622" s="92"/>
      <c r="AN1622" s="92"/>
      <c r="AO1622" s="92"/>
      <c r="AP1622" s="92"/>
      <c r="AQ1622" s="92"/>
      <c r="AR1622" s="92"/>
      <c r="AS1622" s="92"/>
      <c r="AT1622" s="92"/>
      <c r="AU1622" s="92"/>
      <c r="AV1622" s="92"/>
      <c r="AW1622" s="92"/>
      <c r="AX1622" s="92"/>
      <c r="AY1622" s="92"/>
      <c r="AZ1622" s="93"/>
      <c r="BA1622" s="93"/>
      <c r="BB1622" s="93"/>
      <c r="BC1622" s="93"/>
      <c r="BD1622" s="93"/>
      <c r="BE1622" s="93"/>
      <c r="BF1622" s="93"/>
      <c r="BG1622" s="93"/>
      <c r="BH1622" s="93"/>
      <c r="BI1622" s="93"/>
      <c r="BJ1622" s="93"/>
      <c r="BK1622" s="93"/>
      <c r="BL1622" s="93"/>
    </row>
    <row r="1623" spans="2:64" x14ac:dyDescent="0.2">
      <c r="B1623" s="43"/>
      <c r="C1623" s="73"/>
      <c r="D1623" s="64"/>
      <c r="E1623" s="55"/>
      <c r="F1623" s="74"/>
      <c r="G1623" s="74"/>
      <c r="H1623" s="74"/>
      <c r="I1623" s="75"/>
      <c r="J1623" s="74"/>
      <c r="L1623" s="55"/>
      <c r="M1623" s="234"/>
      <c r="N1623" s="65"/>
      <c r="O1623" s="76"/>
      <c r="P1623" s="76"/>
      <c r="Q1623" s="65"/>
      <c r="R1623" s="76"/>
      <c r="S1623" s="76"/>
      <c r="T1623" s="76"/>
      <c r="U1623" s="76"/>
      <c r="V1623" s="76"/>
      <c r="W1623" s="76"/>
      <c r="X1623" s="76"/>
      <c r="Y1623" s="76"/>
      <c r="Z1623" s="76"/>
      <c r="AA1623" s="85"/>
      <c r="AB1623" s="85"/>
      <c r="AC1623" s="85"/>
      <c r="AD1623" s="85"/>
      <c r="AE1623" s="85"/>
      <c r="AF1623" s="85"/>
      <c r="AG1623" s="86"/>
      <c r="AH1623" s="85"/>
      <c r="AI1623" s="85"/>
      <c r="AJ1623" s="85"/>
      <c r="AK1623" s="85"/>
      <c r="AL1623" s="85"/>
      <c r="AM1623" s="92"/>
      <c r="AN1623" s="92"/>
      <c r="AO1623" s="92"/>
      <c r="AP1623" s="92"/>
      <c r="AQ1623" s="92"/>
      <c r="AR1623" s="92"/>
      <c r="AS1623" s="92"/>
      <c r="AT1623" s="92"/>
      <c r="AU1623" s="92"/>
      <c r="AV1623" s="92"/>
      <c r="AW1623" s="92"/>
      <c r="AX1623" s="92"/>
      <c r="AY1623" s="92"/>
      <c r="AZ1623" s="93"/>
      <c r="BA1623" s="93"/>
      <c r="BB1623" s="93"/>
      <c r="BC1623" s="93"/>
      <c r="BD1623" s="93"/>
      <c r="BE1623" s="93"/>
      <c r="BF1623" s="93"/>
      <c r="BG1623" s="93"/>
      <c r="BH1623" s="93"/>
      <c r="BI1623" s="93"/>
      <c r="BJ1623" s="93"/>
      <c r="BK1623" s="93"/>
      <c r="BL1623" s="93"/>
    </row>
    <row r="1624" spans="2:64" x14ac:dyDescent="0.2">
      <c r="B1624" s="43"/>
      <c r="C1624" s="73"/>
      <c r="D1624" s="64"/>
      <c r="E1624" s="55"/>
      <c r="F1624" s="74"/>
      <c r="G1624" s="74"/>
      <c r="H1624" s="74"/>
      <c r="I1624" s="75"/>
      <c r="J1624" s="74"/>
      <c r="L1624" s="55"/>
      <c r="M1624" s="234"/>
      <c r="N1624" s="65"/>
      <c r="O1624" s="76"/>
      <c r="P1624" s="76"/>
      <c r="Q1624" s="65"/>
      <c r="R1624" s="76"/>
      <c r="S1624" s="76"/>
      <c r="T1624" s="76"/>
      <c r="U1624" s="76"/>
      <c r="V1624" s="76"/>
      <c r="W1624" s="76"/>
      <c r="X1624" s="76"/>
      <c r="Y1624" s="76"/>
      <c r="Z1624" s="76"/>
      <c r="AA1624" s="85"/>
      <c r="AB1624" s="85"/>
      <c r="AC1624" s="85"/>
      <c r="AD1624" s="85"/>
      <c r="AE1624" s="85"/>
      <c r="AF1624" s="85"/>
      <c r="AG1624" s="86"/>
      <c r="AH1624" s="85"/>
      <c r="AI1624" s="85"/>
      <c r="AJ1624" s="85"/>
      <c r="AK1624" s="85"/>
      <c r="AL1624" s="85"/>
      <c r="AM1624" s="92"/>
      <c r="AN1624" s="92"/>
      <c r="AO1624" s="92"/>
      <c r="AP1624" s="92"/>
      <c r="AQ1624" s="92"/>
      <c r="AR1624" s="92"/>
      <c r="AS1624" s="92"/>
      <c r="AT1624" s="92"/>
      <c r="AU1624" s="92"/>
      <c r="AV1624" s="92"/>
      <c r="AW1624" s="92"/>
      <c r="AX1624" s="92"/>
      <c r="AY1624" s="92"/>
      <c r="AZ1624" s="93"/>
      <c r="BA1624" s="93"/>
      <c r="BB1624" s="93"/>
      <c r="BC1624" s="93"/>
      <c r="BD1624" s="93"/>
      <c r="BE1624" s="93"/>
      <c r="BF1624" s="93"/>
      <c r="BG1624" s="93"/>
      <c r="BH1624" s="93"/>
      <c r="BI1624" s="93"/>
      <c r="BJ1624" s="93"/>
      <c r="BK1624" s="93"/>
      <c r="BL1624" s="93"/>
    </row>
    <row r="1625" spans="2:64" x14ac:dyDescent="0.2">
      <c r="B1625" s="43"/>
      <c r="C1625" s="73"/>
      <c r="D1625" s="64"/>
      <c r="E1625" s="55"/>
      <c r="F1625" s="74"/>
      <c r="G1625" s="74"/>
      <c r="H1625" s="74"/>
      <c r="I1625" s="75"/>
      <c r="J1625" s="74"/>
      <c r="L1625" s="55"/>
      <c r="M1625" s="234"/>
      <c r="N1625" s="65"/>
      <c r="O1625" s="76"/>
      <c r="P1625" s="76"/>
      <c r="Q1625" s="65"/>
      <c r="R1625" s="76"/>
      <c r="S1625" s="76"/>
      <c r="T1625" s="76"/>
      <c r="U1625" s="76"/>
      <c r="V1625" s="76"/>
      <c r="W1625" s="76"/>
      <c r="X1625" s="76"/>
      <c r="Y1625" s="76"/>
      <c r="Z1625" s="76"/>
      <c r="AA1625" s="85"/>
      <c r="AB1625" s="85"/>
      <c r="AC1625" s="85"/>
      <c r="AD1625" s="85"/>
      <c r="AE1625" s="85"/>
      <c r="AF1625" s="85"/>
      <c r="AG1625" s="86"/>
      <c r="AH1625" s="85"/>
      <c r="AI1625" s="85"/>
      <c r="AJ1625" s="85"/>
      <c r="AK1625" s="85"/>
      <c r="AL1625" s="85"/>
      <c r="AM1625" s="92"/>
      <c r="AN1625" s="92"/>
      <c r="AO1625" s="92"/>
      <c r="AP1625" s="92"/>
      <c r="AQ1625" s="92"/>
      <c r="AR1625" s="92"/>
      <c r="AS1625" s="92"/>
      <c r="AT1625" s="92"/>
      <c r="AU1625" s="92"/>
      <c r="AV1625" s="92"/>
      <c r="AW1625" s="92"/>
      <c r="AX1625" s="92"/>
      <c r="AY1625" s="92"/>
      <c r="AZ1625" s="93"/>
      <c r="BA1625" s="93"/>
      <c r="BB1625" s="93"/>
      <c r="BC1625" s="93"/>
      <c r="BD1625" s="93"/>
      <c r="BE1625" s="93"/>
      <c r="BF1625" s="93"/>
      <c r="BG1625" s="93"/>
      <c r="BH1625" s="93"/>
      <c r="BI1625" s="93"/>
      <c r="BJ1625" s="93"/>
      <c r="BK1625" s="93"/>
      <c r="BL1625" s="93"/>
    </row>
    <row r="1626" spans="2:64" x14ac:dyDescent="0.2">
      <c r="B1626" s="43"/>
      <c r="C1626" s="73"/>
      <c r="D1626" s="64"/>
      <c r="E1626" s="55"/>
      <c r="F1626" s="74"/>
      <c r="G1626" s="74"/>
      <c r="H1626" s="74"/>
      <c r="I1626" s="75"/>
      <c r="J1626" s="74"/>
      <c r="L1626" s="55"/>
      <c r="M1626" s="234"/>
      <c r="N1626" s="65"/>
      <c r="O1626" s="76"/>
      <c r="P1626" s="76"/>
      <c r="Q1626" s="65"/>
      <c r="R1626" s="76"/>
      <c r="S1626" s="76"/>
      <c r="T1626" s="76"/>
      <c r="U1626" s="76"/>
      <c r="V1626" s="76"/>
      <c r="W1626" s="76"/>
      <c r="X1626" s="76"/>
      <c r="Y1626" s="76"/>
      <c r="Z1626" s="76"/>
      <c r="AA1626" s="85"/>
      <c r="AB1626" s="85"/>
      <c r="AC1626" s="85"/>
      <c r="AD1626" s="85"/>
      <c r="AE1626" s="85"/>
      <c r="AF1626" s="85"/>
      <c r="AG1626" s="86"/>
      <c r="AH1626" s="85"/>
      <c r="AI1626" s="85"/>
      <c r="AJ1626" s="85"/>
      <c r="AK1626" s="85"/>
      <c r="AL1626" s="85"/>
      <c r="AM1626" s="92"/>
      <c r="AN1626" s="92"/>
      <c r="AO1626" s="92"/>
      <c r="AP1626" s="92"/>
      <c r="AQ1626" s="92"/>
      <c r="AR1626" s="92"/>
      <c r="AS1626" s="92"/>
      <c r="AT1626" s="92"/>
      <c r="AU1626" s="92"/>
      <c r="AV1626" s="92"/>
      <c r="AW1626" s="92"/>
      <c r="AX1626" s="92"/>
      <c r="AY1626" s="92"/>
      <c r="AZ1626" s="93"/>
      <c r="BA1626" s="93"/>
      <c r="BB1626" s="93"/>
      <c r="BC1626" s="93"/>
      <c r="BD1626" s="93"/>
      <c r="BE1626" s="93"/>
      <c r="BF1626" s="93"/>
      <c r="BG1626" s="93"/>
      <c r="BH1626" s="93"/>
      <c r="BI1626" s="93"/>
      <c r="BJ1626" s="93"/>
      <c r="BK1626" s="93"/>
      <c r="BL1626" s="93"/>
    </row>
    <row r="1627" spans="2:64" x14ac:dyDescent="0.2">
      <c r="B1627" s="43"/>
      <c r="C1627" s="73"/>
      <c r="D1627" s="64"/>
      <c r="E1627" s="55"/>
      <c r="F1627" s="74"/>
      <c r="G1627" s="74"/>
      <c r="H1627" s="74"/>
      <c r="I1627" s="75"/>
      <c r="J1627" s="74"/>
      <c r="L1627" s="55"/>
      <c r="M1627" s="234"/>
      <c r="N1627" s="65"/>
      <c r="O1627" s="76"/>
      <c r="P1627" s="76"/>
      <c r="Q1627" s="65"/>
      <c r="R1627" s="76"/>
      <c r="S1627" s="76"/>
      <c r="T1627" s="76"/>
      <c r="U1627" s="76"/>
      <c r="V1627" s="76"/>
      <c r="W1627" s="76"/>
      <c r="X1627" s="76"/>
      <c r="Y1627" s="76"/>
      <c r="Z1627" s="76"/>
      <c r="AA1627" s="85"/>
      <c r="AB1627" s="85"/>
      <c r="AC1627" s="85"/>
      <c r="AD1627" s="85"/>
      <c r="AE1627" s="85"/>
      <c r="AF1627" s="85"/>
      <c r="AG1627" s="86"/>
      <c r="AH1627" s="85"/>
      <c r="AI1627" s="85"/>
      <c r="AJ1627" s="85"/>
      <c r="AK1627" s="85"/>
      <c r="AL1627" s="85"/>
      <c r="AM1627" s="92"/>
      <c r="AN1627" s="92"/>
      <c r="AO1627" s="92"/>
      <c r="AP1627" s="92"/>
      <c r="AQ1627" s="92"/>
      <c r="AR1627" s="92"/>
      <c r="AS1627" s="92"/>
      <c r="AT1627" s="92"/>
      <c r="AU1627" s="92"/>
      <c r="AV1627" s="92"/>
      <c r="AW1627" s="92"/>
      <c r="AX1627" s="92"/>
      <c r="AY1627" s="92"/>
      <c r="AZ1627" s="93"/>
      <c r="BA1627" s="93"/>
      <c r="BB1627" s="93"/>
      <c r="BC1627" s="93"/>
      <c r="BD1627" s="93"/>
      <c r="BE1627" s="93"/>
      <c r="BF1627" s="93"/>
      <c r="BG1627" s="93"/>
      <c r="BH1627" s="93"/>
      <c r="BI1627" s="93"/>
      <c r="BJ1627" s="93"/>
      <c r="BK1627" s="93"/>
      <c r="BL1627" s="93"/>
    </row>
    <row r="1628" spans="2:64" x14ac:dyDescent="0.2">
      <c r="B1628" s="43"/>
      <c r="C1628" s="73"/>
      <c r="D1628" s="64"/>
      <c r="E1628" s="55"/>
      <c r="F1628" s="74"/>
      <c r="G1628" s="74"/>
      <c r="H1628" s="74"/>
      <c r="I1628" s="75"/>
      <c r="J1628" s="74"/>
      <c r="L1628" s="55"/>
      <c r="M1628" s="234"/>
      <c r="N1628" s="65"/>
      <c r="O1628" s="76"/>
      <c r="P1628" s="76"/>
      <c r="Q1628" s="65"/>
      <c r="R1628" s="76"/>
      <c r="S1628" s="76"/>
      <c r="T1628" s="76"/>
      <c r="U1628" s="76"/>
      <c r="V1628" s="76"/>
      <c r="W1628" s="76"/>
      <c r="X1628" s="76"/>
      <c r="Y1628" s="76"/>
      <c r="Z1628" s="76"/>
      <c r="AA1628" s="85"/>
      <c r="AB1628" s="85"/>
      <c r="AC1628" s="85"/>
      <c r="AD1628" s="85"/>
      <c r="AE1628" s="85"/>
      <c r="AF1628" s="85"/>
      <c r="AG1628" s="86"/>
      <c r="AH1628" s="85"/>
      <c r="AI1628" s="85"/>
      <c r="AJ1628" s="85"/>
      <c r="AK1628" s="85"/>
      <c r="AL1628" s="85"/>
      <c r="AM1628" s="92"/>
      <c r="AN1628" s="92"/>
      <c r="AO1628" s="92"/>
      <c r="AP1628" s="92"/>
      <c r="AQ1628" s="92"/>
      <c r="AR1628" s="92"/>
      <c r="AS1628" s="92"/>
      <c r="AT1628" s="92"/>
      <c r="AU1628" s="92"/>
      <c r="AV1628" s="92"/>
      <c r="AW1628" s="92"/>
      <c r="AX1628" s="92"/>
      <c r="AY1628" s="92"/>
      <c r="AZ1628" s="93"/>
      <c r="BA1628" s="93"/>
      <c r="BB1628" s="93"/>
      <c r="BC1628" s="93"/>
      <c r="BD1628" s="93"/>
      <c r="BE1628" s="93"/>
      <c r="BF1628" s="93"/>
      <c r="BG1628" s="93"/>
      <c r="BH1628" s="93"/>
      <c r="BI1628" s="93"/>
      <c r="BJ1628" s="93"/>
      <c r="BK1628" s="93"/>
      <c r="BL1628" s="93"/>
    </row>
    <row r="1629" spans="2:64" x14ac:dyDescent="0.2">
      <c r="B1629" s="43"/>
      <c r="C1629" s="73"/>
      <c r="D1629" s="64"/>
      <c r="E1629" s="55"/>
      <c r="F1629" s="74"/>
      <c r="G1629" s="74"/>
      <c r="H1629" s="74"/>
      <c r="I1629" s="75"/>
      <c r="J1629" s="74"/>
      <c r="L1629" s="55"/>
      <c r="M1629" s="234"/>
      <c r="N1629" s="65"/>
      <c r="O1629" s="76"/>
      <c r="P1629" s="76"/>
      <c r="Q1629" s="65"/>
      <c r="R1629" s="76"/>
      <c r="S1629" s="76"/>
      <c r="T1629" s="76"/>
      <c r="U1629" s="76"/>
      <c r="V1629" s="76"/>
      <c r="W1629" s="76"/>
      <c r="X1629" s="76"/>
      <c r="Y1629" s="76"/>
      <c r="Z1629" s="76"/>
      <c r="AA1629" s="85"/>
      <c r="AB1629" s="85"/>
      <c r="AC1629" s="85"/>
      <c r="AD1629" s="85"/>
      <c r="AE1629" s="85"/>
      <c r="AF1629" s="85"/>
      <c r="AG1629" s="86"/>
      <c r="AH1629" s="85"/>
      <c r="AI1629" s="85"/>
      <c r="AJ1629" s="85"/>
      <c r="AK1629" s="85"/>
      <c r="AL1629" s="85"/>
      <c r="AM1629" s="92"/>
      <c r="AN1629" s="92"/>
      <c r="AO1629" s="92"/>
      <c r="AP1629" s="92"/>
      <c r="AQ1629" s="92"/>
      <c r="AR1629" s="92"/>
      <c r="AS1629" s="92"/>
      <c r="AT1629" s="92"/>
      <c r="AU1629" s="92"/>
      <c r="AV1629" s="92"/>
      <c r="AW1629" s="92"/>
      <c r="AX1629" s="92"/>
      <c r="AY1629" s="92"/>
      <c r="AZ1629" s="93"/>
      <c r="BA1629" s="93"/>
      <c r="BB1629" s="93"/>
      <c r="BC1629" s="93"/>
      <c r="BD1629" s="93"/>
      <c r="BE1629" s="93"/>
      <c r="BF1629" s="93"/>
      <c r="BG1629" s="93"/>
      <c r="BH1629" s="93"/>
      <c r="BI1629" s="93"/>
      <c r="BJ1629" s="93"/>
      <c r="BK1629" s="93"/>
      <c r="BL1629" s="93"/>
    </row>
    <row r="1630" spans="2:64" x14ac:dyDescent="0.2">
      <c r="B1630" s="43"/>
      <c r="C1630" s="73"/>
      <c r="D1630" s="64"/>
      <c r="E1630" s="55"/>
      <c r="F1630" s="74"/>
      <c r="G1630" s="74"/>
      <c r="H1630" s="74"/>
      <c r="I1630" s="75"/>
      <c r="J1630" s="74"/>
      <c r="L1630" s="55"/>
      <c r="M1630" s="234"/>
      <c r="N1630" s="65"/>
      <c r="O1630" s="76"/>
      <c r="P1630" s="76"/>
      <c r="Q1630" s="65"/>
      <c r="R1630" s="76"/>
      <c r="S1630" s="76"/>
      <c r="T1630" s="76"/>
      <c r="U1630" s="76"/>
      <c r="V1630" s="76"/>
      <c r="W1630" s="76"/>
      <c r="X1630" s="76"/>
      <c r="Y1630" s="76"/>
      <c r="Z1630" s="76"/>
      <c r="AA1630" s="85"/>
      <c r="AB1630" s="85"/>
      <c r="AC1630" s="85"/>
      <c r="AD1630" s="85"/>
      <c r="AE1630" s="85"/>
      <c r="AF1630" s="85"/>
      <c r="AG1630" s="86"/>
      <c r="AH1630" s="85"/>
      <c r="AI1630" s="85"/>
      <c r="AJ1630" s="85"/>
      <c r="AK1630" s="85"/>
      <c r="AL1630" s="85"/>
      <c r="AM1630" s="92"/>
      <c r="AN1630" s="92"/>
      <c r="AO1630" s="92"/>
      <c r="AP1630" s="92"/>
      <c r="AQ1630" s="92"/>
      <c r="AR1630" s="92"/>
      <c r="AS1630" s="92"/>
      <c r="AT1630" s="92"/>
      <c r="AU1630" s="92"/>
      <c r="AV1630" s="92"/>
      <c r="AW1630" s="92"/>
      <c r="AX1630" s="92"/>
      <c r="AY1630" s="92"/>
      <c r="AZ1630" s="93"/>
      <c r="BA1630" s="93"/>
      <c r="BB1630" s="93"/>
      <c r="BC1630" s="93"/>
      <c r="BD1630" s="93"/>
      <c r="BE1630" s="93"/>
      <c r="BF1630" s="93"/>
      <c r="BG1630" s="93"/>
      <c r="BH1630" s="93"/>
      <c r="BI1630" s="93"/>
      <c r="BJ1630" s="93"/>
      <c r="BK1630" s="93"/>
      <c r="BL1630" s="93"/>
    </row>
    <row r="1631" spans="2:64" x14ac:dyDescent="0.2">
      <c r="B1631" s="43"/>
      <c r="C1631" s="73"/>
      <c r="D1631" s="64"/>
      <c r="E1631" s="55"/>
      <c r="F1631" s="74"/>
      <c r="G1631" s="74"/>
      <c r="H1631" s="74"/>
      <c r="I1631" s="75"/>
      <c r="J1631" s="74"/>
      <c r="L1631" s="55"/>
      <c r="M1631" s="234"/>
      <c r="N1631" s="65"/>
      <c r="O1631" s="76"/>
      <c r="P1631" s="76"/>
      <c r="Q1631" s="65"/>
      <c r="R1631" s="76"/>
      <c r="S1631" s="76"/>
      <c r="T1631" s="76"/>
      <c r="U1631" s="76"/>
      <c r="V1631" s="76"/>
      <c r="W1631" s="76"/>
      <c r="X1631" s="76"/>
      <c r="Y1631" s="76"/>
      <c r="Z1631" s="76"/>
      <c r="AA1631" s="85"/>
      <c r="AB1631" s="85"/>
      <c r="AC1631" s="85"/>
      <c r="AD1631" s="85"/>
      <c r="AE1631" s="85"/>
      <c r="AF1631" s="85"/>
      <c r="AG1631" s="86"/>
      <c r="AH1631" s="85"/>
      <c r="AI1631" s="85"/>
      <c r="AJ1631" s="85"/>
      <c r="AK1631" s="85"/>
      <c r="AL1631" s="85"/>
      <c r="AM1631" s="92"/>
      <c r="AN1631" s="92"/>
      <c r="AO1631" s="92"/>
      <c r="AP1631" s="92"/>
      <c r="AQ1631" s="92"/>
      <c r="AR1631" s="92"/>
      <c r="AS1631" s="92"/>
      <c r="AT1631" s="92"/>
      <c r="AU1631" s="92"/>
      <c r="AV1631" s="92"/>
      <c r="AW1631" s="92"/>
      <c r="AX1631" s="92"/>
      <c r="AY1631" s="92"/>
      <c r="AZ1631" s="93"/>
      <c r="BA1631" s="93"/>
      <c r="BB1631" s="93"/>
      <c r="BC1631" s="93"/>
      <c r="BD1631" s="93"/>
      <c r="BE1631" s="93"/>
      <c r="BF1631" s="93"/>
      <c r="BG1631" s="93"/>
      <c r="BH1631" s="93"/>
      <c r="BI1631" s="93"/>
      <c r="BJ1631" s="93"/>
      <c r="BK1631" s="93"/>
      <c r="BL1631" s="93"/>
    </row>
    <row r="1632" spans="2:64" x14ac:dyDescent="0.2">
      <c r="B1632" s="43"/>
      <c r="C1632" s="73"/>
      <c r="D1632" s="64"/>
      <c r="E1632" s="55"/>
      <c r="F1632" s="74"/>
      <c r="G1632" s="74"/>
      <c r="H1632" s="74"/>
      <c r="I1632" s="75"/>
      <c r="J1632" s="74"/>
      <c r="L1632" s="55"/>
      <c r="M1632" s="234"/>
      <c r="N1632" s="65"/>
      <c r="O1632" s="76"/>
      <c r="P1632" s="76"/>
      <c r="Q1632" s="65"/>
      <c r="R1632" s="76"/>
      <c r="S1632" s="76"/>
      <c r="T1632" s="76"/>
      <c r="U1632" s="76"/>
      <c r="V1632" s="76"/>
      <c r="W1632" s="76"/>
      <c r="X1632" s="76"/>
      <c r="Y1632" s="76"/>
      <c r="Z1632" s="76"/>
      <c r="AA1632" s="85"/>
      <c r="AB1632" s="85"/>
      <c r="AC1632" s="85"/>
      <c r="AD1632" s="85"/>
      <c r="AE1632" s="85"/>
      <c r="AF1632" s="85"/>
      <c r="AG1632" s="86"/>
      <c r="AH1632" s="85"/>
      <c r="AI1632" s="85"/>
      <c r="AJ1632" s="85"/>
      <c r="AK1632" s="85"/>
      <c r="AL1632" s="85"/>
      <c r="AM1632" s="92"/>
      <c r="AN1632" s="92"/>
      <c r="AO1632" s="92"/>
      <c r="AP1632" s="92"/>
      <c r="AQ1632" s="92"/>
      <c r="AR1632" s="92"/>
      <c r="AS1632" s="92"/>
      <c r="AT1632" s="92"/>
      <c r="AU1632" s="92"/>
      <c r="AV1632" s="92"/>
      <c r="AW1632" s="92"/>
      <c r="AX1632" s="92"/>
      <c r="AY1632" s="92"/>
      <c r="AZ1632" s="93"/>
      <c r="BA1632" s="93"/>
      <c r="BB1632" s="93"/>
      <c r="BC1632" s="93"/>
      <c r="BD1632" s="93"/>
      <c r="BE1632" s="93"/>
      <c r="BF1632" s="93"/>
      <c r="BG1632" s="93"/>
      <c r="BH1632" s="93"/>
      <c r="BI1632" s="93"/>
      <c r="BJ1632" s="93"/>
      <c r="BK1632" s="93"/>
      <c r="BL1632" s="93"/>
    </row>
    <row r="1633" spans="2:64" x14ac:dyDescent="0.2">
      <c r="B1633" s="43"/>
      <c r="C1633" s="73"/>
      <c r="D1633" s="64"/>
      <c r="E1633" s="55"/>
      <c r="F1633" s="74"/>
      <c r="G1633" s="74"/>
      <c r="H1633" s="74"/>
      <c r="I1633" s="75"/>
      <c r="J1633" s="74"/>
      <c r="L1633" s="55"/>
      <c r="M1633" s="234"/>
      <c r="N1633" s="65"/>
      <c r="O1633" s="76"/>
      <c r="P1633" s="76"/>
      <c r="Q1633" s="65"/>
      <c r="R1633" s="76"/>
      <c r="S1633" s="76"/>
      <c r="T1633" s="76"/>
      <c r="U1633" s="76"/>
      <c r="V1633" s="76"/>
      <c r="W1633" s="76"/>
      <c r="X1633" s="76"/>
      <c r="Y1633" s="76"/>
      <c r="Z1633" s="76"/>
      <c r="AA1633" s="85"/>
      <c r="AB1633" s="85"/>
      <c r="AC1633" s="85"/>
      <c r="AD1633" s="85"/>
      <c r="AE1633" s="85"/>
      <c r="AF1633" s="85"/>
      <c r="AG1633" s="86"/>
      <c r="AH1633" s="85"/>
      <c r="AI1633" s="85"/>
      <c r="AJ1633" s="85"/>
      <c r="AK1633" s="85"/>
      <c r="AL1633" s="85"/>
      <c r="AM1633" s="92"/>
      <c r="AN1633" s="92"/>
      <c r="AO1633" s="92"/>
      <c r="AP1633" s="92"/>
      <c r="AQ1633" s="92"/>
      <c r="AR1633" s="92"/>
      <c r="AS1633" s="92"/>
      <c r="AT1633" s="92"/>
      <c r="AU1633" s="92"/>
      <c r="AV1633" s="92"/>
      <c r="AW1633" s="92"/>
      <c r="AX1633" s="92"/>
      <c r="AY1633" s="92"/>
      <c r="AZ1633" s="93"/>
      <c r="BA1633" s="93"/>
      <c r="BB1633" s="93"/>
      <c r="BC1633" s="93"/>
      <c r="BD1633" s="93"/>
      <c r="BE1633" s="93"/>
      <c r="BF1633" s="93"/>
      <c r="BG1633" s="93"/>
      <c r="BH1633" s="93"/>
      <c r="BI1633" s="93"/>
      <c r="BJ1633" s="93"/>
      <c r="BK1633" s="93"/>
      <c r="BL1633" s="93"/>
    </row>
    <row r="1634" spans="2:64" x14ac:dyDescent="0.2">
      <c r="B1634" s="43"/>
      <c r="C1634" s="73"/>
      <c r="D1634" s="64"/>
      <c r="E1634" s="55"/>
      <c r="F1634" s="74"/>
      <c r="G1634" s="74"/>
      <c r="H1634" s="74"/>
      <c r="I1634" s="75"/>
      <c r="J1634" s="74"/>
      <c r="L1634" s="55"/>
      <c r="M1634" s="234"/>
      <c r="N1634" s="65"/>
      <c r="O1634" s="76"/>
      <c r="P1634" s="76"/>
      <c r="Q1634" s="65"/>
      <c r="R1634" s="76"/>
      <c r="S1634" s="76"/>
      <c r="T1634" s="76"/>
      <c r="U1634" s="76"/>
      <c r="V1634" s="76"/>
      <c r="W1634" s="76"/>
      <c r="X1634" s="76"/>
      <c r="Y1634" s="76"/>
      <c r="Z1634" s="76"/>
      <c r="AA1634" s="85"/>
      <c r="AB1634" s="85"/>
      <c r="AC1634" s="85"/>
      <c r="AD1634" s="85"/>
      <c r="AE1634" s="85"/>
      <c r="AF1634" s="85"/>
      <c r="AG1634" s="86"/>
      <c r="AH1634" s="85"/>
      <c r="AI1634" s="85"/>
      <c r="AJ1634" s="85"/>
      <c r="AK1634" s="85"/>
      <c r="AL1634" s="85"/>
      <c r="AM1634" s="92"/>
      <c r="AN1634" s="92"/>
      <c r="AO1634" s="92"/>
      <c r="AP1634" s="92"/>
      <c r="AQ1634" s="92"/>
      <c r="AR1634" s="92"/>
      <c r="AS1634" s="92"/>
      <c r="AT1634" s="92"/>
      <c r="AU1634" s="92"/>
      <c r="AV1634" s="92"/>
      <c r="AW1634" s="92"/>
      <c r="AX1634" s="92"/>
      <c r="AY1634" s="92"/>
      <c r="AZ1634" s="93"/>
      <c r="BA1634" s="93"/>
      <c r="BB1634" s="93"/>
      <c r="BC1634" s="93"/>
      <c r="BD1634" s="93"/>
      <c r="BE1634" s="93"/>
      <c r="BF1634" s="93"/>
      <c r="BG1634" s="93"/>
      <c r="BH1634" s="93"/>
      <c r="BI1634" s="93"/>
      <c r="BJ1634" s="93"/>
      <c r="BK1634" s="93"/>
      <c r="BL1634" s="93"/>
    </row>
    <row r="1635" spans="2:64" x14ac:dyDescent="0.2">
      <c r="B1635" s="43"/>
      <c r="C1635" s="73"/>
      <c r="D1635" s="64"/>
      <c r="E1635" s="55"/>
      <c r="F1635" s="74"/>
      <c r="G1635" s="74"/>
      <c r="H1635" s="74"/>
      <c r="I1635" s="75"/>
      <c r="J1635" s="74"/>
      <c r="L1635" s="55"/>
      <c r="M1635" s="234"/>
      <c r="N1635" s="65"/>
      <c r="O1635" s="76"/>
      <c r="P1635" s="76"/>
      <c r="Q1635" s="65"/>
      <c r="R1635" s="76"/>
      <c r="S1635" s="76"/>
      <c r="T1635" s="76"/>
      <c r="U1635" s="76"/>
      <c r="V1635" s="76"/>
      <c r="W1635" s="76"/>
      <c r="X1635" s="76"/>
      <c r="Y1635" s="76"/>
      <c r="Z1635" s="76"/>
      <c r="AA1635" s="85"/>
      <c r="AB1635" s="85"/>
      <c r="AC1635" s="85"/>
      <c r="AD1635" s="85"/>
      <c r="AE1635" s="85"/>
      <c r="AF1635" s="85"/>
      <c r="AG1635" s="86"/>
      <c r="AH1635" s="85"/>
      <c r="AI1635" s="85"/>
      <c r="AJ1635" s="85"/>
      <c r="AK1635" s="85"/>
      <c r="AL1635" s="85"/>
      <c r="AM1635" s="92"/>
      <c r="AN1635" s="92"/>
      <c r="AO1635" s="92"/>
      <c r="AP1635" s="92"/>
      <c r="AQ1635" s="92"/>
      <c r="AR1635" s="92"/>
      <c r="AS1635" s="92"/>
      <c r="AT1635" s="92"/>
      <c r="AU1635" s="92"/>
      <c r="AV1635" s="92"/>
      <c r="AW1635" s="92"/>
      <c r="AX1635" s="92"/>
      <c r="AY1635" s="92"/>
      <c r="AZ1635" s="93"/>
      <c r="BA1635" s="93"/>
      <c r="BB1635" s="93"/>
      <c r="BC1635" s="93"/>
      <c r="BD1635" s="93"/>
      <c r="BE1635" s="93"/>
      <c r="BF1635" s="93"/>
      <c r="BG1635" s="93"/>
      <c r="BH1635" s="93"/>
      <c r="BI1635" s="93"/>
      <c r="BJ1635" s="93"/>
      <c r="BK1635" s="93"/>
      <c r="BL1635" s="93"/>
    </row>
    <row r="1636" spans="2:64" x14ac:dyDescent="0.2">
      <c r="B1636" s="43"/>
      <c r="C1636" s="73"/>
      <c r="D1636" s="64"/>
      <c r="E1636" s="55"/>
      <c r="F1636" s="74"/>
      <c r="G1636" s="74"/>
      <c r="H1636" s="74"/>
      <c r="I1636" s="75"/>
      <c r="J1636" s="74"/>
      <c r="L1636" s="55"/>
      <c r="M1636" s="234"/>
      <c r="N1636" s="65"/>
      <c r="O1636" s="76"/>
      <c r="P1636" s="76"/>
      <c r="Q1636" s="65"/>
      <c r="R1636" s="76"/>
      <c r="S1636" s="76"/>
      <c r="T1636" s="76"/>
      <c r="U1636" s="76"/>
      <c r="V1636" s="76"/>
      <c r="W1636" s="76"/>
      <c r="X1636" s="76"/>
      <c r="Y1636" s="76"/>
      <c r="Z1636" s="76"/>
      <c r="AA1636" s="85"/>
      <c r="AB1636" s="85"/>
      <c r="AC1636" s="85"/>
      <c r="AD1636" s="85"/>
      <c r="AE1636" s="85"/>
      <c r="AF1636" s="85"/>
      <c r="AG1636" s="86"/>
      <c r="AH1636" s="85"/>
      <c r="AI1636" s="85"/>
      <c r="AJ1636" s="85"/>
      <c r="AK1636" s="85"/>
      <c r="AL1636" s="85"/>
      <c r="AM1636" s="92"/>
      <c r="AN1636" s="92"/>
      <c r="AO1636" s="92"/>
      <c r="AP1636" s="92"/>
      <c r="AQ1636" s="92"/>
      <c r="AR1636" s="92"/>
      <c r="AS1636" s="92"/>
      <c r="AT1636" s="92"/>
      <c r="AU1636" s="92"/>
      <c r="AV1636" s="92"/>
      <c r="AW1636" s="92"/>
      <c r="AX1636" s="92"/>
      <c r="AY1636" s="92"/>
      <c r="AZ1636" s="93"/>
      <c r="BA1636" s="93"/>
      <c r="BB1636" s="93"/>
      <c r="BC1636" s="93"/>
      <c r="BD1636" s="93"/>
      <c r="BE1636" s="93"/>
      <c r="BF1636" s="93"/>
      <c r="BG1636" s="93"/>
      <c r="BH1636" s="93"/>
      <c r="BI1636" s="93"/>
      <c r="BJ1636" s="93"/>
      <c r="BK1636" s="93"/>
      <c r="BL1636" s="93"/>
    </row>
    <row r="1637" spans="2:64" x14ac:dyDescent="0.2">
      <c r="B1637" s="43"/>
      <c r="C1637" s="73"/>
      <c r="D1637" s="64"/>
      <c r="E1637" s="55"/>
      <c r="F1637" s="74"/>
      <c r="G1637" s="74"/>
      <c r="H1637" s="74"/>
      <c r="I1637" s="75"/>
      <c r="J1637" s="74"/>
      <c r="L1637" s="55"/>
      <c r="M1637" s="234"/>
      <c r="N1637" s="65"/>
      <c r="O1637" s="76"/>
      <c r="P1637" s="76"/>
      <c r="Q1637" s="65"/>
      <c r="R1637" s="76"/>
      <c r="S1637" s="76"/>
      <c r="T1637" s="76"/>
      <c r="U1637" s="76"/>
      <c r="V1637" s="76"/>
      <c r="W1637" s="76"/>
      <c r="X1637" s="76"/>
      <c r="Y1637" s="76"/>
      <c r="Z1637" s="76"/>
      <c r="AA1637" s="85"/>
      <c r="AB1637" s="85"/>
      <c r="AC1637" s="85"/>
      <c r="AD1637" s="85"/>
      <c r="AE1637" s="85"/>
      <c r="AF1637" s="85"/>
      <c r="AG1637" s="86"/>
      <c r="AH1637" s="85"/>
      <c r="AI1637" s="85"/>
      <c r="AJ1637" s="85"/>
      <c r="AK1637" s="85"/>
      <c r="AL1637" s="85"/>
      <c r="AM1637" s="92"/>
      <c r="AN1637" s="92"/>
      <c r="AO1637" s="92"/>
      <c r="AP1637" s="92"/>
      <c r="AQ1637" s="92"/>
      <c r="AR1637" s="92"/>
      <c r="AS1637" s="92"/>
      <c r="AT1637" s="92"/>
      <c r="AU1637" s="92"/>
      <c r="AV1637" s="92"/>
      <c r="AW1637" s="92"/>
      <c r="AX1637" s="92"/>
      <c r="AY1637" s="92"/>
      <c r="AZ1637" s="93"/>
      <c r="BA1637" s="93"/>
      <c r="BB1637" s="93"/>
      <c r="BC1637" s="93"/>
      <c r="BD1637" s="93"/>
      <c r="BE1637" s="93"/>
      <c r="BF1637" s="93"/>
      <c r="BG1637" s="93"/>
      <c r="BH1637" s="93"/>
      <c r="BI1637" s="93"/>
      <c r="BJ1637" s="93"/>
      <c r="BK1637" s="93"/>
      <c r="BL1637" s="93"/>
    </row>
    <row r="1638" spans="2:64" x14ac:dyDescent="0.2">
      <c r="B1638" s="43"/>
      <c r="C1638" s="73"/>
      <c r="D1638" s="64"/>
      <c r="E1638" s="55"/>
      <c r="F1638" s="74"/>
      <c r="G1638" s="74"/>
      <c r="H1638" s="74"/>
      <c r="I1638" s="75"/>
      <c r="J1638" s="74"/>
      <c r="L1638" s="55"/>
      <c r="M1638" s="234"/>
      <c r="N1638" s="65"/>
      <c r="O1638" s="76"/>
      <c r="P1638" s="76"/>
      <c r="Q1638" s="65"/>
      <c r="R1638" s="76"/>
      <c r="S1638" s="76"/>
      <c r="T1638" s="76"/>
      <c r="U1638" s="76"/>
      <c r="V1638" s="76"/>
      <c r="W1638" s="76"/>
      <c r="X1638" s="76"/>
      <c r="Y1638" s="76"/>
      <c r="Z1638" s="76"/>
      <c r="AA1638" s="85"/>
      <c r="AB1638" s="85"/>
      <c r="AC1638" s="85"/>
      <c r="AD1638" s="85"/>
      <c r="AE1638" s="85"/>
      <c r="AF1638" s="85"/>
      <c r="AG1638" s="86"/>
      <c r="AH1638" s="85"/>
      <c r="AI1638" s="85"/>
      <c r="AJ1638" s="85"/>
      <c r="AK1638" s="85"/>
      <c r="AL1638" s="85"/>
      <c r="AM1638" s="92"/>
      <c r="AN1638" s="92"/>
      <c r="AO1638" s="92"/>
      <c r="AP1638" s="92"/>
      <c r="AQ1638" s="92"/>
      <c r="AR1638" s="92"/>
      <c r="AS1638" s="92"/>
      <c r="AT1638" s="92"/>
      <c r="AU1638" s="92"/>
      <c r="AV1638" s="92"/>
      <c r="AW1638" s="92"/>
      <c r="AX1638" s="92"/>
      <c r="AY1638" s="92"/>
      <c r="AZ1638" s="93"/>
      <c r="BA1638" s="93"/>
      <c r="BB1638" s="93"/>
      <c r="BC1638" s="93"/>
      <c r="BD1638" s="93"/>
      <c r="BE1638" s="93"/>
      <c r="BF1638" s="93"/>
      <c r="BG1638" s="93"/>
      <c r="BH1638" s="93"/>
      <c r="BI1638" s="93"/>
      <c r="BJ1638" s="93"/>
      <c r="BK1638" s="93"/>
      <c r="BL1638" s="93"/>
    </row>
    <row r="1639" spans="2:64" x14ac:dyDescent="0.2">
      <c r="B1639" s="43"/>
      <c r="C1639" s="73"/>
      <c r="D1639" s="64"/>
      <c r="E1639" s="55"/>
      <c r="F1639" s="74"/>
      <c r="G1639" s="74"/>
      <c r="H1639" s="74"/>
      <c r="I1639" s="75"/>
      <c r="J1639" s="74"/>
      <c r="L1639" s="55"/>
      <c r="M1639" s="234"/>
      <c r="N1639" s="65"/>
      <c r="O1639" s="76"/>
      <c r="P1639" s="76"/>
      <c r="Q1639" s="65"/>
      <c r="R1639" s="76"/>
      <c r="S1639" s="76"/>
      <c r="T1639" s="76"/>
      <c r="U1639" s="76"/>
      <c r="V1639" s="76"/>
      <c r="W1639" s="76"/>
      <c r="X1639" s="76"/>
      <c r="Y1639" s="76"/>
      <c r="Z1639" s="76"/>
      <c r="AA1639" s="85"/>
      <c r="AB1639" s="85"/>
      <c r="AC1639" s="85"/>
      <c r="AD1639" s="85"/>
      <c r="AE1639" s="85"/>
      <c r="AF1639" s="85"/>
      <c r="AG1639" s="86"/>
      <c r="AH1639" s="85"/>
      <c r="AI1639" s="85"/>
      <c r="AJ1639" s="85"/>
      <c r="AK1639" s="85"/>
      <c r="AL1639" s="85"/>
      <c r="AM1639" s="92"/>
      <c r="AN1639" s="92"/>
      <c r="AO1639" s="92"/>
      <c r="AP1639" s="92"/>
      <c r="AQ1639" s="92"/>
      <c r="AR1639" s="92"/>
      <c r="AS1639" s="92"/>
      <c r="AT1639" s="92"/>
      <c r="AU1639" s="92"/>
      <c r="AV1639" s="92"/>
      <c r="AW1639" s="92"/>
      <c r="AX1639" s="92"/>
      <c r="AY1639" s="92"/>
      <c r="AZ1639" s="93"/>
      <c r="BA1639" s="93"/>
      <c r="BB1639" s="93"/>
      <c r="BC1639" s="93"/>
      <c r="BD1639" s="93"/>
      <c r="BE1639" s="93"/>
      <c r="BF1639" s="93"/>
      <c r="BG1639" s="93"/>
      <c r="BH1639" s="93"/>
      <c r="BI1639" s="93"/>
      <c r="BJ1639" s="93"/>
      <c r="BK1639" s="93"/>
      <c r="BL1639" s="93"/>
    </row>
    <row r="1640" spans="2:64" x14ac:dyDescent="0.2">
      <c r="B1640" s="43"/>
      <c r="C1640" s="73"/>
      <c r="D1640" s="64"/>
      <c r="E1640" s="55"/>
      <c r="F1640" s="74"/>
      <c r="G1640" s="74"/>
      <c r="H1640" s="74"/>
      <c r="I1640" s="75"/>
      <c r="J1640" s="74"/>
      <c r="L1640" s="55"/>
      <c r="M1640" s="234"/>
      <c r="N1640" s="65"/>
      <c r="O1640" s="76"/>
      <c r="P1640" s="76"/>
      <c r="Q1640" s="65"/>
      <c r="R1640" s="76"/>
      <c r="S1640" s="76"/>
      <c r="T1640" s="76"/>
      <c r="U1640" s="76"/>
      <c r="V1640" s="76"/>
      <c r="W1640" s="76"/>
      <c r="X1640" s="76"/>
      <c r="Y1640" s="76"/>
      <c r="Z1640" s="76"/>
      <c r="AA1640" s="85"/>
      <c r="AB1640" s="85"/>
      <c r="AC1640" s="85"/>
      <c r="AD1640" s="85"/>
      <c r="AE1640" s="85"/>
      <c r="AF1640" s="85"/>
      <c r="AG1640" s="86"/>
      <c r="AH1640" s="85"/>
      <c r="AI1640" s="85"/>
      <c r="AJ1640" s="85"/>
      <c r="AK1640" s="85"/>
      <c r="AL1640" s="85"/>
      <c r="AM1640" s="92"/>
      <c r="AN1640" s="92"/>
      <c r="AO1640" s="92"/>
      <c r="AP1640" s="92"/>
      <c r="AQ1640" s="92"/>
      <c r="AR1640" s="92"/>
      <c r="AS1640" s="92"/>
      <c r="AT1640" s="92"/>
      <c r="AU1640" s="92"/>
      <c r="AV1640" s="92"/>
      <c r="AW1640" s="92"/>
      <c r="AX1640" s="92"/>
      <c r="AY1640" s="92"/>
      <c r="AZ1640" s="93"/>
      <c r="BA1640" s="93"/>
      <c r="BB1640" s="93"/>
      <c r="BC1640" s="93"/>
      <c r="BD1640" s="93"/>
      <c r="BE1640" s="93"/>
      <c r="BF1640" s="93"/>
      <c r="BG1640" s="93"/>
      <c r="BH1640" s="93"/>
      <c r="BI1640" s="93"/>
      <c r="BJ1640" s="93"/>
      <c r="BK1640" s="93"/>
      <c r="BL1640" s="93"/>
    </row>
    <row r="1641" spans="2:64" x14ac:dyDescent="0.2">
      <c r="B1641" s="43"/>
      <c r="C1641" s="73"/>
      <c r="D1641" s="64"/>
      <c r="E1641" s="55"/>
      <c r="F1641" s="74"/>
      <c r="G1641" s="74"/>
      <c r="H1641" s="74"/>
      <c r="I1641" s="75"/>
      <c r="J1641" s="74"/>
      <c r="L1641" s="55"/>
      <c r="M1641" s="234"/>
      <c r="N1641" s="65"/>
      <c r="O1641" s="76"/>
      <c r="P1641" s="76"/>
      <c r="Q1641" s="65"/>
      <c r="R1641" s="76"/>
      <c r="S1641" s="76"/>
      <c r="T1641" s="76"/>
      <c r="U1641" s="76"/>
      <c r="V1641" s="76"/>
      <c r="W1641" s="76"/>
      <c r="X1641" s="76"/>
      <c r="Y1641" s="76"/>
      <c r="Z1641" s="76"/>
      <c r="AA1641" s="85"/>
      <c r="AB1641" s="85"/>
      <c r="AC1641" s="85"/>
      <c r="AD1641" s="85"/>
      <c r="AE1641" s="85"/>
      <c r="AF1641" s="85"/>
      <c r="AG1641" s="86"/>
      <c r="AH1641" s="85"/>
      <c r="AI1641" s="85"/>
      <c r="AJ1641" s="85"/>
      <c r="AK1641" s="85"/>
      <c r="AL1641" s="85"/>
      <c r="AM1641" s="92"/>
      <c r="AN1641" s="92"/>
      <c r="AO1641" s="92"/>
      <c r="AP1641" s="92"/>
      <c r="AQ1641" s="92"/>
      <c r="AR1641" s="92"/>
      <c r="AS1641" s="92"/>
      <c r="AT1641" s="92"/>
      <c r="AU1641" s="92"/>
      <c r="AV1641" s="92"/>
      <c r="AW1641" s="92"/>
      <c r="AX1641" s="92"/>
      <c r="AY1641" s="92"/>
      <c r="AZ1641" s="93"/>
      <c r="BA1641" s="93"/>
      <c r="BB1641" s="93"/>
      <c r="BC1641" s="93"/>
      <c r="BD1641" s="93"/>
      <c r="BE1641" s="93"/>
      <c r="BF1641" s="93"/>
      <c r="BG1641" s="93"/>
      <c r="BH1641" s="93"/>
      <c r="BI1641" s="93"/>
      <c r="BJ1641" s="93"/>
      <c r="BK1641" s="93"/>
      <c r="BL1641" s="93"/>
    </row>
    <row r="1642" spans="2:64" x14ac:dyDescent="0.2">
      <c r="B1642" s="43"/>
      <c r="C1642" s="73"/>
      <c r="D1642" s="64"/>
      <c r="E1642" s="55"/>
      <c r="F1642" s="74"/>
      <c r="G1642" s="74"/>
      <c r="H1642" s="74"/>
      <c r="I1642" s="75"/>
      <c r="J1642" s="74"/>
      <c r="L1642" s="55"/>
      <c r="M1642" s="234"/>
      <c r="N1642" s="65"/>
      <c r="O1642" s="76"/>
      <c r="P1642" s="76"/>
      <c r="Q1642" s="65"/>
      <c r="R1642" s="76"/>
      <c r="S1642" s="76"/>
      <c r="T1642" s="76"/>
      <c r="U1642" s="76"/>
      <c r="V1642" s="76"/>
      <c r="W1642" s="76"/>
      <c r="X1642" s="76"/>
      <c r="Y1642" s="76"/>
      <c r="Z1642" s="76"/>
      <c r="AA1642" s="85"/>
      <c r="AB1642" s="85"/>
      <c r="AC1642" s="85"/>
      <c r="AD1642" s="85"/>
      <c r="AE1642" s="85"/>
      <c r="AF1642" s="85"/>
      <c r="AG1642" s="86"/>
      <c r="AH1642" s="85"/>
      <c r="AI1642" s="85"/>
      <c r="AJ1642" s="85"/>
      <c r="AK1642" s="85"/>
      <c r="AL1642" s="85"/>
      <c r="AM1642" s="92"/>
      <c r="AN1642" s="92"/>
      <c r="AO1642" s="92"/>
      <c r="AP1642" s="92"/>
      <c r="AQ1642" s="92"/>
      <c r="AR1642" s="92"/>
      <c r="AS1642" s="92"/>
      <c r="AT1642" s="92"/>
      <c r="AU1642" s="92"/>
      <c r="AV1642" s="92"/>
      <c r="AW1642" s="92"/>
      <c r="AX1642" s="92"/>
      <c r="AY1642" s="92"/>
      <c r="AZ1642" s="93"/>
      <c r="BA1642" s="93"/>
      <c r="BB1642" s="93"/>
      <c r="BC1642" s="93"/>
      <c r="BD1642" s="93"/>
      <c r="BE1642" s="93"/>
      <c r="BF1642" s="93"/>
      <c r="BG1642" s="93"/>
      <c r="BH1642" s="93"/>
      <c r="BI1642" s="93"/>
      <c r="BJ1642" s="93"/>
      <c r="BK1642" s="93"/>
      <c r="BL1642" s="93"/>
    </row>
    <row r="1643" spans="2:64" x14ac:dyDescent="0.2">
      <c r="B1643" s="43"/>
      <c r="C1643" s="73"/>
      <c r="D1643" s="64"/>
      <c r="E1643" s="55"/>
      <c r="F1643" s="74"/>
      <c r="G1643" s="74"/>
      <c r="H1643" s="74"/>
      <c r="I1643" s="75"/>
      <c r="J1643" s="74"/>
      <c r="L1643" s="55"/>
      <c r="M1643" s="234"/>
      <c r="N1643" s="65"/>
      <c r="O1643" s="76"/>
      <c r="P1643" s="76"/>
      <c r="Q1643" s="65"/>
      <c r="R1643" s="76"/>
      <c r="S1643" s="76"/>
      <c r="T1643" s="76"/>
      <c r="U1643" s="76"/>
      <c r="V1643" s="76"/>
      <c r="W1643" s="76"/>
      <c r="X1643" s="76"/>
      <c r="Y1643" s="76"/>
      <c r="Z1643" s="76"/>
      <c r="AA1643" s="85"/>
      <c r="AB1643" s="85"/>
      <c r="AC1643" s="85"/>
      <c r="AD1643" s="85"/>
      <c r="AE1643" s="85"/>
      <c r="AF1643" s="85"/>
      <c r="AG1643" s="86"/>
      <c r="AH1643" s="85"/>
      <c r="AI1643" s="85"/>
      <c r="AJ1643" s="85"/>
      <c r="AK1643" s="85"/>
      <c r="AL1643" s="85"/>
      <c r="AM1643" s="92"/>
      <c r="AN1643" s="92"/>
      <c r="AO1643" s="92"/>
      <c r="AP1643" s="92"/>
      <c r="AQ1643" s="92"/>
      <c r="AR1643" s="92"/>
      <c r="AS1643" s="92"/>
      <c r="AT1643" s="92"/>
      <c r="AU1643" s="92"/>
      <c r="AV1643" s="92"/>
      <c r="AW1643" s="92"/>
      <c r="AX1643" s="92"/>
      <c r="AY1643" s="92"/>
      <c r="AZ1643" s="93"/>
      <c r="BA1643" s="93"/>
      <c r="BB1643" s="93"/>
      <c r="BC1643" s="93"/>
      <c r="BD1643" s="93"/>
      <c r="BE1643" s="93"/>
      <c r="BF1643" s="93"/>
      <c r="BG1643" s="93"/>
      <c r="BH1643" s="93"/>
      <c r="BI1643" s="93"/>
      <c r="BJ1643" s="93"/>
      <c r="BK1643" s="93"/>
      <c r="BL1643" s="93"/>
    </row>
    <row r="1644" spans="2:64" x14ac:dyDescent="0.2">
      <c r="B1644" s="43"/>
      <c r="C1644" s="73"/>
      <c r="D1644" s="64"/>
      <c r="E1644" s="55"/>
      <c r="F1644" s="74"/>
      <c r="G1644" s="74"/>
      <c r="H1644" s="74"/>
      <c r="I1644" s="75"/>
      <c r="J1644" s="74"/>
      <c r="L1644" s="55"/>
      <c r="M1644" s="234"/>
      <c r="N1644" s="65"/>
      <c r="O1644" s="76"/>
      <c r="P1644" s="76"/>
      <c r="Q1644" s="65"/>
      <c r="R1644" s="76"/>
      <c r="S1644" s="76"/>
      <c r="T1644" s="76"/>
      <c r="U1644" s="76"/>
      <c r="V1644" s="76"/>
      <c r="W1644" s="76"/>
      <c r="X1644" s="76"/>
      <c r="Y1644" s="76"/>
      <c r="Z1644" s="76"/>
      <c r="AA1644" s="85"/>
      <c r="AB1644" s="85"/>
      <c r="AC1644" s="85"/>
      <c r="AD1644" s="85"/>
      <c r="AE1644" s="85"/>
      <c r="AF1644" s="85"/>
      <c r="AG1644" s="86"/>
      <c r="AH1644" s="85"/>
      <c r="AI1644" s="85"/>
      <c r="AJ1644" s="85"/>
      <c r="AK1644" s="85"/>
      <c r="AL1644" s="85"/>
      <c r="AM1644" s="92"/>
      <c r="AN1644" s="92"/>
      <c r="AO1644" s="92"/>
      <c r="AP1644" s="92"/>
      <c r="AQ1644" s="92"/>
      <c r="AR1644" s="92"/>
      <c r="AS1644" s="92"/>
      <c r="AT1644" s="92"/>
      <c r="AU1644" s="92"/>
      <c r="AV1644" s="92"/>
      <c r="AW1644" s="92"/>
      <c r="AX1644" s="92"/>
      <c r="AY1644" s="92"/>
      <c r="AZ1644" s="93"/>
      <c r="BA1644" s="93"/>
      <c r="BB1644" s="93"/>
      <c r="BC1644" s="93"/>
      <c r="BD1644" s="93"/>
      <c r="BE1644" s="93"/>
      <c r="BF1644" s="93"/>
      <c r="BG1644" s="93"/>
      <c r="BH1644" s="93"/>
      <c r="BI1644" s="93"/>
      <c r="BJ1644" s="93"/>
      <c r="BK1644" s="93"/>
      <c r="BL1644" s="93"/>
    </row>
    <row r="1645" spans="2:64" x14ac:dyDescent="0.2">
      <c r="B1645" s="43"/>
      <c r="C1645" s="73"/>
      <c r="D1645" s="64"/>
      <c r="E1645" s="55"/>
      <c r="F1645" s="74"/>
      <c r="G1645" s="74"/>
      <c r="H1645" s="74"/>
      <c r="I1645" s="75"/>
      <c r="J1645" s="74"/>
      <c r="L1645" s="55"/>
      <c r="M1645" s="234"/>
      <c r="N1645" s="65"/>
      <c r="O1645" s="76"/>
      <c r="P1645" s="76"/>
      <c r="Q1645" s="65"/>
      <c r="R1645" s="76"/>
      <c r="S1645" s="76"/>
      <c r="T1645" s="76"/>
      <c r="U1645" s="76"/>
      <c r="V1645" s="76"/>
      <c r="W1645" s="76"/>
      <c r="X1645" s="76"/>
      <c r="Y1645" s="76"/>
      <c r="Z1645" s="76"/>
      <c r="AA1645" s="85"/>
      <c r="AB1645" s="85"/>
      <c r="AC1645" s="85"/>
      <c r="AD1645" s="85"/>
      <c r="AE1645" s="85"/>
      <c r="AF1645" s="85"/>
      <c r="AG1645" s="86"/>
      <c r="AH1645" s="85"/>
      <c r="AI1645" s="85"/>
      <c r="AJ1645" s="85"/>
      <c r="AK1645" s="85"/>
      <c r="AL1645" s="85"/>
      <c r="AM1645" s="92"/>
      <c r="AN1645" s="92"/>
      <c r="AO1645" s="92"/>
      <c r="AP1645" s="92"/>
      <c r="AQ1645" s="92"/>
      <c r="AR1645" s="92"/>
      <c r="AS1645" s="92"/>
      <c r="AT1645" s="92"/>
      <c r="AU1645" s="92"/>
      <c r="AV1645" s="92"/>
      <c r="AW1645" s="92"/>
      <c r="AX1645" s="92"/>
      <c r="AY1645" s="92"/>
      <c r="AZ1645" s="93"/>
      <c r="BA1645" s="93"/>
      <c r="BB1645" s="93"/>
      <c r="BC1645" s="93"/>
      <c r="BD1645" s="93"/>
      <c r="BE1645" s="93"/>
      <c r="BF1645" s="93"/>
      <c r="BG1645" s="93"/>
      <c r="BH1645" s="93"/>
      <c r="BI1645" s="93"/>
      <c r="BJ1645" s="93"/>
      <c r="BK1645" s="93"/>
      <c r="BL1645" s="93"/>
    </row>
    <row r="1646" spans="2:64" x14ac:dyDescent="0.2">
      <c r="B1646" s="43"/>
      <c r="C1646" s="73"/>
      <c r="D1646" s="64"/>
      <c r="E1646" s="55"/>
      <c r="F1646" s="74"/>
      <c r="G1646" s="74"/>
      <c r="H1646" s="74"/>
      <c r="I1646" s="75"/>
      <c r="J1646" s="74"/>
      <c r="L1646" s="55"/>
      <c r="M1646" s="234"/>
      <c r="N1646" s="65"/>
      <c r="O1646" s="76"/>
      <c r="P1646" s="76"/>
      <c r="Q1646" s="65"/>
      <c r="R1646" s="76"/>
      <c r="S1646" s="76"/>
      <c r="T1646" s="76"/>
      <c r="U1646" s="76"/>
      <c r="V1646" s="76"/>
      <c r="W1646" s="76"/>
      <c r="X1646" s="76"/>
      <c r="Y1646" s="76"/>
      <c r="Z1646" s="76"/>
      <c r="AA1646" s="85"/>
      <c r="AB1646" s="85"/>
      <c r="AC1646" s="85"/>
      <c r="AD1646" s="85"/>
      <c r="AE1646" s="85"/>
      <c r="AF1646" s="85"/>
      <c r="AG1646" s="86"/>
      <c r="AH1646" s="85"/>
      <c r="AI1646" s="85"/>
      <c r="AJ1646" s="85"/>
      <c r="AK1646" s="85"/>
      <c r="AL1646" s="85"/>
      <c r="AM1646" s="92"/>
      <c r="AN1646" s="92"/>
      <c r="AO1646" s="92"/>
      <c r="AP1646" s="92"/>
      <c r="AQ1646" s="92"/>
      <c r="AR1646" s="92"/>
      <c r="AS1646" s="92"/>
      <c r="AT1646" s="92"/>
      <c r="AU1646" s="92"/>
      <c r="AV1646" s="92"/>
      <c r="AW1646" s="92"/>
      <c r="AX1646" s="92"/>
      <c r="AY1646" s="92"/>
      <c r="AZ1646" s="93"/>
      <c r="BA1646" s="93"/>
      <c r="BB1646" s="93"/>
      <c r="BC1646" s="93"/>
      <c r="BD1646" s="93"/>
      <c r="BE1646" s="93"/>
      <c r="BF1646" s="93"/>
      <c r="BG1646" s="93"/>
      <c r="BH1646" s="93"/>
      <c r="BI1646" s="93"/>
      <c r="BJ1646" s="93"/>
      <c r="BK1646" s="93"/>
      <c r="BL1646" s="93"/>
    </row>
    <row r="1647" spans="2:64" x14ac:dyDescent="0.2">
      <c r="B1647" s="43"/>
      <c r="C1647" s="73"/>
      <c r="D1647" s="64"/>
      <c r="E1647" s="55"/>
      <c r="F1647" s="74"/>
      <c r="G1647" s="74"/>
      <c r="H1647" s="74"/>
      <c r="I1647" s="75"/>
      <c r="J1647" s="74"/>
      <c r="L1647" s="55"/>
      <c r="M1647" s="234"/>
      <c r="N1647" s="65"/>
      <c r="O1647" s="76"/>
      <c r="P1647" s="76"/>
      <c r="Q1647" s="65"/>
      <c r="R1647" s="76"/>
      <c r="S1647" s="76"/>
      <c r="T1647" s="76"/>
      <c r="U1647" s="76"/>
      <c r="V1647" s="76"/>
      <c r="W1647" s="76"/>
      <c r="X1647" s="76"/>
      <c r="Y1647" s="76"/>
      <c r="Z1647" s="76"/>
      <c r="AA1647" s="85"/>
      <c r="AB1647" s="85"/>
      <c r="AC1647" s="85"/>
      <c r="AD1647" s="85"/>
      <c r="AE1647" s="85"/>
      <c r="AF1647" s="85"/>
      <c r="AG1647" s="86"/>
      <c r="AH1647" s="85"/>
      <c r="AI1647" s="85"/>
      <c r="AJ1647" s="85"/>
      <c r="AK1647" s="85"/>
      <c r="AL1647" s="85"/>
      <c r="AM1647" s="92"/>
      <c r="AN1647" s="92"/>
      <c r="AO1647" s="92"/>
      <c r="AP1647" s="92"/>
      <c r="AQ1647" s="92"/>
      <c r="AR1647" s="92"/>
      <c r="AS1647" s="92"/>
      <c r="AT1647" s="92"/>
      <c r="AU1647" s="92"/>
      <c r="AV1647" s="92"/>
      <c r="AW1647" s="92"/>
      <c r="AX1647" s="92"/>
      <c r="AY1647" s="92"/>
      <c r="AZ1647" s="93"/>
      <c r="BA1647" s="93"/>
      <c r="BB1647" s="93"/>
      <c r="BC1647" s="93"/>
      <c r="BD1647" s="93"/>
      <c r="BE1647" s="93"/>
      <c r="BF1647" s="93"/>
      <c r="BG1647" s="93"/>
      <c r="BH1647" s="93"/>
      <c r="BI1647" s="93"/>
      <c r="BJ1647" s="93"/>
      <c r="BK1647" s="93"/>
      <c r="BL1647" s="93"/>
    </row>
    <row r="1648" spans="2:64" x14ac:dyDescent="0.2">
      <c r="B1648" s="43"/>
      <c r="C1648" s="73"/>
      <c r="D1648" s="64"/>
      <c r="E1648" s="55"/>
      <c r="F1648" s="74"/>
      <c r="G1648" s="74"/>
      <c r="H1648" s="74"/>
      <c r="I1648" s="75"/>
      <c r="J1648" s="74"/>
      <c r="L1648" s="55"/>
      <c r="M1648" s="234"/>
      <c r="N1648" s="65"/>
      <c r="O1648" s="76"/>
      <c r="P1648" s="76"/>
      <c r="Q1648" s="65"/>
      <c r="R1648" s="76"/>
      <c r="S1648" s="76"/>
      <c r="T1648" s="76"/>
      <c r="U1648" s="76"/>
      <c r="V1648" s="76"/>
      <c r="W1648" s="76"/>
      <c r="X1648" s="76"/>
      <c r="Y1648" s="76"/>
      <c r="Z1648" s="76"/>
      <c r="AA1648" s="85"/>
      <c r="AB1648" s="85"/>
      <c r="AC1648" s="85"/>
      <c r="AD1648" s="85"/>
      <c r="AE1648" s="85"/>
      <c r="AF1648" s="85"/>
      <c r="AG1648" s="86"/>
      <c r="AH1648" s="85"/>
      <c r="AI1648" s="85"/>
      <c r="AJ1648" s="85"/>
      <c r="AK1648" s="85"/>
      <c r="AL1648" s="85"/>
      <c r="AM1648" s="92"/>
      <c r="AN1648" s="92"/>
      <c r="AO1648" s="92"/>
      <c r="AP1648" s="92"/>
      <c r="AQ1648" s="92"/>
      <c r="AR1648" s="92"/>
      <c r="AS1648" s="92"/>
      <c r="AT1648" s="92"/>
      <c r="AU1648" s="92"/>
      <c r="AV1648" s="92"/>
      <c r="AW1648" s="92"/>
      <c r="AX1648" s="92"/>
      <c r="AY1648" s="92"/>
      <c r="AZ1648" s="93"/>
      <c r="BA1648" s="93"/>
      <c r="BB1648" s="93"/>
      <c r="BC1648" s="93"/>
      <c r="BD1648" s="93"/>
      <c r="BE1648" s="93"/>
      <c r="BF1648" s="93"/>
      <c r="BG1648" s="93"/>
      <c r="BH1648" s="93"/>
      <c r="BI1648" s="93"/>
      <c r="BJ1648" s="93"/>
      <c r="BK1648" s="93"/>
      <c r="BL1648" s="93"/>
    </row>
    <row r="1649" spans="2:64" x14ac:dyDescent="0.2">
      <c r="B1649" s="43"/>
      <c r="C1649" s="73"/>
      <c r="D1649" s="64"/>
      <c r="E1649" s="55"/>
      <c r="F1649" s="74"/>
      <c r="G1649" s="74"/>
      <c r="H1649" s="74"/>
      <c r="I1649" s="75"/>
      <c r="J1649" s="74"/>
      <c r="L1649" s="55"/>
      <c r="M1649" s="234"/>
      <c r="N1649" s="65"/>
      <c r="O1649" s="76"/>
      <c r="P1649" s="76"/>
      <c r="Q1649" s="65"/>
      <c r="R1649" s="76"/>
      <c r="S1649" s="76"/>
      <c r="T1649" s="76"/>
      <c r="U1649" s="76"/>
      <c r="V1649" s="76"/>
      <c r="W1649" s="76"/>
      <c r="X1649" s="76"/>
      <c r="Y1649" s="76"/>
      <c r="Z1649" s="76"/>
      <c r="AA1649" s="85"/>
      <c r="AB1649" s="85"/>
      <c r="AC1649" s="85"/>
      <c r="AD1649" s="85"/>
      <c r="AE1649" s="85"/>
      <c r="AF1649" s="85"/>
      <c r="AG1649" s="86"/>
      <c r="AH1649" s="85"/>
      <c r="AI1649" s="85"/>
      <c r="AJ1649" s="85"/>
      <c r="AK1649" s="85"/>
      <c r="AL1649" s="85"/>
      <c r="AM1649" s="92"/>
      <c r="AN1649" s="92"/>
      <c r="AO1649" s="92"/>
      <c r="AP1649" s="92"/>
      <c r="AQ1649" s="92"/>
      <c r="AR1649" s="92"/>
      <c r="AS1649" s="92"/>
      <c r="AT1649" s="92"/>
      <c r="AU1649" s="92"/>
      <c r="AV1649" s="92"/>
      <c r="AW1649" s="92"/>
      <c r="AX1649" s="92"/>
      <c r="AY1649" s="92"/>
      <c r="AZ1649" s="93"/>
      <c r="BA1649" s="93"/>
      <c r="BB1649" s="93"/>
      <c r="BC1649" s="93"/>
      <c r="BD1649" s="93"/>
      <c r="BE1649" s="93"/>
      <c r="BF1649" s="93"/>
      <c r="BG1649" s="93"/>
      <c r="BH1649" s="93"/>
      <c r="BI1649" s="93"/>
      <c r="BJ1649" s="93"/>
      <c r="BK1649" s="93"/>
      <c r="BL1649" s="93"/>
    </row>
    <row r="1650" spans="2:64" x14ac:dyDescent="0.2">
      <c r="B1650" s="43"/>
      <c r="C1650" s="73"/>
      <c r="D1650" s="64"/>
      <c r="E1650" s="55"/>
      <c r="F1650" s="74"/>
      <c r="G1650" s="74"/>
      <c r="H1650" s="74"/>
      <c r="I1650" s="75"/>
      <c r="J1650" s="74"/>
      <c r="L1650" s="55"/>
      <c r="M1650" s="234"/>
      <c r="N1650" s="65"/>
      <c r="O1650" s="76"/>
      <c r="P1650" s="76"/>
      <c r="Q1650" s="65"/>
      <c r="R1650" s="76"/>
      <c r="S1650" s="76"/>
      <c r="T1650" s="76"/>
      <c r="U1650" s="76"/>
      <c r="V1650" s="76"/>
      <c r="W1650" s="76"/>
      <c r="X1650" s="76"/>
      <c r="Y1650" s="76"/>
      <c r="Z1650" s="76"/>
      <c r="AA1650" s="85"/>
      <c r="AB1650" s="85"/>
      <c r="AC1650" s="85"/>
      <c r="AD1650" s="85"/>
      <c r="AE1650" s="85"/>
      <c r="AF1650" s="85"/>
      <c r="AG1650" s="86"/>
      <c r="AH1650" s="85"/>
      <c r="AI1650" s="85"/>
      <c r="AJ1650" s="85"/>
      <c r="AK1650" s="85"/>
      <c r="AL1650" s="85"/>
      <c r="AM1650" s="92"/>
      <c r="AN1650" s="92"/>
      <c r="AO1650" s="92"/>
      <c r="AP1650" s="92"/>
      <c r="AQ1650" s="92"/>
      <c r="AR1650" s="92"/>
      <c r="AS1650" s="92"/>
      <c r="AT1650" s="92"/>
      <c r="AU1650" s="92"/>
      <c r="AV1650" s="92"/>
      <c r="AW1650" s="92"/>
      <c r="AX1650" s="92"/>
      <c r="AY1650" s="92"/>
      <c r="AZ1650" s="93"/>
      <c r="BA1650" s="93"/>
      <c r="BB1650" s="93"/>
      <c r="BC1650" s="93"/>
      <c r="BD1650" s="93"/>
      <c r="BE1650" s="93"/>
      <c r="BF1650" s="93"/>
      <c r="BG1650" s="93"/>
      <c r="BH1650" s="93"/>
      <c r="BI1650" s="93"/>
      <c r="BJ1650" s="93"/>
      <c r="BK1650" s="93"/>
      <c r="BL1650" s="93"/>
    </row>
    <row r="1651" spans="2:64" x14ac:dyDescent="0.2">
      <c r="B1651" s="43"/>
      <c r="C1651" s="73"/>
      <c r="D1651" s="64"/>
      <c r="E1651" s="55"/>
      <c r="F1651" s="74"/>
      <c r="G1651" s="74"/>
      <c r="H1651" s="74"/>
      <c r="I1651" s="75"/>
      <c r="J1651" s="74"/>
      <c r="L1651" s="55"/>
      <c r="M1651" s="234"/>
      <c r="N1651" s="65"/>
      <c r="O1651" s="76"/>
      <c r="P1651" s="76"/>
      <c r="Q1651" s="65"/>
      <c r="R1651" s="76"/>
      <c r="S1651" s="76"/>
      <c r="T1651" s="76"/>
      <c r="U1651" s="76"/>
      <c r="V1651" s="76"/>
      <c r="W1651" s="76"/>
      <c r="X1651" s="76"/>
      <c r="Y1651" s="76"/>
      <c r="Z1651" s="76"/>
      <c r="AA1651" s="85"/>
      <c r="AB1651" s="85"/>
      <c r="AC1651" s="85"/>
      <c r="AD1651" s="85"/>
      <c r="AE1651" s="85"/>
      <c r="AF1651" s="85"/>
      <c r="AG1651" s="86"/>
      <c r="AH1651" s="85"/>
      <c r="AI1651" s="85"/>
      <c r="AJ1651" s="85"/>
      <c r="AK1651" s="85"/>
      <c r="AL1651" s="85"/>
      <c r="AM1651" s="92"/>
      <c r="AN1651" s="92"/>
      <c r="AO1651" s="92"/>
      <c r="AP1651" s="92"/>
      <c r="AQ1651" s="92"/>
      <c r="AR1651" s="92"/>
      <c r="AS1651" s="92"/>
      <c r="AT1651" s="92"/>
      <c r="AU1651" s="92"/>
      <c r="AV1651" s="92"/>
      <c r="AW1651" s="92"/>
      <c r="AX1651" s="92"/>
      <c r="AY1651" s="92"/>
      <c r="AZ1651" s="93"/>
      <c r="BA1651" s="93"/>
      <c r="BB1651" s="93"/>
      <c r="BC1651" s="93"/>
      <c r="BD1651" s="93"/>
      <c r="BE1651" s="93"/>
      <c r="BF1651" s="93"/>
      <c r="BG1651" s="93"/>
      <c r="BH1651" s="93"/>
      <c r="BI1651" s="93"/>
      <c r="BJ1651" s="93"/>
      <c r="BK1651" s="93"/>
      <c r="BL1651" s="93"/>
    </row>
    <row r="1652" spans="2:64" x14ac:dyDescent="0.2">
      <c r="B1652" s="43"/>
      <c r="C1652" s="73"/>
      <c r="D1652" s="64"/>
      <c r="E1652" s="55"/>
      <c r="F1652" s="74"/>
      <c r="G1652" s="74"/>
      <c r="H1652" s="74"/>
      <c r="I1652" s="75"/>
      <c r="J1652" s="74"/>
      <c r="L1652" s="55"/>
      <c r="M1652" s="234"/>
      <c r="N1652" s="65"/>
      <c r="O1652" s="76"/>
      <c r="P1652" s="76"/>
      <c r="Q1652" s="65"/>
      <c r="R1652" s="76"/>
      <c r="S1652" s="76"/>
      <c r="T1652" s="76"/>
      <c r="U1652" s="76"/>
      <c r="V1652" s="76"/>
      <c r="W1652" s="76"/>
      <c r="X1652" s="76"/>
      <c r="Y1652" s="76"/>
      <c r="Z1652" s="76"/>
      <c r="AA1652" s="85"/>
      <c r="AB1652" s="85"/>
      <c r="AC1652" s="85"/>
      <c r="AD1652" s="85"/>
      <c r="AE1652" s="85"/>
      <c r="AF1652" s="85"/>
      <c r="AG1652" s="86"/>
      <c r="AH1652" s="85"/>
      <c r="AI1652" s="85"/>
      <c r="AJ1652" s="85"/>
      <c r="AK1652" s="85"/>
      <c r="AL1652" s="85"/>
      <c r="AM1652" s="92"/>
      <c r="AN1652" s="92"/>
      <c r="AO1652" s="92"/>
      <c r="AP1652" s="92"/>
      <c r="AQ1652" s="92"/>
      <c r="AR1652" s="92"/>
      <c r="AS1652" s="92"/>
      <c r="AT1652" s="92"/>
      <c r="AU1652" s="92"/>
      <c r="AV1652" s="92"/>
      <c r="AW1652" s="92"/>
      <c r="AX1652" s="92"/>
      <c r="AY1652" s="92"/>
      <c r="AZ1652" s="93"/>
      <c r="BA1652" s="93"/>
      <c r="BB1652" s="93"/>
      <c r="BC1652" s="93"/>
      <c r="BD1652" s="93"/>
      <c r="BE1652" s="93"/>
      <c r="BF1652" s="93"/>
      <c r="BG1652" s="93"/>
      <c r="BH1652" s="93"/>
      <c r="BI1652" s="93"/>
      <c r="BJ1652" s="93"/>
      <c r="BK1652" s="93"/>
      <c r="BL1652" s="93"/>
    </row>
    <row r="1653" spans="2:64" x14ac:dyDescent="0.2">
      <c r="B1653" s="43"/>
      <c r="C1653" s="73"/>
      <c r="D1653" s="64"/>
      <c r="E1653" s="55"/>
      <c r="F1653" s="74"/>
      <c r="G1653" s="74"/>
      <c r="H1653" s="74"/>
      <c r="I1653" s="75"/>
      <c r="J1653" s="74"/>
      <c r="L1653" s="55"/>
      <c r="M1653" s="234"/>
      <c r="N1653" s="65"/>
      <c r="O1653" s="76"/>
      <c r="P1653" s="76"/>
      <c r="Q1653" s="65"/>
      <c r="R1653" s="76"/>
      <c r="S1653" s="76"/>
      <c r="T1653" s="76"/>
      <c r="U1653" s="76"/>
      <c r="V1653" s="76"/>
      <c r="W1653" s="76"/>
      <c r="X1653" s="76"/>
      <c r="Y1653" s="76"/>
      <c r="Z1653" s="76"/>
      <c r="AA1653" s="85"/>
      <c r="AB1653" s="85"/>
      <c r="AC1653" s="85"/>
      <c r="AD1653" s="85"/>
      <c r="AE1653" s="85"/>
      <c r="AF1653" s="85"/>
      <c r="AG1653" s="86"/>
      <c r="AH1653" s="85"/>
      <c r="AI1653" s="85"/>
      <c r="AJ1653" s="85"/>
      <c r="AK1653" s="85"/>
      <c r="AL1653" s="85"/>
      <c r="AM1653" s="92"/>
      <c r="AN1653" s="92"/>
      <c r="AO1653" s="92"/>
      <c r="AP1653" s="92"/>
      <c r="AQ1653" s="92"/>
      <c r="AR1653" s="92"/>
      <c r="AS1653" s="92"/>
      <c r="AT1653" s="92"/>
      <c r="AU1653" s="92"/>
      <c r="AV1653" s="92"/>
      <c r="AW1653" s="92"/>
      <c r="AX1653" s="92"/>
      <c r="AY1653" s="92"/>
      <c r="AZ1653" s="93"/>
      <c r="BA1653" s="93"/>
      <c r="BB1653" s="93"/>
      <c r="BC1653" s="93"/>
      <c r="BD1653" s="93"/>
      <c r="BE1653" s="93"/>
      <c r="BF1653" s="93"/>
      <c r="BG1653" s="93"/>
      <c r="BH1653" s="93"/>
      <c r="BI1653" s="93"/>
      <c r="BJ1653" s="93"/>
      <c r="BK1653" s="93"/>
      <c r="BL1653" s="93"/>
    </row>
    <row r="1654" spans="2:64" x14ac:dyDescent="0.2">
      <c r="B1654" s="43"/>
      <c r="C1654" s="73"/>
      <c r="D1654" s="64"/>
      <c r="E1654" s="55"/>
      <c r="F1654" s="74"/>
      <c r="G1654" s="74"/>
      <c r="H1654" s="74"/>
      <c r="I1654" s="75"/>
      <c r="J1654" s="74"/>
      <c r="L1654" s="55"/>
      <c r="M1654" s="234"/>
      <c r="N1654" s="65"/>
      <c r="O1654" s="76"/>
      <c r="P1654" s="76"/>
      <c r="Q1654" s="65"/>
      <c r="R1654" s="76"/>
      <c r="S1654" s="76"/>
      <c r="T1654" s="76"/>
      <c r="U1654" s="76"/>
      <c r="V1654" s="76"/>
      <c r="W1654" s="76"/>
      <c r="X1654" s="76"/>
      <c r="Y1654" s="76"/>
      <c r="Z1654" s="76"/>
      <c r="AA1654" s="85"/>
      <c r="AB1654" s="85"/>
      <c r="AC1654" s="85"/>
      <c r="AD1654" s="85"/>
      <c r="AE1654" s="85"/>
      <c r="AF1654" s="85"/>
      <c r="AG1654" s="86"/>
      <c r="AH1654" s="85"/>
      <c r="AI1654" s="85"/>
      <c r="AJ1654" s="85"/>
      <c r="AK1654" s="85"/>
      <c r="AL1654" s="85"/>
      <c r="AM1654" s="92"/>
      <c r="AN1654" s="92"/>
      <c r="AO1654" s="92"/>
      <c r="AP1654" s="92"/>
      <c r="AQ1654" s="92"/>
      <c r="AR1654" s="92"/>
      <c r="AS1654" s="92"/>
      <c r="AT1654" s="92"/>
      <c r="AU1654" s="92"/>
      <c r="AV1654" s="92"/>
      <c r="AW1654" s="92"/>
      <c r="AX1654" s="92"/>
      <c r="AY1654" s="92"/>
      <c r="AZ1654" s="93"/>
      <c r="BA1654" s="93"/>
      <c r="BB1654" s="93"/>
      <c r="BC1654" s="93"/>
      <c r="BD1654" s="93"/>
      <c r="BE1654" s="93"/>
      <c r="BF1654" s="93"/>
      <c r="BG1654" s="93"/>
      <c r="BH1654" s="93"/>
      <c r="BI1654" s="93"/>
      <c r="BJ1654" s="93"/>
      <c r="BK1654" s="93"/>
      <c r="BL1654" s="93"/>
    </row>
    <row r="1655" spans="2:64" x14ac:dyDescent="0.2">
      <c r="B1655" s="43"/>
      <c r="C1655" s="73"/>
      <c r="D1655" s="64"/>
      <c r="E1655" s="55"/>
      <c r="F1655" s="74"/>
      <c r="G1655" s="74"/>
      <c r="H1655" s="74"/>
      <c r="I1655" s="75"/>
      <c r="J1655" s="74"/>
      <c r="L1655" s="55"/>
      <c r="M1655" s="234"/>
      <c r="N1655" s="65"/>
      <c r="O1655" s="76"/>
      <c r="P1655" s="76"/>
      <c r="Q1655" s="65"/>
      <c r="R1655" s="76"/>
      <c r="S1655" s="76"/>
      <c r="T1655" s="76"/>
      <c r="U1655" s="76"/>
      <c r="V1655" s="76"/>
      <c r="W1655" s="76"/>
      <c r="X1655" s="76"/>
      <c r="Y1655" s="76"/>
      <c r="Z1655" s="76"/>
      <c r="AA1655" s="85"/>
      <c r="AB1655" s="85"/>
      <c r="AC1655" s="85"/>
      <c r="AD1655" s="85"/>
      <c r="AE1655" s="85"/>
      <c r="AF1655" s="85"/>
      <c r="AG1655" s="86"/>
      <c r="AH1655" s="85"/>
      <c r="AI1655" s="85"/>
      <c r="AJ1655" s="85"/>
      <c r="AK1655" s="85"/>
      <c r="AL1655" s="85"/>
      <c r="AM1655" s="92"/>
      <c r="AN1655" s="92"/>
      <c r="AO1655" s="92"/>
      <c r="AP1655" s="92"/>
      <c r="AQ1655" s="92"/>
      <c r="AR1655" s="92"/>
      <c r="AS1655" s="92"/>
      <c r="AT1655" s="92"/>
      <c r="AU1655" s="92"/>
      <c r="AV1655" s="92"/>
      <c r="AW1655" s="92"/>
      <c r="AX1655" s="92"/>
      <c r="AY1655" s="92"/>
      <c r="AZ1655" s="93"/>
      <c r="BA1655" s="93"/>
      <c r="BB1655" s="93"/>
      <c r="BC1655" s="93"/>
      <c r="BD1655" s="93"/>
      <c r="BE1655" s="93"/>
      <c r="BF1655" s="93"/>
      <c r="BG1655" s="93"/>
      <c r="BH1655" s="93"/>
      <c r="BI1655" s="93"/>
      <c r="BJ1655" s="93"/>
      <c r="BK1655" s="93"/>
      <c r="BL1655" s="93"/>
    </row>
    <row r="1656" spans="2:64" x14ac:dyDescent="0.2">
      <c r="B1656" s="43"/>
      <c r="C1656" s="73"/>
      <c r="D1656" s="64"/>
      <c r="E1656" s="55"/>
      <c r="F1656" s="74"/>
      <c r="G1656" s="74"/>
      <c r="H1656" s="74"/>
      <c r="I1656" s="75"/>
      <c r="J1656" s="74"/>
      <c r="L1656" s="55"/>
      <c r="M1656" s="234"/>
      <c r="N1656" s="65"/>
      <c r="O1656" s="76"/>
      <c r="P1656" s="76"/>
      <c r="Q1656" s="65"/>
      <c r="R1656" s="76"/>
      <c r="S1656" s="76"/>
      <c r="T1656" s="76"/>
      <c r="U1656" s="76"/>
      <c r="V1656" s="76"/>
      <c r="W1656" s="76"/>
      <c r="X1656" s="76"/>
      <c r="Y1656" s="76"/>
      <c r="Z1656" s="76"/>
      <c r="AA1656" s="85"/>
      <c r="AB1656" s="85"/>
      <c r="AC1656" s="85"/>
      <c r="AD1656" s="85"/>
      <c r="AE1656" s="85"/>
      <c r="AF1656" s="85"/>
      <c r="AG1656" s="86"/>
      <c r="AH1656" s="85"/>
      <c r="AI1656" s="85"/>
      <c r="AJ1656" s="85"/>
      <c r="AK1656" s="85"/>
      <c r="AL1656" s="85"/>
      <c r="AM1656" s="92"/>
      <c r="AN1656" s="92"/>
      <c r="AO1656" s="92"/>
      <c r="AP1656" s="92"/>
      <c r="AQ1656" s="92"/>
      <c r="AR1656" s="92"/>
      <c r="AS1656" s="92"/>
      <c r="AT1656" s="92"/>
      <c r="AU1656" s="92"/>
      <c r="AV1656" s="92"/>
      <c r="AW1656" s="92"/>
      <c r="AX1656" s="92"/>
      <c r="AY1656" s="92"/>
      <c r="AZ1656" s="93"/>
      <c r="BA1656" s="93"/>
      <c r="BB1656" s="93"/>
      <c r="BC1656" s="93"/>
      <c r="BD1656" s="93"/>
      <c r="BE1656" s="93"/>
      <c r="BF1656" s="93"/>
      <c r="BG1656" s="93"/>
      <c r="BH1656" s="93"/>
      <c r="BI1656" s="93"/>
      <c r="BJ1656" s="93"/>
      <c r="BK1656" s="93"/>
      <c r="BL1656" s="93"/>
    </row>
    <row r="1657" spans="2:64" x14ac:dyDescent="0.2">
      <c r="B1657" s="43"/>
      <c r="C1657" s="73"/>
      <c r="D1657" s="64"/>
      <c r="E1657" s="55"/>
      <c r="F1657" s="74"/>
      <c r="G1657" s="74"/>
      <c r="H1657" s="74"/>
      <c r="I1657" s="75"/>
      <c r="J1657" s="74"/>
      <c r="L1657" s="55"/>
      <c r="M1657" s="234"/>
      <c r="N1657" s="65"/>
      <c r="O1657" s="76"/>
      <c r="P1657" s="76"/>
      <c r="Q1657" s="65"/>
      <c r="R1657" s="76"/>
      <c r="S1657" s="76"/>
      <c r="T1657" s="76"/>
      <c r="U1657" s="76"/>
      <c r="V1657" s="76"/>
      <c r="W1657" s="76"/>
      <c r="X1657" s="76"/>
      <c r="Y1657" s="76"/>
      <c r="Z1657" s="76"/>
      <c r="AA1657" s="85"/>
      <c r="AB1657" s="85"/>
      <c r="AC1657" s="85"/>
      <c r="AD1657" s="85"/>
      <c r="AE1657" s="85"/>
      <c r="AF1657" s="85"/>
      <c r="AG1657" s="86"/>
      <c r="AH1657" s="85"/>
      <c r="AI1657" s="85"/>
      <c r="AJ1657" s="85"/>
      <c r="AK1657" s="85"/>
      <c r="AL1657" s="85"/>
      <c r="AM1657" s="92"/>
      <c r="AN1657" s="92"/>
      <c r="AO1657" s="92"/>
      <c r="AP1657" s="92"/>
      <c r="AQ1657" s="92"/>
      <c r="AR1657" s="92"/>
      <c r="AS1657" s="92"/>
      <c r="AT1657" s="92"/>
      <c r="AU1657" s="92"/>
      <c r="AV1657" s="92"/>
      <c r="AW1657" s="92"/>
      <c r="AX1657" s="92"/>
      <c r="AY1657" s="92"/>
      <c r="AZ1657" s="93"/>
      <c r="BA1657" s="93"/>
      <c r="BB1657" s="93"/>
      <c r="BC1657" s="93"/>
      <c r="BD1657" s="93"/>
      <c r="BE1657" s="93"/>
      <c r="BF1657" s="93"/>
      <c r="BG1657" s="93"/>
      <c r="BH1657" s="93"/>
      <c r="BI1657" s="93"/>
      <c r="BJ1657" s="93"/>
      <c r="BK1657" s="93"/>
      <c r="BL1657" s="93"/>
    </row>
    <row r="1658" spans="2:64" x14ac:dyDescent="0.2">
      <c r="B1658" s="43"/>
      <c r="C1658" s="73"/>
      <c r="D1658" s="64"/>
      <c r="E1658" s="55"/>
      <c r="F1658" s="74"/>
      <c r="G1658" s="74"/>
      <c r="H1658" s="74"/>
      <c r="I1658" s="75"/>
      <c r="J1658" s="74"/>
      <c r="L1658" s="55"/>
      <c r="M1658" s="234"/>
      <c r="N1658" s="65"/>
      <c r="O1658" s="76"/>
      <c r="P1658" s="76"/>
      <c r="Q1658" s="65"/>
      <c r="R1658" s="76"/>
      <c r="S1658" s="76"/>
      <c r="T1658" s="76"/>
      <c r="U1658" s="76"/>
      <c r="V1658" s="76"/>
      <c r="W1658" s="76"/>
      <c r="X1658" s="76"/>
      <c r="Y1658" s="76"/>
      <c r="Z1658" s="76"/>
      <c r="AA1658" s="85"/>
      <c r="AB1658" s="85"/>
      <c r="AC1658" s="85"/>
      <c r="AD1658" s="85"/>
      <c r="AE1658" s="85"/>
      <c r="AF1658" s="85"/>
      <c r="AG1658" s="86"/>
      <c r="AH1658" s="85"/>
      <c r="AI1658" s="85"/>
      <c r="AJ1658" s="85"/>
      <c r="AK1658" s="85"/>
      <c r="AL1658" s="85"/>
      <c r="AM1658" s="92"/>
      <c r="AN1658" s="92"/>
      <c r="AO1658" s="92"/>
      <c r="AP1658" s="92"/>
      <c r="AQ1658" s="92"/>
      <c r="AR1658" s="92"/>
      <c r="AS1658" s="92"/>
      <c r="AT1658" s="92"/>
      <c r="AU1658" s="92"/>
      <c r="AV1658" s="92"/>
      <c r="AW1658" s="92"/>
      <c r="AX1658" s="92"/>
      <c r="AY1658" s="92"/>
      <c r="AZ1658" s="93"/>
      <c r="BA1658" s="93"/>
      <c r="BB1658" s="93"/>
      <c r="BC1658" s="93"/>
      <c r="BD1658" s="93"/>
      <c r="BE1658" s="93"/>
      <c r="BF1658" s="93"/>
      <c r="BG1658" s="93"/>
      <c r="BH1658" s="93"/>
      <c r="BI1658" s="93"/>
      <c r="BJ1658" s="93"/>
      <c r="BK1658" s="93"/>
      <c r="BL1658" s="93"/>
    </row>
    <row r="1659" spans="2:64" x14ac:dyDescent="0.2">
      <c r="B1659" s="43"/>
      <c r="C1659" s="73"/>
      <c r="D1659" s="64"/>
      <c r="E1659" s="55"/>
      <c r="F1659" s="74"/>
      <c r="G1659" s="74"/>
      <c r="H1659" s="74"/>
      <c r="I1659" s="75"/>
      <c r="J1659" s="74"/>
      <c r="L1659" s="55"/>
      <c r="M1659" s="234"/>
      <c r="N1659" s="65"/>
      <c r="O1659" s="76"/>
      <c r="P1659" s="76"/>
      <c r="Q1659" s="65"/>
      <c r="R1659" s="76"/>
      <c r="S1659" s="76"/>
      <c r="T1659" s="76"/>
      <c r="U1659" s="76"/>
      <c r="V1659" s="76"/>
      <c r="W1659" s="76"/>
      <c r="X1659" s="76"/>
      <c r="Y1659" s="76"/>
      <c r="Z1659" s="76"/>
      <c r="AA1659" s="85"/>
      <c r="AB1659" s="85"/>
      <c r="AC1659" s="85"/>
      <c r="AD1659" s="85"/>
      <c r="AE1659" s="85"/>
      <c r="AF1659" s="85"/>
      <c r="AG1659" s="86"/>
      <c r="AH1659" s="85"/>
      <c r="AI1659" s="85"/>
      <c r="AJ1659" s="85"/>
      <c r="AK1659" s="85"/>
      <c r="AL1659" s="85"/>
      <c r="AM1659" s="92"/>
      <c r="AN1659" s="92"/>
      <c r="AO1659" s="92"/>
      <c r="AP1659" s="92"/>
      <c r="AQ1659" s="92"/>
      <c r="AR1659" s="92"/>
      <c r="AS1659" s="92"/>
      <c r="AT1659" s="92"/>
      <c r="AU1659" s="92"/>
      <c r="AV1659" s="92"/>
      <c r="AW1659" s="92"/>
      <c r="AX1659" s="92"/>
      <c r="AY1659" s="92"/>
      <c r="AZ1659" s="93"/>
      <c r="BA1659" s="93"/>
      <c r="BB1659" s="93"/>
      <c r="BC1659" s="93"/>
      <c r="BD1659" s="93"/>
      <c r="BE1659" s="93"/>
      <c r="BF1659" s="93"/>
      <c r="BG1659" s="93"/>
      <c r="BH1659" s="93"/>
      <c r="BI1659" s="93"/>
      <c r="BJ1659" s="93"/>
      <c r="BK1659" s="93"/>
      <c r="BL1659" s="93"/>
    </row>
    <row r="1660" spans="2:64" x14ac:dyDescent="0.2">
      <c r="B1660" s="43"/>
      <c r="C1660" s="73"/>
      <c r="D1660" s="64"/>
      <c r="E1660" s="55"/>
      <c r="F1660" s="74"/>
      <c r="G1660" s="74"/>
      <c r="H1660" s="74"/>
      <c r="I1660" s="75"/>
      <c r="J1660" s="74"/>
      <c r="L1660" s="55"/>
      <c r="M1660" s="234"/>
      <c r="N1660" s="65"/>
      <c r="O1660" s="76"/>
      <c r="P1660" s="76"/>
      <c r="Q1660" s="65"/>
      <c r="R1660" s="76"/>
      <c r="S1660" s="76"/>
      <c r="T1660" s="76"/>
      <c r="U1660" s="76"/>
      <c r="V1660" s="76"/>
      <c r="W1660" s="76"/>
      <c r="X1660" s="76"/>
      <c r="Y1660" s="76"/>
      <c r="Z1660" s="76"/>
      <c r="AA1660" s="85"/>
      <c r="AB1660" s="85"/>
      <c r="AC1660" s="85"/>
      <c r="AD1660" s="85"/>
      <c r="AE1660" s="85"/>
      <c r="AF1660" s="85"/>
      <c r="AG1660" s="86"/>
      <c r="AH1660" s="85"/>
      <c r="AI1660" s="85"/>
      <c r="AJ1660" s="85"/>
      <c r="AK1660" s="85"/>
      <c r="AL1660" s="85"/>
      <c r="AM1660" s="92"/>
      <c r="AN1660" s="92"/>
      <c r="AO1660" s="92"/>
      <c r="AP1660" s="92"/>
      <c r="AQ1660" s="92"/>
      <c r="AR1660" s="92"/>
      <c r="AS1660" s="92"/>
      <c r="AT1660" s="92"/>
      <c r="AU1660" s="92"/>
      <c r="AV1660" s="92"/>
      <c r="AW1660" s="92"/>
      <c r="AX1660" s="92"/>
      <c r="AY1660" s="92"/>
      <c r="AZ1660" s="93"/>
      <c r="BA1660" s="93"/>
      <c r="BB1660" s="93"/>
      <c r="BC1660" s="93"/>
      <c r="BD1660" s="93"/>
      <c r="BE1660" s="93"/>
      <c r="BF1660" s="93"/>
      <c r="BG1660" s="93"/>
      <c r="BH1660" s="93"/>
      <c r="BI1660" s="93"/>
      <c r="BJ1660" s="93"/>
      <c r="BK1660" s="93"/>
      <c r="BL1660" s="93"/>
    </row>
    <row r="1661" spans="2:64" x14ac:dyDescent="0.2">
      <c r="B1661" s="43"/>
      <c r="C1661" s="73"/>
      <c r="D1661" s="64"/>
      <c r="E1661" s="55"/>
      <c r="F1661" s="74"/>
      <c r="G1661" s="74"/>
      <c r="H1661" s="74"/>
      <c r="I1661" s="75"/>
      <c r="J1661" s="74"/>
      <c r="L1661" s="55"/>
      <c r="M1661" s="234"/>
      <c r="N1661" s="65"/>
      <c r="O1661" s="76"/>
      <c r="P1661" s="76"/>
      <c r="Q1661" s="65"/>
      <c r="R1661" s="76"/>
      <c r="S1661" s="76"/>
      <c r="T1661" s="76"/>
      <c r="U1661" s="76"/>
      <c r="V1661" s="76"/>
      <c r="W1661" s="76"/>
      <c r="X1661" s="76"/>
      <c r="Y1661" s="76"/>
      <c r="Z1661" s="76"/>
      <c r="AA1661" s="85"/>
      <c r="AB1661" s="85"/>
      <c r="AC1661" s="85"/>
      <c r="AD1661" s="85"/>
      <c r="AE1661" s="85"/>
      <c r="AF1661" s="85"/>
      <c r="AG1661" s="86"/>
      <c r="AH1661" s="85"/>
      <c r="AI1661" s="85"/>
      <c r="AJ1661" s="85"/>
      <c r="AK1661" s="85"/>
      <c r="AL1661" s="85"/>
      <c r="AM1661" s="92"/>
      <c r="AN1661" s="92"/>
      <c r="AO1661" s="92"/>
      <c r="AP1661" s="92"/>
      <c r="AQ1661" s="92"/>
      <c r="AR1661" s="92"/>
      <c r="AS1661" s="92"/>
      <c r="AT1661" s="92"/>
      <c r="AU1661" s="92"/>
      <c r="AV1661" s="92"/>
      <c r="AW1661" s="92"/>
      <c r="AX1661" s="92"/>
      <c r="AY1661" s="92"/>
      <c r="AZ1661" s="93"/>
      <c r="BA1661" s="93"/>
      <c r="BB1661" s="93"/>
      <c r="BC1661" s="93"/>
      <c r="BD1661" s="93"/>
      <c r="BE1661" s="93"/>
      <c r="BF1661" s="93"/>
      <c r="BG1661" s="93"/>
      <c r="BH1661" s="93"/>
      <c r="BI1661" s="93"/>
      <c r="BJ1661" s="93"/>
      <c r="BK1661" s="93"/>
      <c r="BL1661" s="93"/>
    </row>
    <row r="1662" spans="2:64" x14ac:dyDescent="0.2">
      <c r="B1662" s="43"/>
      <c r="C1662" s="73"/>
      <c r="D1662" s="64"/>
      <c r="E1662" s="55"/>
      <c r="F1662" s="74"/>
      <c r="G1662" s="74"/>
      <c r="H1662" s="74"/>
      <c r="I1662" s="75"/>
      <c r="J1662" s="74"/>
      <c r="L1662" s="55"/>
      <c r="M1662" s="234"/>
      <c r="N1662" s="65"/>
      <c r="O1662" s="76"/>
      <c r="P1662" s="76"/>
      <c r="Q1662" s="65"/>
      <c r="R1662" s="76"/>
      <c r="S1662" s="76"/>
      <c r="T1662" s="76"/>
      <c r="U1662" s="76"/>
      <c r="V1662" s="76"/>
      <c r="W1662" s="76"/>
      <c r="X1662" s="76"/>
      <c r="Y1662" s="76"/>
      <c r="Z1662" s="76"/>
      <c r="AA1662" s="85"/>
      <c r="AB1662" s="85"/>
      <c r="AC1662" s="85"/>
      <c r="AD1662" s="85"/>
      <c r="AE1662" s="85"/>
      <c r="AF1662" s="85"/>
      <c r="AG1662" s="86"/>
      <c r="AH1662" s="85"/>
      <c r="AI1662" s="85"/>
      <c r="AJ1662" s="85"/>
      <c r="AK1662" s="85"/>
      <c r="AL1662" s="85"/>
      <c r="AM1662" s="92"/>
      <c r="AN1662" s="92"/>
      <c r="AO1662" s="92"/>
      <c r="AP1662" s="92"/>
      <c r="AQ1662" s="92"/>
      <c r="AR1662" s="92"/>
      <c r="AS1662" s="92"/>
      <c r="AT1662" s="92"/>
      <c r="AU1662" s="92"/>
      <c r="AV1662" s="92"/>
      <c r="AW1662" s="92"/>
      <c r="AX1662" s="92"/>
      <c r="AY1662" s="92"/>
      <c r="AZ1662" s="93"/>
      <c r="BA1662" s="93"/>
      <c r="BB1662" s="93"/>
      <c r="BC1662" s="93"/>
      <c r="BD1662" s="93"/>
      <c r="BE1662" s="93"/>
      <c r="BF1662" s="93"/>
      <c r="BG1662" s="93"/>
      <c r="BH1662" s="93"/>
      <c r="BI1662" s="93"/>
      <c r="BJ1662" s="93"/>
      <c r="BK1662" s="93"/>
      <c r="BL1662" s="93"/>
    </row>
    <row r="1663" spans="2:64" x14ac:dyDescent="0.2">
      <c r="B1663" s="43"/>
      <c r="C1663" s="73"/>
      <c r="D1663" s="64"/>
      <c r="E1663" s="55"/>
      <c r="F1663" s="74"/>
      <c r="G1663" s="74"/>
      <c r="H1663" s="74"/>
      <c r="I1663" s="75"/>
      <c r="J1663" s="74"/>
      <c r="L1663" s="55"/>
      <c r="M1663" s="234"/>
      <c r="N1663" s="65"/>
      <c r="O1663" s="76"/>
      <c r="P1663" s="76"/>
      <c r="Q1663" s="65"/>
      <c r="R1663" s="76"/>
      <c r="S1663" s="76"/>
      <c r="T1663" s="76"/>
      <c r="U1663" s="76"/>
      <c r="V1663" s="76"/>
      <c r="W1663" s="76"/>
      <c r="X1663" s="76"/>
      <c r="Y1663" s="76"/>
      <c r="Z1663" s="76"/>
      <c r="AA1663" s="85"/>
      <c r="AB1663" s="85"/>
      <c r="AC1663" s="85"/>
      <c r="AD1663" s="85"/>
      <c r="AE1663" s="85"/>
      <c r="AF1663" s="85"/>
      <c r="AG1663" s="86"/>
      <c r="AH1663" s="85"/>
      <c r="AI1663" s="85"/>
      <c r="AJ1663" s="85"/>
      <c r="AK1663" s="85"/>
      <c r="AL1663" s="85"/>
      <c r="AM1663" s="92"/>
      <c r="AN1663" s="92"/>
      <c r="AO1663" s="92"/>
      <c r="AP1663" s="92"/>
      <c r="AQ1663" s="92"/>
      <c r="AR1663" s="92"/>
      <c r="AS1663" s="92"/>
      <c r="AT1663" s="92"/>
      <c r="AU1663" s="92"/>
      <c r="AV1663" s="92"/>
      <c r="AW1663" s="92"/>
      <c r="AX1663" s="92"/>
      <c r="AY1663" s="92"/>
      <c r="AZ1663" s="93"/>
      <c r="BA1663" s="93"/>
      <c r="BB1663" s="93"/>
      <c r="BC1663" s="93"/>
      <c r="BD1663" s="93"/>
      <c r="BE1663" s="93"/>
      <c r="BF1663" s="93"/>
      <c r="BG1663" s="93"/>
      <c r="BH1663" s="93"/>
      <c r="BI1663" s="93"/>
      <c r="BJ1663" s="93"/>
      <c r="BK1663" s="93"/>
      <c r="BL1663" s="93"/>
    </row>
    <row r="1664" spans="2:64" x14ac:dyDescent="0.2">
      <c r="B1664" s="43"/>
      <c r="C1664" s="73"/>
      <c r="D1664" s="64"/>
      <c r="E1664" s="55"/>
      <c r="F1664" s="74"/>
      <c r="G1664" s="74"/>
      <c r="H1664" s="74"/>
      <c r="I1664" s="75"/>
      <c r="J1664" s="74"/>
      <c r="L1664" s="55"/>
      <c r="M1664" s="234"/>
      <c r="N1664" s="65"/>
      <c r="O1664" s="76"/>
      <c r="P1664" s="76"/>
      <c r="Q1664" s="65"/>
      <c r="R1664" s="76"/>
      <c r="S1664" s="76"/>
      <c r="T1664" s="76"/>
      <c r="U1664" s="76"/>
      <c r="V1664" s="76"/>
      <c r="W1664" s="76"/>
      <c r="X1664" s="76"/>
      <c r="Y1664" s="76"/>
      <c r="Z1664" s="76"/>
      <c r="AA1664" s="85"/>
      <c r="AB1664" s="85"/>
      <c r="AC1664" s="85"/>
      <c r="AD1664" s="85"/>
      <c r="AE1664" s="85"/>
      <c r="AF1664" s="85"/>
      <c r="AG1664" s="86"/>
      <c r="AH1664" s="85"/>
      <c r="AI1664" s="85"/>
      <c r="AJ1664" s="85"/>
      <c r="AK1664" s="85"/>
      <c r="AL1664" s="85"/>
      <c r="AM1664" s="92"/>
      <c r="AN1664" s="92"/>
      <c r="AO1664" s="92"/>
      <c r="AP1664" s="92"/>
      <c r="AQ1664" s="92"/>
      <c r="AR1664" s="92"/>
      <c r="AS1664" s="92"/>
      <c r="AT1664" s="92"/>
      <c r="AU1664" s="92"/>
      <c r="AV1664" s="92"/>
      <c r="AW1664" s="92"/>
      <c r="AX1664" s="92"/>
      <c r="AY1664" s="92"/>
      <c r="AZ1664" s="93"/>
      <c r="BA1664" s="93"/>
      <c r="BB1664" s="93"/>
      <c r="BC1664" s="93"/>
      <c r="BD1664" s="93"/>
      <c r="BE1664" s="93"/>
      <c r="BF1664" s="93"/>
      <c r="BG1664" s="93"/>
      <c r="BH1664" s="93"/>
      <c r="BI1664" s="93"/>
      <c r="BJ1664" s="93"/>
      <c r="BK1664" s="93"/>
      <c r="BL1664" s="93"/>
    </row>
    <row r="1665" spans="2:64" x14ac:dyDescent="0.2">
      <c r="B1665" s="43"/>
      <c r="C1665" s="73"/>
      <c r="D1665" s="64"/>
      <c r="E1665" s="55"/>
      <c r="F1665" s="74"/>
      <c r="G1665" s="74"/>
      <c r="H1665" s="74"/>
      <c r="I1665" s="75"/>
      <c r="J1665" s="74"/>
      <c r="L1665" s="55"/>
      <c r="M1665" s="234"/>
      <c r="N1665" s="65"/>
      <c r="O1665" s="76"/>
      <c r="P1665" s="76"/>
      <c r="Q1665" s="65"/>
      <c r="R1665" s="76"/>
      <c r="S1665" s="76"/>
      <c r="T1665" s="76"/>
      <c r="U1665" s="76"/>
      <c r="V1665" s="76"/>
      <c r="W1665" s="76"/>
      <c r="X1665" s="76"/>
      <c r="Y1665" s="76"/>
      <c r="Z1665" s="76"/>
      <c r="AA1665" s="85"/>
      <c r="AB1665" s="85"/>
      <c r="AC1665" s="85"/>
      <c r="AD1665" s="85"/>
      <c r="AE1665" s="85"/>
      <c r="AF1665" s="85"/>
      <c r="AG1665" s="86"/>
      <c r="AH1665" s="85"/>
      <c r="AI1665" s="85"/>
      <c r="AJ1665" s="85"/>
      <c r="AK1665" s="85"/>
      <c r="AL1665" s="85"/>
      <c r="AM1665" s="92"/>
      <c r="AN1665" s="92"/>
      <c r="AO1665" s="92"/>
      <c r="AP1665" s="92"/>
      <c r="AQ1665" s="92"/>
      <c r="AR1665" s="92"/>
      <c r="AS1665" s="92"/>
      <c r="AT1665" s="92"/>
      <c r="AU1665" s="92"/>
      <c r="AV1665" s="92"/>
      <c r="AW1665" s="92"/>
      <c r="AX1665" s="92"/>
      <c r="AY1665" s="92"/>
      <c r="AZ1665" s="93"/>
      <c r="BA1665" s="93"/>
      <c r="BB1665" s="93"/>
      <c r="BC1665" s="93"/>
      <c r="BD1665" s="93"/>
      <c r="BE1665" s="93"/>
      <c r="BF1665" s="93"/>
      <c r="BG1665" s="93"/>
      <c r="BH1665" s="93"/>
      <c r="BI1665" s="93"/>
      <c r="BJ1665" s="93"/>
      <c r="BK1665" s="93"/>
      <c r="BL1665" s="93"/>
    </row>
    <row r="1666" spans="2:64" x14ac:dyDescent="0.2">
      <c r="B1666" s="43"/>
      <c r="C1666" s="73"/>
      <c r="D1666" s="64"/>
      <c r="E1666" s="55"/>
      <c r="F1666" s="74"/>
      <c r="G1666" s="74"/>
      <c r="H1666" s="74"/>
      <c r="I1666" s="75"/>
      <c r="J1666" s="74"/>
      <c r="L1666" s="55"/>
      <c r="M1666" s="234"/>
      <c r="N1666" s="65"/>
      <c r="O1666" s="76"/>
      <c r="P1666" s="76"/>
      <c r="Q1666" s="65"/>
      <c r="R1666" s="76"/>
      <c r="S1666" s="76"/>
      <c r="T1666" s="76"/>
      <c r="U1666" s="76"/>
      <c r="V1666" s="76"/>
      <c r="W1666" s="76"/>
      <c r="X1666" s="76"/>
      <c r="Y1666" s="76"/>
      <c r="Z1666" s="76"/>
      <c r="AA1666" s="85"/>
      <c r="AB1666" s="85"/>
      <c r="AC1666" s="85"/>
      <c r="AD1666" s="85"/>
      <c r="AE1666" s="85"/>
      <c r="AF1666" s="85"/>
      <c r="AG1666" s="86"/>
      <c r="AH1666" s="85"/>
      <c r="AI1666" s="85"/>
      <c r="AJ1666" s="85"/>
      <c r="AK1666" s="85"/>
      <c r="AL1666" s="85"/>
      <c r="AM1666" s="92"/>
      <c r="AN1666" s="92"/>
      <c r="AO1666" s="92"/>
      <c r="AP1666" s="92"/>
      <c r="AQ1666" s="92"/>
      <c r="AR1666" s="92"/>
      <c r="AS1666" s="92"/>
      <c r="AT1666" s="92"/>
      <c r="AU1666" s="92"/>
      <c r="AV1666" s="92"/>
      <c r="AW1666" s="92"/>
      <c r="AX1666" s="92"/>
      <c r="AY1666" s="92"/>
      <c r="AZ1666" s="93"/>
      <c r="BA1666" s="93"/>
      <c r="BB1666" s="93"/>
      <c r="BC1666" s="93"/>
      <c r="BD1666" s="93"/>
      <c r="BE1666" s="93"/>
      <c r="BF1666" s="93"/>
      <c r="BG1666" s="93"/>
      <c r="BH1666" s="93"/>
      <c r="BI1666" s="93"/>
      <c r="BJ1666" s="93"/>
      <c r="BK1666" s="93"/>
      <c r="BL1666" s="93"/>
    </row>
    <row r="1667" spans="2:64" x14ac:dyDescent="0.2">
      <c r="B1667" s="43"/>
      <c r="C1667" s="73"/>
      <c r="D1667" s="64"/>
      <c r="E1667" s="55"/>
      <c r="F1667" s="74"/>
      <c r="G1667" s="74"/>
      <c r="H1667" s="74"/>
      <c r="I1667" s="75"/>
      <c r="J1667" s="74"/>
      <c r="L1667" s="55"/>
      <c r="M1667" s="234"/>
      <c r="N1667" s="65"/>
      <c r="O1667" s="76"/>
      <c r="P1667" s="76"/>
      <c r="Q1667" s="65"/>
      <c r="R1667" s="76"/>
      <c r="S1667" s="76"/>
      <c r="T1667" s="76"/>
      <c r="U1667" s="76"/>
      <c r="V1667" s="76"/>
      <c r="W1667" s="76"/>
      <c r="X1667" s="76"/>
      <c r="Y1667" s="76"/>
      <c r="Z1667" s="76"/>
      <c r="AA1667" s="85"/>
      <c r="AB1667" s="85"/>
      <c r="AC1667" s="85"/>
      <c r="AD1667" s="85"/>
      <c r="AE1667" s="85"/>
      <c r="AF1667" s="85"/>
      <c r="AG1667" s="86"/>
      <c r="AH1667" s="85"/>
      <c r="AI1667" s="85"/>
      <c r="AJ1667" s="85"/>
      <c r="AK1667" s="85"/>
      <c r="AL1667" s="85"/>
      <c r="AM1667" s="92"/>
      <c r="AN1667" s="92"/>
      <c r="AO1667" s="92"/>
      <c r="AP1667" s="92"/>
      <c r="AQ1667" s="92"/>
      <c r="AR1667" s="92"/>
      <c r="AS1667" s="92"/>
      <c r="AT1667" s="92"/>
      <c r="AU1667" s="92"/>
      <c r="AV1667" s="92"/>
      <c r="AW1667" s="92"/>
      <c r="AX1667" s="92"/>
      <c r="AY1667" s="92"/>
      <c r="AZ1667" s="93"/>
      <c r="BA1667" s="93"/>
      <c r="BB1667" s="93"/>
      <c r="BC1667" s="93"/>
      <c r="BD1667" s="93"/>
      <c r="BE1667" s="93"/>
      <c r="BF1667" s="93"/>
      <c r="BG1667" s="93"/>
      <c r="BH1667" s="93"/>
      <c r="BI1667" s="93"/>
      <c r="BJ1667" s="93"/>
      <c r="BK1667" s="93"/>
      <c r="BL1667" s="93"/>
    </row>
    <row r="1668" spans="2:64" x14ac:dyDescent="0.2">
      <c r="B1668" s="43"/>
      <c r="C1668" s="73"/>
      <c r="D1668" s="64"/>
      <c r="E1668" s="55"/>
      <c r="F1668" s="74"/>
      <c r="G1668" s="74"/>
      <c r="H1668" s="74"/>
      <c r="I1668" s="75"/>
      <c r="J1668" s="74"/>
      <c r="L1668" s="55"/>
      <c r="M1668" s="234"/>
      <c r="N1668" s="65"/>
      <c r="O1668" s="76"/>
      <c r="P1668" s="76"/>
      <c r="Q1668" s="65"/>
      <c r="R1668" s="76"/>
      <c r="S1668" s="76"/>
      <c r="T1668" s="76"/>
      <c r="U1668" s="76"/>
      <c r="V1668" s="76"/>
      <c r="W1668" s="76"/>
      <c r="X1668" s="76"/>
      <c r="Y1668" s="76"/>
      <c r="Z1668" s="76"/>
      <c r="AA1668" s="85"/>
      <c r="AB1668" s="85"/>
      <c r="AC1668" s="85"/>
      <c r="AD1668" s="85"/>
      <c r="AE1668" s="85"/>
      <c r="AF1668" s="85"/>
      <c r="AG1668" s="86"/>
      <c r="AH1668" s="85"/>
      <c r="AI1668" s="85"/>
      <c r="AJ1668" s="85"/>
      <c r="AK1668" s="85"/>
      <c r="AL1668" s="85"/>
      <c r="AM1668" s="92"/>
      <c r="AN1668" s="92"/>
      <c r="AO1668" s="92"/>
      <c r="AP1668" s="92"/>
      <c r="AQ1668" s="92"/>
      <c r="AR1668" s="92"/>
      <c r="AS1668" s="92"/>
      <c r="AT1668" s="92"/>
      <c r="AU1668" s="92"/>
      <c r="AV1668" s="92"/>
      <c r="AW1668" s="92"/>
      <c r="AX1668" s="92"/>
      <c r="AY1668" s="92"/>
      <c r="AZ1668" s="93"/>
      <c r="BA1668" s="93"/>
      <c r="BB1668" s="93"/>
      <c r="BC1668" s="93"/>
      <c r="BD1668" s="93"/>
      <c r="BE1668" s="93"/>
      <c r="BF1668" s="93"/>
      <c r="BG1668" s="93"/>
      <c r="BH1668" s="93"/>
      <c r="BI1668" s="93"/>
      <c r="BJ1668" s="93"/>
      <c r="BK1668" s="93"/>
      <c r="BL1668" s="93"/>
    </row>
    <row r="1669" spans="2:64" x14ac:dyDescent="0.2">
      <c r="B1669" s="43"/>
      <c r="C1669" s="73"/>
      <c r="D1669" s="64"/>
      <c r="E1669" s="55"/>
      <c r="F1669" s="74"/>
      <c r="G1669" s="74"/>
      <c r="H1669" s="74"/>
      <c r="I1669" s="75"/>
      <c r="J1669" s="74"/>
      <c r="L1669" s="55"/>
      <c r="M1669" s="234"/>
      <c r="N1669" s="65"/>
      <c r="O1669" s="76"/>
      <c r="P1669" s="76"/>
      <c r="Q1669" s="65"/>
      <c r="R1669" s="76"/>
      <c r="S1669" s="76"/>
      <c r="T1669" s="76"/>
      <c r="U1669" s="76"/>
      <c r="V1669" s="76"/>
      <c r="W1669" s="76"/>
      <c r="X1669" s="76"/>
      <c r="Y1669" s="76"/>
      <c r="Z1669" s="76"/>
      <c r="AA1669" s="85"/>
      <c r="AB1669" s="85"/>
      <c r="AC1669" s="85"/>
      <c r="AD1669" s="85"/>
      <c r="AE1669" s="85"/>
      <c r="AF1669" s="85"/>
      <c r="AG1669" s="86"/>
      <c r="AH1669" s="85"/>
      <c r="AI1669" s="85"/>
      <c r="AJ1669" s="85"/>
      <c r="AK1669" s="85"/>
      <c r="AL1669" s="85"/>
      <c r="AM1669" s="92"/>
      <c r="AN1669" s="92"/>
      <c r="AO1669" s="92"/>
      <c r="AP1669" s="92"/>
      <c r="AQ1669" s="92"/>
      <c r="AR1669" s="92"/>
      <c r="AS1669" s="92"/>
      <c r="AT1669" s="92"/>
      <c r="AU1669" s="92"/>
      <c r="AV1669" s="92"/>
      <c r="AW1669" s="92"/>
      <c r="AX1669" s="92"/>
      <c r="AY1669" s="92"/>
      <c r="AZ1669" s="93"/>
      <c r="BA1669" s="93"/>
      <c r="BB1669" s="93"/>
      <c r="BC1669" s="93"/>
      <c r="BD1669" s="93"/>
      <c r="BE1669" s="93"/>
      <c r="BF1669" s="93"/>
      <c r="BG1669" s="93"/>
      <c r="BH1669" s="93"/>
      <c r="BI1669" s="93"/>
      <c r="BJ1669" s="93"/>
      <c r="BK1669" s="93"/>
      <c r="BL1669" s="93"/>
    </row>
    <row r="1670" spans="2:64" x14ac:dyDescent="0.2">
      <c r="B1670" s="43"/>
      <c r="C1670" s="73"/>
      <c r="D1670" s="64"/>
      <c r="E1670" s="55"/>
      <c r="F1670" s="74"/>
      <c r="G1670" s="74"/>
      <c r="H1670" s="74"/>
      <c r="I1670" s="75"/>
      <c r="J1670" s="74"/>
      <c r="L1670" s="55"/>
      <c r="M1670" s="234"/>
      <c r="N1670" s="65"/>
      <c r="O1670" s="76"/>
      <c r="P1670" s="76"/>
      <c r="Q1670" s="65"/>
      <c r="R1670" s="76"/>
      <c r="S1670" s="76"/>
      <c r="T1670" s="76"/>
      <c r="U1670" s="76"/>
      <c r="V1670" s="76"/>
      <c r="W1670" s="76"/>
      <c r="X1670" s="76"/>
      <c r="Y1670" s="76"/>
      <c r="Z1670" s="76"/>
      <c r="AA1670" s="85"/>
      <c r="AB1670" s="85"/>
      <c r="AC1670" s="85"/>
      <c r="AD1670" s="85"/>
      <c r="AE1670" s="85"/>
      <c r="AF1670" s="85"/>
      <c r="AG1670" s="86"/>
      <c r="AH1670" s="85"/>
      <c r="AI1670" s="85"/>
      <c r="AJ1670" s="85"/>
      <c r="AK1670" s="85"/>
      <c r="AL1670" s="85"/>
      <c r="AM1670" s="92"/>
      <c r="AN1670" s="92"/>
      <c r="AO1670" s="92"/>
      <c r="AP1670" s="92"/>
      <c r="AQ1670" s="92"/>
      <c r="AR1670" s="92"/>
      <c r="AS1670" s="92"/>
      <c r="AT1670" s="92"/>
      <c r="AU1670" s="92"/>
      <c r="AV1670" s="92"/>
      <c r="AW1670" s="92"/>
      <c r="AX1670" s="92"/>
      <c r="AY1670" s="92"/>
      <c r="AZ1670" s="93"/>
      <c r="BA1670" s="93"/>
      <c r="BB1670" s="93"/>
      <c r="BC1670" s="93"/>
      <c r="BD1670" s="93"/>
      <c r="BE1670" s="93"/>
      <c r="BF1670" s="93"/>
      <c r="BG1670" s="93"/>
      <c r="BH1670" s="93"/>
      <c r="BI1670" s="93"/>
      <c r="BJ1670" s="93"/>
      <c r="BK1670" s="93"/>
      <c r="BL1670" s="93"/>
    </row>
    <row r="1671" spans="2:64" x14ac:dyDescent="0.2">
      <c r="B1671" s="43"/>
      <c r="C1671" s="73"/>
      <c r="D1671" s="64"/>
      <c r="E1671" s="55"/>
      <c r="F1671" s="74"/>
      <c r="G1671" s="74"/>
      <c r="H1671" s="74"/>
      <c r="I1671" s="75"/>
      <c r="J1671" s="74"/>
      <c r="L1671" s="55"/>
      <c r="M1671" s="234"/>
      <c r="N1671" s="65"/>
      <c r="O1671" s="76"/>
      <c r="P1671" s="76"/>
      <c r="Q1671" s="65"/>
      <c r="R1671" s="76"/>
      <c r="S1671" s="76"/>
      <c r="T1671" s="76"/>
      <c r="U1671" s="76"/>
      <c r="V1671" s="76"/>
      <c r="W1671" s="76"/>
      <c r="X1671" s="76"/>
      <c r="Y1671" s="76"/>
      <c r="Z1671" s="76"/>
      <c r="AA1671" s="85"/>
      <c r="AB1671" s="85"/>
      <c r="AC1671" s="85"/>
      <c r="AD1671" s="85"/>
      <c r="AE1671" s="85"/>
      <c r="AF1671" s="85"/>
      <c r="AG1671" s="86"/>
      <c r="AH1671" s="85"/>
      <c r="AI1671" s="85"/>
      <c r="AJ1671" s="85"/>
      <c r="AK1671" s="85"/>
      <c r="AL1671" s="85"/>
      <c r="AM1671" s="92"/>
      <c r="AN1671" s="92"/>
      <c r="AO1671" s="92"/>
      <c r="AP1671" s="92"/>
      <c r="AQ1671" s="92"/>
      <c r="AR1671" s="92"/>
      <c r="AS1671" s="92"/>
      <c r="AT1671" s="92"/>
      <c r="AU1671" s="92"/>
      <c r="AV1671" s="92"/>
      <c r="AW1671" s="92"/>
      <c r="AX1671" s="92"/>
      <c r="AY1671" s="92"/>
      <c r="AZ1671" s="93"/>
      <c r="BA1671" s="93"/>
      <c r="BB1671" s="93"/>
      <c r="BC1671" s="93"/>
      <c r="BD1671" s="93"/>
      <c r="BE1671" s="93"/>
      <c r="BF1671" s="93"/>
      <c r="BG1671" s="93"/>
      <c r="BH1671" s="93"/>
      <c r="BI1671" s="93"/>
      <c r="BJ1671" s="93"/>
      <c r="BK1671" s="93"/>
      <c r="BL1671" s="93"/>
    </row>
    <row r="1672" spans="2:64" x14ac:dyDescent="0.2">
      <c r="B1672" s="43"/>
      <c r="C1672" s="73"/>
      <c r="D1672" s="64"/>
      <c r="E1672" s="55"/>
      <c r="F1672" s="74"/>
      <c r="G1672" s="74"/>
      <c r="H1672" s="74"/>
      <c r="I1672" s="75"/>
      <c r="J1672" s="74"/>
      <c r="L1672" s="55"/>
      <c r="M1672" s="234"/>
      <c r="N1672" s="65"/>
      <c r="O1672" s="76"/>
      <c r="P1672" s="76"/>
      <c r="Q1672" s="65"/>
      <c r="R1672" s="76"/>
      <c r="S1672" s="76"/>
      <c r="T1672" s="76"/>
      <c r="U1672" s="76"/>
      <c r="V1672" s="76"/>
      <c r="W1672" s="76"/>
      <c r="X1672" s="76"/>
      <c r="Y1672" s="76"/>
      <c r="Z1672" s="76"/>
      <c r="AA1672" s="85"/>
      <c r="AB1672" s="85"/>
      <c r="AC1672" s="85"/>
      <c r="AD1672" s="85"/>
      <c r="AE1672" s="85"/>
      <c r="AF1672" s="85"/>
      <c r="AG1672" s="86"/>
      <c r="AH1672" s="85"/>
      <c r="AI1672" s="85"/>
      <c r="AJ1672" s="85"/>
      <c r="AK1672" s="85"/>
      <c r="AL1672" s="85"/>
      <c r="AM1672" s="92"/>
      <c r="AN1672" s="92"/>
      <c r="AO1672" s="92"/>
      <c r="AP1672" s="92"/>
      <c r="AQ1672" s="92"/>
      <c r="AR1672" s="92"/>
      <c r="AS1672" s="92"/>
      <c r="AT1672" s="92"/>
      <c r="AU1672" s="92"/>
      <c r="AV1672" s="92"/>
      <c r="AW1672" s="92"/>
      <c r="AX1672" s="92"/>
      <c r="AY1672" s="92"/>
      <c r="AZ1672" s="93"/>
      <c r="BA1672" s="93"/>
      <c r="BB1672" s="93"/>
      <c r="BC1672" s="93"/>
      <c r="BD1672" s="93"/>
      <c r="BE1672" s="93"/>
      <c r="BF1672" s="93"/>
      <c r="BG1672" s="93"/>
      <c r="BH1672" s="93"/>
      <c r="BI1672" s="93"/>
      <c r="BJ1672" s="93"/>
      <c r="BK1672" s="93"/>
      <c r="BL1672" s="93"/>
    </row>
    <row r="1673" spans="2:64" x14ac:dyDescent="0.2">
      <c r="B1673" s="43"/>
      <c r="C1673" s="73"/>
      <c r="D1673" s="64"/>
      <c r="E1673" s="55"/>
      <c r="F1673" s="74"/>
      <c r="G1673" s="74"/>
      <c r="H1673" s="74"/>
      <c r="I1673" s="75"/>
      <c r="J1673" s="74"/>
      <c r="L1673" s="55"/>
      <c r="M1673" s="234"/>
      <c r="N1673" s="65"/>
      <c r="O1673" s="76"/>
      <c r="P1673" s="76"/>
      <c r="Q1673" s="65"/>
      <c r="R1673" s="76"/>
      <c r="S1673" s="76"/>
      <c r="T1673" s="76"/>
      <c r="U1673" s="76"/>
      <c r="V1673" s="76"/>
      <c r="W1673" s="76"/>
      <c r="X1673" s="76"/>
      <c r="Y1673" s="76"/>
      <c r="Z1673" s="76"/>
      <c r="AA1673" s="85"/>
      <c r="AB1673" s="85"/>
      <c r="AC1673" s="85"/>
      <c r="AD1673" s="85"/>
      <c r="AE1673" s="85"/>
      <c r="AF1673" s="85"/>
      <c r="AG1673" s="86"/>
      <c r="AH1673" s="85"/>
      <c r="AI1673" s="85"/>
      <c r="AJ1673" s="85"/>
      <c r="AK1673" s="85"/>
      <c r="AL1673" s="85"/>
      <c r="AM1673" s="92"/>
      <c r="AN1673" s="92"/>
      <c r="AO1673" s="92"/>
      <c r="AP1673" s="92"/>
      <c r="AQ1673" s="92"/>
      <c r="AR1673" s="92"/>
      <c r="AS1673" s="92"/>
      <c r="AT1673" s="92"/>
      <c r="AU1673" s="92"/>
      <c r="AV1673" s="92"/>
      <c r="AW1673" s="92"/>
      <c r="AX1673" s="92"/>
      <c r="AY1673" s="92"/>
      <c r="AZ1673" s="93"/>
      <c r="BA1673" s="93"/>
      <c r="BB1673" s="93"/>
      <c r="BC1673" s="93"/>
      <c r="BD1673" s="93"/>
      <c r="BE1673" s="93"/>
      <c r="BF1673" s="93"/>
      <c r="BG1673" s="93"/>
      <c r="BH1673" s="93"/>
      <c r="BI1673" s="93"/>
      <c r="BJ1673" s="93"/>
      <c r="BK1673" s="93"/>
      <c r="BL1673" s="93"/>
    </row>
    <row r="1674" spans="2:64" x14ac:dyDescent="0.2">
      <c r="B1674" s="43"/>
      <c r="C1674" s="73"/>
      <c r="D1674" s="64"/>
      <c r="E1674" s="55"/>
      <c r="F1674" s="74"/>
      <c r="G1674" s="74"/>
      <c r="H1674" s="74"/>
      <c r="I1674" s="75"/>
      <c r="J1674" s="74"/>
      <c r="L1674" s="55"/>
      <c r="M1674" s="234"/>
      <c r="N1674" s="65"/>
      <c r="O1674" s="76"/>
      <c r="P1674" s="76"/>
      <c r="Q1674" s="65"/>
      <c r="R1674" s="76"/>
      <c r="S1674" s="76"/>
      <c r="T1674" s="76"/>
      <c r="U1674" s="76"/>
      <c r="V1674" s="76"/>
      <c r="W1674" s="76"/>
      <c r="X1674" s="76"/>
      <c r="Y1674" s="76"/>
      <c r="Z1674" s="76"/>
      <c r="AA1674" s="85"/>
      <c r="AB1674" s="85"/>
      <c r="AC1674" s="85"/>
      <c r="AD1674" s="85"/>
      <c r="AE1674" s="85"/>
      <c r="AF1674" s="85"/>
      <c r="AG1674" s="86"/>
      <c r="AH1674" s="85"/>
      <c r="AI1674" s="85"/>
      <c r="AJ1674" s="85"/>
      <c r="AK1674" s="85"/>
      <c r="AL1674" s="85"/>
      <c r="AM1674" s="92"/>
      <c r="AN1674" s="92"/>
      <c r="AO1674" s="92"/>
      <c r="AP1674" s="92"/>
      <c r="AQ1674" s="92"/>
      <c r="AR1674" s="92"/>
      <c r="AS1674" s="92"/>
      <c r="AT1674" s="92"/>
      <c r="AU1674" s="92"/>
      <c r="AV1674" s="92"/>
      <c r="AW1674" s="92"/>
      <c r="AX1674" s="92"/>
      <c r="AY1674" s="92"/>
      <c r="AZ1674" s="93"/>
      <c r="BA1674" s="93"/>
      <c r="BB1674" s="93"/>
      <c r="BC1674" s="93"/>
      <c r="BD1674" s="93"/>
      <c r="BE1674" s="93"/>
      <c r="BF1674" s="93"/>
      <c r="BG1674" s="93"/>
      <c r="BH1674" s="93"/>
      <c r="BI1674" s="93"/>
      <c r="BJ1674" s="93"/>
      <c r="BK1674" s="93"/>
      <c r="BL1674" s="93"/>
    </row>
    <row r="1675" spans="2:64" x14ac:dyDescent="0.2">
      <c r="B1675" s="43"/>
      <c r="C1675" s="73"/>
      <c r="D1675" s="64"/>
      <c r="E1675" s="55"/>
      <c r="F1675" s="74"/>
      <c r="G1675" s="74"/>
      <c r="H1675" s="74"/>
      <c r="I1675" s="75"/>
      <c r="J1675" s="74"/>
      <c r="L1675" s="55"/>
      <c r="M1675" s="234"/>
      <c r="N1675" s="65"/>
      <c r="O1675" s="76"/>
      <c r="P1675" s="76"/>
      <c r="Q1675" s="65"/>
      <c r="R1675" s="76"/>
      <c r="S1675" s="76"/>
      <c r="T1675" s="76"/>
      <c r="U1675" s="76"/>
      <c r="V1675" s="76"/>
      <c r="W1675" s="76"/>
      <c r="X1675" s="76"/>
      <c r="Y1675" s="76"/>
      <c r="Z1675" s="76"/>
      <c r="AA1675" s="85"/>
      <c r="AB1675" s="85"/>
      <c r="AC1675" s="85"/>
      <c r="AD1675" s="85"/>
      <c r="AE1675" s="85"/>
      <c r="AF1675" s="85"/>
      <c r="AG1675" s="86"/>
      <c r="AH1675" s="85"/>
      <c r="AI1675" s="85"/>
      <c r="AJ1675" s="85"/>
      <c r="AK1675" s="85"/>
      <c r="AL1675" s="85"/>
      <c r="AM1675" s="92"/>
      <c r="AN1675" s="92"/>
      <c r="AO1675" s="92"/>
      <c r="AP1675" s="92"/>
      <c r="AQ1675" s="92"/>
      <c r="AR1675" s="92"/>
      <c r="AS1675" s="92"/>
      <c r="AT1675" s="92"/>
      <c r="AU1675" s="92"/>
      <c r="AV1675" s="92"/>
      <c r="AW1675" s="92"/>
      <c r="AX1675" s="92"/>
      <c r="AY1675" s="92"/>
      <c r="AZ1675" s="93"/>
      <c r="BA1675" s="93"/>
      <c r="BB1675" s="93"/>
      <c r="BC1675" s="93"/>
      <c r="BD1675" s="93"/>
      <c r="BE1675" s="93"/>
      <c r="BF1675" s="93"/>
      <c r="BG1675" s="93"/>
      <c r="BH1675" s="93"/>
      <c r="BI1675" s="93"/>
      <c r="BJ1675" s="93"/>
      <c r="BK1675" s="93"/>
      <c r="BL1675" s="93"/>
    </row>
    <row r="1676" spans="2:64" x14ac:dyDescent="0.2">
      <c r="B1676" s="43"/>
      <c r="C1676" s="73"/>
      <c r="D1676" s="64"/>
      <c r="E1676" s="55"/>
      <c r="F1676" s="74"/>
      <c r="G1676" s="74"/>
      <c r="H1676" s="74"/>
      <c r="I1676" s="75"/>
      <c r="J1676" s="74"/>
      <c r="L1676" s="55"/>
      <c r="M1676" s="234"/>
      <c r="N1676" s="65"/>
      <c r="O1676" s="76"/>
      <c r="P1676" s="76"/>
      <c r="Q1676" s="65"/>
      <c r="R1676" s="76"/>
      <c r="S1676" s="76"/>
      <c r="T1676" s="76"/>
      <c r="U1676" s="76"/>
      <c r="V1676" s="76"/>
      <c r="W1676" s="76"/>
      <c r="X1676" s="76"/>
      <c r="Y1676" s="76"/>
      <c r="Z1676" s="76"/>
      <c r="AA1676" s="85"/>
      <c r="AB1676" s="85"/>
      <c r="AC1676" s="85"/>
      <c r="AD1676" s="85"/>
      <c r="AE1676" s="85"/>
      <c r="AF1676" s="85"/>
      <c r="AG1676" s="86"/>
      <c r="AH1676" s="85"/>
      <c r="AI1676" s="85"/>
      <c r="AJ1676" s="85"/>
      <c r="AK1676" s="85"/>
      <c r="AL1676" s="85"/>
      <c r="AM1676" s="92"/>
      <c r="AN1676" s="92"/>
      <c r="AO1676" s="92"/>
      <c r="AP1676" s="92"/>
      <c r="AQ1676" s="92"/>
      <c r="AR1676" s="92"/>
      <c r="AS1676" s="92"/>
      <c r="AT1676" s="92"/>
      <c r="AU1676" s="92"/>
      <c r="AV1676" s="92"/>
      <c r="AW1676" s="92"/>
      <c r="AX1676" s="92"/>
      <c r="AY1676" s="92"/>
      <c r="AZ1676" s="93"/>
      <c r="BA1676" s="93"/>
      <c r="BB1676" s="93"/>
      <c r="BC1676" s="93"/>
      <c r="BD1676" s="93"/>
      <c r="BE1676" s="93"/>
      <c r="BF1676" s="93"/>
      <c r="BG1676" s="93"/>
      <c r="BH1676" s="93"/>
      <c r="BI1676" s="93"/>
      <c r="BJ1676" s="93"/>
      <c r="BK1676" s="93"/>
      <c r="BL1676" s="93"/>
    </row>
    <row r="1677" spans="2:64" x14ac:dyDescent="0.2">
      <c r="B1677" s="43"/>
      <c r="C1677" s="73"/>
      <c r="D1677" s="64"/>
      <c r="E1677" s="55"/>
      <c r="F1677" s="74"/>
      <c r="G1677" s="74"/>
      <c r="H1677" s="74"/>
      <c r="I1677" s="75"/>
      <c r="J1677" s="74"/>
      <c r="L1677" s="55"/>
      <c r="M1677" s="234"/>
      <c r="N1677" s="65"/>
      <c r="O1677" s="76"/>
      <c r="P1677" s="76"/>
      <c r="Q1677" s="65"/>
      <c r="R1677" s="76"/>
      <c r="S1677" s="76"/>
      <c r="T1677" s="76"/>
      <c r="U1677" s="76"/>
      <c r="V1677" s="76"/>
      <c r="W1677" s="76"/>
      <c r="X1677" s="76"/>
      <c r="Y1677" s="76"/>
      <c r="Z1677" s="76"/>
      <c r="AA1677" s="85"/>
      <c r="AB1677" s="85"/>
      <c r="AC1677" s="85"/>
      <c r="AD1677" s="85"/>
      <c r="AE1677" s="85"/>
      <c r="AF1677" s="85"/>
      <c r="AG1677" s="86"/>
      <c r="AH1677" s="85"/>
      <c r="AI1677" s="85"/>
      <c r="AJ1677" s="85"/>
      <c r="AK1677" s="85"/>
      <c r="AL1677" s="85"/>
      <c r="AM1677" s="92"/>
      <c r="AN1677" s="92"/>
      <c r="AO1677" s="92"/>
      <c r="AP1677" s="92"/>
      <c r="AQ1677" s="92"/>
      <c r="AR1677" s="92"/>
      <c r="AS1677" s="92"/>
      <c r="AT1677" s="92"/>
      <c r="AU1677" s="92"/>
      <c r="AV1677" s="92"/>
      <c r="AW1677" s="92"/>
      <c r="AX1677" s="92"/>
      <c r="AY1677" s="92"/>
      <c r="AZ1677" s="93"/>
      <c r="BA1677" s="93"/>
      <c r="BB1677" s="93"/>
      <c r="BC1677" s="93"/>
      <c r="BD1677" s="93"/>
      <c r="BE1677" s="93"/>
      <c r="BF1677" s="93"/>
      <c r="BG1677" s="93"/>
      <c r="BH1677" s="93"/>
      <c r="BI1677" s="93"/>
      <c r="BJ1677" s="93"/>
      <c r="BK1677" s="93"/>
      <c r="BL1677" s="93"/>
    </row>
    <row r="1678" spans="2:64" x14ac:dyDescent="0.2">
      <c r="B1678" s="43"/>
      <c r="C1678" s="73"/>
      <c r="D1678" s="64"/>
      <c r="E1678" s="55"/>
      <c r="F1678" s="74"/>
      <c r="G1678" s="74"/>
      <c r="H1678" s="74"/>
      <c r="I1678" s="75"/>
      <c r="J1678" s="74"/>
      <c r="L1678" s="55"/>
      <c r="M1678" s="234"/>
      <c r="N1678" s="65"/>
      <c r="O1678" s="76"/>
      <c r="P1678" s="76"/>
      <c r="Q1678" s="65"/>
      <c r="R1678" s="76"/>
      <c r="S1678" s="76"/>
      <c r="T1678" s="76"/>
      <c r="U1678" s="76"/>
      <c r="V1678" s="76"/>
      <c r="W1678" s="76"/>
      <c r="X1678" s="76"/>
      <c r="Y1678" s="76"/>
      <c r="Z1678" s="76"/>
      <c r="AA1678" s="85"/>
      <c r="AB1678" s="85"/>
      <c r="AC1678" s="85"/>
      <c r="AD1678" s="85"/>
      <c r="AE1678" s="85"/>
      <c r="AF1678" s="85"/>
      <c r="AG1678" s="86"/>
      <c r="AH1678" s="85"/>
      <c r="AI1678" s="85"/>
      <c r="AJ1678" s="85"/>
      <c r="AK1678" s="85"/>
      <c r="AL1678" s="85"/>
      <c r="AM1678" s="92"/>
      <c r="AN1678" s="92"/>
      <c r="AO1678" s="92"/>
      <c r="AP1678" s="92"/>
      <c r="AQ1678" s="92"/>
      <c r="AR1678" s="92"/>
      <c r="AS1678" s="92"/>
      <c r="AT1678" s="92"/>
      <c r="AU1678" s="92"/>
      <c r="AV1678" s="92"/>
      <c r="AW1678" s="92"/>
      <c r="AX1678" s="92"/>
      <c r="AY1678" s="92"/>
      <c r="AZ1678" s="93"/>
      <c r="BA1678" s="93"/>
      <c r="BB1678" s="93"/>
      <c r="BC1678" s="93"/>
      <c r="BD1678" s="93"/>
      <c r="BE1678" s="93"/>
      <c r="BF1678" s="93"/>
      <c r="BG1678" s="93"/>
      <c r="BH1678" s="93"/>
      <c r="BI1678" s="93"/>
      <c r="BJ1678" s="93"/>
      <c r="BK1678" s="93"/>
      <c r="BL1678" s="93"/>
    </row>
    <row r="1679" spans="2:64" x14ac:dyDescent="0.2">
      <c r="B1679" s="43"/>
      <c r="C1679" s="73"/>
      <c r="D1679" s="64"/>
      <c r="E1679" s="55"/>
      <c r="F1679" s="74"/>
      <c r="G1679" s="74"/>
      <c r="H1679" s="74"/>
      <c r="I1679" s="75"/>
      <c r="J1679" s="74"/>
      <c r="L1679" s="55"/>
      <c r="M1679" s="234"/>
      <c r="N1679" s="65"/>
      <c r="O1679" s="76"/>
      <c r="P1679" s="76"/>
      <c r="Q1679" s="65"/>
      <c r="R1679" s="76"/>
      <c r="S1679" s="76"/>
      <c r="T1679" s="76"/>
      <c r="U1679" s="76"/>
      <c r="V1679" s="76"/>
      <c r="W1679" s="76"/>
      <c r="X1679" s="76"/>
      <c r="Y1679" s="76"/>
      <c r="Z1679" s="76"/>
      <c r="AA1679" s="85"/>
      <c r="AB1679" s="85"/>
      <c r="AC1679" s="85"/>
      <c r="AD1679" s="85"/>
      <c r="AE1679" s="85"/>
      <c r="AF1679" s="85"/>
      <c r="AG1679" s="86"/>
      <c r="AH1679" s="85"/>
      <c r="AI1679" s="85"/>
      <c r="AJ1679" s="85"/>
      <c r="AK1679" s="85"/>
      <c r="AL1679" s="85"/>
      <c r="AM1679" s="92"/>
      <c r="AN1679" s="92"/>
      <c r="AO1679" s="92"/>
      <c r="AP1679" s="92"/>
      <c r="AQ1679" s="92"/>
      <c r="AR1679" s="92"/>
      <c r="AS1679" s="92"/>
      <c r="AT1679" s="92"/>
      <c r="AU1679" s="92"/>
      <c r="AV1679" s="92"/>
      <c r="AW1679" s="92"/>
      <c r="AX1679" s="92"/>
      <c r="AY1679" s="92"/>
      <c r="AZ1679" s="93"/>
      <c r="BA1679" s="93"/>
      <c r="BB1679" s="93"/>
      <c r="BC1679" s="93"/>
      <c r="BD1679" s="93"/>
      <c r="BE1679" s="93"/>
      <c r="BF1679" s="93"/>
      <c r="BG1679" s="93"/>
      <c r="BH1679" s="93"/>
      <c r="BI1679" s="93"/>
      <c r="BJ1679" s="93"/>
      <c r="BK1679" s="93"/>
      <c r="BL1679" s="93"/>
    </row>
    <row r="1680" spans="2:64" x14ac:dyDescent="0.2">
      <c r="B1680" s="43"/>
      <c r="C1680" s="73"/>
      <c r="D1680" s="64"/>
      <c r="E1680" s="55"/>
      <c r="F1680" s="74"/>
      <c r="G1680" s="74"/>
      <c r="H1680" s="74"/>
      <c r="I1680" s="75"/>
      <c r="J1680" s="74"/>
      <c r="L1680" s="55"/>
      <c r="M1680" s="234"/>
      <c r="N1680" s="65"/>
      <c r="O1680" s="76"/>
      <c r="P1680" s="76"/>
      <c r="Q1680" s="65"/>
      <c r="R1680" s="76"/>
      <c r="S1680" s="76"/>
      <c r="T1680" s="76"/>
      <c r="U1680" s="76"/>
      <c r="V1680" s="76"/>
      <c r="W1680" s="76"/>
      <c r="X1680" s="76"/>
      <c r="Y1680" s="76"/>
      <c r="Z1680" s="76"/>
      <c r="AA1680" s="85"/>
      <c r="AB1680" s="85"/>
      <c r="AC1680" s="85"/>
      <c r="AD1680" s="85"/>
      <c r="AE1680" s="85"/>
      <c r="AF1680" s="85"/>
      <c r="AG1680" s="86"/>
      <c r="AH1680" s="85"/>
      <c r="AI1680" s="85"/>
      <c r="AJ1680" s="85"/>
      <c r="AK1680" s="85"/>
      <c r="AL1680" s="85"/>
      <c r="AM1680" s="92"/>
      <c r="AN1680" s="92"/>
      <c r="AO1680" s="92"/>
      <c r="AP1680" s="92"/>
      <c r="AQ1680" s="92"/>
      <c r="AR1680" s="92"/>
      <c r="AS1680" s="92"/>
      <c r="AT1680" s="92"/>
      <c r="AU1680" s="92"/>
      <c r="AV1680" s="92"/>
      <c r="AW1680" s="92"/>
      <c r="AX1680" s="92"/>
      <c r="AY1680" s="92"/>
      <c r="AZ1680" s="93"/>
      <c r="BA1680" s="93"/>
      <c r="BB1680" s="93"/>
      <c r="BC1680" s="93"/>
      <c r="BD1680" s="93"/>
      <c r="BE1680" s="93"/>
      <c r="BF1680" s="93"/>
      <c r="BG1680" s="93"/>
      <c r="BH1680" s="93"/>
      <c r="BI1680" s="93"/>
      <c r="BJ1680" s="93"/>
      <c r="BK1680" s="93"/>
      <c r="BL1680" s="93"/>
    </row>
    <row r="1681" spans="2:64" x14ac:dyDescent="0.2">
      <c r="B1681" s="43"/>
      <c r="C1681" s="73"/>
      <c r="D1681" s="64"/>
      <c r="E1681" s="55"/>
      <c r="F1681" s="74"/>
      <c r="G1681" s="74"/>
      <c r="H1681" s="74"/>
      <c r="I1681" s="75"/>
      <c r="J1681" s="74"/>
      <c r="L1681" s="55"/>
      <c r="M1681" s="234"/>
      <c r="N1681" s="65"/>
      <c r="O1681" s="76"/>
      <c r="P1681" s="76"/>
      <c r="Q1681" s="65"/>
      <c r="R1681" s="76"/>
      <c r="S1681" s="76"/>
      <c r="T1681" s="76"/>
      <c r="U1681" s="76"/>
      <c r="V1681" s="76"/>
      <c r="W1681" s="76"/>
      <c r="X1681" s="76"/>
      <c r="Y1681" s="76"/>
      <c r="Z1681" s="76"/>
      <c r="AA1681" s="85"/>
      <c r="AB1681" s="85"/>
      <c r="AC1681" s="85"/>
      <c r="AD1681" s="85"/>
      <c r="AE1681" s="85"/>
      <c r="AF1681" s="85"/>
      <c r="AG1681" s="86"/>
      <c r="AH1681" s="85"/>
      <c r="AI1681" s="85"/>
      <c r="AJ1681" s="85"/>
      <c r="AK1681" s="85"/>
      <c r="AL1681" s="85"/>
      <c r="AM1681" s="92"/>
      <c r="AN1681" s="92"/>
      <c r="AO1681" s="92"/>
      <c r="AP1681" s="92"/>
      <c r="AQ1681" s="92"/>
      <c r="AR1681" s="92"/>
      <c r="AS1681" s="92"/>
      <c r="AT1681" s="92"/>
      <c r="AU1681" s="92"/>
      <c r="AV1681" s="92"/>
      <c r="AW1681" s="92"/>
      <c r="AX1681" s="92"/>
      <c r="AY1681" s="92"/>
      <c r="AZ1681" s="93"/>
      <c r="BA1681" s="93"/>
      <c r="BB1681" s="93"/>
      <c r="BC1681" s="93"/>
      <c r="BD1681" s="93"/>
      <c r="BE1681" s="93"/>
      <c r="BF1681" s="93"/>
      <c r="BG1681" s="93"/>
      <c r="BH1681" s="93"/>
      <c r="BI1681" s="93"/>
      <c r="BJ1681" s="93"/>
      <c r="BK1681" s="93"/>
      <c r="BL1681" s="93"/>
    </row>
    <row r="1682" spans="2:64" x14ac:dyDescent="0.2">
      <c r="B1682" s="43"/>
      <c r="C1682" s="73"/>
      <c r="D1682" s="64"/>
      <c r="E1682" s="55"/>
      <c r="F1682" s="74"/>
      <c r="G1682" s="74"/>
      <c r="H1682" s="74"/>
      <c r="I1682" s="75"/>
      <c r="J1682" s="74"/>
      <c r="L1682" s="55"/>
      <c r="M1682" s="234"/>
      <c r="N1682" s="65"/>
      <c r="O1682" s="76"/>
      <c r="P1682" s="76"/>
      <c r="Q1682" s="65"/>
      <c r="R1682" s="76"/>
      <c r="S1682" s="76"/>
      <c r="T1682" s="76"/>
      <c r="U1682" s="76"/>
      <c r="V1682" s="76"/>
      <c r="W1682" s="76"/>
      <c r="X1682" s="76"/>
      <c r="Y1682" s="76"/>
      <c r="Z1682" s="76"/>
      <c r="AA1682" s="85"/>
      <c r="AB1682" s="85"/>
      <c r="AC1682" s="85"/>
      <c r="AD1682" s="85"/>
      <c r="AE1682" s="85"/>
      <c r="AF1682" s="85"/>
      <c r="AG1682" s="86"/>
      <c r="AH1682" s="85"/>
      <c r="AI1682" s="85"/>
      <c r="AJ1682" s="85"/>
      <c r="AK1682" s="85"/>
      <c r="AL1682" s="85"/>
      <c r="AM1682" s="92"/>
      <c r="AN1682" s="92"/>
      <c r="AO1682" s="92"/>
      <c r="AP1682" s="92"/>
      <c r="AQ1682" s="92"/>
      <c r="AR1682" s="92"/>
      <c r="AS1682" s="92"/>
      <c r="AT1682" s="92"/>
      <c r="AU1682" s="92"/>
      <c r="AV1682" s="92"/>
      <c r="AW1682" s="92"/>
      <c r="AX1682" s="92"/>
      <c r="AY1682" s="92"/>
      <c r="AZ1682" s="93"/>
      <c r="BA1682" s="93"/>
      <c r="BB1682" s="93"/>
      <c r="BC1682" s="93"/>
      <c r="BD1682" s="93"/>
      <c r="BE1682" s="93"/>
      <c r="BF1682" s="93"/>
      <c r="BG1682" s="93"/>
      <c r="BH1682" s="93"/>
      <c r="BI1682" s="93"/>
      <c r="BJ1682" s="93"/>
      <c r="BK1682" s="93"/>
      <c r="BL1682" s="93"/>
    </row>
    <row r="1683" spans="2:64" x14ac:dyDescent="0.2">
      <c r="B1683" s="43"/>
      <c r="C1683" s="73"/>
      <c r="D1683" s="64"/>
      <c r="E1683" s="55"/>
      <c r="F1683" s="74"/>
      <c r="G1683" s="74"/>
      <c r="H1683" s="74"/>
      <c r="I1683" s="75"/>
      <c r="J1683" s="74"/>
      <c r="L1683" s="55"/>
      <c r="M1683" s="234"/>
      <c r="N1683" s="65"/>
      <c r="O1683" s="76"/>
      <c r="P1683" s="76"/>
      <c r="Q1683" s="65"/>
      <c r="R1683" s="76"/>
      <c r="S1683" s="76"/>
      <c r="T1683" s="76"/>
      <c r="U1683" s="76"/>
      <c r="V1683" s="76"/>
      <c r="W1683" s="76"/>
      <c r="X1683" s="76"/>
      <c r="Y1683" s="76"/>
      <c r="Z1683" s="76"/>
      <c r="AA1683" s="85"/>
      <c r="AB1683" s="85"/>
      <c r="AC1683" s="85"/>
      <c r="AD1683" s="85"/>
      <c r="AE1683" s="85"/>
      <c r="AF1683" s="85"/>
      <c r="AG1683" s="86"/>
      <c r="AH1683" s="85"/>
      <c r="AI1683" s="85"/>
      <c r="AJ1683" s="85"/>
      <c r="AK1683" s="85"/>
      <c r="AL1683" s="85"/>
      <c r="AM1683" s="92"/>
      <c r="AN1683" s="92"/>
      <c r="AO1683" s="92"/>
      <c r="AP1683" s="92"/>
      <c r="AQ1683" s="92"/>
      <c r="AR1683" s="92"/>
      <c r="AS1683" s="92"/>
      <c r="AT1683" s="92"/>
      <c r="AU1683" s="92"/>
      <c r="AV1683" s="92"/>
      <c r="AW1683" s="92"/>
      <c r="AX1683" s="92"/>
      <c r="AY1683" s="92"/>
      <c r="AZ1683" s="93"/>
      <c r="BA1683" s="93"/>
      <c r="BB1683" s="93"/>
      <c r="BC1683" s="93"/>
      <c r="BD1683" s="93"/>
      <c r="BE1683" s="93"/>
      <c r="BF1683" s="93"/>
      <c r="BG1683" s="93"/>
      <c r="BH1683" s="93"/>
      <c r="BI1683" s="93"/>
      <c r="BJ1683" s="93"/>
      <c r="BK1683" s="93"/>
      <c r="BL1683" s="93"/>
    </row>
    <row r="1684" spans="2:64" x14ac:dyDescent="0.2">
      <c r="B1684" s="43"/>
      <c r="C1684" s="73"/>
      <c r="D1684" s="64"/>
      <c r="E1684" s="55"/>
      <c r="F1684" s="74"/>
      <c r="G1684" s="74"/>
      <c r="H1684" s="74"/>
      <c r="I1684" s="75"/>
      <c r="J1684" s="74"/>
      <c r="L1684" s="55"/>
      <c r="M1684" s="234"/>
      <c r="N1684" s="65"/>
      <c r="O1684" s="76"/>
      <c r="P1684" s="76"/>
      <c r="Q1684" s="65"/>
      <c r="R1684" s="76"/>
      <c r="S1684" s="76"/>
      <c r="T1684" s="76"/>
      <c r="U1684" s="76"/>
      <c r="V1684" s="76"/>
      <c r="W1684" s="76"/>
      <c r="X1684" s="76"/>
      <c r="Y1684" s="76"/>
      <c r="Z1684" s="76"/>
      <c r="AA1684" s="85"/>
      <c r="AB1684" s="85"/>
      <c r="AC1684" s="85"/>
      <c r="AD1684" s="85"/>
      <c r="AE1684" s="85"/>
      <c r="AF1684" s="85"/>
      <c r="AG1684" s="86"/>
      <c r="AH1684" s="85"/>
      <c r="AI1684" s="85"/>
      <c r="AJ1684" s="85"/>
      <c r="AK1684" s="85"/>
      <c r="AL1684" s="85"/>
      <c r="AM1684" s="92"/>
      <c r="AN1684" s="92"/>
      <c r="AO1684" s="92"/>
      <c r="AP1684" s="92"/>
      <c r="AQ1684" s="92"/>
      <c r="AR1684" s="92"/>
      <c r="AS1684" s="92"/>
      <c r="AT1684" s="92"/>
      <c r="AU1684" s="92"/>
      <c r="AV1684" s="92"/>
      <c r="AW1684" s="92"/>
      <c r="AX1684" s="92"/>
      <c r="AY1684" s="92"/>
      <c r="AZ1684" s="93"/>
      <c r="BA1684" s="93"/>
      <c r="BB1684" s="93"/>
      <c r="BC1684" s="93"/>
      <c r="BD1684" s="93"/>
      <c r="BE1684" s="93"/>
      <c r="BF1684" s="93"/>
      <c r="BG1684" s="93"/>
      <c r="BH1684" s="93"/>
      <c r="BI1684" s="93"/>
      <c r="BJ1684" s="93"/>
      <c r="BK1684" s="93"/>
      <c r="BL1684" s="93"/>
    </row>
    <row r="1685" spans="2:64" x14ac:dyDescent="0.2">
      <c r="B1685" s="43"/>
      <c r="C1685" s="73"/>
      <c r="D1685" s="64"/>
      <c r="E1685" s="55"/>
      <c r="F1685" s="74"/>
      <c r="G1685" s="74"/>
      <c r="H1685" s="74"/>
      <c r="I1685" s="75"/>
      <c r="J1685" s="74"/>
      <c r="L1685" s="55"/>
      <c r="M1685" s="234"/>
      <c r="N1685" s="65"/>
      <c r="O1685" s="76"/>
      <c r="P1685" s="76"/>
      <c r="Q1685" s="65"/>
      <c r="R1685" s="76"/>
      <c r="S1685" s="76"/>
      <c r="T1685" s="76"/>
      <c r="U1685" s="76"/>
      <c r="V1685" s="76"/>
      <c r="W1685" s="76"/>
      <c r="X1685" s="76"/>
      <c r="Y1685" s="76"/>
      <c r="Z1685" s="76"/>
      <c r="AA1685" s="85"/>
      <c r="AB1685" s="85"/>
      <c r="AC1685" s="85"/>
      <c r="AD1685" s="85"/>
      <c r="AE1685" s="85"/>
      <c r="AF1685" s="85"/>
      <c r="AG1685" s="86"/>
      <c r="AH1685" s="85"/>
      <c r="AI1685" s="85"/>
      <c r="AJ1685" s="85"/>
      <c r="AK1685" s="85"/>
      <c r="AL1685" s="85"/>
      <c r="AM1685" s="92"/>
      <c r="AN1685" s="92"/>
      <c r="AO1685" s="92"/>
      <c r="AP1685" s="92"/>
      <c r="AQ1685" s="92"/>
      <c r="AR1685" s="92"/>
      <c r="AS1685" s="92"/>
      <c r="AT1685" s="92"/>
      <c r="AU1685" s="92"/>
      <c r="AV1685" s="92"/>
      <c r="AW1685" s="92"/>
      <c r="AX1685" s="92"/>
      <c r="AY1685" s="92"/>
      <c r="AZ1685" s="93"/>
      <c r="BA1685" s="93"/>
      <c r="BB1685" s="93"/>
      <c r="BC1685" s="93"/>
      <c r="BD1685" s="93"/>
      <c r="BE1685" s="93"/>
      <c r="BF1685" s="93"/>
      <c r="BG1685" s="93"/>
      <c r="BH1685" s="93"/>
      <c r="BI1685" s="93"/>
      <c r="BJ1685" s="93"/>
      <c r="BK1685" s="93"/>
      <c r="BL1685" s="93"/>
    </row>
    <row r="1686" spans="2:64" x14ac:dyDescent="0.2">
      <c r="B1686" s="43"/>
      <c r="C1686" s="73"/>
      <c r="D1686" s="64"/>
      <c r="E1686" s="55"/>
      <c r="F1686" s="74"/>
      <c r="G1686" s="74"/>
      <c r="H1686" s="74"/>
      <c r="I1686" s="75"/>
      <c r="J1686" s="74"/>
      <c r="L1686" s="55"/>
      <c r="M1686" s="234"/>
      <c r="N1686" s="65"/>
      <c r="O1686" s="76"/>
      <c r="P1686" s="76"/>
      <c r="Q1686" s="65"/>
      <c r="R1686" s="76"/>
      <c r="S1686" s="76"/>
      <c r="T1686" s="76"/>
      <c r="U1686" s="76"/>
      <c r="V1686" s="76"/>
      <c r="W1686" s="76"/>
      <c r="X1686" s="76"/>
      <c r="Y1686" s="76"/>
      <c r="Z1686" s="76"/>
      <c r="AA1686" s="85"/>
      <c r="AB1686" s="85"/>
      <c r="AC1686" s="85"/>
      <c r="AD1686" s="85"/>
      <c r="AE1686" s="85"/>
      <c r="AF1686" s="85"/>
      <c r="AG1686" s="86"/>
      <c r="AH1686" s="85"/>
      <c r="AI1686" s="85"/>
      <c r="AJ1686" s="85"/>
      <c r="AK1686" s="85"/>
      <c r="AL1686" s="85"/>
      <c r="AM1686" s="92"/>
      <c r="AN1686" s="92"/>
      <c r="AO1686" s="92"/>
      <c r="AP1686" s="92"/>
      <c r="AQ1686" s="92"/>
      <c r="AR1686" s="92"/>
      <c r="AS1686" s="92"/>
      <c r="AT1686" s="92"/>
      <c r="AU1686" s="92"/>
      <c r="AV1686" s="92"/>
      <c r="AW1686" s="92"/>
      <c r="AX1686" s="92"/>
      <c r="AY1686" s="92"/>
      <c r="AZ1686" s="93"/>
      <c r="BA1686" s="93"/>
      <c r="BB1686" s="93"/>
      <c r="BC1686" s="93"/>
      <c r="BD1686" s="93"/>
      <c r="BE1686" s="93"/>
      <c r="BF1686" s="93"/>
      <c r="BG1686" s="93"/>
      <c r="BH1686" s="93"/>
      <c r="BI1686" s="93"/>
      <c r="BJ1686" s="93"/>
      <c r="BK1686" s="93"/>
      <c r="BL1686" s="93"/>
    </row>
    <row r="1687" spans="2:64" x14ac:dyDescent="0.2">
      <c r="B1687" s="43"/>
      <c r="C1687" s="73"/>
      <c r="D1687" s="64"/>
      <c r="E1687" s="55"/>
      <c r="F1687" s="74"/>
      <c r="G1687" s="74"/>
      <c r="H1687" s="74"/>
      <c r="I1687" s="75"/>
      <c r="J1687" s="74"/>
      <c r="L1687" s="55"/>
      <c r="M1687" s="234"/>
      <c r="N1687" s="65"/>
      <c r="O1687" s="76"/>
      <c r="P1687" s="76"/>
      <c r="Q1687" s="65"/>
      <c r="R1687" s="76"/>
      <c r="S1687" s="76"/>
      <c r="T1687" s="76"/>
      <c r="U1687" s="76"/>
      <c r="V1687" s="76"/>
      <c r="W1687" s="76"/>
      <c r="X1687" s="76"/>
      <c r="Y1687" s="76"/>
      <c r="Z1687" s="76"/>
      <c r="AA1687" s="85"/>
      <c r="AB1687" s="85"/>
      <c r="AC1687" s="85"/>
      <c r="AD1687" s="85"/>
      <c r="AE1687" s="85"/>
      <c r="AF1687" s="85"/>
      <c r="AG1687" s="86"/>
      <c r="AH1687" s="85"/>
      <c r="AI1687" s="85"/>
      <c r="AJ1687" s="85"/>
      <c r="AK1687" s="85"/>
      <c r="AL1687" s="85"/>
      <c r="AM1687" s="92"/>
      <c r="AN1687" s="92"/>
      <c r="AO1687" s="92"/>
      <c r="AP1687" s="92"/>
      <c r="AQ1687" s="92"/>
      <c r="AR1687" s="92"/>
      <c r="AS1687" s="92"/>
      <c r="AT1687" s="92"/>
      <c r="AU1687" s="92"/>
      <c r="AV1687" s="92"/>
      <c r="AW1687" s="92"/>
      <c r="AX1687" s="92"/>
      <c r="AY1687" s="92"/>
      <c r="AZ1687" s="93"/>
      <c r="BA1687" s="93"/>
      <c r="BB1687" s="93"/>
      <c r="BC1687" s="93"/>
      <c r="BD1687" s="93"/>
      <c r="BE1687" s="93"/>
      <c r="BF1687" s="93"/>
      <c r="BG1687" s="93"/>
      <c r="BH1687" s="93"/>
      <c r="BI1687" s="93"/>
      <c r="BJ1687" s="93"/>
      <c r="BK1687" s="93"/>
      <c r="BL1687" s="93"/>
    </row>
    <row r="1688" spans="2:64" x14ac:dyDescent="0.2">
      <c r="B1688" s="43"/>
      <c r="C1688" s="73"/>
      <c r="D1688" s="64"/>
      <c r="E1688" s="55"/>
      <c r="F1688" s="74"/>
      <c r="G1688" s="74"/>
      <c r="H1688" s="74"/>
      <c r="I1688" s="75"/>
      <c r="J1688" s="74"/>
      <c r="L1688" s="55"/>
      <c r="M1688" s="234"/>
      <c r="N1688" s="65"/>
      <c r="O1688" s="76"/>
      <c r="P1688" s="76"/>
      <c r="Q1688" s="65"/>
      <c r="R1688" s="76"/>
      <c r="S1688" s="76"/>
      <c r="T1688" s="76"/>
      <c r="U1688" s="76"/>
      <c r="V1688" s="76"/>
      <c r="W1688" s="76"/>
      <c r="X1688" s="76"/>
      <c r="Y1688" s="76"/>
      <c r="Z1688" s="76"/>
      <c r="AA1688" s="85"/>
      <c r="AB1688" s="85"/>
      <c r="AC1688" s="85"/>
      <c r="AD1688" s="85"/>
      <c r="AE1688" s="85"/>
      <c r="AF1688" s="85"/>
      <c r="AG1688" s="86"/>
      <c r="AH1688" s="85"/>
      <c r="AI1688" s="85"/>
      <c r="AJ1688" s="85"/>
      <c r="AK1688" s="85"/>
      <c r="AL1688" s="85"/>
      <c r="AM1688" s="92"/>
      <c r="AN1688" s="92"/>
      <c r="AO1688" s="92"/>
      <c r="AP1688" s="92"/>
      <c r="AQ1688" s="92"/>
      <c r="AR1688" s="92"/>
      <c r="AS1688" s="92"/>
      <c r="AT1688" s="92"/>
      <c r="AU1688" s="92"/>
      <c r="AV1688" s="92"/>
      <c r="AW1688" s="92"/>
      <c r="AX1688" s="92"/>
      <c r="AY1688" s="92"/>
      <c r="AZ1688" s="93"/>
      <c r="BA1688" s="93"/>
      <c r="BB1688" s="93"/>
      <c r="BC1688" s="93"/>
      <c r="BD1688" s="93"/>
      <c r="BE1688" s="93"/>
      <c r="BF1688" s="93"/>
      <c r="BG1688" s="93"/>
      <c r="BH1688" s="93"/>
      <c r="BI1688" s="93"/>
      <c r="BJ1688" s="93"/>
      <c r="BK1688" s="93"/>
      <c r="BL1688" s="93"/>
    </row>
    <row r="1689" spans="2:64" x14ac:dyDescent="0.2">
      <c r="B1689" s="43"/>
      <c r="C1689" s="73"/>
      <c r="D1689" s="64"/>
      <c r="E1689" s="55"/>
      <c r="F1689" s="74"/>
      <c r="G1689" s="74"/>
      <c r="H1689" s="74"/>
      <c r="I1689" s="75"/>
      <c r="J1689" s="74"/>
      <c r="L1689" s="55"/>
      <c r="M1689" s="234"/>
      <c r="N1689" s="65"/>
      <c r="O1689" s="76"/>
      <c r="P1689" s="76"/>
      <c r="Q1689" s="65"/>
      <c r="R1689" s="76"/>
      <c r="S1689" s="76"/>
      <c r="T1689" s="76"/>
      <c r="U1689" s="76"/>
      <c r="V1689" s="76"/>
      <c r="W1689" s="76"/>
      <c r="X1689" s="76"/>
      <c r="Y1689" s="76"/>
      <c r="Z1689" s="76"/>
      <c r="AA1689" s="85"/>
      <c r="AB1689" s="85"/>
      <c r="AC1689" s="85"/>
      <c r="AD1689" s="85"/>
      <c r="AE1689" s="85"/>
      <c r="AF1689" s="85"/>
      <c r="AG1689" s="86"/>
      <c r="AH1689" s="85"/>
      <c r="AI1689" s="85"/>
      <c r="AJ1689" s="85"/>
      <c r="AK1689" s="85"/>
      <c r="AL1689" s="85"/>
      <c r="AM1689" s="92"/>
      <c r="AN1689" s="92"/>
      <c r="AO1689" s="92"/>
      <c r="AP1689" s="92"/>
      <c r="AQ1689" s="92"/>
      <c r="AR1689" s="92"/>
      <c r="AS1689" s="92"/>
      <c r="AT1689" s="92"/>
      <c r="AU1689" s="92"/>
      <c r="AV1689" s="92"/>
      <c r="AW1689" s="92"/>
      <c r="AX1689" s="92"/>
      <c r="AY1689" s="92"/>
      <c r="AZ1689" s="93"/>
      <c r="BA1689" s="93"/>
      <c r="BB1689" s="93"/>
      <c r="BC1689" s="93"/>
      <c r="BD1689" s="93"/>
      <c r="BE1689" s="93"/>
      <c r="BF1689" s="93"/>
      <c r="BG1689" s="93"/>
      <c r="BH1689" s="93"/>
      <c r="BI1689" s="93"/>
      <c r="BJ1689" s="93"/>
      <c r="BK1689" s="93"/>
      <c r="BL1689" s="93"/>
    </row>
    <row r="1690" spans="2:64" x14ac:dyDescent="0.2">
      <c r="B1690" s="43"/>
      <c r="C1690" s="73"/>
      <c r="D1690" s="64"/>
      <c r="E1690" s="55"/>
      <c r="F1690" s="74"/>
      <c r="G1690" s="74"/>
      <c r="H1690" s="74"/>
      <c r="I1690" s="75"/>
      <c r="J1690" s="74"/>
      <c r="L1690" s="55"/>
      <c r="M1690" s="234"/>
      <c r="N1690" s="65"/>
      <c r="O1690" s="76"/>
      <c r="P1690" s="76"/>
      <c r="Q1690" s="65"/>
      <c r="R1690" s="76"/>
      <c r="S1690" s="76"/>
      <c r="T1690" s="76"/>
      <c r="U1690" s="76"/>
      <c r="V1690" s="76"/>
      <c r="W1690" s="76"/>
      <c r="X1690" s="76"/>
      <c r="Y1690" s="76"/>
      <c r="Z1690" s="76"/>
      <c r="AA1690" s="85"/>
      <c r="AB1690" s="85"/>
      <c r="AC1690" s="85"/>
      <c r="AD1690" s="85"/>
      <c r="AE1690" s="85"/>
      <c r="AF1690" s="85"/>
      <c r="AG1690" s="86"/>
      <c r="AH1690" s="85"/>
      <c r="AI1690" s="85"/>
      <c r="AJ1690" s="85"/>
      <c r="AK1690" s="85"/>
      <c r="AL1690" s="85"/>
      <c r="AM1690" s="92"/>
      <c r="AN1690" s="92"/>
      <c r="AO1690" s="92"/>
      <c r="AP1690" s="92"/>
      <c r="AQ1690" s="92"/>
      <c r="AR1690" s="92"/>
      <c r="AS1690" s="92"/>
      <c r="AT1690" s="92"/>
      <c r="AU1690" s="92"/>
      <c r="AV1690" s="92"/>
      <c r="AW1690" s="92"/>
      <c r="AX1690" s="92"/>
      <c r="AY1690" s="92"/>
      <c r="AZ1690" s="93"/>
      <c r="BA1690" s="93"/>
      <c r="BB1690" s="93"/>
      <c r="BC1690" s="93"/>
      <c r="BD1690" s="93"/>
      <c r="BE1690" s="93"/>
      <c r="BF1690" s="93"/>
      <c r="BG1690" s="93"/>
      <c r="BH1690" s="93"/>
      <c r="BI1690" s="93"/>
      <c r="BJ1690" s="93"/>
      <c r="BK1690" s="93"/>
      <c r="BL1690" s="93"/>
    </row>
    <row r="1691" spans="2:64" x14ac:dyDescent="0.2">
      <c r="B1691" s="43"/>
      <c r="C1691" s="73"/>
      <c r="D1691" s="64"/>
      <c r="E1691" s="55"/>
      <c r="F1691" s="74"/>
      <c r="G1691" s="74"/>
      <c r="H1691" s="74"/>
      <c r="I1691" s="75"/>
      <c r="J1691" s="74"/>
      <c r="L1691" s="55"/>
      <c r="M1691" s="234"/>
      <c r="N1691" s="65"/>
      <c r="O1691" s="76"/>
      <c r="P1691" s="76"/>
      <c r="Q1691" s="65"/>
      <c r="R1691" s="76"/>
      <c r="S1691" s="76"/>
      <c r="T1691" s="76"/>
      <c r="U1691" s="76"/>
      <c r="V1691" s="76"/>
      <c r="W1691" s="76"/>
      <c r="X1691" s="76"/>
      <c r="Y1691" s="76"/>
      <c r="Z1691" s="76"/>
      <c r="AA1691" s="85"/>
      <c r="AB1691" s="85"/>
      <c r="AC1691" s="85"/>
      <c r="AD1691" s="85"/>
      <c r="AE1691" s="85"/>
      <c r="AF1691" s="85"/>
      <c r="AG1691" s="86"/>
      <c r="AH1691" s="85"/>
      <c r="AI1691" s="85"/>
      <c r="AJ1691" s="85"/>
      <c r="AK1691" s="85"/>
      <c r="AL1691" s="85"/>
      <c r="AM1691" s="92"/>
      <c r="AN1691" s="92"/>
      <c r="AO1691" s="92"/>
      <c r="AP1691" s="92"/>
      <c r="AQ1691" s="92"/>
      <c r="AR1691" s="92"/>
      <c r="AS1691" s="92"/>
      <c r="AT1691" s="92"/>
      <c r="AU1691" s="92"/>
      <c r="AV1691" s="92"/>
      <c r="AW1691" s="92"/>
      <c r="AX1691" s="92"/>
      <c r="AY1691" s="92"/>
      <c r="AZ1691" s="93"/>
      <c r="BA1691" s="93"/>
      <c r="BB1691" s="93"/>
      <c r="BC1691" s="93"/>
      <c r="BD1691" s="93"/>
      <c r="BE1691" s="93"/>
      <c r="BF1691" s="93"/>
      <c r="BG1691" s="93"/>
      <c r="BH1691" s="93"/>
      <c r="BI1691" s="93"/>
      <c r="BJ1691" s="93"/>
      <c r="BK1691" s="93"/>
      <c r="BL1691" s="93"/>
    </row>
    <row r="1692" spans="2:64" x14ac:dyDescent="0.2">
      <c r="B1692" s="43"/>
      <c r="C1692" s="73"/>
      <c r="D1692" s="64"/>
      <c r="E1692" s="55"/>
      <c r="F1692" s="74"/>
      <c r="G1692" s="74"/>
      <c r="H1692" s="74"/>
      <c r="I1692" s="75"/>
      <c r="J1692" s="74"/>
      <c r="L1692" s="55"/>
      <c r="M1692" s="234"/>
      <c r="N1692" s="65"/>
      <c r="O1692" s="76"/>
      <c r="P1692" s="76"/>
      <c r="Q1692" s="65"/>
      <c r="R1692" s="76"/>
      <c r="S1692" s="76"/>
      <c r="T1692" s="76"/>
      <c r="U1692" s="76"/>
      <c r="V1692" s="76"/>
      <c r="W1692" s="76"/>
      <c r="X1692" s="76"/>
      <c r="Y1692" s="76"/>
      <c r="Z1692" s="76"/>
      <c r="AA1692" s="85"/>
      <c r="AB1692" s="85"/>
      <c r="AC1692" s="85"/>
      <c r="AD1692" s="85"/>
      <c r="AE1692" s="85"/>
      <c r="AF1692" s="85"/>
      <c r="AG1692" s="86"/>
      <c r="AH1692" s="85"/>
      <c r="AI1692" s="85"/>
      <c r="AJ1692" s="85"/>
      <c r="AK1692" s="85"/>
      <c r="AL1692" s="85"/>
      <c r="AM1692" s="92"/>
      <c r="AN1692" s="92"/>
      <c r="AO1692" s="92"/>
      <c r="AP1692" s="92"/>
      <c r="AQ1692" s="92"/>
      <c r="AR1692" s="92"/>
      <c r="AS1692" s="92"/>
      <c r="AT1692" s="92"/>
      <c r="AU1692" s="92"/>
      <c r="AV1692" s="92"/>
      <c r="AW1692" s="92"/>
      <c r="AX1692" s="92"/>
      <c r="AY1692" s="92"/>
      <c r="AZ1692" s="93"/>
      <c r="BA1692" s="93"/>
      <c r="BB1692" s="93"/>
      <c r="BC1692" s="93"/>
      <c r="BD1692" s="93"/>
      <c r="BE1692" s="93"/>
      <c r="BF1692" s="93"/>
      <c r="BG1692" s="93"/>
      <c r="BH1692" s="93"/>
      <c r="BI1692" s="93"/>
      <c r="BJ1692" s="93"/>
      <c r="BK1692" s="93"/>
      <c r="BL1692" s="93"/>
    </row>
    <row r="1693" spans="2:64" x14ac:dyDescent="0.2">
      <c r="B1693" s="43"/>
      <c r="C1693" s="73"/>
      <c r="D1693" s="64"/>
      <c r="E1693" s="55"/>
      <c r="F1693" s="74"/>
      <c r="G1693" s="74"/>
      <c r="H1693" s="74"/>
      <c r="I1693" s="75"/>
      <c r="J1693" s="74"/>
      <c r="L1693" s="55"/>
      <c r="M1693" s="234"/>
      <c r="N1693" s="65"/>
      <c r="O1693" s="76"/>
      <c r="P1693" s="76"/>
      <c r="Q1693" s="65"/>
      <c r="R1693" s="76"/>
      <c r="S1693" s="76"/>
      <c r="T1693" s="76"/>
      <c r="U1693" s="76"/>
      <c r="V1693" s="76"/>
      <c r="W1693" s="76"/>
      <c r="X1693" s="76"/>
      <c r="Y1693" s="76"/>
      <c r="Z1693" s="76"/>
      <c r="AA1693" s="85"/>
      <c r="AB1693" s="85"/>
      <c r="AC1693" s="85"/>
      <c r="AD1693" s="85"/>
      <c r="AE1693" s="85"/>
      <c r="AF1693" s="85"/>
      <c r="AG1693" s="86"/>
      <c r="AH1693" s="85"/>
      <c r="AI1693" s="85"/>
      <c r="AJ1693" s="85"/>
      <c r="AK1693" s="85"/>
      <c r="AL1693" s="85"/>
      <c r="AM1693" s="92"/>
      <c r="AN1693" s="92"/>
      <c r="AO1693" s="92"/>
      <c r="AP1693" s="92"/>
      <c r="AQ1693" s="92"/>
      <c r="AR1693" s="92"/>
      <c r="AS1693" s="92"/>
      <c r="AT1693" s="92"/>
      <c r="AU1693" s="92"/>
      <c r="AV1693" s="92"/>
      <c r="AW1693" s="92"/>
      <c r="AX1693" s="92"/>
      <c r="AY1693" s="92"/>
      <c r="AZ1693" s="93"/>
      <c r="BA1693" s="93"/>
      <c r="BB1693" s="93"/>
      <c r="BC1693" s="93"/>
      <c r="BD1693" s="93"/>
      <c r="BE1693" s="93"/>
      <c r="BF1693" s="93"/>
      <c r="BG1693" s="93"/>
      <c r="BH1693" s="93"/>
      <c r="BI1693" s="93"/>
      <c r="BJ1693" s="93"/>
      <c r="BK1693" s="93"/>
      <c r="BL1693" s="93"/>
    </row>
    <row r="1694" spans="2:64" x14ac:dyDescent="0.2">
      <c r="B1694" s="43"/>
      <c r="C1694" s="73"/>
      <c r="D1694" s="64"/>
      <c r="E1694" s="55"/>
      <c r="F1694" s="74"/>
      <c r="G1694" s="74"/>
      <c r="H1694" s="74"/>
      <c r="I1694" s="75"/>
      <c r="J1694" s="74"/>
      <c r="L1694" s="55"/>
      <c r="M1694" s="234"/>
      <c r="N1694" s="65"/>
      <c r="O1694" s="76"/>
      <c r="P1694" s="76"/>
      <c r="Q1694" s="65"/>
      <c r="R1694" s="76"/>
      <c r="S1694" s="76"/>
      <c r="T1694" s="76"/>
      <c r="U1694" s="76"/>
      <c r="V1694" s="76"/>
      <c r="W1694" s="76"/>
      <c r="X1694" s="76"/>
      <c r="Y1694" s="76"/>
      <c r="Z1694" s="76"/>
      <c r="AA1694" s="85"/>
      <c r="AB1694" s="85"/>
      <c r="AC1694" s="85"/>
      <c r="AD1694" s="85"/>
      <c r="AE1694" s="85"/>
      <c r="AF1694" s="85"/>
      <c r="AG1694" s="86"/>
      <c r="AH1694" s="85"/>
      <c r="AI1694" s="85"/>
      <c r="AJ1694" s="85"/>
      <c r="AK1694" s="85"/>
      <c r="AL1694" s="85"/>
      <c r="AM1694" s="92"/>
      <c r="AN1694" s="92"/>
      <c r="AO1694" s="92"/>
      <c r="AP1694" s="92"/>
      <c r="AQ1694" s="92"/>
      <c r="AR1694" s="92"/>
      <c r="AS1694" s="92"/>
      <c r="AT1694" s="92"/>
      <c r="AU1694" s="92"/>
      <c r="AV1694" s="92"/>
      <c r="AW1694" s="92"/>
      <c r="AX1694" s="92"/>
      <c r="AY1694" s="92"/>
      <c r="AZ1694" s="93"/>
      <c r="BA1694" s="93"/>
      <c r="BB1694" s="93"/>
      <c r="BC1694" s="93"/>
      <c r="BD1694" s="93"/>
      <c r="BE1694" s="93"/>
      <c r="BF1694" s="93"/>
      <c r="BG1694" s="93"/>
      <c r="BH1694" s="93"/>
      <c r="BI1694" s="93"/>
      <c r="BJ1694" s="93"/>
      <c r="BK1694" s="93"/>
      <c r="BL1694" s="93"/>
    </row>
    <row r="1695" spans="2:64" x14ac:dyDescent="0.2">
      <c r="B1695" s="43"/>
      <c r="C1695" s="73"/>
      <c r="D1695" s="64"/>
      <c r="E1695" s="55"/>
      <c r="F1695" s="74"/>
      <c r="G1695" s="74"/>
      <c r="H1695" s="74"/>
      <c r="I1695" s="75"/>
      <c r="J1695" s="74"/>
      <c r="L1695" s="55"/>
      <c r="M1695" s="234"/>
      <c r="N1695" s="65"/>
      <c r="O1695" s="76"/>
      <c r="P1695" s="76"/>
      <c r="Q1695" s="65"/>
      <c r="R1695" s="76"/>
      <c r="S1695" s="76"/>
      <c r="T1695" s="76"/>
      <c r="U1695" s="76"/>
      <c r="V1695" s="76"/>
      <c r="W1695" s="76"/>
      <c r="X1695" s="76"/>
      <c r="Y1695" s="76"/>
      <c r="Z1695" s="76"/>
      <c r="AA1695" s="85"/>
      <c r="AB1695" s="85"/>
      <c r="AC1695" s="85"/>
      <c r="AD1695" s="85"/>
      <c r="AE1695" s="85"/>
      <c r="AF1695" s="85"/>
      <c r="AG1695" s="86"/>
      <c r="AH1695" s="85"/>
      <c r="AI1695" s="85"/>
      <c r="AJ1695" s="85"/>
      <c r="AK1695" s="85"/>
      <c r="AL1695" s="85"/>
      <c r="AM1695" s="92"/>
      <c r="AN1695" s="92"/>
      <c r="AO1695" s="92"/>
      <c r="AP1695" s="92"/>
      <c r="AQ1695" s="92"/>
      <c r="AR1695" s="92"/>
      <c r="AS1695" s="92"/>
      <c r="AT1695" s="92"/>
      <c r="AU1695" s="92"/>
      <c r="AV1695" s="92"/>
      <c r="AW1695" s="92"/>
      <c r="AX1695" s="92"/>
      <c r="AY1695" s="92"/>
      <c r="AZ1695" s="93"/>
      <c r="BA1695" s="93"/>
      <c r="BB1695" s="93"/>
      <c r="BC1695" s="93"/>
      <c r="BD1695" s="93"/>
      <c r="BE1695" s="93"/>
      <c r="BF1695" s="93"/>
      <c r="BG1695" s="93"/>
      <c r="BH1695" s="93"/>
      <c r="BI1695" s="93"/>
      <c r="BJ1695" s="93"/>
      <c r="BK1695" s="93"/>
      <c r="BL1695" s="93"/>
    </row>
    <row r="1696" spans="2:64" x14ac:dyDescent="0.2">
      <c r="B1696" s="43"/>
      <c r="C1696" s="73"/>
      <c r="D1696" s="64"/>
      <c r="E1696" s="55"/>
      <c r="F1696" s="74"/>
      <c r="G1696" s="74"/>
      <c r="H1696" s="74"/>
      <c r="I1696" s="75"/>
      <c r="J1696" s="74"/>
      <c r="L1696" s="55"/>
      <c r="M1696" s="234"/>
      <c r="N1696" s="65"/>
      <c r="O1696" s="76"/>
      <c r="P1696" s="76"/>
      <c r="Q1696" s="65"/>
      <c r="R1696" s="76"/>
      <c r="S1696" s="76"/>
      <c r="T1696" s="76"/>
      <c r="U1696" s="76"/>
      <c r="V1696" s="76"/>
      <c r="W1696" s="76"/>
      <c r="X1696" s="76"/>
      <c r="Y1696" s="76"/>
      <c r="Z1696" s="76"/>
      <c r="AA1696" s="85"/>
      <c r="AB1696" s="85"/>
      <c r="AC1696" s="85"/>
      <c r="AD1696" s="85"/>
      <c r="AE1696" s="85"/>
      <c r="AF1696" s="85"/>
      <c r="AG1696" s="86"/>
      <c r="AH1696" s="85"/>
      <c r="AI1696" s="85"/>
      <c r="AJ1696" s="85"/>
      <c r="AK1696" s="85"/>
      <c r="AL1696" s="85"/>
      <c r="AM1696" s="92"/>
      <c r="AN1696" s="92"/>
      <c r="AO1696" s="92"/>
      <c r="AP1696" s="92"/>
      <c r="AQ1696" s="92"/>
      <c r="AR1696" s="92"/>
      <c r="AS1696" s="92"/>
      <c r="AT1696" s="92"/>
      <c r="AU1696" s="92"/>
      <c r="AV1696" s="92"/>
      <c r="AW1696" s="92"/>
      <c r="AX1696" s="92"/>
      <c r="AY1696" s="92"/>
      <c r="AZ1696" s="93"/>
      <c r="BA1696" s="93"/>
      <c r="BB1696" s="93"/>
      <c r="BC1696" s="93"/>
      <c r="BD1696" s="93"/>
      <c r="BE1696" s="93"/>
      <c r="BF1696" s="93"/>
      <c r="BG1696" s="93"/>
      <c r="BH1696" s="93"/>
      <c r="BI1696" s="93"/>
      <c r="BJ1696" s="93"/>
      <c r="BK1696" s="93"/>
      <c r="BL1696" s="93"/>
    </row>
    <row r="1697" spans="2:64" x14ac:dyDescent="0.2">
      <c r="B1697" s="43"/>
      <c r="C1697" s="73"/>
      <c r="D1697" s="64"/>
      <c r="E1697" s="55"/>
      <c r="F1697" s="74"/>
      <c r="G1697" s="74"/>
      <c r="H1697" s="74"/>
      <c r="I1697" s="75"/>
      <c r="J1697" s="74"/>
      <c r="L1697" s="55"/>
      <c r="M1697" s="234"/>
      <c r="N1697" s="65"/>
      <c r="O1697" s="76"/>
      <c r="P1697" s="76"/>
      <c r="Q1697" s="65"/>
      <c r="R1697" s="76"/>
      <c r="S1697" s="76"/>
      <c r="T1697" s="76"/>
      <c r="U1697" s="76"/>
      <c r="V1697" s="76"/>
      <c r="W1697" s="76"/>
      <c r="X1697" s="76"/>
      <c r="Y1697" s="76"/>
      <c r="Z1697" s="76"/>
      <c r="AA1697" s="85"/>
      <c r="AB1697" s="85"/>
      <c r="AC1697" s="85"/>
      <c r="AD1697" s="85"/>
      <c r="AE1697" s="85"/>
      <c r="AF1697" s="85"/>
      <c r="AG1697" s="86"/>
      <c r="AH1697" s="85"/>
      <c r="AI1697" s="85"/>
      <c r="AJ1697" s="85"/>
      <c r="AK1697" s="85"/>
      <c r="AL1697" s="85"/>
      <c r="AM1697" s="92"/>
      <c r="AN1697" s="92"/>
      <c r="AO1697" s="92"/>
      <c r="AP1697" s="92"/>
      <c r="AQ1697" s="92"/>
      <c r="AR1697" s="92"/>
      <c r="AS1697" s="92"/>
      <c r="AT1697" s="92"/>
      <c r="AU1697" s="92"/>
      <c r="AV1697" s="92"/>
      <c r="AW1697" s="92"/>
      <c r="AX1697" s="92"/>
      <c r="AY1697" s="92"/>
      <c r="AZ1697" s="93"/>
      <c r="BA1697" s="93"/>
      <c r="BB1697" s="93"/>
      <c r="BC1697" s="93"/>
      <c r="BD1697" s="93"/>
      <c r="BE1697" s="93"/>
      <c r="BF1697" s="93"/>
      <c r="BG1697" s="93"/>
      <c r="BH1697" s="93"/>
      <c r="BI1697" s="93"/>
      <c r="BJ1697" s="93"/>
      <c r="BK1697" s="93"/>
      <c r="BL1697" s="93"/>
    </row>
    <row r="1698" spans="2:64" x14ac:dyDescent="0.2">
      <c r="B1698" s="43"/>
      <c r="C1698" s="73"/>
      <c r="D1698" s="64"/>
      <c r="E1698" s="55"/>
      <c r="F1698" s="74"/>
      <c r="G1698" s="74"/>
      <c r="H1698" s="74"/>
      <c r="I1698" s="75"/>
      <c r="J1698" s="74"/>
      <c r="L1698" s="55"/>
      <c r="M1698" s="234"/>
      <c r="N1698" s="65"/>
      <c r="O1698" s="76"/>
      <c r="P1698" s="76"/>
      <c r="Q1698" s="65"/>
      <c r="R1698" s="76"/>
      <c r="S1698" s="76"/>
      <c r="T1698" s="76"/>
      <c r="U1698" s="76"/>
      <c r="V1698" s="76"/>
      <c r="W1698" s="76"/>
      <c r="X1698" s="76"/>
      <c r="Y1698" s="76"/>
      <c r="Z1698" s="76"/>
      <c r="AA1698" s="85"/>
      <c r="AB1698" s="85"/>
      <c r="AC1698" s="85"/>
      <c r="AD1698" s="85"/>
      <c r="AE1698" s="85"/>
      <c r="AF1698" s="85"/>
      <c r="AG1698" s="86"/>
      <c r="AH1698" s="85"/>
      <c r="AI1698" s="85"/>
      <c r="AJ1698" s="85"/>
      <c r="AK1698" s="85"/>
      <c r="AL1698" s="85"/>
      <c r="AM1698" s="92"/>
      <c r="AN1698" s="92"/>
      <c r="AO1698" s="92"/>
      <c r="AP1698" s="92"/>
      <c r="AQ1698" s="92"/>
      <c r="AR1698" s="92"/>
      <c r="AS1698" s="92"/>
      <c r="AT1698" s="92"/>
      <c r="AU1698" s="92"/>
      <c r="AV1698" s="92"/>
      <c r="AW1698" s="92"/>
      <c r="AX1698" s="92"/>
      <c r="AY1698" s="92"/>
      <c r="AZ1698" s="93"/>
      <c r="BA1698" s="93"/>
      <c r="BB1698" s="93"/>
      <c r="BC1698" s="93"/>
      <c r="BD1698" s="93"/>
      <c r="BE1698" s="93"/>
      <c r="BF1698" s="93"/>
      <c r="BG1698" s="93"/>
      <c r="BH1698" s="93"/>
      <c r="BI1698" s="93"/>
      <c r="BJ1698" s="93"/>
      <c r="BK1698" s="93"/>
      <c r="BL1698" s="93"/>
    </row>
    <row r="1699" spans="2:64" x14ac:dyDescent="0.2">
      <c r="B1699" s="43"/>
      <c r="C1699" s="73"/>
      <c r="D1699" s="64"/>
      <c r="E1699" s="55"/>
      <c r="F1699" s="74"/>
      <c r="G1699" s="74"/>
      <c r="H1699" s="74"/>
      <c r="I1699" s="75"/>
      <c r="J1699" s="74"/>
      <c r="L1699" s="55"/>
      <c r="M1699" s="234"/>
      <c r="N1699" s="65"/>
      <c r="O1699" s="76"/>
      <c r="P1699" s="76"/>
      <c r="Q1699" s="65"/>
      <c r="R1699" s="76"/>
      <c r="S1699" s="76"/>
      <c r="T1699" s="76"/>
      <c r="U1699" s="76"/>
      <c r="V1699" s="76"/>
      <c r="W1699" s="76"/>
      <c r="X1699" s="76"/>
      <c r="Y1699" s="76"/>
      <c r="Z1699" s="76"/>
      <c r="AA1699" s="85"/>
      <c r="AB1699" s="85"/>
      <c r="AC1699" s="85"/>
      <c r="AD1699" s="85"/>
      <c r="AE1699" s="85"/>
      <c r="AF1699" s="85"/>
      <c r="AG1699" s="86"/>
      <c r="AH1699" s="85"/>
      <c r="AI1699" s="85"/>
      <c r="AJ1699" s="85"/>
      <c r="AK1699" s="85"/>
      <c r="AL1699" s="85"/>
      <c r="AM1699" s="92"/>
      <c r="AN1699" s="92"/>
      <c r="AO1699" s="92"/>
      <c r="AP1699" s="92"/>
      <c r="AQ1699" s="92"/>
      <c r="AR1699" s="92"/>
      <c r="AS1699" s="92"/>
      <c r="AT1699" s="92"/>
      <c r="AU1699" s="92"/>
      <c r="AV1699" s="92"/>
      <c r="AW1699" s="92"/>
      <c r="AX1699" s="92"/>
      <c r="AY1699" s="92"/>
      <c r="AZ1699" s="93"/>
      <c r="BA1699" s="93"/>
      <c r="BB1699" s="93"/>
      <c r="BC1699" s="93"/>
      <c r="BD1699" s="93"/>
      <c r="BE1699" s="93"/>
      <c r="BF1699" s="93"/>
      <c r="BG1699" s="93"/>
      <c r="BH1699" s="93"/>
      <c r="BI1699" s="93"/>
      <c r="BJ1699" s="93"/>
      <c r="BK1699" s="93"/>
      <c r="BL1699" s="93"/>
    </row>
    <row r="1700" spans="2:64" x14ac:dyDescent="0.2">
      <c r="B1700" s="43"/>
      <c r="C1700" s="73"/>
      <c r="D1700" s="64"/>
      <c r="E1700" s="55"/>
      <c r="F1700" s="74"/>
      <c r="G1700" s="74"/>
      <c r="H1700" s="74"/>
      <c r="I1700" s="75"/>
      <c r="J1700" s="74"/>
      <c r="L1700" s="55"/>
      <c r="M1700" s="234"/>
      <c r="N1700" s="65"/>
      <c r="O1700" s="76"/>
      <c r="P1700" s="76"/>
      <c r="Q1700" s="65"/>
      <c r="R1700" s="76"/>
      <c r="S1700" s="76"/>
      <c r="T1700" s="76"/>
      <c r="U1700" s="76"/>
      <c r="V1700" s="76"/>
      <c r="W1700" s="76"/>
      <c r="X1700" s="76"/>
      <c r="Y1700" s="76"/>
      <c r="Z1700" s="76"/>
      <c r="AA1700" s="85"/>
      <c r="AB1700" s="85"/>
      <c r="AC1700" s="85"/>
      <c r="AD1700" s="85"/>
      <c r="AE1700" s="85"/>
      <c r="AF1700" s="85"/>
      <c r="AG1700" s="86"/>
      <c r="AH1700" s="85"/>
      <c r="AI1700" s="85"/>
      <c r="AJ1700" s="85"/>
      <c r="AK1700" s="85"/>
      <c r="AL1700" s="85"/>
      <c r="AM1700" s="92"/>
      <c r="AN1700" s="92"/>
      <c r="AO1700" s="92"/>
      <c r="AP1700" s="92"/>
      <c r="AQ1700" s="92"/>
      <c r="AR1700" s="92"/>
      <c r="AS1700" s="92"/>
      <c r="AT1700" s="92"/>
      <c r="AU1700" s="92"/>
      <c r="AV1700" s="92"/>
      <c r="AW1700" s="92"/>
      <c r="AX1700" s="92"/>
      <c r="AY1700" s="92"/>
      <c r="AZ1700" s="93"/>
      <c r="BA1700" s="93"/>
      <c r="BB1700" s="93"/>
      <c r="BC1700" s="93"/>
      <c r="BD1700" s="93"/>
      <c r="BE1700" s="93"/>
      <c r="BF1700" s="93"/>
      <c r="BG1700" s="93"/>
      <c r="BH1700" s="93"/>
      <c r="BI1700" s="93"/>
      <c r="BJ1700" s="93"/>
      <c r="BK1700" s="93"/>
      <c r="BL1700" s="93"/>
    </row>
    <row r="1701" spans="2:64" x14ac:dyDescent="0.2">
      <c r="B1701" s="43"/>
      <c r="C1701" s="73"/>
      <c r="D1701" s="64"/>
      <c r="E1701" s="55"/>
      <c r="F1701" s="74"/>
      <c r="G1701" s="74"/>
      <c r="H1701" s="74"/>
      <c r="I1701" s="75"/>
      <c r="J1701" s="74"/>
      <c r="L1701" s="55"/>
      <c r="M1701" s="234"/>
      <c r="N1701" s="65"/>
      <c r="O1701" s="76"/>
      <c r="P1701" s="76"/>
      <c r="Q1701" s="65"/>
      <c r="R1701" s="76"/>
      <c r="S1701" s="76"/>
      <c r="T1701" s="76"/>
      <c r="U1701" s="76"/>
      <c r="V1701" s="76"/>
      <c r="W1701" s="76"/>
      <c r="X1701" s="76"/>
      <c r="Y1701" s="76"/>
      <c r="Z1701" s="76"/>
      <c r="AA1701" s="85"/>
      <c r="AB1701" s="85"/>
      <c r="AC1701" s="85"/>
      <c r="AD1701" s="85"/>
      <c r="AE1701" s="85"/>
      <c r="AF1701" s="85"/>
      <c r="AG1701" s="86"/>
      <c r="AH1701" s="85"/>
      <c r="AI1701" s="85"/>
      <c r="AJ1701" s="85"/>
      <c r="AK1701" s="85"/>
      <c r="AL1701" s="85"/>
      <c r="AM1701" s="92"/>
      <c r="AN1701" s="92"/>
      <c r="AO1701" s="92"/>
      <c r="AP1701" s="92"/>
      <c r="AQ1701" s="92"/>
      <c r="AR1701" s="92"/>
      <c r="AS1701" s="92"/>
      <c r="AT1701" s="92"/>
      <c r="AU1701" s="92"/>
      <c r="AV1701" s="92"/>
      <c r="AW1701" s="92"/>
      <c r="AX1701" s="92"/>
      <c r="AY1701" s="92"/>
      <c r="AZ1701" s="93"/>
      <c r="BA1701" s="93"/>
      <c r="BB1701" s="93"/>
      <c r="BC1701" s="93"/>
      <c r="BD1701" s="93"/>
      <c r="BE1701" s="93"/>
      <c r="BF1701" s="93"/>
      <c r="BG1701" s="93"/>
      <c r="BH1701" s="93"/>
      <c r="BI1701" s="93"/>
      <c r="BJ1701" s="93"/>
      <c r="BK1701" s="93"/>
      <c r="BL1701" s="93"/>
    </row>
    <row r="1702" spans="2:64" x14ac:dyDescent="0.2">
      <c r="B1702" s="43"/>
      <c r="C1702" s="73"/>
      <c r="D1702" s="64"/>
      <c r="E1702" s="55"/>
      <c r="F1702" s="74"/>
      <c r="G1702" s="74"/>
      <c r="H1702" s="74"/>
      <c r="I1702" s="75"/>
      <c r="J1702" s="74"/>
      <c r="L1702" s="55"/>
      <c r="M1702" s="234"/>
      <c r="N1702" s="65"/>
      <c r="O1702" s="76"/>
      <c r="P1702" s="76"/>
      <c r="Q1702" s="65"/>
      <c r="R1702" s="76"/>
      <c r="S1702" s="76"/>
      <c r="T1702" s="76"/>
      <c r="U1702" s="76"/>
      <c r="V1702" s="76"/>
      <c r="W1702" s="76"/>
      <c r="X1702" s="76"/>
      <c r="Y1702" s="76"/>
      <c r="Z1702" s="76"/>
      <c r="AA1702" s="85"/>
      <c r="AB1702" s="85"/>
      <c r="AC1702" s="85"/>
      <c r="AD1702" s="85"/>
      <c r="AE1702" s="85"/>
      <c r="AF1702" s="85"/>
      <c r="AG1702" s="86"/>
      <c r="AH1702" s="85"/>
      <c r="AI1702" s="85"/>
      <c r="AJ1702" s="85"/>
      <c r="AK1702" s="85"/>
      <c r="AL1702" s="85"/>
      <c r="AM1702" s="92"/>
      <c r="AN1702" s="92"/>
      <c r="AO1702" s="92"/>
      <c r="AP1702" s="92"/>
      <c r="AQ1702" s="92"/>
      <c r="AR1702" s="92"/>
      <c r="AS1702" s="92"/>
      <c r="AT1702" s="92"/>
      <c r="AU1702" s="92"/>
      <c r="AV1702" s="92"/>
      <c r="AW1702" s="92"/>
      <c r="AX1702" s="92"/>
      <c r="AY1702" s="92"/>
      <c r="AZ1702" s="93"/>
      <c r="BA1702" s="93"/>
      <c r="BB1702" s="93"/>
      <c r="BC1702" s="93"/>
      <c r="BD1702" s="93"/>
      <c r="BE1702" s="93"/>
      <c r="BF1702" s="93"/>
      <c r="BG1702" s="93"/>
      <c r="BH1702" s="93"/>
      <c r="BI1702" s="93"/>
      <c r="BJ1702" s="93"/>
      <c r="BK1702" s="93"/>
      <c r="BL1702" s="93"/>
    </row>
    <row r="1703" spans="2:64" x14ac:dyDescent="0.2">
      <c r="B1703" s="43"/>
      <c r="C1703" s="73"/>
      <c r="D1703" s="64"/>
      <c r="E1703" s="55"/>
      <c r="F1703" s="74"/>
      <c r="G1703" s="74"/>
      <c r="H1703" s="74"/>
      <c r="I1703" s="75"/>
      <c r="J1703" s="74"/>
      <c r="L1703" s="55"/>
      <c r="M1703" s="234"/>
      <c r="N1703" s="65"/>
      <c r="O1703" s="76"/>
      <c r="P1703" s="76"/>
      <c r="Q1703" s="65"/>
      <c r="R1703" s="76"/>
      <c r="S1703" s="76"/>
      <c r="T1703" s="76"/>
      <c r="U1703" s="76"/>
      <c r="V1703" s="76"/>
      <c r="W1703" s="76"/>
      <c r="X1703" s="76"/>
      <c r="Y1703" s="76"/>
      <c r="Z1703" s="76"/>
      <c r="AA1703" s="85"/>
      <c r="AB1703" s="85"/>
      <c r="AC1703" s="85"/>
      <c r="AD1703" s="85"/>
      <c r="AE1703" s="85"/>
      <c r="AF1703" s="85"/>
      <c r="AG1703" s="86"/>
      <c r="AH1703" s="85"/>
      <c r="AI1703" s="85"/>
      <c r="AJ1703" s="85"/>
      <c r="AK1703" s="85"/>
      <c r="AL1703" s="85"/>
      <c r="AM1703" s="92"/>
      <c r="AN1703" s="92"/>
      <c r="AO1703" s="92"/>
      <c r="AP1703" s="92"/>
      <c r="AQ1703" s="92"/>
      <c r="AR1703" s="92"/>
      <c r="AS1703" s="92"/>
      <c r="AT1703" s="92"/>
      <c r="AU1703" s="92"/>
      <c r="AV1703" s="92"/>
      <c r="AW1703" s="92"/>
      <c r="AX1703" s="92"/>
      <c r="AY1703" s="92"/>
      <c r="AZ1703" s="93"/>
      <c r="BA1703" s="93"/>
      <c r="BB1703" s="93"/>
      <c r="BC1703" s="93"/>
      <c r="BD1703" s="93"/>
      <c r="BE1703" s="93"/>
      <c r="BF1703" s="93"/>
      <c r="BG1703" s="93"/>
      <c r="BH1703" s="93"/>
      <c r="BI1703" s="93"/>
      <c r="BJ1703" s="93"/>
      <c r="BK1703" s="93"/>
      <c r="BL1703" s="93"/>
    </row>
    <row r="1704" spans="2:64" x14ac:dyDescent="0.2">
      <c r="B1704" s="43"/>
      <c r="C1704" s="73"/>
      <c r="D1704" s="64"/>
      <c r="E1704" s="55"/>
      <c r="F1704" s="74"/>
      <c r="G1704" s="74"/>
      <c r="H1704" s="74"/>
      <c r="I1704" s="75"/>
      <c r="J1704" s="74"/>
      <c r="L1704" s="55"/>
      <c r="M1704" s="234"/>
      <c r="N1704" s="65"/>
      <c r="O1704" s="76"/>
      <c r="P1704" s="76"/>
      <c r="Q1704" s="65"/>
      <c r="R1704" s="76"/>
      <c r="S1704" s="76"/>
      <c r="T1704" s="76"/>
      <c r="U1704" s="76"/>
      <c r="V1704" s="76"/>
      <c r="W1704" s="76"/>
      <c r="X1704" s="76"/>
      <c r="Y1704" s="76"/>
      <c r="Z1704" s="76"/>
      <c r="AA1704" s="85"/>
      <c r="AB1704" s="85"/>
      <c r="AC1704" s="85"/>
      <c r="AD1704" s="85"/>
      <c r="AE1704" s="85"/>
      <c r="AF1704" s="85"/>
      <c r="AG1704" s="86"/>
      <c r="AH1704" s="85"/>
      <c r="AI1704" s="85"/>
      <c r="AJ1704" s="85"/>
      <c r="AK1704" s="85"/>
      <c r="AL1704" s="85"/>
      <c r="AM1704" s="92"/>
      <c r="AN1704" s="92"/>
      <c r="AO1704" s="92"/>
      <c r="AP1704" s="92"/>
      <c r="AQ1704" s="92"/>
      <c r="AR1704" s="92"/>
      <c r="AS1704" s="92"/>
      <c r="AT1704" s="92"/>
      <c r="AU1704" s="92"/>
      <c r="AV1704" s="92"/>
      <c r="AW1704" s="92"/>
      <c r="AX1704" s="92"/>
      <c r="AY1704" s="92"/>
      <c r="AZ1704" s="93"/>
      <c r="BA1704" s="93"/>
      <c r="BB1704" s="93"/>
      <c r="BC1704" s="93"/>
      <c r="BD1704" s="93"/>
      <c r="BE1704" s="93"/>
      <c r="BF1704" s="93"/>
      <c r="BG1704" s="93"/>
      <c r="BH1704" s="93"/>
      <c r="BI1704" s="93"/>
      <c r="BJ1704" s="93"/>
      <c r="BK1704" s="93"/>
      <c r="BL1704" s="93"/>
    </row>
    <row r="1705" spans="2:64" x14ac:dyDescent="0.2">
      <c r="B1705" s="43"/>
      <c r="C1705" s="73"/>
      <c r="D1705" s="64"/>
      <c r="E1705" s="55"/>
      <c r="F1705" s="74"/>
      <c r="G1705" s="74"/>
      <c r="H1705" s="74"/>
      <c r="I1705" s="75"/>
      <c r="J1705" s="74"/>
      <c r="L1705" s="55"/>
      <c r="M1705" s="234"/>
      <c r="N1705" s="65"/>
      <c r="O1705" s="76"/>
      <c r="P1705" s="76"/>
      <c r="Q1705" s="65"/>
      <c r="R1705" s="76"/>
      <c r="S1705" s="76"/>
      <c r="T1705" s="76"/>
      <c r="U1705" s="76"/>
      <c r="V1705" s="76"/>
      <c r="W1705" s="76"/>
      <c r="X1705" s="76"/>
      <c r="Y1705" s="76"/>
      <c r="Z1705" s="76"/>
      <c r="AA1705" s="85"/>
      <c r="AB1705" s="85"/>
      <c r="AC1705" s="85"/>
      <c r="AD1705" s="85"/>
      <c r="AE1705" s="85"/>
      <c r="AF1705" s="85"/>
      <c r="AG1705" s="86"/>
      <c r="AH1705" s="85"/>
      <c r="AI1705" s="85"/>
      <c r="AJ1705" s="85"/>
      <c r="AK1705" s="85"/>
      <c r="AL1705" s="85"/>
      <c r="AM1705" s="92"/>
      <c r="AN1705" s="92"/>
      <c r="AO1705" s="92"/>
      <c r="AP1705" s="92"/>
      <c r="AQ1705" s="92"/>
      <c r="AR1705" s="92"/>
      <c r="AS1705" s="92"/>
      <c r="AT1705" s="92"/>
      <c r="AU1705" s="92"/>
      <c r="AV1705" s="92"/>
      <c r="AW1705" s="92"/>
      <c r="AX1705" s="92"/>
      <c r="AY1705" s="92"/>
      <c r="AZ1705" s="93"/>
      <c r="BA1705" s="93"/>
      <c r="BB1705" s="93"/>
      <c r="BC1705" s="93"/>
      <c r="BD1705" s="93"/>
      <c r="BE1705" s="93"/>
      <c r="BF1705" s="93"/>
      <c r="BG1705" s="93"/>
      <c r="BH1705" s="93"/>
      <c r="BI1705" s="93"/>
      <c r="BJ1705" s="93"/>
      <c r="BK1705" s="93"/>
      <c r="BL1705" s="93"/>
    </row>
    <row r="1706" spans="2:64" x14ac:dyDescent="0.2">
      <c r="B1706" s="43"/>
      <c r="C1706" s="73"/>
      <c r="D1706" s="64"/>
      <c r="E1706" s="55"/>
      <c r="F1706" s="74"/>
      <c r="G1706" s="74"/>
      <c r="H1706" s="74"/>
      <c r="I1706" s="75"/>
      <c r="J1706" s="74"/>
      <c r="L1706" s="55"/>
      <c r="M1706" s="234"/>
      <c r="N1706" s="65"/>
      <c r="O1706" s="76"/>
      <c r="P1706" s="76"/>
      <c r="Q1706" s="65"/>
      <c r="R1706" s="76"/>
      <c r="S1706" s="76"/>
      <c r="T1706" s="76"/>
      <c r="U1706" s="76"/>
      <c r="V1706" s="76"/>
      <c r="W1706" s="76"/>
      <c r="X1706" s="76"/>
      <c r="Y1706" s="76"/>
      <c r="Z1706" s="76"/>
      <c r="AA1706" s="85"/>
      <c r="AB1706" s="85"/>
      <c r="AC1706" s="85"/>
      <c r="AD1706" s="85"/>
      <c r="AE1706" s="85"/>
      <c r="AF1706" s="85"/>
      <c r="AG1706" s="86"/>
      <c r="AH1706" s="85"/>
      <c r="AI1706" s="85"/>
      <c r="AJ1706" s="85"/>
      <c r="AK1706" s="85"/>
      <c r="AL1706" s="85"/>
      <c r="AM1706" s="92"/>
      <c r="AN1706" s="92"/>
      <c r="AO1706" s="92"/>
      <c r="AP1706" s="92"/>
      <c r="AQ1706" s="92"/>
      <c r="AR1706" s="92"/>
      <c r="AS1706" s="92"/>
      <c r="AT1706" s="92"/>
      <c r="AU1706" s="92"/>
      <c r="AV1706" s="92"/>
      <c r="AW1706" s="92"/>
      <c r="AX1706" s="92"/>
      <c r="AY1706" s="92"/>
      <c r="AZ1706" s="93"/>
      <c r="BA1706" s="93"/>
      <c r="BB1706" s="93"/>
      <c r="BC1706" s="93"/>
      <c r="BD1706" s="93"/>
      <c r="BE1706" s="93"/>
      <c r="BF1706" s="93"/>
      <c r="BG1706" s="93"/>
      <c r="BH1706" s="93"/>
      <c r="BI1706" s="93"/>
      <c r="BJ1706" s="93"/>
      <c r="BK1706" s="93"/>
      <c r="BL1706" s="93"/>
    </row>
    <row r="1707" spans="2:64" x14ac:dyDescent="0.2">
      <c r="B1707" s="43"/>
      <c r="C1707" s="73"/>
      <c r="D1707" s="64"/>
      <c r="E1707" s="55"/>
      <c r="F1707" s="74"/>
      <c r="G1707" s="74"/>
      <c r="H1707" s="74"/>
      <c r="I1707" s="75"/>
      <c r="J1707" s="74"/>
      <c r="L1707" s="55"/>
      <c r="M1707" s="234"/>
      <c r="N1707" s="65"/>
      <c r="O1707" s="76"/>
      <c r="P1707" s="76"/>
      <c r="Q1707" s="65"/>
      <c r="R1707" s="76"/>
      <c r="S1707" s="76"/>
      <c r="T1707" s="76"/>
      <c r="U1707" s="76"/>
      <c r="V1707" s="76"/>
      <c r="W1707" s="76"/>
      <c r="X1707" s="76"/>
      <c r="Y1707" s="76"/>
      <c r="Z1707" s="76"/>
      <c r="AA1707" s="85"/>
      <c r="AB1707" s="85"/>
      <c r="AC1707" s="85"/>
      <c r="AD1707" s="85"/>
      <c r="AE1707" s="85"/>
      <c r="AF1707" s="85"/>
      <c r="AG1707" s="86"/>
      <c r="AH1707" s="85"/>
      <c r="AI1707" s="85"/>
      <c r="AJ1707" s="85"/>
      <c r="AK1707" s="85"/>
      <c r="AL1707" s="85"/>
      <c r="AM1707" s="92"/>
      <c r="AN1707" s="92"/>
      <c r="AO1707" s="92"/>
      <c r="AP1707" s="92"/>
      <c r="AQ1707" s="92"/>
      <c r="AR1707" s="92"/>
      <c r="AS1707" s="92"/>
      <c r="AT1707" s="92"/>
      <c r="AU1707" s="92"/>
      <c r="AV1707" s="92"/>
      <c r="AW1707" s="92"/>
      <c r="AX1707" s="92"/>
      <c r="AY1707" s="92"/>
      <c r="AZ1707" s="93"/>
      <c r="BA1707" s="93"/>
      <c r="BB1707" s="93"/>
      <c r="BC1707" s="93"/>
      <c r="BD1707" s="93"/>
      <c r="BE1707" s="93"/>
      <c r="BF1707" s="93"/>
      <c r="BG1707" s="93"/>
      <c r="BH1707" s="93"/>
      <c r="BI1707" s="93"/>
      <c r="BJ1707" s="93"/>
      <c r="BK1707" s="93"/>
      <c r="BL1707" s="93"/>
    </row>
    <row r="1708" spans="2:64" x14ac:dyDescent="0.2">
      <c r="B1708" s="43"/>
      <c r="C1708" s="73"/>
      <c r="D1708" s="64"/>
      <c r="E1708" s="55"/>
      <c r="F1708" s="74"/>
      <c r="G1708" s="74"/>
      <c r="H1708" s="74"/>
      <c r="I1708" s="75"/>
      <c r="J1708" s="74"/>
      <c r="L1708" s="55"/>
      <c r="M1708" s="234"/>
      <c r="N1708" s="65"/>
      <c r="O1708" s="76"/>
      <c r="P1708" s="76"/>
      <c r="Q1708" s="65"/>
      <c r="R1708" s="76"/>
      <c r="S1708" s="76"/>
      <c r="T1708" s="76"/>
      <c r="U1708" s="76"/>
      <c r="V1708" s="76"/>
      <c r="W1708" s="76"/>
      <c r="X1708" s="76"/>
      <c r="Y1708" s="76"/>
      <c r="Z1708" s="76"/>
      <c r="AA1708" s="85"/>
      <c r="AB1708" s="85"/>
      <c r="AC1708" s="85"/>
      <c r="AD1708" s="85"/>
      <c r="AE1708" s="85"/>
      <c r="AF1708" s="85"/>
      <c r="AG1708" s="86"/>
      <c r="AH1708" s="85"/>
      <c r="AI1708" s="85"/>
      <c r="AJ1708" s="85"/>
      <c r="AK1708" s="85"/>
      <c r="AL1708" s="85"/>
      <c r="AM1708" s="92"/>
      <c r="AN1708" s="92"/>
      <c r="AO1708" s="92"/>
      <c r="AP1708" s="92"/>
      <c r="AQ1708" s="92"/>
      <c r="AR1708" s="92"/>
      <c r="AS1708" s="92"/>
      <c r="AT1708" s="92"/>
      <c r="AU1708" s="92"/>
      <c r="AV1708" s="92"/>
      <c r="AW1708" s="92"/>
      <c r="AX1708" s="92"/>
      <c r="AY1708" s="92"/>
      <c r="AZ1708" s="93"/>
      <c r="BA1708" s="93"/>
      <c r="BB1708" s="93"/>
      <c r="BC1708" s="93"/>
      <c r="BD1708" s="93"/>
      <c r="BE1708" s="93"/>
      <c r="BF1708" s="93"/>
      <c r="BG1708" s="93"/>
      <c r="BH1708" s="93"/>
      <c r="BI1708" s="93"/>
      <c r="BJ1708" s="93"/>
      <c r="BK1708" s="93"/>
      <c r="BL1708" s="93"/>
    </row>
    <row r="1709" spans="2:64" x14ac:dyDescent="0.2">
      <c r="B1709" s="43"/>
      <c r="C1709" s="73"/>
      <c r="D1709" s="64"/>
      <c r="E1709" s="55"/>
      <c r="F1709" s="74"/>
      <c r="G1709" s="74"/>
      <c r="H1709" s="74"/>
      <c r="I1709" s="75"/>
      <c r="J1709" s="74"/>
      <c r="L1709" s="55"/>
      <c r="M1709" s="234"/>
      <c r="N1709" s="65"/>
      <c r="O1709" s="76"/>
      <c r="P1709" s="76"/>
      <c r="Q1709" s="65"/>
      <c r="R1709" s="76"/>
      <c r="S1709" s="76"/>
      <c r="T1709" s="76"/>
      <c r="U1709" s="76"/>
      <c r="V1709" s="76"/>
      <c r="W1709" s="76"/>
      <c r="X1709" s="76"/>
      <c r="Y1709" s="76"/>
      <c r="Z1709" s="76"/>
      <c r="AA1709" s="85"/>
      <c r="AB1709" s="85"/>
      <c r="AC1709" s="85"/>
      <c r="AD1709" s="85"/>
      <c r="AE1709" s="85"/>
      <c r="AF1709" s="85"/>
      <c r="AG1709" s="86"/>
      <c r="AH1709" s="85"/>
      <c r="AI1709" s="85"/>
      <c r="AJ1709" s="85"/>
      <c r="AK1709" s="85"/>
      <c r="AL1709" s="85"/>
      <c r="AM1709" s="92"/>
      <c r="AN1709" s="92"/>
      <c r="AO1709" s="92"/>
      <c r="AP1709" s="92"/>
      <c r="AQ1709" s="92"/>
      <c r="AR1709" s="92"/>
      <c r="AS1709" s="92"/>
      <c r="AT1709" s="92"/>
      <c r="AU1709" s="92"/>
      <c r="AV1709" s="92"/>
      <c r="AW1709" s="92"/>
      <c r="AX1709" s="92"/>
      <c r="AY1709" s="92"/>
      <c r="AZ1709" s="93"/>
      <c r="BA1709" s="93"/>
      <c r="BB1709" s="93"/>
      <c r="BC1709" s="93"/>
      <c r="BD1709" s="93"/>
      <c r="BE1709" s="93"/>
      <c r="BF1709" s="93"/>
      <c r="BG1709" s="93"/>
      <c r="BH1709" s="93"/>
      <c r="BI1709" s="93"/>
      <c r="BJ1709" s="93"/>
      <c r="BK1709" s="93"/>
      <c r="BL1709" s="93"/>
    </row>
    <row r="1710" spans="2:64" x14ac:dyDescent="0.2">
      <c r="B1710" s="43"/>
      <c r="C1710" s="73"/>
      <c r="D1710" s="64"/>
      <c r="E1710" s="55"/>
      <c r="F1710" s="74"/>
      <c r="G1710" s="74"/>
      <c r="H1710" s="74"/>
      <c r="I1710" s="75"/>
      <c r="J1710" s="74"/>
      <c r="L1710" s="55"/>
      <c r="M1710" s="234"/>
      <c r="N1710" s="65"/>
      <c r="O1710" s="76"/>
      <c r="P1710" s="76"/>
      <c r="Q1710" s="65"/>
      <c r="R1710" s="76"/>
      <c r="S1710" s="76"/>
      <c r="T1710" s="76"/>
      <c r="U1710" s="76"/>
      <c r="V1710" s="76"/>
      <c r="W1710" s="76"/>
      <c r="X1710" s="76"/>
      <c r="Y1710" s="76"/>
      <c r="Z1710" s="76"/>
      <c r="AA1710" s="85"/>
      <c r="AB1710" s="85"/>
      <c r="AC1710" s="85"/>
      <c r="AD1710" s="85"/>
      <c r="AE1710" s="85"/>
      <c r="AF1710" s="85"/>
      <c r="AG1710" s="86"/>
      <c r="AH1710" s="85"/>
      <c r="AI1710" s="85"/>
      <c r="AJ1710" s="85"/>
      <c r="AK1710" s="85"/>
      <c r="AL1710" s="85"/>
      <c r="AM1710" s="92"/>
      <c r="AN1710" s="92"/>
      <c r="AO1710" s="92"/>
      <c r="AP1710" s="92"/>
      <c r="AQ1710" s="92"/>
      <c r="AR1710" s="92"/>
      <c r="AS1710" s="92"/>
      <c r="AT1710" s="92"/>
      <c r="AU1710" s="92"/>
      <c r="AV1710" s="92"/>
      <c r="AW1710" s="92"/>
      <c r="AX1710" s="92"/>
      <c r="AY1710" s="92"/>
      <c r="AZ1710" s="93"/>
      <c r="BA1710" s="93"/>
      <c r="BB1710" s="93"/>
      <c r="BC1710" s="93"/>
      <c r="BD1710" s="93"/>
      <c r="BE1710" s="93"/>
      <c r="BF1710" s="93"/>
      <c r="BG1710" s="93"/>
      <c r="BH1710" s="93"/>
      <c r="BI1710" s="93"/>
      <c r="BJ1710" s="93"/>
      <c r="BK1710" s="93"/>
      <c r="BL1710" s="93"/>
    </row>
    <row r="1711" spans="2:64" x14ac:dyDescent="0.2">
      <c r="B1711" s="43"/>
      <c r="C1711" s="73"/>
      <c r="D1711" s="64"/>
      <c r="E1711" s="55"/>
      <c r="F1711" s="74"/>
      <c r="G1711" s="74"/>
      <c r="H1711" s="74"/>
      <c r="I1711" s="75"/>
      <c r="J1711" s="74"/>
      <c r="L1711" s="55"/>
      <c r="M1711" s="234"/>
      <c r="N1711" s="65"/>
      <c r="O1711" s="76"/>
      <c r="P1711" s="76"/>
      <c r="Q1711" s="65"/>
      <c r="R1711" s="76"/>
      <c r="S1711" s="76"/>
      <c r="T1711" s="76"/>
      <c r="U1711" s="76"/>
      <c r="V1711" s="76"/>
      <c r="W1711" s="76"/>
      <c r="X1711" s="76"/>
      <c r="Y1711" s="76"/>
      <c r="Z1711" s="76"/>
      <c r="AA1711" s="85"/>
      <c r="AB1711" s="85"/>
      <c r="AC1711" s="85"/>
      <c r="AD1711" s="85"/>
      <c r="AE1711" s="85"/>
      <c r="AF1711" s="85"/>
      <c r="AG1711" s="86"/>
      <c r="AH1711" s="85"/>
      <c r="AI1711" s="85"/>
      <c r="AJ1711" s="85"/>
      <c r="AK1711" s="85"/>
      <c r="AL1711" s="85"/>
      <c r="AM1711" s="92"/>
      <c r="AN1711" s="92"/>
      <c r="AO1711" s="92"/>
      <c r="AP1711" s="92"/>
      <c r="AQ1711" s="92"/>
      <c r="AR1711" s="92"/>
      <c r="AS1711" s="92"/>
      <c r="AT1711" s="92"/>
      <c r="AU1711" s="92"/>
      <c r="AV1711" s="92"/>
      <c r="AW1711" s="92"/>
      <c r="AX1711" s="92"/>
      <c r="AY1711" s="92"/>
      <c r="AZ1711" s="93"/>
      <c r="BA1711" s="93"/>
      <c r="BB1711" s="93"/>
      <c r="BC1711" s="93"/>
      <c r="BD1711" s="93"/>
      <c r="BE1711" s="93"/>
      <c r="BF1711" s="93"/>
      <c r="BG1711" s="93"/>
      <c r="BH1711" s="93"/>
      <c r="BI1711" s="93"/>
      <c r="BJ1711" s="93"/>
      <c r="BK1711" s="93"/>
      <c r="BL1711" s="93"/>
    </row>
    <row r="1712" spans="2:64" x14ac:dyDescent="0.2">
      <c r="B1712" s="43"/>
      <c r="C1712" s="73"/>
      <c r="D1712" s="64"/>
      <c r="E1712" s="55"/>
      <c r="F1712" s="74"/>
      <c r="G1712" s="74"/>
      <c r="H1712" s="74"/>
      <c r="I1712" s="75"/>
      <c r="J1712" s="74"/>
      <c r="L1712" s="55"/>
      <c r="M1712" s="234"/>
      <c r="N1712" s="65"/>
      <c r="O1712" s="76"/>
      <c r="P1712" s="76"/>
      <c r="Q1712" s="65"/>
      <c r="R1712" s="76"/>
      <c r="S1712" s="76"/>
      <c r="T1712" s="76"/>
      <c r="U1712" s="76"/>
      <c r="V1712" s="76"/>
      <c r="W1712" s="76"/>
      <c r="X1712" s="76"/>
      <c r="Y1712" s="76"/>
      <c r="Z1712" s="76"/>
      <c r="AA1712" s="85"/>
      <c r="AB1712" s="85"/>
      <c r="AC1712" s="85"/>
      <c r="AD1712" s="85"/>
      <c r="AE1712" s="85"/>
      <c r="AF1712" s="85"/>
      <c r="AG1712" s="86"/>
      <c r="AH1712" s="85"/>
      <c r="AI1712" s="85"/>
      <c r="AJ1712" s="85"/>
      <c r="AK1712" s="85"/>
      <c r="AL1712" s="85"/>
      <c r="AM1712" s="92"/>
      <c r="AN1712" s="92"/>
      <c r="AO1712" s="92"/>
      <c r="AP1712" s="92"/>
      <c r="AQ1712" s="92"/>
      <c r="AR1712" s="92"/>
      <c r="AS1712" s="92"/>
      <c r="AT1712" s="92"/>
      <c r="AU1712" s="92"/>
      <c r="AV1712" s="92"/>
      <c r="AW1712" s="92"/>
      <c r="AX1712" s="92"/>
      <c r="AY1712" s="92"/>
      <c r="AZ1712" s="93"/>
      <c r="BA1712" s="93"/>
      <c r="BB1712" s="93"/>
      <c r="BC1712" s="93"/>
      <c r="BD1712" s="93"/>
      <c r="BE1712" s="93"/>
      <c r="BF1712" s="93"/>
      <c r="BG1712" s="93"/>
      <c r="BH1712" s="93"/>
      <c r="BI1712" s="93"/>
      <c r="BJ1712" s="93"/>
      <c r="BK1712" s="93"/>
      <c r="BL1712" s="93"/>
    </row>
    <row r="1713" spans="2:64" x14ac:dyDescent="0.2">
      <c r="B1713" s="43"/>
      <c r="C1713" s="73"/>
      <c r="D1713" s="64"/>
      <c r="E1713" s="55"/>
      <c r="F1713" s="74"/>
      <c r="G1713" s="74"/>
      <c r="H1713" s="74"/>
      <c r="I1713" s="75"/>
      <c r="J1713" s="74"/>
      <c r="L1713" s="55"/>
      <c r="M1713" s="234"/>
      <c r="N1713" s="65"/>
      <c r="O1713" s="76"/>
      <c r="P1713" s="76"/>
      <c r="Q1713" s="65"/>
      <c r="R1713" s="76"/>
      <c r="S1713" s="76"/>
      <c r="T1713" s="76"/>
      <c r="U1713" s="76"/>
      <c r="V1713" s="76"/>
      <c r="W1713" s="76"/>
      <c r="X1713" s="76"/>
      <c r="Y1713" s="76"/>
      <c r="Z1713" s="76"/>
      <c r="AA1713" s="85"/>
      <c r="AB1713" s="85"/>
      <c r="AC1713" s="85"/>
      <c r="AD1713" s="85"/>
      <c r="AE1713" s="85"/>
      <c r="AF1713" s="85"/>
      <c r="AG1713" s="86"/>
      <c r="AH1713" s="85"/>
      <c r="AI1713" s="85"/>
      <c r="AJ1713" s="85"/>
      <c r="AK1713" s="85"/>
      <c r="AL1713" s="85"/>
      <c r="AM1713" s="92"/>
      <c r="AN1713" s="92"/>
      <c r="AO1713" s="92"/>
      <c r="AP1713" s="92"/>
      <c r="AQ1713" s="92"/>
      <c r="AR1713" s="92"/>
      <c r="AS1713" s="92"/>
      <c r="AT1713" s="92"/>
      <c r="AU1713" s="92"/>
      <c r="AV1713" s="92"/>
      <c r="AW1713" s="92"/>
      <c r="AX1713" s="92"/>
      <c r="AY1713" s="92"/>
      <c r="AZ1713" s="93"/>
      <c r="BA1713" s="93"/>
      <c r="BB1713" s="93"/>
      <c r="BC1713" s="93"/>
      <c r="BD1713" s="93"/>
      <c r="BE1713" s="93"/>
      <c r="BF1713" s="93"/>
      <c r="BG1713" s="93"/>
      <c r="BH1713" s="93"/>
      <c r="BI1713" s="93"/>
      <c r="BJ1713" s="93"/>
      <c r="BK1713" s="93"/>
      <c r="BL1713" s="93"/>
    </row>
    <row r="1714" spans="2:64" x14ac:dyDescent="0.2">
      <c r="B1714" s="43"/>
      <c r="C1714" s="73"/>
      <c r="D1714" s="64"/>
      <c r="E1714" s="55"/>
      <c r="F1714" s="74"/>
      <c r="G1714" s="74"/>
      <c r="H1714" s="74"/>
      <c r="I1714" s="75"/>
      <c r="J1714" s="74"/>
      <c r="L1714" s="55"/>
      <c r="M1714" s="234"/>
      <c r="N1714" s="65"/>
      <c r="O1714" s="76"/>
      <c r="P1714" s="76"/>
      <c r="Q1714" s="65"/>
      <c r="R1714" s="76"/>
      <c r="S1714" s="76"/>
      <c r="T1714" s="76"/>
      <c r="U1714" s="76"/>
      <c r="V1714" s="76"/>
      <c r="W1714" s="76"/>
      <c r="X1714" s="76"/>
      <c r="Y1714" s="76"/>
      <c r="Z1714" s="76"/>
      <c r="AA1714" s="85"/>
      <c r="AB1714" s="85"/>
      <c r="AC1714" s="85"/>
      <c r="AD1714" s="85"/>
      <c r="AE1714" s="85"/>
      <c r="AF1714" s="85"/>
      <c r="AG1714" s="86"/>
      <c r="AH1714" s="85"/>
      <c r="AI1714" s="85"/>
      <c r="AJ1714" s="85"/>
      <c r="AK1714" s="85"/>
      <c r="AL1714" s="85"/>
      <c r="AM1714" s="92"/>
      <c r="AN1714" s="92"/>
      <c r="AO1714" s="92"/>
      <c r="AP1714" s="92"/>
      <c r="AQ1714" s="92"/>
      <c r="AR1714" s="92"/>
      <c r="AS1714" s="92"/>
      <c r="AT1714" s="92"/>
      <c r="AU1714" s="92"/>
      <c r="AV1714" s="92"/>
      <c r="AW1714" s="92"/>
      <c r="AX1714" s="92"/>
      <c r="AY1714" s="92"/>
      <c r="AZ1714" s="93"/>
      <c r="BA1714" s="93"/>
      <c r="BB1714" s="93"/>
      <c r="BC1714" s="93"/>
      <c r="BD1714" s="93"/>
      <c r="BE1714" s="93"/>
      <c r="BF1714" s="93"/>
      <c r="BG1714" s="93"/>
      <c r="BH1714" s="93"/>
      <c r="BI1714" s="93"/>
      <c r="BJ1714" s="93"/>
      <c r="BK1714" s="93"/>
      <c r="BL1714" s="93"/>
    </row>
    <row r="1715" spans="2:64" x14ac:dyDescent="0.2">
      <c r="B1715" s="43"/>
      <c r="C1715" s="73"/>
      <c r="D1715" s="64"/>
      <c r="E1715" s="55"/>
      <c r="F1715" s="74"/>
      <c r="G1715" s="74"/>
      <c r="H1715" s="74"/>
      <c r="I1715" s="75"/>
      <c r="J1715" s="74"/>
      <c r="L1715" s="55"/>
      <c r="M1715" s="234"/>
      <c r="N1715" s="65"/>
      <c r="O1715" s="76"/>
      <c r="P1715" s="76"/>
      <c r="Q1715" s="65"/>
      <c r="R1715" s="76"/>
      <c r="S1715" s="76"/>
      <c r="T1715" s="76"/>
      <c r="U1715" s="76"/>
      <c r="V1715" s="76"/>
      <c r="W1715" s="76"/>
      <c r="X1715" s="76"/>
      <c r="Y1715" s="76"/>
      <c r="Z1715" s="76"/>
      <c r="AA1715" s="85"/>
      <c r="AB1715" s="85"/>
      <c r="AC1715" s="85"/>
      <c r="AD1715" s="85"/>
      <c r="AE1715" s="85"/>
      <c r="AF1715" s="85"/>
      <c r="AG1715" s="86"/>
      <c r="AH1715" s="85"/>
      <c r="AI1715" s="85"/>
      <c r="AJ1715" s="85"/>
      <c r="AK1715" s="85"/>
      <c r="AL1715" s="85"/>
      <c r="AM1715" s="92"/>
      <c r="AN1715" s="92"/>
      <c r="AO1715" s="92"/>
      <c r="AP1715" s="92"/>
      <c r="AQ1715" s="92"/>
      <c r="AR1715" s="92"/>
      <c r="AS1715" s="92"/>
      <c r="AT1715" s="92"/>
      <c r="AU1715" s="92"/>
      <c r="AV1715" s="92"/>
      <c r="AW1715" s="92"/>
      <c r="AX1715" s="92"/>
      <c r="AY1715" s="92"/>
      <c r="AZ1715" s="93"/>
      <c r="BA1715" s="93"/>
      <c r="BB1715" s="93"/>
      <c r="BC1715" s="93"/>
      <c r="BD1715" s="93"/>
      <c r="BE1715" s="93"/>
      <c r="BF1715" s="93"/>
      <c r="BG1715" s="93"/>
      <c r="BH1715" s="93"/>
      <c r="BI1715" s="93"/>
      <c r="BJ1715" s="93"/>
      <c r="BK1715" s="93"/>
      <c r="BL1715" s="93"/>
    </row>
    <row r="1716" spans="2:64" x14ac:dyDescent="0.2">
      <c r="B1716" s="43"/>
      <c r="C1716" s="73"/>
      <c r="D1716" s="64"/>
      <c r="E1716" s="55"/>
      <c r="F1716" s="74"/>
      <c r="G1716" s="74"/>
      <c r="H1716" s="74"/>
      <c r="I1716" s="75"/>
      <c r="J1716" s="74"/>
      <c r="L1716" s="55"/>
      <c r="M1716" s="234"/>
      <c r="N1716" s="65"/>
      <c r="O1716" s="76"/>
      <c r="P1716" s="76"/>
      <c r="Q1716" s="65"/>
      <c r="R1716" s="76"/>
      <c r="S1716" s="76"/>
      <c r="T1716" s="76"/>
      <c r="U1716" s="76"/>
      <c r="V1716" s="76"/>
      <c r="W1716" s="76"/>
      <c r="X1716" s="76"/>
      <c r="Y1716" s="76"/>
      <c r="Z1716" s="76"/>
      <c r="AA1716" s="85"/>
      <c r="AB1716" s="85"/>
      <c r="AC1716" s="85"/>
      <c r="AD1716" s="85"/>
      <c r="AE1716" s="85"/>
      <c r="AF1716" s="85"/>
      <c r="AG1716" s="86"/>
      <c r="AH1716" s="85"/>
      <c r="AI1716" s="85"/>
      <c r="AJ1716" s="85"/>
      <c r="AK1716" s="85"/>
      <c r="AL1716" s="85"/>
      <c r="AM1716" s="92"/>
      <c r="AN1716" s="92"/>
      <c r="AO1716" s="92"/>
      <c r="AP1716" s="92"/>
      <c r="AQ1716" s="92"/>
      <c r="AR1716" s="92"/>
      <c r="AS1716" s="92"/>
      <c r="AT1716" s="92"/>
      <c r="AU1716" s="92"/>
      <c r="AV1716" s="92"/>
      <c r="AW1716" s="92"/>
      <c r="AX1716" s="92"/>
      <c r="AY1716" s="92"/>
      <c r="AZ1716" s="93"/>
      <c r="BA1716" s="93"/>
      <c r="BB1716" s="93"/>
      <c r="BC1716" s="93"/>
      <c r="BD1716" s="93"/>
      <c r="BE1716" s="93"/>
      <c r="BF1716" s="93"/>
      <c r="BG1716" s="93"/>
      <c r="BH1716" s="93"/>
      <c r="BI1716" s="93"/>
      <c r="BJ1716" s="93"/>
      <c r="BK1716" s="93"/>
      <c r="BL1716" s="93"/>
    </row>
    <row r="1717" spans="2:64" x14ac:dyDescent="0.2">
      <c r="B1717" s="43"/>
      <c r="C1717" s="73"/>
      <c r="D1717" s="64"/>
      <c r="E1717" s="55"/>
      <c r="F1717" s="74"/>
      <c r="G1717" s="74"/>
      <c r="H1717" s="74"/>
      <c r="I1717" s="75"/>
      <c r="J1717" s="74"/>
      <c r="L1717" s="55"/>
      <c r="M1717" s="234"/>
      <c r="N1717" s="65"/>
      <c r="O1717" s="76"/>
      <c r="P1717" s="76"/>
      <c r="Q1717" s="65"/>
      <c r="R1717" s="76"/>
      <c r="S1717" s="76"/>
      <c r="T1717" s="76"/>
      <c r="U1717" s="76"/>
      <c r="V1717" s="76"/>
      <c r="W1717" s="76"/>
      <c r="X1717" s="76"/>
      <c r="Y1717" s="76"/>
      <c r="Z1717" s="76"/>
      <c r="AA1717" s="85"/>
      <c r="AB1717" s="85"/>
      <c r="AC1717" s="85"/>
      <c r="AD1717" s="85"/>
      <c r="AE1717" s="85"/>
      <c r="AF1717" s="85"/>
      <c r="AG1717" s="86"/>
      <c r="AH1717" s="85"/>
      <c r="AI1717" s="85"/>
      <c r="AJ1717" s="85"/>
      <c r="AK1717" s="85"/>
      <c r="AL1717" s="85"/>
      <c r="AM1717" s="92"/>
      <c r="AN1717" s="92"/>
      <c r="AO1717" s="92"/>
      <c r="AP1717" s="92"/>
      <c r="AQ1717" s="92"/>
      <c r="AR1717" s="92"/>
      <c r="AS1717" s="92"/>
      <c r="AT1717" s="92"/>
      <c r="AU1717" s="92"/>
      <c r="AV1717" s="92"/>
      <c r="AW1717" s="92"/>
      <c r="AX1717" s="92"/>
      <c r="AY1717" s="92"/>
      <c r="AZ1717" s="93"/>
      <c r="BA1717" s="93"/>
      <c r="BB1717" s="93"/>
      <c r="BC1717" s="93"/>
      <c r="BD1717" s="93"/>
      <c r="BE1717" s="93"/>
      <c r="BF1717" s="93"/>
      <c r="BG1717" s="93"/>
      <c r="BH1717" s="93"/>
      <c r="BI1717" s="93"/>
      <c r="BJ1717" s="93"/>
      <c r="BK1717" s="93"/>
      <c r="BL1717" s="93"/>
    </row>
    <row r="1718" spans="2:64" x14ac:dyDescent="0.2">
      <c r="B1718" s="43"/>
      <c r="C1718" s="73"/>
      <c r="D1718" s="64"/>
      <c r="E1718" s="55"/>
      <c r="F1718" s="74"/>
      <c r="G1718" s="74"/>
      <c r="H1718" s="74"/>
      <c r="I1718" s="75"/>
      <c r="J1718" s="74"/>
      <c r="L1718" s="55"/>
      <c r="M1718" s="234"/>
      <c r="N1718" s="65"/>
      <c r="O1718" s="76"/>
      <c r="P1718" s="76"/>
      <c r="Q1718" s="65"/>
      <c r="R1718" s="76"/>
      <c r="S1718" s="76"/>
      <c r="T1718" s="76"/>
      <c r="U1718" s="76"/>
      <c r="V1718" s="76"/>
      <c r="W1718" s="76"/>
      <c r="X1718" s="76"/>
      <c r="Y1718" s="76"/>
      <c r="Z1718" s="76"/>
      <c r="AA1718" s="85"/>
      <c r="AB1718" s="85"/>
      <c r="AC1718" s="85"/>
      <c r="AD1718" s="85"/>
      <c r="AE1718" s="85"/>
      <c r="AF1718" s="85"/>
      <c r="AG1718" s="86"/>
      <c r="AH1718" s="85"/>
      <c r="AI1718" s="85"/>
      <c r="AJ1718" s="85"/>
      <c r="AK1718" s="85"/>
      <c r="AL1718" s="85"/>
      <c r="AM1718" s="92"/>
      <c r="AN1718" s="92"/>
      <c r="AO1718" s="92"/>
      <c r="AP1718" s="92"/>
      <c r="AQ1718" s="92"/>
      <c r="AR1718" s="92"/>
      <c r="AS1718" s="92"/>
      <c r="AT1718" s="92"/>
      <c r="AU1718" s="92"/>
      <c r="AV1718" s="92"/>
      <c r="AW1718" s="92"/>
      <c r="AX1718" s="92"/>
      <c r="AY1718" s="92"/>
      <c r="AZ1718" s="93"/>
      <c r="BA1718" s="93"/>
      <c r="BB1718" s="93"/>
      <c r="BC1718" s="93"/>
      <c r="BD1718" s="93"/>
      <c r="BE1718" s="93"/>
      <c r="BF1718" s="93"/>
      <c r="BG1718" s="93"/>
      <c r="BH1718" s="93"/>
      <c r="BI1718" s="93"/>
      <c r="BJ1718" s="93"/>
      <c r="BK1718" s="93"/>
      <c r="BL1718" s="93"/>
    </row>
    <row r="1719" spans="2:64" x14ac:dyDescent="0.2">
      <c r="B1719" s="43"/>
      <c r="C1719" s="73"/>
      <c r="D1719" s="64"/>
      <c r="E1719" s="55"/>
      <c r="F1719" s="74"/>
      <c r="G1719" s="74"/>
      <c r="H1719" s="74"/>
      <c r="I1719" s="75"/>
      <c r="J1719" s="74"/>
      <c r="L1719" s="55"/>
      <c r="M1719" s="234"/>
      <c r="N1719" s="65"/>
      <c r="O1719" s="76"/>
      <c r="P1719" s="76"/>
      <c r="Q1719" s="65"/>
      <c r="R1719" s="76"/>
      <c r="S1719" s="76"/>
      <c r="T1719" s="76"/>
      <c r="U1719" s="76"/>
      <c r="V1719" s="76"/>
      <c r="W1719" s="76"/>
      <c r="X1719" s="76"/>
      <c r="Y1719" s="76"/>
      <c r="Z1719" s="76"/>
      <c r="AA1719" s="85"/>
      <c r="AB1719" s="85"/>
      <c r="AC1719" s="85"/>
      <c r="AD1719" s="85"/>
      <c r="AE1719" s="85"/>
      <c r="AF1719" s="85"/>
      <c r="AG1719" s="86"/>
      <c r="AH1719" s="85"/>
      <c r="AI1719" s="85"/>
      <c r="AJ1719" s="85"/>
      <c r="AK1719" s="85"/>
      <c r="AL1719" s="85"/>
      <c r="AM1719" s="92"/>
      <c r="AN1719" s="92"/>
      <c r="AO1719" s="92"/>
      <c r="AP1719" s="92"/>
      <c r="AQ1719" s="92"/>
      <c r="AR1719" s="92"/>
      <c r="AS1719" s="92"/>
      <c r="AT1719" s="92"/>
      <c r="AU1719" s="92"/>
      <c r="AV1719" s="92"/>
      <c r="AW1719" s="92"/>
      <c r="AX1719" s="92"/>
      <c r="AY1719" s="92"/>
      <c r="AZ1719" s="93"/>
      <c r="BA1719" s="93"/>
      <c r="BB1719" s="93"/>
      <c r="BC1719" s="93"/>
      <c r="BD1719" s="93"/>
      <c r="BE1719" s="93"/>
      <c r="BF1719" s="93"/>
      <c r="BG1719" s="93"/>
      <c r="BH1719" s="93"/>
      <c r="BI1719" s="93"/>
      <c r="BJ1719" s="93"/>
      <c r="BK1719" s="93"/>
      <c r="BL1719" s="93"/>
    </row>
    <row r="1720" spans="2:64" x14ac:dyDescent="0.2">
      <c r="B1720" s="43"/>
      <c r="C1720" s="73"/>
      <c r="D1720" s="64"/>
      <c r="E1720" s="55"/>
      <c r="F1720" s="74"/>
      <c r="G1720" s="74"/>
      <c r="H1720" s="74"/>
      <c r="I1720" s="75"/>
      <c r="J1720" s="74"/>
      <c r="L1720" s="55"/>
      <c r="M1720" s="234"/>
      <c r="N1720" s="65"/>
      <c r="O1720" s="76"/>
      <c r="P1720" s="76"/>
      <c r="Q1720" s="65"/>
      <c r="R1720" s="76"/>
      <c r="S1720" s="76"/>
      <c r="T1720" s="76"/>
      <c r="U1720" s="76"/>
      <c r="V1720" s="76"/>
      <c r="W1720" s="76"/>
      <c r="X1720" s="76"/>
      <c r="Y1720" s="76"/>
      <c r="Z1720" s="76"/>
      <c r="AA1720" s="85"/>
      <c r="AB1720" s="85"/>
      <c r="AC1720" s="85"/>
      <c r="AD1720" s="85"/>
      <c r="AE1720" s="85"/>
      <c r="AF1720" s="85"/>
      <c r="AG1720" s="86"/>
      <c r="AH1720" s="85"/>
      <c r="AI1720" s="85"/>
      <c r="AJ1720" s="85"/>
      <c r="AK1720" s="85"/>
      <c r="AL1720" s="85"/>
      <c r="AM1720" s="92"/>
      <c r="AN1720" s="92"/>
      <c r="AO1720" s="92"/>
      <c r="AP1720" s="92"/>
      <c r="AQ1720" s="92"/>
      <c r="AR1720" s="92"/>
      <c r="AS1720" s="92"/>
      <c r="AT1720" s="92"/>
      <c r="AU1720" s="92"/>
      <c r="AV1720" s="92"/>
      <c r="AW1720" s="92"/>
      <c r="AX1720" s="92"/>
      <c r="AY1720" s="92"/>
      <c r="AZ1720" s="93"/>
      <c r="BA1720" s="93"/>
      <c r="BB1720" s="93"/>
      <c r="BC1720" s="93"/>
      <c r="BD1720" s="93"/>
      <c r="BE1720" s="93"/>
      <c r="BF1720" s="93"/>
      <c r="BG1720" s="93"/>
      <c r="BH1720" s="93"/>
      <c r="BI1720" s="93"/>
      <c r="BJ1720" s="93"/>
      <c r="BK1720" s="93"/>
      <c r="BL1720" s="93"/>
    </row>
    <row r="1721" spans="2:64" x14ac:dyDescent="0.2">
      <c r="B1721" s="43"/>
      <c r="C1721" s="73"/>
      <c r="D1721" s="64"/>
      <c r="E1721" s="55"/>
      <c r="F1721" s="74"/>
      <c r="G1721" s="74"/>
      <c r="H1721" s="74"/>
      <c r="I1721" s="75"/>
      <c r="J1721" s="74"/>
      <c r="L1721" s="55"/>
      <c r="M1721" s="234"/>
      <c r="N1721" s="65"/>
      <c r="O1721" s="76"/>
      <c r="P1721" s="76"/>
      <c r="Q1721" s="65"/>
      <c r="R1721" s="76"/>
      <c r="S1721" s="76"/>
      <c r="T1721" s="76"/>
      <c r="U1721" s="76"/>
      <c r="V1721" s="76"/>
      <c r="W1721" s="76"/>
      <c r="X1721" s="76"/>
      <c r="Y1721" s="76"/>
      <c r="Z1721" s="76"/>
      <c r="AA1721" s="85"/>
      <c r="AB1721" s="85"/>
      <c r="AC1721" s="85"/>
      <c r="AD1721" s="85"/>
      <c r="AE1721" s="85"/>
      <c r="AF1721" s="85"/>
      <c r="AG1721" s="86"/>
      <c r="AH1721" s="85"/>
      <c r="AI1721" s="85"/>
      <c r="AJ1721" s="85"/>
      <c r="AK1721" s="85"/>
      <c r="AL1721" s="85"/>
      <c r="AM1721" s="92"/>
      <c r="AN1721" s="92"/>
      <c r="AO1721" s="92"/>
      <c r="AP1721" s="92"/>
      <c r="AQ1721" s="92"/>
      <c r="AR1721" s="92"/>
      <c r="AS1721" s="92"/>
      <c r="AT1721" s="92"/>
      <c r="AU1721" s="92"/>
      <c r="AV1721" s="92"/>
      <c r="AW1721" s="92"/>
      <c r="AX1721" s="92"/>
      <c r="AY1721" s="92"/>
      <c r="AZ1721" s="93"/>
      <c r="BA1721" s="93"/>
      <c r="BB1721" s="93"/>
      <c r="BC1721" s="93"/>
      <c r="BD1721" s="93"/>
      <c r="BE1721" s="93"/>
      <c r="BF1721" s="93"/>
      <c r="BG1721" s="93"/>
      <c r="BH1721" s="93"/>
      <c r="BI1721" s="93"/>
      <c r="BJ1721" s="93"/>
      <c r="BK1721" s="93"/>
      <c r="BL1721" s="93"/>
    </row>
    <row r="1722" spans="2:64" x14ac:dyDescent="0.2">
      <c r="B1722" s="43"/>
      <c r="C1722" s="73"/>
      <c r="D1722" s="64"/>
      <c r="E1722" s="55"/>
      <c r="F1722" s="74"/>
      <c r="G1722" s="74"/>
      <c r="H1722" s="74"/>
      <c r="I1722" s="75"/>
      <c r="J1722" s="74"/>
      <c r="L1722" s="55"/>
      <c r="M1722" s="234"/>
      <c r="N1722" s="65"/>
      <c r="O1722" s="76"/>
      <c r="P1722" s="76"/>
      <c r="Q1722" s="65"/>
      <c r="R1722" s="76"/>
      <c r="S1722" s="76"/>
      <c r="T1722" s="76"/>
      <c r="U1722" s="76"/>
      <c r="V1722" s="76"/>
      <c r="W1722" s="76"/>
      <c r="X1722" s="76"/>
      <c r="Y1722" s="76"/>
      <c r="Z1722" s="76"/>
      <c r="AA1722" s="85"/>
      <c r="AB1722" s="85"/>
      <c r="AC1722" s="85"/>
      <c r="AD1722" s="85"/>
      <c r="AE1722" s="85"/>
      <c r="AF1722" s="85"/>
      <c r="AG1722" s="86"/>
      <c r="AH1722" s="85"/>
      <c r="AI1722" s="85"/>
      <c r="AJ1722" s="85"/>
      <c r="AK1722" s="85"/>
      <c r="AL1722" s="85"/>
      <c r="AM1722" s="92"/>
      <c r="AN1722" s="92"/>
      <c r="AO1722" s="92"/>
      <c r="AP1722" s="92"/>
      <c r="AQ1722" s="92"/>
      <c r="AR1722" s="92"/>
      <c r="AS1722" s="92"/>
      <c r="AT1722" s="92"/>
      <c r="AU1722" s="92"/>
      <c r="AV1722" s="92"/>
      <c r="AW1722" s="92"/>
      <c r="AX1722" s="92"/>
      <c r="AY1722" s="92"/>
      <c r="AZ1722" s="93"/>
      <c r="BA1722" s="93"/>
      <c r="BB1722" s="93"/>
      <c r="BC1722" s="93"/>
      <c r="BD1722" s="93"/>
      <c r="BE1722" s="93"/>
      <c r="BF1722" s="93"/>
      <c r="BG1722" s="93"/>
      <c r="BH1722" s="93"/>
      <c r="BI1722" s="93"/>
      <c r="BJ1722" s="93"/>
      <c r="BK1722" s="93"/>
      <c r="BL1722" s="93"/>
    </row>
    <row r="1723" spans="2:64" x14ac:dyDescent="0.2">
      <c r="B1723" s="43"/>
      <c r="C1723" s="73"/>
      <c r="D1723" s="64"/>
      <c r="E1723" s="55"/>
      <c r="F1723" s="74"/>
      <c r="G1723" s="74"/>
      <c r="H1723" s="74"/>
      <c r="I1723" s="75"/>
      <c r="J1723" s="74"/>
      <c r="L1723" s="55"/>
      <c r="M1723" s="234"/>
      <c r="N1723" s="65"/>
      <c r="O1723" s="76"/>
      <c r="P1723" s="76"/>
      <c r="Q1723" s="65"/>
      <c r="R1723" s="76"/>
      <c r="S1723" s="76"/>
      <c r="T1723" s="76"/>
      <c r="U1723" s="76"/>
      <c r="V1723" s="76"/>
      <c r="W1723" s="76"/>
      <c r="X1723" s="76"/>
      <c r="Y1723" s="76"/>
      <c r="Z1723" s="76"/>
      <c r="AA1723" s="85"/>
      <c r="AB1723" s="85"/>
      <c r="AC1723" s="85"/>
      <c r="AD1723" s="85"/>
      <c r="AE1723" s="85"/>
      <c r="AF1723" s="85"/>
      <c r="AG1723" s="86"/>
      <c r="AH1723" s="85"/>
      <c r="AI1723" s="85"/>
      <c r="AJ1723" s="85"/>
      <c r="AK1723" s="85"/>
      <c r="AL1723" s="85"/>
      <c r="AM1723" s="92"/>
      <c r="AN1723" s="92"/>
      <c r="AO1723" s="92"/>
      <c r="AP1723" s="92"/>
      <c r="AQ1723" s="92"/>
      <c r="AR1723" s="92"/>
      <c r="AS1723" s="92"/>
      <c r="AT1723" s="92"/>
      <c r="AU1723" s="92"/>
      <c r="AV1723" s="92"/>
      <c r="AW1723" s="92"/>
      <c r="AX1723" s="92"/>
      <c r="AY1723" s="92"/>
      <c r="AZ1723" s="93"/>
      <c r="BA1723" s="93"/>
      <c r="BB1723" s="93"/>
      <c r="BC1723" s="93"/>
      <c r="BD1723" s="93"/>
      <c r="BE1723" s="93"/>
      <c r="BF1723" s="93"/>
      <c r="BG1723" s="93"/>
      <c r="BH1723" s="93"/>
      <c r="BI1723" s="93"/>
      <c r="BJ1723" s="93"/>
      <c r="BK1723" s="93"/>
      <c r="BL1723" s="93"/>
    </row>
    <row r="1724" spans="2:64" x14ac:dyDescent="0.2">
      <c r="B1724" s="43"/>
      <c r="C1724" s="73"/>
      <c r="D1724" s="64"/>
      <c r="E1724" s="55"/>
      <c r="F1724" s="74"/>
      <c r="G1724" s="74"/>
      <c r="H1724" s="74"/>
      <c r="I1724" s="75"/>
      <c r="J1724" s="74"/>
      <c r="L1724" s="55"/>
      <c r="M1724" s="234"/>
      <c r="N1724" s="65"/>
      <c r="O1724" s="76"/>
      <c r="P1724" s="76"/>
      <c r="Q1724" s="65"/>
      <c r="R1724" s="76"/>
      <c r="S1724" s="76"/>
      <c r="T1724" s="76"/>
      <c r="U1724" s="76"/>
      <c r="V1724" s="76"/>
      <c r="W1724" s="76"/>
      <c r="X1724" s="76"/>
      <c r="Y1724" s="76"/>
      <c r="Z1724" s="76"/>
      <c r="AA1724" s="85"/>
      <c r="AB1724" s="85"/>
      <c r="AC1724" s="85"/>
      <c r="AD1724" s="85"/>
      <c r="AE1724" s="85"/>
      <c r="AF1724" s="85"/>
      <c r="AG1724" s="86"/>
      <c r="AH1724" s="85"/>
      <c r="AI1724" s="85"/>
      <c r="AJ1724" s="85"/>
      <c r="AK1724" s="85"/>
      <c r="AL1724" s="85"/>
      <c r="AM1724" s="92"/>
      <c r="AN1724" s="92"/>
      <c r="AO1724" s="92"/>
      <c r="AP1724" s="92"/>
      <c r="AQ1724" s="92"/>
      <c r="AR1724" s="92"/>
      <c r="AS1724" s="92"/>
      <c r="AT1724" s="92"/>
      <c r="AU1724" s="92"/>
      <c r="AV1724" s="92"/>
      <c r="AW1724" s="92"/>
      <c r="AX1724" s="92"/>
      <c r="AY1724" s="92"/>
      <c r="AZ1724" s="93"/>
      <c r="BA1724" s="93"/>
      <c r="BB1724" s="93"/>
      <c r="BC1724" s="93"/>
      <c r="BD1724" s="93"/>
      <c r="BE1724" s="93"/>
      <c r="BF1724" s="93"/>
      <c r="BG1724" s="93"/>
      <c r="BH1724" s="93"/>
      <c r="BI1724" s="93"/>
      <c r="BJ1724" s="93"/>
      <c r="BK1724" s="93"/>
      <c r="BL1724" s="93"/>
    </row>
    <row r="1725" spans="2:64" x14ac:dyDescent="0.2">
      <c r="B1725" s="43"/>
      <c r="C1725" s="73"/>
      <c r="D1725" s="64"/>
      <c r="E1725" s="55"/>
      <c r="F1725" s="74"/>
      <c r="G1725" s="74"/>
      <c r="H1725" s="74"/>
      <c r="I1725" s="75"/>
      <c r="J1725" s="74"/>
      <c r="L1725" s="55"/>
      <c r="M1725" s="234"/>
      <c r="N1725" s="65"/>
      <c r="O1725" s="76"/>
      <c r="P1725" s="76"/>
      <c r="Q1725" s="65"/>
      <c r="R1725" s="76"/>
      <c r="S1725" s="76"/>
      <c r="T1725" s="76"/>
      <c r="U1725" s="76"/>
      <c r="V1725" s="76"/>
      <c r="W1725" s="76"/>
      <c r="X1725" s="76"/>
      <c r="Y1725" s="76"/>
      <c r="Z1725" s="76"/>
      <c r="AA1725" s="85"/>
      <c r="AB1725" s="85"/>
      <c r="AC1725" s="85"/>
      <c r="AD1725" s="85"/>
      <c r="AE1725" s="85"/>
      <c r="AF1725" s="85"/>
      <c r="AG1725" s="86"/>
      <c r="AH1725" s="85"/>
      <c r="AI1725" s="85"/>
      <c r="AJ1725" s="85"/>
      <c r="AK1725" s="85"/>
      <c r="AL1725" s="85"/>
      <c r="AM1725" s="92"/>
      <c r="AN1725" s="92"/>
      <c r="AO1725" s="92"/>
      <c r="AP1725" s="92"/>
      <c r="AQ1725" s="92"/>
      <c r="AR1725" s="92"/>
      <c r="AS1725" s="92"/>
      <c r="AT1725" s="92"/>
      <c r="AU1725" s="92"/>
      <c r="AV1725" s="92"/>
      <c r="AW1725" s="92"/>
      <c r="AX1725" s="92"/>
      <c r="AY1725" s="92"/>
      <c r="AZ1725" s="93"/>
      <c r="BA1725" s="93"/>
      <c r="BB1725" s="93"/>
      <c r="BC1725" s="93"/>
      <c r="BD1725" s="93"/>
      <c r="BE1725" s="93"/>
      <c r="BF1725" s="93"/>
      <c r="BG1725" s="93"/>
      <c r="BH1725" s="93"/>
      <c r="BI1725" s="93"/>
      <c r="BJ1725" s="93"/>
      <c r="BK1725" s="93"/>
      <c r="BL1725" s="93"/>
    </row>
    <row r="1726" spans="2:64" x14ac:dyDescent="0.2">
      <c r="B1726" s="43"/>
      <c r="C1726" s="73"/>
      <c r="D1726" s="64"/>
      <c r="E1726" s="55"/>
      <c r="F1726" s="74"/>
      <c r="G1726" s="74"/>
      <c r="H1726" s="74"/>
      <c r="I1726" s="75"/>
      <c r="J1726" s="74"/>
      <c r="L1726" s="55"/>
      <c r="M1726" s="234"/>
      <c r="N1726" s="65"/>
      <c r="O1726" s="76"/>
      <c r="P1726" s="76"/>
      <c r="Q1726" s="65"/>
      <c r="R1726" s="76"/>
      <c r="S1726" s="76"/>
      <c r="T1726" s="76"/>
      <c r="U1726" s="76"/>
      <c r="V1726" s="76"/>
      <c r="W1726" s="76"/>
      <c r="X1726" s="76"/>
      <c r="Y1726" s="76"/>
      <c r="Z1726" s="76"/>
      <c r="AA1726" s="85"/>
      <c r="AB1726" s="85"/>
      <c r="AC1726" s="85"/>
      <c r="AD1726" s="85"/>
      <c r="AE1726" s="85"/>
      <c r="AF1726" s="85"/>
      <c r="AG1726" s="86"/>
      <c r="AH1726" s="85"/>
      <c r="AI1726" s="85"/>
      <c r="AJ1726" s="85"/>
      <c r="AK1726" s="85"/>
      <c r="AL1726" s="85"/>
      <c r="AM1726" s="92"/>
      <c r="AN1726" s="92"/>
      <c r="AO1726" s="92"/>
      <c r="AP1726" s="92"/>
      <c r="AQ1726" s="92"/>
      <c r="AR1726" s="92"/>
      <c r="AS1726" s="92"/>
      <c r="AT1726" s="92"/>
      <c r="AU1726" s="92"/>
      <c r="AV1726" s="92"/>
      <c r="AW1726" s="92"/>
      <c r="AX1726" s="92"/>
      <c r="AY1726" s="92"/>
      <c r="AZ1726" s="93"/>
      <c r="BA1726" s="93"/>
      <c r="BB1726" s="93"/>
      <c r="BC1726" s="93"/>
      <c r="BD1726" s="93"/>
      <c r="BE1726" s="93"/>
      <c r="BF1726" s="93"/>
      <c r="BG1726" s="93"/>
      <c r="BH1726" s="93"/>
      <c r="BI1726" s="93"/>
      <c r="BJ1726" s="93"/>
      <c r="BK1726" s="93"/>
      <c r="BL1726" s="93"/>
    </row>
    <row r="1727" spans="2:64" x14ac:dyDescent="0.2">
      <c r="B1727" s="43"/>
      <c r="C1727" s="73"/>
      <c r="D1727" s="64"/>
      <c r="E1727" s="55"/>
      <c r="F1727" s="74"/>
      <c r="G1727" s="74"/>
      <c r="H1727" s="74"/>
      <c r="I1727" s="75"/>
      <c r="J1727" s="74"/>
      <c r="L1727" s="55"/>
      <c r="M1727" s="234"/>
      <c r="N1727" s="65"/>
      <c r="O1727" s="76"/>
      <c r="P1727" s="76"/>
      <c r="Q1727" s="65"/>
      <c r="R1727" s="76"/>
      <c r="S1727" s="76"/>
      <c r="T1727" s="76"/>
      <c r="U1727" s="76"/>
      <c r="V1727" s="76"/>
      <c r="W1727" s="76"/>
      <c r="X1727" s="76"/>
      <c r="Y1727" s="76"/>
      <c r="Z1727" s="76"/>
      <c r="AA1727" s="85"/>
      <c r="AB1727" s="85"/>
      <c r="AC1727" s="85"/>
      <c r="AD1727" s="85"/>
      <c r="AE1727" s="85"/>
      <c r="AF1727" s="85"/>
      <c r="AG1727" s="86"/>
      <c r="AH1727" s="85"/>
      <c r="AI1727" s="85"/>
      <c r="AJ1727" s="85"/>
      <c r="AK1727" s="85"/>
      <c r="AL1727" s="85"/>
      <c r="AM1727" s="92"/>
      <c r="AN1727" s="92"/>
      <c r="AO1727" s="92"/>
      <c r="AP1727" s="92"/>
      <c r="AQ1727" s="92"/>
      <c r="AR1727" s="92"/>
      <c r="AS1727" s="92"/>
      <c r="AT1727" s="92"/>
      <c r="AU1727" s="92"/>
      <c r="AV1727" s="92"/>
      <c r="AW1727" s="92"/>
      <c r="AX1727" s="92"/>
      <c r="AY1727" s="92"/>
      <c r="AZ1727" s="93"/>
      <c r="BA1727" s="93"/>
      <c r="BB1727" s="93"/>
      <c r="BC1727" s="93"/>
      <c r="BD1727" s="93"/>
      <c r="BE1727" s="93"/>
      <c r="BF1727" s="93"/>
      <c r="BG1727" s="93"/>
      <c r="BH1727" s="93"/>
      <c r="BI1727" s="93"/>
      <c r="BJ1727" s="93"/>
      <c r="BK1727" s="93"/>
      <c r="BL1727" s="93"/>
    </row>
    <row r="1728" spans="2:64" x14ac:dyDescent="0.2">
      <c r="B1728" s="43"/>
      <c r="C1728" s="73"/>
      <c r="D1728" s="64"/>
      <c r="E1728" s="55"/>
      <c r="F1728" s="74"/>
      <c r="G1728" s="74"/>
      <c r="H1728" s="74"/>
      <c r="I1728" s="75"/>
      <c r="J1728" s="74"/>
      <c r="L1728" s="55"/>
      <c r="M1728" s="234"/>
      <c r="N1728" s="65"/>
      <c r="O1728" s="76"/>
      <c r="P1728" s="76"/>
      <c r="Q1728" s="65"/>
      <c r="R1728" s="76"/>
      <c r="S1728" s="76"/>
      <c r="T1728" s="76"/>
      <c r="U1728" s="76"/>
      <c r="V1728" s="76"/>
      <c r="W1728" s="76"/>
      <c r="X1728" s="76"/>
      <c r="Y1728" s="76"/>
      <c r="Z1728" s="76"/>
      <c r="AA1728" s="85"/>
      <c r="AB1728" s="85"/>
      <c r="AC1728" s="85"/>
      <c r="AD1728" s="85"/>
      <c r="AE1728" s="85"/>
      <c r="AF1728" s="85"/>
      <c r="AG1728" s="86"/>
      <c r="AH1728" s="85"/>
      <c r="AI1728" s="85"/>
      <c r="AJ1728" s="85"/>
      <c r="AK1728" s="85"/>
      <c r="AL1728" s="85"/>
      <c r="AM1728" s="92"/>
      <c r="AN1728" s="92"/>
      <c r="AO1728" s="92"/>
      <c r="AP1728" s="92"/>
      <c r="AQ1728" s="92"/>
      <c r="AR1728" s="92"/>
      <c r="AS1728" s="92"/>
      <c r="AT1728" s="92"/>
      <c r="AU1728" s="92"/>
      <c r="AV1728" s="92"/>
      <c r="AW1728" s="92"/>
      <c r="AX1728" s="92"/>
      <c r="AY1728" s="92"/>
      <c r="AZ1728" s="93"/>
      <c r="BA1728" s="93"/>
      <c r="BB1728" s="93"/>
      <c r="BC1728" s="93"/>
      <c r="BD1728" s="93"/>
      <c r="BE1728" s="93"/>
      <c r="BF1728" s="93"/>
      <c r="BG1728" s="93"/>
      <c r="BH1728" s="93"/>
      <c r="BI1728" s="93"/>
      <c r="BJ1728" s="93"/>
      <c r="BK1728" s="93"/>
      <c r="BL1728" s="93"/>
    </row>
    <row r="1729" spans="2:64" x14ac:dyDescent="0.2">
      <c r="B1729" s="43"/>
      <c r="C1729" s="73"/>
      <c r="D1729" s="64"/>
      <c r="E1729" s="55"/>
      <c r="F1729" s="74"/>
      <c r="G1729" s="74"/>
      <c r="H1729" s="74"/>
      <c r="I1729" s="75"/>
      <c r="J1729" s="74"/>
      <c r="L1729" s="55"/>
      <c r="M1729" s="234"/>
      <c r="N1729" s="65"/>
      <c r="O1729" s="76"/>
      <c r="P1729" s="76"/>
      <c r="Q1729" s="65"/>
      <c r="R1729" s="76"/>
      <c r="S1729" s="76"/>
      <c r="T1729" s="76"/>
      <c r="U1729" s="76"/>
      <c r="V1729" s="76"/>
      <c r="W1729" s="76"/>
      <c r="X1729" s="76"/>
      <c r="Y1729" s="76"/>
      <c r="Z1729" s="76"/>
      <c r="AA1729" s="85"/>
      <c r="AB1729" s="85"/>
      <c r="AC1729" s="85"/>
      <c r="AD1729" s="85"/>
      <c r="AE1729" s="85"/>
      <c r="AF1729" s="85"/>
      <c r="AG1729" s="86"/>
      <c r="AH1729" s="85"/>
      <c r="AI1729" s="85"/>
      <c r="AJ1729" s="85"/>
      <c r="AK1729" s="85"/>
      <c r="AL1729" s="85"/>
      <c r="AM1729" s="92"/>
      <c r="AN1729" s="92"/>
      <c r="AO1729" s="92"/>
      <c r="AP1729" s="92"/>
      <c r="AQ1729" s="92"/>
      <c r="AR1729" s="92"/>
      <c r="AS1729" s="92"/>
      <c r="AT1729" s="92"/>
      <c r="AU1729" s="92"/>
      <c r="AV1729" s="92"/>
      <c r="AW1729" s="92"/>
      <c r="AX1729" s="92"/>
      <c r="AY1729" s="92"/>
      <c r="AZ1729" s="93"/>
      <c r="BA1729" s="93"/>
      <c r="BB1729" s="93"/>
      <c r="BC1729" s="93"/>
      <c r="BD1729" s="93"/>
      <c r="BE1729" s="93"/>
      <c r="BF1729" s="93"/>
      <c r="BG1729" s="93"/>
      <c r="BH1729" s="93"/>
      <c r="BI1729" s="93"/>
      <c r="BJ1729" s="93"/>
      <c r="BK1729" s="93"/>
      <c r="BL1729" s="93"/>
    </row>
    <row r="1730" spans="2:64" x14ac:dyDescent="0.2">
      <c r="B1730" s="43"/>
      <c r="C1730" s="73"/>
      <c r="D1730" s="64"/>
      <c r="E1730" s="55"/>
      <c r="F1730" s="74"/>
      <c r="G1730" s="74"/>
      <c r="H1730" s="74"/>
      <c r="I1730" s="75"/>
      <c r="J1730" s="74"/>
      <c r="L1730" s="55"/>
      <c r="M1730" s="234"/>
      <c r="N1730" s="65"/>
      <c r="O1730" s="76"/>
      <c r="P1730" s="76"/>
      <c r="Q1730" s="65"/>
      <c r="R1730" s="76"/>
      <c r="S1730" s="76"/>
      <c r="T1730" s="76"/>
      <c r="U1730" s="76"/>
      <c r="V1730" s="76"/>
      <c r="W1730" s="76"/>
      <c r="X1730" s="76"/>
      <c r="Y1730" s="76"/>
      <c r="Z1730" s="76"/>
      <c r="AA1730" s="85"/>
      <c r="AB1730" s="85"/>
      <c r="AC1730" s="85"/>
      <c r="AD1730" s="85"/>
      <c r="AE1730" s="85"/>
      <c r="AF1730" s="85"/>
      <c r="AG1730" s="86"/>
      <c r="AH1730" s="85"/>
      <c r="AI1730" s="85"/>
      <c r="AJ1730" s="85"/>
      <c r="AK1730" s="85"/>
      <c r="AL1730" s="85"/>
      <c r="AM1730" s="92"/>
      <c r="AN1730" s="92"/>
      <c r="AO1730" s="92"/>
      <c r="AP1730" s="92"/>
      <c r="AQ1730" s="92"/>
      <c r="AR1730" s="92"/>
      <c r="AS1730" s="92"/>
      <c r="AT1730" s="92"/>
      <c r="AU1730" s="92"/>
      <c r="AV1730" s="92"/>
      <c r="AW1730" s="92"/>
      <c r="AX1730" s="92"/>
      <c r="AY1730" s="92"/>
      <c r="AZ1730" s="93"/>
      <c r="BA1730" s="93"/>
      <c r="BB1730" s="93"/>
      <c r="BC1730" s="93"/>
      <c r="BD1730" s="93"/>
      <c r="BE1730" s="93"/>
      <c r="BF1730" s="93"/>
      <c r="BG1730" s="93"/>
      <c r="BH1730" s="93"/>
      <c r="BI1730" s="93"/>
      <c r="BJ1730" s="93"/>
      <c r="BK1730" s="93"/>
      <c r="BL1730" s="93"/>
    </row>
    <row r="1731" spans="2:64" x14ac:dyDescent="0.2">
      <c r="B1731" s="43"/>
      <c r="C1731" s="73"/>
      <c r="D1731" s="64"/>
      <c r="E1731" s="55"/>
      <c r="F1731" s="74"/>
      <c r="G1731" s="74"/>
      <c r="H1731" s="74"/>
      <c r="I1731" s="75"/>
      <c r="J1731" s="74"/>
      <c r="L1731" s="55"/>
      <c r="M1731" s="234"/>
      <c r="N1731" s="65"/>
      <c r="O1731" s="76"/>
      <c r="P1731" s="76"/>
      <c r="Q1731" s="65"/>
      <c r="R1731" s="76"/>
      <c r="S1731" s="76"/>
      <c r="T1731" s="76"/>
      <c r="U1731" s="76"/>
      <c r="V1731" s="76"/>
      <c r="W1731" s="76"/>
      <c r="X1731" s="76"/>
      <c r="Y1731" s="76"/>
      <c r="Z1731" s="76"/>
      <c r="AA1731" s="85"/>
      <c r="AB1731" s="85"/>
      <c r="AC1731" s="85"/>
      <c r="AD1731" s="85"/>
      <c r="AE1731" s="85"/>
      <c r="AF1731" s="85"/>
      <c r="AG1731" s="86"/>
      <c r="AH1731" s="85"/>
      <c r="AI1731" s="85"/>
      <c r="AJ1731" s="85"/>
      <c r="AK1731" s="85"/>
      <c r="AL1731" s="85"/>
      <c r="AM1731" s="92"/>
      <c r="AN1731" s="92"/>
      <c r="AO1731" s="92"/>
      <c r="AP1731" s="92"/>
      <c r="AQ1731" s="92"/>
      <c r="AR1731" s="92"/>
      <c r="AS1731" s="92"/>
      <c r="AT1731" s="92"/>
      <c r="AU1731" s="92"/>
      <c r="AV1731" s="92"/>
      <c r="AW1731" s="92"/>
      <c r="AX1731" s="92"/>
      <c r="AY1731" s="92"/>
      <c r="AZ1731" s="93"/>
      <c r="BA1731" s="93"/>
      <c r="BB1731" s="93"/>
      <c r="BC1731" s="93"/>
      <c r="BD1731" s="93"/>
      <c r="BE1731" s="93"/>
      <c r="BF1731" s="93"/>
      <c r="BG1731" s="93"/>
      <c r="BH1731" s="93"/>
      <c r="BI1731" s="93"/>
      <c r="BJ1731" s="93"/>
      <c r="BK1731" s="93"/>
      <c r="BL1731" s="93"/>
    </row>
    <row r="1732" spans="2:64" x14ac:dyDescent="0.2">
      <c r="B1732" s="43"/>
      <c r="C1732" s="73"/>
      <c r="D1732" s="64"/>
      <c r="E1732" s="55"/>
      <c r="F1732" s="74"/>
      <c r="G1732" s="74"/>
      <c r="H1732" s="74"/>
      <c r="I1732" s="75"/>
      <c r="J1732" s="74"/>
      <c r="L1732" s="55"/>
      <c r="M1732" s="234"/>
      <c r="N1732" s="65"/>
      <c r="O1732" s="76"/>
      <c r="P1732" s="76"/>
      <c r="Q1732" s="65"/>
      <c r="R1732" s="76"/>
      <c r="S1732" s="76"/>
      <c r="T1732" s="76"/>
      <c r="U1732" s="76"/>
      <c r="V1732" s="76"/>
      <c r="W1732" s="76"/>
      <c r="X1732" s="76"/>
      <c r="Y1732" s="76"/>
      <c r="Z1732" s="76"/>
      <c r="AA1732" s="85"/>
      <c r="AB1732" s="85"/>
      <c r="AC1732" s="85"/>
      <c r="AD1732" s="85"/>
      <c r="AE1732" s="85"/>
      <c r="AF1732" s="85"/>
      <c r="AG1732" s="86"/>
      <c r="AH1732" s="85"/>
      <c r="AI1732" s="85"/>
      <c r="AJ1732" s="85"/>
      <c r="AK1732" s="85"/>
      <c r="AL1732" s="85"/>
      <c r="AM1732" s="92"/>
      <c r="AN1732" s="92"/>
      <c r="AO1732" s="92"/>
      <c r="AP1732" s="92"/>
      <c r="AQ1732" s="92"/>
      <c r="AR1732" s="92"/>
      <c r="AS1732" s="92"/>
      <c r="AT1732" s="92"/>
      <c r="AU1732" s="92"/>
      <c r="AV1732" s="92"/>
      <c r="AW1732" s="92"/>
      <c r="AX1732" s="92"/>
      <c r="AY1732" s="92"/>
      <c r="AZ1732" s="93"/>
      <c r="BA1732" s="93"/>
      <c r="BB1732" s="93"/>
      <c r="BC1732" s="93"/>
      <c r="BD1732" s="93"/>
      <c r="BE1732" s="93"/>
      <c r="BF1732" s="93"/>
      <c r="BG1732" s="93"/>
      <c r="BH1732" s="93"/>
      <c r="BI1732" s="93"/>
      <c r="BJ1732" s="93"/>
      <c r="BK1732" s="93"/>
      <c r="BL1732" s="93"/>
    </row>
    <row r="1733" spans="2:64" x14ac:dyDescent="0.2">
      <c r="B1733" s="43"/>
      <c r="C1733" s="73"/>
      <c r="D1733" s="64"/>
      <c r="E1733" s="55"/>
      <c r="F1733" s="74"/>
      <c r="G1733" s="74"/>
      <c r="H1733" s="74"/>
      <c r="I1733" s="75"/>
      <c r="J1733" s="74"/>
      <c r="L1733" s="55"/>
      <c r="M1733" s="234"/>
      <c r="N1733" s="65"/>
      <c r="O1733" s="76"/>
      <c r="P1733" s="76"/>
      <c r="Q1733" s="65"/>
      <c r="R1733" s="76"/>
      <c r="S1733" s="76"/>
      <c r="T1733" s="76"/>
      <c r="U1733" s="76"/>
      <c r="V1733" s="76"/>
      <c r="W1733" s="76"/>
      <c r="X1733" s="76"/>
      <c r="Y1733" s="76"/>
      <c r="Z1733" s="76"/>
      <c r="AA1733" s="85"/>
      <c r="AB1733" s="85"/>
      <c r="AC1733" s="85"/>
      <c r="AD1733" s="85"/>
      <c r="AE1733" s="85"/>
      <c r="AF1733" s="85"/>
      <c r="AG1733" s="86"/>
      <c r="AH1733" s="85"/>
      <c r="AI1733" s="85"/>
      <c r="AJ1733" s="85"/>
      <c r="AK1733" s="85"/>
      <c r="AL1733" s="85"/>
      <c r="AM1733" s="92"/>
      <c r="AN1733" s="92"/>
      <c r="AO1733" s="92"/>
      <c r="AP1733" s="92"/>
      <c r="AQ1733" s="92"/>
      <c r="AR1733" s="92"/>
      <c r="AS1733" s="92"/>
      <c r="AT1733" s="92"/>
      <c r="AU1733" s="92"/>
      <c r="AV1733" s="92"/>
      <c r="AW1733" s="92"/>
      <c r="AX1733" s="92"/>
      <c r="AY1733" s="92"/>
      <c r="AZ1733" s="93"/>
      <c r="BA1733" s="93"/>
      <c r="BB1733" s="93"/>
      <c r="BC1733" s="93"/>
      <c r="BD1733" s="93"/>
      <c r="BE1733" s="93"/>
      <c r="BF1733" s="93"/>
      <c r="BG1733" s="93"/>
      <c r="BH1733" s="93"/>
      <c r="BI1733" s="93"/>
      <c r="BJ1733" s="93"/>
      <c r="BK1733" s="93"/>
      <c r="BL1733" s="93"/>
    </row>
    <row r="1734" spans="2:64" x14ac:dyDescent="0.2">
      <c r="B1734" s="43"/>
      <c r="C1734" s="73"/>
      <c r="D1734" s="64"/>
      <c r="E1734" s="55"/>
      <c r="F1734" s="74"/>
      <c r="G1734" s="74"/>
      <c r="H1734" s="74"/>
      <c r="I1734" s="75"/>
      <c r="J1734" s="74"/>
      <c r="L1734" s="55"/>
      <c r="M1734" s="234"/>
      <c r="N1734" s="65"/>
      <c r="O1734" s="76"/>
      <c r="P1734" s="76"/>
      <c r="Q1734" s="65"/>
      <c r="R1734" s="76"/>
      <c r="S1734" s="76"/>
      <c r="T1734" s="76"/>
      <c r="U1734" s="76"/>
      <c r="V1734" s="76"/>
      <c r="W1734" s="76"/>
      <c r="X1734" s="76"/>
      <c r="Y1734" s="76"/>
      <c r="Z1734" s="76"/>
      <c r="AA1734" s="85"/>
      <c r="AB1734" s="85"/>
      <c r="AC1734" s="85"/>
      <c r="AD1734" s="85"/>
      <c r="AE1734" s="85"/>
      <c r="AF1734" s="85"/>
      <c r="AG1734" s="86"/>
      <c r="AH1734" s="85"/>
      <c r="AI1734" s="85"/>
      <c r="AJ1734" s="85"/>
      <c r="AK1734" s="85"/>
      <c r="AL1734" s="85"/>
      <c r="AM1734" s="92"/>
      <c r="AN1734" s="92"/>
      <c r="AO1734" s="92"/>
      <c r="AP1734" s="92"/>
      <c r="AQ1734" s="92"/>
      <c r="AR1734" s="92"/>
      <c r="AS1734" s="92"/>
      <c r="AT1734" s="92"/>
      <c r="AU1734" s="92"/>
      <c r="AV1734" s="92"/>
      <c r="AW1734" s="92"/>
      <c r="AX1734" s="92"/>
      <c r="AY1734" s="92"/>
      <c r="AZ1734" s="93"/>
      <c r="BA1734" s="93"/>
      <c r="BB1734" s="93"/>
      <c r="BC1734" s="93"/>
      <c r="BD1734" s="93"/>
      <c r="BE1734" s="93"/>
      <c r="BF1734" s="93"/>
      <c r="BG1734" s="93"/>
      <c r="BH1734" s="93"/>
      <c r="BI1734" s="93"/>
      <c r="BJ1734" s="93"/>
      <c r="BK1734" s="93"/>
      <c r="BL1734" s="93"/>
    </row>
    <row r="1735" spans="2:64" x14ac:dyDescent="0.2">
      <c r="B1735" s="43"/>
      <c r="C1735" s="73"/>
      <c r="D1735" s="64"/>
      <c r="E1735" s="55"/>
      <c r="F1735" s="74"/>
      <c r="G1735" s="74"/>
      <c r="H1735" s="74"/>
      <c r="I1735" s="75"/>
      <c r="J1735" s="74"/>
      <c r="L1735" s="55"/>
      <c r="M1735" s="234"/>
      <c r="N1735" s="65"/>
      <c r="O1735" s="76"/>
      <c r="P1735" s="76"/>
      <c r="Q1735" s="65"/>
      <c r="R1735" s="76"/>
      <c r="S1735" s="76"/>
      <c r="T1735" s="76"/>
      <c r="U1735" s="76"/>
      <c r="V1735" s="76"/>
      <c r="W1735" s="76"/>
      <c r="X1735" s="76"/>
      <c r="Y1735" s="76"/>
      <c r="Z1735" s="76"/>
      <c r="AA1735" s="85"/>
      <c r="AB1735" s="85"/>
      <c r="AC1735" s="85"/>
      <c r="AD1735" s="85"/>
      <c r="AE1735" s="85"/>
      <c r="AF1735" s="85"/>
      <c r="AG1735" s="86"/>
      <c r="AH1735" s="85"/>
      <c r="AI1735" s="85"/>
      <c r="AJ1735" s="85"/>
      <c r="AK1735" s="85"/>
      <c r="AL1735" s="85"/>
      <c r="AM1735" s="92"/>
      <c r="AN1735" s="92"/>
      <c r="AO1735" s="92"/>
      <c r="AP1735" s="92"/>
      <c r="AQ1735" s="92"/>
      <c r="AR1735" s="92"/>
      <c r="AS1735" s="92"/>
      <c r="AT1735" s="92"/>
      <c r="AU1735" s="92"/>
      <c r="AV1735" s="92"/>
      <c r="AW1735" s="92"/>
      <c r="AX1735" s="92"/>
      <c r="AY1735" s="92"/>
      <c r="AZ1735" s="93"/>
      <c r="BA1735" s="93"/>
      <c r="BB1735" s="93"/>
      <c r="BC1735" s="93"/>
      <c r="BD1735" s="93"/>
      <c r="BE1735" s="93"/>
      <c r="BF1735" s="93"/>
      <c r="BG1735" s="93"/>
      <c r="BH1735" s="93"/>
      <c r="BI1735" s="93"/>
      <c r="BJ1735" s="93"/>
      <c r="BK1735" s="93"/>
      <c r="BL1735" s="93"/>
    </row>
    <row r="1736" spans="2:64" x14ac:dyDescent="0.2">
      <c r="B1736" s="43"/>
      <c r="C1736" s="73"/>
      <c r="D1736" s="64"/>
      <c r="E1736" s="55"/>
      <c r="F1736" s="74"/>
      <c r="G1736" s="74"/>
      <c r="H1736" s="74"/>
      <c r="I1736" s="75"/>
      <c r="J1736" s="74"/>
      <c r="L1736" s="55"/>
      <c r="M1736" s="234"/>
      <c r="N1736" s="65"/>
      <c r="O1736" s="76"/>
      <c r="P1736" s="76"/>
      <c r="Q1736" s="65"/>
      <c r="R1736" s="76"/>
      <c r="S1736" s="76"/>
      <c r="T1736" s="76"/>
      <c r="U1736" s="76"/>
      <c r="V1736" s="76"/>
      <c r="W1736" s="76"/>
      <c r="X1736" s="76"/>
      <c r="Y1736" s="76"/>
      <c r="Z1736" s="76"/>
      <c r="AA1736" s="85"/>
      <c r="AB1736" s="85"/>
      <c r="AC1736" s="85"/>
      <c r="AD1736" s="85"/>
      <c r="AE1736" s="85"/>
      <c r="AF1736" s="85"/>
      <c r="AG1736" s="86"/>
      <c r="AH1736" s="85"/>
      <c r="AI1736" s="85"/>
      <c r="AJ1736" s="85"/>
      <c r="AK1736" s="85"/>
      <c r="AL1736" s="85"/>
      <c r="AM1736" s="92"/>
      <c r="AN1736" s="92"/>
      <c r="AO1736" s="92"/>
      <c r="AP1736" s="92"/>
      <c r="AQ1736" s="92"/>
      <c r="AR1736" s="92"/>
      <c r="AS1736" s="92"/>
      <c r="AT1736" s="92"/>
      <c r="AU1736" s="92"/>
      <c r="AV1736" s="92"/>
      <c r="AW1736" s="92"/>
      <c r="AX1736" s="92"/>
      <c r="AY1736" s="92"/>
      <c r="AZ1736" s="93"/>
      <c r="BA1736" s="93"/>
      <c r="BB1736" s="93"/>
      <c r="BC1736" s="93"/>
      <c r="BD1736" s="93"/>
      <c r="BE1736" s="93"/>
      <c r="BF1736" s="93"/>
      <c r="BG1736" s="93"/>
      <c r="BH1736" s="93"/>
      <c r="BI1736" s="93"/>
      <c r="BJ1736" s="93"/>
      <c r="BK1736" s="93"/>
      <c r="BL1736" s="93"/>
    </row>
    <row r="1737" spans="2:64" x14ac:dyDescent="0.2">
      <c r="B1737" s="43"/>
      <c r="C1737" s="73"/>
      <c r="D1737" s="64"/>
      <c r="E1737" s="55"/>
      <c r="F1737" s="74"/>
      <c r="G1737" s="74"/>
      <c r="H1737" s="74"/>
      <c r="I1737" s="75"/>
      <c r="J1737" s="74"/>
      <c r="L1737" s="55"/>
      <c r="M1737" s="234"/>
      <c r="N1737" s="65"/>
      <c r="O1737" s="76"/>
      <c r="P1737" s="76"/>
      <c r="Q1737" s="65"/>
      <c r="R1737" s="76"/>
      <c r="S1737" s="76"/>
      <c r="T1737" s="76"/>
      <c r="U1737" s="76"/>
      <c r="V1737" s="76"/>
      <c r="W1737" s="76"/>
      <c r="X1737" s="76"/>
      <c r="Y1737" s="76"/>
      <c r="Z1737" s="76"/>
      <c r="AA1737" s="85"/>
      <c r="AB1737" s="85"/>
      <c r="AC1737" s="85"/>
      <c r="AD1737" s="85"/>
      <c r="AE1737" s="85"/>
      <c r="AF1737" s="85"/>
      <c r="AG1737" s="86"/>
      <c r="AH1737" s="85"/>
      <c r="AI1737" s="85"/>
      <c r="AJ1737" s="85"/>
      <c r="AK1737" s="85"/>
      <c r="AL1737" s="85"/>
      <c r="AM1737" s="92"/>
      <c r="AN1737" s="92"/>
      <c r="AO1737" s="92"/>
      <c r="AP1737" s="92"/>
      <c r="AQ1737" s="92"/>
      <c r="AR1737" s="92"/>
      <c r="AS1737" s="92"/>
      <c r="AT1737" s="92"/>
      <c r="AU1737" s="92"/>
      <c r="AV1737" s="92"/>
      <c r="AW1737" s="92"/>
      <c r="AX1737" s="92"/>
      <c r="AY1737" s="92"/>
      <c r="AZ1737" s="93"/>
      <c r="BA1737" s="93"/>
      <c r="BB1737" s="93"/>
      <c r="BC1737" s="93"/>
      <c r="BD1737" s="93"/>
      <c r="BE1737" s="93"/>
      <c r="BF1737" s="93"/>
      <c r="BG1737" s="93"/>
      <c r="BH1737" s="93"/>
      <c r="BI1737" s="93"/>
      <c r="BJ1737" s="93"/>
      <c r="BK1737" s="93"/>
      <c r="BL1737" s="93"/>
    </row>
    <row r="1738" spans="2:64" x14ac:dyDescent="0.2">
      <c r="B1738" s="43"/>
      <c r="C1738" s="73"/>
      <c r="D1738" s="64"/>
      <c r="E1738" s="55"/>
      <c r="F1738" s="74"/>
      <c r="G1738" s="74"/>
      <c r="H1738" s="74"/>
      <c r="I1738" s="75"/>
      <c r="J1738" s="74"/>
      <c r="L1738" s="55"/>
      <c r="M1738" s="234"/>
      <c r="N1738" s="65"/>
      <c r="O1738" s="76"/>
      <c r="P1738" s="76"/>
      <c r="Q1738" s="65"/>
      <c r="R1738" s="76"/>
      <c r="S1738" s="76"/>
      <c r="T1738" s="76"/>
      <c r="U1738" s="76"/>
      <c r="V1738" s="76"/>
      <c r="W1738" s="76"/>
      <c r="X1738" s="76"/>
      <c r="Y1738" s="76"/>
      <c r="Z1738" s="76"/>
      <c r="AA1738" s="85"/>
      <c r="AB1738" s="85"/>
      <c r="AC1738" s="85"/>
      <c r="AD1738" s="85"/>
      <c r="AE1738" s="85"/>
      <c r="AF1738" s="85"/>
      <c r="AG1738" s="86"/>
      <c r="AH1738" s="85"/>
      <c r="AI1738" s="85"/>
      <c r="AJ1738" s="85"/>
      <c r="AK1738" s="85"/>
      <c r="AL1738" s="85"/>
      <c r="AM1738" s="92"/>
      <c r="AN1738" s="92"/>
      <c r="AO1738" s="92"/>
      <c r="AP1738" s="92"/>
      <c r="AQ1738" s="92"/>
      <c r="AR1738" s="92"/>
      <c r="AS1738" s="92"/>
      <c r="AT1738" s="92"/>
      <c r="AU1738" s="92"/>
      <c r="AV1738" s="92"/>
      <c r="AW1738" s="92"/>
      <c r="AX1738" s="92"/>
      <c r="AY1738" s="92"/>
      <c r="AZ1738" s="93"/>
      <c r="BA1738" s="93"/>
      <c r="BB1738" s="93"/>
      <c r="BC1738" s="93"/>
      <c r="BD1738" s="93"/>
      <c r="BE1738" s="93"/>
      <c r="BF1738" s="93"/>
      <c r="BG1738" s="93"/>
      <c r="BH1738" s="93"/>
      <c r="BI1738" s="93"/>
      <c r="BJ1738" s="93"/>
      <c r="BK1738" s="93"/>
      <c r="BL1738" s="93"/>
    </row>
    <row r="1739" spans="2:64" x14ac:dyDescent="0.2">
      <c r="B1739" s="43"/>
      <c r="C1739" s="73"/>
      <c r="D1739" s="64"/>
      <c r="E1739" s="55"/>
      <c r="F1739" s="74"/>
      <c r="G1739" s="74"/>
      <c r="H1739" s="74"/>
      <c r="I1739" s="75"/>
      <c r="J1739" s="74"/>
      <c r="L1739" s="55"/>
      <c r="M1739" s="234"/>
      <c r="N1739" s="65"/>
      <c r="O1739" s="76"/>
      <c r="P1739" s="76"/>
      <c r="Q1739" s="65"/>
      <c r="R1739" s="76"/>
      <c r="S1739" s="76"/>
      <c r="T1739" s="76"/>
      <c r="U1739" s="76"/>
      <c r="V1739" s="76"/>
      <c r="W1739" s="76"/>
      <c r="X1739" s="76"/>
      <c r="Y1739" s="76"/>
      <c r="Z1739" s="76"/>
      <c r="AA1739" s="85"/>
      <c r="AB1739" s="85"/>
      <c r="AC1739" s="85"/>
      <c r="AD1739" s="85"/>
      <c r="AE1739" s="85"/>
      <c r="AF1739" s="85"/>
      <c r="AG1739" s="86"/>
      <c r="AH1739" s="85"/>
      <c r="AI1739" s="85"/>
      <c r="AJ1739" s="85"/>
      <c r="AK1739" s="85"/>
      <c r="AL1739" s="85"/>
      <c r="AM1739" s="92"/>
      <c r="AN1739" s="92"/>
      <c r="AO1739" s="92"/>
      <c r="AP1739" s="92"/>
      <c r="AQ1739" s="92"/>
      <c r="AR1739" s="92"/>
      <c r="AS1739" s="92"/>
      <c r="AT1739" s="92"/>
      <c r="AU1739" s="92"/>
      <c r="AV1739" s="92"/>
      <c r="AW1739" s="92"/>
      <c r="AX1739" s="92"/>
      <c r="AY1739" s="92"/>
      <c r="AZ1739" s="93"/>
      <c r="BA1739" s="93"/>
      <c r="BB1739" s="93"/>
      <c r="BC1739" s="93"/>
      <c r="BD1739" s="93"/>
      <c r="BE1739" s="93"/>
      <c r="BF1739" s="93"/>
      <c r="BG1739" s="93"/>
      <c r="BH1739" s="93"/>
      <c r="BI1739" s="93"/>
      <c r="BJ1739" s="93"/>
      <c r="BK1739" s="93"/>
      <c r="BL1739" s="93"/>
    </row>
    <row r="1740" spans="2:64" x14ac:dyDescent="0.2">
      <c r="B1740" s="43"/>
      <c r="C1740" s="73"/>
      <c r="D1740" s="64"/>
      <c r="E1740" s="55"/>
      <c r="F1740" s="74"/>
      <c r="G1740" s="74"/>
      <c r="H1740" s="74"/>
      <c r="I1740" s="75"/>
      <c r="J1740" s="74"/>
      <c r="L1740" s="55"/>
      <c r="M1740" s="234"/>
      <c r="N1740" s="65"/>
      <c r="O1740" s="76"/>
      <c r="P1740" s="76"/>
      <c r="Q1740" s="65"/>
      <c r="R1740" s="76"/>
      <c r="S1740" s="76"/>
      <c r="T1740" s="76"/>
      <c r="U1740" s="76"/>
      <c r="V1740" s="76"/>
      <c r="W1740" s="76"/>
      <c r="X1740" s="76"/>
      <c r="Y1740" s="76"/>
      <c r="Z1740" s="76"/>
      <c r="AA1740" s="85"/>
      <c r="AB1740" s="85"/>
      <c r="AC1740" s="85"/>
      <c r="AD1740" s="85"/>
      <c r="AE1740" s="85"/>
      <c r="AF1740" s="85"/>
      <c r="AG1740" s="86"/>
      <c r="AH1740" s="85"/>
      <c r="AI1740" s="85"/>
      <c r="AJ1740" s="85"/>
      <c r="AK1740" s="85"/>
      <c r="AL1740" s="85"/>
      <c r="AM1740" s="92"/>
      <c r="AN1740" s="92"/>
      <c r="AO1740" s="92"/>
      <c r="AP1740" s="92"/>
      <c r="AQ1740" s="92"/>
      <c r="AR1740" s="92"/>
      <c r="AS1740" s="92"/>
      <c r="AT1740" s="92"/>
      <c r="AU1740" s="92"/>
      <c r="AV1740" s="92"/>
      <c r="AW1740" s="92"/>
      <c r="AX1740" s="92"/>
      <c r="AY1740" s="92"/>
      <c r="AZ1740" s="93"/>
      <c r="BA1740" s="93"/>
      <c r="BB1740" s="93"/>
      <c r="BC1740" s="93"/>
      <c r="BD1740" s="93"/>
      <c r="BE1740" s="93"/>
      <c r="BF1740" s="93"/>
      <c r="BG1740" s="93"/>
      <c r="BH1740" s="93"/>
      <c r="BI1740" s="93"/>
      <c r="BJ1740" s="93"/>
      <c r="BK1740" s="93"/>
      <c r="BL1740" s="93"/>
    </row>
    <row r="1741" spans="2:64" x14ac:dyDescent="0.2">
      <c r="B1741" s="43"/>
      <c r="C1741" s="73"/>
      <c r="D1741" s="64"/>
      <c r="E1741" s="55"/>
      <c r="F1741" s="74"/>
      <c r="G1741" s="74"/>
      <c r="H1741" s="74"/>
      <c r="I1741" s="75"/>
      <c r="J1741" s="74"/>
      <c r="L1741" s="55"/>
      <c r="M1741" s="234"/>
      <c r="N1741" s="65"/>
      <c r="O1741" s="76"/>
      <c r="P1741" s="76"/>
      <c r="Q1741" s="65"/>
      <c r="R1741" s="76"/>
      <c r="S1741" s="76"/>
      <c r="T1741" s="76"/>
      <c r="U1741" s="76"/>
      <c r="V1741" s="76"/>
      <c r="W1741" s="76"/>
      <c r="X1741" s="76"/>
      <c r="Y1741" s="76"/>
      <c r="Z1741" s="76"/>
      <c r="AA1741" s="85"/>
      <c r="AB1741" s="85"/>
      <c r="AC1741" s="85"/>
      <c r="AD1741" s="85"/>
      <c r="AE1741" s="85"/>
      <c r="AF1741" s="85"/>
      <c r="AG1741" s="86"/>
      <c r="AH1741" s="85"/>
      <c r="AI1741" s="85"/>
      <c r="AJ1741" s="85"/>
      <c r="AK1741" s="85"/>
      <c r="AL1741" s="85"/>
      <c r="AM1741" s="92"/>
      <c r="AN1741" s="92"/>
      <c r="AO1741" s="92"/>
      <c r="AP1741" s="92"/>
      <c r="AQ1741" s="92"/>
      <c r="AR1741" s="92"/>
      <c r="AS1741" s="92"/>
      <c r="AT1741" s="92"/>
      <c r="AU1741" s="92"/>
      <c r="AV1741" s="92"/>
      <c r="AW1741" s="92"/>
      <c r="AX1741" s="92"/>
      <c r="AY1741" s="92"/>
      <c r="AZ1741" s="93"/>
      <c r="BA1741" s="93"/>
      <c r="BB1741" s="93"/>
      <c r="BC1741" s="93"/>
      <c r="BD1741" s="93"/>
      <c r="BE1741" s="93"/>
      <c r="BF1741" s="93"/>
      <c r="BG1741" s="93"/>
      <c r="BH1741" s="93"/>
      <c r="BI1741" s="93"/>
      <c r="BJ1741" s="93"/>
      <c r="BK1741" s="93"/>
      <c r="BL1741" s="93"/>
    </row>
    <row r="1742" spans="2:64" x14ac:dyDescent="0.2">
      <c r="B1742" s="43"/>
      <c r="C1742" s="73"/>
      <c r="D1742" s="64"/>
      <c r="E1742" s="55"/>
      <c r="F1742" s="74"/>
      <c r="G1742" s="74"/>
      <c r="H1742" s="74"/>
      <c r="I1742" s="75"/>
      <c r="J1742" s="74"/>
      <c r="L1742" s="55"/>
      <c r="M1742" s="234"/>
      <c r="N1742" s="65"/>
      <c r="O1742" s="76"/>
      <c r="P1742" s="76"/>
      <c r="Q1742" s="65"/>
      <c r="R1742" s="76"/>
      <c r="S1742" s="76"/>
      <c r="T1742" s="76"/>
      <c r="U1742" s="76"/>
      <c r="V1742" s="76"/>
      <c r="W1742" s="76"/>
      <c r="X1742" s="76"/>
      <c r="Y1742" s="76"/>
      <c r="Z1742" s="76"/>
      <c r="AA1742" s="85"/>
      <c r="AB1742" s="85"/>
      <c r="AC1742" s="85"/>
      <c r="AD1742" s="85"/>
      <c r="AE1742" s="85"/>
      <c r="AF1742" s="85"/>
      <c r="AG1742" s="86"/>
      <c r="AH1742" s="85"/>
      <c r="AI1742" s="85"/>
      <c r="AJ1742" s="85"/>
      <c r="AK1742" s="85"/>
      <c r="AL1742" s="85"/>
      <c r="AM1742" s="92"/>
      <c r="AN1742" s="92"/>
      <c r="AO1742" s="92"/>
      <c r="AP1742" s="92"/>
      <c r="AQ1742" s="92"/>
      <c r="AR1742" s="92"/>
      <c r="AS1742" s="92"/>
      <c r="AT1742" s="92"/>
      <c r="AU1742" s="92"/>
      <c r="AV1742" s="92"/>
      <c r="AW1742" s="92"/>
      <c r="AX1742" s="92"/>
      <c r="AY1742" s="92"/>
      <c r="AZ1742" s="93"/>
      <c r="BA1742" s="93"/>
      <c r="BB1742" s="93"/>
      <c r="BC1742" s="93"/>
      <c r="BD1742" s="93"/>
      <c r="BE1742" s="93"/>
      <c r="BF1742" s="93"/>
      <c r="BG1742" s="93"/>
      <c r="BH1742" s="93"/>
      <c r="BI1742" s="93"/>
      <c r="BJ1742" s="93"/>
      <c r="BK1742" s="93"/>
      <c r="BL1742" s="93"/>
    </row>
    <row r="1743" spans="2:64" x14ac:dyDescent="0.2">
      <c r="B1743" s="43"/>
      <c r="C1743" s="73"/>
      <c r="D1743" s="64"/>
      <c r="E1743" s="55"/>
      <c r="F1743" s="74"/>
      <c r="G1743" s="74"/>
      <c r="H1743" s="74"/>
      <c r="I1743" s="75"/>
      <c r="J1743" s="74"/>
      <c r="L1743" s="55"/>
      <c r="M1743" s="234"/>
      <c r="N1743" s="65"/>
      <c r="O1743" s="76"/>
      <c r="P1743" s="76"/>
      <c r="Q1743" s="65"/>
      <c r="R1743" s="76"/>
      <c r="S1743" s="76"/>
      <c r="T1743" s="76"/>
      <c r="U1743" s="76"/>
      <c r="V1743" s="76"/>
      <c r="W1743" s="76"/>
      <c r="X1743" s="76"/>
      <c r="Y1743" s="76"/>
      <c r="Z1743" s="76"/>
      <c r="AA1743" s="85"/>
      <c r="AB1743" s="85"/>
      <c r="AC1743" s="85"/>
      <c r="AD1743" s="85"/>
      <c r="AE1743" s="85"/>
      <c r="AF1743" s="85"/>
      <c r="AG1743" s="86"/>
      <c r="AH1743" s="85"/>
      <c r="AI1743" s="85"/>
      <c r="AJ1743" s="85"/>
      <c r="AK1743" s="85"/>
      <c r="AL1743" s="85"/>
      <c r="AM1743" s="92"/>
      <c r="AN1743" s="92"/>
      <c r="AO1743" s="92"/>
      <c r="AP1743" s="92"/>
      <c r="AQ1743" s="92"/>
      <c r="AR1743" s="92"/>
      <c r="AS1743" s="92"/>
      <c r="AT1743" s="92"/>
      <c r="AU1743" s="92"/>
      <c r="AV1743" s="92"/>
      <c r="AW1743" s="92"/>
      <c r="AX1743" s="92"/>
      <c r="AY1743" s="92"/>
      <c r="AZ1743" s="93"/>
      <c r="BA1743" s="93"/>
      <c r="BB1743" s="93"/>
      <c r="BC1743" s="93"/>
      <c r="BD1743" s="93"/>
      <c r="BE1743" s="93"/>
      <c r="BF1743" s="93"/>
      <c r="BG1743" s="93"/>
      <c r="BH1743" s="93"/>
      <c r="BI1743" s="93"/>
      <c r="BJ1743" s="93"/>
      <c r="BK1743" s="93"/>
      <c r="BL1743" s="93"/>
    </row>
    <row r="1744" spans="2:64" x14ac:dyDescent="0.2">
      <c r="B1744" s="43"/>
      <c r="C1744" s="73"/>
      <c r="D1744" s="64"/>
      <c r="E1744" s="55"/>
      <c r="F1744" s="74"/>
      <c r="G1744" s="74"/>
      <c r="H1744" s="74"/>
      <c r="I1744" s="75"/>
      <c r="J1744" s="74"/>
      <c r="L1744" s="55"/>
      <c r="M1744" s="234"/>
      <c r="N1744" s="65"/>
      <c r="O1744" s="76"/>
      <c r="P1744" s="76"/>
      <c r="Q1744" s="65"/>
      <c r="R1744" s="76"/>
      <c r="S1744" s="76"/>
      <c r="T1744" s="76"/>
      <c r="U1744" s="76"/>
      <c r="V1744" s="76"/>
      <c r="W1744" s="76"/>
      <c r="X1744" s="76"/>
      <c r="Y1744" s="76"/>
      <c r="Z1744" s="76"/>
      <c r="AA1744" s="85"/>
      <c r="AB1744" s="85"/>
      <c r="AC1744" s="85"/>
      <c r="AD1744" s="85"/>
      <c r="AE1744" s="85"/>
      <c r="AF1744" s="85"/>
      <c r="AG1744" s="86"/>
      <c r="AH1744" s="85"/>
      <c r="AI1744" s="85"/>
      <c r="AJ1744" s="85"/>
      <c r="AK1744" s="85"/>
      <c r="AL1744" s="85"/>
      <c r="AM1744" s="92"/>
      <c r="AN1744" s="92"/>
      <c r="AO1744" s="92"/>
      <c r="AP1744" s="92"/>
      <c r="AQ1744" s="92"/>
      <c r="AR1744" s="92"/>
      <c r="AS1744" s="92"/>
      <c r="AT1744" s="92"/>
      <c r="AU1744" s="92"/>
      <c r="AV1744" s="92"/>
      <c r="AW1744" s="92"/>
      <c r="AX1744" s="92"/>
      <c r="AY1744" s="92"/>
      <c r="AZ1744" s="93"/>
      <c r="BA1744" s="93"/>
      <c r="BB1744" s="93"/>
      <c r="BC1744" s="93"/>
      <c r="BD1744" s="93"/>
      <c r="BE1744" s="93"/>
      <c r="BF1744" s="93"/>
      <c r="BG1744" s="93"/>
      <c r="BH1744" s="93"/>
      <c r="BI1744" s="93"/>
      <c r="BJ1744" s="93"/>
      <c r="BK1744" s="93"/>
      <c r="BL1744" s="93"/>
    </row>
    <row r="1745" spans="2:64" x14ac:dyDescent="0.2">
      <c r="B1745" s="43"/>
      <c r="C1745" s="73"/>
      <c r="D1745" s="64"/>
      <c r="E1745" s="55"/>
      <c r="F1745" s="74"/>
      <c r="G1745" s="74"/>
      <c r="H1745" s="74"/>
      <c r="I1745" s="75"/>
      <c r="J1745" s="74"/>
      <c r="L1745" s="55"/>
      <c r="M1745" s="234"/>
      <c r="N1745" s="65"/>
      <c r="O1745" s="76"/>
      <c r="P1745" s="76"/>
      <c r="Q1745" s="65"/>
      <c r="R1745" s="76"/>
      <c r="S1745" s="76"/>
      <c r="T1745" s="76"/>
      <c r="U1745" s="76"/>
      <c r="V1745" s="76"/>
      <c r="W1745" s="76"/>
      <c r="X1745" s="76"/>
      <c r="Y1745" s="76"/>
      <c r="Z1745" s="76"/>
      <c r="AA1745" s="85"/>
      <c r="AB1745" s="85"/>
      <c r="AC1745" s="85"/>
      <c r="AD1745" s="85"/>
      <c r="AE1745" s="85"/>
      <c r="AF1745" s="85"/>
      <c r="AG1745" s="86"/>
      <c r="AH1745" s="85"/>
      <c r="AI1745" s="85"/>
      <c r="AJ1745" s="85"/>
      <c r="AK1745" s="85"/>
      <c r="AL1745" s="85"/>
      <c r="AM1745" s="92"/>
      <c r="AN1745" s="92"/>
      <c r="AO1745" s="92"/>
      <c r="AP1745" s="92"/>
      <c r="AQ1745" s="92"/>
      <c r="AR1745" s="92"/>
      <c r="AS1745" s="92"/>
      <c r="AT1745" s="92"/>
      <c r="AU1745" s="92"/>
      <c r="AV1745" s="92"/>
      <c r="AW1745" s="92"/>
      <c r="AX1745" s="92"/>
      <c r="AY1745" s="92"/>
      <c r="AZ1745" s="93"/>
      <c r="BA1745" s="93"/>
      <c r="BB1745" s="93"/>
      <c r="BC1745" s="93"/>
      <c r="BD1745" s="93"/>
      <c r="BE1745" s="93"/>
      <c r="BF1745" s="93"/>
      <c r="BG1745" s="93"/>
      <c r="BH1745" s="93"/>
      <c r="BI1745" s="93"/>
      <c r="BJ1745" s="93"/>
      <c r="BK1745" s="93"/>
      <c r="BL1745" s="93"/>
    </row>
    <row r="1746" spans="2:64" x14ac:dyDescent="0.2">
      <c r="B1746" s="43"/>
      <c r="C1746" s="73"/>
      <c r="D1746" s="64"/>
      <c r="E1746" s="55"/>
      <c r="F1746" s="74"/>
      <c r="G1746" s="74"/>
      <c r="H1746" s="74"/>
      <c r="I1746" s="75"/>
      <c r="J1746" s="74"/>
      <c r="L1746" s="55"/>
      <c r="M1746" s="234"/>
      <c r="N1746" s="65"/>
      <c r="O1746" s="76"/>
      <c r="P1746" s="76"/>
      <c r="Q1746" s="65"/>
      <c r="R1746" s="76"/>
      <c r="S1746" s="76"/>
      <c r="T1746" s="76"/>
      <c r="U1746" s="76"/>
      <c r="V1746" s="76"/>
      <c r="W1746" s="76"/>
      <c r="X1746" s="76"/>
      <c r="Y1746" s="76"/>
      <c r="Z1746" s="76"/>
      <c r="AA1746" s="85"/>
      <c r="AB1746" s="85"/>
      <c r="AC1746" s="85"/>
      <c r="AD1746" s="85"/>
      <c r="AE1746" s="85"/>
      <c r="AF1746" s="85"/>
      <c r="AG1746" s="86"/>
      <c r="AH1746" s="85"/>
      <c r="AI1746" s="85"/>
      <c r="AJ1746" s="85"/>
      <c r="AK1746" s="85"/>
      <c r="AL1746" s="85"/>
      <c r="AM1746" s="92"/>
      <c r="AN1746" s="92"/>
      <c r="AO1746" s="92"/>
      <c r="AP1746" s="92"/>
      <c r="AQ1746" s="92"/>
      <c r="AR1746" s="92"/>
      <c r="AS1746" s="92"/>
      <c r="AT1746" s="92"/>
      <c r="AU1746" s="92"/>
      <c r="AV1746" s="92"/>
      <c r="AW1746" s="92"/>
      <c r="AX1746" s="92"/>
      <c r="AY1746" s="92"/>
      <c r="AZ1746" s="93"/>
      <c r="BA1746" s="93"/>
      <c r="BB1746" s="93"/>
      <c r="BC1746" s="93"/>
      <c r="BD1746" s="93"/>
      <c r="BE1746" s="93"/>
      <c r="BF1746" s="93"/>
      <c r="BG1746" s="93"/>
      <c r="BH1746" s="93"/>
      <c r="BI1746" s="93"/>
      <c r="BJ1746" s="93"/>
      <c r="BK1746" s="93"/>
      <c r="BL1746" s="93"/>
    </row>
    <row r="1747" spans="2:64" x14ac:dyDescent="0.2">
      <c r="B1747" s="43"/>
      <c r="C1747" s="73"/>
      <c r="D1747" s="64"/>
      <c r="E1747" s="55"/>
      <c r="F1747" s="74"/>
      <c r="G1747" s="74"/>
      <c r="H1747" s="74"/>
      <c r="I1747" s="75"/>
      <c r="J1747" s="74"/>
      <c r="L1747" s="55"/>
      <c r="M1747" s="234"/>
      <c r="N1747" s="65"/>
      <c r="O1747" s="76"/>
      <c r="P1747" s="76"/>
      <c r="Q1747" s="65"/>
      <c r="R1747" s="76"/>
      <c r="S1747" s="76"/>
      <c r="T1747" s="76"/>
      <c r="U1747" s="76"/>
      <c r="V1747" s="76"/>
      <c r="W1747" s="76"/>
      <c r="X1747" s="76"/>
      <c r="Y1747" s="76"/>
      <c r="Z1747" s="76"/>
      <c r="AA1747" s="85"/>
      <c r="AB1747" s="85"/>
      <c r="AC1747" s="85"/>
      <c r="AD1747" s="85"/>
      <c r="AE1747" s="85"/>
      <c r="AF1747" s="85"/>
      <c r="AG1747" s="86"/>
      <c r="AH1747" s="85"/>
      <c r="AI1747" s="85"/>
      <c r="AJ1747" s="85"/>
      <c r="AK1747" s="85"/>
      <c r="AL1747" s="85"/>
      <c r="AM1747" s="92"/>
      <c r="AN1747" s="92"/>
      <c r="AO1747" s="92"/>
      <c r="AP1747" s="92"/>
      <c r="AQ1747" s="92"/>
      <c r="AR1747" s="92"/>
      <c r="AS1747" s="92"/>
      <c r="AT1747" s="92"/>
      <c r="AU1747" s="92"/>
      <c r="AV1747" s="92"/>
      <c r="AW1747" s="92"/>
      <c r="AX1747" s="92"/>
      <c r="AY1747" s="92"/>
      <c r="AZ1747" s="93"/>
      <c r="BA1747" s="93"/>
      <c r="BB1747" s="93"/>
      <c r="BC1747" s="93"/>
      <c r="BD1747" s="93"/>
      <c r="BE1747" s="93"/>
      <c r="BF1747" s="93"/>
      <c r="BG1747" s="93"/>
      <c r="BH1747" s="93"/>
      <c r="BI1747" s="93"/>
      <c r="BJ1747" s="93"/>
      <c r="BK1747" s="93"/>
      <c r="BL1747" s="93"/>
    </row>
    <row r="1748" spans="2:64" x14ac:dyDescent="0.2">
      <c r="B1748" s="43"/>
      <c r="C1748" s="73"/>
      <c r="D1748" s="64"/>
      <c r="E1748" s="55"/>
      <c r="F1748" s="74"/>
      <c r="G1748" s="74"/>
      <c r="H1748" s="74"/>
      <c r="I1748" s="75"/>
      <c r="J1748" s="74"/>
      <c r="L1748" s="55"/>
      <c r="M1748" s="234"/>
      <c r="N1748" s="65"/>
      <c r="O1748" s="76"/>
      <c r="P1748" s="76"/>
      <c r="Q1748" s="65"/>
      <c r="R1748" s="76"/>
      <c r="S1748" s="76"/>
      <c r="T1748" s="76"/>
      <c r="U1748" s="76"/>
      <c r="V1748" s="76"/>
      <c r="W1748" s="76"/>
      <c r="X1748" s="76"/>
      <c r="Y1748" s="76"/>
      <c r="Z1748" s="76"/>
      <c r="AA1748" s="85"/>
      <c r="AB1748" s="85"/>
      <c r="AC1748" s="85"/>
      <c r="AD1748" s="85"/>
      <c r="AE1748" s="85"/>
      <c r="AF1748" s="85"/>
      <c r="AG1748" s="86"/>
      <c r="AH1748" s="85"/>
      <c r="AI1748" s="85"/>
      <c r="AJ1748" s="85"/>
      <c r="AK1748" s="85"/>
      <c r="AL1748" s="85"/>
      <c r="AM1748" s="92"/>
      <c r="AN1748" s="92"/>
      <c r="AO1748" s="92"/>
      <c r="AP1748" s="92"/>
      <c r="AQ1748" s="92"/>
      <c r="AR1748" s="92"/>
      <c r="AS1748" s="92"/>
      <c r="AT1748" s="92"/>
      <c r="AU1748" s="92"/>
      <c r="AV1748" s="92"/>
      <c r="AW1748" s="92"/>
      <c r="AX1748" s="92"/>
      <c r="AY1748" s="92"/>
      <c r="AZ1748" s="93"/>
      <c r="BA1748" s="93"/>
      <c r="BB1748" s="93"/>
      <c r="BC1748" s="93"/>
      <c r="BD1748" s="93"/>
      <c r="BE1748" s="93"/>
      <c r="BF1748" s="93"/>
      <c r="BG1748" s="93"/>
      <c r="BH1748" s="93"/>
      <c r="BI1748" s="93"/>
      <c r="BJ1748" s="93"/>
      <c r="BK1748" s="93"/>
      <c r="BL1748" s="93"/>
    </row>
    <row r="1749" spans="2:64" x14ac:dyDescent="0.2">
      <c r="B1749" s="43"/>
      <c r="C1749" s="73"/>
      <c r="D1749" s="64"/>
      <c r="E1749" s="55"/>
      <c r="F1749" s="74"/>
      <c r="G1749" s="74"/>
      <c r="H1749" s="74"/>
      <c r="I1749" s="75"/>
      <c r="J1749" s="74"/>
      <c r="L1749" s="55"/>
      <c r="M1749" s="234"/>
      <c r="N1749" s="65"/>
      <c r="O1749" s="76"/>
      <c r="P1749" s="76"/>
      <c r="Q1749" s="65"/>
      <c r="R1749" s="76"/>
      <c r="S1749" s="76"/>
      <c r="T1749" s="76"/>
      <c r="U1749" s="76"/>
      <c r="V1749" s="76"/>
      <c r="W1749" s="76"/>
      <c r="X1749" s="76"/>
      <c r="Y1749" s="76"/>
      <c r="Z1749" s="76"/>
      <c r="AA1749" s="85"/>
      <c r="AB1749" s="85"/>
      <c r="AC1749" s="85"/>
      <c r="AD1749" s="85"/>
      <c r="AE1749" s="85"/>
      <c r="AF1749" s="85"/>
      <c r="AG1749" s="86"/>
      <c r="AH1749" s="85"/>
      <c r="AI1749" s="85"/>
      <c r="AJ1749" s="85"/>
      <c r="AK1749" s="85"/>
      <c r="AL1749" s="85"/>
      <c r="AM1749" s="92"/>
      <c r="AN1749" s="92"/>
      <c r="AO1749" s="92"/>
      <c r="AP1749" s="92"/>
      <c r="AQ1749" s="92"/>
      <c r="AR1749" s="92"/>
      <c r="AS1749" s="92"/>
      <c r="AT1749" s="92"/>
      <c r="AU1749" s="92"/>
      <c r="AV1749" s="92"/>
      <c r="AW1749" s="92"/>
      <c r="AX1749" s="92"/>
      <c r="AY1749" s="92"/>
      <c r="AZ1749" s="93"/>
      <c r="BA1749" s="93"/>
      <c r="BB1749" s="93"/>
      <c r="BC1749" s="93"/>
      <c r="BD1749" s="93"/>
      <c r="BE1749" s="93"/>
      <c r="BF1749" s="93"/>
      <c r="BG1749" s="93"/>
      <c r="BH1749" s="93"/>
      <c r="BI1749" s="93"/>
      <c r="BJ1749" s="93"/>
      <c r="BK1749" s="93"/>
      <c r="BL1749" s="93"/>
    </row>
    <row r="1750" spans="2:64" x14ac:dyDescent="0.2">
      <c r="B1750" s="43"/>
      <c r="C1750" s="73"/>
      <c r="D1750" s="64"/>
      <c r="E1750" s="55"/>
      <c r="F1750" s="74"/>
      <c r="G1750" s="74"/>
      <c r="H1750" s="74"/>
      <c r="I1750" s="75"/>
      <c r="J1750" s="74"/>
      <c r="L1750" s="55"/>
      <c r="M1750" s="234"/>
      <c r="N1750" s="65"/>
      <c r="O1750" s="76"/>
      <c r="P1750" s="76"/>
      <c r="Q1750" s="65"/>
      <c r="R1750" s="76"/>
      <c r="S1750" s="76"/>
      <c r="T1750" s="76"/>
      <c r="U1750" s="76"/>
      <c r="V1750" s="76"/>
      <c r="W1750" s="76"/>
      <c r="X1750" s="76"/>
      <c r="Y1750" s="76"/>
      <c r="Z1750" s="76"/>
      <c r="AA1750" s="85"/>
      <c r="AB1750" s="85"/>
      <c r="AC1750" s="85"/>
      <c r="AD1750" s="85"/>
      <c r="AE1750" s="85"/>
      <c r="AF1750" s="85"/>
      <c r="AG1750" s="86"/>
      <c r="AH1750" s="85"/>
      <c r="AI1750" s="85"/>
      <c r="AJ1750" s="85"/>
      <c r="AK1750" s="85"/>
      <c r="AL1750" s="85"/>
      <c r="AM1750" s="92"/>
      <c r="AN1750" s="92"/>
      <c r="AO1750" s="92"/>
      <c r="AP1750" s="92"/>
      <c r="AQ1750" s="92"/>
      <c r="AR1750" s="92"/>
      <c r="AS1750" s="92"/>
      <c r="AT1750" s="92"/>
      <c r="AU1750" s="92"/>
      <c r="AV1750" s="92"/>
      <c r="AW1750" s="92"/>
      <c r="AX1750" s="92"/>
      <c r="AY1750" s="92"/>
      <c r="AZ1750" s="93"/>
      <c r="BA1750" s="93"/>
      <c r="BB1750" s="93"/>
      <c r="BC1750" s="93"/>
      <c r="BD1750" s="93"/>
      <c r="BE1750" s="93"/>
      <c r="BF1750" s="93"/>
      <c r="BG1750" s="93"/>
      <c r="BH1750" s="93"/>
      <c r="BI1750" s="93"/>
      <c r="BJ1750" s="93"/>
      <c r="BK1750" s="93"/>
      <c r="BL1750" s="93"/>
    </row>
    <row r="1751" spans="2:64" x14ac:dyDescent="0.2">
      <c r="B1751" s="43"/>
      <c r="C1751" s="73"/>
      <c r="D1751" s="64"/>
      <c r="E1751" s="55"/>
      <c r="F1751" s="74"/>
      <c r="G1751" s="74"/>
      <c r="H1751" s="74"/>
      <c r="I1751" s="75"/>
      <c r="J1751" s="74"/>
      <c r="L1751" s="55"/>
      <c r="M1751" s="234"/>
      <c r="N1751" s="65"/>
      <c r="O1751" s="76"/>
      <c r="P1751" s="76"/>
      <c r="Q1751" s="65"/>
      <c r="R1751" s="76"/>
      <c r="S1751" s="76"/>
      <c r="T1751" s="76"/>
      <c r="U1751" s="76"/>
      <c r="V1751" s="76"/>
      <c r="W1751" s="76"/>
      <c r="X1751" s="76"/>
      <c r="Y1751" s="76"/>
      <c r="Z1751" s="76"/>
      <c r="AA1751" s="85"/>
      <c r="AB1751" s="85"/>
      <c r="AC1751" s="85"/>
      <c r="AD1751" s="85"/>
      <c r="AE1751" s="85"/>
      <c r="AF1751" s="85"/>
      <c r="AG1751" s="86"/>
      <c r="AH1751" s="85"/>
      <c r="AI1751" s="85"/>
      <c r="AJ1751" s="85"/>
      <c r="AK1751" s="85"/>
      <c r="AL1751" s="85"/>
      <c r="AM1751" s="92"/>
      <c r="AN1751" s="92"/>
      <c r="AO1751" s="92"/>
      <c r="AP1751" s="92"/>
      <c r="AQ1751" s="92"/>
      <c r="AR1751" s="92"/>
      <c r="AS1751" s="92"/>
      <c r="AT1751" s="92"/>
      <c r="AU1751" s="92"/>
      <c r="AV1751" s="92"/>
      <c r="AW1751" s="92"/>
      <c r="AX1751" s="92"/>
      <c r="AY1751" s="92"/>
      <c r="AZ1751" s="93"/>
      <c r="BA1751" s="93"/>
      <c r="BB1751" s="93"/>
      <c r="BC1751" s="93"/>
      <c r="BD1751" s="93"/>
      <c r="BE1751" s="93"/>
      <c r="BF1751" s="93"/>
      <c r="BG1751" s="93"/>
      <c r="BH1751" s="93"/>
      <c r="BI1751" s="93"/>
      <c r="BJ1751" s="93"/>
      <c r="BK1751" s="93"/>
      <c r="BL1751" s="93"/>
    </row>
    <row r="1752" spans="2:64" x14ac:dyDescent="0.2">
      <c r="B1752" s="43"/>
      <c r="C1752" s="73"/>
      <c r="D1752" s="64"/>
      <c r="E1752" s="55"/>
      <c r="F1752" s="74"/>
      <c r="G1752" s="74"/>
      <c r="H1752" s="74"/>
      <c r="I1752" s="75"/>
      <c r="J1752" s="74"/>
      <c r="L1752" s="55"/>
      <c r="M1752" s="234"/>
      <c r="N1752" s="65"/>
      <c r="O1752" s="76"/>
      <c r="P1752" s="76"/>
      <c r="Q1752" s="65"/>
      <c r="R1752" s="76"/>
      <c r="S1752" s="76"/>
      <c r="T1752" s="76"/>
      <c r="U1752" s="76"/>
      <c r="V1752" s="76"/>
      <c r="W1752" s="76"/>
      <c r="X1752" s="76"/>
      <c r="Y1752" s="76"/>
      <c r="Z1752" s="76"/>
      <c r="AA1752" s="85"/>
      <c r="AB1752" s="85"/>
      <c r="AC1752" s="85"/>
      <c r="AD1752" s="85"/>
      <c r="AE1752" s="85"/>
      <c r="AF1752" s="85"/>
      <c r="AG1752" s="86"/>
      <c r="AH1752" s="85"/>
      <c r="AI1752" s="85"/>
      <c r="AJ1752" s="85"/>
      <c r="AK1752" s="85"/>
      <c r="AL1752" s="85"/>
      <c r="AM1752" s="92"/>
      <c r="AN1752" s="92"/>
      <c r="AO1752" s="92"/>
      <c r="AP1752" s="92"/>
      <c r="AQ1752" s="92"/>
      <c r="AR1752" s="92"/>
      <c r="AS1752" s="92"/>
      <c r="AT1752" s="92"/>
      <c r="AU1752" s="92"/>
      <c r="AV1752" s="92"/>
      <c r="AW1752" s="92"/>
      <c r="AX1752" s="92"/>
      <c r="AY1752" s="92"/>
      <c r="AZ1752" s="93"/>
      <c r="BA1752" s="93"/>
      <c r="BB1752" s="93"/>
      <c r="BC1752" s="93"/>
      <c r="BD1752" s="93"/>
      <c r="BE1752" s="93"/>
      <c r="BF1752" s="93"/>
      <c r="BG1752" s="93"/>
      <c r="BH1752" s="93"/>
      <c r="BI1752" s="93"/>
      <c r="BJ1752" s="93"/>
      <c r="BK1752" s="93"/>
      <c r="BL1752" s="93"/>
    </row>
    <row r="1753" spans="2:64" x14ac:dyDescent="0.2">
      <c r="B1753" s="43"/>
      <c r="C1753" s="73"/>
      <c r="D1753" s="64"/>
      <c r="E1753" s="55"/>
      <c r="F1753" s="74"/>
      <c r="G1753" s="74"/>
      <c r="H1753" s="74"/>
      <c r="I1753" s="75"/>
      <c r="J1753" s="74"/>
      <c r="L1753" s="55"/>
      <c r="M1753" s="234"/>
      <c r="N1753" s="65"/>
      <c r="O1753" s="76"/>
      <c r="P1753" s="76"/>
      <c r="Q1753" s="65"/>
      <c r="R1753" s="76"/>
      <c r="S1753" s="76"/>
      <c r="T1753" s="76"/>
      <c r="U1753" s="76"/>
      <c r="V1753" s="76"/>
      <c r="W1753" s="76"/>
      <c r="X1753" s="76"/>
      <c r="Y1753" s="76"/>
      <c r="Z1753" s="76"/>
      <c r="AA1753" s="85"/>
      <c r="AB1753" s="85"/>
      <c r="AC1753" s="85"/>
      <c r="AD1753" s="85"/>
      <c r="AE1753" s="85"/>
      <c r="AF1753" s="85"/>
      <c r="AG1753" s="86"/>
      <c r="AH1753" s="85"/>
      <c r="AI1753" s="85"/>
      <c r="AJ1753" s="85"/>
      <c r="AK1753" s="85"/>
      <c r="AL1753" s="85"/>
      <c r="AM1753" s="92"/>
      <c r="AN1753" s="92"/>
      <c r="AO1753" s="92"/>
      <c r="AP1753" s="92"/>
      <c r="AQ1753" s="92"/>
      <c r="AR1753" s="92"/>
      <c r="AS1753" s="92"/>
      <c r="AT1753" s="92"/>
      <c r="AU1753" s="92"/>
      <c r="AV1753" s="92"/>
      <c r="AW1753" s="92"/>
      <c r="AX1753" s="92"/>
      <c r="AY1753" s="92"/>
      <c r="AZ1753" s="93"/>
      <c r="BA1753" s="93"/>
      <c r="BB1753" s="93"/>
      <c r="BC1753" s="93"/>
      <c r="BD1753" s="93"/>
      <c r="BE1753" s="93"/>
      <c r="BF1753" s="93"/>
      <c r="BG1753" s="93"/>
      <c r="BH1753" s="93"/>
      <c r="BI1753" s="93"/>
      <c r="BJ1753" s="93"/>
      <c r="BK1753" s="93"/>
      <c r="BL1753" s="93"/>
    </row>
    <row r="1754" spans="2:64" x14ac:dyDescent="0.2">
      <c r="B1754" s="43"/>
      <c r="C1754" s="73"/>
      <c r="D1754" s="64"/>
      <c r="E1754" s="55"/>
      <c r="F1754" s="74"/>
      <c r="G1754" s="74"/>
      <c r="H1754" s="74"/>
      <c r="I1754" s="75"/>
      <c r="J1754" s="74"/>
      <c r="L1754" s="55"/>
      <c r="M1754" s="234"/>
      <c r="N1754" s="65"/>
      <c r="O1754" s="76"/>
      <c r="P1754" s="76"/>
      <c r="Q1754" s="65"/>
      <c r="R1754" s="76"/>
      <c r="S1754" s="76"/>
      <c r="T1754" s="76"/>
      <c r="U1754" s="76"/>
      <c r="V1754" s="76"/>
      <c r="W1754" s="76"/>
      <c r="X1754" s="76"/>
      <c r="Y1754" s="76"/>
      <c r="Z1754" s="76"/>
      <c r="AA1754" s="85"/>
      <c r="AB1754" s="85"/>
      <c r="AC1754" s="85"/>
      <c r="AD1754" s="85"/>
      <c r="AE1754" s="85"/>
      <c r="AF1754" s="85"/>
      <c r="AG1754" s="86"/>
      <c r="AH1754" s="85"/>
      <c r="AI1754" s="85"/>
      <c r="AJ1754" s="85"/>
      <c r="AK1754" s="85"/>
      <c r="AL1754" s="85"/>
      <c r="AM1754" s="92"/>
      <c r="AN1754" s="92"/>
      <c r="AO1754" s="92"/>
      <c r="AP1754" s="92"/>
      <c r="AQ1754" s="92"/>
      <c r="AR1754" s="92"/>
      <c r="AS1754" s="92"/>
      <c r="AT1754" s="92"/>
      <c r="AU1754" s="92"/>
      <c r="AV1754" s="92"/>
      <c r="AW1754" s="92"/>
      <c r="AX1754" s="92"/>
      <c r="AY1754" s="92"/>
      <c r="AZ1754" s="93"/>
      <c r="BA1754" s="93"/>
      <c r="BB1754" s="93"/>
      <c r="BC1754" s="93"/>
      <c r="BD1754" s="93"/>
      <c r="BE1754" s="93"/>
      <c r="BF1754" s="93"/>
      <c r="BG1754" s="93"/>
      <c r="BH1754" s="93"/>
      <c r="BI1754" s="93"/>
      <c r="BJ1754" s="93"/>
      <c r="BK1754" s="93"/>
      <c r="BL1754" s="93"/>
    </row>
    <row r="1755" spans="2:64" x14ac:dyDescent="0.2">
      <c r="B1755" s="43"/>
      <c r="C1755" s="73"/>
      <c r="D1755" s="64"/>
      <c r="E1755" s="55"/>
      <c r="F1755" s="74"/>
      <c r="G1755" s="74"/>
      <c r="H1755" s="74"/>
      <c r="I1755" s="75"/>
      <c r="J1755" s="74"/>
      <c r="L1755" s="55"/>
      <c r="M1755" s="234"/>
      <c r="N1755" s="65"/>
      <c r="O1755" s="76"/>
      <c r="P1755" s="76"/>
      <c r="Q1755" s="65"/>
      <c r="R1755" s="76"/>
      <c r="S1755" s="76"/>
      <c r="T1755" s="76"/>
      <c r="U1755" s="76"/>
      <c r="V1755" s="76"/>
      <c r="W1755" s="76"/>
      <c r="X1755" s="76"/>
      <c r="Y1755" s="76"/>
      <c r="Z1755" s="76"/>
      <c r="AA1755" s="85"/>
      <c r="AB1755" s="85"/>
      <c r="AC1755" s="85"/>
      <c r="AD1755" s="85"/>
      <c r="AE1755" s="85"/>
      <c r="AF1755" s="85"/>
      <c r="AG1755" s="86"/>
      <c r="AH1755" s="85"/>
      <c r="AI1755" s="85"/>
      <c r="AJ1755" s="85"/>
      <c r="AK1755" s="85"/>
      <c r="AL1755" s="85"/>
      <c r="AM1755" s="92"/>
      <c r="AN1755" s="92"/>
      <c r="AO1755" s="92"/>
      <c r="AP1755" s="92"/>
      <c r="AQ1755" s="92"/>
      <c r="AR1755" s="92"/>
      <c r="AS1755" s="92"/>
      <c r="AT1755" s="92"/>
      <c r="AU1755" s="92"/>
      <c r="AV1755" s="92"/>
      <c r="AW1755" s="92"/>
      <c r="AX1755" s="92"/>
      <c r="AY1755" s="92"/>
      <c r="AZ1755" s="93"/>
      <c r="BA1755" s="93"/>
      <c r="BB1755" s="93"/>
      <c r="BC1755" s="93"/>
      <c r="BD1755" s="93"/>
      <c r="BE1755" s="93"/>
      <c r="BF1755" s="93"/>
      <c r="BG1755" s="93"/>
      <c r="BH1755" s="93"/>
      <c r="BI1755" s="93"/>
      <c r="BJ1755" s="93"/>
      <c r="BK1755" s="93"/>
      <c r="BL1755" s="93"/>
    </row>
    <row r="1756" spans="2:64" x14ac:dyDescent="0.2">
      <c r="B1756" s="43"/>
      <c r="C1756" s="73"/>
      <c r="D1756" s="64"/>
      <c r="E1756" s="55"/>
      <c r="F1756" s="74"/>
      <c r="G1756" s="74"/>
      <c r="H1756" s="74"/>
      <c r="I1756" s="75"/>
      <c r="J1756" s="74"/>
      <c r="L1756" s="55"/>
      <c r="M1756" s="234"/>
      <c r="N1756" s="65"/>
      <c r="O1756" s="76"/>
      <c r="P1756" s="76"/>
      <c r="Q1756" s="65"/>
      <c r="R1756" s="76"/>
      <c r="S1756" s="76"/>
      <c r="T1756" s="76"/>
      <c r="U1756" s="76"/>
      <c r="V1756" s="76"/>
      <c r="W1756" s="76"/>
      <c r="X1756" s="76"/>
      <c r="Y1756" s="76"/>
      <c r="Z1756" s="76"/>
      <c r="AA1756" s="85"/>
      <c r="AB1756" s="85"/>
      <c r="AC1756" s="85"/>
      <c r="AD1756" s="85"/>
      <c r="AE1756" s="85"/>
      <c r="AF1756" s="85"/>
      <c r="AG1756" s="86"/>
      <c r="AH1756" s="85"/>
      <c r="AI1756" s="85"/>
      <c r="AJ1756" s="85"/>
      <c r="AK1756" s="85"/>
      <c r="AL1756" s="85"/>
      <c r="AM1756" s="92"/>
      <c r="AN1756" s="92"/>
      <c r="AO1756" s="92"/>
      <c r="AP1756" s="92"/>
      <c r="AQ1756" s="92"/>
      <c r="AR1756" s="92"/>
      <c r="AS1756" s="92"/>
      <c r="AT1756" s="92"/>
      <c r="AU1756" s="92"/>
      <c r="AV1756" s="92"/>
      <c r="AW1756" s="92"/>
      <c r="AX1756" s="92"/>
      <c r="AY1756" s="92"/>
      <c r="AZ1756" s="93"/>
      <c r="BA1756" s="93"/>
      <c r="BB1756" s="93"/>
      <c r="BC1756" s="93"/>
      <c r="BD1756" s="93"/>
      <c r="BE1756" s="93"/>
      <c r="BF1756" s="93"/>
      <c r="BG1756" s="93"/>
      <c r="BH1756" s="93"/>
      <c r="BI1756" s="93"/>
      <c r="BJ1756" s="93"/>
      <c r="BK1756" s="93"/>
      <c r="BL1756" s="93"/>
    </row>
    <row r="1757" spans="2:64" x14ac:dyDescent="0.2">
      <c r="B1757" s="43"/>
      <c r="C1757" s="73"/>
      <c r="D1757" s="64"/>
      <c r="E1757" s="55"/>
      <c r="F1757" s="74"/>
      <c r="G1757" s="74"/>
      <c r="H1757" s="74"/>
      <c r="I1757" s="75"/>
      <c r="J1757" s="74"/>
      <c r="L1757" s="55"/>
      <c r="M1757" s="234"/>
      <c r="N1757" s="65"/>
      <c r="O1757" s="76"/>
      <c r="P1757" s="76"/>
      <c r="Q1757" s="65"/>
      <c r="R1757" s="76"/>
      <c r="S1757" s="76"/>
      <c r="T1757" s="76"/>
      <c r="U1757" s="76"/>
      <c r="V1757" s="76"/>
      <c r="W1757" s="76"/>
      <c r="X1757" s="76"/>
      <c r="Y1757" s="76"/>
      <c r="Z1757" s="76"/>
      <c r="AA1757" s="85"/>
      <c r="AB1757" s="85"/>
      <c r="AC1757" s="85"/>
      <c r="AD1757" s="85"/>
      <c r="AE1757" s="85"/>
      <c r="AF1757" s="85"/>
      <c r="AG1757" s="86"/>
      <c r="AH1757" s="85"/>
      <c r="AI1757" s="85"/>
      <c r="AJ1757" s="85"/>
      <c r="AK1757" s="85"/>
      <c r="AL1757" s="85"/>
      <c r="AM1757" s="92"/>
      <c r="AN1757" s="92"/>
      <c r="AO1757" s="92"/>
      <c r="AP1757" s="92"/>
      <c r="AQ1757" s="92"/>
      <c r="AR1757" s="92"/>
      <c r="AS1757" s="92"/>
      <c r="AT1757" s="92"/>
      <c r="AU1757" s="92"/>
      <c r="AV1757" s="92"/>
      <c r="AW1757" s="92"/>
      <c r="AX1757" s="92"/>
      <c r="AY1757" s="92"/>
      <c r="AZ1757" s="93"/>
      <c r="BA1757" s="93"/>
      <c r="BB1757" s="93"/>
      <c r="BC1757" s="93"/>
      <c r="BD1757" s="93"/>
      <c r="BE1757" s="93"/>
      <c r="BF1757" s="93"/>
      <c r="BG1757" s="93"/>
      <c r="BH1757" s="93"/>
      <c r="BI1757" s="93"/>
      <c r="BJ1757" s="93"/>
      <c r="BK1757" s="93"/>
      <c r="BL1757" s="93"/>
    </row>
    <row r="1758" spans="2:64" x14ac:dyDescent="0.2">
      <c r="B1758" s="43"/>
      <c r="C1758" s="73"/>
      <c r="D1758" s="64"/>
      <c r="E1758" s="55"/>
      <c r="F1758" s="74"/>
      <c r="G1758" s="74"/>
      <c r="H1758" s="74"/>
      <c r="I1758" s="75"/>
      <c r="J1758" s="74"/>
      <c r="L1758" s="55"/>
      <c r="M1758" s="234"/>
      <c r="N1758" s="65"/>
      <c r="O1758" s="76"/>
      <c r="P1758" s="76"/>
      <c r="Q1758" s="65"/>
      <c r="R1758" s="76"/>
      <c r="S1758" s="76"/>
      <c r="T1758" s="76"/>
      <c r="U1758" s="76"/>
      <c r="V1758" s="76"/>
      <c r="W1758" s="76"/>
      <c r="X1758" s="76"/>
      <c r="Y1758" s="76"/>
      <c r="Z1758" s="76"/>
      <c r="AA1758" s="85"/>
      <c r="AB1758" s="85"/>
      <c r="AC1758" s="85"/>
      <c r="AD1758" s="85"/>
      <c r="AE1758" s="85"/>
      <c r="AF1758" s="85"/>
      <c r="AG1758" s="86"/>
      <c r="AH1758" s="85"/>
      <c r="AI1758" s="85"/>
      <c r="AJ1758" s="85"/>
      <c r="AK1758" s="85"/>
      <c r="AL1758" s="85"/>
      <c r="AM1758" s="92"/>
      <c r="AN1758" s="92"/>
      <c r="AO1758" s="92"/>
      <c r="AP1758" s="92"/>
      <c r="AQ1758" s="92"/>
      <c r="AR1758" s="92"/>
      <c r="AS1758" s="92"/>
      <c r="AT1758" s="92"/>
      <c r="AU1758" s="92"/>
      <c r="AV1758" s="92"/>
      <c r="AW1758" s="92"/>
      <c r="AX1758" s="92"/>
      <c r="AY1758" s="92"/>
      <c r="AZ1758" s="93"/>
      <c r="BA1758" s="93"/>
      <c r="BB1758" s="93"/>
      <c r="BC1758" s="93"/>
      <c r="BD1758" s="93"/>
      <c r="BE1758" s="93"/>
      <c r="BF1758" s="93"/>
      <c r="BG1758" s="93"/>
      <c r="BH1758" s="93"/>
      <c r="BI1758" s="93"/>
      <c r="BJ1758" s="93"/>
      <c r="BK1758" s="93"/>
      <c r="BL1758" s="93"/>
    </row>
    <row r="1759" spans="2:64" x14ac:dyDescent="0.2">
      <c r="B1759" s="43"/>
      <c r="C1759" s="73"/>
      <c r="D1759" s="64"/>
      <c r="E1759" s="55"/>
      <c r="F1759" s="74"/>
      <c r="G1759" s="74"/>
      <c r="H1759" s="74"/>
      <c r="I1759" s="75"/>
      <c r="J1759" s="74"/>
      <c r="L1759" s="55"/>
      <c r="M1759" s="234"/>
      <c r="N1759" s="65"/>
      <c r="O1759" s="76"/>
      <c r="P1759" s="76"/>
      <c r="Q1759" s="65"/>
      <c r="R1759" s="76"/>
      <c r="S1759" s="76"/>
      <c r="T1759" s="76"/>
      <c r="U1759" s="76"/>
      <c r="V1759" s="76"/>
      <c r="W1759" s="76"/>
      <c r="X1759" s="76"/>
      <c r="Y1759" s="76"/>
      <c r="Z1759" s="76"/>
      <c r="AA1759" s="85"/>
      <c r="AB1759" s="85"/>
      <c r="AC1759" s="85"/>
      <c r="AD1759" s="85"/>
      <c r="AE1759" s="85"/>
      <c r="AF1759" s="85"/>
      <c r="AG1759" s="86"/>
      <c r="AH1759" s="85"/>
      <c r="AI1759" s="85"/>
      <c r="AJ1759" s="85"/>
      <c r="AK1759" s="85"/>
      <c r="AL1759" s="85"/>
      <c r="AM1759" s="92"/>
      <c r="AN1759" s="92"/>
      <c r="AO1759" s="92"/>
      <c r="AP1759" s="92"/>
      <c r="AQ1759" s="92"/>
      <c r="AR1759" s="92"/>
      <c r="AS1759" s="92"/>
      <c r="AT1759" s="92"/>
      <c r="AU1759" s="92"/>
      <c r="AV1759" s="92"/>
      <c r="AW1759" s="92"/>
      <c r="AX1759" s="92"/>
      <c r="AY1759" s="92"/>
      <c r="AZ1759" s="93"/>
      <c r="BA1759" s="93"/>
      <c r="BB1759" s="93"/>
      <c r="BC1759" s="93"/>
      <c r="BD1759" s="93"/>
      <c r="BE1759" s="93"/>
      <c r="BF1759" s="93"/>
      <c r="BG1759" s="93"/>
      <c r="BH1759" s="93"/>
      <c r="BI1759" s="93"/>
      <c r="BJ1759" s="93"/>
      <c r="BK1759" s="93"/>
      <c r="BL1759" s="93"/>
    </row>
    <row r="1760" spans="2:64" x14ac:dyDescent="0.2">
      <c r="B1760" s="43"/>
      <c r="C1760" s="73"/>
      <c r="D1760" s="64"/>
      <c r="E1760" s="55"/>
      <c r="F1760" s="74"/>
      <c r="G1760" s="74"/>
      <c r="H1760" s="74"/>
      <c r="I1760" s="75"/>
      <c r="J1760" s="74"/>
      <c r="L1760" s="55"/>
      <c r="M1760" s="234"/>
      <c r="N1760" s="65"/>
      <c r="O1760" s="76"/>
      <c r="P1760" s="76"/>
      <c r="Q1760" s="65"/>
      <c r="R1760" s="76"/>
      <c r="S1760" s="76"/>
      <c r="T1760" s="76"/>
      <c r="U1760" s="76"/>
      <c r="V1760" s="76"/>
      <c r="W1760" s="76"/>
      <c r="X1760" s="76"/>
      <c r="Y1760" s="76"/>
      <c r="Z1760" s="76"/>
      <c r="AA1760" s="85"/>
      <c r="AB1760" s="85"/>
      <c r="AC1760" s="85"/>
      <c r="AD1760" s="85"/>
      <c r="AE1760" s="85"/>
      <c r="AF1760" s="85"/>
      <c r="AG1760" s="86"/>
      <c r="AH1760" s="85"/>
      <c r="AI1760" s="85"/>
      <c r="AJ1760" s="85"/>
      <c r="AK1760" s="85"/>
      <c r="AL1760" s="85"/>
      <c r="AM1760" s="92"/>
      <c r="AN1760" s="92"/>
      <c r="AO1760" s="92"/>
      <c r="AP1760" s="92"/>
      <c r="AQ1760" s="92"/>
      <c r="AR1760" s="92"/>
      <c r="AS1760" s="92"/>
      <c r="AT1760" s="92"/>
      <c r="AU1760" s="92"/>
      <c r="AV1760" s="92"/>
      <c r="AW1760" s="92"/>
      <c r="AX1760" s="92"/>
      <c r="AY1760" s="92"/>
      <c r="AZ1760" s="93"/>
      <c r="BA1760" s="93"/>
      <c r="BB1760" s="93"/>
      <c r="BC1760" s="93"/>
      <c r="BD1760" s="93"/>
      <c r="BE1760" s="93"/>
      <c r="BF1760" s="93"/>
      <c r="BG1760" s="93"/>
      <c r="BH1760" s="93"/>
      <c r="BI1760" s="93"/>
      <c r="BJ1760" s="93"/>
      <c r="BK1760" s="93"/>
      <c r="BL1760" s="93"/>
    </row>
    <row r="1761" spans="2:64" x14ac:dyDescent="0.2">
      <c r="B1761" s="43"/>
      <c r="C1761" s="73"/>
      <c r="D1761" s="64"/>
      <c r="E1761" s="55"/>
      <c r="F1761" s="74"/>
      <c r="G1761" s="74"/>
      <c r="H1761" s="74"/>
      <c r="I1761" s="75"/>
      <c r="J1761" s="74"/>
      <c r="L1761" s="55"/>
      <c r="M1761" s="234"/>
      <c r="N1761" s="65"/>
      <c r="O1761" s="76"/>
      <c r="P1761" s="76"/>
      <c r="Q1761" s="65"/>
      <c r="R1761" s="76"/>
      <c r="S1761" s="76"/>
      <c r="T1761" s="76"/>
      <c r="U1761" s="76"/>
      <c r="V1761" s="76"/>
      <c r="W1761" s="76"/>
      <c r="X1761" s="76"/>
      <c r="Y1761" s="76"/>
      <c r="Z1761" s="76"/>
      <c r="AA1761" s="85"/>
      <c r="AB1761" s="85"/>
      <c r="AC1761" s="85"/>
      <c r="AD1761" s="85"/>
      <c r="AE1761" s="85"/>
      <c r="AF1761" s="85"/>
      <c r="AG1761" s="86"/>
      <c r="AH1761" s="85"/>
      <c r="AI1761" s="85"/>
      <c r="AJ1761" s="85"/>
      <c r="AK1761" s="85"/>
      <c r="AL1761" s="85"/>
      <c r="AM1761" s="92"/>
      <c r="AN1761" s="92"/>
      <c r="AO1761" s="92"/>
      <c r="AP1761" s="92"/>
      <c r="AQ1761" s="92"/>
      <c r="AR1761" s="92"/>
      <c r="AS1761" s="92"/>
      <c r="AT1761" s="92"/>
      <c r="AU1761" s="92"/>
      <c r="AV1761" s="92"/>
      <c r="AW1761" s="92"/>
      <c r="AX1761" s="92"/>
      <c r="AY1761" s="92"/>
      <c r="AZ1761" s="93"/>
      <c r="BA1761" s="93"/>
      <c r="BB1761" s="93"/>
      <c r="BC1761" s="93"/>
      <c r="BD1761" s="93"/>
      <c r="BE1761" s="93"/>
      <c r="BF1761" s="93"/>
      <c r="BG1761" s="93"/>
      <c r="BH1761" s="93"/>
      <c r="BI1761" s="93"/>
      <c r="BJ1761" s="93"/>
      <c r="BK1761" s="93"/>
      <c r="BL1761" s="93"/>
    </row>
    <row r="1762" spans="2:64" x14ac:dyDescent="0.2">
      <c r="B1762" s="43"/>
      <c r="C1762" s="73"/>
      <c r="D1762" s="64"/>
      <c r="E1762" s="55"/>
      <c r="F1762" s="74"/>
      <c r="G1762" s="74"/>
      <c r="H1762" s="74"/>
      <c r="I1762" s="75"/>
      <c r="J1762" s="74"/>
      <c r="L1762" s="55"/>
      <c r="M1762" s="234"/>
      <c r="N1762" s="65"/>
      <c r="O1762" s="76"/>
      <c r="P1762" s="76"/>
      <c r="Q1762" s="65"/>
      <c r="R1762" s="76"/>
      <c r="S1762" s="76"/>
      <c r="T1762" s="76"/>
      <c r="U1762" s="76"/>
      <c r="V1762" s="76"/>
      <c r="W1762" s="76"/>
      <c r="X1762" s="76"/>
      <c r="Y1762" s="76"/>
      <c r="Z1762" s="76"/>
      <c r="AA1762" s="85"/>
      <c r="AB1762" s="85"/>
      <c r="AC1762" s="85"/>
      <c r="AD1762" s="85"/>
      <c r="AE1762" s="85"/>
      <c r="AF1762" s="85"/>
      <c r="AG1762" s="86"/>
      <c r="AH1762" s="85"/>
      <c r="AI1762" s="85"/>
      <c r="AJ1762" s="85"/>
      <c r="AK1762" s="85"/>
      <c r="AL1762" s="85"/>
      <c r="AM1762" s="92"/>
      <c r="AN1762" s="92"/>
      <c r="AO1762" s="92"/>
      <c r="AP1762" s="92"/>
      <c r="AQ1762" s="92"/>
      <c r="AR1762" s="92"/>
      <c r="AS1762" s="92"/>
      <c r="AT1762" s="92"/>
      <c r="AU1762" s="92"/>
      <c r="AV1762" s="92"/>
      <c r="AW1762" s="92"/>
      <c r="AX1762" s="92"/>
      <c r="AY1762" s="92"/>
      <c r="AZ1762" s="93"/>
      <c r="BA1762" s="93"/>
      <c r="BB1762" s="93"/>
      <c r="BC1762" s="93"/>
      <c r="BD1762" s="93"/>
      <c r="BE1762" s="93"/>
      <c r="BF1762" s="93"/>
      <c r="BG1762" s="93"/>
      <c r="BH1762" s="93"/>
      <c r="BI1762" s="93"/>
      <c r="BJ1762" s="93"/>
      <c r="BK1762" s="93"/>
      <c r="BL1762" s="93"/>
    </row>
    <row r="1763" spans="2:64" x14ac:dyDescent="0.2">
      <c r="B1763" s="43"/>
      <c r="C1763" s="73"/>
      <c r="D1763" s="64"/>
      <c r="E1763" s="55"/>
      <c r="F1763" s="74"/>
      <c r="G1763" s="74"/>
      <c r="H1763" s="74"/>
      <c r="I1763" s="75"/>
      <c r="J1763" s="74"/>
      <c r="L1763" s="55"/>
      <c r="M1763" s="234"/>
      <c r="N1763" s="65"/>
      <c r="O1763" s="76"/>
      <c r="P1763" s="76"/>
      <c r="Q1763" s="65"/>
      <c r="R1763" s="76"/>
      <c r="S1763" s="76"/>
      <c r="T1763" s="76"/>
      <c r="U1763" s="76"/>
      <c r="V1763" s="76"/>
      <c r="W1763" s="76"/>
      <c r="X1763" s="76"/>
      <c r="Y1763" s="76"/>
      <c r="Z1763" s="76"/>
      <c r="AA1763" s="85"/>
      <c r="AB1763" s="85"/>
      <c r="AC1763" s="85"/>
      <c r="AD1763" s="85"/>
      <c r="AE1763" s="85"/>
      <c r="AF1763" s="85"/>
      <c r="AG1763" s="86"/>
      <c r="AH1763" s="85"/>
      <c r="AI1763" s="85"/>
      <c r="AJ1763" s="85"/>
      <c r="AK1763" s="85"/>
      <c r="AL1763" s="85"/>
      <c r="AM1763" s="92"/>
      <c r="AN1763" s="92"/>
      <c r="AO1763" s="92"/>
      <c r="AP1763" s="92"/>
      <c r="AQ1763" s="92"/>
      <c r="AR1763" s="92"/>
      <c r="AS1763" s="92"/>
      <c r="AT1763" s="92"/>
      <c r="AU1763" s="92"/>
      <c r="AV1763" s="92"/>
      <c r="AW1763" s="92"/>
      <c r="AX1763" s="92"/>
      <c r="AY1763" s="92"/>
      <c r="AZ1763" s="93"/>
      <c r="BA1763" s="93"/>
      <c r="BB1763" s="93"/>
      <c r="BC1763" s="93"/>
      <c r="BD1763" s="93"/>
      <c r="BE1763" s="93"/>
      <c r="BF1763" s="93"/>
      <c r="BG1763" s="93"/>
      <c r="BH1763" s="93"/>
      <c r="BI1763" s="93"/>
      <c r="BJ1763" s="93"/>
      <c r="BK1763" s="93"/>
      <c r="BL1763" s="93"/>
    </row>
    <row r="1764" spans="2:64" x14ac:dyDescent="0.2">
      <c r="B1764" s="43"/>
      <c r="C1764" s="73"/>
      <c r="D1764" s="64"/>
      <c r="E1764" s="55"/>
      <c r="F1764" s="74"/>
      <c r="G1764" s="74"/>
      <c r="H1764" s="74"/>
      <c r="I1764" s="75"/>
      <c r="J1764" s="74"/>
      <c r="L1764" s="55"/>
      <c r="M1764" s="234"/>
      <c r="N1764" s="65"/>
      <c r="O1764" s="76"/>
      <c r="P1764" s="76"/>
      <c r="Q1764" s="65"/>
      <c r="R1764" s="76"/>
      <c r="S1764" s="76"/>
      <c r="T1764" s="76"/>
      <c r="U1764" s="76"/>
      <c r="V1764" s="76"/>
      <c r="W1764" s="76"/>
      <c r="X1764" s="76"/>
      <c r="Y1764" s="76"/>
      <c r="Z1764" s="76"/>
      <c r="AA1764" s="85"/>
      <c r="AB1764" s="85"/>
      <c r="AC1764" s="85"/>
      <c r="AD1764" s="85"/>
      <c r="AE1764" s="85"/>
      <c r="AF1764" s="85"/>
      <c r="AG1764" s="86"/>
      <c r="AH1764" s="85"/>
      <c r="AI1764" s="85"/>
      <c r="AJ1764" s="85"/>
      <c r="AK1764" s="85"/>
      <c r="AL1764" s="85"/>
      <c r="AM1764" s="92"/>
      <c r="AN1764" s="92"/>
      <c r="AO1764" s="92"/>
      <c r="AP1764" s="92"/>
      <c r="AQ1764" s="92"/>
      <c r="AR1764" s="92"/>
      <c r="AS1764" s="92"/>
      <c r="AT1764" s="92"/>
      <c r="AU1764" s="92"/>
      <c r="AV1764" s="92"/>
      <c r="AW1764" s="92"/>
      <c r="AX1764" s="92"/>
      <c r="AY1764" s="92"/>
      <c r="AZ1764" s="93"/>
      <c r="BA1764" s="93"/>
      <c r="BB1764" s="93"/>
      <c r="BC1764" s="93"/>
      <c r="BD1764" s="93"/>
      <c r="BE1764" s="93"/>
      <c r="BF1764" s="93"/>
      <c r="BG1764" s="93"/>
      <c r="BH1764" s="93"/>
      <c r="BI1764" s="93"/>
      <c r="BJ1764" s="93"/>
      <c r="BK1764" s="93"/>
      <c r="BL1764" s="93"/>
    </row>
    <row r="1765" spans="2:64" x14ac:dyDescent="0.2">
      <c r="B1765" s="43"/>
      <c r="C1765" s="73"/>
      <c r="D1765" s="64"/>
      <c r="E1765" s="55"/>
      <c r="F1765" s="74"/>
      <c r="G1765" s="74"/>
      <c r="H1765" s="74"/>
      <c r="I1765" s="75"/>
      <c r="J1765" s="74"/>
      <c r="L1765" s="55"/>
      <c r="M1765" s="234"/>
      <c r="N1765" s="65"/>
      <c r="O1765" s="76"/>
      <c r="P1765" s="76"/>
      <c r="Q1765" s="65"/>
      <c r="R1765" s="76"/>
      <c r="S1765" s="76"/>
      <c r="T1765" s="76"/>
      <c r="U1765" s="76"/>
      <c r="V1765" s="76"/>
      <c r="W1765" s="76"/>
      <c r="X1765" s="76"/>
      <c r="Y1765" s="76"/>
      <c r="Z1765" s="76"/>
      <c r="AA1765" s="85"/>
      <c r="AB1765" s="85"/>
      <c r="AC1765" s="85"/>
      <c r="AD1765" s="85"/>
      <c r="AE1765" s="85"/>
      <c r="AF1765" s="85"/>
      <c r="AG1765" s="86"/>
      <c r="AH1765" s="85"/>
      <c r="AI1765" s="85"/>
      <c r="AJ1765" s="85"/>
      <c r="AK1765" s="85"/>
      <c r="AL1765" s="85"/>
      <c r="AM1765" s="92"/>
      <c r="AN1765" s="92"/>
      <c r="AO1765" s="92"/>
      <c r="AP1765" s="92"/>
      <c r="AQ1765" s="92"/>
      <c r="AR1765" s="92"/>
      <c r="AS1765" s="92"/>
      <c r="AT1765" s="92"/>
      <c r="AU1765" s="92"/>
      <c r="AV1765" s="92"/>
      <c r="AW1765" s="92"/>
      <c r="AX1765" s="92"/>
      <c r="AY1765" s="92"/>
      <c r="AZ1765" s="93"/>
      <c r="BA1765" s="93"/>
      <c r="BB1765" s="93"/>
      <c r="BC1765" s="93"/>
      <c r="BD1765" s="93"/>
      <c r="BE1765" s="93"/>
      <c r="BF1765" s="93"/>
      <c r="BG1765" s="93"/>
      <c r="BH1765" s="93"/>
      <c r="BI1765" s="93"/>
      <c r="BJ1765" s="93"/>
      <c r="BK1765" s="93"/>
      <c r="BL1765" s="93"/>
    </row>
    <row r="1766" spans="2:64" x14ac:dyDescent="0.2">
      <c r="B1766" s="43"/>
      <c r="C1766" s="73"/>
      <c r="D1766" s="64"/>
      <c r="E1766" s="55"/>
      <c r="F1766" s="74"/>
      <c r="G1766" s="74"/>
      <c r="H1766" s="74"/>
      <c r="I1766" s="75"/>
      <c r="J1766" s="74"/>
      <c r="L1766" s="55"/>
      <c r="M1766" s="234"/>
      <c r="N1766" s="65"/>
      <c r="O1766" s="76"/>
      <c r="P1766" s="76"/>
      <c r="Q1766" s="65"/>
      <c r="R1766" s="76"/>
      <c r="S1766" s="76"/>
      <c r="T1766" s="76"/>
      <c r="U1766" s="76"/>
      <c r="V1766" s="76"/>
      <c r="W1766" s="76"/>
      <c r="X1766" s="76"/>
      <c r="Y1766" s="76"/>
      <c r="Z1766" s="76"/>
      <c r="AA1766" s="85"/>
      <c r="AB1766" s="85"/>
      <c r="AC1766" s="85"/>
      <c r="AD1766" s="85"/>
      <c r="AE1766" s="85"/>
      <c r="AF1766" s="85"/>
      <c r="AG1766" s="86"/>
      <c r="AH1766" s="85"/>
      <c r="AI1766" s="85"/>
      <c r="AJ1766" s="85"/>
      <c r="AK1766" s="85"/>
      <c r="AL1766" s="85"/>
      <c r="AM1766" s="92"/>
      <c r="AN1766" s="92"/>
      <c r="AO1766" s="92"/>
      <c r="AP1766" s="92"/>
      <c r="AQ1766" s="92"/>
      <c r="AR1766" s="92"/>
      <c r="AS1766" s="92"/>
      <c r="AT1766" s="92"/>
      <c r="AU1766" s="92"/>
      <c r="AV1766" s="92"/>
      <c r="AW1766" s="92"/>
      <c r="AX1766" s="92"/>
      <c r="AY1766" s="92"/>
      <c r="AZ1766" s="93"/>
      <c r="BA1766" s="93"/>
      <c r="BB1766" s="93"/>
      <c r="BC1766" s="93"/>
      <c r="BD1766" s="93"/>
      <c r="BE1766" s="93"/>
      <c r="BF1766" s="93"/>
      <c r="BG1766" s="93"/>
      <c r="BH1766" s="93"/>
      <c r="BI1766" s="93"/>
      <c r="BJ1766" s="93"/>
      <c r="BK1766" s="93"/>
      <c r="BL1766" s="93"/>
    </row>
    <row r="1767" spans="2:64" x14ac:dyDescent="0.2">
      <c r="B1767" s="43"/>
      <c r="C1767" s="73"/>
      <c r="D1767" s="64"/>
      <c r="E1767" s="55"/>
      <c r="F1767" s="74"/>
      <c r="G1767" s="74"/>
      <c r="H1767" s="74"/>
      <c r="I1767" s="75"/>
      <c r="J1767" s="74"/>
      <c r="L1767" s="55"/>
      <c r="M1767" s="234"/>
      <c r="N1767" s="65"/>
      <c r="O1767" s="76"/>
      <c r="P1767" s="76"/>
      <c r="Q1767" s="65"/>
      <c r="R1767" s="76"/>
      <c r="S1767" s="76"/>
      <c r="T1767" s="76"/>
      <c r="U1767" s="76"/>
      <c r="V1767" s="76"/>
      <c r="W1767" s="76"/>
      <c r="X1767" s="76"/>
      <c r="Y1767" s="76"/>
      <c r="Z1767" s="76"/>
      <c r="AA1767" s="85"/>
      <c r="AB1767" s="85"/>
      <c r="AC1767" s="85"/>
      <c r="AD1767" s="85"/>
      <c r="AE1767" s="85"/>
      <c r="AF1767" s="85"/>
      <c r="AG1767" s="86"/>
      <c r="AH1767" s="85"/>
      <c r="AI1767" s="85"/>
      <c r="AJ1767" s="85"/>
      <c r="AK1767" s="85"/>
      <c r="AL1767" s="85"/>
      <c r="AM1767" s="92"/>
      <c r="AN1767" s="92"/>
      <c r="AO1767" s="92"/>
      <c r="AP1767" s="92"/>
      <c r="AQ1767" s="92"/>
      <c r="AR1767" s="92"/>
      <c r="AS1767" s="92"/>
      <c r="AT1767" s="92"/>
      <c r="AU1767" s="92"/>
      <c r="AV1767" s="92"/>
      <c r="AW1767" s="92"/>
      <c r="AX1767" s="92"/>
      <c r="AY1767" s="92"/>
      <c r="AZ1767" s="93"/>
      <c r="BA1767" s="93"/>
      <c r="BB1767" s="93"/>
      <c r="BC1767" s="93"/>
      <c r="BD1767" s="93"/>
      <c r="BE1767" s="93"/>
      <c r="BF1767" s="93"/>
      <c r="BG1767" s="93"/>
      <c r="BH1767" s="93"/>
      <c r="BI1767" s="93"/>
      <c r="BJ1767" s="93"/>
      <c r="BK1767" s="93"/>
      <c r="BL1767" s="93"/>
    </row>
    <row r="1768" spans="2:64" x14ac:dyDescent="0.2">
      <c r="B1768" s="43"/>
      <c r="C1768" s="73"/>
      <c r="D1768" s="64"/>
      <c r="E1768" s="55"/>
      <c r="F1768" s="74"/>
      <c r="G1768" s="74"/>
      <c r="H1768" s="74"/>
      <c r="I1768" s="75"/>
      <c r="J1768" s="74"/>
      <c r="L1768" s="55"/>
      <c r="M1768" s="234"/>
      <c r="N1768" s="65"/>
      <c r="O1768" s="76"/>
      <c r="P1768" s="76"/>
      <c r="Q1768" s="65"/>
      <c r="R1768" s="76"/>
      <c r="S1768" s="76"/>
      <c r="T1768" s="76"/>
      <c r="U1768" s="76"/>
      <c r="V1768" s="76"/>
      <c r="W1768" s="76"/>
      <c r="X1768" s="76"/>
      <c r="Y1768" s="76"/>
      <c r="Z1768" s="76"/>
      <c r="AA1768" s="85"/>
      <c r="AB1768" s="85"/>
      <c r="AC1768" s="85"/>
      <c r="AD1768" s="85"/>
      <c r="AE1768" s="85"/>
      <c r="AF1768" s="85"/>
      <c r="AG1768" s="86"/>
      <c r="AH1768" s="85"/>
      <c r="AI1768" s="85"/>
      <c r="AJ1768" s="85"/>
      <c r="AK1768" s="85"/>
      <c r="AL1768" s="85"/>
      <c r="AM1768" s="92"/>
      <c r="AN1768" s="92"/>
      <c r="AO1768" s="92"/>
      <c r="AP1768" s="92"/>
      <c r="AQ1768" s="92"/>
      <c r="AR1768" s="92"/>
      <c r="AS1768" s="92"/>
      <c r="AT1768" s="92"/>
      <c r="AU1768" s="92"/>
      <c r="AV1768" s="92"/>
      <c r="AW1768" s="92"/>
      <c r="AX1768" s="92"/>
      <c r="AY1768" s="92"/>
      <c r="AZ1768" s="93"/>
      <c r="BA1768" s="93"/>
      <c r="BB1768" s="93"/>
      <c r="BC1768" s="93"/>
      <c r="BD1768" s="93"/>
      <c r="BE1768" s="93"/>
      <c r="BF1768" s="93"/>
      <c r="BG1768" s="93"/>
      <c r="BH1768" s="93"/>
      <c r="BI1768" s="93"/>
      <c r="BJ1768" s="93"/>
      <c r="BK1768" s="93"/>
      <c r="BL1768" s="93"/>
    </row>
    <row r="1769" spans="2:64" x14ac:dyDescent="0.2">
      <c r="B1769" s="43"/>
      <c r="C1769" s="73"/>
      <c r="D1769" s="64"/>
      <c r="E1769" s="55"/>
      <c r="F1769" s="74"/>
      <c r="G1769" s="74"/>
      <c r="H1769" s="74"/>
      <c r="I1769" s="75"/>
      <c r="J1769" s="74"/>
      <c r="L1769" s="55"/>
      <c r="M1769" s="234"/>
      <c r="N1769" s="65"/>
      <c r="O1769" s="76"/>
      <c r="P1769" s="76"/>
      <c r="Q1769" s="65"/>
      <c r="R1769" s="76"/>
      <c r="S1769" s="76"/>
      <c r="T1769" s="76"/>
      <c r="U1769" s="76"/>
      <c r="V1769" s="76"/>
      <c r="W1769" s="76"/>
      <c r="X1769" s="76"/>
      <c r="Y1769" s="76"/>
      <c r="Z1769" s="76"/>
      <c r="AA1769" s="85"/>
      <c r="AB1769" s="85"/>
      <c r="AC1769" s="85"/>
      <c r="AD1769" s="85"/>
      <c r="AE1769" s="85"/>
      <c r="AF1769" s="85"/>
      <c r="AG1769" s="86"/>
      <c r="AH1769" s="85"/>
      <c r="AI1769" s="85"/>
      <c r="AJ1769" s="85"/>
      <c r="AK1769" s="85"/>
      <c r="AL1769" s="85"/>
      <c r="AM1769" s="92"/>
      <c r="AN1769" s="92"/>
      <c r="AO1769" s="92"/>
      <c r="AP1769" s="92"/>
      <c r="AQ1769" s="92"/>
      <c r="AR1769" s="92"/>
      <c r="AS1769" s="92"/>
      <c r="AT1769" s="92"/>
      <c r="AU1769" s="92"/>
      <c r="AV1769" s="92"/>
      <c r="AW1769" s="92"/>
      <c r="AX1769" s="92"/>
      <c r="AY1769" s="92"/>
      <c r="AZ1769" s="93"/>
      <c r="BA1769" s="93"/>
      <c r="BB1769" s="93"/>
      <c r="BC1769" s="93"/>
      <c r="BD1769" s="93"/>
      <c r="BE1769" s="93"/>
      <c r="BF1769" s="93"/>
      <c r="BG1769" s="93"/>
      <c r="BH1769" s="93"/>
      <c r="BI1769" s="93"/>
      <c r="BJ1769" s="93"/>
      <c r="BK1769" s="93"/>
      <c r="BL1769" s="93"/>
    </row>
    <row r="1770" spans="2:64" x14ac:dyDescent="0.2">
      <c r="B1770" s="43"/>
      <c r="C1770" s="73"/>
      <c r="D1770" s="64"/>
      <c r="E1770" s="55"/>
      <c r="F1770" s="74"/>
      <c r="G1770" s="74"/>
      <c r="H1770" s="74"/>
      <c r="I1770" s="75"/>
      <c r="J1770" s="74"/>
      <c r="L1770" s="55"/>
      <c r="M1770" s="234"/>
      <c r="N1770" s="65"/>
      <c r="O1770" s="76"/>
      <c r="P1770" s="76"/>
      <c r="Q1770" s="65"/>
      <c r="R1770" s="76"/>
      <c r="S1770" s="76"/>
      <c r="T1770" s="76"/>
      <c r="U1770" s="76"/>
      <c r="V1770" s="76"/>
      <c r="W1770" s="76"/>
      <c r="X1770" s="76"/>
      <c r="Y1770" s="76"/>
      <c r="Z1770" s="76"/>
      <c r="AA1770" s="85"/>
      <c r="AB1770" s="85"/>
      <c r="AC1770" s="85"/>
      <c r="AD1770" s="85"/>
      <c r="AE1770" s="85"/>
      <c r="AF1770" s="85"/>
      <c r="AG1770" s="86"/>
      <c r="AH1770" s="85"/>
      <c r="AI1770" s="85"/>
      <c r="AJ1770" s="85"/>
      <c r="AK1770" s="85"/>
      <c r="AL1770" s="85"/>
      <c r="AM1770" s="92"/>
      <c r="AN1770" s="92"/>
      <c r="AO1770" s="92"/>
      <c r="AP1770" s="92"/>
      <c r="AQ1770" s="92"/>
      <c r="AR1770" s="92"/>
      <c r="AS1770" s="92"/>
      <c r="AT1770" s="92"/>
      <c r="AU1770" s="92"/>
      <c r="AV1770" s="92"/>
      <c r="AW1770" s="92"/>
      <c r="AX1770" s="92"/>
      <c r="AY1770" s="92"/>
      <c r="AZ1770" s="93"/>
      <c r="BA1770" s="93"/>
      <c r="BB1770" s="93"/>
      <c r="BC1770" s="93"/>
      <c r="BD1770" s="93"/>
      <c r="BE1770" s="93"/>
      <c r="BF1770" s="93"/>
      <c r="BG1770" s="93"/>
      <c r="BH1770" s="93"/>
      <c r="BI1770" s="93"/>
      <c r="BJ1770" s="93"/>
      <c r="BK1770" s="93"/>
      <c r="BL1770" s="93"/>
    </row>
    <row r="1771" spans="2:64" x14ac:dyDescent="0.2">
      <c r="B1771" s="43"/>
      <c r="C1771" s="73"/>
      <c r="D1771" s="64"/>
      <c r="E1771" s="55"/>
      <c r="F1771" s="74"/>
      <c r="G1771" s="74"/>
      <c r="H1771" s="74"/>
      <c r="I1771" s="75"/>
      <c r="J1771" s="74"/>
      <c r="L1771" s="55"/>
      <c r="M1771" s="234"/>
      <c r="N1771" s="65"/>
      <c r="O1771" s="76"/>
      <c r="P1771" s="76"/>
      <c r="Q1771" s="65"/>
      <c r="R1771" s="76"/>
      <c r="S1771" s="76"/>
      <c r="T1771" s="76"/>
      <c r="U1771" s="76"/>
      <c r="V1771" s="76"/>
      <c r="W1771" s="76"/>
      <c r="X1771" s="76"/>
      <c r="Y1771" s="76"/>
      <c r="Z1771" s="76"/>
      <c r="AA1771" s="85"/>
      <c r="AB1771" s="85"/>
      <c r="AC1771" s="85"/>
      <c r="AD1771" s="85"/>
      <c r="AE1771" s="85"/>
      <c r="AF1771" s="85"/>
      <c r="AG1771" s="86"/>
      <c r="AH1771" s="85"/>
      <c r="AI1771" s="85"/>
      <c r="AJ1771" s="85"/>
      <c r="AK1771" s="85"/>
      <c r="AL1771" s="85"/>
      <c r="AM1771" s="92"/>
      <c r="AN1771" s="92"/>
      <c r="AO1771" s="92"/>
      <c r="AP1771" s="92"/>
      <c r="AQ1771" s="92"/>
      <c r="AR1771" s="92"/>
      <c r="AS1771" s="92"/>
      <c r="AT1771" s="92"/>
      <c r="AU1771" s="92"/>
      <c r="AV1771" s="92"/>
      <c r="AW1771" s="92"/>
      <c r="AX1771" s="92"/>
      <c r="AY1771" s="92"/>
      <c r="AZ1771" s="93"/>
      <c r="BA1771" s="93"/>
      <c r="BB1771" s="93"/>
      <c r="BC1771" s="93"/>
      <c r="BD1771" s="93"/>
      <c r="BE1771" s="93"/>
      <c r="BF1771" s="93"/>
      <c r="BG1771" s="93"/>
      <c r="BH1771" s="93"/>
      <c r="BI1771" s="93"/>
      <c r="BJ1771" s="93"/>
      <c r="BK1771" s="93"/>
      <c r="BL1771" s="93"/>
    </row>
    <row r="1772" spans="2:64" x14ac:dyDescent="0.2">
      <c r="B1772" s="43"/>
      <c r="C1772" s="73"/>
      <c r="D1772" s="64"/>
      <c r="E1772" s="55"/>
      <c r="F1772" s="74"/>
      <c r="G1772" s="74"/>
      <c r="H1772" s="74"/>
      <c r="I1772" s="75"/>
      <c r="J1772" s="74"/>
      <c r="L1772" s="55"/>
      <c r="M1772" s="234"/>
      <c r="N1772" s="65"/>
      <c r="O1772" s="76"/>
      <c r="P1772" s="76"/>
      <c r="Q1772" s="65"/>
      <c r="R1772" s="76"/>
      <c r="S1772" s="76"/>
      <c r="T1772" s="76"/>
      <c r="U1772" s="76"/>
      <c r="V1772" s="76"/>
      <c r="W1772" s="76"/>
      <c r="X1772" s="76"/>
      <c r="Y1772" s="76"/>
      <c r="Z1772" s="76"/>
      <c r="AA1772" s="85"/>
      <c r="AB1772" s="85"/>
      <c r="AC1772" s="85"/>
      <c r="AD1772" s="85"/>
      <c r="AE1772" s="85"/>
      <c r="AF1772" s="85"/>
      <c r="AG1772" s="86"/>
      <c r="AH1772" s="85"/>
      <c r="AI1772" s="85"/>
      <c r="AJ1772" s="85"/>
      <c r="AK1772" s="85"/>
      <c r="AL1772" s="85"/>
      <c r="AM1772" s="92"/>
      <c r="AN1772" s="92"/>
      <c r="AO1772" s="92"/>
      <c r="AP1772" s="92"/>
      <c r="AQ1772" s="92"/>
      <c r="AR1772" s="92"/>
      <c r="AS1772" s="92"/>
      <c r="AT1772" s="92"/>
      <c r="AU1772" s="92"/>
      <c r="AV1772" s="92"/>
      <c r="AW1772" s="92"/>
      <c r="AX1772" s="92"/>
      <c r="AY1772" s="92"/>
      <c r="AZ1772" s="93"/>
      <c r="BA1772" s="93"/>
      <c r="BB1772" s="93"/>
      <c r="BC1772" s="93"/>
      <c r="BD1772" s="93"/>
      <c r="BE1772" s="93"/>
      <c r="BF1772" s="93"/>
      <c r="BG1772" s="93"/>
      <c r="BH1772" s="93"/>
      <c r="BI1772" s="93"/>
      <c r="BJ1772" s="93"/>
      <c r="BK1772" s="93"/>
      <c r="BL1772" s="93"/>
    </row>
    <row r="1773" spans="2:64" x14ac:dyDescent="0.2">
      <c r="B1773" s="43"/>
      <c r="C1773" s="73"/>
      <c r="D1773" s="64"/>
      <c r="E1773" s="55"/>
      <c r="F1773" s="74"/>
      <c r="G1773" s="74"/>
      <c r="H1773" s="74"/>
      <c r="I1773" s="75"/>
      <c r="J1773" s="74"/>
      <c r="L1773" s="55"/>
      <c r="M1773" s="234"/>
      <c r="N1773" s="65"/>
      <c r="O1773" s="76"/>
      <c r="P1773" s="76"/>
      <c r="Q1773" s="65"/>
      <c r="R1773" s="76"/>
      <c r="S1773" s="76"/>
      <c r="T1773" s="76"/>
      <c r="U1773" s="76"/>
      <c r="V1773" s="76"/>
      <c r="W1773" s="76"/>
      <c r="X1773" s="76"/>
      <c r="Y1773" s="76"/>
      <c r="Z1773" s="76"/>
      <c r="AA1773" s="85"/>
      <c r="AB1773" s="85"/>
      <c r="AC1773" s="85"/>
      <c r="AD1773" s="85"/>
      <c r="AE1773" s="85"/>
      <c r="AF1773" s="85"/>
      <c r="AG1773" s="86"/>
      <c r="AH1773" s="85"/>
      <c r="AI1773" s="85"/>
      <c r="AJ1773" s="85"/>
      <c r="AK1773" s="85"/>
      <c r="AL1773" s="85"/>
      <c r="AM1773" s="92"/>
      <c r="AN1773" s="92"/>
      <c r="AO1773" s="92"/>
      <c r="AP1773" s="92"/>
      <c r="AQ1773" s="92"/>
      <c r="AR1773" s="92"/>
      <c r="AS1773" s="92"/>
      <c r="AT1773" s="92"/>
      <c r="AU1773" s="92"/>
      <c r="AV1773" s="92"/>
      <c r="AW1773" s="92"/>
      <c r="AX1773" s="92"/>
      <c r="AY1773" s="92"/>
      <c r="AZ1773" s="93"/>
      <c r="BA1773" s="93"/>
      <c r="BB1773" s="93"/>
      <c r="BC1773" s="93"/>
      <c r="BD1773" s="93"/>
      <c r="BE1773" s="93"/>
      <c r="BF1773" s="93"/>
      <c r="BG1773" s="93"/>
      <c r="BH1773" s="93"/>
      <c r="BI1773" s="93"/>
      <c r="BJ1773" s="93"/>
      <c r="BK1773" s="93"/>
      <c r="BL1773" s="93"/>
    </row>
    <row r="1774" spans="2:64" x14ac:dyDescent="0.2">
      <c r="B1774" s="43"/>
      <c r="C1774" s="73"/>
      <c r="D1774" s="64"/>
      <c r="E1774" s="55"/>
      <c r="F1774" s="74"/>
      <c r="G1774" s="74"/>
      <c r="H1774" s="74"/>
      <c r="I1774" s="75"/>
      <c r="J1774" s="74"/>
      <c r="L1774" s="55"/>
      <c r="M1774" s="234"/>
      <c r="N1774" s="65"/>
      <c r="O1774" s="76"/>
      <c r="P1774" s="76"/>
      <c r="Q1774" s="65"/>
      <c r="R1774" s="76"/>
      <c r="S1774" s="76"/>
      <c r="T1774" s="76"/>
      <c r="U1774" s="76"/>
      <c r="V1774" s="76"/>
      <c r="W1774" s="76"/>
      <c r="X1774" s="76"/>
      <c r="Y1774" s="76"/>
      <c r="Z1774" s="76"/>
      <c r="AA1774" s="85"/>
      <c r="AB1774" s="85"/>
      <c r="AC1774" s="85"/>
      <c r="AD1774" s="85"/>
      <c r="AE1774" s="85"/>
      <c r="AF1774" s="85"/>
      <c r="AG1774" s="86"/>
      <c r="AH1774" s="85"/>
      <c r="AI1774" s="85"/>
      <c r="AJ1774" s="85"/>
      <c r="AK1774" s="85"/>
      <c r="AL1774" s="85"/>
      <c r="AM1774" s="92"/>
      <c r="AN1774" s="92"/>
      <c r="AO1774" s="92"/>
      <c r="AP1774" s="92"/>
      <c r="AQ1774" s="92"/>
      <c r="AR1774" s="92"/>
      <c r="AS1774" s="92"/>
      <c r="AT1774" s="92"/>
      <c r="AU1774" s="92"/>
      <c r="AV1774" s="92"/>
      <c r="AW1774" s="92"/>
      <c r="AX1774" s="92"/>
      <c r="AY1774" s="92"/>
      <c r="AZ1774" s="93"/>
      <c r="BA1774" s="93"/>
      <c r="BB1774" s="93"/>
      <c r="BC1774" s="93"/>
      <c r="BD1774" s="93"/>
      <c r="BE1774" s="93"/>
      <c r="BF1774" s="93"/>
      <c r="BG1774" s="93"/>
      <c r="BH1774" s="93"/>
      <c r="BI1774" s="93"/>
      <c r="BJ1774" s="93"/>
      <c r="BK1774" s="93"/>
      <c r="BL1774" s="93"/>
    </row>
    <row r="1775" spans="2:64" x14ac:dyDescent="0.2">
      <c r="B1775" s="43"/>
      <c r="C1775" s="73"/>
      <c r="D1775" s="64"/>
      <c r="E1775" s="55"/>
      <c r="F1775" s="74"/>
      <c r="G1775" s="74"/>
      <c r="H1775" s="74"/>
      <c r="I1775" s="75"/>
      <c r="J1775" s="74"/>
      <c r="L1775" s="55"/>
      <c r="M1775" s="234"/>
      <c r="N1775" s="65"/>
      <c r="O1775" s="76"/>
      <c r="P1775" s="76"/>
      <c r="Q1775" s="65"/>
      <c r="R1775" s="76"/>
      <c r="S1775" s="76"/>
      <c r="T1775" s="76"/>
      <c r="U1775" s="76"/>
      <c r="V1775" s="76"/>
      <c r="W1775" s="76"/>
      <c r="X1775" s="76"/>
      <c r="Y1775" s="76"/>
      <c r="Z1775" s="76"/>
      <c r="AA1775" s="85"/>
      <c r="AB1775" s="85"/>
      <c r="AC1775" s="85"/>
      <c r="AD1775" s="85"/>
      <c r="AE1775" s="85"/>
      <c r="AF1775" s="85"/>
      <c r="AG1775" s="86"/>
      <c r="AH1775" s="85"/>
      <c r="AI1775" s="85"/>
      <c r="AJ1775" s="85"/>
      <c r="AK1775" s="85"/>
      <c r="AL1775" s="85"/>
      <c r="AM1775" s="92"/>
      <c r="AN1775" s="92"/>
      <c r="AO1775" s="92"/>
      <c r="AP1775" s="92"/>
      <c r="AQ1775" s="92"/>
      <c r="AR1775" s="92"/>
      <c r="AS1775" s="92"/>
      <c r="AT1775" s="92"/>
      <c r="AU1775" s="92"/>
      <c r="AV1775" s="92"/>
      <c r="AW1775" s="92"/>
      <c r="AX1775" s="92"/>
      <c r="AY1775" s="92"/>
      <c r="AZ1775" s="93"/>
      <c r="BA1775" s="93"/>
      <c r="BB1775" s="93"/>
      <c r="BC1775" s="93"/>
      <c r="BD1775" s="93"/>
      <c r="BE1775" s="93"/>
      <c r="BF1775" s="93"/>
      <c r="BG1775" s="93"/>
      <c r="BH1775" s="93"/>
      <c r="BI1775" s="93"/>
      <c r="BJ1775" s="93"/>
      <c r="BK1775" s="93"/>
      <c r="BL1775" s="93"/>
    </row>
    <row r="1776" spans="2:64" x14ac:dyDescent="0.2">
      <c r="B1776" s="43"/>
      <c r="C1776" s="73"/>
      <c r="D1776" s="64"/>
      <c r="E1776" s="55"/>
      <c r="F1776" s="74"/>
      <c r="G1776" s="74"/>
      <c r="H1776" s="74"/>
      <c r="I1776" s="75"/>
      <c r="J1776" s="74"/>
      <c r="L1776" s="55"/>
      <c r="M1776" s="234"/>
      <c r="N1776" s="65"/>
      <c r="O1776" s="76"/>
      <c r="P1776" s="76"/>
      <c r="Q1776" s="65"/>
      <c r="R1776" s="76"/>
      <c r="S1776" s="76"/>
      <c r="T1776" s="76"/>
      <c r="U1776" s="76"/>
      <c r="V1776" s="76"/>
      <c r="W1776" s="76"/>
      <c r="X1776" s="76"/>
      <c r="Y1776" s="76"/>
      <c r="Z1776" s="76"/>
      <c r="AA1776" s="85"/>
      <c r="AB1776" s="85"/>
      <c r="AC1776" s="85"/>
      <c r="AD1776" s="85"/>
      <c r="AE1776" s="85"/>
      <c r="AF1776" s="85"/>
      <c r="AG1776" s="86"/>
      <c r="AH1776" s="85"/>
      <c r="AI1776" s="85"/>
      <c r="AJ1776" s="85"/>
      <c r="AK1776" s="85"/>
      <c r="AL1776" s="85"/>
      <c r="AM1776" s="92"/>
      <c r="AN1776" s="92"/>
      <c r="AO1776" s="92"/>
      <c r="AP1776" s="92"/>
      <c r="AQ1776" s="92"/>
      <c r="AR1776" s="92"/>
      <c r="AS1776" s="92"/>
      <c r="AT1776" s="92"/>
      <c r="AU1776" s="92"/>
      <c r="AV1776" s="92"/>
      <c r="AW1776" s="92"/>
      <c r="AX1776" s="92"/>
      <c r="AY1776" s="92"/>
      <c r="AZ1776" s="93"/>
      <c r="BA1776" s="93"/>
      <c r="BB1776" s="93"/>
      <c r="BC1776" s="93"/>
      <c r="BD1776" s="93"/>
      <c r="BE1776" s="93"/>
      <c r="BF1776" s="93"/>
      <c r="BG1776" s="93"/>
      <c r="BH1776" s="93"/>
      <c r="BI1776" s="93"/>
      <c r="BJ1776" s="93"/>
      <c r="BK1776" s="93"/>
      <c r="BL1776" s="93"/>
    </row>
    <row r="1777" spans="2:64" x14ac:dyDescent="0.2">
      <c r="B1777" s="43"/>
      <c r="C1777" s="73"/>
      <c r="D1777" s="64"/>
      <c r="E1777" s="55"/>
      <c r="F1777" s="74"/>
      <c r="G1777" s="74"/>
      <c r="H1777" s="74"/>
      <c r="I1777" s="75"/>
      <c r="J1777" s="74"/>
      <c r="L1777" s="55"/>
      <c r="M1777" s="234"/>
      <c r="N1777" s="65"/>
      <c r="O1777" s="76"/>
      <c r="P1777" s="76"/>
      <c r="Q1777" s="65"/>
      <c r="R1777" s="76"/>
      <c r="S1777" s="76"/>
      <c r="T1777" s="76"/>
      <c r="U1777" s="76"/>
      <c r="V1777" s="76"/>
      <c r="W1777" s="76"/>
      <c r="X1777" s="76"/>
      <c r="Y1777" s="76"/>
      <c r="Z1777" s="76"/>
      <c r="AA1777" s="85"/>
      <c r="AB1777" s="85"/>
      <c r="AC1777" s="85"/>
      <c r="AD1777" s="85"/>
      <c r="AE1777" s="85"/>
      <c r="AF1777" s="85"/>
      <c r="AG1777" s="86"/>
      <c r="AH1777" s="85"/>
      <c r="AI1777" s="85"/>
      <c r="AJ1777" s="85"/>
      <c r="AK1777" s="85"/>
      <c r="AL1777" s="85"/>
      <c r="AM1777" s="92"/>
      <c r="AN1777" s="92"/>
      <c r="AO1777" s="92"/>
      <c r="AP1777" s="92"/>
      <c r="AQ1777" s="92"/>
      <c r="AR1777" s="92"/>
      <c r="AS1777" s="92"/>
      <c r="AT1777" s="92"/>
      <c r="AU1777" s="92"/>
      <c r="AV1777" s="92"/>
      <c r="AW1777" s="92"/>
      <c r="AX1777" s="92"/>
      <c r="AY1777" s="92"/>
      <c r="AZ1777" s="93"/>
      <c r="BA1777" s="93"/>
      <c r="BB1777" s="93"/>
      <c r="BC1777" s="93"/>
      <c r="BD1777" s="93"/>
      <c r="BE1777" s="93"/>
      <c r="BF1777" s="93"/>
      <c r="BG1777" s="93"/>
      <c r="BH1777" s="93"/>
      <c r="BI1777" s="93"/>
      <c r="BJ1777" s="93"/>
      <c r="BK1777" s="93"/>
      <c r="BL1777" s="93"/>
    </row>
    <row r="1778" spans="2:64" x14ac:dyDescent="0.2">
      <c r="B1778" s="43"/>
      <c r="C1778" s="73"/>
      <c r="D1778" s="64"/>
      <c r="E1778" s="55"/>
      <c r="F1778" s="74"/>
      <c r="G1778" s="74"/>
      <c r="H1778" s="74"/>
      <c r="I1778" s="75"/>
      <c r="J1778" s="74"/>
      <c r="L1778" s="55"/>
      <c r="M1778" s="234"/>
      <c r="N1778" s="65"/>
      <c r="O1778" s="76"/>
      <c r="P1778" s="76"/>
      <c r="Q1778" s="65"/>
      <c r="R1778" s="76"/>
      <c r="S1778" s="76"/>
      <c r="T1778" s="76"/>
      <c r="U1778" s="76"/>
      <c r="V1778" s="76"/>
      <c r="W1778" s="76"/>
      <c r="X1778" s="76"/>
      <c r="Y1778" s="76"/>
      <c r="Z1778" s="76"/>
      <c r="AA1778" s="85"/>
      <c r="AB1778" s="85"/>
      <c r="AC1778" s="85"/>
      <c r="AD1778" s="85"/>
      <c r="AE1778" s="85"/>
      <c r="AF1778" s="85"/>
      <c r="AG1778" s="86"/>
      <c r="AH1778" s="85"/>
      <c r="AI1778" s="85"/>
      <c r="AJ1778" s="85"/>
      <c r="AK1778" s="85"/>
      <c r="AL1778" s="85"/>
      <c r="AM1778" s="92"/>
      <c r="AN1778" s="92"/>
      <c r="AO1778" s="92"/>
      <c r="AP1778" s="92"/>
      <c r="AQ1778" s="92"/>
      <c r="AR1778" s="92"/>
      <c r="AS1778" s="92"/>
      <c r="AT1778" s="92"/>
      <c r="AU1778" s="92"/>
      <c r="AV1778" s="92"/>
      <c r="AW1778" s="92"/>
      <c r="AX1778" s="92"/>
      <c r="AY1778" s="92"/>
      <c r="AZ1778" s="93"/>
      <c r="BA1778" s="93"/>
      <c r="BB1778" s="93"/>
      <c r="BC1778" s="93"/>
      <c r="BD1778" s="93"/>
      <c r="BE1778" s="93"/>
      <c r="BF1778" s="93"/>
      <c r="BG1778" s="93"/>
      <c r="BH1778" s="93"/>
      <c r="BI1778" s="93"/>
      <c r="BJ1778" s="93"/>
      <c r="BK1778" s="93"/>
      <c r="BL1778" s="93"/>
    </row>
    <row r="1779" spans="2:64" x14ac:dyDescent="0.2">
      <c r="B1779" s="43"/>
      <c r="C1779" s="73"/>
      <c r="D1779" s="64"/>
      <c r="E1779" s="55"/>
      <c r="F1779" s="74"/>
      <c r="G1779" s="74"/>
      <c r="H1779" s="74"/>
      <c r="I1779" s="75"/>
      <c r="J1779" s="74"/>
      <c r="L1779" s="55"/>
      <c r="M1779" s="234"/>
      <c r="N1779" s="65"/>
      <c r="O1779" s="76"/>
      <c r="P1779" s="76"/>
      <c r="Q1779" s="65"/>
      <c r="R1779" s="76"/>
      <c r="S1779" s="76"/>
      <c r="T1779" s="76"/>
      <c r="U1779" s="76"/>
      <c r="V1779" s="76"/>
      <c r="W1779" s="76"/>
      <c r="X1779" s="76"/>
      <c r="Y1779" s="76"/>
      <c r="Z1779" s="76"/>
      <c r="AA1779" s="85"/>
      <c r="AB1779" s="85"/>
      <c r="AC1779" s="85"/>
      <c r="AD1779" s="85"/>
      <c r="AE1779" s="85"/>
      <c r="AF1779" s="85"/>
      <c r="AG1779" s="86"/>
      <c r="AH1779" s="85"/>
      <c r="AI1779" s="85"/>
      <c r="AJ1779" s="85"/>
      <c r="AK1779" s="85"/>
      <c r="AL1779" s="85"/>
      <c r="AM1779" s="92"/>
      <c r="AN1779" s="92"/>
      <c r="AO1779" s="92"/>
      <c r="AP1779" s="92"/>
      <c r="AQ1779" s="92"/>
      <c r="AR1779" s="92"/>
      <c r="AS1779" s="92"/>
      <c r="AT1779" s="92"/>
      <c r="AU1779" s="92"/>
      <c r="AV1779" s="92"/>
      <c r="AW1779" s="92"/>
      <c r="AX1779" s="92"/>
      <c r="AY1779" s="92"/>
      <c r="AZ1779" s="93"/>
      <c r="BA1779" s="93"/>
      <c r="BB1779" s="93"/>
      <c r="BC1779" s="93"/>
      <c r="BD1779" s="93"/>
      <c r="BE1779" s="93"/>
      <c r="BF1779" s="93"/>
      <c r="BG1779" s="93"/>
      <c r="BH1779" s="93"/>
      <c r="BI1779" s="93"/>
      <c r="BJ1779" s="93"/>
      <c r="BK1779" s="93"/>
      <c r="BL1779" s="93"/>
    </row>
    <row r="1780" spans="2:64" x14ac:dyDescent="0.2">
      <c r="B1780" s="43"/>
      <c r="C1780" s="73"/>
      <c r="D1780" s="64"/>
      <c r="E1780" s="55"/>
      <c r="F1780" s="74"/>
      <c r="G1780" s="74"/>
      <c r="H1780" s="74"/>
      <c r="I1780" s="75"/>
      <c r="J1780" s="74"/>
      <c r="L1780" s="55"/>
      <c r="M1780" s="234"/>
      <c r="N1780" s="65"/>
      <c r="O1780" s="76"/>
      <c r="P1780" s="76"/>
      <c r="Q1780" s="65"/>
      <c r="R1780" s="76"/>
      <c r="S1780" s="76"/>
      <c r="T1780" s="76"/>
      <c r="U1780" s="76"/>
      <c r="V1780" s="76"/>
      <c r="W1780" s="76"/>
      <c r="X1780" s="76"/>
      <c r="Y1780" s="76"/>
      <c r="Z1780" s="76"/>
      <c r="AA1780" s="85"/>
      <c r="AB1780" s="85"/>
      <c r="AC1780" s="85"/>
      <c r="AD1780" s="85"/>
      <c r="AE1780" s="85"/>
      <c r="AF1780" s="85"/>
      <c r="AG1780" s="86"/>
      <c r="AH1780" s="85"/>
      <c r="AI1780" s="85"/>
      <c r="AJ1780" s="85"/>
      <c r="AK1780" s="85"/>
      <c r="AL1780" s="85"/>
      <c r="AM1780" s="92"/>
      <c r="AN1780" s="92"/>
      <c r="AO1780" s="92"/>
      <c r="AP1780" s="92"/>
      <c r="AQ1780" s="92"/>
      <c r="AR1780" s="92"/>
      <c r="AS1780" s="92"/>
      <c r="AT1780" s="92"/>
      <c r="AU1780" s="92"/>
      <c r="AV1780" s="92"/>
      <c r="AW1780" s="92"/>
      <c r="AX1780" s="92"/>
      <c r="AY1780" s="92"/>
      <c r="AZ1780" s="93"/>
      <c r="BA1780" s="93"/>
      <c r="BB1780" s="93"/>
      <c r="BC1780" s="93"/>
      <c r="BD1780" s="93"/>
      <c r="BE1780" s="93"/>
      <c r="BF1780" s="93"/>
      <c r="BG1780" s="93"/>
      <c r="BH1780" s="93"/>
      <c r="BI1780" s="93"/>
      <c r="BJ1780" s="93"/>
      <c r="BK1780" s="93"/>
      <c r="BL1780" s="93"/>
    </row>
    <row r="1781" spans="2:64" x14ac:dyDescent="0.2">
      <c r="B1781" s="43"/>
      <c r="C1781" s="73"/>
      <c r="D1781" s="64"/>
      <c r="E1781" s="55"/>
      <c r="F1781" s="74"/>
      <c r="G1781" s="74"/>
      <c r="H1781" s="74"/>
      <c r="I1781" s="75"/>
      <c r="J1781" s="74"/>
      <c r="L1781" s="55"/>
      <c r="M1781" s="234"/>
      <c r="N1781" s="65"/>
      <c r="O1781" s="76"/>
      <c r="P1781" s="76"/>
      <c r="Q1781" s="65"/>
      <c r="R1781" s="76"/>
      <c r="S1781" s="76"/>
      <c r="T1781" s="76"/>
      <c r="U1781" s="76"/>
      <c r="V1781" s="76"/>
      <c r="W1781" s="76"/>
      <c r="X1781" s="76"/>
      <c r="Y1781" s="76"/>
      <c r="Z1781" s="76"/>
      <c r="AA1781" s="85"/>
      <c r="AB1781" s="85"/>
      <c r="AC1781" s="85"/>
      <c r="AD1781" s="85"/>
      <c r="AE1781" s="85"/>
      <c r="AF1781" s="85"/>
      <c r="AG1781" s="86"/>
      <c r="AH1781" s="85"/>
      <c r="AI1781" s="85"/>
      <c r="AJ1781" s="85"/>
      <c r="AK1781" s="85"/>
      <c r="AL1781" s="85"/>
      <c r="AM1781" s="92"/>
      <c r="AN1781" s="92"/>
      <c r="AO1781" s="92"/>
      <c r="AP1781" s="92"/>
      <c r="AQ1781" s="92"/>
      <c r="AR1781" s="92"/>
      <c r="AS1781" s="92"/>
      <c r="AT1781" s="92"/>
      <c r="AU1781" s="92"/>
      <c r="AV1781" s="92"/>
      <c r="AW1781" s="92"/>
      <c r="AX1781" s="92"/>
      <c r="AY1781" s="92"/>
      <c r="AZ1781" s="93"/>
      <c r="BA1781" s="93"/>
      <c r="BB1781" s="93"/>
      <c r="BC1781" s="93"/>
      <c r="BD1781" s="93"/>
      <c r="BE1781" s="93"/>
      <c r="BF1781" s="93"/>
      <c r="BG1781" s="93"/>
      <c r="BH1781" s="93"/>
      <c r="BI1781" s="93"/>
      <c r="BJ1781" s="93"/>
      <c r="BK1781" s="93"/>
      <c r="BL1781" s="93"/>
    </row>
    <row r="1782" spans="2:64" x14ac:dyDescent="0.2">
      <c r="B1782" s="43"/>
      <c r="C1782" s="73"/>
      <c r="D1782" s="64"/>
      <c r="E1782" s="55"/>
      <c r="F1782" s="74"/>
      <c r="G1782" s="74"/>
      <c r="H1782" s="74"/>
      <c r="I1782" s="75"/>
      <c r="J1782" s="74"/>
      <c r="L1782" s="55"/>
      <c r="M1782" s="234"/>
      <c r="N1782" s="65"/>
      <c r="O1782" s="76"/>
      <c r="P1782" s="76"/>
      <c r="Q1782" s="65"/>
      <c r="R1782" s="76"/>
      <c r="S1782" s="76"/>
      <c r="T1782" s="76"/>
      <c r="U1782" s="76"/>
      <c r="V1782" s="76"/>
      <c r="W1782" s="76"/>
      <c r="X1782" s="76"/>
      <c r="Y1782" s="76"/>
      <c r="Z1782" s="76"/>
      <c r="AA1782" s="85"/>
      <c r="AB1782" s="85"/>
      <c r="AC1782" s="85"/>
      <c r="AD1782" s="85"/>
      <c r="AE1782" s="85"/>
      <c r="AF1782" s="85"/>
      <c r="AG1782" s="86"/>
      <c r="AH1782" s="85"/>
      <c r="AI1782" s="85"/>
      <c r="AJ1782" s="85"/>
      <c r="AK1782" s="85"/>
      <c r="AL1782" s="85"/>
      <c r="AM1782" s="92"/>
      <c r="AN1782" s="92"/>
      <c r="AO1782" s="92"/>
      <c r="AP1782" s="92"/>
      <c r="AQ1782" s="92"/>
      <c r="AR1782" s="92"/>
      <c r="AS1782" s="92"/>
      <c r="AT1782" s="92"/>
      <c r="AU1782" s="92"/>
      <c r="AV1782" s="92"/>
      <c r="AW1782" s="92"/>
      <c r="AX1782" s="92"/>
      <c r="AY1782" s="92"/>
      <c r="AZ1782" s="93"/>
      <c r="BA1782" s="93"/>
      <c r="BB1782" s="93"/>
      <c r="BC1782" s="93"/>
      <c r="BD1782" s="93"/>
      <c r="BE1782" s="93"/>
      <c r="BF1782" s="93"/>
      <c r="BG1782" s="93"/>
      <c r="BH1782" s="93"/>
      <c r="BI1782" s="93"/>
      <c r="BJ1782" s="93"/>
      <c r="BK1782" s="93"/>
      <c r="BL1782" s="93"/>
    </row>
    <row r="1783" spans="2:64" x14ac:dyDescent="0.2">
      <c r="B1783" s="43"/>
      <c r="C1783" s="73"/>
      <c r="D1783" s="64"/>
      <c r="E1783" s="55"/>
      <c r="F1783" s="74"/>
      <c r="G1783" s="74"/>
      <c r="H1783" s="74"/>
      <c r="I1783" s="75"/>
      <c r="J1783" s="74"/>
      <c r="L1783" s="55"/>
      <c r="M1783" s="234"/>
      <c r="N1783" s="65"/>
      <c r="O1783" s="76"/>
      <c r="P1783" s="76"/>
      <c r="Q1783" s="65"/>
      <c r="R1783" s="76"/>
      <c r="S1783" s="76"/>
      <c r="T1783" s="76"/>
      <c r="U1783" s="76"/>
      <c r="V1783" s="76"/>
      <c r="W1783" s="76"/>
      <c r="X1783" s="76"/>
      <c r="Y1783" s="76"/>
      <c r="Z1783" s="76"/>
      <c r="AA1783" s="85"/>
      <c r="AB1783" s="85"/>
      <c r="AC1783" s="85"/>
      <c r="AD1783" s="85"/>
      <c r="AE1783" s="85"/>
      <c r="AF1783" s="85"/>
      <c r="AG1783" s="86"/>
      <c r="AH1783" s="85"/>
      <c r="AI1783" s="85"/>
      <c r="AJ1783" s="85"/>
      <c r="AK1783" s="85"/>
      <c r="AL1783" s="85"/>
      <c r="AM1783" s="92"/>
      <c r="AN1783" s="92"/>
      <c r="AO1783" s="92"/>
      <c r="AP1783" s="92"/>
      <c r="AQ1783" s="92"/>
      <c r="AR1783" s="92"/>
      <c r="AS1783" s="92"/>
      <c r="AT1783" s="92"/>
      <c r="AU1783" s="92"/>
      <c r="AV1783" s="92"/>
      <c r="AW1783" s="92"/>
      <c r="AX1783" s="92"/>
      <c r="AY1783" s="92"/>
      <c r="AZ1783" s="93"/>
      <c r="BA1783" s="93"/>
      <c r="BB1783" s="93"/>
      <c r="BC1783" s="93"/>
      <c r="BD1783" s="93"/>
      <c r="BE1783" s="93"/>
      <c r="BF1783" s="93"/>
      <c r="BG1783" s="93"/>
      <c r="BH1783" s="93"/>
      <c r="BI1783" s="93"/>
      <c r="BJ1783" s="93"/>
      <c r="BK1783" s="93"/>
      <c r="BL1783" s="93"/>
    </row>
    <row r="1784" spans="2:64" x14ac:dyDescent="0.2">
      <c r="B1784" s="43"/>
      <c r="C1784" s="73"/>
      <c r="D1784" s="64"/>
      <c r="E1784" s="55"/>
      <c r="F1784" s="74"/>
      <c r="G1784" s="74"/>
      <c r="H1784" s="74"/>
      <c r="I1784" s="75"/>
      <c r="J1784" s="74"/>
      <c r="L1784" s="55"/>
      <c r="M1784" s="234"/>
      <c r="N1784" s="65"/>
      <c r="O1784" s="76"/>
      <c r="P1784" s="76"/>
      <c r="Q1784" s="65"/>
      <c r="R1784" s="76"/>
      <c r="S1784" s="76"/>
      <c r="T1784" s="76"/>
      <c r="U1784" s="76"/>
      <c r="V1784" s="76"/>
      <c r="W1784" s="76"/>
      <c r="X1784" s="76"/>
      <c r="Y1784" s="76"/>
      <c r="Z1784" s="76"/>
      <c r="AA1784" s="85"/>
      <c r="AB1784" s="85"/>
      <c r="AC1784" s="85"/>
      <c r="AD1784" s="85"/>
      <c r="AE1784" s="85"/>
      <c r="AF1784" s="85"/>
      <c r="AG1784" s="86"/>
      <c r="AH1784" s="85"/>
      <c r="AI1784" s="85"/>
      <c r="AJ1784" s="85"/>
      <c r="AK1784" s="85"/>
      <c r="AL1784" s="85"/>
      <c r="AM1784" s="92"/>
      <c r="AN1784" s="92"/>
      <c r="AO1784" s="92"/>
      <c r="AP1784" s="92"/>
      <c r="AQ1784" s="92"/>
      <c r="AR1784" s="92"/>
      <c r="AS1784" s="92"/>
      <c r="AT1784" s="92"/>
      <c r="AU1784" s="92"/>
      <c r="AV1784" s="92"/>
      <c r="AW1784" s="92"/>
      <c r="AX1784" s="92"/>
      <c r="AY1784" s="92"/>
      <c r="AZ1784" s="93"/>
      <c r="BA1784" s="93"/>
      <c r="BB1784" s="93"/>
      <c r="BC1784" s="93"/>
      <c r="BD1784" s="93"/>
      <c r="BE1784" s="93"/>
      <c r="BF1784" s="93"/>
      <c r="BG1784" s="93"/>
      <c r="BH1784" s="93"/>
      <c r="BI1784" s="93"/>
      <c r="BJ1784" s="93"/>
      <c r="BK1784" s="93"/>
      <c r="BL1784" s="93"/>
    </row>
    <row r="1785" spans="2:64" x14ac:dyDescent="0.2">
      <c r="B1785" s="43"/>
      <c r="C1785" s="73"/>
      <c r="D1785" s="64"/>
      <c r="E1785" s="55"/>
      <c r="F1785" s="74"/>
      <c r="G1785" s="74"/>
      <c r="H1785" s="74"/>
      <c r="I1785" s="75"/>
      <c r="J1785" s="74"/>
      <c r="L1785" s="55"/>
      <c r="M1785" s="234"/>
      <c r="N1785" s="65"/>
      <c r="O1785" s="76"/>
      <c r="P1785" s="76"/>
      <c r="Q1785" s="65"/>
      <c r="R1785" s="76"/>
      <c r="S1785" s="76"/>
      <c r="T1785" s="76"/>
      <c r="U1785" s="76"/>
      <c r="V1785" s="76"/>
      <c r="W1785" s="76"/>
      <c r="X1785" s="76"/>
      <c r="Y1785" s="76"/>
      <c r="Z1785" s="76"/>
      <c r="AA1785" s="85"/>
      <c r="AB1785" s="85"/>
      <c r="AC1785" s="85"/>
      <c r="AD1785" s="85"/>
      <c r="AE1785" s="85"/>
      <c r="AF1785" s="85"/>
      <c r="AG1785" s="86"/>
      <c r="AH1785" s="85"/>
      <c r="AI1785" s="85"/>
      <c r="AJ1785" s="85"/>
      <c r="AK1785" s="85"/>
      <c r="AL1785" s="85"/>
      <c r="AM1785" s="92"/>
      <c r="AN1785" s="92"/>
      <c r="AO1785" s="92"/>
      <c r="AP1785" s="92"/>
      <c r="AQ1785" s="92"/>
      <c r="AR1785" s="92"/>
      <c r="AS1785" s="92"/>
      <c r="AT1785" s="92"/>
      <c r="AU1785" s="92"/>
      <c r="AV1785" s="92"/>
      <c r="AW1785" s="92"/>
      <c r="AX1785" s="92"/>
      <c r="AY1785" s="92"/>
      <c r="AZ1785" s="93"/>
      <c r="BA1785" s="93"/>
      <c r="BB1785" s="93"/>
      <c r="BC1785" s="93"/>
      <c r="BD1785" s="93"/>
      <c r="BE1785" s="93"/>
      <c r="BF1785" s="93"/>
      <c r="BG1785" s="93"/>
      <c r="BH1785" s="93"/>
      <c r="BI1785" s="93"/>
      <c r="BJ1785" s="93"/>
      <c r="BK1785" s="93"/>
      <c r="BL1785" s="93"/>
    </row>
    <row r="1786" spans="2:64" x14ac:dyDescent="0.2">
      <c r="B1786" s="43"/>
      <c r="C1786" s="73"/>
      <c r="D1786" s="64"/>
      <c r="E1786" s="55"/>
      <c r="F1786" s="74"/>
      <c r="G1786" s="74"/>
      <c r="H1786" s="74"/>
      <c r="I1786" s="75"/>
      <c r="J1786" s="74"/>
      <c r="L1786" s="55"/>
      <c r="M1786" s="234"/>
      <c r="N1786" s="65"/>
      <c r="O1786" s="76"/>
      <c r="P1786" s="76"/>
      <c r="Q1786" s="65"/>
      <c r="R1786" s="76"/>
      <c r="S1786" s="76"/>
      <c r="T1786" s="76"/>
      <c r="U1786" s="76"/>
      <c r="V1786" s="76"/>
      <c r="W1786" s="76"/>
      <c r="X1786" s="76"/>
      <c r="Y1786" s="76"/>
      <c r="Z1786" s="76"/>
      <c r="AA1786" s="85"/>
      <c r="AB1786" s="85"/>
      <c r="AC1786" s="85"/>
      <c r="AD1786" s="85"/>
      <c r="AE1786" s="85"/>
      <c r="AF1786" s="85"/>
      <c r="AG1786" s="86"/>
      <c r="AH1786" s="85"/>
      <c r="AI1786" s="85"/>
      <c r="AJ1786" s="85"/>
      <c r="AK1786" s="85"/>
      <c r="AL1786" s="85"/>
      <c r="AM1786" s="92"/>
      <c r="AN1786" s="92"/>
      <c r="AO1786" s="92"/>
      <c r="AP1786" s="92"/>
      <c r="AQ1786" s="92"/>
      <c r="AR1786" s="92"/>
      <c r="AS1786" s="92"/>
      <c r="AT1786" s="92"/>
      <c r="AU1786" s="92"/>
      <c r="AV1786" s="92"/>
      <c r="AW1786" s="92"/>
      <c r="AX1786" s="92"/>
      <c r="AY1786" s="92"/>
      <c r="AZ1786" s="93"/>
      <c r="BA1786" s="93"/>
      <c r="BB1786" s="93"/>
      <c r="BC1786" s="93"/>
      <c r="BD1786" s="93"/>
      <c r="BE1786" s="93"/>
      <c r="BF1786" s="93"/>
      <c r="BG1786" s="93"/>
      <c r="BH1786" s="93"/>
      <c r="BI1786" s="93"/>
      <c r="BJ1786" s="93"/>
      <c r="BK1786" s="93"/>
      <c r="BL1786" s="93"/>
    </row>
    <row r="1787" spans="2:64" x14ac:dyDescent="0.2">
      <c r="B1787" s="43"/>
      <c r="C1787" s="73"/>
      <c r="D1787" s="64"/>
      <c r="E1787" s="55"/>
      <c r="F1787" s="74"/>
      <c r="G1787" s="74"/>
      <c r="H1787" s="74"/>
      <c r="I1787" s="75"/>
      <c r="J1787" s="74"/>
      <c r="L1787" s="55"/>
      <c r="M1787" s="234"/>
      <c r="N1787" s="65"/>
      <c r="O1787" s="76"/>
      <c r="P1787" s="76"/>
      <c r="Q1787" s="65"/>
      <c r="R1787" s="76"/>
      <c r="S1787" s="76"/>
      <c r="T1787" s="76"/>
      <c r="U1787" s="76"/>
      <c r="V1787" s="76"/>
      <c r="W1787" s="76"/>
      <c r="X1787" s="76"/>
      <c r="Y1787" s="76"/>
      <c r="Z1787" s="76"/>
      <c r="AA1787" s="85"/>
      <c r="AB1787" s="85"/>
      <c r="AC1787" s="85"/>
      <c r="AD1787" s="85"/>
      <c r="AE1787" s="85"/>
      <c r="AF1787" s="85"/>
      <c r="AG1787" s="86"/>
      <c r="AH1787" s="85"/>
      <c r="AI1787" s="85"/>
      <c r="AJ1787" s="85"/>
      <c r="AK1787" s="85"/>
      <c r="AL1787" s="85"/>
      <c r="AM1787" s="92"/>
      <c r="AN1787" s="92"/>
      <c r="AO1787" s="92"/>
      <c r="AP1787" s="92"/>
      <c r="AQ1787" s="92"/>
      <c r="AR1787" s="92"/>
      <c r="AS1787" s="92"/>
      <c r="AT1787" s="92"/>
      <c r="AU1787" s="92"/>
      <c r="AV1787" s="92"/>
      <c r="AW1787" s="92"/>
      <c r="AX1787" s="92"/>
      <c r="AY1787" s="92"/>
      <c r="AZ1787" s="93"/>
      <c r="BA1787" s="93"/>
      <c r="BB1787" s="93"/>
      <c r="BC1787" s="93"/>
      <c r="BD1787" s="93"/>
      <c r="BE1787" s="93"/>
      <c r="BF1787" s="93"/>
      <c r="BG1787" s="93"/>
      <c r="BH1787" s="93"/>
      <c r="BI1787" s="93"/>
      <c r="BJ1787" s="93"/>
      <c r="BK1787" s="93"/>
      <c r="BL1787" s="93"/>
    </row>
    <row r="1788" spans="2:64" x14ac:dyDescent="0.2">
      <c r="B1788" s="43"/>
      <c r="C1788" s="73"/>
      <c r="D1788" s="64"/>
      <c r="E1788" s="55"/>
      <c r="F1788" s="74"/>
      <c r="G1788" s="74"/>
      <c r="H1788" s="74"/>
      <c r="I1788" s="75"/>
      <c r="J1788" s="74"/>
      <c r="L1788" s="55"/>
      <c r="M1788" s="234"/>
      <c r="N1788" s="65"/>
      <c r="O1788" s="76"/>
      <c r="P1788" s="76"/>
      <c r="Q1788" s="65"/>
      <c r="R1788" s="76"/>
      <c r="S1788" s="76"/>
      <c r="T1788" s="76"/>
      <c r="U1788" s="76"/>
      <c r="V1788" s="76"/>
      <c r="W1788" s="76"/>
      <c r="X1788" s="76"/>
      <c r="Y1788" s="76"/>
      <c r="Z1788" s="76"/>
      <c r="AA1788" s="85"/>
      <c r="AB1788" s="85"/>
      <c r="AC1788" s="85"/>
      <c r="AD1788" s="85"/>
      <c r="AE1788" s="85"/>
      <c r="AF1788" s="85"/>
      <c r="AG1788" s="86"/>
      <c r="AH1788" s="85"/>
      <c r="AI1788" s="85"/>
      <c r="AJ1788" s="85"/>
      <c r="AK1788" s="85"/>
      <c r="AL1788" s="85"/>
      <c r="AM1788" s="92"/>
      <c r="AN1788" s="92"/>
      <c r="AO1788" s="92"/>
      <c r="AP1788" s="92"/>
      <c r="AQ1788" s="92"/>
      <c r="AR1788" s="92"/>
      <c r="AS1788" s="92"/>
      <c r="AT1788" s="92"/>
      <c r="AU1788" s="92"/>
      <c r="AV1788" s="92"/>
      <c r="AW1788" s="92"/>
      <c r="AX1788" s="92"/>
      <c r="AY1788" s="92"/>
      <c r="AZ1788" s="93"/>
      <c r="BA1788" s="93"/>
      <c r="BB1788" s="93"/>
      <c r="BC1788" s="93"/>
      <c r="BD1788" s="93"/>
      <c r="BE1788" s="93"/>
      <c r="BF1788" s="93"/>
      <c r="BG1788" s="93"/>
      <c r="BH1788" s="93"/>
      <c r="BI1788" s="93"/>
      <c r="BJ1788" s="93"/>
      <c r="BK1788" s="93"/>
      <c r="BL1788" s="93"/>
    </row>
    <row r="1789" spans="2:64" x14ac:dyDescent="0.2">
      <c r="B1789" s="43"/>
      <c r="C1789" s="73"/>
      <c r="D1789" s="64"/>
      <c r="E1789" s="55"/>
      <c r="F1789" s="74"/>
      <c r="G1789" s="74"/>
      <c r="H1789" s="74"/>
      <c r="I1789" s="75"/>
      <c r="J1789" s="74"/>
      <c r="L1789" s="55"/>
      <c r="M1789" s="234"/>
      <c r="N1789" s="65"/>
      <c r="O1789" s="76"/>
      <c r="P1789" s="76"/>
      <c r="Q1789" s="65"/>
      <c r="R1789" s="76"/>
      <c r="S1789" s="76"/>
      <c r="T1789" s="76"/>
      <c r="U1789" s="76"/>
      <c r="V1789" s="76"/>
      <c r="W1789" s="76"/>
      <c r="X1789" s="76"/>
      <c r="Y1789" s="76"/>
      <c r="Z1789" s="76"/>
      <c r="AA1789" s="85"/>
      <c r="AB1789" s="85"/>
      <c r="AC1789" s="85"/>
      <c r="AD1789" s="85"/>
      <c r="AE1789" s="85"/>
      <c r="AF1789" s="85"/>
      <c r="AG1789" s="86"/>
      <c r="AH1789" s="85"/>
      <c r="AI1789" s="85"/>
      <c r="AJ1789" s="85"/>
      <c r="AK1789" s="85"/>
      <c r="AL1789" s="85"/>
      <c r="AM1789" s="92"/>
      <c r="AN1789" s="92"/>
      <c r="AO1789" s="92"/>
      <c r="AP1789" s="92"/>
      <c r="AQ1789" s="92"/>
      <c r="AR1789" s="92"/>
      <c r="AS1789" s="92"/>
      <c r="AT1789" s="92"/>
      <c r="AU1789" s="92"/>
      <c r="AV1789" s="92"/>
      <c r="AW1789" s="92"/>
      <c r="AX1789" s="92"/>
      <c r="AY1789" s="92"/>
      <c r="AZ1789" s="93"/>
      <c r="BA1789" s="93"/>
      <c r="BB1789" s="93"/>
      <c r="BC1789" s="93"/>
      <c r="BD1789" s="93"/>
      <c r="BE1789" s="93"/>
      <c r="BF1789" s="93"/>
      <c r="BG1789" s="93"/>
      <c r="BH1789" s="93"/>
      <c r="BI1789" s="93"/>
      <c r="BJ1789" s="93"/>
      <c r="BK1789" s="93"/>
      <c r="BL1789" s="93"/>
    </row>
    <row r="1790" spans="2:64" x14ac:dyDescent="0.2">
      <c r="B1790" s="43"/>
      <c r="C1790" s="73"/>
      <c r="D1790" s="64"/>
      <c r="E1790" s="55"/>
      <c r="F1790" s="74"/>
      <c r="G1790" s="74"/>
      <c r="H1790" s="74"/>
      <c r="I1790" s="75"/>
      <c r="J1790" s="74"/>
      <c r="L1790" s="55"/>
      <c r="M1790" s="234"/>
      <c r="N1790" s="65"/>
      <c r="O1790" s="76"/>
      <c r="P1790" s="76"/>
      <c r="Q1790" s="65"/>
      <c r="R1790" s="76"/>
      <c r="S1790" s="76"/>
      <c r="T1790" s="76"/>
      <c r="U1790" s="76"/>
      <c r="V1790" s="76"/>
      <c r="W1790" s="76"/>
      <c r="X1790" s="76"/>
      <c r="Y1790" s="76"/>
      <c r="Z1790" s="76"/>
      <c r="AA1790" s="85"/>
      <c r="AB1790" s="85"/>
      <c r="AC1790" s="85"/>
      <c r="AD1790" s="85"/>
      <c r="AE1790" s="85"/>
      <c r="AF1790" s="85"/>
      <c r="AG1790" s="86"/>
      <c r="AH1790" s="85"/>
      <c r="AI1790" s="85"/>
      <c r="AJ1790" s="85"/>
      <c r="AK1790" s="85"/>
      <c r="AL1790" s="85"/>
      <c r="AM1790" s="92"/>
      <c r="AN1790" s="92"/>
      <c r="AO1790" s="92"/>
      <c r="AP1790" s="92"/>
      <c r="AQ1790" s="92"/>
      <c r="AR1790" s="92"/>
      <c r="AS1790" s="92"/>
      <c r="AT1790" s="92"/>
      <c r="AU1790" s="92"/>
      <c r="AV1790" s="92"/>
      <c r="AW1790" s="92"/>
      <c r="AX1790" s="92"/>
      <c r="AY1790" s="92"/>
      <c r="AZ1790" s="93"/>
      <c r="BA1790" s="93"/>
      <c r="BB1790" s="93"/>
      <c r="BC1790" s="93"/>
      <c r="BD1790" s="93"/>
      <c r="BE1790" s="93"/>
      <c r="BF1790" s="93"/>
      <c r="BG1790" s="93"/>
      <c r="BH1790" s="93"/>
      <c r="BI1790" s="93"/>
      <c r="BJ1790" s="93"/>
      <c r="BK1790" s="93"/>
      <c r="BL1790" s="93"/>
    </row>
    <row r="1791" spans="2:64" x14ac:dyDescent="0.2">
      <c r="B1791" s="43"/>
      <c r="C1791" s="73"/>
      <c r="D1791" s="64"/>
      <c r="E1791" s="55"/>
      <c r="F1791" s="74"/>
      <c r="G1791" s="74"/>
      <c r="H1791" s="74"/>
      <c r="I1791" s="75"/>
      <c r="J1791" s="74"/>
      <c r="L1791" s="55"/>
      <c r="M1791" s="234"/>
      <c r="N1791" s="65"/>
      <c r="O1791" s="76"/>
      <c r="P1791" s="76"/>
      <c r="Q1791" s="65"/>
      <c r="R1791" s="76"/>
      <c r="S1791" s="76"/>
      <c r="T1791" s="76"/>
      <c r="U1791" s="76"/>
      <c r="V1791" s="76"/>
      <c r="W1791" s="76"/>
      <c r="X1791" s="76"/>
      <c r="Y1791" s="76"/>
      <c r="Z1791" s="76"/>
      <c r="AA1791" s="85"/>
      <c r="AB1791" s="85"/>
      <c r="AC1791" s="85"/>
      <c r="AD1791" s="85"/>
      <c r="AE1791" s="85"/>
      <c r="AF1791" s="85"/>
      <c r="AG1791" s="86"/>
      <c r="AH1791" s="85"/>
      <c r="AI1791" s="85"/>
      <c r="AJ1791" s="85"/>
      <c r="AK1791" s="85"/>
      <c r="AL1791" s="85"/>
      <c r="AM1791" s="92"/>
      <c r="AN1791" s="92"/>
      <c r="AO1791" s="92"/>
      <c r="AP1791" s="92"/>
      <c r="AQ1791" s="92"/>
      <c r="AR1791" s="92"/>
      <c r="AS1791" s="92"/>
      <c r="AT1791" s="92"/>
      <c r="AU1791" s="92"/>
      <c r="AV1791" s="92"/>
      <c r="AW1791" s="92"/>
      <c r="AX1791" s="92"/>
      <c r="AY1791" s="92"/>
      <c r="AZ1791" s="93"/>
      <c r="BA1791" s="93"/>
      <c r="BB1791" s="93"/>
      <c r="BC1791" s="93"/>
      <c r="BD1791" s="93"/>
      <c r="BE1791" s="93"/>
      <c r="BF1791" s="93"/>
      <c r="BG1791" s="93"/>
      <c r="BH1791" s="93"/>
      <c r="BI1791" s="93"/>
      <c r="BJ1791" s="93"/>
      <c r="BK1791" s="93"/>
      <c r="BL1791" s="93"/>
    </row>
    <row r="1792" spans="2:64" x14ac:dyDescent="0.2">
      <c r="B1792" s="43"/>
      <c r="C1792" s="73"/>
      <c r="D1792" s="64"/>
      <c r="E1792" s="55"/>
      <c r="F1792" s="74"/>
      <c r="G1792" s="74"/>
      <c r="H1792" s="74"/>
      <c r="I1792" s="75"/>
      <c r="J1792" s="74"/>
      <c r="L1792" s="55"/>
      <c r="M1792" s="234"/>
      <c r="N1792" s="65"/>
      <c r="O1792" s="76"/>
      <c r="P1792" s="76"/>
      <c r="Q1792" s="65"/>
      <c r="R1792" s="76"/>
      <c r="S1792" s="76"/>
      <c r="T1792" s="76"/>
      <c r="U1792" s="76"/>
      <c r="V1792" s="76"/>
      <c r="W1792" s="76"/>
      <c r="X1792" s="76"/>
      <c r="Y1792" s="76"/>
      <c r="Z1792" s="76"/>
      <c r="AA1792" s="85"/>
      <c r="AB1792" s="85"/>
      <c r="AC1792" s="85"/>
      <c r="AD1792" s="85"/>
      <c r="AE1792" s="85"/>
      <c r="AF1792" s="85"/>
      <c r="AG1792" s="86"/>
      <c r="AH1792" s="85"/>
      <c r="AI1792" s="85"/>
      <c r="AJ1792" s="85"/>
      <c r="AK1792" s="85"/>
      <c r="AL1792" s="85"/>
      <c r="AM1792" s="92"/>
      <c r="AN1792" s="92"/>
      <c r="AO1792" s="92"/>
      <c r="AP1792" s="92"/>
      <c r="AQ1792" s="92"/>
      <c r="AR1792" s="92"/>
      <c r="AS1792" s="92"/>
      <c r="AT1792" s="92"/>
      <c r="AU1792" s="92"/>
      <c r="AV1792" s="92"/>
      <c r="AW1792" s="92"/>
      <c r="AX1792" s="92"/>
      <c r="AY1792" s="92"/>
      <c r="AZ1792" s="93"/>
      <c r="BA1792" s="93"/>
      <c r="BB1792" s="93"/>
      <c r="BC1792" s="93"/>
      <c r="BD1792" s="93"/>
      <c r="BE1792" s="93"/>
      <c r="BF1792" s="93"/>
      <c r="BG1792" s="93"/>
      <c r="BH1792" s="93"/>
      <c r="BI1792" s="93"/>
      <c r="BJ1792" s="93"/>
      <c r="BK1792" s="93"/>
      <c r="BL1792" s="93"/>
    </row>
    <row r="1793" spans="2:64" x14ac:dyDescent="0.2">
      <c r="B1793" s="43"/>
      <c r="C1793" s="73"/>
      <c r="D1793" s="64"/>
      <c r="E1793" s="55"/>
      <c r="F1793" s="74"/>
      <c r="G1793" s="74"/>
      <c r="H1793" s="74"/>
      <c r="I1793" s="75"/>
      <c r="J1793" s="74"/>
      <c r="L1793" s="55"/>
      <c r="M1793" s="234"/>
      <c r="N1793" s="65"/>
      <c r="O1793" s="76"/>
      <c r="P1793" s="76"/>
      <c r="Q1793" s="65"/>
      <c r="R1793" s="76"/>
      <c r="S1793" s="76"/>
      <c r="T1793" s="76"/>
      <c r="U1793" s="76"/>
      <c r="V1793" s="76"/>
      <c r="W1793" s="76"/>
      <c r="X1793" s="76"/>
      <c r="Y1793" s="76"/>
      <c r="Z1793" s="76"/>
      <c r="AA1793" s="85"/>
      <c r="AB1793" s="85"/>
      <c r="AC1793" s="85"/>
      <c r="AD1793" s="85"/>
      <c r="AE1793" s="85"/>
      <c r="AF1793" s="85"/>
      <c r="AG1793" s="86"/>
      <c r="AH1793" s="85"/>
      <c r="AI1793" s="85"/>
      <c r="AJ1793" s="85"/>
      <c r="AK1793" s="85"/>
      <c r="AL1793" s="85"/>
      <c r="AM1793" s="92"/>
      <c r="AN1793" s="92"/>
      <c r="AO1793" s="92"/>
      <c r="AP1793" s="92"/>
      <c r="AQ1793" s="92"/>
      <c r="AR1793" s="92"/>
      <c r="AS1793" s="92"/>
      <c r="AT1793" s="92"/>
      <c r="AU1793" s="92"/>
      <c r="AV1793" s="92"/>
      <c r="AW1793" s="92"/>
      <c r="AX1793" s="92"/>
      <c r="AY1793" s="92"/>
      <c r="AZ1793" s="93"/>
      <c r="BA1793" s="93"/>
      <c r="BB1793" s="93"/>
      <c r="BC1793" s="93"/>
      <c r="BD1793" s="93"/>
      <c r="BE1793" s="93"/>
      <c r="BF1793" s="93"/>
      <c r="BG1793" s="93"/>
      <c r="BH1793" s="93"/>
      <c r="BI1793" s="93"/>
      <c r="BJ1793" s="93"/>
      <c r="BK1793" s="93"/>
      <c r="BL1793" s="93"/>
    </row>
    <row r="1794" spans="2:64" x14ac:dyDescent="0.2">
      <c r="B1794" s="43"/>
      <c r="C1794" s="73"/>
      <c r="D1794" s="64"/>
      <c r="E1794" s="55"/>
      <c r="F1794" s="74"/>
      <c r="G1794" s="74"/>
      <c r="H1794" s="74"/>
      <c r="I1794" s="75"/>
      <c r="J1794" s="74"/>
      <c r="L1794" s="55"/>
      <c r="M1794" s="234"/>
      <c r="N1794" s="65"/>
      <c r="O1794" s="76"/>
      <c r="P1794" s="76"/>
      <c r="Q1794" s="65"/>
      <c r="R1794" s="76"/>
      <c r="S1794" s="76"/>
      <c r="T1794" s="76"/>
      <c r="U1794" s="76"/>
      <c r="V1794" s="76"/>
      <c r="W1794" s="76"/>
      <c r="X1794" s="76"/>
      <c r="Y1794" s="76"/>
      <c r="Z1794" s="76"/>
      <c r="AA1794" s="85"/>
      <c r="AB1794" s="85"/>
      <c r="AC1794" s="85"/>
      <c r="AD1794" s="85"/>
      <c r="AE1794" s="85"/>
      <c r="AF1794" s="85"/>
      <c r="AG1794" s="86"/>
      <c r="AH1794" s="85"/>
      <c r="AI1794" s="85"/>
      <c r="AJ1794" s="85"/>
      <c r="AK1794" s="85"/>
      <c r="AL1794" s="85"/>
      <c r="AM1794" s="92"/>
      <c r="AN1794" s="92"/>
      <c r="AO1794" s="92"/>
      <c r="AP1794" s="92"/>
      <c r="AQ1794" s="92"/>
      <c r="AR1794" s="92"/>
      <c r="AS1794" s="92"/>
      <c r="AT1794" s="92"/>
      <c r="AU1794" s="92"/>
      <c r="AV1794" s="92"/>
      <c r="AW1794" s="92"/>
      <c r="AX1794" s="92"/>
      <c r="AY1794" s="92"/>
      <c r="AZ1794" s="93"/>
      <c r="BA1794" s="93"/>
      <c r="BB1794" s="93"/>
      <c r="BC1794" s="93"/>
      <c r="BD1794" s="93"/>
      <c r="BE1794" s="93"/>
      <c r="BF1794" s="93"/>
      <c r="BG1794" s="93"/>
      <c r="BH1794" s="93"/>
      <c r="BI1794" s="93"/>
      <c r="BJ1794" s="93"/>
      <c r="BK1794" s="93"/>
      <c r="BL1794" s="93"/>
    </row>
    <row r="1795" spans="2:64" x14ac:dyDescent="0.2">
      <c r="B1795" s="43"/>
      <c r="C1795" s="73"/>
      <c r="D1795" s="64"/>
      <c r="E1795" s="55"/>
      <c r="F1795" s="74"/>
      <c r="G1795" s="74"/>
      <c r="H1795" s="74"/>
      <c r="I1795" s="75"/>
      <c r="J1795" s="74"/>
      <c r="L1795" s="55"/>
      <c r="M1795" s="234"/>
      <c r="N1795" s="65"/>
      <c r="O1795" s="76"/>
      <c r="P1795" s="76"/>
      <c r="Q1795" s="65"/>
      <c r="R1795" s="76"/>
      <c r="S1795" s="76"/>
      <c r="T1795" s="76"/>
      <c r="U1795" s="76"/>
      <c r="V1795" s="76"/>
      <c r="W1795" s="76"/>
      <c r="X1795" s="76"/>
      <c r="Y1795" s="76"/>
      <c r="Z1795" s="76"/>
      <c r="AA1795" s="85"/>
      <c r="AB1795" s="85"/>
      <c r="AC1795" s="85"/>
      <c r="AD1795" s="85"/>
      <c r="AE1795" s="85"/>
      <c r="AF1795" s="85"/>
      <c r="AG1795" s="86"/>
      <c r="AH1795" s="85"/>
      <c r="AI1795" s="85"/>
      <c r="AJ1795" s="85"/>
      <c r="AK1795" s="85"/>
      <c r="AL1795" s="85"/>
      <c r="AM1795" s="92"/>
      <c r="AN1795" s="92"/>
      <c r="AO1795" s="92"/>
      <c r="AP1795" s="92"/>
      <c r="AQ1795" s="92"/>
      <c r="AR1795" s="92"/>
      <c r="AS1795" s="92"/>
      <c r="AT1795" s="92"/>
      <c r="AU1795" s="92"/>
      <c r="AV1795" s="92"/>
      <c r="AW1795" s="92"/>
      <c r="AX1795" s="92"/>
      <c r="AY1795" s="92"/>
      <c r="AZ1795" s="93"/>
      <c r="BA1795" s="93"/>
      <c r="BB1795" s="93"/>
      <c r="BC1795" s="93"/>
      <c r="BD1795" s="93"/>
      <c r="BE1795" s="93"/>
      <c r="BF1795" s="93"/>
      <c r="BG1795" s="93"/>
      <c r="BH1795" s="93"/>
      <c r="BI1795" s="93"/>
      <c r="BJ1795" s="93"/>
      <c r="BK1795" s="93"/>
      <c r="BL1795" s="93"/>
    </row>
    <row r="1796" spans="2:64" x14ac:dyDescent="0.2">
      <c r="B1796" s="43"/>
      <c r="C1796" s="73"/>
      <c r="D1796" s="64"/>
      <c r="E1796" s="55"/>
      <c r="F1796" s="74"/>
      <c r="G1796" s="74"/>
      <c r="H1796" s="74"/>
      <c r="I1796" s="75"/>
      <c r="J1796" s="74"/>
      <c r="L1796" s="55"/>
      <c r="M1796" s="234"/>
      <c r="N1796" s="65"/>
      <c r="O1796" s="76"/>
      <c r="P1796" s="76"/>
      <c r="Q1796" s="65"/>
      <c r="R1796" s="76"/>
      <c r="S1796" s="76"/>
      <c r="T1796" s="76"/>
      <c r="U1796" s="76"/>
      <c r="V1796" s="76"/>
      <c r="W1796" s="76"/>
      <c r="X1796" s="76"/>
      <c r="Y1796" s="76"/>
      <c r="Z1796" s="76"/>
      <c r="AA1796" s="85"/>
      <c r="AB1796" s="85"/>
      <c r="AC1796" s="85"/>
      <c r="AD1796" s="85"/>
      <c r="AE1796" s="85"/>
      <c r="AF1796" s="85"/>
      <c r="AG1796" s="86"/>
      <c r="AH1796" s="85"/>
      <c r="AI1796" s="85"/>
      <c r="AJ1796" s="85"/>
      <c r="AK1796" s="85"/>
      <c r="AL1796" s="85"/>
      <c r="AM1796" s="92"/>
      <c r="AN1796" s="92"/>
      <c r="AO1796" s="92"/>
      <c r="AP1796" s="92"/>
      <c r="AQ1796" s="92"/>
      <c r="AR1796" s="92"/>
      <c r="AS1796" s="92"/>
      <c r="AT1796" s="92"/>
      <c r="AU1796" s="92"/>
      <c r="AV1796" s="92"/>
      <c r="AW1796" s="92"/>
      <c r="AX1796" s="92"/>
      <c r="AY1796" s="92"/>
      <c r="AZ1796" s="93"/>
      <c r="BA1796" s="93"/>
      <c r="BB1796" s="93"/>
      <c r="BC1796" s="93"/>
      <c r="BD1796" s="93"/>
      <c r="BE1796" s="93"/>
      <c r="BF1796" s="93"/>
      <c r="BG1796" s="93"/>
      <c r="BH1796" s="93"/>
      <c r="BI1796" s="93"/>
      <c r="BJ1796" s="93"/>
      <c r="BK1796" s="93"/>
      <c r="BL1796" s="93"/>
    </row>
    <row r="1797" spans="2:64" x14ac:dyDescent="0.2">
      <c r="B1797" s="43"/>
      <c r="C1797" s="73"/>
      <c r="D1797" s="64"/>
      <c r="E1797" s="55"/>
      <c r="F1797" s="74"/>
      <c r="G1797" s="74"/>
      <c r="H1797" s="74"/>
      <c r="I1797" s="75"/>
      <c r="J1797" s="74"/>
      <c r="L1797" s="55"/>
      <c r="M1797" s="234"/>
      <c r="N1797" s="65"/>
      <c r="O1797" s="76"/>
      <c r="P1797" s="76"/>
      <c r="Q1797" s="65"/>
      <c r="R1797" s="76"/>
      <c r="S1797" s="76"/>
      <c r="T1797" s="76"/>
      <c r="U1797" s="76"/>
      <c r="V1797" s="76"/>
      <c r="W1797" s="76"/>
      <c r="X1797" s="76"/>
      <c r="Y1797" s="76"/>
      <c r="Z1797" s="76"/>
      <c r="AA1797" s="85"/>
      <c r="AB1797" s="85"/>
      <c r="AC1797" s="85"/>
      <c r="AD1797" s="85"/>
      <c r="AE1797" s="85"/>
      <c r="AF1797" s="85"/>
      <c r="AG1797" s="86"/>
      <c r="AH1797" s="85"/>
      <c r="AI1797" s="85"/>
      <c r="AJ1797" s="85"/>
      <c r="AK1797" s="85"/>
      <c r="AL1797" s="85"/>
      <c r="AM1797" s="92"/>
      <c r="AN1797" s="92"/>
      <c r="AO1797" s="92"/>
      <c r="AP1797" s="92"/>
      <c r="AQ1797" s="92"/>
      <c r="AR1797" s="92"/>
      <c r="AS1797" s="92"/>
      <c r="AT1797" s="92"/>
      <c r="AU1797" s="92"/>
      <c r="AV1797" s="92"/>
      <c r="AW1797" s="92"/>
      <c r="AX1797" s="92"/>
      <c r="AY1797" s="92"/>
      <c r="AZ1797" s="93"/>
      <c r="BA1797" s="93"/>
      <c r="BB1797" s="93"/>
      <c r="BC1797" s="93"/>
      <c r="BD1797" s="93"/>
      <c r="BE1797" s="93"/>
      <c r="BF1797" s="93"/>
      <c r="BG1797" s="93"/>
      <c r="BH1797" s="93"/>
      <c r="BI1797" s="93"/>
      <c r="BJ1797" s="93"/>
      <c r="BK1797" s="93"/>
      <c r="BL1797" s="93"/>
    </row>
    <row r="1798" spans="2:64" x14ac:dyDescent="0.2">
      <c r="B1798" s="43"/>
      <c r="C1798" s="73"/>
      <c r="D1798" s="64"/>
      <c r="E1798" s="55"/>
      <c r="F1798" s="74"/>
      <c r="G1798" s="74"/>
      <c r="H1798" s="74"/>
      <c r="I1798" s="75"/>
      <c r="J1798" s="74"/>
      <c r="L1798" s="55"/>
      <c r="M1798" s="234"/>
      <c r="N1798" s="65"/>
      <c r="O1798" s="76"/>
      <c r="P1798" s="76"/>
      <c r="Q1798" s="65"/>
      <c r="R1798" s="76"/>
      <c r="S1798" s="76"/>
      <c r="T1798" s="76"/>
      <c r="U1798" s="76"/>
      <c r="V1798" s="76"/>
      <c r="W1798" s="76"/>
      <c r="X1798" s="76"/>
      <c r="Y1798" s="76"/>
      <c r="Z1798" s="76"/>
      <c r="AA1798" s="85"/>
      <c r="AB1798" s="85"/>
      <c r="AC1798" s="85"/>
      <c r="AD1798" s="85"/>
      <c r="AE1798" s="85"/>
      <c r="AF1798" s="85"/>
      <c r="AG1798" s="86"/>
      <c r="AH1798" s="85"/>
      <c r="AI1798" s="85"/>
      <c r="AJ1798" s="85"/>
      <c r="AK1798" s="85"/>
      <c r="AL1798" s="85"/>
      <c r="AM1798" s="92"/>
      <c r="AN1798" s="92"/>
      <c r="AO1798" s="92"/>
      <c r="AP1798" s="92"/>
      <c r="AQ1798" s="92"/>
      <c r="AR1798" s="92"/>
      <c r="AS1798" s="92"/>
      <c r="AT1798" s="92"/>
      <c r="AU1798" s="92"/>
      <c r="AV1798" s="92"/>
      <c r="AW1798" s="92"/>
      <c r="AX1798" s="92"/>
      <c r="AY1798" s="92"/>
      <c r="AZ1798" s="93"/>
      <c r="BA1798" s="93"/>
      <c r="BB1798" s="93"/>
      <c r="BC1798" s="93"/>
      <c r="BD1798" s="93"/>
      <c r="BE1798" s="93"/>
      <c r="BF1798" s="93"/>
      <c r="BG1798" s="93"/>
      <c r="BH1798" s="93"/>
      <c r="BI1798" s="93"/>
      <c r="BJ1798" s="93"/>
      <c r="BK1798" s="93"/>
      <c r="BL1798" s="93"/>
    </row>
    <row r="1799" spans="2:64" x14ac:dyDescent="0.2">
      <c r="B1799" s="43"/>
      <c r="C1799" s="73"/>
      <c r="D1799" s="64"/>
      <c r="E1799" s="55"/>
      <c r="F1799" s="74"/>
      <c r="G1799" s="74"/>
      <c r="H1799" s="74"/>
      <c r="I1799" s="75"/>
      <c r="J1799" s="74"/>
      <c r="L1799" s="55"/>
      <c r="M1799" s="234"/>
      <c r="N1799" s="65"/>
      <c r="O1799" s="76"/>
      <c r="P1799" s="76"/>
      <c r="Q1799" s="65"/>
      <c r="R1799" s="76"/>
      <c r="S1799" s="76"/>
      <c r="T1799" s="76"/>
      <c r="U1799" s="76"/>
      <c r="V1799" s="76"/>
      <c r="W1799" s="76"/>
      <c r="X1799" s="76"/>
      <c r="Y1799" s="76"/>
      <c r="Z1799" s="76"/>
      <c r="AA1799" s="85"/>
      <c r="AB1799" s="85"/>
      <c r="AC1799" s="85"/>
      <c r="AD1799" s="85"/>
      <c r="AE1799" s="85"/>
      <c r="AF1799" s="85"/>
      <c r="AG1799" s="86"/>
      <c r="AH1799" s="85"/>
      <c r="AI1799" s="85"/>
      <c r="AJ1799" s="85"/>
      <c r="AK1799" s="85"/>
      <c r="AL1799" s="85"/>
      <c r="AM1799" s="92"/>
      <c r="AN1799" s="92"/>
      <c r="AO1799" s="92"/>
      <c r="AP1799" s="92"/>
      <c r="AQ1799" s="92"/>
      <c r="AR1799" s="92"/>
      <c r="AS1799" s="92"/>
      <c r="AT1799" s="92"/>
      <c r="AU1799" s="92"/>
      <c r="AV1799" s="92"/>
      <c r="AW1799" s="92"/>
      <c r="AX1799" s="92"/>
      <c r="AY1799" s="92"/>
      <c r="AZ1799" s="93"/>
      <c r="BA1799" s="93"/>
      <c r="BB1799" s="93"/>
      <c r="BC1799" s="93"/>
      <c r="BD1799" s="93"/>
      <c r="BE1799" s="93"/>
      <c r="BF1799" s="93"/>
      <c r="BG1799" s="93"/>
      <c r="BH1799" s="93"/>
      <c r="BI1799" s="93"/>
      <c r="BJ1799" s="93"/>
      <c r="BK1799" s="93"/>
      <c r="BL1799" s="93"/>
    </row>
    <row r="1800" spans="2:64" x14ac:dyDescent="0.2">
      <c r="B1800" s="43"/>
      <c r="C1800" s="73"/>
      <c r="D1800" s="64"/>
      <c r="E1800" s="55"/>
      <c r="F1800" s="74"/>
      <c r="G1800" s="74"/>
      <c r="H1800" s="74"/>
      <c r="I1800" s="75"/>
      <c r="J1800" s="74"/>
      <c r="L1800" s="55"/>
      <c r="M1800" s="234"/>
      <c r="N1800" s="65"/>
      <c r="O1800" s="76"/>
      <c r="P1800" s="76"/>
      <c r="Q1800" s="65"/>
      <c r="R1800" s="76"/>
      <c r="S1800" s="76"/>
      <c r="T1800" s="76"/>
      <c r="U1800" s="76"/>
      <c r="V1800" s="76"/>
      <c r="W1800" s="76"/>
      <c r="X1800" s="76"/>
      <c r="Y1800" s="76"/>
      <c r="Z1800" s="76"/>
      <c r="AA1800" s="85"/>
      <c r="AB1800" s="85"/>
      <c r="AC1800" s="85"/>
      <c r="AD1800" s="85"/>
      <c r="AE1800" s="85"/>
      <c r="AF1800" s="85"/>
      <c r="AG1800" s="86"/>
      <c r="AH1800" s="85"/>
      <c r="AI1800" s="85"/>
      <c r="AJ1800" s="85"/>
      <c r="AK1800" s="85"/>
      <c r="AL1800" s="85"/>
      <c r="AM1800" s="92"/>
      <c r="AN1800" s="92"/>
      <c r="AO1800" s="92"/>
      <c r="AP1800" s="92"/>
      <c r="AQ1800" s="92"/>
      <c r="AR1800" s="92"/>
      <c r="AS1800" s="92"/>
      <c r="AT1800" s="92"/>
      <c r="AU1800" s="92"/>
      <c r="AV1800" s="92"/>
      <c r="AW1800" s="92"/>
      <c r="AX1800" s="92"/>
      <c r="AY1800" s="92"/>
      <c r="AZ1800" s="93"/>
      <c r="BA1800" s="93"/>
      <c r="BB1800" s="93"/>
      <c r="BC1800" s="93"/>
      <c r="BD1800" s="93"/>
      <c r="BE1800" s="93"/>
      <c r="BF1800" s="93"/>
      <c r="BG1800" s="93"/>
      <c r="BH1800" s="93"/>
      <c r="BI1800" s="93"/>
      <c r="BJ1800" s="93"/>
      <c r="BK1800" s="93"/>
      <c r="BL1800" s="93"/>
    </row>
    <row r="1801" spans="2:64" x14ac:dyDescent="0.2">
      <c r="B1801" s="43"/>
      <c r="C1801" s="73"/>
      <c r="D1801" s="64"/>
      <c r="E1801" s="55"/>
      <c r="F1801" s="74"/>
      <c r="G1801" s="74"/>
      <c r="H1801" s="74"/>
      <c r="I1801" s="75"/>
      <c r="J1801" s="74"/>
      <c r="L1801" s="55"/>
      <c r="M1801" s="234"/>
      <c r="N1801" s="65"/>
      <c r="O1801" s="76"/>
      <c r="P1801" s="76"/>
      <c r="Q1801" s="65"/>
      <c r="R1801" s="76"/>
      <c r="S1801" s="76"/>
      <c r="T1801" s="76"/>
      <c r="U1801" s="76"/>
      <c r="V1801" s="76"/>
      <c r="W1801" s="76"/>
      <c r="X1801" s="76"/>
      <c r="Y1801" s="76"/>
      <c r="Z1801" s="76"/>
      <c r="AA1801" s="85"/>
      <c r="AB1801" s="85"/>
      <c r="AC1801" s="85"/>
      <c r="AD1801" s="85"/>
      <c r="AE1801" s="85"/>
      <c r="AF1801" s="85"/>
      <c r="AG1801" s="86"/>
      <c r="AH1801" s="85"/>
      <c r="AI1801" s="85"/>
      <c r="AJ1801" s="85"/>
      <c r="AK1801" s="85"/>
      <c r="AL1801" s="85"/>
      <c r="AM1801" s="92"/>
      <c r="AN1801" s="92"/>
      <c r="AO1801" s="92"/>
      <c r="AP1801" s="92"/>
      <c r="AQ1801" s="92"/>
      <c r="AR1801" s="92"/>
      <c r="AS1801" s="92"/>
      <c r="AT1801" s="92"/>
      <c r="AU1801" s="92"/>
      <c r="AV1801" s="92"/>
      <c r="AW1801" s="92"/>
      <c r="AX1801" s="92"/>
      <c r="AY1801" s="92"/>
      <c r="AZ1801" s="93"/>
      <c r="BA1801" s="93"/>
      <c r="BB1801" s="93"/>
      <c r="BC1801" s="93"/>
      <c r="BD1801" s="93"/>
      <c r="BE1801" s="93"/>
      <c r="BF1801" s="93"/>
      <c r="BG1801" s="93"/>
      <c r="BH1801" s="93"/>
      <c r="BI1801" s="93"/>
      <c r="BJ1801" s="93"/>
      <c r="BK1801" s="93"/>
      <c r="BL1801" s="93"/>
    </row>
    <row r="1802" spans="2:64" x14ac:dyDescent="0.2">
      <c r="B1802" s="43"/>
      <c r="C1802" s="73"/>
      <c r="D1802" s="64"/>
      <c r="E1802" s="55"/>
      <c r="F1802" s="74"/>
      <c r="G1802" s="74"/>
      <c r="H1802" s="74"/>
      <c r="I1802" s="75"/>
      <c r="J1802" s="74"/>
      <c r="L1802" s="55"/>
      <c r="M1802" s="234"/>
      <c r="N1802" s="65"/>
      <c r="O1802" s="76"/>
      <c r="P1802" s="76"/>
      <c r="Q1802" s="65"/>
      <c r="R1802" s="76"/>
      <c r="S1802" s="76"/>
      <c r="T1802" s="76"/>
      <c r="U1802" s="76"/>
      <c r="V1802" s="76"/>
      <c r="W1802" s="76"/>
      <c r="X1802" s="76"/>
      <c r="Y1802" s="76"/>
      <c r="Z1802" s="76"/>
      <c r="AA1802" s="85"/>
      <c r="AB1802" s="85"/>
      <c r="AC1802" s="85"/>
      <c r="AD1802" s="85"/>
      <c r="AE1802" s="85"/>
      <c r="AF1802" s="85"/>
      <c r="AG1802" s="86"/>
      <c r="AH1802" s="85"/>
      <c r="AI1802" s="85"/>
      <c r="AJ1802" s="85"/>
      <c r="AK1802" s="85"/>
      <c r="AL1802" s="85"/>
      <c r="AM1802" s="92"/>
      <c r="AN1802" s="92"/>
      <c r="AO1802" s="92"/>
      <c r="AP1802" s="92"/>
      <c r="AQ1802" s="92"/>
      <c r="AR1802" s="92"/>
      <c r="AS1802" s="92"/>
      <c r="AT1802" s="92"/>
      <c r="AU1802" s="92"/>
      <c r="AV1802" s="92"/>
      <c r="AW1802" s="92"/>
      <c r="AX1802" s="92"/>
      <c r="AY1802" s="92"/>
      <c r="AZ1802" s="93"/>
      <c r="BA1802" s="93"/>
      <c r="BB1802" s="93"/>
      <c r="BC1802" s="93"/>
      <c r="BD1802" s="93"/>
      <c r="BE1802" s="93"/>
      <c r="BF1802" s="93"/>
      <c r="BG1802" s="93"/>
      <c r="BH1802" s="93"/>
      <c r="BI1802" s="93"/>
      <c r="BJ1802" s="93"/>
      <c r="BK1802" s="93"/>
      <c r="BL1802" s="93"/>
    </row>
    <row r="1803" spans="2:64" x14ac:dyDescent="0.2">
      <c r="B1803" s="43"/>
      <c r="C1803" s="73"/>
      <c r="D1803" s="64"/>
      <c r="E1803" s="55"/>
      <c r="F1803" s="74"/>
      <c r="G1803" s="74"/>
      <c r="H1803" s="74"/>
      <c r="I1803" s="75"/>
      <c r="J1803" s="74"/>
      <c r="L1803" s="55"/>
      <c r="M1803" s="234"/>
      <c r="N1803" s="65"/>
      <c r="O1803" s="76"/>
      <c r="P1803" s="76"/>
      <c r="Q1803" s="65"/>
      <c r="R1803" s="76"/>
      <c r="S1803" s="76"/>
      <c r="T1803" s="76"/>
      <c r="U1803" s="76"/>
      <c r="V1803" s="76"/>
      <c r="W1803" s="76"/>
      <c r="X1803" s="76"/>
      <c r="Y1803" s="76"/>
      <c r="Z1803" s="76"/>
      <c r="AA1803" s="85"/>
      <c r="AB1803" s="85"/>
      <c r="AC1803" s="85"/>
      <c r="AD1803" s="85"/>
      <c r="AE1803" s="85"/>
      <c r="AF1803" s="85"/>
      <c r="AG1803" s="86"/>
      <c r="AH1803" s="85"/>
      <c r="AI1803" s="85"/>
      <c r="AJ1803" s="85"/>
      <c r="AK1803" s="85"/>
      <c r="AL1803" s="85"/>
      <c r="AM1803" s="92"/>
      <c r="AN1803" s="92"/>
      <c r="AO1803" s="92"/>
      <c r="AP1803" s="92"/>
      <c r="AQ1803" s="92"/>
      <c r="AR1803" s="92"/>
      <c r="AS1803" s="92"/>
      <c r="AT1803" s="92"/>
      <c r="AU1803" s="92"/>
      <c r="AV1803" s="92"/>
      <c r="AW1803" s="92"/>
      <c r="AX1803" s="92"/>
      <c r="AY1803" s="92"/>
      <c r="AZ1803" s="93"/>
      <c r="BA1803" s="93"/>
      <c r="BB1803" s="93"/>
      <c r="BC1803" s="93"/>
      <c r="BD1803" s="93"/>
      <c r="BE1803" s="93"/>
      <c r="BF1803" s="93"/>
      <c r="BG1803" s="93"/>
      <c r="BH1803" s="93"/>
      <c r="BI1803" s="93"/>
      <c r="BJ1803" s="93"/>
      <c r="BK1803" s="93"/>
      <c r="BL1803" s="93"/>
    </row>
    <row r="1804" spans="2:64" x14ac:dyDescent="0.2">
      <c r="B1804" s="43"/>
      <c r="C1804" s="73"/>
      <c r="D1804" s="64"/>
      <c r="E1804" s="55"/>
      <c r="F1804" s="74"/>
      <c r="G1804" s="74"/>
      <c r="H1804" s="74"/>
      <c r="I1804" s="75"/>
      <c r="J1804" s="74"/>
      <c r="L1804" s="55"/>
      <c r="M1804" s="234"/>
      <c r="N1804" s="65"/>
      <c r="O1804" s="76"/>
      <c r="P1804" s="76"/>
      <c r="Q1804" s="65"/>
      <c r="R1804" s="76"/>
      <c r="S1804" s="76"/>
      <c r="T1804" s="76"/>
      <c r="U1804" s="76"/>
      <c r="V1804" s="76"/>
      <c r="W1804" s="76"/>
      <c r="X1804" s="76"/>
      <c r="Y1804" s="76"/>
      <c r="Z1804" s="76"/>
      <c r="AA1804" s="85"/>
      <c r="AB1804" s="85"/>
      <c r="AC1804" s="85"/>
      <c r="AD1804" s="85"/>
      <c r="AE1804" s="85"/>
      <c r="AF1804" s="85"/>
      <c r="AG1804" s="86"/>
      <c r="AH1804" s="85"/>
      <c r="AI1804" s="85"/>
      <c r="AJ1804" s="85"/>
      <c r="AK1804" s="85"/>
      <c r="AL1804" s="85"/>
      <c r="AM1804" s="92"/>
      <c r="AN1804" s="92"/>
      <c r="AO1804" s="92"/>
      <c r="AP1804" s="92"/>
      <c r="AQ1804" s="92"/>
      <c r="AR1804" s="92"/>
      <c r="AS1804" s="92"/>
      <c r="AT1804" s="92"/>
      <c r="AU1804" s="92"/>
      <c r="AV1804" s="92"/>
      <c r="AW1804" s="92"/>
      <c r="AX1804" s="92"/>
      <c r="AY1804" s="92"/>
      <c r="AZ1804" s="93"/>
      <c r="BA1804" s="93"/>
      <c r="BB1804" s="93"/>
      <c r="BC1804" s="93"/>
      <c r="BD1804" s="93"/>
      <c r="BE1804" s="93"/>
      <c r="BF1804" s="93"/>
      <c r="BG1804" s="93"/>
      <c r="BH1804" s="93"/>
      <c r="BI1804" s="93"/>
      <c r="BJ1804" s="93"/>
      <c r="BK1804" s="93"/>
      <c r="BL1804" s="93"/>
    </row>
    <row r="1805" spans="2:64" x14ac:dyDescent="0.2">
      <c r="B1805" s="43"/>
      <c r="C1805" s="73"/>
      <c r="D1805" s="64"/>
      <c r="E1805" s="55"/>
      <c r="F1805" s="74"/>
      <c r="G1805" s="74"/>
      <c r="H1805" s="74"/>
      <c r="I1805" s="75"/>
      <c r="J1805" s="74"/>
      <c r="L1805" s="55"/>
      <c r="M1805" s="234"/>
      <c r="N1805" s="65"/>
      <c r="O1805" s="76"/>
      <c r="P1805" s="76"/>
      <c r="Q1805" s="65"/>
      <c r="R1805" s="76"/>
      <c r="S1805" s="76"/>
      <c r="T1805" s="76"/>
      <c r="U1805" s="76"/>
      <c r="V1805" s="76"/>
      <c r="W1805" s="76"/>
      <c r="X1805" s="76"/>
      <c r="Y1805" s="76"/>
      <c r="Z1805" s="76"/>
      <c r="AA1805" s="85"/>
      <c r="AB1805" s="85"/>
      <c r="AC1805" s="85"/>
      <c r="AD1805" s="85"/>
      <c r="AE1805" s="85"/>
      <c r="AF1805" s="85"/>
      <c r="AG1805" s="86"/>
      <c r="AH1805" s="85"/>
      <c r="AI1805" s="85"/>
      <c r="AJ1805" s="85"/>
      <c r="AK1805" s="85"/>
      <c r="AL1805" s="85"/>
      <c r="AM1805" s="92"/>
      <c r="AN1805" s="92"/>
      <c r="AO1805" s="92"/>
      <c r="AP1805" s="92"/>
      <c r="AQ1805" s="92"/>
      <c r="AR1805" s="92"/>
      <c r="AS1805" s="92"/>
      <c r="AT1805" s="92"/>
      <c r="AU1805" s="92"/>
      <c r="AV1805" s="92"/>
      <c r="AW1805" s="92"/>
      <c r="AX1805" s="92"/>
      <c r="AY1805" s="92"/>
      <c r="AZ1805" s="93"/>
      <c r="BA1805" s="93"/>
      <c r="BB1805" s="93"/>
      <c r="BC1805" s="93"/>
      <c r="BD1805" s="93"/>
      <c r="BE1805" s="93"/>
      <c r="BF1805" s="93"/>
      <c r="BG1805" s="93"/>
      <c r="BH1805" s="93"/>
      <c r="BI1805" s="93"/>
      <c r="BJ1805" s="93"/>
      <c r="BK1805" s="93"/>
      <c r="BL1805" s="93"/>
    </row>
    <row r="1806" spans="2:64" x14ac:dyDescent="0.2">
      <c r="B1806" s="43"/>
      <c r="C1806" s="73"/>
      <c r="D1806" s="64"/>
      <c r="E1806" s="55"/>
      <c r="F1806" s="74"/>
      <c r="G1806" s="74"/>
      <c r="H1806" s="74"/>
      <c r="I1806" s="75"/>
      <c r="J1806" s="74"/>
      <c r="L1806" s="55"/>
      <c r="M1806" s="234"/>
      <c r="N1806" s="65"/>
      <c r="O1806" s="76"/>
      <c r="P1806" s="76"/>
      <c r="Q1806" s="65"/>
      <c r="R1806" s="76"/>
      <c r="S1806" s="76"/>
      <c r="T1806" s="76"/>
      <c r="U1806" s="76"/>
      <c r="V1806" s="76"/>
      <c r="W1806" s="76"/>
      <c r="X1806" s="76"/>
      <c r="Y1806" s="76"/>
      <c r="Z1806" s="76"/>
      <c r="AA1806" s="85"/>
      <c r="AB1806" s="85"/>
      <c r="AC1806" s="85"/>
      <c r="AD1806" s="85"/>
      <c r="AE1806" s="85"/>
      <c r="AF1806" s="85"/>
      <c r="AG1806" s="86"/>
      <c r="AH1806" s="85"/>
      <c r="AI1806" s="85"/>
      <c r="AJ1806" s="85"/>
      <c r="AK1806" s="85"/>
      <c r="AL1806" s="85"/>
      <c r="AM1806" s="92"/>
      <c r="AN1806" s="92"/>
      <c r="AO1806" s="92"/>
      <c r="AP1806" s="92"/>
      <c r="AQ1806" s="92"/>
      <c r="AR1806" s="92"/>
      <c r="AS1806" s="92"/>
      <c r="AT1806" s="92"/>
      <c r="AU1806" s="92"/>
      <c r="AV1806" s="92"/>
      <c r="AW1806" s="92"/>
      <c r="AX1806" s="92"/>
      <c r="AY1806" s="92"/>
      <c r="AZ1806" s="93"/>
      <c r="BA1806" s="93"/>
      <c r="BB1806" s="93"/>
      <c r="BC1806" s="93"/>
      <c r="BD1806" s="93"/>
      <c r="BE1806" s="93"/>
      <c r="BF1806" s="93"/>
      <c r="BG1806" s="93"/>
      <c r="BH1806" s="93"/>
      <c r="BI1806" s="93"/>
      <c r="BJ1806" s="93"/>
      <c r="BK1806" s="93"/>
      <c r="BL1806" s="93"/>
    </row>
    <row r="1807" spans="2:64" x14ac:dyDescent="0.2">
      <c r="B1807" s="43"/>
      <c r="C1807" s="73"/>
      <c r="D1807" s="64"/>
      <c r="E1807" s="55"/>
      <c r="F1807" s="74"/>
      <c r="G1807" s="74"/>
      <c r="H1807" s="74"/>
      <c r="I1807" s="75"/>
      <c r="J1807" s="74"/>
      <c r="L1807" s="55"/>
      <c r="M1807" s="234"/>
      <c r="N1807" s="65"/>
      <c r="O1807" s="76"/>
      <c r="P1807" s="76"/>
      <c r="Q1807" s="65"/>
      <c r="R1807" s="76"/>
      <c r="S1807" s="76"/>
      <c r="T1807" s="76"/>
      <c r="U1807" s="76"/>
      <c r="V1807" s="76"/>
      <c r="W1807" s="76"/>
      <c r="X1807" s="76"/>
      <c r="Y1807" s="76"/>
      <c r="Z1807" s="76"/>
      <c r="AA1807" s="85"/>
      <c r="AB1807" s="85"/>
      <c r="AC1807" s="85"/>
      <c r="AD1807" s="85"/>
      <c r="AE1807" s="85"/>
      <c r="AF1807" s="85"/>
      <c r="AG1807" s="86"/>
      <c r="AH1807" s="85"/>
      <c r="AI1807" s="85"/>
      <c r="AJ1807" s="85"/>
      <c r="AK1807" s="85"/>
      <c r="AL1807" s="85"/>
      <c r="AM1807" s="92"/>
      <c r="AN1807" s="92"/>
      <c r="AO1807" s="92"/>
      <c r="AP1807" s="92"/>
      <c r="AQ1807" s="92"/>
      <c r="AR1807" s="92"/>
      <c r="AS1807" s="92"/>
      <c r="AT1807" s="92"/>
      <c r="AU1807" s="92"/>
      <c r="AV1807" s="92"/>
      <c r="AW1807" s="92"/>
      <c r="AX1807" s="92"/>
      <c r="AY1807" s="92"/>
      <c r="AZ1807" s="93"/>
      <c r="BA1807" s="93"/>
      <c r="BB1807" s="93"/>
      <c r="BC1807" s="93"/>
      <c r="BD1807" s="93"/>
      <c r="BE1807" s="93"/>
      <c r="BF1807" s="93"/>
      <c r="BG1807" s="93"/>
      <c r="BH1807" s="93"/>
      <c r="BI1807" s="93"/>
      <c r="BJ1807" s="93"/>
      <c r="BK1807" s="93"/>
      <c r="BL1807" s="93"/>
    </row>
    <row r="1808" spans="2:64" x14ac:dyDescent="0.2">
      <c r="B1808" s="43"/>
      <c r="C1808" s="73"/>
      <c r="D1808" s="64"/>
      <c r="E1808" s="55"/>
      <c r="F1808" s="74"/>
      <c r="G1808" s="74"/>
      <c r="H1808" s="74"/>
      <c r="I1808" s="75"/>
      <c r="J1808" s="74"/>
      <c r="L1808" s="55"/>
      <c r="M1808" s="234"/>
      <c r="N1808" s="65"/>
      <c r="O1808" s="76"/>
      <c r="P1808" s="76"/>
      <c r="Q1808" s="65"/>
      <c r="R1808" s="76"/>
      <c r="S1808" s="76"/>
      <c r="T1808" s="76"/>
      <c r="U1808" s="76"/>
      <c r="V1808" s="76"/>
      <c r="W1808" s="76"/>
      <c r="X1808" s="76"/>
      <c r="Y1808" s="76"/>
      <c r="Z1808" s="76"/>
      <c r="AA1808" s="85"/>
      <c r="AB1808" s="85"/>
      <c r="AC1808" s="85"/>
      <c r="AD1808" s="85"/>
      <c r="AE1808" s="85"/>
      <c r="AF1808" s="85"/>
      <c r="AG1808" s="86"/>
      <c r="AH1808" s="85"/>
      <c r="AI1808" s="85"/>
      <c r="AJ1808" s="85"/>
      <c r="AK1808" s="85"/>
      <c r="AL1808" s="85"/>
      <c r="AM1808" s="92"/>
      <c r="AN1808" s="92"/>
      <c r="AO1808" s="92"/>
      <c r="AP1808" s="92"/>
      <c r="AQ1808" s="92"/>
      <c r="AR1808" s="92"/>
      <c r="AS1808" s="92"/>
      <c r="AT1808" s="92"/>
      <c r="AU1808" s="92"/>
      <c r="AV1808" s="92"/>
      <c r="AW1808" s="92"/>
      <c r="AX1808" s="92"/>
      <c r="AY1808" s="92"/>
      <c r="AZ1808" s="93"/>
      <c r="BA1808" s="93"/>
      <c r="BB1808" s="93"/>
      <c r="BC1808" s="93"/>
      <c r="BD1808" s="93"/>
      <c r="BE1808" s="93"/>
      <c r="BF1808" s="93"/>
      <c r="BG1808" s="93"/>
      <c r="BH1808" s="93"/>
      <c r="BI1808" s="93"/>
      <c r="BJ1808" s="93"/>
      <c r="BK1808" s="93"/>
      <c r="BL1808" s="93"/>
    </row>
    <row r="1809" spans="2:64" x14ac:dyDescent="0.2">
      <c r="B1809" s="43"/>
      <c r="C1809" s="73"/>
      <c r="D1809" s="64"/>
      <c r="E1809" s="55"/>
      <c r="F1809" s="74"/>
      <c r="G1809" s="74"/>
      <c r="H1809" s="74"/>
      <c r="I1809" s="75"/>
      <c r="J1809" s="74"/>
      <c r="L1809" s="55"/>
      <c r="M1809" s="234"/>
      <c r="N1809" s="65"/>
      <c r="O1809" s="76"/>
      <c r="P1809" s="76"/>
      <c r="Q1809" s="65"/>
      <c r="R1809" s="76"/>
      <c r="S1809" s="76"/>
      <c r="T1809" s="76"/>
      <c r="U1809" s="76"/>
      <c r="V1809" s="76"/>
      <c r="W1809" s="76"/>
      <c r="X1809" s="76"/>
      <c r="Y1809" s="76"/>
      <c r="Z1809" s="76"/>
      <c r="AA1809" s="85"/>
      <c r="AB1809" s="85"/>
      <c r="AC1809" s="85"/>
      <c r="AD1809" s="85"/>
      <c r="AE1809" s="85"/>
      <c r="AF1809" s="85"/>
      <c r="AG1809" s="86"/>
      <c r="AH1809" s="85"/>
      <c r="AI1809" s="85"/>
      <c r="AJ1809" s="85"/>
      <c r="AK1809" s="85"/>
      <c r="AL1809" s="85"/>
      <c r="AM1809" s="92"/>
      <c r="AN1809" s="92"/>
      <c r="AO1809" s="92"/>
      <c r="AP1809" s="92"/>
      <c r="AQ1809" s="92"/>
      <c r="AR1809" s="92"/>
      <c r="AS1809" s="92"/>
      <c r="AT1809" s="92"/>
      <c r="AU1809" s="92"/>
      <c r="AV1809" s="92"/>
      <c r="AW1809" s="92"/>
      <c r="AX1809" s="92"/>
      <c r="AY1809" s="92"/>
      <c r="AZ1809" s="93"/>
      <c r="BA1809" s="93"/>
      <c r="BB1809" s="93"/>
      <c r="BC1809" s="93"/>
      <c r="BD1809" s="93"/>
      <c r="BE1809" s="93"/>
      <c r="BF1809" s="93"/>
      <c r="BG1809" s="93"/>
      <c r="BH1809" s="93"/>
      <c r="BI1809" s="93"/>
      <c r="BJ1809" s="93"/>
      <c r="BK1809" s="93"/>
      <c r="BL1809" s="93"/>
    </row>
    <row r="1810" spans="2:64" x14ac:dyDescent="0.2">
      <c r="B1810" s="43"/>
      <c r="C1810" s="73"/>
      <c r="D1810" s="64"/>
      <c r="E1810" s="55"/>
      <c r="F1810" s="74"/>
      <c r="G1810" s="74"/>
      <c r="H1810" s="74"/>
      <c r="I1810" s="75"/>
      <c r="J1810" s="74"/>
      <c r="L1810" s="55"/>
      <c r="M1810" s="234"/>
      <c r="N1810" s="65"/>
      <c r="O1810" s="76"/>
      <c r="P1810" s="76"/>
      <c r="Q1810" s="65"/>
      <c r="R1810" s="76"/>
      <c r="S1810" s="76"/>
      <c r="T1810" s="76"/>
      <c r="U1810" s="76"/>
      <c r="V1810" s="76"/>
      <c r="W1810" s="76"/>
      <c r="X1810" s="76"/>
      <c r="Y1810" s="76"/>
      <c r="Z1810" s="76"/>
      <c r="AA1810" s="85"/>
      <c r="AB1810" s="85"/>
      <c r="AC1810" s="85"/>
      <c r="AD1810" s="85"/>
      <c r="AE1810" s="85"/>
      <c r="AF1810" s="85"/>
      <c r="AG1810" s="86"/>
      <c r="AH1810" s="85"/>
      <c r="AI1810" s="85"/>
      <c r="AJ1810" s="85"/>
      <c r="AK1810" s="85"/>
      <c r="AL1810" s="85"/>
      <c r="AM1810" s="92"/>
      <c r="AN1810" s="92"/>
      <c r="AO1810" s="92"/>
      <c r="AP1810" s="92"/>
      <c r="AQ1810" s="92"/>
      <c r="AR1810" s="92"/>
      <c r="AS1810" s="92"/>
      <c r="AT1810" s="92"/>
      <c r="AU1810" s="92"/>
      <c r="AV1810" s="92"/>
      <c r="AW1810" s="92"/>
      <c r="AX1810" s="92"/>
      <c r="AY1810" s="92"/>
      <c r="AZ1810" s="93"/>
      <c r="BA1810" s="93"/>
      <c r="BB1810" s="93"/>
      <c r="BC1810" s="93"/>
      <c r="BD1810" s="93"/>
      <c r="BE1810" s="93"/>
      <c r="BF1810" s="93"/>
      <c r="BG1810" s="93"/>
      <c r="BH1810" s="93"/>
      <c r="BI1810" s="93"/>
      <c r="BJ1810" s="93"/>
      <c r="BK1810" s="93"/>
      <c r="BL1810" s="93"/>
    </row>
    <row r="1811" spans="2:64" x14ac:dyDescent="0.2">
      <c r="B1811" s="43"/>
      <c r="C1811" s="73"/>
      <c r="D1811" s="64"/>
      <c r="E1811" s="55"/>
      <c r="F1811" s="74"/>
      <c r="G1811" s="74"/>
      <c r="H1811" s="74"/>
      <c r="I1811" s="75"/>
      <c r="J1811" s="74"/>
      <c r="L1811" s="55"/>
      <c r="M1811" s="234"/>
      <c r="N1811" s="65"/>
      <c r="O1811" s="76"/>
      <c r="P1811" s="76"/>
      <c r="Q1811" s="65"/>
      <c r="R1811" s="76"/>
      <c r="S1811" s="76"/>
      <c r="T1811" s="76"/>
      <c r="U1811" s="76"/>
      <c r="V1811" s="76"/>
      <c r="W1811" s="76"/>
      <c r="X1811" s="76"/>
      <c r="Y1811" s="76"/>
      <c r="Z1811" s="76"/>
      <c r="AA1811" s="85"/>
      <c r="AB1811" s="85"/>
      <c r="AC1811" s="85"/>
      <c r="AD1811" s="85"/>
      <c r="AE1811" s="85"/>
      <c r="AF1811" s="85"/>
      <c r="AG1811" s="86"/>
      <c r="AH1811" s="85"/>
      <c r="AI1811" s="85"/>
      <c r="AJ1811" s="85"/>
      <c r="AK1811" s="85"/>
      <c r="AL1811" s="85"/>
      <c r="AM1811" s="92"/>
      <c r="AN1811" s="92"/>
      <c r="AO1811" s="92"/>
      <c r="AP1811" s="92"/>
      <c r="AQ1811" s="92"/>
      <c r="AR1811" s="92"/>
      <c r="AS1811" s="92"/>
      <c r="AT1811" s="92"/>
      <c r="AU1811" s="92"/>
      <c r="AV1811" s="92"/>
      <c r="AW1811" s="92"/>
      <c r="AX1811" s="92"/>
      <c r="AY1811" s="92"/>
      <c r="AZ1811" s="93"/>
      <c r="BA1811" s="93"/>
      <c r="BB1811" s="93"/>
      <c r="BC1811" s="93"/>
      <c r="BD1811" s="93"/>
      <c r="BE1811" s="93"/>
      <c r="BF1811" s="93"/>
      <c r="BG1811" s="93"/>
      <c r="BH1811" s="93"/>
      <c r="BI1811" s="93"/>
      <c r="BJ1811" s="93"/>
      <c r="BK1811" s="93"/>
      <c r="BL1811" s="93"/>
    </row>
    <row r="1812" spans="2:64" x14ac:dyDescent="0.2">
      <c r="B1812" s="43"/>
      <c r="C1812" s="73"/>
      <c r="D1812" s="64"/>
      <c r="E1812" s="55"/>
      <c r="F1812" s="74"/>
      <c r="G1812" s="74"/>
      <c r="H1812" s="74"/>
      <c r="I1812" s="75"/>
      <c r="J1812" s="74"/>
      <c r="L1812" s="55"/>
      <c r="M1812" s="234"/>
      <c r="N1812" s="65"/>
      <c r="O1812" s="76"/>
      <c r="P1812" s="76"/>
      <c r="Q1812" s="65"/>
      <c r="R1812" s="76"/>
      <c r="S1812" s="76"/>
      <c r="T1812" s="76"/>
      <c r="U1812" s="76"/>
      <c r="V1812" s="76"/>
      <c r="W1812" s="76"/>
      <c r="X1812" s="76"/>
      <c r="Y1812" s="76"/>
      <c r="Z1812" s="76"/>
      <c r="AA1812" s="85"/>
      <c r="AB1812" s="85"/>
      <c r="AC1812" s="85"/>
      <c r="AD1812" s="85"/>
      <c r="AE1812" s="85"/>
      <c r="AF1812" s="85"/>
      <c r="AG1812" s="86"/>
      <c r="AH1812" s="85"/>
      <c r="AI1812" s="85"/>
      <c r="AJ1812" s="85"/>
      <c r="AK1812" s="85"/>
      <c r="AL1812" s="85"/>
      <c r="AM1812" s="92"/>
      <c r="AN1812" s="92"/>
      <c r="AO1812" s="92"/>
      <c r="AP1812" s="92"/>
      <c r="AQ1812" s="92"/>
      <c r="AR1812" s="92"/>
      <c r="AS1812" s="92"/>
      <c r="AT1812" s="92"/>
      <c r="AU1812" s="92"/>
      <c r="AV1812" s="92"/>
      <c r="AW1812" s="92"/>
      <c r="AX1812" s="92"/>
      <c r="AY1812" s="92"/>
      <c r="AZ1812" s="93"/>
      <c r="BA1812" s="93"/>
      <c r="BB1812" s="93"/>
      <c r="BC1812" s="93"/>
      <c r="BD1812" s="93"/>
      <c r="BE1812" s="93"/>
      <c r="BF1812" s="93"/>
      <c r="BG1812" s="93"/>
      <c r="BH1812" s="93"/>
      <c r="BI1812" s="93"/>
      <c r="BJ1812" s="93"/>
      <c r="BK1812" s="93"/>
      <c r="BL1812" s="93"/>
    </row>
    <row r="1813" spans="2:64" x14ac:dyDescent="0.2">
      <c r="B1813" s="43"/>
      <c r="C1813" s="73"/>
      <c r="D1813" s="64"/>
      <c r="E1813" s="55"/>
      <c r="F1813" s="74"/>
      <c r="G1813" s="74"/>
      <c r="H1813" s="74"/>
      <c r="I1813" s="75"/>
      <c r="J1813" s="74"/>
      <c r="L1813" s="55"/>
      <c r="M1813" s="234"/>
      <c r="N1813" s="65"/>
      <c r="O1813" s="76"/>
      <c r="P1813" s="76"/>
      <c r="Q1813" s="65"/>
      <c r="R1813" s="76"/>
      <c r="S1813" s="76"/>
      <c r="T1813" s="76"/>
      <c r="U1813" s="76"/>
      <c r="V1813" s="76"/>
      <c r="W1813" s="76"/>
      <c r="X1813" s="76"/>
      <c r="Y1813" s="76"/>
      <c r="Z1813" s="76"/>
      <c r="AA1813" s="85"/>
      <c r="AB1813" s="85"/>
      <c r="AC1813" s="85"/>
      <c r="AD1813" s="85"/>
      <c r="AE1813" s="85"/>
      <c r="AF1813" s="85"/>
      <c r="AG1813" s="86"/>
      <c r="AH1813" s="85"/>
      <c r="AI1813" s="85"/>
      <c r="AJ1813" s="85"/>
      <c r="AK1813" s="85"/>
      <c r="AL1813" s="85"/>
      <c r="AM1813" s="92"/>
      <c r="AN1813" s="92"/>
      <c r="AO1813" s="92"/>
      <c r="AP1813" s="92"/>
      <c r="AQ1813" s="92"/>
      <c r="AR1813" s="92"/>
      <c r="AS1813" s="92"/>
      <c r="AT1813" s="92"/>
      <c r="AU1813" s="92"/>
      <c r="AV1813" s="92"/>
      <c r="AW1813" s="92"/>
      <c r="AX1813" s="92"/>
      <c r="AY1813" s="92"/>
      <c r="AZ1813" s="93"/>
      <c r="BA1813" s="93"/>
      <c r="BB1813" s="93"/>
      <c r="BC1813" s="93"/>
      <c r="BD1813" s="93"/>
      <c r="BE1813" s="93"/>
      <c r="BF1813" s="93"/>
      <c r="BG1813" s="93"/>
      <c r="BH1813" s="93"/>
      <c r="BI1813" s="93"/>
      <c r="BJ1813" s="93"/>
      <c r="BK1813" s="93"/>
      <c r="BL1813" s="93"/>
    </row>
    <row r="1814" spans="2:64" x14ac:dyDescent="0.2">
      <c r="B1814" s="43"/>
      <c r="C1814" s="73"/>
      <c r="D1814" s="64"/>
      <c r="E1814" s="55"/>
      <c r="F1814" s="74"/>
      <c r="G1814" s="74"/>
      <c r="H1814" s="74"/>
      <c r="I1814" s="75"/>
      <c r="J1814" s="74"/>
      <c r="L1814" s="55"/>
      <c r="M1814" s="234"/>
      <c r="N1814" s="65"/>
      <c r="O1814" s="76"/>
      <c r="P1814" s="76"/>
      <c r="Q1814" s="65"/>
      <c r="R1814" s="76"/>
      <c r="S1814" s="76"/>
      <c r="T1814" s="76"/>
      <c r="U1814" s="76"/>
      <c r="V1814" s="76"/>
      <c r="W1814" s="76"/>
      <c r="X1814" s="76"/>
      <c r="Y1814" s="76"/>
      <c r="Z1814" s="76"/>
      <c r="AA1814" s="85"/>
      <c r="AB1814" s="85"/>
      <c r="AC1814" s="85"/>
      <c r="AD1814" s="85"/>
      <c r="AE1814" s="85"/>
      <c r="AF1814" s="85"/>
      <c r="AG1814" s="86"/>
      <c r="AH1814" s="85"/>
      <c r="AI1814" s="85"/>
      <c r="AJ1814" s="85"/>
      <c r="AK1814" s="85"/>
      <c r="AL1814" s="85"/>
      <c r="AM1814" s="92"/>
      <c r="AN1814" s="92"/>
      <c r="AO1814" s="92"/>
      <c r="AP1814" s="92"/>
      <c r="AQ1814" s="92"/>
      <c r="AR1814" s="92"/>
      <c r="AS1814" s="92"/>
      <c r="AT1814" s="92"/>
      <c r="AU1814" s="92"/>
      <c r="AV1814" s="92"/>
      <c r="AW1814" s="92"/>
      <c r="AX1814" s="92"/>
      <c r="AY1814" s="92"/>
      <c r="AZ1814" s="93"/>
      <c r="BA1814" s="93"/>
      <c r="BB1814" s="93"/>
      <c r="BC1814" s="93"/>
      <c r="BD1814" s="93"/>
      <c r="BE1814" s="93"/>
      <c r="BF1814" s="93"/>
      <c r="BG1814" s="93"/>
      <c r="BH1814" s="93"/>
      <c r="BI1814" s="93"/>
      <c r="BJ1814" s="93"/>
      <c r="BK1814" s="93"/>
      <c r="BL1814" s="93"/>
    </row>
    <row r="1815" spans="2:64" x14ac:dyDescent="0.2">
      <c r="B1815" s="43"/>
      <c r="C1815" s="73"/>
      <c r="D1815" s="64"/>
      <c r="E1815" s="55"/>
      <c r="F1815" s="74"/>
      <c r="G1815" s="74"/>
      <c r="H1815" s="74"/>
      <c r="I1815" s="75"/>
      <c r="J1815" s="74"/>
      <c r="L1815" s="55"/>
      <c r="M1815" s="234"/>
      <c r="N1815" s="65"/>
      <c r="O1815" s="76"/>
      <c r="P1815" s="76"/>
      <c r="Q1815" s="65"/>
      <c r="R1815" s="76"/>
      <c r="S1815" s="76"/>
      <c r="T1815" s="76"/>
      <c r="U1815" s="76"/>
      <c r="V1815" s="76"/>
      <c r="W1815" s="76"/>
      <c r="X1815" s="76"/>
      <c r="Y1815" s="76"/>
      <c r="Z1815" s="76"/>
      <c r="AA1815" s="85"/>
      <c r="AB1815" s="85"/>
      <c r="AC1815" s="85"/>
      <c r="AD1815" s="85"/>
      <c r="AE1815" s="85"/>
      <c r="AF1815" s="85"/>
      <c r="AG1815" s="86"/>
      <c r="AH1815" s="85"/>
      <c r="AI1815" s="85"/>
      <c r="AJ1815" s="85"/>
      <c r="AK1815" s="85"/>
      <c r="AL1815" s="85"/>
      <c r="AM1815" s="92"/>
      <c r="AN1815" s="92"/>
      <c r="AO1815" s="92"/>
      <c r="AP1815" s="92"/>
      <c r="AQ1815" s="92"/>
      <c r="AR1815" s="92"/>
      <c r="AS1815" s="92"/>
      <c r="AT1815" s="92"/>
      <c r="AU1815" s="92"/>
      <c r="AV1815" s="92"/>
      <c r="AW1815" s="92"/>
      <c r="AX1815" s="92"/>
      <c r="AY1815" s="92"/>
      <c r="AZ1815" s="93"/>
      <c r="BA1815" s="93"/>
      <c r="BB1815" s="93"/>
      <c r="BC1815" s="93"/>
      <c r="BD1815" s="93"/>
      <c r="BE1815" s="93"/>
      <c r="BF1815" s="93"/>
      <c r="BG1815" s="93"/>
      <c r="BH1815" s="93"/>
      <c r="BI1815" s="93"/>
      <c r="BJ1815" s="93"/>
      <c r="BK1815" s="93"/>
      <c r="BL1815" s="93"/>
    </row>
    <row r="1816" spans="2:64" x14ac:dyDescent="0.2">
      <c r="B1816" s="43"/>
      <c r="C1816" s="73"/>
      <c r="D1816" s="64"/>
      <c r="E1816" s="55"/>
      <c r="F1816" s="74"/>
      <c r="G1816" s="74"/>
      <c r="H1816" s="74"/>
      <c r="I1816" s="75"/>
      <c r="J1816" s="74"/>
      <c r="L1816" s="55"/>
      <c r="M1816" s="234"/>
      <c r="N1816" s="65"/>
      <c r="O1816" s="76"/>
      <c r="P1816" s="76"/>
      <c r="Q1816" s="65"/>
      <c r="R1816" s="76"/>
      <c r="S1816" s="76"/>
      <c r="T1816" s="76"/>
      <c r="U1816" s="76"/>
      <c r="V1816" s="76"/>
      <c r="W1816" s="76"/>
      <c r="X1816" s="76"/>
      <c r="Y1816" s="76"/>
      <c r="Z1816" s="76"/>
      <c r="AA1816" s="85"/>
      <c r="AB1816" s="85"/>
      <c r="AC1816" s="85"/>
      <c r="AD1816" s="85"/>
      <c r="AE1816" s="85"/>
      <c r="AF1816" s="85"/>
      <c r="AG1816" s="86"/>
      <c r="AH1816" s="85"/>
      <c r="AI1816" s="85"/>
      <c r="AJ1816" s="85"/>
      <c r="AK1816" s="85"/>
      <c r="AL1816" s="85"/>
      <c r="AM1816" s="92"/>
      <c r="AN1816" s="92"/>
      <c r="AO1816" s="92"/>
      <c r="AP1816" s="92"/>
      <c r="AQ1816" s="92"/>
      <c r="AR1816" s="92"/>
      <c r="AS1816" s="92"/>
      <c r="AT1816" s="92"/>
      <c r="AU1816" s="92"/>
      <c r="AV1816" s="92"/>
      <c r="AW1816" s="92"/>
      <c r="AX1816" s="92"/>
      <c r="AY1816" s="92"/>
      <c r="AZ1816" s="93"/>
      <c r="BA1816" s="93"/>
      <c r="BB1816" s="93"/>
      <c r="BC1816" s="93"/>
      <c r="BD1816" s="93"/>
      <c r="BE1816" s="93"/>
      <c r="BF1816" s="93"/>
      <c r="BG1816" s="93"/>
      <c r="BH1816" s="93"/>
      <c r="BI1816" s="93"/>
      <c r="BJ1816" s="93"/>
      <c r="BK1816" s="93"/>
      <c r="BL1816" s="93"/>
    </row>
    <row r="1817" spans="2:64" x14ac:dyDescent="0.2">
      <c r="B1817" s="43"/>
      <c r="C1817" s="73"/>
      <c r="D1817" s="64"/>
      <c r="E1817" s="55"/>
      <c r="F1817" s="74"/>
      <c r="G1817" s="74"/>
      <c r="H1817" s="74"/>
      <c r="I1817" s="75"/>
      <c r="J1817" s="74"/>
      <c r="L1817" s="55"/>
      <c r="M1817" s="234"/>
      <c r="N1817" s="65"/>
      <c r="O1817" s="76"/>
      <c r="P1817" s="76"/>
      <c r="Q1817" s="65"/>
      <c r="R1817" s="76"/>
      <c r="S1817" s="76"/>
      <c r="T1817" s="76"/>
      <c r="U1817" s="76"/>
      <c r="V1817" s="76"/>
      <c r="W1817" s="76"/>
      <c r="X1817" s="76"/>
      <c r="Y1817" s="76"/>
      <c r="Z1817" s="76"/>
      <c r="AA1817" s="85"/>
      <c r="AB1817" s="85"/>
      <c r="AC1817" s="85"/>
      <c r="AD1817" s="85"/>
      <c r="AE1817" s="85"/>
      <c r="AF1817" s="85"/>
      <c r="AG1817" s="86"/>
      <c r="AH1817" s="85"/>
      <c r="AI1817" s="85"/>
      <c r="AJ1817" s="85"/>
      <c r="AK1817" s="85"/>
      <c r="AL1817" s="85"/>
      <c r="AM1817" s="92"/>
      <c r="AN1817" s="92"/>
      <c r="AO1817" s="92"/>
      <c r="AP1817" s="92"/>
      <c r="AQ1817" s="92"/>
      <c r="AR1817" s="92"/>
      <c r="AS1817" s="92"/>
      <c r="AT1817" s="92"/>
      <c r="AU1817" s="92"/>
      <c r="AV1817" s="92"/>
      <c r="AW1817" s="92"/>
      <c r="AX1817" s="92"/>
      <c r="AY1817" s="92"/>
      <c r="AZ1817" s="93"/>
      <c r="BA1817" s="93"/>
      <c r="BB1817" s="93"/>
      <c r="BC1817" s="93"/>
      <c r="BD1817" s="93"/>
      <c r="BE1817" s="93"/>
      <c r="BF1817" s="93"/>
      <c r="BG1817" s="93"/>
      <c r="BH1817" s="93"/>
      <c r="BI1817" s="93"/>
      <c r="BJ1817" s="93"/>
      <c r="BK1817" s="93"/>
      <c r="BL1817" s="93"/>
    </row>
    <row r="1818" spans="2:64" x14ac:dyDescent="0.2">
      <c r="B1818" s="43"/>
      <c r="C1818" s="73"/>
      <c r="D1818" s="64"/>
      <c r="E1818" s="55"/>
      <c r="F1818" s="74"/>
      <c r="G1818" s="74"/>
      <c r="H1818" s="74"/>
      <c r="I1818" s="75"/>
      <c r="J1818" s="74"/>
      <c r="L1818" s="55"/>
      <c r="M1818" s="234"/>
      <c r="N1818" s="65"/>
      <c r="O1818" s="76"/>
      <c r="P1818" s="76"/>
      <c r="Q1818" s="65"/>
      <c r="R1818" s="76"/>
      <c r="S1818" s="76"/>
      <c r="T1818" s="76"/>
      <c r="U1818" s="76"/>
      <c r="V1818" s="76"/>
      <c r="W1818" s="76"/>
      <c r="X1818" s="76"/>
      <c r="Y1818" s="76"/>
      <c r="Z1818" s="76"/>
      <c r="AA1818" s="85"/>
      <c r="AB1818" s="85"/>
      <c r="AC1818" s="85"/>
      <c r="AD1818" s="85"/>
      <c r="AE1818" s="85"/>
      <c r="AF1818" s="85"/>
      <c r="AG1818" s="86"/>
      <c r="AH1818" s="85"/>
      <c r="AI1818" s="85"/>
      <c r="AJ1818" s="85"/>
      <c r="AK1818" s="85"/>
      <c r="AL1818" s="85"/>
      <c r="AM1818" s="92"/>
      <c r="AN1818" s="92"/>
      <c r="AO1818" s="92"/>
      <c r="AP1818" s="92"/>
      <c r="AQ1818" s="92"/>
      <c r="AR1818" s="92"/>
      <c r="AS1818" s="92"/>
      <c r="AT1818" s="92"/>
      <c r="AU1818" s="92"/>
      <c r="AV1818" s="92"/>
      <c r="AW1818" s="92"/>
      <c r="AX1818" s="92"/>
      <c r="AY1818" s="92"/>
      <c r="AZ1818" s="93"/>
      <c r="BA1818" s="93"/>
      <c r="BB1818" s="93"/>
      <c r="BC1818" s="93"/>
      <c r="BD1818" s="93"/>
      <c r="BE1818" s="93"/>
      <c r="BF1818" s="93"/>
      <c r="BG1818" s="93"/>
      <c r="BH1818" s="93"/>
      <c r="BI1818" s="93"/>
      <c r="BJ1818" s="93"/>
      <c r="BK1818" s="93"/>
      <c r="BL1818" s="93"/>
    </row>
    <row r="1819" spans="2:64" x14ac:dyDescent="0.2">
      <c r="B1819" s="43"/>
      <c r="C1819" s="73"/>
      <c r="D1819" s="64"/>
      <c r="E1819" s="55"/>
      <c r="F1819" s="74"/>
      <c r="G1819" s="74"/>
      <c r="H1819" s="74"/>
      <c r="I1819" s="75"/>
      <c r="J1819" s="74"/>
      <c r="L1819" s="55"/>
      <c r="M1819" s="234"/>
      <c r="N1819" s="65"/>
      <c r="O1819" s="76"/>
      <c r="P1819" s="76"/>
      <c r="Q1819" s="65"/>
      <c r="R1819" s="76"/>
      <c r="S1819" s="76"/>
      <c r="T1819" s="76"/>
      <c r="U1819" s="76"/>
      <c r="V1819" s="76"/>
      <c r="W1819" s="76"/>
      <c r="X1819" s="76"/>
      <c r="Y1819" s="76"/>
      <c r="Z1819" s="76"/>
      <c r="AA1819" s="85"/>
      <c r="AB1819" s="85"/>
      <c r="AC1819" s="85"/>
      <c r="AD1819" s="85"/>
      <c r="AE1819" s="85"/>
      <c r="AF1819" s="85"/>
      <c r="AG1819" s="86"/>
      <c r="AH1819" s="85"/>
      <c r="AI1819" s="85"/>
      <c r="AJ1819" s="85"/>
      <c r="AK1819" s="85"/>
      <c r="AL1819" s="85"/>
      <c r="AM1819" s="92"/>
      <c r="AN1819" s="92"/>
      <c r="AO1819" s="92"/>
      <c r="AP1819" s="92"/>
      <c r="AQ1819" s="92"/>
      <c r="AR1819" s="92"/>
      <c r="AS1819" s="92"/>
      <c r="AT1819" s="92"/>
      <c r="AU1819" s="92"/>
      <c r="AV1819" s="92"/>
      <c r="AW1819" s="92"/>
      <c r="AX1819" s="92"/>
      <c r="AY1819" s="92"/>
      <c r="AZ1819" s="93"/>
      <c r="BA1819" s="93"/>
      <c r="BB1819" s="93"/>
      <c r="BC1819" s="93"/>
      <c r="BD1819" s="93"/>
      <c r="BE1819" s="93"/>
      <c r="BF1819" s="93"/>
      <c r="BG1819" s="93"/>
      <c r="BH1819" s="93"/>
      <c r="BI1819" s="93"/>
      <c r="BJ1819" s="93"/>
      <c r="BK1819" s="93"/>
      <c r="BL1819" s="93"/>
    </row>
    <row r="1820" spans="2:64" x14ac:dyDescent="0.2">
      <c r="B1820" s="43"/>
      <c r="C1820" s="73"/>
      <c r="D1820" s="64"/>
      <c r="E1820" s="55"/>
      <c r="F1820" s="74"/>
      <c r="G1820" s="74"/>
      <c r="H1820" s="74"/>
      <c r="I1820" s="75"/>
      <c r="J1820" s="74"/>
      <c r="L1820" s="55"/>
      <c r="M1820" s="234"/>
      <c r="N1820" s="65"/>
      <c r="O1820" s="76"/>
      <c r="P1820" s="76"/>
      <c r="Q1820" s="65"/>
      <c r="R1820" s="76"/>
      <c r="S1820" s="76"/>
      <c r="T1820" s="76"/>
      <c r="U1820" s="76"/>
      <c r="V1820" s="76"/>
      <c r="W1820" s="76"/>
      <c r="X1820" s="76"/>
      <c r="Y1820" s="76"/>
      <c r="Z1820" s="76"/>
      <c r="AA1820" s="85"/>
      <c r="AB1820" s="85"/>
      <c r="AC1820" s="85"/>
      <c r="AD1820" s="85"/>
      <c r="AE1820" s="85"/>
      <c r="AF1820" s="85"/>
      <c r="AG1820" s="86"/>
      <c r="AH1820" s="85"/>
      <c r="AI1820" s="85"/>
      <c r="AJ1820" s="85"/>
      <c r="AK1820" s="85"/>
      <c r="AL1820" s="85"/>
      <c r="AM1820" s="92"/>
      <c r="AN1820" s="92"/>
      <c r="AO1820" s="92"/>
      <c r="AP1820" s="92"/>
      <c r="AQ1820" s="92"/>
      <c r="AR1820" s="92"/>
      <c r="AS1820" s="92"/>
      <c r="AT1820" s="92"/>
      <c r="AU1820" s="92"/>
      <c r="AV1820" s="92"/>
      <c r="AW1820" s="92"/>
      <c r="AX1820" s="92"/>
      <c r="AY1820" s="92"/>
      <c r="AZ1820" s="93"/>
      <c r="BA1820" s="93"/>
      <c r="BB1820" s="93"/>
      <c r="BC1820" s="93"/>
      <c r="BD1820" s="93"/>
      <c r="BE1820" s="93"/>
      <c r="BF1820" s="93"/>
      <c r="BG1820" s="93"/>
      <c r="BH1820" s="93"/>
      <c r="BI1820" s="93"/>
      <c r="BJ1820" s="93"/>
      <c r="BK1820" s="93"/>
      <c r="BL1820" s="93"/>
    </row>
    <row r="1821" spans="2:64" x14ac:dyDescent="0.2">
      <c r="B1821" s="43"/>
      <c r="C1821" s="73"/>
      <c r="D1821" s="64"/>
      <c r="E1821" s="55"/>
      <c r="F1821" s="74"/>
      <c r="G1821" s="74"/>
      <c r="H1821" s="74"/>
      <c r="I1821" s="75"/>
      <c r="J1821" s="74"/>
      <c r="L1821" s="55"/>
      <c r="M1821" s="234"/>
      <c r="N1821" s="65"/>
      <c r="O1821" s="76"/>
      <c r="P1821" s="76"/>
      <c r="Q1821" s="65"/>
      <c r="R1821" s="76"/>
      <c r="S1821" s="76"/>
      <c r="T1821" s="76"/>
      <c r="U1821" s="76"/>
      <c r="V1821" s="76"/>
      <c r="W1821" s="76"/>
      <c r="X1821" s="76"/>
      <c r="Y1821" s="76"/>
      <c r="Z1821" s="76"/>
      <c r="AA1821" s="85"/>
      <c r="AB1821" s="85"/>
      <c r="AC1821" s="85"/>
      <c r="AD1821" s="85"/>
      <c r="AE1821" s="85"/>
      <c r="AF1821" s="85"/>
      <c r="AG1821" s="86"/>
      <c r="AH1821" s="85"/>
      <c r="AI1821" s="85"/>
      <c r="AJ1821" s="85"/>
      <c r="AK1821" s="85"/>
      <c r="AL1821" s="85"/>
      <c r="AM1821" s="92"/>
      <c r="AN1821" s="92"/>
      <c r="AO1821" s="92"/>
      <c r="AP1821" s="92"/>
      <c r="AQ1821" s="92"/>
      <c r="AR1821" s="92"/>
      <c r="AS1821" s="92"/>
      <c r="AT1821" s="92"/>
      <c r="AU1821" s="92"/>
      <c r="AV1821" s="92"/>
      <c r="AW1821" s="92"/>
      <c r="AX1821" s="92"/>
      <c r="AY1821" s="92"/>
      <c r="AZ1821" s="93"/>
      <c r="BA1821" s="93"/>
      <c r="BB1821" s="93"/>
      <c r="BC1821" s="93"/>
      <c r="BD1821" s="93"/>
      <c r="BE1821" s="93"/>
      <c r="BF1821" s="93"/>
      <c r="BG1821" s="93"/>
      <c r="BH1821" s="93"/>
      <c r="BI1821" s="93"/>
      <c r="BJ1821" s="93"/>
      <c r="BK1821" s="93"/>
      <c r="BL1821" s="93"/>
    </row>
    <row r="1822" spans="2:64" x14ac:dyDescent="0.2">
      <c r="B1822" s="43"/>
      <c r="C1822" s="73"/>
      <c r="D1822" s="64"/>
      <c r="E1822" s="55"/>
      <c r="F1822" s="74"/>
      <c r="G1822" s="74"/>
      <c r="H1822" s="74"/>
      <c r="I1822" s="75"/>
      <c r="J1822" s="74"/>
      <c r="L1822" s="55"/>
      <c r="M1822" s="234"/>
      <c r="N1822" s="65"/>
      <c r="O1822" s="76"/>
      <c r="P1822" s="76"/>
      <c r="Q1822" s="65"/>
      <c r="R1822" s="76"/>
      <c r="S1822" s="76"/>
      <c r="T1822" s="76"/>
      <c r="U1822" s="76"/>
      <c r="V1822" s="76"/>
      <c r="W1822" s="76"/>
      <c r="X1822" s="76"/>
      <c r="Y1822" s="76"/>
      <c r="Z1822" s="76"/>
      <c r="AA1822" s="85"/>
      <c r="AB1822" s="85"/>
      <c r="AC1822" s="85"/>
      <c r="AD1822" s="85"/>
      <c r="AE1822" s="85"/>
      <c r="AF1822" s="85"/>
      <c r="AG1822" s="86"/>
      <c r="AH1822" s="85"/>
      <c r="AI1822" s="85"/>
      <c r="AJ1822" s="85"/>
      <c r="AK1822" s="85"/>
      <c r="AL1822" s="85"/>
      <c r="AM1822" s="92"/>
      <c r="AN1822" s="92"/>
      <c r="AO1822" s="92"/>
      <c r="AP1822" s="92"/>
      <c r="AQ1822" s="92"/>
      <c r="AR1822" s="92"/>
      <c r="AS1822" s="92"/>
      <c r="AT1822" s="92"/>
      <c r="AU1822" s="92"/>
      <c r="AV1822" s="92"/>
      <c r="AW1822" s="92"/>
      <c r="AX1822" s="92"/>
      <c r="AY1822" s="92"/>
      <c r="AZ1822" s="93"/>
      <c r="BA1822" s="93"/>
      <c r="BB1822" s="93"/>
      <c r="BC1822" s="93"/>
      <c r="BD1822" s="93"/>
      <c r="BE1822" s="93"/>
      <c r="BF1822" s="93"/>
      <c r="BG1822" s="93"/>
      <c r="BH1822" s="93"/>
      <c r="BI1822" s="93"/>
      <c r="BJ1822" s="93"/>
      <c r="BK1822" s="93"/>
      <c r="BL1822" s="93"/>
    </row>
    <row r="1823" spans="2:64" x14ac:dyDescent="0.2">
      <c r="B1823" s="43"/>
      <c r="C1823" s="73"/>
      <c r="D1823" s="64"/>
      <c r="E1823" s="55"/>
      <c r="F1823" s="74"/>
      <c r="G1823" s="74"/>
      <c r="H1823" s="74"/>
      <c r="I1823" s="75"/>
      <c r="J1823" s="74"/>
      <c r="L1823" s="55"/>
      <c r="M1823" s="234"/>
      <c r="N1823" s="65"/>
      <c r="O1823" s="76"/>
      <c r="P1823" s="76"/>
      <c r="Q1823" s="65"/>
      <c r="R1823" s="76"/>
      <c r="S1823" s="76"/>
      <c r="T1823" s="76"/>
      <c r="U1823" s="76"/>
      <c r="V1823" s="76"/>
      <c r="W1823" s="76"/>
      <c r="X1823" s="76"/>
      <c r="Y1823" s="76"/>
      <c r="Z1823" s="76"/>
      <c r="AA1823" s="85"/>
      <c r="AB1823" s="85"/>
      <c r="AC1823" s="85"/>
      <c r="AD1823" s="85"/>
      <c r="AE1823" s="85"/>
      <c r="AF1823" s="85"/>
      <c r="AG1823" s="86"/>
      <c r="AH1823" s="85"/>
      <c r="AI1823" s="85"/>
      <c r="AJ1823" s="85"/>
      <c r="AK1823" s="85"/>
      <c r="AL1823" s="85"/>
      <c r="AM1823" s="92"/>
      <c r="AN1823" s="92"/>
      <c r="AO1823" s="92"/>
      <c r="AP1823" s="92"/>
      <c r="AQ1823" s="92"/>
      <c r="AR1823" s="92"/>
      <c r="AS1823" s="92"/>
      <c r="AT1823" s="92"/>
      <c r="AU1823" s="92"/>
      <c r="AV1823" s="92"/>
      <c r="AW1823" s="92"/>
      <c r="AX1823" s="92"/>
      <c r="AY1823" s="92"/>
      <c r="AZ1823" s="93"/>
      <c r="BA1823" s="93"/>
      <c r="BB1823" s="93"/>
      <c r="BC1823" s="93"/>
      <c r="BD1823" s="93"/>
      <c r="BE1823" s="93"/>
      <c r="BF1823" s="93"/>
      <c r="BG1823" s="93"/>
      <c r="BH1823" s="93"/>
      <c r="BI1823" s="93"/>
      <c r="BJ1823" s="93"/>
      <c r="BK1823" s="93"/>
      <c r="BL1823" s="93"/>
    </row>
    <row r="1824" spans="2:64" x14ac:dyDescent="0.2">
      <c r="B1824" s="43"/>
      <c r="C1824" s="73"/>
      <c r="D1824" s="64"/>
      <c r="E1824" s="55"/>
      <c r="F1824" s="74"/>
      <c r="G1824" s="74"/>
      <c r="H1824" s="74"/>
      <c r="I1824" s="75"/>
      <c r="J1824" s="74"/>
      <c r="L1824" s="55"/>
      <c r="M1824" s="234"/>
      <c r="N1824" s="65"/>
      <c r="O1824" s="76"/>
      <c r="P1824" s="76"/>
      <c r="Q1824" s="65"/>
      <c r="R1824" s="76"/>
      <c r="S1824" s="76"/>
      <c r="T1824" s="76"/>
      <c r="U1824" s="76"/>
      <c r="V1824" s="76"/>
      <c r="W1824" s="76"/>
      <c r="X1824" s="76"/>
      <c r="Y1824" s="76"/>
      <c r="Z1824" s="76"/>
      <c r="AA1824" s="85"/>
      <c r="AB1824" s="85"/>
      <c r="AC1824" s="85"/>
      <c r="AD1824" s="85"/>
      <c r="AE1824" s="85"/>
      <c r="AF1824" s="85"/>
      <c r="AG1824" s="86"/>
      <c r="AH1824" s="85"/>
      <c r="AI1824" s="85"/>
      <c r="AJ1824" s="85"/>
      <c r="AK1824" s="85"/>
      <c r="AL1824" s="85"/>
      <c r="AM1824" s="92"/>
      <c r="AN1824" s="92"/>
      <c r="AO1824" s="92"/>
      <c r="AP1824" s="92"/>
      <c r="AQ1824" s="92"/>
      <c r="AR1824" s="92"/>
      <c r="AS1824" s="92"/>
      <c r="AT1824" s="92"/>
      <c r="AU1824" s="92"/>
      <c r="AV1824" s="92"/>
      <c r="AW1824" s="92"/>
      <c r="AX1824" s="92"/>
      <c r="AY1824" s="92"/>
      <c r="AZ1824" s="93"/>
      <c r="BA1824" s="93"/>
      <c r="BB1824" s="93"/>
      <c r="BC1824" s="93"/>
      <c r="BD1824" s="93"/>
      <c r="BE1824" s="93"/>
      <c r="BF1824" s="93"/>
      <c r="BG1824" s="93"/>
      <c r="BH1824" s="93"/>
      <c r="BI1824" s="93"/>
      <c r="BJ1824" s="93"/>
      <c r="BK1824" s="93"/>
      <c r="BL1824" s="93"/>
    </row>
    <row r="1825" spans="2:64" x14ac:dyDescent="0.2">
      <c r="B1825" s="43"/>
      <c r="C1825" s="73"/>
      <c r="D1825" s="64"/>
      <c r="E1825" s="55"/>
      <c r="F1825" s="74"/>
      <c r="G1825" s="74"/>
      <c r="H1825" s="74"/>
      <c r="I1825" s="75"/>
      <c r="J1825" s="74"/>
      <c r="L1825" s="55"/>
      <c r="M1825" s="234"/>
      <c r="N1825" s="65"/>
      <c r="O1825" s="76"/>
      <c r="P1825" s="76"/>
      <c r="Q1825" s="65"/>
      <c r="R1825" s="76"/>
      <c r="S1825" s="76"/>
      <c r="T1825" s="76"/>
      <c r="U1825" s="76"/>
      <c r="V1825" s="76"/>
      <c r="W1825" s="76"/>
      <c r="X1825" s="76"/>
      <c r="Y1825" s="76"/>
      <c r="Z1825" s="76"/>
      <c r="AA1825" s="85"/>
      <c r="AB1825" s="85"/>
      <c r="AC1825" s="85"/>
      <c r="AD1825" s="85"/>
      <c r="AE1825" s="85"/>
      <c r="AF1825" s="85"/>
      <c r="AG1825" s="86"/>
      <c r="AH1825" s="85"/>
      <c r="AI1825" s="85"/>
      <c r="AJ1825" s="85"/>
      <c r="AK1825" s="85"/>
      <c r="AL1825" s="85"/>
      <c r="AM1825" s="92"/>
      <c r="AN1825" s="92"/>
      <c r="AO1825" s="92"/>
      <c r="AP1825" s="92"/>
      <c r="AQ1825" s="92"/>
      <c r="AR1825" s="92"/>
      <c r="AS1825" s="92"/>
      <c r="AT1825" s="92"/>
      <c r="AU1825" s="92"/>
      <c r="AV1825" s="92"/>
      <c r="AW1825" s="92"/>
      <c r="AX1825" s="92"/>
      <c r="AY1825" s="92"/>
      <c r="AZ1825" s="93"/>
      <c r="BA1825" s="93"/>
      <c r="BB1825" s="93"/>
      <c r="BC1825" s="93"/>
      <c r="BD1825" s="93"/>
      <c r="BE1825" s="93"/>
      <c r="BF1825" s="93"/>
      <c r="BG1825" s="93"/>
      <c r="BH1825" s="93"/>
      <c r="BI1825" s="93"/>
      <c r="BJ1825" s="93"/>
      <c r="BK1825" s="93"/>
      <c r="BL1825" s="93"/>
    </row>
    <row r="1826" spans="2:64" x14ac:dyDescent="0.2">
      <c r="B1826" s="43"/>
      <c r="C1826" s="73"/>
      <c r="D1826" s="64"/>
      <c r="E1826" s="55"/>
      <c r="F1826" s="74"/>
      <c r="G1826" s="74"/>
      <c r="H1826" s="74"/>
      <c r="I1826" s="75"/>
      <c r="J1826" s="74"/>
      <c r="L1826" s="55"/>
      <c r="M1826" s="234"/>
      <c r="N1826" s="65"/>
      <c r="O1826" s="76"/>
      <c r="P1826" s="76"/>
      <c r="Q1826" s="65"/>
      <c r="R1826" s="76"/>
      <c r="S1826" s="76"/>
      <c r="T1826" s="76"/>
      <c r="U1826" s="76"/>
      <c r="V1826" s="76"/>
      <c r="W1826" s="76"/>
      <c r="X1826" s="76"/>
      <c r="Y1826" s="76"/>
      <c r="Z1826" s="76"/>
      <c r="AA1826" s="85"/>
      <c r="AB1826" s="85"/>
      <c r="AC1826" s="85"/>
      <c r="AD1826" s="85"/>
      <c r="AE1826" s="85"/>
      <c r="AF1826" s="85"/>
      <c r="AG1826" s="86"/>
      <c r="AH1826" s="85"/>
      <c r="AI1826" s="85"/>
      <c r="AJ1826" s="85"/>
      <c r="AK1826" s="85"/>
      <c r="AL1826" s="85"/>
      <c r="AM1826" s="92"/>
      <c r="AN1826" s="92"/>
      <c r="AO1826" s="92"/>
      <c r="AP1826" s="92"/>
      <c r="AQ1826" s="92"/>
      <c r="AR1826" s="92"/>
      <c r="AS1826" s="92"/>
      <c r="AT1826" s="92"/>
      <c r="AU1826" s="92"/>
      <c r="AV1826" s="92"/>
      <c r="AW1826" s="92"/>
      <c r="AX1826" s="92"/>
      <c r="AY1826" s="92"/>
      <c r="AZ1826" s="93"/>
      <c r="BA1826" s="93"/>
      <c r="BB1826" s="93"/>
      <c r="BC1826" s="93"/>
      <c r="BD1826" s="93"/>
      <c r="BE1826" s="93"/>
      <c r="BF1826" s="93"/>
      <c r="BG1826" s="93"/>
      <c r="BH1826" s="93"/>
      <c r="BI1826" s="93"/>
      <c r="BJ1826" s="93"/>
      <c r="BK1826" s="93"/>
      <c r="BL1826" s="93"/>
    </row>
    <row r="1827" spans="2:64" x14ac:dyDescent="0.2">
      <c r="B1827" s="43"/>
      <c r="C1827" s="73"/>
      <c r="D1827" s="64"/>
      <c r="E1827" s="55"/>
      <c r="F1827" s="74"/>
      <c r="G1827" s="74"/>
      <c r="H1827" s="74"/>
      <c r="I1827" s="75"/>
      <c r="J1827" s="74"/>
      <c r="L1827" s="55"/>
      <c r="M1827" s="234"/>
      <c r="N1827" s="65"/>
      <c r="O1827" s="76"/>
      <c r="P1827" s="76"/>
      <c r="Q1827" s="65"/>
      <c r="R1827" s="76"/>
      <c r="S1827" s="76"/>
      <c r="T1827" s="76"/>
      <c r="U1827" s="76"/>
      <c r="V1827" s="76"/>
      <c r="W1827" s="76"/>
      <c r="X1827" s="76"/>
      <c r="Y1827" s="76"/>
      <c r="Z1827" s="76"/>
      <c r="AA1827" s="85"/>
      <c r="AB1827" s="85"/>
      <c r="AC1827" s="85"/>
      <c r="AD1827" s="85"/>
      <c r="AE1827" s="85"/>
      <c r="AF1827" s="85"/>
      <c r="AG1827" s="86"/>
      <c r="AH1827" s="85"/>
      <c r="AI1827" s="85"/>
      <c r="AJ1827" s="85"/>
      <c r="AK1827" s="85"/>
      <c r="AL1827" s="85"/>
      <c r="AM1827" s="92"/>
      <c r="AN1827" s="92"/>
      <c r="AO1827" s="92"/>
      <c r="AP1827" s="92"/>
      <c r="AQ1827" s="92"/>
      <c r="AR1827" s="92"/>
      <c r="AS1827" s="92"/>
      <c r="AT1827" s="92"/>
      <c r="AU1827" s="92"/>
      <c r="AV1827" s="92"/>
      <c r="AW1827" s="92"/>
      <c r="AX1827" s="92"/>
      <c r="AY1827" s="92"/>
      <c r="AZ1827" s="93"/>
      <c r="BA1827" s="93"/>
      <c r="BB1827" s="93"/>
      <c r="BC1827" s="93"/>
      <c r="BD1827" s="93"/>
      <c r="BE1827" s="93"/>
      <c r="BF1827" s="93"/>
      <c r="BG1827" s="93"/>
      <c r="BH1827" s="93"/>
      <c r="BI1827" s="93"/>
      <c r="BJ1827" s="93"/>
      <c r="BK1827" s="93"/>
      <c r="BL1827" s="93"/>
    </row>
    <row r="1828" spans="2:64" x14ac:dyDescent="0.2">
      <c r="B1828" s="43"/>
      <c r="C1828" s="73"/>
      <c r="D1828" s="64"/>
      <c r="E1828" s="55"/>
      <c r="F1828" s="74"/>
      <c r="G1828" s="74"/>
      <c r="H1828" s="74"/>
      <c r="I1828" s="75"/>
      <c r="J1828" s="74"/>
      <c r="L1828" s="55"/>
      <c r="M1828" s="234"/>
      <c r="N1828" s="65"/>
      <c r="O1828" s="76"/>
      <c r="P1828" s="76"/>
      <c r="Q1828" s="65"/>
      <c r="R1828" s="76"/>
      <c r="S1828" s="76"/>
      <c r="T1828" s="76"/>
      <c r="U1828" s="76"/>
      <c r="V1828" s="76"/>
      <c r="W1828" s="76"/>
      <c r="X1828" s="76"/>
      <c r="Y1828" s="76"/>
      <c r="Z1828" s="76"/>
      <c r="AA1828" s="85"/>
      <c r="AB1828" s="85"/>
      <c r="AC1828" s="85"/>
      <c r="AD1828" s="85"/>
      <c r="AE1828" s="85"/>
      <c r="AF1828" s="85"/>
      <c r="AG1828" s="86"/>
      <c r="AH1828" s="85"/>
      <c r="AI1828" s="85"/>
      <c r="AJ1828" s="85"/>
      <c r="AK1828" s="85"/>
      <c r="AL1828" s="85"/>
      <c r="AM1828" s="92"/>
      <c r="AN1828" s="92"/>
      <c r="AO1828" s="92"/>
      <c r="AP1828" s="92"/>
      <c r="AQ1828" s="92"/>
      <c r="AR1828" s="92"/>
      <c r="AS1828" s="92"/>
      <c r="AT1828" s="92"/>
      <c r="AU1828" s="92"/>
      <c r="AV1828" s="92"/>
      <c r="AW1828" s="92"/>
      <c r="AX1828" s="92"/>
      <c r="AY1828" s="92"/>
      <c r="AZ1828" s="93"/>
      <c r="BA1828" s="93"/>
      <c r="BB1828" s="93"/>
      <c r="BC1828" s="93"/>
      <c r="BD1828" s="93"/>
      <c r="BE1828" s="93"/>
      <c r="BF1828" s="93"/>
      <c r="BG1828" s="93"/>
      <c r="BH1828" s="93"/>
      <c r="BI1828" s="93"/>
      <c r="BJ1828" s="93"/>
      <c r="BK1828" s="93"/>
      <c r="BL1828" s="93"/>
    </row>
    <row r="1829" spans="2:64" x14ac:dyDescent="0.2">
      <c r="B1829" s="43"/>
      <c r="C1829" s="73"/>
      <c r="D1829" s="64"/>
      <c r="E1829" s="55"/>
      <c r="F1829" s="74"/>
      <c r="G1829" s="74"/>
      <c r="H1829" s="74"/>
      <c r="I1829" s="75"/>
      <c r="J1829" s="74"/>
      <c r="L1829" s="55"/>
      <c r="M1829" s="234"/>
      <c r="N1829" s="65"/>
      <c r="O1829" s="76"/>
      <c r="P1829" s="76"/>
      <c r="Q1829" s="65"/>
      <c r="R1829" s="76"/>
      <c r="S1829" s="76"/>
      <c r="T1829" s="76"/>
      <c r="U1829" s="76"/>
      <c r="V1829" s="76"/>
      <c r="W1829" s="76"/>
      <c r="X1829" s="76"/>
      <c r="Y1829" s="76"/>
      <c r="Z1829" s="76"/>
      <c r="AA1829" s="85"/>
      <c r="AB1829" s="85"/>
      <c r="AC1829" s="85"/>
      <c r="AD1829" s="85"/>
      <c r="AE1829" s="85"/>
      <c r="AF1829" s="85"/>
      <c r="AG1829" s="86"/>
      <c r="AH1829" s="85"/>
      <c r="AI1829" s="85"/>
      <c r="AJ1829" s="85"/>
      <c r="AK1829" s="85"/>
      <c r="AL1829" s="85"/>
      <c r="AM1829" s="92"/>
      <c r="AN1829" s="92"/>
      <c r="AO1829" s="92"/>
      <c r="AP1829" s="92"/>
      <c r="AQ1829" s="92"/>
      <c r="AR1829" s="92"/>
      <c r="AS1829" s="92"/>
      <c r="AT1829" s="92"/>
      <c r="AU1829" s="92"/>
      <c r="AV1829" s="92"/>
      <c r="AW1829" s="92"/>
      <c r="AX1829" s="92"/>
      <c r="AY1829" s="92"/>
      <c r="AZ1829" s="93"/>
      <c r="BA1829" s="93"/>
      <c r="BB1829" s="93"/>
      <c r="BC1829" s="93"/>
      <c r="BD1829" s="93"/>
      <c r="BE1829" s="93"/>
      <c r="BF1829" s="93"/>
      <c r="BG1829" s="93"/>
      <c r="BH1829" s="93"/>
      <c r="BI1829" s="93"/>
      <c r="BJ1829" s="93"/>
      <c r="BK1829" s="93"/>
      <c r="BL1829" s="93"/>
    </row>
    <row r="1830" spans="2:64" x14ac:dyDescent="0.2">
      <c r="B1830" s="43"/>
      <c r="C1830" s="73"/>
      <c r="D1830" s="64"/>
      <c r="E1830" s="55"/>
      <c r="F1830" s="74"/>
      <c r="G1830" s="74"/>
      <c r="H1830" s="74"/>
      <c r="I1830" s="75"/>
      <c r="J1830" s="74"/>
      <c r="L1830" s="55"/>
      <c r="M1830" s="234"/>
      <c r="N1830" s="65"/>
      <c r="O1830" s="76"/>
      <c r="P1830" s="76"/>
      <c r="Q1830" s="65"/>
      <c r="R1830" s="76"/>
      <c r="S1830" s="76"/>
      <c r="T1830" s="76"/>
      <c r="U1830" s="76"/>
      <c r="V1830" s="76"/>
      <c r="W1830" s="76"/>
      <c r="X1830" s="76"/>
      <c r="Y1830" s="76"/>
      <c r="Z1830" s="76"/>
      <c r="AA1830" s="85"/>
      <c r="AB1830" s="85"/>
      <c r="AC1830" s="85"/>
      <c r="AD1830" s="85"/>
      <c r="AE1830" s="85"/>
      <c r="AF1830" s="85"/>
      <c r="AG1830" s="86"/>
      <c r="AH1830" s="85"/>
      <c r="AI1830" s="85"/>
      <c r="AJ1830" s="85"/>
      <c r="AK1830" s="85"/>
      <c r="AL1830" s="85"/>
      <c r="AM1830" s="92"/>
      <c r="AN1830" s="92"/>
      <c r="AO1830" s="92"/>
      <c r="AP1830" s="92"/>
      <c r="AQ1830" s="92"/>
      <c r="AR1830" s="92"/>
      <c r="AS1830" s="92"/>
      <c r="AT1830" s="92"/>
      <c r="AU1830" s="92"/>
      <c r="AV1830" s="92"/>
      <c r="AW1830" s="92"/>
      <c r="AX1830" s="92"/>
      <c r="AY1830" s="92"/>
      <c r="AZ1830" s="93"/>
      <c r="BA1830" s="93"/>
      <c r="BB1830" s="93"/>
      <c r="BC1830" s="93"/>
      <c r="BD1830" s="93"/>
      <c r="BE1830" s="93"/>
      <c r="BF1830" s="93"/>
      <c r="BG1830" s="93"/>
      <c r="BH1830" s="93"/>
      <c r="BI1830" s="93"/>
      <c r="BJ1830" s="93"/>
      <c r="BK1830" s="93"/>
      <c r="BL1830" s="93"/>
    </row>
    <row r="1831" spans="2:64" x14ac:dyDescent="0.2">
      <c r="B1831" s="43"/>
      <c r="C1831" s="73"/>
      <c r="D1831" s="64"/>
      <c r="E1831" s="55"/>
      <c r="F1831" s="74"/>
      <c r="G1831" s="74"/>
      <c r="H1831" s="74"/>
      <c r="I1831" s="75"/>
      <c r="J1831" s="74"/>
      <c r="L1831" s="55"/>
      <c r="M1831" s="234"/>
      <c r="N1831" s="65"/>
      <c r="O1831" s="76"/>
      <c r="P1831" s="76"/>
      <c r="Q1831" s="65"/>
      <c r="R1831" s="76"/>
      <c r="S1831" s="76"/>
      <c r="T1831" s="76"/>
      <c r="U1831" s="76"/>
      <c r="V1831" s="76"/>
      <c r="W1831" s="76"/>
      <c r="X1831" s="76"/>
      <c r="Y1831" s="76"/>
      <c r="Z1831" s="76"/>
      <c r="AA1831" s="85"/>
      <c r="AB1831" s="85"/>
      <c r="AC1831" s="85"/>
      <c r="AD1831" s="85"/>
      <c r="AE1831" s="85"/>
      <c r="AF1831" s="85"/>
      <c r="AG1831" s="86"/>
      <c r="AH1831" s="85"/>
      <c r="AI1831" s="85"/>
      <c r="AJ1831" s="85"/>
      <c r="AK1831" s="85"/>
      <c r="AL1831" s="85"/>
      <c r="AM1831" s="92"/>
      <c r="AN1831" s="92"/>
      <c r="AO1831" s="92"/>
      <c r="AP1831" s="92"/>
      <c r="AQ1831" s="92"/>
      <c r="AR1831" s="92"/>
      <c r="AS1831" s="92"/>
      <c r="AT1831" s="92"/>
      <c r="AU1831" s="92"/>
      <c r="AV1831" s="92"/>
      <c r="AW1831" s="92"/>
      <c r="AX1831" s="92"/>
      <c r="AY1831" s="92"/>
      <c r="AZ1831" s="93"/>
      <c r="BA1831" s="93"/>
      <c r="BB1831" s="93"/>
      <c r="BC1831" s="93"/>
      <c r="BD1831" s="93"/>
      <c r="BE1831" s="93"/>
      <c r="BF1831" s="93"/>
      <c r="BG1831" s="93"/>
      <c r="BH1831" s="93"/>
      <c r="BI1831" s="93"/>
      <c r="BJ1831" s="93"/>
      <c r="BK1831" s="93"/>
      <c r="BL1831" s="93"/>
    </row>
    <row r="1832" spans="2:64" x14ac:dyDescent="0.2">
      <c r="B1832" s="43"/>
      <c r="C1832" s="73"/>
      <c r="D1832" s="64"/>
      <c r="E1832" s="55"/>
      <c r="F1832" s="74"/>
      <c r="G1832" s="74"/>
      <c r="H1832" s="74"/>
      <c r="I1832" s="75"/>
      <c r="J1832" s="74"/>
      <c r="L1832" s="55"/>
      <c r="M1832" s="234"/>
      <c r="N1832" s="65"/>
      <c r="O1832" s="76"/>
      <c r="P1832" s="76"/>
      <c r="Q1832" s="65"/>
      <c r="R1832" s="76"/>
      <c r="S1832" s="76"/>
      <c r="T1832" s="76"/>
      <c r="U1832" s="76"/>
      <c r="V1832" s="76"/>
      <c r="W1832" s="76"/>
      <c r="X1832" s="76"/>
      <c r="Y1832" s="76"/>
      <c r="Z1832" s="76"/>
      <c r="AA1832" s="85"/>
      <c r="AB1832" s="85"/>
      <c r="AC1832" s="85"/>
      <c r="AD1832" s="85"/>
      <c r="AE1832" s="85"/>
      <c r="AF1832" s="85"/>
      <c r="AG1832" s="86"/>
      <c r="AH1832" s="85"/>
      <c r="AI1832" s="85"/>
      <c r="AJ1832" s="85"/>
      <c r="AK1832" s="85"/>
      <c r="AL1832" s="85"/>
      <c r="AM1832" s="92"/>
      <c r="AN1832" s="92"/>
      <c r="AO1832" s="92"/>
      <c r="AP1832" s="92"/>
      <c r="AQ1832" s="92"/>
      <c r="AR1832" s="92"/>
      <c r="AS1832" s="92"/>
      <c r="AT1832" s="92"/>
      <c r="AU1832" s="92"/>
      <c r="AV1832" s="92"/>
      <c r="AW1832" s="92"/>
      <c r="AX1832" s="92"/>
      <c r="AY1832" s="92"/>
      <c r="AZ1832" s="93"/>
      <c r="BA1832" s="93"/>
      <c r="BB1832" s="93"/>
      <c r="BC1832" s="93"/>
      <c r="BD1832" s="93"/>
      <c r="BE1832" s="93"/>
      <c r="BF1832" s="93"/>
      <c r="BG1832" s="93"/>
      <c r="BH1832" s="93"/>
      <c r="BI1832" s="93"/>
      <c r="BJ1832" s="93"/>
      <c r="BK1832" s="93"/>
      <c r="BL1832" s="93"/>
    </row>
    <row r="1833" spans="2:64" x14ac:dyDescent="0.2">
      <c r="B1833" s="43"/>
      <c r="C1833" s="73"/>
      <c r="D1833" s="64"/>
      <c r="E1833" s="55"/>
      <c r="F1833" s="74"/>
      <c r="G1833" s="74"/>
      <c r="H1833" s="74"/>
      <c r="I1833" s="75"/>
      <c r="J1833" s="74"/>
      <c r="L1833" s="55"/>
      <c r="M1833" s="234"/>
      <c r="N1833" s="65"/>
      <c r="O1833" s="76"/>
      <c r="P1833" s="76"/>
      <c r="Q1833" s="65"/>
      <c r="R1833" s="76"/>
      <c r="S1833" s="76"/>
      <c r="T1833" s="76"/>
      <c r="U1833" s="76"/>
      <c r="V1833" s="76"/>
      <c r="W1833" s="76"/>
      <c r="X1833" s="76"/>
      <c r="Y1833" s="76"/>
      <c r="Z1833" s="76"/>
      <c r="AA1833" s="85"/>
      <c r="AB1833" s="85"/>
      <c r="AC1833" s="85"/>
      <c r="AD1833" s="85"/>
      <c r="AE1833" s="85"/>
      <c r="AF1833" s="85"/>
      <c r="AG1833" s="86"/>
      <c r="AH1833" s="85"/>
      <c r="AI1833" s="85"/>
      <c r="AJ1833" s="85"/>
      <c r="AK1833" s="85"/>
      <c r="AL1833" s="85"/>
      <c r="AM1833" s="92"/>
      <c r="AN1833" s="92"/>
      <c r="AO1833" s="92"/>
      <c r="AP1833" s="92"/>
      <c r="AQ1833" s="92"/>
      <c r="AR1833" s="92"/>
      <c r="AS1833" s="92"/>
      <c r="AT1833" s="92"/>
      <c r="AU1833" s="92"/>
      <c r="AV1833" s="92"/>
      <c r="AW1833" s="92"/>
      <c r="AX1833" s="92"/>
      <c r="AY1833" s="92"/>
      <c r="AZ1833" s="93"/>
      <c r="BA1833" s="93"/>
      <c r="BB1833" s="93"/>
      <c r="BC1833" s="93"/>
      <c r="BD1833" s="93"/>
      <c r="BE1833" s="93"/>
      <c r="BF1833" s="93"/>
      <c r="BG1833" s="93"/>
      <c r="BH1833" s="93"/>
      <c r="BI1833" s="93"/>
      <c r="BJ1833" s="93"/>
      <c r="BK1833" s="93"/>
      <c r="BL1833" s="93"/>
    </row>
    <row r="1834" spans="2:64" x14ac:dyDescent="0.2">
      <c r="B1834" s="43"/>
      <c r="C1834" s="73"/>
      <c r="D1834" s="64"/>
      <c r="E1834" s="55"/>
      <c r="F1834" s="74"/>
      <c r="G1834" s="74"/>
      <c r="H1834" s="74"/>
      <c r="I1834" s="75"/>
      <c r="J1834" s="74"/>
      <c r="L1834" s="55"/>
      <c r="M1834" s="234"/>
      <c r="N1834" s="65"/>
      <c r="O1834" s="76"/>
      <c r="P1834" s="76"/>
      <c r="Q1834" s="65"/>
      <c r="R1834" s="76"/>
      <c r="S1834" s="76"/>
      <c r="T1834" s="76"/>
      <c r="U1834" s="76"/>
      <c r="V1834" s="76"/>
      <c r="W1834" s="76"/>
      <c r="X1834" s="76"/>
      <c r="Y1834" s="76"/>
      <c r="Z1834" s="76"/>
      <c r="AA1834" s="85"/>
      <c r="AB1834" s="85"/>
      <c r="AC1834" s="85"/>
      <c r="AD1834" s="85"/>
      <c r="AE1834" s="85"/>
      <c r="AF1834" s="85"/>
      <c r="AG1834" s="86"/>
      <c r="AH1834" s="85"/>
      <c r="AI1834" s="85"/>
      <c r="AJ1834" s="85"/>
      <c r="AK1834" s="85"/>
      <c r="AL1834" s="85"/>
      <c r="AM1834" s="92"/>
      <c r="AN1834" s="92"/>
      <c r="AO1834" s="92"/>
      <c r="AP1834" s="92"/>
      <c r="AQ1834" s="92"/>
      <c r="AR1834" s="92"/>
      <c r="AS1834" s="92"/>
      <c r="AT1834" s="92"/>
      <c r="AU1834" s="92"/>
      <c r="AV1834" s="92"/>
      <c r="AW1834" s="92"/>
      <c r="AX1834" s="92"/>
      <c r="AY1834" s="92"/>
      <c r="AZ1834" s="93"/>
      <c r="BA1834" s="93"/>
      <c r="BB1834" s="93"/>
      <c r="BC1834" s="93"/>
      <c r="BD1834" s="93"/>
      <c r="BE1834" s="93"/>
      <c r="BF1834" s="93"/>
      <c r="BG1834" s="93"/>
      <c r="BH1834" s="93"/>
      <c r="BI1834" s="93"/>
      <c r="BJ1834" s="93"/>
      <c r="BK1834" s="93"/>
      <c r="BL1834" s="93"/>
    </row>
    <row r="1835" spans="2:64" x14ac:dyDescent="0.2">
      <c r="B1835" s="43"/>
      <c r="C1835" s="73"/>
      <c r="D1835" s="64"/>
      <c r="E1835" s="55"/>
      <c r="F1835" s="74"/>
      <c r="G1835" s="74"/>
      <c r="H1835" s="74"/>
      <c r="I1835" s="75"/>
      <c r="J1835" s="74"/>
      <c r="L1835" s="55"/>
      <c r="M1835" s="234"/>
      <c r="N1835" s="65"/>
      <c r="O1835" s="76"/>
      <c r="P1835" s="76"/>
      <c r="Q1835" s="65"/>
      <c r="R1835" s="76"/>
      <c r="S1835" s="76"/>
      <c r="T1835" s="76"/>
      <c r="U1835" s="76"/>
      <c r="V1835" s="76"/>
      <c r="W1835" s="76"/>
      <c r="X1835" s="76"/>
      <c r="Y1835" s="76"/>
      <c r="Z1835" s="76"/>
      <c r="AA1835" s="85"/>
      <c r="AB1835" s="85"/>
      <c r="AC1835" s="85"/>
      <c r="AD1835" s="85"/>
      <c r="AE1835" s="85"/>
      <c r="AF1835" s="85"/>
      <c r="AG1835" s="86"/>
      <c r="AH1835" s="85"/>
      <c r="AI1835" s="85"/>
      <c r="AJ1835" s="85"/>
      <c r="AK1835" s="85"/>
      <c r="AL1835" s="85"/>
      <c r="AM1835" s="92"/>
      <c r="AN1835" s="92"/>
      <c r="AO1835" s="92"/>
      <c r="AP1835" s="92"/>
      <c r="AQ1835" s="92"/>
      <c r="AR1835" s="92"/>
      <c r="AS1835" s="92"/>
      <c r="AT1835" s="92"/>
      <c r="AU1835" s="92"/>
      <c r="AV1835" s="92"/>
      <c r="AW1835" s="92"/>
      <c r="AX1835" s="92"/>
      <c r="AY1835" s="92"/>
      <c r="AZ1835" s="93"/>
      <c r="BA1835" s="93"/>
      <c r="BB1835" s="93"/>
      <c r="BC1835" s="93"/>
      <c r="BD1835" s="93"/>
      <c r="BE1835" s="93"/>
      <c r="BF1835" s="93"/>
      <c r="BG1835" s="93"/>
      <c r="BH1835" s="93"/>
      <c r="BI1835" s="93"/>
      <c r="BJ1835" s="93"/>
      <c r="BK1835" s="93"/>
      <c r="BL1835" s="93"/>
    </row>
    <row r="1836" spans="2:64" x14ac:dyDescent="0.2">
      <c r="B1836" s="43"/>
      <c r="C1836" s="73"/>
      <c r="D1836" s="64"/>
      <c r="E1836" s="55"/>
      <c r="F1836" s="74"/>
      <c r="G1836" s="74"/>
      <c r="H1836" s="74"/>
      <c r="I1836" s="75"/>
      <c r="J1836" s="74"/>
      <c r="L1836" s="55"/>
      <c r="M1836" s="234"/>
      <c r="N1836" s="65"/>
      <c r="O1836" s="76"/>
      <c r="P1836" s="76"/>
      <c r="Q1836" s="65"/>
      <c r="R1836" s="76"/>
      <c r="S1836" s="76"/>
      <c r="T1836" s="76"/>
      <c r="U1836" s="76"/>
      <c r="V1836" s="76"/>
      <c r="W1836" s="76"/>
      <c r="X1836" s="76"/>
      <c r="Y1836" s="76"/>
      <c r="Z1836" s="76"/>
      <c r="AA1836" s="85"/>
      <c r="AB1836" s="85"/>
      <c r="AC1836" s="85"/>
      <c r="AD1836" s="85"/>
      <c r="AE1836" s="85"/>
      <c r="AF1836" s="85"/>
      <c r="AG1836" s="86"/>
      <c r="AH1836" s="85"/>
      <c r="AI1836" s="85"/>
      <c r="AJ1836" s="85"/>
      <c r="AK1836" s="85"/>
      <c r="AL1836" s="85"/>
      <c r="AM1836" s="92"/>
      <c r="AN1836" s="92"/>
      <c r="AO1836" s="92"/>
      <c r="AP1836" s="92"/>
      <c r="AQ1836" s="92"/>
      <c r="AR1836" s="92"/>
      <c r="AS1836" s="92"/>
      <c r="AT1836" s="92"/>
      <c r="AU1836" s="92"/>
      <c r="AV1836" s="92"/>
      <c r="AW1836" s="92"/>
      <c r="AX1836" s="92"/>
      <c r="AY1836" s="92"/>
      <c r="AZ1836" s="93"/>
      <c r="BA1836" s="93"/>
      <c r="BB1836" s="93"/>
      <c r="BC1836" s="93"/>
      <c r="BD1836" s="93"/>
      <c r="BE1836" s="93"/>
      <c r="BF1836" s="93"/>
      <c r="BG1836" s="93"/>
      <c r="BH1836" s="93"/>
      <c r="BI1836" s="93"/>
      <c r="BJ1836" s="93"/>
      <c r="BK1836" s="93"/>
      <c r="BL1836" s="93"/>
    </row>
    <row r="1837" spans="2:64" x14ac:dyDescent="0.2">
      <c r="B1837" s="43"/>
      <c r="C1837" s="73"/>
      <c r="D1837" s="64"/>
      <c r="E1837" s="55"/>
      <c r="F1837" s="74"/>
      <c r="G1837" s="74"/>
      <c r="H1837" s="74"/>
      <c r="I1837" s="75"/>
      <c r="J1837" s="74"/>
      <c r="L1837" s="55"/>
      <c r="M1837" s="234"/>
      <c r="N1837" s="65"/>
      <c r="O1837" s="76"/>
      <c r="P1837" s="76"/>
      <c r="Q1837" s="65"/>
      <c r="R1837" s="76"/>
      <c r="S1837" s="76"/>
      <c r="T1837" s="76"/>
      <c r="U1837" s="76"/>
      <c r="V1837" s="76"/>
      <c r="W1837" s="76"/>
      <c r="X1837" s="76"/>
      <c r="Y1837" s="76"/>
      <c r="Z1837" s="76"/>
      <c r="AA1837" s="85"/>
      <c r="AB1837" s="85"/>
      <c r="AC1837" s="85"/>
      <c r="AD1837" s="85"/>
      <c r="AE1837" s="85"/>
      <c r="AF1837" s="85"/>
      <c r="AG1837" s="86"/>
      <c r="AH1837" s="85"/>
      <c r="AI1837" s="85"/>
      <c r="AJ1837" s="85"/>
      <c r="AK1837" s="85"/>
      <c r="AL1837" s="85"/>
      <c r="AM1837" s="92"/>
      <c r="AN1837" s="92"/>
      <c r="AO1837" s="92"/>
      <c r="AP1837" s="92"/>
      <c r="AQ1837" s="92"/>
      <c r="AR1837" s="92"/>
      <c r="AS1837" s="92"/>
      <c r="AT1837" s="92"/>
      <c r="AU1837" s="92"/>
      <c r="AV1837" s="92"/>
      <c r="AW1837" s="92"/>
      <c r="AX1837" s="92"/>
      <c r="AY1837" s="92"/>
      <c r="AZ1837" s="93"/>
      <c r="BA1837" s="93"/>
      <c r="BB1837" s="93"/>
      <c r="BC1837" s="93"/>
      <c r="BD1837" s="93"/>
      <c r="BE1837" s="93"/>
      <c r="BF1837" s="93"/>
      <c r="BG1837" s="93"/>
      <c r="BH1837" s="93"/>
      <c r="BI1837" s="93"/>
      <c r="BJ1837" s="93"/>
      <c r="BK1837" s="93"/>
      <c r="BL1837" s="93"/>
    </row>
    <row r="1838" spans="2:64" x14ac:dyDescent="0.2">
      <c r="B1838" s="43"/>
      <c r="C1838" s="73"/>
      <c r="D1838" s="64"/>
      <c r="E1838" s="55"/>
      <c r="F1838" s="74"/>
      <c r="G1838" s="74"/>
      <c r="H1838" s="74"/>
      <c r="I1838" s="75"/>
      <c r="J1838" s="74"/>
      <c r="L1838" s="55"/>
      <c r="M1838" s="234"/>
      <c r="N1838" s="65"/>
      <c r="O1838" s="76"/>
      <c r="P1838" s="76"/>
      <c r="Q1838" s="65"/>
      <c r="R1838" s="76"/>
      <c r="S1838" s="76"/>
      <c r="T1838" s="76"/>
      <c r="U1838" s="76"/>
      <c r="V1838" s="76"/>
      <c r="W1838" s="76"/>
      <c r="X1838" s="76"/>
      <c r="Y1838" s="76"/>
      <c r="Z1838" s="76"/>
      <c r="AA1838" s="85"/>
      <c r="AB1838" s="85"/>
      <c r="AC1838" s="85"/>
      <c r="AD1838" s="85"/>
      <c r="AE1838" s="85"/>
      <c r="AF1838" s="85"/>
      <c r="AG1838" s="86"/>
      <c r="AH1838" s="85"/>
      <c r="AI1838" s="85"/>
      <c r="AJ1838" s="85"/>
      <c r="AK1838" s="85"/>
      <c r="AL1838" s="85"/>
      <c r="AM1838" s="92"/>
      <c r="AN1838" s="92"/>
      <c r="AO1838" s="92"/>
      <c r="AP1838" s="92"/>
      <c r="AQ1838" s="92"/>
      <c r="AR1838" s="92"/>
      <c r="AS1838" s="92"/>
      <c r="AT1838" s="92"/>
      <c r="AU1838" s="92"/>
      <c r="AV1838" s="92"/>
      <c r="AW1838" s="92"/>
      <c r="AX1838" s="92"/>
      <c r="AY1838" s="92"/>
      <c r="AZ1838" s="93"/>
      <c r="BA1838" s="93"/>
      <c r="BB1838" s="93"/>
      <c r="BC1838" s="93"/>
      <c r="BD1838" s="93"/>
      <c r="BE1838" s="93"/>
      <c r="BF1838" s="93"/>
      <c r="BG1838" s="93"/>
      <c r="BH1838" s="93"/>
      <c r="BI1838" s="93"/>
      <c r="BJ1838" s="93"/>
      <c r="BK1838" s="93"/>
      <c r="BL1838" s="93"/>
    </row>
    <row r="1839" spans="2:64" x14ac:dyDescent="0.2">
      <c r="B1839" s="43"/>
      <c r="C1839" s="73"/>
      <c r="D1839" s="64"/>
      <c r="E1839" s="55"/>
      <c r="F1839" s="74"/>
      <c r="G1839" s="74"/>
      <c r="H1839" s="74"/>
      <c r="I1839" s="75"/>
      <c r="J1839" s="74"/>
      <c r="L1839" s="55"/>
      <c r="M1839" s="234"/>
      <c r="N1839" s="65"/>
      <c r="O1839" s="76"/>
      <c r="P1839" s="76"/>
      <c r="Q1839" s="65"/>
      <c r="R1839" s="76"/>
      <c r="S1839" s="76"/>
      <c r="T1839" s="76"/>
      <c r="U1839" s="76"/>
      <c r="V1839" s="76"/>
      <c r="W1839" s="76"/>
      <c r="X1839" s="76"/>
      <c r="Y1839" s="76"/>
      <c r="Z1839" s="76"/>
      <c r="AA1839" s="85"/>
      <c r="AB1839" s="85"/>
      <c r="AC1839" s="85"/>
      <c r="AD1839" s="85"/>
      <c r="AE1839" s="85"/>
      <c r="AF1839" s="85"/>
      <c r="AG1839" s="86"/>
      <c r="AH1839" s="85"/>
      <c r="AI1839" s="85"/>
      <c r="AJ1839" s="85"/>
      <c r="AK1839" s="85"/>
      <c r="AL1839" s="85"/>
      <c r="AM1839" s="92"/>
      <c r="AN1839" s="92"/>
      <c r="AO1839" s="92"/>
      <c r="AP1839" s="92"/>
      <c r="AQ1839" s="92"/>
      <c r="AR1839" s="92"/>
      <c r="AS1839" s="92"/>
      <c r="AT1839" s="92"/>
      <c r="AU1839" s="92"/>
      <c r="AV1839" s="92"/>
      <c r="AW1839" s="92"/>
      <c r="AX1839" s="92"/>
      <c r="AY1839" s="92"/>
      <c r="AZ1839" s="93"/>
      <c r="BA1839" s="93"/>
      <c r="BB1839" s="93"/>
      <c r="BC1839" s="93"/>
      <c r="BD1839" s="93"/>
      <c r="BE1839" s="93"/>
      <c r="BF1839" s="93"/>
      <c r="BG1839" s="93"/>
      <c r="BH1839" s="93"/>
      <c r="BI1839" s="93"/>
      <c r="BJ1839" s="93"/>
      <c r="BK1839" s="93"/>
      <c r="BL1839" s="93"/>
    </row>
    <row r="1840" spans="2:64" x14ac:dyDescent="0.2">
      <c r="B1840" s="43"/>
      <c r="C1840" s="73"/>
      <c r="D1840" s="64"/>
      <c r="E1840" s="55"/>
      <c r="F1840" s="74"/>
      <c r="G1840" s="74"/>
      <c r="H1840" s="74"/>
      <c r="I1840" s="75"/>
      <c r="J1840" s="74"/>
      <c r="L1840" s="55"/>
      <c r="M1840" s="234"/>
      <c r="N1840" s="65"/>
      <c r="O1840" s="76"/>
      <c r="P1840" s="76"/>
      <c r="Q1840" s="65"/>
      <c r="R1840" s="76"/>
      <c r="S1840" s="76"/>
      <c r="T1840" s="76"/>
      <c r="U1840" s="76"/>
      <c r="V1840" s="76"/>
      <c r="W1840" s="76"/>
      <c r="X1840" s="76"/>
      <c r="Y1840" s="76"/>
      <c r="Z1840" s="76"/>
      <c r="AA1840" s="85"/>
      <c r="AB1840" s="85"/>
      <c r="AC1840" s="85"/>
      <c r="AD1840" s="85"/>
      <c r="AE1840" s="85"/>
      <c r="AF1840" s="85"/>
      <c r="AG1840" s="86"/>
      <c r="AH1840" s="85"/>
      <c r="AI1840" s="85"/>
      <c r="AJ1840" s="85"/>
      <c r="AK1840" s="85"/>
      <c r="AL1840" s="85"/>
      <c r="AM1840" s="92"/>
      <c r="AN1840" s="92"/>
      <c r="AO1840" s="92"/>
      <c r="AP1840" s="92"/>
      <c r="AQ1840" s="92"/>
      <c r="AR1840" s="92"/>
      <c r="AS1840" s="92"/>
      <c r="AT1840" s="92"/>
      <c r="AU1840" s="92"/>
      <c r="AV1840" s="92"/>
      <c r="AW1840" s="92"/>
      <c r="AX1840" s="92"/>
      <c r="AY1840" s="92"/>
      <c r="AZ1840" s="93"/>
      <c r="BA1840" s="93"/>
      <c r="BB1840" s="93"/>
      <c r="BC1840" s="93"/>
      <c r="BD1840" s="93"/>
      <c r="BE1840" s="93"/>
      <c r="BF1840" s="93"/>
      <c r="BG1840" s="93"/>
      <c r="BH1840" s="93"/>
      <c r="BI1840" s="93"/>
      <c r="BJ1840" s="93"/>
      <c r="BK1840" s="93"/>
      <c r="BL1840" s="93"/>
    </row>
    <row r="1841" spans="2:64" x14ac:dyDescent="0.2">
      <c r="B1841" s="43"/>
      <c r="C1841" s="73"/>
      <c r="D1841" s="64"/>
      <c r="E1841" s="55"/>
      <c r="F1841" s="74"/>
      <c r="G1841" s="74"/>
      <c r="H1841" s="74"/>
      <c r="I1841" s="75"/>
      <c r="J1841" s="74"/>
      <c r="L1841" s="55"/>
      <c r="M1841" s="234"/>
      <c r="N1841" s="65"/>
      <c r="O1841" s="76"/>
      <c r="P1841" s="76"/>
      <c r="Q1841" s="65"/>
      <c r="R1841" s="76"/>
      <c r="S1841" s="76"/>
      <c r="T1841" s="76"/>
      <c r="U1841" s="76"/>
      <c r="V1841" s="76"/>
      <c r="W1841" s="76"/>
      <c r="X1841" s="76"/>
      <c r="Y1841" s="76"/>
      <c r="Z1841" s="76"/>
      <c r="AA1841" s="85"/>
      <c r="AB1841" s="85"/>
      <c r="AC1841" s="85"/>
      <c r="AD1841" s="85"/>
      <c r="AE1841" s="85"/>
      <c r="AF1841" s="85"/>
      <c r="AG1841" s="86"/>
      <c r="AH1841" s="85"/>
      <c r="AI1841" s="85"/>
      <c r="AJ1841" s="85"/>
      <c r="AK1841" s="85"/>
      <c r="AL1841" s="85"/>
      <c r="AM1841" s="92"/>
      <c r="AN1841" s="92"/>
      <c r="AO1841" s="92"/>
      <c r="AP1841" s="92"/>
      <c r="AQ1841" s="92"/>
      <c r="AR1841" s="92"/>
      <c r="AS1841" s="92"/>
      <c r="AT1841" s="92"/>
      <c r="AU1841" s="92"/>
      <c r="AV1841" s="92"/>
      <c r="AW1841" s="92"/>
      <c r="AX1841" s="92"/>
      <c r="AY1841" s="92"/>
      <c r="AZ1841" s="93"/>
      <c r="BA1841" s="93"/>
      <c r="BB1841" s="93"/>
      <c r="BC1841" s="93"/>
      <c r="BD1841" s="93"/>
      <c r="BE1841" s="93"/>
      <c r="BF1841" s="93"/>
      <c r="BG1841" s="93"/>
      <c r="BH1841" s="93"/>
      <c r="BI1841" s="93"/>
      <c r="BJ1841" s="93"/>
      <c r="BK1841" s="93"/>
      <c r="BL1841" s="93"/>
    </row>
    <row r="1842" spans="2:64" x14ac:dyDescent="0.2">
      <c r="B1842" s="43"/>
      <c r="C1842" s="73"/>
      <c r="D1842" s="64"/>
      <c r="E1842" s="55"/>
      <c r="F1842" s="74"/>
      <c r="G1842" s="74"/>
      <c r="H1842" s="74"/>
      <c r="I1842" s="75"/>
      <c r="J1842" s="74"/>
      <c r="L1842" s="55"/>
      <c r="M1842" s="234"/>
      <c r="N1842" s="65"/>
      <c r="O1842" s="76"/>
      <c r="P1842" s="76"/>
      <c r="Q1842" s="65"/>
      <c r="R1842" s="76"/>
      <c r="S1842" s="76"/>
      <c r="T1842" s="76"/>
      <c r="U1842" s="76"/>
      <c r="V1842" s="76"/>
      <c r="W1842" s="76"/>
      <c r="X1842" s="76"/>
      <c r="Y1842" s="76"/>
      <c r="Z1842" s="76"/>
      <c r="AA1842" s="85"/>
      <c r="AB1842" s="85"/>
      <c r="AC1842" s="85"/>
      <c r="AD1842" s="85"/>
      <c r="AE1842" s="85"/>
      <c r="AF1842" s="85"/>
      <c r="AG1842" s="86"/>
      <c r="AH1842" s="85"/>
      <c r="AI1842" s="85"/>
      <c r="AJ1842" s="85"/>
      <c r="AK1842" s="85"/>
      <c r="AL1842" s="85"/>
      <c r="AM1842" s="92"/>
      <c r="AN1842" s="92"/>
      <c r="AO1842" s="92"/>
      <c r="AP1842" s="92"/>
      <c r="AQ1842" s="92"/>
      <c r="AR1842" s="92"/>
      <c r="AS1842" s="92"/>
      <c r="AT1842" s="92"/>
      <c r="AU1842" s="92"/>
      <c r="AV1842" s="92"/>
      <c r="AW1842" s="92"/>
      <c r="AX1842" s="92"/>
      <c r="AY1842" s="92"/>
      <c r="AZ1842" s="93"/>
      <c r="BA1842" s="93"/>
      <c r="BB1842" s="93"/>
      <c r="BC1842" s="93"/>
      <c r="BD1842" s="93"/>
      <c r="BE1842" s="93"/>
      <c r="BF1842" s="93"/>
      <c r="BG1842" s="93"/>
      <c r="BH1842" s="93"/>
      <c r="BI1842" s="93"/>
      <c r="BJ1842" s="93"/>
      <c r="BK1842" s="93"/>
      <c r="BL1842" s="93"/>
    </row>
    <row r="1843" spans="2:64" x14ac:dyDescent="0.2">
      <c r="B1843" s="43"/>
      <c r="C1843" s="73"/>
      <c r="D1843" s="64"/>
      <c r="E1843" s="55"/>
      <c r="F1843" s="74"/>
      <c r="G1843" s="74"/>
      <c r="H1843" s="74"/>
      <c r="I1843" s="75"/>
      <c r="J1843" s="74"/>
      <c r="L1843" s="55"/>
      <c r="M1843" s="234"/>
      <c r="N1843" s="65"/>
      <c r="O1843" s="76"/>
      <c r="P1843" s="76"/>
      <c r="Q1843" s="65"/>
      <c r="R1843" s="76"/>
      <c r="S1843" s="76"/>
      <c r="T1843" s="76"/>
      <c r="U1843" s="76"/>
      <c r="V1843" s="76"/>
      <c r="W1843" s="76"/>
      <c r="X1843" s="76"/>
      <c r="Y1843" s="76"/>
      <c r="Z1843" s="76"/>
      <c r="AA1843" s="85"/>
      <c r="AB1843" s="85"/>
      <c r="AC1843" s="85"/>
      <c r="AD1843" s="85"/>
      <c r="AE1843" s="85"/>
      <c r="AF1843" s="85"/>
      <c r="AG1843" s="86"/>
      <c r="AH1843" s="85"/>
      <c r="AI1843" s="85"/>
      <c r="AJ1843" s="85"/>
      <c r="AK1843" s="85"/>
      <c r="AL1843" s="85"/>
      <c r="AM1843" s="92"/>
      <c r="AN1843" s="92"/>
      <c r="AO1843" s="92"/>
      <c r="AP1843" s="92"/>
      <c r="AQ1843" s="92"/>
      <c r="AR1843" s="92"/>
      <c r="AS1843" s="92"/>
      <c r="AT1843" s="92"/>
      <c r="AU1843" s="92"/>
      <c r="AV1843" s="92"/>
      <c r="AW1843" s="92"/>
      <c r="AX1843" s="92"/>
      <c r="AY1843" s="92"/>
      <c r="AZ1843" s="93"/>
      <c r="BA1843" s="93"/>
      <c r="BB1843" s="93"/>
      <c r="BC1843" s="93"/>
      <c r="BD1843" s="93"/>
      <c r="BE1843" s="93"/>
      <c r="BF1843" s="93"/>
      <c r="BG1843" s="93"/>
      <c r="BH1843" s="93"/>
      <c r="BI1843" s="93"/>
      <c r="BJ1843" s="93"/>
      <c r="BK1843" s="93"/>
      <c r="BL1843" s="93"/>
    </row>
    <row r="1844" spans="2:64" x14ac:dyDescent="0.2">
      <c r="B1844" s="43"/>
      <c r="C1844" s="73"/>
      <c r="D1844" s="64"/>
      <c r="E1844" s="55"/>
      <c r="F1844" s="74"/>
      <c r="G1844" s="74"/>
      <c r="H1844" s="74"/>
      <c r="I1844" s="75"/>
      <c r="J1844" s="74"/>
      <c r="L1844" s="55"/>
      <c r="M1844" s="234"/>
      <c r="N1844" s="65"/>
      <c r="O1844" s="76"/>
      <c r="P1844" s="76"/>
      <c r="Q1844" s="65"/>
      <c r="R1844" s="76"/>
      <c r="S1844" s="76"/>
      <c r="T1844" s="76"/>
      <c r="U1844" s="76"/>
      <c r="V1844" s="76"/>
      <c r="W1844" s="76"/>
      <c r="X1844" s="76"/>
      <c r="Y1844" s="76"/>
      <c r="Z1844" s="76"/>
      <c r="AA1844" s="85"/>
      <c r="AB1844" s="85"/>
      <c r="AC1844" s="85"/>
      <c r="AD1844" s="85"/>
      <c r="AE1844" s="85"/>
      <c r="AF1844" s="85"/>
      <c r="AG1844" s="86"/>
      <c r="AH1844" s="85"/>
      <c r="AI1844" s="85"/>
      <c r="AJ1844" s="85"/>
      <c r="AK1844" s="85"/>
      <c r="AL1844" s="85"/>
      <c r="AM1844" s="92"/>
      <c r="AN1844" s="92"/>
      <c r="AO1844" s="92"/>
      <c r="AP1844" s="92"/>
      <c r="AQ1844" s="92"/>
      <c r="AR1844" s="92"/>
      <c r="AS1844" s="92"/>
      <c r="AT1844" s="92"/>
      <c r="AU1844" s="92"/>
      <c r="AV1844" s="92"/>
      <c r="AW1844" s="92"/>
      <c r="AX1844" s="92"/>
      <c r="AY1844" s="92"/>
      <c r="AZ1844" s="93"/>
      <c r="BA1844" s="93"/>
      <c r="BB1844" s="93"/>
      <c r="BC1844" s="93"/>
      <c r="BD1844" s="93"/>
      <c r="BE1844" s="93"/>
      <c r="BF1844" s="93"/>
      <c r="BG1844" s="93"/>
      <c r="BH1844" s="93"/>
      <c r="BI1844" s="93"/>
      <c r="BJ1844" s="93"/>
      <c r="BK1844" s="93"/>
      <c r="BL1844" s="93"/>
    </row>
    <row r="1845" spans="2:64" x14ac:dyDescent="0.2">
      <c r="B1845" s="43"/>
      <c r="C1845" s="73"/>
      <c r="D1845" s="64"/>
      <c r="E1845" s="55"/>
      <c r="F1845" s="74"/>
      <c r="G1845" s="74"/>
      <c r="H1845" s="74"/>
      <c r="I1845" s="75"/>
      <c r="J1845" s="74"/>
      <c r="L1845" s="55"/>
      <c r="M1845" s="234"/>
      <c r="N1845" s="65"/>
      <c r="O1845" s="76"/>
      <c r="P1845" s="76"/>
      <c r="Q1845" s="65"/>
      <c r="R1845" s="76"/>
      <c r="S1845" s="76"/>
      <c r="T1845" s="76"/>
      <c r="U1845" s="76"/>
      <c r="V1845" s="76"/>
      <c r="W1845" s="76"/>
      <c r="X1845" s="76"/>
      <c r="Y1845" s="76"/>
      <c r="Z1845" s="76"/>
      <c r="AA1845" s="85"/>
      <c r="AB1845" s="85"/>
      <c r="AC1845" s="85"/>
      <c r="AD1845" s="85"/>
      <c r="AE1845" s="85"/>
      <c r="AF1845" s="85"/>
      <c r="AG1845" s="86"/>
      <c r="AH1845" s="85"/>
      <c r="AI1845" s="85"/>
      <c r="AJ1845" s="85"/>
      <c r="AK1845" s="85"/>
      <c r="AL1845" s="85"/>
      <c r="AM1845" s="92"/>
      <c r="AN1845" s="92"/>
      <c r="AO1845" s="92"/>
      <c r="AP1845" s="92"/>
      <c r="AQ1845" s="92"/>
      <c r="AR1845" s="92"/>
      <c r="AS1845" s="92"/>
      <c r="AT1845" s="92"/>
      <c r="AU1845" s="92"/>
      <c r="AV1845" s="92"/>
      <c r="AW1845" s="92"/>
      <c r="AX1845" s="92"/>
      <c r="AY1845" s="92"/>
      <c r="AZ1845" s="93"/>
      <c r="BA1845" s="93"/>
      <c r="BB1845" s="93"/>
      <c r="BC1845" s="93"/>
      <c r="BD1845" s="93"/>
      <c r="BE1845" s="93"/>
      <c r="BF1845" s="93"/>
      <c r="BG1845" s="93"/>
      <c r="BH1845" s="93"/>
      <c r="BI1845" s="93"/>
      <c r="BJ1845" s="93"/>
      <c r="BK1845" s="93"/>
      <c r="BL1845" s="93"/>
    </row>
    <row r="1846" spans="2:64" x14ac:dyDescent="0.2">
      <c r="B1846" s="43"/>
      <c r="C1846" s="73"/>
      <c r="D1846" s="64"/>
      <c r="E1846" s="55"/>
      <c r="F1846" s="74"/>
      <c r="G1846" s="74"/>
      <c r="H1846" s="74"/>
      <c r="I1846" s="75"/>
      <c r="J1846" s="74"/>
      <c r="L1846" s="55"/>
      <c r="M1846" s="234"/>
      <c r="N1846" s="65"/>
      <c r="O1846" s="76"/>
      <c r="P1846" s="76"/>
      <c r="Q1846" s="65"/>
      <c r="R1846" s="76"/>
      <c r="S1846" s="76"/>
      <c r="T1846" s="76"/>
      <c r="U1846" s="76"/>
      <c r="V1846" s="76"/>
      <c r="W1846" s="76"/>
      <c r="X1846" s="76"/>
      <c r="Y1846" s="76"/>
      <c r="Z1846" s="76"/>
      <c r="AA1846" s="85"/>
      <c r="AB1846" s="85"/>
      <c r="AC1846" s="85"/>
      <c r="AD1846" s="85"/>
      <c r="AE1846" s="85"/>
      <c r="AF1846" s="85"/>
      <c r="AG1846" s="86"/>
      <c r="AH1846" s="85"/>
      <c r="AI1846" s="85"/>
      <c r="AJ1846" s="85"/>
      <c r="AK1846" s="85"/>
      <c r="AL1846" s="85"/>
      <c r="AM1846" s="92"/>
      <c r="AN1846" s="92"/>
      <c r="AO1846" s="92"/>
      <c r="AP1846" s="92"/>
      <c r="AQ1846" s="92"/>
      <c r="AR1846" s="92"/>
      <c r="AS1846" s="92"/>
      <c r="AT1846" s="92"/>
      <c r="AU1846" s="92"/>
      <c r="AV1846" s="92"/>
      <c r="AW1846" s="92"/>
      <c r="AX1846" s="92"/>
      <c r="AY1846" s="92"/>
      <c r="AZ1846" s="93"/>
      <c r="BA1846" s="93"/>
      <c r="BB1846" s="93"/>
      <c r="BC1846" s="93"/>
      <c r="BD1846" s="93"/>
      <c r="BE1846" s="93"/>
      <c r="BF1846" s="93"/>
      <c r="BG1846" s="93"/>
      <c r="BH1846" s="93"/>
      <c r="BI1846" s="93"/>
      <c r="BJ1846" s="93"/>
      <c r="BK1846" s="93"/>
      <c r="BL1846" s="93"/>
    </row>
    <row r="1847" spans="2:64" x14ac:dyDescent="0.2">
      <c r="B1847" s="43"/>
      <c r="C1847" s="73"/>
      <c r="D1847" s="64"/>
      <c r="E1847" s="55"/>
      <c r="F1847" s="74"/>
      <c r="G1847" s="74"/>
      <c r="H1847" s="74"/>
      <c r="I1847" s="75"/>
      <c r="J1847" s="74"/>
      <c r="L1847" s="55"/>
      <c r="M1847" s="234"/>
      <c r="N1847" s="65"/>
      <c r="O1847" s="76"/>
      <c r="P1847" s="76"/>
      <c r="Q1847" s="65"/>
      <c r="R1847" s="76"/>
      <c r="S1847" s="76"/>
      <c r="T1847" s="76"/>
      <c r="U1847" s="76"/>
      <c r="V1847" s="76"/>
      <c r="W1847" s="76"/>
      <c r="X1847" s="76"/>
      <c r="Y1847" s="76"/>
      <c r="Z1847" s="76"/>
      <c r="AA1847" s="85"/>
      <c r="AB1847" s="85"/>
      <c r="AC1847" s="85"/>
      <c r="AD1847" s="85"/>
      <c r="AE1847" s="85"/>
      <c r="AF1847" s="85"/>
      <c r="AG1847" s="86"/>
      <c r="AH1847" s="85"/>
      <c r="AI1847" s="85"/>
      <c r="AJ1847" s="85"/>
      <c r="AK1847" s="85"/>
      <c r="AL1847" s="85"/>
      <c r="AM1847" s="92"/>
      <c r="AN1847" s="92"/>
      <c r="AO1847" s="92"/>
      <c r="AP1847" s="92"/>
      <c r="AQ1847" s="92"/>
      <c r="AR1847" s="92"/>
      <c r="AS1847" s="92"/>
      <c r="AT1847" s="92"/>
      <c r="AU1847" s="92"/>
      <c r="AV1847" s="92"/>
      <c r="AW1847" s="92"/>
      <c r="AX1847" s="92"/>
      <c r="AY1847" s="92"/>
      <c r="AZ1847" s="93"/>
      <c r="BA1847" s="93"/>
      <c r="BB1847" s="93"/>
      <c r="BC1847" s="93"/>
      <c r="BD1847" s="93"/>
      <c r="BE1847" s="93"/>
      <c r="BF1847" s="93"/>
      <c r="BG1847" s="93"/>
      <c r="BH1847" s="93"/>
      <c r="BI1847" s="93"/>
      <c r="BJ1847" s="93"/>
      <c r="BK1847" s="93"/>
      <c r="BL1847" s="93"/>
    </row>
    <row r="1848" spans="2:64" x14ac:dyDescent="0.2">
      <c r="B1848" s="43"/>
      <c r="C1848" s="73"/>
      <c r="D1848" s="64"/>
      <c r="E1848" s="55"/>
      <c r="F1848" s="74"/>
      <c r="G1848" s="74"/>
      <c r="H1848" s="74"/>
      <c r="I1848" s="75"/>
      <c r="J1848" s="74"/>
      <c r="L1848" s="55"/>
      <c r="M1848" s="234"/>
      <c r="N1848" s="65"/>
      <c r="O1848" s="76"/>
      <c r="P1848" s="76"/>
      <c r="Q1848" s="65"/>
      <c r="R1848" s="76"/>
      <c r="S1848" s="76"/>
      <c r="T1848" s="76"/>
      <c r="U1848" s="76"/>
      <c r="V1848" s="76"/>
      <c r="W1848" s="76"/>
      <c r="X1848" s="76"/>
      <c r="Y1848" s="76"/>
      <c r="Z1848" s="76"/>
      <c r="AA1848" s="85"/>
      <c r="AB1848" s="85"/>
      <c r="AC1848" s="85"/>
      <c r="AD1848" s="85"/>
      <c r="AE1848" s="85"/>
      <c r="AF1848" s="85"/>
      <c r="AG1848" s="86"/>
      <c r="AH1848" s="85"/>
      <c r="AI1848" s="85"/>
      <c r="AJ1848" s="85"/>
      <c r="AK1848" s="85"/>
      <c r="AL1848" s="85"/>
      <c r="AM1848" s="92"/>
      <c r="AN1848" s="92"/>
      <c r="AO1848" s="92"/>
      <c r="AP1848" s="92"/>
      <c r="AQ1848" s="92"/>
      <c r="AR1848" s="92"/>
      <c r="AS1848" s="92"/>
      <c r="AT1848" s="92"/>
      <c r="AU1848" s="92"/>
      <c r="AV1848" s="92"/>
      <c r="AW1848" s="92"/>
      <c r="AX1848" s="92"/>
      <c r="AY1848" s="92"/>
      <c r="AZ1848" s="93"/>
      <c r="BA1848" s="93"/>
      <c r="BB1848" s="93"/>
      <c r="BC1848" s="93"/>
      <c r="BD1848" s="93"/>
      <c r="BE1848" s="93"/>
      <c r="BF1848" s="93"/>
      <c r="BG1848" s="93"/>
      <c r="BH1848" s="93"/>
      <c r="BI1848" s="93"/>
      <c r="BJ1848" s="93"/>
      <c r="BK1848" s="93"/>
      <c r="BL1848" s="93"/>
    </row>
    <row r="1849" spans="2:64" x14ac:dyDescent="0.2">
      <c r="B1849" s="43"/>
      <c r="C1849" s="73"/>
      <c r="D1849" s="64"/>
      <c r="E1849" s="55"/>
      <c r="F1849" s="74"/>
      <c r="G1849" s="74"/>
      <c r="H1849" s="74"/>
      <c r="I1849" s="75"/>
      <c r="J1849" s="74"/>
      <c r="L1849" s="55"/>
      <c r="M1849" s="234"/>
      <c r="N1849" s="65"/>
      <c r="O1849" s="76"/>
      <c r="P1849" s="76"/>
      <c r="Q1849" s="65"/>
      <c r="R1849" s="76"/>
      <c r="S1849" s="76"/>
      <c r="T1849" s="76"/>
      <c r="U1849" s="76"/>
      <c r="V1849" s="76"/>
      <c r="W1849" s="76"/>
      <c r="X1849" s="76"/>
      <c r="Y1849" s="76"/>
      <c r="Z1849" s="76"/>
      <c r="AA1849" s="85"/>
      <c r="AB1849" s="85"/>
      <c r="AC1849" s="85"/>
      <c r="AD1849" s="85"/>
      <c r="AE1849" s="85"/>
      <c r="AF1849" s="85"/>
      <c r="AG1849" s="86"/>
      <c r="AH1849" s="85"/>
      <c r="AI1849" s="85"/>
      <c r="AJ1849" s="85"/>
      <c r="AK1849" s="85"/>
      <c r="AL1849" s="85"/>
      <c r="AM1849" s="92"/>
      <c r="AN1849" s="92"/>
      <c r="AO1849" s="92"/>
      <c r="AP1849" s="92"/>
      <c r="AQ1849" s="92"/>
      <c r="AR1849" s="92"/>
      <c r="AS1849" s="92"/>
      <c r="AT1849" s="92"/>
      <c r="AU1849" s="92"/>
      <c r="AV1849" s="92"/>
      <c r="AW1849" s="92"/>
      <c r="AX1849" s="92"/>
      <c r="AY1849" s="92"/>
      <c r="AZ1849" s="93"/>
      <c r="BA1849" s="93"/>
      <c r="BB1849" s="93"/>
      <c r="BC1849" s="93"/>
      <c r="BD1849" s="93"/>
      <c r="BE1849" s="93"/>
      <c r="BF1849" s="93"/>
      <c r="BG1849" s="93"/>
      <c r="BH1849" s="93"/>
      <c r="BI1849" s="93"/>
      <c r="BJ1849" s="93"/>
      <c r="BK1849" s="93"/>
      <c r="BL1849" s="93"/>
    </row>
    <row r="1850" spans="2:64" x14ac:dyDescent="0.2">
      <c r="B1850" s="43"/>
      <c r="C1850" s="73"/>
      <c r="D1850" s="64"/>
      <c r="E1850" s="55"/>
      <c r="F1850" s="74"/>
      <c r="G1850" s="74"/>
      <c r="H1850" s="74"/>
      <c r="I1850" s="75"/>
      <c r="J1850" s="74"/>
      <c r="L1850" s="55"/>
      <c r="M1850" s="234"/>
      <c r="N1850" s="65"/>
      <c r="O1850" s="76"/>
      <c r="P1850" s="76"/>
      <c r="Q1850" s="65"/>
      <c r="R1850" s="76"/>
      <c r="S1850" s="76"/>
      <c r="T1850" s="76"/>
      <c r="U1850" s="76"/>
      <c r="V1850" s="76"/>
      <c r="W1850" s="76"/>
      <c r="X1850" s="76"/>
      <c r="Y1850" s="76"/>
      <c r="Z1850" s="76"/>
      <c r="AA1850" s="85"/>
      <c r="AB1850" s="85"/>
      <c r="AC1850" s="85"/>
      <c r="AD1850" s="85"/>
      <c r="AE1850" s="85"/>
      <c r="AF1850" s="85"/>
      <c r="AG1850" s="86"/>
      <c r="AH1850" s="85"/>
      <c r="AI1850" s="85"/>
      <c r="AJ1850" s="85"/>
      <c r="AK1850" s="85"/>
      <c r="AL1850" s="85"/>
      <c r="AM1850" s="92"/>
      <c r="AN1850" s="92"/>
      <c r="AO1850" s="92"/>
      <c r="AP1850" s="92"/>
      <c r="AQ1850" s="92"/>
      <c r="AR1850" s="92"/>
      <c r="AS1850" s="92"/>
      <c r="AT1850" s="92"/>
      <c r="AU1850" s="92"/>
      <c r="AV1850" s="92"/>
      <c r="AW1850" s="92"/>
      <c r="AX1850" s="92"/>
      <c r="AY1850" s="92"/>
      <c r="AZ1850" s="93"/>
      <c r="BA1850" s="93"/>
      <c r="BB1850" s="93"/>
      <c r="BC1850" s="93"/>
      <c r="BD1850" s="93"/>
      <c r="BE1850" s="93"/>
      <c r="BF1850" s="93"/>
      <c r="BG1850" s="93"/>
      <c r="BH1850" s="93"/>
      <c r="BI1850" s="93"/>
      <c r="BJ1850" s="93"/>
      <c r="BK1850" s="93"/>
      <c r="BL1850" s="93"/>
    </row>
    <row r="1851" spans="2:64" x14ac:dyDescent="0.2">
      <c r="B1851" s="43"/>
      <c r="C1851" s="73"/>
      <c r="D1851" s="64"/>
      <c r="E1851" s="55"/>
      <c r="F1851" s="74"/>
      <c r="G1851" s="74"/>
      <c r="H1851" s="74"/>
      <c r="I1851" s="75"/>
      <c r="J1851" s="74"/>
      <c r="L1851" s="55"/>
      <c r="M1851" s="234"/>
      <c r="N1851" s="65"/>
      <c r="O1851" s="76"/>
      <c r="P1851" s="76"/>
      <c r="Q1851" s="65"/>
      <c r="R1851" s="76"/>
      <c r="S1851" s="76"/>
      <c r="T1851" s="76"/>
      <c r="U1851" s="76"/>
      <c r="V1851" s="76"/>
      <c r="W1851" s="76"/>
      <c r="X1851" s="76"/>
      <c r="Y1851" s="76"/>
      <c r="Z1851" s="76"/>
      <c r="AA1851" s="85"/>
      <c r="AB1851" s="85"/>
      <c r="AC1851" s="85"/>
      <c r="AD1851" s="85"/>
      <c r="AE1851" s="85"/>
      <c r="AF1851" s="85"/>
      <c r="AG1851" s="86"/>
      <c r="AH1851" s="85"/>
      <c r="AI1851" s="85"/>
      <c r="AJ1851" s="85"/>
      <c r="AK1851" s="85"/>
      <c r="AL1851" s="85"/>
      <c r="AM1851" s="92"/>
      <c r="AN1851" s="92"/>
      <c r="AO1851" s="92"/>
      <c r="AP1851" s="92"/>
      <c r="AQ1851" s="92"/>
      <c r="AR1851" s="92"/>
      <c r="AS1851" s="92"/>
      <c r="AT1851" s="92"/>
      <c r="AU1851" s="92"/>
      <c r="AV1851" s="92"/>
      <c r="AW1851" s="92"/>
      <c r="AX1851" s="92"/>
      <c r="AY1851" s="92"/>
      <c r="AZ1851" s="93"/>
      <c r="BA1851" s="93"/>
      <c r="BB1851" s="93"/>
      <c r="BC1851" s="93"/>
      <c r="BD1851" s="93"/>
      <c r="BE1851" s="93"/>
      <c r="BF1851" s="93"/>
      <c r="BG1851" s="93"/>
      <c r="BH1851" s="93"/>
      <c r="BI1851" s="93"/>
      <c r="BJ1851" s="93"/>
      <c r="BK1851" s="93"/>
      <c r="BL1851" s="93"/>
    </row>
    <row r="1852" spans="2:64" x14ac:dyDescent="0.2">
      <c r="B1852" s="43"/>
      <c r="C1852" s="73"/>
      <c r="D1852" s="64"/>
      <c r="E1852" s="55"/>
      <c r="F1852" s="74"/>
      <c r="G1852" s="74"/>
      <c r="H1852" s="74"/>
      <c r="I1852" s="75"/>
      <c r="J1852" s="74"/>
      <c r="L1852" s="55"/>
      <c r="M1852" s="234"/>
      <c r="N1852" s="65"/>
      <c r="O1852" s="76"/>
      <c r="P1852" s="76"/>
      <c r="Q1852" s="65"/>
      <c r="R1852" s="76"/>
      <c r="S1852" s="76"/>
      <c r="T1852" s="76"/>
      <c r="U1852" s="76"/>
      <c r="V1852" s="76"/>
      <c r="W1852" s="76"/>
      <c r="X1852" s="76"/>
      <c r="Y1852" s="76"/>
      <c r="Z1852" s="76"/>
      <c r="AA1852" s="85"/>
      <c r="AB1852" s="85"/>
      <c r="AC1852" s="85"/>
      <c r="AD1852" s="85"/>
      <c r="AE1852" s="85"/>
      <c r="AF1852" s="85"/>
      <c r="AG1852" s="86"/>
      <c r="AH1852" s="85"/>
      <c r="AI1852" s="85"/>
      <c r="AJ1852" s="85"/>
      <c r="AK1852" s="85"/>
      <c r="AL1852" s="85"/>
      <c r="AM1852" s="92"/>
      <c r="AN1852" s="92"/>
      <c r="AO1852" s="92"/>
      <c r="AP1852" s="92"/>
      <c r="AQ1852" s="92"/>
      <c r="AR1852" s="92"/>
      <c r="AS1852" s="92"/>
      <c r="AT1852" s="92"/>
      <c r="AU1852" s="92"/>
      <c r="AV1852" s="92"/>
      <c r="AW1852" s="92"/>
      <c r="AX1852" s="92"/>
      <c r="AY1852" s="92"/>
      <c r="AZ1852" s="93"/>
      <c r="BA1852" s="93"/>
      <c r="BB1852" s="93"/>
      <c r="BC1852" s="93"/>
      <c r="BD1852" s="93"/>
      <c r="BE1852" s="93"/>
      <c r="BF1852" s="93"/>
      <c r="BG1852" s="93"/>
      <c r="BH1852" s="93"/>
      <c r="BI1852" s="93"/>
      <c r="BJ1852" s="93"/>
      <c r="BK1852" s="93"/>
      <c r="BL1852" s="93"/>
    </row>
    <row r="1853" spans="2:64" x14ac:dyDescent="0.2">
      <c r="B1853" s="43"/>
      <c r="C1853" s="73"/>
      <c r="D1853" s="64"/>
      <c r="E1853" s="55"/>
      <c r="F1853" s="74"/>
      <c r="G1853" s="74"/>
      <c r="H1853" s="74"/>
      <c r="I1853" s="75"/>
      <c r="J1853" s="74"/>
      <c r="L1853" s="55"/>
      <c r="M1853" s="234"/>
      <c r="N1853" s="65"/>
      <c r="O1853" s="76"/>
      <c r="P1853" s="76"/>
      <c r="Q1853" s="65"/>
      <c r="R1853" s="76"/>
      <c r="S1853" s="76"/>
      <c r="T1853" s="76"/>
      <c r="U1853" s="76"/>
      <c r="V1853" s="76"/>
      <c r="W1853" s="76"/>
      <c r="X1853" s="76"/>
      <c r="Y1853" s="76"/>
      <c r="Z1853" s="76"/>
      <c r="AA1853" s="85"/>
      <c r="AB1853" s="85"/>
      <c r="AC1853" s="85"/>
      <c r="AD1853" s="85"/>
      <c r="AE1853" s="85"/>
      <c r="AF1853" s="85"/>
      <c r="AG1853" s="86"/>
      <c r="AH1853" s="85"/>
      <c r="AI1853" s="85"/>
      <c r="AJ1853" s="85"/>
      <c r="AK1853" s="85"/>
      <c r="AL1853" s="85"/>
      <c r="AM1853" s="92"/>
      <c r="AN1853" s="92"/>
      <c r="AO1853" s="92"/>
      <c r="AP1853" s="92"/>
      <c r="AQ1853" s="92"/>
      <c r="AR1853" s="92"/>
      <c r="AS1853" s="92"/>
      <c r="AT1853" s="92"/>
      <c r="AU1853" s="92"/>
      <c r="AV1853" s="92"/>
      <c r="AW1853" s="92"/>
      <c r="AX1853" s="92"/>
      <c r="AY1853" s="92"/>
      <c r="AZ1853" s="93"/>
      <c r="BA1853" s="93"/>
      <c r="BB1853" s="93"/>
      <c r="BC1853" s="93"/>
      <c r="BD1853" s="93"/>
      <c r="BE1853" s="93"/>
      <c r="BF1853" s="93"/>
      <c r="BG1853" s="93"/>
      <c r="BH1853" s="93"/>
      <c r="BI1853" s="93"/>
      <c r="BJ1853" s="93"/>
      <c r="BK1853" s="93"/>
      <c r="BL1853" s="93"/>
    </row>
    <row r="1854" spans="2:64" x14ac:dyDescent="0.2">
      <c r="B1854" s="43"/>
      <c r="C1854" s="73"/>
      <c r="D1854" s="64"/>
      <c r="E1854" s="55"/>
      <c r="F1854" s="74"/>
      <c r="G1854" s="74"/>
      <c r="H1854" s="74"/>
      <c r="I1854" s="75"/>
      <c r="J1854" s="74"/>
      <c r="L1854" s="55"/>
      <c r="M1854" s="234"/>
      <c r="N1854" s="65"/>
      <c r="O1854" s="76"/>
      <c r="P1854" s="76"/>
      <c r="Q1854" s="65"/>
      <c r="R1854" s="76"/>
      <c r="S1854" s="76"/>
      <c r="T1854" s="76"/>
      <c r="U1854" s="76"/>
      <c r="V1854" s="76"/>
      <c r="W1854" s="76"/>
      <c r="X1854" s="76"/>
      <c r="Y1854" s="76"/>
      <c r="Z1854" s="76"/>
      <c r="AA1854" s="85"/>
      <c r="AB1854" s="85"/>
      <c r="AC1854" s="85"/>
      <c r="AD1854" s="85"/>
      <c r="AE1854" s="85"/>
      <c r="AF1854" s="85"/>
      <c r="AG1854" s="86"/>
      <c r="AH1854" s="85"/>
      <c r="AI1854" s="85"/>
      <c r="AJ1854" s="85"/>
      <c r="AK1854" s="85"/>
      <c r="AL1854" s="85"/>
      <c r="AM1854" s="92"/>
      <c r="AN1854" s="92"/>
      <c r="AO1854" s="92"/>
      <c r="AP1854" s="92"/>
      <c r="AQ1854" s="92"/>
      <c r="AR1854" s="92"/>
      <c r="AS1854" s="92"/>
      <c r="AT1854" s="92"/>
      <c r="AU1854" s="92"/>
      <c r="AV1854" s="92"/>
      <c r="AW1854" s="92"/>
      <c r="AX1854" s="92"/>
      <c r="AY1854" s="92"/>
      <c r="AZ1854" s="93"/>
      <c r="BA1854" s="93"/>
      <c r="BB1854" s="93"/>
      <c r="BC1854" s="93"/>
      <c r="BD1854" s="93"/>
      <c r="BE1854" s="93"/>
      <c r="BF1854" s="93"/>
      <c r="BG1854" s="93"/>
      <c r="BH1854" s="93"/>
      <c r="BI1854" s="93"/>
      <c r="BJ1854" s="93"/>
      <c r="BK1854" s="93"/>
      <c r="BL1854" s="93"/>
    </row>
    <row r="1855" spans="2:64" x14ac:dyDescent="0.2">
      <c r="B1855" s="43"/>
      <c r="C1855" s="73"/>
      <c r="D1855" s="64"/>
      <c r="E1855" s="55"/>
      <c r="F1855" s="74"/>
      <c r="G1855" s="74"/>
      <c r="H1855" s="74"/>
      <c r="I1855" s="75"/>
      <c r="J1855" s="74"/>
      <c r="L1855" s="55"/>
      <c r="M1855" s="234"/>
      <c r="N1855" s="65"/>
      <c r="O1855" s="76"/>
      <c r="P1855" s="76"/>
      <c r="Q1855" s="65"/>
      <c r="R1855" s="76"/>
      <c r="S1855" s="76"/>
      <c r="T1855" s="76"/>
      <c r="U1855" s="76"/>
      <c r="V1855" s="76"/>
      <c r="W1855" s="76"/>
      <c r="X1855" s="76"/>
      <c r="Y1855" s="76"/>
      <c r="Z1855" s="76"/>
      <c r="AA1855" s="85"/>
      <c r="AB1855" s="85"/>
      <c r="AC1855" s="85"/>
      <c r="AD1855" s="85"/>
      <c r="AE1855" s="85"/>
      <c r="AF1855" s="85"/>
      <c r="AG1855" s="86"/>
      <c r="AH1855" s="85"/>
      <c r="AI1855" s="85"/>
      <c r="AJ1855" s="85"/>
      <c r="AK1855" s="85"/>
      <c r="AL1855" s="85"/>
      <c r="AM1855" s="92"/>
      <c r="AN1855" s="92"/>
      <c r="AO1855" s="92"/>
      <c r="AP1855" s="92"/>
      <c r="AQ1855" s="92"/>
      <c r="AR1855" s="92"/>
      <c r="AS1855" s="92"/>
      <c r="AT1855" s="92"/>
      <c r="AU1855" s="92"/>
      <c r="AV1855" s="92"/>
      <c r="AW1855" s="92"/>
      <c r="AX1855" s="92"/>
      <c r="AY1855" s="92"/>
      <c r="AZ1855" s="93"/>
      <c r="BA1855" s="93"/>
      <c r="BB1855" s="93"/>
      <c r="BC1855" s="93"/>
      <c r="BD1855" s="93"/>
      <c r="BE1855" s="93"/>
      <c r="BF1855" s="93"/>
      <c r="BG1855" s="93"/>
      <c r="BH1855" s="93"/>
      <c r="BI1855" s="93"/>
      <c r="BJ1855" s="93"/>
      <c r="BK1855" s="93"/>
      <c r="BL1855" s="93"/>
    </row>
    <row r="1856" spans="2:64" x14ac:dyDescent="0.2">
      <c r="B1856" s="43"/>
      <c r="C1856" s="73"/>
      <c r="D1856" s="64"/>
      <c r="E1856" s="55"/>
      <c r="F1856" s="74"/>
      <c r="G1856" s="74"/>
      <c r="H1856" s="74"/>
      <c r="I1856" s="75"/>
      <c r="J1856" s="74"/>
      <c r="L1856" s="55"/>
      <c r="M1856" s="234"/>
      <c r="N1856" s="65"/>
      <c r="O1856" s="76"/>
      <c r="P1856" s="76"/>
      <c r="Q1856" s="65"/>
      <c r="R1856" s="76"/>
      <c r="S1856" s="76"/>
      <c r="T1856" s="76"/>
      <c r="U1856" s="76"/>
      <c r="V1856" s="76"/>
      <c r="W1856" s="76"/>
      <c r="X1856" s="76"/>
      <c r="Y1856" s="76"/>
      <c r="Z1856" s="76"/>
      <c r="AA1856" s="85"/>
      <c r="AB1856" s="85"/>
      <c r="AC1856" s="85"/>
      <c r="AD1856" s="85"/>
      <c r="AE1856" s="85"/>
      <c r="AF1856" s="85"/>
      <c r="AG1856" s="86"/>
      <c r="AH1856" s="85"/>
      <c r="AI1856" s="85"/>
      <c r="AJ1856" s="85"/>
      <c r="AK1856" s="85"/>
      <c r="AL1856" s="85"/>
      <c r="AM1856" s="92"/>
      <c r="AN1856" s="92"/>
      <c r="AO1856" s="92"/>
      <c r="AP1856" s="92"/>
      <c r="AQ1856" s="92"/>
      <c r="AR1856" s="92"/>
      <c r="AS1856" s="92"/>
      <c r="AT1856" s="92"/>
      <c r="AU1856" s="92"/>
      <c r="AV1856" s="92"/>
      <c r="AW1856" s="92"/>
      <c r="AX1856" s="92"/>
      <c r="AY1856" s="92"/>
      <c r="AZ1856" s="93"/>
      <c r="BA1856" s="93"/>
      <c r="BB1856" s="93"/>
      <c r="BC1856" s="93"/>
      <c r="BD1856" s="93"/>
      <c r="BE1856" s="93"/>
      <c r="BF1856" s="93"/>
      <c r="BG1856" s="93"/>
      <c r="BH1856" s="93"/>
      <c r="BI1856" s="93"/>
      <c r="BJ1856" s="93"/>
      <c r="BK1856" s="93"/>
      <c r="BL1856" s="93"/>
    </row>
    <row r="1857" spans="2:64" x14ac:dyDescent="0.2">
      <c r="B1857" s="43"/>
      <c r="C1857" s="73"/>
      <c r="D1857" s="64"/>
      <c r="E1857" s="55"/>
      <c r="F1857" s="74"/>
      <c r="G1857" s="74"/>
      <c r="H1857" s="74"/>
      <c r="I1857" s="75"/>
      <c r="J1857" s="74"/>
      <c r="L1857" s="55"/>
      <c r="M1857" s="234"/>
      <c r="N1857" s="65"/>
      <c r="O1857" s="76"/>
      <c r="P1857" s="76"/>
      <c r="Q1857" s="65"/>
      <c r="R1857" s="76"/>
      <c r="S1857" s="76"/>
      <c r="T1857" s="76"/>
      <c r="U1857" s="76"/>
      <c r="V1857" s="76"/>
      <c r="W1857" s="76"/>
      <c r="X1857" s="76"/>
      <c r="Y1857" s="76"/>
      <c r="Z1857" s="76"/>
      <c r="AA1857" s="85"/>
      <c r="AB1857" s="85"/>
      <c r="AC1857" s="85"/>
      <c r="AD1857" s="85"/>
      <c r="AE1857" s="85"/>
      <c r="AF1857" s="85"/>
      <c r="AG1857" s="86"/>
      <c r="AH1857" s="85"/>
      <c r="AI1857" s="85"/>
      <c r="AJ1857" s="85"/>
      <c r="AK1857" s="85"/>
      <c r="AL1857" s="85"/>
      <c r="AM1857" s="92"/>
      <c r="AN1857" s="92"/>
      <c r="AO1857" s="92"/>
      <c r="AP1857" s="92"/>
      <c r="AQ1857" s="92"/>
      <c r="AR1857" s="92"/>
      <c r="AS1857" s="92"/>
      <c r="AT1857" s="92"/>
      <c r="AU1857" s="92"/>
      <c r="AV1857" s="92"/>
      <c r="AW1857" s="92"/>
      <c r="AX1857" s="92"/>
      <c r="AY1857" s="92"/>
      <c r="AZ1857" s="93"/>
      <c r="BA1857" s="93"/>
      <c r="BB1857" s="93"/>
      <c r="BC1857" s="93"/>
      <c r="BD1857" s="93"/>
      <c r="BE1857" s="93"/>
      <c r="BF1857" s="93"/>
      <c r="BG1857" s="93"/>
      <c r="BH1857" s="93"/>
      <c r="BI1857" s="93"/>
      <c r="BJ1857" s="93"/>
      <c r="BK1857" s="93"/>
      <c r="BL1857" s="93"/>
    </row>
    <row r="1858" spans="2:64" x14ac:dyDescent="0.2">
      <c r="B1858" s="43"/>
      <c r="C1858" s="73"/>
      <c r="D1858" s="64"/>
      <c r="E1858" s="55"/>
      <c r="F1858" s="74"/>
      <c r="G1858" s="74"/>
      <c r="H1858" s="74"/>
      <c r="I1858" s="75"/>
      <c r="J1858" s="74"/>
      <c r="L1858" s="55"/>
      <c r="M1858" s="234"/>
      <c r="N1858" s="65"/>
      <c r="O1858" s="76"/>
      <c r="P1858" s="76"/>
      <c r="Q1858" s="65"/>
      <c r="R1858" s="76"/>
      <c r="S1858" s="76"/>
      <c r="T1858" s="76"/>
      <c r="U1858" s="76"/>
      <c r="V1858" s="76"/>
      <c r="W1858" s="76"/>
      <c r="X1858" s="76"/>
      <c r="Y1858" s="76"/>
      <c r="Z1858" s="76"/>
      <c r="AA1858" s="85"/>
      <c r="AB1858" s="85"/>
      <c r="AC1858" s="85"/>
      <c r="AD1858" s="85"/>
      <c r="AE1858" s="85"/>
      <c r="AF1858" s="85"/>
      <c r="AG1858" s="86"/>
      <c r="AH1858" s="85"/>
      <c r="AI1858" s="85"/>
      <c r="AJ1858" s="85"/>
      <c r="AK1858" s="85"/>
      <c r="AL1858" s="85"/>
      <c r="AM1858" s="92"/>
      <c r="AN1858" s="92"/>
      <c r="AO1858" s="92"/>
      <c r="AP1858" s="92"/>
      <c r="AQ1858" s="92"/>
      <c r="AR1858" s="92"/>
      <c r="AS1858" s="92"/>
      <c r="AT1858" s="92"/>
      <c r="AU1858" s="92"/>
      <c r="AV1858" s="92"/>
      <c r="AW1858" s="92"/>
      <c r="AX1858" s="92"/>
      <c r="AY1858" s="92"/>
      <c r="AZ1858" s="93"/>
      <c r="BA1858" s="93"/>
      <c r="BB1858" s="93"/>
      <c r="BC1858" s="93"/>
      <c r="BD1858" s="93"/>
      <c r="BE1858" s="93"/>
      <c r="BF1858" s="93"/>
      <c r="BG1858" s="93"/>
      <c r="BH1858" s="93"/>
      <c r="BI1858" s="93"/>
      <c r="BJ1858" s="93"/>
      <c r="BK1858" s="93"/>
      <c r="BL1858" s="93"/>
    </row>
    <row r="1859" spans="2:64" x14ac:dyDescent="0.2">
      <c r="B1859" s="43"/>
      <c r="C1859" s="73"/>
      <c r="D1859" s="64"/>
      <c r="E1859" s="55"/>
      <c r="F1859" s="74"/>
      <c r="G1859" s="74"/>
      <c r="H1859" s="74"/>
      <c r="I1859" s="75"/>
      <c r="J1859" s="74"/>
      <c r="L1859" s="55"/>
      <c r="M1859" s="234"/>
      <c r="N1859" s="65"/>
      <c r="O1859" s="76"/>
      <c r="P1859" s="76"/>
      <c r="Q1859" s="65"/>
      <c r="R1859" s="76"/>
      <c r="S1859" s="76"/>
      <c r="T1859" s="76"/>
      <c r="U1859" s="76"/>
      <c r="V1859" s="76"/>
      <c r="W1859" s="76"/>
      <c r="X1859" s="76"/>
      <c r="Y1859" s="76"/>
      <c r="Z1859" s="76"/>
      <c r="AA1859" s="85"/>
      <c r="AB1859" s="85"/>
      <c r="AC1859" s="85"/>
      <c r="AD1859" s="85"/>
      <c r="AE1859" s="85"/>
      <c r="AF1859" s="85"/>
      <c r="AG1859" s="86"/>
      <c r="AH1859" s="85"/>
      <c r="AI1859" s="85"/>
      <c r="AJ1859" s="85"/>
      <c r="AK1859" s="85"/>
      <c r="AL1859" s="85"/>
      <c r="AM1859" s="92"/>
      <c r="AN1859" s="92"/>
      <c r="AO1859" s="92"/>
      <c r="AP1859" s="92"/>
      <c r="AQ1859" s="92"/>
      <c r="AR1859" s="92"/>
      <c r="AS1859" s="92"/>
      <c r="AT1859" s="92"/>
      <c r="AU1859" s="92"/>
      <c r="AV1859" s="92"/>
      <c r="AW1859" s="92"/>
      <c r="AX1859" s="92"/>
      <c r="AY1859" s="92"/>
      <c r="AZ1859" s="93"/>
      <c r="BA1859" s="93"/>
      <c r="BB1859" s="93"/>
      <c r="BC1859" s="93"/>
      <c r="BD1859" s="93"/>
      <c r="BE1859" s="93"/>
      <c r="BF1859" s="93"/>
      <c r="BG1859" s="93"/>
      <c r="BH1859" s="93"/>
      <c r="BI1859" s="93"/>
      <c r="BJ1859" s="93"/>
      <c r="BK1859" s="93"/>
      <c r="BL1859" s="93"/>
    </row>
    <row r="1860" spans="2:64" x14ac:dyDescent="0.2">
      <c r="B1860" s="43"/>
      <c r="C1860" s="73"/>
      <c r="D1860" s="64"/>
      <c r="E1860" s="55"/>
      <c r="F1860" s="74"/>
      <c r="G1860" s="74"/>
      <c r="H1860" s="74"/>
      <c r="I1860" s="75"/>
      <c r="J1860" s="74"/>
      <c r="L1860" s="55"/>
      <c r="M1860" s="234"/>
      <c r="N1860" s="65"/>
      <c r="O1860" s="76"/>
      <c r="P1860" s="76"/>
      <c r="Q1860" s="65"/>
      <c r="R1860" s="76"/>
      <c r="S1860" s="76"/>
      <c r="T1860" s="76"/>
      <c r="U1860" s="76"/>
      <c r="V1860" s="76"/>
      <c r="W1860" s="76"/>
      <c r="X1860" s="76"/>
      <c r="Y1860" s="76"/>
      <c r="Z1860" s="76"/>
      <c r="AA1860" s="85"/>
      <c r="AB1860" s="85"/>
      <c r="AC1860" s="85"/>
      <c r="AD1860" s="85"/>
      <c r="AE1860" s="85"/>
      <c r="AF1860" s="85"/>
      <c r="AG1860" s="86"/>
      <c r="AH1860" s="85"/>
      <c r="AI1860" s="85"/>
      <c r="AJ1860" s="85"/>
      <c r="AK1860" s="85"/>
      <c r="AL1860" s="85"/>
      <c r="AM1860" s="92"/>
      <c r="AN1860" s="92"/>
      <c r="AO1860" s="92"/>
      <c r="AP1860" s="92"/>
      <c r="AQ1860" s="92"/>
      <c r="AR1860" s="92"/>
      <c r="AS1860" s="92"/>
      <c r="AT1860" s="92"/>
      <c r="AU1860" s="92"/>
      <c r="AV1860" s="92"/>
      <c r="AW1860" s="92"/>
      <c r="AX1860" s="92"/>
      <c r="AY1860" s="92"/>
      <c r="AZ1860" s="93"/>
      <c r="BA1860" s="93"/>
      <c r="BB1860" s="93"/>
      <c r="BC1860" s="93"/>
      <c r="BD1860" s="93"/>
      <c r="BE1860" s="93"/>
      <c r="BF1860" s="93"/>
      <c r="BG1860" s="93"/>
      <c r="BH1860" s="93"/>
      <c r="BI1860" s="93"/>
      <c r="BJ1860" s="93"/>
      <c r="BK1860" s="93"/>
      <c r="BL1860" s="93"/>
    </row>
    <row r="1861" spans="2:64" x14ac:dyDescent="0.2">
      <c r="B1861" s="43"/>
      <c r="C1861" s="73"/>
      <c r="D1861" s="64"/>
      <c r="E1861" s="55"/>
      <c r="F1861" s="74"/>
      <c r="G1861" s="74"/>
      <c r="H1861" s="74"/>
      <c r="I1861" s="75"/>
      <c r="J1861" s="74"/>
      <c r="L1861" s="55"/>
      <c r="M1861" s="234"/>
      <c r="N1861" s="65"/>
      <c r="O1861" s="76"/>
      <c r="P1861" s="76"/>
      <c r="Q1861" s="65"/>
      <c r="R1861" s="76"/>
      <c r="S1861" s="76"/>
      <c r="T1861" s="76"/>
      <c r="U1861" s="76"/>
      <c r="V1861" s="76"/>
      <c r="W1861" s="76"/>
      <c r="X1861" s="76"/>
      <c r="Y1861" s="76"/>
      <c r="Z1861" s="76"/>
      <c r="AA1861" s="85"/>
      <c r="AB1861" s="85"/>
      <c r="AC1861" s="85"/>
      <c r="AD1861" s="85"/>
      <c r="AE1861" s="85"/>
      <c r="AF1861" s="85"/>
      <c r="AG1861" s="86"/>
      <c r="AH1861" s="85"/>
      <c r="AI1861" s="85"/>
      <c r="AJ1861" s="85"/>
      <c r="AK1861" s="85"/>
      <c r="AL1861" s="85"/>
      <c r="AM1861" s="92"/>
      <c r="AN1861" s="92"/>
      <c r="AO1861" s="92"/>
      <c r="AP1861" s="92"/>
      <c r="AQ1861" s="92"/>
      <c r="AR1861" s="92"/>
      <c r="AS1861" s="92"/>
      <c r="AT1861" s="92"/>
      <c r="AU1861" s="92"/>
      <c r="AV1861" s="92"/>
      <c r="AW1861" s="92"/>
      <c r="AX1861" s="92"/>
      <c r="AY1861" s="92"/>
      <c r="AZ1861" s="93"/>
      <c r="BA1861" s="93"/>
      <c r="BB1861" s="93"/>
      <c r="BC1861" s="93"/>
      <c r="BD1861" s="93"/>
      <c r="BE1861" s="93"/>
      <c r="BF1861" s="93"/>
      <c r="BG1861" s="93"/>
      <c r="BH1861" s="93"/>
      <c r="BI1861" s="93"/>
      <c r="BJ1861" s="93"/>
      <c r="BK1861" s="93"/>
      <c r="BL1861" s="93"/>
    </row>
    <row r="1862" spans="2:64" x14ac:dyDescent="0.2">
      <c r="B1862" s="43"/>
      <c r="C1862" s="73"/>
      <c r="D1862" s="64"/>
      <c r="E1862" s="55"/>
      <c r="F1862" s="74"/>
      <c r="G1862" s="74"/>
      <c r="H1862" s="74"/>
      <c r="I1862" s="75"/>
      <c r="J1862" s="74"/>
      <c r="L1862" s="55"/>
      <c r="M1862" s="234"/>
      <c r="N1862" s="65"/>
      <c r="O1862" s="76"/>
      <c r="P1862" s="76"/>
      <c r="Q1862" s="65"/>
      <c r="R1862" s="76"/>
      <c r="S1862" s="76"/>
      <c r="T1862" s="76"/>
      <c r="U1862" s="76"/>
      <c r="V1862" s="76"/>
      <c r="W1862" s="76"/>
      <c r="X1862" s="76"/>
      <c r="Y1862" s="76"/>
      <c r="Z1862" s="76"/>
      <c r="AA1862" s="85"/>
      <c r="AB1862" s="85"/>
      <c r="AC1862" s="85"/>
      <c r="AD1862" s="85"/>
      <c r="AE1862" s="85"/>
      <c r="AF1862" s="85"/>
      <c r="AG1862" s="86"/>
      <c r="AH1862" s="85"/>
      <c r="AI1862" s="85"/>
      <c r="AJ1862" s="85"/>
      <c r="AK1862" s="85"/>
      <c r="AL1862" s="85"/>
      <c r="AM1862" s="92"/>
      <c r="AN1862" s="92"/>
      <c r="AO1862" s="92"/>
      <c r="AP1862" s="92"/>
      <c r="AQ1862" s="92"/>
      <c r="AR1862" s="92"/>
      <c r="AS1862" s="92"/>
      <c r="AT1862" s="92"/>
      <c r="AU1862" s="92"/>
      <c r="AV1862" s="92"/>
      <c r="AW1862" s="92"/>
      <c r="AX1862" s="92"/>
      <c r="AY1862" s="92"/>
      <c r="AZ1862" s="93"/>
      <c r="BA1862" s="93"/>
      <c r="BB1862" s="93"/>
      <c r="BC1862" s="93"/>
      <c r="BD1862" s="93"/>
      <c r="BE1862" s="93"/>
      <c r="BF1862" s="93"/>
      <c r="BG1862" s="93"/>
      <c r="BH1862" s="93"/>
      <c r="BI1862" s="93"/>
      <c r="BJ1862" s="93"/>
      <c r="BK1862" s="93"/>
      <c r="BL1862" s="93"/>
    </row>
    <row r="1863" spans="2:64" x14ac:dyDescent="0.2">
      <c r="B1863" s="43"/>
      <c r="C1863" s="73"/>
      <c r="D1863" s="64"/>
      <c r="E1863" s="55"/>
      <c r="F1863" s="74"/>
      <c r="G1863" s="74"/>
      <c r="H1863" s="74"/>
      <c r="I1863" s="75"/>
      <c r="J1863" s="74"/>
      <c r="L1863" s="55"/>
      <c r="M1863" s="234"/>
      <c r="N1863" s="65"/>
      <c r="O1863" s="76"/>
      <c r="P1863" s="76"/>
      <c r="Q1863" s="65"/>
      <c r="R1863" s="76"/>
      <c r="S1863" s="76"/>
      <c r="T1863" s="76"/>
      <c r="U1863" s="76"/>
      <c r="V1863" s="76"/>
      <c r="W1863" s="76"/>
      <c r="X1863" s="76"/>
      <c r="Y1863" s="76"/>
      <c r="Z1863" s="76"/>
      <c r="AA1863" s="85"/>
      <c r="AB1863" s="85"/>
      <c r="AC1863" s="85"/>
      <c r="AD1863" s="85"/>
      <c r="AE1863" s="85"/>
      <c r="AF1863" s="85"/>
      <c r="AG1863" s="86"/>
      <c r="AH1863" s="85"/>
      <c r="AI1863" s="85"/>
      <c r="AJ1863" s="85"/>
      <c r="AK1863" s="85"/>
      <c r="AL1863" s="85"/>
      <c r="AM1863" s="92"/>
      <c r="AN1863" s="92"/>
      <c r="AO1863" s="92"/>
      <c r="AP1863" s="92"/>
      <c r="AQ1863" s="92"/>
      <c r="AR1863" s="92"/>
      <c r="AS1863" s="92"/>
      <c r="AT1863" s="92"/>
      <c r="AU1863" s="92"/>
      <c r="AV1863" s="92"/>
      <c r="AW1863" s="92"/>
      <c r="AX1863" s="92"/>
      <c r="AY1863" s="92"/>
      <c r="AZ1863" s="93"/>
      <c r="BA1863" s="93"/>
      <c r="BB1863" s="93"/>
      <c r="BC1863" s="93"/>
      <c r="BD1863" s="93"/>
      <c r="BE1863" s="93"/>
      <c r="BF1863" s="93"/>
      <c r="BG1863" s="93"/>
      <c r="BH1863" s="93"/>
      <c r="BI1863" s="93"/>
      <c r="BJ1863" s="93"/>
      <c r="BK1863" s="93"/>
      <c r="BL1863" s="93"/>
    </row>
    <row r="1864" spans="2:64" x14ac:dyDescent="0.2">
      <c r="B1864" s="43"/>
      <c r="C1864" s="73"/>
      <c r="D1864" s="64"/>
      <c r="E1864" s="55"/>
      <c r="F1864" s="74"/>
      <c r="G1864" s="74"/>
      <c r="H1864" s="74"/>
      <c r="I1864" s="75"/>
      <c r="J1864" s="74"/>
      <c r="L1864" s="55"/>
      <c r="M1864" s="234"/>
      <c r="N1864" s="65"/>
      <c r="O1864" s="76"/>
      <c r="P1864" s="76"/>
      <c r="Q1864" s="65"/>
      <c r="R1864" s="76"/>
      <c r="S1864" s="76"/>
      <c r="T1864" s="76"/>
      <c r="U1864" s="76"/>
      <c r="V1864" s="76"/>
      <c r="W1864" s="76"/>
      <c r="X1864" s="76"/>
      <c r="Y1864" s="76"/>
      <c r="Z1864" s="76"/>
      <c r="AA1864" s="85"/>
      <c r="AB1864" s="85"/>
      <c r="AC1864" s="85"/>
      <c r="AD1864" s="85"/>
      <c r="AE1864" s="85"/>
      <c r="AF1864" s="85"/>
      <c r="AG1864" s="86"/>
      <c r="AH1864" s="85"/>
      <c r="AI1864" s="85"/>
      <c r="AJ1864" s="85"/>
      <c r="AK1864" s="85"/>
      <c r="AL1864" s="85"/>
      <c r="AM1864" s="92"/>
      <c r="AN1864" s="92"/>
      <c r="AO1864" s="92"/>
      <c r="AP1864" s="92"/>
      <c r="AQ1864" s="92"/>
      <c r="AR1864" s="92"/>
      <c r="AS1864" s="92"/>
      <c r="AT1864" s="92"/>
      <c r="AU1864" s="92"/>
      <c r="AV1864" s="92"/>
      <c r="AW1864" s="92"/>
      <c r="AX1864" s="92"/>
      <c r="AY1864" s="92"/>
      <c r="AZ1864" s="93"/>
      <c r="BA1864" s="93"/>
      <c r="BB1864" s="93"/>
      <c r="BC1864" s="93"/>
      <c r="BD1864" s="93"/>
      <c r="BE1864" s="93"/>
      <c r="BF1864" s="93"/>
      <c r="BG1864" s="93"/>
      <c r="BH1864" s="93"/>
      <c r="BI1864" s="93"/>
      <c r="BJ1864" s="93"/>
      <c r="BK1864" s="93"/>
      <c r="BL1864" s="93"/>
    </row>
    <row r="1865" spans="2:64" x14ac:dyDescent="0.2">
      <c r="B1865" s="43"/>
      <c r="C1865" s="73"/>
      <c r="D1865" s="64"/>
      <c r="E1865" s="55"/>
      <c r="F1865" s="74"/>
      <c r="G1865" s="74"/>
      <c r="H1865" s="74"/>
      <c r="I1865" s="75"/>
      <c r="J1865" s="74"/>
      <c r="L1865" s="55"/>
      <c r="M1865" s="234"/>
      <c r="N1865" s="65"/>
      <c r="O1865" s="76"/>
      <c r="P1865" s="76"/>
      <c r="Q1865" s="65"/>
      <c r="R1865" s="76"/>
      <c r="S1865" s="76"/>
      <c r="T1865" s="76"/>
      <c r="U1865" s="76"/>
      <c r="V1865" s="76"/>
      <c r="W1865" s="76"/>
      <c r="X1865" s="76"/>
      <c r="Y1865" s="76"/>
      <c r="Z1865" s="76"/>
      <c r="AA1865" s="85"/>
      <c r="AB1865" s="85"/>
      <c r="AC1865" s="85"/>
      <c r="AD1865" s="85"/>
      <c r="AE1865" s="85"/>
      <c r="AF1865" s="85"/>
      <c r="AG1865" s="86"/>
      <c r="AH1865" s="85"/>
      <c r="AI1865" s="85"/>
      <c r="AJ1865" s="85"/>
      <c r="AK1865" s="85"/>
      <c r="AL1865" s="85"/>
      <c r="AM1865" s="92"/>
      <c r="AN1865" s="92"/>
      <c r="AO1865" s="92"/>
      <c r="AP1865" s="92"/>
      <c r="AQ1865" s="92"/>
      <c r="AR1865" s="92"/>
      <c r="AS1865" s="92"/>
      <c r="AT1865" s="92"/>
      <c r="AU1865" s="92"/>
      <c r="AV1865" s="92"/>
      <c r="AW1865" s="92"/>
      <c r="AX1865" s="92"/>
      <c r="AY1865" s="92"/>
      <c r="AZ1865" s="93"/>
      <c r="BA1865" s="93"/>
      <c r="BB1865" s="93"/>
      <c r="BC1865" s="93"/>
      <c r="BD1865" s="93"/>
      <c r="BE1865" s="93"/>
      <c r="BF1865" s="93"/>
      <c r="BG1865" s="93"/>
      <c r="BH1865" s="93"/>
      <c r="BI1865" s="93"/>
      <c r="BJ1865" s="93"/>
      <c r="BK1865" s="93"/>
      <c r="BL1865" s="93"/>
    </row>
    <row r="1866" spans="2:64" x14ac:dyDescent="0.2">
      <c r="B1866" s="43"/>
      <c r="C1866" s="73"/>
      <c r="D1866" s="64"/>
      <c r="E1866" s="55"/>
      <c r="F1866" s="74"/>
      <c r="G1866" s="74"/>
      <c r="H1866" s="74"/>
      <c r="I1866" s="75"/>
      <c r="J1866" s="74"/>
      <c r="L1866" s="55"/>
      <c r="M1866" s="234"/>
      <c r="N1866" s="65"/>
      <c r="O1866" s="76"/>
      <c r="P1866" s="76"/>
      <c r="Q1866" s="65"/>
      <c r="R1866" s="76"/>
      <c r="S1866" s="76"/>
      <c r="T1866" s="76"/>
      <c r="U1866" s="76"/>
      <c r="V1866" s="76"/>
      <c r="W1866" s="76"/>
      <c r="X1866" s="76"/>
      <c r="Y1866" s="76"/>
      <c r="Z1866" s="76"/>
      <c r="AA1866" s="85"/>
      <c r="AB1866" s="85"/>
      <c r="AC1866" s="85"/>
      <c r="AD1866" s="85"/>
      <c r="AE1866" s="85"/>
      <c r="AF1866" s="85"/>
      <c r="AG1866" s="86"/>
      <c r="AH1866" s="85"/>
      <c r="AI1866" s="85"/>
      <c r="AJ1866" s="85"/>
      <c r="AK1866" s="85"/>
      <c r="AL1866" s="85"/>
      <c r="AM1866" s="92"/>
      <c r="AN1866" s="92"/>
      <c r="AO1866" s="92"/>
      <c r="AP1866" s="92"/>
      <c r="AQ1866" s="92"/>
      <c r="AR1866" s="92"/>
      <c r="AS1866" s="92"/>
      <c r="AT1866" s="92"/>
      <c r="AU1866" s="92"/>
      <c r="AV1866" s="92"/>
      <c r="AW1866" s="92"/>
      <c r="AX1866" s="92"/>
      <c r="AY1866" s="92"/>
      <c r="AZ1866" s="93"/>
      <c r="BA1866" s="93"/>
      <c r="BB1866" s="93"/>
      <c r="BC1866" s="93"/>
      <c r="BD1866" s="93"/>
      <c r="BE1866" s="93"/>
      <c r="BF1866" s="93"/>
      <c r="BG1866" s="93"/>
      <c r="BH1866" s="93"/>
      <c r="BI1866" s="93"/>
      <c r="BJ1866" s="93"/>
      <c r="BK1866" s="93"/>
      <c r="BL1866" s="93"/>
    </row>
    <row r="1867" spans="2:64" x14ac:dyDescent="0.2">
      <c r="B1867" s="43"/>
      <c r="C1867" s="73"/>
      <c r="D1867" s="64"/>
      <c r="E1867" s="55"/>
      <c r="F1867" s="74"/>
      <c r="G1867" s="74"/>
      <c r="H1867" s="74"/>
      <c r="I1867" s="75"/>
      <c r="J1867" s="74"/>
      <c r="L1867" s="55"/>
      <c r="M1867" s="234"/>
      <c r="N1867" s="65"/>
      <c r="O1867" s="76"/>
      <c r="P1867" s="76"/>
      <c r="Q1867" s="65"/>
      <c r="R1867" s="76"/>
      <c r="S1867" s="76"/>
      <c r="T1867" s="76"/>
      <c r="U1867" s="76"/>
      <c r="V1867" s="76"/>
      <c r="W1867" s="76"/>
      <c r="X1867" s="76"/>
      <c r="Y1867" s="76"/>
      <c r="Z1867" s="76"/>
      <c r="AA1867" s="85"/>
      <c r="AB1867" s="85"/>
      <c r="AC1867" s="85"/>
      <c r="AD1867" s="85"/>
      <c r="AE1867" s="85"/>
      <c r="AF1867" s="85"/>
      <c r="AG1867" s="86"/>
      <c r="AH1867" s="85"/>
      <c r="AI1867" s="85"/>
      <c r="AJ1867" s="85"/>
      <c r="AK1867" s="85"/>
      <c r="AL1867" s="85"/>
      <c r="AM1867" s="92"/>
      <c r="AN1867" s="92"/>
      <c r="AO1867" s="92"/>
      <c r="AP1867" s="92"/>
      <c r="AQ1867" s="92"/>
      <c r="AR1867" s="92"/>
      <c r="AS1867" s="92"/>
      <c r="AT1867" s="92"/>
      <c r="AU1867" s="92"/>
      <c r="AV1867" s="92"/>
      <c r="AW1867" s="92"/>
      <c r="AX1867" s="92"/>
      <c r="AY1867" s="92"/>
      <c r="AZ1867" s="93"/>
      <c r="BA1867" s="93"/>
      <c r="BB1867" s="93"/>
      <c r="BC1867" s="93"/>
      <c r="BD1867" s="93"/>
      <c r="BE1867" s="93"/>
      <c r="BF1867" s="93"/>
      <c r="BG1867" s="93"/>
      <c r="BH1867" s="93"/>
      <c r="BI1867" s="93"/>
      <c r="BJ1867" s="93"/>
      <c r="BK1867" s="93"/>
      <c r="BL1867" s="93"/>
    </row>
    <row r="1868" spans="2:64" x14ac:dyDescent="0.2">
      <c r="B1868" s="43"/>
      <c r="C1868" s="73"/>
      <c r="D1868" s="64"/>
      <c r="E1868" s="55"/>
      <c r="F1868" s="74"/>
      <c r="G1868" s="74"/>
      <c r="H1868" s="74"/>
      <c r="I1868" s="75"/>
      <c r="J1868" s="74"/>
      <c r="L1868" s="55"/>
      <c r="M1868" s="234"/>
      <c r="N1868" s="65"/>
      <c r="O1868" s="76"/>
      <c r="P1868" s="76"/>
      <c r="Q1868" s="65"/>
      <c r="R1868" s="76"/>
      <c r="S1868" s="76"/>
      <c r="T1868" s="76"/>
      <c r="U1868" s="76"/>
      <c r="V1868" s="76"/>
      <c r="W1868" s="76"/>
      <c r="X1868" s="76"/>
      <c r="Y1868" s="76"/>
      <c r="Z1868" s="76"/>
      <c r="AA1868" s="85"/>
      <c r="AB1868" s="85"/>
      <c r="AC1868" s="85"/>
      <c r="AD1868" s="85"/>
      <c r="AE1868" s="85"/>
      <c r="AF1868" s="85"/>
      <c r="AG1868" s="86"/>
      <c r="AH1868" s="85"/>
      <c r="AI1868" s="85"/>
      <c r="AJ1868" s="85"/>
      <c r="AK1868" s="85"/>
      <c r="AL1868" s="85"/>
      <c r="AM1868" s="92"/>
      <c r="AN1868" s="92"/>
      <c r="AO1868" s="92"/>
      <c r="AP1868" s="92"/>
      <c r="AQ1868" s="92"/>
      <c r="AR1868" s="92"/>
      <c r="AS1868" s="92"/>
      <c r="AT1868" s="92"/>
      <c r="AU1868" s="92"/>
      <c r="AV1868" s="92"/>
      <c r="AW1868" s="92"/>
      <c r="AX1868" s="92"/>
      <c r="AY1868" s="92"/>
      <c r="AZ1868" s="93"/>
      <c r="BA1868" s="93"/>
      <c r="BB1868" s="93"/>
      <c r="BC1868" s="93"/>
      <c r="BD1868" s="93"/>
      <c r="BE1868" s="93"/>
      <c r="BF1868" s="93"/>
      <c r="BG1868" s="93"/>
      <c r="BH1868" s="93"/>
      <c r="BI1868" s="93"/>
      <c r="BJ1868" s="93"/>
      <c r="BK1868" s="93"/>
      <c r="BL1868" s="93"/>
    </row>
    <row r="1869" spans="2:64" x14ac:dyDescent="0.2">
      <c r="B1869" s="43"/>
      <c r="C1869" s="73"/>
      <c r="D1869" s="64"/>
      <c r="E1869" s="55"/>
      <c r="F1869" s="74"/>
      <c r="G1869" s="74"/>
      <c r="H1869" s="74"/>
      <c r="I1869" s="75"/>
      <c r="J1869" s="74"/>
      <c r="L1869" s="55"/>
      <c r="M1869" s="234"/>
      <c r="N1869" s="65"/>
      <c r="O1869" s="76"/>
      <c r="P1869" s="76"/>
      <c r="Q1869" s="65"/>
      <c r="R1869" s="76"/>
      <c r="S1869" s="76"/>
      <c r="T1869" s="76"/>
      <c r="U1869" s="76"/>
      <c r="V1869" s="76"/>
      <c r="W1869" s="76"/>
      <c r="X1869" s="76"/>
      <c r="Y1869" s="76"/>
      <c r="Z1869" s="76"/>
      <c r="AA1869" s="85"/>
      <c r="AB1869" s="85"/>
      <c r="AC1869" s="85"/>
      <c r="AD1869" s="85"/>
      <c r="AE1869" s="85"/>
      <c r="AF1869" s="85"/>
      <c r="AG1869" s="86"/>
      <c r="AH1869" s="85"/>
      <c r="AI1869" s="85"/>
      <c r="AJ1869" s="85"/>
      <c r="AK1869" s="85"/>
      <c r="AL1869" s="85"/>
      <c r="AM1869" s="92"/>
      <c r="AN1869" s="92"/>
      <c r="AO1869" s="92"/>
      <c r="AP1869" s="92"/>
      <c r="AQ1869" s="92"/>
      <c r="AR1869" s="92"/>
      <c r="AS1869" s="92"/>
      <c r="AT1869" s="92"/>
      <c r="AU1869" s="92"/>
      <c r="AV1869" s="92"/>
      <c r="AW1869" s="92"/>
      <c r="AX1869" s="92"/>
      <c r="AY1869" s="92"/>
      <c r="AZ1869" s="93"/>
      <c r="BA1869" s="93"/>
      <c r="BB1869" s="93"/>
      <c r="BC1869" s="93"/>
      <c r="BD1869" s="93"/>
      <c r="BE1869" s="93"/>
      <c r="BF1869" s="93"/>
      <c r="BG1869" s="93"/>
      <c r="BH1869" s="93"/>
      <c r="BI1869" s="93"/>
      <c r="BJ1869" s="93"/>
      <c r="BK1869" s="93"/>
      <c r="BL1869" s="93"/>
    </row>
    <row r="1870" spans="2:64" x14ac:dyDescent="0.2">
      <c r="B1870" s="43"/>
      <c r="C1870" s="73"/>
      <c r="D1870" s="64"/>
      <c r="E1870" s="55"/>
      <c r="F1870" s="74"/>
      <c r="G1870" s="74"/>
      <c r="H1870" s="74"/>
      <c r="I1870" s="75"/>
      <c r="J1870" s="74"/>
      <c r="L1870" s="55"/>
      <c r="M1870" s="234"/>
      <c r="N1870" s="65"/>
      <c r="O1870" s="76"/>
      <c r="P1870" s="76"/>
      <c r="Q1870" s="65"/>
      <c r="R1870" s="76"/>
      <c r="S1870" s="76"/>
      <c r="T1870" s="76"/>
      <c r="U1870" s="76"/>
      <c r="V1870" s="76"/>
      <c r="W1870" s="76"/>
      <c r="X1870" s="76"/>
      <c r="Y1870" s="76"/>
      <c r="Z1870" s="76"/>
      <c r="AA1870" s="85"/>
      <c r="AB1870" s="85"/>
      <c r="AC1870" s="85"/>
      <c r="AD1870" s="85"/>
      <c r="AE1870" s="85"/>
      <c r="AF1870" s="85"/>
      <c r="AG1870" s="86"/>
      <c r="AH1870" s="85"/>
      <c r="AI1870" s="85"/>
      <c r="AJ1870" s="85"/>
      <c r="AK1870" s="85"/>
      <c r="AL1870" s="85"/>
      <c r="AM1870" s="92"/>
      <c r="AN1870" s="92"/>
      <c r="AO1870" s="92"/>
      <c r="AP1870" s="92"/>
      <c r="AQ1870" s="92"/>
      <c r="AR1870" s="92"/>
      <c r="AS1870" s="92"/>
      <c r="AT1870" s="92"/>
      <c r="AU1870" s="92"/>
      <c r="AV1870" s="92"/>
      <c r="AW1870" s="92"/>
      <c r="AX1870" s="92"/>
      <c r="AY1870" s="92"/>
      <c r="AZ1870" s="93"/>
      <c r="BA1870" s="93"/>
      <c r="BB1870" s="93"/>
      <c r="BC1870" s="93"/>
      <c r="BD1870" s="93"/>
      <c r="BE1870" s="93"/>
      <c r="BF1870" s="93"/>
      <c r="BG1870" s="93"/>
      <c r="BH1870" s="93"/>
      <c r="BI1870" s="93"/>
      <c r="BJ1870" s="93"/>
      <c r="BK1870" s="93"/>
      <c r="BL1870" s="93"/>
    </row>
    <row r="1871" spans="2:64" x14ac:dyDescent="0.2">
      <c r="B1871" s="43"/>
      <c r="C1871" s="73"/>
      <c r="D1871" s="64"/>
      <c r="E1871" s="55"/>
      <c r="F1871" s="74"/>
      <c r="G1871" s="74"/>
      <c r="H1871" s="74"/>
      <c r="I1871" s="75"/>
      <c r="J1871" s="74"/>
      <c r="L1871" s="55"/>
      <c r="M1871" s="234"/>
      <c r="N1871" s="65"/>
      <c r="O1871" s="76"/>
      <c r="P1871" s="76"/>
      <c r="Q1871" s="65"/>
      <c r="R1871" s="76"/>
      <c r="S1871" s="76"/>
      <c r="T1871" s="76"/>
      <c r="U1871" s="76"/>
      <c r="V1871" s="76"/>
      <c r="W1871" s="76"/>
      <c r="X1871" s="76"/>
      <c r="Y1871" s="76"/>
      <c r="Z1871" s="76"/>
      <c r="AA1871" s="85"/>
      <c r="AB1871" s="85"/>
      <c r="AC1871" s="85"/>
      <c r="AD1871" s="85"/>
      <c r="AE1871" s="85"/>
      <c r="AF1871" s="85"/>
      <c r="AG1871" s="86"/>
      <c r="AH1871" s="85"/>
      <c r="AI1871" s="85"/>
      <c r="AJ1871" s="85"/>
      <c r="AK1871" s="85"/>
      <c r="AL1871" s="85"/>
      <c r="AM1871" s="92"/>
      <c r="AN1871" s="92"/>
      <c r="AO1871" s="92"/>
      <c r="AP1871" s="92"/>
      <c r="AQ1871" s="92"/>
      <c r="AR1871" s="92"/>
      <c r="AS1871" s="92"/>
      <c r="AT1871" s="92"/>
      <c r="AU1871" s="92"/>
      <c r="AV1871" s="92"/>
      <c r="AW1871" s="92"/>
      <c r="AX1871" s="92"/>
      <c r="AY1871" s="92"/>
      <c r="AZ1871" s="93"/>
      <c r="BA1871" s="93"/>
      <c r="BB1871" s="93"/>
      <c r="BC1871" s="93"/>
      <c r="BD1871" s="93"/>
      <c r="BE1871" s="93"/>
      <c r="BF1871" s="93"/>
      <c r="BG1871" s="93"/>
      <c r="BH1871" s="93"/>
      <c r="BI1871" s="93"/>
      <c r="BJ1871" s="93"/>
      <c r="BK1871" s="93"/>
      <c r="BL1871" s="93"/>
    </row>
    <row r="1872" spans="2:64" x14ac:dyDescent="0.2">
      <c r="B1872" s="43"/>
      <c r="C1872" s="73"/>
      <c r="D1872" s="64"/>
      <c r="E1872" s="55"/>
      <c r="F1872" s="74"/>
      <c r="G1872" s="74"/>
      <c r="H1872" s="74"/>
      <c r="I1872" s="75"/>
      <c r="J1872" s="74"/>
      <c r="L1872" s="55"/>
      <c r="M1872" s="234"/>
      <c r="N1872" s="65"/>
      <c r="O1872" s="76"/>
      <c r="P1872" s="76"/>
      <c r="Q1872" s="65"/>
      <c r="R1872" s="76"/>
      <c r="S1872" s="76"/>
      <c r="T1872" s="76"/>
      <c r="U1872" s="76"/>
      <c r="V1872" s="76"/>
      <c r="W1872" s="76"/>
      <c r="X1872" s="76"/>
      <c r="Y1872" s="76"/>
      <c r="Z1872" s="76"/>
      <c r="AA1872" s="85"/>
      <c r="AB1872" s="85"/>
      <c r="AC1872" s="85"/>
      <c r="AD1872" s="85"/>
      <c r="AE1872" s="85"/>
      <c r="AF1872" s="85"/>
      <c r="AG1872" s="86"/>
      <c r="AH1872" s="85"/>
      <c r="AI1872" s="85"/>
      <c r="AJ1872" s="85"/>
      <c r="AK1872" s="85"/>
      <c r="AL1872" s="85"/>
      <c r="AM1872" s="92"/>
      <c r="AN1872" s="92"/>
      <c r="AO1872" s="92"/>
      <c r="AP1872" s="92"/>
      <c r="AQ1872" s="92"/>
      <c r="AR1872" s="92"/>
      <c r="AS1872" s="92"/>
      <c r="AT1872" s="92"/>
      <c r="AU1872" s="92"/>
      <c r="AV1872" s="92"/>
      <c r="AW1872" s="92"/>
      <c r="AX1872" s="92"/>
      <c r="AY1872" s="92"/>
      <c r="AZ1872" s="93"/>
      <c r="BA1872" s="93"/>
      <c r="BB1872" s="93"/>
      <c r="BC1872" s="93"/>
      <c r="BD1872" s="93"/>
      <c r="BE1872" s="93"/>
      <c r="BF1872" s="93"/>
      <c r="BG1872" s="93"/>
      <c r="BH1872" s="93"/>
      <c r="BI1872" s="93"/>
      <c r="BJ1872" s="93"/>
      <c r="BK1872" s="93"/>
      <c r="BL1872" s="93"/>
    </row>
    <row r="1873" spans="2:64" x14ac:dyDescent="0.2">
      <c r="B1873" s="43"/>
      <c r="C1873" s="73"/>
      <c r="D1873" s="64"/>
      <c r="E1873" s="55"/>
      <c r="F1873" s="74"/>
      <c r="G1873" s="74"/>
      <c r="H1873" s="74"/>
      <c r="I1873" s="75"/>
      <c r="J1873" s="74"/>
      <c r="L1873" s="55"/>
      <c r="M1873" s="234"/>
      <c r="N1873" s="65"/>
      <c r="O1873" s="76"/>
      <c r="P1873" s="76"/>
      <c r="Q1873" s="65"/>
      <c r="R1873" s="76"/>
      <c r="S1873" s="76"/>
      <c r="T1873" s="76"/>
      <c r="U1873" s="76"/>
      <c r="V1873" s="76"/>
      <c r="W1873" s="76"/>
      <c r="X1873" s="76"/>
      <c r="Y1873" s="76"/>
      <c r="Z1873" s="76"/>
      <c r="AA1873" s="85"/>
      <c r="AB1873" s="85"/>
      <c r="AC1873" s="85"/>
      <c r="AD1873" s="85"/>
      <c r="AE1873" s="85"/>
      <c r="AF1873" s="85"/>
      <c r="AG1873" s="86"/>
      <c r="AH1873" s="85"/>
      <c r="AI1873" s="85"/>
      <c r="AJ1873" s="85"/>
      <c r="AK1873" s="85"/>
      <c r="AL1873" s="85"/>
      <c r="AM1873" s="92"/>
      <c r="AN1873" s="92"/>
      <c r="AO1873" s="92"/>
      <c r="AP1873" s="92"/>
      <c r="AQ1873" s="92"/>
      <c r="AR1873" s="92"/>
      <c r="AS1873" s="92"/>
      <c r="AT1873" s="92"/>
      <c r="AU1873" s="92"/>
      <c r="AV1873" s="92"/>
      <c r="AW1873" s="92"/>
      <c r="AX1873" s="92"/>
      <c r="AY1873" s="92"/>
      <c r="AZ1873" s="93"/>
      <c r="BA1873" s="93"/>
      <c r="BB1873" s="93"/>
      <c r="BC1873" s="93"/>
      <c r="BD1873" s="93"/>
      <c r="BE1873" s="93"/>
      <c r="BF1873" s="93"/>
      <c r="BG1873" s="93"/>
      <c r="BH1873" s="93"/>
      <c r="BI1873" s="93"/>
      <c r="BJ1873" s="93"/>
      <c r="BK1873" s="93"/>
      <c r="BL1873" s="93"/>
    </row>
    <row r="1874" spans="2:64" x14ac:dyDescent="0.2">
      <c r="B1874" s="43"/>
      <c r="C1874" s="73"/>
      <c r="D1874" s="64"/>
      <c r="E1874" s="55"/>
      <c r="F1874" s="74"/>
      <c r="G1874" s="74"/>
      <c r="H1874" s="74"/>
      <c r="I1874" s="75"/>
      <c r="J1874" s="74"/>
      <c r="L1874" s="55"/>
      <c r="M1874" s="234"/>
      <c r="N1874" s="65"/>
      <c r="O1874" s="76"/>
      <c r="P1874" s="76"/>
      <c r="Q1874" s="65"/>
      <c r="R1874" s="76"/>
      <c r="S1874" s="76"/>
      <c r="T1874" s="76"/>
      <c r="U1874" s="76"/>
      <c r="V1874" s="76"/>
      <c r="W1874" s="76"/>
      <c r="X1874" s="76"/>
      <c r="Y1874" s="76"/>
      <c r="Z1874" s="76"/>
      <c r="AA1874" s="85"/>
      <c r="AB1874" s="85"/>
      <c r="AC1874" s="85"/>
      <c r="AD1874" s="85"/>
      <c r="AE1874" s="85"/>
      <c r="AF1874" s="85"/>
      <c r="AG1874" s="86"/>
      <c r="AH1874" s="85"/>
      <c r="AI1874" s="85"/>
      <c r="AJ1874" s="85"/>
      <c r="AK1874" s="85"/>
      <c r="AL1874" s="85"/>
      <c r="AM1874" s="92"/>
      <c r="AN1874" s="92"/>
      <c r="AO1874" s="92"/>
      <c r="AP1874" s="92"/>
      <c r="AQ1874" s="92"/>
      <c r="AR1874" s="92"/>
      <c r="AS1874" s="92"/>
      <c r="AT1874" s="92"/>
      <c r="AU1874" s="92"/>
      <c r="AV1874" s="92"/>
      <c r="AW1874" s="92"/>
      <c r="AX1874" s="92"/>
      <c r="AY1874" s="92"/>
      <c r="AZ1874" s="93"/>
      <c r="BA1874" s="93"/>
      <c r="BB1874" s="93"/>
      <c r="BC1874" s="93"/>
      <c r="BD1874" s="93"/>
      <c r="BE1874" s="93"/>
      <c r="BF1874" s="93"/>
      <c r="BG1874" s="93"/>
      <c r="BH1874" s="93"/>
      <c r="BI1874" s="93"/>
      <c r="BJ1874" s="93"/>
      <c r="BK1874" s="93"/>
      <c r="BL1874" s="93"/>
    </row>
    <row r="1875" spans="2:64" x14ac:dyDescent="0.2">
      <c r="B1875" s="43"/>
      <c r="C1875" s="73"/>
      <c r="D1875" s="64"/>
      <c r="E1875" s="55"/>
      <c r="F1875" s="74"/>
      <c r="G1875" s="74"/>
      <c r="H1875" s="74"/>
      <c r="I1875" s="75"/>
      <c r="J1875" s="74"/>
      <c r="L1875" s="55"/>
      <c r="M1875" s="234"/>
      <c r="N1875" s="65"/>
      <c r="O1875" s="76"/>
      <c r="P1875" s="76"/>
      <c r="Q1875" s="65"/>
      <c r="R1875" s="76"/>
      <c r="S1875" s="76"/>
      <c r="T1875" s="76"/>
      <c r="U1875" s="76"/>
      <c r="V1875" s="76"/>
      <c r="W1875" s="76"/>
      <c r="X1875" s="76"/>
      <c r="Y1875" s="76"/>
      <c r="Z1875" s="76"/>
      <c r="AA1875" s="85"/>
      <c r="AB1875" s="85"/>
      <c r="AC1875" s="85"/>
      <c r="AD1875" s="85"/>
      <c r="AE1875" s="85"/>
      <c r="AF1875" s="85"/>
      <c r="AG1875" s="86"/>
      <c r="AH1875" s="85"/>
      <c r="AI1875" s="85"/>
      <c r="AJ1875" s="85"/>
      <c r="AK1875" s="85"/>
      <c r="AL1875" s="85"/>
      <c r="AM1875" s="92"/>
      <c r="AN1875" s="92"/>
      <c r="AO1875" s="92"/>
      <c r="AP1875" s="92"/>
      <c r="AQ1875" s="92"/>
      <c r="AR1875" s="92"/>
      <c r="AS1875" s="92"/>
      <c r="AT1875" s="92"/>
      <c r="AU1875" s="92"/>
      <c r="AV1875" s="92"/>
      <c r="AW1875" s="92"/>
      <c r="AX1875" s="92"/>
      <c r="AY1875" s="92"/>
      <c r="AZ1875" s="93"/>
      <c r="BA1875" s="93"/>
      <c r="BB1875" s="93"/>
      <c r="BC1875" s="93"/>
      <c r="BD1875" s="93"/>
      <c r="BE1875" s="93"/>
      <c r="BF1875" s="93"/>
      <c r="BG1875" s="93"/>
      <c r="BH1875" s="93"/>
      <c r="BI1875" s="93"/>
      <c r="BJ1875" s="93"/>
      <c r="BK1875" s="93"/>
      <c r="BL1875" s="93"/>
    </row>
    <row r="1876" spans="2:64" x14ac:dyDescent="0.2">
      <c r="B1876" s="43"/>
      <c r="C1876" s="73"/>
      <c r="D1876" s="64"/>
      <c r="E1876" s="55"/>
      <c r="F1876" s="74"/>
      <c r="G1876" s="74"/>
      <c r="H1876" s="74"/>
      <c r="I1876" s="75"/>
      <c r="J1876" s="74"/>
      <c r="L1876" s="55"/>
      <c r="M1876" s="234"/>
      <c r="N1876" s="65"/>
      <c r="O1876" s="76"/>
      <c r="P1876" s="76"/>
      <c r="Q1876" s="65"/>
      <c r="R1876" s="76"/>
      <c r="S1876" s="76"/>
      <c r="T1876" s="76"/>
      <c r="U1876" s="76"/>
      <c r="V1876" s="76"/>
      <c r="W1876" s="76"/>
      <c r="X1876" s="76"/>
      <c r="Y1876" s="76"/>
      <c r="Z1876" s="76"/>
      <c r="AA1876" s="85"/>
      <c r="AB1876" s="85"/>
      <c r="AC1876" s="85"/>
      <c r="AD1876" s="85"/>
      <c r="AE1876" s="85"/>
      <c r="AF1876" s="85"/>
      <c r="AG1876" s="86"/>
      <c r="AH1876" s="85"/>
      <c r="AI1876" s="85"/>
      <c r="AJ1876" s="85"/>
      <c r="AK1876" s="85"/>
      <c r="AL1876" s="85"/>
      <c r="AM1876" s="92"/>
      <c r="AN1876" s="92"/>
      <c r="AO1876" s="92"/>
      <c r="AP1876" s="92"/>
      <c r="AQ1876" s="92"/>
      <c r="AR1876" s="92"/>
      <c r="AS1876" s="92"/>
      <c r="AT1876" s="92"/>
      <c r="AU1876" s="92"/>
      <c r="AV1876" s="92"/>
      <c r="AW1876" s="92"/>
      <c r="AX1876" s="92"/>
      <c r="AY1876" s="92"/>
      <c r="AZ1876" s="93"/>
      <c r="BA1876" s="93"/>
      <c r="BB1876" s="93"/>
      <c r="BC1876" s="93"/>
      <c r="BD1876" s="93"/>
      <c r="BE1876" s="93"/>
      <c r="BF1876" s="93"/>
      <c r="BG1876" s="93"/>
      <c r="BH1876" s="93"/>
      <c r="BI1876" s="93"/>
      <c r="BJ1876" s="93"/>
      <c r="BK1876" s="93"/>
      <c r="BL1876" s="93"/>
    </row>
    <row r="1877" spans="2:64" x14ac:dyDescent="0.2">
      <c r="B1877" s="43"/>
      <c r="C1877" s="73"/>
      <c r="D1877" s="64"/>
      <c r="E1877" s="55"/>
      <c r="F1877" s="74"/>
      <c r="G1877" s="74"/>
      <c r="H1877" s="74"/>
      <c r="I1877" s="75"/>
      <c r="J1877" s="74"/>
      <c r="L1877" s="55"/>
      <c r="M1877" s="234"/>
      <c r="N1877" s="65"/>
      <c r="O1877" s="76"/>
      <c r="P1877" s="76"/>
      <c r="Q1877" s="65"/>
      <c r="R1877" s="76"/>
      <c r="S1877" s="76"/>
      <c r="T1877" s="76"/>
      <c r="U1877" s="76"/>
      <c r="V1877" s="76"/>
      <c r="W1877" s="76"/>
      <c r="X1877" s="76"/>
      <c r="Y1877" s="76"/>
      <c r="Z1877" s="76"/>
      <c r="AA1877" s="85"/>
      <c r="AB1877" s="85"/>
      <c r="AC1877" s="85"/>
      <c r="AD1877" s="85"/>
      <c r="AE1877" s="85"/>
      <c r="AF1877" s="85"/>
      <c r="AG1877" s="86"/>
      <c r="AH1877" s="85"/>
      <c r="AI1877" s="85"/>
      <c r="AJ1877" s="85"/>
      <c r="AK1877" s="85"/>
      <c r="AL1877" s="85"/>
      <c r="AM1877" s="92"/>
      <c r="AN1877" s="92"/>
      <c r="AO1877" s="92"/>
      <c r="AP1877" s="92"/>
      <c r="AQ1877" s="92"/>
      <c r="AR1877" s="92"/>
      <c r="AS1877" s="92"/>
      <c r="AT1877" s="92"/>
      <c r="AU1877" s="92"/>
      <c r="AV1877" s="92"/>
      <c r="AW1877" s="92"/>
      <c r="AX1877" s="92"/>
      <c r="AY1877" s="92"/>
      <c r="AZ1877" s="93"/>
      <c r="BA1877" s="93"/>
      <c r="BB1877" s="93"/>
      <c r="BC1877" s="93"/>
      <c r="BD1877" s="93"/>
      <c r="BE1877" s="93"/>
      <c r="BF1877" s="93"/>
      <c r="BG1877" s="93"/>
      <c r="BH1877" s="93"/>
      <c r="BI1877" s="93"/>
      <c r="BJ1877" s="93"/>
      <c r="BK1877" s="93"/>
      <c r="BL1877" s="93"/>
    </row>
    <row r="1878" spans="2:64" x14ac:dyDescent="0.2">
      <c r="B1878" s="43"/>
      <c r="C1878" s="73"/>
      <c r="D1878" s="64"/>
      <c r="E1878" s="55"/>
      <c r="F1878" s="74"/>
      <c r="G1878" s="74"/>
      <c r="H1878" s="74"/>
      <c r="I1878" s="75"/>
      <c r="J1878" s="74"/>
      <c r="L1878" s="55"/>
      <c r="M1878" s="234"/>
      <c r="N1878" s="65"/>
      <c r="O1878" s="76"/>
      <c r="P1878" s="76"/>
      <c r="Q1878" s="65"/>
      <c r="R1878" s="76"/>
      <c r="S1878" s="76"/>
      <c r="T1878" s="76"/>
      <c r="U1878" s="76"/>
      <c r="V1878" s="76"/>
      <c r="W1878" s="76"/>
      <c r="X1878" s="76"/>
      <c r="Y1878" s="76"/>
      <c r="Z1878" s="76"/>
      <c r="AA1878" s="85"/>
      <c r="AB1878" s="85"/>
      <c r="AC1878" s="85"/>
      <c r="AD1878" s="85"/>
      <c r="AE1878" s="85"/>
      <c r="AF1878" s="85"/>
      <c r="AG1878" s="86"/>
      <c r="AH1878" s="85"/>
      <c r="AI1878" s="85"/>
      <c r="AJ1878" s="85"/>
      <c r="AK1878" s="85"/>
      <c r="AL1878" s="85"/>
      <c r="AM1878" s="92"/>
      <c r="AN1878" s="92"/>
      <c r="AO1878" s="92"/>
      <c r="AP1878" s="92"/>
      <c r="AQ1878" s="92"/>
      <c r="AR1878" s="92"/>
      <c r="AS1878" s="92"/>
      <c r="AT1878" s="92"/>
      <c r="AU1878" s="92"/>
      <c r="AV1878" s="92"/>
      <c r="AW1878" s="92"/>
      <c r="AX1878" s="92"/>
      <c r="AY1878" s="92"/>
      <c r="AZ1878" s="93"/>
      <c r="BA1878" s="93"/>
      <c r="BB1878" s="93"/>
      <c r="BC1878" s="93"/>
      <c r="BD1878" s="93"/>
      <c r="BE1878" s="93"/>
      <c r="BF1878" s="93"/>
      <c r="BG1878" s="93"/>
      <c r="BH1878" s="93"/>
      <c r="BI1878" s="93"/>
      <c r="BJ1878" s="93"/>
      <c r="BK1878" s="93"/>
      <c r="BL1878" s="93"/>
    </row>
    <row r="1879" spans="2:64" x14ac:dyDescent="0.2">
      <c r="B1879" s="43"/>
      <c r="C1879" s="73"/>
      <c r="D1879" s="64"/>
      <c r="E1879" s="55"/>
      <c r="F1879" s="74"/>
      <c r="G1879" s="74"/>
      <c r="H1879" s="74"/>
      <c r="I1879" s="75"/>
      <c r="J1879" s="74"/>
      <c r="L1879" s="55"/>
      <c r="M1879" s="234"/>
      <c r="N1879" s="65"/>
      <c r="O1879" s="76"/>
      <c r="P1879" s="76"/>
      <c r="Q1879" s="65"/>
      <c r="R1879" s="76"/>
      <c r="S1879" s="76"/>
      <c r="T1879" s="76"/>
      <c r="U1879" s="76"/>
      <c r="V1879" s="76"/>
      <c r="W1879" s="76"/>
      <c r="X1879" s="76"/>
      <c r="Y1879" s="76"/>
      <c r="Z1879" s="76"/>
      <c r="AA1879" s="85"/>
      <c r="AB1879" s="85"/>
      <c r="AC1879" s="85"/>
      <c r="AD1879" s="85"/>
      <c r="AE1879" s="85"/>
      <c r="AF1879" s="85"/>
      <c r="AG1879" s="86"/>
      <c r="AH1879" s="85"/>
      <c r="AI1879" s="85"/>
      <c r="AJ1879" s="85"/>
      <c r="AK1879" s="85"/>
      <c r="AL1879" s="85"/>
      <c r="AM1879" s="92"/>
      <c r="AN1879" s="92"/>
      <c r="AO1879" s="92"/>
      <c r="AP1879" s="92"/>
      <c r="AQ1879" s="92"/>
      <c r="AR1879" s="92"/>
      <c r="AS1879" s="92"/>
      <c r="AT1879" s="92"/>
      <c r="AU1879" s="92"/>
      <c r="AV1879" s="92"/>
      <c r="AW1879" s="92"/>
      <c r="AX1879" s="92"/>
      <c r="AY1879" s="92"/>
      <c r="AZ1879" s="93"/>
      <c r="BA1879" s="93"/>
      <c r="BB1879" s="93"/>
      <c r="BC1879" s="93"/>
      <c r="BD1879" s="93"/>
      <c r="BE1879" s="93"/>
      <c r="BF1879" s="93"/>
      <c r="BG1879" s="93"/>
      <c r="BH1879" s="93"/>
      <c r="BI1879" s="93"/>
      <c r="BJ1879" s="93"/>
      <c r="BK1879" s="93"/>
      <c r="BL1879" s="93"/>
    </row>
    <row r="1880" spans="2:64" x14ac:dyDescent="0.2">
      <c r="B1880" s="43"/>
      <c r="C1880" s="73"/>
      <c r="D1880" s="64"/>
      <c r="E1880" s="55"/>
      <c r="F1880" s="74"/>
      <c r="G1880" s="74"/>
      <c r="H1880" s="74"/>
      <c r="I1880" s="75"/>
      <c r="J1880" s="74"/>
      <c r="L1880" s="55"/>
      <c r="M1880" s="234"/>
      <c r="N1880" s="65"/>
      <c r="O1880" s="76"/>
      <c r="P1880" s="76"/>
      <c r="Q1880" s="65"/>
      <c r="R1880" s="76"/>
      <c r="S1880" s="76"/>
      <c r="T1880" s="76"/>
      <c r="U1880" s="76"/>
      <c r="V1880" s="76"/>
      <c r="W1880" s="76"/>
      <c r="X1880" s="76"/>
      <c r="Y1880" s="76"/>
      <c r="Z1880" s="76"/>
      <c r="AA1880" s="85"/>
      <c r="AB1880" s="85"/>
      <c r="AC1880" s="85"/>
      <c r="AD1880" s="85"/>
      <c r="AE1880" s="85"/>
      <c r="AF1880" s="85"/>
      <c r="AG1880" s="86"/>
      <c r="AH1880" s="85"/>
      <c r="AI1880" s="85"/>
      <c r="AJ1880" s="85"/>
      <c r="AK1880" s="85"/>
      <c r="AL1880" s="85"/>
      <c r="AM1880" s="92"/>
      <c r="AN1880" s="92"/>
      <c r="AO1880" s="92"/>
      <c r="AP1880" s="92"/>
      <c r="AQ1880" s="92"/>
      <c r="AR1880" s="92"/>
      <c r="AS1880" s="92"/>
      <c r="AT1880" s="92"/>
      <c r="AU1880" s="92"/>
      <c r="AV1880" s="92"/>
      <c r="AW1880" s="92"/>
      <c r="AX1880" s="92"/>
      <c r="AY1880" s="92"/>
      <c r="AZ1880" s="93"/>
      <c r="BA1880" s="93"/>
      <c r="BB1880" s="93"/>
      <c r="BC1880" s="93"/>
      <c r="BD1880" s="93"/>
      <c r="BE1880" s="93"/>
      <c r="BF1880" s="93"/>
      <c r="BG1880" s="93"/>
      <c r="BH1880" s="93"/>
      <c r="BI1880" s="93"/>
      <c r="BJ1880" s="93"/>
      <c r="BK1880" s="93"/>
      <c r="BL1880" s="93"/>
    </row>
    <row r="1881" spans="2:64" x14ac:dyDescent="0.2">
      <c r="B1881" s="43"/>
      <c r="C1881" s="73"/>
      <c r="D1881" s="64"/>
      <c r="E1881" s="55"/>
      <c r="F1881" s="74"/>
      <c r="G1881" s="74"/>
      <c r="H1881" s="74"/>
      <c r="I1881" s="75"/>
      <c r="J1881" s="74"/>
      <c r="L1881" s="55"/>
      <c r="M1881" s="234"/>
      <c r="N1881" s="65"/>
      <c r="O1881" s="76"/>
      <c r="P1881" s="76"/>
      <c r="Q1881" s="65"/>
      <c r="R1881" s="76"/>
      <c r="S1881" s="76"/>
      <c r="T1881" s="76"/>
      <c r="U1881" s="76"/>
      <c r="V1881" s="76"/>
      <c r="W1881" s="76"/>
      <c r="X1881" s="76"/>
      <c r="Y1881" s="76"/>
      <c r="Z1881" s="76"/>
      <c r="AA1881" s="85"/>
      <c r="AB1881" s="85"/>
      <c r="AC1881" s="85"/>
      <c r="AD1881" s="85"/>
      <c r="AE1881" s="85"/>
      <c r="AF1881" s="85"/>
      <c r="AG1881" s="86"/>
      <c r="AH1881" s="85"/>
      <c r="AI1881" s="85"/>
      <c r="AJ1881" s="85"/>
      <c r="AK1881" s="85"/>
      <c r="AL1881" s="85"/>
      <c r="AM1881" s="92"/>
      <c r="AN1881" s="92"/>
      <c r="AO1881" s="92"/>
      <c r="AP1881" s="92"/>
      <c r="AQ1881" s="92"/>
      <c r="AR1881" s="92"/>
      <c r="AS1881" s="92"/>
      <c r="AT1881" s="92"/>
      <c r="AU1881" s="92"/>
      <c r="AV1881" s="92"/>
      <c r="AW1881" s="92"/>
      <c r="AX1881" s="92"/>
      <c r="AY1881" s="92"/>
      <c r="AZ1881" s="93"/>
      <c r="BA1881" s="93"/>
      <c r="BB1881" s="93"/>
      <c r="BC1881" s="93"/>
      <c r="BD1881" s="93"/>
      <c r="BE1881" s="93"/>
      <c r="BF1881" s="93"/>
      <c r="BG1881" s="93"/>
      <c r="BH1881" s="93"/>
      <c r="BI1881" s="93"/>
      <c r="BJ1881" s="93"/>
      <c r="BK1881" s="93"/>
      <c r="BL1881" s="93"/>
    </row>
    <row r="1882" spans="2:64" x14ac:dyDescent="0.2">
      <c r="B1882" s="43"/>
      <c r="C1882" s="73"/>
      <c r="D1882" s="64"/>
      <c r="E1882" s="55"/>
      <c r="F1882" s="74"/>
      <c r="G1882" s="74"/>
      <c r="H1882" s="74"/>
      <c r="I1882" s="75"/>
      <c r="J1882" s="74"/>
      <c r="L1882" s="55"/>
      <c r="M1882" s="234"/>
      <c r="N1882" s="65"/>
      <c r="O1882" s="76"/>
      <c r="P1882" s="76"/>
      <c r="Q1882" s="65"/>
      <c r="R1882" s="76"/>
      <c r="S1882" s="76"/>
      <c r="T1882" s="76"/>
      <c r="U1882" s="76"/>
      <c r="V1882" s="76"/>
      <c r="W1882" s="76"/>
      <c r="X1882" s="76"/>
      <c r="Y1882" s="76"/>
      <c r="Z1882" s="76"/>
      <c r="AA1882" s="85"/>
      <c r="AB1882" s="85"/>
      <c r="AC1882" s="85"/>
      <c r="AD1882" s="85"/>
      <c r="AE1882" s="85"/>
      <c r="AF1882" s="85"/>
      <c r="AG1882" s="86"/>
      <c r="AH1882" s="85"/>
      <c r="AI1882" s="85"/>
      <c r="AJ1882" s="85"/>
      <c r="AK1882" s="85"/>
      <c r="AL1882" s="85"/>
      <c r="AM1882" s="92"/>
      <c r="AN1882" s="92"/>
      <c r="AO1882" s="92"/>
      <c r="AP1882" s="92"/>
      <c r="AQ1882" s="92"/>
      <c r="AR1882" s="92"/>
      <c r="AS1882" s="92"/>
      <c r="AT1882" s="92"/>
      <c r="AU1882" s="92"/>
      <c r="AV1882" s="92"/>
      <c r="AW1882" s="92"/>
      <c r="AX1882" s="92"/>
      <c r="AY1882" s="92"/>
      <c r="AZ1882" s="93"/>
      <c r="BA1882" s="93"/>
      <c r="BB1882" s="93"/>
      <c r="BC1882" s="93"/>
      <c r="BD1882" s="93"/>
      <c r="BE1882" s="93"/>
      <c r="BF1882" s="93"/>
      <c r="BG1882" s="93"/>
      <c r="BH1882" s="93"/>
      <c r="BI1882" s="93"/>
      <c r="BJ1882" s="93"/>
      <c r="BK1882" s="93"/>
      <c r="BL1882" s="93"/>
    </row>
    <row r="1883" spans="2:64" x14ac:dyDescent="0.2">
      <c r="B1883" s="43"/>
      <c r="C1883" s="73"/>
      <c r="D1883" s="64"/>
      <c r="E1883" s="55"/>
      <c r="F1883" s="74"/>
      <c r="G1883" s="74"/>
      <c r="H1883" s="74"/>
      <c r="I1883" s="75"/>
      <c r="J1883" s="74"/>
      <c r="L1883" s="55"/>
      <c r="M1883" s="234"/>
      <c r="N1883" s="65"/>
      <c r="O1883" s="76"/>
      <c r="P1883" s="76"/>
      <c r="Q1883" s="65"/>
      <c r="R1883" s="76"/>
      <c r="S1883" s="76"/>
      <c r="T1883" s="76"/>
      <c r="U1883" s="76"/>
      <c r="V1883" s="76"/>
      <c r="W1883" s="76"/>
      <c r="X1883" s="76"/>
      <c r="Y1883" s="76"/>
      <c r="Z1883" s="76"/>
      <c r="AA1883" s="85"/>
      <c r="AB1883" s="85"/>
      <c r="AC1883" s="85"/>
      <c r="AD1883" s="85"/>
      <c r="AE1883" s="85"/>
      <c r="AF1883" s="85"/>
      <c r="AG1883" s="86"/>
      <c r="AH1883" s="85"/>
      <c r="AI1883" s="85"/>
      <c r="AJ1883" s="85"/>
      <c r="AK1883" s="85"/>
      <c r="AL1883" s="85"/>
      <c r="AM1883" s="92"/>
      <c r="AN1883" s="92"/>
      <c r="AO1883" s="92"/>
      <c r="AP1883" s="92"/>
      <c r="AQ1883" s="92"/>
      <c r="AR1883" s="92"/>
      <c r="AS1883" s="92"/>
      <c r="AT1883" s="92"/>
      <c r="AU1883" s="92"/>
      <c r="AV1883" s="92"/>
      <c r="AW1883" s="92"/>
      <c r="AX1883" s="92"/>
      <c r="AY1883" s="92"/>
      <c r="AZ1883" s="93"/>
      <c r="BA1883" s="93"/>
      <c r="BB1883" s="93"/>
      <c r="BC1883" s="93"/>
      <c r="BD1883" s="93"/>
      <c r="BE1883" s="93"/>
      <c r="BF1883" s="93"/>
      <c r="BG1883" s="93"/>
      <c r="BH1883" s="93"/>
      <c r="BI1883" s="93"/>
      <c r="BJ1883" s="93"/>
      <c r="BK1883" s="93"/>
      <c r="BL1883" s="93"/>
    </row>
    <row r="1884" spans="2:64" x14ac:dyDescent="0.2">
      <c r="B1884" s="43"/>
      <c r="C1884" s="73"/>
      <c r="D1884" s="64"/>
      <c r="E1884" s="55"/>
      <c r="F1884" s="74"/>
      <c r="G1884" s="74"/>
      <c r="H1884" s="74"/>
      <c r="I1884" s="75"/>
      <c r="J1884" s="74"/>
      <c r="L1884" s="55"/>
      <c r="M1884" s="234"/>
      <c r="N1884" s="65"/>
      <c r="O1884" s="76"/>
      <c r="P1884" s="76"/>
      <c r="Q1884" s="65"/>
      <c r="R1884" s="76"/>
      <c r="S1884" s="76"/>
      <c r="T1884" s="76"/>
      <c r="U1884" s="76"/>
      <c r="V1884" s="76"/>
      <c r="W1884" s="76"/>
      <c r="X1884" s="76"/>
      <c r="Y1884" s="76"/>
      <c r="Z1884" s="76"/>
      <c r="AA1884" s="85"/>
      <c r="AB1884" s="85"/>
      <c r="AC1884" s="85"/>
      <c r="AD1884" s="85"/>
      <c r="AE1884" s="85"/>
      <c r="AF1884" s="85"/>
      <c r="AG1884" s="86"/>
      <c r="AH1884" s="85"/>
      <c r="AI1884" s="85"/>
      <c r="AJ1884" s="85"/>
      <c r="AK1884" s="85"/>
      <c r="AL1884" s="85"/>
      <c r="AM1884" s="92"/>
      <c r="AN1884" s="92"/>
      <c r="AO1884" s="92"/>
      <c r="AP1884" s="92"/>
      <c r="AQ1884" s="92"/>
      <c r="AR1884" s="92"/>
      <c r="AS1884" s="92"/>
      <c r="AT1884" s="92"/>
      <c r="AU1884" s="92"/>
      <c r="AV1884" s="92"/>
      <c r="AW1884" s="92"/>
      <c r="AX1884" s="92"/>
      <c r="AY1884" s="92"/>
      <c r="AZ1884" s="93"/>
      <c r="BA1884" s="93"/>
      <c r="BB1884" s="93"/>
      <c r="BC1884" s="93"/>
      <c r="BD1884" s="93"/>
      <c r="BE1884" s="93"/>
      <c r="BF1884" s="93"/>
      <c r="BG1884" s="93"/>
      <c r="BH1884" s="93"/>
      <c r="BI1884" s="93"/>
      <c r="BJ1884" s="93"/>
      <c r="BK1884" s="93"/>
      <c r="BL1884" s="93"/>
    </row>
    <row r="1885" spans="2:64" x14ac:dyDescent="0.2">
      <c r="B1885" s="43"/>
      <c r="C1885" s="73"/>
      <c r="D1885" s="64"/>
      <c r="E1885" s="55"/>
      <c r="F1885" s="74"/>
      <c r="G1885" s="74"/>
      <c r="H1885" s="74"/>
      <c r="I1885" s="75"/>
      <c r="J1885" s="74"/>
      <c r="L1885" s="55"/>
      <c r="M1885" s="234"/>
      <c r="N1885" s="65"/>
      <c r="O1885" s="76"/>
      <c r="P1885" s="76"/>
      <c r="Q1885" s="65"/>
      <c r="R1885" s="76"/>
      <c r="S1885" s="76"/>
      <c r="T1885" s="76"/>
      <c r="U1885" s="76"/>
      <c r="V1885" s="76"/>
      <c r="W1885" s="76"/>
      <c r="X1885" s="76"/>
      <c r="Y1885" s="76"/>
      <c r="Z1885" s="76"/>
      <c r="AA1885" s="85"/>
      <c r="AB1885" s="85"/>
      <c r="AC1885" s="85"/>
      <c r="AD1885" s="85"/>
      <c r="AE1885" s="85"/>
      <c r="AF1885" s="85"/>
      <c r="AG1885" s="86"/>
      <c r="AH1885" s="85"/>
      <c r="AI1885" s="85"/>
      <c r="AJ1885" s="85"/>
      <c r="AK1885" s="85"/>
      <c r="AL1885" s="85"/>
      <c r="AM1885" s="92"/>
      <c r="AN1885" s="92"/>
      <c r="AO1885" s="92"/>
      <c r="AP1885" s="92"/>
      <c r="AQ1885" s="92"/>
      <c r="AR1885" s="92"/>
      <c r="AS1885" s="92"/>
      <c r="AT1885" s="92"/>
      <c r="AU1885" s="92"/>
      <c r="AV1885" s="92"/>
      <c r="AW1885" s="92"/>
      <c r="AX1885" s="92"/>
      <c r="AY1885" s="92"/>
      <c r="AZ1885" s="93"/>
      <c r="BA1885" s="93"/>
      <c r="BB1885" s="93"/>
      <c r="BC1885" s="93"/>
      <c r="BD1885" s="93"/>
      <c r="BE1885" s="93"/>
      <c r="BF1885" s="93"/>
      <c r="BG1885" s="93"/>
      <c r="BH1885" s="93"/>
      <c r="BI1885" s="93"/>
      <c r="BJ1885" s="93"/>
      <c r="BK1885" s="93"/>
      <c r="BL1885" s="93"/>
    </row>
    <row r="1886" spans="2:64" x14ac:dyDescent="0.2">
      <c r="B1886" s="43"/>
      <c r="C1886" s="73"/>
      <c r="D1886" s="64"/>
      <c r="E1886" s="55"/>
      <c r="F1886" s="74"/>
      <c r="G1886" s="74"/>
      <c r="H1886" s="74"/>
      <c r="I1886" s="75"/>
      <c r="J1886" s="74"/>
      <c r="L1886" s="55"/>
      <c r="M1886" s="234"/>
      <c r="N1886" s="65"/>
      <c r="O1886" s="76"/>
      <c r="P1886" s="76"/>
      <c r="Q1886" s="65"/>
      <c r="R1886" s="76"/>
      <c r="S1886" s="76"/>
      <c r="T1886" s="76"/>
      <c r="U1886" s="76"/>
      <c r="V1886" s="76"/>
      <c r="W1886" s="76"/>
      <c r="X1886" s="76"/>
      <c r="Y1886" s="76"/>
      <c r="Z1886" s="76"/>
      <c r="AA1886" s="85"/>
      <c r="AB1886" s="85"/>
      <c r="AC1886" s="85"/>
      <c r="AD1886" s="85"/>
      <c r="AE1886" s="85"/>
      <c r="AF1886" s="85"/>
      <c r="AG1886" s="86"/>
      <c r="AH1886" s="85"/>
      <c r="AI1886" s="85"/>
      <c r="AJ1886" s="85"/>
      <c r="AK1886" s="85"/>
      <c r="AL1886" s="85"/>
      <c r="AM1886" s="92"/>
      <c r="AN1886" s="92"/>
      <c r="AO1886" s="92"/>
      <c r="AP1886" s="92"/>
      <c r="AQ1886" s="92"/>
      <c r="AR1886" s="92"/>
      <c r="AS1886" s="92"/>
      <c r="AT1886" s="92"/>
      <c r="AU1886" s="92"/>
      <c r="AV1886" s="92"/>
      <c r="AW1886" s="92"/>
      <c r="AX1886" s="92"/>
      <c r="AY1886" s="92"/>
      <c r="AZ1886" s="93"/>
      <c r="BA1886" s="93"/>
      <c r="BB1886" s="93"/>
      <c r="BC1886" s="93"/>
      <c r="BD1886" s="93"/>
      <c r="BE1886" s="93"/>
      <c r="BF1886" s="93"/>
      <c r="BG1886" s="93"/>
      <c r="BH1886" s="93"/>
      <c r="BI1886" s="93"/>
      <c r="BJ1886" s="93"/>
      <c r="BK1886" s="93"/>
      <c r="BL1886" s="93"/>
    </row>
    <row r="1887" spans="2:64" x14ac:dyDescent="0.2">
      <c r="B1887" s="43"/>
      <c r="C1887" s="73"/>
      <c r="D1887" s="64"/>
      <c r="E1887" s="55"/>
      <c r="F1887" s="74"/>
      <c r="G1887" s="74"/>
      <c r="H1887" s="74"/>
      <c r="I1887" s="75"/>
      <c r="J1887" s="74"/>
      <c r="L1887" s="55"/>
      <c r="M1887" s="234"/>
      <c r="N1887" s="65"/>
      <c r="O1887" s="76"/>
      <c r="P1887" s="76"/>
      <c r="Q1887" s="65"/>
      <c r="R1887" s="76"/>
      <c r="S1887" s="76"/>
      <c r="T1887" s="76"/>
      <c r="U1887" s="76"/>
      <c r="V1887" s="76"/>
      <c r="W1887" s="76"/>
      <c r="X1887" s="76"/>
      <c r="Y1887" s="76"/>
      <c r="Z1887" s="76"/>
      <c r="AA1887" s="85"/>
      <c r="AB1887" s="85"/>
      <c r="AC1887" s="85"/>
      <c r="AD1887" s="85"/>
      <c r="AE1887" s="85"/>
      <c r="AF1887" s="85"/>
      <c r="AG1887" s="86"/>
      <c r="AH1887" s="85"/>
      <c r="AI1887" s="85"/>
      <c r="AJ1887" s="85"/>
      <c r="AK1887" s="85"/>
      <c r="AL1887" s="85"/>
      <c r="AM1887" s="92"/>
      <c r="AN1887" s="92"/>
      <c r="AO1887" s="92"/>
      <c r="AP1887" s="92"/>
      <c r="AQ1887" s="92"/>
      <c r="AR1887" s="92"/>
      <c r="AS1887" s="92"/>
      <c r="AT1887" s="92"/>
      <c r="AU1887" s="92"/>
      <c r="AV1887" s="92"/>
      <c r="AW1887" s="92"/>
      <c r="AX1887" s="92"/>
      <c r="AY1887" s="92"/>
      <c r="AZ1887" s="93"/>
      <c r="BA1887" s="93"/>
      <c r="BB1887" s="93"/>
      <c r="BC1887" s="93"/>
      <c r="BD1887" s="93"/>
      <c r="BE1887" s="93"/>
      <c r="BF1887" s="93"/>
      <c r="BG1887" s="93"/>
      <c r="BH1887" s="93"/>
      <c r="BI1887" s="93"/>
      <c r="BJ1887" s="93"/>
      <c r="BK1887" s="93"/>
      <c r="BL1887" s="93"/>
    </row>
    <row r="1888" spans="2:64" x14ac:dyDescent="0.2">
      <c r="B1888" s="43"/>
      <c r="C1888" s="73"/>
      <c r="D1888" s="64"/>
      <c r="E1888" s="55"/>
      <c r="F1888" s="74"/>
      <c r="G1888" s="74"/>
      <c r="H1888" s="74"/>
      <c r="I1888" s="75"/>
      <c r="J1888" s="74"/>
      <c r="L1888" s="55"/>
      <c r="M1888" s="234"/>
      <c r="N1888" s="65"/>
      <c r="O1888" s="76"/>
      <c r="P1888" s="76"/>
      <c r="Q1888" s="65"/>
      <c r="R1888" s="76"/>
      <c r="S1888" s="76"/>
      <c r="T1888" s="76"/>
      <c r="U1888" s="76"/>
      <c r="V1888" s="76"/>
      <c r="W1888" s="76"/>
      <c r="X1888" s="76"/>
      <c r="Y1888" s="76"/>
      <c r="Z1888" s="76"/>
      <c r="AA1888" s="85"/>
      <c r="AB1888" s="85"/>
      <c r="AC1888" s="85"/>
      <c r="AD1888" s="85"/>
      <c r="AE1888" s="85"/>
      <c r="AF1888" s="85"/>
      <c r="AG1888" s="86"/>
      <c r="AH1888" s="85"/>
      <c r="AI1888" s="85"/>
      <c r="AJ1888" s="85"/>
      <c r="AK1888" s="85"/>
      <c r="AL1888" s="85"/>
      <c r="AM1888" s="92"/>
      <c r="AN1888" s="92"/>
      <c r="AO1888" s="92"/>
      <c r="AP1888" s="92"/>
      <c r="AQ1888" s="92"/>
      <c r="AR1888" s="92"/>
      <c r="AS1888" s="92"/>
      <c r="AT1888" s="92"/>
      <c r="AU1888" s="92"/>
      <c r="AV1888" s="92"/>
      <c r="AW1888" s="92"/>
      <c r="AX1888" s="92"/>
      <c r="AY1888" s="92"/>
      <c r="AZ1888" s="93"/>
      <c r="BA1888" s="93"/>
      <c r="BB1888" s="93"/>
      <c r="BC1888" s="93"/>
      <c r="BD1888" s="93"/>
      <c r="BE1888" s="93"/>
      <c r="BF1888" s="93"/>
      <c r="BG1888" s="93"/>
      <c r="BH1888" s="93"/>
      <c r="BI1888" s="93"/>
      <c r="BJ1888" s="93"/>
      <c r="BK1888" s="93"/>
      <c r="BL1888" s="93"/>
    </row>
    <row r="1889" spans="2:64" x14ac:dyDescent="0.2">
      <c r="B1889" s="43"/>
      <c r="C1889" s="73"/>
      <c r="D1889" s="64"/>
      <c r="E1889" s="55"/>
      <c r="F1889" s="74"/>
      <c r="G1889" s="74"/>
      <c r="H1889" s="74"/>
      <c r="I1889" s="75"/>
      <c r="J1889" s="74"/>
      <c r="L1889" s="55"/>
      <c r="M1889" s="234"/>
      <c r="N1889" s="65"/>
      <c r="O1889" s="76"/>
      <c r="P1889" s="76"/>
      <c r="Q1889" s="65"/>
      <c r="R1889" s="76"/>
      <c r="S1889" s="76"/>
      <c r="T1889" s="76"/>
      <c r="U1889" s="76"/>
      <c r="V1889" s="76"/>
      <c r="W1889" s="76"/>
      <c r="X1889" s="76"/>
      <c r="Y1889" s="76"/>
      <c r="Z1889" s="76"/>
      <c r="AA1889" s="85"/>
      <c r="AB1889" s="85"/>
      <c r="AC1889" s="85"/>
      <c r="AD1889" s="85"/>
      <c r="AE1889" s="85"/>
      <c r="AF1889" s="85"/>
      <c r="AG1889" s="86"/>
      <c r="AH1889" s="85"/>
      <c r="AI1889" s="85"/>
      <c r="AJ1889" s="85"/>
      <c r="AK1889" s="85"/>
      <c r="AL1889" s="85"/>
      <c r="AM1889" s="92"/>
      <c r="AN1889" s="92"/>
      <c r="AO1889" s="92"/>
      <c r="AP1889" s="92"/>
      <c r="AQ1889" s="92"/>
      <c r="AR1889" s="92"/>
      <c r="AS1889" s="92"/>
      <c r="AT1889" s="92"/>
      <c r="AU1889" s="92"/>
      <c r="AV1889" s="92"/>
      <c r="AW1889" s="92"/>
      <c r="AX1889" s="92"/>
      <c r="AY1889" s="92"/>
      <c r="AZ1889" s="93"/>
      <c r="BA1889" s="93"/>
      <c r="BB1889" s="93"/>
      <c r="BC1889" s="93"/>
      <c r="BD1889" s="93"/>
      <c r="BE1889" s="93"/>
      <c r="BF1889" s="93"/>
      <c r="BG1889" s="93"/>
      <c r="BH1889" s="93"/>
      <c r="BI1889" s="93"/>
      <c r="BJ1889" s="93"/>
      <c r="BK1889" s="93"/>
      <c r="BL1889" s="93"/>
    </row>
    <row r="1890" spans="2:64" x14ac:dyDescent="0.2">
      <c r="B1890" s="43"/>
      <c r="C1890" s="73"/>
      <c r="D1890" s="64"/>
      <c r="E1890" s="55"/>
      <c r="F1890" s="74"/>
      <c r="G1890" s="74"/>
      <c r="H1890" s="74"/>
      <c r="I1890" s="75"/>
      <c r="J1890" s="74"/>
      <c r="L1890" s="55"/>
      <c r="M1890" s="234"/>
      <c r="N1890" s="65"/>
      <c r="O1890" s="76"/>
      <c r="P1890" s="76"/>
      <c r="Q1890" s="65"/>
      <c r="R1890" s="76"/>
      <c r="S1890" s="76"/>
      <c r="T1890" s="76"/>
      <c r="U1890" s="76"/>
      <c r="V1890" s="76"/>
      <c r="W1890" s="76"/>
      <c r="X1890" s="76"/>
      <c r="Y1890" s="76"/>
      <c r="Z1890" s="76"/>
      <c r="AA1890" s="85"/>
      <c r="AB1890" s="85"/>
      <c r="AC1890" s="85"/>
      <c r="AD1890" s="85"/>
      <c r="AE1890" s="85"/>
      <c r="AF1890" s="85"/>
      <c r="AG1890" s="86"/>
      <c r="AH1890" s="85"/>
      <c r="AI1890" s="85"/>
      <c r="AJ1890" s="85"/>
      <c r="AK1890" s="85"/>
      <c r="AL1890" s="85"/>
      <c r="AM1890" s="92"/>
      <c r="AN1890" s="92"/>
      <c r="AO1890" s="92"/>
      <c r="AP1890" s="92"/>
      <c r="AQ1890" s="92"/>
      <c r="AR1890" s="92"/>
      <c r="AS1890" s="92"/>
      <c r="AT1890" s="92"/>
      <c r="AU1890" s="92"/>
      <c r="AV1890" s="92"/>
      <c r="AW1890" s="92"/>
      <c r="AX1890" s="92"/>
      <c r="AY1890" s="92"/>
      <c r="AZ1890" s="93"/>
      <c r="BA1890" s="93"/>
      <c r="BB1890" s="93"/>
      <c r="BC1890" s="93"/>
      <c r="BD1890" s="93"/>
      <c r="BE1890" s="93"/>
      <c r="BF1890" s="93"/>
      <c r="BG1890" s="93"/>
      <c r="BH1890" s="93"/>
      <c r="BI1890" s="93"/>
      <c r="BJ1890" s="93"/>
      <c r="BK1890" s="93"/>
      <c r="BL1890" s="93"/>
    </row>
    <row r="1891" spans="2:64" x14ac:dyDescent="0.2">
      <c r="B1891" s="43"/>
      <c r="C1891" s="73"/>
      <c r="D1891" s="64"/>
      <c r="E1891" s="55"/>
      <c r="F1891" s="74"/>
      <c r="G1891" s="74"/>
      <c r="H1891" s="74"/>
      <c r="I1891" s="75"/>
      <c r="J1891" s="74"/>
      <c r="L1891" s="55"/>
      <c r="M1891" s="234"/>
      <c r="N1891" s="65"/>
      <c r="O1891" s="76"/>
      <c r="P1891" s="76"/>
      <c r="Q1891" s="65"/>
      <c r="R1891" s="76"/>
      <c r="S1891" s="76"/>
      <c r="T1891" s="76"/>
      <c r="U1891" s="76"/>
      <c r="V1891" s="76"/>
      <c r="W1891" s="76"/>
      <c r="X1891" s="76"/>
      <c r="Y1891" s="76"/>
      <c r="Z1891" s="76"/>
      <c r="AA1891" s="85"/>
      <c r="AB1891" s="85"/>
      <c r="AC1891" s="85"/>
      <c r="AD1891" s="85"/>
      <c r="AE1891" s="85"/>
      <c r="AF1891" s="85"/>
      <c r="AG1891" s="86"/>
      <c r="AH1891" s="85"/>
      <c r="AI1891" s="85"/>
      <c r="AJ1891" s="85"/>
      <c r="AK1891" s="85"/>
      <c r="AL1891" s="85"/>
      <c r="AM1891" s="92"/>
      <c r="AN1891" s="92"/>
      <c r="AO1891" s="92"/>
      <c r="AP1891" s="92"/>
      <c r="AQ1891" s="92"/>
      <c r="AR1891" s="92"/>
      <c r="AS1891" s="92"/>
      <c r="AT1891" s="92"/>
      <c r="AU1891" s="92"/>
      <c r="AV1891" s="92"/>
      <c r="AW1891" s="92"/>
      <c r="AX1891" s="92"/>
      <c r="AY1891" s="92"/>
      <c r="AZ1891" s="93"/>
      <c r="BA1891" s="93"/>
      <c r="BB1891" s="93"/>
      <c r="BC1891" s="93"/>
      <c r="BD1891" s="93"/>
      <c r="BE1891" s="93"/>
      <c r="BF1891" s="93"/>
      <c r="BG1891" s="93"/>
      <c r="BH1891" s="93"/>
      <c r="BI1891" s="93"/>
      <c r="BJ1891" s="93"/>
      <c r="BK1891" s="93"/>
      <c r="BL1891" s="93"/>
    </row>
    <row r="1892" spans="2:64" x14ac:dyDescent="0.2">
      <c r="B1892" s="43"/>
      <c r="C1892" s="73"/>
      <c r="D1892" s="64"/>
      <c r="E1892" s="55"/>
      <c r="F1892" s="74"/>
      <c r="G1892" s="74"/>
      <c r="H1892" s="74"/>
      <c r="I1892" s="75"/>
      <c r="J1892" s="74"/>
      <c r="L1892" s="55"/>
      <c r="M1892" s="234"/>
      <c r="N1892" s="65"/>
      <c r="O1892" s="76"/>
      <c r="P1892" s="76"/>
      <c r="Q1892" s="65"/>
      <c r="R1892" s="76"/>
      <c r="S1892" s="76"/>
      <c r="T1892" s="76"/>
      <c r="U1892" s="76"/>
      <c r="V1892" s="76"/>
      <c r="W1892" s="76"/>
      <c r="X1892" s="76"/>
      <c r="Y1892" s="76"/>
      <c r="Z1892" s="76"/>
      <c r="AA1892" s="85"/>
      <c r="AB1892" s="85"/>
      <c r="AC1892" s="85"/>
      <c r="AD1892" s="85"/>
      <c r="AE1892" s="85"/>
      <c r="AF1892" s="85"/>
      <c r="AG1892" s="86"/>
      <c r="AH1892" s="85"/>
      <c r="AI1892" s="85"/>
      <c r="AJ1892" s="85"/>
      <c r="AK1892" s="85"/>
      <c r="AL1892" s="85"/>
      <c r="AM1892" s="92"/>
      <c r="AN1892" s="92"/>
      <c r="AO1892" s="92"/>
      <c r="AP1892" s="92"/>
      <c r="AQ1892" s="92"/>
      <c r="AR1892" s="92"/>
      <c r="AS1892" s="92"/>
      <c r="AT1892" s="92"/>
      <c r="AU1892" s="92"/>
      <c r="AV1892" s="92"/>
      <c r="AW1892" s="92"/>
      <c r="AX1892" s="92"/>
      <c r="AY1892" s="92"/>
      <c r="AZ1892" s="93"/>
      <c r="BA1892" s="93"/>
      <c r="BB1892" s="93"/>
      <c r="BC1892" s="93"/>
      <c r="BD1892" s="93"/>
      <c r="BE1892" s="93"/>
      <c r="BF1892" s="93"/>
      <c r="BG1892" s="93"/>
      <c r="BH1892" s="93"/>
      <c r="BI1892" s="93"/>
      <c r="BJ1892" s="93"/>
      <c r="BK1892" s="93"/>
      <c r="BL1892" s="93"/>
    </row>
    <row r="1893" spans="2:64" x14ac:dyDescent="0.2">
      <c r="B1893" s="43"/>
      <c r="C1893" s="73"/>
      <c r="D1893" s="64"/>
      <c r="E1893" s="55"/>
      <c r="F1893" s="74"/>
      <c r="G1893" s="74"/>
      <c r="H1893" s="74"/>
      <c r="I1893" s="75"/>
      <c r="J1893" s="74"/>
      <c r="L1893" s="55"/>
      <c r="M1893" s="234"/>
      <c r="N1893" s="65"/>
      <c r="O1893" s="76"/>
      <c r="P1893" s="76"/>
      <c r="Q1893" s="65"/>
      <c r="R1893" s="76"/>
      <c r="S1893" s="76"/>
      <c r="T1893" s="76"/>
      <c r="U1893" s="76"/>
      <c r="V1893" s="76"/>
      <c r="W1893" s="76"/>
      <c r="X1893" s="76"/>
      <c r="Y1893" s="76"/>
      <c r="Z1893" s="76"/>
      <c r="AA1893" s="85"/>
      <c r="AB1893" s="85"/>
      <c r="AC1893" s="85"/>
      <c r="AD1893" s="85"/>
      <c r="AE1893" s="85"/>
      <c r="AF1893" s="85"/>
      <c r="AG1893" s="86"/>
      <c r="AH1893" s="85"/>
      <c r="AI1893" s="85"/>
      <c r="AJ1893" s="85"/>
      <c r="AK1893" s="85"/>
      <c r="AL1893" s="85"/>
      <c r="AM1893" s="92"/>
      <c r="AN1893" s="92"/>
      <c r="AO1893" s="92"/>
      <c r="AP1893" s="92"/>
      <c r="AQ1893" s="92"/>
      <c r="AR1893" s="92"/>
      <c r="AS1893" s="92"/>
      <c r="AT1893" s="92"/>
      <c r="AU1893" s="92"/>
      <c r="AV1893" s="92"/>
      <c r="AW1893" s="92"/>
      <c r="AX1893" s="92"/>
      <c r="AY1893" s="92"/>
      <c r="AZ1893" s="93"/>
      <c r="BA1893" s="93"/>
      <c r="BB1893" s="93"/>
      <c r="BC1893" s="93"/>
      <c r="BD1893" s="93"/>
      <c r="BE1893" s="93"/>
      <c r="BF1893" s="93"/>
      <c r="BG1893" s="93"/>
      <c r="BH1893" s="93"/>
      <c r="BI1893" s="93"/>
      <c r="BJ1893" s="93"/>
      <c r="BK1893" s="93"/>
      <c r="BL1893" s="93"/>
    </row>
    <row r="1894" spans="2:64" x14ac:dyDescent="0.2">
      <c r="B1894" s="43"/>
      <c r="C1894" s="73"/>
      <c r="D1894" s="64"/>
      <c r="E1894" s="55"/>
      <c r="F1894" s="74"/>
      <c r="G1894" s="74"/>
      <c r="H1894" s="74"/>
      <c r="I1894" s="75"/>
      <c r="J1894" s="74"/>
      <c r="L1894" s="55"/>
      <c r="M1894" s="234"/>
      <c r="N1894" s="65"/>
      <c r="O1894" s="76"/>
      <c r="P1894" s="76"/>
      <c r="Q1894" s="65"/>
      <c r="R1894" s="76"/>
      <c r="S1894" s="76"/>
      <c r="T1894" s="76"/>
      <c r="U1894" s="76"/>
      <c r="V1894" s="76"/>
      <c r="W1894" s="76"/>
      <c r="X1894" s="76"/>
      <c r="Y1894" s="76"/>
      <c r="Z1894" s="76"/>
      <c r="AA1894" s="85"/>
      <c r="AB1894" s="85"/>
      <c r="AC1894" s="85"/>
      <c r="AD1894" s="85"/>
      <c r="AE1894" s="85"/>
      <c r="AF1894" s="85"/>
      <c r="AG1894" s="86"/>
      <c r="AH1894" s="85"/>
      <c r="AI1894" s="85"/>
      <c r="AJ1894" s="85"/>
      <c r="AK1894" s="85"/>
      <c r="AL1894" s="85"/>
      <c r="AM1894" s="92"/>
      <c r="AN1894" s="92"/>
      <c r="AO1894" s="92"/>
      <c r="AP1894" s="92"/>
      <c r="AQ1894" s="92"/>
      <c r="AR1894" s="92"/>
      <c r="AS1894" s="92"/>
      <c r="AT1894" s="92"/>
      <c r="AU1894" s="92"/>
      <c r="AV1894" s="92"/>
      <c r="AW1894" s="92"/>
      <c r="AX1894" s="92"/>
      <c r="AY1894" s="92"/>
      <c r="AZ1894" s="93"/>
      <c r="BA1894" s="93"/>
      <c r="BB1894" s="93"/>
      <c r="BC1894" s="93"/>
      <c r="BD1894" s="93"/>
      <c r="BE1894" s="93"/>
      <c r="BF1894" s="93"/>
      <c r="BG1894" s="93"/>
      <c r="BH1894" s="93"/>
      <c r="BI1894" s="93"/>
      <c r="BJ1894" s="93"/>
      <c r="BK1894" s="93"/>
      <c r="BL1894" s="93"/>
    </row>
    <row r="1895" spans="2:64" x14ac:dyDescent="0.2">
      <c r="B1895" s="43"/>
      <c r="C1895" s="73"/>
      <c r="D1895" s="64"/>
      <c r="E1895" s="55"/>
      <c r="F1895" s="74"/>
      <c r="G1895" s="74"/>
      <c r="H1895" s="74"/>
      <c r="I1895" s="75"/>
      <c r="J1895" s="74"/>
      <c r="L1895" s="55"/>
      <c r="M1895" s="234"/>
      <c r="N1895" s="65"/>
      <c r="O1895" s="76"/>
      <c r="P1895" s="76"/>
      <c r="Q1895" s="65"/>
      <c r="R1895" s="76"/>
      <c r="S1895" s="76"/>
      <c r="T1895" s="76"/>
      <c r="U1895" s="76"/>
      <c r="V1895" s="76"/>
      <c r="W1895" s="76"/>
      <c r="X1895" s="76"/>
      <c r="Y1895" s="76"/>
      <c r="Z1895" s="76"/>
      <c r="AA1895" s="85"/>
      <c r="AB1895" s="85"/>
      <c r="AC1895" s="85"/>
      <c r="AD1895" s="85"/>
      <c r="AE1895" s="85"/>
      <c r="AF1895" s="85"/>
      <c r="AG1895" s="86"/>
      <c r="AH1895" s="85"/>
      <c r="AI1895" s="85"/>
      <c r="AJ1895" s="85"/>
      <c r="AK1895" s="85"/>
      <c r="AL1895" s="85"/>
      <c r="AM1895" s="92"/>
      <c r="AN1895" s="92"/>
      <c r="AO1895" s="92"/>
      <c r="AP1895" s="92"/>
      <c r="AQ1895" s="92"/>
      <c r="AR1895" s="92"/>
      <c r="AS1895" s="92"/>
      <c r="AT1895" s="92"/>
      <c r="AU1895" s="92"/>
      <c r="AV1895" s="92"/>
      <c r="AW1895" s="92"/>
      <c r="AX1895" s="92"/>
      <c r="AY1895" s="92"/>
      <c r="AZ1895" s="93"/>
      <c r="BA1895" s="93"/>
      <c r="BB1895" s="93"/>
      <c r="BC1895" s="93"/>
      <c r="BD1895" s="93"/>
      <c r="BE1895" s="93"/>
      <c r="BF1895" s="93"/>
      <c r="BG1895" s="93"/>
      <c r="BH1895" s="93"/>
      <c r="BI1895" s="93"/>
      <c r="BJ1895" s="93"/>
      <c r="BK1895" s="93"/>
      <c r="BL1895" s="93"/>
    </row>
    <row r="1896" spans="2:64" x14ac:dyDescent="0.2">
      <c r="B1896" s="43"/>
      <c r="C1896" s="73"/>
      <c r="D1896" s="64"/>
      <c r="E1896" s="55"/>
      <c r="F1896" s="74"/>
      <c r="G1896" s="74"/>
      <c r="H1896" s="74"/>
      <c r="I1896" s="75"/>
      <c r="J1896" s="74"/>
      <c r="L1896" s="55"/>
      <c r="M1896" s="234"/>
      <c r="N1896" s="65"/>
      <c r="O1896" s="76"/>
      <c r="P1896" s="76"/>
      <c r="Q1896" s="65"/>
      <c r="R1896" s="76"/>
      <c r="S1896" s="76"/>
      <c r="T1896" s="76"/>
      <c r="U1896" s="76"/>
      <c r="V1896" s="76"/>
      <c r="W1896" s="76"/>
      <c r="X1896" s="76"/>
      <c r="Y1896" s="76"/>
      <c r="Z1896" s="76"/>
      <c r="AA1896" s="85"/>
      <c r="AB1896" s="85"/>
      <c r="AC1896" s="85"/>
      <c r="AD1896" s="85"/>
      <c r="AE1896" s="85"/>
      <c r="AF1896" s="85"/>
      <c r="AG1896" s="86"/>
      <c r="AH1896" s="85"/>
      <c r="AI1896" s="85"/>
      <c r="AJ1896" s="85"/>
      <c r="AK1896" s="85"/>
      <c r="AL1896" s="85"/>
      <c r="AM1896" s="92"/>
      <c r="AN1896" s="92"/>
      <c r="AO1896" s="92"/>
      <c r="AP1896" s="92"/>
      <c r="AQ1896" s="92"/>
      <c r="AR1896" s="92"/>
      <c r="AS1896" s="92"/>
      <c r="AT1896" s="92"/>
      <c r="AU1896" s="92"/>
      <c r="AV1896" s="92"/>
      <c r="AW1896" s="92"/>
      <c r="AX1896" s="92"/>
      <c r="AY1896" s="92"/>
      <c r="AZ1896" s="93"/>
      <c r="BA1896" s="93"/>
      <c r="BB1896" s="93"/>
      <c r="BC1896" s="93"/>
      <c r="BD1896" s="93"/>
      <c r="BE1896" s="93"/>
      <c r="BF1896" s="93"/>
      <c r="BG1896" s="93"/>
      <c r="BH1896" s="93"/>
      <c r="BI1896" s="93"/>
      <c r="BJ1896" s="93"/>
      <c r="BK1896" s="93"/>
      <c r="BL1896" s="93"/>
    </row>
    <row r="1897" spans="2:64" x14ac:dyDescent="0.2">
      <c r="B1897" s="43"/>
      <c r="C1897" s="73"/>
      <c r="D1897" s="64"/>
      <c r="E1897" s="55"/>
      <c r="F1897" s="74"/>
      <c r="G1897" s="74"/>
      <c r="H1897" s="74"/>
      <c r="I1897" s="75"/>
      <c r="J1897" s="74"/>
      <c r="L1897" s="55"/>
      <c r="M1897" s="234"/>
      <c r="N1897" s="65"/>
      <c r="O1897" s="76"/>
      <c r="P1897" s="76"/>
      <c r="Q1897" s="65"/>
      <c r="R1897" s="76"/>
      <c r="S1897" s="76"/>
      <c r="T1897" s="76"/>
      <c r="U1897" s="76"/>
      <c r="V1897" s="76"/>
      <c r="W1897" s="76"/>
      <c r="X1897" s="76"/>
      <c r="Y1897" s="76"/>
      <c r="Z1897" s="76"/>
      <c r="AA1897" s="85"/>
      <c r="AB1897" s="85"/>
      <c r="AC1897" s="85"/>
      <c r="AD1897" s="85"/>
      <c r="AE1897" s="85"/>
      <c r="AF1897" s="85"/>
      <c r="AG1897" s="86"/>
      <c r="AH1897" s="85"/>
      <c r="AI1897" s="85"/>
      <c r="AJ1897" s="85"/>
      <c r="AK1897" s="85"/>
      <c r="AL1897" s="85"/>
      <c r="AM1897" s="92"/>
      <c r="AN1897" s="92"/>
      <c r="AO1897" s="92"/>
      <c r="AP1897" s="92"/>
      <c r="AQ1897" s="92"/>
      <c r="AR1897" s="92"/>
      <c r="AS1897" s="92"/>
      <c r="AT1897" s="92"/>
      <c r="AU1897" s="92"/>
      <c r="AV1897" s="92"/>
      <c r="AW1897" s="92"/>
      <c r="AX1897" s="92"/>
      <c r="AY1897" s="92"/>
      <c r="AZ1897" s="93"/>
      <c r="BA1897" s="93"/>
      <c r="BB1897" s="93"/>
      <c r="BC1897" s="93"/>
      <c r="BD1897" s="93"/>
      <c r="BE1897" s="93"/>
      <c r="BF1897" s="93"/>
      <c r="BG1897" s="93"/>
      <c r="BH1897" s="93"/>
      <c r="BI1897" s="93"/>
      <c r="BJ1897" s="93"/>
      <c r="BK1897" s="93"/>
      <c r="BL1897" s="93"/>
    </row>
    <row r="1898" spans="2:64" x14ac:dyDescent="0.2">
      <c r="B1898" s="43"/>
      <c r="C1898" s="73"/>
      <c r="D1898" s="64"/>
      <c r="E1898" s="55"/>
      <c r="F1898" s="74"/>
      <c r="G1898" s="74"/>
      <c r="H1898" s="74"/>
      <c r="I1898" s="75"/>
      <c r="J1898" s="74"/>
      <c r="L1898" s="55"/>
      <c r="M1898" s="234"/>
      <c r="N1898" s="65"/>
      <c r="O1898" s="76"/>
      <c r="P1898" s="76"/>
      <c r="Q1898" s="65"/>
      <c r="R1898" s="76"/>
      <c r="S1898" s="76"/>
      <c r="T1898" s="76"/>
      <c r="U1898" s="76"/>
      <c r="V1898" s="76"/>
      <c r="W1898" s="76"/>
      <c r="X1898" s="76"/>
      <c r="Y1898" s="76"/>
      <c r="Z1898" s="76"/>
      <c r="AA1898" s="85"/>
      <c r="AB1898" s="85"/>
      <c r="AC1898" s="85"/>
      <c r="AD1898" s="85"/>
      <c r="AE1898" s="85"/>
      <c r="AF1898" s="85"/>
      <c r="AG1898" s="86"/>
      <c r="AH1898" s="85"/>
      <c r="AI1898" s="85"/>
      <c r="AJ1898" s="85"/>
      <c r="AK1898" s="85"/>
      <c r="AL1898" s="85"/>
      <c r="AM1898" s="92"/>
      <c r="AN1898" s="92"/>
      <c r="AO1898" s="92"/>
      <c r="AP1898" s="92"/>
      <c r="AQ1898" s="92"/>
      <c r="AR1898" s="92"/>
      <c r="AS1898" s="92"/>
      <c r="AT1898" s="92"/>
      <c r="AU1898" s="92"/>
      <c r="AV1898" s="92"/>
      <c r="AW1898" s="92"/>
      <c r="AX1898" s="92"/>
      <c r="AY1898" s="92"/>
      <c r="AZ1898" s="93"/>
      <c r="BA1898" s="93"/>
      <c r="BB1898" s="93"/>
      <c r="BC1898" s="93"/>
      <c r="BD1898" s="93"/>
      <c r="BE1898" s="93"/>
      <c r="BF1898" s="93"/>
      <c r="BG1898" s="93"/>
      <c r="BH1898" s="93"/>
      <c r="BI1898" s="93"/>
      <c r="BJ1898" s="93"/>
      <c r="BK1898" s="93"/>
      <c r="BL1898" s="93"/>
    </row>
    <row r="1899" spans="2:64" x14ac:dyDescent="0.2">
      <c r="B1899" s="43"/>
      <c r="C1899" s="73"/>
      <c r="D1899" s="64"/>
      <c r="E1899" s="55"/>
      <c r="F1899" s="74"/>
      <c r="G1899" s="74"/>
      <c r="H1899" s="74"/>
      <c r="I1899" s="75"/>
      <c r="J1899" s="74"/>
      <c r="L1899" s="55"/>
      <c r="M1899" s="234"/>
      <c r="N1899" s="65"/>
      <c r="O1899" s="76"/>
      <c r="P1899" s="76"/>
      <c r="Q1899" s="65"/>
      <c r="R1899" s="76"/>
      <c r="S1899" s="76"/>
      <c r="T1899" s="76"/>
      <c r="U1899" s="76"/>
      <c r="V1899" s="76"/>
      <c r="W1899" s="76"/>
      <c r="X1899" s="76"/>
      <c r="Y1899" s="76"/>
      <c r="Z1899" s="76"/>
      <c r="AA1899" s="85"/>
      <c r="AB1899" s="85"/>
      <c r="AC1899" s="85"/>
      <c r="AD1899" s="85"/>
      <c r="AE1899" s="85"/>
      <c r="AF1899" s="85"/>
      <c r="AG1899" s="86"/>
      <c r="AH1899" s="85"/>
      <c r="AI1899" s="85"/>
      <c r="AJ1899" s="85"/>
      <c r="AK1899" s="85"/>
      <c r="AL1899" s="85"/>
      <c r="AM1899" s="92"/>
      <c r="AN1899" s="92"/>
      <c r="AO1899" s="92"/>
      <c r="AP1899" s="92"/>
      <c r="AQ1899" s="92"/>
      <c r="AR1899" s="92"/>
      <c r="AS1899" s="92"/>
      <c r="AT1899" s="92"/>
      <c r="AU1899" s="92"/>
      <c r="AV1899" s="92"/>
      <c r="AW1899" s="92"/>
      <c r="AX1899" s="92"/>
      <c r="AY1899" s="92"/>
      <c r="AZ1899" s="93"/>
      <c r="BA1899" s="93"/>
      <c r="BB1899" s="93"/>
      <c r="BC1899" s="93"/>
      <c r="BD1899" s="93"/>
      <c r="BE1899" s="93"/>
      <c r="BF1899" s="93"/>
      <c r="BG1899" s="93"/>
      <c r="BH1899" s="93"/>
      <c r="BI1899" s="93"/>
      <c r="BJ1899" s="93"/>
      <c r="BK1899" s="93"/>
      <c r="BL1899" s="93"/>
    </row>
    <row r="1900" spans="2:64" x14ac:dyDescent="0.2">
      <c r="B1900" s="43"/>
      <c r="C1900" s="73"/>
      <c r="D1900" s="64"/>
      <c r="E1900" s="55"/>
      <c r="F1900" s="74"/>
      <c r="G1900" s="74"/>
      <c r="H1900" s="74"/>
      <c r="I1900" s="75"/>
      <c r="J1900" s="74"/>
      <c r="L1900" s="55"/>
      <c r="M1900" s="234"/>
      <c r="N1900" s="65"/>
      <c r="O1900" s="76"/>
      <c r="P1900" s="76"/>
      <c r="Q1900" s="65"/>
      <c r="R1900" s="76"/>
      <c r="S1900" s="76"/>
      <c r="T1900" s="76"/>
      <c r="U1900" s="76"/>
      <c r="V1900" s="76"/>
      <c r="W1900" s="76"/>
      <c r="X1900" s="76"/>
      <c r="Y1900" s="76"/>
      <c r="Z1900" s="76"/>
      <c r="AA1900" s="85"/>
      <c r="AB1900" s="85"/>
      <c r="AC1900" s="85"/>
      <c r="AD1900" s="85"/>
      <c r="AE1900" s="85"/>
      <c r="AF1900" s="85"/>
      <c r="AG1900" s="86"/>
      <c r="AH1900" s="85"/>
      <c r="AI1900" s="85"/>
      <c r="AJ1900" s="85"/>
      <c r="AK1900" s="85"/>
      <c r="AL1900" s="85"/>
      <c r="AM1900" s="92"/>
      <c r="AN1900" s="92"/>
      <c r="AO1900" s="92"/>
      <c r="AP1900" s="92"/>
      <c r="AQ1900" s="92"/>
      <c r="AR1900" s="92"/>
      <c r="AS1900" s="92"/>
      <c r="AT1900" s="92"/>
      <c r="AU1900" s="92"/>
      <c r="AV1900" s="92"/>
      <c r="AW1900" s="92"/>
      <c r="AX1900" s="92"/>
      <c r="AY1900" s="92"/>
      <c r="AZ1900" s="93"/>
      <c r="BA1900" s="93"/>
      <c r="BB1900" s="93"/>
      <c r="BC1900" s="93"/>
      <c r="BD1900" s="93"/>
      <c r="BE1900" s="93"/>
      <c r="BF1900" s="93"/>
      <c r="BG1900" s="93"/>
      <c r="BH1900" s="93"/>
      <c r="BI1900" s="93"/>
      <c r="BJ1900" s="93"/>
      <c r="BK1900" s="93"/>
      <c r="BL1900" s="93"/>
    </row>
    <row r="1901" spans="2:64" x14ac:dyDescent="0.2">
      <c r="B1901" s="43"/>
      <c r="C1901" s="73"/>
      <c r="D1901" s="64"/>
      <c r="E1901" s="55"/>
      <c r="F1901" s="74"/>
      <c r="G1901" s="74"/>
      <c r="H1901" s="74"/>
      <c r="I1901" s="75"/>
      <c r="J1901" s="74"/>
      <c r="L1901" s="55"/>
      <c r="M1901" s="234"/>
      <c r="N1901" s="65"/>
      <c r="O1901" s="76"/>
      <c r="P1901" s="76"/>
      <c r="Q1901" s="65"/>
      <c r="R1901" s="76"/>
      <c r="S1901" s="76"/>
      <c r="T1901" s="76"/>
      <c r="U1901" s="76"/>
      <c r="V1901" s="76"/>
      <c r="W1901" s="76"/>
      <c r="X1901" s="76"/>
      <c r="Y1901" s="76"/>
      <c r="Z1901" s="76"/>
      <c r="AA1901" s="85"/>
      <c r="AB1901" s="85"/>
      <c r="AC1901" s="85"/>
      <c r="AD1901" s="85"/>
      <c r="AE1901" s="85"/>
      <c r="AF1901" s="85"/>
      <c r="AG1901" s="86"/>
      <c r="AH1901" s="85"/>
      <c r="AI1901" s="85"/>
      <c r="AJ1901" s="85"/>
      <c r="AK1901" s="85"/>
      <c r="AL1901" s="85"/>
      <c r="AM1901" s="92"/>
      <c r="AN1901" s="92"/>
      <c r="AO1901" s="92"/>
      <c r="AP1901" s="92"/>
      <c r="AQ1901" s="92"/>
      <c r="AR1901" s="92"/>
      <c r="AS1901" s="92"/>
      <c r="AT1901" s="92"/>
      <c r="AU1901" s="92"/>
      <c r="AV1901" s="92"/>
      <c r="AW1901" s="92"/>
      <c r="AX1901" s="92"/>
      <c r="AY1901" s="92"/>
      <c r="AZ1901" s="93"/>
      <c r="BA1901" s="93"/>
      <c r="BB1901" s="93"/>
      <c r="BC1901" s="93"/>
      <c r="BD1901" s="93"/>
      <c r="BE1901" s="93"/>
      <c r="BF1901" s="93"/>
      <c r="BG1901" s="93"/>
      <c r="BH1901" s="93"/>
      <c r="BI1901" s="93"/>
      <c r="BJ1901" s="93"/>
      <c r="BK1901" s="93"/>
      <c r="BL1901" s="93"/>
    </row>
    <row r="1902" spans="2:64" x14ac:dyDescent="0.2">
      <c r="B1902" s="43"/>
      <c r="C1902" s="73"/>
      <c r="D1902" s="64"/>
      <c r="E1902" s="55"/>
      <c r="F1902" s="74"/>
      <c r="G1902" s="74"/>
      <c r="H1902" s="74"/>
      <c r="I1902" s="75"/>
      <c r="J1902" s="74"/>
      <c r="L1902" s="55"/>
      <c r="M1902" s="234"/>
      <c r="N1902" s="65"/>
      <c r="O1902" s="76"/>
      <c r="P1902" s="76"/>
      <c r="Q1902" s="65"/>
      <c r="R1902" s="76"/>
      <c r="S1902" s="76"/>
      <c r="T1902" s="76"/>
      <c r="U1902" s="76"/>
      <c r="V1902" s="76"/>
      <c r="W1902" s="76"/>
      <c r="X1902" s="76"/>
      <c r="Y1902" s="76"/>
      <c r="Z1902" s="76"/>
      <c r="AA1902" s="85"/>
      <c r="AB1902" s="85"/>
      <c r="AC1902" s="85"/>
      <c r="AD1902" s="85"/>
      <c r="AE1902" s="85"/>
      <c r="AF1902" s="85"/>
      <c r="AG1902" s="86"/>
      <c r="AH1902" s="85"/>
      <c r="AI1902" s="85"/>
      <c r="AJ1902" s="85"/>
      <c r="AK1902" s="85"/>
      <c r="AL1902" s="85"/>
      <c r="AM1902" s="92"/>
      <c r="AN1902" s="92"/>
      <c r="AO1902" s="92"/>
      <c r="AP1902" s="92"/>
      <c r="AQ1902" s="92"/>
      <c r="AR1902" s="92"/>
      <c r="AS1902" s="92"/>
      <c r="AT1902" s="92"/>
      <c r="AU1902" s="92"/>
      <c r="AV1902" s="92"/>
      <c r="AW1902" s="92"/>
      <c r="AX1902" s="92"/>
      <c r="AY1902" s="92"/>
      <c r="AZ1902" s="93"/>
      <c r="BA1902" s="93"/>
      <c r="BB1902" s="93"/>
      <c r="BC1902" s="93"/>
      <c r="BD1902" s="93"/>
      <c r="BE1902" s="93"/>
      <c r="BF1902" s="93"/>
      <c r="BG1902" s="93"/>
      <c r="BH1902" s="93"/>
      <c r="BI1902" s="93"/>
      <c r="BJ1902" s="93"/>
      <c r="BK1902" s="93"/>
      <c r="BL1902" s="93"/>
    </row>
    <row r="1903" spans="2:64" x14ac:dyDescent="0.2">
      <c r="B1903" s="43"/>
      <c r="C1903" s="73"/>
      <c r="D1903" s="64"/>
      <c r="E1903" s="55"/>
      <c r="F1903" s="74"/>
      <c r="G1903" s="74"/>
      <c r="H1903" s="74"/>
      <c r="I1903" s="75"/>
      <c r="J1903" s="74"/>
      <c r="L1903" s="55"/>
      <c r="M1903" s="234"/>
      <c r="N1903" s="65"/>
      <c r="O1903" s="76"/>
      <c r="P1903" s="76"/>
      <c r="Q1903" s="65"/>
      <c r="R1903" s="76"/>
      <c r="S1903" s="76"/>
      <c r="T1903" s="76"/>
      <c r="U1903" s="76"/>
      <c r="V1903" s="76"/>
      <c r="W1903" s="76"/>
      <c r="X1903" s="76"/>
      <c r="Y1903" s="76"/>
      <c r="Z1903" s="76"/>
      <c r="AA1903" s="85"/>
      <c r="AB1903" s="85"/>
      <c r="AC1903" s="85"/>
      <c r="AD1903" s="85"/>
      <c r="AE1903" s="85"/>
      <c r="AF1903" s="85"/>
      <c r="AG1903" s="86"/>
      <c r="AH1903" s="85"/>
      <c r="AI1903" s="85"/>
      <c r="AJ1903" s="85"/>
      <c r="AK1903" s="85"/>
      <c r="AL1903" s="85"/>
      <c r="AM1903" s="92"/>
      <c r="AN1903" s="92"/>
      <c r="AO1903" s="92"/>
      <c r="AP1903" s="92"/>
      <c r="AQ1903" s="92"/>
      <c r="AR1903" s="92"/>
      <c r="AS1903" s="92"/>
      <c r="AT1903" s="92"/>
      <c r="AU1903" s="92"/>
      <c r="AV1903" s="92"/>
      <c r="AW1903" s="92"/>
      <c r="AX1903" s="92"/>
      <c r="AY1903" s="92"/>
      <c r="AZ1903" s="93"/>
      <c r="BA1903" s="93"/>
      <c r="BB1903" s="93"/>
      <c r="BC1903" s="93"/>
      <c r="BD1903" s="93"/>
      <c r="BE1903" s="93"/>
      <c r="BF1903" s="93"/>
      <c r="BG1903" s="93"/>
      <c r="BH1903" s="93"/>
      <c r="BI1903" s="93"/>
      <c r="BJ1903" s="93"/>
      <c r="BK1903" s="93"/>
      <c r="BL1903" s="93"/>
    </row>
    <row r="1904" spans="2:64" x14ac:dyDescent="0.2">
      <c r="B1904" s="43"/>
      <c r="C1904" s="73"/>
      <c r="D1904" s="64"/>
      <c r="E1904" s="55"/>
      <c r="F1904" s="74"/>
      <c r="G1904" s="74"/>
      <c r="H1904" s="74"/>
      <c r="I1904" s="75"/>
      <c r="J1904" s="74"/>
      <c r="L1904" s="55"/>
      <c r="M1904" s="234"/>
      <c r="N1904" s="65"/>
      <c r="O1904" s="76"/>
      <c r="P1904" s="76"/>
      <c r="Q1904" s="65"/>
      <c r="R1904" s="76"/>
      <c r="S1904" s="76"/>
      <c r="T1904" s="76"/>
      <c r="U1904" s="76"/>
      <c r="V1904" s="76"/>
      <c r="W1904" s="76"/>
      <c r="X1904" s="76"/>
      <c r="Y1904" s="76"/>
      <c r="Z1904" s="76"/>
      <c r="AA1904" s="85"/>
      <c r="AB1904" s="85"/>
      <c r="AC1904" s="85"/>
      <c r="AD1904" s="85"/>
      <c r="AE1904" s="85"/>
      <c r="AF1904" s="85"/>
      <c r="AG1904" s="86"/>
      <c r="AH1904" s="85"/>
      <c r="AI1904" s="85"/>
      <c r="AJ1904" s="85"/>
      <c r="AK1904" s="85"/>
      <c r="AL1904" s="85"/>
      <c r="AM1904" s="92"/>
      <c r="AN1904" s="92"/>
      <c r="AO1904" s="92"/>
      <c r="AP1904" s="92"/>
      <c r="AQ1904" s="92"/>
      <c r="AR1904" s="92"/>
      <c r="AS1904" s="92"/>
      <c r="AT1904" s="92"/>
      <c r="AU1904" s="92"/>
      <c r="AV1904" s="92"/>
      <c r="AW1904" s="92"/>
      <c r="AX1904" s="92"/>
      <c r="AY1904" s="92"/>
      <c r="AZ1904" s="93"/>
      <c r="BA1904" s="93"/>
      <c r="BB1904" s="93"/>
      <c r="BC1904" s="93"/>
      <c r="BD1904" s="93"/>
      <c r="BE1904" s="93"/>
      <c r="BF1904" s="93"/>
      <c r="BG1904" s="93"/>
      <c r="BH1904" s="93"/>
      <c r="BI1904" s="93"/>
      <c r="BJ1904" s="93"/>
      <c r="BK1904" s="93"/>
      <c r="BL1904" s="93"/>
    </row>
    <row r="1905" spans="2:64" x14ac:dyDescent="0.2">
      <c r="B1905" s="43"/>
      <c r="C1905" s="73"/>
      <c r="D1905" s="64"/>
      <c r="E1905" s="55"/>
      <c r="F1905" s="74"/>
      <c r="G1905" s="74"/>
      <c r="H1905" s="74"/>
      <c r="I1905" s="75"/>
      <c r="J1905" s="74"/>
      <c r="L1905" s="55"/>
      <c r="M1905" s="234"/>
      <c r="N1905" s="65"/>
      <c r="O1905" s="76"/>
      <c r="P1905" s="76"/>
      <c r="Q1905" s="65"/>
      <c r="R1905" s="76"/>
      <c r="S1905" s="76"/>
      <c r="T1905" s="76"/>
      <c r="U1905" s="76"/>
      <c r="V1905" s="76"/>
      <c r="W1905" s="76"/>
      <c r="X1905" s="76"/>
      <c r="Y1905" s="76"/>
      <c r="Z1905" s="76"/>
      <c r="AA1905" s="85"/>
      <c r="AB1905" s="85"/>
      <c r="AC1905" s="85"/>
      <c r="AD1905" s="85"/>
      <c r="AE1905" s="85"/>
      <c r="AF1905" s="85"/>
      <c r="AG1905" s="86"/>
      <c r="AH1905" s="85"/>
      <c r="AI1905" s="85"/>
      <c r="AJ1905" s="85"/>
      <c r="AK1905" s="85"/>
      <c r="AL1905" s="85"/>
      <c r="AM1905" s="92"/>
      <c r="AN1905" s="92"/>
      <c r="AO1905" s="92"/>
      <c r="AP1905" s="92"/>
      <c r="AQ1905" s="92"/>
      <c r="AR1905" s="92"/>
      <c r="AS1905" s="92"/>
      <c r="AT1905" s="92"/>
      <c r="AU1905" s="92"/>
      <c r="AV1905" s="92"/>
      <c r="AW1905" s="92"/>
      <c r="AX1905" s="92"/>
      <c r="AY1905" s="92"/>
      <c r="AZ1905" s="93"/>
      <c r="BA1905" s="93"/>
      <c r="BB1905" s="93"/>
      <c r="BC1905" s="93"/>
      <c r="BD1905" s="93"/>
      <c r="BE1905" s="93"/>
      <c r="BF1905" s="93"/>
      <c r="BG1905" s="93"/>
      <c r="BH1905" s="93"/>
      <c r="BI1905" s="93"/>
      <c r="BJ1905" s="93"/>
      <c r="BK1905" s="93"/>
      <c r="BL1905" s="93"/>
    </row>
    <row r="1906" spans="2:64" x14ac:dyDescent="0.2">
      <c r="B1906" s="43"/>
      <c r="C1906" s="73"/>
      <c r="D1906" s="64"/>
      <c r="E1906" s="55"/>
      <c r="F1906" s="74"/>
      <c r="G1906" s="74"/>
      <c r="H1906" s="74"/>
      <c r="I1906" s="75"/>
      <c r="J1906" s="74"/>
      <c r="L1906" s="55"/>
      <c r="M1906" s="234"/>
      <c r="N1906" s="65"/>
      <c r="O1906" s="76"/>
      <c r="P1906" s="76"/>
      <c r="Q1906" s="65"/>
      <c r="R1906" s="76"/>
      <c r="S1906" s="76"/>
      <c r="T1906" s="76"/>
      <c r="U1906" s="76"/>
      <c r="V1906" s="76"/>
      <c r="W1906" s="76"/>
      <c r="X1906" s="76"/>
      <c r="Y1906" s="76"/>
      <c r="Z1906" s="76"/>
      <c r="AA1906" s="85"/>
      <c r="AB1906" s="85"/>
      <c r="AC1906" s="85"/>
      <c r="AD1906" s="85"/>
      <c r="AE1906" s="85"/>
      <c r="AF1906" s="85"/>
      <c r="AG1906" s="86"/>
      <c r="AH1906" s="85"/>
      <c r="AI1906" s="85"/>
      <c r="AJ1906" s="85"/>
      <c r="AK1906" s="85"/>
      <c r="AL1906" s="85"/>
      <c r="AM1906" s="92"/>
      <c r="AN1906" s="92"/>
      <c r="AO1906" s="92"/>
      <c r="AP1906" s="92"/>
      <c r="AQ1906" s="92"/>
      <c r="AR1906" s="92"/>
      <c r="AS1906" s="92"/>
      <c r="AT1906" s="92"/>
      <c r="AU1906" s="92"/>
      <c r="AV1906" s="92"/>
      <c r="AW1906" s="92"/>
      <c r="AX1906" s="92"/>
      <c r="AY1906" s="92"/>
      <c r="AZ1906" s="93"/>
      <c r="BA1906" s="93"/>
      <c r="BB1906" s="93"/>
      <c r="BC1906" s="93"/>
      <c r="BD1906" s="93"/>
      <c r="BE1906" s="93"/>
      <c r="BF1906" s="93"/>
      <c r="BG1906" s="93"/>
      <c r="BH1906" s="93"/>
      <c r="BI1906" s="93"/>
      <c r="BJ1906" s="93"/>
      <c r="BK1906" s="93"/>
      <c r="BL1906" s="93"/>
    </row>
    <row r="1907" spans="2:64" x14ac:dyDescent="0.2">
      <c r="B1907" s="43"/>
      <c r="C1907" s="73"/>
      <c r="D1907" s="64"/>
      <c r="E1907" s="55"/>
      <c r="F1907" s="74"/>
      <c r="G1907" s="74"/>
      <c r="H1907" s="74"/>
      <c r="I1907" s="75"/>
      <c r="J1907" s="74"/>
      <c r="L1907" s="55"/>
      <c r="M1907" s="234"/>
      <c r="N1907" s="65"/>
      <c r="O1907" s="76"/>
      <c r="P1907" s="76"/>
      <c r="Q1907" s="65"/>
      <c r="R1907" s="76"/>
      <c r="S1907" s="76"/>
      <c r="T1907" s="76"/>
      <c r="U1907" s="76"/>
      <c r="V1907" s="76"/>
      <c r="W1907" s="76"/>
      <c r="X1907" s="76"/>
      <c r="Y1907" s="76"/>
      <c r="Z1907" s="76"/>
      <c r="AA1907" s="85"/>
      <c r="AB1907" s="85"/>
      <c r="AC1907" s="85"/>
      <c r="AD1907" s="85"/>
      <c r="AE1907" s="85"/>
      <c r="AF1907" s="85"/>
      <c r="AG1907" s="86"/>
      <c r="AH1907" s="85"/>
      <c r="AI1907" s="85"/>
      <c r="AJ1907" s="85"/>
      <c r="AK1907" s="85"/>
      <c r="AL1907" s="85"/>
      <c r="AM1907" s="92"/>
      <c r="AN1907" s="92"/>
      <c r="AO1907" s="92"/>
      <c r="AP1907" s="92"/>
      <c r="AQ1907" s="92"/>
      <c r="AR1907" s="92"/>
      <c r="AS1907" s="92"/>
      <c r="AT1907" s="92"/>
      <c r="AU1907" s="92"/>
      <c r="AV1907" s="92"/>
      <c r="AW1907" s="92"/>
      <c r="AX1907" s="92"/>
      <c r="AY1907" s="92"/>
      <c r="AZ1907" s="93"/>
      <c r="BA1907" s="93"/>
      <c r="BB1907" s="93"/>
      <c r="BC1907" s="93"/>
      <c r="BD1907" s="93"/>
      <c r="BE1907" s="93"/>
      <c r="BF1907" s="93"/>
      <c r="BG1907" s="93"/>
      <c r="BH1907" s="93"/>
      <c r="BI1907" s="93"/>
      <c r="BJ1907" s="93"/>
      <c r="BK1907" s="93"/>
      <c r="BL1907" s="93"/>
    </row>
    <row r="1908" spans="2:64" x14ac:dyDescent="0.2">
      <c r="B1908" s="43"/>
      <c r="C1908" s="73"/>
      <c r="D1908" s="64"/>
      <c r="E1908" s="55"/>
      <c r="F1908" s="74"/>
      <c r="G1908" s="74"/>
      <c r="H1908" s="74"/>
      <c r="I1908" s="75"/>
      <c r="J1908" s="74"/>
      <c r="L1908" s="55"/>
      <c r="M1908" s="234"/>
      <c r="N1908" s="65"/>
      <c r="O1908" s="76"/>
      <c r="P1908" s="76"/>
      <c r="Q1908" s="65"/>
      <c r="R1908" s="76"/>
      <c r="S1908" s="76"/>
      <c r="T1908" s="76"/>
      <c r="U1908" s="76"/>
      <c r="V1908" s="76"/>
      <c r="W1908" s="76"/>
      <c r="X1908" s="76"/>
      <c r="Y1908" s="76"/>
      <c r="Z1908" s="76"/>
      <c r="AA1908" s="85"/>
      <c r="AB1908" s="85"/>
      <c r="AC1908" s="85"/>
      <c r="AD1908" s="85"/>
      <c r="AE1908" s="85"/>
      <c r="AF1908" s="85"/>
      <c r="AG1908" s="86"/>
      <c r="AH1908" s="85"/>
      <c r="AI1908" s="85"/>
      <c r="AJ1908" s="85"/>
      <c r="AK1908" s="85"/>
      <c r="AL1908" s="85"/>
      <c r="AM1908" s="92"/>
      <c r="AN1908" s="92"/>
      <c r="AO1908" s="92"/>
      <c r="AP1908" s="92"/>
      <c r="AQ1908" s="92"/>
      <c r="AR1908" s="92"/>
      <c r="AS1908" s="92"/>
      <c r="AT1908" s="92"/>
      <c r="AU1908" s="92"/>
      <c r="AV1908" s="92"/>
      <c r="AW1908" s="92"/>
      <c r="AX1908" s="92"/>
      <c r="AY1908" s="92"/>
      <c r="AZ1908" s="93"/>
      <c r="BA1908" s="93"/>
      <c r="BB1908" s="93"/>
      <c r="BC1908" s="93"/>
      <c r="BD1908" s="93"/>
      <c r="BE1908" s="93"/>
      <c r="BF1908" s="93"/>
      <c r="BG1908" s="93"/>
      <c r="BH1908" s="93"/>
      <c r="BI1908" s="93"/>
      <c r="BJ1908" s="93"/>
      <c r="BK1908" s="93"/>
      <c r="BL1908" s="93"/>
    </row>
    <row r="1909" spans="2:64" x14ac:dyDescent="0.2">
      <c r="B1909" s="43"/>
      <c r="C1909" s="73"/>
      <c r="D1909" s="64"/>
      <c r="E1909" s="55"/>
      <c r="F1909" s="74"/>
      <c r="G1909" s="74"/>
      <c r="H1909" s="74"/>
      <c r="I1909" s="75"/>
      <c r="J1909" s="74"/>
      <c r="L1909" s="55"/>
      <c r="M1909" s="234"/>
      <c r="N1909" s="65"/>
      <c r="O1909" s="76"/>
      <c r="P1909" s="76"/>
      <c r="Q1909" s="65"/>
      <c r="R1909" s="76"/>
      <c r="S1909" s="76"/>
      <c r="T1909" s="76"/>
      <c r="U1909" s="76"/>
      <c r="V1909" s="76"/>
      <c r="W1909" s="76"/>
      <c r="X1909" s="76"/>
      <c r="Y1909" s="76"/>
      <c r="Z1909" s="76"/>
      <c r="AA1909" s="85"/>
      <c r="AB1909" s="85"/>
      <c r="AC1909" s="85"/>
      <c r="AD1909" s="85"/>
      <c r="AE1909" s="85"/>
      <c r="AF1909" s="85"/>
      <c r="AG1909" s="86"/>
      <c r="AH1909" s="85"/>
      <c r="AI1909" s="85"/>
      <c r="AJ1909" s="85"/>
      <c r="AK1909" s="85"/>
      <c r="AL1909" s="85"/>
      <c r="AM1909" s="92"/>
      <c r="AN1909" s="92"/>
      <c r="AO1909" s="92"/>
      <c r="AP1909" s="92"/>
      <c r="AQ1909" s="92"/>
      <c r="AR1909" s="92"/>
      <c r="AS1909" s="92"/>
      <c r="AT1909" s="92"/>
      <c r="AU1909" s="92"/>
      <c r="AV1909" s="92"/>
      <c r="AW1909" s="92"/>
      <c r="AX1909" s="92"/>
      <c r="AY1909" s="92"/>
      <c r="AZ1909" s="93"/>
      <c r="BA1909" s="93"/>
      <c r="BB1909" s="93"/>
      <c r="BC1909" s="93"/>
      <c r="BD1909" s="93"/>
      <c r="BE1909" s="93"/>
      <c r="BF1909" s="93"/>
      <c r="BG1909" s="93"/>
      <c r="BH1909" s="93"/>
      <c r="BI1909" s="93"/>
      <c r="BJ1909" s="93"/>
      <c r="BK1909" s="93"/>
      <c r="BL1909" s="93"/>
    </row>
    <row r="1910" spans="2:64" x14ac:dyDescent="0.2">
      <c r="B1910" s="43"/>
      <c r="C1910" s="73"/>
      <c r="D1910" s="64"/>
      <c r="E1910" s="55"/>
      <c r="F1910" s="74"/>
      <c r="G1910" s="74"/>
      <c r="H1910" s="74"/>
      <c r="I1910" s="75"/>
      <c r="J1910" s="74"/>
      <c r="L1910" s="55"/>
      <c r="M1910" s="234"/>
      <c r="N1910" s="65"/>
      <c r="O1910" s="76"/>
      <c r="P1910" s="76"/>
      <c r="Q1910" s="65"/>
      <c r="R1910" s="76"/>
      <c r="S1910" s="76"/>
      <c r="T1910" s="76"/>
      <c r="U1910" s="76"/>
      <c r="V1910" s="76"/>
      <c r="W1910" s="76"/>
      <c r="X1910" s="76"/>
      <c r="Y1910" s="76"/>
      <c r="Z1910" s="76"/>
      <c r="AA1910" s="85"/>
      <c r="AB1910" s="85"/>
      <c r="AC1910" s="85"/>
      <c r="AD1910" s="85"/>
      <c r="AE1910" s="85"/>
      <c r="AF1910" s="85"/>
      <c r="AG1910" s="86"/>
      <c r="AH1910" s="85"/>
      <c r="AI1910" s="85"/>
      <c r="AJ1910" s="85"/>
      <c r="AK1910" s="85"/>
      <c r="AL1910" s="85"/>
      <c r="AM1910" s="92"/>
      <c r="AN1910" s="92"/>
      <c r="AO1910" s="92"/>
      <c r="AP1910" s="92"/>
      <c r="AQ1910" s="92"/>
      <c r="AR1910" s="92"/>
      <c r="AS1910" s="92"/>
      <c r="AT1910" s="92"/>
      <c r="AU1910" s="92"/>
      <c r="AV1910" s="92"/>
      <c r="AW1910" s="92"/>
      <c r="AX1910" s="92"/>
      <c r="AY1910" s="92"/>
      <c r="AZ1910" s="93"/>
      <c r="BA1910" s="93"/>
      <c r="BB1910" s="93"/>
      <c r="BC1910" s="93"/>
      <c r="BD1910" s="93"/>
      <c r="BE1910" s="93"/>
      <c r="BF1910" s="93"/>
      <c r="BG1910" s="93"/>
      <c r="BH1910" s="93"/>
      <c r="BI1910" s="93"/>
      <c r="BJ1910" s="93"/>
      <c r="BK1910" s="93"/>
      <c r="BL1910" s="93"/>
    </row>
    <row r="1911" spans="2:64" x14ac:dyDescent="0.2">
      <c r="B1911" s="43"/>
      <c r="C1911" s="73"/>
      <c r="D1911" s="64"/>
      <c r="E1911" s="55"/>
      <c r="F1911" s="74"/>
      <c r="G1911" s="74"/>
      <c r="H1911" s="74"/>
      <c r="I1911" s="75"/>
      <c r="J1911" s="74"/>
      <c r="L1911" s="55"/>
      <c r="M1911" s="234"/>
      <c r="N1911" s="65"/>
      <c r="O1911" s="76"/>
      <c r="P1911" s="76"/>
      <c r="Q1911" s="65"/>
      <c r="R1911" s="76"/>
      <c r="S1911" s="76"/>
      <c r="T1911" s="76"/>
      <c r="U1911" s="76"/>
      <c r="V1911" s="76"/>
      <c r="W1911" s="76"/>
      <c r="X1911" s="76"/>
      <c r="Y1911" s="76"/>
      <c r="Z1911" s="76"/>
      <c r="AA1911" s="85"/>
      <c r="AB1911" s="85"/>
      <c r="AC1911" s="85"/>
      <c r="AD1911" s="85"/>
      <c r="AE1911" s="85"/>
      <c r="AF1911" s="85"/>
      <c r="AG1911" s="86"/>
      <c r="AH1911" s="85"/>
      <c r="AI1911" s="85"/>
      <c r="AJ1911" s="85"/>
      <c r="AK1911" s="85"/>
      <c r="AL1911" s="85"/>
      <c r="AM1911" s="92"/>
      <c r="AN1911" s="92"/>
      <c r="AO1911" s="92"/>
      <c r="AP1911" s="92"/>
      <c r="AQ1911" s="92"/>
      <c r="AR1911" s="92"/>
      <c r="AS1911" s="92"/>
      <c r="AT1911" s="92"/>
      <c r="AU1911" s="92"/>
      <c r="AV1911" s="92"/>
      <c r="AW1911" s="92"/>
      <c r="AX1911" s="92"/>
      <c r="AY1911" s="92"/>
      <c r="AZ1911" s="93"/>
      <c r="BA1911" s="93"/>
      <c r="BB1911" s="93"/>
      <c r="BC1911" s="93"/>
      <c r="BD1911" s="93"/>
      <c r="BE1911" s="93"/>
      <c r="BF1911" s="93"/>
      <c r="BG1911" s="93"/>
      <c r="BH1911" s="93"/>
      <c r="BI1911" s="93"/>
      <c r="BJ1911" s="93"/>
      <c r="BK1911" s="93"/>
      <c r="BL1911" s="93"/>
    </row>
    <row r="1912" spans="2:64" x14ac:dyDescent="0.2">
      <c r="B1912" s="43"/>
      <c r="C1912" s="73"/>
      <c r="D1912" s="64"/>
      <c r="E1912" s="55"/>
      <c r="F1912" s="74"/>
      <c r="G1912" s="74"/>
      <c r="H1912" s="74"/>
      <c r="I1912" s="75"/>
      <c r="J1912" s="74"/>
      <c r="L1912" s="55"/>
      <c r="M1912" s="234"/>
      <c r="N1912" s="65"/>
      <c r="O1912" s="76"/>
      <c r="P1912" s="76"/>
      <c r="Q1912" s="65"/>
      <c r="R1912" s="76"/>
      <c r="S1912" s="76"/>
      <c r="T1912" s="76"/>
      <c r="U1912" s="76"/>
      <c r="V1912" s="76"/>
      <c r="W1912" s="76"/>
      <c r="X1912" s="76"/>
      <c r="Y1912" s="76"/>
      <c r="Z1912" s="76"/>
      <c r="AA1912" s="85"/>
      <c r="AB1912" s="85"/>
      <c r="AC1912" s="85"/>
      <c r="AD1912" s="85"/>
      <c r="AE1912" s="85"/>
      <c r="AF1912" s="85"/>
      <c r="AG1912" s="86"/>
      <c r="AH1912" s="85"/>
      <c r="AI1912" s="85"/>
      <c r="AJ1912" s="85"/>
      <c r="AK1912" s="85"/>
      <c r="AL1912" s="85"/>
      <c r="AM1912" s="92"/>
      <c r="AN1912" s="92"/>
      <c r="AO1912" s="92"/>
      <c r="AP1912" s="92"/>
      <c r="AQ1912" s="92"/>
      <c r="AR1912" s="92"/>
      <c r="AS1912" s="92"/>
      <c r="AT1912" s="92"/>
      <c r="AU1912" s="92"/>
      <c r="AV1912" s="92"/>
      <c r="AW1912" s="92"/>
      <c r="AX1912" s="92"/>
      <c r="AY1912" s="92"/>
      <c r="AZ1912" s="93"/>
      <c r="BA1912" s="93"/>
      <c r="BB1912" s="93"/>
      <c r="BC1912" s="93"/>
      <c r="BD1912" s="93"/>
      <c r="BE1912" s="93"/>
      <c r="BF1912" s="93"/>
      <c r="BG1912" s="93"/>
      <c r="BH1912" s="93"/>
      <c r="BI1912" s="93"/>
      <c r="BJ1912" s="93"/>
      <c r="BK1912" s="93"/>
      <c r="BL1912" s="93"/>
    </row>
    <row r="1913" spans="2:64" x14ac:dyDescent="0.2">
      <c r="B1913" s="43"/>
      <c r="C1913" s="73"/>
      <c r="D1913" s="64"/>
      <c r="E1913" s="55"/>
      <c r="F1913" s="74"/>
      <c r="G1913" s="74"/>
      <c r="H1913" s="74"/>
      <c r="I1913" s="75"/>
      <c r="J1913" s="74"/>
      <c r="L1913" s="55"/>
      <c r="M1913" s="234"/>
      <c r="N1913" s="65"/>
      <c r="O1913" s="76"/>
      <c r="P1913" s="76"/>
      <c r="Q1913" s="65"/>
      <c r="R1913" s="76"/>
      <c r="S1913" s="76"/>
      <c r="T1913" s="76"/>
      <c r="U1913" s="76"/>
      <c r="V1913" s="76"/>
      <c r="W1913" s="76"/>
      <c r="X1913" s="76"/>
      <c r="Y1913" s="76"/>
      <c r="Z1913" s="76"/>
      <c r="AA1913" s="85"/>
      <c r="AB1913" s="85"/>
      <c r="AC1913" s="85"/>
      <c r="AD1913" s="85"/>
      <c r="AE1913" s="85"/>
      <c r="AF1913" s="85"/>
      <c r="AG1913" s="86"/>
      <c r="AH1913" s="85"/>
      <c r="AI1913" s="85"/>
      <c r="AJ1913" s="85"/>
      <c r="AK1913" s="85"/>
      <c r="AL1913" s="85"/>
      <c r="AM1913" s="92"/>
      <c r="AN1913" s="92"/>
      <c r="AO1913" s="92"/>
      <c r="AP1913" s="92"/>
      <c r="AQ1913" s="92"/>
      <c r="AR1913" s="92"/>
      <c r="AS1913" s="92"/>
      <c r="AT1913" s="92"/>
      <c r="AU1913" s="92"/>
      <c r="AV1913" s="92"/>
      <c r="AW1913" s="92"/>
      <c r="AX1913" s="92"/>
      <c r="AY1913" s="92"/>
      <c r="AZ1913" s="93"/>
      <c r="BA1913" s="93"/>
      <c r="BB1913" s="93"/>
      <c r="BC1913" s="93"/>
      <c r="BD1913" s="93"/>
      <c r="BE1913" s="93"/>
      <c r="BF1913" s="93"/>
      <c r="BG1913" s="93"/>
      <c r="BH1913" s="93"/>
      <c r="BI1913" s="93"/>
      <c r="BJ1913" s="93"/>
      <c r="BK1913" s="93"/>
      <c r="BL1913" s="93"/>
    </row>
    <row r="1914" spans="2:64" x14ac:dyDescent="0.2">
      <c r="B1914" s="43"/>
      <c r="C1914" s="73"/>
      <c r="D1914" s="64"/>
      <c r="E1914" s="55"/>
      <c r="F1914" s="74"/>
      <c r="G1914" s="74"/>
      <c r="H1914" s="74"/>
      <c r="I1914" s="75"/>
      <c r="J1914" s="74"/>
      <c r="L1914" s="55"/>
      <c r="M1914" s="234"/>
      <c r="N1914" s="65"/>
      <c r="O1914" s="76"/>
      <c r="P1914" s="76"/>
      <c r="Q1914" s="65"/>
      <c r="R1914" s="76"/>
      <c r="S1914" s="76"/>
      <c r="T1914" s="76"/>
      <c r="U1914" s="76"/>
      <c r="V1914" s="76"/>
      <c r="W1914" s="76"/>
      <c r="X1914" s="76"/>
      <c r="Y1914" s="76"/>
      <c r="Z1914" s="76"/>
      <c r="AA1914" s="85"/>
      <c r="AB1914" s="85"/>
      <c r="AC1914" s="85"/>
      <c r="AD1914" s="85"/>
      <c r="AE1914" s="85"/>
      <c r="AF1914" s="85"/>
      <c r="AG1914" s="86"/>
      <c r="AH1914" s="85"/>
      <c r="AI1914" s="85"/>
      <c r="AJ1914" s="85"/>
      <c r="AK1914" s="85"/>
      <c r="AL1914" s="85"/>
      <c r="AM1914" s="92"/>
      <c r="AN1914" s="92"/>
      <c r="AO1914" s="92"/>
      <c r="AP1914" s="92"/>
      <c r="AQ1914" s="92"/>
      <c r="AR1914" s="92"/>
      <c r="AS1914" s="92"/>
      <c r="AT1914" s="92"/>
      <c r="AU1914" s="92"/>
      <c r="AV1914" s="92"/>
      <c r="AW1914" s="92"/>
      <c r="AX1914" s="92"/>
      <c r="AY1914" s="92"/>
      <c r="AZ1914" s="93"/>
      <c r="BA1914" s="93"/>
      <c r="BB1914" s="93"/>
      <c r="BC1914" s="93"/>
      <c r="BD1914" s="93"/>
      <c r="BE1914" s="93"/>
      <c r="BF1914" s="93"/>
      <c r="BG1914" s="93"/>
      <c r="BH1914" s="93"/>
      <c r="BI1914" s="93"/>
      <c r="BJ1914" s="93"/>
      <c r="BK1914" s="93"/>
      <c r="BL1914" s="93"/>
    </row>
    <row r="1915" spans="2:64" x14ac:dyDescent="0.2">
      <c r="B1915" s="43"/>
      <c r="C1915" s="73"/>
      <c r="D1915" s="64"/>
      <c r="E1915" s="55"/>
      <c r="F1915" s="74"/>
      <c r="G1915" s="74"/>
      <c r="H1915" s="74"/>
      <c r="I1915" s="75"/>
      <c r="J1915" s="74"/>
      <c r="L1915" s="55"/>
      <c r="M1915" s="234"/>
      <c r="N1915" s="65"/>
      <c r="O1915" s="76"/>
      <c r="P1915" s="76"/>
      <c r="Q1915" s="65"/>
      <c r="R1915" s="76"/>
      <c r="S1915" s="76"/>
      <c r="T1915" s="76"/>
      <c r="U1915" s="76"/>
      <c r="V1915" s="76"/>
      <c r="W1915" s="76"/>
      <c r="X1915" s="76"/>
      <c r="Y1915" s="76"/>
      <c r="Z1915" s="76"/>
      <c r="AA1915" s="85"/>
      <c r="AB1915" s="85"/>
      <c r="AC1915" s="85"/>
      <c r="AD1915" s="85"/>
      <c r="AE1915" s="85"/>
      <c r="AF1915" s="85"/>
      <c r="AG1915" s="86"/>
      <c r="AH1915" s="85"/>
      <c r="AI1915" s="85"/>
      <c r="AJ1915" s="85"/>
      <c r="AK1915" s="85"/>
      <c r="AL1915" s="85"/>
      <c r="AM1915" s="92"/>
      <c r="AN1915" s="92"/>
      <c r="AO1915" s="92"/>
      <c r="AP1915" s="92"/>
      <c r="AQ1915" s="92"/>
      <c r="AR1915" s="92"/>
      <c r="AS1915" s="92"/>
      <c r="AT1915" s="92"/>
      <c r="AU1915" s="92"/>
      <c r="AV1915" s="92"/>
      <c r="AW1915" s="92"/>
      <c r="AX1915" s="92"/>
      <c r="AY1915" s="92"/>
      <c r="AZ1915" s="93"/>
      <c r="BA1915" s="93"/>
      <c r="BB1915" s="93"/>
      <c r="BC1915" s="93"/>
      <c r="BD1915" s="93"/>
      <c r="BE1915" s="93"/>
      <c r="BF1915" s="93"/>
      <c r="BG1915" s="93"/>
      <c r="BH1915" s="93"/>
      <c r="BI1915" s="93"/>
      <c r="BJ1915" s="93"/>
      <c r="BK1915" s="93"/>
      <c r="BL1915" s="93"/>
    </row>
    <row r="1916" spans="2:64" x14ac:dyDescent="0.2">
      <c r="B1916" s="43"/>
      <c r="C1916" s="73"/>
      <c r="D1916" s="64"/>
      <c r="E1916" s="55"/>
      <c r="F1916" s="74"/>
      <c r="G1916" s="74"/>
      <c r="H1916" s="74"/>
      <c r="I1916" s="75"/>
      <c r="J1916" s="74"/>
      <c r="L1916" s="55"/>
      <c r="M1916" s="234"/>
      <c r="N1916" s="65"/>
      <c r="O1916" s="76"/>
      <c r="P1916" s="76"/>
      <c r="Q1916" s="65"/>
      <c r="R1916" s="76"/>
      <c r="S1916" s="76"/>
      <c r="T1916" s="76"/>
      <c r="U1916" s="76"/>
      <c r="V1916" s="76"/>
      <c r="W1916" s="76"/>
      <c r="X1916" s="76"/>
      <c r="Y1916" s="76"/>
      <c r="Z1916" s="76"/>
      <c r="AA1916" s="85"/>
      <c r="AB1916" s="85"/>
      <c r="AC1916" s="85"/>
      <c r="AD1916" s="85"/>
      <c r="AE1916" s="85"/>
      <c r="AF1916" s="85"/>
      <c r="AG1916" s="86"/>
      <c r="AH1916" s="85"/>
      <c r="AI1916" s="85"/>
      <c r="AJ1916" s="85"/>
      <c r="AK1916" s="85"/>
      <c r="AL1916" s="85"/>
      <c r="AM1916" s="92"/>
      <c r="AN1916" s="92"/>
      <c r="AO1916" s="92"/>
      <c r="AP1916" s="92"/>
      <c r="AQ1916" s="92"/>
      <c r="AR1916" s="92"/>
      <c r="AS1916" s="92"/>
      <c r="AT1916" s="92"/>
      <c r="AU1916" s="92"/>
      <c r="AV1916" s="92"/>
      <c r="AW1916" s="92"/>
      <c r="AX1916" s="92"/>
      <c r="AY1916" s="92"/>
      <c r="AZ1916" s="93"/>
      <c r="BA1916" s="93"/>
      <c r="BB1916" s="93"/>
      <c r="BC1916" s="93"/>
      <c r="BD1916" s="93"/>
      <c r="BE1916" s="93"/>
      <c r="BF1916" s="93"/>
      <c r="BG1916" s="93"/>
      <c r="BH1916" s="93"/>
      <c r="BI1916" s="93"/>
      <c r="BJ1916" s="93"/>
      <c r="BK1916" s="93"/>
      <c r="BL1916" s="93"/>
    </row>
    <row r="1917" spans="2:64" x14ac:dyDescent="0.2">
      <c r="B1917" s="43"/>
      <c r="C1917" s="73"/>
      <c r="D1917" s="64"/>
      <c r="E1917" s="55"/>
      <c r="F1917" s="74"/>
      <c r="G1917" s="74"/>
      <c r="H1917" s="74"/>
      <c r="I1917" s="75"/>
      <c r="J1917" s="74"/>
      <c r="L1917" s="55"/>
      <c r="M1917" s="234"/>
      <c r="N1917" s="65"/>
      <c r="O1917" s="76"/>
      <c r="P1917" s="76"/>
      <c r="Q1917" s="65"/>
      <c r="R1917" s="76"/>
      <c r="S1917" s="76"/>
      <c r="T1917" s="76"/>
      <c r="U1917" s="76"/>
      <c r="V1917" s="76"/>
      <c r="W1917" s="76"/>
      <c r="X1917" s="76"/>
      <c r="Y1917" s="76"/>
      <c r="Z1917" s="76"/>
      <c r="AA1917" s="85"/>
      <c r="AB1917" s="85"/>
      <c r="AC1917" s="85"/>
      <c r="AD1917" s="85"/>
      <c r="AE1917" s="85"/>
      <c r="AF1917" s="85"/>
      <c r="AG1917" s="86"/>
      <c r="AH1917" s="85"/>
      <c r="AI1917" s="85"/>
      <c r="AJ1917" s="85"/>
      <c r="AK1917" s="85"/>
      <c r="AL1917" s="85"/>
      <c r="AM1917" s="92"/>
      <c r="AN1917" s="92"/>
      <c r="AO1917" s="92"/>
      <c r="AP1917" s="92"/>
      <c r="AQ1917" s="92"/>
      <c r="AR1917" s="92"/>
      <c r="AS1917" s="92"/>
      <c r="AT1917" s="92"/>
      <c r="AU1917" s="92"/>
      <c r="AV1917" s="92"/>
      <c r="AW1917" s="92"/>
      <c r="AX1917" s="92"/>
      <c r="AY1917" s="92"/>
      <c r="AZ1917" s="93"/>
      <c r="BA1917" s="93"/>
      <c r="BB1917" s="93"/>
      <c r="BC1917" s="93"/>
      <c r="BD1917" s="93"/>
      <c r="BE1917" s="93"/>
      <c r="BF1917" s="93"/>
      <c r="BG1917" s="93"/>
      <c r="BH1917" s="93"/>
      <c r="BI1917" s="93"/>
      <c r="BJ1917" s="93"/>
      <c r="BK1917" s="93"/>
      <c r="BL1917" s="93"/>
    </row>
    <row r="1918" spans="2:64" x14ac:dyDescent="0.2">
      <c r="B1918" s="43"/>
      <c r="C1918" s="73"/>
      <c r="D1918" s="64"/>
      <c r="E1918" s="55"/>
      <c r="F1918" s="74"/>
      <c r="G1918" s="74"/>
      <c r="H1918" s="74"/>
      <c r="I1918" s="75"/>
      <c r="J1918" s="74"/>
      <c r="L1918" s="55"/>
      <c r="M1918" s="234"/>
      <c r="N1918" s="65"/>
      <c r="O1918" s="76"/>
      <c r="P1918" s="76"/>
      <c r="Q1918" s="65"/>
      <c r="R1918" s="76"/>
      <c r="S1918" s="76"/>
      <c r="T1918" s="76"/>
      <c r="U1918" s="76"/>
      <c r="V1918" s="76"/>
      <c r="W1918" s="76"/>
      <c r="X1918" s="76"/>
      <c r="Y1918" s="76"/>
      <c r="Z1918" s="76"/>
      <c r="AA1918" s="85"/>
      <c r="AB1918" s="85"/>
      <c r="AC1918" s="85"/>
      <c r="AD1918" s="85"/>
      <c r="AE1918" s="85"/>
      <c r="AF1918" s="85"/>
      <c r="AG1918" s="86"/>
      <c r="AH1918" s="85"/>
      <c r="AI1918" s="85"/>
      <c r="AJ1918" s="85"/>
      <c r="AK1918" s="85"/>
      <c r="AL1918" s="85"/>
      <c r="AM1918" s="92"/>
      <c r="AN1918" s="92"/>
      <c r="AO1918" s="92"/>
      <c r="AP1918" s="92"/>
      <c r="AQ1918" s="92"/>
      <c r="AR1918" s="92"/>
      <c r="AS1918" s="92"/>
      <c r="AT1918" s="92"/>
      <c r="AU1918" s="92"/>
      <c r="AV1918" s="92"/>
      <c r="AW1918" s="92"/>
      <c r="AX1918" s="92"/>
      <c r="AY1918" s="92"/>
      <c r="AZ1918" s="93"/>
      <c r="BA1918" s="93"/>
      <c r="BB1918" s="93"/>
      <c r="BC1918" s="93"/>
      <c r="BD1918" s="93"/>
      <c r="BE1918" s="93"/>
      <c r="BF1918" s="93"/>
      <c r="BG1918" s="93"/>
      <c r="BH1918" s="93"/>
      <c r="BI1918" s="93"/>
      <c r="BJ1918" s="93"/>
      <c r="BK1918" s="93"/>
      <c r="BL1918" s="93"/>
    </row>
    <row r="1919" spans="2:64" x14ac:dyDescent="0.2">
      <c r="B1919" s="43"/>
      <c r="C1919" s="73"/>
      <c r="D1919" s="64"/>
      <c r="E1919" s="55"/>
      <c r="F1919" s="74"/>
      <c r="G1919" s="74"/>
      <c r="H1919" s="74"/>
      <c r="I1919" s="75"/>
      <c r="J1919" s="74"/>
      <c r="L1919" s="55"/>
      <c r="M1919" s="234"/>
      <c r="N1919" s="65"/>
      <c r="O1919" s="76"/>
      <c r="P1919" s="76"/>
      <c r="Q1919" s="65"/>
      <c r="R1919" s="76"/>
      <c r="S1919" s="76"/>
      <c r="T1919" s="76"/>
      <c r="U1919" s="76"/>
      <c r="V1919" s="76"/>
      <c r="W1919" s="76"/>
      <c r="X1919" s="76"/>
      <c r="Y1919" s="76"/>
      <c r="Z1919" s="76"/>
      <c r="AA1919" s="85"/>
      <c r="AB1919" s="85"/>
      <c r="AC1919" s="85"/>
      <c r="AD1919" s="85"/>
      <c r="AE1919" s="85"/>
      <c r="AF1919" s="85"/>
      <c r="AG1919" s="86"/>
      <c r="AH1919" s="85"/>
      <c r="AI1919" s="85"/>
      <c r="AJ1919" s="85"/>
      <c r="AK1919" s="85"/>
      <c r="AL1919" s="85"/>
      <c r="AM1919" s="92"/>
      <c r="AN1919" s="92"/>
      <c r="AO1919" s="92"/>
      <c r="AP1919" s="92"/>
      <c r="AQ1919" s="92"/>
      <c r="AR1919" s="92"/>
      <c r="AS1919" s="92"/>
      <c r="AT1919" s="92"/>
      <c r="AU1919" s="92"/>
      <c r="AV1919" s="92"/>
      <c r="AW1919" s="92"/>
      <c r="AX1919" s="92"/>
      <c r="AY1919" s="92"/>
      <c r="AZ1919" s="93"/>
      <c r="BA1919" s="93"/>
      <c r="BB1919" s="93"/>
      <c r="BC1919" s="93"/>
      <c r="BD1919" s="93"/>
      <c r="BE1919" s="93"/>
      <c r="BF1919" s="93"/>
      <c r="BG1919" s="93"/>
      <c r="BH1919" s="93"/>
      <c r="BI1919" s="93"/>
      <c r="BJ1919" s="93"/>
      <c r="BK1919" s="93"/>
      <c r="BL1919" s="93"/>
    </row>
    <row r="1920" spans="2:64" x14ac:dyDescent="0.2">
      <c r="B1920" s="43"/>
      <c r="C1920" s="73"/>
      <c r="D1920" s="64"/>
      <c r="E1920" s="55"/>
      <c r="F1920" s="74"/>
      <c r="G1920" s="74"/>
      <c r="H1920" s="74"/>
      <c r="I1920" s="75"/>
      <c r="J1920" s="74"/>
      <c r="L1920" s="55"/>
      <c r="M1920" s="234"/>
      <c r="N1920" s="65"/>
      <c r="O1920" s="76"/>
      <c r="P1920" s="76"/>
      <c r="Q1920" s="65"/>
      <c r="R1920" s="76"/>
      <c r="S1920" s="76"/>
      <c r="T1920" s="76"/>
      <c r="U1920" s="76"/>
      <c r="V1920" s="76"/>
      <c r="W1920" s="76"/>
      <c r="X1920" s="76"/>
      <c r="Y1920" s="76"/>
      <c r="Z1920" s="76"/>
      <c r="AA1920" s="85"/>
      <c r="AB1920" s="85"/>
      <c r="AC1920" s="85"/>
      <c r="AD1920" s="85"/>
      <c r="AE1920" s="85"/>
      <c r="AF1920" s="85"/>
      <c r="AG1920" s="86"/>
      <c r="AH1920" s="85"/>
      <c r="AI1920" s="85"/>
      <c r="AJ1920" s="85"/>
      <c r="AK1920" s="85"/>
      <c r="AL1920" s="85"/>
      <c r="AM1920" s="92"/>
      <c r="AN1920" s="92"/>
      <c r="AO1920" s="92"/>
      <c r="AP1920" s="92"/>
      <c r="AQ1920" s="92"/>
      <c r="AR1920" s="92"/>
      <c r="AS1920" s="92"/>
      <c r="AT1920" s="92"/>
      <c r="AU1920" s="92"/>
      <c r="AV1920" s="92"/>
      <c r="AW1920" s="92"/>
      <c r="AX1920" s="92"/>
      <c r="AY1920" s="92"/>
      <c r="AZ1920" s="93"/>
      <c r="BA1920" s="93"/>
      <c r="BB1920" s="93"/>
      <c r="BC1920" s="93"/>
      <c r="BD1920" s="93"/>
      <c r="BE1920" s="93"/>
      <c r="BF1920" s="93"/>
      <c r="BG1920" s="93"/>
      <c r="BH1920" s="93"/>
      <c r="BI1920" s="93"/>
      <c r="BJ1920" s="93"/>
      <c r="BK1920" s="93"/>
      <c r="BL1920" s="93"/>
    </row>
    <row r="1921" spans="2:64" x14ac:dyDescent="0.2">
      <c r="B1921" s="43"/>
      <c r="C1921" s="73"/>
      <c r="D1921" s="64"/>
      <c r="E1921" s="55"/>
      <c r="F1921" s="74"/>
      <c r="G1921" s="74"/>
      <c r="H1921" s="74"/>
      <c r="I1921" s="75"/>
      <c r="J1921" s="74"/>
      <c r="L1921" s="55"/>
      <c r="M1921" s="234"/>
      <c r="N1921" s="65"/>
      <c r="O1921" s="76"/>
      <c r="P1921" s="76"/>
      <c r="Q1921" s="65"/>
      <c r="R1921" s="76"/>
      <c r="S1921" s="76"/>
      <c r="T1921" s="76"/>
      <c r="U1921" s="76"/>
      <c r="V1921" s="76"/>
      <c r="W1921" s="76"/>
      <c r="X1921" s="76"/>
      <c r="Y1921" s="76"/>
      <c r="Z1921" s="76"/>
      <c r="AA1921" s="85"/>
      <c r="AB1921" s="85"/>
      <c r="AC1921" s="85"/>
      <c r="AD1921" s="85"/>
      <c r="AE1921" s="85"/>
      <c r="AF1921" s="85"/>
      <c r="AG1921" s="86"/>
      <c r="AH1921" s="85"/>
      <c r="AI1921" s="85"/>
      <c r="AJ1921" s="85"/>
      <c r="AK1921" s="85"/>
      <c r="AL1921" s="85"/>
      <c r="AM1921" s="92"/>
      <c r="AN1921" s="92"/>
      <c r="AO1921" s="92"/>
      <c r="AP1921" s="92"/>
      <c r="AQ1921" s="92"/>
      <c r="AR1921" s="92"/>
      <c r="AS1921" s="92"/>
      <c r="AT1921" s="92"/>
      <c r="AU1921" s="92"/>
      <c r="AV1921" s="92"/>
      <c r="AW1921" s="92"/>
      <c r="AX1921" s="92"/>
      <c r="AY1921" s="92"/>
      <c r="AZ1921" s="93"/>
      <c r="BA1921" s="93"/>
      <c r="BB1921" s="93"/>
      <c r="BC1921" s="93"/>
      <c r="BD1921" s="93"/>
      <c r="BE1921" s="93"/>
      <c r="BF1921" s="93"/>
      <c r="BG1921" s="93"/>
      <c r="BH1921" s="93"/>
      <c r="BI1921" s="93"/>
      <c r="BJ1921" s="93"/>
      <c r="BK1921" s="93"/>
      <c r="BL1921" s="93"/>
    </row>
    <row r="1922" spans="2:64" x14ac:dyDescent="0.2">
      <c r="B1922" s="43"/>
      <c r="C1922" s="73"/>
      <c r="D1922" s="64"/>
      <c r="E1922" s="55"/>
      <c r="F1922" s="74"/>
      <c r="G1922" s="74"/>
      <c r="H1922" s="74"/>
      <c r="I1922" s="75"/>
      <c r="J1922" s="74"/>
      <c r="L1922" s="55"/>
      <c r="M1922" s="234"/>
      <c r="N1922" s="65"/>
      <c r="O1922" s="76"/>
      <c r="P1922" s="76"/>
      <c r="Q1922" s="65"/>
      <c r="R1922" s="76"/>
      <c r="S1922" s="76"/>
      <c r="T1922" s="76"/>
      <c r="U1922" s="76"/>
      <c r="V1922" s="76"/>
      <c r="W1922" s="76"/>
      <c r="X1922" s="76"/>
      <c r="Y1922" s="76"/>
      <c r="Z1922" s="76"/>
      <c r="AA1922" s="85"/>
      <c r="AB1922" s="85"/>
      <c r="AC1922" s="85"/>
      <c r="AD1922" s="85"/>
      <c r="AE1922" s="85"/>
      <c r="AF1922" s="85"/>
      <c r="AG1922" s="86"/>
      <c r="AH1922" s="85"/>
      <c r="AI1922" s="85"/>
      <c r="AJ1922" s="85"/>
      <c r="AK1922" s="85"/>
      <c r="AL1922" s="85"/>
      <c r="AM1922" s="92"/>
      <c r="AN1922" s="92"/>
      <c r="AO1922" s="92"/>
      <c r="AP1922" s="92"/>
      <c r="AQ1922" s="92"/>
      <c r="AR1922" s="92"/>
      <c r="AS1922" s="92"/>
      <c r="AT1922" s="92"/>
      <c r="AU1922" s="92"/>
      <c r="AV1922" s="92"/>
      <c r="AW1922" s="92"/>
      <c r="AX1922" s="92"/>
      <c r="AY1922" s="92"/>
      <c r="AZ1922" s="93"/>
      <c r="BA1922" s="93"/>
      <c r="BB1922" s="93"/>
      <c r="BC1922" s="93"/>
      <c r="BD1922" s="93"/>
      <c r="BE1922" s="93"/>
      <c r="BF1922" s="93"/>
      <c r="BG1922" s="93"/>
      <c r="BH1922" s="93"/>
      <c r="BI1922" s="93"/>
      <c r="BJ1922" s="93"/>
      <c r="BK1922" s="93"/>
      <c r="BL1922" s="93"/>
    </row>
    <row r="1923" spans="2:64" x14ac:dyDescent="0.2">
      <c r="B1923" s="43"/>
      <c r="C1923" s="73"/>
      <c r="D1923" s="64"/>
      <c r="E1923" s="55"/>
      <c r="F1923" s="74"/>
      <c r="G1923" s="74"/>
      <c r="H1923" s="74"/>
      <c r="I1923" s="75"/>
      <c r="J1923" s="74"/>
      <c r="L1923" s="55"/>
      <c r="M1923" s="234"/>
      <c r="N1923" s="65"/>
      <c r="O1923" s="76"/>
      <c r="P1923" s="76"/>
      <c r="Q1923" s="65"/>
      <c r="R1923" s="76"/>
      <c r="S1923" s="76"/>
      <c r="T1923" s="76"/>
      <c r="U1923" s="76"/>
      <c r="V1923" s="76"/>
      <c r="W1923" s="76"/>
      <c r="X1923" s="76"/>
      <c r="Y1923" s="76"/>
      <c r="Z1923" s="76"/>
      <c r="AA1923" s="85"/>
      <c r="AB1923" s="85"/>
      <c r="AC1923" s="85"/>
      <c r="AD1923" s="85"/>
      <c r="AE1923" s="85"/>
      <c r="AF1923" s="85"/>
      <c r="AG1923" s="86"/>
      <c r="AH1923" s="85"/>
      <c r="AI1923" s="85"/>
      <c r="AJ1923" s="85"/>
      <c r="AK1923" s="85"/>
      <c r="AL1923" s="85"/>
      <c r="AM1923" s="92"/>
      <c r="AN1923" s="92"/>
      <c r="AO1923" s="92"/>
      <c r="AP1923" s="92"/>
      <c r="AQ1923" s="92"/>
      <c r="AR1923" s="92"/>
      <c r="AS1923" s="92"/>
      <c r="AT1923" s="92"/>
      <c r="AU1923" s="92"/>
      <c r="AV1923" s="92"/>
      <c r="AW1923" s="92"/>
      <c r="AX1923" s="92"/>
      <c r="AY1923" s="92"/>
      <c r="AZ1923" s="93"/>
      <c r="BA1923" s="93"/>
      <c r="BB1923" s="93"/>
      <c r="BC1923" s="93"/>
      <c r="BD1923" s="93"/>
      <c r="BE1923" s="93"/>
      <c r="BF1923" s="93"/>
      <c r="BG1923" s="93"/>
      <c r="BH1923" s="93"/>
      <c r="BI1923" s="93"/>
      <c r="BJ1923" s="93"/>
      <c r="BK1923" s="93"/>
      <c r="BL1923" s="93"/>
    </row>
    <row r="1924" spans="2:64" x14ac:dyDescent="0.2">
      <c r="B1924" s="43"/>
      <c r="C1924" s="73"/>
      <c r="D1924" s="64"/>
      <c r="E1924" s="55"/>
      <c r="F1924" s="74"/>
      <c r="G1924" s="74"/>
      <c r="H1924" s="74"/>
      <c r="I1924" s="75"/>
      <c r="J1924" s="74"/>
      <c r="L1924" s="55"/>
      <c r="M1924" s="234"/>
      <c r="N1924" s="65"/>
      <c r="O1924" s="76"/>
      <c r="P1924" s="76"/>
      <c r="Q1924" s="65"/>
      <c r="R1924" s="76"/>
      <c r="S1924" s="76"/>
      <c r="T1924" s="76"/>
      <c r="U1924" s="76"/>
      <c r="V1924" s="76"/>
      <c r="W1924" s="76"/>
      <c r="X1924" s="76"/>
      <c r="Y1924" s="76"/>
      <c r="Z1924" s="76"/>
      <c r="AA1924" s="85"/>
      <c r="AB1924" s="85"/>
      <c r="AC1924" s="85"/>
      <c r="AD1924" s="85"/>
      <c r="AE1924" s="85"/>
      <c r="AF1924" s="85"/>
      <c r="AG1924" s="86"/>
      <c r="AH1924" s="85"/>
      <c r="AI1924" s="85"/>
      <c r="AJ1924" s="85"/>
      <c r="AK1924" s="85"/>
      <c r="AL1924" s="85"/>
      <c r="AM1924" s="92"/>
      <c r="AN1924" s="92"/>
      <c r="AO1924" s="92"/>
      <c r="AP1924" s="92"/>
      <c r="AQ1924" s="92"/>
      <c r="AR1924" s="92"/>
      <c r="AS1924" s="92"/>
      <c r="AT1924" s="92"/>
      <c r="AU1924" s="92"/>
      <c r="AV1924" s="92"/>
      <c r="AW1924" s="92"/>
      <c r="AX1924" s="92"/>
      <c r="AY1924" s="92"/>
      <c r="AZ1924" s="93"/>
      <c r="BA1924" s="93"/>
      <c r="BB1924" s="93"/>
      <c r="BC1924" s="93"/>
      <c r="BD1924" s="93"/>
      <c r="BE1924" s="93"/>
      <c r="BF1924" s="93"/>
      <c r="BG1924" s="93"/>
      <c r="BH1924" s="93"/>
      <c r="BI1924" s="93"/>
      <c r="BJ1924" s="93"/>
      <c r="BK1924" s="93"/>
      <c r="BL1924" s="93"/>
    </row>
    <row r="1925" spans="2:64" x14ac:dyDescent="0.2">
      <c r="B1925" s="43"/>
      <c r="C1925" s="73"/>
      <c r="D1925" s="64"/>
      <c r="E1925" s="55"/>
      <c r="F1925" s="74"/>
      <c r="G1925" s="74"/>
      <c r="H1925" s="74"/>
      <c r="I1925" s="75"/>
      <c r="J1925" s="74"/>
      <c r="L1925" s="55"/>
      <c r="M1925" s="234"/>
      <c r="N1925" s="65"/>
      <c r="O1925" s="76"/>
      <c r="P1925" s="76"/>
      <c r="Q1925" s="65"/>
      <c r="R1925" s="76"/>
      <c r="S1925" s="76"/>
      <c r="T1925" s="76"/>
      <c r="U1925" s="76"/>
      <c r="V1925" s="76"/>
      <c r="W1925" s="76"/>
      <c r="X1925" s="76"/>
      <c r="Y1925" s="76"/>
      <c r="Z1925" s="76"/>
      <c r="AA1925" s="85"/>
      <c r="AB1925" s="85"/>
      <c r="AC1925" s="85"/>
      <c r="AD1925" s="85"/>
      <c r="AE1925" s="85"/>
      <c r="AF1925" s="85"/>
      <c r="AG1925" s="86"/>
      <c r="AH1925" s="85"/>
      <c r="AI1925" s="85"/>
      <c r="AJ1925" s="85"/>
      <c r="AK1925" s="85"/>
      <c r="AL1925" s="85"/>
      <c r="AM1925" s="92"/>
      <c r="AN1925" s="92"/>
      <c r="AO1925" s="92"/>
      <c r="AP1925" s="92"/>
      <c r="AQ1925" s="92"/>
      <c r="AR1925" s="92"/>
      <c r="AS1925" s="92"/>
      <c r="AT1925" s="92"/>
      <c r="AU1925" s="92"/>
      <c r="AV1925" s="92"/>
      <c r="AW1925" s="92"/>
      <c r="AX1925" s="92"/>
      <c r="AY1925" s="92"/>
      <c r="AZ1925" s="93"/>
      <c r="BA1925" s="93"/>
      <c r="BB1925" s="93"/>
      <c r="BC1925" s="93"/>
      <c r="BD1925" s="93"/>
      <c r="BE1925" s="93"/>
      <c r="BF1925" s="93"/>
      <c r="BG1925" s="93"/>
      <c r="BH1925" s="93"/>
      <c r="BI1925" s="93"/>
      <c r="BJ1925" s="93"/>
      <c r="BK1925" s="93"/>
      <c r="BL1925" s="93"/>
    </row>
    <row r="1926" spans="2:64" x14ac:dyDescent="0.2">
      <c r="B1926" s="43"/>
      <c r="C1926" s="73"/>
      <c r="D1926" s="64"/>
      <c r="E1926" s="55"/>
      <c r="F1926" s="74"/>
      <c r="G1926" s="74"/>
      <c r="H1926" s="74"/>
      <c r="I1926" s="75"/>
      <c r="J1926" s="74"/>
      <c r="L1926" s="55"/>
      <c r="M1926" s="234"/>
      <c r="N1926" s="65"/>
      <c r="O1926" s="76"/>
      <c r="P1926" s="76"/>
      <c r="Q1926" s="65"/>
      <c r="R1926" s="76"/>
      <c r="S1926" s="76"/>
      <c r="T1926" s="76"/>
      <c r="U1926" s="76"/>
      <c r="V1926" s="76"/>
      <c r="W1926" s="76"/>
      <c r="X1926" s="76"/>
      <c r="Y1926" s="76"/>
      <c r="Z1926" s="76"/>
      <c r="AA1926" s="85"/>
      <c r="AB1926" s="85"/>
      <c r="AC1926" s="85"/>
      <c r="AD1926" s="85"/>
      <c r="AE1926" s="85"/>
      <c r="AF1926" s="85"/>
      <c r="AG1926" s="86"/>
      <c r="AH1926" s="85"/>
      <c r="AI1926" s="85"/>
      <c r="AJ1926" s="85"/>
      <c r="AK1926" s="85"/>
      <c r="AL1926" s="85"/>
      <c r="AM1926" s="92"/>
      <c r="AN1926" s="92"/>
      <c r="AO1926" s="92"/>
      <c r="AP1926" s="92"/>
      <c r="AQ1926" s="92"/>
      <c r="AR1926" s="92"/>
      <c r="AS1926" s="92"/>
      <c r="AT1926" s="92"/>
      <c r="AU1926" s="92"/>
      <c r="AV1926" s="92"/>
      <c r="AW1926" s="92"/>
      <c r="AX1926" s="92"/>
      <c r="AY1926" s="92"/>
      <c r="AZ1926" s="93"/>
      <c r="BA1926" s="93"/>
      <c r="BB1926" s="93"/>
      <c r="BC1926" s="93"/>
      <c r="BD1926" s="93"/>
      <c r="BE1926" s="93"/>
      <c r="BF1926" s="93"/>
      <c r="BG1926" s="93"/>
      <c r="BH1926" s="93"/>
      <c r="BI1926" s="93"/>
      <c r="BJ1926" s="93"/>
      <c r="BK1926" s="93"/>
      <c r="BL1926" s="93"/>
    </row>
    <row r="1927" spans="2:64" x14ac:dyDescent="0.2">
      <c r="B1927" s="43"/>
      <c r="C1927" s="73"/>
      <c r="D1927" s="64"/>
      <c r="E1927" s="55"/>
      <c r="F1927" s="74"/>
      <c r="G1927" s="74"/>
      <c r="H1927" s="74"/>
      <c r="I1927" s="75"/>
      <c r="J1927" s="74"/>
      <c r="L1927" s="55"/>
      <c r="M1927" s="234"/>
      <c r="N1927" s="65"/>
      <c r="O1927" s="76"/>
      <c r="P1927" s="76"/>
      <c r="Q1927" s="65"/>
      <c r="R1927" s="76"/>
      <c r="S1927" s="76"/>
      <c r="T1927" s="76"/>
      <c r="U1927" s="76"/>
      <c r="V1927" s="76"/>
      <c r="W1927" s="76"/>
      <c r="X1927" s="76"/>
      <c r="Y1927" s="76"/>
      <c r="Z1927" s="76"/>
      <c r="AA1927" s="85"/>
      <c r="AB1927" s="85"/>
      <c r="AC1927" s="85"/>
      <c r="AD1927" s="85"/>
      <c r="AE1927" s="85"/>
      <c r="AF1927" s="85"/>
      <c r="AG1927" s="86"/>
      <c r="AH1927" s="85"/>
      <c r="AI1927" s="85"/>
      <c r="AJ1927" s="85"/>
      <c r="AK1927" s="85"/>
      <c r="AL1927" s="85"/>
      <c r="AM1927" s="92"/>
      <c r="AN1927" s="92"/>
      <c r="AO1927" s="92"/>
      <c r="AP1927" s="92"/>
      <c r="AQ1927" s="92"/>
      <c r="AR1927" s="92"/>
      <c r="AS1927" s="92"/>
      <c r="AT1927" s="92"/>
      <c r="AU1927" s="92"/>
      <c r="AV1927" s="92"/>
      <c r="AW1927" s="92"/>
      <c r="AX1927" s="92"/>
      <c r="AY1927" s="92"/>
      <c r="AZ1927" s="93"/>
      <c r="BA1927" s="93"/>
      <c r="BB1927" s="93"/>
      <c r="BC1927" s="93"/>
      <c r="BD1927" s="93"/>
      <c r="BE1927" s="93"/>
      <c r="BF1927" s="93"/>
      <c r="BG1927" s="93"/>
      <c r="BH1927" s="93"/>
      <c r="BI1927" s="93"/>
      <c r="BJ1927" s="93"/>
      <c r="BK1927" s="93"/>
      <c r="BL1927" s="93"/>
    </row>
    <row r="1928" spans="2:64" x14ac:dyDescent="0.2">
      <c r="B1928" s="43"/>
      <c r="C1928" s="73"/>
      <c r="D1928" s="64"/>
      <c r="E1928" s="55"/>
      <c r="F1928" s="74"/>
      <c r="G1928" s="74"/>
      <c r="H1928" s="74"/>
      <c r="I1928" s="75"/>
      <c r="J1928" s="74"/>
      <c r="L1928" s="55"/>
      <c r="M1928" s="234"/>
      <c r="N1928" s="65"/>
      <c r="O1928" s="76"/>
      <c r="P1928" s="76"/>
      <c r="Q1928" s="65"/>
      <c r="R1928" s="76"/>
      <c r="S1928" s="76"/>
      <c r="T1928" s="76"/>
      <c r="U1928" s="76"/>
      <c r="V1928" s="76"/>
      <c r="W1928" s="76"/>
      <c r="X1928" s="76"/>
      <c r="Y1928" s="76"/>
      <c r="Z1928" s="76"/>
      <c r="AA1928" s="85"/>
      <c r="AB1928" s="85"/>
      <c r="AC1928" s="85"/>
      <c r="AD1928" s="85"/>
      <c r="AE1928" s="85"/>
      <c r="AF1928" s="85"/>
      <c r="AG1928" s="86"/>
      <c r="AH1928" s="85"/>
      <c r="AI1928" s="85"/>
      <c r="AJ1928" s="85"/>
      <c r="AK1928" s="85"/>
      <c r="AL1928" s="85"/>
      <c r="AM1928" s="92"/>
      <c r="AN1928" s="92"/>
      <c r="AO1928" s="92"/>
      <c r="AP1928" s="92"/>
      <c r="AQ1928" s="92"/>
      <c r="AR1928" s="92"/>
      <c r="AS1928" s="92"/>
      <c r="AT1928" s="92"/>
      <c r="AU1928" s="92"/>
      <c r="AV1928" s="92"/>
      <c r="AW1928" s="92"/>
      <c r="AX1928" s="92"/>
      <c r="AY1928" s="92"/>
      <c r="AZ1928" s="93"/>
      <c r="BA1928" s="93"/>
      <c r="BB1928" s="93"/>
      <c r="BC1928" s="93"/>
      <c r="BD1928" s="93"/>
      <c r="BE1928" s="93"/>
      <c r="BF1928" s="93"/>
      <c r="BG1928" s="93"/>
      <c r="BH1928" s="93"/>
      <c r="BI1928" s="93"/>
      <c r="BJ1928" s="93"/>
      <c r="BK1928" s="93"/>
      <c r="BL1928" s="93"/>
    </row>
    <row r="1929" spans="2:64" x14ac:dyDescent="0.2">
      <c r="B1929" s="43"/>
      <c r="C1929" s="73"/>
      <c r="D1929" s="64"/>
      <c r="E1929" s="55"/>
      <c r="F1929" s="74"/>
      <c r="G1929" s="74"/>
      <c r="H1929" s="74"/>
      <c r="I1929" s="75"/>
      <c r="J1929" s="74"/>
      <c r="L1929" s="55"/>
      <c r="M1929" s="234"/>
      <c r="N1929" s="65"/>
      <c r="O1929" s="76"/>
      <c r="P1929" s="76"/>
      <c r="Q1929" s="65"/>
      <c r="R1929" s="76"/>
      <c r="S1929" s="76"/>
      <c r="T1929" s="76"/>
      <c r="U1929" s="76"/>
      <c r="V1929" s="76"/>
      <c r="W1929" s="76"/>
      <c r="X1929" s="76"/>
      <c r="Y1929" s="76"/>
      <c r="Z1929" s="76"/>
      <c r="AA1929" s="85"/>
      <c r="AB1929" s="85"/>
      <c r="AC1929" s="85"/>
      <c r="AD1929" s="85"/>
      <c r="AE1929" s="85"/>
      <c r="AF1929" s="85"/>
      <c r="AG1929" s="86"/>
      <c r="AH1929" s="85"/>
      <c r="AI1929" s="85"/>
      <c r="AJ1929" s="85"/>
      <c r="AK1929" s="85"/>
      <c r="AL1929" s="85"/>
      <c r="AM1929" s="92"/>
      <c r="AN1929" s="92"/>
      <c r="AO1929" s="92"/>
      <c r="AP1929" s="92"/>
      <c r="AQ1929" s="92"/>
      <c r="AR1929" s="92"/>
      <c r="AS1929" s="92"/>
      <c r="AT1929" s="92"/>
      <c r="AU1929" s="92"/>
      <c r="AV1929" s="92"/>
      <c r="AW1929" s="92"/>
      <c r="AX1929" s="92"/>
      <c r="AY1929" s="92"/>
      <c r="AZ1929" s="93"/>
      <c r="BA1929" s="93"/>
      <c r="BB1929" s="93"/>
      <c r="BC1929" s="93"/>
      <c r="BD1929" s="93"/>
      <c r="BE1929" s="93"/>
      <c r="BF1929" s="93"/>
      <c r="BG1929" s="93"/>
      <c r="BH1929" s="93"/>
      <c r="BI1929" s="93"/>
      <c r="BJ1929" s="93"/>
      <c r="BK1929" s="93"/>
      <c r="BL1929" s="93"/>
    </row>
    <row r="1930" spans="2:64" x14ac:dyDescent="0.2">
      <c r="B1930" s="43"/>
      <c r="C1930" s="73"/>
      <c r="D1930" s="64"/>
      <c r="E1930" s="55"/>
      <c r="F1930" s="74"/>
      <c r="G1930" s="74"/>
      <c r="H1930" s="74"/>
      <c r="I1930" s="75"/>
      <c r="J1930" s="74"/>
      <c r="L1930" s="55"/>
      <c r="M1930" s="234"/>
      <c r="N1930" s="65"/>
      <c r="O1930" s="76"/>
      <c r="P1930" s="76"/>
      <c r="Q1930" s="65"/>
      <c r="R1930" s="76"/>
      <c r="S1930" s="76"/>
      <c r="T1930" s="76"/>
      <c r="U1930" s="76"/>
      <c r="V1930" s="76"/>
      <c r="W1930" s="76"/>
      <c r="X1930" s="76"/>
      <c r="Y1930" s="76"/>
      <c r="Z1930" s="76"/>
      <c r="AA1930" s="85"/>
      <c r="AB1930" s="85"/>
      <c r="AC1930" s="85"/>
      <c r="AD1930" s="85"/>
      <c r="AE1930" s="85"/>
      <c r="AF1930" s="85"/>
      <c r="AG1930" s="86"/>
      <c r="AH1930" s="85"/>
      <c r="AI1930" s="85"/>
      <c r="AJ1930" s="85"/>
      <c r="AK1930" s="85"/>
      <c r="AL1930" s="85"/>
      <c r="AM1930" s="92"/>
      <c r="AN1930" s="92"/>
      <c r="AO1930" s="92"/>
      <c r="AP1930" s="92"/>
      <c r="AQ1930" s="92"/>
      <c r="AR1930" s="92"/>
      <c r="AS1930" s="92"/>
      <c r="AT1930" s="92"/>
      <c r="AU1930" s="92"/>
      <c r="AV1930" s="92"/>
      <c r="AW1930" s="92"/>
      <c r="AX1930" s="92"/>
      <c r="AY1930" s="92"/>
      <c r="AZ1930" s="93"/>
      <c r="BA1930" s="93"/>
      <c r="BB1930" s="93"/>
      <c r="BC1930" s="93"/>
      <c r="BD1930" s="93"/>
      <c r="BE1930" s="93"/>
      <c r="BF1930" s="93"/>
      <c r="BG1930" s="93"/>
      <c r="BH1930" s="93"/>
      <c r="BI1930" s="93"/>
      <c r="BJ1930" s="93"/>
      <c r="BK1930" s="93"/>
      <c r="BL1930" s="93"/>
    </row>
    <row r="1931" spans="2:64" x14ac:dyDescent="0.2">
      <c r="B1931" s="43"/>
      <c r="C1931" s="73"/>
      <c r="D1931" s="64"/>
      <c r="E1931" s="55"/>
      <c r="F1931" s="74"/>
      <c r="G1931" s="74"/>
      <c r="H1931" s="74"/>
      <c r="I1931" s="75"/>
      <c r="J1931" s="74"/>
      <c r="L1931" s="55"/>
      <c r="M1931" s="234"/>
      <c r="N1931" s="65"/>
      <c r="O1931" s="76"/>
      <c r="P1931" s="76"/>
      <c r="Q1931" s="65"/>
      <c r="R1931" s="76"/>
      <c r="S1931" s="76"/>
      <c r="T1931" s="76"/>
      <c r="U1931" s="76"/>
      <c r="V1931" s="76"/>
      <c r="W1931" s="76"/>
      <c r="X1931" s="76"/>
      <c r="Y1931" s="76"/>
      <c r="Z1931" s="76"/>
      <c r="AA1931" s="85"/>
      <c r="AB1931" s="85"/>
      <c r="AC1931" s="85"/>
      <c r="AD1931" s="85"/>
      <c r="AE1931" s="85"/>
      <c r="AF1931" s="85"/>
      <c r="AG1931" s="86"/>
      <c r="AH1931" s="85"/>
      <c r="AI1931" s="85"/>
      <c r="AJ1931" s="85"/>
      <c r="AK1931" s="85"/>
      <c r="AL1931" s="85"/>
      <c r="AM1931" s="92"/>
      <c r="AN1931" s="92"/>
      <c r="AO1931" s="92"/>
      <c r="AP1931" s="92"/>
      <c r="AQ1931" s="92"/>
      <c r="AR1931" s="92"/>
      <c r="AS1931" s="92"/>
      <c r="AT1931" s="92"/>
      <c r="AU1931" s="92"/>
      <c r="AV1931" s="92"/>
      <c r="AW1931" s="92"/>
      <c r="AX1931" s="92"/>
      <c r="AY1931" s="92"/>
      <c r="AZ1931" s="93"/>
      <c r="BA1931" s="93"/>
      <c r="BB1931" s="93"/>
      <c r="BC1931" s="93"/>
      <c r="BD1931" s="93"/>
      <c r="BE1931" s="93"/>
      <c r="BF1931" s="93"/>
      <c r="BG1931" s="93"/>
      <c r="BH1931" s="93"/>
      <c r="BI1931" s="93"/>
      <c r="BJ1931" s="93"/>
      <c r="BK1931" s="93"/>
      <c r="BL1931" s="93"/>
    </row>
    <row r="1932" spans="2:64" x14ac:dyDescent="0.2">
      <c r="B1932" s="43"/>
      <c r="C1932" s="73"/>
      <c r="D1932" s="64"/>
      <c r="E1932" s="55"/>
      <c r="F1932" s="74"/>
      <c r="G1932" s="74"/>
      <c r="H1932" s="74"/>
      <c r="I1932" s="75"/>
      <c r="J1932" s="74"/>
      <c r="L1932" s="55"/>
      <c r="M1932" s="234"/>
      <c r="N1932" s="65"/>
      <c r="O1932" s="76"/>
      <c r="P1932" s="76"/>
      <c r="Q1932" s="65"/>
      <c r="R1932" s="76"/>
      <c r="S1932" s="76"/>
      <c r="T1932" s="76"/>
      <c r="U1932" s="76"/>
      <c r="V1932" s="76"/>
      <c r="W1932" s="76"/>
      <c r="X1932" s="76"/>
      <c r="Y1932" s="76"/>
      <c r="Z1932" s="76"/>
      <c r="AA1932" s="85"/>
      <c r="AB1932" s="85"/>
      <c r="AC1932" s="85"/>
      <c r="AD1932" s="85"/>
      <c r="AE1932" s="85"/>
      <c r="AF1932" s="85"/>
      <c r="AG1932" s="86"/>
      <c r="AH1932" s="85"/>
      <c r="AI1932" s="85"/>
      <c r="AJ1932" s="85"/>
      <c r="AK1932" s="85"/>
      <c r="AL1932" s="85"/>
      <c r="AM1932" s="92"/>
      <c r="AN1932" s="92"/>
      <c r="AO1932" s="92"/>
      <c r="AP1932" s="92"/>
      <c r="AQ1932" s="92"/>
      <c r="AR1932" s="92"/>
      <c r="AS1932" s="92"/>
      <c r="AT1932" s="92"/>
      <c r="AU1932" s="92"/>
      <c r="AV1932" s="92"/>
      <c r="AW1932" s="92"/>
      <c r="AX1932" s="92"/>
      <c r="AY1932" s="92"/>
      <c r="AZ1932" s="93"/>
      <c r="BA1932" s="93"/>
      <c r="BB1932" s="93"/>
      <c r="BC1932" s="93"/>
      <c r="BD1932" s="93"/>
      <c r="BE1932" s="93"/>
      <c r="BF1932" s="93"/>
      <c r="BG1932" s="93"/>
      <c r="BH1932" s="93"/>
      <c r="BI1932" s="93"/>
      <c r="BJ1932" s="93"/>
      <c r="BK1932" s="93"/>
      <c r="BL1932" s="93"/>
    </row>
    <row r="1933" spans="2:64" x14ac:dyDescent="0.2">
      <c r="B1933" s="43"/>
      <c r="C1933" s="73"/>
      <c r="D1933" s="64"/>
      <c r="E1933" s="55"/>
      <c r="F1933" s="74"/>
      <c r="G1933" s="74"/>
      <c r="H1933" s="74"/>
      <c r="I1933" s="75"/>
      <c r="J1933" s="74"/>
      <c r="L1933" s="55"/>
      <c r="M1933" s="234"/>
      <c r="N1933" s="65"/>
      <c r="O1933" s="76"/>
      <c r="P1933" s="76"/>
      <c r="Q1933" s="65"/>
      <c r="R1933" s="76"/>
      <c r="S1933" s="76"/>
      <c r="T1933" s="76"/>
      <c r="U1933" s="76"/>
      <c r="V1933" s="76"/>
      <c r="W1933" s="76"/>
      <c r="X1933" s="76"/>
      <c r="Y1933" s="76"/>
      <c r="Z1933" s="76"/>
      <c r="AA1933" s="85"/>
      <c r="AB1933" s="85"/>
      <c r="AC1933" s="85"/>
      <c r="AD1933" s="85"/>
      <c r="AE1933" s="85"/>
      <c r="AF1933" s="85"/>
      <c r="AG1933" s="86"/>
      <c r="AH1933" s="85"/>
      <c r="AI1933" s="85"/>
      <c r="AJ1933" s="85"/>
      <c r="AK1933" s="85"/>
      <c r="AL1933" s="85"/>
      <c r="AM1933" s="92"/>
      <c r="AN1933" s="92"/>
      <c r="AO1933" s="92"/>
      <c r="AP1933" s="92"/>
      <c r="AQ1933" s="92"/>
      <c r="AR1933" s="92"/>
      <c r="AS1933" s="92"/>
      <c r="AT1933" s="92"/>
      <c r="AU1933" s="92"/>
      <c r="AV1933" s="92"/>
      <c r="AW1933" s="92"/>
      <c r="AX1933" s="92"/>
      <c r="AY1933" s="92"/>
      <c r="AZ1933" s="93"/>
      <c r="BA1933" s="93"/>
      <c r="BB1933" s="93"/>
      <c r="BC1933" s="93"/>
      <c r="BD1933" s="93"/>
      <c r="BE1933" s="93"/>
      <c r="BF1933" s="93"/>
      <c r="BG1933" s="93"/>
      <c r="BH1933" s="93"/>
      <c r="BI1933" s="93"/>
      <c r="BJ1933" s="93"/>
      <c r="BK1933" s="93"/>
      <c r="BL1933" s="93"/>
    </row>
    <row r="1934" spans="2:64" x14ac:dyDescent="0.2">
      <c r="B1934" s="43"/>
      <c r="C1934" s="73"/>
      <c r="D1934" s="64"/>
      <c r="E1934" s="55"/>
      <c r="F1934" s="74"/>
      <c r="G1934" s="74"/>
      <c r="H1934" s="74"/>
      <c r="I1934" s="75"/>
      <c r="J1934" s="74"/>
      <c r="L1934" s="55"/>
      <c r="M1934" s="234"/>
      <c r="N1934" s="65"/>
      <c r="O1934" s="76"/>
      <c r="P1934" s="76"/>
      <c r="Q1934" s="65"/>
      <c r="R1934" s="76"/>
      <c r="S1934" s="76"/>
      <c r="T1934" s="76"/>
      <c r="U1934" s="76"/>
      <c r="V1934" s="76"/>
      <c r="W1934" s="76"/>
      <c r="X1934" s="76"/>
      <c r="Y1934" s="76"/>
      <c r="Z1934" s="76"/>
      <c r="AA1934" s="85"/>
      <c r="AB1934" s="85"/>
      <c r="AC1934" s="85"/>
      <c r="AD1934" s="85"/>
      <c r="AE1934" s="85"/>
      <c r="AF1934" s="85"/>
      <c r="AG1934" s="86"/>
      <c r="AH1934" s="85"/>
      <c r="AI1934" s="85"/>
      <c r="AJ1934" s="85"/>
      <c r="AK1934" s="85"/>
      <c r="AL1934" s="85"/>
      <c r="AM1934" s="92"/>
      <c r="AN1934" s="92"/>
      <c r="AO1934" s="92"/>
      <c r="AP1934" s="92"/>
      <c r="AQ1934" s="92"/>
      <c r="AR1934" s="92"/>
      <c r="AS1934" s="92"/>
      <c r="AT1934" s="92"/>
      <c r="AU1934" s="92"/>
      <c r="AV1934" s="92"/>
      <c r="AW1934" s="92"/>
      <c r="AX1934" s="92"/>
      <c r="AY1934" s="92"/>
      <c r="AZ1934" s="93"/>
      <c r="BA1934" s="93"/>
      <c r="BB1934" s="93"/>
      <c r="BC1934" s="93"/>
      <c r="BD1934" s="93"/>
      <c r="BE1934" s="93"/>
      <c r="BF1934" s="93"/>
      <c r="BG1934" s="93"/>
      <c r="BH1934" s="93"/>
      <c r="BI1934" s="93"/>
      <c r="BJ1934" s="93"/>
      <c r="BK1934" s="93"/>
      <c r="BL1934" s="93"/>
    </row>
    <row r="1935" spans="2:64" x14ac:dyDescent="0.2">
      <c r="B1935" s="43"/>
      <c r="C1935" s="73"/>
      <c r="D1935" s="64"/>
      <c r="E1935" s="55"/>
      <c r="F1935" s="74"/>
      <c r="G1935" s="74"/>
      <c r="H1935" s="74"/>
      <c r="I1935" s="75"/>
      <c r="J1935" s="74"/>
      <c r="L1935" s="55"/>
      <c r="M1935" s="234"/>
      <c r="N1935" s="65"/>
      <c r="O1935" s="76"/>
      <c r="P1935" s="76"/>
      <c r="Q1935" s="65"/>
      <c r="R1935" s="76"/>
      <c r="S1935" s="76"/>
      <c r="T1935" s="76"/>
      <c r="U1935" s="76"/>
      <c r="V1935" s="76"/>
      <c r="W1935" s="76"/>
      <c r="X1935" s="76"/>
      <c r="Y1935" s="76"/>
      <c r="Z1935" s="76"/>
      <c r="AA1935" s="85"/>
      <c r="AB1935" s="85"/>
      <c r="AC1935" s="85"/>
      <c r="AD1935" s="85"/>
      <c r="AE1935" s="85"/>
      <c r="AF1935" s="85"/>
      <c r="AG1935" s="86"/>
      <c r="AH1935" s="85"/>
      <c r="AI1935" s="85"/>
      <c r="AJ1935" s="85"/>
      <c r="AK1935" s="85"/>
      <c r="AL1935" s="85"/>
      <c r="AM1935" s="92"/>
      <c r="AN1935" s="92"/>
      <c r="AO1935" s="92"/>
      <c r="AP1935" s="92"/>
      <c r="AQ1935" s="92"/>
      <c r="AR1935" s="92"/>
      <c r="AS1935" s="92"/>
      <c r="AT1935" s="92"/>
      <c r="AU1935" s="92"/>
      <c r="AV1935" s="92"/>
      <c r="AW1935" s="92"/>
      <c r="AX1935" s="92"/>
      <c r="AY1935" s="92"/>
      <c r="AZ1935" s="93"/>
      <c r="BA1935" s="93"/>
      <c r="BB1935" s="93"/>
      <c r="BC1935" s="93"/>
      <c r="BD1935" s="93"/>
      <c r="BE1935" s="93"/>
      <c r="BF1935" s="93"/>
      <c r="BG1935" s="93"/>
      <c r="BH1935" s="93"/>
      <c r="BI1935" s="93"/>
      <c r="BJ1935" s="93"/>
      <c r="BK1935" s="93"/>
      <c r="BL1935" s="93"/>
    </row>
    <row r="1936" spans="2:64" x14ac:dyDescent="0.2">
      <c r="B1936" s="43"/>
      <c r="C1936" s="73"/>
      <c r="D1936" s="64"/>
      <c r="E1936" s="55"/>
      <c r="F1936" s="74"/>
      <c r="G1936" s="74"/>
      <c r="H1936" s="74"/>
      <c r="I1936" s="75"/>
      <c r="J1936" s="74"/>
      <c r="L1936" s="55"/>
      <c r="M1936" s="234"/>
      <c r="N1936" s="65"/>
      <c r="O1936" s="76"/>
      <c r="P1936" s="76"/>
      <c r="Q1936" s="65"/>
      <c r="R1936" s="76"/>
      <c r="S1936" s="76"/>
      <c r="T1936" s="76"/>
      <c r="U1936" s="76"/>
      <c r="V1936" s="76"/>
      <c r="W1936" s="76"/>
      <c r="X1936" s="76"/>
      <c r="Y1936" s="76"/>
      <c r="Z1936" s="76"/>
      <c r="AA1936" s="85"/>
      <c r="AB1936" s="85"/>
      <c r="AC1936" s="85"/>
      <c r="AD1936" s="85"/>
      <c r="AE1936" s="85"/>
      <c r="AF1936" s="85"/>
      <c r="AG1936" s="86"/>
      <c r="AH1936" s="85"/>
      <c r="AI1936" s="85"/>
      <c r="AJ1936" s="85"/>
      <c r="AK1936" s="85"/>
      <c r="AL1936" s="85"/>
      <c r="AM1936" s="92"/>
      <c r="AN1936" s="92"/>
      <c r="AO1936" s="92"/>
      <c r="AP1936" s="92"/>
      <c r="AQ1936" s="92"/>
      <c r="AR1936" s="92"/>
      <c r="AS1936" s="92"/>
      <c r="AT1936" s="92"/>
      <c r="AU1936" s="92"/>
      <c r="AV1936" s="92"/>
      <c r="AW1936" s="92"/>
      <c r="AX1936" s="92"/>
      <c r="AY1936" s="92"/>
      <c r="AZ1936" s="93"/>
      <c r="BA1936" s="93"/>
      <c r="BB1936" s="93"/>
      <c r="BC1936" s="93"/>
      <c r="BD1936" s="93"/>
      <c r="BE1936" s="93"/>
      <c r="BF1936" s="93"/>
      <c r="BG1936" s="93"/>
      <c r="BH1936" s="93"/>
      <c r="BI1936" s="93"/>
      <c r="BJ1936" s="93"/>
      <c r="BK1936" s="93"/>
      <c r="BL1936" s="93"/>
    </row>
    <row r="1937" spans="2:64" x14ac:dyDescent="0.2">
      <c r="B1937" s="43"/>
      <c r="C1937" s="73"/>
      <c r="D1937" s="64"/>
      <c r="E1937" s="55"/>
      <c r="F1937" s="74"/>
      <c r="G1937" s="74"/>
      <c r="H1937" s="74"/>
      <c r="I1937" s="75"/>
      <c r="J1937" s="74"/>
      <c r="L1937" s="55"/>
      <c r="M1937" s="234"/>
      <c r="N1937" s="65"/>
      <c r="O1937" s="76"/>
      <c r="P1937" s="76"/>
      <c r="Q1937" s="65"/>
      <c r="R1937" s="76"/>
      <c r="S1937" s="76"/>
      <c r="T1937" s="76"/>
      <c r="U1937" s="76"/>
      <c r="V1937" s="76"/>
      <c r="W1937" s="76"/>
      <c r="X1937" s="76"/>
      <c r="Y1937" s="76"/>
      <c r="Z1937" s="76"/>
      <c r="AA1937" s="85"/>
      <c r="AB1937" s="85"/>
      <c r="AC1937" s="85"/>
      <c r="AD1937" s="85"/>
      <c r="AE1937" s="85"/>
      <c r="AF1937" s="85"/>
      <c r="AG1937" s="86"/>
      <c r="AH1937" s="85"/>
      <c r="AI1937" s="85"/>
      <c r="AJ1937" s="85"/>
      <c r="AK1937" s="85"/>
      <c r="AL1937" s="85"/>
      <c r="AM1937" s="92"/>
      <c r="AN1937" s="92"/>
      <c r="AO1937" s="92"/>
      <c r="AP1937" s="92"/>
      <c r="AQ1937" s="92"/>
      <c r="AR1937" s="92"/>
      <c r="AS1937" s="92"/>
      <c r="AT1937" s="92"/>
      <c r="AU1937" s="92"/>
      <c r="AV1937" s="92"/>
      <c r="AW1937" s="92"/>
      <c r="AX1937" s="92"/>
      <c r="AY1937" s="92"/>
      <c r="AZ1937" s="93"/>
      <c r="BA1937" s="93"/>
      <c r="BB1937" s="93"/>
      <c r="BC1937" s="93"/>
      <c r="BD1937" s="93"/>
      <c r="BE1937" s="93"/>
      <c r="BF1937" s="93"/>
      <c r="BG1937" s="93"/>
      <c r="BH1937" s="93"/>
      <c r="BI1937" s="93"/>
      <c r="BJ1937" s="93"/>
      <c r="BK1937" s="93"/>
      <c r="BL1937" s="93"/>
    </row>
    <row r="1938" spans="2:64" x14ac:dyDescent="0.2">
      <c r="B1938" s="43"/>
      <c r="C1938" s="73"/>
      <c r="D1938" s="64"/>
      <c r="E1938" s="55"/>
      <c r="F1938" s="74"/>
      <c r="G1938" s="74"/>
      <c r="H1938" s="74"/>
      <c r="I1938" s="75"/>
      <c r="J1938" s="74"/>
      <c r="L1938" s="55"/>
      <c r="M1938" s="234"/>
      <c r="N1938" s="65"/>
      <c r="O1938" s="76"/>
      <c r="P1938" s="76"/>
      <c r="Q1938" s="65"/>
      <c r="R1938" s="76"/>
      <c r="S1938" s="76"/>
      <c r="T1938" s="76"/>
      <c r="U1938" s="76"/>
      <c r="V1938" s="76"/>
      <c r="W1938" s="76"/>
      <c r="X1938" s="76"/>
      <c r="Y1938" s="76"/>
      <c r="Z1938" s="76"/>
      <c r="AA1938" s="85"/>
      <c r="AB1938" s="85"/>
      <c r="AC1938" s="85"/>
      <c r="AD1938" s="85"/>
      <c r="AE1938" s="85"/>
      <c r="AF1938" s="85"/>
      <c r="AG1938" s="86"/>
      <c r="AH1938" s="85"/>
      <c r="AI1938" s="85"/>
      <c r="AJ1938" s="85"/>
      <c r="AK1938" s="85"/>
      <c r="AL1938" s="85"/>
      <c r="AM1938" s="92"/>
      <c r="AN1938" s="92"/>
      <c r="AO1938" s="92"/>
      <c r="AP1938" s="92"/>
      <c r="AQ1938" s="92"/>
      <c r="AR1938" s="92"/>
      <c r="AS1938" s="92"/>
      <c r="AT1938" s="92"/>
      <c r="AU1938" s="92"/>
      <c r="AV1938" s="92"/>
      <c r="AW1938" s="92"/>
      <c r="AX1938" s="92"/>
      <c r="AY1938" s="92"/>
      <c r="AZ1938" s="93"/>
      <c r="BA1938" s="93"/>
      <c r="BB1938" s="93"/>
      <c r="BC1938" s="93"/>
      <c r="BD1938" s="93"/>
      <c r="BE1938" s="93"/>
      <c r="BF1938" s="93"/>
      <c r="BG1938" s="93"/>
      <c r="BH1938" s="93"/>
      <c r="BI1938" s="93"/>
      <c r="BJ1938" s="93"/>
      <c r="BK1938" s="93"/>
      <c r="BL1938" s="93"/>
    </row>
    <row r="1939" spans="2:64" x14ac:dyDescent="0.2">
      <c r="B1939" s="43"/>
      <c r="C1939" s="73"/>
      <c r="D1939" s="64"/>
      <c r="E1939" s="55"/>
      <c r="F1939" s="74"/>
      <c r="G1939" s="74"/>
      <c r="H1939" s="74"/>
      <c r="I1939" s="75"/>
      <c r="J1939" s="74"/>
      <c r="L1939" s="55"/>
      <c r="M1939" s="234"/>
      <c r="N1939" s="65"/>
      <c r="O1939" s="76"/>
      <c r="P1939" s="76"/>
      <c r="Q1939" s="65"/>
      <c r="R1939" s="76"/>
      <c r="S1939" s="76"/>
      <c r="T1939" s="76"/>
      <c r="U1939" s="76"/>
      <c r="V1939" s="76"/>
      <c r="W1939" s="76"/>
      <c r="X1939" s="76"/>
      <c r="Y1939" s="76"/>
      <c r="Z1939" s="76"/>
      <c r="AA1939" s="85"/>
      <c r="AB1939" s="85"/>
      <c r="AC1939" s="85"/>
      <c r="AD1939" s="85"/>
      <c r="AE1939" s="85"/>
      <c r="AF1939" s="85"/>
      <c r="AG1939" s="86"/>
      <c r="AH1939" s="85"/>
      <c r="AI1939" s="85"/>
      <c r="AJ1939" s="85"/>
      <c r="AK1939" s="85"/>
      <c r="AL1939" s="85"/>
      <c r="AM1939" s="92"/>
      <c r="AN1939" s="92"/>
      <c r="AO1939" s="92"/>
      <c r="AP1939" s="92"/>
      <c r="AQ1939" s="92"/>
      <c r="AR1939" s="92"/>
      <c r="AS1939" s="92"/>
      <c r="AT1939" s="92"/>
      <c r="AU1939" s="92"/>
      <c r="AV1939" s="92"/>
      <c r="AW1939" s="92"/>
      <c r="AX1939" s="92"/>
      <c r="AY1939" s="92"/>
      <c r="AZ1939" s="93"/>
      <c r="BA1939" s="93"/>
      <c r="BB1939" s="93"/>
      <c r="BC1939" s="93"/>
      <c r="BD1939" s="93"/>
      <c r="BE1939" s="93"/>
      <c r="BF1939" s="93"/>
      <c r="BG1939" s="93"/>
      <c r="BH1939" s="93"/>
      <c r="BI1939" s="93"/>
      <c r="BJ1939" s="93"/>
      <c r="BK1939" s="93"/>
      <c r="BL1939" s="93"/>
    </row>
    <row r="1940" spans="2:64" x14ac:dyDescent="0.2">
      <c r="B1940" s="43"/>
      <c r="C1940" s="73"/>
      <c r="D1940" s="64"/>
      <c r="E1940" s="55"/>
      <c r="F1940" s="74"/>
      <c r="G1940" s="74"/>
      <c r="H1940" s="74"/>
      <c r="I1940" s="75"/>
      <c r="J1940" s="74"/>
      <c r="L1940" s="55"/>
      <c r="M1940" s="234"/>
      <c r="N1940" s="65"/>
      <c r="O1940" s="76"/>
      <c r="P1940" s="76"/>
      <c r="Q1940" s="65"/>
      <c r="R1940" s="76"/>
      <c r="S1940" s="76"/>
      <c r="T1940" s="76"/>
      <c r="U1940" s="76"/>
      <c r="V1940" s="76"/>
      <c r="W1940" s="76"/>
      <c r="X1940" s="76"/>
      <c r="Y1940" s="76"/>
      <c r="Z1940" s="76"/>
      <c r="AA1940" s="85"/>
      <c r="AB1940" s="85"/>
      <c r="AC1940" s="85"/>
      <c r="AD1940" s="85"/>
      <c r="AE1940" s="85"/>
      <c r="AF1940" s="85"/>
      <c r="AG1940" s="86"/>
      <c r="AH1940" s="85"/>
      <c r="AI1940" s="85"/>
      <c r="AJ1940" s="85"/>
      <c r="AK1940" s="85"/>
      <c r="AL1940" s="85"/>
      <c r="AM1940" s="92"/>
      <c r="AN1940" s="92"/>
      <c r="AO1940" s="92"/>
      <c r="AP1940" s="92"/>
      <c r="AQ1940" s="92"/>
      <c r="AR1940" s="92"/>
      <c r="AS1940" s="92"/>
      <c r="AT1940" s="92"/>
      <c r="AU1940" s="92"/>
      <c r="AV1940" s="92"/>
      <c r="AW1940" s="92"/>
      <c r="AX1940" s="92"/>
      <c r="AY1940" s="92"/>
      <c r="AZ1940" s="93"/>
      <c r="BA1940" s="93"/>
      <c r="BB1940" s="93"/>
      <c r="BC1940" s="93"/>
      <c r="BD1940" s="93"/>
      <c r="BE1940" s="93"/>
      <c r="BF1940" s="93"/>
      <c r="BG1940" s="93"/>
      <c r="BH1940" s="93"/>
      <c r="BI1940" s="93"/>
      <c r="BJ1940" s="93"/>
      <c r="BK1940" s="93"/>
      <c r="BL1940" s="93"/>
    </row>
    <row r="1941" spans="2:64" x14ac:dyDescent="0.2">
      <c r="B1941" s="43"/>
      <c r="C1941" s="73"/>
      <c r="D1941" s="64"/>
      <c r="E1941" s="55"/>
      <c r="F1941" s="74"/>
      <c r="G1941" s="74"/>
      <c r="H1941" s="74"/>
      <c r="I1941" s="75"/>
      <c r="J1941" s="74"/>
      <c r="L1941" s="55"/>
      <c r="M1941" s="234"/>
      <c r="N1941" s="65"/>
      <c r="O1941" s="76"/>
      <c r="P1941" s="76"/>
      <c r="Q1941" s="65"/>
      <c r="R1941" s="76"/>
      <c r="S1941" s="76"/>
      <c r="T1941" s="76"/>
      <c r="U1941" s="76"/>
      <c r="V1941" s="76"/>
      <c r="W1941" s="76"/>
      <c r="X1941" s="76"/>
      <c r="Y1941" s="76"/>
      <c r="Z1941" s="76"/>
      <c r="AA1941" s="85"/>
      <c r="AB1941" s="85"/>
      <c r="AC1941" s="85"/>
      <c r="AD1941" s="85"/>
      <c r="AE1941" s="85"/>
      <c r="AF1941" s="85"/>
      <c r="AG1941" s="86"/>
      <c r="AH1941" s="85"/>
      <c r="AI1941" s="85"/>
      <c r="AJ1941" s="85"/>
      <c r="AK1941" s="85"/>
      <c r="AL1941" s="85"/>
      <c r="AM1941" s="92"/>
      <c r="AN1941" s="92"/>
      <c r="AO1941" s="92"/>
      <c r="AP1941" s="92"/>
      <c r="AQ1941" s="92"/>
      <c r="AR1941" s="92"/>
      <c r="AS1941" s="92"/>
      <c r="AT1941" s="92"/>
      <c r="AU1941" s="92"/>
      <c r="AV1941" s="92"/>
      <c r="AW1941" s="92"/>
      <c r="AX1941" s="92"/>
      <c r="AY1941" s="92"/>
      <c r="AZ1941" s="93"/>
      <c r="BA1941" s="93"/>
      <c r="BB1941" s="93"/>
      <c r="BC1941" s="93"/>
      <c r="BD1941" s="93"/>
      <c r="BE1941" s="93"/>
      <c r="BF1941" s="93"/>
      <c r="BG1941" s="93"/>
      <c r="BH1941" s="93"/>
      <c r="BI1941" s="93"/>
      <c r="BJ1941" s="93"/>
      <c r="BK1941" s="93"/>
      <c r="BL1941" s="93"/>
    </row>
    <row r="1942" spans="2:64" x14ac:dyDescent="0.2">
      <c r="B1942" s="43"/>
      <c r="C1942" s="73"/>
      <c r="D1942" s="64"/>
      <c r="E1942" s="55"/>
      <c r="F1942" s="74"/>
      <c r="G1942" s="74"/>
      <c r="H1942" s="74"/>
      <c r="I1942" s="75"/>
      <c r="J1942" s="74"/>
      <c r="L1942" s="55"/>
      <c r="M1942" s="234"/>
      <c r="N1942" s="65"/>
      <c r="O1942" s="76"/>
      <c r="P1942" s="76"/>
      <c r="Q1942" s="65"/>
      <c r="R1942" s="76"/>
      <c r="S1942" s="76"/>
      <c r="T1942" s="76"/>
      <c r="U1942" s="76"/>
      <c r="V1942" s="76"/>
      <c r="W1942" s="76"/>
      <c r="X1942" s="76"/>
      <c r="Y1942" s="76"/>
      <c r="Z1942" s="76"/>
      <c r="AA1942" s="85"/>
      <c r="AB1942" s="85"/>
      <c r="AC1942" s="85"/>
      <c r="AD1942" s="85"/>
      <c r="AE1942" s="85"/>
      <c r="AF1942" s="85"/>
      <c r="AG1942" s="86"/>
      <c r="AH1942" s="85"/>
      <c r="AI1942" s="85"/>
      <c r="AJ1942" s="85"/>
      <c r="AK1942" s="85"/>
      <c r="AL1942" s="85"/>
      <c r="AM1942" s="92"/>
      <c r="AN1942" s="92"/>
      <c r="AO1942" s="92"/>
      <c r="AP1942" s="92"/>
      <c r="AQ1942" s="92"/>
      <c r="AR1942" s="92"/>
      <c r="AS1942" s="92"/>
      <c r="AT1942" s="92"/>
      <c r="AU1942" s="92"/>
      <c r="AV1942" s="92"/>
      <c r="AW1942" s="92"/>
      <c r="AX1942" s="92"/>
      <c r="AY1942" s="92"/>
      <c r="AZ1942" s="93"/>
      <c r="BA1942" s="93"/>
      <c r="BB1942" s="93"/>
      <c r="BC1942" s="93"/>
      <c r="BD1942" s="93"/>
      <c r="BE1942" s="93"/>
      <c r="BF1942" s="93"/>
      <c r="BG1942" s="93"/>
      <c r="BH1942" s="93"/>
      <c r="BI1942" s="93"/>
      <c r="BJ1942" s="93"/>
      <c r="BK1942" s="93"/>
      <c r="BL1942" s="93"/>
    </row>
    <row r="1943" spans="2:64" x14ac:dyDescent="0.2">
      <c r="B1943" s="43"/>
      <c r="C1943" s="73"/>
      <c r="D1943" s="64"/>
      <c r="E1943" s="55"/>
      <c r="F1943" s="74"/>
      <c r="G1943" s="74"/>
      <c r="H1943" s="74"/>
      <c r="I1943" s="75"/>
      <c r="J1943" s="74"/>
      <c r="L1943" s="55"/>
      <c r="M1943" s="234"/>
      <c r="N1943" s="65"/>
      <c r="O1943" s="76"/>
      <c r="P1943" s="76"/>
      <c r="Q1943" s="65"/>
      <c r="R1943" s="76"/>
      <c r="S1943" s="76"/>
      <c r="T1943" s="76"/>
      <c r="U1943" s="76"/>
      <c r="V1943" s="76"/>
      <c r="W1943" s="76"/>
      <c r="X1943" s="76"/>
      <c r="Y1943" s="76"/>
      <c r="Z1943" s="76"/>
      <c r="AA1943" s="85"/>
      <c r="AB1943" s="85"/>
      <c r="AC1943" s="85"/>
      <c r="AD1943" s="85"/>
      <c r="AE1943" s="85"/>
      <c r="AF1943" s="85"/>
      <c r="AG1943" s="86"/>
      <c r="AH1943" s="85"/>
      <c r="AI1943" s="85"/>
      <c r="AJ1943" s="85"/>
      <c r="AK1943" s="85"/>
      <c r="AL1943" s="85"/>
      <c r="AM1943" s="92"/>
      <c r="AN1943" s="92"/>
      <c r="AO1943" s="92"/>
      <c r="AP1943" s="92"/>
      <c r="AQ1943" s="92"/>
      <c r="AR1943" s="92"/>
      <c r="AS1943" s="92"/>
      <c r="AT1943" s="92"/>
      <c r="AU1943" s="92"/>
      <c r="AV1943" s="92"/>
      <c r="AW1943" s="92"/>
      <c r="AX1943" s="92"/>
      <c r="AY1943" s="92"/>
      <c r="AZ1943" s="93"/>
      <c r="BA1943" s="93"/>
      <c r="BB1943" s="93"/>
      <c r="BC1943" s="93"/>
      <c r="BD1943" s="93"/>
      <c r="BE1943" s="93"/>
      <c r="BF1943" s="93"/>
      <c r="BG1943" s="93"/>
      <c r="BH1943" s="93"/>
      <c r="BI1943" s="93"/>
      <c r="BJ1943" s="93"/>
      <c r="BK1943" s="93"/>
      <c r="BL1943" s="93"/>
    </row>
    <row r="1944" spans="2:64" x14ac:dyDescent="0.2">
      <c r="B1944" s="43"/>
      <c r="C1944" s="73"/>
      <c r="D1944" s="64"/>
      <c r="E1944" s="55"/>
      <c r="F1944" s="74"/>
      <c r="G1944" s="74"/>
      <c r="H1944" s="74"/>
      <c r="I1944" s="75"/>
      <c r="J1944" s="74"/>
      <c r="L1944" s="55"/>
      <c r="M1944" s="234"/>
      <c r="N1944" s="65"/>
      <c r="O1944" s="76"/>
      <c r="P1944" s="76"/>
      <c r="Q1944" s="65"/>
      <c r="R1944" s="76"/>
      <c r="S1944" s="76"/>
      <c r="T1944" s="76"/>
      <c r="U1944" s="76"/>
      <c r="V1944" s="76"/>
      <c r="W1944" s="76"/>
      <c r="X1944" s="76"/>
      <c r="Y1944" s="76"/>
      <c r="Z1944" s="76"/>
      <c r="AA1944" s="85"/>
      <c r="AB1944" s="85"/>
      <c r="AC1944" s="85"/>
      <c r="AD1944" s="85"/>
      <c r="AE1944" s="85"/>
      <c r="AF1944" s="85"/>
      <c r="AG1944" s="86"/>
      <c r="AH1944" s="85"/>
      <c r="AI1944" s="85"/>
      <c r="AJ1944" s="85"/>
      <c r="AK1944" s="85"/>
      <c r="AL1944" s="85"/>
      <c r="AM1944" s="92"/>
      <c r="AN1944" s="92"/>
      <c r="AO1944" s="92"/>
      <c r="AP1944" s="92"/>
      <c r="AQ1944" s="92"/>
      <c r="AR1944" s="92"/>
      <c r="AS1944" s="92"/>
      <c r="AT1944" s="92"/>
      <c r="AU1944" s="92"/>
      <c r="AV1944" s="92"/>
      <c r="AW1944" s="92"/>
      <c r="AX1944" s="92"/>
      <c r="AY1944" s="92"/>
      <c r="AZ1944" s="93"/>
      <c r="BA1944" s="93"/>
      <c r="BB1944" s="93"/>
      <c r="BC1944" s="93"/>
      <c r="BD1944" s="93"/>
      <c r="BE1944" s="93"/>
      <c r="BF1944" s="93"/>
      <c r="BG1944" s="93"/>
      <c r="BH1944" s="93"/>
      <c r="BI1944" s="93"/>
      <c r="BJ1944" s="93"/>
      <c r="BK1944" s="93"/>
      <c r="BL1944" s="93"/>
    </row>
    <row r="1945" spans="2:64" x14ac:dyDescent="0.2">
      <c r="B1945" s="43"/>
      <c r="C1945" s="73"/>
      <c r="D1945" s="64"/>
      <c r="E1945" s="55"/>
      <c r="F1945" s="74"/>
      <c r="G1945" s="74"/>
      <c r="H1945" s="74"/>
      <c r="I1945" s="75"/>
      <c r="J1945" s="74"/>
      <c r="L1945" s="55"/>
      <c r="M1945" s="234"/>
      <c r="N1945" s="65"/>
      <c r="O1945" s="76"/>
      <c r="P1945" s="76"/>
      <c r="Q1945" s="65"/>
      <c r="R1945" s="76"/>
      <c r="S1945" s="76"/>
      <c r="T1945" s="76"/>
      <c r="U1945" s="76"/>
      <c r="V1945" s="76"/>
      <c r="W1945" s="76"/>
      <c r="X1945" s="76"/>
      <c r="Y1945" s="76"/>
      <c r="Z1945" s="76"/>
      <c r="AA1945" s="85"/>
      <c r="AB1945" s="85"/>
      <c r="AC1945" s="85"/>
      <c r="AD1945" s="85"/>
      <c r="AE1945" s="85"/>
      <c r="AF1945" s="85"/>
      <c r="AG1945" s="86"/>
      <c r="AH1945" s="85"/>
      <c r="AI1945" s="85"/>
      <c r="AJ1945" s="85"/>
      <c r="AK1945" s="85"/>
      <c r="AL1945" s="85"/>
      <c r="AM1945" s="92"/>
      <c r="AN1945" s="92"/>
      <c r="AO1945" s="92"/>
      <c r="AP1945" s="92"/>
      <c r="AQ1945" s="92"/>
      <c r="AR1945" s="92"/>
      <c r="AS1945" s="92"/>
      <c r="AT1945" s="92"/>
      <c r="AU1945" s="92"/>
      <c r="AV1945" s="92"/>
      <c r="AW1945" s="92"/>
      <c r="AX1945" s="92"/>
      <c r="AY1945" s="92"/>
      <c r="AZ1945" s="93"/>
      <c r="BA1945" s="93"/>
      <c r="BB1945" s="93"/>
      <c r="BC1945" s="93"/>
      <c r="BD1945" s="93"/>
      <c r="BE1945" s="93"/>
      <c r="BF1945" s="93"/>
      <c r="BG1945" s="93"/>
      <c r="BH1945" s="93"/>
      <c r="BI1945" s="93"/>
      <c r="BJ1945" s="93"/>
      <c r="BK1945" s="93"/>
      <c r="BL1945" s="93"/>
    </row>
    <row r="1946" spans="2:64" x14ac:dyDescent="0.2">
      <c r="B1946" s="43"/>
      <c r="C1946" s="73"/>
      <c r="D1946" s="64"/>
      <c r="E1946" s="55"/>
      <c r="F1946" s="74"/>
      <c r="G1946" s="74"/>
      <c r="H1946" s="74"/>
      <c r="I1946" s="75"/>
      <c r="J1946" s="74"/>
      <c r="L1946" s="55"/>
      <c r="M1946" s="234"/>
      <c r="N1946" s="65"/>
      <c r="O1946" s="76"/>
      <c r="P1946" s="76"/>
      <c r="Q1946" s="65"/>
      <c r="R1946" s="76"/>
      <c r="S1946" s="76"/>
      <c r="T1946" s="76"/>
      <c r="U1946" s="76"/>
      <c r="V1946" s="76"/>
      <c r="W1946" s="76"/>
      <c r="X1946" s="76"/>
      <c r="Y1946" s="76"/>
      <c r="Z1946" s="76"/>
      <c r="AA1946" s="85"/>
      <c r="AB1946" s="85"/>
      <c r="AC1946" s="85"/>
      <c r="AD1946" s="85"/>
      <c r="AE1946" s="85"/>
      <c r="AF1946" s="85"/>
      <c r="AG1946" s="86"/>
      <c r="AH1946" s="85"/>
      <c r="AI1946" s="85"/>
      <c r="AJ1946" s="85"/>
      <c r="AK1946" s="85"/>
      <c r="AL1946" s="85"/>
      <c r="AM1946" s="92"/>
      <c r="AN1946" s="92"/>
      <c r="AO1946" s="92"/>
      <c r="AP1946" s="92"/>
      <c r="AQ1946" s="92"/>
      <c r="AR1946" s="92"/>
      <c r="AS1946" s="92"/>
      <c r="AT1946" s="92"/>
      <c r="AU1946" s="92"/>
      <c r="AV1946" s="92"/>
      <c r="AW1946" s="92"/>
      <c r="AX1946" s="92"/>
      <c r="AY1946" s="92"/>
      <c r="AZ1946" s="93"/>
      <c r="BA1946" s="93"/>
      <c r="BB1946" s="93"/>
      <c r="BC1946" s="93"/>
      <c r="BD1946" s="93"/>
      <c r="BE1946" s="93"/>
      <c r="BF1946" s="93"/>
      <c r="BG1946" s="93"/>
      <c r="BH1946" s="93"/>
      <c r="BI1946" s="93"/>
      <c r="BJ1946" s="93"/>
      <c r="BK1946" s="93"/>
      <c r="BL1946" s="93"/>
    </row>
    <row r="1947" spans="2:64" x14ac:dyDescent="0.2">
      <c r="B1947" s="43"/>
      <c r="C1947" s="73"/>
      <c r="D1947" s="64"/>
      <c r="E1947" s="55"/>
      <c r="F1947" s="74"/>
      <c r="G1947" s="74"/>
      <c r="H1947" s="74"/>
      <c r="I1947" s="75"/>
      <c r="J1947" s="74"/>
      <c r="L1947" s="55"/>
      <c r="M1947" s="234"/>
      <c r="N1947" s="65"/>
      <c r="O1947" s="76"/>
      <c r="P1947" s="76"/>
      <c r="Q1947" s="65"/>
      <c r="R1947" s="76"/>
      <c r="S1947" s="76"/>
      <c r="T1947" s="76"/>
      <c r="U1947" s="76"/>
      <c r="V1947" s="76"/>
      <c r="W1947" s="76"/>
      <c r="X1947" s="76"/>
      <c r="Y1947" s="76"/>
      <c r="Z1947" s="76"/>
      <c r="AA1947" s="85"/>
      <c r="AB1947" s="85"/>
      <c r="AC1947" s="85"/>
      <c r="AD1947" s="85"/>
      <c r="AE1947" s="85"/>
      <c r="AF1947" s="85"/>
      <c r="AG1947" s="86"/>
      <c r="AH1947" s="85"/>
      <c r="AI1947" s="85"/>
      <c r="AJ1947" s="85"/>
      <c r="AK1947" s="85"/>
      <c r="AL1947" s="85"/>
      <c r="AM1947" s="92"/>
      <c r="AN1947" s="92"/>
      <c r="AO1947" s="92"/>
      <c r="AP1947" s="92"/>
      <c r="AQ1947" s="92"/>
      <c r="AR1947" s="92"/>
      <c r="AS1947" s="92"/>
      <c r="AT1947" s="92"/>
      <c r="AU1947" s="92"/>
      <c r="AV1947" s="92"/>
      <c r="AW1947" s="92"/>
      <c r="AX1947" s="92"/>
      <c r="AY1947" s="92"/>
      <c r="AZ1947" s="93"/>
      <c r="BA1947" s="93"/>
      <c r="BB1947" s="93"/>
      <c r="BC1947" s="93"/>
      <c r="BD1947" s="93"/>
      <c r="BE1947" s="93"/>
      <c r="BF1947" s="93"/>
      <c r="BG1947" s="93"/>
      <c r="BH1947" s="93"/>
      <c r="BI1947" s="93"/>
      <c r="BJ1947" s="93"/>
      <c r="BK1947" s="93"/>
      <c r="BL1947" s="93"/>
    </row>
    <row r="1948" spans="2:64" x14ac:dyDescent="0.2">
      <c r="B1948" s="43"/>
      <c r="C1948" s="73"/>
      <c r="D1948" s="64"/>
      <c r="E1948" s="55"/>
      <c r="F1948" s="74"/>
      <c r="G1948" s="74"/>
      <c r="H1948" s="74"/>
      <c r="I1948" s="75"/>
      <c r="J1948" s="74"/>
      <c r="L1948" s="55"/>
      <c r="M1948" s="234"/>
      <c r="N1948" s="65"/>
      <c r="O1948" s="76"/>
      <c r="P1948" s="76"/>
      <c r="Q1948" s="65"/>
      <c r="R1948" s="76"/>
      <c r="S1948" s="76"/>
      <c r="T1948" s="76"/>
      <c r="U1948" s="76"/>
      <c r="V1948" s="76"/>
      <c r="W1948" s="76"/>
      <c r="X1948" s="76"/>
      <c r="Y1948" s="76"/>
      <c r="Z1948" s="76"/>
      <c r="AA1948" s="85"/>
      <c r="AB1948" s="85"/>
      <c r="AC1948" s="85"/>
      <c r="AD1948" s="85"/>
      <c r="AE1948" s="85"/>
      <c r="AF1948" s="85"/>
      <c r="AG1948" s="86"/>
      <c r="AH1948" s="85"/>
      <c r="AI1948" s="85"/>
      <c r="AJ1948" s="85"/>
      <c r="AK1948" s="85"/>
      <c r="AL1948" s="85"/>
      <c r="AM1948" s="92"/>
      <c r="AN1948" s="92"/>
      <c r="AO1948" s="92"/>
      <c r="AP1948" s="92"/>
      <c r="AQ1948" s="92"/>
      <c r="AR1948" s="92"/>
      <c r="AS1948" s="92"/>
      <c r="AT1948" s="92"/>
      <c r="AU1948" s="92"/>
      <c r="AV1948" s="92"/>
      <c r="AW1948" s="92"/>
      <c r="AX1948" s="92"/>
      <c r="AY1948" s="92"/>
      <c r="AZ1948" s="93"/>
      <c r="BA1948" s="93"/>
      <c r="BB1948" s="93"/>
      <c r="BC1948" s="93"/>
      <c r="BD1948" s="93"/>
      <c r="BE1948" s="93"/>
      <c r="BF1948" s="93"/>
      <c r="BG1948" s="93"/>
      <c r="BH1948" s="93"/>
      <c r="BI1948" s="93"/>
      <c r="BJ1948" s="93"/>
      <c r="BK1948" s="93"/>
      <c r="BL1948" s="93"/>
    </row>
    <row r="1949" spans="2:64" x14ac:dyDescent="0.2">
      <c r="B1949" s="43"/>
      <c r="C1949" s="73"/>
      <c r="D1949" s="64"/>
      <c r="E1949" s="55"/>
      <c r="F1949" s="74"/>
      <c r="G1949" s="74"/>
      <c r="H1949" s="74"/>
      <c r="I1949" s="75"/>
      <c r="J1949" s="74"/>
      <c r="L1949" s="55"/>
      <c r="M1949" s="234"/>
      <c r="N1949" s="65"/>
      <c r="O1949" s="76"/>
      <c r="P1949" s="76"/>
      <c r="Q1949" s="65"/>
      <c r="R1949" s="76"/>
      <c r="S1949" s="76"/>
      <c r="T1949" s="76"/>
      <c r="U1949" s="76"/>
      <c r="V1949" s="76"/>
      <c r="W1949" s="76"/>
      <c r="X1949" s="76"/>
      <c r="Y1949" s="76"/>
      <c r="Z1949" s="76"/>
      <c r="AA1949" s="85"/>
      <c r="AB1949" s="85"/>
      <c r="AC1949" s="85"/>
      <c r="AD1949" s="85"/>
      <c r="AE1949" s="85"/>
      <c r="AF1949" s="85"/>
      <c r="AG1949" s="86"/>
      <c r="AH1949" s="85"/>
      <c r="AI1949" s="85"/>
      <c r="AJ1949" s="85"/>
      <c r="AK1949" s="85"/>
      <c r="AL1949" s="85"/>
      <c r="AM1949" s="92"/>
      <c r="AN1949" s="92"/>
      <c r="AO1949" s="92"/>
      <c r="AP1949" s="92"/>
      <c r="AQ1949" s="92"/>
      <c r="AR1949" s="92"/>
      <c r="AS1949" s="92"/>
      <c r="AT1949" s="92"/>
      <c r="AU1949" s="92"/>
      <c r="AV1949" s="92"/>
      <c r="AW1949" s="92"/>
      <c r="AX1949" s="92"/>
      <c r="AY1949" s="92"/>
      <c r="AZ1949" s="93"/>
      <c r="BA1949" s="93"/>
      <c r="BB1949" s="93"/>
      <c r="BC1949" s="93"/>
      <c r="BD1949" s="93"/>
      <c r="BE1949" s="93"/>
      <c r="BF1949" s="93"/>
      <c r="BG1949" s="93"/>
      <c r="BH1949" s="93"/>
      <c r="BI1949" s="93"/>
      <c r="BJ1949" s="93"/>
      <c r="BK1949" s="93"/>
      <c r="BL1949" s="93"/>
    </row>
    <row r="1950" spans="2:64" x14ac:dyDescent="0.2">
      <c r="B1950" s="43"/>
      <c r="C1950" s="73"/>
      <c r="D1950" s="64"/>
      <c r="E1950" s="55"/>
      <c r="F1950" s="74"/>
      <c r="G1950" s="74"/>
      <c r="H1950" s="74"/>
      <c r="I1950" s="75"/>
      <c r="J1950" s="74"/>
      <c r="L1950" s="55"/>
      <c r="M1950" s="234"/>
      <c r="N1950" s="65"/>
      <c r="O1950" s="76"/>
      <c r="P1950" s="76"/>
      <c r="Q1950" s="65"/>
      <c r="R1950" s="76"/>
      <c r="S1950" s="76"/>
      <c r="T1950" s="76"/>
      <c r="U1950" s="76"/>
      <c r="V1950" s="76"/>
      <c r="W1950" s="76"/>
      <c r="X1950" s="76"/>
      <c r="Y1950" s="76"/>
      <c r="Z1950" s="76"/>
      <c r="AA1950" s="85"/>
      <c r="AB1950" s="85"/>
      <c r="AC1950" s="85"/>
      <c r="AD1950" s="85"/>
      <c r="AE1950" s="85"/>
      <c r="AF1950" s="85"/>
      <c r="AG1950" s="86"/>
      <c r="AH1950" s="85"/>
      <c r="AI1950" s="85"/>
      <c r="AJ1950" s="85"/>
      <c r="AK1950" s="85"/>
      <c r="AL1950" s="85"/>
      <c r="AM1950" s="92"/>
      <c r="AN1950" s="92"/>
      <c r="AO1950" s="92"/>
      <c r="AP1950" s="92"/>
      <c r="AQ1950" s="92"/>
      <c r="AR1950" s="92"/>
      <c r="AS1950" s="92"/>
      <c r="AT1950" s="92"/>
      <c r="AU1950" s="92"/>
      <c r="AV1950" s="92"/>
      <c r="AW1950" s="92"/>
      <c r="AX1950" s="92"/>
      <c r="AY1950" s="92"/>
      <c r="AZ1950" s="93"/>
      <c r="BA1950" s="93"/>
      <c r="BB1950" s="93"/>
      <c r="BC1950" s="93"/>
      <c r="BD1950" s="93"/>
      <c r="BE1950" s="93"/>
      <c r="BF1950" s="93"/>
      <c r="BG1950" s="93"/>
      <c r="BH1950" s="93"/>
      <c r="BI1950" s="93"/>
      <c r="BJ1950" s="93"/>
      <c r="BK1950" s="93"/>
      <c r="BL1950" s="93"/>
    </row>
    <row r="1951" spans="2:64" x14ac:dyDescent="0.2">
      <c r="B1951" s="43"/>
      <c r="C1951" s="73"/>
      <c r="D1951" s="64"/>
      <c r="E1951" s="55"/>
      <c r="F1951" s="74"/>
      <c r="G1951" s="74"/>
      <c r="H1951" s="74"/>
      <c r="I1951" s="75"/>
      <c r="J1951" s="74"/>
      <c r="L1951" s="55"/>
      <c r="M1951" s="234"/>
      <c r="N1951" s="65"/>
      <c r="O1951" s="76"/>
      <c r="P1951" s="76"/>
      <c r="Q1951" s="65"/>
      <c r="R1951" s="76"/>
      <c r="S1951" s="76"/>
      <c r="T1951" s="76"/>
      <c r="U1951" s="76"/>
      <c r="V1951" s="76"/>
      <c r="W1951" s="76"/>
      <c r="X1951" s="76"/>
      <c r="Y1951" s="76"/>
      <c r="Z1951" s="76"/>
      <c r="AA1951" s="85"/>
      <c r="AB1951" s="85"/>
      <c r="AC1951" s="85"/>
      <c r="AD1951" s="85"/>
      <c r="AE1951" s="85"/>
      <c r="AF1951" s="85"/>
      <c r="AG1951" s="86"/>
      <c r="AH1951" s="85"/>
      <c r="AI1951" s="85"/>
      <c r="AJ1951" s="85"/>
      <c r="AK1951" s="85"/>
      <c r="AL1951" s="85"/>
      <c r="AM1951" s="92"/>
      <c r="AN1951" s="92"/>
      <c r="AO1951" s="92"/>
      <c r="AP1951" s="92"/>
      <c r="AQ1951" s="92"/>
      <c r="AR1951" s="92"/>
      <c r="AS1951" s="92"/>
      <c r="AT1951" s="92"/>
      <c r="AU1951" s="92"/>
      <c r="AV1951" s="92"/>
      <c r="AW1951" s="92"/>
      <c r="AX1951" s="92"/>
      <c r="AY1951" s="92"/>
      <c r="AZ1951" s="93"/>
      <c r="BA1951" s="93"/>
      <c r="BB1951" s="93"/>
      <c r="BC1951" s="93"/>
      <c r="BD1951" s="93"/>
      <c r="BE1951" s="93"/>
      <c r="BF1951" s="93"/>
      <c r="BG1951" s="93"/>
      <c r="BH1951" s="93"/>
      <c r="BI1951" s="93"/>
      <c r="BJ1951" s="93"/>
      <c r="BK1951" s="93"/>
      <c r="BL1951" s="93"/>
    </row>
    <row r="1952" spans="2:64" x14ac:dyDescent="0.2">
      <c r="B1952" s="43"/>
      <c r="C1952" s="73"/>
      <c r="D1952" s="64"/>
      <c r="E1952" s="55"/>
      <c r="F1952" s="74"/>
      <c r="G1952" s="74"/>
      <c r="H1952" s="74"/>
      <c r="I1952" s="75"/>
      <c r="J1952" s="74"/>
      <c r="L1952" s="55"/>
      <c r="M1952" s="234"/>
      <c r="N1952" s="65"/>
      <c r="O1952" s="76"/>
      <c r="P1952" s="76"/>
      <c r="Q1952" s="65"/>
      <c r="R1952" s="76"/>
      <c r="S1952" s="76"/>
      <c r="T1952" s="76"/>
      <c r="U1952" s="76"/>
      <c r="V1952" s="76"/>
      <c r="W1952" s="76"/>
      <c r="X1952" s="76"/>
      <c r="Y1952" s="76"/>
      <c r="Z1952" s="76"/>
      <c r="AA1952" s="85"/>
      <c r="AB1952" s="85"/>
      <c r="AC1952" s="85"/>
      <c r="AD1952" s="85"/>
      <c r="AE1952" s="85"/>
      <c r="AF1952" s="85"/>
      <c r="AG1952" s="86"/>
      <c r="AH1952" s="85"/>
      <c r="AI1952" s="85"/>
      <c r="AJ1952" s="85"/>
      <c r="AK1952" s="85"/>
      <c r="AL1952" s="85"/>
      <c r="AM1952" s="92"/>
      <c r="AN1952" s="92"/>
      <c r="AO1952" s="92"/>
      <c r="AP1952" s="92"/>
      <c r="AQ1952" s="92"/>
      <c r="AR1952" s="92"/>
      <c r="AS1952" s="92"/>
      <c r="AT1952" s="92"/>
      <c r="AU1952" s="92"/>
      <c r="AV1952" s="92"/>
      <c r="AW1952" s="92"/>
      <c r="AX1952" s="92"/>
      <c r="AY1952" s="92"/>
      <c r="AZ1952" s="93"/>
      <c r="BA1952" s="93"/>
      <c r="BB1952" s="93"/>
      <c r="BC1952" s="93"/>
      <c r="BD1952" s="93"/>
      <c r="BE1952" s="93"/>
      <c r="BF1952" s="93"/>
      <c r="BG1952" s="93"/>
      <c r="BH1952" s="93"/>
      <c r="BI1952" s="93"/>
      <c r="BJ1952" s="93"/>
      <c r="BK1952" s="93"/>
      <c r="BL1952" s="93"/>
    </row>
    <row r="1953" spans="2:64" x14ac:dyDescent="0.2">
      <c r="B1953" s="43"/>
      <c r="C1953" s="73"/>
      <c r="D1953" s="64"/>
      <c r="E1953" s="55"/>
      <c r="F1953" s="74"/>
      <c r="G1953" s="74"/>
      <c r="H1953" s="74"/>
      <c r="I1953" s="75"/>
      <c r="J1953" s="74"/>
      <c r="L1953" s="55"/>
      <c r="M1953" s="234"/>
      <c r="N1953" s="65"/>
      <c r="O1953" s="76"/>
      <c r="P1953" s="76"/>
      <c r="Q1953" s="65"/>
      <c r="R1953" s="76"/>
      <c r="S1953" s="76"/>
      <c r="T1953" s="76"/>
      <c r="U1953" s="76"/>
      <c r="V1953" s="76"/>
      <c r="W1953" s="76"/>
      <c r="X1953" s="76"/>
      <c r="Y1953" s="76"/>
      <c r="Z1953" s="76"/>
      <c r="AA1953" s="85"/>
      <c r="AB1953" s="85"/>
      <c r="AC1953" s="85"/>
      <c r="AD1953" s="85"/>
      <c r="AE1953" s="85"/>
      <c r="AF1953" s="85"/>
      <c r="AG1953" s="86"/>
      <c r="AH1953" s="85"/>
      <c r="AI1953" s="85"/>
      <c r="AJ1953" s="85"/>
      <c r="AK1953" s="85"/>
      <c r="AL1953" s="85"/>
      <c r="AM1953" s="92"/>
      <c r="AN1953" s="92"/>
      <c r="AO1953" s="92"/>
      <c r="AP1953" s="92"/>
      <c r="AQ1953" s="92"/>
      <c r="AR1953" s="92"/>
      <c r="AS1953" s="92"/>
      <c r="AT1953" s="92"/>
      <c r="AU1953" s="92"/>
      <c r="AV1953" s="92"/>
      <c r="AW1953" s="92"/>
      <c r="AX1953" s="92"/>
      <c r="AY1953" s="92"/>
      <c r="AZ1953" s="93"/>
      <c r="BA1953" s="93"/>
      <c r="BB1953" s="93"/>
      <c r="BC1953" s="93"/>
      <c r="BD1953" s="93"/>
      <c r="BE1953" s="93"/>
      <c r="BF1953" s="93"/>
      <c r="BG1953" s="93"/>
      <c r="BH1953" s="93"/>
      <c r="BI1953" s="93"/>
      <c r="BJ1953" s="93"/>
      <c r="BK1953" s="93"/>
      <c r="BL1953" s="93"/>
    </row>
    <row r="1954" spans="2:64" x14ac:dyDescent="0.2">
      <c r="B1954" s="43"/>
      <c r="C1954" s="73"/>
      <c r="D1954" s="64"/>
      <c r="E1954" s="55"/>
      <c r="F1954" s="74"/>
      <c r="G1954" s="74"/>
      <c r="H1954" s="74"/>
      <c r="I1954" s="75"/>
      <c r="J1954" s="74"/>
      <c r="L1954" s="55"/>
      <c r="M1954" s="234"/>
      <c r="N1954" s="65"/>
      <c r="O1954" s="76"/>
      <c r="P1954" s="76"/>
      <c r="Q1954" s="65"/>
      <c r="R1954" s="76"/>
      <c r="S1954" s="76"/>
      <c r="T1954" s="76"/>
      <c r="U1954" s="76"/>
      <c r="V1954" s="76"/>
      <c r="W1954" s="76"/>
      <c r="X1954" s="76"/>
      <c r="Y1954" s="76"/>
      <c r="Z1954" s="76"/>
      <c r="AA1954" s="85"/>
      <c r="AB1954" s="85"/>
      <c r="AC1954" s="85"/>
      <c r="AD1954" s="85"/>
      <c r="AE1954" s="85"/>
      <c r="AF1954" s="85"/>
      <c r="AG1954" s="86"/>
      <c r="AH1954" s="85"/>
      <c r="AI1954" s="85"/>
      <c r="AJ1954" s="85"/>
      <c r="AK1954" s="85"/>
      <c r="AL1954" s="85"/>
      <c r="AM1954" s="92"/>
      <c r="AN1954" s="92"/>
      <c r="AO1954" s="92"/>
      <c r="AP1954" s="92"/>
      <c r="AQ1954" s="92"/>
      <c r="AR1954" s="92"/>
      <c r="AS1954" s="92"/>
      <c r="AT1954" s="92"/>
      <c r="AU1954" s="92"/>
      <c r="AV1954" s="92"/>
      <c r="AW1954" s="92"/>
      <c r="AX1954" s="92"/>
      <c r="AY1954" s="92"/>
      <c r="AZ1954" s="93"/>
      <c r="BA1954" s="93"/>
      <c r="BB1954" s="93"/>
      <c r="BC1954" s="93"/>
      <c r="BD1954" s="93"/>
      <c r="BE1954" s="93"/>
      <c r="BF1954" s="93"/>
      <c r="BG1954" s="93"/>
      <c r="BH1954" s="93"/>
      <c r="BI1954" s="93"/>
      <c r="BJ1954" s="93"/>
      <c r="BK1954" s="93"/>
      <c r="BL1954" s="93"/>
    </row>
    <row r="1955" spans="2:64" x14ac:dyDescent="0.2">
      <c r="B1955" s="43"/>
      <c r="C1955" s="73"/>
      <c r="D1955" s="64"/>
      <c r="E1955" s="55"/>
      <c r="F1955" s="74"/>
      <c r="G1955" s="74"/>
      <c r="H1955" s="74"/>
      <c r="I1955" s="75"/>
      <c r="J1955" s="74"/>
      <c r="L1955" s="55"/>
      <c r="M1955" s="234"/>
      <c r="N1955" s="65"/>
      <c r="O1955" s="76"/>
      <c r="P1955" s="76"/>
      <c r="Q1955" s="65"/>
      <c r="R1955" s="76"/>
      <c r="S1955" s="76"/>
      <c r="T1955" s="76"/>
      <c r="U1955" s="76"/>
      <c r="V1955" s="76"/>
      <c r="W1955" s="76"/>
      <c r="X1955" s="76"/>
      <c r="Y1955" s="76"/>
      <c r="Z1955" s="76"/>
      <c r="AA1955" s="85"/>
      <c r="AB1955" s="85"/>
      <c r="AC1955" s="85"/>
      <c r="AD1955" s="85"/>
      <c r="AE1955" s="85"/>
      <c r="AF1955" s="85"/>
      <c r="AG1955" s="86"/>
      <c r="AH1955" s="85"/>
      <c r="AI1955" s="85"/>
      <c r="AJ1955" s="85"/>
      <c r="AK1955" s="85"/>
      <c r="AL1955" s="85"/>
      <c r="AM1955" s="92"/>
      <c r="AN1955" s="92"/>
      <c r="AO1955" s="92"/>
      <c r="AP1955" s="92"/>
      <c r="AQ1955" s="92"/>
      <c r="AR1955" s="92"/>
      <c r="AS1955" s="92"/>
      <c r="AT1955" s="92"/>
      <c r="AU1955" s="92"/>
      <c r="AV1955" s="92"/>
      <c r="AW1955" s="92"/>
      <c r="AX1955" s="92"/>
      <c r="AY1955" s="92"/>
      <c r="AZ1955" s="93"/>
      <c r="BA1955" s="93"/>
      <c r="BB1955" s="93"/>
      <c r="BC1955" s="93"/>
      <c r="BD1955" s="93"/>
      <c r="BE1955" s="93"/>
      <c r="BF1955" s="93"/>
      <c r="BG1955" s="93"/>
      <c r="BH1955" s="93"/>
      <c r="BI1955" s="93"/>
      <c r="BJ1955" s="93"/>
      <c r="BK1955" s="93"/>
      <c r="BL1955" s="93"/>
    </row>
    <row r="1956" spans="2:64" x14ac:dyDescent="0.2">
      <c r="B1956" s="43"/>
      <c r="C1956" s="73"/>
      <c r="D1956" s="64"/>
      <c r="E1956" s="55"/>
      <c r="F1956" s="74"/>
      <c r="G1956" s="74"/>
      <c r="H1956" s="74"/>
      <c r="I1956" s="75"/>
      <c r="J1956" s="74"/>
      <c r="L1956" s="55"/>
      <c r="M1956" s="234"/>
      <c r="N1956" s="65"/>
      <c r="O1956" s="76"/>
      <c r="P1956" s="76"/>
      <c r="Q1956" s="65"/>
      <c r="R1956" s="76"/>
      <c r="S1956" s="76"/>
      <c r="T1956" s="76"/>
      <c r="U1956" s="76"/>
      <c r="V1956" s="76"/>
      <c r="W1956" s="76"/>
      <c r="X1956" s="76"/>
      <c r="Y1956" s="76"/>
      <c r="Z1956" s="76"/>
      <c r="AA1956" s="85"/>
      <c r="AB1956" s="85"/>
      <c r="AC1956" s="85"/>
      <c r="AD1956" s="85"/>
      <c r="AE1956" s="85"/>
      <c r="AF1956" s="85"/>
      <c r="AG1956" s="86"/>
      <c r="AH1956" s="85"/>
      <c r="AI1956" s="85"/>
      <c r="AJ1956" s="85"/>
      <c r="AK1956" s="85"/>
      <c r="AL1956" s="85"/>
      <c r="AM1956" s="92"/>
      <c r="AN1956" s="92"/>
      <c r="AO1956" s="92"/>
      <c r="AP1956" s="92"/>
      <c r="AQ1956" s="92"/>
      <c r="AR1956" s="92"/>
      <c r="AS1956" s="92"/>
      <c r="AT1956" s="92"/>
      <c r="AU1956" s="92"/>
      <c r="AV1956" s="92"/>
      <c r="AW1956" s="92"/>
      <c r="AX1956" s="92"/>
      <c r="AY1956" s="92"/>
      <c r="AZ1956" s="93"/>
      <c r="BA1956" s="93"/>
      <c r="BB1956" s="93"/>
      <c r="BC1956" s="93"/>
      <c r="BD1956" s="93"/>
      <c r="BE1956" s="93"/>
      <c r="BF1956" s="93"/>
      <c r="BG1956" s="93"/>
      <c r="BH1956" s="93"/>
      <c r="BI1956" s="93"/>
      <c r="BJ1956" s="93"/>
      <c r="BK1956" s="93"/>
      <c r="BL1956" s="93"/>
    </row>
    <row r="1957" spans="2:64" x14ac:dyDescent="0.2">
      <c r="B1957" s="43"/>
      <c r="C1957" s="73"/>
      <c r="D1957" s="64"/>
      <c r="E1957" s="55"/>
      <c r="F1957" s="74"/>
      <c r="G1957" s="74"/>
      <c r="H1957" s="74"/>
      <c r="I1957" s="75"/>
      <c r="J1957" s="74"/>
      <c r="L1957" s="55"/>
      <c r="M1957" s="234"/>
      <c r="N1957" s="65"/>
      <c r="O1957" s="76"/>
      <c r="P1957" s="76"/>
      <c r="Q1957" s="65"/>
      <c r="R1957" s="76"/>
      <c r="S1957" s="76"/>
      <c r="T1957" s="76"/>
      <c r="U1957" s="76"/>
      <c r="V1957" s="76"/>
      <c r="W1957" s="76"/>
      <c r="X1957" s="76"/>
      <c r="Y1957" s="76"/>
      <c r="Z1957" s="76"/>
      <c r="AA1957" s="85"/>
      <c r="AB1957" s="85"/>
      <c r="AC1957" s="85"/>
      <c r="AD1957" s="85"/>
      <c r="AE1957" s="85"/>
      <c r="AF1957" s="85"/>
      <c r="AG1957" s="86"/>
      <c r="AH1957" s="85"/>
      <c r="AI1957" s="85"/>
      <c r="AJ1957" s="85"/>
      <c r="AK1957" s="85"/>
      <c r="AL1957" s="85"/>
      <c r="AM1957" s="92"/>
      <c r="AN1957" s="92"/>
      <c r="AO1957" s="92"/>
      <c r="AP1957" s="92"/>
      <c r="AQ1957" s="92"/>
      <c r="AR1957" s="92"/>
      <c r="AS1957" s="92"/>
      <c r="AT1957" s="92"/>
      <c r="AU1957" s="92"/>
      <c r="AV1957" s="92"/>
      <c r="AW1957" s="92"/>
      <c r="AX1957" s="92"/>
      <c r="AY1957" s="92"/>
      <c r="AZ1957" s="93"/>
      <c r="BA1957" s="93"/>
      <c r="BB1957" s="93"/>
      <c r="BC1957" s="93"/>
      <c r="BD1957" s="93"/>
      <c r="BE1957" s="93"/>
      <c r="BF1957" s="93"/>
      <c r="BG1957" s="93"/>
      <c r="BH1957" s="93"/>
      <c r="BI1957" s="93"/>
      <c r="BJ1957" s="93"/>
      <c r="BK1957" s="93"/>
      <c r="BL1957" s="93"/>
    </row>
    <row r="1958" spans="2:64" x14ac:dyDescent="0.2">
      <c r="B1958" s="43"/>
      <c r="C1958" s="73"/>
      <c r="D1958" s="64"/>
      <c r="E1958" s="55"/>
      <c r="F1958" s="74"/>
      <c r="G1958" s="74"/>
      <c r="H1958" s="74"/>
      <c r="I1958" s="75"/>
      <c r="J1958" s="74"/>
      <c r="L1958" s="55"/>
      <c r="M1958" s="234"/>
      <c r="N1958" s="65"/>
      <c r="O1958" s="76"/>
      <c r="P1958" s="76"/>
      <c r="Q1958" s="65"/>
      <c r="R1958" s="76"/>
      <c r="S1958" s="76"/>
      <c r="T1958" s="76"/>
      <c r="U1958" s="76"/>
      <c r="V1958" s="76"/>
      <c r="W1958" s="76"/>
      <c r="X1958" s="76"/>
      <c r="Y1958" s="76"/>
      <c r="Z1958" s="76"/>
      <c r="AA1958" s="85"/>
      <c r="AB1958" s="85"/>
      <c r="AC1958" s="85"/>
      <c r="AD1958" s="85"/>
      <c r="AE1958" s="85"/>
      <c r="AF1958" s="85"/>
      <c r="AG1958" s="86"/>
      <c r="AH1958" s="85"/>
      <c r="AI1958" s="85"/>
      <c r="AJ1958" s="85"/>
      <c r="AK1958" s="85"/>
      <c r="AL1958" s="85"/>
      <c r="AM1958" s="92"/>
      <c r="AN1958" s="92"/>
      <c r="AO1958" s="92"/>
      <c r="AP1958" s="92"/>
      <c r="AQ1958" s="92"/>
      <c r="AR1958" s="92"/>
      <c r="AS1958" s="92"/>
      <c r="AT1958" s="92"/>
      <c r="AU1958" s="92"/>
      <c r="AV1958" s="92"/>
      <c r="AW1958" s="92"/>
      <c r="AX1958" s="92"/>
      <c r="AY1958" s="92"/>
      <c r="AZ1958" s="93"/>
      <c r="BA1958" s="93"/>
      <c r="BB1958" s="93"/>
      <c r="BC1958" s="93"/>
      <c r="BD1958" s="93"/>
      <c r="BE1958" s="93"/>
      <c r="BF1958" s="93"/>
      <c r="BG1958" s="93"/>
      <c r="BH1958" s="93"/>
      <c r="BI1958" s="93"/>
      <c r="BJ1958" s="93"/>
      <c r="BK1958" s="93"/>
      <c r="BL1958" s="93"/>
    </row>
    <row r="1959" spans="2:64" x14ac:dyDescent="0.2">
      <c r="B1959" s="43"/>
      <c r="C1959" s="73"/>
      <c r="D1959" s="64"/>
      <c r="E1959" s="55"/>
      <c r="F1959" s="74"/>
      <c r="G1959" s="74"/>
      <c r="H1959" s="74"/>
      <c r="I1959" s="75"/>
      <c r="J1959" s="74"/>
      <c r="L1959" s="55"/>
      <c r="M1959" s="234"/>
      <c r="N1959" s="65"/>
      <c r="O1959" s="76"/>
      <c r="P1959" s="76"/>
      <c r="Q1959" s="65"/>
      <c r="R1959" s="76"/>
      <c r="S1959" s="76"/>
      <c r="T1959" s="76"/>
      <c r="U1959" s="76"/>
      <c r="V1959" s="76"/>
      <c r="W1959" s="76"/>
      <c r="X1959" s="76"/>
      <c r="Y1959" s="76"/>
      <c r="Z1959" s="76"/>
      <c r="AA1959" s="85"/>
      <c r="AB1959" s="85"/>
      <c r="AC1959" s="85"/>
      <c r="AD1959" s="85"/>
      <c r="AE1959" s="85"/>
      <c r="AF1959" s="85"/>
      <c r="AG1959" s="86"/>
      <c r="AH1959" s="85"/>
      <c r="AI1959" s="85"/>
      <c r="AJ1959" s="85"/>
      <c r="AK1959" s="85"/>
      <c r="AL1959" s="85"/>
      <c r="AM1959" s="92"/>
      <c r="AN1959" s="92"/>
      <c r="AO1959" s="92"/>
      <c r="AP1959" s="92"/>
      <c r="AQ1959" s="92"/>
      <c r="AR1959" s="92"/>
      <c r="AS1959" s="92"/>
      <c r="AT1959" s="92"/>
      <c r="AU1959" s="92"/>
      <c r="AV1959" s="92"/>
      <c r="AW1959" s="92"/>
      <c r="AX1959" s="92"/>
      <c r="AY1959" s="92"/>
      <c r="AZ1959" s="93"/>
      <c r="BA1959" s="93"/>
      <c r="BB1959" s="93"/>
      <c r="BC1959" s="93"/>
      <c r="BD1959" s="93"/>
      <c r="BE1959" s="93"/>
      <c r="BF1959" s="93"/>
      <c r="BG1959" s="93"/>
      <c r="BH1959" s="93"/>
      <c r="BI1959" s="93"/>
      <c r="BJ1959" s="93"/>
      <c r="BK1959" s="93"/>
      <c r="BL1959" s="93"/>
    </row>
    <row r="1960" spans="2:64" x14ac:dyDescent="0.2">
      <c r="B1960" s="43"/>
      <c r="C1960" s="73"/>
      <c r="D1960" s="64"/>
      <c r="E1960" s="55"/>
      <c r="F1960" s="74"/>
      <c r="G1960" s="74"/>
      <c r="H1960" s="74"/>
      <c r="I1960" s="75"/>
      <c r="J1960" s="74"/>
      <c r="L1960" s="55"/>
      <c r="M1960" s="234"/>
      <c r="N1960" s="65"/>
      <c r="O1960" s="76"/>
      <c r="P1960" s="76"/>
      <c r="Q1960" s="65"/>
      <c r="R1960" s="76"/>
      <c r="S1960" s="76"/>
      <c r="T1960" s="76"/>
      <c r="U1960" s="76"/>
      <c r="V1960" s="76"/>
      <c r="W1960" s="76"/>
      <c r="X1960" s="76"/>
      <c r="Y1960" s="76"/>
      <c r="Z1960" s="76"/>
      <c r="AA1960" s="85"/>
      <c r="AB1960" s="85"/>
      <c r="AC1960" s="85"/>
      <c r="AD1960" s="85"/>
      <c r="AE1960" s="85"/>
      <c r="AF1960" s="85"/>
      <c r="AG1960" s="86"/>
      <c r="AH1960" s="85"/>
      <c r="AI1960" s="85"/>
      <c r="AJ1960" s="85"/>
      <c r="AK1960" s="85"/>
      <c r="AL1960" s="85"/>
      <c r="AM1960" s="92"/>
      <c r="AN1960" s="92"/>
      <c r="AO1960" s="92"/>
      <c r="AP1960" s="92"/>
      <c r="AQ1960" s="92"/>
      <c r="AR1960" s="92"/>
      <c r="AS1960" s="92"/>
      <c r="AT1960" s="92"/>
      <c r="AU1960" s="92"/>
      <c r="AV1960" s="92"/>
      <c r="AW1960" s="92"/>
      <c r="AX1960" s="92"/>
      <c r="AY1960" s="92"/>
      <c r="AZ1960" s="93"/>
      <c r="BA1960" s="93"/>
      <c r="BB1960" s="93"/>
      <c r="BC1960" s="93"/>
      <c r="BD1960" s="93"/>
      <c r="BE1960" s="93"/>
      <c r="BF1960" s="93"/>
      <c r="BG1960" s="93"/>
      <c r="BH1960" s="93"/>
      <c r="BI1960" s="93"/>
      <c r="BJ1960" s="93"/>
      <c r="BK1960" s="93"/>
      <c r="BL1960" s="93"/>
    </row>
    <row r="1961" spans="2:64" x14ac:dyDescent="0.2">
      <c r="B1961" s="43"/>
      <c r="C1961" s="73"/>
      <c r="D1961" s="64"/>
      <c r="E1961" s="55"/>
      <c r="F1961" s="74"/>
      <c r="G1961" s="74"/>
      <c r="H1961" s="74"/>
      <c r="I1961" s="75"/>
      <c r="J1961" s="74"/>
      <c r="L1961" s="55"/>
      <c r="M1961" s="234"/>
      <c r="N1961" s="65"/>
      <c r="O1961" s="76"/>
      <c r="P1961" s="76"/>
      <c r="Q1961" s="65"/>
      <c r="R1961" s="76"/>
      <c r="S1961" s="76"/>
      <c r="T1961" s="76"/>
      <c r="U1961" s="76"/>
      <c r="V1961" s="76"/>
      <c r="W1961" s="76"/>
      <c r="X1961" s="76"/>
      <c r="Y1961" s="76"/>
      <c r="Z1961" s="76"/>
      <c r="AA1961" s="85"/>
      <c r="AB1961" s="85"/>
      <c r="AC1961" s="85"/>
      <c r="AD1961" s="85"/>
      <c r="AE1961" s="85"/>
      <c r="AF1961" s="85"/>
      <c r="AG1961" s="86"/>
      <c r="AH1961" s="85"/>
      <c r="AI1961" s="85"/>
      <c r="AJ1961" s="85"/>
      <c r="AK1961" s="85"/>
      <c r="AL1961" s="85"/>
      <c r="AM1961" s="92"/>
      <c r="AN1961" s="92"/>
      <c r="AO1961" s="92"/>
      <c r="AP1961" s="92"/>
      <c r="AQ1961" s="92"/>
      <c r="AR1961" s="92"/>
      <c r="AS1961" s="92"/>
      <c r="AT1961" s="92"/>
      <c r="AU1961" s="92"/>
      <c r="AV1961" s="92"/>
      <c r="AW1961" s="92"/>
      <c r="AX1961" s="92"/>
      <c r="AY1961" s="92"/>
      <c r="AZ1961" s="93"/>
      <c r="BA1961" s="93"/>
      <c r="BB1961" s="93"/>
      <c r="BC1961" s="93"/>
      <c r="BD1961" s="93"/>
      <c r="BE1961" s="93"/>
      <c r="BF1961" s="93"/>
      <c r="BG1961" s="93"/>
      <c r="BH1961" s="93"/>
      <c r="BI1961" s="93"/>
      <c r="BJ1961" s="93"/>
      <c r="BK1961" s="93"/>
      <c r="BL1961" s="93"/>
    </row>
    <row r="1962" spans="2:64" x14ac:dyDescent="0.2">
      <c r="B1962" s="43"/>
      <c r="C1962" s="73"/>
      <c r="D1962" s="64"/>
      <c r="E1962" s="55"/>
      <c r="F1962" s="74"/>
      <c r="G1962" s="74"/>
      <c r="H1962" s="74"/>
      <c r="I1962" s="75"/>
      <c r="J1962" s="74"/>
      <c r="L1962" s="55"/>
      <c r="M1962" s="234"/>
      <c r="N1962" s="65"/>
      <c r="O1962" s="76"/>
      <c r="P1962" s="76"/>
      <c r="Q1962" s="65"/>
      <c r="R1962" s="76"/>
      <c r="S1962" s="76"/>
      <c r="T1962" s="76"/>
      <c r="U1962" s="76"/>
      <c r="V1962" s="76"/>
      <c r="W1962" s="76"/>
      <c r="X1962" s="76"/>
      <c r="Y1962" s="76"/>
      <c r="Z1962" s="76"/>
      <c r="AA1962" s="85"/>
      <c r="AB1962" s="85"/>
      <c r="AC1962" s="85"/>
      <c r="AD1962" s="85"/>
      <c r="AE1962" s="85"/>
      <c r="AF1962" s="85"/>
      <c r="AG1962" s="86"/>
      <c r="AH1962" s="85"/>
      <c r="AI1962" s="85"/>
      <c r="AJ1962" s="85"/>
      <c r="AK1962" s="85"/>
      <c r="AL1962" s="85"/>
      <c r="AM1962" s="92"/>
      <c r="AN1962" s="92"/>
      <c r="AO1962" s="92"/>
      <c r="AP1962" s="92"/>
      <c r="AQ1962" s="92"/>
      <c r="AR1962" s="92"/>
      <c r="AS1962" s="92"/>
      <c r="AT1962" s="92"/>
      <c r="AU1962" s="92"/>
      <c r="AV1962" s="92"/>
      <c r="AW1962" s="92"/>
      <c r="AX1962" s="92"/>
      <c r="AY1962" s="92"/>
      <c r="AZ1962" s="93"/>
      <c r="BA1962" s="93"/>
      <c r="BB1962" s="93"/>
      <c r="BC1962" s="93"/>
      <c r="BD1962" s="93"/>
      <c r="BE1962" s="93"/>
      <c r="BF1962" s="93"/>
      <c r="BG1962" s="93"/>
      <c r="BH1962" s="93"/>
      <c r="BI1962" s="93"/>
      <c r="BJ1962" s="93"/>
      <c r="BK1962" s="93"/>
      <c r="BL1962" s="93"/>
    </row>
    <row r="1963" spans="2:64" x14ac:dyDescent="0.2">
      <c r="B1963" s="43"/>
      <c r="C1963" s="73"/>
      <c r="D1963" s="64"/>
      <c r="E1963" s="55"/>
      <c r="F1963" s="74"/>
      <c r="G1963" s="74"/>
      <c r="H1963" s="74"/>
      <c r="I1963" s="75"/>
      <c r="J1963" s="74"/>
      <c r="L1963" s="55"/>
      <c r="M1963" s="234"/>
      <c r="N1963" s="65"/>
      <c r="O1963" s="76"/>
      <c r="P1963" s="76"/>
      <c r="Q1963" s="65"/>
      <c r="R1963" s="76"/>
      <c r="S1963" s="76"/>
      <c r="T1963" s="76"/>
      <c r="U1963" s="76"/>
      <c r="V1963" s="76"/>
      <c r="W1963" s="76"/>
      <c r="X1963" s="76"/>
      <c r="Y1963" s="76"/>
      <c r="Z1963" s="76"/>
      <c r="AA1963" s="85"/>
      <c r="AB1963" s="85"/>
      <c r="AC1963" s="85"/>
      <c r="AD1963" s="85"/>
      <c r="AE1963" s="85"/>
      <c r="AF1963" s="85"/>
      <c r="AG1963" s="86"/>
      <c r="AH1963" s="85"/>
      <c r="AI1963" s="85"/>
      <c r="AJ1963" s="85"/>
      <c r="AK1963" s="85"/>
      <c r="AL1963" s="85"/>
      <c r="AM1963" s="92"/>
      <c r="AN1963" s="92"/>
      <c r="AO1963" s="92"/>
      <c r="AP1963" s="92"/>
      <c r="AQ1963" s="92"/>
      <c r="AR1963" s="92"/>
      <c r="AS1963" s="92"/>
      <c r="AT1963" s="92"/>
      <c r="AU1963" s="92"/>
      <c r="AV1963" s="92"/>
      <c r="AW1963" s="92"/>
      <c r="AX1963" s="92"/>
      <c r="AY1963" s="92"/>
      <c r="AZ1963" s="93"/>
      <c r="BA1963" s="93"/>
      <c r="BB1963" s="93"/>
      <c r="BC1963" s="93"/>
      <c r="BD1963" s="93"/>
      <c r="BE1963" s="93"/>
      <c r="BF1963" s="93"/>
      <c r="BG1963" s="93"/>
      <c r="BH1963" s="93"/>
      <c r="BI1963" s="93"/>
      <c r="BJ1963" s="93"/>
      <c r="BK1963" s="93"/>
      <c r="BL1963" s="93"/>
    </row>
    <row r="1964" spans="2:64" x14ac:dyDescent="0.2">
      <c r="B1964" s="43"/>
      <c r="C1964" s="73"/>
      <c r="D1964" s="64"/>
      <c r="E1964" s="55"/>
      <c r="F1964" s="74"/>
      <c r="G1964" s="74"/>
      <c r="H1964" s="74"/>
      <c r="I1964" s="75"/>
      <c r="J1964" s="74"/>
      <c r="L1964" s="55"/>
      <c r="M1964" s="234"/>
      <c r="N1964" s="65"/>
      <c r="O1964" s="76"/>
      <c r="P1964" s="76"/>
      <c r="Q1964" s="65"/>
      <c r="R1964" s="76"/>
      <c r="S1964" s="76"/>
      <c r="T1964" s="76"/>
      <c r="U1964" s="76"/>
      <c r="V1964" s="76"/>
      <c r="W1964" s="76"/>
      <c r="X1964" s="76"/>
      <c r="Y1964" s="76"/>
      <c r="Z1964" s="76"/>
      <c r="AA1964" s="85"/>
      <c r="AB1964" s="85"/>
      <c r="AC1964" s="85"/>
      <c r="AD1964" s="85"/>
      <c r="AE1964" s="85"/>
      <c r="AF1964" s="85"/>
      <c r="AG1964" s="86"/>
      <c r="AH1964" s="85"/>
      <c r="AI1964" s="85"/>
      <c r="AJ1964" s="85"/>
      <c r="AK1964" s="85"/>
      <c r="AL1964" s="85"/>
      <c r="AM1964" s="92"/>
      <c r="AN1964" s="92"/>
      <c r="AO1964" s="92"/>
      <c r="AP1964" s="92"/>
      <c r="AQ1964" s="92"/>
      <c r="AR1964" s="92"/>
      <c r="AS1964" s="92"/>
      <c r="AT1964" s="92"/>
      <c r="AU1964" s="92"/>
      <c r="AV1964" s="92"/>
      <c r="AW1964" s="92"/>
      <c r="AX1964" s="92"/>
      <c r="AY1964" s="92"/>
      <c r="AZ1964" s="93"/>
      <c r="BA1964" s="93"/>
      <c r="BB1964" s="93"/>
      <c r="BC1964" s="93"/>
      <c r="BD1964" s="93"/>
      <c r="BE1964" s="93"/>
      <c r="BF1964" s="93"/>
      <c r="BG1964" s="93"/>
      <c r="BH1964" s="93"/>
      <c r="BI1964" s="93"/>
      <c r="BJ1964" s="93"/>
      <c r="BK1964" s="93"/>
      <c r="BL1964" s="93"/>
    </row>
    <row r="1965" spans="2:64" x14ac:dyDescent="0.2">
      <c r="B1965" s="43"/>
      <c r="C1965" s="73"/>
      <c r="D1965" s="64"/>
      <c r="E1965" s="55"/>
      <c r="F1965" s="74"/>
      <c r="G1965" s="74"/>
      <c r="H1965" s="74"/>
      <c r="I1965" s="75"/>
      <c r="J1965" s="74"/>
      <c r="L1965" s="55"/>
      <c r="M1965" s="234"/>
      <c r="N1965" s="65"/>
      <c r="O1965" s="76"/>
      <c r="P1965" s="76"/>
      <c r="Q1965" s="65"/>
      <c r="R1965" s="76"/>
      <c r="S1965" s="76"/>
      <c r="T1965" s="76"/>
      <c r="U1965" s="76"/>
      <c r="V1965" s="76"/>
      <c r="W1965" s="76"/>
      <c r="X1965" s="76"/>
      <c r="Y1965" s="76"/>
      <c r="Z1965" s="76"/>
      <c r="AA1965" s="85"/>
      <c r="AB1965" s="85"/>
      <c r="AC1965" s="85"/>
      <c r="AD1965" s="85"/>
      <c r="AE1965" s="85"/>
      <c r="AF1965" s="85"/>
      <c r="AG1965" s="86"/>
      <c r="AH1965" s="85"/>
      <c r="AI1965" s="85"/>
      <c r="AJ1965" s="85"/>
      <c r="AK1965" s="85"/>
      <c r="AL1965" s="85"/>
      <c r="AM1965" s="92"/>
      <c r="AN1965" s="92"/>
      <c r="AO1965" s="92"/>
      <c r="AP1965" s="92"/>
      <c r="AQ1965" s="92"/>
      <c r="AR1965" s="92"/>
      <c r="AS1965" s="92"/>
      <c r="AT1965" s="92"/>
      <c r="AU1965" s="92"/>
      <c r="AV1965" s="92"/>
      <c r="AW1965" s="92"/>
      <c r="AX1965" s="92"/>
      <c r="AY1965" s="92"/>
      <c r="AZ1965" s="93"/>
      <c r="BA1965" s="93"/>
      <c r="BB1965" s="93"/>
      <c r="BC1965" s="93"/>
      <c r="BD1965" s="93"/>
      <c r="BE1965" s="93"/>
      <c r="BF1965" s="93"/>
      <c r="BG1965" s="93"/>
      <c r="BH1965" s="93"/>
      <c r="BI1965" s="93"/>
      <c r="BJ1965" s="93"/>
      <c r="BK1965" s="93"/>
      <c r="BL1965" s="93"/>
    </row>
    <row r="1966" spans="2:64" x14ac:dyDescent="0.2">
      <c r="B1966" s="43"/>
      <c r="C1966" s="73"/>
      <c r="D1966" s="64"/>
      <c r="E1966" s="55"/>
      <c r="F1966" s="74"/>
      <c r="G1966" s="74"/>
      <c r="H1966" s="74"/>
      <c r="I1966" s="75"/>
      <c r="J1966" s="74"/>
      <c r="L1966" s="55"/>
      <c r="M1966" s="234"/>
      <c r="N1966" s="65"/>
      <c r="O1966" s="76"/>
      <c r="P1966" s="76"/>
      <c r="Q1966" s="65"/>
      <c r="R1966" s="76"/>
      <c r="S1966" s="76"/>
      <c r="T1966" s="76"/>
      <c r="U1966" s="76"/>
      <c r="V1966" s="76"/>
      <c r="W1966" s="76"/>
      <c r="X1966" s="76"/>
      <c r="Y1966" s="76"/>
      <c r="Z1966" s="76"/>
      <c r="AA1966" s="85"/>
      <c r="AB1966" s="85"/>
      <c r="AC1966" s="85"/>
      <c r="AD1966" s="85"/>
      <c r="AE1966" s="85"/>
      <c r="AF1966" s="85"/>
      <c r="AG1966" s="86"/>
      <c r="AH1966" s="85"/>
      <c r="AI1966" s="85"/>
      <c r="AJ1966" s="85"/>
      <c r="AK1966" s="85"/>
      <c r="AL1966" s="85"/>
      <c r="AM1966" s="92"/>
      <c r="AN1966" s="92"/>
      <c r="AO1966" s="92"/>
      <c r="AP1966" s="92"/>
      <c r="AQ1966" s="92"/>
      <c r="AR1966" s="92"/>
      <c r="AS1966" s="92"/>
      <c r="AT1966" s="92"/>
      <c r="AU1966" s="92"/>
      <c r="AV1966" s="92"/>
      <c r="AW1966" s="92"/>
      <c r="AX1966" s="92"/>
      <c r="AY1966" s="92"/>
      <c r="AZ1966" s="93"/>
      <c r="BA1966" s="93"/>
      <c r="BB1966" s="93"/>
      <c r="BC1966" s="93"/>
      <c r="BD1966" s="93"/>
      <c r="BE1966" s="93"/>
      <c r="BF1966" s="93"/>
      <c r="BG1966" s="93"/>
      <c r="BH1966" s="93"/>
      <c r="BI1966" s="93"/>
      <c r="BJ1966" s="93"/>
      <c r="BK1966" s="93"/>
      <c r="BL1966" s="93"/>
    </row>
    <row r="1967" spans="2:64" x14ac:dyDescent="0.2">
      <c r="B1967" s="43"/>
      <c r="C1967" s="73"/>
      <c r="D1967" s="64"/>
      <c r="E1967" s="55"/>
      <c r="F1967" s="74"/>
      <c r="G1967" s="74"/>
      <c r="H1967" s="74"/>
      <c r="I1967" s="75"/>
      <c r="J1967" s="74"/>
      <c r="L1967" s="55"/>
      <c r="M1967" s="234"/>
      <c r="N1967" s="65"/>
      <c r="O1967" s="76"/>
      <c r="P1967" s="76"/>
      <c r="Q1967" s="65"/>
      <c r="R1967" s="76"/>
      <c r="S1967" s="76"/>
      <c r="T1967" s="76"/>
      <c r="U1967" s="76"/>
      <c r="V1967" s="76"/>
      <c r="W1967" s="76"/>
      <c r="X1967" s="76"/>
      <c r="Y1967" s="76"/>
      <c r="Z1967" s="76"/>
      <c r="AA1967" s="85"/>
      <c r="AB1967" s="85"/>
      <c r="AC1967" s="85"/>
      <c r="AD1967" s="85"/>
      <c r="AE1967" s="85"/>
      <c r="AF1967" s="85"/>
      <c r="AG1967" s="86"/>
      <c r="AH1967" s="85"/>
      <c r="AI1967" s="85"/>
      <c r="AJ1967" s="85"/>
      <c r="AK1967" s="85"/>
      <c r="AL1967" s="85"/>
      <c r="AM1967" s="92"/>
      <c r="AN1967" s="92"/>
      <c r="AO1967" s="92"/>
      <c r="AP1967" s="92"/>
      <c r="AQ1967" s="92"/>
      <c r="AR1967" s="92"/>
      <c r="AS1967" s="92"/>
      <c r="AT1967" s="92"/>
      <c r="AU1967" s="92"/>
      <c r="AV1967" s="92"/>
      <c r="AW1967" s="92"/>
      <c r="AX1967" s="92"/>
      <c r="AY1967" s="92"/>
      <c r="AZ1967" s="93"/>
      <c r="BA1967" s="93"/>
      <c r="BB1967" s="93"/>
      <c r="BC1967" s="93"/>
      <c r="BD1967" s="93"/>
      <c r="BE1967" s="93"/>
      <c r="BF1967" s="93"/>
      <c r="BG1967" s="93"/>
      <c r="BH1967" s="93"/>
      <c r="BI1967" s="93"/>
      <c r="BJ1967" s="93"/>
      <c r="BK1967" s="93"/>
      <c r="BL1967" s="93"/>
    </row>
    <row r="1968" spans="2:64" x14ac:dyDescent="0.2">
      <c r="B1968" s="43"/>
      <c r="C1968" s="73"/>
      <c r="D1968" s="64"/>
      <c r="E1968" s="55"/>
      <c r="F1968" s="74"/>
      <c r="G1968" s="74"/>
      <c r="H1968" s="74"/>
      <c r="I1968" s="75"/>
      <c r="J1968" s="74"/>
      <c r="L1968" s="55"/>
      <c r="M1968" s="234"/>
      <c r="N1968" s="65"/>
      <c r="O1968" s="76"/>
      <c r="P1968" s="76"/>
      <c r="Q1968" s="65"/>
      <c r="R1968" s="76"/>
      <c r="S1968" s="76"/>
      <c r="T1968" s="76"/>
      <c r="U1968" s="76"/>
      <c r="V1968" s="76"/>
      <c r="W1968" s="76"/>
      <c r="X1968" s="76"/>
      <c r="Y1968" s="76"/>
      <c r="Z1968" s="76"/>
      <c r="AA1968" s="85"/>
      <c r="AB1968" s="85"/>
      <c r="AC1968" s="85"/>
      <c r="AD1968" s="85"/>
      <c r="AE1968" s="85"/>
      <c r="AF1968" s="85"/>
      <c r="AG1968" s="86"/>
      <c r="AH1968" s="85"/>
      <c r="AI1968" s="85"/>
      <c r="AJ1968" s="85"/>
      <c r="AK1968" s="85"/>
      <c r="AL1968" s="85"/>
      <c r="AM1968" s="92"/>
      <c r="AN1968" s="92"/>
      <c r="AO1968" s="92"/>
      <c r="AP1968" s="92"/>
      <c r="AQ1968" s="92"/>
      <c r="AR1968" s="92"/>
      <c r="AS1968" s="92"/>
      <c r="AT1968" s="92"/>
      <c r="AU1968" s="92"/>
      <c r="AV1968" s="92"/>
      <c r="AW1968" s="92"/>
      <c r="AX1968" s="92"/>
      <c r="AY1968" s="92"/>
      <c r="AZ1968" s="93"/>
      <c r="BA1968" s="93"/>
      <c r="BB1968" s="93"/>
      <c r="BC1968" s="93"/>
      <c r="BD1968" s="93"/>
      <c r="BE1968" s="93"/>
      <c r="BF1968" s="93"/>
      <c r="BG1968" s="93"/>
      <c r="BH1968" s="93"/>
      <c r="BI1968" s="93"/>
      <c r="BJ1968" s="93"/>
      <c r="BK1968" s="93"/>
      <c r="BL1968" s="93"/>
    </row>
    <row r="1969" spans="2:64" x14ac:dyDescent="0.2">
      <c r="B1969" s="43"/>
      <c r="C1969" s="73"/>
      <c r="D1969" s="64"/>
      <c r="E1969" s="55"/>
      <c r="F1969" s="74"/>
      <c r="G1969" s="74"/>
      <c r="H1969" s="74"/>
      <c r="I1969" s="75"/>
      <c r="J1969" s="74"/>
      <c r="L1969" s="55"/>
      <c r="M1969" s="234"/>
      <c r="N1969" s="65"/>
      <c r="O1969" s="76"/>
      <c r="P1969" s="76"/>
      <c r="Q1969" s="65"/>
      <c r="R1969" s="76"/>
      <c r="S1969" s="76"/>
      <c r="T1969" s="76"/>
      <c r="U1969" s="76"/>
      <c r="V1969" s="76"/>
      <c r="W1969" s="76"/>
      <c r="X1969" s="76"/>
      <c r="Y1969" s="76"/>
      <c r="Z1969" s="76"/>
      <c r="AA1969" s="85"/>
      <c r="AB1969" s="85"/>
      <c r="AC1969" s="85"/>
      <c r="AD1969" s="85"/>
      <c r="AE1969" s="85"/>
      <c r="AF1969" s="85"/>
      <c r="AG1969" s="86"/>
      <c r="AH1969" s="85"/>
      <c r="AI1969" s="85"/>
      <c r="AJ1969" s="85"/>
      <c r="AK1969" s="85"/>
      <c r="AL1969" s="85"/>
      <c r="AM1969" s="92"/>
      <c r="AN1969" s="92"/>
      <c r="AO1969" s="92"/>
      <c r="AP1969" s="92"/>
      <c r="AQ1969" s="92"/>
      <c r="AR1969" s="92"/>
      <c r="AS1969" s="92"/>
      <c r="AT1969" s="92"/>
      <c r="AU1969" s="92"/>
      <c r="AV1969" s="92"/>
      <c r="AW1969" s="92"/>
      <c r="AX1969" s="92"/>
      <c r="AY1969" s="92"/>
      <c r="AZ1969" s="93"/>
      <c r="BA1969" s="93"/>
      <c r="BB1969" s="93"/>
      <c r="BC1969" s="93"/>
      <c r="BD1969" s="93"/>
      <c r="BE1969" s="93"/>
      <c r="BF1969" s="93"/>
      <c r="BG1969" s="93"/>
      <c r="BH1969" s="93"/>
      <c r="BI1969" s="93"/>
      <c r="BJ1969" s="93"/>
      <c r="BK1969" s="93"/>
      <c r="BL1969" s="93"/>
    </row>
    <row r="1970" spans="2:64" x14ac:dyDescent="0.2">
      <c r="B1970" s="43"/>
      <c r="C1970" s="73"/>
      <c r="D1970" s="64"/>
      <c r="E1970" s="55"/>
      <c r="F1970" s="74"/>
      <c r="G1970" s="74"/>
      <c r="H1970" s="74"/>
      <c r="I1970" s="75"/>
      <c r="J1970" s="74"/>
      <c r="L1970" s="55"/>
      <c r="M1970" s="234"/>
      <c r="N1970" s="65"/>
      <c r="O1970" s="76"/>
      <c r="P1970" s="76"/>
      <c r="Q1970" s="65"/>
      <c r="R1970" s="76"/>
      <c r="S1970" s="76"/>
      <c r="T1970" s="76"/>
      <c r="U1970" s="76"/>
      <c r="V1970" s="76"/>
      <c r="W1970" s="76"/>
      <c r="X1970" s="76"/>
      <c r="Y1970" s="76"/>
      <c r="Z1970" s="76"/>
      <c r="AA1970" s="85"/>
      <c r="AB1970" s="85"/>
      <c r="AC1970" s="85"/>
      <c r="AD1970" s="85"/>
      <c r="AE1970" s="85"/>
      <c r="AF1970" s="85"/>
      <c r="AG1970" s="86"/>
      <c r="AH1970" s="85"/>
      <c r="AI1970" s="85"/>
      <c r="AJ1970" s="85"/>
      <c r="AK1970" s="85"/>
      <c r="AL1970" s="85"/>
      <c r="AM1970" s="92"/>
      <c r="AN1970" s="92"/>
      <c r="AO1970" s="92"/>
      <c r="AP1970" s="92"/>
      <c r="AQ1970" s="92"/>
      <c r="AR1970" s="92"/>
      <c r="AS1970" s="92"/>
      <c r="AT1970" s="92"/>
      <c r="AU1970" s="92"/>
      <c r="AV1970" s="92"/>
      <c r="AW1970" s="92"/>
      <c r="AX1970" s="92"/>
      <c r="AY1970" s="92"/>
      <c r="AZ1970" s="93"/>
      <c r="BA1970" s="93"/>
      <c r="BB1970" s="93"/>
      <c r="BC1970" s="93"/>
      <c r="BD1970" s="93"/>
      <c r="BE1970" s="93"/>
      <c r="BF1970" s="93"/>
      <c r="BG1970" s="93"/>
      <c r="BH1970" s="93"/>
      <c r="BI1970" s="93"/>
      <c r="BJ1970" s="93"/>
      <c r="BK1970" s="93"/>
      <c r="BL1970" s="93"/>
    </row>
    <row r="1971" spans="2:64" x14ac:dyDescent="0.2">
      <c r="B1971" s="43"/>
      <c r="C1971" s="73"/>
      <c r="D1971" s="64"/>
      <c r="E1971" s="55"/>
      <c r="F1971" s="74"/>
      <c r="G1971" s="74"/>
      <c r="H1971" s="74"/>
      <c r="I1971" s="75"/>
      <c r="J1971" s="74"/>
      <c r="L1971" s="55"/>
      <c r="M1971" s="234"/>
      <c r="N1971" s="65"/>
      <c r="O1971" s="76"/>
      <c r="P1971" s="76"/>
      <c r="Q1971" s="65"/>
      <c r="R1971" s="76"/>
      <c r="S1971" s="76"/>
      <c r="T1971" s="76"/>
      <c r="U1971" s="76"/>
      <c r="V1971" s="76"/>
      <c r="W1971" s="76"/>
      <c r="X1971" s="76"/>
      <c r="Y1971" s="76"/>
      <c r="Z1971" s="76"/>
      <c r="AA1971" s="85"/>
      <c r="AB1971" s="85"/>
      <c r="AC1971" s="85"/>
      <c r="AD1971" s="85"/>
      <c r="AE1971" s="85"/>
      <c r="AF1971" s="85"/>
      <c r="AG1971" s="86"/>
      <c r="AH1971" s="85"/>
      <c r="AI1971" s="85"/>
      <c r="AJ1971" s="85"/>
      <c r="AK1971" s="85"/>
      <c r="AL1971" s="85"/>
      <c r="AM1971" s="92"/>
      <c r="AN1971" s="92"/>
      <c r="AO1971" s="92"/>
      <c r="AP1971" s="92"/>
      <c r="AQ1971" s="92"/>
      <c r="AR1971" s="92"/>
      <c r="AS1971" s="92"/>
      <c r="AT1971" s="92"/>
      <c r="AU1971" s="92"/>
      <c r="AV1971" s="92"/>
      <c r="AW1971" s="92"/>
      <c r="AX1971" s="92"/>
      <c r="AY1971" s="92"/>
      <c r="AZ1971" s="93"/>
      <c r="BA1971" s="93"/>
      <c r="BB1971" s="93"/>
      <c r="BC1971" s="93"/>
      <c r="BD1971" s="93"/>
      <c r="BE1971" s="93"/>
      <c r="BF1971" s="93"/>
      <c r="BG1971" s="93"/>
      <c r="BH1971" s="93"/>
      <c r="BI1971" s="93"/>
      <c r="BJ1971" s="93"/>
      <c r="BK1971" s="93"/>
      <c r="BL1971" s="93"/>
    </row>
    <row r="1972" spans="2:64" x14ac:dyDescent="0.2">
      <c r="B1972" s="43"/>
      <c r="C1972" s="73"/>
      <c r="D1972" s="64"/>
      <c r="E1972" s="55"/>
      <c r="F1972" s="74"/>
      <c r="G1972" s="74"/>
      <c r="H1972" s="74"/>
      <c r="I1972" s="75"/>
      <c r="J1972" s="74"/>
      <c r="L1972" s="55"/>
      <c r="M1972" s="234"/>
      <c r="N1972" s="65"/>
      <c r="O1972" s="76"/>
      <c r="P1972" s="76"/>
      <c r="Q1972" s="65"/>
      <c r="R1972" s="76"/>
      <c r="S1972" s="76"/>
      <c r="T1972" s="76"/>
      <c r="U1972" s="76"/>
      <c r="V1972" s="76"/>
      <c r="W1972" s="76"/>
      <c r="X1972" s="76"/>
      <c r="Y1972" s="76"/>
      <c r="Z1972" s="76"/>
      <c r="AA1972" s="85"/>
      <c r="AB1972" s="85"/>
      <c r="AC1972" s="85"/>
      <c r="AD1972" s="85"/>
      <c r="AE1972" s="85"/>
      <c r="AF1972" s="85"/>
      <c r="AG1972" s="86"/>
      <c r="AH1972" s="85"/>
      <c r="AI1972" s="85"/>
      <c r="AJ1972" s="85"/>
      <c r="AK1972" s="85"/>
      <c r="AL1972" s="85"/>
      <c r="AM1972" s="92"/>
      <c r="AN1972" s="92"/>
      <c r="AO1972" s="92"/>
      <c r="AP1972" s="92"/>
      <c r="AQ1972" s="92"/>
      <c r="AR1972" s="92"/>
      <c r="AS1972" s="92"/>
      <c r="AT1972" s="92"/>
      <c r="AU1972" s="92"/>
      <c r="AV1972" s="92"/>
      <c r="AW1972" s="92"/>
      <c r="AX1972" s="92"/>
      <c r="AY1972" s="92"/>
      <c r="AZ1972" s="93"/>
      <c r="BA1972" s="93"/>
      <c r="BB1972" s="93"/>
      <c r="BC1972" s="93"/>
      <c r="BD1972" s="93"/>
      <c r="BE1972" s="93"/>
      <c r="BF1972" s="93"/>
      <c r="BG1972" s="93"/>
      <c r="BH1972" s="93"/>
      <c r="BI1972" s="93"/>
      <c r="BJ1972" s="93"/>
      <c r="BK1972" s="93"/>
      <c r="BL1972" s="93"/>
    </row>
    <row r="1973" spans="2:64" x14ac:dyDescent="0.2">
      <c r="B1973" s="43"/>
      <c r="C1973" s="73"/>
      <c r="D1973" s="64"/>
      <c r="E1973" s="55"/>
      <c r="F1973" s="74"/>
      <c r="G1973" s="74"/>
      <c r="H1973" s="74"/>
      <c r="I1973" s="75"/>
      <c r="J1973" s="74"/>
      <c r="L1973" s="55"/>
      <c r="M1973" s="234"/>
      <c r="N1973" s="65"/>
      <c r="O1973" s="76"/>
      <c r="P1973" s="76"/>
      <c r="Q1973" s="65"/>
      <c r="R1973" s="76"/>
      <c r="S1973" s="76"/>
      <c r="T1973" s="76"/>
      <c r="U1973" s="76"/>
      <c r="V1973" s="76"/>
      <c r="W1973" s="76"/>
      <c r="X1973" s="76"/>
      <c r="Y1973" s="76"/>
      <c r="Z1973" s="76"/>
      <c r="AA1973" s="85"/>
      <c r="AB1973" s="85"/>
      <c r="AC1973" s="85"/>
      <c r="AD1973" s="85"/>
      <c r="AE1973" s="85"/>
      <c r="AF1973" s="85"/>
      <c r="AG1973" s="86"/>
      <c r="AH1973" s="85"/>
      <c r="AI1973" s="85"/>
      <c r="AJ1973" s="85"/>
      <c r="AK1973" s="85"/>
      <c r="AL1973" s="85"/>
      <c r="AM1973" s="92"/>
      <c r="AN1973" s="92"/>
      <c r="AO1973" s="92"/>
      <c r="AP1973" s="92"/>
      <c r="AQ1973" s="92"/>
      <c r="AR1973" s="92"/>
      <c r="AS1973" s="92"/>
      <c r="AT1973" s="92"/>
      <c r="AU1973" s="92"/>
      <c r="AV1973" s="92"/>
      <c r="AW1973" s="92"/>
      <c r="AX1973" s="92"/>
      <c r="AY1973" s="92"/>
      <c r="AZ1973" s="93"/>
      <c r="BA1973" s="93"/>
      <c r="BB1973" s="93"/>
      <c r="BC1973" s="93"/>
      <c r="BD1973" s="93"/>
      <c r="BE1973" s="93"/>
      <c r="BF1973" s="93"/>
      <c r="BG1973" s="93"/>
      <c r="BH1973" s="93"/>
      <c r="BI1973" s="93"/>
      <c r="BJ1973" s="93"/>
      <c r="BK1973" s="93"/>
      <c r="BL1973" s="93"/>
    </row>
    <row r="1974" spans="2:64" x14ac:dyDescent="0.2">
      <c r="B1974" s="43"/>
      <c r="C1974" s="73"/>
      <c r="D1974" s="64"/>
      <c r="E1974" s="55"/>
      <c r="F1974" s="74"/>
      <c r="G1974" s="74"/>
      <c r="H1974" s="74"/>
      <c r="I1974" s="75"/>
      <c r="J1974" s="74"/>
      <c r="L1974" s="55"/>
      <c r="M1974" s="234"/>
      <c r="N1974" s="65"/>
      <c r="O1974" s="76"/>
      <c r="P1974" s="76"/>
      <c r="Q1974" s="65"/>
      <c r="R1974" s="76"/>
      <c r="S1974" s="76"/>
      <c r="T1974" s="76"/>
      <c r="U1974" s="76"/>
      <c r="V1974" s="76"/>
      <c r="W1974" s="76"/>
      <c r="X1974" s="76"/>
      <c r="Y1974" s="76"/>
      <c r="Z1974" s="76"/>
      <c r="AA1974" s="85"/>
      <c r="AB1974" s="85"/>
      <c r="AC1974" s="85"/>
      <c r="AD1974" s="85"/>
      <c r="AE1974" s="85"/>
      <c r="AF1974" s="85"/>
      <c r="AG1974" s="86"/>
      <c r="AH1974" s="85"/>
      <c r="AI1974" s="85"/>
      <c r="AJ1974" s="85"/>
      <c r="AK1974" s="85"/>
      <c r="AL1974" s="85"/>
      <c r="AM1974" s="92"/>
      <c r="AN1974" s="92"/>
      <c r="AO1974" s="92"/>
      <c r="AP1974" s="92"/>
      <c r="AQ1974" s="92"/>
      <c r="AR1974" s="92"/>
      <c r="AS1974" s="92"/>
      <c r="AT1974" s="92"/>
      <c r="AU1974" s="92"/>
      <c r="AV1974" s="92"/>
      <c r="AW1974" s="92"/>
      <c r="AX1974" s="92"/>
      <c r="AY1974" s="92"/>
      <c r="AZ1974" s="93"/>
      <c r="BA1974" s="93"/>
      <c r="BB1974" s="93"/>
      <c r="BC1974" s="93"/>
      <c r="BD1974" s="93"/>
      <c r="BE1974" s="93"/>
      <c r="BF1974" s="93"/>
      <c r="BG1974" s="93"/>
      <c r="BH1974" s="93"/>
      <c r="BI1974" s="93"/>
      <c r="BJ1974" s="93"/>
      <c r="BK1974" s="93"/>
      <c r="BL1974" s="93"/>
    </row>
    <row r="1975" spans="2:64" x14ac:dyDescent="0.2">
      <c r="B1975" s="43"/>
      <c r="C1975" s="73"/>
      <c r="D1975" s="64"/>
      <c r="E1975" s="55"/>
      <c r="F1975" s="74"/>
      <c r="G1975" s="74"/>
      <c r="H1975" s="74"/>
      <c r="I1975" s="75"/>
      <c r="J1975" s="74"/>
      <c r="L1975" s="55"/>
      <c r="M1975" s="234"/>
      <c r="N1975" s="65"/>
      <c r="O1975" s="76"/>
      <c r="P1975" s="76"/>
      <c r="Q1975" s="65"/>
      <c r="R1975" s="76"/>
      <c r="S1975" s="76"/>
      <c r="T1975" s="76"/>
      <c r="U1975" s="76"/>
      <c r="V1975" s="76"/>
      <c r="W1975" s="76"/>
      <c r="X1975" s="76"/>
      <c r="Y1975" s="76"/>
      <c r="Z1975" s="76"/>
      <c r="AA1975" s="85"/>
      <c r="AB1975" s="85"/>
      <c r="AC1975" s="85"/>
      <c r="AD1975" s="85"/>
      <c r="AE1975" s="85"/>
      <c r="AF1975" s="85"/>
      <c r="AG1975" s="86"/>
      <c r="AH1975" s="85"/>
      <c r="AI1975" s="85"/>
      <c r="AJ1975" s="85"/>
      <c r="AK1975" s="85"/>
      <c r="AL1975" s="85"/>
      <c r="AM1975" s="92"/>
      <c r="AN1975" s="92"/>
      <c r="AO1975" s="92"/>
      <c r="AP1975" s="92"/>
      <c r="AQ1975" s="92"/>
      <c r="AR1975" s="92"/>
      <c r="AS1975" s="92"/>
      <c r="AT1975" s="92"/>
      <c r="AU1975" s="92"/>
      <c r="AV1975" s="92"/>
      <c r="AW1975" s="92"/>
      <c r="AX1975" s="92"/>
      <c r="AY1975" s="92"/>
      <c r="AZ1975" s="93"/>
      <c r="BA1975" s="93"/>
      <c r="BB1975" s="93"/>
      <c r="BC1975" s="93"/>
      <c r="BD1975" s="93"/>
      <c r="BE1975" s="93"/>
      <c r="BF1975" s="93"/>
      <c r="BG1975" s="93"/>
      <c r="BH1975" s="93"/>
      <c r="BI1975" s="93"/>
      <c r="BJ1975" s="93"/>
      <c r="BK1975" s="93"/>
      <c r="BL1975" s="93"/>
    </row>
    <row r="1976" spans="2:64" x14ac:dyDescent="0.2">
      <c r="B1976" s="43"/>
      <c r="C1976" s="73"/>
      <c r="D1976" s="64"/>
      <c r="E1976" s="55"/>
      <c r="F1976" s="74"/>
      <c r="G1976" s="74"/>
      <c r="H1976" s="74"/>
      <c r="I1976" s="75"/>
      <c r="J1976" s="74"/>
      <c r="L1976" s="55"/>
      <c r="M1976" s="234"/>
      <c r="N1976" s="65"/>
      <c r="O1976" s="76"/>
      <c r="P1976" s="76"/>
      <c r="Q1976" s="65"/>
      <c r="R1976" s="76"/>
      <c r="S1976" s="76"/>
      <c r="T1976" s="76"/>
      <c r="U1976" s="76"/>
      <c r="V1976" s="76"/>
      <c r="W1976" s="76"/>
      <c r="X1976" s="76"/>
      <c r="Y1976" s="76"/>
      <c r="Z1976" s="76"/>
      <c r="AA1976" s="85"/>
      <c r="AB1976" s="85"/>
      <c r="AC1976" s="85"/>
      <c r="AD1976" s="85"/>
      <c r="AE1976" s="85"/>
      <c r="AF1976" s="85"/>
      <c r="AG1976" s="86"/>
      <c r="AH1976" s="85"/>
      <c r="AI1976" s="85"/>
      <c r="AJ1976" s="85"/>
      <c r="AK1976" s="85"/>
      <c r="AL1976" s="85"/>
      <c r="AM1976" s="92"/>
      <c r="AN1976" s="92"/>
      <c r="AO1976" s="92"/>
      <c r="AP1976" s="92"/>
      <c r="AQ1976" s="92"/>
      <c r="AR1976" s="92"/>
      <c r="AS1976" s="92"/>
      <c r="AT1976" s="92"/>
      <c r="AU1976" s="92"/>
      <c r="AV1976" s="92"/>
      <c r="AW1976" s="92"/>
      <c r="AX1976" s="92"/>
      <c r="AY1976" s="92"/>
      <c r="AZ1976" s="93"/>
      <c r="BA1976" s="93"/>
      <c r="BB1976" s="93"/>
      <c r="BC1976" s="93"/>
      <c r="BD1976" s="93"/>
      <c r="BE1976" s="93"/>
      <c r="BF1976" s="93"/>
      <c r="BG1976" s="93"/>
      <c r="BH1976" s="93"/>
      <c r="BI1976" s="93"/>
      <c r="BJ1976" s="93"/>
      <c r="BK1976" s="93"/>
      <c r="BL1976" s="93"/>
    </row>
    <row r="1977" spans="2:64" x14ac:dyDescent="0.2">
      <c r="B1977" s="43"/>
      <c r="C1977" s="73"/>
      <c r="D1977" s="64"/>
      <c r="E1977" s="55"/>
      <c r="F1977" s="74"/>
      <c r="G1977" s="74"/>
      <c r="H1977" s="74"/>
      <c r="I1977" s="75"/>
      <c r="J1977" s="74"/>
      <c r="L1977" s="55"/>
      <c r="M1977" s="234"/>
      <c r="N1977" s="65"/>
      <c r="O1977" s="76"/>
      <c r="P1977" s="76"/>
      <c r="Q1977" s="65"/>
      <c r="R1977" s="76"/>
      <c r="S1977" s="76"/>
      <c r="T1977" s="76"/>
      <c r="U1977" s="76"/>
      <c r="V1977" s="76"/>
      <c r="W1977" s="76"/>
      <c r="X1977" s="76"/>
      <c r="Y1977" s="76"/>
      <c r="Z1977" s="76"/>
      <c r="AA1977" s="85"/>
      <c r="AB1977" s="85"/>
      <c r="AC1977" s="85"/>
      <c r="AD1977" s="85"/>
      <c r="AE1977" s="85"/>
      <c r="AF1977" s="85"/>
      <c r="AG1977" s="86"/>
      <c r="AH1977" s="85"/>
      <c r="AI1977" s="85"/>
      <c r="AJ1977" s="85"/>
      <c r="AK1977" s="85"/>
      <c r="AL1977" s="85"/>
      <c r="AM1977" s="92"/>
      <c r="AN1977" s="92"/>
      <c r="AO1977" s="92"/>
      <c r="AP1977" s="92"/>
      <c r="AQ1977" s="92"/>
      <c r="AR1977" s="92"/>
      <c r="AS1977" s="92"/>
      <c r="AT1977" s="92"/>
      <c r="AU1977" s="92"/>
      <c r="AV1977" s="92"/>
      <c r="AW1977" s="92"/>
      <c r="AX1977" s="92"/>
      <c r="AY1977" s="92"/>
      <c r="AZ1977" s="93"/>
      <c r="BA1977" s="93"/>
      <c r="BB1977" s="93"/>
      <c r="BC1977" s="93"/>
      <c r="BD1977" s="93"/>
      <c r="BE1977" s="93"/>
      <c r="BF1977" s="93"/>
      <c r="BG1977" s="93"/>
      <c r="BH1977" s="93"/>
      <c r="BI1977" s="93"/>
      <c r="BJ1977" s="93"/>
      <c r="BK1977" s="93"/>
      <c r="BL1977" s="93"/>
    </row>
    <row r="1978" spans="2:64" x14ac:dyDescent="0.2">
      <c r="B1978" s="43"/>
      <c r="C1978" s="73"/>
      <c r="D1978" s="64"/>
      <c r="E1978" s="55"/>
      <c r="F1978" s="74"/>
      <c r="G1978" s="74"/>
      <c r="H1978" s="74"/>
      <c r="I1978" s="75"/>
      <c r="J1978" s="74"/>
      <c r="L1978" s="55"/>
      <c r="M1978" s="234"/>
      <c r="N1978" s="65"/>
      <c r="O1978" s="76"/>
      <c r="P1978" s="76"/>
      <c r="Q1978" s="65"/>
      <c r="R1978" s="76"/>
      <c r="S1978" s="76"/>
      <c r="T1978" s="76"/>
      <c r="U1978" s="76"/>
      <c r="V1978" s="76"/>
      <c r="W1978" s="76"/>
      <c r="X1978" s="76"/>
      <c r="Y1978" s="76"/>
      <c r="Z1978" s="76"/>
      <c r="AA1978" s="85"/>
      <c r="AB1978" s="85"/>
      <c r="AC1978" s="85"/>
      <c r="AD1978" s="85"/>
      <c r="AE1978" s="85"/>
      <c r="AF1978" s="85"/>
      <c r="AG1978" s="86"/>
      <c r="AH1978" s="85"/>
      <c r="AI1978" s="85"/>
      <c r="AJ1978" s="85"/>
      <c r="AK1978" s="85"/>
      <c r="AL1978" s="85"/>
      <c r="AM1978" s="92"/>
      <c r="AN1978" s="92"/>
      <c r="AO1978" s="92"/>
      <c r="AP1978" s="92"/>
      <c r="AQ1978" s="92"/>
      <c r="AR1978" s="92"/>
      <c r="AS1978" s="92"/>
      <c r="AT1978" s="92"/>
      <c r="AU1978" s="92"/>
      <c r="AV1978" s="92"/>
      <c r="AW1978" s="92"/>
      <c r="AX1978" s="92"/>
      <c r="AY1978" s="92"/>
      <c r="AZ1978" s="93"/>
      <c r="BA1978" s="93"/>
      <c r="BB1978" s="93"/>
      <c r="BC1978" s="93"/>
      <c r="BD1978" s="93"/>
      <c r="BE1978" s="93"/>
      <c r="BF1978" s="93"/>
      <c r="BG1978" s="93"/>
      <c r="BH1978" s="93"/>
      <c r="BI1978" s="93"/>
      <c r="BJ1978" s="93"/>
      <c r="BK1978" s="93"/>
      <c r="BL1978" s="93"/>
    </row>
    <row r="1979" spans="2:64" x14ac:dyDescent="0.2">
      <c r="B1979" s="43"/>
      <c r="C1979" s="73"/>
      <c r="D1979" s="64"/>
      <c r="E1979" s="55"/>
      <c r="F1979" s="74"/>
      <c r="G1979" s="74"/>
      <c r="H1979" s="74"/>
      <c r="I1979" s="75"/>
      <c r="J1979" s="74"/>
      <c r="L1979" s="55"/>
      <c r="M1979" s="234"/>
      <c r="N1979" s="65"/>
      <c r="O1979" s="76"/>
      <c r="P1979" s="76"/>
      <c r="Q1979" s="65"/>
      <c r="R1979" s="76"/>
      <c r="S1979" s="76"/>
      <c r="T1979" s="76"/>
      <c r="U1979" s="76"/>
      <c r="V1979" s="76"/>
      <c r="W1979" s="76"/>
      <c r="X1979" s="76"/>
      <c r="Y1979" s="76"/>
      <c r="Z1979" s="76"/>
      <c r="AA1979" s="85"/>
      <c r="AB1979" s="85"/>
      <c r="AC1979" s="85"/>
      <c r="AD1979" s="85"/>
      <c r="AE1979" s="85"/>
      <c r="AF1979" s="85"/>
      <c r="AG1979" s="86"/>
      <c r="AH1979" s="85"/>
      <c r="AI1979" s="85"/>
      <c r="AJ1979" s="85"/>
      <c r="AK1979" s="85"/>
      <c r="AL1979" s="85"/>
      <c r="AM1979" s="92"/>
      <c r="AN1979" s="92"/>
      <c r="AO1979" s="92"/>
      <c r="AP1979" s="92"/>
      <c r="AQ1979" s="92"/>
      <c r="AR1979" s="92"/>
      <c r="AS1979" s="92"/>
      <c r="AT1979" s="92"/>
      <c r="AU1979" s="92"/>
      <c r="AV1979" s="92"/>
      <c r="AW1979" s="92"/>
      <c r="AX1979" s="92"/>
      <c r="AY1979" s="92"/>
      <c r="AZ1979" s="93"/>
      <c r="BA1979" s="93"/>
      <c r="BB1979" s="93"/>
      <c r="BC1979" s="93"/>
      <c r="BD1979" s="93"/>
      <c r="BE1979" s="93"/>
      <c r="BF1979" s="93"/>
      <c r="BG1979" s="93"/>
      <c r="BH1979" s="93"/>
      <c r="BI1979" s="93"/>
      <c r="BJ1979" s="93"/>
      <c r="BK1979" s="93"/>
      <c r="BL1979" s="93"/>
    </row>
    <row r="1980" spans="2:64" x14ac:dyDescent="0.2">
      <c r="B1980" s="43"/>
      <c r="C1980" s="73"/>
      <c r="D1980" s="64"/>
      <c r="E1980" s="55"/>
      <c r="F1980" s="74"/>
      <c r="G1980" s="74"/>
      <c r="H1980" s="74"/>
      <c r="I1980" s="75"/>
      <c r="J1980" s="74"/>
      <c r="L1980" s="55"/>
      <c r="M1980" s="234"/>
      <c r="N1980" s="65"/>
      <c r="O1980" s="76"/>
      <c r="P1980" s="76"/>
      <c r="Q1980" s="65"/>
      <c r="R1980" s="76"/>
      <c r="S1980" s="76"/>
      <c r="T1980" s="76"/>
      <c r="U1980" s="76"/>
      <c r="V1980" s="76"/>
      <c r="W1980" s="76"/>
      <c r="X1980" s="76"/>
      <c r="Y1980" s="76"/>
      <c r="Z1980" s="76"/>
      <c r="AA1980" s="85"/>
      <c r="AB1980" s="85"/>
      <c r="AC1980" s="85"/>
      <c r="AD1980" s="85"/>
      <c r="AE1980" s="85"/>
      <c r="AF1980" s="85"/>
      <c r="AG1980" s="86"/>
      <c r="AH1980" s="85"/>
      <c r="AI1980" s="85"/>
      <c r="AJ1980" s="85"/>
      <c r="AK1980" s="85"/>
      <c r="AL1980" s="85"/>
      <c r="AM1980" s="92"/>
      <c r="AN1980" s="92"/>
      <c r="AO1980" s="92"/>
      <c r="AP1980" s="92"/>
      <c r="AQ1980" s="92"/>
      <c r="AR1980" s="92"/>
      <c r="AS1980" s="92"/>
      <c r="AT1980" s="92"/>
      <c r="AU1980" s="92"/>
      <c r="AV1980" s="92"/>
      <c r="AW1980" s="92"/>
      <c r="AX1980" s="92"/>
      <c r="AY1980" s="92"/>
      <c r="AZ1980" s="93"/>
      <c r="BA1980" s="93"/>
      <c r="BB1980" s="93"/>
      <c r="BC1980" s="93"/>
      <c r="BD1980" s="93"/>
      <c r="BE1980" s="93"/>
      <c r="BF1980" s="93"/>
      <c r="BG1980" s="93"/>
      <c r="BH1980" s="93"/>
      <c r="BI1980" s="93"/>
      <c r="BJ1980" s="93"/>
      <c r="BK1980" s="93"/>
      <c r="BL1980" s="93"/>
    </row>
    <row r="1981" spans="2:64" x14ac:dyDescent="0.2">
      <c r="B1981" s="43"/>
      <c r="C1981" s="73"/>
      <c r="D1981" s="64"/>
      <c r="E1981" s="55"/>
      <c r="F1981" s="74"/>
      <c r="G1981" s="74"/>
      <c r="H1981" s="74"/>
      <c r="I1981" s="75"/>
      <c r="J1981" s="74"/>
      <c r="L1981" s="55"/>
      <c r="M1981" s="234"/>
      <c r="N1981" s="65"/>
      <c r="O1981" s="76"/>
      <c r="P1981" s="76"/>
      <c r="Q1981" s="65"/>
      <c r="R1981" s="76"/>
      <c r="S1981" s="76"/>
      <c r="T1981" s="76"/>
      <c r="U1981" s="76"/>
      <c r="V1981" s="76"/>
      <c r="W1981" s="76"/>
      <c r="X1981" s="76"/>
      <c r="Y1981" s="76"/>
      <c r="Z1981" s="76"/>
      <c r="AA1981" s="85"/>
      <c r="AB1981" s="85"/>
      <c r="AC1981" s="85"/>
      <c r="AD1981" s="85"/>
      <c r="AE1981" s="85"/>
      <c r="AF1981" s="85"/>
      <c r="AG1981" s="86"/>
      <c r="AH1981" s="85"/>
      <c r="AI1981" s="85"/>
      <c r="AJ1981" s="85"/>
      <c r="AK1981" s="85"/>
      <c r="AL1981" s="85"/>
      <c r="AM1981" s="92"/>
      <c r="AN1981" s="92"/>
      <c r="AO1981" s="92"/>
      <c r="AP1981" s="92"/>
      <c r="AQ1981" s="92"/>
      <c r="AR1981" s="92"/>
      <c r="AS1981" s="92"/>
      <c r="AT1981" s="92"/>
      <c r="AU1981" s="92"/>
      <c r="AV1981" s="92"/>
      <c r="AW1981" s="92"/>
      <c r="AX1981" s="92"/>
      <c r="AY1981" s="92"/>
      <c r="AZ1981" s="93"/>
      <c r="BA1981" s="93"/>
      <c r="BB1981" s="93"/>
      <c r="BC1981" s="93"/>
      <c r="BD1981" s="93"/>
      <c r="BE1981" s="93"/>
      <c r="BF1981" s="93"/>
      <c r="BG1981" s="93"/>
      <c r="BH1981" s="93"/>
      <c r="BI1981" s="93"/>
      <c r="BJ1981" s="93"/>
      <c r="BK1981" s="93"/>
      <c r="BL1981" s="93"/>
    </row>
    <row r="1982" spans="2:64" x14ac:dyDescent="0.2">
      <c r="B1982" s="43"/>
      <c r="C1982" s="73"/>
      <c r="D1982" s="64"/>
      <c r="E1982" s="55"/>
      <c r="F1982" s="74"/>
      <c r="G1982" s="74"/>
      <c r="H1982" s="74"/>
      <c r="I1982" s="75"/>
      <c r="J1982" s="74"/>
      <c r="L1982" s="55"/>
      <c r="M1982" s="234"/>
      <c r="N1982" s="65"/>
      <c r="O1982" s="76"/>
      <c r="P1982" s="76"/>
      <c r="Q1982" s="65"/>
      <c r="R1982" s="76"/>
      <c r="S1982" s="76"/>
      <c r="T1982" s="76"/>
      <c r="U1982" s="76"/>
      <c r="V1982" s="76"/>
      <c r="W1982" s="76"/>
      <c r="X1982" s="76"/>
      <c r="Y1982" s="76"/>
      <c r="Z1982" s="76"/>
      <c r="AA1982" s="85"/>
      <c r="AB1982" s="85"/>
      <c r="AC1982" s="85"/>
      <c r="AD1982" s="85"/>
      <c r="AE1982" s="85"/>
      <c r="AF1982" s="85"/>
      <c r="AG1982" s="86"/>
      <c r="AH1982" s="85"/>
      <c r="AI1982" s="85"/>
      <c r="AJ1982" s="85"/>
      <c r="AK1982" s="85"/>
      <c r="AL1982" s="85"/>
      <c r="AM1982" s="92"/>
      <c r="AN1982" s="92"/>
      <c r="AO1982" s="92"/>
      <c r="AP1982" s="92"/>
      <c r="AQ1982" s="92"/>
      <c r="AR1982" s="92"/>
      <c r="AS1982" s="92"/>
      <c r="AT1982" s="92"/>
      <c r="AU1982" s="92"/>
      <c r="AV1982" s="92"/>
      <c r="AW1982" s="92"/>
      <c r="AX1982" s="92"/>
      <c r="AY1982" s="92"/>
      <c r="AZ1982" s="93"/>
      <c r="BA1982" s="93"/>
      <c r="BB1982" s="93"/>
      <c r="BC1982" s="93"/>
      <c r="BD1982" s="93"/>
      <c r="BE1982" s="93"/>
      <c r="BF1982" s="93"/>
      <c r="BG1982" s="93"/>
      <c r="BH1982" s="93"/>
      <c r="BI1982" s="93"/>
      <c r="BJ1982" s="93"/>
      <c r="BK1982" s="93"/>
      <c r="BL1982" s="93"/>
    </row>
    <row r="1983" spans="2:64" x14ac:dyDescent="0.2">
      <c r="B1983" s="43"/>
      <c r="C1983" s="73"/>
      <c r="D1983" s="64"/>
      <c r="E1983" s="55"/>
      <c r="F1983" s="74"/>
      <c r="G1983" s="74"/>
      <c r="H1983" s="74"/>
      <c r="I1983" s="75"/>
      <c r="J1983" s="74"/>
      <c r="L1983" s="55"/>
      <c r="M1983" s="234"/>
      <c r="N1983" s="65"/>
      <c r="O1983" s="76"/>
      <c r="P1983" s="76"/>
      <c r="Q1983" s="65"/>
      <c r="R1983" s="76"/>
      <c r="S1983" s="76"/>
      <c r="T1983" s="76"/>
      <c r="U1983" s="76"/>
      <c r="V1983" s="76"/>
      <c r="W1983" s="76"/>
      <c r="X1983" s="76"/>
      <c r="Y1983" s="76"/>
      <c r="Z1983" s="76"/>
      <c r="AA1983" s="85"/>
      <c r="AB1983" s="85"/>
      <c r="AC1983" s="85"/>
      <c r="AD1983" s="85"/>
      <c r="AE1983" s="85"/>
      <c r="AF1983" s="85"/>
      <c r="AG1983" s="86"/>
      <c r="AH1983" s="85"/>
      <c r="AI1983" s="85"/>
      <c r="AJ1983" s="85"/>
      <c r="AK1983" s="85"/>
      <c r="AL1983" s="85"/>
      <c r="AM1983" s="92"/>
      <c r="AN1983" s="92"/>
      <c r="AO1983" s="92"/>
      <c r="AP1983" s="92"/>
      <c r="AQ1983" s="92"/>
      <c r="AR1983" s="92"/>
      <c r="AS1983" s="92"/>
      <c r="AT1983" s="92"/>
      <c r="AU1983" s="92"/>
      <c r="AV1983" s="92"/>
      <c r="AW1983" s="92"/>
      <c r="AX1983" s="92"/>
      <c r="AY1983" s="92"/>
      <c r="AZ1983" s="93"/>
      <c r="BA1983" s="93"/>
      <c r="BB1983" s="93"/>
      <c r="BC1983" s="93"/>
      <c r="BD1983" s="93"/>
      <c r="BE1983" s="93"/>
      <c r="BF1983" s="93"/>
      <c r="BG1983" s="93"/>
      <c r="BH1983" s="93"/>
      <c r="BI1983" s="93"/>
      <c r="BJ1983" s="93"/>
      <c r="BK1983" s="93"/>
      <c r="BL1983" s="93"/>
    </row>
    <row r="1984" spans="2:64" x14ac:dyDescent="0.2">
      <c r="B1984" s="43"/>
      <c r="C1984" s="73"/>
      <c r="D1984" s="64"/>
      <c r="E1984" s="55"/>
      <c r="F1984" s="74"/>
      <c r="G1984" s="74"/>
      <c r="H1984" s="74"/>
      <c r="I1984" s="75"/>
      <c r="J1984" s="74"/>
      <c r="L1984" s="55"/>
      <c r="M1984" s="234"/>
      <c r="N1984" s="65"/>
      <c r="O1984" s="76"/>
      <c r="P1984" s="76"/>
      <c r="Q1984" s="65"/>
      <c r="R1984" s="76"/>
      <c r="S1984" s="76"/>
      <c r="T1984" s="76"/>
      <c r="U1984" s="76"/>
      <c r="V1984" s="76"/>
      <c r="W1984" s="76"/>
      <c r="X1984" s="76"/>
      <c r="Y1984" s="76"/>
      <c r="Z1984" s="76"/>
      <c r="AA1984" s="85"/>
      <c r="AB1984" s="85"/>
      <c r="AC1984" s="85"/>
      <c r="AD1984" s="85"/>
      <c r="AE1984" s="85"/>
      <c r="AF1984" s="85"/>
      <c r="AG1984" s="86"/>
      <c r="AH1984" s="85"/>
      <c r="AI1984" s="85"/>
      <c r="AJ1984" s="85"/>
      <c r="AK1984" s="85"/>
      <c r="AL1984" s="85"/>
      <c r="AM1984" s="92"/>
      <c r="AN1984" s="92"/>
      <c r="AO1984" s="92"/>
      <c r="AP1984" s="92"/>
      <c r="AQ1984" s="92"/>
      <c r="AR1984" s="92"/>
      <c r="AS1984" s="92"/>
      <c r="AT1984" s="92"/>
      <c r="AU1984" s="92"/>
      <c r="AV1984" s="92"/>
      <c r="AW1984" s="92"/>
      <c r="AX1984" s="92"/>
      <c r="AY1984" s="92"/>
      <c r="AZ1984" s="93"/>
      <c r="BA1984" s="93"/>
      <c r="BB1984" s="93"/>
      <c r="BC1984" s="93"/>
      <c r="BD1984" s="93"/>
      <c r="BE1984" s="93"/>
      <c r="BF1984" s="93"/>
      <c r="BG1984" s="93"/>
      <c r="BH1984" s="93"/>
      <c r="BI1984" s="93"/>
      <c r="BJ1984" s="93"/>
      <c r="BK1984" s="93"/>
      <c r="BL1984" s="93"/>
    </row>
    <row r="1985" spans="2:64" x14ac:dyDescent="0.2">
      <c r="B1985" s="43"/>
      <c r="C1985" s="73"/>
      <c r="D1985" s="64"/>
      <c r="E1985" s="55"/>
      <c r="F1985" s="74"/>
      <c r="G1985" s="74"/>
      <c r="H1985" s="74"/>
      <c r="I1985" s="75"/>
      <c r="J1985" s="74"/>
      <c r="L1985" s="55"/>
      <c r="M1985" s="234"/>
      <c r="N1985" s="65"/>
      <c r="O1985" s="76"/>
      <c r="P1985" s="76"/>
      <c r="Q1985" s="65"/>
      <c r="R1985" s="76"/>
      <c r="S1985" s="76"/>
      <c r="T1985" s="76"/>
      <c r="U1985" s="76"/>
      <c r="V1985" s="76"/>
      <c r="W1985" s="76"/>
      <c r="X1985" s="76"/>
      <c r="Y1985" s="76"/>
      <c r="Z1985" s="76"/>
      <c r="AA1985" s="85"/>
      <c r="AB1985" s="85"/>
      <c r="AC1985" s="85"/>
      <c r="AD1985" s="85"/>
      <c r="AE1985" s="85"/>
      <c r="AF1985" s="85"/>
      <c r="AG1985" s="86"/>
      <c r="AH1985" s="85"/>
      <c r="AI1985" s="85"/>
      <c r="AJ1985" s="85"/>
      <c r="AK1985" s="85"/>
      <c r="AL1985" s="85"/>
      <c r="AM1985" s="92"/>
      <c r="AN1985" s="92"/>
      <c r="AO1985" s="92"/>
      <c r="AP1985" s="92"/>
      <c r="AQ1985" s="92"/>
      <c r="AR1985" s="92"/>
      <c r="AS1985" s="92"/>
      <c r="AT1985" s="92"/>
      <c r="AU1985" s="92"/>
      <c r="AV1985" s="92"/>
      <c r="AW1985" s="92"/>
      <c r="AX1985" s="92"/>
      <c r="AY1985" s="92"/>
      <c r="AZ1985" s="93"/>
      <c r="BA1985" s="93"/>
      <c r="BB1985" s="93"/>
      <c r="BC1985" s="93"/>
      <c r="BD1985" s="93"/>
      <c r="BE1985" s="93"/>
      <c r="BF1985" s="93"/>
      <c r="BG1985" s="93"/>
      <c r="BH1985" s="93"/>
      <c r="BI1985" s="93"/>
      <c r="BJ1985" s="93"/>
      <c r="BK1985" s="93"/>
      <c r="BL1985" s="93"/>
    </row>
    <row r="1986" spans="2:64" x14ac:dyDescent="0.2">
      <c r="B1986" s="43"/>
      <c r="C1986" s="73"/>
      <c r="D1986" s="64"/>
      <c r="E1986" s="55"/>
      <c r="F1986" s="74"/>
      <c r="G1986" s="74"/>
      <c r="H1986" s="74"/>
      <c r="I1986" s="75"/>
      <c r="J1986" s="74"/>
      <c r="L1986" s="55"/>
      <c r="M1986" s="234"/>
      <c r="N1986" s="65"/>
      <c r="O1986" s="76"/>
      <c r="P1986" s="76"/>
      <c r="Q1986" s="65"/>
      <c r="R1986" s="76"/>
      <c r="S1986" s="76"/>
      <c r="T1986" s="76"/>
      <c r="U1986" s="76"/>
      <c r="V1986" s="76"/>
      <c r="W1986" s="76"/>
      <c r="X1986" s="76"/>
      <c r="Y1986" s="76"/>
      <c r="Z1986" s="76"/>
      <c r="AA1986" s="85"/>
      <c r="AB1986" s="85"/>
      <c r="AC1986" s="85"/>
      <c r="AD1986" s="85"/>
      <c r="AE1986" s="85"/>
      <c r="AF1986" s="85"/>
      <c r="AG1986" s="86"/>
      <c r="AH1986" s="85"/>
      <c r="AI1986" s="85"/>
      <c r="AJ1986" s="85"/>
      <c r="AK1986" s="85"/>
      <c r="AL1986" s="85"/>
      <c r="AM1986" s="92"/>
      <c r="AN1986" s="92"/>
      <c r="AO1986" s="92"/>
      <c r="AP1986" s="92"/>
      <c r="AQ1986" s="92"/>
      <c r="AR1986" s="92"/>
      <c r="AS1986" s="92"/>
      <c r="AT1986" s="92"/>
      <c r="AU1986" s="92"/>
      <c r="AV1986" s="92"/>
      <c r="AW1986" s="92"/>
      <c r="AX1986" s="92"/>
      <c r="AY1986" s="92"/>
      <c r="AZ1986" s="93"/>
      <c r="BA1986" s="93"/>
      <c r="BB1986" s="93"/>
      <c r="BC1986" s="93"/>
      <c r="BD1986" s="93"/>
      <c r="BE1986" s="93"/>
      <c r="BF1986" s="93"/>
      <c r="BG1986" s="93"/>
      <c r="BH1986" s="93"/>
      <c r="BI1986" s="93"/>
      <c r="BJ1986" s="93"/>
      <c r="BK1986" s="93"/>
      <c r="BL1986" s="93"/>
    </row>
    <row r="1987" spans="2:64" x14ac:dyDescent="0.2">
      <c r="B1987" s="43"/>
      <c r="C1987" s="73"/>
      <c r="D1987" s="64"/>
      <c r="E1987" s="55"/>
      <c r="F1987" s="74"/>
      <c r="G1987" s="74"/>
      <c r="H1987" s="74"/>
      <c r="I1987" s="75"/>
      <c r="J1987" s="74"/>
      <c r="L1987" s="55"/>
      <c r="M1987" s="234"/>
      <c r="N1987" s="65"/>
      <c r="O1987" s="76"/>
      <c r="P1987" s="76"/>
      <c r="Q1987" s="65"/>
      <c r="R1987" s="76"/>
      <c r="S1987" s="76"/>
      <c r="T1987" s="76"/>
      <c r="U1987" s="76"/>
      <c r="V1987" s="76"/>
      <c r="W1987" s="76"/>
      <c r="X1987" s="76"/>
      <c r="Y1987" s="76"/>
      <c r="Z1987" s="76"/>
      <c r="AA1987" s="85"/>
      <c r="AB1987" s="85"/>
      <c r="AC1987" s="85"/>
      <c r="AD1987" s="85"/>
      <c r="AE1987" s="85"/>
      <c r="AF1987" s="85"/>
      <c r="AG1987" s="86"/>
      <c r="AH1987" s="85"/>
      <c r="AI1987" s="85"/>
      <c r="AJ1987" s="85"/>
      <c r="AK1987" s="85"/>
      <c r="AL1987" s="85"/>
      <c r="AM1987" s="92"/>
      <c r="AN1987" s="92"/>
      <c r="AO1987" s="92"/>
      <c r="AP1987" s="92"/>
      <c r="AQ1987" s="92"/>
      <c r="AR1987" s="92"/>
      <c r="AS1987" s="92"/>
      <c r="AT1987" s="92"/>
      <c r="AU1987" s="92"/>
      <c r="AV1987" s="92"/>
      <c r="AW1987" s="92"/>
      <c r="AX1987" s="92"/>
      <c r="AY1987" s="92"/>
      <c r="AZ1987" s="93"/>
      <c r="BA1987" s="93"/>
      <c r="BB1987" s="93"/>
      <c r="BC1987" s="93"/>
      <c r="BD1987" s="93"/>
      <c r="BE1987" s="93"/>
      <c r="BF1987" s="93"/>
      <c r="BG1987" s="93"/>
      <c r="BH1987" s="93"/>
      <c r="BI1987" s="93"/>
      <c r="BJ1987" s="93"/>
      <c r="BK1987" s="93"/>
      <c r="BL1987" s="93"/>
    </row>
    <row r="1988" spans="2:64" x14ac:dyDescent="0.2">
      <c r="B1988" s="43"/>
      <c r="C1988" s="73"/>
      <c r="D1988" s="64"/>
      <c r="E1988" s="55"/>
      <c r="F1988" s="74"/>
      <c r="G1988" s="74"/>
      <c r="H1988" s="74"/>
      <c r="I1988" s="75"/>
      <c r="J1988" s="74"/>
      <c r="L1988" s="55"/>
      <c r="M1988" s="234"/>
      <c r="N1988" s="65"/>
      <c r="O1988" s="76"/>
      <c r="P1988" s="76"/>
      <c r="Q1988" s="65"/>
      <c r="R1988" s="76"/>
      <c r="S1988" s="76"/>
      <c r="T1988" s="76"/>
      <c r="U1988" s="76"/>
      <c r="V1988" s="76"/>
      <c r="W1988" s="76"/>
      <c r="X1988" s="76"/>
      <c r="Y1988" s="76"/>
      <c r="Z1988" s="76"/>
      <c r="AA1988" s="85"/>
      <c r="AB1988" s="85"/>
      <c r="AC1988" s="85"/>
      <c r="AD1988" s="85"/>
      <c r="AE1988" s="85"/>
      <c r="AF1988" s="85"/>
      <c r="AG1988" s="86"/>
      <c r="AH1988" s="85"/>
      <c r="AI1988" s="85"/>
      <c r="AJ1988" s="85"/>
      <c r="AK1988" s="85"/>
      <c r="AL1988" s="85"/>
      <c r="AM1988" s="92"/>
      <c r="AN1988" s="92"/>
      <c r="AO1988" s="92"/>
      <c r="AP1988" s="92"/>
      <c r="AQ1988" s="92"/>
      <c r="AR1988" s="92"/>
      <c r="AS1988" s="92"/>
      <c r="AT1988" s="92"/>
      <c r="AU1988" s="92"/>
      <c r="AV1988" s="92"/>
      <c r="AW1988" s="92"/>
      <c r="AX1988" s="92"/>
      <c r="AY1988" s="92"/>
      <c r="AZ1988" s="93"/>
      <c r="BA1988" s="93"/>
      <c r="BB1988" s="93"/>
      <c r="BC1988" s="93"/>
      <c r="BD1988" s="93"/>
      <c r="BE1988" s="93"/>
      <c r="BF1988" s="93"/>
      <c r="BG1988" s="93"/>
      <c r="BH1988" s="93"/>
      <c r="BI1988" s="93"/>
      <c r="BJ1988" s="93"/>
      <c r="BK1988" s="93"/>
      <c r="BL1988" s="93"/>
    </row>
    <row r="1989" spans="2:64" x14ac:dyDescent="0.2">
      <c r="B1989" s="43"/>
      <c r="C1989" s="73"/>
      <c r="D1989" s="64"/>
      <c r="E1989" s="55"/>
      <c r="F1989" s="74"/>
      <c r="G1989" s="74"/>
      <c r="H1989" s="74"/>
      <c r="I1989" s="75"/>
      <c r="J1989" s="74"/>
      <c r="L1989" s="55"/>
      <c r="M1989" s="234"/>
      <c r="N1989" s="65"/>
      <c r="O1989" s="76"/>
      <c r="P1989" s="76"/>
      <c r="Q1989" s="65"/>
      <c r="R1989" s="76"/>
      <c r="S1989" s="76"/>
      <c r="T1989" s="76"/>
      <c r="U1989" s="76"/>
      <c r="V1989" s="76"/>
      <c r="W1989" s="76"/>
      <c r="X1989" s="76"/>
      <c r="Y1989" s="76"/>
      <c r="Z1989" s="76"/>
      <c r="AA1989" s="85"/>
      <c r="AB1989" s="85"/>
      <c r="AC1989" s="85"/>
      <c r="AD1989" s="85"/>
      <c r="AE1989" s="85"/>
      <c r="AF1989" s="85"/>
      <c r="AG1989" s="86"/>
      <c r="AH1989" s="85"/>
      <c r="AI1989" s="85"/>
      <c r="AJ1989" s="85"/>
      <c r="AK1989" s="85"/>
      <c r="AL1989" s="85"/>
      <c r="AM1989" s="92"/>
      <c r="AN1989" s="92"/>
      <c r="AO1989" s="92"/>
      <c r="AP1989" s="92"/>
      <c r="AQ1989" s="92"/>
      <c r="AR1989" s="92"/>
      <c r="AS1989" s="92"/>
      <c r="AT1989" s="92"/>
      <c r="AU1989" s="92"/>
      <c r="AV1989" s="92"/>
      <c r="AW1989" s="92"/>
      <c r="AX1989" s="92"/>
      <c r="AY1989" s="92"/>
      <c r="AZ1989" s="93"/>
      <c r="BA1989" s="93"/>
      <c r="BB1989" s="93"/>
      <c r="BC1989" s="93"/>
      <c r="BD1989" s="93"/>
      <c r="BE1989" s="93"/>
      <c r="BF1989" s="93"/>
      <c r="BG1989" s="93"/>
      <c r="BH1989" s="93"/>
      <c r="BI1989" s="93"/>
      <c r="BJ1989" s="93"/>
      <c r="BK1989" s="93"/>
      <c r="BL1989" s="93"/>
    </row>
    <row r="1990" spans="2:64" x14ac:dyDescent="0.2">
      <c r="B1990" s="43"/>
      <c r="C1990" s="73"/>
      <c r="D1990" s="64"/>
      <c r="E1990" s="55"/>
      <c r="F1990" s="74"/>
      <c r="G1990" s="74"/>
      <c r="H1990" s="74"/>
      <c r="I1990" s="75"/>
      <c r="J1990" s="74"/>
      <c r="L1990" s="55"/>
      <c r="M1990" s="234"/>
      <c r="N1990" s="65"/>
      <c r="O1990" s="76"/>
      <c r="P1990" s="76"/>
      <c r="Q1990" s="65"/>
      <c r="R1990" s="76"/>
      <c r="S1990" s="76"/>
      <c r="T1990" s="76"/>
      <c r="U1990" s="76"/>
      <c r="V1990" s="76"/>
      <c r="W1990" s="76"/>
      <c r="X1990" s="76"/>
      <c r="Y1990" s="76"/>
      <c r="Z1990" s="76"/>
      <c r="AA1990" s="85"/>
      <c r="AB1990" s="85"/>
      <c r="AC1990" s="85"/>
      <c r="AD1990" s="85"/>
      <c r="AE1990" s="85"/>
      <c r="AF1990" s="85"/>
      <c r="AG1990" s="86"/>
      <c r="AH1990" s="85"/>
      <c r="AI1990" s="85"/>
      <c r="AJ1990" s="85"/>
      <c r="AK1990" s="85"/>
      <c r="AL1990" s="85"/>
      <c r="AM1990" s="92"/>
      <c r="AN1990" s="92"/>
      <c r="AO1990" s="92"/>
      <c r="AP1990" s="92"/>
      <c r="AQ1990" s="92"/>
      <c r="AR1990" s="92"/>
      <c r="AS1990" s="92"/>
      <c r="AT1990" s="92"/>
      <c r="AU1990" s="92"/>
      <c r="AV1990" s="92"/>
      <c r="AW1990" s="92"/>
      <c r="AX1990" s="92"/>
      <c r="AY1990" s="92"/>
      <c r="AZ1990" s="93"/>
      <c r="BA1990" s="93"/>
      <c r="BB1990" s="93"/>
      <c r="BC1990" s="93"/>
      <c r="BD1990" s="93"/>
      <c r="BE1990" s="93"/>
      <c r="BF1990" s="93"/>
      <c r="BG1990" s="93"/>
      <c r="BH1990" s="93"/>
      <c r="BI1990" s="93"/>
      <c r="BJ1990" s="93"/>
      <c r="BK1990" s="93"/>
      <c r="BL1990" s="93"/>
    </row>
    <row r="1991" spans="2:64" x14ac:dyDescent="0.2">
      <c r="B1991" s="43"/>
      <c r="C1991" s="73"/>
      <c r="D1991" s="64"/>
      <c r="E1991" s="55"/>
      <c r="F1991" s="74"/>
      <c r="G1991" s="74"/>
      <c r="H1991" s="74"/>
      <c r="I1991" s="75"/>
      <c r="J1991" s="74"/>
      <c r="L1991" s="55"/>
      <c r="M1991" s="234"/>
      <c r="N1991" s="65"/>
      <c r="O1991" s="76"/>
      <c r="P1991" s="76"/>
      <c r="Q1991" s="65"/>
      <c r="R1991" s="76"/>
      <c r="S1991" s="76"/>
      <c r="T1991" s="76"/>
      <c r="U1991" s="76"/>
      <c r="V1991" s="76"/>
      <c r="W1991" s="76"/>
      <c r="X1991" s="76"/>
      <c r="Y1991" s="76"/>
      <c r="Z1991" s="76"/>
      <c r="AA1991" s="85"/>
      <c r="AB1991" s="85"/>
      <c r="AC1991" s="85"/>
      <c r="AD1991" s="85"/>
      <c r="AE1991" s="85"/>
      <c r="AF1991" s="85"/>
      <c r="AG1991" s="86"/>
      <c r="AH1991" s="85"/>
      <c r="AI1991" s="85"/>
      <c r="AJ1991" s="85"/>
      <c r="AK1991" s="85"/>
      <c r="AL1991" s="85"/>
      <c r="AM1991" s="92"/>
      <c r="AN1991" s="92"/>
      <c r="AO1991" s="92"/>
      <c r="AP1991" s="92"/>
      <c r="AQ1991" s="92"/>
      <c r="AR1991" s="92"/>
      <c r="AS1991" s="92"/>
      <c r="AT1991" s="92"/>
      <c r="AU1991" s="92"/>
      <c r="AV1991" s="92"/>
      <c r="AW1991" s="92"/>
      <c r="AX1991" s="92"/>
      <c r="AY1991" s="92"/>
      <c r="AZ1991" s="93"/>
      <c r="BA1991" s="93"/>
      <c r="BB1991" s="93"/>
      <c r="BC1991" s="93"/>
      <c r="BD1991" s="93"/>
      <c r="BE1991" s="93"/>
      <c r="BF1991" s="93"/>
      <c r="BG1991" s="93"/>
      <c r="BH1991" s="93"/>
      <c r="BI1991" s="93"/>
      <c r="BJ1991" s="93"/>
      <c r="BK1991" s="93"/>
      <c r="BL1991" s="93"/>
    </row>
    <row r="1992" spans="2:64" x14ac:dyDescent="0.2">
      <c r="B1992" s="43"/>
      <c r="C1992" s="73"/>
      <c r="D1992" s="64"/>
      <c r="E1992" s="55"/>
      <c r="F1992" s="74"/>
      <c r="G1992" s="74"/>
      <c r="H1992" s="74"/>
      <c r="I1992" s="75"/>
      <c r="J1992" s="74"/>
      <c r="L1992" s="55"/>
      <c r="M1992" s="234"/>
      <c r="N1992" s="65"/>
      <c r="O1992" s="76"/>
      <c r="P1992" s="76"/>
      <c r="Q1992" s="65"/>
      <c r="R1992" s="76"/>
      <c r="S1992" s="76"/>
      <c r="T1992" s="76"/>
      <c r="U1992" s="76"/>
      <c r="V1992" s="76"/>
      <c r="W1992" s="76"/>
      <c r="X1992" s="76"/>
      <c r="Y1992" s="76"/>
      <c r="Z1992" s="76"/>
      <c r="AA1992" s="85"/>
      <c r="AB1992" s="85"/>
      <c r="AC1992" s="85"/>
      <c r="AD1992" s="85"/>
      <c r="AE1992" s="85"/>
      <c r="AF1992" s="85"/>
      <c r="AG1992" s="86"/>
      <c r="AH1992" s="85"/>
      <c r="AI1992" s="85"/>
      <c r="AJ1992" s="85"/>
      <c r="AK1992" s="85"/>
      <c r="AL1992" s="85"/>
      <c r="AM1992" s="92"/>
      <c r="AN1992" s="92"/>
      <c r="AO1992" s="92"/>
      <c r="AP1992" s="92"/>
      <c r="AQ1992" s="92"/>
      <c r="AR1992" s="92"/>
      <c r="AS1992" s="92"/>
      <c r="AT1992" s="92"/>
      <c r="AU1992" s="92"/>
      <c r="AV1992" s="92"/>
      <c r="AW1992" s="92"/>
      <c r="AX1992" s="92"/>
      <c r="AY1992" s="92"/>
      <c r="AZ1992" s="93"/>
      <c r="BA1992" s="93"/>
      <c r="BB1992" s="93"/>
      <c r="BC1992" s="93"/>
      <c r="BD1992" s="93"/>
      <c r="BE1992" s="93"/>
      <c r="BF1992" s="93"/>
      <c r="BG1992" s="93"/>
      <c r="BH1992" s="93"/>
      <c r="BI1992" s="93"/>
      <c r="BJ1992" s="93"/>
      <c r="BK1992" s="93"/>
      <c r="BL1992" s="93"/>
    </row>
    <row r="1993" spans="2:64" x14ac:dyDescent="0.2">
      <c r="B1993" s="43"/>
      <c r="C1993" s="73"/>
      <c r="D1993" s="64"/>
      <c r="E1993" s="55"/>
      <c r="F1993" s="74"/>
      <c r="G1993" s="74"/>
      <c r="H1993" s="74"/>
      <c r="I1993" s="75"/>
      <c r="J1993" s="74"/>
      <c r="L1993" s="55"/>
      <c r="M1993" s="234"/>
      <c r="N1993" s="65"/>
      <c r="O1993" s="76"/>
      <c r="P1993" s="76"/>
      <c r="Q1993" s="65"/>
      <c r="R1993" s="76"/>
      <c r="S1993" s="76"/>
      <c r="T1993" s="76"/>
      <c r="U1993" s="76"/>
      <c r="V1993" s="76"/>
      <c r="W1993" s="76"/>
      <c r="X1993" s="76"/>
      <c r="Y1993" s="76"/>
      <c r="Z1993" s="76"/>
      <c r="AA1993" s="85"/>
      <c r="AB1993" s="85"/>
      <c r="AC1993" s="85"/>
      <c r="AD1993" s="85"/>
      <c r="AE1993" s="85"/>
      <c r="AF1993" s="85"/>
      <c r="AG1993" s="86"/>
      <c r="AH1993" s="85"/>
      <c r="AI1993" s="85"/>
      <c r="AJ1993" s="85"/>
      <c r="AK1993" s="85"/>
      <c r="AL1993" s="85"/>
      <c r="AM1993" s="92"/>
      <c r="AN1993" s="92"/>
      <c r="AO1993" s="92"/>
      <c r="AP1993" s="92"/>
      <c r="AQ1993" s="92"/>
      <c r="AR1993" s="92"/>
      <c r="AS1993" s="92"/>
      <c r="AT1993" s="92"/>
      <c r="AU1993" s="92"/>
      <c r="AV1993" s="92"/>
      <c r="AW1993" s="92"/>
      <c r="AX1993" s="92"/>
      <c r="AY1993" s="92"/>
      <c r="AZ1993" s="93"/>
      <c r="BA1993" s="93"/>
      <c r="BB1993" s="93"/>
      <c r="BC1993" s="93"/>
      <c r="BD1993" s="93"/>
      <c r="BE1993" s="93"/>
      <c r="BF1993" s="93"/>
      <c r="BG1993" s="93"/>
      <c r="BH1993" s="93"/>
      <c r="BI1993" s="93"/>
      <c r="BJ1993" s="93"/>
      <c r="BK1993" s="93"/>
      <c r="BL1993" s="93"/>
    </row>
    <row r="1994" spans="2:64" x14ac:dyDescent="0.2">
      <c r="B1994" s="43"/>
      <c r="C1994" s="73"/>
      <c r="D1994" s="64"/>
      <c r="E1994" s="55"/>
      <c r="F1994" s="74"/>
      <c r="G1994" s="74"/>
      <c r="H1994" s="74"/>
      <c r="I1994" s="75"/>
      <c r="J1994" s="74"/>
      <c r="L1994" s="55"/>
      <c r="M1994" s="234"/>
      <c r="N1994" s="65"/>
      <c r="O1994" s="76"/>
      <c r="P1994" s="76"/>
      <c r="Q1994" s="65"/>
      <c r="R1994" s="76"/>
      <c r="S1994" s="76"/>
      <c r="T1994" s="76"/>
      <c r="U1994" s="76"/>
      <c r="V1994" s="76"/>
      <c r="W1994" s="76"/>
      <c r="X1994" s="76"/>
      <c r="Y1994" s="76"/>
      <c r="Z1994" s="76"/>
      <c r="AA1994" s="85"/>
      <c r="AB1994" s="85"/>
      <c r="AC1994" s="85"/>
      <c r="AD1994" s="85"/>
      <c r="AE1994" s="85"/>
      <c r="AF1994" s="85"/>
      <c r="AG1994" s="86"/>
      <c r="AH1994" s="85"/>
      <c r="AI1994" s="85"/>
      <c r="AJ1994" s="85"/>
      <c r="AK1994" s="85"/>
      <c r="AL1994" s="85"/>
      <c r="AM1994" s="92"/>
      <c r="AN1994" s="92"/>
      <c r="AO1994" s="92"/>
      <c r="AP1994" s="92"/>
      <c r="AQ1994" s="92"/>
      <c r="AR1994" s="92"/>
      <c r="AS1994" s="92"/>
      <c r="AT1994" s="92"/>
      <c r="AU1994" s="92"/>
      <c r="AV1994" s="92"/>
      <c r="AW1994" s="92"/>
      <c r="AX1994" s="92"/>
      <c r="AY1994" s="92"/>
      <c r="AZ1994" s="93"/>
      <c r="BA1994" s="93"/>
      <c r="BB1994" s="93"/>
      <c r="BC1994" s="93"/>
      <c r="BD1994" s="93"/>
      <c r="BE1994" s="93"/>
      <c r="BF1994" s="93"/>
      <c r="BG1994" s="93"/>
      <c r="BH1994" s="93"/>
      <c r="BI1994" s="93"/>
      <c r="BJ1994" s="93"/>
      <c r="BK1994" s="93"/>
      <c r="BL1994" s="93"/>
    </row>
    <row r="1995" spans="2:64" x14ac:dyDescent="0.2">
      <c r="B1995" s="43"/>
      <c r="C1995" s="73"/>
      <c r="D1995" s="64"/>
      <c r="E1995" s="55"/>
      <c r="F1995" s="74"/>
      <c r="G1995" s="74"/>
      <c r="H1995" s="74"/>
      <c r="I1995" s="75"/>
      <c r="J1995" s="74"/>
      <c r="L1995" s="55"/>
      <c r="M1995" s="234"/>
      <c r="N1995" s="65"/>
      <c r="O1995" s="76"/>
      <c r="P1995" s="76"/>
      <c r="Q1995" s="65"/>
      <c r="R1995" s="76"/>
      <c r="S1995" s="76"/>
      <c r="T1995" s="76"/>
      <c r="U1995" s="76"/>
      <c r="V1995" s="76"/>
      <c r="W1995" s="76"/>
      <c r="X1995" s="76"/>
      <c r="Y1995" s="76"/>
      <c r="Z1995" s="76"/>
      <c r="AA1995" s="85"/>
      <c r="AB1995" s="85"/>
      <c r="AC1995" s="85"/>
      <c r="AD1995" s="85"/>
      <c r="AE1995" s="85"/>
      <c r="AF1995" s="85"/>
      <c r="AG1995" s="86"/>
      <c r="AH1995" s="85"/>
      <c r="AI1995" s="85"/>
      <c r="AJ1995" s="85"/>
      <c r="AK1995" s="85"/>
      <c r="AL1995" s="85"/>
      <c r="AM1995" s="92"/>
      <c r="AN1995" s="92"/>
      <c r="AO1995" s="92"/>
      <c r="AP1995" s="92"/>
      <c r="AQ1995" s="92"/>
      <c r="AR1995" s="92"/>
      <c r="AS1995" s="92"/>
      <c r="AT1995" s="92"/>
      <c r="AU1995" s="92"/>
      <c r="AV1995" s="92"/>
      <c r="AW1995" s="92"/>
      <c r="AX1995" s="92"/>
      <c r="AY1995" s="92"/>
      <c r="AZ1995" s="93"/>
      <c r="BA1995" s="93"/>
      <c r="BB1995" s="93"/>
      <c r="BC1995" s="93"/>
      <c r="BD1995" s="93"/>
      <c r="BE1995" s="93"/>
      <c r="BF1995" s="93"/>
      <c r="BG1995" s="93"/>
      <c r="BH1995" s="93"/>
      <c r="BI1995" s="93"/>
      <c r="BJ1995" s="93"/>
      <c r="BK1995" s="93"/>
      <c r="BL1995" s="93"/>
    </row>
    <row r="1996" spans="2:64" x14ac:dyDescent="0.2">
      <c r="B1996" s="43"/>
      <c r="C1996" s="73"/>
      <c r="D1996" s="64"/>
      <c r="E1996" s="55"/>
      <c r="F1996" s="74"/>
      <c r="G1996" s="74"/>
      <c r="H1996" s="74"/>
      <c r="I1996" s="75"/>
      <c r="J1996" s="74"/>
      <c r="L1996" s="55"/>
      <c r="M1996" s="234"/>
      <c r="N1996" s="65"/>
      <c r="O1996" s="76"/>
      <c r="P1996" s="76"/>
      <c r="Q1996" s="65"/>
      <c r="R1996" s="76"/>
      <c r="S1996" s="76"/>
      <c r="T1996" s="76"/>
      <c r="U1996" s="76"/>
      <c r="V1996" s="76"/>
      <c r="W1996" s="76"/>
      <c r="X1996" s="76"/>
      <c r="Y1996" s="76"/>
      <c r="Z1996" s="76"/>
      <c r="AA1996" s="85"/>
      <c r="AB1996" s="85"/>
      <c r="AC1996" s="85"/>
      <c r="AD1996" s="85"/>
      <c r="AE1996" s="85"/>
      <c r="AF1996" s="85"/>
      <c r="AG1996" s="86"/>
      <c r="AH1996" s="85"/>
      <c r="AI1996" s="85"/>
      <c r="AJ1996" s="85"/>
      <c r="AK1996" s="85"/>
      <c r="AL1996" s="85"/>
      <c r="AM1996" s="92"/>
      <c r="AN1996" s="92"/>
      <c r="AO1996" s="92"/>
      <c r="AP1996" s="92"/>
      <c r="AQ1996" s="92"/>
      <c r="AR1996" s="92"/>
      <c r="AS1996" s="92"/>
      <c r="AT1996" s="92"/>
      <c r="AU1996" s="92"/>
      <c r="AV1996" s="92"/>
      <c r="AW1996" s="92"/>
      <c r="AX1996" s="92"/>
      <c r="AY1996" s="92"/>
      <c r="AZ1996" s="93"/>
      <c r="BA1996" s="93"/>
      <c r="BB1996" s="93"/>
      <c r="BC1996" s="93"/>
      <c r="BD1996" s="93"/>
      <c r="BE1996" s="93"/>
      <c r="BF1996" s="93"/>
      <c r="BG1996" s="93"/>
      <c r="BH1996" s="93"/>
      <c r="BI1996" s="93"/>
      <c r="BJ1996" s="93"/>
      <c r="BK1996" s="93"/>
      <c r="BL1996" s="93"/>
    </row>
    <row r="1997" spans="2:64" x14ac:dyDescent="0.2">
      <c r="B1997" s="43"/>
      <c r="C1997" s="73"/>
      <c r="D1997" s="64"/>
      <c r="E1997" s="55"/>
      <c r="F1997" s="74"/>
      <c r="G1997" s="74"/>
      <c r="H1997" s="74"/>
      <c r="I1997" s="75"/>
      <c r="J1997" s="74"/>
      <c r="L1997" s="55"/>
      <c r="M1997" s="234"/>
      <c r="N1997" s="65"/>
      <c r="O1997" s="76"/>
      <c r="P1997" s="76"/>
      <c r="Q1997" s="65"/>
      <c r="R1997" s="76"/>
      <c r="S1997" s="76"/>
      <c r="T1997" s="76"/>
      <c r="U1997" s="76"/>
      <c r="V1997" s="76"/>
      <c r="W1997" s="76"/>
      <c r="X1997" s="76"/>
      <c r="Y1997" s="76"/>
      <c r="Z1997" s="76"/>
      <c r="AA1997" s="85"/>
      <c r="AB1997" s="85"/>
      <c r="AC1997" s="85"/>
      <c r="AD1997" s="85"/>
      <c r="AE1997" s="85"/>
      <c r="AF1997" s="85"/>
      <c r="AG1997" s="86"/>
      <c r="AH1997" s="85"/>
      <c r="AI1997" s="85"/>
      <c r="AJ1997" s="85"/>
      <c r="AK1997" s="85"/>
      <c r="AL1997" s="85"/>
      <c r="AM1997" s="92"/>
      <c r="AN1997" s="92"/>
      <c r="AO1997" s="92"/>
      <c r="AP1997" s="92"/>
      <c r="AQ1997" s="92"/>
      <c r="AR1997" s="92"/>
      <c r="AS1997" s="92"/>
      <c r="AT1997" s="92"/>
      <c r="AU1997" s="92"/>
      <c r="AV1997" s="92"/>
      <c r="AW1997" s="92"/>
      <c r="AX1997" s="92"/>
      <c r="AY1997" s="92"/>
      <c r="AZ1997" s="93"/>
      <c r="BA1997" s="93"/>
      <c r="BB1997" s="93"/>
      <c r="BC1997" s="93"/>
      <c r="BD1997" s="93"/>
      <c r="BE1997" s="93"/>
      <c r="BF1997" s="93"/>
      <c r="BG1997" s="93"/>
      <c r="BH1997" s="93"/>
      <c r="BI1997" s="93"/>
      <c r="BJ1997" s="93"/>
      <c r="BK1997" s="93"/>
      <c r="BL1997" s="93"/>
    </row>
    <row r="1998" spans="2:64" x14ac:dyDescent="0.2">
      <c r="B1998" s="43"/>
      <c r="C1998" s="73"/>
      <c r="D1998" s="64"/>
      <c r="E1998" s="55"/>
      <c r="F1998" s="74"/>
      <c r="G1998" s="74"/>
      <c r="H1998" s="74"/>
      <c r="I1998" s="75"/>
      <c r="J1998" s="74"/>
      <c r="L1998" s="55"/>
      <c r="M1998" s="234"/>
      <c r="N1998" s="65"/>
      <c r="O1998" s="76"/>
      <c r="P1998" s="76"/>
      <c r="Q1998" s="65"/>
      <c r="R1998" s="76"/>
      <c r="S1998" s="76"/>
      <c r="T1998" s="76"/>
      <c r="U1998" s="76"/>
      <c r="V1998" s="76"/>
      <c r="W1998" s="76"/>
      <c r="X1998" s="76"/>
      <c r="Y1998" s="76"/>
      <c r="Z1998" s="76"/>
      <c r="AA1998" s="85"/>
      <c r="AB1998" s="85"/>
      <c r="AC1998" s="85"/>
      <c r="AD1998" s="85"/>
      <c r="AE1998" s="85"/>
      <c r="AF1998" s="85"/>
      <c r="AG1998" s="86"/>
      <c r="AH1998" s="85"/>
      <c r="AI1998" s="85"/>
      <c r="AJ1998" s="85"/>
      <c r="AK1998" s="85"/>
      <c r="AL1998" s="85"/>
      <c r="AM1998" s="92"/>
      <c r="AN1998" s="92"/>
      <c r="AO1998" s="92"/>
      <c r="AP1998" s="92"/>
      <c r="AQ1998" s="92"/>
      <c r="AR1998" s="92"/>
      <c r="AS1998" s="92"/>
      <c r="AT1998" s="92"/>
      <c r="AU1998" s="92"/>
      <c r="AV1998" s="92"/>
      <c r="AW1998" s="92"/>
      <c r="AX1998" s="92"/>
      <c r="AY1998" s="92"/>
      <c r="AZ1998" s="93"/>
      <c r="BA1998" s="93"/>
      <c r="BB1998" s="93"/>
      <c r="BC1998" s="93"/>
      <c r="BD1998" s="93"/>
      <c r="BE1998" s="93"/>
      <c r="BF1998" s="93"/>
      <c r="BG1998" s="93"/>
      <c r="BH1998" s="93"/>
      <c r="BI1998" s="93"/>
      <c r="BJ1998" s="93"/>
      <c r="BK1998" s="93"/>
      <c r="BL1998" s="93"/>
    </row>
    <row r="1999" spans="2:64" x14ac:dyDescent="0.2">
      <c r="B1999" s="43"/>
      <c r="C1999" s="73"/>
      <c r="D1999" s="64"/>
      <c r="E1999" s="55"/>
      <c r="F1999" s="74"/>
      <c r="G1999" s="74"/>
      <c r="H1999" s="74"/>
      <c r="I1999" s="75"/>
      <c r="J1999" s="74"/>
      <c r="L1999" s="55"/>
      <c r="M1999" s="234"/>
      <c r="N1999" s="65"/>
      <c r="O1999" s="76"/>
      <c r="P1999" s="76"/>
      <c r="Q1999" s="65"/>
      <c r="R1999" s="76"/>
      <c r="S1999" s="76"/>
      <c r="T1999" s="76"/>
      <c r="U1999" s="76"/>
      <c r="V1999" s="76"/>
      <c r="W1999" s="76"/>
      <c r="X1999" s="76"/>
      <c r="Y1999" s="76"/>
      <c r="Z1999" s="76"/>
      <c r="AA1999" s="85"/>
      <c r="AB1999" s="85"/>
      <c r="AC1999" s="85"/>
      <c r="AD1999" s="85"/>
      <c r="AE1999" s="85"/>
      <c r="AF1999" s="85"/>
      <c r="AG1999" s="86"/>
      <c r="AH1999" s="85"/>
      <c r="AI1999" s="85"/>
      <c r="AJ1999" s="85"/>
      <c r="AK1999" s="85"/>
      <c r="AL1999" s="85"/>
      <c r="AM1999" s="92"/>
      <c r="AN1999" s="92"/>
      <c r="AO1999" s="92"/>
      <c r="AP1999" s="92"/>
      <c r="AQ1999" s="92"/>
      <c r="AR1999" s="92"/>
      <c r="AS1999" s="92"/>
      <c r="AT1999" s="92"/>
      <c r="AU1999" s="92"/>
      <c r="AV1999" s="92"/>
      <c r="AW1999" s="92"/>
      <c r="AX1999" s="92"/>
      <c r="AY1999" s="92"/>
      <c r="AZ1999" s="93"/>
      <c r="BA1999" s="93"/>
      <c r="BB1999" s="93"/>
      <c r="BC1999" s="93"/>
      <c r="BD1999" s="93"/>
      <c r="BE1999" s="93"/>
      <c r="BF1999" s="93"/>
      <c r="BG1999" s="93"/>
      <c r="BH1999" s="93"/>
      <c r="BI1999" s="93"/>
      <c r="BJ1999" s="93"/>
      <c r="BK1999" s="93"/>
      <c r="BL1999" s="93"/>
    </row>
    <row r="2000" spans="2:64" x14ac:dyDescent="0.2">
      <c r="B2000" s="43"/>
      <c r="C2000" s="73"/>
      <c r="D2000" s="64"/>
      <c r="E2000" s="55"/>
      <c r="F2000" s="74"/>
      <c r="G2000" s="74"/>
      <c r="H2000" s="74"/>
      <c r="I2000" s="75"/>
      <c r="J2000" s="74"/>
      <c r="L2000" s="55"/>
      <c r="M2000" s="234"/>
      <c r="N2000" s="65"/>
      <c r="O2000" s="76"/>
      <c r="P2000" s="76"/>
      <c r="Q2000" s="65"/>
      <c r="R2000" s="76"/>
      <c r="S2000" s="76"/>
      <c r="T2000" s="76"/>
      <c r="U2000" s="76"/>
      <c r="V2000" s="76"/>
      <c r="W2000" s="76"/>
      <c r="X2000" s="76"/>
      <c r="Y2000" s="76"/>
      <c r="Z2000" s="76"/>
      <c r="AA2000" s="85"/>
      <c r="AB2000" s="85"/>
      <c r="AC2000" s="85"/>
      <c r="AD2000" s="85"/>
      <c r="AE2000" s="85"/>
      <c r="AF2000" s="85"/>
      <c r="AG2000" s="86"/>
      <c r="AH2000" s="85"/>
      <c r="AI2000" s="85"/>
      <c r="AJ2000" s="85"/>
      <c r="AK2000" s="85"/>
      <c r="AL2000" s="85"/>
      <c r="AM2000" s="92"/>
      <c r="AN2000" s="92"/>
      <c r="AO2000" s="92"/>
      <c r="AP2000" s="92"/>
      <c r="AQ2000" s="92"/>
      <c r="AR2000" s="92"/>
      <c r="AS2000" s="92"/>
      <c r="AT2000" s="92"/>
      <c r="AU2000" s="92"/>
      <c r="AV2000" s="92"/>
      <c r="AW2000" s="92"/>
      <c r="AX2000" s="92"/>
      <c r="AY2000" s="92"/>
      <c r="AZ2000" s="93"/>
      <c r="BA2000" s="93"/>
      <c r="BB2000" s="93"/>
      <c r="BC2000" s="93"/>
      <c r="BD2000" s="93"/>
      <c r="BE2000" s="93"/>
      <c r="BF2000" s="93"/>
      <c r="BG2000" s="93"/>
      <c r="BH2000" s="93"/>
      <c r="BI2000" s="93"/>
      <c r="BJ2000" s="93"/>
      <c r="BK2000" s="93"/>
      <c r="BL2000" s="93"/>
    </row>
    <row r="2001" spans="2:64" x14ac:dyDescent="0.2">
      <c r="B2001" s="43"/>
      <c r="C2001" s="73"/>
      <c r="D2001" s="64"/>
      <c r="E2001" s="55"/>
      <c r="F2001" s="74"/>
      <c r="G2001" s="74"/>
      <c r="H2001" s="74"/>
      <c r="I2001" s="75"/>
      <c r="J2001" s="74"/>
      <c r="L2001" s="55"/>
      <c r="M2001" s="234"/>
      <c r="N2001" s="65"/>
      <c r="O2001" s="76"/>
      <c r="P2001" s="76"/>
      <c r="Q2001" s="65"/>
      <c r="R2001" s="76"/>
      <c r="S2001" s="76"/>
      <c r="T2001" s="76"/>
      <c r="U2001" s="76"/>
      <c r="V2001" s="76"/>
      <c r="W2001" s="76"/>
      <c r="X2001" s="76"/>
      <c r="Y2001" s="76"/>
      <c r="Z2001" s="76"/>
      <c r="AA2001" s="85"/>
      <c r="AB2001" s="85"/>
      <c r="AC2001" s="85"/>
      <c r="AD2001" s="85"/>
      <c r="AE2001" s="85"/>
      <c r="AF2001" s="85"/>
      <c r="AG2001" s="86"/>
      <c r="AH2001" s="85"/>
      <c r="AI2001" s="85"/>
      <c r="AJ2001" s="85"/>
      <c r="AK2001" s="85"/>
      <c r="AL2001" s="85"/>
      <c r="AM2001" s="92"/>
      <c r="AN2001" s="92"/>
      <c r="AO2001" s="92"/>
      <c r="AP2001" s="92"/>
      <c r="AQ2001" s="92"/>
      <c r="AR2001" s="92"/>
      <c r="AS2001" s="92"/>
      <c r="AT2001" s="92"/>
      <c r="AU2001" s="92"/>
      <c r="AV2001" s="92"/>
      <c r="AW2001" s="92"/>
      <c r="AX2001" s="92"/>
      <c r="AY2001" s="92"/>
      <c r="AZ2001" s="93"/>
      <c r="BA2001" s="93"/>
      <c r="BB2001" s="93"/>
      <c r="BC2001" s="93"/>
      <c r="BD2001" s="93"/>
      <c r="BE2001" s="93"/>
      <c r="BF2001" s="93"/>
      <c r="BG2001" s="93"/>
      <c r="BH2001" s="93"/>
      <c r="BI2001" s="93"/>
      <c r="BJ2001" s="93"/>
      <c r="BK2001" s="93"/>
      <c r="BL2001" s="93"/>
    </row>
    <row r="2002" spans="2:64" x14ac:dyDescent="0.2">
      <c r="B2002" s="43"/>
      <c r="C2002" s="73"/>
      <c r="D2002" s="64"/>
      <c r="E2002" s="55"/>
      <c r="F2002" s="74"/>
      <c r="G2002" s="74"/>
      <c r="H2002" s="74"/>
      <c r="I2002" s="75"/>
      <c r="J2002" s="74"/>
      <c r="L2002" s="55"/>
      <c r="M2002" s="234"/>
      <c r="N2002" s="65"/>
      <c r="O2002" s="76"/>
      <c r="P2002" s="76"/>
      <c r="Q2002" s="65"/>
      <c r="R2002" s="76"/>
      <c r="S2002" s="76"/>
      <c r="T2002" s="76"/>
      <c r="U2002" s="76"/>
      <c r="V2002" s="76"/>
      <c r="W2002" s="76"/>
      <c r="X2002" s="76"/>
      <c r="Y2002" s="76"/>
      <c r="Z2002" s="76"/>
      <c r="AA2002" s="85"/>
      <c r="AB2002" s="85"/>
      <c r="AC2002" s="85"/>
      <c r="AD2002" s="85"/>
      <c r="AE2002" s="85"/>
      <c r="AF2002" s="85"/>
      <c r="AG2002" s="86"/>
      <c r="AH2002" s="85"/>
      <c r="AI2002" s="85"/>
      <c r="AJ2002" s="85"/>
      <c r="AK2002" s="85"/>
      <c r="AL2002" s="85"/>
      <c r="AM2002" s="92"/>
      <c r="AN2002" s="92"/>
      <c r="AO2002" s="92"/>
      <c r="AP2002" s="92"/>
      <c r="AQ2002" s="92"/>
      <c r="AR2002" s="92"/>
      <c r="AS2002" s="92"/>
      <c r="AT2002" s="92"/>
      <c r="AU2002" s="92"/>
      <c r="AV2002" s="92"/>
      <c r="AW2002" s="92"/>
      <c r="AX2002" s="92"/>
      <c r="AY2002" s="92"/>
      <c r="AZ2002" s="93"/>
      <c r="BA2002" s="93"/>
      <c r="BB2002" s="93"/>
      <c r="BC2002" s="93"/>
      <c r="BD2002" s="93"/>
      <c r="BE2002" s="93"/>
      <c r="BF2002" s="93"/>
      <c r="BG2002" s="93"/>
      <c r="BH2002" s="93"/>
      <c r="BI2002" s="93"/>
      <c r="BJ2002" s="93"/>
      <c r="BK2002" s="93"/>
      <c r="BL2002" s="93"/>
    </row>
    <row r="2003" spans="2:64" x14ac:dyDescent="0.2">
      <c r="B2003" s="43"/>
      <c r="C2003" s="73"/>
      <c r="D2003" s="64"/>
      <c r="E2003" s="55"/>
      <c r="F2003" s="74"/>
      <c r="G2003" s="74"/>
      <c r="H2003" s="74"/>
      <c r="I2003" s="75"/>
      <c r="J2003" s="74"/>
      <c r="L2003" s="55"/>
      <c r="M2003" s="234"/>
      <c r="N2003" s="65"/>
      <c r="O2003" s="76"/>
      <c r="P2003" s="76"/>
      <c r="Q2003" s="65"/>
      <c r="R2003" s="76"/>
      <c r="S2003" s="76"/>
      <c r="T2003" s="76"/>
      <c r="U2003" s="76"/>
      <c r="V2003" s="76"/>
      <c r="W2003" s="76"/>
      <c r="X2003" s="76"/>
      <c r="Y2003" s="76"/>
      <c r="Z2003" s="76"/>
      <c r="AA2003" s="85"/>
      <c r="AB2003" s="85"/>
      <c r="AC2003" s="85"/>
      <c r="AD2003" s="85"/>
      <c r="AE2003" s="85"/>
      <c r="AF2003" s="85"/>
      <c r="AG2003" s="86"/>
      <c r="AH2003" s="85"/>
      <c r="AI2003" s="85"/>
      <c r="AJ2003" s="85"/>
      <c r="AK2003" s="85"/>
      <c r="AL2003" s="85"/>
      <c r="AM2003" s="92"/>
      <c r="AN2003" s="92"/>
      <c r="AO2003" s="92"/>
      <c r="AP2003" s="92"/>
      <c r="AQ2003" s="92"/>
      <c r="AR2003" s="92"/>
      <c r="AS2003" s="92"/>
      <c r="AT2003" s="92"/>
      <c r="AU2003" s="92"/>
      <c r="AV2003" s="92"/>
      <c r="AW2003" s="92"/>
      <c r="AX2003" s="92"/>
      <c r="AY2003" s="92"/>
      <c r="AZ2003" s="93"/>
      <c r="BA2003" s="93"/>
      <c r="BB2003" s="93"/>
      <c r="BC2003" s="93"/>
      <c r="BD2003" s="93"/>
      <c r="BE2003" s="93"/>
      <c r="BF2003" s="93"/>
      <c r="BG2003" s="93"/>
      <c r="BH2003" s="93"/>
      <c r="BI2003" s="93"/>
      <c r="BJ2003" s="93"/>
      <c r="BK2003" s="93"/>
      <c r="BL2003" s="93"/>
    </row>
    <row r="2004" spans="2:64" x14ac:dyDescent="0.2">
      <c r="B2004" s="43"/>
      <c r="C2004" s="73"/>
      <c r="D2004" s="64"/>
      <c r="E2004" s="55"/>
      <c r="F2004" s="74"/>
      <c r="G2004" s="74"/>
      <c r="H2004" s="74"/>
      <c r="I2004" s="75"/>
      <c r="J2004" s="74"/>
      <c r="L2004" s="55"/>
      <c r="M2004" s="234"/>
      <c r="N2004" s="65"/>
      <c r="O2004" s="76"/>
      <c r="P2004" s="76"/>
      <c r="Q2004" s="65"/>
      <c r="R2004" s="76"/>
      <c r="S2004" s="76"/>
      <c r="T2004" s="76"/>
      <c r="U2004" s="76"/>
      <c r="V2004" s="76"/>
      <c r="W2004" s="76"/>
      <c r="X2004" s="76"/>
      <c r="Y2004" s="76"/>
      <c r="Z2004" s="76"/>
      <c r="AA2004" s="85"/>
      <c r="AB2004" s="85"/>
      <c r="AC2004" s="85"/>
      <c r="AD2004" s="85"/>
      <c r="AE2004" s="85"/>
      <c r="AF2004" s="85"/>
      <c r="AG2004" s="86"/>
      <c r="AH2004" s="85"/>
      <c r="AI2004" s="85"/>
      <c r="AJ2004" s="85"/>
      <c r="AK2004" s="85"/>
      <c r="AL2004" s="85"/>
      <c r="AM2004" s="92"/>
      <c r="AN2004" s="92"/>
      <c r="AO2004" s="92"/>
      <c r="AP2004" s="92"/>
      <c r="AQ2004" s="92"/>
      <c r="AR2004" s="92"/>
      <c r="AS2004" s="92"/>
      <c r="AT2004" s="92"/>
      <c r="AU2004" s="92"/>
      <c r="AV2004" s="92"/>
      <c r="AW2004" s="92"/>
      <c r="AX2004" s="92"/>
      <c r="AY2004" s="92"/>
      <c r="AZ2004" s="93"/>
      <c r="BA2004" s="93"/>
      <c r="BB2004" s="93"/>
      <c r="BC2004" s="93"/>
      <c r="BD2004" s="93"/>
      <c r="BE2004" s="93"/>
      <c r="BF2004" s="93"/>
      <c r="BG2004" s="93"/>
      <c r="BH2004" s="93"/>
      <c r="BI2004" s="93"/>
      <c r="BJ2004" s="93"/>
      <c r="BK2004" s="93"/>
      <c r="BL2004" s="93"/>
    </row>
    <row r="2005" spans="2:64" x14ac:dyDescent="0.2">
      <c r="B2005" s="43"/>
      <c r="C2005" s="73"/>
      <c r="D2005" s="64"/>
      <c r="E2005" s="55"/>
      <c r="F2005" s="74"/>
      <c r="G2005" s="74"/>
      <c r="H2005" s="74"/>
      <c r="I2005" s="75"/>
      <c r="J2005" s="74"/>
      <c r="L2005" s="55"/>
      <c r="M2005" s="234"/>
      <c r="N2005" s="65"/>
      <c r="O2005" s="76"/>
      <c r="P2005" s="76"/>
      <c r="Q2005" s="65"/>
      <c r="R2005" s="76"/>
      <c r="S2005" s="76"/>
      <c r="T2005" s="76"/>
      <c r="U2005" s="76"/>
      <c r="V2005" s="76"/>
      <c r="W2005" s="76"/>
      <c r="X2005" s="76"/>
      <c r="Y2005" s="76"/>
      <c r="Z2005" s="76"/>
      <c r="AA2005" s="85"/>
      <c r="AB2005" s="85"/>
      <c r="AC2005" s="85"/>
      <c r="AD2005" s="85"/>
      <c r="AE2005" s="85"/>
      <c r="AF2005" s="85"/>
      <c r="AG2005" s="86"/>
      <c r="AH2005" s="85"/>
      <c r="AI2005" s="85"/>
      <c r="AJ2005" s="85"/>
      <c r="AK2005" s="85"/>
      <c r="AL2005" s="85"/>
      <c r="AM2005" s="92"/>
      <c r="AN2005" s="92"/>
      <c r="AO2005" s="92"/>
      <c r="AP2005" s="92"/>
      <c r="AQ2005" s="92"/>
      <c r="AR2005" s="92"/>
      <c r="AS2005" s="92"/>
      <c r="AT2005" s="92"/>
      <c r="AU2005" s="92"/>
      <c r="AV2005" s="92"/>
      <c r="AW2005" s="92"/>
      <c r="AX2005" s="92"/>
      <c r="AY2005" s="92"/>
      <c r="AZ2005" s="93"/>
      <c r="BA2005" s="93"/>
      <c r="BB2005" s="93"/>
      <c r="BC2005" s="93"/>
      <c r="BD2005" s="93"/>
      <c r="BE2005" s="93"/>
      <c r="BF2005" s="93"/>
      <c r="BG2005" s="93"/>
      <c r="BH2005" s="93"/>
      <c r="BI2005" s="93"/>
      <c r="BJ2005" s="93"/>
      <c r="BK2005" s="93"/>
      <c r="BL2005" s="93"/>
    </row>
    <row r="2006" spans="2:64" x14ac:dyDescent="0.2">
      <c r="B2006" s="43"/>
      <c r="C2006" s="73"/>
      <c r="D2006" s="64"/>
      <c r="E2006" s="55"/>
      <c r="F2006" s="74"/>
      <c r="G2006" s="74"/>
      <c r="H2006" s="74"/>
      <c r="I2006" s="75"/>
      <c r="J2006" s="74"/>
      <c r="L2006" s="55"/>
      <c r="M2006" s="234"/>
      <c r="N2006" s="65"/>
      <c r="O2006" s="76"/>
      <c r="P2006" s="76"/>
      <c r="Q2006" s="65"/>
      <c r="R2006" s="76"/>
      <c r="S2006" s="76"/>
      <c r="T2006" s="76"/>
      <c r="U2006" s="76"/>
      <c r="V2006" s="76"/>
      <c r="W2006" s="76"/>
      <c r="X2006" s="76"/>
      <c r="Y2006" s="76"/>
      <c r="Z2006" s="76"/>
      <c r="AA2006" s="85"/>
      <c r="AB2006" s="85"/>
      <c r="AC2006" s="85"/>
      <c r="AD2006" s="85"/>
      <c r="AE2006" s="85"/>
      <c r="AF2006" s="85"/>
      <c r="AG2006" s="86"/>
      <c r="AH2006" s="85"/>
      <c r="AI2006" s="85"/>
      <c r="AJ2006" s="85"/>
      <c r="AK2006" s="85"/>
      <c r="AL2006" s="85"/>
      <c r="AM2006" s="92"/>
      <c r="AN2006" s="92"/>
      <c r="AO2006" s="92"/>
      <c r="AP2006" s="92"/>
      <c r="AQ2006" s="92"/>
      <c r="AR2006" s="92"/>
      <c r="AS2006" s="92"/>
      <c r="AT2006" s="92"/>
      <c r="AU2006" s="92"/>
      <c r="AV2006" s="92"/>
      <c r="AW2006" s="92"/>
      <c r="AX2006" s="92"/>
      <c r="AY2006" s="92"/>
      <c r="AZ2006" s="93"/>
      <c r="BA2006" s="93"/>
      <c r="BB2006" s="93"/>
      <c r="BC2006" s="93"/>
      <c r="BD2006" s="93"/>
      <c r="BE2006" s="93"/>
      <c r="BF2006" s="93"/>
      <c r="BG2006" s="93"/>
      <c r="BH2006" s="93"/>
      <c r="BI2006" s="93"/>
      <c r="BJ2006" s="93"/>
      <c r="BK2006" s="93"/>
      <c r="BL2006" s="93"/>
    </row>
    <row r="2007" spans="2:64" x14ac:dyDescent="0.2">
      <c r="B2007" s="43"/>
      <c r="C2007" s="73"/>
      <c r="D2007" s="64"/>
      <c r="E2007" s="55"/>
      <c r="F2007" s="74"/>
      <c r="G2007" s="74"/>
      <c r="H2007" s="74"/>
      <c r="I2007" s="75"/>
      <c r="J2007" s="74"/>
      <c r="L2007" s="55"/>
      <c r="M2007" s="234"/>
      <c r="N2007" s="65"/>
      <c r="O2007" s="76"/>
      <c r="P2007" s="76"/>
      <c r="Q2007" s="65"/>
      <c r="R2007" s="76"/>
      <c r="S2007" s="76"/>
      <c r="T2007" s="76"/>
      <c r="U2007" s="76"/>
      <c r="V2007" s="76"/>
      <c r="W2007" s="76"/>
      <c r="X2007" s="76"/>
      <c r="Y2007" s="76"/>
      <c r="Z2007" s="76"/>
      <c r="AA2007" s="85"/>
      <c r="AB2007" s="85"/>
      <c r="AC2007" s="85"/>
      <c r="AD2007" s="85"/>
      <c r="AE2007" s="85"/>
      <c r="AF2007" s="85"/>
      <c r="AG2007" s="86"/>
      <c r="AH2007" s="85"/>
      <c r="AI2007" s="85"/>
      <c r="AJ2007" s="85"/>
      <c r="AK2007" s="85"/>
      <c r="AL2007" s="85"/>
      <c r="AM2007" s="92"/>
      <c r="AN2007" s="92"/>
      <c r="AO2007" s="92"/>
      <c r="AP2007" s="92"/>
      <c r="AQ2007" s="92"/>
      <c r="AR2007" s="92"/>
      <c r="AS2007" s="92"/>
      <c r="AT2007" s="92"/>
      <c r="AU2007" s="92"/>
      <c r="AV2007" s="92"/>
      <c r="AW2007" s="92"/>
      <c r="AX2007" s="92"/>
      <c r="AY2007" s="92"/>
      <c r="AZ2007" s="93"/>
      <c r="BA2007" s="93"/>
      <c r="BB2007" s="93"/>
      <c r="BC2007" s="93"/>
      <c r="BD2007" s="93"/>
      <c r="BE2007" s="93"/>
      <c r="BF2007" s="93"/>
      <c r="BG2007" s="93"/>
      <c r="BH2007" s="93"/>
      <c r="BI2007" s="93"/>
      <c r="BJ2007" s="93"/>
      <c r="BK2007" s="93"/>
      <c r="BL2007" s="93"/>
    </row>
    <row r="2008" spans="2:64" x14ac:dyDescent="0.2">
      <c r="B2008" s="43"/>
      <c r="C2008" s="73"/>
      <c r="D2008" s="64"/>
      <c r="E2008" s="55"/>
      <c r="F2008" s="74"/>
      <c r="G2008" s="74"/>
      <c r="H2008" s="74"/>
      <c r="I2008" s="75"/>
      <c r="J2008" s="74"/>
      <c r="L2008" s="55"/>
      <c r="M2008" s="234"/>
      <c r="N2008" s="65"/>
      <c r="O2008" s="76"/>
      <c r="P2008" s="76"/>
      <c r="Q2008" s="65"/>
      <c r="R2008" s="76"/>
      <c r="S2008" s="76"/>
      <c r="T2008" s="76"/>
      <c r="U2008" s="76"/>
      <c r="V2008" s="76"/>
      <c r="W2008" s="76"/>
      <c r="X2008" s="76"/>
      <c r="Y2008" s="76"/>
      <c r="Z2008" s="76"/>
      <c r="AA2008" s="85"/>
      <c r="AB2008" s="85"/>
      <c r="AC2008" s="85"/>
      <c r="AD2008" s="85"/>
      <c r="AE2008" s="85"/>
      <c r="AF2008" s="85"/>
      <c r="AG2008" s="86"/>
      <c r="AH2008" s="85"/>
      <c r="AI2008" s="85"/>
      <c r="AJ2008" s="85"/>
      <c r="AK2008" s="85"/>
      <c r="AL2008" s="85"/>
      <c r="AM2008" s="92"/>
      <c r="AN2008" s="92"/>
      <c r="AO2008" s="92"/>
      <c r="AP2008" s="92"/>
      <c r="AQ2008" s="92"/>
      <c r="AR2008" s="92"/>
      <c r="AS2008" s="92"/>
      <c r="AT2008" s="92"/>
      <c r="AU2008" s="92"/>
      <c r="AV2008" s="92"/>
      <c r="AW2008" s="92"/>
      <c r="AX2008" s="92"/>
      <c r="AY2008" s="92"/>
      <c r="AZ2008" s="93"/>
      <c r="BA2008" s="93"/>
      <c r="BB2008" s="93"/>
      <c r="BC2008" s="93"/>
      <c r="BD2008" s="93"/>
      <c r="BE2008" s="93"/>
      <c r="BF2008" s="93"/>
      <c r="BG2008" s="93"/>
      <c r="BH2008" s="93"/>
      <c r="BI2008" s="93"/>
      <c r="BJ2008" s="93"/>
      <c r="BK2008" s="93"/>
      <c r="BL2008" s="93"/>
    </row>
    <row r="2009" spans="2:64" x14ac:dyDescent="0.2">
      <c r="B2009" s="43"/>
      <c r="C2009" s="73"/>
      <c r="D2009" s="64"/>
      <c r="E2009" s="55"/>
      <c r="F2009" s="74"/>
      <c r="G2009" s="74"/>
      <c r="H2009" s="74"/>
      <c r="I2009" s="75"/>
      <c r="J2009" s="74"/>
      <c r="L2009" s="55"/>
      <c r="M2009" s="234"/>
      <c r="N2009" s="65"/>
      <c r="O2009" s="76"/>
      <c r="P2009" s="76"/>
      <c r="Q2009" s="65"/>
      <c r="R2009" s="76"/>
      <c r="S2009" s="76"/>
      <c r="T2009" s="76"/>
      <c r="U2009" s="76"/>
      <c r="V2009" s="76"/>
      <c r="W2009" s="76"/>
      <c r="X2009" s="76"/>
      <c r="Y2009" s="76"/>
      <c r="Z2009" s="76"/>
      <c r="AA2009" s="85"/>
      <c r="AB2009" s="85"/>
      <c r="AC2009" s="85"/>
      <c r="AD2009" s="85"/>
      <c r="AE2009" s="85"/>
      <c r="AF2009" s="85"/>
      <c r="AG2009" s="86"/>
      <c r="AH2009" s="85"/>
      <c r="AI2009" s="85"/>
      <c r="AJ2009" s="85"/>
      <c r="AK2009" s="85"/>
      <c r="AL2009" s="85"/>
      <c r="AM2009" s="92"/>
      <c r="AN2009" s="92"/>
      <c r="AO2009" s="92"/>
      <c r="AP2009" s="92"/>
      <c r="AQ2009" s="92"/>
      <c r="AR2009" s="92"/>
      <c r="AS2009" s="92"/>
      <c r="AT2009" s="92"/>
      <c r="AU2009" s="92"/>
      <c r="AV2009" s="92"/>
      <c r="AW2009" s="92"/>
      <c r="AX2009" s="92"/>
      <c r="AY2009" s="92"/>
      <c r="AZ2009" s="93"/>
      <c r="BA2009" s="93"/>
      <c r="BB2009" s="93"/>
      <c r="BC2009" s="93"/>
      <c r="BD2009" s="93"/>
      <c r="BE2009" s="93"/>
      <c r="BF2009" s="93"/>
      <c r="BG2009" s="93"/>
      <c r="BH2009" s="93"/>
      <c r="BI2009" s="93"/>
      <c r="BJ2009" s="93"/>
      <c r="BK2009" s="93"/>
      <c r="BL2009" s="93"/>
    </row>
    <row r="2010" spans="2:64" x14ac:dyDescent="0.2">
      <c r="B2010" s="43"/>
      <c r="C2010" s="73"/>
      <c r="D2010" s="64"/>
      <c r="E2010" s="55"/>
      <c r="F2010" s="74"/>
      <c r="G2010" s="74"/>
      <c r="H2010" s="74"/>
      <c r="I2010" s="75"/>
      <c r="J2010" s="74"/>
      <c r="L2010" s="55"/>
      <c r="M2010" s="234"/>
      <c r="N2010" s="65"/>
      <c r="O2010" s="76"/>
      <c r="P2010" s="76"/>
      <c r="Q2010" s="65"/>
      <c r="R2010" s="76"/>
      <c r="S2010" s="76"/>
      <c r="T2010" s="76"/>
      <c r="U2010" s="76"/>
      <c r="V2010" s="76"/>
      <c r="W2010" s="76"/>
      <c r="X2010" s="76"/>
      <c r="Y2010" s="76"/>
      <c r="Z2010" s="76"/>
      <c r="AA2010" s="85"/>
      <c r="AB2010" s="85"/>
      <c r="AC2010" s="85"/>
      <c r="AD2010" s="85"/>
      <c r="AE2010" s="85"/>
      <c r="AF2010" s="85"/>
      <c r="AG2010" s="86"/>
      <c r="AH2010" s="85"/>
      <c r="AI2010" s="85"/>
      <c r="AJ2010" s="85"/>
      <c r="AK2010" s="85"/>
      <c r="AL2010" s="85"/>
      <c r="AM2010" s="92"/>
      <c r="AN2010" s="92"/>
      <c r="AO2010" s="92"/>
      <c r="AP2010" s="92"/>
      <c r="AQ2010" s="92"/>
      <c r="AR2010" s="92"/>
      <c r="AS2010" s="92"/>
      <c r="AT2010" s="92"/>
      <c r="AU2010" s="92"/>
      <c r="AV2010" s="92"/>
      <c r="AW2010" s="92"/>
      <c r="AX2010" s="92"/>
      <c r="AY2010" s="92"/>
      <c r="AZ2010" s="93"/>
      <c r="BA2010" s="93"/>
      <c r="BB2010" s="93"/>
      <c r="BC2010" s="93"/>
      <c r="BD2010" s="93"/>
      <c r="BE2010" s="93"/>
      <c r="BF2010" s="93"/>
      <c r="BG2010" s="93"/>
      <c r="BH2010" s="93"/>
      <c r="BI2010" s="93"/>
      <c r="BJ2010" s="93"/>
      <c r="BK2010" s="93"/>
      <c r="BL2010" s="93"/>
    </row>
    <row r="2011" spans="2:64" x14ac:dyDescent="0.2">
      <c r="B2011" s="43"/>
      <c r="C2011" s="73"/>
      <c r="D2011" s="64"/>
      <c r="E2011" s="55"/>
      <c r="F2011" s="74"/>
      <c r="G2011" s="74"/>
      <c r="H2011" s="74"/>
      <c r="I2011" s="75"/>
      <c r="J2011" s="74"/>
      <c r="L2011" s="55"/>
      <c r="M2011" s="234"/>
      <c r="N2011" s="65"/>
      <c r="O2011" s="76"/>
      <c r="P2011" s="76"/>
      <c r="Q2011" s="65"/>
      <c r="R2011" s="76"/>
      <c r="S2011" s="76"/>
      <c r="T2011" s="76"/>
      <c r="U2011" s="76"/>
      <c r="V2011" s="76"/>
      <c r="W2011" s="76"/>
      <c r="X2011" s="76"/>
      <c r="Y2011" s="76"/>
      <c r="Z2011" s="76"/>
      <c r="AA2011" s="85"/>
      <c r="AB2011" s="85"/>
      <c r="AC2011" s="85"/>
      <c r="AD2011" s="85"/>
      <c r="AE2011" s="85"/>
      <c r="AF2011" s="85"/>
      <c r="AG2011" s="86"/>
      <c r="AH2011" s="85"/>
      <c r="AI2011" s="85"/>
      <c r="AJ2011" s="85"/>
      <c r="AK2011" s="85"/>
      <c r="AL2011" s="85"/>
      <c r="AM2011" s="92"/>
      <c r="AN2011" s="92"/>
      <c r="AO2011" s="92"/>
      <c r="AP2011" s="92"/>
      <c r="AQ2011" s="92"/>
      <c r="AR2011" s="92"/>
      <c r="AS2011" s="92"/>
      <c r="AT2011" s="92"/>
      <c r="AU2011" s="92"/>
      <c r="AV2011" s="92"/>
      <c r="AW2011" s="92"/>
      <c r="AX2011" s="92"/>
      <c r="AY2011" s="92"/>
      <c r="AZ2011" s="93"/>
      <c r="BA2011" s="93"/>
      <c r="BB2011" s="93"/>
      <c r="BC2011" s="93"/>
      <c r="BD2011" s="93"/>
      <c r="BE2011" s="93"/>
      <c r="BF2011" s="93"/>
      <c r="BG2011" s="93"/>
      <c r="BH2011" s="93"/>
      <c r="BI2011" s="93"/>
      <c r="BJ2011" s="93"/>
      <c r="BK2011" s="93"/>
      <c r="BL2011" s="93"/>
    </row>
    <row r="2012" spans="2:64" x14ac:dyDescent="0.2">
      <c r="B2012" s="43"/>
      <c r="C2012" s="73"/>
      <c r="D2012" s="64"/>
      <c r="E2012" s="55"/>
      <c r="F2012" s="74"/>
      <c r="G2012" s="74"/>
      <c r="H2012" s="74"/>
      <c r="I2012" s="75"/>
      <c r="J2012" s="74"/>
      <c r="L2012" s="55"/>
      <c r="M2012" s="234"/>
      <c r="N2012" s="65"/>
      <c r="O2012" s="76"/>
      <c r="P2012" s="76"/>
      <c r="Q2012" s="65"/>
      <c r="R2012" s="76"/>
      <c r="S2012" s="76"/>
      <c r="T2012" s="76"/>
      <c r="U2012" s="76"/>
      <c r="V2012" s="76"/>
      <c r="W2012" s="76"/>
      <c r="X2012" s="76"/>
      <c r="Y2012" s="76"/>
      <c r="Z2012" s="76"/>
      <c r="AA2012" s="85"/>
      <c r="AB2012" s="85"/>
      <c r="AC2012" s="85"/>
      <c r="AD2012" s="85"/>
      <c r="AE2012" s="85"/>
      <c r="AF2012" s="85"/>
      <c r="AG2012" s="86"/>
      <c r="AH2012" s="85"/>
      <c r="AI2012" s="85"/>
      <c r="AJ2012" s="85"/>
      <c r="AK2012" s="85"/>
      <c r="AL2012" s="85"/>
      <c r="AM2012" s="92"/>
      <c r="AN2012" s="92"/>
      <c r="AO2012" s="92"/>
      <c r="AP2012" s="92"/>
      <c r="AQ2012" s="92"/>
      <c r="AR2012" s="92"/>
      <c r="AS2012" s="92"/>
      <c r="AT2012" s="92"/>
      <c r="AU2012" s="92"/>
      <c r="AV2012" s="92"/>
      <c r="AW2012" s="92"/>
      <c r="AX2012" s="92"/>
      <c r="AY2012" s="92"/>
      <c r="AZ2012" s="93"/>
      <c r="BA2012" s="93"/>
      <c r="BB2012" s="93"/>
      <c r="BC2012" s="93"/>
      <c r="BD2012" s="93"/>
      <c r="BE2012" s="93"/>
      <c r="BF2012" s="93"/>
      <c r="BG2012" s="93"/>
      <c r="BH2012" s="93"/>
      <c r="BI2012" s="93"/>
      <c r="BJ2012" s="93"/>
      <c r="BK2012" s="93"/>
      <c r="BL2012" s="93"/>
    </row>
    <row r="2013" spans="2:64" x14ac:dyDescent="0.2">
      <c r="B2013" s="43"/>
      <c r="C2013" s="73"/>
      <c r="D2013" s="64"/>
      <c r="E2013" s="55"/>
      <c r="F2013" s="74"/>
      <c r="G2013" s="74"/>
      <c r="H2013" s="74"/>
      <c r="I2013" s="75"/>
      <c r="J2013" s="74"/>
      <c r="L2013" s="55"/>
      <c r="M2013" s="234"/>
      <c r="N2013" s="65"/>
      <c r="O2013" s="76"/>
      <c r="P2013" s="76"/>
      <c r="Q2013" s="65"/>
      <c r="R2013" s="76"/>
      <c r="S2013" s="76"/>
      <c r="T2013" s="76"/>
      <c r="U2013" s="76"/>
      <c r="V2013" s="76"/>
      <c r="W2013" s="76"/>
      <c r="X2013" s="76"/>
      <c r="Y2013" s="76"/>
      <c r="Z2013" s="76"/>
      <c r="AA2013" s="85"/>
      <c r="AB2013" s="85"/>
      <c r="AC2013" s="85"/>
      <c r="AD2013" s="85"/>
      <c r="AE2013" s="85"/>
      <c r="AF2013" s="85"/>
      <c r="AG2013" s="86"/>
      <c r="AH2013" s="85"/>
      <c r="AI2013" s="85"/>
      <c r="AJ2013" s="85"/>
      <c r="AK2013" s="85"/>
      <c r="AL2013" s="85"/>
      <c r="AM2013" s="92"/>
      <c r="AN2013" s="92"/>
      <c r="AO2013" s="92"/>
      <c r="AP2013" s="92"/>
      <c r="AQ2013" s="92"/>
      <c r="AR2013" s="92"/>
      <c r="AS2013" s="92"/>
      <c r="AT2013" s="92"/>
      <c r="AU2013" s="92"/>
      <c r="AV2013" s="92"/>
      <c r="AW2013" s="92"/>
      <c r="AX2013" s="92"/>
      <c r="AY2013" s="92"/>
      <c r="AZ2013" s="93"/>
      <c r="BA2013" s="93"/>
      <c r="BB2013" s="93"/>
      <c r="BC2013" s="93"/>
      <c r="BD2013" s="93"/>
      <c r="BE2013" s="93"/>
      <c r="BF2013" s="93"/>
      <c r="BG2013" s="93"/>
      <c r="BH2013" s="93"/>
      <c r="BI2013" s="93"/>
      <c r="BJ2013" s="93"/>
      <c r="BK2013" s="93"/>
      <c r="BL2013" s="93"/>
    </row>
    <row r="2014" spans="2:64" x14ac:dyDescent="0.2">
      <c r="B2014" s="43"/>
      <c r="C2014" s="73"/>
      <c r="D2014" s="64"/>
      <c r="E2014" s="55"/>
      <c r="F2014" s="74"/>
      <c r="G2014" s="74"/>
      <c r="H2014" s="74"/>
      <c r="I2014" s="75"/>
      <c r="J2014" s="74"/>
      <c r="L2014" s="55"/>
      <c r="M2014" s="234"/>
      <c r="N2014" s="65"/>
      <c r="O2014" s="76"/>
      <c r="P2014" s="76"/>
      <c r="Q2014" s="65"/>
      <c r="R2014" s="76"/>
      <c r="S2014" s="76"/>
      <c r="T2014" s="76"/>
      <c r="U2014" s="76"/>
      <c r="V2014" s="76"/>
      <c r="W2014" s="76"/>
      <c r="X2014" s="76"/>
      <c r="Y2014" s="76"/>
      <c r="Z2014" s="76"/>
      <c r="AA2014" s="85"/>
      <c r="AB2014" s="85"/>
      <c r="AC2014" s="85"/>
      <c r="AD2014" s="85"/>
      <c r="AE2014" s="85"/>
      <c r="AF2014" s="85"/>
      <c r="AG2014" s="86"/>
      <c r="AH2014" s="85"/>
      <c r="AI2014" s="85"/>
      <c r="AJ2014" s="85"/>
      <c r="AK2014" s="85"/>
      <c r="AL2014" s="85"/>
      <c r="AM2014" s="92"/>
      <c r="AN2014" s="92"/>
      <c r="AO2014" s="92"/>
      <c r="AP2014" s="92"/>
      <c r="AQ2014" s="92"/>
      <c r="AR2014" s="92"/>
      <c r="AS2014" s="92"/>
      <c r="AT2014" s="92"/>
      <c r="AU2014" s="92"/>
      <c r="AV2014" s="92"/>
      <c r="AW2014" s="92"/>
      <c r="AX2014" s="92"/>
      <c r="AY2014" s="92"/>
      <c r="AZ2014" s="93"/>
      <c r="BA2014" s="93"/>
      <c r="BB2014" s="93"/>
      <c r="BC2014" s="93"/>
      <c r="BD2014" s="93"/>
      <c r="BE2014" s="93"/>
      <c r="BF2014" s="93"/>
      <c r="BG2014" s="93"/>
      <c r="BH2014" s="93"/>
      <c r="BI2014" s="93"/>
      <c r="BJ2014" s="93"/>
      <c r="BK2014" s="93"/>
      <c r="BL2014" s="93"/>
    </row>
    <row r="2015" spans="2:64" x14ac:dyDescent="0.2">
      <c r="B2015" s="43"/>
      <c r="C2015" s="73"/>
      <c r="D2015" s="64"/>
      <c r="E2015" s="55"/>
      <c r="F2015" s="74"/>
      <c r="G2015" s="74"/>
      <c r="H2015" s="74"/>
      <c r="I2015" s="75"/>
      <c r="J2015" s="74"/>
      <c r="L2015" s="55"/>
      <c r="M2015" s="234"/>
      <c r="N2015" s="65"/>
      <c r="O2015" s="76"/>
      <c r="P2015" s="76"/>
      <c r="Q2015" s="65"/>
      <c r="R2015" s="76"/>
      <c r="S2015" s="76"/>
      <c r="T2015" s="76"/>
      <c r="U2015" s="76"/>
      <c r="V2015" s="76"/>
      <c r="W2015" s="76"/>
      <c r="X2015" s="76"/>
      <c r="Y2015" s="76"/>
      <c r="Z2015" s="76"/>
      <c r="AA2015" s="85"/>
      <c r="AB2015" s="85"/>
      <c r="AC2015" s="85"/>
      <c r="AD2015" s="85"/>
      <c r="AE2015" s="85"/>
      <c r="AF2015" s="85"/>
      <c r="AG2015" s="86"/>
      <c r="AH2015" s="85"/>
      <c r="AI2015" s="85"/>
      <c r="AJ2015" s="85"/>
      <c r="AK2015" s="85"/>
      <c r="AL2015" s="85"/>
      <c r="AM2015" s="92"/>
      <c r="AN2015" s="92"/>
      <c r="AO2015" s="92"/>
      <c r="AP2015" s="92"/>
      <c r="AQ2015" s="92"/>
      <c r="AR2015" s="92"/>
      <c r="AS2015" s="92"/>
      <c r="AT2015" s="92"/>
      <c r="AU2015" s="92"/>
      <c r="AV2015" s="92"/>
      <c r="AW2015" s="92"/>
      <c r="AX2015" s="92"/>
      <c r="AY2015" s="92"/>
      <c r="AZ2015" s="93"/>
      <c r="BA2015" s="93"/>
      <c r="BB2015" s="93"/>
      <c r="BC2015" s="93"/>
      <c r="BD2015" s="93"/>
      <c r="BE2015" s="93"/>
      <c r="BF2015" s="93"/>
      <c r="BG2015" s="93"/>
      <c r="BH2015" s="93"/>
      <c r="BI2015" s="93"/>
      <c r="BJ2015" s="93"/>
      <c r="BK2015" s="93"/>
      <c r="BL2015" s="93"/>
    </row>
    <row r="2016" spans="2:64" x14ac:dyDescent="0.2">
      <c r="B2016" s="43"/>
      <c r="C2016" s="73"/>
      <c r="D2016" s="64"/>
      <c r="E2016" s="55"/>
      <c r="F2016" s="74"/>
      <c r="G2016" s="74"/>
      <c r="H2016" s="74"/>
      <c r="I2016" s="75"/>
      <c r="J2016" s="74"/>
      <c r="L2016" s="55"/>
      <c r="M2016" s="234"/>
      <c r="N2016" s="65"/>
      <c r="O2016" s="76"/>
      <c r="P2016" s="76"/>
      <c r="Q2016" s="65"/>
      <c r="R2016" s="76"/>
      <c r="S2016" s="76"/>
      <c r="T2016" s="76"/>
      <c r="U2016" s="76"/>
      <c r="V2016" s="76"/>
      <c r="W2016" s="76"/>
      <c r="X2016" s="76"/>
      <c r="Y2016" s="76"/>
      <c r="Z2016" s="76"/>
      <c r="AA2016" s="85"/>
      <c r="AB2016" s="85"/>
      <c r="AC2016" s="85"/>
      <c r="AD2016" s="85"/>
      <c r="AE2016" s="85"/>
      <c r="AF2016" s="85"/>
      <c r="AG2016" s="86"/>
      <c r="AH2016" s="85"/>
      <c r="AI2016" s="85"/>
      <c r="AJ2016" s="85"/>
      <c r="AK2016" s="85"/>
      <c r="AL2016" s="85"/>
      <c r="AM2016" s="92"/>
      <c r="AN2016" s="92"/>
      <c r="AO2016" s="92"/>
      <c r="AP2016" s="92"/>
      <c r="AQ2016" s="92"/>
      <c r="AR2016" s="92"/>
      <c r="AS2016" s="92"/>
      <c r="AT2016" s="92"/>
      <c r="AU2016" s="92"/>
      <c r="AV2016" s="92"/>
      <c r="AW2016" s="92"/>
      <c r="AX2016" s="92"/>
      <c r="AY2016" s="92"/>
      <c r="AZ2016" s="93"/>
      <c r="BA2016" s="93"/>
      <c r="BB2016" s="93"/>
      <c r="BC2016" s="93"/>
      <c r="BD2016" s="93"/>
      <c r="BE2016" s="93"/>
      <c r="BF2016" s="93"/>
      <c r="BG2016" s="93"/>
      <c r="BH2016" s="93"/>
      <c r="BI2016" s="93"/>
      <c r="BJ2016" s="93"/>
      <c r="BK2016" s="93"/>
      <c r="BL2016" s="93"/>
    </row>
    <row r="2017" spans="2:64" x14ac:dyDescent="0.2">
      <c r="B2017" s="43"/>
      <c r="C2017" s="73"/>
      <c r="D2017" s="64"/>
      <c r="E2017" s="55"/>
      <c r="F2017" s="74"/>
      <c r="G2017" s="74"/>
      <c r="H2017" s="74"/>
      <c r="I2017" s="75"/>
      <c r="J2017" s="74"/>
      <c r="L2017" s="55"/>
      <c r="M2017" s="234"/>
      <c r="N2017" s="65"/>
      <c r="O2017" s="76"/>
      <c r="P2017" s="76"/>
      <c r="Q2017" s="65"/>
      <c r="R2017" s="76"/>
      <c r="S2017" s="76"/>
      <c r="T2017" s="76"/>
      <c r="U2017" s="76"/>
      <c r="V2017" s="76"/>
      <c r="W2017" s="76"/>
      <c r="X2017" s="76"/>
      <c r="Y2017" s="76"/>
      <c r="Z2017" s="76"/>
      <c r="AA2017" s="85"/>
      <c r="AB2017" s="85"/>
      <c r="AC2017" s="85"/>
      <c r="AD2017" s="85"/>
      <c r="AE2017" s="85"/>
      <c r="AF2017" s="85"/>
      <c r="AG2017" s="86"/>
      <c r="AH2017" s="85"/>
      <c r="AI2017" s="85"/>
      <c r="AJ2017" s="85"/>
      <c r="AK2017" s="85"/>
      <c r="AL2017" s="85"/>
      <c r="AM2017" s="92"/>
      <c r="AN2017" s="92"/>
      <c r="AO2017" s="92"/>
      <c r="AP2017" s="92"/>
      <c r="AQ2017" s="92"/>
      <c r="AR2017" s="92"/>
      <c r="AS2017" s="92"/>
      <c r="AT2017" s="92"/>
      <c r="AU2017" s="92"/>
      <c r="AV2017" s="92"/>
      <c r="AW2017" s="92"/>
      <c r="AX2017" s="92"/>
      <c r="AY2017" s="92"/>
      <c r="AZ2017" s="93"/>
      <c r="BA2017" s="93"/>
      <c r="BB2017" s="93"/>
      <c r="BC2017" s="93"/>
      <c r="BD2017" s="93"/>
      <c r="BE2017" s="93"/>
      <c r="BF2017" s="93"/>
      <c r="BG2017" s="93"/>
      <c r="BH2017" s="93"/>
      <c r="BI2017" s="93"/>
      <c r="BJ2017" s="93"/>
      <c r="BK2017" s="93"/>
      <c r="BL2017" s="93"/>
    </row>
    <row r="2018" spans="2:64" x14ac:dyDescent="0.2">
      <c r="B2018" s="43"/>
      <c r="C2018" s="73"/>
      <c r="D2018" s="64"/>
      <c r="E2018" s="55"/>
      <c r="F2018" s="74"/>
      <c r="G2018" s="74"/>
      <c r="H2018" s="74"/>
      <c r="I2018" s="75"/>
      <c r="J2018" s="74"/>
      <c r="L2018" s="55"/>
      <c r="M2018" s="234"/>
      <c r="N2018" s="65"/>
      <c r="O2018" s="76"/>
      <c r="P2018" s="76"/>
      <c r="Q2018" s="65"/>
      <c r="R2018" s="76"/>
      <c r="S2018" s="76"/>
      <c r="T2018" s="76"/>
      <c r="U2018" s="76"/>
      <c r="V2018" s="76"/>
      <c r="W2018" s="76"/>
      <c r="X2018" s="76"/>
      <c r="Y2018" s="76"/>
      <c r="Z2018" s="76"/>
      <c r="AA2018" s="85"/>
      <c r="AB2018" s="85"/>
      <c r="AC2018" s="85"/>
      <c r="AD2018" s="85"/>
      <c r="AE2018" s="85"/>
      <c r="AF2018" s="85"/>
      <c r="AG2018" s="86"/>
      <c r="AH2018" s="85"/>
      <c r="AI2018" s="85"/>
      <c r="AJ2018" s="85"/>
      <c r="AK2018" s="85"/>
      <c r="AL2018" s="85"/>
      <c r="AM2018" s="92"/>
      <c r="AN2018" s="92"/>
      <c r="AO2018" s="92"/>
      <c r="AP2018" s="92"/>
      <c r="AQ2018" s="92"/>
      <c r="AR2018" s="92"/>
      <c r="AS2018" s="92"/>
      <c r="AT2018" s="92"/>
      <c r="AU2018" s="92"/>
      <c r="AV2018" s="92"/>
      <c r="AW2018" s="92"/>
      <c r="AX2018" s="92"/>
      <c r="AY2018" s="92"/>
      <c r="AZ2018" s="93"/>
      <c r="BA2018" s="93"/>
      <c r="BB2018" s="93"/>
      <c r="BC2018" s="93"/>
      <c r="BD2018" s="93"/>
      <c r="BE2018" s="93"/>
      <c r="BF2018" s="93"/>
      <c r="BG2018" s="93"/>
      <c r="BH2018" s="93"/>
      <c r="BI2018" s="93"/>
      <c r="BJ2018" s="93"/>
      <c r="BK2018" s="93"/>
      <c r="BL2018" s="93"/>
    </row>
    <row r="2019" spans="2:64" x14ac:dyDescent="0.2">
      <c r="B2019" s="43"/>
      <c r="C2019" s="73"/>
      <c r="D2019" s="64"/>
      <c r="E2019" s="55"/>
      <c r="F2019" s="74"/>
      <c r="G2019" s="74"/>
      <c r="H2019" s="74"/>
      <c r="I2019" s="75"/>
      <c r="J2019" s="74"/>
      <c r="L2019" s="55"/>
      <c r="M2019" s="234"/>
      <c r="N2019" s="65"/>
      <c r="O2019" s="76"/>
      <c r="P2019" s="76"/>
      <c r="Q2019" s="65"/>
      <c r="R2019" s="76"/>
      <c r="S2019" s="76"/>
      <c r="T2019" s="76"/>
      <c r="U2019" s="76"/>
      <c r="V2019" s="76"/>
      <c r="W2019" s="76"/>
      <c r="X2019" s="76"/>
      <c r="Y2019" s="76"/>
      <c r="Z2019" s="76"/>
      <c r="AA2019" s="85"/>
      <c r="AB2019" s="85"/>
      <c r="AC2019" s="85"/>
      <c r="AD2019" s="85"/>
      <c r="AE2019" s="85"/>
      <c r="AF2019" s="85"/>
      <c r="AG2019" s="86"/>
      <c r="AH2019" s="85"/>
      <c r="AI2019" s="85"/>
      <c r="AJ2019" s="85"/>
      <c r="AK2019" s="85"/>
      <c r="AL2019" s="85"/>
      <c r="AM2019" s="92"/>
      <c r="AN2019" s="92"/>
      <c r="AO2019" s="92"/>
      <c r="AP2019" s="92"/>
      <c r="AQ2019" s="92"/>
      <c r="AR2019" s="92"/>
      <c r="AS2019" s="92"/>
      <c r="AT2019" s="92"/>
      <c r="AU2019" s="92"/>
      <c r="AV2019" s="92"/>
      <c r="AW2019" s="92"/>
      <c r="AX2019" s="92"/>
      <c r="AY2019" s="92"/>
      <c r="AZ2019" s="93"/>
      <c r="BA2019" s="93"/>
      <c r="BB2019" s="93"/>
      <c r="BC2019" s="93"/>
      <c r="BD2019" s="93"/>
      <c r="BE2019" s="93"/>
      <c r="BF2019" s="93"/>
      <c r="BG2019" s="93"/>
      <c r="BH2019" s="93"/>
      <c r="BI2019" s="93"/>
      <c r="BJ2019" s="93"/>
      <c r="BK2019" s="93"/>
      <c r="BL2019" s="93"/>
    </row>
    <row r="2020" spans="2:64" x14ac:dyDescent="0.2">
      <c r="B2020" s="43"/>
      <c r="C2020" s="73"/>
      <c r="D2020" s="64"/>
      <c r="E2020" s="55"/>
      <c r="F2020" s="74"/>
      <c r="G2020" s="74"/>
      <c r="H2020" s="74"/>
      <c r="I2020" s="75"/>
      <c r="J2020" s="74"/>
      <c r="L2020" s="55"/>
      <c r="M2020" s="234"/>
      <c r="N2020" s="65"/>
      <c r="O2020" s="76"/>
      <c r="P2020" s="76"/>
      <c r="Q2020" s="65"/>
      <c r="R2020" s="76"/>
      <c r="S2020" s="76"/>
      <c r="T2020" s="76"/>
      <c r="U2020" s="76"/>
      <c r="V2020" s="76"/>
      <c r="W2020" s="76"/>
      <c r="X2020" s="76"/>
      <c r="Y2020" s="76"/>
      <c r="Z2020" s="76"/>
      <c r="AA2020" s="85"/>
      <c r="AB2020" s="85"/>
      <c r="AC2020" s="85"/>
      <c r="AD2020" s="85"/>
      <c r="AE2020" s="85"/>
      <c r="AF2020" s="85"/>
      <c r="AG2020" s="86"/>
      <c r="AH2020" s="85"/>
      <c r="AI2020" s="85"/>
      <c r="AJ2020" s="85"/>
      <c r="AK2020" s="85"/>
      <c r="AL2020" s="85"/>
      <c r="AM2020" s="92"/>
      <c r="AN2020" s="92"/>
      <c r="AO2020" s="92"/>
      <c r="AP2020" s="92"/>
      <c r="AQ2020" s="92"/>
      <c r="AR2020" s="92"/>
      <c r="AS2020" s="92"/>
      <c r="AT2020" s="92"/>
      <c r="AU2020" s="92"/>
      <c r="AV2020" s="92"/>
      <c r="AW2020" s="92"/>
      <c r="AX2020" s="92"/>
      <c r="AY2020" s="92"/>
      <c r="AZ2020" s="93"/>
      <c r="BA2020" s="93"/>
      <c r="BB2020" s="93"/>
      <c r="BC2020" s="93"/>
      <c r="BD2020" s="93"/>
      <c r="BE2020" s="93"/>
      <c r="BF2020" s="93"/>
      <c r="BG2020" s="93"/>
      <c r="BH2020" s="93"/>
      <c r="BI2020" s="93"/>
      <c r="BJ2020" s="93"/>
      <c r="BK2020" s="93"/>
      <c r="BL2020" s="93"/>
    </row>
    <row r="2021" spans="2:64" x14ac:dyDescent="0.2">
      <c r="B2021" s="43"/>
      <c r="C2021" s="73"/>
      <c r="D2021" s="64"/>
      <c r="E2021" s="55"/>
      <c r="F2021" s="74"/>
      <c r="G2021" s="74"/>
      <c r="H2021" s="74"/>
      <c r="I2021" s="75"/>
      <c r="J2021" s="74"/>
      <c r="L2021" s="55"/>
      <c r="M2021" s="234"/>
      <c r="N2021" s="65"/>
      <c r="O2021" s="76"/>
      <c r="P2021" s="76"/>
      <c r="Q2021" s="65"/>
      <c r="R2021" s="76"/>
      <c r="S2021" s="76"/>
      <c r="T2021" s="76"/>
      <c r="U2021" s="76"/>
      <c r="V2021" s="76"/>
      <c r="W2021" s="76"/>
      <c r="X2021" s="76"/>
      <c r="Y2021" s="76"/>
      <c r="Z2021" s="76"/>
      <c r="AA2021" s="85"/>
      <c r="AB2021" s="85"/>
      <c r="AC2021" s="85"/>
      <c r="AD2021" s="85"/>
      <c r="AE2021" s="85"/>
      <c r="AF2021" s="85"/>
      <c r="AG2021" s="86"/>
      <c r="AH2021" s="85"/>
      <c r="AI2021" s="85"/>
      <c r="AJ2021" s="85"/>
      <c r="AK2021" s="85"/>
      <c r="AL2021" s="85"/>
      <c r="AM2021" s="92"/>
      <c r="AN2021" s="92"/>
      <c r="AO2021" s="92"/>
      <c r="AP2021" s="92"/>
      <c r="AQ2021" s="92"/>
      <c r="AR2021" s="92"/>
      <c r="AS2021" s="92"/>
      <c r="AT2021" s="92"/>
      <c r="AU2021" s="92"/>
      <c r="AV2021" s="92"/>
      <c r="AW2021" s="92"/>
      <c r="AX2021" s="92"/>
      <c r="AY2021" s="92"/>
      <c r="AZ2021" s="93"/>
      <c r="BA2021" s="93"/>
      <c r="BB2021" s="93"/>
      <c r="BC2021" s="93"/>
      <c r="BD2021" s="93"/>
      <c r="BE2021" s="93"/>
      <c r="BF2021" s="93"/>
      <c r="BG2021" s="93"/>
      <c r="BH2021" s="93"/>
      <c r="BI2021" s="93"/>
      <c r="BJ2021" s="93"/>
      <c r="BK2021" s="93"/>
      <c r="BL2021" s="93"/>
    </row>
    <row r="2022" spans="2:64" x14ac:dyDescent="0.2">
      <c r="B2022" s="43"/>
      <c r="C2022" s="73"/>
      <c r="D2022" s="64"/>
      <c r="E2022" s="55"/>
      <c r="F2022" s="74"/>
      <c r="G2022" s="74"/>
      <c r="H2022" s="74"/>
      <c r="I2022" s="75"/>
      <c r="J2022" s="74"/>
      <c r="L2022" s="55"/>
      <c r="M2022" s="234"/>
      <c r="N2022" s="65"/>
      <c r="O2022" s="76"/>
      <c r="P2022" s="76"/>
      <c r="Q2022" s="65"/>
      <c r="R2022" s="76"/>
      <c r="S2022" s="76"/>
      <c r="T2022" s="76"/>
      <c r="U2022" s="76"/>
      <c r="V2022" s="76"/>
      <c r="W2022" s="76"/>
      <c r="X2022" s="76"/>
      <c r="Y2022" s="76"/>
      <c r="Z2022" s="76"/>
      <c r="AA2022" s="85"/>
      <c r="AB2022" s="85"/>
      <c r="AC2022" s="85"/>
      <c r="AD2022" s="85"/>
      <c r="AE2022" s="85"/>
      <c r="AF2022" s="85"/>
      <c r="AG2022" s="86"/>
      <c r="AH2022" s="85"/>
      <c r="AI2022" s="85"/>
      <c r="AJ2022" s="85"/>
      <c r="AK2022" s="85"/>
      <c r="AL2022" s="85"/>
      <c r="AM2022" s="92"/>
      <c r="AN2022" s="92"/>
      <c r="AO2022" s="92"/>
      <c r="AP2022" s="92"/>
      <c r="AQ2022" s="92"/>
      <c r="AR2022" s="92"/>
      <c r="AS2022" s="92"/>
      <c r="AT2022" s="92"/>
      <c r="AU2022" s="92"/>
      <c r="AV2022" s="92"/>
      <c r="AW2022" s="92"/>
      <c r="AX2022" s="92"/>
      <c r="AY2022" s="92"/>
      <c r="AZ2022" s="93"/>
      <c r="BA2022" s="93"/>
      <c r="BB2022" s="93"/>
      <c r="BC2022" s="93"/>
      <c r="BD2022" s="93"/>
      <c r="BE2022" s="93"/>
      <c r="BF2022" s="93"/>
      <c r="BG2022" s="93"/>
      <c r="BH2022" s="93"/>
      <c r="BI2022" s="93"/>
      <c r="BJ2022" s="93"/>
      <c r="BK2022" s="93"/>
      <c r="BL2022" s="93"/>
    </row>
    <row r="2023" spans="2:64" x14ac:dyDescent="0.2">
      <c r="B2023" s="43"/>
      <c r="C2023" s="73"/>
      <c r="D2023" s="64"/>
      <c r="E2023" s="55"/>
      <c r="F2023" s="74"/>
      <c r="G2023" s="74"/>
      <c r="H2023" s="74"/>
      <c r="I2023" s="75"/>
      <c r="J2023" s="74"/>
      <c r="L2023" s="55"/>
      <c r="M2023" s="234"/>
      <c r="N2023" s="65"/>
      <c r="O2023" s="76"/>
      <c r="P2023" s="76"/>
      <c r="Q2023" s="65"/>
      <c r="R2023" s="76"/>
      <c r="S2023" s="76"/>
      <c r="T2023" s="76"/>
      <c r="U2023" s="76"/>
      <c r="V2023" s="76"/>
      <c r="W2023" s="76"/>
      <c r="X2023" s="76"/>
      <c r="Y2023" s="76"/>
      <c r="Z2023" s="76"/>
      <c r="AA2023" s="85"/>
      <c r="AB2023" s="85"/>
      <c r="AC2023" s="85"/>
      <c r="AD2023" s="85"/>
      <c r="AE2023" s="85"/>
      <c r="AF2023" s="85"/>
      <c r="AG2023" s="86"/>
      <c r="AH2023" s="85"/>
      <c r="AI2023" s="85"/>
      <c r="AJ2023" s="85"/>
      <c r="AK2023" s="85"/>
      <c r="AL2023" s="85"/>
      <c r="AM2023" s="92"/>
      <c r="AN2023" s="92"/>
      <c r="AO2023" s="92"/>
      <c r="AP2023" s="92"/>
      <c r="AQ2023" s="92"/>
      <c r="AR2023" s="92"/>
      <c r="AS2023" s="92"/>
      <c r="AT2023" s="92"/>
      <c r="AU2023" s="92"/>
      <c r="AV2023" s="92"/>
      <c r="AW2023" s="92"/>
      <c r="AX2023" s="92"/>
      <c r="AY2023" s="92"/>
      <c r="AZ2023" s="93"/>
      <c r="BA2023" s="93"/>
      <c r="BB2023" s="93"/>
      <c r="BC2023" s="93"/>
      <c r="BD2023" s="93"/>
      <c r="BE2023" s="93"/>
      <c r="BF2023" s="93"/>
      <c r="BG2023" s="93"/>
      <c r="BH2023" s="93"/>
      <c r="BI2023" s="93"/>
      <c r="BJ2023" s="93"/>
      <c r="BK2023" s="93"/>
      <c r="BL2023" s="93"/>
    </row>
    <row r="2024" spans="2:64" x14ac:dyDescent="0.2">
      <c r="B2024" s="43"/>
      <c r="C2024" s="73"/>
      <c r="D2024" s="64"/>
      <c r="E2024" s="55"/>
      <c r="F2024" s="74"/>
      <c r="G2024" s="74"/>
      <c r="H2024" s="74"/>
      <c r="I2024" s="75"/>
      <c r="J2024" s="74"/>
      <c r="L2024" s="55"/>
      <c r="M2024" s="234"/>
      <c r="N2024" s="65"/>
      <c r="O2024" s="76"/>
      <c r="P2024" s="76"/>
      <c r="Q2024" s="65"/>
      <c r="R2024" s="76"/>
      <c r="S2024" s="76"/>
      <c r="T2024" s="76"/>
      <c r="U2024" s="76"/>
      <c r="V2024" s="76"/>
      <c r="W2024" s="76"/>
      <c r="X2024" s="76"/>
      <c r="Y2024" s="76"/>
      <c r="Z2024" s="76"/>
      <c r="AA2024" s="85"/>
      <c r="AB2024" s="85"/>
      <c r="AC2024" s="85"/>
      <c r="AD2024" s="85"/>
      <c r="AE2024" s="85"/>
      <c r="AF2024" s="85"/>
      <c r="AG2024" s="86"/>
      <c r="AH2024" s="85"/>
      <c r="AI2024" s="85"/>
      <c r="AJ2024" s="85"/>
      <c r="AK2024" s="85"/>
      <c r="AL2024" s="85"/>
      <c r="AM2024" s="92"/>
      <c r="AN2024" s="92"/>
      <c r="AO2024" s="92"/>
      <c r="AP2024" s="92"/>
      <c r="AQ2024" s="92"/>
      <c r="AR2024" s="92"/>
      <c r="AS2024" s="92"/>
      <c r="AT2024" s="92"/>
      <c r="AU2024" s="92"/>
      <c r="AV2024" s="92"/>
      <c r="AW2024" s="92"/>
      <c r="AX2024" s="92"/>
      <c r="AY2024" s="92"/>
      <c r="AZ2024" s="93"/>
      <c r="BA2024" s="93"/>
      <c r="BB2024" s="93"/>
      <c r="BC2024" s="93"/>
      <c r="BD2024" s="93"/>
      <c r="BE2024" s="93"/>
      <c r="BF2024" s="93"/>
      <c r="BG2024" s="93"/>
      <c r="BH2024" s="93"/>
      <c r="BI2024" s="93"/>
      <c r="BJ2024" s="93"/>
      <c r="BK2024" s="93"/>
      <c r="BL2024" s="93"/>
    </row>
    <row r="2025" spans="2:64" x14ac:dyDescent="0.2">
      <c r="B2025" s="43"/>
      <c r="C2025" s="73"/>
      <c r="D2025" s="64"/>
      <c r="E2025" s="55"/>
      <c r="F2025" s="74"/>
      <c r="G2025" s="74"/>
      <c r="H2025" s="74"/>
      <c r="I2025" s="75"/>
      <c r="J2025" s="74"/>
      <c r="L2025" s="55"/>
      <c r="M2025" s="234"/>
      <c r="N2025" s="65"/>
      <c r="O2025" s="76"/>
      <c r="P2025" s="76"/>
      <c r="Q2025" s="65"/>
      <c r="R2025" s="76"/>
      <c r="S2025" s="76"/>
      <c r="T2025" s="76"/>
      <c r="U2025" s="76"/>
      <c r="V2025" s="76"/>
      <c r="W2025" s="76"/>
      <c r="X2025" s="76"/>
      <c r="Y2025" s="76"/>
      <c r="Z2025" s="76"/>
      <c r="AA2025" s="85"/>
      <c r="AB2025" s="85"/>
      <c r="AC2025" s="85"/>
      <c r="AD2025" s="85"/>
      <c r="AE2025" s="85"/>
      <c r="AF2025" s="85"/>
      <c r="AG2025" s="86"/>
      <c r="AH2025" s="85"/>
      <c r="AI2025" s="85"/>
      <c r="AJ2025" s="85"/>
      <c r="AK2025" s="85"/>
      <c r="AL2025" s="85"/>
      <c r="AM2025" s="92"/>
      <c r="AN2025" s="92"/>
      <c r="AO2025" s="92"/>
      <c r="AP2025" s="92"/>
      <c r="AQ2025" s="92"/>
      <c r="AR2025" s="92"/>
      <c r="AS2025" s="92"/>
      <c r="AT2025" s="92"/>
      <c r="AU2025" s="92"/>
      <c r="AV2025" s="92"/>
      <c r="AW2025" s="92"/>
      <c r="AX2025" s="92"/>
      <c r="AY2025" s="92"/>
      <c r="AZ2025" s="93"/>
      <c r="BA2025" s="93"/>
      <c r="BB2025" s="93"/>
      <c r="BC2025" s="93"/>
      <c r="BD2025" s="93"/>
      <c r="BE2025" s="93"/>
      <c r="BF2025" s="93"/>
      <c r="BG2025" s="93"/>
      <c r="BH2025" s="93"/>
      <c r="BI2025" s="93"/>
      <c r="BJ2025" s="93"/>
      <c r="BK2025" s="93"/>
      <c r="BL2025" s="93"/>
    </row>
    <row r="2026" spans="2:64" x14ac:dyDescent="0.2">
      <c r="B2026" s="43"/>
      <c r="C2026" s="73"/>
      <c r="D2026" s="64"/>
      <c r="E2026" s="55"/>
      <c r="F2026" s="74"/>
      <c r="G2026" s="74"/>
      <c r="H2026" s="74"/>
      <c r="I2026" s="75"/>
      <c r="J2026" s="74"/>
      <c r="L2026" s="55"/>
      <c r="M2026" s="234"/>
      <c r="N2026" s="65"/>
      <c r="O2026" s="76"/>
      <c r="P2026" s="76"/>
      <c r="Q2026" s="65"/>
      <c r="R2026" s="76"/>
      <c r="S2026" s="76"/>
      <c r="T2026" s="76"/>
      <c r="U2026" s="76"/>
      <c r="V2026" s="76"/>
      <c r="W2026" s="76"/>
      <c r="X2026" s="76"/>
      <c r="Y2026" s="76"/>
      <c r="Z2026" s="76"/>
      <c r="AA2026" s="85"/>
      <c r="AB2026" s="85"/>
      <c r="AC2026" s="85"/>
      <c r="AD2026" s="85"/>
      <c r="AE2026" s="85"/>
      <c r="AF2026" s="85"/>
      <c r="AG2026" s="86"/>
      <c r="AH2026" s="85"/>
      <c r="AI2026" s="85"/>
      <c r="AJ2026" s="85"/>
      <c r="AK2026" s="85"/>
      <c r="AL2026" s="85"/>
      <c r="AM2026" s="92"/>
      <c r="AN2026" s="92"/>
      <c r="AO2026" s="92"/>
      <c r="AP2026" s="92"/>
      <c r="AQ2026" s="92"/>
      <c r="AR2026" s="92"/>
      <c r="AS2026" s="92"/>
      <c r="AT2026" s="92"/>
      <c r="AU2026" s="92"/>
      <c r="AV2026" s="92"/>
      <c r="AW2026" s="92"/>
      <c r="AX2026" s="92"/>
      <c r="AY2026" s="92"/>
      <c r="AZ2026" s="93"/>
      <c r="BA2026" s="93"/>
      <c r="BB2026" s="93"/>
      <c r="BC2026" s="93"/>
      <c r="BD2026" s="93"/>
      <c r="BE2026" s="93"/>
      <c r="BF2026" s="93"/>
      <c r="BG2026" s="93"/>
      <c r="BH2026" s="93"/>
      <c r="BI2026" s="93"/>
      <c r="BJ2026" s="93"/>
      <c r="BK2026" s="93"/>
      <c r="BL2026" s="93"/>
    </row>
    <row r="2027" spans="2:64" x14ac:dyDescent="0.2">
      <c r="B2027" s="43"/>
      <c r="C2027" s="73"/>
      <c r="D2027" s="64"/>
      <c r="E2027" s="55"/>
      <c r="F2027" s="74"/>
      <c r="G2027" s="74"/>
      <c r="H2027" s="74"/>
      <c r="I2027" s="75"/>
      <c r="J2027" s="74"/>
      <c r="L2027" s="55"/>
      <c r="M2027" s="234"/>
      <c r="N2027" s="65"/>
      <c r="O2027" s="76"/>
      <c r="P2027" s="76"/>
      <c r="Q2027" s="65"/>
      <c r="R2027" s="76"/>
      <c r="S2027" s="76"/>
      <c r="T2027" s="76"/>
      <c r="U2027" s="76"/>
      <c r="V2027" s="76"/>
      <c r="W2027" s="76"/>
      <c r="X2027" s="76"/>
      <c r="Y2027" s="76"/>
      <c r="Z2027" s="76"/>
      <c r="AA2027" s="85"/>
      <c r="AB2027" s="85"/>
      <c r="AC2027" s="85"/>
      <c r="AD2027" s="85"/>
      <c r="AE2027" s="85"/>
      <c r="AF2027" s="85"/>
      <c r="AG2027" s="86"/>
      <c r="AH2027" s="85"/>
      <c r="AI2027" s="85"/>
      <c r="AJ2027" s="85"/>
      <c r="AK2027" s="85"/>
      <c r="AL2027" s="85"/>
      <c r="AM2027" s="92"/>
      <c r="AN2027" s="92"/>
      <c r="AO2027" s="92"/>
      <c r="AP2027" s="92"/>
      <c r="AQ2027" s="92"/>
      <c r="AR2027" s="92"/>
      <c r="AS2027" s="92"/>
      <c r="AT2027" s="92"/>
      <c r="AU2027" s="92"/>
      <c r="AV2027" s="92"/>
      <c r="AW2027" s="92"/>
      <c r="AX2027" s="92"/>
      <c r="AY2027" s="92"/>
      <c r="AZ2027" s="93"/>
      <c r="BA2027" s="93"/>
      <c r="BB2027" s="93"/>
      <c r="BC2027" s="93"/>
      <c r="BD2027" s="93"/>
      <c r="BE2027" s="93"/>
      <c r="BF2027" s="93"/>
      <c r="BG2027" s="93"/>
      <c r="BH2027" s="93"/>
      <c r="BI2027" s="93"/>
      <c r="BJ2027" s="93"/>
      <c r="BK2027" s="93"/>
      <c r="BL2027" s="93"/>
    </row>
    <row r="2028" spans="2:64" x14ac:dyDescent="0.2">
      <c r="B2028" s="43"/>
      <c r="C2028" s="73"/>
      <c r="D2028" s="64"/>
      <c r="E2028" s="55"/>
      <c r="F2028" s="74"/>
      <c r="G2028" s="74"/>
      <c r="H2028" s="74"/>
      <c r="I2028" s="75"/>
      <c r="J2028" s="74"/>
      <c r="L2028" s="55"/>
      <c r="M2028" s="234"/>
      <c r="N2028" s="65"/>
      <c r="O2028" s="76"/>
      <c r="P2028" s="76"/>
      <c r="Q2028" s="65"/>
      <c r="R2028" s="76"/>
      <c r="S2028" s="76"/>
      <c r="T2028" s="76"/>
      <c r="U2028" s="76"/>
      <c r="V2028" s="76"/>
      <c r="W2028" s="76"/>
      <c r="X2028" s="76"/>
      <c r="Y2028" s="76"/>
      <c r="Z2028" s="76"/>
      <c r="AA2028" s="85"/>
      <c r="AB2028" s="85"/>
      <c r="AC2028" s="85"/>
      <c r="AD2028" s="85"/>
      <c r="AE2028" s="85"/>
      <c r="AF2028" s="85"/>
      <c r="AG2028" s="86"/>
      <c r="AH2028" s="85"/>
      <c r="AI2028" s="85"/>
      <c r="AJ2028" s="85"/>
      <c r="AK2028" s="85"/>
      <c r="AL2028" s="85"/>
      <c r="AM2028" s="92"/>
      <c r="AN2028" s="92"/>
      <c r="AO2028" s="92"/>
      <c r="AP2028" s="92"/>
      <c r="AQ2028" s="92"/>
      <c r="AR2028" s="92"/>
      <c r="AS2028" s="92"/>
      <c r="AT2028" s="92"/>
      <c r="AU2028" s="92"/>
      <c r="AV2028" s="92"/>
      <c r="AW2028" s="92"/>
      <c r="AX2028" s="92"/>
      <c r="AY2028" s="92"/>
      <c r="AZ2028" s="93"/>
      <c r="BA2028" s="93"/>
      <c r="BB2028" s="93"/>
      <c r="BC2028" s="93"/>
      <c r="BD2028" s="93"/>
      <c r="BE2028" s="93"/>
      <c r="BF2028" s="93"/>
      <c r="BG2028" s="93"/>
      <c r="BH2028" s="93"/>
      <c r="BI2028" s="93"/>
      <c r="BJ2028" s="93"/>
      <c r="BK2028" s="93"/>
      <c r="BL2028" s="93"/>
    </row>
    <row r="2029" spans="2:64" x14ac:dyDescent="0.2">
      <c r="B2029" s="43"/>
      <c r="C2029" s="73"/>
      <c r="D2029" s="64"/>
      <c r="E2029" s="55"/>
      <c r="F2029" s="74"/>
      <c r="G2029" s="74"/>
      <c r="H2029" s="74"/>
      <c r="I2029" s="75"/>
      <c r="J2029" s="74"/>
      <c r="L2029" s="55"/>
      <c r="M2029" s="234"/>
      <c r="N2029" s="65"/>
      <c r="O2029" s="76"/>
      <c r="P2029" s="76"/>
      <c r="Q2029" s="65"/>
      <c r="R2029" s="76"/>
      <c r="S2029" s="76"/>
      <c r="T2029" s="76"/>
      <c r="U2029" s="76"/>
      <c r="V2029" s="76"/>
      <c r="W2029" s="76"/>
      <c r="X2029" s="76"/>
      <c r="Y2029" s="76"/>
      <c r="Z2029" s="76"/>
      <c r="AA2029" s="85"/>
      <c r="AB2029" s="85"/>
      <c r="AC2029" s="85"/>
      <c r="AD2029" s="85"/>
      <c r="AE2029" s="85"/>
      <c r="AF2029" s="85"/>
      <c r="AG2029" s="86"/>
      <c r="AH2029" s="85"/>
      <c r="AI2029" s="85"/>
      <c r="AJ2029" s="85"/>
      <c r="AK2029" s="85"/>
      <c r="AL2029" s="85"/>
      <c r="AM2029" s="92"/>
      <c r="AN2029" s="92"/>
      <c r="AO2029" s="92"/>
      <c r="AP2029" s="92"/>
      <c r="AQ2029" s="92"/>
      <c r="AR2029" s="92"/>
      <c r="AS2029" s="92"/>
      <c r="AT2029" s="92"/>
      <c r="AU2029" s="92"/>
      <c r="AV2029" s="92"/>
      <c r="AW2029" s="92"/>
      <c r="AX2029" s="92"/>
      <c r="AY2029" s="92"/>
      <c r="AZ2029" s="93"/>
      <c r="BA2029" s="93"/>
      <c r="BB2029" s="93"/>
      <c r="BC2029" s="93"/>
      <c r="BD2029" s="93"/>
      <c r="BE2029" s="93"/>
      <c r="BF2029" s="93"/>
      <c r="BG2029" s="93"/>
      <c r="BH2029" s="93"/>
      <c r="BI2029" s="93"/>
      <c r="BJ2029" s="93"/>
      <c r="BK2029" s="93"/>
      <c r="BL2029" s="93"/>
    </row>
    <row r="2030" spans="2:64" x14ac:dyDescent="0.2">
      <c r="B2030" s="43"/>
      <c r="C2030" s="73"/>
      <c r="D2030" s="64"/>
      <c r="E2030" s="55"/>
      <c r="F2030" s="74"/>
      <c r="G2030" s="74"/>
      <c r="H2030" s="74"/>
      <c r="I2030" s="75"/>
      <c r="J2030" s="74"/>
      <c r="L2030" s="55"/>
      <c r="M2030" s="234"/>
      <c r="N2030" s="65"/>
      <c r="O2030" s="76"/>
      <c r="P2030" s="76"/>
      <c r="Q2030" s="65"/>
      <c r="R2030" s="76"/>
      <c r="S2030" s="76"/>
      <c r="T2030" s="76"/>
      <c r="U2030" s="76"/>
      <c r="V2030" s="76"/>
      <c r="W2030" s="76"/>
      <c r="X2030" s="76"/>
      <c r="Y2030" s="76"/>
      <c r="Z2030" s="76"/>
      <c r="AA2030" s="85"/>
      <c r="AB2030" s="85"/>
      <c r="AC2030" s="85"/>
      <c r="AD2030" s="85"/>
      <c r="AE2030" s="85"/>
      <c r="AF2030" s="85"/>
      <c r="AG2030" s="86"/>
      <c r="AH2030" s="85"/>
      <c r="AI2030" s="85"/>
      <c r="AJ2030" s="85"/>
      <c r="AK2030" s="85"/>
      <c r="AL2030" s="85"/>
      <c r="AM2030" s="92"/>
      <c r="AN2030" s="92"/>
      <c r="AO2030" s="92"/>
      <c r="AP2030" s="92"/>
      <c r="AQ2030" s="92"/>
      <c r="AR2030" s="92"/>
      <c r="AS2030" s="92"/>
      <c r="AT2030" s="92"/>
      <c r="AU2030" s="92"/>
      <c r="AV2030" s="92"/>
      <c r="AW2030" s="92"/>
      <c r="AX2030" s="92"/>
      <c r="AY2030" s="92"/>
      <c r="AZ2030" s="93"/>
      <c r="BA2030" s="93"/>
      <c r="BB2030" s="93"/>
      <c r="BC2030" s="93"/>
      <c r="BD2030" s="93"/>
      <c r="BE2030" s="93"/>
      <c r="BF2030" s="93"/>
      <c r="BG2030" s="93"/>
      <c r="BH2030" s="93"/>
      <c r="BI2030" s="93"/>
      <c r="BJ2030" s="93"/>
      <c r="BK2030" s="93"/>
      <c r="BL2030" s="93"/>
    </row>
    <row r="2031" spans="2:64" x14ac:dyDescent="0.2">
      <c r="B2031" s="43"/>
      <c r="C2031" s="73"/>
      <c r="D2031" s="64"/>
      <c r="E2031" s="55"/>
      <c r="F2031" s="74"/>
      <c r="G2031" s="74"/>
      <c r="H2031" s="74"/>
      <c r="I2031" s="75"/>
      <c r="J2031" s="74"/>
      <c r="L2031" s="55"/>
      <c r="M2031" s="234"/>
      <c r="N2031" s="65"/>
      <c r="O2031" s="76"/>
      <c r="P2031" s="76"/>
      <c r="Q2031" s="65"/>
      <c r="R2031" s="76"/>
      <c r="S2031" s="76"/>
      <c r="T2031" s="76"/>
      <c r="U2031" s="76"/>
      <c r="V2031" s="76"/>
      <c r="W2031" s="76"/>
      <c r="X2031" s="76"/>
      <c r="Y2031" s="76"/>
      <c r="Z2031" s="76"/>
      <c r="AA2031" s="85"/>
      <c r="AB2031" s="85"/>
      <c r="AC2031" s="85"/>
      <c r="AD2031" s="85"/>
      <c r="AE2031" s="85"/>
      <c r="AF2031" s="85"/>
      <c r="AG2031" s="86"/>
      <c r="AH2031" s="85"/>
      <c r="AI2031" s="85"/>
      <c r="AJ2031" s="85"/>
      <c r="AK2031" s="85"/>
      <c r="AL2031" s="85"/>
      <c r="AM2031" s="92"/>
      <c r="AN2031" s="92"/>
      <c r="AO2031" s="92"/>
      <c r="AP2031" s="92"/>
      <c r="AQ2031" s="92"/>
      <c r="AR2031" s="92"/>
      <c r="AS2031" s="92"/>
      <c r="AT2031" s="92"/>
      <c r="AU2031" s="92"/>
      <c r="AV2031" s="92"/>
      <c r="AW2031" s="92"/>
      <c r="AX2031" s="92"/>
      <c r="AY2031" s="92"/>
      <c r="AZ2031" s="93"/>
      <c r="BA2031" s="93"/>
      <c r="BB2031" s="93"/>
      <c r="BC2031" s="93"/>
      <c r="BD2031" s="93"/>
      <c r="BE2031" s="93"/>
      <c r="BF2031" s="93"/>
      <c r="BG2031" s="93"/>
      <c r="BH2031" s="93"/>
      <c r="BI2031" s="93"/>
      <c r="BJ2031" s="93"/>
      <c r="BK2031" s="93"/>
      <c r="BL2031" s="93"/>
    </row>
    <row r="2032" spans="2:64" x14ac:dyDescent="0.2">
      <c r="B2032" s="43"/>
      <c r="C2032" s="73"/>
      <c r="D2032" s="64"/>
      <c r="E2032" s="55"/>
      <c r="F2032" s="74"/>
      <c r="G2032" s="74"/>
      <c r="H2032" s="74"/>
      <c r="I2032" s="75"/>
      <c r="J2032" s="74"/>
      <c r="L2032" s="55"/>
      <c r="M2032" s="234"/>
      <c r="N2032" s="65"/>
      <c r="O2032" s="76"/>
      <c r="P2032" s="76"/>
      <c r="Q2032" s="65"/>
      <c r="R2032" s="76"/>
      <c r="S2032" s="76"/>
      <c r="T2032" s="76"/>
      <c r="U2032" s="76"/>
      <c r="V2032" s="76"/>
      <c r="W2032" s="76"/>
      <c r="X2032" s="76"/>
      <c r="Y2032" s="76"/>
      <c r="Z2032" s="76"/>
      <c r="AA2032" s="85"/>
      <c r="AB2032" s="85"/>
      <c r="AC2032" s="85"/>
      <c r="AD2032" s="85"/>
      <c r="AE2032" s="85"/>
      <c r="AF2032" s="85"/>
      <c r="AG2032" s="86"/>
      <c r="AH2032" s="85"/>
      <c r="AI2032" s="85"/>
      <c r="AJ2032" s="85"/>
      <c r="AK2032" s="85"/>
      <c r="AL2032" s="85"/>
      <c r="AM2032" s="92"/>
      <c r="AN2032" s="92"/>
      <c r="AO2032" s="92"/>
      <c r="AP2032" s="92"/>
      <c r="AQ2032" s="92"/>
      <c r="AR2032" s="92"/>
      <c r="AS2032" s="92"/>
      <c r="AT2032" s="92"/>
      <c r="AU2032" s="92"/>
      <c r="AV2032" s="92"/>
      <c r="AW2032" s="92"/>
      <c r="AX2032" s="92"/>
      <c r="AY2032" s="92"/>
      <c r="AZ2032" s="93"/>
      <c r="BA2032" s="93"/>
      <c r="BB2032" s="93"/>
      <c r="BC2032" s="93"/>
      <c r="BD2032" s="93"/>
      <c r="BE2032" s="93"/>
      <c r="BF2032" s="93"/>
      <c r="BG2032" s="93"/>
      <c r="BH2032" s="93"/>
      <c r="BI2032" s="93"/>
      <c r="BJ2032" s="93"/>
      <c r="BK2032" s="93"/>
      <c r="BL2032" s="93"/>
    </row>
    <row r="2033" spans="2:64" x14ac:dyDescent="0.2">
      <c r="B2033" s="43"/>
      <c r="C2033" s="73"/>
      <c r="D2033" s="64"/>
      <c r="E2033" s="55"/>
      <c r="F2033" s="74"/>
      <c r="G2033" s="74"/>
      <c r="H2033" s="74"/>
      <c r="I2033" s="75"/>
      <c r="J2033" s="74"/>
      <c r="L2033" s="55"/>
      <c r="M2033" s="234"/>
      <c r="N2033" s="65"/>
      <c r="O2033" s="76"/>
      <c r="P2033" s="76"/>
      <c r="Q2033" s="65"/>
      <c r="R2033" s="76"/>
      <c r="S2033" s="76"/>
      <c r="T2033" s="76"/>
      <c r="U2033" s="76"/>
      <c r="V2033" s="76"/>
      <c r="W2033" s="76"/>
      <c r="X2033" s="76"/>
      <c r="Y2033" s="76"/>
      <c r="Z2033" s="76"/>
      <c r="AA2033" s="85"/>
      <c r="AB2033" s="85"/>
      <c r="AC2033" s="85"/>
      <c r="AD2033" s="85"/>
      <c r="AE2033" s="85"/>
      <c r="AF2033" s="85"/>
      <c r="AG2033" s="86"/>
      <c r="AH2033" s="85"/>
      <c r="AI2033" s="85"/>
      <c r="AJ2033" s="85"/>
      <c r="AK2033" s="85"/>
      <c r="AL2033" s="85"/>
      <c r="AM2033" s="92"/>
      <c r="AN2033" s="92"/>
      <c r="AO2033" s="92"/>
      <c r="AP2033" s="92"/>
      <c r="AQ2033" s="92"/>
      <c r="AR2033" s="92"/>
      <c r="AS2033" s="92"/>
      <c r="AT2033" s="92"/>
      <c r="AU2033" s="92"/>
      <c r="AV2033" s="92"/>
      <c r="AW2033" s="92"/>
      <c r="AX2033" s="92"/>
      <c r="AY2033" s="92"/>
      <c r="AZ2033" s="93"/>
      <c r="BA2033" s="93"/>
      <c r="BB2033" s="93"/>
      <c r="BC2033" s="93"/>
      <c r="BD2033" s="93"/>
      <c r="BE2033" s="93"/>
      <c r="BF2033" s="93"/>
      <c r="BG2033" s="93"/>
      <c r="BH2033" s="93"/>
      <c r="BI2033" s="93"/>
      <c r="BJ2033" s="93"/>
      <c r="BK2033" s="93"/>
      <c r="BL2033" s="93"/>
    </row>
    <row r="2034" spans="2:64" x14ac:dyDescent="0.2">
      <c r="B2034" s="43"/>
      <c r="C2034" s="73"/>
      <c r="D2034" s="64"/>
      <c r="E2034" s="55"/>
      <c r="F2034" s="74"/>
      <c r="G2034" s="74"/>
      <c r="H2034" s="74"/>
      <c r="I2034" s="75"/>
      <c r="J2034" s="74"/>
      <c r="L2034" s="55"/>
      <c r="M2034" s="234"/>
      <c r="N2034" s="65"/>
      <c r="O2034" s="76"/>
      <c r="P2034" s="76"/>
      <c r="Q2034" s="65"/>
      <c r="R2034" s="76"/>
      <c r="S2034" s="76"/>
      <c r="T2034" s="76"/>
      <c r="U2034" s="76"/>
      <c r="V2034" s="76"/>
      <c r="W2034" s="76"/>
      <c r="X2034" s="76"/>
      <c r="Y2034" s="76"/>
      <c r="Z2034" s="76"/>
      <c r="AA2034" s="85"/>
      <c r="AB2034" s="85"/>
      <c r="AC2034" s="85"/>
      <c r="AD2034" s="85"/>
      <c r="AE2034" s="85"/>
      <c r="AF2034" s="85"/>
      <c r="AG2034" s="86"/>
      <c r="AH2034" s="85"/>
      <c r="AI2034" s="85"/>
      <c r="AJ2034" s="85"/>
      <c r="AK2034" s="85"/>
      <c r="AL2034" s="85"/>
      <c r="AM2034" s="92"/>
      <c r="AN2034" s="92"/>
      <c r="AO2034" s="92"/>
      <c r="AP2034" s="92"/>
      <c r="AQ2034" s="92"/>
      <c r="AR2034" s="92"/>
      <c r="AS2034" s="92"/>
      <c r="AT2034" s="92"/>
      <c r="AU2034" s="92"/>
      <c r="AV2034" s="92"/>
      <c r="AW2034" s="92"/>
      <c r="AX2034" s="92"/>
      <c r="AY2034" s="92"/>
      <c r="AZ2034" s="93"/>
      <c r="BA2034" s="93"/>
      <c r="BB2034" s="93"/>
      <c r="BC2034" s="93"/>
      <c r="BD2034" s="93"/>
      <c r="BE2034" s="93"/>
      <c r="BF2034" s="93"/>
      <c r="BG2034" s="93"/>
      <c r="BH2034" s="93"/>
      <c r="BI2034" s="93"/>
      <c r="BJ2034" s="93"/>
      <c r="BK2034" s="93"/>
      <c r="BL2034" s="93"/>
    </row>
    <row r="2035" spans="2:64" x14ac:dyDescent="0.2">
      <c r="B2035" s="43"/>
      <c r="C2035" s="73"/>
      <c r="D2035" s="64"/>
      <c r="E2035" s="55"/>
      <c r="F2035" s="74"/>
      <c r="G2035" s="74"/>
      <c r="H2035" s="74"/>
      <c r="I2035" s="75"/>
      <c r="J2035" s="74"/>
      <c r="L2035" s="55"/>
      <c r="M2035" s="234"/>
      <c r="N2035" s="65"/>
      <c r="O2035" s="76"/>
      <c r="P2035" s="76"/>
      <c r="Q2035" s="65"/>
      <c r="R2035" s="76"/>
      <c r="S2035" s="76"/>
      <c r="T2035" s="76"/>
      <c r="U2035" s="76"/>
      <c r="V2035" s="76"/>
      <c r="W2035" s="76"/>
      <c r="X2035" s="76"/>
      <c r="Y2035" s="76"/>
      <c r="Z2035" s="76"/>
      <c r="AA2035" s="85"/>
      <c r="AB2035" s="85"/>
      <c r="AC2035" s="85"/>
      <c r="AD2035" s="85"/>
      <c r="AE2035" s="85"/>
      <c r="AF2035" s="85"/>
      <c r="AG2035" s="86"/>
      <c r="AH2035" s="85"/>
      <c r="AI2035" s="85"/>
      <c r="AJ2035" s="85"/>
      <c r="AK2035" s="85"/>
      <c r="AL2035" s="85"/>
      <c r="AM2035" s="92"/>
      <c r="AN2035" s="92"/>
      <c r="AO2035" s="92"/>
      <c r="AP2035" s="92"/>
      <c r="AQ2035" s="92"/>
      <c r="AR2035" s="92"/>
      <c r="AS2035" s="92"/>
      <c r="AT2035" s="92"/>
      <c r="AU2035" s="92"/>
      <c r="AV2035" s="92"/>
      <c r="AW2035" s="92"/>
      <c r="AX2035" s="92"/>
      <c r="AY2035" s="92"/>
      <c r="AZ2035" s="93"/>
      <c r="BA2035" s="93"/>
      <c r="BB2035" s="93"/>
      <c r="BC2035" s="93"/>
      <c r="BD2035" s="93"/>
      <c r="BE2035" s="93"/>
      <c r="BF2035" s="93"/>
      <c r="BG2035" s="93"/>
      <c r="BH2035" s="93"/>
      <c r="BI2035" s="93"/>
      <c r="BJ2035" s="93"/>
      <c r="BK2035" s="93"/>
      <c r="BL2035" s="93"/>
    </row>
    <row r="2036" spans="2:64" x14ac:dyDescent="0.2">
      <c r="B2036" s="43"/>
      <c r="C2036" s="73"/>
      <c r="D2036" s="64"/>
      <c r="E2036" s="55"/>
      <c r="F2036" s="74"/>
      <c r="G2036" s="74"/>
      <c r="H2036" s="74"/>
      <c r="I2036" s="75"/>
      <c r="J2036" s="74"/>
      <c r="L2036" s="55"/>
      <c r="M2036" s="234"/>
      <c r="N2036" s="65"/>
      <c r="O2036" s="76"/>
      <c r="P2036" s="76"/>
      <c r="Q2036" s="65"/>
      <c r="R2036" s="76"/>
      <c r="S2036" s="76"/>
      <c r="T2036" s="76"/>
      <c r="U2036" s="76"/>
      <c r="V2036" s="76"/>
      <c r="W2036" s="76"/>
      <c r="X2036" s="76"/>
      <c r="Y2036" s="76"/>
      <c r="Z2036" s="76"/>
      <c r="AA2036" s="85"/>
      <c r="AB2036" s="85"/>
      <c r="AC2036" s="85"/>
      <c r="AD2036" s="85"/>
      <c r="AE2036" s="85"/>
      <c r="AF2036" s="85"/>
      <c r="AG2036" s="86"/>
      <c r="AH2036" s="85"/>
      <c r="AI2036" s="85"/>
      <c r="AJ2036" s="85"/>
      <c r="AK2036" s="85"/>
      <c r="AL2036" s="85"/>
      <c r="AM2036" s="92"/>
      <c r="AN2036" s="92"/>
      <c r="AO2036" s="92"/>
      <c r="AP2036" s="92"/>
      <c r="AQ2036" s="92"/>
      <c r="AR2036" s="92"/>
      <c r="AS2036" s="92"/>
      <c r="AT2036" s="92"/>
      <c r="AU2036" s="92"/>
      <c r="AV2036" s="92"/>
      <c r="AW2036" s="92"/>
      <c r="AX2036" s="92"/>
      <c r="AY2036" s="92"/>
      <c r="AZ2036" s="93"/>
      <c r="BA2036" s="93"/>
      <c r="BB2036" s="93"/>
      <c r="BC2036" s="93"/>
      <c r="BD2036" s="93"/>
      <c r="BE2036" s="93"/>
      <c r="BF2036" s="93"/>
      <c r="BG2036" s="93"/>
      <c r="BH2036" s="93"/>
      <c r="BI2036" s="93"/>
      <c r="BJ2036" s="93"/>
      <c r="BK2036" s="93"/>
      <c r="BL2036" s="93"/>
    </row>
    <row r="2037" spans="2:64" x14ac:dyDescent="0.2">
      <c r="B2037" s="43"/>
      <c r="C2037" s="73"/>
      <c r="D2037" s="64"/>
      <c r="E2037" s="55"/>
      <c r="F2037" s="74"/>
      <c r="G2037" s="74"/>
      <c r="H2037" s="74"/>
      <c r="I2037" s="75"/>
      <c r="J2037" s="74"/>
      <c r="L2037" s="55"/>
      <c r="M2037" s="234"/>
      <c r="N2037" s="65"/>
      <c r="O2037" s="76"/>
      <c r="P2037" s="76"/>
      <c r="Q2037" s="65"/>
      <c r="R2037" s="76"/>
      <c r="S2037" s="76"/>
      <c r="T2037" s="76"/>
      <c r="U2037" s="76"/>
      <c r="V2037" s="76"/>
      <c r="W2037" s="76"/>
      <c r="X2037" s="76"/>
      <c r="Y2037" s="76"/>
      <c r="Z2037" s="76"/>
      <c r="AA2037" s="85"/>
      <c r="AB2037" s="85"/>
      <c r="AC2037" s="85"/>
      <c r="AD2037" s="85"/>
      <c r="AE2037" s="85"/>
      <c r="AF2037" s="85"/>
      <c r="AG2037" s="86"/>
      <c r="AH2037" s="85"/>
      <c r="AI2037" s="85"/>
      <c r="AJ2037" s="85"/>
      <c r="AK2037" s="85"/>
      <c r="AL2037" s="85"/>
      <c r="AM2037" s="92"/>
      <c r="AN2037" s="92"/>
      <c r="AO2037" s="92"/>
      <c r="AP2037" s="92"/>
      <c r="AQ2037" s="92"/>
      <c r="AR2037" s="92"/>
      <c r="AS2037" s="92"/>
      <c r="AT2037" s="92"/>
      <c r="AU2037" s="92"/>
      <c r="AV2037" s="92"/>
      <c r="AW2037" s="92"/>
      <c r="AX2037" s="92"/>
      <c r="AY2037" s="92"/>
      <c r="AZ2037" s="93"/>
      <c r="BA2037" s="93"/>
      <c r="BB2037" s="93"/>
      <c r="BC2037" s="93"/>
      <c r="BD2037" s="93"/>
      <c r="BE2037" s="93"/>
      <c r="BF2037" s="93"/>
      <c r="BG2037" s="93"/>
      <c r="BH2037" s="93"/>
      <c r="BI2037" s="93"/>
      <c r="BJ2037" s="93"/>
      <c r="BK2037" s="93"/>
      <c r="BL2037" s="93"/>
    </row>
    <row r="2038" spans="2:64" x14ac:dyDescent="0.2">
      <c r="B2038" s="43"/>
      <c r="C2038" s="73"/>
      <c r="D2038" s="64"/>
      <c r="E2038" s="55"/>
      <c r="F2038" s="74"/>
      <c r="G2038" s="74"/>
      <c r="H2038" s="74"/>
      <c r="I2038" s="75"/>
      <c r="J2038" s="74"/>
      <c r="L2038" s="55"/>
      <c r="M2038" s="234"/>
      <c r="N2038" s="65"/>
      <c r="O2038" s="76"/>
      <c r="P2038" s="76"/>
      <c r="Q2038" s="65"/>
      <c r="R2038" s="76"/>
      <c r="S2038" s="76"/>
      <c r="T2038" s="76"/>
      <c r="U2038" s="76"/>
      <c r="V2038" s="76"/>
      <c r="W2038" s="76"/>
      <c r="X2038" s="76"/>
      <c r="Y2038" s="76"/>
      <c r="Z2038" s="76"/>
      <c r="AA2038" s="85"/>
      <c r="AB2038" s="85"/>
      <c r="AC2038" s="85"/>
      <c r="AD2038" s="85"/>
      <c r="AE2038" s="85"/>
      <c r="AF2038" s="85"/>
      <c r="AG2038" s="86"/>
      <c r="AH2038" s="85"/>
      <c r="AI2038" s="85"/>
      <c r="AJ2038" s="85"/>
      <c r="AK2038" s="85"/>
      <c r="AL2038" s="85"/>
      <c r="AM2038" s="92"/>
      <c r="AN2038" s="92"/>
      <c r="AO2038" s="92"/>
      <c r="AP2038" s="92"/>
      <c r="AQ2038" s="92"/>
      <c r="AR2038" s="92"/>
      <c r="AS2038" s="92"/>
      <c r="AT2038" s="92"/>
      <c r="AU2038" s="92"/>
      <c r="AV2038" s="92"/>
      <c r="AW2038" s="92"/>
      <c r="AX2038" s="92"/>
      <c r="AY2038" s="92"/>
      <c r="AZ2038" s="93"/>
      <c r="BA2038" s="93"/>
      <c r="BB2038" s="93"/>
      <c r="BC2038" s="93"/>
      <c r="BD2038" s="93"/>
      <c r="BE2038" s="93"/>
      <c r="BF2038" s="93"/>
      <c r="BG2038" s="93"/>
      <c r="BH2038" s="93"/>
      <c r="BI2038" s="93"/>
      <c r="BJ2038" s="93"/>
      <c r="BK2038" s="93"/>
      <c r="BL2038" s="93"/>
    </row>
    <row r="2039" spans="2:64" x14ac:dyDescent="0.2">
      <c r="B2039" s="43"/>
      <c r="C2039" s="73"/>
      <c r="D2039" s="64"/>
      <c r="E2039" s="55"/>
      <c r="F2039" s="74"/>
      <c r="G2039" s="74"/>
      <c r="H2039" s="74"/>
      <c r="I2039" s="75"/>
      <c r="J2039" s="74"/>
      <c r="L2039" s="55"/>
      <c r="M2039" s="234"/>
      <c r="N2039" s="65"/>
      <c r="O2039" s="76"/>
      <c r="P2039" s="76"/>
      <c r="Q2039" s="65"/>
      <c r="R2039" s="76"/>
      <c r="S2039" s="76"/>
      <c r="T2039" s="76"/>
      <c r="U2039" s="76"/>
      <c r="V2039" s="76"/>
      <c r="W2039" s="76"/>
      <c r="X2039" s="76"/>
      <c r="Y2039" s="76"/>
      <c r="Z2039" s="76"/>
      <c r="AA2039" s="85"/>
      <c r="AB2039" s="85"/>
      <c r="AC2039" s="85"/>
      <c r="AD2039" s="85"/>
      <c r="AE2039" s="85"/>
      <c r="AF2039" s="85"/>
      <c r="AG2039" s="86"/>
      <c r="AH2039" s="85"/>
      <c r="AI2039" s="85"/>
      <c r="AJ2039" s="85"/>
      <c r="AK2039" s="85"/>
      <c r="AL2039" s="85"/>
      <c r="AM2039" s="92"/>
      <c r="AN2039" s="92"/>
      <c r="AO2039" s="92"/>
      <c r="AP2039" s="92"/>
      <c r="AQ2039" s="92"/>
      <c r="AR2039" s="92"/>
      <c r="AS2039" s="92"/>
      <c r="AT2039" s="92"/>
      <c r="AU2039" s="92"/>
      <c r="AV2039" s="92"/>
      <c r="AW2039" s="92"/>
      <c r="AX2039" s="92"/>
      <c r="AY2039" s="92"/>
      <c r="AZ2039" s="93"/>
      <c r="BA2039" s="93"/>
      <c r="BB2039" s="93"/>
      <c r="BC2039" s="93"/>
      <c r="BD2039" s="93"/>
      <c r="BE2039" s="93"/>
      <c r="BF2039" s="93"/>
      <c r="BG2039" s="93"/>
      <c r="BH2039" s="93"/>
      <c r="BI2039" s="93"/>
      <c r="BJ2039" s="93"/>
      <c r="BK2039" s="93"/>
      <c r="BL2039" s="93"/>
    </row>
    <row r="2040" spans="2:64" x14ac:dyDescent="0.2">
      <c r="B2040" s="43"/>
      <c r="C2040" s="73"/>
      <c r="D2040" s="64"/>
      <c r="E2040" s="55"/>
      <c r="F2040" s="74"/>
      <c r="G2040" s="74"/>
      <c r="H2040" s="74"/>
      <c r="I2040" s="75"/>
      <c r="J2040" s="74"/>
      <c r="L2040" s="55"/>
      <c r="M2040" s="234"/>
      <c r="N2040" s="65"/>
      <c r="O2040" s="76"/>
      <c r="P2040" s="76"/>
      <c r="Q2040" s="65"/>
      <c r="R2040" s="76"/>
      <c r="S2040" s="76"/>
      <c r="T2040" s="76"/>
      <c r="U2040" s="76"/>
      <c r="V2040" s="76"/>
      <c r="W2040" s="76"/>
      <c r="X2040" s="76"/>
      <c r="Y2040" s="76"/>
      <c r="Z2040" s="76"/>
      <c r="AA2040" s="85"/>
      <c r="AB2040" s="85"/>
      <c r="AC2040" s="85"/>
      <c r="AD2040" s="85"/>
      <c r="AE2040" s="85"/>
      <c r="AF2040" s="85"/>
      <c r="AG2040" s="86"/>
      <c r="AH2040" s="85"/>
      <c r="AI2040" s="85"/>
      <c r="AJ2040" s="85"/>
      <c r="AK2040" s="85"/>
      <c r="AL2040" s="85"/>
      <c r="AM2040" s="92"/>
      <c r="AN2040" s="92"/>
      <c r="AO2040" s="92"/>
      <c r="AP2040" s="92"/>
      <c r="AQ2040" s="92"/>
      <c r="AR2040" s="92"/>
      <c r="AS2040" s="92"/>
      <c r="AT2040" s="92"/>
      <c r="AU2040" s="92"/>
      <c r="AV2040" s="92"/>
      <c r="AW2040" s="92"/>
      <c r="AX2040" s="92"/>
      <c r="AY2040" s="92"/>
      <c r="AZ2040" s="93"/>
      <c r="BA2040" s="93"/>
      <c r="BB2040" s="93"/>
      <c r="BC2040" s="93"/>
      <c r="BD2040" s="93"/>
      <c r="BE2040" s="93"/>
      <c r="BF2040" s="93"/>
      <c r="BG2040" s="93"/>
      <c r="BH2040" s="93"/>
      <c r="BI2040" s="93"/>
      <c r="BJ2040" s="93"/>
      <c r="BK2040" s="93"/>
      <c r="BL2040" s="93"/>
    </row>
    <row r="2041" spans="2:64" x14ac:dyDescent="0.2">
      <c r="B2041" s="43"/>
      <c r="C2041" s="73"/>
      <c r="D2041" s="64"/>
      <c r="E2041" s="55"/>
      <c r="F2041" s="74"/>
      <c r="G2041" s="74"/>
      <c r="H2041" s="74"/>
      <c r="I2041" s="75"/>
      <c r="J2041" s="74"/>
      <c r="L2041" s="55"/>
      <c r="M2041" s="234"/>
      <c r="N2041" s="65"/>
      <c r="O2041" s="76"/>
      <c r="P2041" s="76"/>
      <c r="Q2041" s="65"/>
      <c r="R2041" s="76"/>
      <c r="S2041" s="76"/>
      <c r="T2041" s="76"/>
      <c r="U2041" s="76"/>
      <c r="V2041" s="76"/>
      <c r="W2041" s="76"/>
      <c r="X2041" s="76"/>
      <c r="Y2041" s="76"/>
      <c r="Z2041" s="76"/>
      <c r="AA2041" s="85"/>
      <c r="AB2041" s="85"/>
      <c r="AC2041" s="85"/>
      <c r="AD2041" s="85"/>
      <c r="AE2041" s="85"/>
      <c r="AF2041" s="85"/>
      <c r="AG2041" s="86"/>
      <c r="AH2041" s="85"/>
      <c r="AI2041" s="85"/>
      <c r="AJ2041" s="85"/>
      <c r="AK2041" s="85"/>
      <c r="AL2041" s="85"/>
      <c r="AM2041" s="92"/>
      <c r="AN2041" s="92"/>
      <c r="AO2041" s="92"/>
      <c r="AP2041" s="92"/>
      <c r="AQ2041" s="92"/>
      <c r="AR2041" s="92"/>
      <c r="AS2041" s="92"/>
      <c r="AT2041" s="92"/>
      <c r="AU2041" s="92"/>
      <c r="AV2041" s="92"/>
      <c r="AW2041" s="92"/>
      <c r="AX2041" s="92"/>
      <c r="AY2041" s="92"/>
      <c r="AZ2041" s="93"/>
      <c r="BA2041" s="93"/>
      <c r="BB2041" s="93"/>
      <c r="BC2041" s="93"/>
      <c r="BD2041" s="93"/>
      <c r="BE2041" s="93"/>
      <c r="BF2041" s="93"/>
      <c r="BG2041" s="93"/>
      <c r="BH2041" s="93"/>
      <c r="BI2041" s="93"/>
      <c r="BJ2041" s="93"/>
      <c r="BK2041" s="93"/>
      <c r="BL2041" s="93"/>
    </row>
    <row r="2042" spans="2:64" x14ac:dyDescent="0.2">
      <c r="B2042" s="43"/>
      <c r="C2042" s="73"/>
      <c r="D2042" s="64"/>
      <c r="E2042" s="55"/>
      <c r="F2042" s="74"/>
      <c r="G2042" s="74"/>
      <c r="H2042" s="74"/>
      <c r="I2042" s="75"/>
      <c r="J2042" s="74"/>
      <c r="L2042" s="55"/>
      <c r="M2042" s="234"/>
      <c r="N2042" s="65"/>
      <c r="O2042" s="76"/>
      <c r="P2042" s="76"/>
      <c r="Q2042" s="65"/>
      <c r="R2042" s="76"/>
      <c r="S2042" s="76"/>
      <c r="T2042" s="76"/>
      <c r="U2042" s="76"/>
      <c r="V2042" s="76"/>
      <c r="W2042" s="76"/>
      <c r="X2042" s="76"/>
      <c r="Y2042" s="76"/>
      <c r="Z2042" s="76"/>
      <c r="AA2042" s="85"/>
      <c r="AB2042" s="85"/>
      <c r="AC2042" s="85"/>
      <c r="AD2042" s="85"/>
      <c r="AE2042" s="85"/>
      <c r="AF2042" s="85"/>
      <c r="AG2042" s="86"/>
      <c r="AH2042" s="85"/>
      <c r="AI2042" s="85"/>
      <c r="AJ2042" s="85"/>
      <c r="AK2042" s="85"/>
      <c r="AL2042" s="85"/>
      <c r="AM2042" s="92"/>
      <c r="AN2042" s="92"/>
      <c r="AO2042" s="92"/>
      <c r="AP2042" s="92"/>
      <c r="AQ2042" s="92"/>
      <c r="AR2042" s="92"/>
      <c r="AS2042" s="92"/>
      <c r="AT2042" s="92"/>
      <c r="AU2042" s="92"/>
      <c r="AV2042" s="92"/>
      <c r="AW2042" s="92"/>
      <c r="AX2042" s="92"/>
      <c r="AY2042" s="92"/>
      <c r="AZ2042" s="93"/>
      <c r="BA2042" s="93"/>
      <c r="BB2042" s="93"/>
      <c r="BC2042" s="93"/>
      <c r="BD2042" s="93"/>
      <c r="BE2042" s="93"/>
      <c r="BF2042" s="93"/>
      <c r="BG2042" s="93"/>
      <c r="BH2042" s="93"/>
      <c r="BI2042" s="93"/>
      <c r="BJ2042" s="93"/>
      <c r="BK2042" s="93"/>
      <c r="BL2042" s="93"/>
    </row>
    <row r="2043" spans="2:64" x14ac:dyDescent="0.2">
      <c r="B2043" s="43"/>
      <c r="C2043" s="73"/>
      <c r="D2043" s="64"/>
      <c r="E2043" s="55"/>
      <c r="F2043" s="74"/>
      <c r="G2043" s="74"/>
      <c r="H2043" s="74"/>
      <c r="I2043" s="75"/>
      <c r="J2043" s="74"/>
      <c r="L2043" s="55"/>
      <c r="M2043" s="234"/>
      <c r="N2043" s="65"/>
      <c r="O2043" s="76"/>
      <c r="P2043" s="76"/>
      <c r="Q2043" s="65"/>
      <c r="R2043" s="76"/>
      <c r="S2043" s="76"/>
      <c r="T2043" s="76"/>
      <c r="U2043" s="76"/>
      <c r="V2043" s="76"/>
      <c r="W2043" s="76"/>
      <c r="X2043" s="76"/>
      <c r="Y2043" s="76"/>
      <c r="Z2043" s="76"/>
      <c r="AA2043" s="85"/>
      <c r="AB2043" s="85"/>
      <c r="AC2043" s="85"/>
      <c r="AD2043" s="85"/>
      <c r="AE2043" s="85"/>
      <c r="AF2043" s="85"/>
      <c r="AG2043" s="86"/>
      <c r="AH2043" s="85"/>
      <c r="AI2043" s="85"/>
      <c r="AJ2043" s="85"/>
      <c r="AK2043" s="85"/>
      <c r="AL2043" s="85"/>
      <c r="AM2043" s="92"/>
      <c r="AN2043" s="92"/>
      <c r="AO2043" s="92"/>
      <c r="AP2043" s="92"/>
      <c r="AQ2043" s="92"/>
      <c r="AR2043" s="92"/>
      <c r="AS2043" s="92"/>
      <c r="AT2043" s="92"/>
      <c r="AU2043" s="92"/>
      <c r="AV2043" s="92"/>
      <c r="AW2043" s="92"/>
      <c r="AX2043" s="92"/>
      <c r="AY2043" s="92"/>
      <c r="AZ2043" s="93"/>
      <c r="BA2043" s="93"/>
      <c r="BB2043" s="93"/>
      <c r="BC2043" s="93"/>
      <c r="BD2043" s="93"/>
      <c r="BE2043" s="93"/>
      <c r="BF2043" s="93"/>
      <c r="BG2043" s="93"/>
      <c r="BH2043" s="93"/>
      <c r="BI2043" s="93"/>
      <c r="BJ2043" s="93"/>
      <c r="BK2043" s="93"/>
      <c r="BL2043" s="93"/>
    </row>
    <row r="2044" spans="2:64" x14ac:dyDescent="0.2">
      <c r="B2044" s="43"/>
      <c r="C2044" s="73"/>
      <c r="D2044" s="64"/>
      <c r="E2044" s="55"/>
      <c r="F2044" s="74"/>
      <c r="G2044" s="74"/>
      <c r="H2044" s="74"/>
      <c r="I2044" s="75"/>
      <c r="J2044" s="74"/>
      <c r="L2044" s="55"/>
      <c r="M2044" s="234"/>
      <c r="N2044" s="65"/>
      <c r="O2044" s="76"/>
      <c r="P2044" s="76"/>
      <c r="Q2044" s="65"/>
      <c r="R2044" s="76"/>
      <c r="S2044" s="76"/>
      <c r="T2044" s="76"/>
      <c r="U2044" s="76"/>
      <c r="V2044" s="76"/>
      <c r="W2044" s="76"/>
      <c r="X2044" s="76"/>
      <c r="Y2044" s="76"/>
      <c r="Z2044" s="76"/>
      <c r="AA2044" s="85"/>
      <c r="AB2044" s="85"/>
      <c r="AC2044" s="85"/>
      <c r="AD2044" s="85"/>
      <c r="AE2044" s="85"/>
      <c r="AF2044" s="85"/>
      <c r="AG2044" s="86"/>
      <c r="AH2044" s="85"/>
      <c r="AI2044" s="85"/>
      <c r="AJ2044" s="85"/>
      <c r="AK2044" s="85"/>
      <c r="AL2044" s="85"/>
      <c r="AM2044" s="92"/>
      <c r="AN2044" s="92"/>
      <c r="AO2044" s="92"/>
      <c r="AP2044" s="92"/>
      <c r="AQ2044" s="92"/>
      <c r="AR2044" s="92"/>
      <c r="AS2044" s="92"/>
      <c r="AT2044" s="92"/>
      <c r="AU2044" s="92"/>
      <c r="AV2044" s="92"/>
      <c r="AW2044" s="92"/>
      <c r="AX2044" s="92"/>
      <c r="AY2044" s="92"/>
      <c r="AZ2044" s="93"/>
      <c r="BA2044" s="93"/>
      <c r="BB2044" s="93"/>
      <c r="BC2044" s="93"/>
      <c r="BD2044" s="93"/>
      <c r="BE2044" s="93"/>
      <c r="BF2044" s="93"/>
      <c r="BG2044" s="93"/>
      <c r="BH2044" s="93"/>
      <c r="BI2044" s="93"/>
      <c r="BJ2044" s="93"/>
      <c r="BK2044" s="93"/>
      <c r="BL2044" s="93"/>
    </row>
    <row r="2045" spans="2:64" x14ac:dyDescent="0.2">
      <c r="B2045" s="43"/>
      <c r="C2045" s="73"/>
      <c r="D2045" s="64"/>
      <c r="E2045" s="55"/>
      <c r="F2045" s="74"/>
      <c r="G2045" s="74"/>
      <c r="H2045" s="74"/>
      <c r="I2045" s="75"/>
      <c r="J2045" s="74"/>
      <c r="L2045" s="55"/>
      <c r="M2045" s="234"/>
      <c r="N2045" s="65"/>
      <c r="O2045" s="76"/>
      <c r="P2045" s="76"/>
      <c r="Q2045" s="65"/>
      <c r="R2045" s="76"/>
      <c r="S2045" s="76"/>
      <c r="T2045" s="76"/>
      <c r="U2045" s="76"/>
      <c r="V2045" s="76"/>
      <c r="W2045" s="76"/>
      <c r="X2045" s="76"/>
      <c r="Y2045" s="76"/>
      <c r="Z2045" s="76"/>
      <c r="AA2045" s="85"/>
      <c r="AB2045" s="85"/>
      <c r="AC2045" s="85"/>
      <c r="AD2045" s="85"/>
      <c r="AE2045" s="85"/>
      <c r="AF2045" s="85"/>
      <c r="AG2045" s="86"/>
      <c r="AH2045" s="85"/>
      <c r="AI2045" s="85"/>
      <c r="AJ2045" s="85"/>
      <c r="AK2045" s="85"/>
      <c r="AL2045" s="85"/>
      <c r="AM2045" s="92"/>
      <c r="AN2045" s="92"/>
      <c r="AO2045" s="92"/>
      <c r="AP2045" s="92"/>
      <c r="AQ2045" s="92"/>
      <c r="AR2045" s="92"/>
      <c r="AS2045" s="92"/>
      <c r="AT2045" s="92"/>
      <c r="AU2045" s="92"/>
      <c r="AV2045" s="92"/>
      <c r="AW2045" s="92"/>
      <c r="AX2045" s="92"/>
      <c r="AY2045" s="92"/>
      <c r="AZ2045" s="93"/>
      <c r="BA2045" s="93"/>
      <c r="BB2045" s="93"/>
      <c r="BC2045" s="93"/>
      <c r="BD2045" s="93"/>
      <c r="BE2045" s="93"/>
      <c r="BF2045" s="93"/>
      <c r="BG2045" s="93"/>
      <c r="BH2045" s="93"/>
      <c r="BI2045" s="93"/>
      <c r="BJ2045" s="93"/>
      <c r="BK2045" s="93"/>
      <c r="BL2045" s="93"/>
    </row>
    <row r="2046" spans="2:64" x14ac:dyDescent="0.2">
      <c r="B2046" s="43"/>
      <c r="C2046" s="73"/>
      <c r="D2046" s="64"/>
      <c r="E2046" s="55"/>
      <c r="F2046" s="74"/>
      <c r="G2046" s="74"/>
      <c r="H2046" s="74"/>
      <c r="I2046" s="75"/>
      <c r="J2046" s="74"/>
      <c r="L2046" s="55"/>
      <c r="M2046" s="234"/>
      <c r="N2046" s="65"/>
      <c r="O2046" s="76"/>
      <c r="P2046" s="76"/>
      <c r="Q2046" s="65"/>
      <c r="R2046" s="76"/>
      <c r="S2046" s="76"/>
      <c r="T2046" s="76"/>
      <c r="U2046" s="76"/>
      <c r="V2046" s="76"/>
      <c r="W2046" s="76"/>
      <c r="X2046" s="76"/>
      <c r="Y2046" s="76"/>
      <c r="Z2046" s="76"/>
      <c r="AA2046" s="85"/>
      <c r="AB2046" s="85"/>
      <c r="AC2046" s="85"/>
      <c r="AD2046" s="85"/>
      <c r="AE2046" s="85"/>
      <c r="AF2046" s="85"/>
      <c r="AG2046" s="86"/>
      <c r="AH2046" s="85"/>
      <c r="AI2046" s="85"/>
      <c r="AJ2046" s="85"/>
      <c r="AK2046" s="85"/>
      <c r="AL2046" s="85"/>
      <c r="AM2046" s="92"/>
      <c r="AN2046" s="92"/>
      <c r="AO2046" s="92"/>
      <c r="AP2046" s="92"/>
      <c r="AQ2046" s="92"/>
      <c r="AR2046" s="92"/>
      <c r="AS2046" s="92"/>
      <c r="AT2046" s="92"/>
      <c r="AU2046" s="92"/>
      <c r="AV2046" s="92"/>
      <c r="AW2046" s="92"/>
      <c r="AX2046" s="92"/>
      <c r="AY2046" s="92"/>
      <c r="AZ2046" s="93"/>
      <c r="BA2046" s="93"/>
      <c r="BB2046" s="93"/>
      <c r="BC2046" s="93"/>
      <c r="BD2046" s="93"/>
      <c r="BE2046" s="93"/>
      <c r="BF2046" s="93"/>
      <c r="BG2046" s="93"/>
      <c r="BH2046" s="93"/>
      <c r="BI2046" s="93"/>
      <c r="BJ2046" s="93"/>
      <c r="BK2046" s="93"/>
      <c r="BL2046" s="93"/>
    </row>
    <row r="2047" spans="2:64" x14ac:dyDescent="0.2">
      <c r="B2047" s="43"/>
      <c r="C2047" s="73"/>
      <c r="D2047" s="64"/>
      <c r="E2047" s="55"/>
      <c r="F2047" s="74"/>
      <c r="G2047" s="74"/>
      <c r="H2047" s="74"/>
      <c r="I2047" s="75"/>
      <c r="J2047" s="74"/>
      <c r="L2047" s="55"/>
      <c r="M2047" s="234"/>
      <c r="N2047" s="65"/>
      <c r="O2047" s="76"/>
      <c r="P2047" s="76"/>
      <c r="Q2047" s="65"/>
      <c r="R2047" s="76"/>
      <c r="S2047" s="76"/>
      <c r="T2047" s="76"/>
      <c r="U2047" s="76"/>
      <c r="V2047" s="76"/>
      <c r="W2047" s="76"/>
      <c r="X2047" s="76"/>
      <c r="Y2047" s="76"/>
      <c r="Z2047" s="76"/>
      <c r="AA2047" s="85"/>
      <c r="AB2047" s="85"/>
      <c r="AC2047" s="85"/>
      <c r="AD2047" s="85"/>
      <c r="AE2047" s="85"/>
      <c r="AF2047" s="85"/>
      <c r="AG2047" s="86"/>
      <c r="AH2047" s="85"/>
      <c r="AI2047" s="85"/>
      <c r="AJ2047" s="85"/>
      <c r="AK2047" s="85"/>
      <c r="AL2047" s="85"/>
      <c r="AM2047" s="92"/>
      <c r="AN2047" s="92"/>
      <c r="AO2047" s="92"/>
      <c r="AP2047" s="92"/>
      <c r="AQ2047" s="92"/>
      <c r="AR2047" s="92"/>
      <c r="AS2047" s="92"/>
      <c r="AT2047" s="92"/>
      <c r="AU2047" s="92"/>
      <c r="AV2047" s="92"/>
      <c r="AW2047" s="92"/>
      <c r="AX2047" s="92"/>
      <c r="AY2047" s="92"/>
      <c r="AZ2047" s="93"/>
      <c r="BA2047" s="93"/>
      <c r="BB2047" s="93"/>
      <c r="BC2047" s="93"/>
      <c r="BD2047" s="93"/>
      <c r="BE2047" s="93"/>
      <c r="BF2047" s="93"/>
      <c r="BG2047" s="93"/>
      <c r="BH2047" s="93"/>
      <c r="BI2047" s="93"/>
      <c r="BJ2047" s="93"/>
      <c r="BK2047" s="93"/>
      <c r="BL2047" s="93"/>
    </row>
    <row r="2048" spans="2:64" x14ac:dyDescent="0.2">
      <c r="B2048" s="43"/>
      <c r="C2048" s="73"/>
      <c r="D2048" s="64"/>
      <c r="E2048" s="55"/>
      <c r="F2048" s="74"/>
      <c r="G2048" s="74"/>
      <c r="H2048" s="74"/>
      <c r="I2048" s="75"/>
      <c r="J2048" s="74"/>
      <c r="L2048" s="55"/>
      <c r="M2048" s="234"/>
      <c r="N2048" s="65"/>
      <c r="O2048" s="76"/>
      <c r="P2048" s="76"/>
      <c r="Q2048" s="65"/>
      <c r="R2048" s="76"/>
      <c r="S2048" s="76"/>
      <c r="T2048" s="76"/>
      <c r="U2048" s="76"/>
      <c r="V2048" s="76"/>
      <c r="W2048" s="76"/>
      <c r="X2048" s="76"/>
      <c r="Y2048" s="76"/>
      <c r="Z2048" s="76"/>
      <c r="AA2048" s="85"/>
      <c r="AB2048" s="85"/>
      <c r="AC2048" s="85"/>
      <c r="AD2048" s="85"/>
      <c r="AE2048" s="85"/>
      <c r="AF2048" s="85"/>
      <c r="AG2048" s="86"/>
      <c r="AH2048" s="85"/>
      <c r="AI2048" s="85"/>
      <c r="AJ2048" s="85"/>
      <c r="AK2048" s="85"/>
      <c r="AL2048" s="85"/>
      <c r="AM2048" s="92"/>
      <c r="AN2048" s="92"/>
      <c r="AO2048" s="92"/>
      <c r="AP2048" s="92"/>
      <c r="AQ2048" s="92"/>
      <c r="AR2048" s="92"/>
      <c r="AS2048" s="92"/>
      <c r="AT2048" s="92"/>
      <c r="AU2048" s="92"/>
      <c r="AV2048" s="92"/>
      <c r="AW2048" s="92"/>
      <c r="AX2048" s="92"/>
      <c r="AY2048" s="92"/>
      <c r="AZ2048" s="93"/>
      <c r="BA2048" s="93"/>
      <c r="BB2048" s="93"/>
      <c r="BC2048" s="93"/>
      <c r="BD2048" s="93"/>
      <c r="BE2048" s="93"/>
      <c r="BF2048" s="93"/>
      <c r="BG2048" s="93"/>
      <c r="BH2048" s="93"/>
      <c r="BI2048" s="93"/>
      <c r="BJ2048" s="93"/>
      <c r="BK2048" s="93"/>
      <c r="BL2048" s="93"/>
    </row>
    <row r="2049" spans="2:64" x14ac:dyDescent="0.2">
      <c r="B2049" s="43"/>
      <c r="C2049" s="73"/>
      <c r="D2049" s="64"/>
      <c r="E2049" s="55"/>
      <c r="F2049" s="74"/>
      <c r="G2049" s="74"/>
      <c r="H2049" s="74"/>
      <c r="I2049" s="75"/>
      <c r="J2049" s="74"/>
      <c r="L2049" s="55"/>
      <c r="M2049" s="234"/>
      <c r="N2049" s="65"/>
      <c r="O2049" s="76"/>
      <c r="P2049" s="76"/>
      <c r="Q2049" s="65"/>
      <c r="R2049" s="76"/>
      <c r="S2049" s="76"/>
      <c r="T2049" s="76"/>
      <c r="U2049" s="76"/>
      <c r="V2049" s="76"/>
      <c r="W2049" s="76"/>
      <c r="X2049" s="76"/>
      <c r="Y2049" s="76"/>
      <c r="Z2049" s="76"/>
      <c r="AA2049" s="85"/>
      <c r="AB2049" s="85"/>
      <c r="AC2049" s="85"/>
      <c r="AD2049" s="85"/>
      <c r="AE2049" s="85"/>
      <c r="AF2049" s="85"/>
      <c r="AG2049" s="86"/>
      <c r="AH2049" s="85"/>
      <c r="AI2049" s="85"/>
      <c r="AJ2049" s="85"/>
      <c r="AK2049" s="85"/>
      <c r="AL2049" s="85"/>
      <c r="AM2049" s="92"/>
      <c r="AN2049" s="92"/>
      <c r="AO2049" s="92"/>
      <c r="AP2049" s="92"/>
      <c r="AQ2049" s="92"/>
      <c r="AR2049" s="92"/>
      <c r="AS2049" s="92"/>
      <c r="AT2049" s="92"/>
      <c r="AU2049" s="92"/>
      <c r="AV2049" s="92"/>
      <c r="AW2049" s="92"/>
      <c r="AX2049" s="92"/>
      <c r="AY2049" s="92"/>
      <c r="AZ2049" s="93"/>
      <c r="BA2049" s="93"/>
      <c r="BB2049" s="93"/>
      <c r="BC2049" s="93"/>
      <c r="BD2049" s="93"/>
      <c r="BE2049" s="93"/>
      <c r="BF2049" s="93"/>
      <c r="BG2049" s="93"/>
      <c r="BH2049" s="93"/>
      <c r="BI2049" s="93"/>
      <c r="BJ2049" s="93"/>
      <c r="BK2049" s="93"/>
      <c r="BL2049" s="93"/>
    </row>
    <row r="2050" spans="2:64" x14ac:dyDescent="0.2">
      <c r="B2050" s="43"/>
      <c r="C2050" s="73"/>
      <c r="D2050" s="64"/>
      <c r="E2050" s="55"/>
      <c r="F2050" s="74"/>
      <c r="G2050" s="74"/>
      <c r="H2050" s="74"/>
      <c r="I2050" s="75"/>
      <c r="J2050" s="74"/>
      <c r="L2050" s="55"/>
      <c r="M2050" s="234"/>
      <c r="N2050" s="65"/>
      <c r="O2050" s="76"/>
      <c r="P2050" s="76"/>
      <c r="Q2050" s="65"/>
      <c r="R2050" s="76"/>
      <c r="S2050" s="76"/>
      <c r="T2050" s="76"/>
      <c r="U2050" s="76"/>
      <c r="V2050" s="76"/>
      <c r="W2050" s="76"/>
      <c r="X2050" s="76"/>
      <c r="Y2050" s="76"/>
      <c r="Z2050" s="76"/>
      <c r="AA2050" s="85"/>
      <c r="AB2050" s="85"/>
      <c r="AC2050" s="85"/>
      <c r="AD2050" s="85"/>
      <c r="AE2050" s="85"/>
      <c r="AF2050" s="85"/>
      <c r="AG2050" s="86"/>
      <c r="AH2050" s="85"/>
      <c r="AI2050" s="85"/>
      <c r="AJ2050" s="85"/>
      <c r="AK2050" s="85"/>
      <c r="AL2050" s="85"/>
      <c r="AM2050" s="92"/>
      <c r="AN2050" s="92"/>
      <c r="AO2050" s="92"/>
      <c r="AP2050" s="92"/>
      <c r="AQ2050" s="92"/>
      <c r="AR2050" s="92"/>
      <c r="AS2050" s="92"/>
      <c r="AT2050" s="92"/>
      <c r="AU2050" s="92"/>
      <c r="AV2050" s="92"/>
      <c r="AW2050" s="92"/>
      <c r="AX2050" s="92"/>
      <c r="AY2050" s="92"/>
      <c r="AZ2050" s="93"/>
      <c r="BA2050" s="93"/>
      <c r="BB2050" s="93"/>
      <c r="BC2050" s="93"/>
      <c r="BD2050" s="93"/>
      <c r="BE2050" s="93"/>
      <c r="BF2050" s="93"/>
      <c r="BG2050" s="93"/>
      <c r="BH2050" s="93"/>
      <c r="BI2050" s="93"/>
      <c r="BJ2050" s="93"/>
      <c r="BK2050" s="93"/>
      <c r="BL2050" s="93"/>
    </row>
    <row r="2051" spans="2:64" x14ac:dyDescent="0.2">
      <c r="B2051" s="43"/>
      <c r="C2051" s="73"/>
      <c r="D2051" s="64"/>
      <c r="E2051" s="55"/>
      <c r="F2051" s="74"/>
      <c r="G2051" s="74"/>
      <c r="H2051" s="74"/>
      <c r="I2051" s="75"/>
      <c r="J2051" s="74"/>
      <c r="L2051" s="55"/>
      <c r="M2051" s="234"/>
      <c r="N2051" s="65"/>
      <c r="O2051" s="76"/>
      <c r="P2051" s="76"/>
      <c r="Q2051" s="65"/>
      <c r="R2051" s="76"/>
      <c r="S2051" s="76"/>
      <c r="T2051" s="76"/>
      <c r="U2051" s="76"/>
      <c r="V2051" s="76"/>
      <c r="W2051" s="76"/>
      <c r="X2051" s="76"/>
      <c r="Y2051" s="76"/>
      <c r="Z2051" s="76"/>
      <c r="AA2051" s="85"/>
      <c r="AB2051" s="85"/>
      <c r="AC2051" s="85"/>
      <c r="AD2051" s="85"/>
      <c r="AE2051" s="85"/>
      <c r="AF2051" s="85"/>
      <c r="AG2051" s="86"/>
      <c r="AH2051" s="85"/>
      <c r="AI2051" s="85"/>
      <c r="AJ2051" s="85"/>
      <c r="AK2051" s="85"/>
      <c r="AL2051" s="85"/>
      <c r="AM2051" s="92"/>
      <c r="AN2051" s="92"/>
      <c r="AO2051" s="92"/>
      <c r="AP2051" s="92"/>
      <c r="AQ2051" s="92"/>
      <c r="AR2051" s="92"/>
      <c r="AS2051" s="92"/>
      <c r="AT2051" s="92"/>
      <c r="AU2051" s="92"/>
      <c r="AV2051" s="92"/>
      <c r="AW2051" s="92"/>
      <c r="AX2051" s="92"/>
      <c r="AY2051" s="92"/>
      <c r="AZ2051" s="93"/>
      <c r="BA2051" s="93"/>
      <c r="BB2051" s="93"/>
      <c r="BC2051" s="93"/>
      <c r="BD2051" s="93"/>
      <c r="BE2051" s="93"/>
      <c r="BF2051" s="93"/>
      <c r="BG2051" s="93"/>
      <c r="BH2051" s="93"/>
      <c r="BI2051" s="93"/>
      <c r="BJ2051" s="93"/>
      <c r="BK2051" s="93"/>
      <c r="BL2051" s="93"/>
    </row>
    <row r="2052" spans="2:64" x14ac:dyDescent="0.2">
      <c r="B2052" s="43"/>
      <c r="C2052" s="73"/>
      <c r="D2052" s="64"/>
      <c r="E2052" s="55"/>
      <c r="F2052" s="74"/>
      <c r="G2052" s="74"/>
      <c r="H2052" s="74"/>
      <c r="I2052" s="75"/>
      <c r="J2052" s="74"/>
      <c r="L2052" s="55"/>
      <c r="M2052" s="234"/>
      <c r="N2052" s="65"/>
      <c r="O2052" s="76"/>
      <c r="P2052" s="76"/>
      <c r="Q2052" s="65"/>
      <c r="R2052" s="76"/>
      <c r="S2052" s="76"/>
      <c r="T2052" s="76"/>
      <c r="U2052" s="76"/>
      <c r="V2052" s="76"/>
      <c r="W2052" s="76"/>
      <c r="X2052" s="76"/>
      <c r="Y2052" s="76"/>
      <c r="Z2052" s="76"/>
      <c r="AA2052" s="85"/>
      <c r="AB2052" s="85"/>
      <c r="AC2052" s="85"/>
      <c r="AD2052" s="85"/>
      <c r="AE2052" s="85"/>
      <c r="AF2052" s="85"/>
      <c r="AG2052" s="86"/>
      <c r="AH2052" s="85"/>
      <c r="AI2052" s="85"/>
      <c r="AJ2052" s="85"/>
      <c r="AK2052" s="85"/>
      <c r="AL2052" s="85"/>
      <c r="AM2052" s="92"/>
      <c r="AN2052" s="92"/>
      <c r="AO2052" s="92"/>
      <c r="AP2052" s="92"/>
      <c r="AQ2052" s="92"/>
      <c r="AR2052" s="92"/>
      <c r="AS2052" s="92"/>
      <c r="AT2052" s="92"/>
      <c r="AU2052" s="92"/>
      <c r="AV2052" s="92"/>
      <c r="AW2052" s="92"/>
      <c r="AX2052" s="92"/>
      <c r="AY2052" s="92"/>
      <c r="AZ2052" s="93"/>
      <c r="BA2052" s="93"/>
      <c r="BB2052" s="93"/>
      <c r="BC2052" s="93"/>
      <c r="BD2052" s="93"/>
      <c r="BE2052" s="93"/>
      <c r="BF2052" s="93"/>
      <c r="BG2052" s="93"/>
      <c r="BH2052" s="93"/>
      <c r="BI2052" s="93"/>
      <c r="BJ2052" s="93"/>
      <c r="BK2052" s="93"/>
      <c r="BL2052" s="93"/>
    </row>
    <row r="2053" spans="2:64" x14ac:dyDescent="0.2">
      <c r="B2053" s="43"/>
      <c r="C2053" s="73"/>
      <c r="D2053" s="64"/>
      <c r="E2053" s="55"/>
      <c r="F2053" s="74"/>
      <c r="G2053" s="74"/>
      <c r="H2053" s="74"/>
      <c r="I2053" s="75"/>
      <c r="J2053" s="74"/>
      <c r="L2053" s="55"/>
      <c r="M2053" s="234"/>
      <c r="N2053" s="65"/>
      <c r="O2053" s="76"/>
      <c r="P2053" s="76"/>
      <c r="Q2053" s="65"/>
      <c r="R2053" s="76"/>
      <c r="S2053" s="76"/>
      <c r="T2053" s="76"/>
      <c r="U2053" s="76"/>
      <c r="V2053" s="76"/>
      <c r="W2053" s="76"/>
      <c r="X2053" s="76"/>
      <c r="Y2053" s="76"/>
      <c r="Z2053" s="76"/>
      <c r="AA2053" s="85"/>
      <c r="AB2053" s="85"/>
      <c r="AC2053" s="85"/>
      <c r="AD2053" s="85"/>
      <c r="AE2053" s="85"/>
      <c r="AF2053" s="85"/>
      <c r="AG2053" s="86"/>
      <c r="AH2053" s="85"/>
      <c r="AI2053" s="85"/>
      <c r="AJ2053" s="85"/>
      <c r="AK2053" s="85"/>
      <c r="AL2053" s="85"/>
      <c r="AM2053" s="92"/>
      <c r="AN2053" s="92"/>
      <c r="AO2053" s="92"/>
      <c r="AP2053" s="92"/>
      <c r="AQ2053" s="92"/>
      <c r="AR2053" s="92"/>
      <c r="AS2053" s="92"/>
      <c r="AT2053" s="92"/>
      <c r="AU2053" s="92"/>
      <c r="AV2053" s="92"/>
      <c r="AW2053" s="92"/>
      <c r="AX2053" s="92"/>
      <c r="AY2053" s="92"/>
      <c r="AZ2053" s="93"/>
      <c r="BA2053" s="93"/>
      <c r="BB2053" s="93"/>
      <c r="BC2053" s="93"/>
      <c r="BD2053" s="93"/>
      <c r="BE2053" s="93"/>
      <c r="BF2053" s="93"/>
      <c r="BG2053" s="93"/>
      <c r="BH2053" s="93"/>
      <c r="BI2053" s="93"/>
      <c r="BJ2053" s="93"/>
      <c r="BK2053" s="93"/>
      <c r="BL2053" s="93"/>
    </row>
    <row r="2054" spans="2:64" x14ac:dyDescent="0.2">
      <c r="B2054" s="43"/>
      <c r="C2054" s="73"/>
      <c r="D2054" s="64"/>
      <c r="E2054" s="55"/>
      <c r="F2054" s="74"/>
      <c r="G2054" s="74"/>
      <c r="H2054" s="74"/>
      <c r="I2054" s="75"/>
      <c r="J2054" s="74"/>
      <c r="L2054" s="55"/>
      <c r="M2054" s="234"/>
      <c r="N2054" s="65"/>
      <c r="O2054" s="76"/>
      <c r="P2054" s="76"/>
      <c r="Q2054" s="65"/>
      <c r="R2054" s="76"/>
      <c r="S2054" s="76"/>
      <c r="T2054" s="76"/>
      <c r="U2054" s="76"/>
      <c r="V2054" s="76"/>
      <c r="W2054" s="76"/>
      <c r="X2054" s="76"/>
      <c r="Y2054" s="76"/>
      <c r="Z2054" s="76"/>
      <c r="AA2054" s="85"/>
      <c r="AB2054" s="85"/>
      <c r="AC2054" s="85"/>
      <c r="AD2054" s="85"/>
      <c r="AE2054" s="85"/>
      <c r="AF2054" s="85"/>
      <c r="AG2054" s="86"/>
      <c r="AH2054" s="85"/>
      <c r="AI2054" s="85"/>
      <c r="AJ2054" s="85"/>
      <c r="AK2054" s="85"/>
      <c r="AL2054" s="85"/>
      <c r="AM2054" s="92"/>
      <c r="AN2054" s="92"/>
      <c r="AO2054" s="92"/>
      <c r="AP2054" s="92"/>
      <c r="AQ2054" s="92"/>
      <c r="AR2054" s="92"/>
      <c r="AS2054" s="92"/>
      <c r="AT2054" s="92"/>
      <c r="AU2054" s="92"/>
      <c r="AV2054" s="92"/>
      <c r="AW2054" s="92"/>
      <c r="AX2054" s="92"/>
      <c r="AY2054" s="92"/>
      <c r="AZ2054" s="93"/>
      <c r="BA2054" s="93"/>
      <c r="BB2054" s="93"/>
      <c r="BC2054" s="93"/>
      <c r="BD2054" s="93"/>
      <c r="BE2054" s="93"/>
      <c r="BF2054" s="93"/>
      <c r="BG2054" s="93"/>
      <c r="BH2054" s="93"/>
      <c r="BI2054" s="93"/>
      <c r="BJ2054" s="93"/>
      <c r="BK2054" s="93"/>
      <c r="BL2054" s="93"/>
    </row>
    <row r="2055" spans="2:64" x14ac:dyDescent="0.2">
      <c r="B2055" s="43"/>
      <c r="C2055" s="73"/>
      <c r="D2055" s="64"/>
      <c r="E2055" s="55"/>
      <c r="F2055" s="74"/>
      <c r="G2055" s="74"/>
      <c r="H2055" s="74"/>
      <c r="I2055" s="75"/>
      <c r="J2055" s="74"/>
      <c r="L2055" s="55"/>
      <c r="M2055" s="234"/>
      <c r="N2055" s="65"/>
      <c r="O2055" s="76"/>
      <c r="P2055" s="76"/>
      <c r="Q2055" s="65"/>
      <c r="R2055" s="76"/>
      <c r="S2055" s="76"/>
      <c r="T2055" s="76"/>
      <c r="U2055" s="76"/>
      <c r="V2055" s="76"/>
      <c r="W2055" s="76"/>
      <c r="X2055" s="76"/>
      <c r="Y2055" s="76"/>
      <c r="Z2055" s="76"/>
      <c r="AA2055" s="85"/>
      <c r="AB2055" s="85"/>
      <c r="AC2055" s="85"/>
      <c r="AD2055" s="85"/>
      <c r="AE2055" s="85"/>
      <c r="AF2055" s="85"/>
      <c r="AG2055" s="86"/>
      <c r="AH2055" s="85"/>
      <c r="AI2055" s="85"/>
      <c r="AJ2055" s="85"/>
      <c r="AK2055" s="85"/>
      <c r="AL2055" s="85"/>
      <c r="AM2055" s="92"/>
      <c r="AN2055" s="92"/>
      <c r="AO2055" s="92"/>
      <c r="AP2055" s="92"/>
      <c r="AQ2055" s="92"/>
      <c r="AR2055" s="92"/>
      <c r="AS2055" s="92"/>
      <c r="AT2055" s="92"/>
      <c r="AU2055" s="92"/>
      <c r="AV2055" s="92"/>
      <c r="AW2055" s="92"/>
      <c r="AX2055" s="92"/>
      <c r="AY2055" s="92"/>
      <c r="AZ2055" s="93"/>
      <c r="BA2055" s="93"/>
      <c r="BB2055" s="93"/>
      <c r="BC2055" s="93"/>
      <c r="BD2055" s="93"/>
      <c r="BE2055" s="93"/>
      <c r="BF2055" s="93"/>
      <c r="BG2055" s="93"/>
      <c r="BH2055" s="93"/>
      <c r="BI2055" s="93"/>
      <c r="BJ2055" s="93"/>
      <c r="BK2055" s="93"/>
      <c r="BL2055" s="93"/>
    </row>
    <row r="2056" spans="2:64" x14ac:dyDescent="0.2">
      <c r="B2056" s="43"/>
      <c r="C2056" s="73"/>
      <c r="D2056" s="64"/>
      <c r="E2056" s="55"/>
      <c r="F2056" s="74"/>
      <c r="G2056" s="74"/>
      <c r="H2056" s="74"/>
      <c r="I2056" s="75"/>
      <c r="J2056" s="74"/>
      <c r="L2056" s="55"/>
      <c r="M2056" s="234"/>
      <c r="N2056" s="65"/>
      <c r="O2056" s="76"/>
      <c r="P2056" s="76"/>
      <c r="Q2056" s="65"/>
      <c r="R2056" s="76"/>
      <c r="S2056" s="76"/>
      <c r="T2056" s="76"/>
      <c r="U2056" s="76"/>
      <c r="V2056" s="76"/>
      <c r="W2056" s="76"/>
      <c r="X2056" s="76"/>
      <c r="Y2056" s="76"/>
      <c r="Z2056" s="76"/>
      <c r="AA2056" s="85"/>
      <c r="AB2056" s="85"/>
      <c r="AC2056" s="85"/>
      <c r="AD2056" s="85"/>
      <c r="AE2056" s="85"/>
      <c r="AF2056" s="85"/>
      <c r="AG2056" s="86"/>
      <c r="AH2056" s="85"/>
      <c r="AI2056" s="85"/>
      <c r="AJ2056" s="85"/>
      <c r="AK2056" s="85"/>
      <c r="AL2056" s="85"/>
      <c r="AM2056" s="92"/>
      <c r="AN2056" s="92"/>
      <c r="AO2056" s="92"/>
      <c r="AP2056" s="92"/>
      <c r="AQ2056" s="92"/>
      <c r="AR2056" s="92"/>
      <c r="AS2056" s="92"/>
      <c r="AT2056" s="92"/>
      <c r="AU2056" s="92"/>
      <c r="AV2056" s="92"/>
      <c r="AW2056" s="92"/>
      <c r="AX2056" s="92"/>
      <c r="AY2056" s="92"/>
      <c r="AZ2056" s="93"/>
      <c r="BA2056" s="93"/>
      <c r="BB2056" s="93"/>
      <c r="BC2056" s="93"/>
      <c r="BD2056" s="93"/>
      <c r="BE2056" s="93"/>
      <c r="BF2056" s="93"/>
      <c r="BG2056" s="93"/>
      <c r="BH2056" s="93"/>
      <c r="BI2056" s="93"/>
      <c r="BJ2056" s="93"/>
      <c r="BK2056" s="93"/>
      <c r="BL2056" s="93"/>
    </row>
    <row r="2057" spans="2:64" x14ac:dyDescent="0.2">
      <c r="B2057" s="43"/>
      <c r="C2057" s="73"/>
      <c r="D2057" s="64"/>
      <c r="E2057" s="55"/>
      <c r="F2057" s="74"/>
      <c r="G2057" s="74"/>
      <c r="H2057" s="74"/>
      <c r="I2057" s="75"/>
      <c r="J2057" s="74"/>
      <c r="L2057" s="55"/>
      <c r="M2057" s="234"/>
      <c r="N2057" s="65"/>
      <c r="O2057" s="76"/>
      <c r="P2057" s="76"/>
      <c r="Q2057" s="65"/>
      <c r="R2057" s="76"/>
      <c r="S2057" s="76"/>
      <c r="T2057" s="76"/>
      <c r="U2057" s="76"/>
      <c r="V2057" s="76"/>
      <c r="W2057" s="76"/>
      <c r="X2057" s="76"/>
      <c r="Y2057" s="76"/>
      <c r="Z2057" s="76"/>
      <c r="AA2057" s="85"/>
      <c r="AB2057" s="85"/>
      <c r="AC2057" s="85"/>
      <c r="AD2057" s="85"/>
      <c r="AE2057" s="85"/>
      <c r="AF2057" s="85"/>
      <c r="AG2057" s="86"/>
      <c r="AH2057" s="85"/>
      <c r="AI2057" s="85"/>
      <c r="AJ2057" s="85"/>
      <c r="AK2057" s="85"/>
      <c r="AL2057" s="85"/>
      <c r="AM2057" s="92"/>
      <c r="AN2057" s="92"/>
      <c r="AO2057" s="92"/>
      <c r="AP2057" s="92"/>
      <c r="AQ2057" s="92"/>
      <c r="AR2057" s="92"/>
      <c r="AS2057" s="92"/>
      <c r="AT2057" s="92"/>
      <c r="AU2057" s="92"/>
      <c r="AV2057" s="92"/>
      <c r="AW2057" s="92"/>
      <c r="AX2057" s="92"/>
      <c r="AY2057" s="92"/>
      <c r="AZ2057" s="93"/>
      <c r="BA2057" s="93"/>
      <c r="BB2057" s="93"/>
      <c r="BC2057" s="93"/>
      <c r="BD2057" s="93"/>
      <c r="BE2057" s="93"/>
      <c r="BF2057" s="93"/>
      <c r="BG2057" s="93"/>
      <c r="BH2057" s="93"/>
      <c r="BI2057" s="93"/>
      <c r="BJ2057" s="93"/>
      <c r="BK2057" s="93"/>
      <c r="BL2057" s="93"/>
    </row>
    <row r="2058" spans="2:64" x14ac:dyDescent="0.2">
      <c r="B2058" s="43"/>
      <c r="C2058" s="73"/>
      <c r="D2058" s="64"/>
      <c r="E2058" s="55"/>
      <c r="F2058" s="74"/>
      <c r="G2058" s="74"/>
      <c r="H2058" s="74"/>
      <c r="I2058" s="75"/>
      <c r="J2058" s="74"/>
      <c r="L2058" s="55"/>
      <c r="M2058" s="234"/>
      <c r="N2058" s="65"/>
      <c r="O2058" s="76"/>
      <c r="P2058" s="76"/>
      <c r="Q2058" s="65"/>
      <c r="R2058" s="76"/>
      <c r="S2058" s="76"/>
      <c r="T2058" s="76"/>
      <c r="U2058" s="76"/>
      <c r="V2058" s="76"/>
      <c r="W2058" s="76"/>
      <c r="X2058" s="76"/>
      <c r="Y2058" s="76"/>
      <c r="Z2058" s="76"/>
      <c r="AA2058" s="85"/>
      <c r="AB2058" s="85"/>
      <c r="AC2058" s="85"/>
      <c r="AD2058" s="85"/>
      <c r="AE2058" s="85"/>
      <c r="AF2058" s="85"/>
      <c r="AG2058" s="86"/>
      <c r="AH2058" s="85"/>
      <c r="AI2058" s="85"/>
      <c r="AJ2058" s="85"/>
      <c r="AK2058" s="85"/>
      <c r="AL2058" s="85"/>
      <c r="AM2058" s="92"/>
      <c r="AN2058" s="92"/>
      <c r="AO2058" s="92"/>
      <c r="AP2058" s="92"/>
      <c r="AQ2058" s="92"/>
      <c r="AR2058" s="92"/>
      <c r="AS2058" s="92"/>
      <c r="AT2058" s="92"/>
      <c r="AU2058" s="92"/>
      <c r="AV2058" s="92"/>
      <c r="AW2058" s="92"/>
      <c r="AX2058" s="92"/>
      <c r="AY2058" s="92"/>
      <c r="AZ2058" s="93"/>
      <c r="BA2058" s="93"/>
      <c r="BB2058" s="93"/>
      <c r="BC2058" s="93"/>
      <c r="BD2058" s="93"/>
      <c r="BE2058" s="93"/>
      <c r="BF2058" s="93"/>
      <c r="BG2058" s="93"/>
      <c r="BH2058" s="93"/>
      <c r="BI2058" s="93"/>
      <c r="BJ2058" s="93"/>
      <c r="BK2058" s="93"/>
      <c r="BL2058" s="93"/>
    </row>
    <row r="2059" spans="2:64" x14ac:dyDescent="0.2">
      <c r="B2059" s="43"/>
      <c r="C2059" s="73"/>
      <c r="D2059" s="64"/>
      <c r="E2059" s="55"/>
      <c r="F2059" s="74"/>
      <c r="G2059" s="74"/>
      <c r="H2059" s="74"/>
      <c r="I2059" s="75"/>
      <c r="J2059" s="74"/>
      <c r="L2059" s="55"/>
      <c r="M2059" s="234"/>
      <c r="N2059" s="65"/>
      <c r="O2059" s="76"/>
      <c r="P2059" s="76"/>
      <c r="Q2059" s="65"/>
      <c r="R2059" s="76"/>
      <c r="S2059" s="76"/>
      <c r="T2059" s="76"/>
      <c r="U2059" s="76"/>
      <c r="V2059" s="76"/>
      <c r="W2059" s="76"/>
      <c r="X2059" s="76"/>
      <c r="Y2059" s="76"/>
      <c r="Z2059" s="76"/>
      <c r="AA2059" s="85"/>
      <c r="AB2059" s="85"/>
      <c r="AC2059" s="85"/>
      <c r="AD2059" s="85"/>
      <c r="AE2059" s="85"/>
      <c r="AF2059" s="85"/>
      <c r="AG2059" s="86"/>
      <c r="AH2059" s="85"/>
      <c r="AI2059" s="85"/>
      <c r="AJ2059" s="85"/>
      <c r="AK2059" s="85"/>
      <c r="AL2059" s="85"/>
      <c r="AM2059" s="92"/>
      <c r="AN2059" s="92"/>
      <c r="AO2059" s="92"/>
      <c r="AP2059" s="92"/>
      <c r="AQ2059" s="92"/>
      <c r="AR2059" s="92"/>
      <c r="AS2059" s="92"/>
      <c r="AT2059" s="92"/>
      <c r="AU2059" s="92"/>
      <c r="AV2059" s="92"/>
      <c r="AW2059" s="92"/>
      <c r="AX2059" s="92"/>
      <c r="AY2059" s="92"/>
      <c r="AZ2059" s="93"/>
      <c r="BA2059" s="93"/>
      <c r="BB2059" s="93"/>
      <c r="BC2059" s="93"/>
      <c r="BD2059" s="93"/>
      <c r="BE2059" s="93"/>
      <c r="BF2059" s="93"/>
      <c r="BG2059" s="93"/>
      <c r="BH2059" s="93"/>
      <c r="BI2059" s="93"/>
      <c r="BJ2059" s="93"/>
      <c r="BK2059" s="93"/>
      <c r="BL2059" s="93"/>
    </row>
    <row r="2060" spans="2:64" x14ac:dyDescent="0.2">
      <c r="B2060" s="43"/>
      <c r="C2060" s="73"/>
      <c r="D2060" s="64"/>
      <c r="E2060" s="55"/>
      <c r="F2060" s="74"/>
      <c r="G2060" s="74"/>
      <c r="H2060" s="74"/>
      <c r="I2060" s="75"/>
      <c r="J2060" s="74"/>
      <c r="L2060" s="55"/>
      <c r="M2060" s="234"/>
      <c r="N2060" s="65"/>
      <c r="O2060" s="76"/>
      <c r="P2060" s="76"/>
      <c r="Q2060" s="65"/>
      <c r="R2060" s="76"/>
      <c r="S2060" s="76"/>
      <c r="T2060" s="76"/>
      <c r="U2060" s="76"/>
      <c r="V2060" s="76"/>
      <c r="W2060" s="76"/>
      <c r="X2060" s="76"/>
      <c r="Y2060" s="76"/>
      <c r="Z2060" s="76"/>
      <c r="AA2060" s="85"/>
      <c r="AB2060" s="85"/>
      <c r="AC2060" s="85"/>
      <c r="AD2060" s="85"/>
      <c r="AE2060" s="85"/>
      <c r="AF2060" s="85"/>
      <c r="AG2060" s="86"/>
      <c r="AH2060" s="85"/>
      <c r="AI2060" s="85"/>
      <c r="AJ2060" s="85"/>
      <c r="AK2060" s="85"/>
      <c r="AL2060" s="85"/>
      <c r="AM2060" s="92"/>
      <c r="AN2060" s="92"/>
      <c r="AO2060" s="92"/>
      <c r="AP2060" s="92"/>
      <c r="AQ2060" s="92"/>
      <c r="AR2060" s="92"/>
      <c r="AS2060" s="92"/>
      <c r="AT2060" s="92"/>
      <c r="AU2060" s="92"/>
      <c r="AV2060" s="92"/>
      <c r="AW2060" s="92"/>
      <c r="AX2060" s="92"/>
      <c r="AY2060" s="92"/>
      <c r="AZ2060" s="93"/>
      <c r="BA2060" s="93"/>
      <c r="BB2060" s="93"/>
      <c r="BC2060" s="93"/>
      <c r="BD2060" s="93"/>
      <c r="BE2060" s="93"/>
      <c r="BF2060" s="93"/>
      <c r="BG2060" s="93"/>
      <c r="BH2060" s="93"/>
      <c r="BI2060" s="93"/>
      <c r="BJ2060" s="93"/>
      <c r="BK2060" s="93"/>
      <c r="BL2060" s="93"/>
    </row>
    <row r="2061" spans="2:64" x14ac:dyDescent="0.2">
      <c r="B2061" s="43"/>
      <c r="C2061" s="73"/>
      <c r="D2061" s="64"/>
      <c r="E2061" s="55"/>
      <c r="F2061" s="74"/>
      <c r="G2061" s="74"/>
      <c r="H2061" s="74"/>
      <c r="I2061" s="75"/>
      <c r="J2061" s="74"/>
      <c r="L2061" s="55"/>
      <c r="M2061" s="234"/>
      <c r="N2061" s="65"/>
      <c r="O2061" s="76"/>
      <c r="P2061" s="76"/>
      <c r="Q2061" s="65"/>
      <c r="R2061" s="76"/>
      <c r="S2061" s="76"/>
      <c r="T2061" s="76"/>
      <c r="U2061" s="76"/>
      <c r="V2061" s="76"/>
      <c r="W2061" s="76"/>
      <c r="X2061" s="76"/>
      <c r="Y2061" s="76"/>
      <c r="Z2061" s="76"/>
      <c r="AA2061" s="85"/>
      <c r="AB2061" s="85"/>
      <c r="AC2061" s="85"/>
      <c r="AD2061" s="85"/>
      <c r="AE2061" s="85"/>
      <c r="AF2061" s="85"/>
      <c r="AG2061" s="86"/>
      <c r="AH2061" s="85"/>
      <c r="AI2061" s="85"/>
      <c r="AJ2061" s="85"/>
      <c r="AK2061" s="85"/>
      <c r="AL2061" s="85"/>
      <c r="AM2061" s="92"/>
      <c r="AN2061" s="92"/>
      <c r="AO2061" s="92"/>
      <c r="AP2061" s="92"/>
      <c r="AQ2061" s="92"/>
      <c r="AR2061" s="92"/>
      <c r="AS2061" s="92"/>
      <c r="AT2061" s="92"/>
      <c r="AU2061" s="92"/>
      <c r="AV2061" s="92"/>
      <c r="AW2061" s="92"/>
      <c r="AX2061" s="92"/>
      <c r="AY2061" s="92"/>
      <c r="AZ2061" s="93"/>
      <c r="BA2061" s="93"/>
      <c r="BB2061" s="93"/>
      <c r="BC2061" s="93"/>
      <c r="BD2061" s="93"/>
      <c r="BE2061" s="93"/>
      <c r="BF2061" s="93"/>
      <c r="BG2061" s="93"/>
      <c r="BH2061" s="93"/>
      <c r="BI2061" s="93"/>
      <c r="BJ2061" s="93"/>
      <c r="BK2061" s="93"/>
      <c r="BL2061" s="93"/>
    </row>
    <row r="2062" spans="2:64" x14ac:dyDescent="0.2">
      <c r="B2062" s="43"/>
      <c r="C2062" s="73"/>
      <c r="D2062" s="64"/>
      <c r="E2062" s="55"/>
      <c r="F2062" s="74"/>
      <c r="G2062" s="74"/>
      <c r="H2062" s="74"/>
      <c r="I2062" s="75"/>
      <c r="J2062" s="74"/>
      <c r="L2062" s="55"/>
      <c r="M2062" s="234"/>
      <c r="N2062" s="65"/>
      <c r="O2062" s="76"/>
      <c r="P2062" s="76"/>
      <c r="Q2062" s="65"/>
      <c r="R2062" s="76"/>
      <c r="S2062" s="76"/>
      <c r="T2062" s="76"/>
      <c r="U2062" s="76"/>
      <c r="V2062" s="76"/>
      <c r="W2062" s="76"/>
      <c r="X2062" s="76"/>
      <c r="Y2062" s="76"/>
      <c r="Z2062" s="76"/>
      <c r="AA2062" s="85"/>
      <c r="AB2062" s="85"/>
      <c r="AC2062" s="85"/>
      <c r="AD2062" s="85"/>
      <c r="AE2062" s="85"/>
      <c r="AF2062" s="85"/>
      <c r="AG2062" s="86"/>
      <c r="AH2062" s="85"/>
      <c r="AI2062" s="85"/>
      <c r="AJ2062" s="85"/>
      <c r="AK2062" s="85"/>
      <c r="AL2062" s="85"/>
      <c r="AM2062" s="92"/>
      <c r="AN2062" s="92"/>
      <c r="AO2062" s="92"/>
      <c r="AP2062" s="92"/>
      <c r="AQ2062" s="92"/>
      <c r="AR2062" s="92"/>
      <c r="AS2062" s="92"/>
      <c r="AT2062" s="92"/>
      <c r="AU2062" s="92"/>
      <c r="AV2062" s="92"/>
      <c r="AW2062" s="92"/>
      <c r="AX2062" s="92"/>
      <c r="AY2062" s="92"/>
      <c r="AZ2062" s="93"/>
      <c r="BA2062" s="93"/>
      <c r="BB2062" s="93"/>
      <c r="BC2062" s="93"/>
      <c r="BD2062" s="93"/>
      <c r="BE2062" s="93"/>
      <c r="BF2062" s="93"/>
      <c r="BG2062" s="93"/>
      <c r="BH2062" s="93"/>
      <c r="BI2062" s="93"/>
      <c r="BJ2062" s="93"/>
      <c r="BK2062" s="93"/>
      <c r="BL2062" s="93"/>
    </row>
    <row r="2063" spans="2:64" x14ac:dyDescent="0.2">
      <c r="B2063" s="43"/>
      <c r="C2063" s="73"/>
      <c r="D2063" s="64"/>
      <c r="E2063" s="55"/>
      <c r="F2063" s="74"/>
      <c r="G2063" s="74"/>
      <c r="H2063" s="74"/>
      <c r="I2063" s="75"/>
      <c r="J2063" s="74"/>
      <c r="L2063" s="55"/>
      <c r="M2063" s="234"/>
      <c r="N2063" s="65"/>
      <c r="O2063" s="76"/>
      <c r="P2063" s="76"/>
      <c r="Q2063" s="65"/>
      <c r="R2063" s="76"/>
      <c r="S2063" s="76"/>
      <c r="T2063" s="76"/>
      <c r="U2063" s="76"/>
      <c r="V2063" s="76"/>
      <c r="W2063" s="76"/>
      <c r="X2063" s="76"/>
      <c r="Y2063" s="76"/>
      <c r="Z2063" s="76"/>
      <c r="AA2063" s="85"/>
      <c r="AB2063" s="85"/>
      <c r="AC2063" s="85"/>
      <c r="AD2063" s="85"/>
      <c r="AE2063" s="85"/>
      <c r="AF2063" s="85"/>
      <c r="AG2063" s="86"/>
      <c r="AH2063" s="85"/>
      <c r="AI2063" s="85"/>
      <c r="AJ2063" s="85"/>
      <c r="AK2063" s="85"/>
      <c r="AL2063" s="85"/>
      <c r="AM2063" s="92"/>
      <c r="AN2063" s="92"/>
      <c r="AO2063" s="92"/>
      <c r="AP2063" s="92"/>
      <c r="AQ2063" s="92"/>
      <c r="AR2063" s="92"/>
      <c r="AS2063" s="92"/>
      <c r="AT2063" s="92"/>
      <c r="AU2063" s="92"/>
      <c r="AV2063" s="92"/>
      <c r="AW2063" s="92"/>
      <c r="AX2063" s="92"/>
      <c r="AY2063" s="92"/>
      <c r="AZ2063" s="93"/>
      <c r="BA2063" s="93"/>
      <c r="BB2063" s="93"/>
      <c r="BC2063" s="93"/>
      <c r="BD2063" s="93"/>
      <c r="BE2063" s="93"/>
      <c r="BF2063" s="93"/>
      <c r="BG2063" s="93"/>
      <c r="BH2063" s="93"/>
      <c r="BI2063" s="93"/>
      <c r="BJ2063" s="93"/>
      <c r="BK2063" s="93"/>
      <c r="BL2063" s="93"/>
    </row>
    <row r="2064" spans="2:64" x14ac:dyDescent="0.2">
      <c r="B2064" s="43"/>
      <c r="C2064" s="73"/>
      <c r="D2064" s="64"/>
      <c r="E2064" s="55"/>
      <c r="F2064" s="74"/>
      <c r="G2064" s="74"/>
      <c r="H2064" s="74"/>
      <c r="I2064" s="75"/>
      <c r="J2064" s="74"/>
      <c r="L2064" s="55"/>
      <c r="M2064" s="234"/>
      <c r="N2064" s="65"/>
      <c r="O2064" s="76"/>
      <c r="P2064" s="76"/>
      <c r="Q2064" s="65"/>
      <c r="R2064" s="76"/>
      <c r="S2064" s="76"/>
      <c r="T2064" s="76"/>
      <c r="U2064" s="76"/>
      <c r="V2064" s="76"/>
      <c r="W2064" s="76"/>
      <c r="X2064" s="76"/>
      <c r="Y2064" s="76"/>
      <c r="Z2064" s="76"/>
      <c r="AA2064" s="85"/>
      <c r="AB2064" s="85"/>
      <c r="AC2064" s="85"/>
      <c r="AD2064" s="85"/>
      <c r="AE2064" s="85"/>
      <c r="AF2064" s="85"/>
      <c r="AG2064" s="86"/>
      <c r="AH2064" s="85"/>
      <c r="AI2064" s="85"/>
      <c r="AJ2064" s="85"/>
      <c r="AK2064" s="85"/>
      <c r="AL2064" s="85"/>
      <c r="AM2064" s="92"/>
      <c r="AN2064" s="92"/>
      <c r="AO2064" s="92"/>
      <c r="AP2064" s="92"/>
      <c r="AQ2064" s="92"/>
      <c r="AR2064" s="92"/>
      <c r="AS2064" s="92"/>
      <c r="AT2064" s="92"/>
      <c r="AU2064" s="92"/>
      <c r="AV2064" s="92"/>
      <c r="AW2064" s="92"/>
      <c r="AX2064" s="92"/>
      <c r="AY2064" s="92"/>
      <c r="AZ2064" s="93"/>
      <c r="BA2064" s="93"/>
      <c r="BB2064" s="93"/>
      <c r="BC2064" s="93"/>
      <c r="BD2064" s="93"/>
      <c r="BE2064" s="93"/>
      <c r="BF2064" s="93"/>
      <c r="BG2064" s="93"/>
      <c r="BH2064" s="93"/>
      <c r="BI2064" s="93"/>
      <c r="BJ2064" s="93"/>
      <c r="BK2064" s="93"/>
      <c r="BL2064" s="93"/>
    </row>
    <row r="2065" spans="2:64" x14ac:dyDescent="0.2">
      <c r="B2065" s="43"/>
      <c r="C2065" s="73"/>
      <c r="D2065" s="64"/>
      <c r="E2065" s="55"/>
      <c r="F2065" s="74"/>
      <c r="G2065" s="74"/>
      <c r="H2065" s="74"/>
      <c r="I2065" s="75"/>
      <c r="J2065" s="74"/>
      <c r="L2065" s="55"/>
      <c r="M2065" s="234"/>
      <c r="N2065" s="65"/>
      <c r="O2065" s="76"/>
      <c r="P2065" s="76"/>
      <c r="Q2065" s="65"/>
      <c r="R2065" s="76"/>
      <c r="S2065" s="76"/>
      <c r="T2065" s="76"/>
      <c r="U2065" s="76"/>
      <c r="V2065" s="76"/>
      <c r="W2065" s="76"/>
      <c r="X2065" s="76"/>
      <c r="Y2065" s="76"/>
      <c r="Z2065" s="76"/>
      <c r="AA2065" s="85"/>
      <c r="AB2065" s="85"/>
      <c r="AC2065" s="85"/>
      <c r="AD2065" s="85"/>
      <c r="AE2065" s="85"/>
      <c r="AF2065" s="85"/>
      <c r="AG2065" s="86"/>
      <c r="AH2065" s="85"/>
      <c r="AI2065" s="85"/>
      <c r="AJ2065" s="85"/>
      <c r="AK2065" s="85"/>
      <c r="AL2065" s="85"/>
      <c r="AM2065" s="92"/>
      <c r="AN2065" s="92"/>
      <c r="AO2065" s="92"/>
      <c r="AP2065" s="92"/>
      <c r="AQ2065" s="92"/>
      <c r="AR2065" s="92"/>
      <c r="AS2065" s="92"/>
      <c r="AT2065" s="92"/>
      <c r="AU2065" s="92"/>
      <c r="AV2065" s="92"/>
      <c r="AW2065" s="92"/>
      <c r="AX2065" s="92"/>
      <c r="AY2065" s="92"/>
      <c r="AZ2065" s="93"/>
      <c r="BA2065" s="93"/>
      <c r="BB2065" s="93"/>
      <c r="BC2065" s="93"/>
      <c r="BD2065" s="93"/>
      <c r="BE2065" s="93"/>
      <c r="BF2065" s="93"/>
      <c r="BG2065" s="93"/>
      <c r="BH2065" s="93"/>
      <c r="BI2065" s="93"/>
      <c r="BJ2065" s="93"/>
      <c r="BK2065" s="93"/>
      <c r="BL2065" s="93"/>
    </row>
    <row r="2066" spans="2:64" x14ac:dyDescent="0.2">
      <c r="B2066" s="43"/>
      <c r="C2066" s="73"/>
      <c r="D2066" s="64"/>
      <c r="E2066" s="55"/>
      <c r="F2066" s="74"/>
      <c r="G2066" s="74"/>
      <c r="H2066" s="74"/>
      <c r="I2066" s="75"/>
      <c r="J2066" s="74"/>
      <c r="L2066" s="55"/>
      <c r="M2066" s="234"/>
      <c r="N2066" s="65"/>
      <c r="O2066" s="76"/>
      <c r="P2066" s="76"/>
      <c r="Q2066" s="65"/>
      <c r="R2066" s="76"/>
      <c r="S2066" s="76"/>
      <c r="T2066" s="76"/>
      <c r="U2066" s="76"/>
      <c r="V2066" s="76"/>
      <c r="W2066" s="76"/>
      <c r="X2066" s="76"/>
      <c r="Y2066" s="76"/>
      <c r="Z2066" s="76"/>
      <c r="AA2066" s="85"/>
      <c r="AB2066" s="85"/>
      <c r="AC2066" s="85"/>
      <c r="AD2066" s="85"/>
      <c r="AE2066" s="85"/>
      <c r="AF2066" s="85"/>
      <c r="AG2066" s="86"/>
      <c r="AH2066" s="85"/>
      <c r="AI2066" s="85"/>
      <c r="AJ2066" s="85"/>
      <c r="AK2066" s="85"/>
      <c r="AL2066" s="85"/>
      <c r="AM2066" s="92"/>
      <c r="AN2066" s="92"/>
      <c r="AO2066" s="92"/>
      <c r="AP2066" s="92"/>
      <c r="AQ2066" s="92"/>
      <c r="AR2066" s="92"/>
      <c r="AS2066" s="92"/>
      <c r="AT2066" s="92"/>
      <c r="AU2066" s="92"/>
      <c r="AV2066" s="92"/>
      <c r="AW2066" s="92"/>
      <c r="AX2066" s="92"/>
      <c r="AY2066" s="92"/>
      <c r="AZ2066" s="93"/>
      <c r="BA2066" s="93"/>
      <c r="BB2066" s="93"/>
      <c r="BC2066" s="93"/>
      <c r="BD2066" s="93"/>
      <c r="BE2066" s="93"/>
      <c r="BF2066" s="93"/>
      <c r="BG2066" s="93"/>
      <c r="BH2066" s="93"/>
      <c r="BI2066" s="93"/>
      <c r="BJ2066" s="93"/>
      <c r="BK2066" s="93"/>
      <c r="BL2066" s="93"/>
    </row>
    <row r="2067" spans="2:64" x14ac:dyDescent="0.2">
      <c r="B2067" s="43"/>
      <c r="C2067" s="73"/>
      <c r="D2067" s="64"/>
      <c r="E2067" s="55"/>
      <c r="F2067" s="74"/>
      <c r="G2067" s="74"/>
      <c r="H2067" s="74"/>
      <c r="I2067" s="75"/>
      <c r="J2067" s="74"/>
      <c r="L2067" s="55"/>
      <c r="M2067" s="234"/>
      <c r="N2067" s="65"/>
      <c r="O2067" s="76"/>
      <c r="P2067" s="76"/>
      <c r="Q2067" s="65"/>
      <c r="R2067" s="76"/>
      <c r="S2067" s="76"/>
      <c r="T2067" s="76"/>
      <c r="U2067" s="76"/>
      <c r="V2067" s="76"/>
      <c r="W2067" s="76"/>
      <c r="X2067" s="76"/>
      <c r="Y2067" s="76"/>
      <c r="Z2067" s="76"/>
      <c r="AA2067" s="85"/>
      <c r="AB2067" s="85"/>
      <c r="AC2067" s="85"/>
      <c r="AD2067" s="85"/>
      <c r="AE2067" s="85"/>
      <c r="AF2067" s="85"/>
      <c r="AG2067" s="86"/>
      <c r="AH2067" s="85"/>
      <c r="AI2067" s="85"/>
      <c r="AJ2067" s="85"/>
      <c r="AK2067" s="85"/>
      <c r="AL2067" s="85"/>
      <c r="AM2067" s="92"/>
      <c r="AN2067" s="92"/>
      <c r="AO2067" s="92"/>
      <c r="AP2067" s="92"/>
      <c r="AQ2067" s="92"/>
      <c r="AR2067" s="92"/>
      <c r="AS2067" s="92"/>
      <c r="AT2067" s="92"/>
      <c r="AU2067" s="92"/>
      <c r="AV2067" s="92"/>
      <c r="AW2067" s="92"/>
      <c r="AX2067" s="92"/>
      <c r="AY2067" s="92"/>
      <c r="AZ2067" s="93"/>
      <c r="BA2067" s="93"/>
      <c r="BB2067" s="93"/>
      <c r="BC2067" s="93"/>
      <c r="BD2067" s="93"/>
      <c r="BE2067" s="93"/>
      <c r="BF2067" s="93"/>
      <c r="BG2067" s="93"/>
      <c r="BH2067" s="93"/>
      <c r="BI2067" s="93"/>
      <c r="BJ2067" s="93"/>
      <c r="BK2067" s="93"/>
      <c r="BL2067" s="93"/>
    </row>
    <row r="2068" spans="2:64" x14ac:dyDescent="0.2">
      <c r="B2068" s="43"/>
      <c r="C2068" s="73"/>
      <c r="D2068" s="64"/>
      <c r="E2068" s="55"/>
      <c r="F2068" s="74"/>
      <c r="G2068" s="74"/>
      <c r="H2068" s="74"/>
      <c r="I2068" s="75"/>
      <c r="J2068" s="74"/>
      <c r="L2068" s="55"/>
      <c r="M2068" s="234"/>
      <c r="N2068" s="65"/>
      <c r="O2068" s="76"/>
      <c r="P2068" s="76"/>
      <c r="Q2068" s="65"/>
      <c r="R2068" s="76"/>
      <c r="S2068" s="76"/>
      <c r="T2068" s="76"/>
      <c r="U2068" s="76"/>
      <c r="V2068" s="76"/>
      <c r="W2068" s="76"/>
      <c r="X2068" s="76"/>
      <c r="Y2068" s="76"/>
      <c r="Z2068" s="76"/>
      <c r="AA2068" s="85"/>
      <c r="AB2068" s="85"/>
      <c r="AC2068" s="85"/>
      <c r="AD2068" s="85"/>
      <c r="AE2068" s="85"/>
      <c r="AF2068" s="85"/>
      <c r="AG2068" s="86"/>
      <c r="AH2068" s="85"/>
      <c r="AI2068" s="85"/>
      <c r="AJ2068" s="85"/>
      <c r="AK2068" s="85"/>
      <c r="AL2068" s="85"/>
      <c r="AM2068" s="92"/>
      <c r="AN2068" s="92"/>
      <c r="AO2068" s="92"/>
      <c r="AP2068" s="92"/>
      <c r="AQ2068" s="92"/>
      <c r="AR2068" s="92"/>
      <c r="AS2068" s="92"/>
      <c r="AT2068" s="92"/>
      <c r="AU2068" s="92"/>
      <c r="AV2068" s="92"/>
      <c r="AW2068" s="92"/>
      <c r="AX2068" s="92"/>
      <c r="AY2068" s="92"/>
      <c r="AZ2068" s="93"/>
      <c r="BA2068" s="93"/>
      <c r="BB2068" s="93"/>
      <c r="BC2068" s="93"/>
      <c r="BD2068" s="93"/>
      <c r="BE2068" s="93"/>
      <c r="BF2068" s="93"/>
      <c r="BG2068" s="93"/>
      <c r="BH2068" s="93"/>
      <c r="BI2068" s="93"/>
      <c r="BJ2068" s="93"/>
      <c r="BK2068" s="93"/>
      <c r="BL2068" s="93"/>
    </row>
    <row r="2069" spans="2:64" x14ac:dyDescent="0.2">
      <c r="B2069" s="43"/>
      <c r="C2069" s="73"/>
      <c r="D2069" s="64"/>
      <c r="E2069" s="55"/>
      <c r="F2069" s="74"/>
      <c r="G2069" s="74"/>
      <c r="H2069" s="74"/>
      <c r="I2069" s="75"/>
      <c r="J2069" s="74"/>
      <c r="L2069" s="55"/>
      <c r="M2069" s="234"/>
      <c r="N2069" s="65"/>
      <c r="O2069" s="76"/>
      <c r="P2069" s="76"/>
      <c r="Q2069" s="65"/>
      <c r="R2069" s="76"/>
      <c r="S2069" s="76"/>
      <c r="T2069" s="76"/>
      <c r="U2069" s="76"/>
      <c r="V2069" s="76"/>
      <c r="W2069" s="76"/>
      <c r="X2069" s="76"/>
      <c r="Y2069" s="76"/>
      <c r="Z2069" s="76"/>
      <c r="AA2069" s="85"/>
      <c r="AB2069" s="85"/>
      <c r="AC2069" s="85"/>
      <c r="AD2069" s="85"/>
      <c r="AE2069" s="85"/>
      <c r="AF2069" s="85"/>
      <c r="AG2069" s="86"/>
      <c r="AH2069" s="85"/>
      <c r="AI2069" s="85"/>
      <c r="AJ2069" s="85"/>
      <c r="AK2069" s="85"/>
      <c r="AL2069" s="85"/>
      <c r="AM2069" s="92"/>
      <c r="AN2069" s="92"/>
      <c r="AO2069" s="92"/>
      <c r="AP2069" s="92"/>
      <c r="AQ2069" s="92"/>
      <c r="AR2069" s="92"/>
      <c r="AS2069" s="92"/>
      <c r="AT2069" s="92"/>
      <c r="AU2069" s="92"/>
      <c r="AV2069" s="92"/>
      <c r="AW2069" s="92"/>
      <c r="AX2069" s="92"/>
      <c r="AY2069" s="92"/>
      <c r="AZ2069" s="93"/>
      <c r="BA2069" s="93"/>
      <c r="BB2069" s="93"/>
      <c r="BC2069" s="93"/>
      <c r="BD2069" s="93"/>
      <c r="BE2069" s="93"/>
      <c r="BF2069" s="93"/>
      <c r="BG2069" s="93"/>
      <c r="BH2069" s="93"/>
      <c r="BI2069" s="93"/>
      <c r="BJ2069" s="93"/>
      <c r="BK2069" s="93"/>
      <c r="BL2069" s="93"/>
    </row>
    <row r="2070" spans="2:64" x14ac:dyDescent="0.2">
      <c r="B2070" s="43"/>
      <c r="C2070" s="73"/>
      <c r="D2070" s="64"/>
      <c r="E2070" s="55"/>
      <c r="F2070" s="74"/>
      <c r="G2070" s="74"/>
      <c r="H2070" s="74"/>
      <c r="I2070" s="75"/>
      <c r="J2070" s="74"/>
      <c r="L2070" s="55"/>
      <c r="M2070" s="234"/>
      <c r="N2070" s="65"/>
      <c r="O2070" s="76"/>
      <c r="P2070" s="76"/>
      <c r="Q2070" s="65"/>
      <c r="R2070" s="76"/>
      <c r="S2070" s="76"/>
      <c r="T2070" s="76"/>
      <c r="U2070" s="76"/>
      <c r="V2070" s="76"/>
      <c r="W2070" s="76"/>
      <c r="X2070" s="76"/>
      <c r="Y2070" s="76"/>
      <c r="Z2070" s="76"/>
      <c r="AA2070" s="85"/>
      <c r="AB2070" s="85"/>
      <c r="AC2070" s="85"/>
      <c r="AD2070" s="85"/>
      <c r="AE2070" s="85"/>
      <c r="AF2070" s="85"/>
      <c r="AG2070" s="86"/>
      <c r="AH2070" s="85"/>
      <c r="AI2070" s="85"/>
      <c r="AJ2070" s="85"/>
      <c r="AK2070" s="85"/>
      <c r="AL2070" s="85"/>
      <c r="AM2070" s="92"/>
      <c r="AN2070" s="92"/>
      <c r="AO2070" s="92"/>
      <c r="AP2070" s="92"/>
      <c r="AQ2070" s="92"/>
      <c r="AR2070" s="92"/>
      <c r="AS2070" s="92"/>
      <c r="AT2070" s="92"/>
      <c r="AU2070" s="92"/>
      <c r="AV2070" s="92"/>
      <c r="AW2070" s="92"/>
      <c r="AX2070" s="92"/>
      <c r="AY2070" s="92"/>
      <c r="AZ2070" s="93"/>
      <c r="BA2070" s="93"/>
      <c r="BB2070" s="93"/>
      <c r="BC2070" s="93"/>
      <c r="BD2070" s="93"/>
      <c r="BE2070" s="93"/>
      <c r="BF2070" s="93"/>
      <c r="BG2070" s="93"/>
      <c r="BH2070" s="93"/>
      <c r="BI2070" s="93"/>
      <c r="BJ2070" s="93"/>
      <c r="BK2070" s="93"/>
      <c r="BL2070" s="93"/>
    </row>
    <row r="2071" spans="2:64" x14ac:dyDescent="0.2">
      <c r="B2071" s="43"/>
      <c r="C2071" s="73"/>
      <c r="D2071" s="64"/>
      <c r="E2071" s="55"/>
      <c r="F2071" s="74"/>
      <c r="G2071" s="74"/>
      <c r="H2071" s="74"/>
      <c r="I2071" s="75"/>
      <c r="J2071" s="74"/>
      <c r="L2071" s="55"/>
      <c r="M2071" s="234"/>
      <c r="N2071" s="65"/>
      <c r="O2071" s="76"/>
      <c r="P2071" s="76"/>
      <c r="Q2071" s="65"/>
      <c r="R2071" s="76"/>
      <c r="S2071" s="76"/>
      <c r="T2071" s="76"/>
      <c r="U2071" s="76"/>
      <c r="V2071" s="76"/>
      <c r="W2071" s="76"/>
      <c r="X2071" s="76"/>
      <c r="Y2071" s="76"/>
      <c r="Z2071" s="76"/>
      <c r="AA2071" s="85"/>
      <c r="AB2071" s="85"/>
      <c r="AC2071" s="85"/>
      <c r="AD2071" s="85"/>
      <c r="AE2071" s="85"/>
      <c r="AF2071" s="85"/>
      <c r="AG2071" s="86"/>
      <c r="AH2071" s="85"/>
      <c r="AI2071" s="85"/>
      <c r="AJ2071" s="85"/>
      <c r="AK2071" s="85"/>
      <c r="AL2071" s="85"/>
      <c r="AM2071" s="92"/>
      <c r="AN2071" s="92"/>
      <c r="AO2071" s="92"/>
      <c r="AP2071" s="92"/>
      <c r="AQ2071" s="92"/>
      <c r="AR2071" s="92"/>
      <c r="AS2071" s="92"/>
      <c r="AT2071" s="92"/>
      <c r="AU2071" s="92"/>
      <c r="AV2071" s="92"/>
      <c r="AW2071" s="92"/>
      <c r="AX2071" s="92"/>
      <c r="AY2071" s="92"/>
      <c r="AZ2071" s="93"/>
      <c r="BA2071" s="93"/>
      <c r="BB2071" s="93"/>
      <c r="BC2071" s="93"/>
      <c r="BD2071" s="93"/>
      <c r="BE2071" s="93"/>
      <c r="BF2071" s="93"/>
      <c r="BG2071" s="93"/>
      <c r="BH2071" s="93"/>
      <c r="BI2071" s="93"/>
      <c r="BJ2071" s="93"/>
      <c r="BK2071" s="93"/>
      <c r="BL2071" s="93"/>
    </row>
    <row r="2072" spans="2:64" x14ac:dyDescent="0.2">
      <c r="B2072" s="43"/>
      <c r="C2072" s="73"/>
      <c r="D2072" s="64"/>
      <c r="E2072" s="55"/>
      <c r="F2072" s="74"/>
      <c r="G2072" s="74"/>
      <c r="H2072" s="74"/>
      <c r="I2072" s="75"/>
      <c r="J2072" s="74"/>
      <c r="L2072" s="55"/>
      <c r="M2072" s="234"/>
      <c r="N2072" s="65"/>
      <c r="O2072" s="76"/>
      <c r="P2072" s="76"/>
      <c r="Q2072" s="65"/>
      <c r="R2072" s="76"/>
      <c r="S2072" s="76"/>
      <c r="T2072" s="76"/>
      <c r="U2072" s="76"/>
      <c r="V2072" s="76"/>
      <c r="W2072" s="76"/>
      <c r="X2072" s="76"/>
      <c r="Y2072" s="76"/>
      <c r="Z2072" s="76"/>
      <c r="AA2072" s="85"/>
      <c r="AB2072" s="85"/>
      <c r="AC2072" s="85"/>
      <c r="AD2072" s="85"/>
      <c r="AE2072" s="85"/>
      <c r="AF2072" s="85"/>
      <c r="AG2072" s="86"/>
      <c r="AH2072" s="85"/>
      <c r="AI2072" s="85"/>
      <c r="AJ2072" s="85"/>
      <c r="AK2072" s="85"/>
      <c r="AL2072" s="85"/>
      <c r="AM2072" s="92"/>
      <c r="AN2072" s="92"/>
      <c r="AO2072" s="92"/>
      <c r="AP2072" s="92"/>
      <c r="AQ2072" s="92"/>
      <c r="AR2072" s="92"/>
      <c r="AS2072" s="92"/>
      <c r="AT2072" s="92"/>
      <c r="AU2072" s="92"/>
      <c r="AV2072" s="92"/>
      <c r="AW2072" s="92"/>
      <c r="AX2072" s="92"/>
      <c r="AY2072" s="92"/>
      <c r="AZ2072" s="93"/>
      <c r="BA2072" s="93"/>
      <c r="BB2072" s="93"/>
      <c r="BC2072" s="93"/>
      <c r="BD2072" s="93"/>
      <c r="BE2072" s="93"/>
      <c r="BF2072" s="93"/>
      <c r="BG2072" s="93"/>
      <c r="BH2072" s="93"/>
      <c r="BI2072" s="93"/>
      <c r="BJ2072" s="93"/>
      <c r="BK2072" s="93"/>
      <c r="BL2072" s="93"/>
    </row>
    <row r="2073" spans="2:64" x14ac:dyDescent="0.2">
      <c r="B2073" s="43"/>
      <c r="C2073" s="73"/>
      <c r="D2073" s="64"/>
      <c r="E2073" s="55"/>
      <c r="F2073" s="74"/>
      <c r="G2073" s="74"/>
      <c r="H2073" s="74"/>
      <c r="I2073" s="75"/>
      <c r="J2073" s="74"/>
      <c r="L2073" s="55"/>
      <c r="M2073" s="234"/>
      <c r="N2073" s="65"/>
      <c r="O2073" s="76"/>
      <c r="P2073" s="76"/>
      <c r="Q2073" s="65"/>
      <c r="R2073" s="76"/>
      <c r="S2073" s="76"/>
      <c r="T2073" s="76"/>
      <c r="U2073" s="76"/>
      <c r="V2073" s="76"/>
      <c r="W2073" s="76"/>
      <c r="X2073" s="76"/>
      <c r="Y2073" s="76"/>
      <c r="Z2073" s="76"/>
      <c r="AA2073" s="85"/>
      <c r="AB2073" s="85"/>
      <c r="AC2073" s="85"/>
      <c r="AD2073" s="85"/>
      <c r="AE2073" s="85"/>
      <c r="AF2073" s="85"/>
      <c r="AG2073" s="86"/>
      <c r="AH2073" s="85"/>
      <c r="AI2073" s="85"/>
      <c r="AJ2073" s="85"/>
      <c r="AK2073" s="85"/>
      <c r="AL2073" s="85"/>
      <c r="AM2073" s="92"/>
      <c r="AN2073" s="92"/>
      <c r="AO2073" s="92"/>
      <c r="AP2073" s="92"/>
      <c r="AQ2073" s="92"/>
      <c r="AR2073" s="92"/>
      <c r="AS2073" s="92"/>
      <c r="AT2073" s="92"/>
      <c r="AU2073" s="92"/>
      <c r="AV2073" s="92"/>
      <c r="AW2073" s="92"/>
      <c r="AX2073" s="92"/>
      <c r="AY2073" s="92"/>
      <c r="AZ2073" s="93"/>
      <c r="BA2073" s="93"/>
      <c r="BB2073" s="93"/>
      <c r="BC2073" s="93"/>
      <c r="BD2073" s="93"/>
      <c r="BE2073" s="93"/>
      <c r="BF2073" s="93"/>
      <c r="BG2073" s="93"/>
      <c r="BH2073" s="93"/>
      <c r="BI2073" s="93"/>
      <c r="BJ2073" s="93"/>
      <c r="BK2073" s="93"/>
      <c r="BL2073" s="93"/>
    </row>
    <row r="2074" spans="2:64" x14ac:dyDescent="0.2">
      <c r="B2074" s="43"/>
      <c r="C2074" s="73"/>
      <c r="D2074" s="64"/>
      <c r="E2074" s="55"/>
      <c r="F2074" s="74"/>
      <c r="G2074" s="74"/>
      <c r="H2074" s="74"/>
      <c r="I2074" s="75"/>
      <c r="J2074" s="74"/>
      <c r="L2074" s="55"/>
      <c r="M2074" s="234"/>
      <c r="N2074" s="65"/>
      <c r="O2074" s="76"/>
      <c r="P2074" s="76"/>
      <c r="Q2074" s="65"/>
      <c r="R2074" s="76"/>
      <c r="S2074" s="76"/>
      <c r="T2074" s="76"/>
      <c r="U2074" s="76"/>
      <c r="V2074" s="76"/>
      <c r="W2074" s="76"/>
      <c r="X2074" s="76"/>
      <c r="Y2074" s="76"/>
      <c r="Z2074" s="76"/>
      <c r="AA2074" s="85"/>
      <c r="AB2074" s="85"/>
      <c r="AC2074" s="85"/>
      <c r="AD2074" s="85"/>
      <c r="AE2074" s="85"/>
      <c r="AF2074" s="85"/>
      <c r="AG2074" s="86"/>
      <c r="AH2074" s="85"/>
      <c r="AI2074" s="85"/>
      <c r="AJ2074" s="85"/>
      <c r="AK2074" s="85"/>
      <c r="AL2074" s="85"/>
      <c r="AM2074" s="92"/>
      <c r="AN2074" s="92"/>
      <c r="AO2074" s="92"/>
      <c r="AP2074" s="92"/>
      <c r="AQ2074" s="92"/>
      <c r="AR2074" s="92"/>
      <c r="AS2074" s="92"/>
      <c r="AT2074" s="92"/>
      <c r="AU2074" s="92"/>
      <c r="AV2074" s="92"/>
      <c r="AW2074" s="92"/>
      <c r="AX2074" s="92"/>
      <c r="AY2074" s="92"/>
      <c r="AZ2074" s="93"/>
      <c r="BA2074" s="93"/>
      <c r="BB2074" s="93"/>
      <c r="BC2074" s="93"/>
      <c r="BD2074" s="93"/>
      <c r="BE2074" s="93"/>
      <c r="BF2074" s="93"/>
      <c r="BG2074" s="93"/>
      <c r="BH2074" s="93"/>
      <c r="BI2074" s="93"/>
      <c r="BJ2074" s="93"/>
      <c r="BK2074" s="93"/>
      <c r="BL2074" s="93"/>
    </row>
    <row r="2075" spans="2:64" x14ac:dyDescent="0.2">
      <c r="B2075" s="43"/>
      <c r="C2075" s="73"/>
      <c r="D2075" s="64"/>
      <c r="E2075" s="55"/>
      <c r="F2075" s="74"/>
      <c r="G2075" s="74"/>
      <c r="H2075" s="74"/>
      <c r="I2075" s="75"/>
      <c r="J2075" s="74"/>
      <c r="L2075" s="55"/>
      <c r="M2075" s="234"/>
      <c r="N2075" s="65"/>
      <c r="O2075" s="76"/>
      <c r="P2075" s="76"/>
      <c r="Q2075" s="65"/>
      <c r="R2075" s="76"/>
      <c r="S2075" s="76"/>
      <c r="T2075" s="76"/>
      <c r="U2075" s="76"/>
      <c r="V2075" s="76"/>
      <c r="W2075" s="76"/>
      <c r="X2075" s="76"/>
      <c r="Y2075" s="76"/>
      <c r="Z2075" s="76"/>
      <c r="AA2075" s="85"/>
      <c r="AB2075" s="85"/>
      <c r="AC2075" s="85"/>
      <c r="AD2075" s="85"/>
      <c r="AE2075" s="85"/>
      <c r="AF2075" s="85"/>
      <c r="AG2075" s="86"/>
      <c r="AH2075" s="85"/>
      <c r="AI2075" s="85"/>
      <c r="AJ2075" s="85"/>
      <c r="AK2075" s="85"/>
      <c r="AL2075" s="85"/>
      <c r="AM2075" s="92"/>
      <c r="AN2075" s="92"/>
      <c r="AO2075" s="92"/>
      <c r="AP2075" s="92"/>
      <c r="AQ2075" s="92"/>
      <c r="AR2075" s="92"/>
      <c r="AS2075" s="92"/>
      <c r="AT2075" s="92"/>
      <c r="AU2075" s="92"/>
      <c r="AV2075" s="92"/>
      <c r="AW2075" s="92"/>
      <c r="AX2075" s="92"/>
      <c r="AY2075" s="92"/>
      <c r="AZ2075" s="93"/>
      <c r="BA2075" s="93"/>
      <c r="BB2075" s="93"/>
      <c r="BC2075" s="93"/>
      <c r="BD2075" s="93"/>
      <c r="BE2075" s="93"/>
      <c r="BF2075" s="93"/>
      <c r="BG2075" s="93"/>
      <c r="BH2075" s="93"/>
      <c r="BI2075" s="93"/>
      <c r="BJ2075" s="93"/>
      <c r="BK2075" s="93"/>
      <c r="BL2075" s="93"/>
    </row>
    <row r="2076" spans="2:64" x14ac:dyDescent="0.2">
      <c r="B2076" s="43"/>
      <c r="C2076" s="73"/>
      <c r="D2076" s="64"/>
      <c r="E2076" s="55"/>
      <c r="F2076" s="74"/>
      <c r="G2076" s="74"/>
      <c r="H2076" s="74"/>
      <c r="I2076" s="75"/>
      <c r="J2076" s="74"/>
      <c r="L2076" s="55"/>
      <c r="M2076" s="234"/>
      <c r="N2076" s="65"/>
      <c r="O2076" s="76"/>
      <c r="P2076" s="76"/>
      <c r="Q2076" s="65"/>
      <c r="R2076" s="76"/>
      <c r="S2076" s="76"/>
      <c r="T2076" s="76"/>
      <c r="U2076" s="76"/>
      <c r="V2076" s="76"/>
      <c r="W2076" s="76"/>
      <c r="X2076" s="76"/>
      <c r="Y2076" s="76"/>
      <c r="Z2076" s="76"/>
      <c r="AA2076" s="85"/>
      <c r="AB2076" s="85"/>
      <c r="AC2076" s="85"/>
      <c r="AD2076" s="85"/>
      <c r="AE2076" s="85"/>
      <c r="AF2076" s="85"/>
      <c r="AG2076" s="86"/>
      <c r="AH2076" s="85"/>
      <c r="AI2076" s="85"/>
      <c r="AJ2076" s="85"/>
      <c r="AK2076" s="85"/>
      <c r="AL2076" s="85"/>
      <c r="AM2076" s="92"/>
      <c r="AN2076" s="92"/>
      <c r="AO2076" s="92"/>
      <c r="AP2076" s="92"/>
      <c r="AQ2076" s="92"/>
      <c r="AR2076" s="92"/>
      <c r="AS2076" s="92"/>
      <c r="AT2076" s="92"/>
      <c r="AU2076" s="92"/>
      <c r="AV2076" s="92"/>
      <c r="AW2076" s="92"/>
      <c r="AX2076" s="92"/>
      <c r="AY2076" s="92"/>
      <c r="AZ2076" s="93"/>
      <c r="BA2076" s="93"/>
      <c r="BB2076" s="93"/>
      <c r="BC2076" s="93"/>
      <c r="BD2076" s="93"/>
      <c r="BE2076" s="93"/>
      <c r="BF2076" s="93"/>
      <c r="BG2076" s="93"/>
      <c r="BH2076" s="93"/>
      <c r="BI2076" s="93"/>
      <c r="BJ2076" s="93"/>
      <c r="BK2076" s="93"/>
      <c r="BL2076" s="93"/>
    </row>
    <row r="2077" spans="2:64" x14ac:dyDescent="0.2">
      <c r="B2077" s="43"/>
      <c r="C2077" s="73"/>
      <c r="D2077" s="64"/>
      <c r="E2077" s="55"/>
      <c r="F2077" s="74"/>
      <c r="G2077" s="74"/>
      <c r="H2077" s="74"/>
      <c r="I2077" s="75"/>
      <c r="J2077" s="74"/>
      <c r="L2077" s="55"/>
      <c r="M2077" s="234"/>
      <c r="N2077" s="65"/>
      <c r="O2077" s="76"/>
      <c r="P2077" s="76"/>
      <c r="Q2077" s="65"/>
      <c r="R2077" s="76"/>
      <c r="S2077" s="76"/>
      <c r="T2077" s="76"/>
      <c r="U2077" s="76"/>
      <c r="V2077" s="76"/>
      <c r="W2077" s="76"/>
      <c r="X2077" s="76"/>
      <c r="Y2077" s="76"/>
      <c r="Z2077" s="76"/>
      <c r="AA2077" s="85"/>
      <c r="AB2077" s="85"/>
      <c r="AC2077" s="85"/>
      <c r="AD2077" s="85"/>
      <c r="AE2077" s="85"/>
      <c r="AF2077" s="85"/>
      <c r="AG2077" s="86"/>
      <c r="AH2077" s="85"/>
      <c r="AI2077" s="85"/>
      <c r="AJ2077" s="85"/>
      <c r="AK2077" s="85"/>
      <c r="AL2077" s="85"/>
      <c r="AM2077" s="92"/>
      <c r="AN2077" s="92"/>
      <c r="AO2077" s="92"/>
      <c r="AP2077" s="92"/>
      <c r="AQ2077" s="92"/>
      <c r="AR2077" s="92"/>
      <c r="AS2077" s="92"/>
      <c r="AT2077" s="92"/>
      <c r="AU2077" s="92"/>
      <c r="AV2077" s="92"/>
      <c r="AW2077" s="92"/>
      <c r="AX2077" s="92"/>
      <c r="AY2077" s="92"/>
      <c r="AZ2077" s="93"/>
      <c r="BA2077" s="93"/>
      <c r="BB2077" s="93"/>
      <c r="BC2077" s="93"/>
      <c r="BD2077" s="93"/>
      <c r="BE2077" s="93"/>
      <c r="BF2077" s="93"/>
      <c r="BG2077" s="93"/>
      <c r="BH2077" s="93"/>
      <c r="BI2077" s="93"/>
      <c r="BJ2077" s="93"/>
      <c r="BK2077" s="93"/>
      <c r="BL2077" s="93"/>
    </row>
    <row r="2078" spans="2:64" x14ac:dyDescent="0.2">
      <c r="B2078" s="43"/>
      <c r="C2078" s="73"/>
      <c r="D2078" s="64"/>
      <c r="E2078" s="55"/>
      <c r="F2078" s="74"/>
      <c r="G2078" s="74"/>
      <c r="H2078" s="74"/>
      <c r="I2078" s="75"/>
      <c r="J2078" s="74"/>
      <c r="L2078" s="55"/>
      <c r="M2078" s="234"/>
      <c r="N2078" s="65"/>
      <c r="O2078" s="76"/>
      <c r="P2078" s="76"/>
      <c r="Q2078" s="65"/>
      <c r="R2078" s="76"/>
      <c r="S2078" s="76"/>
      <c r="T2078" s="76"/>
      <c r="U2078" s="76"/>
      <c r="V2078" s="76"/>
      <c r="W2078" s="76"/>
      <c r="X2078" s="76"/>
      <c r="Y2078" s="76"/>
      <c r="Z2078" s="76"/>
      <c r="AA2078" s="85"/>
      <c r="AB2078" s="85"/>
      <c r="AC2078" s="85"/>
      <c r="AD2078" s="85"/>
      <c r="AE2078" s="85"/>
      <c r="AF2078" s="85"/>
      <c r="AG2078" s="86"/>
      <c r="AH2078" s="85"/>
      <c r="AI2078" s="85"/>
      <c r="AJ2078" s="85"/>
      <c r="AK2078" s="85"/>
      <c r="AL2078" s="85"/>
      <c r="AM2078" s="92"/>
      <c r="AN2078" s="92"/>
      <c r="AO2078" s="92"/>
      <c r="AP2078" s="92"/>
      <c r="AQ2078" s="92"/>
      <c r="AR2078" s="92"/>
      <c r="AS2078" s="92"/>
      <c r="AT2078" s="92"/>
      <c r="AU2078" s="92"/>
      <c r="AV2078" s="92"/>
      <c r="AW2078" s="92"/>
      <c r="AX2078" s="92"/>
      <c r="AY2078" s="92"/>
      <c r="AZ2078" s="93"/>
      <c r="BA2078" s="93"/>
      <c r="BB2078" s="93"/>
      <c r="BC2078" s="93"/>
      <c r="BD2078" s="93"/>
      <c r="BE2078" s="93"/>
      <c r="BF2078" s="93"/>
      <c r="BG2078" s="93"/>
      <c r="BH2078" s="93"/>
      <c r="BI2078" s="93"/>
      <c r="BJ2078" s="93"/>
      <c r="BK2078" s="93"/>
      <c r="BL2078" s="93"/>
    </row>
    <row r="2079" spans="2:64" x14ac:dyDescent="0.2">
      <c r="B2079" s="43"/>
      <c r="C2079" s="73"/>
      <c r="D2079" s="64"/>
      <c r="E2079" s="55"/>
      <c r="F2079" s="74"/>
      <c r="G2079" s="74"/>
      <c r="H2079" s="74"/>
      <c r="I2079" s="75"/>
      <c r="J2079" s="74"/>
      <c r="L2079" s="55"/>
      <c r="M2079" s="234"/>
      <c r="N2079" s="65"/>
      <c r="O2079" s="76"/>
      <c r="P2079" s="76"/>
      <c r="Q2079" s="65"/>
      <c r="R2079" s="76"/>
      <c r="S2079" s="76"/>
      <c r="T2079" s="76"/>
      <c r="U2079" s="76"/>
      <c r="V2079" s="76"/>
      <c r="W2079" s="76"/>
      <c r="X2079" s="76"/>
      <c r="Y2079" s="76"/>
      <c r="Z2079" s="76"/>
      <c r="AA2079" s="85"/>
      <c r="AB2079" s="85"/>
      <c r="AC2079" s="85"/>
      <c r="AD2079" s="85"/>
      <c r="AE2079" s="85"/>
      <c r="AF2079" s="85"/>
      <c r="AG2079" s="86"/>
      <c r="AH2079" s="85"/>
      <c r="AI2079" s="85"/>
      <c r="AJ2079" s="85"/>
      <c r="AK2079" s="85"/>
      <c r="AL2079" s="85"/>
      <c r="AM2079" s="92"/>
      <c r="AN2079" s="92"/>
      <c r="AO2079" s="92"/>
      <c r="AP2079" s="92"/>
      <c r="AQ2079" s="92"/>
      <c r="AR2079" s="92"/>
      <c r="AS2079" s="92"/>
      <c r="AT2079" s="92"/>
      <c r="AU2079" s="92"/>
      <c r="AV2079" s="92"/>
      <c r="AW2079" s="92"/>
      <c r="AX2079" s="92"/>
      <c r="AY2079" s="92"/>
      <c r="AZ2079" s="93"/>
      <c r="BA2079" s="93"/>
      <c r="BB2079" s="93"/>
      <c r="BC2079" s="93"/>
      <c r="BD2079" s="93"/>
      <c r="BE2079" s="93"/>
      <c r="BF2079" s="93"/>
      <c r="BG2079" s="93"/>
      <c r="BH2079" s="93"/>
      <c r="BI2079" s="93"/>
      <c r="BJ2079" s="93"/>
      <c r="BK2079" s="93"/>
      <c r="BL2079" s="93"/>
    </row>
    <row r="2080" spans="2:64" x14ac:dyDescent="0.2">
      <c r="B2080" s="43"/>
      <c r="C2080" s="73"/>
      <c r="D2080" s="64"/>
      <c r="E2080" s="55"/>
      <c r="F2080" s="74"/>
      <c r="G2080" s="74"/>
      <c r="H2080" s="74"/>
      <c r="I2080" s="75"/>
      <c r="J2080" s="74"/>
      <c r="L2080" s="55"/>
      <c r="M2080" s="234"/>
      <c r="N2080" s="65"/>
      <c r="O2080" s="76"/>
      <c r="P2080" s="76"/>
      <c r="Q2080" s="65"/>
      <c r="R2080" s="76"/>
      <c r="S2080" s="76"/>
      <c r="T2080" s="76"/>
      <c r="U2080" s="76"/>
      <c r="V2080" s="76"/>
      <c r="W2080" s="76"/>
      <c r="X2080" s="76"/>
      <c r="Y2080" s="76"/>
      <c r="Z2080" s="76"/>
      <c r="AA2080" s="85"/>
      <c r="AB2080" s="85"/>
      <c r="AC2080" s="85"/>
      <c r="AD2080" s="85"/>
      <c r="AE2080" s="85"/>
      <c r="AF2080" s="85"/>
      <c r="AG2080" s="86"/>
      <c r="AH2080" s="85"/>
      <c r="AI2080" s="85"/>
      <c r="AJ2080" s="85"/>
      <c r="AK2080" s="85"/>
      <c r="AL2080" s="85"/>
      <c r="AM2080" s="92"/>
      <c r="AN2080" s="92"/>
      <c r="AO2080" s="92"/>
      <c r="AP2080" s="92"/>
      <c r="AQ2080" s="92"/>
      <c r="AR2080" s="92"/>
      <c r="AS2080" s="92"/>
      <c r="AT2080" s="92"/>
      <c r="AU2080" s="92"/>
      <c r="AV2080" s="92"/>
      <c r="AW2080" s="92"/>
      <c r="AX2080" s="92"/>
      <c r="AY2080" s="92"/>
      <c r="AZ2080" s="93"/>
      <c r="BA2080" s="93"/>
      <c r="BB2080" s="93"/>
      <c r="BC2080" s="93"/>
      <c r="BD2080" s="93"/>
      <c r="BE2080" s="93"/>
      <c r="BF2080" s="93"/>
      <c r="BG2080" s="93"/>
      <c r="BH2080" s="93"/>
      <c r="BI2080" s="93"/>
      <c r="BJ2080" s="93"/>
      <c r="BK2080" s="93"/>
      <c r="BL2080" s="93"/>
    </row>
    <row r="2081" spans="2:64" x14ac:dyDescent="0.2">
      <c r="B2081" s="43"/>
      <c r="C2081" s="73"/>
      <c r="D2081" s="64"/>
      <c r="E2081" s="55"/>
      <c r="F2081" s="74"/>
      <c r="G2081" s="74"/>
      <c r="H2081" s="74"/>
      <c r="I2081" s="75"/>
      <c r="J2081" s="74"/>
      <c r="L2081" s="55"/>
      <c r="M2081" s="234"/>
      <c r="N2081" s="65"/>
      <c r="O2081" s="76"/>
      <c r="P2081" s="76"/>
      <c r="Q2081" s="65"/>
      <c r="R2081" s="76"/>
      <c r="S2081" s="76"/>
      <c r="T2081" s="76"/>
      <c r="U2081" s="76"/>
      <c r="V2081" s="76"/>
      <c r="W2081" s="76"/>
      <c r="X2081" s="76"/>
      <c r="Y2081" s="76"/>
      <c r="Z2081" s="76"/>
      <c r="AA2081" s="85"/>
      <c r="AB2081" s="85"/>
      <c r="AC2081" s="85"/>
      <c r="AD2081" s="85"/>
      <c r="AE2081" s="85"/>
      <c r="AF2081" s="85"/>
      <c r="AG2081" s="86"/>
      <c r="AH2081" s="85"/>
      <c r="AI2081" s="85"/>
      <c r="AJ2081" s="85"/>
      <c r="AK2081" s="85"/>
      <c r="AL2081" s="85"/>
      <c r="AM2081" s="92"/>
      <c r="AN2081" s="92"/>
      <c r="AO2081" s="92"/>
      <c r="AP2081" s="92"/>
      <c r="AQ2081" s="92"/>
      <c r="AR2081" s="92"/>
      <c r="AS2081" s="92"/>
      <c r="AT2081" s="92"/>
      <c r="AU2081" s="92"/>
      <c r="AV2081" s="92"/>
      <c r="AW2081" s="92"/>
      <c r="AX2081" s="92"/>
      <c r="AY2081" s="92"/>
      <c r="AZ2081" s="93"/>
      <c r="BA2081" s="93"/>
      <c r="BB2081" s="93"/>
      <c r="BC2081" s="93"/>
      <c r="BD2081" s="93"/>
      <c r="BE2081" s="93"/>
      <c r="BF2081" s="93"/>
      <c r="BG2081" s="93"/>
      <c r="BH2081" s="93"/>
      <c r="BI2081" s="93"/>
      <c r="BJ2081" s="93"/>
      <c r="BK2081" s="93"/>
      <c r="BL2081" s="93"/>
    </row>
    <row r="2082" spans="2:64" x14ac:dyDescent="0.2">
      <c r="B2082" s="43"/>
      <c r="C2082" s="73"/>
      <c r="D2082" s="64"/>
      <c r="E2082" s="55"/>
      <c r="F2082" s="74"/>
      <c r="G2082" s="74"/>
      <c r="H2082" s="74"/>
      <c r="I2082" s="75"/>
      <c r="J2082" s="74"/>
      <c r="L2082" s="55"/>
      <c r="M2082" s="234"/>
      <c r="N2082" s="65"/>
      <c r="O2082" s="76"/>
      <c r="P2082" s="76"/>
      <c r="Q2082" s="65"/>
      <c r="R2082" s="76"/>
      <c r="S2082" s="76"/>
      <c r="T2082" s="76"/>
      <c r="U2082" s="76"/>
      <c r="V2082" s="76"/>
      <c r="W2082" s="76"/>
      <c r="X2082" s="76"/>
      <c r="Y2082" s="76"/>
      <c r="Z2082" s="76"/>
      <c r="AA2082" s="85"/>
      <c r="AB2082" s="85"/>
      <c r="AC2082" s="85"/>
      <c r="AD2082" s="85"/>
      <c r="AE2082" s="85"/>
      <c r="AF2082" s="85"/>
      <c r="AG2082" s="86"/>
      <c r="AH2082" s="85"/>
      <c r="AI2082" s="85"/>
      <c r="AJ2082" s="85"/>
      <c r="AK2082" s="85"/>
      <c r="AL2082" s="85"/>
      <c r="AM2082" s="92"/>
      <c r="AN2082" s="92"/>
      <c r="AO2082" s="92"/>
      <c r="AP2082" s="92"/>
      <c r="AQ2082" s="92"/>
      <c r="AR2082" s="92"/>
      <c r="AS2082" s="92"/>
      <c r="AT2082" s="92"/>
      <c r="AU2082" s="92"/>
      <c r="AV2082" s="92"/>
      <c r="AW2082" s="92"/>
      <c r="AX2082" s="92"/>
      <c r="AY2082" s="92"/>
      <c r="AZ2082" s="93"/>
      <c r="BA2082" s="93"/>
      <c r="BB2082" s="93"/>
      <c r="BC2082" s="93"/>
      <c r="BD2082" s="93"/>
      <c r="BE2082" s="93"/>
      <c r="BF2082" s="93"/>
      <c r="BG2082" s="93"/>
      <c r="BH2082" s="93"/>
      <c r="BI2082" s="93"/>
      <c r="BJ2082" s="93"/>
      <c r="BK2082" s="93"/>
      <c r="BL2082" s="93"/>
    </row>
    <row r="2083" spans="2:64" x14ac:dyDescent="0.2">
      <c r="B2083" s="43"/>
      <c r="C2083" s="73"/>
      <c r="D2083" s="64"/>
      <c r="E2083" s="55"/>
      <c r="F2083" s="74"/>
      <c r="G2083" s="74"/>
      <c r="H2083" s="74"/>
      <c r="I2083" s="75"/>
      <c r="J2083" s="74"/>
      <c r="L2083" s="55"/>
      <c r="M2083" s="234"/>
      <c r="N2083" s="65"/>
      <c r="O2083" s="76"/>
      <c r="P2083" s="76"/>
      <c r="Q2083" s="65"/>
      <c r="R2083" s="76"/>
      <c r="S2083" s="76"/>
      <c r="T2083" s="76"/>
      <c r="U2083" s="76"/>
      <c r="V2083" s="76"/>
      <c r="W2083" s="76"/>
      <c r="X2083" s="76"/>
      <c r="Y2083" s="76"/>
      <c r="Z2083" s="76"/>
      <c r="AA2083" s="85"/>
      <c r="AB2083" s="85"/>
      <c r="AC2083" s="85"/>
      <c r="AD2083" s="85"/>
      <c r="AE2083" s="85"/>
      <c r="AF2083" s="85"/>
      <c r="AG2083" s="86"/>
      <c r="AH2083" s="85"/>
      <c r="AI2083" s="85"/>
      <c r="AJ2083" s="85"/>
      <c r="AK2083" s="85"/>
      <c r="AL2083" s="85"/>
      <c r="AM2083" s="92"/>
      <c r="AN2083" s="92"/>
      <c r="AO2083" s="92"/>
      <c r="AP2083" s="92"/>
      <c r="AQ2083" s="92"/>
      <c r="AR2083" s="92"/>
      <c r="AS2083" s="92"/>
      <c r="AT2083" s="92"/>
      <c r="AU2083" s="92"/>
      <c r="AV2083" s="92"/>
      <c r="AW2083" s="92"/>
      <c r="AX2083" s="92"/>
      <c r="AY2083" s="92"/>
      <c r="AZ2083" s="93"/>
      <c r="BA2083" s="93"/>
      <c r="BB2083" s="93"/>
      <c r="BC2083" s="93"/>
      <c r="BD2083" s="93"/>
      <c r="BE2083" s="93"/>
      <c r="BF2083" s="93"/>
      <c r="BG2083" s="93"/>
      <c r="BH2083" s="93"/>
      <c r="BI2083" s="93"/>
      <c r="BJ2083" s="93"/>
      <c r="BK2083" s="93"/>
      <c r="BL2083" s="93"/>
    </row>
    <row r="2084" spans="2:64" x14ac:dyDescent="0.2">
      <c r="B2084" s="43"/>
      <c r="C2084" s="73"/>
      <c r="D2084" s="64"/>
      <c r="E2084" s="55"/>
      <c r="F2084" s="74"/>
      <c r="G2084" s="74"/>
      <c r="H2084" s="74"/>
      <c r="I2084" s="75"/>
      <c r="J2084" s="74"/>
      <c r="L2084" s="55"/>
      <c r="M2084" s="234"/>
      <c r="N2084" s="65"/>
      <c r="O2084" s="76"/>
      <c r="P2084" s="76"/>
      <c r="Q2084" s="65"/>
      <c r="R2084" s="76"/>
      <c r="S2084" s="76"/>
      <c r="T2084" s="76"/>
      <c r="U2084" s="76"/>
      <c r="V2084" s="76"/>
      <c r="W2084" s="76"/>
      <c r="X2084" s="76"/>
      <c r="Y2084" s="76"/>
      <c r="Z2084" s="76"/>
      <c r="AA2084" s="85"/>
      <c r="AB2084" s="85"/>
      <c r="AC2084" s="85"/>
      <c r="AD2084" s="85"/>
      <c r="AE2084" s="85"/>
      <c r="AF2084" s="85"/>
      <c r="AG2084" s="86"/>
      <c r="AH2084" s="85"/>
      <c r="AI2084" s="85"/>
      <c r="AJ2084" s="85"/>
      <c r="AK2084" s="85"/>
      <c r="AL2084" s="85"/>
      <c r="AM2084" s="92"/>
      <c r="AN2084" s="92"/>
      <c r="AO2084" s="92"/>
      <c r="AP2084" s="92"/>
      <c r="AQ2084" s="92"/>
      <c r="AR2084" s="92"/>
      <c r="AS2084" s="92"/>
      <c r="AT2084" s="92"/>
      <c r="AU2084" s="92"/>
      <c r="AV2084" s="92"/>
      <c r="AW2084" s="92"/>
      <c r="AX2084" s="92"/>
      <c r="AY2084" s="92"/>
      <c r="AZ2084" s="93"/>
      <c r="BA2084" s="93"/>
      <c r="BB2084" s="93"/>
      <c r="BC2084" s="93"/>
      <c r="BD2084" s="93"/>
      <c r="BE2084" s="93"/>
      <c r="BF2084" s="93"/>
      <c r="BG2084" s="93"/>
      <c r="BH2084" s="93"/>
      <c r="BI2084" s="93"/>
      <c r="BJ2084" s="93"/>
      <c r="BK2084" s="93"/>
      <c r="BL2084" s="93"/>
    </row>
    <row r="2085" spans="2:64" x14ac:dyDescent="0.2">
      <c r="B2085" s="43"/>
      <c r="C2085" s="73"/>
      <c r="D2085" s="64"/>
      <c r="E2085" s="55"/>
      <c r="F2085" s="74"/>
      <c r="G2085" s="74"/>
      <c r="H2085" s="74"/>
      <c r="I2085" s="75"/>
      <c r="J2085" s="74"/>
      <c r="L2085" s="55"/>
      <c r="M2085" s="234"/>
      <c r="N2085" s="65"/>
      <c r="O2085" s="76"/>
      <c r="P2085" s="76"/>
      <c r="Q2085" s="65"/>
      <c r="R2085" s="76"/>
      <c r="S2085" s="76"/>
      <c r="T2085" s="76"/>
      <c r="U2085" s="76"/>
      <c r="V2085" s="76"/>
      <c r="W2085" s="76"/>
      <c r="X2085" s="76"/>
      <c r="Y2085" s="76"/>
      <c r="Z2085" s="76"/>
      <c r="AA2085" s="85"/>
      <c r="AB2085" s="85"/>
      <c r="AC2085" s="85"/>
      <c r="AD2085" s="85"/>
      <c r="AE2085" s="85"/>
      <c r="AF2085" s="85"/>
      <c r="AG2085" s="86"/>
      <c r="AH2085" s="85"/>
      <c r="AI2085" s="85"/>
      <c r="AJ2085" s="85"/>
      <c r="AK2085" s="85"/>
      <c r="AL2085" s="85"/>
      <c r="AM2085" s="92"/>
      <c r="AN2085" s="92"/>
      <c r="AO2085" s="92"/>
      <c r="AP2085" s="92"/>
      <c r="AQ2085" s="92"/>
      <c r="AR2085" s="92"/>
      <c r="AS2085" s="92"/>
      <c r="AT2085" s="92"/>
      <c r="AU2085" s="92"/>
      <c r="AV2085" s="92"/>
      <c r="AW2085" s="92"/>
      <c r="AX2085" s="92"/>
      <c r="AY2085" s="92"/>
      <c r="AZ2085" s="93"/>
      <c r="BA2085" s="93"/>
      <c r="BB2085" s="93"/>
      <c r="BC2085" s="93"/>
      <c r="BD2085" s="93"/>
      <c r="BE2085" s="93"/>
      <c r="BF2085" s="93"/>
      <c r="BG2085" s="93"/>
      <c r="BH2085" s="93"/>
      <c r="BI2085" s="93"/>
      <c r="BJ2085" s="93"/>
      <c r="BK2085" s="93"/>
      <c r="BL2085" s="93"/>
    </row>
    <row r="2086" spans="2:64" x14ac:dyDescent="0.2">
      <c r="B2086" s="43"/>
      <c r="C2086" s="73"/>
      <c r="D2086" s="64"/>
      <c r="E2086" s="55"/>
      <c r="F2086" s="74"/>
      <c r="G2086" s="74"/>
      <c r="H2086" s="74"/>
      <c r="I2086" s="75"/>
      <c r="J2086" s="74"/>
      <c r="L2086" s="55"/>
      <c r="M2086" s="234"/>
      <c r="N2086" s="65"/>
      <c r="O2086" s="76"/>
      <c r="P2086" s="76"/>
      <c r="Q2086" s="65"/>
      <c r="R2086" s="76"/>
      <c r="S2086" s="76"/>
      <c r="T2086" s="76"/>
      <c r="U2086" s="76"/>
      <c r="V2086" s="76"/>
      <c r="W2086" s="76"/>
      <c r="X2086" s="76"/>
      <c r="Y2086" s="76"/>
      <c r="Z2086" s="76"/>
      <c r="AA2086" s="85"/>
      <c r="AB2086" s="85"/>
      <c r="AC2086" s="85"/>
      <c r="AD2086" s="85"/>
      <c r="AE2086" s="85"/>
      <c r="AF2086" s="85"/>
      <c r="AG2086" s="86"/>
      <c r="AH2086" s="85"/>
      <c r="AI2086" s="85"/>
      <c r="AJ2086" s="85"/>
      <c r="AK2086" s="85"/>
      <c r="AL2086" s="85"/>
      <c r="AM2086" s="92"/>
      <c r="AN2086" s="92"/>
      <c r="AO2086" s="92"/>
      <c r="AP2086" s="92"/>
      <c r="AQ2086" s="92"/>
      <c r="AR2086" s="92"/>
      <c r="AS2086" s="92"/>
      <c r="AT2086" s="92"/>
      <c r="AU2086" s="92"/>
      <c r="AV2086" s="92"/>
      <c r="AW2086" s="92"/>
      <c r="AX2086" s="92"/>
      <c r="AY2086" s="92"/>
      <c r="AZ2086" s="93"/>
      <c r="BA2086" s="93"/>
      <c r="BB2086" s="93"/>
      <c r="BC2086" s="93"/>
      <c r="BD2086" s="93"/>
      <c r="BE2086" s="93"/>
      <c r="BF2086" s="93"/>
      <c r="BG2086" s="93"/>
      <c r="BH2086" s="93"/>
      <c r="BI2086" s="93"/>
      <c r="BJ2086" s="93"/>
      <c r="BK2086" s="93"/>
      <c r="BL2086" s="93"/>
    </row>
    <row r="2087" spans="2:64" x14ac:dyDescent="0.2">
      <c r="B2087" s="43"/>
      <c r="C2087" s="73"/>
      <c r="D2087" s="64"/>
      <c r="E2087" s="55"/>
      <c r="F2087" s="74"/>
      <c r="G2087" s="74"/>
      <c r="H2087" s="74"/>
      <c r="I2087" s="75"/>
      <c r="J2087" s="74"/>
      <c r="L2087" s="55"/>
      <c r="M2087" s="234"/>
      <c r="N2087" s="65"/>
      <c r="O2087" s="76"/>
      <c r="P2087" s="76"/>
      <c r="Q2087" s="65"/>
      <c r="R2087" s="76"/>
      <c r="S2087" s="76"/>
      <c r="T2087" s="76"/>
      <c r="U2087" s="76"/>
      <c r="V2087" s="76"/>
      <c r="W2087" s="76"/>
      <c r="X2087" s="76"/>
      <c r="Y2087" s="76"/>
      <c r="Z2087" s="76"/>
      <c r="AA2087" s="85"/>
      <c r="AB2087" s="85"/>
      <c r="AC2087" s="85"/>
      <c r="AD2087" s="85"/>
      <c r="AE2087" s="85"/>
      <c r="AF2087" s="85"/>
      <c r="AG2087" s="86"/>
      <c r="AH2087" s="85"/>
      <c r="AI2087" s="85"/>
      <c r="AJ2087" s="85"/>
      <c r="AK2087" s="85"/>
      <c r="AL2087" s="85"/>
      <c r="AM2087" s="92"/>
      <c r="AN2087" s="92"/>
      <c r="AO2087" s="92"/>
      <c r="AP2087" s="92"/>
      <c r="AQ2087" s="92"/>
      <c r="AR2087" s="92"/>
      <c r="AS2087" s="92"/>
      <c r="AT2087" s="92"/>
      <c r="AU2087" s="92"/>
      <c r="AV2087" s="92"/>
      <c r="AW2087" s="92"/>
      <c r="AX2087" s="92"/>
      <c r="AY2087" s="92"/>
      <c r="AZ2087" s="93"/>
      <c r="BA2087" s="93"/>
      <c r="BB2087" s="93"/>
      <c r="BC2087" s="93"/>
      <c r="BD2087" s="93"/>
      <c r="BE2087" s="93"/>
      <c r="BF2087" s="93"/>
      <c r="BG2087" s="93"/>
      <c r="BH2087" s="93"/>
      <c r="BI2087" s="93"/>
      <c r="BJ2087" s="93"/>
      <c r="BK2087" s="93"/>
      <c r="BL2087" s="93"/>
    </row>
    <row r="2088" spans="2:64" x14ac:dyDescent="0.2">
      <c r="B2088" s="43"/>
      <c r="C2088" s="73"/>
      <c r="D2088" s="64"/>
      <c r="E2088" s="55"/>
      <c r="F2088" s="74"/>
      <c r="G2088" s="74"/>
      <c r="H2088" s="74"/>
      <c r="I2088" s="75"/>
      <c r="J2088" s="74"/>
      <c r="L2088" s="55"/>
      <c r="M2088" s="234"/>
      <c r="N2088" s="65"/>
      <c r="O2088" s="76"/>
      <c r="P2088" s="76"/>
      <c r="Q2088" s="65"/>
      <c r="R2088" s="76"/>
      <c r="S2088" s="76"/>
      <c r="T2088" s="76"/>
      <c r="U2088" s="76"/>
      <c r="V2088" s="76"/>
      <c r="W2088" s="76"/>
      <c r="X2088" s="76"/>
      <c r="Y2088" s="76"/>
      <c r="Z2088" s="76"/>
      <c r="AA2088" s="85"/>
      <c r="AB2088" s="85"/>
      <c r="AC2088" s="85"/>
      <c r="AD2088" s="85"/>
      <c r="AE2088" s="85"/>
      <c r="AF2088" s="85"/>
      <c r="AG2088" s="86"/>
      <c r="AH2088" s="85"/>
      <c r="AI2088" s="85"/>
      <c r="AJ2088" s="85"/>
      <c r="AK2088" s="85"/>
      <c r="AL2088" s="85"/>
      <c r="AM2088" s="92"/>
      <c r="AN2088" s="92"/>
      <c r="AO2088" s="92"/>
      <c r="AP2088" s="92"/>
      <c r="AQ2088" s="92"/>
      <c r="AR2088" s="92"/>
      <c r="AS2088" s="92"/>
      <c r="AT2088" s="92"/>
      <c r="AU2088" s="92"/>
      <c r="AV2088" s="92"/>
      <c r="AW2088" s="92"/>
      <c r="AX2088" s="92"/>
      <c r="AY2088" s="92"/>
      <c r="AZ2088" s="93"/>
      <c r="BA2088" s="93"/>
      <c r="BB2088" s="93"/>
      <c r="BC2088" s="93"/>
      <c r="BD2088" s="93"/>
      <c r="BE2088" s="93"/>
      <c r="BF2088" s="93"/>
      <c r="BG2088" s="93"/>
      <c r="BH2088" s="93"/>
      <c r="BI2088" s="93"/>
      <c r="BJ2088" s="93"/>
      <c r="BK2088" s="93"/>
      <c r="BL2088" s="93"/>
    </row>
    <row r="2089" spans="2:64" x14ac:dyDescent="0.2">
      <c r="B2089" s="43"/>
      <c r="C2089" s="73"/>
      <c r="D2089" s="64"/>
      <c r="E2089" s="55"/>
      <c r="F2089" s="74"/>
      <c r="G2089" s="74"/>
      <c r="H2089" s="74"/>
      <c r="I2089" s="75"/>
      <c r="J2089" s="74"/>
      <c r="L2089" s="55"/>
      <c r="M2089" s="234"/>
      <c r="N2089" s="65"/>
      <c r="O2089" s="76"/>
      <c r="P2089" s="76"/>
      <c r="Q2089" s="65"/>
      <c r="R2089" s="76"/>
      <c r="S2089" s="76"/>
      <c r="T2089" s="76"/>
      <c r="U2089" s="76"/>
      <c r="V2089" s="76"/>
      <c r="W2089" s="76"/>
      <c r="X2089" s="76"/>
      <c r="Y2089" s="76"/>
      <c r="Z2089" s="76"/>
      <c r="AA2089" s="85"/>
      <c r="AB2089" s="85"/>
      <c r="AC2089" s="85"/>
      <c r="AD2089" s="85"/>
      <c r="AE2089" s="85"/>
      <c r="AF2089" s="85"/>
      <c r="AG2089" s="86"/>
      <c r="AH2089" s="85"/>
      <c r="AI2089" s="85"/>
      <c r="AJ2089" s="85"/>
      <c r="AK2089" s="85"/>
      <c r="AL2089" s="85"/>
      <c r="AM2089" s="92"/>
      <c r="AN2089" s="92"/>
      <c r="AO2089" s="92"/>
      <c r="AP2089" s="92"/>
      <c r="AQ2089" s="92"/>
      <c r="AR2089" s="92"/>
      <c r="AS2089" s="92"/>
      <c r="AT2089" s="92"/>
      <c r="AU2089" s="92"/>
      <c r="AV2089" s="92"/>
      <c r="AW2089" s="92"/>
      <c r="AX2089" s="92"/>
      <c r="AY2089" s="92"/>
      <c r="AZ2089" s="93"/>
      <c r="BA2089" s="93"/>
      <c r="BB2089" s="93"/>
      <c r="BC2089" s="93"/>
      <c r="BD2089" s="93"/>
      <c r="BE2089" s="93"/>
      <c r="BF2089" s="93"/>
      <c r="BG2089" s="93"/>
      <c r="BH2089" s="93"/>
      <c r="BI2089" s="93"/>
      <c r="BJ2089" s="93"/>
      <c r="BK2089" s="93"/>
      <c r="BL2089" s="93"/>
    </row>
    <row r="2090" spans="2:64" x14ac:dyDescent="0.2">
      <c r="B2090" s="43"/>
      <c r="C2090" s="73"/>
      <c r="D2090" s="64"/>
      <c r="E2090" s="55"/>
      <c r="F2090" s="74"/>
      <c r="G2090" s="74"/>
      <c r="H2090" s="74"/>
      <c r="I2090" s="75"/>
      <c r="J2090" s="74"/>
      <c r="L2090" s="55"/>
      <c r="M2090" s="234"/>
      <c r="N2090" s="65"/>
      <c r="O2090" s="76"/>
      <c r="P2090" s="76"/>
      <c r="Q2090" s="65"/>
      <c r="R2090" s="76"/>
      <c r="S2090" s="76"/>
      <c r="T2090" s="76"/>
      <c r="U2090" s="76"/>
      <c r="V2090" s="76"/>
      <c r="W2090" s="76"/>
      <c r="X2090" s="76"/>
      <c r="Y2090" s="76"/>
      <c r="Z2090" s="76"/>
      <c r="AA2090" s="85"/>
      <c r="AB2090" s="85"/>
      <c r="AC2090" s="85"/>
      <c r="AD2090" s="85"/>
      <c r="AE2090" s="85"/>
      <c r="AF2090" s="85"/>
      <c r="AG2090" s="86"/>
      <c r="AH2090" s="85"/>
      <c r="AI2090" s="85"/>
      <c r="AJ2090" s="85"/>
      <c r="AK2090" s="85"/>
      <c r="AL2090" s="85"/>
      <c r="AM2090" s="92"/>
      <c r="AN2090" s="92"/>
      <c r="AO2090" s="92"/>
      <c r="AP2090" s="92"/>
      <c r="AQ2090" s="92"/>
      <c r="AR2090" s="92"/>
      <c r="AS2090" s="92"/>
      <c r="AT2090" s="92"/>
      <c r="AU2090" s="92"/>
      <c r="AV2090" s="92"/>
      <c r="AW2090" s="92"/>
      <c r="AX2090" s="92"/>
      <c r="AY2090" s="92"/>
      <c r="AZ2090" s="93"/>
      <c r="BA2090" s="93"/>
      <c r="BB2090" s="93"/>
      <c r="BC2090" s="93"/>
      <c r="BD2090" s="93"/>
      <c r="BE2090" s="93"/>
      <c r="BF2090" s="93"/>
      <c r="BG2090" s="93"/>
      <c r="BH2090" s="93"/>
      <c r="BI2090" s="93"/>
      <c r="BJ2090" s="93"/>
      <c r="BK2090" s="93"/>
      <c r="BL2090" s="93"/>
    </row>
    <row r="2091" spans="2:64" x14ac:dyDescent="0.2">
      <c r="B2091" s="43"/>
      <c r="C2091" s="73"/>
      <c r="D2091" s="64"/>
      <c r="E2091" s="55"/>
      <c r="F2091" s="74"/>
      <c r="G2091" s="74"/>
      <c r="H2091" s="74"/>
      <c r="I2091" s="75"/>
      <c r="J2091" s="74"/>
      <c r="L2091" s="55"/>
      <c r="M2091" s="234"/>
      <c r="N2091" s="65"/>
      <c r="O2091" s="76"/>
      <c r="P2091" s="76"/>
      <c r="Q2091" s="65"/>
      <c r="R2091" s="76"/>
      <c r="S2091" s="76"/>
      <c r="T2091" s="76"/>
      <c r="U2091" s="76"/>
      <c r="V2091" s="76"/>
      <c r="W2091" s="76"/>
      <c r="X2091" s="76"/>
      <c r="Y2091" s="76"/>
      <c r="Z2091" s="76"/>
      <c r="AA2091" s="85"/>
      <c r="AB2091" s="85"/>
      <c r="AC2091" s="85"/>
      <c r="AD2091" s="85"/>
      <c r="AE2091" s="85"/>
      <c r="AF2091" s="85"/>
      <c r="AG2091" s="86"/>
      <c r="AH2091" s="85"/>
      <c r="AI2091" s="85"/>
      <c r="AJ2091" s="85"/>
      <c r="AK2091" s="85"/>
      <c r="AL2091" s="85"/>
      <c r="AM2091" s="92"/>
      <c r="AN2091" s="92"/>
      <c r="AO2091" s="92"/>
      <c r="AP2091" s="92"/>
      <c r="AQ2091" s="92"/>
      <c r="AR2091" s="92"/>
      <c r="AS2091" s="92"/>
      <c r="AT2091" s="92"/>
      <c r="AU2091" s="92"/>
      <c r="AV2091" s="92"/>
      <c r="AW2091" s="92"/>
      <c r="AX2091" s="92"/>
      <c r="AY2091" s="92"/>
      <c r="AZ2091" s="93"/>
      <c r="BA2091" s="93"/>
      <c r="BB2091" s="93"/>
      <c r="BC2091" s="93"/>
      <c r="BD2091" s="93"/>
      <c r="BE2091" s="93"/>
      <c r="BF2091" s="93"/>
      <c r="BG2091" s="93"/>
      <c r="BH2091" s="93"/>
      <c r="BI2091" s="93"/>
      <c r="BJ2091" s="93"/>
      <c r="BK2091" s="93"/>
      <c r="BL2091" s="93"/>
    </row>
    <row r="2092" spans="2:64" x14ac:dyDescent="0.2">
      <c r="B2092" s="43"/>
      <c r="C2092" s="73"/>
      <c r="D2092" s="64"/>
      <c r="E2092" s="55"/>
      <c r="F2092" s="74"/>
      <c r="G2092" s="74"/>
      <c r="H2092" s="74"/>
      <c r="I2092" s="75"/>
      <c r="J2092" s="74"/>
      <c r="L2092" s="55"/>
      <c r="M2092" s="234"/>
      <c r="N2092" s="65"/>
      <c r="O2092" s="76"/>
      <c r="P2092" s="76"/>
      <c r="Q2092" s="65"/>
      <c r="R2092" s="76"/>
      <c r="S2092" s="76"/>
      <c r="T2092" s="76"/>
      <c r="U2092" s="76"/>
      <c r="V2092" s="76"/>
      <c r="W2092" s="76"/>
      <c r="X2092" s="76"/>
      <c r="Y2092" s="76"/>
      <c r="Z2092" s="76"/>
      <c r="AA2092" s="85"/>
      <c r="AB2092" s="85"/>
      <c r="AC2092" s="85"/>
      <c r="AD2092" s="85"/>
      <c r="AE2092" s="85"/>
      <c r="AF2092" s="85"/>
      <c r="AG2092" s="86"/>
      <c r="AH2092" s="85"/>
      <c r="AI2092" s="85"/>
      <c r="AJ2092" s="85"/>
      <c r="AK2092" s="85"/>
      <c r="AL2092" s="85"/>
      <c r="AM2092" s="92"/>
      <c r="AN2092" s="92"/>
      <c r="AO2092" s="92"/>
      <c r="AP2092" s="92"/>
      <c r="AQ2092" s="92"/>
      <c r="AR2092" s="92"/>
      <c r="AS2092" s="92"/>
      <c r="AT2092" s="92"/>
      <c r="AU2092" s="92"/>
      <c r="AV2092" s="92"/>
      <c r="AW2092" s="92"/>
      <c r="AX2092" s="92"/>
      <c r="AY2092" s="92"/>
      <c r="AZ2092" s="93"/>
      <c r="BA2092" s="93"/>
      <c r="BB2092" s="93"/>
      <c r="BC2092" s="93"/>
      <c r="BD2092" s="93"/>
      <c r="BE2092" s="93"/>
      <c r="BF2092" s="93"/>
      <c r="BG2092" s="93"/>
      <c r="BH2092" s="93"/>
      <c r="BI2092" s="93"/>
      <c r="BJ2092" s="93"/>
      <c r="BK2092" s="93"/>
      <c r="BL2092" s="93"/>
    </row>
    <row r="2093" spans="2:64" x14ac:dyDescent="0.2">
      <c r="B2093" s="43"/>
      <c r="C2093" s="73"/>
      <c r="D2093" s="64"/>
      <c r="E2093" s="55"/>
      <c r="F2093" s="74"/>
      <c r="G2093" s="74"/>
      <c r="H2093" s="74"/>
      <c r="I2093" s="75"/>
      <c r="J2093" s="74"/>
      <c r="L2093" s="55"/>
      <c r="M2093" s="234"/>
      <c r="N2093" s="65"/>
      <c r="O2093" s="76"/>
      <c r="P2093" s="76"/>
      <c r="Q2093" s="65"/>
      <c r="R2093" s="76"/>
      <c r="S2093" s="76"/>
      <c r="T2093" s="76"/>
      <c r="U2093" s="76"/>
      <c r="V2093" s="76"/>
      <c r="W2093" s="76"/>
      <c r="X2093" s="76"/>
      <c r="Y2093" s="76"/>
      <c r="Z2093" s="76"/>
      <c r="AA2093" s="85"/>
      <c r="AB2093" s="85"/>
      <c r="AC2093" s="85"/>
      <c r="AD2093" s="85"/>
      <c r="AE2093" s="85"/>
      <c r="AF2093" s="85"/>
      <c r="AG2093" s="86"/>
      <c r="AH2093" s="85"/>
      <c r="AI2093" s="85"/>
      <c r="AJ2093" s="85"/>
      <c r="AK2093" s="85"/>
      <c r="AL2093" s="85"/>
      <c r="AM2093" s="92"/>
      <c r="AN2093" s="92"/>
      <c r="AO2093" s="92"/>
      <c r="AP2093" s="92"/>
      <c r="AQ2093" s="92"/>
      <c r="AR2093" s="92"/>
      <c r="AS2093" s="92"/>
      <c r="AT2093" s="92"/>
      <c r="AU2093" s="92"/>
      <c r="AV2093" s="92"/>
      <c r="AW2093" s="92"/>
      <c r="AX2093" s="92"/>
      <c r="AY2093" s="92"/>
      <c r="AZ2093" s="93"/>
      <c r="BA2093" s="93"/>
      <c r="BB2093" s="93"/>
      <c r="BC2093" s="93"/>
      <c r="BD2093" s="93"/>
      <c r="BE2093" s="93"/>
      <c r="BF2093" s="93"/>
      <c r="BG2093" s="93"/>
      <c r="BH2093" s="93"/>
      <c r="BI2093" s="93"/>
      <c r="BJ2093" s="93"/>
      <c r="BK2093" s="93"/>
      <c r="BL2093" s="93"/>
    </row>
    <row r="2094" spans="2:64" x14ac:dyDescent="0.2">
      <c r="B2094" s="43"/>
      <c r="C2094" s="73"/>
      <c r="D2094" s="64"/>
      <c r="E2094" s="55"/>
      <c r="F2094" s="74"/>
      <c r="G2094" s="74"/>
      <c r="H2094" s="74"/>
      <c r="I2094" s="75"/>
      <c r="J2094" s="74"/>
      <c r="L2094" s="55"/>
      <c r="M2094" s="234"/>
      <c r="N2094" s="65"/>
      <c r="O2094" s="76"/>
      <c r="P2094" s="76"/>
      <c r="Q2094" s="65"/>
      <c r="R2094" s="76"/>
      <c r="S2094" s="76"/>
      <c r="T2094" s="76"/>
      <c r="U2094" s="76"/>
      <c r="V2094" s="76"/>
      <c r="W2094" s="76"/>
      <c r="X2094" s="76"/>
      <c r="Y2094" s="76"/>
      <c r="Z2094" s="76"/>
      <c r="AA2094" s="85"/>
      <c r="AB2094" s="85"/>
      <c r="AC2094" s="85"/>
      <c r="AD2094" s="85"/>
      <c r="AE2094" s="85"/>
      <c r="AF2094" s="85"/>
      <c r="AG2094" s="86"/>
      <c r="AH2094" s="85"/>
      <c r="AI2094" s="85"/>
      <c r="AJ2094" s="85"/>
      <c r="AK2094" s="85"/>
      <c r="AL2094" s="85"/>
      <c r="AM2094" s="92"/>
      <c r="AN2094" s="92"/>
      <c r="AO2094" s="92"/>
      <c r="AP2094" s="92"/>
      <c r="AQ2094" s="92"/>
      <c r="AR2094" s="92"/>
      <c r="AS2094" s="92"/>
      <c r="AT2094" s="92"/>
      <c r="AU2094" s="92"/>
      <c r="AV2094" s="92"/>
      <c r="AW2094" s="92"/>
      <c r="AX2094" s="92"/>
      <c r="AY2094" s="92"/>
      <c r="AZ2094" s="93"/>
      <c r="BA2094" s="93"/>
      <c r="BB2094" s="93"/>
      <c r="BC2094" s="93"/>
      <c r="BD2094" s="93"/>
      <c r="BE2094" s="93"/>
      <c r="BF2094" s="93"/>
      <c r="BG2094" s="93"/>
      <c r="BH2094" s="93"/>
      <c r="BI2094" s="93"/>
      <c r="BJ2094" s="93"/>
      <c r="BK2094" s="93"/>
      <c r="BL2094" s="93"/>
    </row>
    <row r="2095" spans="2:64" x14ac:dyDescent="0.2">
      <c r="B2095" s="43"/>
      <c r="C2095" s="73"/>
      <c r="D2095" s="64"/>
      <c r="E2095" s="55"/>
      <c r="F2095" s="74"/>
      <c r="G2095" s="74"/>
      <c r="H2095" s="74"/>
      <c r="I2095" s="75"/>
      <c r="J2095" s="74"/>
      <c r="L2095" s="55"/>
      <c r="M2095" s="234"/>
      <c r="N2095" s="65"/>
      <c r="O2095" s="76"/>
      <c r="P2095" s="76"/>
      <c r="Q2095" s="65"/>
      <c r="R2095" s="76"/>
      <c r="S2095" s="76"/>
      <c r="T2095" s="76"/>
      <c r="U2095" s="76"/>
      <c r="V2095" s="76"/>
      <c r="W2095" s="76"/>
      <c r="X2095" s="76"/>
      <c r="Y2095" s="76"/>
      <c r="Z2095" s="76"/>
      <c r="AA2095" s="85"/>
      <c r="AB2095" s="85"/>
      <c r="AC2095" s="85"/>
      <c r="AD2095" s="85"/>
      <c r="AE2095" s="85"/>
      <c r="AF2095" s="85"/>
      <c r="AG2095" s="86"/>
      <c r="AH2095" s="85"/>
      <c r="AI2095" s="85"/>
      <c r="AJ2095" s="85"/>
      <c r="AK2095" s="85"/>
      <c r="AL2095" s="85"/>
      <c r="AM2095" s="92"/>
      <c r="AN2095" s="92"/>
      <c r="AO2095" s="92"/>
      <c r="AP2095" s="92"/>
      <c r="AQ2095" s="92"/>
      <c r="AR2095" s="92"/>
      <c r="AS2095" s="92"/>
      <c r="AT2095" s="92"/>
      <c r="AU2095" s="92"/>
      <c r="AV2095" s="92"/>
      <c r="AW2095" s="92"/>
      <c r="AX2095" s="92"/>
      <c r="AY2095" s="92"/>
      <c r="AZ2095" s="93"/>
      <c r="BA2095" s="93"/>
      <c r="BB2095" s="93"/>
      <c r="BC2095" s="93"/>
      <c r="BD2095" s="93"/>
      <c r="BE2095" s="93"/>
      <c r="BF2095" s="93"/>
      <c r="BG2095" s="93"/>
      <c r="BH2095" s="93"/>
      <c r="BI2095" s="93"/>
      <c r="BJ2095" s="93"/>
      <c r="BK2095" s="93"/>
      <c r="BL2095" s="93"/>
    </row>
    <row r="2096" spans="2:64" x14ac:dyDescent="0.2">
      <c r="B2096" s="43"/>
      <c r="C2096" s="73"/>
      <c r="D2096" s="64"/>
      <c r="E2096" s="55"/>
      <c r="F2096" s="74"/>
      <c r="G2096" s="74"/>
      <c r="H2096" s="74"/>
      <c r="I2096" s="75"/>
      <c r="J2096" s="74"/>
      <c r="L2096" s="55"/>
      <c r="M2096" s="234"/>
      <c r="N2096" s="65"/>
      <c r="O2096" s="76"/>
      <c r="P2096" s="76"/>
      <c r="Q2096" s="65"/>
      <c r="R2096" s="76"/>
      <c r="S2096" s="76"/>
      <c r="T2096" s="76"/>
      <c r="U2096" s="76"/>
      <c r="V2096" s="76"/>
      <c r="W2096" s="76"/>
      <c r="X2096" s="76"/>
      <c r="Y2096" s="76"/>
      <c r="Z2096" s="76"/>
      <c r="AA2096" s="85"/>
      <c r="AB2096" s="85"/>
      <c r="AC2096" s="85"/>
      <c r="AD2096" s="85"/>
      <c r="AE2096" s="85"/>
      <c r="AF2096" s="85"/>
      <c r="AG2096" s="86"/>
      <c r="AH2096" s="85"/>
      <c r="AI2096" s="85"/>
      <c r="AJ2096" s="85"/>
      <c r="AK2096" s="85"/>
      <c r="AL2096" s="85"/>
      <c r="AM2096" s="92"/>
      <c r="AN2096" s="92"/>
      <c r="AO2096" s="92"/>
      <c r="AP2096" s="92"/>
      <c r="AQ2096" s="92"/>
      <c r="AR2096" s="92"/>
      <c r="AS2096" s="92"/>
      <c r="AT2096" s="92"/>
      <c r="AU2096" s="92"/>
      <c r="AV2096" s="92"/>
      <c r="AW2096" s="92"/>
      <c r="AX2096" s="92"/>
      <c r="AY2096" s="92"/>
      <c r="AZ2096" s="93"/>
      <c r="BA2096" s="93"/>
      <c r="BB2096" s="93"/>
      <c r="BC2096" s="93"/>
      <c r="BD2096" s="93"/>
      <c r="BE2096" s="93"/>
      <c r="BF2096" s="93"/>
      <c r="BG2096" s="93"/>
      <c r="BH2096" s="93"/>
      <c r="BI2096" s="93"/>
      <c r="BJ2096" s="93"/>
      <c r="BK2096" s="93"/>
      <c r="BL2096" s="93"/>
    </row>
    <row r="2097" spans="2:64" x14ac:dyDescent="0.2">
      <c r="B2097" s="43"/>
      <c r="C2097" s="73"/>
      <c r="D2097" s="64"/>
      <c r="E2097" s="55"/>
      <c r="F2097" s="74"/>
      <c r="G2097" s="74"/>
      <c r="H2097" s="74"/>
      <c r="I2097" s="75"/>
      <c r="J2097" s="74"/>
      <c r="L2097" s="55"/>
      <c r="M2097" s="234"/>
      <c r="N2097" s="65"/>
      <c r="O2097" s="76"/>
      <c r="P2097" s="76"/>
      <c r="Q2097" s="65"/>
      <c r="R2097" s="76"/>
      <c r="S2097" s="76"/>
      <c r="T2097" s="76"/>
      <c r="U2097" s="76"/>
      <c r="V2097" s="76"/>
      <c r="W2097" s="76"/>
      <c r="X2097" s="76"/>
      <c r="Y2097" s="76"/>
      <c r="Z2097" s="76"/>
      <c r="AA2097" s="85"/>
      <c r="AB2097" s="85"/>
      <c r="AC2097" s="85"/>
      <c r="AD2097" s="85"/>
      <c r="AE2097" s="85"/>
      <c r="AF2097" s="85"/>
      <c r="AG2097" s="86"/>
      <c r="AH2097" s="85"/>
      <c r="AI2097" s="85"/>
      <c r="AJ2097" s="85"/>
      <c r="AK2097" s="85"/>
      <c r="AL2097" s="85"/>
      <c r="AM2097" s="92"/>
      <c r="AN2097" s="92"/>
      <c r="AO2097" s="92"/>
      <c r="AP2097" s="92"/>
      <c r="AQ2097" s="92"/>
      <c r="AR2097" s="92"/>
      <c r="AS2097" s="92"/>
      <c r="AT2097" s="92"/>
      <c r="AU2097" s="92"/>
      <c r="AV2097" s="92"/>
      <c r="AW2097" s="92"/>
      <c r="AX2097" s="92"/>
      <c r="AY2097" s="92"/>
      <c r="AZ2097" s="93"/>
      <c r="BA2097" s="93"/>
      <c r="BB2097" s="93"/>
      <c r="BC2097" s="93"/>
      <c r="BD2097" s="93"/>
      <c r="BE2097" s="93"/>
      <c r="BF2097" s="93"/>
      <c r="BG2097" s="93"/>
      <c r="BH2097" s="93"/>
      <c r="BI2097" s="93"/>
      <c r="BJ2097" s="93"/>
      <c r="BK2097" s="93"/>
      <c r="BL2097" s="93"/>
    </row>
    <row r="2098" spans="2:64" x14ac:dyDescent="0.2">
      <c r="B2098" s="43"/>
      <c r="C2098" s="73"/>
      <c r="D2098" s="64"/>
      <c r="E2098" s="55"/>
      <c r="F2098" s="74"/>
      <c r="G2098" s="74"/>
      <c r="H2098" s="74"/>
      <c r="I2098" s="75"/>
      <c r="J2098" s="74"/>
      <c r="L2098" s="55"/>
      <c r="M2098" s="234"/>
      <c r="N2098" s="65"/>
      <c r="O2098" s="76"/>
      <c r="P2098" s="76"/>
      <c r="Q2098" s="65"/>
      <c r="R2098" s="76"/>
      <c r="S2098" s="76"/>
      <c r="T2098" s="76"/>
      <c r="U2098" s="76"/>
      <c r="V2098" s="76"/>
      <c r="W2098" s="76"/>
      <c r="X2098" s="76"/>
      <c r="Y2098" s="76"/>
      <c r="Z2098" s="76"/>
      <c r="AA2098" s="85"/>
      <c r="AB2098" s="85"/>
      <c r="AC2098" s="85"/>
      <c r="AD2098" s="85"/>
      <c r="AE2098" s="85"/>
      <c r="AF2098" s="85"/>
      <c r="AG2098" s="86"/>
      <c r="AH2098" s="85"/>
      <c r="AI2098" s="85"/>
      <c r="AJ2098" s="85"/>
      <c r="AK2098" s="85"/>
      <c r="AL2098" s="85"/>
      <c r="AM2098" s="92"/>
      <c r="AN2098" s="92"/>
      <c r="AO2098" s="92"/>
      <c r="AP2098" s="92"/>
      <c r="AQ2098" s="92"/>
      <c r="AR2098" s="92"/>
      <c r="AS2098" s="92"/>
      <c r="AT2098" s="92"/>
      <c r="AU2098" s="92"/>
      <c r="AV2098" s="92"/>
      <c r="AW2098" s="92"/>
      <c r="AX2098" s="92"/>
      <c r="AY2098" s="92"/>
      <c r="AZ2098" s="93"/>
      <c r="BA2098" s="93"/>
      <c r="BB2098" s="93"/>
      <c r="BC2098" s="93"/>
      <c r="BD2098" s="93"/>
      <c r="BE2098" s="93"/>
      <c r="BF2098" s="93"/>
      <c r="BG2098" s="93"/>
      <c r="BH2098" s="93"/>
      <c r="BI2098" s="93"/>
      <c r="BJ2098" s="93"/>
      <c r="BK2098" s="93"/>
      <c r="BL2098" s="93"/>
    </row>
    <row r="2099" spans="2:64" x14ac:dyDescent="0.2">
      <c r="B2099" s="43"/>
      <c r="C2099" s="73"/>
      <c r="D2099" s="64"/>
      <c r="E2099" s="55"/>
      <c r="F2099" s="74"/>
      <c r="G2099" s="74"/>
      <c r="H2099" s="74"/>
      <c r="I2099" s="75"/>
      <c r="J2099" s="74"/>
      <c r="L2099" s="55"/>
      <c r="M2099" s="234"/>
      <c r="N2099" s="65"/>
      <c r="O2099" s="76"/>
      <c r="P2099" s="76"/>
      <c r="Q2099" s="65"/>
      <c r="R2099" s="76"/>
      <c r="S2099" s="76"/>
      <c r="T2099" s="76"/>
      <c r="U2099" s="76"/>
      <c r="V2099" s="76"/>
      <c r="W2099" s="76"/>
      <c r="X2099" s="76"/>
      <c r="Y2099" s="76"/>
      <c r="Z2099" s="76"/>
      <c r="AA2099" s="85"/>
      <c r="AB2099" s="85"/>
      <c r="AC2099" s="85"/>
      <c r="AD2099" s="85"/>
      <c r="AE2099" s="85"/>
      <c r="AF2099" s="85"/>
      <c r="AG2099" s="86"/>
      <c r="AH2099" s="85"/>
      <c r="AI2099" s="85"/>
      <c r="AJ2099" s="85"/>
      <c r="AK2099" s="85"/>
      <c r="AL2099" s="85"/>
      <c r="AM2099" s="92"/>
      <c r="AN2099" s="92"/>
      <c r="AO2099" s="92"/>
      <c r="AP2099" s="92"/>
      <c r="AQ2099" s="92"/>
      <c r="AR2099" s="92"/>
      <c r="AS2099" s="92"/>
      <c r="AT2099" s="92"/>
      <c r="AU2099" s="92"/>
      <c r="AV2099" s="92"/>
      <c r="AW2099" s="92"/>
      <c r="AX2099" s="92"/>
      <c r="AY2099" s="92"/>
      <c r="AZ2099" s="93"/>
      <c r="BA2099" s="93"/>
      <c r="BB2099" s="93"/>
      <c r="BC2099" s="93"/>
      <c r="BD2099" s="93"/>
      <c r="BE2099" s="93"/>
      <c r="BF2099" s="93"/>
      <c r="BG2099" s="93"/>
      <c r="BH2099" s="93"/>
      <c r="BI2099" s="93"/>
      <c r="BJ2099" s="93"/>
      <c r="BK2099" s="93"/>
      <c r="BL2099" s="93"/>
    </row>
    <row r="2100" spans="2:64" x14ac:dyDescent="0.2">
      <c r="B2100" s="43"/>
      <c r="C2100" s="73"/>
      <c r="D2100" s="64"/>
      <c r="E2100" s="55"/>
      <c r="F2100" s="74"/>
      <c r="G2100" s="74"/>
      <c r="H2100" s="74"/>
      <c r="I2100" s="75"/>
      <c r="J2100" s="74"/>
      <c r="L2100" s="55"/>
      <c r="M2100" s="234"/>
      <c r="N2100" s="65"/>
      <c r="O2100" s="76"/>
      <c r="P2100" s="76"/>
      <c r="Q2100" s="65"/>
      <c r="R2100" s="76"/>
      <c r="S2100" s="76"/>
      <c r="T2100" s="76"/>
      <c r="U2100" s="76"/>
      <c r="V2100" s="76"/>
      <c r="W2100" s="76"/>
      <c r="X2100" s="76"/>
      <c r="Y2100" s="76"/>
      <c r="Z2100" s="76"/>
      <c r="AA2100" s="85"/>
      <c r="AB2100" s="85"/>
      <c r="AC2100" s="85"/>
      <c r="AD2100" s="85"/>
      <c r="AE2100" s="85"/>
      <c r="AF2100" s="85"/>
      <c r="AG2100" s="86"/>
      <c r="AH2100" s="85"/>
      <c r="AI2100" s="85"/>
      <c r="AJ2100" s="85"/>
      <c r="AK2100" s="85"/>
      <c r="AL2100" s="85"/>
      <c r="AM2100" s="92"/>
      <c r="AN2100" s="92"/>
      <c r="AO2100" s="92"/>
      <c r="AP2100" s="92"/>
      <c r="AQ2100" s="92"/>
      <c r="AR2100" s="92"/>
      <c r="AS2100" s="92"/>
      <c r="AT2100" s="92"/>
      <c r="AU2100" s="92"/>
      <c r="AV2100" s="92"/>
      <c r="AW2100" s="92"/>
      <c r="AX2100" s="92"/>
      <c r="AY2100" s="92"/>
      <c r="AZ2100" s="93"/>
      <c r="BA2100" s="93"/>
      <c r="BB2100" s="93"/>
      <c r="BC2100" s="93"/>
      <c r="BD2100" s="93"/>
      <c r="BE2100" s="93"/>
      <c r="BF2100" s="93"/>
      <c r="BG2100" s="93"/>
      <c r="BH2100" s="93"/>
      <c r="BI2100" s="93"/>
      <c r="BJ2100" s="93"/>
      <c r="BK2100" s="93"/>
      <c r="BL2100" s="93"/>
    </row>
    <row r="2101" spans="2:64" x14ac:dyDescent="0.2">
      <c r="B2101" s="43"/>
      <c r="C2101" s="73"/>
      <c r="D2101" s="64"/>
      <c r="E2101" s="55"/>
      <c r="F2101" s="74"/>
      <c r="G2101" s="74"/>
      <c r="H2101" s="74"/>
      <c r="I2101" s="75"/>
      <c r="J2101" s="74"/>
      <c r="L2101" s="55"/>
      <c r="M2101" s="234"/>
      <c r="N2101" s="65"/>
      <c r="O2101" s="76"/>
      <c r="P2101" s="76"/>
      <c r="Q2101" s="65"/>
      <c r="R2101" s="76"/>
      <c r="S2101" s="76"/>
      <c r="T2101" s="76"/>
      <c r="U2101" s="76"/>
      <c r="V2101" s="76"/>
      <c r="W2101" s="76"/>
      <c r="X2101" s="76"/>
      <c r="Y2101" s="76"/>
      <c r="Z2101" s="76"/>
      <c r="AA2101" s="85"/>
      <c r="AB2101" s="85"/>
      <c r="AC2101" s="85"/>
      <c r="AD2101" s="85"/>
      <c r="AE2101" s="85"/>
      <c r="AF2101" s="85"/>
      <c r="AG2101" s="86"/>
      <c r="AH2101" s="85"/>
      <c r="AI2101" s="85"/>
      <c r="AJ2101" s="85"/>
      <c r="AK2101" s="85"/>
      <c r="AL2101" s="85"/>
      <c r="AM2101" s="92"/>
      <c r="AN2101" s="92"/>
      <c r="AO2101" s="92"/>
      <c r="AP2101" s="92"/>
      <c r="AQ2101" s="92"/>
      <c r="AR2101" s="92"/>
      <c r="AS2101" s="92"/>
      <c r="AT2101" s="92"/>
      <c r="AU2101" s="92"/>
      <c r="AV2101" s="92"/>
      <c r="AW2101" s="92"/>
      <c r="AX2101" s="92"/>
      <c r="AY2101" s="92"/>
      <c r="AZ2101" s="93"/>
      <c r="BA2101" s="93"/>
      <c r="BB2101" s="93"/>
      <c r="BC2101" s="93"/>
      <c r="BD2101" s="93"/>
      <c r="BE2101" s="93"/>
      <c r="BF2101" s="93"/>
      <c r="BG2101" s="93"/>
      <c r="BH2101" s="93"/>
      <c r="BI2101" s="93"/>
      <c r="BJ2101" s="93"/>
      <c r="BK2101" s="93"/>
      <c r="BL2101" s="93"/>
    </row>
    <row r="2102" spans="2:64" x14ac:dyDescent="0.2">
      <c r="B2102" s="43"/>
      <c r="C2102" s="73"/>
      <c r="D2102" s="64"/>
      <c r="E2102" s="55"/>
      <c r="F2102" s="74"/>
      <c r="G2102" s="74"/>
      <c r="H2102" s="74"/>
      <c r="I2102" s="75"/>
      <c r="J2102" s="74"/>
      <c r="L2102" s="55"/>
      <c r="M2102" s="234"/>
      <c r="N2102" s="65"/>
      <c r="O2102" s="76"/>
      <c r="P2102" s="76"/>
      <c r="Q2102" s="65"/>
      <c r="R2102" s="76"/>
      <c r="S2102" s="76"/>
      <c r="T2102" s="76"/>
      <c r="U2102" s="76"/>
      <c r="V2102" s="76"/>
      <c r="W2102" s="76"/>
      <c r="X2102" s="76"/>
      <c r="Y2102" s="76"/>
      <c r="Z2102" s="76"/>
      <c r="AA2102" s="85"/>
      <c r="AB2102" s="85"/>
      <c r="AC2102" s="85"/>
      <c r="AD2102" s="85"/>
      <c r="AE2102" s="85"/>
      <c r="AF2102" s="85"/>
      <c r="AG2102" s="86"/>
      <c r="AH2102" s="85"/>
      <c r="AI2102" s="85"/>
      <c r="AJ2102" s="85"/>
      <c r="AK2102" s="85"/>
      <c r="AL2102" s="85"/>
      <c r="AM2102" s="92"/>
      <c r="AN2102" s="92"/>
      <c r="AO2102" s="92"/>
      <c r="AP2102" s="92"/>
      <c r="AQ2102" s="92"/>
      <c r="AR2102" s="92"/>
      <c r="AS2102" s="92"/>
      <c r="AT2102" s="92"/>
      <c r="AU2102" s="92"/>
      <c r="AV2102" s="92"/>
      <c r="AW2102" s="92"/>
      <c r="AX2102" s="92"/>
      <c r="AY2102" s="92"/>
      <c r="AZ2102" s="93"/>
      <c r="BA2102" s="93"/>
      <c r="BB2102" s="93"/>
      <c r="BC2102" s="93"/>
      <c r="BD2102" s="93"/>
      <c r="BE2102" s="93"/>
      <c r="BF2102" s="93"/>
      <c r="BG2102" s="93"/>
      <c r="BH2102" s="93"/>
      <c r="BI2102" s="93"/>
      <c r="BJ2102" s="93"/>
      <c r="BK2102" s="93"/>
      <c r="BL2102" s="93"/>
    </row>
    <row r="2103" spans="2:64" x14ac:dyDescent="0.2">
      <c r="B2103" s="43"/>
      <c r="C2103" s="73"/>
      <c r="D2103" s="64"/>
      <c r="E2103" s="55"/>
      <c r="F2103" s="74"/>
      <c r="G2103" s="74"/>
      <c r="H2103" s="74"/>
      <c r="I2103" s="75"/>
      <c r="J2103" s="74"/>
      <c r="L2103" s="55"/>
      <c r="M2103" s="234"/>
      <c r="N2103" s="65"/>
      <c r="O2103" s="76"/>
      <c r="P2103" s="76"/>
      <c r="Q2103" s="65"/>
      <c r="R2103" s="76"/>
      <c r="S2103" s="76"/>
      <c r="T2103" s="76"/>
      <c r="U2103" s="76"/>
      <c r="V2103" s="76"/>
      <c r="W2103" s="76"/>
      <c r="X2103" s="76"/>
      <c r="Y2103" s="76"/>
      <c r="Z2103" s="76"/>
      <c r="AA2103" s="85"/>
      <c r="AB2103" s="85"/>
      <c r="AC2103" s="85"/>
      <c r="AD2103" s="85"/>
      <c r="AE2103" s="85"/>
      <c r="AF2103" s="85"/>
      <c r="AG2103" s="86"/>
      <c r="AH2103" s="85"/>
      <c r="AI2103" s="85"/>
      <c r="AJ2103" s="85"/>
      <c r="AK2103" s="85"/>
      <c r="AL2103" s="85"/>
      <c r="AM2103" s="92"/>
      <c r="AN2103" s="92"/>
      <c r="AO2103" s="92"/>
      <c r="AP2103" s="92"/>
      <c r="AQ2103" s="92"/>
      <c r="AR2103" s="92"/>
      <c r="AS2103" s="92"/>
      <c r="AT2103" s="92"/>
      <c r="AU2103" s="92"/>
      <c r="AV2103" s="92"/>
      <c r="AW2103" s="92"/>
      <c r="AX2103" s="92"/>
      <c r="AY2103" s="92"/>
      <c r="AZ2103" s="93"/>
      <c r="BA2103" s="93"/>
      <c r="BB2103" s="93"/>
      <c r="BC2103" s="93"/>
      <c r="BD2103" s="93"/>
      <c r="BE2103" s="93"/>
      <c r="BF2103" s="93"/>
      <c r="BG2103" s="93"/>
      <c r="BH2103" s="93"/>
      <c r="BI2103" s="93"/>
      <c r="BJ2103" s="93"/>
      <c r="BK2103" s="93"/>
      <c r="BL2103" s="93"/>
    </row>
    <row r="2104" spans="2:64" x14ac:dyDescent="0.2">
      <c r="B2104" s="43"/>
      <c r="C2104" s="73"/>
      <c r="D2104" s="64"/>
      <c r="E2104" s="55"/>
      <c r="F2104" s="74"/>
      <c r="G2104" s="74"/>
      <c r="H2104" s="74"/>
      <c r="I2104" s="75"/>
      <c r="J2104" s="74"/>
      <c r="L2104" s="55"/>
      <c r="M2104" s="234"/>
      <c r="N2104" s="65"/>
      <c r="O2104" s="76"/>
      <c r="P2104" s="76"/>
      <c r="Q2104" s="65"/>
      <c r="R2104" s="76"/>
      <c r="S2104" s="76"/>
      <c r="T2104" s="76"/>
      <c r="U2104" s="76"/>
      <c r="V2104" s="76"/>
      <c r="W2104" s="76"/>
      <c r="X2104" s="76"/>
      <c r="Y2104" s="76"/>
      <c r="Z2104" s="76"/>
      <c r="AA2104" s="85"/>
      <c r="AB2104" s="85"/>
      <c r="AC2104" s="85"/>
      <c r="AD2104" s="85"/>
      <c r="AE2104" s="85"/>
      <c r="AF2104" s="85"/>
      <c r="AG2104" s="86"/>
      <c r="AH2104" s="85"/>
      <c r="AI2104" s="85"/>
      <c r="AJ2104" s="85"/>
      <c r="AK2104" s="85"/>
      <c r="AL2104" s="85"/>
      <c r="AM2104" s="92"/>
      <c r="AN2104" s="92"/>
      <c r="AO2104" s="92"/>
      <c r="AP2104" s="92"/>
      <c r="AQ2104" s="92"/>
      <c r="AR2104" s="92"/>
      <c r="AS2104" s="92"/>
      <c r="AT2104" s="92"/>
      <c r="AU2104" s="92"/>
      <c r="AV2104" s="92"/>
      <c r="AW2104" s="92"/>
      <c r="AX2104" s="92"/>
      <c r="AY2104" s="92"/>
      <c r="AZ2104" s="93"/>
      <c r="BA2104" s="93"/>
      <c r="BB2104" s="93"/>
      <c r="BC2104" s="93"/>
      <c r="BD2104" s="93"/>
      <c r="BE2104" s="93"/>
      <c r="BF2104" s="93"/>
      <c r="BG2104" s="93"/>
      <c r="BH2104" s="93"/>
      <c r="BI2104" s="93"/>
      <c r="BJ2104" s="93"/>
      <c r="BK2104" s="93"/>
      <c r="BL2104" s="93"/>
    </row>
    <row r="2105" spans="2:64" x14ac:dyDescent="0.2">
      <c r="B2105" s="43"/>
      <c r="C2105" s="73"/>
      <c r="D2105" s="64"/>
      <c r="E2105" s="55"/>
      <c r="F2105" s="74"/>
      <c r="G2105" s="74"/>
      <c r="H2105" s="74"/>
      <c r="I2105" s="75"/>
      <c r="J2105" s="74"/>
      <c r="L2105" s="55"/>
      <c r="M2105" s="234"/>
      <c r="N2105" s="65"/>
      <c r="O2105" s="76"/>
      <c r="P2105" s="76"/>
      <c r="Q2105" s="65"/>
      <c r="R2105" s="76"/>
      <c r="S2105" s="76"/>
      <c r="T2105" s="76"/>
      <c r="U2105" s="76"/>
      <c r="V2105" s="76"/>
      <c r="W2105" s="76"/>
      <c r="X2105" s="76"/>
      <c r="Y2105" s="76"/>
      <c r="Z2105" s="76"/>
      <c r="AA2105" s="85"/>
      <c r="AB2105" s="85"/>
      <c r="AC2105" s="85"/>
      <c r="AD2105" s="85"/>
      <c r="AE2105" s="85"/>
      <c r="AF2105" s="85"/>
      <c r="AG2105" s="86"/>
      <c r="AH2105" s="85"/>
      <c r="AI2105" s="85"/>
      <c r="AJ2105" s="85"/>
      <c r="AK2105" s="85"/>
      <c r="AL2105" s="85"/>
      <c r="AM2105" s="92"/>
      <c r="AN2105" s="92"/>
      <c r="AO2105" s="92"/>
      <c r="AP2105" s="92"/>
      <c r="AQ2105" s="92"/>
      <c r="AR2105" s="92"/>
      <c r="AS2105" s="92"/>
      <c r="AT2105" s="92"/>
      <c r="AU2105" s="92"/>
      <c r="AV2105" s="92"/>
      <c r="AW2105" s="92"/>
      <c r="AX2105" s="92"/>
      <c r="AY2105" s="92"/>
      <c r="AZ2105" s="93"/>
      <c r="BA2105" s="93"/>
      <c r="BB2105" s="93"/>
      <c r="BC2105" s="93"/>
      <c r="BD2105" s="93"/>
      <c r="BE2105" s="93"/>
      <c r="BF2105" s="93"/>
      <c r="BG2105" s="93"/>
      <c r="BH2105" s="93"/>
      <c r="BI2105" s="93"/>
      <c r="BJ2105" s="93"/>
      <c r="BK2105" s="93"/>
      <c r="BL2105" s="93"/>
    </row>
    <row r="2106" spans="2:64" x14ac:dyDescent="0.2">
      <c r="B2106" s="43"/>
      <c r="C2106" s="73"/>
      <c r="D2106" s="64"/>
      <c r="E2106" s="55"/>
      <c r="F2106" s="74"/>
      <c r="G2106" s="74"/>
      <c r="H2106" s="74"/>
      <c r="I2106" s="75"/>
      <c r="J2106" s="74"/>
      <c r="L2106" s="55"/>
      <c r="M2106" s="234"/>
      <c r="N2106" s="65"/>
      <c r="O2106" s="76"/>
      <c r="P2106" s="76"/>
      <c r="Q2106" s="65"/>
      <c r="R2106" s="76"/>
      <c r="S2106" s="76"/>
      <c r="T2106" s="76"/>
      <c r="U2106" s="76"/>
      <c r="V2106" s="76"/>
      <c r="W2106" s="76"/>
      <c r="X2106" s="76"/>
      <c r="Y2106" s="76"/>
      <c r="Z2106" s="76"/>
      <c r="AA2106" s="85"/>
      <c r="AB2106" s="85"/>
      <c r="AC2106" s="85"/>
      <c r="AD2106" s="85"/>
      <c r="AE2106" s="85"/>
      <c r="AF2106" s="85"/>
      <c r="AG2106" s="86"/>
      <c r="AH2106" s="85"/>
      <c r="AI2106" s="85"/>
      <c r="AJ2106" s="85"/>
      <c r="AK2106" s="85"/>
      <c r="AL2106" s="85"/>
      <c r="AM2106" s="92"/>
      <c r="AN2106" s="92"/>
      <c r="AO2106" s="92"/>
      <c r="AP2106" s="92"/>
      <c r="AQ2106" s="92"/>
      <c r="AR2106" s="92"/>
      <c r="AS2106" s="92"/>
      <c r="AT2106" s="92"/>
      <c r="AU2106" s="92"/>
      <c r="AV2106" s="92"/>
      <c r="AW2106" s="92"/>
      <c r="AX2106" s="92"/>
      <c r="AY2106" s="92"/>
      <c r="AZ2106" s="93"/>
      <c r="BA2106" s="93"/>
      <c r="BB2106" s="93"/>
      <c r="BC2106" s="93"/>
      <c r="BD2106" s="93"/>
      <c r="BE2106" s="93"/>
      <c r="BF2106" s="93"/>
      <c r="BG2106" s="93"/>
      <c r="BH2106" s="93"/>
      <c r="BI2106" s="93"/>
      <c r="BJ2106" s="93"/>
      <c r="BK2106" s="93"/>
      <c r="BL2106" s="93"/>
    </row>
    <row r="2107" spans="2:64" x14ac:dyDescent="0.2">
      <c r="B2107" s="43"/>
      <c r="C2107" s="73"/>
      <c r="D2107" s="64"/>
      <c r="E2107" s="55"/>
      <c r="F2107" s="74"/>
      <c r="G2107" s="74"/>
      <c r="H2107" s="74"/>
      <c r="I2107" s="75"/>
      <c r="J2107" s="74"/>
      <c r="L2107" s="55"/>
      <c r="M2107" s="234"/>
      <c r="N2107" s="65"/>
      <c r="O2107" s="76"/>
      <c r="P2107" s="76"/>
      <c r="Q2107" s="65"/>
      <c r="R2107" s="76"/>
      <c r="S2107" s="76"/>
      <c r="T2107" s="76"/>
      <c r="U2107" s="76"/>
      <c r="V2107" s="76"/>
      <c r="W2107" s="76"/>
      <c r="X2107" s="76"/>
      <c r="Y2107" s="76"/>
      <c r="Z2107" s="76"/>
      <c r="AA2107" s="85"/>
      <c r="AB2107" s="85"/>
      <c r="AC2107" s="85"/>
      <c r="AD2107" s="85"/>
      <c r="AE2107" s="85"/>
      <c r="AF2107" s="85"/>
      <c r="AG2107" s="86"/>
      <c r="AH2107" s="85"/>
      <c r="AI2107" s="85"/>
      <c r="AJ2107" s="85"/>
      <c r="AK2107" s="85"/>
      <c r="AL2107" s="85"/>
      <c r="AM2107" s="92"/>
      <c r="AN2107" s="92"/>
      <c r="AO2107" s="92"/>
      <c r="AP2107" s="92"/>
      <c r="AQ2107" s="92"/>
      <c r="AR2107" s="92"/>
      <c r="AS2107" s="92"/>
      <c r="AT2107" s="92"/>
      <c r="AU2107" s="92"/>
      <c r="AV2107" s="92"/>
      <c r="AW2107" s="92"/>
      <c r="AX2107" s="92"/>
      <c r="AY2107" s="92"/>
      <c r="AZ2107" s="93"/>
      <c r="BA2107" s="93"/>
      <c r="BB2107" s="93"/>
      <c r="BC2107" s="93"/>
      <c r="BD2107" s="93"/>
      <c r="BE2107" s="93"/>
      <c r="BF2107" s="93"/>
      <c r="BG2107" s="93"/>
      <c r="BH2107" s="93"/>
      <c r="BI2107" s="93"/>
      <c r="BJ2107" s="93"/>
      <c r="BK2107" s="93"/>
      <c r="BL2107" s="93"/>
    </row>
    <row r="2108" spans="2:64" x14ac:dyDescent="0.2">
      <c r="B2108" s="43"/>
      <c r="C2108" s="73"/>
      <c r="D2108" s="64"/>
      <c r="E2108" s="55"/>
      <c r="F2108" s="74"/>
      <c r="G2108" s="74"/>
      <c r="H2108" s="74"/>
      <c r="I2108" s="75"/>
      <c r="J2108" s="74"/>
      <c r="L2108" s="55"/>
      <c r="M2108" s="234"/>
      <c r="N2108" s="65"/>
      <c r="O2108" s="76"/>
      <c r="P2108" s="76"/>
      <c r="Q2108" s="65"/>
      <c r="R2108" s="76"/>
      <c r="S2108" s="76"/>
      <c r="T2108" s="76"/>
      <c r="U2108" s="76"/>
      <c r="V2108" s="76"/>
      <c r="W2108" s="76"/>
      <c r="X2108" s="76"/>
      <c r="Y2108" s="76"/>
      <c r="Z2108" s="76"/>
      <c r="AA2108" s="85"/>
      <c r="AB2108" s="85"/>
      <c r="AC2108" s="85"/>
      <c r="AD2108" s="85"/>
      <c r="AE2108" s="85"/>
      <c r="AF2108" s="85"/>
      <c r="AG2108" s="86"/>
      <c r="AH2108" s="85"/>
      <c r="AI2108" s="85"/>
      <c r="AJ2108" s="85"/>
      <c r="AK2108" s="85"/>
      <c r="AL2108" s="85"/>
      <c r="AM2108" s="92"/>
      <c r="AN2108" s="92"/>
      <c r="AO2108" s="92"/>
      <c r="AP2108" s="92"/>
      <c r="AQ2108" s="92"/>
      <c r="AR2108" s="92"/>
      <c r="AS2108" s="92"/>
      <c r="AT2108" s="92"/>
      <c r="AU2108" s="92"/>
      <c r="AV2108" s="92"/>
      <c r="AW2108" s="92"/>
      <c r="AX2108" s="92"/>
      <c r="AY2108" s="92"/>
      <c r="AZ2108" s="93"/>
      <c r="BA2108" s="93"/>
      <c r="BB2108" s="93"/>
      <c r="BC2108" s="93"/>
      <c r="BD2108" s="93"/>
      <c r="BE2108" s="93"/>
      <c r="BF2108" s="93"/>
      <c r="BG2108" s="93"/>
      <c r="BH2108" s="93"/>
      <c r="BI2108" s="93"/>
      <c r="BJ2108" s="93"/>
      <c r="BK2108" s="93"/>
      <c r="BL2108" s="93"/>
    </row>
    <row r="2109" spans="2:64" x14ac:dyDescent="0.2">
      <c r="B2109" s="43"/>
      <c r="C2109" s="73"/>
      <c r="D2109" s="64"/>
      <c r="E2109" s="55"/>
      <c r="F2109" s="74"/>
      <c r="G2109" s="74"/>
      <c r="H2109" s="74"/>
      <c r="I2109" s="75"/>
      <c r="J2109" s="74"/>
      <c r="L2109" s="55"/>
      <c r="M2109" s="234"/>
      <c r="N2109" s="65"/>
      <c r="O2109" s="76"/>
      <c r="P2109" s="76"/>
      <c r="Q2109" s="65"/>
      <c r="R2109" s="76"/>
      <c r="S2109" s="76"/>
      <c r="T2109" s="76"/>
      <c r="U2109" s="76"/>
      <c r="V2109" s="76"/>
      <c r="W2109" s="76"/>
      <c r="X2109" s="76"/>
      <c r="Y2109" s="76"/>
      <c r="Z2109" s="76"/>
      <c r="AA2109" s="85"/>
      <c r="AB2109" s="85"/>
      <c r="AC2109" s="85"/>
      <c r="AD2109" s="85"/>
      <c r="AE2109" s="85"/>
      <c r="AF2109" s="85"/>
      <c r="AG2109" s="86"/>
      <c r="AH2109" s="85"/>
      <c r="AI2109" s="85"/>
      <c r="AJ2109" s="85"/>
      <c r="AK2109" s="85"/>
      <c r="AL2109" s="85"/>
      <c r="AM2109" s="92"/>
      <c r="AN2109" s="92"/>
      <c r="AO2109" s="92"/>
      <c r="AP2109" s="92"/>
      <c r="AQ2109" s="92"/>
      <c r="AR2109" s="92"/>
      <c r="AS2109" s="92"/>
      <c r="AT2109" s="92"/>
      <c r="AU2109" s="92"/>
      <c r="AV2109" s="92"/>
      <c r="AW2109" s="92"/>
      <c r="AX2109" s="92"/>
      <c r="AY2109" s="92"/>
      <c r="AZ2109" s="93"/>
      <c r="BA2109" s="93"/>
      <c r="BB2109" s="93"/>
      <c r="BC2109" s="93"/>
      <c r="BD2109" s="93"/>
      <c r="BE2109" s="93"/>
      <c r="BF2109" s="93"/>
      <c r="BG2109" s="93"/>
      <c r="BH2109" s="93"/>
      <c r="BI2109" s="93"/>
      <c r="BJ2109" s="93"/>
      <c r="BK2109" s="93"/>
      <c r="BL2109" s="93"/>
    </row>
    <row r="2110" spans="2:64" x14ac:dyDescent="0.2">
      <c r="B2110" s="43"/>
      <c r="C2110" s="73"/>
      <c r="D2110" s="64"/>
      <c r="E2110" s="55"/>
      <c r="F2110" s="74"/>
      <c r="G2110" s="74"/>
      <c r="H2110" s="74"/>
      <c r="I2110" s="75"/>
      <c r="J2110" s="74"/>
      <c r="L2110" s="55"/>
      <c r="M2110" s="234"/>
      <c r="N2110" s="65"/>
      <c r="O2110" s="76"/>
      <c r="P2110" s="76"/>
      <c r="Q2110" s="65"/>
      <c r="R2110" s="76"/>
      <c r="S2110" s="76"/>
      <c r="T2110" s="76"/>
      <c r="U2110" s="76"/>
      <c r="V2110" s="76"/>
      <c r="W2110" s="76"/>
      <c r="X2110" s="76"/>
      <c r="Y2110" s="76"/>
      <c r="Z2110" s="76"/>
      <c r="AA2110" s="85"/>
      <c r="AB2110" s="85"/>
      <c r="AC2110" s="85"/>
      <c r="AD2110" s="85"/>
      <c r="AE2110" s="85"/>
      <c r="AF2110" s="85"/>
      <c r="AG2110" s="86"/>
      <c r="AH2110" s="85"/>
      <c r="AI2110" s="85"/>
      <c r="AJ2110" s="85"/>
      <c r="AK2110" s="85"/>
      <c r="AL2110" s="85"/>
      <c r="AM2110" s="92"/>
      <c r="AN2110" s="92"/>
      <c r="AO2110" s="92"/>
      <c r="AP2110" s="92"/>
      <c r="AQ2110" s="92"/>
      <c r="AR2110" s="92"/>
      <c r="AS2110" s="92"/>
      <c r="AT2110" s="92"/>
      <c r="AU2110" s="92"/>
      <c r="AV2110" s="92"/>
      <c r="AW2110" s="92"/>
      <c r="AX2110" s="92"/>
      <c r="AY2110" s="92"/>
      <c r="AZ2110" s="93"/>
      <c r="BA2110" s="93"/>
      <c r="BB2110" s="93"/>
      <c r="BC2110" s="93"/>
      <c r="BD2110" s="93"/>
      <c r="BE2110" s="93"/>
      <c r="BF2110" s="93"/>
      <c r="BG2110" s="93"/>
      <c r="BH2110" s="93"/>
      <c r="BI2110" s="93"/>
      <c r="BJ2110" s="93"/>
      <c r="BK2110" s="93"/>
      <c r="BL2110" s="93"/>
    </row>
    <row r="2111" spans="2:64" x14ac:dyDescent="0.2">
      <c r="B2111" s="43"/>
      <c r="C2111" s="73"/>
      <c r="D2111" s="64"/>
      <c r="E2111" s="55"/>
      <c r="F2111" s="74"/>
      <c r="G2111" s="74"/>
      <c r="H2111" s="74"/>
      <c r="I2111" s="75"/>
      <c r="J2111" s="74"/>
      <c r="L2111" s="55"/>
      <c r="M2111" s="234"/>
      <c r="N2111" s="65"/>
      <c r="O2111" s="76"/>
      <c r="P2111" s="76"/>
      <c r="Q2111" s="65"/>
      <c r="R2111" s="76"/>
      <c r="S2111" s="76"/>
      <c r="T2111" s="76"/>
      <c r="U2111" s="76"/>
      <c r="V2111" s="76"/>
      <c r="W2111" s="76"/>
      <c r="X2111" s="76"/>
      <c r="Y2111" s="76"/>
      <c r="Z2111" s="76"/>
      <c r="AA2111" s="85"/>
      <c r="AB2111" s="85"/>
      <c r="AC2111" s="85"/>
      <c r="AD2111" s="85"/>
      <c r="AE2111" s="85"/>
      <c r="AF2111" s="85"/>
      <c r="AG2111" s="86"/>
      <c r="AH2111" s="85"/>
      <c r="AI2111" s="85"/>
      <c r="AJ2111" s="85"/>
      <c r="AK2111" s="85"/>
      <c r="AL2111" s="85"/>
      <c r="AM2111" s="92"/>
      <c r="AN2111" s="92"/>
      <c r="AO2111" s="92"/>
      <c r="AP2111" s="92"/>
      <c r="AQ2111" s="92"/>
      <c r="AR2111" s="92"/>
      <c r="AS2111" s="92"/>
      <c r="AT2111" s="92"/>
      <c r="AU2111" s="92"/>
      <c r="AV2111" s="92"/>
      <c r="AW2111" s="92"/>
      <c r="AX2111" s="92"/>
      <c r="AY2111" s="92"/>
      <c r="AZ2111" s="93"/>
      <c r="BA2111" s="93"/>
      <c r="BB2111" s="93"/>
      <c r="BC2111" s="93"/>
      <c r="BD2111" s="93"/>
      <c r="BE2111" s="93"/>
      <c r="BF2111" s="93"/>
      <c r="BG2111" s="93"/>
      <c r="BH2111" s="93"/>
      <c r="BI2111" s="93"/>
      <c r="BJ2111" s="93"/>
      <c r="BK2111" s="93"/>
      <c r="BL2111" s="93"/>
    </row>
    <row r="2112" spans="2:64" x14ac:dyDescent="0.2">
      <c r="B2112" s="43"/>
      <c r="C2112" s="73"/>
      <c r="D2112" s="64"/>
      <c r="E2112" s="55"/>
      <c r="F2112" s="74"/>
      <c r="G2112" s="74"/>
      <c r="H2112" s="74"/>
      <c r="I2112" s="75"/>
      <c r="J2112" s="74"/>
      <c r="L2112" s="55"/>
      <c r="M2112" s="234"/>
      <c r="N2112" s="65"/>
      <c r="O2112" s="76"/>
      <c r="P2112" s="76"/>
      <c r="Q2112" s="65"/>
      <c r="R2112" s="76"/>
      <c r="S2112" s="76"/>
      <c r="T2112" s="76"/>
      <c r="U2112" s="76"/>
      <c r="V2112" s="76"/>
      <c r="W2112" s="76"/>
      <c r="X2112" s="76"/>
      <c r="Y2112" s="76"/>
      <c r="Z2112" s="76"/>
      <c r="AA2112" s="85"/>
      <c r="AB2112" s="85"/>
      <c r="AC2112" s="85"/>
      <c r="AD2112" s="85"/>
      <c r="AE2112" s="85"/>
      <c r="AF2112" s="85"/>
      <c r="AG2112" s="86"/>
      <c r="AH2112" s="85"/>
      <c r="AI2112" s="85"/>
      <c r="AJ2112" s="85"/>
      <c r="AK2112" s="85"/>
      <c r="AL2112" s="85"/>
      <c r="AM2112" s="92"/>
      <c r="AN2112" s="92"/>
      <c r="AO2112" s="92"/>
      <c r="AP2112" s="92"/>
      <c r="AQ2112" s="92"/>
      <c r="AR2112" s="92"/>
      <c r="AS2112" s="92"/>
      <c r="AT2112" s="92"/>
      <c r="AU2112" s="92"/>
      <c r="AV2112" s="92"/>
      <c r="AW2112" s="92"/>
      <c r="AX2112" s="92"/>
      <c r="AY2112" s="92"/>
      <c r="AZ2112" s="93"/>
      <c r="BA2112" s="93"/>
      <c r="BB2112" s="93"/>
      <c r="BC2112" s="93"/>
      <c r="BD2112" s="93"/>
      <c r="BE2112" s="93"/>
      <c r="BF2112" s="93"/>
      <c r="BG2112" s="93"/>
      <c r="BH2112" s="93"/>
      <c r="BI2112" s="93"/>
      <c r="BJ2112" s="93"/>
      <c r="BK2112" s="93"/>
      <c r="BL2112" s="93"/>
    </row>
    <row r="2113" spans="2:64" x14ac:dyDescent="0.2">
      <c r="B2113" s="43"/>
      <c r="C2113" s="73"/>
      <c r="D2113" s="64"/>
      <c r="E2113" s="55"/>
      <c r="F2113" s="74"/>
      <c r="G2113" s="74"/>
      <c r="H2113" s="74"/>
      <c r="I2113" s="75"/>
      <c r="J2113" s="74"/>
      <c r="L2113" s="55"/>
      <c r="M2113" s="234"/>
      <c r="N2113" s="65"/>
      <c r="O2113" s="76"/>
      <c r="P2113" s="76"/>
      <c r="Q2113" s="65"/>
      <c r="R2113" s="76"/>
      <c r="S2113" s="76"/>
      <c r="T2113" s="76"/>
      <c r="U2113" s="76"/>
      <c r="V2113" s="76"/>
      <c r="W2113" s="76"/>
      <c r="X2113" s="76"/>
      <c r="Y2113" s="76"/>
      <c r="Z2113" s="76"/>
      <c r="AA2113" s="85"/>
      <c r="AB2113" s="85"/>
      <c r="AC2113" s="85"/>
      <c r="AD2113" s="85"/>
      <c r="AE2113" s="85"/>
      <c r="AF2113" s="85"/>
      <c r="AG2113" s="86"/>
      <c r="AH2113" s="85"/>
      <c r="AI2113" s="85"/>
      <c r="AJ2113" s="85"/>
      <c r="AK2113" s="85"/>
      <c r="AL2113" s="85"/>
      <c r="AM2113" s="92"/>
      <c r="AN2113" s="92"/>
      <c r="AO2113" s="92"/>
      <c r="AP2113" s="92"/>
      <c r="AQ2113" s="92"/>
      <c r="AR2113" s="92"/>
      <c r="AS2113" s="92"/>
      <c r="AT2113" s="92"/>
      <c r="AU2113" s="92"/>
      <c r="AV2113" s="92"/>
      <c r="AW2113" s="92"/>
      <c r="AX2113" s="92"/>
      <c r="AY2113" s="92"/>
      <c r="AZ2113" s="93"/>
      <c r="BA2113" s="93"/>
      <c r="BB2113" s="93"/>
      <c r="BC2113" s="93"/>
      <c r="BD2113" s="93"/>
      <c r="BE2113" s="93"/>
      <c r="BF2113" s="93"/>
      <c r="BG2113" s="93"/>
      <c r="BH2113" s="93"/>
      <c r="BI2113" s="93"/>
      <c r="BJ2113" s="93"/>
      <c r="BK2113" s="93"/>
      <c r="BL2113" s="93"/>
    </row>
    <row r="2114" spans="2:64" x14ac:dyDescent="0.2">
      <c r="B2114" s="43"/>
      <c r="C2114" s="73"/>
      <c r="D2114" s="64"/>
      <c r="E2114" s="55"/>
      <c r="F2114" s="74"/>
      <c r="G2114" s="74"/>
      <c r="H2114" s="74"/>
      <c r="I2114" s="75"/>
      <c r="J2114" s="74"/>
      <c r="L2114" s="55"/>
      <c r="M2114" s="234"/>
      <c r="N2114" s="65"/>
      <c r="O2114" s="76"/>
      <c r="P2114" s="76"/>
      <c r="Q2114" s="65"/>
      <c r="R2114" s="76"/>
      <c r="S2114" s="76"/>
      <c r="T2114" s="76"/>
      <c r="U2114" s="76"/>
      <c r="V2114" s="76"/>
      <c r="W2114" s="76"/>
      <c r="X2114" s="76"/>
      <c r="Y2114" s="76"/>
      <c r="Z2114" s="76"/>
      <c r="AA2114" s="85"/>
      <c r="AB2114" s="85"/>
      <c r="AC2114" s="85"/>
      <c r="AD2114" s="85"/>
      <c r="AE2114" s="85"/>
      <c r="AF2114" s="85"/>
      <c r="AG2114" s="86"/>
      <c r="AH2114" s="85"/>
      <c r="AI2114" s="85"/>
      <c r="AJ2114" s="85"/>
      <c r="AK2114" s="85"/>
      <c r="AL2114" s="85"/>
      <c r="AM2114" s="92"/>
      <c r="AN2114" s="92"/>
      <c r="AO2114" s="92"/>
      <c r="AP2114" s="92"/>
      <c r="AQ2114" s="92"/>
      <c r="AR2114" s="92"/>
      <c r="AS2114" s="92"/>
      <c r="AT2114" s="92"/>
      <c r="AU2114" s="92"/>
      <c r="AV2114" s="92"/>
      <c r="AW2114" s="92"/>
      <c r="AX2114" s="92"/>
      <c r="AY2114" s="92"/>
      <c r="AZ2114" s="93"/>
      <c r="BA2114" s="93"/>
      <c r="BB2114" s="93"/>
      <c r="BC2114" s="93"/>
      <c r="BD2114" s="93"/>
      <c r="BE2114" s="93"/>
      <c r="BF2114" s="93"/>
      <c r="BG2114" s="93"/>
      <c r="BH2114" s="93"/>
      <c r="BI2114" s="93"/>
      <c r="BJ2114" s="93"/>
      <c r="BK2114" s="93"/>
      <c r="BL2114" s="93"/>
    </row>
    <row r="2115" spans="2:64" x14ac:dyDescent="0.2">
      <c r="B2115" s="43"/>
      <c r="C2115" s="73"/>
      <c r="D2115" s="64"/>
      <c r="E2115" s="55"/>
      <c r="F2115" s="74"/>
      <c r="G2115" s="74"/>
      <c r="H2115" s="74"/>
      <c r="I2115" s="75"/>
      <c r="J2115" s="74"/>
      <c r="L2115" s="55"/>
      <c r="M2115" s="234"/>
      <c r="N2115" s="65"/>
      <c r="O2115" s="76"/>
      <c r="P2115" s="76"/>
      <c r="Q2115" s="65"/>
      <c r="R2115" s="76"/>
      <c r="S2115" s="76"/>
      <c r="T2115" s="76"/>
      <c r="U2115" s="76"/>
      <c r="V2115" s="76"/>
      <c r="W2115" s="76"/>
      <c r="X2115" s="76"/>
      <c r="Y2115" s="76"/>
      <c r="Z2115" s="76"/>
      <c r="AA2115" s="85"/>
      <c r="AB2115" s="85"/>
      <c r="AC2115" s="85"/>
      <c r="AD2115" s="85"/>
      <c r="AE2115" s="85"/>
      <c r="AF2115" s="85"/>
      <c r="AG2115" s="86"/>
      <c r="AH2115" s="85"/>
      <c r="AI2115" s="85"/>
      <c r="AJ2115" s="85"/>
      <c r="AK2115" s="85"/>
      <c r="AL2115" s="85"/>
      <c r="AM2115" s="92"/>
      <c r="AN2115" s="92"/>
      <c r="AO2115" s="92"/>
      <c r="AP2115" s="92"/>
      <c r="AQ2115" s="92"/>
      <c r="AR2115" s="92"/>
      <c r="AS2115" s="92"/>
      <c r="AT2115" s="92"/>
      <c r="AU2115" s="92"/>
      <c r="AV2115" s="92"/>
      <c r="AW2115" s="92"/>
      <c r="AX2115" s="92"/>
      <c r="AY2115" s="92"/>
      <c r="AZ2115" s="93"/>
      <c r="BA2115" s="93"/>
      <c r="BB2115" s="93"/>
      <c r="BC2115" s="93"/>
      <c r="BD2115" s="93"/>
      <c r="BE2115" s="93"/>
      <c r="BF2115" s="93"/>
      <c r="BG2115" s="93"/>
      <c r="BH2115" s="93"/>
      <c r="BI2115" s="93"/>
      <c r="BJ2115" s="93"/>
      <c r="BK2115" s="93"/>
      <c r="BL2115" s="93"/>
    </row>
    <row r="2116" spans="2:64" x14ac:dyDescent="0.2">
      <c r="B2116" s="43"/>
      <c r="C2116" s="73"/>
      <c r="D2116" s="64"/>
      <c r="E2116" s="55"/>
      <c r="F2116" s="74"/>
      <c r="G2116" s="74"/>
      <c r="H2116" s="74"/>
      <c r="I2116" s="75"/>
      <c r="J2116" s="74"/>
      <c r="L2116" s="55"/>
      <c r="M2116" s="234"/>
      <c r="N2116" s="65"/>
      <c r="O2116" s="76"/>
      <c r="P2116" s="76"/>
      <c r="Q2116" s="65"/>
      <c r="R2116" s="76"/>
      <c r="S2116" s="76"/>
      <c r="T2116" s="76"/>
      <c r="U2116" s="76"/>
      <c r="V2116" s="76"/>
      <c r="W2116" s="76"/>
      <c r="X2116" s="76"/>
      <c r="Y2116" s="76"/>
      <c r="Z2116" s="76"/>
      <c r="AA2116" s="85"/>
      <c r="AB2116" s="85"/>
      <c r="AC2116" s="85"/>
      <c r="AD2116" s="85"/>
      <c r="AE2116" s="85"/>
      <c r="AF2116" s="85"/>
      <c r="AG2116" s="86"/>
      <c r="AH2116" s="85"/>
      <c r="AI2116" s="85"/>
      <c r="AJ2116" s="85"/>
      <c r="AK2116" s="85"/>
      <c r="AL2116" s="85"/>
      <c r="AM2116" s="92"/>
      <c r="AN2116" s="92"/>
      <c r="AO2116" s="92"/>
      <c r="AP2116" s="92"/>
      <c r="AQ2116" s="92"/>
      <c r="AR2116" s="92"/>
      <c r="AS2116" s="92"/>
      <c r="AT2116" s="92"/>
      <c r="AU2116" s="92"/>
      <c r="AV2116" s="92"/>
      <c r="AW2116" s="92"/>
      <c r="AX2116" s="92"/>
      <c r="AY2116" s="92"/>
      <c r="AZ2116" s="93"/>
      <c r="BA2116" s="93"/>
      <c r="BB2116" s="93"/>
      <c r="BC2116" s="93"/>
      <c r="BD2116" s="93"/>
      <c r="BE2116" s="93"/>
      <c r="BF2116" s="93"/>
      <c r="BG2116" s="93"/>
      <c r="BH2116" s="93"/>
      <c r="BI2116" s="93"/>
      <c r="BJ2116" s="93"/>
      <c r="BK2116" s="93"/>
      <c r="BL2116" s="93"/>
    </row>
    <row r="2117" spans="2:64" x14ac:dyDescent="0.2">
      <c r="B2117" s="43"/>
      <c r="C2117" s="73"/>
      <c r="D2117" s="64"/>
      <c r="E2117" s="55"/>
      <c r="F2117" s="74"/>
      <c r="G2117" s="74"/>
      <c r="H2117" s="74"/>
      <c r="I2117" s="75"/>
      <c r="J2117" s="74"/>
      <c r="L2117" s="55"/>
      <c r="M2117" s="234"/>
      <c r="N2117" s="65"/>
      <c r="O2117" s="76"/>
      <c r="P2117" s="76"/>
      <c r="Q2117" s="65"/>
      <c r="R2117" s="76"/>
      <c r="S2117" s="76"/>
      <c r="T2117" s="76"/>
      <c r="U2117" s="76"/>
      <c r="V2117" s="76"/>
      <c r="W2117" s="76"/>
      <c r="X2117" s="76"/>
      <c r="Y2117" s="76"/>
      <c r="Z2117" s="76"/>
      <c r="AA2117" s="85"/>
      <c r="AB2117" s="85"/>
      <c r="AC2117" s="85"/>
      <c r="AD2117" s="85"/>
      <c r="AE2117" s="85"/>
      <c r="AF2117" s="85"/>
      <c r="AG2117" s="86"/>
      <c r="AH2117" s="85"/>
      <c r="AI2117" s="85"/>
      <c r="AJ2117" s="85"/>
      <c r="AK2117" s="85"/>
      <c r="AL2117" s="85"/>
      <c r="AM2117" s="92"/>
      <c r="AN2117" s="92"/>
      <c r="AO2117" s="92"/>
      <c r="AP2117" s="92"/>
      <c r="AQ2117" s="92"/>
      <c r="AR2117" s="92"/>
      <c r="AS2117" s="92"/>
      <c r="AT2117" s="92"/>
      <c r="AU2117" s="92"/>
      <c r="AV2117" s="92"/>
      <c r="AW2117" s="92"/>
      <c r="AX2117" s="92"/>
      <c r="AY2117" s="92"/>
      <c r="AZ2117" s="93"/>
      <c r="BA2117" s="93"/>
      <c r="BB2117" s="93"/>
      <c r="BC2117" s="93"/>
      <c r="BD2117" s="93"/>
      <c r="BE2117" s="93"/>
      <c r="BF2117" s="93"/>
      <c r="BG2117" s="93"/>
      <c r="BH2117" s="93"/>
      <c r="BI2117" s="93"/>
      <c r="BJ2117" s="93"/>
      <c r="BK2117" s="93"/>
      <c r="BL2117" s="93"/>
    </row>
    <row r="2118" spans="2:64" x14ac:dyDescent="0.2">
      <c r="B2118" s="43"/>
      <c r="C2118" s="73"/>
      <c r="D2118" s="64"/>
      <c r="E2118" s="55"/>
      <c r="F2118" s="74"/>
      <c r="G2118" s="74"/>
      <c r="H2118" s="74"/>
      <c r="I2118" s="75"/>
      <c r="J2118" s="74"/>
      <c r="L2118" s="55"/>
      <c r="M2118" s="234"/>
      <c r="N2118" s="65"/>
      <c r="O2118" s="76"/>
      <c r="P2118" s="76"/>
      <c r="Q2118" s="65"/>
      <c r="R2118" s="76"/>
      <c r="S2118" s="76"/>
      <c r="T2118" s="76"/>
      <c r="U2118" s="76"/>
      <c r="V2118" s="76"/>
      <c r="W2118" s="76"/>
      <c r="X2118" s="76"/>
      <c r="Y2118" s="76"/>
      <c r="Z2118" s="76"/>
      <c r="AA2118" s="85"/>
      <c r="AB2118" s="85"/>
      <c r="AC2118" s="85"/>
      <c r="AD2118" s="85"/>
      <c r="AE2118" s="85"/>
      <c r="AF2118" s="85"/>
      <c r="AG2118" s="86"/>
      <c r="AH2118" s="85"/>
      <c r="AI2118" s="85"/>
      <c r="AJ2118" s="85"/>
      <c r="AK2118" s="85"/>
      <c r="AL2118" s="85"/>
      <c r="AM2118" s="92"/>
      <c r="AN2118" s="92"/>
      <c r="AO2118" s="92"/>
      <c r="AP2118" s="92"/>
      <c r="AQ2118" s="92"/>
      <c r="AR2118" s="92"/>
      <c r="AS2118" s="92"/>
      <c r="AT2118" s="92"/>
      <c r="AU2118" s="92"/>
      <c r="AV2118" s="92"/>
      <c r="AW2118" s="92"/>
      <c r="AX2118" s="92"/>
      <c r="AY2118" s="92"/>
      <c r="AZ2118" s="93"/>
      <c r="BA2118" s="93"/>
      <c r="BB2118" s="93"/>
      <c r="BC2118" s="93"/>
      <c r="BD2118" s="93"/>
      <c r="BE2118" s="93"/>
      <c r="BF2118" s="93"/>
      <c r="BG2118" s="93"/>
      <c r="BH2118" s="93"/>
      <c r="BI2118" s="93"/>
      <c r="BJ2118" s="93"/>
      <c r="BK2118" s="93"/>
      <c r="BL2118" s="93"/>
    </row>
    <row r="2119" spans="2:64" x14ac:dyDescent="0.2">
      <c r="B2119" s="43"/>
      <c r="C2119" s="73"/>
      <c r="D2119" s="64"/>
      <c r="E2119" s="55"/>
      <c r="F2119" s="74"/>
      <c r="G2119" s="74"/>
      <c r="H2119" s="74"/>
      <c r="I2119" s="75"/>
      <c r="J2119" s="74"/>
      <c r="L2119" s="55"/>
      <c r="M2119" s="234"/>
      <c r="N2119" s="65"/>
      <c r="O2119" s="76"/>
      <c r="P2119" s="76"/>
      <c r="Q2119" s="65"/>
      <c r="R2119" s="76"/>
      <c r="S2119" s="76"/>
      <c r="T2119" s="76"/>
      <c r="U2119" s="76"/>
      <c r="V2119" s="76"/>
      <c r="W2119" s="76"/>
      <c r="X2119" s="76"/>
      <c r="Y2119" s="76"/>
      <c r="Z2119" s="76"/>
      <c r="AA2119" s="85"/>
      <c r="AB2119" s="85"/>
      <c r="AC2119" s="85"/>
      <c r="AD2119" s="85"/>
      <c r="AE2119" s="85"/>
      <c r="AF2119" s="85"/>
      <c r="AG2119" s="86"/>
      <c r="AH2119" s="85"/>
      <c r="AI2119" s="85"/>
      <c r="AJ2119" s="85"/>
      <c r="AK2119" s="85"/>
      <c r="AL2119" s="85"/>
      <c r="AM2119" s="92"/>
      <c r="AN2119" s="92"/>
      <c r="AO2119" s="92"/>
      <c r="AP2119" s="92"/>
      <c r="AQ2119" s="92"/>
      <c r="AR2119" s="92"/>
      <c r="AS2119" s="92"/>
      <c r="AT2119" s="92"/>
      <c r="AU2119" s="92"/>
      <c r="AV2119" s="92"/>
      <c r="AW2119" s="92"/>
      <c r="AX2119" s="92"/>
      <c r="AY2119" s="92"/>
      <c r="AZ2119" s="93"/>
      <c r="BA2119" s="93"/>
      <c r="BB2119" s="93"/>
      <c r="BC2119" s="93"/>
      <c r="BD2119" s="93"/>
      <c r="BE2119" s="93"/>
      <c r="BF2119" s="93"/>
      <c r="BG2119" s="93"/>
      <c r="BH2119" s="93"/>
      <c r="BI2119" s="93"/>
      <c r="BJ2119" s="93"/>
      <c r="BK2119" s="93"/>
      <c r="BL2119" s="93"/>
    </row>
    <row r="2120" spans="2:64" x14ac:dyDescent="0.2">
      <c r="B2120" s="43"/>
      <c r="C2120" s="73"/>
      <c r="D2120" s="64"/>
      <c r="E2120" s="55"/>
      <c r="F2120" s="74"/>
      <c r="G2120" s="74"/>
      <c r="H2120" s="74"/>
      <c r="I2120" s="75"/>
      <c r="J2120" s="74"/>
      <c r="L2120" s="55"/>
      <c r="M2120" s="234"/>
      <c r="N2120" s="65"/>
      <c r="O2120" s="76"/>
      <c r="P2120" s="76"/>
      <c r="Q2120" s="65"/>
      <c r="R2120" s="76"/>
      <c r="S2120" s="76"/>
      <c r="T2120" s="76"/>
      <c r="U2120" s="76"/>
      <c r="V2120" s="76"/>
      <c r="W2120" s="76"/>
      <c r="X2120" s="76"/>
      <c r="Y2120" s="76"/>
      <c r="Z2120" s="76"/>
      <c r="AA2120" s="85"/>
      <c r="AB2120" s="85"/>
      <c r="AC2120" s="85"/>
      <c r="AD2120" s="85"/>
      <c r="AE2120" s="85"/>
      <c r="AF2120" s="85"/>
      <c r="AG2120" s="86"/>
      <c r="AH2120" s="85"/>
      <c r="AI2120" s="85"/>
      <c r="AJ2120" s="85"/>
      <c r="AK2120" s="85"/>
      <c r="AL2120" s="85"/>
      <c r="AM2120" s="92"/>
      <c r="AN2120" s="92"/>
      <c r="AO2120" s="92"/>
      <c r="AP2120" s="92"/>
      <c r="AQ2120" s="92"/>
      <c r="AR2120" s="92"/>
      <c r="AS2120" s="92"/>
      <c r="AT2120" s="92"/>
      <c r="AU2120" s="92"/>
      <c r="AV2120" s="92"/>
      <c r="AW2120" s="92"/>
      <c r="AX2120" s="92"/>
      <c r="AY2120" s="92"/>
      <c r="AZ2120" s="93"/>
      <c r="BA2120" s="93"/>
      <c r="BB2120" s="93"/>
      <c r="BC2120" s="93"/>
      <c r="BD2120" s="93"/>
      <c r="BE2120" s="93"/>
      <c r="BF2120" s="93"/>
      <c r="BG2120" s="93"/>
      <c r="BH2120" s="93"/>
      <c r="BI2120" s="93"/>
      <c r="BJ2120" s="93"/>
      <c r="BK2120" s="93"/>
      <c r="BL2120" s="93"/>
    </row>
    <row r="2121" spans="2:64" x14ac:dyDescent="0.2">
      <c r="B2121" s="43"/>
      <c r="C2121" s="73"/>
      <c r="D2121" s="64"/>
      <c r="E2121" s="55"/>
      <c r="F2121" s="74"/>
      <c r="G2121" s="74"/>
      <c r="H2121" s="74"/>
      <c r="I2121" s="75"/>
      <c r="J2121" s="74"/>
      <c r="L2121" s="55"/>
      <c r="M2121" s="234"/>
      <c r="N2121" s="65"/>
      <c r="O2121" s="76"/>
      <c r="P2121" s="76"/>
      <c r="Q2121" s="65"/>
      <c r="R2121" s="76"/>
      <c r="S2121" s="76"/>
      <c r="T2121" s="76"/>
      <c r="U2121" s="76"/>
      <c r="V2121" s="76"/>
      <c r="W2121" s="76"/>
      <c r="X2121" s="76"/>
      <c r="Y2121" s="76"/>
      <c r="Z2121" s="76"/>
      <c r="AA2121" s="85"/>
      <c r="AB2121" s="85"/>
      <c r="AC2121" s="85"/>
      <c r="AD2121" s="85"/>
      <c r="AE2121" s="85"/>
      <c r="AF2121" s="85"/>
      <c r="AG2121" s="86"/>
      <c r="AH2121" s="85"/>
      <c r="AI2121" s="85"/>
      <c r="AJ2121" s="85"/>
      <c r="AK2121" s="85"/>
      <c r="AL2121" s="85"/>
      <c r="AM2121" s="92"/>
      <c r="AN2121" s="92"/>
      <c r="AO2121" s="92"/>
      <c r="AP2121" s="92"/>
      <c r="AQ2121" s="92"/>
      <c r="AR2121" s="92"/>
      <c r="AS2121" s="92"/>
      <c r="AT2121" s="92"/>
      <c r="AU2121" s="92"/>
      <c r="AV2121" s="92"/>
      <c r="AW2121" s="92"/>
      <c r="AX2121" s="92"/>
      <c r="AY2121" s="92"/>
      <c r="AZ2121" s="93"/>
      <c r="BA2121" s="93"/>
      <c r="BB2121" s="93"/>
      <c r="BC2121" s="93"/>
      <c r="BD2121" s="93"/>
      <c r="BE2121" s="93"/>
      <c r="BF2121" s="93"/>
      <c r="BG2121" s="93"/>
      <c r="BH2121" s="93"/>
      <c r="BI2121" s="93"/>
      <c r="BJ2121" s="93"/>
      <c r="BK2121" s="93"/>
      <c r="BL2121" s="93"/>
    </row>
    <row r="2122" spans="2:64" x14ac:dyDescent="0.2">
      <c r="B2122" s="43"/>
      <c r="C2122" s="73"/>
      <c r="D2122" s="64"/>
      <c r="E2122" s="55"/>
      <c r="F2122" s="74"/>
      <c r="G2122" s="74"/>
      <c r="H2122" s="74"/>
      <c r="I2122" s="75"/>
      <c r="J2122" s="74"/>
      <c r="L2122" s="55"/>
      <c r="M2122" s="234"/>
      <c r="N2122" s="65"/>
      <c r="O2122" s="76"/>
      <c r="P2122" s="76"/>
      <c r="Q2122" s="65"/>
      <c r="R2122" s="76"/>
      <c r="S2122" s="76"/>
      <c r="T2122" s="76"/>
      <c r="U2122" s="76"/>
      <c r="V2122" s="76"/>
      <c r="W2122" s="76"/>
      <c r="X2122" s="76"/>
      <c r="Y2122" s="76"/>
      <c r="Z2122" s="76"/>
      <c r="AA2122" s="85"/>
      <c r="AB2122" s="85"/>
      <c r="AC2122" s="85"/>
      <c r="AD2122" s="85"/>
      <c r="AE2122" s="85"/>
      <c r="AF2122" s="85"/>
      <c r="AG2122" s="86"/>
      <c r="AH2122" s="85"/>
      <c r="AI2122" s="85"/>
      <c r="AJ2122" s="85"/>
      <c r="AK2122" s="85"/>
      <c r="AL2122" s="85"/>
      <c r="AM2122" s="92"/>
      <c r="AN2122" s="92"/>
      <c r="AO2122" s="92"/>
      <c r="AP2122" s="92"/>
      <c r="AQ2122" s="92"/>
      <c r="AR2122" s="92"/>
      <c r="AS2122" s="92"/>
      <c r="AT2122" s="92"/>
      <c r="AU2122" s="92"/>
      <c r="AV2122" s="92"/>
      <c r="AW2122" s="92"/>
      <c r="AX2122" s="92"/>
      <c r="AY2122" s="92"/>
      <c r="AZ2122" s="93"/>
      <c r="BA2122" s="93"/>
      <c r="BB2122" s="93"/>
      <c r="BC2122" s="93"/>
      <c r="BD2122" s="93"/>
      <c r="BE2122" s="93"/>
      <c r="BF2122" s="93"/>
      <c r="BG2122" s="93"/>
      <c r="BH2122" s="93"/>
      <c r="BI2122" s="93"/>
      <c r="BJ2122" s="93"/>
      <c r="BK2122" s="93"/>
      <c r="BL2122" s="93"/>
    </row>
    <row r="2123" spans="2:64" x14ac:dyDescent="0.2">
      <c r="B2123" s="43"/>
      <c r="C2123" s="73"/>
      <c r="D2123" s="64"/>
      <c r="E2123" s="55"/>
      <c r="F2123" s="74"/>
      <c r="G2123" s="74"/>
      <c r="H2123" s="74"/>
      <c r="I2123" s="75"/>
      <c r="J2123" s="74"/>
      <c r="L2123" s="55"/>
      <c r="M2123" s="234"/>
      <c r="N2123" s="65"/>
      <c r="O2123" s="76"/>
      <c r="P2123" s="76"/>
      <c r="Q2123" s="65"/>
      <c r="R2123" s="76"/>
      <c r="S2123" s="76"/>
      <c r="T2123" s="76"/>
      <c r="U2123" s="76"/>
      <c r="V2123" s="76"/>
      <c r="W2123" s="76"/>
      <c r="X2123" s="76"/>
      <c r="Y2123" s="76"/>
      <c r="Z2123" s="76"/>
      <c r="AA2123" s="85"/>
      <c r="AB2123" s="85"/>
      <c r="AC2123" s="85"/>
      <c r="AD2123" s="85"/>
      <c r="AE2123" s="85"/>
      <c r="AF2123" s="85"/>
      <c r="AG2123" s="86"/>
      <c r="AH2123" s="85"/>
      <c r="AI2123" s="85"/>
      <c r="AJ2123" s="85"/>
      <c r="AK2123" s="85"/>
      <c r="AL2123" s="85"/>
      <c r="AM2123" s="92"/>
      <c r="AN2123" s="92"/>
      <c r="AO2123" s="92"/>
      <c r="AP2123" s="92"/>
      <c r="AQ2123" s="92"/>
      <c r="AR2123" s="92"/>
      <c r="AS2123" s="92"/>
      <c r="AT2123" s="92"/>
      <c r="AU2123" s="92"/>
      <c r="AV2123" s="92"/>
      <c r="AW2123" s="92"/>
      <c r="AX2123" s="92"/>
      <c r="AY2123" s="92"/>
      <c r="AZ2123" s="93"/>
      <c r="BA2123" s="93"/>
      <c r="BB2123" s="93"/>
      <c r="BC2123" s="93"/>
      <c r="BD2123" s="93"/>
      <c r="BE2123" s="93"/>
      <c r="BF2123" s="93"/>
      <c r="BG2123" s="93"/>
      <c r="BH2123" s="93"/>
      <c r="BI2123" s="93"/>
      <c r="BJ2123" s="93"/>
      <c r="BK2123" s="93"/>
      <c r="BL2123" s="93"/>
    </row>
    <row r="2124" spans="2:64" x14ac:dyDescent="0.2">
      <c r="B2124" s="43"/>
      <c r="C2124" s="73"/>
      <c r="D2124" s="64"/>
      <c r="E2124" s="55"/>
      <c r="F2124" s="74"/>
      <c r="G2124" s="74"/>
      <c r="H2124" s="74"/>
      <c r="I2124" s="75"/>
      <c r="J2124" s="74"/>
      <c r="L2124" s="55"/>
      <c r="M2124" s="234"/>
      <c r="N2124" s="65"/>
      <c r="O2124" s="76"/>
      <c r="P2124" s="76"/>
      <c r="Q2124" s="65"/>
      <c r="R2124" s="76"/>
      <c r="S2124" s="76"/>
      <c r="T2124" s="76"/>
      <c r="U2124" s="76"/>
      <c r="V2124" s="76"/>
      <c r="W2124" s="76"/>
      <c r="X2124" s="76"/>
      <c r="Y2124" s="76"/>
      <c r="Z2124" s="76"/>
      <c r="AA2124" s="85"/>
      <c r="AB2124" s="85"/>
      <c r="AC2124" s="85"/>
      <c r="AD2124" s="85"/>
      <c r="AE2124" s="85"/>
      <c r="AF2124" s="85"/>
      <c r="AG2124" s="86"/>
      <c r="AH2124" s="85"/>
      <c r="AI2124" s="85"/>
      <c r="AJ2124" s="85"/>
      <c r="AK2124" s="85"/>
      <c r="AL2124" s="85"/>
      <c r="AM2124" s="92"/>
      <c r="AN2124" s="92"/>
      <c r="AO2124" s="92"/>
      <c r="AP2124" s="92"/>
      <c r="AQ2124" s="92"/>
      <c r="AR2124" s="92"/>
      <c r="AS2124" s="92"/>
      <c r="AT2124" s="92"/>
      <c r="AU2124" s="92"/>
      <c r="AV2124" s="92"/>
      <c r="AW2124" s="92"/>
      <c r="AX2124" s="92"/>
      <c r="AY2124" s="92"/>
      <c r="AZ2124" s="93"/>
      <c r="BA2124" s="93"/>
      <c r="BB2124" s="93"/>
      <c r="BC2124" s="93"/>
      <c r="BD2124" s="93"/>
      <c r="BE2124" s="93"/>
      <c r="BF2124" s="93"/>
      <c r="BG2124" s="93"/>
      <c r="BH2124" s="93"/>
      <c r="BI2124" s="93"/>
      <c r="BJ2124" s="93"/>
      <c r="BK2124" s="93"/>
      <c r="BL2124" s="93"/>
    </row>
    <row r="2125" spans="2:64" x14ac:dyDescent="0.2">
      <c r="B2125" s="43"/>
      <c r="C2125" s="73"/>
      <c r="D2125" s="64"/>
      <c r="E2125" s="55"/>
      <c r="F2125" s="74"/>
      <c r="G2125" s="74"/>
      <c r="H2125" s="74"/>
      <c r="I2125" s="75"/>
      <c r="J2125" s="74"/>
      <c r="L2125" s="55"/>
      <c r="M2125" s="234"/>
      <c r="N2125" s="65"/>
      <c r="O2125" s="76"/>
      <c r="P2125" s="76"/>
      <c r="Q2125" s="65"/>
      <c r="R2125" s="76"/>
      <c r="S2125" s="76"/>
      <c r="T2125" s="76"/>
      <c r="U2125" s="76"/>
      <c r="V2125" s="76"/>
      <c r="W2125" s="76"/>
      <c r="X2125" s="76"/>
      <c r="Y2125" s="76"/>
      <c r="Z2125" s="76"/>
      <c r="AA2125" s="85"/>
      <c r="AB2125" s="85"/>
      <c r="AC2125" s="85"/>
      <c r="AD2125" s="85"/>
      <c r="AE2125" s="85"/>
      <c r="AF2125" s="85"/>
      <c r="AG2125" s="86"/>
      <c r="AH2125" s="85"/>
      <c r="AI2125" s="85"/>
      <c r="AJ2125" s="85"/>
      <c r="AK2125" s="85"/>
      <c r="AL2125" s="85"/>
      <c r="AM2125" s="92"/>
      <c r="AN2125" s="92"/>
      <c r="AO2125" s="92"/>
      <c r="AP2125" s="92"/>
      <c r="AQ2125" s="92"/>
      <c r="AR2125" s="92"/>
      <c r="AS2125" s="92"/>
      <c r="AT2125" s="92"/>
      <c r="AU2125" s="92"/>
      <c r="AV2125" s="92"/>
      <c r="AW2125" s="92"/>
      <c r="AX2125" s="92"/>
      <c r="AY2125" s="92"/>
      <c r="AZ2125" s="93"/>
      <c r="BA2125" s="93"/>
      <c r="BB2125" s="93"/>
      <c r="BC2125" s="93"/>
      <c r="BD2125" s="93"/>
      <c r="BE2125" s="93"/>
      <c r="BF2125" s="93"/>
      <c r="BG2125" s="93"/>
      <c r="BH2125" s="93"/>
      <c r="BI2125" s="93"/>
      <c r="BJ2125" s="93"/>
      <c r="BK2125" s="93"/>
      <c r="BL2125" s="93"/>
    </row>
    <row r="2126" spans="2:64" x14ac:dyDescent="0.2">
      <c r="B2126" s="43"/>
      <c r="C2126" s="73"/>
      <c r="D2126" s="64"/>
      <c r="E2126" s="55"/>
      <c r="F2126" s="74"/>
      <c r="G2126" s="74"/>
      <c r="H2126" s="74"/>
      <c r="I2126" s="75"/>
      <c r="J2126" s="74"/>
      <c r="L2126" s="55"/>
      <c r="M2126" s="234"/>
      <c r="N2126" s="65"/>
      <c r="O2126" s="76"/>
      <c r="P2126" s="76"/>
      <c r="Q2126" s="65"/>
      <c r="R2126" s="76"/>
      <c r="S2126" s="76"/>
      <c r="T2126" s="76"/>
      <c r="U2126" s="76"/>
      <c r="V2126" s="76"/>
      <c r="W2126" s="76"/>
      <c r="X2126" s="76"/>
      <c r="Y2126" s="76"/>
      <c r="Z2126" s="76"/>
      <c r="AA2126" s="85"/>
      <c r="AB2126" s="85"/>
      <c r="AC2126" s="85"/>
      <c r="AD2126" s="85"/>
      <c r="AE2126" s="85"/>
      <c r="AF2126" s="85"/>
      <c r="AG2126" s="86"/>
      <c r="AH2126" s="85"/>
      <c r="AI2126" s="85"/>
      <c r="AJ2126" s="85"/>
      <c r="AK2126" s="85"/>
      <c r="AL2126" s="85"/>
      <c r="AM2126" s="92"/>
      <c r="AN2126" s="92"/>
      <c r="AO2126" s="92"/>
      <c r="AP2126" s="92"/>
      <c r="AQ2126" s="92"/>
      <c r="AR2126" s="92"/>
      <c r="AS2126" s="92"/>
      <c r="AT2126" s="92"/>
      <c r="AU2126" s="92"/>
      <c r="AV2126" s="92"/>
      <c r="AW2126" s="92"/>
      <c r="AX2126" s="92"/>
      <c r="AY2126" s="92"/>
      <c r="AZ2126" s="93"/>
      <c r="BA2126" s="93"/>
      <c r="BB2126" s="93"/>
      <c r="BC2126" s="93"/>
      <c r="BD2126" s="93"/>
      <c r="BE2126" s="93"/>
      <c r="BF2126" s="93"/>
      <c r="BG2126" s="93"/>
      <c r="BH2126" s="93"/>
      <c r="BI2126" s="93"/>
      <c r="BJ2126" s="93"/>
      <c r="BK2126" s="93"/>
      <c r="BL2126" s="93"/>
    </row>
    <row r="2127" spans="2:64" x14ac:dyDescent="0.2">
      <c r="B2127" s="43"/>
      <c r="C2127" s="73"/>
      <c r="D2127" s="64"/>
      <c r="E2127" s="55"/>
      <c r="F2127" s="74"/>
      <c r="G2127" s="74"/>
      <c r="H2127" s="74"/>
      <c r="I2127" s="75"/>
      <c r="J2127" s="74"/>
      <c r="L2127" s="55"/>
      <c r="M2127" s="234"/>
      <c r="N2127" s="65"/>
      <c r="O2127" s="76"/>
      <c r="P2127" s="76"/>
      <c r="Q2127" s="65"/>
      <c r="R2127" s="76"/>
      <c r="S2127" s="76"/>
      <c r="T2127" s="76"/>
      <c r="U2127" s="76"/>
      <c r="V2127" s="76"/>
      <c r="W2127" s="76"/>
      <c r="X2127" s="76"/>
      <c r="Y2127" s="76"/>
      <c r="Z2127" s="76"/>
      <c r="AA2127" s="85"/>
      <c r="AB2127" s="85"/>
      <c r="AC2127" s="85"/>
      <c r="AD2127" s="85"/>
      <c r="AE2127" s="85"/>
      <c r="AF2127" s="85"/>
      <c r="AG2127" s="86"/>
      <c r="AH2127" s="85"/>
      <c r="AI2127" s="85"/>
      <c r="AJ2127" s="85"/>
      <c r="AK2127" s="85"/>
      <c r="AL2127" s="85"/>
      <c r="AM2127" s="92"/>
      <c r="AN2127" s="92"/>
      <c r="AO2127" s="92"/>
      <c r="AP2127" s="92"/>
      <c r="AQ2127" s="92"/>
      <c r="AR2127" s="92"/>
      <c r="AS2127" s="92"/>
      <c r="AT2127" s="92"/>
      <c r="AU2127" s="92"/>
      <c r="AV2127" s="92"/>
      <c r="AW2127" s="92"/>
      <c r="AX2127" s="92"/>
      <c r="AY2127" s="92"/>
      <c r="AZ2127" s="93"/>
      <c r="BA2127" s="93"/>
      <c r="BB2127" s="93"/>
      <c r="BC2127" s="93"/>
      <c r="BD2127" s="93"/>
      <c r="BE2127" s="93"/>
      <c r="BF2127" s="93"/>
      <c r="BG2127" s="93"/>
      <c r="BH2127" s="93"/>
      <c r="BI2127" s="93"/>
      <c r="BJ2127" s="93"/>
      <c r="BK2127" s="93"/>
      <c r="BL2127" s="93"/>
    </row>
    <row r="2128" spans="2:64" x14ac:dyDescent="0.2">
      <c r="B2128" s="43"/>
      <c r="C2128" s="73"/>
      <c r="D2128" s="64"/>
      <c r="E2128" s="55"/>
      <c r="F2128" s="74"/>
      <c r="G2128" s="74"/>
      <c r="H2128" s="74"/>
      <c r="I2128" s="75"/>
      <c r="J2128" s="74"/>
      <c r="L2128" s="55"/>
      <c r="M2128" s="234"/>
      <c r="N2128" s="65"/>
      <c r="O2128" s="76"/>
      <c r="P2128" s="76"/>
      <c r="Q2128" s="65"/>
      <c r="R2128" s="76"/>
      <c r="S2128" s="76"/>
      <c r="T2128" s="76"/>
      <c r="U2128" s="76"/>
      <c r="V2128" s="76"/>
      <c r="W2128" s="76"/>
      <c r="X2128" s="76"/>
      <c r="Y2128" s="76"/>
      <c r="Z2128" s="76"/>
      <c r="AA2128" s="85"/>
      <c r="AB2128" s="85"/>
      <c r="AC2128" s="85"/>
      <c r="AD2128" s="85"/>
      <c r="AE2128" s="85"/>
      <c r="AF2128" s="85"/>
      <c r="AG2128" s="86"/>
      <c r="AH2128" s="85"/>
      <c r="AI2128" s="85"/>
      <c r="AJ2128" s="85"/>
      <c r="AK2128" s="85"/>
      <c r="AL2128" s="85"/>
      <c r="AM2128" s="92"/>
      <c r="AN2128" s="92"/>
      <c r="AO2128" s="92"/>
      <c r="AP2128" s="92"/>
      <c r="AQ2128" s="92"/>
      <c r="AR2128" s="92"/>
      <c r="AS2128" s="92"/>
      <c r="AT2128" s="92"/>
      <c r="AU2128" s="92"/>
      <c r="AV2128" s="92"/>
      <c r="AW2128" s="92"/>
      <c r="AX2128" s="92"/>
      <c r="AY2128" s="92"/>
      <c r="AZ2128" s="93"/>
      <c r="BA2128" s="93"/>
      <c r="BB2128" s="93"/>
      <c r="BC2128" s="93"/>
      <c r="BD2128" s="93"/>
      <c r="BE2128" s="93"/>
      <c r="BF2128" s="93"/>
      <c r="BG2128" s="93"/>
      <c r="BH2128" s="93"/>
      <c r="BI2128" s="93"/>
      <c r="BJ2128" s="93"/>
      <c r="BK2128" s="93"/>
      <c r="BL2128" s="93"/>
    </row>
    <row r="2129" spans="2:64" x14ac:dyDescent="0.2">
      <c r="B2129" s="43"/>
      <c r="C2129" s="73"/>
      <c r="D2129" s="64"/>
      <c r="E2129" s="55"/>
      <c r="F2129" s="74"/>
      <c r="G2129" s="74"/>
      <c r="H2129" s="74"/>
      <c r="I2129" s="75"/>
      <c r="J2129" s="74"/>
      <c r="L2129" s="55"/>
      <c r="M2129" s="234"/>
      <c r="N2129" s="65"/>
      <c r="O2129" s="76"/>
      <c r="P2129" s="76"/>
      <c r="Q2129" s="65"/>
      <c r="R2129" s="76"/>
      <c r="S2129" s="76"/>
      <c r="T2129" s="76"/>
      <c r="U2129" s="76"/>
      <c r="V2129" s="76"/>
      <c r="W2129" s="76"/>
      <c r="X2129" s="76"/>
      <c r="Y2129" s="76"/>
      <c r="Z2129" s="76"/>
      <c r="AA2129" s="85"/>
      <c r="AB2129" s="85"/>
      <c r="AC2129" s="85"/>
      <c r="AD2129" s="85"/>
      <c r="AE2129" s="85"/>
      <c r="AF2129" s="85"/>
      <c r="AG2129" s="86"/>
      <c r="AH2129" s="85"/>
      <c r="AI2129" s="85"/>
      <c r="AJ2129" s="85"/>
      <c r="AK2129" s="85"/>
      <c r="AL2129" s="85"/>
      <c r="AM2129" s="92"/>
      <c r="AN2129" s="92"/>
      <c r="AO2129" s="92"/>
      <c r="AP2129" s="92"/>
      <c r="AQ2129" s="92"/>
      <c r="AR2129" s="92"/>
      <c r="AS2129" s="92"/>
      <c r="AT2129" s="92"/>
      <c r="AU2129" s="92"/>
      <c r="AV2129" s="92"/>
      <c r="AW2129" s="92"/>
      <c r="AX2129" s="92"/>
      <c r="AY2129" s="92"/>
      <c r="AZ2129" s="93"/>
      <c r="BA2129" s="93"/>
      <c r="BB2129" s="93"/>
      <c r="BC2129" s="93"/>
      <c r="BD2129" s="93"/>
      <c r="BE2129" s="93"/>
      <c r="BF2129" s="93"/>
      <c r="BG2129" s="93"/>
      <c r="BH2129" s="93"/>
      <c r="BI2129" s="93"/>
      <c r="BJ2129" s="93"/>
      <c r="BK2129" s="93"/>
      <c r="BL2129" s="93"/>
    </row>
    <row r="2130" spans="2:64" x14ac:dyDescent="0.2">
      <c r="B2130" s="43"/>
      <c r="C2130" s="73"/>
      <c r="D2130" s="64"/>
      <c r="E2130" s="55"/>
      <c r="F2130" s="74"/>
      <c r="G2130" s="74"/>
      <c r="H2130" s="74"/>
      <c r="I2130" s="75"/>
      <c r="J2130" s="74"/>
      <c r="L2130" s="55"/>
      <c r="M2130" s="234"/>
      <c r="N2130" s="65"/>
      <c r="O2130" s="76"/>
      <c r="P2130" s="76"/>
      <c r="Q2130" s="65"/>
      <c r="R2130" s="76"/>
      <c r="S2130" s="76"/>
      <c r="T2130" s="76"/>
      <c r="U2130" s="76"/>
      <c r="V2130" s="76"/>
      <c r="W2130" s="76"/>
      <c r="X2130" s="76"/>
      <c r="Y2130" s="76"/>
      <c r="Z2130" s="76"/>
      <c r="AA2130" s="85"/>
      <c r="AB2130" s="85"/>
      <c r="AC2130" s="85"/>
      <c r="AD2130" s="85"/>
      <c r="AE2130" s="85"/>
      <c r="AF2130" s="85"/>
      <c r="AG2130" s="86"/>
      <c r="AH2130" s="85"/>
      <c r="AI2130" s="85"/>
      <c r="AJ2130" s="85"/>
      <c r="AK2130" s="85"/>
      <c r="AL2130" s="85"/>
      <c r="AM2130" s="92"/>
      <c r="AN2130" s="92"/>
      <c r="AO2130" s="92"/>
      <c r="AP2130" s="92"/>
      <c r="AQ2130" s="92"/>
      <c r="AR2130" s="92"/>
      <c r="AS2130" s="92"/>
      <c r="AT2130" s="92"/>
      <c r="AU2130" s="92"/>
      <c r="AV2130" s="92"/>
      <c r="AW2130" s="92"/>
      <c r="AX2130" s="92"/>
      <c r="AY2130" s="92"/>
      <c r="AZ2130" s="93"/>
      <c r="BA2130" s="93"/>
      <c r="BB2130" s="93"/>
      <c r="BC2130" s="93"/>
      <c r="BD2130" s="93"/>
      <c r="BE2130" s="93"/>
      <c r="BF2130" s="93"/>
      <c r="BG2130" s="93"/>
      <c r="BH2130" s="93"/>
      <c r="BI2130" s="93"/>
      <c r="BJ2130" s="93"/>
      <c r="BK2130" s="93"/>
      <c r="BL2130" s="93"/>
    </row>
    <row r="2131" spans="2:64" x14ac:dyDescent="0.2">
      <c r="B2131" s="43"/>
      <c r="C2131" s="73"/>
      <c r="D2131" s="64"/>
      <c r="E2131" s="55"/>
      <c r="F2131" s="74"/>
      <c r="G2131" s="74"/>
      <c r="H2131" s="74"/>
      <c r="I2131" s="75"/>
      <c r="J2131" s="74"/>
      <c r="L2131" s="55"/>
      <c r="M2131" s="234"/>
      <c r="N2131" s="65"/>
      <c r="O2131" s="76"/>
      <c r="P2131" s="76"/>
      <c r="Q2131" s="65"/>
      <c r="R2131" s="76"/>
      <c r="S2131" s="76"/>
      <c r="T2131" s="76"/>
      <c r="U2131" s="76"/>
      <c r="V2131" s="76"/>
      <c r="W2131" s="76"/>
      <c r="X2131" s="76"/>
      <c r="Y2131" s="76"/>
      <c r="Z2131" s="76"/>
      <c r="AA2131" s="85"/>
      <c r="AB2131" s="85"/>
      <c r="AC2131" s="85"/>
      <c r="AD2131" s="85"/>
      <c r="AE2131" s="85"/>
      <c r="AF2131" s="85"/>
      <c r="AG2131" s="86"/>
      <c r="AH2131" s="85"/>
      <c r="AI2131" s="85"/>
      <c r="AJ2131" s="85"/>
      <c r="AK2131" s="85"/>
      <c r="AL2131" s="85"/>
      <c r="AM2131" s="92"/>
      <c r="AN2131" s="92"/>
      <c r="AO2131" s="92"/>
      <c r="AP2131" s="92"/>
      <c r="AQ2131" s="92"/>
      <c r="AR2131" s="92"/>
      <c r="AS2131" s="92"/>
      <c r="AT2131" s="92"/>
      <c r="AU2131" s="92"/>
      <c r="AV2131" s="92"/>
      <c r="AW2131" s="92"/>
      <c r="AX2131" s="92"/>
      <c r="AY2131" s="92"/>
      <c r="AZ2131" s="93"/>
      <c r="BA2131" s="93"/>
      <c r="BB2131" s="93"/>
      <c r="BC2131" s="93"/>
      <c r="BD2131" s="93"/>
      <c r="BE2131" s="93"/>
      <c r="BF2131" s="93"/>
      <c r="BG2131" s="93"/>
      <c r="BH2131" s="93"/>
      <c r="BI2131" s="93"/>
      <c r="BJ2131" s="93"/>
      <c r="BK2131" s="93"/>
      <c r="BL2131" s="93"/>
    </row>
    <row r="2132" spans="2:64" x14ac:dyDescent="0.2">
      <c r="B2132" s="43"/>
      <c r="C2132" s="73"/>
      <c r="D2132" s="64"/>
      <c r="E2132" s="55"/>
      <c r="F2132" s="74"/>
      <c r="G2132" s="74"/>
      <c r="H2132" s="74"/>
      <c r="I2132" s="75"/>
      <c r="J2132" s="74"/>
      <c r="L2132" s="55"/>
      <c r="M2132" s="234"/>
      <c r="N2132" s="65"/>
      <c r="O2132" s="76"/>
      <c r="P2132" s="76"/>
      <c r="Q2132" s="65"/>
      <c r="R2132" s="76"/>
      <c r="S2132" s="76"/>
      <c r="T2132" s="76"/>
      <c r="U2132" s="76"/>
      <c r="V2132" s="76"/>
      <c r="W2132" s="76"/>
      <c r="X2132" s="76"/>
      <c r="Y2132" s="76"/>
      <c r="Z2132" s="76"/>
      <c r="AA2132" s="85"/>
      <c r="AB2132" s="85"/>
      <c r="AC2132" s="85"/>
      <c r="AD2132" s="85"/>
      <c r="AE2132" s="85"/>
      <c r="AF2132" s="85"/>
      <c r="AG2132" s="86"/>
      <c r="AH2132" s="85"/>
      <c r="AI2132" s="85"/>
      <c r="AJ2132" s="85"/>
      <c r="AK2132" s="85"/>
      <c r="AL2132" s="85"/>
      <c r="AM2132" s="92"/>
      <c r="AN2132" s="92"/>
      <c r="AO2132" s="92"/>
      <c r="AP2132" s="92"/>
      <c r="AQ2132" s="92"/>
      <c r="AR2132" s="92"/>
      <c r="AS2132" s="92"/>
      <c r="AT2132" s="92"/>
      <c r="AU2132" s="92"/>
      <c r="AV2132" s="92"/>
      <c r="AW2132" s="92"/>
      <c r="AX2132" s="92"/>
      <c r="AY2132" s="92"/>
      <c r="AZ2132" s="93"/>
      <c r="BA2132" s="93"/>
      <c r="BB2132" s="93"/>
      <c r="BC2132" s="93"/>
      <c r="BD2132" s="93"/>
      <c r="BE2132" s="93"/>
      <c r="BF2132" s="93"/>
      <c r="BG2132" s="93"/>
      <c r="BH2132" s="93"/>
      <c r="BI2132" s="93"/>
      <c r="BJ2132" s="93"/>
      <c r="BK2132" s="93"/>
      <c r="BL2132" s="93"/>
    </row>
    <row r="2133" spans="2:64" x14ac:dyDescent="0.2">
      <c r="B2133" s="43"/>
      <c r="C2133" s="73"/>
      <c r="D2133" s="64"/>
      <c r="E2133" s="55"/>
      <c r="F2133" s="74"/>
      <c r="G2133" s="74"/>
      <c r="H2133" s="74"/>
      <c r="I2133" s="75"/>
      <c r="J2133" s="74"/>
      <c r="L2133" s="55"/>
      <c r="M2133" s="234"/>
      <c r="N2133" s="65"/>
      <c r="O2133" s="76"/>
      <c r="P2133" s="76"/>
      <c r="Q2133" s="65"/>
      <c r="R2133" s="76"/>
      <c r="S2133" s="76"/>
      <c r="T2133" s="76"/>
      <c r="U2133" s="76"/>
      <c r="V2133" s="76"/>
      <c r="W2133" s="76"/>
      <c r="X2133" s="76"/>
      <c r="Y2133" s="76"/>
      <c r="Z2133" s="76"/>
      <c r="AA2133" s="85"/>
      <c r="AB2133" s="85"/>
      <c r="AC2133" s="85"/>
      <c r="AD2133" s="85"/>
      <c r="AE2133" s="85"/>
      <c r="AF2133" s="85"/>
      <c r="AG2133" s="86"/>
      <c r="AH2133" s="85"/>
      <c r="AI2133" s="85"/>
      <c r="AJ2133" s="85"/>
      <c r="AK2133" s="85"/>
      <c r="AL2133" s="85"/>
      <c r="AM2133" s="92"/>
      <c r="AN2133" s="92"/>
      <c r="AO2133" s="92"/>
      <c r="AP2133" s="92"/>
      <c r="AQ2133" s="92"/>
      <c r="AR2133" s="92"/>
      <c r="AS2133" s="92"/>
      <c r="AT2133" s="92"/>
      <c r="AU2133" s="92"/>
      <c r="AV2133" s="92"/>
      <c r="AW2133" s="92"/>
      <c r="AX2133" s="92"/>
      <c r="AY2133" s="92"/>
      <c r="AZ2133" s="93"/>
      <c r="BA2133" s="93"/>
      <c r="BB2133" s="93"/>
      <c r="BC2133" s="93"/>
      <c r="BD2133" s="93"/>
      <c r="BE2133" s="93"/>
      <c r="BF2133" s="93"/>
      <c r="BG2133" s="93"/>
      <c r="BH2133" s="93"/>
      <c r="BI2133" s="93"/>
      <c r="BJ2133" s="93"/>
      <c r="BK2133" s="93"/>
      <c r="BL2133" s="93"/>
    </row>
    <row r="2134" spans="2:64" x14ac:dyDescent="0.2">
      <c r="B2134" s="43"/>
      <c r="C2134" s="73"/>
      <c r="D2134" s="64"/>
      <c r="E2134" s="55"/>
      <c r="F2134" s="74"/>
      <c r="G2134" s="74"/>
      <c r="H2134" s="74"/>
      <c r="I2134" s="75"/>
      <c r="J2134" s="74"/>
      <c r="L2134" s="55"/>
      <c r="M2134" s="234"/>
      <c r="N2134" s="65"/>
      <c r="O2134" s="76"/>
      <c r="P2134" s="76"/>
      <c r="Q2134" s="65"/>
      <c r="R2134" s="76"/>
      <c r="S2134" s="76"/>
      <c r="T2134" s="76"/>
      <c r="U2134" s="76"/>
      <c r="V2134" s="76"/>
      <c r="W2134" s="76"/>
      <c r="X2134" s="76"/>
      <c r="Y2134" s="76"/>
      <c r="Z2134" s="76"/>
      <c r="AA2134" s="85"/>
      <c r="AB2134" s="85"/>
      <c r="AC2134" s="85"/>
      <c r="AD2134" s="85"/>
      <c r="AE2134" s="85"/>
      <c r="AF2134" s="85"/>
      <c r="AG2134" s="86"/>
      <c r="AH2134" s="85"/>
      <c r="AI2134" s="85"/>
      <c r="AJ2134" s="85"/>
      <c r="AK2134" s="85"/>
      <c r="AL2134" s="85"/>
      <c r="AM2134" s="92"/>
      <c r="AN2134" s="92"/>
      <c r="AO2134" s="92"/>
      <c r="AP2134" s="92"/>
      <c r="AQ2134" s="92"/>
      <c r="AR2134" s="92"/>
      <c r="AS2134" s="92"/>
      <c r="AT2134" s="92"/>
      <c r="AU2134" s="92"/>
      <c r="AV2134" s="92"/>
      <c r="AW2134" s="92"/>
      <c r="AX2134" s="92"/>
      <c r="AY2134" s="92"/>
      <c r="AZ2134" s="93"/>
      <c r="BA2134" s="93"/>
      <c r="BB2134" s="93"/>
      <c r="BC2134" s="93"/>
      <c r="BD2134" s="93"/>
      <c r="BE2134" s="93"/>
      <c r="BF2134" s="93"/>
      <c r="BG2134" s="93"/>
      <c r="BH2134" s="93"/>
      <c r="BI2134" s="93"/>
      <c r="BJ2134" s="93"/>
      <c r="BK2134" s="93"/>
      <c r="BL2134" s="93"/>
    </row>
    <row r="2135" spans="2:64" x14ac:dyDescent="0.2">
      <c r="B2135" s="43"/>
      <c r="C2135" s="73"/>
      <c r="D2135" s="64"/>
      <c r="E2135" s="55"/>
      <c r="F2135" s="74"/>
      <c r="G2135" s="74"/>
      <c r="H2135" s="74"/>
      <c r="I2135" s="75"/>
      <c r="J2135" s="74"/>
      <c r="L2135" s="55"/>
      <c r="M2135" s="234"/>
      <c r="N2135" s="65"/>
      <c r="O2135" s="76"/>
      <c r="P2135" s="76"/>
      <c r="Q2135" s="65"/>
      <c r="R2135" s="76"/>
      <c r="S2135" s="76"/>
      <c r="T2135" s="76"/>
      <c r="U2135" s="76"/>
      <c r="V2135" s="76"/>
      <c r="W2135" s="76"/>
      <c r="X2135" s="76"/>
      <c r="Y2135" s="76"/>
      <c r="Z2135" s="76"/>
      <c r="AA2135" s="85"/>
      <c r="AB2135" s="85"/>
      <c r="AC2135" s="85"/>
      <c r="AD2135" s="85"/>
      <c r="AE2135" s="85"/>
      <c r="AF2135" s="85"/>
      <c r="AG2135" s="86"/>
      <c r="AH2135" s="85"/>
      <c r="AI2135" s="85"/>
      <c r="AJ2135" s="85"/>
      <c r="AK2135" s="85"/>
      <c r="AL2135" s="85"/>
      <c r="AM2135" s="92"/>
      <c r="AN2135" s="92"/>
      <c r="AO2135" s="92"/>
      <c r="AP2135" s="92"/>
      <c r="AQ2135" s="92"/>
      <c r="AR2135" s="92"/>
      <c r="AS2135" s="92"/>
      <c r="AT2135" s="92"/>
      <c r="AU2135" s="92"/>
      <c r="AV2135" s="92"/>
      <c r="AW2135" s="92"/>
      <c r="AX2135" s="92"/>
      <c r="AY2135" s="92"/>
      <c r="AZ2135" s="93"/>
      <c r="BA2135" s="93"/>
      <c r="BB2135" s="93"/>
      <c r="BC2135" s="93"/>
      <c r="BD2135" s="93"/>
      <c r="BE2135" s="93"/>
      <c r="BF2135" s="93"/>
      <c r="BG2135" s="93"/>
      <c r="BH2135" s="93"/>
      <c r="BI2135" s="93"/>
      <c r="BJ2135" s="93"/>
      <c r="BK2135" s="93"/>
      <c r="BL2135" s="93"/>
    </row>
    <row r="2136" spans="2:64" x14ac:dyDescent="0.2">
      <c r="B2136" s="43"/>
      <c r="C2136" s="73"/>
      <c r="D2136" s="64"/>
      <c r="E2136" s="55"/>
      <c r="F2136" s="74"/>
      <c r="G2136" s="74"/>
      <c r="H2136" s="74"/>
      <c r="I2136" s="75"/>
      <c r="J2136" s="74"/>
      <c r="L2136" s="55"/>
      <c r="M2136" s="234"/>
      <c r="N2136" s="65"/>
      <c r="O2136" s="76"/>
      <c r="P2136" s="76"/>
      <c r="Q2136" s="65"/>
      <c r="R2136" s="76"/>
      <c r="S2136" s="76"/>
      <c r="T2136" s="76"/>
      <c r="U2136" s="76"/>
      <c r="V2136" s="76"/>
      <c r="W2136" s="76"/>
      <c r="X2136" s="76"/>
      <c r="Y2136" s="76"/>
      <c r="Z2136" s="76"/>
      <c r="AA2136" s="85"/>
      <c r="AB2136" s="85"/>
      <c r="AC2136" s="85"/>
      <c r="AD2136" s="85"/>
      <c r="AE2136" s="85"/>
      <c r="AF2136" s="85"/>
      <c r="AG2136" s="86"/>
      <c r="AH2136" s="85"/>
      <c r="AI2136" s="85"/>
      <c r="AJ2136" s="85"/>
      <c r="AK2136" s="85"/>
      <c r="AL2136" s="85"/>
      <c r="AM2136" s="92"/>
      <c r="AN2136" s="92"/>
      <c r="AO2136" s="92"/>
      <c r="AP2136" s="92"/>
      <c r="AQ2136" s="92"/>
      <c r="AR2136" s="92"/>
      <c r="AS2136" s="92"/>
      <c r="AT2136" s="92"/>
      <c r="AU2136" s="92"/>
      <c r="AV2136" s="92"/>
      <c r="AW2136" s="92"/>
      <c r="AX2136" s="92"/>
      <c r="AY2136" s="92"/>
      <c r="AZ2136" s="93"/>
      <c r="BA2136" s="93"/>
      <c r="BB2136" s="93"/>
      <c r="BC2136" s="93"/>
      <c r="BD2136" s="93"/>
      <c r="BE2136" s="93"/>
      <c r="BF2136" s="93"/>
      <c r="BG2136" s="93"/>
      <c r="BH2136" s="93"/>
      <c r="BI2136" s="93"/>
      <c r="BJ2136" s="93"/>
      <c r="BK2136" s="93"/>
      <c r="BL2136" s="93"/>
    </row>
    <row r="2137" spans="2:64" x14ac:dyDescent="0.2">
      <c r="B2137" s="43"/>
      <c r="C2137" s="73"/>
      <c r="D2137" s="64"/>
      <c r="E2137" s="55"/>
      <c r="F2137" s="74"/>
      <c r="G2137" s="74"/>
      <c r="H2137" s="74"/>
      <c r="I2137" s="75"/>
      <c r="J2137" s="74"/>
      <c r="L2137" s="55"/>
      <c r="M2137" s="234"/>
      <c r="N2137" s="65"/>
      <c r="O2137" s="76"/>
      <c r="P2137" s="76"/>
      <c r="Q2137" s="65"/>
      <c r="R2137" s="76"/>
      <c r="S2137" s="76"/>
      <c r="T2137" s="76"/>
      <c r="U2137" s="76"/>
      <c r="V2137" s="76"/>
      <c r="W2137" s="76"/>
      <c r="X2137" s="76"/>
      <c r="Y2137" s="76"/>
      <c r="Z2137" s="76"/>
      <c r="AA2137" s="85"/>
      <c r="AB2137" s="85"/>
      <c r="AC2137" s="85"/>
      <c r="AD2137" s="85"/>
      <c r="AE2137" s="85"/>
      <c r="AF2137" s="85"/>
      <c r="AG2137" s="86"/>
      <c r="AH2137" s="85"/>
      <c r="AI2137" s="85"/>
      <c r="AJ2137" s="85"/>
      <c r="AK2137" s="85"/>
      <c r="AL2137" s="85"/>
      <c r="AM2137" s="92"/>
      <c r="AN2137" s="92"/>
      <c r="AO2137" s="92"/>
      <c r="AP2137" s="92"/>
      <c r="AQ2137" s="92"/>
      <c r="AR2137" s="92"/>
      <c r="AS2137" s="92"/>
      <c r="AT2137" s="92"/>
      <c r="AU2137" s="92"/>
      <c r="AV2137" s="92"/>
      <c r="AW2137" s="92"/>
      <c r="AX2137" s="92"/>
      <c r="AY2137" s="92"/>
      <c r="AZ2137" s="93"/>
      <c r="BA2137" s="93"/>
      <c r="BB2137" s="93"/>
      <c r="BC2137" s="93"/>
      <c r="BD2137" s="93"/>
      <c r="BE2137" s="93"/>
      <c r="BF2137" s="93"/>
      <c r="BG2137" s="93"/>
      <c r="BH2137" s="93"/>
      <c r="BI2137" s="93"/>
      <c r="BJ2137" s="93"/>
      <c r="BK2137" s="93"/>
      <c r="BL2137" s="93"/>
    </row>
    <row r="2138" spans="2:64" x14ac:dyDescent="0.2">
      <c r="B2138" s="43"/>
      <c r="C2138" s="73"/>
      <c r="D2138" s="64"/>
      <c r="E2138" s="55"/>
      <c r="F2138" s="74"/>
      <c r="G2138" s="74"/>
      <c r="H2138" s="74"/>
      <c r="I2138" s="75"/>
      <c r="J2138" s="74"/>
      <c r="L2138" s="55"/>
      <c r="M2138" s="234"/>
      <c r="N2138" s="65"/>
      <c r="O2138" s="76"/>
      <c r="P2138" s="76"/>
      <c r="Q2138" s="65"/>
      <c r="R2138" s="76"/>
      <c r="S2138" s="76"/>
      <c r="T2138" s="76"/>
      <c r="U2138" s="76"/>
      <c r="V2138" s="76"/>
      <c r="W2138" s="76"/>
      <c r="X2138" s="76"/>
      <c r="Y2138" s="76"/>
      <c r="Z2138" s="76"/>
      <c r="AA2138" s="85"/>
      <c r="AB2138" s="85"/>
      <c r="AC2138" s="85"/>
      <c r="AD2138" s="85"/>
      <c r="AE2138" s="85"/>
      <c r="AF2138" s="85"/>
      <c r="AG2138" s="86"/>
      <c r="AH2138" s="85"/>
      <c r="AI2138" s="85"/>
      <c r="AJ2138" s="85"/>
      <c r="AK2138" s="85"/>
      <c r="AL2138" s="85"/>
      <c r="AM2138" s="92"/>
      <c r="AN2138" s="92"/>
      <c r="AO2138" s="92"/>
      <c r="AP2138" s="92"/>
      <c r="AQ2138" s="92"/>
      <c r="AR2138" s="92"/>
      <c r="AS2138" s="92"/>
      <c r="AT2138" s="92"/>
      <c r="AU2138" s="92"/>
      <c r="AV2138" s="92"/>
      <c r="AW2138" s="92"/>
      <c r="AX2138" s="92"/>
      <c r="AY2138" s="92"/>
      <c r="AZ2138" s="93"/>
      <c r="BA2138" s="93"/>
      <c r="BB2138" s="93"/>
      <c r="BC2138" s="93"/>
      <c r="BD2138" s="93"/>
      <c r="BE2138" s="93"/>
      <c r="BF2138" s="93"/>
      <c r="BG2138" s="93"/>
      <c r="BH2138" s="93"/>
      <c r="BI2138" s="93"/>
      <c r="BJ2138" s="93"/>
      <c r="BK2138" s="93"/>
      <c r="BL2138" s="93"/>
    </row>
    <row r="2139" spans="2:64" x14ac:dyDescent="0.2">
      <c r="B2139" s="43"/>
      <c r="C2139" s="73"/>
      <c r="D2139" s="64"/>
      <c r="E2139" s="55"/>
      <c r="F2139" s="74"/>
      <c r="G2139" s="74"/>
      <c r="H2139" s="74"/>
      <c r="I2139" s="75"/>
      <c r="J2139" s="74"/>
      <c r="L2139" s="55"/>
      <c r="M2139" s="234"/>
      <c r="N2139" s="65"/>
      <c r="O2139" s="76"/>
      <c r="P2139" s="76"/>
      <c r="Q2139" s="65"/>
      <c r="R2139" s="76"/>
      <c r="S2139" s="76"/>
      <c r="T2139" s="76"/>
      <c r="U2139" s="76"/>
      <c r="V2139" s="76"/>
      <c r="W2139" s="76"/>
      <c r="X2139" s="76"/>
      <c r="Y2139" s="76"/>
      <c r="Z2139" s="76"/>
      <c r="AA2139" s="85"/>
      <c r="AB2139" s="85"/>
      <c r="AC2139" s="85"/>
      <c r="AD2139" s="85"/>
      <c r="AE2139" s="85"/>
      <c r="AF2139" s="85"/>
      <c r="AG2139" s="86"/>
      <c r="AH2139" s="85"/>
      <c r="AI2139" s="85"/>
      <c r="AJ2139" s="85"/>
      <c r="AK2139" s="85"/>
      <c r="AL2139" s="85"/>
      <c r="AM2139" s="92"/>
      <c r="AN2139" s="92"/>
      <c r="AO2139" s="92"/>
      <c r="AP2139" s="92"/>
      <c r="AQ2139" s="92"/>
      <c r="AR2139" s="92"/>
      <c r="AS2139" s="92"/>
      <c r="AT2139" s="92"/>
      <c r="AU2139" s="92"/>
      <c r="AV2139" s="92"/>
      <c r="AW2139" s="92"/>
      <c r="AX2139" s="92"/>
      <c r="AY2139" s="92"/>
      <c r="AZ2139" s="93"/>
      <c r="BA2139" s="93"/>
      <c r="BB2139" s="93"/>
      <c r="BC2139" s="93"/>
      <c r="BD2139" s="93"/>
      <c r="BE2139" s="93"/>
      <c r="BF2139" s="93"/>
      <c r="BG2139" s="93"/>
      <c r="BH2139" s="93"/>
      <c r="BI2139" s="93"/>
      <c r="BJ2139" s="93"/>
      <c r="BK2139" s="93"/>
      <c r="BL2139" s="93"/>
    </row>
    <row r="2140" spans="2:64" x14ac:dyDescent="0.2">
      <c r="B2140" s="43"/>
      <c r="C2140" s="73"/>
      <c r="D2140" s="64"/>
      <c r="E2140" s="55"/>
      <c r="F2140" s="74"/>
      <c r="G2140" s="74"/>
      <c r="H2140" s="74"/>
      <c r="I2140" s="75"/>
      <c r="J2140" s="74"/>
      <c r="L2140" s="55"/>
      <c r="M2140" s="234"/>
      <c r="N2140" s="65"/>
      <c r="O2140" s="76"/>
      <c r="P2140" s="76"/>
      <c r="Q2140" s="65"/>
      <c r="R2140" s="76"/>
      <c r="S2140" s="76"/>
      <c r="T2140" s="76"/>
      <c r="U2140" s="76"/>
      <c r="V2140" s="76"/>
      <c r="W2140" s="76"/>
      <c r="X2140" s="76"/>
      <c r="Y2140" s="76"/>
      <c r="Z2140" s="76"/>
      <c r="AA2140" s="85"/>
      <c r="AB2140" s="85"/>
      <c r="AC2140" s="85"/>
      <c r="AD2140" s="85"/>
      <c r="AE2140" s="85"/>
      <c r="AF2140" s="85"/>
      <c r="AG2140" s="86"/>
      <c r="AH2140" s="85"/>
      <c r="AI2140" s="85"/>
      <c r="AJ2140" s="85"/>
      <c r="AK2140" s="85"/>
      <c r="AL2140" s="85"/>
      <c r="AM2140" s="92"/>
      <c r="AN2140" s="92"/>
      <c r="AO2140" s="92"/>
      <c r="AP2140" s="92"/>
      <c r="AQ2140" s="92"/>
      <c r="AR2140" s="92"/>
      <c r="AS2140" s="92"/>
      <c r="AT2140" s="92"/>
      <c r="AU2140" s="92"/>
      <c r="AV2140" s="92"/>
      <c r="AW2140" s="92"/>
      <c r="AX2140" s="92"/>
      <c r="AY2140" s="92"/>
      <c r="AZ2140" s="93"/>
      <c r="BA2140" s="93"/>
      <c r="BB2140" s="93"/>
      <c r="BC2140" s="93"/>
      <c r="BD2140" s="93"/>
      <c r="BE2140" s="93"/>
      <c r="BF2140" s="93"/>
      <c r="BG2140" s="93"/>
      <c r="BH2140" s="93"/>
      <c r="BI2140" s="93"/>
      <c r="BJ2140" s="93"/>
      <c r="BK2140" s="93"/>
      <c r="BL2140" s="93"/>
    </row>
    <row r="2141" spans="2:64" x14ac:dyDescent="0.2">
      <c r="B2141" s="43"/>
      <c r="C2141" s="73"/>
      <c r="D2141" s="64"/>
      <c r="E2141" s="55"/>
      <c r="F2141" s="74"/>
      <c r="G2141" s="74"/>
      <c r="H2141" s="74"/>
      <c r="I2141" s="75"/>
      <c r="J2141" s="74"/>
      <c r="L2141" s="55"/>
      <c r="M2141" s="234"/>
      <c r="N2141" s="65"/>
      <c r="O2141" s="76"/>
      <c r="P2141" s="76"/>
      <c r="Q2141" s="65"/>
      <c r="R2141" s="76"/>
      <c r="S2141" s="76"/>
      <c r="T2141" s="76"/>
      <c r="U2141" s="76"/>
      <c r="V2141" s="76"/>
      <c r="W2141" s="76"/>
      <c r="X2141" s="76"/>
      <c r="Y2141" s="76"/>
      <c r="Z2141" s="76"/>
      <c r="AA2141" s="85"/>
      <c r="AB2141" s="85"/>
      <c r="AC2141" s="85"/>
      <c r="AD2141" s="85"/>
      <c r="AE2141" s="85"/>
      <c r="AF2141" s="85"/>
      <c r="AG2141" s="86"/>
      <c r="AH2141" s="85"/>
      <c r="AI2141" s="85"/>
      <c r="AJ2141" s="85"/>
      <c r="AK2141" s="85"/>
      <c r="AL2141" s="85"/>
      <c r="AM2141" s="92"/>
      <c r="AN2141" s="92"/>
      <c r="AO2141" s="92"/>
      <c r="AP2141" s="92"/>
      <c r="AQ2141" s="92"/>
      <c r="AR2141" s="92"/>
      <c r="AS2141" s="92"/>
      <c r="AT2141" s="92"/>
      <c r="AU2141" s="92"/>
      <c r="AV2141" s="92"/>
      <c r="AW2141" s="92"/>
      <c r="AX2141" s="92"/>
      <c r="AY2141" s="92"/>
      <c r="AZ2141" s="93"/>
      <c r="BA2141" s="93"/>
      <c r="BB2141" s="93"/>
      <c r="BC2141" s="93"/>
      <c r="BD2141" s="93"/>
      <c r="BE2141" s="93"/>
      <c r="BF2141" s="93"/>
      <c r="BG2141" s="93"/>
      <c r="BH2141" s="93"/>
      <c r="BI2141" s="93"/>
      <c r="BJ2141" s="93"/>
      <c r="BK2141" s="93"/>
      <c r="BL2141" s="93"/>
    </row>
    <row r="2142" spans="2:64" x14ac:dyDescent="0.2">
      <c r="B2142" s="43"/>
      <c r="C2142" s="73"/>
      <c r="D2142" s="64"/>
      <c r="E2142" s="55"/>
      <c r="F2142" s="74"/>
      <c r="G2142" s="74"/>
      <c r="H2142" s="74"/>
      <c r="I2142" s="75"/>
      <c r="J2142" s="74"/>
      <c r="L2142" s="55"/>
      <c r="M2142" s="234"/>
      <c r="N2142" s="65"/>
      <c r="O2142" s="76"/>
      <c r="P2142" s="76"/>
      <c r="Q2142" s="65"/>
      <c r="R2142" s="76"/>
      <c r="S2142" s="76"/>
      <c r="T2142" s="76"/>
      <c r="U2142" s="76"/>
      <c r="V2142" s="76"/>
      <c r="W2142" s="76"/>
      <c r="X2142" s="76"/>
      <c r="Y2142" s="76"/>
      <c r="Z2142" s="76"/>
      <c r="AA2142" s="85"/>
      <c r="AB2142" s="85"/>
      <c r="AC2142" s="85"/>
      <c r="AD2142" s="85"/>
      <c r="AE2142" s="85"/>
      <c r="AF2142" s="85"/>
      <c r="AG2142" s="86"/>
      <c r="AH2142" s="85"/>
      <c r="AI2142" s="85"/>
      <c r="AJ2142" s="85"/>
      <c r="AK2142" s="85"/>
      <c r="AL2142" s="85"/>
      <c r="AM2142" s="92"/>
      <c r="AN2142" s="92"/>
      <c r="AO2142" s="92"/>
      <c r="AP2142" s="92"/>
      <c r="AQ2142" s="92"/>
      <c r="AR2142" s="92"/>
      <c r="AS2142" s="92"/>
      <c r="AT2142" s="92"/>
      <c r="AU2142" s="92"/>
      <c r="AV2142" s="92"/>
      <c r="AW2142" s="92"/>
      <c r="AX2142" s="92"/>
      <c r="AY2142" s="92"/>
      <c r="AZ2142" s="93"/>
      <c r="BA2142" s="93"/>
      <c r="BB2142" s="93"/>
      <c r="BC2142" s="93"/>
      <c r="BD2142" s="93"/>
      <c r="BE2142" s="93"/>
      <c r="BF2142" s="93"/>
      <c r="BG2142" s="93"/>
      <c r="BH2142" s="93"/>
      <c r="BI2142" s="93"/>
      <c r="BJ2142" s="93"/>
      <c r="BK2142" s="93"/>
      <c r="BL2142" s="93"/>
    </row>
    <row r="2143" spans="2:64" x14ac:dyDescent="0.2">
      <c r="B2143" s="43"/>
      <c r="C2143" s="73"/>
      <c r="D2143" s="64"/>
      <c r="E2143" s="55"/>
      <c r="F2143" s="74"/>
      <c r="G2143" s="74"/>
      <c r="H2143" s="74"/>
      <c r="I2143" s="75"/>
      <c r="J2143" s="74"/>
      <c r="L2143" s="55"/>
      <c r="M2143" s="234"/>
      <c r="N2143" s="65"/>
      <c r="O2143" s="76"/>
      <c r="P2143" s="76"/>
      <c r="Q2143" s="65"/>
      <c r="R2143" s="76"/>
      <c r="S2143" s="76"/>
      <c r="T2143" s="76"/>
      <c r="U2143" s="76"/>
      <c r="V2143" s="76"/>
      <c r="W2143" s="76"/>
      <c r="X2143" s="76"/>
      <c r="Y2143" s="76"/>
      <c r="Z2143" s="76"/>
      <c r="AA2143" s="85"/>
      <c r="AB2143" s="85"/>
      <c r="AC2143" s="85"/>
      <c r="AD2143" s="85"/>
      <c r="AE2143" s="85"/>
      <c r="AF2143" s="85"/>
      <c r="AG2143" s="86"/>
      <c r="AH2143" s="85"/>
      <c r="AI2143" s="85"/>
      <c r="AJ2143" s="85"/>
      <c r="AK2143" s="85"/>
      <c r="AL2143" s="85"/>
      <c r="AM2143" s="92"/>
      <c r="AN2143" s="92"/>
      <c r="AO2143" s="92"/>
      <c r="AP2143" s="92"/>
      <c r="AQ2143" s="92"/>
      <c r="AR2143" s="92"/>
      <c r="AS2143" s="92"/>
      <c r="AT2143" s="92"/>
      <c r="AU2143" s="92"/>
      <c r="AV2143" s="92"/>
      <c r="AW2143" s="92"/>
      <c r="AX2143" s="92"/>
      <c r="AY2143" s="92"/>
      <c r="AZ2143" s="93"/>
      <c r="BA2143" s="93"/>
      <c r="BB2143" s="93"/>
      <c r="BC2143" s="93"/>
      <c r="BD2143" s="93"/>
      <c r="BE2143" s="93"/>
      <c r="BF2143" s="93"/>
      <c r="BG2143" s="93"/>
      <c r="BH2143" s="93"/>
      <c r="BI2143" s="93"/>
      <c r="BJ2143" s="93"/>
      <c r="BK2143" s="93"/>
      <c r="BL2143" s="93"/>
    </row>
    <row r="2144" spans="2:64" x14ac:dyDescent="0.2">
      <c r="B2144" s="43"/>
      <c r="C2144" s="73"/>
      <c r="D2144" s="64"/>
      <c r="E2144" s="55"/>
      <c r="F2144" s="74"/>
      <c r="G2144" s="74"/>
      <c r="H2144" s="74"/>
      <c r="I2144" s="75"/>
      <c r="J2144" s="74"/>
      <c r="L2144" s="55"/>
      <c r="M2144" s="234"/>
      <c r="N2144" s="65"/>
      <c r="O2144" s="76"/>
      <c r="P2144" s="76"/>
      <c r="Q2144" s="65"/>
      <c r="R2144" s="76"/>
      <c r="S2144" s="76"/>
      <c r="T2144" s="76"/>
      <c r="U2144" s="76"/>
      <c r="V2144" s="76"/>
      <c r="W2144" s="76"/>
      <c r="X2144" s="76"/>
      <c r="Y2144" s="76"/>
      <c r="Z2144" s="76"/>
      <c r="AA2144" s="85"/>
      <c r="AB2144" s="85"/>
      <c r="AC2144" s="85"/>
      <c r="AD2144" s="85"/>
      <c r="AE2144" s="85"/>
      <c r="AF2144" s="85"/>
      <c r="AG2144" s="86"/>
      <c r="AH2144" s="85"/>
      <c r="AI2144" s="85"/>
      <c r="AJ2144" s="85"/>
      <c r="AK2144" s="85"/>
      <c r="AL2144" s="85"/>
      <c r="AM2144" s="92"/>
      <c r="AN2144" s="92"/>
      <c r="AO2144" s="92"/>
      <c r="AP2144" s="92"/>
      <c r="AQ2144" s="92"/>
      <c r="AR2144" s="92"/>
      <c r="AS2144" s="92"/>
      <c r="AT2144" s="92"/>
      <c r="AU2144" s="92"/>
      <c r="AV2144" s="92"/>
      <c r="AW2144" s="92"/>
      <c r="AX2144" s="92"/>
      <c r="AY2144" s="92"/>
      <c r="AZ2144" s="93"/>
      <c r="BA2144" s="93"/>
      <c r="BB2144" s="93"/>
      <c r="BC2144" s="93"/>
      <c r="BD2144" s="93"/>
      <c r="BE2144" s="93"/>
      <c r="BF2144" s="93"/>
      <c r="BG2144" s="93"/>
      <c r="BH2144" s="93"/>
      <c r="BI2144" s="93"/>
      <c r="BJ2144" s="93"/>
      <c r="BK2144" s="93"/>
      <c r="BL2144" s="93"/>
    </row>
    <row r="2145" spans="2:64" x14ac:dyDescent="0.2">
      <c r="B2145" s="43"/>
      <c r="C2145" s="73"/>
      <c r="D2145" s="64"/>
      <c r="E2145" s="55"/>
      <c r="F2145" s="74"/>
      <c r="G2145" s="74"/>
      <c r="H2145" s="74"/>
      <c r="I2145" s="75"/>
      <c r="J2145" s="74"/>
      <c r="L2145" s="55"/>
      <c r="M2145" s="234"/>
      <c r="N2145" s="65"/>
      <c r="O2145" s="76"/>
      <c r="P2145" s="76"/>
      <c r="Q2145" s="65"/>
      <c r="R2145" s="76"/>
      <c r="S2145" s="76"/>
      <c r="T2145" s="76"/>
      <c r="U2145" s="76"/>
      <c r="V2145" s="76"/>
      <c r="W2145" s="76"/>
      <c r="X2145" s="76"/>
      <c r="Y2145" s="76"/>
      <c r="Z2145" s="76"/>
      <c r="AA2145" s="85"/>
      <c r="AB2145" s="85"/>
      <c r="AC2145" s="85"/>
      <c r="AD2145" s="85"/>
      <c r="AE2145" s="85"/>
      <c r="AF2145" s="85"/>
      <c r="AG2145" s="86"/>
      <c r="AH2145" s="85"/>
      <c r="AI2145" s="85"/>
      <c r="AJ2145" s="85"/>
      <c r="AK2145" s="85"/>
      <c r="AL2145" s="85"/>
      <c r="AM2145" s="92"/>
      <c r="AN2145" s="92"/>
      <c r="AO2145" s="92"/>
      <c r="AP2145" s="92"/>
      <c r="AQ2145" s="92"/>
      <c r="AR2145" s="92"/>
      <c r="AS2145" s="92"/>
      <c r="AT2145" s="92"/>
      <c r="AU2145" s="92"/>
      <c r="AV2145" s="92"/>
      <c r="AW2145" s="92"/>
      <c r="AX2145" s="92"/>
      <c r="AY2145" s="92"/>
      <c r="AZ2145" s="93"/>
      <c r="BA2145" s="93"/>
      <c r="BB2145" s="93"/>
      <c r="BC2145" s="93"/>
      <c r="BD2145" s="93"/>
      <c r="BE2145" s="93"/>
      <c r="BF2145" s="93"/>
      <c r="BG2145" s="93"/>
      <c r="BH2145" s="93"/>
      <c r="BI2145" s="93"/>
      <c r="BJ2145" s="93"/>
      <c r="BK2145" s="93"/>
      <c r="BL2145" s="93"/>
    </row>
    <row r="2146" spans="2:64" x14ac:dyDescent="0.2">
      <c r="B2146" s="43"/>
      <c r="C2146" s="73"/>
      <c r="D2146" s="64"/>
      <c r="E2146" s="55"/>
      <c r="F2146" s="74"/>
      <c r="G2146" s="74"/>
      <c r="H2146" s="74"/>
      <c r="I2146" s="75"/>
      <c r="J2146" s="74"/>
      <c r="L2146" s="55"/>
      <c r="M2146" s="234"/>
      <c r="N2146" s="65"/>
      <c r="O2146" s="76"/>
      <c r="P2146" s="76"/>
      <c r="Q2146" s="65"/>
      <c r="R2146" s="76"/>
      <c r="S2146" s="76"/>
      <c r="T2146" s="76"/>
      <c r="U2146" s="76"/>
      <c r="V2146" s="76"/>
      <c r="W2146" s="76"/>
      <c r="X2146" s="76"/>
      <c r="Y2146" s="76"/>
      <c r="Z2146" s="76"/>
      <c r="AA2146" s="85"/>
      <c r="AB2146" s="85"/>
      <c r="AC2146" s="85"/>
      <c r="AD2146" s="85"/>
      <c r="AE2146" s="85"/>
      <c r="AF2146" s="85"/>
      <c r="AG2146" s="86"/>
      <c r="AH2146" s="85"/>
      <c r="AI2146" s="85"/>
      <c r="AJ2146" s="85"/>
      <c r="AK2146" s="85"/>
      <c r="AL2146" s="85"/>
      <c r="AM2146" s="92"/>
      <c r="AN2146" s="92"/>
      <c r="AO2146" s="92"/>
      <c r="AP2146" s="92"/>
      <c r="AQ2146" s="92"/>
      <c r="AR2146" s="92"/>
      <c r="AS2146" s="92"/>
      <c r="AT2146" s="92"/>
      <c r="AU2146" s="92"/>
      <c r="AV2146" s="92"/>
      <c r="AW2146" s="92"/>
      <c r="AX2146" s="92"/>
      <c r="AY2146" s="92"/>
      <c r="AZ2146" s="93"/>
      <c r="BA2146" s="93"/>
      <c r="BB2146" s="93"/>
      <c r="BC2146" s="93"/>
      <c r="BD2146" s="93"/>
      <c r="BE2146" s="93"/>
      <c r="BF2146" s="93"/>
      <c r="BG2146" s="93"/>
      <c r="BH2146" s="93"/>
      <c r="BI2146" s="93"/>
      <c r="BJ2146" s="93"/>
      <c r="BK2146" s="93"/>
      <c r="BL2146" s="93"/>
    </row>
    <row r="2147" spans="2:64" x14ac:dyDescent="0.2">
      <c r="B2147" s="43"/>
      <c r="C2147" s="73"/>
      <c r="D2147" s="64"/>
      <c r="E2147" s="55"/>
      <c r="F2147" s="74"/>
      <c r="G2147" s="74"/>
      <c r="H2147" s="74"/>
      <c r="I2147" s="75"/>
      <c r="J2147" s="74"/>
      <c r="L2147" s="55"/>
      <c r="M2147" s="234"/>
      <c r="N2147" s="65"/>
      <c r="O2147" s="76"/>
      <c r="P2147" s="76"/>
      <c r="Q2147" s="65"/>
      <c r="R2147" s="76"/>
      <c r="S2147" s="76"/>
      <c r="T2147" s="76"/>
      <c r="U2147" s="76"/>
      <c r="V2147" s="76"/>
      <c r="W2147" s="76"/>
      <c r="X2147" s="76"/>
      <c r="Y2147" s="76"/>
      <c r="Z2147" s="76"/>
      <c r="AA2147" s="85"/>
      <c r="AB2147" s="85"/>
      <c r="AC2147" s="85"/>
      <c r="AD2147" s="85"/>
      <c r="AE2147" s="85"/>
      <c r="AF2147" s="85"/>
      <c r="AG2147" s="86"/>
      <c r="AH2147" s="85"/>
      <c r="AI2147" s="85"/>
      <c r="AJ2147" s="85"/>
      <c r="AK2147" s="85"/>
      <c r="AL2147" s="85"/>
      <c r="AM2147" s="92"/>
      <c r="AN2147" s="92"/>
      <c r="AO2147" s="92"/>
      <c r="AP2147" s="92"/>
      <c r="AQ2147" s="92"/>
      <c r="AR2147" s="92"/>
      <c r="AS2147" s="92"/>
      <c r="AT2147" s="92"/>
      <c r="AU2147" s="92"/>
      <c r="AV2147" s="92"/>
      <c r="AW2147" s="92"/>
      <c r="AX2147" s="92"/>
      <c r="AY2147" s="92"/>
      <c r="AZ2147" s="93"/>
      <c r="BA2147" s="93"/>
      <c r="BB2147" s="93"/>
      <c r="BC2147" s="93"/>
      <c r="BD2147" s="93"/>
      <c r="BE2147" s="93"/>
      <c r="BF2147" s="93"/>
      <c r="BG2147" s="93"/>
      <c r="BH2147" s="93"/>
      <c r="BI2147" s="93"/>
      <c r="BJ2147" s="93"/>
      <c r="BK2147" s="93"/>
      <c r="BL2147" s="93"/>
    </row>
    <row r="2148" spans="2:64" x14ac:dyDescent="0.2">
      <c r="B2148" s="43"/>
      <c r="C2148" s="73"/>
      <c r="D2148" s="64"/>
      <c r="E2148" s="55"/>
      <c r="F2148" s="74"/>
      <c r="G2148" s="74"/>
      <c r="H2148" s="74"/>
      <c r="I2148" s="75"/>
      <c r="J2148" s="74"/>
      <c r="L2148" s="55"/>
      <c r="M2148" s="234"/>
      <c r="N2148" s="65"/>
      <c r="O2148" s="76"/>
      <c r="P2148" s="76"/>
      <c r="Q2148" s="65"/>
      <c r="R2148" s="76"/>
      <c r="S2148" s="76"/>
      <c r="T2148" s="76"/>
      <c r="U2148" s="76"/>
      <c r="V2148" s="76"/>
      <c r="W2148" s="76"/>
      <c r="X2148" s="76"/>
      <c r="Y2148" s="76"/>
      <c r="Z2148" s="76"/>
      <c r="AA2148" s="85"/>
      <c r="AB2148" s="85"/>
      <c r="AC2148" s="85"/>
      <c r="AD2148" s="85"/>
      <c r="AE2148" s="85"/>
      <c r="AF2148" s="85"/>
      <c r="AG2148" s="86"/>
      <c r="AH2148" s="85"/>
      <c r="AI2148" s="85"/>
      <c r="AJ2148" s="85"/>
      <c r="AK2148" s="85"/>
      <c r="AL2148" s="85"/>
      <c r="AM2148" s="92"/>
      <c r="AN2148" s="92"/>
      <c r="AO2148" s="92"/>
      <c r="AP2148" s="92"/>
      <c r="AQ2148" s="92"/>
      <c r="AR2148" s="92"/>
      <c r="AS2148" s="92"/>
      <c r="AT2148" s="92"/>
      <c r="AU2148" s="92"/>
      <c r="AV2148" s="92"/>
      <c r="AW2148" s="92"/>
      <c r="AX2148" s="92"/>
      <c r="AY2148" s="92"/>
      <c r="AZ2148" s="93"/>
      <c r="BA2148" s="93"/>
      <c r="BB2148" s="93"/>
      <c r="BC2148" s="93"/>
      <c r="BD2148" s="93"/>
      <c r="BE2148" s="93"/>
      <c r="BF2148" s="93"/>
      <c r="BG2148" s="93"/>
      <c r="BH2148" s="93"/>
      <c r="BI2148" s="93"/>
      <c r="BJ2148" s="93"/>
      <c r="BK2148" s="93"/>
      <c r="BL2148" s="93"/>
    </row>
    <row r="2149" spans="2:64" x14ac:dyDescent="0.2">
      <c r="B2149" s="43"/>
      <c r="C2149" s="73"/>
      <c r="D2149" s="64"/>
      <c r="E2149" s="55"/>
      <c r="F2149" s="74"/>
      <c r="G2149" s="74"/>
      <c r="H2149" s="74"/>
      <c r="I2149" s="75"/>
      <c r="J2149" s="74"/>
      <c r="L2149" s="55"/>
      <c r="M2149" s="234"/>
      <c r="N2149" s="65"/>
      <c r="O2149" s="76"/>
      <c r="P2149" s="76"/>
      <c r="Q2149" s="65"/>
      <c r="R2149" s="76"/>
      <c r="S2149" s="76"/>
      <c r="T2149" s="76"/>
      <c r="U2149" s="76"/>
      <c r="V2149" s="76"/>
      <c r="W2149" s="76"/>
      <c r="X2149" s="76"/>
      <c r="Y2149" s="76"/>
      <c r="Z2149" s="76"/>
      <c r="AA2149" s="85"/>
      <c r="AB2149" s="85"/>
      <c r="AC2149" s="85"/>
      <c r="AD2149" s="85"/>
      <c r="AE2149" s="85"/>
      <c r="AF2149" s="85"/>
      <c r="AG2149" s="86"/>
      <c r="AH2149" s="85"/>
      <c r="AI2149" s="85"/>
      <c r="AJ2149" s="85"/>
      <c r="AK2149" s="85"/>
      <c r="AL2149" s="85"/>
      <c r="AM2149" s="92"/>
      <c r="AN2149" s="92"/>
      <c r="AO2149" s="92"/>
      <c r="AP2149" s="92"/>
      <c r="AQ2149" s="92"/>
      <c r="AR2149" s="92"/>
      <c r="AS2149" s="92"/>
      <c r="AT2149" s="92"/>
      <c r="AU2149" s="92"/>
      <c r="AV2149" s="92"/>
      <c r="AW2149" s="92"/>
      <c r="AX2149" s="92"/>
      <c r="AY2149" s="92"/>
      <c r="AZ2149" s="93"/>
      <c r="BA2149" s="93"/>
      <c r="BB2149" s="93"/>
      <c r="BC2149" s="93"/>
      <c r="BD2149" s="93"/>
      <c r="BE2149" s="93"/>
      <c r="BF2149" s="93"/>
      <c r="BG2149" s="93"/>
      <c r="BH2149" s="93"/>
      <c r="BI2149" s="93"/>
      <c r="BJ2149" s="93"/>
      <c r="BK2149" s="93"/>
      <c r="BL2149" s="93"/>
    </row>
    <row r="2150" spans="2:64" x14ac:dyDescent="0.2">
      <c r="B2150" s="43"/>
      <c r="C2150" s="73"/>
      <c r="D2150" s="64"/>
      <c r="E2150" s="55"/>
      <c r="F2150" s="74"/>
      <c r="G2150" s="74"/>
      <c r="H2150" s="74"/>
      <c r="I2150" s="75"/>
      <c r="J2150" s="74"/>
      <c r="L2150" s="55"/>
      <c r="M2150" s="234"/>
      <c r="N2150" s="65"/>
      <c r="O2150" s="76"/>
      <c r="P2150" s="76"/>
      <c r="Q2150" s="65"/>
      <c r="R2150" s="76"/>
      <c r="S2150" s="76"/>
      <c r="T2150" s="76"/>
      <c r="U2150" s="76"/>
      <c r="V2150" s="76"/>
      <c r="W2150" s="76"/>
      <c r="X2150" s="76"/>
      <c r="Y2150" s="76"/>
      <c r="Z2150" s="76"/>
      <c r="AA2150" s="85"/>
      <c r="AB2150" s="85"/>
      <c r="AC2150" s="85"/>
      <c r="AD2150" s="85"/>
      <c r="AE2150" s="85"/>
      <c r="AF2150" s="85"/>
      <c r="AG2150" s="86"/>
      <c r="AH2150" s="85"/>
      <c r="AI2150" s="85"/>
      <c r="AJ2150" s="85"/>
      <c r="AK2150" s="85"/>
      <c r="AL2150" s="85"/>
      <c r="AM2150" s="92"/>
      <c r="AN2150" s="92"/>
      <c r="AO2150" s="92"/>
      <c r="AP2150" s="92"/>
      <c r="AQ2150" s="92"/>
      <c r="AR2150" s="92"/>
      <c r="AS2150" s="92"/>
      <c r="AT2150" s="92"/>
      <c r="AU2150" s="92"/>
      <c r="AV2150" s="92"/>
      <c r="AW2150" s="92"/>
      <c r="AX2150" s="92"/>
      <c r="AY2150" s="92"/>
      <c r="AZ2150" s="93"/>
      <c r="BA2150" s="93"/>
      <c r="BB2150" s="93"/>
      <c r="BC2150" s="93"/>
      <c r="BD2150" s="93"/>
      <c r="BE2150" s="93"/>
      <c r="BF2150" s="93"/>
      <c r="BG2150" s="93"/>
      <c r="BH2150" s="93"/>
      <c r="BI2150" s="93"/>
      <c r="BJ2150" s="93"/>
      <c r="BK2150" s="93"/>
      <c r="BL2150" s="93"/>
    </row>
    <row r="2151" spans="2:64" x14ac:dyDescent="0.2">
      <c r="B2151" s="43"/>
      <c r="C2151" s="73"/>
      <c r="D2151" s="64"/>
      <c r="E2151" s="55"/>
      <c r="F2151" s="74"/>
      <c r="G2151" s="74"/>
      <c r="H2151" s="74"/>
      <c r="I2151" s="75"/>
      <c r="J2151" s="74"/>
      <c r="L2151" s="55"/>
      <c r="M2151" s="234"/>
      <c r="N2151" s="65"/>
      <c r="O2151" s="76"/>
      <c r="P2151" s="76"/>
      <c r="Q2151" s="65"/>
      <c r="R2151" s="76"/>
      <c r="S2151" s="76"/>
      <c r="T2151" s="76"/>
      <c r="U2151" s="76"/>
      <c r="V2151" s="76"/>
      <c r="W2151" s="76"/>
      <c r="X2151" s="76"/>
      <c r="Y2151" s="76"/>
      <c r="Z2151" s="76"/>
      <c r="AA2151" s="85"/>
      <c r="AB2151" s="85"/>
      <c r="AC2151" s="85"/>
      <c r="AD2151" s="85"/>
      <c r="AE2151" s="85"/>
      <c r="AF2151" s="85"/>
      <c r="AG2151" s="86"/>
      <c r="AH2151" s="85"/>
      <c r="AI2151" s="85"/>
      <c r="AJ2151" s="85"/>
      <c r="AK2151" s="85"/>
      <c r="AL2151" s="85"/>
      <c r="AM2151" s="92"/>
      <c r="AN2151" s="92"/>
      <c r="AO2151" s="92"/>
      <c r="AP2151" s="92"/>
      <c r="AQ2151" s="92"/>
      <c r="AR2151" s="92"/>
      <c r="AS2151" s="92"/>
      <c r="AT2151" s="92"/>
      <c r="AU2151" s="92"/>
      <c r="AV2151" s="92"/>
      <c r="AW2151" s="92"/>
      <c r="AX2151" s="92"/>
      <c r="AY2151" s="92"/>
      <c r="AZ2151" s="93"/>
      <c r="BA2151" s="93"/>
      <c r="BB2151" s="93"/>
      <c r="BC2151" s="93"/>
      <c r="BD2151" s="93"/>
      <c r="BE2151" s="93"/>
      <c r="BF2151" s="93"/>
      <c r="BG2151" s="93"/>
      <c r="BH2151" s="93"/>
      <c r="BI2151" s="93"/>
      <c r="BJ2151" s="93"/>
      <c r="BK2151" s="93"/>
      <c r="BL2151" s="93"/>
    </row>
    <row r="2152" spans="2:64" x14ac:dyDescent="0.2">
      <c r="B2152" s="43"/>
      <c r="C2152" s="73"/>
      <c r="D2152" s="64"/>
      <c r="E2152" s="55"/>
      <c r="F2152" s="74"/>
      <c r="G2152" s="74"/>
      <c r="H2152" s="74"/>
      <c r="I2152" s="75"/>
      <c r="J2152" s="74"/>
      <c r="L2152" s="55"/>
      <c r="M2152" s="234"/>
      <c r="N2152" s="65"/>
      <c r="O2152" s="76"/>
      <c r="P2152" s="76"/>
      <c r="Q2152" s="65"/>
      <c r="R2152" s="76"/>
      <c r="S2152" s="76"/>
      <c r="T2152" s="76"/>
      <c r="U2152" s="76"/>
      <c r="V2152" s="76"/>
      <c r="W2152" s="76"/>
      <c r="X2152" s="76"/>
      <c r="Y2152" s="76"/>
      <c r="Z2152" s="76"/>
      <c r="AA2152" s="85"/>
      <c r="AB2152" s="85"/>
      <c r="AC2152" s="85"/>
      <c r="AD2152" s="85"/>
      <c r="AE2152" s="85"/>
      <c r="AF2152" s="85"/>
      <c r="AG2152" s="86"/>
      <c r="AH2152" s="85"/>
      <c r="AI2152" s="85"/>
      <c r="AJ2152" s="85"/>
      <c r="AK2152" s="85"/>
      <c r="AL2152" s="85"/>
      <c r="AM2152" s="92"/>
      <c r="AN2152" s="92"/>
      <c r="AO2152" s="92"/>
      <c r="AP2152" s="92"/>
      <c r="AQ2152" s="92"/>
      <c r="AR2152" s="92"/>
      <c r="AS2152" s="92"/>
      <c r="AT2152" s="92"/>
      <c r="AU2152" s="92"/>
      <c r="AV2152" s="92"/>
      <c r="AW2152" s="92"/>
      <c r="AX2152" s="92"/>
      <c r="AY2152" s="92"/>
      <c r="AZ2152" s="93"/>
      <c r="BA2152" s="93"/>
      <c r="BB2152" s="93"/>
      <c r="BC2152" s="93"/>
      <c r="BD2152" s="93"/>
      <c r="BE2152" s="93"/>
      <c r="BF2152" s="93"/>
      <c r="BG2152" s="93"/>
      <c r="BH2152" s="93"/>
      <c r="BI2152" s="93"/>
      <c r="BJ2152" s="93"/>
      <c r="BK2152" s="93"/>
      <c r="BL2152" s="93"/>
    </row>
    <row r="2153" spans="2:64" x14ac:dyDescent="0.2">
      <c r="B2153" s="43"/>
      <c r="C2153" s="73"/>
      <c r="D2153" s="64"/>
      <c r="E2153" s="55"/>
      <c r="F2153" s="74"/>
      <c r="G2153" s="74"/>
      <c r="H2153" s="74"/>
      <c r="I2153" s="75"/>
      <c r="J2153" s="74"/>
      <c r="L2153" s="55"/>
      <c r="M2153" s="234"/>
      <c r="N2153" s="65"/>
      <c r="O2153" s="76"/>
      <c r="P2153" s="76"/>
      <c r="Q2153" s="65"/>
      <c r="R2153" s="76"/>
      <c r="S2153" s="76"/>
      <c r="T2153" s="76"/>
      <c r="U2153" s="76"/>
      <c r="V2153" s="76"/>
      <c r="W2153" s="76"/>
      <c r="X2153" s="76"/>
      <c r="Y2153" s="76"/>
      <c r="Z2153" s="76"/>
      <c r="AA2153" s="85"/>
      <c r="AB2153" s="85"/>
      <c r="AC2153" s="85"/>
      <c r="AD2153" s="85"/>
      <c r="AE2153" s="85"/>
      <c r="AF2153" s="85"/>
      <c r="AG2153" s="86"/>
      <c r="AH2153" s="85"/>
      <c r="AI2153" s="85"/>
      <c r="AJ2153" s="85"/>
      <c r="AK2153" s="85"/>
      <c r="AL2153" s="85"/>
      <c r="AM2153" s="92"/>
      <c r="AN2153" s="92"/>
      <c r="AO2153" s="92"/>
      <c r="AP2153" s="92"/>
      <c r="AQ2153" s="92"/>
      <c r="AR2153" s="92"/>
      <c r="AS2153" s="92"/>
      <c r="AT2153" s="92"/>
      <c r="AU2153" s="92"/>
      <c r="AV2153" s="92"/>
      <c r="AW2153" s="92"/>
      <c r="AX2153" s="92"/>
      <c r="AY2153" s="92"/>
      <c r="AZ2153" s="93"/>
      <c r="BA2153" s="93"/>
      <c r="BB2153" s="93"/>
      <c r="BC2153" s="93"/>
      <c r="BD2153" s="93"/>
      <c r="BE2153" s="93"/>
      <c r="BF2153" s="93"/>
      <c r="BG2153" s="93"/>
      <c r="BH2153" s="93"/>
      <c r="BI2153" s="93"/>
      <c r="BJ2153" s="93"/>
      <c r="BK2153" s="93"/>
      <c r="BL2153" s="93"/>
    </row>
    <row r="2154" spans="2:64" x14ac:dyDescent="0.2">
      <c r="B2154" s="43"/>
      <c r="C2154" s="73"/>
      <c r="D2154" s="64"/>
      <c r="E2154" s="55"/>
      <c r="F2154" s="74"/>
      <c r="G2154" s="74"/>
      <c r="H2154" s="74"/>
      <c r="I2154" s="75"/>
      <c r="J2154" s="74"/>
      <c r="L2154" s="55"/>
      <c r="M2154" s="234"/>
      <c r="N2154" s="65"/>
      <c r="O2154" s="76"/>
      <c r="P2154" s="76"/>
      <c r="Q2154" s="65"/>
      <c r="R2154" s="76"/>
      <c r="S2154" s="76"/>
      <c r="T2154" s="76"/>
      <c r="U2154" s="76"/>
      <c r="V2154" s="76"/>
      <c r="W2154" s="76"/>
      <c r="X2154" s="76"/>
      <c r="Y2154" s="76"/>
      <c r="Z2154" s="76"/>
      <c r="AA2154" s="85"/>
      <c r="AB2154" s="85"/>
      <c r="AC2154" s="85"/>
      <c r="AD2154" s="85"/>
      <c r="AE2154" s="85"/>
      <c r="AF2154" s="85"/>
      <c r="AG2154" s="86"/>
      <c r="AH2154" s="85"/>
      <c r="AI2154" s="85"/>
      <c r="AJ2154" s="85"/>
      <c r="AK2154" s="85"/>
      <c r="AL2154" s="85"/>
      <c r="AM2154" s="92"/>
      <c r="AN2154" s="92"/>
      <c r="AO2154" s="92"/>
      <c r="AP2154" s="92"/>
      <c r="AQ2154" s="92"/>
      <c r="AR2154" s="92"/>
      <c r="AS2154" s="92"/>
      <c r="AT2154" s="92"/>
      <c r="AU2154" s="92"/>
      <c r="AV2154" s="92"/>
      <c r="AW2154" s="92"/>
      <c r="AX2154" s="92"/>
      <c r="AY2154" s="92"/>
      <c r="AZ2154" s="93"/>
      <c r="BA2154" s="93"/>
      <c r="BB2154" s="93"/>
      <c r="BC2154" s="93"/>
      <c r="BD2154" s="93"/>
      <c r="BE2154" s="93"/>
      <c r="BF2154" s="93"/>
      <c r="BG2154" s="93"/>
      <c r="BH2154" s="93"/>
      <c r="BI2154" s="93"/>
      <c r="BJ2154" s="93"/>
      <c r="BK2154" s="93"/>
      <c r="BL2154" s="93"/>
    </row>
    <row r="2155" spans="2:64" x14ac:dyDescent="0.2">
      <c r="B2155" s="43"/>
      <c r="C2155" s="73"/>
      <c r="D2155" s="64"/>
      <c r="E2155" s="55"/>
      <c r="F2155" s="74"/>
      <c r="G2155" s="74"/>
      <c r="H2155" s="74"/>
      <c r="I2155" s="75"/>
      <c r="J2155" s="74"/>
      <c r="L2155" s="55"/>
      <c r="M2155" s="234"/>
      <c r="N2155" s="65"/>
      <c r="O2155" s="76"/>
      <c r="P2155" s="76"/>
      <c r="Q2155" s="65"/>
      <c r="R2155" s="76"/>
      <c r="S2155" s="76"/>
      <c r="T2155" s="76"/>
      <c r="U2155" s="76"/>
      <c r="V2155" s="76"/>
      <c r="W2155" s="76"/>
      <c r="X2155" s="76"/>
      <c r="Y2155" s="76"/>
      <c r="Z2155" s="76"/>
      <c r="AA2155" s="85"/>
      <c r="AB2155" s="85"/>
      <c r="AC2155" s="85"/>
      <c r="AD2155" s="85"/>
      <c r="AE2155" s="85"/>
      <c r="AF2155" s="85"/>
      <c r="AG2155" s="86"/>
      <c r="AH2155" s="85"/>
      <c r="AI2155" s="85"/>
      <c r="AJ2155" s="85"/>
      <c r="AK2155" s="85"/>
      <c r="AL2155" s="85"/>
      <c r="AM2155" s="92"/>
      <c r="AN2155" s="92"/>
      <c r="AO2155" s="92"/>
      <c r="AP2155" s="92"/>
      <c r="AQ2155" s="92"/>
      <c r="AR2155" s="92"/>
      <c r="AS2155" s="92"/>
      <c r="AT2155" s="92"/>
      <c r="AU2155" s="92"/>
      <c r="AV2155" s="92"/>
      <c r="AW2155" s="92"/>
      <c r="AX2155" s="92"/>
      <c r="AY2155" s="92"/>
      <c r="AZ2155" s="93"/>
      <c r="BA2155" s="93"/>
      <c r="BB2155" s="93"/>
      <c r="BC2155" s="93"/>
      <c r="BD2155" s="93"/>
      <c r="BE2155" s="93"/>
      <c r="BF2155" s="93"/>
      <c r="BG2155" s="93"/>
      <c r="BH2155" s="93"/>
      <c r="BI2155" s="93"/>
      <c r="BJ2155" s="93"/>
      <c r="BK2155" s="93"/>
      <c r="BL2155" s="93"/>
    </row>
    <row r="2156" spans="2:64" x14ac:dyDescent="0.2">
      <c r="B2156" s="43"/>
      <c r="C2156" s="73"/>
      <c r="D2156" s="64"/>
      <c r="E2156" s="55"/>
      <c r="F2156" s="74"/>
      <c r="G2156" s="74"/>
      <c r="H2156" s="74"/>
      <c r="I2156" s="75"/>
      <c r="J2156" s="74"/>
      <c r="L2156" s="55"/>
      <c r="M2156" s="234"/>
      <c r="N2156" s="65"/>
      <c r="O2156" s="76"/>
      <c r="P2156" s="76"/>
      <c r="Q2156" s="65"/>
      <c r="R2156" s="76"/>
      <c r="S2156" s="76"/>
      <c r="T2156" s="76"/>
      <c r="U2156" s="76"/>
      <c r="V2156" s="76"/>
      <c r="W2156" s="76"/>
      <c r="X2156" s="76"/>
      <c r="Y2156" s="76"/>
      <c r="Z2156" s="76"/>
      <c r="AA2156" s="85"/>
      <c r="AB2156" s="85"/>
      <c r="AC2156" s="85"/>
      <c r="AD2156" s="85"/>
      <c r="AE2156" s="85"/>
      <c r="AF2156" s="85"/>
      <c r="AG2156" s="86"/>
      <c r="AH2156" s="85"/>
      <c r="AI2156" s="85"/>
      <c r="AJ2156" s="85"/>
      <c r="AK2156" s="85"/>
      <c r="AL2156" s="85"/>
      <c r="AM2156" s="92"/>
      <c r="AN2156" s="92"/>
      <c r="AO2156" s="92"/>
      <c r="AP2156" s="92"/>
      <c r="AQ2156" s="92"/>
      <c r="AR2156" s="92"/>
      <c r="AS2156" s="92"/>
      <c r="AT2156" s="92"/>
      <c r="AU2156" s="92"/>
      <c r="AV2156" s="92"/>
      <c r="AW2156" s="92"/>
      <c r="AX2156" s="92"/>
      <c r="AY2156" s="92"/>
      <c r="AZ2156" s="93"/>
      <c r="BA2156" s="93"/>
      <c r="BB2156" s="93"/>
      <c r="BC2156" s="93"/>
      <c r="BD2156" s="93"/>
      <c r="BE2156" s="93"/>
      <c r="BF2156" s="93"/>
      <c r="BG2156" s="93"/>
      <c r="BH2156" s="93"/>
      <c r="BI2156" s="93"/>
      <c r="BJ2156" s="93"/>
      <c r="BK2156" s="93"/>
      <c r="BL2156" s="93"/>
    </row>
    <row r="2157" spans="2:64" x14ac:dyDescent="0.2">
      <c r="B2157" s="43"/>
      <c r="C2157" s="73"/>
      <c r="D2157" s="64"/>
      <c r="E2157" s="55"/>
      <c r="F2157" s="74"/>
      <c r="G2157" s="74"/>
      <c r="H2157" s="74"/>
      <c r="I2157" s="75"/>
      <c r="J2157" s="74"/>
      <c r="L2157" s="55"/>
      <c r="M2157" s="234"/>
      <c r="N2157" s="65"/>
      <c r="O2157" s="76"/>
      <c r="P2157" s="76"/>
      <c r="Q2157" s="65"/>
      <c r="R2157" s="76"/>
      <c r="S2157" s="76"/>
      <c r="T2157" s="76"/>
      <c r="U2157" s="76"/>
      <c r="V2157" s="76"/>
      <c r="W2157" s="76"/>
      <c r="X2157" s="76"/>
      <c r="Y2157" s="76"/>
      <c r="Z2157" s="76"/>
      <c r="AA2157" s="85"/>
      <c r="AB2157" s="85"/>
      <c r="AC2157" s="85"/>
      <c r="AD2157" s="85"/>
      <c r="AE2157" s="85"/>
      <c r="AF2157" s="85"/>
      <c r="AG2157" s="86"/>
      <c r="AH2157" s="85"/>
      <c r="AI2157" s="85"/>
      <c r="AJ2157" s="85"/>
      <c r="AK2157" s="85"/>
      <c r="AL2157" s="85"/>
      <c r="AM2157" s="92"/>
      <c r="AN2157" s="92"/>
      <c r="AO2157" s="92"/>
      <c r="AP2157" s="92"/>
      <c r="AQ2157" s="92"/>
      <c r="AR2157" s="92"/>
      <c r="AS2157" s="92"/>
      <c r="AT2157" s="92"/>
      <c r="AU2157" s="92"/>
      <c r="AV2157" s="92"/>
      <c r="AW2157" s="92"/>
      <c r="AX2157" s="92"/>
      <c r="AY2157" s="92"/>
      <c r="AZ2157" s="93"/>
      <c r="BA2157" s="93"/>
      <c r="BB2157" s="93"/>
      <c r="BC2157" s="93"/>
      <c r="BD2157" s="93"/>
      <c r="BE2157" s="93"/>
      <c r="BF2157" s="93"/>
      <c r="BG2157" s="93"/>
      <c r="BH2157" s="93"/>
      <c r="BI2157" s="93"/>
      <c r="BJ2157" s="93"/>
      <c r="BK2157" s="93"/>
      <c r="BL2157" s="93"/>
    </row>
    <row r="2158" spans="2:64" x14ac:dyDescent="0.2">
      <c r="B2158" s="43"/>
      <c r="C2158" s="73"/>
      <c r="D2158" s="64"/>
      <c r="E2158" s="55"/>
      <c r="F2158" s="74"/>
      <c r="G2158" s="74"/>
      <c r="H2158" s="74"/>
      <c r="I2158" s="75"/>
      <c r="J2158" s="74"/>
      <c r="L2158" s="55"/>
      <c r="M2158" s="234"/>
      <c r="N2158" s="65"/>
      <c r="O2158" s="76"/>
      <c r="P2158" s="76"/>
      <c r="Q2158" s="65"/>
      <c r="R2158" s="76"/>
      <c r="S2158" s="76"/>
      <c r="T2158" s="76"/>
      <c r="U2158" s="76"/>
      <c r="V2158" s="76"/>
      <c r="W2158" s="76"/>
      <c r="X2158" s="76"/>
      <c r="Y2158" s="76"/>
      <c r="Z2158" s="76"/>
      <c r="AA2158" s="85"/>
      <c r="AB2158" s="85"/>
      <c r="AC2158" s="85"/>
      <c r="AD2158" s="85"/>
      <c r="AE2158" s="85"/>
      <c r="AF2158" s="85"/>
      <c r="AG2158" s="86"/>
      <c r="AH2158" s="85"/>
      <c r="AI2158" s="85"/>
      <c r="AJ2158" s="85"/>
      <c r="AK2158" s="85"/>
      <c r="AL2158" s="85"/>
      <c r="AM2158" s="92"/>
      <c r="AN2158" s="92"/>
      <c r="AO2158" s="92"/>
      <c r="AP2158" s="92"/>
      <c r="AQ2158" s="92"/>
      <c r="AR2158" s="92"/>
      <c r="AS2158" s="92"/>
      <c r="AT2158" s="92"/>
      <c r="AU2158" s="92"/>
      <c r="AV2158" s="92"/>
      <c r="AW2158" s="92"/>
      <c r="AX2158" s="92"/>
      <c r="AY2158" s="92"/>
      <c r="AZ2158" s="93"/>
      <c r="BA2158" s="93"/>
      <c r="BB2158" s="93"/>
      <c r="BC2158" s="93"/>
      <c r="BD2158" s="93"/>
      <c r="BE2158" s="93"/>
      <c r="BF2158" s="93"/>
      <c r="BG2158" s="93"/>
      <c r="BH2158" s="93"/>
      <c r="BI2158" s="93"/>
      <c r="BJ2158" s="93"/>
      <c r="BK2158" s="93"/>
      <c r="BL2158" s="93"/>
    </row>
    <row r="2159" spans="2:64" x14ac:dyDescent="0.2">
      <c r="B2159" s="43"/>
      <c r="C2159" s="73"/>
      <c r="D2159" s="64"/>
      <c r="E2159" s="55"/>
      <c r="F2159" s="74"/>
      <c r="G2159" s="74"/>
      <c r="H2159" s="74"/>
      <c r="I2159" s="75"/>
      <c r="J2159" s="74"/>
      <c r="L2159" s="55"/>
      <c r="M2159" s="234"/>
      <c r="N2159" s="65"/>
      <c r="O2159" s="76"/>
      <c r="P2159" s="76"/>
      <c r="Q2159" s="65"/>
      <c r="R2159" s="76"/>
      <c r="S2159" s="76"/>
      <c r="T2159" s="76"/>
      <c r="U2159" s="76"/>
      <c r="V2159" s="76"/>
      <c r="W2159" s="76"/>
      <c r="X2159" s="76"/>
      <c r="Y2159" s="76"/>
      <c r="Z2159" s="76"/>
      <c r="AA2159" s="85"/>
      <c r="AB2159" s="85"/>
      <c r="AC2159" s="85"/>
      <c r="AD2159" s="85"/>
      <c r="AE2159" s="85"/>
      <c r="AF2159" s="85"/>
      <c r="AG2159" s="86"/>
      <c r="AH2159" s="85"/>
      <c r="AI2159" s="85"/>
      <c r="AJ2159" s="85"/>
      <c r="AK2159" s="85"/>
      <c r="AL2159" s="85"/>
      <c r="AM2159" s="92"/>
      <c r="AN2159" s="92"/>
      <c r="AO2159" s="92"/>
      <c r="AP2159" s="92"/>
      <c r="AQ2159" s="92"/>
      <c r="AR2159" s="92"/>
      <c r="AS2159" s="92"/>
      <c r="AT2159" s="92"/>
      <c r="AU2159" s="92"/>
      <c r="AV2159" s="92"/>
      <c r="AW2159" s="92"/>
      <c r="AX2159" s="92"/>
      <c r="AY2159" s="92"/>
      <c r="AZ2159" s="93"/>
      <c r="BA2159" s="93"/>
      <c r="BB2159" s="93"/>
      <c r="BC2159" s="93"/>
      <c r="BD2159" s="93"/>
      <c r="BE2159" s="93"/>
      <c r="BF2159" s="93"/>
      <c r="BG2159" s="93"/>
      <c r="BH2159" s="93"/>
      <c r="BI2159" s="93"/>
      <c r="BJ2159" s="93"/>
      <c r="BK2159" s="93"/>
      <c r="BL2159" s="93"/>
    </row>
    <row r="2160" spans="2:64" x14ac:dyDescent="0.2">
      <c r="B2160" s="43"/>
      <c r="C2160" s="73"/>
      <c r="D2160" s="64"/>
      <c r="E2160" s="55"/>
      <c r="F2160" s="74"/>
      <c r="G2160" s="74"/>
      <c r="H2160" s="74"/>
      <c r="I2160" s="75"/>
      <c r="J2160" s="74"/>
      <c r="L2160" s="55"/>
      <c r="M2160" s="234"/>
      <c r="N2160" s="65"/>
      <c r="O2160" s="76"/>
      <c r="P2160" s="76"/>
      <c r="Q2160" s="65"/>
      <c r="R2160" s="76"/>
      <c r="S2160" s="76"/>
      <c r="T2160" s="76"/>
      <c r="U2160" s="76"/>
      <c r="V2160" s="76"/>
      <c r="W2160" s="76"/>
      <c r="X2160" s="76"/>
      <c r="Y2160" s="76"/>
      <c r="Z2160" s="76"/>
      <c r="AA2160" s="85"/>
      <c r="AB2160" s="85"/>
      <c r="AC2160" s="85"/>
      <c r="AD2160" s="85"/>
      <c r="AE2160" s="85"/>
      <c r="AF2160" s="85"/>
      <c r="AG2160" s="86"/>
      <c r="AH2160" s="85"/>
      <c r="AI2160" s="85"/>
      <c r="AJ2160" s="85"/>
      <c r="AK2160" s="85"/>
      <c r="AL2160" s="85"/>
      <c r="AM2160" s="92"/>
      <c r="AN2160" s="92"/>
      <c r="AO2160" s="92"/>
      <c r="AP2160" s="92"/>
      <c r="AQ2160" s="92"/>
      <c r="AR2160" s="92"/>
      <c r="AS2160" s="92"/>
      <c r="AT2160" s="92"/>
      <c r="AU2160" s="92"/>
      <c r="AV2160" s="92"/>
      <c r="AW2160" s="92"/>
      <c r="AX2160" s="92"/>
      <c r="AY2160" s="92"/>
      <c r="AZ2160" s="93"/>
      <c r="BA2160" s="93"/>
      <c r="BB2160" s="93"/>
      <c r="BC2160" s="93"/>
      <c r="BD2160" s="93"/>
      <c r="BE2160" s="93"/>
      <c r="BF2160" s="93"/>
      <c r="BG2160" s="93"/>
      <c r="BH2160" s="93"/>
      <c r="BI2160" s="93"/>
      <c r="BJ2160" s="93"/>
      <c r="BK2160" s="93"/>
      <c r="BL2160" s="93"/>
    </row>
    <row r="2161" spans="2:64" x14ac:dyDescent="0.2">
      <c r="B2161" s="43"/>
      <c r="C2161" s="73"/>
      <c r="D2161" s="64"/>
      <c r="E2161" s="55"/>
      <c r="F2161" s="74"/>
      <c r="G2161" s="74"/>
      <c r="H2161" s="74"/>
      <c r="I2161" s="75"/>
      <c r="J2161" s="74"/>
      <c r="L2161" s="55"/>
      <c r="M2161" s="234"/>
      <c r="N2161" s="65"/>
      <c r="O2161" s="76"/>
      <c r="P2161" s="76"/>
      <c r="Q2161" s="65"/>
      <c r="R2161" s="76"/>
      <c r="S2161" s="76"/>
      <c r="T2161" s="76"/>
      <c r="U2161" s="76"/>
      <c r="V2161" s="76"/>
      <c r="W2161" s="76"/>
      <c r="X2161" s="76"/>
      <c r="Y2161" s="76"/>
      <c r="Z2161" s="76"/>
      <c r="AA2161" s="85"/>
      <c r="AB2161" s="85"/>
      <c r="AC2161" s="85"/>
      <c r="AD2161" s="85"/>
      <c r="AE2161" s="85"/>
      <c r="AF2161" s="85"/>
      <c r="AG2161" s="86"/>
      <c r="AH2161" s="85"/>
      <c r="AI2161" s="85"/>
      <c r="AJ2161" s="85"/>
      <c r="AK2161" s="85"/>
      <c r="AL2161" s="85"/>
      <c r="AM2161" s="92"/>
      <c r="AN2161" s="92"/>
      <c r="AO2161" s="92"/>
      <c r="AP2161" s="92"/>
      <c r="AQ2161" s="92"/>
      <c r="AR2161" s="92"/>
      <c r="AS2161" s="92"/>
      <c r="AT2161" s="92"/>
      <c r="AU2161" s="92"/>
      <c r="AV2161" s="92"/>
      <c r="AW2161" s="92"/>
      <c r="AX2161" s="92"/>
      <c r="AY2161" s="92"/>
      <c r="AZ2161" s="93"/>
      <c r="BA2161" s="93"/>
      <c r="BB2161" s="93"/>
      <c r="BC2161" s="93"/>
      <c r="BD2161" s="93"/>
      <c r="BE2161" s="93"/>
      <c r="BF2161" s="93"/>
      <c r="BG2161" s="93"/>
      <c r="BH2161" s="93"/>
      <c r="BI2161" s="93"/>
      <c r="BJ2161" s="93"/>
      <c r="BK2161" s="93"/>
      <c r="BL2161" s="93"/>
    </row>
    <row r="2162" spans="2:64" x14ac:dyDescent="0.2">
      <c r="B2162" s="43"/>
      <c r="C2162" s="73"/>
      <c r="D2162" s="64"/>
      <c r="E2162" s="55"/>
      <c r="F2162" s="74"/>
      <c r="G2162" s="74"/>
      <c r="H2162" s="74"/>
      <c r="I2162" s="75"/>
      <c r="J2162" s="74"/>
      <c r="L2162" s="55"/>
      <c r="M2162" s="234"/>
      <c r="N2162" s="65"/>
      <c r="O2162" s="76"/>
      <c r="P2162" s="76"/>
      <c r="Q2162" s="65"/>
      <c r="R2162" s="76"/>
      <c r="S2162" s="76"/>
      <c r="T2162" s="76"/>
      <c r="U2162" s="76"/>
      <c r="V2162" s="76"/>
      <c r="W2162" s="76"/>
      <c r="X2162" s="76"/>
      <c r="Y2162" s="76"/>
      <c r="Z2162" s="76"/>
      <c r="AA2162" s="85"/>
      <c r="AB2162" s="85"/>
      <c r="AC2162" s="85"/>
      <c r="AD2162" s="85"/>
      <c r="AE2162" s="85"/>
      <c r="AF2162" s="85"/>
      <c r="AG2162" s="86"/>
      <c r="AH2162" s="85"/>
      <c r="AI2162" s="85"/>
      <c r="AJ2162" s="85"/>
      <c r="AK2162" s="85"/>
      <c r="AL2162" s="85"/>
      <c r="AM2162" s="92"/>
      <c r="AN2162" s="92"/>
      <c r="AO2162" s="92"/>
      <c r="AP2162" s="92"/>
      <c r="AQ2162" s="92"/>
      <c r="AR2162" s="92"/>
      <c r="AS2162" s="92"/>
      <c r="AT2162" s="92"/>
      <c r="AU2162" s="92"/>
      <c r="AV2162" s="92"/>
      <c r="AW2162" s="92"/>
      <c r="AX2162" s="92"/>
      <c r="AY2162" s="92"/>
      <c r="AZ2162" s="93"/>
      <c r="BA2162" s="93"/>
      <c r="BB2162" s="93"/>
      <c r="BC2162" s="93"/>
      <c r="BD2162" s="93"/>
      <c r="BE2162" s="93"/>
      <c r="BF2162" s="93"/>
      <c r="BG2162" s="93"/>
      <c r="BH2162" s="93"/>
      <c r="BI2162" s="93"/>
      <c r="BJ2162" s="93"/>
      <c r="BK2162" s="93"/>
      <c r="BL2162" s="93"/>
    </row>
    <row r="2163" spans="2:64" x14ac:dyDescent="0.2">
      <c r="B2163" s="43"/>
      <c r="C2163" s="73"/>
      <c r="D2163" s="64"/>
      <c r="E2163" s="55"/>
      <c r="F2163" s="74"/>
      <c r="G2163" s="74"/>
      <c r="H2163" s="74"/>
      <c r="I2163" s="75"/>
      <c r="J2163" s="74"/>
      <c r="L2163" s="55"/>
      <c r="M2163" s="234"/>
      <c r="N2163" s="65"/>
      <c r="O2163" s="76"/>
      <c r="P2163" s="76"/>
      <c r="Q2163" s="65"/>
      <c r="R2163" s="76"/>
      <c r="S2163" s="76"/>
      <c r="T2163" s="76"/>
      <c r="U2163" s="76"/>
      <c r="V2163" s="76"/>
      <c r="W2163" s="76"/>
      <c r="X2163" s="76"/>
      <c r="Y2163" s="76"/>
      <c r="Z2163" s="76"/>
      <c r="AA2163" s="85"/>
      <c r="AB2163" s="85"/>
      <c r="AC2163" s="85"/>
      <c r="AD2163" s="85"/>
      <c r="AE2163" s="85"/>
      <c r="AF2163" s="85"/>
      <c r="AG2163" s="86"/>
      <c r="AH2163" s="85"/>
      <c r="AI2163" s="85"/>
      <c r="AJ2163" s="85"/>
      <c r="AK2163" s="85"/>
      <c r="AL2163" s="85"/>
      <c r="AM2163" s="92"/>
      <c r="AN2163" s="92"/>
      <c r="AO2163" s="92"/>
      <c r="AP2163" s="92"/>
      <c r="AQ2163" s="92"/>
      <c r="AR2163" s="92"/>
      <c r="AS2163" s="92"/>
      <c r="AT2163" s="92"/>
      <c r="AU2163" s="92"/>
      <c r="AV2163" s="92"/>
      <c r="AW2163" s="92"/>
      <c r="AX2163" s="92"/>
      <c r="AY2163" s="92"/>
      <c r="AZ2163" s="93"/>
      <c r="BA2163" s="93"/>
      <c r="BB2163" s="93"/>
      <c r="BC2163" s="93"/>
      <c r="BD2163" s="93"/>
      <c r="BE2163" s="93"/>
      <c r="BF2163" s="93"/>
      <c r="BG2163" s="93"/>
      <c r="BH2163" s="93"/>
      <c r="BI2163" s="93"/>
      <c r="BJ2163" s="93"/>
      <c r="BK2163" s="93"/>
      <c r="BL2163" s="93"/>
    </row>
    <row r="2164" spans="2:64" x14ac:dyDescent="0.2">
      <c r="B2164" s="43"/>
      <c r="C2164" s="73"/>
      <c r="D2164" s="64"/>
      <c r="E2164" s="55"/>
      <c r="F2164" s="74"/>
      <c r="G2164" s="74"/>
      <c r="H2164" s="74"/>
      <c r="I2164" s="75"/>
      <c r="J2164" s="74"/>
      <c r="L2164" s="55"/>
      <c r="M2164" s="234"/>
      <c r="N2164" s="65"/>
      <c r="O2164" s="76"/>
      <c r="P2164" s="76"/>
      <c r="Q2164" s="65"/>
      <c r="R2164" s="76"/>
      <c r="S2164" s="76"/>
      <c r="T2164" s="76"/>
      <c r="U2164" s="76"/>
      <c r="V2164" s="76"/>
      <c r="W2164" s="76"/>
      <c r="X2164" s="76"/>
      <c r="Y2164" s="76"/>
      <c r="Z2164" s="76"/>
      <c r="AA2164" s="85"/>
      <c r="AB2164" s="85"/>
      <c r="AC2164" s="85"/>
      <c r="AD2164" s="85"/>
      <c r="AE2164" s="85"/>
      <c r="AF2164" s="85"/>
      <c r="AG2164" s="86"/>
      <c r="AH2164" s="85"/>
      <c r="AI2164" s="85"/>
      <c r="AJ2164" s="85"/>
      <c r="AK2164" s="85"/>
      <c r="AL2164" s="85"/>
      <c r="AM2164" s="92"/>
      <c r="AN2164" s="92"/>
      <c r="AO2164" s="92"/>
      <c r="AP2164" s="92"/>
      <c r="AQ2164" s="92"/>
      <c r="AR2164" s="92"/>
      <c r="AS2164" s="92"/>
      <c r="AT2164" s="92"/>
      <c r="AU2164" s="92"/>
      <c r="AV2164" s="92"/>
      <c r="AW2164" s="92"/>
      <c r="AX2164" s="92"/>
      <c r="AY2164" s="92"/>
      <c r="AZ2164" s="93"/>
      <c r="BA2164" s="93"/>
      <c r="BB2164" s="93"/>
      <c r="BC2164" s="93"/>
      <c r="BD2164" s="93"/>
      <c r="BE2164" s="93"/>
      <c r="BF2164" s="93"/>
      <c r="BG2164" s="93"/>
      <c r="BH2164" s="93"/>
      <c r="BI2164" s="93"/>
      <c r="BJ2164" s="93"/>
      <c r="BK2164" s="93"/>
      <c r="BL2164" s="93"/>
    </row>
    <row r="2165" spans="2:64" x14ac:dyDescent="0.2">
      <c r="B2165" s="43"/>
      <c r="C2165" s="73"/>
      <c r="D2165" s="64"/>
      <c r="E2165" s="55"/>
      <c r="F2165" s="74"/>
      <c r="G2165" s="74"/>
      <c r="H2165" s="74"/>
      <c r="I2165" s="75"/>
      <c r="J2165" s="74"/>
      <c r="L2165" s="55"/>
      <c r="M2165" s="234"/>
      <c r="N2165" s="65"/>
      <c r="O2165" s="76"/>
      <c r="P2165" s="76"/>
      <c r="Q2165" s="65"/>
      <c r="R2165" s="76"/>
      <c r="S2165" s="76"/>
      <c r="T2165" s="76"/>
      <c r="U2165" s="76"/>
      <c r="V2165" s="76"/>
      <c r="W2165" s="76"/>
      <c r="X2165" s="76"/>
      <c r="Y2165" s="76"/>
      <c r="Z2165" s="76"/>
      <c r="AA2165" s="85"/>
      <c r="AB2165" s="85"/>
      <c r="AC2165" s="85"/>
      <c r="AD2165" s="85"/>
      <c r="AE2165" s="85"/>
      <c r="AF2165" s="85"/>
      <c r="AG2165" s="86"/>
      <c r="AH2165" s="85"/>
      <c r="AI2165" s="85"/>
      <c r="AJ2165" s="85"/>
      <c r="AK2165" s="85"/>
      <c r="AL2165" s="85"/>
      <c r="AM2165" s="92"/>
      <c r="AN2165" s="92"/>
      <c r="AO2165" s="92"/>
      <c r="AP2165" s="92"/>
      <c r="AQ2165" s="92"/>
      <c r="AR2165" s="92"/>
      <c r="AS2165" s="92"/>
      <c r="AT2165" s="92"/>
      <c r="AU2165" s="92"/>
      <c r="AV2165" s="92"/>
      <c r="AW2165" s="92"/>
      <c r="AX2165" s="92"/>
      <c r="AY2165" s="92"/>
      <c r="AZ2165" s="93"/>
      <c r="BA2165" s="93"/>
      <c r="BB2165" s="93"/>
      <c r="BC2165" s="93"/>
      <c r="BD2165" s="93"/>
      <c r="BE2165" s="93"/>
      <c r="BF2165" s="93"/>
      <c r="BG2165" s="93"/>
      <c r="BH2165" s="93"/>
      <c r="BI2165" s="93"/>
      <c r="BJ2165" s="93"/>
      <c r="BK2165" s="93"/>
      <c r="BL2165" s="93"/>
    </row>
    <row r="2166" spans="2:64" x14ac:dyDescent="0.2">
      <c r="B2166" s="43"/>
      <c r="C2166" s="73"/>
      <c r="D2166" s="64"/>
      <c r="E2166" s="55"/>
      <c r="F2166" s="74"/>
      <c r="G2166" s="74"/>
      <c r="H2166" s="74"/>
      <c r="I2166" s="75"/>
      <c r="J2166" s="74"/>
      <c r="L2166" s="55"/>
      <c r="M2166" s="234"/>
      <c r="N2166" s="65"/>
      <c r="O2166" s="76"/>
      <c r="P2166" s="76"/>
      <c r="Q2166" s="65"/>
      <c r="R2166" s="76"/>
      <c r="S2166" s="76"/>
      <c r="T2166" s="76"/>
      <c r="U2166" s="76"/>
      <c r="V2166" s="76"/>
      <c r="W2166" s="76"/>
      <c r="X2166" s="76"/>
      <c r="Y2166" s="76"/>
      <c r="Z2166" s="76"/>
      <c r="AA2166" s="85"/>
      <c r="AB2166" s="85"/>
      <c r="AC2166" s="85"/>
      <c r="AD2166" s="85"/>
      <c r="AE2166" s="85"/>
      <c r="AF2166" s="85"/>
      <c r="AG2166" s="86"/>
      <c r="AH2166" s="85"/>
      <c r="AI2166" s="85"/>
      <c r="AJ2166" s="85"/>
      <c r="AK2166" s="85"/>
      <c r="AL2166" s="85"/>
      <c r="AM2166" s="92"/>
      <c r="AN2166" s="92"/>
      <c r="AO2166" s="92"/>
      <c r="AP2166" s="92"/>
      <c r="AQ2166" s="92"/>
      <c r="AR2166" s="92"/>
      <c r="AS2166" s="92"/>
      <c r="AT2166" s="92"/>
      <c r="AU2166" s="92"/>
      <c r="AV2166" s="92"/>
      <c r="AW2166" s="92"/>
      <c r="AX2166" s="92"/>
      <c r="AY2166" s="92"/>
      <c r="AZ2166" s="93"/>
      <c r="BA2166" s="93"/>
      <c r="BB2166" s="93"/>
      <c r="BC2166" s="93"/>
      <c r="BD2166" s="93"/>
      <c r="BE2166" s="93"/>
      <c r="BF2166" s="93"/>
      <c r="BG2166" s="93"/>
      <c r="BH2166" s="93"/>
      <c r="BI2166" s="93"/>
      <c r="BJ2166" s="93"/>
      <c r="BK2166" s="93"/>
      <c r="BL2166" s="93"/>
    </row>
    <row r="2167" spans="2:64" x14ac:dyDescent="0.2">
      <c r="B2167" s="43"/>
      <c r="C2167" s="73"/>
      <c r="D2167" s="64"/>
      <c r="E2167" s="55"/>
      <c r="F2167" s="74"/>
      <c r="G2167" s="74"/>
      <c r="H2167" s="74"/>
      <c r="I2167" s="75"/>
      <c r="J2167" s="74"/>
      <c r="L2167" s="55"/>
      <c r="M2167" s="234"/>
      <c r="N2167" s="65"/>
      <c r="O2167" s="76"/>
      <c r="P2167" s="76"/>
      <c r="Q2167" s="65"/>
      <c r="R2167" s="76"/>
      <c r="S2167" s="76"/>
      <c r="T2167" s="76"/>
      <c r="U2167" s="76"/>
      <c r="V2167" s="76"/>
      <c r="W2167" s="76"/>
      <c r="X2167" s="76"/>
      <c r="Y2167" s="76"/>
      <c r="Z2167" s="76"/>
      <c r="AA2167" s="85"/>
      <c r="AB2167" s="85"/>
      <c r="AC2167" s="85"/>
      <c r="AD2167" s="85"/>
      <c r="AE2167" s="85"/>
      <c r="AF2167" s="85"/>
      <c r="AG2167" s="86"/>
      <c r="AH2167" s="85"/>
      <c r="AI2167" s="85"/>
      <c r="AJ2167" s="85"/>
      <c r="AK2167" s="85"/>
      <c r="AL2167" s="85"/>
      <c r="AM2167" s="92"/>
      <c r="AN2167" s="92"/>
      <c r="AO2167" s="92"/>
      <c r="AP2167" s="92"/>
      <c r="AQ2167" s="92"/>
      <c r="AR2167" s="92"/>
      <c r="AS2167" s="92"/>
      <c r="AT2167" s="92"/>
      <c r="AU2167" s="92"/>
      <c r="AV2167" s="92"/>
      <c r="AW2167" s="92"/>
      <c r="AX2167" s="92"/>
      <c r="AY2167" s="92"/>
      <c r="AZ2167" s="93"/>
      <c r="BA2167" s="93"/>
      <c r="BB2167" s="93"/>
      <c r="BC2167" s="93"/>
      <c r="BD2167" s="93"/>
      <c r="BE2167" s="93"/>
      <c r="BF2167" s="93"/>
      <c r="BG2167" s="93"/>
      <c r="BH2167" s="93"/>
      <c r="BI2167" s="93"/>
      <c r="BJ2167" s="93"/>
      <c r="BK2167" s="93"/>
      <c r="BL2167" s="93"/>
    </row>
    <row r="2168" spans="2:64" x14ac:dyDescent="0.2">
      <c r="B2168" s="43"/>
      <c r="C2168" s="73"/>
      <c r="D2168" s="64"/>
      <c r="E2168" s="55"/>
      <c r="F2168" s="74"/>
      <c r="G2168" s="74"/>
      <c r="H2168" s="74"/>
      <c r="I2168" s="75"/>
      <c r="J2168" s="74"/>
      <c r="L2168" s="55"/>
      <c r="M2168" s="234"/>
      <c r="N2168" s="65"/>
      <c r="O2168" s="76"/>
      <c r="P2168" s="76"/>
      <c r="Q2168" s="65"/>
      <c r="R2168" s="76"/>
      <c r="S2168" s="76"/>
      <c r="T2168" s="76"/>
      <c r="U2168" s="76"/>
      <c r="V2168" s="76"/>
      <c r="W2168" s="76"/>
      <c r="X2168" s="76"/>
      <c r="Y2168" s="76"/>
      <c r="Z2168" s="76"/>
      <c r="AA2168" s="85"/>
      <c r="AB2168" s="85"/>
      <c r="AC2168" s="85"/>
      <c r="AD2168" s="85"/>
      <c r="AE2168" s="85"/>
      <c r="AF2168" s="85"/>
      <c r="AG2168" s="86"/>
      <c r="AH2168" s="85"/>
      <c r="AI2168" s="85"/>
      <c r="AJ2168" s="85"/>
      <c r="AK2168" s="85"/>
      <c r="AL2168" s="85"/>
      <c r="AM2168" s="92"/>
      <c r="AN2168" s="92"/>
      <c r="AO2168" s="92"/>
      <c r="AP2168" s="92"/>
      <c r="AQ2168" s="92"/>
      <c r="AR2168" s="92"/>
      <c r="AS2168" s="92"/>
      <c r="AT2168" s="92"/>
      <c r="AU2168" s="92"/>
      <c r="AV2168" s="92"/>
      <c r="AW2168" s="92"/>
      <c r="AX2168" s="92"/>
      <c r="AY2168" s="92"/>
      <c r="AZ2168" s="93"/>
      <c r="BA2168" s="93"/>
      <c r="BB2168" s="93"/>
      <c r="BC2168" s="93"/>
      <c r="BD2168" s="93"/>
      <c r="BE2168" s="93"/>
      <c r="BF2168" s="93"/>
      <c r="BG2168" s="93"/>
      <c r="BH2168" s="93"/>
      <c r="BI2168" s="93"/>
      <c r="BJ2168" s="93"/>
      <c r="BK2168" s="93"/>
      <c r="BL2168" s="93"/>
    </row>
    <row r="2169" spans="2:64" x14ac:dyDescent="0.2">
      <c r="B2169" s="43"/>
      <c r="C2169" s="73"/>
      <c r="D2169" s="64"/>
      <c r="E2169" s="55"/>
      <c r="F2169" s="74"/>
      <c r="G2169" s="74"/>
      <c r="H2169" s="74"/>
      <c r="I2169" s="75"/>
      <c r="J2169" s="74"/>
      <c r="L2169" s="55"/>
      <c r="M2169" s="234"/>
      <c r="N2169" s="65"/>
      <c r="O2169" s="76"/>
      <c r="P2169" s="76"/>
      <c r="Q2169" s="65"/>
      <c r="R2169" s="76"/>
      <c r="S2169" s="76"/>
      <c r="T2169" s="76"/>
      <c r="U2169" s="76"/>
      <c r="V2169" s="76"/>
      <c r="W2169" s="76"/>
      <c r="X2169" s="76"/>
      <c r="Y2169" s="76"/>
      <c r="Z2169" s="76"/>
      <c r="AA2169" s="85"/>
      <c r="AB2169" s="85"/>
      <c r="AC2169" s="85"/>
      <c r="AD2169" s="85"/>
      <c r="AE2169" s="85"/>
      <c r="AF2169" s="85"/>
      <c r="AG2169" s="86"/>
      <c r="AH2169" s="85"/>
      <c r="AI2169" s="85"/>
      <c r="AJ2169" s="85"/>
      <c r="AK2169" s="85"/>
      <c r="AL2169" s="85"/>
      <c r="AM2169" s="92"/>
      <c r="AN2169" s="92"/>
      <c r="AO2169" s="92"/>
      <c r="AP2169" s="92"/>
      <c r="AQ2169" s="92"/>
      <c r="AR2169" s="92"/>
      <c r="AS2169" s="92"/>
      <c r="AT2169" s="92"/>
      <c r="AU2169" s="92"/>
      <c r="AV2169" s="92"/>
      <c r="AW2169" s="92"/>
      <c r="AX2169" s="92"/>
      <c r="AY2169" s="92"/>
      <c r="AZ2169" s="93"/>
      <c r="BA2169" s="93"/>
      <c r="BB2169" s="93"/>
      <c r="BC2169" s="93"/>
      <c r="BD2169" s="93"/>
      <c r="BE2169" s="93"/>
      <c r="BF2169" s="93"/>
      <c r="BG2169" s="93"/>
      <c r="BH2169" s="93"/>
      <c r="BI2169" s="93"/>
      <c r="BJ2169" s="93"/>
      <c r="BK2169" s="93"/>
      <c r="BL2169" s="93"/>
    </row>
    <row r="2170" spans="2:64" x14ac:dyDescent="0.2">
      <c r="B2170" s="43"/>
      <c r="C2170" s="73"/>
      <c r="D2170" s="64"/>
      <c r="E2170" s="55"/>
      <c r="F2170" s="74"/>
      <c r="G2170" s="74"/>
      <c r="H2170" s="74"/>
      <c r="I2170" s="75"/>
      <c r="J2170" s="74"/>
      <c r="L2170" s="55"/>
      <c r="M2170" s="234"/>
      <c r="N2170" s="65"/>
      <c r="O2170" s="76"/>
      <c r="P2170" s="76"/>
      <c r="Q2170" s="65"/>
      <c r="R2170" s="76"/>
      <c r="S2170" s="76"/>
      <c r="T2170" s="76"/>
      <c r="U2170" s="76"/>
      <c r="V2170" s="76"/>
      <c r="W2170" s="76"/>
      <c r="X2170" s="76"/>
      <c r="Y2170" s="76"/>
      <c r="Z2170" s="76"/>
      <c r="AA2170" s="85"/>
      <c r="AB2170" s="85"/>
      <c r="AC2170" s="85"/>
      <c r="AD2170" s="85"/>
      <c r="AE2170" s="85"/>
      <c r="AF2170" s="85"/>
      <c r="AG2170" s="86"/>
      <c r="AH2170" s="85"/>
      <c r="AI2170" s="85"/>
      <c r="AJ2170" s="85"/>
      <c r="AK2170" s="85"/>
      <c r="AL2170" s="85"/>
      <c r="AM2170" s="92"/>
      <c r="AN2170" s="92"/>
      <c r="AO2170" s="92"/>
      <c r="AP2170" s="92"/>
      <c r="AQ2170" s="92"/>
      <c r="AR2170" s="92"/>
      <c r="AS2170" s="92"/>
      <c r="AT2170" s="92"/>
      <c r="AU2170" s="92"/>
      <c r="AV2170" s="92"/>
      <c r="AW2170" s="92"/>
      <c r="AX2170" s="92"/>
      <c r="AY2170" s="92"/>
      <c r="AZ2170" s="93"/>
      <c r="BA2170" s="93"/>
      <c r="BB2170" s="93"/>
      <c r="BC2170" s="93"/>
      <c r="BD2170" s="93"/>
      <c r="BE2170" s="93"/>
      <c r="BF2170" s="93"/>
      <c r="BG2170" s="93"/>
      <c r="BH2170" s="93"/>
      <c r="BI2170" s="93"/>
      <c r="BJ2170" s="93"/>
      <c r="BK2170" s="93"/>
      <c r="BL2170" s="93"/>
    </row>
    <row r="2171" spans="2:64" x14ac:dyDescent="0.2">
      <c r="B2171" s="43"/>
      <c r="C2171" s="73"/>
      <c r="D2171" s="64"/>
      <c r="E2171" s="55"/>
      <c r="F2171" s="74"/>
      <c r="G2171" s="74"/>
      <c r="H2171" s="74"/>
      <c r="I2171" s="75"/>
      <c r="J2171" s="74"/>
      <c r="L2171" s="55"/>
      <c r="M2171" s="234"/>
      <c r="N2171" s="65"/>
      <c r="O2171" s="76"/>
      <c r="P2171" s="76"/>
      <c r="Q2171" s="65"/>
      <c r="R2171" s="76"/>
      <c r="S2171" s="76"/>
      <c r="T2171" s="76"/>
      <c r="U2171" s="76"/>
      <c r="V2171" s="76"/>
      <c r="W2171" s="76"/>
      <c r="X2171" s="76"/>
      <c r="Y2171" s="76"/>
      <c r="Z2171" s="76"/>
      <c r="AA2171" s="85"/>
      <c r="AB2171" s="85"/>
      <c r="AC2171" s="85"/>
      <c r="AD2171" s="85"/>
      <c r="AE2171" s="85"/>
      <c r="AF2171" s="85"/>
      <c r="AG2171" s="86"/>
      <c r="AH2171" s="85"/>
      <c r="AI2171" s="85"/>
      <c r="AJ2171" s="85"/>
      <c r="AK2171" s="85"/>
      <c r="AL2171" s="85"/>
      <c r="AM2171" s="92"/>
      <c r="AN2171" s="92"/>
      <c r="AO2171" s="92"/>
      <c r="AP2171" s="92"/>
      <c r="AQ2171" s="92"/>
      <c r="AR2171" s="92"/>
      <c r="AS2171" s="92"/>
      <c r="AT2171" s="92"/>
      <c r="AU2171" s="92"/>
      <c r="AV2171" s="92"/>
      <c r="AW2171" s="92"/>
      <c r="AX2171" s="92"/>
      <c r="AY2171" s="92"/>
      <c r="AZ2171" s="93"/>
      <c r="BA2171" s="93"/>
      <c r="BB2171" s="93"/>
      <c r="BC2171" s="93"/>
      <c r="BD2171" s="93"/>
      <c r="BE2171" s="93"/>
      <c r="BF2171" s="93"/>
      <c r="BG2171" s="93"/>
      <c r="BH2171" s="93"/>
      <c r="BI2171" s="93"/>
      <c r="BJ2171" s="93"/>
      <c r="BK2171" s="93"/>
      <c r="BL2171" s="93"/>
    </row>
    <row r="2172" spans="2:64" x14ac:dyDescent="0.2">
      <c r="B2172" s="43"/>
      <c r="C2172" s="73"/>
      <c r="D2172" s="64"/>
      <c r="E2172" s="55"/>
      <c r="F2172" s="74"/>
      <c r="G2172" s="74"/>
      <c r="H2172" s="74"/>
      <c r="I2172" s="75"/>
      <c r="J2172" s="74"/>
      <c r="L2172" s="55"/>
      <c r="M2172" s="234"/>
      <c r="N2172" s="65"/>
      <c r="O2172" s="76"/>
      <c r="P2172" s="76"/>
      <c r="Q2172" s="65"/>
      <c r="R2172" s="76"/>
      <c r="S2172" s="76"/>
      <c r="T2172" s="76"/>
      <c r="U2172" s="76"/>
      <c r="V2172" s="76"/>
      <c r="W2172" s="76"/>
      <c r="X2172" s="76"/>
      <c r="Y2172" s="76"/>
      <c r="Z2172" s="76"/>
      <c r="AA2172" s="85"/>
      <c r="AB2172" s="85"/>
      <c r="AC2172" s="85"/>
      <c r="AD2172" s="85"/>
      <c r="AE2172" s="85"/>
      <c r="AF2172" s="85"/>
      <c r="AG2172" s="86"/>
      <c r="AH2172" s="85"/>
      <c r="AI2172" s="85"/>
      <c r="AJ2172" s="85"/>
      <c r="AK2172" s="85"/>
      <c r="AL2172" s="85"/>
      <c r="AM2172" s="92"/>
      <c r="AN2172" s="92"/>
      <c r="AO2172" s="92"/>
      <c r="AP2172" s="92"/>
      <c r="AQ2172" s="92"/>
      <c r="AR2172" s="92"/>
      <c r="AS2172" s="92"/>
      <c r="AT2172" s="92"/>
      <c r="AU2172" s="92"/>
      <c r="AV2172" s="92"/>
      <c r="AW2172" s="92"/>
      <c r="AX2172" s="92"/>
      <c r="AY2172" s="92"/>
      <c r="AZ2172" s="93"/>
      <c r="BA2172" s="93"/>
      <c r="BB2172" s="93"/>
      <c r="BC2172" s="93"/>
      <c r="BD2172" s="93"/>
      <c r="BE2172" s="93"/>
      <c r="BF2172" s="93"/>
      <c r="BG2172" s="93"/>
      <c r="BH2172" s="93"/>
      <c r="BI2172" s="93"/>
      <c r="BJ2172" s="93"/>
      <c r="BK2172" s="93"/>
      <c r="BL2172" s="93"/>
    </row>
    <row r="2173" spans="2:64" x14ac:dyDescent="0.2">
      <c r="B2173" s="43"/>
      <c r="C2173" s="73"/>
      <c r="D2173" s="64"/>
      <c r="E2173" s="55"/>
      <c r="F2173" s="74"/>
      <c r="G2173" s="74"/>
      <c r="H2173" s="74"/>
      <c r="I2173" s="75"/>
      <c r="J2173" s="74"/>
      <c r="L2173" s="55"/>
      <c r="M2173" s="234"/>
      <c r="N2173" s="65"/>
      <c r="O2173" s="76"/>
      <c r="P2173" s="76"/>
      <c r="Q2173" s="65"/>
      <c r="R2173" s="76"/>
      <c r="S2173" s="76"/>
      <c r="T2173" s="76"/>
      <c r="U2173" s="76"/>
      <c r="V2173" s="76"/>
      <c r="W2173" s="76"/>
      <c r="X2173" s="76"/>
      <c r="Y2173" s="76"/>
      <c r="Z2173" s="76"/>
      <c r="AA2173" s="85"/>
      <c r="AB2173" s="85"/>
      <c r="AC2173" s="85"/>
      <c r="AD2173" s="85"/>
      <c r="AE2173" s="85"/>
      <c r="AF2173" s="85"/>
      <c r="AG2173" s="86"/>
      <c r="AH2173" s="85"/>
      <c r="AI2173" s="85"/>
      <c r="AJ2173" s="85"/>
      <c r="AK2173" s="85"/>
      <c r="AL2173" s="85"/>
      <c r="AM2173" s="92"/>
      <c r="AN2173" s="92"/>
      <c r="AO2173" s="92"/>
      <c r="AP2173" s="92"/>
      <c r="AQ2173" s="92"/>
      <c r="AR2173" s="92"/>
      <c r="AS2173" s="92"/>
      <c r="AT2173" s="92"/>
      <c r="AU2173" s="92"/>
      <c r="AV2173" s="92"/>
      <c r="AW2173" s="92"/>
      <c r="AX2173" s="92"/>
      <c r="AY2173" s="92"/>
      <c r="AZ2173" s="93"/>
      <c r="BA2173" s="93"/>
      <c r="BB2173" s="93"/>
      <c r="BC2173" s="93"/>
      <c r="BD2173" s="93"/>
      <c r="BE2173" s="93"/>
      <c r="BF2173" s="93"/>
      <c r="BG2173" s="93"/>
      <c r="BH2173" s="93"/>
      <c r="BI2173" s="93"/>
      <c r="BJ2173" s="93"/>
      <c r="BK2173" s="93"/>
      <c r="BL2173" s="93"/>
    </row>
    <row r="2174" spans="2:64" x14ac:dyDescent="0.2">
      <c r="B2174" s="43"/>
      <c r="C2174" s="73"/>
      <c r="D2174" s="64"/>
      <c r="E2174" s="55"/>
      <c r="F2174" s="74"/>
      <c r="G2174" s="74"/>
      <c r="H2174" s="74"/>
      <c r="I2174" s="75"/>
      <c r="J2174" s="74"/>
      <c r="L2174" s="55"/>
      <c r="M2174" s="234"/>
      <c r="N2174" s="65"/>
      <c r="O2174" s="76"/>
      <c r="P2174" s="76"/>
      <c r="Q2174" s="65"/>
      <c r="R2174" s="76"/>
      <c r="S2174" s="76"/>
      <c r="T2174" s="76"/>
      <c r="U2174" s="76"/>
      <c r="V2174" s="76"/>
      <c r="W2174" s="76"/>
      <c r="X2174" s="76"/>
      <c r="Y2174" s="76"/>
      <c r="Z2174" s="76"/>
      <c r="AA2174" s="85"/>
      <c r="AB2174" s="85"/>
      <c r="AC2174" s="85"/>
      <c r="AD2174" s="85"/>
      <c r="AE2174" s="85"/>
      <c r="AF2174" s="85"/>
      <c r="AG2174" s="86"/>
      <c r="AH2174" s="85"/>
      <c r="AI2174" s="85"/>
      <c r="AJ2174" s="85"/>
      <c r="AK2174" s="85"/>
      <c r="AL2174" s="85"/>
      <c r="AM2174" s="92"/>
      <c r="AN2174" s="92"/>
      <c r="AO2174" s="92"/>
      <c r="AP2174" s="92"/>
      <c r="AQ2174" s="92"/>
      <c r="AR2174" s="92"/>
      <c r="AS2174" s="92"/>
      <c r="AT2174" s="92"/>
      <c r="AU2174" s="92"/>
      <c r="AV2174" s="92"/>
      <c r="AW2174" s="92"/>
      <c r="AX2174" s="92"/>
      <c r="AY2174" s="92"/>
      <c r="AZ2174" s="93"/>
      <c r="BA2174" s="93"/>
      <c r="BB2174" s="93"/>
      <c r="BC2174" s="93"/>
      <c r="BD2174" s="93"/>
      <c r="BE2174" s="93"/>
      <c r="BF2174" s="93"/>
      <c r="BG2174" s="93"/>
      <c r="BH2174" s="93"/>
      <c r="BI2174" s="93"/>
      <c r="BJ2174" s="93"/>
      <c r="BK2174" s="93"/>
      <c r="BL2174" s="93"/>
    </row>
    <row r="2175" spans="2:64" x14ac:dyDescent="0.2">
      <c r="B2175" s="43"/>
      <c r="C2175" s="73"/>
      <c r="D2175" s="64"/>
      <c r="E2175" s="55"/>
      <c r="F2175" s="74"/>
      <c r="G2175" s="74"/>
      <c r="H2175" s="74"/>
      <c r="I2175" s="75"/>
      <c r="J2175" s="74"/>
      <c r="L2175" s="55"/>
      <c r="M2175" s="234"/>
      <c r="N2175" s="65"/>
      <c r="O2175" s="76"/>
      <c r="P2175" s="76"/>
      <c r="Q2175" s="65"/>
      <c r="R2175" s="76"/>
      <c r="S2175" s="76"/>
      <c r="T2175" s="76"/>
      <c r="U2175" s="76"/>
      <c r="V2175" s="76"/>
      <c r="W2175" s="76"/>
      <c r="X2175" s="76"/>
      <c r="Y2175" s="76"/>
      <c r="Z2175" s="76"/>
      <c r="AA2175" s="85"/>
      <c r="AB2175" s="85"/>
      <c r="AC2175" s="85"/>
      <c r="AD2175" s="85"/>
      <c r="AE2175" s="85"/>
      <c r="AF2175" s="85"/>
      <c r="AG2175" s="86"/>
      <c r="AH2175" s="85"/>
      <c r="AI2175" s="85"/>
      <c r="AJ2175" s="85"/>
      <c r="AK2175" s="85"/>
      <c r="AL2175" s="85"/>
      <c r="AM2175" s="92"/>
      <c r="AN2175" s="92"/>
      <c r="AO2175" s="92"/>
      <c r="AP2175" s="92"/>
      <c r="AQ2175" s="92"/>
      <c r="AR2175" s="92"/>
      <c r="AS2175" s="92"/>
      <c r="AT2175" s="92"/>
      <c r="AU2175" s="92"/>
      <c r="AV2175" s="92"/>
      <c r="AW2175" s="92"/>
      <c r="AX2175" s="92"/>
      <c r="AY2175" s="92"/>
      <c r="AZ2175" s="93"/>
      <c r="BA2175" s="93"/>
      <c r="BB2175" s="93"/>
      <c r="BC2175" s="93"/>
      <c r="BD2175" s="93"/>
      <c r="BE2175" s="93"/>
      <c r="BF2175" s="93"/>
      <c r="BG2175" s="93"/>
      <c r="BH2175" s="93"/>
      <c r="BI2175" s="93"/>
      <c r="BJ2175" s="93"/>
      <c r="BK2175" s="93"/>
      <c r="BL2175" s="93"/>
    </row>
    <row r="2176" spans="2:64" x14ac:dyDescent="0.2">
      <c r="B2176" s="43"/>
      <c r="C2176" s="73"/>
      <c r="D2176" s="64"/>
      <c r="E2176" s="55"/>
      <c r="F2176" s="74"/>
      <c r="G2176" s="74"/>
      <c r="H2176" s="74"/>
      <c r="I2176" s="75"/>
      <c r="J2176" s="74"/>
      <c r="L2176" s="55"/>
      <c r="M2176" s="234"/>
      <c r="N2176" s="65"/>
      <c r="O2176" s="76"/>
      <c r="P2176" s="76"/>
      <c r="Q2176" s="65"/>
      <c r="R2176" s="76"/>
      <c r="S2176" s="76"/>
      <c r="T2176" s="76"/>
      <c r="U2176" s="76"/>
      <c r="V2176" s="76"/>
      <c r="W2176" s="76"/>
      <c r="X2176" s="76"/>
      <c r="Y2176" s="76"/>
      <c r="Z2176" s="76"/>
      <c r="AA2176" s="85"/>
      <c r="AB2176" s="85"/>
      <c r="AC2176" s="85"/>
      <c r="AD2176" s="85"/>
      <c r="AE2176" s="85"/>
      <c r="AF2176" s="85"/>
      <c r="AG2176" s="86"/>
      <c r="AH2176" s="85"/>
      <c r="AI2176" s="85"/>
      <c r="AJ2176" s="85"/>
      <c r="AK2176" s="85"/>
      <c r="AL2176" s="85"/>
      <c r="AM2176" s="92"/>
      <c r="AN2176" s="92"/>
      <c r="AO2176" s="92"/>
      <c r="AP2176" s="92"/>
      <c r="AQ2176" s="92"/>
      <c r="AR2176" s="92"/>
      <c r="AS2176" s="92"/>
      <c r="AT2176" s="92"/>
      <c r="AU2176" s="92"/>
      <c r="AV2176" s="92"/>
      <c r="AW2176" s="92"/>
      <c r="AX2176" s="92"/>
      <c r="AY2176" s="92"/>
      <c r="AZ2176" s="93"/>
      <c r="BA2176" s="93"/>
      <c r="BB2176" s="93"/>
      <c r="BC2176" s="93"/>
      <c r="BD2176" s="93"/>
      <c r="BE2176" s="93"/>
      <c r="BF2176" s="93"/>
      <c r="BG2176" s="93"/>
      <c r="BH2176" s="93"/>
      <c r="BI2176" s="93"/>
      <c r="BJ2176" s="93"/>
      <c r="BK2176" s="93"/>
      <c r="BL2176" s="93"/>
    </row>
    <row r="2177" spans="2:64" x14ac:dyDescent="0.2">
      <c r="B2177" s="43"/>
      <c r="C2177" s="73"/>
      <c r="D2177" s="64"/>
      <c r="E2177" s="55"/>
      <c r="F2177" s="74"/>
      <c r="G2177" s="74"/>
      <c r="H2177" s="74"/>
      <c r="I2177" s="75"/>
      <c r="J2177" s="74"/>
      <c r="L2177" s="55"/>
      <c r="M2177" s="234"/>
      <c r="N2177" s="65"/>
      <c r="O2177" s="76"/>
      <c r="P2177" s="76"/>
      <c r="Q2177" s="65"/>
      <c r="R2177" s="76"/>
      <c r="S2177" s="76"/>
      <c r="T2177" s="76"/>
      <c r="U2177" s="76"/>
      <c r="V2177" s="76"/>
      <c r="W2177" s="76"/>
      <c r="X2177" s="76"/>
      <c r="Y2177" s="76"/>
      <c r="Z2177" s="76"/>
      <c r="AA2177" s="85"/>
      <c r="AB2177" s="85"/>
      <c r="AC2177" s="85"/>
      <c r="AD2177" s="85"/>
      <c r="AE2177" s="85"/>
      <c r="AF2177" s="85"/>
      <c r="AG2177" s="86"/>
      <c r="AH2177" s="85"/>
      <c r="AI2177" s="85"/>
      <c r="AJ2177" s="85"/>
      <c r="AK2177" s="85"/>
      <c r="AL2177" s="85"/>
      <c r="AM2177" s="92"/>
      <c r="AN2177" s="92"/>
      <c r="AO2177" s="92"/>
      <c r="AP2177" s="92"/>
      <c r="AQ2177" s="92"/>
      <c r="AR2177" s="92"/>
      <c r="AS2177" s="92"/>
      <c r="AT2177" s="92"/>
      <c r="AU2177" s="92"/>
      <c r="AV2177" s="92"/>
      <c r="AW2177" s="92"/>
      <c r="AX2177" s="92"/>
      <c r="AY2177" s="92"/>
      <c r="AZ2177" s="93"/>
      <c r="BA2177" s="93"/>
      <c r="BB2177" s="93"/>
      <c r="BC2177" s="93"/>
      <c r="BD2177" s="93"/>
      <c r="BE2177" s="93"/>
      <c r="BF2177" s="93"/>
      <c r="BG2177" s="93"/>
      <c r="BH2177" s="93"/>
      <c r="BI2177" s="93"/>
      <c r="BJ2177" s="93"/>
      <c r="BK2177" s="93"/>
      <c r="BL2177" s="93"/>
    </row>
    <row r="2178" spans="2:64" x14ac:dyDescent="0.2">
      <c r="B2178" s="43"/>
      <c r="C2178" s="73"/>
      <c r="D2178" s="64"/>
      <c r="E2178" s="55"/>
      <c r="F2178" s="74"/>
      <c r="G2178" s="74"/>
      <c r="H2178" s="74"/>
      <c r="I2178" s="75"/>
      <c r="J2178" s="74"/>
      <c r="L2178" s="55"/>
      <c r="M2178" s="234"/>
      <c r="N2178" s="65"/>
      <c r="O2178" s="76"/>
      <c r="P2178" s="76"/>
      <c r="Q2178" s="65"/>
      <c r="R2178" s="76"/>
      <c r="S2178" s="76"/>
      <c r="T2178" s="76"/>
      <c r="U2178" s="76"/>
      <c r="V2178" s="76"/>
      <c r="W2178" s="76"/>
      <c r="X2178" s="76"/>
      <c r="Y2178" s="76"/>
      <c r="Z2178" s="76"/>
      <c r="AA2178" s="85"/>
      <c r="AB2178" s="85"/>
      <c r="AC2178" s="85"/>
      <c r="AD2178" s="85"/>
      <c r="AE2178" s="85"/>
      <c r="AF2178" s="85"/>
      <c r="AG2178" s="86"/>
      <c r="AH2178" s="85"/>
      <c r="AI2178" s="85"/>
      <c r="AJ2178" s="85"/>
      <c r="AK2178" s="85"/>
      <c r="AL2178" s="85"/>
      <c r="AM2178" s="92"/>
      <c r="AN2178" s="92"/>
      <c r="AO2178" s="92"/>
      <c r="AP2178" s="92"/>
      <c r="AQ2178" s="92"/>
      <c r="AR2178" s="92"/>
      <c r="AS2178" s="92"/>
      <c r="AT2178" s="92"/>
      <c r="AU2178" s="92"/>
      <c r="AV2178" s="92"/>
      <c r="AW2178" s="92"/>
      <c r="AX2178" s="92"/>
      <c r="AY2178" s="92"/>
      <c r="AZ2178" s="93"/>
      <c r="BA2178" s="93"/>
      <c r="BB2178" s="93"/>
      <c r="BC2178" s="93"/>
      <c r="BD2178" s="93"/>
      <c r="BE2178" s="93"/>
      <c r="BF2178" s="93"/>
      <c r="BG2178" s="93"/>
      <c r="BH2178" s="93"/>
      <c r="BI2178" s="93"/>
      <c r="BJ2178" s="93"/>
      <c r="BK2178" s="93"/>
      <c r="BL2178" s="93"/>
    </row>
    <row r="2179" spans="2:64" x14ac:dyDescent="0.2">
      <c r="B2179" s="43"/>
      <c r="C2179" s="73"/>
      <c r="D2179" s="64"/>
      <c r="E2179" s="55"/>
      <c r="F2179" s="74"/>
      <c r="G2179" s="74"/>
      <c r="H2179" s="74"/>
      <c r="I2179" s="75"/>
      <c r="J2179" s="74"/>
      <c r="L2179" s="55"/>
      <c r="M2179" s="234"/>
      <c r="N2179" s="65"/>
      <c r="O2179" s="76"/>
      <c r="P2179" s="76"/>
      <c r="Q2179" s="65"/>
      <c r="R2179" s="76"/>
      <c r="S2179" s="76"/>
      <c r="T2179" s="76"/>
      <c r="U2179" s="76"/>
      <c r="V2179" s="76"/>
      <c r="W2179" s="76"/>
      <c r="X2179" s="76"/>
      <c r="Y2179" s="76"/>
      <c r="Z2179" s="76"/>
      <c r="AA2179" s="85"/>
      <c r="AB2179" s="85"/>
      <c r="AC2179" s="85"/>
      <c r="AD2179" s="85"/>
      <c r="AE2179" s="85"/>
      <c r="AF2179" s="85"/>
      <c r="AG2179" s="86"/>
      <c r="AH2179" s="85"/>
      <c r="AI2179" s="85"/>
      <c r="AJ2179" s="85"/>
      <c r="AK2179" s="85"/>
      <c r="AL2179" s="85"/>
      <c r="AM2179" s="92"/>
      <c r="AN2179" s="92"/>
      <c r="AO2179" s="92"/>
      <c r="AP2179" s="92"/>
      <c r="AQ2179" s="92"/>
      <c r="AR2179" s="92"/>
      <c r="AS2179" s="92"/>
      <c r="AT2179" s="92"/>
      <c r="AU2179" s="92"/>
      <c r="AV2179" s="92"/>
      <c r="AW2179" s="92"/>
      <c r="AX2179" s="92"/>
      <c r="AY2179" s="92"/>
      <c r="AZ2179" s="93"/>
      <c r="BA2179" s="93"/>
      <c r="BB2179" s="93"/>
      <c r="BC2179" s="93"/>
      <c r="BD2179" s="93"/>
      <c r="BE2179" s="93"/>
      <c r="BF2179" s="93"/>
      <c r="BG2179" s="93"/>
      <c r="BH2179" s="93"/>
      <c r="BI2179" s="93"/>
      <c r="BJ2179" s="93"/>
      <c r="BK2179" s="93"/>
      <c r="BL2179" s="93"/>
    </row>
    <row r="2180" spans="2:64" x14ac:dyDescent="0.2">
      <c r="B2180" s="43"/>
      <c r="C2180" s="73"/>
      <c r="D2180" s="64"/>
      <c r="E2180" s="55"/>
      <c r="F2180" s="74"/>
      <c r="G2180" s="74"/>
      <c r="H2180" s="74"/>
      <c r="I2180" s="75"/>
      <c r="J2180" s="74"/>
      <c r="L2180" s="55"/>
      <c r="M2180" s="234"/>
      <c r="N2180" s="65"/>
      <c r="O2180" s="76"/>
      <c r="P2180" s="76"/>
      <c r="Q2180" s="65"/>
      <c r="R2180" s="76"/>
      <c r="S2180" s="76"/>
      <c r="T2180" s="76"/>
      <c r="U2180" s="76"/>
      <c r="V2180" s="76"/>
      <c r="W2180" s="76"/>
      <c r="X2180" s="76"/>
      <c r="Y2180" s="76"/>
      <c r="Z2180" s="76"/>
      <c r="AA2180" s="85"/>
      <c r="AB2180" s="85"/>
      <c r="AC2180" s="85"/>
      <c r="AD2180" s="85"/>
      <c r="AE2180" s="85"/>
      <c r="AF2180" s="85"/>
      <c r="AG2180" s="86"/>
      <c r="AH2180" s="85"/>
      <c r="AI2180" s="85"/>
      <c r="AJ2180" s="85"/>
      <c r="AK2180" s="85"/>
      <c r="AL2180" s="85"/>
      <c r="AM2180" s="92"/>
      <c r="AN2180" s="92"/>
      <c r="AO2180" s="92"/>
      <c r="AP2180" s="92"/>
      <c r="AQ2180" s="92"/>
      <c r="AR2180" s="92"/>
      <c r="AS2180" s="92"/>
      <c r="AT2180" s="92"/>
      <c r="AU2180" s="92"/>
      <c r="AV2180" s="92"/>
      <c r="AW2180" s="92"/>
      <c r="AX2180" s="92"/>
      <c r="AY2180" s="92"/>
      <c r="AZ2180" s="93"/>
      <c r="BA2180" s="93"/>
      <c r="BB2180" s="93"/>
      <c r="BC2180" s="93"/>
      <c r="BD2180" s="93"/>
      <c r="BE2180" s="93"/>
      <c r="BF2180" s="93"/>
      <c r="BG2180" s="93"/>
      <c r="BH2180" s="93"/>
      <c r="BI2180" s="93"/>
      <c r="BJ2180" s="93"/>
      <c r="BK2180" s="93"/>
      <c r="BL2180" s="93"/>
    </row>
    <row r="2181" spans="2:64" x14ac:dyDescent="0.2">
      <c r="B2181" s="43"/>
      <c r="C2181" s="73"/>
      <c r="D2181" s="64"/>
      <c r="E2181" s="55"/>
      <c r="F2181" s="74"/>
      <c r="G2181" s="74"/>
      <c r="H2181" s="74"/>
      <c r="I2181" s="75"/>
      <c r="J2181" s="74"/>
      <c r="L2181" s="55"/>
      <c r="M2181" s="234"/>
      <c r="N2181" s="65"/>
      <c r="O2181" s="76"/>
      <c r="P2181" s="76"/>
      <c r="Q2181" s="65"/>
      <c r="R2181" s="76"/>
      <c r="S2181" s="76"/>
      <c r="T2181" s="76"/>
      <c r="U2181" s="76"/>
      <c r="V2181" s="76"/>
      <c r="W2181" s="76"/>
      <c r="X2181" s="76"/>
      <c r="Y2181" s="76"/>
      <c r="Z2181" s="76"/>
      <c r="AA2181" s="85"/>
      <c r="AB2181" s="85"/>
      <c r="AC2181" s="85"/>
      <c r="AD2181" s="85"/>
      <c r="AE2181" s="85"/>
      <c r="AF2181" s="85"/>
      <c r="AG2181" s="86"/>
      <c r="AH2181" s="85"/>
      <c r="AI2181" s="85"/>
      <c r="AJ2181" s="85"/>
      <c r="AK2181" s="85"/>
      <c r="AL2181" s="85"/>
      <c r="AM2181" s="92"/>
      <c r="AN2181" s="92"/>
      <c r="AO2181" s="92"/>
      <c r="AP2181" s="92"/>
      <c r="AQ2181" s="92"/>
      <c r="AR2181" s="92"/>
      <c r="AS2181" s="92"/>
      <c r="AT2181" s="92"/>
      <c r="AU2181" s="92"/>
      <c r="AV2181" s="92"/>
      <c r="AW2181" s="92"/>
      <c r="AX2181" s="92"/>
      <c r="AY2181" s="92"/>
      <c r="AZ2181" s="93"/>
      <c r="BA2181" s="93"/>
      <c r="BB2181" s="93"/>
      <c r="BC2181" s="93"/>
      <c r="BD2181" s="93"/>
      <c r="BE2181" s="93"/>
      <c r="BF2181" s="93"/>
      <c r="BG2181" s="93"/>
      <c r="BH2181" s="93"/>
      <c r="BI2181" s="93"/>
      <c r="BJ2181" s="93"/>
      <c r="BK2181" s="93"/>
      <c r="BL2181" s="93"/>
    </row>
    <row r="2182" spans="2:64" x14ac:dyDescent="0.2">
      <c r="B2182" s="43"/>
      <c r="C2182" s="73"/>
      <c r="D2182" s="64"/>
      <c r="E2182" s="55"/>
      <c r="F2182" s="74"/>
      <c r="G2182" s="74"/>
      <c r="H2182" s="74"/>
      <c r="I2182" s="75"/>
      <c r="J2182" s="74"/>
      <c r="L2182" s="55"/>
      <c r="M2182" s="234"/>
      <c r="N2182" s="65"/>
      <c r="O2182" s="76"/>
      <c r="P2182" s="76"/>
      <c r="Q2182" s="65"/>
      <c r="R2182" s="76"/>
      <c r="S2182" s="76"/>
      <c r="T2182" s="76"/>
      <c r="U2182" s="76"/>
      <c r="V2182" s="76"/>
      <c r="W2182" s="76"/>
      <c r="X2182" s="76"/>
      <c r="Y2182" s="76"/>
      <c r="Z2182" s="76"/>
      <c r="AA2182" s="85"/>
      <c r="AB2182" s="85"/>
      <c r="AC2182" s="85"/>
      <c r="AD2182" s="85"/>
      <c r="AE2182" s="85"/>
      <c r="AF2182" s="85"/>
      <c r="AG2182" s="86"/>
      <c r="AH2182" s="85"/>
      <c r="AI2182" s="85"/>
      <c r="AJ2182" s="85"/>
      <c r="AK2182" s="85"/>
      <c r="AL2182" s="85"/>
      <c r="AM2182" s="92"/>
      <c r="AN2182" s="92"/>
      <c r="AO2182" s="92"/>
      <c r="AP2182" s="92"/>
      <c r="AQ2182" s="92"/>
      <c r="AR2182" s="92"/>
      <c r="AS2182" s="92"/>
      <c r="AT2182" s="92"/>
      <c r="AU2182" s="92"/>
      <c r="AV2182" s="92"/>
      <c r="AW2182" s="92"/>
      <c r="AX2182" s="92"/>
      <c r="AY2182" s="92"/>
      <c r="AZ2182" s="93"/>
      <c r="BA2182" s="93"/>
      <c r="BB2182" s="93"/>
      <c r="BC2182" s="93"/>
      <c r="BD2182" s="93"/>
      <c r="BE2182" s="93"/>
      <c r="BF2182" s="93"/>
      <c r="BG2182" s="93"/>
      <c r="BH2182" s="93"/>
      <c r="BI2182" s="93"/>
      <c r="BJ2182" s="93"/>
      <c r="BK2182" s="93"/>
      <c r="BL2182" s="93"/>
    </row>
    <row r="2183" spans="2:64" x14ac:dyDescent="0.2">
      <c r="B2183" s="43"/>
      <c r="C2183" s="73"/>
      <c r="D2183" s="64"/>
      <c r="E2183" s="55"/>
      <c r="F2183" s="74"/>
      <c r="G2183" s="74"/>
      <c r="H2183" s="74"/>
      <c r="I2183" s="75"/>
      <c r="J2183" s="74"/>
      <c r="L2183" s="55"/>
      <c r="M2183" s="234"/>
      <c r="N2183" s="65"/>
      <c r="O2183" s="76"/>
      <c r="P2183" s="76"/>
      <c r="Q2183" s="65"/>
      <c r="R2183" s="76"/>
      <c r="S2183" s="76"/>
      <c r="T2183" s="76"/>
      <c r="U2183" s="76"/>
      <c r="V2183" s="76"/>
      <c r="W2183" s="76"/>
      <c r="X2183" s="76"/>
      <c r="Y2183" s="76"/>
      <c r="Z2183" s="76"/>
      <c r="AA2183" s="85"/>
      <c r="AB2183" s="85"/>
      <c r="AC2183" s="85"/>
      <c r="AD2183" s="85"/>
      <c r="AE2183" s="85"/>
      <c r="AF2183" s="85"/>
      <c r="AG2183" s="86"/>
      <c r="AH2183" s="85"/>
      <c r="AI2183" s="85"/>
      <c r="AJ2183" s="85"/>
      <c r="AK2183" s="85"/>
      <c r="AL2183" s="85"/>
      <c r="AM2183" s="92"/>
      <c r="AN2183" s="92"/>
      <c r="AO2183" s="92"/>
      <c r="AP2183" s="92"/>
      <c r="AQ2183" s="92"/>
      <c r="AR2183" s="92"/>
      <c r="AS2183" s="92"/>
      <c r="AT2183" s="92"/>
      <c r="AU2183" s="92"/>
      <c r="AV2183" s="92"/>
      <c r="AW2183" s="92"/>
      <c r="AX2183" s="92"/>
      <c r="AY2183" s="92"/>
      <c r="AZ2183" s="93"/>
      <c r="BA2183" s="93"/>
      <c r="BB2183" s="93"/>
      <c r="BC2183" s="93"/>
      <c r="BD2183" s="93"/>
      <c r="BE2183" s="93"/>
      <c r="BF2183" s="93"/>
      <c r="BG2183" s="93"/>
      <c r="BH2183" s="93"/>
      <c r="BI2183" s="93"/>
      <c r="BJ2183" s="93"/>
      <c r="BK2183" s="93"/>
      <c r="BL2183" s="93"/>
    </row>
    <row r="2184" spans="2:64" x14ac:dyDescent="0.2">
      <c r="B2184" s="43"/>
      <c r="C2184" s="73"/>
      <c r="D2184" s="64"/>
      <c r="E2184" s="55"/>
      <c r="F2184" s="74"/>
      <c r="G2184" s="74"/>
      <c r="H2184" s="74"/>
      <c r="I2184" s="75"/>
      <c r="J2184" s="74"/>
      <c r="L2184" s="55"/>
      <c r="M2184" s="234"/>
      <c r="N2184" s="65"/>
      <c r="O2184" s="76"/>
      <c r="P2184" s="76"/>
      <c r="Q2184" s="65"/>
      <c r="R2184" s="76"/>
      <c r="S2184" s="76"/>
      <c r="T2184" s="76"/>
      <c r="U2184" s="76"/>
      <c r="V2184" s="76"/>
      <c r="W2184" s="76"/>
      <c r="X2184" s="76"/>
      <c r="Y2184" s="76"/>
      <c r="Z2184" s="76"/>
      <c r="AA2184" s="85"/>
      <c r="AB2184" s="85"/>
      <c r="AC2184" s="85"/>
      <c r="AD2184" s="85"/>
      <c r="AE2184" s="85"/>
      <c r="AF2184" s="85"/>
      <c r="AG2184" s="86"/>
      <c r="AH2184" s="85"/>
      <c r="AI2184" s="85"/>
      <c r="AJ2184" s="85"/>
      <c r="AK2184" s="85"/>
      <c r="AL2184" s="85"/>
      <c r="AM2184" s="92"/>
      <c r="AN2184" s="92"/>
      <c r="AO2184" s="92"/>
      <c r="AP2184" s="92"/>
      <c r="AQ2184" s="92"/>
      <c r="AR2184" s="92"/>
      <c r="AS2184" s="92"/>
      <c r="AT2184" s="92"/>
      <c r="AU2184" s="92"/>
      <c r="AV2184" s="92"/>
      <c r="AW2184" s="92"/>
      <c r="AX2184" s="92"/>
      <c r="AY2184" s="92"/>
      <c r="AZ2184" s="93"/>
      <c r="BA2184" s="93"/>
      <c r="BB2184" s="93"/>
      <c r="BC2184" s="93"/>
      <c r="BD2184" s="93"/>
      <c r="BE2184" s="93"/>
      <c r="BF2184" s="93"/>
      <c r="BG2184" s="93"/>
      <c r="BH2184" s="93"/>
      <c r="BI2184" s="93"/>
      <c r="BJ2184" s="93"/>
      <c r="BK2184" s="93"/>
      <c r="BL2184" s="93"/>
    </row>
    <row r="2185" spans="2:64" x14ac:dyDescent="0.2">
      <c r="B2185" s="43"/>
      <c r="C2185" s="73"/>
      <c r="D2185" s="64"/>
      <c r="E2185" s="55"/>
      <c r="F2185" s="74"/>
      <c r="G2185" s="74"/>
      <c r="H2185" s="74"/>
      <c r="I2185" s="75"/>
      <c r="J2185" s="74"/>
      <c r="L2185" s="55"/>
      <c r="M2185" s="234"/>
      <c r="N2185" s="65"/>
      <c r="O2185" s="76"/>
      <c r="P2185" s="76"/>
      <c r="Q2185" s="65"/>
      <c r="R2185" s="76"/>
      <c r="S2185" s="76"/>
      <c r="T2185" s="76"/>
      <c r="U2185" s="76"/>
      <c r="V2185" s="76"/>
      <c r="W2185" s="76"/>
      <c r="X2185" s="76"/>
      <c r="Y2185" s="76"/>
      <c r="Z2185" s="76"/>
      <c r="AA2185" s="85"/>
      <c r="AB2185" s="85"/>
      <c r="AC2185" s="85"/>
      <c r="AD2185" s="85"/>
      <c r="AE2185" s="85"/>
      <c r="AF2185" s="85"/>
      <c r="AG2185" s="86"/>
      <c r="AH2185" s="85"/>
      <c r="AI2185" s="85"/>
      <c r="AJ2185" s="85"/>
      <c r="AK2185" s="85"/>
      <c r="AL2185" s="85"/>
      <c r="AM2185" s="92"/>
      <c r="AN2185" s="92"/>
      <c r="AO2185" s="92"/>
      <c r="AP2185" s="92"/>
      <c r="AQ2185" s="92"/>
      <c r="AR2185" s="92"/>
      <c r="AS2185" s="92"/>
      <c r="AT2185" s="92"/>
      <c r="AU2185" s="92"/>
      <c r="AV2185" s="92"/>
      <c r="AW2185" s="92"/>
      <c r="AX2185" s="92"/>
      <c r="AY2185" s="92"/>
      <c r="AZ2185" s="93"/>
      <c r="BA2185" s="93"/>
      <c r="BB2185" s="93"/>
      <c r="BC2185" s="93"/>
      <c r="BD2185" s="93"/>
      <c r="BE2185" s="93"/>
      <c r="BF2185" s="93"/>
      <c r="BG2185" s="93"/>
      <c r="BH2185" s="93"/>
      <c r="BI2185" s="93"/>
      <c r="BJ2185" s="93"/>
      <c r="BK2185" s="93"/>
      <c r="BL2185" s="93"/>
    </row>
    <row r="2186" spans="2:64" x14ac:dyDescent="0.2">
      <c r="B2186" s="43"/>
      <c r="C2186" s="73"/>
      <c r="D2186" s="64"/>
      <c r="E2186" s="55"/>
      <c r="F2186" s="74"/>
      <c r="G2186" s="74"/>
      <c r="H2186" s="74"/>
      <c r="I2186" s="75"/>
      <c r="J2186" s="74"/>
      <c r="L2186" s="55"/>
      <c r="M2186" s="234"/>
      <c r="N2186" s="65"/>
      <c r="O2186" s="76"/>
      <c r="P2186" s="76"/>
      <c r="Q2186" s="65"/>
      <c r="R2186" s="76"/>
      <c r="S2186" s="76"/>
      <c r="T2186" s="76"/>
      <c r="U2186" s="76"/>
      <c r="V2186" s="76"/>
      <c r="W2186" s="76"/>
      <c r="X2186" s="76"/>
      <c r="Y2186" s="76"/>
      <c r="Z2186" s="76"/>
      <c r="AA2186" s="85"/>
      <c r="AB2186" s="85"/>
      <c r="AC2186" s="85"/>
      <c r="AD2186" s="85"/>
      <c r="AE2186" s="85"/>
      <c r="AF2186" s="85"/>
      <c r="AG2186" s="86"/>
      <c r="AH2186" s="85"/>
      <c r="AI2186" s="85"/>
      <c r="AJ2186" s="85"/>
      <c r="AK2186" s="85"/>
      <c r="AL2186" s="85"/>
      <c r="AM2186" s="92"/>
      <c r="AN2186" s="92"/>
      <c r="AO2186" s="92"/>
      <c r="AP2186" s="92"/>
      <c r="AQ2186" s="92"/>
      <c r="AR2186" s="92"/>
      <c r="AS2186" s="92"/>
      <c r="AT2186" s="92"/>
      <c r="AU2186" s="92"/>
      <c r="AV2186" s="92"/>
      <c r="AW2186" s="92"/>
      <c r="AX2186" s="92"/>
      <c r="AY2186" s="92"/>
      <c r="AZ2186" s="93"/>
      <c r="BA2186" s="93"/>
      <c r="BB2186" s="93"/>
      <c r="BC2186" s="93"/>
      <c r="BD2186" s="93"/>
      <c r="BE2186" s="93"/>
      <c r="BF2186" s="93"/>
      <c r="BG2186" s="93"/>
      <c r="BH2186" s="93"/>
      <c r="BI2186" s="93"/>
      <c r="BJ2186" s="93"/>
      <c r="BK2186" s="93"/>
      <c r="BL2186" s="93"/>
    </row>
    <row r="2187" spans="2:64" x14ac:dyDescent="0.2">
      <c r="B2187" s="43"/>
      <c r="C2187" s="73"/>
      <c r="D2187" s="64"/>
      <c r="E2187" s="55"/>
      <c r="F2187" s="74"/>
      <c r="G2187" s="74"/>
      <c r="H2187" s="74"/>
      <c r="I2187" s="75"/>
      <c r="J2187" s="74"/>
      <c r="L2187" s="55"/>
      <c r="M2187" s="234"/>
      <c r="N2187" s="65"/>
      <c r="O2187" s="76"/>
      <c r="P2187" s="76"/>
      <c r="Q2187" s="65"/>
      <c r="R2187" s="76"/>
      <c r="S2187" s="76"/>
      <c r="T2187" s="76"/>
      <c r="U2187" s="76"/>
      <c r="V2187" s="76"/>
      <c r="W2187" s="76"/>
      <c r="X2187" s="76"/>
      <c r="Y2187" s="76"/>
      <c r="Z2187" s="76"/>
      <c r="AA2187" s="85"/>
      <c r="AB2187" s="85"/>
      <c r="AC2187" s="85"/>
      <c r="AD2187" s="85"/>
      <c r="AE2187" s="85"/>
      <c r="AF2187" s="85"/>
      <c r="AG2187" s="86"/>
      <c r="AH2187" s="85"/>
      <c r="AI2187" s="85"/>
      <c r="AJ2187" s="85"/>
      <c r="AK2187" s="85"/>
      <c r="AL2187" s="85"/>
      <c r="AM2187" s="92"/>
      <c r="AN2187" s="92"/>
      <c r="AO2187" s="92"/>
      <c r="AP2187" s="92"/>
      <c r="AQ2187" s="92"/>
      <c r="AR2187" s="92"/>
      <c r="AS2187" s="92"/>
      <c r="AT2187" s="92"/>
      <c r="AU2187" s="92"/>
      <c r="AV2187" s="92"/>
      <c r="AW2187" s="92"/>
      <c r="AX2187" s="92"/>
      <c r="AY2187" s="92"/>
      <c r="AZ2187" s="93"/>
      <c r="BA2187" s="93"/>
      <c r="BB2187" s="93"/>
      <c r="BC2187" s="93"/>
      <c r="BD2187" s="93"/>
      <c r="BE2187" s="93"/>
      <c r="BF2187" s="93"/>
      <c r="BG2187" s="93"/>
      <c r="BH2187" s="93"/>
      <c r="BI2187" s="93"/>
      <c r="BJ2187" s="93"/>
      <c r="BK2187" s="93"/>
      <c r="BL2187" s="93"/>
    </row>
    <row r="2188" spans="2:64" x14ac:dyDescent="0.2">
      <c r="B2188" s="43"/>
      <c r="C2188" s="73"/>
      <c r="D2188" s="64"/>
      <c r="E2188" s="55"/>
      <c r="F2188" s="74"/>
      <c r="G2188" s="74"/>
      <c r="H2188" s="74"/>
      <c r="I2188" s="75"/>
      <c r="J2188" s="74"/>
      <c r="L2188" s="55"/>
      <c r="M2188" s="234"/>
      <c r="N2188" s="65"/>
      <c r="O2188" s="76"/>
      <c r="P2188" s="76"/>
      <c r="Q2188" s="65"/>
      <c r="R2188" s="76"/>
      <c r="S2188" s="76"/>
      <c r="T2188" s="76"/>
      <c r="U2188" s="76"/>
      <c r="V2188" s="76"/>
      <c r="W2188" s="76"/>
      <c r="X2188" s="76"/>
      <c r="Y2188" s="76"/>
      <c r="Z2188" s="76"/>
      <c r="AA2188" s="85"/>
      <c r="AB2188" s="85"/>
      <c r="AC2188" s="85"/>
      <c r="AD2188" s="85"/>
      <c r="AE2188" s="85"/>
      <c r="AF2188" s="85"/>
      <c r="AG2188" s="86"/>
      <c r="AH2188" s="85"/>
      <c r="AI2188" s="85"/>
      <c r="AJ2188" s="85"/>
      <c r="AK2188" s="85"/>
      <c r="AL2188" s="85"/>
      <c r="AM2188" s="92"/>
      <c r="AN2188" s="92"/>
      <c r="AO2188" s="92"/>
      <c r="AP2188" s="92"/>
      <c r="AQ2188" s="92"/>
      <c r="AR2188" s="92"/>
      <c r="AS2188" s="92"/>
      <c r="AT2188" s="92"/>
      <c r="AU2188" s="92"/>
      <c r="AV2188" s="92"/>
      <c r="AW2188" s="92"/>
      <c r="AX2188" s="92"/>
      <c r="AY2188" s="92"/>
      <c r="AZ2188" s="93"/>
      <c r="BA2188" s="93"/>
      <c r="BB2188" s="93"/>
      <c r="BC2188" s="93"/>
      <c r="BD2188" s="93"/>
      <c r="BE2188" s="93"/>
      <c r="BF2188" s="93"/>
      <c r="BG2188" s="93"/>
      <c r="BH2188" s="93"/>
      <c r="BI2188" s="93"/>
      <c r="BJ2188" s="93"/>
      <c r="BK2188" s="93"/>
      <c r="BL2188" s="93"/>
    </row>
    <row r="2189" spans="2:64" x14ac:dyDescent="0.2">
      <c r="B2189" s="43"/>
      <c r="C2189" s="73"/>
      <c r="D2189" s="64"/>
      <c r="E2189" s="55"/>
      <c r="F2189" s="74"/>
      <c r="G2189" s="74"/>
      <c r="H2189" s="74"/>
      <c r="I2189" s="75"/>
      <c r="J2189" s="74"/>
      <c r="L2189" s="55"/>
      <c r="M2189" s="234"/>
      <c r="N2189" s="65"/>
      <c r="O2189" s="76"/>
      <c r="P2189" s="76"/>
      <c r="Q2189" s="65"/>
      <c r="R2189" s="76"/>
      <c r="S2189" s="76"/>
      <c r="T2189" s="76"/>
      <c r="U2189" s="76"/>
      <c r="V2189" s="76"/>
      <c r="W2189" s="76"/>
      <c r="X2189" s="76"/>
      <c r="Y2189" s="76"/>
      <c r="Z2189" s="76"/>
      <c r="AA2189" s="85"/>
      <c r="AB2189" s="85"/>
      <c r="AC2189" s="85"/>
      <c r="AD2189" s="85"/>
      <c r="AE2189" s="85"/>
      <c r="AF2189" s="85"/>
      <c r="AG2189" s="86"/>
      <c r="AH2189" s="85"/>
      <c r="AI2189" s="85"/>
      <c r="AJ2189" s="85"/>
      <c r="AK2189" s="85"/>
      <c r="AL2189" s="85"/>
      <c r="AM2189" s="92"/>
      <c r="AN2189" s="92"/>
      <c r="AO2189" s="92"/>
      <c r="AP2189" s="92"/>
      <c r="AQ2189" s="92"/>
      <c r="AR2189" s="92"/>
      <c r="AS2189" s="92"/>
      <c r="AT2189" s="92"/>
      <c r="AU2189" s="92"/>
      <c r="AV2189" s="92"/>
      <c r="AW2189" s="92"/>
      <c r="AX2189" s="92"/>
      <c r="AY2189" s="92"/>
      <c r="AZ2189" s="93"/>
      <c r="BA2189" s="93"/>
      <c r="BB2189" s="93"/>
      <c r="BC2189" s="93"/>
      <c r="BD2189" s="93"/>
      <c r="BE2189" s="93"/>
      <c r="BF2189" s="93"/>
      <c r="BG2189" s="93"/>
      <c r="BH2189" s="93"/>
      <c r="BI2189" s="93"/>
      <c r="BJ2189" s="93"/>
      <c r="BK2189" s="93"/>
      <c r="BL2189" s="93"/>
    </row>
    <row r="2190" spans="2:64" x14ac:dyDescent="0.2">
      <c r="B2190" s="43"/>
      <c r="C2190" s="73"/>
      <c r="D2190" s="64"/>
      <c r="E2190" s="55"/>
      <c r="F2190" s="74"/>
      <c r="G2190" s="74"/>
      <c r="H2190" s="74"/>
      <c r="I2190" s="75"/>
      <c r="J2190" s="74"/>
      <c r="L2190" s="55"/>
      <c r="M2190" s="234"/>
      <c r="N2190" s="65"/>
      <c r="O2190" s="76"/>
      <c r="P2190" s="76"/>
      <c r="Q2190" s="65"/>
      <c r="R2190" s="76"/>
      <c r="S2190" s="76"/>
      <c r="T2190" s="76"/>
      <c r="U2190" s="76"/>
      <c r="V2190" s="76"/>
      <c r="W2190" s="76"/>
      <c r="X2190" s="76"/>
      <c r="Y2190" s="76"/>
      <c r="Z2190" s="76"/>
      <c r="AA2190" s="85"/>
      <c r="AB2190" s="85"/>
      <c r="AC2190" s="85"/>
      <c r="AD2190" s="85"/>
      <c r="AE2190" s="85"/>
      <c r="AF2190" s="85"/>
      <c r="AG2190" s="86"/>
      <c r="AH2190" s="85"/>
      <c r="AI2190" s="85"/>
      <c r="AJ2190" s="85"/>
      <c r="AK2190" s="85"/>
      <c r="AL2190" s="85"/>
      <c r="AM2190" s="92"/>
      <c r="AN2190" s="92"/>
      <c r="AO2190" s="92"/>
      <c r="AP2190" s="92"/>
      <c r="AQ2190" s="92"/>
      <c r="AR2190" s="92"/>
      <c r="AS2190" s="92"/>
      <c r="AT2190" s="92"/>
      <c r="AU2190" s="92"/>
      <c r="AV2190" s="92"/>
      <c r="AW2190" s="92"/>
      <c r="AX2190" s="92"/>
      <c r="AY2190" s="92"/>
      <c r="AZ2190" s="93"/>
      <c r="BA2190" s="93"/>
      <c r="BB2190" s="93"/>
      <c r="BC2190" s="93"/>
      <c r="BD2190" s="93"/>
      <c r="BE2190" s="93"/>
      <c r="BF2190" s="93"/>
      <c r="BG2190" s="93"/>
      <c r="BH2190" s="93"/>
      <c r="BI2190" s="93"/>
      <c r="BJ2190" s="93"/>
      <c r="BK2190" s="93"/>
      <c r="BL2190" s="93"/>
    </row>
    <row r="2191" spans="2:64" x14ac:dyDescent="0.2">
      <c r="B2191" s="43"/>
      <c r="C2191" s="73"/>
      <c r="D2191" s="64"/>
      <c r="E2191" s="55"/>
      <c r="F2191" s="74"/>
      <c r="G2191" s="74"/>
      <c r="H2191" s="74"/>
      <c r="I2191" s="75"/>
      <c r="J2191" s="74"/>
      <c r="L2191" s="55"/>
      <c r="M2191" s="234"/>
      <c r="N2191" s="65"/>
      <c r="O2191" s="76"/>
      <c r="P2191" s="76"/>
      <c r="Q2191" s="65"/>
      <c r="R2191" s="76"/>
      <c r="S2191" s="76"/>
      <c r="T2191" s="76"/>
      <c r="U2191" s="76"/>
      <c r="V2191" s="76"/>
      <c r="W2191" s="76"/>
      <c r="X2191" s="76"/>
      <c r="Y2191" s="76"/>
      <c r="Z2191" s="76"/>
      <c r="AA2191" s="85"/>
      <c r="AB2191" s="85"/>
      <c r="AC2191" s="85"/>
      <c r="AD2191" s="85"/>
      <c r="AE2191" s="85"/>
      <c r="AF2191" s="85"/>
      <c r="AG2191" s="86"/>
      <c r="AH2191" s="85"/>
      <c r="AI2191" s="85"/>
      <c r="AJ2191" s="85"/>
      <c r="AK2191" s="85"/>
      <c r="AL2191" s="85"/>
      <c r="AM2191" s="92"/>
      <c r="AN2191" s="92"/>
      <c r="AO2191" s="92"/>
      <c r="AP2191" s="92"/>
      <c r="AQ2191" s="92"/>
      <c r="AR2191" s="92"/>
      <c r="AS2191" s="92"/>
      <c r="AT2191" s="92"/>
      <c r="AU2191" s="92"/>
      <c r="AV2191" s="92"/>
      <c r="AW2191" s="92"/>
      <c r="AX2191" s="92"/>
      <c r="AY2191" s="92"/>
      <c r="AZ2191" s="93"/>
      <c r="BA2191" s="93"/>
      <c r="BB2191" s="93"/>
      <c r="BC2191" s="93"/>
      <c r="BD2191" s="93"/>
      <c r="BE2191" s="93"/>
      <c r="BF2191" s="93"/>
      <c r="BG2191" s="93"/>
      <c r="BH2191" s="93"/>
      <c r="BI2191" s="93"/>
      <c r="BJ2191" s="93"/>
      <c r="BK2191" s="93"/>
      <c r="BL2191" s="93"/>
    </row>
    <row r="2192" spans="2:64" x14ac:dyDescent="0.2">
      <c r="B2192" s="43"/>
      <c r="C2192" s="73"/>
      <c r="D2192" s="64"/>
      <c r="E2192" s="55"/>
      <c r="F2192" s="74"/>
      <c r="G2192" s="74"/>
      <c r="H2192" s="74"/>
      <c r="I2192" s="75"/>
      <c r="J2192" s="74"/>
      <c r="L2192" s="55"/>
      <c r="M2192" s="234"/>
      <c r="N2192" s="65"/>
      <c r="O2192" s="76"/>
      <c r="P2192" s="76"/>
      <c r="Q2192" s="65"/>
      <c r="R2192" s="76"/>
      <c r="S2192" s="76"/>
      <c r="T2192" s="76"/>
      <c r="U2192" s="76"/>
      <c r="V2192" s="76"/>
      <c r="W2192" s="76"/>
      <c r="X2192" s="76"/>
      <c r="Y2192" s="76"/>
      <c r="Z2192" s="76"/>
      <c r="AA2192" s="85"/>
      <c r="AB2192" s="85"/>
      <c r="AC2192" s="85"/>
      <c r="AD2192" s="85"/>
      <c r="AE2192" s="85"/>
      <c r="AF2192" s="85"/>
      <c r="AG2192" s="86"/>
      <c r="AH2192" s="85"/>
      <c r="AI2192" s="85"/>
      <c r="AJ2192" s="85"/>
      <c r="AK2192" s="85"/>
      <c r="AL2192" s="85"/>
      <c r="AM2192" s="92"/>
      <c r="AN2192" s="92"/>
      <c r="AO2192" s="92"/>
      <c r="AP2192" s="92"/>
      <c r="AQ2192" s="92"/>
      <c r="AR2192" s="92"/>
      <c r="AS2192" s="92"/>
      <c r="AT2192" s="92"/>
      <c r="AU2192" s="92"/>
      <c r="AV2192" s="92"/>
      <c r="AW2192" s="92"/>
      <c r="AX2192" s="92"/>
      <c r="AY2192" s="92"/>
      <c r="AZ2192" s="93"/>
      <c r="BA2192" s="93"/>
      <c r="BB2192" s="93"/>
      <c r="BC2192" s="93"/>
      <c r="BD2192" s="93"/>
      <c r="BE2192" s="93"/>
      <c r="BF2192" s="93"/>
      <c r="BG2192" s="93"/>
      <c r="BH2192" s="93"/>
      <c r="BI2192" s="93"/>
      <c r="BJ2192" s="93"/>
      <c r="BK2192" s="93"/>
      <c r="BL2192" s="93"/>
    </row>
    <row r="2193" spans="2:64" x14ac:dyDescent="0.2">
      <c r="B2193" s="43"/>
      <c r="C2193" s="73"/>
      <c r="D2193" s="64"/>
      <c r="E2193" s="55"/>
      <c r="F2193" s="74"/>
      <c r="G2193" s="74"/>
      <c r="H2193" s="74"/>
      <c r="I2193" s="75"/>
      <c r="J2193" s="74"/>
      <c r="L2193" s="55"/>
      <c r="M2193" s="234"/>
      <c r="N2193" s="65"/>
      <c r="O2193" s="76"/>
      <c r="P2193" s="76"/>
      <c r="Q2193" s="65"/>
      <c r="R2193" s="76"/>
      <c r="S2193" s="76"/>
      <c r="T2193" s="76"/>
      <c r="U2193" s="76"/>
      <c r="V2193" s="76"/>
      <c r="W2193" s="76"/>
      <c r="X2193" s="76"/>
      <c r="Y2193" s="76"/>
      <c r="Z2193" s="76"/>
      <c r="AA2193" s="85"/>
      <c r="AB2193" s="85"/>
      <c r="AC2193" s="85"/>
      <c r="AD2193" s="85"/>
      <c r="AE2193" s="85"/>
      <c r="AF2193" s="85"/>
      <c r="AG2193" s="86"/>
      <c r="AH2193" s="85"/>
      <c r="AI2193" s="85"/>
      <c r="AJ2193" s="85"/>
      <c r="AK2193" s="85"/>
      <c r="AL2193" s="85"/>
      <c r="AM2193" s="92"/>
      <c r="AN2193" s="92"/>
      <c r="AO2193" s="92"/>
      <c r="AP2193" s="92"/>
      <c r="AQ2193" s="92"/>
      <c r="AR2193" s="92"/>
      <c r="AS2193" s="92"/>
      <c r="AT2193" s="92"/>
      <c r="AU2193" s="92"/>
      <c r="AV2193" s="92"/>
      <c r="AW2193" s="92"/>
      <c r="AX2193" s="92"/>
      <c r="AY2193" s="92"/>
      <c r="AZ2193" s="93"/>
      <c r="BA2193" s="93"/>
      <c r="BB2193" s="93"/>
      <c r="BC2193" s="93"/>
      <c r="BD2193" s="93"/>
      <c r="BE2193" s="93"/>
      <c r="BF2193" s="93"/>
      <c r="BG2193" s="93"/>
      <c r="BH2193" s="93"/>
      <c r="BI2193" s="93"/>
      <c r="BJ2193" s="93"/>
      <c r="BK2193" s="93"/>
      <c r="BL2193" s="93"/>
    </row>
    <row r="2194" spans="2:64" x14ac:dyDescent="0.2">
      <c r="B2194" s="43"/>
      <c r="C2194" s="73"/>
      <c r="D2194" s="64"/>
      <c r="E2194" s="55"/>
      <c r="F2194" s="74"/>
      <c r="G2194" s="74"/>
      <c r="H2194" s="74"/>
      <c r="I2194" s="75"/>
      <c r="J2194" s="74"/>
      <c r="L2194" s="55"/>
      <c r="M2194" s="234"/>
      <c r="N2194" s="65"/>
      <c r="O2194" s="76"/>
      <c r="P2194" s="76"/>
      <c r="Q2194" s="65"/>
      <c r="R2194" s="76"/>
      <c r="S2194" s="76"/>
      <c r="T2194" s="76"/>
      <c r="U2194" s="76"/>
      <c r="V2194" s="76"/>
      <c r="W2194" s="76"/>
      <c r="X2194" s="76"/>
      <c r="Y2194" s="76"/>
      <c r="Z2194" s="76"/>
      <c r="AA2194" s="85"/>
      <c r="AB2194" s="85"/>
      <c r="AC2194" s="85"/>
      <c r="AD2194" s="85"/>
      <c r="AE2194" s="85"/>
      <c r="AF2194" s="85"/>
      <c r="AG2194" s="86"/>
      <c r="AH2194" s="85"/>
      <c r="AI2194" s="85"/>
      <c r="AJ2194" s="85"/>
      <c r="AK2194" s="85"/>
      <c r="AL2194" s="85"/>
      <c r="AM2194" s="92"/>
      <c r="AN2194" s="92"/>
      <c r="AO2194" s="92"/>
      <c r="AP2194" s="92"/>
      <c r="AQ2194" s="92"/>
      <c r="AR2194" s="92"/>
      <c r="AS2194" s="92"/>
      <c r="AT2194" s="92"/>
      <c r="AU2194" s="92"/>
      <c r="AV2194" s="92"/>
      <c r="AW2194" s="92"/>
      <c r="AX2194" s="92"/>
      <c r="AY2194" s="92"/>
      <c r="AZ2194" s="93"/>
      <c r="BA2194" s="93"/>
      <c r="BB2194" s="93"/>
      <c r="BC2194" s="93"/>
      <c r="BD2194" s="93"/>
      <c r="BE2194" s="93"/>
      <c r="BF2194" s="93"/>
      <c r="BG2194" s="93"/>
      <c r="BH2194" s="93"/>
      <c r="BI2194" s="93"/>
      <c r="BJ2194" s="93"/>
      <c r="BK2194" s="93"/>
      <c r="BL2194" s="93"/>
    </row>
    <row r="2195" spans="2:64" x14ac:dyDescent="0.2">
      <c r="B2195" s="43"/>
      <c r="C2195" s="73"/>
      <c r="D2195" s="64"/>
      <c r="E2195" s="55"/>
      <c r="F2195" s="74"/>
      <c r="G2195" s="74"/>
      <c r="H2195" s="74"/>
      <c r="I2195" s="75"/>
      <c r="J2195" s="74"/>
      <c r="L2195" s="55"/>
      <c r="M2195" s="234"/>
      <c r="N2195" s="65"/>
      <c r="O2195" s="76"/>
      <c r="P2195" s="76"/>
      <c r="Q2195" s="65"/>
      <c r="R2195" s="76"/>
      <c r="S2195" s="76"/>
      <c r="T2195" s="76"/>
      <c r="U2195" s="76"/>
      <c r="V2195" s="76"/>
      <c r="W2195" s="76"/>
      <c r="X2195" s="76"/>
      <c r="Y2195" s="76"/>
      <c r="Z2195" s="76"/>
      <c r="AA2195" s="85"/>
      <c r="AB2195" s="85"/>
      <c r="AC2195" s="85"/>
      <c r="AD2195" s="85"/>
      <c r="AE2195" s="85"/>
      <c r="AF2195" s="85"/>
      <c r="AG2195" s="86"/>
      <c r="AH2195" s="85"/>
      <c r="AI2195" s="85"/>
      <c r="AJ2195" s="85"/>
      <c r="AK2195" s="85"/>
      <c r="AL2195" s="85"/>
      <c r="AM2195" s="92"/>
      <c r="AN2195" s="92"/>
      <c r="AO2195" s="92"/>
      <c r="AP2195" s="92"/>
      <c r="AQ2195" s="92"/>
      <c r="AR2195" s="92"/>
      <c r="AS2195" s="92"/>
      <c r="AT2195" s="92"/>
      <c r="AU2195" s="92"/>
      <c r="AV2195" s="92"/>
      <c r="AW2195" s="92"/>
      <c r="AX2195" s="92"/>
      <c r="AY2195" s="92"/>
      <c r="AZ2195" s="93"/>
      <c r="BA2195" s="93"/>
      <c r="BB2195" s="93"/>
      <c r="BC2195" s="93"/>
      <c r="BD2195" s="93"/>
      <c r="BE2195" s="93"/>
      <c r="BF2195" s="93"/>
      <c r="BG2195" s="93"/>
      <c r="BH2195" s="93"/>
      <c r="BI2195" s="93"/>
      <c r="BJ2195" s="93"/>
      <c r="BK2195" s="93"/>
      <c r="BL2195" s="93"/>
    </row>
    <row r="2196" spans="2:64" x14ac:dyDescent="0.2">
      <c r="B2196" s="43"/>
      <c r="C2196" s="73"/>
      <c r="D2196" s="64"/>
      <c r="E2196" s="55"/>
      <c r="F2196" s="74"/>
      <c r="G2196" s="74"/>
      <c r="H2196" s="74"/>
      <c r="I2196" s="75"/>
      <c r="J2196" s="74"/>
      <c r="L2196" s="55"/>
      <c r="M2196" s="234"/>
      <c r="N2196" s="65"/>
      <c r="O2196" s="76"/>
      <c r="P2196" s="76"/>
      <c r="Q2196" s="65"/>
      <c r="R2196" s="76"/>
      <c r="S2196" s="76"/>
      <c r="T2196" s="76"/>
      <c r="U2196" s="76"/>
      <c r="V2196" s="76"/>
      <c r="W2196" s="76"/>
      <c r="X2196" s="76"/>
      <c r="Y2196" s="76"/>
      <c r="Z2196" s="76"/>
      <c r="AA2196" s="85"/>
      <c r="AB2196" s="85"/>
      <c r="AC2196" s="85"/>
      <c r="AD2196" s="85"/>
      <c r="AE2196" s="85"/>
      <c r="AF2196" s="85"/>
      <c r="AG2196" s="86"/>
      <c r="AH2196" s="85"/>
      <c r="AI2196" s="85"/>
      <c r="AJ2196" s="85"/>
      <c r="AK2196" s="85"/>
      <c r="AL2196" s="85"/>
      <c r="AM2196" s="92"/>
      <c r="AN2196" s="92"/>
      <c r="AO2196" s="92"/>
      <c r="AP2196" s="92"/>
      <c r="AQ2196" s="92"/>
      <c r="AR2196" s="92"/>
      <c r="AS2196" s="92"/>
      <c r="AT2196" s="92"/>
      <c r="AU2196" s="92"/>
      <c r="AV2196" s="92"/>
      <c r="AW2196" s="92"/>
      <c r="AX2196" s="92"/>
      <c r="AY2196" s="92"/>
      <c r="AZ2196" s="93"/>
      <c r="BA2196" s="93"/>
      <c r="BB2196" s="93"/>
      <c r="BC2196" s="93"/>
      <c r="BD2196" s="93"/>
      <c r="BE2196" s="93"/>
      <c r="BF2196" s="93"/>
      <c r="BG2196" s="93"/>
      <c r="BH2196" s="93"/>
      <c r="BI2196" s="93"/>
      <c r="BJ2196" s="93"/>
      <c r="BK2196" s="93"/>
      <c r="BL2196" s="93"/>
    </row>
    <row r="2197" spans="2:64" x14ac:dyDescent="0.2">
      <c r="B2197" s="43"/>
      <c r="C2197" s="73"/>
      <c r="D2197" s="64"/>
      <c r="E2197" s="55"/>
      <c r="F2197" s="74"/>
      <c r="G2197" s="74"/>
      <c r="H2197" s="74"/>
      <c r="I2197" s="75"/>
      <c r="J2197" s="74"/>
      <c r="L2197" s="55"/>
      <c r="M2197" s="234"/>
      <c r="N2197" s="65"/>
      <c r="O2197" s="76"/>
      <c r="P2197" s="76"/>
      <c r="Q2197" s="65"/>
      <c r="R2197" s="76"/>
      <c r="S2197" s="76"/>
      <c r="T2197" s="76"/>
      <c r="U2197" s="76"/>
      <c r="V2197" s="76"/>
      <c r="W2197" s="76"/>
      <c r="X2197" s="76"/>
      <c r="Y2197" s="76"/>
      <c r="Z2197" s="76"/>
      <c r="AA2197" s="85"/>
      <c r="AB2197" s="85"/>
      <c r="AC2197" s="85"/>
      <c r="AD2197" s="85"/>
      <c r="AE2197" s="85"/>
      <c r="AF2197" s="85"/>
      <c r="AG2197" s="86"/>
      <c r="AH2197" s="85"/>
      <c r="AI2197" s="85"/>
      <c r="AJ2197" s="85"/>
      <c r="AK2197" s="85"/>
      <c r="AL2197" s="85"/>
      <c r="AM2197" s="92"/>
      <c r="AN2197" s="92"/>
      <c r="AO2197" s="92"/>
      <c r="AP2197" s="92"/>
      <c r="AQ2197" s="92"/>
      <c r="AR2197" s="92"/>
      <c r="AS2197" s="92"/>
      <c r="AT2197" s="92"/>
      <c r="AU2197" s="92"/>
      <c r="AV2197" s="92"/>
      <c r="AW2197" s="92"/>
      <c r="AX2197" s="92"/>
      <c r="AY2197" s="92"/>
      <c r="AZ2197" s="93"/>
      <c r="BA2197" s="93"/>
      <c r="BB2197" s="93"/>
      <c r="BC2197" s="93"/>
      <c r="BD2197" s="93"/>
      <c r="BE2197" s="93"/>
      <c r="BF2197" s="93"/>
      <c r="BG2197" s="93"/>
      <c r="BH2197" s="93"/>
      <c r="BI2197" s="93"/>
      <c r="BJ2197" s="93"/>
      <c r="BK2197" s="93"/>
      <c r="BL2197" s="93"/>
    </row>
    <row r="2198" spans="2:64" x14ac:dyDescent="0.2">
      <c r="B2198" s="43"/>
      <c r="C2198" s="73"/>
      <c r="D2198" s="64"/>
      <c r="E2198" s="55"/>
      <c r="F2198" s="74"/>
      <c r="G2198" s="74"/>
      <c r="H2198" s="74"/>
      <c r="I2198" s="75"/>
      <c r="J2198" s="74"/>
      <c r="L2198" s="55"/>
      <c r="M2198" s="234"/>
      <c r="N2198" s="65"/>
      <c r="O2198" s="76"/>
      <c r="P2198" s="76"/>
      <c r="Q2198" s="65"/>
      <c r="R2198" s="76"/>
      <c r="S2198" s="76"/>
      <c r="T2198" s="76"/>
      <c r="U2198" s="76"/>
      <c r="V2198" s="76"/>
      <c r="W2198" s="76"/>
      <c r="X2198" s="76"/>
      <c r="Y2198" s="76"/>
      <c r="Z2198" s="76"/>
      <c r="AA2198" s="85"/>
      <c r="AB2198" s="85"/>
      <c r="AC2198" s="85"/>
      <c r="AD2198" s="85"/>
      <c r="AE2198" s="85"/>
      <c r="AF2198" s="85"/>
      <c r="AG2198" s="86"/>
      <c r="AH2198" s="85"/>
      <c r="AI2198" s="85"/>
      <c r="AJ2198" s="85"/>
      <c r="AK2198" s="85"/>
      <c r="AL2198" s="85"/>
      <c r="AM2198" s="92"/>
      <c r="AN2198" s="92"/>
      <c r="AO2198" s="92"/>
      <c r="AP2198" s="92"/>
      <c r="AQ2198" s="92"/>
      <c r="AR2198" s="92"/>
      <c r="AS2198" s="92"/>
      <c r="AT2198" s="92"/>
      <c r="AU2198" s="92"/>
      <c r="AV2198" s="92"/>
      <c r="AW2198" s="92"/>
      <c r="AX2198" s="92"/>
      <c r="AY2198" s="92"/>
      <c r="AZ2198" s="93"/>
      <c r="BA2198" s="93"/>
      <c r="BB2198" s="93"/>
      <c r="BC2198" s="93"/>
      <c r="BD2198" s="93"/>
      <c r="BE2198" s="93"/>
      <c r="BF2198" s="93"/>
      <c r="BG2198" s="93"/>
      <c r="BH2198" s="93"/>
      <c r="BI2198" s="93"/>
      <c r="BJ2198" s="93"/>
      <c r="BK2198" s="93"/>
      <c r="BL2198" s="93"/>
    </row>
    <row r="2199" spans="2:64" x14ac:dyDescent="0.2">
      <c r="B2199" s="43"/>
      <c r="C2199" s="73"/>
      <c r="D2199" s="64"/>
      <c r="E2199" s="55"/>
      <c r="F2199" s="74"/>
      <c r="G2199" s="74"/>
      <c r="H2199" s="74"/>
      <c r="I2199" s="75"/>
      <c r="J2199" s="74"/>
      <c r="L2199" s="55"/>
      <c r="M2199" s="234"/>
      <c r="N2199" s="65"/>
      <c r="O2199" s="76"/>
      <c r="P2199" s="76"/>
      <c r="Q2199" s="65"/>
      <c r="R2199" s="76"/>
      <c r="S2199" s="76"/>
      <c r="T2199" s="76"/>
      <c r="U2199" s="76"/>
      <c r="V2199" s="76"/>
      <c r="W2199" s="76"/>
      <c r="X2199" s="76"/>
      <c r="Y2199" s="76"/>
      <c r="Z2199" s="76"/>
      <c r="AA2199" s="85"/>
      <c r="AB2199" s="85"/>
      <c r="AC2199" s="85"/>
      <c r="AD2199" s="85"/>
      <c r="AE2199" s="85"/>
      <c r="AF2199" s="85"/>
      <c r="AG2199" s="86"/>
      <c r="AH2199" s="85"/>
      <c r="AI2199" s="85"/>
      <c r="AJ2199" s="85"/>
      <c r="AK2199" s="85"/>
      <c r="AL2199" s="85"/>
      <c r="AM2199" s="92"/>
      <c r="AN2199" s="92"/>
      <c r="AO2199" s="92"/>
      <c r="AP2199" s="92"/>
      <c r="AQ2199" s="92"/>
      <c r="AR2199" s="92"/>
      <c r="AS2199" s="92"/>
      <c r="AT2199" s="92"/>
      <c r="AU2199" s="92"/>
      <c r="AV2199" s="92"/>
      <c r="AW2199" s="92"/>
      <c r="AX2199" s="92"/>
      <c r="AY2199" s="92"/>
      <c r="AZ2199" s="93"/>
      <c r="BA2199" s="93"/>
      <c r="BB2199" s="93"/>
      <c r="BC2199" s="93"/>
      <c r="BD2199" s="93"/>
      <c r="BE2199" s="93"/>
      <c r="BF2199" s="93"/>
      <c r="BG2199" s="93"/>
      <c r="BH2199" s="93"/>
      <c r="BI2199" s="93"/>
      <c r="BJ2199" s="93"/>
      <c r="BK2199" s="93"/>
      <c r="BL2199" s="93"/>
    </row>
    <row r="2200" spans="2:64" x14ac:dyDescent="0.2">
      <c r="B2200" s="43"/>
      <c r="C2200" s="73"/>
      <c r="D2200" s="64"/>
      <c r="E2200" s="55"/>
      <c r="F2200" s="74"/>
      <c r="G2200" s="74"/>
      <c r="H2200" s="74"/>
      <c r="I2200" s="75"/>
      <c r="J2200" s="74"/>
      <c r="L2200" s="55"/>
      <c r="M2200" s="234"/>
      <c r="N2200" s="65"/>
      <c r="O2200" s="76"/>
      <c r="P2200" s="76"/>
      <c r="Q2200" s="65"/>
      <c r="R2200" s="76"/>
      <c r="S2200" s="76"/>
      <c r="T2200" s="76"/>
      <c r="U2200" s="76"/>
      <c r="V2200" s="76"/>
      <c r="W2200" s="76"/>
      <c r="X2200" s="76"/>
      <c r="Y2200" s="76"/>
      <c r="Z2200" s="76"/>
      <c r="AA2200" s="85"/>
      <c r="AB2200" s="85"/>
      <c r="AC2200" s="85"/>
      <c r="AD2200" s="85"/>
      <c r="AE2200" s="85"/>
      <c r="AF2200" s="85"/>
      <c r="AG2200" s="86"/>
      <c r="AH2200" s="85"/>
      <c r="AI2200" s="85"/>
      <c r="AJ2200" s="85"/>
      <c r="AK2200" s="85"/>
      <c r="AL2200" s="85"/>
      <c r="AM2200" s="92"/>
      <c r="AN2200" s="92"/>
      <c r="AO2200" s="92"/>
      <c r="AP2200" s="92"/>
      <c r="AQ2200" s="92"/>
      <c r="AR2200" s="92"/>
      <c r="AS2200" s="92"/>
      <c r="AT2200" s="92"/>
      <c r="AU2200" s="92"/>
      <c r="AV2200" s="92"/>
      <c r="AW2200" s="92"/>
      <c r="AX2200" s="92"/>
      <c r="AY2200" s="92"/>
      <c r="AZ2200" s="93"/>
      <c r="BA2200" s="93"/>
      <c r="BB2200" s="93"/>
      <c r="BC2200" s="93"/>
      <c r="BD2200" s="93"/>
      <c r="BE2200" s="93"/>
      <c r="BF2200" s="93"/>
      <c r="BG2200" s="93"/>
      <c r="BH2200" s="93"/>
      <c r="BI2200" s="93"/>
      <c r="BJ2200" s="93"/>
      <c r="BK2200" s="93"/>
      <c r="BL2200" s="93"/>
    </row>
    <row r="2201" spans="2:64" x14ac:dyDescent="0.2">
      <c r="B2201" s="43"/>
      <c r="C2201" s="73"/>
      <c r="D2201" s="64"/>
      <c r="E2201" s="55"/>
      <c r="F2201" s="74"/>
      <c r="G2201" s="74"/>
      <c r="H2201" s="74"/>
      <c r="I2201" s="75"/>
      <c r="J2201" s="74"/>
      <c r="L2201" s="55"/>
      <c r="M2201" s="234"/>
      <c r="N2201" s="65"/>
      <c r="O2201" s="76"/>
      <c r="P2201" s="76"/>
      <c r="Q2201" s="65"/>
      <c r="R2201" s="76"/>
      <c r="S2201" s="76"/>
      <c r="T2201" s="76"/>
      <c r="U2201" s="76"/>
      <c r="V2201" s="76"/>
      <c r="W2201" s="76"/>
      <c r="X2201" s="76"/>
      <c r="Y2201" s="76"/>
      <c r="Z2201" s="76"/>
      <c r="AA2201" s="85"/>
      <c r="AB2201" s="85"/>
      <c r="AC2201" s="85"/>
      <c r="AD2201" s="85"/>
      <c r="AE2201" s="85"/>
      <c r="AF2201" s="85"/>
      <c r="AG2201" s="86"/>
      <c r="AH2201" s="85"/>
      <c r="AI2201" s="85"/>
      <c r="AJ2201" s="85"/>
      <c r="AK2201" s="85"/>
      <c r="AL2201" s="85"/>
      <c r="AM2201" s="92"/>
      <c r="AN2201" s="92"/>
      <c r="AO2201" s="92"/>
      <c r="AP2201" s="92"/>
      <c r="AQ2201" s="92"/>
      <c r="AR2201" s="92"/>
      <c r="AS2201" s="92"/>
      <c r="AT2201" s="92"/>
      <c r="AU2201" s="92"/>
      <c r="AV2201" s="92"/>
      <c r="AW2201" s="92"/>
      <c r="AX2201" s="92"/>
      <c r="AY2201" s="92"/>
      <c r="AZ2201" s="93"/>
      <c r="BA2201" s="93"/>
      <c r="BB2201" s="93"/>
      <c r="BC2201" s="93"/>
      <c r="BD2201" s="93"/>
      <c r="BE2201" s="93"/>
      <c r="BF2201" s="93"/>
      <c r="BG2201" s="93"/>
      <c r="BH2201" s="93"/>
      <c r="BI2201" s="93"/>
      <c r="BJ2201" s="93"/>
      <c r="BK2201" s="93"/>
      <c r="BL2201" s="93"/>
    </row>
    <row r="2202" spans="2:64" x14ac:dyDescent="0.2">
      <c r="B2202" s="43"/>
      <c r="C2202" s="73"/>
      <c r="D2202" s="64"/>
      <c r="E2202" s="55"/>
      <c r="F2202" s="74"/>
      <c r="G2202" s="74"/>
      <c r="H2202" s="74"/>
      <c r="I2202" s="75"/>
      <c r="J2202" s="74"/>
      <c r="L2202" s="55"/>
      <c r="M2202" s="234"/>
      <c r="N2202" s="65"/>
      <c r="O2202" s="76"/>
      <c r="P2202" s="76"/>
      <c r="Q2202" s="65"/>
      <c r="R2202" s="76"/>
      <c r="S2202" s="76"/>
      <c r="T2202" s="76"/>
      <c r="U2202" s="76"/>
      <c r="V2202" s="76"/>
      <c r="W2202" s="76"/>
      <c r="X2202" s="76"/>
      <c r="Y2202" s="76"/>
      <c r="Z2202" s="76"/>
      <c r="AA2202" s="85"/>
      <c r="AB2202" s="85"/>
      <c r="AC2202" s="85"/>
      <c r="AD2202" s="85"/>
      <c r="AE2202" s="85"/>
      <c r="AF2202" s="85"/>
      <c r="AG2202" s="86"/>
      <c r="AH2202" s="85"/>
      <c r="AI2202" s="85"/>
      <c r="AJ2202" s="85"/>
      <c r="AK2202" s="85"/>
      <c r="AL2202" s="85"/>
      <c r="AM2202" s="92"/>
      <c r="AN2202" s="92"/>
      <c r="AO2202" s="92"/>
      <c r="AP2202" s="92"/>
      <c r="AQ2202" s="92"/>
      <c r="AR2202" s="92"/>
      <c r="AS2202" s="92"/>
      <c r="AT2202" s="92"/>
      <c r="AU2202" s="92"/>
      <c r="AV2202" s="92"/>
      <c r="AW2202" s="92"/>
      <c r="AX2202" s="92"/>
      <c r="AY2202" s="92"/>
      <c r="AZ2202" s="93"/>
      <c r="BA2202" s="93"/>
      <c r="BB2202" s="93"/>
      <c r="BC2202" s="93"/>
      <c r="BD2202" s="93"/>
      <c r="BE2202" s="93"/>
      <c r="BF2202" s="93"/>
      <c r="BG2202" s="93"/>
      <c r="BH2202" s="93"/>
      <c r="BI2202" s="93"/>
      <c r="BJ2202" s="93"/>
      <c r="BK2202" s="93"/>
      <c r="BL2202" s="93"/>
    </row>
    <row r="2203" spans="2:64" x14ac:dyDescent="0.2">
      <c r="B2203" s="43"/>
      <c r="C2203" s="73"/>
      <c r="D2203" s="64"/>
      <c r="E2203" s="55"/>
      <c r="F2203" s="74"/>
      <c r="G2203" s="74"/>
      <c r="H2203" s="74"/>
      <c r="I2203" s="75"/>
      <c r="J2203" s="74"/>
      <c r="L2203" s="55"/>
      <c r="M2203" s="234"/>
      <c r="N2203" s="65"/>
      <c r="O2203" s="76"/>
      <c r="P2203" s="76"/>
      <c r="Q2203" s="65"/>
      <c r="R2203" s="76"/>
      <c r="S2203" s="76"/>
      <c r="T2203" s="76"/>
      <c r="U2203" s="76"/>
      <c r="V2203" s="76"/>
      <c r="W2203" s="76"/>
      <c r="X2203" s="76"/>
      <c r="Y2203" s="76"/>
      <c r="Z2203" s="76"/>
      <c r="AA2203" s="85"/>
      <c r="AB2203" s="85"/>
      <c r="AC2203" s="85"/>
      <c r="AD2203" s="85"/>
      <c r="AE2203" s="85"/>
      <c r="AF2203" s="85"/>
      <c r="AG2203" s="86"/>
      <c r="AH2203" s="85"/>
      <c r="AI2203" s="85"/>
      <c r="AJ2203" s="85"/>
      <c r="AK2203" s="85"/>
      <c r="AL2203" s="85"/>
      <c r="AM2203" s="92"/>
      <c r="AN2203" s="92"/>
      <c r="AO2203" s="92"/>
      <c r="AP2203" s="92"/>
      <c r="AQ2203" s="92"/>
      <c r="AR2203" s="92"/>
      <c r="AS2203" s="92"/>
      <c r="AT2203" s="92"/>
      <c r="AU2203" s="92"/>
      <c r="AV2203" s="92"/>
      <c r="AW2203" s="92"/>
      <c r="AX2203" s="92"/>
      <c r="AY2203" s="92"/>
      <c r="AZ2203" s="93"/>
      <c r="BA2203" s="93"/>
      <c r="BB2203" s="93"/>
      <c r="BC2203" s="93"/>
      <c r="BD2203" s="93"/>
      <c r="BE2203" s="93"/>
      <c r="BF2203" s="93"/>
      <c r="BG2203" s="93"/>
      <c r="BH2203" s="93"/>
      <c r="BI2203" s="93"/>
      <c r="BJ2203" s="93"/>
      <c r="BK2203" s="93"/>
      <c r="BL2203" s="93"/>
    </row>
    <row r="2204" spans="2:64" x14ac:dyDescent="0.2">
      <c r="B2204" s="43"/>
      <c r="C2204" s="73"/>
      <c r="D2204" s="64"/>
      <c r="E2204" s="55"/>
      <c r="F2204" s="74"/>
      <c r="G2204" s="74"/>
      <c r="H2204" s="74"/>
      <c r="I2204" s="75"/>
      <c r="J2204" s="74"/>
      <c r="L2204" s="55"/>
      <c r="M2204" s="234"/>
      <c r="N2204" s="65"/>
      <c r="O2204" s="76"/>
      <c r="P2204" s="76"/>
      <c r="Q2204" s="65"/>
      <c r="R2204" s="76"/>
      <c r="S2204" s="76"/>
      <c r="T2204" s="76"/>
      <c r="U2204" s="76"/>
      <c r="V2204" s="76"/>
      <c r="W2204" s="76"/>
      <c r="X2204" s="76"/>
      <c r="Y2204" s="76"/>
      <c r="Z2204" s="76"/>
      <c r="AA2204" s="85"/>
      <c r="AB2204" s="85"/>
      <c r="AC2204" s="85"/>
      <c r="AD2204" s="85"/>
      <c r="AE2204" s="85"/>
      <c r="AF2204" s="85"/>
      <c r="AG2204" s="86"/>
      <c r="AH2204" s="85"/>
      <c r="AI2204" s="85"/>
      <c r="AJ2204" s="85"/>
      <c r="AK2204" s="85"/>
      <c r="AL2204" s="85"/>
      <c r="AM2204" s="92"/>
      <c r="AN2204" s="92"/>
      <c r="AO2204" s="92"/>
      <c r="AP2204" s="92"/>
      <c r="AQ2204" s="92"/>
      <c r="AR2204" s="92"/>
      <c r="AS2204" s="92"/>
      <c r="AT2204" s="92"/>
      <c r="AU2204" s="92"/>
      <c r="AV2204" s="92"/>
      <c r="AW2204" s="92"/>
      <c r="AX2204" s="92"/>
      <c r="AY2204" s="92"/>
      <c r="AZ2204" s="93"/>
      <c r="BA2204" s="93"/>
      <c r="BB2204" s="93"/>
      <c r="BC2204" s="93"/>
      <c r="BD2204" s="93"/>
      <c r="BE2204" s="93"/>
      <c r="BF2204" s="93"/>
      <c r="BG2204" s="93"/>
      <c r="BH2204" s="93"/>
      <c r="BI2204" s="93"/>
      <c r="BJ2204" s="93"/>
      <c r="BK2204" s="93"/>
      <c r="BL2204" s="93"/>
    </row>
    <row r="2205" spans="2:64" x14ac:dyDescent="0.2">
      <c r="B2205" s="43"/>
      <c r="C2205" s="73"/>
      <c r="D2205" s="64"/>
      <c r="E2205" s="55"/>
      <c r="F2205" s="74"/>
      <c r="G2205" s="74"/>
      <c r="H2205" s="74"/>
      <c r="I2205" s="75"/>
      <c r="J2205" s="74"/>
      <c r="L2205" s="55"/>
      <c r="M2205" s="234"/>
      <c r="N2205" s="65"/>
      <c r="O2205" s="76"/>
      <c r="P2205" s="76"/>
      <c r="Q2205" s="65"/>
      <c r="R2205" s="76"/>
      <c r="S2205" s="76"/>
      <c r="T2205" s="76"/>
      <c r="U2205" s="76"/>
      <c r="V2205" s="76"/>
      <c r="W2205" s="76"/>
      <c r="X2205" s="76"/>
      <c r="Y2205" s="76"/>
      <c r="Z2205" s="76"/>
      <c r="AA2205" s="85"/>
      <c r="AB2205" s="85"/>
      <c r="AC2205" s="85"/>
      <c r="AD2205" s="85"/>
      <c r="AE2205" s="85"/>
      <c r="AF2205" s="85"/>
      <c r="AG2205" s="86"/>
      <c r="AH2205" s="85"/>
      <c r="AI2205" s="85"/>
      <c r="AJ2205" s="85"/>
      <c r="AK2205" s="85"/>
      <c r="AL2205" s="85"/>
      <c r="AM2205" s="92"/>
      <c r="AN2205" s="92"/>
      <c r="AO2205" s="92"/>
      <c r="AP2205" s="92"/>
      <c r="AQ2205" s="92"/>
      <c r="AR2205" s="92"/>
      <c r="AS2205" s="92"/>
      <c r="AT2205" s="92"/>
      <c r="AU2205" s="92"/>
      <c r="AV2205" s="92"/>
      <c r="AW2205" s="92"/>
      <c r="AX2205" s="92"/>
      <c r="AY2205" s="92"/>
      <c r="AZ2205" s="93"/>
      <c r="BA2205" s="93"/>
      <c r="BB2205" s="93"/>
      <c r="BC2205" s="93"/>
      <c r="BD2205" s="93"/>
      <c r="BE2205" s="93"/>
      <c r="BF2205" s="93"/>
      <c r="BG2205" s="93"/>
      <c r="BH2205" s="93"/>
      <c r="BI2205" s="93"/>
      <c r="BJ2205" s="93"/>
      <c r="BK2205" s="93"/>
      <c r="BL2205" s="93"/>
    </row>
    <row r="2206" spans="2:64" x14ac:dyDescent="0.2">
      <c r="B2206" s="43"/>
      <c r="C2206" s="73"/>
      <c r="D2206" s="64"/>
      <c r="E2206" s="55"/>
      <c r="F2206" s="74"/>
      <c r="G2206" s="74"/>
      <c r="H2206" s="74"/>
      <c r="I2206" s="75"/>
      <c r="J2206" s="74"/>
      <c r="L2206" s="55"/>
      <c r="M2206" s="234"/>
      <c r="N2206" s="65"/>
      <c r="O2206" s="76"/>
      <c r="P2206" s="76"/>
      <c r="Q2206" s="65"/>
      <c r="R2206" s="76"/>
      <c r="S2206" s="76"/>
      <c r="T2206" s="76"/>
      <c r="U2206" s="76"/>
      <c r="V2206" s="76"/>
      <c r="W2206" s="76"/>
      <c r="X2206" s="76"/>
      <c r="Y2206" s="76"/>
      <c r="Z2206" s="76"/>
      <c r="AA2206" s="85"/>
      <c r="AB2206" s="85"/>
      <c r="AC2206" s="85"/>
      <c r="AD2206" s="85"/>
      <c r="AE2206" s="85"/>
      <c r="AF2206" s="85"/>
      <c r="AG2206" s="86"/>
      <c r="AH2206" s="85"/>
      <c r="AI2206" s="85"/>
      <c r="AJ2206" s="85"/>
      <c r="AK2206" s="85"/>
      <c r="AL2206" s="85"/>
      <c r="AM2206" s="92"/>
      <c r="AN2206" s="92"/>
      <c r="AO2206" s="92"/>
      <c r="AP2206" s="92"/>
      <c r="AQ2206" s="92"/>
      <c r="AR2206" s="92"/>
      <c r="AS2206" s="92"/>
      <c r="AT2206" s="92"/>
      <c r="AU2206" s="92"/>
      <c r="AV2206" s="92"/>
      <c r="AW2206" s="92"/>
      <c r="AX2206" s="92"/>
      <c r="AY2206" s="92"/>
      <c r="AZ2206" s="93"/>
      <c r="BA2206" s="93"/>
      <c r="BB2206" s="93"/>
      <c r="BC2206" s="93"/>
      <c r="BD2206" s="93"/>
      <c r="BE2206" s="93"/>
      <c r="BF2206" s="93"/>
      <c r="BG2206" s="93"/>
      <c r="BH2206" s="93"/>
      <c r="BI2206" s="93"/>
      <c r="BJ2206" s="93"/>
      <c r="BK2206" s="93"/>
      <c r="BL2206" s="93"/>
    </row>
    <row r="2207" spans="2:64" x14ac:dyDescent="0.2">
      <c r="B2207" s="43"/>
      <c r="C2207" s="73"/>
      <c r="D2207" s="64"/>
      <c r="E2207" s="55"/>
      <c r="F2207" s="74"/>
      <c r="G2207" s="74"/>
      <c r="H2207" s="74"/>
      <c r="I2207" s="75"/>
      <c r="J2207" s="74"/>
      <c r="L2207" s="55"/>
      <c r="M2207" s="234"/>
      <c r="N2207" s="65"/>
      <c r="O2207" s="76"/>
      <c r="P2207" s="76"/>
      <c r="Q2207" s="65"/>
      <c r="R2207" s="76"/>
      <c r="S2207" s="76"/>
      <c r="T2207" s="76"/>
      <c r="U2207" s="76"/>
      <c r="V2207" s="76"/>
      <c r="W2207" s="76"/>
      <c r="X2207" s="76"/>
      <c r="Y2207" s="76"/>
      <c r="Z2207" s="76"/>
      <c r="AA2207" s="85"/>
      <c r="AB2207" s="85"/>
      <c r="AC2207" s="85"/>
      <c r="AD2207" s="85"/>
      <c r="AE2207" s="85"/>
      <c r="AF2207" s="85"/>
      <c r="AG2207" s="86"/>
      <c r="AH2207" s="85"/>
      <c r="AI2207" s="85"/>
      <c r="AJ2207" s="85"/>
      <c r="AK2207" s="85"/>
      <c r="AL2207" s="85"/>
      <c r="AM2207" s="92"/>
      <c r="AN2207" s="92"/>
      <c r="AO2207" s="92"/>
      <c r="AP2207" s="92"/>
      <c r="AQ2207" s="92"/>
      <c r="AR2207" s="92"/>
      <c r="AS2207" s="92"/>
      <c r="AT2207" s="92"/>
      <c r="AU2207" s="92"/>
      <c r="AV2207" s="92"/>
      <c r="AW2207" s="92"/>
      <c r="AX2207" s="92"/>
      <c r="AY2207" s="92"/>
      <c r="AZ2207" s="93"/>
      <c r="BA2207" s="93"/>
      <c r="BB2207" s="93"/>
      <c r="BC2207" s="93"/>
      <c r="BD2207" s="93"/>
      <c r="BE2207" s="93"/>
      <c r="BF2207" s="93"/>
      <c r="BG2207" s="93"/>
      <c r="BH2207" s="93"/>
      <c r="BI2207" s="93"/>
      <c r="BJ2207" s="93"/>
      <c r="BK2207" s="93"/>
      <c r="BL2207" s="93"/>
    </row>
    <row r="2208" spans="2:64" x14ac:dyDescent="0.2">
      <c r="B2208" s="43"/>
      <c r="C2208" s="73"/>
      <c r="D2208" s="64"/>
      <c r="E2208" s="55"/>
      <c r="F2208" s="74"/>
      <c r="G2208" s="74"/>
      <c r="H2208" s="74"/>
      <c r="I2208" s="75"/>
      <c r="J2208" s="74"/>
      <c r="L2208" s="55"/>
      <c r="M2208" s="234"/>
      <c r="N2208" s="65"/>
      <c r="O2208" s="76"/>
      <c r="P2208" s="76"/>
      <c r="Q2208" s="65"/>
      <c r="R2208" s="76"/>
      <c r="S2208" s="76"/>
      <c r="T2208" s="76"/>
      <c r="U2208" s="76"/>
      <c r="V2208" s="76"/>
      <c r="W2208" s="76"/>
      <c r="X2208" s="76"/>
      <c r="Y2208" s="76"/>
      <c r="Z2208" s="76"/>
      <c r="AA2208" s="85"/>
      <c r="AB2208" s="85"/>
      <c r="AC2208" s="85"/>
      <c r="AD2208" s="85"/>
      <c r="AE2208" s="85"/>
      <c r="AF2208" s="85"/>
      <c r="AG2208" s="86"/>
      <c r="AH2208" s="85"/>
      <c r="AI2208" s="85"/>
      <c r="AJ2208" s="85"/>
      <c r="AK2208" s="85"/>
      <c r="AL2208" s="85"/>
      <c r="AM2208" s="92"/>
      <c r="AN2208" s="92"/>
      <c r="AO2208" s="92"/>
      <c r="AP2208" s="92"/>
      <c r="AQ2208" s="92"/>
      <c r="AR2208" s="92"/>
      <c r="AS2208" s="92"/>
      <c r="AT2208" s="92"/>
      <c r="AU2208" s="92"/>
      <c r="AV2208" s="92"/>
      <c r="AW2208" s="92"/>
      <c r="AX2208" s="92"/>
      <c r="AY2208" s="92"/>
      <c r="AZ2208" s="93"/>
      <c r="BA2208" s="93"/>
      <c r="BB2208" s="93"/>
      <c r="BC2208" s="93"/>
      <c r="BD2208" s="93"/>
      <c r="BE2208" s="93"/>
      <c r="BF2208" s="93"/>
      <c r="BG2208" s="93"/>
      <c r="BH2208" s="93"/>
      <c r="BI2208" s="93"/>
      <c r="BJ2208" s="93"/>
      <c r="BK2208" s="93"/>
      <c r="BL2208" s="93"/>
    </row>
    <row r="2209" spans="2:64" x14ac:dyDescent="0.2">
      <c r="B2209" s="43"/>
      <c r="C2209" s="73"/>
      <c r="D2209" s="64"/>
      <c r="E2209" s="55"/>
      <c r="F2209" s="74"/>
      <c r="G2209" s="74"/>
      <c r="H2209" s="74"/>
      <c r="I2209" s="75"/>
      <c r="J2209" s="74"/>
      <c r="L2209" s="55"/>
      <c r="M2209" s="234"/>
      <c r="N2209" s="65"/>
      <c r="O2209" s="76"/>
      <c r="P2209" s="76"/>
      <c r="Q2209" s="65"/>
      <c r="R2209" s="76"/>
      <c r="S2209" s="76"/>
      <c r="T2209" s="76"/>
      <c r="U2209" s="76"/>
      <c r="V2209" s="76"/>
      <c r="W2209" s="76"/>
      <c r="X2209" s="76"/>
      <c r="Y2209" s="76"/>
      <c r="Z2209" s="76"/>
      <c r="AA2209" s="85"/>
      <c r="AB2209" s="85"/>
      <c r="AC2209" s="85"/>
      <c r="AD2209" s="85"/>
      <c r="AE2209" s="85"/>
      <c r="AF2209" s="85"/>
      <c r="AG2209" s="86"/>
      <c r="AH2209" s="85"/>
      <c r="AI2209" s="85"/>
      <c r="AJ2209" s="85"/>
      <c r="AK2209" s="85"/>
      <c r="AL2209" s="85"/>
      <c r="AM2209" s="92"/>
      <c r="AN2209" s="92"/>
      <c r="AO2209" s="92"/>
      <c r="AP2209" s="92"/>
      <c r="AQ2209" s="92"/>
      <c r="AR2209" s="92"/>
      <c r="AS2209" s="92"/>
      <c r="AT2209" s="92"/>
      <c r="AU2209" s="92"/>
      <c r="AV2209" s="92"/>
      <c r="AW2209" s="92"/>
      <c r="AX2209" s="92"/>
      <c r="AY2209" s="92"/>
      <c r="AZ2209" s="93"/>
      <c r="BA2209" s="93"/>
      <c r="BB2209" s="93"/>
      <c r="BC2209" s="93"/>
      <c r="BD2209" s="93"/>
      <c r="BE2209" s="93"/>
      <c r="BF2209" s="93"/>
      <c r="BG2209" s="93"/>
      <c r="BH2209" s="93"/>
      <c r="BI2209" s="93"/>
      <c r="BJ2209" s="93"/>
      <c r="BK2209" s="93"/>
      <c r="BL2209" s="93"/>
    </row>
    <row r="2210" spans="2:64" x14ac:dyDescent="0.2">
      <c r="B2210" s="43"/>
      <c r="C2210" s="73"/>
      <c r="D2210" s="64"/>
      <c r="E2210" s="55"/>
      <c r="F2210" s="74"/>
      <c r="G2210" s="74"/>
      <c r="H2210" s="74"/>
      <c r="I2210" s="75"/>
      <c r="J2210" s="74"/>
      <c r="L2210" s="55"/>
      <c r="M2210" s="234"/>
      <c r="N2210" s="65"/>
      <c r="O2210" s="76"/>
      <c r="P2210" s="76"/>
      <c r="Q2210" s="65"/>
      <c r="R2210" s="76"/>
      <c r="S2210" s="76"/>
      <c r="T2210" s="76"/>
      <c r="U2210" s="76"/>
      <c r="V2210" s="76"/>
      <c r="W2210" s="76"/>
      <c r="X2210" s="76"/>
      <c r="Y2210" s="76"/>
      <c r="Z2210" s="76"/>
      <c r="AA2210" s="85"/>
      <c r="AB2210" s="85"/>
      <c r="AC2210" s="85"/>
      <c r="AD2210" s="85"/>
      <c r="AE2210" s="85"/>
      <c r="AF2210" s="85"/>
      <c r="AG2210" s="86"/>
      <c r="AH2210" s="85"/>
      <c r="AI2210" s="85"/>
      <c r="AJ2210" s="85"/>
      <c r="AK2210" s="85"/>
      <c r="AL2210" s="85"/>
      <c r="AM2210" s="92"/>
      <c r="AN2210" s="92"/>
      <c r="AO2210" s="92"/>
      <c r="AP2210" s="92"/>
      <c r="AQ2210" s="92"/>
      <c r="AR2210" s="92"/>
      <c r="AS2210" s="92"/>
      <c r="AT2210" s="92"/>
      <c r="AU2210" s="92"/>
      <c r="AV2210" s="92"/>
      <c r="AW2210" s="92"/>
      <c r="AX2210" s="92"/>
      <c r="AY2210" s="92"/>
      <c r="AZ2210" s="93"/>
      <c r="BA2210" s="93"/>
      <c r="BB2210" s="93"/>
      <c r="BC2210" s="93"/>
      <c r="BD2210" s="93"/>
      <c r="BE2210" s="93"/>
      <c r="BF2210" s="93"/>
      <c r="BG2210" s="93"/>
      <c r="BH2210" s="93"/>
      <c r="BI2210" s="93"/>
      <c r="BJ2210" s="93"/>
      <c r="BK2210" s="93"/>
      <c r="BL2210" s="93"/>
    </row>
    <row r="2211" spans="2:64" x14ac:dyDescent="0.2">
      <c r="B2211" s="43"/>
      <c r="C2211" s="73"/>
      <c r="D2211" s="64"/>
      <c r="E2211" s="55"/>
      <c r="F2211" s="74"/>
      <c r="G2211" s="74"/>
      <c r="H2211" s="74"/>
      <c r="I2211" s="75"/>
      <c r="J2211" s="74"/>
      <c r="L2211" s="55"/>
      <c r="M2211" s="234"/>
      <c r="N2211" s="65"/>
      <c r="O2211" s="76"/>
      <c r="P2211" s="76"/>
      <c r="Q2211" s="65"/>
      <c r="R2211" s="76"/>
      <c r="S2211" s="76"/>
      <c r="T2211" s="76"/>
      <c r="U2211" s="76"/>
      <c r="V2211" s="76"/>
      <c r="W2211" s="76"/>
      <c r="X2211" s="76"/>
      <c r="Y2211" s="76"/>
      <c r="Z2211" s="76"/>
      <c r="AA2211" s="85"/>
      <c r="AB2211" s="85"/>
      <c r="AC2211" s="85"/>
      <c r="AD2211" s="85"/>
      <c r="AE2211" s="85"/>
      <c r="AF2211" s="85"/>
      <c r="AG2211" s="86"/>
      <c r="AH2211" s="85"/>
      <c r="AI2211" s="85"/>
      <c r="AJ2211" s="85"/>
      <c r="AK2211" s="85"/>
      <c r="AL2211" s="85"/>
      <c r="AM2211" s="92"/>
      <c r="AN2211" s="92"/>
      <c r="AO2211" s="92"/>
      <c r="AP2211" s="92"/>
      <c r="AQ2211" s="92"/>
      <c r="AR2211" s="92"/>
      <c r="AS2211" s="92"/>
      <c r="AT2211" s="92"/>
      <c r="AU2211" s="92"/>
      <c r="AV2211" s="92"/>
      <c r="AW2211" s="92"/>
      <c r="AX2211" s="92"/>
      <c r="AY2211" s="92"/>
      <c r="AZ2211" s="93"/>
      <c r="BA2211" s="93"/>
      <c r="BB2211" s="93"/>
      <c r="BC2211" s="93"/>
      <c r="BD2211" s="93"/>
      <c r="BE2211" s="93"/>
      <c r="BF2211" s="93"/>
      <c r="BG2211" s="93"/>
      <c r="BH2211" s="93"/>
      <c r="BI2211" s="93"/>
      <c r="BJ2211" s="93"/>
      <c r="BK2211" s="93"/>
      <c r="BL2211" s="93"/>
    </row>
    <row r="2212" spans="2:64" x14ac:dyDescent="0.2">
      <c r="B2212" s="43"/>
      <c r="C2212" s="73"/>
      <c r="D2212" s="64"/>
      <c r="E2212" s="55"/>
      <c r="F2212" s="74"/>
      <c r="G2212" s="74"/>
      <c r="H2212" s="74"/>
      <c r="I2212" s="75"/>
      <c r="J2212" s="74"/>
      <c r="L2212" s="55"/>
      <c r="M2212" s="234"/>
      <c r="N2212" s="65"/>
      <c r="O2212" s="76"/>
      <c r="P2212" s="76"/>
      <c r="Q2212" s="65"/>
      <c r="R2212" s="76"/>
      <c r="S2212" s="76"/>
      <c r="T2212" s="76"/>
      <c r="U2212" s="76"/>
      <c r="V2212" s="76"/>
      <c r="W2212" s="76"/>
      <c r="X2212" s="76"/>
      <c r="Y2212" s="76"/>
      <c r="Z2212" s="76"/>
      <c r="AA2212" s="85"/>
      <c r="AB2212" s="85"/>
      <c r="AC2212" s="85"/>
      <c r="AD2212" s="85"/>
      <c r="AE2212" s="85"/>
      <c r="AF2212" s="85"/>
      <c r="AG2212" s="86"/>
      <c r="AH2212" s="85"/>
      <c r="AI2212" s="85"/>
      <c r="AJ2212" s="85"/>
      <c r="AK2212" s="85"/>
      <c r="AL2212" s="85"/>
      <c r="AM2212" s="92"/>
      <c r="AN2212" s="92"/>
      <c r="AO2212" s="92"/>
      <c r="AP2212" s="92"/>
      <c r="AQ2212" s="92"/>
      <c r="AR2212" s="92"/>
      <c r="AS2212" s="92"/>
      <c r="AT2212" s="92"/>
      <c r="AU2212" s="92"/>
      <c r="AV2212" s="92"/>
      <c r="AW2212" s="92"/>
      <c r="AX2212" s="92"/>
      <c r="AY2212" s="92"/>
      <c r="AZ2212" s="93"/>
      <c r="BA2212" s="93"/>
      <c r="BB2212" s="93"/>
      <c r="BC2212" s="93"/>
      <c r="BD2212" s="93"/>
      <c r="BE2212" s="93"/>
      <c r="BF2212" s="93"/>
      <c r="BG2212" s="93"/>
      <c r="BH2212" s="93"/>
      <c r="BI2212" s="93"/>
      <c r="BJ2212" s="93"/>
      <c r="BK2212" s="93"/>
      <c r="BL2212" s="93"/>
    </row>
    <row r="2213" spans="2:64" x14ac:dyDescent="0.2">
      <c r="B2213" s="43"/>
      <c r="C2213" s="73"/>
      <c r="D2213" s="64"/>
      <c r="E2213" s="55"/>
      <c r="F2213" s="74"/>
      <c r="G2213" s="74"/>
      <c r="H2213" s="74"/>
      <c r="I2213" s="75"/>
      <c r="J2213" s="74"/>
      <c r="L2213" s="55"/>
      <c r="M2213" s="234"/>
      <c r="N2213" s="65"/>
      <c r="O2213" s="76"/>
      <c r="P2213" s="76"/>
      <c r="Q2213" s="65"/>
      <c r="R2213" s="76"/>
      <c r="S2213" s="76"/>
      <c r="T2213" s="76"/>
      <c r="U2213" s="76"/>
      <c r="V2213" s="76"/>
      <c r="W2213" s="76"/>
      <c r="X2213" s="76"/>
      <c r="Y2213" s="76"/>
      <c r="Z2213" s="76"/>
      <c r="AA2213" s="85"/>
      <c r="AB2213" s="85"/>
      <c r="AC2213" s="85"/>
      <c r="AD2213" s="85"/>
      <c r="AE2213" s="85"/>
      <c r="AF2213" s="85"/>
      <c r="AG2213" s="86"/>
      <c r="AH2213" s="85"/>
      <c r="AI2213" s="85"/>
      <c r="AJ2213" s="85"/>
      <c r="AK2213" s="85"/>
      <c r="AL2213" s="85"/>
      <c r="AM2213" s="92"/>
      <c r="AN2213" s="92"/>
      <c r="AO2213" s="92"/>
      <c r="AP2213" s="92"/>
      <c r="AQ2213" s="92"/>
      <c r="AR2213" s="92"/>
      <c r="AS2213" s="92"/>
      <c r="AT2213" s="92"/>
      <c r="AU2213" s="92"/>
      <c r="AV2213" s="92"/>
      <c r="AW2213" s="92"/>
      <c r="AX2213" s="92"/>
      <c r="AY2213" s="92"/>
      <c r="AZ2213" s="93"/>
      <c r="BA2213" s="93"/>
      <c r="BB2213" s="93"/>
      <c r="BC2213" s="93"/>
      <c r="BD2213" s="93"/>
      <c r="BE2213" s="93"/>
      <c r="BF2213" s="93"/>
      <c r="BG2213" s="93"/>
      <c r="BH2213" s="93"/>
      <c r="BI2213" s="93"/>
      <c r="BJ2213" s="93"/>
      <c r="BK2213" s="93"/>
      <c r="BL2213" s="93"/>
    </row>
    <row r="2214" spans="2:64" x14ac:dyDescent="0.2">
      <c r="B2214" s="43"/>
      <c r="C2214" s="73"/>
      <c r="D2214" s="64"/>
      <c r="E2214" s="55"/>
      <c r="F2214" s="74"/>
      <c r="G2214" s="74"/>
      <c r="H2214" s="74"/>
      <c r="I2214" s="75"/>
      <c r="J2214" s="74"/>
      <c r="L2214" s="55"/>
      <c r="M2214" s="234"/>
      <c r="N2214" s="65"/>
      <c r="O2214" s="76"/>
      <c r="P2214" s="76"/>
      <c r="Q2214" s="65"/>
      <c r="R2214" s="76"/>
      <c r="S2214" s="76"/>
      <c r="T2214" s="76"/>
      <c r="U2214" s="76"/>
      <c r="V2214" s="76"/>
      <c r="W2214" s="76"/>
      <c r="X2214" s="76"/>
      <c r="Y2214" s="76"/>
      <c r="Z2214" s="76"/>
      <c r="AA2214" s="85"/>
      <c r="AB2214" s="85"/>
      <c r="AC2214" s="85"/>
      <c r="AD2214" s="85"/>
      <c r="AE2214" s="85"/>
      <c r="AF2214" s="85"/>
      <c r="AG2214" s="86"/>
      <c r="AH2214" s="85"/>
      <c r="AI2214" s="85"/>
      <c r="AJ2214" s="85"/>
      <c r="AK2214" s="85"/>
      <c r="AL2214" s="85"/>
      <c r="AM2214" s="92"/>
      <c r="AN2214" s="92"/>
      <c r="AO2214" s="92"/>
      <c r="AP2214" s="92"/>
      <c r="AQ2214" s="92"/>
      <c r="AR2214" s="92"/>
      <c r="AS2214" s="92"/>
      <c r="AT2214" s="92"/>
      <c r="AU2214" s="92"/>
      <c r="AV2214" s="92"/>
      <c r="AW2214" s="92"/>
      <c r="AX2214" s="92"/>
      <c r="AY2214" s="92"/>
      <c r="AZ2214" s="93"/>
      <c r="BA2214" s="93"/>
      <c r="BB2214" s="93"/>
      <c r="BC2214" s="93"/>
      <c r="BD2214" s="93"/>
      <c r="BE2214" s="93"/>
      <c r="BF2214" s="93"/>
      <c r="BG2214" s="93"/>
      <c r="BH2214" s="93"/>
      <c r="BI2214" s="93"/>
      <c r="BJ2214" s="93"/>
      <c r="BK2214" s="93"/>
      <c r="BL2214" s="93"/>
    </row>
    <row r="2215" spans="2:64" x14ac:dyDescent="0.2">
      <c r="B2215" s="43"/>
      <c r="C2215" s="73"/>
      <c r="D2215" s="64"/>
      <c r="E2215" s="55"/>
      <c r="F2215" s="74"/>
      <c r="G2215" s="74"/>
      <c r="H2215" s="74"/>
      <c r="I2215" s="75"/>
      <c r="J2215" s="74"/>
      <c r="L2215" s="55"/>
      <c r="M2215" s="234"/>
      <c r="N2215" s="65"/>
      <c r="O2215" s="76"/>
      <c r="P2215" s="76"/>
      <c r="Q2215" s="65"/>
      <c r="R2215" s="76"/>
      <c r="S2215" s="76"/>
      <c r="T2215" s="76"/>
      <c r="U2215" s="76"/>
      <c r="V2215" s="76"/>
      <c r="W2215" s="76"/>
      <c r="X2215" s="76"/>
      <c r="Y2215" s="76"/>
      <c r="Z2215" s="76"/>
      <c r="AA2215" s="85"/>
      <c r="AB2215" s="85"/>
      <c r="AC2215" s="85"/>
      <c r="AD2215" s="85"/>
      <c r="AE2215" s="85"/>
      <c r="AF2215" s="85"/>
      <c r="AG2215" s="86"/>
      <c r="AH2215" s="85"/>
      <c r="AI2215" s="85"/>
      <c r="AJ2215" s="85"/>
      <c r="AK2215" s="85"/>
      <c r="AL2215" s="85"/>
      <c r="AM2215" s="92"/>
      <c r="AN2215" s="92"/>
      <c r="AO2215" s="92"/>
      <c r="AP2215" s="92"/>
      <c r="AQ2215" s="92"/>
      <c r="AR2215" s="92"/>
      <c r="AS2215" s="92"/>
      <c r="AT2215" s="92"/>
      <c r="AU2215" s="92"/>
      <c r="AV2215" s="92"/>
      <c r="AW2215" s="92"/>
      <c r="AX2215" s="92"/>
      <c r="AY2215" s="92"/>
      <c r="AZ2215" s="93"/>
      <c r="BA2215" s="93"/>
      <c r="BB2215" s="93"/>
      <c r="BC2215" s="93"/>
      <c r="BD2215" s="93"/>
      <c r="BE2215" s="93"/>
      <c r="BF2215" s="93"/>
      <c r="BG2215" s="93"/>
      <c r="BH2215" s="93"/>
      <c r="BI2215" s="93"/>
      <c r="BJ2215" s="93"/>
      <c r="BK2215" s="93"/>
      <c r="BL2215" s="93"/>
    </row>
    <row r="2216" spans="2:64" x14ac:dyDescent="0.2">
      <c r="B2216" s="43"/>
      <c r="C2216" s="73"/>
      <c r="D2216" s="64"/>
      <c r="E2216" s="55"/>
      <c r="F2216" s="74"/>
      <c r="G2216" s="74"/>
      <c r="H2216" s="74"/>
      <c r="I2216" s="75"/>
      <c r="J2216" s="74"/>
      <c r="L2216" s="55"/>
      <c r="M2216" s="234"/>
      <c r="N2216" s="65"/>
      <c r="O2216" s="76"/>
      <c r="P2216" s="76"/>
      <c r="Q2216" s="65"/>
      <c r="R2216" s="76"/>
      <c r="S2216" s="76"/>
      <c r="T2216" s="76"/>
      <c r="U2216" s="76"/>
      <c r="V2216" s="76"/>
      <c r="W2216" s="76"/>
      <c r="X2216" s="76"/>
      <c r="Y2216" s="76"/>
      <c r="Z2216" s="76"/>
      <c r="AA2216" s="85"/>
      <c r="AB2216" s="85"/>
      <c r="AC2216" s="85"/>
      <c r="AD2216" s="85"/>
      <c r="AE2216" s="85"/>
      <c r="AF2216" s="85"/>
      <c r="AG2216" s="86"/>
      <c r="AH2216" s="85"/>
      <c r="AI2216" s="85"/>
      <c r="AJ2216" s="85"/>
      <c r="AK2216" s="85"/>
      <c r="AL2216" s="85"/>
      <c r="AM2216" s="92"/>
      <c r="AN2216" s="92"/>
      <c r="AO2216" s="92"/>
      <c r="AP2216" s="92"/>
      <c r="AQ2216" s="92"/>
      <c r="AR2216" s="92"/>
      <c r="AS2216" s="92"/>
      <c r="AT2216" s="92"/>
      <c r="AU2216" s="92"/>
      <c r="AV2216" s="92"/>
      <c r="AW2216" s="92"/>
      <c r="AX2216" s="92"/>
      <c r="AY2216" s="92"/>
      <c r="AZ2216" s="93"/>
      <c r="BA2216" s="93"/>
      <c r="BB2216" s="93"/>
      <c r="BC2216" s="93"/>
      <c r="BD2216" s="93"/>
      <c r="BE2216" s="93"/>
      <c r="BF2216" s="93"/>
      <c r="BG2216" s="93"/>
      <c r="BH2216" s="93"/>
      <c r="BI2216" s="93"/>
      <c r="BJ2216" s="93"/>
      <c r="BK2216" s="93"/>
      <c r="BL2216" s="93"/>
    </row>
    <row r="2217" spans="2:64" x14ac:dyDescent="0.2">
      <c r="B2217" s="43"/>
      <c r="C2217" s="73"/>
      <c r="D2217" s="64"/>
      <c r="E2217" s="55"/>
      <c r="F2217" s="74"/>
      <c r="G2217" s="74"/>
      <c r="H2217" s="74"/>
      <c r="I2217" s="75"/>
      <c r="J2217" s="74"/>
      <c r="L2217" s="55"/>
      <c r="M2217" s="234"/>
      <c r="N2217" s="65"/>
      <c r="O2217" s="76"/>
      <c r="P2217" s="76"/>
      <c r="Q2217" s="65"/>
      <c r="R2217" s="76"/>
      <c r="S2217" s="76"/>
      <c r="T2217" s="76"/>
      <c r="U2217" s="76"/>
      <c r="V2217" s="76"/>
      <c r="W2217" s="76"/>
      <c r="X2217" s="76"/>
      <c r="Y2217" s="76"/>
      <c r="Z2217" s="76"/>
      <c r="AA2217" s="85"/>
      <c r="AB2217" s="85"/>
      <c r="AC2217" s="85"/>
      <c r="AD2217" s="85"/>
      <c r="AE2217" s="85"/>
      <c r="AF2217" s="85"/>
      <c r="AG2217" s="86"/>
      <c r="AH2217" s="85"/>
      <c r="AI2217" s="85"/>
      <c r="AJ2217" s="85"/>
      <c r="AK2217" s="85"/>
      <c r="AL2217" s="85"/>
      <c r="AM2217" s="92"/>
      <c r="AN2217" s="92"/>
      <c r="AO2217" s="92"/>
      <c r="AP2217" s="92"/>
      <c r="AQ2217" s="92"/>
      <c r="AR2217" s="92"/>
      <c r="AS2217" s="92"/>
      <c r="AT2217" s="92"/>
      <c r="AU2217" s="92"/>
      <c r="AV2217" s="92"/>
      <c r="AW2217" s="92"/>
      <c r="AX2217" s="92"/>
      <c r="AY2217" s="92"/>
      <c r="AZ2217" s="93"/>
      <c r="BA2217" s="93"/>
      <c r="BB2217" s="93"/>
      <c r="BC2217" s="93"/>
      <c r="BD2217" s="93"/>
      <c r="BE2217" s="93"/>
      <c r="BF2217" s="93"/>
      <c r="BG2217" s="93"/>
      <c r="BH2217" s="93"/>
      <c r="BI2217" s="93"/>
      <c r="BJ2217" s="93"/>
      <c r="BK2217" s="93"/>
      <c r="BL2217" s="93"/>
    </row>
    <row r="2218" spans="2:64" x14ac:dyDescent="0.2">
      <c r="B2218" s="43"/>
      <c r="C2218" s="73"/>
      <c r="D2218" s="64"/>
      <c r="E2218" s="55"/>
      <c r="F2218" s="74"/>
      <c r="G2218" s="74"/>
      <c r="H2218" s="74"/>
      <c r="I2218" s="75"/>
      <c r="J2218" s="74"/>
      <c r="L2218" s="55"/>
      <c r="M2218" s="234"/>
      <c r="N2218" s="65"/>
      <c r="O2218" s="76"/>
      <c r="P2218" s="76"/>
      <c r="Q2218" s="65"/>
      <c r="R2218" s="76"/>
      <c r="S2218" s="76"/>
      <c r="T2218" s="76"/>
      <c r="U2218" s="76"/>
      <c r="V2218" s="76"/>
      <c r="W2218" s="76"/>
      <c r="X2218" s="76"/>
      <c r="Y2218" s="76"/>
      <c r="Z2218" s="76"/>
      <c r="AA2218" s="85"/>
      <c r="AB2218" s="85"/>
      <c r="AC2218" s="85"/>
      <c r="AD2218" s="85"/>
      <c r="AE2218" s="85"/>
      <c r="AF2218" s="85"/>
      <c r="AG2218" s="86"/>
      <c r="AH2218" s="85"/>
      <c r="AI2218" s="85"/>
      <c r="AJ2218" s="85"/>
      <c r="AK2218" s="85"/>
      <c r="AL2218" s="85"/>
      <c r="AM2218" s="92"/>
      <c r="AN2218" s="92"/>
      <c r="AO2218" s="92"/>
      <c r="AP2218" s="92"/>
      <c r="AQ2218" s="92"/>
      <c r="AR2218" s="92"/>
      <c r="AS2218" s="92"/>
      <c r="AT2218" s="92"/>
      <c r="AU2218" s="92"/>
      <c r="AV2218" s="92"/>
      <c r="AW2218" s="92"/>
      <c r="AX2218" s="92"/>
      <c r="AY2218" s="92"/>
      <c r="AZ2218" s="93"/>
      <c r="BA2218" s="93"/>
      <c r="BB2218" s="93"/>
      <c r="BC2218" s="93"/>
      <c r="BD2218" s="93"/>
      <c r="BE2218" s="93"/>
      <c r="BF2218" s="93"/>
      <c r="BG2218" s="93"/>
      <c r="BH2218" s="93"/>
      <c r="BI2218" s="93"/>
      <c r="BJ2218" s="93"/>
      <c r="BK2218" s="93"/>
      <c r="BL2218" s="93"/>
    </row>
    <row r="2219" spans="2:64" x14ac:dyDescent="0.2">
      <c r="B2219" s="43"/>
      <c r="C2219" s="73"/>
      <c r="D2219" s="64"/>
      <c r="E2219" s="55"/>
      <c r="F2219" s="74"/>
      <c r="G2219" s="74"/>
      <c r="H2219" s="74"/>
      <c r="I2219" s="75"/>
      <c r="J2219" s="74"/>
      <c r="L2219" s="55"/>
      <c r="M2219" s="234"/>
      <c r="N2219" s="65"/>
      <c r="O2219" s="76"/>
      <c r="P2219" s="76"/>
      <c r="Q2219" s="65"/>
      <c r="R2219" s="76"/>
      <c r="S2219" s="76"/>
      <c r="T2219" s="76"/>
      <c r="U2219" s="76"/>
      <c r="V2219" s="76"/>
      <c r="W2219" s="76"/>
      <c r="X2219" s="76"/>
      <c r="Y2219" s="76"/>
      <c r="Z2219" s="76"/>
      <c r="AA2219" s="85"/>
      <c r="AB2219" s="85"/>
      <c r="AC2219" s="85"/>
      <c r="AD2219" s="85"/>
      <c r="AE2219" s="85"/>
      <c r="AF2219" s="85"/>
      <c r="AG2219" s="86"/>
      <c r="AH2219" s="85"/>
      <c r="AI2219" s="85"/>
      <c r="AJ2219" s="85"/>
      <c r="AK2219" s="85"/>
      <c r="AL2219" s="85"/>
      <c r="AM2219" s="92"/>
      <c r="AN2219" s="92"/>
      <c r="AO2219" s="92"/>
      <c r="AP2219" s="92"/>
      <c r="AQ2219" s="92"/>
      <c r="AR2219" s="92"/>
      <c r="AS2219" s="92"/>
      <c r="AT2219" s="92"/>
      <c r="AU2219" s="92"/>
      <c r="AV2219" s="92"/>
      <c r="AW2219" s="92"/>
      <c r="AX2219" s="92"/>
      <c r="AY2219" s="92"/>
      <c r="AZ2219" s="93"/>
      <c r="BA2219" s="93"/>
      <c r="BB2219" s="93"/>
      <c r="BC2219" s="93"/>
      <c r="BD2219" s="93"/>
      <c r="BE2219" s="93"/>
      <c r="BF2219" s="93"/>
      <c r="BG2219" s="93"/>
      <c r="BH2219" s="93"/>
      <c r="BI2219" s="93"/>
      <c r="BJ2219" s="93"/>
      <c r="BK2219" s="93"/>
      <c r="BL2219" s="93"/>
    </row>
    <row r="2220" spans="2:64" x14ac:dyDescent="0.2">
      <c r="B2220" s="43"/>
      <c r="C2220" s="73"/>
      <c r="D2220" s="64"/>
      <c r="E2220" s="55"/>
      <c r="F2220" s="74"/>
      <c r="G2220" s="74"/>
      <c r="H2220" s="74"/>
      <c r="I2220" s="75"/>
      <c r="J2220" s="74"/>
      <c r="L2220" s="55"/>
      <c r="M2220" s="234"/>
      <c r="N2220" s="65"/>
      <c r="O2220" s="76"/>
      <c r="P2220" s="76"/>
      <c r="Q2220" s="65"/>
      <c r="R2220" s="76"/>
      <c r="S2220" s="76"/>
      <c r="T2220" s="76"/>
      <c r="U2220" s="76"/>
      <c r="V2220" s="76"/>
      <c r="W2220" s="76"/>
      <c r="X2220" s="76"/>
      <c r="Y2220" s="76"/>
      <c r="Z2220" s="76"/>
      <c r="AA2220" s="85"/>
      <c r="AB2220" s="85"/>
      <c r="AC2220" s="85"/>
      <c r="AD2220" s="85"/>
      <c r="AE2220" s="85"/>
      <c r="AF2220" s="85"/>
      <c r="AG2220" s="86"/>
      <c r="AH2220" s="85"/>
      <c r="AI2220" s="85"/>
      <c r="AJ2220" s="85"/>
      <c r="AK2220" s="85"/>
      <c r="AL2220" s="85"/>
      <c r="AM2220" s="92"/>
      <c r="AN2220" s="92"/>
      <c r="AO2220" s="92"/>
      <c r="AP2220" s="92"/>
      <c r="AQ2220" s="92"/>
      <c r="AR2220" s="92"/>
      <c r="AS2220" s="92"/>
      <c r="AT2220" s="92"/>
      <c r="AU2220" s="92"/>
      <c r="AV2220" s="92"/>
      <c r="AW2220" s="92"/>
      <c r="AX2220" s="92"/>
      <c r="AY2220" s="92"/>
      <c r="AZ2220" s="93"/>
      <c r="BA2220" s="93"/>
      <c r="BB2220" s="93"/>
      <c r="BC2220" s="93"/>
      <c r="BD2220" s="93"/>
      <c r="BE2220" s="93"/>
      <c r="BF2220" s="93"/>
      <c r="BG2220" s="93"/>
      <c r="BH2220" s="93"/>
      <c r="BI2220" s="93"/>
      <c r="BJ2220" s="93"/>
      <c r="BK2220" s="93"/>
      <c r="BL2220" s="93"/>
    </row>
    <row r="2221" spans="2:64" x14ac:dyDescent="0.2">
      <c r="B2221" s="43"/>
      <c r="C2221" s="73"/>
      <c r="D2221" s="64"/>
      <c r="E2221" s="55"/>
      <c r="F2221" s="74"/>
      <c r="G2221" s="74"/>
      <c r="H2221" s="74"/>
      <c r="I2221" s="75"/>
      <c r="J2221" s="74"/>
      <c r="L2221" s="55"/>
      <c r="M2221" s="234"/>
      <c r="N2221" s="65"/>
      <c r="O2221" s="76"/>
      <c r="P2221" s="76"/>
      <c r="Q2221" s="65"/>
      <c r="R2221" s="76"/>
      <c r="S2221" s="76"/>
      <c r="T2221" s="76"/>
      <c r="U2221" s="76"/>
      <c r="V2221" s="76"/>
      <c r="W2221" s="76"/>
      <c r="X2221" s="76"/>
      <c r="Y2221" s="76"/>
      <c r="Z2221" s="76"/>
      <c r="AA2221" s="85"/>
      <c r="AB2221" s="85"/>
      <c r="AC2221" s="85"/>
      <c r="AD2221" s="85"/>
      <c r="AE2221" s="85"/>
      <c r="AF2221" s="85"/>
      <c r="AG2221" s="86"/>
      <c r="AH2221" s="85"/>
      <c r="AI2221" s="85"/>
      <c r="AJ2221" s="85"/>
      <c r="AK2221" s="85"/>
      <c r="AL2221" s="85"/>
      <c r="AM2221" s="92"/>
      <c r="AN2221" s="92"/>
      <c r="AO2221" s="92"/>
      <c r="AP2221" s="92"/>
      <c r="AQ2221" s="92"/>
      <c r="AR2221" s="92"/>
      <c r="AS2221" s="92"/>
      <c r="AT2221" s="92"/>
      <c r="AU2221" s="92"/>
      <c r="AV2221" s="92"/>
      <c r="AW2221" s="92"/>
      <c r="AX2221" s="92"/>
      <c r="AY2221" s="92"/>
      <c r="AZ2221" s="93"/>
      <c r="BA2221" s="93"/>
      <c r="BB2221" s="93"/>
      <c r="BC2221" s="93"/>
      <c r="BD2221" s="93"/>
      <c r="BE2221" s="93"/>
      <c r="BF2221" s="93"/>
      <c r="BG2221" s="93"/>
      <c r="BH2221" s="93"/>
      <c r="BI2221" s="93"/>
      <c r="BJ2221" s="93"/>
      <c r="BK2221" s="93"/>
      <c r="BL2221" s="93"/>
    </row>
    <row r="2222" spans="2:64" x14ac:dyDescent="0.2">
      <c r="B2222" s="43"/>
      <c r="C2222" s="73"/>
      <c r="D2222" s="64"/>
      <c r="E2222" s="55"/>
      <c r="F2222" s="74"/>
      <c r="G2222" s="74"/>
      <c r="H2222" s="74"/>
      <c r="I2222" s="75"/>
      <c r="J2222" s="74"/>
      <c r="L2222" s="55"/>
      <c r="M2222" s="234"/>
      <c r="N2222" s="65"/>
      <c r="O2222" s="76"/>
      <c r="P2222" s="76"/>
      <c r="Q2222" s="65"/>
      <c r="R2222" s="76"/>
      <c r="S2222" s="76"/>
      <c r="T2222" s="76"/>
      <c r="U2222" s="76"/>
      <c r="V2222" s="76"/>
      <c r="W2222" s="76"/>
      <c r="X2222" s="76"/>
      <c r="Y2222" s="76"/>
      <c r="Z2222" s="76"/>
      <c r="AA2222" s="85"/>
      <c r="AB2222" s="85"/>
      <c r="AC2222" s="85"/>
      <c r="AD2222" s="85"/>
      <c r="AE2222" s="85"/>
      <c r="AF2222" s="85"/>
      <c r="AG2222" s="86"/>
      <c r="AH2222" s="85"/>
      <c r="AI2222" s="85"/>
      <c r="AJ2222" s="85"/>
      <c r="AK2222" s="85"/>
      <c r="AL2222" s="85"/>
      <c r="AM2222" s="92"/>
      <c r="AN2222" s="92"/>
      <c r="AO2222" s="92"/>
      <c r="AP2222" s="92"/>
      <c r="AQ2222" s="92"/>
      <c r="AR2222" s="92"/>
      <c r="AS2222" s="92"/>
      <c r="AT2222" s="92"/>
      <c r="AU2222" s="92"/>
      <c r="AV2222" s="92"/>
      <c r="AW2222" s="92"/>
      <c r="AX2222" s="92"/>
      <c r="AY2222" s="92"/>
      <c r="AZ2222" s="93"/>
      <c r="BA2222" s="93"/>
      <c r="BB2222" s="93"/>
      <c r="BC2222" s="93"/>
      <c r="BD2222" s="93"/>
      <c r="BE2222" s="93"/>
      <c r="BF2222" s="93"/>
      <c r="BG2222" s="93"/>
      <c r="BH2222" s="93"/>
      <c r="BI2222" s="93"/>
      <c r="BJ2222" s="93"/>
      <c r="BK2222" s="93"/>
      <c r="BL2222" s="93"/>
    </row>
    <row r="2223" spans="2:64" x14ac:dyDescent="0.2">
      <c r="B2223" s="43"/>
      <c r="C2223" s="73"/>
      <c r="D2223" s="64"/>
      <c r="E2223" s="55"/>
      <c r="F2223" s="74"/>
      <c r="G2223" s="74"/>
      <c r="H2223" s="74"/>
      <c r="I2223" s="75"/>
      <c r="J2223" s="74"/>
      <c r="L2223" s="55"/>
      <c r="M2223" s="234"/>
      <c r="N2223" s="65"/>
      <c r="O2223" s="76"/>
      <c r="P2223" s="76"/>
      <c r="Q2223" s="65"/>
      <c r="R2223" s="76"/>
      <c r="S2223" s="76"/>
      <c r="T2223" s="76"/>
      <c r="U2223" s="76"/>
      <c r="V2223" s="76"/>
      <c r="W2223" s="76"/>
      <c r="X2223" s="76"/>
      <c r="Y2223" s="76"/>
      <c r="Z2223" s="76"/>
      <c r="AA2223" s="85"/>
      <c r="AB2223" s="85"/>
      <c r="AC2223" s="85"/>
      <c r="AD2223" s="85"/>
      <c r="AE2223" s="85"/>
      <c r="AF2223" s="85"/>
      <c r="AG2223" s="86"/>
      <c r="AH2223" s="85"/>
      <c r="AI2223" s="85"/>
      <c r="AJ2223" s="85"/>
      <c r="AK2223" s="85"/>
      <c r="AL2223" s="85"/>
      <c r="AM2223" s="92"/>
      <c r="AN2223" s="92"/>
      <c r="AO2223" s="92"/>
      <c r="AP2223" s="92"/>
      <c r="AQ2223" s="92"/>
      <c r="AR2223" s="92"/>
      <c r="AS2223" s="92"/>
      <c r="AT2223" s="92"/>
      <c r="AU2223" s="92"/>
      <c r="AV2223" s="92"/>
      <c r="AW2223" s="92"/>
      <c r="AX2223" s="92"/>
      <c r="AY2223" s="92"/>
      <c r="AZ2223" s="93"/>
      <c r="BA2223" s="93"/>
      <c r="BB2223" s="93"/>
      <c r="BC2223" s="93"/>
      <c r="BD2223" s="93"/>
      <c r="BE2223" s="93"/>
      <c r="BF2223" s="93"/>
      <c r="BG2223" s="93"/>
      <c r="BH2223" s="93"/>
      <c r="BI2223" s="93"/>
      <c r="BJ2223" s="93"/>
      <c r="BK2223" s="93"/>
      <c r="BL2223" s="93"/>
    </row>
    <row r="2224" spans="2:64" x14ac:dyDescent="0.2">
      <c r="B2224" s="43"/>
      <c r="C2224" s="73"/>
      <c r="D2224" s="64"/>
      <c r="E2224" s="55"/>
      <c r="F2224" s="74"/>
      <c r="G2224" s="74"/>
      <c r="H2224" s="74"/>
      <c r="I2224" s="75"/>
      <c r="J2224" s="74"/>
      <c r="L2224" s="55"/>
      <c r="M2224" s="234"/>
      <c r="N2224" s="65"/>
      <c r="O2224" s="76"/>
      <c r="P2224" s="76"/>
      <c r="Q2224" s="65"/>
      <c r="R2224" s="76"/>
      <c r="S2224" s="76"/>
      <c r="T2224" s="76"/>
      <c r="U2224" s="76"/>
      <c r="V2224" s="76"/>
      <c r="W2224" s="76"/>
      <c r="X2224" s="76"/>
      <c r="Y2224" s="76"/>
      <c r="Z2224" s="76"/>
      <c r="AA2224" s="85"/>
      <c r="AB2224" s="85"/>
      <c r="AC2224" s="85"/>
      <c r="AD2224" s="85"/>
      <c r="AE2224" s="85"/>
      <c r="AF2224" s="85"/>
      <c r="AG2224" s="86"/>
      <c r="AH2224" s="85"/>
      <c r="AI2224" s="85"/>
      <c r="AJ2224" s="85"/>
      <c r="AK2224" s="85"/>
      <c r="AL2224" s="85"/>
      <c r="AM2224" s="92"/>
      <c r="AN2224" s="92"/>
      <c r="AO2224" s="92"/>
      <c r="AP2224" s="92"/>
      <c r="AQ2224" s="92"/>
      <c r="AR2224" s="92"/>
      <c r="AS2224" s="92"/>
      <c r="AT2224" s="92"/>
      <c r="AU2224" s="92"/>
      <c r="AV2224" s="92"/>
      <c r="AW2224" s="92"/>
      <c r="AX2224" s="92"/>
      <c r="AY2224" s="92"/>
      <c r="AZ2224" s="93"/>
      <c r="BA2224" s="93"/>
      <c r="BB2224" s="93"/>
      <c r="BC2224" s="93"/>
      <c r="BD2224" s="93"/>
      <c r="BE2224" s="93"/>
      <c r="BF2224" s="93"/>
      <c r="BG2224" s="93"/>
      <c r="BH2224" s="93"/>
      <c r="BI2224" s="93"/>
      <c r="BJ2224" s="93"/>
      <c r="BK2224" s="93"/>
      <c r="BL2224" s="93"/>
    </row>
    <row r="2225" spans="2:64" x14ac:dyDescent="0.2">
      <c r="B2225" s="43"/>
      <c r="C2225" s="73"/>
      <c r="D2225" s="64"/>
      <c r="E2225" s="55"/>
      <c r="F2225" s="74"/>
      <c r="G2225" s="74"/>
      <c r="H2225" s="74"/>
      <c r="I2225" s="75"/>
      <c r="J2225" s="74"/>
      <c r="L2225" s="55"/>
      <c r="M2225" s="234"/>
      <c r="N2225" s="65"/>
      <c r="O2225" s="76"/>
      <c r="P2225" s="76"/>
      <c r="Q2225" s="65"/>
      <c r="R2225" s="76"/>
      <c r="S2225" s="76"/>
      <c r="T2225" s="76"/>
      <c r="U2225" s="76"/>
      <c r="V2225" s="76"/>
      <c r="W2225" s="76"/>
      <c r="X2225" s="76"/>
      <c r="Y2225" s="76"/>
      <c r="Z2225" s="76"/>
      <c r="AA2225" s="85"/>
      <c r="AB2225" s="85"/>
      <c r="AC2225" s="85"/>
      <c r="AD2225" s="85"/>
      <c r="AE2225" s="85"/>
      <c r="AF2225" s="85"/>
      <c r="AG2225" s="86"/>
      <c r="AH2225" s="85"/>
      <c r="AI2225" s="85"/>
      <c r="AJ2225" s="85"/>
      <c r="AK2225" s="85"/>
      <c r="AL2225" s="85"/>
      <c r="AM2225" s="92"/>
      <c r="AN2225" s="92"/>
      <c r="AO2225" s="92"/>
      <c r="AP2225" s="92"/>
      <c r="AQ2225" s="92"/>
      <c r="AR2225" s="92"/>
      <c r="AS2225" s="92"/>
      <c r="AT2225" s="92"/>
      <c r="AU2225" s="92"/>
      <c r="AV2225" s="92"/>
      <c r="AW2225" s="92"/>
      <c r="AX2225" s="92"/>
      <c r="AY2225" s="92"/>
      <c r="AZ2225" s="93"/>
      <c r="BA2225" s="93"/>
      <c r="BB2225" s="93"/>
      <c r="BC2225" s="93"/>
      <c r="BD2225" s="93"/>
      <c r="BE2225" s="93"/>
      <c r="BF2225" s="93"/>
      <c r="BG2225" s="93"/>
      <c r="BH2225" s="93"/>
      <c r="BI2225" s="93"/>
      <c r="BJ2225" s="93"/>
      <c r="BK2225" s="93"/>
      <c r="BL2225" s="93"/>
    </row>
    <row r="2226" spans="2:64" x14ac:dyDescent="0.2">
      <c r="B2226" s="43"/>
      <c r="C2226" s="73"/>
      <c r="D2226" s="64"/>
      <c r="E2226" s="55"/>
      <c r="F2226" s="74"/>
      <c r="G2226" s="74"/>
      <c r="H2226" s="74"/>
      <c r="I2226" s="75"/>
      <c r="J2226" s="74"/>
      <c r="L2226" s="55"/>
      <c r="M2226" s="234"/>
      <c r="N2226" s="65"/>
      <c r="O2226" s="76"/>
      <c r="P2226" s="76"/>
      <c r="Q2226" s="65"/>
      <c r="R2226" s="76"/>
      <c r="S2226" s="76"/>
      <c r="T2226" s="76"/>
      <c r="U2226" s="76"/>
      <c r="V2226" s="76"/>
      <c r="W2226" s="76"/>
      <c r="X2226" s="76"/>
      <c r="Y2226" s="76"/>
      <c r="Z2226" s="76"/>
      <c r="AA2226" s="85"/>
      <c r="AB2226" s="85"/>
      <c r="AC2226" s="85"/>
      <c r="AD2226" s="85"/>
      <c r="AE2226" s="85"/>
      <c r="AF2226" s="85"/>
      <c r="AG2226" s="86"/>
      <c r="AH2226" s="85"/>
      <c r="AI2226" s="85"/>
      <c r="AJ2226" s="85"/>
      <c r="AK2226" s="85"/>
      <c r="AL2226" s="85"/>
      <c r="AM2226" s="92"/>
      <c r="AN2226" s="92"/>
      <c r="AO2226" s="92"/>
      <c r="AP2226" s="92"/>
      <c r="AQ2226" s="92"/>
      <c r="AR2226" s="92"/>
      <c r="AS2226" s="92"/>
      <c r="AT2226" s="92"/>
      <c r="AU2226" s="92"/>
      <c r="AV2226" s="92"/>
      <c r="AW2226" s="92"/>
      <c r="AX2226" s="92"/>
      <c r="AY2226" s="92"/>
      <c r="AZ2226" s="93"/>
      <c r="BA2226" s="93"/>
      <c r="BB2226" s="93"/>
      <c r="BC2226" s="93"/>
      <c r="BD2226" s="93"/>
      <c r="BE2226" s="93"/>
      <c r="BF2226" s="93"/>
      <c r="BG2226" s="93"/>
      <c r="BH2226" s="93"/>
      <c r="BI2226" s="93"/>
      <c r="BJ2226" s="93"/>
      <c r="BK2226" s="93"/>
      <c r="BL2226" s="93"/>
    </row>
    <row r="2227" spans="2:64" x14ac:dyDescent="0.2">
      <c r="B2227" s="43"/>
      <c r="C2227" s="73"/>
      <c r="D2227" s="64"/>
      <c r="E2227" s="55"/>
      <c r="F2227" s="74"/>
      <c r="G2227" s="74"/>
      <c r="H2227" s="74"/>
      <c r="I2227" s="75"/>
      <c r="J2227" s="74"/>
      <c r="L2227" s="55"/>
      <c r="M2227" s="234"/>
      <c r="N2227" s="65"/>
      <c r="O2227" s="76"/>
      <c r="P2227" s="76"/>
      <c r="Q2227" s="65"/>
      <c r="R2227" s="76"/>
      <c r="S2227" s="76"/>
      <c r="T2227" s="76"/>
      <c r="U2227" s="76"/>
      <c r="V2227" s="76"/>
      <c r="W2227" s="76"/>
      <c r="X2227" s="76"/>
      <c r="Y2227" s="76"/>
      <c r="Z2227" s="76"/>
      <c r="AA2227" s="85"/>
      <c r="AB2227" s="85"/>
      <c r="AC2227" s="85"/>
      <c r="AD2227" s="85"/>
      <c r="AE2227" s="85"/>
      <c r="AF2227" s="85"/>
      <c r="AG2227" s="86"/>
      <c r="AH2227" s="85"/>
      <c r="AI2227" s="85"/>
      <c r="AJ2227" s="85"/>
      <c r="AK2227" s="85"/>
      <c r="AL2227" s="85"/>
      <c r="AM2227" s="92"/>
      <c r="AN2227" s="92"/>
      <c r="AO2227" s="92"/>
      <c r="AP2227" s="92"/>
      <c r="AQ2227" s="92"/>
      <c r="AR2227" s="92"/>
      <c r="AS2227" s="92"/>
      <c r="AT2227" s="92"/>
      <c r="AU2227" s="92"/>
      <c r="AV2227" s="92"/>
      <c r="AW2227" s="92"/>
      <c r="AX2227" s="92"/>
      <c r="AY2227" s="92"/>
      <c r="AZ2227" s="93"/>
      <c r="BA2227" s="93"/>
      <c r="BB2227" s="93"/>
      <c r="BC2227" s="93"/>
      <c r="BD2227" s="93"/>
      <c r="BE2227" s="93"/>
      <c r="BF2227" s="93"/>
      <c r="BG2227" s="93"/>
      <c r="BH2227" s="93"/>
      <c r="BI2227" s="93"/>
      <c r="BJ2227" s="93"/>
      <c r="BK2227" s="93"/>
      <c r="BL2227" s="93"/>
    </row>
    <row r="2228" spans="2:64" x14ac:dyDescent="0.2">
      <c r="B2228" s="43"/>
      <c r="C2228" s="73"/>
      <c r="D2228" s="64"/>
      <c r="E2228" s="55"/>
      <c r="F2228" s="74"/>
      <c r="G2228" s="74"/>
      <c r="H2228" s="74"/>
      <c r="I2228" s="75"/>
      <c r="J2228" s="74"/>
      <c r="L2228" s="55"/>
      <c r="M2228" s="234"/>
      <c r="N2228" s="65"/>
      <c r="O2228" s="76"/>
      <c r="P2228" s="76"/>
      <c r="Q2228" s="65"/>
      <c r="R2228" s="76"/>
      <c r="S2228" s="76"/>
      <c r="T2228" s="76"/>
      <c r="U2228" s="76"/>
      <c r="V2228" s="76"/>
      <c r="W2228" s="76"/>
      <c r="X2228" s="76"/>
      <c r="Y2228" s="76"/>
      <c r="Z2228" s="76"/>
      <c r="AA2228" s="85"/>
      <c r="AB2228" s="85"/>
      <c r="AC2228" s="85"/>
      <c r="AD2228" s="85"/>
      <c r="AE2228" s="85"/>
      <c r="AF2228" s="85"/>
      <c r="AG2228" s="86"/>
      <c r="AH2228" s="85"/>
      <c r="AI2228" s="85"/>
      <c r="AJ2228" s="85"/>
      <c r="AK2228" s="85"/>
      <c r="AL2228" s="85"/>
      <c r="AM2228" s="92"/>
      <c r="AN2228" s="92"/>
      <c r="AO2228" s="92"/>
      <c r="AP2228" s="92"/>
      <c r="AQ2228" s="92"/>
      <c r="AR2228" s="92"/>
      <c r="AS2228" s="92"/>
      <c r="AT2228" s="92"/>
      <c r="AU2228" s="92"/>
      <c r="AV2228" s="92"/>
      <c r="AW2228" s="92"/>
      <c r="AX2228" s="92"/>
      <c r="AY2228" s="92"/>
      <c r="AZ2228" s="93"/>
      <c r="BA2228" s="93"/>
      <c r="BB2228" s="93"/>
      <c r="BC2228" s="93"/>
      <c r="BD2228" s="93"/>
      <c r="BE2228" s="93"/>
      <c r="BF2228" s="93"/>
      <c r="BG2228" s="93"/>
      <c r="BH2228" s="93"/>
      <c r="BI2228" s="93"/>
      <c r="BJ2228" s="93"/>
      <c r="BK2228" s="93"/>
      <c r="BL2228" s="93"/>
    </row>
    <row r="2229" spans="2:64" x14ac:dyDescent="0.2">
      <c r="B2229" s="43"/>
      <c r="C2229" s="73"/>
      <c r="D2229" s="64"/>
      <c r="E2229" s="55"/>
      <c r="F2229" s="74"/>
      <c r="G2229" s="74"/>
      <c r="H2229" s="74"/>
      <c r="I2229" s="75"/>
      <c r="J2229" s="74"/>
      <c r="L2229" s="55"/>
      <c r="M2229" s="234"/>
      <c r="N2229" s="65"/>
      <c r="O2229" s="76"/>
      <c r="P2229" s="76"/>
      <c r="Q2229" s="65"/>
      <c r="R2229" s="76"/>
      <c r="S2229" s="76"/>
      <c r="T2229" s="76"/>
      <c r="U2229" s="76"/>
      <c r="V2229" s="76"/>
      <c r="W2229" s="76"/>
      <c r="X2229" s="76"/>
      <c r="Y2229" s="76"/>
      <c r="Z2229" s="76"/>
      <c r="AA2229" s="85"/>
      <c r="AB2229" s="85"/>
      <c r="AC2229" s="85"/>
      <c r="AD2229" s="85"/>
      <c r="AE2229" s="85"/>
      <c r="AF2229" s="85"/>
      <c r="AG2229" s="86"/>
      <c r="AH2229" s="85"/>
      <c r="AI2229" s="85"/>
      <c r="AJ2229" s="85"/>
      <c r="AK2229" s="85"/>
      <c r="AL2229" s="85"/>
      <c r="AM2229" s="92"/>
      <c r="AN2229" s="92"/>
      <c r="AO2229" s="92"/>
      <c r="AP2229" s="92"/>
      <c r="AQ2229" s="92"/>
      <c r="AR2229" s="92"/>
      <c r="AS2229" s="92"/>
      <c r="AT2229" s="92"/>
      <c r="AU2229" s="92"/>
      <c r="AV2229" s="92"/>
      <c r="AW2229" s="92"/>
      <c r="AX2229" s="92"/>
      <c r="AY2229" s="92"/>
      <c r="AZ2229" s="93"/>
      <c r="BA2229" s="93"/>
      <c r="BB2229" s="93"/>
      <c r="BC2229" s="93"/>
      <c r="BD2229" s="93"/>
      <c r="BE2229" s="93"/>
      <c r="BF2229" s="93"/>
      <c r="BG2229" s="93"/>
      <c r="BH2229" s="93"/>
      <c r="BI2229" s="93"/>
      <c r="BJ2229" s="93"/>
      <c r="BK2229" s="93"/>
      <c r="BL2229" s="93"/>
    </row>
    <row r="2230" spans="2:64" x14ac:dyDescent="0.2">
      <c r="B2230" s="43"/>
      <c r="C2230" s="73"/>
      <c r="D2230" s="64"/>
      <c r="E2230" s="55"/>
      <c r="F2230" s="74"/>
      <c r="G2230" s="74"/>
      <c r="H2230" s="74"/>
      <c r="I2230" s="75"/>
      <c r="J2230" s="74"/>
      <c r="L2230" s="55"/>
      <c r="M2230" s="234"/>
      <c r="N2230" s="65"/>
      <c r="O2230" s="76"/>
      <c r="P2230" s="76"/>
      <c r="Q2230" s="65"/>
      <c r="R2230" s="76"/>
      <c r="S2230" s="76"/>
      <c r="T2230" s="76"/>
      <c r="U2230" s="76"/>
      <c r="V2230" s="76"/>
      <c r="W2230" s="76"/>
      <c r="X2230" s="76"/>
      <c r="Y2230" s="76"/>
      <c r="Z2230" s="76"/>
      <c r="AA2230" s="85"/>
      <c r="AB2230" s="85"/>
      <c r="AC2230" s="85"/>
      <c r="AD2230" s="85"/>
      <c r="AE2230" s="85"/>
      <c r="AF2230" s="85"/>
      <c r="AG2230" s="86"/>
      <c r="AH2230" s="85"/>
      <c r="AI2230" s="85"/>
      <c r="AJ2230" s="85"/>
      <c r="AK2230" s="85"/>
      <c r="AL2230" s="85"/>
      <c r="AM2230" s="92"/>
      <c r="AN2230" s="92"/>
      <c r="AO2230" s="92"/>
      <c r="AP2230" s="92"/>
      <c r="AQ2230" s="92"/>
      <c r="AR2230" s="92"/>
      <c r="AS2230" s="92"/>
      <c r="AT2230" s="92"/>
      <c r="AU2230" s="92"/>
      <c r="AV2230" s="92"/>
      <c r="AW2230" s="92"/>
      <c r="AX2230" s="92"/>
      <c r="AY2230" s="92"/>
      <c r="AZ2230" s="93"/>
      <c r="BA2230" s="93"/>
      <c r="BB2230" s="93"/>
      <c r="BC2230" s="93"/>
      <c r="BD2230" s="93"/>
      <c r="BE2230" s="93"/>
      <c r="BF2230" s="93"/>
      <c r="BG2230" s="93"/>
      <c r="BH2230" s="93"/>
      <c r="BI2230" s="93"/>
      <c r="BJ2230" s="93"/>
      <c r="BK2230" s="93"/>
      <c r="BL2230" s="93"/>
    </row>
    <row r="2231" spans="2:64" x14ac:dyDescent="0.2">
      <c r="B2231" s="43"/>
      <c r="C2231" s="73"/>
      <c r="D2231" s="64"/>
      <c r="E2231" s="55"/>
      <c r="F2231" s="74"/>
      <c r="G2231" s="74"/>
      <c r="H2231" s="74"/>
      <c r="I2231" s="75"/>
      <c r="J2231" s="74"/>
      <c r="L2231" s="55"/>
      <c r="M2231" s="234"/>
      <c r="N2231" s="65"/>
      <c r="O2231" s="76"/>
      <c r="P2231" s="76"/>
      <c r="Q2231" s="65"/>
      <c r="R2231" s="76"/>
      <c r="S2231" s="76"/>
      <c r="T2231" s="76"/>
      <c r="U2231" s="76"/>
      <c r="V2231" s="76"/>
      <c r="W2231" s="76"/>
      <c r="X2231" s="76"/>
      <c r="Y2231" s="76"/>
      <c r="Z2231" s="76"/>
      <c r="AA2231" s="85"/>
      <c r="AB2231" s="85"/>
      <c r="AC2231" s="85"/>
      <c r="AD2231" s="85"/>
      <c r="AE2231" s="85"/>
      <c r="AF2231" s="85"/>
      <c r="AG2231" s="86"/>
      <c r="AH2231" s="85"/>
      <c r="AI2231" s="85"/>
      <c r="AJ2231" s="85"/>
      <c r="AK2231" s="85"/>
      <c r="AL2231" s="85"/>
      <c r="AM2231" s="92"/>
      <c r="AN2231" s="92"/>
      <c r="AO2231" s="92"/>
      <c r="AP2231" s="92"/>
      <c r="AQ2231" s="92"/>
      <c r="AR2231" s="92"/>
      <c r="AS2231" s="92"/>
      <c r="AT2231" s="92"/>
      <c r="AU2231" s="92"/>
      <c r="AV2231" s="92"/>
      <c r="AW2231" s="92"/>
      <c r="AX2231" s="92"/>
      <c r="AY2231" s="92"/>
      <c r="AZ2231" s="93"/>
      <c r="BA2231" s="93"/>
      <c r="BB2231" s="93"/>
      <c r="BC2231" s="93"/>
      <c r="BD2231" s="93"/>
      <c r="BE2231" s="93"/>
      <c r="BF2231" s="93"/>
      <c r="BG2231" s="93"/>
      <c r="BH2231" s="93"/>
      <c r="BI2231" s="93"/>
      <c r="BJ2231" s="93"/>
      <c r="BK2231" s="93"/>
      <c r="BL2231" s="93"/>
    </row>
    <row r="2232" spans="2:64" x14ac:dyDescent="0.2">
      <c r="B2232" s="43"/>
      <c r="C2232" s="73"/>
      <c r="D2232" s="64"/>
      <c r="E2232" s="55"/>
      <c r="F2232" s="74"/>
      <c r="G2232" s="74"/>
      <c r="H2232" s="74"/>
      <c r="I2232" s="75"/>
      <c r="J2232" s="74"/>
      <c r="L2232" s="55"/>
      <c r="M2232" s="234"/>
      <c r="N2232" s="65"/>
      <c r="O2232" s="76"/>
      <c r="P2232" s="76"/>
      <c r="Q2232" s="65"/>
      <c r="R2232" s="76"/>
      <c r="S2232" s="76"/>
      <c r="T2232" s="76"/>
      <c r="U2232" s="76"/>
      <c r="V2232" s="76"/>
      <c r="W2232" s="76"/>
      <c r="X2232" s="76"/>
      <c r="Y2232" s="76"/>
      <c r="Z2232" s="76"/>
      <c r="AA2232" s="85"/>
      <c r="AB2232" s="85"/>
      <c r="AC2232" s="85"/>
      <c r="AD2232" s="85"/>
      <c r="AE2232" s="85"/>
      <c r="AF2232" s="85"/>
      <c r="AG2232" s="86"/>
      <c r="AH2232" s="85"/>
      <c r="AI2232" s="85"/>
      <c r="AJ2232" s="85"/>
      <c r="AK2232" s="85"/>
      <c r="AL2232" s="85"/>
      <c r="AM2232" s="92"/>
      <c r="AN2232" s="92"/>
      <c r="AO2232" s="92"/>
      <c r="AP2232" s="92"/>
      <c r="AQ2232" s="92"/>
      <c r="AR2232" s="92"/>
      <c r="AS2232" s="92"/>
      <c r="AT2232" s="92"/>
      <c r="AU2232" s="92"/>
      <c r="AV2232" s="92"/>
      <c r="AW2232" s="92"/>
      <c r="AX2232" s="92"/>
      <c r="AY2232" s="92"/>
      <c r="AZ2232" s="93"/>
      <c r="BA2232" s="93"/>
      <c r="BB2232" s="93"/>
      <c r="BC2232" s="93"/>
      <c r="BD2232" s="93"/>
      <c r="BE2232" s="93"/>
      <c r="BF2232" s="93"/>
      <c r="BG2232" s="93"/>
      <c r="BH2232" s="93"/>
      <c r="BI2232" s="93"/>
      <c r="BJ2232" s="93"/>
      <c r="BK2232" s="93"/>
      <c r="BL2232" s="93"/>
    </row>
    <row r="2233" spans="2:64" x14ac:dyDescent="0.2">
      <c r="B2233" s="43"/>
      <c r="C2233" s="73"/>
      <c r="D2233" s="64"/>
      <c r="E2233" s="55"/>
      <c r="F2233" s="74"/>
      <c r="G2233" s="74"/>
      <c r="H2233" s="74"/>
      <c r="I2233" s="75"/>
      <c r="J2233" s="74"/>
      <c r="L2233" s="55"/>
      <c r="M2233" s="234"/>
      <c r="N2233" s="65"/>
      <c r="O2233" s="76"/>
      <c r="P2233" s="76"/>
      <c r="Q2233" s="65"/>
      <c r="R2233" s="76"/>
      <c r="S2233" s="76"/>
      <c r="T2233" s="76"/>
      <c r="U2233" s="76"/>
      <c r="V2233" s="76"/>
      <c r="W2233" s="76"/>
      <c r="X2233" s="76"/>
      <c r="Y2233" s="76"/>
      <c r="Z2233" s="76"/>
      <c r="AA2233" s="85"/>
      <c r="AB2233" s="85"/>
      <c r="AC2233" s="85"/>
      <c r="AD2233" s="85"/>
      <c r="AE2233" s="85"/>
      <c r="AF2233" s="85"/>
      <c r="AG2233" s="86"/>
      <c r="AH2233" s="85"/>
      <c r="AI2233" s="85"/>
      <c r="AJ2233" s="85"/>
      <c r="AK2233" s="85"/>
      <c r="AL2233" s="85"/>
      <c r="AM2233" s="92"/>
      <c r="AN2233" s="92"/>
      <c r="AO2233" s="92"/>
      <c r="AP2233" s="92"/>
      <c r="AQ2233" s="92"/>
      <c r="AR2233" s="92"/>
      <c r="AS2233" s="92"/>
      <c r="AT2233" s="92"/>
      <c r="AU2233" s="92"/>
      <c r="AV2233" s="92"/>
      <c r="AW2233" s="92"/>
      <c r="AX2233" s="92"/>
      <c r="AY2233" s="92"/>
      <c r="AZ2233" s="93"/>
      <c r="BA2233" s="93"/>
      <c r="BB2233" s="93"/>
      <c r="BC2233" s="93"/>
      <c r="BD2233" s="93"/>
      <c r="BE2233" s="93"/>
      <c r="BF2233" s="93"/>
      <c r="BG2233" s="93"/>
      <c r="BH2233" s="93"/>
      <c r="BI2233" s="93"/>
      <c r="BJ2233" s="93"/>
      <c r="BK2233" s="93"/>
      <c r="BL2233" s="93"/>
    </row>
    <row r="2234" spans="2:64" x14ac:dyDescent="0.2">
      <c r="B2234" s="43"/>
      <c r="C2234" s="73"/>
      <c r="D2234" s="64"/>
      <c r="E2234" s="55"/>
      <c r="F2234" s="74"/>
      <c r="G2234" s="74"/>
      <c r="H2234" s="74"/>
      <c r="I2234" s="75"/>
      <c r="J2234" s="74"/>
      <c r="L2234" s="55"/>
      <c r="M2234" s="234"/>
      <c r="N2234" s="65"/>
      <c r="O2234" s="76"/>
      <c r="P2234" s="76"/>
      <c r="Q2234" s="65"/>
      <c r="R2234" s="76"/>
      <c r="S2234" s="76"/>
      <c r="T2234" s="76"/>
      <c r="U2234" s="76"/>
      <c r="V2234" s="76"/>
      <c r="W2234" s="76"/>
      <c r="X2234" s="76"/>
      <c r="Y2234" s="76"/>
      <c r="Z2234" s="76"/>
      <c r="AA2234" s="85"/>
      <c r="AB2234" s="85"/>
      <c r="AC2234" s="85"/>
      <c r="AD2234" s="85"/>
      <c r="AE2234" s="85"/>
      <c r="AF2234" s="85"/>
      <c r="AG2234" s="86"/>
      <c r="AH2234" s="85"/>
      <c r="AI2234" s="85"/>
      <c r="AJ2234" s="85"/>
      <c r="AK2234" s="85"/>
      <c r="AL2234" s="85"/>
      <c r="AM2234" s="92"/>
      <c r="AN2234" s="92"/>
      <c r="AO2234" s="92"/>
      <c r="AP2234" s="92"/>
      <c r="AQ2234" s="92"/>
      <c r="AR2234" s="92"/>
      <c r="AS2234" s="92"/>
      <c r="AT2234" s="92"/>
      <c r="AU2234" s="92"/>
      <c r="AV2234" s="92"/>
      <c r="AW2234" s="92"/>
      <c r="AX2234" s="92"/>
      <c r="AY2234" s="92"/>
      <c r="AZ2234" s="93"/>
      <c r="BA2234" s="93"/>
      <c r="BB2234" s="93"/>
      <c r="BC2234" s="93"/>
      <c r="BD2234" s="93"/>
      <c r="BE2234" s="93"/>
      <c r="BF2234" s="93"/>
      <c r="BG2234" s="93"/>
      <c r="BH2234" s="93"/>
      <c r="BI2234" s="93"/>
      <c r="BJ2234" s="93"/>
      <c r="BK2234" s="93"/>
      <c r="BL2234" s="93"/>
    </row>
    <row r="2235" spans="2:64" x14ac:dyDescent="0.2">
      <c r="B2235" s="43"/>
      <c r="C2235" s="73"/>
      <c r="D2235" s="64"/>
      <c r="E2235" s="55"/>
      <c r="F2235" s="74"/>
      <c r="G2235" s="74"/>
      <c r="H2235" s="74"/>
      <c r="I2235" s="75"/>
      <c r="J2235" s="74"/>
      <c r="L2235" s="55"/>
      <c r="M2235" s="234"/>
      <c r="N2235" s="65"/>
      <c r="O2235" s="76"/>
      <c r="P2235" s="76"/>
      <c r="Q2235" s="65"/>
      <c r="R2235" s="76"/>
      <c r="S2235" s="76"/>
      <c r="T2235" s="76"/>
      <c r="U2235" s="76"/>
      <c r="V2235" s="76"/>
      <c r="W2235" s="76"/>
      <c r="X2235" s="76"/>
      <c r="Y2235" s="76"/>
      <c r="Z2235" s="76"/>
      <c r="AA2235" s="85"/>
      <c r="AB2235" s="85"/>
      <c r="AC2235" s="85"/>
      <c r="AD2235" s="85"/>
      <c r="AE2235" s="85"/>
      <c r="AF2235" s="85"/>
      <c r="AG2235" s="86"/>
      <c r="AH2235" s="85"/>
      <c r="AI2235" s="85"/>
      <c r="AJ2235" s="85"/>
      <c r="AK2235" s="85"/>
      <c r="AL2235" s="85"/>
      <c r="AM2235" s="92"/>
      <c r="AN2235" s="92"/>
      <c r="AO2235" s="92"/>
      <c r="AP2235" s="92"/>
      <c r="AQ2235" s="92"/>
      <c r="AR2235" s="92"/>
      <c r="AS2235" s="92"/>
      <c r="AT2235" s="92"/>
      <c r="AU2235" s="92"/>
      <c r="AV2235" s="92"/>
      <c r="AW2235" s="92"/>
      <c r="AX2235" s="92"/>
      <c r="AY2235" s="92"/>
      <c r="AZ2235" s="93"/>
      <c r="BA2235" s="93"/>
      <c r="BB2235" s="93"/>
      <c r="BC2235" s="93"/>
      <c r="BD2235" s="93"/>
      <c r="BE2235" s="93"/>
      <c r="BF2235" s="93"/>
      <c r="BG2235" s="93"/>
      <c r="BH2235" s="93"/>
      <c r="BI2235" s="93"/>
      <c r="BJ2235" s="93"/>
      <c r="BK2235" s="93"/>
      <c r="BL2235" s="93"/>
    </row>
    <row r="2236" spans="2:64" x14ac:dyDescent="0.2">
      <c r="B2236" s="43"/>
      <c r="C2236" s="73"/>
      <c r="D2236" s="64"/>
      <c r="E2236" s="55"/>
      <c r="F2236" s="74"/>
      <c r="G2236" s="74"/>
      <c r="H2236" s="74"/>
      <c r="I2236" s="75"/>
      <c r="J2236" s="74"/>
      <c r="L2236" s="55"/>
      <c r="M2236" s="234"/>
      <c r="N2236" s="65"/>
      <c r="O2236" s="76"/>
      <c r="P2236" s="76"/>
      <c r="Q2236" s="65"/>
      <c r="R2236" s="76"/>
      <c r="S2236" s="76"/>
      <c r="T2236" s="76"/>
      <c r="U2236" s="76"/>
      <c r="V2236" s="76"/>
      <c r="W2236" s="76"/>
      <c r="X2236" s="76"/>
      <c r="Y2236" s="76"/>
      <c r="Z2236" s="76"/>
      <c r="AA2236" s="85"/>
      <c r="AB2236" s="85"/>
      <c r="AC2236" s="85"/>
      <c r="AD2236" s="85"/>
      <c r="AE2236" s="85"/>
      <c r="AF2236" s="85"/>
      <c r="AG2236" s="86"/>
      <c r="AH2236" s="85"/>
      <c r="AI2236" s="85"/>
      <c r="AJ2236" s="85"/>
      <c r="AK2236" s="85"/>
      <c r="AL2236" s="85"/>
      <c r="AM2236" s="92"/>
      <c r="AN2236" s="92"/>
      <c r="AO2236" s="92"/>
      <c r="AP2236" s="92"/>
      <c r="AQ2236" s="92"/>
      <c r="AR2236" s="92"/>
      <c r="AS2236" s="92"/>
      <c r="AT2236" s="92"/>
      <c r="AU2236" s="92"/>
      <c r="AV2236" s="92"/>
      <c r="AW2236" s="92"/>
      <c r="AX2236" s="92"/>
      <c r="AY2236" s="92"/>
      <c r="AZ2236" s="93"/>
      <c r="BA2236" s="93"/>
      <c r="BB2236" s="93"/>
      <c r="BC2236" s="93"/>
      <c r="BD2236" s="93"/>
      <c r="BE2236" s="93"/>
      <c r="BF2236" s="93"/>
      <c r="BG2236" s="93"/>
      <c r="BH2236" s="93"/>
      <c r="BI2236" s="93"/>
      <c r="BJ2236" s="93"/>
      <c r="BK2236" s="93"/>
      <c r="BL2236" s="93"/>
    </row>
    <row r="2237" spans="2:64" x14ac:dyDescent="0.2">
      <c r="B2237" s="43"/>
      <c r="C2237" s="73"/>
      <c r="D2237" s="64"/>
      <c r="E2237" s="55"/>
      <c r="F2237" s="74"/>
      <c r="G2237" s="74"/>
      <c r="H2237" s="74"/>
      <c r="I2237" s="75"/>
      <c r="J2237" s="74"/>
      <c r="L2237" s="55"/>
      <c r="M2237" s="234"/>
      <c r="N2237" s="65"/>
      <c r="O2237" s="76"/>
      <c r="P2237" s="76"/>
      <c r="Q2237" s="65"/>
      <c r="R2237" s="76"/>
      <c r="S2237" s="76"/>
      <c r="T2237" s="76"/>
      <c r="U2237" s="76"/>
      <c r="V2237" s="76"/>
      <c r="W2237" s="76"/>
      <c r="X2237" s="76"/>
      <c r="Y2237" s="76"/>
      <c r="Z2237" s="76"/>
      <c r="AA2237" s="85"/>
      <c r="AB2237" s="85"/>
      <c r="AC2237" s="85"/>
      <c r="AD2237" s="85"/>
      <c r="AE2237" s="85"/>
      <c r="AF2237" s="85"/>
      <c r="AG2237" s="86"/>
      <c r="AH2237" s="85"/>
      <c r="AI2237" s="85"/>
      <c r="AJ2237" s="85"/>
      <c r="AK2237" s="85"/>
      <c r="AL2237" s="85"/>
      <c r="AM2237" s="92"/>
      <c r="AN2237" s="92"/>
      <c r="AO2237" s="92"/>
      <c r="AP2237" s="92"/>
      <c r="AQ2237" s="92"/>
      <c r="AR2237" s="92"/>
      <c r="AS2237" s="92"/>
      <c r="AT2237" s="92"/>
      <c r="AU2237" s="92"/>
      <c r="AV2237" s="92"/>
      <c r="AW2237" s="92"/>
      <c r="AX2237" s="92"/>
      <c r="AY2237" s="92"/>
      <c r="AZ2237" s="93"/>
      <c r="BA2237" s="93"/>
      <c r="BB2237" s="93"/>
      <c r="BC2237" s="93"/>
      <c r="BD2237" s="93"/>
      <c r="BE2237" s="93"/>
      <c r="BF2237" s="93"/>
      <c r="BG2237" s="93"/>
      <c r="BH2237" s="93"/>
      <c r="BI2237" s="93"/>
      <c r="BJ2237" s="93"/>
      <c r="BK2237" s="93"/>
      <c r="BL2237" s="93"/>
    </row>
    <row r="2238" spans="2:64" x14ac:dyDescent="0.2">
      <c r="B2238" s="43"/>
      <c r="C2238" s="73"/>
      <c r="D2238" s="64"/>
      <c r="E2238" s="55"/>
      <c r="F2238" s="74"/>
      <c r="G2238" s="74"/>
      <c r="H2238" s="74"/>
      <c r="I2238" s="75"/>
      <c r="J2238" s="74"/>
      <c r="L2238" s="55"/>
      <c r="M2238" s="234"/>
      <c r="N2238" s="65"/>
      <c r="O2238" s="76"/>
      <c r="P2238" s="76"/>
      <c r="Q2238" s="65"/>
      <c r="R2238" s="76"/>
      <c r="S2238" s="76"/>
      <c r="T2238" s="76"/>
      <c r="U2238" s="76"/>
      <c r="V2238" s="76"/>
      <c r="W2238" s="76"/>
      <c r="X2238" s="76"/>
      <c r="Y2238" s="76"/>
      <c r="Z2238" s="76"/>
      <c r="AA2238" s="85"/>
      <c r="AB2238" s="85"/>
      <c r="AC2238" s="85"/>
      <c r="AD2238" s="85"/>
      <c r="AE2238" s="85"/>
      <c r="AF2238" s="85"/>
      <c r="AG2238" s="86"/>
      <c r="AH2238" s="85"/>
      <c r="AI2238" s="85"/>
      <c r="AJ2238" s="85"/>
      <c r="AK2238" s="85"/>
      <c r="AL2238" s="85"/>
      <c r="AM2238" s="92"/>
      <c r="AN2238" s="92"/>
      <c r="AO2238" s="92"/>
      <c r="AP2238" s="92"/>
      <c r="AQ2238" s="92"/>
      <c r="AR2238" s="92"/>
      <c r="AS2238" s="92"/>
      <c r="AT2238" s="92"/>
      <c r="AU2238" s="92"/>
      <c r="AV2238" s="92"/>
      <c r="AW2238" s="92"/>
      <c r="AX2238" s="92"/>
      <c r="AY2238" s="92"/>
      <c r="AZ2238" s="93"/>
      <c r="BA2238" s="93"/>
      <c r="BB2238" s="93"/>
      <c r="BC2238" s="93"/>
      <c r="BD2238" s="93"/>
      <c r="BE2238" s="93"/>
      <c r="BF2238" s="93"/>
      <c r="BG2238" s="93"/>
      <c r="BH2238" s="93"/>
      <c r="BI2238" s="93"/>
      <c r="BJ2238" s="93"/>
      <c r="BK2238" s="93"/>
      <c r="BL2238" s="93"/>
    </row>
    <row r="2239" spans="2:64" x14ac:dyDescent="0.2">
      <c r="B2239" s="43"/>
      <c r="C2239" s="73"/>
      <c r="D2239" s="64"/>
      <c r="E2239" s="55"/>
      <c r="F2239" s="74"/>
      <c r="G2239" s="74"/>
      <c r="H2239" s="74"/>
      <c r="I2239" s="75"/>
      <c r="J2239" s="74"/>
      <c r="L2239" s="55"/>
      <c r="M2239" s="234"/>
      <c r="N2239" s="65"/>
      <c r="O2239" s="76"/>
      <c r="P2239" s="76"/>
      <c r="Q2239" s="65"/>
      <c r="R2239" s="76"/>
      <c r="S2239" s="76"/>
      <c r="T2239" s="76"/>
      <c r="U2239" s="76"/>
      <c r="V2239" s="76"/>
      <c r="W2239" s="76"/>
      <c r="X2239" s="76"/>
      <c r="Y2239" s="76"/>
      <c r="Z2239" s="76"/>
      <c r="AA2239" s="85"/>
      <c r="AB2239" s="85"/>
      <c r="AC2239" s="85"/>
      <c r="AD2239" s="85"/>
      <c r="AE2239" s="85"/>
      <c r="AF2239" s="85"/>
      <c r="AG2239" s="86"/>
      <c r="AH2239" s="85"/>
      <c r="AI2239" s="85"/>
      <c r="AJ2239" s="85"/>
      <c r="AK2239" s="85"/>
      <c r="AL2239" s="85"/>
      <c r="AM2239" s="92"/>
      <c r="AN2239" s="92"/>
      <c r="AO2239" s="92"/>
      <c r="AP2239" s="92"/>
      <c r="AQ2239" s="92"/>
      <c r="AR2239" s="92"/>
      <c r="AS2239" s="92"/>
      <c r="AT2239" s="92"/>
      <c r="AU2239" s="92"/>
      <c r="AV2239" s="92"/>
      <c r="AW2239" s="92"/>
      <c r="AX2239" s="92"/>
      <c r="AY2239" s="92"/>
      <c r="AZ2239" s="93"/>
      <c r="BA2239" s="93"/>
      <c r="BB2239" s="93"/>
      <c r="BC2239" s="93"/>
      <c r="BD2239" s="93"/>
      <c r="BE2239" s="93"/>
      <c r="BF2239" s="93"/>
      <c r="BG2239" s="93"/>
      <c r="BH2239" s="93"/>
      <c r="BI2239" s="93"/>
      <c r="BJ2239" s="93"/>
      <c r="BK2239" s="93"/>
      <c r="BL2239" s="93"/>
    </row>
    <row r="2240" spans="2:64" x14ac:dyDescent="0.2">
      <c r="B2240" s="43"/>
      <c r="C2240" s="73"/>
      <c r="D2240" s="64"/>
      <c r="E2240" s="55"/>
      <c r="F2240" s="74"/>
      <c r="G2240" s="74"/>
      <c r="H2240" s="74"/>
      <c r="I2240" s="75"/>
      <c r="J2240" s="74"/>
      <c r="L2240" s="55"/>
      <c r="M2240" s="234"/>
      <c r="N2240" s="65"/>
      <c r="O2240" s="76"/>
      <c r="P2240" s="76"/>
      <c r="Q2240" s="65"/>
      <c r="R2240" s="76"/>
      <c r="S2240" s="76"/>
      <c r="T2240" s="76"/>
      <c r="U2240" s="76"/>
      <c r="V2240" s="76"/>
      <c r="W2240" s="76"/>
      <c r="X2240" s="76"/>
      <c r="Y2240" s="76"/>
      <c r="Z2240" s="76"/>
      <c r="AA2240" s="85"/>
      <c r="AB2240" s="85"/>
      <c r="AC2240" s="85"/>
      <c r="AD2240" s="85"/>
      <c r="AE2240" s="85"/>
      <c r="AF2240" s="85"/>
      <c r="AG2240" s="86"/>
      <c r="AH2240" s="85"/>
      <c r="AI2240" s="85"/>
      <c r="AJ2240" s="85"/>
      <c r="AK2240" s="85"/>
      <c r="AL2240" s="85"/>
      <c r="AM2240" s="92"/>
      <c r="AN2240" s="92"/>
      <c r="AO2240" s="92"/>
      <c r="AP2240" s="92"/>
      <c r="AQ2240" s="92"/>
      <c r="AR2240" s="92"/>
      <c r="AS2240" s="92"/>
      <c r="AT2240" s="92"/>
      <c r="AU2240" s="92"/>
      <c r="AV2240" s="92"/>
      <c r="AW2240" s="92"/>
      <c r="AX2240" s="92"/>
      <c r="AY2240" s="92"/>
      <c r="AZ2240" s="93"/>
      <c r="BA2240" s="93"/>
      <c r="BB2240" s="93"/>
      <c r="BC2240" s="93"/>
      <c r="BD2240" s="93"/>
      <c r="BE2240" s="93"/>
      <c r="BF2240" s="93"/>
      <c r="BG2240" s="93"/>
      <c r="BH2240" s="93"/>
      <c r="BI2240" s="93"/>
      <c r="BJ2240" s="93"/>
      <c r="BK2240" s="93"/>
      <c r="BL2240" s="93"/>
    </row>
    <row r="2241" spans="2:64" x14ac:dyDescent="0.2">
      <c r="B2241" s="43"/>
      <c r="C2241" s="73"/>
      <c r="D2241" s="64"/>
      <c r="E2241" s="55"/>
      <c r="F2241" s="74"/>
      <c r="G2241" s="74"/>
      <c r="H2241" s="74"/>
      <c r="I2241" s="75"/>
      <c r="J2241" s="74"/>
      <c r="L2241" s="55"/>
      <c r="M2241" s="234"/>
      <c r="N2241" s="65"/>
      <c r="O2241" s="76"/>
      <c r="P2241" s="76"/>
      <c r="Q2241" s="65"/>
      <c r="R2241" s="76"/>
      <c r="S2241" s="76"/>
      <c r="T2241" s="76"/>
      <c r="U2241" s="76"/>
      <c r="V2241" s="76"/>
      <c r="W2241" s="76"/>
      <c r="X2241" s="76"/>
      <c r="Y2241" s="76"/>
      <c r="Z2241" s="76"/>
      <c r="AA2241" s="85"/>
      <c r="AB2241" s="85"/>
      <c r="AC2241" s="85"/>
      <c r="AD2241" s="85"/>
      <c r="AE2241" s="85"/>
      <c r="AF2241" s="85"/>
      <c r="AG2241" s="86"/>
      <c r="AH2241" s="85"/>
      <c r="AI2241" s="85"/>
      <c r="AJ2241" s="85"/>
      <c r="AK2241" s="85"/>
      <c r="AL2241" s="85"/>
      <c r="AM2241" s="92"/>
      <c r="AN2241" s="92"/>
      <c r="AO2241" s="92"/>
      <c r="AP2241" s="92"/>
      <c r="AQ2241" s="92"/>
      <c r="AR2241" s="92"/>
      <c r="AS2241" s="92"/>
      <c r="AT2241" s="92"/>
      <c r="AU2241" s="92"/>
      <c r="AV2241" s="92"/>
      <c r="AW2241" s="92"/>
      <c r="AX2241" s="92"/>
      <c r="AY2241" s="92"/>
      <c r="AZ2241" s="93"/>
      <c r="BA2241" s="93"/>
      <c r="BB2241" s="93"/>
      <c r="BC2241" s="93"/>
      <c r="BD2241" s="93"/>
      <c r="BE2241" s="93"/>
      <c r="BF2241" s="93"/>
      <c r="BG2241" s="93"/>
      <c r="BH2241" s="93"/>
      <c r="BI2241" s="93"/>
      <c r="BJ2241" s="93"/>
      <c r="BK2241" s="93"/>
      <c r="BL2241" s="93"/>
    </row>
    <row r="2242" spans="2:64" x14ac:dyDescent="0.2">
      <c r="B2242" s="43"/>
      <c r="C2242" s="73"/>
      <c r="D2242" s="64"/>
      <c r="E2242" s="55"/>
      <c r="F2242" s="74"/>
      <c r="G2242" s="74"/>
      <c r="H2242" s="74"/>
      <c r="I2242" s="75"/>
      <c r="J2242" s="74"/>
      <c r="L2242" s="55"/>
      <c r="M2242" s="234"/>
      <c r="N2242" s="65"/>
      <c r="O2242" s="76"/>
      <c r="P2242" s="76"/>
      <c r="Q2242" s="65"/>
      <c r="R2242" s="76"/>
      <c r="S2242" s="76"/>
      <c r="T2242" s="76"/>
      <c r="U2242" s="76"/>
      <c r="V2242" s="76"/>
      <c r="W2242" s="76"/>
      <c r="X2242" s="76"/>
      <c r="Y2242" s="76"/>
      <c r="Z2242" s="76"/>
      <c r="AA2242" s="85"/>
      <c r="AB2242" s="85"/>
      <c r="AC2242" s="85"/>
      <c r="AD2242" s="85"/>
      <c r="AE2242" s="85"/>
      <c r="AF2242" s="85"/>
      <c r="AG2242" s="86"/>
      <c r="AH2242" s="85"/>
      <c r="AI2242" s="85"/>
      <c r="AJ2242" s="85"/>
      <c r="AK2242" s="85"/>
      <c r="AL2242" s="85"/>
      <c r="AM2242" s="92"/>
      <c r="AN2242" s="92"/>
      <c r="AO2242" s="92"/>
      <c r="AP2242" s="92"/>
      <c r="AQ2242" s="92"/>
      <c r="AR2242" s="92"/>
      <c r="AS2242" s="92"/>
      <c r="AT2242" s="92"/>
      <c r="AU2242" s="92"/>
      <c r="AV2242" s="92"/>
      <c r="AW2242" s="92"/>
      <c r="AX2242" s="92"/>
      <c r="AY2242" s="92"/>
      <c r="AZ2242" s="93"/>
      <c r="BA2242" s="93"/>
      <c r="BB2242" s="93"/>
      <c r="BC2242" s="93"/>
      <c r="BD2242" s="93"/>
      <c r="BE2242" s="93"/>
      <c r="BF2242" s="93"/>
      <c r="BG2242" s="93"/>
      <c r="BH2242" s="93"/>
      <c r="BI2242" s="93"/>
      <c r="BJ2242" s="93"/>
      <c r="BK2242" s="93"/>
      <c r="BL2242" s="93"/>
    </row>
    <row r="2243" spans="2:64" x14ac:dyDescent="0.2">
      <c r="B2243" s="43"/>
      <c r="C2243" s="73"/>
      <c r="D2243" s="64"/>
      <c r="E2243" s="55"/>
      <c r="F2243" s="74"/>
      <c r="G2243" s="74"/>
      <c r="H2243" s="74"/>
      <c r="I2243" s="75"/>
      <c r="J2243" s="74"/>
      <c r="L2243" s="55"/>
      <c r="M2243" s="234"/>
      <c r="N2243" s="65"/>
      <c r="O2243" s="76"/>
      <c r="P2243" s="76"/>
      <c r="Q2243" s="65"/>
      <c r="R2243" s="76"/>
      <c r="S2243" s="76"/>
      <c r="T2243" s="76"/>
      <c r="U2243" s="76"/>
      <c r="V2243" s="76"/>
      <c r="W2243" s="76"/>
      <c r="X2243" s="76"/>
      <c r="Y2243" s="76"/>
      <c r="Z2243" s="76"/>
      <c r="AA2243" s="85"/>
      <c r="AB2243" s="85"/>
      <c r="AC2243" s="85"/>
      <c r="AD2243" s="85"/>
      <c r="AE2243" s="85"/>
      <c r="AF2243" s="85"/>
      <c r="AG2243" s="86"/>
      <c r="AH2243" s="85"/>
      <c r="AI2243" s="85"/>
      <c r="AJ2243" s="85"/>
      <c r="AK2243" s="85"/>
      <c r="AL2243" s="85"/>
      <c r="AM2243" s="92"/>
      <c r="AN2243" s="92"/>
      <c r="AO2243" s="92"/>
      <c r="AP2243" s="92"/>
      <c r="AQ2243" s="92"/>
      <c r="AR2243" s="92"/>
      <c r="AS2243" s="92"/>
      <c r="AT2243" s="92"/>
      <c r="AU2243" s="92"/>
      <c r="AV2243" s="92"/>
      <c r="AW2243" s="92"/>
      <c r="AX2243" s="92"/>
      <c r="AY2243" s="92"/>
      <c r="AZ2243" s="93"/>
      <c r="BA2243" s="93"/>
      <c r="BB2243" s="93"/>
      <c r="BC2243" s="93"/>
      <c r="BD2243" s="93"/>
      <c r="BE2243" s="93"/>
      <c r="BF2243" s="93"/>
      <c r="BG2243" s="93"/>
      <c r="BH2243" s="93"/>
      <c r="BI2243" s="93"/>
      <c r="BJ2243" s="93"/>
      <c r="BK2243" s="93"/>
      <c r="BL2243" s="93"/>
    </row>
    <row r="2244" spans="2:64" x14ac:dyDescent="0.2">
      <c r="B2244" s="43"/>
      <c r="C2244" s="73"/>
      <c r="D2244" s="64"/>
      <c r="E2244" s="55"/>
      <c r="F2244" s="74"/>
      <c r="G2244" s="74"/>
      <c r="H2244" s="74"/>
      <c r="I2244" s="75"/>
      <c r="J2244" s="74"/>
      <c r="L2244" s="55"/>
      <c r="M2244" s="234"/>
      <c r="N2244" s="65"/>
      <c r="O2244" s="76"/>
      <c r="P2244" s="76"/>
      <c r="Q2244" s="65"/>
      <c r="R2244" s="76"/>
      <c r="S2244" s="76"/>
      <c r="T2244" s="76"/>
      <c r="U2244" s="76"/>
      <c r="V2244" s="76"/>
      <c r="W2244" s="76"/>
      <c r="X2244" s="76"/>
      <c r="Y2244" s="76"/>
      <c r="Z2244" s="76"/>
      <c r="AA2244" s="85"/>
      <c r="AB2244" s="85"/>
      <c r="AC2244" s="85"/>
      <c r="AD2244" s="85"/>
      <c r="AE2244" s="85"/>
      <c r="AF2244" s="85"/>
      <c r="AG2244" s="86"/>
      <c r="AH2244" s="85"/>
      <c r="AI2244" s="85"/>
      <c r="AJ2244" s="85"/>
      <c r="AK2244" s="85"/>
      <c r="AL2244" s="85"/>
      <c r="AM2244" s="92"/>
      <c r="AN2244" s="92"/>
      <c r="AO2244" s="92"/>
      <c r="AP2244" s="92"/>
      <c r="AQ2244" s="92"/>
      <c r="AR2244" s="92"/>
      <c r="AS2244" s="92"/>
      <c r="AT2244" s="92"/>
      <c r="AU2244" s="92"/>
      <c r="AV2244" s="92"/>
      <c r="AW2244" s="92"/>
      <c r="AX2244" s="92"/>
      <c r="AY2244" s="92"/>
      <c r="AZ2244" s="93"/>
      <c r="BA2244" s="93"/>
      <c r="BB2244" s="93"/>
      <c r="BC2244" s="93"/>
      <c r="BD2244" s="93"/>
      <c r="BE2244" s="93"/>
      <c r="BF2244" s="93"/>
      <c r="BG2244" s="93"/>
      <c r="BH2244" s="93"/>
      <c r="BI2244" s="93"/>
      <c r="BJ2244" s="93"/>
      <c r="BK2244" s="93"/>
      <c r="BL2244" s="93"/>
    </row>
    <row r="2245" spans="2:64" x14ac:dyDescent="0.2">
      <c r="B2245" s="43"/>
      <c r="C2245" s="73"/>
      <c r="D2245" s="64"/>
      <c r="E2245" s="55"/>
      <c r="F2245" s="74"/>
      <c r="G2245" s="74"/>
      <c r="H2245" s="74"/>
      <c r="I2245" s="75"/>
      <c r="J2245" s="74"/>
      <c r="L2245" s="55"/>
      <c r="M2245" s="234"/>
      <c r="N2245" s="65"/>
      <c r="O2245" s="76"/>
      <c r="P2245" s="76"/>
      <c r="Q2245" s="65"/>
      <c r="R2245" s="76"/>
      <c r="S2245" s="76"/>
      <c r="T2245" s="76"/>
      <c r="U2245" s="76"/>
      <c r="V2245" s="76"/>
      <c r="W2245" s="76"/>
      <c r="X2245" s="76"/>
      <c r="Y2245" s="76"/>
      <c r="Z2245" s="76"/>
      <c r="AA2245" s="85"/>
      <c r="AB2245" s="85"/>
      <c r="AC2245" s="85"/>
      <c r="AD2245" s="85"/>
      <c r="AE2245" s="85"/>
      <c r="AF2245" s="85"/>
      <c r="AG2245" s="86"/>
      <c r="AH2245" s="85"/>
      <c r="AI2245" s="85"/>
      <c r="AJ2245" s="85"/>
      <c r="AK2245" s="85"/>
      <c r="AL2245" s="85"/>
      <c r="AM2245" s="92"/>
      <c r="AN2245" s="92"/>
      <c r="AO2245" s="92"/>
      <c r="AP2245" s="92"/>
      <c r="AQ2245" s="92"/>
      <c r="AR2245" s="92"/>
      <c r="AS2245" s="92"/>
      <c r="AT2245" s="92"/>
      <c r="AU2245" s="92"/>
      <c r="AV2245" s="92"/>
      <c r="AW2245" s="92"/>
      <c r="AX2245" s="92"/>
      <c r="AY2245" s="92"/>
      <c r="AZ2245" s="93"/>
      <c r="BA2245" s="93"/>
      <c r="BB2245" s="93"/>
      <c r="BC2245" s="93"/>
      <c r="BD2245" s="93"/>
      <c r="BE2245" s="93"/>
      <c r="BF2245" s="93"/>
      <c r="BG2245" s="93"/>
      <c r="BH2245" s="93"/>
      <c r="BI2245" s="93"/>
      <c r="BJ2245" s="93"/>
      <c r="BK2245" s="93"/>
      <c r="BL2245" s="93"/>
    </row>
    <row r="2246" spans="2:64" x14ac:dyDescent="0.2">
      <c r="B2246" s="43"/>
      <c r="C2246" s="73"/>
      <c r="D2246" s="64"/>
      <c r="E2246" s="55"/>
      <c r="F2246" s="74"/>
      <c r="G2246" s="74"/>
      <c r="H2246" s="74"/>
      <c r="I2246" s="75"/>
      <c r="J2246" s="74"/>
      <c r="L2246" s="55"/>
      <c r="M2246" s="234"/>
      <c r="N2246" s="65"/>
      <c r="O2246" s="76"/>
      <c r="P2246" s="76"/>
      <c r="Q2246" s="65"/>
      <c r="R2246" s="76"/>
      <c r="S2246" s="76"/>
      <c r="T2246" s="76"/>
      <c r="U2246" s="76"/>
      <c r="V2246" s="76"/>
      <c r="W2246" s="76"/>
      <c r="X2246" s="76"/>
      <c r="Y2246" s="76"/>
      <c r="Z2246" s="76"/>
      <c r="AA2246" s="85"/>
      <c r="AB2246" s="85"/>
      <c r="AC2246" s="85"/>
      <c r="AD2246" s="85"/>
      <c r="AE2246" s="85"/>
      <c r="AF2246" s="85"/>
      <c r="AG2246" s="86"/>
      <c r="AH2246" s="85"/>
      <c r="AI2246" s="85"/>
      <c r="AJ2246" s="85"/>
      <c r="AK2246" s="85"/>
      <c r="AL2246" s="85"/>
      <c r="AM2246" s="92"/>
      <c r="AN2246" s="92"/>
      <c r="AO2246" s="92"/>
      <c r="AP2246" s="92"/>
      <c r="AQ2246" s="92"/>
      <c r="AR2246" s="92"/>
      <c r="AS2246" s="92"/>
      <c r="AT2246" s="92"/>
      <c r="AU2246" s="92"/>
      <c r="AV2246" s="92"/>
      <c r="AW2246" s="92"/>
      <c r="AX2246" s="92"/>
      <c r="AY2246" s="92"/>
      <c r="AZ2246" s="93"/>
      <c r="BA2246" s="93"/>
      <c r="BB2246" s="93"/>
      <c r="BC2246" s="93"/>
      <c r="BD2246" s="93"/>
      <c r="BE2246" s="93"/>
      <c r="BF2246" s="93"/>
      <c r="BG2246" s="93"/>
      <c r="BH2246" s="93"/>
      <c r="BI2246" s="93"/>
      <c r="BJ2246" s="93"/>
      <c r="BK2246" s="93"/>
      <c r="BL2246" s="93"/>
    </row>
    <row r="2247" spans="2:64" x14ac:dyDescent="0.2">
      <c r="B2247" s="43"/>
      <c r="C2247" s="73"/>
      <c r="D2247" s="64"/>
      <c r="E2247" s="55"/>
      <c r="F2247" s="74"/>
      <c r="G2247" s="74"/>
      <c r="H2247" s="74"/>
      <c r="I2247" s="75"/>
      <c r="J2247" s="74"/>
      <c r="L2247" s="55"/>
      <c r="M2247" s="234"/>
      <c r="N2247" s="65"/>
      <c r="O2247" s="76"/>
      <c r="P2247" s="76"/>
      <c r="Q2247" s="65"/>
      <c r="R2247" s="76"/>
      <c r="S2247" s="76"/>
      <c r="T2247" s="76"/>
      <c r="U2247" s="76"/>
      <c r="V2247" s="76"/>
      <c r="W2247" s="76"/>
      <c r="X2247" s="76"/>
      <c r="Y2247" s="76"/>
      <c r="Z2247" s="76"/>
      <c r="AA2247" s="85"/>
      <c r="AB2247" s="85"/>
      <c r="AC2247" s="85"/>
      <c r="AD2247" s="85"/>
      <c r="AE2247" s="85"/>
      <c r="AF2247" s="85"/>
      <c r="AG2247" s="86"/>
      <c r="AH2247" s="85"/>
      <c r="AI2247" s="85"/>
      <c r="AJ2247" s="85"/>
      <c r="AK2247" s="85"/>
      <c r="AL2247" s="85"/>
      <c r="AM2247" s="92"/>
      <c r="AN2247" s="92"/>
      <c r="AO2247" s="92"/>
      <c r="AP2247" s="92"/>
      <c r="AQ2247" s="92"/>
      <c r="AR2247" s="92"/>
      <c r="AS2247" s="92"/>
      <c r="AT2247" s="92"/>
      <c r="AU2247" s="92"/>
      <c r="AV2247" s="92"/>
      <c r="AW2247" s="92"/>
      <c r="AX2247" s="92"/>
      <c r="AY2247" s="92"/>
      <c r="AZ2247" s="93"/>
      <c r="BA2247" s="93"/>
      <c r="BB2247" s="93"/>
      <c r="BC2247" s="93"/>
      <c r="BD2247" s="93"/>
      <c r="BE2247" s="93"/>
      <c r="BF2247" s="93"/>
      <c r="BG2247" s="93"/>
      <c r="BH2247" s="93"/>
      <c r="BI2247" s="93"/>
      <c r="BJ2247" s="93"/>
      <c r="BK2247" s="93"/>
      <c r="BL2247" s="93"/>
    </row>
    <row r="2248" spans="2:64" x14ac:dyDescent="0.2">
      <c r="B2248" s="43"/>
      <c r="C2248" s="73"/>
      <c r="D2248" s="64"/>
      <c r="E2248" s="55"/>
      <c r="F2248" s="74"/>
      <c r="G2248" s="74"/>
      <c r="H2248" s="74"/>
      <c r="I2248" s="75"/>
      <c r="J2248" s="74"/>
      <c r="L2248" s="55"/>
      <c r="M2248" s="234"/>
      <c r="N2248" s="65"/>
      <c r="O2248" s="76"/>
      <c r="P2248" s="76"/>
      <c r="Q2248" s="65"/>
      <c r="R2248" s="76"/>
      <c r="S2248" s="76"/>
      <c r="T2248" s="76"/>
      <c r="U2248" s="76"/>
      <c r="V2248" s="76"/>
      <c r="W2248" s="76"/>
      <c r="X2248" s="76"/>
      <c r="Y2248" s="76"/>
      <c r="Z2248" s="76"/>
      <c r="AA2248" s="85"/>
      <c r="AB2248" s="85"/>
      <c r="AC2248" s="85"/>
      <c r="AD2248" s="85"/>
      <c r="AE2248" s="85"/>
      <c r="AF2248" s="85"/>
      <c r="AG2248" s="86"/>
      <c r="AH2248" s="85"/>
      <c r="AI2248" s="85"/>
      <c r="AJ2248" s="85"/>
      <c r="AK2248" s="85"/>
      <c r="AL2248" s="85"/>
      <c r="AM2248" s="92"/>
      <c r="AN2248" s="92"/>
      <c r="AO2248" s="92"/>
      <c r="AP2248" s="92"/>
      <c r="AQ2248" s="92"/>
      <c r="AR2248" s="92"/>
      <c r="AS2248" s="92"/>
      <c r="AT2248" s="92"/>
      <c r="AU2248" s="92"/>
      <c r="AV2248" s="92"/>
      <c r="AW2248" s="92"/>
      <c r="AX2248" s="92"/>
      <c r="AY2248" s="92"/>
      <c r="AZ2248" s="93"/>
      <c r="BA2248" s="93"/>
      <c r="BB2248" s="93"/>
      <c r="BC2248" s="93"/>
      <c r="BD2248" s="93"/>
      <c r="BE2248" s="93"/>
      <c r="BF2248" s="93"/>
      <c r="BG2248" s="93"/>
      <c r="BH2248" s="93"/>
      <c r="BI2248" s="93"/>
      <c r="BJ2248" s="93"/>
      <c r="BK2248" s="93"/>
      <c r="BL2248" s="93"/>
    </row>
    <row r="2249" spans="2:64" x14ac:dyDescent="0.2">
      <c r="B2249" s="43"/>
      <c r="C2249" s="73"/>
      <c r="D2249" s="64"/>
      <c r="E2249" s="55"/>
      <c r="F2249" s="74"/>
      <c r="G2249" s="74"/>
      <c r="H2249" s="74"/>
      <c r="I2249" s="75"/>
      <c r="J2249" s="74"/>
      <c r="L2249" s="55"/>
      <c r="M2249" s="234"/>
      <c r="N2249" s="65"/>
      <c r="O2249" s="76"/>
      <c r="P2249" s="76"/>
      <c r="Q2249" s="65"/>
      <c r="R2249" s="76"/>
      <c r="S2249" s="76"/>
      <c r="T2249" s="76"/>
      <c r="U2249" s="76"/>
      <c r="V2249" s="76"/>
      <c r="W2249" s="76"/>
      <c r="X2249" s="76"/>
      <c r="Y2249" s="76"/>
      <c r="Z2249" s="76"/>
      <c r="AA2249" s="85"/>
      <c r="AB2249" s="85"/>
      <c r="AC2249" s="85"/>
      <c r="AD2249" s="85"/>
      <c r="AE2249" s="85"/>
      <c r="AF2249" s="85"/>
      <c r="AG2249" s="86"/>
      <c r="AH2249" s="85"/>
      <c r="AI2249" s="85"/>
      <c r="AJ2249" s="85"/>
      <c r="AK2249" s="85"/>
      <c r="AL2249" s="85"/>
      <c r="AM2249" s="92"/>
      <c r="AN2249" s="92"/>
      <c r="AO2249" s="92"/>
      <c r="AP2249" s="92"/>
      <c r="AQ2249" s="92"/>
      <c r="AR2249" s="92"/>
      <c r="AS2249" s="92"/>
      <c r="AT2249" s="92"/>
      <c r="AU2249" s="92"/>
      <c r="AV2249" s="92"/>
      <c r="AW2249" s="92"/>
      <c r="AX2249" s="92"/>
      <c r="AY2249" s="92"/>
      <c r="AZ2249" s="93"/>
      <c r="BA2249" s="93"/>
      <c r="BB2249" s="93"/>
      <c r="BC2249" s="93"/>
      <c r="BD2249" s="93"/>
      <c r="BE2249" s="93"/>
      <c r="BF2249" s="93"/>
      <c r="BG2249" s="93"/>
      <c r="BH2249" s="93"/>
      <c r="BI2249" s="93"/>
      <c r="BJ2249" s="93"/>
      <c r="BK2249" s="93"/>
      <c r="BL2249" s="93"/>
    </row>
    <row r="2250" spans="2:64" x14ac:dyDescent="0.2">
      <c r="B2250" s="43"/>
      <c r="C2250" s="73"/>
      <c r="D2250" s="64"/>
      <c r="E2250" s="55"/>
      <c r="F2250" s="74"/>
      <c r="G2250" s="74"/>
      <c r="H2250" s="74"/>
      <c r="I2250" s="75"/>
      <c r="J2250" s="74"/>
      <c r="L2250" s="55"/>
      <c r="M2250" s="234"/>
      <c r="N2250" s="65"/>
      <c r="O2250" s="76"/>
      <c r="P2250" s="76"/>
      <c r="Q2250" s="65"/>
      <c r="R2250" s="76"/>
      <c r="S2250" s="76"/>
      <c r="T2250" s="76"/>
      <c r="U2250" s="76"/>
      <c r="V2250" s="76"/>
      <c r="W2250" s="76"/>
      <c r="X2250" s="76"/>
      <c r="Y2250" s="76"/>
      <c r="Z2250" s="76"/>
      <c r="AA2250" s="85"/>
      <c r="AB2250" s="85"/>
      <c r="AC2250" s="85"/>
      <c r="AD2250" s="85"/>
      <c r="AE2250" s="85"/>
      <c r="AF2250" s="85"/>
      <c r="AG2250" s="86"/>
      <c r="AH2250" s="85"/>
      <c r="AI2250" s="85"/>
      <c r="AJ2250" s="85"/>
      <c r="AK2250" s="85"/>
      <c r="AL2250" s="85"/>
      <c r="AM2250" s="92"/>
      <c r="AN2250" s="92"/>
      <c r="AO2250" s="92"/>
      <c r="AP2250" s="92"/>
      <c r="AQ2250" s="92"/>
      <c r="AR2250" s="92"/>
      <c r="AS2250" s="92"/>
      <c r="AT2250" s="92"/>
      <c r="AU2250" s="92"/>
      <c r="AV2250" s="92"/>
      <c r="AW2250" s="92"/>
      <c r="AX2250" s="92"/>
      <c r="AY2250" s="92"/>
      <c r="AZ2250" s="93"/>
      <c r="BA2250" s="93"/>
      <c r="BB2250" s="93"/>
      <c r="BC2250" s="93"/>
      <c r="BD2250" s="93"/>
      <c r="BE2250" s="93"/>
      <c r="BF2250" s="93"/>
      <c r="BG2250" s="93"/>
      <c r="BH2250" s="93"/>
      <c r="BI2250" s="93"/>
      <c r="BJ2250" s="93"/>
      <c r="BK2250" s="93"/>
      <c r="BL2250" s="93"/>
    </row>
    <row r="2251" spans="2:64" x14ac:dyDescent="0.2">
      <c r="B2251" s="43"/>
      <c r="C2251" s="73"/>
      <c r="D2251" s="64"/>
      <c r="E2251" s="55"/>
      <c r="F2251" s="74"/>
      <c r="G2251" s="74"/>
      <c r="H2251" s="74"/>
      <c r="I2251" s="75"/>
      <c r="J2251" s="74"/>
      <c r="L2251" s="55"/>
      <c r="M2251" s="234"/>
      <c r="N2251" s="65"/>
      <c r="O2251" s="76"/>
      <c r="P2251" s="76"/>
      <c r="Q2251" s="65"/>
      <c r="R2251" s="76"/>
      <c r="S2251" s="76"/>
      <c r="T2251" s="76"/>
      <c r="U2251" s="76"/>
      <c r="V2251" s="76"/>
      <c r="W2251" s="76"/>
      <c r="X2251" s="76"/>
      <c r="Y2251" s="76"/>
      <c r="Z2251" s="76"/>
      <c r="AA2251" s="85"/>
      <c r="AB2251" s="85"/>
      <c r="AC2251" s="85"/>
      <c r="AD2251" s="85"/>
      <c r="AE2251" s="85"/>
      <c r="AF2251" s="85"/>
      <c r="AG2251" s="86"/>
      <c r="AH2251" s="85"/>
      <c r="AI2251" s="85"/>
      <c r="AJ2251" s="85"/>
      <c r="AK2251" s="85"/>
      <c r="AL2251" s="85"/>
      <c r="AM2251" s="92"/>
      <c r="AN2251" s="92"/>
      <c r="AO2251" s="92"/>
      <c r="AP2251" s="92"/>
      <c r="AQ2251" s="92"/>
      <c r="AR2251" s="92"/>
      <c r="AS2251" s="92"/>
      <c r="AT2251" s="92"/>
      <c r="AU2251" s="92"/>
      <c r="AV2251" s="92"/>
      <c r="AW2251" s="92"/>
      <c r="AX2251" s="92"/>
      <c r="AY2251" s="92"/>
      <c r="AZ2251" s="93"/>
      <c r="BA2251" s="93"/>
      <c r="BB2251" s="93"/>
      <c r="BC2251" s="93"/>
      <c r="BD2251" s="93"/>
      <c r="BE2251" s="93"/>
      <c r="BF2251" s="93"/>
      <c r="BG2251" s="93"/>
      <c r="BH2251" s="93"/>
      <c r="BI2251" s="93"/>
      <c r="BJ2251" s="93"/>
      <c r="BK2251" s="93"/>
      <c r="BL2251" s="93"/>
    </row>
    <row r="2252" spans="2:64" x14ac:dyDescent="0.2">
      <c r="B2252" s="43"/>
      <c r="C2252" s="73"/>
      <c r="D2252" s="64"/>
      <c r="E2252" s="55"/>
      <c r="F2252" s="74"/>
      <c r="G2252" s="74"/>
      <c r="H2252" s="74"/>
      <c r="I2252" s="75"/>
      <c r="J2252" s="74"/>
      <c r="L2252" s="55"/>
      <c r="M2252" s="234"/>
      <c r="N2252" s="65"/>
      <c r="O2252" s="76"/>
      <c r="P2252" s="76"/>
      <c r="Q2252" s="65"/>
      <c r="R2252" s="76"/>
      <c r="S2252" s="76"/>
      <c r="T2252" s="76"/>
      <c r="U2252" s="76"/>
      <c r="V2252" s="76"/>
      <c r="W2252" s="76"/>
      <c r="X2252" s="76"/>
      <c r="Y2252" s="76"/>
      <c r="Z2252" s="76"/>
      <c r="AA2252" s="85"/>
      <c r="AB2252" s="85"/>
      <c r="AC2252" s="85"/>
      <c r="AD2252" s="85"/>
      <c r="AE2252" s="85"/>
      <c r="AF2252" s="85"/>
      <c r="AG2252" s="86"/>
      <c r="AH2252" s="85"/>
      <c r="AI2252" s="85"/>
      <c r="AJ2252" s="85"/>
      <c r="AK2252" s="85"/>
      <c r="AL2252" s="85"/>
      <c r="AM2252" s="92"/>
      <c r="AN2252" s="92"/>
      <c r="AO2252" s="92"/>
      <c r="AP2252" s="92"/>
      <c r="AQ2252" s="92"/>
      <c r="AR2252" s="92"/>
      <c r="AS2252" s="92"/>
      <c r="AT2252" s="92"/>
      <c r="AU2252" s="92"/>
      <c r="AV2252" s="92"/>
      <c r="AW2252" s="92"/>
      <c r="AX2252" s="92"/>
      <c r="AY2252" s="92"/>
      <c r="AZ2252" s="93"/>
      <c r="BA2252" s="93"/>
      <c r="BB2252" s="93"/>
      <c r="BC2252" s="93"/>
      <c r="BD2252" s="93"/>
      <c r="BE2252" s="93"/>
      <c r="BF2252" s="93"/>
      <c r="BG2252" s="93"/>
      <c r="BH2252" s="93"/>
      <c r="BI2252" s="93"/>
      <c r="BJ2252" s="93"/>
      <c r="BK2252" s="93"/>
      <c r="BL2252" s="93"/>
    </row>
    <row r="2253" spans="2:64" x14ac:dyDescent="0.2">
      <c r="B2253" s="43"/>
      <c r="C2253" s="73"/>
      <c r="D2253" s="64"/>
      <c r="E2253" s="55"/>
      <c r="F2253" s="74"/>
      <c r="G2253" s="74"/>
      <c r="H2253" s="74"/>
      <c r="I2253" s="75"/>
      <c r="J2253" s="74"/>
      <c r="L2253" s="55"/>
      <c r="M2253" s="234"/>
      <c r="N2253" s="65"/>
      <c r="O2253" s="76"/>
      <c r="P2253" s="76"/>
      <c r="Q2253" s="65"/>
      <c r="R2253" s="76"/>
      <c r="S2253" s="76"/>
      <c r="T2253" s="76"/>
      <c r="U2253" s="76"/>
      <c r="V2253" s="76"/>
      <c r="W2253" s="76"/>
      <c r="X2253" s="76"/>
      <c r="Y2253" s="76"/>
      <c r="Z2253" s="76"/>
      <c r="AA2253" s="85"/>
      <c r="AB2253" s="85"/>
      <c r="AC2253" s="85"/>
      <c r="AD2253" s="85"/>
      <c r="AE2253" s="85"/>
      <c r="AF2253" s="85"/>
      <c r="AG2253" s="86"/>
      <c r="AH2253" s="85"/>
      <c r="AI2253" s="85"/>
      <c r="AJ2253" s="85"/>
      <c r="AK2253" s="85"/>
      <c r="AL2253" s="85"/>
      <c r="AM2253" s="92"/>
      <c r="AN2253" s="92"/>
      <c r="AO2253" s="92"/>
      <c r="AP2253" s="92"/>
      <c r="AQ2253" s="92"/>
      <c r="AR2253" s="92"/>
      <c r="AS2253" s="92"/>
      <c r="AT2253" s="92"/>
      <c r="AU2253" s="92"/>
      <c r="AV2253" s="92"/>
      <c r="AW2253" s="92"/>
      <c r="AX2253" s="92"/>
      <c r="AY2253" s="92"/>
      <c r="AZ2253" s="93"/>
      <c r="BA2253" s="93"/>
      <c r="BB2253" s="93"/>
      <c r="BC2253" s="93"/>
      <c r="BD2253" s="93"/>
      <c r="BE2253" s="93"/>
      <c r="BF2253" s="93"/>
      <c r="BG2253" s="93"/>
      <c r="BH2253" s="93"/>
      <c r="BI2253" s="93"/>
      <c r="BJ2253" s="93"/>
      <c r="BK2253" s="93"/>
      <c r="BL2253" s="93"/>
    </row>
    <row r="2254" spans="2:64" x14ac:dyDescent="0.2">
      <c r="B2254" s="43"/>
      <c r="C2254" s="73"/>
      <c r="D2254" s="64"/>
      <c r="E2254" s="55"/>
      <c r="F2254" s="74"/>
      <c r="G2254" s="74"/>
      <c r="H2254" s="74"/>
      <c r="I2254" s="75"/>
      <c r="J2254" s="74"/>
      <c r="L2254" s="55"/>
      <c r="M2254" s="234"/>
      <c r="N2254" s="65"/>
      <c r="O2254" s="76"/>
      <c r="P2254" s="76"/>
      <c r="Q2254" s="65"/>
      <c r="R2254" s="76"/>
      <c r="S2254" s="76"/>
      <c r="T2254" s="76"/>
      <c r="U2254" s="76"/>
      <c r="V2254" s="76"/>
      <c r="W2254" s="76"/>
      <c r="X2254" s="76"/>
      <c r="Y2254" s="76"/>
      <c r="Z2254" s="76"/>
      <c r="AA2254" s="85"/>
      <c r="AB2254" s="85"/>
      <c r="AC2254" s="85"/>
      <c r="AD2254" s="85"/>
      <c r="AE2254" s="85"/>
      <c r="AF2254" s="85"/>
      <c r="AG2254" s="86"/>
      <c r="AH2254" s="85"/>
      <c r="AI2254" s="85"/>
      <c r="AJ2254" s="85"/>
      <c r="AK2254" s="85"/>
      <c r="AL2254" s="85"/>
      <c r="AM2254" s="92"/>
      <c r="AN2254" s="92"/>
      <c r="AO2254" s="92"/>
      <c r="AP2254" s="92"/>
      <c r="AQ2254" s="92"/>
      <c r="AR2254" s="92"/>
      <c r="AS2254" s="92"/>
      <c r="AT2254" s="92"/>
      <c r="AU2254" s="92"/>
      <c r="AV2254" s="92"/>
      <c r="AW2254" s="92"/>
      <c r="AX2254" s="92"/>
      <c r="AY2254" s="92"/>
      <c r="AZ2254" s="93"/>
      <c r="BA2254" s="93"/>
      <c r="BB2254" s="93"/>
      <c r="BC2254" s="93"/>
      <c r="BD2254" s="93"/>
      <c r="BE2254" s="93"/>
      <c r="BF2254" s="93"/>
      <c r="BG2254" s="93"/>
      <c r="BH2254" s="93"/>
      <c r="BI2254" s="93"/>
      <c r="BJ2254" s="93"/>
      <c r="BK2254" s="93"/>
      <c r="BL2254" s="93"/>
    </row>
    <row r="2255" spans="2:64" x14ac:dyDescent="0.2">
      <c r="B2255" s="43"/>
      <c r="C2255" s="73"/>
      <c r="D2255" s="64"/>
      <c r="E2255" s="55"/>
      <c r="F2255" s="74"/>
      <c r="G2255" s="74"/>
      <c r="H2255" s="74"/>
      <c r="I2255" s="75"/>
      <c r="J2255" s="74"/>
      <c r="L2255" s="55"/>
      <c r="M2255" s="234"/>
      <c r="N2255" s="65"/>
      <c r="O2255" s="76"/>
      <c r="P2255" s="76"/>
      <c r="Q2255" s="65"/>
      <c r="R2255" s="76"/>
      <c r="S2255" s="76"/>
      <c r="T2255" s="76"/>
      <c r="U2255" s="76"/>
      <c r="V2255" s="76"/>
      <c r="W2255" s="76"/>
      <c r="X2255" s="76"/>
      <c r="Y2255" s="76"/>
      <c r="Z2255" s="76"/>
      <c r="AA2255" s="85"/>
      <c r="AB2255" s="85"/>
      <c r="AC2255" s="85"/>
      <c r="AD2255" s="85"/>
      <c r="AE2255" s="85"/>
      <c r="AF2255" s="85"/>
      <c r="AG2255" s="86"/>
      <c r="AH2255" s="85"/>
      <c r="AI2255" s="85"/>
      <c r="AJ2255" s="85"/>
      <c r="AK2255" s="85"/>
      <c r="AL2255" s="85"/>
      <c r="AM2255" s="92"/>
      <c r="AN2255" s="92"/>
      <c r="AO2255" s="92"/>
      <c r="AP2255" s="92"/>
      <c r="AQ2255" s="92"/>
      <c r="AR2255" s="92"/>
      <c r="AS2255" s="92"/>
      <c r="AT2255" s="92"/>
      <c r="AU2255" s="92"/>
      <c r="AV2255" s="92"/>
      <c r="AW2255" s="92"/>
      <c r="AX2255" s="92"/>
      <c r="AY2255" s="92"/>
      <c r="AZ2255" s="93"/>
      <c r="BA2255" s="93"/>
      <c r="BB2255" s="93"/>
      <c r="BC2255" s="93"/>
      <c r="BD2255" s="93"/>
      <c r="BE2255" s="93"/>
      <c r="BF2255" s="93"/>
      <c r="BG2255" s="93"/>
      <c r="BH2255" s="93"/>
      <c r="BI2255" s="93"/>
      <c r="BJ2255" s="93"/>
      <c r="BK2255" s="93"/>
      <c r="BL2255" s="93"/>
    </row>
    <row r="2256" spans="2:64" x14ac:dyDescent="0.2">
      <c r="B2256" s="43"/>
      <c r="C2256" s="73"/>
      <c r="D2256" s="64"/>
      <c r="E2256" s="55"/>
      <c r="F2256" s="74"/>
      <c r="G2256" s="74"/>
      <c r="H2256" s="74"/>
      <c r="I2256" s="75"/>
      <c r="J2256" s="74"/>
      <c r="L2256" s="55"/>
      <c r="M2256" s="234"/>
      <c r="N2256" s="65"/>
      <c r="O2256" s="76"/>
      <c r="P2256" s="76"/>
      <c r="Q2256" s="65"/>
      <c r="R2256" s="76"/>
      <c r="S2256" s="76"/>
      <c r="T2256" s="76"/>
      <c r="U2256" s="76"/>
      <c r="V2256" s="76"/>
      <c r="W2256" s="76"/>
      <c r="X2256" s="76"/>
      <c r="Y2256" s="76"/>
      <c r="Z2256" s="76"/>
      <c r="AA2256" s="85"/>
      <c r="AB2256" s="85"/>
      <c r="AC2256" s="85"/>
      <c r="AD2256" s="85"/>
      <c r="AE2256" s="85"/>
      <c r="AF2256" s="85"/>
      <c r="AG2256" s="86"/>
      <c r="AH2256" s="85"/>
      <c r="AI2256" s="85"/>
      <c r="AJ2256" s="85"/>
      <c r="AK2256" s="85"/>
      <c r="AL2256" s="85"/>
      <c r="AM2256" s="92"/>
      <c r="AN2256" s="92"/>
      <c r="AO2256" s="92"/>
      <c r="AP2256" s="92"/>
      <c r="AQ2256" s="92"/>
      <c r="AR2256" s="92"/>
      <c r="AS2256" s="92"/>
      <c r="AT2256" s="92"/>
      <c r="AU2256" s="92"/>
      <c r="AV2256" s="92"/>
      <c r="AW2256" s="92"/>
      <c r="AX2256" s="92"/>
      <c r="AY2256" s="92"/>
      <c r="AZ2256" s="93"/>
      <c r="BA2256" s="93"/>
      <c r="BB2256" s="93"/>
      <c r="BC2256" s="93"/>
      <c r="BD2256" s="93"/>
      <c r="BE2256" s="93"/>
      <c r="BF2256" s="93"/>
      <c r="BG2256" s="93"/>
      <c r="BH2256" s="93"/>
      <c r="BI2256" s="93"/>
      <c r="BJ2256" s="93"/>
      <c r="BK2256" s="93"/>
      <c r="BL2256" s="93"/>
    </row>
    <row r="2257" spans="2:64" x14ac:dyDescent="0.2">
      <c r="B2257" s="43"/>
      <c r="C2257" s="73"/>
      <c r="D2257" s="64"/>
      <c r="E2257" s="55"/>
      <c r="F2257" s="74"/>
      <c r="G2257" s="74"/>
      <c r="H2257" s="74"/>
      <c r="I2257" s="75"/>
      <c r="J2257" s="74"/>
      <c r="L2257" s="55"/>
      <c r="M2257" s="234"/>
      <c r="N2257" s="65"/>
      <c r="O2257" s="76"/>
      <c r="P2257" s="76"/>
      <c r="Q2257" s="65"/>
      <c r="R2257" s="76"/>
      <c r="S2257" s="76"/>
      <c r="T2257" s="76"/>
      <c r="U2257" s="76"/>
      <c r="V2257" s="76"/>
      <c r="W2257" s="76"/>
      <c r="X2257" s="76"/>
      <c r="Y2257" s="76"/>
      <c r="Z2257" s="76"/>
      <c r="AA2257" s="85"/>
      <c r="AB2257" s="85"/>
      <c r="AC2257" s="85"/>
      <c r="AD2257" s="85"/>
      <c r="AE2257" s="85"/>
      <c r="AF2257" s="85"/>
      <c r="AG2257" s="86"/>
      <c r="AH2257" s="85"/>
      <c r="AI2257" s="85"/>
      <c r="AJ2257" s="85"/>
      <c r="AK2257" s="85"/>
      <c r="AL2257" s="85"/>
      <c r="AM2257" s="92"/>
      <c r="AN2257" s="92"/>
      <c r="AO2257" s="92"/>
      <c r="AP2257" s="92"/>
      <c r="AQ2257" s="92"/>
      <c r="AR2257" s="92"/>
      <c r="AS2257" s="92"/>
      <c r="AT2257" s="92"/>
      <c r="AU2257" s="92"/>
      <c r="AV2257" s="92"/>
      <c r="AW2257" s="92"/>
      <c r="AX2257" s="92"/>
      <c r="AY2257" s="92"/>
      <c r="AZ2257" s="93"/>
      <c r="BA2257" s="93"/>
      <c r="BB2257" s="93"/>
      <c r="BC2257" s="93"/>
      <c r="BD2257" s="93"/>
      <c r="BE2257" s="93"/>
      <c r="BF2257" s="93"/>
      <c r="BG2257" s="93"/>
      <c r="BH2257" s="93"/>
      <c r="BI2257" s="93"/>
      <c r="BJ2257" s="93"/>
      <c r="BK2257" s="93"/>
      <c r="BL2257" s="93"/>
    </row>
    <row r="2258" spans="2:64" x14ac:dyDescent="0.2">
      <c r="B2258" s="43"/>
      <c r="C2258" s="73"/>
      <c r="D2258" s="64"/>
      <c r="E2258" s="55"/>
      <c r="F2258" s="74"/>
      <c r="G2258" s="74"/>
      <c r="H2258" s="74"/>
      <c r="I2258" s="75"/>
      <c r="J2258" s="74"/>
      <c r="L2258" s="55"/>
      <c r="M2258" s="234"/>
      <c r="N2258" s="65"/>
      <c r="O2258" s="76"/>
      <c r="P2258" s="76"/>
      <c r="Q2258" s="65"/>
      <c r="R2258" s="76"/>
      <c r="S2258" s="76"/>
      <c r="T2258" s="76"/>
      <c r="U2258" s="76"/>
      <c r="V2258" s="76"/>
      <c r="W2258" s="76"/>
      <c r="X2258" s="76"/>
      <c r="Y2258" s="76"/>
      <c r="Z2258" s="76"/>
      <c r="AA2258" s="85"/>
      <c r="AB2258" s="85"/>
      <c r="AC2258" s="85"/>
      <c r="AD2258" s="85"/>
      <c r="AE2258" s="85"/>
      <c r="AF2258" s="85"/>
      <c r="AG2258" s="86"/>
      <c r="AH2258" s="85"/>
      <c r="AI2258" s="85"/>
      <c r="AJ2258" s="85"/>
      <c r="AK2258" s="85"/>
      <c r="AL2258" s="85"/>
      <c r="AM2258" s="92"/>
      <c r="AN2258" s="92"/>
      <c r="AO2258" s="92"/>
      <c r="AP2258" s="92"/>
      <c r="AQ2258" s="92"/>
      <c r="AR2258" s="92"/>
      <c r="AS2258" s="92"/>
      <c r="AT2258" s="92"/>
      <c r="AU2258" s="92"/>
      <c r="AV2258" s="92"/>
      <c r="AW2258" s="92"/>
      <c r="AX2258" s="92"/>
      <c r="AY2258" s="92"/>
      <c r="AZ2258" s="93"/>
      <c r="BA2258" s="93"/>
      <c r="BB2258" s="93"/>
      <c r="BC2258" s="93"/>
      <c r="BD2258" s="93"/>
      <c r="BE2258" s="93"/>
      <c r="BF2258" s="93"/>
      <c r="BG2258" s="93"/>
      <c r="BH2258" s="93"/>
      <c r="BI2258" s="93"/>
      <c r="BJ2258" s="93"/>
      <c r="BK2258" s="93"/>
      <c r="BL2258" s="93"/>
    </row>
    <row r="2259" spans="2:64" x14ac:dyDescent="0.2">
      <c r="B2259" s="43"/>
      <c r="C2259" s="73"/>
      <c r="D2259" s="64"/>
      <c r="E2259" s="55"/>
      <c r="F2259" s="74"/>
      <c r="G2259" s="74"/>
      <c r="H2259" s="74"/>
      <c r="I2259" s="75"/>
      <c r="J2259" s="74"/>
      <c r="L2259" s="55"/>
      <c r="M2259" s="234"/>
      <c r="N2259" s="65"/>
      <c r="O2259" s="76"/>
      <c r="P2259" s="76"/>
      <c r="Q2259" s="65"/>
      <c r="R2259" s="76"/>
      <c r="S2259" s="76"/>
      <c r="T2259" s="76"/>
      <c r="U2259" s="76"/>
      <c r="V2259" s="76"/>
      <c r="W2259" s="76"/>
      <c r="X2259" s="76"/>
      <c r="Y2259" s="76"/>
      <c r="Z2259" s="76"/>
      <c r="AA2259" s="85"/>
      <c r="AB2259" s="85"/>
      <c r="AC2259" s="85"/>
      <c r="AD2259" s="85"/>
      <c r="AE2259" s="85"/>
      <c r="AF2259" s="85"/>
      <c r="AG2259" s="86"/>
      <c r="AH2259" s="85"/>
      <c r="AI2259" s="85"/>
      <c r="AJ2259" s="85"/>
      <c r="AK2259" s="85"/>
      <c r="AL2259" s="85"/>
      <c r="AM2259" s="92"/>
      <c r="AN2259" s="92"/>
      <c r="AO2259" s="92"/>
      <c r="AP2259" s="92"/>
      <c r="AQ2259" s="92"/>
      <c r="AR2259" s="92"/>
      <c r="AS2259" s="92"/>
      <c r="AT2259" s="92"/>
      <c r="AU2259" s="92"/>
      <c r="AV2259" s="92"/>
      <c r="AW2259" s="92"/>
      <c r="AX2259" s="92"/>
      <c r="AY2259" s="92"/>
      <c r="AZ2259" s="93"/>
      <c r="BA2259" s="93"/>
      <c r="BB2259" s="93"/>
      <c r="BC2259" s="93"/>
      <c r="BD2259" s="93"/>
      <c r="BE2259" s="93"/>
      <c r="BF2259" s="93"/>
      <c r="BG2259" s="93"/>
      <c r="BH2259" s="93"/>
      <c r="BI2259" s="93"/>
      <c r="BJ2259" s="93"/>
      <c r="BK2259" s="93"/>
      <c r="BL2259" s="93"/>
    </row>
    <row r="2260" spans="2:64" x14ac:dyDescent="0.2">
      <c r="B2260" s="43"/>
      <c r="C2260" s="73"/>
      <c r="D2260" s="64"/>
      <c r="E2260" s="55"/>
      <c r="F2260" s="74"/>
      <c r="G2260" s="74"/>
      <c r="H2260" s="74"/>
      <c r="I2260" s="75"/>
      <c r="J2260" s="74"/>
      <c r="L2260" s="55"/>
      <c r="M2260" s="234"/>
      <c r="N2260" s="65"/>
      <c r="O2260" s="76"/>
      <c r="P2260" s="76"/>
      <c r="Q2260" s="65"/>
      <c r="R2260" s="76"/>
      <c r="S2260" s="76"/>
      <c r="T2260" s="76"/>
      <c r="U2260" s="76"/>
      <c r="V2260" s="76"/>
      <c r="W2260" s="76"/>
      <c r="X2260" s="76"/>
      <c r="Y2260" s="76"/>
      <c r="Z2260" s="76"/>
      <c r="AA2260" s="85"/>
      <c r="AB2260" s="85"/>
      <c r="AC2260" s="85"/>
      <c r="AD2260" s="85"/>
      <c r="AE2260" s="85"/>
      <c r="AF2260" s="85"/>
      <c r="AG2260" s="86"/>
      <c r="AH2260" s="85"/>
      <c r="AI2260" s="85"/>
      <c r="AJ2260" s="85"/>
      <c r="AK2260" s="85"/>
      <c r="AL2260" s="85"/>
      <c r="AM2260" s="92"/>
      <c r="AN2260" s="92"/>
      <c r="AO2260" s="92"/>
      <c r="AP2260" s="92"/>
      <c r="AQ2260" s="92"/>
      <c r="AR2260" s="92"/>
      <c r="AS2260" s="92"/>
      <c r="AT2260" s="92"/>
      <c r="AU2260" s="92"/>
      <c r="AV2260" s="92"/>
      <c r="AW2260" s="92"/>
      <c r="AX2260" s="92"/>
      <c r="AY2260" s="92"/>
      <c r="AZ2260" s="93"/>
      <c r="BA2260" s="93"/>
      <c r="BB2260" s="93"/>
      <c r="BC2260" s="93"/>
      <c r="BD2260" s="93"/>
      <c r="BE2260" s="93"/>
      <c r="BF2260" s="93"/>
      <c r="BG2260" s="93"/>
      <c r="BH2260" s="93"/>
      <c r="BI2260" s="93"/>
      <c r="BJ2260" s="93"/>
      <c r="BK2260" s="93"/>
      <c r="BL2260" s="93"/>
    </row>
    <row r="2261" spans="2:64" x14ac:dyDescent="0.2">
      <c r="B2261" s="43"/>
      <c r="C2261" s="73"/>
      <c r="D2261" s="64"/>
      <c r="E2261" s="55"/>
      <c r="F2261" s="74"/>
      <c r="G2261" s="74"/>
      <c r="H2261" s="74"/>
      <c r="I2261" s="75"/>
      <c r="J2261" s="74"/>
      <c r="L2261" s="55"/>
      <c r="M2261" s="234"/>
      <c r="N2261" s="65"/>
      <c r="O2261" s="76"/>
      <c r="P2261" s="76"/>
      <c r="Q2261" s="65"/>
      <c r="R2261" s="76"/>
      <c r="S2261" s="76"/>
      <c r="T2261" s="76"/>
      <c r="U2261" s="76"/>
      <c r="V2261" s="76"/>
      <c r="W2261" s="76"/>
      <c r="X2261" s="76"/>
      <c r="Y2261" s="76"/>
      <c r="Z2261" s="76"/>
      <c r="AA2261" s="85"/>
      <c r="AB2261" s="85"/>
      <c r="AC2261" s="85"/>
      <c r="AD2261" s="85"/>
      <c r="AE2261" s="85"/>
      <c r="AF2261" s="85"/>
      <c r="AG2261" s="86"/>
      <c r="AH2261" s="85"/>
      <c r="AI2261" s="85"/>
      <c r="AJ2261" s="85"/>
      <c r="AK2261" s="85"/>
      <c r="AL2261" s="85"/>
      <c r="AM2261" s="92"/>
      <c r="AN2261" s="92"/>
      <c r="AO2261" s="92"/>
      <c r="AP2261" s="92"/>
      <c r="AQ2261" s="92"/>
      <c r="AR2261" s="92"/>
      <c r="AS2261" s="92"/>
      <c r="AT2261" s="92"/>
      <c r="AU2261" s="92"/>
      <c r="AV2261" s="92"/>
      <c r="AW2261" s="92"/>
      <c r="AX2261" s="92"/>
      <c r="AY2261" s="92"/>
      <c r="AZ2261" s="93"/>
      <c r="BA2261" s="93"/>
      <c r="BB2261" s="93"/>
      <c r="BC2261" s="93"/>
      <c r="BD2261" s="93"/>
      <c r="BE2261" s="93"/>
      <c r="BF2261" s="93"/>
      <c r="BG2261" s="93"/>
      <c r="BH2261" s="93"/>
      <c r="BI2261" s="93"/>
      <c r="BJ2261" s="93"/>
      <c r="BK2261" s="93"/>
      <c r="BL2261" s="93"/>
    </row>
    <row r="2262" spans="2:64" x14ac:dyDescent="0.2">
      <c r="B2262" s="43"/>
      <c r="C2262" s="73"/>
      <c r="D2262" s="64"/>
      <c r="E2262" s="55"/>
      <c r="F2262" s="74"/>
      <c r="G2262" s="74"/>
      <c r="H2262" s="74"/>
      <c r="I2262" s="75"/>
      <c r="J2262" s="74"/>
      <c r="L2262" s="55"/>
      <c r="M2262" s="234"/>
      <c r="N2262" s="65"/>
      <c r="O2262" s="76"/>
      <c r="P2262" s="76"/>
      <c r="Q2262" s="65"/>
      <c r="R2262" s="76"/>
      <c r="S2262" s="76"/>
      <c r="T2262" s="76"/>
      <c r="U2262" s="76"/>
      <c r="V2262" s="76"/>
      <c r="W2262" s="76"/>
      <c r="X2262" s="76"/>
      <c r="Y2262" s="76"/>
      <c r="Z2262" s="76"/>
      <c r="AA2262" s="85"/>
      <c r="AB2262" s="85"/>
      <c r="AC2262" s="85"/>
      <c r="AD2262" s="85"/>
      <c r="AE2262" s="85"/>
      <c r="AF2262" s="85"/>
      <c r="AG2262" s="86"/>
      <c r="AH2262" s="85"/>
      <c r="AI2262" s="85"/>
      <c r="AJ2262" s="85"/>
      <c r="AK2262" s="85"/>
      <c r="AL2262" s="85"/>
      <c r="AM2262" s="92"/>
      <c r="AN2262" s="92"/>
      <c r="AO2262" s="92"/>
      <c r="AP2262" s="92"/>
      <c r="AQ2262" s="92"/>
      <c r="AR2262" s="92"/>
      <c r="AS2262" s="92"/>
      <c r="AT2262" s="92"/>
      <c r="AU2262" s="92"/>
      <c r="AV2262" s="92"/>
      <c r="AW2262" s="92"/>
      <c r="AX2262" s="92"/>
      <c r="AY2262" s="92"/>
      <c r="AZ2262" s="93"/>
      <c r="BA2262" s="93"/>
      <c r="BB2262" s="93"/>
      <c r="BC2262" s="93"/>
      <c r="BD2262" s="93"/>
      <c r="BE2262" s="93"/>
      <c r="BF2262" s="93"/>
      <c r="BG2262" s="93"/>
      <c r="BH2262" s="93"/>
      <c r="BI2262" s="93"/>
      <c r="BJ2262" s="93"/>
      <c r="BK2262" s="93"/>
      <c r="BL2262" s="93"/>
    </row>
    <row r="2263" spans="2:64" x14ac:dyDescent="0.2">
      <c r="B2263" s="43"/>
      <c r="C2263" s="73"/>
      <c r="D2263" s="64"/>
      <c r="E2263" s="55"/>
      <c r="F2263" s="74"/>
      <c r="G2263" s="74"/>
      <c r="H2263" s="74"/>
      <c r="I2263" s="75"/>
      <c r="J2263" s="74"/>
      <c r="L2263" s="55"/>
      <c r="M2263" s="234"/>
      <c r="N2263" s="65"/>
      <c r="O2263" s="76"/>
      <c r="P2263" s="76"/>
      <c r="Q2263" s="65"/>
      <c r="R2263" s="76"/>
      <c r="S2263" s="76"/>
      <c r="T2263" s="76"/>
      <c r="U2263" s="76"/>
      <c r="V2263" s="76"/>
      <c r="W2263" s="76"/>
      <c r="X2263" s="76"/>
      <c r="Y2263" s="76"/>
      <c r="Z2263" s="76"/>
      <c r="AA2263" s="85"/>
      <c r="AB2263" s="85"/>
      <c r="AC2263" s="85"/>
      <c r="AD2263" s="85"/>
      <c r="AE2263" s="85"/>
      <c r="AF2263" s="85"/>
      <c r="AG2263" s="86"/>
      <c r="AH2263" s="85"/>
      <c r="AI2263" s="85"/>
      <c r="AJ2263" s="85"/>
      <c r="AK2263" s="85"/>
      <c r="AL2263" s="85"/>
      <c r="AM2263" s="92"/>
      <c r="AN2263" s="92"/>
      <c r="AO2263" s="92"/>
      <c r="AP2263" s="92"/>
      <c r="AQ2263" s="92"/>
      <c r="AR2263" s="92"/>
      <c r="AS2263" s="92"/>
      <c r="AT2263" s="92"/>
      <c r="AU2263" s="92"/>
      <c r="AV2263" s="92"/>
      <c r="AW2263" s="92"/>
      <c r="AX2263" s="92"/>
      <c r="AY2263" s="92"/>
      <c r="AZ2263" s="93"/>
      <c r="BA2263" s="93"/>
      <c r="BB2263" s="93"/>
      <c r="BC2263" s="93"/>
      <c r="BD2263" s="93"/>
      <c r="BE2263" s="93"/>
      <c r="BF2263" s="93"/>
      <c r="BG2263" s="93"/>
      <c r="BH2263" s="93"/>
      <c r="BI2263" s="93"/>
      <c r="BJ2263" s="93"/>
      <c r="BK2263" s="93"/>
      <c r="BL2263" s="93"/>
    </row>
    <row r="2264" spans="2:64" x14ac:dyDescent="0.2">
      <c r="B2264" s="43"/>
      <c r="C2264" s="73"/>
      <c r="D2264" s="64"/>
      <c r="E2264" s="55"/>
      <c r="F2264" s="74"/>
      <c r="G2264" s="74"/>
      <c r="H2264" s="74"/>
      <c r="I2264" s="75"/>
      <c r="J2264" s="74"/>
      <c r="L2264" s="55"/>
      <c r="M2264" s="234"/>
      <c r="N2264" s="65"/>
      <c r="O2264" s="76"/>
      <c r="P2264" s="76"/>
      <c r="Q2264" s="65"/>
      <c r="R2264" s="76"/>
      <c r="S2264" s="76"/>
      <c r="T2264" s="76"/>
      <c r="U2264" s="76"/>
      <c r="V2264" s="76"/>
      <c r="W2264" s="76"/>
      <c r="X2264" s="76"/>
      <c r="Y2264" s="76"/>
      <c r="Z2264" s="76"/>
      <c r="AA2264" s="85"/>
      <c r="AB2264" s="85"/>
      <c r="AC2264" s="85"/>
      <c r="AD2264" s="85"/>
      <c r="AE2264" s="85"/>
      <c r="AF2264" s="85"/>
      <c r="AG2264" s="86"/>
      <c r="AH2264" s="85"/>
      <c r="AI2264" s="85"/>
      <c r="AJ2264" s="85"/>
      <c r="AK2264" s="85"/>
      <c r="AL2264" s="85"/>
      <c r="AM2264" s="92"/>
      <c r="AN2264" s="92"/>
      <c r="AO2264" s="92"/>
      <c r="AP2264" s="92"/>
      <c r="AQ2264" s="92"/>
      <c r="AR2264" s="92"/>
      <c r="AS2264" s="92"/>
      <c r="AT2264" s="92"/>
      <c r="AU2264" s="92"/>
      <c r="AV2264" s="92"/>
      <c r="AW2264" s="92"/>
      <c r="AX2264" s="92"/>
      <c r="AY2264" s="92"/>
      <c r="AZ2264" s="93"/>
      <c r="BA2264" s="93"/>
      <c r="BB2264" s="93"/>
      <c r="BC2264" s="93"/>
      <c r="BD2264" s="93"/>
      <c r="BE2264" s="93"/>
      <c r="BF2264" s="93"/>
      <c r="BG2264" s="93"/>
      <c r="BH2264" s="93"/>
      <c r="BI2264" s="93"/>
      <c r="BJ2264" s="93"/>
      <c r="BK2264" s="93"/>
      <c r="BL2264" s="93"/>
    </row>
    <row r="2265" spans="2:64" x14ac:dyDescent="0.2">
      <c r="B2265" s="43"/>
      <c r="C2265" s="73"/>
      <c r="D2265" s="64"/>
      <c r="E2265" s="55"/>
      <c r="F2265" s="74"/>
      <c r="G2265" s="74"/>
      <c r="H2265" s="74"/>
      <c r="I2265" s="75"/>
      <c r="J2265" s="74"/>
      <c r="L2265" s="55"/>
      <c r="M2265" s="234"/>
      <c r="N2265" s="65"/>
      <c r="O2265" s="76"/>
      <c r="P2265" s="76"/>
      <c r="Q2265" s="65"/>
      <c r="R2265" s="76"/>
      <c r="S2265" s="76"/>
      <c r="T2265" s="76"/>
      <c r="U2265" s="76"/>
      <c r="V2265" s="76"/>
      <c r="W2265" s="76"/>
      <c r="X2265" s="76"/>
      <c r="Y2265" s="76"/>
      <c r="Z2265" s="76"/>
      <c r="AA2265" s="85"/>
      <c r="AB2265" s="85"/>
      <c r="AC2265" s="85"/>
      <c r="AD2265" s="85"/>
      <c r="AE2265" s="85"/>
      <c r="AF2265" s="85"/>
      <c r="AG2265" s="86"/>
      <c r="AH2265" s="85"/>
      <c r="AI2265" s="85"/>
      <c r="AJ2265" s="85"/>
      <c r="AK2265" s="85"/>
      <c r="AL2265" s="85"/>
      <c r="AM2265" s="92"/>
      <c r="AN2265" s="92"/>
      <c r="AO2265" s="92"/>
      <c r="AP2265" s="92"/>
      <c r="AQ2265" s="92"/>
      <c r="AR2265" s="92"/>
      <c r="AS2265" s="92"/>
      <c r="AT2265" s="92"/>
      <c r="AU2265" s="92"/>
      <c r="AV2265" s="92"/>
      <c r="AW2265" s="92"/>
      <c r="AX2265" s="92"/>
      <c r="AY2265" s="92"/>
      <c r="AZ2265" s="93"/>
      <c r="BA2265" s="93"/>
      <c r="BB2265" s="93"/>
      <c r="BC2265" s="93"/>
      <c r="BD2265" s="93"/>
      <c r="BE2265" s="93"/>
      <c r="BF2265" s="93"/>
      <c r="BG2265" s="93"/>
      <c r="BH2265" s="93"/>
      <c r="BI2265" s="93"/>
      <c r="BJ2265" s="93"/>
      <c r="BK2265" s="93"/>
      <c r="BL2265" s="93"/>
    </row>
    <row r="2266" spans="2:64" x14ac:dyDescent="0.2">
      <c r="B2266" s="43"/>
      <c r="C2266" s="73"/>
      <c r="D2266" s="64"/>
      <c r="E2266" s="55"/>
      <c r="F2266" s="74"/>
      <c r="G2266" s="74"/>
      <c r="H2266" s="74"/>
      <c r="I2266" s="75"/>
      <c r="J2266" s="74"/>
      <c r="L2266" s="55"/>
      <c r="M2266" s="234"/>
      <c r="N2266" s="65"/>
      <c r="O2266" s="76"/>
      <c r="P2266" s="76"/>
      <c r="Q2266" s="65"/>
      <c r="R2266" s="76"/>
      <c r="S2266" s="76"/>
      <c r="T2266" s="76"/>
      <c r="U2266" s="76"/>
      <c r="V2266" s="76"/>
      <c r="W2266" s="76"/>
      <c r="X2266" s="76"/>
      <c r="Y2266" s="76"/>
      <c r="Z2266" s="76"/>
      <c r="AA2266" s="85"/>
      <c r="AB2266" s="85"/>
      <c r="AC2266" s="85"/>
      <c r="AD2266" s="85"/>
      <c r="AE2266" s="85"/>
      <c r="AF2266" s="85"/>
      <c r="AG2266" s="86"/>
      <c r="AH2266" s="85"/>
      <c r="AI2266" s="85"/>
      <c r="AJ2266" s="85"/>
      <c r="AK2266" s="85"/>
      <c r="AL2266" s="85"/>
      <c r="AM2266" s="92"/>
      <c r="AN2266" s="92"/>
      <c r="AO2266" s="92"/>
      <c r="AP2266" s="92"/>
      <c r="AQ2266" s="92"/>
      <c r="AR2266" s="92"/>
      <c r="AS2266" s="92"/>
      <c r="AT2266" s="92"/>
      <c r="AU2266" s="92"/>
      <c r="AV2266" s="92"/>
      <c r="AW2266" s="92"/>
      <c r="AX2266" s="92"/>
      <c r="AY2266" s="92"/>
      <c r="AZ2266" s="93"/>
      <c r="BA2266" s="93"/>
      <c r="BB2266" s="93"/>
      <c r="BC2266" s="93"/>
      <c r="BD2266" s="93"/>
      <c r="BE2266" s="93"/>
      <c r="BF2266" s="93"/>
      <c r="BG2266" s="93"/>
      <c r="BH2266" s="93"/>
      <c r="BI2266" s="93"/>
      <c r="BJ2266" s="93"/>
      <c r="BK2266" s="93"/>
      <c r="BL2266" s="93"/>
    </row>
    <row r="2267" spans="2:64" x14ac:dyDescent="0.2">
      <c r="B2267" s="43"/>
      <c r="C2267" s="73"/>
      <c r="D2267" s="64"/>
      <c r="E2267" s="55"/>
      <c r="F2267" s="74"/>
      <c r="G2267" s="74"/>
      <c r="H2267" s="74"/>
      <c r="I2267" s="75"/>
      <c r="J2267" s="74"/>
      <c r="L2267" s="55"/>
      <c r="M2267" s="234"/>
      <c r="N2267" s="65"/>
      <c r="O2267" s="76"/>
      <c r="P2267" s="76"/>
      <c r="Q2267" s="65"/>
      <c r="R2267" s="76"/>
      <c r="S2267" s="76"/>
      <c r="T2267" s="76"/>
      <c r="U2267" s="76"/>
      <c r="V2267" s="76"/>
      <c r="W2267" s="76"/>
      <c r="X2267" s="76"/>
      <c r="Y2267" s="76"/>
      <c r="Z2267" s="76"/>
      <c r="AA2267" s="85"/>
      <c r="AB2267" s="85"/>
      <c r="AC2267" s="85"/>
      <c r="AD2267" s="85"/>
      <c r="AE2267" s="85"/>
      <c r="AF2267" s="85"/>
      <c r="AG2267" s="86"/>
      <c r="AH2267" s="85"/>
      <c r="AI2267" s="85"/>
      <c r="AJ2267" s="85"/>
      <c r="AK2267" s="85"/>
      <c r="AL2267" s="85"/>
      <c r="AM2267" s="92"/>
      <c r="AN2267" s="92"/>
      <c r="AO2267" s="92"/>
      <c r="AP2267" s="92"/>
      <c r="AQ2267" s="92"/>
      <c r="AR2267" s="92"/>
      <c r="AS2267" s="92"/>
      <c r="AT2267" s="92"/>
      <c r="AU2267" s="92"/>
      <c r="AV2267" s="92"/>
      <c r="AW2267" s="92"/>
      <c r="AX2267" s="92"/>
      <c r="AY2267" s="92"/>
      <c r="AZ2267" s="93"/>
      <c r="BA2267" s="93"/>
      <c r="BB2267" s="93"/>
      <c r="BC2267" s="93"/>
      <c r="BD2267" s="93"/>
      <c r="BE2267" s="93"/>
      <c r="BF2267" s="93"/>
      <c r="BG2267" s="93"/>
      <c r="BH2267" s="93"/>
      <c r="BI2267" s="93"/>
      <c r="BJ2267" s="93"/>
      <c r="BK2267" s="93"/>
      <c r="BL2267" s="93"/>
    </row>
    <row r="2268" spans="2:64" x14ac:dyDescent="0.2">
      <c r="B2268" s="43"/>
      <c r="C2268" s="73"/>
      <c r="D2268" s="64"/>
      <c r="E2268" s="55"/>
      <c r="F2268" s="74"/>
      <c r="G2268" s="74"/>
      <c r="H2268" s="74"/>
      <c r="I2268" s="75"/>
      <c r="J2268" s="74"/>
      <c r="L2268" s="55"/>
      <c r="M2268" s="234"/>
      <c r="N2268" s="65"/>
      <c r="O2268" s="76"/>
      <c r="P2268" s="76"/>
      <c r="Q2268" s="65"/>
      <c r="R2268" s="76"/>
      <c r="S2268" s="76"/>
      <c r="T2268" s="76"/>
      <c r="U2268" s="76"/>
      <c r="V2268" s="76"/>
      <c r="W2268" s="76"/>
      <c r="X2268" s="76"/>
      <c r="Y2268" s="76"/>
      <c r="Z2268" s="76"/>
      <c r="AA2268" s="85"/>
      <c r="AB2268" s="85"/>
      <c r="AC2268" s="85"/>
      <c r="AD2268" s="85"/>
      <c r="AE2268" s="85"/>
      <c r="AF2268" s="85"/>
      <c r="AG2268" s="86"/>
      <c r="AH2268" s="85"/>
      <c r="AI2268" s="85"/>
      <c r="AJ2268" s="85"/>
      <c r="AK2268" s="85"/>
      <c r="AL2268" s="85"/>
      <c r="AM2268" s="92"/>
      <c r="AN2268" s="92"/>
      <c r="AO2268" s="92"/>
      <c r="AP2268" s="92"/>
      <c r="AQ2268" s="92"/>
      <c r="AR2268" s="92"/>
      <c r="AS2268" s="92"/>
      <c r="AT2268" s="92"/>
      <c r="AU2268" s="92"/>
      <c r="AV2268" s="92"/>
      <c r="AW2268" s="92"/>
      <c r="AX2268" s="92"/>
      <c r="AY2268" s="92"/>
      <c r="AZ2268" s="93"/>
      <c r="BA2268" s="93"/>
      <c r="BB2268" s="93"/>
      <c r="BC2268" s="93"/>
      <c r="BD2268" s="93"/>
      <c r="BE2268" s="93"/>
      <c r="BF2268" s="93"/>
      <c r="BG2268" s="93"/>
      <c r="BH2268" s="93"/>
      <c r="BI2268" s="93"/>
      <c r="BJ2268" s="93"/>
      <c r="BK2268" s="93"/>
      <c r="BL2268" s="93"/>
    </row>
    <row r="2269" spans="2:64" x14ac:dyDescent="0.2">
      <c r="B2269" s="43"/>
      <c r="C2269" s="73"/>
      <c r="D2269" s="64"/>
      <c r="E2269" s="55"/>
      <c r="F2269" s="74"/>
      <c r="G2269" s="74"/>
      <c r="H2269" s="74"/>
      <c r="I2269" s="75"/>
      <c r="J2269" s="74"/>
      <c r="L2269" s="55"/>
      <c r="M2269" s="234"/>
      <c r="N2269" s="65"/>
      <c r="O2269" s="76"/>
      <c r="P2269" s="76"/>
      <c r="Q2269" s="65"/>
      <c r="R2269" s="76"/>
      <c r="S2269" s="76"/>
      <c r="T2269" s="76"/>
      <c r="U2269" s="76"/>
      <c r="V2269" s="76"/>
      <c r="W2269" s="76"/>
      <c r="X2269" s="76"/>
      <c r="Y2269" s="76"/>
      <c r="Z2269" s="76"/>
      <c r="AA2269" s="85"/>
      <c r="AB2269" s="85"/>
      <c r="AC2269" s="85"/>
      <c r="AD2269" s="85"/>
      <c r="AE2269" s="85"/>
      <c r="AF2269" s="85"/>
      <c r="AG2269" s="86"/>
      <c r="AH2269" s="85"/>
      <c r="AI2269" s="85"/>
      <c r="AJ2269" s="85"/>
      <c r="AK2269" s="85"/>
      <c r="AL2269" s="85"/>
      <c r="AM2269" s="92"/>
      <c r="AN2269" s="92"/>
      <c r="AO2269" s="92"/>
      <c r="AP2269" s="92"/>
      <c r="AQ2269" s="92"/>
      <c r="AR2269" s="92"/>
      <c r="AS2269" s="92"/>
      <c r="AT2269" s="92"/>
      <c r="AU2269" s="92"/>
      <c r="AV2269" s="92"/>
      <c r="AW2269" s="92"/>
      <c r="AX2269" s="92"/>
      <c r="AY2269" s="92"/>
      <c r="AZ2269" s="93"/>
      <c r="BA2269" s="93"/>
      <c r="BB2269" s="93"/>
      <c r="BC2269" s="93"/>
      <c r="BD2269" s="93"/>
      <c r="BE2269" s="93"/>
      <c r="BF2269" s="93"/>
      <c r="BG2269" s="93"/>
      <c r="BH2269" s="93"/>
      <c r="BI2269" s="93"/>
      <c r="BJ2269" s="93"/>
      <c r="BK2269" s="93"/>
      <c r="BL2269" s="93"/>
    </row>
    <row r="2270" spans="2:64" x14ac:dyDescent="0.2">
      <c r="B2270" s="43"/>
      <c r="C2270" s="73"/>
      <c r="D2270" s="64"/>
      <c r="E2270" s="55"/>
      <c r="F2270" s="74"/>
      <c r="G2270" s="74"/>
      <c r="H2270" s="74"/>
      <c r="I2270" s="75"/>
      <c r="J2270" s="74"/>
      <c r="L2270" s="55"/>
      <c r="M2270" s="234"/>
      <c r="N2270" s="65"/>
      <c r="O2270" s="76"/>
      <c r="P2270" s="76"/>
      <c r="Q2270" s="65"/>
      <c r="R2270" s="76"/>
      <c r="S2270" s="76"/>
      <c r="T2270" s="76"/>
      <c r="U2270" s="76"/>
      <c r="V2270" s="76"/>
      <c r="W2270" s="76"/>
      <c r="X2270" s="76"/>
      <c r="Y2270" s="76"/>
      <c r="Z2270" s="76"/>
      <c r="AA2270" s="85"/>
      <c r="AB2270" s="85"/>
      <c r="AC2270" s="85"/>
      <c r="AD2270" s="85"/>
      <c r="AE2270" s="85"/>
      <c r="AF2270" s="85"/>
      <c r="AG2270" s="86"/>
      <c r="AH2270" s="85"/>
      <c r="AI2270" s="85"/>
      <c r="AJ2270" s="85"/>
      <c r="AK2270" s="85"/>
      <c r="AL2270" s="85"/>
      <c r="AM2270" s="92"/>
      <c r="AN2270" s="92"/>
      <c r="AO2270" s="92"/>
      <c r="AP2270" s="92"/>
      <c r="AQ2270" s="92"/>
      <c r="AR2270" s="92"/>
      <c r="AS2270" s="92"/>
      <c r="AT2270" s="92"/>
      <c r="AU2270" s="92"/>
      <c r="AV2270" s="92"/>
      <c r="AW2270" s="92"/>
      <c r="AX2270" s="92"/>
      <c r="AY2270" s="92"/>
      <c r="AZ2270" s="93"/>
      <c r="BA2270" s="93"/>
      <c r="BB2270" s="93"/>
      <c r="BC2270" s="93"/>
      <c r="BD2270" s="93"/>
      <c r="BE2270" s="93"/>
      <c r="BF2270" s="93"/>
      <c r="BG2270" s="93"/>
      <c r="BH2270" s="93"/>
      <c r="BI2270" s="93"/>
      <c r="BJ2270" s="93"/>
      <c r="BK2270" s="93"/>
      <c r="BL2270" s="93"/>
    </row>
    <row r="2271" spans="2:64" x14ac:dyDescent="0.2">
      <c r="B2271" s="43"/>
      <c r="C2271" s="73"/>
      <c r="D2271" s="64"/>
      <c r="E2271" s="55"/>
      <c r="F2271" s="74"/>
      <c r="G2271" s="74"/>
      <c r="H2271" s="74"/>
      <c r="I2271" s="75"/>
      <c r="J2271" s="74"/>
      <c r="L2271" s="55"/>
      <c r="M2271" s="234"/>
      <c r="N2271" s="65"/>
      <c r="O2271" s="76"/>
      <c r="P2271" s="76"/>
      <c r="Q2271" s="65"/>
      <c r="R2271" s="76"/>
      <c r="S2271" s="76"/>
      <c r="T2271" s="76"/>
      <c r="U2271" s="76"/>
      <c r="V2271" s="76"/>
      <c r="W2271" s="76"/>
      <c r="X2271" s="76"/>
      <c r="Y2271" s="76"/>
      <c r="Z2271" s="76"/>
      <c r="AA2271" s="85"/>
      <c r="AB2271" s="85"/>
      <c r="AC2271" s="85"/>
      <c r="AD2271" s="85"/>
      <c r="AE2271" s="85"/>
      <c r="AF2271" s="85"/>
      <c r="AG2271" s="86"/>
      <c r="AH2271" s="85"/>
      <c r="AI2271" s="85"/>
      <c r="AJ2271" s="85"/>
      <c r="AK2271" s="85"/>
      <c r="AL2271" s="85"/>
      <c r="AM2271" s="92"/>
      <c r="AN2271" s="92"/>
      <c r="AO2271" s="92"/>
      <c r="AP2271" s="92"/>
      <c r="AQ2271" s="92"/>
      <c r="AR2271" s="92"/>
      <c r="AS2271" s="92"/>
      <c r="AT2271" s="92"/>
      <c r="AU2271" s="92"/>
      <c r="AV2271" s="92"/>
      <c r="AW2271" s="92"/>
      <c r="AX2271" s="92"/>
      <c r="AY2271" s="92"/>
      <c r="AZ2271" s="93"/>
      <c r="BA2271" s="93"/>
      <c r="BB2271" s="93"/>
      <c r="BC2271" s="93"/>
      <c r="BD2271" s="93"/>
      <c r="BE2271" s="93"/>
      <c r="BF2271" s="93"/>
      <c r="BG2271" s="93"/>
      <c r="BH2271" s="93"/>
      <c r="BI2271" s="93"/>
      <c r="BJ2271" s="93"/>
      <c r="BK2271" s="93"/>
      <c r="BL2271" s="93"/>
    </row>
    <row r="2272" spans="2:64" x14ac:dyDescent="0.2">
      <c r="B2272" s="43"/>
      <c r="C2272" s="73"/>
      <c r="D2272" s="64"/>
      <c r="E2272" s="55"/>
      <c r="F2272" s="74"/>
      <c r="G2272" s="74"/>
      <c r="H2272" s="74"/>
      <c r="I2272" s="75"/>
      <c r="J2272" s="74"/>
      <c r="L2272" s="55"/>
      <c r="M2272" s="234"/>
      <c r="N2272" s="65"/>
      <c r="O2272" s="76"/>
      <c r="P2272" s="76"/>
      <c r="Q2272" s="65"/>
      <c r="R2272" s="76"/>
      <c r="S2272" s="76"/>
      <c r="T2272" s="76"/>
      <c r="U2272" s="76"/>
      <c r="V2272" s="76"/>
      <c r="W2272" s="76"/>
      <c r="X2272" s="76"/>
      <c r="Y2272" s="76"/>
      <c r="Z2272" s="76"/>
      <c r="AA2272" s="85"/>
      <c r="AB2272" s="85"/>
      <c r="AC2272" s="85"/>
      <c r="AD2272" s="85"/>
      <c r="AE2272" s="85"/>
      <c r="AF2272" s="85"/>
      <c r="AG2272" s="86"/>
      <c r="AH2272" s="85"/>
      <c r="AI2272" s="85"/>
      <c r="AJ2272" s="85"/>
      <c r="AK2272" s="85"/>
      <c r="AL2272" s="85"/>
      <c r="AM2272" s="92"/>
      <c r="AN2272" s="92"/>
      <c r="AO2272" s="92"/>
      <c r="AP2272" s="92"/>
      <c r="AQ2272" s="92"/>
      <c r="AR2272" s="92"/>
      <c r="AS2272" s="92"/>
      <c r="AT2272" s="92"/>
      <c r="AU2272" s="92"/>
      <c r="AV2272" s="92"/>
      <c r="AW2272" s="92"/>
      <c r="AX2272" s="92"/>
      <c r="AY2272" s="92"/>
      <c r="AZ2272" s="93"/>
      <c r="BA2272" s="93"/>
      <c r="BB2272" s="93"/>
      <c r="BC2272" s="93"/>
      <c r="BD2272" s="93"/>
      <c r="BE2272" s="93"/>
      <c r="BF2272" s="93"/>
      <c r="BG2272" s="93"/>
      <c r="BH2272" s="93"/>
      <c r="BI2272" s="93"/>
      <c r="BJ2272" s="93"/>
      <c r="BK2272" s="93"/>
      <c r="BL2272" s="93"/>
    </row>
    <row r="2273" spans="2:64" x14ac:dyDescent="0.2">
      <c r="B2273" s="43"/>
      <c r="C2273" s="73"/>
      <c r="D2273" s="64"/>
      <c r="E2273" s="55"/>
      <c r="F2273" s="74"/>
      <c r="G2273" s="74"/>
      <c r="H2273" s="74"/>
      <c r="I2273" s="75"/>
      <c r="J2273" s="74"/>
      <c r="L2273" s="55"/>
      <c r="M2273" s="234"/>
      <c r="N2273" s="65"/>
      <c r="O2273" s="76"/>
      <c r="P2273" s="76"/>
      <c r="Q2273" s="65"/>
      <c r="R2273" s="76"/>
      <c r="S2273" s="76"/>
      <c r="T2273" s="76"/>
      <c r="U2273" s="76"/>
      <c r="V2273" s="76"/>
      <c r="W2273" s="76"/>
      <c r="X2273" s="76"/>
      <c r="Y2273" s="76"/>
      <c r="Z2273" s="76"/>
      <c r="AA2273" s="85"/>
      <c r="AB2273" s="85"/>
      <c r="AC2273" s="85"/>
      <c r="AD2273" s="85"/>
      <c r="AE2273" s="85"/>
      <c r="AF2273" s="85"/>
      <c r="AG2273" s="86"/>
      <c r="AH2273" s="85"/>
      <c r="AI2273" s="85"/>
      <c r="AJ2273" s="85"/>
      <c r="AK2273" s="85"/>
      <c r="AL2273" s="85"/>
      <c r="AM2273" s="92"/>
      <c r="AN2273" s="92"/>
      <c r="AO2273" s="92"/>
      <c r="AP2273" s="92"/>
      <c r="AQ2273" s="92"/>
      <c r="AR2273" s="92"/>
      <c r="AS2273" s="92"/>
      <c r="AT2273" s="92"/>
      <c r="AU2273" s="92"/>
      <c r="AV2273" s="92"/>
      <c r="AW2273" s="92"/>
      <c r="AX2273" s="92"/>
      <c r="AY2273" s="92"/>
      <c r="AZ2273" s="93"/>
      <c r="BA2273" s="93"/>
      <c r="BB2273" s="93"/>
      <c r="BC2273" s="93"/>
      <c r="BD2273" s="93"/>
      <c r="BE2273" s="93"/>
      <c r="BF2273" s="93"/>
      <c r="BG2273" s="93"/>
      <c r="BH2273" s="93"/>
      <c r="BI2273" s="93"/>
      <c r="BJ2273" s="93"/>
      <c r="BK2273" s="93"/>
      <c r="BL2273" s="93"/>
    </row>
    <row r="2274" spans="2:64" x14ac:dyDescent="0.2">
      <c r="B2274" s="43"/>
      <c r="C2274" s="73"/>
      <c r="D2274" s="64"/>
      <c r="E2274" s="55"/>
      <c r="F2274" s="74"/>
      <c r="G2274" s="74"/>
      <c r="H2274" s="74"/>
      <c r="I2274" s="75"/>
      <c r="J2274" s="74"/>
      <c r="L2274" s="55"/>
      <c r="M2274" s="234"/>
      <c r="N2274" s="65"/>
      <c r="O2274" s="76"/>
      <c r="P2274" s="76"/>
      <c r="Q2274" s="65"/>
      <c r="R2274" s="76"/>
      <c r="S2274" s="76"/>
      <c r="T2274" s="76"/>
      <c r="U2274" s="76"/>
      <c r="V2274" s="76"/>
      <c r="W2274" s="76"/>
      <c r="X2274" s="76"/>
      <c r="Y2274" s="76"/>
      <c r="Z2274" s="76"/>
      <c r="AA2274" s="85"/>
      <c r="AB2274" s="85"/>
      <c r="AC2274" s="85"/>
      <c r="AD2274" s="85"/>
      <c r="AE2274" s="85"/>
      <c r="AF2274" s="85"/>
      <c r="AG2274" s="86"/>
      <c r="AH2274" s="85"/>
      <c r="AI2274" s="85"/>
      <c r="AJ2274" s="85"/>
      <c r="AK2274" s="85"/>
      <c r="AL2274" s="85"/>
      <c r="AM2274" s="92"/>
      <c r="AN2274" s="92"/>
      <c r="AO2274" s="92"/>
      <c r="AP2274" s="92"/>
      <c r="AQ2274" s="92"/>
      <c r="AR2274" s="92"/>
      <c r="AS2274" s="92"/>
      <c r="AT2274" s="92"/>
      <c r="AU2274" s="92"/>
      <c r="AV2274" s="92"/>
      <c r="AW2274" s="92"/>
      <c r="AX2274" s="92"/>
      <c r="AY2274" s="92"/>
      <c r="AZ2274" s="93"/>
      <c r="BA2274" s="93"/>
      <c r="BB2274" s="93"/>
      <c r="BC2274" s="93"/>
      <c r="BD2274" s="93"/>
      <c r="BE2274" s="93"/>
      <c r="BF2274" s="93"/>
      <c r="BG2274" s="93"/>
      <c r="BH2274" s="93"/>
      <c r="BI2274" s="93"/>
      <c r="BJ2274" s="93"/>
      <c r="BK2274" s="93"/>
      <c r="BL2274" s="93"/>
    </row>
    <row r="2275" spans="2:64" x14ac:dyDescent="0.2">
      <c r="B2275" s="43"/>
      <c r="C2275" s="73"/>
      <c r="D2275" s="64"/>
      <c r="E2275" s="55"/>
      <c r="F2275" s="74"/>
      <c r="G2275" s="74"/>
      <c r="H2275" s="74"/>
      <c r="I2275" s="75"/>
      <c r="J2275" s="74"/>
      <c r="L2275" s="55"/>
      <c r="M2275" s="234"/>
      <c r="N2275" s="65"/>
      <c r="O2275" s="76"/>
      <c r="P2275" s="76"/>
      <c r="Q2275" s="65"/>
      <c r="R2275" s="76"/>
      <c r="S2275" s="76"/>
      <c r="T2275" s="76"/>
      <c r="U2275" s="76"/>
      <c r="V2275" s="76"/>
      <c r="W2275" s="76"/>
      <c r="X2275" s="76"/>
      <c r="Y2275" s="76"/>
      <c r="Z2275" s="76"/>
      <c r="AA2275" s="85"/>
      <c r="AB2275" s="85"/>
      <c r="AC2275" s="85"/>
      <c r="AD2275" s="85"/>
      <c r="AE2275" s="85"/>
      <c r="AF2275" s="85"/>
      <c r="AG2275" s="86"/>
      <c r="AH2275" s="85"/>
      <c r="AI2275" s="85"/>
      <c r="AJ2275" s="85"/>
      <c r="AK2275" s="85"/>
      <c r="AL2275" s="85"/>
      <c r="AM2275" s="92"/>
      <c r="AN2275" s="92"/>
      <c r="AO2275" s="92"/>
      <c r="AP2275" s="92"/>
      <c r="AQ2275" s="92"/>
      <c r="AR2275" s="92"/>
      <c r="AS2275" s="92"/>
      <c r="AT2275" s="92"/>
      <c r="AU2275" s="92"/>
      <c r="AV2275" s="92"/>
      <c r="AW2275" s="92"/>
      <c r="AX2275" s="92"/>
      <c r="AY2275" s="92"/>
      <c r="AZ2275" s="93"/>
      <c r="BA2275" s="93"/>
      <c r="BB2275" s="93"/>
      <c r="BC2275" s="93"/>
      <c r="BD2275" s="93"/>
      <c r="BE2275" s="93"/>
      <c r="BF2275" s="93"/>
      <c r="BG2275" s="93"/>
      <c r="BH2275" s="93"/>
      <c r="BI2275" s="93"/>
      <c r="BJ2275" s="93"/>
      <c r="BK2275" s="93"/>
      <c r="BL2275" s="93"/>
    </row>
    <row r="2276" spans="2:64" x14ac:dyDescent="0.2">
      <c r="B2276" s="43"/>
      <c r="C2276" s="73"/>
      <c r="D2276" s="64"/>
      <c r="E2276" s="55"/>
      <c r="F2276" s="74"/>
      <c r="G2276" s="74"/>
      <c r="H2276" s="74"/>
      <c r="I2276" s="75"/>
      <c r="J2276" s="74"/>
      <c r="L2276" s="55"/>
      <c r="M2276" s="234"/>
      <c r="N2276" s="65"/>
      <c r="O2276" s="76"/>
      <c r="P2276" s="76"/>
      <c r="Q2276" s="65"/>
      <c r="R2276" s="76"/>
      <c r="S2276" s="76"/>
      <c r="T2276" s="76"/>
      <c r="U2276" s="76"/>
      <c r="V2276" s="76"/>
      <c r="W2276" s="76"/>
      <c r="X2276" s="76"/>
      <c r="Y2276" s="76"/>
      <c r="Z2276" s="76"/>
      <c r="AA2276" s="85"/>
      <c r="AB2276" s="85"/>
      <c r="AC2276" s="85"/>
      <c r="AD2276" s="85"/>
      <c r="AE2276" s="85"/>
      <c r="AF2276" s="85"/>
      <c r="AG2276" s="86"/>
      <c r="AH2276" s="85"/>
      <c r="AI2276" s="85"/>
      <c r="AJ2276" s="85"/>
      <c r="AK2276" s="85"/>
      <c r="AL2276" s="85"/>
      <c r="AM2276" s="92"/>
      <c r="AN2276" s="92"/>
      <c r="AO2276" s="92"/>
      <c r="AP2276" s="92"/>
      <c r="AQ2276" s="92"/>
      <c r="AR2276" s="92"/>
      <c r="AS2276" s="92"/>
      <c r="AT2276" s="92"/>
      <c r="AU2276" s="92"/>
      <c r="AV2276" s="92"/>
      <c r="AW2276" s="92"/>
      <c r="AX2276" s="92"/>
      <c r="AY2276" s="92"/>
      <c r="AZ2276" s="93"/>
      <c r="BA2276" s="93"/>
      <c r="BB2276" s="93"/>
      <c r="BC2276" s="93"/>
      <c r="BD2276" s="93"/>
      <c r="BE2276" s="93"/>
      <c r="BF2276" s="93"/>
      <c r="BG2276" s="93"/>
      <c r="BH2276" s="93"/>
      <c r="BI2276" s="93"/>
      <c r="BJ2276" s="93"/>
      <c r="BK2276" s="93"/>
      <c r="BL2276" s="93"/>
    </row>
    <row r="2277" spans="2:64" x14ac:dyDescent="0.2">
      <c r="B2277" s="43"/>
      <c r="C2277" s="73"/>
      <c r="D2277" s="64"/>
      <c r="E2277" s="55"/>
      <c r="F2277" s="74"/>
      <c r="G2277" s="74"/>
      <c r="H2277" s="74"/>
      <c r="I2277" s="75"/>
      <c r="J2277" s="74"/>
      <c r="L2277" s="55"/>
      <c r="M2277" s="234"/>
      <c r="N2277" s="65"/>
      <c r="O2277" s="76"/>
      <c r="P2277" s="76"/>
      <c r="Q2277" s="65"/>
      <c r="R2277" s="76"/>
      <c r="S2277" s="76"/>
      <c r="T2277" s="76"/>
      <c r="U2277" s="76"/>
      <c r="V2277" s="76"/>
      <c r="W2277" s="76"/>
      <c r="X2277" s="76"/>
      <c r="Y2277" s="76"/>
      <c r="Z2277" s="76"/>
      <c r="AA2277" s="85"/>
      <c r="AB2277" s="85"/>
      <c r="AC2277" s="85"/>
      <c r="AD2277" s="85"/>
      <c r="AE2277" s="85"/>
      <c r="AF2277" s="85"/>
      <c r="AG2277" s="86"/>
      <c r="AH2277" s="85"/>
      <c r="AI2277" s="85"/>
      <c r="AJ2277" s="85"/>
      <c r="AK2277" s="85"/>
      <c r="AL2277" s="85"/>
      <c r="AM2277" s="92"/>
      <c r="AN2277" s="92"/>
      <c r="AO2277" s="92"/>
      <c r="AP2277" s="92"/>
      <c r="AQ2277" s="92"/>
      <c r="AR2277" s="92"/>
      <c r="AS2277" s="92"/>
      <c r="AT2277" s="92"/>
      <c r="AU2277" s="92"/>
      <c r="AV2277" s="92"/>
      <c r="AW2277" s="92"/>
      <c r="AX2277" s="92"/>
      <c r="AY2277" s="92"/>
      <c r="AZ2277" s="93"/>
      <c r="BA2277" s="93"/>
      <c r="BB2277" s="93"/>
      <c r="BC2277" s="93"/>
      <c r="BD2277" s="93"/>
      <c r="BE2277" s="93"/>
      <c r="BF2277" s="93"/>
      <c r="BG2277" s="93"/>
      <c r="BH2277" s="93"/>
      <c r="BI2277" s="93"/>
      <c r="BJ2277" s="93"/>
      <c r="BK2277" s="93"/>
      <c r="BL2277" s="93"/>
    </row>
    <row r="2278" spans="2:64" x14ac:dyDescent="0.2">
      <c r="B2278" s="43"/>
      <c r="C2278" s="73"/>
      <c r="D2278" s="64"/>
      <c r="E2278" s="55"/>
      <c r="F2278" s="74"/>
      <c r="G2278" s="74"/>
      <c r="H2278" s="74"/>
      <c r="I2278" s="75"/>
      <c r="J2278" s="74"/>
      <c r="L2278" s="55"/>
      <c r="M2278" s="234"/>
      <c r="N2278" s="65"/>
      <c r="O2278" s="76"/>
      <c r="P2278" s="76"/>
      <c r="Q2278" s="65"/>
      <c r="R2278" s="76"/>
      <c r="S2278" s="76"/>
      <c r="T2278" s="76"/>
      <c r="U2278" s="76"/>
      <c r="V2278" s="76"/>
      <c r="W2278" s="76"/>
      <c r="X2278" s="76"/>
      <c r="Y2278" s="76"/>
      <c r="Z2278" s="76"/>
      <c r="AA2278" s="85"/>
      <c r="AB2278" s="85"/>
      <c r="AC2278" s="85"/>
      <c r="AD2278" s="85"/>
      <c r="AE2278" s="85"/>
      <c r="AF2278" s="85"/>
      <c r="AG2278" s="86"/>
      <c r="AH2278" s="85"/>
      <c r="AI2278" s="85"/>
      <c r="AJ2278" s="85"/>
      <c r="AK2278" s="85"/>
      <c r="AL2278" s="85"/>
      <c r="AM2278" s="92"/>
      <c r="AN2278" s="92"/>
      <c r="AO2278" s="92"/>
      <c r="AP2278" s="92"/>
      <c r="AQ2278" s="92"/>
      <c r="AR2278" s="92"/>
      <c r="AS2278" s="92"/>
      <c r="AT2278" s="92"/>
      <c r="AU2278" s="92"/>
      <c r="AV2278" s="92"/>
      <c r="AW2278" s="92"/>
      <c r="AX2278" s="92"/>
      <c r="AY2278" s="92"/>
      <c r="AZ2278" s="93"/>
      <c r="BA2278" s="93"/>
      <c r="BB2278" s="93"/>
      <c r="BC2278" s="93"/>
      <c r="BD2278" s="93"/>
      <c r="BE2278" s="93"/>
      <c r="BF2278" s="93"/>
      <c r="BG2278" s="93"/>
      <c r="BH2278" s="93"/>
      <c r="BI2278" s="93"/>
      <c r="BJ2278" s="93"/>
      <c r="BK2278" s="93"/>
      <c r="BL2278" s="93"/>
    </row>
    <row r="2279" spans="2:64" x14ac:dyDescent="0.2">
      <c r="B2279" s="43"/>
      <c r="C2279" s="73"/>
      <c r="D2279" s="64"/>
      <c r="E2279" s="55"/>
      <c r="F2279" s="74"/>
      <c r="G2279" s="74"/>
      <c r="H2279" s="74"/>
      <c r="I2279" s="75"/>
      <c r="J2279" s="74"/>
      <c r="L2279" s="55"/>
      <c r="M2279" s="234"/>
      <c r="N2279" s="65"/>
      <c r="O2279" s="76"/>
      <c r="P2279" s="76"/>
      <c r="Q2279" s="65"/>
      <c r="R2279" s="76"/>
      <c r="S2279" s="76"/>
      <c r="T2279" s="76"/>
      <c r="U2279" s="76"/>
      <c r="V2279" s="76"/>
      <c r="W2279" s="76"/>
      <c r="X2279" s="76"/>
      <c r="Y2279" s="76"/>
      <c r="Z2279" s="76"/>
      <c r="AA2279" s="85"/>
      <c r="AB2279" s="85"/>
      <c r="AC2279" s="85"/>
      <c r="AD2279" s="85"/>
      <c r="AE2279" s="85"/>
      <c r="AF2279" s="85"/>
      <c r="AG2279" s="86"/>
      <c r="AH2279" s="85"/>
      <c r="AI2279" s="85"/>
      <c r="AJ2279" s="85"/>
      <c r="AK2279" s="85"/>
      <c r="AL2279" s="85"/>
      <c r="AM2279" s="92"/>
      <c r="AN2279" s="92"/>
      <c r="AO2279" s="92"/>
      <c r="AP2279" s="92"/>
      <c r="AQ2279" s="92"/>
      <c r="AR2279" s="92"/>
      <c r="AS2279" s="92"/>
      <c r="AT2279" s="92"/>
      <c r="AU2279" s="92"/>
      <c r="AV2279" s="92"/>
      <c r="AW2279" s="92"/>
      <c r="AX2279" s="92"/>
      <c r="AY2279" s="92"/>
      <c r="AZ2279" s="93"/>
      <c r="BA2279" s="93"/>
      <c r="BB2279" s="93"/>
      <c r="BC2279" s="93"/>
      <c r="BD2279" s="93"/>
      <c r="BE2279" s="93"/>
      <c r="BF2279" s="93"/>
      <c r="BG2279" s="93"/>
      <c r="BH2279" s="93"/>
      <c r="BI2279" s="93"/>
      <c r="BJ2279" s="93"/>
      <c r="BK2279" s="93"/>
      <c r="BL2279" s="93"/>
    </row>
    <row r="2280" spans="2:64" x14ac:dyDescent="0.2">
      <c r="B2280" s="43"/>
      <c r="C2280" s="73"/>
      <c r="D2280" s="64"/>
      <c r="E2280" s="55"/>
      <c r="F2280" s="74"/>
      <c r="G2280" s="74"/>
      <c r="H2280" s="74"/>
      <c r="I2280" s="75"/>
      <c r="J2280" s="74"/>
      <c r="L2280" s="55"/>
      <c r="M2280" s="234"/>
      <c r="N2280" s="65"/>
      <c r="O2280" s="76"/>
      <c r="P2280" s="76"/>
      <c r="Q2280" s="65"/>
      <c r="R2280" s="76"/>
      <c r="S2280" s="76"/>
      <c r="T2280" s="76"/>
      <c r="U2280" s="76"/>
      <c r="V2280" s="76"/>
      <c r="W2280" s="76"/>
      <c r="X2280" s="76"/>
      <c r="Y2280" s="76"/>
      <c r="Z2280" s="76"/>
      <c r="AA2280" s="85"/>
      <c r="AB2280" s="85"/>
      <c r="AC2280" s="85"/>
      <c r="AD2280" s="85"/>
      <c r="AE2280" s="85"/>
      <c r="AF2280" s="85"/>
      <c r="AG2280" s="86"/>
      <c r="AH2280" s="85"/>
      <c r="AI2280" s="85"/>
      <c r="AJ2280" s="85"/>
      <c r="AK2280" s="85"/>
      <c r="AL2280" s="85"/>
      <c r="AM2280" s="92"/>
      <c r="AN2280" s="92"/>
      <c r="AO2280" s="92"/>
      <c r="AP2280" s="92"/>
      <c r="AQ2280" s="92"/>
      <c r="AR2280" s="92"/>
      <c r="AS2280" s="92"/>
      <c r="AT2280" s="92"/>
      <c r="AU2280" s="92"/>
      <c r="AV2280" s="92"/>
      <c r="AW2280" s="92"/>
      <c r="AX2280" s="92"/>
      <c r="AY2280" s="92"/>
      <c r="AZ2280" s="93"/>
      <c r="BA2280" s="93"/>
      <c r="BB2280" s="93"/>
      <c r="BC2280" s="93"/>
      <c r="BD2280" s="93"/>
      <c r="BE2280" s="93"/>
      <c r="BF2280" s="93"/>
      <c r="BG2280" s="93"/>
      <c r="BH2280" s="93"/>
      <c r="BI2280" s="93"/>
      <c r="BJ2280" s="93"/>
      <c r="BK2280" s="93"/>
      <c r="BL2280" s="93"/>
    </row>
    <row r="2281" spans="2:64" x14ac:dyDescent="0.2">
      <c r="B2281" s="43"/>
      <c r="C2281" s="73"/>
      <c r="D2281" s="64"/>
      <c r="E2281" s="55"/>
      <c r="F2281" s="74"/>
      <c r="G2281" s="74"/>
      <c r="H2281" s="74"/>
      <c r="I2281" s="75"/>
      <c r="J2281" s="74"/>
      <c r="L2281" s="55"/>
      <c r="M2281" s="234"/>
      <c r="N2281" s="65"/>
      <c r="O2281" s="76"/>
      <c r="P2281" s="76"/>
      <c r="Q2281" s="65"/>
      <c r="R2281" s="76"/>
      <c r="S2281" s="76"/>
      <c r="T2281" s="76"/>
      <c r="U2281" s="76"/>
      <c r="V2281" s="76"/>
      <c r="W2281" s="76"/>
      <c r="X2281" s="76"/>
      <c r="Y2281" s="76"/>
      <c r="Z2281" s="76"/>
      <c r="AA2281" s="85"/>
      <c r="AB2281" s="85"/>
      <c r="AC2281" s="85"/>
      <c r="AD2281" s="85"/>
      <c r="AE2281" s="85"/>
      <c r="AF2281" s="85"/>
      <c r="AG2281" s="86"/>
      <c r="AH2281" s="85"/>
      <c r="AI2281" s="85"/>
      <c r="AJ2281" s="85"/>
      <c r="AK2281" s="85"/>
      <c r="AL2281" s="85"/>
      <c r="AM2281" s="92"/>
      <c r="AN2281" s="92"/>
      <c r="AO2281" s="92"/>
      <c r="AP2281" s="92"/>
      <c r="AQ2281" s="92"/>
      <c r="AR2281" s="92"/>
      <c r="AS2281" s="92"/>
      <c r="AT2281" s="92"/>
      <c r="AU2281" s="92"/>
      <c r="AV2281" s="92"/>
      <c r="AW2281" s="92"/>
      <c r="AX2281" s="92"/>
      <c r="AY2281" s="92"/>
      <c r="AZ2281" s="93"/>
      <c r="BA2281" s="93"/>
      <c r="BB2281" s="93"/>
      <c r="BC2281" s="93"/>
      <c r="BD2281" s="93"/>
      <c r="BE2281" s="93"/>
      <c r="BF2281" s="93"/>
      <c r="BG2281" s="93"/>
      <c r="BH2281" s="93"/>
      <c r="BI2281" s="93"/>
      <c r="BJ2281" s="93"/>
      <c r="BK2281" s="93"/>
      <c r="BL2281" s="93"/>
    </row>
    <row r="2282" spans="2:64" x14ac:dyDescent="0.2">
      <c r="B2282" s="43"/>
      <c r="C2282" s="73"/>
      <c r="D2282" s="64"/>
      <c r="E2282" s="55"/>
      <c r="F2282" s="74"/>
      <c r="G2282" s="74"/>
      <c r="H2282" s="74"/>
      <c r="I2282" s="75"/>
      <c r="J2282" s="74"/>
      <c r="L2282" s="55"/>
      <c r="M2282" s="234"/>
      <c r="N2282" s="65"/>
      <c r="O2282" s="76"/>
      <c r="P2282" s="76"/>
      <c r="Q2282" s="65"/>
      <c r="R2282" s="76"/>
      <c r="S2282" s="76"/>
      <c r="T2282" s="76"/>
      <c r="U2282" s="76"/>
      <c r="V2282" s="76"/>
      <c r="W2282" s="76"/>
      <c r="X2282" s="76"/>
      <c r="Y2282" s="76"/>
      <c r="Z2282" s="76"/>
      <c r="AA2282" s="85"/>
      <c r="AB2282" s="85"/>
      <c r="AC2282" s="85"/>
      <c r="AD2282" s="85"/>
      <c r="AE2282" s="85"/>
      <c r="AF2282" s="85"/>
      <c r="AG2282" s="86"/>
      <c r="AH2282" s="85"/>
      <c r="AI2282" s="85"/>
      <c r="AJ2282" s="85"/>
      <c r="AK2282" s="85"/>
      <c r="AL2282" s="85"/>
      <c r="AM2282" s="92"/>
      <c r="AN2282" s="92"/>
      <c r="AO2282" s="92"/>
      <c r="AP2282" s="92"/>
      <c r="AQ2282" s="92"/>
      <c r="AR2282" s="92"/>
      <c r="AS2282" s="92"/>
      <c r="AT2282" s="92"/>
      <c r="AU2282" s="92"/>
      <c r="AV2282" s="92"/>
      <c r="AW2282" s="92"/>
      <c r="AX2282" s="92"/>
      <c r="AY2282" s="92"/>
      <c r="AZ2282" s="93"/>
      <c r="BA2282" s="93"/>
      <c r="BB2282" s="93"/>
      <c r="BC2282" s="93"/>
      <c r="BD2282" s="93"/>
      <c r="BE2282" s="93"/>
      <c r="BF2282" s="93"/>
      <c r="BG2282" s="93"/>
      <c r="BH2282" s="93"/>
      <c r="BI2282" s="93"/>
      <c r="BJ2282" s="93"/>
      <c r="BK2282" s="93"/>
      <c r="BL2282" s="93"/>
    </row>
    <row r="2283" spans="2:64" x14ac:dyDescent="0.2">
      <c r="B2283" s="43"/>
      <c r="C2283" s="73"/>
      <c r="D2283" s="64"/>
      <c r="E2283" s="55"/>
      <c r="F2283" s="74"/>
      <c r="G2283" s="74"/>
      <c r="H2283" s="74"/>
      <c r="I2283" s="75"/>
      <c r="J2283" s="74"/>
      <c r="L2283" s="55"/>
      <c r="M2283" s="234"/>
      <c r="N2283" s="65"/>
      <c r="O2283" s="76"/>
      <c r="P2283" s="76"/>
      <c r="Q2283" s="65"/>
      <c r="R2283" s="76"/>
      <c r="S2283" s="76"/>
      <c r="T2283" s="76"/>
      <c r="U2283" s="76"/>
      <c r="V2283" s="76"/>
      <c r="W2283" s="76"/>
      <c r="X2283" s="76"/>
      <c r="Y2283" s="76"/>
      <c r="Z2283" s="76"/>
      <c r="AA2283" s="85"/>
      <c r="AB2283" s="85"/>
      <c r="AC2283" s="85"/>
      <c r="AD2283" s="85"/>
      <c r="AE2283" s="85"/>
      <c r="AF2283" s="85"/>
      <c r="AG2283" s="86"/>
      <c r="AH2283" s="85"/>
      <c r="AI2283" s="85"/>
      <c r="AJ2283" s="85"/>
      <c r="AK2283" s="85"/>
      <c r="AL2283" s="85"/>
      <c r="AM2283" s="92"/>
      <c r="AN2283" s="92"/>
      <c r="AO2283" s="92"/>
      <c r="AP2283" s="92"/>
      <c r="AQ2283" s="92"/>
      <c r="AR2283" s="92"/>
      <c r="AS2283" s="92"/>
      <c r="AT2283" s="92"/>
      <c r="AU2283" s="92"/>
      <c r="AV2283" s="92"/>
      <c r="AW2283" s="92"/>
      <c r="AX2283" s="92"/>
      <c r="AY2283" s="92"/>
      <c r="AZ2283" s="93"/>
      <c r="BA2283" s="93"/>
      <c r="BB2283" s="93"/>
      <c r="BC2283" s="93"/>
      <c r="BD2283" s="93"/>
      <c r="BE2283" s="93"/>
      <c r="BF2283" s="93"/>
      <c r="BG2283" s="93"/>
      <c r="BH2283" s="93"/>
      <c r="BI2283" s="93"/>
      <c r="BJ2283" s="93"/>
      <c r="BK2283" s="93"/>
      <c r="BL2283" s="93"/>
    </row>
    <row r="2284" spans="2:64" x14ac:dyDescent="0.2">
      <c r="B2284" s="43"/>
      <c r="C2284" s="73"/>
      <c r="D2284" s="64"/>
      <c r="E2284" s="55"/>
      <c r="F2284" s="74"/>
      <c r="G2284" s="74"/>
      <c r="H2284" s="74"/>
      <c r="I2284" s="75"/>
      <c r="J2284" s="74"/>
      <c r="L2284" s="55"/>
      <c r="M2284" s="234"/>
      <c r="N2284" s="65"/>
      <c r="O2284" s="76"/>
      <c r="P2284" s="76"/>
      <c r="Q2284" s="65"/>
      <c r="R2284" s="76"/>
      <c r="S2284" s="76"/>
      <c r="T2284" s="76"/>
      <c r="U2284" s="76"/>
      <c r="V2284" s="76"/>
      <c r="W2284" s="76"/>
      <c r="X2284" s="76"/>
      <c r="Y2284" s="76"/>
      <c r="Z2284" s="76"/>
      <c r="AA2284" s="85"/>
      <c r="AB2284" s="85"/>
      <c r="AC2284" s="85"/>
      <c r="AD2284" s="85"/>
      <c r="AE2284" s="85"/>
      <c r="AF2284" s="85"/>
      <c r="AG2284" s="86"/>
      <c r="AH2284" s="85"/>
      <c r="AI2284" s="85"/>
      <c r="AJ2284" s="85"/>
      <c r="AK2284" s="85"/>
      <c r="AL2284" s="85"/>
      <c r="AM2284" s="92"/>
      <c r="AN2284" s="92"/>
      <c r="AO2284" s="92"/>
      <c r="AP2284" s="92"/>
      <c r="AQ2284" s="92"/>
      <c r="AR2284" s="92"/>
      <c r="AS2284" s="92"/>
      <c r="AT2284" s="92"/>
      <c r="AU2284" s="92"/>
      <c r="AV2284" s="92"/>
      <c r="AW2284" s="92"/>
      <c r="AX2284" s="92"/>
      <c r="AY2284" s="92"/>
      <c r="AZ2284" s="93"/>
      <c r="BA2284" s="93"/>
      <c r="BB2284" s="93"/>
      <c r="BC2284" s="93"/>
      <c r="BD2284" s="93"/>
      <c r="BE2284" s="93"/>
      <c r="BF2284" s="93"/>
      <c r="BG2284" s="93"/>
      <c r="BH2284" s="93"/>
      <c r="BI2284" s="93"/>
      <c r="BJ2284" s="93"/>
      <c r="BK2284" s="93"/>
      <c r="BL2284" s="93"/>
    </row>
    <row r="2285" spans="2:64" x14ac:dyDescent="0.2">
      <c r="B2285" s="43"/>
      <c r="C2285" s="73"/>
      <c r="D2285" s="64"/>
      <c r="E2285" s="55"/>
      <c r="F2285" s="74"/>
      <c r="G2285" s="74"/>
      <c r="H2285" s="74"/>
      <c r="I2285" s="75"/>
      <c r="J2285" s="74"/>
      <c r="L2285" s="55"/>
      <c r="M2285" s="234"/>
      <c r="N2285" s="65"/>
      <c r="O2285" s="76"/>
      <c r="P2285" s="76"/>
      <c r="Q2285" s="65"/>
      <c r="R2285" s="76"/>
      <c r="S2285" s="76"/>
      <c r="T2285" s="76"/>
      <c r="U2285" s="76"/>
      <c r="V2285" s="76"/>
      <c r="W2285" s="76"/>
      <c r="X2285" s="76"/>
      <c r="Y2285" s="76"/>
      <c r="Z2285" s="76"/>
      <c r="AA2285" s="85"/>
      <c r="AB2285" s="85"/>
      <c r="AC2285" s="85"/>
      <c r="AD2285" s="85"/>
      <c r="AE2285" s="85"/>
      <c r="AF2285" s="85"/>
      <c r="AG2285" s="86"/>
      <c r="AH2285" s="85"/>
      <c r="AI2285" s="85"/>
      <c r="AJ2285" s="85"/>
      <c r="AK2285" s="85"/>
      <c r="AL2285" s="85"/>
      <c r="AM2285" s="92"/>
      <c r="AN2285" s="92"/>
      <c r="AO2285" s="92"/>
      <c r="AP2285" s="92"/>
      <c r="AQ2285" s="92"/>
      <c r="AR2285" s="92"/>
      <c r="AS2285" s="92"/>
      <c r="AT2285" s="92"/>
      <c r="AU2285" s="92"/>
      <c r="AV2285" s="92"/>
      <c r="AW2285" s="92"/>
      <c r="AX2285" s="92"/>
      <c r="AY2285" s="92"/>
      <c r="AZ2285" s="93"/>
      <c r="BA2285" s="93"/>
      <c r="BB2285" s="93"/>
      <c r="BC2285" s="93"/>
      <c r="BD2285" s="93"/>
      <c r="BE2285" s="93"/>
      <c r="BF2285" s="93"/>
      <c r="BG2285" s="93"/>
      <c r="BH2285" s="93"/>
      <c r="BI2285" s="93"/>
      <c r="BJ2285" s="93"/>
      <c r="BK2285" s="93"/>
      <c r="BL2285" s="93"/>
    </row>
    <row r="2286" spans="2:64" x14ac:dyDescent="0.2">
      <c r="B2286" s="43"/>
      <c r="C2286" s="73"/>
      <c r="D2286" s="64"/>
      <c r="E2286" s="55"/>
      <c r="F2286" s="74"/>
      <c r="G2286" s="74"/>
      <c r="H2286" s="74"/>
      <c r="I2286" s="75"/>
      <c r="J2286" s="74"/>
      <c r="L2286" s="55"/>
      <c r="M2286" s="234"/>
      <c r="N2286" s="65"/>
      <c r="O2286" s="76"/>
      <c r="P2286" s="76"/>
      <c r="Q2286" s="65"/>
      <c r="R2286" s="76"/>
      <c r="S2286" s="76"/>
      <c r="T2286" s="76"/>
      <c r="U2286" s="76"/>
      <c r="V2286" s="76"/>
      <c r="W2286" s="76"/>
      <c r="X2286" s="76"/>
      <c r="Y2286" s="76"/>
      <c r="Z2286" s="76"/>
      <c r="AA2286" s="85"/>
      <c r="AB2286" s="85"/>
      <c r="AC2286" s="85"/>
      <c r="AD2286" s="85"/>
      <c r="AE2286" s="85"/>
      <c r="AF2286" s="85"/>
      <c r="AG2286" s="86"/>
      <c r="AH2286" s="85"/>
      <c r="AI2286" s="85"/>
      <c r="AJ2286" s="85"/>
      <c r="AK2286" s="85"/>
      <c r="AL2286" s="85"/>
      <c r="AM2286" s="92"/>
      <c r="AN2286" s="92"/>
      <c r="AO2286" s="92"/>
      <c r="AP2286" s="92"/>
      <c r="AQ2286" s="92"/>
      <c r="AR2286" s="92"/>
      <c r="AS2286" s="92"/>
      <c r="AT2286" s="92"/>
      <c r="AU2286" s="92"/>
      <c r="AV2286" s="92"/>
      <c r="AW2286" s="92"/>
      <c r="AX2286" s="92"/>
      <c r="AY2286" s="92"/>
      <c r="AZ2286" s="93"/>
      <c r="BA2286" s="93"/>
      <c r="BB2286" s="93"/>
      <c r="BC2286" s="93"/>
      <c r="BD2286" s="93"/>
      <c r="BE2286" s="93"/>
      <c r="BF2286" s="93"/>
      <c r="BG2286" s="93"/>
      <c r="BH2286" s="93"/>
      <c r="BI2286" s="93"/>
      <c r="BJ2286" s="93"/>
      <c r="BK2286" s="93"/>
      <c r="BL2286" s="93"/>
    </row>
    <row r="2287" spans="2:64" x14ac:dyDescent="0.2">
      <c r="B2287" s="43"/>
      <c r="C2287" s="73"/>
      <c r="D2287" s="64"/>
      <c r="E2287" s="55"/>
      <c r="F2287" s="74"/>
      <c r="G2287" s="74"/>
      <c r="H2287" s="74"/>
      <c r="I2287" s="75"/>
      <c r="J2287" s="74"/>
      <c r="L2287" s="55"/>
      <c r="M2287" s="234"/>
      <c r="N2287" s="65"/>
      <c r="O2287" s="76"/>
      <c r="P2287" s="76"/>
      <c r="Q2287" s="65"/>
      <c r="R2287" s="76"/>
      <c r="S2287" s="76"/>
      <c r="T2287" s="76"/>
      <c r="U2287" s="76"/>
      <c r="V2287" s="76"/>
      <c r="W2287" s="76"/>
      <c r="X2287" s="76"/>
      <c r="Y2287" s="76"/>
      <c r="Z2287" s="76"/>
      <c r="AA2287" s="85"/>
      <c r="AB2287" s="85"/>
      <c r="AC2287" s="85"/>
      <c r="AD2287" s="85"/>
      <c r="AE2287" s="85"/>
      <c r="AF2287" s="85"/>
      <c r="AG2287" s="86"/>
      <c r="AH2287" s="85"/>
      <c r="AI2287" s="85"/>
      <c r="AJ2287" s="85"/>
      <c r="AK2287" s="85"/>
      <c r="AL2287" s="85"/>
      <c r="AM2287" s="92"/>
      <c r="AN2287" s="92"/>
      <c r="AO2287" s="92"/>
      <c r="AP2287" s="92"/>
      <c r="AQ2287" s="92"/>
      <c r="AR2287" s="92"/>
      <c r="AS2287" s="92"/>
      <c r="AT2287" s="92"/>
      <c r="AU2287" s="92"/>
      <c r="AV2287" s="92"/>
      <c r="AW2287" s="92"/>
      <c r="AX2287" s="92"/>
      <c r="AY2287" s="92"/>
      <c r="AZ2287" s="93"/>
      <c r="BA2287" s="93"/>
      <c r="BB2287" s="93"/>
      <c r="BC2287" s="93"/>
      <c r="BD2287" s="93"/>
      <c r="BE2287" s="93"/>
      <c r="BF2287" s="93"/>
      <c r="BG2287" s="93"/>
      <c r="BH2287" s="93"/>
      <c r="BI2287" s="93"/>
      <c r="BJ2287" s="93"/>
      <c r="BK2287" s="93"/>
      <c r="BL2287" s="93"/>
    </row>
    <row r="2288" spans="2:64" x14ac:dyDescent="0.2">
      <c r="B2288" s="43"/>
      <c r="C2288" s="73"/>
      <c r="D2288" s="64"/>
      <c r="E2288" s="55"/>
      <c r="F2288" s="74"/>
      <c r="G2288" s="74"/>
      <c r="H2288" s="74"/>
      <c r="I2288" s="75"/>
      <c r="J2288" s="74"/>
      <c r="L2288" s="55"/>
      <c r="M2288" s="234"/>
      <c r="N2288" s="65"/>
      <c r="O2288" s="76"/>
      <c r="P2288" s="76"/>
      <c r="Q2288" s="65"/>
      <c r="R2288" s="76"/>
      <c r="S2288" s="76"/>
      <c r="T2288" s="76"/>
      <c r="U2288" s="76"/>
      <c r="V2288" s="76"/>
      <c r="W2288" s="76"/>
      <c r="X2288" s="76"/>
      <c r="Y2288" s="76"/>
      <c r="Z2288" s="76"/>
      <c r="AA2288" s="85"/>
      <c r="AB2288" s="85"/>
      <c r="AC2288" s="85"/>
      <c r="AD2288" s="85"/>
      <c r="AE2288" s="85"/>
      <c r="AF2288" s="85"/>
      <c r="AG2288" s="86"/>
      <c r="AH2288" s="85"/>
      <c r="AI2288" s="85"/>
      <c r="AJ2288" s="85"/>
      <c r="AK2288" s="85"/>
      <c r="AL2288" s="85"/>
      <c r="AM2288" s="92"/>
      <c r="AN2288" s="92"/>
      <c r="AO2288" s="92"/>
      <c r="AP2288" s="92"/>
      <c r="AQ2288" s="92"/>
      <c r="AR2288" s="92"/>
      <c r="AS2288" s="92"/>
      <c r="AT2288" s="92"/>
      <c r="AU2288" s="92"/>
      <c r="AV2288" s="92"/>
      <c r="AW2288" s="92"/>
      <c r="AX2288" s="92"/>
      <c r="AY2288" s="92"/>
      <c r="AZ2288" s="93"/>
      <c r="BA2288" s="93"/>
      <c r="BB2288" s="93"/>
      <c r="BC2288" s="93"/>
      <c r="BD2288" s="93"/>
      <c r="BE2288" s="93"/>
      <c r="BF2288" s="93"/>
      <c r="BG2288" s="93"/>
      <c r="BH2288" s="93"/>
      <c r="BI2288" s="93"/>
      <c r="BJ2288" s="93"/>
      <c r="BK2288" s="93"/>
      <c r="BL2288" s="93"/>
    </row>
    <row r="2289" spans="2:64" x14ac:dyDescent="0.2">
      <c r="B2289" s="43"/>
      <c r="C2289" s="73"/>
      <c r="D2289" s="64"/>
      <c r="E2289" s="55"/>
      <c r="F2289" s="74"/>
      <c r="G2289" s="74"/>
      <c r="H2289" s="74"/>
      <c r="I2289" s="75"/>
      <c r="J2289" s="74"/>
      <c r="L2289" s="55"/>
      <c r="M2289" s="234"/>
      <c r="N2289" s="65"/>
      <c r="O2289" s="76"/>
      <c r="P2289" s="76"/>
      <c r="Q2289" s="65"/>
      <c r="R2289" s="76"/>
      <c r="S2289" s="76"/>
      <c r="T2289" s="76"/>
      <c r="U2289" s="76"/>
      <c r="V2289" s="76"/>
      <c r="W2289" s="76"/>
      <c r="X2289" s="76"/>
      <c r="Y2289" s="76"/>
      <c r="Z2289" s="76"/>
      <c r="AA2289" s="85"/>
      <c r="AB2289" s="85"/>
      <c r="AC2289" s="85"/>
      <c r="AD2289" s="85"/>
      <c r="AE2289" s="85"/>
      <c r="AF2289" s="85"/>
      <c r="AG2289" s="86"/>
      <c r="AH2289" s="85"/>
      <c r="AI2289" s="85"/>
      <c r="AJ2289" s="85"/>
      <c r="AK2289" s="85"/>
      <c r="AL2289" s="85"/>
      <c r="AM2289" s="92"/>
      <c r="AN2289" s="92"/>
      <c r="AO2289" s="92"/>
      <c r="AP2289" s="92"/>
      <c r="AQ2289" s="92"/>
      <c r="AR2289" s="92"/>
      <c r="AS2289" s="92"/>
      <c r="AT2289" s="92"/>
      <c r="AU2289" s="92"/>
      <c r="AV2289" s="92"/>
      <c r="AW2289" s="92"/>
      <c r="AX2289" s="92"/>
      <c r="AY2289" s="92"/>
      <c r="AZ2289" s="93"/>
      <c r="BA2289" s="93"/>
      <c r="BB2289" s="93"/>
      <c r="BC2289" s="93"/>
      <c r="BD2289" s="93"/>
      <c r="BE2289" s="93"/>
      <c r="BF2289" s="93"/>
      <c r="BG2289" s="93"/>
      <c r="BH2289" s="93"/>
      <c r="BI2289" s="93"/>
      <c r="BJ2289" s="93"/>
      <c r="BK2289" s="93"/>
      <c r="BL2289" s="93"/>
    </row>
    <row r="2290" spans="2:64" x14ac:dyDescent="0.2">
      <c r="B2290" s="43"/>
      <c r="C2290" s="73"/>
      <c r="D2290" s="64"/>
      <c r="E2290" s="55"/>
      <c r="F2290" s="74"/>
      <c r="G2290" s="74"/>
      <c r="H2290" s="74"/>
      <c r="I2290" s="75"/>
      <c r="J2290" s="74"/>
      <c r="L2290" s="55"/>
      <c r="M2290" s="234"/>
      <c r="N2290" s="65"/>
      <c r="O2290" s="76"/>
      <c r="P2290" s="76"/>
      <c r="Q2290" s="65"/>
      <c r="R2290" s="76"/>
      <c r="S2290" s="76"/>
      <c r="T2290" s="76"/>
      <c r="U2290" s="76"/>
      <c r="V2290" s="76"/>
      <c r="W2290" s="76"/>
      <c r="X2290" s="76"/>
      <c r="Y2290" s="76"/>
      <c r="Z2290" s="76"/>
      <c r="AA2290" s="85"/>
      <c r="AB2290" s="85"/>
      <c r="AC2290" s="85"/>
      <c r="AD2290" s="85"/>
      <c r="AE2290" s="85"/>
      <c r="AF2290" s="85"/>
      <c r="AG2290" s="86"/>
      <c r="AH2290" s="85"/>
      <c r="AI2290" s="85"/>
      <c r="AJ2290" s="85"/>
      <c r="AK2290" s="85"/>
      <c r="AL2290" s="85"/>
      <c r="AM2290" s="92"/>
      <c r="AN2290" s="92"/>
      <c r="AO2290" s="92"/>
      <c r="AP2290" s="92"/>
      <c r="AQ2290" s="92"/>
      <c r="AR2290" s="92"/>
      <c r="AS2290" s="92"/>
      <c r="AT2290" s="92"/>
      <c r="AU2290" s="92"/>
      <c r="AV2290" s="92"/>
      <c r="AW2290" s="92"/>
      <c r="AX2290" s="92"/>
      <c r="AY2290" s="92"/>
      <c r="AZ2290" s="93"/>
      <c r="BA2290" s="93"/>
      <c r="BB2290" s="93"/>
      <c r="BC2290" s="93"/>
      <c r="BD2290" s="93"/>
      <c r="BE2290" s="93"/>
      <c r="BF2290" s="93"/>
      <c r="BG2290" s="93"/>
      <c r="BH2290" s="93"/>
      <c r="BI2290" s="93"/>
      <c r="BJ2290" s="93"/>
      <c r="BK2290" s="93"/>
      <c r="BL2290" s="93"/>
    </row>
    <row r="2291" spans="2:64" x14ac:dyDescent="0.2">
      <c r="B2291" s="43"/>
      <c r="C2291" s="73"/>
      <c r="D2291" s="64"/>
      <c r="E2291" s="55"/>
      <c r="F2291" s="74"/>
      <c r="G2291" s="74"/>
      <c r="H2291" s="74"/>
      <c r="I2291" s="75"/>
      <c r="J2291" s="74"/>
      <c r="L2291" s="55"/>
      <c r="M2291" s="234"/>
      <c r="N2291" s="65"/>
      <c r="O2291" s="76"/>
      <c r="P2291" s="76"/>
      <c r="Q2291" s="65"/>
      <c r="R2291" s="76"/>
      <c r="S2291" s="76"/>
      <c r="T2291" s="76"/>
      <c r="U2291" s="76"/>
      <c r="V2291" s="76"/>
      <c r="W2291" s="76"/>
      <c r="X2291" s="76"/>
      <c r="Y2291" s="76"/>
      <c r="Z2291" s="76"/>
      <c r="AA2291" s="85"/>
      <c r="AB2291" s="85"/>
      <c r="AC2291" s="85"/>
      <c r="AD2291" s="85"/>
      <c r="AE2291" s="85"/>
      <c r="AF2291" s="85"/>
      <c r="AG2291" s="86"/>
      <c r="AH2291" s="85"/>
      <c r="AI2291" s="85"/>
      <c r="AJ2291" s="85"/>
      <c r="AK2291" s="85"/>
      <c r="AL2291" s="85"/>
      <c r="AM2291" s="92"/>
      <c r="AN2291" s="92"/>
      <c r="AO2291" s="92"/>
      <c r="AP2291" s="92"/>
      <c r="AQ2291" s="92"/>
      <c r="AR2291" s="92"/>
      <c r="AS2291" s="92"/>
      <c r="AT2291" s="92"/>
      <c r="AU2291" s="92"/>
      <c r="AV2291" s="92"/>
      <c r="AW2291" s="92"/>
      <c r="AX2291" s="92"/>
      <c r="AY2291" s="92"/>
      <c r="AZ2291" s="93"/>
      <c r="BA2291" s="93"/>
      <c r="BB2291" s="93"/>
      <c r="BC2291" s="93"/>
      <c r="BD2291" s="93"/>
      <c r="BE2291" s="93"/>
      <c r="BF2291" s="93"/>
      <c r="BG2291" s="93"/>
      <c r="BH2291" s="93"/>
      <c r="BI2291" s="93"/>
      <c r="BJ2291" s="93"/>
      <c r="BK2291" s="93"/>
      <c r="BL2291" s="93"/>
    </row>
    <row r="2292" spans="2:64" x14ac:dyDescent="0.2">
      <c r="B2292" s="43"/>
      <c r="C2292" s="73"/>
      <c r="D2292" s="64"/>
      <c r="E2292" s="55"/>
      <c r="F2292" s="74"/>
      <c r="G2292" s="74"/>
      <c r="H2292" s="74"/>
      <c r="I2292" s="75"/>
      <c r="J2292" s="74"/>
      <c r="L2292" s="55"/>
      <c r="M2292" s="234"/>
      <c r="N2292" s="65"/>
      <c r="O2292" s="76"/>
      <c r="P2292" s="76"/>
      <c r="Q2292" s="65"/>
      <c r="R2292" s="76"/>
      <c r="S2292" s="76"/>
      <c r="T2292" s="76"/>
      <c r="U2292" s="76"/>
      <c r="V2292" s="76"/>
      <c r="W2292" s="76"/>
      <c r="X2292" s="76"/>
      <c r="Y2292" s="76"/>
      <c r="Z2292" s="76"/>
      <c r="AA2292" s="85"/>
      <c r="AB2292" s="85"/>
      <c r="AC2292" s="85"/>
      <c r="AD2292" s="85"/>
      <c r="AE2292" s="85"/>
      <c r="AF2292" s="85"/>
      <c r="AG2292" s="86"/>
      <c r="AH2292" s="85"/>
      <c r="AI2292" s="85"/>
      <c r="AJ2292" s="85"/>
      <c r="AK2292" s="85"/>
      <c r="AL2292" s="85"/>
      <c r="AM2292" s="92"/>
      <c r="AN2292" s="92"/>
      <c r="AO2292" s="92"/>
      <c r="AP2292" s="92"/>
      <c r="AQ2292" s="92"/>
      <c r="AR2292" s="92"/>
      <c r="AS2292" s="92"/>
      <c r="AT2292" s="92"/>
      <c r="AU2292" s="92"/>
      <c r="AV2292" s="92"/>
      <c r="AW2292" s="92"/>
      <c r="AX2292" s="92"/>
      <c r="AY2292" s="92"/>
      <c r="AZ2292" s="93"/>
      <c r="BA2292" s="93"/>
      <c r="BB2292" s="93"/>
      <c r="BC2292" s="93"/>
      <c r="BD2292" s="93"/>
      <c r="BE2292" s="93"/>
      <c r="BF2292" s="93"/>
      <c r="BG2292" s="93"/>
      <c r="BH2292" s="93"/>
      <c r="BI2292" s="93"/>
      <c r="BJ2292" s="93"/>
      <c r="BK2292" s="93"/>
      <c r="BL2292" s="93"/>
    </row>
    <row r="2293" spans="2:64" x14ac:dyDescent="0.2">
      <c r="B2293" s="43"/>
      <c r="C2293" s="73"/>
      <c r="D2293" s="64"/>
      <c r="E2293" s="55"/>
      <c r="F2293" s="74"/>
      <c r="G2293" s="74"/>
      <c r="H2293" s="74"/>
      <c r="I2293" s="75"/>
      <c r="J2293" s="74"/>
      <c r="L2293" s="55"/>
      <c r="M2293" s="234"/>
      <c r="N2293" s="65"/>
      <c r="O2293" s="76"/>
      <c r="P2293" s="76"/>
      <c r="Q2293" s="65"/>
      <c r="R2293" s="76"/>
      <c r="S2293" s="76"/>
      <c r="T2293" s="76"/>
      <c r="U2293" s="76"/>
      <c r="V2293" s="76"/>
      <c r="W2293" s="76"/>
      <c r="X2293" s="76"/>
      <c r="Y2293" s="76"/>
      <c r="Z2293" s="76"/>
      <c r="AA2293" s="85"/>
      <c r="AB2293" s="85"/>
      <c r="AC2293" s="85"/>
      <c r="AD2293" s="85"/>
      <c r="AE2293" s="85"/>
      <c r="AF2293" s="85"/>
      <c r="AG2293" s="86"/>
      <c r="AH2293" s="85"/>
      <c r="AI2293" s="85"/>
      <c r="AJ2293" s="85"/>
      <c r="AK2293" s="85"/>
      <c r="AL2293" s="85"/>
      <c r="AM2293" s="92"/>
      <c r="AN2293" s="92"/>
      <c r="AO2293" s="92"/>
      <c r="AP2293" s="92"/>
      <c r="AQ2293" s="92"/>
      <c r="AR2293" s="92"/>
      <c r="AS2293" s="92"/>
      <c r="AT2293" s="92"/>
      <c r="AU2293" s="92"/>
      <c r="AV2293" s="92"/>
      <c r="AW2293" s="92"/>
      <c r="AX2293" s="92"/>
      <c r="AY2293" s="92"/>
      <c r="AZ2293" s="93"/>
      <c r="BA2293" s="93"/>
      <c r="BB2293" s="93"/>
      <c r="BC2293" s="93"/>
      <c r="BD2293" s="93"/>
      <c r="BE2293" s="93"/>
      <c r="BF2293" s="93"/>
      <c r="BG2293" s="93"/>
      <c r="BH2293" s="93"/>
      <c r="BI2293" s="93"/>
      <c r="BJ2293" s="93"/>
      <c r="BK2293" s="93"/>
      <c r="BL2293" s="93"/>
    </row>
    <row r="2294" spans="2:64" x14ac:dyDescent="0.2">
      <c r="B2294" s="43"/>
      <c r="C2294" s="73"/>
      <c r="D2294" s="64"/>
      <c r="E2294" s="55"/>
      <c r="F2294" s="74"/>
      <c r="G2294" s="74"/>
      <c r="H2294" s="74"/>
      <c r="I2294" s="75"/>
      <c r="J2294" s="74"/>
      <c r="L2294" s="55"/>
      <c r="M2294" s="234"/>
      <c r="N2294" s="65"/>
      <c r="O2294" s="76"/>
      <c r="P2294" s="76"/>
      <c r="Q2294" s="65"/>
      <c r="R2294" s="76"/>
      <c r="S2294" s="76"/>
      <c r="T2294" s="76"/>
      <c r="U2294" s="76"/>
      <c r="V2294" s="76"/>
      <c r="W2294" s="76"/>
      <c r="X2294" s="76"/>
      <c r="Y2294" s="76"/>
      <c r="Z2294" s="76"/>
      <c r="AA2294" s="85"/>
      <c r="AB2294" s="85"/>
      <c r="AC2294" s="85"/>
      <c r="AD2294" s="85"/>
      <c r="AE2294" s="85"/>
      <c r="AF2294" s="85"/>
      <c r="AG2294" s="86"/>
      <c r="AH2294" s="85"/>
      <c r="AI2294" s="85"/>
      <c r="AJ2294" s="85"/>
      <c r="AK2294" s="85"/>
      <c r="AL2294" s="85"/>
      <c r="AM2294" s="92"/>
      <c r="AN2294" s="92"/>
      <c r="AO2294" s="92"/>
      <c r="AP2294" s="92"/>
      <c r="AQ2294" s="92"/>
      <c r="AR2294" s="92"/>
      <c r="AS2294" s="92"/>
      <c r="AT2294" s="92"/>
      <c r="AU2294" s="92"/>
      <c r="AV2294" s="92"/>
      <c r="AW2294" s="92"/>
      <c r="AX2294" s="92"/>
      <c r="AY2294" s="92"/>
      <c r="AZ2294" s="93"/>
      <c r="BA2294" s="93"/>
      <c r="BB2294" s="93"/>
      <c r="BC2294" s="93"/>
      <c r="BD2294" s="93"/>
      <c r="BE2294" s="93"/>
      <c r="BF2294" s="93"/>
      <c r="BG2294" s="93"/>
      <c r="BH2294" s="93"/>
      <c r="BI2294" s="93"/>
      <c r="BJ2294" s="93"/>
      <c r="BK2294" s="93"/>
      <c r="BL2294" s="93"/>
    </row>
    <row r="2295" spans="2:64" x14ac:dyDescent="0.2">
      <c r="B2295" s="43"/>
      <c r="C2295" s="73"/>
      <c r="D2295" s="64"/>
      <c r="E2295" s="55"/>
      <c r="F2295" s="74"/>
      <c r="G2295" s="74"/>
      <c r="H2295" s="74"/>
      <c r="I2295" s="75"/>
      <c r="J2295" s="74"/>
      <c r="L2295" s="55"/>
      <c r="M2295" s="234"/>
      <c r="N2295" s="65"/>
      <c r="O2295" s="76"/>
      <c r="P2295" s="76"/>
      <c r="Q2295" s="65"/>
      <c r="R2295" s="76"/>
      <c r="S2295" s="76"/>
      <c r="T2295" s="76"/>
      <c r="U2295" s="76"/>
      <c r="V2295" s="76"/>
      <c r="W2295" s="76"/>
      <c r="X2295" s="76"/>
      <c r="Y2295" s="76"/>
      <c r="Z2295" s="76"/>
      <c r="AA2295" s="85"/>
      <c r="AB2295" s="85"/>
      <c r="AC2295" s="85"/>
      <c r="AD2295" s="85"/>
      <c r="AE2295" s="85"/>
      <c r="AF2295" s="85"/>
      <c r="AG2295" s="86"/>
      <c r="AH2295" s="85"/>
      <c r="AI2295" s="85"/>
      <c r="AJ2295" s="85"/>
      <c r="AK2295" s="85"/>
      <c r="AL2295" s="85"/>
      <c r="AM2295" s="92"/>
      <c r="AN2295" s="92"/>
      <c r="AO2295" s="92"/>
      <c r="AP2295" s="92"/>
      <c r="AQ2295" s="92"/>
      <c r="AR2295" s="92"/>
      <c r="AS2295" s="92"/>
      <c r="AT2295" s="92"/>
      <c r="AU2295" s="92"/>
      <c r="AV2295" s="92"/>
      <c r="AW2295" s="92"/>
      <c r="AX2295" s="92"/>
      <c r="AY2295" s="92"/>
      <c r="AZ2295" s="93"/>
      <c r="BA2295" s="93"/>
      <c r="BB2295" s="93"/>
      <c r="BC2295" s="93"/>
      <c r="BD2295" s="93"/>
      <c r="BE2295" s="93"/>
      <c r="BF2295" s="93"/>
      <c r="BG2295" s="93"/>
      <c r="BH2295" s="93"/>
      <c r="BI2295" s="93"/>
      <c r="BJ2295" s="93"/>
      <c r="BK2295" s="93"/>
      <c r="BL2295" s="93"/>
    </row>
    <row r="2296" spans="2:64" x14ac:dyDescent="0.2">
      <c r="B2296" s="43"/>
      <c r="C2296" s="73"/>
      <c r="D2296" s="64"/>
      <c r="E2296" s="55"/>
      <c r="F2296" s="74"/>
      <c r="G2296" s="74"/>
      <c r="H2296" s="74"/>
      <c r="I2296" s="75"/>
      <c r="J2296" s="74"/>
      <c r="L2296" s="55"/>
      <c r="M2296" s="234"/>
      <c r="N2296" s="65"/>
      <c r="O2296" s="76"/>
      <c r="P2296" s="76"/>
      <c r="Q2296" s="65"/>
      <c r="R2296" s="76"/>
      <c r="S2296" s="76"/>
      <c r="T2296" s="76"/>
      <c r="U2296" s="76"/>
      <c r="V2296" s="76"/>
      <c r="W2296" s="76"/>
      <c r="X2296" s="76"/>
      <c r="Y2296" s="76"/>
      <c r="Z2296" s="76"/>
      <c r="AA2296" s="85"/>
      <c r="AB2296" s="85"/>
      <c r="AC2296" s="85"/>
      <c r="AD2296" s="85"/>
      <c r="AE2296" s="85"/>
      <c r="AF2296" s="85"/>
      <c r="AG2296" s="86"/>
      <c r="AH2296" s="85"/>
      <c r="AI2296" s="85"/>
      <c r="AJ2296" s="85"/>
      <c r="AK2296" s="85"/>
      <c r="AL2296" s="85"/>
      <c r="AM2296" s="92"/>
      <c r="AN2296" s="92"/>
      <c r="AO2296" s="92"/>
      <c r="AP2296" s="92"/>
      <c r="AQ2296" s="92"/>
      <c r="AR2296" s="92"/>
      <c r="AS2296" s="92"/>
      <c r="AT2296" s="92"/>
      <c r="AU2296" s="92"/>
      <c r="AV2296" s="92"/>
      <c r="AW2296" s="92"/>
      <c r="AX2296" s="92"/>
      <c r="AY2296" s="92"/>
      <c r="AZ2296" s="93"/>
      <c r="BA2296" s="93"/>
      <c r="BB2296" s="93"/>
      <c r="BC2296" s="93"/>
      <c r="BD2296" s="93"/>
      <c r="BE2296" s="93"/>
      <c r="BF2296" s="93"/>
      <c r="BG2296" s="93"/>
      <c r="BH2296" s="93"/>
      <c r="BI2296" s="93"/>
      <c r="BJ2296" s="93"/>
      <c r="BK2296" s="93"/>
      <c r="BL2296" s="93"/>
    </row>
    <row r="2297" spans="2:64" x14ac:dyDescent="0.2">
      <c r="B2297" s="43"/>
      <c r="C2297" s="73"/>
      <c r="D2297" s="64"/>
      <c r="E2297" s="55"/>
      <c r="F2297" s="74"/>
      <c r="G2297" s="74"/>
      <c r="H2297" s="74"/>
      <c r="I2297" s="75"/>
      <c r="J2297" s="74"/>
      <c r="L2297" s="55"/>
      <c r="M2297" s="234"/>
      <c r="N2297" s="65"/>
      <c r="O2297" s="76"/>
      <c r="P2297" s="76"/>
      <c r="Q2297" s="65"/>
      <c r="R2297" s="76"/>
      <c r="S2297" s="76"/>
      <c r="T2297" s="76"/>
      <c r="U2297" s="76"/>
      <c r="V2297" s="76"/>
      <c r="W2297" s="76"/>
      <c r="X2297" s="76"/>
      <c r="Y2297" s="76"/>
      <c r="Z2297" s="76"/>
      <c r="AA2297" s="85"/>
      <c r="AB2297" s="85"/>
      <c r="AC2297" s="85"/>
      <c r="AD2297" s="85"/>
      <c r="AE2297" s="85"/>
      <c r="AF2297" s="85"/>
      <c r="AG2297" s="86"/>
      <c r="AH2297" s="85"/>
      <c r="AI2297" s="85"/>
      <c r="AJ2297" s="85"/>
      <c r="AK2297" s="85"/>
      <c r="AL2297" s="85"/>
      <c r="AM2297" s="92"/>
      <c r="AN2297" s="92"/>
      <c r="AO2297" s="92"/>
      <c r="AP2297" s="92"/>
      <c r="AQ2297" s="92"/>
      <c r="AR2297" s="92"/>
      <c r="AS2297" s="92"/>
      <c r="AT2297" s="92"/>
      <c r="AU2297" s="92"/>
      <c r="AV2297" s="92"/>
      <c r="AW2297" s="92"/>
      <c r="AX2297" s="92"/>
      <c r="AY2297" s="92"/>
      <c r="AZ2297" s="93"/>
      <c r="BA2297" s="93"/>
      <c r="BB2297" s="93"/>
      <c r="BC2297" s="93"/>
      <c r="BD2297" s="93"/>
      <c r="BE2297" s="93"/>
      <c r="BF2297" s="93"/>
      <c r="BG2297" s="93"/>
      <c r="BH2297" s="93"/>
      <c r="BI2297" s="93"/>
      <c r="BJ2297" s="93"/>
      <c r="BK2297" s="93"/>
      <c r="BL2297" s="93"/>
    </row>
    <row r="2298" spans="2:64" x14ac:dyDescent="0.2">
      <c r="B2298" s="43"/>
      <c r="C2298" s="73"/>
      <c r="D2298" s="64"/>
      <c r="E2298" s="55"/>
      <c r="F2298" s="74"/>
      <c r="G2298" s="74"/>
      <c r="H2298" s="74"/>
      <c r="I2298" s="75"/>
      <c r="J2298" s="74"/>
      <c r="L2298" s="55"/>
      <c r="M2298" s="234"/>
      <c r="N2298" s="65"/>
      <c r="O2298" s="76"/>
      <c r="P2298" s="76"/>
      <c r="Q2298" s="65"/>
      <c r="R2298" s="76"/>
      <c r="S2298" s="76"/>
      <c r="T2298" s="76"/>
      <c r="U2298" s="76"/>
      <c r="V2298" s="76"/>
      <c r="W2298" s="76"/>
      <c r="X2298" s="76"/>
      <c r="Y2298" s="76"/>
      <c r="Z2298" s="76"/>
      <c r="AA2298" s="85"/>
      <c r="AB2298" s="85"/>
      <c r="AC2298" s="85"/>
      <c r="AD2298" s="85"/>
      <c r="AE2298" s="85"/>
      <c r="AF2298" s="85"/>
      <c r="AG2298" s="86"/>
      <c r="AH2298" s="85"/>
      <c r="AI2298" s="85"/>
      <c r="AJ2298" s="85"/>
      <c r="AK2298" s="85"/>
      <c r="AL2298" s="85"/>
      <c r="AM2298" s="92"/>
      <c r="AN2298" s="92"/>
      <c r="AO2298" s="92"/>
      <c r="AP2298" s="92"/>
      <c r="AQ2298" s="92"/>
      <c r="AR2298" s="92"/>
      <c r="AS2298" s="92"/>
      <c r="AT2298" s="92"/>
      <c r="AU2298" s="92"/>
      <c r="AV2298" s="92"/>
      <c r="AW2298" s="92"/>
      <c r="AX2298" s="92"/>
      <c r="AY2298" s="92"/>
      <c r="AZ2298" s="93"/>
      <c r="BA2298" s="93"/>
      <c r="BB2298" s="93"/>
      <c r="BC2298" s="93"/>
      <c r="BD2298" s="93"/>
      <c r="BE2298" s="93"/>
      <c r="BF2298" s="93"/>
      <c r="BG2298" s="93"/>
      <c r="BH2298" s="93"/>
      <c r="BI2298" s="93"/>
      <c r="BJ2298" s="93"/>
      <c r="BK2298" s="93"/>
      <c r="BL2298" s="93"/>
    </row>
    <row r="2299" spans="2:64" x14ac:dyDescent="0.2">
      <c r="B2299" s="43"/>
      <c r="C2299" s="73"/>
      <c r="D2299" s="64"/>
      <c r="E2299" s="55"/>
      <c r="F2299" s="74"/>
      <c r="G2299" s="74"/>
      <c r="H2299" s="74"/>
      <c r="I2299" s="75"/>
      <c r="J2299" s="74"/>
      <c r="L2299" s="55"/>
      <c r="M2299" s="234"/>
      <c r="N2299" s="65"/>
      <c r="O2299" s="76"/>
      <c r="P2299" s="76"/>
      <c r="Q2299" s="65"/>
      <c r="R2299" s="76"/>
      <c r="S2299" s="76"/>
      <c r="T2299" s="76"/>
      <c r="U2299" s="76"/>
      <c r="V2299" s="76"/>
      <c r="W2299" s="76"/>
      <c r="X2299" s="76"/>
      <c r="Y2299" s="76"/>
      <c r="Z2299" s="76"/>
      <c r="AA2299" s="85"/>
      <c r="AB2299" s="85"/>
      <c r="AC2299" s="85"/>
      <c r="AD2299" s="85"/>
      <c r="AE2299" s="85"/>
      <c r="AF2299" s="85"/>
      <c r="AG2299" s="86"/>
      <c r="AH2299" s="85"/>
      <c r="AI2299" s="85"/>
      <c r="AJ2299" s="85"/>
      <c r="AK2299" s="85"/>
      <c r="AL2299" s="85"/>
      <c r="AM2299" s="92"/>
      <c r="AN2299" s="92"/>
      <c r="AO2299" s="92"/>
      <c r="AP2299" s="92"/>
      <c r="AQ2299" s="92"/>
      <c r="AR2299" s="92"/>
      <c r="AS2299" s="92"/>
      <c r="AT2299" s="92"/>
      <c r="AU2299" s="92"/>
      <c r="AV2299" s="92"/>
      <c r="AW2299" s="92"/>
      <c r="AX2299" s="92"/>
      <c r="AY2299" s="92"/>
      <c r="AZ2299" s="93"/>
      <c r="BA2299" s="93"/>
      <c r="BB2299" s="93"/>
      <c r="BC2299" s="93"/>
      <c r="BD2299" s="93"/>
      <c r="BE2299" s="93"/>
      <c r="BF2299" s="93"/>
      <c r="BG2299" s="93"/>
      <c r="BH2299" s="93"/>
      <c r="BI2299" s="93"/>
      <c r="BJ2299" s="93"/>
      <c r="BK2299" s="93"/>
      <c r="BL2299" s="93"/>
    </row>
    <row r="2300" spans="2:64" x14ac:dyDescent="0.2">
      <c r="B2300" s="43"/>
      <c r="C2300" s="73"/>
      <c r="D2300" s="64"/>
      <c r="E2300" s="55"/>
      <c r="F2300" s="74"/>
      <c r="G2300" s="74"/>
      <c r="H2300" s="74"/>
      <c r="I2300" s="75"/>
      <c r="J2300" s="74"/>
      <c r="L2300" s="55"/>
      <c r="M2300" s="234"/>
      <c r="N2300" s="65"/>
      <c r="O2300" s="76"/>
      <c r="P2300" s="76"/>
      <c r="Q2300" s="65"/>
      <c r="R2300" s="76"/>
      <c r="S2300" s="76"/>
      <c r="T2300" s="76"/>
      <c r="U2300" s="76"/>
      <c r="V2300" s="76"/>
      <c r="W2300" s="76"/>
      <c r="X2300" s="76"/>
      <c r="Y2300" s="76"/>
      <c r="Z2300" s="76"/>
      <c r="AA2300" s="85"/>
      <c r="AB2300" s="85"/>
      <c r="AC2300" s="85"/>
      <c r="AD2300" s="85"/>
      <c r="AE2300" s="85"/>
      <c r="AF2300" s="85"/>
      <c r="AG2300" s="86"/>
      <c r="AH2300" s="85"/>
      <c r="AI2300" s="85"/>
      <c r="AJ2300" s="85"/>
      <c r="AK2300" s="85"/>
      <c r="AL2300" s="85"/>
      <c r="AM2300" s="92"/>
      <c r="AN2300" s="92"/>
      <c r="AO2300" s="92"/>
      <c r="AP2300" s="92"/>
      <c r="AQ2300" s="92"/>
      <c r="AR2300" s="92"/>
      <c r="AS2300" s="92"/>
      <c r="AT2300" s="92"/>
      <c r="AU2300" s="92"/>
      <c r="AV2300" s="92"/>
      <c r="AW2300" s="92"/>
      <c r="AX2300" s="92"/>
      <c r="AY2300" s="92"/>
      <c r="AZ2300" s="93"/>
      <c r="BA2300" s="93"/>
      <c r="BB2300" s="93"/>
      <c r="BC2300" s="93"/>
      <c r="BD2300" s="93"/>
      <c r="BE2300" s="93"/>
      <c r="BF2300" s="93"/>
      <c r="BG2300" s="93"/>
      <c r="BH2300" s="93"/>
      <c r="BI2300" s="93"/>
      <c r="BJ2300" s="93"/>
      <c r="BK2300" s="93"/>
      <c r="BL2300" s="93"/>
    </row>
    <row r="2301" spans="2:64" x14ac:dyDescent="0.2">
      <c r="B2301" s="43"/>
      <c r="C2301" s="73"/>
      <c r="D2301" s="64"/>
      <c r="E2301" s="55"/>
      <c r="F2301" s="74"/>
      <c r="G2301" s="74"/>
      <c r="H2301" s="74"/>
      <c r="I2301" s="75"/>
      <c r="J2301" s="74"/>
      <c r="L2301" s="55"/>
      <c r="M2301" s="234"/>
      <c r="N2301" s="65"/>
      <c r="O2301" s="76"/>
      <c r="P2301" s="76"/>
      <c r="Q2301" s="65"/>
      <c r="R2301" s="76"/>
      <c r="S2301" s="76"/>
      <c r="T2301" s="76"/>
      <c r="U2301" s="76"/>
      <c r="V2301" s="76"/>
      <c r="W2301" s="76"/>
      <c r="X2301" s="76"/>
      <c r="Y2301" s="76"/>
      <c r="Z2301" s="76"/>
      <c r="AA2301" s="85"/>
      <c r="AB2301" s="85"/>
      <c r="AC2301" s="85"/>
      <c r="AD2301" s="85"/>
      <c r="AE2301" s="85"/>
      <c r="AF2301" s="85"/>
      <c r="AG2301" s="86"/>
      <c r="AH2301" s="85"/>
      <c r="AI2301" s="85"/>
      <c r="AJ2301" s="85"/>
      <c r="AK2301" s="85"/>
      <c r="AL2301" s="85"/>
      <c r="AM2301" s="92"/>
      <c r="AN2301" s="92"/>
      <c r="AO2301" s="92"/>
      <c r="AP2301" s="92"/>
      <c r="AQ2301" s="92"/>
      <c r="AR2301" s="92"/>
      <c r="AS2301" s="92"/>
      <c r="AT2301" s="92"/>
      <c r="AU2301" s="92"/>
      <c r="AV2301" s="92"/>
      <c r="AW2301" s="92"/>
      <c r="AX2301" s="92"/>
      <c r="AY2301" s="92"/>
      <c r="AZ2301" s="93"/>
      <c r="BA2301" s="93"/>
      <c r="BB2301" s="93"/>
      <c r="BC2301" s="93"/>
      <c r="BD2301" s="93"/>
      <c r="BE2301" s="93"/>
      <c r="BF2301" s="93"/>
      <c r="BG2301" s="93"/>
      <c r="BH2301" s="93"/>
      <c r="BI2301" s="93"/>
      <c r="BJ2301" s="93"/>
      <c r="BK2301" s="93"/>
      <c r="BL2301" s="93"/>
    </row>
    <row r="2302" spans="2:64" x14ac:dyDescent="0.2">
      <c r="B2302" s="43"/>
      <c r="C2302" s="73"/>
      <c r="D2302" s="64"/>
      <c r="E2302" s="55"/>
      <c r="F2302" s="74"/>
      <c r="G2302" s="74"/>
      <c r="H2302" s="74"/>
      <c r="I2302" s="75"/>
      <c r="J2302" s="74"/>
      <c r="L2302" s="55"/>
      <c r="M2302" s="234"/>
      <c r="N2302" s="65"/>
      <c r="O2302" s="76"/>
      <c r="P2302" s="76"/>
      <c r="Q2302" s="65"/>
      <c r="R2302" s="76"/>
      <c r="S2302" s="76"/>
      <c r="T2302" s="76"/>
      <c r="U2302" s="76"/>
      <c r="V2302" s="76"/>
      <c r="W2302" s="76"/>
      <c r="X2302" s="76"/>
      <c r="Y2302" s="76"/>
      <c r="Z2302" s="76"/>
      <c r="AA2302" s="85"/>
      <c r="AB2302" s="85"/>
      <c r="AC2302" s="85"/>
      <c r="AD2302" s="85"/>
      <c r="AE2302" s="85"/>
      <c r="AF2302" s="85"/>
      <c r="AG2302" s="86"/>
      <c r="AH2302" s="85"/>
      <c r="AI2302" s="85"/>
      <c r="AJ2302" s="85"/>
      <c r="AK2302" s="85"/>
      <c r="AL2302" s="85"/>
      <c r="AM2302" s="92"/>
      <c r="AN2302" s="92"/>
      <c r="AO2302" s="92"/>
      <c r="AP2302" s="92"/>
      <c r="AQ2302" s="92"/>
      <c r="AR2302" s="92"/>
      <c r="AS2302" s="92"/>
      <c r="AT2302" s="92"/>
      <c r="AU2302" s="92"/>
      <c r="AV2302" s="92"/>
      <c r="AW2302" s="92"/>
      <c r="AX2302" s="92"/>
      <c r="AY2302" s="92"/>
      <c r="AZ2302" s="93"/>
      <c r="BA2302" s="93"/>
      <c r="BB2302" s="93"/>
      <c r="BC2302" s="93"/>
      <c r="BD2302" s="93"/>
      <c r="BE2302" s="93"/>
      <c r="BF2302" s="93"/>
      <c r="BG2302" s="93"/>
      <c r="BH2302" s="93"/>
      <c r="BI2302" s="93"/>
      <c r="BJ2302" s="93"/>
      <c r="BK2302" s="93"/>
      <c r="BL2302" s="93"/>
    </row>
    <row r="2303" spans="2:64" x14ac:dyDescent="0.2">
      <c r="B2303" s="43"/>
      <c r="C2303" s="73"/>
      <c r="D2303" s="64"/>
      <c r="E2303" s="55"/>
      <c r="F2303" s="74"/>
      <c r="G2303" s="74"/>
      <c r="H2303" s="74"/>
      <c r="I2303" s="75"/>
      <c r="J2303" s="74"/>
      <c r="L2303" s="55"/>
      <c r="M2303" s="234"/>
      <c r="N2303" s="65"/>
      <c r="O2303" s="76"/>
      <c r="P2303" s="76"/>
      <c r="Q2303" s="65"/>
      <c r="R2303" s="76"/>
      <c r="S2303" s="76"/>
      <c r="T2303" s="76"/>
      <c r="U2303" s="76"/>
      <c r="V2303" s="76"/>
      <c r="W2303" s="76"/>
      <c r="X2303" s="76"/>
      <c r="Y2303" s="76"/>
      <c r="Z2303" s="76"/>
      <c r="AA2303" s="85"/>
      <c r="AB2303" s="85"/>
      <c r="AC2303" s="85"/>
      <c r="AD2303" s="85"/>
      <c r="AE2303" s="85"/>
      <c r="AF2303" s="85"/>
      <c r="AG2303" s="86"/>
      <c r="AH2303" s="85"/>
      <c r="AI2303" s="85"/>
      <c r="AJ2303" s="85"/>
      <c r="AK2303" s="85"/>
      <c r="AL2303" s="85"/>
      <c r="AM2303" s="92"/>
      <c r="AN2303" s="92"/>
      <c r="AO2303" s="92"/>
      <c r="AP2303" s="92"/>
      <c r="AQ2303" s="92"/>
      <c r="AR2303" s="92"/>
      <c r="AS2303" s="92"/>
      <c r="AT2303" s="92"/>
      <c r="AU2303" s="92"/>
      <c r="AV2303" s="92"/>
      <c r="AW2303" s="92"/>
      <c r="AX2303" s="92"/>
      <c r="AY2303" s="92"/>
      <c r="AZ2303" s="93"/>
      <c r="BA2303" s="93"/>
      <c r="BB2303" s="93"/>
      <c r="BC2303" s="93"/>
      <c r="BD2303" s="93"/>
      <c r="BE2303" s="93"/>
      <c r="BF2303" s="93"/>
      <c r="BG2303" s="93"/>
      <c r="BH2303" s="93"/>
      <c r="BI2303" s="93"/>
      <c r="BJ2303" s="93"/>
      <c r="BK2303" s="93"/>
      <c r="BL2303" s="93"/>
    </row>
    <row r="2304" spans="2:64" x14ac:dyDescent="0.2">
      <c r="B2304" s="43"/>
      <c r="C2304" s="73"/>
      <c r="D2304" s="64"/>
      <c r="E2304" s="55"/>
      <c r="F2304" s="74"/>
      <c r="G2304" s="74"/>
      <c r="H2304" s="74"/>
      <c r="I2304" s="75"/>
      <c r="J2304" s="74"/>
      <c r="L2304" s="55"/>
      <c r="M2304" s="234"/>
      <c r="N2304" s="65"/>
      <c r="O2304" s="76"/>
      <c r="P2304" s="76"/>
      <c r="Q2304" s="65"/>
      <c r="R2304" s="76"/>
      <c r="S2304" s="76"/>
      <c r="T2304" s="76"/>
      <c r="U2304" s="76"/>
      <c r="V2304" s="76"/>
      <c r="W2304" s="76"/>
      <c r="X2304" s="76"/>
      <c r="Y2304" s="76"/>
      <c r="Z2304" s="76"/>
      <c r="AA2304" s="85"/>
      <c r="AB2304" s="85"/>
      <c r="AC2304" s="85"/>
      <c r="AD2304" s="85"/>
      <c r="AE2304" s="85"/>
      <c r="AF2304" s="85"/>
      <c r="AG2304" s="86"/>
      <c r="AH2304" s="85"/>
      <c r="AI2304" s="85"/>
      <c r="AJ2304" s="85"/>
      <c r="AK2304" s="85"/>
      <c r="AL2304" s="85"/>
      <c r="AM2304" s="92"/>
      <c r="AN2304" s="92"/>
      <c r="AO2304" s="92"/>
      <c r="AP2304" s="92"/>
      <c r="AQ2304" s="92"/>
      <c r="AR2304" s="92"/>
      <c r="AS2304" s="92"/>
      <c r="AT2304" s="92"/>
      <c r="AU2304" s="92"/>
      <c r="AV2304" s="92"/>
      <c r="AW2304" s="92"/>
      <c r="AX2304" s="92"/>
      <c r="AY2304" s="92"/>
      <c r="AZ2304" s="93"/>
      <c r="BA2304" s="93"/>
      <c r="BB2304" s="93"/>
      <c r="BC2304" s="93"/>
      <c r="BD2304" s="93"/>
      <c r="BE2304" s="93"/>
      <c r="BF2304" s="93"/>
      <c r="BG2304" s="93"/>
      <c r="BH2304" s="93"/>
      <c r="BI2304" s="93"/>
      <c r="BJ2304" s="93"/>
      <c r="BK2304" s="93"/>
      <c r="BL2304" s="93"/>
    </row>
    <row r="2305" spans="2:64" x14ac:dyDescent="0.2">
      <c r="B2305" s="43"/>
      <c r="C2305" s="73"/>
      <c r="D2305" s="64"/>
      <c r="E2305" s="55"/>
      <c r="F2305" s="74"/>
      <c r="G2305" s="74"/>
      <c r="H2305" s="74"/>
      <c r="I2305" s="75"/>
      <c r="J2305" s="74"/>
      <c r="L2305" s="55"/>
      <c r="M2305" s="234"/>
      <c r="N2305" s="65"/>
      <c r="O2305" s="76"/>
      <c r="P2305" s="76"/>
      <c r="Q2305" s="65"/>
      <c r="R2305" s="76"/>
      <c r="S2305" s="76"/>
      <c r="T2305" s="76"/>
      <c r="U2305" s="76"/>
      <c r="V2305" s="76"/>
      <c r="W2305" s="76"/>
      <c r="X2305" s="76"/>
      <c r="Y2305" s="76"/>
      <c r="Z2305" s="76"/>
      <c r="AA2305" s="85"/>
      <c r="AB2305" s="85"/>
      <c r="AC2305" s="85"/>
      <c r="AD2305" s="85"/>
      <c r="AE2305" s="85"/>
      <c r="AF2305" s="85"/>
      <c r="AG2305" s="86"/>
      <c r="AH2305" s="85"/>
      <c r="AI2305" s="85"/>
      <c r="AJ2305" s="85"/>
      <c r="AK2305" s="85"/>
      <c r="AL2305" s="85"/>
      <c r="AM2305" s="92"/>
      <c r="AN2305" s="92"/>
      <c r="AO2305" s="92"/>
      <c r="AP2305" s="92"/>
      <c r="AQ2305" s="92"/>
      <c r="AR2305" s="92"/>
      <c r="AS2305" s="92"/>
      <c r="AT2305" s="92"/>
      <c r="AU2305" s="92"/>
      <c r="AV2305" s="92"/>
      <c r="AW2305" s="92"/>
      <c r="AX2305" s="92"/>
      <c r="AY2305" s="92"/>
      <c r="AZ2305" s="93"/>
      <c r="BA2305" s="93"/>
      <c r="BB2305" s="93"/>
      <c r="BC2305" s="93"/>
      <c r="BD2305" s="93"/>
      <c r="BE2305" s="93"/>
      <c r="BF2305" s="93"/>
      <c r="BG2305" s="93"/>
      <c r="BH2305" s="93"/>
      <c r="BI2305" s="93"/>
      <c r="BJ2305" s="93"/>
      <c r="BK2305" s="93"/>
      <c r="BL2305" s="93"/>
    </row>
    <row r="2306" spans="2:64" x14ac:dyDescent="0.2">
      <c r="B2306" s="43"/>
      <c r="C2306" s="73"/>
      <c r="D2306" s="64"/>
      <c r="E2306" s="55"/>
      <c r="F2306" s="74"/>
      <c r="G2306" s="74"/>
      <c r="H2306" s="74"/>
      <c r="I2306" s="75"/>
      <c r="J2306" s="74"/>
      <c r="L2306" s="55"/>
      <c r="M2306" s="234"/>
      <c r="N2306" s="65"/>
      <c r="O2306" s="76"/>
      <c r="P2306" s="76"/>
      <c r="Q2306" s="65"/>
      <c r="R2306" s="76"/>
      <c r="S2306" s="76"/>
      <c r="T2306" s="76"/>
      <c r="U2306" s="76"/>
      <c r="V2306" s="76"/>
      <c r="W2306" s="76"/>
      <c r="X2306" s="76"/>
      <c r="Y2306" s="76"/>
      <c r="Z2306" s="76"/>
      <c r="AA2306" s="85"/>
      <c r="AB2306" s="85"/>
      <c r="AC2306" s="85"/>
      <c r="AD2306" s="85"/>
      <c r="AE2306" s="85"/>
      <c r="AF2306" s="85"/>
      <c r="AG2306" s="86"/>
      <c r="AH2306" s="85"/>
      <c r="AI2306" s="85"/>
      <c r="AJ2306" s="85"/>
      <c r="AK2306" s="85"/>
      <c r="AL2306" s="85"/>
      <c r="AM2306" s="92"/>
      <c r="AN2306" s="92"/>
      <c r="AO2306" s="92"/>
      <c r="AP2306" s="92"/>
      <c r="AQ2306" s="92"/>
      <c r="AR2306" s="92"/>
      <c r="AS2306" s="92"/>
      <c r="AT2306" s="92"/>
      <c r="AU2306" s="92"/>
      <c r="AV2306" s="92"/>
      <c r="AW2306" s="92"/>
      <c r="AX2306" s="92"/>
      <c r="AY2306" s="92"/>
      <c r="AZ2306" s="93"/>
      <c r="BA2306" s="93"/>
      <c r="BB2306" s="93"/>
      <c r="BC2306" s="93"/>
      <c r="BD2306" s="93"/>
      <c r="BE2306" s="93"/>
      <c r="BF2306" s="93"/>
      <c r="BG2306" s="93"/>
      <c r="BH2306" s="93"/>
      <c r="BI2306" s="93"/>
      <c r="BJ2306" s="93"/>
      <c r="BK2306" s="93"/>
      <c r="BL2306" s="93"/>
    </row>
    <row r="2307" spans="2:64" x14ac:dyDescent="0.2">
      <c r="B2307" s="43"/>
      <c r="C2307" s="73"/>
      <c r="D2307" s="64"/>
      <c r="E2307" s="55"/>
      <c r="F2307" s="74"/>
      <c r="G2307" s="74"/>
      <c r="H2307" s="74"/>
      <c r="I2307" s="75"/>
      <c r="J2307" s="74"/>
      <c r="L2307" s="55"/>
      <c r="M2307" s="234"/>
      <c r="N2307" s="65"/>
      <c r="O2307" s="76"/>
      <c r="P2307" s="76"/>
      <c r="Q2307" s="65"/>
      <c r="R2307" s="76"/>
      <c r="S2307" s="76"/>
      <c r="T2307" s="76"/>
      <c r="U2307" s="76"/>
      <c r="V2307" s="76"/>
      <c r="W2307" s="76"/>
      <c r="X2307" s="76"/>
      <c r="Y2307" s="76"/>
      <c r="Z2307" s="76"/>
      <c r="AA2307" s="85"/>
      <c r="AB2307" s="85"/>
      <c r="AC2307" s="85"/>
      <c r="AD2307" s="85"/>
      <c r="AE2307" s="85"/>
      <c r="AF2307" s="85"/>
      <c r="AG2307" s="86"/>
      <c r="AH2307" s="85"/>
      <c r="AI2307" s="85"/>
      <c r="AJ2307" s="85"/>
      <c r="AK2307" s="85"/>
      <c r="AL2307" s="85"/>
      <c r="AM2307" s="92"/>
      <c r="AN2307" s="92"/>
      <c r="AO2307" s="92"/>
      <c r="AP2307" s="92"/>
      <c r="AQ2307" s="92"/>
      <c r="AR2307" s="92"/>
      <c r="AS2307" s="92"/>
      <c r="AT2307" s="92"/>
      <c r="AU2307" s="92"/>
      <c r="AV2307" s="92"/>
      <c r="AW2307" s="92"/>
      <c r="AX2307" s="92"/>
      <c r="AY2307" s="92"/>
      <c r="AZ2307" s="93"/>
      <c r="BA2307" s="93"/>
      <c r="BB2307" s="93"/>
      <c r="BC2307" s="93"/>
      <c r="BD2307" s="93"/>
      <c r="BE2307" s="93"/>
      <c r="BF2307" s="93"/>
      <c r="BG2307" s="93"/>
      <c r="BH2307" s="93"/>
      <c r="BI2307" s="93"/>
      <c r="BJ2307" s="93"/>
      <c r="BK2307" s="93"/>
      <c r="BL2307" s="93"/>
    </row>
    <row r="2308" spans="2:64" x14ac:dyDescent="0.2">
      <c r="B2308" s="43"/>
      <c r="C2308" s="73"/>
      <c r="D2308" s="64"/>
      <c r="E2308" s="55"/>
      <c r="F2308" s="74"/>
      <c r="G2308" s="74"/>
      <c r="H2308" s="74"/>
      <c r="I2308" s="75"/>
      <c r="J2308" s="74"/>
      <c r="L2308" s="55"/>
      <c r="M2308" s="234"/>
      <c r="N2308" s="65"/>
      <c r="O2308" s="76"/>
      <c r="P2308" s="76"/>
      <c r="Q2308" s="65"/>
      <c r="R2308" s="76"/>
      <c r="S2308" s="76"/>
      <c r="T2308" s="76"/>
      <c r="U2308" s="76"/>
      <c r="V2308" s="76"/>
      <c r="W2308" s="76"/>
      <c r="X2308" s="76"/>
      <c r="Y2308" s="76"/>
      <c r="Z2308" s="76"/>
      <c r="AA2308" s="85"/>
      <c r="AB2308" s="85"/>
      <c r="AC2308" s="85"/>
      <c r="AD2308" s="85"/>
      <c r="AE2308" s="85"/>
      <c r="AF2308" s="85"/>
      <c r="AG2308" s="86"/>
      <c r="AH2308" s="85"/>
      <c r="AI2308" s="85"/>
      <c r="AJ2308" s="85"/>
      <c r="AK2308" s="85"/>
      <c r="AL2308" s="85"/>
      <c r="AM2308" s="92"/>
      <c r="AN2308" s="92"/>
      <c r="AO2308" s="92"/>
      <c r="AP2308" s="92"/>
      <c r="AQ2308" s="92"/>
      <c r="AR2308" s="92"/>
      <c r="AS2308" s="92"/>
      <c r="AT2308" s="92"/>
      <c r="AU2308" s="92"/>
      <c r="AV2308" s="92"/>
      <c r="AW2308" s="92"/>
      <c r="AX2308" s="92"/>
      <c r="AY2308" s="92"/>
      <c r="AZ2308" s="93"/>
      <c r="BA2308" s="93"/>
      <c r="BB2308" s="93"/>
      <c r="BC2308" s="93"/>
      <c r="BD2308" s="93"/>
      <c r="BE2308" s="93"/>
      <c r="BF2308" s="93"/>
      <c r="BG2308" s="93"/>
      <c r="BH2308" s="93"/>
      <c r="BI2308" s="93"/>
      <c r="BJ2308" s="93"/>
      <c r="BK2308" s="93"/>
      <c r="BL2308" s="93"/>
    </row>
    <row r="2309" spans="2:64" x14ac:dyDescent="0.2">
      <c r="B2309" s="43"/>
      <c r="C2309" s="73"/>
      <c r="D2309" s="64"/>
      <c r="E2309" s="55"/>
      <c r="F2309" s="74"/>
      <c r="G2309" s="74"/>
      <c r="H2309" s="74"/>
      <c r="I2309" s="75"/>
      <c r="J2309" s="74"/>
      <c r="L2309" s="55"/>
      <c r="M2309" s="234"/>
      <c r="N2309" s="65"/>
      <c r="O2309" s="76"/>
      <c r="P2309" s="76"/>
      <c r="Q2309" s="65"/>
      <c r="R2309" s="76"/>
      <c r="S2309" s="76"/>
      <c r="T2309" s="76"/>
      <c r="U2309" s="76"/>
      <c r="V2309" s="76"/>
      <c r="W2309" s="76"/>
      <c r="X2309" s="76"/>
      <c r="Y2309" s="76"/>
      <c r="Z2309" s="76"/>
      <c r="AA2309" s="85"/>
      <c r="AB2309" s="85"/>
      <c r="AC2309" s="85"/>
      <c r="AD2309" s="85"/>
      <c r="AE2309" s="85"/>
      <c r="AF2309" s="85"/>
      <c r="AG2309" s="86"/>
      <c r="AH2309" s="85"/>
      <c r="AI2309" s="85"/>
      <c r="AJ2309" s="85"/>
      <c r="AK2309" s="85"/>
      <c r="AL2309" s="85"/>
      <c r="AM2309" s="92"/>
      <c r="AN2309" s="92"/>
      <c r="AO2309" s="92"/>
      <c r="AP2309" s="92"/>
      <c r="AQ2309" s="92"/>
      <c r="AR2309" s="92"/>
      <c r="AS2309" s="92"/>
      <c r="AT2309" s="92"/>
      <c r="AU2309" s="92"/>
      <c r="AV2309" s="92"/>
      <c r="AW2309" s="92"/>
      <c r="AX2309" s="92"/>
      <c r="AY2309" s="92"/>
      <c r="AZ2309" s="93"/>
      <c r="BA2309" s="93"/>
      <c r="BB2309" s="93"/>
      <c r="BC2309" s="93"/>
      <c r="BD2309" s="93"/>
      <c r="BE2309" s="93"/>
      <c r="BF2309" s="93"/>
      <c r="BG2309" s="93"/>
      <c r="BH2309" s="93"/>
      <c r="BI2309" s="93"/>
      <c r="BJ2309" s="93"/>
      <c r="BK2309" s="93"/>
      <c r="BL2309" s="93"/>
    </row>
    <row r="2310" spans="2:64" x14ac:dyDescent="0.2">
      <c r="B2310" s="43"/>
      <c r="C2310" s="73"/>
      <c r="D2310" s="64"/>
      <c r="E2310" s="55"/>
      <c r="F2310" s="74"/>
      <c r="G2310" s="74"/>
      <c r="H2310" s="74"/>
      <c r="I2310" s="75"/>
      <c r="J2310" s="74"/>
      <c r="L2310" s="55"/>
      <c r="M2310" s="234"/>
      <c r="N2310" s="65"/>
      <c r="O2310" s="76"/>
      <c r="P2310" s="76"/>
      <c r="Q2310" s="65"/>
      <c r="R2310" s="76"/>
      <c r="S2310" s="76"/>
      <c r="T2310" s="76"/>
      <c r="U2310" s="76"/>
      <c r="V2310" s="76"/>
      <c r="W2310" s="76"/>
      <c r="X2310" s="76"/>
      <c r="Y2310" s="76"/>
      <c r="Z2310" s="76"/>
      <c r="AA2310" s="85"/>
      <c r="AB2310" s="85"/>
      <c r="AC2310" s="85"/>
      <c r="AD2310" s="85"/>
      <c r="AE2310" s="85"/>
      <c r="AF2310" s="85"/>
      <c r="AG2310" s="86"/>
      <c r="AH2310" s="85"/>
      <c r="AI2310" s="85"/>
      <c r="AJ2310" s="85"/>
      <c r="AK2310" s="85"/>
      <c r="AL2310" s="85"/>
      <c r="AM2310" s="92"/>
      <c r="AN2310" s="92"/>
      <c r="AO2310" s="92"/>
      <c r="AP2310" s="92"/>
      <c r="AQ2310" s="92"/>
      <c r="AR2310" s="92"/>
      <c r="AS2310" s="92"/>
      <c r="AT2310" s="92"/>
      <c r="AU2310" s="92"/>
      <c r="AV2310" s="92"/>
      <c r="AW2310" s="92"/>
      <c r="AX2310" s="92"/>
      <c r="AY2310" s="92"/>
      <c r="AZ2310" s="93"/>
      <c r="BA2310" s="93"/>
      <c r="BB2310" s="93"/>
      <c r="BC2310" s="93"/>
      <c r="BD2310" s="93"/>
      <c r="BE2310" s="93"/>
      <c r="BF2310" s="93"/>
      <c r="BG2310" s="93"/>
      <c r="BH2310" s="93"/>
      <c r="BI2310" s="93"/>
      <c r="BJ2310" s="93"/>
      <c r="BK2310" s="93"/>
      <c r="BL2310" s="93"/>
    </row>
    <row r="2311" spans="2:64" x14ac:dyDescent="0.2">
      <c r="B2311" s="43"/>
      <c r="C2311" s="73"/>
      <c r="D2311" s="64"/>
      <c r="E2311" s="55"/>
      <c r="F2311" s="74"/>
      <c r="G2311" s="74"/>
      <c r="H2311" s="74"/>
      <c r="I2311" s="75"/>
      <c r="J2311" s="74"/>
      <c r="L2311" s="55"/>
      <c r="M2311" s="234"/>
      <c r="N2311" s="65"/>
      <c r="O2311" s="76"/>
      <c r="P2311" s="76"/>
      <c r="Q2311" s="65"/>
      <c r="R2311" s="76"/>
      <c r="S2311" s="76"/>
      <c r="T2311" s="76"/>
      <c r="U2311" s="76"/>
      <c r="V2311" s="76"/>
      <c r="W2311" s="76"/>
      <c r="X2311" s="76"/>
      <c r="Y2311" s="76"/>
      <c r="Z2311" s="76"/>
      <c r="AA2311" s="85"/>
      <c r="AB2311" s="85"/>
      <c r="AC2311" s="85"/>
      <c r="AD2311" s="85"/>
      <c r="AE2311" s="85"/>
      <c r="AF2311" s="85"/>
      <c r="AG2311" s="86"/>
      <c r="AH2311" s="85"/>
      <c r="AI2311" s="85"/>
      <c r="AJ2311" s="85"/>
      <c r="AK2311" s="85"/>
      <c r="AL2311" s="85"/>
      <c r="AM2311" s="92"/>
      <c r="AN2311" s="92"/>
      <c r="AO2311" s="92"/>
      <c r="AP2311" s="92"/>
      <c r="AQ2311" s="92"/>
      <c r="AR2311" s="92"/>
      <c r="AS2311" s="92"/>
      <c r="AT2311" s="92"/>
      <c r="AU2311" s="92"/>
      <c r="AV2311" s="92"/>
      <c r="AW2311" s="92"/>
      <c r="AX2311" s="92"/>
      <c r="AY2311" s="92"/>
      <c r="AZ2311" s="93"/>
      <c r="BA2311" s="93"/>
      <c r="BB2311" s="93"/>
      <c r="BC2311" s="93"/>
      <c r="BD2311" s="93"/>
      <c r="BE2311" s="93"/>
      <c r="BF2311" s="93"/>
      <c r="BG2311" s="93"/>
      <c r="BH2311" s="93"/>
      <c r="BI2311" s="93"/>
      <c r="BJ2311" s="93"/>
      <c r="BK2311" s="93"/>
      <c r="BL2311" s="93"/>
    </row>
    <row r="2312" spans="2:64" x14ac:dyDescent="0.2">
      <c r="B2312" s="43"/>
      <c r="C2312" s="73"/>
      <c r="D2312" s="64"/>
      <c r="E2312" s="55"/>
      <c r="F2312" s="74"/>
      <c r="G2312" s="74"/>
      <c r="H2312" s="74"/>
      <c r="I2312" s="75"/>
      <c r="J2312" s="74"/>
      <c r="L2312" s="55"/>
      <c r="M2312" s="234"/>
      <c r="N2312" s="65"/>
      <c r="O2312" s="76"/>
      <c r="P2312" s="76"/>
      <c r="Q2312" s="65"/>
      <c r="R2312" s="76"/>
      <c r="S2312" s="76"/>
      <c r="T2312" s="76"/>
      <c r="U2312" s="76"/>
      <c r="V2312" s="76"/>
      <c r="W2312" s="76"/>
      <c r="X2312" s="76"/>
      <c r="Y2312" s="76"/>
      <c r="Z2312" s="76"/>
      <c r="AA2312" s="85"/>
      <c r="AB2312" s="85"/>
      <c r="AC2312" s="85"/>
      <c r="AD2312" s="85"/>
      <c r="AE2312" s="85"/>
      <c r="AF2312" s="85"/>
      <c r="AG2312" s="86"/>
      <c r="AH2312" s="85"/>
      <c r="AI2312" s="85"/>
      <c r="AJ2312" s="85"/>
      <c r="AK2312" s="85"/>
      <c r="AL2312" s="85"/>
      <c r="AM2312" s="92"/>
      <c r="AN2312" s="92"/>
      <c r="AO2312" s="92"/>
      <c r="AP2312" s="92"/>
      <c r="AQ2312" s="92"/>
      <c r="AR2312" s="92"/>
      <c r="AS2312" s="92"/>
      <c r="AT2312" s="92"/>
      <c r="AU2312" s="92"/>
      <c r="AV2312" s="92"/>
      <c r="AW2312" s="92"/>
      <c r="AX2312" s="92"/>
      <c r="AY2312" s="92"/>
      <c r="AZ2312" s="93"/>
      <c r="BA2312" s="93"/>
      <c r="BB2312" s="93"/>
      <c r="BC2312" s="93"/>
      <c r="BD2312" s="93"/>
      <c r="BE2312" s="93"/>
      <c r="BF2312" s="93"/>
      <c r="BG2312" s="93"/>
      <c r="BH2312" s="93"/>
      <c r="BI2312" s="93"/>
      <c r="BJ2312" s="93"/>
      <c r="BK2312" s="93"/>
      <c r="BL2312" s="93"/>
    </row>
    <row r="2313" spans="2:64" x14ac:dyDescent="0.2">
      <c r="B2313" s="43"/>
      <c r="C2313" s="73"/>
      <c r="D2313" s="64"/>
      <c r="E2313" s="55"/>
      <c r="F2313" s="74"/>
      <c r="G2313" s="74"/>
      <c r="H2313" s="74"/>
      <c r="I2313" s="75"/>
      <c r="J2313" s="74"/>
      <c r="L2313" s="55"/>
      <c r="M2313" s="234"/>
      <c r="N2313" s="65"/>
      <c r="O2313" s="76"/>
      <c r="P2313" s="76"/>
      <c r="Q2313" s="65"/>
      <c r="R2313" s="76"/>
      <c r="S2313" s="76"/>
      <c r="T2313" s="76"/>
      <c r="U2313" s="76"/>
      <c r="V2313" s="76"/>
      <c r="W2313" s="76"/>
      <c r="X2313" s="76"/>
      <c r="Y2313" s="76"/>
      <c r="Z2313" s="76"/>
      <c r="AA2313" s="85"/>
      <c r="AB2313" s="85"/>
      <c r="AC2313" s="85"/>
      <c r="AD2313" s="85"/>
      <c r="AE2313" s="85"/>
      <c r="AF2313" s="85"/>
      <c r="AG2313" s="86"/>
      <c r="AH2313" s="85"/>
      <c r="AI2313" s="85"/>
      <c r="AJ2313" s="85"/>
      <c r="AK2313" s="85"/>
      <c r="AL2313" s="85"/>
      <c r="AM2313" s="92"/>
      <c r="AN2313" s="92"/>
      <c r="AO2313" s="92"/>
      <c r="AP2313" s="92"/>
      <c r="AQ2313" s="92"/>
      <c r="AR2313" s="92"/>
      <c r="AS2313" s="92"/>
      <c r="AT2313" s="92"/>
      <c r="AU2313" s="92"/>
      <c r="AV2313" s="92"/>
      <c r="AW2313" s="92"/>
      <c r="AX2313" s="92"/>
      <c r="AY2313" s="92"/>
      <c r="AZ2313" s="93"/>
      <c r="BA2313" s="93"/>
      <c r="BB2313" s="93"/>
      <c r="BC2313" s="93"/>
      <c r="BD2313" s="93"/>
      <c r="BE2313" s="93"/>
      <c r="BF2313" s="93"/>
      <c r="BG2313" s="93"/>
      <c r="BH2313" s="93"/>
      <c r="BI2313" s="93"/>
      <c r="BJ2313" s="93"/>
      <c r="BK2313" s="93"/>
      <c r="BL2313" s="93"/>
    </row>
    <row r="2314" spans="2:64" x14ac:dyDescent="0.2">
      <c r="B2314" s="43"/>
      <c r="C2314" s="73"/>
      <c r="D2314" s="64"/>
      <c r="E2314" s="55"/>
      <c r="F2314" s="74"/>
      <c r="G2314" s="74"/>
      <c r="H2314" s="74"/>
      <c r="I2314" s="75"/>
      <c r="J2314" s="74"/>
      <c r="L2314" s="55"/>
      <c r="M2314" s="234"/>
      <c r="N2314" s="65"/>
      <c r="O2314" s="76"/>
      <c r="P2314" s="76"/>
      <c r="Q2314" s="65"/>
      <c r="R2314" s="76"/>
      <c r="S2314" s="76"/>
      <c r="T2314" s="76"/>
      <c r="U2314" s="76"/>
      <c r="V2314" s="76"/>
      <c r="W2314" s="76"/>
      <c r="X2314" s="76"/>
      <c r="Y2314" s="76"/>
      <c r="Z2314" s="76"/>
      <c r="AA2314" s="85"/>
      <c r="AB2314" s="85"/>
      <c r="AC2314" s="85"/>
      <c r="AD2314" s="85"/>
      <c r="AE2314" s="85"/>
      <c r="AF2314" s="85"/>
      <c r="AG2314" s="86"/>
      <c r="AH2314" s="85"/>
      <c r="AI2314" s="85"/>
      <c r="AJ2314" s="85"/>
      <c r="AK2314" s="85"/>
      <c r="AL2314" s="85"/>
      <c r="AM2314" s="92"/>
      <c r="AN2314" s="92"/>
      <c r="AO2314" s="92"/>
      <c r="AP2314" s="92"/>
      <c r="AQ2314" s="92"/>
      <c r="AR2314" s="92"/>
      <c r="AS2314" s="92"/>
      <c r="AT2314" s="92"/>
      <c r="AU2314" s="92"/>
      <c r="AV2314" s="92"/>
      <c r="AW2314" s="92"/>
      <c r="AX2314" s="92"/>
      <c r="AY2314" s="92"/>
      <c r="AZ2314" s="93"/>
      <c r="BA2314" s="93"/>
      <c r="BB2314" s="93"/>
      <c r="BC2314" s="93"/>
      <c r="BD2314" s="93"/>
      <c r="BE2314" s="93"/>
      <c r="BF2314" s="93"/>
      <c r="BG2314" s="93"/>
      <c r="BH2314" s="93"/>
      <c r="BI2314" s="93"/>
      <c r="BJ2314" s="93"/>
      <c r="BK2314" s="93"/>
      <c r="BL2314" s="93"/>
    </row>
    <row r="2315" spans="2:64" x14ac:dyDescent="0.2">
      <c r="B2315" s="43"/>
      <c r="C2315" s="73"/>
      <c r="D2315" s="64"/>
      <c r="E2315" s="55"/>
      <c r="F2315" s="74"/>
      <c r="G2315" s="74"/>
      <c r="H2315" s="74"/>
      <c r="I2315" s="75"/>
      <c r="J2315" s="74"/>
      <c r="L2315" s="55"/>
      <c r="M2315" s="234"/>
      <c r="N2315" s="65"/>
      <c r="O2315" s="76"/>
      <c r="P2315" s="76"/>
      <c r="Q2315" s="65"/>
      <c r="R2315" s="76"/>
      <c r="S2315" s="76"/>
      <c r="T2315" s="76"/>
      <c r="U2315" s="76"/>
      <c r="V2315" s="76"/>
      <c r="W2315" s="76"/>
      <c r="X2315" s="76"/>
      <c r="Y2315" s="76"/>
      <c r="Z2315" s="76"/>
      <c r="AA2315" s="85"/>
      <c r="AB2315" s="85"/>
      <c r="AC2315" s="85"/>
      <c r="AD2315" s="85"/>
      <c r="AE2315" s="85"/>
      <c r="AF2315" s="85"/>
      <c r="AG2315" s="86"/>
      <c r="AH2315" s="85"/>
      <c r="AI2315" s="85"/>
      <c r="AJ2315" s="85"/>
      <c r="AK2315" s="85"/>
      <c r="AL2315" s="85"/>
      <c r="AM2315" s="92"/>
      <c r="AN2315" s="92"/>
      <c r="AO2315" s="92"/>
      <c r="AP2315" s="92"/>
      <c r="AQ2315" s="92"/>
      <c r="AR2315" s="92"/>
      <c r="AS2315" s="92"/>
      <c r="AT2315" s="92"/>
      <c r="AU2315" s="92"/>
      <c r="AV2315" s="92"/>
      <c r="AW2315" s="92"/>
      <c r="AX2315" s="92"/>
      <c r="AY2315" s="92"/>
      <c r="AZ2315" s="93"/>
      <c r="BA2315" s="93"/>
      <c r="BB2315" s="93"/>
      <c r="BC2315" s="93"/>
      <c r="BD2315" s="93"/>
      <c r="BE2315" s="93"/>
      <c r="BF2315" s="93"/>
      <c r="BG2315" s="93"/>
      <c r="BH2315" s="93"/>
      <c r="BI2315" s="93"/>
      <c r="BJ2315" s="93"/>
      <c r="BK2315" s="93"/>
      <c r="BL2315" s="93"/>
    </row>
    <row r="2316" spans="2:64" x14ac:dyDescent="0.2">
      <c r="B2316" s="43"/>
      <c r="C2316" s="73"/>
      <c r="D2316" s="64"/>
      <c r="E2316" s="55"/>
      <c r="F2316" s="74"/>
      <c r="G2316" s="74"/>
      <c r="H2316" s="74"/>
      <c r="I2316" s="75"/>
      <c r="J2316" s="74"/>
      <c r="L2316" s="55"/>
      <c r="M2316" s="234"/>
      <c r="N2316" s="65"/>
      <c r="O2316" s="76"/>
      <c r="P2316" s="76"/>
      <c r="Q2316" s="65"/>
      <c r="R2316" s="76"/>
      <c r="S2316" s="76"/>
      <c r="T2316" s="76"/>
      <c r="U2316" s="76"/>
      <c r="V2316" s="76"/>
      <c r="W2316" s="76"/>
      <c r="X2316" s="76"/>
      <c r="Y2316" s="76"/>
      <c r="Z2316" s="76"/>
      <c r="AA2316" s="85"/>
      <c r="AB2316" s="85"/>
      <c r="AC2316" s="85"/>
      <c r="AD2316" s="85"/>
      <c r="AE2316" s="85"/>
      <c r="AF2316" s="85"/>
      <c r="AG2316" s="86"/>
      <c r="AH2316" s="85"/>
      <c r="AI2316" s="85"/>
      <c r="AJ2316" s="85"/>
      <c r="AK2316" s="85"/>
      <c r="AL2316" s="85"/>
      <c r="AM2316" s="92"/>
      <c r="AN2316" s="92"/>
      <c r="AO2316" s="92"/>
      <c r="AP2316" s="92"/>
      <c r="AQ2316" s="92"/>
      <c r="AR2316" s="92"/>
      <c r="AS2316" s="92"/>
      <c r="AT2316" s="92"/>
      <c r="AU2316" s="92"/>
      <c r="AV2316" s="92"/>
      <c r="AW2316" s="92"/>
      <c r="AX2316" s="92"/>
      <c r="AY2316" s="92"/>
      <c r="AZ2316" s="93"/>
      <c r="BA2316" s="93"/>
      <c r="BB2316" s="93"/>
      <c r="BC2316" s="93"/>
      <c r="BD2316" s="93"/>
      <c r="BE2316" s="93"/>
      <c r="BF2316" s="93"/>
      <c r="BG2316" s="93"/>
      <c r="BH2316" s="93"/>
      <c r="BI2316" s="93"/>
      <c r="BJ2316" s="93"/>
      <c r="BK2316" s="93"/>
      <c r="BL2316" s="93"/>
    </row>
    <row r="2317" spans="2:64" x14ac:dyDescent="0.2">
      <c r="B2317" s="43"/>
      <c r="C2317" s="73"/>
      <c r="D2317" s="64"/>
      <c r="E2317" s="55"/>
      <c r="F2317" s="74"/>
      <c r="G2317" s="74"/>
      <c r="H2317" s="74"/>
      <c r="I2317" s="75"/>
      <c r="J2317" s="74"/>
      <c r="L2317" s="55"/>
      <c r="M2317" s="234"/>
      <c r="N2317" s="65"/>
      <c r="O2317" s="76"/>
      <c r="P2317" s="76"/>
      <c r="Q2317" s="65"/>
      <c r="R2317" s="76"/>
      <c r="S2317" s="76"/>
      <c r="T2317" s="76"/>
      <c r="U2317" s="76"/>
      <c r="V2317" s="76"/>
      <c r="W2317" s="76"/>
      <c r="X2317" s="76"/>
      <c r="Y2317" s="76"/>
      <c r="Z2317" s="76"/>
      <c r="AA2317" s="85"/>
      <c r="AB2317" s="85"/>
      <c r="AC2317" s="85"/>
      <c r="AD2317" s="85"/>
      <c r="AE2317" s="85"/>
      <c r="AF2317" s="85"/>
      <c r="AG2317" s="86"/>
      <c r="AH2317" s="85"/>
      <c r="AI2317" s="85"/>
      <c r="AJ2317" s="85"/>
      <c r="AK2317" s="85"/>
      <c r="AL2317" s="85"/>
      <c r="AM2317" s="92"/>
      <c r="AN2317" s="92"/>
      <c r="AO2317" s="92"/>
      <c r="AP2317" s="92"/>
      <c r="AQ2317" s="92"/>
      <c r="AR2317" s="92"/>
      <c r="AS2317" s="92"/>
      <c r="AT2317" s="92"/>
      <c r="AU2317" s="92"/>
      <c r="AV2317" s="92"/>
      <c r="AW2317" s="92"/>
      <c r="AX2317" s="92"/>
      <c r="AY2317" s="92"/>
      <c r="AZ2317" s="93"/>
      <c r="BA2317" s="93"/>
      <c r="BB2317" s="93"/>
      <c r="BC2317" s="93"/>
      <c r="BD2317" s="93"/>
      <c r="BE2317" s="93"/>
      <c r="BF2317" s="93"/>
      <c r="BG2317" s="93"/>
      <c r="BH2317" s="93"/>
      <c r="BI2317" s="93"/>
      <c r="BJ2317" s="93"/>
      <c r="BK2317" s="93"/>
      <c r="BL2317" s="93"/>
    </row>
    <row r="2318" spans="2:64" x14ac:dyDescent="0.2">
      <c r="B2318" s="43"/>
      <c r="C2318" s="73"/>
      <c r="D2318" s="64"/>
      <c r="E2318" s="55"/>
      <c r="F2318" s="74"/>
      <c r="G2318" s="74"/>
      <c r="H2318" s="74"/>
      <c r="I2318" s="75"/>
      <c r="J2318" s="74"/>
      <c r="L2318" s="55"/>
      <c r="M2318" s="234"/>
      <c r="N2318" s="65"/>
      <c r="O2318" s="76"/>
      <c r="P2318" s="76"/>
      <c r="Q2318" s="65"/>
      <c r="R2318" s="76"/>
      <c r="S2318" s="76"/>
      <c r="T2318" s="76"/>
      <c r="U2318" s="76"/>
      <c r="V2318" s="76"/>
      <c r="W2318" s="76"/>
      <c r="X2318" s="76"/>
      <c r="Y2318" s="76"/>
      <c r="Z2318" s="76"/>
      <c r="AA2318" s="85"/>
      <c r="AB2318" s="85"/>
      <c r="AC2318" s="85"/>
      <c r="AD2318" s="85"/>
      <c r="AE2318" s="85"/>
      <c r="AF2318" s="85"/>
      <c r="AG2318" s="86"/>
      <c r="AH2318" s="85"/>
      <c r="AI2318" s="85"/>
      <c r="AJ2318" s="85"/>
      <c r="AK2318" s="85"/>
      <c r="AL2318" s="85"/>
      <c r="AM2318" s="92"/>
      <c r="AN2318" s="92"/>
      <c r="AO2318" s="92"/>
      <c r="AP2318" s="92"/>
      <c r="AQ2318" s="92"/>
      <c r="AR2318" s="92"/>
      <c r="AS2318" s="92"/>
      <c r="AT2318" s="92"/>
      <c r="AU2318" s="92"/>
      <c r="AV2318" s="92"/>
      <c r="AW2318" s="92"/>
      <c r="AX2318" s="92"/>
      <c r="AY2318" s="92"/>
      <c r="AZ2318" s="93"/>
      <c r="BA2318" s="93"/>
      <c r="BB2318" s="93"/>
      <c r="BC2318" s="93"/>
      <c r="BD2318" s="93"/>
      <c r="BE2318" s="93"/>
      <c r="BF2318" s="93"/>
      <c r="BG2318" s="93"/>
      <c r="BH2318" s="93"/>
      <c r="BI2318" s="93"/>
      <c r="BJ2318" s="93"/>
      <c r="BK2318" s="93"/>
      <c r="BL2318" s="93"/>
    </row>
    <row r="2319" spans="2:64" x14ac:dyDescent="0.2">
      <c r="B2319" s="43"/>
      <c r="C2319" s="73"/>
      <c r="D2319" s="64"/>
      <c r="E2319" s="55"/>
      <c r="F2319" s="74"/>
      <c r="G2319" s="74"/>
      <c r="H2319" s="74"/>
      <c r="I2319" s="75"/>
      <c r="J2319" s="74"/>
      <c r="L2319" s="55"/>
      <c r="M2319" s="234"/>
      <c r="N2319" s="65"/>
      <c r="O2319" s="76"/>
      <c r="P2319" s="76"/>
      <c r="Q2319" s="65"/>
      <c r="R2319" s="76"/>
      <c r="S2319" s="76"/>
      <c r="T2319" s="76"/>
      <c r="U2319" s="76"/>
      <c r="V2319" s="76"/>
      <c r="W2319" s="76"/>
      <c r="X2319" s="76"/>
      <c r="Y2319" s="76"/>
      <c r="Z2319" s="76"/>
      <c r="AA2319" s="85"/>
      <c r="AB2319" s="85"/>
      <c r="AC2319" s="85"/>
      <c r="AD2319" s="85"/>
      <c r="AE2319" s="85"/>
      <c r="AF2319" s="85"/>
      <c r="AG2319" s="86"/>
      <c r="AH2319" s="85"/>
      <c r="AI2319" s="85"/>
      <c r="AJ2319" s="85"/>
      <c r="AK2319" s="85"/>
      <c r="AL2319" s="85"/>
      <c r="AM2319" s="92"/>
      <c r="AN2319" s="92"/>
      <c r="AO2319" s="92"/>
      <c r="AP2319" s="92"/>
      <c r="AQ2319" s="92"/>
      <c r="AR2319" s="92"/>
      <c r="AS2319" s="92"/>
      <c r="AT2319" s="92"/>
      <c r="AU2319" s="92"/>
      <c r="AV2319" s="92"/>
      <c r="AW2319" s="92"/>
      <c r="AX2319" s="92"/>
      <c r="AY2319" s="92"/>
      <c r="AZ2319" s="93"/>
      <c r="BA2319" s="93"/>
      <c r="BB2319" s="93"/>
      <c r="BC2319" s="93"/>
      <c r="BD2319" s="93"/>
      <c r="BE2319" s="93"/>
      <c r="BF2319" s="93"/>
      <c r="BG2319" s="93"/>
      <c r="BH2319" s="93"/>
      <c r="BI2319" s="93"/>
      <c r="BJ2319" s="93"/>
      <c r="BK2319" s="93"/>
      <c r="BL2319" s="93"/>
    </row>
    <row r="2320" spans="2:64" x14ac:dyDescent="0.2">
      <c r="B2320" s="43"/>
      <c r="C2320" s="73"/>
      <c r="D2320" s="64"/>
      <c r="E2320" s="55"/>
      <c r="F2320" s="74"/>
      <c r="G2320" s="74"/>
      <c r="H2320" s="74"/>
      <c r="I2320" s="75"/>
      <c r="J2320" s="74"/>
      <c r="L2320" s="55"/>
      <c r="M2320" s="234"/>
      <c r="N2320" s="65"/>
      <c r="O2320" s="76"/>
      <c r="P2320" s="76"/>
      <c r="Q2320" s="65"/>
      <c r="R2320" s="76"/>
      <c r="S2320" s="76"/>
      <c r="T2320" s="76"/>
      <c r="U2320" s="76"/>
      <c r="V2320" s="76"/>
      <c r="W2320" s="76"/>
      <c r="X2320" s="76"/>
      <c r="Y2320" s="76"/>
      <c r="Z2320" s="76"/>
      <c r="AA2320" s="85"/>
      <c r="AB2320" s="85"/>
      <c r="AC2320" s="85"/>
      <c r="AD2320" s="85"/>
      <c r="AE2320" s="85"/>
      <c r="AF2320" s="85"/>
      <c r="AG2320" s="86"/>
      <c r="AH2320" s="85"/>
      <c r="AI2320" s="85"/>
      <c r="AJ2320" s="85"/>
      <c r="AK2320" s="85"/>
      <c r="AL2320" s="85"/>
      <c r="AM2320" s="92"/>
      <c r="AN2320" s="92"/>
      <c r="AO2320" s="92"/>
      <c r="AP2320" s="92"/>
      <c r="AQ2320" s="92"/>
      <c r="AR2320" s="92"/>
      <c r="AS2320" s="92"/>
      <c r="AT2320" s="92"/>
      <c r="AU2320" s="92"/>
      <c r="AV2320" s="92"/>
      <c r="AW2320" s="92"/>
      <c r="AX2320" s="92"/>
      <c r="AY2320" s="92"/>
      <c r="AZ2320" s="93"/>
      <c r="BA2320" s="93"/>
      <c r="BB2320" s="93"/>
      <c r="BC2320" s="93"/>
      <c r="BD2320" s="93"/>
      <c r="BE2320" s="93"/>
      <c r="BF2320" s="93"/>
      <c r="BG2320" s="93"/>
      <c r="BH2320" s="93"/>
      <c r="BI2320" s="93"/>
      <c r="BJ2320" s="93"/>
      <c r="BK2320" s="93"/>
      <c r="BL2320" s="93"/>
    </row>
    <row r="2321" spans="2:64" x14ac:dyDescent="0.2">
      <c r="B2321" s="43"/>
      <c r="C2321" s="73"/>
      <c r="D2321" s="64"/>
      <c r="E2321" s="55"/>
      <c r="F2321" s="74"/>
      <c r="G2321" s="74"/>
      <c r="H2321" s="74"/>
      <c r="I2321" s="75"/>
      <c r="J2321" s="74"/>
      <c r="L2321" s="55"/>
      <c r="M2321" s="234"/>
      <c r="N2321" s="65"/>
      <c r="O2321" s="76"/>
      <c r="P2321" s="76"/>
      <c r="Q2321" s="65"/>
      <c r="R2321" s="76"/>
      <c r="S2321" s="76"/>
      <c r="T2321" s="76"/>
      <c r="U2321" s="76"/>
      <c r="V2321" s="76"/>
      <c r="W2321" s="76"/>
      <c r="X2321" s="76"/>
      <c r="Y2321" s="76"/>
      <c r="Z2321" s="76"/>
      <c r="AA2321" s="85"/>
      <c r="AB2321" s="85"/>
      <c r="AC2321" s="85"/>
      <c r="AD2321" s="85"/>
      <c r="AE2321" s="85"/>
      <c r="AF2321" s="85"/>
      <c r="AG2321" s="86"/>
      <c r="AH2321" s="85"/>
      <c r="AI2321" s="85"/>
      <c r="AJ2321" s="85"/>
      <c r="AK2321" s="85"/>
      <c r="AL2321" s="85"/>
      <c r="AM2321" s="92"/>
      <c r="AN2321" s="92"/>
      <c r="AO2321" s="92"/>
      <c r="AP2321" s="92"/>
      <c r="AQ2321" s="92"/>
      <c r="AR2321" s="92"/>
      <c r="AS2321" s="92"/>
      <c r="AT2321" s="92"/>
      <c r="AU2321" s="92"/>
      <c r="AV2321" s="92"/>
      <c r="AW2321" s="92"/>
      <c r="AX2321" s="92"/>
      <c r="AY2321" s="92"/>
      <c r="AZ2321" s="93"/>
      <c r="BA2321" s="93"/>
      <c r="BB2321" s="93"/>
      <c r="BC2321" s="93"/>
      <c r="BD2321" s="93"/>
      <c r="BE2321" s="93"/>
      <c r="BF2321" s="93"/>
      <c r="BG2321" s="93"/>
      <c r="BH2321" s="93"/>
      <c r="BI2321" s="93"/>
      <c r="BJ2321" s="93"/>
      <c r="BK2321" s="93"/>
      <c r="BL2321" s="93"/>
    </row>
    <row r="2322" spans="2:64" x14ac:dyDescent="0.2">
      <c r="B2322" s="43"/>
      <c r="C2322" s="73"/>
      <c r="D2322" s="64"/>
      <c r="E2322" s="55"/>
      <c r="F2322" s="74"/>
      <c r="G2322" s="74"/>
      <c r="H2322" s="74"/>
      <c r="I2322" s="75"/>
      <c r="J2322" s="74"/>
      <c r="L2322" s="55"/>
      <c r="M2322" s="234"/>
      <c r="N2322" s="65"/>
      <c r="O2322" s="76"/>
      <c r="P2322" s="76"/>
      <c r="Q2322" s="65"/>
      <c r="R2322" s="76"/>
      <c r="S2322" s="76"/>
      <c r="T2322" s="76"/>
      <c r="U2322" s="76"/>
      <c r="V2322" s="76"/>
      <c r="W2322" s="76"/>
      <c r="X2322" s="76"/>
      <c r="Y2322" s="76"/>
      <c r="Z2322" s="76"/>
      <c r="AA2322" s="85"/>
      <c r="AB2322" s="85"/>
      <c r="AC2322" s="85"/>
      <c r="AD2322" s="85"/>
      <c r="AE2322" s="85"/>
      <c r="AF2322" s="85"/>
      <c r="AG2322" s="86"/>
      <c r="AH2322" s="85"/>
      <c r="AI2322" s="85"/>
      <c r="AJ2322" s="85"/>
      <c r="AK2322" s="85"/>
      <c r="AL2322" s="85"/>
      <c r="AM2322" s="92"/>
      <c r="AN2322" s="92"/>
      <c r="AO2322" s="92"/>
      <c r="AP2322" s="92"/>
      <c r="AQ2322" s="92"/>
      <c r="AR2322" s="92"/>
      <c r="AS2322" s="92"/>
      <c r="AT2322" s="92"/>
      <c r="AU2322" s="92"/>
      <c r="AV2322" s="92"/>
      <c r="AW2322" s="92"/>
      <c r="AX2322" s="92"/>
      <c r="AY2322" s="92"/>
      <c r="AZ2322" s="93"/>
      <c r="BA2322" s="93"/>
      <c r="BB2322" s="93"/>
      <c r="BC2322" s="93"/>
      <c r="BD2322" s="93"/>
      <c r="BE2322" s="93"/>
      <c r="BF2322" s="93"/>
      <c r="BG2322" s="93"/>
      <c r="BH2322" s="93"/>
      <c r="BI2322" s="93"/>
      <c r="BJ2322" s="93"/>
      <c r="BK2322" s="93"/>
      <c r="BL2322" s="93"/>
    </row>
    <row r="2323" spans="2:64" x14ac:dyDescent="0.2">
      <c r="B2323" s="43"/>
      <c r="C2323" s="73"/>
      <c r="D2323" s="64"/>
      <c r="E2323" s="55"/>
      <c r="F2323" s="74"/>
      <c r="G2323" s="74"/>
      <c r="H2323" s="74"/>
      <c r="I2323" s="75"/>
      <c r="J2323" s="74"/>
      <c r="L2323" s="55"/>
      <c r="M2323" s="234"/>
      <c r="N2323" s="65"/>
      <c r="O2323" s="76"/>
      <c r="P2323" s="76"/>
      <c r="Q2323" s="65"/>
      <c r="R2323" s="76"/>
      <c r="S2323" s="76"/>
      <c r="T2323" s="76"/>
      <c r="U2323" s="76"/>
      <c r="V2323" s="76"/>
      <c r="W2323" s="76"/>
      <c r="X2323" s="76"/>
      <c r="Y2323" s="76"/>
      <c r="Z2323" s="76"/>
      <c r="AA2323" s="85"/>
      <c r="AB2323" s="85"/>
      <c r="AC2323" s="85"/>
      <c r="AD2323" s="85"/>
      <c r="AE2323" s="85"/>
      <c r="AF2323" s="85"/>
      <c r="AG2323" s="86"/>
      <c r="AH2323" s="85"/>
      <c r="AI2323" s="85"/>
      <c r="AJ2323" s="85"/>
      <c r="AK2323" s="85"/>
      <c r="AL2323" s="85"/>
      <c r="AM2323" s="92"/>
      <c r="AN2323" s="92"/>
      <c r="AO2323" s="92"/>
      <c r="AP2323" s="92"/>
      <c r="AQ2323" s="92"/>
      <c r="AR2323" s="92"/>
      <c r="AS2323" s="92"/>
      <c r="AT2323" s="92"/>
      <c r="AU2323" s="92"/>
      <c r="AV2323" s="92"/>
      <c r="AW2323" s="92"/>
      <c r="AX2323" s="92"/>
      <c r="AY2323" s="92"/>
      <c r="AZ2323" s="93"/>
      <c r="BA2323" s="93"/>
      <c r="BB2323" s="93"/>
      <c r="BC2323" s="93"/>
      <c r="BD2323" s="93"/>
      <c r="BE2323" s="93"/>
      <c r="BF2323" s="93"/>
      <c r="BG2323" s="93"/>
      <c r="BH2323" s="93"/>
      <c r="BI2323" s="93"/>
      <c r="BJ2323" s="93"/>
      <c r="BK2323" s="93"/>
      <c r="BL2323" s="93"/>
    </row>
    <row r="2324" spans="2:64" x14ac:dyDescent="0.2">
      <c r="B2324" s="43"/>
      <c r="C2324" s="73"/>
      <c r="D2324" s="64"/>
      <c r="E2324" s="55"/>
      <c r="F2324" s="74"/>
      <c r="G2324" s="74"/>
      <c r="H2324" s="74"/>
      <c r="I2324" s="75"/>
      <c r="J2324" s="74"/>
      <c r="L2324" s="55"/>
      <c r="M2324" s="234"/>
      <c r="N2324" s="65"/>
      <c r="O2324" s="76"/>
      <c r="P2324" s="76"/>
      <c r="Q2324" s="65"/>
      <c r="R2324" s="76"/>
      <c r="S2324" s="76"/>
      <c r="T2324" s="76"/>
      <c r="U2324" s="76"/>
      <c r="V2324" s="76"/>
      <c r="W2324" s="76"/>
      <c r="X2324" s="76"/>
      <c r="Y2324" s="76"/>
      <c r="Z2324" s="76"/>
      <c r="AA2324" s="85"/>
      <c r="AB2324" s="85"/>
      <c r="AC2324" s="85"/>
      <c r="AD2324" s="85"/>
      <c r="AE2324" s="85"/>
      <c r="AF2324" s="85"/>
      <c r="AG2324" s="86"/>
      <c r="AH2324" s="85"/>
      <c r="AI2324" s="85"/>
      <c r="AJ2324" s="85"/>
      <c r="AK2324" s="85"/>
      <c r="AL2324" s="85"/>
      <c r="AM2324" s="92"/>
      <c r="AN2324" s="92"/>
      <c r="AO2324" s="92"/>
      <c r="AP2324" s="92"/>
      <c r="AQ2324" s="92"/>
      <c r="AR2324" s="92"/>
      <c r="AS2324" s="92"/>
      <c r="AT2324" s="92"/>
      <c r="AU2324" s="92"/>
      <c r="AV2324" s="92"/>
      <c r="AW2324" s="92"/>
      <c r="AX2324" s="92"/>
      <c r="AY2324" s="92"/>
      <c r="AZ2324" s="93"/>
      <c r="BA2324" s="93"/>
      <c r="BB2324" s="93"/>
      <c r="BC2324" s="93"/>
      <c r="BD2324" s="93"/>
      <c r="BE2324" s="93"/>
      <c r="BF2324" s="93"/>
      <c r="BG2324" s="93"/>
      <c r="BH2324" s="93"/>
      <c r="BI2324" s="93"/>
      <c r="BJ2324" s="93"/>
      <c r="BK2324" s="93"/>
      <c r="BL2324" s="93"/>
    </row>
    <row r="2325" spans="2:64" x14ac:dyDescent="0.2">
      <c r="B2325" s="43"/>
      <c r="C2325" s="73"/>
      <c r="D2325" s="64"/>
      <c r="E2325" s="55"/>
      <c r="F2325" s="74"/>
      <c r="G2325" s="74"/>
      <c r="H2325" s="74"/>
      <c r="I2325" s="75"/>
      <c r="J2325" s="74"/>
      <c r="L2325" s="55"/>
      <c r="M2325" s="234"/>
      <c r="N2325" s="65"/>
      <c r="O2325" s="76"/>
      <c r="P2325" s="76"/>
      <c r="Q2325" s="65"/>
      <c r="R2325" s="76"/>
      <c r="S2325" s="76"/>
      <c r="T2325" s="76"/>
      <c r="U2325" s="76"/>
      <c r="V2325" s="76"/>
      <c r="W2325" s="76"/>
      <c r="X2325" s="76"/>
      <c r="Y2325" s="76"/>
      <c r="Z2325" s="76"/>
      <c r="AA2325" s="85"/>
      <c r="AB2325" s="85"/>
      <c r="AC2325" s="85"/>
      <c r="AD2325" s="85"/>
      <c r="AE2325" s="85"/>
      <c r="AF2325" s="85"/>
      <c r="AG2325" s="86"/>
      <c r="AH2325" s="85"/>
      <c r="AI2325" s="85"/>
      <c r="AJ2325" s="85"/>
      <c r="AK2325" s="85"/>
      <c r="AL2325" s="85"/>
      <c r="AM2325" s="92"/>
      <c r="AN2325" s="92"/>
      <c r="AO2325" s="92"/>
      <c r="AP2325" s="92"/>
      <c r="AQ2325" s="92"/>
      <c r="AR2325" s="92"/>
      <c r="AS2325" s="92"/>
      <c r="AT2325" s="92"/>
      <c r="AU2325" s="92"/>
      <c r="AV2325" s="92"/>
      <c r="AW2325" s="92"/>
      <c r="AX2325" s="92"/>
      <c r="AY2325" s="92"/>
      <c r="AZ2325" s="93"/>
      <c r="BA2325" s="93"/>
      <c r="BB2325" s="93"/>
      <c r="BC2325" s="93"/>
      <c r="BD2325" s="93"/>
      <c r="BE2325" s="93"/>
      <c r="BF2325" s="93"/>
      <c r="BG2325" s="93"/>
      <c r="BH2325" s="93"/>
      <c r="BI2325" s="93"/>
      <c r="BJ2325" s="93"/>
      <c r="BK2325" s="93"/>
      <c r="BL2325" s="93"/>
    </row>
    <row r="2326" spans="2:64" x14ac:dyDescent="0.2">
      <c r="B2326" s="43"/>
      <c r="C2326" s="73"/>
      <c r="D2326" s="64"/>
      <c r="E2326" s="55"/>
      <c r="F2326" s="74"/>
      <c r="G2326" s="74"/>
      <c r="H2326" s="74"/>
      <c r="I2326" s="75"/>
      <c r="J2326" s="74"/>
      <c r="L2326" s="55"/>
      <c r="M2326" s="234"/>
      <c r="N2326" s="65"/>
      <c r="O2326" s="76"/>
      <c r="P2326" s="76"/>
      <c r="Q2326" s="65"/>
      <c r="R2326" s="76"/>
      <c r="S2326" s="76"/>
      <c r="T2326" s="76"/>
      <c r="U2326" s="76"/>
      <c r="V2326" s="76"/>
      <c r="W2326" s="76"/>
      <c r="X2326" s="76"/>
      <c r="Y2326" s="76"/>
      <c r="Z2326" s="76"/>
      <c r="AA2326" s="85"/>
      <c r="AB2326" s="85"/>
      <c r="AC2326" s="85"/>
      <c r="AD2326" s="85"/>
      <c r="AE2326" s="85"/>
      <c r="AF2326" s="85"/>
      <c r="AG2326" s="86"/>
      <c r="AH2326" s="85"/>
      <c r="AI2326" s="85"/>
      <c r="AJ2326" s="85"/>
      <c r="AK2326" s="85"/>
      <c r="AL2326" s="85"/>
      <c r="AM2326" s="92"/>
      <c r="AN2326" s="92"/>
      <c r="AO2326" s="92"/>
      <c r="AP2326" s="92"/>
      <c r="AQ2326" s="92"/>
      <c r="AR2326" s="92"/>
      <c r="AS2326" s="92"/>
      <c r="AT2326" s="92"/>
      <c r="AU2326" s="92"/>
      <c r="AV2326" s="92"/>
      <c r="AW2326" s="92"/>
      <c r="AX2326" s="92"/>
      <c r="AY2326" s="92"/>
      <c r="AZ2326" s="93"/>
      <c r="BA2326" s="93"/>
      <c r="BB2326" s="93"/>
      <c r="BC2326" s="93"/>
      <c r="BD2326" s="93"/>
      <c r="BE2326" s="93"/>
      <c r="BF2326" s="93"/>
      <c r="BG2326" s="93"/>
      <c r="BH2326" s="93"/>
      <c r="BI2326" s="93"/>
      <c r="BJ2326" s="93"/>
      <c r="BK2326" s="93"/>
      <c r="BL2326" s="93"/>
    </row>
    <row r="2327" spans="2:64" x14ac:dyDescent="0.2">
      <c r="B2327" s="43"/>
      <c r="C2327" s="73"/>
      <c r="D2327" s="64"/>
      <c r="E2327" s="55"/>
      <c r="F2327" s="74"/>
      <c r="G2327" s="74"/>
      <c r="H2327" s="74"/>
      <c r="I2327" s="75"/>
      <c r="J2327" s="74"/>
      <c r="L2327" s="55"/>
      <c r="M2327" s="234"/>
      <c r="N2327" s="65"/>
      <c r="O2327" s="76"/>
      <c r="P2327" s="76"/>
      <c r="Q2327" s="65"/>
      <c r="R2327" s="76"/>
      <c r="S2327" s="76"/>
      <c r="T2327" s="76"/>
      <c r="U2327" s="76"/>
      <c r="V2327" s="76"/>
      <c r="W2327" s="76"/>
      <c r="X2327" s="76"/>
      <c r="Y2327" s="76"/>
      <c r="Z2327" s="76"/>
      <c r="AA2327" s="85"/>
      <c r="AB2327" s="85"/>
      <c r="AC2327" s="85"/>
      <c r="AD2327" s="85"/>
      <c r="AE2327" s="85"/>
      <c r="AF2327" s="85"/>
      <c r="AG2327" s="86"/>
      <c r="AH2327" s="85"/>
      <c r="AI2327" s="85"/>
      <c r="AJ2327" s="85"/>
      <c r="AK2327" s="85"/>
      <c r="AL2327" s="85"/>
      <c r="AM2327" s="92"/>
      <c r="AN2327" s="92"/>
      <c r="AO2327" s="92"/>
      <c r="AP2327" s="92"/>
      <c r="AQ2327" s="92"/>
      <c r="AR2327" s="92"/>
      <c r="AS2327" s="92"/>
      <c r="AT2327" s="92"/>
      <c r="AU2327" s="92"/>
      <c r="AV2327" s="92"/>
      <c r="AW2327" s="92"/>
      <c r="AX2327" s="92"/>
      <c r="AY2327" s="92"/>
      <c r="AZ2327" s="93"/>
      <c r="BA2327" s="93"/>
      <c r="BB2327" s="93"/>
      <c r="BC2327" s="93"/>
      <c r="BD2327" s="93"/>
      <c r="BE2327" s="93"/>
      <c r="BF2327" s="93"/>
      <c r="BG2327" s="93"/>
      <c r="BH2327" s="93"/>
      <c r="BI2327" s="93"/>
      <c r="BJ2327" s="93"/>
      <c r="BK2327" s="93"/>
      <c r="BL2327" s="93"/>
    </row>
    <row r="2328" spans="2:64" x14ac:dyDescent="0.2">
      <c r="B2328" s="43"/>
      <c r="C2328" s="73"/>
      <c r="D2328" s="64"/>
      <c r="E2328" s="55"/>
      <c r="F2328" s="74"/>
      <c r="G2328" s="74"/>
      <c r="H2328" s="74"/>
      <c r="I2328" s="75"/>
      <c r="J2328" s="74"/>
      <c r="L2328" s="55"/>
      <c r="M2328" s="234"/>
      <c r="N2328" s="65"/>
      <c r="O2328" s="76"/>
      <c r="P2328" s="76"/>
      <c r="Q2328" s="65"/>
      <c r="R2328" s="76"/>
      <c r="S2328" s="76"/>
      <c r="T2328" s="76"/>
      <c r="U2328" s="76"/>
      <c r="V2328" s="76"/>
      <c r="W2328" s="76"/>
      <c r="X2328" s="76"/>
      <c r="Y2328" s="76"/>
      <c r="Z2328" s="76"/>
      <c r="AA2328" s="85"/>
      <c r="AB2328" s="85"/>
      <c r="AC2328" s="85"/>
      <c r="AD2328" s="85"/>
      <c r="AE2328" s="85"/>
      <c r="AF2328" s="85"/>
      <c r="AG2328" s="86"/>
      <c r="AH2328" s="85"/>
      <c r="AI2328" s="85"/>
      <c r="AJ2328" s="85"/>
      <c r="AK2328" s="85"/>
      <c r="AL2328" s="85"/>
      <c r="AM2328" s="92"/>
      <c r="AN2328" s="92"/>
      <c r="AO2328" s="92"/>
      <c r="AP2328" s="92"/>
      <c r="AQ2328" s="92"/>
      <c r="AR2328" s="92"/>
      <c r="AS2328" s="92"/>
      <c r="AT2328" s="92"/>
      <c r="AU2328" s="92"/>
      <c r="AV2328" s="92"/>
      <c r="AW2328" s="92"/>
      <c r="AX2328" s="92"/>
      <c r="AY2328" s="92"/>
      <c r="AZ2328" s="93"/>
      <c r="BA2328" s="93"/>
      <c r="BB2328" s="93"/>
      <c r="BC2328" s="93"/>
      <c r="BD2328" s="93"/>
      <c r="BE2328" s="93"/>
      <c r="BF2328" s="93"/>
      <c r="BG2328" s="93"/>
      <c r="BH2328" s="93"/>
      <c r="BI2328" s="93"/>
      <c r="BJ2328" s="93"/>
      <c r="BK2328" s="93"/>
      <c r="BL2328" s="93"/>
    </row>
    <row r="2329" spans="2:64" x14ac:dyDescent="0.2">
      <c r="B2329" s="43"/>
      <c r="C2329" s="73"/>
      <c r="D2329" s="64"/>
      <c r="E2329" s="55"/>
      <c r="F2329" s="74"/>
      <c r="G2329" s="74"/>
      <c r="H2329" s="74"/>
      <c r="I2329" s="75"/>
      <c r="J2329" s="74"/>
      <c r="L2329" s="55"/>
      <c r="M2329" s="234"/>
      <c r="N2329" s="65"/>
      <c r="O2329" s="76"/>
      <c r="P2329" s="76"/>
      <c r="Q2329" s="65"/>
      <c r="R2329" s="76"/>
      <c r="S2329" s="76"/>
      <c r="T2329" s="76"/>
      <c r="U2329" s="76"/>
      <c r="V2329" s="76"/>
      <c r="W2329" s="76"/>
      <c r="X2329" s="76"/>
      <c r="Y2329" s="76"/>
      <c r="Z2329" s="76"/>
      <c r="AA2329" s="85"/>
      <c r="AB2329" s="85"/>
      <c r="AC2329" s="85"/>
      <c r="AD2329" s="85"/>
      <c r="AE2329" s="85"/>
      <c r="AF2329" s="85"/>
      <c r="AG2329" s="86"/>
      <c r="AH2329" s="85"/>
      <c r="AI2329" s="85"/>
      <c r="AJ2329" s="85"/>
      <c r="AK2329" s="85"/>
      <c r="AL2329" s="85"/>
      <c r="AM2329" s="92"/>
      <c r="AN2329" s="92"/>
      <c r="AO2329" s="92"/>
      <c r="AP2329" s="92"/>
      <c r="AQ2329" s="92"/>
      <c r="AR2329" s="92"/>
      <c r="AS2329" s="92"/>
      <c r="AT2329" s="92"/>
      <c r="AU2329" s="92"/>
      <c r="AV2329" s="92"/>
      <c r="AW2329" s="92"/>
      <c r="AX2329" s="92"/>
      <c r="AY2329" s="92"/>
      <c r="AZ2329" s="93"/>
      <c r="BA2329" s="93"/>
      <c r="BB2329" s="93"/>
      <c r="BC2329" s="93"/>
      <c r="BD2329" s="93"/>
      <c r="BE2329" s="93"/>
      <c r="BF2329" s="93"/>
      <c r="BG2329" s="93"/>
      <c r="BH2329" s="93"/>
      <c r="BI2329" s="93"/>
      <c r="BJ2329" s="93"/>
      <c r="BK2329" s="93"/>
      <c r="BL2329" s="93"/>
    </row>
    <row r="2330" spans="2:64" x14ac:dyDescent="0.2">
      <c r="B2330" s="43"/>
      <c r="C2330" s="73"/>
      <c r="D2330" s="64"/>
      <c r="E2330" s="55"/>
      <c r="F2330" s="74"/>
      <c r="G2330" s="74"/>
      <c r="H2330" s="74"/>
      <c r="I2330" s="75"/>
      <c r="J2330" s="74"/>
      <c r="L2330" s="55"/>
      <c r="M2330" s="234"/>
      <c r="N2330" s="65"/>
      <c r="O2330" s="76"/>
      <c r="P2330" s="76"/>
      <c r="Q2330" s="65"/>
      <c r="R2330" s="76"/>
      <c r="S2330" s="76"/>
      <c r="T2330" s="76"/>
      <c r="U2330" s="76"/>
      <c r="V2330" s="76"/>
      <c r="W2330" s="76"/>
      <c r="X2330" s="76"/>
      <c r="Y2330" s="76"/>
      <c r="Z2330" s="76"/>
      <c r="AA2330" s="85"/>
      <c r="AB2330" s="85"/>
      <c r="AC2330" s="85"/>
      <c r="AD2330" s="85"/>
      <c r="AE2330" s="85"/>
      <c r="AF2330" s="85"/>
      <c r="AG2330" s="86"/>
      <c r="AH2330" s="85"/>
      <c r="AI2330" s="85"/>
      <c r="AJ2330" s="85"/>
      <c r="AK2330" s="85"/>
      <c r="AL2330" s="85"/>
      <c r="AM2330" s="92"/>
      <c r="AN2330" s="92"/>
      <c r="AO2330" s="92"/>
      <c r="AP2330" s="92"/>
      <c r="AQ2330" s="92"/>
      <c r="AR2330" s="92"/>
      <c r="AS2330" s="92"/>
      <c r="AT2330" s="92"/>
      <c r="AU2330" s="92"/>
      <c r="AV2330" s="92"/>
      <c r="AW2330" s="92"/>
      <c r="AX2330" s="92"/>
      <c r="AY2330" s="92"/>
      <c r="AZ2330" s="93"/>
      <c r="BA2330" s="93"/>
      <c r="BB2330" s="93"/>
      <c r="BC2330" s="93"/>
      <c r="BD2330" s="93"/>
      <c r="BE2330" s="93"/>
      <c r="BF2330" s="93"/>
      <c r="BG2330" s="93"/>
      <c r="BH2330" s="93"/>
      <c r="BI2330" s="93"/>
      <c r="BJ2330" s="93"/>
      <c r="BK2330" s="93"/>
      <c r="BL2330" s="93"/>
    </row>
    <row r="2331" spans="2:64" x14ac:dyDescent="0.2">
      <c r="B2331" s="43"/>
      <c r="C2331" s="73"/>
      <c r="D2331" s="64"/>
      <c r="E2331" s="55"/>
      <c r="F2331" s="74"/>
      <c r="G2331" s="74"/>
      <c r="H2331" s="74"/>
      <c r="I2331" s="75"/>
      <c r="J2331" s="74"/>
      <c r="L2331" s="55"/>
      <c r="M2331" s="234"/>
      <c r="N2331" s="65"/>
      <c r="O2331" s="76"/>
      <c r="P2331" s="76"/>
      <c r="Q2331" s="65"/>
      <c r="R2331" s="76"/>
      <c r="S2331" s="76"/>
      <c r="T2331" s="76"/>
      <c r="U2331" s="76"/>
      <c r="V2331" s="76"/>
      <c r="W2331" s="76"/>
      <c r="X2331" s="76"/>
      <c r="Y2331" s="76"/>
      <c r="Z2331" s="76"/>
      <c r="AA2331" s="85"/>
      <c r="AB2331" s="85"/>
      <c r="AC2331" s="85"/>
      <c r="AD2331" s="85"/>
      <c r="AE2331" s="85"/>
      <c r="AF2331" s="85"/>
      <c r="AG2331" s="86"/>
      <c r="AH2331" s="85"/>
      <c r="AI2331" s="85"/>
      <c r="AJ2331" s="85"/>
      <c r="AK2331" s="85"/>
      <c r="AL2331" s="85"/>
      <c r="AM2331" s="92"/>
      <c r="AN2331" s="92"/>
      <c r="AO2331" s="92"/>
      <c r="AP2331" s="92"/>
      <c r="AQ2331" s="92"/>
      <c r="AR2331" s="92"/>
      <c r="AS2331" s="92"/>
      <c r="AT2331" s="92"/>
      <c r="AU2331" s="92"/>
      <c r="AV2331" s="92"/>
      <c r="AW2331" s="92"/>
      <c r="AX2331" s="92"/>
      <c r="AY2331" s="92"/>
      <c r="AZ2331" s="93"/>
      <c r="BA2331" s="93"/>
      <c r="BB2331" s="93"/>
      <c r="BC2331" s="93"/>
      <c r="BD2331" s="93"/>
      <c r="BE2331" s="93"/>
      <c r="BF2331" s="93"/>
      <c r="BG2331" s="93"/>
      <c r="BH2331" s="93"/>
      <c r="BI2331" s="93"/>
      <c r="BJ2331" s="93"/>
      <c r="BK2331" s="93"/>
      <c r="BL2331" s="93"/>
    </row>
    <row r="2332" spans="2:64" x14ac:dyDescent="0.2">
      <c r="B2332" s="43"/>
      <c r="C2332" s="73"/>
      <c r="D2332" s="64"/>
      <c r="E2332" s="55"/>
      <c r="F2332" s="74"/>
      <c r="G2332" s="74"/>
      <c r="H2332" s="74"/>
      <c r="I2332" s="75"/>
      <c r="J2332" s="74"/>
      <c r="L2332" s="55"/>
      <c r="M2332" s="234"/>
      <c r="N2332" s="65"/>
      <c r="O2332" s="76"/>
      <c r="P2332" s="76"/>
      <c r="Q2332" s="65"/>
      <c r="R2332" s="76"/>
      <c r="S2332" s="76"/>
      <c r="T2332" s="76"/>
      <c r="U2332" s="76"/>
      <c r="V2332" s="76"/>
      <c r="W2332" s="76"/>
      <c r="X2332" s="76"/>
      <c r="Y2332" s="76"/>
      <c r="Z2332" s="76"/>
      <c r="AA2332" s="85"/>
      <c r="AB2332" s="85"/>
      <c r="AC2332" s="85"/>
      <c r="AD2332" s="85"/>
      <c r="AE2332" s="85"/>
      <c r="AF2332" s="85"/>
      <c r="AG2332" s="86"/>
      <c r="AH2332" s="85"/>
      <c r="AI2332" s="85"/>
      <c r="AJ2332" s="85"/>
      <c r="AK2332" s="85"/>
      <c r="AL2332" s="85"/>
      <c r="AM2332" s="92"/>
      <c r="AN2332" s="92"/>
      <c r="AO2332" s="92"/>
      <c r="AP2332" s="92"/>
      <c r="AQ2332" s="92"/>
      <c r="AR2332" s="92"/>
      <c r="AS2332" s="92"/>
      <c r="AT2332" s="92"/>
      <c r="AU2332" s="92"/>
      <c r="AV2332" s="92"/>
      <c r="AW2332" s="92"/>
      <c r="AX2332" s="92"/>
      <c r="AY2332" s="92"/>
      <c r="AZ2332" s="93"/>
      <c r="BA2332" s="93"/>
      <c r="BB2332" s="93"/>
      <c r="BC2332" s="93"/>
      <c r="BD2332" s="93"/>
      <c r="BE2332" s="93"/>
      <c r="BF2332" s="93"/>
      <c r="BG2332" s="93"/>
      <c r="BH2332" s="93"/>
      <c r="BI2332" s="93"/>
      <c r="BJ2332" s="93"/>
      <c r="BK2332" s="93"/>
      <c r="BL2332" s="93"/>
    </row>
    <row r="2333" spans="2:64" x14ac:dyDescent="0.2">
      <c r="B2333" s="43"/>
      <c r="C2333" s="73"/>
      <c r="D2333" s="64"/>
      <c r="E2333" s="55"/>
      <c r="F2333" s="74"/>
      <c r="G2333" s="74"/>
      <c r="H2333" s="74"/>
      <c r="I2333" s="75"/>
      <c r="J2333" s="74"/>
      <c r="L2333" s="55"/>
      <c r="M2333" s="234"/>
      <c r="N2333" s="65"/>
      <c r="O2333" s="76"/>
      <c r="P2333" s="76"/>
      <c r="Q2333" s="65"/>
      <c r="R2333" s="76"/>
      <c r="S2333" s="76"/>
      <c r="T2333" s="76"/>
      <c r="U2333" s="76"/>
      <c r="V2333" s="76"/>
      <c r="W2333" s="76"/>
      <c r="X2333" s="76"/>
      <c r="Y2333" s="76"/>
      <c r="Z2333" s="76"/>
      <c r="AA2333" s="85"/>
      <c r="AB2333" s="85"/>
      <c r="AC2333" s="85"/>
      <c r="AD2333" s="85"/>
      <c r="AE2333" s="85"/>
      <c r="AF2333" s="85"/>
      <c r="AG2333" s="86"/>
      <c r="AH2333" s="85"/>
      <c r="AI2333" s="85"/>
      <c r="AJ2333" s="85"/>
      <c r="AK2333" s="85"/>
      <c r="AL2333" s="85"/>
      <c r="AM2333" s="92"/>
      <c r="AN2333" s="92"/>
      <c r="AO2333" s="92"/>
      <c r="AP2333" s="92"/>
      <c r="AQ2333" s="92"/>
      <c r="AR2333" s="92"/>
      <c r="AS2333" s="92"/>
      <c r="AT2333" s="92"/>
      <c r="AU2333" s="92"/>
      <c r="AV2333" s="92"/>
      <c r="AW2333" s="92"/>
      <c r="AX2333" s="92"/>
      <c r="AY2333" s="92"/>
      <c r="AZ2333" s="93"/>
      <c r="BA2333" s="93"/>
      <c r="BB2333" s="93"/>
      <c r="BC2333" s="93"/>
      <c r="BD2333" s="93"/>
      <c r="BE2333" s="93"/>
      <c r="BF2333" s="93"/>
      <c r="BG2333" s="93"/>
      <c r="BH2333" s="93"/>
      <c r="BI2333" s="93"/>
      <c r="BJ2333" s="93"/>
      <c r="BK2333" s="93"/>
      <c r="BL2333" s="93"/>
    </row>
    <row r="2334" spans="2:64" x14ac:dyDescent="0.2">
      <c r="B2334" s="43"/>
      <c r="C2334" s="73"/>
      <c r="D2334" s="64"/>
      <c r="E2334" s="55"/>
      <c r="F2334" s="74"/>
      <c r="G2334" s="74"/>
      <c r="H2334" s="74"/>
      <c r="I2334" s="75"/>
      <c r="J2334" s="74"/>
      <c r="L2334" s="55"/>
      <c r="M2334" s="234"/>
      <c r="N2334" s="65"/>
      <c r="O2334" s="76"/>
      <c r="P2334" s="76"/>
      <c r="Q2334" s="65"/>
      <c r="R2334" s="76"/>
      <c r="S2334" s="76"/>
      <c r="T2334" s="76"/>
      <c r="U2334" s="76"/>
      <c r="V2334" s="76"/>
      <c r="W2334" s="76"/>
      <c r="X2334" s="76"/>
      <c r="Y2334" s="76"/>
      <c r="Z2334" s="76"/>
      <c r="AA2334" s="85"/>
      <c r="AB2334" s="85"/>
      <c r="AC2334" s="85"/>
      <c r="AD2334" s="85"/>
      <c r="AE2334" s="85"/>
      <c r="AF2334" s="85"/>
      <c r="AG2334" s="86"/>
      <c r="AH2334" s="85"/>
      <c r="AI2334" s="85"/>
      <c r="AJ2334" s="85"/>
      <c r="AK2334" s="85"/>
      <c r="AL2334" s="85"/>
      <c r="AM2334" s="92"/>
      <c r="AN2334" s="92"/>
      <c r="AO2334" s="92"/>
      <c r="AP2334" s="92"/>
      <c r="AQ2334" s="92"/>
      <c r="AR2334" s="92"/>
      <c r="AS2334" s="92"/>
      <c r="AT2334" s="92"/>
      <c r="AU2334" s="92"/>
      <c r="AV2334" s="92"/>
      <c r="AW2334" s="92"/>
      <c r="AX2334" s="92"/>
      <c r="AY2334" s="92"/>
      <c r="AZ2334" s="93"/>
      <c r="BA2334" s="93"/>
      <c r="BB2334" s="93"/>
      <c r="BC2334" s="93"/>
      <c r="BD2334" s="93"/>
      <c r="BE2334" s="93"/>
      <c r="BF2334" s="93"/>
      <c r="BG2334" s="93"/>
      <c r="BH2334" s="93"/>
      <c r="BI2334" s="93"/>
      <c r="BJ2334" s="93"/>
      <c r="BK2334" s="93"/>
      <c r="BL2334" s="93"/>
    </row>
    <row r="2335" spans="2:64" x14ac:dyDescent="0.2">
      <c r="B2335" s="43"/>
      <c r="C2335" s="73"/>
      <c r="D2335" s="64"/>
      <c r="E2335" s="55"/>
      <c r="F2335" s="74"/>
      <c r="G2335" s="74"/>
      <c r="H2335" s="74"/>
      <c r="I2335" s="75"/>
      <c r="J2335" s="74"/>
      <c r="L2335" s="55"/>
      <c r="M2335" s="234"/>
      <c r="N2335" s="65"/>
      <c r="O2335" s="76"/>
      <c r="P2335" s="76"/>
      <c r="Q2335" s="65"/>
      <c r="R2335" s="76"/>
      <c r="S2335" s="76"/>
      <c r="T2335" s="76"/>
      <c r="U2335" s="76"/>
      <c r="V2335" s="76"/>
      <c r="W2335" s="76"/>
      <c r="X2335" s="76"/>
      <c r="Y2335" s="76"/>
      <c r="Z2335" s="76"/>
      <c r="AA2335" s="85"/>
      <c r="AB2335" s="85"/>
      <c r="AC2335" s="85"/>
      <c r="AD2335" s="85"/>
      <c r="AE2335" s="85"/>
      <c r="AF2335" s="85"/>
      <c r="AG2335" s="86"/>
      <c r="AH2335" s="85"/>
      <c r="AI2335" s="85"/>
      <c r="AJ2335" s="85"/>
      <c r="AK2335" s="85"/>
      <c r="AL2335" s="85"/>
      <c r="AM2335" s="92"/>
      <c r="AN2335" s="92"/>
      <c r="AO2335" s="92"/>
      <c r="AP2335" s="92"/>
      <c r="AQ2335" s="92"/>
      <c r="AR2335" s="92"/>
      <c r="AS2335" s="92"/>
      <c r="AT2335" s="92"/>
      <c r="AU2335" s="92"/>
      <c r="AV2335" s="92"/>
      <c r="AW2335" s="92"/>
      <c r="AX2335" s="92"/>
      <c r="AY2335" s="92"/>
      <c r="AZ2335" s="93"/>
      <c r="BA2335" s="93"/>
      <c r="BB2335" s="93"/>
      <c r="BC2335" s="93"/>
      <c r="BD2335" s="93"/>
      <c r="BE2335" s="93"/>
      <c r="BF2335" s="93"/>
      <c r="BG2335" s="93"/>
      <c r="BH2335" s="93"/>
      <c r="BI2335" s="93"/>
      <c r="BJ2335" s="93"/>
      <c r="BK2335" s="93"/>
      <c r="BL2335" s="93"/>
    </row>
    <row r="2336" spans="2:64" x14ac:dyDescent="0.2">
      <c r="B2336" s="43"/>
      <c r="C2336" s="73"/>
      <c r="D2336" s="64"/>
      <c r="E2336" s="55"/>
      <c r="F2336" s="74"/>
      <c r="G2336" s="74"/>
      <c r="H2336" s="74"/>
      <c r="I2336" s="75"/>
      <c r="J2336" s="74"/>
      <c r="L2336" s="55"/>
      <c r="M2336" s="234"/>
      <c r="N2336" s="65"/>
      <c r="O2336" s="76"/>
      <c r="P2336" s="76"/>
      <c r="Q2336" s="65"/>
      <c r="R2336" s="76"/>
      <c r="S2336" s="76"/>
      <c r="T2336" s="76"/>
      <c r="U2336" s="76"/>
      <c r="V2336" s="76"/>
      <c r="W2336" s="76"/>
      <c r="X2336" s="76"/>
      <c r="Y2336" s="76"/>
      <c r="Z2336" s="76"/>
      <c r="AA2336" s="85"/>
      <c r="AB2336" s="85"/>
      <c r="AC2336" s="85"/>
      <c r="AD2336" s="85"/>
      <c r="AE2336" s="85"/>
      <c r="AF2336" s="85"/>
      <c r="AG2336" s="86"/>
      <c r="AH2336" s="85"/>
      <c r="AI2336" s="85"/>
      <c r="AJ2336" s="85"/>
      <c r="AK2336" s="85"/>
      <c r="AL2336" s="85"/>
      <c r="AM2336" s="92"/>
      <c r="AN2336" s="92"/>
      <c r="AO2336" s="92"/>
      <c r="AP2336" s="92"/>
      <c r="AQ2336" s="92"/>
      <c r="AR2336" s="92"/>
      <c r="AS2336" s="92"/>
      <c r="AT2336" s="92"/>
      <c r="AU2336" s="92"/>
      <c r="AV2336" s="92"/>
      <c r="AW2336" s="92"/>
      <c r="AX2336" s="92"/>
      <c r="AY2336" s="92"/>
      <c r="AZ2336" s="93"/>
      <c r="BA2336" s="93"/>
      <c r="BB2336" s="93"/>
      <c r="BC2336" s="93"/>
      <c r="BD2336" s="93"/>
      <c r="BE2336" s="93"/>
      <c r="BF2336" s="93"/>
      <c r="BG2336" s="93"/>
      <c r="BH2336" s="93"/>
      <c r="BI2336" s="93"/>
      <c r="BJ2336" s="93"/>
      <c r="BK2336" s="93"/>
      <c r="BL2336" s="93"/>
    </row>
    <row r="2337" spans="2:64" x14ac:dyDescent="0.2">
      <c r="B2337" s="43"/>
      <c r="C2337" s="73"/>
      <c r="D2337" s="64"/>
      <c r="E2337" s="55"/>
      <c r="F2337" s="74"/>
      <c r="G2337" s="74"/>
      <c r="H2337" s="74"/>
      <c r="I2337" s="75"/>
      <c r="J2337" s="74"/>
      <c r="L2337" s="55"/>
      <c r="M2337" s="234"/>
      <c r="N2337" s="65"/>
      <c r="O2337" s="76"/>
      <c r="P2337" s="76"/>
      <c r="Q2337" s="65"/>
      <c r="R2337" s="76"/>
      <c r="S2337" s="76"/>
      <c r="T2337" s="76"/>
      <c r="U2337" s="76"/>
      <c r="V2337" s="76"/>
      <c r="W2337" s="76"/>
      <c r="X2337" s="76"/>
      <c r="Y2337" s="76"/>
      <c r="Z2337" s="76"/>
      <c r="AA2337" s="85"/>
      <c r="AB2337" s="85"/>
      <c r="AC2337" s="85"/>
      <c r="AD2337" s="85"/>
      <c r="AE2337" s="85"/>
      <c r="AF2337" s="85"/>
      <c r="AG2337" s="86"/>
      <c r="AH2337" s="85"/>
      <c r="AI2337" s="85"/>
      <c r="AJ2337" s="85"/>
      <c r="AK2337" s="85"/>
      <c r="AL2337" s="85"/>
      <c r="AM2337" s="92"/>
      <c r="AN2337" s="92"/>
      <c r="AO2337" s="92"/>
      <c r="AP2337" s="92"/>
      <c r="AQ2337" s="92"/>
      <c r="AR2337" s="92"/>
      <c r="AS2337" s="92"/>
      <c r="AT2337" s="92"/>
      <c r="AU2337" s="92"/>
      <c r="AV2337" s="92"/>
      <c r="AW2337" s="92"/>
      <c r="AX2337" s="92"/>
      <c r="AY2337" s="92"/>
      <c r="AZ2337" s="93"/>
      <c r="BA2337" s="93"/>
      <c r="BB2337" s="93"/>
      <c r="BC2337" s="93"/>
      <c r="BD2337" s="93"/>
      <c r="BE2337" s="93"/>
      <c r="BF2337" s="93"/>
      <c r="BG2337" s="93"/>
      <c r="BH2337" s="93"/>
      <c r="BI2337" s="93"/>
      <c r="BJ2337" s="93"/>
      <c r="BK2337" s="93"/>
      <c r="BL2337" s="93"/>
    </row>
    <row r="2338" spans="2:64" x14ac:dyDescent="0.2">
      <c r="B2338" s="43"/>
      <c r="C2338" s="73"/>
      <c r="D2338" s="64"/>
      <c r="E2338" s="55"/>
      <c r="F2338" s="74"/>
      <c r="G2338" s="74"/>
      <c r="H2338" s="74"/>
      <c r="I2338" s="75"/>
      <c r="J2338" s="74"/>
      <c r="L2338" s="55"/>
      <c r="M2338" s="234"/>
      <c r="N2338" s="65"/>
      <c r="O2338" s="76"/>
      <c r="P2338" s="76"/>
      <c r="Q2338" s="65"/>
      <c r="R2338" s="76"/>
      <c r="S2338" s="76"/>
      <c r="T2338" s="76"/>
      <c r="U2338" s="76"/>
      <c r="V2338" s="76"/>
      <c r="W2338" s="76"/>
      <c r="X2338" s="76"/>
      <c r="Y2338" s="76"/>
      <c r="Z2338" s="76"/>
      <c r="AA2338" s="85"/>
      <c r="AB2338" s="85"/>
      <c r="AC2338" s="85"/>
      <c r="AD2338" s="85"/>
      <c r="AE2338" s="85"/>
      <c r="AF2338" s="85"/>
      <c r="AG2338" s="86"/>
      <c r="AH2338" s="85"/>
      <c r="AI2338" s="85"/>
      <c r="AJ2338" s="85"/>
      <c r="AK2338" s="85"/>
      <c r="AL2338" s="85"/>
      <c r="AM2338" s="92"/>
      <c r="AN2338" s="92"/>
      <c r="AO2338" s="92"/>
      <c r="AP2338" s="92"/>
      <c r="AQ2338" s="92"/>
      <c r="AR2338" s="92"/>
      <c r="AS2338" s="92"/>
      <c r="AT2338" s="92"/>
      <c r="AU2338" s="92"/>
      <c r="AV2338" s="92"/>
      <c r="AW2338" s="92"/>
      <c r="AX2338" s="92"/>
      <c r="AY2338" s="92"/>
      <c r="AZ2338" s="93"/>
      <c r="BA2338" s="93"/>
      <c r="BB2338" s="93"/>
      <c r="BC2338" s="93"/>
      <c r="BD2338" s="93"/>
      <c r="BE2338" s="93"/>
      <c r="BF2338" s="93"/>
      <c r="BG2338" s="93"/>
      <c r="BH2338" s="93"/>
      <c r="BI2338" s="93"/>
      <c r="BJ2338" s="93"/>
      <c r="BK2338" s="93"/>
      <c r="BL2338" s="93"/>
    </row>
    <row r="2339" spans="2:64" x14ac:dyDescent="0.2">
      <c r="B2339" s="43"/>
      <c r="C2339" s="73"/>
      <c r="D2339" s="64"/>
      <c r="E2339" s="55"/>
      <c r="F2339" s="74"/>
      <c r="G2339" s="74"/>
      <c r="H2339" s="74"/>
      <c r="I2339" s="75"/>
      <c r="J2339" s="74"/>
      <c r="L2339" s="55"/>
      <c r="M2339" s="234"/>
      <c r="N2339" s="65"/>
      <c r="O2339" s="76"/>
      <c r="P2339" s="76"/>
      <c r="Q2339" s="65"/>
      <c r="R2339" s="76"/>
      <c r="S2339" s="76"/>
      <c r="T2339" s="76"/>
      <c r="U2339" s="76"/>
      <c r="V2339" s="76"/>
      <c r="W2339" s="76"/>
      <c r="X2339" s="76"/>
      <c r="Y2339" s="76"/>
      <c r="Z2339" s="76"/>
      <c r="AA2339" s="85"/>
      <c r="AB2339" s="85"/>
      <c r="AC2339" s="85"/>
      <c r="AD2339" s="85"/>
      <c r="AE2339" s="85"/>
      <c r="AF2339" s="85"/>
      <c r="AG2339" s="86"/>
      <c r="AH2339" s="85"/>
      <c r="AI2339" s="85"/>
      <c r="AJ2339" s="85"/>
      <c r="AK2339" s="85"/>
      <c r="AL2339" s="85"/>
      <c r="AM2339" s="92"/>
      <c r="AN2339" s="92"/>
      <c r="AO2339" s="92"/>
      <c r="AP2339" s="92"/>
      <c r="AQ2339" s="92"/>
      <c r="AR2339" s="92"/>
      <c r="AS2339" s="92"/>
      <c r="AT2339" s="92"/>
      <c r="AU2339" s="92"/>
      <c r="AV2339" s="92"/>
      <c r="AW2339" s="92"/>
      <c r="AX2339" s="92"/>
      <c r="AY2339" s="92"/>
      <c r="AZ2339" s="93"/>
      <c r="BA2339" s="93"/>
      <c r="BB2339" s="93"/>
      <c r="BC2339" s="93"/>
      <c r="BD2339" s="93"/>
      <c r="BE2339" s="93"/>
      <c r="BF2339" s="93"/>
      <c r="BG2339" s="93"/>
      <c r="BH2339" s="93"/>
      <c r="BI2339" s="93"/>
      <c r="BJ2339" s="93"/>
      <c r="BK2339" s="93"/>
      <c r="BL2339" s="93"/>
    </row>
    <row r="2340" spans="2:64" x14ac:dyDescent="0.2">
      <c r="B2340" s="43"/>
      <c r="C2340" s="73"/>
      <c r="D2340" s="64"/>
      <c r="E2340" s="55"/>
      <c r="F2340" s="74"/>
      <c r="G2340" s="74"/>
      <c r="H2340" s="74"/>
      <c r="I2340" s="75"/>
      <c r="J2340" s="74"/>
      <c r="L2340" s="55"/>
      <c r="M2340" s="234"/>
      <c r="N2340" s="65"/>
      <c r="O2340" s="76"/>
      <c r="P2340" s="76"/>
      <c r="Q2340" s="65"/>
      <c r="R2340" s="76"/>
      <c r="S2340" s="76"/>
      <c r="T2340" s="76"/>
      <c r="U2340" s="76"/>
      <c r="V2340" s="76"/>
      <c r="W2340" s="76"/>
      <c r="X2340" s="76"/>
      <c r="Y2340" s="76"/>
      <c r="Z2340" s="76"/>
      <c r="AA2340" s="85"/>
      <c r="AB2340" s="85"/>
      <c r="AC2340" s="85"/>
      <c r="AD2340" s="85"/>
      <c r="AE2340" s="85"/>
      <c r="AF2340" s="85"/>
      <c r="AG2340" s="86"/>
      <c r="AH2340" s="85"/>
      <c r="AI2340" s="85"/>
      <c r="AJ2340" s="85"/>
      <c r="AK2340" s="85"/>
      <c r="AL2340" s="85"/>
      <c r="AM2340" s="92"/>
      <c r="AN2340" s="92"/>
      <c r="AO2340" s="92"/>
      <c r="AP2340" s="92"/>
      <c r="AQ2340" s="92"/>
      <c r="AR2340" s="92"/>
      <c r="AS2340" s="92"/>
      <c r="AT2340" s="92"/>
      <c r="AU2340" s="92"/>
      <c r="AV2340" s="92"/>
      <c r="AW2340" s="92"/>
      <c r="AX2340" s="92"/>
      <c r="AY2340" s="92"/>
      <c r="AZ2340" s="93"/>
      <c r="BA2340" s="93"/>
      <c r="BB2340" s="93"/>
      <c r="BC2340" s="93"/>
      <c r="BD2340" s="93"/>
      <c r="BE2340" s="93"/>
      <c r="BF2340" s="93"/>
      <c r="BG2340" s="93"/>
      <c r="BH2340" s="93"/>
      <c r="BI2340" s="93"/>
      <c r="BJ2340" s="93"/>
      <c r="BK2340" s="93"/>
      <c r="BL2340" s="93"/>
    </row>
    <row r="2341" spans="2:64" x14ac:dyDescent="0.2">
      <c r="B2341" s="43"/>
      <c r="C2341" s="73"/>
      <c r="D2341" s="64"/>
      <c r="E2341" s="55"/>
      <c r="F2341" s="74"/>
      <c r="G2341" s="74"/>
      <c r="H2341" s="74"/>
      <c r="I2341" s="75"/>
      <c r="J2341" s="74"/>
      <c r="L2341" s="55"/>
      <c r="M2341" s="234"/>
      <c r="N2341" s="65"/>
      <c r="O2341" s="76"/>
      <c r="P2341" s="76"/>
      <c r="Q2341" s="65"/>
      <c r="R2341" s="76"/>
      <c r="S2341" s="76"/>
      <c r="T2341" s="76"/>
      <c r="U2341" s="76"/>
      <c r="V2341" s="76"/>
      <c r="W2341" s="76"/>
      <c r="X2341" s="76"/>
      <c r="Y2341" s="76"/>
      <c r="Z2341" s="76"/>
      <c r="AA2341" s="85"/>
      <c r="AB2341" s="85"/>
      <c r="AC2341" s="85"/>
      <c r="AD2341" s="85"/>
      <c r="AE2341" s="85"/>
      <c r="AF2341" s="85"/>
      <c r="AG2341" s="86"/>
      <c r="AH2341" s="85"/>
      <c r="AI2341" s="85"/>
      <c r="AJ2341" s="85"/>
      <c r="AK2341" s="85"/>
      <c r="AL2341" s="85"/>
      <c r="AM2341" s="92"/>
      <c r="AN2341" s="92"/>
      <c r="AO2341" s="92"/>
      <c r="AP2341" s="92"/>
      <c r="AQ2341" s="92"/>
      <c r="AR2341" s="92"/>
      <c r="AS2341" s="92"/>
      <c r="AT2341" s="92"/>
      <c r="AU2341" s="92"/>
      <c r="AV2341" s="92"/>
      <c r="AW2341" s="92"/>
      <c r="AX2341" s="92"/>
      <c r="AY2341" s="92"/>
      <c r="AZ2341" s="93"/>
      <c r="BA2341" s="93"/>
      <c r="BB2341" s="93"/>
      <c r="BC2341" s="93"/>
      <c r="BD2341" s="93"/>
      <c r="BE2341" s="93"/>
      <c r="BF2341" s="93"/>
      <c r="BG2341" s="93"/>
      <c r="BH2341" s="93"/>
      <c r="BI2341" s="93"/>
      <c r="BJ2341" s="93"/>
      <c r="BK2341" s="93"/>
      <c r="BL2341" s="93"/>
    </row>
    <row r="2342" spans="2:64" x14ac:dyDescent="0.2">
      <c r="B2342" s="43"/>
      <c r="C2342" s="73"/>
      <c r="D2342" s="64"/>
      <c r="E2342" s="55"/>
      <c r="F2342" s="74"/>
      <c r="G2342" s="74"/>
      <c r="H2342" s="74"/>
      <c r="I2342" s="75"/>
      <c r="J2342" s="74"/>
      <c r="L2342" s="55"/>
      <c r="M2342" s="234"/>
      <c r="N2342" s="65"/>
      <c r="O2342" s="76"/>
      <c r="P2342" s="76"/>
      <c r="Q2342" s="65"/>
      <c r="R2342" s="76"/>
      <c r="S2342" s="76"/>
      <c r="T2342" s="76"/>
      <c r="U2342" s="76"/>
      <c r="V2342" s="76"/>
      <c r="W2342" s="76"/>
      <c r="X2342" s="76"/>
      <c r="Y2342" s="76"/>
      <c r="Z2342" s="76"/>
      <c r="AA2342" s="85"/>
      <c r="AB2342" s="85"/>
      <c r="AC2342" s="85"/>
      <c r="AD2342" s="85"/>
      <c r="AE2342" s="85"/>
      <c r="AF2342" s="85"/>
      <c r="AG2342" s="86"/>
      <c r="AH2342" s="85"/>
      <c r="AI2342" s="85"/>
      <c r="AJ2342" s="85"/>
      <c r="AK2342" s="85"/>
      <c r="AL2342" s="85"/>
      <c r="AM2342" s="92"/>
      <c r="AN2342" s="92"/>
      <c r="AO2342" s="92"/>
      <c r="AP2342" s="92"/>
      <c r="AQ2342" s="92"/>
      <c r="AR2342" s="92"/>
      <c r="AS2342" s="92"/>
      <c r="AT2342" s="92"/>
      <c r="AU2342" s="92"/>
      <c r="AV2342" s="92"/>
      <c r="AW2342" s="92"/>
      <c r="AX2342" s="92"/>
      <c r="AY2342" s="92"/>
      <c r="AZ2342" s="93"/>
      <c r="BA2342" s="93"/>
      <c r="BB2342" s="93"/>
      <c r="BC2342" s="93"/>
      <c r="BD2342" s="93"/>
      <c r="BE2342" s="93"/>
      <c r="BF2342" s="93"/>
      <c r="BG2342" s="93"/>
      <c r="BH2342" s="93"/>
      <c r="BI2342" s="93"/>
      <c r="BJ2342" s="93"/>
      <c r="BK2342" s="93"/>
      <c r="BL2342" s="93"/>
    </row>
    <row r="2343" spans="2:64" x14ac:dyDescent="0.2">
      <c r="B2343" s="43"/>
      <c r="C2343" s="73"/>
      <c r="D2343" s="64"/>
      <c r="E2343" s="55"/>
      <c r="F2343" s="74"/>
      <c r="G2343" s="74"/>
      <c r="H2343" s="74"/>
      <c r="I2343" s="75"/>
      <c r="J2343" s="74"/>
      <c r="L2343" s="55"/>
      <c r="M2343" s="234"/>
      <c r="N2343" s="65"/>
      <c r="O2343" s="76"/>
      <c r="P2343" s="76"/>
      <c r="Q2343" s="65"/>
      <c r="R2343" s="76"/>
      <c r="S2343" s="76"/>
      <c r="T2343" s="76"/>
      <c r="U2343" s="76"/>
      <c r="V2343" s="76"/>
      <c r="W2343" s="76"/>
      <c r="X2343" s="76"/>
      <c r="Y2343" s="76"/>
      <c r="Z2343" s="76"/>
      <c r="AA2343" s="85"/>
      <c r="AB2343" s="85"/>
      <c r="AC2343" s="85"/>
      <c r="AD2343" s="85"/>
      <c r="AE2343" s="85"/>
      <c r="AF2343" s="85"/>
      <c r="AG2343" s="86"/>
      <c r="AH2343" s="85"/>
      <c r="AI2343" s="85"/>
      <c r="AJ2343" s="85"/>
      <c r="AK2343" s="85"/>
      <c r="AL2343" s="85"/>
      <c r="AM2343" s="92"/>
      <c r="AN2343" s="92"/>
      <c r="AO2343" s="92"/>
      <c r="AP2343" s="92"/>
      <c r="AQ2343" s="92"/>
      <c r="AR2343" s="92"/>
      <c r="AS2343" s="92"/>
      <c r="AT2343" s="92"/>
      <c r="AU2343" s="92"/>
      <c r="AV2343" s="92"/>
      <c r="AW2343" s="92"/>
      <c r="AX2343" s="92"/>
      <c r="AY2343" s="92"/>
      <c r="AZ2343" s="93"/>
      <c r="BA2343" s="93"/>
      <c r="BB2343" s="93"/>
      <c r="BC2343" s="93"/>
      <c r="BD2343" s="93"/>
      <c r="BE2343" s="93"/>
      <c r="BF2343" s="93"/>
      <c r="BG2343" s="93"/>
      <c r="BH2343" s="93"/>
      <c r="BI2343" s="93"/>
      <c r="BJ2343" s="93"/>
      <c r="BK2343" s="93"/>
      <c r="BL2343" s="93"/>
    </row>
    <row r="2344" spans="2:64" x14ac:dyDescent="0.2">
      <c r="B2344" s="43"/>
      <c r="C2344" s="73"/>
      <c r="D2344" s="64"/>
      <c r="E2344" s="55"/>
      <c r="F2344" s="74"/>
      <c r="G2344" s="74"/>
      <c r="H2344" s="74"/>
      <c r="I2344" s="75"/>
      <c r="J2344" s="74"/>
      <c r="L2344" s="55"/>
      <c r="M2344" s="234"/>
      <c r="N2344" s="65"/>
      <c r="O2344" s="76"/>
      <c r="P2344" s="76"/>
      <c r="Q2344" s="65"/>
      <c r="R2344" s="76"/>
      <c r="S2344" s="76"/>
      <c r="T2344" s="76"/>
      <c r="U2344" s="76"/>
      <c r="V2344" s="76"/>
      <c r="W2344" s="76"/>
      <c r="X2344" s="76"/>
      <c r="Y2344" s="76"/>
      <c r="Z2344" s="76"/>
      <c r="AA2344" s="85"/>
      <c r="AB2344" s="85"/>
      <c r="AC2344" s="85"/>
      <c r="AD2344" s="85"/>
      <c r="AE2344" s="85"/>
      <c r="AF2344" s="85"/>
      <c r="AG2344" s="86"/>
      <c r="AH2344" s="85"/>
      <c r="AI2344" s="85"/>
      <c r="AJ2344" s="85"/>
      <c r="AK2344" s="85"/>
      <c r="AL2344" s="85"/>
      <c r="AM2344" s="92"/>
      <c r="AN2344" s="92"/>
      <c r="AO2344" s="92"/>
      <c r="AP2344" s="92"/>
      <c r="AQ2344" s="92"/>
      <c r="AR2344" s="92"/>
      <c r="AS2344" s="92"/>
      <c r="AT2344" s="92"/>
      <c r="AU2344" s="92"/>
      <c r="AV2344" s="92"/>
      <c r="AW2344" s="92"/>
      <c r="AX2344" s="92"/>
      <c r="AY2344" s="92"/>
      <c r="AZ2344" s="93"/>
      <c r="BA2344" s="93"/>
      <c r="BB2344" s="93"/>
      <c r="BC2344" s="93"/>
      <c r="BD2344" s="93"/>
      <c r="BE2344" s="93"/>
      <c r="BF2344" s="93"/>
      <c r="BG2344" s="93"/>
      <c r="BH2344" s="93"/>
      <c r="BI2344" s="93"/>
      <c r="BJ2344" s="93"/>
      <c r="BK2344" s="93"/>
      <c r="BL2344" s="93"/>
    </row>
    <row r="2345" spans="2:64" x14ac:dyDescent="0.2">
      <c r="B2345" s="43"/>
      <c r="C2345" s="73"/>
      <c r="D2345" s="64"/>
      <c r="E2345" s="55"/>
      <c r="F2345" s="74"/>
      <c r="G2345" s="74"/>
      <c r="H2345" s="74"/>
      <c r="I2345" s="75"/>
      <c r="J2345" s="74"/>
      <c r="L2345" s="55"/>
      <c r="M2345" s="234"/>
      <c r="N2345" s="65"/>
      <c r="O2345" s="76"/>
      <c r="P2345" s="76"/>
      <c r="Q2345" s="65"/>
      <c r="R2345" s="76"/>
      <c r="S2345" s="76"/>
      <c r="T2345" s="76"/>
      <c r="U2345" s="76"/>
      <c r="V2345" s="76"/>
      <c r="W2345" s="76"/>
      <c r="X2345" s="76"/>
      <c r="Y2345" s="76"/>
      <c r="Z2345" s="76"/>
      <c r="AA2345" s="85"/>
      <c r="AB2345" s="85"/>
      <c r="AC2345" s="85"/>
      <c r="AD2345" s="85"/>
      <c r="AE2345" s="85"/>
      <c r="AF2345" s="85"/>
      <c r="AG2345" s="86"/>
      <c r="AH2345" s="85"/>
      <c r="AI2345" s="85"/>
      <c r="AJ2345" s="85"/>
      <c r="AK2345" s="85"/>
      <c r="AL2345" s="85"/>
      <c r="AM2345" s="92"/>
      <c r="AN2345" s="92"/>
      <c r="AO2345" s="92"/>
      <c r="AP2345" s="92"/>
      <c r="AQ2345" s="92"/>
      <c r="AR2345" s="92"/>
      <c r="AS2345" s="92"/>
      <c r="AT2345" s="92"/>
      <c r="AU2345" s="92"/>
      <c r="AV2345" s="92"/>
      <c r="AW2345" s="92"/>
      <c r="AX2345" s="92"/>
      <c r="AY2345" s="92"/>
      <c r="AZ2345" s="93"/>
      <c r="BA2345" s="93"/>
      <c r="BB2345" s="93"/>
      <c r="BC2345" s="93"/>
      <c r="BD2345" s="93"/>
      <c r="BE2345" s="93"/>
      <c r="BF2345" s="93"/>
      <c r="BG2345" s="93"/>
      <c r="BH2345" s="93"/>
      <c r="BI2345" s="93"/>
      <c r="BJ2345" s="93"/>
      <c r="BK2345" s="93"/>
      <c r="BL2345" s="93"/>
    </row>
    <row r="2346" spans="2:64" x14ac:dyDescent="0.2">
      <c r="B2346" s="43"/>
      <c r="C2346" s="73"/>
      <c r="D2346" s="64"/>
      <c r="E2346" s="55"/>
      <c r="F2346" s="74"/>
      <c r="G2346" s="74"/>
      <c r="H2346" s="74"/>
      <c r="I2346" s="75"/>
      <c r="J2346" s="74"/>
      <c r="L2346" s="55"/>
      <c r="M2346" s="234"/>
      <c r="N2346" s="65"/>
      <c r="O2346" s="76"/>
      <c r="P2346" s="76"/>
      <c r="Q2346" s="65"/>
      <c r="R2346" s="76"/>
      <c r="S2346" s="76"/>
      <c r="T2346" s="76"/>
      <c r="U2346" s="76"/>
      <c r="V2346" s="76"/>
      <c r="W2346" s="76"/>
      <c r="X2346" s="76"/>
      <c r="Y2346" s="76"/>
      <c r="Z2346" s="76"/>
      <c r="AA2346" s="85"/>
      <c r="AB2346" s="85"/>
      <c r="AC2346" s="85"/>
      <c r="AD2346" s="85"/>
      <c r="AE2346" s="85"/>
      <c r="AF2346" s="85"/>
      <c r="AG2346" s="86"/>
      <c r="AH2346" s="85"/>
      <c r="AI2346" s="85"/>
      <c r="AJ2346" s="85"/>
      <c r="AK2346" s="85"/>
      <c r="AL2346" s="85"/>
      <c r="AM2346" s="92"/>
      <c r="AN2346" s="92"/>
      <c r="AO2346" s="92"/>
      <c r="AP2346" s="92"/>
      <c r="AQ2346" s="92"/>
      <c r="AR2346" s="92"/>
      <c r="AS2346" s="92"/>
      <c r="AT2346" s="92"/>
      <c r="AU2346" s="92"/>
      <c r="AV2346" s="92"/>
      <c r="AW2346" s="92"/>
      <c r="AX2346" s="92"/>
      <c r="AY2346" s="92"/>
      <c r="AZ2346" s="93"/>
      <c r="BA2346" s="93"/>
      <c r="BB2346" s="93"/>
      <c r="BC2346" s="93"/>
      <c r="BD2346" s="93"/>
      <c r="BE2346" s="93"/>
      <c r="BF2346" s="93"/>
      <c r="BG2346" s="93"/>
      <c r="BH2346" s="93"/>
      <c r="BI2346" s="93"/>
      <c r="BJ2346" s="93"/>
      <c r="BK2346" s="93"/>
      <c r="BL2346" s="93"/>
    </row>
    <row r="2347" spans="2:64" x14ac:dyDescent="0.2">
      <c r="B2347" s="43"/>
      <c r="C2347" s="73"/>
      <c r="D2347" s="64"/>
      <c r="E2347" s="55"/>
      <c r="F2347" s="74"/>
      <c r="G2347" s="74"/>
      <c r="H2347" s="74"/>
      <c r="I2347" s="75"/>
      <c r="J2347" s="74"/>
      <c r="L2347" s="55"/>
      <c r="M2347" s="234"/>
      <c r="N2347" s="65"/>
      <c r="O2347" s="76"/>
      <c r="P2347" s="76"/>
      <c r="Q2347" s="65"/>
      <c r="R2347" s="76"/>
      <c r="S2347" s="76"/>
      <c r="T2347" s="76"/>
      <c r="U2347" s="76"/>
      <c r="V2347" s="76"/>
      <c r="W2347" s="76"/>
      <c r="X2347" s="76"/>
      <c r="Y2347" s="76"/>
      <c r="Z2347" s="76"/>
      <c r="AA2347" s="85"/>
      <c r="AB2347" s="85"/>
      <c r="AC2347" s="85"/>
      <c r="AD2347" s="85"/>
      <c r="AE2347" s="85"/>
      <c r="AF2347" s="85"/>
      <c r="AG2347" s="86"/>
      <c r="AH2347" s="85"/>
      <c r="AI2347" s="85"/>
      <c r="AJ2347" s="85"/>
      <c r="AK2347" s="85"/>
      <c r="AL2347" s="85"/>
      <c r="AM2347" s="92"/>
      <c r="AN2347" s="92"/>
      <c r="AO2347" s="92"/>
      <c r="AP2347" s="92"/>
      <c r="AQ2347" s="92"/>
      <c r="AR2347" s="92"/>
      <c r="AS2347" s="92"/>
      <c r="AT2347" s="92"/>
      <c r="AU2347" s="92"/>
      <c r="AV2347" s="92"/>
      <c r="AW2347" s="92"/>
      <c r="AX2347" s="92"/>
      <c r="AY2347" s="92"/>
      <c r="AZ2347" s="93"/>
      <c r="BA2347" s="93"/>
      <c r="BB2347" s="93"/>
      <c r="BC2347" s="93"/>
      <c r="BD2347" s="93"/>
      <c r="BE2347" s="93"/>
      <c r="BF2347" s="93"/>
      <c r="BG2347" s="93"/>
      <c r="BH2347" s="93"/>
      <c r="BI2347" s="93"/>
      <c r="BJ2347" s="93"/>
      <c r="BK2347" s="93"/>
      <c r="BL2347" s="93"/>
    </row>
    <row r="2348" spans="2:64" x14ac:dyDescent="0.2">
      <c r="B2348" s="43"/>
      <c r="C2348" s="73"/>
      <c r="D2348" s="64"/>
      <c r="E2348" s="55"/>
      <c r="F2348" s="74"/>
      <c r="G2348" s="74"/>
      <c r="H2348" s="74"/>
      <c r="I2348" s="75"/>
      <c r="J2348" s="74"/>
      <c r="L2348" s="55"/>
      <c r="M2348" s="234"/>
      <c r="N2348" s="65"/>
      <c r="O2348" s="76"/>
      <c r="P2348" s="76"/>
      <c r="Q2348" s="65"/>
      <c r="R2348" s="76"/>
      <c r="S2348" s="76"/>
      <c r="T2348" s="76"/>
      <c r="U2348" s="76"/>
      <c r="V2348" s="76"/>
      <c r="W2348" s="76"/>
      <c r="X2348" s="76"/>
      <c r="Y2348" s="76"/>
      <c r="Z2348" s="76"/>
      <c r="AA2348" s="85"/>
      <c r="AB2348" s="85"/>
      <c r="AC2348" s="85"/>
      <c r="AD2348" s="85"/>
      <c r="AE2348" s="85"/>
      <c r="AF2348" s="85"/>
      <c r="AG2348" s="86"/>
      <c r="AH2348" s="85"/>
      <c r="AI2348" s="85"/>
      <c r="AJ2348" s="85"/>
      <c r="AK2348" s="85"/>
      <c r="AL2348" s="85"/>
      <c r="AM2348" s="92"/>
      <c r="AN2348" s="92"/>
      <c r="AO2348" s="92"/>
      <c r="AP2348" s="92"/>
      <c r="AQ2348" s="92"/>
      <c r="AR2348" s="92"/>
      <c r="AS2348" s="92"/>
      <c r="AT2348" s="92"/>
      <c r="AU2348" s="92"/>
      <c r="AV2348" s="92"/>
      <c r="AW2348" s="92"/>
      <c r="AX2348" s="92"/>
      <c r="AY2348" s="92"/>
      <c r="AZ2348" s="93"/>
      <c r="BA2348" s="93"/>
      <c r="BB2348" s="93"/>
      <c r="BC2348" s="93"/>
      <c r="BD2348" s="93"/>
      <c r="BE2348" s="93"/>
      <c r="BF2348" s="93"/>
      <c r="BG2348" s="93"/>
      <c r="BH2348" s="93"/>
      <c r="BI2348" s="93"/>
      <c r="BJ2348" s="93"/>
      <c r="BK2348" s="93"/>
      <c r="BL2348" s="93"/>
    </row>
    <row r="2349" spans="2:64" x14ac:dyDescent="0.2">
      <c r="B2349" s="43"/>
      <c r="C2349" s="73"/>
      <c r="D2349" s="64"/>
      <c r="E2349" s="55"/>
      <c r="F2349" s="74"/>
      <c r="G2349" s="74"/>
      <c r="H2349" s="74"/>
      <c r="I2349" s="75"/>
      <c r="J2349" s="74"/>
      <c r="L2349" s="55"/>
      <c r="M2349" s="234"/>
      <c r="N2349" s="65"/>
      <c r="O2349" s="76"/>
      <c r="P2349" s="76"/>
      <c r="Q2349" s="65"/>
      <c r="R2349" s="76"/>
      <c r="S2349" s="76"/>
      <c r="T2349" s="76"/>
      <c r="U2349" s="76"/>
      <c r="V2349" s="76"/>
      <c r="W2349" s="76"/>
      <c r="X2349" s="76"/>
      <c r="Y2349" s="76"/>
      <c r="Z2349" s="76"/>
      <c r="AA2349" s="85"/>
      <c r="AB2349" s="85"/>
      <c r="AC2349" s="85"/>
      <c r="AD2349" s="85"/>
      <c r="AE2349" s="85"/>
      <c r="AF2349" s="85"/>
      <c r="AG2349" s="86"/>
      <c r="AH2349" s="85"/>
      <c r="AI2349" s="85"/>
      <c r="AJ2349" s="85"/>
      <c r="AK2349" s="85"/>
      <c r="AL2349" s="85"/>
      <c r="AM2349" s="92"/>
      <c r="AN2349" s="92"/>
      <c r="AO2349" s="92"/>
      <c r="AP2349" s="92"/>
      <c r="AQ2349" s="92"/>
      <c r="AR2349" s="92"/>
      <c r="AS2349" s="92"/>
      <c r="AT2349" s="92"/>
      <c r="AU2349" s="92"/>
      <c r="AV2349" s="92"/>
      <c r="AW2349" s="92"/>
      <c r="AX2349" s="92"/>
      <c r="AY2349" s="92"/>
      <c r="AZ2349" s="93"/>
      <c r="BA2349" s="93"/>
      <c r="BB2349" s="93"/>
      <c r="BC2349" s="93"/>
      <c r="BD2349" s="93"/>
      <c r="BE2349" s="93"/>
      <c r="BF2349" s="93"/>
      <c r="BG2349" s="93"/>
      <c r="BH2349" s="93"/>
      <c r="BI2349" s="93"/>
      <c r="BJ2349" s="93"/>
      <c r="BK2349" s="93"/>
      <c r="BL2349" s="93"/>
    </row>
    <row r="2350" spans="2:64" x14ac:dyDescent="0.2">
      <c r="B2350" s="43"/>
      <c r="C2350" s="73"/>
      <c r="D2350" s="64"/>
      <c r="E2350" s="55"/>
      <c r="F2350" s="74"/>
      <c r="G2350" s="74"/>
      <c r="H2350" s="74"/>
      <c r="I2350" s="75"/>
      <c r="J2350" s="74"/>
      <c r="L2350" s="55"/>
      <c r="M2350" s="234"/>
      <c r="N2350" s="65"/>
      <c r="O2350" s="76"/>
      <c r="P2350" s="76"/>
      <c r="Q2350" s="65"/>
      <c r="R2350" s="76"/>
      <c r="S2350" s="76"/>
      <c r="T2350" s="76"/>
      <c r="U2350" s="76"/>
      <c r="V2350" s="76"/>
      <c r="W2350" s="76"/>
      <c r="X2350" s="76"/>
      <c r="Y2350" s="76"/>
      <c r="Z2350" s="76"/>
      <c r="AA2350" s="85"/>
      <c r="AB2350" s="85"/>
      <c r="AC2350" s="85"/>
      <c r="AD2350" s="85"/>
      <c r="AE2350" s="85"/>
      <c r="AF2350" s="85"/>
      <c r="AG2350" s="86"/>
      <c r="AH2350" s="85"/>
      <c r="AI2350" s="85"/>
      <c r="AJ2350" s="85"/>
      <c r="AK2350" s="85"/>
      <c r="AL2350" s="85"/>
      <c r="AM2350" s="92"/>
      <c r="AN2350" s="92"/>
      <c r="AO2350" s="92"/>
      <c r="AP2350" s="92"/>
      <c r="AQ2350" s="92"/>
      <c r="AR2350" s="92"/>
      <c r="AS2350" s="92"/>
      <c r="AT2350" s="92"/>
      <c r="AU2350" s="92"/>
      <c r="AV2350" s="92"/>
      <c r="AW2350" s="92"/>
      <c r="AX2350" s="92"/>
      <c r="AY2350" s="92"/>
      <c r="AZ2350" s="93"/>
      <c r="BA2350" s="93"/>
      <c r="BB2350" s="93"/>
      <c r="BC2350" s="93"/>
      <c r="BD2350" s="93"/>
      <c r="BE2350" s="93"/>
      <c r="BF2350" s="93"/>
      <c r="BG2350" s="93"/>
      <c r="BH2350" s="93"/>
      <c r="BI2350" s="93"/>
      <c r="BJ2350" s="93"/>
      <c r="BK2350" s="93"/>
      <c r="BL2350" s="93"/>
    </row>
    <row r="2351" spans="2:64" x14ac:dyDescent="0.2">
      <c r="B2351" s="43"/>
      <c r="C2351" s="73"/>
      <c r="D2351" s="64"/>
      <c r="E2351" s="55"/>
      <c r="F2351" s="74"/>
      <c r="G2351" s="74"/>
      <c r="H2351" s="74"/>
      <c r="I2351" s="75"/>
      <c r="J2351" s="74"/>
      <c r="L2351" s="55"/>
      <c r="M2351" s="234"/>
      <c r="N2351" s="65"/>
      <c r="O2351" s="76"/>
      <c r="P2351" s="76"/>
      <c r="Q2351" s="65"/>
      <c r="R2351" s="76"/>
      <c r="S2351" s="76"/>
      <c r="T2351" s="76"/>
      <c r="U2351" s="76"/>
      <c r="V2351" s="76"/>
      <c r="W2351" s="76"/>
      <c r="X2351" s="76"/>
      <c r="Y2351" s="76"/>
      <c r="Z2351" s="76"/>
      <c r="AA2351" s="85"/>
      <c r="AB2351" s="85"/>
      <c r="AC2351" s="85"/>
      <c r="AD2351" s="85"/>
      <c r="AE2351" s="85"/>
      <c r="AF2351" s="85"/>
      <c r="AG2351" s="86"/>
      <c r="AH2351" s="85"/>
      <c r="AI2351" s="85"/>
      <c r="AJ2351" s="85"/>
      <c r="AK2351" s="85"/>
      <c r="AL2351" s="85"/>
      <c r="AM2351" s="92"/>
      <c r="AN2351" s="92"/>
      <c r="AO2351" s="92"/>
      <c r="AP2351" s="92"/>
      <c r="AQ2351" s="92"/>
      <c r="AR2351" s="92"/>
      <c r="AS2351" s="92"/>
      <c r="AT2351" s="92"/>
      <c r="AU2351" s="92"/>
      <c r="AV2351" s="92"/>
      <c r="AW2351" s="92"/>
      <c r="AX2351" s="92"/>
      <c r="AY2351" s="92"/>
      <c r="AZ2351" s="93"/>
      <c r="BA2351" s="93"/>
      <c r="BB2351" s="93"/>
      <c r="BC2351" s="93"/>
      <c r="BD2351" s="93"/>
      <c r="BE2351" s="93"/>
      <c r="BF2351" s="93"/>
      <c r="BG2351" s="93"/>
      <c r="BH2351" s="93"/>
      <c r="BI2351" s="93"/>
      <c r="BJ2351" s="93"/>
      <c r="BK2351" s="93"/>
      <c r="BL2351" s="93"/>
    </row>
    <row r="2352" spans="2:64" x14ac:dyDescent="0.2">
      <c r="B2352" s="43"/>
      <c r="C2352" s="73"/>
      <c r="D2352" s="64"/>
      <c r="E2352" s="55"/>
      <c r="F2352" s="74"/>
      <c r="G2352" s="74"/>
      <c r="H2352" s="74"/>
      <c r="I2352" s="75"/>
      <c r="J2352" s="74"/>
      <c r="L2352" s="55"/>
      <c r="M2352" s="234"/>
      <c r="N2352" s="65"/>
      <c r="O2352" s="76"/>
      <c r="P2352" s="76"/>
      <c r="Q2352" s="65"/>
      <c r="R2352" s="76"/>
      <c r="S2352" s="76"/>
      <c r="T2352" s="76"/>
      <c r="U2352" s="76"/>
      <c r="V2352" s="76"/>
      <c r="W2352" s="76"/>
      <c r="X2352" s="76"/>
      <c r="Y2352" s="76"/>
      <c r="Z2352" s="76"/>
      <c r="AA2352" s="85"/>
      <c r="AB2352" s="85"/>
      <c r="AC2352" s="85"/>
      <c r="AD2352" s="85"/>
      <c r="AE2352" s="85"/>
      <c r="AF2352" s="85"/>
      <c r="AG2352" s="86"/>
      <c r="AH2352" s="85"/>
      <c r="AI2352" s="85"/>
      <c r="AJ2352" s="85"/>
      <c r="AK2352" s="85"/>
      <c r="AL2352" s="85"/>
      <c r="AM2352" s="92"/>
      <c r="AN2352" s="92"/>
      <c r="AO2352" s="92"/>
      <c r="AP2352" s="92"/>
      <c r="AQ2352" s="92"/>
      <c r="AR2352" s="92"/>
      <c r="AS2352" s="92"/>
      <c r="AT2352" s="92"/>
      <c r="AU2352" s="92"/>
      <c r="AV2352" s="92"/>
      <c r="AW2352" s="92"/>
      <c r="AX2352" s="92"/>
      <c r="AY2352" s="92"/>
      <c r="AZ2352" s="93"/>
      <c r="BA2352" s="93"/>
      <c r="BB2352" s="93"/>
      <c r="BC2352" s="93"/>
      <c r="BD2352" s="93"/>
      <c r="BE2352" s="93"/>
      <c r="BF2352" s="93"/>
      <c r="BG2352" s="93"/>
      <c r="BH2352" s="93"/>
      <c r="BI2352" s="93"/>
      <c r="BJ2352" s="93"/>
      <c r="BK2352" s="93"/>
      <c r="BL2352" s="93"/>
    </row>
    <row r="2353" spans="2:64" x14ac:dyDescent="0.2">
      <c r="B2353" s="43"/>
      <c r="C2353" s="73"/>
      <c r="D2353" s="64"/>
      <c r="E2353" s="55"/>
      <c r="F2353" s="74"/>
      <c r="G2353" s="74"/>
      <c r="H2353" s="74"/>
      <c r="I2353" s="75"/>
      <c r="J2353" s="74"/>
      <c r="L2353" s="55"/>
      <c r="M2353" s="234"/>
      <c r="N2353" s="65"/>
      <c r="O2353" s="76"/>
      <c r="P2353" s="76"/>
      <c r="Q2353" s="65"/>
      <c r="R2353" s="76"/>
      <c r="S2353" s="76"/>
      <c r="T2353" s="76"/>
      <c r="U2353" s="76"/>
      <c r="V2353" s="76"/>
      <c r="W2353" s="76"/>
      <c r="X2353" s="76"/>
      <c r="Y2353" s="76"/>
      <c r="Z2353" s="76"/>
      <c r="AA2353" s="85"/>
      <c r="AB2353" s="85"/>
      <c r="AC2353" s="85"/>
      <c r="AD2353" s="85"/>
      <c r="AE2353" s="85"/>
      <c r="AF2353" s="85"/>
      <c r="AG2353" s="86"/>
      <c r="AH2353" s="85"/>
      <c r="AI2353" s="85"/>
      <c r="AJ2353" s="85"/>
      <c r="AK2353" s="85"/>
      <c r="AL2353" s="85"/>
      <c r="AM2353" s="92"/>
      <c r="AN2353" s="92"/>
      <c r="AO2353" s="92"/>
      <c r="AP2353" s="92"/>
      <c r="AQ2353" s="92"/>
      <c r="AR2353" s="92"/>
      <c r="AS2353" s="92"/>
      <c r="AT2353" s="92"/>
      <c r="AU2353" s="92"/>
      <c r="AV2353" s="92"/>
      <c r="AW2353" s="92"/>
      <c r="AX2353" s="92"/>
      <c r="AY2353" s="92"/>
      <c r="AZ2353" s="93"/>
      <c r="BA2353" s="93"/>
      <c r="BB2353" s="93"/>
      <c r="BC2353" s="93"/>
      <c r="BD2353" s="93"/>
      <c r="BE2353" s="93"/>
      <c r="BF2353" s="93"/>
      <c r="BG2353" s="93"/>
      <c r="BH2353" s="93"/>
      <c r="BI2353" s="93"/>
      <c r="BJ2353" s="93"/>
      <c r="BK2353" s="93"/>
      <c r="BL2353" s="93"/>
    </row>
    <row r="2354" spans="2:64" x14ac:dyDescent="0.2">
      <c r="B2354" s="43"/>
      <c r="C2354" s="73"/>
      <c r="D2354" s="64"/>
      <c r="E2354" s="55"/>
      <c r="F2354" s="74"/>
      <c r="G2354" s="74"/>
      <c r="H2354" s="74"/>
      <c r="I2354" s="75"/>
      <c r="J2354" s="74"/>
      <c r="L2354" s="55"/>
      <c r="M2354" s="234"/>
      <c r="N2354" s="65"/>
      <c r="O2354" s="76"/>
      <c r="P2354" s="76"/>
      <c r="Q2354" s="65"/>
      <c r="R2354" s="76"/>
      <c r="S2354" s="76"/>
      <c r="T2354" s="76"/>
      <c r="U2354" s="76"/>
      <c r="V2354" s="76"/>
      <c r="W2354" s="76"/>
      <c r="X2354" s="76"/>
      <c r="Y2354" s="76"/>
      <c r="Z2354" s="76"/>
      <c r="AA2354" s="85"/>
      <c r="AB2354" s="85"/>
      <c r="AC2354" s="85"/>
      <c r="AD2354" s="85"/>
      <c r="AE2354" s="85"/>
      <c r="AF2354" s="85"/>
      <c r="AG2354" s="86"/>
      <c r="AH2354" s="85"/>
      <c r="AI2354" s="85"/>
      <c r="AJ2354" s="85"/>
      <c r="AK2354" s="85"/>
      <c r="AL2354" s="85"/>
      <c r="AM2354" s="92"/>
      <c r="AN2354" s="92"/>
      <c r="AO2354" s="92"/>
      <c r="AP2354" s="92"/>
      <c r="AQ2354" s="92"/>
      <c r="AR2354" s="92"/>
      <c r="AS2354" s="92"/>
      <c r="AT2354" s="92"/>
      <c r="AU2354" s="92"/>
      <c r="AV2354" s="92"/>
      <c r="AW2354" s="92"/>
      <c r="AX2354" s="92"/>
      <c r="AY2354" s="92"/>
      <c r="AZ2354" s="93"/>
      <c r="BA2354" s="93"/>
      <c r="BB2354" s="93"/>
      <c r="BC2354" s="93"/>
      <c r="BD2354" s="93"/>
      <c r="BE2354" s="93"/>
      <c r="BF2354" s="93"/>
      <c r="BG2354" s="93"/>
      <c r="BH2354" s="93"/>
      <c r="BI2354" s="93"/>
      <c r="BJ2354" s="93"/>
      <c r="BK2354" s="93"/>
      <c r="BL2354" s="93"/>
    </row>
    <row r="2355" spans="2:64" x14ac:dyDescent="0.2">
      <c r="B2355" s="43"/>
      <c r="C2355" s="73"/>
      <c r="D2355" s="64"/>
      <c r="E2355" s="55"/>
      <c r="F2355" s="74"/>
      <c r="G2355" s="74"/>
      <c r="H2355" s="74"/>
      <c r="I2355" s="75"/>
      <c r="J2355" s="74"/>
      <c r="L2355" s="55"/>
      <c r="M2355" s="234"/>
      <c r="N2355" s="65"/>
      <c r="O2355" s="76"/>
      <c r="P2355" s="76"/>
      <c r="Q2355" s="65"/>
      <c r="R2355" s="76"/>
      <c r="S2355" s="76"/>
      <c r="T2355" s="76"/>
      <c r="U2355" s="76"/>
      <c r="V2355" s="76"/>
      <c r="W2355" s="76"/>
      <c r="X2355" s="76"/>
      <c r="Y2355" s="76"/>
      <c r="Z2355" s="76"/>
      <c r="AA2355" s="85"/>
      <c r="AB2355" s="85"/>
      <c r="AC2355" s="85"/>
      <c r="AD2355" s="85"/>
      <c r="AE2355" s="85"/>
      <c r="AF2355" s="85"/>
      <c r="AG2355" s="86"/>
      <c r="AH2355" s="85"/>
      <c r="AI2355" s="85"/>
      <c r="AJ2355" s="85"/>
      <c r="AK2355" s="85"/>
      <c r="AL2355" s="85"/>
      <c r="AM2355" s="92"/>
      <c r="AN2355" s="92"/>
      <c r="AO2355" s="92"/>
      <c r="AP2355" s="92"/>
      <c r="AQ2355" s="92"/>
      <c r="AR2355" s="92"/>
      <c r="AS2355" s="92"/>
      <c r="AT2355" s="92"/>
      <c r="AU2355" s="92"/>
      <c r="AV2355" s="92"/>
      <c r="AW2355" s="92"/>
      <c r="AX2355" s="92"/>
      <c r="AY2355" s="92"/>
      <c r="AZ2355" s="93"/>
      <c r="BA2355" s="93"/>
      <c r="BB2355" s="93"/>
      <c r="BC2355" s="93"/>
      <c r="BD2355" s="93"/>
      <c r="BE2355" s="93"/>
      <c r="BF2355" s="93"/>
      <c r="BG2355" s="93"/>
      <c r="BH2355" s="93"/>
      <c r="BI2355" s="93"/>
      <c r="BJ2355" s="93"/>
      <c r="BK2355" s="93"/>
      <c r="BL2355" s="93"/>
    </row>
    <row r="2356" spans="2:64" x14ac:dyDescent="0.2">
      <c r="B2356" s="43"/>
      <c r="C2356" s="73"/>
      <c r="D2356" s="64"/>
      <c r="E2356" s="55"/>
      <c r="F2356" s="74"/>
      <c r="G2356" s="74"/>
      <c r="H2356" s="74"/>
      <c r="I2356" s="75"/>
      <c r="J2356" s="74"/>
      <c r="L2356" s="55"/>
      <c r="M2356" s="234"/>
      <c r="N2356" s="65"/>
      <c r="O2356" s="76"/>
      <c r="P2356" s="76"/>
      <c r="Q2356" s="65"/>
      <c r="R2356" s="76"/>
      <c r="S2356" s="76"/>
      <c r="T2356" s="76"/>
      <c r="U2356" s="76"/>
      <c r="V2356" s="76"/>
      <c r="W2356" s="76"/>
      <c r="X2356" s="76"/>
      <c r="Y2356" s="76"/>
      <c r="Z2356" s="76"/>
      <c r="AA2356" s="85"/>
      <c r="AB2356" s="85"/>
      <c r="AC2356" s="85"/>
      <c r="AD2356" s="85"/>
      <c r="AE2356" s="85"/>
      <c r="AF2356" s="85"/>
      <c r="AG2356" s="86"/>
      <c r="AH2356" s="85"/>
      <c r="AI2356" s="85"/>
      <c r="AJ2356" s="85"/>
      <c r="AK2356" s="85"/>
      <c r="AL2356" s="85"/>
      <c r="AM2356" s="92"/>
      <c r="AN2356" s="92"/>
      <c r="AO2356" s="92"/>
      <c r="AP2356" s="92"/>
      <c r="AQ2356" s="92"/>
      <c r="AR2356" s="92"/>
      <c r="AS2356" s="92"/>
      <c r="AT2356" s="92"/>
      <c r="AU2356" s="92"/>
      <c r="AV2356" s="92"/>
      <c r="AW2356" s="92"/>
      <c r="AX2356" s="92"/>
      <c r="AY2356" s="92"/>
      <c r="AZ2356" s="93"/>
      <c r="BA2356" s="93"/>
      <c r="BB2356" s="93"/>
      <c r="BC2356" s="93"/>
      <c r="BD2356" s="93"/>
      <c r="BE2356" s="93"/>
      <c r="BF2356" s="93"/>
      <c r="BG2356" s="93"/>
      <c r="BH2356" s="93"/>
      <c r="BI2356" s="93"/>
      <c r="BJ2356" s="93"/>
      <c r="BK2356" s="93"/>
      <c r="BL2356" s="93"/>
    </row>
    <row r="2357" spans="2:64" x14ac:dyDescent="0.2">
      <c r="B2357" s="43"/>
      <c r="C2357" s="73"/>
      <c r="D2357" s="64"/>
      <c r="E2357" s="55"/>
      <c r="F2357" s="74"/>
      <c r="G2357" s="74"/>
      <c r="H2357" s="74"/>
      <c r="I2357" s="75"/>
      <c r="J2357" s="74"/>
      <c r="L2357" s="55"/>
      <c r="M2357" s="234"/>
      <c r="N2357" s="65"/>
      <c r="O2357" s="76"/>
      <c r="P2357" s="76"/>
      <c r="Q2357" s="65"/>
      <c r="R2357" s="76"/>
      <c r="S2357" s="76"/>
      <c r="T2357" s="76"/>
      <c r="U2357" s="76"/>
      <c r="V2357" s="76"/>
      <c r="W2357" s="76"/>
      <c r="X2357" s="76"/>
      <c r="Y2357" s="76"/>
      <c r="Z2357" s="76"/>
      <c r="AA2357" s="85"/>
      <c r="AB2357" s="85"/>
      <c r="AC2357" s="85"/>
      <c r="AD2357" s="85"/>
      <c r="AE2357" s="85"/>
      <c r="AF2357" s="85"/>
      <c r="AG2357" s="86"/>
      <c r="AH2357" s="85"/>
      <c r="AI2357" s="85"/>
      <c r="AJ2357" s="85"/>
      <c r="AK2357" s="85"/>
      <c r="AL2357" s="85"/>
      <c r="AM2357" s="92"/>
      <c r="AN2357" s="92"/>
      <c r="AO2357" s="92"/>
      <c r="AP2357" s="92"/>
      <c r="AQ2357" s="92"/>
      <c r="AR2357" s="92"/>
      <c r="AS2357" s="92"/>
      <c r="AT2357" s="92"/>
      <c r="AU2357" s="92"/>
      <c r="AV2357" s="92"/>
      <c r="AW2357" s="92"/>
      <c r="AX2357" s="92"/>
      <c r="AY2357" s="92"/>
      <c r="AZ2357" s="93"/>
      <c r="BA2357" s="93"/>
      <c r="BB2357" s="93"/>
      <c r="BC2357" s="93"/>
      <c r="BD2357" s="93"/>
      <c r="BE2357" s="93"/>
      <c r="BF2357" s="93"/>
      <c r="BG2357" s="93"/>
      <c r="BH2357" s="93"/>
      <c r="BI2357" s="93"/>
      <c r="BJ2357" s="93"/>
      <c r="BK2357" s="93"/>
      <c r="BL2357" s="93"/>
    </row>
    <row r="2358" spans="2:64" x14ac:dyDescent="0.2">
      <c r="B2358" s="43"/>
      <c r="C2358" s="73"/>
      <c r="D2358" s="64"/>
      <c r="E2358" s="55"/>
      <c r="F2358" s="74"/>
      <c r="G2358" s="74"/>
      <c r="H2358" s="74"/>
      <c r="I2358" s="75"/>
      <c r="J2358" s="74"/>
      <c r="L2358" s="55"/>
      <c r="M2358" s="234"/>
      <c r="N2358" s="65"/>
      <c r="O2358" s="76"/>
      <c r="P2358" s="76"/>
      <c r="Q2358" s="65"/>
      <c r="R2358" s="76"/>
      <c r="S2358" s="76"/>
      <c r="T2358" s="76"/>
      <c r="U2358" s="76"/>
      <c r="V2358" s="76"/>
      <c r="W2358" s="76"/>
      <c r="X2358" s="76"/>
      <c r="Y2358" s="76"/>
      <c r="Z2358" s="76"/>
      <c r="AA2358" s="85"/>
      <c r="AB2358" s="85"/>
      <c r="AC2358" s="85"/>
      <c r="AD2358" s="85"/>
      <c r="AE2358" s="85"/>
      <c r="AF2358" s="85"/>
      <c r="AG2358" s="86"/>
      <c r="AH2358" s="85"/>
      <c r="AI2358" s="85"/>
      <c r="AJ2358" s="85"/>
      <c r="AK2358" s="85"/>
      <c r="AL2358" s="85"/>
      <c r="AM2358" s="92"/>
      <c r="AN2358" s="92"/>
      <c r="AO2358" s="92"/>
      <c r="AP2358" s="92"/>
      <c r="AQ2358" s="92"/>
      <c r="AR2358" s="92"/>
      <c r="AS2358" s="92"/>
      <c r="AT2358" s="92"/>
      <c r="AU2358" s="92"/>
      <c r="AV2358" s="92"/>
      <c r="AW2358" s="92"/>
      <c r="AX2358" s="92"/>
      <c r="AY2358" s="92"/>
      <c r="AZ2358" s="93"/>
      <c r="BA2358" s="93"/>
      <c r="BB2358" s="93"/>
      <c r="BC2358" s="93"/>
      <c r="BD2358" s="93"/>
      <c r="BE2358" s="93"/>
      <c r="BF2358" s="93"/>
      <c r="BG2358" s="93"/>
      <c r="BH2358" s="93"/>
      <c r="BI2358" s="93"/>
      <c r="BJ2358" s="93"/>
      <c r="BK2358" s="93"/>
      <c r="BL2358" s="93"/>
    </row>
    <row r="2359" spans="2:64" x14ac:dyDescent="0.2">
      <c r="B2359" s="43"/>
      <c r="C2359" s="73"/>
      <c r="D2359" s="64"/>
      <c r="E2359" s="55"/>
      <c r="F2359" s="74"/>
      <c r="G2359" s="74"/>
      <c r="H2359" s="74"/>
      <c r="I2359" s="75"/>
      <c r="J2359" s="74"/>
      <c r="L2359" s="55"/>
      <c r="M2359" s="234"/>
      <c r="N2359" s="65"/>
      <c r="O2359" s="76"/>
      <c r="P2359" s="76"/>
      <c r="Q2359" s="65"/>
      <c r="R2359" s="76"/>
      <c r="S2359" s="76"/>
      <c r="T2359" s="76"/>
      <c r="U2359" s="76"/>
      <c r="V2359" s="76"/>
      <c r="W2359" s="76"/>
      <c r="X2359" s="76"/>
      <c r="Y2359" s="76"/>
      <c r="Z2359" s="76"/>
      <c r="AA2359" s="85"/>
      <c r="AB2359" s="85"/>
      <c r="AC2359" s="85"/>
      <c r="AD2359" s="85"/>
      <c r="AE2359" s="85"/>
      <c r="AF2359" s="85"/>
      <c r="AG2359" s="86"/>
      <c r="AH2359" s="85"/>
      <c r="AI2359" s="85"/>
      <c r="AJ2359" s="85"/>
      <c r="AK2359" s="85"/>
      <c r="AL2359" s="85"/>
      <c r="AM2359" s="92"/>
      <c r="AN2359" s="92"/>
      <c r="AO2359" s="92"/>
      <c r="AP2359" s="92"/>
      <c r="AQ2359" s="92"/>
      <c r="AR2359" s="92"/>
      <c r="AS2359" s="92"/>
      <c r="AT2359" s="92"/>
      <c r="AU2359" s="92"/>
      <c r="AV2359" s="92"/>
      <c r="AW2359" s="92"/>
      <c r="AX2359" s="92"/>
      <c r="AY2359" s="92"/>
      <c r="AZ2359" s="93"/>
      <c r="BA2359" s="93"/>
      <c r="BB2359" s="93"/>
      <c r="BC2359" s="93"/>
      <c r="BD2359" s="93"/>
      <c r="BE2359" s="93"/>
      <c r="BF2359" s="93"/>
      <c r="BG2359" s="93"/>
      <c r="BH2359" s="93"/>
      <c r="BI2359" s="93"/>
      <c r="BJ2359" s="93"/>
      <c r="BK2359" s="93"/>
      <c r="BL2359" s="93"/>
    </row>
    <row r="2360" spans="2:64" x14ac:dyDescent="0.2">
      <c r="B2360" s="43"/>
      <c r="C2360" s="73"/>
      <c r="D2360" s="64"/>
      <c r="E2360" s="55"/>
      <c r="F2360" s="74"/>
      <c r="G2360" s="74"/>
      <c r="H2360" s="74"/>
      <c r="I2360" s="75"/>
      <c r="J2360" s="74"/>
      <c r="L2360" s="55"/>
      <c r="M2360" s="234"/>
      <c r="N2360" s="65"/>
      <c r="O2360" s="76"/>
      <c r="P2360" s="76"/>
      <c r="Q2360" s="65"/>
      <c r="R2360" s="76"/>
      <c r="S2360" s="76"/>
      <c r="T2360" s="76"/>
      <c r="U2360" s="76"/>
      <c r="V2360" s="76"/>
      <c r="W2360" s="76"/>
      <c r="X2360" s="76"/>
      <c r="Y2360" s="76"/>
      <c r="Z2360" s="76"/>
      <c r="AA2360" s="85"/>
      <c r="AB2360" s="85"/>
      <c r="AC2360" s="85"/>
      <c r="AD2360" s="85"/>
      <c r="AE2360" s="85"/>
      <c r="AF2360" s="85"/>
      <c r="AG2360" s="86"/>
      <c r="AH2360" s="85"/>
      <c r="AI2360" s="85"/>
      <c r="AJ2360" s="85"/>
      <c r="AK2360" s="85"/>
      <c r="AL2360" s="85"/>
      <c r="AM2360" s="92"/>
      <c r="AN2360" s="92"/>
      <c r="AO2360" s="92"/>
      <c r="AP2360" s="92"/>
      <c r="AQ2360" s="92"/>
      <c r="AR2360" s="92"/>
      <c r="AS2360" s="92"/>
      <c r="AT2360" s="92"/>
      <c r="AU2360" s="92"/>
      <c r="AV2360" s="92"/>
      <c r="AW2360" s="92"/>
      <c r="AX2360" s="92"/>
      <c r="AY2360" s="92"/>
      <c r="AZ2360" s="93"/>
      <c r="BA2360" s="93"/>
      <c r="BB2360" s="93"/>
      <c r="BC2360" s="93"/>
      <c r="BD2360" s="93"/>
      <c r="BE2360" s="93"/>
      <c r="BF2360" s="93"/>
      <c r="BG2360" s="93"/>
      <c r="BH2360" s="93"/>
      <c r="BI2360" s="93"/>
      <c r="BJ2360" s="93"/>
      <c r="BK2360" s="93"/>
      <c r="BL2360" s="93"/>
    </row>
    <row r="2361" spans="2:64" x14ac:dyDescent="0.2">
      <c r="B2361" s="43"/>
      <c r="C2361" s="73"/>
      <c r="D2361" s="64"/>
      <c r="E2361" s="55"/>
      <c r="F2361" s="74"/>
      <c r="G2361" s="74"/>
      <c r="H2361" s="74"/>
      <c r="I2361" s="75"/>
      <c r="J2361" s="74"/>
      <c r="L2361" s="55"/>
      <c r="M2361" s="234"/>
      <c r="N2361" s="65"/>
      <c r="O2361" s="76"/>
      <c r="P2361" s="76"/>
      <c r="Q2361" s="65"/>
      <c r="R2361" s="76"/>
      <c r="S2361" s="76"/>
      <c r="T2361" s="76"/>
      <c r="U2361" s="76"/>
      <c r="V2361" s="76"/>
      <c r="W2361" s="76"/>
      <c r="X2361" s="76"/>
      <c r="Y2361" s="76"/>
      <c r="Z2361" s="76"/>
      <c r="AA2361" s="85"/>
      <c r="AB2361" s="85"/>
      <c r="AC2361" s="85"/>
      <c r="AD2361" s="85"/>
      <c r="AE2361" s="85"/>
      <c r="AF2361" s="85"/>
      <c r="AG2361" s="86"/>
      <c r="AH2361" s="85"/>
      <c r="AI2361" s="85"/>
      <c r="AJ2361" s="85"/>
      <c r="AK2361" s="85"/>
      <c r="AL2361" s="85"/>
      <c r="AM2361" s="92"/>
      <c r="AN2361" s="92"/>
      <c r="AO2361" s="92"/>
      <c r="AP2361" s="92"/>
      <c r="AQ2361" s="92"/>
      <c r="AR2361" s="92"/>
      <c r="AS2361" s="92"/>
      <c r="AT2361" s="92"/>
      <c r="AU2361" s="92"/>
      <c r="AV2361" s="92"/>
      <c r="AW2361" s="92"/>
      <c r="AX2361" s="92"/>
      <c r="AY2361" s="92"/>
      <c r="AZ2361" s="93"/>
      <c r="BA2361" s="93"/>
      <c r="BB2361" s="93"/>
      <c r="BC2361" s="93"/>
      <c r="BD2361" s="93"/>
      <c r="BE2361" s="93"/>
      <c r="BF2361" s="93"/>
      <c r="BG2361" s="93"/>
      <c r="BH2361" s="93"/>
      <c r="BI2361" s="93"/>
      <c r="BJ2361" s="93"/>
      <c r="BK2361" s="93"/>
      <c r="BL2361" s="93"/>
    </row>
    <row r="2362" spans="2:64" x14ac:dyDescent="0.2">
      <c r="B2362" s="43"/>
      <c r="C2362" s="73"/>
      <c r="D2362" s="64"/>
      <c r="E2362" s="55"/>
      <c r="F2362" s="74"/>
      <c r="G2362" s="74"/>
      <c r="H2362" s="74"/>
      <c r="I2362" s="75"/>
      <c r="J2362" s="74"/>
      <c r="L2362" s="55"/>
      <c r="M2362" s="234"/>
      <c r="N2362" s="65"/>
      <c r="O2362" s="76"/>
      <c r="P2362" s="76"/>
      <c r="Q2362" s="65"/>
      <c r="R2362" s="76"/>
      <c r="S2362" s="76"/>
      <c r="T2362" s="76"/>
      <c r="U2362" s="76"/>
      <c r="V2362" s="76"/>
      <c r="W2362" s="76"/>
      <c r="X2362" s="76"/>
      <c r="Y2362" s="76"/>
      <c r="Z2362" s="76"/>
      <c r="AA2362" s="85"/>
      <c r="AB2362" s="85"/>
      <c r="AC2362" s="85"/>
      <c r="AD2362" s="85"/>
      <c r="AE2362" s="85"/>
      <c r="AF2362" s="85"/>
      <c r="AG2362" s="86"/>
      <c r="AH2362" s="85"/>
      <c r="AI2362" s="85"/>
      <c r="AJ2362" s="85"/>
      <c r="AK2362" s="85"/>
      <c r="AL2362" s="85"/>
      <c r="AM2362" s="92"/>
      <c r="AN2362" s="92"/>
      <c r="AO2362" s="92"/>
      <c r="AP2362" s="92"/>
      <c r="AQ2362" s="92"/>
      <c r="AR2362" s="92"/>
      <c r="AS2362" s="92"/>
      <c r="AT2362" s="92"/>
      <c r="AU2362" s="92"/>
      <c r="AV2362" s="92"/>
      <c r="AW2362" s="92"/>
      <c r="AX2362" s="92"/>
      <c r="AY2362" s="92"/>
      <c r="AZ2362" s="93"/>
      <c r="BA2362" s="93"/>
      <c r="BB2362" s="93"/>
      <c r="BC2362" s="93"/>
      <c r="BD2362" s="93"/>
      <c r="BE2362" s="93"/>
      <c r="BF2362" s="93"/>
      <c r="BG2362" s="93"/>
      <c r="BH2362" s="93"/>
      <c r="BI2362" s="93"/>
      <c r="BJ2362" s="93"/>
      <c r="BK2362" s="93"/>
      <c r="BL2362" s="93"/>
    </row>
    <row r="2363" spans="2:64" x14ac:dyDescent="0.2">
      <c r="B2363" s="43"/>
      <c r="C2363" s="73"/>
      <c r="D2363" s="64"/>
      <c r="E2363" s="55"/>
      <c r="F2363" s="74"/>
      <c r="G2363" s="74"/>
      <c r="H2363" s="74"/>
      <c r="I2363" s="75"/>
      <c r="J2363" s="74"/>
      <c r="L2363" s="55"/>
      <c r="M2363" s="234"/>
      <c r="N2363" s="65"/>
      <c r="O2363" s="76"/>
      <c r="P2363" s="76"/>
      <c r="Q2363" s="65"/>
      <c r="R2363" s="76"/>
      <c r="S2363" s="76"/>
      <c r="T2363" s="76"/>
      <c r="U2363" s="76"/>
      <c r="V2363" s="76"/>
      <c r="W2363" s="76"/>
      <c r="X2363" s="76"/>
      <c r="Y2363" s="76"/>
      <c r="Z2363" s="76"/>
      <c r="AA2363" s="85"/>
      <c r="AB2363" s="85"/>
      <c r="AC2363" s="85"/>
      <c r="AD2363" s="85"/>
      <c r="AE2363" s="85"/>
      <c r="AF2363" s="85"/>
      <c r="AG2363" s="86"/>
      <c r="AH2363" s="85"/>
      <c r="AI2363" s="85"/>
      <c r="AJ2363" s="85"/>
      <c r="AK2363" s="85"/>
      <c r="AL2363" s="85"/>
      <c r="AM2363" s="92"/>
      <c r="AN2363" s="92"/>
      <c r="AO2363" s="92"/>
      <c r="AP2363" s="92"/>
      <c r="AQ2363" s="92"/>
      <c r="AR2363" s="92"/>
      <c r="AS2363" s="92"/>
      <c r="AT2363" s="92"/>
      <c r="AU2363" s="92"/>
      <c r="AV2363" s="92"/>
      <c r="AW2363" s="92"/>
      <c r="AX2363" s="92"/>
      <c r="AY2363" s="92"/>
      <c r="AZ2363" s="93"/>
      <c r="BA2363" s="93"/>
      <c r="BB2363" s="93"/>
      <c r="BC2363" s="93"/>
      <c r="BD2363" s="93"/>
      <c r="BE2363" s="93"/>
      <c r="BF2363" s="93"/>
      <c r="BG2363" s="93"/>
      <c r="BH2363" s="93"/>
      <c r="BI2363" s="93"/>
      <c r="BJ2363" s="93"/>
      <c r="BK2363" s="93"/>
      <c r="BL2363" s="93"/>
    </row>
    <row r="2364" spans="2:64" x14ac:dyDescent="0.2">
      <c r="B2364" s="43"/>
      <c r="C2364" s="73"/>
      <c r="D2364" s="64"/>
      <c r="E2364" s="55"/>
      <c r="F2364" s="74"/>
      <c r="G2364" s="74"/>
      <c r="H2364" s="74"/>
      <c r="I2364" s="75"/>
      <c r="J2364" s="74"/>
      <c r="L2364" s="55"/>
      <c r="M2364" s="234"/>
      <c r="N2364" s="65"/>
      <c r="O2364" s="76"/>
      <c r="P2364" s="76"/>
      <c r="Q2364" s="65"/>
      <c r="R2364" s="76"/>
      <c r="S2364" s="76"/>
      <c r="T2364" s="76"/>
      <c r="U2364" s="76"/>
      <c r="V2364" s="76"/>
      <c r="W2364" s="76"/>
      <c r="X2364" s="76"/>
      <c r="Y2364" s="76"/>
      <c r="Z2364" s="76"/>
      <c r="AA2364" s="85"/>
      <c r="AB2364" s="85"/>
      <c r="AC2364" s="85"/>
      <c r="AD2364" s="85"/>
      <c r="AE2364" s="85"/>
      <c r="AF2364" s="85"/>
      <c r="AG2364" s="86"/>
      <c r="AH2364" s="85"/>
      <c r="AI2364" s="85"/>
      <c r="AJ2364" s="85"/>
      <c r="AK2364" s="85"/>
      <c r="AL2364" s="85"/>
      <c r="AM2364" s="92"/>
      <c r="AN2364" s="92"/>
      <c r="AO2364" s="92"/>
      <c r="AP2364" s="92"/>
      <c r="AQ2364" s="92"/>
      <c r="AR2364" s="92"/>
      <c r="AS2364" s="92"/>
      <c r="AT2364" s="92"/>
      <c r="AU2364" s="92"/>
      <c r="AV2364" s="92"/>
      <c r="AW2364" s="92"/>
      <c r="AX2364" s="92"/>
      <c r="AY2364" s="92"/>
      <c r="AZ2364" s="93"/>
      <c r="BA2364" s="93"/>
      <c r="BB2364" s="93"/>
      <c r="BC2364" s="93"/>
      <c r="BD2364" s="93"/>
      <c r="BE2364" s="93"/>
      <c r="BF2364" s="93"/>
      <c r="BG2364" s="93"/>
      <c r="BH2364" s="93"/>
      <c r="BI2364" s="93"/>
      <c r="BJ2364" s="93"/>
      <c r="BK2364" s="93"/>
      <c r="BL2364" s="93"/>
    </row>
    <row r="2365" spans="2:64" x14ac:dyDescent="0.2">
      <c r="B2365" s="43"/>
      <c r="C2365" s="73"/>
      <c r="D2365" s="64"/>
      <c r="E2365" s="55"/>
      <c r="F2365" s="74"/>
      <c r="G2365" s="74"/>
      <c r="H2365" s="74"/>
      <c r="I2365" s="75"/>
      <c r="J2365" s="74"/>
      <c r="L2365" s="55"/>
      <c r="M2365" s="234"/>
      <c r="N2365" s="65"/>
      <c r="O2365" s="76"/>
      <c r="P2365" s="76"/>
      <c r="Q2365" s="65"/>
      <c r="R2365" s="76"/>
      <c r="S2365" s="76"/>
      <c r="T2365" s="76"/>
      <c r="U2365" s="76"/>
      <c r="V2365" s="76"/>
      <c r="W2365" s="76"/>
      <c r="X2365" s="76"/>
      <c r="Y2365" s="76"/>
      <c r="Z2365" s="76"/>
      <c r="AA2365" s="85"/>
      <c r="AB2365" s="85"/>
      <c r="AC2365" s="85"/>
      <c r="AD2365" s="85"/>
      <c r="AE2365" s="85"/>
      <c r="AF2365" s="85"/>
      <c r="AG2365" s="86"/>
      <c r="AH2365" s="85"/>
      <c r="AI2365" s="85"/>
      <c r="AJ2365" s="85"/>
      <c r="AK2365" s="85"/>
      <c r="AL2365" s="85"/>
      <c r="AM2365" s="92"/>
      <c r="AN2365" s="92"/>
      <c r="AO2365" s="92"/>
      <c r="AP2365" s="92"/>
      <c r="AQ2365" s="92"/>
      <c r="AR2365" s="92"/>
      <c r="AS2365" s="92"/>
      <c r="AT2365" s="92"/>
      <c r="AU2365" s="92"/>
      <c r="AV2365" s="92"/>
      <c r="AW2365" s="92"/>
      <c r="AX2365" s="92"/>
      <c r="AY2365" s="92"/>
      <c r="AZ2365" s="93"/>
      <c r="BA2365" s="93"/>
      <c r="BB2365" s="93"/>
      <c r="BC2365" s="93"/>
      <c r="BD2365" s="93"/>
      <c r="BE2365" s="93"/>
      <c r="BF2365" s="93"/>
      <c r="BG2365" s="93"/>
      <c r="BH2365" s="93"/>
      <c r="BI2365" s="93"/>
      <c r="BJ2365" s="93"/>
      <c r="BK2365" s="93"/>
      <c r="BL2365" s="93"/>
    </row>
    <row r="2366" spans="2:64" x14ac:dyDescent="0.2">
      <c r="B2366" s="43"/>
      <c r="C2366" s="73"/>
      <c r="D2366" s="64"/>
      <c r="E2366" s="55"/>
      <c r="F2366" s="74"/>
      <c r="G2366" s="74"/>
      <c r="H2366" s="74"/>
      <c r="I2366" s="75"/>
      <c r="J2366" s="74"/>
      <c r="L2366" s="55"/>
      <c r="M2366" s="234"/>
      <c r="N2366" s="65"/>
      <c r="O2366" s="76"/>
      <c r="P2366" s="76"/>
      <c r="Q2366" s="65"/>
      <c r="R2366" s="76"/>
      <c r="S2366" s="76"/>
      <c r="T2366" s="76"/>
      <c r="U2366" s="76"/>
      <c r="V2366" s="76"/>
      <c r="W2366" s="76"/>
      <c r="X2366" s="76"/>
      <c r="Y2366" s="76"/>
      <c r="Z2366" s="76"/>
      <c r="AA2366" s="85"/>
      <c r="AB2366" s="85"/>
      <c r="AC2366" s="85"/>
      <c r="AD2366" s="85"/>
      <c r="AE2366" s="85"/>
      <c r="AF2366" s="85"/>
      <c r="AG2366" s="86"/>
      <c r="AH2366" s="85"/>
      <c r="AI2366" s="85"/>
      <c r="AJ2366" s="85"/>
      <c r="AK2366" s="85"/>
      <c r="AL2366" s="85"/>
      <c r="AM2366" s="92"/>
      <c r="AN2366" s="92"/>
      <c r="AO2366" s="92"/>
      <c r="AP2366" s="92"/>
      <c r="AQ2366" s="92"/>
      <c r="AR2366" s="92"/>
      <c r="AS2366" s="92"/>
      <c r="AT2366" s="92"/>
      <c r="AU2366" s="92"/>
      <c r="AV2366" s="92"/>
      <c r="AW2366" s="92"/>
      <c r="AX2366" s="92"/>
      <c r="AY2366" s="92"/>
      <c r="AZ2366" s="93"/>
      <c r="BA2366" s="93"/>
      <c r="BB2366" s="93"/>
      <c r="BC2366" s="93"/>
      <c r="BD2366" s="93"/>
      <c r="BE2366" s="93"/>
      <c r="BF2366" s="93"/>
      <c r="BG2366" s="93"/>
      <c r="BH2366" s="93"/>
      <c r="BI2366" s="93"/>
      <c r="BJ2366" s="93"/>
      <c r="BK2366" s="93"/>
      <c r="BL2366" s="93"/>
    </row>
    <row r="2367" spans="2:64" x14ac:dyDescent="0.2">
      <c r="B2367" s="43"/>
      <c r="C2367" s="73"/>
      <c r="D2367" s="64"/>
      <c r="E2367" s="55"/>
      <c r="F2367" s="74"/>
      <c r="G2367" s="74"/>
      <c r="H2367" s="74"/>
      <c r="I2367" s="75"/>
      <c r="J2367" s="74"/>
      <c r="L2367" s="55"/>
      <c r="M2367" s="234"/>
      <c r="N2367" s="65"/>
      <c r="O2367" s="76"/>
      <c r="P2367" s="76"/>
      <c r="Q2367" s="65"/>
      <c r="R2367" s="76"/>
      <c r="S2367" s="76"/>
      <c r="T2367" s="76"/>
      <c r="U2367" s="76"/>
      <c r="V2367" s="76"/>
      <c r="W2367" s="76"/>
      <c r="X2367" s="76"/>
      <c r="Y2367" s="76"/>
      <c r="Z2367" s="76"/>
      <c r="AA2367" s="85"/>
      <c r="AB2367" s="85"/>
      <c r="AC2367" s="85"/>
      <c r="AD2367" s="85"/>
      <c r="AE2367" s="85"/>
      <c r="AF2367" s="85"/>
      <c r="AG2367" s="86"/>
      <c r="AH2367" s="85"/>
      <c r="AI2367" s="85"/>
      <c r="AJ2367" s="85"/>
      <c r="AK2367" s="85"/>
      <c r="AL2367" s="85"/>
      <c r="AM2367" s="92"/>
      <c r="AN2367" s="92"/>
      <c r="AO2367" s="92"/>
      <c r="AP2367" s="92"/>
      <c r="AQ2367" s="92"/>
      <c r="AR2367" s="92"/>
      <c r="AS2367" s="92"/>
      <c r="AT2367" s="92"/>
      <c r="AU2367" s="92"/>
      <c r="AV2367" s="92"/>
      <c r="AW2367" s="92"/>
      <c r="AX2367" s="92"/>
      <c r="AY2367" s="92"/>
      <c r="AZ2367" s="93"/>
      <c r="BA2367" s="93"/>
      <c r="BB2367" s="93"/>
      <c r="BC2367" s="93"/>
      <c r="BD2367" s="93"/>
      <c r="BE2367" s="93"/>
      <c r="BF2367" s="93"/>
      <c r="BG2367" s="93"/>
      <c r="BH2367" s="93"/>
      <c r="BI2367" s="93"/>
      <c r="BJ2367" s="93"/>
      <c r="BK2367" s="93"/>
      <c r="BL2367" s="93"/>
    </row>
    <row r="2368" spans="2:64" x14ac:dyDescent="0.2">
      <c r="B2368" s="43"/>
      <c r="C2368" s="73"/>
      <c r="D2368" s="64"/>
      <c r="E2368" s="55"/>
      <c r="F2368" s="74"/>
      <c r="G2368" s="74"/>
      <c r="H2368" s="74"/>
      <c r="I2368" s="75"/>
      <c r="J2368" s="74"/>
      <c r="L2368" s="55"/>
      <c r="M2368" s="234"/>
      <c r="N2368" s="65"/>
      <c r="O2368" s="76"/>
      <c r="P2368" s="76"/>
      <c r="Q2368" s="65"/>
      <c r="R2368" s="76"/>
      <c r="S2368" s="76"/>
      <c r="T2368" s="76"/>
      <c r="U2368" s="76"/>
      <c r="V2368" s="76"/>
      <c r="W2368" s="76"/>
      <c r="X2368" s="76"/>
      <c r="Y2368" s="76"/>
      <c r="Z2368" s="76"/>
      <c r="AA2368" s="85"/>
      <c r="AB2368" s="85"/>
      <c r="AC2368" s="85"/>
      <c r="AD2368" s="85"/>
      <c r="AE2368" s="85"/>
      <c r="AF2368" s="85"/>
      <c r="AG2368" s="86"/>
      <c r="AH2368" s="85"/>
      <c r="AI2368" s="85"/>
      <c r="AJ2368" s="85"/>
      <c r="AK2368" s="85"/>
      <c r="AL2368" s="85"/>
      <c r="AM2368" s="92"/>
      <c r="AN2368" s="92"/>
      <c r="AO2368" s="92"/>
      <c r="AP2368" s="92"/>
      <c r="AQ2368" s="92"/>
      <c r="AR2368" s="92"/>
      <c r="AS2368" s="92"/>
      <c r="AT2368" s="92"/>
      <c r="AU2368" s="92"/>
      <c r="AV2368" s="92"/>
      <c r="AW2368" s="92"/>
      <c r="AX2368" s="92"/>
      <c r="AY2368" s="92"/>
      <c r="AZ2368" s="93"/>
      <c r="BA2368" s="93"/>
      <c r="BB2368" s="93"/>
      <c r="BC2368" s="93"/>
      <c r="BD2368" s="93"/>
      <c r="BE2368" s="93"/>
      <c r="BF2368" s="93"/>
      <c r="BG2368" s="93"/>
      <c r="BH2368" s="93"/>
      <c r="BI2368" s="93"/>
      <c r="BJ2368" s="93"/>
      <c r="BK2368" s="93"/>
      <c r="BL2368" s="93"/>
    </row>
    <row r="2369" spans="2:64" x14ac:dyDescent="0.2">
      <c r="B2369" s="43"/>
      <c r="C2369" s="73"/>
      <c r="D2369" s="64"/>
      <c r="E2369" s="55"/>
      <c r="F2369" s="74"/>
      <c r="G2369" s="74"/>
      <c r="H2369" s="74"/>
      <c r="I2369" s="75"/>
      <c r="J2369" s="74"/>
      <c r="L2369" s="55"/>
      <c r="M2369" s="234"/>
      <c r="N2369" s="65"/>
      <c r="O2369" s="76"/>
      <c r="P2369" s="76"/>
      <c r="Q2369" s="65"/>
      <c r="R2369" s="76"/>
      <c r="S2369" s="76"/>
      <c r="T2369" s="76"/>
      <c r="U2369" s="76"/>
      <c r="V2369" s="76"/>
      <c r="W2369" s="76"/>
      <c r="X2369" s="76"/>
      <c r="Y2369" s="76"/>
      <c r="Z2369" s="76"/>
      <c r="AA2369" s="85"/>
      <c r="AB2369" s="85"/>
      <c r="AC2369" s="85"/>
      <c r="AD2369" s="85"/>
      <c r="AE2369" s="85"/>
      <c r="AF2369" s="85"/>
      <c r="AG2369" s="86"/>
      <c r="AH2369" s="85"/>
      <c r="AI2369" s="85"/>
      <c r="AJ2369" s="85"/>
      <c r="AK2369" s="85"/>
      <c r="AL2369" s="85"/>
      <c r="AM2369" s="92"/>
      <c r="AN2369" s="92"/>
      <c r="AO2369" s="92"/>
      <c r="AP2369" s="92"/>
      <c r="AQ2369" s="92"/>
      <c r="AR2369" s="92"/>
      <c r="AS2369" s="92"/>
      <c r="AT2369" s="92"/>
      <c r="AU2369" s="92"/>
      <c r="AV2369" s="92"/>
      <c r="AW2369" s="92"/>
      <c r="AX2369" s="92"/>
      <c r="AY2369" s="92"/>
      <c r="AZ2369" s="93"/>
      <c r="BA2369" s="93"/>
      <c r="BB2369" s="93"/>
      <c r="BC2369" s="93"/>
      <c r="BD2369" s="93"/>
      <c r="BE2369" s="93"/>
      <c r="BF2369" s="93"/>
      <c r="BG2369" s="93"/>
      <c r="BH2369" s="93"/>
      <c r="BI2369" s="93"/>
      <c r="BJ2369" s="93"/>
      <c r="BK2369" s="93"/>
      <c r="BL2369" s="93"/>
    </row>
    <row r="2370" spans="2:64" x14ac:dyDescent="0.2">
      <c r="B2370" s="43"/>
      <c r="C2370" s="73"/>
      <c r="D2370" s="64"/>
      <c r="E2370" s="55"/>
      <c r="F2370" s="74"/>
      <c r="G2370" s="74"/>
      <c r="H2370" s="74"/>
      <c r="I2370" s="75"/>
      <c r="J2370" s="74"/>
      <c r="L2370" s="55"/>
      <c r="M2370" s="234"/>
      <c r="N2370" s="65"/>
      <c r="O2370" s="76"/>
      <c r="P2370" s="76"/>
      <c r="Q2370" s="65"/>
      <c r="R2370" s="76"/>
      <c r="S2370" s="76"/>
      <c r="T2370" s="76"/>
      <c r="U2370" s="76"/>
      <c r="V2370" s="76"/>
      <c r="W2370" s="76"/>
      <c r="X2370" s="76"/>
      <c r="Y2370" s="76"/>
      <c r="Z2370" s="76"/>
      <c r="AA2370" s="85"/>
      <c r="AB2370" s="85"/>
      <c r="AC2370" s="85"/>
      <c r="AD2370" s="85"/>
      <c r="AE2370" s="85"/>
      <c r="AF2370" s="85"/>
      <c r="AG2370" s="86"/>
      <c r="AH2370" s="85"/>
      <c r="AI2370" s="85"/>
      <c r="AJ2370" s="85"/>
      <c r="AK2370" s="85"/>
      <c r="AL2370" s="85"/>
      <c r="AM2370" s="92"/>
      <c r="AN2370" s="92"/>
      <c r="AO2370" s="92"/>
      <c r="AP2370" s="92"/>
      <c r="AQ2370" s="92"/>
      <c r="AR2370" s="92"/>
      <c r="AS2370" s="92"/>
      <c r="AT2370" s="92"/>
      <c r="AU2370" s="92"/>
      <c r="AV2370" s="92"/>
      <c r="AW2370" s="92"/>
      <c r="AX2370" s="92"/>
      <c r="AY2370" s="92"/>
      <c r="AZ2370" s="93"/>
      <c r="BA2370" s="93"/>
      <c r="BB2370" s="93"/>
      <c r="BC2370" s="93"/>
      <c r="BD2370" s="93"/>
      <c r="BE2370" s="93"/>
      <c r="BF2370" s="93"/>
      <c r="BG2370" s="93"/>
      <c r="BH2370" s="93"/>
      <c r="BI2370" s="93"/>
      <c r="BJ2370" s="93"/>
      <c r="BK2370" s="93"/>
      <c r="BL2370" s="93"/>
    </row>
    <row r="2371" spans="2:64" x14ac:dyDescent="0.2">
      <c r="B2371" s="43"/>
      <c r="C2371" s="73"/>
      <c r="D2371" s="64"/>
      <c r="E2371" s="55"/>
      <c r="F2371" s="74"/>
      <c r="G2371" s="74"/>
      <c r="H2371" s="74"/>
      <c r="I2371" s="75"/>
      <c r="J2371" s="74"/>
      <c r="L2371" s="55"/>
      <c r="M2371" s="234"/>
      <c r="N2371" s="65"/>
      <c r="O2371" s="76"/>
      <c r="P2371" s="76"/>
      <c r="Q2371" s="65"/>
      <c r="R2371" s="76"/>
      <c r="S2371" s="76"/>
      <c r="T2371" s="76"/>
      <c r="U2371" s="76"/>
      <c r="V2371" s="76"/>
      <c r="W2371" s="76"/>
      <c r="X2371" s="76"/>
      <c r="Y2371" s="76"/>
      <c r="Z2371" s="76"/>
      <c r="AA2371" s="85"/>
      <c r="AB2371" s="85"/>
      <c r="AC2371" s="85"/>
      <c r="AD2371" s="85"/>
      <c r="AE2371" s="85"/>
      <c r="AF2371" s="85"/>
      <c r="AG2371" s="86"/>
      <c r="AH2371" s="85"/>
      <c r="AI2371" s="85"/>
      <c r="AJ2371" s="85"/>
      <c r="AK2371" s="85"/>
      <c r="AL2371" s="85"/>
      <c r="AM2371" s="92"/>
      <c r="AN2371" s="92"/>
      <c r="AO2371" s="92"/>
      <c r="AP2371" s="92"/>
      <c r="AQ2371" s="92"/>
      <c r="AR2371" s="92"/>
      <c r="AS2371" s="92"/>
      <c r="AT2371" s="92"/>
      <c r="AU2371" s="92"/>
      <c r="AV2371" s="92"/>
      <c r="AW2371" s="92"/>
      <c r="AX2371" s="92"/>
      <c r="AY2371" s="92"/>
      <c r="AZ2371" s="93"/>
      <c r="BA2371" s="93"/>
      <c r="BB2371" s="93"/>
      <c r="BC2371" s="93"/>
      <c r="BD2371" s="93"/>
      <c r="BE2371" s="93"/>
      <c r="BF2371" s="93"/>
      <c r="BG2371" s="93"/>
      <c r="BH2371" s="93"/>
      <c r="BI2371" s="93"/>
      <c r="BJ2371" s="93"/>
      <c r="BK2371" s="93"/>
      <c r="BL2371" s="93"/>
    </row>
    <row r="2372" spans="2:64" x14ac:dyDescent="0.2">
      <c r="B2372" s="43"/>
      <c r="C2372" s="73"/>
      <c r="D2372" s="64"/>
      <c r="E2372" s="55"/>
      <c r="F2372" s="74"/>
      <c r="G2372" s="74"/>
      <c r="H2372" s="74"/>
      <c r="I2372" s="75"/>
      <c r="J2372" s="74"/>
      <c r="L2372" s="55"/>
      <c r="M2372" s="234"/>
      <c r="N2372" s="65"/>
      <c r="O2372" s="76"/>
      <c r="P2372" s="76"/>
      <c r="Q2372" s="65"/>
      <c r="R2372" s="76"/>
      <c r="S2372" s="76"/>
      <c r="T2372" s="76"/>
      <c r="U2372" s="76"/>
      <c r="V2372" s="76"/>
      <c r="W2372" s="76"/>
      <c r="X2372" s="76"/>
      <c r="Y2372" s="76"/>
      <c r="Z2372" s="76"/>
      <c r="AA2372" s="85"/>
      <c r="AB2372" s="85"/>
      <c r="AC2372" s="85"/>
      <c r="AD2372" s="85"/>
      <c r="AE2372" s="85"/>
      <c r="AF2372" s="85"/>
      <c r="AG2372" s="86"/>
      <c r="AH2372" s="85"/>
      <c r="AI2372" s="85"/>
      <c r="AJ2372" s="85"/>
      <c r="AK2372" s="85"/>
      <c r="AL2372" s="85"/>
      <c r="AM2372" s="92"/>
      <c r="AN2372" s="92"/>
      <c r="AO2372" s="92"/>
      <c r="AP2372" s="92"/>
      <c r="AQ2372" s="92"/>
      <c r="AR2372" s="92"/>
      <c r="AS2372" s="92"/>
      <c r="AT2372" s="92"/>
      <c r="AU2372" s="92"/>
      <c r="AV2372" s="92"/>
      <c r="AW2372" s="92"/>
      <c r="AX2372" s="92"/>
      <c r="AY2372" s="92"/>
      <c r="AZ2372" s="93"/>
      <c r="BA2372" s="93"/>
      <c r="BB2372" s="93"/>
      <c r="BC2372" s="93"/>
      <c r="BD2372" s="93"/>
      <c r="BE2372" s="93"/>
      <c r="BF2372" s="93"/>
      <c r="BG2372" s="93"/>
      <c r="BH2372" s="93"/>
      <c r="BI2372" s="93"/>
      <c r="BJ2372" s="93"/>
      <c r="BK2372" s="93"/>
      <c r="BL2372" s="93"/>
    </row>
    <row r="2373" spans="2:64" x14ac:dyDescent="0.2">
      <c r="B2373" s="43"/>
      <c r="C2373" s="73"/>
      <c r="D2373" s="64"/>
      <c r="E2373" s="55"/>
      <c r="F2373" s="74"/>
      <c r="G2373" s="74"/>
      <c r="H2373" s="74"/>
      <c r="I2373" s="75"/>
      <c r="J2373" s="74"/>
      <c r="L2373" s="55"/>
      <c r="M2373" s="234"/>
      <c r="N2373" s="65"/>
      <c r="O2373" s="76"/>
      <c r="P2373" s="76"/>
      <c r="Q2373" s="65"/>
      <c r="R2373" s="76"/>
      <c r="S2373" s="76"/>
      <c r="T2373" s="76"/>
      <c r="U2373" s="76"/>
      <c r="V2373" s="76"/>
      <c r="W2373" s="76"/>
      <c r="X2373" s="76"/>
      <c r="Y2373" s="76"/>
      <c r="Z2373" s="76"/>
      <c r="AA2373" s="85"/>
      <c r="AB2373" s="85"/>
      <c r="AC2373" s="85"/>
      <c r="AD2373" s="85"/>
      <c r="AE2373" s="85"/>
      <c r="AF2373" s="85"/>
      <c r="AG2373" s="86"/>
      <c r="AH2373" s="85"/>
      <c r="AI2373" s="85"/>
      <c r="AJ2373" s="85"/>
      <c r="AK2373" s="85"/>
      <c r="AL2373" s="85"/>
      <c r="AM2373" s="92"/>
      <c r="AN2373" s="92"/>
      <c r="AO2373" s="92"/>
      <c r="AP2373" s="92"/>
      <c r="AQ2373" s="92"/>
      <c r="AR2373" s="92"/>
      <c r="AS2373" s="92"/>
      <c r="AT2373" s="92"/>
      <c r="AU2373" s="92"/>
      <c r="AV2373" s="92"/>
      <c r="AW2373" s="92"/>
      <c r="AX2373" s="92"/>
      <c r="AY2373" s="92"/>
      <c r="AZ2373" s="93"/>
      <c r="BA2373" s="93"/>
      <c r="BB2373" s="93"/>
      <c r="BC2373" s="93"/>
      <c r="BD2373" s="93"/>
      <c r="BE2373" s="93"/>
      <c r="BF2373" s="93"/>
      <c r="BG2373" s="93"/>
      <c r="BH2373" s="93"/>
      <c r="BI2373" s="93"/>
      <c r="BJ2373" s="93"/>
      <c r="BK2373" s="93"/>
      <c r="BL2373" s="93"/>
    </row>
    <row r="2374" spans="2:64" x14ac:dyDescent="0.2">
      <c r="B2374" s="43"/>
      <c r="C2374" s="73"/>
      <c r="D2374" s="64"/>
      <c r="E2374" s="55"/>
      <c r="F2374" s="74"/>
      <c r="G2374" s="74"/>
      <c r="H2374" s="74"/>
      <c r="I2374" s="75"/>
      <c r="J2374" s="74"/>
      <c r="L2374" s="55"/>
      <c r="M2374" s="234"/>
      <c r="N2374" s="65"/>
      <c r="O2374" s="76"/>
      <c r="P2374" s="76"/>
      <c r="Q2374" s="65"/>
      <c r="R2374" s="76"/>
      <c r="S2374" s="76"/>
      <c r="T2374" s="76"/>
      <c r="U2374" s="76"/>
      <c r="V2374" s="76"/>
      <c r="W2374" s="76"/>
      <c r="X2374" s="76"/>
      <c r="Y2374" s="76"/>
      <c r="Z2374" s="76"/>
      <c r="AA2374" s="85"/>
      <c r="AB2374" s="85"/>
      <c r="AC2374" s="85"/>
      <c r="AD2374" s="85"/>
      <c r="AE2374" s="85"/>
      <c r="AF2374" s="85"/>
      <c r="AG2374" s="86"/>
      <c r="AH2374" s="85"/>
      <c r="AI2374" s="85"/>
      <c r="AJ2374" s="85"/>
      <c r="AK2374" s="85"/>
      <c r="AL2374" s="85"/>
      <c r="AM2374" s="92"/>
      <c r="AN2374" s="92"/>
      <c r="AO2374" s="92"/>
      <c r="AP2374" s="92"/>
      <c r="AQ2374" s="92"/>
      <c r="AR2374" s="92"/>
      <c r="AS2374" s="92"/>
      <c r="AT2374" s="92"/>
      <c r="AU2374" s="92"/>
      <c r="AV2374" s="92"/>
      <c r="AW2374" s="92"/>
      <c r="AX2374" s="92"/>
      <c r="AY2374" s="92"/>
      <c r="AZ2374" s="93"/>
      <c r="BA2374" s="93"/>
      <c r="BB2374" s="93"/>
      <c r="BC2374" s="93"/>
      <c r="BD2374" s="93"/>
      <c r="BE2374" s="93"/>
      <c r="BF2374" s="93"/>
      <c r="BG2374" s="93"/>
      <c r="BH2374" s="93"/>
      <c r="BI2374" s="93"/>
      <c r="BJ2374" s="93"/>
      <c r="BK2374" s="93"/>
      <c r="BL2374" s="93"/>
    </row>
    <row r="2375" spans="2:64" x14ac:dyDescent="0.2">
      <c r="B2375" s="43"/>
      <c r="C2375" s="73"/>
      <c r="D2375" s="64"/>
      <c r="E2375" s="55"/>
      <c r="F2375" s="74"/>
      <c r="G2375" s="74"/>
      <c r="H2375" s="74"/>
      <c r="I2375" s="75"/>
      <c r="J2375" s="74"/>
      <c r="L2375" s="55"/>
      <c r="M2375" s="234"/>
      <c r="N2375" s="65"/>
      <c r="O2375" s="76"/>
      <c r="P2375" s="76"/>
      <c r="Q2375" s="65"/>
      <c r="R2375" s="76"/>
      <c r="S2375" s="76"/>
      <c r="T2375" s="76"/>
      <c r="U2375" s="76"/>
      <c r="V2375" s="76"/>
      <c r="W2375" s="76"/>
      <c r="X2375" s="76"/>
      <c r="Y2375" s="76"/>
      <c r="Z2375" s="76"/>
      <c r="AA2375" s="85"/>
      <c r="AB2375" s="85"/>
      <c r="AC2375" s="85"/>
      <c r="AD2375" s="85"/>
      <c r="AE2375" s="85"/>
      <c r="AF2375" s="85"/>
      <c r="AG2375" s="86"/>
      <c r="AH2375" s="85"/>
      <c r="AI2375" s="85"/>
      <c r="AJ2375" s="85"/>
      <c r="AK2375" s="85"/>
      <c r="AL2375" s="85"/>
      <c r="AM2375" s="92"/>
      <c r="AN2375" s="92"/>
      <c r="AO2375" s="92"/>
      <c r="AP2375" s="92"/>
      <c r="AQ2375" s="92"/>
      <c r="AR2375" s="92"/>
      <c r="AS2375" s="92"/>
      <c r="AT2375" s="92"/>
      <c r="AU2375" s="92"/>
      <c r="AV2375" s="92"/>
      <c r="AW2375" s="92"/>
      <c r="AX2375" s="92"/>
      <c r="AY2375" s="92"/>
      <c r="AZ2375" s="93"/>
      <c r="BA2375" s="93"/>
      <c r="BB2375" s="93"/>
      <c r="BC2375" s="93"/>
      <c r="BD2375" s="93"/>
      <c r="BE2375" s="93"/>
      <c r="BF2375" s="93"/>
      <c r="BG2375" s="93"/>
      <c r="BH2375" s="93"/>
      <c r="BI2375" s="93"/>
      <c r="BJ2375" s="93"/>
      <c r="BK2375" s="93"/>
      <c r="BL2375" s="93"/>
    </row>
    <row r="2376" spans="2:64" x14ac:dyDescent="0.2">
      <c r="B2376" s="43"/>
      <c r="C2376" s="73"/>
      <c r="D2376" s="64"/>
      <c r="E2376" s="55"/>
      <c r="F2376" s="74"/>
      <c r="G2376" s="74"/>
      <c r="H2376" s="74"/>
      <c r="I2376" s="75"/>
      <c r="J2376" s="74"/>
      <c r="L2376" s="55"/>
      <c r="M2376" s="234"/>
      <c r="N2376" s="65"/>
      <c r="O2376" s="76"/>
      <c r="P2376" s="76"/>
      <c r="Q2376" s="65"/>
      <c r="R2376" s="76"/>
      <c r="S2376" s="76"/>
      <c r="T2376" s="76"/>
      <c r="U2376" s="76"/>
      <c r="V2376" s="76"/>
      <c r="W2376" s="76"/>
      <c r="X2376" s="76"/>
      <c r="Y2376" s="76"/>
      <c r="Z2376" s="76"/>
      <c r="AA2376" s="85"/>
      <c r="AB2376" s="85"/>
      <c r="AC2376" s="85"/>
      <c r="AD2376" s="85"/>
      <c r="AE2376" s="85"/>
      <c r="AF2376" s="85"/>
      <c r="AG2376" s="86"/>
      <c r="AH2376" s="85"/>
      <c r="AI2376" s="85"/>
      <c r="AJ2376" s="85"/>
      <c r="AK2376" s="85"/>
      <c r="AL2376" s="85"/>
      <c r="AM2376" s="92"/>
      <c r="AN2376" s="92"/>
      <c r="AO2376" s="92"/>
      <c r="AP2376" s="92"/>
      <c r="AQ2376" s="92"/>
      <c r="AR2376" s="92"/>
      <c r="AS2376" s="92"/>
      <c r="AT2376" s="92"/>
      <c r="AU2376" s="92"/>
      <c r="AV2376" s="92"/>
      <c r="AW2376" s="92"/>
      <c r="AX2376" s="92"/>
      <c r="AY2376" s="92"/>
      <c r="AZ2376" s="93"/>
      <c r="BA2376" s="93"/>
      <c r="BB2376" s="93"/>
      <c r="BC2376" s="93"/>
      <c r="BD2376" s="93"/>
      <c r="BE2376" s="93"/>
      <c r="BF2376" s="93"/>
      <c r="BG2376" s="93"/>
      <c r="BH2376" s="93"/>
      <c r="BI2376" s="93"/>
      <c r="BJ2376" s="93"/>
      <c r="BK2376" s="93"/>
      <c r="BL2376" s="93"/>
    </row>
    <row r="2377" spans="2:64" x14ac:dyDescent="0.2">
      <c r="B2377" s="43"/>
      <c r="C2377" s="73"/>
      <c r="D2377" s="64"/>
      <c r="E2377" s="55"/>
      <c r="F2377" s="74"/>
      <c r="G2377" s="74"/>
      <c r="H2377" s="74"/>
      <c r="I2377" s="75"/>
      <c r="J2377" s="74"/>
      <c r="L2377" s="55"/>
      <c r="M2377" s="234"/>
      <c r="N2377" s="65"/>
      <c r="O2377" s="76"/>
      <c r="P2377" s="76"/>
      <c r="Q2377" s="65"/>
      <c r="R2377" s="76"/>
      <c r="S2377" s="76"/>
      <c r="T2377" s="76"/>
      <c r="U2377" s="76"/>
      <c r="V2377" s="76"/>
      <c r="W2377" s="76"/>
      <c r="X2377" s="76"/>
      <c r="Y2377" s="76"/>
      <c r="Z2377" s="76"/>
      <c r="AA2377" s="85"/>
      <c r="AB2377" s="85"/>
      <c r="AC2377" s="85"/>
      <c r="AD2377" s="85"/>
      <c r="AE2377" s="85"/>
      <c r="AF2377" s="85"/>
      <c r="AG2377" s="86"/>
      <c r="AH2377" s="85"/>
      <c r="AI2377" s="85"/>
      <c r="AJ2377" s="85"/>
      <c r="AK2377" s="85"/>
      <c r="AL2377" s="85"/>
      <c r="AM2377" s="92"/>
      <c r="AN2377" s="92"/>
      <c r="AO2377" s="92"/>
      <c r="AP2377" s="92"/>
      <c r="AQ2377" s="92"/>
      <c r="AR2377" s="92"/>
      <c r="AS2377" s="92"/>
      <c r="AT2377" s="92"/>
      <c r="AU2377" s="92"/>
      <c r="AV2377" s="92"/>
      <c r="AW2377" s="92"/>
      <c r="AX2377" s="92"/>
      <c r="AY2377" s="92"/>
      <c r="AZ2377" s="93"/>
      <c r="BA2377" s="93"/>
      <c r="BB2377" s="93"/>
      <c r="BC2377" s="93"/>
      <c r="BD2377" s="93"/>
      <c r="BE2377" s="93"/>
      <c r="BF2377" s="93"/>
      <c r="BG2377" s="93"/>
      <c r="BH2377" s="93"/>
      <c r="BI2377" s="93"/>
      <c r="BJ2377" s="93"/>
      <c r="BK2377" s="93"/>
      <c r="BL2377" s="93"/>
    </row>
    <row r="2378" spans="2:64" x14ac:dyDescent="0.2">
      <c r="B2378" s="43"/>
      <c r="C2378" s="73"/>
      <c r="D2378" s="64"/>
      <c r="E2378" s="55"/>
      <c r="F2378" s="74"/>
      <c r="G2378" s="74"/>
      <c r="H2378" s="74"/>
      <c r="I2378" s="75"/>
      <c r="J2378" s="74"/>
      <c r="L2378" s="55"/>
      <c r="M2378" s="234"/>
      <c r="N2378" s="65"/>
      <c r="O2378" s="76"/>
      <c r="P2378" s="76"/>
      <c r="Q2378" s="65"/>
      <c r="R2378" s="76"/>
      <c r="S2378" s="76"/>
      <c r="T2378" s="76"/>
      <c r="U2378" s="76"/>
      <c r="V2378" s="76"/>
      <c r="W2378" s="76"/>
      <c r="X2378" s="76"/>
      <c r="Y2378" s="76"/>
      <c r="Z2378" s="76"/>
      <c r="AA2378" s="85"/>
      <c r="AB2378" s="85"/>
      <c r="AC2378" s="85"/>
      <c r="AD2378" s="85"/>
      <c r="AE2378" s="85"/>
      <c r="AF2378" s="85"/>
      <c r="AG2378" s="86"/>
      <c r="AH2378" s="85"/>
      <c r="AI2378" s="85"/>
      <c r="AJ2378" s="85"/>
      <c r="AK2378" s="85"/>
      <c r="AL2378" s="85"/>
      <c r="AM2378" s="92"/>
      <c r="AN2378" s="92"/>
      <c r="AO2378" s="92"/>
      <c r="AP2378" s="92"/>
      <c r="AQ2378" s="92"/>
      <c r="AR2378" s="92"/>
      <c r="AS2378" s="92"/>
      <c r="AT2378" s="92"/>
      <c r="AU2378" s="92"/>
      <c r="AV2378" s="92"/>
      <c r="AW2378" s="92"/>
      <c r="AX2378" s="92"/>
      <c r="AY2378" s="92"/>
      <c r="AZ2378" s="93"/>
      <c r="BA2378" s="93"/>
      <c r="BB2378" s="93"/>
      <c r="BC2378" s="93"/>
      <c r="BD2378" s="93"/>
      <c r="BE2378" s="93"/>
      <c r="BF2378" s="93"/>
      <c r="BG2378" s="93"/>
      <c r="BH2378" s="93"/>
      <c r="BI2378" s="93"/>
      <c r="BJ2378" s="93"/>
      <c r="BK2378" s="93"/>
      <c r="BL2378" s="93"/>
    </row>
    <row r="2379" spans="2:64" x14ac:dyDescent="0.2">
      <c r="B2379" s="43"/>
      <c r="C2379" s="73"/>
      <c r="D2379" s="64"/>
      <c r="E2379" s="55"/>
      <c r="F2379" s="74"/>
      <c r="G2379" s="74"/>
      <c r="H2379" s="74"/>
      <c r="I2379" s="75"/>
      <c r="J2379" s="74"/>
      <c r="L2379" s="55"/>
      <c r="M2379" s="234"/>
      <c r="N2379" s="65"/>
      <c r="O2379" s="76"/>
      <c r="P2379" s="76"/>
      <c r="Q2379" s="65"/>
      <c r="R2379" s="76"/>
      <c r="S2379" s="76"/>
      <c r="T2379" s="76"/>
      <c r="U2379" s="76"/>
      <c r="V2379" s="76"/>
      <c r="W2379" s="76"/>
      <c r="X2379" s="76"/>
      <c r="Y2379" s="76"/>
      <c r="Z2379" s="76"/>
      <c r="AA2379" s="85"/>
      <c r="AB2379" s="85"/>
      <c r="AC2379" s="85"/>
      <c r="AD2379" s="85"/>
      <c r="AE2379" s="85"/>
      <c r="AF2379" s="85"/>
      <c r="AG2379" s="86"/>
      <c r="AH2379" s="85"/>
      <c r="AI2379" s="85"/>
      <c r="AJ2379" s="85"/>
      <c r="AK2379" s="85"/>
      <c r="AL2379" s="85"/>
      <c r="AM2379" s="92"/>
      <c r="AN2379" s="92"/>
      <c r="AO2379" s="92"/>
      <c r="AP2379" s="92"/>
      <c r="AQ2379" s="92"/>
      <c r="AR2379" s="92"/>
      <c r="AS2379" s="92"/>
      <c r="AT2379" s="92"/>
      <c r="AU2379" s="92"/>
      <c r="AV2379" s="92"/>
      <c r="AW2379" s="92"/>
      <c r="AX2379" s="92"/>
      <c r="AY2379" s="92"/>
      <c r="AZ2379" s="93"/>
      <c r="BA2379" s="93"/>
      <c r="BB2379" s="93"/>
      <c r="BC2379" s="93"/>
      <c r="BD2379" s="93"/>
      <c r="BE2379" s="93"/>
      <c r="BF2379" s="93"/>
      <c r="BG2379" s="93"/>
      <c r="BH2379" s="93"/>
      <c r="BI2379" s="93"/>
      <c r="BJ2379" s="93"/>
      <c r="BK2379" s="93"/>
      <c r="BL2379" s="93"/>
    </row>
    <row r="2380" spans="2:64" x14ac:dyDescent="0.2">
      <c r="B2380" s="43"/>
      <c r="C2380" s="73"/>
      <c r="D2380" s="64"/>
      <c r="E2380" s="55"/>
      <c r="F2380" s="74"/>
      <c r="G2380" s="74"/>
      <c r="H2380" s="74"/>
      <c r="I2380" s="75"/>
      <c r="J2380" s="74"/>
      <c r="L2380" s="55"/>
      <c r="M2380" s="234"/>
      <c r="N2380" s="65"/>
      <c r="O2380" s="76"/>
      <c r="P2380" s="76"/>
      <c r="Q2380" s="65"/>
      <c r="R2380" s="76"/>
      <c r="S2380" s="76"/>
      <c r="T2380" s="76"/>
      <c r="U2380" s="76"/>
      <c r="V2380" s="76"/>
      <c r="W2380" s="76"/>
      <c r="X2380" s="76"/>
      <c r="Y2380" s="76"/>
      <c r="Z2380" s="76"/>
      <c r="AA2380" s="85"/>
      <c r="AB2380" s="85"/>
      <c r="AC2380" s="85"/>
      <c r="AD2380" s="85"/>
      <c r="AE2380" s="85"/>
      <c r="AF2380" s="85"/>
      <c r="AG2380" s="86"/>
      <c r="AH2380" s="85"/>
      <c r="AI2380" s="85"/>
      <c r="AJ2380" s="85"/>
      <c r="AK2380" s="85"/>
      <c r="AL2380" s="85"/>
      <c r="AM2380" s="92"/>
      <c r="AN2380" s="92"/>
      <c r="AO2380" s="92"/>
      <c r="AP2380" s="92"/>
      <c r="AQ2380" s="92"/>
      <c r="AR2380" s="92"/>
      <c r="AS2380" s="92"/>
      <c r="AT2380" s="92"/>
      <c r="AU2380" s="92"/>
      <c r="AV2380" s="92"/>
      <c r="AW2380" s="92"/>
      <c r="AX2380" s="92"/>
      <c r="AY2380" s="92"/>
      <c r="AZ2380" s="93"/>
      <c r="BA2380" s="93"/>
      <c r="BB2380" s="93"/>
      <c r="BC2380" s="93"/>
      <c r="BD2380" s="93"/>
      <c r="BE2380" s="93"/>
      <c r="BF2380" s="93"/>
      <c r="BG2380" s="93"/>
      <c r="BH2380" s="93"/>
      <c r="BI2380" s="93"/>
      <c r="BJ2380" s="93"/>
      <c r="BK2380" s="93"/>
      <c r="BL2380" s="93"/>
    </row>
    <row r="2381" spans="2:64" x14ac:dyDescent="0.2">
      <c r="B2381" s="43"/>
      <c r="C2381" s="73"/>
      <c r="D2381" s="64"/>
      <c r="E2381" s="55"/>
      <c r="F2381" s="74"/>
      <c r="G2381" s="74"/>
      <c r="H2381" s="74"/>
      <c r="I2381" s="75"/>
      <c r="J2381" s="74"/>
      <c r="L2381" s="55"/>
      <c r="M2381" s="234"/>
      <c r="N2381" s="65"/>
      <c r="O2381" s="76"/>
      <c r="P2381" s="76"/>
      <c r="Q2381" s="65"/>
      <c r="R2381" s="76"/>
      <c r="S2381" s="76"/>
      <c r="T2381" s="76"/>
      <c r="U2381" s="76"/>
      <c r="V2381" s="76"/>
      <c r="W2381" s="76"/>
      <c r="X2381" s="76"/>
      <c r="Y2381" s="76"/>
      <c r="Z2381" s="76"/>
      <c r="AA2381" s="85"/>
      <c r="AB2381" s="85"/>
      <c r="AC2381" s="85"/>
      <c r="AD2381" s="85"/>
      <c r="AE2381" s="85"/>
      <c r="AF2381" s="85"/>
      <c r="AG2381" s="86"/>
      <c r="AH2381" s="85"/>
      <c r="AI2381" s="85"/>
      <c r="AJ2381" s="85"/>
      <c r="AK2381" s="85"/>
      <c r="AL2381" s="85"/>
      <c r="AM2381" s="92"/>
      <c r="AN2381" s="92"/>
      <c r="AO2381" s="92"/>
      <c r="AP2381" s="92"/>
      <c r="AQ2381" s="92"/>
      <c r="AR2381" s="92"/>
      <c r="AS2381" s="92"/>
      <c r="AT2381" s="92"/>
      <c r="AU2381" s="92"/>
      <c r="AV2381" s="92"/>
      <c r="AW2381" s="92"/>
      <c r="AX2381" s="92"/>
      <c r="AY2381" s="92"/>
      <c r="AZ2381" s="93"/>
      <c r="BA2381" s="93"/>
      <c r="BB2381" s="93"/>
      <c r="BC2381" s="93"/>
      <c r="BD2381" s="93"/>
      <c r="BE2381" s="93"/>
      <c r="BF2381" s="93"/>
      <c r="BG2381" s="93"/>
      <c r="BH2381" s="93"/>
      <c r="BI2381" s="93"/>
      <c r="BJ2381" s="93"/>
      <c r="BK2381" s="93"/>
      <c r="BL2381" s="93"/>
    </row>
    <row r="2382" spans="2:64" x14ac:dyDescent="0.2">
      <c r="B2382" s="43"/>
      <c r="C2382" s="73"/>
      <c r="D2382" s="64"/>
      <c r="E2382" s="55"/>
      <c r="F2382" s="74"/>
      <c r="G2382" s="74"/>
      <c r="H2382" s="74"/>
      <c r="I2382" s="75"/>
      <c r="J2382" s="74"/>
      <c r="L2382" s="55"/>
      <c r="M2382" s="234"/>
      <c r="N2382" s="65"/>
      <c r="O2382" s="76"/>
      <c r="P2382" s="76"/>
      <c r="Q2382" s="65"/>
      <c r="R2382" s="76"/>
      <c r="S2382" s="76"/>
      <c r="T2382" s="76"/>
      <c r="U2382" s="76"/>
      <c r="V2382" s="76"/>
      <c r="W2382" s="76"/>
      <c r="X2382" s="76"/>
      <c r="Y2382" s="76"/>
      <c r="Z2382" s="76"/>
      <c r="AA2382" s="85"/>
      <c r="AB2382" s="85"/>
      <c r="AC2382" s="85"/>
      <c r="AD2382" s="85"/>
      <c r="AE2382" s="85"/>
      <c r="AF2382" s="85"/>
      <c r="AG2382" s="86"/>
      <c r="AH2382" s="85"/>
      <c r="AI2382" s="85"/>
      <c r="AJ2382" s="85"/>
      <c r="AK2382" s="85"/>
      <c r="AL2382" s="85"/>
      <c r="AM2382" s="92"/>
      <c r="AN2382" s="92"/>
      <c r="AO2382" s="92"/>
      <c r="AP2382" s="92"/>
      <c r="AQ2382" s="92"/>
      <c r="AR2382" s="92"/>
      <c r="AS2382" s="92"/>
      <c r="AT2382" s="92"/>
      <c r="AU2382" s="92"/>
      <c r="AV2382" s="92"/>
      <c r="AW2382" s="92"/>
      <c r="AX2382" s="92"/>
      <c r="AY2382" s="92"/>
      <c r="AZ2382" s="93"/>
      <c r="BA2382" s="93"/>
      <c r="BB2382" s="93"/>
      <c r="BC2382" s="93"/>
      <c r="BD2382" s="93"/>
      <c r="BE2382" s="93"/>
      <c r="BF2382" s="93"/>
      <c r="BG2382" s="93"/>
      <c r="BH2382" s="93"/>
      <c r="BI2382" s="93"/>
      <c r="BJ2382" s="93"/>
      <c r="BK2382" s="93"/>
      <c r="BL2382" s="93"/>
    </row>
    <row r="2383" spans="2:64" x14ac:dyDescent="0.2">
      <c r="B2383" s="43"/>
      <c r="C2383" s="73"/>
      <c r="D2383" s="64"/>
      <c r="E2383" s="55"/>
      <c r="F2383" s="74"/>
      <c r="G2383" s="74"/>
      <c r="H2383" s="74"/>
      <c r="I2383" s="75"/>
      <c r="J2383" s="74"/>
      <c r="L2383" s="55"/>
      <c r="M2383" s="234"/>
      <c r="N2383" s="65"/>
      <c r="O2383" s="76"/>
      <c r="P2383" s="76"/>
      <c r="Q2383" s="65"/>
      <c r="R2383" s="76"/>
      <c r="S2383" s="76"/>
      <c r="T2383" s="76"/>
      <c r="U2383" s="76"/>
      <c r="V2383" s="76"/>
      <c r="W2383" s="76"/>
      <c r="X2383" s="76"/>
      <c r="Y2383" s="76"/>
      <c r="Z2383" s="76"/>
      <c r="AA2383" s="85"/>
      <c r="AB2383" s="85"/>
      <c r="AC2383" s="85"/>
      <c r="AD2383" s="85"/>
      <c r="AE2383" s="85"/>
      <c r="AF2383" s="85"/>
      <c r="AG2383" s="86"/>
      <c r="AH2383" s="85"/>
      <c r="AI2383" s="85"/>
      <c r="AJ2383" s="85"/>
      <c r="AK2383" s="85"/>
      <c r="AL2383" s="85"/>
      <c r="AM2383" s="92"/>
      <c r="AN2383" s="92"/>
      <c r="AO2383" s="92"/>
      <c r="AP2383" s="92"/>
      <c r="AQ2383" s="92"/>
      <c r="AR2383" s="92"/>
      <c r="AS2383" s="92"/>
      <c r="AT2383" s="92"/>
      <c r="AU2383" s="92"/>
      <c r="AV2383" s="92"/>
      <c r="AW2383" s="92"/>
      <c r="AX2383" s="92"/>
      <c r="AY2383" s="92"/>
      <c r="AZ2383" s="93"/>
      <c r="BA2383" s="93"/>
      <c r="BB2383" s="93"/>
      <c r="BC2383" s="93"/>
      <c r="BD2383" s="93"/>
      <c r="BE2383" s="93"/>
      <c r="BF2383" s="93"/>
      <c r="BG2383" s="93"/>
      <c r="BH2383" s="93"/>
      <c r="BI2383" s="93"/>
      <c r="BJ2383" s="93"/>
      <c r="BK2383" s="93"/>
      <c r="BL2383" s="93"/>
    </row>
    <row r="2384" spans="2:64" x14ac:dyDescent="0.2">
      <c r="B2384" s="43"/>
      <c r="C2384" s="73"/>
      <c r="D2384" s="64"/>
      <c r="E2384" s="55"/>
      <c r="F2384" s="74"/>
      <c r="G2384" s="74"/>
      <c r="H2384" s="74"/>
      <c r="I2384" s="75"/>
      <c r="J2384" s="74"/>
      <c r="L2384" s="55"/>
      <c r="M2384" s="234"/>
      <c r="N2384" s="65"/>
      <c r="O2384" s="76"/>
      <c r="P2384" s="76"/>
      <c r="Q2384" s="65"/>
      <c r="R2384" s="76"/>
      <c r="S2384" s="76"/>
      <c r="T2384" s="76"/>
      <c r="U2384" s="76"/>
      <c r="V2384" s="76"/>
      <c r="W2384" s="76"/>
      <c r="X2384" s="76"/>
      <c r="Y2384" s="76"/>
      <c r="Z2384" s="76"/>
      <c r="AA2384" s="85"/>
      <c r="AB2384" s="85"/>
      <c r="AC2384" s="85"/>
      <c r="AD2384" s="85"/>
      <c r="AE2384" s="85"/>
      <c r="AF2384" s="85"/>
      <c r="AG2384" s="86"/>
      <c r="AH2384" s="85"/>
      <c r="AI2384" s="85"/>
      <c r="AJ2384" s="85"/>
      <c r="AK2384" s="85"/>
      <c r="AL2384" s="85"/>
      <c r="AM2384" s="92"/>
      <c r="AN2384" s="92"/>
      <c r="AO2384" s="92"/>
      <c r="AP2384" s="92"/>
      <c r="AQ2384" s="92"/>
      <c r="AR2384" s="92"/>
      <c r="AS2384" s="92"/>
      <c r="AT2384" s="92"/>
      <c r="AU2384" s="92"/>
      <c r="AV2384" s="92"/>
      <c r="AW2384" s="92"/>
      <c r="AX2384" s="92"/>
      <c r="AY2384" s="92"/>
      <c r="AZ2384" s="93"/>
      <c r="BA2384" s="93"/>
      <c r="BB2384" s="93"/>
      <c r="BC2384" s="93"/>
      <c r="BD2384" s="93"/>
      <c r="BE2384" s="93"/>
      <c r="BF2384" s="93"/>
      <c r="BG2384" s="93"/>
      <c r="BH2384" s="93"/>
      <c r="BI2384" s="93"/>
      <c r="BJ2384" s="93"/>
      <c r="BK2384" s="93"/>
      <c r="BL2384" s="93"/>
    </row>
    <row r="2385" spans="2:64" x14ac:dyDescent="0.2">
      <c r="B2385" s="43"/>
      <c r="C2385" s="73"/>
      <c r="D2385" s="64"/>
      <c r="E2385" s="55"/>
      <c r="F2385" s="74"/>
      <c r="G2385" s="74"/>
      <c r="H2385" s="74"/>
      <c r="I2385" s="75"/>
      <c r="J2385" s="74"/>
      <c r="L2385" s="55"/>
      <c r="M2385" s="234"/>
      <c r="N2385" s="65"/>
      <c r="O2385" s="76"/>
      <c r="P2385" s="76"/>
      <c r="Q2385" s="65"/>
      <c r="R2385" s="76"/>
      <c r="S2385" s="76"/>
      <c r="T2385" s="76"/>
      <c r="U2385" s="76"/>
      <c r="V2385" s="76"/>
      <c r="W2385" s="76"/>
      <c r="X2385" s="76"/>
      <c r="Y2385" s="76"/>
      <c r="Z2385" s="76"/>
      <c r="AA2385" s="85"/>
      <c r="AB2385" s="85"/>
      <c r="AC2385" s="85"/>
      <c r="AD2385" s="85"/>
      <c r="AE2385" s="85"/>
      <c r="AF2385" s="85"/>
      <c r="AG2385" s="86"/>
      <c r="AH2385" s="85"/>
      <c r="AI2385" s="85"/>
      <c r="AJ2385" s="85"/>
      <c r="AK2385" s="85"/>
      <c r="AL2385" s="85"/>
      <c r="AM2385" s="92"/>
      <c r="AN2385" s="92"/>
      <c r="AO2385" s="92"/>
      <c r="AP2385" s="92"/>
      <c r="AQ2385" s="92"/>
      <c r="AR2385" s="92"/>
      <c r="AS2385" s="92"/>
      <c r="AT2385" s="92"/>
      <c r="AU2385" s="92"/>
      <c r="AV2385" s="92"/>
      <c r="AW2385" s="92"/>
      <c r="AX2385" s="92"/>
      <c r="AY2385" s="92"/>
      <c r="AZ2385" s="93"/>
      <c r="BA2385" s="93"/>
      <c r="BB2385" s="93"/>
      <c r="BC2385" s="93"/>
      <c r="BD2385" s="93"/>
      <c r="BE2385" s="93"/>
      <c r="BF2385" s="93"/>
      <c r="BG2385" s="93"/>
      <c r="BH2385" s="93"/>
      <c r="BI2385" s="93"/>
      <c r="BJ2385" s="93"/>
      <c r="BK2385" s="93"/>
      <c r="BL2385" s="93"/>
    </row>
    <row r="2386" spans="2:64" x14ac:dyDescent="0.2">
      <c r="B2386" s="43"/>
      <c r="C2386" s="73"/>
      <c r="D2386" s="64"/>
      <c r="E2386" s="55"/>
      <c r="F2386" s="74"/>
      <c r="G2386" s="74"/>
      <c r="H2386" s="74"/>
      <c r="I2386" s="75"/>
      <c r="J2386" s="74"/>
      <c r="L2386" s="55"/>
      <c r="M2386" s="234"/>
      <c r="N2386" s="65"/>
      <c r="O2386" s="76"/>
      <c r="P2386" s="76"/>
      <c r="Q2386" s="65"/>
      <c r="R2386" s="76"/>
      <c r="S2386" s="76"/>
      <c r="T2386" s="76"/>
      <c r="U2386" s="76"/>
      <c r="V2386" s="76"/>
      <c r="W2386" s="76"/>
      <c r="X2386" s="76"/>
      <c r="Y2386" s="76"/>
      <c r="Z2386" s="76"/>
      <c r="AA2386" s="85"/>
      <c r="AB2386" s="85"/>
      <c r="AC2386" s="85"/>
      <c r="AD2386" s="85"/>
      <c r="AE2386" s="85"/>
      <c r="AF2386" s="85"/>
      <c r="AG2386" s="86"/>
      <c r="AH2386" s="85"/>
      <c r="AI2386" s="85"/>
      <c r="AJ2386" s="85"/>
      <c r="AK2386" s="85"/>
      <c r="AL2386" s="85"/>
      <c r="AM2386" s="92"/>
      <c r="AN2386" s="92"/>
      <c r="AO2386" s="92"/>
      <c r="AP2386" s="92"/>
      <c r="AQ2386" s="92"/>
      <c r="AR2386" s="92"/>
      <c r="AS2386" s="92"/>
      <c r="AT2386" s="92"/>
      <c r="AU2386" s="92"/>
      <c r="AV2386" s="92"/>
      <c r="AW2386" s="92"/>
      <c r="AX2386" s="92"/>
      <c r="AY2386" s="92"/>
      <c r="AZ2386" s="93"/>
      <c r="BA2386" s="93"/>
      <c r="BB2386" s="93"/>
      <c r="BC2386" s="93"/>
      <c r="BD2386" s="93"/>
      <c r="BE2386" s="93"/>
      <c r="BF2386" s="93"/>
      <c r="BG2386" s="93"/>
      <c r="BH2386" s="93"/>
      <c r="BI2386" s="93"/>
      <c r="BJ2386" s="93"/>
      <c r="BK2386" s="93"/>
      <c r="BL2386" s="93"/>
    </row>
    <row r="2387" spans="2:64" x14ac:dyDescent="0.2">
      <c r="B2387" s="43"/>
      <c r="C2387" s="73"/>
      <c r="D2387" s="64"/>
      <c r="E2387" s="55"/>
      <c r="F2387" s="74"/>
      <c r="G2387" s="74"/>
      <c r="H2387" s="74"/>
      <c r="I2387" s="75"/>
      <c r="J2387" s="74"/>
      <c r="L2387" s="55"/>
      <c r="M2387" s="234"/>
      <c r="N2387" s="65"/>
      <c r="O2387" s="76"/>
      <c r="P2387" s="76"/>
      <c r="Q2387" s="65"/>
      <c r="R2387" s="76"/>
      <c r="S2387" s="76"/>
      <c r="T2387" s="76"/>
      <c r="U2387" s="76"/>
      <c r="V2387" s="76"/>
      <c r="W2387" s="76"/>
      <c r="X2387" s="76"/>
      <c r="Y2387" s="76"/>
      <c r="Z2387" s="76"/>
      <c r="AA2387" s="85"/>
      <c r="AB2387" s="85"/>
      <c r="AC2387" s="85"/>
      <c r="AD2387" s="85"/>
      <c r="AE2387" s="85"/>
      <c r="AF2387" s="85"/>
      <c r="AG2387" s="86"/>
      <c r="AH2387" s="85"/>
      <c r="AI2387" s="85"/>
      <c r="AJ2387" s="85"/>
      <c r="AK2387" s="85"/>
      <c r="AL2387" s="85"/>
      <c r="AM2387" s="92"/>
      <c r="AN2387" s="92"/>
      <c r="AO2387" s="92"/>
      <c r="AP2387" s="92"/>
      <c r="AQ2387" s="92"/>
      <c r="AR2387" s="92"/>
      <c r="AS2387" s="92"/>
      <c r="AT2387" s="92"/>
      <c r="AU2387" s="92"/>
      <c r="AV2387" s="92"/>
      <c r="AW2387" s="92"/>
      <c r="AX2387" s="92"/>
      <c r="AY2387" s="92"/>
      <c r="AZ2387" s="93"/>
      <c r="BA2387" s="93"/>
      <c r="BB2387" s="93"/>
      <c r="BC2387" s="93"/>
      <c r="BD2387" s="93"/>
      <c r="BE2387" s="93"/>
      <c r="BF2387" s="93"/>
      <c r="BG2387" s="93"/>
      <c r="BH2387" s="93"/>
      <c r="BI2387" s="93"/>
      <c r="BJ2387" s="93"/>
      <c r="BK2387" s="93"/>
      <c r="BL2387" s="93"/>
    </row>
    <row r="2388" spans="2:64" x14ac:dyDescent="0.2">
      <c r="B2388" s="43"/>
      <c r="C2388" s="73"/>
      <c r="D2388" s="64"/>
      <c r="E2388" s="55"/>
      <c r="F2388" s="74"/>
      <c r="G2388" s="74"/>
      <c r="H2388" s="74"/>
      <c r="I2388" s="75"/>
      <c r="J2388" s="74"/>
      <c r="L2388" s="55"/>
      <c r="M2388" s="234"/>
      <c r="N2388" s="65"/>
      <c r="O2388" s="76"/>
      <c r="P2388" s="76"/>
      <c r="Q2388" s="65"/>
      <c r="R2388" s="76"/>
      <c r="S2388" s="76"/>
      <c r="T2388" s="76"/>
      <c r="U2388" s="76"/>
      <c r="V2388" s="76"/>
      <c r="W2388" s="76"/>
      <c r="X2388" s="76"/>
      <c r="Y2388" s="76"/>
      <c r="Z2388" s="76"/>
      <c r="AA2388" s="85"/>
      <c r="AB2388" s="85"/>
      <c r="AC2388" s="85"/>
      <c r="AD2388" s="85"/>
      <c r="AE2388" s="85"/>
      <c r="AF2388" s="85"/>
      <c r="AG2388" s="86"/>
      <c r="AH2388" s="85"/>
      <c r="AI2388" s="85"/>
      <c r="AJ2388" s="85"/>
      <c r="AK2388" s="85"/>
      <c r="AL2388" s="85"/>
      <c r="AM2388" s="92"/>
      <c r="AN2388" s="92"/>
      <c r="AO2388" s="92"/>
      <c r="AP2388" s="92"/>
      <c r="AQ2388" s="92"/>
      <c r="AR2388" s="92"/>
      <c r="AS2388" s="92"/>
      <c r="AT2388" s="92"/>
      <c r="AU2388" s="92"/>
      <c r="AV2388" s="92"/>
      <c r="AW2388" s="92"/>
      <c r="AX2388" s="92"/>
      <c r="AY2388" s="92"/>
      <c r="AZ2388" s="93"/>
      <c r="BA2388" s="93"/>
      <c r="BB2388" s="93"/>
      <c r="BC2388" s="93"/>
      <c r="BD2388" s="93"/>
      <c r="BE2388" s="93"/>
      <c r="BF2388" s="93"/>
      <c r="BG2388" s="93"/>
      <c r="BH2388" s="93"/>
      <c r="BI2388" s="93"/>
      <c r="BJ2388" s="93"/>
      <c r="BK2388" s="93"/>
      <c r="BL2388" s="93"/>
    </row>
    <row r="2389" spans="2:64" x14ac:dyDescent="0.2">
      <c r="B2389" s="43"/>
      <c r="C2389" s="73"/>
      <c r="D2389" s="64"/>
      <c r="E2389" s="55"/>
      <c r="F2389" s="74"/>
      <c r="G2389" s="74"/>
      <c r="H2389" s="74"/>
      <c r="I2389" s="75"/>
      <c r="J2389" s="74"/>
      <c r="L2389" s="55"/>
      <c r="M2389" s="234"/>
      <c r="N2389" s="65"/>
      <c r="O2389" s="76"/>
      <c r="P2389" s="76"/>
      <c r="Q2389" s="65"/>
      <c r="R2389" s="76"/>
      <c r="S2389" s="76"/>
      <c r="T2389" s="76"/>
      <c r="U2389" s="76"/>
      <c r="V2389" s="76"/>
      <c r="W2389" s="76"/>
      <c r="X2389" s="76"/>
      <c r="Y2389" s="76"/>
      <c r="Z2389" s="76"/>
      <c r="AA2389" s="85"/>
      <c r="AB2389" s="85"/>
      <c r="AC2389" s="85"/>
      <c r="AD2389" s="85"/>
      <c r="AE2389" s="85"/>
      <c r="AF2389" s="85"/>
      <c r="AG2389" s="86"/>
      <c r="AH2389" s="85"/>
      <c r="AI2389" s="85"/>
      <c r="AJ2389" s="85"/>
      <c r="AK2389" s="85"/>
      <c r="AL2389" s="85"/>
      <c r="AM2389" s="92"/>
      <c r="AN2389" s="92"/>
      <c r="AO2389" s="92"/>
      <c r="AP2389" s="92"/>
      <c r="AQ2389" s="92"/>
      <c r="AR2389" s="92"/>
      <c r="AS2389" s="92"/>
      <c r="AT2389" s="92"/>
      <c r="AU2389" s="92"/>
      <c r="AV2389" s="92"/>
      <c r="AW2389" s="92"/>
      <c r="AX2389" s="92"/>
      <c r="AY2389" s="92"/>
      <c r="AZ2389" s="93"/>
      <c r="BA2389" s="93"/>
      <c r="BB2389" s="93"/>
      <c r="BC2389" s="93"/>
      <c r="BD2389" s="93"/>
      <c r="BE2389" s="93"/>
      <c r="BF2389" s="93"/>
      <c r="BG2389" s="93"/>
      <c r="BH2389" s="93"/>
      <c r="BI2389" s="93"/>
      <c r="BJ2389" s="93"/>
      <c r="BK2389" s="93"/>
      <c r="BL2389" s="93"/>
    </row>
    <row r="2390" spans="2:64" x14ac:dyDescent="0.2">
      <c r="B2390" s="43"/>
      <c r="C2390" s="73"/>
      <c r="D2390" s="64"/>
      <c r="E2390" s="55"/>
      <c r="F2390" s="74"/>
      <c r="G2390" s="74"/>
      <c r="H2390" s="74"/>
      <c r="I2390" s="75"/>
      <c r="J2390" s="74"/>
      <c r="L2390" s="55"/>
      <c r="M2390" s="234"/>
      <c r="N2390" s="65"/>
      <c r="O2390" s="76"/>
      <c r="P2390" s="76"/>
      <c r="Q2390" s="65"/>
      <c r="R2390" s="76"/>
      <c r="S2390" s="76"/>
      <c r="T2390" s="76"/>
      <c r="U2390" s="76"/>
      <c r="V2390" s="76"/>
      <c r="W2390" s="76"/>
      <c r="X2390" s="76"/>
      <c r="Y2390" s="76"/>
      <c r="Z2390" s="76"/>
      <c r="AA2390" s="85"/>
      <c r="AB2390" s="85"/>
      <c r="AC2390" s="85"/>
      <c r="AD2390" s="85"/>
      <c r="AE2390" s="85"/>
      <c r="AF2390" s="85"/>
      <c r="AG2390" s="86"/>
      <c r="AH2390" s="85"/>
      <c r="AI2390" s="85"/>
      <c r="AJ2390" s="85"/>
      <c r="AK2390" s="85"/>
      <c r="AL2390" s="85"/>
      <c r="AM2390" s="92"/>
      <c r="AN2390" s="92"/>
      <c r="AO2390" s="92"/>
      <c r="AP2390" s="92"/>
      <c r="AQ2390" s="92"/>
      <c r="AR2390" s="92"/>
      <c r="AS2390" s="92"/>
      <c r="AT2390" s="92"/>
      <c r="AU2390" s="92"/>
      <c r="AV2390" s="92"/>
      <c r="AW2390" s="92"/>
      <c r="AX2390" s="92"/>
      <c r="AY2390" s="92"/>
      <c r="AZ2390" s="93"/>
      <c r="BA2390" s="93"/>
      <c r="BB2390" s="93"/>
      <c r="BC2390" s="93"/>
      <c r="BD2390" s="93"/>
      <c r="BE2390" s="93"/>
      <c r="BF2390" s="93"/>
      <c r="BG2390" s="93"/>
      <c r="BH2390" s="93"/>
      <c r="BI2390" s="93"/>
      <c r="BJ2390" s="93"/>
      <c r="BK2390" s="93"/>
      <c r="BL2390" s="93"/>
    </row>
    <row r="2391" spans="2:64" x14ac:dyDescent="0.2">
      <c r="B2391" s="43"/>
      <c r="C2391" s="73"/>
      <c r="D2391" s="64"/>
      <c r="E2391" s="55"/>
      <c r="F2391" s="74"/>
      <c r="G2391" s="74"/>
      <c r="H2391" s="74"/>
      <c r="I2391" s="75"/>
      <c r="J2391" s="74"/>
      <c r="L2391" s="55"/>
      <c r="M2391" s="234"/>
      <c r="N2391" s="65"/>
      <c r="O2391" s="76"/>
      <c r="P2391" s="76"/>
      <c r="Q2391" s="65"/>
      <c r="R2391" s="76"/>
      <c r="S2391" s="76"/>
      <c r="T2391" s="76"/>
      <c r="U2391" s="76"/>
      <c r="V2391" s="76"/>
      <c r="W2391" s="76"/>
      <c r="X2391" s="76"/>
      <c r="Y2391" s="76"/>
      <c r="Z2391" s="76"/>
      <c r="AA2391" s="85"/>
      <c r="AB2391" s="85"/>
      <c r="AC2391" s="85"/>
      <c r="AD2391" s="85"/>
      <c r="AE2391" s="85"/>
      <c r="AF2391" s="85"/>
      <c r="AG2391" s="86"/>
      <c r="AH2391" s="85"/>
      <c r="AI2391" s="85"/>
      <c r="AJ2391" s="85"/>
      <c r="AK2391" s="85"/>
      <c r="AL2391" s="85"/>
      <c r="AM2391" s="92"/>
      <c r="AN2391" s="92"/>
      <c r="AO2391" s="92"/>
      <c r="AP2391" s="92"/>
      <c r="AQ2391" s="92"/>
      <c r="AR2391" s="92"/>
      <c r="AS2391" s="92"/>
      <c r="AT2391" s="92"/>
      <c r="AU2391" s="92"/>
      <c r="AV2391" s="92"/>
      <c r="AW2391" s="92"/>
      <c r="AX2391" s="92"/>
      <c r="AY2391" s="92"/>
      <c r="AZ2391" s="93"/>
      <c r="BA2391" s="93"/>
      <c r="BB2391" s="93"/>
      <c r="BC2391" s="93"/>
      <c r="BD2391" s="93"/>
      <c r="BE2391" s="93"/>
      <c r="BF2391" s="93"/>
      <c r="BG2391" s="93"/>
      <c r="BH2391" s="93"/>
      <c r="BI2391" s="93"/>
      <c r="BJ2391" s="93"/>
      <c r="BK2391" s="93"/>
      <c r="BL2391" s="93"/>
    </row>
    <row r="2392" spans="2:64" x14ac:dyDescent="0.2">
      <c r="B2392" s="43"/>
      <c r="C2392" s="73"/>
      <c r="D2392" s="64"/>
      <c r="E2392" s="55"/>
      <c r="F2392" s="74"/>
      <c r="G2392" s="74"/>
      <c r="H2392" s="74"/>
      <c r="I2392" s="75"/>
      <c r="J2392" s="74"/>
      <c r="L2392" s="55"/>
      <c r="M2392" s="234"/>
      <c r="N2392" s="65"/>
      <c r="O2392" s="76"/>
      <c r="P2392" s="76"/>
      <c r="Q2392" s="65"/>
      <c r="R2392" s="76"/>
      <c r="S2392" s="76"/>
      <c r="T2392" s="76"/>
      <c r="U2392" s="76"/>
      <c r="V2392" s="76"/>
      <c r="W2392" s="76"/>
      <c r="X2392" s="76"/>
      <c r="Y2392" s="76"/>
      <c r="Z2392" s="76"/>
      <c r="AA2392" s="85"/>
      <c r="AB2392" s="85"/>
      <c r="AC2392" s="85"/>
      <c r="AD2392" s="85"/>
      <c r="AE2392" s="85"/>
      <c r="AF2392" s="85"/>
      <c r="AG2392" s="86"/>
      <c r="AH2392" s="85"/>
      <c r="AI2392" s="85"/>
      <c r="AJ2392" s="85"/>
      <c r="AK2392" s="85"/>
      <c r="AL2392" s="85"/>
      <c r="AM2392" s="92"/>
      <c r="AN2392" s="92"/>
      <c r="AO2392" s="92"/>
      <c r="AP2392" s="92"/>
      <c r="AQ2392" s="92"/>
      <c r="AR2392" s="92"/>
      <c r="AS2392" s="92"/>
      <c r="AT2392" s="92"/>
      <c r="AU2392" s="92"/>
      <c r="AV2392" s="92"/>
      <c r="AW2392" s="92"/>
      <c r="AX2392" s="92"/>
      <c r="AY2392" s="92"/>
      <c r="AZ2392" s="93"/>
      <c r="BA2392" s="93"/>
      <c r="BB2392" s="93"/>
      <c r="BC2392" s="93"/>
      <c r="BD2392" s="93"/>
      <c r="BE2392" s="93"/>
      <c r="BF2392" s="93"/>
      <c r="BG2392" s="93"/>
      <c r="BH2392" s="93"/>
      <c r="BI2392" s="93"/>
      <c r="BJ2392" s="93"/>
      <c r="BK2392" s="93"/>
      <c r="BL2392" s="93"/>
    </row>
    <row r="2393" spans="2:64" x14ac:dyDescent="0.2">
      <c r="B2393" s="43"/>
      <c r="C2393" s="73"/>
      <c r="D2393" s="64"/>
      <c r="E2393" s="55"/>
      <c r="F2393" s="74"/>
      <c r="G2393" s="74"/>
      <c r="H2393" s="74"/>
      <c r="I2393" s="75"/>
      <c r="J2393" s="74"/>
      <c r="L2393" s="55"/>
      <c r="M2393" s="234"/>
      <c r="N2393" s="65"/>
      <c r="O2393" s="76"/>
      <c r="P2393" s="76"/>
      <c r="Q2393" s="65"/>
      <c r="R2393" s="76"/>
      <c r="S2393" s="76"/>
      <c r="T2393" s="76"/>
      <c r="U2393" s="76"/>
      <c r="V2393" s="76"/>
      <c r="W2393" s="76"/>
      <c r="X2393" s="76"/>
      <c r="Y2393" s="76"/>
      <c r="Z2393" s="76"/>
      <c r="AA2393" s="85"/>
      <c r="AB2393" s="85"/>
      <c r="AC2393" s="85"/>
      <c r="AD2393" s="85"/>
      <c r="AE2393" s="85"/>
      <c r="AF2393" s="85"/>
      <c r="AG2393" s="86"/>
      <c r="AH2393" s="85"/>
      <c r="AI2393" s="85"/>
      <c r="AJ2393" s="85"/>
      <c r="AK2393" s="85"/>
      <c r="AL2393" s="85"/>
      <c r="AM2393" s="92"/>
      <c r="AN2393" s="92"/>
      <c r="AO2393" s="92"/>
      <c r="AP2393" s="92"/>
      <c r="AQ2393" s="92"/>
      <c r="AR2393" s="92"/>
      <c r="AS2393" s="92"/>
      <c r="AT2393" s="92"/>
      <c r="AU2393" s="92"/>
      <c r="AV2393" s="92"/>
      <c r="AW2393" s="92"/>
      <c r="AX2393" s="92"/>
      <c r="AY2393" s="92"/>
      <c r="AZ2393" s="93"/>
      <c r="BA2393" s="93"/>
      <c r="BB2393" s="93"/>
      <c r="BC2393" s="93"/>
      <c r="BD2393" s="93"/>
      <c r="BE2393" s="93"/>
      <c r="BF2393" s="93"/>
      <c r="BG2393" s="93"/>
      <c r="BH2393" s="93"/>
      <c r="BI2393" s="93"/>
      <c r="BJ2393" s="93"/>
      <c r="BK2393" s="93"/>
      <c r="BL2393" s="93"/>
    </row>
    <row r="2394" spans="2:64" x14ac:dyDescent="0.2">
      <c r="B2394" s="43"/>
      <c r="C2394" s="73"/>
      <c r="D2394" s="64"/>
      <c r="E2394" s="55"/>
      <c r="F2394" s="74"/>
      <c r="G2394" s="74"/>
      <c r="H2394" s="74"/>
      <c r="I2394" s="75"/>
      <c r="J2394" s="74"/>
      <c r="L2394" s="55"/>
      <c r="M2394" s="234"/>
      <c r="N2394" s="65"/>
      <c r="O2394" s="76"/>
      <c r="P2394" s="76"/>
      <c r="Q2394" s="65"/>
      <c r="R2394" s="76"/>
      <c r="S2394" s="76"/>
      <c r="T2394" s="76"/>
      <c r="U2394" s="76"/>
      <c r="V2394" s="76"/>
      <c r="W2394" s="76"/>
      <c r="X2394" s="76"/>
      <c r="Y2394" s="76"/>
      <c r="Z2394" s="76"/>
      <c r="AA2394" s="85"/>
      <c r="AB2394" s="85"/>
      <c r="AC2394" s="85"/>
      <c r="AD2394" s="85"/>
      <c r="AE2394" s="85"/>
      <c r="AF2394" s="85"/>
      <c r="AG2394" s="86"/>
      <c r="AH2394" s="85"/>
      <c r="AI2394" s="85"/>
      <c r="AJ2394" s="85"/>
      <c r="AK2394" s="85"/>
      <c r="AL2394" s="85"/>
      <c r="AM2394" s="92"/>
      <c r="AN2394" s="92"/>
      <c r="AO2394" s="92"/>
      <c r="AP2394" s="92"/>
      <c r="AQ2394" s="92"/>
      <c r="AR2394" s="92"/>
      <c r="AS2394" s="92"/>
      <c r="AT2394" s="92"/>
      <c r="AU2394" s="92"/>
      <c r="AV2394" s="92"/>
      <c r="AW2394" s="92"/>
      <c r="AX2394" s="92"/>
      <c r="AY2394" s="92"/>
      <c r="AZ2394" s="93"/>
      <c r="BA2394" s="93"/>
      <c r="BB2394" s="93"/>
      <c r="BC2394" s="93"/>
      <c r="BD2394" s="93"/>
      <c r="BE2394" s="93"/>
      <c r="BF2394" s="93"/>
      <c r="BG2394" s="93"/>
      <c r="BH2394" s="93"/>
      <c r="BI2394" s="93"/>
      <c r="BJ2394" s="93"/>
      <c r="BK2394" s="93"/>
      <c r="BL2394" s="93"/>
    </row>
    <row r="2395" spans="2:64" x14ac:dyDescent="0.2">
      <c r="B2395" s="43"/>
      <c r="C2395" s="73"/>
      <c r="D2395" s="64"/>
      <c r="E2395" s="55"/>
      <c r="F2395" s="74"/>
      <c r="G2395" s="74"/>
      <c r="H2395" s="74"/>
      <c r="I2395" s="75"/>
      <c r="J2395" s="74"/>
      <c r="L2395" s="55"/>
      <c r="M2395" s="234"/>
      <c r="N2395" s="65"/>
      <c r="O2395" s="76"/>
      <c r="P2395" s="76"/>
      <c r="Q2395" s="65"/>
      <c r="R2395" s="76"/>
      <c r="S2395" s="76"/>
      <c r="T2395" s="76"/>
      <c r="U2395" s="76"/>
      <c r="V2395" s="76"/>
      <c r="W2395" s="76"/>
      <c r="X2395" s="76"/>
      <c r="Y2395" s="76"/>
      <c r="Z2395" s="76"/>
      <c r="AA2395" s="85"/>
      <c r="AB2395" s="85"/>
      <c r="AC2395" s="85"/>
      <c r="AD2395" s="85"/>
      <c r="AE2395" s="85"/>
      <c r="AF2395" s="85"/>
      <c r="AG2395" s="86"/>
      <c r="AH2395" s="85"/>
      <c r="AI2395" s="85"/>
      <c r="AJ2395" s="85"/>
      <c r="AK2395" s="85"/>
      <c r="AL2395" s="85"/>
      <c r="AM2395" s="92"/>
      <c r="AN2395" s="92"/>
      <c r="AO2395" s="92"/>
      <c r="AP2395" s="92"/>
      <c r="AQ2395" s="92"/>
      <c r="AR2395" s="92"/>
      <c r="AS2395" s="92"/>
      <c r="AT2395" s="92"/>
      <c r="AU2395" s="92"/>
      <c r="AV2395" s="92"/>
      <c r="AW2395" s="92"/>
      <c r="AX2395" s="92"/>
      <c r="AY2395" s="92"/>
      <c r="AZ2395" s="93"/>
      <c r="BA2395" s="93"/>
      <c r="BB2395" s="93"/>
      <c r="BC2395" s="93"/>
      <c r="BD2395" s="93"/>
      <c r="BE2395" s="93"/>
      <c r="BF2395" s="93"/>
      <c r="BG2395" s="93"/>
      <c r="BH2395" s="93"/>
      <c r="BI2395" s="93"/>
      <c r="BJ2395" s="93"/>
      <c r="BK2395" s="93"/>
      <c r="BL2395" s="93"/>
    </row>
    <row r="2396" spans="2:64" x14ac:dyDescent="0.2">
      <c r="B2396" s="43"/>
      <c r="C2396" s="73"/>
      <c r="D2396" s="64"/>
      <c r="E2396" s="55"/>
      <c r="F2396" s="74"/>
      <c r="G2396" s="74"/>
      <c r="H2396" s="74"/>
      <c r="I2396" s="75"/>
      <c r="J2396" s="74"/>
      <c r="L2396" s="55"/>
      <c r="M2396" s="234"/>
      <c r="N2396" s="65"/>
      <c r="O2396" s="76"/>
      <c r="P2396" s="76"/>
      <c r="Q2396" s="65"/>
      <c r="R2396" s="76"/>
      <c r="S2396" s="76"/>
      <c r="T2396" s="76"/>
      <c r="U2396" s="76"/>
      <c r="V2396" s="76"/>
      <c r="W2396" s="76"/>
      <c r="X2396" s="76"/>
      <c r="Y2396" s="76"/>
      <c r="Z2396" s="76"/>
      <c r="AA2396" s="85"/>
      <c r="AB2396" s="85"/>
      <c r="AC2396" s="85"/>
      <c r="AD2396" s="85"/>
      <c r="AE2396" s="85"/>
      <c r="AF2396" s="85"/>
      <c r="AG2396" s="86"/>
      <c r="AH2396" s="85"/>
      <c r="AI2396" s="85"/>
      <c r="AJ2396" s="85"/>
      <c r="AK2396" s="85"/>
      <c r="AL2396" s="85"/>
      <c r="AM2396" s="92"/>
      <c r="AN2396" s="92"/>
      <c r="AO2396" s="92"/>
      <c r="AP2396" s="92"/>
      <c r="AQ2396" s="92"/>
      <c r="AR2396" s="92"/>
      <c r="AS2396" s="92"/>
      <c r="AT2396" s="92"/>
      <c r="AU2396" s="92"/>
      <c r="AV2396" s="92"/>
      <c r="AW2396" s="92"/>
      <c r="AX2396" s="92"/>
      <c r="AY2396" s="92"/>
      <c r="AZ2396" s="93"/>
      <c r="BA2396" s="93"/>
      <c r="BB2396" s="93"/>
      <c r="BC2396" s="93"/>
      <c r="BD2396" s="93"/>
      <c r="BE2396" s="93"/>
      <c r="BF2396" s="93"/>
      <c r="BG2396" s="93"/>
      <c r="BH2396" s="93"/>
      <c r="BI2396" s="93"/>
      <c r="BJ2396" s="93"/>
      <c r="BK2396" s="93"/>
      <c r="BL2396" s="93"/>
    </row>
    <row r="2397" spans="2:64" x14ac:dyDescent="0.2">
      <c r="B2397" s="43"/>
      <c r="C2397" s="73"/>
      <c r="D2397" s="64"/>
      <c r="E2397" s="55"/>
      <c r="F2397" s="74"/>
      <c r="G2397" s="74"/>
      <c r="H2397" s="74"/>
      <c r="I2397" s="75"/>
      <c r="J2397" s="74"/>
      <c r="L2397" s="55"/>
      <c r="M2397" s="234"/>
      <c r="N2397" s="65"/>
      <c r="O2397" s="76"/>
      <c r="P2397" s="76"/>
      <c r="Q2397" s="65"/>
      <c r="R2397" s="76"/>
      <c r="S2397" s="76"/>
      <c r="T2397" s="76"/>
      <c r="U2397" s="76"/>
      <c r="V2397" s="76"/>
      <c r="W2397" s="76"/>
      <c r="X2397" s="76"/>
      <c r="Y2397" s="76"/>
      <c r="Z2397" s="76"/>
      <c r="AA2397" s="85"/>
      <c r="AB2397" s="85"/>
      <c r="AC2397" s="85"/>
      <c r="AD2397" s="85"/>
      <c r="AE2397" s="85"/>
      <c r="AF2397" s="85"/>
      <c r="AG2397" s="86"/>
      <c r="AH2397" s="85"/>
      <c r="AI2397" s="85"/>
      <c r="AJ2397" s="85"/>
      <c r="AK2397" s="85"/>
      <c r="AL2397" s="85"/>
      <c r="AM2397" s="92"/>
      <c r="AN2397" s="92"/>
      <c r="AO2397" s="92"/>
      <c r="AP2397" s="92"/>
      <c r="AQ2397" s="92"/>
      <c r="AR2397" s="92"/>
      <c r="AS2397" s="92"/>
      <c r="AT2397" s="92"/>
      <c r="AU2397" s="92"/>
      <c r="AV2397" s="92"/>
      <c r="AW2397" s="92"/>
      <c r="AX2397" s="92"/>
      <c r="AY2397" s="92"/>
      <c r="AZ2397" s="93"/>
      <c r="BA2397" s="93"/>
      <c r="BB2397" s="93"/>
      <c r="BC2397" s="93"/>
      <c r="BD2397" s="93"/>
      <c r="BE2397" s="93"/>
      <c r="BF2397" s="93"/>
      <c r="BG2397" s="93"/>
      <c r="BH2397" s="93"/>
      <c r="BI2397" s="93"/>
      <c r="BJ2397" s="93"/>
      <c r="BK2397" s="93"/>
      <c r="BL2397" s="93"/>
    </row>
    <row r="2398" spans="2:64" x14ac:dyDescent="0.2">
      <c r="B2398" s="43"/>
      <c r="C2398" s="73"/>
      <c r="D2398" s="64"/>
      <c r="E2398" s="55"/>
      <c r="F2398" s="74"/>
      <c r="G2398" s="74"/>
      <c r="H2398" s="74"/>
      <c r="I2398" s="75"/>
      <c r="J2398" s="74"/>
      <c r="L2398" s="55"/>
      <c r="M2398" s="234"/>
      <c r="N2398" s="65"/>
      <c r="O2398" s="76"/>
      <c r="P2398" s="76"/>
      <c r="Q2398" s="65"/>
      <c r="R2398" s="76"/>
      <c r="S2398" s="76"/>
      <c r="T2398" s="76"/>
      <c r="U2398" s="76"/>
      <c r="V2398" s="76"/>
      <c r="W2398" s="76"/>
      <c r="X2398" s="76"/>
      <c r="Y2398" s="76"/>
      <c r="Z2398" s="76"/>
      <c r="AA2398" s="85"/>
      <c r="AB2398" s="85"/>
      <c r="AC2398" s="85"/>
      <c r="AD2398" s="85"/>
      <c r="AE2398" s="85"/>
      <c r="AF2398" s="85"/>
      <c r="AG2398" s="86"/>
      <c r="AH2398" s="85"/>
      <c r="AI2398" s="85"/>
      <c r="AJ2398" s="85"/>
      <c r="AK2398" s="85"/>
      <c r="AL2398" s="85"/>
      <c r="AM2398" s="92"/>
      <c r="AN2398" s="92"/>
      <c r="AO2398" s="92"/>
      <c r="AP2398" s="92"/>
      <c r="AQ2398" s="92"/>
      <c r="AR2398" s="92"/>
      <c r="AS2398" s="92"/>
      <c r="AT2398" s="92"/>
      <c r="AU2398" s="92"/>
      <c r="AV2398" s="92"/>
      <c r="AW2398" s="92"/>
      <c r="AX2398" s="92"/>
      <c r="AY2398" s="92"/>
      <c r="AZ2398" s="93"/>
      <c r="BA2398" s="93"/>
      <c r="BB2398" s="93"/>
      <c r="BC2398" s="93"/>
      <c r="BD2398" s="93"/>
      <c r="BE2398" s="93"/>
      <c r="BF2398" s="93"/>
      <c r="BG2398" s="93"/>
      <c r="BH2398" s="93"/>
      <c r="BI2398" s="93"/>
      <c r="BJ2398" s="93"/>
      <c r="BK2398" s="93"/>
      <c r="BL2398" s="93"/>
    </row>
    <row r="2399" spans="2:64" x14ac:dyDescent="0.2">
      <c r="B2399" s="43"/>
      <c r="C2399" s="73"/>
      <c r="D2399" s="64"/>
      <c r="E2399" s="55"/>
      <c r="F2399" s="74"/>
      <c r="G2399" s="74"/>
      <c r="H2399" s="74"/>
      <c r="I2399" s="75"/>
      <c r="J2399" s="74"/>
      <c r="L2399" s="55"/>
      <c r="M2399" s="234"/>
      <c r="N2399" s="65"/>
      <c r="O2399" s="76"/>
      <c r="P2399" s="76"/>
      <c r="Q2399" s="65"/>
      <c r="R2399" s="76"/>
      <c r="S2399" s="76"/>
      <c r="T2399" s="76"/>
      <c r="U2399" s="76"/>
      <c r="V2399" s="76"/>
      <c r="W2399" s="76"/>
      <c r="X2399" s="76"/>
      <c r="Y2399" s="76"/>
      <c r="Z2399" s="76"/>
      <c r="AA2399" s="85"/>
      <c r="AB2399" s="85"/>
      <c r="AC2399" s="85"/>
      <c r="AD2399" s="85"/>
      <c r="AE2399" s="85"/>
      <c r="AF2399" s="85"/>
      <c r="AG2399" s="86"/>
      <c r="AH2399" s="85"/>
      <c r="AI2399" s="85"/>
      <c r="AJ2399" s="85"/>
      <c r="AK2399" s="85"/>
      <c r="AL2399" s="85"/>
      <c r="AM2399" s="92"/>
      <c r="AN2399" s="92"/>
      <c r="AO2399" s="92"/>
      <c r="AP2399" s="92"/>
      <c r="AQ2399" s="92"/>
      <c r="AR2399" s="92"/>
      <c r="AS2399" s="92"/>
      <c r="AT2399" s="92"/>
      <c r="AU2399" s="92"/>
      <c r="AV2399" s="92"/>
      <c r="AW2399" s="92"/>
      <c r="AX2399" s="92"/>
      <c r="AY2399" s="92"/>
      <c r="AZ2399" s="93"/>
      <c r="BA2399" s="93"/>
      <c r="BB2399" s="93"/>
      <c r="BC2399" s="93"/>
      <c r="BD2399" s="93"/>
      <c r="BE2399" s="93"/>
      <c r="BF2399" s="93"/>
      <c r="BG2399" s="93"/>
      <c r="BH2399" s="93"/>
      <c r="BI2399" s="93"/>
      <c r="BJ2399" s="93"/>
      <c r="BK2399" s="93"/>
      <c r="BL2399" s="93"/>
    </row>
    <row r="2400" spans="2:64" x14ac:dyDescent="0.2">
      <c r="B2400" s="43"/>
      <c r="C2400" s="73"/>
      <c r="D2400" s="64"/>
      <c r="E2400" s="55"/>
      <c r="F2400" s="74"/>
      <c r="G2400" s="74"/>
      <c r="H2400" s="74"/>
      <c r="I2400" s="75"/>
      <c r="J2400" s="74"/>
      <c r="L2400" s="55"/>
      <c r="M2400" s="234"/>
      <c r="N2400" s="65"/>
      <c r="O2400" s="76"/>
      <c r="P2400" s="76"/>
      <c r="Q2400" s="65"/>
      <c r="R2400" s="76"/>
      <c r="S2400" s="76"/>
      <c r="T2400" s="76"/>
      <c r="U2400" s="76"/>
      <c r="V2400" s="76"/>
      <c r="W2400" s="76"/>
      <c r="X2400" s="76"/>
      <c r="Y2400" s="76"/>
      <c r="Z2400" s="76"/>
      <c r="AA2400" s="85"/>
      <c r="AB2400" s="85"/>
      <c r="AC2400" s="85"/>
      <c r="AD2400" s="85"/>
      <c r="AE2400" s="85"/>
      <c r="AF2400" s="85"/>
      <c r="AG2400" s="86"/>
      <c r="AH2400" s="85"/>
      <c r="AI2400" s="85"/>
      <c r="AJ2400" s="85"/>
      <c r="AK2400" s="85"/>
      <c r="AL2400" s="85"/>
      <c r="AM2400" s="92"/>
      <c r="AN2400" s="92"/>
      <c r="AO2400" s="92"/>
      <c r="AP2400" s="92"/>
      <c r="AQ2400" s="92"/>
      <c r="AR2400" s="92"/>
      <c r="AS2400" s="92"/>
      <c r="AT2400" s="92"/>
      <c r="AU2400" s="92"/>
      <c r="AV2400" s="92"/>
      <c r="AW2400" s="92"/>
      <c r="AX2400" s="92"/>
      <c r="AY2400" s="92"/>
      <c r="AZ2400" s="93"/>
      <c r="BA2400" s="93"/>
      <c r="BB2400" s="93"/>
      <c r="BC2400" s="93"/>
      <c r="BD2400" s="93"/>
      <c r="BE2400" s="93"/>
      <c r="BF2400" s="93"/>
      <c r="BG2400" s="93"/>
      <c r="BH2400" s="93"/>
      <c r="BI2400" s="93"/>
      <c r="BJ2400" s="93"/>
      <c r="BK2400" s="93"/>
      <c r="BL2400" s="93"/>
    </row>
    <row r="2401" spans="2:64" x14ac:dyDescent="0.2">
      <c r="B2401" s="43"/>
      <c r="C2401" s="73"/>
      <c r="D2401" s="64"/>
      <c r="E2401" s="55"/>
      <c r="F2401" s="74"/>
      <c r="G2401" s="74"/>
      <c r="H2401" s="74"/>
      <c r="I2401" s="75"/>
      <c r="J2401" s="74"/>
      <c r="L2401" s="55"/>
      <c r="M2401" s="234"/>
      <c r="N2401" s="65"/>
      <c r="O2401" s="76"/>
      <c r="P2401" s="76"/>
      <c r="Q2401" s="65"/>
      <c r="R2401" s="76"/>
      <c r="S2401" s="76"/>
      <c r="T2401" s="76"/>
      <c r="U2401" s="76"/>
      <c r="V2401" s="76"/>
      <c r="W2401" s="76"/>
      <c r="X2401" s="76"/>
      <c r="Y2401" s="76"/>
      <c r="Z2401" s="76"/>
      <c r="AA2401" s="85"/>
      <c r="AB2401" s="85"/>
      <c r="AC2401" s="85"/>
      <c r="AD2401" s="85"/>
      <c r="AE2401" s="85"/>
      <c r="AF2401" s="85"/>
      <c r="AG2401" s="86"/>
      <c r="AH2401" s="85"/>
      <c r="AI2401" s="85"/>
      <c r="AJ2401" s="85"/>
      <c r="AK2401" s="85"/>
      <c r="AL2401" s="85"/>
      <c r="AM2401" s="92"/>
      <c r="AN2401" s="92"/>
      <c r="AO2401" s="92"/>
      <c r="AP2401" s="92"/>
      <c r="AQ2401" s="92"/>
      <c r="AR2401" s="92"/>
      <c r="AS2401" s="92"/>
      <c r="AT2401" s="92"/>
      <c r="AU2401" s="92"/>
      <c r="AV2401" s="92"/>
      <c r="AW2401" s="92"/>
      <c r="AX2401" s="92"/>
      <c r="AY2401" s="92"/>
      <c r="AZ2401" s="93"/>
      <c r="BA2401" s="93"/>
      <c r="BB2401" s="93"/>
      <c r="BC2401" s="93"/>
      <c r="BD2401" s="93"/>
      <c r="BE2401" s="93"/>
      <c r="BF2401" s="93"/>
      <c r="BG2401" s="93"/>
      <c r="BH2401" s="93"/>
      <c r="BI2401" s="93"/>
      <c r="BJ2401" s="93"/>
      <c r="BK2401" s="93"/>
      <c r="BL2401" s="93"/>
    </row>
    <row r="2402" spans="2:64" x14ac:dyDescent="0.2">
      <c r="B2402" s="43"/>
      <c r="C2402" s="73"/>
      <c r="D2402" s="64"/>
      <c r="E2402" s="55"/>
      <c r="F2402" s="74"/>
      <c r="G2402" s="74"/>
      <c r="H2402" s="74"/>
      <c r="I2402" s="75"/>
      <c r="J2402" s="74"/>
      <c r="L2402" s="55"/>
      <c r="M2402" s="234"/>
      <c r="N2402" s="65"/>
      <c r="O2402" s="76"/>
      <c r="P2402" s="76"/>
      <c r="Q2402" s="65"/>
      <c r="R2402" s="76"/>
      <c r="S2402" s="76"/>
      <c r="T2402" s="76"/>
      <c r="U2402" s="76"/>
      <c r="V2402" s="76"/>
      <c r="W2402" s="76"/>
      <c r="X2402" s="76"/>
      <c r="Y2402" s="76"/>
      <c r="Z2402" s="76"/>
      <c r="AA2402" s="85"/>
      <c r="AB2402" s="85"/>
      <c r="AC2402" s="85"/>
      <c r="AD2402" s="85"/>
      <c r="AE2402" s="85"/>
      <c r="AF2402" s="85"/>
      <c r="AG2402" s="86"/>
      <c r="AH2402" s="85"/>
      <c r="AI2402" s="85"/>
      <c r="AJ2402" s="85"/>
      <c r="AK2402" s="85"/>
      <c r="AL2402" s="85"/>
      <c r="AM2402" s="92"/>
      <c r="AN2402" s="92"/>
      <c r="AO2402" s="92"/>
      <c r="AP2402" s="92"/>
      <c r="AQ2402" s="92"/>
      <c r="AR2402" s="92"/>
      <c r="AS2402" s="92"/>
      <c r="AT2402" s="92"/>
      <c r="AU2402" s="92"/>
      <c r="AV2402" s="92"/>
      <c r="AW2402" s="92"/>
      <c r="AX2402" s="92"/>
      <c r="AY2402" s="92"/>
      <c r="AZ2402" s="93"/>
      <c r="BA2402" s="93"/>
      <c r="BB2402" s="93"/>
      <c r="BC2402" s="93"/>
      <c r="BD2402" s="93"/>
      <c r="BE2402" s="93"/>
      <c r="BF2402" s="93"/>
      <c r="BG2402" s="93"/>
      <c r="BH2402" s="93"/>
      <c r="BI2402" s="93"/>
      <c r="BJ2402" s="93"/>
      <c r="BK2402" s="93"/>
      <c r="BL2402" s="93"/>
    </row>
    <row r="2403" spans="2:64" x14ac:dyDescent="0.2">
      <c r="B2403" s="43"/>
      <c r="C2403" s="73"/>
      <c r="D2403" s="64"/>
      <c r="E2403" s="55"/>
      <c r="F2403" s="74"/>
      <c r="G2403" s="74"/>
      <c r="H2403" s="74"/>
      <c r="I2403" s="75"/>
      <c r="J2403" s="74"/>
      <c r="L2403" s="55"/>
      <c r="M2403" s="234"/>
      <c r="N2403" s="65"/>
      <c r="O2403" s="76"/>
      <c r="P2403" s="76"/>
      <c r="Q2403" s="65"/>
      <c r="R2403" s="76"/>
      <c r="S2403" s="76"/>
      <c r="T2403" s="76"/>
      <c r="U2403" s="76"/>
      <c r="V2403" s="76"/>
      <c r="W2403" s="76"/>
      <c r="X2403" s="76"/>
      <c r="Y2403" s="76"/>
      <c r="Z2403" s="76"/>
      <c r="AA2403" s="85"/>
      <c r="AB2403" s="85"/>
      <c r="AC2403" s="85"/>
      <c r="AD2403" s="85"/>
      <c r="AE2403" s="85"/>
      <c r="AF2403" s="85"/>
      <c r="AG2403" s="86"/>
      <c r="AH2403" s="85"/>
      <c r="AI2403" s="85"/>
      <c r="AJ2403" s="85"/>
      <c r="AK2403" s="85"/>
      <c r="AL2403" s="85"/>
      <c r="AM2403" s="92"/>
      <c r="AN2403" s="92"/>
      <c r="AO2403" s="92"/>
      <c r="AP2403" s="92"/>
      <c r="AQ2403" s="92"/>
      <c r="AR2403" s="92"/>
      <c r="AS2403" s="92"/>
      <c r="AT2403" s="92"/>
      <c r="AU2403" s="92"/>
      <c r="AV2403" s="92"/>
      <c r="AW2403" s="92"/>
      <c r="AX2403" s="92"/>
      <c r="AY2403" s="92"/>
      <c r="AZ2403" s="93"/>
      <c r="BA2403" s="93"/>
      <c r="BB2403" s="93"/>
      <c r="BC2403" s="93"/>
      <c r="BD2403" s="93"/>
      <c r="BE2403" s="93"/>
      <c r="BF2403" s="93"/>
      <c r="BG2403" s="93"/>
      <c r="BH2403" s="93"/>
      <c r="BI2403" s="93"/>
      <c r="BJ2403" s="93"/>
      <c r="BK2403" s="93"/>
      <c r="BL2403" s="93"/>
    </row>
    <row r="2404" spans="2:64" x14ac:dyDescent="0.2">
      <c r="B2404" s="43"/>
      <c r="C2404" s="73"/>
      <c r="D2404" s="64"/>
      <c r="E2404" s="55"/>
      <c r="F2404" s="74"/>
      <c r="G2404" s="74"/>
      <c r="H2404" s="74"/>
      <c r="I2404" s="75"/>
      <c r="J2404" s="74"/>
      <c r="L2404" s="55"/>
      <c r="M2404" s="234"/>
      <c r="N2404" s="65"/>
      <c r="O2404" s="76"/>
      <c r="P2404" s="76"/>
      <c r="Q2404" s="65"/>
      <c r="R2404" s="76"/>
      <c r="S2404" s="76"/>
      <c r="T2404" s="76"/>
      <c r="U2404" s="76"/>
      <c r="V2404" s="76"/>
      <c r="W2404" s="76"/>
      <c r="X2404" s="76"/>
      <c r="Y2404" s="76"/>
      <c r="Z2404" s="76"/>
      <c r="AA2404" s="85"/>
      <c r="AB2404" s="85"/>
      <c r="AC2404" s="85"/>
      <c r="AD2404" s="85"/>
      <c r="AE2404" s="85"/>
      <c r="AF2404" s="85"/>
      <c r="AG2404" s="86"/>
      <c r="AH2404" s="85"/>
      <c r="AI2404" s="85"/>
      <c r="AJ2404" s="85"/>
      <c r="AK2404" s="85"/>
      <c r="AL2404" s="85"/>
      <c r="AM2404" s="92"/>
      <c r="AN2404" s="92"/>
      <c r="AO2404" s="92"/>
      <c r="AP2404" s="92"/>
      <c r="AQ2404" s="92"/>
      <c r="AR2404" s="92"/>
      <c r="AS2404" s="92"/>
      <c r="AT2404" s="92"/>
      <c r="AU2404" s="92"/>
      <c r="AV2404" s="92"/>
      <c r="AW2404" s="92"/>
      <c r="AX2404" s="92"/>
      <c r="AY2404" s="92"/>
      <c r="AZ2404" s="93"/>
      <c r="BA2404" s="93"/>
      <c r="BB2404" s="93"/>
      <c r="BC2404" s="93"/>
      <c r="BD2404" s="93"/>
      <c r="BE2404" s="93"/>
      <c r="BF2404" s="93"/>
      <c r="BG2404" s="93"/>
      <c r="BH2404" s="93"/>
      <c r="BI2404" s="93"/>
      <c r="BJ2404" s="93"/>
      <c r="BK2404" s="93"/>
      <c r="BL2404" s="93"/>
    </row>
    <row r="2405" spans="2:64" x14ac:dyDescent="0.2">
      <c r="B2405" s="43"/>
      <c r="C2405" s="73"/>
      <c r="D2405" s="64"/>
      <c r="E2405" s="55"/>
      <c r="F2405" s="74"/>
      <c r="G2405" s="74"/>
      <c r="H2405" s="74"/>
      <c r="I2405" s="75"/>
      <c r="J2405" s="74"/>
      <c r="L2405" s="55"/>
      <c r="M2405" s="234"/>
      <c r="N2405" s="65"/>
      <c r="O2405" s="76"/>
      <c r="P2405" s="76"/>
      <c r="Q2405" s="65"/>
      <c r="R2405" s="76"/>
      <c r="S2405" s="76"/>
      <c r="T2405" s="76"/>
      <c r="U2405" s="76"/>
      <c r="V2405" s="76"/>
      <c r="W2405" s="76"/>
      <c r="X2405" s="76"/>
      <c r="Y2405" s="76"/>
      <c r="Z2405" s="76"/>
      <c r="AA2405" s="85"/>
      <c r="AB2405" s="85"/>
      <c r="AC2405" s="85"/>
      <c r="AD2405" s="85"/>
      <c r="AE2405" s="85"/>
      <c r="AF2405" s="85"/>
      <c r="AG2405" s="86"/>
      <c r="AH2405" s="85"/>
      <c r="AI2405" s="85"/>
      <c r="AJ2405" s="85"/>
      <c r="AK2405" s="85"/>
      <c r="AL2405" s="85"/>
      <c r="AM2405" s="92"/>
      <c r="AN2405" s="92"/>
      <c r="AO2405" s="92"/>
      <c r="AP2405" s="92"/>
      <c r="AQ2405" s="92"/>
      <c r="AR2405" s="92"/>
      <c r="AS2405" s="92"/>
      <c r="AT2405" s="92"/>
      <c r="AU2405" s="92"/>
      <c r="AV2405" s="92"/>
      <c r="AW2405" s="92"/>
      <c r="AX2405" s="92"/>
      <c r="AY2405" s="92"/>
      <c r="AZ2405" s="93"/>
      <c r="BA2405" s="93"/>
      <c r="BB2405" s="93"/>
      <c r="BC2405" s="93"/>
      <c r="BD2405" s="93"/>
      <c r="BE2405" s="93"/>
      <c r="BF2405" s="93"/>
      <c r="BG2405" s="93"/>
      <c r="BH2405" s="93"/>
      <c r="BI2405" s="93"/>
      <c r="BJ2405" s="93"/>
      <c r="BK2405" s="93"/>
      <c r="BL2405" s="93"/>
    </row>
    <row r="2406" spans="2:64" x14ac:dyDescent="0.2">
      <c r="B2406" s="43"/>
      <c r="C2406" s="73"/>
      <c r="D2406" s="64"/>
      <c r="E2406" s="55"/>
      <c r="F2406" s="74"/>
      <c r="G2406" s="74"/>
      <c r="H2406" s="74"/>
      <c r="I2406" s="75"/>
      <c r="J2406" s="74"/>
      <c r="L2406" s="55"/>
      <c r="M2406" s="234"/>
      <c r="N2406" s="65"/>
      <c r="O2406" s="76"/>
      <c r="P2406" s="76"/>
      <c r="Q2406" s="65"/>
      <c r="R2406" s="76"/>
      <c r="S2406" s="76"/>
      <c r="T2406" s="76"/>
      <c r="U2406" s="76"/>
      <c r="V2406" s="76"/>
      <c r="W2406" s="76"/>
      <c r="X2406" s="76"/>
      <c r="Y2406" s="76"/>
      <c r="Z2406" s="76"/>
      <c r="AA2406" s="85"/>
      <c r="AB2406" s="85"/>
      <c r="AC2406" s="85"/>
      <c r="AD2406" s="85"/>
      <c r="AE2406" s="85"/>
      <c r="AF2406" s="85"/>
      <c r="AG2406" s="86"/>
      <c r="AH2406" s="85"/>
      <c r="AI2406" s="85"/>
      <c r="AJ2406" s="85"/>
      <c r="AK2406" s="85"/>
      <c r="AL2406" s="85"/>
      <c r="AM2406" s="92"/>
      <c r="AN2406" s="92"/>
      <c r="AO2406" s="92"/>
      <c r="AP2406" s="92"/>
      <c r="AQ2406" s="92"/>
      <c r="AR2406" s="92"/>
      <c r="AS2406" s="92"/>
      <c r="AT2406" s="92"/>
      <c r="AU2406" s="92"/>
      <c r="AV2406" s="92"/>
      <c r="AW2406" s="92"/>
      <c r="AX2406" s="92"/>
      <c r="AY2406" s="92"/>
      <c r="AZ2406" s="93"/>
      <c r="BA2406" s="93"/>
      <c r="BB2406" s="93"/>
      <c r="BC2406" s="93"/>
      <c r="BD2406" s="93"/>
      <c r="BE2406" s="93"/>
      <c r="BF2406" s="93"/>
      <c r="BG2406" s="93"/>
      <c r="BH2406" s="93"/>
      <c r="BI2406" s="93"/>
      <c r="BJ2406" s="93"/>
      <c r="BK2406" s="93"/>
      <c r="BL2406" s="93"/>
    </row>
    <row r="2407" spans="2:64" x14ac:dyDescent="0.2">
      <c r="B2407" s="43"/>
      <c r="C2407" s="73"/>
      <c r="D2407" s="64"/>
      <c r="E2407" s="55"/>
      <c r="F2407" s="74"/>
      <c r="G2407" s="74"/>
      <c r="H2407" s="74"/>
      <c r="I2407" s="75"/>
      <c r="J2407" s="74"/>
      <c r="L2407" s="55"/>
      <c r="M2407" s="234"/>
      <c r="N2407" s="65"/>
      <c r="O2407" s="76"/>
      <c r="P2407" s="76"/>
      <c r="Q2407" s="65"/>
      <c r="R2407" s="76"/>
      <c r="S2407" s="76"/>
      <c r="T2407" s="76"/>
      <c r="U2407" s="76"/>
      <c r="V2407" s="76"/>
      <c r="W2407" s="76"/>
      <c r="X2407" s="76"/>
      <c r="Y2407" s="76"/>
      <c r="Z2407" s="76"/>
      <c r="AA2407" s="85"/>
      <c r="AB2407" s="85"/>
      <c r="AC2407" s="85"/>
      <c r="AD2407" s="85"/>
      <c r="AE2407" s="85"/>
      <c r="AF2407" s="85"/>
      <c r="AG2407" s="86"/>
      <c r="AH2407" s="85"/>
      <c r="AI2407" s="85"/>
      <c r="AJ2407" s="85"/>
      <c r="AK2407" s="85"/>
      <c r="AL2407" s="85"/>
      <c r="AM2407" s="92"/>
      <c r="AN2407" s="92"/>
      <c r="AO2407" s="92"/>
      <c r="AP2407" s="92"/>
      <c r="AQ2407" s="92"/>
      <c r="AR2407" s="92"/>
      <c r="AS2407" s="92"/>
      <c r="AT2407" s="92"/>
      <c r="AU2407" s="92"/>
      <c r="AV2407" s="92"/>
      <c r="AW2407" s="92"/>
      <c r="AX2407" s="92"/>
      <c r="AY2407" s="92"/>
      <c r="AZ2407" s="93"/>
      <c r="BA2407" s="93"/>
      <c r="BB2407" s="93"/>
      <c r="BC2407" s="93"/>
      <c r="BD2407" s="93"/>
      <c r="BE2407" s="93"/>
      <c r="BF2407" s="93"/>
      <c r="BG2407" s="93"/>
      <c r="BH2407" s="93"/>
      <c r="BI2407" s="93"/>
      <c r="BJ2407" s="93"/>
      <c r="BK2407" s="93"/>
      <c r="BL2407" s="93"/>
    </row>
    <row r="2408" spans="2:64" x14ac:dyDescent="0.2">
      <c r="B2408" s="43"/>
      <c r="C2408" s="73"/>
      <c r="D2408" s="64"/>
      <c r="E2408" s="55"/>
      <c r="F2408" s="74"/>
      <c r="G2408" s="74"/>
      <c r="H2408" s="74"/>
      <c r="I2408" s="75"/>
      <c r="J2408" s="74"/>
      <c r="L2408" s="55"/>
      <c r="M2408" s="234"/>
      <c r="N2408" s="65"/>
      <c r="O2408" s="76"/>
      <c r="P2408" s="76"/>
      <c r="Q2408" s="65"/>
      <c r="R2408" s="76"/>
      <c r="S2408" s="76"/>
      <c r="T2408" s="76"/>
      <c r="U2408" s="76"/>
      <c r="V2408" s="76"/>
      <c r="W2408" s="76"/>
      <c r="X2408" s="76"/>
      <c r="Y2408" s="76"/>
      <c r="Z2408" s="76"/>
      <c r="AA2408" s="85"/>
      <c r="AB2408" s="85"/>
      <c r="AC2408" s="85"/>
      <c r="AD2408" s="85"/>
      <c r="AE2408" s="85"/>
      <c r="AF2408" s="85"/>
      <c r="AG2408" s="86"/>
      <c r="AH2408" s="85"/>
      <c r="AI2408" s="85"/>
      <c r="AJ2408" s="85"/>
      <c r="AK2408" s="85"/>
      <c r="AL2408" s="85"/>
      <c r="AM2408" s="92"/>
      <c r="AN2408" s="92"/>
      <c r="AO2408" s="92"/>
      <c r="AP2408" s="92"/>
      <c r="AQ2408" s="92"/>
      <c r="AR2408" s="92"/>
      <c r="AS2408" s="92"/>
      <c r="AT2408" s="92"/>
      <c r="AU2408" s="92"/>
      <c r="AV2408" s="92"/>
      <c r="AW2408" s="92"/>
      <c r="AX2408" s="92"/>
      <c r="AY2408" s="92"/>
      <c r="AZ2408" s="93"/>
      <c r="BA2408" s="93"/>
      <c r="BB2408" s="93"/>
      <c r="BC2408" s="93"/>
      <c r="BD2408" s="93"/>
      <c r="BE2408" s="93"/>
      <c r="BF2408" s="93"/>
      <c r="BG2408" s="93"/>
      <c r="BH2408" s="93"/>
      <c r="BI2408" s="93"/>
      <c r="BJ2408" s="93"/>
      <c r="BK2408" s="93"/>
      <c r="BL2408" s="93"/>
    </row>
    <row r="2409" spans="2:64" x14ac:dyDescent="0.2">
      <c r="B2409" s="43"/>
      <c r="C2409" s="73"/>
      <c r="D2409" s="64"/>
      <c r="E2409" s="55"/>
      <c r="F2409" s="74"/>
      <c r="G2409" s="74"/>
      <c r="H2409" s="74"/>
      <c r="I2409" s="75"/>
      <c r="J2409" s="74"/>
      <c r="L2409" s="55"/>
      <c r="M2409" s="234"/>
      <c r="N2409" s="65"/>
      <c r="O2409" s="76"/>
      <c r="P2409" s="76"/>
      <c r="Q2409" s="65"/>
      <c r="R2409" s="76"/>
      <c r="S2409" s="76"/>
      <c r="T2409" s="76"/>
      <c r="U2409" s="76"/>
      <c r="V2409" s="76"/>
      <c r="W2409" s="76"/>
      <c r="X2409" s="76"/>
      <c r="Y2409" s="76"/>
      <c r="Z2409" s="76"/>
      <c r="AA2409" s="85"/>
      <c r="AB2409" s="85"/>
      <c r="AC2409" s="85"/>
      <c r="AD2409" s="85"/>
      <c r="AE2409" s="85"/>
      <c r="AF2409" s="85"/>
      <c r="AG2409" s="86"/>
      <c r="AH2409" s="85"/>
      <c r="AI2409" s="85"/>
      <c r="AJ2409" s="85"/>
      <c r="AK2409" s="85"/>
      <c r="AL2409" s="85"/>
      <c r="AM2409" s="92"/>
      <c r="AN2409" s="92"/>
      <c r="AO2409" s="92"/>
      <c r="AP2409" s="92"/>
      <c r="AQ2409" s="92"/>
      <c r="AR2409" s="92"/>
      <c r="AS2409" s="92"/>
      <c r="AT2409" s="92"/>
      <c r="AU2409" s="92"/>
      <c r="AV2409" s="92"/>
      <c r="AW2409" s="92"/>
      <c r="AX2409" s="92"/>
      <c r="AY2409" s="92"/>
      <c r="AZ2409" s="93"/>
      <c r="BA2409" s="93"/>
      <c r="BB2409" s="93"/>
      <c r="BC2409" s="93"/>
      <c r="BD2409" s="93"/>
      <c r="BE2409" s="93"/>
      <c r="BF2409" s="93"/>
      <c r="BG2409" s="93"/>
      <c r="BH2409" s="93"/>
      <c r="BI2409" s="93"/>
      <c r="BJ2409" s="93"/>
      <c r="BK2409" s="93"/>
      <c r="BL2409" s="93"/>
    </row>
    <row r="2410" spans="2:64" x14ac:dyDescent="0.2">
      <c r="B2410" s="43"/>
      <c r="C2410" s="73"/>
      <c r="D2410" s="64"/>
      <c r="E2410" s="55"/>
      <c r="F2410" s="74"/>
      <c r="G2410" s="74"/>
      <c r="H2410" s="74"/>
      <c r="I2410" s="75"/>
      <c r="J2410" s="74"/>
      <c r="L2410" s="55"/>
      <c r="M2410" s="234"/>
      <c r="N2410" s="65"/>
      <c r="O2410" s="76"/>
      <c r="P2410" s="76"/>
      <c r="Q2410" s="65"/>
      <c r="R2410" s="76"/>
      <c r="S2410" s="76"/>
      <c r="T2410" s="76"/>
      <c r="U2410" s="76"/>
      <c r="V2410" s="76"/>
      <c r="W2410" s="76"/>
      <c r="X2410" s="76"/>
      <c r="Y2410" s="76"/>
      <c r="Z2410" s="76"/>
      <c r="AA2410" s="85"/>
      <c r="AB2410" s="85"/>
      <c r="AC2410" s="85"/>
      <c r="AD2410" s="85"/>
      <c r="AE2410" s="85"/>
      <c r="AF2410" s="85"/>
      <c r="AG2410" s="86"/>
      <c r="AH2410" s="85"/>
      <c r="AI2410" s="85"/>
      <c r="AJ2410" s="85"/>
      <c r="AK2410" s="85"/>
      <c r="AL2410" s="85"/>
      <c r="AM2410" s="92"/>
      <c r="AN2410" s="92"/>
      <c r="AO2410" s="92"/>
      <c r="AP2410" s="92"/>
      <c r="AQ2410" s="92"/>
      <c r="AR2410" s="92"/>
      <c r="AS2410" s="92"/>
      <c r="AT2410" s="92"/>
      <c r="AU2410" s="92"/>
      <c r="AV2410" s="92"/>
      <c r="AW2410" s="92"/>
      <c r="AX2410" s="92"/>
      <c r="AY2410" s="92"/>
      <c r="AZ2410" s="93"/>
      <c r="BA2410" s="93"/>
      <c r="BB2410" s="93"/>
      <c r="BC2410" s="93"/>
      <c r="BD2410" s="93"/>
      <c r="BE2410" s="93"/>
      <c r="BF2410" s="93"/>
      <c r="BG2410" s="93"/>
      <c r="BH2410" s="93"/>
      <c r="BI2410" s="93"/>
      <c r="BJ2410" s="93"/>
      <c r="BK2410" s="93"/>
      <c r="BL2410" s="93"/>
    </row>
    <row r="2411" spans="2:64" x14ac:dyDescent="0.2">
      <c r="B2411" s="43"/>
      <c r="C2411" s="73"/>
      <c r="D2411" s="64"/>
      <c r="E2411" s="55"/>
      <c r="F2411" s="74"/>
      <c r="G2411" s="74"/>
      <c r="H2411" s="74"/>
      <c r="I2411" s="75"/>
      <c r="J2411" s="74"/>
      <c r="L2411" s="55"/>
      <c r="M2411" s="234"/>
      <c r="N2411" s="65"/>
      <c r="O2411" s="76"/>
      <c r="P2411" s="76"/>
      <c r="Q2411" s="65"/>
      <c r="R2411" s="76"/>
      <c r="S2411" s="76"/>
      <c r="T2411" s="76"/>
      <c r="U2411" s="76"/>
      <c r="V2411" s="76"/>
      <c r="W2411" s="76"/>
      <c r="X2411" s="76"/>
      <c r="Y2411" s="76"/>
      <c r="Z2411" s="76"/>
      <c r="AA2411" s="85"/>
      <c r="AB2411" s="85"/>
      <c r="AC2411" s="85"/>
      <c r="AD2411" s="85"/>
      <c r="AE2411" s="85"/>
      <c r="AF2411" s="85"/>
      <c r="AG2411" s="86"/>
      <c r="AH2411" s="85"/>
      <c r="AI2411" s="85"/>
      <c r="AJ2411" s="85"/>
      <c r="AK2411" s="85"/>
      <c r="AL2411" s="85"/>
      <c r="AM2411" s="92"/>
      <c r="AN2411" s="92"/>
      <c r="AO2411" s="92"/>
      <c r="AP2411" s="92"/>
      <c r="AQ2411" s="92"/>
      <c r="AR2411" s="92"/>
      <c r="AS2411" s="92"/>
      <c r="AT2411" s="92"/>
      <c r="AU2411" s="92"/>
      <c r="AV2411" s="92"/>
      <c r="AW2411" s="92"/>
      <c r="AX2411" s="92"/>
      <c r="AY2411" s="92"/>
      <c r="AZ2411" s="93"/>
      <c r="BA2411" s="93"/>
      <c r="BB2411" s="93"/>
      <c r="BC2411" s="93"/>
      <c r="BD2411" s="93"/>
      <c r="BE2411" s="93"/>
      <c r="BF2411" s="93"/>
      <c r="BG2411" s="93"/>
      <c r="BH2411" s="93"/>
      <c r="BI2411" s="93"/>
      <c r="BJ2411" s="93"/>
      <c r="BK2411" s="93"/>
      <c r="BL2411" s="93"/>
    </row>
    <row r="2412" spans="2:64" x14ac:dyDescent="0.2">
      <c r="B2412" s="43"/>
      <c r="C2412" s="73"/>
      <c r="D2412" s="64"/>
      <c r="E2412" s="55"/>
      <c r="F2412" s="74"/>
      <c r="G2412" s="74"/>
      <c r="H2412" s="74"/>
      <c r="I2412" s="75"/>
      <c r="J2412" s="74"/>
      <c r="L2412" s="55"/>
      <c r="M2412" s="234"/>
      <c r="N2412" s="65"/>
      <c r="O2412" s="76"/>
      <c r="P2412" s="76"/>
      <c r="Q2412" s="65"/>
      <c r="R2412" s="76"/>
      <c r="S2412" s="76"/>
      <c r="T2412" s="76"/>
      <c r="U2412" s="76"/>
      <c r="V2412" s="76"/>
      <c r="W2412" s="76"/>
      <c r="X2412" s="76"/>
      <c r="Y2412" s="76"/>
      <c r="Z2412" s="76"/>
      <c r="AA2412" s="85"/>
      <c r="AB2412" s="85"/>
      <c r="AC2412" s="85"/>
      <c r="AD2412" s="85"/>
      <c r="AE2412" s="85"/>
      <c r="AF2412" s="85"/>
      <c r="AG2412" s="86"/>
      <c r="AH2412" s="85"/>
      <c r="AI2412" s="85"/>
      <c r="AJ2412" s="85"/>
      <c r="AK2412" s="85"/>
      <c r="AL2412" s="85"/>
      <c r="AM2412" s="92"/>
      <c r="AN2412" s="92"/>
      <c r="AO2412" s="92"/>
      <c r="AP2412" s="92"/>
      <c r="AQ2412" s="92"/>
      <c r="AR2412" s="92"/>
      <c r="AS2412" s="92"/>
      <c r="AT2412" s="92"/>
      <c r="AU2412" s="92"/>
      <c r="AV2412" s="92"/>
      <c r="AW2412" s="92"/>
      <c r="AX2412" s="92"/>
      <c r="AY2412" s="92"/>
      <c r="AZ2412" s="93"/>
      <c r="BA2412" s="93"/>
      <c r="BB2412" s="93"/>
      <c r="BC2412" s="93"/>
      <c r="BD2412" s="93"/>
      <c r="BE2412" s="93"/>
      <c r="BF2412" s="93"/>
      <c r="BG2412" s="93"/>
      <c r="BH2412" s="93"/>
      <c r="BI2412" s="93"/>
      <c r="BJ2412" s="93"/>
      <c r="BK2412" s="93"/>
      <c r="BL2412" s="93"/>
    </row>
    <row r="2413" spans="2:64" x14ac:dyDescent="0.2">
      <c r="B2413" s="43"/>
      <c r="C2413" s="73"/>
      <c r="D2413" s="64"/>
      <c r="E2413" s="55"/>
      <c r="F2413" s="74"/>
      <c r="G2413" s="74"/>
      <c r="H2413" s="74"/>
      <c r="I2413" s="75"/>
      <c r="J2413" s="74"/>
      <c r="L2413" s="55"/>
      <c r="M2413" s="234"/>
      <c r="N2413" s="65"/>
      <c r="O2413" s="76"/>
      <c r="P2413" s="76"/>
      <c r="Q2413" s="65"/>
      <c r="R2413" s="76"/>
      <c r="S2413" s="76"/>
      <c r="T2413" s="76"/>
      <c r="U2413" s="76"/>
      <c r="V2413" s="76"/>
      <c r="W2413" s="76"/>
      <c r="X2413" s="76"/>
      <c r="Y2413" s="76"/>
      <c r="Z2413" s="76"/>
      <c r="AA2413" s="85"/>
      <c r="AB2413" s="85"/>
      <c r="AC2413" s="85"/>
      <c r="AD2413" s="85"/>
      <c r="AE2413" s="85"/>
      <c r="AF2413" s="85"/>
      <c r="AG2413" s="86"/>
      <c r="AH2413" s="85"/>
      <c r="AI2413" s="85"/>
      <c r="AJ2413" s="85"/>
      <c r="AK2413" s="85"/>
      <c r="AL2413" s="85"/>
      <c r="AM2413" s="92"/>
      <c r="AN2413" s="92"/>
      <c r="AO2413" s="92"/>
      <c r="AP2413" s="92"/>
      <c r="AQ2413" s="92"/>
      <c r="AR2413" s="92"/>
      <c r="AS2413" s="92"/>
      <c r="AT2413" s="92"/>
      <c r="AU2413" s="92"/>
      <c r="AV2413" s="92"/>
      <c r="AW2413" s="92"/>
      <c r="AX2413" s="92"/>
      <c r="AY2413" s="92"/>
      <c r="AZ2413" s="93"/>
      <c r="BA2413" s="93"/>
      <c r="BB2413" s="93"/>
      <c r="BC2413" s="93"/>
      <c r="BD2413" s="93"/>
      <c r="BE2413" s="93"/>
      <c r="BF2413" s="93"/>
      <c r="BG2413" s="93"/>
      <c r="BH2413" s="93"/>
      <c r="BI2413" s="93"/>
      <c r="BJ2413" s="93"/>
      <c r="BK2413" s="93"/>
      <c r="BL2413" s="93"/>
    </row>
    <row r="2414" spans="2:64" x14ac:dyDescent="0.2">
      <c r="B2414" s="43"/>
      <c r="C2414" s="73"/>
      <c r="D2414" s="64"/>
      <c r="E2414" s="55"/>
      <c r="F2414" s="74"/>
      <c r="G2414" s="74"/>
      <c r="H2414" s="74"/>
      <c r="I2414" s="75"/>
      <c r="J2414" s="74"/>
      <c r="L2414" s="55"/>
      <c r="M2414" s="234"/>
      <c r="N2414" s="65"/>
      <c r="O2414" s="76"/>
      <c r="P2414" s="76"/>
      <c r="Q2414" s="65"/>
      <c r="R2414" s="76"/>
      <c r="S2414" s="76"/>
      <c r="T2414" s="76"/>
      <c r="U2414" s="76"/>
      <c r="V2414" s="76"/>
      <c r="W2414" s="76"/>
      <c r="X2414" s="76"/>
      <c r="Y2414" s="76"/>
      <c r="Z2414" s="76"/>
      <c r="AA2414" s="85"/>
      <c r="AB2414" s="85"/>
      <c r="AC2414" s="85"/>
      <c r="AD2414" s="85"/>
      <c r="AE2414" s="85"/>
      <c r="AF2414" s="85"/>
      <c r="AG2414" s="86"/>
      <c r="AH2414" s="85"/>
      <c r="AI2414" s="85"/>
      <c r="AJ2414" s="85"/>
      <c r="AK2414" s="85"/>
      <c r="AL2414" s="85"/>
      <c r="AM2414" s="92"/>
      <c r="AN2414" s="92"/>
      <c r="AO2414" s="92"/>
      <c r="AP2414" s="92"/>
      <c r="AQ2414" s="92"/>
      <c r="AR2414" s="92"/>
      <c r="AS2414" s="92"/>
      <c r="AT2414" s="92"/>
      <c r="AU2414" s="92"/>
      <c r="AV2414" s="92"/>
      <c r="AW2414" s="92"/>
      <c r="AX2414" s="92"/>
      <c r="AY2414" s="92"/>
      <c r="AZ2414" s="93"/>
      <c r="BA2414" s="93"/>
      <c r="BB2414" s="93"/>
      <c r="BC2414" s="93"/>
      <c r="BD2414" s="93"/>
      <c r="BE2414" s="93"/>
      <c r="BF2414" s="93"/>
      <c r="BG2414" s="93"/>
      <c r="BH2414" s="93"/>
      <c r="BI2414" s="93"/>
      <c r="BJ2414" s="93"/>
      <c r="BK2414" s="93"/>
      <c r="BL2414" s="93"/>
    </row>
    <row r="2415" spans="2:64" x14ac:dyDescent="0.2">
      <c r="B2415" s="43"/>
      <c r="C2415" s="73"/>
      <c r="D2415" s="64"/>
      <c r="E2415" s="55"/>
      <c r="F2415" s="74"/>
      <c r="G2415" s="74"/>
      <c r="H2415" s="74"/>
      <c r="I2415" s="75"/>
      <c r="J2415" s="74"/>
      <c r="L2415" s="55"/>
      <c r="M2415" s="234"/>
      <c r="N2415" s="65"/>
      <c r="O2415" s="76"/>
      <c r="P2415" s="76"/>
      <c r="Q2415" s="65"/>
      <c r="R2415" s="76"/>
      <c r="S2415" s="76"/>
      <c r="T2415" s="76"/>
      <c r="U2415" s="76"/>
      <c r="V2415" s="76"/>
      <c r="W2415" s="76"/>
      <c r="X2415" s="76"/>
      <c r="Y2415" s="76"/>
      <c r="Z2415" s="76"/>
      <c r="AA2415" s="85"/>
      <c r="AB2415" s="85"/>
      <c r="AC2415" s="85"/>
      <c r="AD2415" s="85"/>
      <c r="AE2415" s="85"/>
      <c r="AF2415" s="85"/>
      <c r="AG2415" s="86"/>
      <c r="AH2415" s="85"/>
      <c r="AI2415" s="85"/>
      <c r="AJ2415" s="85"/>
      <c r="AK2415" s="85"/>
      <c r="AL2415" s="85"/>
      <c r="AM2415" s="92"/>
      <c r="AN2415" s="92"/>
      <c r="AO2415" s="92"/>
      <c r="AP2415" s="92"/>
      <c r="AQ2415" s="92"/>
      <c r="AR2415" s="92"/>
      <c r="AS2415" s="92"/>
      <c r="AT2415" s="92"/>
      <c r="AU2415" s="92"/>
      <c r="AV2415" s="92"/>
      <c r="AW2415" s="92"/>
      <c r="AX2415" s="92"/>
      <c r="AY2415" s="92"/>
      <c r="AZ2415" s="93"/>
      <c r="BA2415" s="93"/>
      <c r="BB2415" s="93"/>
      <c r="BC2415" s="93"/>
      <c r="BD2415" s="93"/>
      <c r="BE2415" s="93"/>
      <c r="BF2415" s="93"/>
      <c r="BG2415" s="93"/>
      <c r="BH2415" s="93"/>
      <c r="BI2415" s="93"/>
      <c r="BJ2415" s="93"/>
      <c r="BK2415" s="93"/>
      <c r="BL2415" s="93"/>
    </row>
    <row r="2416" spans="2:64" x14ac:dyDescent="0.2">
      <c r="B2416" s="43"/>
      <c r="C2416" s="73"/>
      <c r="D2416" s="64"/>
      <c r="E2416" s="55"/>
      <c r="F2416" s="74"/>
      <c r="G2416" s="74"/>
      <c r="H2416" s="74"/>
      <c r="I2416" s="75"/>
      <c r="J2416" s="74"/>
      <c r="L2416" s="55"/>
      <c r="M2416" s="234"/>
      <c r="N2416" s="65"/>
      <c r="O2416" s="76"/>
      <c r="P2416" s="76"/>
      <c r="Q2416" s="65"/>
      <c r="R2416" s="76"/>
      <c r="S2416" s="76"/>
      <c r="T2416" s="76"/>
      <c r="U2416" s="76"/>
      <c r="V2416" s="76"/>
      <c r="W2416" s="76"/>
      <c r="X2416" s="76"/>
      <c r="Y2416" s="76"/>
      <c r="Z2416" s="76"/>
      <c r="AA2416" s="85"/>
      <c r="AB2416" s="85"/>
      <c r="AC2416" s="85"/>
      <c r="AD2416" s="85"/>
      <c r="AE2416" s="85"/>
      <c r="AF2416" s="85"/>
      <c r="AG2416" s="86"/>
      <c r="AH2416" s="85"/>
      <c r="AI2416" s="85"/>
      <c r="AJ2416" s="85"/>
      <c r="AK2416" s="85"/>
      <c r="AL2416" s="85"/>
      <c r="AM2416" s="92"/>
      <c r="AN2416" s="92"/>
      <c r="AO2416" s="92"/>
      <c r="AP2416" s="92"/>
      <c r="AQ2416" s="92"/>
      <c r="AR2416" s="92"/>
      <c r="AS2416" s="92"/>
      <c r="AT2416" s="92"/>
      <c r="AU2416" s="92"/>
      <c r="AV2416" s="92"/>
      <c r="AW2416" s="92"/>
      <c r="AX2416" s="92"/>
      <c r="AY2416" s="92"/>
      <c r="AZ2416" s="93"/>
      <c r="BA2416" s="93"/>
      <c r="BB2416" s="93"/>
      <c r="BC2416" s="93"/>
      <c r="BD2416" s="93"/>
      <c r="BE2416" s="93"/>
      <c r="BF2416" s="93"/>
      <c r="BG2416" s="93"/>
      <c r="BH2416" s="93"/>
      <c r="BI2416" s="93"/>
      <c r="BJ2416" s="93"/>
      <c r="BK2416" s="93"/>
      <c r="BL2416" s="93"/>
    </row>
    <row r="2417" spans="2:64" x14ac:dyDescent="0.2">
      <c r="B2417" s="43"/>
      <c r="C2417" s="73"/>
      <c r="D2417" s="64"/>
      <c r="E2417" s="55"/>
      <c r="F2417" s="74"/>
      <c r="G2417" s="74"/>
      <c r="H2417" s="74"/>
      <c r="I2417" s="75"/>
      <c r="J2417" s="74"/>
      <c r="L2417" s="55"/>
      <c r="M2417" s="234"/>
      <c r="N2417" s="65"/>
      <c r="O2417" s="76"/>
      <c r="P2417" s="76"/>
      <c r="Q2417" s="65"/>
      <c r="R2417" s="76"/>
      <c r="S2417" s="76"/>
      <c r="T2417" s="76"/>
      <c r="U2417" s="76"/>
      <c r="V2417" s="76"/>
      <c r="W2417" s="76"/>
      <c r="X2417" s="76"/>
      <c r="Y2417" s="76"/>
      <c r="Z2417" s="76"/>
      <c r="AA2417" s="85"/>
      <c r="AB2417" s="85"/>
      <c r="AC2417" s="85"/>
      <c r="AD2417" s="85"/>
      <c r="AE2417" s="85"/>
      <c r="AF2417" s="85"/>
      <c r="AG2417" s="86"/>
      <c r="AH2417" s="85"/>
      <c r="AI2417" s="85"/>
      <c r="AJ2417" s="85"/>
      <c r="AK2417" s="85"/>
      <c r="AL2417" s="85"/>
      <c r="AM2417" s="92"/>
      <c r="AN2417" s="92"/>
      <c r="AO2417" s="92"/>
      <c r="AP2417" s="92"/>
      <c r="AQ2417" s="92"/>
      <c r="AR2417" s="92"/>
      <c r="AS2417" s="92"/>
      <c r="AT2417" s="92"/>
      <c r="AU2417" s="92"/>
      <c r="AV2417" s="92"/>
      <c r="AW2417" s="92"/>
      <c r="AX2417" s="92"/>
      <c r="AY2417" s="92"/>
      <c r="AZ2417" s="93"/>
      <c r="BA2417" s="93"/>
      <c r="BB2417" s="93"/>
      <c r="BC2417" s="93"/>
      <c r="BD2417" s="93"/>
      <c r="BE2417" s="93"/>
      <c r="BF2417" s="93"/>
      <c r="BG2417" s="93"/>
      <c r="BH2417" s="93"/>
      <c r="BI2417" s="93"/>
      <c r="BJ2417" s="93"/>
      <c r="BK2417" s="93"/>
      <c r="BL2417" s="93"/>
    </row>
    <row r="2418" spans="2:64" x14ac:dyDescent="0.2">
      <c r="B2418" s="43"/>
      <c r="C2418" s="73"/>
      <c r="D2418" s="64"/>
      <c r="E2418" s="55"/>
      <c r="F2418" s="74"/>
      <c r="G2418" s="74"/>
      <c r="H2418" s="74"/>
      <c r="I2418" s="75"/>
      <c r="J2418" s="74"/>
      <c r="L2418" s="55"/>
      <c r="M2418" s="234"/>
      <c r="N2418" s="65"/>
      <c r="O2418" s="76"/>
      <c r="P2418" s="76"/>
      <c r="Q2418" s="65"/>
      <c r="R2418" s="76"/>
      <c r="S2418" s="76"/>
      <c r="T2418" s="76"/>
      <c r="U2418" s="76"/>
      <c r="V2418" s="76"/>
      <c r="W2418" s="76"/>
      <c r="X2418" s="76"/>
      <c r="Y2418" s="76"/>
      <c r="Z2418" s="76"/>
      <c r="AA2418" s="85"/>
      <c r="AB2418" s="85"/>
      <c r="AC2418" s="85"/>
      <c r="AD2418" s="85"/>
      <c r="AE2418" s="85"/>
      <c r="AF2418" s="85"/>
      <c r="AG2418" s="86"/>
      <c r="AH2418" s="85"/>
      <c r="AI2418" s="85"/>
      <c r="AJ2418" s="85"/>
      <c r="AK2418" s="85"/>
      <c r="AL2418" s="85"/>
      <c r="AM2418" s="92"/>
      <c r="AN2418" s="92"/>
      <c r="AO2418" s="92"/>
      <c r="AP2418" s="92"/>
      <c r="AQ2418" s="92"/>
      <c r="AR2418" s="92"/>
      <c r="AS2418" s="92"/>
      <c r="AT2418" s="92"/>
      <c r="AU2418" s="92"/>
      <c r="AV2418" s="92"/>
      <c r="AW2418" s="92"/>
      <c r="AX2418" s="92"/>
      <c r="AY2418" s="92"/>
      <c r="AZ2418" s="93"/>
      <c r="BA2418" s="93"/>
      <c r="BB2418" s="93"/>
      <c r="BC2418" s="93"/>
      <c r="BD2418" s="93"/>
      <c r="BE2418" s="93"/>
      <c r="BF2418" s="93"/>
      <c r="BG2418" s="93"/>
      <c r="BH2418" s="93"/>
      <c r="BI2418" s="93"/>
      <c r="BJ2418" s="93"/>
      <c r="BK2418" s="93"/>
      <c r="BL2418" s="93"/>
    </row>
    <row r="2419" spans="2:64" x14ac:dyDescent="0.2">
      <c r="B2419" s="43"/>
      <c r="C2419" s="73"/>
      <c r="D2419" s="64"/>
      <c r="E2419" s="55"/>
      <c r="F2419" s="74"/>
      <c r="G2419" s="74"/>
      <c r="H2419" s="74"/>
      <c r="I2419" s="75"/>
      <c r="J2419" s="74"/>
      <c r="L2419" s="55"/>
      <c r="M2419" s="234"/>
      <c r="N2419" s="65"/>
      <c r="O2419" s="76"/>
      <c r="P2419" s="76"/>
      <c r="Q2419" s="65"/>
      <c r="R2419" s="76"/>
      <c r="S2419" s="76"/>
      <c r="T2419" s="76"/>
      <c r="U2419" s="76"/>
      <c r="V2419" s="76"/>
      <c r="W2419" s="76"/>
      <c r="X2419" s="76"/>
      <c r="Y2419" s="76"/>
      <c r="Z2419" s="76"/>
      <c r="AA2419" s="85"/>
      <c r="AB2419" s="85"/>
      <c r="AC2419" s="85"/>
      <c r="AD2419" s="85"/>
      <c r="AE2419" s="85"/>
      <c r="AF2419" s="85"/>
      <c r="AG2419" s="86"/>
      <c r="AH2419" s="85"/>
      <c r="AI2419" s="85"/>
      <c r="AJ2419" s="85"/>
      <c r="AK2419" s="85"/>
      <c r="AL2419" s="85"/>
      <c r="AM2419" s="92"/>
      <c r="AN2419" s="92"/>
      <c r="AO2419" s="92"/>
      <c r="AP2419" s="92"/>
      <c r="AQ2419" s="92"/>
      <c r="AR2419" s="92"/>
      <c r="AS2419" s="92"/>
      <c r="AT2419" s="92"/>
      <c r="AU2419" s="92"/>
      <c r="AV2419" s="92"/>
      <c r="AW2419" s="92"/>
      <c r="AX2419" s="92"/>
      <c r="AY2419" s="92"/>
      <c r="AZ2419" s="93"/>
      <c r="BA2419" s="93"/>
      <c r="BB2419" s="93"/>
      <c r="BC2419" s="93"/>
      <c r="BD2419" s="93"/>
      <c r="BE2419" s="93"/>
      <c r="BF2419" s="93"/>
      <c r="BG2419" s="93"/>
      <c r="BH2419" s="93"/>
      <c r="BI2419" s="93"/>
      <c r="BJ2419" s="93"/>
      <c r="BK2419" s="93"/>
      <c r="BL2419" s="93"/>
    </row>
    <row r="2420" spans="2:64" x14ac:dyDescent="0.2">
      <c r="B2420" s="43"/>
      <c r="C2420" s="73"/>
      <c r="D2420" s="64"/>
      <c r="E2420" s="55"/>
      <c r="F2420" s="74"/>
      <c r="G2420" s="74"/>
      <c r="H2420" s="74"/>
      <c r="I2420" s="75"/>
      <c r="J2420" s="74"/>
      <c r="L2420" s="55"/>
      <c r="M2420" s="234"/>
      <c r="N2420" s="65"/>
      <c r="O2420" s="76"/>
      <c r="P2420" s="76"/>
      <c r="Q2420" s="65"/>
      <c r="R2420" s="76"/>
      <c r="S2420" s="76"/>
      <c r="T2420" s="76"/>
      <c r="U2420" s="76"/>
      <c r="V2420" s="76"/>
      <c r="W2420" s="76"/>
      <c r="X2420" s="76"/>
      <c r="Y2420" s="76"/>
      <c r="Z2420" s="76"/>
      <c r="AA2420" s="85"/>
      <c r="AB2420" s="85"/>
      <c r="AC2420" s="85"/>
      <c r="AD2420" s="85"/>
      <c r="AE2420" s="85"/>
      <c r="AF2420" s="85"/>
      <c r="AG2420" s="86"/>
      <c r="AH2420" s="85"/>
      <c r="AI2420" s="85"/>
      <c r="AJ2420" s="85"/>
      <c r="AK2420" s="85"/>
      <c r="AL2420" s="85"/>
      <c r="AM2420" s="92"/>
      <c r="AN2420" s="92"/>
      <c r="AO2420" s="92"/>
      <c r="AP2420" s="92"/>
      <c r="AQ2420" s="92"/>
      <c r="AR2420" s="92"/>
      <c r="AS2420" s="92"/>
      <c r="AT2420" s="92"/>
      <c r="AU2420" s="92"/>
      <c r="AV2420" s="92"/>
      <c r="AW2420" s="92"/>
      <c r="AX2420" s="92"/>
      <c r="AY2420" s="92"/>
      <c r="AZ2420" s="93"/>
      <c r="BA2420" s="93"/>
      <c r="BB2420" s="93"/>
      <c r="BC2420" s="93"/>
      <c r="BD2420" s="93"/>
      <c r="BE2420" s="93"/>
      <c r="BF2420" s="93"/>
      <c r="BG2420" s="93"/>
      <c r="BH2420" s="93"/>
      <c r="BI2420" s="93"/>
      <c r="BJ2420" s="93"/>
      <c r="BK2420" s="93"/>
      <c r="BL2420" s="93"/>
    </row>
    <row r="2421" spans="2:64" x14ac:dyDescent="0.2">
      <c r="B2421" s="43"/>
      <c r="C2421" s="73"/>
      <c r="D2421" s="64"/>
      <c r="E2421" s="55"/>
      <c r="F2421" s="74"/>
      <c r="G2421" s="74"/>
      <c r="H2421" s="74"/>
      <c r="I2421" s="75"/>
      <c r="J2421" s="74"/>
      <c r="L2421" s="55"/>
      <c r="M2421" s="234"/>
      <c r="N2421" s="65"/>
      <c r="O2421" s="76"/>
      <c r="P2421" s="76"/>
      <c r="Q2421" s="65"/>
      <c r="R2421" s="76"/>
      <c r="S2421" s="76"/>
      <c r="T2421" s="76"/>
      <c r="U2421" s="76"/>
      <c r="V2421" s="76"/>
      <c r="W2421" s="76"/>
      <c r="X2421" s="76"/>
      <c r="Y2421" s="76"/>
      <c r="Z2421" s="76"/>
      <c r="AA2421" s="85"/>
      <c r="AB2421" s="85"/>
      <c r="AC2421" s="85"/>
      <c r="AD2421" s="85"/>
      <c r="AE2421" s="85"/>
      <c r="AF2421" s="85"/>
      <c r="AG2421" s="86"/>
      <c r="AH2421" s="85"/>
      <c r="AI2421" s="85"/>
      <c r="AJ2421" s="85"/>
      <c r="AK2421" s="85"/>
      <c r="AL2421" s="85"/>
      <c r="AM2421" s="92"/>
      <c r="AN2421" s="92"/>
      <c r="AO2421" s="92"/>
      <c r="AP2421" s="92"/>
      <c r="AQ2421" s="92"/>
      <c r="AR2421" s="92"/>
      <c r="AS2421" s="92"/>
      <c r="AT2421" s="92"/>
      <c r="AU2421" s="92"/>
      <c r="AV2421" s="92"/>
      <c r="AW2421" s="92"/>
      <c r="AX2421" s="92"/>
      <c r="AY2421" s="92"/>
      <c r="AZ2421" s="93"/>
      <c r="BA2421" s="93"/>
      <c r="BB2421" s="93"/>
      <c r="BC2421" s="93"/>
      <c r="BD2421" s="93"/>
      <c r="BE2421" s="93"/>
      <c r="BF2421" s="93"/>
      <c r="BG2421" s="93"/>
      <c r="BH2421" s="93"/>
      <c r="BI2421" s="93"/>
      <c r="BJ2421" s="93"/>
      <c r="BK2421" s="93"/>
      <c r="BL2421" s="93"/>
    </row>
    <row r="2422" spans="2:64" x14ac:dyDescent="0.2">
      <c r="B2422" s="43"/>
      <c r="C2422" s="73"/>
      <c r="D2422" s="64"/>
      <c r="E2422" s="55"/>
      <c r="F2422" s="74"/>
      <c r="G2422" s="74"/>
      <c r="H2422" s="74"/>
      <c r="I2422" s="75"/>
      <c r="J2422" s="74"/>
      <c r="L2422" s="55"/>
      <c r="M2422" s="234"/>
      <c r="N2422" s="65"/>
      <c r="O2422" s="76"/>
      <c r="P2422" s="76"/>
      <c r="Q2422" s="65"/>
      <c r="R2422" s="76"/>
      <c r="S2422" s="76"/>
      <c r="T2422" s="76"/>
      <c r="U2422" s="76"/>
      <c r="V2422" s="76"/>
      <c r="W2422" s="76"/>
      <c r="X2422" s="76"/>
      <c r="Y2422" s="76"/>
      <c r="Z2422" s="76"/>
      <c r="AA2422" s="85"/>
      <c r="AB2422" s="85"/>
      <c r="AC2422" s="85"/>
      <c r="AD2422" s="85"/>
      <c r="AE2422" s="85"/>
      <c r="AF2422" s="85"/>
      <c r="AG2422" s="86"/>
      <c r="AH2422" s="85"/>
      <c r="AI2422" s="85"/>
      <c r="AJ2422" s="85"/>
      <c r="AK2422" s="85"/>
      <c r="AL2422" s="85"/>
      <c r="AM2422" s="92"/>
      <c r="AN2422" s="92"/>
      <c r="AO2422" s="92"/>
      <c r="AP2422" s="92"/>
      <c r="AQ2422" s="92"/>
      <c r="AR2422" s="92"/>
      <c r="AS2422" s="92"/>
      <c r="AT2422" s="92"/>
      <c r="AU2422" s="92"/>
      <c r="AV2422" s="92"/>
      <c r="AW2422" s="92"/>
      <c r="AX2422" s="92"/>
      <c r="AY2422" s="92"/>
      <c r="AZ2422" s="93"/>
      <c r="BA2422" s="93"/>
      <c r="BB2422" s="93"/>
      <c r="BC2422" s="93"/>
      <c r="BD2422" s="93"/>
      <c r="BE2422" s="93"/>
      <c r="BF2422" s="93"/>
      <c r="BG2422" s="93"/>
      <c r="BH2422" s="93"/>
      <c r="BI2422" s="93"/>
      <c r="BJ2422" s="93"/>
      <c r="BK2422" s="93"/>
      <c r="BL2422" s="93"/>
    </row>
    <row r="2423" spans="2:64" x14ac:dyDescent="0.2">
      <c r="B2423" s="43"/>
      <c r="C2423" s="73"/>
      <c r="D2423" s="64"/>
      <c r="E2423" s="55"/>
      <c r="F2423" s="74"/>
      <c r="G2423" s="74"/>
      <c r="H2423" s="74"/>
      <c r="I2423" s="75"/>
      <c r="J2423" s="74"/>
      <c r="L2423" s="55"/>
      <c r="M2423" s="234"/>
      <c r="N2423" s="65"/>
      <c r="O2423" s="76"/>
      <c r="P2423" s="76"/>
      <c r="Q2423" s="65"/>
      <c r="R2423" s="76"/>
      <c r="S2423" s="76"/>
      <c r="T2423" s="76"/>
      <c r="U2423" s="76"/>
      <c r="V2423" s="76"/>
      <c r="W2423" s="76"/>
      <c r="X2423" s="76"/>
      <c r="Y2423" s="76"/>
      <c r="Z2423" s="76"/>
      <c r="AA2423" s="85"/>
      <c r="AB2423" s="85"/>
      <c r="AC2423" s="85"/>
      <c r="AD2423" s="85"/>
      <c r="AE2423" s="85"/>
      <c r="AF2423" s="85"/>
      <c r="AG2423" s="86"/>
      <c r="AH2423" s="85"/>
      <c r="AI2423" s="85"/>
      <c r="AJ2423" s="85"/>
      <c r="AK2423" s="85"/>
      <c r="AL2423" s="85"/>
      <c r="AM2423" s="92"/>
      <c r="AN2423" s="92"/>
      <c r="AO2423" s="92"/>
      <c r="AP2423" s="92"/>
      <c r="AQ2423" s="92"/>
      <c r="AR2423" s="92"/>
      <c r="AS2423" s="92"/>
      <c r="AT2423" s="92"/>
      <c r="AU2423" s="92"/>
      <c r="AV2423" s="92"/>
      <c r="AW2423" s="92"/>
      <c r="AX2423" s="92"/>
      <c r="AY2423" s="92"/>
      <c r="AZ2423" s="93"/>
      <c r="BA2423" s="93"/>
      <c r="BB2423" s="93"/>
      <c r="BC2423" s="93"/>
      <c r="BD2423" s="93"/>
      <c r="BE2423" s="93"/>
      <c r="BF2423" s="93"/>
      <c r="BG2423" s="93"/>
      <c r="BH2423" s="93"/>
      <c r="BI2423" s="93"/>
      <c r="BJ2423" s="93"/>
      <c r="BK2423" s="93"/>
      <c r="BL2423" s="93"/>
    </row>
    <row r="2424" spans="2:64" x14ac:dyDescent="0.2">
      <c r="B2424" s="43"/>
      <c r="C2424" s="73"/>
      <c r="D2424" s="64"/>
      <c r="E2424" s="55"/>
      <c r="F2424" s="74"/>
      <c r="G2424" s="74"/>
      <c r="H2424" s="74"/>
      <c r="I2424" s="75"/>
      <c r="J2424" s="74"/>
      <c r="L2424" s="55"/>
      <c r="M2424" s="234"/>
      <c r="N2424" s="65"/>
      <c r="O2424" s="76"/>
      <c r="P2424" s="76"/>
      <c r="Q2424" s="65"/>
      <c r="R2424" s="76"/>
      <c r="S2424" s="76"/>
      <c r="T2424" s="76"/>
      <c r="U2424" s="76"/>
      <c r="V2424" s="76"/>
      <c r="W2424" s="76"/>
      <c r="X2424" s="76"/>
      <c r="Y2424" s="76"/>
      <c r="Z2424" s="76"/>
      <c r="AA2424" s="85"/>
      <c r="AB2424" s="85"/>
      <c r="AC2424" s="85"/>
      <c r="AD2424" s="85"/>
      <c r="AE2424" s="85"/>
      <c r="AF2424" s="85"/>
      <c r="AG2424" s="86"/>
      <c r="AH2424" s="85"/>
      <c r="AI2424" s="85"/>
      <c r="AJ2424" s="85"/>
      <c r="AK2424" s="85"/>
      <c r="AL2424" s="85"/>
      <c r="AM2424" s="92"/>
      <c r="AN2424" s="92"/>
      <c r="AO2424" s="92"/>
      <c r="AP2424" s="92"/>
      <c r="AQ2424" s="92"/>
      <c r="AR2424" s="92"/>
      <c r="AS2424" s="92"/>
      <c r="AT2424" s="92"/>
      <c r="AU2424" s="92"/>
      <c r="AV2424" s="92"/>
      <c r="AW2424" s="92"/>
      <c r="AX2424" s="92"/>
      <c r="AY2424" s="92"/>
      <c r="AZ2424" s="93"/>
      <c r="BA2424" s="93"/>
      <c r="BB2424" s="93"/>
      <c r="BC2424" s="93"/>
      <c r="BD2424" s="93"/>
      <c r="BE2424" s="93"/>
      <c r="BF2424" s="93"/>
      <c r="BG2424" s="93"/>
      <c r="BH2424" s="93"/>
      <c r="BI2424" s="93"/>
      <c r="BJ2424" s="93"/>
      <c r="BK2424" s="93"/>
      <c r="BL2424" s="93"/>
    </row>
    <row r="2425" spans="2:64" x14ac:dyDescent="0.2">
      <c r="B2425" s="43"/>
      <c r="C2425" s="73"/>
      <c r="D2425" s="64"/>
      <c r="E2425" s="55"/>
      <c r="F2425" s="74"/>
      <c r="G2425" s="74"/>
      <c r="H2425" s="74"/>
      <c r="I2425" s="75"/>
      <c r="J2425" s="74"/>
      <c r="L2425" s="55"/>
      <c r="M2425" s="234"/>
      <c r="N2425" s="65"/>
      <c r="O2425" s="76"/>
      <c r="P2425" s="76"/>
      <c r="Q2425" s="65"/>
      <c r="R2425" s="76"/>
      <c r="S2425" s="76"/>
      <c r="T2425" s="76"/>
      <c r="U2425" s="76"/>
      <c r="V2425" s="76"/>
      <c r="W2425" s="76"/>
      <c r="X2425" s="76"/>
      <c r="Y2425" s="76"/>
      <c r="Z2425" s="76"/>
      <c r="AA2425" s="85"/>
      <c r="AB2425" s="85"/>
      <c r="AC2425" s="85"/>
      <c r="AD2425" s="85"/>
      <c r="AE2425" s="85"/>
      <c r="AF2425" s="85"/>
      <c r="AG2425" s="86"/>
      <c r="AH2425" s="85"/>
      <c r="AI2425" s="85"/>
      <c r="AJ2425" s="85"/>
      <c r="AK2425" s="85"/>
      <c r="AL2425" s="85"/>
      <c r="AM2425" s="92"/>
      <c r="AN2425" s="92"/>
      <c r="AO2425" s="92"/>
      <c r="AP2425" s="92"/>
      <c r="AQ2425" s="92"/>
      <c r="AR2425" s="92"/>
      <c r="AS2425" s="92"/>
      <c r="AT2425" s="92"/>
      <c r="AU2425" s="92"/>
      <c r="AV2425" s="92"/>
      <c r="AW2425" s="92"/>
      <c r="AX2425" s="92"/>
      <c r="AY2425" s="92"/>
      <c r="AZ2425" s="93"/>
      <c r="BA2425" s="93"/>
      <c r="BB2425" s="93"/>
      <c r="BC2425" s="93"/>
      <c r="BD2425" s="93"/>
      <c r="BE2425" s="93"/>
      <c r="BF2425" s="93"/>
      <c r="BG2425" s="93"/>
      <c r="BH2425" s="93"/>
      <c r="BI2425" s="93"/>
      <c r="BJ2425" s="93"/>
      <c r="BK2425" s="93"/>
      <c r="BL2425" s="93"/>
    </row>
    <row r="2426" spans="2:64" x14ac:dyDescent="0.2">
      <c r="B2426" s="43"/>
      <c r="C2426" s="73"/>
      <c r="D2426" s="64"/>
      <c r="E2426" s="55"/>
      <c r="F2426" s="74"/>
      <c r="G2426" s="74"/>
      <c r="H2426" s="74"/>
      <c r="I2426" s="75"/>
      <c r="J2426" s="74"/>
      <c r="L2426" s="55"/>
      <c r="M2426" s="234"/>
      <c r="N2426" s="65"/>
      <c r="O2426" s="76"/>
      <c r="P2426" s="76"/>
      <c r="Q2426" s="65"/>
      <c r="R2426" s="76"/>
      <c r="S2426" s="76"/>
      <c r="T2426" s="76"/>
      <c r="U2426" s="76"/>
      <c r="V2426" s="76"/>
      <c r="W2426" s="76"/>
      <c r="X2426" s="76"/>
      <c r="Y2426" s="76"/>
      <c r="Z2426" s="76"/>
      <c r="AA2426" s="85"/>
      <c r="AB2426" s="85"/>
      <c r="AC2426" s="85"/>
      <c r="AD2426" s="85"/>
      <c r="AE2426" s="85"/>
      <c r="AF2426" s="85"/>
      <c r="AG2426" s="86"/>
      <c r="AH2426" s="85"/>
      <c r="AI2426" s="85"/>
      <c r="AJ2426" s="85"/>
      <c r="AK2426" s="85"/>
      <c r="AL2426" s="85"/>
      <c r="AM2426" s="92"/>
      <c r="AN2426" s="92"/>
      <c r="AO2426" s="92"/>
      <c r="AP2426" s="92"/>
      <c r="AQ2426" s="92"/>
      <c r="AR2426" s="92"/>
      <c r="AS2426" s="92"/>
      <c r="AT2426" s="92"/>
      <c r="AU2426" s="92"/>
      <c r="AV2426" s="92"/>
      <c r="AW2426" s="92"/>
      <c r="AX2426" s="92"/>
      <c r="AY2426" s="92"/>
      <c r="AZ2426" s="93"/>
      <c r="BA2426" s="93"/>
      <c r="BB2426" s="93"/>
      <c r="BC2426" s="93"/>
      <c r="BD2426" s="93"/>
      <c r="BE2426" s="93"/>
      <c r="BF2426" s="93"/>
      <c r="BG2426" s="93"/>
      <c r="BH2426" s="93"/>
      <c r="BI2426" s="93"/>
      <c r="BJ2426" s="93"/>
      <c r="BK2426" s="93"/>
      <c r="BL2426" s="93"/>
    </row>
    <row r="2427" spans="2:64" x14ac:dyDescent="0.2">
      <c r="B2427" s="43"/>
      <c r="C2427" s="73"/>
      <c r="D2427" s="64"/>
      <c r="E2427" s="55"/>
      <c r="F2427" s="74"/>
      <c r="G2427" s="74"/>
      <c r="H2427" s="74"/>
      <c r="I2427" s="75"/>
      <c r="J2427" s="74"/>
      <c r="L2427" s="55"/>
      <c r="M2427" s="234"/>
      <c r="N2427" s="65"/>
      <c r="O2427" s="76"/>
      <c r="P2427" s="76"/>
      <c r="Q2427" s="65"/>
      <c r="R2427" s="76"/>
      <c r="S2427" s="76"/>
      <c r="T2427" s="76"/>
      <c r="U2427" s="76"/>
      <c r="V2427" s="76"/>
      <c r="W2427" s="76"/>
      <c r="X2427" s="76"/>
      <c r="Y2427" s="76"/>
      <c r="Z2427" s="76"/>
      <c r="AA2427" s="85"/>
      <c r="AB2427" s="85"/>
      <c r="AC2427" s="85"/>
      <c r="AD2427" s="85"/>
      <c r="AE2427" s="85"/>
      <c r="AF2427" s="85"/>
      <c r="AG2427" s="86"/>
      <c r="AH2427" s="85"/>
      <c r="AI2427" s="85"/>
      <c r="AJ2427" s="85"/>
      <c r="AK2427" s="85"/>
      <c r="AL2427" s="85"/>
      <c r="AM2427" s="92"/>
      <c r="AN2427" s="92"/>
      <c r="AO2427" s="92"/>
      <c r="AP2427" s="92"/>
      <c r="AQ2427" s="92"/>
      <c r="AR2427" s="92"/>
      <c r="AS2427" s="92"/>
      <c r="AT2427" s="92"/>
      <c r="AU2427" s="92"/>
      <c r="AV2427" s="92"/>
      <c r="AW2427" s="92"/>
      <c r="AX2427" s="92"/>
      <c r="AY2427" s="92"/>
      <c r="AZ2427" s="93"/>
      <c r="BA2427" s="93"/>
      <c r="BB2427" s="93"/>
      <c r="BC2427" s="93"/>
      <c r="BD2427" s="93"/>
      <c r="BE2427" s="93"/>
      <c r="BF2427" s="93"/>
      <c r="BG2427" s="93"/>
      <c r="BH2427" s="93"/>
      <c r="BI2427" s="93"/>
      <c r="BJ2427" s="93"/>
      <c r="BK2427" s="93"/>
      <c r="BL2427" s="93"/>
    </row>
    <row r="2428" spans="2:64" x14ac:dyDescent="0.2">
      <c r="B2428" s="43"/>
      <c r="C2428" s="73"/>
      <c r="D2428" s="64"/>
      <c r="E2428" s="55"/>
      <c r="F2428" s="74"/>
      <c r="G2428" s="74"/>
      <c r="H2428" s="74"/>
      <c r="I2428" s="75"/>
      <c r="J2428" s="74"/>
      <c r="L2428" s="55"/>
      <c r="M2428" s="234"/>
      <c r="N2428" s="65"/>
      <c r="O2428" s="76"/>
      <c r="P2428" s="76"/>
      <c r="Q2428" s="65"/>
      <c r="R2428" s="76"/>
      <c r="S2428" s="76"/>
      <c r="T2428" s="76"/>
      <c r="U2428" s="76"/>
      <c r="V2428" s="76"/>
      <c r="W2428" s="76"/>
      <c r="X2428" s="76"/>
      <c r="Y2428" s="76"/>
      <c r="Z2428" s="76"/>
      <c r="AA2428" s="85"/>
      <c r="AB2428" s="85"/>
      <c r="AC2428" s="85"/>
      <c r="AD2428" s="85"/>
      <c r="AE2428" s="85"/>
      <c r="AF2428" s="85"/>
      <c r="AG2428" s="86"/>
      <c r="AH2428" s="85"/>
      <c r="AI2428" s="85"/>
      <c r="AJ2428" s="85"/>
      <c r="AK2428" s="85"/>
      <c r="AL2428" s="85"/>
      <c r="AM2428" s="92"/>
      <c r="AN2428" s="92"/>
      <c r="AO2428" s="92"/>
      <c r="AP2428" s="92"/>
      <c r="AQ2428" s="92"/>
      <c r="AR2428" s="92"/>
      <c r="AS2428" s="92"/>
      <c r="AT2428" s="92"/>
      <c r="AU2428" s="92"/>
      <c r="AV2428" s="92"/>
      <c r="AW2428" s="92"/>
      <c r="AX2428" s="92"/>
      <c r="AY2428" s="92"/>
      <c r="AZ2428" s="93"/>
      <c r="BA2428" s="93"/>
      <c r="BB2428" s="93"/>
      <c r="BC2428" s="93"/>
      <c r="BD2428" s="93"/>
      <c r="BE2428" s="93"/>
      <c r="BF2428" s="93"/>
      <c r="BG2428" s="93"/>
      <c r="BH2428" s="93"/>
      <c r="BI2428" s="93"/>
      <c r="BJ2428" s="93"/>
      <c r="BK2428" s="93"/>
      <c r="BL2428" s="93"/>
    </row>
    <row r="2429" spans="2:64" x14ac:dyDescent="0.2">
      <c r="B2429" s="43"/>
      <c r="C2429" s="73"/>
      <c r="D2429" s="64"/>
      <c r="E2429" s="55"/>
      <c r="F2429" s="74"/>
      <c r="G2429" s="74"/>
      <c r="H2429" s="74"/>
      <c r="I2429" s="75"/>
      <c r="J2429" s="74"/>
      <c r="L2429" s="55"/>
      <c r="M2429" s="234"/>
      <c r="N2429" s="65"/>
      <c r="O2429" s="76"/>
      <c r="P2429" s="76"/>
      <c r="Q2429" s="65"/>
      <c r="R2429" s="76"/>
      <c r="S2429" s="76"/>
      <c r="T2429" s="76"/>
      <c r="U2429" s="76"/>
      <c r="V2429" s="76"/>
      <c r="W2429" s="76"/>
      <c r="X2429" s="76"/>
      <c r="Y2429" s="76"/>
      <c r="Z2429" s="76"/>
      <c r="AA2429" s="85"/>
      <c r="AB2429" s="85"/>
      <c r="AC2429" s="85"/>
      <c r="AD2429" s="85"/>
      <c r="AE2429" s="85"/>
      <c r="AF2429" s="85"/>
      <c r="AG2429" s="86"/>
      <c r="AH2429" s="85"/>
      <c r="AI2429" s="85"/>
      <c r="AJ2429" s="85"/>
      <c r="AK2429" s="85"/>
      <c r="AL2429" s="85"/>
      <c r="AM2429" s="92"/>
      <c r="AN2429" s="92"/>
      <c r="AO2429" s="92"/>
      <c r="AP2429" s="92"/>
      <c r="AQ2429" s="92"/>
      <c r="AR2429" s="92"/>
      <c r="AS2429" s="92"/>
      <c r="AT2429" s="92"/>
      <c r="AU2429" s="92"/>
      <c r="AV2429" s="92"/>
      <c r="AW2429" s="92"/>
      <c r="AX2429" s="92"/>
      <c r="AY2429" s="92"/>
      <c r="AZ2429" s="93"/>
      <c r="BA2429" s="93"/>
      <c r="BB2429" s="93"/>
      <c r="BC2429" s="93"/>
      <c r="BD2429" s="93"/>
      <c r="BE2429" s="93"/>
      <c r="BF2429" s="93"/>
      <c r="BG2429" s="93"/>
      <c r="BH2429" s="93"/>
      <c r="BI2429" s="93"/>
      <c r="BJ2429" s="93"/>
      <c r="BK2429" s="93"/>
      <c r="BL2429" s="93"/>
    </row>
    <row r="2430" spans="2:64" x14ac:dyDescent="0.2">
      <c r="B2430" s="43"/>
      <c r="C2430" s="73"/>
      <c r="D2430" s="64"/>
      <c r="E2430" s="55"/>
      <c r="F2430" s="74"/>
      <c r="G2430" s="74"/>
      <c r="H2430" s="74"/>
      <c r="I2430" s="75"/>
      <c r="J2430" s="74"/>
      <c r="L2430" s="55"/>
      <c r="M2430" s="234"/>
      <c r="N2430" s="65"/>
      <c r="O2430" s="76"/>
      <c r="P2430" s="76"/>
      <c r="Q2430" s="65"/>
      <c r="R2430" s="76"/>
      <c r="S2430" s="76"/>
      <c r="T2430" s="76"/>
      <c r="U2430" s="76"/>
      <c r="V2430" s="76"/>
      <c r="W2430" s="76"/>
      <c r="X2430" s="76"/>
      <c r="Y2430" s="76"/>
      <c r="Z2430" s="76"/>
      <c r="AA2430" s="85"/>
      <c r="AB2430" s="85"/>
      <c r="AC2430" s="85"/>
      <c r="AD2430" s="85"/>
      <c r="AE2430" s="85"/>
      <c r="AF2430" s="85"/>
      <c r="AG2430" s="86"/>
      <c r="AH2430" s="85"/>
      <c r="AI2430" s="85"/>
      <c r="AJ2430" s="85"/>
      <c r="AK2430" s="85"/>
      <c r="AL2430" s="85"/>
      <c r="AM2430" s="92"/>
      <c r="AN2430" s="92"/>
      <c r="AO2430" s="92"/>
      <c r="AP2430" s="92"/>
      <c r="AQ2430" s="92"/>
      <c r="AR2430" s="92"/>
      <c r="AS2430" s="92"/>
      <c r="AT2430" s="92"/>
      <c r="AU2430" s="92"/>
      <c r="AV2430" s="92"/>
      <c r="AW2430" s="92"/>
      <c r="AX2430" s="92"/>
      <c r="AY2430" s="92"/>
      <c r="AZ2430" s="93"/>
      <c r="BA2430" s="93"/>
      <c r="BB2430" s="93"/>
      <c r="BC2430" s="93"/>
      <c r="BD2430" s="93"/>
      <c r="BE2430" s="93"/>
      <c r="BF2430" s="93"/>
      <c r="BG2430" s="93"/>
      <c r="BH2430" s="93"/>
      <c r="BI2430" s="93"/>
      <c r="BJ2430" s="93"/>
      <c r="BK2430" s="93"/>
      <c r="BL2430" s="93"/>
    </row>
    <row r="2431" spans="2:64" x14ac:dyDescent="0.2">
      <c r="B2431" s="43"/>
      <c r="C2431" s="73"/>
      <c r="D2431" s="64"/>
      <c r="E2431" s="55"/>
      <c r="F2431" s="74"/>
      <c r="G2431" s="74"/>
      <c r="H2431" s="74"/>
      <c r="I2431" s="75"/>
      <c r="J2431" s="74"/>
      <c r="L2431" s="55"/>
      <c r="M2431" s="234"/>
      <c r="N2431" s="65"/>
      <c r="O2431" s="76"/>
      <c r="P2431" s="76"/>
      <c r="Q2431" s="65"/>
      <c r="R2431" s="76"/>
      <c r="S2431" s="76"/>
      <c r="T2431" s="76"/>
      <c r="U2431" s="76"/>
      <c r="V2431" s="76"/>
      <c r="W2431" s="76"/>
      <c r="X2431" s="76"/>
      <c r="Y2431" s="76"/>
      <c r="Z2431" s="76"/>
      <c r="AA2431" s="85"/>
      <c r="AB2431" s="85"/>
      <c r="AC2431" s="85"/>
      <c r="AD2431" s="85"/>
      <c r="AE2431" s="85"/>
      <c r="AF2431" s="85"/>
      <c r="AG2431" s="86"/>
      <c r="AH2431" s="85"/>
      <c r="AI2431" s="85"/>
      <c r="AJ2431" s="85"/>
      <c r="AK2431" s="85"/>
      <c r="AL2431" s="85"/>
      <c r="AM2431" s="92"/>
      <c r="AN2431" s="92"/>
      <c r="AO2431" s="92"/>
      <c r="AP2431" s="92"/>
      <c r="AQ2431" s="92"/>
      <c r="AR2431" s="92"/>
      <c r="AS2431" s="92"/>
      <c r="AT2431" s="92"/>
      <c r="AU2431" s="92"/>
      <c r="AV2431" s="92"/>
      <c r="AW2431" s="92"/>
      <c r="AX2431" s="92"/>
      <c r="AY2431" s="92"/>
      <c r="AZ2431" s="93"/>
      <c r="BA2431" s="93"/>
      <c r="BB2431" s="93"/>
      <c r="BC2431" s="93"/>
      <c r="BD2431" s="93"/>
      <c r="BE2431" s="93"/>
      <c r="BF2431" s="93"/>
      <c r="BG2431" s="93"/>
      <c r="BH2431" s="93"/>
      <c r="BI2431" s="93"/>
      <c r="BJ2431" s="93"/>
      <c r="BK2431" s="93"/>
      <c r="BL2431" s="93"/>
    </row>
    <row r="2432" spans="2:64" x14ac:dyDescent="0.2">
      <c r="B2432" s="43"/>
      <c r="C2432" s="73"/>
      <c r="D2432" s="64"/>
      <c r="E2432" s="55"/>
      <c r="F2432" s="74"/>
      <c r="G2432" s="74"/>
      <c r="H2432" s="74"/>
      <c r="I2432" s="75"/>
      <c r="J2432" s="74"/>
      <c r="L2432" s="55"/>
      <c r="M2432" s="234"/>
      <c r="N2432" s="65"/>
      <c r="O2432" s="76"/>
      <c r="P2432" s="76"/>
      <c r="Q2432" s="65"/>
      <c r="R2432" s="76"/>
      <c r="S2432" s="76"/>
      <c r="T2432" s="76"/>
      <c r="U2432" s="76"/>
      <c r="V2432" s="76"/>
      <c r="W2432" s="76"/>
      <c r="X2432" s="76"/>
      <c r="Y2432" s="76"/>
      <c r="Z2432" s="76"/>
      <c r="AA2432" s="85"/>
      <c r="AB2432" s="85"/>
      <c r="AC2432" s="85"/>
      <c r="AD2432" s="85"/>
      <c r="AE2432" s="85"/>
      <c r="AF2432" s="85"/>
      <c r="AG2432" s="86"/>
      <c r="AH2432" s="85"/>
      <c r="AI2432" s="85"/>
      <c r="AJ2432" s="85"/>
      <c r="AK2432" s="85"/>
      <c r="AL2432" s="85"/>
      <c r="AM2432" s="92"/>
      <c r="AN2432" s="92"/>
      <c r="AO2432" s="92"/>
      <c r="AP2432" s="92"/>
      <c r="AQ2432" s="92"/>
      <c r="AR2432" s="92"/>
      <c r="AS2432" s="92"/>
      <c r="AT2432" s="92"/>
      <c r="AU2432" s="92"/>
      <c r="AV2432" s="92"/>
      <c r="AW2432" s="92"/>
      <c r="AX2432" s="92"/>
      <c r="AY2432" s="92"/>
      <c r="AZ2432" s="93"/>
      <c r="BA2432" s="93"/>
      <c r="BB2432" s="93"/>
      <c r="BC2432" s="93"/>
      <c r="BD2432" s="93"/>
      <c r="BE2432" s="93"/>
      <c r="BF2432" s="93"/>
      <c r="BG2432" s="93"/>
      <c r="BH2432" s="93"/>
      <c r="BI2432" s="93"/>
      <c r="BJ2432" s="93"/>
      <c r="BK2432" s="93"/>
      <c r="BL2432" s="93"/>
    </row>
    <row r="2433" spans="2:64" x14ac:dyDescent="0.2">
      <c r="B2433" s="43"/>
      <c r="C2433" s="73"/>
      <c r="D2433" s="64"/>
      <c r="E2433" s="55"/>
      <c r="F2433" s="74"/>
      <c r="G2433" s="74"/>
      <c r="H2433" s="74"/>
      <c r="I2433" s="75"/>
      <c r="J2433" s="74"/>
      <c r="L2433" s="55"/>
      <c r="M2433" s="234"/>
      <c r="N2433" s="65"/>
      <c r="O2433" s="76"/>
      <c r="P2433" s="76"/>
      <c r="Q2433" s="65"/>
      <c r="R2433" s="76"/>
      <c r="S2433" s="76"/>
      <c r="T2433" s="76"/>
      <c r="U2433" s="76"/>
      <c r="V2433" s="76"/>
      <c r="W2433" s="76"/>
      <c r="X2433" s="76"/>
      <c r="Y2433" s="76"/>
      <c r="Z2433" s="76"/>
      <c r="AA2433" s="85"/>
      <c r="AB2433" s="85"/>
      <c r="AC2433" s="85"/>
      <c r="AD2433" s="85"/>
      <c r="AE2433" s="85"/>
      <c r="AF2433" s="85"/>
      <c r="AG2433" s="86"/>
      <c r="AH2433" s="85"/>
      <c r="AI2433" s="85"/>
      <c r="AJ2433" s="85"/>
      <c r="AK2433" s="85"/>
      <c r="AL2433" s="85"/>
      <c r="AM2433" s="92"/>
      <c r="AN2433" s="92"/>
      <c r="AO2433" s="92"/>
      <c r="AP2433" s="92"/>
      <c r="AQ2433" s="92"/>
      <c r="AR2433" s="92"/>
      <c r="AS2433" s="92"/>
      <c r="AT2433" s="92"/>
      <c r="AU2433" s="92"/>
      <c r="AV2433" s="92"/>
      <c r="AW2433" s="92"/>
      <c r="AX2433" s="92"/>
      <c r="AY2433" s="92"/>
      <c r="AZ2433" s="93"/>
      <c r="BA2433" s="93"/>
      <c r="BB2433" s="93"/>
      <c r="BC2433" s="93"/>
      <c r="BD2433" s="93"/>
      <c r="BE2433" s="93"/>
      <c r="BF2433" s="93"/>
      <c r="BG2433" s="93"/>
      <c r="BH2433" s="93"/>
      <c r="BI2433" s="93"/>
      <c r="BJ2433" s="93"/>
      <c r="BK2433" s="93"/>
      <c r="BL2433" s="93"/>
    </row>
    <row r="2434" spans="2:64" x14ac:dyDescent="0.2">
      <c r="B2434" s="43"/>
      <c r="C2434" s="73"/>
      <c r="D2434" s="64"/>
      <c r="E2434" s="55"/>
      <c r="F2434" s="74"/>
      <c r="G2434" s="74"/>
      <c r="H2434" s="74"/>
      <c r="I2434" s="75"/>
      <c r="J2434" s="74"/>
      <c r="L2434" s="55"/>
      <c r="M2434" s="234"/>
      <c r="N2434" s="65"/>
      <c r="O2434" s="76"/>
      <c r="P2434" s="76"/>
      <c r="Q2434" s="65"/>
      <c r="R2434" s="76"/>
      <c r="S2434" s="76"/>
      <c r="T2434" s="76"/>
      <c r="U2434" s="76"/>
      <c r="V2434" s="76"/>
      <c r="W2434" s="76"/>
      <c r="X2434" s="76"/>
      <c r="Y2434" s="76"/>
      <c r="Z2434" s="76"/>
      <c r="AA2434" s="85"/>
      <c r="AB2434" s="85"/>
      <c r="AC2434" s="85"/>
      <c r="AD2434" s="85"/>
      <c r="AE2434" s="85"/>
      <c r="AF2434" s="85"/>
      <c r="AG2434" s="86"/>
      <c r="AH2434" s="85"/>
      <c r="AI2434" s="85"/>
      <c r="AJ2434" s="85"/>
      <c r="AK2434" s="85"/>
      <c r="AL2434" s="85"/>
      <c r="AM2434" s="92"/>
      <c r="AN2434" s="92"/>
      <c r="AO2434" s="92"/>
      <c r="AP2434" s="92"/>
      <c r="AQ2434" s="92"/>
      <c r="AR2434" s="92"/>
      <c r="AS2434" s="92"/>
      <c r="AT2434" s="92"/>
      <c r="AU2434" s="92"/>
      <c r="AV2434" s="92"/>
      <c r="AW2434" s="92"/>
      <c r="AX2434" s="92"/>
      <c r="AY2434" s="92"/>
      <c r="AZ2434" s="93"/>
      <c r="BA2434" s="93"/>
      <c r="BB2434" s="93"/>
      <c r="BC2434" s="93"/>
      <c r="BD2434" s="93"/>
      <c r="BE2434" s="93"/>
      <c r="BF2434" s="93"/>
      <c r="BG2434" s="93"/>
      <c r="BH2434" s="93"/>
      <c r="BI2434" s="93"/>
      <c r="BJ2434" s="93"/>
      <c r="BK2434" s="93"/>
      <c r="BL2434" s="93"/>
    </row>
    <row r="2435" spans="2:64" x14ac:dyDescent="0.2">
      <c r="B2435" s="43"/>
      <c r="C2435" s="73"/>
      <c r="D2435" s="64"/>
      <c r="E2435" s="55"/>
      <c r="F2435" s="74"/>
      <c r="G2435" s="74"/>
      <c r="H2435" s="74"/>
      <c r="I2435" s="75"/>
      <c r="J2435" s="74"/>
      <c r="L2435" s="55"/>
      <c r="M2435" s="234"/>
      <c r="N2435" s="65"/>
      <c r="O2435" s="76"/>
      <c r="P2435" s="76"/>
      <c r="Q2435" s="65"/>
      <c r="R2435" s="76"/>
      <c r="S2435" s="76"/>
      <c r="T2435" s="76"/>
      <c r="U2435" s="76"/>
      <c r="V2435" s="76"/>
      <c r="W2435" s="76"/>
      <c r="X2435" s="76"/>
      <c r="Y2435" s="76"/>
      <c r="Z2435" s="76"/>
      <c r="AA2435" s="85"/>
      <c r="AB2435" s="85"/>
      <c r="AC2435" s="85"/>
      <c r="AD2435" s="85"/>
      <c r="AE2435" s="85"/>
      <c r="AF2435" s="85"/>
      <c r="AG2435" s="86"/>
      <c r="AH2435" s="85"/>
      <c r="AI2435" s="85"/>
      <c r="AJ2435" s="85"/>
      <c r="AK2435" s="85"/>
      <c r="AL2435" s="85"/>
      <c r="AM2435" s="92"/>
      <c r="AN2435" s="92"/>
      <c r="AO2435" s="92"/>
      <c r="AP2435" s="92"/>
      <c r="AQ2435" s="92"/>
      <c r="AR2435" s="92"/>
      <c r="AS2435" s="92"/>
      <c r="AT2435" s="92"/>
      <c r="AU2435" s="92"/>
      <c r="AV2435" s="92"/>
      <c r="AW2435" s="92"/>
      <c r="AX2435" s="92"/>
      <c r="AY2435" s="92"/>
      <c r="AZ2435" s="93"/>
      <c r="BA2435" s="93"/>
      <c r="BB2435" s="93"/>
      <c r="BC2435" s="93"/>
      <c r="BD2435" s="93"/>
      <c r="BE2435" s="93"/>
      <c r="BF2435" s="93"/>
      <c r="BG2435" s="93"/>
      <c r="BH2435" s="93"/>
      <c r="BI2435" s="93"/>
      <c r="BJ2435" s="93"/>
      <c r="BK2435" s="93"/>
      <c r="BL2435" s="93"/>
    </row>
    <row r="2436" spans="2:64" x14ac:dyDescent="0.2">
      <c r="B2436" s="43"/>
      <c r="C2436" s="73"/>
      <c r="D2436" s="64"/>
      <c r="E2436" s="55"/>
      <c r="F2436" s="74"/>
      <c r="G2436" s="74"/>
      <c r="H2436" s="74"/>
      <c r="I2436" s="75"/>
      <c r="J2436" s="74"/>
      <c r="L2436" s="55"/>
      <c r="M2436" s="234"/>
      <c r="N2436" s="65"/>
      <c r="O2436" s="76"/>
      <c r="P2436" s="76"/>
      <c r="Q2436" s="65"/>
      <c r="R2436" s="76"/>
      <c r="S2436" s="76"/>
      <c r="T2436" s="76"/>
      <c r="U2436" s="76"/>
      <c r="V2436" s="76"/>
      <c r="W2436" s="76"/>
      <c r="X2436" s="76"/>
      <c r="Y2436" s="76"/>
      <c r="Z2436" s="76"/>
      <c r="AA2436" s="85"/>
      <c r="AB2436" s="85"/>
      <c r="AC2436" s="85"/>
      <c r="AD2436" s="85"/>
      <c r="AE2436" s="85"/>
      <c r="AF2436" s="85"/>
      <c r="AG2436" s="86"/>
      <c r="AH2436" s="85"/>
      <c r="AI2436" s="85"/>
      <c r="AJ2436" s="85"/>
      <c r="AK2436" s="85"/>
      <c r="AL2436" s="85"/>
      <c r="AM2436" s="92"/>
      <c r="AN2436" s="92"/>
      <c r="AO2436" s="92"/>
      <c r="AP2436" s="92"/>
      <c r="AQ2436" s="92"/>
      <c r="AR2436" s="92"/>
      <c r="AS2436" s="92"/>
      <c r="AT2436" s="92"/>
      <c r="AU2436" s="92"/>
      <c r="AV2436" s="92"/>
      <c r="AW2436" s="92"/>
      <c r="AX2436" s="92"/>
      <c r="AY2436" s="92"/>
      <c r="AZ2436" s="93"/>
      <c r="BA2436" s="93"/>
      <c r="BB2436" s="93"/>
      <c r="BC2436" s="93"/>
      <c r="BD2436" s="93"/>
      <c r="BE2436" s="93"/>
      <c r="BF2436" s="93"/>
      <c r="BG2436" s="93"/>
      <c r="BH2436" s="93"/>
      <c r="BI2436" s="93"/>
      <c r="BJ2436" s="93"/>
      <c r="BK2436" s="93"/>
      <c r="BL2436" s="93"/>
    </row>
    <row r="2437" spans="2:64" x14ac:dyDescent="0.2">
      <c r="B2437" s="43"/>
      <c r="C2437" s="73"/>
      <c r="D2437" s="64"/>
      <c r="E2437" s="55"/>
      <c r="F2437" s="74"/>
      <c r="G2437" s="74"/>
      <c r="H2437" s="74"/>
      <c r="I2437" s="75"/>
      <c r="J2437" s="74"/>
      <c r="L2437" s="55"/>
      <c r="M2437" s="234"/>
      <c r="N2437" s="65"/>
      <c r="O2437" s="76"/>
      <c r="P2437" s="76"/>
      <c r="Q2437" s="65"/>
      <c r="R2437" s="76"/>
      <c r="S2437" s="76"/>
      <c r="T2437" s="76"/>
      <c r="U2437" s="76"/>
      <c r="V2437" s="76"/>
      <c r="W2437" s="76"/>
      <c r="X2437" s="76"/>
      <c r="Y2437" s="76"/>
      <c r="Z2437" s="76"/>
      <c r="AA2437" s="85"/>
      <c r="AB2437" s="85"/>
      <c r="AC2437" s="85"/>
      <c r="AD2437" s="85"/>
      <c r="AE2437" s="85"/>
      <c r="AF2437" s="85"/>
      <c r="AG2437" s="86"/>
      <c r="AH2437" s="85"/>
      <c r="AI2437" s="85"/>
      <c r="AJ2437" s="85"/>
      <c r="AK2437" s="85"/>
      <c r="AL2437" s="85"/>
      <c r="AM2437" s="92"/>
      <c r="AN2437" s="92"/>
      <c r="AO2437" s="92"/>
      <c r="AP2437" s="92"/>
      <c r="AQ2437" s="92"/>
      <c r="AR2437" s="92"/>
      <c r="AS2437" s="92"/>
      <c r="AT2437" s="92"/>
      <c r="AU2437" s="92"/>
      <c r="AV2437" s="92"/>
      <c r="AW2437" s="92"/>
      <c r="AX2437" s="92"/>
      <c r="AY2437" s="92"/>
      <c r="AZ2437" s="93"/>
      <c r="BA2437" s="93"/>
      <c r="BB2437" s="93"/>
      <c r="BC2437" s="93"/>
      <c r="BD2437" s="93"/>
      <c r="BE2437" s="93"/>
      <c r="BF2437" s="93"/>
      <c r="BG2437" s="93"/>
      <c r="BH2437" s="93"/>
      <c r="BI2437" s="93"/>
      <c r="BJ2437" s="93"/>
      <c r="BK2437" s="93"/>
      <c r="BL2437" s="93"/>
    </row>
    <row r="2438" spans="2:64" x14ac:dyDescent="0.2">
      <c r="B2438" s="43"/>
      <c r="C2438" s="73"/>
      <c r="D2438" s="64"/>
      <c r="E2438" s="55"/>
      <c r="F2438" s="74"/>
      <c r="G2438" s="74"/>
      <c r="H2438" s="74"/>
      <c r="I2438" s="75"/>
      <c r="J2438" s="74"/>
      <c r="L2438" s="55"/>
      <c r="M2438" s="234"/>
      <c r="N2438" s="65"/>
      <c r="O2438" s="76"/>
      <c r="P2438" s="76"/>
      <c r="Q2438" s="65"/>
      <c r="R2438" s="76"/>
      <c r="S2438" s="76"/>
      <c r="T2438" s="76"/>
      <c r="U2438" s="76"/>
      <c r="V2438" s="76"/>
      <c r="W2438" s="76"/>
      <c r="X2438" s="76"/>
      <c r="Y2438" s="76"/>
      <c r="Z2438" s="76"/>
      <c r="AA2438" s="85"/>
      <c r="AB2438" s="85"/>
      <c r="AC2438" s="85"/>
      <c r="AD2438" s="85"/>
      <c r="AE2438" s="85"/>
      <c r="AF2438" s="85"/>
      <c r="AG2438" s="86"/>
      <c r="AH2438" s="85"/>
      <c r="AI2438" s="85"/>
      <c r="AJ2438" s="85"/>
      <c r="AK2438" s="85"/>
      <c r="AL2438" s="85"/>
      <c r="AM2438" s="92"/>
      <c r="AN2438" s="92"/>
      <c r="AO2438" s="92"/>
      <c r="AP2438" s="92"/>
      <c r="AQ2438" s="92"/>
      <c r="AR2438" s="92"/>
      <c r="AS2438" s="92"/>
      <c r="AT2438" s="92"/>
      <c r="AU2438" s="92"/>
      <c r="AV2438" s="92"/>
      <c r="AW2438" s="92"/>
      <c r="AX2438" s="92"/>
      <c r="AY2438" s="92"/>
      <c r="AZ2438" s="93"/>
      <c r="BA2438" s="93"/>
      <c r="BB2438" s="93"/>
      <c r="BC2438" s="93"/>
      <c r="BD2438" s="93"/>
      <c r="BE2438" s="93"/>
      <c r="BF2438" s="93"/>
      <c r="BG2438" s="93"/>
      <c r="BH2438" s="93"/>
      <c r="BI2438" s="93"/>
      <c r="BJ2438" s="93"/>
      <c r="BK2438" s="93"/>
      <c r="BL2438" s="93"/>
    </row>
    <row r="2439" spans="2:64" x14ac:dyDescent="0.2">
      <c r="B2439" s="43"/>
      <c r="C2439" s="73"/>
      <c r="D2439" s="64"/>
      <c r="E2439" s="55"/>
      <c r="F2439" s="74"/>
      <c r="G2439" s="74"/>
      <c r="H2439" s="74"/>
      <c r="I2439" s="75"/>
      <c r="J2439" s="74"/>
      <c r="L2439" s="55"/>
      <c r="M2439" s="234"/>
      <c r="N2439" s="65"/>
      <c r="O2439" s="76"/>
      <c r="P2439" s="76"/>
      <c r="Q2439" s="65"/>
      <c r="R2439" s="76"/>
      <c r="S2439" s="76"/>
      <c r="T2439" s="76"/>
      <c r="U2439" s="76"/>
      <c r="V2439" s="76"/>
      <c r="W2439" s="76"/>
      <c r="X2439" s="76"/>
      <c r="Y2439" s="76"/>
      <c r="Z2439" s="76"/>
      <c r="AA2439" s="85"/>
      <c r="AB2439" s="85"/>
      <c r="AC2439" s="85"/>
      <c r="AD2439" s="85"/>
      <c r="AE2439" s="85"/>
      <c r="AF2439" s="85"/>
      <c r="AG2439" s="86"/>
      <c r="AH2439" s="85"/>
      <c r="AI2439" s="85"/>
      <c r="AJ2439" s="85"/>
      <c r="AK2439" s="85"/>
      <c r="AL2439" s="85"/>
      <c r="AM2439" s="92"/>
      <c r="AN2439" s="92"/>
      <c r="AO2439" s="92"/>
      <c r="AP2439" s="92"/>
      <c r="AQ2439" s="92"/>
      <c r="AR2439" s="92"/>
      <c r="AS2439" s="92"/>
      <c r="AT2439" s="92"/>
      <c r="AU2439" s="92"/>
      <c r="AV2439" s="92"/>
      <c r="AW2439" s="92"/>
      <c r="AX2439" s="92"/>
      <c r="AY2439" s="92"/>
      <c r="AZ2439" s="93"/>
      <c r="BA2439" s="93"/>
      <c r="BB2439" s="93"/>
      <c r="BC2439" s="93"/>
      <c r="BD2439" s="93"/>
      <c r="BE2439" s="93"/>
      <c r="BF2439" s="93"/>
      <c r="BG2439" s="93"/>
      <c r="BH2439" s="93"/>
      <c r="BI2439" s="93"/>
      <c r="BJ2439" s="93"/>
      <c r="BK2439" s="93"/>
      <c r="BL2439" s="93"/>
    </row>
    <row r="2440" spans="2:64" x14ac:dyDescent="0.2">
      <c r="B2440" s="43"/>
      <c r="C2440" s="73"/>
      <c r="D2440" s="64"/>
      <c r="E2440" s="55"/>
      <c r="F2440" s="74"/>
      <c r="G2440" s="74"/>
      <c r="H2440" s="74"/>
      <c r="I2440" s="75"/>
      <c r="J2440" s="74"/>
      <c r="L2440" s="55"/>
      <c r="M2440" s="234"/>
      <c r="N2440" s="65"/>
      <c r="O2440" s="76"/>
      <c r="P2440" s="76"/>
      <c r="Q2440" s="65"/>
      <c r="R2440" s="76"/>
      <c r="S2440" s="76"/>
      <c r="T2440" s="76"/>
      <c r="U2440" s="76"/>
      <c r="V2440" s="76"/>
      <c r="W2440" s="76"/>
      <c r="X2440" s="76"/>
      <c r="Y2440" s="76"/>
      <c r="Z2440" s="76"/>
      <c r="AA2440" s="85"/>
      <c r="AB2440" s="85"/>
      <c r="AC2440" s="85"/>
      <c r="AD2440" s="85"/>
      <c r="AE2440" s="85"/>
      <c r="AF2440" s="85"/>
      <c r="AG2440" s="86"/>
      <c r="AH2440" s="85"/>
      <c r="AI2440" s="85"/>
      <c r="AJ2440" s="85"/>
      <c r="AK2440" s="85"/>
      <c r="AL2440" s="85"/>
      <c r="AM2440" s="92"/>
      <c r="AN2440" s="92"/>
      <c r="AO2440" s="92"/>
      <c r="AP2440" s="92"/>
      <c r="AQ2440" s="92"/>
      <c r="AR2440" s="92"/>
      <c r="AS2440" s="92"/>
      <c r="AT2440" s="92"/>
      <c r="AU2440" s="92"/>
      <c r="AV2440" s="92"/>
      <c r="AW2440" s="92"/>
      <c r="AX2440" s="92"/>
      <c r="AY2440" s="92"/>
      <c r="AZ2440" s="93"/>
      <c r="BA2440" s="93"/>
      <c r="BB2440" s="93"/>
      <c r="BC2440" s="93"/>
      <c r="BD2440" s="93"/>
      <c r="BE2440" s="93"/>
      <c r="BF2440" s="93"/>
      <c r="BG2440" s="93"/>
      <c r="BH2440" s="93"/>
      <c r="BI2440" s="93"/>
      <c r="BJ2440" s="93"/>
      <c r="BK2440" s="93"/>
      <c r="BL2440" s="93"/>
    </row>
    <row r="2441" spans="2:64" x14ac:dyDescent="0.2">
      <c r="B2441" s="43"/>
      <c r="C2441" s="73"/>
      <c r="D2441" s="64"/>
      <c r="E2441" s="55"/>
      <c r="F2441" s="74"/>
      <c r="G2441" s="74"/>
      <c r="H2441" s="74"/>
      <c r="I2441" s="75"/>
      <c r="J2441" s="74"/>
      <c r="L2441" s="55"/>
      <c r="M2441" s="234"/>
      <c r="N2441" s="65"/>
      <c r="O2441" s="76"/>
      <c r="P2441" s="76"/>
      <c r="Q2441" s="65"/>
      <c r="R2441" s="76"/>
      <c r="S2441" s="76"/>
      <c r="T2441" s="76"/>
      <c r="U2441" s="76"/>
      <c r="V2441" s="76"/>
      <c r="W2441" s="76"/>
      <c r="X2441" s="76"/>
      <c r="Y2441" s="76"/>
      <c r="Z2441" s="76"/>
      <c r="AA2441" s="85"/>
      <c r="AB2441" s="85"/>
      <c r="AC2441" s="85"/>
      <c r="AD2441" s="85"/>
      <c r="AE2441" s="85"/>
      <c r="AF2441" s="85"/>
      <c r="AG2441" s="86"/>
      <c r="AH2441" s="85"/>
      <c r="AI2441" s="85"/>
      <c r="AJ2441" s="85"/>
      <c r="AK2441" s="85"/>
      <c r="AL2441" s="85"/>
      <c r="AM2441" s="92"/>
      <c r="AN2441" s="92"/>
      <c r="AO2441" s="92"/>
      <c r="AP2441" s="92"/>
      <c r="AQ2441" s="92"/>
      <c r="AR2441" s="92"/>
      <c r="AS2441" s="92"/>
      <c r="AT2441" s="92"/>
      <c r="AU2441" s="92"/>
      <c r="AV2441" s="92"/>
      <c r="AW2441" s="92"/>
      <c r="AX2441" s="92"/>
      <c r="AY2441" s="92"/>
      <c r="AZ2441" s="93"/>
      <c r="BA2441" s="93"/>
      <c r="BB2441" s="93"/>
      <c r="BC2441" s="93"/>
      <c r="BD2441" s="93"/>
      <c r="BE2441" s="93"/>
      <c r="BF2441" s="93"/>
      <c r="BG2441" s="93"/>
      <c r="BH2441" s="93"/>
      <c r="BI2441" s="93"/>
      <c r="BJ2441" s="93"/>
      <c r="BK2441" s="93"/>
      <c r="BL2441" s="93"/>
    </row>
    <row r="2442" spans="2:64" x14ac:dyDescent="0.2">
      <c r="B2442" s="43"/>
      <c r="C2442" s="73"/>
      <c r="D2442" s="64"/>
      <c r="E2442" s="55"/>
      <c r="F2442" s="74"/>
      <c r="G2442" s="74"/>
      <c r="H2442" s="74"/>
      <c r="I2442" s="75"/>
      <c r="J2442" s="74"/>
      <c r="L2442" s="55"/>
      <c r="M2442" s="234"/>
      <c r="N2442" s="65"/>
      <c r="O2442" s="76"/>
      <c r="P2442" s="76"/>
      <c r="Q2442" s="65"/>
      <c r="R2442" s="76"/>
      <c r="S2442" s="76"/>
      <c r="T2442" s="76"/>
      <c r="U2442" s="76"/>
      <c r="V2442" s="76"/>
      <c r="W2442" s="76"/>
      <c r="X2442" s="76"/>
      <c r="Y2442" s="76"/>
      <c r="Z2442" s="76"/>
      <c r="AA2442" s="85"/>
      <c r="AB2442" s="85"/>
      <c r="AC2442" s="85"/>
      <c r="AD2442" s="85"/>
      <c r="AE2442" s="85"/>
      <c r="AF2442" s="85"/>
      <c r="AG2442" s="86"/>
      <c r="AH2442" s="85"/>
      <c r="AI2442" s="85"/>
      <c r="AJ2442" s="85"/>
      <c r="AK2442" s="85"/>
      <c r="AL2442" s="85"/>
      <c r="AM2442" s="92"/>
      <c r="AN2442" s="92"/>
      <c r="AO2442" s="92"/>
      <c r="AP2442" s="92"/>
      <c r="AQ2442" s="92"/>
      <c r="AR2442" s="92"/>
      <c r="AS2442" s="92"/>
      <c r="AT2442" s="92"/>
      <c r="AU2442" s="92"/>
      <c r="AV2442" s="92"/>
      <c r="AW2442" s="92"/>
      <c r="AX2442" s="92"/>
      <c r="AY2442" s="92"/>
      <c r="AZ2442" s="93"/>
      <c r="BA2442" s="93"/>
      <c r="BB2442" s="93"/>
      <c r="BC2442" s="93"/>
      <c r="BD2442" s="93"/>
      <c r="BE2442" s="93"/>
      <c r="BF2442" s="93"/>
      <c r="BG2442" s="93"/>
      <c r="BH2442" s="93"/>
      <c r="BI2442" s="93"/>
      <c r="BJ2442" s="93"/>
      <c r="BK2442" s="93"/>
      <c r="BL2442" s="93"/>
    </row>
    <row r="2443" spans="2:64" x14ac:dyDescent="0.2">
      <c r="B2443" s="43"/>
      <c r="C2443" s="73"/>
      <c r="D2443" s="64"/>
      <c r="E2443" s="55"/>
      <c r="F2443" s="74"/>
      <c r="G2443" s="74"/>
      <c r="H2443" s="74"/>
      <c r="I2443" s="75"/>
      <c r="J2443" s="74"/>
      <c r="L2443" s="55"/>
      <c r="M2443" s="234"/>
      <c r="N2443" s="65"/>
      <c r="O2443" s="76"/>
      <c r="P2443" s="76"/>
      <c r="Q2443" s="65"/>
      <c r="R2443" s="76"/>
      <c r="S2443" s="76"/>
      <c r="T2443" s="76"/>
      <c r="U2443" s="76"/>
      <c r="V2443" s="76"/>
      <c r="W2443" s="76"/>
      <c r="X2443" s="76"/>
      <c r="Y2443" s="76"/>
      <c r="Z2443" s="76"/>
      <c r="AA2443" s="85"/>
      <c r="AB2443" s="85"/>
      <c r="AC2443" s="85"/>
      <c r="AD2443" s="85"/>
      <c r="AE2443" s="85"/>
      <c r="AF2443" s="85"/>
      <c r="AG2443" s="86"/>
      <c r="AH2443" s="85"/>
      <c r="AI2443" s="85"/>
      <c r="AJ2443" s="85"/>
      <c r="AK2443" s="85"/>
      <c r="AL2443" s="85"/>
      <c r="AM2443" s="92"/>
      <c r="AN2443" s="92"/>
      <c r="AO2443" s="92"/>
      <c r="AP2443" s="92"/>
      <c r="AQ2443" s="92"/>
      <c r="AR2443" s="92"/>
      <c r="AS2443" s="92"/>
      <c r="AT2443" s="92"/>
      <c r="AU2443" s="92"/>
      <c r="AV2443" s="92"/>
      <c r="AW2443" s="92"/>
      <c r="AX2443" s="92"/>
      <c r="AY2443" s="92"/>
      <c r="AZ2443" s="93"/>
      <c r="BA2443" s="93"/>
      <c r="BB2443" s="93"/>
      <c r="BC2443" s="93"/>
      <c r="BD2443" s="93"/>
      <c r="BE2443" s="93"/>
      <c r="BF2443" s="93"/>
      <c r="BG2443" s="93"/>
      <c r="BH2443" s="93"/>
      <c r="BI2443" s="93"/>
      <c r="BJ2443" s="93"/>
      <c r="BK2443" s="93"/>
      <c r="BL2443" s="93"/>
    </row>
    <row r="2444" spans="2:64" x14ac:dyDescent="0.2">
      <c r="B2444" s="43"/>
      <c r="C2444" s="73"/>
      <c r="D2444" s="64"/>
      <c r="E2444" s="55"/>
      <c r="F2444" s="74"/>
      <c r="G2444" s="74"/>
      <c r="H2444" s="74"/>
      <c r="I2444" s="75"/>
      <c r="J2444" s="74"/>
      <c r="L2444" s="55"/>
      <c r="M2444" s="234"/>
      <c r="N2444" s="65"/>
      <c r="O2444" s="76"/>
      <c r="P2444" s="76"/>
      <c r="Q2444" s="65"/>
      <c r="R2444" s="76"/>
      <c r="S2444" s="76"/>
      <c r="T2444" s="76"/>
      <c r="U2444" s="76"/>
      <c r="V2444" s="76"/>
      <c r="W2444" s="76"/>
      <c r="X2444" s="76"/>
      <c r="Y2444" s="76"/>
      <c r="Z2444" s="76"/>
      <c r="AA2444" s="85"/>
      <c r="AB2444" s="85"/>
      <c r="AC2444" s="85"/>
      <c r="AD2444" s="85"/>
      <c r="AE2444" s="85"/>
      <c r="AF2444" s="85"/>
      <c r="AG2444" s="86"/>
      <c r="AH2444" s="85"/>
      <c r="AI2444" s="85"/>
      <c r="AJ2444" s="85"/>
      <c r="AK2444" s="85"/>
      <c r="AL2444" s="85"/>
      <c r="AM2444" s="92"/>
      <c r="AN2444" s="92"/>
      <c r="AO2444" s="92"/>
      <c r="AP2444" s="92"/>
      <c r="AQ2444" s="92"/>
      <c r="AR2444" s="92"/>
      <c r="AS2444" s="92"/>
      <c r="AT2444" s="92"/>
      <c r="AU2444" s="92"/>
      <c r="AV2444" s="92"/>
      <c r="AW2444" s="92"/>
      <c r="AX2444" s="92"/>
      <c r="AY2444" s="92"/>
      <c r="AZ2444" s="93"/>
      <c r="BA2444" s="93"/>
      <c r="BB2444" s="93"/>
      <c r="BC2444" s="93"/>
      <c r="BD2444" s="93"/>
      <c r="BE2444" s="93"/>
      <c r="BF2444" s="93"/>
      <c r="BG2444" s="93"/>
      <c r="BH2444" s="93"/>
      <c r="BI2444" s="93"/>
      <c r="BJ2444" s="93"/>
      <c r="BK2444" s="93"/>
      <c r="BL2444" s="93"/>
    </row>
    <row r="2445" spans="2:64" x14ac:dyDescent="0.2">
      <c r="B2445" s="43"/>
      <c r="C2445" s="73"/>
      <c r="D2445" s="64"/>
      <c r="E2445" s="55"/>
      <c r="F2445" s="74"/>
      <c r="G2445" s="74"/>
      <c r="H2445" s="74"/>
      <c r="I2445" s="75"/>
      <c r="J2445" s="74"/>
      <c r="L2445" s="55"/>
      <c r="M2445" s="234"/>
      <c r="N2445" s="65"/>
      <c r="O2445" s="76"/>
      <c r="P2445" s="76"/>
      <c r="Q2445" s="65"/>
      <c r="R2445" s="76"/>
      <c r="S2445" s="76"/>
      <c r="T2445" s="76"/>
      <c r="U2445" s="76"/>
      <c r="V2445" s="76"/>
      <c r="W2445" s="76"/>
      <c r="X2445" s="76"/>
      <c r="Y2445" s="76"/>
      <c r="Z2445" s="76"/>
      <c r="AA2445" s="85"/>
      <c r="AB2445" s="85"/>
      <c r="AC2445" s="85"/>
      <c r="AD2445" s="85"/>
      <c r="AE2445" s="85"/>
      <c r="AF2445" s="85"/>
      <c r="AG2445" s="86"/>
      <c r="AH2445" s="85"/>
      <c r="AI2445" s="85"/>
      <c r="AJ2445" s="85"/>
      <c r="AK2445" s="85"/>
      <c r="AL2445" s="85"/>
      <c r="AM2445" s="92"/>
      <c r="AN2445" s="92"/>
      <c r="AO2445" s="92"/>
      <c r="AP2445" s="92"/>
      <c r="AQ2445" s="92"/>
      <c r="AR2445" s="92"/>
      <c r="AS2445" s="92"/>
      <c r="AT2445" s="92"/>
      <c r="AU2445" s="92"/>
      <c r="AV2445" s="92"/>
      <c r="AW2445" s="92"/>
      <c r="AX2445" s="92"/>
      <c r="AY2445" s="92"/>
      <c r="AZ2445" s="93"/>
      <c r="BA2445" s="93"/>
      <c r="BB2445" s="93"/>
      <c r="BC2445" s="93"/>
      <c r="BD2445" s="93"/>
      <c r="BE2445" s="93"/>
      <c r="BF2445" s="93"/>
      <c r="BG2445" s="93"/>
      <c r="BH2445" s="93"/>
      <c r="BI2445" s="93"/>
      <c r="BJ2445" s="93"/>
      <c r="BK2445" s="93"/>
      <c r="BL2445" s="93"/>
    </row>
    <row r="2446" spans="2:64" x14ac:dyDescent="0.2">
      <c r="B2446" s="43"/>
      <c r="C2446" s="73"/>
      <c r="D2446" s="64"/>
      <c r="E2446" s="55"/>
      <c r="F2446" s="74"/>
      <c r="G2446" s="74"/>
      <c r="H2446" s="74"/>
      <c r="I2446" s="75"/>
      <c r="J2446" s="74"/>
      <c r="L2446" s="55"/>
      <c r="M2446" s="234"/>
      <c r="N2446" s="65"/>
      <c r="O2446" s="76"/>
      <c r="P2446" s="76"/>
      <c r="Q2446" s="65"/>
      <c r="R2446" s="76"/>
      <c r="S2446" s="76"/>
      <c r="T2446" s="76"/>
      <c r="U2446" s="76"/>
      <c r="V2446" s="76"/>
      <c r="W2446" s="76"/>
      <c r="X2446" s="76"/>
      <c r="Y2446" s="76"/>
      <c r="Z2446" s="76"/>
      <c r="AA2446" s="85"/>
      <c r="AB2446" s="85"/>
      <c r="AC2446" s="85"/>
      <c r="AD2446" s="85"/>
      <c r="AE2446" s="85"/>
      <c r="AF2446" s="85"/>
      <c r="AG2446" s="86"/>
      <c r="AH2446" s="85"/>
      <c r="AI2446" s="85"/>
      <c r="AJ2446" s="85"/>
      <c r="AK2446" s="85"/>
      <c r="AL2446" s="85"/>
      <c r="AM2446" s="92"/>
      <c r="AN2446" s="92"/>
      <c r="AO2446" s="92"/>
      <c r="AP2446" s="92"/>
      <c r="AQ2446" s="92"/>
      <c r="AR2446" s="92"/>
      <c r="AS2446" s="92"/>
      <c r="AT2446" s="92"/>
      <c r="AU2446" s="92"/>
      <c r="AV2446" s="92"/>
      <c r="AW2446" s="92"/>
      <c r="AX2446" s="92"/>
      <c r="AY2446" s="92"/>
      <c r="AZ2446" s="93"/>
      <c r="BA2446" s="93"/>
      <c r="BB2446" s="93"/>
      <c r="BC2446" s="93"/>
      <c r="BD2446" s="93"/>
      <c r="BE2446" s="93"/>
      <c r="BF2446" s="93"/>
      <c r="BG2446" s="93"/>
      <c r="BH2446" s="93"/>
      <c r="BI2446" s="93"/>
      <c r="BJ2446" s="93"/>
      <c r="BK2446" s="93"/>
      <c r="BL2446" s="93"/>
    </row>
    <row r="2447" spans="2:64" x14ac:dyDescent="0.2">
      <c r="B2447" s="43"/>
      <c r="C2447" s="73"/>
      <c r="D2447" s="64"/>
      <c r="E2447" s="55"/>
      <c r="F2447" s="74"/>
      <c r="G2447" s="74"/>
      <c r="H2447" s="74"/>
      <c r="I2447" s="75"/>
      <c r="J2447" s="74"/>
      <c r="L2447" s="55"/>
      <c r="M2447" s="234"/>
      <c r="N2447" s="65"/>
      <c r="O2447" s="76"/>
      <c r="P2447" s="76"/>
      <c r="Q2447" s="65"/>
      <c r="R2447" s="76"/>
      <c r="S2447" s="76"/>
      <c r="T2447" s="76"/>
      <c r="U2447" s="76"/>
      <c r="V2447" s="76"/>
      <c r="W2447" s="76"/>
      <c r="X2447" s="76"/>
      <c r="Y2447" s="76"/>
      <c r="Z2447" s="76"/>
      <c r="AA2447" s="85"/>
      <c r="AB2447" s="85"/>
      <c r="AC2447" s="85"/>
      <c r="AD2447" s="85"/>
      <c r="AE2447" s="85"/>
      <c r="AF2447" s="85"/>
      <c r="AG2447" s="86"/>
      <c r="AH2447" s="85"/>
      <c r="AI2447" s="85"/>
      <c r="AJ2447" s="85"/>
      <c r="AK2447" s="85"/>
      <c r="AL2447" s="85"/>
      <c r="AM2447" s="92"/>
      <c r="AN2447" s="92"/>
      <c r="AO2447" s="92"/>
      <c r="AP2447" s="92"/>
      <c r="AQ2447" s="92"/>
      <c r="AR2447" s="92"/>
      <c r="AS2447" s="92"/>
      <c r="AT2447" s="92"/>
      <c r="AU2447" s="92"/>
      <c r="AV2447" s="92"/>
      <c r="AW2447" s="92"/>
      <c r="AX2447" s="92"/>
      <c r="AY2447" s="92"/>
      <c r="AZ2447" s="93"/>
      <c r="BA2447" s="93"/>
      <c r="BB2447" s="93"/>
      <c r="BC2447" s="93"/>
      <c r="BD2447" s="93"/>
      <c r="BE2447" s="93"/>
      <c r="BF2447" s="93"/>
      <c r="BG2447" s="93"/>
      <c r="BH2447" s="93"/>
      <c r="BI2447" s="93"/>
      <c r="BJ2447" s="93"/>
      <c r="BK2447" s="93"/>
      <c r="BL2447" s="93"/>
    </row>
    <row r="2448" spans="2:64" x14ac:dyDescent="0.2">
      <c r="B2448" s="43"/>
      <c r="C2448" s="73"/>
      <c r="D2448" s="64"/>
      <c r="E2448" s="55"/>
      <c r="F2448" s="74"/>
      <c r="G2448" s="74"/>
      <c r="H2448" s="74"/>
      <c r="I2448" s="75"/>
      <c r="J2448" s="74"/>
      <c r="L2448" s="55"/>
      <c r="M2448" s="234"/>
      <c r="N2448" s="65"/>
      <c r="O2448" s="76"/>
      <c r="P2448" s="76"/>
      <c r="Q2448" s="65"/>
      <c r="R2448" s="76"/>
      <c r="S2448" s="76"/>
      <c r="T2448" s="76"/>
      <c r="U2448" s="76"/>
      <c r="V2448" s="76"/>
      <c r="W2448" s="76"/>
      <c r="X2448" s="76"/>
      <c r="Y2448" s="76"/>
      <c r="Z2448" s="76"/>
      <c r="AA2448" s="85"/>
      <c r="AB2448" s="85"/>
      <c r="AC2448" s="85"/>
      <c r="AD2448" s="85"/>
      <c r="AE2448" s="85"/>
      <c r="AF2448" s="85"/>
      <c r="AG2448" s="86"/>
      <c r="AH2448" s="85"/>
      <c r="AI2448" s="85"/>
      <c r="AJ2448" s="85"/>
      <c r="AK2448" s="85"/>
      <c r="AL2448" s="85"/>
      <c r="AM2448" s="92"/>
      <c r="AN2448" s="92"/>
      <c r="AO2448" s="92"/>
      <c r="AP2448" s="92"/>
      <c r="AQ2448" s="92"/>
      <c r="AR2448" s="92"/>
      <c r="AS2448" s="92"/>
      <c r="AT2448" s="92"/>
      <c r="AU2448" s="92"/>
      <c r="AV2448" s="92"/>
      <c r="AW2448" s="92"/>
      <c r="AX2448" s="92"/>
      <c r="AY2448" s="92"/>
      <c r="AZ2448" s="93"/>
      <c r="BA2448" s="93"/>
      <c r="BB2448" s="93"/>
      <c r="BC2448" s="93"/>
      <c r="BD2448" s="93"/>
      <c r="BE2448" s="93"/>
      <c r="BF2448" s="93"/>
      <c r="BG2448" s="93"/>
      <c r="BH2448" s="93"/>
      <c r="BI2448" s="93"/>
      <c r="BJ2448" s="93"/>
      <c r="BK2448" s="93"/>
      <c r="BL2448" s="93"/>
    </row>
    <row r="2449" spans="2:64" x14ac:dyDescent="0.2">
      <c r="B2449" s="43"/>
      <c r="C2449" s="73"/>
      <c r="D2449" s="64"/>
      <c r="E2449" s="55"/>
      <c r="F2449" s="74"/>
      <c r="G2449" s="74"/>
      <c r="H2449" s="74"/>
      <c r="I2449" s="75"/>
      <c r="J2449" s="74"/>
      <c r="L2449" s="55"/>
      <c r="M2449" s="234"/>
      <c r="N2449" s="65"/>
      <c r="O2449" s="76"/>
      <c r="P2449" s="76"/>
      <c r="Q2449" s="65"/>
      <c r="R2449" s="76"/>
      <c r="S2449" s="76"/>
      <c r="T2449" s="76"/>
      <c r="U2449" s="76"/>
      <c r="V2449" s="76"/>
      <c r="W2449" s="76"/>
      <c r="X2449" s="76"/>
      <c r="Y2449" s="76"/>
      <c r="Z2449" s="76"/>
      <c r="AA2449" s="85"/>
      <c r="AB2449" s="85"/>
      <c r="AC2449" s="85"/>
      <c r="AD2449" s="85"/>
      <c r="AE2449" s="85"/>
      <c r="AF2449" s="85"/>
      <c r="AG2449" s="86"/>
      <c r="AH2449" s="85"/>
      <c r="AI2449" s="85"/>
      <c r="AJ2449" s="85"/>
      <c r="AK2449" s="85"/>
      <c r="AL2449" s="85"/>
      <c r="AM2449" s="92"/>
      <c r="AN2449" s="92"/>
      <c r="AO2449" s="92"/>
      <c r="AP2449" s="92"/>
      <c r="AQ2449" s="92"/>
      <c r="AR2449" s="92"/>
      <c r="AS2449" s="92"/>
      <c r="AT2449" s="92"/>
      <c r="AU2449" s="92"/>
      <c r="AV2449" s="92"/>
      <c r="AW2449" s="92"/>
      <c r="AX2449" s="92"/>
      <c r="AY2449" s="92"/>
      <c r="AZ2449" s="93"/>
      <c r="BA2449" s="93"/>
      <c r="BB2449" s="93"/>
      <c r="BC2449" s="93"/>
      <c r="BD2449" s="93"/>
      <c r="BE2449" s="93"/>
      <c r="BF2449" s="93"/>
      <c r="BG2449" s="93"/>
      <c r="BH2449" s="93"/>
      <c r="BI2449" s="93"/>
      <c r="BJ2449" s="93"/>
      <c r="BK2449" s="93"/>
      <c r="BL2449" s="93"/>
    </row>
    <row r="2450" spans="2:64" x14ac:dyDescent="0.2">
      <c r="B2450" s="43"/>
      <c r="C2450" s="73"/>
      <c r="D2450" s="64"/>
      <c r="E2450" s="55"/>
      <c r="F2450" s="74"/>
      <c r="G2450" s="74"/>
      <c r="H2450" s="74"/>
      <c r="I2450" s="75"/>
      <c r="J2450" s="74"/>
      <c r="L2450" s="55"/>
      <c r="M2450" s="234"/>
      <c r="N2450" s="65"/>
      <c r="O2450" s="76"/>
      <c r="P2450" s="76"/>
      <c r="Q2450" s="65"/>
      <c r="R2450" s="76"/>
      <c r="S2450" s="76"/>
      <c r="T2450" s="76"/>
      <c r="U2450" s="76"/>
      <c r="V2450" s="76"/>
      <c r="W2450" s="76"/>
      <c r="X2450" s="76"/>
      <c r="Y2450" s="76"/>
      <c r="Z2450" s="76"/>
      <c r="AA2450" s="85"/>
      <c r="AB2450" s="85"/>
      <c r="AC2450" s="85"/>
      <c r="AD2450" s="85"/>
      <c r="AE2450" s="85"/>
      <c r="AF2450" s="85"/>
      <c r="AG2450" s="86"/>
      <c r="AH2450" s="85"/>
      <c r="AI2450" s="85"/>
      <c r="AJ2450" s="85"/>
      <c r="AK2450" s="85"/>
      <c r="AL2450" s="85"/>
      <c r="AM2450" s="92"/>
      <c r="AN2450" s="92"/>
      <c r="AO2450" s="92"/>
      <c r="AP2450" s="92"/>
      <c r="AQ2450" s="92"/>
      <c r="AR2450" s="92"/>
      <c r="AS2450" s="92"/>
      <c r="AT2450" s="92"/>
      <c r="AU2450" s="92"/>
      <c r="AV2450" s="92"/>
      <c r="AW2450" s="92"/>
      <c r="AX2450" s="92"/>
      <c r="AY2450" s="92"/>
      <c r="AZ2450" s="93"/>
      <c r="BA2450" s="93"/>
      <c r="BB2450" s="93"/>
      <c r="BC2450" s="93"/>
      <c r="BD2450" s="93"/>
      <c r="BE2450" s="93"/>
      <c r="BF2450" s="93"/>
      <c r="BG2450" s="93"/>
      <c r="BH2450" s="93"/>
      <c r="BI2450" s="93"/>
      <c r="BJ2450" s="93"/>
      <c r="BK2450" s="93"/>
      <c r="BL2450" s="93"/>
    </row>
    <row r="2451" spans="2:64" x14ac:dyDescent="0.2">
      <c r="B2451" s="43"/>
      <c r="C2451" s="73"/>
      <c r="D2451" s="64"/>
      <c r="E2451" s="55"/>
      <c r="F2451" s="74"/>
      <c r="G2451" s="74"/>
      <c r="H2451" s="74"/>
      <c r="I2451" s="75"/>
      <c r="J2451" s="74"/>
      <c r="L2451" s="55"/>
      <c r="M2451" s="234"/>
      <c r="N2451" s="65"/>
      <c r="O2451" s="76"/>
      <c r="P2451" s="76"/>
      <c r="Q2451" s="65"/>
      <c r="R2451" s="76"/>
      <c r="S2451" s="76"/>
      <c r="T2451" s="76"/>
      <c r="U2451" s="76"/>
      <c r="V2451" s="76"/>
      <c r="W2451" s="76"/>
      <c r="X2451" s="76"/>
      <c r="Y2451" s="76"/>
      <c r="Z2451" s="76"/>
      <c r="AA2451" s="85"/>
      <c r="AB2451" s="85"/>
      <c r="AC2451" s="85"/>
      <c r="AD2451" s="85"/>
      <c r="AE2451" s="85"/>
      <c r="AF2451" s="85"/>
      <c r="AG2451" s="86"/>
      <c r="AH2451" s="85"/>
      <c r="AI2451" s="85"/>
      <c r="AJ2451" s="85"/>
      <c r="AK2451" s="85"/>
      <c r="AL2451" s="85"/>
      <c r="AM2451" s="92"/>
      <c r="AN2451" s="92"/>
      <c r="AO2451" s="92"/>
      <c r="AP2451" s="92"/>
      <c r="AQ2451" s="92"/>
      <c r="AR2451" s="92"/>
      <c r="AS2451" s="92"/>
      <c r="AT2451" s="92"/>
      <c r="AU2451" s="92"/>
      <c r="AV2451" s="92"/>
      <c r="AW2451" s="92"/>
      <c r="AX2451" s="92"/>
      <c r="AY2451" s="92"/>
      <c r="AZ2451" s="93"/>
      <c r="BA2451" s="93"/>
      <c r="BB2451" s="93"/>
      <c r="BC2451" s="93"/>
      <c r="BD2451" s="93"/>
      <c r="BE2451" s="93"/>
      <c r="BF2451" s="93"/>
      <c r="BG2451" s="93"/>
      <c r="BH2451" s="93"/>
      <c r="BI2451" s="93"/>
      <c r="BJ2451" s="93"/>
      <c r="BK2451" s="93"/>
      <c r="BL2451" s="93"/>
    </row>
    <row r="2452" spans="2:64" x14ac:dyDescent="0.2">
      <c r="B2452" s="43"/>
      <c r="C2452" s="73"/>
      <c r="D2452" s="64"/>
      <c r="E2452" s="55"/>
      <c r="F2452" s="74"/>
      <c r="G2452" s="74"/>
      <c r="H2452" s="74"/>
      <c r="I2452" s="75"/>
      <c r="J2452" s="74"/>
      <c r="L2452" s="55"/>
      <c r="M2452" s="234"/>
      <c r="N2452" s="65"/>
      <c r="O2452" s="76"/>
      <c r="P2452" s="76"/>
      <c r="Q2452" s="65"/>
      <c r="R2452" s="76"/>
      <c r="S2452" s="76"/>
      <c r="T2452" s="76"/>
      <c r="U2452" s="76"/>
      <c r="V2452" s="76"/>
      <c r="W2452" s="76"/>
      <c r="X2452" s="76"/>
      <c r="Y2452" s="76"/>
      <c r="Z2452" s="76"/>
      <c r="AA2452" s="85"/>
      <c r="AB2452" s="85"/>
      <c r="AC2452" s="85"/>
      <c r="AD2452" s="85"/>
      <c r="AE2452" s="85"/>
      <c r="AF2452" s="85"/>
      <c r="AG2452" s="86"/>
      <c r="AH2452" s="85"/>
      <c r="AI2452" s="85"/>
      <c r="AJ2452" s="85"/>
      <c r="AK2452" s="85"/>
      <c r="AL2452" s="85"/>
      <c r="AM2452" s="92"/>
      <c r="AN2452" s="92"/>
      <c r="AO2452" s="92"/>
      <c r="AP2452" s="92"/>
      <c r="AQ2452" s="92"/>
      <c r="AR2452" s="92"/>
      <c r="AS2452" s="92"/>
      <c r="AT2452" s="92"/>
      <c r="AU2452" s="92"/>
      <c r="AV2452" s="92"/>
      <c r="AW2452" s="92"/>
      <c r="AX2452" s="92"/>
      <c r="AY2452" s="92"/>
      <c r="AZ2452" s="93"/>
      <c r="BA2452" s="93"/>
      <c r="BB2452" s="93"/>
      <c r="BC2452" s="93"/>
      <c r="BD2452" s="93"/>
      <c r="BE2452" s="93"/>
      <c r="BF2452" s="93"/>
      <c r="BG2452" s="93"/>
      <c r="BH2452" s="93"/>
      <c r="BI2452" s="93"/>
      <c r="BJ2452" s="93"/>
      <c r="BK2452" s="93"/>
      <c r="BL2452" s="93"/>
    </row>
    <row r="2453" spans="2:64" x14ac:dyDescent="0.2">
      <c r="B2453" s="43"/>
      <c r="C2453" s="73"/>
      <c r="D2453" s="64"/>
      <c r="E2453" s="55"/>
      <c r="F2453" s="74"/>
      <c r="G2453" s="74"/>
      <c r="H2453" s="74"/>
      <c r="I2453" s="75"/>
      <c r="J2453" s="74"/>
      <c r="L2453" s="55"/>
      <c r="M2453" s="234"/>
      <c r="N2453" s="65"/>
      <c r="O2453" s="76"/>
      <c r="P2453" s="76"/>
      <c r="Q2453" s="65"/>
      <c r="R2453" s="76"/>
      <c r="S2453" s="76"/>
      <c r="T2453" s="76"/>
      <c r="U2453" s="76"/>
      <c r="V2453" s="76"/>
      <c r="W2453" s="76"/>
      <c r="X2453" s="76"/>
      <c r="Y2453" s="76"/>
      <c r="Z2453" s="76"/>
      <c r="AA2453" s="85"/>
      <c r="AB2453" s="85"/>
      <c r="AC2453" s="85"/>
      <c r="AD2453" s="85"/>
      <c r="AE2453" s="85"/>
      <c r="AF2453" s="85"/>
      <c r="AG2453" s="86"/>
      <c r="AH2453" s="85"/>
      <c r="AI2453" s="85"/>
      <c r="AJ2453" s="85"/>
      <c r="AK2453" s="85"/>
      <c r="AL2453" s="85"/>
      <c r="AM2453" s="92"/>
      <c r="AN2453" s="92"/>
      <c r="AO2453" s="92"/>
      <c r="AP2453" s="92"/>
      <c r="AQ2453" s="92"/>
      <c r="AR2453" s="92"/>
      <c r="AS2453" s="92"/>
      <c r="AT2453" s="92"/>
      <c r="AU2453" s="92"/>
      <c r="AV2453" s="92"/>
      <c r="AW2453" s="92"/>
      <c r="AX2453" s="92"/>
      <c r="AY2453" s="92"/>
      <c r="AZ2453" s="93"/>
      <c r="BA2453" s="93"/>
      <c r="BB2453" s="93"/>
      <c r="BC2453" s="93"/>
      <c r="BD2453" s="93"/>
      <c r="BE2453" s="93"/>
      <c r="BF2453" s="93"/>
      <c r="BG2453" s="93"/>
      <c r="BH2453" s="93"/>
      <c r="BI2453" s="93"/>
      <c r="BJ2453" s="93"/>
      <c r="BK2453" s="93"/>
      <c r="BL2453" s="93"/>
    </row>
    <row r="2454" spans="2:64" x14ac:dyDescent="0.2">
      <c r="B2454" s="43"/>
      <c r="C2454" s="73"/>
      <c r="D2454" s="64"/>
      <c r="E2454" s="55"/>
      <c r="F2454" s="74"/>
      <c r="G2454" s="74"/>
      <c r="H2454" s="74"/>
      <c r="I2454" s="75"/>
      <c r="J2454" s="74"/>
      <c r="L2454" s="55"/>
      <c r="M2454" s="234"/>
      <c r="N2454" s="65"/>
      <c r="O2454" s="76"/>
      <c r="P2454" s="76"/>
      <c r="Q2454" s="65"/>
      <c r="R2454" s="76"/>
      <c r="S2454" s="76"/>
      <c r="T2454" s="76"/>
      <c r="U2454" s="76"/>
      <c r="V2454" s="76"/>
      <c r="W2454" s="76"/>
      <c r="X2454" s="76"/>
      <c r="Y2454" s="76"/>
      <c r="Z2454" s="76"/>
      <c r="AA2454" s="85"/>
      <c r="AB2454" s="85"/>
      <c r="AC2454" s="85"/>
      <c r="AD2454" s="85"/>
      <c r="AE2454" s="85"/>
      <c r="AF2454" s="85"/>
      <c r="AG2454" s="86"/>
      <c r="AH2454" s="85"/>
      <c r="AI2454" s="85"/>
      <c r="AJ2454" s="85"/>
      <c r="AK2454" s="85"/>
      <c r="AL2454" s="85"/>
      <c r="AM2454" s="92"/>
      <c r="AN2454" s="92"/>
      <c r="AO2454" s="92"/>
      <c r="AP2454" s="92"/>
      <c r="AQ2454" s="92"/>
      <c r="AR2454" s="92"/>
      <c r="AS2454" s="92"/>
      <c r="AT2454" s="92"/>
      <c r="AU2454" s="92"/>
      <c r="AV2454" s="92"/>
      <c r="AW2454" s="92"/>
      <c r="AX2454" s="92"/>
      <c r="AY2454" s="92"/>
      <c r="AZ2454" s="93"/>
      <c r="BA2454" s="93"/>
      <c r="BB2454" s="93"/>
      <c r="BC2454" s="93"/>
      <c r="BD2454" s="93"/>
      <c r="BE2454" s="93"/>
      <c r="BF2454" s="93"/>
      <c r="BG2454" s="93"/>
      <c r="BH2454" s="93"/>
      <c r="BI2454" s="93"/>
      <c r="BJ2454" s="93"/>
      <c r="BK2454" s="93"/>
      <c r="BL2454" s="93"/>
    </row>
    <row r="2455" spans="2:64" x14ac:dyDescent="0.2">
      <c r="B2455" s="43"/>
      <c r="C2455" s="73"/>
      <c r="D2455" s="64"/>
      <c r="E2455" s="55"/>
      <c r="F2455" s="74"/>
      <c r="G2455" s="74"/>
      <c r="H2455" s="74"/>
      <c r="I2455" s="75"/>
      <c r="J2455" s="74"/>
      <c r="L2455" s="55"/>
      <c r="M2455" s="234"/>
      <c r="N2455" s="65"/>
      <c r="O2455" s="76"/>
      <c r="P2455" s="76"/>
      <c r="Q2455" s="65"/>
      <c r="R2455" s="76"/>
      <c r="S2455" s="76"/>
      <c r="T2455" s="76"/>
      <c r="U2455" s="76"/>
      <c r="V2455" s="76"/>
      <c r="W2455" s="76"/>
      <c r="X2455" s="76"/>
      <c r="Y2455" s="76"/>
      <c r="Z2455" s="76"/>
      <c r="AA2455" s="85"/>
      <c r="AB2455" s="85"/>
      <c r="AC2455" s="85"/>
      <c r="AD2455" s="85"/>
      <c r="AE2455" s="85"/>
      <c r="AF2455" s="85"/>
      <c r="AG2455" s="86"/>
      <c r="AH2455" s="85"/>
      <c r="AI2455" s="85"/>
      <c r="AJ2455" s="85"/>
      <c r="AK2455" s="85"/>
      <c r="AL2455" s="85"/>
      <c r="AM2455" s="92"/>
      <c r="AN2455" s="92"/>
      <c r="AO2455" s="92"/>
      <c r="AP2455" s="92"/>
      <c r="AQ2455" s="92"/>
      <c r="AR2455" s="92"/>
      <c r="AS2455" s="92"/>
      <c r="AT2455" s="92"/>
      <c r="AU2455" s="92"/>
      <c r="AV2455" s="92"/>
      <c r="AW2455" s="92"/>
      <c r="AX2455" s="92"/>
      <c r="AY2455" s="92"/>
      <c r="AZ2455" s="93"/>
      <c r="BA2455" s="93"/>
      <c r="BB2455" s="93"/>
      <c r="BC2455" s="93"/>
      <c r="BD2455" s="93"/>
      <c r="BE2455" s="93"/>
      <c r="BF2455" s="93"/>
      <c r="BG2455" s="93"/>
      <c r="BH2455" s="93"/>
      <c r="BI2455" s="93"/>
      <c r="BJ2455" s="93"/>
      <c r="BK2455" s="93"/>
      <c r="BL2455" s="93"/>
    </row>
    <row r="2456" spans="2:64" x14ac:dyDescent="0.2">
      <c r="B2456" s="43"/>
      <c r="C2456" s="73"/>
      <c r="D2456" s="64"/>
      <c r="E2456" s="55"/>
      <c r="F2456" s="74"/>
      <c r="G2456" s="74"/>
      <c r="H2456" s="74"/>
      <c r="I2456" s="75"/>
      <c r="J2456" s="74"/>
      <c r="L2456" s="55"/>
      <c r="M2456" s="234"/>
      <c r="N2456" s="65"/>
      <c r="O2456" s="76"/>
      <c r="P2456" s="76"/>
      <c r="Q2456" s="65"/>
      <c r="R2456" s="76"/>
      <c r="S2456" s="76"/>
      <c r="T2456" s="76"/>
      <c r="U2456" s="76"/>
      <c r="V2456" s="76"/>
      <c r="W2456" s="76"/>
      <c r="X2456" s="76"/>
      <c r="Y2456" s="76"/>
      <c r="Z2456" s="76"/>
      <c r="AA2456" s="85"/>
      <c r="AB2456" s="85"/>
      <c r="AC2456" s="85"/>
      <c r="AD2456" s="85"/>
      <c r="AE2456" s="85"/>
      <c r="AF2456" s="85"/>
      <c r="AG2456" s="86"/>
      <c r="AH2456" s="85"/>
      <c r="AI2456" s="85"/>
      <c r="AJ2456" s="85"/>
      <c r="AK2456" s="85"/>
      <c r="AL2456" s="85"/>
      <c r="AM2456" s="92"/>
      <c r="AN2456" s="92"/>
      <c r="AO2456" s="92"/>
      <c r="AP2456" s="92"/>
      <c r="AQ2456" s="92"/>
      <c r="AR2456" s="92"/>
      <c r="AS2456" s="92"/>
      <c r="AT2456" s="92"/>
      <c r="AU2456" s="92"/>
      <c r="AV2456" s="92"/>
      <c r="AW2456" s="92"/>
      <c r="AX2456" s="92"/>
      <c r="AY2456" s="92"/>
      <c r="AZ2456" s="93"/>
      <c r="BA2456" s="93"/>
      <c r="BB2456" s="93"/>
      <c r="BC2456" s="93"/>
      <c r="BD2456" s="93"/>
      <c r="BE2456" s="93"/>
      <c r="BF2456" s="93"/>
      <c r="BG2456" s="93"/>
      <c r="BH2456" s="93"/>
      <c r="BI2456" s="93"/>
      <c r="BJ2456" s="93"/>
      <c r="BK2456" s="93"/>
      <c r="BL2456" s="93"/>
    </row>
    <row r="2457" spans="2:64" x14ac:dyDescent="0.2">
      <c r="B2457" s="43"/>
      <c r="C2457" s="73"/>
      <c r="D2457" s="64"/>
      <c r="E2457" s="55"/>
      <c r="F2457" s="74"/>
      <c r="G2457" s="74"/>
      <c r="H2457" s="74"/>
      <c r="I2457" s="75"/>
      <c r="J2457" s="74"/>
      <c r="L2457" s="55"/>
      <c r="M2457" s="234"/>
      <c r="N2457" s="65"/>
      <c r="O2457" s="76"/>
      <c r="P2457" s="76"/>
      <c r="Q2457" s="65"/>
      <c r="R2457" s="76"/>
      <c r="S2457" s="76"/>
      <c r="T2457" s="76"/>
      <c r="U2457" s="76"/>
      <c r="V2457" s="76"/>
      <c r="W2457" s="76"/>
      <c r="X2457" s="76"/>
      <c r="Y2457" s="76"/>
      <c r="Z2457" s="76"/>
      <c r="AA2457" s="85"/>
      <c r="AB2457" s="85"/>
      <c r="AC2457" s="85"/>
      <c r="AD2457" s="85"/>
      <c r="AE2457" s="85"/>
      <c r="AF2457" s="85"/>
      <c r="AG2457" s="86"/>
      <c r="AH2457" s="85"/>
      <c r="AI2457" s="85"/>
      <c r="AJ2457" s="85"/>
      <c r="AK2457" s="85"/>
      <c r="AL2457" s="85"/>
      <c r="AM2457" s="92"/>
      <c r="AN2457" s="92"/>
      <c r="AO2457" s="92"/>
      <c r="AP2457" s="92"/>
      <c r="AQ2457" s="92"/>
      <c r="AR2457" s="92"/>
      <c r="AS2457" s="92"/>
      <c r="AT2457" s="92"/>
      <c r="AU2457" s="92"/>
      <c r="AV2457" s="92"/>
      <c r="AW2457" s="92"/>
      <c r="AX2457" s="92"/>
      <c r="AY2457" s="92"/>
      <c r="AZ2457" s="93"/>
      <c r="BA2457" s="93"/>
      <c r="BB2457" s="93"/>
      <c r="BC2457" s="93"/>
      <c r="BD2457" s="93"/>
      <c r="BE2457" s="93"/>
      <c r="BF2457" s="93"/>
      <c r="BG2457" s="93"/>
      <c r="BH2457" s="93"/>
      <c r="BI2457" s="93"/>
      <c r="BJ2457" s="93"/>
      <c r="BK2457" s="93"/>
      <c r="BL2457" s="93"/>
    </row>
    <row r="2458" spans="2:64" x14ac:dyDescent="0.2">
      <c r="B2458" s="43"/>
      <c r="C2458" s="73"/>
      <c r="D2458" s="64"/>
      <c r="E2458" s="55"/>
      <c r="F2458" s="74"/>
      <c r="G2458" s="74"/>
      <c r="H2458" s="74"/>
      <c r="I2458" s="75"/>
      <c r="J2458" s="74"/>
      <c r="L2458" s="55"/>
      <c r="M2458" s="234"/>
      <c r="N2458" s="65"/>
      <c r="O2458" s="76"/>
      <c r="P2458" s="76"/>
      <c r="Q2458" s="65"/>
      <c r="R2458" s="76"/>
      <c r="S2458" s="76"/>
      <c r="T2458" s="76"/>
      <c r="U2458" s="76"/>
      <c r="V2458" s="76"/>
      <c r="W2458" s="76"/>
      <c r="X2458" s="76"/>
      <c r="Y2458" s="76"/>
      <c r="Z2458" s="76"/>
      <c r="AA2458" s="85"/>
      <c r="AB2458" s="85"/>
      <c r="AC2458" s="85"/>
      <c r="AD2458" s="85"/>
      <c r="AE2458" s="85"/>
      <c r="AF2458" s="85"/>
      <c r="AG2458" s="86"/>
      <c r="AH2458" s="85"/>
      <c r="AI2458" s="85"/>
      <c r="AJ2458" s="85"/>
      <c r="AK2458" s="85"/>
      <c r="AL2458" s="85"/>
      <c r="AM2458" s="92"/>
      <c r="AN2458" s="92"/>
      <c r="AO2458" s="92"/>
      <c r="AP2458" s="92"/>
      <c r="AQ2458" s="92"/>
      <c r="AR2458" s="92"/>
      <c r="AS2458" s="92"/>
      <c r="AT2458" s="92"/>
      <c r="AU2458" s="92"/>
      <c r="AV2458" s="92"/>
      <c r="AW2458" s="92"/>
      <c r="AX2458" s="92"/>
      <c r="AY2458" s="92"/>
      <c r="AZ2458" s="93"/>
      <c r="BA2458" s="93"/>
      <c r="BB2458" s="93"/>
      <c r="BC2458" s="93"/>
      <c r="BD2458" s="93"/>
      <c r="BE2458" s="93"/>
      <c r="BF2458" s="93"/>
      <c r="BG2458" s="93"/>
      <c r="BH2458" s="93"/>
      <c r="BI2458" s="93"/>
      <c r="BJ2458" s="93"/>
      <c r="BK2458" s="93"/>
      <c r="BL2458" s="93"/>
    </row>
    <row r="2459" spans="2:64" x14ac:dyDescent="0.2">
      <c r="B2459" s="43"/>
      <c r="C2459" s="73"/>
      <c r="D2459" s="64"/>
      <c r="E2459" s="55"/>
      <c r="F2459" s="74"/>
      <c r="G2459" s="74"/>
      <c r="H2459" s="74"/>
      <c r="I2459" s="75"/>
      <c r="J2459" s="74"/>
      <c r="L2459" s="55"/>
      <c r="M2459" s="234"/>
      <c r="N2459" s="65"/>
      <c r="O2459" s="76"/>
      <c r="P2459" s="76"/>
      <c r="Q2459" s="65"/>
      <c r="R2459" s="76"/>
      <c r="S2459" s="76"/>
      <c r="T2459" s="76"/>
      <c r="U2459" s="76"/>
      <c r="V2459" s="76"/>
      <c r="W2459" s="76"/>
      <c r="X2459" s="76"/>
      <c r="Y2459" s="76"/>
      <c r="Z2459" s="76"/>
      <c r="AA2459" s="85"/>
      <c r="AB2459" s="85"/>
      <c r="AC2459" s="85"/>
      <c r="AD2459" s="85"/>
      <c r="AE2459" s="85"/>
      <c r="AF2459" s="85"/>
      <c r="AG2459" s="86"/>
      <c r="AH2459" s="85"/>
      <c r="AI2459" s="85"/>
      <c r="AJ2459" s="85"/>
      <c r="AK2459" s="85"/>
      <c r="AL2459" s="85"/>
      <c r="AM2459" s="92"/>
      <c r="AN2459" s="92"/>
      <c r="AO2459" s="92"/>
      <c r="AP2459" s="92"/>
      <c r="AQ2459" s="92"/>
      <c r="AR2459" s="92"/>
      <c r="AS2459" s="92"/>
      <c r="AT2459" s="92"/>
      <c r="AU2459" s="92"/>
      <c r="AV2459" s="92"/>
      <c r="AW2459" s="92"/>
      <c r="AX2459" s="92"/>
      <c r="AY2459" s="92"/>
      <c r="AZ2459" s="93"/>
      <c r="BA2459" s="93"/>
      <c r="BB2459" s="93"/>
      <c r="BC2459" s="93"/>
      <c r="BD2459" s="93"/>
      <c r="BE2459" s="93"/>
      <c r="BF2459" s="93"/>
      <c r="BG2459" s="93"/>
      <c r="BH2459" s="93"/>
      <c r="BI2459" s="93"/>
      <c r="BJ2459" s="93"/>
      <c r="BK2459" s="93"/>
      <c r="BL2459" s="93"/>
    </row>
    <row r="2460" spans="2:64" x14ac:dyDescent="0.2">
      <c r="B2460" s="43"/>
      <c r="C2460" s="73"/>
      <c r="D2460" s="64"/>
      <c r="E2460" s="55"/>
      <c r="F2460" s="74"/>
      <c r="G2460" s="74"/>
      <c r="H2460" s="74"/>
      <c r="I2460" s="75"/>
      <c r="J2460" s="74"/>
      <c r="L2460" s="55"/>
      <c r="M2460" s="234"/>
      <c r="N2460" s="65"/>
      <c r="O2460" s="76"/>
      <c r="P2460" s="76"/>
      <c r="Q2460" s="65"/>
      <c r="R2460" s="76"/>
      <c r="S2460" s="76"/>
      <c r="T2460" s="76"/>
      <c r="U2460" s="76"/>
      <c r="V2460" s="76"/>
      <c r="W2460" s="76"/>
      <c r="X2460" s="76"/>
      <c r="Y2460" s="76"/>
      <c r="Z2460" s="76"/>
      <c r="AA2460" s="85"/>
      <c r="AB2460" s="85"/>
      <c r="AC2460" s="85"/>
      <c r="AD2460" s="85"/>
      <c r="AE2460" s="85"/>
      <c r="AF2460" s="85"/>
      <c r="AG2460" s="86"/>
      <c r="AH2460" s="85"/>
      <c r="AI2460" s="85"/>
      <c r="AJ2460" s="85"/>
      <c r="AK2460" s="85"/>
      <c r="AL2460" s="85"/>
      <c r="AM2460" s="92"/>
      <c r="AN2460" s="92"/>
      <c r="AO2460" s="92"/>
      <c r="AP2460" s="92"/>
      <c r="AQ2460" s="92"/>
      <c r="AR2460" s="92"/>
      <c r="AS2460" s="92"/>
      <c r="AT2460" s="92"/>
      <c r="AU2460" s="92"/>
      <c r="AV2460" s="92"/>
      <c r="AW2460" s="92"/>
      <c r="AX2460" s="92"/>
      <c r="AY2460" s="92"/>
      <c r="AZ2460" s="93"/>
      <c r="BA2460" s="93"/>
      <c r="BB2460" s="93"/>
      <c r="BC2460" s="93"/>
      <c r="BD2460" s="93"/>
      <c r="BE2460" s="93"/>
      <c r="BF2460" s="93"/>
      <c r="BG2460" s="93"/>
      <c r="BH2460" s="93"/>
      <c r="BI2460" s="93"/>
      <c r="BJ2460" s="93"/>
      <c r="BK2460" s="93"/>
      <c r="BL2460" s="93"/>
    </row>
    <row r="2461" spans="2:64" x14ac:dyDescent="0.2">
      <c r="B2461" s="43"/>
      <c r="C2461" s="73"/>
      <c r="D2461" s="64"/>
      <c r="E2461" s="55"/>
      <c r="F2461" s="74"/>
      <c r="G2461" s="74"/>
      <c r="H2461" s="74"/>
      <c r="I2461" s="75"/>
      <c r="J2461" s="74"/>
      <c r="L2461" s="55"/>
      <c r="M2461" s="234"/>
      <c r="N2461" s="65"/>
      <c r="O2461" s="76"/>
      <c r="P2461" s="76"/>
      <c r="Q2461" s="65"/>
      <c r="R2461" s="76"/>
      <c r="S2461" s="76"/>
      <c r="T2461" s="76"/>
      <c r="U2461" s="76"/>
      <c r="V2461" s="76"/>
      <c r="W2461" s="76"/>
      <c r="X2461" s="76"/>
      <c r="Y2461" s="76"/>
      <c r="Z2461" s="76"/>
      <c r="AA2461" s="85"/>
      <c r="AB2461" s="85"/>
      <c r="AC2461" s="85"/>
      <c r="AD2461" s="85"/>
      <c r="AE2461" s="85"/>
      <c r="AF2461" s="85"/>
      <c r="AG2461" s="86"/>
      <c r="AH2461" s="85"/>
      <c r="AI2461" s="85"/>
      <c r="AJ2461" s="85"/>
      <c r="AK2461" s="85"/>
      <c r="AL2461" s="85"/>
      <c r="AM2461" s="92"/>
      <c r="AN2461" s="92"/>
      <c r="AO2461" s="92"/>
      <c r="AP2461" s="92"/>
      <c r="AQ2461" s="92"/>
      <c r="AR2461" s="92"/>
      <c r="AS2461" s="92"/>
      <c r="AT2461" s="92"/>
      <c r="AU2461" s="92"/>
      <c r="AV2461" s="92"/>
      <c r="AW2461" s="92"/>
      <c r="AX2461" s="92"/>
      <c r="AY2461" s="92"/>
      <c r="AZ2461" s="93"/>
      <c r="BA2461" s="93"/>
      <c r="BB2461" s="93"/>
      <c r="BC2461" s="93"/>
      <c r="BD2461" s="93"/>
      <c r="BE2461" s="93"/>
      <c r="BF2461" s="93"/>
      <c r="BG2461" s="93"/>
      <c r="BH2461" s="93"/>
      <c r="BI2461" s="93"/>
      <c r="BJ2461" s="93"/>
      <c r="BK2461" s="93"/>
      <c r="BL2461" s="93"/>
    </row>
    <row r="2462" spans="2:64" x14ac:dyDescent="0.2">
      <c r="B2462" s="43"/>
      <c r="C2462" s="73"/>
      <c r="D2462" s="64"/>
      <c r="E2462" s="55"/>
      <c r="F2462" s="74"/>
      <c r="G2462" s="74"/>
      <c r="H2462" s="74"/>
      <c r="I2462" s="75"/>
      <c r="J2462" s="74"/>
      <c r="L2462" s="55"/>
      <c r="M2462" s="234"/>
      <c r="N2462" s="65"/>
      <c r="O2462" s="76"/>
      <c r="P2462" s="76"/>
      <c r="Q2462" s="65"/>
      <c r="R2462" s="76"/>
      <c r="S2462" s="76"/>
      <c r="T2462" s="76"/>
      <c r="U2462" s="76"/>
      <c r="V2462" s="76"/>
      <c r="W2462" s="76"/>
      <c r="X2462" s="76"/>
      <c r="Y2462" s="76"/>
      <c r="Z2462" s="76"/>
      <c r="AA2462" s="85"/>
      <c r="AB2462" s="85"/>
      <c r="AC2462" s="85"/>
      <c r="AD2462" s="85"/>
      <c r="AE2462" s="85"/>
      <c r="AF2462" s="85"/>
      <c r="AG2462" s="86"/>
      <c r="AH2462" s="85"/>
      <c r="AI2462" s="85"/>
      <c r="AJ2462" s="85"/>
      <c r="AK2462" s="85"/>
      <c r="AL2462" s="85"/>
      <c r="AM2462" s="92"/>
      <c r="AN2462" s="92"/>
      <c r="AO2462" s="92"/>
      <c r="AP2462" s="92"/>
      <c r="AQ2462" s="92"/>
      <c r="AR2462" s="92"/>
      <c r="AS2462" s="92"/>
      <c r="AT2462" s="92"/>
      <c r="AU2462" s="92"/>
      <c r="AV2462" s="92"/>
      <c r="AW2462" s="92"/>
      <c r="AX2462" s="92"/>
      <c r="AY2462" s="92"/>
      <c r="AZ2462" s="93"/>
      <c r="BA2462" s="93"/>
      <c r="BB2462" s="93"/>
      <c r="BC2462" s="93"/>
      <c r="BD2462" s="93"/>
      <c r="BE2462" s="93"/>
      <c r="BF2462" s="93"/>
      <c r="BG2462" s="93"/>
      <c r="BH2462" s="93"/>
      <c r="BI2462" s="93"/>
      <c r="BJ2462" s="93"/>
      <c r="BK2462" s="93"/>
      <c r="BL2462" s="93"/>
    </row>
    <row r="2463" spans="2:64" x14ac:dyDescent="0.2">
      <c r="B2463" s="43"/>
      <c r="C2463" s="73"/>
      <c r="D2463" s="64"/>
      <c r="E2463" s="55"/>
      <c r="F2463" s="74"/>
      <c r="G2463" s="74"/>
      <c r="H2463" s="74"/>
      <c r="I2463" s="75"/>
      <c r="J2463" s="74"/>
      <c r="L2463" s="55"/>
      <c r="M2463" s="234"/>
      <c r="N2463" s="65"/>
      <c r="O2463" s="76"/>
      <c r="P2463" s="76"/>
      <c r="Q2463" s="65"/>
      <c r="R2463" s="76"/>
      <c r="S2463" s="76"/>
      <c r="T2463" s="76"/>
      <c r="U2463" s="76"/>
      <c r="V2463" s="76"/>
      <c r="W2463" s="76"/>
      <c r="X2463" s="76"/>
      <c r="Y2463" s="76"/>
      <c r="Z2463" s="76"/>
      <c r="AA2463" s="85"/>
      <c r="AB2463" s="85"/>
      <c r="AC2463" s="85"/>
      <c r="AD2463" s="85"/>
      <c r="AE2463" s="85"/>
      <c r="AF2463" s="85"/>
      <c r="AG2463" s="86"/>
      <c r="AH2463" s="85"/>
      <c r="AI2463" s="85"/>
      <c r="AJ2463" s="85"/>
      <c r="AK2463" s="85"/>
      <c r="AL2463" s="85"/>
      <c r="AM2463" s="92"/>
      <c r="AN2463" s="92"/>
      <c r="AO2463" s="92"/>
      <c r="AP2463" s="92"/>
      <c r="AQ2463" s="92"/>
      <c r="AR2463" s="92"/>
      <c r="AS2463" s="92"/>
      <c r="AT2463" s="92"/>
      <c r="AU2463" s="92"/>
      <c r="AV2463" s="92"/>
      <c r="AW2463" s="92"/>
      <c r="AX2463" s="92"/>
      <c r="AY2463" s="92"/>
      <c r="AZ2463" s="93"/>
      <c r="BA2463" s="93"/>
      <c r="BB2463" s="93"/>
      <c r="BC2463" s="93"/>
      <c r="BD2463" s="93"/>
      <c r="BE2463" s="93"/>
      <c r="BF2463" s="93"/>
      <c r="BG2463" s="93"/>
      <c r="BH2463" s="93"/>
      <c r="BI2463" s="93"/>
      <c r="BJ2463" s="93"/>
      <c r="BK2463" s="93"/>
      <c r="BL2463" s="93"/>
    </row>
    <row r="2464" spans="2:64" x14ac:dyDescent="0.2">
      <c r="B2464" s="43"/>
      <c r="C2464" s="73"/>
      <c r="D2464" s="64"/>
      <c r="E2464" s="55"/>
      <c r="F2464" s="74"/>
      <c r="G2464" s="74"/>
      <c r="H2464" s="74"/>
      <c r="I2464" s="75"/>
      <c r="J2464" s="74"/>
      <c r="L2464" s="55"/>
      <c r="M2464" s="234"/>
      <c r="N2464" s="65"/>
      <c r="O2464" s="76"/>
      <c r="P2464" s="76"/>
      <c r="Q2464" s="65"/>
      <c r="R2464" s="76"/>
      <c r="S2464" s="76"/>
      <c r="T2464" s="76"/>
      <c r="U2464" s="76"/>
      <c r="V2464" s="76"/>
      <c r="W2464" s="76"/>
      <c r="X2464" s="76"/>
      <c r="Y2464" s="76"/>
      <c r="Z2464" s="76"/>
      <c r="AA2464" s="85"/>
      <c r="AB2464" s="85"/>
      <c r="AC2464" s="85"/>
      <c r="AD2464" s="85"/>
      <c r="AE2464" s="85"/>
      <c r="AF2464" s="85"/>
      <c r="AG2464" s="86"/>
      <c r="AH2464" s="85"/>
      <c r="AI2464" s="85"/>
      <c r="AJ2464" s="85"/>
      <c r="AK2464" s="85"/>
      <c r="AL2464" s="85"/>
      <c r="AM2464" s="92"/>
      <c r="AN2464" s="92"/>
      <c r="AO2464" s="92"/>
      <c r="AP2464" s="92"/>
      <c r="AQ2464" s="92"/>
      <c r="AR2464" s="92"/>
      <c r="AS2464" s="92"/>
      <c r="AT2464" s="92"/>
      <c r="AU2464" s="92"/>
      <c r="AV2464" s="92"/>
      <c r="AW2464" s="92"/>
      <c r="AX2464" s="92"/>
      <c r="AY2464" s="92"/>
      <c r="AZ2464" s="93"/>
      <c r="BA2464" s="93"/>
      <c r="BB2464" s="93"/>
      <c r="BC2464" s="93"/>
      <c r="BD2464" s="93"/>
      <c r="BE2464" s="93"/>
      <c r="BF2464" s="93"/>
      <c r="BG2464" s="93"/>
      <c r="BH2464" s="93"/>
      <c r="BI2464" s="93"/>
      <c r="BJ2464" s="93"/>
      <c r="BK2464" s="93"/>
      <c r="BL2464" s="93"/>
    </row>
    <row r="2465" spans="2:64" x14ac:dyDescent="0.2">
      <c r="B2465" s="43"/>
      <c r="C2465" s="73"/>
      <c r="D2465" s="64"/>
      <c r="E2465" s="55"/>
      <c r="F2465" s="74"/>
      <c r="G2465" s="74"/>
      <c r="H2465" s="74"/>
      <c r="I2465" s="75"/>
      <c r="J2465" s="74"/>
      <c r="L2465" s="55"/>
      <c r="M2465" s="234"/>
      <c r="N2465" s="65"/>
      <c r="O2465" s="76"/>
      <c r="P2465" s="76"/>
      <c r="Q2465" s="65"/>
      <c r="R2465" s="76"/>
      <c r="S2465" s="76"/>
      <c r="T2465" s="76"/>
      <c r="U2465" s="76"/>
      <c r="V2465" s="76"/>
      <c r="W2465" s="76"/>
      <c r="X2465" s="76"/>
      <c r="Y2465" s="76"/>
      <c r="Z2465" s="76"/>
      <c r="AA2465" s="85"/>
      <c r="AB2465" s="85"/>
      <c r="AC2465" s="85"/>
      <c r="AD2465" s="85"/>
      <c r="AE2465" s="85"/>
      <c r="AF2465" s="85"/>
      <c r="AG2465" s="86"/>
      <c r="AH2465" s="85"/>
      <c r="AI2465" s="85"/>
      <c r="AJ2465" s="85"/>
      <c r="AK2465" s="85"/>
      <c r="AL2465" s="85"/>
      <c r="AM2465" s="92"/>
      <c r="AN2465" s="92"/>
      <c r="AO2465" s="92"/>
      <c r="AP2465" s="92"/>
      <c r="AQ2465" s="92"/>
      <c r="AR2465" s="92"/>
      <c r="AS2465" s="92"/>
      <c r="AT2465" s="92"/>
      <c r="AU2465" s="92"/>
      <c r="AV2465" s="92"/>
      <c r="AW2465" s="92"/>
      <c r="AX2465" s="92"/>
      <c r="AY2465" s="92"/>
      <c r="AZ2465" s="93"/>
      <c r="BA2465" s="93"/>
      <c r="BB2465" s="93"/>
      <c r="BC2465" s="93"/>
      <c r="BD2465" s="93"/>
      <c r="BE2465" s="93"/>
      <c r="BF2465" s="93"/>
      <c r="BG2465" s="93"/>
      <c r="BH2465" s="93"/>
      <c r="BI2465" s="93"/>
      <c r="BJ2465" s="93"/>
      <c r="BK2465" s="93"/>
      <c r="BL2465" s="93"/>
    </row>
    <row r="2466" spans="2:64" x14ac:dyDescent="0.2">
      <c r="B2466" s="43"/>
      <c r="C2466" s="73"/>
      <c r="D2466" s="64"/>
      <c r="E2466" s="55"/>
      <c r="F2466" s="74"/>
      <c r="G2466" s="74"/>
      <c r="H2466" s="74"/>
      <c r="I2466" s="75"/>
      <c r="J2466" s="74"/>
      <c r="L2466" s="55"/>
      <c r="M2466" s="234"/>
      <c r="N2466" s="65"/>
      <c r="O2466" s="76"/>
      <c r="P2466" s="76"/>
      <c r="Q2466" s="65"/>
      <c r="R2466" s="76"/>
      <c r="S2466" s="76"/>
      <c r="T2466" s="76"/>
      <c r="U2466" s="76"/>
      <c r="V2466" s="76"/>
      <c r="W2466" s="76"/>
      <c r="X2466" s="76"/>
      <c r="Y2466" s="76"/>
      <c r="Z2466" s="76"/>
      <c r="AA2466" s="85"/>
      <c r="AB2466" s="85"/>
      <c r="AC2466" s="85"/>
      <c r="AD2466" s="85"/>
      <c r="AE2466" s="85"/>
      <c r="AF2466" s="85"/>
      <c r="AG2466" s="86"/>
      <c r="AH2466" s="85"/>
      <c r="AI2466" s="85"/>
      <c r="AJ2466" s="85"/>
      <c r="AK2466" s="85"/>
      <c r="AL2466" s="85"/>
      <c r="AM2466" s="92"/>
      <c r="AN2466" s="92"/>
      <c r="AO2466" s="92"/>
      <c r="AP2466" s="92"/>
      <c r="AQ2466" s="92"/>
      <c r="AR2466" s="92"/>
      <c r="AS2466" s="92"/>
      <c r="AT2466" s="92"/>
      <c r="AU2466" s="92"/>
      <c r="AV2466" s="92"/>
      <c r="AW2466" s="92"/>
      <c r="AX2466" s="92"/>
      <c r="AY2466" s="92"/>
      <c r="AZ2466" s="93"/>
      <c r="BA2466" s="93"/>
      <c r="BB2466" s="93"/>
      <c r="BC2466" s="93"/>
      <c r="BD2466" s="93"/>
      <c r="BE2466" s="93"/>
      <c r="BF2466" s="93"/>
      <c r="BG2466" s="93"/>
      <c r="BH2466" s="93"/>
      <c r="BI2466" s="93"/>
      <c r="BJ2466" s="93"/>
      <c r="BK2466" s="93"/>
      <c r="BL2466" s="93"/>
    </row>
    <row r="2467" spans="2:64" x14ac:dyDescent="0.2">
      <c r="B2467" s="43"/>
      <c r="C2467" s="73"/>
      <c r="D2467" s="64"/>
      <c r="E2467" s="55"/>
      <c r="F2467" s="74"/>
      <c r="G2467" s="74"/>
      <c r="H2467" s="74"/>
      <c r="I2467" s="75"/>
      <c r="J2467" s="74"/>
      <c r="L2467" s="55"/>
      <c r="M2467" s="234"/>
      <c r="N2467" s="65"/>
      <c r="O2467" s="76"/>
      <c r="P2467" s="76"/>
      <c r="Q2467" s="65"/>
      <c r="R2467" s="76"/>
      <c r="S2467" s="76"/>
      <c r="T2467" s="76"/>
      <c r="U2467" s="76"/>
      <c r="V2467" s="76"/>
      <c r="W2467" s="76"/>
      <c r="X2467" s="76"/>
      <c r="Y2467" s="76"/>
      <c r="Z2467" s="76"/>
      <c r="AA2467" s="85"/>
      <c r="AB2467" s="85"/>
      <c r="AC2467" s="85"/>
      <c r="AD2467" s="85"/>
      <c r="AE2467" s="85"/>
      <c r="AF2467" s="85"/>
      <c r="AG2467" s="86"/>
      <c r="AH2467" s="85"/>
      <c r="AI2467" s="85"/>
      <c r="AJ2467" s="85"/>
      <c r="AK2467" s="85"/>
      <c r="AL2467" s="85"/>
      <c r="AM2467" s="92"/>
      <c r="AN2467" s="92"/>
      <c r="AO2467" s="92"/>
      <c r="AP2467" s="92"/>
      <c r="AQ2467" s="92"/>
      <c r="AR2467" s="92"/>
      <c r="AS2467" s="92"/>
      <c r="AT2467" s="92"/>
      <c r="AU2467" s="92"/>
      <c r="AV2467" s="92"/>
      <c r="AW2467" s="92"/>
      <c r="AX2467" s="92"/>
      <c r="AY2467" s="92"/>
      <c r="AZ2467" s="93"/>
      <c r="BA2467" s="93"/>
      <c r="BB2467" s="93"/>
      <c r="BC2467" s="93"/>
      <c r="BD2467" s="93"/>
      <c r="BE2467" s="93"/>
      <c r="BF2467" s="93"/>
      <c r="BG2467" s="93"/>
      <c r="BH2467" s="93"/>
      <c r="BI2467" s="93"/>
      <c r="BJ2467" s="93"/>
      <c r="BK2467" s="93"/>
      <c r="BL2467" s="93"/>
    </row>
    <row r="2468" spans="2:64" x14ac:dyDescent="0.2">
      <c r="B2468" s="43"/>
      <c r="C2468" s="73"/>
      <c r="D2468" s="64"/>
      <c r="E2468" s="55"/>
      <c r="F2468" s="74"/>
      <c r="G2468" s="74"/>
      <c r="H2468" s="74"/>
      <c r="I2468" s="75"/>
      <c r="J2468" s="74"/>
      <c r="L2468" s="55"/>
      <c r="M2468" s="234"/>
      <c r="N2468" s="65"/>
      <c r="O2468" s="76"/>
      <c r="P2468" s="76"/>
      <c r="Q2468" s="65"/>
      <c r="R2468" s="76"/>
      <c r="S2468" s="76"/>
      <c r="T2468" s="76"/>
      <c r="U2468" s="76"/>
      <c r="V2468" s="76"/>
      <c r="W2468" s="76"/>
      <c r="X2468" s="76"/>
      <c r="Y2468" s="76"/>
      <c r="Z2468" s="76"/>
      <c r="AA2468" s="85"/>
      <c r="AB2468" s="85"/>
      <c r="AC2468" s="85"/>
      <c r="AD2468" s="85"/>
      <c r="AE2468" s="85"/>
      <c r="AF2468" s="85"/>
      <c r="AG2468" s="86"/>
      <c r="AH2468" s="85"/>
      <c r="AI2468" s="85"/>
      <c r="AJ2468" s="85"/>
      <c r="AK2468" s="85"/>
      <c r="AL2468" s="85"/>
      <c r="AM2468" s="92"/>
      <c r="AN2468" s="92"/>
      <c r="AO2468" s="92"/>
      <c r="AP2468" s="92"/>
      <c r="AQ2468" s="92"/>
      <c r="AR2468" s="92"/>
      <c r="AS2468" s="92"/>
      <c r="AT2468" s="92"/>
      <c r="AU2468" s="92"/>
      <c r="AV2468" s="92"/>
      <c r="AW2468" s="92"/>
      <c r="AX2468" s="92"/>
      <c r="AY2468" s="92"/>
      <c r="AZ2468" s="93"/>
      <c r="BA2468" s="93"/>
      <c r="BB2468" s="93"/>
      <c r="BC2468" s="93"/>
      <c r="BD2468" s="93"/>
      <c r="BE2468" s="93"/>
      <c r="BF2468" s="93"/>
      <c r="BG2468" s="93"/>
      <c r="BH2468" s="93"/>
      <c r="BI2468" s="93"/>
      <c r="BJ2468" s="93"/>
      <c r="BK2468" s="93"/>
      <c r="BL2468" s="93"/>
    </row>
    <row r="2469" spans="2:64" x14ac:dyDescent="0.2">
      <c r="B2469" s="43"/>
      <c r="C2469" s="73"/>
      <c r="D2469" s="64"/>
      <c r="E2469" s="55"/>
      <c r="F2469" s="74"/>
      <c r="G2469" s="74"/>
      <c r="H2469" s="74"/>
      <c r="I2469" s="75"/>
      <c r="J2469" s="74"/>
      <c r="L2469" s="55"/>
      <c r="M2469" s="234"/>
      <c r="N2469" s="65"/>
      <c r="O2469" s="76"/>
      <c r="P2469" s="76"/>
      <c r="Q2469" s="65"/>
      <c r="R2469" s="76"/>
      <c r="S2469" s="76"/>
      <c r="T2469" s="76"/>
      <c r="U2469" s="76"/>
      <c r="V2469" s="76"/>
      <c r="W2469" s="76"/>
      <c r="X2469" s="76"/>
      <c r="Y2469" s="76"/>
      <c r="Z2469" s="76"/>
      <c r="AA2469" s="85"/>
      <c r="AB2469" s="85"/>
      <c r="AC2469" s="85"/>
      <c r="AD2469" s="85"/>
      <c r="AE2469" s="85"/>
      <c r="AF2469" s="85"/>
      <c r="AG2469" s="86"/>
      <c r="AH2469" s="85"/>
      <c r="AI2469" s="85"/>
      <c r="AJ2469" s="85"/>
      <c r="AK2469" s="85"/>
      <c r="AL2469" s="85"/>
      <c r="AM2469" s="92"/>
      <c r="AN2469" s="92"/>
      <c r="AO2469" s="92"/>
      <c r="AP2469" s="92"/>
      <c r="AQ2469" s="92"/>
      <c r="AR2469" s="92"/>
      <c r="AS2469" s="92"/>
      <c r="AT2469" s="92"/>
      <c r="AU2469" s="92"/>
      <c r="AV2469" s="92"/>
      <c r="AW2469" s="92"/>
      <c r="AX2469" s="92"/>
      <c r="AY2469" s="92"/>
      <c r="AZ2469" s="93"/>
      <c r="BA2469" s="93"/>
      <c r="BB2469" s="93"/>
      <c r="BC2469" s="93"/>
      <c r="BD2469" s="93"/>
      <c r="BE2469" s="93"/>
      <c r="BF2469" s="93"/>
      <c r="BG2469" s="93"/>
      <c r="BH2469" s="93"/>
      <c r="BI2469" s="93"/>
      <c r="BJ2469" s="93"/>
      <c r="BK2469" s="93"/>
      <c r="BL2469" s="93"/>
    </row>
    <row r="2470" spans="2:64" x14ac:dyDescent="0.2">
      <c r="B2470" s="43"/>
      <c r="C2470" s="73"/>
      <c r="D2470" s="64"/>
      <c r="E2470" s="55"/>
      <c r="F2470" s="74"/>
      <c r="G2470" s="74"/>
      <c r="H2470" s="74"/>
      <c r="I2470" s="75"/>
      <c r="J2470" s="74"/>
      <c r="L2470" s="55"/>
      <c r="M2470" s="234"/>
      <c r="N2470" s="65"/>
      <c r="O2470" s="76"/>
      <c r="P2470" s="76"/>
      <c r="Q2470" s="65"/>
      <c r="R2470" s="76"/>
      <c r="S2470" s="76"/>
      <c r="T2470" s="76"/>
      <c r="U2470" s="76"/>
      <c r="V2470" s="76"/>
      <c r="W2470" s="76"/>
      <c r="X2470" s="76"/>
      <c r="Y2470" s="76"/>
      <c r="Z2470" s="76"/>
      <c r="AA2470" s="85"/>
      <c r="AB2470" s="85"/>
      <c r="AC2470" s="85"/>
      <c r="AD2470" s="85"/>
      <c r="AE2470" s="85"/>
      <c r="AF2470" s="85"/>
      <c r="AG2470" s="86"/>
      <c r="AH2470" s="85"/>
      <c r="AI2470" s="85"/>
      <c r="AJ2470" s="85"/>
      <c r="AK2470" s="85"/>
      <c r="AL2470" s="85"/>
      <c r="AM2470" s="92"/>
      <c r="AN2470" s="92"/>
      <c r="AO2470" s="92"/>
      <c r="AP2470" s="92"/>
      <c r="AQ2470" s="92"/>
      <c r="AR2470" s="92"/>
      <c r="AS2470" s="92"/>
      <c r="AT2470" s="92"/>
      <c r="AU2470" s="92"/>
      <c r="AV2470" s="92"/>
      <c r="AW2470" s="92"/>
      <c r="AX2470" s="92"/>
      <c r="AY2470" s="92"/>
      <c r="AZ2470" s="93"/>
      <c r="BA2470" s="93"/>
      <c r="BB2470" s="93"/>
      <c r="BC2470" s="93"/>
      <c r="BD2470" s="93"/>
      <c r="BE2470" s="93"/>
      <c r="BF2470" s="93"/>
      <c r="BG2470" s="93"/>
      <c r="BH2470" s="93"/>
      <c r="BI2470" s="93"/>
      <c r="BJ2470" s="93"/>
      <c r="BK2470" s="93"/>
      <c r="BL2470" s="93"/>
    </row>
    <row r="2471" spans="2:64" x14ac:dyDescent="0.2">
      <c r="B2471" s="43"/>
      <c r="C2471" s="73"/>
      <c r="D2471" s="64"/>
      <c r="E2471" s="55"/>
      <c r="F2471" s="74"/>
      <c r="G2471" s="74"/>
      <c r="H2471" s="74"/>
      <c r="I2471" s="75"/>
      <c r="J2471" s="74"/>
      <c r="L2471" s="55"/>
      <c r="M2471" s="234"/>
      <c r="N2471" s="65"/>
      <c r="O2471" s="76"/>
      <c r="P2471" s="76"/>
      <c r="Q2471" s="65"/>
      <c r="R2471" s="76"/>
      <c r="S2471" s="76"/>
      <c r="T2471" s="76"/>
      <c r="U2471" s="76"/>
      <c r="V2471" s="76"/>
      <c r="W2471" s="76"/>
      <c r="X2471" s="76"/>
      <c r="Y2471" s="76"/>
      <c r="Z2471" s="76"/>
      <c r="AA2471" s="85"/>
      <c r="AB2471" s="85"/>
      <c r="AC2471" s="85"/>
      <c r="AD2471" s="85"/>
      <c r="AE2471" s="85"/>
      <c r="AF2471" s="85"/>
      <c r="AG2471" s="86"/>
      <c r="AH2471" s="85"/>
      <c r="AI2471" s="85"/>
      <c r="AJ2471" s="85"/>
      <c r="AK2471" s="85"/>
      <c r="AL2471" s="85"/>
      <c r="AM2471" s="92"/>
      <c r="AN2471" s="92"/>
      <c r="AO2471" s="92"/>
      <c r="AP2471" s="92"/>
      <c r="AQ2471" s="92"/>
      <c r="AR2471" s="92"/>
      <c r="AS2471" s="92"/>
      <c r="AT2471" s="92"/>
      <c r="AU2471" s="92"/>
      <c r="AV2471" s="92"/>
      <c r="AW2471" s="92"/>
      <c r="AX2471" s="92"/>
      <c r="AY2471" s="92"/>
      <c r="AZ2471" s="93"/>
      <c r="BA2471" s="93"/>
      <c r="BB2471" s="93"/>
      <c r="BC2471" s="93"/>
      <c r="BD2471" s="93"/>
      <c r="BE2471" s="93"/>
      <c r="BF2471" s="93"/>
      <c r="BG2471" s="93"/>
      <c r="BH2471" s="93"/>
      <c r="BI2471" s="93"/>
      <c r="BJ2471" s="93"/>
      <c r="BK2471" s="93"/>
      <c r="BL2471" s="93"/>
    </row>
    <row r="2472" spans="2:64" x14ac:dyDescent="0.2">
      <c r="B2472" s="43"/>
      <c r="C2472" s="73"/>
      <c r="D2472" s="64"/>
      <c r="E2472" s="55"/>
      <c r="F2472" s="74"/>
      <c r="G2472" s="74"/>
      <c r="H2472" s="74"/>
      <c r="I2472" s="75"/>
      <c r="J2472" s="74"/>
      <c r="L2472" s="55"/>
      <c r="M2472" s="234"/>
      <c r="N2472" s="65"/>
      <c r="O2472" s="76"/>
      <c r="P2472" s="76"/>
      <c r="Q2472" s="65"/>
      <c r="R2472" s="76"/>
      <c r="S2472" s="76"/>
      <c r="T2472" s="76"/>
      <c r="U2472" s="76"/>
      <c r="V2472" s="76"/>
      <c r="W2472" s="76"/>
      <c r="X2472" s="76"/>
      <c r="Y2472" s="76"/>
      <c r="Z2472" s="76"/>
      <c r="AA2472" s="85"/>
      <c r="AB2472" s="85"/>
      <c r="AC2472" s="85"/>
      <c r="AD2472" s="85"/>
      <c r="AE2472" s="85"/>
      <c r="AF2472" s="85"/>
      <c r="AG2472" s="86"/>
      <c r="AH2472" s="85"/>
      <c r="AI2472" s="85"/>
      <c r="AJ2472" s="85"/>
      <c r="AK2472" s="85"/>
      <c r="AL2472" s="85"/>
      <c r="AM2472" s="92"/>
      <c r="AN2472" s="92"/>
      <c r="AO2472" s="92"/>
      <c r="AP2472" s="92"/>
      <c r="AQ2472" s="92"/>
      <c r="AR2472" s="92"/>
      <c r="AS2472" s="92"/>
      <c r="AT2472" s="92"/>
      <c r="AU2472" s="92"/>
      <c r="AV2472" s="92"/>
      <c r="AW2472" s="92"/>
      <c r="AX2472" s="92"/>
      <c r="AY2472" s="92"/>
      <c r="AZ2472" s="93"/>
      <c r="BA2472" s="93"/>
      <c r="BB2472" s="93"/>
      <c r="BC2472" s="93"/>
      <c r="BD2472" s="93"/>
      <c r="BE2472" s="93"/>
      <c r="BF2472" s="93"/>
      <c r="BG2472" s="93"/>
      <c r="BH2472" s="93"/>
      <c r="BI2472" s="93"/>
      <c r="BJ2472" s="93"/>
      <c r="BK2472" s="93"/>
      <c r="BL2472" s="93"/>
    </row>
    <row r="2473" spans="2:64" x14ac:dyDescent="0.2">
      <c r="B2473" s="43"/>
      <c r="C2473" s="73"/>
      <c r="D2473" s="64"/>
      <c r="E2473" s="55"/>
      <c r="F2473" s="74"/>
      <c r="G2473" s="74"/>
      <c r="H2473" s="74"/>
      <c r="I2473" s="75"/>
      <c r="J2473" s="74"/>
      <c r="L2473" s="55"/>
      <c r="M2473" s="234"/>
      <c r="N2473" s="65"/>
      <c r="O2473" s="76"/>
      <c r="P2473" s="76"/>
      <c r="Q2473" s="65"/>
      <c r="R2473" s="76"/>
      <c r="S2473" s="76"/>
      <c r="T2473" s="76"/>
      <c r="U2473" s="76"/>
      <c r="V2473" s="76"/>
      <c r="W2473" s="76"/>
      <c r="X2473" s="76"/>
      <c r="Y2473" s="76"/>
      <c r="Z2473" s="76"/>
      <c r="AA2473" s="85"/>
      <c r="AB2473" s="85"/>
      <c r="AC2473" s="85"/>
      <c r="AD2473" s="85"/>
      <c r="AE2473" s="85"/>
      <c r="AF2473" s="85"/>
      <c r="AG2473" s="86"/>
      <c r="AH2473" s="85"/>
      <c r="AI2473" s="85"/>
      <c r="AJ2473" s="85"/>
      <c r="AK2473" s="85"/>
      <c r="AL2473" s="85"/>
      <c r="AM2473" s="92"/>
      <c r="AN2473" s="92"/>
      <c r="AO2473" s="92"/>
      <c r="AP2473" s="92"/>
      <c r="AQ2473" s="92"/>
      <c r="AR2473" s="92"/>
      <c r="AS2473" s="92"/>
      <c r="AT2473" s="92"/>
      <c r="AU2473" s="92"/>
      <c r="AV2473" s="92"/>
      <c r="AW2473" s="92"/>
      <c r="AX2473" s="92"/>
      <c r="AY2473" s="92"/>
      <c r="AZ2473" s="93"/>
      <c r="BA2473" s="93"/>
      <c r="BB2473" s="93"/>
      <c r="BC2473" s="93"/>
      <c r="BD2473" s="93"/>
      <c r="BE2473" s="93"/>
      <c r="BF2473" s="93"/>
      <c r="BG2473" s="93"/>
      <c r="BH2473" s="93"/>
      <c r="BI2473" s="93"/>
      <c r="BJ2473" s="93"/>
      <c r="BK2473" s="93"/>
      <c r="BL2473" s="93"/>
    </row>
    <row r="2474" spans="2:64" x14ac:dyDescent="0.2">
      <c r="B2474" s="43"/>
      <c r="C2474" s="73"/>
      <c r="D2474" s="64"/>
      <c r="E2474" s="55"/>
      <c r="F2474" s="74"/>
      <c r="G2474" s="74"/>
      <c r="H2474" s="74"/>
      <c r="I2474" s="75"/>
      <c r="J2474" s="74"/>
      <c r="L2474" s="55"/>
      <c r="M2474" s="234"/>
      <c r="N2474" s="65"/>
      <c r="O2474" s="76"/>
      <c r="P2474" s="76"/>
      <c r="Q2474" s="65"/>
      <c r="R2474" s="76"/>
      <c r="S2474" s="76"/>
      <c r="T2474" s="76"/>
      <c r="U2474" s="76"/>
      <c r="V2474" s="76"/>
      <c r="W2474" s="76"/>
      <c r="X2474" s="76"/>
      <c r="Y2474" s="76"/>
      <c r="Z2474" s="76"/>
      <c r="AA2474" s="85"/>
      <c r="AB2474" s="85"/>
      <c r="AC2474" s="85"/>
      <c r="AD2474" s="85"/>
      <c r="AE2474" s="85"/>
      <c r="AF2474" s="85"/>
      <c r="AG2474" s="86"/>
      <c r="AH2474" s="85"/>
      <c r="AI2474" s="85"/>
      <c r="AJ2474" s="85"/>
      <c r="AK2474" s="85"/>
      <c r="AL2474" s="85"/>
      <c r="AM2474" s="92"/>
      <c r="AN2474" s="92"/>
      <c r="AO2474" s="92"/>
      <c r="AP2474" s="92"/>
      <c r="AQ2474" s="92"/>
      <c r="AR2474" s="92"/>
      <c r="AS2474" s="92"/>
      <c r="AT2474" s="92"/>
      <c r="AU2474" s="92"/>
      <c r="AV2474" s="92"/>
      <c r="AW2474" s="92"/>
      <c r="AX2474" s="92"/>
      <c r="AY2474" s="92"/>
      <c r="AZ2474" s="93"/>
      <c r="BA2474" s="93"/>
      <c r="BB2474" s="93"/>
      <c r="BC2474" s="93"/>
      <c r="BD2474" s="93"/>
      <c r="BE2474" s="93"/>
      <c r="BF2474" s="93"/>
      <c r="BG2474" s="93"/>
      <c r="BH2474" s="93"/>
      <c r="BI2474" s="93"/>
      <c r="BJ2474" s="93"/>
      <c r="BK2474" s="93"/>
      <c r="BL2474" s="93"/>
    </row>
    <row r="2475" spans="2:64" x14ac:dyDescent="0.2">
      <c r="B2475" s="43"/>
      <c r="C2475" s="73"/>
      <c r="D2475" s="64"/>
      <c r="E2475" s="55"/>
      <c r="F2475" s="74"/>
      <c r="G2475" s="74"/>
      <c r="H2475" s="74"/>
      <c r="I2475" s="75"/>
      <c r="J2475" s="74"/>
      <c r="L2475" s="55"/>
      <c r="M2475" s="234"/>
      <c r="N2475" s="65"/>
      <c r="O2475" s="76"/>
      <c r="P2475" s="76"/>
      <c r="Q2475" s="65"/>
      <c r="R2475" s="76"/>
      <c r="S2475" s="76"/>
      <c r="T2475" s="76"/>
      <c r="U2475" s="76"/>
      <c r="V2475" s="76"/>
      <c r="W2475" s="76"/>
      <c r="X2475" s="76"/>
      <c r="Y2475" s="76"/>
      <c r="Z2475" s="76"/>
      <c r="AA2475" s="85"/>
      <c r="AB2475" s="85"/>
      <c r="AC2475" s="85"/>
      <c r="AD2475" s="85"/>
      <c r="AE2475" s="85"/>
      <c r="AF2475" s="85"/>
      <c r="AG2475" s="86"/>
      <c r="AH2475" s="85"/>
      <c r="AI2475" s="85"/>
      <c r="AJ2475" s="85"/>
      <c r="AK2475" s="85"/>
      <c r="AL2475" s="85"/>
      <c r="AM2475" s="92"/>
      <c r="AN2475" s="92"/>
      <c r="AO2475" s="92"/>
      <c r="AP2475" s="92"/>
      <c r="AQ2475" s="92"/>
      <c r="AR2475" s="92"/>
      <c r="AS2475" s="92"/>
      <c r="AT2475" s="92"/>
      <c r="AU2475" s="92"/>
      <c r="AV2475" s="92"/>
      <c r="AW2475" s="92"/>
      <c r="AX2475" s="92"/>
      <c r="AY2475" s="92"/>
      <c r="AZ2475" s="93"/>
      <c r="BA2475" s="93"/>
      <c r="BB2475" s="93"/>
      <c r="BC2475" s="93"/>
      <c r="BD2475" s="93"/>
      <c r="BE2475" s="93"/>
      <c r="BF2475" s="93"/>
      <c r="BG2475" s="93"/>
      <c r="BH2475" s="93"/>
      <c r="BI2475" s="93"/>
      <c r="BJ2475" s="93"/>
      <c r="BK2475" s="93"/>
      <c r="BL2475" s="93"/>
    </row>
    <row r="2476" spans="2:64" x14ac:dyDescent="0.2">
      <c r="B2476" s="43"/>
      <c r="C2476" s="73"/>
      <c r="D2476" s="64"/>
      <c r="E2476" s="55"/>
      <c r="F2476" s="74"/>
      <c r="G2476" s="74"/>
      <c r="H2476" s="74"/>
      <c r="I2476" s="75"/>
      <c r="J2476" s="74"/>
      <c r="L2476" s="55"/>
      <c r="M2476" s="234"/>
      <c r="N2476" s="65"/>
      <c r="O2476" s="76"/>
      <c r="P2476" s="76"/>
      <c r="Q2476" s="65"/>
      <c r="R2476" s="76"/>
      <c r="S2476" s="76"/>
      <c r="T2476" s="76"/>
      <c r="U2476" s="76"/>
      <c r="V2476" s="76"/>
      <c r="W2476" s="76"/>
      <c r="X2476" s="76"/>
      <c r="Y2476" s="76"/>
      <c r="Z2476" s="76"/>
      <c r="AA2476" s="85"/>
      <c r="AB2476" s="85"/>
      <c r="AC2476" s="85"/>
      <c r="AD2476" s="85"/>
      <c r="AE2476" s="85"/>
      <c r="AF2476" s="85"/>
      <c r="AG2476" s="86"/>
      <c r="AH2476" s="85"/>
      <c r="AI2476" s="85"/>
      <c r="AJ2476" s="85"/>
      <c r="AK2476" s="85"/>
      <c r="AL2476" s="85"/>
      <c r="AM2476" s="92"/>
      <c r="AN2476" s="92"/>
      <c r="AO2476" s="92"/>
      <c r="AP2476" s="92"/>
      <c r="AQ2476" s="92"/>
      <c r="AR2476" s="92"/>
      <c r="AS2476" s="92"/>
      <c r="AT2476" s="92"/>
      <c r="AU2476" s="92"/>
      <c r="AV2476" s="92"/>
      <c r="AW2476" s="92"/>
      <c r="AX2476" s="92"/>
      <c r="AY2476" s="92"/>
      <c r="AZ2476" s="93"/>
      <c r="BA2476" s="93"/>
      <c r="BB2476" s="93"/>
      <c r="BC2476" s="93"/>
      <c r="BD2476" s="93"/>
      <c r="BE2476" s="93"/>
      <c r="BF2476" s="93"/>
      <c r="BG2476" s="93"/>
      <c r="BH2476" s="93"/>
      <c r="BI2476" s="93"/>
      <c r="BJ2476" s="93"/>
      <c r="BK2476" s="93"/>
      <c r="BL2476" s="93"/>
    </row>
    <row r="2477" spans="2:64" x14ac:dyDescent="0.2">
      <c r="B2477" s="43"/>
      <c r="C2477" s="73"/>
      <c r="D2477" s="64"/>
      <c r="E2477" s="55"/>
      <c r="F2477" s="74"/>
      <c r="G2477" s="74"/>
      <c r="H2477" s="74"/>
      <c r="I2477" s="75"/>
      <c r="J2477" s="74"/>
      <c r="L2477" s="55"/>
      <c r="M2477" s="234"/>
      <c r="N2477" s="65"/>
      <c r="O2477" s="76"/>
      <c r="P2477" s="76"/>
      <c r="Q2477" s="65"/>
      <c r="R2477" s="76"/>
      <c r="S2477" s="76"/>
      <c r="T2477" s="76"/>
      <c r="U2477" s="76"/>
      <c r="V2477" s="76"/>
      <c r="W2477" s="76"/>
      <c r="X2477" s="76"/>
      <c r="Y2477" s="76"/>
      <c r="Z2477" s="76"/>
      <c r="AA2477" s="85"/>
      <c r="AB2477" s="85"/>
      <c r="AC2477" s="85"/>
      <c r="AD2477" s="85"/>
      <c r="AE2477" s="85"/>
      <c r="AF2477" s="85"/>
      <c r="AG2477" s="86"/>
      <c r="AH2477" s="85"/>
      <c r="AI2477" s="85"/>
      <c r="AJ2477" s="85"/>
      <c r="AK2477" s="85"/>
      <c r="AL2477" s="85"/>
      <c r="AM2477" s="92"/>
      <c r="AN2477" s="92"/>
      <c r="AO2477" s="92"/>
      <c r="AP2477" s="92"/>
      <c r="AQ2477" s="92"/>
      <c r="AR2477" s="92"/>
      <c r="AS2477" s="92"/>
      <c r="AT2477" s="92"/>
      <c r="AU2477" s="92"/>
      <c r="AV2477" s="92"/>
      <c r="AW2477" s="92"/>
      <c r="AX2477" s="92"/>
      <c r="AY2477" s="92"/>
      <c r="AZ2477" s="93"/>
      <c r="BA2477" s="93"/>
      <c r="BB2477" s="93"/>
      <c r="BC2477" s="93"/>
      <c r="BD2477" s="93"/>
      <c r="BE2477" s="93"/>
      <c r="BF2477" s="93"/>
      <c r="BG2477" s="93"/>
      <c r="BH2477" s="93"/>
      <c r="BI2477" s="93"/>
      <c r="BJ2477" s="93"/>
      <c r="BK2477" s="93"/>
      <c r="BL2477" s="93"/>
    </row>
    <row r="2478" spans="2:64" x14ac:dyDescent="0.2">
      <c r="B2478" s="43"/>
      <c r="C2478" s="73"/>
      <c r="D2478" s="64"/>
      <c r="E2478" s="55"/>
      <c r="F2478" s="74"/>
      <c r="G2478" s="74"/>
      <c r="H2478" s="74"/>
      <c r="I2478" s="75"/>
      <c r="J2478" s="74"/>
      <c r="L2478" s="55"/>
      <c r="M2478" s="234"/>
      <c r="N2478" s="65"/>
      <c r="O2478" s="76"/>
      <c r="P2478" s="76"/>
      <c r="Q2478" s="65"/>
      <c r="R2478" s="76"/>
      <c r="S2478" s="76"/>
      <c r="T2478" s="76"/>
      <c r="U2478" s="76"/>
      <c r="V2478" s="76"/>
      <c r="W2478" s="76"/>
      <c r="X2478" s="76"/>
      <c r="Y2478" s="76"/>
      <c r="Z2478" s="76"/>
      <c r="AA2478" s="85"/>
      <c r="AB2478" s="85"/>
      <c r="AC2478" s="85"/>
      <c r="AD2478" s="85"/>
      <c r="AE2478" s="85"/>
      <c r="AF2478" s="85"/>
      <c r="AG2478" s="86"/>
      <c r="AH2478" s="85"/>
      <c r="AI2478" s="85"/>
      <c r="AJ2478" s="85"/>
      <c r="AK2478" s="85"/>
      <c r="AL2478" s="85"/>
      <c r="AM2478" s="92"/>
      <c r="AN2478" s="92"/>
      <c r="AO2478" s="92"/>
      <c r="AP2478" s="92"/>
      <c r="AQ2478" s="92"/>
      <c r="AR2478" s="92"/>
      <c r="AS2478" s="92"/>
      <c r="AT2478" s="92"/>
      <c r="AU2478" s="92"/>
      <c r="AV2478" s="92"/>
      <c r="AW2478" s="92"/>
      <c r="AX2478" s="92"/>
      <c r="AY2478" s="92"/>
      <c r="AZ2478" s="93"/>
      <c r="BA2478" s="93"/>
      <c r="BB2478" s="93"/>
      <c r="BC2478" s="93"/>
      <c r="BD2478" s="93"/>
      <c r="BE2478" s="93"/>
      <c r="BF2478" s="93"/>
      <c r="BG2478" s="93"/>
      <c r="BH2478" s="93"/>
      <c r="BI2478" s="93"/>
      <c r="BJ2478" s="93"/>
      <c r="BK2478" s="93"/>
      <c r="BL2478" s="93"/>
    </row>
    <row r="2479" spans="2:64" x14ac:dyDescent="0.2">
      <c r="B2479" s="43"/>
      <c r="C2479" s="73"/>
      <c r="D2479" s="64"/>
      <c r="E2479" s="55"/>
      <c r="F2479" s="74"/>
      <c r="G2479" s="74"/>
      <c r="H2479" s="74"/>
      <c r="I2479" s="75"/>
      <c r="J2479" s="74"/>
      <c r="L2479" s="55"/>
      <c r="M2479" s="234"/>
      <c r="N2479" s="65"/>
      <c r="O2479" s="76"/>
      <c r="P2479" s="76"/>
      <c r="Q2479" s="65"/>
      <c r="R2479" s="76"/>
      <c r="S2479" s="76"/>
      <c r="T2479" s="76"/>
      <c r="U2479" s="76"/>
      <c r="V2479" s="76"/>
      <c r="W2479" s="76"/>
      <c r="X2479" s="76"/>
      <c r="Y2479" s="76"/>
      <c r="Z2479" s="76"/>
      <c r="AA2479" s="85"/>
      <c r="AB2479" s="85"/>
      <c r="AC2479" s="85"/>
      <c r="AD2479" s="85"/>
      <c r="AE2479" s="85"/>
      <c r="AF2479" s="85"/>
      <c r="AG2479" s="86"/>
      <c r="AH2479" s="85"/>
      <c r="AI2479" s="85"/>
      <c r="AJ2479" s="85"/>
      <c r="AK2479" s="85"/>
      <c r="AL2479" s="85"/>
      <c r="AM2479" s="92"/>
      <c r="AN2479" s="92"/>
      <c r="AO2479" s="92"/>
      <c r="AP2479" s="92"/>
      <c r="AQ2479" s="92"/>
      <c r="AR2479" s="92"/>
      <c r="AS2479" s="92"/>
      <c r="AT2479" s="92"/>
      <c r="AU2479" s="92"/>
      <c r="AV2479" s="92"/>
      <c r="AW2479" s="92"/>
      <c r="AX2479" s="92"/>
      <c r="AY2479" s="92"/>
      <c r="AZ2479" s="93"/>
      <c r="BA2479" s="93"/>
      <c r="BB2479" s="93"/>
      <c r="BC2479" s="93"/>
      <c r="BD2479" s="93"/>
      <c r="BE2479" s="93"/>
      <c r="BF2479" s="93"/>
      <c r="BG2479" s="93"/>
      <c r="BH2479" s="93"/>
      <c r="BI2479" s="93"/>
      <c r="BJ2479" s="93"/>
      <c r="BK2479" s="93"/>
      <c r="BL2479" s="93"/>
    </row>
    <row r="2480" spans="2:64" x14ac:dyDescent="0.2">
      <c r="B2480" s="43"/>
      <c r="C2480" s="73"/>
      <c r="D2480" s="64"/>
      <c r="E2480" s="55"/>
      <c r="F2480" s="74"/>
      <c r="G2480" s="74"/>
      <c r="H2480" s="74"/>
      <c r="I2480" s="75"/>
      <c r="J2480" s="74"/>
      <c r="L2480" s="55"/>
      <c r="M2480" s="234"/>
      <c r="N2480" s="65"/>
      <c r="O2480" s="76"/>
      <c r="P2480" s="76"/>
      <c r="Q2480" s="65"/>
      <c r="R2480" s="76"/>
      <c r="S2480" s="76"/>
      <c r="T2480" s="76"/>
      <c r="U2480" s="76"/>
      <c r="V2480" s="76"/>
      <c r="W2480" s="76"/>
      <c r="X2480" s="76"/>
      <c r="Y2480" s="76"/>
      <c r="Z2480" s="76"/>
      <c r="AA2480" s="85"/>
      <c r="AB2480" s="85"/>
      <c r="AC2480" s="85"/>
      <c r="AD2480" s="85"/>
      <c r="AE2480" s="85"/>
      <c r="AF2480" s="85"/>
      <c r="AG2480" s="86"/>
      <c r="AH2480" s="85"/>
      <c r="AI2480" s="85"/>
      <c r="AJ2480" s="85"/>
      <c r="AK2480" s="85"/>
      <c r="AL2480" s="85"/>
      <c r="AM2480" s="92"/>
      <c r="AN2480" s="92"/>
      <c r="AO2480" s="92"/>
      <c r="AP2480" s="92"/>
      <c r="AQ2480" s="92"/>
      <c r="AR2480" s="92"/>
      <c r="AS2480" s="92"/>
      <c r="AT2480" s="92"/>
      <c r="AU2480" s="92"/>
      <c r="AV2480" s="92"/>
      <c r="AW2480" s="92"/>
      <c r="AX2480" s="92"/>
      <c r="AY2480" s="92"/>
      <c r="AZ2480" s="93"/>
      <c r="BA2480" s="93"/>
      <c r="BB2480" s="93"/>
      <c r="BC2480" s="93"/>
      <c r="BD2480" s="93"/>
      <c r="BE2480" s="93"/>
      <c r="BF2480" s="93"/>
      <c r="BG2480" s="93"/>
      <c r="BH2480" s="93"/>
      <c r="BI2480" s="93"/>
      <c r="BJ2480" s="93"/>
      <c r="BK2480" s="93"/>
      <c r="BL2480" s="93"/>
    </row>
    <row r="2481" spans="2:64" x14ac:dyDescent="0.2">
      <c r="B2481" s="43"/>
      <c r="C2481" s="73"/>
      <c r="D2481" s="64"/>
      <c r="E2481" s="55"/>
      <c r="F2481" s="74"/>
      <c r="G2481" s="74"/>
      <c r="H2481" s="74"/>
      <c r="I2481" s="75"/>
      <c r="J2481" s="74"/>
      <c r="L2481" s="55"/>
      <c r="M2481" s="234"/>
      <c r="N2481" s="65"/>
      <c r="O2481" s="76"/>
      <c r="P2481" s="76"/>
      <c r="Q2481" s="65"/>
      <c r="R2481" s="76"/>
      <c r="S2481" s="76"/>
      <c r="T2481" s="76"/>
      <c r="U2481" s="76"/>
      <c r="V2481" s="76"/>
      <c r="W2481" s="76"/>
      <c r="X2481" s="76"/>
      <c r="Y2481" s="76"/>
      <c r="Z2481" s="76"/>
      <c r="AA2481" s="85"/>
      <c r="AB2481" s="85"/>
      <c r="AC2481" s="85"/>
      <c r="AD2481" s="85"/>
      <c r="AE2481" s="85"/>
      <c r="AF2481" s="85"/>
      <c r="AG2481" s="86"/>
      <c r="AH2481" s="85"/>
      <c r="AI2481" s="85"/>
      <c r="AJ2481" s="85"/>
      <c r="AK2481" s="85"/>
      <c r="AL2481" s="85"/>
      <c r="AM2481" s="92"/>
      <c r="AN2481" s="92"/>
      <c r="AO2481" s="92"/>
      <c r="AP2481" s="92"/>
      <c r="AQ2481" s="92"/>
      <c r="AR2481" s="92"/>
      <c r="AS2481" s="92"/>
      <c r="AT2481" s="92"/>
      <c r="AU2481" s="92"/>
      <c r="AV2481" s="92"/>
      <c r="AW2481" s="92"/>
      <c r="AX2481" s="92"/>
      <c r="AY2481" s="92"/>
      <c r="AZ2481" s="93"/>
      <c r="BA2481" s="93"/>
      <c r="BB2481" s="93"/>
      <c r="BC2481" s="93"/>
      <c r="BD2481" s="93"/>
      <c r="BE2481" s="93"/>
      <c r="BF2481" s="93"/>
      <c r="BG2481" s="93"/>
      <c r="BH2481" s="93"/>
      <c r="BI2481" s="93"/>
      <c r="BJ2481" s="93"/>
      <c r="BK2481" s="93"/>
      <c r="BL2481" s="93"/>
    </row>
    <row r="2482" spans="2:64" x14ac:dyDescent="0.2">
      <c r="B2482" s="43"/>
      <c r="C2482" s="73"/>
      <c r="D2482" s="64"/>
      <c r="E2482" s="55"/>
      <c r="F2482" s="74"/>
      <c r="G2482" s="74"/>
      <c r="H2482" s="74"/>
      <c r="I2482" s="75"/>
      <c r="J2482" s="74"/>
      <c r="L2482" s="55"/>
      <c r="M2482" s="234"/>
      <c r="N2482" s="65"/>
      <c r="O2482" s="76"/>
      <c r="P2482" s="76"/>
      <c r="Q2482" s="65"/>
      <c r="R2482" s="76"/>
      <c r="S2482" s="76"/>
      <c r="T2482" s="76"/>
      <c r="U2482" s="76"/>
      <c r="V2482" s="76"/>
      <c r="W2482" s="76"/>
      <c r="X2482" s="76"/>
      <c r="Y2482" s="76"/>
      <c r="Z2482" s="76"/>
      <c r="AA2482" s="85"/>
      <c r="AB2482" s="85"/>
      <c r="AC2482" s="85"/>
      <c r="AD2482" s="85"/>
      <c r="AE2482" s="85"/>
      <c r="AF2482" s="85"/>
      <c r="AG2482" s="86"/>
      <c r="AH2482" s="85"/>
      <c r="AI2482" s="85"/>
      <c r="AJ2482" s="85"/>
      <c r="AK2482" s="85"/>
      <c r="AL2482" s="85"/>
      <c r="AM2482" s="92"/>
      <c r="AN2482" s="92"/>
      <c r="AO2482" s="92"/>
      <c r="AP2482" s="92"/>
      <c r="AQ2482" s="92"/>
      <c r="AR2482" s="92"/>
      <c r="AS2482" s="92"/>
      <c r="AT2482" s="92"/>
      <c r="AU2482" s="92"/>
      <c r="AV2482" s="92"/>
      <c r="AW2482" s="92"/>
      <c r="AX2482" s="92"/>
      <c r="AY2482" s="92"/>
      <c r="AZ2482" s="93"/>
      <c r="BA2482" s="93"/>
      <c r="BB2482" s="93"/>
      <c r="BC2482" s="93"/>
      <c r="BD2482" s="93"/>
      <c r="BE2482" s="93"/>
      <c r="BF2482" s="93"/>
      <c r="BG2482" s="93"/>
      <c r="BH2482" s="93"/>
      <c r="BI2482" s="93"/>
      <c r="BJ2482" s="93"/>
      <c r="BK2482" s="93"/>
      <c r="BL2482" s="93"/>
    </row>
    <row r="2483" spans="2:64" x14ac:dyDescent="0.2">
      <c r="B2483" s="43"/>
      <c r="C2483" s="73"/>
      <c r="D2483" s="64"/>
      <c r="E2483" s="55"/>
      <c r="F2483" s="74"/>
      <c r="G2483" s="74"/>
      <c r="H2483" s="74"/>
      <c r="I2483" s="75"/>
      <c r="J2483" s="74"/>
      <c r="L2483" s="55"/>
      <c r="M2483" s="234"/>
      <c r="N2483" s="65"/>
      <c r="O2483" s="76"/>
      <c r="P2483" s="76"/>
      <c r="Q2483" s="65"/>
      <c r="R2483" s="76"/>
      <c r="S2483" s="76"/>
      <c r="T2483" s="76"/>
      <c r="U2483" s="76"/>
      <c r="V2483" s="76"/>
      <c r="W2483" s="76"/>
      <c r="X2483" s="76"/>
      <c r="Y2483" s="76"/>
      <c r="Z2483" s="76"/>
      <c r="AA2483" s="85"/>
      <c r="AB2483" s="85"/>
      <c r="AC2483" s="85"/>
      <c r="AD2483" s="85"/>
      <c r="AE2483" s="85"/>
      <c r="AF2483" s="85"/>
      <c r="AG2483" s="86"/>
      <c r="AH2483" s="85"/>
      <c r="AI2483" s="85"/>
      <c r="AJ2483" s="85"/>
      <c r="AK2483" s="85"/>
      <c r="AL2483" s="85"/>
      <c r="AM2483" s="92"/>
      <c r="AN2483" s="92"/>
      <c r="AO2483" s="92"/>
      <c r="AP2483" s="92"/>
      <c r="AQ2483" s="92"/>
      <c r="AR2483" s="92"/>
      <c r="AS2483" s="92"/>
      <c r="AT2483" s="92"/>
      <c r="AU2483" s="92"/>
      <c r="AV2483" s="92"/>
      <c r="AW2483" s="92"/>
      <c r="AX2483" s="92"/>
      <c r="AY2483" s="92"/>
      <c r="AZ2483" s="93"/>
      <c r="BA2483" s="93"/>
      <c r="BB2483" s="93"/>
      <c r="BC2483" s="93"/>
      <c r="BD2483" s="93"/>
      <c r="BE2483" s="93"/>
      <c r="BF2483" s="93"/>
      <c r="BG2483" s="93"/>
      <c r="BH2483" s="93"/>
      <c r="BI2483" s="93"/>
      <c r="BJ2483" s="93"/>
      <c r="BK2483" s="93"/>
      <c r="BL2483" s="93"/>
    </row>
    <row r="2484" spans="2:64" x14ac:dyDescent="0.2">
      <c r="B2484" s="43"/>
      <c r="C2484" s="73"/>
      <c r="D2484" s="64"/>
      <c r="E2484" s="55"/>
      <c r="F2484" s="74"/>
      <c r="G2484" s="74"/>
      <c r="H2484" s="74"/>
      <c r="I2484" s="75"/>
      <c r="J2484" s="74"/>
      <c r="L2484" s="55"/>
      <c r="M2484" s="234"/>
      <c r="N2484" s="65"/>
      <c r="O2484" s="76"/>
      <c r="P2484" s="76"/>
      <c r="Q2484" s="65"/>
      <c r="R2484" s="76"/>
      <c r="S2484" s="76"/>
      <c r="T2484" s="76"/>
      <c r="U2484" s="76"/>
      <c r="V2484" s="76"/>
      <c r="W2484" s="76"/>
      <c r="X2484" s="76"/>
      <c r="Y2484" s="76"/>
      <c r="Z2484" s="76"/>
      <c r="AA2484" s="85"/>
      <c r="AB2484" s="85"/>
      <c r="AC2484" s="85"/>
      <c r="AD2484" s="85"/>
      <c r="AE2484" s="85"/>
      <c r="AF2484" s="85"/>
      <c r="AG2484" s="86"/>
      <c r="AH2484" s="85"/>
      <c r="AI2484" s="85"/>
      <c r="AJ2484" s="85"/>
      <c r="AK2484" s="85"/>
      <c r="AL2484" s="85"/>
      <c r="AM2484" s="92"/>
      <c r="AN2484" s="92"/>
      <c r="AO2484" s="92"/>
      <c r="AP2484" s="92"/>
      <c r="AQ2484" s="92"/>
      <c r="AR2484" s="92"/>
      <c r="AS2484" s="92"/>
      <c r="AT2484" s="92"/>
      <c r="AU2484" s="92"/>
      <c r="AV2484" s="92"/>
      <c r="AW2484" s="92"/>
      <c r="AX2484" s="92"/>
      <c r="AY2484" s="92"/>
      <c r="AZ2484" s="93"/>
      <c r="BA2484" s="93"/>
      <c r="BB2484" s="93"/>
      <c r="BC2484" s="93"/>
      <c r="BD2484" s="93"/>
      <c r="BE2484" s="93"/>
      <c r="BF2484" s="93"/>
      <c r="BG2484" s="93"/>
      <c r="BH2484" s="93"/>
      <c r="BI2484" s="93"/>
      <c r="BJ2484" s="93"/>
      <c r="BK2484" s="93"/>
      <c r="BL2484" s="93"/>
    </row>
    <row r="2485" spans="2:64" x14ac:dyDescent="0.2">
      <c r="B2485" s="43"/>
      <c r="C2485" s="73"/>
      <c r="D2485" s="64"/>
      <c r="E2485" s="55"/>
      <c r="F2485" s="74"/>
      <c r="G2485" s="74"/>
      <c r="H2485" s="74"/>
      <c r="I2485" s="75"/>
      <c r="J2485" s="74"/>
      <c r="L2485" s="55"/>
      <c r="M2485" s="234"/>
      <c r="N2485" s="65"/>
      <c r="O2485" s="76"/>
      <c r="P2485" s="76"/>
      <c r="Q2485" s="65"/>
      <c r="R2485" s="76"/>
      <c r="S2485" s="76"/>
      <c r="T2485" s="76"/>
      <c r="U2485" s="76"/>
      <c r="V2485" s="76"/>
      <c r="W2485" s="76"/>
      <c r="X2485" s="76"/>
      <c r="Y2485" s="76"/>
      <c r="Z2485" s="76"/>
      <c r="AA2485" s="85"/>
      <c r="AB2485" s="85"/>
      <c r="AC2485" s="85"/>
      <c r="AD2485" s="85"/>
      <c r="AE2485" s="85"/>
      <c r="AF2485" s="85"/>
      <c r="AG2485" s="86"/>
      <c r="AH2485" s="85"/>
      <c r="AI2485" s="85"/>
      <c r="AJ2485" s="85"/>
      <c r="AK2485" s="85"/>
      <c r="AL2485" s="85"/>
      <c r="AM2485" s="92"/>
      <c r="AN2485" s="92"/>
      <c r="AO2485" s="92"/>
      <c r="AP2485" s="92"/>
      <c r="AQ2485" s="92"/>
      <c r="AR2485" s="92"/>
      <c r="AS2485" s="92"/>
      <c r="AT2485" s="92"/>
      <c r="AU2485" s="92"/>
      <c r="AV2485" s="92"/>
      <c r="AW2485" s="92"/>
      <c r="AX2485" s="92"/>
      <c r="AY2485" s="92"/>
      <c r="AZ2485" s="93"/>
      <c r="BA2485" s="93"/>
      <c r="BB2485" s="93"/>
      <c r="BC2485" s="93"/>
      <c r="BD2485" s="93"/>
      <c r="BE2485" s="93"/>
      <c r="BF2485" s="93"/>
      <c r="BG2485" s="93"/>
      <c r="BH2485" s="93"/>
      <c r="BI2485" s="93"/>
      <c r="BJ2485" s="93"/>
      <c r="BK2485" s="93"/>
      <c r="BL2485" s="93"/>
    </row>
    <row r="2486" spans="2:64" x14ac:dyDescent="0.2">
      <c r="B2486" s="43"/>
      <c r="C2486" s="73"/>
      <c r="D2486" s="64"/>
      <c r="E2486" s="55"/>
      <c r="F2486" s="74"/>
      <c r="G2486" s="74"/>
      <c r="H2486" s="74"/>
      <c r="I2486" s="75"/>
      <c r="J2486" s="74"/>
      <c r="L2486" s="55"/>
      <c r="M2486" s="234"/>
      <c r="N2486" s="65"/>
      <c r="O2486" s="76"/>
      <c r="P2486" s="76"/>
      <c r="Q2486" s="65"/>
      <c r="R2486" s="76"/>
      <c r="S2486" s="76"/>
      <c r="T2486" s="76"/>
      <c r="U2486" s="76"/>
      <c r="V2486" s="76"/>
      <c r="W2486" s="76"/>
      <c r="X2486" s="76"/>
      <c r="Y2486" s="76"/>
      <c r="Z2486" s="76"/>
      <c r="AA2486" s="85"/>
      <c r="AB2486" s="85"/>
      <c r="AC2486" s="85"/>
      <c r="AD2486" s="85"/>
      <c r="AE2486" s="85"/>
      <c r="AF2486" s="85"/>
      <c r="AG2486" s="86"/>
      <c r="AH2486" s="85"/>
      <c r="AI2486" s="85"/>
      <c r="AJ2486" s="85"/>
      <c r="AK2486" s="85"/>
      <c r="AL2486" s="85"/>
      <c r="AM2486" s="92"/>
      <c r="AN2486" s="92"/>
      <c r="AO2486" s="92"/>
      <c r="AP2486" s="92"/>
      <c r="AQ2486" s="92"/>
      <c r="AR2486" s="92"/>
      <c r="AS2486" s="92"/>
      <c r="AT2486" s="92"/>
      <c r="AU2486" s="92"/>
      <c r="AV2486" s="92"/>
      <c r="AW2486" s="92"/>
      <c r="AX2486" s="92"/>
      <c r="AY2486" s="92"/>
      <c r="AZ2486" s="93"/>
      <c r="BA2486" s="93"/>
      <c r="BB2486" s="93"/>
      <c r="BC2486" s="93"/>
      <c r="BD2486" s="93"/>
      <c r="BE2486" s="93"/>
      <c r="BF2486" s="93"/>
      <c r="BG2486" s="93"/>
      <c r="BH2486" s="93"/>
      <c r="BI2486" s="93"/>
      <c r="BJ2486" s="93"/>
      <c r="BK2486" s="93"/>
      <c r="BL2486" s="93"/>
    </row>
    <row r="2487" spans="2:64" x14ac:dyDescent="0.2">
      <c r="B2487" s="43"/>
      <c r="C2487" s="73"/>
      <c r="D2487" s="64"/>
      <c r="E2487" s="55"/>
      <c r="F2487" s="74"/>
      <c r="G2487" s="74"/>
      <c r="H2487" s="74"/>
      <c r="I2487" s="75"/>
      <c r="J2487" s="74"/>
      <c r="L2487" s="55"/>
      <c r="M2487" s="234"/>
      <c r="N2487" s="65"/>
      <c r="O2487" s="76"/>
      <c r="P2487" s="76"/>
      <c r="Q2487" s="65"/>
      <c r="R2487" s="76"/>
      <c r="S2487" s="76"/>
      <c r="T2487" s="76"/>
      <c r="U2487" s="76"/>
      <c r="V2487" s="76"/>
      <c r="W2487" s="76"/>
      <c r="X2487" s="76"/>
      <c r="Y2487" s="76"/>
      <c r="Z2487" s="76"/>
      <c r="AA2487" s="85"/>
      <c r="AB2487" s="85"/>
      <c r="AC2487" s="85"/>
      <c r="AD2487" s="85"/>
      <c r="AE2487" s="85"/>
      <c r="AF2487" s="85"/>
      <c r="AG2487" s="86"/>
      <c r="AH2487" s="85"/>
      <c r="AI2487" s="85"/>
      <c r="AJ2487" s="85"/>
      <c r="AK2487" s="85"/>
      <c r="AL2487" s="85"/>
      <c r="AM2487" s="92"/>
      <c r="AN2487" s="92"/>
      <c r="AO2487" s="92"/>
      <c r="AP2487" s="92"/>
      <c r="AQ2487" s="92"/>
      <c r="AR2487" s="92"/>
      <c r="AS2487" s="92"/>
      <c r="AT2487" s="92"/>
      <c r="AU2487" s="92"/>
      <c r="AV2487" s="92"/>
      <c r="AW2487" s="92"/>
      <c r="AX2487" s="92"/>
      <c r="AY2487" s="92"/>
      <c r="AZ2487" s="93"/>
      <c r="BA2487" s="93"/>
      <c r="BB2487" s="93"/>
      <c r="BC2487" s="93"/>
      <c r="BD2487" s="93"/>
      <c r="BE2487" s="93"/>
      <c r="BF2487" s="93"/>
      <c r="BG2487" s="93"/>
      <c r="BH2487" s="93"/>
      <c r="BI2487" s="93"/>
      <c r="BJ2487" s="93"/>
      <c r="BK2487" s="93"/>
      <c r="BL2487" s="93"/>
    </row>
    <row r="2488" spans="2:64" x14ac:dyDescent="0.2">
      <c r="B2488" s="43"/>
      <c r="C2488" s="73"/>
      <c r="D2488" s="64"/>
      <c r="E2488" s="55"/>
      <c r="F2488" s="74"/>
      <c r="G2488" s="74"/>
      <c r="H2488" s="74"/>
      <c r="I2488" s="75"/>
      <c r="J2488" s="74"/>
      <c r="L2488" s="55"/>
      <c r="M2488" s="234"/>
      <c r="N2488" s="65"/>
      <c r="O2488" s="76"/>
      <c r="P2488" s="76"/>
      <c r="Q2488" s="65"/>
      <c r="R2488" s="76"/>
      <c r="S2488" s="76"/>
      <c r="T2488" s="76"/>
      <c r="U2488" s="76"/>
      <c r="V2488" s="76"/>
      <c r="W2488" s="76"/>
      <c r="X2488" s="76"/>
      <c r="Y2488" s="76"/>
      <c r="Z2488" s="76"/>
      <c r="AA2488" s="85"/>
      <c r="AB2488" s="85"/>
      <c r="AC2488" s="85"/>
      <c r="AD2488" s="85"/>
      <c r="AE2488" s="85"/>
      <c r="AF2488" s="85"/>
      <c r="AG2488" s="86"/>
      <c r="AH2488" s="85"/>
      <c r="AI2488" s="85"/>
      <c r="AJ2488" s="85"/>
      <c r="AK2488" s="85"/>
      <c r="AL2488" s="85"/>
      <c r="AM2488" s="92"/>
      <c r="AN2488" s="92"/>
      <c r="AO2488" s="92"/>
      <c r="AP2488" s="92"/>
      <c r="AQ2488" s="92"/>
      <c r="AR2488" s="92"/>
      <c r="AS2488" s="92"/>
      <c r="AT2488" s="92"/>
      <c r="AU2488" s="92"/>
      <c r="AV2488" s="92"/>
      <c r="AW2488" s="92"/>
      <c r="AX2488" s="92"/>
      <c r="AY2488" s="92"/>
      <c r="AZ2488" s="93"/>
      <c r="BA2488" s="93"/>
      <c r="BB2488" s="93"/>
      <c r="BC2488" s="93"/>
      <c r="BD2488" s="93"/>
      <c r="BE2488" s="93"/>
      <c r="BF2488" s="93"/>
      <c r="BG2488" s="93"/>
      <c r="BH2488" s="93"/>
      <c r="BI2488" s="93"/>
      <c r="BJ2488" s="93"/>
      <c r="BK2488" s="93"/>
      <c r="BL2488" s="93"/>
    </row>
    <row r="2489" spans="2:64" x14ac:dyDescent="0.2">
      <c r="B2489" s="43"/>
      <c r="C2489" s="73"/>
      <c r="D2489" s="64"/>
      <c r="E2489" s="55"/>
      <c r="F2489" s="74"/>
      <c r="G2489" s="74"/>
      <c r="H2489" s="74"/>
      <c r="I2489" s="75"/>
      <c r="J2489" s="74"/>
      <c r="L2489" s="55"/>
      <c r="M2489" s="234"/>
      <c r="N2489" s="65"/>
      <c r="O2489" s="76"/>
      <c r="P2489" s="76"/>
      <c r="Q2489" s="65"/>
      <c r="R2489" s="76"/>
      <c r="S2489" s="76"/>
      <c r="T2489" s="76"/>
      <c r="U2489" s="76"/>
      <c r="V2489" s="76"/>
      <c r="W2489" s="76"/>
      <c r="X2489" s="76"/>
      <c r="Y2489" s="76"/>
      <c r="Z2489" s="76"/>
      <c r="AA2489" s="85"/>
      <c r="AB2489" s="85"/>
      <c r="AC2489" s="85"/>
      <c r="AD2489" s="85"/>
      <c r="AE2489" s="85"/>
      <c r="AF2489" s="85"/>
      <c r="AG2489" s="86"/>
      <c r="AH2489" s="85"/>
      <c r="AI2489" s="85"/>
      <c r="AJ2489" s="85"/>
      <c r="AK2489" s="85"/>
      <c r="AL2489" s="85"/>
      <c r="AM2489" s="92"/>
      <c r="AN2489" s="92"/>
      <c r="AO2489" s="92"/>
      <c r="AP2489" s="92"/>
      <c r="AQ2489" s="92"/>
      <c r="AR2489" s="92"/>
      <c r="AS2489" s="92"/>
      <c r="AT2489" s="92"/>
      <c r="AU2489" s="92"/>
      <c r="AV2489" s="92"/>
      <c r="AW2489" s="92"/>
      <c r="AX2489" s="92"/>
      <c r="AY2489" s="92"/>
      <c r="AZ2489" s="93"/>
      <c r="BA2489" s="93"/>
      <c r="BB2489" s="93"/>
      <c r="BC2489" s="93"/>
      <c r="BD2489" s="93"/>
      <c r="BE2489" s="93"/>
      <c r="BF2489" s="93"/>
      <c r="BG2489" s="93"/>
      <c r="BH2489" s="93"/>
      <c r="BI2489" s="93"/>
      <c r="BJ2489" s="93"/>
      <c r="BK2489" s="93"/>
      <c r="BL2489" s="93"/>
    </row>
    <row r="2490" spans="2:64" x14ac:dyDescent="0.2">
      <c r="B2490" s="43"/>
      <c r="C2490" s="73"/>
      <c r="D2490" s="64"/>
      <c r="E2490" s="55"/>
      <c r="F2490" s="74"/>
      <c r="G2490" s="74"/>
      <c r="H2490" s="74"/>
      <c r="I2490" s="75"/>
      <c r="J2490" s="74"/>
      <c r="L2490" s="55"/>
      <c r="M2490" s="234"/>
      <c r="N2490" s="65"/>
      <c r="O2490" s="76"/>
      <c r="P2490" s="76"/>
      <c r="Q2490" s="65"/>
      <c r="R2490" s="76"/>
      <c r="S2490" s="76"/>
      <c r="T2490" s="76"/>
      <c r="U2490" s="76"/>
      <c r="V2490" s="76"/>
      <c r="W2490" s="76"/>
      <c r="X2490" s="76"/>
      <c r="Y2490" s="76"/>
      <c r="Z2490" s="76"/>
      <c r="AA2490" s="85"/>
      <c r="AB2490" s="85"/>
      <c r="AC2490" s="85"/>
      <c r="AD2490" s="85"/>
      <c r="AE2490" s="85"/>
      <c r="AF2490" s="85"/>
      <c r="AG2490" s="86"/>
      <c r="AH2490" s="85"/>
      <c r="AI2490" s="85"/>
      <c r="AJ2490" s="85"/>
      <c r="AK2490" s="85"/>
      <c r="AL2490" s="85"/>
      <c r="AM2490" s="92"/>
      <c r="AN2490" s="92"/>
      <c r="AO2490" s="92"/>
      <c r="AP2490" s="92"/>
      <c r="AQ2490" s="92"/>
      <c r="AR2490" s="92"/>
      <c r="AS2490" s="92"/>
      <c r="AT2490" s="92"/>
      <c r="AU2490" s="92"/>
      <c r="AV2490" s="92"/>
      <c r="AW2490" s="92"/>
      <c r="AX2490" s="92"/>
      <c r="AY2490" s="92"/>
      <c r="AZ2490" s="93"/>
      <c r="BA2490" s="93"/>
      <c r="BB2490" s="93"/>
      <c r="BC2490" s="93"/>
      <c r="BD2490" s="93"/>
      <c r="BE2490" s="93"/>
      <c r="BF2490" s="93"/>
      <c r="BG2490" s="93"/>
      <c r="BH2490" s="93"/>
      <c r="BI2490" s="93"/>
      <c r="BJ2490" s="93"/>
      <c r="BK2490" s="93"/>
      <c r="BL2490" s="93"/>
    </row>
    <row r="2491" spans="2:64" x14ac:dyDescent="0.2">
      <c r="B2491" s="43"/>
      <c r="C2491" s="73"/>
      <c r="D2491" s="64"/>
      <c r="E2491" s="55"/>
      <c r="F2491" s="74"/>
      <c r="G2491" s="74"/>
      <c r="H2491" s="74"/>
      <c r="I2491" s="75"/>
      <c r="J2491" s="74"/>
      <c r="L2491" s="55"/>
      <c r="M2491" s="234"/>
      <c r="N2491" s="65"/>
      <c r="O2491" s="76"/>
      <c r="P2491" s="76"/>
      <c r="Q2491" s="65"/>
      <c r="R2491" s="76"/>
      <c r="S2491" s="76"/>
      <c r="T2491" s="76"/>
      <c r="U2491" s="76"/>
      <c r="V2491" s="76"/>
      <c r="W2491" s="76"/>
      <c r="X2491" s="76"/>
      <c r="Y2491" s="76"/>
      <c r="Z2491" s="76"/>
      <c r="AA2491" s="85"/>
      <c r="AB2491" s="85"/>
      <c r="AC2491" s="85"/>
      <c r="AD2491" s="85"/>
      <c r="AE2491" s="85"/>
      <c r="AF2491" s="85"/>
      <c r="AG2491" s="86"/>
      <c r="AH2491" s="85"/>
      <c r="AI2491" s="85"/>
      <c r="AJ2491" s="85"/>
      <c r="AK2491" s="85"/>
      <c r="AL2491" s="85"/>
      <c r="AM2491" s="92"/>
      <c r="AN2491" s="92"/>
      <c r="AO2491" s="92"/>
      <c r="AP2491" s="92"/>
      <c r="AQ2491" s="92"/>
      <c r="AR2491" s="92"/>
      <c r="AS2491" s="92"/>
      <c r="AT2491" s="92"/>
      <c r="AU2491" s="92"/>
      <c r="AV2491" s="92"/>
      <c r="AW2491" s="92"/>
      <c r="AX2491" s="92"/>
      <c r="AY2491" s="92"/>
      <c r="AZ2491" s="93"/>
      <c r="BA2491" s="93"/>
      <c r="BB2491" s="93"/>
      <c r="BC2491" s="93"/>
      <c r="BD2491" s="93"/>
      <c r="BE2491" s="93"/>
      <c r="BF2491" s="93"/>
      <c r="BG2491" s="93"/>
      <c r="BH2491" s="93"/>
      <c r="BI2491" s="93"/>
      <c r="BJ2491" s="93"/>
      <c r="BK2491" s="93"/>
      <c r="BL2491" s="93"/>
    </row>
    <row r="2492" spans="2:64" x14ac:dyDescent="0.2">
      <c r="B2492" s="43"/>
      <c r="C2492" s="73"/>
      <c r="D2492" s="64"/>
      <c r="E2492" s="55"/>
      <c r="F2492" s="74"/>
      <c r="G2492" s="74"/>
      <c r="H2492" s="74"/>
      <c r="I2492" s="75"/>
      <c r="J2492" s="74"/>
      <c r="L2492" s="55"/>
      <c r="M2492" s="234"/>
      <c r="N2492" s="65"/>
      <c r="O2492" s="76"/>
      <c r="P2492" s="76"/>
      <c r="Q2492" s="65"/>
      <c r="R2492" s="76"/>
      <c r="S2492" s="76"/>
      <c r="T2492" s="76"/>
      <c r="U2492" s="76"/>
      <c r="V2492" s="76"/>
      <c r="W2492" s="76"/>
      <c r="X2492" s="76"/>
      <c r="Y2492" s="76"/>
      <c r="Z2492" s="76"/>
      <c r="AA2492" s="85"/>
      <c r="AB2492" s="85"/>
      <c r="AC2492" s="85"/>
      <c r="AD2492" s="85"/>
      <c r="AE2492" s="85"/>
      <c r="AF2492" s="85"/>
      <c r="AG2492" s="86"/>
      <c r="AH2492" s="85"/>
      <c r="AI2492" s="85"/>
      <c r="AJ2492" s="85"/>
      <c r="AK2492" s="85"/>
      <c r="AL2492" s="85"/>
      <c r="AM2492" s="92"/>
      <c r="AN2492" s="92"/>
      <c r="AO2492" s="92"/>
      <c r="AP2492" s="92"/>
      <c r="AQ2492" s="92"/>
      <c r="AR2492" s="92"/>
      <c r="AS2492" s="92"/>
      <c r="AT2492" s="92"/>
      <c r="AU2492" s="92"/>
      <c r="AV2492" s="92"/>
      <c r="AW2492" s="92"/>
      <c r="AX2492" s="92"/>
      <c r="AY2492" s="92"/>
      <c r="AZ2492" s="93"/>
      <c r="BA2492" s="93"/>
      <c r="BB2492" s="93"/>
      <c r="BC2492" s="93"/>
      <c r="BD2492" s="93"/>
      <c r="BE2492" s="93"/>
      <c r="BF2492" s="93"/>
      <c r="BG2492" s="93"/>
      <c r="BH2492" s="93"/>
      <c r="BI2492" s="93"/>
      <c r="BJ2492" s="93"/>
      <c r="BK2492" s="93"/>
      <c r="BL2492" s="93"/>
    </row>
    <row r="2493" spans="2:64" x14ac:dyDescent="0.2">
      <c r="B2493" s="43"/>
      <c r="C2493" s="73"/>
      <c r="D2493" s="64"/>
      <c r="E2493" s="55"/>
      <c r="F2493" s="74"/>
      <c r="G2493" s="74"/>
      <c r="H2493" s="74"/>
      <c r="I2493" s="75"/>
      <c r="J2493" s="74"/>
      <c r="L2493" s="55"/>
      <c r="M2493" s="234"/>
      <c r="N2493" s="65"/>
      <c r="O2493" s="76"/>
      <c r="P2493" s="76"/>
      <c r="Q2493" s="65"/>
      <c r="R2493" s="76"/>
      <c r="S2493" s="76"/>
      <c r="T2493" s="76"/>
      <c r="U2493" s="76"/>
      <c r="V2493" s="76"/>
      <c r="W2493" s="76"/>
      <c r="X2493" s="76"/>
      <c r="Y2493" s="76"/>
      <c r="Z2493" s="76"/>
      <c r="AA2493" s="85"/>
      <c r="AB2493" s="85"/>
      <c r="AC2493" s="85"/>
      <c r="AD2493" s="85"/>
      <c r="AE2493" s="85"/>
      <c r="AF2493" s="85"/>
      <c r="AG2493" s="86"/>
      <c r="AH2493" s="85"/>
      <c r="AI2493" s="85"/>
      <c r="AJ2493" s="85"/>
      <c r="AK2493" s="85"/>
      <c r="AL2493" s="85"/>
      <c r="AM2493" s="92"/>
      <c r="AN2493" s="92"/>
      <c r="AO2493" s="92"/>
      <c r="AP2493" s="92"/>
      <c r="AQ2493" s="92"/>
      <c r="AR2493" s="92"/>
      <c r="AS2493" s="92"/>
      <c r="AT2493" s="92"/>
      <c r="AU2493" s="92"/>
      <c r="AV2493" s="92"/>
      <c r="AW2493" s="92"/>
      <c r="AX2493" s="92"/>
      <c r="AY2493" s="92"/>
      <c r="AZ2493" s="93"/>
      <c r="BA2493" s="93"/>
      <c r="BB2493" s="93"/>
      <c r="BC2493" s="93"/>
      <c r="BD2493" s="93"/>
      <c r="BE2493" s="93"/>
      <c r="BF2493" s="93"/>
      <c r="BG2493" s="93"/>
      <c r="BH2493" s="93"/>
      <c r="BI2493" s="93"/>
      <c r="BJ2493" s="93"/>
      <c r="BK2493" s="93"/>
      <c r="BL2493" s="93"/>
    </row>
    <row r="2494" spans="2:64" x14ac:dyDescent="0.2">
      <c r="B2494" s="43"/>
      <c r="C2494" s="73"/>
      <c r="D2494" s="64"/>
      <c r="E2494" s="55"/>
      <c r="F2494" s="74"/>
      <c r="G2494" s="74"/>
      <c r="H2494" s="74"/>
      <c r="I2494" s="75"/>
      <c r="J2494" s="74"/>
      <c r="L2494" s="55"/>
      <c r="M2494" s="234"/>
      <c r="N2494" s="65"/>
      <c r="O2494" s="76"/>
      <c r="P2494" s="76"/>
      <c r="Q2494" s="65"/>
      <c r="R2494" s="76"/>
      <c r="S2494" s="76"/>
      <c r="T2494" s="76"/>
      <c r="U2494" s="76"/>
      <c r="V2494" s="76"/>
      <c r="W2494" s="76"/>
      <c r="X2494" s="76"/>
      <c r="Y2494" s="76"/>
      <c r="Z2494" s="76"/>
      <c r="AA2494" s="85"/>
      <c r="AB2494" s="85"/>
      <c r="AC2494" s="85"/>
      <c r="AD2494" s="85"/>
      <c r="AE2494" s="85"/>
      <c r="AF2494" s="85"/>
      <c r="AG2494" s="86"/>
      <c r="AH2494" s="85"/>
      <c r="AI2494" s="85"/>
      <c r="AJ2494" s="85"/>
      <c r="AK2494" s="85"/>
      <c r="AL2494" s="85"/>
      <c r="AM2494" s="92"/>
      <c r="AN2494" s="92"/>
      <c r="AO2494" s="92"/>
      <c r="AP2494" s="92"/>
      <c r="AQ2494" s="92"/>
      <c r="AR2494" s="92"/>
      <c r="AS2494" s="92"/>
      <c r="AT2494" s="92"/>
      <c r="AU2494" s="92"/>
      <c r="AV2494" s="92"/>
      <c r="AW2494" s="92"/>
      <c r="AX2494" s="92"/>
      <c r="AY2494" s="92"/>
      <c r="AZ2494" s="93"/>
      <c r="BA2494" s="93"/>
      <c r="BB2494" s="93"/>
      <c r="BC2494" s="93"/>
      <c r="BD2494" s="93"/>
      <c r="BE2494" s="93"/>
      <c r="BF2494" s="93"/>
      <c r="BG2494" s="93"/>
      <c r="BH2494" s="93"/>
      <c r="BI2494" s="93"/>
      <c r="BJ2494" s="93"/>
      <c r="BK2494" s="93"/>
      <c r="BL2494" s="93"/>
    </row>
    <row r="2495" spans="2:64" x14ac:dyDescent="0.2">
      <c r="B2495" s="43"/>
      <c r="C2495" s="73"/>
      <c r="D2495" s="64"/>
      <c r="E2495" s="55"/>
      <c r="F2495" s="74"/>
      <c r="G2495" s="74"/>
      <c r="H2495" s="74"/>
      <c r="I2495" s="75"/>
      <c r="J2495" s="74"/>
      <c r="L2495" s="55"/>
      <c r="M2495" s="234"/>
      <c r="N2495" s="65"/>
      <c r="O2495" s="76"/>
      <c r="P2495" s="76"/>
      <c r="Q2495" s="65"/>
      <c r="R2495" s="76"/>
      <c r="S2495" s="76"/>
      <c r="T2495" s="76"/>
      <c r="U2495" s="76"/>
      <c r="V2495" s="76"/>
      <c r="W2495" s="76"/>
      <c r="X2495" s="76"/>
      <c r="Y2495" s="76"/>
      <c r="Z2495" s="76"/>
      <c r="AA2495" s="85"/>
      <c r="AB2495" s="85"/>
      <c r="AC2495" s="85"/>
      <c r="AD2495" s="85"/>
      <c r="AE2495" s="85"/>
      <c r="AF2495" s="85"/>
      <c r="AG2495" s="86"/>
      <c r="AH2495" s="85"/>
      <c r="AI2495" s="85"/>
      <c r="AJ2495" s="85"/>
      <c r="AK2495" s="85"/>
      <c r="AL2495" s="85"/>
      <c r="AM2495" s="92"/>
      <c r="AN2495" s="92"/>
      <c r="AO2495" s="92"/>
      <c r="AP2495" s="92"/>
      <c r="AQ2495" s="92"/>
      <c r="AR2495" s="92"/>
      <c r="AS2495" s="92"/>
      <c r="AT2495" s="92"/>
      <c r="AU2495" s="92"/>
      <c r="AV2495" s="92"/>
      <c r="AW2495" s="92"/>
      <c r="AX2495" s="92"/>
      <c r="AY2495" s="92"/>
      <c r="AZ2495" s="93"/>
      <c r="BA2495" s="93"/>
      <c r="BB2495" s="93"/>
      <c r="BC2495" s="93"/>
      <c r="BD2495" s="93"/>
      <c r="BE2495" s="93"/>
      <c r="BF2495" s="93"/>
      <c r="BG2495" s="93"/>
      <c r="BH2495" s="93"/>
      <c r="BI2495" s="93"/>
      <c r="BJ2495" s="93"/>
      <c r="BK2495" s="93"/>
      <c r="BL2495" s="93"/>
    </row>
    <row r="2496" spans="2:64" x14ac:dyDescent="0.2">
      <c r="B2496" s="43"/>
      <c r="C2496" s="73"/>
      <c r="D2496" s="64"/>
      <c r="E2496" s="55"/>
      <c r="F2496" s="74"/>
      <c r="G2496" s="74"/>
      <c r="H2496" s="74"/>
      <c r="I2496" s="75"/>
      <c r="J2496" s="74"/>
      <c r="L2496" s="55"/>
      <c r="M2496" s="234"/>
      <c r="N2496" s="65"/>
      <c r="O2496" s="76"/>
      <c r="P2496" s="76"/>
      <c r="Q2496" s="65"/>
      <c r="R2496" s="76"/>
      <c r="S2496" s="76"/>
      <c r="T2496" s="76"/>
      <c r="U2496" s="76"/>
      <c r="V2496" s="76"/>
      <c r="W2496" s="76"/>
      <c r="X2496" s="76"/>
      <c r="Y2496" s="76"/>
      <c r="Z2496" s="76"/>
      <c r="AA2496" s="85"/>
      <c r="AB2496" s="85"/>
      <c r="AC2496" s="85"/>
      <c r="AD2496" s="85"/>
      <c r="AE2496" s="85"/>
      <c r="AF2496" s="85"/>
      <c r="AG2496" s="86"/>
      <c r="AH2496" s="85"/>
      <c r="AI2496" s="85"/>
      <c r="AJ2496" s="85"/>
      <c r="AK2496" s="85"/>
      <c r="AL2496" s="85"/>
      <c r="AM2496" s="92"/>
      <c r="AN2496" s="92"/>
      <c r="AO2496" s="92"/>
      <c r="AP2496" s="92"/>
      <c r="AQ2496" s="92"/>
      <c r="AR2496" s="92"/>
      <c r="AS2496" s="92"/>
      <c r="AT2496" s="92"/>
      <c r="AU2496" s="92"/>
      <c r="AV2496" s="92"/>
      <c r="AW2496" s="92"/>
      <c r="AX2496" s="92"/>
      <c r="AY2496" s="92"/>
      <c r="AZ2496" s="93"/>
      <c r="BA2496" s="93"/>
      <c r="BB2496" s="93"/>
      <c r="BC2496" s="93"/>
      <c r="BD2496" s="93"/>
      <c r="BE2496" s="93"/>
      <c r="BF2496" s="93"/>
      <c r="BG2496" s="93"/>
      <c r="BH2496" s="93"/>
      <c r="BI2496" s="93"/>
      <c r="BJ2496" s="93"/>
      <c r="BK2496" s="93"/>
      <c r="BL2496" s="93"/>
    </row>
    <row r="2497" spans="2:64" x14ac:dyDescent="0.2">
      <c r="B2497" s="43"/>
      <c r="C2497" s="73"/>
      <c r="D2497" s="64"/>
      <c r="E2497" s="55"/>
      <c r="F2497" s="74"/>
      <c r="G2497" s="74"/>
      <c r="H2497" s="74"/>
      <c r="I2497" s="75"/>
      <c r="J2497" s="74"/>
      <c r="L2497" s="55"/>
      <c r="M2497" s="234"/>
      <c r="N2497" s="65"/>
      <c r="O2497" s="76"/>
      <c r="P2497" s="76"/>
      <c r="Q2497" s="65"/>
      <c r="R2497" s="76"/>
      <c r="S2497" s="76"/>
      <c r="T2497" s="76"/>
      <c r="U2497" s="76"/>
      <c r="V2497" s="76"/>
      <c r="W2497" s="76"/>
      <c r="X2497" s="76"/>
      <c r="Y2497" s="76"/>
      <c r="Z2497" s="76"/>
      <c r="AA2497" s="85"/>
      <c r="AB2497" s="85"/>
      <c r="AC2497" s="85"/>
      <c r="AD2497" s="85"/>
      <c r="AE2497" s="85"/>
      <c r="AF2497" s="85"/>
      <c r="AG2497" s="86"/>
      <c r="AH2497" s="85"/>
      <c r="AI2497" s="85"/>
      <c r="AJ2497" s="85"/>
      <c r="AK2497" s="85"/>
      <c r="AL2497" s="85"/>
      <c r="AM2497" s="92"/>
      <c r="AN2497" s="92"/>
      <c r="AO2497" s="92"/>
      <c r="AP2497" s="92"/>
      <c r="AQ2497" s="92"/>
      <c r="AR2497" s="92"/>
      <c r="AS2497" s="92"/>
      <c r="AT2497" s="92"/>
      <c r="AU2497" s="92"/>
      <c r="AV2497" s="92"/>
      <c r="AW2497" s="92"/>
      <c r="AX2497" s="92"/>
      <c r="AY2497" s="92"/>
      <c r="AZ2497" s="93"/>
      <c r="BA2497" s="93"/>
      <c r="BB2497" s="93"/>
      <c r="BC2497" s="93"/>
      <c r="BD2497" s="93"/>
      <c r="BE2497" s="93"/>
      <c r="BF2497" s="93"/>
      <c r="BG2497" s="93"/>
      <c r="BH2497" s="93"/>
      <c r="BI2497" s="93"/>
      <c r="BJ2497" s="93"/>
      <c r="BK2497" s="93"/>
      <c r="BL2497" s="93"/>
    </row>
    <row r="2498" spans="2:64" x14ac:dyDescent="0.2">
      <c r="B2498" s="43"/>
      <c r="C2498" s="73"/>
      <c r="D2498" s="64"/>
      <c r="E2498" s="55"/>
      <c r="F2498" s="74"/>
      <c r="G2498" s="74"/>
      <c r="H2498" s="74"/>
      <c r="I2498" s="75"/>
      <c r="J2498" s="74"/>
      <c r="L2498" s="55"/>
      <c r="M2498" s="234"/>
      <c r="N2498" s="65"/>
      <c r="O2498" s="76"/>
      <c r="P2498" s="76"/>
      <c r="Q2498" s="65"/>
      <c r="R2498" s="76"/>
      <c r="S2498" s="76"/>
      <c r="T2498" s="76"/>
      <c r="U2498" s="76"/>
      <c r="V2498" s="76"/>
      <c r="W2498" s="76"/>
      <c r="X2498" s="76"/>
      <c r="Y2498" s="76"/>
      <c r="Z2498" s="76"/>
      <c r="AA2498" s="85"/>
      <c r="AB2498" s="85"/>
      <c r="AC2498" s="85"/>
      <c r="AD2498" s="85"/>
      <c r="AE2498" s="85"/>
      <c r="AF2498" s="85"/>
      <c r="AG2498" s="86"/>
      <c r="AH2498" s="85"/>
      <c r="AI2498" s="85"/>
      <c r="AJ2498" s="85"/>
      <c r="AK2498" s="85"/>
      <c r="AL2498" s="85"/>
      <c r="AM2498" s="92"/>
      <c r="AN2498" s="92"/>
      <c r="AO2498" s="92"/>
      <c r="AP2498" s="92"/>
      <c r="AQ2498" s="92"/>
      <c r="AR2498" s="92"/>
      <c r="AS2498" s="92"/>
      <c r="AT2498" s="92"/>
      <c r="AU2498" s="92"/>
      <c r="AV2498" s="92"/>
      <c r="AW2498" s="92"/>
      <c r="AX2498" s="92"/>
      <c r="AY2498" s="92"/>
      <c r="AZ2498" s="93"/>
      <c r="BA2498" s="93"/>
      <c r="BB2498" s="93"/>
      <c r="BC2498" s="93"/>
      <c r="BD2498" s="93"/>
      <c r="BE2498" s="93"/>
      <c r="BF2498" s="93"/>
      <c r="BG2498" s="93"/>
      <c r="BH2498" s="93"/>
      <c r="BI2498" s="93"/>
      <c r="BJ2498" s="93"/>
      <c r="BK2498" s="93"/>
      <c r="BL2498" s="93"/>
    </row>
    <row r="2499" spans="2:64" x14ac:dyDescent="0.2">
      <c r="B2499" s="43"/>
      <c r="C2499" s="73"/>
      <c r="D2499" s="64"/>
      <c r="E2499" s="55"/>
      <c r="F2499" s="74"/>
      <c r="G2499" s="74"/>
      <c r="H2499" s="74"/>
      <c r="I2499" s="75"/>
      <c r="J2499" s="74"/>
      <c r="L2499" s="55"/>
      <c r="M2499" s="234"/>
      <c r="N2499" s="65"/>
      <c r="O2499" s="76"/>
      <c r="P2499" s="76"/>
      <c r="Q2499" s="65"/>
      <c r="R2499" s="76"/>
      <c r="S2499" s="76"/>
      <c r="T2499" s="76"/>
      <c r="U2499" s="76"/>
      <c r="V2499" s="76"/>
      <c r="W2499" s="76"/>
      <c r="X2499" s="76"/>
      <c r="Y2499" s="76"/>
      <c r="Z2499" s="76"/>
      <c r="AA2499" s="85"/>
      <c r="AB2499" s="85"/>
      <c r="AC2499" s="85"/>
      <c r="AD2499" s="85"/>
      <c r="AE2499" s="85"/>
      <c r="AF2499" s="85"/>
      <c r="AG2499" s="86"/>
      <c r="AH2499" s="85"/>
      <c r="AI2499" s="85"/>
      <c r="AJ2499" s="85"/>
      <c r="AK2499" s="85"/>
      <c r="AL2499" s="85"/>
      <c r="AM2499" s="92"/>
      <c r="AN2499" s="92"/>
      <c r="AO2499" s="92"/>
      <c r="AP2499" s="92"/>
      <c r="AQ2499" s="92"/>
      <c r="AR2499" s="92"/>
      <c r="AS2499" s="92"/>
      <c r="AT2499" s="92"/>
      <c r="AU2499" s="92"/>
      <c r="AV2499" s="92"/>
      <c r="AW2499" s="92"/>
      <c r="AX2499" s="92"/>
      <c r="AY2499" s="92"/>
      <c r="AZ2499" s="93"/>
      <c r="BA2499" s="93"/>
      <c r="BB2499" s="93"/>
      <c r="BC2499" s="93"/>
      <c r="BD2499" s="93"/>
      <c r="BE2499" s="93"/>
      <c r="BF2499" s="93"/>
      <c r="BG2499" s="93"/>
      <c r="BH2499" s="93"/>
      <c r="BI2499" s="93"/>
      <c r="BJ2499" s="93"/>
      <c r="BK2499" s="93"/>
      <c r="BL2499" s="93"/>
    </row>
    <row r="2500" spans="2:64" x14ac:dyDescent="0.2">
      <c r="B2500" s="43"/>
      <c r="C2500" s="73"/>
      <c r="D2500" s="64"/>
      <c r="E2500" s="55"/>
      <c r="F2500" s="74"/>
      <c r="G2500" s="74"/>
      <c r="H2500" s="74"/>
      <c r="I2500" s="75"/>
      <c r="J2500" s="74"/>
      <c r="L2500" s="55"/>
      <c r="M2500" s="234"/>
      <c r="N2500" s="65"/>
      <c r="O2500" s="76"/>
      <c r="P2500" s="76"/>
      <c r="Q2500" s="65"/>
      <c r="R2500" s="76"/>
      <c r="S2500" s="76"/>
      <c r="T2500" s="76"/>
      <c r="U2500" s="76"/>
      <c r="V2500" s="76"/>
      <c r="W2500" s="76"/>
      <c r="X2500" s="76"/>
      <c r="Y2500" s="76"/>
      <c r="Z2500" s="76"/>
      <c r="AA2500" s="85"/>
      <c r="AB2500" s="85"/>
      <c r="AC2500" s="85"/>
      <c r="AD2500" s="85"/>
      <c r="AE2500" s="85"/>
      <c r="AF2500" s="85"/>
      <c r="AG2500" s="86"/>
      <c r="AH2500" s="85"/>
      <c r="AI2500" s="85"/>
      <c r="AJ2500" s="85"/>
      <c r="AK2500" s="85"/>
      <c r="AL2500" s="85"/>
      <c r="AM2500" s="92"/>
      <c r="AN2500" s="92"/>
      <c r="AO2500" s="92"/>
      <c r="AP2500" s="92"/>
      <c r="AQ2500" s="92"/>
      <c r="AR2500" s="92"/>
      <c r="AS2500" s="92"/>
      <c r="AT2500" s="92"/>
      <c r="AU2500" s="92"/>
      <c r="AV2500" s="92"/>
      <c r="AW2500" s="92"/>
      <c r="AX2500" s="92"/>
      <c r="AY2500" s="92"/>
      <c r="AZ2500" s="93"/>
      <c r="BA2500" s="93"/>
      <c r="BB2500" s="93"/>
      <c r="BC2500" s="93"/>
      <c r="BD2500" s="93"/>
      <c r="BE2500" s="93"/>
      <c r="BF2500" s="93"/>
      <c r="BG2500" s="93"/>
      <c r="BH2500" s="93"/>
      <c r="BI2500" s="93"/>
      <c r="BJ2500" s="93"/>
      <c r="BK2500" s="93"/>
      <c r="BL2500" s="93"/>
    </row>
    <row r="2501" spans="2:64" x14ac:dyDescent="0.2">
      <c r="B2501" s="43"/>
      <c r="C2501" s="73"/>
      <c r="D2501" s="64"/>
      <c r="E2501" s="55"/>
      <c r="F2501" s="74"/>
      <c r="G2501" s="74"/>
      <c r="H2501" s="74"/>
      <c r="I2501" s="75"/>
      <c r="J2501" s="74"/>
      <c r="L2501" s="55"/>
      <c r="M2501" s="234"/>
      <c r="N2501" s="65"/>
      <c r="O2501" s="76"/>
      <c r="P2501" s="76"/>
      <c r="Q2501" s="65"/>
      <c r="R2501" s="76"/>
      <c r="S2501" s="76"/>
      <c r="T2501" s="76"/>
      <c r="U2501" s="76"/>
      <c r="V2501" s="76"/>
      <c r="W2501" s="76"/>
      <c r="X2501" s="76"/>
      <c r="Y2501" s="76"/>
      <c r="Z2501" s="76"/>
      <c r="AA2501" s="85"/>
      <c r="AB2501" s="85"/>
      <c r="AC2501" s="85"/>
      <c r="AD2501" s="85"/>
      <c r="AE2501" s="85"/>
      <c r="AF2501" s="85"/>
      <c r="AG2501" s="86"/>
      <c r="AH2501" s="85"/>
      <c r="AI2501" s="85"/>
      <c r="AJ2501" s="85"/>
      <c r="AK2501" s="85"/>
      <c r="AL2501" s="85"/>
      <c r="AM2501" s="92"/>
      <c r="AN2501" s="92"/>
      <c r="AO2501" s="92"/>
      <c r="AP2501" s="92"/>
      <c r="AQ2501" s="92"/>
      <c r="AR2501" s="92"/>
      <c r="AS2501" s="92"/>
      <c r="AT2501" s="92"/>
      <c r="AU2501" s="92"/>
      <c r="AV2501" s="92"/>
      <c r="AW2501" s="92"/>
      <c r="AX2501" s="92"/>
      <c r="AY2501" s="92"/>
      <c r="AZ2501" s="93"/>
      <c r="BA2501" s="93"/>
      <c r="BB2501" s="93"/>
      <c r="BC2501" s="93"/>
      <c r="BD2501" s="93"/>
      <c r="BE2501" s="93"/>
      <c r="BF2501" s="93"/>
      <c r="BG2501" s="93"/>
      <c r="BH2501" s="93"/>
      <c r="BI2501" s="93"/>
      <c r="BJ2501" s="93"/>
      <c r="BK2501" s="93"/>
      <c r="BL2501" s="93"/>
    </row>
    <row r="2502" spans="2:64" x14ac:dyDescent="0.2">
      <c r="B2502" s="43"/>
      <c r="C2502" s="73"/>
      <c r="D2502" s="64"/>
      <c r="E2502" s="55"/>
      <c r="F2502" s="74"/>
      <c r="G2502" s="74"/>
      <c r="H2502" s="74"/>
      <c r="I2502" s="75"/>
      <c r="J2502" s="74"/>
      <c r="L2502" s="55"/>
      <c r="M2502" s="234"/>
      <c r="N2502" s="65"/>
      <c r="O2502" s="76"/>
      <c r="P2502" s="76"/>
      <c r="Q2502" s="65"/>
      <c r="R2502" s="76"/>
      <c r="S2502" s="76"/>
      <c r="T2502" s="76"/>
      <c r="U2502" s="76"/>
      <c r="V2502" s="76"/>
      <c r="W2502" s="76"/>
      <c r="X2502" s="76"/>
      <c r="Y2502" s="76"/>
      <c r="Z2502" s="76"/>
      <c r="AA2502" s="85"/>
      <c r="AB2502" s="85"/>
      <c r="AC2502" s="85"/>
      <c r="AD2502" s="85"/>
      <c r="AE2502" s="85"/>
      <c r="AF2502" s="85"/>
      <c r="AG2502" s="86"/>
      <c r="AH2502" s="85"/>
      <c r="AI2502" s="85"/>
      <c r="AJ2502" s="85"/>
      <c r="AK2502" s="85"/>
      <c r="AL2502" s="85"/>
      <c r="AM2502" s="92"/>
      <c r="AN2502" s="92"/>
      <c r="AO2502" s="92"/>
      <c r="AP2502" s="92"/>
      <c r="AQ2502" s="92"/>
      <c r="AR2502" s="92"/>
      <c r="AS2502" s="92"/>
      <c r="AT2502" s="92"/>
      <c r="AU2502" s="92"/>
      <c r="AV2502" s="92"/>
      <c r="AW2502" s="92"/>
      <c r="AX2502" s="92"/>
      <c r="AY2502" s="92"/>
      <c r="AZ2502" s="93"/>
      <c r="BA2502" s="93"/>
      <c r="BB2502" s="93"/>
      <c r="BC2502" s="93"/>
      <c r="BD2502" s="93"/>
      <c r="BE2502" s="93"/>
      <c r="BF2502" s="93"/>
      <c r="BG2502" s="93"/>
      <c r="BH2502" s="93"/>
      <c r="BI2502" s="93"/>
      <c r="BJ2502" s="93"/>
      <c r="BK2502" s="93"/>
      <c r="BL2502" s="93"/>
    </row>
    <row r="2503" spans="2:64" x14ac:dyDescent="0.2">
      <c r="B2503" s="43"/>
      <c r="C2503" s="73"/>
      <c r="D2503" s="64"/>
      <c r="E2503" s="55"/>
      <c r="F2503" s="74"/>
      <c r="G2503" s="74"/>
      <c r="H2503" s="74"/>
      <c r="I2503" s="75"/>
      <c r="J2503" s="74"/>
      <c r="L2503" s="55"/>
      <c r="M2503" s="234"/>
      <c r="N2503" s="65"/>
      <c r="O2503" s="76"/>
      <c r="P2503" s="76"/>
      <c r="Q2503" s="65"/>
      <c r="R2503" s="76"/>
      <c r="S2503" s="76"/>
      <c r="T2503" s="76"/>
      <c r="U2503" s="76"/>
      <c r="V2503" s="76"/>
      <c r="W2503" s="76"/>
      <c r="X2503" s="76"/>
      <c r="Y2503" s="76"/>
      <c r="Z2503" s="76"/>
      <c r="AA2503" s="85"/>
      <c r="AB2503" s="85"/>
      <c r="AC2503" s="85"/>
      <c r="AD2503" s="85"/>
      <c r="AE2503" s="85"/>
      <c r="AF2503" s="85"/>
      <c r="AG2503" s="86"/>
      <c r="AH2503" s="85"/>
      <c r="AI2503" s="85"/>
      <c r="AJ2503" s="85"/>
      <c r="AK2503" s="85"/>
      <c r="AL2503" s="85"/>
      <c r="AM2503" s="92"/>
      <c r="AN2503" s="92"/>
      <c r="AO2503" s="92"/>
      <c r="AP2503" s="92"/>
      <c r="AQ2503" s="92"/>
      <c r="AR2503" s="92"/>
      <c r="AS2503" s="92"/>
      <c r="AT2503" s="92"/>
      <c r="AU2503" s="92"/>
      <c r="AV2503" s="92"/>
      <c r="AW2503" s="92"/>
      <c r="AX2503" s="92"/>
      <c r="AY2503" s="92"/>
      <c r="AZ2503" s="93"/>
      <c r="BA2503" s="93"/>
      <c r="BB2503" s="93"/>
      <c r="BC2503" s="93"/>
      <c r="BD2503" s="93"/>
      <c r="BE2503" s="93"/>
      <c r="BF2503" s="93"/>
      <c r="BG2503" s="93"/>
      <c r="BH2503" s="93"/>
      <c r="BI2503" s="93"/>
      <c r="BJ2503" s="93"/>
      <c r="BK2503" s="93"/>
      <c r="BL2503" s="93"/>
    </row>
    <row r="2504" spans="2:64" x14ac:dyDescent="0.2">
      <c r="B2504" s="43"/>
      <c r="C2504" s="73"/>
      <c r="D2504" s="64"/>
      <c r="E2504" s="55"/>
      <c r="F2504" s="74"/>
      <c r="G2504" s="74"/>
      <c r="H2504" s="74"/>
      <c r="I2504" s="75"/>
      <c r="J2504" s="74"/>
      <c r="L2504" s="55"/>
      <c r="M2504" s="234"/>
      <c r="N2504" s="65"/>
      <c r="O2504" s="76"/>
      <c r="P2504" s="76"/>
      <c r="Q2504" s="65"/>
      <c r="R2504" s="76"/>
      <c r="S2504" s="76"/>
      <c r="T2504" s="76"/>
      <c r="U2504" s="76"/>
      <c r="V2504" s="76"/>
      <c r="W2504" s="76"/>
      <c r="X2504" s="76"/>
      <c r="Y2504" s="76"/>
      <c r="Z2504" s="76"/>
      <c r="AA2504" s="85"/>
      <c r="AB2504" s="85"/>
      <c r="AC2504" s="85"/>
      <c r="AD2504" s="85"/>
      <c r="AE2504" s="85"/>
      <c r="AF2504" s="85"/>
      <c r="AG2504" s="86"/>
      <c r="AH2504" s="85"/>
      <c r="AI2504" s="85"/>
      <c r="AJ2504" s="85"/>
      <c r="AK2504" s="85"/>
      <c r="AL2504" s="85"/>
      <c r="AM2504" s="92"/>
      <c r="AN2504" s="92"/>
      <c r="AO2504" s="92"/>
      <c r="AP2504" s="92"/>
      <c r="AQ2504" s="92"/>
      <c r="AR2504" s="92"/>
      <c r="AS2504" s="92"/>
      <c r="AT2504" s="92"/>
      <c r="AU2504" s="92"/>
      <c r="AV2504" s="92"/>
      <c r="AW2504" s="92"/>
      <c r="AX2504" s="92"/>
      <c r="AY2504" s="92"/>
      <c r="AZ2504" s="93"/>
      <c r="BA2504" s="93"/>
      <c r="BB2504" s="93"/>
      <c r="BC2504" s="93"/>
      <c r="BD2504" s="93"/>
      <c r="BE2504" s="93"/>
      <c r="BF2504" s="93"/>
      <c r="BG2504" s="93"/>
      <c r="BH2504" s="93"/>
      <c r="BI2504" s="93"/>
      <c r="BJ2504" s="93"/>
      <c r="BK2504" s="93"/>
      <c r="BL2504" s="93"/>
    </row>
    <row r="2505" spans="2:64" x14ac:dyDescent="0.2">
      <c r="B2505" s="43"/>
      <c r="C2505" s="73"/>
      <c r="D2505" s="64"/>
      <c r="E2505" s="55"/>
      <c r="F2505" s="74"/>
      <c r="G2505" s="74"/>
      <c r="H2505" s="74"/>
      <c r="I2505" s="75"/>
      <c r="J2505" s="74"/>
      <c r="L2505" s="55"/>
      <c r="M2505" s="234"/>
      <c r="N2505" s="65"/>
      <c r="O2505" s="76"/>
      <c r="P2505" s="76"/>
      <c r="Q2505" s="65"/>
      <c r="R2505" s="76"/>
      <c r="S2505" s="76"/>
      <c r="T2505" s="76"/>
      <c r="U2505" s="76"/>
      <c r="V2505" s="76"/>
      <c r="W2505" s="76"/>
      <c r="X2505" s="76"/>
      <c r="Y2505" s="76"/>
      <c r="Z2505" s="76"/>
      <c r="AA2505" s="85"/>
      <c r="AB2505" s="85"/>
      <c r="AC2505" s="85"/>
      <c r="AD2505" s="85"/>
      <c r="AE2505" s="85"/>
      <c r="AF2505" s="85"/>
      <c r="AG2505" s="86"/>
      <c r="AH2505" s="85"/>
      <c r="AI2505" s="85"/>
      <c r="AJ2505" s="85"/>
      <c r="AK2505" s="85"/>
      <c r="AL2505" s="85"/>
      <c r="AM2505" s="92"/>
      <c r="AN2505" s="92"/>
      <c r="AO2505" s="92"/>
      <c r="AP2505" s="92"/>
      <c r="AQ2505" s="92"/>
      <c r="AR2505" s="92"/>
      <c r="AS2505" s="92"/>
      <c r="AT2505" s="92"/>
      <c r="AU2505" s="92"/>
      <c r="AV2505" s="92"/>
      <c r="AW2505" s="92"/>
      <c r="AX2505" s="92"/>
      <c r="AY2505" s="92"/>
      <c r="AZ2505" s="93"/>
      <c r="BA2505" s="93"/>
      <c r="BB2505" s="93"/>
      <c r="BC2505" s="93"/>
      <c r="BD2505" s="93"/>
      <c r="BE2505" s="93"/>
      <c r="BF2505" s="93"/>
      <c r="BG2505" s="93"/>
      <c r="BH2505" s="93"/>
      <c r="BI2505" s="93"/>
      <c r="BJ2505" s="93"/>
      <c r="BK2505" s="93"/>
      <c r="BL2505" s="93"/>
    </row>
    <row r="2506" spans="2:64" x14ac:dyDescent="0.2">
      <c r="B2506" s="43"/>
      <c r="C2506" s="73"/>
      <c r="D2506" s="64"/>
      <c r="E2506" s="55"/>
      <c r="F2506" s="74"/>
      <c r="G2506" s="74"/>
      <c r="H2506" s="74"/>
      <c r="I2506" s="75"/>
      <c r="J2506" s="74"/>
      <c r="L2506" s="55"/>
      <c r="M2506" s="234"/>
      <c r="N2506" s="65"/>
      <c r="O2506" s="76"/>
      <c r="P2506" s="76"/>
      <c r="Q2506" s="65"/>
      <c r="R2506" s="76"/>
      <c r="S2506" s="76"/>
      <c r="T2506" s="76"/>
      <c r="U2506" s="76"/>
      <c r="V2506" s="76"/>
      <c r="W2506" s="76"/>
      <c r="X2506" s="76"/>
      <c r="Y2506" s="76"/>
      <c r="Z2506" s="76"/>
      <c r="AA2506" s="85"/>
      <c r="AB2506" s="85"/>
      <c r="AC2506" s="85"/>
      <c r="AD2506" s="85"/>
      <c r="AE2506" s="85"/>
      <c r="AF2506" s="85"/>
      <c r="AG2506" s="86"/>
      <c r="AH2506" s="85"/>
      <c r="AI2506" s="85"/>
      <c r="AJ2506" s="85"/>
      <c r="AK2506" s="85"/>
      <c r="AL2506" s="85"/>
      <c r="AM2506" s="92"/>
      <c r="AN2506" s="92"/>
      <c r="AO2506" s="92"/>
      <c r="AP2506" s="92"/>
      <c r="AQ2506" s="92"/>
      <c r="AR2506" s="92"/>
      <c r="AS2506" s="92"/>
      <c r="AT2506" s="92"/>
      <c r="AU2506" s="92"/>
      <c r="AV2506" s="92"/>
      <c r="AW2506" s="92"/>
      <c r="AX2506" s="92"/>
      <c r="AY2506" s="92"/>
      <c r="AZ2506" s="93"/>
      <c r="BA2506" s="93"/>
      <c r="BB2506" s="93"/>
      <c r="BC2506" s="93"/>
      <c r="BD2506" s="93"/>
      <c r="BE2506" s="93"/>
      <c r="BF2506" s="93"/>
      <c r="BG2506" s="93"/>
      <c r="BH2506" s="93"/>
      <c r="BI2506" s="93"/>
      <c r="BJ2506" s="93"/>
      <c r="BK2506" s="93"/>
      <c r="BL2506" s="93"/>
    </row>
    <row r="2507" spans="2:64" x14ac:dyDescent="0.2">
      <c r="B2507" s="43"/>
      <c r="C2507" s="73"/>
      <c r="D2507" s="64"/>
      <c r="E2507" s="55"/>
      <c r="F2507" s="74"/>
      <c r="G2507" s="74"/>
      <c r="H2507" s="74"/>
      <c r="I2507" s="75"/>
      <c r="J2507" s="74"/>
      <c r="L2507" s="55"/>
      <c r="M2507" s="234"/>
      <c r="N2507" s="65"/>
      <c r="O2507" s="76"/>
      <c r="P2507" s="76"/>
      <c r="Q2507" s="65"/>
      <c r="R2507" s="76"/>
      <c r="S2507" s="76"/>
      <c r="T2507" s="76"/>
      <c r="U2507" s="76"/>
      <c r="V2507" s="76"/>
      <c r="W2507" s="76"/>
      <c r="X2507" s="76"/>
      <c r="Y2507" s="76"/>
      <c r="Z2507" s="76"/>
      <c r="AA2507" s="85"/>
      <c r="AB2507" s="85"/>
      <c r="AC2507" s="85"/>
      <c r="AD2507" s="85"/>
      <c r="AE2507" s="85"/>
      <c r="AF2507" s="85"/>
      <c r="AG2507" s="86"/>
      <c r="AH2507" s="85"/>
      <c r="AI2507" s="85"/>
      <c r="AJ2507" s="85"/>
      <c r="AK2507" s="85"/>
      <c r="AL2507" s="85"/>
      <c r="AM2507" s="92"/>
      <c r="AN2507" s="92"/>
      <c r="AO2507" s="92"/>
      <c r="AP2507" s="92"/>
      <c r="AQ2507" s="92"/>
      <c r="AR2507" s="92"/>
      <c r="AS2507" s="92"/>
      <c r="AT2507" s="92"/>
      <c r="AU2507" s="92"/>
      <c r="AV2507" s="92"/>
      <c r="AW2507" s="92"/>
      <c r="AX2507" s="92"/>
      <c r="AY2507" s="92"/>
      <c r="AZ2507" s="93"/>
      <c r="BA2507" s="93"/>
      <c r="BB2507" s="93"/>
      <c r="BC2507" s="93"/>
      <c r="BD2507" s="93"/>
      <c r="BE2507" s="93"/>
      <c r="BF2507" s="93"/>
      <c r="BG2507" s="93"/>
      <c r="BH2507" s="93"/>
      <c r="BI2507" s="93"/>
      <c r="BJ2507" s="93"/>
      <c r="BK2507" s="93"/>
      <c r="BL2507" s="93"/>
    </row>
    <row r="2508" spans="2:64" x14ac:dyDescent="0.2">
      <c r="B2508" s="43"/>
      <c r="C2508" s="73"/>
      <c r="D2508" s="64"/>
      <c r="E2508" s="55"/>
      <c r="F2508" s="74"/>
      <c r="G2508" s="74"/>
      <c r="H2508" s="74"/>
      <c r="I2508" s="75"/>
      <c r="J2508" s="74"/>
      <c r="L2508" s="55"/>
      <c r="M2508" s="234"/>
      <c r="N2508" s="65"/>
      <c r="O2508" s="76"/>
      <c r="P2508" s="76"/>
      <c r="Q2508" s="65"/>
      <c r="R2508" s="76"/>
      <c r="S2508" s="76"/>
      <c r="T2508" s="76"/>
      <c r="U2508" s="76"/>
      <c r="V2508" s="76"/>
      <c r="W2508" s="76"/>
      <c r="X2508" s="76"/>
      <c r="Y2508" s="76"/>
      <c r="Z2508" s="76"/>
      <c r="AA2508" s="85"/>
      <c r="AB2508" s="85"/>
      <c r="AC2508" s="85"/>
      <c r="AD2508" s="85"/>
      <c r="AE2508" s="85"/>
      <c r="AF2508" s="85"/>
      <c r="AG2508" s="86"/>
      <c r="AH2508" s="85"/>
      <c r="AI2508" s="85"/>
      <c r="AJ2508" s="85"/>
      <c r="AK2508" s="85"/>
      <c r="AL2508" s="85"/>
      <c r="AM2508" s="92"/>
      <c r="AN2508" s="92"/>
      <c r="AO2508" s="92"/>
      <c r="AP2508" s="92"/>
      <c r="AQ2508" s="92"/>
      <c r="AR2508" s="92"/>
      <c r="AS2508" s="92"/>
      <c r="AT2508" s="92"/>
      <c r="AU2508" s="92"/>
      <c r="AV2508" s="92"/>
      <c r="AW2508" s="92"/>
      <c r="AX2508" s="92"/>
      <c r="AY2508" s="92"/>
      <c r="AZ2508" s="93"/>
      <c r="BA2508" s="93"/>
      <c r="BB2508" s="93"/>
      <c r="BC2508" s="93"/>
      <c r="BD2508" s="93"/>
      <c r="BE2508" s="93"/>
      <c r="BF2508" s="93"/>
      <c r="BG2508" s="93"/>
      <c r="BH2508" s="93"/>
      <c r="BI2508" s="93"/>
      <c r="BJ2508" s="93"/>
      <c r="BK2508" s="93"/>
      <c r="BL2508" s="93"/>
    </row>
    <row r="2509" spans="2:64" x14ac:dyDescent="0.2">
      <c r="B2509" s="43"/>
      <c r="C2509" s="73"/>
      <c r="D2509" s="64"/>
      <c r="E2509" s="55"/>
      <c r="F2509" s="74"/>
      <c r="G2509" s="74"/>
      <c r="H2509" s="74"/>
      <c r="I2509" s="75"/>
      <c r="J2509" s="74"/>
      <c r="L2509" s="55"/>
      <c r="M2509" s="234"/>
      <c r="N2509" s="65"/>
      <c r="O2509" s="76"/>
      <c r="P2509" s="76"/>
      <c r="Q2509" s="65"/>
      <c r="R2509" s="76"/>
      <c r="S2509" s="76"/>
      <c r="T2509" s="76"/>
      <c r="U2509" s="76"/>
      <c r="V2509" s="76"/>
      <c r="W2509" s="76"/>
      <c r="X2509" s="76"/>
      <c r="Y2509" s="76"/>
      <c r="Z2509" s="76"/>
      <c r="AA2509" s="85"/>
      <c r="AB2509" s="85"/>
      <c r="AC2509" s="85"/>
      <c r="AD2509" s="85"/>
      <c r="AE2509" s="85"/>
      <c r="AF2509" s="85"/>
      <c r="AG2509" s="86"/>
      <c r="AH2509" s="85"/>
      <c r="AI2509" s="85"/>
      <c r="AJ2509" s="85"/>
      <c r="AK2509" s="85"/>
      <c r="AL2509" s="85"/>
      <c r="AM2509" s="92"/>
      <c r="AN2509" s="92"/>
      <c r="AO2509" s="92"/>
      <c r="AP2509" s="92"/>
      <c r="AQ2509" s="92"/>
      <c r="AR2509" s="92"/>
      <c r="AS2509" s="92"/>
      <c r="AT2509" s="92"/>
      <c r="AU2509" s="92"/>
      <c r="AV2509" s="92"/>
      <c r="AW2509" s="92"/>
      <c r="AX2509" s="92"/>
      <c r="AY2509" s="92"/>
      <c r="AZ2509" s="93"/>
      <c r="BA2509" s="93"/>
      <c r="BB2509" s="93"/>
      <c r="BC2509" s="93"/>
      <c r="BD2509" s="93"/>
      <c r="BE2509" s="93"/>
      <c r="BF2509" s="93"/>
      <c r="BG2509" s="93"/>
      <c r="BH2509" s="93"/>
      <c r="BI2509" s="93"/>
      <c r="BJ2509" s="93"/>
      <c r="BK2509" s="93"/>
      <c r="BL2509" s="93"/>
    </row>
    <row r="2510" spans="2:64" x14ac:dyDescent="0.2">
      <c r="B2510" s="43"/>
      <c r="C2510" s="73"/>
      <c r="D2510" s="64"/>
      <c r="E2510" s="55"/>
      <c r="F2510" s="74"/>
      <c r="G2510" s="74"/>
      <c r="H2510" s="74"/>
      <c r="I2510" s="75"/>
      <c r="J2510" s="74"/>
      <c r="L2510" s="55"/>
      <c r="M2510" s="234"/>
      <c r="N2510" s="65"/>
      <c r="O2510" s="76"/>
      <c r="P2510" s="76"/>
      <c r="Q2510" s="65"/>
      <c r="R2510" s="76"/>
      <c r="S2510" s="76"/>
      <c r="T2510" s="76"/>
      <c r="U2510" s="76"/>
      <c r="V2510" s="76"/>
      <c r="W2510" s="76"/>
      <c r="X2510" s="76"/>
      <c r="Y2510" s="76"/>
      <c r="Z2510" s="76"/>
      <c r="AA2510" s="85"/>
      <c r="AB2510" s="85"/>
      <c r="AC2510" s="85"/>
      <c r="AD2510" s="85"/>
      <c r="AE2510" s="85"/>
      <c r="AF2510" s="85"/>
      <c r="AG2510" s="86"/>
      <c r="AH2510" s="85"/>
      <c r="AI2510" s="85"/>
      <c r="AJ2510" s="85"/>
      <c r="AK2510" s="85"/>
      <c r="AL2510" s="85"/>
      <c r="AM2510" s="92"/>
      <c r="AN2510" s="92"/>
      <c r="AO2510" s="92"/>
      <c r="AP2510" s="92"/>
      <c r="AQ2510" s="92"/>
      <c r="AR2510" s="92"/>
      <c r="AS2510" s="92"/>
      <c r="AT2510" s="92"/>
      <c r="AU2510" s="92"/>
      <c r="AV2510" s="92"/>
      <c r="AW2510" s="92"/>
      <c r="AX2510" s="92"/>
      <c r="AY2510" s="92"/>
      <c r="AZ2510" s="93"/>
      <c r="BA2510" s="93"/>
      <c r="BB2510" s="93"/>
      <c r="BC2510" s="93"/>
      <c r="BD2510" s="93"/>
      <c r="BE2510" s="93"/>
      <c r="BF2510" s="93"/>
      <c r="BG2510" s="93"/>
      <c r="BH2510" s="93"/>
      <c r="BI2510" s="93"/>
      <c r="BJ2510" s="93"/>
      <c r="BK2510" s="93"/>
      <c r="BL2510" s="93"/>
    </row>
    <row r="2511" spans="2:64" x14ac:dyDescent="0.2">
      <c r="B2511" s="43"/>
      <c r="C2511" s="73"/>
      <c r="D2511" s="64"/>
      <c r="E2511" s="55"/>
      <c r="F2511" s="74"/>
      <c r="G2511" s="74"/>
      <c r="H2511" s="74"/>
      <c r="I2511" s="75"/>
      <c r="J2511" s="74"/>
      <c r="L2511" s="55"/>
      <c r="M2511" s="234"/>
      <c r="N2511" s="65"/>
      <c r="O2511" s="76"/>
      <c r="P2511" s="76"/>
      <c r="Q2511" s="65"/>
      <c r="R2511" s="76"/>
      <c r="S2511" s="76"/>
      <c r="T2511" s="76"/>
      <c r="U2511" s="76"/>
      <c r="V2511" s="76"/>
      <c r="W2511" s="76"/>
      <c r="X2511" s="76"/>
      <c r="Y2511" s="76"/>
      <c r="Z2511" s="76"/>
      <c r="AA2511" s="85"/>
      <c r="AB2511" s="85"/>
      <c r="AC2511" s="85"/>
      <c r="AD2511" s="85"/>
      <c r="AE2511" s="85"/>
      <c r="AF2511" s="85"/>
      <c r="AG2511" s="86"/>
      <c r="AH2511" s="85"/>
      <c r="AI2511" s="85"/>
      <c r="AJ2511" s="85"/>
      <c r="AK2511" s="85"/>
      <c r="AL2511" s="85"/>
      <c r="AM2511" s="92"/>
      <c r="AN2511" s="92"/>
      <c r="AO2511" s="92"/>
      <c r="AP2511" s="92"/>
      <c r="AQ2511" s="92"/>
      <c r="AR2511" s="92"/>
      <c r="AS2511" s="92"/>
      <c r="AT2511" s="92"/>
      <c r="AU2511" s="92"/>
      <c r="AV2511" s="92"/>
      <c r="AW2511" s="92"/>
      <c r="AX2511" s="92"/>
      <c r="AY2511" s="92"/>
      <c r="AZ2511" s="93"/>
      <c r="BA2511" s="93"/>
      <c r="BB2511" s="93"/>
      <c r="BC2511" s="93"/>
      <c r="BD2511" s="93"/>
      <c r="BE2511" s="93"/>
      <c r="BF2511" s="93"/>
      <c r="BG2511" s="93"/>
      <c r="BH2511" s="93"/>
      <c r="BI2511" s="93"/>
      <c r="BJ2511" s="93"/>
      <c r="BK2511" s="93"/>
      <c r="BL2511" s="93"/>
    </row>
    <row r="2512" spans="2:64" x14ac:dyDescent="0.2">
      <c r="B2512" s="43"/>
      <c r="C2512" s="73"/>
      <c r="D2512" s="64"/>
      <c r="E2512" s="55"/>
      <c r="F2512" s="74"/>
      <c r="G2512" s="74"/>
      <c r="H2512" s="74"/>
      <c r="I2512" s="75"/>
      <c r="J2512" s="74"/>
      <c r="L2512" s="55"/>
      <c r="M2512" s="234"/>
      <c r="N2512" s="65"/>
      <c r="O2512" s="76"/>
      <c r="P2512" s="76"/>
      <c r="Q2512" s="65"/>
      <c r="R2512" s="76"/>
      <c r="S2512" s="76"/>
      <c r="T2512" s="76"/>
      <c r="U2512" s="76"/>
      <c r="V2512" s="76"/>
      <c r="W2512" s="76"/>
      <c r="X2512" s="76"/>
      <c r="Y2512" s="76"/>
      <c r="Z2512" s="76"/>
      <c r="AA2512" s="85"/>
      <c r="AB2512" s="85"/>
      <c r="AC2512" s="85"/>
      <c r="AD2512" s="85"/>
      <c r="AE2512" s="85"/>
      <c r="AF2512" s="85"/>
      <c r="AG2512" s="86"/>
      <c r="AH2512" s="85"/>
      <c r="AI2512" s="85"/>
      <c r="AJ2512" s="85"/>
      <c r="AK2512" s="85"/>
      <c r="AL2512" s="85"/>
      <c r="AM2512" s="92"/>
      <c r="AN2512" s="92"/>
      <c r="AO2512" s="92"/>
      <c r="AP2512" s="92"/>
      <c r="AQ2512" s="92"/>
      <c r="AR2512" s="92"/>
      <c r="AS2512" s="92"/>
      <c r="AT2512" s="92"/>
      <c r="AU2512" s="92"/>
      <c r="AV2512" s="92"/>
      <c r="AW2512" s="92"/>
      <c r="AX2512" s="92"/>
      <c r="AY2512" s="92"/>
      <c r="AZ2512" s="93"/>
      <c r="BA2512" s="93"/>
      <c r="BB2512" s="93"/>
      <c r="BC2512" s="93"/>
      <c r="BD2512" s="93"/>
      <c r="BE2512" s="93"/>
      <c r="BF2512" s="93"/>
      <c r="BG2512" s="93"/>
      <c r="BH2512" s="93"/>
      <c r="BI2512" s="93"/>
      <c r="BJ2512" s="93"/>
      <c r="BK2512" s="93"/>
      <c r="BL2512" s="93"/>
    </row>
    <row r="2513" spans="2:64" x14ac:dyDescent="0.2">
      <c r="B2513" s="43"/>
      <c r="C2513" s="73"/>
      <c r="D2513" s="64"/>
      <c r="E2513" s="55"/>
      <c r="F2513" s="74"/>
      <c r="G2513" s="74"/>
      <c r="H2513" s="74"/>
      <c r="I2513" s="75"/>
      <c r="J2513" s="74"/>
      <c r="L2513" s="55"/>
      <c r="M2513" s="234"/>
      <c r="N2513" s="65"/>
      <c r="O2513" s="76"/>
      <c r="P2513" s="76"/>
      <c r="Q2513" s="65"/>
      <c r="R2513" s="76"/>
      <c r="S2513" s="76"/>
      <c r="T2513" s="76"/>
      <c r="U2513" s="76"/>
      <c r="V2513" s="76"/>
      <c r="W2513" s="76"/>
      <c r="X2513" s="76"/>
      <c r="Y2513" s="76"/>
      <c r="Z2513" s="76"/>
      <c r="AA2513" s="85"/>
      <c r="AB2513" s="85"/>
      <c r="AC2513" s="85"/>
      <c r="AD2513" s="85"/>
      <c r="AE2513" s="85"/>
      <c r="AF2513" s="85"/>
      <c r="AG2513" s="86"/>
      <c r="AH2513" s="85"/>
      <c r="AI2513" s="85"/>
      <c r="AJ2513" s="85"/>
      <c r="AK2513" s="85"/>
      <c r="AL2513" s="85"/>
      <c r="AM2513" s="92"/>
      <c r="AN2513" s="92"/>
      <c r="AO2513" s="92"/>
      <c r="AP2513" s="92"/>
      <c r="AQ2513" s="92"/>
      <c r="AR2513" s="92"/>
      <c r="AS2513" s="92"/>
      <c r="AT2513" s="92"/>
      <c r="AU2513" s="92"/>
      <c r="AV2513" s="92"/>
      <c r="AW2513" s="92"/>
      <c r="AX2513" s="92"/>
      <c r="AY2513" s="92"/>
      <c r="AZ2513" s="93"/>
      <c r="BA2513" s="93"/>
      <c r="BB2513" s="93"/>
      <c r="BC2513" s="93"/>
      <c r="BD2513" s="93"/>
      <c r="BE2513" s="93"/>
      <c r="BF2513" s="93"/>
      <c r="BG2513" s="93"/>
      <c r="BH2513" s="93"/>
      <c r="BI2513" s="93"/>
      <c r="BJ2513" s="93"/>
      <c r="BK2513" s="93"/>
      <c r="BL2513" s="93"/>
    </row>
    <row r="2514" spans="2:64" x14ac:dyDescent="0.2">
      <c r="B2514" s="43"/>
      <c r="C2514" s="73"/>
      <c r="D2514" s="64"/>
      <c r="E2514" s="55"/>
      <c r="F2514" s="74"/>
      <c r="G2514" s="74"/>
      <c r="H2514" s="74"/>
      <c r="I2514" s="75"/>
      <c r="J2514" s="74"/>
      <c r="L2514" s="55"/>
      <c r="M2514" s="234"/>
      <c r="N2514" s="65"/>
      <c r="O2514" s="76"/>
      <c r="P2514" s="76"/>
      <c r="Q2514" s="65"/>
      <c r="R2514" s="76"/>
      <c r="S2514" s="76"/>
      <c r="T2514" s="76"/>
      <c r="U2514" s="76"/>
      <c r="V2514" s="76"/>
      <c r="W2514" s="76"/>
      <c r="X2514" s="76"/>
      <c r="Y2514" s="76"/>
      <c r="Z2514" s="76"/>
      <c r="AA2514" s="85"/>
      <c r="AB2514" s="85"/>
      <c r="AC2514" s="85"/>
      <c r="AD2514" s="85"/>
      <c r="AE2514" s="85"/>
      <c r="AF2514" s="85"/>
      <c r="AG2514" s="86"/>
      <c r="AH2514" s="85"/>
      <c r="AI2514" s="85"/>
      <c r="AJ2514" s="85"/>
      <c r="AK2514" s="85"/>
      <c r="AL2514" s="85"/>
      <c r="AM2514" s="92"/>
      <c r="AN2514" s="92"/>
      <c r="AO2514" s="92"/>
      <c r="AP2514" s="92"/>
      <c r="AQ2514" s="92"/>
      <c r="AR2514" s="92"/>
      <c r="AS2514" s="92"/>
      <c r="AT2514" s="92"/>
      <c r="AU2514" s="92"/>
      <c r="AV2514" s="92"/>
      <c r="AW2514" s="92"/>
      <c r="AX2514" s="92"/>
      <c r="AY2514" s="92"/>
      <c r="AZ2514" s="93"/>
      <c r="BA2514" s="93"/>
      <c r="BB2514" s="93"/>
      <c r="BC2514" s="93"/>
      <c r="BD2514" s="93"/>
      <c r="BE2514" s="93"/>
      <c r="BF2514" s="93"/>
      <c r="BG2514" s="93"/>
      <c r="BH2514" s="93"/>
      <c r="BI2514" s="93"/>
      <c r="BJ2514" s="93"/>
      <c r="BK2514" s="93"/>
      <c r="BL2514" s="93"/>
    </row>
    <row r="2515" spans="2:64" x14ac:dyDescent="0.2">
      <c r="B2515" s="43"/>
      <c r="C2515" s="73"/>
      <c r="D2515" s="64"/>
      <c r="E2515" s="55"/>
      <c r="F2515" s="74"/>
      <c r="G2515" s="74"/>
      <c r="H2515" s="74"/>
      <c r="I2515" s="75"/>
      <c r="J2515" s="74"/>
      <c r="L2515" s="55"/>
      <c r="M2515" s="234"/>
      <c r="N2515" s="65"/>
      <c r="O2515" s="76"/>
      <c r="P2515" s="76"/>
      <c r="Q2515" s="65"/>
      <c r="R2515" s="76"/>
      <c r="S2515" s="76"/>
      <c r="T2515" s="76"/>
      <c r="U2515" s="76"/>
      <c r="V2515" s="76"/>
      <c r="W2515" s="76"/>
      <c r="X2515" s="76"/>
      <c r="Y2515" s="76"/>
      <c r="Z2515" s="76"/>
      <c r="AA2515" s="85"/>
      <c r="AB2515" s="85"/>
      <c r="AC2515" s="85"/>
      <c r="AD2515" s="85"/>
      <c r="AE2515" s="85"/>
      <c r="AF2515" s="85"/>
      <c r="AG2515" s="86"/>
      <c r="AH2515" s="85"/>
      <c r="AI2515" s="85"/>
      <c r="AJ2515" s="85"/>
      <c r="AK2515" s="85"/>
      <c r="AL2515" s="85"/>
      <c r="AM2515" s="92"/>
      <c r="AN2515" s="92"/>
      <c r="AO2515" s="92"/>
      <c r="AP2515" s="92"/>
      <c r="AQ2515" s="92"/>
      <c r="AR2515" s="92"/>
      <c r="AS2515" s="92"/>
      <c r="AT2515" s="92"/>
      <c r="AU2515" s="92"/>
      <c r="AV2515" s="92"/>
      <c r="AW2515" s="92"/>
      <c r="AX2515" s="92"/>
      <c r="AY2515" s="92"/>
      <c r="AZ2515" s="93"/>
      <c r="BA2515" s="93"/>
      <c r="BB2515" s="93"/>
      <c r="BC2515" s="93"/>
      <c r="BD2515" s="93"/>
      <c r="BE2515" s="93"/>
      <c r="BF2515" s="93"/>
      <c r="BG2515" s="93"/>
      <c r="BH2515" s="93"/>
      <c r="BI2515" s="93"/>
      <c r="BJ2515" s="93"/>
      <c r="BK2515" s="93"/>
      <c r="BL2515" s="93"/>
    </row>
    <row r="2516" spans="2:64" x14ac:dyDescent="0.2">
      <c r="B2516" s="43"/>
      <c r="C2516" s="73"/>
      <c r="D2516" s="64"/>
      <c r="E2516" s="55"/>
      <c r="F2516" s="74"/>
      <c r="G2516" s="74"/>
      <c r="H2516" s="74"/>
      <c r="I2516" s="75"/>
      <c r="J2516" s="74"/>
      <c r="L2516" s="55"/>
      <c r="M2516" s="234"/>
      <c r="N2516" s="65"/>
      <c r="O2516" s="76"/>
      <c r="P2516" s="76"/>
      <c r="Q2516" s="65"/>
      <c r="R2516" s="76"/>
      <c r="S2516" s="76"/>
      <c r="T2516" s="76"/>
      <c r="U2516" s="76"/>
      <c r="V2516" s="76"/>
      <c r="W2516" s="76"/>
      <c r="X2516" s="76"/>
      <c r="Y2516" s="76"/>
      <c r="Z2516" s="76"/>
      <c r="AA2516" s="85"/>
      <c r="AB2516" s="85"/>
      <c r="AC2516" s="85"/>
      <c r="AD2516" s="85"/>
      <c r="AE2516" s="85"/>
      <c r="AF2516" s="85"/>
      <c r="AG2516" s="86"/>
      <c r="AH2516" s="85"/>
      <c r="AI2516" s="85"/>
      <c r="AJ2516" s="85"/>
      <c r="AK2516" s="85"/>
      <c r="AL2516" s="85"/>
      <c r="AM2516" s="92"/>
      <c r="AN2516" s="92"/>
      <c r="AO2516" s="92"/>
      <c r="AP2516" s="92"/>
      <c r="AQ2516" s="92"/>
      <c r="AR2516" s="92"/>
      <c r="AS2516" s="92"/>
      <c r="AT2516" s="92"/>
      <c r="AU2516" s="92"/>
      <c r="AV2516" s="92"/>
      <c r="AW2516" s="92"/>
      <c r="AX2516" s="92"/>
      <c r="AY2516" s="92"/>
      <c r="AZ2516" s="93"/>
      <c r="BA2516" s="93"/>
      <c r="BB2516" s="93"/>
      <c r="BC2516" s="93"/>
      <c r="BD2516" s="93"/>
      <c r="BE2516" s="93"/>
      <c r="BF2516" s="93"/>
      <c r="BG2516" s="93"/>
      <c r="BH2516" s="93"/>
      <c r="BI2516" s="93"/>
      <c r="BJ2516" s="93"/>
      <c r="BK2516" s="93"/>
      <c r="BL2516" s="93"/>
    </row>
    <row r="2517" spans="2:64" x14ac:dyDescent="0.2">
      <c r="B2517" s="43"/>
      <c r="C2517" s="73"/>
      <c r="D2517" s="64"/>
      <c r="E2517" s="55"/>
      <c r="F2517" s="74"/>
      <c r="G2517" s="74"/>
      <c r="H2517" s="74"/>
      <c r="I2517" s="75"/>
      <c r="J2517" s="74"/>
      <c r="L2517" s="55"/>
      <c r="M2517" s="234"/>
      <c r="N2517" s="65"/>
      <c r="O2517" s="76"/>
      <c r="P2517" s="76"/>
      <c r="Q2517" s="65"/>
      <c r="R2517" s="76"/>
      <c r="S2517" s="76"/>
      <c r="T2517" s="76"/>
      <c r="U2517" s="76"/>
      <c r="V2517" s="76"/>
      <c r="W2517" s="76"/>
      <c r="X2517" s="76"/>
      <c r="Y2517" s="76"/>
      <c r="Z2517" s="76"/>
      <c r="AA2517" s="85"/>
      <c r="AB2517" s="85"/>
      <c r="AC2517" s="85"/>
      <c r="AD2517" s="85"/>
      <c r="AE2517" s="85"/>
      <c r="AF2517" s="85"/>
      <c r="AG2517" s="86"/>
      <c r="AH2517" s="85"/>
      <c r="AI2517" s="85"/>
      <c r="AJ2517" s="85"/>
      <c r="AK2517" s="85"/>
      <c r="AL2517" s="85"/>
      <c r="AM2517" s="92"/>
      <c r="AN2517" s="92"/>
      <c r="AO2517" s="92"/>
      <c r="AP2517" s="92"/>
      <c r="AQ2517" s="92"/>
      <c r="AR2517" s="92"/>
      <c r="AS2517" s="92"/>
      <c r="AT2517" s="92"/>
      <c r="AU2517" s="92"/>
      <c r="AV2517" s="92"/>
      <c r="AW2517" s="92"/>
      <c r="AX2517" s="92"/>
      <c r="AY2517" s="92"/>
      <c r="AZ2517" s="93"/>
      <c r="BA2517" s="93"/>
      <c r="BB2517" s="93"/>
      <c r="BC2517" s="93"/>
      <c r="BD2517" s="93"/>
      <c r="BE2517" s="93"/>
      <c r="BF2517" s="93"/>
      <c r="BG2517" s="93"/>
      <c r="BH2517" s="93"/>
      <c r="BI2517" s="93"/>
      <c r="BJ2517" s="93"/>
      <c r="BK2517" s="93"/>
      <c r="BL2517" s="93"/>
    </row>
    <row r="2518" spans="2:64" x14ac:dyDescent="0.2">
      <c r="B2518" s="43"/>
      <c r="C2518" s="73"/>
      <c r="D2518" s="64"/>
      <c r="E2518" s="55"/>
      <c r="F2518" s="74"/>
      <c r="G2518" s="74"/>
      <c r="H2518" s="74"/>
      <c r="I2518" s="75"/>
      <c r="J2518" s="74"/>
      <c r="L2518" s="55"/>
      <c r="M2518" s="234"/>
      <c r="N2518" s="65"/>
      <c r="O2518" s="76"/>
      <c r="P2518" s="76"/>
      <c r="Q2518" s="65"/>
      <c r="R2518" s="76"/>
      <c r="S2518" s="76"/>
      <c r="T2518" s="76"/>
      <c r="U2518" s="76"/>
      <c r="V2518" s="76"/>
      <c r="W2518" s="76"/>
      <c r="X2518" s="76"/>
      <c r="Y2518" s="76"/>
      <c r="Z2518" s="76"/>
      <c r="AA2518" s="85"/>
      <c r="AB2518" s="85"/>
      <c r="AC2518" s="85"/>
      <c r="AD2518" s="85"/>
      <c r="AE2518" s="85"/>
      <c r="AF2518" s="85"/>
      <c r="AG2518" s="86"/>
      <c r="AH2518" s="85"/>
      <c r="AI2518" s="85"/>
      <c r="AJ2518" s="85"/>
      <c r="AK2518" s="85"/>
      <c r="AL2518" s="85"/>
      <c r="AM2518" s="92"/>
      <c r="AN2518" s="92"/>
      <c r="AO2518" s="92"/>
      <c r="AP2518" s="92"/>
      <c r="AQ2518" s="92"/>
      <c r="AR2518" s="92"/>
      <c r="AS2518" s="92"/>
      <c r="AT2518" s="92"/>
      <c r="AU2518" s="92"/>
      <c r="AV2518" s="92"/>
      <c r="AW2518" s="92"/>
      <c r="AX2518" s="92"/>
      <c r="AY2518" s="92"/>
      <c r="AZ2518" s="93"/>
      <c r="BA2518" s="93"/>
      <c r="BB2518" s="93"/>
      <c r="BC2518" s="93"/>
      <c r="BD2518" s="93"/>
      <c r="BE2518" s="93"/>
      <c r="BF2518" s="93"/>
      <c r="BG2518" s="93"/>
      <c r="BH2518" s="93"/>
      <c r="BI2518" s="93"/>
      <c r="BJ2518" s="93"/>
      <c r="BK2518" s="93"/>
      <c r="BL2518" s="93"/>
    </row>
    <row r="2519" spans="2:64" x14ac:dyDescent="0.2">
      <c r="B2519" s="43"/>
      <c r="C2519" s="73"/>
      <c r="D2519" s="64"/>
      <c r="E2519" s="55"/>
      <c r="F2519" s="74"/>
      <c r="G2519" s="74"/>
      <c r="H2519" s="74"/>
      <c r="I2519" s="75"/>
      <c r="J2519" s="74"/>
      <c r="L2519" s="55"/>
      <c r="M2519" s="234"/>
      <c r="N2519" s="65"/>
      <c r="O2519" s="76"/>
      <c r="P2519" s="76"/>
      <c r="Q2519" s="65"/>
      <c r="R2519" s="76"/>
      <c r="S2519" s="76"/>
      <c r="T2519" s="76"/>
      <c r="U2519" s="76"/>
      <c r="V2519" s="76"/>
      <c r="W2519" s="76"/>
      <c r="X2519" s="76"/>
      <c r="Y2519" s="76"/>
      <c r="Z2519" s="76"/>
      <c r="AA2519" s="85"/>
      <c r="AB2519" s="85"/>
      <c r="AC2519" s="85"/>
      <c r="AD2519" s="85"/>
      <c r="AE2519" s="85"/>
      <c r="AF2519" s="85"/>
      <c r="AG2519" s="86"/>
      <c r="AH2519" s="85"/>
      <c r="AI2519" s="85"/>
      <c r="AJ2519" s="85"/>
      <c r="AK2519" s="85"/>
      <c r="AL2519" s="85"/>
      <c r="AM2519" s="92"/>
      <c r="AN2519" s="92"/>
      <c r="AO2519" s="92"/>
      <c r="AP2519" s="92"/>
      <c r="AQ2519" s="92"/>
      <c r="AR2519" s="92"/>
      <c r="AS2519" s="92"/>
      <c r="AT2519" s="92"/>
      <c r="AU2519" s="92"/>
      <c r="AV2519" s="92"/>
      <c r="AW2519" s="92"/>
      <c r="AX2519" s="92"/>
      <c r="AY2519" s="92"/>
      <c r="AZ2519" s="93"/>
      <c r="BA2519" s="93"/>
      <c r="BB2519" s="93"/>
      <c r="BC2519" s="93"/>
      <c r="BD2519" s="93"/>
      <c r="BE2519" s="93"/>
      <c r="BF2519" s="93"/>
      <c r="BG2519" s="93"/>
      <c r="BH2519" s="93"/>
      <c r="BI2519" s="93"/>
      <c r="BJ2519" s="93"/>
      <c r="BK2519" s="93"/>
      <c r="BL2519" s="93"/>
    </row>
    <row r="2520" spans="2:64" x14ac:dyDescent="0.2">
      <c r="B2520" s="43"/>
      <c r="C2520" s="73"/>
      <c r="D2520" s="64"/>
      <c r="E2520" s="55"/>
      <c r="F2520" s="74"/>
      <c r="G2520" s="74"/>
      <c r="H2520" s="74"/>
      <c r="I2520" s="75"/>
      <c r="J2520" s="74"/>
      <c r="L2520" s="55"/>
      <c r="M2520" s="234"/>
      <c r="N2520" s="65"/>
      <c r="O2520" s="76"/>
      <c r="P2520" s="76"/>
      <c r="Q2520" s="65"/>
      <c r="R2520" s="76"/>
      <c r="S2520" s="76"/>
      <c r="T2520" s="76"/>
      <c r="U2520" s="76"/>
      <c r="V2520" s="76"/>
      <c r="W2520" s="76"/>
      <c r="X2520" s="76"/>
      <c r="Y2520" s="76"/>
      <c r="Z2520" s="76"/>
      <c r="AA2520" s="85"/>
      <c r="AB2520" s="85"/>
      <c r="AC2520" s="85"/>
      <c r="AD2520" s="85"/>
      <c r="AE2520" s="85"/>
      <c r="AF2520" s="85"/>
      <c r="AG2520" s="86"/>
      <c r="AH2520" s="85"/>
      <c r="AI2520" s="85"/>
      <c r="AJ2520" s="85"/>
      <c r="AK2520" s="85"/>
      <c r="AL2520" s="85"/>
      <c r="AM2520" s="92"/>
      <c r="AN2520" s="92"/>
      <c r="AO2520" s="92"/>
      <c r="AP2520" s="92"/>
      <c r="AQ2520" s="92"/>
      <c r="AR2520" s="92"/>
      <c r="AS2520" s="92"/>
      <c r="AT2520" s="92"/>
      <c r="AU2520" s="92"/>
      <c r="AV2520" s="92"/>
      <c r="AW2520" s="92"/>
      <c r="AX2520" s="92"/>
      <c r="AY2520" s="92"/>
      <c r="AZ2520" s="93"/>
      <c r="BA2520" s="93"/>
      <c r="BB2520" s="93"/>
      <c r="BC2520" s="93"/>
      <c r="BD2520" s="93"/>
      <c r="BE2520" s="93"/>
      <c r="BF2520" s="93"/>
      <c r="BG2520" s="93"/>
      <c r="BH2520" s="93"/>
      <c r="BI2520" s="93"/>
      <c r="BJ2520" s="93"/>
      <c r="BK2520" s="93"/>
      <c r="BL2520" s="93"/>
    </row>
    <row r="2521" spans="2:64" x14ac:dyDescent="0.2">
      <c r="B2521" s="43"/>
      <c r="C2521" s="73"/>
      <c r="D2521" s="64"/>
      <c r="E2521" s="55"/>
      <c r="F2521" s="74"/>
      <c r="G2521" s="74"/>
      <c r="H2521" s="74"/>
      <c r="I2521" s="75"/>
      <c r="J2521" s="74"/>
      <c r="L2521" s="55"/>
      <c r="M2521" s="234"/>
      <c r="N2521" s="65"/>
      <c r="O2521" s="76"/>
      <c r="P2521" s="76"/>
      <c r="Q2521" s="65"/>
      <c r="R2521" s="76"/>
      <c r="S2521" s="76"/>
      <c r="T2521" s="76"/>
      <c r="U2521" s="76"/>
      <c r="V2521" s="76"/>
      <c r="W2521" s="76"/>
      <c r="X2521" s="76"/>
      <c r="Y2521" s="76"/>
      <c r="Z2521" s="76"/>
      <c r="AA2521" s="85"/>
      <c r="AB2521" s="85"/>
      <c r="AC2521" s="85"/>
      <c r="AD2521" s="85"/>
      <c r="AE2521" s="85"/>
      <c r="AF2521" s="85"/>
      <c r="AG2521" s="86"/>
      <c r="AH2521" s="85"/>
      <c r="AI2521" s="85"/>
      <c r="AJ2521" s="85"/>
      <c r="AK2521" s="85"/>
      <c r="AL2521" s="85"/>
      <c r="AM2521" s="92"/>
      <c r="AN2521" s="92"/>
      <c r="AO2521" s="92"/>
      <c r="AP2521" s="92"/>
      <c r="AQ2521" s="92"/>
      <c r="AR2521" s="92"/>
      <c r="AS2521" s="92"/>
      <c r="AT2521" s="92"/>
      <c r="AU2521" s="92"/>
      <c r="AV2521" s="92"/>
      <c r="AW2521" s="92"/>
      <c r="AX2521" s="92"/>
      <c r="AY2521" s="92"/>
      <c r="AZ2521" s="93"/>
      <c r="BA2521" s="93"/>
      <c r="BB2521" s="93"/>
      <c r="BC2521" s="93"/>
      <c r="BD2521" s="93"/>
      <c r="BE2521" s="93"/>
      <c r="BF2521" s="93"/>
      <c r="BG2521" s="93"/>
      <c r="BH2521" s="93"/>
      <c r="BI2521" s="93"/>
      <c r="BJ2521" s="93"/>
      <c r="BK2521" s="93"/>
      <c r="BL2521" s="93"/>
    </row>
    <row r="2522" spans="2:64" x14ac:dyDescent="0.2">
      <c r="B2522" s="43"/>
      <c r="C2522" s="73"/>
      <c r="D2522" s="64"/>
      <c r="E2522" s="55"/>
      <c r="F2522" s="74"/>
      <c r="G2522" s="74"/>
      <c r="H2522" s="74"/>
      <c r="I2522" s="75"/>
      <c r="J2522" s="74"/>
      <c r="L2522" s="55"/>
      <c r="M2522" s="234"/>
      <c r="N2522" s="65"/>
      <c r="O2522" s="76"/>
      <c r="P2522" s="76"/>
      <c r="Q2522" s="65"/>
      <c r="R2522" s="76"/>
      <c r="S2522" s="76"/>
      <c r="T2522" s="76"/>
      <c r="U2522" s="76"/>
      <c r="V2522" s="76"/>
      <c r="W2522" s="76"/>
      <c r="X2522" s="76"/>
      <c r="Y2522" s="76"/>
      <c r="Z2522" s="76"/>
      <c r="AA2522" s="85"/>
      <c r="AB2522" s="85"/>
      <c r="AC2522" s="85"/>
      <c r="AD2522" s="85"/>
      <c r="AE2522" s="85"/>
      <c r="AF2522" s="85"/>
      <c r="AG2522" s="86"/>
      <c r="AH2522" s="85"/>
      <c r="AI2522" s="85"/>
      <c r="AJ2522" s="85"/>
      <c r="AK2522" s="85"/>
      <c r="AL2522" s="85"/>
      <c r="AM2522" s="92"/>
      <c r="AN2522" s="92"/>
      <c r="AO2522" s="92"/>
      <c r="AP2522" s="92"/>
      <c r="AQ2522" s="92"/>
      <c r="AR2522" s="92"/>
      <c r="AS2522" s="92"/>
      <c r="AT2522" s="92"/>
      <c r="AU2522" s="92"/>
      <c r="AV2522" s="92"/>
      <c r="AW2522" s="92"/>
      <c r="AX2522" s="92"/>
      <c r="AY2522" s="92"/>
      <c r="AZ2522" s="93"/>
      <c r="BA2522" s="93"/>
      <c r="BB2522" s="93"/>
      <c r="BC2522" s="93"/>
      <c r="BD2522" s="93"/>
      <c r="BE2522" s="93"/>
      <c r="BF2522" s="93"/>
      <c r="BG2522" s="93"/>
      <c r="BH2522" s="93"/>
      <c r="BI2522" s="93"/>
      <c r="BJ2522" s="93"/>
      <c r="BK2522" s="93"/>
      <c r="BL2522" s="93"/>
    </row>
    <row r="2523" spans="2:64" x14ac:dyDescent="0.2">
      <c r="B2523" s="43"/>
      <c r="C2523" s="73"/>
      <c r="D2523" s="64"/>
      <c r="E2523" s="55"/>
      <c r="F2523" s="74"/>
      <c r="G2523" s="74"/>
      <c r="H2523" s="74"/>
      <c r="I2523" s="75"/>
      <c r="J2523" s="74"/>
      <c r="L2523" s="55"/>
      <c r="M2523" s="234"/>
      <c r="N2523" s="65"/>
      <c r="O2523" s="76"/>
      <c r="P2523" s="76"/>
      <c r="Q2523" s="65"/>
      <c r="R2523" s="76"/>
      <c r="S2523" s="76"/>
      <c r="T2523" s="76"/>
      <c r="U2523" s="76"/>
      <c r="V2523" s="76"/>
      <c r="W2523" s="76"/>
      <c r="X2523" s="76"/>
      <c r="Y2523" s="76"/>
      <c r="Z2523" s="76"/>
      <c r="AA2523" s="85"/>
      <c r="AB2523" s="85"/>
      <c r="AC2523" s="85"/>
      <c r="AD2523" s="85"/>
      <c r="AE2523" s="85"/>
      <c r="AF2523" s="85"/>
      <c r="AG2523" s="86"/>
      <c r="AH2523" s="85"/>
      <c r="AI2523" s="85"/>
      <c r="AJ2523" s="85"/>
      <c r="AK2523" s="85"/>
      <c r="AL2523" s="85"/>
      <c r="AM2523" s="92"/>
      <c r="AN2523" s="92"/>
      <c r="AO2523" s="92"/>
      <c r="AP2523" s="92"/>
      <c r="AQ2523" s="92"/>
      <c r="AR2523" s="92"/>
      <c r="AS2523" s="92"/>
      <c r="AT2523" s="92"/>
      <c r="AU2523" s="92"/>
      <c r="AV2523" s="92"/>
      <c r="AW2523" s="92"/>
      <c r="AX2523" s="92"/>
      <c r="AY2523" s="92"/>
      <c r="AZ2523" s="93"/>
      <c r="BA2523" s="93"/>
      <c r="BB2523" s="93"/>
      <c r="BC2523" s="93"/>
      <c r="BD2523" s="93"/>
      <c r="BE2523" s="93"/>
      <c r="BF2523" s="93"/>
      <c r="BG2523" s="93"/>
      <c r="BH2523" s="93"/>
      <c r="BI2523" s="93"/>
      <c r="BJ2523" s="93"/>
      <c r="BK2523" s="93"/>
      <c r="BL2523" s="93"/>
    </row>
    <row r="2524" spans="2:64" x14ac:dyDescent="0.2">
      <c r="B2524" s="43"/>
      <c r="C2524" s="73"/>
      <c r="D2524" s="64"/>
      <c r="E2524" s="55"/>
      <c r="F2524" s="74"/>
      <c r="G2524" s="74"/>
      <c r="H2524" s="74"/>
      <c r="I2524" s="75"/>
      <c r="J2524" s="74"/>
      <c r="L2524" s="55"/>
      <c r="M2524" s="234"/>
      <c r="N2524" s="65"/>
      <c r="O2524" s="76"/>
      <c r="P2524" s="76"/>
      <c r="Q2524" s="65"/>
      <c r="R2524" s="76"/>
      <c r="S2524" s="76"/>
      <c r="T2524" s="76"/>
      <c r="U2524" s="76"/>
      <c r="V2524" s="76"/>
      <c r="W2524" s="76"/>
      <c r="X2524" s="76"/>
      <c r="Y2524" s="76"/>
      <c r="Z2524" s="76"/>
      <c r="AA2524" s="85"/>
      <c r="AB2524" s="85"/>
      <c r="AC2524" s="85"/>
      <c r="AD2524" s="85"/>
      <c r="AE2524" s="85"/>
      <c r="AF2524" s="85"/>
      <c r="AG2524" s="86"/>
      <c r="AH2524" s="85"/>
      <c r="AI2524" s="85"/>
      <c r="AJ2524" s="85"/>
      <c r="AK2524" s="85"/>
      <c r="AL2524" s="85"/>
      <c r="AM2524" s="92"/>
      <c r="AN2524" s="92"/>
      <c r="AO2524" s="92"/>
      <c r="AP2524" s="92"/>
      <c r="AQ2524" s="92"/>
      <c r="AR2524" s="92"/>
      <c r="AS2524" s="92"/>
      <c r="AT2524" s="92"/>
      <c r="AU2524" s="92"/>
      <c r="AV2524" s="92"/>
      <c r="AW2524" s="92"/>
      <c r="AX2524" s="92"/>
      <c r="AY2524" s="92"/>
      <c r="AZ2524" s="93"/>
      <c r="BA2524" s="93"/>
      <c r="BB2524" s="93"/>
      <c r="BC2524" s="93"/>
      <c r="BD2524" s="93"/>
      <c r="BE2524" s="93"/>
      <c r="BF2524" s="93"/>
      <c r="BG2524" s="93"/>
      <c r="BH2524" s="93"/>
      <c r="BI2524" s="93"/>
      <c r="BJ2524" s="93"/>
      <c r="BK2524" s="93"/>
      <c r="BL2524" s="93"/>
    </row>
    <row r="2525" spans="2:64" x14ac:dyDescent="0.2">
      <c r="B2525" s="43"/>
      <c r="C2525" s="73"/>
      <c r="D2525" s="64"/>
      <c r="E2525" s="55"/>
      <c r="F2525" s="74"/>
      <c r="G2525" s="74"/>
      <c r="H2525" s="74"/>
      <c r="I2525" s="75"/>
      <c r="J2525" s="74"/>
      <c r="L2525" s="55"/>
      <c r="M2525" s="234"/>
      <c r="N2525" s="65"/>
      <c r="O2525" s="76"/>
      <c r="P2525" s="76"/>
      <c r="Q2525" s="65"/>
      <c r="R2525" s="76"/>
      <c r="S2525" s="76"/>
      <c r="T2525" s="76"/>
      <c r="U2525" s="76"/>
      <c r="V2525" s="76"/>
      <c r="W2525" s="76"/>
      <c r="X2525" s="76"/>
      <c r="Y2525" s="76"/>
      <c r="Z2525" s="76"/>
      <c r="AA2525" s="85"/>
      <c r="AB2525" s="85"/>
      <c r="AC2525" s="85"/>
      <c r="AD2525" s="85"/>
      <c r="AE2525" s="85"/>
      <c r="AF2525" s="85"/>
      <c r="AG2525" s="86"/>
      <c r="AH2525" s="85"/>
      <c r="AI2525" s="85"/>
      <c r="AJ2525" s="85"/>
      <c r="AK2525" s="85"/>
      <c r="AL2525" s="85"/>
      <c r="AM2525" s="92"/>
      <c r="AN2525" s="92"/>
      <c r="AO2525" s="92"/>
      <c r="AP2525" s="92"/>
      <c r="AQ2525" s="92"/>
      <c r="AR2525" s="92"/>
      <c r="AS2525" s="92"/>
      <c r="AT2525" s="92"/>
      <c r="AU2525" s="92"/>
      <c r="AV2525" s="92"/>
      <c r="AW2525" s="92"/>
      <c r="AX2525" s="92"/>
      <c r="AY2525" s="92"/>
      <c r="AZ2525" s="93"/>
      <c r="BA2525" s="93"/>
      <c r="BB2525" s="93"/>
      <c r="BC2525" s="93"/>
      <c r="BD2525" s="93"/>
      <c r="BE2525" s="93"/>
      <c r="BF2525" s="93"/>
      <c r="BG2525" s="93"/>
      <c r="BH2525" s="93"/>
      <c r="BI2525" s="93"/>
      <c r="BJ2525" s="93"/>
      <c r="BK2525" s="93"/>
      <c r="BL2525" s="93"/>
    </row>
    <row r="2526" spans="2:64" x14ac:dyDescent="0.2">
      <c r="B2526" s="43"/>
      <c r="C2526" s="73"/>
      <c r="D2526" s="64"/>
      <c r="E2526" s="55"/>
      <c r="F2526" s="74"/>
      <c r="G2526" s="74"/>
      <c r="H2526" s="74"/>
      <c r="I2526" s="75"/>
      <c r="J2526" s="74"/>
      <c r="L2526" s="55"/>
      <c r="M2526" s="234"/>
      <c r="N2526" s="65"/>
      <c r="O2526" s="76"/>
      <c r="P2526" s="76"/>
      <c r="Q2526" s="65"/>
      <c r="R2526" s="76"/>
      <c r="S2526" s="76"/>
      <c r="T2526" s="76"/>
      <c r="U2526" s="76"/>
      <c r="V2526" s="76"/>
      <c r="W2526" s="76"/>
      <c r="X2526" s="76"/>
      <c r="Y2526" s="76"/>
      <c r="Z2526" s="76"/>
      <c r="AA2526" s="85"/>
      <c r="AB2526" s="85"/>
      <c r="AC2526" s="85"/>
      <c r="AD2526" s="85"/>
      <c r="AE2526" s="85"/>
      <c r="AF2526" s="85"/>
      <c r="AG2526" s="86"/>
      <c r="AH2526" s="85"/>
      <c r="AI2526" s="85"/>
      <c r="AJ2526" s="85"/>
      <c r="AK2526" s="85"/>
      <c r="AL2526" s="85"/>
      <c r="AM2526" s="92"/>
      <c r="AN2526" s="92"/>
      <c r="AO2526" s="92"/>
      <c r="AP2526" s="92"/>
      <c r="AQ2526" s="92"/>
      <c r="AR2526" s="92"/>
      <c r="AS2526" s="92"/>
      <c r="AT2526" s="92"/>
      <c r="AU2526" s="92"/>
      <c r="AV2526" s="92"/>
      <c r="AW2526" s="92"/>
      <c r="AX2526" s="92"/>
      <c r="AY2526" s="92"/>
      <c r="AZ2526" s="93"/>
      <c r="BA2526" s="93"/>
      <c r="BB2526" s="93"/>
      <c r="BC2526" s="93"/>
      <c r="BD2526" s="93"/>
      <c r="BE2526" s="93"/>
      <c r="BF2526" s="93"/>
      <c r="BG2526" s="93"/>
      <c r="BH2526" s="93"/>
      <c r="BI2526" s="93"/>
      <c r="BJ2526" s="93"/>
      <c r="BK2526" s="93"/>
      <c r="BL2526" s="93"/>
    </row>
    <row r="2527" spans="2:64" x14ac:dyDescent="0.2">
      <c r="B2527" s="43"/>
      <c r="C2527" s="73"/>
      <c r="D2527" s="64"/>
      <c r="E2527" s="55"/>
      <c r="F2527" s="74"/>
      <c r="G2527" s="74"/>
      <c r="H2527" s="74"/>
      <c r="I2527" s="75"/>
      <c r="J2527" s="74"/>
      <c r="L2527" s="55"/>
      <c r="M2527" s="234"/>
      <c r="N2527" s="65"/>
      <c r="O2527" s="76"/>
      <c r="P2527" s="76"/>
      <c r="Q2527" s="65"/>
      <c r="R2527" s="76"/>
      <c r="S2527" s="76"/>
      <c r="T2527" s="76"/>
      <c r="U2527" s="76"/>
      <c r="V2527" s="76"/>
      <c r="W2527" s="76"/>
      <c r="X2527" s="76"/>
      <c r="Y2527" s="76"/>
      <c r="Z2527" s="76"/>
      <c r="AA2527" s="85"/>
      <c r="AB2527" s="85"/>
      <c r="AC2527" s="85"/>
      <c r="AD2527" s="85"/>
      <c r="AE2527" s="85"/>
      <c r="AF2527" s="85"/>
      <c r="AG2527" s="86"/>
      <c r="AH2527" s="85"/>
      <c r="AI2527" s="85"/>
      <c r="AJ2527" s="85"/>
      <c r="AK2527" s="85"/>
      <c r="AL2527" s="85"/>
      <c r="AM2527" s="92"/>
      <c r="AN2527" s="92"/>
      <c r="AO2527" s="92"/>
      <c r="AP2527" s="92"/>
      <c r="AQ2527" s="92"/>
      <c r="AR2527" s="92"/>
      <c r="AS2527" s="92"/>
      <c r="AT2527" s="92"/>
      <c r="AU2527" s="92"/>
      <c r="AV2527" s="92"/>
      <c r="AW2527" s="92"/>
      <c r="AX2527" s="92"/>
      <c r="AY2527" s="92"/>
      <c r="AZ2527" s="93"/>
      <c r="BA2527" s="93"/>
      <c r="BB2527" s="93"/>
      <c r="BC2527" s="93"/>
      <c r="BD2527" s="93"/>
      <c r="BE2527" s="93"/>
      <c r="BF2527" s="93"/>
      <c r="BG2527" s="93"/>
      <c r="BH2527" s="93"/>
      <c r="BI2527" s="93"/>
      <c r="BJ2527" s="93"/>
      <c r="BK2527" s="93"/>
      <c r="BL2527" s="93"/>
    </row>
    <row r="2528" spans="2:64" x14ac:dyDescent="0.2">
      <c r="B2528" s="43"/>
      <c r="C2528" s="73"/>
      <c r="D2528" s="64"/>
      <c r="E2528" s="55"/>
      <c r="F2528" s="74"/>
      <c r="G2528" s="74"/>
      <c r="H2528" s="74"/>
      <c r="I2528" s="75"/>
      <c r="J2528" s="74"/>
      <c r="L2528" s="55"/>
      <c r="M2528" s="234"/>
      <c r="N2528" s="65"/>
      <c r="O2528" s="76"/>
      <c r="P2528" s="76"/>
      <c r="Q2528" s="65"/>
      <c r="R2528" s="76"/>
      <c r="S2528" s="76"/>
      <c r="T2528" s="76"/>
      <c r="U2528" s="76"/>
      <c r="V2528" s="76"/>
      <c r="W2528" s="76"/>
      <c r="X2528" s="76"/>
      <c r="Y2528" s="76"/>
      <c r="Z2528" s="76"/>
      <c r="AA2528" s="85"/>
      <c r="AB2528" s="85"/>
      <c r="AC2528" s="85"/>
      <c r="AD2528" s="85"/>
      <c r="AE2528" s="85"/>
      <c r="AF2528" s="85"/>
      <c r="AG2528" s="86"/>
      <c r="AH2528" s="85"/>
      <c r="AI2528" s="85"/>
      <c r="AJ2528" s="85"/>
      <c r="AK2528" s="85"/>
      <c r="AL2528" s="85"/>
      <c r="AM2528" s="92"/>
      <c r="AN2528" s="92"/>
      <c r="AO2528" s="92"/>
      <c r="AP2528" s="92"/>
      <c r="AQ2528" s="92"/>
      <c r="AR2528" s="92"/>
      <c r="AS2528" s="92"/>
      <c r="AT2528" s="92"/>
      <c r="AU2528" s="92"/>
      <c r="AV2528" s="92"/>
      <c r="AW2528" s="92"/>
      <c r="AX2528" s="92"/>
      <c r="AY2528" s="92"/>
      <c r="AZ2528" s="93"/>
      <c r="BA2528" s="93"/>
      <c r="BB2528" s="93"/>
      <c r="BC2528" s="93"/>
      <c r="BD2528" s="93"/>
      <c r="BE2528" s="93"/>
      <c r="BF2528" s="93"/>
      <c r="BG2528" s="93"/>
      <c r="BH2528" s="93"/>
      <c r="BI2528" s="93"/>
      <c r="BJ2528" s="93"/>
      <c r="BK2528" s="93"/>
      <c r="BL2528" s="93"/>
    </row>
    <row r="2529" spans="2:64" x14ac:dyDescent="0.2">
      <c r="B2529" s="43"/>
      <c r="C2529" s="73"/>
      <c r="D2529" s="64"/>
      <c r="E2529" s="55"/>
      <c r="F2529" s="74"/>
      <c r="G2529" s="74"/>
      <c r="H2529" s="74"/>
      <c r="I2529" s="75"/>
      <c r="J2529" s="74"/>
      <c r="L2529" s="55"/>
      <c r="M2529" s="234"/>
      <c r="N2529" s="65"/>
      <c r="O2529" s="76"/>
      <c r="P2529" s="76"/>
      <c r="Q2529" s="65"/>
      <c r="R2529" s="76"/>
      <c r="S2529" s="76"/>
      <c r="T2529" s="76"/>
      <c r="U2529" s="76"/>
      <c r="V2529" s="76"/>
      <c r="W2529" s="76"/>
      <c r="X2529" s="76"/>
      <c r="Y2529" s="76"/>
      <c r="Z2529" s="76"/>
      <c r="AA2529" s="85"/>
      <c r="AB2529" s="85"/>
      <c r="AC2529" s="85"/>
      <c r="AD2529" s="85"/>
      <c r="AE2529" s="85"/>
      <c r="AF2529" s="85"/>
      <c r="AG2529" s="86"/>
      <c r="AH2529" s="85"/>
      <c r="AI2529" s="85"/>
      <c r="AJ2529" s="85"/>
      <c r="AK2529" s="85"/>
      <c r="AL2529" s="85"/>
      <c r="AM2529" s="92"/>
      <c r="AN2529" s="92"/>
      <c r="AO2529" s="92"/>
      <c r="AP2529" s="92"/>
      <c r="AQ2529" s="92"/>
      <c r="AR2529" s="92"/>
      <c r="AS2529" s="92"/>
      <c r="AT2529" s="92"/>
      <c r="AU2529" s="92"/>
      <c r="AV2529" s="92"/>
      <c r="AW2529" s="92"/>
      <c r="AX2529" s="92"/>
      <c r="AY2529" s="92"/>
      <c r="AZ2529" s="93"/>
      <c r="BA2529" s="93"/>
      <c r="BB2529" s="93"/>
      <c r="BC2529" s="93"/>
      <c r="BD2529" s="93"/>
      <c r="BE2529" s="93"/>
      <c r="BF2529" s="93"/>
      <c r="BG2529" s="93"/>
      <c r="BH2529" s="93"/>
      <c r="BI2529" s="93"/>
      <c r="BJ2529" s="93"/>
      <c r="BK2529" s="93"/>
      <c r="BL2529" s="93"/>
    </row>
    <row r="2530" spans="2:64" x14ac:dyDescent="0.2">
      <c r="B2530" s="43"/>
      <c r="C2530" s="73"/>
      <c r="D2530" s="64"/>
      <c r="E2530" s="55"/>
      <c r="F2530" s="74"/>
      <c r="G2530" s="74"/>
      <c r="H2530" s="74"/>
      <c r="I2530" s="75"/>
      <c r="J2530" s="74"/>
      <c r="L2530" s="55"/>
      <c r="M2530" s="234"/>
      <c r="N2530" s="65"/>
      <c r="O2530" s="76"/>
      <c r="P2530" s="76"/>
      <c r="Q2530" s="65"/>
      <c r="R2530" s="76"/>
      <c r="S2530" s="76"/>
      <c r="T2530" s="76"/>
      <c r="U2530" s="76"/>
      <c r="V2530" s="76"/>
      <c r="W2530" s="76"/>
      <c r="X2530" s="76"/>
      <c r="Y2530" s="76"/>
      <c r="Z2530" s="76"/>
      <c r="AA2530" s="85"/>
      <c r="AB2530" s="85"/>
      <c r="AC2530" s="85"/>
      <c r="AD2530" s="85"/>
      <c r="AE2530" s="85"/>
      <c r="AF2530" s="85"/>
      <c r="AG2530" s="86"/>
      <c r="AH2530" s="85"/>
      <c r="AI2530" s="85"/>
      <c r="AJ2530" s="85"/>
      <c r="AK2530" s="85"/>
      <c r="AL2530" s="85"/>
      <c r="AM2530" s="92"/>
      <c r="AN2530" s="92"/>
      <c r="AO2530" s="92"/>
      <c r="AP2530" s="92"/>
      <c r="AQ2530" s="92"/>
      <c r="AR2530" s="92"/>
      <c r="AS2530" s="92"/>
      <c r="AT2530" s="92"/>
      <c r="AU2530" s="92"/>
      <c r="AV2530" s="92"/>
      <c r="AW2530" s="92"/>
      <c r="AX2530" s="92"/>
      <c r="AY2530" s="92"/>
      <c r="AZ2530" s="93"/>
      <c r="BA2530" s="93"/>
      <c r="BB2530" s="93"/>
      <c r="BC2530" s="93"/>
      <c r="BD2530" s="93"/>
      <c r="BE2530" s="93"/>
      <c r="BF2530" s="93"/>
      <c r="BG2530" s="93"/>
      <c r="BH2530" s="93"/>
      <c r="BI2530" s="93"/>
      <c r="BJ2530" s="93"/>
      <c r="BK2530" s="93"/>
      <c r="BL2530" s="93"/>
    </row>
    <row r="2531" spans="2:64" x14ac:dyDescent="0.2">
      <c r="B2531" s="43"/>
      <c r="C2531" s="73"/>
      <c r="D2531" s="64"/>
      <c r="E2531" s="55"/>
      <c r="F2531" s="74"/>
      <c r="G2531" s="74"/>
      <c r="H2531" s="74"/>
      <c r="I2531" s="75"/>
      <c r="J2531" s="74"/>
      <c r="L2531" s="55"/>
      <c r="M2531" s="234"/>
      <c r="N2531" s="65"/>
      <c r="O2531" s="76"/>
      <c r="P2531" s="76"/>
      <c r="Q2531" s="65"/>
      <c r="R2531" s="76"/>
      <c r="S2531" s="76"/>
      <c r="T2531" s="76"/>
      <c r="U2531" s="76"/>
      <c r="V2531" s="76"/>
      <c r="W2531" s="76"/>
      <c r="X2531" s="76"/>
      <c r="Y2531" s="76"/>
      <c r="Z2531" s="76"/>
      <c r="AA2531" s="85"/>
      <c r="AB2531" s="85"/>
      <c r="AC2531" s="85"/>
      <c r="AD2531" s="85"/>
      <c r="AE2531" s="85"/>
      <c r="AF2531" s="85"/>
      <c r="AG2531" s="86"/>
      <c r="AH2531" s="85"/>
      <c r="AI2531" s="85"/>
      <c r="AJ2531" s="85"/>
      <c r="AK2531" s="85"/>
      <c r="AL2531" s="85"/>
      <c r="AM2531" s="92"/>
      <c r="AN2531" s="92"/>
      <c r="AO2531" s="92"/>
      <c r="AP2531" s="92"/>
      <c r="AQ2531" s="92"/>
      <c r="AR2531" s="92"/>
      <c r="AS2531" s="92"/>
      <c r="AT2531" s="92"/>
      <c r="AU2531" s="92"/>
      <c r="AV2531" s="92"/>
      <c r="AW2531" s="92"/>
      <c r="AX2531" s="92"/>
      <c r="AY2531" s="92"/>
      <c r="AZ2531" s="93"/>
      <c r="BA2531" s="93"/>
      <c r="BB2531" s="93"/>
      <c r="BC2531" s="93"/>
      <c r="BD2531" s="93"/>
      <c r="BE2531" s="93"/>
      <c r="BF2531" s="93"/>
      <c r="BG2531" s="93"/>
      <c r="BH2531" s="93"/>
      <c r="BI2531" s="93"/>
      <c r="BJ2531" s="93"/>
      <c r="BK2531" s="93"/>
      <c r="BL2531" s="93"/>
    </row>
    <row r="2532" spans="2:64" x14ac:dyDescent="0.2">
      <c r="B2532" s="43"/>
      <c r="C2532" s="73"/>
      <c r="D2532" s="64"/>
      <c r="E2532" s="55"/>
      <c r="F2532" s="74"/>
      <c r="G2532" s="74"/>
      <c r="H2532" s="74"/>
      <c r="I2532" s="75"/>
      <c r="J2532" s="74"/>
      <c r="L2532" s="55"/>
      <c r="M2532" s="234"/>
      <c r="N2532" s="65"/>
      <c r="O2532" s="76"/>
      <c r="P2532" s="76"/>
      <c r="Q2532" s="65"/>
      <c r="R2532" s="76"/>
      <c r="S2532" s="76"/>
      <c r="T2532" s="76"/>
      <c r="U2532" s="76"/>
      <c r="V2532" s="76"/>
      <c r="W2532" s="76"/>
      <c r="X2532" s="76"/>
      <c r="Y2532" s="76"/>
      <c r="Z2532" s="76"/>
      <c r="AA2532" s="85"/>
      <c r="AB2532" s="85"/>
      <c r="AC2532" s="85"/>
      <c r="AD2532" s="85"/>
      <c r="AE2532" s="85"/>
      <c r="AF2532" s="85"/>
      <c r="AG2532" s="86"/>
      <c r="AH2532" s="85"/>
      <c r="AI2532" s="85"/>
      <c r="AJ2532" s="85"/>
      <c r="AK2532" s="85"/>
      <c r="AL2532" s="85"/>
      <c r="AM2532" s="92"/>
      <c r="AN2532" s="92"/>
      <c r="AO2532" s="92"/>
      <c r="AP2532" s="92"/>
      <c r="AQ2532" s="92"/>
      <c r="AR2532" s="92"/>
      <c r="AS2532" s="92"/>
      <c r="AT2532" s="92"/>
      <c r="AU2532" s="92"/>
      <c r="AV2532" s="92"/>
      <c r="AW2532" s="92"/>
      <c r="AX2532" s="92"/>
      <c r="AY2532" s="92"/>
      <c r="AZ2532" s="93"/>
      <c r="BA2532" s="93"/>
      <c r="BB2532" s="93"/>
      <c r="BC2532" s="93"/>
      <c r="BD2532" s="93"/>
      <c r="BE2532" s="93"/>
      <c r="BF2532" s="93"/>
      <c r="BG2532" s="93"/>
      <c r="BH2532" s="93"/>
      <c r="BI2532" s="93"/>
      <c r="BJ2532" s="93"/>
      <c r="BK2532" s="93"/>
      <c r="BL2532" s="93"/>
    </row>
    <row r="2533" spans="2:64" x14ac:dyDescent="0.2">
      <c r="B2533" s="43"/>
      <c r="C2533" s="73"/>
      <c r="D2533" s="64"/>
      <c r="E2533" s="55"/>
      <c r="F2533" s="74"/>
      <c r="G2533" s="74"/>
      <c r="H2533" s="74"/>
      <c r="I2533" s="75"/>
      <c r="J2533" s="74"/>
      <c r="L2533" s="55"/>
      <c r="M2533" s="234"/>
      <c r="N2533" s="65"/>
      <c r="O2533" s="76"/>
      <c r="P2533" s="76"/>
      <c r="Q2533" s="65"/>
      <c r="R2533" s="76"/>
      <c r="S2533" s="76"/>
      <c r="T2533" s="76"/>
      <c r="U2533" s="76"/>
      <c r="V2533" s="76"/>
      <c r="W2533" s="76"/>
      <c r="X2533" s="76"/>
      <c r="Y2533" s="76"/>
      <c r="Z2533" s="76"/>
      <c r="AA2533" s="85"/>
      <c r="AB2533" s="85"/>
      <c r="AC2533" s="85"/>
      <c r="AD2533" s="85"/>
      <c r="AE2533" s="85"/>
      <c r="AF2533" s="85"/>
      <c r="AG2533" s="86"/>
      <c r="AH2533" s="85"/>
      <c r="AI2533" s="85"/>
      <c r="AJ2533" s="85"/>
      <c r="AK2533" s="85"/>
      <c r="AL2533" s="85"/>
      <c r="AM2533" s="92"/>
      <c r="AN2533" s="92"/>
      <c r="AO2533" s="92"/>
      <c r="AP2533" s="92"/>
      <c r="AQ2533" s="92"/>
      <c r="AR2533" s="92"/>
      <c r="AS2533" s="92"/>
      <c r="AT2533" s="92"/>
      <c r="AU2533" s="92"/>
      <c r="AV2533" s="92"/>
      <c r="AW2533" s="92"/>
      <c r="AX2533" s="92"/>
      <c r="AY2533" s="92"/>
      <c r="AZ2533" s="93"/>
      <c r="BA2533" s="93"/>
      <c r="BB2533" s="93"/>
      <c r="BC2533" s="93"/>
      <c r="BD2533" s="93"/>
      <c r="BE2533" s="93"/>
      <c r="BF2533" s="93"/>
      <c r="BG2533" s="93"/>
      <c r="BH2533" s="93"/>
      <c r="BI2533" s="93"/>
      <c r="BJ2533" s="93"/>
      <c r="BK2533" s="93"/>
      <c r="BL2533" s="93"/>
    </row>
    <row r="2534" spans="2:64" x14ac:dyDescent="0.2">
      <c r="B2534" s="43"/>
      <c r="C2534" s="73"/>
      <c r="D2534" s="64"/>
      <c r="E2534" s="55"/>
      <c r="F2534" s="74"/>
      <c r="G2534" s="74"/>
      <c r="H2534" s="74"/>
      <c r="I2534" s="75"/>
      <c r="J2534" s="74"/>
      <c r="L2534" s="55"/>
      <c r="M2534" s="234"/>
      <c r="N2534" s="65"/>
      <c r="O2534" s="76"/>
      <c r="P2534" s="76"/>
      <c r="Q2534" s="65"/>
      <c r="R2534" s="76"/>
      <c r="S2534" s="76"/>
      <c r="T2534" s="76"/>
      <c r="U2534" s="76"/>
      <c r="V2534" s="76"/>
      <c r="W2534" s="76"/>
      <c r="X2534" s="76"/>
      <c r="Y2534" s="76"/>
      <c r="Z2534" s="76"/>
      <c r="AA2534" s="85"/>
      <c r="AB2534" s="85"/>
      <c r="AC2534" s="85"/>
      <c r="AD2534" s="85"/>
      <c r="AE2534" s="85"/>
      <c r="AF2534" s="85"/>
      <c r="AG2534" s="86"/>
      <c r="AH2534" s="85"/>
      <c r="AI2534" s="85"/>
      <c r="AJ2534" s="85"/>
      <c r="AK2534" s="85"/>
      <c r="AL2534" s="85"/>
      <c r="AM2534" s="92"/>
      <c r="AN2534" s="92"/>
      <c r="AO2534" s="92"/>
      <c r="AP2534" s="92"/>
      <c r="AQ2534" s="92"/>
      <c r="AR2534" s="92"/>
      <c r="AS2534" s="92"/>
      <c r="AT2534" s="92"/>
      <c r="AU2534" s="92"/>
      <c r="AV2534" s="92"/>
      <c r="AW2534" s="92"/>
      <c r="AX2534" s="92"/>
      <c r="AY2534" s="92"/>
      <c r="AZ2534" s="93"/>
      <c r="BA2534" s="93"/>
      <c r="BB2534" s="93"/>
      <c r="BC2534" s="93"/>
      <c r="BD2534" s="93"/>
      <c r="BE2534" s="93"/>
      <c r="BF2534" s="93"/>
      <c r="BG2534" s="93"/>
      <c r="BH2534" s="93"/>
      <c r="BI2534" s="93"/>
      <c r="BJ2534" s="93"/>
      <c r="BK2534" s="93"/>
      <c r="BL2534" s="93"/>
    </row>
    <row r="2535" spans="2:64" x14ac:dyDescent="0.2">
      <c r="B2535" s="43"/>
      <c r="C2535" s="73"/>
      <c r="D2535" s="64"/>
      <c r="E2535" s="55"/>
      <c r="F2535" s="74"/>
      <c r="G2535" s="74"/>
      <c r="H2535" s="74"/>
      <c r="I2535" s="75"/>
      <c r="J2535" s="74"/>
      <c r="L2535" s="55"/>
      <c r="M2535" s="234"/>
      <c r="N2535" s="65"/>
      <c r="O2535" s="76"/>
      <c r="P2535" s="76"/>
      <c r="Q2535" s="65"/>
      <c r="R2535" s="76"/>
      <c r="S2535" s="76"/>
      <c r="T2535" s="76"/>
      <c r="U2535" s="76"/>
      <c r="V2535" s="76"/>
      <c r="W2535" s="76"/>
      <c r="X2535" s="76"/>
      <c r="Y2535" s="76"/>
      <c r="Z2535" s="76"/>
      <c r="AA2535" s="85"/>
      <c r="AB2535" s="85"/>
      <c r="AC2535" s="85"/>
      <c r="AD2535" s="85"/>
      <c r="AE2535" s="85"/>
      <c r="AF2535" s="85"/>
      <c r="AG2535" s="86"/>
      <c r="AH2535" s="85"/>
      <c r="AI2535" s="85"/>
      <c r="AJ2535" s="85"/>
      <c r="AK2535" s="85"/>
      <c r="AL2535" s="85"/>
      <c r="AM2535" s="92"/>
      <c r="AN2535" s="92"/>
      <c r="AO2535" s="92"/>
      <c r="AP2535" s="92"/>
      <c r="AQ2535" s="92"/>
      <c r="AR2535" s="92"/>
      <c r="AS2535" s="92"/>
      <c r="AT2535" s="92"/>
      <c r="AU2535" s="92"/>
      <c r="AV2535" s="92"/>
      <c r="AW2535" s="92"/>
      <c r="AX2535" s="92"/>
      <c r="AY2535" s="92"/>
      <c r="AZ2535" s="93"/>
      <c r="BA2535" s="93"/>
      <c r="BB2535" s="93"/>
      <c r="BC2535" s="93"/>
      <c r="BD2535" s="93"/>
      <c r="BE2535" s="93"/>
      <c r="BF2535" s="93"/>
      <c r="BG2535" s="93"/>
      <c r="BH2535" s="93"/>
      <c r="BI2535" s="93"/>
      <c r="BJ2535" s="93"/>
      <c r="BK2535" s="93"/>
      <c r="BL2535" s="93"/>
    </row>
    <row r="2536" spans="2:64" x14ac:dyDescent="0.2">
      <c r="B2536" s="43"/>
      <c r="C2536" s="73"/>
      <c r="D2536" s="64"/>
      <c r="E2536" s="55"/>
      <c r="F2536" s="74"/>
      <c r="G2536" s="74"/>
      <c r="H2536" s="74"/>
      <c r="I2536" s="75"/>
      <c r="J2536" s="74"/>
      <c r="L2536" s="55"/>
      <c r="M2536" s="234"/>
      <c r="N2536" s="65"/>
      <c r="O2536" s="76"/>
      <c r="P2536" s="76"/>
      <c r="Q2536" s="65"/>
      <c r="R2536" s="76"/>
      <c r="S2536" s="76"/>
      <c r="T2536" s="76"/>
      <c r="U2536" s="76"/>
      <c r="V2536" s="76"/>
      <c r="W2536" s="76"/>
      <c r="X2536" s="76"/>
      <c r="Y2536" s="76"/>
      <c r="Z2536" s="76"/>
      <c r="AA2536" s="85"/>
      <c r="AB2536" s="85"/>
      <c r="AC2536" s="85"/>
      <c r="AD2536" s="85"/>
      <c r="AE2536" s="85"/>
      <c r="AF2536" s="85"/>
      <c r="AG2536" s="86"/>
      <c r="AH2536" s="85"/>
      <c r="AI2536" s="85"/>
      <c r="AJ2536" s="85"/>
      <c r="AK2536" s="85"/>
      <c r="AL2536" s="85"/>
      <c r="AM2536" s="92"/>
      <c r="AN2536" s="92"/>
      <c r="AO2536" s="92"/>
      <c r="AP2536" s="92"/>
      <c r="AQ2536" s="92"/>
      <c r="AR2536" s="92"/>
      <c r="AS2536" s="92"/>
      <c r="AT2536" s="92"/>
      <c r="AU2536" s="92"/>
      <c r="AV2536" s="92"/>
      <c r="AW2536" s="92"/>
      <c r="AX2536" s="92"/>
      <c r="AY2536" s="92"/>
      <c r="AZ2536" s="93"/>
      <c r="BA2536" s="93"/>
      <c r="BB2536" s="93"/>
      <c r="BC2536" s="93"/>
      <c r="BD2536" s="93"/>
      <c r="BE2536" s="93"/>
      <c r="BF2536" s="93"/>
      <c r="BG2536" s="93"/>
      <c r="BH2536" s="93"/>
      <c r="BI2536" s="93"/>
      <c r="BJ2536" s="93"/>
      <c r="BK2536" s="93"/>
      <c r="BL2536" s="93"/>
    </row>
    <row r="2537" spans="2:64" x14ac:dyDescent="0.2">
      <c r="B2537" s="43"/>
      <c r="C2537" s="73"/>
      <c r="D2537" s="64"/>
      <c r="E2537" s="55"/>
      <c r="F2537" s="74"/>
      <c r="G2537" s="74"/>
      <c r="H2537" s="74"/>
      <c r="I2537" s="75"/>
      <c r="J2537" s="74"/>
      <c r="L2537" s="55"/>
      <c r="M2537" s="234"/>
      <c r="N2537" s="65"/>
      <c r="O2537" s="76"/>
      <c r="P2537" s="76"/>
      <c r="Q2537" s="65"/>
      <c r="R2537" s="76"/>
      <c r="S2537" s="76"/>
      <c r="T2537" s="76"/>
      <c r="U2537" s="76"/>
      <c r="V2537" s="76"/>
      <c r="W2537" s="76"/>
      <c r="X2537" s="76"/>
      <c r="Y2537" s="76"/>
      <c r="Z2537" s="76"/>
      <c r="AA2537" s="85"/>
      <c r="AB2537" s="85"/>
      <c r="AC2537" s="85"/>
      <c r="AD2537" s="85"/>
      <c r="AE2537" s="85"/>
      <c r="AF2537" s="85"/>
      <c r="AG2537" s="86"/>
      <c r="AH2537" s="85"/>
      <c r="AI2537" s="85"/>
      <c r="AJ2537" s="85"/>
      <c r="AK2537" s="85"/>
      <c r="AL2537" s="85"/>
      <c r="AM2537" s="92"/>
      <c r="AN2537" s="92"/>
      <c r="AO2537" s="92"/>
      <c r="AP2537" s="92"/>
      <c r="AQ2537" s="92"/>
      <c r="AR2537" s="92"/>
      <c r="AS2537" s="92"/>
      <c r="AT2537" s="92"/>
      <c r="AU2537" s="92"/>
      <c r="AV2537" s="92"/>
      <c r="AW2537" s="92"/>
      <c r="AX2537" s="92"/>
      <c r="AY2537" s="92"/>
      <c r="AZ2537" s="93"/>
      <c r="BA2537" s="93"/>
      <c r="BB2537" s="93"/>
      <c r="BC2537" s="93"/>
      <c r="BD2537" s="93"/>
      <c r="BE2537" s="93"/>
      <c r="BF2537" s="93"/>
      <c r="BG2537" s="93"/>
      <c r="BH2537" s="93"/>
      <c r="BI2537" s="93"/>
      <c r="BJ2537" s="93"/>
      <c r="BK2537" s="93"/>
      <c r="BL2537" s="93"/>
    </row>
    <row r="2538" spans="2:64" x14ac:dyDescent="0.2">
      <c r="B2538" s="43"/>
      <c r="C2538" s="73"/>
      <c r="D2538" s="64"/>
      <c r="E2538" s="55"/>
      <c r="F2538" s="74"/>
      <c r="G2538" s="74"/>
      <c r="H2538" s="74"/>
      <c r="I2538" s="75"/>
      <c r="J2538" s="74"/>
      <c r="L2538" s="55"/>
      <c r="M2538" s="234"/>
      <c r="N2538" s="65"/>
      <c r="O2538" s="76"/>
      <c r="P2538" s="76"/>
      <c r="Q2538" s="65"/>
      <c r="R2538" s="76"/>
      <c r="S2538" s="76"/>
      <c r="T2538" s="76"/>
      <c r="U2538" s="76"/>
      <c r="V2538" s="76"/>
      <c r="W2538" s="76"/>
      <c r="X2538" s="76"/>
      <c r="Y2538" s="76"/>
      <c r="Z2538" s="76"/>
      <c r="AA2538" s="85"/>
      <c r="AB2538" s="85"/>
      <c r="AC2538" s="85"/>
      <c r="AD2538" s="85"/>
      <c r="AE2538" s="85"/>
      <c r="AF2538" s="85"/>
      <c r="AG2538" s="86"/>
      <c r="AH2538" s="85"/>
      <c r="AI2538" s="85"/>
      <c r="AJ2538" s="85"/>
      <c r="AK2538" s="85"/>
      <c r="AL2538" s="85"/>
      <c r="AM2538" s="92"/>
      <c r="AN2538" s="92"/>
      <c r="AO2538" s="92"/>
      <c r="AP2538" s="92"/>
      <c r="AQ2538" s="92"/>
      <c r="AR2538" s="92"/>
      <c r="AS2538" s="92"/>
      <c r="AT2538" s="92"/>
      <c r="AU2538" s="92"/>
      <c r="AV2538" s="92"/>
      <c r="AW2538" s="92"/>
      <c r="AX2538" s="92"/>
      <c r="AY2538" s="92"/>
      <c r="AZ2538" s="93"/>
      <c r="BA2538" s="93"/>
      <c r="BB2538" s="93"/>
      <c r="BC2538" s="93"/>
      <c r="BD2538" s="93"/>
      <c r="BE2538" s="93"/>
      <c r="BF2538" s="93"/>
      <c r="BG2538" s="93"/>
      <c r="BH2538" s="93"/>
      <c r="BI2538" s="93"/>
      <c r="BJ2538" s="93"/>
      <c r="BK2538" s="93"/>
      <c r="BL2538" s="93"/>
    </row>
    <row r="2539" spans="2:64" x14ac:dyDescent="0.2">
      <c r="B2539" s="43"/>
      <c r="C2539" s="73"/>
      <c r="D2539" s="64"/>
      <c r="E2539" s="55"/>
      <c r="F2539" s="74"/>
      <c r="G2539" s="74"/>
      <c r="H2539" s="74"/>
      <c r="I2539" s="75"/>
      <c r="J2539" s="74"/>
      <c r="L2539" s="55"/>
      <c r="M2539" s="234"/>
      <c r="N2539" s="65"/>
      <c r="O2539" s="76"/>
      <c r="P2539" s="76"/>
      <c r="Q2539" s="65"/>
      <c r="R2539" s="76"/>
      <c r="S2539" s="76"/>
      <c r="T2539" s="76"/>
      <c r="U2539" s="76"/>
      <c r="V2539" s="76"/>
      <c r="W2539" s="76"/>
      <c r="X2539" s="76"/>
      <c r="Y2539" s="76"/>
      <c r="Z2539" s="76"/>
      <c r="AA2539" s="85"/>
      <c r="AB2539" s="85"/>
      <c r="AC2539" s="85"/>
      <c r="AD2539" s="85"/>
      <c r="AE2539" s="85"/>
      <c r="AF2539" s="85"/>
      <c r="AG2539" s="86"/>
      <c r="AH2539" s="85"/>
      <c r="AI2539" s="85"/>
      <c r="AJ2539" s="85"/>
      <c r="AK2539" s="85"/>
      <c r="AL2539" s="85"/>
      <c r="AM2539" s="92"/>
      <c r="AN2539" s="92"/>
      <c r="AO2539" s="92"/>
      <c r="AP2539" s="92"/>
      <c r="AQ2539" s="92"/>
      <c r="AR2539" s="92"/>
      <c r="AS2539" s="92"/>
      <c r="AT2539" s="92"/>
      <c r="AU2539" s="92"/>
      <c r="AV2539" s="92"/>
      <c r="AW2539" s="92"/>
      <c r="AX2539" s="92"/>
      <c r="AY2539" s="92"/>
      <c r="AZ2539" s="93"/>
      <c r="BA2539" s="93"/>
      <c r="BB2539" s="93"/>
      <c r="BC2539" s="93"/>
      <c r="BD2539" s="93"/>
      <c r="BE2539" s="93"/>
      <c r="BF2539" s="93"/>
      <c r="BG2539" s="93"/>
      <c r="BH2539" s="93"/>
      <c r="BI2539" s="93"/>
      <c r="BJ2539" s="93"/>
      <c r="BK2539" s="93"/>
      <c r="BL2539" s="93"/>
    </row>
    <row r="2540" spans="2:64" x14ac:dyDescent="0.2">
      <c r="B2540" s="43"/>
      <c r="C2540" s="73"/>
      <c r="D2540" s="64"/>
      <c r="E2540" s="55"/>
      <c r="F2540" s="74"/>
      <c r="G2540" s="74"/>
      <c r="H2540" s="74"/>
      <c r="I2540" s="75"/>
      <c r="J2540" s="74"/>
      <c r="L2540" s="55"/>
      <c r="M2540" s="234"/>
      <c r="N2540" s="65"/>
      <c r="O2540" s="76"/>
      <c r="P2540" s="76"/>
      <c r="Q2540" s="65"/>
      <c r="R2540" s="76"/>
      <c r="S2540" s="76"/>
      <c r="T2540" s="76"/>
      <c r="U2540" s="76"/>
      <c r="V2540" s="76"/>
      <c r="W2540" s="76"/>
      <c r="X2540" s="76"/>
      <c r="Y2540" s="76"/>
      <c r="Z2540" s="76"/>
      <c r="AA2540" s="85"/>
      <c r="AB2540" s="85"/>
      <c r="AC2540" s="85"/>
      <c r="AD2540" s="85"/>
      <c r="AE2540" s="85"/>
      <c r="AF2540" s="85"/>
      <c r="AG2540" s="86"/>
      <c r="AH2540" s="85"/>
      <c r="AI2540" s="85"/>
      <c r="AJ2540" s="85"/>
      <c r="AK2540" s="85"/>
      <c r="AL2540" s="85"/>
      <c r="AM2540" s="92"/>
      <c r="AN2540" s="92"/>
      <c r="AO2540" s="92"/>
      <c r="AP2540" s="92"/>
      <c r="AQ2540" s="92"/>
      <c r="AR2540" s="92"/>
      <c r="AS2540" s="92"/>
      <c r="AT2540" s="92"/>
      <c r="AU2540" s="92"/>
      <c r="AV2540" s="92"/>
      <c r="AW2540" s="92"/>
      <c r="AX2540" s="92"/>
      <c r="AY2540" s="92"/>
      <c r="AZ2540" s="93"/>
      <c r="BA2540" s="93"/>
      <c r="BB2540" s="93"/>
      <c r="BC2540" s="93"/>
      <c r="BD2540" s="93"/>
      <c r="BE2540" s="93"/>
      <c r="BF2540" s="93"/>
      <c r="BG2540" s="93"/>
      <c r="BH2540" s="93"/>
      <c r="BI2540" s="93"/>
      <c r="BJ2540" s="93"/>
      <c r="BK2540" s="93"/>
      <c r="BL2540" s="93"/>
    </row>
    <row r="2541" spans="2:64" x14ac:dyDescent="0.2">
      <c r="B2541" s="43"/>
      <c r="C2541" s="73"/>
      <c r="D2541" s="64"/>
      <c r="E2541" s="55"/>
      <c r="F2541" s="74"/>
      <c r="G2541" s="74"/>
      <c r="H2541" s="74"/>
      <c r="I2541" s="75"/>
      <c r="J2541" s="74"/>
      <c r="L2541" s="55"/>
      <c r="M2541" s="234"/>
      <c r="N2541" s="65"/>
      <c r="O2541" s="76"/>
      <c r="P2541" s="76"/>
      <c r="Q2541" s="65"/>
      <c r="R2541" s="76"/>
      <c r="S2541" s="76"/>
      <c r="T2541" s="76"/>
      <c r="U2541" s="76"/>
      <c r="V2541" s="76"/>
      <c r="W2541" s="76"/>
      <c r="X2541" s="76"/>
      <c r="Y2541" s="76"/>
      <c r="Z2541" s="76"/>
      <c r="AA2541" s="85"/>
      <c r="AB2541" s="85"/>
      <c r="AC2541" s="85"/>
      <c r="AD2541" s="85"/>
      <c r="AE2541" s="85"/>
      <c r="AF2541" s="85"/>
      <c r="AG2541" s="86"/>
      <c r="AH2541" s="85"/>
      <c r="AI2541" s="85"/>
      <c r="AJ2541" s="85"/>
      <c r="AK2541" s="85"/>
      <c r="AL2541" s="85"/>
      <c r="AM2541" s="92"/>
      <c r="AN2541" s="92"/>
      <c r="AO2541" s="92"/>
      <c r="AP2541" s="92"/>
      <c r="AQ2541" s="92"/>
      <c r="AR2541" s="92"/>
      <c r="AS2541" s="92"/>
      <c r="AT2541" s="92"/>
      <c r="AU2541" s="92"/>
      <c r="AV2541" s="92"/>
      <c r="AW2541" s="92"/>
      <c r="AX2541" s="92"/>
      <c r="AY2541" s="92"/>
      <c r="AZ2541" s="93"/>
      <c r="BA2541" s="93"/>
      <c r="BB2541" s="93"/>
      <c r="BC2541" s="93"/>
      <c r="BD2541" s="93"/>
      <c r="BE2541" s="93"/>
      <c r="BF2541" s="93"/>
      <c r="BG2541" s="93"/>
      <c r="BH2541" s="93"/>
      <c r="BI2541" s="93"/>
      <c r="BJ2541" s="93"/>
      <c r="BK2541" s="93"/>
      <c r="BL2541" s="93"/>
    </row>
    <row r="2542" spans="2:64" x14ac:dyDescent="0.2">
      <c r="B2542" s="43"/>
      <c r="C2542" s="73"/>
      <c r="D2542" s="64"/>
      <c r="E2542" s="55"/>
      <c r="F2542" s="74"/>
      <c r="G2542" s="74"/>
      <c r="H2542" s="74"/>
      <c r="I2542" s="75"/>
      <c r="J2542" s="74"/>
      <c r="L2542" s="55"/>
      <c r="M2542" s="234"/>
      <c r="N2542" s="65"/>
      <c r="O2542" s="76"/>
      <c r="P2542" s="76"/>
      <c r="Q2542" s="65"/>
      <c r="R2542" s="76"/>
      <c r="S2542" s="76"/>
      <c r="T2542" s="76"/>
      <c r="U2542" s="76"/>
      <c r="V2542" s="76"/>
      <c r="W2542" s="76"/>
      <c r="X2542" s="76"/>
      <c r="Y2542" s="76"/>
      <c r="Z2542" s="76"/>
      <c r="AA2542" s="85"/>
      <c r="AB2542" s="85"/>
      <c r="AC2542" s="85"/>
      <c r="AD2542" s="85"/>
      <c r="AE2542" s="85"/>
      <c r="AF2542" s="85"/>
      <c r="AG2542" s="86"/>
      <c r="AH2542" s="85"/>
      <c r="AI2542" s="85"/>
      <c r="AJ2542" s="85"/>
      <c r="AK2542" s="85"/>
      <c r="AL2542" s="85"/>
      <c r="AM2542" s="92"/>
      <c r="AN2542" s="92"/>
      <c r="AO2542" s="92"/>
      <c r="AP2542" s="92"/>
      <c r="AQ2542" s="92"/>
      <c r="AR2542" s="92"/>
      <c r="AS2542" s="92"/>
      <c r="AT2542" s="92"/>
      <c r="AU2542" s="92"/>
      <c r="AV2542" s="92"/>
      <c r="AW2542" s="92"/>
      <c r="AX2542" s="92"/>
      <c r="AY2542" s="92"/>
      <c r="AZ2542" s="93"/>
      <c r="BA2542" s="93"/>
      <c r="BB2542" s="93"/>
      <c r="BC2542" s="93"/>
      <c r="BD2542" s="93"/>
      <c r="BE2542" s="93"/>
      <c r="BF2542" s="93"/>
      <c r="BG2542" s="93"/>
      <c r="BH2542" s="93"/>
      <c r="BI2542" s="93"/>
      <c r="BJ2542" s="93"/>
      <c r="BK2542" s="93"/>
      <c r="BL2542" s="93"/>
    </row>
    <row r="2543" spans="2:64" x14ac:dyDescent="0.2">
      <c r="B2543" s="43"/>
      <c r="C2543" s="73"/>
      <c r="D2543" s="64"/>
      <c r="E2543" s="55"/>
      <c r="F2543" s="74"/>
      <c r="G2543" s="74"/>
      <c r="H2543" s="74"/>
      <c r="I2543" s="75"/>
      <c r="J2543" s="74"/>
      <c r="L2543" s="55"/>
      <c r="M2543" s="234"/>
      <c r="N2543" s="65"/>
      <c r="O2543" s="76"/>
      <c r="P2543" s="76"/>
      <c r="Q2543" s="65"/>
      <c r="R2543" s="76"/>
      <c r="S2543" s="76"/>
      <c r="T2543" s="76"/>
      <c r="U2543" s="76"/>
      <c r="V2543" s="76"/>
      <c r="W2543" s="76"/>
      <c r="X2543" s="76"/>
      <c r="Y2543" s="76"/>
      <c r="Z2543" s="76"/>
      <c r="AA2543" s="85"/>
      <c r="AB2543" s="85"/>
      <c r="AC2543" s="85"/>
      <c r="AD2543" s="85"/>
      <c r="AE2543" s="85"/>
      <c r="AF2543" s="85"/>
      <c r="AG2543" s="86"/>
      <c r="AH2543" s="85"/>
      <c r="AI2543" s="85"/>
      <c r="AJ2543" s="85"/>
      <c r="AK2543" s="85"/>
      <c r="AL2543" s="85"/>
      <c r="AM2543" s="92"/>
      <c r="AN2543" s="92"/>
      <c r="AO2543" s="92"/>
      <c r="AP2543" s="92"/>
      <c r="AQ2543" s="92"/>
      <c r="AR2543" s="92"/>
      <c r="AS2543" s="92"/>
      <c r="AT2543" s="92"/>
      <c r="AU2543" s="92"/>
      <c r="AV2543" s="92"/>
      <c r="AW2543" s="92"/>
      <c r="AX2543" s="92"/>
      <c r="AY2543" s="92"/>
      <c r="AZ2543" s="93"/>
      <c r="BA2543" s="93"/>
      <c r="BB2543" s="93"/>
      <c r="BC2543" s="93"/>
      <c r="BD2543" s="93"/>
      <c r="BE2543" s="93"/>
      <c r="BF2543" s="93"/>
      <c r="BG2543" s="93"/>
      <c r="BH2543" s="93"/>
      <c r="BI2543" s="93"/>
      <c r="BJ2543" s="93"/>
      <c r="BK2543" s="93"/>
      <c r="BL2543" s="93"/>
    </row>
    <row r="2544" spans="2:64" x14ac:dyDescent="0.2">
      <c r="B2544" s="43"/>
      <c r="C2544" s="73"/>
      <c r="D2544" s="64"/>
      <c r="E2544" s="55"/>
      <c r="F2544" s="74"/>
      <c r="G2544" s="74"/>
      <c r="H2544" s="74"/>
      <c r="I2544" s="75"/>
      <c r="J2544" s="74"/>
      <c r="L2544" s="55"/>
      <c r="M2544" s="234"/>
      <c r="N2544" s="65"/>
      <c r="O2544" s="76"/>
      <c r="P2544" s="76"/>
      <c r="Q2544" s="65"/>
      <c r="R2544" s="76"/>
      <c r="S2544" s="76"/>
      <c r="T2544" s="76"/>
      <c r="U2544" s="76"/>
      <c r="V2544" s="76"/>
      <c r="W2544" s="76"/>
      <c r="X2544" s="76"/>
      <c r="Y2544" s="76"/>
      <c r="Z2544" s="76"/>
      <c r="AA2544" s="85"/>
      <c r="AB2544" s="85"/>
      <c r="AC2544" s="85"/>
      <c r="AD2544" s="85"/>
      <c r="AE2544" s="85"/>
      <c r="AF2544" s="85"/>
      <c r="AG2544" s="86"/>
      <c r="AH2544" s="85"/>
      <c r="AI2544" s="85"/>
      <c r="AJ2544" s="85"/>
      <c r="AK2544" s="85"/>
      <c r="AL2544" s="85"/>
      <c r="AM2544" s="92"/>
      <c r="AN2544" s="92"/>
      <c r="AO2544" s="92"/>
      <c r="AP2544" s="92"/>
      <c r="AQ2544" s="92"/>
      <c r="AR2544" s="92"/>
      <c r="AS2544" s="92"/>
      <c r="AT2544" s="92"/>
      <c r="AU2544" s="92"/>
      <c r="AV2544" s="92"/>
      <c r="AW2544" s="92"/>
      <c r="AX2544" s="92"/>
      <c r="AY2544" s="92"/>
      <c r="AZ2544" s="93"/>
      <c r="BA2544" s="93"/>
      <c r="BB2544" s="93"/>
      <c r="BC2544" s="93"/>
      <c r="BD2544" s="93"/>
      <c r="BE2544" s="93"/>
      <c r="BF2544" s="93"/>
      <c r="BG2544" s="93"/>
      <c r="BH2544" s="93"/>
      <c r="BI2544" s="93"/>
      <c r="BJ2544" s="93"/>
      <c r="BK2544" s="93"/>
      <c r="BL2544" s="93"/>
    </row>
    <row r="2545" spans="2:64" x14ac:dyDescent="0.2">
      <c r="B2545" s="43"/>
      <c r="C2545" s="73"/>
      <c r="D2545" s="64"/>
      <c r="E2545" s="55"/>
      <c r="F2545" s="74"/>
      <c r="G2545" s="74"/>
      <c r="H2545" s="74"/>
      <c r="I2545" s="75"/>
      <c r="J2545" s="74"/>
      <c r="L2545" s="55"/>
      <c r="M2545" s="234"/>
      <c r="N2545" s="65"/>
      <c r="O2545" s="76"/>
      <c r="P2545" s="76"/>
      <c r="Q2545" s="65"/>
      <c r="R2545" s="76"/>
      <c r="S2545" s="76"/>
      <c r="T2545" s="76"/>
      <c r="U2545" s="76"/>
      <c r="V2545" s="76"/>
      <c r="W2545" s="76"/>
      <c r="X2545" s="76"/>
      <c r="Y2545" s="76"/>
      <c r="Z2545" s="76"/>
      <c r="AA2545" s="85"/>
      <c r="AB2545" s="85"/>
      <c r="AC2545" s="85"/>
      <c r="AD2545" s="85"/>
      <c r="AE2545" s="85"/>
      <c r="AF2545" s="85"/>
      <c r="AG2545" s="86"/>
      <c r="AH2545" s="85"/>
      <c r="AI2545" s="85"/>
      <c r="AJ2545" s="85"/>
      <c r="AK2545" s="85"/>
      <c r="AL2545" s="85"/>
      <c r="AM2545" s="92"/>
      <c r="AN2545" s="92"/>
      <c r="AO2545" s="92"/>
      <c r="AP2545" s="92"/>
      <c r="AQ2545" s="92"/>
      <c r="AR2545" s="92"/>
      <c r="AS2545" s="92"/>
      <c r="AT2545" s="92"/>
      <c r="AU2545" s="92"/>
      <c r="AV2545" s="92"/>
      <c r="AW2545" s="92"/>
      <c r="AX2545" s="92"/>
      <c r="AY2545" s="92"/>
      <c r="AZ2545" s="93"/>
      <c r="BA2545" s="93"/>
      <c r="BB2545" s="93"/>
      <c r="BC2545" s="93"/>
      <c r="BD2545" s="93"/>
      <c r="BE2545" s="93"/>
      <c r="BF2545" s="93"/>
      <c r="BG2545" s="93"/>
      <c r="BH2545" s="93"/>
      <c r="BI2545" s="93"/>
      <c r="BJ2545" s="93"/>
      <c r="BK2545" s="93"/>
      <c r="BL2545" s="93"/>
    </row>
    <row r="2546" spans="2:64" x14ac:dyDescent="0.2">
      <c r="B2546" s="43"/>
      <c r="C2546" s="73"/>
      <c r="D2546" s="64"/>
      <c r="E2546" s="55"/>
      <c r="F2546" s="74"/>
      <c r="G2546" s="74"/>
      <c r="H2546" s="74"/>
      <c r="I2546" s="75"/>
      <c r="J2546" s="74"/>
      <c r="L2546" s="55"/>
      <c r="M2546" s="234"/>
      <c r="N2546" s="65"/>
      <c r="O2546" s="76"/>
      <c r="P2546" s="76"/>
      <c r="Q2546" s="65"/>
      <c r="R2546" s="76"/>
      <c r="S2546" s="76"/>
      <c r="T2546" s="76"/>
      <c r="U2546" s="76"/>
      <c r="V2546" s="76"/>
      <c r="W2546" s="76"/>
      <c r="X2546" s="76"/>
      <c r="Y2546" s="76"/>
      <c r="Z2546" s="76"/>
      <c r="AA2546" s="85"/>
      <c r="AB2546" s="85"/>
      <c r="AC2546" s="85"/>
      <c r="AD2546" s="85"/>
      <c r="AE2546" s="85"/>
      <c r="AF2546" s="85"/>
      <c r="AG2546" s="86"/>
      <c r="AH2546" s="85"/>
      <c r="AI2546" s="85"/>
      <c r="AJ2546" s="85"/>
      <c r="AK2546" s="85"/>
      <c r="AL2546" s="85"/>
      <c r="AM2546" s="92"/>
      <c r="AN2546" s="92"/>
      <c r="AO2546" s="92"/>
      <c r="AP2546" s="92"/>
      <c r="AQ2546" s="92"/>
      <c r="AR2546" s="92"/>
      <c r="AS2546" s="92"/>
      <c r="AT2546" s="92"/>
      <c r="AU2546" s="92"/>
      <c r="AV2546" s="92"/>
      <c r="AW2546" s="92"/>
      <c r="AX2546" s="92"/>
      <c r="AY2546" s="92"/>
      <c r="AZ2546" s="93"/>
      <c r="BA2546" s="93"/>
      <c r="BB2546" s="93"/>
      <c r="BC2546" s="93"/>
      <c r="BD2546" s="93"/>
      <c r="BE2546" s="93"/>
      <c r="BF2546" s="93"/>
      <c r="BG2546" s="93"/>
      <c r="BH2546" s="93"/>
      <c r="BI2546" s="93"/>
      <c r="BJ2546" s="93"/>
      <c r="BK2546" s="93"/>
      <c r="BL2546" s="93"/>
    </row>
    <row r="2547" spans="2:64" x14ac:dyDescent="0.2">
      <c r="B2547" s="43"/>
      <c r="C2547" s="73"/>
      <c r="D2547" s="64"/>
      <c r="E2547" s="55"/>
      <c r="F2547" s="74"/>
      <c r="G2547" s="74"/>
      <c r="H2547" s="74"/>
      <c r="I2547" s="75"/>
      <c r="J2547" s="74"/>
      <c r="L2547" s="55"/>
      <c r="M2547" s="234"/>
      <c r="N2547" s="65"/>
      <c r="O2547" s="76"/>
      <c r="P2547" s="76"/>
      <c r="Q2547" s="65"/>
      <c r="R2547" s="76"/>
      <c r="S2547" s="76"/>
      <c r="T2547" s="76"/>
      <c r="U2547" s="76"/>
      <c r="V2547" s="76"/>
      <c r="W2547" s="76"/>
      <c r="X2547" s="76"/>
      <c r="Y2547" s="76"/>
      <c r="Z2547" s="76"/>
      <c r="AA2547" s="85"/>
      <c r="AB2547" s="85"/>
      <c r="AC2547" s="85"/>
      <c r="AD2547" s="85"/>
      <c r="AE2547" s="85"/>
      <c r="AF2547" s="85"/>
      <c r="AG2547" s="86"/>
      <c r="AH2547" s="85"/>
      <c r="AI2547" s="85"/>
      <c r="AJ2547" s="85"/>
      <c r="AK2547" s="85"/>
      <c r="AL2547" s="85"/>
      <c r="AM2547" s="92"/>
      <c r="AN2547" s="92"/>
      <c r="AO2547" s="92"/>
      <c r="AP2547" s="92"/>
      <c r="AQ2547" s="92"/>
      <c r="AR2547" s="92"/>
      <c r="AS2547" s="92"/>
      <c r="AT2547" s="92"/>
      <c r="AU2547" s="92"/>
      <c r="AV2547" s="92"/>
      <c r="AW2547" s="92"/>
      <c r="AX2547" s="92"/>
      <c r="AY2547" s="92"/>
      <c r="AZ2547" s="93"/>
      <c r="BA2547" s="93"/>
      <c r="BB2547" s="93"/>
      <c r="BC2547" s="93"/>
      <c r="BD2547" s="93"/>
      <c r="BE2547" s="93"/>
      <c r="BF2547" s="93"/>
      <c r="BG2547" s="93"/>
      <c r="BH2547" s="93"/>
      <c r="BI2547" s="93"/>
      <c r="BJ2547" s="93"/>
      <c r="BK2547" s="93"/>
      <c r="BL2547" s="93"/>
    </row>
    <row r="2548" spans="2:64" x14ac:dyDescent="0.2">
      <c r="B2548" s="43"/>
      <c r="C2548" s="73"/>
      <c r="D2548" s="64"/>
      <c r="E2548" s="55"/>
      <c r="F2548" s="74"/>
      <c r="G2548" s="74"/>
      <c r="H2548" s="74"/>
      <c r="I2548" s="75"/>
      <c r="J2548" s="74"/>
      <c r="L2548" s="55"/>
      <c r="M2548" s="234"/>
      <c r="N2548" s="65"/>
      <c r="O2548" s="76"/>
      <c r="P2548" s="76"/>
      <c r="Q2548" s="65"/>
      <c r="R2548" s="76"/>
      <c r="S2548" s="76"/>
      <c r="T2548" s="76"/>
      <c r="U2548" s="76"/>
      <c r="V2548" s="76"/>
      <c r="W2548" s="76"/>
      <c r="X2548" s="76"/>
      <c r="Y2548" s="76"/>
      <c r="Z2548" s="76"/>
      <c r="AA2548" s="85"/>
      <c r="AB2548" s="85"/>
      <c r="AC2548" s="85"/>
      <c r="AD2548" s="85"/>
      <c r="AE2548" s="85"/>
      <c r="AF2548" s="85"/>
      <c r="AG2548" s="86"/>
      <c r="AH2548" s="85"/>
      <c r="AI2548" s="85"/>
      <c r="AJ2548" s="85"/>
      <c r="AK2548" s="85"/>
      <c r="AL2548" s="85"/>
      <c r="AM2548" s="92"/>
      <c r="AN2548" s="92"/>
      <c r="AO2548" s="92"/>
      <c r="AP2548" s="92"/>
      <c r="AQ2548" s="92"/>
      <c r="AR2548" s="92"/>
      <c r="AS2548" s="92"/>
      <c r="AT2548" s="92"/>
      <c r="AU2548" s="92"/>
      <c r="AV2548" s="92"/>
      <c r="AW2548" s="92"/>
      <c r="AX2548" s="92"/>
      <c r="AY2548" s="92"/>
      <c r="AZ2548" s="93"/>
      <c r="BA2548" s="93"/>
      <c r="BB2548" s="93"/>
      <c r="BC2548" s="93"/>
      <c r="BD2548" s="93"/>
      <c r="BE2548" s="93"/>
      <c r="BF2548" s="93"/>
      <c r="BG2548" s="93"/>
      <c r="BH2548" s="93"/>
      <c r="BI2548" s="93"/>
      <c r="BJ2548" s="93"/>
      <c r="BK2548" s="93"/>
      <c r="BL2548" s="93"/>
    </row>
    <row r="2549" spans="2:64" x14ac:dyDescent="0.2">
      <c r="B2549" s="43"/>
      <c r="C2549" s="73"/>
      <c r="D2549" s="64"/>
      <c r="E2549" s="55"/>
      <c r="F2549" s="74"/>
      <c r="G2549" s="74"/>
      <c r="H2549" s="74"/>
      <c r="I2549" s="75"/>
      <c r="J2549" s="74"/>
      <c r="L2549" s="55"/>
      <c r="M2549" s="234"/>
      <c r="N2549" s="65"/>
      <c r="O2549" s="76"/>
      <c r="P2549" s="76"/>
      <c r="Q2549" s="65"/>
      <c r="R2549" s="76"/>
      <c r="S2549" s="76"/>
      <c r="T2549" s="76"/>
      <c r="U2549" s="76"/>
      <c r="V2549" s="76"/>
      <c r="W2549" s="76"/>
      <c r="X2549" s="76"/>
      <c r="Y2549" s="76"/>
      <c r="Z2549" s="76"/>
      <c r="AA2549" s="85"/>
      <c r="AB2549" s="85"/>
      <c r="AC2549" s="85"/>
      <c r="AD2549" s="85"/>
      <c r="AE2549" s="85"/>
      <c r="AF2549" s="85"/>
      <c r="AG2549" s="86"/>
      <c r="AH2549" s="85"/>
      <c r="AI2549" s="85"/>
      <c r="AJ2549" s="85"/>
      <c r="AK2549" s="85"/>
      <c r="AL2549" s="85"/>
      <c r="AM2549" s="92"/>
      <c r="AN2549" s="92"/>
      <c r="AO2549" s="92"/>
      <c r="AP2549" s="92"/>
      <c r="AQ2549" s="92"/>
      <c r="AR2549" s="92"/>
      <c r="AS2549" s="92"/>
      <c r="AT2549" s="92"/>
      <c r="AU2549" s="92"/>
      <c r="AV2549" s="92"/>
      <c r="AW2549" s="92"/>
      <c r="AX2549" s="92"/>
      <c r="AY2549" s="92"/>
      <c r="AZ2549" s="93"/>
      <c r="BA2549" s="93"/>
      <c r="BB2549" s="93"/>
      <c r="BC2549" s="93"/>
      <c r="BD2549" s="93"/>
      <c r="BE2549" s="93"/>
      <c r="BF2549" s="93"/>
      <c r="BG2549" s="93"/>
      <c r="BH2549" s="93"/>
      <c r="BI2549" s="93"/>
      <c r="BJ2549" s="93"/>
      <c r="BK2549" s="93"/>
      <c r="BL2549" s="93"/>
    </row>
    <row r="2550" spans="2:64" x14ac:dyDescent="0.2">
      <c r="B2550" s="43"/>
      <c r="C2550" s="73"/>
      <c r="D2550" s="64"/>
      <c r="E2550" s="55"/>
      <c r="F2550" s="74"/>
      <c r="G2550" s="74"/>
      <c r="H2550" s="74"/>
      <c r="I2550" s="75"/>
      <c r="J2550" s="74"/>
      <c r="L2550" s="55"/>
      <c r="M2550" s="234"/>
      <c r="N2550" s="65"/>
      <c r="O2550" s="76"/>
      <c r="P2550" s="76"/>
      <c r="Q2550" s="65"/>
      <c r="R2550" s="76"/>
      <c r="S2550" s="76"/>
      <c r="T2550" s="76"/>
      <c r="U2550" s="76"/>
      <c r="V2550" s="76"/>
      <c r="W2550" s="76"/>
      <c r="X2550" s="76"/>
      <c r="Y2550" s="76"/>
      <c r="Z2550" s="76"/>
      <c r="AA2550" s="85"/>
      <c r="AB2550" s="85"/>
      <c r="AC2550" s="85"/>
      <c r="AD2550" s="85"/>
      <c r="AE2550" s="85"/>
      <c r="AF2550" s="85"/>
      <c r="AG2550" s="86"/>
      <c r="AH2550" s="85"/>
      <c r="AI2550" s="85"/>
      <c r="AJ2550" s="85"/>
      <c r="AK2550" s="85"/>
      <c r="AL2550" s="85"/>
      <c r="AM2550" s="92"/>
      <c r="AN2550" s="92"/>
      <c r="AO2550" s="92"/>
      <c r="AP2550" s="92"/>
      <c r="AQ2550" s="92"/>
      <c r="AR2550" s="92"/>
      <c r="AS2550" s="92"/>
      <c r="AT2550" s="92"/>
      <c r="AU2550" s="92"/>
      <c r="AV2550" s="92"/>
      <c r="AW2550" s="92"/>
      <c r="AX2550" s="92"/>
      <c r="AY2550" s="92"/>
      <c r="AZ2550" s="93"/>
      <c r="BA2550" s="93"/>
      <c r="BB2550" s="93"/>
      <c r="BC2550" s="93"/>
      <c r="BD2550" s="93"/>
      <c r="BE2550" s="93"/>
      <c r="BF2550" s="93"/>
      <c r="BG2550" s="93"/>
      <c r="BH2550" s="93"/>
      <c r="BI2550" s="93"/>
      <c r="BJ2550" s="93"/>
      <c r="BK2550" s="93"/>
      <c r="BL2550" s="93"/>
    </row>
    <row r="2551" spans="2:64" x14ac:dyDescent="0.2">
      <c r="B2551" s="43"/>
      <c r="C2551" s="73"/>
      <c r="D2551" s="64"/>
      <c r="E2551" s="55"/>
      <c r="F2551" s="74"/>
      <c r="G2551" s="74"/>
      <c r="H2551" s="74"/>
      <c r="I2551" s="75"/>
      <c r="J2551" s="74"/>
      <c r="L2551" s="55"/>
      <c r="M2551" s="234"/>
      <c r="N2551" s="65"/>
      <c r="O2551" s="76"/>
      <c r="P2551" s="76"/>
      <c r="Q2551" s="65"/>
      <c r="R2551" s="76"/>
      <c r="S2551" s="76"/>
      <c r="T2551" s="76"/>
      <c r="U2551" s="76"/>
      <c r="V2551" s="76"/>
      <c r="W2551" s="76"/>
      <c r="X2551" s="76"/>
      <c r="Y2551" s="76"/>
      <c r="Z2551" s="76"/>
      <c r="AA2551" s="85"/>
      <c r="AB2551" s="85"/>
      <c r="AC2551" s="85"/>
      <c r="AD2551" s="85"/>
      <c r="AE2551" s="85"/>
      <c r="AF2551" s="85"/>
      <c r="AG2551" s="86"/>
      <c r="AH2551" s="85"/>
      <c r="AI2551" s="85"/>
      <c r="AJ2551" s="85"/>
      <c r="AK2551" s="85"/>
      <c r="AL2551" s="85"/>
      <c r="AM2551" s="92"/>
      <c r="AN2551" s="92"/>
      <c r="AO2551" s="92"/>
      <c r="AP2551" s="92"/>
      <c r="AQ2551" s="92"/>
      <c r="AR2551" s="92"/>
      <c r="AS2551" s="92"/>
      <c r="AT2551" s="92"/>
      <c r="AU2551" s="92"/>
      <c r="AV2551" s="92"/>
      <c r="AW2551" s="92"/>
      <c r="AX2551" s="92"/>
      <c r="AY2551" s="92"/>
      <c r="AZ2551" s="93"/>
      <c r="BA2551" s="93"/>
      <c r="BB2551" s="93"/>
      <c r="BC2551" s="93"/>
      <c r="BD2551" s="93"/>
      <c r="BE2551" s="93"/>
      <c r="BF2551" s="93"/>
      <c r="BG2551" s="93"/>
      <c r="BH2551" s="93"/>
      <c r="BI2551" s="93"/>
      <c r="BJ2551" s="93"/>
      <c r="BK2551" s="93"/>
      <c r="BL2551" s="93"/>
    </row>
    <row r="2552" spans="2:64" x14ac:dyDescent="0.2">
      <c r="B2552" s="43"/>
      <c r="C2552" s="73"/>
      <c r="D2552" s="64"/>
      <c r="E2552" s="55"/>
      <c r="F2552" s="74"/>
      <c r="G2552" s="74"/>
      <c r="H2552" s="74"/>
      <c r="I2552" s="75"/>
      <c r="J2552" s="74"/>
      <c r="L2552" s="55"/>
      <c r="M2552" s="234"/>
      <c r="N2552" s="65"/>
      <c r="O2552" s="76"/>
      <c r="P2552" s="76"/>
      <c r="Q2552" s="65"/>
      <c r="R2552" s="76"/>
      <c r="S2552" s="76"/>
      <c r="T2552" s="76"/>
      <c r="U2552" s="76"/>
      <c r="V2552" s="76"/>
      <c r="W2552" s="76"/>
      <c r="X2552" s="76"/>
      <c r="Y2552" s="76"/>
      <c r="Z2552" s="76"/>
      <c r="AA2552" s="85"/>
      <c r="AB2552" s="85"/>
      <c r="AC2552" s="85"/>
      <c r="AD2552" s="85"/>
      <c r="AE2552" s="85"/>
      <c r="AF2552" s="85"/>
      <c r="AG2552" s="86"/>
      <c r="AH2552" s="85"/>
      <c r="AI2552" s="85"/>
      <c r="AJ2552" s="85"/>
      <c r="AK2552" s="85"/>
      <c r="AL2552" s="85"/>
      <c r="AM2552" s="92"/>
      <c r="AN2552" s="92"/>
      <c r="AO2552" s="92"/>
      <c r="AP2552" s="92"/>
      <c r="AQ2552" s="92"/>
      <c r="AR2552" s="92"/>
      <c r="AS2552" s="92"/>
      <c r="AT2552" s="92"/>
      <c r="AU2552" s="92"/>
      <c r="AV2552" s="92"/>
      <c r="AW2552" s="92"/>
      <c r="AX2552" s="92"/>
      <c r="AY2552" s="92"/>
      <c r="AZ2552" s="93"/>
      <c r="BA2552" s="93"/>
      <c r="BB2552" s="93"/>
      <c r="BC2552" s="93"/>
      <c r="BD2552" s="93"/>
      <c r="BE2552" s="93"/>
      <c r="BF2552" s="93"/>
      <c r="BG2552" s="93"/>
      <c r="BH2552" s="93"/>
      <c r="BI2552" s="93"/>
      <c r="BJ2552" s="93"/>
      <c r="BK2552" s="93"/>
      <c r="BL2552" s="93"/>
    </row>
    <row r="2553" spans="2:64" x14ac:dyDescent="0.2">
      <c r="B2553" s="43"/>
      <c r="C2553" s="73"/>
      <c r="D2553" s="64"/>
      <c r="E2553" s="55"/>
      <c r="F2553" s="74"/>
      <c r="G2553" s="74"/>
      <c r="H2553" s="74"/>
      <c r="I2553" s="75"/>
      <c r="J2553" s="74"/>
      <c r="L2553" s="55"/>
      <c r="M2553" s="234"/>
      <c r="N2553" s="65"/>
      <c r="O2553" s="76"/>
      <c r="P2553" s="76"/>
      <c r="Q2553" s="65"/>
      <c r="R2553" s="76"/>
      <c r="S2553" s="76"/>
      <c r="T2553" s="76"/>
      <c r="U2553" s="76"/>
      <c r="V2553" s="76"/>
      <c r="W2553" s="76"/>
      <c r="X2553" s="76"/>
      <c r="Y2553" s="76"/>
      <c r="Z2553" s="76"/>
      <c r="AA2553" s="85"/>
      <c r="AB2553" s="85"/>
      <c r="AC2553" s="85"/>
      <c r="AD2553" s="85"/>
      <c r="AE2553" s="85"/>
      <c r="AF2553" s="85"/>
      <c r="AG2553" s="86"/>
      <c r="AH2553" s="85"/>
      <c r="AI2553" s="85"/>
      <c r="AJ2553" s="85"/>
      <c r="AK2553" s="85"/>
      <c r="AL2553" s="85"/>
      <c r="AM2553" s="92"/>
      <c r="AN2553" s="92"/>
      <c r="AO2553" s="92"/>
      <c r="AP2553" s="92"/>
      <c r="AQ2553" s="92"/>
      <c r="AR2553" s="92"/>
      <c r="AS2553" s="92"/>
      <c r="AT2553" s="92"/>
      <c r="AU2553" s="92"/>
      <c r="AV2553" s="92"/>
      <c r="AW2553" s="92"/>
      <c r="AX2553" s="92"/>
      <c r="AY2553" s="92"/>
      <c r="AZ2553" s="93"/>
      <c r="BA2553" s="93"/>
      <c r="BB2553" s="93"/>
      <c r="BC2553" s="93"/>
      <c r="BD2553" s="93"/>
      <c r="BE2553" s="93"/>
      <c r="BF2553" s="93"/>
      <c r="BG2553" s="93"/>
      <c r="BH2553" s="93"/>
      <c r="BI2553" s="93"/>
      <c r="BJ2553" s="93"/>
      <c r="BK2553" s="93"/>
      <c r="BL2553" s="93"/>
    </row>
    <row r="2554" spans="2:64" x14ac:dyDescent="0.2">
      <c r="B2554" s="43"/>
      <c r="C2554" s="73"/>
      <c r="D2554" s="64"/>
      <c r="E2554" s="55"/>
      <c r="F2554" s="74"/>
      <c r="G2554" s="74"/>
      <c r="H2554" s="74"/>
      <c r="I2554" s="75"/>
      <c r="J2554" s="74"/>
      <c r="L2554" s="55"/>
      <c r="M2554" s="234"/>
      <c r="N2554" s="65"/>
      <c r="O2554" s="76"/>
      <c r="P2554" s="76"/>
      <c r="Q2554" s="65"/>
      <c r="R2554" s="76"/>
      <c r="S2554" s="76"/>
      <c r="T2554" s="76"/>
      <c r="U2554" s="76"/>
      <c r="V2554" s="76"/>
      <c r="W2554" s="76"/>
      <c r="X2554" s="76"/>
      <c r="Y2554" s="76"/>
      <c r="Z2554" s="76"/>
      <c r="AA2554" s="85"/>
      <c r="AB2554" s="85"/>
      <c r="AC2554" s="85"/>
      <c r="AD2554" s="85"/>
      <c r="AE2554" s="85"/>
      <c r="AF2554" s="85"/>
      <c r="AG2554" s="86"/>
      <c r="AH2554" s="85"/>
      <c r="AI2554" s="85"/>
      <c r="AJ2554" s="85"/>
      <c r="AK2554" s="85"/>
      <c r="AL2554" s="85"/>
      <c r="AM2554" s="92"/>
      <c r="AN2554" s="92"/>
      <c r="AO2554" s="92"/>
      <c r="AP2554" s="92"/>
      <c r="AQ2554" s="92"/>
      <c r="AR2554" s="92"/>
      <c r="AS2554" s="92"/>
      <c r="AT2554" s="92"/>
      <c r="AU2554" s="92"/>
      <c r="AV2554" s="92"/>
      <c r="AW2554" s="92"/>
      <c r="AX2554" s="92"/>
      <c r="AY2554" s="92"/>
      <c r="AZ2554" s="93"/>
      <c r="BA2554" s="93"/>
      <c r="BB2554" s="93"/>
      <c r="BC2554" s="93"/>
      <c r="BD2554" s="93"/>
      <c r="BE2554" s="93"/>
      <c r="BF2554" s="93"/>
      <c r="BG2554" s="93"/>
      <c r="BH2554" s="93"/>
      <c r="BI2554" s="93"/>
      <c r="BJ2554" s="93"/>
      <c r="BK2554" s="93"/>
      <c r="BL2554" s="93"/>
    </row>
    <row r="2555" spans="2:64" x14ac:dyDescent="0.2">
      <c r="B2555" s="43"/>
      <c r="C2555" s="73"/>
      <c r="D2555" s="64"/>
      <c r="E2555" s="55"/>
      <c r="F2555" s="74"/>
      <c r="G2555" s="74"/>
      <c r="H2555" s="74"/>
      <c r="I2555" s="75"/>
      <c r="J2555" s="74"/>
      <c r="L2555" s="55"/>
      <c r="M2555" s="234"/>
      <c r="N2555" s="65"/>
      <c r="O2555" s="76"/>
      <c r="P2555" s="76"/>
      <c r="Q2555" s="65"/>
      <c r="R2555" s="76"/>
      <c r="S2555" s="76"/>
      <c r="T2555" s="76"/>
      <c r="U2555" s="76"/>
      <c r="V2555" s="76"/>
      <c r="W2555" s="76"/>
      <c r="X2555" s="76"/>
      <c r="Y2555" s="76"/>
      <c r="Z2555" s="76"/>
      <c r="AA2555" s="85"/>
      <c r="AB2555" s="85"/>
      <c r="AC2555" s="85"/>
      <c r="AD2555" s="85"/>
      <c r="AE2555" s="85"/>
      <c r="AF2555" s="85"/>
      <c r="AG2555" s="86"/>
      <c r="AH2555" s="85"/>
      <c r="AI2555" s="85"/>
      <c r="AJ2555" s="85"/>
      <c r="AK2555" s="85"/>
      <c r="AL2555" s="85"/>
      <c r="AM2555" s="92"/>
      <c r="AN2555" s="92"/>
      <c r="AO2555" s="92"/>
      <c r="AP2555" s="92"/>
      <c r="AQ2555" s="92"/>
      <c r="AR2555" s="92"/>
      <c r="AS2555" s="92"/>
      <c r="AT2555" s="92"/>
      <c r="AU2555" s="92"/>
      <c r="AV2555" s="92"/>
      <c r="AW2555" s="92"/>
      <c r="AX2555" s="92"/>
      <c r="AY2555" s="92"/>
      <c r="AZ2555" s="93"/>
      <c r="BA2555" s="93"/>
      <c r="BB2555" s="93"/>
      <c r="BC2555" s="93"/>
      <c r="BD2555" s="93"/>
      <c r="BE2555" s="93"/>
      <c r="BF2555" s="93"/>
      <c r="BG2555" s="93"/>
      <c r="BH2555" s="93"/>
      <c r="BI2555" s="93"/>
      <c r="BJ2555" s="93"/>
      <c r="BK2555" s="93"/>
      <c r="BL2555" s="93"/>
    </row>
    <row r="2556" spans="2:64" x14ac:dyDescent="0.2">
      <c r="B2556" s="43"/>
      <c r="C2556" s="73"/>
      <c r="D2556" s="64"/>
      <c r="E2556" s="55"/>
      <c r="F2556" s="74"/>
      <c r="G2556" s="74"/>
      <c r="H2556" s="74"/>
      <c r="I2556" s="75"/>
      <c r="J2556" s="74"/>
      <c r="L2556" s="55"/>
      <c r="M2556" s="234"/>
      <c r="N2556" s="65"/>
      <c r="O2556" s="76"/>
      <c r="P2556" s="76"/>
      <c r="Q2556" s="65"/>
      <c r="R2556" s="76"/>
      <c r="S2556" s="76"/>
      <c r="T2556" s="76"/>
      <c r="U2556" s="76"/>
      <c r="V2556" s="76"/>
      <c r="W2556" s="76"/>
      <c r="X2556" s="76"/>
      <c r="Y2556" s="76"/>
      <c r="Z2556" s="76"/>
      <c r="AA2556" s="85"/>
      <c r="AB2556" s="85"/>
      <c r="AC2556" s="85"/>
      <c r="AD2556" s="85"/>
      <c r="AE2556" s="85"/>
      <c r="AF2556" s="85"/>
      <c r="AG2556" s="86"/>
      <c r="AH2556" s="85"/>
      <c r="AI2556" s="85"/>
      <c r="AJ2556" s="85"/>
      <c r="AK2556" s="85"/>
      <c r="AL2556" s="85"/>
      <c r="AM2556" s="92"/>
      <c r="AN2556" s="92"/>
      <c r="AO2556" s="92"/>
      <c r="AP2556" s="92"/>
      <c r="AQ2556" s="92"/>
      <c r="AR2556" s="92"/>
      <c r="AS2556" s="92"/>
      <c r="AT2556" s="92"/>
      <c r="AU2556" s="92"/>
      <c r="AV2556" s="92"/>
      <c r="AW2556" s="92"/>
      <c r="AX2556" s="92"/>
      <c r="AY2556" s="92"/>
      <c r="AZ2556" s="93"/>
      <c r="BA2556" s="93"/>
      <c r="BB2556" s="93"/>
      <c r="BC2556" s="93"/>
      <c r="BD2556" s="93"/>
      <c r="BE2556" s="93"/>
      <c r="BF2556" s="93"/>
      <c r="BG2556" s="93"/>
      <c r="BH2556" s="93"/>
      <c r="BI2556" s="93"/>
      <c r="BJ2556" s="93"/>
      <c r="BK2556" s="93"/>
      <c r="BL2556" s="93"/>
    </row>
    <row r="2557" spans="2:64" x14ac:dyDescent="0.2">
      <c r="B2557" s="43"/>
      <c r="C2557" s="73"/>
      <c r="D2557" s="64"/>
      <c r="E2557" s="55"/>
      <c r="F2557" s="74"/>
      <c r="G2557" s="74"/>
      <c r="H2557" s="74"/>
      <c r="I2557" s="75"/>
      <c r="J2557" s="74"/>
      <c r="L2557" s="55"/>
      <c r="M2557" s="234"/>
      <c r="N2557" s="65"/>
      <c r="O2557" s="76"/>
      <c r="P2557" s="76"/>
      <c r="Q2557" s="65"/>
      <c r="R2557" s="76"/>
      <c r="S2557" s="76"/>
      <c r="T2557" s="76"/>
      <c r="U2557" s="76"/>
      <c r="V2557" s="76"/>
      <c r="W2557" s="76"/>
      <c r="X2557" s="76"/>
      <c r="Y2557" s="76"/>
      <c r="Z2557" s="76"/>
      <c r="AA2557" s="85"/>
      <c r="AB2557" s="85"/>
      <c r="AC2557" s="85"/>
      <c r="AD2557" s="85"/>
      <c r="AE2557" s="85"/>
      <c r="AF2557" s="85"/>
      <c r="AG2557" s="86"/>
      <c r="AH2557" s="85"/>
      <c r="AI2557" s="85"/>
      <c r="AJ2557" s="85"/>
      <c r="AK2557" s="85"/>
      <c r="AL2557" s="85"/>
      <c r="AM2557" s="92"/>
      <c r="AN2557" s="92"/>
      <c r="AO2557" s="92"/>
      <c r="AP2557" s="92"/>
      <c r="AQ2557" s="92"/>
      <c r="AR2557" s="92"/>
      <c r="AS2557" s="92"/>
      <c r="AT2557" s="92"/>
      <c r="AU2557" s="92"/>
      <c r="AV2557" s="92"/>
      <c r="AW2557" s="92"/>
      <c r="AX2557" s="92"/>
      <c r="AY2557" s="92"/>
      <c r="AZ2557" s="93"/>
      <c r="BA2557" s="93"/>
      <c r="BB2557" s="93"/>
      <c r="BC2557" s="93"/>
      <c r="BD2557" s="93"/>
      <c r="BE2557" s="93"/>
      <c r="BF2557" s="93"/>
      <c r="BG2557" s="93"/>
      <c r="BH2557" s="93"/>
      <c r="BI2557" s="93"/>
      <c r="BJ2557" s="93"/>
      <c r="BK2557" s="93"/>
      <c r="BL2557" s="93"/>
    </row>
    <row r="2558" spans="2:64" x14ac:dyDescent="0.2">
      <c r="B2558" s="43"/>
      <c r="C2558" s="73"/>
      <c r="D2558" s="64"/>
      <c r="E2558" s="55"/>
      <c r="F2558" s="74"/>
      <c r="G2558" s="74"/>
      <c r="H2558" s="74"/>
      <c r="I2558" s="75"/>
      <c r="J2558" s="74"/>
      <c r="L2558" s="55"/>
      <c r="M2558" s="234"/>
      <c r="N2558" s="65"/>
      <c r="O2558" s="76"/>
      <c r="P2558" s="76"/>
      <c r="Q2558" s="65"/>
      <c r="R2558" s="76"/>
      <c r="S2558" s="76"/>
      <c r="T2558" s="76"/>
      <c r="U2558" s="76"/>
      <c r="V2558" s="76"/>
      <c r="W2558" s="76"/>
      <c r="X2558" s="76"/>
      <c r="Y2558" s="76"/>
      <c r="Z2558" s="76"/>
      <c r="AA2558" s="85"/>
      <c r="AB2558" s="85"/>
      <c r="AC2558" s="85"/>
      <c r="AD2558" s="85"/>
      <c r="AE2558" s="85"/>
      <c r="AF2558" s="85"/>
      <c r="AG2558" s="86"/>
      <c r="AH2558" s="85"/>
      <c r="AI2558" s="85"/>
      <c r="AJ2558" s="85"/>
      <c r="AK2558" s="85"/>
      <c r="AL2558" s="85"/>
      <c r="AM2558" s="92"/>
      <c r="AN2558" s="92"/>
      <c r="AO2558" s="92"/>
      <c r="AP2558" s="92"/>
      <c r="AQ2558" s="92"/>
      <c r="AR2558" s="92"/>
      <c r="AS2558" s="92"/>
      <c r="AT2558" s="92"/>
      <c r="AU2558" s="92"/>
      <c r="AV2558" s="92"/>
      <c r="AW2558" s="92"/>
      <c r="AX2558" s="92"/>
      <c r="AY2558" s="92"/>
      <c r="AZ2558" s="93"/>
      <c r="BA2558" s="93"/>
      <c r="BB2558" s="93"/>
      <c r="BC2558" s="93"/>
      <c r="BD2558" s="93"/>
      <c r="BE2558" s="93"/>
      <c r="BF2558" s="93"/>
      <c r="BG2558" s="93"/>
      <c r="BH2558" s="93"/>
      <c r="BI2558" s="93"/>
      <c r="BJ2558" s="93"/>
      <c r="BK2558" s="93"/>
      <c r="BL2558" s="93"/>
    </row>
    <row r="2559" spans="2:64" x14ac:dyDescent="0.2">
      <c r="B2559" s="43"/>
      <c r="C2559" s="73"/>
      <c r="D2559" s="64"/>
      <c r="E2559" s="55"/>
      <c r="F2559" s="74"/>
      <c r="G2559" s="74"/>
      <c r="H2559" s="74"/>
      <c r="I2559" s="75"/>
      <c r="J2559" s="74"/>
      <c r="L2559" s="55"/>
      <c r="M2559" s="234"/>
      <c r="N2559" s="65"/>
      <c r="O2559" s="76"/>
      <c r="P2559" s="76"/>
      <c r="Q2559" s="65"/>
      <c r="R2559" s="76"/>
      <c r="S2559" s="76"/>
      <c r="T2559" s="76"/>
      <c r="U2559" s="76"/>
      <c r="V2559" s="76"/>
      <c r="W2559" s="76"/>
      <c r="X2559" s="76"/>
      <c r="Y2559" s="76"/>
      <c r="Z2559" s="76"/>
      <c r="AA2559" s="85"/>
      <c r="AB2559" s="85"/>
      <c r="AC2559" s="85"/>
      <c r="AD2559" s="85"/>
      <c r="AE2559" s="85"/>
      <c r="AF2559" s="85"/>
      <c r="AG2559" s="86"/>
      <c r="AH2559" s="85"/>
      <c r="AI2559" s="85"/>
      <c r="AJ2559" s="85"/>
      <c r="AK2559" s="85"/>
      <c r="AL2559" s="85"/>
      <c r="AM2559" s="92"/>
      <c r="AN2559" s="92"/>
      <c r="AO2559" s="92"/>
      <c r="AP2559" s="92"/>
      <c r="AQ2559" s="92"/>
      <c r="AR2559" s="92"/>
      <c r="AS2559" s="92"/>
      <c r="AT2559" s="92"/>
      <c r="AU2559" s="92"/>
      <c r="AV2559" s="92"/>
      <c r="AW2559" s="92"/>
      <c r="AX2559" s="92"/>
      <c r="AY2559" s="92"/>
      <c r="AZ2559" s="93"/>
      <c r="BA2559" s="93"/>
      <c r="BB2559" s="93"/>
      <c r="BC2559" s="93"/>
      <c r="BD2559" s="93"/>
      <c r="BE2559" s="93"/>
      <c r="BF2559" s="93"/>
      <c r="BG2559" s="93"/>
      <c r="BH2559" s="93"/>
      <c r="BI2559" s="93"/>
      <c r="BJ2559" s="93"/>
      <c r="BK2559" s="93"/>
      <c r="BL2559" s="93"/>
    </row>
    <row r="2560" spans="2:64" x14ac:dyDescent="0.2">
      <c r="B2560" s="43"/>
      <c r="C2560" s="73"/>
      <c r="D2560" s="64"/>
      <c r="E2560" s="55"/>
      <c r="F2560" s="74"/>
      <c r="G2560" s="74"/>
      <c r="H2560" s="74"/>
      <c r="I2560" s="75"/>
      <c r="J2560" s="74"/>
      <c r="L2560" s="55"/>
      <c r="M2560" s="234"/>
      <c r="N2560" s="65"/>
      <c r="O2560" s="76"/>
      <c r="P2560" s="76"/>
      <c r="Q2560" s="65"/>
      <c r="R2560" s="76"/>
      <c r="S2560" s="76"/>
      <c r="T2560" s="76"/>
      <c r="U2560" s="76"/>
      <c r="V2560" s="76"/>
      <c r="W2560" s="76"/>
      <c r="X2560" s="76"/>
      <c r="Y2560" s="76"/>
      <c r="Z2560" s="76"/>
      <c r="AA2560" s="85"/>
      <c r="AB2560" s="85"/>
      <c r="AC2560" s="85"/>
      <c r="AD2560" s="85"/>
      <c r="AE2560" s="85"/>
      <c r="AF2560" s="85"/>
      <c r="AG2560" s="86"/>
      <c r="AH2560" s="85"/>
      <c r="AI2560" s="85"/>
      <c r="AJ2560" s="85"/>
      <c r="AK2560" s="85"/>
      <c r="AL2560" s="85"/>
      <c r="AM2560" s="92"/>
      <c r="AN2560" s="92"/>
      <c r="AO2560" s="92"/>
      <c r="AP2560" s="92"/>
      <c r="AQ2560" s="92"/>
      <c r="AR2560" s="92"/>
      <c r="AS2560" s="92"/>
      <c r="AT2560" s="92"/>
      <c r="AU2560" s="92"/>
      <c r="AV2560" s="92"/>
      <c r="AW2560" s="92"/>
      <c r="AX2560" s="92"/>
      <c r="AY2560" s="92"/>
      <c r="AZ2560" s="93"/>
      <c r="BA2560" s="93"/>
      <c r="BB2560" s="93"/>
      <c r="BC2560" s="93"/>
      <c r="BD2560" s="93"/>
      <c r="BE2560" s="93"/>
      <c r="BF2560" s="93"/>
      <c r="BG2560" s="93"/>
      <c r="BH2560" s="93"/>
      <c r="BI2560" s="93"/>
      <c r="BJ2560" s="93"/>
      <c r="BK2560" s="93"/>
      <c r="BL2560" s="93"/>
    </row>
    <row r="2561" spans="2:64" x14ac:dyDescent="0.2">
      <c r="B2561" s="43"/>
      <c r="C2561" s="73"/>
      <c r="D2561" s="64"/>
      <c r="E2561" s="55"/>
      <c r="F2561" s="74"/>
      <c r="G2561" s="74"/>
      <c r="H2561" s="74"/>
      <c r="I2561" s="75"/>
      <c r="J2561" s="74"/>
      <c r="L2561" s="55"/>
      <c r="M2561" s="234"/>
      <c r="N2561" s="65"/>
      <c r="O2561" s="76"/>
      <c r="P2561" s="76"/>
      <c r="Q2561" s="65"/>
      <c r="R2561" s="76"/>
      <c r="S2561" s="76"/>
      <c r="T2561" s="76"/>
      <c r="U2561" s="76"/>
      <c r="V2561" s="76"/>
      <c r="W2561" s="76"/>
      <c r="X2561" s="76"/>
      <c r="Y2561" s="76"/>
      <c r="Z2561" s="76"/>
      <c r="AA2561" s="85"/>
      <c r="AB2561" s="85"/>
      <c r="AC2561" s="85"/>
      <c r="AD2561" s="85"/>
      <c r="AE2561" s="85"/>
      <c r="AF2561" s="85"/>
      <c r="AG2561" s="86"/>
      <c r="AH2561" s="85"/>
      <c r="AI2561" s="85"/>
      <c r="AJ2561" s="85"/>
      <c r="AK2561" s="85"/>
      <c r="AL2561" s="85"/>
      <c r="AM2561" s="92"/>
      <c r="AN2561" s="92"/>
      <c r="AO2561" s="92"/>
      <c r="AP2561" s="92"/>
      <c r="AQ2561" s="92"/>
      <c r="AR2561" s="92"/>
      <c r="AS2561" s="92"/>
      <c r="AT2561" s="92"/>
      <c r="AU2561" s="92"/>
      <c r="AV2561" s="92"/>
      <c r="AW2561" s="92"/>
      <c r="AX2561" s="92"/>
      <c r="AY2561" s="92"/>
      <c r="AZ2561" s="93"/>
      <c r="BA2561" s="93"/>
      <c r="BB2561" s="93"/>
      <c r="BC2561" s="93"/>
      <c r="BD2561" s="93"/>
      <c r="BE2561" s="93"/>
      <c r="BF2561" s="93"/>
      <c r="BG2561" s="93"/>
      <c r="BH2561" s="93"/>
      <c r="BI2561" s="93"/>
      <c r="BJ2561" s="93"/>
      <c r="BK2561" s="93"/>
      <c r="BL2561" s="93"/>
    </row>
    <row r="2562" spans="2:64" x14ac:dyDescent="0.2">
      <c r="B2562" s="43"/>
      <c r="C2562" s="73"/>
      <c r="D2562" s="64"/>
      <c r="E2562" s="55"/>
      <c r="F2562" s="74"/>
      <c r="G2562" s="74"/>
      <c r="H2562" s="74"/>
      <c r="I2562" s="75"/>
      <c r="J2562" s="74"/>
      <c r="L2562" s="55"/>
      <c r="M2562" s="234"/>
      <c r="N2562" s="65"/>
      <c r="O2562" s="76"/>
      <c r="P2562" s="76"/>
      <c r="Q2562" s="65"/>
      <c r="R2562" s="76"/>
      <c r="S2562" s="76"/>
      <c r="T2562" s="76"/>
      <c r="U2562" s="76"/>
      <c r="V2562" s="76"/>
      <c r="W2562" s="76"/>
      <c r="X2562" s="76"/>
      <c r="Y2562" s="76"/>
      <c r="Z2562" s="76"/>
      <c r="AA2562" s="85"/>
      <c r="AB2562" s="85"/>
      <c r="AC2562" s="85"/>
      <c r="AD2562" s="85"/>
      <c r="AE2562" s="85"/>
      <c r="AF2562" s="85"/>
      <c r="AG2562" s="86"/>
      <c r="AH2562" s="85"/>
      <c r="AI2562" s="85"/>
      <c r="AJ2562" s="85"/>
      <c r="AK2562" s="85"/>
      <c r="AL2562" s="85"/>
      <c r="AM2562" s="92"/>
      <c r="AN2562" s="92"/>
      <c r="AO2562" s="92"/>
      <c r="AP2562" s="92"/>
      <c r="AQ2562" s="92"/>
      <c r="AR2562" s="92"/>
      <c r="AS2562" s="92"/>
      <c r="AT2562" s="92"/>
      <c r="AU2562" s="92"/>
      <c r="AV2562" s="92"/>
      <c r="AW2562" s="92"/>
      <c r="AX2562" s="92"/>
      <c r="AY2562" s="92"/>
      <c r="AZ2562" s="93"/>
      <c r="BA2562" s="93"/>
      <c r="BB2562" s="93"/>
      <c r="BC2562" s="93"/>
      <c r="BD2562" s="93"/>
      <c r="BE2562" s="93"/>
      <c r="BF2562" s="93"/>
      <c r="BG2562" s="93"/>
      <c r="BH2562" s="93"/>
      <c r="BI2562" s="93"/>
      <c r="BJ2562" s="93"/>
      <c r="BK2562" s="93"/>
      <c r="BL2562" s="93"/>
    </row>
    <row r="2563" spans="2:64" x14ac:dyDescent="0.2">
      <c r="B2563" s="43"/>
      <c r="C2563" s="73"/>
      <c r="D2563" s="64"/>
      <c r="E2563" s="55"/>
      <c r="F2563" s="74"/>
      <c r="G2563" s="74"/>
      <c r="H2563" s="74"/>
      <c r="I2563" s="75"/>
      <c r="J2563" s="74"/>
      <c r="L2563" s="55"/>
      <c r="M2563" s="234"/>
      <c r="N2563" s="65"/>
      <c r="O2563" s="76"/>
      <c r="P2563" s="76"/>
      <c r="Q2563" s="65"/>
      <c r="R2563" s="76"/>
      <c r="S2563" s="76"/>
      <c r="T2563" s="76"/>
      <c r="U2563" s="76"/>
      <c r="V2563" s="76"/>
      <c r="W2563" s="76"/>
      <c r="X2563" s="76"/>
      <c r="Y2563" s="76"/>
      <c r="Z2563" s="76"/>
      <c r="AA2563" s="85"/>
      <c r="AB2563" s="85"/>
      <c r="AC2563" s="85"/>
      <c r="AD2563" s="85"/>
      <c r="AE2563" s="85"/>
      <c r="AF2563" s="85"/>
      <c r="AG2563" s="86"/>
      <c r="AH2563" s="85"/>
      <c r="AI2563" s="85"/>
      <c r="AJ2563" s="85"/>
      <c r="AK2563" s="85"/>
      <c r="AL2563" s="85"/>
      <c r="AM2563" s="92"/>
      <c r="AN2563" s="92"/>
      <c r="AO2563" s="92"/>
      <c r="AP2563" s="92"/>
      <c r="AQ2563" s="92"/>
      <c r="AR2563" s="92"/>
      <c r="AS2563" s="92"/>
      <c r="AT2563" s="92"/>
      <c r="AU2563" s="92"/>
      <c r="AV2563" s="92"/>
      <c r="AW2563" s="92"/>
      <c r="AX2563" s="92"/>
      <c r="AY2563" s="92"/>
      <c r="AZ2563" s="93"/>
      <c r="BA2563" s="93"/>
      <c r="BB2563" s="93"/>
      <c r="BC2563" s="93"/>
      <c r="BD2563" s="93"/>
      <c r="BE2563" s="93"/>
      <c r="BF2563" s="93"/>
      <c r="BG2563" s="93"/>
      <c r="BH2563" s="93"/>
      <c r="BI2563" s="93"/>
      <c r="BJ2563" s="93"/>
      <c r="BK2563" s="93"/>
      <c r="BL2563" s="93"/>
    </row>
    <row r="2564" spans="2:64" x14ac:dyDescent="0.2">
      <c r="B2564" s="43"/>
      <c r="C2564" s="73"/>
      <c r="D2564" s="64"/>
      <c r="E2564" s="55"/>
      <c r="F2564" s="74"/>
      <c r="G2564" s="74"/>
      <c r="H2564" s="74"/>
      <c r="I2564" s="75"/>
      <c r="J2564" s="74"/>
      <c r="L2564" s="55"/>
      <c r="M2564" s="234"/>
      <c r="N2564" s="65"/>
      <c r="O2564" s="76"/>
      <c r="P2564" s="76"/>
      <c r="Q2564" s="65"/>
      <c r="R2564" s="76"/>
      <c r="S2564" s="76"/>
      <c r="T2564" s="76"/>
      <c r="U2564" s="76"/>
      <c r="V2564" s="76"/>
      <c r="W2564" s="76"/>
      <c r="X2564" s="76"/>
      <c r="Y2564" s="76"/>
      <c r="Z2564" s="76"/>
      <c r="AA2564" s="85"/>
      <c r="AB2564" s="85"/>
      <c r="AC2564" s="85"/>
      <c r="AD2564" s="85"/>
      <c r="AE2564" s="85"/>
      <c r="AF2564" s="85"/>
      <c r="AG2564" s="86"/>
      <c r="AH2564" s="85"/>
      <c r="AI2564" s="85"/>
      <c r="AJ2564" s="85"/>
      <c r="AK2564" s="85"/>
      <c r="AL2564" s="85"/>
      <c r="AM2564" s="92"/>
      <c r="AN2564" s="92"/>
      <c r="AO2564" s="92"/>
      <c r="AP2564" s="92"/>
      <c r="AQ2564" s="92"/>
      <c r="AR2564" s="92"/>
      <c r="AS2564" s="92"/>
      <c r="AT2564" s="92"/>
      <c r="AU2564" s="92"/>
      <c r="AV2564" s="92"/>
      <c r="AW2564" s="92"/>
      <c r="AX2564" s="92"/>
      <c r="AY2564" s="92"/>
      <c r="AZ2564" s="93"/>
      <c r="BA2564" s="93"/>
      <c r="BB2564" s="93"/>
      <c r="BC2564" s="93"/>
      <c r="BD2564" s="93"/>
      <c r="BE2564" s="93"/>
      <c r="BF2564" s="93"/>
      <c r="BG2564" s="93"/>
      <c r="BH2564" s="93"/>
      <c r="BI2564" s="93"/>
      <c r="BJ2564" s="93"/>
      <c r="BK2564" s="93"/>
      <c r="BL2564" s="93"/>
    </row>
    <row r="2565" spans="2:64" x14ac:dyDescent="0.2">
      <c r="B2565" s="43"/>
      <c r="C2565" s="73"/>
      <c r="D2565" s="64"/>
      <c r="E2565" s="55"/>
      <c r="F2565" s="74"/>
      <c r="G2565" s="74"/>
      <c r="H2565" s="74"/>
      <c r="I2565" s="75"/>
      <c r="J2565" s="74"/>
      <c r="L2565" s="55"/>
      <c r="M2565" s="234"/>
      <c r="N2565" s="65"/>
      <c r="O2565" s="76"/>
      <c r="P2565" s="76"/>
      <c r="Q2565" s="65"/>
      <c r="R2565" s="76"/>
      <c r="S2565" s="76"/>
      <c r="T2565" s="76"/>
      <c r="U2565" s="76"/>
      <c r="V2565" s="76"/>
      <c r="W2565" s="76"/>
      <c r="X2565" s="76"/>
      <c r="Y2565" s="76"/>
      <c r="Z2565" s="76"/>
      <c r="AA2565" s="85"/>
      <c r="AB2565" s="85"/>
      <c r="AC2565" s="85"/>
      <c r="AD2565" s="85"/>
      <c r="AE2565" s="85"/>
      <c r="AF2565" s="85"/>
      <c r="AG2565" s="86"/>
      <c r="AH2565" s="85"/>
      <c r="AI2565" s="85"/>
      <c r="AJ2565" s="85"/>
      <c r="AK2565" s="85"/>
      <c r="AL2565" s="85"/>
      <c r="AM2565" s="92"/>
      <c r="AN2565" s="92"/>
      <c r="AO2565" s="92"/>
      <c r="AP2565" s="92"/>
      <c r="AQ2565" s="92"/>
      <c r="AR2565" s="92"/>
      <c r="AS2565" s="92"/>
      <c r="AT2565" s="92"/>
      <c r="AU2565" s="92"/>
      <c r="AV2565" s="92"/>
      <c r="AW2565" s="92"/>
      <c r="AX2565" s="92"/>
      <c r="AY2565" s="92"/>
      <c r="AZ2565" s="93"/>
      <c r="BA2565" s="93"/>
      <c r="BB2565" s="93"/>
      <c r="BC2565" s="93"/>
      <c r="BD2565" s="93"/>
      <c r="BE2565" s="93"/>
      <c r="BF2565" s="93"/>
      <c r="BG2565" s="93"/>
      <c r="BH2565" s="93"/>
      <c r="BI2565" s="93"/>
      <c r="BJ2565" s="93"/>
      <c r="BK2565" s="93"/>
      <c r="BL2565" s="93"/>
    </row>
    <row r="2566" spans="2:64" x14ac:dyDescent="0.2">
      <c r="B2566" s="43"/>
      <c r="C2566" s="73"/>
      <c r="D2566" s="64"/>
      <c r="E2566" s="55"/>
      <c r="F2566" s="74"/>
      <c r="G2566" s="74"/>
      <c r="H2566" s="74"/>
      <c r="I2566" s="75"/>
      <c r="J2566" s="74"/>
      <c r="L2566" s="55"/>
      <c r="M2566" s="234"/>
      <c r="N2566" s="65"/>
      <c r="O2566" s="76"/>
      <c r="P2566" s="76"/>
      <c r="Q2566" s="65"/>
      <c r="R2566" s="76"/>
      <c r="S2566" s="76"/>
      <c r="T2566" s="76"/>
      <c r="U2566" s="76"/>
      <c r="V2566" s="76"/>
      <c r="W2566" s="76"/>
      <c r="X2566" s="76"/>
      <c r="Y2566" s="76"/>
      <c r="Z2566" s="76"/>
      <c r="AA2566" s="85"/>
      <c r="AB2566" s="85"/>
      <c r="AC2566" s="85"/>
      <c r="AD2566" s="85"/>
      <c r="AE2566" s="85"/>
      <c r="AF2566" s="85"/>
      <c r="AG2566" s="86"/>
      <c r="AH2566" s="85"/>
      <c r="AI2566" s="85"/>
      <c r="AJ2566" s="85"/>
      <c r="AK2566" s="85"/>
      <c r="AL2566" s="85"/>
      <c r="AM2566" s="92"/>
      <c r="AN2566" s="92"/>
      <c r="AO2566" s="92"/>
      <c r="AP2566" s="92"/>
      <c r="AQ2566" s="92"/>
      <c r="AR2566" s="92"/>
      <c r="AS2566" s="92"/>
      <c r="AT2566" s="92"/>
      <c r="AU2566" s="92"/>
      <c r="AV2566" s="92"/>
      <c r="AW2566" s="92"/>
      <c r="AX2566" s="92"/>
      <c r="AY2566" s="92"/>
      <c r="AZ2566" s="93"/>
      <c r="BA2566" s="93"/>
      <c r="BB2566" s="93"/>
      <c r="BC2566" s="93"/>
      <c r="BD2566" s="93"/>
      <c r="BE2566" s="93"/>
      <c r="BF2566" s="93"/>
      <c r="BG2566" s="93"/>
      <c r="BH2566" s="93"/>
      <c r="BI2566" s="93"/>
      <c r="BJ2566" s="93"/>
      <c r="BK2566" s="93"/>
      <c r="BL2566" s="93"/>
    </row>
    <row r="2567" spans="2:64" x14ac:dyDescent="0.2">
      <c r="B2567" s="43"/>
      <c r="C2567" s="73"/>
      <c r="D2567" s="64"/>
      <c r="E2567" s="55"/>
      <c r="F2567" s="74"/>
      <c r="G2567" s="74"/>
      <c r="H2567" s="74"/>
      <c r="I2567" s="75"/>
      <c r="J2567" s="74"/>
      <c r="L2567" s="55"/>
      <c r="M2567" s="234"/>
      <c r="N2567" s="65"/>
      <c r="O2567" s="76"/>
      <c r="P2567" s="76"/>
      <c r="Q2567" s="65"/>
      <c r="R2567" s="76"/>
      <c r="S2567" s="76"/>
      <c r="T2567" s="76"/>
      <c r="U2567" s="76"/>
      <c r="V2567" s="76"/>
      <c r="W2567" s="76"/>
      <c r="X2567" s="76"/>
      <c r="Y2567" s="76"/>
      <c r="Z2567" s="76"/>
      <c r="AA2567" s="85"/>
      <c r="AB2567" s="85"/>
      <c r="AC2567" s="85"/>
      <c r="AD2567" s="85"/>
      <c r="AE2567" s="85"/>
      <c r="AF2567" s="85"/>
      <c r="AG2567" s="86"/>
      <c r="AH2567" s="85"/>
      <c r="AI2567" s="85"/>
      <c r="AJ2567" s="85"/>
      <c r="AK2567" s="85"/>
      <c r="AL2567" s="85"/>
      <c r="AM2567" s="92"/>
      <c r="AN2567" s="92"/>
      <c r="AO2567" s="92"/>
      <c r="AP2567" s="92"/>
      <c r="AQ2567" s="92"/>
      <c r="AR2567" s="92"/>
      <c r="AS2567" s="92"/>
      <c r="AT2567" s="92"/>
      <c r="AU2567" s="92"/>
      <c r="AV2567" s="92"/>
      <c r="AW2567" s="92"/>
      <c r="AX2567" s="92"/>
      <c r="AY2567" s="92"/>
      <c r="AZ2567" s="93"/>
      <c r="BA2567" s="93"/>
      <c r="BB2567" s="93"/>
      <c r="BC2567" s="93"/>
      <c r="BD2567" s="93"/>
      <c r="BE2567" s="93"/>
      <c r="BF2567" s="93"/>
      <c r="BG2567" s="93"/>
      <c r="BH2567" s="93"/>
      <c r="BI2567" s="93"/>
      <c r="BJ2567" s="93"/>
      <c r="BK2567" s="93"/>
      <c r="BL2567" s="93"/>
    </row>
    <row r="2568" spans="2:64" x14ac:dyDescent="0.2">
      <c r="B2568" s="43"/>
      <c r="C2568" s="73"/>
      <c r="D2568" s="64"/>
      <c r="E2568" s="55"/>
      <c r="F2568" s="74"/>
      <c r="G2568" s="74"/>
      <c r="H2568" s="74"/>
      <c r="I2568" s="75"/>
      <c r="J2568" s="74"/>
      <c r="L2568" s="55"/>
      <c r="M2568" s="234"/>
      <c r="N2568" s="65"/>
      <c r="O2568" s="76"/>
      <c r="P2568" s="76"/>
      <c r="Q2568" s="65"/>
      <c r="R2568" s="76"/>
      <c r="S2568" s="76"/>
      <c r="T2568" s="76"/>
      <c r="U2568" s="76"/>
      <c r="V2568" s="76"/>
      <c r="W2568" s="76"/>
      <c r="X2568" s="76"/>
      <c r="Y2568" s="76"/>
      <c r="Z2568" s="76"/>
      <c r="AA2568" s="85"/>
      <c r="AB2568" s="85"/>
      <c r="AC2568" s="85"/>
      <c r="AD2568" s="85"/>
      <c r="AE2568" s="85"/>
      <c r="AF2568" s="85"/>
      <c r="AG2568" s="86"/>
      <c r="AH2568" s="85"/>
      <c r="AI2568" s="85"/>
      <c r="AJ2568" s="85"/>
      <c r="AK2568" s="85"/>
      <c r="AL2568" s="85"/>
      <c r="AM2568" s="92"/>
      <c r="AN2568" s="92"/>
      <c r="AO2568" s="92"/>
      <c r="AP2568" s="92"/>
      <c r="AQ2568" s="92"/>
      <c r="AR2568" s="92"/>
      <c r="AS2568" s="92"/>
      <c r="AT2568" s="92"/>
      <c r="AU2568" s="92"/>
      <c r="AV2568" s="92"/>
      <c r="AW2568" s="92"/>
      <c r="AX2568" s="92"/>
      <c r="AY2568" s="92"/>
      <c r="AZ2568" s="93"/>
      <c r="BA2568" s="93"/>
      <c r="BB2568" s="93"/>
      <c r="BC2568" s="93"/>
      <c r="BD2568" s="93"/>
      <c r="BE2568" s="93"/>
      <c r="BF2568" s="93"/>
      <c r="BG2568" s="93"/>
      <c r="BH2568" s="93"/>
      <c r="BI2568" s="93"/>
      <c r="BJ2568" s="93"/>
      <c r="BK2568" s="93"/>
      <c r="BL2568" s="93"/>
    </row>
    <row r="2569" spans="2:64" x14ac:dyDescent="0.2">
      <c r="B2569" s="43"/>
      <c r="C2569" s="73"/>
      <c r="D2569" s="64"/>
      <c r="E2569" s="55"/>
      <c r="F2569" s="74"/>
      <c r="G2569" s="74"/>
      <c r="H2569" s="74"/>
      <c r="I2569" s="75"/>
      <c r="J2569" s="74"/>
      <c r="L2569" s="55"/>
      <c r="M2569" s="234"/>
      <c r="N2569" s="65"/>
      <c r="O2569" s="76"/>
      <c r="P2569" s="76"/>
      <c r="Q2569" s="65"/>
      <c r="R2569" s="76"/>
      <c r="S2569" s="76"/>
      <c r="T2569" s="76"/>
      <c r="U2569" s="76"/>
      <c r="V2569" s="76"/>
      <c r="W2569" s="76"/>
      <c r="X2569" s="76"/>
      <c r="Y2569" s="76"/>
      <c r="Z2569" s="76"/>
      <c r="AA2569" s="85"/>
      <c r="AB2569" s="85"/>
      <c r="AC2569" s="85"/>
      <c r="AD2569" s="85"/>
      <c r="AE2569" s="85"/>
      <c r="AF2569" s="85"/>
      <c r="AG2569" s="86"/>
      <c r="AH2569" s="85"/>
      <c r="AI2569" s="85"/>
      <c r="AJ2569" s="85"/>
      <c r="AK2569" s="85"/>
      <c r="AL2569" s="85"/>
      <c r="AM2569" s="92"/>
      <c r="AN2569" s="92"/>
      <c r="AO2569" s="92"/>
      <c r="AP2569" s="92"/>
      <c r="AQ2569" s="92"/>
      <c r="AR2569" s="92"/>
      <c r="AS2569" s="92"/>
      <c r="AT2569" s="92"/>
      <c r="AU2569" s="92"/>
      <c r="AV2569" s="92"/>
      <c r="AW2569" s="92"/>
      <c r="AX2569" s="92"/>
      <c r="AY2569" s="92"/>
      <c r="AZ2569" s="93"/>
      <c r="BA2569" s="93"/>
      <c r="BB2569" s="93"/>
      <c r="BC2569" s="93"/>
      <c r="BD2569" s="93"/>
      <c r="BE2569" s="93"/>
      <c r="BF2569" s="93"/>
      <c r="BG2569" s="93"/>
      <c r="BH2569" s="93"/>
      <c r="BI2569" s="93"/>
      <c r="BJ2569" s="93"/>
      <c r="BK2569" s="93"/>
      <c r="BL2569" s="93"/>
    </row>
    <row r="2570" spans="2:64" x14ac:dyDescent="0.2">
      <c r="B2570" s="43"/>
      <c r="C2570" s="73"/>
      <c r="D2570" s="64"/>
      <c r="E2570" s="55"/>
      <c r="F2570" s="74"/>
      <c r="G2570" s="74"/>
      <c r="H2570" s="74"/>
      <c r="I2570" s="75"/>
      <c r="J2570" s="74"/>
      <c r="L2570" s="55"/>
      <c r="M2570" s="234"/>
      <c r="N2570" s="65"/>
      <c r="O2570" s="76"/>
      <c r="P2570" s="76"/>
      <c r="Q2570" s="65"/>
      <c r="R2570" s="76"/>
      <c r="S2570" s="76"/>
      <c r="T2570" s="76"/>
      <c r="U2570" s="76"/>
      <c r="V2570" s="76"/>
      <c r="W2570" s="76"/>
      <c r="X2570" s="76"/>
      <c r="Y2570" s="76"/>
      <c r="Z2570" s="76"/>
      <c r="AA2570" s="85"/>
      <c r="AB2570" s="85"/>
      <c r="AC2570" s="85"/>
      <c r="AD2570" s="85"/>
      <c r="AE2570" s="85"/>
      <c r="AF2570" s="85"/>
      <c r="AG2570" s="86"/>
      <c r="AH2570" s="85"/>
      <c r="AI2570" s="85"/>
      <c r="AJ2570" s="85"/>
      <c r="AK2570" s="85"/>
      <c r="AL2570" s="85"/>
      <c r="AM2570" s="92"/>
      <c r="AN2570" s="92"/>
      <c r="AO2570" s="92"/>
      <c r="AP2570" s="92"/>
      <c r="AQ2570" s="92"/>
      <c r="AR2570" s="92"/>
      <c r="AS2570" s="92"/>
      <c r="AT2570" s="92"/>
      <c r="AU2570" s="92"/>
      <c r="AV2570" s="92"/>
      <c r="AW2570" s="92"/>
      <c r="AX2570" s="92"/>
      <c r="AY2570" s="92"/>
      <c r="AZ2570" s="93"/>
      <c r="BA2570" s="93"/>
      <c r="BB2570" s="93"/>
      <c r="BC2570" s="93"/>
      <c r="BD2570" s="93"/>
      <c r="BE2570" s="93"/>
      <c r="BF2570" s="93"/>
      <c r="BG2570" s="93"/>
      <c r="BH2570" s="93"/>
      <c r="BI2570" s="93"/>
      <c r="BJ2570" s="93"/>
      <c r="BK2570" s="93"/>
      <c r="BL2570" s="93"/>
    </row>
    <row r="2571" spans="2:64" x14ac:dyDescent="0.2">
      <c r="B2571" s="43"/>
      <c r="C2571" s="73"/>
      <c r="D2571" s="64"/>
      <c r="E2571" s="55"/>
      <c r="F2571" s="74"/>
      <c r="G2571" s="74"/>
      <c r="H2571" s="74"/>
      <c r="I2571" s="75"/>
      <c r="J2571" s="74"/>
      <c r="L2571" s="55"/>
      <c r="M2571" s="234"/>
      <c r="N2571" s="65"/>
      <c r="O2571" s="76"/>
      <c r="P2571" s="76"/>
      <c r="Q2571" s="65"/>
      <c r="R2571" s="76"/>
      <c r="S2571" s="76"/>
      <c r="T2571" s="76"/>
      <c r="U2571" s="76"/>
      <c r="V2571" s="76"/>
      <c r="W2571" s="76"/>
      <c r="X2571" s="76"/>
      <c r="Y2571" s="76"/>
      <c r="Z2571" s="76"/>
      <c r="AA2571" s="85"/>
      <c r="AB2571" s="85"/>
      <c r="AC2571" s="85"/>
      <c r="AD2571" s="85"/>
      <c r="AE2571" s="85"/>
      <c r="AF2571" s="85"/>
      <c r="AG2571" s="86"/>
      <c r="AH2571" s="85"/>
      <c r="AI2571" s="85"/>
      <c r="AJ2571" s="85"/>
      <c r="AK2571" s="85"/>
      <c r="AL2571" s="85"/>
      <c r="AM2571" s="92"/>
      <c r="AN2571" s="92"/>
      <c r="AO2571" s="92"/>
      <c r="AP2571" s="92"/>
      <c r="AQ2571" s="92"/>
      <c r="AR2571" s="92"/>
      <c r="AS2571" s="92"/>
      <c r="AT2571" s="92"/>
      <c r="AU2571" s="92"/>
      <c r="AV2571" s="92"/>
      <c r="AW2571" s="92"/>
      <c r="AX2571" s="92"/>
      <c r="AY2571" s="92"/>
      <c r="AZ2571" s="93"/>
      <c r="BA2571" s="93"/>
      <c r="BB2571" s="93"/>
      <c r="BC2571" s="93"/>
      <c r="BD2571" s="93"/>
      <c r="BE2571" s="93"/>
      <c r="BF2571" s="93"/>
      <c r="BG2571" s="93"/>
      <c r="BH2571" s="93"/>
      <c r="BI2571" s="93"/>
      <c r="BJ2571" s="93"/>
      <c r="BK2571" s="93"/>
      <c r="BL2571" s="93"/>
    </row>
    <row r="2572" spans="2:64" x14ac:dyDescent="0.2">
      <c r="B2572" s="43"/>
      <c r="C2572" s="73"/>
      <c r="D2572" s="64"/>
      <c r="E2572" s="55"/>
      <c r="F2572" s="74"/>
      <c r="G2572" s="74"/>
      <c r="H2572" s="74"/>
      <c r="I2572" s="75"/>
      <c r="J2572" s="74"/>
      <c r="L2572" s="55"/>
      <c r="M2572" s="234"/>
      <c r="N2572" s="65"/>
      <c r="O2572" s="76"/>
      <c r="P2572" s="76"/>
      <c r="Q2572" s="65"/>
      <c r="R2572" s="76"/>
      <c r="S2572" s="76"/>
      <c r="T2572" s="76"/>
      <c r="U2572" s="76"/>
      <c r="V2572" s="76"/>
      <c r="W2572" s="76"/>
      <c r="X2572" s="76"/>
      <c r="Y2572" s="76"/>
      <c r="Z2572" s="76"/>
      <c r="AA2572" s="85"/>
      <c r="AB2572" s="85"/>
      <c r="AC2572" s="85"/>
      <c r="AD2572" s="85"/>
      <c r="AE2572" s="85"/>
      <c r="AF2572" s="85"/>
      <c r="AG2572" s="86"/>
      <c r="AH2572" s="85"/>
      <c r="AI2572" s="85"/>
      <c r="AJ2572" s="85"/>
      <c r="AK2572" s="85"/>
      <c r="AL2572" s="85"/>
      <c r="AM2572" s="92"/>
      <c r="AN2572" s="92"/>
      <c r="AO2572" s="92"/>
      <c r="AP2572" s="92"/>
      <c r="AQ2572" s="92"/>
      <c r="AR2572" s="92"/>
      <c r="AS2572" s="92"/>
      <c r="AT2572" s="92"/>
      <c r="AU2572" s="92"/>
      <c r="AV2572" s="92"/>
      <c r="AW2572" s="92"/>
      <c r="AX2572" s="92"/>
      <c r="AY2572" s="92"/>
      <c r="AZ2572" s="93"/>
      <c r="BA2572" s="93"/>
      <c r="BB2572" s="93"/>
      <c r="BC2572" s="93"/>
      <c r="BD2572" s="93"/>
      <c r="BE2572" s="93"/>
      <c r="BF2572" s="93"/>
      <c r="BG2572" s="93"/>
      <c r="BH2572" s="93"/>
      <c r="BI2572" s="93"/>
      <c r="BJ2572" s="93"/>
      <c r="BK2572" s="93"/>
      <c r="BL2572" s="93"/>
    </row>
    <row r="2573" spans="2:64" x14ac:dyDescent="0.2">
      <c r="B2573" s="43"/>
      <c r="C2573" s="73"/>
      <c r="D2573" s="64"/>
      <c r="E2573" s="55"/>
      <c r="F2573" s="74"/>
      <c r="G2573" s="74"/>
      <c r="H2573" s="74"/>
      <c r="I2573" s="75"/>
      <c r="J2573" s="74"/>
      <c r="L2573" s="55"/>
      <c r="M2573" s="234"/>
      <c r="N2573" s="65"/>
      <c r="O2573" s="76"/>
      <c r="P2573" s="76"/>
      <c r="Q2573" s="65"/>
      <c r="R2573" s="76"/>
      <c r="S2573" s="76"/>
      <c r="T2573" s="76"/>
      <c r="U2573" s="76"/>
      <c r="V2573" s="76"/>
      <c r="W2573" s="76"/>
      <c r="X2573" s="76"/>
      <c r="Y2573" s="76"/>
      <c r="Z2573" s="76"/>
      <c r="AA2573" s="85"/>
      <c r="AB2573" s="85"/>
      <c r="AC2573" s="85"/>
      <c r="AD2573" s="85"/>
      <c r="AE2573" s="85"/>
      <c r="AF2573" s="85"/>
      <c r="AG2573" s="86"/>
      <c r="AH2573" s="85"/>
      <c r="AI2573" s="85"/>
      <c r="AJ2573" s="85"/>
      <c r="AK2573" s="85"/>
      <c r="AL2573" s="85"/>
      <c r="AM2573" s="92"/>
      <c r="AN2573" s="92"/>
      <c r="AO2573" s="92"/>
      <c r="AP2573" s="92"/>
      <c r="AQ2573" s="92"/>
      <c r="AR2573" s="92"/>
      <c r="AS2573" s="92"/>
      <c r="AT2573" s="92"/>
      <c r="AU2573" s="92"/>
      <c r="AV2573" s="92"/>
      <c r="AW2573" s="92"/>
      <c r="AX2573" s="92"/>
      <c r="AY2573" s="92"/>
      <c r="AZ2573" s="93"/>
      <c r="BA2573" s="93"/>
      <c r="BB2573" s="93"/>
      <c r="BC2573" s="93"/>
      <c r="BD2573" s="93"/>
      <c r="BE2573" s="93"/>
      <c r="BF2573" s="93"/>
      <c r="BG2573" s="93"/>
      <c r="BH2573" s="93"/>
      <c r="BI2573" s="93"/>
      <c r="BJ2573" s="93"/>
      <c r="BK2573" s="93"/>
      <c r="BL2573" s="93"/>
    </row>
    <row r="2574" spans="2:64" x14ac:dyDescent="0.2">
      <c r="B2574" s="43"/>
      <c r="C2574" s="73"/>
      <c r="D2574" s="64"/>
      <c r="E2574" s="55"/>
      <c r="F2574" s="74"/>
      <c r="G2574" s="74"/>
      <c r="H2574" s="74"/>
      <c r="I2574" s="75"/>
      <c r="J2574" s="74"/>
      <c r="L2574" s="55"/>
      <c r="M2574" s="234"/>
      <c r="N2574" s="65"/>
      <c r="O2574" s="76"/>
      <c r="P2574" s="76"/>
      <c r="Q2574" s="65"/>
      <c r="R2574" s="76"/>
      <c r="S2574" s="76"/>
      <c r="T2574" s="76"/>
      <c r="U2574" s="76"/>
      <c r="V2574" s="76"/>
      <c r="W2574" s="76"/>
      <c r="X2574" s="76"/>
      <c r="Y2574" s="76"/>
      <c r="Z2574" s="76"/>
      <c r="AA2574" s="85"/>
      <c r="AB2574" s="85"/>
      <c r="AC2574" s="85"/>
      <c r="AD2574" s="85"/>
      <c r="AE2574" s="85"/>
      <c r="AF2574" s="85"/>
      <c r="AG2574" s="86"/>
      <c r="AH2574" s="85"/>
      <c r="AI2574" s="85"/>
      <c r="AJ2574" s="85"/>
      <c r="AK2574" s="85"/>
      <c r="AL2574" s="85"/>
      <c r="AM2574" s="92"/>
      <c r="AN2574" s="92"/>
      <c r="AO2574" s="92"/>
      <c r="AP2574" s="92"/>
      <c r="AQ2574" s="92"/>
      <c r="AR2574" s="92"/>
      <c r="AS2574" s="92"/>
      <c r="AT2574" s="92"/>
      <c r="AU2574" s="92"/>
      <c r="AV2574" s="92"/>
      <c r="AW2574" s="92"/>
      <c r="AX2574" s="92"/>
      <c r="AY2574" s="92"/>
      <c r="AZ2574" s="93"/>
      <c r="BA2574" s="93"/>
      <c r="BB2574" s="93"/>
      <c r="BC2574" s="93"/>
      <c r="BD2574" s="93"/>
      <c r="BE2574" s="93"/>
      <c r="BF2574" s="93"/>
      <c r="BG2574" s="93"/>
      <c r="BH2574" s="93"/>
      <c r="BI2574" s="93"/>
      <c r="BJ2574" s="93"/>
      <c r="BK2574" s="93"/>
      <c r="BL2574" s="93"/>
    </row>
    <row r="2575" spans="2:64" x14ac:dyDescent="0.2">
      <c r="B2575" s="43"/>
      <c r="C2575" s="73"/>
      <c r="D2575" s="64"/>
      <c r="E2575" s="55"/>
      <c r="F2575" s="74"/>
      <c r="G2575" s="74"/>
      <c r="H2575" s="74"/>
      <c r="I2575" s="75"/>
      <c r="J2575" s="74"/>
      <c r="L2575" s="55"/>
      <c r="M2575" s="234"/>
      <c r="N2575" s="65"/>
      <c r="O2575" s="76"/>
      <c r="P2575" s="76"/>
      <c r="Q2575" s="65"/>
      <c r="R2575" s="76"/>
      <c r="S2575" s="76"/>
      <c r="T2575" s="76"/>
      <c r="U2575" s="76"/>
      <c r="V2575" s="76"/>
      <c r="W2575" s="76"/>
      <c r="X2575" s="76"/>
      <c r="Y2575" s="76"/>
      <c r="Z2575" s="76"/>
      <c r="AA2575" s="85"/>
      <c r="AB2575" s="85"/>
      <c r="AC2575" s="85"/>
      <c r="AD2575" s="85"/>
      <c r="AE2575" s="85"/>
      <c r="AF2575" s="85"/>
      <c r="AG2575" s="86"/>
      <c r="AH2575" s="85"/>
      <c r="AI2575" s="85"/>
      <c r="AJ2575" s="85"/>
      <c r="AK2575" s="85"/>
      <c r="AL2575" s="85"/>
      <c r="AM2575" s="92"/>
      <c r="AN2575" s="92"/>
      <c r="AO2575" s="92"/>
      <c r="AP2575" s="92"/>
      <c r="AQ2575" s="92"/>
      <c r="AR2575" s="92"/>
      <c r="AS2575" s="92"/>
      <c r="AT2575" s="92"/>
      <c r="AU2575" s="92"/>
      <c r="AV2575" s="92"/>
      <c r="AW2575" s="92"/>
      <c r="AX2575" s="92"/>
      <c r="AY2575" s="92"/>
      <c r="AZ2575" s="93"/>
      <c r="BA2575" s="93"/>
      <c r="BB2575" s="93"/>
      <c r="BC2575" s="93"/>
      <c r="BD2575" s="93"/>
      <c r="BE2575" s="93"/>
      <c r="BF2575" s="93"/>
      <c r="BG2575" s="93"/>
      <c r="BH2575" s="93"/>
      <c r="BI2575" s="93"/>
      <c r="BJ2575" s="93"/>
      <c r="BK2575" s="93"/>
      <c r="BL2575" s="93"/>
    </row>
    <row r="2576" spans="2:64" x14ac:dyDescent="0.2">
      <c r="B2576" s="43"/>
      <c r="C2576" s="73"/>
      <c r="D2576" s="64"/>
      <c r="E2576" s="55"/>
      <c r="F2576" s="74"/>
      <c r="G2576" s="74"/>
      <c r="H2576" s="74"/>
      <c r="I2576" s="75"/>
      <c r="J2576" s="74"/>
      <c r="L2576" s="55"/>
      <c r="M2576" s="234"/>
      <c r="N2576" s="65"/>
      <c r="O2576" s="76"/>
      <c r="P2576" s="76"/>
      <c r="Q2576" s="65"/>
      <c r="R2576" s="76"/>
      <c r="S2576" s="76"/>
      <c r="T2576" s="76"/>
      <c r="U2576" s="76"/>
      <c r="V2576" s="76"/>
      <c r="W2576" s="76"/>
      <c r="X2576" s="76"/>
      <c r="Y2576" s="76"/>
      <c r="Z2576" s="76"/>
      <c r="AA2576" s="85"/>
      <c r="AB2576" s="85"/>
      <c r="AC2576" s="85"/>
      <c r="AD2576" s="85"/>
      <c r="AE2576" s="85"/>
      <c r="AF2576" s="85"/>
      <c r="AG2576" s="86"/>
      <c r="AH2576" s="85"/>
      <c r="AI2576" s="85"/>
      <c r="AJ2576" s="85"/>
      <c r="AK2576" s="85"/>
      <c r="AL2576" s="85"/>
      <c r="AM2576" s="92"/>
      <c r="AN2576" s="92"/>
      <c r="AO2576" s="92"/>
      <c r="AP2576" s="92"/>
      <c r="AQ2576" s="92"/>
      <c r="AR2576" s="92"/>
      <c r="AS2576" s="92"/>
      <c r="AT2576" s="92"/>
      <c r="AU2576" s="92"/>
      <c r="AV2576" s="92"/>
      <c r="AW2576" s="92"/>
      <c r="AX2576" s="92"/>
      <c r="AY2576" s="92"/>
      <c r="AZ2576" s="93"/>
      <c r="BA2576" s="93"/>
      <c r="BB2576" s="93"/>
      <c r="BC2576" s="93"/>
      <c r="BD2576" s="93"/>
      <c r="BE2576" s="93"/>
      <c r="BF2576" s="93"/>
      <c r="BG2576" s="93"/>
      <c r="BH2576" s="93"/>
      <c r="BI2576" s="93"/>
      <c r="BJ2576" s="93"/>
      <c r="BK2576" s="93"/>
      <c r="BL2576" s="93"/>
    </row>
    <row r="2577" spans="2:64" x14ac:dyDescent="0.2">
      <c r="B2577" s="43"/>
      <c r="C2577" s="73"/>
      <c r="D2577" s="64"/>
      <c r="E2577" s="55"/>
      <c r="F2577" s="74"/>
      <c r="G2577" s="74"/>
      <c r="H2577" s="74"/>
      <c r="I2577" s="75"/>
      <c r="J2577" s="74"/>
      <c r="L2577" s="55"/>
      <c r="M2577" s="234"/>
      <c r="N2577" s="65"/>
      <c r="O2577" s="76"/>
      <c r="P2577" s="76"/>
      <c r="Q2577" s="65"/>
      <c r="R2577" s="76"/>
      <c r="S2577" s="76"/>
      <c r="T2577" s="76"/>
      <c r="U2577" s="76"/>
      <c r="V2577" s="76"/>
      <c r="W2577" s="76"/>
      <c r="X2577" s="76"/>
      <c r="Y2577" s="76"/>
      <c r="Z2577" s="76"/>
      <c r="AA2577" s="85"/>
      <c r="AB2577" s="85"/>
      <c r="AC2577" s="85"/>
      <c r="AD2577" s="85"/>
      <c r="AE2577" s="85"/>
      <c r="AF2577" s="85"/>
      <c r="AG2577" s="86"/>
      <c r="AH2577" s="85"/>
      <c r="AI2577" s="85"/>
      <c r="AJ2577" s="85"/>
      <c r="AK2577" s="85"/>
      <c r="AL2577" s="85"/>
      <c r="AM2577" s="92"/>
      <c r="AN2577" s="92"/>
      <c r="AO2577" s="92"/>
      <c r="AP2577" s="92"/>
      <c r="AQ2577" s="92"/>
      <c r="AR2577" s="92"/>
      <c r="AS2577" s="92"/>
      <c r="AT2577" s="92"/>
      <c r="AU2577" s="92"/>
      <c r="AV2577" s="92"/>
      <c r="AW2577" s="92"/>
      <c r="AX2577" s="92"/>
      <c r="AY2577" s="92"/>
      <c r="AZ2577" s="93"/>
      <c r="BA2577" s="93"/>
      <c r="BB2577" s="93"/>
      <c r="BC2577" s="93"/>
      <c r="BD2577" s="93"/>
      <c r="BE2577" s="93"/>
      <c r="BF2577" s="93"/>
      <c r="BG2577" s="93"/>
      <c r="BH2577" s="93"/>
      <c r="BI2577" s="93"/>
      <c r="BJ2577" s="93"/>
      <c r="BK2577" s="93"/>
      <c r="BL2577" s="93"/>
    </row>
    <row r="2578" spans="2:64" x14ac:dyDescent="0.2">
      <c r="B2578" s="43"/>
      <c r="C2578" s="73"/>
      <c r="D2578" s="64"/>
      <c r="E2578" s="55"/>
      <c r="F2578" s="74"/>
      <c r="G2578" s="74"/>
      <c r="H2578" s="74"/>
      <c r="I2578" s="75"/>
      <c r="J2578" s="74"/>
      <c r="L2578" s="55"/>
      <c r="M2578" s="234"/>
      <c r="N2578" s="65"/>
      <c r="O2578" s="76"/>
      <c r="P2578" s="76"/>
      <c r="Q2578" s="65"/>
      <c r="R2578" s="76"/>
      <c r="S2578" s="76"/>
      <c r="T2578" s="76"/>
      <c r="U2578" s="76"/>
      <c r="V2578" s="76"/>
      <c r="W2578" s="76"/>
      <c r="X2578" s="76"/>
      <c r="Y2578" s="76"/>
      <c r="Z2578" s="76"/>
      <c r="AA2578" s="85"/>
      <c r="AB2578" s="85"/>
      <c r="AC2578" s="85"/>
      <c r="AD2578" s="85"/>
      <c r="AE2578" s="85"/>
      <c r="AF2578" s="85"/>
      <c r="AG2578" s="86"/>
      <c r="AH2578" s="85"/>
      <c r="AI2578" s="85"/>
      <c r="AJ2578" s="85"/>
      <c r="AK2578" s="85"/>
      <c r="AL2578" s="85"/>
      <c r="AM2578" s="92"/>
      <c r="AN2578" s="92"/>
      <c r="AO2578" s="92"/>
      <c r="AP2578" s="92"/>
      <c r="AQ2578" s="92"/>
      <c r="AR2578" s="92"/>
      <c r="AS2578" s="92"/>
      <c r="AT2578" s="92"/>
      <c r="AU2578" s="92"/>
      <c r="AV2578" s="92"/>
      <c r="AW2578" s="92"/>
      <c r="AX2578" s="92"/>
      <c r="AY2578" s="92"/>
      <c r="AZ2578" s="93"/>
      <c r="BA2578" s="93"/>
      <c r="BB2578" s="93"/>
      <c r="BC2578" s="93"/>
      <c r="BD2578" s="93"/>
      <c r="BE2578" s="93"/>
      <c r="BF2578" s="93"/>
      <c r="BG2578" s="93"/>
      <c r="BH2578" s="93"/>
      <c r="BI2578" s="93"/>
      <c r="BJ2578" s="93"/>
      <c r="BK2578" s="93"/>
      <c r="BL2578" s="93"/>
    </row>
    <row r="2579" spans="2:64" x14ac:dyDescent="0.2">
      <c r="B2579" s="43"/>
      <c r="C2579" s="73"/>
      <c r="D2579" s="64"/>
      <c r="E2579" s="55"/>
      <c r="F2579" s="74"/>
      <c r="G2579" s="74"/>
      <c r="H2579" s="74"/>
      <c r="I2579" s="75"/>
      <c r="J2579" s="74"/>
      <c r="L2579" s="55"/>
      <c r="M2579" s="234"/>
      <c r="N2579" s="65"/>
      <c r="O2579" s="76"/>
      <c r="P2579" s="76"/>
      <c r="Q2579" s="65"/>
      <c r="R2579" s="76"/>
      <c r="S2579" s="76"/>
      <c r="T2579" s="76"/>
      <c r="U2579" s="76"/>
      <c r="V2579" s="76"/>
      <c r="W2579" s="76"/>
      <c r="X2579" s="76"/>
      <c r="Y2579" s="76"/>
      <c r="Z2579" s="76"/>
      <c r="AA2579" s="85"/>
      <c r="AB2579" s="85"/>
      <c r="AC2579" s="85"/>
      <c r="AD2579" s="85"/>
      <c r="AE2579" s="85"/>
      <c r="AF2579" s="85"/>
      <c r="AG2579" s="86"/>
      <c r="AH2579" s="85"/>
      <c r="AI2579" s="85"/>
      <c r="AJ2579" s="85"/>
      <c r="AK2579" s="85"/>
      <c r="AL2579" s="85"/>
      <c r="AM2579" s="92"/>
      <c r="AN2579" s="92"/>
      <c r="AO2579" s="92"/>
      <c r="AP2579" s="92"/>
      <c r="AQ2579" s="92"/>
      <c r="AR2579" s="92"/>
      <c r="AS2579" s="92"/>
      <c r="AT2579" s="92"/>
      <c r="AU2579" s="92"/>
      <c r="AV2579" s="92"/>
      <c r="AW2579" s="92"/>
      <c r="AX2579" s="92"/>
      <c r="AY2579" s="92"/>
      <c r="AZ2579" s="93"/>
      <c r="BA2579" s="93"/>
      <c r="BB2579" s="93"/>
      <c r="BC2579" s="93"/>
      <c r="BD2579" s="93"/>
      <c r="BE2579" s="93"/>
      <c r="BF2579" s="93"/>
      <c r="BG2579" s="93"/>
      <c r="BH2579" s="93"/>
      <c r="BI2579" s="93"/>
      <c r="BJ2579" s="93"/>
      <c r="BK2579" s="93"/>
      <c r="BL2579" s="93"/>
    </row>
    <row r="2580" spans="2:64" x14ac:dyDescent="0.2">
      <c r="B2580" s="43"/>
      <c r="C2580" s="73"/>
      <c r="D2580" s="64"/>
      <c r="E2580" s="55"/>
      <c r="F2580" s="74"/>
      <c r="G2580" s="74"/>
      <c r="H2580" s="74"/>
      <c r="I2580" s="75"/>
      <c r="J2580" s="74"/>
      <c r="L2580" s="55"/>
      <c r="M2580" s="234"/>
      <c r="N2580" s="65"/>
      <c r="O2580" s="76"/>
      <c r="P2580" s="76"/>
      <c r="Q2580" s="65"/>
      <c r="R2580" s="76"/>
      <c r="S2580" s="76"/>
      <c r="T2580" s="76"/>
      <c r="U2580" s="76"/>
      <c r="V2580" s="76"/>
      <c r="W2580" s="76"/>
      <c r="X2580" s="76"/>
      <c r="Y2580" s="76"/>
      <c r="Z2580" s="76"/>
      <c r="AA2580" s="85"/>
      <c r="AB2580" s="85"/>
      <c r="AC2580" s="85"/>
      <c r="AD2580" s="85"/>
      <c r="AE2580" s="85"/>
      <c r="AF2580" s="85"/>
      <c r="AG2580" s="86"/>
      <c r="AH2580" s="85"/>
      <c r="AI2580" s="85"/>
      <c r="AJ2580" s="85"/>
      <c r="AK2580" s="85"/>
      <c r="AL2580" s="85"/>
      <c r="AM2580" s="92"/>
      <c r="AN2580" s="92"/>
      <c r="AO2580" s="92"/>
      <c r="AP2580" s="92"/>
      <c r="AQ2580" s="92"/>
      <c r="AR2580" s="92"/>
      <c r="AS2580" s="92"/>
      <c r="AT2580" s="92"/>
      <c r="AU2580" s="92"/>
      <c r="AV2580" s="92"/>
      <c r="AW2580" s="92"/>
      <c r="AX2580" s="92"/>
      <c r="AY2580" s="92"/>
      <c r="AZ2580" s="93"/>
      <c r="BA2580" s="93"/>
      <c r="BB2580" s="93"/>
      <c r="BC2580" s="93"/>
      <c r="BD2580" s="93"/>
      <c r="BE2580" s="93"/>
      <c r="BF2580" s="93"/>
      <c r="BG2580" s="93"/>
      <c r="BH2580" s="93"/>
      <c r="BI2580" s="93"/>
      <c r="BJ2580" s="93"/>
      <c r="BK2580" s="93"/>
      <c r="BL2580" s="93"/>
    </row>
    <row r="2581" spans="2:64" x14ac:dyDescent="0.2">
      <c r="B2581" s="43"/>
      <c r="C2581" s="73"/>
      <c r="D2581" s="64"/>
      <c r="E2581" s="55"/>
      <c r="F2581" s="74"/>
      <c r="G2581" s="74"/>
      <c r="H2581" s="74"/>
      <c r="I2581" s="75"/>
      <c r="J2581" s="74"/>
      <c r="L2581" s="55"/>
      <c r="M2581" s="234"/>
      <c r="N2581" s="65"/>
      <c r="O2581" s="76"/>
      <c r="P2581" s="76"/>
      <c r="Q2581" s="65"/>
      <c r="R2581" s="76"/>
      <c r="S2581" s="76"/>
      <c r="T2581" s="76"/>
      <c r="U2581" s="76"/>
      <c r="V2581" s="76"/>
      <c r="W2581" s="76"/>
      <c r="X2581" s="76"/>
      <c r="Y2581" s="76"/>
      <c r="Z2581" s="76"/>
      <c r="AA2581" s="85"/>
      <c r="AB2581" s="85"/>
      <c r="AC2581" s="85"/>
      <c r="AD2581" s="85"/>
      <c r="AE2581" s="85"/>
      <c r="AF2581" s="85"/>
      <c r="AG2581" s="86"/>
      <c r="AH2581" s="85"/>
      <c r="AI2581" s="85"/>
      <c r="AJ2581" s="85"/>
      <c r="AK2581" s="85"/>
      <c r="AL2581" s="85"/>
      <c r="AM2581" s="92"/>
      <c r="AN2581" s="92"/>
      <c r="AO2581" s="92"/>
      <c r="AP2581" s="92"/>
      <c r="AQ2581" s="92"/>
      <c r="AR2581" s="92"/>
      <c r="AS2581" s="92"/>
      <c r="AT2581" s="92"/>
      <c r="AU2581" s="92"/>
      <c r="AV2581" s="92"/>
      <c r="AW2581" s="92"/>
      <c r="AX2581" s="92"/>
      <c r="AY2581" s="92"/>
      <c r="AZ2581" s="93"/>
      <c r="BA2581" s="93"/>
      <c r="BB2581" s="93"/>
      <c r="BC2581" s="93"/>
      <c r="BD2581" s="93"/>
      <c r="BE2581" s="93"/>
      <c r="BF2581" s="93"/>
      <c r="BG2581" s="93"/>
      <c r="BH2581" s="93"/>
      <c r="BI2581" s="93"/>
      <c r="BJ2581" s="93"/>
      <c r="BK2581" s="93"/>
      <c r="BL2581" s="93"/>
    </row>
    <row r="2582" spans="2:64" x14ac:dyDescent="0.2">
      <c r="B2582" s="43"/>
      <c r="C2582" s="73"/>
      <c r="D2582" s="64"/>
      <c r="E2582" s="55"/>
      <c r="F2582" s="74"/>
      <c r="G2582" s="74"/>
      <c r="H2582" s="74"/>
      <c r="I2582" s="75"/>
      <c r="J2582" s="74"/>
      <c r="L2582" s="55"/>
      <c r="M2582" s="234"/>
      <c r="N2582" s="65"/>
      <c r="O2582" s="76"/>
      <c r="P2582" s="76"/>
      <c r="Q2582" s="65"/>
      <c r="R2582" s="76"/>
      <c r="S2582" s="76"/>
      <c r="T2582" s="76"/>
      <c r="U2582" s="76"/>
      <c r="V2582" s="76"/>
      <c r="W2582" s="76"/>
      <c r="X2582" s="76"/>
      <c r="Y2582" s="76"/>
      <c r="Z2582" s="76"/>
      <c r="AA2582" s="85"/>
      <c r="AB2582" s="85"/>
      <c r="AC2582" s="85"/>
      <c r="AD2582" s="85"/>
      <c r="AE2582" s="85"/>
      <c r="AF2582" s="85"/>
      <c r="AG2582" s="86"/>
      <c r="AH2582" s="85"/>
      <c r="AI2582" s="85"/>
      <c r="AJ2582" s="85"/>
      <c r="AK2582" s="85"/>
      <c r="AL2582" s="85"/>
      <c r="AM2582" s="92"/>
      <c r="AN2582" s="92"/>
      <c r="AO2582" s="92"/>
      <c r="AP2582" s="92"/>
      <c r="AQ2582" s="92"/>
      <c r="AR2582" s="92"/>
      <c r="AS2582" s="92"/>
      <c r="AT2582" s="92"/>
      <c r="AU2582" s="92"/>
      <c r="AV2582" s="92"/>
      <c r="AW2582" s="92"/>
      <c r="AX2582" s="92"/>
      <c r="AY2582" s="92"/>
      <c r="AZ2582" s="93"/>
      <c r="BA2582" s="93"/>
      <c r="BB2582" s="93"/>
      <c r="BC2582" s="93"/>
      <c r="BD2582" s="93"/>
      <c r="BE2582" s="93"/>
      <c r="BF2582" s="93"/>
      <c r="BG2582" s="93"/>
      <c r="BH2582" s="93"/>
      <c r="BI2582" s="93"/>
      <c r="BJ2582" s="93"/>
      <c r="BK2582" s="93"/>
      <c r="BL2582" s="93"/>
    </row>
    <row r="2583" spans="2:64" x14ac:dyDescent="0.2">
      <c r="B2583" s="43"/>
      <c r="C2583" s="73"/>
      <c r="D2583" s="64"/>
      <c r="E2583" s="55"/>
      <c r="F2583" s="74"/>
      <c r="G2583" s="74"/>
      <c r="H2583" s="74"/>
      <c r="I2583" s="75"/>
      <c r="J2583" s="74"/>
      <c r="L2583" s="55"/>
      <c r="M2583" s="234"/>
      <c r="N2583" s="65"/>
      <c r="O2583" s="76"/>
      <c r="P2583" s="76"/>
      <c r="Q2583" s="65"/>
      <c r="R2583" s="76"/>
      <c r="S2583" s="76"/>
      <c r="T2583" s="76"/>
      <c r="U2583" s="76"/>
      <c r="V2583" s="76"/>
      <c r="W2583" s="76"/>
      <c r="X2583" s="76"/>
      <c r="Y2583" s="76"/>
      <c r="Z2583" s="76"/>
      <c r="AA2583" s="85"/>
      <c r="AB2583" s="85"/>
      <c r="AC2583" s="85"/>
      <c r="AD2583" s="85"/>
      <c r="AE2583" s="85"/>
      <c r="AF2583" s="85"/>
      <c r="AG2583" s="86"/>
      <c r="AH2583" s="85"/>
      <c r="AI2583" s="85"/>
      <c r="AJ2583" s="85"/>
      <c r="AK2583" s="85"/>
      <c r="AL2583" s="85"/>
      <c r="AM2583" s="92"/>
      <c r="AN2583" s="92"/>
      <c r="AO2583" s="92"/>
      <c r="AP2583" s="92"/>
      <c r="AQ2583" s="92"/>
      <c r="AR2583" s="92"/>
      <c r="AS2583" s="92"/>
      <c r="AT2583" s="92"/>
      <c r="AU2583" s="92"/>
      <c r="AV2583" s="92"/>
      <c r="AW2583" s="92"/>
      <c r="AX2583" s="92"/>
      <c r="AY2583" s="92"/>
      <c r="AZ2583" s="93"/>
      <c r="BA2583" s="93"/>
      <c r="BB2583" s="93"/>
      <c r="BC2583" s="93"/>
      <c r="BD2583" s="93"/>
      <c r="BE2583" s="93"/>
      <c r="BF2583" s="93"/>
      <c r="BG2583" s="93"/>
      <c r="BH2583" s="93"/>
      <c r="BI2583" s="93"/>
      <c r="BJ2583" s="93"/>
      <c r="BK2583" s="93"/>
      <c r="BL2583" s="93"/>
    </row>
    <row r="2584" spans="2:64" x14ac:dyDescent="0.2">
      <c r="B2584" s="43"/>
      <c r="C2584" s="73"/>
      <c r="D2584" s="64"/>
      <c r="E2584" s="55"/>
      <c r="F2584" s="74"/>
      <c r="G2584" s="74"/>
      <c r="H2584" s="74"/>
      <c r="I2584" s="75"/>
      <c r="J2584" s="74"/>
      <c r="L2584" s="55"/>
      <c r="M2584" s="234"/>
      <c r="N2584" s="65"/>
      <c r="O2584" s="76"/>
      <c r="P2584" s="76"/>
      <c r="Q2584" s="65"/>
      <c r="R2584" s="76"/>
      <c r="S2584" s="76"/>
      <c r="T2584" s="76"/>
      <c r="U2584" s="76"/>
      <c r="V2584" s="76"/>
      <c r="W2584" s="76"/>
      <c r="X2584" s="76"/>
      <c r="Y2584" s="76"/>
      <c r="Z2584" s="76"/>
      <c r="AA2584" s="85"/>
      <c r="AB2584" s="85"/>
      <c r="AC2584" s="85"/>
      <c r="AD2584" s="85"/>
      <c r="AE2584" s="85"/>
      <c r="AF2584" s="85"/>
      <c r="AG2584" s="86"/>
      <c r="AH2584" s="85"/>
      <c r="AI2584" s="85"/>
      <c r="AJ2584" s="85"/>
      <c r="AK2584" s="85"/>
      <c r="AL2584" s="85"/>
      <c r="AM2584" s="92"/>
      <c r="AN2584" s="92"/>
      <c r="AO2584" s="92"/>
      <c r="AP2584" s="92"/>
      <c r="AQ2584" s="92"/>
      <c r="AR2584" s="92"/>
      <c r="AS2584" s="92"/>
      <c r="AT2584" s="92"/>
      <c r="AU2584" s="92"/>
      <c r="AV2584" s="92"/>
      <c r="AW2584" s="92"/>
      <c r="AX2584" s="92"/>
      <c r="AY2584" s="92"/>
      <c r="AZ2584" s="93"/>
      <c r="BA2584" s="93"/>
      <c r="BB2584" s="93"/>
      <c r="BC2584" s="93"/>
      <c r="BD2584" s="93"/>
      <c r="BE2584" s="93"/>
      <c r="BF2584" s="93"/>
      <c r="BG2584" s="93"/>
      <c r="BH2584" s="93"/>
      <c r="BI2584" s="93"/>
      <c r="BJ2584" s="93"/>
      <c r="BK2584" s="93"/>
      <c r="BL2584" s="93"/>
    </row>
    <row r="2585" spans="2:64" x14ac:dyDescent="0.2">
      <c r="B2585" s="43"/>
      <c r="C2585" s="73"/>
      <c r="D2585" s="64"/>
      <c r="E2585" s="55"/>
      <c r="F2585" s="74"/>
      <c r="G2585" s="74"/>
      <c r="H2585" s="74"/>
      <c r="I2585" s="75"/>
      <c r="J2585" s="74"/>
      <c r="L2585" s="55"/>
      <c r="M2585" s="234"/>
      <c r="N2585" s="65"/>
      <c r="O2585" s="76"/>
      <c r="P2585" s="76"/>
      <c r="Q2585" s="65"/>
      <c r="R2585" s="76"/>
      <c r="S2585" s="76"/>
      <c r="T2585" s="76"/>
      <c r="U2585" s="76"/>
      <c r="V2585" s="76"/>
      <c r="W2585" s="76"/>
      <c r="X2585" s="76"/>
      <c r="Y2585" s="76"/>
      <c r="Z2585" s="76"/>
      <c r="AA2585" s="85"/>
      <c r="AB2585" s="85"/>
      <c r="AC2585" s="85"/>
      <c r="AD2585" s="85"/>
      <c r="AE2585" s="85"/>
      <c r="AF2585" s="85"/>
      <c r="AG2585" s="86"/>
      <c r="AH2585" s="85"/>
      <c r="AI2585" s="85"/>
      <c r="AJ2585" s="85"/>
      <c r="AK2585" s="85"/>
      <c r="AL2585" s="85"/>
      <c r="AM2585" s="92"/>
      <c r="AN2585" s="92"/>
      <c r="AO2585" s="92"/>
      <c r="AP2585" s="92"/>
      <c r="AQ2585" s="92"/>
      <c r="AR2585" s="92"/>
      <c r="AS2585" s="92"/>
      <c r="AT2585" s="92"/>
      <c r="AU2585" s="92"/>
      <c r="AV2585" s="92"/>
      <c r="AW2585" s="92"/>
      <c r="AX2585" s="92"/>
      <c r="AY2585" s="92"/>
      <c r="AZ2585" s="93"/>
      <c r="BA2585" s="93"/>
      <c r="BB2585" s="93"/>
      <c r="BC2585" s="93"/>
      <c r="BD2585" s="93"/>
      <c r="BE2585" s="93"/>
      <c r="BF2585" s="93"/>
      <c r="BG2585" s="93"/>
      <c r="BH2585" s="93"/>
      <c r="BI2585" s="93"/>
      <c r="BJ2585" s="93"/>
      <c r="BK2585" s="93"/>
      <c r="BL2585" s="93"/>
    </row>
    <row r="2586" spans="2:64" x14ac:dyDescent="0.2">
      <c r="B2586" s="43"/>
      <c r="C2586" s="73"/>
      <c r="D2586" s="64"/>
      <c r="E2586" s="55"/>
      <c r="F2586" s="74"/>
      <c r="G2586" s="74"/>
      <c r="H2586" s="74"/>
      <c r="I2586" s="75"/>
      <c r="J2586" s="74"/>
      <c r="L2586" s="55"/>
      <c r="M2586" s="234"/>
      <c r="N2586" s="65"/>
      <c r="O2586" s="76"/>
      <c r="P2586" s="76"/>
      <c r="Q2586" s="65"/>
      <c r="R2586" s="76"/>
      <c r="S2586" s="76"/>
      <c r="T2586" s="76"/>
      <c r="U2586" s="76"/>
      <c r="V2586" s="76"/>
      <c r="W2586" s="76"/>
      <c r="X2586" s="76"/>
      <c r="Y2586" s="76"/>
      <c r="Z2586" s="76"/>
      <c r="AA2586" s="85"/>
      <c r="AB2586" s="85"/>
      <c r="AC2586" s="85"/>
      <c r="AD2586" s="85"/>
      <c r="AE2586" s="85"/>
      <c r="AF2586" s="85"/>
      <c r="AG2586" s="86"/>
      <c r="AH2586" s="85"/>
      <c r="AI2586" s="85"/>
      <c r="AJ2586" s="85"/>
      <c r="AK2586" s="85"/>
      <c r="AL2586" s="85"/>
      <c r="AM2586" s="92"/>
      <c r="AN2586" s="92"/>
      <c r="AO2586" s="92"/>
      <c r="AP2586" s="92"/>
      <c r="AQ2586" s="92"/>
      <c r="AR2586" s="92"/>
      <c r="AS2586" s="92"/>
      <c r="AT2586" s="92"/>
      <c r="AU2586" s="92"/>
      <c r="AV2586" s="92"/>
      <c r="AW2586" s="92"/>
      <c r="AX2586" s="92"/>
      <c r="AY2586" s="92"/>
      <c r="AZ2586" s="93"/>
      <c r="BA2586" s="93"/>
      <c r="BB2586" s="93"/>
      <c r="BC2586" s="93"/>
      <c r="BD2586" s="93"/>
      <c r="BE2586" s="93"/>
      <c r="BF2586" s="93"/>
      <c r="BG2586" s="93"/>
      <c r="BH2586" s="93"/>
      <c r="BI2586" s="93"/>
      <c r="BJ2586" s="93"/>
      <c r="BK2586" s="93"/>
      <c r="BL2586" s="93"/>
    </row>
    <row r="2587" spans="2:64" x14ac:dyDescent="0.2">
      <c r="B2587" s="43"/>
      <c r="C2587" s="73"/>
      <c r="D2587" s="64"/>
      <c r="E2587" s="55"/>
      <c r="F2587" s="74"/>
      <c r="G2587" s="74"/>
      <c r="H2587" s="74"/>
      <c r="I2587" s="75"/>
      <c r="J2587" s="74"/>
      <c r="L2587" s="55"/>
      <c r="M2587" s="234"/>
      <c r="N2587" s="65"/>
      <c r="O2587" s="76"/>
      <c r="P2587" s="76"/>
      <c r="Q2587" s="65"/>
      <c r="R2587" s="76"/>
      <c r="S2587" s="76"/>
      <c r="T2587" s="76"/>
      <c r="U2587" s="76"/>
      <c r="V2587" s="76"/>
      <c r="W2587" s="76"/>
      <c r="X2587" s="76"/>
      <c r="Y2587" s="76"/>
      <c r="Z2587" s="76"/>
      <c r="AA2587" s="85"/>
      <c r="AB2587" s="85"/>
      <c r="AC2587" s="85"/>
      <c r="AD2587" s="85"/>
      <c r="AE2587" s="85"/>
      <c r="AF2587" s="85"/>
      <c r="AG2587" s="86"/>
      <c r="AH2587" s="85"/>
      <c r="AI2587" s="85"/>
      <c r="AJ2587" s="85"/>
      <c r="AK2587" s="85"/>
      <c r="AL2587" s="85"/>
      <c r="AM2587" s="92"/>
      <c r="AN2587" s="92"/>
      <c r="AO2587" s="92"/>
      <c r="AP2587" s="92"/>
      <c r="AQ2587" s="92"/>
      <c r="AR2587" s="92"/>
      <c r="AS2587" s="92"/>
      <c r="AT2587" s="92"/>
      <c r="AU2587" s="92"/>
      <c r="AV2587" s="92"/>
      <c r="AW2587" s="92"/>
      <c r="AX2587" s="92"/>
      <c r="AY2587" s="92"/>
      <c r="AZ2587" s="93"/>
      <c r="BA2587" s="93"/>
      <c r="BB2587" s="93"/>
      <c r="BC2587" s="93"/>
      <c r="BD2587" s="93"/>
      <c r="BE2587" s="93"/>
      <c r="BF2587" s="93"/>
      <c r="BG2587" s="93"/>
      <c r="BH2587" s="93"/>
      <c r="BI2587" s="93"/>
      <c r="BJ2587" s="93"/>
      <c r="BK2587" s="93"/>
      <c r="BL2587" s="93"/>
    </row>
    <row r="2588" spans="2:64" x14ac:dyDescent="0.2">
      <c r="B2588" s="43"/>
      <c r="C2588" s="73"/>
      <c r="D2588" s="64"/>
      <c r="E2588" s="55"/>
      <c r="F2588" s="74"/>
      <c r="G2588" s="74"/>
      <c r="H2588" s="74"/>
      <c r="I2588" s="75"/>
      <c r="J2588" s="74"/>
      <c r="L2588" s="55"/>
      <c r="M2588" s="234"/>
      <c r="N2588" s="65"/>
      <c r="O2588" s="76"/>
      <c r="P2588" s="76"/>
      <c r="Q2588" s="65"/>
      <c r="R2588" s="76"/>
      <c r="S2588" s="76"/>
      <c r="T2588" s="76"/>
      <c r="U2588" s="76"/>
      <c r="V2588" s="76"/>
      <c r="W2588" s="76"/>
      <c r="X2588" s="76"/>
      <c r="Y2588" s="76"/>
      <c r="Z2588" s="76"/>
      <c r="AA2588" s="85"/>
      <c r="AB2588" s="85"/>
      <c r="AC2588" s="85"/>
      <c r="AD2588" s="85"/>
      <c r="AE2588" s="85"/>
      <c r="AF2588" s="85"/>
      <c r="AG2588" s="86"/>
      <c r="AH2588" s="85"/>
      <c r="AI2588" s="85"/>
      <c r="AJ2588" s="85"/>
      <c r="AK2588" s="85"/>
      <c r="AL2588" s="85"/>
      <c r="AM2588" s="92"/>
      <c r="AN2588" s="92"/>
      <c r="AO2588" s="92"/>
      <c r="AP2588" s="92"/>
      <c r="AQ2588" s="92"/>
      <c r="AR2588" s="92"/>
      <c r="AS2588" s="92"/>
      <c r="AT2588" s="92"/>
      <c r="AU2588" s="92"/>
      <c r="AV2588" s="92"/>
      <c r="AW2588" s="92"/>
      <c r="AX2588" s="92"/>
      <c r="AY2588" s="92"/>
      <c r="AZ2588" s="93"/>
      <c r="BA2588" s="93"/>
      <c r="BB2588" s="93"/>
      <c r="BC2588" s="93"/>
      <c r="BD2588" s="93"/>
      <c r="BE2588" s="93"/>
      <c r="BF2588" s="93"/>
      <c r="BG2588" s="93"/>
      <c r="BH2588" s="93"/>
      <c r="BI2588" s="93"/>
      <c r="BJ2588" s="93"/>
      <c r="BK2588" s="93"/>
      <c r="BL2588" s="93"/>
    </row>
    <row r="2589" spans="2:64" x14ac:dyDescent="0.2">
      <c r="B2589" s="43"/>
      <c r="C2589" s="73"/>
      <c r="D2589" s="64"/>
      <c r="E2589" s="55"/>
      <c r="F2589" s="74"/>
      <c r="G2589" s="74"/>
      <c r="H2589" s="74"/>
      <c r="I2589" s="75"/>
      <c r="J2589" s="74"/>
      <c r="L2589" s="55"/>
      <c r="M2589" s="234"/>
      <c r="N2589" s="65"/>
      <c r="O2589" s="76"/>
      <c r="P2589" s="76"/>
      <c r="Q2589" s="65"/>
      <c r="R2589" s="76"/>
      <c r="S2589" s="76"/>
      <c r="T2589" s="76"/>
      <c r="U2589" s="76"/>
      <c r="V2589" s="76"/>
      <c r="W2589" s="76"/>
      <c r="X2589" s="76"/>
      <c r="Y2589" s="76"/>
      <c r="Z2589" s="76"/>
      <c r="AA2589" s="85"/>
      <c r="AB2589" s="85"/>
      <c r="AC2589" s="85"/>
      <c r="AD2589" s="85"/>
      <c r="AE2589" s="85"/>
      <c r="AF2589" s="85"/>
      <c r="AG2589" s="86"/>
      <c r="AH2589" s="85"/>
      <c r="AI2589" s="85"/>
      <c r="AJ2589" s="85"/>
      <c r="AK2589" s="85"/>
      <c r="AL2589" s="85"/>
      <c r="AM2589" s="92"/>
      <c r="AN2589" s="92"/>
      <c r="AO2589" s="92"/>
      <c r="AP2589" s="92"/>
      <c r="AQ2589" s="92"/>
      <c r="AR2589" s="92"/>
      <c r="AS2589" s="92"/>
      <c r="AT2589" s="92"/>
      <c r="AU2589" s="92"/>
      <c r="AV2589" s="92"/>
      <c r="AW2589" s="92"/>
      <c r="AX2589" s="92"/>
      <c r="AY2589" s="92"/>
      <c r="AZ2589" s="93"/>
      <c r="BA2589" s="93"/>
      <c r="BB2589" s="93"/>
      <c r="BC2589" s="93"/>
      <c r="BD2589" s="93"/>
      <c r="BE2589" s="93"/>
      <c r="BF2589" s="93"/>
      <c r="BG2589" s="93"/>
      <c r="BH2589" s="93"/>
      <c r="BI2589" s="93"/>
      <c r="BJ2589" s="93"/>
      <c r="BK2589" s="93"/>
      <c r="BL2589" s="93"/>
    </row>
    <row r="2590" spans="2:64" x14ac:dyDescent="0.2">
      <c r="B2590" s="43"/>
      <c r="C2590" s="73"/>
      <c r="D2590" s="64"/>
      <c r="E2590" s="55"/>
      <c r="F2590" s="74"/>
      <c r="G2590" s="74"/>
      <c r="H2590" s="74"/>
      <c r="I2590" s="75"/>
      <c r="J2590" s="74"/>
      <c r="L2590" s="55"/>
      <c r="M2590" s="234"/>
      <c r="N2590" s="65"/>
      <c r="O2590" s="76"/>
      <c r="P2590" s="76"/>
      <c r="Q2590" s="65"/>
      <c r="R2590" s="76"/>
      <c r="S2590" s="76"/>
      <c r="T2590" s="76"/>
      <c r="U2590" s="76"/>
      <c r="V2590" s="76"/>
      <c r="W2590" s="76"/>
      <c r="X2590" s="76"/>
      <c r="Y2590" s="76"/>
      <c r="Z2590" s="76"/>
      <c r="AA2590" s="85"/>
      <c r="AB2590" s="85"/>
      <c r="AC2590" s="85"/>
      <c r="AD2590" s="85"/>
      <c r="AE2590" s="85"/>
      <c r="AF2590" s="85"/>
      <c r="AG2590" s="86"/>
      <c r="AH2590" s="85"/>
      <c r="AI2590" s="85"/>
      <c r="AJ2590" s="85"/>
      <c r="AK2590" s="85"/>
      <c r="AL2590" s="85"/>
      <c r="AM2590" s="92"/>
      <c r="AN2590" s="92"/>
      <c r="AO2590" s="92"/>
      <c r="AP2590" s="92"/>
      <c r="AQ2590" s="92"/>
      <c r="AR2590" s="92"/>
      <c r="AS2590" s="92"/>
      <c r="AT2590" s="92"/>
      <c r="AU2590" s="92"/>
      <c r="AV2590" s="92"/>
      <c r="AW2590" s="92"/>
      <c r="AX2590" s="92"/>
      <c r="AY2590" s="92"/>
      <c r="AZ2590" s="93"/>
      <c r="BA2590" s="93"/>
      <c r="BB2590" s="93"/>
      <c r="BC2590" s="93"/>
      <c r="BD2590" s="93"/>
      <c r="BE2590" s="93"/>
      <c r="BF2590" s="93"/>
      <c r="BG2590" s="93"/>
      <c r="BH2590" s="93"/>
      <c r="BI2590" s="93"/>
      <c r="BJ2590" s="93"/>
      <c r="BK2590" s="93"/>
      <c r="BL2590" s="93"/>
    </row>
    <row r="2591" spans="2:64" x14ac:dyDescent="0.2">
      <c r="B2591" s="43"/>
      <c r="C2591" s="73"/>
      <c r="D2591" s="64"/>
      <c r="E2591" s="55"/>
      <c r="F2591" s="74"/>
      <c r="G2591" s="74"/>
      <c r="H2591" s="74"/>
      <c r="I2591" s="75"/>
      <c r="J2591" s="74"/>
      <c r="L2591" s="55"/>
      <c r="M2591" s="234"/>
      <c r="N2591" s="65"/>
      <c r="O2591" s="76"/>
      <c r="P2591" s="76"/>
      <c r="Q2591" s="65"/>
      <c r="R2591" s="76"/>
      <c r="S2591" s="76"/>
      <c r="T2591" s="76"/>
      <c r="U2591" s="76"/>
      <c r="V2591" s="76"/>
      <c r="W2591" s="76"/>
      <c r="X2591" s="76"/>
      <c r="Y2591" s="76"/>
      <c r="Z2591" s="76"/>
      <c r="AA2591" s="85"/>
      <c r="AB2591" s="85"/>
      <c r="AC2591" s="85"/>
      <c r="AD2591" s="85"/>
      <c r="AE2591" s="85"/>
      <c r="AF2591" s="85"/>
      <c r="AG2591" s="86"/>
      <c r="AH2591" s="85"/>
      <c r="AI2591" s="85"/>
      <c r="AJ2591" s="85"/>
      <c r="AK2591" s="85"/>
      <c r="AL2591" s="85"/>
      <c r="AM2591" s="92"/>
      <c r="AN2591" s="92"/>
      <c r="AO2591" s="92"/>
      <c r="AP2591" s="92"/>
      <c r="AQ2591" s="92"/>
      <c r="AR2591" s="92"/>
      <c r="AS2591" s="92"/>
      <c r="AT2591" s="92"/>
      <c r="AU2591" s="92"/>
      <c r="AV2591" s="92"/>
      <c r="AW2591" s="92"/>
      <c r="AX2591" s="92"/>
      <c r="AY2591" s="92"/>
      <c r="AZ2591" s="93"/>
      <c r="BA2591" s="93"/>
      <c r="BB2591" s="93"/>
      <c r="BC2591" s="93"/>
      <c r="BD2591" s="93"/>
      <c r="BE2591" s="93"/>
      <c r="BF2591" s="93"/>
      <c r="BG2591" s="93"/>
      <c r="BH2591" s="93"/>
      <c r="BI2591" s="93"/>
      <c r="BJ2591" s="93"/>
      <c r="BK2591" s="93"/>
      <c r="BL2591" s="93"/>
    </row>
    <row r="2592" spans="2:64" x14ac:dyDescent="0.2">
      <c r="B2592" s="43"/>
      <c r="C2592" s="73"/>
      <c r="D2592" s="64"/>
      <c r="E2592" s="55"/>
      <c r="F2592" s="74"/>
      <c r="G2592" s="74"/>
      <c r="H2592" s="74"/>
      <c r="I2592" s="75"/>
      <c r="J2592" s="74"/>
      <c r="L2592" s="55"/>
      <c r="M2592" s="234"/>
      <c r="N2592" s="65"/>
      <c r="O2592" s="76"/>
      <c r="P2592" s="76"/>
      <c r="Q2592" s="65"/>
      <c r="R2592" s="76"/>
      <c r="S2592" s="76"/>
      <c r="T2592" s="76"/>
      <c r="U2592" s="76"/>
      <c r="V2592" s="76"/>
      <c r="W2592" s="76"/>
      <c r="X2592" s="76"/>
      <c r="Y2592" s="76"/>
      <c r="Z2592" s="76"/>
      <c r="AA2592" s="85"/>
      <c r="AB2592" s="85"/>
      <c r="AC2592" s="85"/>
      <c r="AD2592" s="85"/>
      <c r="AE2592" s="85"/>
      <c r="AF2592" s="85"/>
      <c r="AG2592" s="86"/>
      <c r="AH2592" s="85"/>
      <c r="AI2592" s="85"/>
      <c r="AJ2592" s="85"/>
      <c r="AK2592" s="85"/>
      <c r="AL2592" s="85"/>
      <c r="AM2592" s="92"/>
      <c r="AN2592" s="92"/>
      <c r="AO2592" s="92"/>
      <c r="AP2592" s="92"/>
      <c r="AQ2592" s="92"/>
      <c r="AR2592" s="92"/>
      <c r="AS2592" s="92"/>
      <c r="AT2592" s="92"/>
      <c r="AU2592" s="92"/>
      <c r="AV2592" s="92"/>
      <c r="AW2592" s="92"/>
      <c r="AX2592" s="92"/>
      <c r="AY2592" s="92"/>
      <c r="AZ2592" s="93"/>
      <c r="BA2592" s="93"/>
      <c r="BB2592" s="93"/>
      <c r="BC2592" s="93"/>
      <c r="BD2592" s="93"/>
      <c r="BE2592" s="93"/>
      <c r="BF2592" s="93"/>
      <c r="BG2592" s="93"/>
      <c r="BH2592" s="93"/>
      <c r="BI2592" s="93"/>
      <c r="BJ2592" s="93"/>
      <c r="BK2592" s="93"/>
      <c r="BL2592" s="93"/>
    </row>
    <row r="2593" spans="2:64" x14ac:dyDescent="0.2">
      <c r="B2593" s="43"/>
      <c r="C2593" s="73"/>
      <c r="D2593" s="64"/>
      <c r="E2593" s="55"/>
      <c r="F2593" s="74"/>
      <c r="G2593" s="74"/>
      <c r="H2593" s="74"/>
      <c r="I2593" s="75"/>
      <c r="J2593" s="74"/>
      <c r="L2593" s="55"/>
      <c r="M2593" s="234"/>
      <c r="N2593" s="65"/>
      <c r="O2593" s="76"/>
      <c r="P2593" s="76"/>
      <c r="Q2593" s="65"/>
      <c r="R2593" s="76"/>
      <c r="S2593" s="76"/>
      <c r="T2593" s="76"/>
      <c r="U2593" s="76"/>
      <c r="V2593" s="76"/>
      <c r="W2593" s="76"/>
      <c r="X2593" s="76"/>
      <c r="Y2593" s="76"/>
      <c r="Z2593" s="76"/>
      <c r="AA2593" s="85"/>
      <c r="AB2593" s="85"/>
      <c r="AC2593" s="85"/>
      <c r="AD2593" s="85"/>
      <c r="AE2593" s="85"/>
      <c r="AF2593" s="85"/>
      <c r="AG2593" s="86"/>
      <c r="AH2593" s="85"/>
      <c r="AI2593" s="85"/>
      <c r="AJ2593" s="85"/>
      <c r="AK2593" s="85"/>
      <c r="AL2593" s="85"/>
      <c r="AM2593" s="92"/>
      <c r="AN2593" s="92"/>
      <c r="AO2593" s="92"/>
      <c r="AP2593" s="92"/>
      <c r="AQ2593" s="92"/>
      <c r="AR2593" s="92"/>
      <c r="AS2593" s="92"/>
      <c r="AT2593" s="92"/>
      <c r="AU2593" s="92"/>
      <c r="AV2593" s="92"/>
      <c r="AW2593" s="92"/>
      <c r="AX2593" s="92"/>
      <c r="AY2593" s="92"/>
      <c r="AZ2593" s="93"/>
      <c r="BA2593" s="93"/>
      <c r="BB2593" s="93"/>
      <c r="BC2593" s="93"/>
      <c r="BD2593" s="93"/>
      <c r="BE2593" s="93"/>
      <c r="BF2593" s="93"/>
      <c r="BG2593" s="93"/>
      <c r="BH2593" s="93"/>
      <c r="BI2593" s="93"/>
      <c r="BJ2593" s="93"/>
      <c r="BK2593" s="93"/>
      <c r="BL2593" s="93"/>
    </row>
    <row r="2594" spans="2:64" x14ac:dyDescent="0.2">
      <c r="B2594" s="43"/>
      <c r="C2594" s="73"/>
      <c r="D2594" s="64"/>
      <c r="E2594" s="55"/>
      <c r="F2594" s="74"/>
      <c r="G2594" s="74"/>
      <c r="H2594" s="74"/>
      <c r="I2594" s="75"/>
      <c r="J2594" s="74"/>
      <c r="L2594" s="55"/>
      <c r="M2594" s="234"/>
      <c r="N2594" s="65"/>
      <c r="O2594" s="76"/>
      <c r="P2594" s="76"/>
      <c r="Q2594" s="65"/>
      <c r="R2594" s="76"/>
      <c r="S2594" s="76"/>
      <c r="T2594" s="76"/>
      <c r="U2594" s="76"/>
      <c r="V2594" s="76"/>
      <c r="W2594" s="76"/>
      <c r="X2594" s="76"/>
      <c r="Y2594" s="76"/>
      <c r="Z2594" s="76"/>
      <c r="AA2594" s="85"/>
      <c r="AB2594" s="85"/>
      <c r="AC2594" s="85"/>
      <c r="AD2594" s="85"/>
      <c r="AE2594" s="85"/>
      <c r="AF2594" s="85"/>
      <c r="AG2594" s="86"/>
      <c r="AH2594" s="85"/>
      <c r="AI2594" s="85"/>
      <c r="AJ2594" s="85"/>
      <c r="AK2594" s="85"/>
      <c r="AL2594" s="85"/>
      <c r="AM2594" s="92"/>
      <c r="AN2594" s="92"/>
      <c r="AO2594" s="92"/>
      <c r="AP2594" s="92"/>
      <c r="AQ2594" s="92"/>
      <c r="AR2594" s="92"/>
      <c r="AS2594" s="92"/>
      <c r="AT2594" s="92"/>
      <c r="AU2594" s="92"/>
      <c r="AV2594" s="92"/>
      <c r="AW2594" s="92"/>
      <c r="AX2594" s="92"/>
      <c r="AY2594" s="92"/>
      <c r="AZ2594" s="93"/>
      <c r="BA2594" s="93"/>
      <c r="BB2594" s="93"/>
      <c r="BC2594" s="93"/>
      <c r="BD2594" s="93"/>
      <c r="BE2594" s="93"/>
      <c r="BF2594" s="93"/>
      <c r="BG2594" s="93"/>
      <c r="BH2594" s="93"/>
      <c r="BI2594" s="93"/>
      <c r="BJ2594" s="93"/>
      <c r="BK2594" s="93"/>
      <c r="BL2594" s="93"/>
    </row>
    <row r="2595" spans="2:64" x14ac:dyDescent="0.2">
      <c r="B2595" s="43"/>
      <c r="C2595" s="73"/>
      <c r="D2595" s="64"/>
      <c r="E2595" s="55"/>
      <c r="F2595" s="74"/>
      <c r="G2595" s="74"/>
      <c r="H2595" s="74"/>
      <c r="I2595" s="75"/>
      <c r="J2595" s="74"/>
      <c r="L2595" s="55"/>
      <c r="M2595" s="234"/>
      <c r="N2595" s="65"/>
      <c r="O2595" s="76"/>
      <c r="P2595" s="76"/>
      <c r="Q2595" s="65"/>
      <c r="R2595" s="76"/>
      <c r="S2595" s="76"/>
      <c r="T2595" s="76"/>
      <c r="U2595" s="76"/>
      <c r="V2595" s="76"/>
      <c r="W2595" s="76"/>
      <c r="X2595" s="76"/>
      <c r="Y2595" s="76"/>
      <c r="Z2595" s="76"/>
      <c r="AA2595" s="85"/>
      <c r="AB2595" s="85"/>
      <c r="AC2595" s="85"/>
      <c r="AD2595" s="85"/>
      <c r="AE2595" s="85"/>
      <c r="AF2595" s="85"/>
      <c r="AG2595" s="86"/>
      <c r="AH2595" s="85"/>
      <c r="AI2595" s="85"/>
      <c r="AJ2595" s="85"/>
      <c r="AK2595" s="85"/>
      <c r="AL2595" s="85"/>
      <c r="AM2595" s="92"/>
      <c r="AN2595" s="92"/>
      <c r="AO2595" s="92"/>
      <c r="AP2595" s="92"/>
      <c r="AQ2595" s="92"/>
      <c r="AR2595" s="92"/>
      <c r="AS2595" s="92"/>
      <c r="AT2595" s="92"/>
      <c r="AU2595" s="92"/>
      <c r="AV2595" s="92"/>
      <c r="AW2595" s="92"/>
      <c r="AX2595" s="92"/>
      <c r="AY2595" s="92"/>
      <c r="AZ2595" s="93"/>
      <c r="BA2595" s="93"/>
      <c r="BB2595" s="93"/>
      <c r="BC2595" s="93"/>
      <c r="BD2595" s="93"/>
      <c r="BE2595" s="93"/>
      <c r="BF2595" s="93"/>
      <c r="BG2595" s="93"/>
      <c r="BH2595" s="93"/>
      <c r="BI2595" s="93"/>
      <c r="BJ2595" s="93"/>
      <c r="BK2595" s="93"/>
      <c r="BL2595" s="93"/>
    </row>
    <row r="2596" spans="2:64" x14ac:dyDescent="0.2">
      <c r="B2596" s="43"/>
      <c r="C2596" s="73"/>
      <c r="D2596" s="64"/>
      <c r="E2596" s="55"/>
      <c r="F2596" s="74"/>
      <c r="G2596" s="74"/>
      <c r="H2596" s="74"/>
      <c r="I2596" s="75"/>
      <c r="J2596" s="74"/>
      <c r="L2596" s="55"/>
      <c r="M2596" s="234"/>
      <c r="N2596" s="65"/>
      <c r="O2596" s="76"/>
      <c r="P2596" s="76"/>
      <c r="Q2596" s="65"/>
      <c r="R2596" s="76"/>
      <c r="S2596" s="76"/>
      <c r="T2596" s="76"/>
      <c r="U2596" s="76"/>
      <c r="V2596" s="76"/>
      <c r="W2596" s="76"/>
      <c r="X2596" s="76"/>
      <c r="Y2596" s="76"/>
      <c r="Z2596" s="76"/>
      <c r="AA2596" s="85"/>
      <c r="AB2596" s="85"/>
      <c r="AC2596" s="85"/>
      <c r="AD2596" s="85"/>
      <c r="AE2596" s="85"/>
      <c r="AF2596" s="85"/>
      <c r="AG2596" s="86"/>
      <c r="AH2596" s="85"/>
      <c r="AI2596" s="85"/>
      <c r="AJ2596" s="85"/>
      <c r="AK2596" s="85"/>
      <c r="AL2596" s="85"/>
      <c r="AM2596" s="92"/>
      <c r="AN2596" s="92"/>
      <c r="AO2596" s="92"/>
      <c r="AP2596" s="92"/>
      <c r="AQ2596" s="92"/>
      <c r="AR2596" s="92"/>
      <c r="AS2596" s="92"/>
      <c r="AT2596" s="92"/>
      <c r="AU2596" s="92"/>
      <c r="AV2596" s="92"/>
      <c r="AW2596" s="92"/>
      <c r="AX2596" s="92"/>
      <c r="AY2596" s="92"/>
      <c r="AZ2596" s="93"/>
      <c r="BA2596" s="93"/>
      <c r="BB2596" s="93"/>
      <c r="BC2596" s="93"/>
      <c r="BD2596" s="93"/>
      <c r="BE2596" s="93"/>
      <c r="BF2596" s="93"/>
      <c r="BG2596" s="93"/>
      <c r="BH2596" s="93"/>
      <c r="BI2596" s="93"/>
      <c r="BJ2596" s="93"/>
      <c r="BK2596" s="93"/>
      <c r="BL2596" s="93"/>
    </row>
    <row r="2597" spans="2:64" x14ac:dyDescent="0.2">
      <c r="B2597" s="43"/>
      <c r="C2597" s="73"/>
      <c r="D2597" s="64"/>
      <c r="E2597" s="55"/>
      <c r="F2597" s="74"/>
      <c r="G2597" s="74"/>
      <c r="H2597" s="74"/>
      <c r="I2597" s="75"/>
      <c r="J2597" s="74"/>
      <c r="L2597" s="55"/>
      <c r="M2597" s="234"/>
      <c r="N2597" s="65"/>
      <c r="O2597" s="76"/>
      <c r="P2597" s="76"/>
      <c r="Q2597" s="65"/>
      <c r="R2597" s="76"/>
      <c r="S2597" s="76"/>
      <c r="T2597" s="76"/>
      <c r="U2597" s="76"/>
      <c r="V2597" s="76"/>
      <c r="W2597" s="76"/>
      <c r="X2597" s="76"/>
      <c r="Y2597" s="76"/>
      <c r="Z2597" s="76"/>
      <c r="AA2597" s="85"/>
      <c r="AB2597" s="85"/>
      <c r="AC2597" s="85"/>
      <c r="AD2597" s="85"/>
      <c r="AE2597" s="85"/>
      <c r="AF2597" s="85"/>
      <c r="AG2597" s="86"/>
      <c r="AH2597" s="85"/>
      <c r="AI2597" s="85"/>
      <c r="AJ2597" s="85"/>
      <c r="AK2597" s="85"/>
      <c r="AL2597" s="85"/>
      <c r="AM2597" s="92"/>
      <c r="AN2597" s="92"/>
      <c r="AO2597" s="92"/>
      <c r="AP2597" s="92"/>
      <c r="AQ2597" s="92"/>
      <c r="AR2597" s="92"/>
      <c r="AS2597" s="92"/>
      <c r="AT2597" s="92"/>
      <c r="AU2597" s="92"/>
      <c r="AV2597" s="92"/>
      <c r="AW2597" s="92"/>
      <c r="AX2597" s="92"/>
      <c r="AY2597" s="92"/>
      <c r="AZ2597" s="93"/>
      <c r="BA2597" s="93"/>
      <c r="BB2597" s="93"/>
      <c r="BC2597" s="93"/>
      <c r="BD2597" s="93"/>
      <c r="BE2597" s="93"/>
      <c r="BF2597" s="93"/>
      <c r="BG2597" s="93"/>
      <c r="BH2597" s="93"/>
      <c r="BI2597" s="93"/>
      <c r="BJ2597" s="93"/>
      <c r="BK2597" s="93"/>
      <c r="BL2597" s="93"/>
    </row>
    <row r="2598" spans="2:64" x14ac:dyDescent="0.2">
      <c r="B2598" s="43"/>
      <c r="C2598" s="73"/>
      <c r="D2598" s="64"/>
      <c r="E2598" s="55"/>
      <c r="F2598" s="74"/>
      <c r="G2598" s="74"/>
      <c r="H2598" s="74"/>
      <c r="I2598" s="75"/>
      <c r="J2598" s="74"/>
      <c r="L2598" s="55"/>
      <c r="M2598" s="234"/>
      <c r="N2598" s="65"/>
      <c r="O2598" s="76"/>
      <c r="P2598" s="76"/>
      <c r="Q2598" s="65"/>
      <c r="R2598" s="76"/>
      <c r="S2598" s="76"/>
      <c r="T2598" s="76"/>
      <c r="U2598" s="76"/>
      <c r="V2598" s="76"/>
      <c r="W2598" s="76"/>
      <c r="X2598" s="76"/>
      <c r="Y2598" s="76"/>
      <c r="Z2598" s="76"/>
      <c r="AA2598" s="85"/>
      <c r="AB2598" s="85"/>
      <c r="AC2598" s="85"/>
      <c r="AD2598" s="85"/>
      <c r="AE2598" s="85"/>
      <c r="AF2598" s="85"/>
      <c r="AG2598" s="86"/>
      <c r="AH2598" s="85"/>
      <c r="AI2598" s="85"/>
      <c r="AJ2598" s="85"/>
      <c r="AK2598" s="85"/>
      <c r="AL2598" s="85"/>
      <c r="AM2598" s="92"/>
      <c r="AN2598" s="92"/>
      <c r="AO2598" s="92"/>
      <c r="AP2598" s="92"/>
      <c r="AQ2598" s="92"/>
      <c r="AR2598" s="92"/>
      <c r="AS2598" s="92"/>
      <c r="AT2598" s="92"/>
      <c r="AU2598" s="92"/>
      <c r="AV2598" s="92"/>
      <c r="AW2598" s="92"/>
      <c r="AX2598" s="92"/>
      <c r="AY2598" s="92"/>
      <c r="AZ2598" s="93"/>
      <c r="BA2598" s="93"/>
      <c r="BB2598" s="93"/>
      <c r="BC2598" s="93"/>
      <c r="BD2598" s="93"/>
      <c r="BE2598" s="93"/>
      <c r="BF2598" s="93"/>
      <c r="BG2598" s="93"/>
      <c r="BH2598" s="93"/>
      <c r="BI2598" s="93"/>
      <c r="BJ2598" s="93"/>
      <c r="BK2598" s="93"/>
      <c r="BL2598" s="93"/>
    </row>
    <row r="2599" spans="2:64" x14ac:dyDescent="0.2">
      <c r="B2599" s="43"/>
      <c r="C2599" s="73"/>
      <c r="D2599" s="64"/>
      <c r="E2599" s="55"/>
      <c r="F2599" s="74"/>
      <c r="G2599" s="74"/>
      <c r="H2599" s="74"/>
      <c r="I2599" s="75"/>
      <c r="J2599" s="74"/>
      <c r="L2599" s="55"/>
      <c r="M2599" s="234"/>
      <c r="N2599" s="65"/>
      <c r="O2599" s="76"/>
      <c r="P2599" s="76"/>
      <c r="Q2599" s="65"/>
      <c r="R2599" s="76"/>
      <c r="S2599" s="76"/>
      <c r="T2599" s="76"/>
      <c r="U2599" s="76"/>
      <c r="V2599" s="76"/>
      <c r="W2599" s="76"/>
      <c r="X2599" s="76"/>
      <c r="Y2599" s="76"/>
      <c r="Z2599" s="76"/>
      <c r="AA2599" s="85"/>
      <c r="AB2599" s="85"/>
      <c r="AC2599" s="85"/>
      <c r="AD2599" s="85"/>
      <c r="AE2599" s="85"/>
      <c r="AF2599" s="85"/>
      <c r="AG2599" s="86"/>
      <c r="AH2599" s="85"/>
      <c r="AI2599" s="85"/>
      <c r="AJ2599" s="85"/>
      <c r="AK2599" s="85"/>
      <c r="AL2599" s="85"/>
      <c r="AM2599" s="92"/>
      <c r="AN2599" s="92"/>
      <c r="AO2599" s="92"/>
      <c r="AP2599" s="92"/>
      <c r="AQ2599" s="92"/>
      <c r="AR2599" s="92"/>
      <c r="AS2599" s="92"/>
      <c r="AT2599" s="92"/>
      <c r="AU2599" s="92"/>
      <c r="AV2599" s="92"/>
      <c r="AW2599" s="92"/>
      <c r="AX2599" s="92"/>
      <c r="AY2599" s="92"/>
      <c r="AZ2599" s="93"/>
      <c r="BA2599" s="93"/>
      <c r="BB2599" s="93"/>
      <c r="BC2599" s="93"/>
      <c r="BD2599" s="93"/>
      <c r="BE2599" s="93"/>
      <c r="BF2599" s="93"/>
      <c r="BG2599" s="93"/>
      <c r="BH2599" s="93"/>
      <c r="BI2599" s="93"/>
      <c r="BJ2599" s="93"/>
      <c r="BK2599" s="93"/>
      <c r="BL2599" s="93"/>
    </row>
    <row r="2600" spans="2:64" x14ac:dyDescent="0.2">
      <c r="B2600" s="43"/>
      <c r="C2600" s="73"/>
      <c r="D2600" s="64"/>
      <c r="E2600" s="55"/>
      <c r="F2600" s="74"/>
      <c r="G2600" s="74"/>
      <c r="H2600" s="74"/>
      <c r="I2600" s="75"/>
      <c r="J2600" s="74"/>
      <c r="L2600" s="55"/>
      <c r="M2600" s="234"/>
      <c r="N2600" s="65"/>
      <c r="O2600" s="76"/>
      <c r="P2600" s="76"/>
      <c r="Q2600" s="65"/>
      <c r="R2600" s="76"/>
      <c r="S2600" s="76"/>
      <c r="T2600" s="76"/>
      <c r="U2600" s="76"/>
      <c r="V2600" s="76"/>
      <c r="W2600" s="76"/>
      <c r="X2600" s="76"/>
      <c r="Y2600" s="76"/>
      <c r="Z2600" s="76"/>
      <c r="AA2600" s="85"/>
      <c r="AB2600" s="85"/>
      <c r="AC2600" s="85"/>
      <c r="AD2600" s="85"/>
      <c r="AE2600" s="85"/>
      <c r="AF2600" s="85"/>
      <c r="AG2600" s="86"/>
      <c r="AH2600" s="85"/>
      <c r="AI2600" s="85"/>
      <c r="AJ2600" s="85"/>
      <c r="AK2600" s="85"/>
      <c r="AL2600" s="85"/>
      <c r="AM2600" s="92"/>
      <c r="AN2600" s="92"/>
      <c r="AO2600" s="92"/>
      <c r="AP2600" s="92"/>
      <c r="AQ2600" s="92"/>
      <c r="AR2600" s="92"/>
      <c r="AS2600" s="92"/>
      <c r="AT2600" s="92"/>
      <c r="AU2600" s="92"/>
      <c r="AV2600" s="92"/>
      <c r="AW2600" s="92"/>
      <c r="AX2600" s="92"/>
      <c r="AY2600" s="92"/>
      <c r="AZ2600" s="93"/>
      <c r="BA2600" s="93"/>
      <c r="BB2600" s="93"/>
      <c r="BC2600" s="93"/>
      <c r="BD2600" s="93"/>
      <c r="BE2600" s="93"/>
      <c r="BF2600" s="93"/>
      <c r="BG2600" s="93"/>
      <c r="BH2600" s="93"/>
      <c r="BI2600" s="93"/>
      <c r="BJ2600" s="93"/>
      <c r="BK2600" s="93"/>
      <c r="BL2600" s="93"/>
    </row>
    <row r="2601" spans="2:64" x14ac:dyDescent="0.2">
      <c r="B2601" s="43"/>
      <c r="C2601" s="73"/>
      <c r="D2601" s="64"/>
      <c r="E2601" s="55"/>
      <c r="F2601" s="74"/>
      <c r="G2601" s="74"/>
      <c r="H2601" s="74"/>
      <c r="I2601" s="75"/>
      <c r="J2601" s="74"/>
      <c r="L2601" s="55"/>
      <c r="M2601" s="234"/>
      <c r="N2601" s="65"/>
      <c r="O2601" s="76"/>
      <c r="P2601" s="76"/>
      <c r="Q2601" s="65"/>
      <c r="R2601" s="76"/>
      <c r="S2601" s="76"/>
      <c r="T2601" s="76"/>
      <c r="U2601" s="76"/>
      <c r="V2601" s="76"/>
      <c r="W2601" s="76"/>
      <c r="X2601" s="76"/>
      <c r="Y2601" s="76"/>
      <c r="Z2601" s="76"/>
      <c r="AA2601" s="85"/>
      <c r="AB2601" s="85"/>
      <c r="AC2601" s="85"/>
      <c r="AD2601" s="85"/>
      <c r="AE2601" s="85"/>
      <c r="AF2601" s="85"/>
      <c r="AG2601" s="86"/>
      <c r="AH2601" s="85"/>
      <c r="AI2601" s="85"/>
      <c r="AJ2601" s="85"/>
      <c r="AK2601" s="85"/>
      <c r="AL2601" s="85"/>
      <c r="AM2601" s="92"/>
      <c r="AN2601" s="92"/>
      <c r="AO2601" s="92"/>
      <c r="AP2601" s="92"/>
      <c r="AQ2601" s="92"/>
      <c r="AR2601" s="92"/>
      <c r="AS2601" s="92"/>
      <c r="AT2601" s="92"/>
      <c r="AU2601" s="92"/>
      <c r="AV2601" s="92"/>
      <c r="AW2601" s="92"/>
      <c r="AX2601" s="92"/>
      <c r="AY2601" s="92"/>
      <c r="AZ2601" s="93"/>
      <c r="BA2601" s="93"/>
      <c r="BB2601" s="93"/>
      <c r="BC2601" s="93"/>
      <c r="BD2601" s="93"/>
      <c r="BE2601" s="93"/>
      <c r="BF2601" s="93"/>
      <c r="BG2601" s="93"/>
      <c r="BH2601" s="93"/>
      <c r="BI2601" s="93"/>
      <c r="BJ2601" s="93"/>
      <c r="BK2601" s="93"/>
      <c r="BL2601" s="93"/>
    </row>
    <row r="2602" spans="2:64" x14ac:dyDescent="0.2">
      <c r="B2602" s="43"/>
      <c r="C2602" s="73"/>
      <c r="D2602" s="64"/>
      <c r="E2602" s="55"/>
      <c r="F2602" s="74"/>
      <c r="G2602" s="74"/>
      <c r="H2602" s="74"/>
      <c r="I2602" s="75"/>
      <c r="J2602" s="74"/>
      <c r="L2602" s="55"/>
      <c r="M2602" s="234"/>
      <c r="N2602" s="65"/>
      <c r="O2602" s="76"/>
      <c r="P2602" s="76"/>
      <c r="Q2602" s="65"/>
      <c r="R2602" s="76"/>
      <c r="S2602" s="76"/>
      <c r="T2602" s="76"/>
      <c r="U2602" s="76"/>
      <c r="V2602" s="76"/>
      <c r="W2602" s="76"/>
      <c r="X2602" s="76"/>
      <c r="Y2602" s="76"/>
      <c r="Z2602" s="76"/>
      <c r="AA2602" s="85"/>
      <c r="AB2602" s="85"/>
      <c r="AC2602" s="85"/>
      <c r="AD2602" s="85"/>
      <c r="AE2602" s="85"/>
      <c r="AF2602" s="85"/>
      <c r="AG2602" s="86"/>
      <c r="AH2602" s="85"/>
      <c r="AI2602" s="85"/>
      <c r="AJ2602" s="85"/>
      <c r="AK2602" s="85"/>
      <c r="AL2602" s="85"/>
      <c r="AM2602" s="92"/>
      <c r="AN2602" s="92"/>
      <c r="AO2602" s="92"/>
      <c r="AP2602" s="92"/>
      <c r="AQ2602" s="92"/>
      <c r="AR2602" s="92"/>
      <c r="AS2602" s="92"/>
      <c r="AT2602" s="92"/>
      <c r="AU2602" s="92"/>
      <c r="AV2602" s="92"/>
      <c r="AW2602" s="92"/>
      <c r="AX2602" s="92"/>
      <c r="AY2602" s="92"/>
      <c r="AZ2602" s="93"/>
      <c r="BA2602" s="93"/>
      <c r="BB2602" s="93"/>
      <c r="BC2602" s="93"/>
      <c r="BD2602" s="93"/>
      <c r="BE2602" s="93"/>
      <c r="BF2602" s="93"/>
      <c r="BG2602" s="93"/>
      <c r="BH2602" s="93"/>
      <c r="BI2602" s="93"/>
      <c r="BJ2602" s="93"/>
      <c r="BK2602" s="93"/>
      <c r="BL2602" s="93"/>
    </row>
    <row r="2603" spans="2:64" x14ac:dyDescent="0.2">
      <c r="B2603" s="43"/>
      <c r="C2603" s="73"/>
      <c r="D2603" s="64"/>
      <c r="E2603" s="55"/>
      <c r="F2603" s="74"/>
      <c r="G2603" s="74"/>
      <c r="H2603" s="74"/>
      <c r="I2603" s="75"/>
      <c r="J2603" s="74"/>
      <c r="L2603" s="55"/>
      <c r="M2603" s="234"/>
      <c r="N2603" s="65"/>
      <c r="O2603" s="76"/>
      <c r="P2603" s="76"/>
      <c r="Q2603" s="65"/>
      <c r="R2603" s="76"/>
      <c r="S2603" s="76"/>
      <c r="T2603" s="76"/>
      <c r="U2603" s="76"/>
      <c r="V2603" s="76"/>
      <c r="W2603" s="76"/>
      <c r="X2603" s="76"/>
      <c r="Y2603" s="76"/>
      <c r="Z2603" s="76"/>
      <c r="AA2603" s="85"/>
      <c r="AB2603" s="85"/>
      <c r="AC2603" s="85"/>
      <c r="AD2603" s="85"/>
      <c r="AE2603" s="85"/>
      <c r="AF2603" s="85"/>
      <c r="AG2603" s="86"/>
      <c r="AH2603" s="85"/>
      <c r="AI2603" s="85"/>
      <c r="AJ2603" s="85"/>
      <c r="AK2603" s="85"/>
      <c r="AL2603" s="85"/>
      <c r="AM2603" s="92"/>
      <c r="AN2603" s="92"/>
      <c r="AO2603" s="92"/>
      <c r="AP2603" s="92"/>
      <c r="AQ2603" s="92"/>
      <c r="AR2603" s="92"/>
      <c r="AS2603" s="92"/>
      <c r="AT2603" s="92"/>
      <c r="AU2603" s="92"/>
      <c r="AV2603" s="92"/>
      <c r="AW2603" s="92"/>
      <c r="AX2603" s="92"/>
      <c r="AY2603" s="92"/>
      <c r="AZ2603" s="93"/>
      <c r="BA2603" s="93"/>
      <c r="BB2603" s="93"/>
      <c r="BC2603" s="93"/>
      <c r="BD2603" s="93"/>
      <c r="BE2603" s="93"/>
      <c r="BF2603" s="93"/>
      <c r="BG2603" s="93"/>
      <c r="BH2603" s="93"/>
      <c r="BI2603" s="93"/>
      <c r="BJ2603" s="93"/>
      <c r="BK2603" s="93"/>
      <c r="BL2603" s="93"/>
    </row>
    <row r="2604" spans="2:64" x14ac:dyDescent="0.2">
      <c r="B2604" s="43"/>
      <c r="C2604" s="73"/>
      <c r="D2604" s="64"/>
      <c r="E2604" s="55"/>
      <c r="F2604" s="74"/>
      <c r="G2604" s="74"/>
      <c r="H2604" s="74"/>
      <c r="I2604" s="75"/>
      <c r="J2604" s="74"/>
      <c r="L2604" s="55"/>
      <c r="M2604" s="234"/>
      <c r="N2604" s="65"/>
      <c r="O2604" s="76"/>
      <c r="P2604" s="76"/>
      <c r="Q2604" s="65"/>
      <c r="R2604" s="76"/>
      <c r="S2604" s="76"/>
      <c r="T2604" s="76"/>
      <c r="U2604" s="76"/>
      <c r="V2604" s="76"/>
      <c r="W2604" s="76"/>
      <c r="X2604" s="76"/>
      <c r="Y2604" s="76"/>
      <c r="Z2604" s="76"/>
      <c r="AA2604" s="85"/>
      <c r="AB2604" s="85"/>
      <c r="AC2604" s="85"/>
      <c r="AD2604" s="85"/>
      <c r="AE2604" s="85"/>
      <c r="AF2604" s="85"/>
      <c r="AG2604" s="86"/>
      <c r="AH2604" s="85"/>
      <c r="AI2604" s="85"/>
      <c r="AJ2604" s="85"/>
      <c r="AK2604" s="85"/>
      <c r="AL2604" s="85"/>
      <c r="AM2604" s="92"/>
      <c r="AN2604" s="92"/>
      <c r="AO2604" s="92"/>
      <c r="AP2604" s="92"/>
      <c r="AQ2604" s="92"/>
      <c r="AR2604" s="92"/>
      <c r="AS2604" s="92"/>
      <c r="AT2604" s="92"/>
      <c r="AU2604" s="92"/>
      <c r="AV2604" s="92"/>
      <c r="AW2604" s="92"/>
      <c r="AX2604" s="92"/>
      <c r="AY2604" s="92"/>
      <c r="AZ2604" s="93"/>
      <c r="BA2604" s="93"/>
      <c r="BB2604" s="93"/>
      <c r="BC2604" s="93"/>
      <c r="BD2604" s="93"/>
      <c r="BE2604" s="93"/>
      <c r="BF2604" s="93"/>
      <c r="BG2604" s="93"/>
      <c r="BH2604" s="93"/>
      <c r="BI2604" s="93"/>
      <c r="BJ2604" s="93"/>
      <c r="BK2604" s="93"/>
      <c r="BL2604" s="93"/>
    </row>
    <row r="2605" spans="2:64" x14ac:dyDescent="0.2">
      <c r="B2605" s="43"/>
      <c r="C2605" s="73"/>
      <c r="D2605" s="64"/>
      <c r="E2605" s="55"/>
      <c r="F2605" s="74"/>
      <c r="G2605" s="74"/>
      <c r="H2605" s="74"/>
      <c r="I2605" s="75"/>
      <c r="J2605" s="74"/>
      <c r="L2605" s="55"/>
      <c r="M2605" s="234"/>
      <c r="N2605" s="65"/>
      <c r="O2605" s="76"/>
      <c r="P2605" s="76"/>
      <c r="Q2605" s="65"/>
      <c r="R2605" s="76"/>
      <c r="S2605" s="76"/>
      <c r="T2605" s="76"/>
      <c r="U2605" s="76"/>
      <c r="V2605" s="76"/>
      <c r="W2605" s="76"/>
      <c r="X2605" s="76"/>
      <c r="Y2605" s="76"/>
      <c r="Z2605" s="76"/>
      <c r="AA2605" s="85"/>
      <c r="AB2605" s="85"/>
      <c r="AC2605" s="85"/>
      <c r="AD2605" s="85"/>
      <c r="AE2605" s="85"/>
      <c r="AF2605" s="85"/>
      <c r="AG2605" s="86"/>
      <c r="AH2605" s="85"/>
      <c r="AI2605" s="85"/>
      <c r="AJ2605" s="85"/>
      <c r="AK2605" s="85"/>
      <c r="AL2605" s="85"/>
      <c r="AM2605" s="92"/>
      <c r="AN2605" s="92"/>
      <c r="AO2605" s="92"/>
      <c r="AP2605" s="92"/>
      <c r="AQ2605" s="92"/>
      <c r="AR2605" s="92"/>
      <c r="AS2605" s="92"/>
      <c r="AT2605" s="92"/>
      <c r="AU2605" s="92"/>
      <c r="AV2605" s="92"/>
      <c r="AW2605" s="92"/>
      <c r="AX2605" s="92"/>
      <c r="AY2605" s="92"/>
      <c r="AZ2605" s="93"/>
      <c r="BA2605" s="93"/>
      <c r="BB2605" s="93"/>
      <c r="BC2605" s="93"/>
      <c r="BD2605" s="93"/>
      <c r="BE2605" s="93"/>
      <c r="BF2605" s="93"/>
      <c r="BG2605" s="93"/>
      <c r="BH2605" s="93"/>
      <c r="BI2605" s="93"/>
      <c r="BJ2605" s="93"/>
      <c r="BK2605" s="93"/>
      <c r="BL2605" s="93"/>
    </row>
    <row r="2606" spans="2:64" x14ac:dyDescent="0.2">
      <c r="B2606" s="43"/>
      <c r="C2606" s="73"/>
      <c r="D2606" s="64"/>
      <c r="E2606" s="55"/>
      <c r="F2606" s="74"/>
      <c r="G2606" s="74"/>
      <c r="H2606" s="74"/>
      <c r="I2606" s="75"/>
      <c r="J2606" s="74"/>
      <c r="L2606" s="55"/>
      <c r="M2606" s="234"/>
      <c r="N2606" s="65"/>
      <c r="O2606" s="76"/>
      <c r="P2606" s="76"/>
      <c r="Q2606" s="65"/>
      <c r="R2606" s="76"/>
      <c r="S2606" s="76"/>
      <c r="T2606" s="76"/>
      <c r="U2606" s="76"/>
      <c r="V2606" s="76"/>
      <c r="W2606" s="76"/>
      <c r="X2606" s="76"/>
      <c r="Y2606" s="76"/>
      <c r="Z2606" s="76"/>
      <c r="AA2606" s="85"/>
      <c r="AB2606" s="85"/>
      <c r="AC2606" s="85"/>
      <c r="AD2606" s="85"/>
      <c r="AE2606" s="85"/>
      <c r="AF2606" s="85"/>
      <c r="AG2606" s="86"/>
      <c r="AH2606" s="85"/>
      <c r="AI2606" s="85"/>
      <c r="AJ2606" s="85"/>
      <c r="AK2606" s="85"/>
      <c r="AL2606" s="85"/>
      <c r="AM2606" s="92"/>
      <c r="AN2606" s="92"/>
      <c r="AO2606" s="92"/>
      <c r="AP2606" s="92"/>
      <c r="AQ2606" s="92"/>
      <c r="AR2606" s="92"/>
      <c r="AS2606" s="92"/>
      <c r="AT2606" s="92"/>
      <c r="AU2606" s="92"/>
      <c r="AV2606" s="92"/>
      <c r="AW2606" s="92"/>
      <c r="AX2606" s="92"/>
      <c r="AY2606" s="92"/>
      <c r="AZ2606" s="93"/>
      <c r="BA2606" s="93"/>
      <c r="BB2606" s="93"/>
      <c r="BC2606" s="93"/>
      <c r="BD2606" s="93"/>
      <c r="BE2606" s="93"/>
      <c r="BF2606" s="93"/>
      <c r="BG2606" s="93"/>
      <c r="BH2606" s="93"/>
      <c r="BI2606" s="93"/>
      <c r="BJ2606" s="93"/>
      <c r="BK2606" s="93"/>
      <c r="BL2606" s="93"/>
    </row>
    <row r="2607" spans="2:64" x14ac:dyDescent="0.2">
      <c r="B2607" s="43"/>
      <c r="C2607" s="73"/>
      <c r="D2607" s="64"/>
      <c r="E2607" s="55"/>
      <c r="F2607" s="74"/>
      <c r="G2607" s="74"/>
      <c r="H2607" s="74"/>
      <c r="I2607" s="75"/>
      <c r="J2607" s="74"/>
      <c r="L2607" s="55"/>
      <c r="M2607" s="234"/>
      <c r="N2607" s="65"/>
      <c r="O2607" s="76"/>
      <c r="P2607" s="76"/>
      <c r="Q2607" s="65"/>
      <c r="R2607" s="76"/>
      <c r="S2607" s="76"/>
      <c r="T2607" s="76"/>
      <c r="U2607" s="76"/>
      <c r="V2607" s="76"/>
      <c r="W2607" s="76"/>
      <c r="X2607" s="76"/>
      <c r="Y2607" s="76"/>
      <c r="Z2607" s="76"/>
      <c r="AA2607" s="85"/>
      <c r="AB2607" s="85"/>
      <c r="AC2607" s="85"/>
      <c r="AD2607" s="85"/>
      <c r="AE2607" s="85"/>
      <c r="AF2607" s="85"/>
      <c r="AG2607" s="86"/>
      <c r="AH2607" s="85"/>
      <c r="AI2607" s="85"/>
      <c r="AJ2607" s="85"/>
      <c r="AK2607" s="85"/>
      <c r="AL2607" s="85"/>
      <c r="AM2607" s="92"/>
      <c r="AN2607" s="92"/>
      <c r="AO2607" s="92"/>
      <c r="AP2607" s="92"/>
      <c r="AQ2607" s="92"/>
      <c r="AR2607" s="92"/>
      <c r="AS2607" s="92"/>
      <c r="AT2607" s="92"/>
      <c r="AU2607" s="92"/>
      <c r="AV2607" s="92"/>
      <c r="AW2607" s="92"/>
      <c r="AX2607" s="92"/>
      <c r="AY2607" s="92"/>
      <c r="AZ2607" s="93"/>
      <c r="BA2607" s="93"/>
      <c r="BB2607" s="93"/>
      <c r="BC2607" s="93"/>
      <c r="BD2607" s="93"/>
      <c r="BE2607" s="93"/>
      <c r="BF2607" s="93"/>
      <c r="BG2607" s="93"/>
      <c r="BH2607" s="93"/>
      <c r="BI2607" s="93"/>
      <c r="BJ2607" s="93"/>
      <c r="BK2607" s="93"/>
      <c r="BL2607" s="93"/>
    </row>
    <row r="2608" spans="2:64" x14ac:dyDescent="0.2">
      <c r="B2608" s="43"/>
      <c r="C2608" s="73"/>
      <c r="D2608" s="64"/>
      <c r="E2608" s="55"/>
      <c r="F2608" s="74"/>
      <c r="G2608" s="74"/>
      <c r="H2608" s="74"/>
      <c r="I2608" s="75"/>
      <c r="J2608" s="74"/>
      <c r="L2608" s="55"/>
      <c r="M2608" s="234"/>
      <c r="N2608" s="65"/>
      <c r="O2608" s="76"/>
      <c r="P2608" s="76"/>
      <c r="Q2608" s="65"/>
      <c r="R2608" s="76"/>
      <c r="S2608" s="76"/>
      <c r="T2608" s="76"/>
      <c r="U2608" s="76"/>
      <c r="V2608" s="76"/>
      <c r="W2608" s="76"/>
      <c r="X2608" s="76"/>
      <c r="Y2608" s="76"/>
      <c r="Z2608" s="76"/>
      <c r="AA2608" s="85"/>
      <c r="AB2608" s="85"/>
      <c r="AC2608" s="85"/>
      <c r="AD2608" s="85"/>
      <c r="AE2608" s="85"/>
      <c r="AF2608" s="85"/>
      <c r="AG2608" s="86"/>
      <c r="AH2608" s="85"/>
      <c r="AI2608" s="85"/>
      <c r="AJ2608" s="85"/>
      <c r="AK2608" s="85"/>
      <c r="AL2608" s="85"/>
      <c r="AM2608" s="92"/>
      <c r="AN2608" s="92"/>
      <c r="AO2608" s="92"/>
      <c r="AP2608" s="92"/>
      <c r="AQ2608" s="92"/>
      <c r="AR2608" s="92"/>
      <c r="AS2608" s="92"/>
      <c r="AT2608" s="92"/>
      <c r="AU2608" s="92"/>
      <c r="AV2608" s="92"/>
      <c r="AW2608" s="92"/>
      <c r="AX2608" s="92"/>
      <c r="AY2608" s="92"/>
      <c r="AZ2608" s="93"/>
      <c r="BA2608" s="93"/>
      <c r="BB2608" s="93"/>
      <c r="BC2608" s="93"/>
      <c r="BD2608" s="93"/>
      <c r="BE2608" s="93"/>
      <c r="BF2608" s="93"/>
      <c r="BG2608" s="93"/>
      <c r="BH2608" s="93"/>
      <c r="BI2608" s="93"/>
      <c r="BJ2608" s="93"/>
      <c r="BK2608" s="93"/>
      <c r="BL2608" s="93"/>
    </row>
    <row r="2609" spans="2:64" x14ac:dyDescent="0.2">
      <c r="B2609" s="43"/>
      <c r="C2609" s="73"/>
      <c r="D2609" s="64"/>
      <c r="E2609" s="55"/>
      <c r="F2609" s="74"/>
      <c r="G2609" s="74"/>
      <c r="H2609" s="74"/>
      <c r="I2609" s="75"/>
      <c r="J2609" s="74"/>
      <c r="L2609" s="55"/>
      <c r="M2609" s="234"/>
      <c r="N2609" s="65"/>
      <c r="O2609" s="76"/>
      <c r="P2609" s="76"/>
      <c r="Q2609" s="65"/>
      <c r="R2609" s="76"/>
      <c r="S2609" s="76"/>
      <c r="T2609" s="76"/>
      <c r="U2609" s="76"/>
      <c r="V2609" s="76"/>
      <c r="W2609" s="76"/>
      <c r="X2609" s="76"/>
      <c r="Y2609" s="76"/>
      <c r="Z2609" s="76"/>
      <c r="AA2609" s="85"/>
      <c r="AB2609" s="85"/>
      <c r="AC2609" s="85"/>
      <c r="AD2609" s="85"/>
      <c r="AE2609" s="85"/>
      <c r="AF2609" s="85"/>
      <c r="AG2609" s="86"/>
      <c r="AH2609" s="85"/>
      <c r="AI2609" s="85"/>
      <c r="AJ2609" s="85"/>
      <c r="AK2609" s="85"/>
      <c r="AL2609" s="85"/>
      <c r="AM2609" s="92"/>
      <c r="AN2609" s="92"/>
      <c r="AO2609" s="92"/>
      <c r="AP2609" s="92"/>
      <c r="AQ2609" s="92"/>
      <c r="AR2609" s="92"/>
      <c r="AS2609" s="92"/>
      <c r="AT2609" s="92"/>
      <c r="AU2609" s="92"/>
      <c r="AV2609" s="92"/>
      <c r="AW2609" s="92"/>
      <c r="AX2609" s="92"/>
      <c r="AY2609" s="92"/>
      <c r="AZ2609" s="93"/>
      <c r="BA2609" s="93"/>
      <c r="BB2609" s="93"/>
      <c r="BC2609" s="93"/>
      <c r="BD2609" s="93"/>
      <c r="BE2609" s="93"/>
      <c r="BF2609" s="93"/>
      <c r="BG2609" s="93"/>
      <c r="BH2609" s="93"/>
      <c r="BI2609" s="93"/>
      <c r="BJ2609" s="93"/>
      <c r="BK2609" s="93"/>
      <c r="BL2609" s="93"/>
    </row>
    <row r="2610" spans="2:64" x14ac:dyDescent="0.2">
      <c r="B2610" s="43"/>
      <c r="C2610" s="73"/>
      <c r="D2610" s="64"/>
      <c r="E2610" s="55"/>
      <c r="F2610" s="74"/>
      <c r="G2610" s="74"/>
      <c r="H2610" s="74"/>
      <c r="I2610" s="75"/>
      <c r="J2610" s="74"/>
      <c r="L2610" s="55"/>
      <c r="M2610" s="234"/>
      <c r="N2610" s="65"/>
      <c r="O2610" s="76"/>
      <c r="P2610" s="76"/>
      <c r="Q2610" s="65"/>
      <c r="R2610" s="76"/>
      <c r="S2610" s="76"/>
      <c r="T2610" s="76"/>
      <c r="U2610" s="76"/>
      <c r="V2610" s="76"/>
      <c r="W2610" s="76"/>
      <c r="X2610" s="76"/>
      <c r="Y2610" s="76"/>
      <c r="Z2610" s="76"/>
      <c r="AA2610" s="85"/>
      <c r="AB2610" s="85"/>
      <c r="AC2610" s="85"/>
      <c r="AD2610" s="85"/>
      <c r="AE2610" s="85"/>
      <c r="AF2610" s="85"/>
      <c r="AG2610" s="86"/>
      <c r="AH2610" s="85"/>
      <c r="AI2610" s="85"/>
      <c r="AJ2610" s="85"/>
      <c r="AK2610" s="85"/>
      <c r="AL2610" s="85"/>
      <c r="AM2610" s="92"/>
      <c r="AN2610" s="92"/>
      <c r="AO2610" s="92"/>
      <c r="AP2610" s="92"/>
      <c r="AQ2610" s="92"/>
      <c r="AR2610" s="92"/>
      <c r="AS2610" s="92"/>
      <c r="AT2610" s="92"/>
      <c r="AU2610" s="92"/>
      <c r="AV2610" s="92"/>
      <c r="AW2610" s="92"/>
      <c r="AX2610" s="92"/>
      <c r="AY2610" s="92"/>
      <c r="AZ2610" s="93"/>
      <c r="BA2610" s="93"/>
      <c r="BB2610" s="93"/>
      <c r="BC2610" s="93"/>
      <c r="BD2610" s="93"/>
      <c r="BE2610" s="93"/>
      <c r="BF2610" s="93"/>
      <c r="BG2610" s="93"/>
      <c r="BH2610" s="93"/>
      <c r="BI2610" s="93"/>
      <c r="BJ2610" s="93"/>
      <c r="BK2610" s="93"/>
      <c r="BL2610" s="93"/>
    </row>
    <row r="2611" spans="2:64" x14ac:dyDescent="0.2">
      <c r="B2611" s="43"/>
      <c r="C2611" s="73"/>
      <c r="D2611" s="64"/>
      <c r="E2611" s="55"/>
      <c r="F2611" s="74"/>
      <c r="G2611" s="74"/>
      <c r="H2611" s="74"/>
      <c r="I2611" s="75"/>
      <c r="J2611" s="74"/>
      <c r="L2611" s="55"/>
      <c r="M2611" s="234"/>
      <c r="N2611" s="65"/>
      <c r="O2611" s="76"/>
      <c r="P2611" s="76"/>
      <c r="Q2611" s="65"/>
      <c r="R2611" s="76"/>
      <c r="S2611" s="76"/>
      <c r="T2611" s="76"/>
      <c r="U2611" s="76"/>
      <c r="V2611" s="76"/>
      <c r="W2611" s="76"/>
      <c r="X2611" s="76"/>
      <c r="Y2611" s="76"/>
      <c r="Z2611" s="76"/>
      <c r="AA2611" s="85"/>
      <c r="AB2611" s="85"/>
      <c r="AC2611" s="85"/>
      <c r="AD2611" s="85"/>
      <c r="AE2611" s="85"/>
      <c r="AF2611" s="85"/>
      <c r="AG2611" s="86"/>
      <c r="AH2611" s="85"/>
      <c r="AI2611" s="85"/>
      <c r="AJ2611" s="85"/>
      <c r="AK2611" s="85"/>
      <c r="AL2611" s="85"/>
      <c r="AM2611" s="92"/>
      <c r="AN2611" s="92"/>
      <c r="AO2611" s="92"/>
      <c r="AP2611" s="92"/>
      <c r="AQ2611" s="92"/>
      <c r="AR2611" s="92"/>
      <c r="AS2611" s="92"/>
      <c r="AT2611" s="92"/>
      <c r="AU2611" s="92"/>
      <c r="AV2611" s="92"/>
      <c r="AW2611" s="92"/>
      <c r="AX2611" s="92"/>
      <c r="AY2611" s="92"/>
      <c r="AZ2611" s="93"/>
      <c r="BA2611" s="93"/>
      <c r="BB2611" s="93"/>
      <c r="BC2611" s="93"/>
      <c r="BD2611" s="93"/>
      <c r="BE2611" s="93"/>
      <c r="BF2611" s="93"/>
      <c r="BG2611" s="93"/>
      <c r="BH2611" s="93"/>
      <c r="BI2611" s="93"/>
      <c r="BJ2611" s="93"/>
      <c r="BK2611" s="93"/>
      <c r="BL2611" s="93"/>
    </row>
    <row r="2612" spans="2:64" x14ac:dyDescent="0.2">
      <c r="B2612" s="43"/>
      <c r="C2612" s="73"/>
      <c r="D2612" s="64"/>
      <c r="E2612" s="55"/>
      <c r="F2612" s="74"/>
      <c r="G2612" s="74"/>
      <c r="H2612" s="74"/>
      <c r="I2612" s="75"/>
      <c r="J2612" s="74"/>
      <c r="L2612" s="55"/>
      <c r="M2612" s="234"/>
      <c r="N2612" s="65"/>
      <c r="O2612" s="76"/>
      <c r="P2612" s="76"/>
      <c r="Q2612" s="65"/>
      <c r="R2612" s="76"/>
      <c r="S2612" s="76"/>
      <c r="T2612" s="76"/>
      <c r="U2612" s="76"/>
      <c r="V2612" s="76"/>
      <c r="W2612" s="76"/>
      <c r="X2612" s="76"/>
      <c r="Y2612" s="76"/>
      <c r="Z2612" s="76"/>
      <c r="AA2612" s="85"/>
      <c r="AB2612" s="85"/>
      <c r="AC2612" s="85"/>
      <c r="AD2612" s="85"/>
      <c r="AE2612" s="85"/>
      <c r="AF2612" s="85"/>
      <c r="AG2612" s="86"/>
      <c r="AH2612" s="85"/>
      <c r="AI2612" s="85"/>
      <c r="AJ2612" s="85"/>
      <c r="AK2612" s="85"/>
      <c r="AL2612" s="85"/>
      <c r="AM2612" s="92"/>
      <c r="AN2612" s="92"/>
      <c r="AO2612" s="92"/>
      <c r="AP2612" s="92"/>
      <c r="AQ2612" s="92"/>
      <c r="AR2612" s="92"/>
      <c r="AS2612" s="92"/>
      <c r="AT2612" s="92"/>
      <c r="AU2612" s="92"/>
      <c r="AV2612" s="92"/>
      <c r="AW2612" s="92"/>
      <c r="AX2612" s="92"/>
      <c r="AY2612" s="92"/>
      <c r="AZ2612" s="93"/>
      <c r="BA2612" s="93"/>
      <c r="BB2612" s="93"/>
      <c r="BC2612" s="93"/>
      <c r="BD2612" s="93"/>
      <c r="BE2612" s="93"/>
      <c r="BF2612" s="93"/>
      <c r="BG2612" s="93"/>
      <c r="BH2612" s="93"/>
      <c r="BI2612" s="93"/>
      <c r="BJ2612" s="93"/>
      <c r="BK2612" s="93"/>
      <c r="BL2612" s="93"/>
    </row>
    <row r="2613" spans="2:64" x14ac:dyDescent="0.2">
      <c r="B2613" s="43"/>
      <c r="C2613" s="73"/>
      <c r="D2613" s="64"/>
      <c r="E2613" s="55"/>
      <c r="F2613" s="74"/>
      <c r="G2613" s="74"/>
      <c r="H2613" s="74"/>
      <c r="I2613" s="75"/>
      <c r="J2613" s="74"/>
      <c r="L2613" s="55"/>
      <c r="M2613" s="234"/>
      <c r="N2613" s="65"/>
      <c r="O2613" s="76"/>
      <c r="P2613" s="76"/>
      <c r="Q2613" s="65"/>
      <c r="R2613" s="76"/>
      <c r="S2613" s="76"/>
      <c r="T2613" s="76"/>
      <c r="U2613" s="76"/>
      <c r="V2613" s="76"/>
      <c r="W2613" s="76"/>
      <c r="X2613" s="76"/>
      <c r="Y2613" s="76"/>
      <c r="Z2613" s="76"/>
      <c r="AA2613" s="85"/>
      <c r="AB2613" s="85"/>
      <c r="AC2613" s="85"/>
      <c r="AD2613" s="85"/>
      <c r="AE2613" s="85"/>
      <c r="AF2613" s="85"/>
      <c r="AG2613" s="86"/>
      <c r="AH2613" s="85"/>
      <c r="AI2613" s="85"/>
      <c r="AJ2613" s="85"/>
      <c r="AK2613" s="85"/>
      <c r="AL2613" s="85"/>
      <c r="AM2613" s="92"/>
      <c r="AN2613" s="92"/>
      <c r="AO2613" s="92"/>
      <c r="AP2613" s="92"/>
      <c r="AQ2613" s="92"/>
      <c r="AR2613" s="92"/>
      <c r="AS2613" s="92"/>
      <c r="AT2613" s="92"/>
      <c r="AU2613" s="92"/>
      <c r="AV2613" s="92"/>
      <c r="AW2613" s="92"/>
      <c r="AX2613" s="92"/>
      <c r="AY2613" s="92"/>
      <c r="AZ2613" s="93"/>
      <c r="BA2613" s="93"/>
      <c r="BB2613" s="93"/>
      <c r="BC2613" s="93"/>
      <c r="BD2613" s="93"/>
      <c r="BE2613" s="93"/>
      <c r="BF2613" s="93"/>
      <c r="BG2613" s="93"/>
      <c r="BH2613" s="93"/>
      <c r="BI2613" s="93"/>
      <c r="BJ2613" s="93"/>
      <c r="BK2613" s="93"/>
      <c r="BL2613" s="93"/>
    </row>
    <row r="2614" spans="2:64" x14ac:dyDescent="0.2">
      <c r="B2614" s="43"/>
      <c r="C2614" s="73"/>
      <c r="D2614" s="64"/>
      <c r="E2614" s="55"/>
      <c r="F2614" s="74"/>
      <c r="G2614" s="74"/>
      <c r="H2614" s="74"/>
      <c r="I2614" s="75"/>
      <c r="J2614" s="74"/>
      <c r="L2614" s="55"/>
      <c r="M2614" s="234"/>
      <c r="N2614" s="65"/>
      <c r="O2614" s="76"/>
      <c r="P2614" s="76"/>
      <c r="Q2614" s="65"/>
      <c r="R2614" s="76"/>
      <c r="S2614" s="76"/>
      <c r="T2614" s="76"/>
      <c r="U2614" s="76"/>
      <c r="V2614" s="76"/>
      <c r="W2614" s="76"/>
      <c r="X2614" s="76"/>
      <c r="Y2614" s="76"/>
      <c r="Z2614" s="76"/>
      <c r="AA2614" s="85"/>
      <c r="AB2614" s="85"/>
      <c r="AC2614" s="85"/>
      <c r="AD2614" s="85"/>
      <c r="AE2614" s="85"/>
      <c r="AF2614" s="85"/>
      <c r="AG2614" s="86"/>
      <c r="AH2614" s="85"/>
      <c r="AI2614" s="85"/>
      <c r="AJ2614" s="85"/>
      <c r="AK2614" s="85"/>
      <c r="AL2614" s="85"/>
      <c r="AM2614" s="92"/>
      <c r="AN2614" s="92"/>
      <c r="AO2614" s="92"/>
      <c r="AP2614" s="92"/>
      <c r="AQ2614" s="92"/>
      <c r="AR2614" s="92"/>
      <c r="AS2614" s="92"/>
      <c r="AT2614" s="92"/>
      <c r="AU2614" s="92"/>
      <c r="AV2614" s="92"/>
      <c r="AW2614" s="92"/>
      <c r="AX2614" s="92"/>
      <c r="AY2614" s="92"/>
      <c r="AZ2614" s="93"/>
      <c r="BA2614" s="93"/>
      <c r="BB2614" s="93"/>
      <c r="BC2614" s="93"/>
      <c r="BD2614" s="93"/>
      <c r="BE2614" s="93"/>
      <c r="BF2614" s="93"/>
      <c r="BG2614" s="93"/>
      <c r="BH2614" s="93"/>
      <c r="BI2614" s="93"/>
      <c r="BJ2614" s="93"/>
      <c r="BK2614" s="93"/>
      <c r="BL2614" s="93"/>
    </row>
    <row r="2615" spans="2:64" x14ac:dyDescent="0.2">
      <c r="B2615" s="43"/>
      <c r="C2615" s="73"/>
      <c r="D2615" s="64"/>
      <c r="E2615" s="55"/>
      <c r="F2615" s="74"/>
      <c r="G2615" s="74"/>
      <c r="H2615" s="74"/>
      <c r="I2615" s="75"/>
      <c r="J2615" s="74"/>
      <c r="L2615" s="55"/>
      <c r="M2615" s="234"/>
      <c r="N2615" s="65"/>
      <c r="O2615" s="76"/>
      <c r="P2615" s="76"/>
      <c r="Q2615" s="65"/>
      <c r="R2615" s="76"/>
      <c r="S2615" s="76"/>
      <c r="T2615" s="76"/>
      <c r="U2615" s="76"/>
      <c r="V2615" s="76"/>
      <c r="W2615" s="76"/>
      <c r="X2615" s="76"/>
      <c r="Y2615" s="76"/>
      <c r="Z2615" s="76"/>
      <c r="AA2615" s="85"/>
      <c r="AB2615" s="85"/>
      <c r="AC2615" s="85"/>
      <c r="AD2615" s="85"/>
      <c r="AE2615" s="85"/>
      <c r="AF2615" s="85"/>
      <c r="AG2615" s="86"/>
      <c r="AH2615" s="85"/>
      <c r="AI2615" s="85"/>
      <c r="AJ2615" s="85"/>
      <c r="AK2615" s="85"/>
      <c r="AL2615" s="85"/>
      <c r="AM2615" s="92"/>
      <c r="AN2615" s="92"/>
      <c r="AO2615" s="92"/>
      <c r="AP2615" s="92"/>
      <c r="AQ2615" s="92"/>
      <c r="AR2615" s="92"/>
      <c r="AS2615" s="92"/>
      <c r="AT2615" s="92"/>
      <c r="AU2615" s="92"/>
      <c r="AV2615" s="92"/>
      <c r="AW2615" s="92"/>
      <c r="AX2615" s="92"/>
      <c r="AY2615" s="92"/>
      <c r="AZ2615" s="93"/>
      <c r="BA2615" s="93"/>
      <c r="BB2615" s="93"/>
      <c r="BC2615" s="93"/>
      <c r="BD2615" s="93"/>
      <c r="BE2615" s="93"/>
      <c r="BF2615" s="93"/>
      <c r="BG2615" s="93"/>
      <c r="BH2615" s="93"/>
      <c r="BI2615" s="93"/>
      <c r="BJ2615" s="93"/>
      <c r="BK2615" s="93"/>
      <c r="BL2615" s="93"/>
    </row>
    <row r="2616" spans="2:64" x14ac:dyDescent="0.2">
      <c r="B2616" s="43"/>
      <c r="C2616" s="73"/>
      <c r="D2616" s="64"/>
      <c r="E2616" s="55"/>
      <c r="F2616" s="74"/>
      <c r="G2616" s="74"/>
      <c r="H2616" s="74"/>
      <c r="I2616" s="75"/>
      <c r="J2616" s="74"/>
      <c r="L2616" s="55"/>
      <c r="M2616" s="234"/>
      <c r="N2616" s="65"/>
      <c r="O2616" s="76"/>
      <c r="P2616" s="76"/>
      <c r="Q2616" s="65"/>
      <c r="R2616" s="76"/>
      <c r="S2616" s="76"/>
      <c r="T2616" s="76"/>
      <c r="U2616" s="76"/>
      <c r="V2616" s="76"/>
      <c r="W2616" s="76"/>
      <c r="X2616" s="76"/>
      <c r="Y2616" s="76"/>
      <c r="Z2616" s="76"/>
      <c r="AA2616" s="85"/>
      <c r="AB2616" s="85"/>
      <c r="AC2616" s="85"/>
      <c r="AD2616" s="85"/>
      <c r="AE2616" s="85"/>
      <c r="AF2616" s="85"/>
      <c r="AG2616" s="86"/>
      <c r="AH2616" s="85"/>
      <c r="AI2616" s="85"/>
      <c r="AJ2616" s="85"/>
      <c r="AK2616" s="85"/>
      <c r="AL2616" s="85"/>
      <c r="AM2616" s="92"/>
      <c r="AN2616" s="92"/>
      <c r="AO2616" s="92"/>
      <c r="AP2616" s="92"/>
      <c r="AQ2616" s="92"/>
      <c r="AR2616" s="92"/>
      <c r="AS2616" s="92"/>
      <c r="AT2616" s="92"/>
      <c r="AU2616" s="92"/>
      <c r="AV2616" s="92"/>
      <c r="AW2616" s="92"/>
      <c r="AX2616" s="92"/>
      <c r="AY2616" s="92"/>
      <c r="AZ2616" s="93"/>
      <c r="BA2616" s="93"/>
      <c r="BB2616" s="93"/>
      <c r="BC2616" s="93"/>
      <c r="BD2616" s="93"/>
      <c r="BE2616" s="93"/>
      <c r="BF2616" s="93"/>
      <c r="BG2616" s="93"/>
      <c r="BH2616" s="93"/>
      <c r="BI2616" s="93"/>
      <c r="BJ2616" s="93"/>
      <c r="BK2616" s="93"/>
      <c r="BL2616" s="93"/>
    </row>
    <row r="2617" spans="2:64" x14ac:dyDescent="0.2">
      <c r="B2617" s="43"/>
      <c r="C2617" s="73"/>
      <c r="D2617" s="64"/>
      <c r="E2617" s="55"/>
      <c r="F2617" s="74"/>
      <c r="G2617" s="74"/>
      <c r="H2617" s="74"/>
      <c r="I2617" s="75"/>
      <c r="J2617" s="74"/>
      <c r="L2617" s="55"/>
      <c r="M2617" s="234"/>
      <c r="N2617" s="65"/>
      <c r="O2617" s="76"/>
      <c r="P2617" s="76"/>
      <c r="Q2617" s="65"/>
      <c r="R2617" s="76"/>
      <c r="S2617" s="76"/>
      <c r="T2617" s="76"/>
      <c r="U2617" s="76"/>
      <c r="V2617" s="76"/>
      <c r="W2617" s="76"/>
      <c r="X2617" s="76"/>
      <c r="Y2617" s="76"/>
      <c r="Z2617" s="76"/>
      <c r="AA2617" s="85"/>
      <c r="AB2617" s="85"/>
      <c r="AC2617" s="85"/>
      <c r="AD2617" s="85"/>
      <c r="AE2617" s="85"/>
      <c r="AF2617" s="85"/>
      <c r="AG2617" s="86"/>
      <c r="AH2617" s="85"/>
      <c r="AI2617" s="85"/>
      <c r="AJ2617" s="85"/>
      <c r="AK2617" s="85"/>
      <c r="AL2617" s="85"/>
      <c r="AM2617" s="92"/>
      <c r="AN2617" s="92"/>
      <c r="AO2617" s="92"/>
      <c r="AP2617" s="92"/>
      <c r="AQ2617" s="92"/>
      <c r="AR2617" s="92"/>
      <c r="AS2617" s="92"/>
      <c r="AT2617" s="92"/>
      <c r="AU2617" s="92"/>
      <c r="AV2617" s="92"/>
      <c r="AW2617" s="92"/>
      <c r="AX2617" s="92"/>
      <c r="AY2617" s="92"/>
      <c r="AZ2617" s="93"/>
      <c r="BA2617" s="93"/>
      <c r="BB2617" s="93"/>
      <c r="BC2617" s="93"/>
      <c r="BD2617" s="93"/>
      <c r="BE2617" s="93"/>
      <c r="BF2617" s="93"/>
      <c r="BG2617" s="93"/>
      <c r="BH2617" s="93"/>
      <c r="BI2617" s="93"/>
      <c r="BJ2617" s="93"/>
      <c r="BK2617" s="93"/>
      <c r="BL2617" s="93"/>
    </row>
    <row r="2618" spans="2:64" x14ac:dyDescent="0.2">
      <c r="B2618" s="43"/>
      <c r="C2618" s="73"/>
      <c r="D2618" s="64"/>
      <c r="E2618" s="55"/>
      <c r="F2618" s="74"/>
      <c r="G2618" s="74"/>
      <c r="H2618" s="74"/>
      <c r="I2618" s="75"/>
      <c r="J2618" s="74"/>
      <c r="L2618" s="55"/>
      <c r="M2618" s="234"/>
      <c r="N2618" s="65"/>
      <c r="O2618" s="76"/>
      <c r="P2618" s="76"/>
      <c r="Q2618" s="65"/>
      <c r="R2618" s="76"/>
      <c r="S2618" s="76"/>
      <c r="T2618" s="76"/>
      <c r="U2618" s="76"/>
      <c r="V2618" s="76"/>
      <c r="W2618" s="76"/>
      <c r="X2618" s="76"/>
      <c r="Y2618" s="76"/>
      <c r="Z2618" s="76"/>
      <c r="AA2618" s="85"/>
      <c r="AB2618" s="85"/>
      <c r="AC2618" s="85"/>
      <c r="AD2618" s="85"/>
      <c r="AE2618" s="85"/>
      <c r="AF2618" s="85"/>
      <c r="AG2618" s="86"/>
      <c r="AH2618" s="85"/>
      <c r="AI2618" s="85"/>
      <c r="AJ2618" s="85"/>
      <c r="AK2618" s="85"/>
      <c r="AL2618" s="85"/>
      <c r="AM2618" s="92"/>
      <c r="AN2618" s="92"/>
      <c r="AO2618" s="92"/>
      <c r="AP2618" s="92"/>
      <c r="AQ2618" s="92"/>
      <c r="AR2618" s="92"/>
      <c r="AS2618" s="92"/>
      <c r="AT2618" s="92"/>
      <c r="AU2618" s="92"/>
      <c r="AV2618" s="92"/>
      <c r="AW2618" s="92"/>
      <c r="AX2618" s="92"/>
      <c r="AY2618" s="92"/>
      <c r="AZ2618" s="93"/>
      <c r="BA2618" s="93"/>
      <c r="BB2618" s="93"/>
      <c r="BC2618" s="93"/>
      <c r="BD2618" s="93"/>
      <c r="BE2618" s="93"/>
      <c r="BF2618" s="93"/>
      <c r="BG2618" s="93"/>
      <c r="BH2618" s="93"/>
      <c r="BI2618" s="93"/>
      <c r="BJ2618" s="93"/>
      <c r="BK2618" s="93"/>
      <c r="BL2618" s="93"/>
    </row>
    <row r="2619" spans="2:64" x14ac:dyDescent="0.2">
      <c r="B2619" s="43"/>
      <c r="C2619" s="73"/>
      <c r="D2619" s="64"/>
      <c r="E2619" s="55"/>
      <c r="F2619" s="74"/>
      <c r="G2619" s="74"/>
      <c r="H2619" s="74"/>
      <c r="I2619" s="75"/>
      <c r="J2619" s="74"/>
      <c r="L2619" s="55"/>
      <c r="M2619" s="234"/>
      <c r="N2619" s="65"/>
      <c r="O2619" s="76"/>
      <c r="P2619" s="76"/>
      <c r="Q2619" s="65"/>
      <c r="R2619" s="76"/>
      <c r="S2619" s="76"/>
      <c r="T2619" s="76"/>
      <c r="U2619" s="76"/>
      <c r="V2619" s="76"/>
      <c r="W2619" s="76"/>
      <c r="X2619" s="76"/>
      <c r="Y2619" s="76"/>
      <c r="Z2619" s="76"/>
      <c r="AA2619" s="85"/>
      <c r="AB2619" s="85"/>
      <c r="AC2619" s="85"/>
      <c r="AD2619" s="85"/>
      <c r="AE2619" s="85"/>
      <c r="AF2619" s="85"/>
      <c r="AG2619" s="86"/>
      <c r="AH2619" s="85"/>
      <c r="AI2619" s="85"/>
      <c r="AJ2619" s="85"/>
      <c r="AK2619" s="85"/>
      <c r="AL2619" s="85"/>
      <c r="AM2619" s="92"/>
      <c r="AN2619" s="92"/>
      <c r="AO2619" s="92"/>
      <c r="AP2619" s="92"/>
      <c r="AQ2619" s="92"/>
      <c r="AR2619" s="92"/>
      <c r="AS2619" s="92"/>
      <c r="AT2619" s="92"/>
      <c r="AU2619" s="92"/>
      <c r="AV2619" s="92"/>
      <c r="AW2619" s="92"/>
      <c r="AX2619" s="92"/>
      <c r="AY2619" s="92"/>
      <c r="AZ2619" s="93"/>
      <c r="BA2619" s="93"/>
      <c r="BB2619" s="93"/>
      <c r="BC2619" s="93"/>
      <c r="BD2619" s="93"/>
      <c r="BE2619" s="93"/>
      <c r="BF2619" s="93"/>
      <c r="BG2619" s="93"/>
      <c r="BH2619" s="93"/>
      <c r="BI2619" s="93"/>
      <c r="BJ2619" s="93"/>
      <c r="BK2619" s="93"/>
      <c r="BL2619" s="93"/>
    </row>
    <row r="2620" spans="2:64" x14ac:dyDescent="0.2">
      <c r="B2620" s="43"/>
      <c r="C2620" s="73"/>
      <c r="D2620" s="64"/>
      <c r="E2620" s="55"/>
      <c r="F2620" s="74"/>
      <c r="G2620" s="74"/>
      <c r="H2620" s="74"/>
      <c r="I2620" s="75"/>
      <c r="J2620" s="74"/>
      <c r="L2620" s="55"/>
      <c r="M2620" s="234"/>
      <c r="N2620" s="65"/>
      <c r="O2620" s="76"/>
      <c r="P2620" s="76"/>
      <c r="Q2620" s="65"/>
      <c r="R2620" s="76"/>
      <c r="S2620" s="76"/>
      <c r="T2620" s="76"/>
      <c r="U2620" s="76"/>
      <c r="V2620" s="76"/>
      <c r="W2620" s="76"/>
      <c r="X2620" s="76"/>
      <c r="Y2620" s="76"/>
      <c r="Z2620" s="76"/>
      <c r="AA2620" s="85"/>
      <c r="AB2620" s="85"/>
      <c r="AC2620" s="85"/>
      <c r="AD2620" s="85"/>
      <c r="AE2620" s="85"/>
      <c r="AF2620" s="85"/>
      <c r="AG2620" s="86"/>
      <c r="AH2620" s="85"/>
      <c r="AI2620" s="85"/>
      <c r="AJ2620" s="85"/>
      <c r="AK2620" s="85"/>
      <c r="AL2620" s="85"/>
      <c r="AM2620" s="92"/>
      <c r="AN2620" s="92"/>
      <c r="AO2620" s="92"/>
      <c r="AP2620" s="92"/>
      <c r="AQ2620" s="92"/>
      <c r="AR2620" s="92"/>
      <c r="AS2620" s="92"/>
      <c r="AT2620" s="92"/>
      <c r="AU2620" s="92"/>
      <c r="AV2620" s="92"/>
      <c r="AW2620" s="92"/>
      <c r="AX2620" s="92"/>
      <c r="AY2620" s="92"/>
      <c r="AZ2620" s="93"/>
      <c r="BA2620" s="93"/>
      <c r="BB2620" s="93"/>
      <c r="BC2620" s="93"/>
      <c r="BD2620" s="93"/>
      <c r="BE2620" s="93"/>
      <c r="BF2620" s="93"/>
      <c r="BG2620" s="93"/>
      <c r="BH2620" s="93"/>
      <c r="BI2620" s="93"/>
      <c r="BJ2620" s="93"/>
      <c r="BK2620" s="93"/>
      <c r="BL2620" s="93"/>
    </row>
    <row r="2621" spans="2:64" x14ac:dyDescent="0.2">
      <c r="B2621" s="43"/>
      <c r="C2621" s="73"/>
      <c r="D2621" s="64"/>
      <c r="E2621" s="55"/>
      <c r="F2621" s="74"/>
      <c r="G2621" s="74"/>
      <c r="H2621" s="74"/>
      <c r="I2621" s="75"/>
      <c r="J2621" s="74"/>
      <c r="L2621" s="55"/>
      <c r="M2621" s="234"/>
      <c r="N2621" s="65"/>
      <c r="O2621" s="76"/>
      <c r="P2621" s="76"/>
      <c r="Q2621" s="65"/>
      <c r="R2621" s="76"/>
      <c r="S2621" s="76"/>
      <c r="T2621" s="76"/>
      <c r="U2621" s="76"/>
      <c r="V2621" s="76"/>
      <c r="W2621" s="76"/>
      <c r="X2621" s="76"/>
      <c r="Y2621" s="76"/>
      <c r="Z2621" s="76"/>
      <c r="AA2621" s="85"/>
      <c r="AB2621" s="85"/>
      <c r="AC2621" s="85"/>
      <c r="AD2621" s="85"/>
      <c r="AE2621" s="85"/>
      <c r="AF2621" s="85"/>
      <c r="AG2621" s="86"/>
      <c r="AH2621" s="85"/>
      <c r="AI2621" s="85"/>
      <c r="AJ2621" s="85"/>
      <c r="AK2621" s="85"/>
      <c r="AL2621" s="85"/>
      <c r="AM2621" s="92"/>
      <c r="AN2621" s="92"/>
      <c r="AO2621" s="92"/>
      <c r="AP2621" s="92"/>
      <c r="AQ2621" s="92"/>
      <c r="AR2621" s="92"/>
      <c r="AS2621" s="92"/>
      <c r="AT2621" s="92"/>
      <c r="AU2621" s="92"/>
      <c r="AV2621" s="92"/>
      <c r="AW2621" s="92"/>
      <c r="AX2621" s="92"/>
      <c r="AY2621" s="92"/>
      <c r="AZ2621" s="93"/>
      <c r="BA2621" s="93"/>
      <c r="BB2621" s="93"/>
      <c r="BC2621" s="93"/>
      <c r="BD2621" s="93"/>
      <c r="BE2621" s="93"/>
      <c r="BF2621" s="93"/>
      <c r="BG2621" s="93"/>
      <c r="BH2621" s="93"/>
      <c r="BI2621" s="93"/>
      <c r="BJ2621" s="93"/>
      <c r="BK2621" s="93"/>
      <c r="BL2621" s="93"/>
    </row>
    <row r="2622" spans="2:64" x14ac:dyDescent="0.2">
      <c r="B2622" s="43"/>
      <c r="C2622" s="73"/>
      <c r="D2622" s="64"/>
      <c r="E2622" s="55"/>
      <c r="F2622" s="74"/>
      <c r="G2622" s="74"/>
      <c r="H2622" s="74"/>
      <c r="I2622" s="75"/>
      <c r="J2622" s="74"/>
      <c r="L2622" s="55"/>
      <c r="M2622" s="234"/>
      <c r="N2622" s="65"/>
      <c r="O2622" s="76"/>
      <c r="P2622" s="76"/>
      <c r="Q2622" s="65"/>
      <c r="R2622" s="76"/>
      <c r="S2622" s="76"/>
      <c r="T2622" s="76"/>
      <c r="U2622" s="76"/>
      <c r="V2622" s="76"/>
      <c r="W2622" s="76"/>
      <c r="X2622" s="76"/>
      <c r="Y2622" s="76"/>
      <c r="Z2622" s="76"/>
      <c r="AA2622" s="85"/>
      <c r="AB2622" s="85"/>
      <c r="AC2622" s="85"/>
      <c r="AD2622" s="85"/>
      <c r="AE2622" s="85"/>
      <c r="AF2622" s="85"/>
      <c r="AG2622" s="86"/>
      <c r="AH2622" s="85"/>
      <c r="AI2622" s="85"/>
      <c r="AJ2622" s="85"/>
      <c r="AK2622" s="85"/>
      <c r="AL2622" s="85"/>
      <c r="AM2622" s="92"/>
      <c r="AN2622" s="92"/>
      <c r="AO2622" s="92"/>
      <c r="AP2622" s="92"/>
      <c r="AQ2622" s="92"/>
      <c r="AR2622" s="92"/>
      <c r="AS2622" s="92"/>
      <c r="AT2622" s="92"/>
      <c r="AU2622" s="92"/>
      <c r="AV2622" s="92"/>
      <c r="AW2622" s="92"/>
      <c r="AX2622" s="92"/>
      <c r="AY2622" s="92"/>
      <c r="AZ2622" s="93"/>
      <c r="BA2622" s="93"/>
      <c r="BB2622" s="93"/>
      <c r="BC2622" s="93"/>
      <c r="BD2622" s="93"/>
      <c r="BE2622" s="93"/>
      <c r="BF2622" s="93"/>
      <c r="BG2622" s="93"/>
      <c r="BH2622" s="93"/>
      <c r="BI2622" s="93"/>
      <c r="BJ2622" s="93"/>
      <c r="BK2622" s="93"/>
      <c r="BL2622" s="93"/>
    </row>
    <row r="2623" spans="2:64" x14ac:dyDescent="0.2">
      <c r="B2623" s="43"/>
      <c r="C2623" s="73"/>
      <c r="D2623" s="64"/>
      <c r="E2623" s="55"/>
      <c r="F2623" s="74"/>
      <c r="G2623" s="74"/>
      <c r="H2623" s="74"/>
      <c r="I2623" s="75"/>
      <c r="J2623" s="74"/>
      <c r="L2623" s="55"/>
      <c r="M2623" s="234"/>
      <c r="N2623" s="65"/>
      <c r="O2623" s="76"/>
      <c r="P2623" s="76"/>
      <c r="Q2623" s="65"/>
      <c r="R2623" s="76"/>
      <c r="S2623" s="76"/>
      <c r="T2623" s="76"/>
      <c r="U2623" s="76"/>
      <c r="V2623" s="76"/>
      <c r="W2623" s="76"/>
      <c r="X2623" s="76"/>
      <c r="Y2623" s="76"/>
      <c r="Z2623" s="76"/>
      <c r="AA2623" s="85"/>
      <c r="AB2623" s="85"/>
      <c r="AC2623" s="85"/>
      <c r="AD2623" s="85"/>
      <c r="AE2623" s="85"/>
      <c r="AF2623" s="85"/>
      <c r="AG2623" s="86"/>
      <c r="AH2623" s="85"/>
      <c r="AI2623" s="85"/>
      <c r="AJ2623" s="85"/>
      <c r="AK2623" s="85"/>
      <c r="AL2623" s="85"/>
      <c r="AM2623" s="92"/>
      <c r="AN2623" s="92"/>
      <c r="AO2623" s="92"/>
      <c r="AP2623" s="92"/>
      <c r="AQ2623" s="92"/>
      <c r="AR2623" s="92"/>
      <c r="AS2623" s="92"/>
      <c r="AT2623" s="92"/>
      <c r="AU2623" s="92"/>
      <c r="AV2623" s="92"/>
      <c r="AW2623" s="92"/>
      <c r="AX2623" s="92"/>
      <c r="AY2623" s="92"/>
      <c r="AZ2623" s="93"/>
      <c r="BA2623" s="93"/>
      <c r="BB2623" s="93"/>
      <c r="BC2623" s="93"/>
      <c r="BD2623" s="93"/>
      <c r="BE2623" s="93"/>
      <c r="BF2623" s="93"/>
      <c r="BG2623" s="93"/>
      <c r="BH2623" s="93"/>
      <c r="BI2623" s="93"/>
      <c r="BJ2623" s="93"/>
      <c r="BK2623" s="93"/>
      <c r="BL2623" s="93"/>
    </row>
    <row r="2624" spans="2:64" x14ac:dyDescent="0.2">
      <c r="B2624" s="43"/>
      <c r="C2624" s="73"/>
      <c r="D2624" s="64"/>
      <c r="E2624" s="55"/>
      <c r="F2624" s="74"/>
      <c r="G2624" s="74"/>
      <c r="H2624" s="74"/>
      <c r="I2624" s="75"/>
      <c r="J2624" s="74"/>
      <c r="L2624" s="55"/>
      <c r="M2624" s="234"/>
      <c r="N2624" s="65"/>
      <c r="O2624" s="76"/>
      <c r="P2624" s="76"/>
      <c r="Q2624" s="65"/>
      <c r="R2624" s="76"/>
      <c r="S2624" s="76"/>
      <c r="T2624" s="76"/>
      <c r="U2624" s="76"/>
      <c r="V2624" s="76"/>
      <c r="W2624" s="76"/>
      <c r="X2624" s="76"/>
      <c r="Y2624" s="76"/>
      <c r="Z2624" s="76"/>
      <c r="AA2624" s="85"/>
      <c r="AB2624" s="85"/>
      <c r="AC2624" s="85"/>
      <c r="AD2624" s="85"/>
      <c r="AE2624" s="85"/>
      <c r="AF2624" s="85"/>
      <c r="AG2624" s="86"/>
      <c r="AH2624" s="85"/>
      <c r="AI2624" s="85"/>
      <c r="AJ2624" s="85"/>
      <c r="AK2624" s="85"/>
      <c r="AL2624" s="85"/>
      <c r="AM2624" s="92"/>
      <c r="AN2624" s="92"/>
      <c r="AO2624" s="92"/>
      <c r="AP2624" s="92"/>
      <c r="AQ2624" s="92"/>
      <c r="AR2624" s="92"/>
      <c r="AS2624" s="92"/>
      <c r="AT2624" s="92"/>
      <c r="AU2624" s="92"/>
      <c r="AV2624" s="92"/>
      <c r="AW2624" s="92"/>
      <c r="AX2624" s="92"/>
      <c r="AY2624" s="92"/>
      <c r="AZ2624" s="93"/>
      <c r="BA2624" s="93"/>
      <c r="BB2624" s="93"/>
      <c r="BC2624" s="93"/>
      <c r="BD2624" s="93"/>
      <c r="BE2624" s="93"/>
      <c r="BF2624" s="93"/>
      <c r="BG2624" s="93"/>
      <c r="BH2624" s="93"/>
      <c r="BI2624" s="93"/>
      <c r="BJ2624" s="93"/>
      <c r="BK2624" s="93"/>
      <c r="BL2624" s="93"/>
    </row>
    <row r="2625" spans="2:64" x14ac:dyDescent="0.2">
      <c r="B2625" s="43"/>
      <c r="C2625" s="73"/>
      <c r="D2625" s="64"/>
      <c r="E2625" s="55"/>
      <c r="F2625" s="74"/>
      <c r="G2625" s="74"/>
      <c r="H2625" s="74"/>
      <c r="I2625" s="75"/>
      <c r="J2625" s="74"/>
      <c r="L2625" s="55"/>
      <c r="M2625" s="234"/>
      <c r="N2625" s="65"/>
      <c r="O2625" s="76"/>
      <c r="P2625" s="76"/>
      <c r="Q2625" s="65"/>
      <c r="R2625" s="76"/>
      <c r="S2625" s="76"/>
      <c r="T2625" s="76"/>
      <c r="U2625" s="76"/>
      <c r="V2625" s="76"/>
      <c r="W2625" s="76"/>
      <c r="X2625" s="76"/>
      <c r="Y2625" s="76"/>
      <c r="Z2625" s="76"/>
      <c r="AA2625" s="85"/>
      <c r="AB2625" s="85"/>
      <c r="AC2625" s="85"/>
      <c r="AD2625" s="85"/>
      <c r="AE2625" s="85"/>
      <c r="AF2625" s="85"/>
      <c r="AG2625" s="86"/>
      <c r="AH2625" s="85"/>
      <c r="AI2625" s="85"/>
      <c r="AJ2625" s="85"/>
      <c r="AK2625" s="85"/>
      <c r="AL2625" s="85"/>
      <c r="AM2625" s="92"/>
      <c r="AN2625" s="92"/>
      <c r="AO2625" s="92"/>
      <c r="AP2625" s="92"/>
      <c r="AQ2625" s="92"/>
      <c r="AR2625" s="92"/>
      <c r="AS2625" s="92"/>
      <c r="AT2625" s="92"/>
      <c r="AU2625" s="92"/>
      <c r="AV2625" s="92"/>
      <c r="AW2625" s="92"/>
      <c r="AX2625" s="92"/>
      <c r="AY2625" s="92"/>
      <c r="AZ2625" s="93"/>
      <c r="BA2625" s="93"/>
      <c r="BB2625" s="93"/>
      <c r="BC2625" s="93"/>
      <c r="BD2625" s="93"/>
      <c r="BE2625" s="93"/>
      <c r="BF2625" s="93"/>
      <c r="BG2625" s="93"/>
      <c r="BH2625" s="93"/>
      <c r="BI2625" s="93"/>
      <c r="BJ2625" s="93"/>
      <c r="BK2625" s="93"/>
      <c r="BL2625" s="93"/>
    </row>
    <row r="2626" spans="2:64" x14ac:dyDescent="0.2">
      <c r="B2626" s="43"/>
      <c r="C2626" s="73"/>
      <c r="D2626" s="64"/>
      <c r="E2626" s="55"/>
      <c r="F2626" s="74"/>
      <c r="G2626" s="74"/>
      <c r="H2626" s="74"/>
      <c r="I2626" s="75"/>
      <c r="J2626" s="74"/>
      <c r="L2626" s="55"/>
      <c r="M2626" s="234"/>
      <c r="N2626" s="65"/>
      <c r="O2626" s="76"/>
      <c r="P2626" s="76"/>
      <c r="Q2626" s="65"/>
      <c r="R2626" s="76"/>
      <c r="S2626" s="76"/>
      <c r="T2626" s="76"/>
      <c r="U2626" s="76"/>
      <c r="V2626" s="76"/>
      <c r="W2626" s="76"/>
      <c r="X2626" s="76"/>
      <c r="Y2626" s="76"/>
      <c r="Z2626" s="76"/>
      <c r="AA2626" s="85"/>
      <c r="AB2626" s="85"/>
      <c r="AC2626" s="85"/>
      <c r="AD2626" s="85"/>
      <c r="AE2626" s="85"/>
      <c r="AF2626" s="85"/>
      <c r="AG2626" s="86"/>
      <c r="AH2626" s="85"/>
      <c r="AI2626" s="85"/>
      <c r="AJ2626" s="85"/>
      <c r="AK2626" s="85"/>
      <c r="AL2626" s="85"/>
      <c r="AM2626" s="92"/>
      <c r="AN2626" s="92"/>
      <c r="AO2626" s="92"/>
      <c r="AP2626" s="92"/>
      <c r="AQ2626" s="92"/>
      <c r="AR2626" s="92"/>
      <c r="AS2626" s="92"/>
      <c r="AT2626" s="92"/>
      <c r="AU2626" s="92"/>
      <c r="AV2626" s="92"/>
      <c r="AW2626" s="92"/>
      <c r="AX2626" s="92"/>
      <c r="AY2626" s="92"/>
      <c r="AZ2626" s="93"/>
      <c r="BA2626" s="93"/>
      <c r="BB2626" s="93"/>
      <c r="BC2626" s="93"/>
      <c r="BD2626" s="93"/>
      <c r="BE2626" s="93"/>
      <c r="BF2626" s="93"/>
      <c r="BG2626" s="93"/>
      <c r="BH2626" s="93"/>
      <c r="BI2626" s="93"/>
      <c r="BJ2626" s="93"/>
      <c r="BK2626" s="93"/>
      <c r="BL2626" s="93"/>
    </row>
    <row r="2627" spans="2:64" x14ac:dyDescent="0.2">
      <c r="B2627" s="43"/>
      <c r="C2627" s="73"/>
      <c r="D2627" s="64"/>
      <c r="E2627" s="55"/>
      <c r="F2627" s="74"/>
      <c r="G2627" s="74"/>
      <c r="H2627" s="74"/>
      <c r="I2627" s="75"/>
      <c r="J2627" s="74"/>
      <c r="L2627" s="55"/>
      <c r="M2627" s="234"/>
      <c r="N2627" s="65"/>
      <c r="O2627" s="76"/>
      <c r="P2627" s="76"/>
      <c r="Q2627" s="65"/>
      <c r="R2627" s="76"/>
      <c r="S2627" s="76"/>
      <c r="T2627" s="76"/>
      <c r="U2627" s="76"/>
      <c r="V2627" s="76"/>
      <c r="W2627" s="76"/>
      <c r="X2627" s="76"/>
      <c r="Y2627" s="76"/>
      <c r="Z2627" s="76"/>
      <c r="AA2627" s="85"/>
      <c r="AB2627" s="85"/>
      <c r="AC2627" s="85"/>
      <c r="AD2627" s="85"/>
      <c r="AE2627" s="85"/>
      <c r="AF2627" s="85"/>
      <c r="AG2627" s="86"/>
      <c r="AH2627" s="85"/>
      <c r="AI2627" s="85"/>
      <c r="AJ2627" s="85"/>
      <c r="AK2627" s="85"/>
      <c r="AL2627" s="85"/>
      <c r="AM2627" s="92"/>
      <c r="AN2627" s="92"/>
      <c r="AO2627" s="92"/>
      <c r="AP2627" s="92"/>
      <c r="AQ2627" s="92"/>
      <c r="AR2627" s="92"/>
      <c r="AS2627" s="92"/>
      <c r="AT2627" s="92"/>
      <c r="AU2627" s="92"/>
      <c r="AV2627" s="92"/>
      <c r="AW2627" s="92"/>
      <c r="AX2627" s="92"/>
      <c r="AY2627" s="92"/>
      <c r="AZ2627" s="93"/>
      <c r="BA2627" s="93"/>
      <c r="BB2627" s="93"/>
      <c r="BC2627" s="93"/>
      <c r="BD2627" s="93"/>
      <c r="BE2627" s="93"/>
      <c r="BF2627" s="93"/>
      <c r="BG2627" s="93"/>
      <c r="BH2627" s="93"/>
      <c r="BI2627" s="93"/>
      <c r="BJ2627" s="93"/>
      <c r="BK2627" s="93"/>
      <c r="BL2627" s="93"/>
    </row>
    <row r="2628" spans="2:64" x14ac:dyDescent="0.2">
      <c r="B2628" s="43"/>
      <c r="C2628" s="73"/>
      <c r="D2628" s="64"/>
      <c r="E2628" s="55"/>
      <c r="F2628" s="74"/>
      <c r="G2628" s="74"/>
      <c r="H2628" s="74"/>
      <c r="I2628" s="75"/>
      <c r="J2628" s="74"/>
      <c r="L2628" s="55"/>
      <c r="M2628" s="234"/>
      <c r="N2628" s="65"/>
      <c r="O2628" s="76"/>
      <c r="P2628" s="76"/>
      <c r="Q2628" s="65"/>
      <c r="R2628" s="76"/>
      <c r="S2628" s="76"/>
      <c r="T2628" s="76"/>
      <c r="U2628" s="76"/>
      <c r="V2628" s="76"/>
      <c r="W2628" s="76"/>
      <c r="X2628" s="76"/>
      <c r="Y2628" s="76"/>
      <c r="Z2628" s="76"/>
      <c r="AA2628" s="85"/>
      <c r="AB2628" s="85"/>
      <c r="AC2628" s="85"/>
      <c r="AD2628" s="85"/>
      <c r="AE2628" s="85"/>
      <c r="AF2628" s="85"/>
      <c r="AG2628" s="86"/>
      <c r="AH2628" s="85"/>
      <c r="AI2628" s="85"/>
      <c r="AJ2628" s="85"/>
      <c r="AK2628" s="85"/>
      <c r="AL2628" s="85"/>
      <c r="AM2628" s="92"/>
      <c r="AN2628" s="92"/>
      <c r="AO2628" s="92"/>
      <c r="AP2628" s="92"/>
      <c r="AQ2628" s="92"/>
      <c r="AR2628" s="92"/>
      <c r="AS2628" s="92"/>
      <c r="AT2628" s="92"/>
      <c r="AU2628" s="92"/>
      <c r="AV2628" s="92"/>
      <c r="AW2628" s="92"/>
      <c r="AX2628" s="92"/>
      <c r="AY2628" s="92"/>
      <c r="AZ2628" s="93"/>
      <c r="BA2628" s="93"/>
      <c r="BB2628" s="93"/>
      <c r="BC2628" s="93"/>
      <c r="BD2628" s="93"/>
      <c r="BE2628" s="93"/>
      <c r="BF2628" s="93"/>
      <c r="BG2628" s="93"/>
      <c r="BH2628" s="93"/>
      <c r="BI2628" s="93"/>
      <c r="BJ2628" s="93"/>
      <c r="BK2628" s="93"/>
      <c r="BL2628" s="93"/>
    </row>
    <row r="2629" spans="2:64" x14ac:dyDescent="0.2">
      <c r="B2629" s="43"/>
      <c r="C2629" s="73"/>
      <c r="D2629" s="64"/>
      <c r="E2629" s="55"/>
      <c r="F2629" s="74"/>
      <c r="G2629" s="74"/>
      <c r="H2629" s="74"/>
      <c r="I2629" s="75"/>
      <c r="J2629" s="74"/>
      <c r="L2629" s="55"/>
      <c r="M2629" s="234"/>
      <c r="N2629" s="65"/>
      <c r="O2629" s="76"/>
      <c r="P2629" s="76"/>
      <c r="Q2629" s="65"/>
      <c r="R2629" s="76"/>
      <c r="S2629" s="76"/>
      <c r="T2629" s="76"/>
      <c r="U2629" s="76"/>
      <c r="V2629" s="76"/>
      <c r="W2629" s="76"/>
      <c r="X2629" s="76"/>
      <c r="Y2629" s="76"/>
      <c r="Z2629" s="76"/>
      <c r="AA2629" s="85"/>
      <c r="AB2629" s="85"/>
      <c r="AC2629" s="85"/>
      <c r="AD2629" s="85"/>
      <c r="AE2629" s="85"/>
      <c r="AF2629" s="85"/>
      <c r="AG2629" s="86"/>
      <c r="AH2629" s="85"/>
      <c r="AI2629" s="85"/>
      <c r="AJ2629" s="85"/>
      <c r="AK2629" s="85"/>
      <c r="AL2629" s="85"/>
      <c r="AM2629" s="92"/>
      <c r="AN2629" s="92"/>
      <c r="AO2629" s="92"/>
      <c r="AP2629" s="92"/>
      <c r="AQ2629" s="92"/>
      <c r="AR2629" s="92"/>
      <c r="AS2629" s="92"/>
      <c r="AT2629" s="92"/>
      <c r="AU2629" s="92"/>
      <c r="AV2629" s="92"/>
      <c r="AW2629" s="92"/>
      <c r="AX2629" s="92"/>
      <c r="AY2629" s="92"/>
      <c r="AZ2629" s="93"/>
      <c r="BA2629" s="93"/>
      <c r="BB2629" s="93"/>
      <c r="BC2629" s="93"/>
      <c r="BD2629" s="93"/>
      <c r="BE2629" s="93"/>
      <c r="BF2629" s="93"/>
      <c r="BG2629" s="93"/>
      <c r="BH2629" s="93"/>
      <c r="BI2629" s="93"/>
      <c r="BJ2629" s="93"/>
      <c r="BK2629" s="93"/>
      <c r="BL2629" s="93"/>
    </row>
    <row r="2630" spans="2:64" x14ac:dyDescent="0.2">
      <c r="B2630" s="43"/>
      <c r="C2630" s="73"/>
      <c r="D2630" s="64"/>
      <c r="E2630" s="55"/>
      <c r="F2630" s="74"/>
      <c r="G2630" s="74"/>
      <c r="H2630" s="74"/>
      <c r="I2630" s="75"/>
      <c r="J2630" s="74"/>
      <c r="L2630" s="55"/>
      <c r="M2630" s="234"/>
      <c r="N2630" s="65"/>
      <c r="O2630" s="76"/>
      <c r="P2630" s="76"/>
      <c r="Q2630" s="65"/>
      <c r="R2630" s="76"/>
      <c r="S2630" s="76"/>
      <c r="T2630" s="76"/>
      <c r="U2630" s="76"/>
      <c r="V2630" s="76"/>
      <c r="W2630" s="76"/>
      <c r="X2630" s="76"/>
      <c r="Y2630" s="76"/>
      <c r="Z2630" s="76"/>
      <c r="AA2630" s="85"/>
      <c r="AB2630" s="85"/>
      <c r="AC2630" s="85"/>
      <c r="AD2630" s="85"/>
      <c r="AE2630" s="85"/>
      <c r="AF2630" s="85"/>
      <c r="AG2630" s="86"/>
      <c r="AH2630" s="85"/>
      <c r="AI2630" s="85"/>
      <c r="AJ2630" s="85"/>
      <c r="AK2630" s="85"/>
      <c r="AL2630" s="85"/>
      <c r="AM2630" s="92"/>
      <c r="AN2630" s="92"/>
      <c r="AO2630" s="92"/>
      <c r="AP2630" s="92"/>
      <c r="AQ2630" s="92"/>
      <c r="AR2630" s="92"/>
      <c r="AS2630" s="92"/>
      <c r="AT2630" s="92"/>
      <c r="AU2630" s="92"/>
      <c r="AV2630" s="92"/>
      <c r="AW2630" s="92"/>
      <c r="AX2630" s="92"/>
      <c r="AY2630" s="92"/>
      <c r="AZ2630" s="93"/>
      <c r="BA2630" s="93"/>
      <c r="BB2630" s="93"/>
      <c r="BC2630" s="93"/>
      <c r="BD2630" s="93"/>
      <c r="BE2630" s="93"/>
      <c r="BF2630" s="93"/>
      <c r="BG2630" s="93"/>
      <c r="BH2630" s="93"/>
      <c r="BI2630" s="93"/>
      <c r="BJ2630" s="93"/>
      <c r="BK2630" s="93"/>
      <c r="BL2630" s="93"/>
    </row>
    <row r="2631" spans="2:64" x14ac:dyDescent="0.2">
      <c r="B2631" s="43"/>
      <c r="C2631" s="73"/>
      <c r="D2631" s="64"/>
      <c r="E2631" s="55"/>
      <c r="F2631" s="74"/>
      <c r="G2631" s="74"/>
      <c r="H2631" s="74"/>
      <c r="I2631" s="75"/>
      <c r="J2631" s="74"/>
      <c r="L2631" s="55"/>
      <c r="M2631" s="234"/>
      <c r="N2631" s="65"/>
      <c r="O2631" s="76"/>
      <c r="P2631" s="76"/>
      <c r="Q2631" s="65"/>
      <c r="R2631" s="76"/>
      <c r="S2631" s="76"/>
      <c r="T2631" s="76"/>
      <c r="U2631" s="76"/>
      <c r="V2631" s="76"/>
      <c r="W2631" s="76"/>
      <c r="X2631" s="76"/>
      <c r="Y2631" s="76"/>
      <c r="Z2631" s="76"/>
      <c r="AA2631" s="85"/>
      <c r="AB2631" s="85"/>
      <c r="AC2631" s="85"/>
      <c r="AD2631" s="85"/>
      <c r="AE2631" s="85"/>
      <c r="AF2631" s="85"/>
      <c r="AG2631" s="86"/>
      <c r="AH2631" s="85"/>
      <c r="AI2631" s="85"/>
      <c r="AJ2631" s="85"/>
      <c r="AK2631" s="85"/>
      <c r="AL2631" s="85"/>
      <c r="AM2631" s="92"/>
      <c r="AN2631" s="92"/>
      <c r="AO2631" s="92"/>
      <c r="AP2631" s="92"/>
      <c r="AQ2631" s="92"/>
      <c r="AR2631" s="92"/>
      <c r="AS2631" s="92"/>
      <c r="AT2631" s="92"/>
      <c r="AU2631" s="92"/>
      <c r="AV2631" s="92"/>
      <c r="AW2631" s="92"/>
      <c r="AX2631" s="92"/>
      <c r="AY2631" s="92"/>
      <c r="AZ2631" s="93"/>
      <c r="BA2631" s="93"/>
      <c r="BB2631" s="93"/>
      <c r="BC2631" s="93"/>
      <c r="BD2631" s="93"/>
      <c r="BE2631" s="93"/>
      <c r="BF2631" s="93"/>
      <c r="BG2631" s="93"/>
      <c r="BH2631" s="93"/>
      <c r="BI2631" s="93"/>
      <c r="BJ2631" s="93"/>
      <c r="BK2631" s="93"/>
      <c r="BL2631" s="93"/>
    </row>
    <row r="2632" spans="2:64" x14ac:dyDescent="0.2">
      <c r="B2632" s="43"/>
      <c r="C2632" s="73"/>
      <c r="D2632" s="64"/>
      <c r="E2632" s="55"/>
      <c r="F2632" s="74"/>
      <c r="G2632" s="74"/>
      <c r="H2632" s="74"/>
      <c r="I2632" s="75"/>
      <c r="J2632" s="74"/>
      <c r="L2632" s="55"/>
      <c r="M2632" s="234"/>
      <c r="N2632" s="65"/>
      <c r="O2632" s="76"/>
      <c r="P2632" s="76"/>
      <c r="Q2632" s="65"/>
      <c r="R2632" s="76"/>
      <c r="S2632" s="76"/>
      <c r="T2632" s="76"/>
      <c r="U2632" s="76"/>
      <c r="V2632" s="76"/>
      <c r="W2632" s="76"/>
      <c r="X2632" s="76"/>
      <c r="Y2632" s="76"/>
      <c r="Z2632" s="76"/>
      <c r="AA2632" s="85"/>
      <c r="AB2632" s="85"/>
      <c r="AC2632" s="85"/>
      <c r="AD2632" s="85"/>
      <c r="AE2632" s="85"/>
      <c r="AF2632" s="85"/>
      <c r="AG2632" s="86"/>
      <c r="AH2632" s="85"/>
      <c r="AI2632" s="85"/>
      <c r="AJ2632" s="85"/>
      <c r="AK2632" s="85"/>
      <c r="AL2632" s="85"/>
      <c r="AM2632" s="92"/>
      <c r="AN2632" s="92"/>
      <c r="AO2632" s="92"/>
      <c r="AP2632" s="92"/>
      <c r="AQ2632" s="92"/>
      <c r="AR2632" s="92"/>
      <c r="AS2632" s="92"/>
      <c r="AT2632" s="92"/>
      <c r="AU2632" s="92"/>
      <c r="AV2632" s="92"/>
      <c r="AW2632" s="92"/>
      <c r="AX2632" s="92"/>
      <c r="AY2632" s="92"/>
      <c r="AZ2632" s="93"/>
      <c r="BA2632" s="93"/>
      <c r="BB2632" s="93"/>
      <c r="BC2632" s="93"/>
      <c r="BD2632" s="93"/>
      <c r="BE2632" s="93"/>
      <c r="BF2632" s="93"/>
      <c r="BG2632" s="93"/>
      <c r="BH2632" s="93"/>
      <c r="BI2632" s="93"/>
      <c r="BJ2632" s="93"/>
      <c r="BK2632" s="93"/>
      <c r="BL2632" s="93"/>
    </row>
    <row r="2633" spans="2:64" x14ac:dyDescent="0.2">
      <c r="B2633" s="43"/>
      <c r="C2633" s="73"/>
      <c r="D2633" s="64"/>
      <c r="E2633" s="55"/>
      <c r="F2633" s="74"/>
      <c r="G2633" s="74"/>
      <c r="H2633" s="74"/>
      <c r="I2633" s="75"/>
      <c r="J2633" s="74"/>
      <c r="L2633" s="55"/>
      <c r="M2633" s="234"/>
      <c r="N2633" s="65"/>
      <c r="O2633" s="76"/>
      <c r="P2633" s="76"/>
      <c r="Q2633" s="65"/>
      <c r="R2633" s="76"/>
      <c r="S2633" s="76"/>
      <c r="T2633" s="76"/>
      <c r="U2633" s="76"/>
      <c r="V2633" s="76"/>
      <c r="W2633" s="76"/>
      <c r="X2633" s="76"/>
      <c r="Y2633" s="76"/>
      <c r="Z2633" s="76"/>
      <c r="AA2633" s="85"/>
      <c r="AB2633" s="85"/>
      <c r="AC2633" s="85"/>
      <c r="AD2633" s="85"/>
      <c r="AE2633" s="85"/>
      <c r="AF2633" s="85"/>
      <c r="AG2633" s="86"/>
      <c r="AH2633" s="85"/>
      <c r="AI2633" s="85"/>
      <c r="AJ2633" s="85"/>
      <c r="AK2633" s="85"/>
      <c r="AL2633" s="85"/>
      <c r="AM2633" s="92"/>
      <c r="AN2633" s="92"/>
      <c r="AO2633" s="92"/>
      <c r="AP2633" s="92"/>
      <c r="AQ2633" s="92"/>
      <c r="AR2633" s="92"/>
      <c r="AS2633" s="92"/>
      <c r="AT2633" s="92"/>
      <c r="AU2633" s="92"/>
      <c r="AV2633" s="92"/>
      <c r="AW2633" s="92"/>
      <c r="AX2633" s="92"/>
      <c r="AY2633" s="92"/>
      <c r="AZ2633" s="93"/>
      <c r="BA2633" s="93"/>
      <c r="BB2633" s="93"/>
      <c r="BC2633" s="93"/>
      <c r="BD2633" s="93"/>
      <c r="BE2633" s="93"/>
      <c r="BF2633" s="93"/>
      <c r="BG2633" s="93"/>
      <c r="BH2633" s="93"/>
      <c r="BI2633" s="93"/>
      <c r="BJ2633" s="93"/>
      <c r="BK2633" s="93"/>
      <c r="BL2633" s="93"/>
    </row>
    <row r="2634" spans="2:64" x14ac:dyDescent="0.2">
      <c r="B2634" s="43"/>
      <c r="C2634" s="73"/>
      <c r="D2634" s="64"/>
      <c r="E2634" s="55"/>
      <c r="F2634" s="74"/>
      <c r="G2634" s="74"/>
      <c r="H2634" s="74"/>
      <c r="I2634" s="75"/>
      <c r="J2634" s="74"/>
      <c r="L2634" s="55"/>
      <c r="M2634" s="234"/>
      <c r="N2634" s="65"/>
      <c r="O2634" s="76"/>
      <c r="P2634" s="76"/>
      <c r="Q2634" s="65"/>
      <c r="R2634" s="76"/>
      <c r="S2634" s="76"/>
      <c r="T2634" s="76"/>
      <c r="U2634" s="76"/>
      <c r="V2634" s="76"/>
      <c r="W2634" s="76"/>
      <c r="X2634" s="76"/>
      <c r="Y2634" s="76"/>
      <c r="Z2634" s="76"/>
      <c r="AA2634" s="85"/>
      <c r="AB2634" s="85"/>
      <c r="AC2634" s="85"/>
      <c r="AD2634" s="85"/>
      <c r="AE2634" s="85"/>
      <c r="AF2634" s="85"/>
      <c r="AG2634" s="86"/>
      <c r="AH2634" s="85"/>
      <c r="AI2634" s="85"/>
      <c r="AJ2634" s="85"/>
      <c r="AK2634" s="85"/>
      <c r="AL2634" s="85"/>
      <c r="AM2634" s="92"/>
      <c r="AN2634" s="92"/>
      <c r="AO2634" s="92"/>
      <c r="AP2634" s="92"/>
      <c r="AQ2634" s="92"/>
      <c r="AR2634" s="92"/>
      <c r="AS2634" s="92"/>
      <c r="AT2634" s="92"/>
      <c r="AU2634" s="92"/>
      <c r="AV2634" s="92"/>
      <c r="AW2634" s="92"/>
      <c r="AX2634" s="92"/>
      <c r="AY2634" s="92"/>
      <c r="AZ2634" s="93"/>
      <c r="BA2634" s="93"/>
      <c r="BB2634" s="93"/>
      <c r="BC2634" s="93"/>
      <c r="BD2634" s="93"/>
      <c r="BE2634" s="93"/>
      <c r="BF2634" s="93"/>
      <c r="BG2634" s="93"/>
      <c r="BH2634" s="93"/>
      <c r="BI2634" s="93"/>
      <c r="BJ2634" s="93"/>
      <c r="BK2634" s="93"/>
      <c r="BL2634" s="93"/>
    </row>
    <row r="2635" spans="2:64" x14ac:dyDescent="0.2">
      <c r="B2635" s="43"/>
      <c r="C2635" s="73"/>
      <c r="D2635" s="64"/>
      <c r="E2635" s="55"/>
      <c r="F2635" s="74"/>
      <c r="G2635" s="74"/>
      <c r="H2635" s="74"/>
      <c r="I2635" s="75"/>
      <c r="J2635" s="74"/>
      <c r="L2635" s="55"/>
      <c r="M2635" s="234"/>
      <c r="N2635" s="65"/>
      <c r="O2635" s="76"/>
      <c r="P2635" s="76"/>
      <c r="Q2635" s="65"/>
      <c r="R2635" s="76"/>
      <c r="S2635" s="76"/>
      <c r="T2635" s="76"/>
      <c r="U2635" s="76"/>
      <c r="V2635" s="76"/>
      <c r="W2635" s="76"/>
      <c r="X2635" s="76"/>
      <c r="Y2635" s="76"/>
      <c r="Z2635" s="76"/>
      <c r="AA2635" s="85"/>
      <c r="AB2635" s="85"/>
      <c r="AC2635" s="85"/>
      <c r="AD2635" s="85"/>
      <c r="AE2635" s="85"/>
      <c r="AF2635" s="85"/>
      <c r="AG2635" s="86"/>
      <c r="AH2635" s="85"/>
      <c r="AI2635" s="85"/>
      <c r="AJ2635" s="85"/>
      <c r="AK2635" s="85"/>
      <c r="AL2635" s="85"/>
      <c r="AM2635" s="92"/>
      <c r="AN2635" s="92"/>
      <c r="AO2635" s="92"/>
      <c r="AP2635" s="92"/>
      <c r="AQ2635" s="92"/>
      <c r="AR2635" s="92"/>
      <c r="AS2635" s="92"/>
      <c r="AT2635" s="92"/>
      <c r="AU2635" s="92"/>
      <c r="AV2635" s="92"/>
      <c r="AW2635" s="92"/>
      <c r="AX2635" s="92"/>
      <c r="AY2635" s="92"/>
      <c r="AZ2635" s="93"/>
      <c r="BA2635" s="93"/>
      <c r="BB2635" s="93"/>
      <c r="BC2635" s="93"/>
      <c r="BD2635" s="93"/>
      <c r="BE2635" s="93"/>
      <c r="BF2635" s="93"/>
      <c r="BG2635" s="93"/>
      <c r="BH2635" s="93"/>
      <c r="BI2635" s="93"/>
      <c r="BJ2635" s="93"/>
      <c r="BK2635" s="93"/>
      <c r="BL2635" s="93"/>
    </row>
    <row r="2636" spans="2:64" x14ac:dyDescent="0.2">
      <c r="B2636" s="43"/>
      <c r="C2636" s="73"/>
      <c r="D2636" s="64"/>
      <c r="E2636" s="55"/>
      <c r="F2636" s="74"/>
      <c r="G2636" s="74"/>
      <c r="H2636" s="74"/>
      <c r="I2636" s="75"/>
      <c r="J2636" s="74"/>
      <c r="L2636" s="55"/>
      <c r="M2636" s="234"/>
      <c r="N2636" s="65"/>
      <c r="O2636" s="76"/>
      <c r="P2636" s="76"/>
      <c r="Q2636" s="65"/>
      <c r="R2636" s="76"/>
      <c r="S2636" s="76"/>
      <c r="T2636" s="76"/>
      <c r="U2636" s="76"/>
      <c r="V2636" s="76"/>
      <c r="W2636" s="76"/>
      <c r="X2636" s="76"/>
      <c r="Y2636" s="76"/>
      <c r="Z2636" s="76"/>
      <c r="AA2636" s="85"/>
      <c r="AB2636" s="85"/>
      <c r="AC2636" s="85"/>
      <c r="AD2636" s="85"/>
      <c r="AE2636" s="85"/>
      <c r="AF2636" s="85"/>
      <c r="AG2636" s="86"/>
      <c r="AH2636" s="85"/>
      <c r="AI2636" s="85"/>
      <c r="AJ2636" s="85"/>
      <c r="AK2636" s="85"/>
      <c r="AL2636" s="85"/>
      <c r="AM2636" s="92"/>
      <c r="AN2636" s="92"/>
      <c r="AO2636" s="92"/>
      <c r="AP2636" s="92"/>
      <c r="AQ2636" s="92"/>
      <c r="AR2636" s="92"/>
      <c r="AS2636" s="92"/>
      <c r="AT2636" s="92"/>
      <c r="AU2636" s="92"/>
      <c r="AV2636" s="92"/>
      <c r="AW2636" s="92"/>
      <c r="AX2636" s="92"/>
      <c r="AY2636" s="92"/>
      <c r="AZ2636" s="93"/>
      <c r="BA2636" s="93"/>
      <c r="BB2636" s="93"/>
      <c r="BC2636" s="93"/>
      <c r="BD2636" s="93"/>
      <c r="BE2636" s="93"/>
      <c r="BF2636" s="93"/>
      <c r="BG2636" s="93"/>
      <c r="BH2636" s="93"/>
      <c r="BI2636" s="93"/>
      <c r="BJ2636" s="93"/>
      <c r="BK2636" s="93"/>
      <c r="BL2636" s="93"/>
    </row>
    <row r="2637" spans="2:64" x14ac:dyDescent="0.2">
      <c r="B2637" s="43"/>
      <c r="C2637" s="73"/>
      <c r="D2637" s="64"/>
      <c r="E2637" s="55"/>
      <c r="F2637" s="74"/>
      <c r="G2637" s="74"/>
      <c r="H2637" s="74"/>
      <c r="I2637" s="75"/>
      <c r="J2637" s="74"/>
      <c r="L2637" s="55"/>
      <c r="M2637" s="234"/>
      <c r="N2637" s="65"/>
      <c r="O2637" s="76"/>
      <c r="P2637" s="76"/>
      <c r="Q2637" s="65"/>
      <c r="R2637" s="76"/>
      <c r="S2637" s="76"/>
      <c r="T2637" s="76"/>
      <c r="U2637" s="76"/>
      <c r="V2637" s="76"/>
      <c r="W2637" s="76"/>
      <c r="X2637" s="76"/>
      <c r="Y2637" s="76"/>
      <c r="Z2637" s="76"/>
      <c r="AA2637" s="85"/>
      <c r="AB2637" s="85"/>
      <c r="AC2637" s="85"/>
      <c r="AD2637" s="85"/>
      <c r="AE2637" s="85"/>
      <c r="AF2637" s="85"/>
      <c r="AG2637" s="86"/>
      <c r="AH2637" s="85"/>
      <c r="AI2637" s="85"/>
      <c r="AJ2637" s="85"/>
      <c r="AK2637" s="85"/>
      <c r="AL2637" s="85"/>
      <c r="AM2637" s="92"/>
      <c r="AN2637" s="92"/>
      <c r="AO2637" s="92"/>
      <c r="AP2637" s="92"/>
      <c r="AQ2637" s="92"/>
      <c r="AR2637" s="92"/>
      <c r="AS2637" s="92"/>
      <c r="AT2637" s="92"/>
      <c r="AU2637" s="92"/>
      <c r="AV2637" s="92"/>
      <c r="AW2637" s="92"/>
      <c r="AX2637" s="92"/>
      <c r="AY2637" s="92"/>
      <c r="AZ2637" s="93"/>
      <c r="BA2637" s="93"/>
      <c r="BB2637" s="93"/>
      <c r="BC2637" s="93"/>
      <c r="BD2637" s="93"/>
      <c r="BE2637" s="93"/>
      <c r="BF2637" s="93"/>
      <c r="BG2637" s="93"/>
      <c r="BH2637" s="93"/>
      <c r="BI2637" s="93"/>
      <c r="BJ2637" s="93"/>
      <c r="BK2637" s="93"/>
      <c r="BL2637" s="93"/>
    </row>
    <row r="2638" spans="2:64" x14ac:dyDescent="0.2">
      <c r="B2638" s="43"/>
      <c r="C2638" s="73"/>
      <c r="D2638" s="64"/>
      <c r="E2638" s="55"/>
      <c r="F2638" s="74"/>
      <c r="G2638" s="74"/>
      <c r="H2638" s="74"/>
      <c r="I2638" s="75"/>
      <c r="J2638" s="74"/>
      <c r="L2638" s="55"/>
      <c r="M2638" s="234"/>
      <c r="N2638" s="65"/>
      <c r="O2638" s="76"/>
      <c r="P2638" s="76"/>
      <c r="Q2638" s="65"/>
      <c r="R2638" s="76"/>
      <c r="S2638" s="76"/>
      <c r="T2638" s="76"/>
      <c r="U2638" s="76"/>
      <c r="V2638" s="76"/>
      <c r="W2638" s="76"/>
      <c r="X2638" s="76"/>
      <c r="Y2638" s="76"/>
      <c r="Z2638" s="76"/>
      <c r="AA2638" s="85"/>
      <c r="AB2638" s="85"/>
      <c r="AC2638" s="85"/>
      <c r="AD2638" s="85"/>
      <c r="AE2638" s="85"/>
      <c r="AF2638" s="85"/>
      <c r="AG2638" s="86"/>
      <c r="AH2638" s="85"/>
      <c r="AI2638" s="85"/>
      <c r="AJ2638" s="85"/>
      <c r="AK2638" s="85"/>
      <c r="AL2638" s="85"/>
      <c r="AM2638" s="92"/>
      <c r="AN2638" s="92"/>
      <c r="AO2638" s="92"/>
      <c r="AP2638" s="92"/>
      <c r="AQ2638" s="92"/>
      <c r="AR2638" s="92"/>
      <c r="AS2638" s="92"/>
      <c r="AT2638" s="92"/>
      <c r="AU2638" s="92"/>
      <c r="AV2638" s="92"/>
      <c r="AW2638" s="92"/>
      <c r="AX2638" s="92"/>
      <c r="AY2638" s="92"/>
      <c r="AZ2638" s="93"/>
      <c r="BA2638" s="93"/>
      <c r="BB2638" s="93"/>
      <c r="BC2638" s="93"/>
      <c r="BD2638" s="93"/>
      <c r="BE2638" s="93"/>
      <c r="BF2638" s="93"/>
      <c r="BG2638" s="93"/>
      <c r="BH2638" s="93"/>
      <c r="BI2638" s="93"/>
      <c r="BJ2638" s="93"/>
      <c r="BK2638" s="93"/>
      <c r="BL2638" s="93"/>
    </row>
    <row r="2639" spans="2:64" x14ac:dyDescent="0.2">
      <c r="B2639" s="43"/>
      <c r="C2639" s="73"/>
      <c r="D2639" s="64"/>
      <c r="E2639" s="55"/>
      <c r="F2639" s="74"/>
      <c r="G2639" s="74"/>
      <c r="H2639" s="74"/>
      <c r="I2639" s="75"/>
      <c r="J2639" s="74"/>
      <c r="L2639" s="55"/>
      <c r="M2639" s="234"/>
      <c r="N2639" s="65"/>
      <c r="O2639" s="76"/>
      <c r="P2639" s="76"/>
      <c r="Q2639" s="65"/>
      <c r="R2639" s="76"/>
      <c r="S2639" s="76"/>
      <c r="T2639" s="76"/>
      <c r="U2639" s="76"/>
      <c r="V2639" s="76"/>
      <c r="W2639" s="76"/>
      <c r="X2639" s="76"/>
      <c r="Y2639" s="76"/>
      <c r="Z2639" s="76"/>
      <c r="AA2639" s="85"/>
      <c r="AB2639" s="85"/>
      <c r="AC2639" s="85"/>
      <c r="AD2639" s="85"/>
      <c r="AE2639" s="85"/>
      <c r="AF2639" s="85"/>
      <c r="AG2639" s="86"/>
      <c r="AH2639" s="85"/>
      <c r="AI2639" s="85"/>
      <c r="AJ2639" s="85"/>
      <c r="AK2639" s="85"/>
      <c r="AL2639" s="85"/>
      <c r="AM2639" s="92"/>
      <c r="AN2639" s="92"/>
      <c r="AO2639" s="92"/>
      <c r="AP2639" s="92"/>
      <c r="AQ2639" s="92"/>
      <c r="AR2639" s="92"/>
      <c r="AS2639" s="92"/>
      <c r="AT2639" s="92"/>
      <c r="AU2639" s="92"/>
      <c r="AV2639" s="92"/>
      <c r="AW2639" s="92"/>
      <c r="AX2639" s="92"/>
      <c r="AY2639" s="92"/>
      <c r="AZ2639" s="93"/>
      <c r="BA2639" s="93"/>
      <c r="BB2639" s="93"/>
      <c r="BC2639" s="93"/>
      <c r="BD2639" s="93"/>
      <c r="BE2639" s="93"/>
      <c r="BF2639" s="93"/>
      <c r="BG2639" s="93"/>
      <c r="BH2639" s="93"/>
      <c r="BI2639" s="93"/>
      <c r="BJ2639" s="93"/>
      <c r="BK2639" s="93"/>
      <c r="BL2639" s="93"/>
    </row>
    <row r="2640" spans="2:64" x14ac:dyDescent="0.2">
      <c r="B2640" s="43"/>
      <c r="C2640" s="73"/>
      <c r="D2640" s="64"/>
      <c r="E2640" s="55"/>
      <c r="F2640" s="74"/>
      <c r="G2640" s="74"/>
      <c r="H2640" s="74"/>
      <c r="I2640" s="75"/>
      <c r="J2640" s="74"/>
      <c r="L2640" s="55"/>
      <c r="M2640" s="234"/>
      <c r="N2640" s="65"/>
      <c r="O2640" s="76"/>
      <c r="P2640" s="76"/>
      <c r="Q2640" s="65"/>
      <c r="R2640" s="76"/>
      <c r="S2640" s="76"/>
      <c r="T2640" s="76"/>
      <c r="U2640" s="76"/>
      <c r="V2640" s="76"/>
      <c r="W2640" s="76"/>
      <c r="X2640" s="76"/>
      <c r="Y2640" s="76"/>
      <c r="Z2640" s="76"/>
      <c r="AA2640" s="85"/>
      <c r="AB2640" s="85"/>
      <c r="AC2640" s="85"/>
      <c r="AD2640" s="85"/>
      <c r="AE2640" s="85"/>
      <c r="AF2640" s="85"/>
      <c r="AG2640" s="86"/>
      <c r="AH2640" s="85"/>
      <c r="AI2640" s="85"/>
      <c r="AJ2640" s="85"/>
      <c r="AK2640" s="85"/>
      <c r="AL2640" s="85"/>
      <c r="AM2640" s="92"/>
      <c r="AN2640" s="92"/>
      <c r="AO2640" s="92"/>
      <c r="AP2640" s="92"/>
      <c r="AQ2640" s="92"/>
      <c r="AR2640" s="92"/>
      <c r="AS2640" s="92"/>
      <c r="AT2640" s="92"/>
      <c r="AU2640" s="92"/>
      <c r="AV2640" s="92"/>
      <c r="AW2640" s="92"/>
      <c r="AX2640" s="92"/>
      <c r="AY2640" s="92"/>
      <c r="AZ2640" s="93"/>
      <c r="BA2640" s="93"/>
      <c r="BB2640" s="93"/>
      <c r="BC2640" s="93"/>
      <c r="BD2640" s="93"/>
      <c r="BE2640" s="93"/>
      <c r="BF2640" s="93"/>
      <c r="BG2640" s="93"/>
      <c r="BH2640" s="93"/>
      <c r="BI2640" s="93"/>
      <c r="BJ2640" s="93"/>
      <c r="BK2640" s="93"/>
      <c r="BL2640" s="93"/>
    </row>
    <row r="2641" spans="2:64" x14ac:dyDescent="0.2">
      <c r="B2641" s="43"/>
      <c r="C2641" s="73"/>
      <c r="D2641" s="64"/>
      <c r="E2641" s="55"/>
      <c r="F2641" s="74"/>
      <c r="G2641" s="74"/>
      <c r="H2641" s="74"/>
      <c r="I2641" s="75"/>
      <c r="J2641" s="74"/>
      <c r="L2641" s="55"/>
      <c r="M2641" s="234"/>
      <c r="N2641" s="65"/>
      <c r="O2641" s="76"/>
      <c r="P2641" s="76"/>
      <c r="Q2641" s="65"/>
      <c r="R2641" s="76"/>
      <c r="S2641" s="76"/>
      <c r="T2641" s="76"/>
      <c r="U2641" s="76"/>
      <c r="V2641" s="76"/>
      <c r="W2641" s="76"/>
      <c r="X2641" s="76"/>
      <c r="Y2641" s="76"/>
      <c r="Z2641" s="76"/>
      <c r="AA2641" s="85"/>
      <c r="AB2641" s="85"/>
      <c r="AC2641" s="85"/>
      <c r="AD2641" s="85"/>
      <c r="AE2641" s="85"/>
      <c r="AF2641" s="85"/>
      <c r="AG2641" s="86"/>
      <c r="AH2641" s="85"/>
      <c r="AI2641" s="85"/>
      <c r="AJ2641" s="85"/>
      <c r="AK2641" s="85"/>
      <c r="AL2641" s="85"/>
      <c r="AM2641" s="92"/>
      <c r="AN2641" s="92"/>
      <c r="AO2641" s="92"/>
      <c r="AP2641" s="92"/>
      <c r="AQ2641" s="92"/>
      <c r="AR2641" s="92"/>
      <c r="AS2641" s="92"/>
      <c r="AT2641" s="92"/>
      <c r="AU2641" s="92"/>
      <c r="AV2641" s="92"/>
      <c r="AW2641" s="92"/>
      <c r="AX2641" s="92"/>
      <c r="AY2641" s="92"/>
      <c r="AZ2641" s="93"/>
      <c r="BA2641" s="93"/>
      <c r="BB2641" s="93"/>
      <c r="BC2641" s="93"/>
      <c r="BD2641" s="93"/>
      <c r="BE2641" s="93"/>
      <c r="BF2641" s="93"/>
      <c r="BG2641" s="93"/>
      <c r="BH2641" s="93"/>
      <c r="BI2641" s="93"/>
      <c r="BJ2641" s="93"/>
      <c r="BK2641" s="93"/>
      <c r="BL2641" s="93"/>
    </row>
    <row r="2642" spans="2:64" x14ac:dyDescent="0.2">
      <c r="B2642" s="43"/>
      <c r="C2642" s="73"/>
      <c r="D2642" s="64"/>
      <c r="E2642" s="55"/>
      <c r="F2642" s="74"/>
      <c r="G2642" s="74"/>
      <c r="H2642" s="74"/>
      <c r="I2642" s="75"/>
      <c r="J2642" s="74"/>
      <c r="L2642" s="55"/>
      <c r="M2642" s="234"/>
      <c r="N2642" s="65"/>
      <c r="O2642" s="76"/>
      <c r="P2642" s="76"/>
      <c r="Q2642" s="65"/>
      <c r="R2642" s="76"/>
      <c r="S2642" s="76"/>
      <c r="T2642" s="76"/>
      <c r="U2642" s="76"/>
      <c r="V2642" s="76"/>
      <c r="W2642" s="76"/>
      <c r="X2642" s="76"/>
      <c r="Y2642" s="76"/>
      <c r="Z2642" s="76"/>
      <c r="AA2642" s="85"/>
      <c r="AB2642" s="85"/>
      <c r="AC2642" s="85"/>
      <c r="AD2642" s="85"/>
      <c r="AE2642" s="85"/>
      <c r="AF2642" s="85"/>
      <c r="AG2642" s="86"/>
      <c r="AH2642" s="85"/>
      <c r="AI2642" s="85"/>
      <c r="AJ2642" s="85"/>
      <c r="AK2642" s="85"/>
      <c r="AL2642" s="85"/>
      <c r="AM2642" s="92"/>
      <c r="AN2642" s="92"/>
      <c r="AO2642" s="92"/>
      <c r="AP2642" s="92"/>
      <c r="AQ2642" s="92"/>
      <c r="AR2642" s="92"/>
      <c r="AS2642" s="92"/>
      <c r="AT2642" s="92"/>
      <c r="AU2642" s="92"/>
      <c r="AV2642" s="92"/>
      <c r="AW2642" s="92"/>
      <c r="AX2642" s="92"/>
      <c r="AY2642" s="92"/>
      <c r="AZ2642" s="93"/>
      <c r="BA2642" s="93"/>
      <c r="BB2642" s="93"/>
      <c r="BC2642" s="93"/>
      <c r="BD2642" s="93"/>
      <c r="BE2642" s="93"/>
      <c r="BF2642" s="93"/>
      <c r="BG2642" s="93"/>
      <c r="BH2642" s="93"/>
      <c r="BI2642" s="93"/>
      <c r="BJ2642" s="93"/>
      <c r="BK2642" s="93"/>
      <c r="BL2642" s="93"/>
    </row>
    <row r="2643" spans="2:64" x14ac:dyDescent="0.2">
      <c r="B2643" s="43"/>
      <c r="C2643" s="73"/>
      <c r="D2643" s="64"/>
      <c r="E2643" s="55"/>
      <c r="F2643" s="74"/>
      <c r="G2643" s="74"/>
      <c r="H2643" s="74"/>
      <c r="I2643" s="75"/>
      <c r="J2643" s="74"/>
      <c r="L2643" s="55"/>
      <c r="M2643" s="234"/>
      <c r="N2643" s="65"/>
      <c r="O2643" s="76"/>
      <c r="P2643" s="76"/>
      <c r="Q2643" s="65"/>
      <c r="R2643" s="76"/>
      <c r="S2643" s="76"/>
      <c r="T2643" s="76"/>
      <c r="U2643" s="76"/>
      <c r="V2643" s="76"/>
      <c r="W2643" s="76"/>
      <c r="X2643" s="76"/>
      <c r="Y2643" s="76"/>
      <c r="Z2643" s="76"/>
      <c r="AA2643" s="85"/>
      <c r="AB2643" s="85"/>
      <c r="AC2643" s="85"/>
      <c r="AD2643" s="85"/>
      <c r="AE2643" s="85"/>
      <c r="AF2643" s="85"/>
      <c r="AG2643" s="86"/>
      <c r="AH2643" s="85"/>
      <c r="AI2643" s="85"/>
      <c r="AJ2643" s="85"/>
      <c r="AK2643" s="85"/>
      <c r="AL2643" s="85"/>
      <c r="AM2643" s="92"/>
      <c r="AN2643" s="92"/>
      <c r="AO2643" s="92"/>
      <c r="AP2643" s="92"/>
      <c r="AQ2643" s="92"/>
      <c r="AR2643" s="92"/>
      <c r="AS2643" s="92"/>
      <c r="AT2643" s="92"/>
      <c r="AU2643" s="92"/>
      <c r="AV2643" s="92"/>
      <c r="AW2643" s="92"/>
      <c r="AX2643" s="92"/>
      <c r="AY2643" s="92"/>
      <c r="AZ2643" s="93"/>
      <c r="BA2643" s="93"/>
      <c r="BB2643" s="93"/>
      <c r="BC2643" s="93"/>
      <c r="BD2643" s="93"/>
      <c r="BE2643" s="93"/>
      <c r="BF2643" s="93"/>
      <c r="BG2643" s="93"/>
      <c r="BH2643" s="93"/>
      <c r="BI2643" s="93"/>
      <c r="BJ2643" s="93"/>
      <c r="BK2643" s="93"/>
      <c r="BL2643" s="93"/>
    </row>
    <row r="2644" spans="2:64" x14ac:dyDescent="0.2">
      <c r="B2644" s="43"/>
      <c r="C2644" s="73"/>
      <c r="D2644" s="64"/>
      <c r="E2644" s="55"/>
      <c r="F2644" s="74"/>
      <c r="G2644" s="74"/>
      <c r="H2644" s="74"/>
      <c r="I2644" s="75"/>
      <c r="J2644" s="74"/>
      <c r="L2644" s="55"/>
      <c r="M2644" s="234"/>
      <c r="N2644" s="65"/>
      <c r="O2644" s="76"/>
      <c r="P2644" s="76"/>
      <c r="Q2644" s="65"/>
      <c r="R2644" s="76"/>
      <c r="S2644" s="76"/>
      <c r="T2644" s="76"/>
      <c r="U2644" s="76"/>
      <c r="V2644" s="76"/>
      <c r="W2644" s="76"/>
      <c r="X2644" s="76"/>
      <c r="Y2644" s="76"/>
      <c r="Z2644" s="76"/>
      <c r="AA2644" s="85"/>
      <c r="AB2644" s="85"/>
      <c r="AC2644" s="85"/>
      <c r="AD2644" s="85"/>
      <c r="AE2644" s="85"/>
      <c r="AF2644" s="85"/>
      <c r="AG2644" s="86"/>
      <c r="AH2644" s="85"/>
      <c r="AI2644" s="85"/>
      <c r="AJ2644" s="85"/>
      <c r="AK2644" s="85"/>
      <c r="AL2644" s="85"/>
      <c r="AM2644" s="92"/>
      <c r="AN2644" s="92"/>
      <c r="AO2644" s="92"/>
      <c r="AP2644" s="92"/>
      <c r="AQ2644" s="92"/>
      <c r="AR2644" s="92"/>
      <c r="AS2644" s="92"/>
      <c r="AT2644" s="92"/>
      <c r="AU2644" s="92"/>
      <c r="AV2644" s="92"/>
      <c r="AW2644" s="92"/>
      <c r="AX2644" s="92"/>
      <c r="AY2644" s="92"/>
      <c r="AZ2644" s="93"/>
      <c r="BA2644" s="93"/>
      <c r="BB2644" s="93"/>
      <c r="BC2644" s="93"/>
      <c r="BD2644" s="93"/>
      <c r="BE2644" s="93"/>
      <c r="BF2644" s="93"/>
      <c r="BG2644" s="93"/>
      <c r="BH2644" s="93"/>
      <c r="BI2644" s="93"/>
      <c r="BJ2644" s="93"/>
      <c r="BK2644" s="93"/>
      <c r="BL2644" s="93"/>
    </row>
    <row r="2645" spans="2:64" x14ac:dyDescent="0.2">
      <c r="B2645" s="43"/>
      <c r="C2645" s="73"/>
      <c r="D2645" s="64"/>
      <c r="E2645" s="55"/>
      <c r="F2645" s="74"/>
      <c r="G2645" s="74"/>
      <c r="H2645" s="74"/>
      <c r="I2645" s="75"/>
      <c r="J2645" s="74"/>
      <c r="L2645" s="55"/>
      <c r="M2645" s="234"/>
      <c r="N2645" s="65"/>
      <c r="O2645" s="76"/>
      <c r="P2645" s="76"/>
      <c r="Q2645" s="65"/>
      <c r="R2645" s="76"/>
      <c r="S2645" s="76"/>
      <c r="T2645" s="76"/>
      <c r="U2645" s="76"/>
      <c r="V2645" s="76"/>
      <c r="W2645" s="76"/>
      <c r="X2645" s="76"/>
      <c r="Y2645" s="76"/>
      <c r="Z2645" s="76"/>
      <c r="AA2645" s="85"/>
      <c r="AB2645" s="85"/>
      <c r="AC2645" s="85"/>
      <c r="AD2645" s="85"/>
      <c r="AE2645" s="85"/>
      <c r="AF2645" s="85"/>
      <c r="AG2645" s="86"/>
      <c r="AH2645" s="85"/>
      <c r="AI2645" s="85"/>
      <c r="AJ2645" s="85"/>
      <c r="AK2645" s="85"/>
      <c r="AL2645" s="85"/>
      <c r="AM2645" s="92"/>
      <c r="AN2645" s="92"/>
      <c r="AO2645" s="92"/>
      <c r="AP2645" s="92"/>
      <c r="AQ2645" s="92"/>
      <c r="AR2645" s="92"/>
      <c r="AS2645" s="92"/>
      <c r="AT2645" s="92"/>
      <c r="AU2645" s="92"/>
      <c r="AV2645" s="92"/>
      <c r="AW2645" s="92"/>
      <c r="AX2645" s="92"/>
      <c r="AY2645" s="92"/>
      <c r="AZ2645" s="93"/>
      <c r="BA2645" s="93"/>
      <c r="BB2645" s="93"/>
      <c r="BC2645" s="93"/>
      <c r="BD2645" s="93"/>
      <c r="BE2645" s="93"/>
      <c r="BF2645" s="93"/>
      <c r="BG2645" s="93"/>
      <c r="BH2645" s="93"/>
      <c r="BI2645" s="93"/>
      <c r="BJ2645" s="93"/>
      <c r="BK2645" s="93"/>
      <c r="BL2645" s="93"/>
    </row>
    <row r="2646" spans="2:64" x14ac:dyDescent="0.2">
      <c r="B2646" s="43"/>
      <c r="C2646" s="73"/>
      <c r="D2646" s="64"/>
      <c r="E2646" s="55"/>
      <c r="F2646" s="74"/>
      <c r="G2646" s="74"/>
      <c r="H2646" s="74"/>
      <c r="I2646" s="75"/>
      <c r="J2646" s="74"/>
      <c r="L2646" s="55"/>
      <c r="M2646" s="234"/>
      <c r="N2646" s="65"/>
      <c r="O2646" s="76"/>
      <c r="P2646" s="76"/>
      <c r="Q2646" s="65"/>
      <c r="R2646" s="76"/>
      <c r="S2646" s="76"/>
      <c r="T2646" s="76"/>
      <c r="U2646" s="76"/>
      <c r="V2646" s="76"/>
      <c r="W2646" s="76"/>
      <c r="X2646" s="76"/>
      <c r="Y2646" s="76"/>
      <c r="Z2646" s="76"/>
      <c r="AA2646" s="85"/>
      <c r="AB2646" s="85"/>
      <c r="AC2646" s="85"/>
      <c r="AD2646" s="85"/>
      <c r="AE2646" s="85"/>
      <c r="AF2646" s="85"/>
      <c r="AG2646" s="86"/>
      <c r="AH2646" s="85"/>
      <c r="AI2646" s="85"/>
      <c r="AJ2646" s="85"/>
      <c r="AK2646" s="85"/>
      <c r="AL2646" s="85"/>
      <c r="AM2646" s="92"/>
      <c r="AN2646" s="92"/>
      <c r="AO2646" s="92"/>
      <c r="AP2646" s="92"/>
      <c r="AQ2646" s="92"/>
      <c r="AR2646" s="92"/>
      <c r="AS2646" s="92"/>
      <c r="AT2646" s="92"/>
      <c r="AU2646" s="92"/>
      <c r="AV2646" s="92"/>
      <c r="AW2646" s="92"/>
      <c r="AX2646" s="92"/>
      <c r="AY2646" s="92"/>
      <c r="AZ2646" s="93"/>
      <c r="BA2646" s="93"/>
      <c r="BB2646" s="93"/>
      <c r="BC2646" s="93"/>
      <c r="BD2646" s="93"/>
      <c r="BE2646" s="93"/>
      <c r="BF2646" s="93"/>
      <c r="BG2646" s="93"/>
      <c r="BH2646" s="93"/>
      <c r="BI2646" s="93"/>
      <c r="BJ2646" s="93"/>
      <c r="BK2646" s="93"/>
      <c r="BL2646" s="93"/>
    </row>
    <row r="2647" spans="2:64" x14ac:dyDescent="0.2">
      <c r="B2647" s="43"/>
      <c r="C2647" s="73"/>
      <c r="D2647" s="64"/>
      <c r="E2647" s="55"/>
      <c r="F2647" s="74"/>
      <c r="G2647" s="74"/>
      <c r="H2647" s="74"/>
      <c r="I2647" s="75"/>
      <c r="J2647" s="74"/>
      <c r="L2647" s="55"/>
      <c r="M2647" s="234"/>
      <c r="N2647" s="65"/>
      <c r="O2647" s="76"/>
      <c r="P2647" s="76"/>
      <c r="Q2647" s="65"/>
      <c r="R2647" s="76"/>
      <c r="S2647" s="76"/>
      <c r="T2647" s="76"/>
      <c r="U2647" s="76"/>
      <c r="V2647" s="76"/>
      <c r="W2647" s="76"/>
      <c r="X2647" s="76"/>
      <c r="Y2647" s="76"/>
      <c r="Z2647" s="76"/>
      <c r="AA2647" s="85"/>
      <c r="AB2647" s="85"/>
      <c r="AC2647" s="85"/>
      <c r="AD2647" s="85"/>
      <c r="AE2647" s="85"/>
      <c r="AF2647" s="85"/>
      <c r="AG2647" s="86"/>
      <c r="AH2647" s="85"/>
      <c r="AI2647" s="85"/>
      <c r="AJ2647" s="85"/>
      <c r="AK2647" s="85"/>
      <c r="AL2647" s="85"/>
      <c r="AM2647" s="92"/>
      <c r="AN2647" s="92"/>
      <c r="AO2647" s="92"/>
      <c r="AP2647" s="92"/>
      <c r="AQ2647" s="92"/>
      <c r="AR2647" s="92"/>
      <c r="AS2647" s="92"/>
      <c r="AT2647" s="92"/>
      <c r="AU2647" s="92"/>
      <c r="AV2647" s="92"/>
      <c r="AW2647" s="92"/>
      <c r="AX2647" s="92"/>
      <c r="AY2647" s="92"/>
      <c r="AZ2647" s="93"/>
      <c r="BA2647" s="93"/>
      <c r="BB2647" s="93"/>
      <c r="BC2647" s="93"/>
      <c r="BD2647" s="93"/>
      <c r="BE2647" s="93"/>
      <c r="BF2647" s="93"/>
      <c r="BG2647" s="93"/>
      <c r="BH2647" s="93"/>
      <c r="BI2647" s="93"/>
      <c r="BJ2647" s="93"/>
      <c r="BK2647" s="93"/>
      <c r="BL2647" s="93"/>
    </row>
    <row r="2648" spans="2:64" x14ac:dyDescent="0.2">
      <c r="B2648" s="43"/>
      <c r="C2648" s="73"/>
      <c r="D2648" s="64"/>
      <c r="E2648" s="55"/>
      <c r="F2648" s="74"/>
      <c r="G2648" s="74"/>
      <c r="H2648" s="74"/>
      <c r="I2648" s="75"/>
      <c r="J2648" s="74"/>
      <c r="L2648" s="55"/>
      <c r="M2648" s="234"/>
      <c r="N2648" s="65"/>
      <c r="O2648" s="76"/>
      <c r="P2648" s="76"/>
      <c r="Q2648" s="65"/>
      <c r="R2648" s="76"/>
      <c r="S2648" s="76"/>
      <c r="T2648" s="76"/>
      <c r="U2648" s="76"/>
      <c r="V2648" s="76"/>
      <c r="W2648" s="76"/>
      <c r="X2648" s="76"/>
      <c r="Y2648" s="76"/>
      <c r="Z2648" s="76"/>
      <c r="AA2648" s="85"/>
      <c r="AB2648" s="85"/>
      <c r="AC2648" s="85"/>
      <c r="AD2648" s="85"/>
      <c r="AE2648" s="85"/>
      <c r="AF2648" s="85"/>
      <c r="AG2648" s="86"/>
      <c r="AH2648" s="85"/>
      <c r="AI2648" s="85"/>
      <c r="AJ2648" s="85"/>
      <c r="AK2648" s="85"/>
      <c r="AL2648" s="85"/>
      <c r="AM2648" s="92"/>
      <c r="AN2648" s="92"/>
      <c r="AO2648" s="92"/>
      <c r="AP2648" s="92"/>
      <c r="AQ2648" s="92"/>
      <c r="AR2648" s="92"/>
      <c r="AS2648" s="92"/>
      <c r="AT2648" s="92"/>
      <c r="AU2648" s="92"/>
      <c r="AV2648" s="92"/>
      <c r="AW2648" s="92"/>
      <c r="AX2648" s="92"/>
      <c r="AY2648" s="92"/>
      <c r="AZ2648" s="93"/>
      <c r="BA2648" s="93"/>
      <c r="BB2648" s="93"/>
      <c r="BC2648" s="93"/>
      <c r="BD2648" s="93"/>
      <c r="BE2648" s="93"/>
      <c r="BF2648" s="93"/>
      <c r="BG2648" s="93"/>
      <c r="BH2648" s="93"/>
      <c r="BI2648" s="93"/>
      <c r="BJ2648" s="93"/>
      <c r="BK2648" s="93"/>
      <c r="BL2648" s="93"/>
    </row>
    <row r="2649" spans="2:64" x14ac:dyDescent="0.2">
      <c r="B2649" s="43"/>
      <c r="C2649" s="73"/>
      <c r="D2649" s="64"/>
      <c r="E2649" s="55"/>
      <c r="F2649" s="74"/>
      <c r="G2649" s="74"/>
      <c r="H2649" s="74"/>
      <c r="I2649" s="75"/>
      <c r="J2649" s="74"/>
      <c r="L2649" s="55"/>
      <c r="M2649" s="234"/>
      <c r="N2649" s="65"/>
      <c r="O2649" s="76"/>
      <c r="P2649" s="76"/>
      <c r="Q2649" s="65"/>
      <c r="R2649" s="76"/>
      <c r="S2649" s="76"/>
      <c r="T2649" s="76"/>
      <c r="U2649" s="76"/>
      <c r="V2649" s="76"/>
      <c r="W2649" s="76"/>
      <c r="X2649" s="76"/>
      <c r="Y2649" s="76"/>
      <c r="Z2649" s="76"/>
      <c r="AA2649" s="85"/>
      <c r="AB2649" s="85"/>
      <c r="AC2649" s="85"/>
      <c r="AD2649" s="85"/>
      <c r="AE2649" s="85"/>
      <c r="AF2649" s="85"/>
      <c r="AG2649" s="86"/>
      <c r="AH2649" s="85"/>
      <c r="AI2649" s="85"/>
      <c r="AJ2649" s="85"/>
      <c r="AK2649" s="85"/>
      <c r="AL2649" s="85"/>
      <c r="AM2649" s="92"/>
      <c r="AN2649" s="92"/>
      <c r="AO2649" s="92"/>
      <c r="AP2649" s="92"/>
      <c r="AQ2649" s="92"/>
      <c r="AR2649" s="92"/>
      <c r="AS2649" s="92"/>
      <c r="AT2649" s="92"/>
      <c r="AU2649" s="92"/>
      <c r="AV2649" s="92"/>
      <c r="AW2649" s="92"/>
      <c r="AX2649" s="92"/>
      <c r="AY2649" s="92"/>
      <c r="AZ2649" s="93"/>
      <c r="BA2649" s="93"/>
      <c r="BB2649" s="93"/>
      <c r="BC2649" s="93"/>
      <c r="BD2649" s="93"/>
      <c r="BE2649" s="93"/>
      <c r="BF2649" s="93"/>
      <c r="BG2649" s="93"/>
      <c r="BH2649" s="93"/>
      <c r="BI2649" s="93"/>
      <c r="BJ2649" s="93"/>
      <c r="BK2649" s="93"/>
      <c r="BL2649" s="93"/>
    </row>
    <row r="2650" spans="2:64" x14ac:dyDescent="0.2">
      <c r="B2650" s="43"/>
      <c r="C2650" s="73"/>
      <c r="D2650" s="64"/>
      <c r="E2650" s="55"/>
      <c r="F2650" s="74"/>
      <c r="G2650" s="74"/>
      <c r="H2650" s="74"/>
      <c r="I2650" s="75"/>
      <c r="J2650" s="74"/>
      <c r="L2650" s="55"/>
      <c r="M2650" s="234"/>
      <c r="N2650" s="65"/>
      <c r="O2650" s="76"/>
      <c r="P2650" s="76"/>
      <c r="Q2650" s="65"/>
      <c r="R2650" s="76"/>
      <c r="S2650" s="76"/>
      <c r="T2650" s="76"/>
      <c r="U2650" s="76"/>
      <c r="V2650" s="76"/>
      <c r="W2650" s="76"/>
      <c r="X2650" s="76"/>
      <c r="Y2650" s="76"/>
      <c r="Z2650" s="76"/>
      <c r="AA2650" s="85"/>
      <c r="AB2650" s="85"/>
      <c r="AC2650" s="85"/>
      <c r="AD2650" s="85"/>
      <c r="AE2650" s="85"/>
      <c r="AF2650" s="85"/>
      <c r="AG2650" s="86"/>
      <c r="AH2650" s="85"/>
      <c r="AI2650" s="85"/>
      <c r="AJ2650" s="85"/>
      <c r="AK2650" s="85"/>
      <c r="AL2650" s="85"/>
      <c r="AM2650" s="92"/>
      <c r="AN2650" s="92"/>
      <c r="AO2650" s="92"/>
      <c r="AP2650" s="92"/>
      <c r="AQ2650" s="92"/>
      <c r="AR2650" s="92"/>
      <c r="AS2650" s="92"/>
      <c r="AT2650" s="92"/>
      <c r="AU2650" s="92"/>
      <c r="AV2650" s="92"/>
      <c r="AW2650" s="92"/>
      <c r="AX2650" s="92"/>
      <c r="AY2650" s="92"/>
      <c r="AZ2650" s="93"/>
      <c r="BA2650" s="93"/>
      <c r="BB2650" s="93"/>
      <c r="BC2650" s="93"/>
      <c r="BD2650" s="93"/>
      <c r="BE2650" s="93"/>
      <c r="BF2650" s="93"/>
      <c r="BG2650" s="93"/>
      <c r="BH2650" s="93"/>
      <c r="BI2650" s="93"/>
      <c r="BJ2650" s="93"/>
      <c r="BK2650" s="93"/>
      <c r="BL2650" s="93"/>
    </row>
    <row r="2651" spans="2:64" x14ac:dyDescent="0.2">
      <c r="B2651" s="43"/>
      <c r="C2651" s="73"/>
      <c r="D2651" s="64"/>
      <c r="E2651" s="55"/>
      <c r="F2651" s="74"/>
      <c r="G2651" s="74"/>
      <c r="H2651" s="74"/>
      <c r="I2651" s="75"/>
      <c r="J2651" s="74"/>
      <c r="L2651" s="55"/>
      <c r="M2651" s="234"/>
      <c r="N2651" s="65"/>
      <c r="O2651" s="76"/>
      <c r="P2651" s="76"/>
      <c r="Q2651" s="65"/>
      <c r="R2651" s="76"/>
      <c r="S2651" s="76"/>
      <c r="T2651" s="76"/>
      <c r="U2651" s="76"/>
      <c r="V2651" s="76"/>
      <c r="W2651" s="76"/>
      <c r="X2651" s="76"/>
      <c r="Y2651" s="76"/>
      <c r="Z2651" s="76"/>
      <c r="AA2651" s="85"/>
      <c r="AB2651" s="85"/>
      <c r="AC2651" s="85"/>
      <c r="AD2651" s="85"/>
      <c r="AE2651" s="85"/>
      <c r="AF2651" s="85"/>
      <c r="AG2651" s="86"/>
      <c r="AH2651" s="85"/>
      <c r="AI2651" s="85"/>
      <c r="AJ2651" s="85"/>
      <c r="AK2651" s="85"/>
      <c r="AL2651" s="85"/>
      <c r="AM2651" s="92"/>
      <c r="AN2651" s="92"/>
      <c r="AO2651" s="92"/>
      <c r="AP2651" s="92"/>
      <c r="AQ2651" s="92"/>
      <c r="AR2651" s="92"/>
      <c r="AS2651" s="92"/>
      <c r="AT2651" s="92"/>
      <c r="AU2651" s="92"/>
      <c r="AV2651" s="92"/>
      <c r="AW2651" s="92"/>
      <c r="AX2651" s="92"/>
      <c r="AY2651" s="92"/>
      <c r="AZ2651" s="93"/>
      <c r="BA2651" s="93"/>
      <c r="BB2651" s="93"/>
      <c r="BC2651" s="93"/>
      <c r="BD2651" s="93"/>
      <c r="BE2651" s="93"/>
      <c r="BF2651" s="93"/>
      <c r="BG2651" s="93"/>
      <c r="BH2651" s="93"/>
      <c r="BI2651" s="93"/>
      <c r="BJ2651" s="93"/>
      <c r="BK2651" s="93"/>
      <c r="BL2651" s="93"/>
    </row>
    <row r="2652" spans="2:64" x14ac:dyDescent="0.2">
      <c r="B2652" s="43"/>
      <c r="C2652" s="73"/>
      <c r="D2652" s="64"/>
      <c r="E2652" s="55"/>
      <c r="F2652" s="74"/>
      <c r="G2652" s="74"/>
      <c r="H2652" s="74"/>
      <c r="I2652" s="75"/>
      <c r="J2652" s="74"/>
      <c r="L2652" s="55"/>
      <c r="M2652" s="234"/>
      <c r="N2652" s="65"/>
      <c r="O2652" s="76"/>
      <c r="P2652" s="76"/>
      <c r="Q2652" s="65"/>
      <c r="R2652" s="76"/>
      <c r="S2652" s="76"/>
      <c r="T2652" s="76"/>
      <c r="U2652" s="76"/>
      <c r="V2652" s="76"/>
      <c r="W2652" s="76"/>
      <c r="X2652" s="76"/>
      <c r="Y2652" s="76"/>
      <c r="Z2652" s="76"/>
      <c r="AA2652" s="85"/>
      <c r="AB2652" s="85"/>
      <c r="AC2652" s="85"/>
      <c r="AD2652" s="85"/>
      <c r="AE2652" s="85"/>
      <c r="AF2652" s="85"/>
      <c r="AG2652" s="86"/>
      <c r="AH2652" s="85"/>
      <c r="AI2652" s="85"/>
      <c r="AJ2652" s="85"/>
      <c r="AK2652" s="85"/>
      <c r="AL2652" s="85"/>
      <c r="AM2652" s="92"/>
      <c r="AN2652" s="92"/>
      <c r="AO2652" s="92"/>
      <c r="AP2652" s="92"/>
      <c r="AQ2652" s="92"/>
      <c r="AR2652" s="92"/>
      <c r="AS2652" s="92"/>
      <c r="AT2652" s="92"/>
      <c r="AU2652" s="92"/>
      <c r="AV2652" s="92"/>
      <c r="AW2652" s="92"/>
      <c r="AX2652" s="92"/>
      <c r="AY2652" s="92"/>
      <c r="AZ2652" s="93"/>
      <c r="BA2652" s="93"/>
      <c r="BB2652" s="93"/>
      <c r="BC2652" s="93"/>
      <c r="BD2652" s="93"/>
      <c r="BE2652" s="93"/>
      <c r="BF2652" s="93"/>
      <c r="BG2652" s="93"/>
      <c r="BH2652" s="93"/>
      <c r="BI2652" s="93"/>
      <c r="BJ2652" s="93"/>
      <c r="BK2652" s="93"/>
      <c r="BL2652" s="93"/>
    </row>
    <row r="2653" spans="2:64" x14ac:dyDescent="0.2">
      <c r="B2653" s="43"/>
      <c r="C2653" s="73"/>
      <c r="D2653" s="64"/>
      <c r="E2653" s="55"/>
      <c r="F2653" s="74"/>
      <c r="G2653" s="74"/>
      <c r="H2653" s="74"/>
      <c r="I2653" s="75"/>
      <c r="J2653" s="74"/>
      <c r="L2653" s="55"/>
      <c r="M2653" s="234"/>
      <c r="N2653" s="65"/>
      <c r="O2653" s="76"/>
      <c r="P2653" s="76"/>
      <c r="Q2653" s="65"/>
      <c r="R2653" s="76"/>
      <c r="S2653" s="76"/>
      <c r="T2653" s="76"/>
      <c r="U2653" s="76"/>
      <c r="V2653" s="76"/>
      <c r="W2653" s="76"/>
      <c r="X2653" s="76"/>
      <c r="Y2653" s="76"/>
      <c r="Z2653" s="76"/>
      <c r="AA2653" s="85"/>
      <c r="AB2653" s="85"/>
      <c r="AC2653" s="85"/>
      <c r="AD2653" s="85"/>
      <c r="AE2653" s="85"/>
      <c r="AF2653" s="85"/>
      <c r="AG2653" s="86"/>
      <c r="AH2653" s="85"/>
      <c r="AI2653" s="85"/>
      <c r="AJ2653" s="85"/>
      <c r="AK2653" s="85"/>
      <c r="AL2653" s="85"/>
      <c r="AM2653" s="92"/>
      <c r="AN2653" s="92"/>
      <c r="AO2653" s="92"/>
      <c r="AP2653" s="92"/>
      <c r="AQ2653" s="92"/>
      <c r="AR2653" s="92"/>
      <c r="AS2653" s="92"/>
      <c r="AT2653" s="92"/>
      <c r="AU2653" s="92"/>
      <c r="AV2653" s="92"/>
      <c r="AW2653" s="92"/>
      <c r="AX2653" s="92"/>
      <c r="AY2653" s="92"/>
      <c r="AZ2653" s="93"/>
      <c r="BA2653" s="93"/>
      <c r="BB2653" s="93"/>
      <c r="BC2653" s="93"/>
      <c r="BD2653" s="93"/>
      <c r="BE2653" s="93"/>
      <c r="BF2653" s="93"/>
      <c r="BG2653" s="93"/>
      <c r="BH2653" s="93"/>
      <c r="BI2653" s="93"/>
      <c r="BJ2653" s="93"/>
      <c r="BK2653" s="93"/>
      <c r="BL2653" s="93"/>
    </row>
    <row r="2654" spans="2:64" x14ac:dyDescent="0.2">
      <c r="B2654" s="43"/>
      <c r="C2654" s="73"/>
      <c r="D2654" s="64"/>
      <c r="E2654" s="55"/>
      <c r="F2654" s="74"/>
      <c r="G2654" s="74"/>
      <c r="H2654" s="74"/>
      <c r="I2654" s="75"/>
      <c r="J2654" s="74"/>
      <c r="L2654" s="55"/>
      <c r="M2654" s="234"/>
      <c r="N2654" s="65"/>
      <c r="O2654" s="76"/>
      <c r="P2654" s="76"/>
      <c r="Q2654" s="65"/>
      <c r="R2654" s="76"/>
      <c r="S2654" s="76"/>
      <c r="T2654" s="76"/>
      <c r="U2654" s="76"/>
      <c r="V2654" s="76"/>
      <c r="W2654" s="76"/>
      <c r="X2654" s="76"/>
      <c r="Y2654" s="76"/>
      <c r="Z2654" s="76"/>
      <c r="AA2654" s="85"/>
      <c r="AB2654" s="85"/>
      <c r="AC2654" s="85"/>
      <c r="AD2654" s="85"/>
      <c r="AE2654" s="85"/>
      <c r="AF2654" s="85"/>
      <c r="AG2654" s="86"/>
      <c r="AH2654" s="85"/>
      <c r="AI2654" s="85"/>
      <c r="AJ2654" s="85"/>
      <c r="AK2654" s="85"/>
      <c r="AL2654" s="85"/>
      <c r="AM2654" s="92"/>
      <c r="AN2654" s="92"/>
      <c r="AO2654" s="92"/>
      <c r="AP2654" s="92"/>
      <c r="AQ2654" s="92"/>
      <c r="AR2654" s="92"/>
      <c r="AS2654" s="92"/>
      <c r="AT2654" s="92"/>
      <c r="AU2654" s="92"/>
      <c r="AV2654" s="92"/>
      <c r="AW2654" s="92"/>
      <c r="AX2654" s="92"/>
      <c r="AY2654" s="92"/>
      <c r="AZ2654" s="93"/>
      <c r="BA2654" s="93"/>
      <c r="BB2654" s="93"/>
      <c r="BC2654" s="93"/>
      <c r="BD2654" s="93"/>
      <c r="BE2654" s="93"/>
      <c r="BF2654" s="93"/>
      <c r="BG2654" s="93"/>
      <c r="BH2654" s="93"/>
      <c r="BI2654" s="93"/>
      <c r="BJ2654" s="93"/>
      <c r="BK2654" s="93"/>
      <c r="BL2654" s="93"/>
    </row>
    <row r="2655" spans="2:64" x14ac:dyDescent="0.2">
      <c r="B2655" s="43"/>
      <c r="C2655" s="73"/>
      <c r="D2655" s="64"/>
      <c r="E2655" s="55"/>
      <c r="F2655" s="74"/>
      <c r="G2655" s="74"/>
      <c r="H2655" s="74"/>
      <c r="I2655" s="75"/>
      <c r="J2655" s="74"/>
      <c r="L2655" s="55"/>
      <c r="M2655" s="234"/>
      <c r="N2655" s="65"/>
      <c r="O2655" s="76"/>
      <c r="P2655" s="76"/>
      <c r="Q2655" s="65"/>
      <c r="R2655" s="76"/>
      <c r="S2655" s="76"/>
      <c r="T2655" s="76"/>
      <c r="U2655" s="76"/>
      <c r="V2655" s="76"/>
      <c r="W2655" s="76"/>
      <c r="X2655" s="76"/>
      <c r="Y2655" s="76"/>
      <c r="Z2655" s="76"/>
      <c r="AA2655" s="85"/>
      <c r="AB2655" s="85"/>
      <c r="AC2655" s="85"/>
      <c r="AD2655" s="85"/>
      <c r="AE2655" s="85"/>
      <c r="AF2655" s="85"/>
      <c r="AG2655" s="86"/>
      <c r="AH2655" s="85"/>
      <c r="AI2655" s="85"/>
      <c r="AJ2655" s="85"/>
      <c r="AK2655" s="85"/>
      <c r="AL2655" s="85"/>
      <c r="AM2655" s="92"/>
      <c r="AN2655" s="92"/>
      <c r="AO2655" s="92"/>
      <c r="AP2655" s="92"/>
      <c r="AQ2655" s="92"/>
      <c r="AR2655" s="92"/>
      <c r="AS2655" s="92"/>
      <c r="AT2655" s="92"/>
      <c r="AU2655" s="92"/>
      <c r="AV2655" s="92"/>
      <c r="AW2655" s="92"/>
      <c r="AX2655" s="92"/>
      <c r="AY2655" s="92"/>
      <c r="AZ2655" s="93"/>
      <c r="BA2655" s="93"/>
      <c r="BB2655" s="93"/>
      <c r="BC2655" s="93"/>
      <c r="BD2655" s="93"/>
      <c r="BE2655" s="93"/>
      <c r="BF2655" s="93"/>
      <c r="BG2655" s="93"/>
      <c r="BH2655" s="93"/>
      <c r="BI2655" s="93"/>
      <c r="BJ2655" s="93"/>
      <c r="BK2655" s="93"/>
      <c r="BL2655" s="93"/>
    </row>
    <row r="2656" spans="2:64" x14ac:dyDescent="0.2">
      <c r="B2656" s="43"/>
      <c r="C2656" s="73"/>
      <c r="D2656" s="64"/>
      <c r="E2656" s="55"/>
      <c r="F2656" s="74"/>
      <c r="G2656" s="74"/>
      <c r="H2656" s="74"/>
      <c r="I2656" s="75"/>
      <c r="J2656" s="74"/>
      <c r="L2656" s="55"/>
      <c r="M2656" s="234"/>
      <c r="N2656" s="65"/>
      <c r="O2656" s="76"/>
      <c r="P2656" s="76"/>
      <c r="Q2656" s="65"/>
      <c r="R2656" s="76"/>
      <c r="S2656" s="76"/>
      <c r="T2656" s="76"/>
      <c r="U2656" s="76"/>
      <c r="V2656" s="76"/>
      <c r="W2656" s="76"/>
      <c r="X2656" s="76"/>
      <c r="Y2656" s="76"/>
      <c r="Z2656" s="76"/>
      <c r="AA2656" s="85"/>
      <c r="AB2656" s="85"/>
      <c r="AC2656" s="85"/>
      <c r="AD2656" s="85"/>
      <c r="AE2656" s="85"/>
      <c r="AF2656" s="85"/>
      <c r="AG2656" s="86"/>
      <c r="AH2656" s="85"/>
      <c r="AI2656" s="85"/>
      <c r="AJ2656" s="85"/>
      <c r="AK2656" s="85"/>
      <c r="AL2656" s="85"/>
      <c r="AM2656" s="92"/>
      <c r="AN2656" s="92"/>
      <c r="AO2656" s="92"/>
      <c r="AP2656" s="92"/>
      <c r="AQ2656" s="92"/>
      <c r="AR2656" s="92"/>
      <c r="AS2656" s="92"/>
      <c r="AT2656" s="92"/>
      <c r="AU2656" s="92"/>
      <c r="AV2656" s="92"/>
      <c r="AW2656" s="92"/>
      <c r="AX2656" s="92"/>
      <c r="AY2656" s="92"/>
      <c r="AZ2656" s="93"/>
      <c r="BA2656" s="93"/>
      <c r="BB2656" s="93"/>
      <c r="BC2656" s="93"/>
      <c r="BD2656" s="93"/>
      <c r="BE2656" s="93"/>
      <c r="BF2656" s="93"/>
      <c r="BG2656" s="93"/>
      <c r="BH2656" s="93"/>
      <c r="BI2656" s="93"/>
      <c r="BJ2656" s="93"/>
      <c r="BK2656" s="93"/>
      <c r="BL2656" s="93"/>
    </row>
    <row r="2657" spans="2:64" x14ac:dyDescent="0.2">
      <c r="B2657" s="43"/>
      <c r="C2657" s="73"/>
      <c r="D2657" s="64"/>
      <c r="E2657" s="55"/>
      <c r="F2657" s="74"/>
      <c r="G2657" s="74"/>
      <c r="H2657" s="74"/>
      <c r="I2657" s="75"/>
      <c r="J2657" s="74"/>
      <c r="L2657" s="55"/>
      <c r="M2657" s="234"/>
      <c r="N2657" s="65"/>
      <c r="O2657" s="76"/>
      <c r="P2657" s="76"/>
      <c r="Q2657" s="65"/>
      <c r="R2657" s="76"/>
      <c r="S2657" s="76"/>
      <c r="T2657" s="76"/>
      <c r="U2657" s="76"/>
      <c r="V2657" s="76"/>
      <c r="W2657" s="76"/>
      <c r="X2657" s="76"/>
      <c r="Y2657" s="76"/>
      <c r="Z2657" s="76"/>
      <c r="AA2657" s="85"/>
      <c r="AB2657" s="85"/>
      <c r="AC2657" s="85"/>
      <c r="AD2657" s="85"/>
      <c r="AE2657" s="85"/>
      <c r="AF2657" s="85"/>
      <c r="AG2657" s="86"/>
      <c r="AH2657" s="85"/>
      <c r="AI2657" s="85"/>
      <c r="AJ2657" s="85"/>
      <c r="AK2657" s="85"/>
      <c r="AL2657" s="85"/>
      <c r="AM2657" s="92"/>
      <c r="AN2657" s="92"/>
      <c r="AO2657" s="92"/>
      <c r="AP2657" s="92"/>
      <c r="AQ2657" s="92"/>
      <c r="AR2657" s="92"/>
      <c r="AS2657" s="92"/>
      <c r="AT2657" s="92"/>
      <c r="AU2657" s="92"/>
      <c r="AV2657" s="92"/>
      <c r="AW2657" s="92"/>
      <c r="AX2657" s="92"/>
      <c r="AY2657" s="92"/>
      <c r="AZ2657" s="93"/>
      <c r="BA2657" s="93"/>
      <c r="BB2657" s="93"/>
      <c r="BC2657" s="93"/>
      <c r="BD2657" s="93"/>
      <c r="BE2657" s="93"/>
      <c r="BF2657" s="93"/>
      <c r="BG2657" s="93"/>
      <c r="BH2657" s="93"/>
      <c r="BI2657" s="93"/>
      <c r="BJ2657" s="93"/>
      <c r="BK2657" s="93"/>
      <c r="BL2657" s="93"/>
    </row>
    <row r="2658" spans="2:64" x14ac:dyDescent="0.2">
      <c r="B2658" s="43"/>
      <c r="C2658" s="73"/>
      <c r="D2658" s="64"/>
      <c r="E2658" s="55"/>
      <c r="F2658" s="74"/>
      <c r="G2658" s="74"/>
      <c r="H2658" s="74"/>
      <c r="I2658" s="75"/>
      <c r="J2658" s="74"/>
      <c r="L2658" s="55"/>
      <c r="M2658" s="234"/>
      <c r="N2658" s="65"/>
      <c r="O2658" s="76"/>
      <c r="P2658" s="76"/>
      <c r="Q2658" s="65"/>
      <c r="R2658" s="76"/>
      <c r="S2658" s="76"/>
      <c r="T2658" s="76"/>
      <c r="U2658" s="76"/>
      <c r="V2658" s="76"/>
      <c r="W2658" s="76"/>
      <c r="X2658" s="76"/>
      <c r="Y2658" s="76"/>
      <c r="Z2658" s="76"/>
      <c r="AA2658" s="85"/>
      <c r="AB2658" s="85"/>
      <c r="AC2658" s="85"/>
      <c r="AD2658" s="85"/>
      <c r="AE2658" s="85"/>
      <c r="AF2658" s="85"/>
      <c r="AG2658" s="86"/>
      <c r="AH2658" s="85"/>
      <c r="AI2658" s="85"/>
      <c r="AJ2658" s="85"/>
      <c r="AK2658" s="85"/>
      <c r="AL2658" s="85"/>
      <c r="AM2658" s="92"/>
      <c r="AN2658" s="92"/>
      <c r="AO2658" s="92"/>
      <c r="AP2658" s="92"/>
      <c r="AQ2658" s="92"/>
      <c r="AR2658" s="92"/>
      <c r="AS2658" s="92"/>
      <c r="AT2658" s="92"/>
      <c r="AU2658" s="92"/>
      <c r="AV2658" s="92"/>
      <c r="AW2658" s="92"/>
      <c r="AX2658" s="92"/>
      <c r="AY2658" s="92"/>
      <c r="AZ2658" s="93"/>
      <c r="BA2658" s="93"/>
      <c r="BB2658" s="93"/>
      <c r="BC2658" s="93"/>
      <c r="BD2658" s="93"/>
      <c r="BE2658" s="93"/>
      <c r="BF2658" s="93"/>
      <c r="BG2658" s="93"/>
      <c r="BH2658" s="93"/>
      <c r="BI2658" s="93"/>
      <c r="BJ2658" s="93"/>
      <c r="BK2658" s="93"/>
      <c r="BL2658" s="93"/>
    </row>
    <row r="2659" spans="2:64" x14ac:dyDescent="0.2">
      <c r="B2659" s="43"/>
      <c r="C2659" s="73"/>
      <c r="D2659" s="64"/>
      <c r="E2659" s="55"/>
      <c r="F2659" s="74"/>
      <c r="G2659" s="74"/>
      <c r="H2659" s="74"/>
      <c r="I2659" s="75"/>
      <c r="J2659" s="74"/>
      <c r="L2659" s="55"/>
      <c r="M2659" s="234"/>
      <c r="N2659" s="65"/>
      <c r="O2659" s="76"/>
      <c r="P2659" s="76"/>
      <c r="Q2659" s="65"/>
      <c r="R2659" s="76"/>
      <c r="S2659" s="76"/>
      <c r="T2659" s="76"/>
      <c r="U2659" s="76"/>
      <c r="V2659" s="76"/>
      <c r="W2659" s="76"/>
      <c r="X2659" s="76"/>
      <c r="Y2659" s="76"/>
      <c r="Z2659" s="76"/>
      <c r="AA2659" s="85"/>
      <c r="AB2659" s="85"/>
      <c r="AC2659" s="85"/>
      <c r="AD2659" s="85"/>
      <c r="AE2659" s="85"/>
      <c r="AF2659" s="85"/>
      <c r="AG2659" s="86"/>
      <c r="AH2659" s="85"/>
      <c r="AI2659" s="85"/>
      <c r="AJ2659" s="85"/>
      <c r="AK2659" s="85"/>
      <c r="AL2659" s="85"/>
      <c r="AM2659" s="92"/>
      <c r="AN2659" s="92"/>
      <c r="AO2659" s="92"/>
      <c r="AP2659" s="92"/>
      <c r="AQ2659" s="92"/>
      <c r="AR2659" s="92"/>
      <c r="AS2659" s="92"/>
      <c r="AT2659" s="92"/>
      <c r="AU2659" s="92"/>
      <c r="AV2659" s="92"/>
      <c r="AW2659" s="92"/>
      <c r="AX2659" s="92"/>
      <c r="AY2659" s="92"/>
      <c r="AZ2659" s="93"/>
      <c r="BA2659" s="93"/>
      <c r="BB2659" s="93"/>
      <c r="BC2659" s="93"/>
      <c r="BD2659" s="93"/>
      <c r="BE2659" s="93"/>
      <c r="BF2659" s="93"/>
      <c r="BG2659" s="93"/>
      <c r="BH2659" s="93"/>
      <c r="BI2659" s="93"/>
      <c r="BJ2659" s="93"/>
      <c r="BK2659" s="93"/>
      <c r="BL2659" s="93"/>
    </row>
    <row r="2660" spans="2:64" x14ac:dyDescent="0.2">
      <c r="B2660" s="43"/>
      <c r="C2660" s="73"/>
      <c r="D2660" s="64"/>
      <c r="E2660" s="55"/>
      <c r="F2660" s="74"/>
      <c r="G2660" s="74"/>
      <c r="H2660" s="74"/>
      <c r="I2660" s="75"/>
      <c r="J2660" s="74"/>
      <c r="L2660" s="55"/>
      <c r="M2660" s="234"/>
      <c r="N2660" s="65"/>
      <c r="O2660" s="76"/>
      <c r="P2660" s="76"/>
      <c r="Q2660" s="65"/>
      <c r="R2660" s="76"/>
      <c r="S2660" s="76"/>
      <c r="T2660" s="76"/>
      <c r="U2660" s="76"/>
      <c r="V2660" s="76"/>
      <c r="W2660" s="76"/>
      <c r="X2660" s="76"/>
      <c r="Y2660" s="76"/>
      <c r="Z2660" s="76"/>
      <c r="AA2660" s="85"/>
      <c r="AB2660" s="85"/>
      <c r="AC2660" s="85"/>
      <c r="AD2660" s="85"/>
      <c r="AE2660" s="85"/>
      <c r="AF2660" s="85"/>
      <c r="AG2660" s="86"/>
      <c r="AH2660" s="85"/>
      <c r="AI2660" s="85"/>
      <c r="AJ2660" s="85"/>
      <c r="AK2660" s="85"/>
      <c r="AL2660" s="85"/>
      <c r="AM2660" s="92"/>
      <c r="AN2660" s="92"/>
      <c r="AO2660" s="92"/>
      <c r="AP2660" s="92"/>
      <c r="AQ2660" s="92"/>
      <c r="AR2660" s="92"/>
      <c r="AS2660" s="92"/>
      <c r="AT2660" s="92"/>
      <c r="AU2660" s="92"/>
      <c r="AV2660" s="92"/>
      <c r="AW2660" s="92"/>
      <c r="AX2660" s="92"/>
      <c r="AY2660" s="92"/>
      <c r="AZ2660" s="93"/>
      <c r="BA2660" s="93"/>
      <c r="BB2660" s="93"/>
      <c r="BC2660" s="93"/>
      <c r="BD2660" s="93"/>
      <c r="BE2660" s="93"/>
      <c r="BF2660" s="93"/>
      <c r="BG2660" s="93"/>
      <c r="BH2660" s="93"/>
      <c r="BI2660" s="93"/>
      <c r="BJ2660" s="93"/>
      <c r="BK2660" s="93"/>
      <c r="BL2660" s="93"/>
    </row>
    <row r="2661" spans="2:64" x14ac:dyDescent="0.2">
      <c r="B2661" s="43"/>
      <c r="C2661" s="73"/>
      <c r="D2661" s="64"/>
      <c r="E2661" s="55"/>
      <c r="F2661" s="74"/>
      <c r="G2661" s="74"/>
      <c r="H2661" s="74"/>
      <c r="I2661" s="75"/>
      <c r="J2661" s="74"/>
      <c r="L2661" s="55"/>
      <c r="M2661" s="234"/>
      <c r="N2661" s="65"/>
      <c r="O2661" s="76"/>
      <c r="P2661" s="76"/>
      <c r="Q2661" s="65"/>
      <c r="R2661" s="76"/>
      <c r="S2661" s="76"/>
      <c r="T2661" s="76"/>
      <c r="U2661" s="76"/>
      <c r="V2661" s="76"/>
      <c r="W2661" s="76"/>
      <c r="X2661" s="76"/>
      <c r="Y2661" s="76"/>
      <c r="Z2661" s="76"/>
      <c r="AA2661" s="85"/>
      <c r="AB2661" s="85"/>
      <c r="AC2661" s="85"/>
      <c r="AD2661" s="85"/>
      <c r="AE2661" s="85"/>
      <c r="AF2661" s="85"/>
      <c r="AG2661" s="86"/>
      <c r="AH2661" s="85"/>
      <c r="AI2661" s="85"/>
      <c r="AJ2661" s="85"/>
      <c r="AK2661" s="85"/>
      <c r="AL2661" s="85"/>
      <c r="AM2661" s="92"/>
      <c r="AN2661" s="92"/>
      <c r="AO2661" s="92"/>
      <c r="AP2661" s="92"/>
      <c r="AQ2661" s="92"/>
      <c r="AR2661" s="92"/>
      <c r="AS2661" s="92"/>
      <c r="AT2661" s="92"/>
      <c r="AU2661" s="92"/>
      <c r="AV2661" s="92"/>
      <c r="AW2661" s="92"/>
      <c r="AX2661" s="92"/>
      <c r="AY2661" s="92"/>
      <c r="AZ2661" s="93"/>
      <c r="BA2661" s="93"/>
      <c r="BB2661" s="93"/>
      <c r="BC2661" s="93"/>
      <c r="BD2661" s="93"/>
      <c r="BE2661" s="93"/>
      <c r="BF2661" s="93"/>
      <c r="BG2661" s="93"/>
      <c r="BH2661" s="93"/>
      <c r="BI2661" s="93"/>
      <c r="BJ2661" s="93"/>
      <c r="BK2661" s="93"/>
      <c r="BL2661" s="93"/>
    </row>
    <row r="2662" spans="2:64" x14ac:dyDescent="0.2">
      <c r="B2662" s="43"/>
      <c r="C2662" s="73"/>
      <c r="D2662" s="64"/>
      <c r="E2662" s="55"/>
      <c r="F2662" s="74"/>
      <c r="G2662" s="74"/>
      <c r="H2662" s="74"/>
      <c r="I2662" s="75"/>
      <c r="J2662" s="74"/>
      <c r="L2662" s="55"/>
      <c r="M2662" s="234"/>
      <c r="N2662" s="65"/>
      <c r="O2662" s="76"/>
      <c r="P2662" s="76"/>
      <c r="Q2662" s="65"/>
      <c r="R2662" s="76"/>
      <c r="S2662" s="76"/>
      <c r="T2662" s="76"/>
      <c r="U2662" s="76"/>
      <c r="V2662" s="76"/>
      <c r="W2662" s="76"/>
      <c r="X2662" s="76"/>
      <c r="Y2662" s="76"/>
      <c r="Z2662" s="76"/>
      <c r="AA2662" s="85"/>
      <c r="AB2662" s="85"/>
      <c r="AC2662" s="85"/>
      <c r="AD2662" s="85"/>
      <c r="AE2662" s="85"/>
      <c r="AF2662" s="85"/>
      <c r="AG2662" s="86"/>
      <c r="AH2662" s="85"/>
      <c r="AI2662" s="85"/>
      <c r="AJ2662" s="85"/>
      <c r="AK2662" s="85"/>
      <c r="AL2662" s="85"/>
      <c r="AM2662" s="92"/>
      <c r="AN2662" s="92"/>
      <c r="AO2662" s="92"/>
      <c r="AP2662" s="92"/>
      <c r="AQ2662" s="92"/>
      <c r="AR2662" s="92"/>
      <c r="AS2662" s="92"/>
      <c r="AT2662" s="92"/>
      <c r="AU2662" s="92"/>
      <c r="AV2662" s="92"/>
      <c r="AW2662" s="92"/>
      <c r="AX2662" s="92"/>
      <c r="AY2662" s="92"/>
      <c r="AZ2662" s="93"/>
      <c r="BA2662" s="93"/>
      <c r="BB2662" s="93"/>
      <c r="BC2662" s="93"/>
      <c r="BD2662" s="93"/>
      <c r="BE2662" s="93"/>
      <c r="BF2662" s="93"/>
      <c r="BG2662" s="93"/>
      <c r="BH2662" s="93"/>
      <c r="BI2662" s="93"/>
      <c r="BJ2662" s="93"/>
      <c r="BK2662" s="93"/>
      <c r="BL2662" s="93"/>
    </row>
    <row r="2663" spans="2:64" x14ac:dyDescent="0.2">
      <c r="B2663" s="43"/>
      <c r="C2663" s="73"/>
      <c r="D2663" s="64"/>
      <c r="E2663" s="55"/>
      <c r="F2663" s="74"/>
      <c r="G2663" s="74"/>
      <c r="H2663" s="74"/>
      <c r="I2663" s="75"/>
      <c r="J2663" s="74"/>
      <c r="L2663" s="55"/>
      <c r="M2663" s="234"/>
      <c r="N2663" s="65"/>
      <c r="O2663" s="76"/>
      <c r="P2663" s="76"/>
      <c r="Q2663" s="65"/>
      <c r="R2663" s="76"/>
      <c r="S2663" s="76"/>
      <c r="T2663" s="76"/>
      <c r="U2663" s="76"/>
      <c r="V2663" s="76"/>
      <c r="W2663" s="76"/>
      <c r="X2663" s="76"/>
      <c r="Y2663" s="76"/>
      <c r="Z2663" s="76"/>
      <c r="AA2663" s="85"/>
      <c r="AB2663" s="85"/>
      <c r="AC2663" s="85"/>
      <c r="AD2663" s="85"/>
      <c r="AE2663" s="85"/>
      <c r="AF2663" s="85"/>
      <c r="AG2663" s="86"/>
      <c r="AH2663" s="85"/>
      <c r="AI2663" s="85"/>
      <c r="AJ2663" s="85"/>
      <c r="AK2663" s="85"/>
      <c r="AL2663" s="85"/>
      <c r="AM2663" s="92"/>
      <c r="AN2663" s="92"/>
      <c r="AO2663" s="92"/>
      <c r="AP2663" s="92"/>
      <c r="AQ2663" s="92"/>
      <c r="AR2663" s="92"/>
      <c r="AS2663" s="92"/>
      <c r="AT2663" s="92"/>
      <c r="AU2663" s="92"/>
      <c r="AV2663" s="92"/>
      <c r="AW2663" s="92"/>
      <c r="AX2663" s="92"/>
      <c r="AY2663" s="92"/>
      <c r="AZ2663" s="93"/>
      <c r="BA2663" s="93"/>
      <c r="BB2663" s="93"/>
      <c r="BC2663" s="93"/>
      <c r="BD2663" s="93"/>
      <c r="BE2663" s="93"/>
      <c r="BF2663" s="93"/>
      <c r="BG2663" s="93"/>
      <c r="BH2663" s="93"/>
      <c r="BI2663" s="93"/>
      <c r="BJ2663" s="93"/>
      <c r="BK2663" s="93"/>
      <c r="BL2663" s="93"/>
    </row>
    <row r="2664" spans="2:64" x14ac:dyDescent="0.2">
      <c r="B2664" s="43"/>
      <c r="C2664" s="73"/>
      <c r="D2664" s="64"/>
      <c r="E2664" s="55"/>
      <c r="F2664" s="74"/>
      <c r="G2664" s="74"/>
      <c r="H2664" s="74"/>
      <c r="I2664" s="75"/>
      <c r="J2664" s="74"/>
      <c r="L2664" s="55"/>
      <c r="M2664" s="234"/>
      <c r="N2664" s="65"/>
      <c r="O2664" s="76"/>
      <c r="P2664" s="76"/>
      <c r="Q2664" s="65"/>
      <c r="R2664" s="76"/>
      <c r="S2664" s="76"/>
      <c r="T2664" s="76"/>
      <c r="U2664" s="76"/>
      <c r="V2664" s="76"/>
      <c r="W2664" s="76"/>
      <c r="X2664" s="76"/>
      <c r="Y2664" s="76"/>
      <c r="Z2664" s="76"/>
      <c r="AA2664" s="85"/>
      <c r="AB2664" s="85"/>
      <c r="AC2664" s="85"/>
      <c r="AD2664" s="85"/>
      <c r="AE2664" s="85"/>
      <c r="AF2664" s="85"/>
      <c r="AG2664" s="86"/>
      <c r="AH2664" s="85"/>
      <c r="AI2664" s="85"/>
      <c r="AJ2664" s="85"/>
      <c r="AK2664" s="85"/>
      <c r="AL2664" s="85"/>
      <c r="AM2664" s="92"/>
      <c r="AN2664" s="92"/>
      <c r="AO2664" s="92"/>
      <c r="AP2664" s="92"/>
      <c r="AQ2664" s="92"/>
      <c r="AR2664" s="92"/>
      <c r="AS2664" s="92"/>
      <c r="AT2664" s="92"/>
      <c r="AU2664" s="92"/>
      <c r="AV2664" s="92"/>
      <c r="AW2664" s="92"/>
      <c r="AX2664" s="92"/>
      <c r="AY2664" s="92"/>
      <c r="AZ2664" s="93"/>
      <c r="BA2664" s="93"/>
      <c r="BB2664" s="93"/>
      <c r="BC2664" s="93"/>
      <c r="BD2664" s="93"/>
      <c r="BE2664" s="93"/>
      <c r="BF2664" s="93"/>
      <c r="BG2664" s="93"/>
      <c r="BH2664" s="93"/>
      <c r="BI2664" s="93"/>
      <c r="BJ2664" s="93"/>
      <c r="BK2664" s="93"/>
      <c r="BL2664" s="93"/>
    </row>
    <row r="2665" spans="2:64" x14ac:dyDescent="0.2">
      <c r="B2665" s="43"/>
      <c r="C2665" s="73"/>
      <c r="D2665" s="64"/>
      <c r="E2665" s="55"/>
      <c r="F2665" s="74"/>
      <c r="G2665" s="74"/>
      <c r="H2665" s="74"/>
      <c r="I2665" s="75"/>
      <c r="J2665" s="74"/>
      <c r="L2665" s="55"/>
      <c r="M2665" s="234"/>
      <c r="N2665" s="65"/>
      <c r="O2665" s="76"/>
      <c r="P2665" s="76"/>
      <c r="Q2665" s="65"/>
      <c r="R2665" s="76"/>
      <c r="S2665" s="76"/>
      <c r="T2665" s="76"/>
      <c r="U2665" s="76"/>
      <c r="V2665" s="76"/>
      <c r="W2665" s="76"/>
      <c r="X2665" s="76"/>
      <c r="Y2665" s="76"/>
      <c r="Z2665" s="76"/>
      <c r="AA2665" s="85"/>
      <c r="AB2665" s="85"/>
      <c r="AC2665" s="85"/>
      <c r="AD2665" s="85"/>
      <c r="AE2665" s="85"/>
      <c r="AF2665" s="85"/>
      <c r="AG2665" s="86"/>
      <c r="AH2665" s="85"/>
      <c r="AI2665" s="85"/>
      <c r="AJ2665" s="85"/>
      <c r="AK2665" s="85"/>
      <c r="AL2665" s="85"/>
      <c r="AM2665" s="92"/>
      <c r="AN2665" s="92"/>
      <c r="AO2665" s="92"/>
      <c r="AP2665" s="92"/>
      <c r="AQ2665" s="92"/>
      <c r="AR2665" s="92"/>
      <c r="AS2665" s="92"/>
      <c r="AT2665" s="92"/>
      <c r="AU2665" s="92"/>
      <c r="AV2665" s="92"/>
      <c r="AW2665" s="92"/>
      <c r="AX2665" s="92"/>
      <c r="AY2665" s="92"/>
      <c r="AZ2665" s="93"/>
      <c r="BA2665" s="93"/>
      <c r="BB2665" s="93"/>
      <c r="BC2665" s="93"/>
      <c r="BD2665" s="93"/>
      <c r="BE2665" s="93"/>
      <c r="BF2665" s="93"/>
      <c r="BG2665" s="93"/>
      <c r="BH2665" s="93"/>
      <c r="BI2665" s="93"/>
      <c r="BJ2665" s="93"/>
      <c r="BK2665" s="93"/>
      <c r="BL2665" s="93"/>
    </row>
    <row r="2666" spans="2:64" x14ac:dyDescent="0.2">
      <c r="B2666" s="43"/>
      <c r="C2666" s="73"/>
      <c r="D2666" s="64"/>
      <c r="E2666" s="55"/>
      <c r="F2666" s="74"/>
      <c r="G2666" s="74"/>
      <c r="H2666" s="74"/>
      <c r="I2666" s="75"/>
      <c r="J2666" s="74"/>
      <c r="L2666" s="55"/>
      <c r="M2666" s="234"/>
      <c r="N2666" s="65"/>
      <c r="O2666" s="76"/>
      <c r="P2666" s="76"/>
      <c r="Q2666" s="65"/>
      <c r="R2666" s="76"/>
      <c r="S2666" s="76"/>
      <c r="T2666" s="76"/>
      <c r="U2666" s="76"/>
      <c r="V2666" s="76"/>
      <c r="W2666" s="76"/>
      <c r="X2666" s="76"/>
      <c r="Y2666" s="76"/>
      <c r="Z2666" s="76"/>
      <c r="AA2666" s="85"/>
      <c r="AB2666" s="85"/>
      <c r="AC2666" s="85"/>
      <c r="AD2666" s="85"/>
      <c r="AE2666" s="85"/>
      <c r="AF2666" s="85"/>
      <c r="AG2666" s="86"/>
      <c r="AH2666" s="85"/>
      <c r="AI2666" s="85"/>
      <c r="AJ2666" s="85"/>
      <c r="AK2666" s="85"/>
      <c r="AL2666" s="85"/>
      <c r="AM2666" s="92"/>
      <c r="AN2666" s="92"/>
      <c r="AO2666" s="92"/>
      <c r="AP2666" s="92"/>
      <c r="AQ2666" s="92"/>
      <c r="AR2666" s="92"/>
      <c r="AS2666" s="92"/>
      <c r="AT2666" s="92"/>
      <c r="AU2666" s="92"/>
      <c r="AV2666" s="92"/>
      <c r="AW2666" s="92"/>
      <c r="AX2666" s="92"/>
      <c r="AY2666" s="92"/>
      <c r="AZ2666" s="93"/>
      <c r="BA2666" s="93"/>
      <c r="BB2666" s="93"/>
      <c r="BC2666" s="93"/>
      <c r="BD2666" s="93"/>
      <c r="BE2666" s="93"/>
      <c r="BF2666" s="93"/>
      <c r="BG2666" s="93"/>
      <c r="BH2666" s="93"/>
      <c r="BI2666" s="93"/>
      <c r="BJ2666" s="93"/>
      <c r="BK2666" s="93"/>
      <c r="BL2666" s="93"/>
    </row>
    <row r="2667" spans="2:64" x14ac:dyDescent="0.2">
      <c r="B2667" s="43"/>
      <c r="C2667" s="73"/>
      <c r="D2667" s="64"/>
      <c r="E2667" s="55"/>
      <c r="F2667" s="74"/>
      <c r="G2667" s="74"/>
      <c r="H2667" s="74"/>
      <c r="I2667" s="75"/>
      <c r="J2667" s="74"/>
      <c r="L2667" s="55"/>
      <c r="M2667" s="234"/>
      <c r="N2667" s="65"/>
      <c r="O2667" s="76"/>
      <c r="P2667" s="76"/>
      <c r="Q2667" s="65"/>
      <c r="R2667" s="76"/>
      <c r="S2667" s="76"/>
      <c r="T2667" s="76"/>
      <c r="U2667" s="76"/>
      <c r="V2667" s="76"/>
      <c r="W2667" s="76"/>
      <c r="X2667" s="76"/>
      <c r="Y2667" s="76"/>
      <c r="Z2667" s="76"/>
      <c r="AA2667" s="85"/>
      <c r="AB2667" s="85"/>
      <c r="AC2667" s="85"/>
      <c r="AD2667" s="85"/>
      <c r="AE2667" s="85"/>
      <c r="AF2667" s="85"/>
      <c r="AG2667" s="86"/>
      <c r="AH2667" s="85"/>
      <c r="AI2667" s="85"/>
      <c r="AJ2667" s="85"/>
      <c r="AK2667" s="85"/>
      <c r="AL2667" s="85"/>
      <c r="AM2667" s="92"/>
      <c r="AN2667" s="92"/>
      <c r="AO2667" s="92"/>
      <c r="AP2667" s="92"/>
      <c r="AQ2667" s="92"/>
      <c r="AR2667" s="92"/>
      <c r="AS2667" s="92"/>
      <c r="AT2667" s="92"/>
      <c r="AU2667" s="92"/>
      <c r="AV2667" s="92"/>
      <c r="AW2667" s="92"/>
      <c r="AX2667" s="92"/>
      <c r="AY2667" s="92"/>
      <c r="AZ2667" s="93"/>
      <c r="BA2667" s="93"/>
      <c r="BB2667" s="93"/>
      <c r="BC2667" s="93"/>
      <c r="BD2667" s="93"/>
      <c r="BE2667" s="93"/>
      <c r="BF2667" s="93"/>
      <c r="BG2667" s="93"/>
      <c r="BH2667" s="93"/>
      <c r="BI2667" s="93"/>
      <c r="BJ2667" s="93"/>
      <c r="BK2667" s="93"/>
      <c r="BL2667" s="93"/>
    </row>
    <row r="2668" spans="2:64" x14ac:dyDescent="0.2">
      <c r="B2668" s="43"/>
      <c r="C2668" s="73"/>
      <c r="D2668" s="64"/>
      <c r="E2668" s="55"/>
      <c r="F2668" s="74"/>
      <c r="G2668" s="74"/>
      <c r="H2668" s="74"/>
      <c r="I2668" s="75"/>
      <c r="J2668" s="74"/>
      <c r="L2668" s="55"/>
      <c r="M2668" s="234"/>
      <c r="N2668" s="65"/>
      <c r="O2668" s="76"/>
      <c r="P2668" s="76"/>
      <c r="Q2668" s="65"/>
      <c r="R2668" s="76"/>
      <c r="S2668" s="76"/>
      <c r="T2668" s="76"/>
      <c r="U2668" s="76"/>
      <c r="V2668" s="76"/>
      <c r="W2668" s="76"/>
      <c r="X2668" s="76"/>
      <c r="Y2668" s="76"/>
      <c r="Z2668" s="76"/>
      <c r="AA2668" s="85"/>
      <c r="AB2668" s="85"/>
      <c r="AC2668" s="85"/>
      <c r="AD2668" s="85"/>
      <c r="AE2668" s="85"/>
      <c r="AF2668" s="85"/>
      <c r="AG2668" s="86"/>
      <c r="AH2668" s="85"/>
      <c r="AI2668" s="85"/>
      <c r="AJ2668" s="85"/>
      <c r="AK2668" s="85"/>
      <c r="AL2668" s="85"/>
      <c r="AM2668" s="92"/>
      <c r="AN2668" s="92"/>
      <c r="AO2668" s="92"/>
      <c r="AP2668" s="92"/>
      <c r="AQ2668" s="92"/>
      <c r="AR2668" s="92"/>
      <c r="AS2668" s="92"/>
      <c r="AT2668" s="92"/>
      <c r="AU2668" s="92"/>
      <c r="AV2668" s="92"/>
      <c r="AW2668" s="92"/>
      <c r="AX2668" s="92"/>
      <c r="AY2668" s="92"/>
      <c r="AZ2668" s="93"/>
      <c r="BA2668" s="93"/>
      <c r="BB2668" s="93"/>
      <c r="BC2668" s="93"/>
      <c r="BD2668" s="93"/>
      <c r="BE2668" s="93"/>
      <c r="BF2668" s="93"/>
      <c r="BG2668" s="93"/>
      <c r="BH2668" s="93"/>
      <c r="BI2668" s="93"/>
      <c r="BJ2668" s="93"/>
      <c r="BK2668" s="93"/>
      <c r="BL2668" s="93"/>
    </row>
    <row r="2669" spans="2:64" x14ac:dyDescent="0.2">
      <c r="B2669" s="43"/>
      <c r="C2669" s="73"/>
      <c r="D2669" s="64"/>
      <c r="E2669" s="55"/>
      <c r="F2669" s="74"/>
      <c r="G2669" s="74"/>
      <c r="H2669" s="74"/>
      <c r="I2669" s="75"/>
      <c r="J2669" s="74"/>
      <c r="L2669" s="55"/>
      <c r="M2669" s="234"/>
      <c r="N2669" s="65"/>
      <c r="O2669" s="76"/>
      <c r="P2669" s="76"/>
      <c r="Q2669" s="65"/>
      <c r="R2669" s="76"/>
      <c r="S2669" s="76"/>
      <c r="T2669" s="76"/>
      <c r="U2669" s="76"/>
      <c r="V2669" s="76"/>
      <c r="W2669" s="76"/>
      <c r="X2669" s="76"/>
      <c r="Y2669" s="76"/>
      <c r="Z2669" s="76"/>
      <c r="AA2669" s="85"/>
      <c r="AB2669" s="85"/>
      <c r="AC2669" s="85"/>
      <c r="AD2669" s="85"/>
      <c r="AE2669" s="85"/>
      <c r="AF2669" s="85"/>
      <c r="AG2669" s="86"/>
      <c r="AH2669" s="85"/>
      <c r="AI2669" s="85"/>
      <c r="AJ2669" s="85"/>
      <c r="AK2669" s="85"/>
      <c r="AL2669" s="85"/>
      <c r="AM2669" s="92"/>
      <c r="AN2669" s="92"/>
      <c r="AO2669" s="92"/>
      <c r="AP2669" s="92"/>
      <c r="AQ2669" s="92"/>
      <c r="AR2669" s="92"/>
      <c r="AS2669" s="92"/>
      <c r="AT2669" s="92"/>
      <c r="AU2669" s="92"/>
      <c r="AV2669" s="92"/>
      <c r="AW2669" s="92"/>
      <c r="AX2669" s="92"/>
      <c r="AY2669" s="92"/>
      <c r="AZ2669" s="93"/>
      <c r="BA2669" s="93"/>
      <c r="BB2669" s="93"/>
      <c r="BC2669" s="93"/>
      <c r="BD2669" s="93"/>
      <c r="BE2669" s="93"/>
      <c r="BF2669" s="93"/>
      <c r="BG2669" s="93"/>
      <c r="BH2669" s="93"/>
      <c r="BI2669" s="93"/>
      <c r="BJ2669" s="93"/>
      <c r="BK2669" s="93"/>
      <c r="BL2669" s="93"/>
    </row>
    <row r="2670" spans="2:64" x14ac:dyDescent="0.2">
      <c r="B2670" s="43"/>
      <c r="C2670" s="73"/>
      <c r="D2670" s="64"/>
      <c r="E2670" s="55"/>
      <c r="F2670" s="74"/>
      <c r="G2670" s="74"/>
      <c r="H2670" s="74"/>
      <c r="I2670" s="75"/>
      <c r="J2670" s="74"/>
      <c r="L2670" s="55"/>
      <c r="M2670" s="234"/>
      <c r="N2670" s="65"/>
      <c r="O2670" s="76"/>
      <c r="P2670" s="76"/>
      <c r="Q2670" s="65"/>
      <c r="R2670" s="76"/>
      <c r="S2670" s="76"/>
      <c r="T2670" s="76"/>
      <c r="U2670" s="76"/>
      <c r="V2670" s="76"/>
      <c r="W2670" s="76"/>
      <c r="X2670" s="76"/>
      <c r="Y2670" s="76"/>
      <c r="Z2670" s="76"/>
      <c r="AA2670" s="85"/>
      <c r="AB2670" s="85"/>
      <c r="AC2670" s="85"/>
      <c r="AD2670" s="85"/>
      <c r="AE2670" s="85"/>
      <c r="AF2670" s="85"/>
      <c r="AG2670" s="86"/>
      <c r="AH2670" s="85"/>
      <c r="AI2670" s="85"/>
      <c r="AJ2670" s="85"/>
      <c r="AK2670" s="85"/>
      <c r="AL2670" s="85"/>
      <c r="AM2670" s="92"/>
      <c r="AN2670" s="92"/>
      <c r="AO2670" s="92"/>
      <c r="AP2670" s="92"/>
      <c r="AQ2670" s="92"/>
      <c r="AR2670" s="92"/>
      <c r="AS2670" s="92"/>
      <c r="AT2670" s="92"/>
      <c r="AU2670" s="92"/>
      <c r="AV2670" s="92"/>
      <c r="AW2670" s="92"/>
      <c r="AX2670" s="92"/>
      <c r="AY2670" s="92"/>
      <c r="AZ2670" s="93"/>
      <c r="BA2670" s="93"/>
      <c r="BB2670" s="93"/>
      <c r="BC2670" s="93"/>
      <c r="BD2670" s="93"/>
      <c r="BE2670" s="93"/>
      <c r="BF2670" s="93"/>
      <c r="BG2670" s="93"/>
      <c r="BH2670" s="93"/>
      <c r="BI2670" s="93"/>
      <c r="BJ2670" s="93"/>
      <c r="BK2670" s="93"/>
      <c r="BL2670" s="93"/>
    </row>
    <row r="2671" spans="2:64" x14ac:dyDescent="0.2">
      <c r="B2671" s="43"/>
      <c r="C2671" s="73"/>
      <c r="D2671" s="64"/>
      <c r="E2671" s="55"/>
      <c r="F2671" s="74"/>
      <c r="G2671" s="74"/>
      <c r="H2671" s="74"/>
      <c r="I2671" s="75"/>
      <c r="J2671" s="74"/>
      <c r="L2671" s="55"/>
      <c r="M2671" s="234"/>
      <c r="N2671" s="65"/>
      <c r="O2671" s="76"/>
      <c r="P2671" s="76"/>
      <c r="Q2671" s="65"/>
      <c r="R2671" s="76"/>
      <c r="S2671" s="76"/>
      <c r="T2671" s="76"/>
      <c r="U2671" s="76"/>
      <c r="V2671" s="76"/>
      <c r="W2671" s="76"/>
      <c r="X2671" s="76"/>
      <c r="Y2671" s="76"/>
      <c r="Z2671" s="76"/>
      <c r="AA2671" s="85"/>
      <c r="AB2671" s="85"/>
      <c r="AC2671" s="85"/>
      <c r="AD2671" s="85"/>
      <c r="AE2671" s="85"/>
      <c r="AF2671" s="85"/>
      <c r="AG2671" s="86"/>
      <c r="AH2671" s="85"/>
      <c r="AI2671" s="85"/>
      <c r="AJ2671" s="85"/>
      <c r="AK2671" s="85"/>
      <c r="AL2671" s="85"/>
      <c r="AM2671" s="92"/>
      <c r="AN2671" s="92"/>
      <c r="AO2671" s="92"/>
      <c r="AP2671" s="92"/>
      <c r="AQ2671" s="92"/>
      <c r="AR2671" s="92"/>
      <c r="AS2671" s="92"/>
      <c r="AT2671" s="92"/>
      <c r="AU2671" s="92"/>
      <c r="AV2671" s="92"/>
      <c r="AW2671" s="92"/>
      <c r="AX2671" s="92"/>
      <c r="AY2671" s="92"/>
      <c r="AZ2671" s="93"/>
      <c r="BA2671" s="93"/>
      <c r="BB2671" s="93"/>
      <c r="BC2671" s="93"/>
      <c r="BD2671" s="93"/>
      <c r="BE2671" s="93"/>
      <c r="BF2671" s="93"/>
      <c r="BG2671" s="93"/>
      <c r="BH2671" s="93"/>
      <c r="BI2671" s="93"/>
      <c r="BJ2671" s="93"/>
      <c r="BK2671" s="93"/>
      <c r="BL2671" s="93"/>
    </row>
    <row r="2672" spans="2:64" x14ac:dyDescent="0.2">
      <c r="B2672" s="43"/>
      <c r="C2672" s="73"/>
      <c r="D2672" s="64"/>
      <c r="E2672" s="55"/>
      <c r="F2672" s="74"/>
      <c r="G2672" s="74"/>
      <c r="H2672" s="74"/>
      <c r="I2672" s="75"/>
      <c r="J2672" s="74"/>
      <c r="L2672" s="55"/>
      <c r="M2672" s="234"/>
      <c r="N2672" s="65"/>
      <c r="O2672" s="76"/>
      <c r="P2672" s="76"/>
      <c r="Q2672" s="65"/>
      <c r="R2672" s="76"/>
      <c r="S2672" s="76"/>
      <c r="T2672" s="76"/>
      <c r="U2672" s="76"/>
      <c r="V2672" s="76"/>
      <c r="W2672" s="76"/>
      <c r="X2672" s="76"/>
      <c r="Y2672" s="76"/>
      <c r="Z2672" s="76"/>
      <c r="AA2672" s="85"/>
      <c r="AB2672" s="85"/>
      <c r="AC2672" s="85"/>
      <c r="AD2672" s="85"/>
      <c r="AE2672" s="85"/>
      <c r="AF2672" s="85"/>
      <c r="AG2672" s="86"/>
      <c r="AH2672" s="85"/>
      <c r="AI2672" s="85"/>
      <c r="AJ2672" s="85"/>
      <c r="AK2672" s="85"/>
      <c r="AL2672" s="85"/>
      <c r="AM2672" s="92"/>
      <c r="AN2672" s="92"/>
      <c r="AO2672" s="92"/>
      <c r="AP2672" s="92"/>
      <c r="AQ2672" s="92"/>
      <c r="AR2672" s="92"/>
      <c r="AS2672" s="92"/>
      <c r="AT2672" s="92"/>
      <c r="AU2672" s="92"/>
      <c r="AV2672" s="92"/>
      <c r="AW2672" s="92"/>
      <c r="AX2672" s="92"/>
      <c r="AY2672" s="92"/>
      <c r="AZ2672" s="93"/>
      <c r="BA2672" s="93"/>
      <c r="BB2672" s="93"/>
      <c r="BC2672" s="93"/>
      <c r="BD2672" s="93"/>
      <c r="BE2672" s="93"/>
      <c r="BF2672" s="93"/>
      <c r="BG2672" s="93"/>
      <c r="BH2672" s="93"/>
      <c r="BI2672" s="93"/>
      <c r="BJ2672" s="93"/>
      <c r="BK2672" s="93"/>
      <c r="BL2672" s="93"/>
    </row>
    <row r="2673" spans="2:64" x14ac:dyDescent="0.2">
      <c r="B2673" s="43"/>
      <c r="C2673" s="73"/>
      <c r="D2673" s="64"/>
      <c r="E2673" s="55"/>
      <c r="F2673" s="74"/>
      <c r="G2673" s="74"/>
      <c r="H2673" s="74"/>
      <c r="I2673" s="75"/>
      <c r="J2673" s="74"/>
      <c r="L2673" s="55"/>
      <c r="M2673" s="234"/>
      <c r="N2673" s="65"/>
      <c r="O2673" s="76"/>
      <c r="P2673" s="76"/>
      <c r="Q2673" s="65"/>
      <c r="R2673" s="76"/>
      <c r="S2673" s="76"/>
      <c r="T2673" s="76"/>
      <c r="U2673" s="76"/>
      <c r="V2673" s="76"/>
      <c r="W2673" s="76"/>
      <c r="X2673" s="76"/>
      <c r="Y2673" s="76"/>
      <c r="Z2673" s="76"/>
      <c r="AA2673" s="85"/>
      <c r="AB2673" s="85"/>
      <c r="AC2673" s="85"/>
      <c r="AD2673" s="85"/>
      <c r="AE2673" s="85"/>
      <c r="AF2673" s="85"/>
      <c r="AG2673" s="86"/>
      <c r="AH2673" s="85"/>
      <c r="AI2673" s="85"/>
      <c r="AJ2673" s="85"/>
      <c r="AK2673" s="85"/>
      <c r="AL2673" s="85"/>
      <c r="AM2673" s="92"/>
      <c r="AN2673" s="92"/>
      <c r="AO2673" s="92"/>
      <c r="AP2673" s="92"/>
      <c r="AQ2673" s="92"/>
      <c r="AR2673" s="92"/>
      <c r="AS2673" s="92"/>
      <c r="AT2673" s="92"/>
      <c r="AU2673" s="92"/>
      <c r="AV2673" s="92"/>
      <c r="AW2673" s="92"/>
      <c r="AX2673" s="92"/>
      <c r="AY2673" s="92"/>
      <c r="AZ2673" s="93"/>
      <c r="BA2673" s="93"/>
      <c r="BB2673" s="93"/>
      <c r="BC2673" s="93"/>
      <c r="BD2673" s="93"/>
      <c r="BE2673" s="93"/>
      <c r="BF2673" s="93"/>
      <c r="BG2673" s="93"/>
      <c r="BH2673" s="93"/>
      <c r="BI2673" s="93"/>
      <c r="BJ2673" s="93"/>
      <c r="BK2673" s="93"/>
      <c r="BL2673" s="93"/>
    </row>
    <row r="2674" spans="2:64" x14ac:dyDescent="0.2">
      <c r="B2674" s="43"/>
      <c r="C2674" s="73"/>
      <c r="D2674" s="64"/>
      <c r="E2674" s="55"/>
      <c r="F2674" s="74"/>
      <c r="G2674" s="74"/>
      <c r="H2674" s="74"/>
      <c r="I2674" s="75"/>
      <c r="J2674" s="74"/>
      <c r="L2674" s="55"/>
      <c r="M2674" s="234"/>
      <c r="N2674" s="65"/>
      <c r="O2674" s="76"/>
      <c r="P2674" s="76"/>
      <c r="Q2674" s="65"/>
      <c r="R2674" s="76"/>
      <c r="S2674" s="76"/>
      <c r="T2674" s="76"/>
      <c r="U2674" s="76"/>
      <c r="V2674" s="76"/>
      <c r="W2674" s="76"/>
      <c r="X2674" s="76"/>
      <c r="Y2674" s="76"/>
      <c r="Z2674" s="76"/>
      <c r="AA2674" s="85"/>
      <c r="AB2674" s="85"/>
      <c r="AC2674" s="85"/>
      <c r="AD2674" s="85"/>
      <c r="AE2674" s="85"/>
      <c r="AF2674" s="85"/>
      <c r="AG2674" s="86"/>
      <c r="AH2674" s="85"/>
      <c r="AI2674" s="85"/>
      <c r="AJ2674" s="85"/>
      <c r="AK2674" s="85"/>
      <c r="AL2674" s="85"/>
      <c r="AM2674" s="92"/>
      <c r="AN2674" s="92"/>
      <c r="AO2674" s="92"/>
      <c r="AP2674" s="92"/>
      <c r="AQ2674" s="92"/>
      <c r="AR2674" s="92"/>
      <c r="AS2674" s="92"/>
      <c r="AT2674" s="92"/>
      <c r="AU2674" s="92"/>
      <c r="AV2674" s="92"/>
      <c r="AW2674" s="92"/>
      <c r="AX2674" s="92"/>
      <c r="AY2674" s="92"/>
      <c r="AZ2674" s="93"/>
      <c r="BA2674" s="93"/>
      <c r="BB2674" s="93"/>
      <c r="BC2674" s="93"/>
      <c r="BD2674" s="93"/>
      <c r="BE2674" s="93"/>
      <c r="BF2674" s="93"/>
      <c r="BG2674" s="93"/>
      <c r="BH2674" s="93"/>
      <c r="BI2674" s="93"/>
      <c r="BJ2674" s="93"/>
      <c r="BK2674" s="93"/>
      <c r="BL2674" s="93"/>
    </row>
    <row r="2675" spans="2:64" x14ac:dyDescent="0.2">
      <c r="B2675" s="43"/>
      <c r="C2675" s="73"/>
      <c r="D2675" s="64"/>
      <c r="E2675" s="55"/>
      <c r="F2675" s="74"/>
      <c r="G2675" s="74"/>
      <c r="H2675" s="74"/>
      <c r="I2675" s="75"/>
      <c r="J2675" s="74"/>
      <c r="L2675" s="55"/>
      <c r="M2675" s="234"/>
      <c r="N2675" s="65"/>
      <c r="O2675" s="76"/>
      <c r="P2675" s="76"/>
      <c r="Q2675" s="65"/>
      <c r="R2675" s="76"/>
      <c r="S2675" s="76"/>
      <c r="T2675" s="76"/>
      <c r="U2675" s="76"/>
      <c r="V2675" s="76"/>
      <c r="W2675" s="76"/>
      <c r="X2675" s="76"/>
      <c r="Y2675" s="76"/>
      <c r="Z2675" s="76"/>
      <c r="AA2675" s="85"/>
      <c r="AB2675" s="85"/>
      <c r="AC2675" s="85"/>
      <c r="AD2675" s="85"/>
      <c r="AE2675" s="85"/>
      <c r="AF2675" s="85"/>
      <c r="AG2675" s="86"/>
      <c r="AH2675" s="85"/>
      <c r="AI2675" s="85"/>
      <c r="AJ2675" s="85"/>
      <c r="AK2675" s="85"/>
      <c r="AL2675" s="85"/>
      <c r="AM2675" s="92"/>
      <c r="AN2675" s="92"/>
      <c r="AO2675" s="92"/>
      <c r="AP2675" s="92"/>
      <c r="AQ2675" s="92"/>
      <c r="AR2675" s="92"/>
      <c r="AS2675" s="92"/>
      <c r="AT2675" s="92"/>
      <c r="AU2675" s="92"/>
      <c r="AV2675" s="92"/>
      <c r="AW2675" s="92"/>
      <c r="AX2675" s="92"/>
      <c r="AY2675" s="92"/>
      <c r="AZ2675" s="93"/>
      <c r="BA2675" s="93"/>
      <c r="BB2675" s="93"/>
      <c r="BC2675" s="93"/>
      <c r="BD2675" s="93"/>
      <c r="BE2675" s="93"/>
      <c r="BF2675" s="93"/>
      <c r="BG2675" s="93"/>
      <c r="BH2675" s="93"/>
      <c r="BI2675" s="93"/>
      <c r="BJ2675" s="93"/>
      <c r="BK2675" s="93"/>
      <c r="BL2675" s="93"/>
    </row>
    <row r="2676" spans="2:64" x14ac:dyDescent="0.2">
      <c r="B2676" s="43"/>
      <c r="C2676" s="73"/>
      <c r="D2676" s="64"/>
      <c r="E2676" s="55"/>
      <c r="F2676" s="74"/>
      <c r="G2676" s="74"/>
      <c r="H2676" s="74"/>
      <c r="I2676" s="75"/>
      <c r="J2676" s="74"/>
      <c r="L2676" s="55"/>
      <c r="M2676" s="234"/>
      <c r="N2676" s="65"/>
      <c r="O2676" s="76"/>
      <c r="P2676" s="76"/>
      <c r="Q2676" s="65"/>
      <c r="R2676" s="76"/>
      <c r="S2676" s="76"/>
      <c r="T2676" s="76"/>
      <c r="U2676" s="76"/>
      <c r="V2676" s="76"/>
      <c r="W2676" s="76"/>
      <c r="X2676" s="76"/>
      <c r="Y2676" s="76"/>
      <c r="Z2676" s="76"/>
      <c r="AA2676" s="85"/>
      <c r="AB2676" s="85"/>
      <c r="AC2676" s="85"/>
      <c r="AD2676" s="85"/>
      <c r="AE2676" s="85"/>
      <c r="AF2676" s="85"/>
      <c r="AG2676" s="86"/>
      <c r="AH2676" s="85"/>
      <c r="AI2676" s="85"/>
      <c r="AJ2676" s="85"/>
      <c r="AK2676" s="85"/>
      <c r="AL2676" s="85"/>
      <c r="AM2676" s="92"/>
      <c r="AN2676" s="92"/>
      <c r="AO2676" s="92"/>
      <c r="AP2676" s="92"/>
      <c r="AQ2676" s="92"/>
      <c r="AR2676" s="92"/>
      <c r="AS2676" s="92"/>
      <c r="AT2676" s="92"/>
      <c r="AU2676" s="92"/>
      <c r="AV2676" s="92"/>
      <c r="AW2676" s="92"/>
      <c r="AX2676" s="92"/>
      <c r="AY2676" s="92"/>
      <c r="AZ2676" s="93"/>
      <c r="BA2676" s="93"/>
      <c r="BB2676" s="93"/>
      <c r="BC2676" s="93"/>
      <c r="BD2676" s="93"/>
      <c r="BE2676" s="93"/>
      <c r="BF2676" s="93"/>
      <c r="BG2676" s="93"/>
      <c r="BH2676" s="93"/>
      <c r="BI2676" s="93"/>
      <c r="BJ2676" s="93"/>
      <c r="BK2676" s="93"/>
      <c r="BL2676" s="93"/>
    </row>
    <row r="2677" spans="2:64" x14ac:dyDescent="0.2">
      <c r="B2677" s="43"/>
      <c r="C2677" s="73"/>
      <c r="D2677" s="64"/>
      <c r="E2677" s="55"/>
      <c r="F2677" s="74"/>
      <c r="G2677" s="74"/>
      <c r="H2677" s="74"/>
      <c r="I2677" s="75"/>
      <c r="J2677" s="74"/>
      <c r="L2677" s="55"/>
      <c r="M2677" s="234"/>
      <c r="N2677" s="65"/>
      <c r="O2677" s="76"/>
      <c r="P2677" s="76"/>
      <c r="Q2677" s="65"/>
      <c r="R2677" s="76"/>
      <c r="S2677" s="76"/>
      <c r="T2677" s="76"/>
      <c r="U2677" s="76"/>
      <c r="V2677" s="76"/>
      <c r="W2677" s="76"/>
      <c r="X2677" s="76"/>
      <c r="Y2677" s="76"/>
      <c r="Z2677" s="76"/>
      <c r="AA2677" s="85"/>
      <c r="AB2677" s="85"/>
      <c r="AC2677" s="85"/>
      <c r="AD2677" s="85"/>
      <c r="AE2677" s="85"/>
      <c r="AF2677" s="85"/>
      <c r="AG2677" s="86"/>
      <c r="AH2677" s="85"/>
      <c r="AI2677" s="85"/>
      <c r="AJ2677" s="85"/>
      <c r="AK2677" s="85"/>
      <c r="AL2677" s="85"/>
      <c r="AM2677" s="92"/>
      <c r="AN2677" s="92"/>
      <c r="AO2677" s="92"/>
      <c r="AP2677" s="92"/>
      <c r="AQ2677" s="92"/>
      <c r="AR2677" s="92"/>
      <c r="AS2677" s="92"/>
      <c r="AT2677" s="92"/>
      <c r="AU2677" s="92"/>
      <c r="AV2677" s="92"/>
      <c r="AW2677" s="92"/>
      <c r="AX2677" s="92"/>
      <c r="AY2677" s="92"/>
      <c r="AZ2677" s="93"/>
      <c r="BA2677" s="93"/>
      <c r="BB2677" s="93"/>
      <c r="BC2677" s="93"/>
      <c r="BD2677" s="93"/>
      <c r="BE2677" s="93"/>
      <c r="BF2677" s="93"/>
      <c r="BG2677" s="93"/>
      <c r="BH2677" s="93"/>
      <c r="BI2677" s="93"/>
      <c r="BJ2677" s="93"/>
      <c r="BK2677" s="93"/>
      <c r="BL2677" s="93"/>
    </row>
    <row r="2678" spans="2:64" x14ac:dyDescent="0.2">
      <c r="B2678" s="43"/>
      <c r="C2678" s="73"/>
      <c r="D2678" s="64"/>
      <c r="E2678" s="55"/>
      <c r="F2678" s="74"/>
      <c r="G2678" s="74"/>
      <c r="H2678" s="74"/>
      <c r="I2678" s="75"/>
      <c r="J2678" s="74"/>
      <c r="L2678" s="55"/>
      <c r="M2678" s="234"/>
      <c r="N2678" s="65"/>
      <c r="O2678" s="76"/>
      <c r="P2678" s="76"/>
      <c r="Q2678" s="65"/>
      <c r="R2678" s="76"/>
      <c r="S2678" s="76"/>
      <c r="T2678" s="76"/>
      <c r="U2678" s="76"/>
      <c r="V2678" s="76"/>
      <c r="W2678" s="76"/>
      <c r="X2678" s="76"/>
      <c r="Y2678" s="76"/>
      <c r="Z2678" s="76"/>
      <c r="AA2678" s="85"/>
      <c r="AB2678" s="85"/>
      <c r="AC2678" s="85"/>
      <c r="AD2678" s="85"/>
      <c r="AE2678" s="85"/>
      <c r="AF2678" s="85"/>
      <c r="AG2678" s="86"/>
      <c r="AH2678" s="85"/>
      <c r="AI2678" s="85"/>
      <c r="AJ2678" s="85"/>
      <c r="AK2678" s="85"/>
      <c r="AL2678" s="85"/>
      <c r="AM2678" s="92"/>
      <c r="AN2678" s="92"/>
      <c r="AO2678" s="92"/>
      <c r="AP2678" s="92"/>
      <c r="AQ2678" s="92"/>
      <c r="AR2678" s="92"/>
      <c r="AS2678" s="92"/>
      <c r="AT2678" s="92"/>
      <c r="AU2678" s="92"/>
      <c r="AV2678" s="92"/>
      <c r="AW2678" s="92"/>
      <c r="AX2678" s="92"/>
      <c r="AY2678" s="92"/>
      <c r="AZ2678" s="93"/>
      <c r="BA2678" s="93"/>
      <c r="BB2678" s="93"/>
      <c r="BC2678" s="93"/>
      <c r="BD2678" s="93"/>
      <c r="BE2678" s="93"/>
      <c r="BF2678" s="93"/>
      <c r="BG2678" s="93"/>
      <c r="BH2678" s="93"/>
      <c r="BI2678" s="93"/>
      <c r="BJ2678" s="93"/>
      <c r="BK2678" s="93"/>
      <c r="BL2678" s="93"/>
    </row>
    <row r="2679" spans="2:64" x14ac:dyDescent="0.2">
      <c r="B2679" s="43"/>
      <c r="C2679" s="73"/>
      <c r="D2679" s="64"/>
      <c r="E2679" s="55"/>
      <c r="F2679" s="74"/>
      <c r="G2679" s="74"/>
      <c r="H2679" s="74"/>
      <c r="I2679" s="75"/>
      <c r="J2679" s="74"/>
      <c r="L2679" s="55"/>
      <c r="M2679" s="234"/>
      <c r="N2679" s="65"/>
      <c r="O2679" s="76"/>
      <c r="P2679" s="76"/>
      <c r="Q2679" s="65"/>
      <c r="R2679" s="76"/>
      <c r="S2679" s="76"/>
      <c r="T2679" s="76"/>
      <c r="U2679" s="76"/>
      <c r="V2679" s="76"/>
      <c r="W2679" s="76"/>
      <c r="X2679" s="76"/>
      <c r="Y2679" s="76"/>
      <c r="Z2679" s="76"/>
      <c r="AA2679" s="85"/>
      <c r="AB2679" s="85"/>
      <c r="AC2679" s="85"/>
      <c r="AD2679" s="85"/>
      <c r="AE2679" s="85"/>
      <c r="AF2679" s="85"/>
      <c r="AG2679" s="86"/>
      <c r="AH2679" s="85"/>
      <c r="AI2679" s="85"/>
      <c r="AJ2679" s="85"/>
      <c r="AK2679" s="85"/>
      <c r="AL2679" s="85"/>
      <c r="AM2679" s="92"/>
      <c r="AN2679" s="92"/>
      <c r="AO2679" s="92"/>
      <c r="AP2679" s="92"/>
      <c r="AQ2679" s="92"/>
      <c r="AR2679" s="92"/>
      <c r="AS2679" s="92"/>
      <c r="AT2679" s="92"/>
      <c r="AU2679" s="92"/>
      <c r="AV2679" s="92"/>
      <c r="AW2679" s="92"/>
      <c r="AX2679" s="92"/>
      <c r="AY2679" s="92"/>
      <c r="AZ2679" s="93"/>
      <c r="BA2679" s="93"/>
      <c r="BB2679" s="93"/>
      <c r="BC2679" s="93"/>
      <c r="BD2679" s="93"/>
      <c r="BE2679" s="93"/>
      <c r="BF2679" s="93"/>
      <c r="BG2679" s="93"/>
      <c r="BH2679" s="93"/>
      <c r="BI2679" s="93"/>
      <c r="BJ2679" s="93"/>
      <c r="BK2679" s="93"/>
      <c r="BL2679" s="93"/>
    </row>
    <row r="2680" spans="2:64" x14ac:dyDescent="0.2">
      <c r="B2680" s="43"/>
      <c r="C2680" s="73"/>
      <c r="D2680" s="64"/>
      <c r="E2680" s="55"/>
      <c r="F2680" s="74"/>
      <c r="G2680" s="74"/>
      <c r="H2680" s="74"/>
      <c r="I2680" s="75"/>
      <c r="J2680" s="74"/>
      <c r="L2680" s="55"/>
      <c r="M2680" s="234"/>
      <c r="N2680" s="65"/>
      <c r="O2680" s="76"/>
      <c r="P2680" s="76"/>
      <c r="Q2680" s="65"/>
      <c r="R2680" s="76"/>
      <c r="S2680" s="76"/>
      <c r="T2680" s="76"/>
      <c r="U2680" s="76"/>
      <c r="V2680" s="76"/>
      <c r="W2680" s="76"/>
      <c r="X2680" s="76"/>
      <c r="Y2680" s="76"/>
      <c r="Z2680" s="76"/>
      <c r="AA2680" s="85"/>
      <c r="AB2680" s="85"/>
      <c r="AC2680" s="85"/>
      <c r="AD2680" s="85"/>
      <c r="AE2680" s="85"/>
      <c r="AF2680" s="85"/>
      <c r="AG2680" s="86"/>
      <c r="AH2680" s="85"/>
      <c r="AI2680" s="85"/>
      <c r="AJ2680" s="85"/>
      <c r="AK2680" s="85"/>
      <c r="AL2680" s="85"/>
      <c r="AM2680" s="92"/>
      <c r="AN2680" s="92"/>
      <c r="AO2680" s="92"/>
      <c r="AP2680" s="92"/>
      <c r="AQ2680" s="92"/>
      <c r="AR2680" s="92"/>
      <c r="AS2680" s="92"/>
      <c r="AT2680" s="92"/>
      <c r="AU2680" s="92"/>
      <c r="AV2680" s="92"/>
      <c r="AW2680" s="92"/>
      <c r="AX2680" s="92"/>
      <c r="AY2680" s="92"/>
      <c r="AZ2680" s="93"/>
      <c r="BA2680" s="93"/>
      <c r="BB2680" s="93"/>
      <c r="BC2680" s="93"/>
      <c r="BD2680" s="93"/>
      <c r="BE2680" s="93"/>
      <c r="BF2680" s="93"/>
      <c r="BG2680" s="93"/>
      <c r="BH2680" s="93"/>
      <c r="BI2680" s="93"/>
      <c r="BJ2680" s="93"/>
      <c r="BK2680" s="93"/>
      <c r="BL2680" s="93"/>
    </row>
    <row r="2681" spans="2:64" x14ac:dyDescent="0.2">
      <c r="B2681" s="43"/>
      <c r="C2681" s="73"/>
      <c r="D2681" s="64"/>
      <c r="E2681" s="55"/>
      <c r="F2681" s="74"/>
      <c r="G2681" s="74"/>
      <c r="H2681" s="74"/>
      <c r="I2681" s="75"/>
      <c r="J2681" s="74"/>
      <c r="L2681" s="55"/>
      <c r="M2681" s="234"/>
      <c r="N2681" s="65"/>
      <c r="O2681" s="76"/>
      <c r="P2681" s="76"/>
      <c r="Q2681" s="65"/>
      <c r="R2681" s="76"/>
      <c r="S2681" s="76"/>
      <c r="T2681" s="76"/>
      <c r="U2681" s="76"/>
      <c r="V2681" s="76"/>
      <c r="W2681" s="76"/>
      <c r="X2681" s="76"/>
      <c r="Y2681" s="76"/>
      <c r="Z2681" s="76"/>
      <c r="AA2681" s="85"/>
      <c r="AB2681" s="85"/>
      <c r="AC2681" s="85"/>
      <c r="AD2681" s="85"/>
      <c r="AE2681" s="85"/>
      <c r="AF2681" s="85"/>
      <c r="AG2681" s="86"/>
      <c r="AH2681" s="85"/>
      <c r="AI2681" s="85"/>
      <c r="AJ2681" s="85"/>
      <c r="AK2681" s="85"/>
      <c r="AL2681" s="85"/>
      <c r="AM2681" s="92"/>
      <c r="AN2681" s="92"/>
      <c r="AO2681" s="92"/>
      <c r="AP2681" s="92"/>
      <c r="AQ2681" s="92"/>
      <c r="AR2681" s="92"/>
      <c r="AS2681" s="92"/>
      <c r="AT2681" s="92"/>
      <c r="AU2681" s="92"/>
      <c r="AV2681" s="92"/>
      <c r="AW2681" s="92"/>
      <c r="AX2681" s="92"/>
      <c r="AY2681" s="92"/>
      <c r="AZ2681" s="93"/>
      <c r="BA2681" s="93"/>
      <c r="BB2681" s="93"/>
      <c r="BC2681" s="93"/>
      <c r="BD2681" s="93"/>
      <c r="BE2681" s="93"/>
      <c r="BF2681" s="93"/>
      <c r="BG2681" s="93"/>
      <c r="BH2681" s="93"/>
      <c r="BI2681" s="93"/>
      <c r="BJ2681" s="93"/>
      <c r="BK2681" s="93"/>
      <c r="BL2681" s="93"/>
    </row>
    <row r="2682" spans="2:64" x14ac:dyDescent="0.2">
      <c r="B2682" s="43"/>
      <c r="C2682" s="73"/>
      <c r="D2682" s="64"/>
      <c r="E2682" s="55"/>
      <c r="F2682" s="74"/>
      <c r="G2682" s="74"/>
      <c r="H2682" s="74"/>
      <c r="I2682" s="75"/>
      <c r="J2682" s="74"/>
      <c r="L2682" s="55"/>
      <c r="M2682" s="234"/>
      <c r="N2682" s="65"/>
      <c r="O2682" s="76"/>
      <c r="P2682" s="76"/>
      <c r="Q2682" s="65"/>
      <c r="R2682" s="76"/>
      <c r="S2682" s="76"/>
      <c r="T2682" s="76"/>
      <c r="U2682" s="76"/>
      <c r="V2682" s="76"/>
      <c r="W2682" s="76"/>
      <c r="X2682" s="76"/>
      <c r="Y2682" s="76"/>
      <c r="Z2682" s="76"/>
      <c r="AA2682" s="85"/>
      <c r="AB2682" s="85"/>
      <c r="AC2682" s="85"/>
      <c r="AD2682" s="85"/>
      <c r="AE2682" s="85"/>
      <c r="AF2682" s="85"/>
      <c r="AG2682" s="86"/>
      <c r="AH2682" s="85"/>
      <c r="AI2682" s="85"/>
      <c r="AJ2682" s="85"/>
      <c r="AK2682" s="85"/>
      <c r="AL2682" s="85"/>
      <c r="AM2682" s="92"/>
      <c r="AN2682" s="92"/>
      <c r="AO2682" s="92"/>
      <c r="AP2682" s="92"/>
      <c r="AQ2682" s="92"/>
      <c r="AR2682" s="92"/>
      <c r="AS2682" s="92"/>
      <c r="AT2682" s="92"/>
      <c r="AU2682" s="92"/>
      <c r="AV2682" s="92"/>
      <c r="AW2682" s="92"/>
      <c r="AX2682" s="92"/>
      <c r="AY2682" s="92"/>
      <c r="AZ2682" s="93"/>
      <c r="BA2682" s="93"/>
      <c r="BB2682" s="93"/>
      <c r="BC2682" s="93"/>
      <c r="BD2682" s="93"/>
      <c r="BE2682" s="93"/>
      <c r="BF2682" s="93"/>
      <c r="BG2682" s="93"/>
      <c r="BH2682" s="93"/>
      <c r="BI2682" s="93"/>
      <c r="BJ2682" s="93"/>
      <c r="BK2682" s="93"/>
      <c r="BL2682" s="93"/>
    </row>
    <row r="2683" spans="2:64" x14ac:dyDescent="0.2">
      <c r="B2683" s="43"/>
      <c r="C2683" s="73"/>
      <c r="D2683" s="64"/>
      <c r="E2683" s="55"/>
      <c r="F2683" s="74"/>
      <c r="G2683" s="74"/>
      <c r="H2683" s="74"/>
      <c r="I2683" s="75"/>
      <c r="J2683" s="74"/>
      <c r="L2683" s="55"/>
      <c r="M2683" s="234"/>
      <c r="N2683" s="65"/>
      <c r="O2683" s="76"/>
      <c r="P2683" s="76"/>
      <c r="Q2683" s="65"/>
      <c r="R2683" s="76"/>
      <c r="S2683" s="76"/>
      <c r="T2683" s="76"/>
      <c r="U2683" s="76"/>
      <c r="V2683" s="76"/>
      <c r="W2683" s="76"/>
      <c r="X2683" s="76"/>
      <c r="Y2683" s="76"/>
      <c r="Z2683" s="76"/>
      <c r="AA2683" s="85"/>
      <c r="AB2683" s="85"/>
      <c r="AC2683" s="85"/>
      <c r="AD2683" s="85"/>
      <c r="AE2683" s="85"/>
      <c r="AF2683" s="85"/>
      <c r="AG2683" s="86"/>
      <c r="AH2683" s="85"/>
      <c r="AI2683" s="85"/>
      <c r="AJ2683" s="85"/>
      <c r="AK2683" s="85"/>
      <c r="AL2683" s="85"/>
      <c r="AM2683" s="92"/>
      <c r="AN2683" s="92"/>
      <c r="AO2683" s="92"/>
      <c r="AP2683" s="92"/>
      <c r="AQ2683" s="92"/>
      <c r="AR2683" s="92"/>
      <c r="AS2683" s="92"/>
      <c r="AT2683" s="92"/>
      <c r="AU2683" s="92"/>
      <c r="AV2683" s="92"/>
      <c r="AW2683" s="92"/>
      <c r="AX2683" s="92"/>
      <c r="AY2683" s="92"/>
      <c r="AZ2683" s="93"/>
      <c r="BA2683" s="93"/>
      <c r="BB2683" s="93"/>
      <c r="BC2683" s="93"/>
      <c r="BD2683" s="93"/>
      <c r="BE2683" s="93"/>
      <c r="BF2683" s="93"/>
      <c r="BG2683" s="93"/>
      <c r="BH2683" s="93"/>
      <c r="BI2683" s="93"/>
      <c r="BJ2683" s="93"/>
      <c r="BK2683" s="93"/>
      <c r="BL2683" s="93"/>
    </row>
    <row r="2684" spans="2:64" x14ac:dyDescent="0.2">
      <c r="B2684" s="43"/>
      <c r="C2684" s="73"/>
      <c r="D2684" s="64"/>
      <c r="E2684" s="55"/>
      <c r="F2684" s="74"/>
      <c r="G2684" s="74"/>
      <c r="H2684" s="74"/>
      <c r="I2684" s="75"/>
      <c r="J2684" s="74"/>
      <c r="L2684" s="55"/>
      <c r="M2684" s="234"/>
      <c r="N2684" s="65"/>
      <c r="O2684" s="76"/>
      <c r="P2684" s="76"/>
      <c r="Q2684" s="65"/>
      <c r="R2684" s="76"/>
      <c r="S2684" s="76"/>
      <c r="T2684" s="76"/>
      <c r="U2684" s="76"/>
      <c r="V2684" s="76"/>
      <c r="W2684" s="76"/>
      <c r="X2684" s="76"/>
      <c r="Y2684" s="76"/>
      <c r="Z2684" s="76"/>
      <c r="AA2684" s="85"/>
      <c r="AB2684" s="85"/>
      <c r="AC2684" s="85"/>
      <c r="AD2684" s="85"/>
      <c r="AE2684" s="85"/>
      <c r="AF2684" s="85"/>
      <c r="AG2684" s="86"/>
      <c r="AH2684" s="85"/>
      <c r="AI2684" s="85"/>
      <c r="AJ2684" s="85"/>
      <c r="AK2684" s="85"/>
      <c r="AL2684" s="85"/>
      <c r="AM2684" s="92"/>
      <c r="AN2684" s="92"/>
      <c r="AO2684" s="92"/>
      <c r="AP2684" s="92"/>
      <c r="AQ2684" s="92"/>
      <c r="AR2684" s="92"/>
      <c r="AS2684" s="92"/>
      <c r="AT2684" s="92"/>
      <c r="AU2684" s="92"/>
      <c r="AV2684" s="92"/>
      <c r="AW2684" s="92"/>
      <c r="AX2684" s="92"/>
      <c r="AY2684" s="92"/>
      <c r="AZ2684" s="93"/>
      <c r="BA2684" s="93"/>
      <c r="BB2684" s="93"/>
      <c r="BC2684" s="93"/>
      <c r="BD2684" s="93"/>
      <c r="BE2684" s="93"/>
      <c r="BF2684" s="93"/>
      <c r="BG2684" s="93"/>
      <c r="BH2684" s="93"/>
      <c r="BI2684" s="93"/>
      <c r="BJ2684" s="93"/>
      <c r="BK2684" s="93"/>
      <c r="BL2684" s="93"/>
    </row>
    <row r="2685" spans="2:64" x14ac:dyDescent="0.2">
      <c r="B2685" s="43"/>
      <c r="C2685" s="73"/>
      <c r="D2685" s="64"/>
      <c r="E2685" s="55"/>
      <c r="F2685" s="74"/>
      <c r="G2685" s="74"/>
      <c r="H2685" s="74"/>
      <c r="I2685" s="75"/>
      <c r="J2685" s="74"/>
      <c r="L2685" s="55"/>
      <c r="M2685" s="234"/>
      <c r="N2685" s="65"/>
      <c r="O2685" s="76"/>
      <c r="P2685" s="76"/>
      <c r="Q2685" s="65"/>
      <c r="R2685" s="76"/>
      <c r="S2685" s="76"/>
      <c r="T2685" s="76"/>
      <c r="U2685" s="76"/>
      <c r="V2685" s="76"/>
      <c r="W2685" s="76"/>
      <c r="X2685" s="76"/>
      <c r="Y2685" s="76"/>
      <c r="Z2685" s="76"/>
      <c r="AA2685" s="85"/>
      <c r="AB2685" s="85"/>
      <c r="AC2685" s="85"/>
      <c r="AD2685" s="85"/>
      <c r="AE2685" s="85"/>
      <c r="AF2685" s="85"/>
      <c r="AG2685" s="86"/>
      <c r="AH2685" s="85"/>
      <c r="AI2685" s="85"/>
      <c r="AJ2685" s="85"/>
      <c r="AK2685" s="85"/>
      <c r="AL2685" s="85"/>
      <c r="AM2685" s="92"/>
      <c r="AN2685" s="92"/>
      <c r="AO2685" s="92"/>
      <c r="AP2685" s="92"/>
      <c r="AQ2685" s="92"/>
      <c r="AR2685" s="92"/>
      <c r="AS2685" s="92"/>
      <c r="AT2685" s="92"/>
      <c r="AU2685" s="92"/>
      <c r="AV2685" s="92"/>
      <c r="AW2685" s="92"/>
      <c r="AX2685" s="92"/>
      <c r="AY2685" s="92"/>
      <c r="AZ2685" s="93"/>
      <c r="BA2685" s="93"/>
      <c r="BB2685" s="93"/>
      <c r="BC2685" s="93"/>
      <c r="BD2685" s="93"/>
      <c r="BE2685" s="93"/>
      <c r="BF2685" s="93"/>
      <c r="BG2685" s="93"/>
      <c r="BH2685" s="93"/>
      <c r="BI2685" s="93"/>
      <c r="BJ2685" s="93"/>
      <c r="BK2685" s="93"/>
      <c r="BL2685" s="93"/>
    </row>
    <row r="2686" spans="2:64" x14ac:dyDescent="0.2">
      <c r="B2686" s="43"/>
      <c r="C2686" s="73"/>
      <c r="D2686" s="64"/>
      <c r="E2686" s="55"/>
      <c r="F2686" s="74"/>
      <c r="G2686" s="74"/>
      <c r="H2686" s="74"/>
      <c r="I2686" s="75"/>
      <c r="J2686" s="74"/>
      <c r="L2686" s="55"/>
      <c r="M2686" s="234"/>
      <c r="N2686" s="65"/>
      <c r="O2686" s="76"/>
      <c r="P2686" s="76"/>
      <c r="Q2686" s="65"/>
      <c r="R2686" s="76"/>
      <c r="S2686" s="76"/>
      <c r="T2686" s="76"/>
      <c r="U2686" s="76"/>
      <c r="V2686" s="76"/>
      <c r="W2686" s="76"/>
      <c r="X2686" s="76"/>
      <c r="Y2686" s="76"/>
      <c r="Z2686" s="76"/>
      <c r="AA2686" s="85"/>
      <c r="AB2686" s="85"/>
      <c r="AC2686" s="85"/>
      <c r="AD2686" s="85"/>
      <c r="AE2686" s="85"/>
      <c r="AF2686" s="85"/>
      <c r="AG2686" s="86"/>
      <c r="AH2686" s="85"/>
      <c r="AI2686" s="85"/>
      <c r="AJ2686" s="85"/>
      <c r="AK2686" s="85"/>
      <c r="AL2686" s="85"/>
      <c r="AM2686" s="92"/>
      <c r="AN2686" s="92"/>
      <c r="AO2686" s="92"/>
      <c r="AP2686" s="92"/>
      <c r="AQ2686" s="92"/>
      <c r="AR2686" s="92"/>
      <c r="AS2686" s="92"/>
      <c r="AT2686" s="92"/>
      <c r="AU2686" s="92"/>
      <c r="AV2686" s="92"/>
      <c r="AW2686" s="92"/>
      <c r="AX2686" s="92"/>
      <c r="AY2686" s="92"/>
      <c r="AZ2686" s="93"/>
      <c r="BA2686" s="93"/>
      <c r="BB2686" s="93"/>
      <c r="BC2686" s="93"/>
      <c r="BD2686" s="93"/>
      <c r="BE2686" s="93"/>
      <c r="BF2686" s="93"/>
      <c r="BG2686" s="93"/>
      <c r="BH2686" s="93"/>
      <c r="BI2686" s="93"/>
      <c r="BJ2686" s="93"/>
      <c r="BK2686" s="93"/>
      <c r="BL2686" s="93"/>
    </row>
    <row r="2687" spans="2:64" x14ac:dyDescent="0.2">
      <c r="B2687" s="43"/>
      <c r="C2687" s="73"/>
      <c r="D2687" s="64"/>
      <c r="E2687" s="55"/>
      <c r="F2687" s="74"/>
      <c r="G2687" s="74"/>
      <c r="H2687" s="74"/>
      <c r="I2687" s="75"/>
      <c r="J2687" s="74"/>
      <c r="L2687" s="55"/>
      <c r="M2687" s="234"/>
      <c r="N2687" s="65"/>
      <c r="O2687" s="76"/>
      <c r="P2687" s="76"/>
      <c r="Q2687" s="65"/>
      <c r="R2687" s="76"/>
      <c r="S2687" s="76"/>
      <c r="T2687" s="76"/>
      <c r="U2687" s="76"/>
      <c r="V2687" s="76"/>
      <c r="W2687" s="76"/>
      <c r="X2687" s="76"/>
      <c r="Y2687" s="76"/>
      <c r="Z2687" s="76"/>
      <c r="AA2687" s="85"/>
      <c r="AB2687" s="85"/>
      <c r="AC2687" s="85"/>
      <c r="AD2687" s="85"/>
      <c r="AE2687" s="85"/>
      <c r="AF2687" s="85"/>
      <c r="AG2687" s="86"/>
      <c r="AH2687" s="85"/>
      <c r="AI2687" s="85"/>
      <c r="AJ2687" s="85"/>
      <c r="AK2687" s="85"/>
      <c r="AL2687" s="85"/>
      <c r="AM2687" s="92"/>
      <c r="AN2687" s="92"/>
      <c r="AO2687" s="92"/>
      <c r="AP2687" s="92"/>
      <c r="AQ2687" s="92"/>
      <c r="AR2687" s="92"/>
      <c r="AS2687" s="92"/>
      <c r="AT2687" s="92"/>
      <c r="AU2687" s="92"/>
      <c r="AV2687" s="92"/>
      <c r="AW2687" s="92"/>
      <c r="AX2687" s="92"/>
      <c r="AY2687" s="92"/>
      <c r="AZ2687" s="93"/>
      <c r="BA2687" s="93"/>
      <c r="BB2687" s="93"/>
      <c r="BC2687" s="93"/>
      <c r="BD2687" s="93"/>
      <c r="BE2687" s="93"/>
      <c r="BF2687" s="93"/>
      <c r="BG2687" s="93"/>
      <c r="BH2687" s="93"/>
      <c r="BI2687" s="93"/>
      <c r="BJ2687" s="93"/>
      <c r="BK2687" s="93"/>
      <c r="BL2687" s="93"/>
    </row>
    <row r="2688" spans="2:64" x14ac:dyDescent="0.2">
      <c r="B2688" s="43"/>
      <c r="C2688" s="73"/>
      <c r="D2688" s="64"/>
      <c r="E2688" s="55"/>
      <c r="F2688" s="74"/>
      <c r="G2688" s="74"/>
      <c r="H2688" s="74"/>
      <c r="I2688" s="75"/>
      <c r="J2688" s="74"/>
      <c r="L2688" s="55"/>
      <c r="M2688" s="234"/>
      <c r="N2688" s="65"/>
      <c r="O2688" s="76"/>
      <c r="P2688" s="76"/>
      <c r="Q2688" s="65"/>
      <c r="R2688" s="76"/>
      <c r="S2688" s="76"/>
      <c r="T2688" s="76"/>
      <c r="U2688" s="76"/>
      <c r="V2688" s="76"/>
      <c r="W2688" s="76"/>
      <c r="X2688" s="76"/>
      <c r="Y2688" s="76"/>
      <c r="Z2688" s="76"/>
      <c r="AA2688" s="85"/>
      <c r="AB2688" s="85"/>
      <c r="AC2688" s="85"/>
      <c r="AD2688" s="85"/>
      <c r="AE2688" s="85"/>
      <c r="AF2688" s="85"/>
      <c r="AG2688" s="86"/>
      <c r="AH2688" s="85"/>
      <c r="AI2688" s="85"/>
      <c r="AJ2688" s="85"/>
      <c r="AK2688" s="85"/>
      <c r="AL2688" s="85"/>
      <c r="AM2688" s="92"/>
      <c r="AN2688" s="92"/>
      <c r="AO2688" s="92"/>
      <c r="AP2688" s="92"/>
      <c r="AQ2688" s="92"/>
      <c r="AR2688" s="92"/>
      <c r="AS2688" s="92"/>
      <c r="AT2688" s="92"/>
      <c r="AU2688" s="92"/>
      <c r="AV2688" s="92"/>
      <c r="AW2688" s="92"/>
      <c r="AX2688" s="92"/>
      <c r="AY2688" s="92"/>
      <c r="AZ2688" s="93"/>
      <c r="BA2688" s="93"/>
      <c r="BB2688" s="93"/>
      <c r="BC2688" s="93"/>
      <c r="BD2688" s="93"/>
      <c r="BE2688" s="93"/>
      <c r="BF2688" s="93"/>
      <c r="BG2688" s="93"/>
      <c r="BH2688" s="93"/>
      <c r="BI2688" s="93"/>
      <c r="BJ2688" s="93"/>
      <c r="BK2688" s="93"/>
      <c r="BL2688" s="93"/>
    </row>
    <row r="2689" spans="2:64" x14ac:dyDescent="0.2">
      <c r="B2689" s="43"/>
      <c r="C2689" s="73"/>
      <c r="D2689" s="64"/>
      <c r="E2689" s="55"/>
      <c r="F2689" s="74"/>
      <c r="G2689" s="74"/>
      <c r="H2689" s="74"/>
      <c r="I2689" s="75"/>
      <c r="J2689" s="74"/>
      <c r="L2689" s="55"/>
      <c r="M2689" s="234"/>
      <c r="N2689" s="65"/>
      <c r="O2689" s="76"/>
      <c r="P2689" s="76"/>
      <c r="Q2689" s="65"/>
      <c r="R2689" s="76"/>
      <c r="S2689" s="76"/>
      <c r="T2689" s="76"/>
      <c r="U2689" s="76"/>
      <c r="V2689" s="76"/>
      <c r="W2689" s="76"/>
      <c r="X2689" s="76"/>
      <c r="Y2689" s="76"/>
      <c r="Z2689" s="76"/>
      <c r="AA2689" s="85"/>
      <c r="AB2689" s="85"/>
      <c r="AC2689" s="85"/>
      <c r="AD2689" s="85"/>
      <c r="AE2689" s="85"/>
      <c r="AF2689" s="85"/>
      <c r="AG2689" s="86"/>
      <c r="AH2689" s="85"/>
      <c r="AI2689" s="85"/>
      <c r="AJ2689" s="85"/>
      <c r="AK2689" s="85"/>
      <c r="AL2689" s="85"/>
      <c r="AM2689" s="92"/>
      <c r="AN2689" s="92"/>
      <c r="AO2689" s="92"/>
      <c r="AP2689" s="92"/>
      <c r="AQ2689" s="92"/>
      <c r="AR2689" s="92"/>
      <c r="AS2689" s="92"/>
      <c r="AT2689" s="92"/>
      <c r="AU2689" s="92"/>
      <c r="AV2689" s="92"/>
      <c r="AW2689" s="92"/>
      <c r="AX2689" s="92"/>
      <c r="AY2689" s="92"/>
      <c r="AZ2689" s="93"/>
      <c r="BA2689" s="93"/>
      <c r="BB2689" s="93"/>
      <c r="BC2689" s="93"/>
      <c r="BD2689" s="93"/>
      <c r="BE2689" s="93"/>
      <c r="BF2689" s="93"/>
      <c r="BG2689" s="93"/>
      <c r="BH2689" s="93"/>
      <c r="BI2689" s="93"/>
      <c r="BJ2689" s="93"/>
      <c r="BK2689" s="93"/>
      <c r="BL2689" s="93"/>
    </row>
    <row r="2690" spans="2:64" x14ac:dyDescent="0.2">
      <c r="B2690" s="43"/>
      <c r="C2690" s="73"/>
      <c r="D2690" s="64"/>
      <c r="E2690" s="55"/>
      <c r="F2690" s="74"/>
      <c r="G2690" s="74"/>
      <c r="H2690" s="74"/>
      <c r="I2690" s="75"/>
      <c r="J2690" s="74"/>
      <c r="L2690" s="55"/>
      <c r="M2690" s="234"/>
      <c r="N2690" s="65"/>
      <c r="O2690" s="76"/>
      <c r="P2690" s="76"/>
      <c r="Q2690" s="65"/>
      <c r="R2690" s="76"/>
      <c r="S2690" s="76"/>
      <c r="T2690" s="76"/>
      <c r="U2690" s="76"/>
      <c r="V2690" s="76"/>
      <c r="W2690" s="76"/>
      <c r="X2690" s="76"/>
      <c r="Y2690" s="76"/>
      <c r="Z2690" s="76"/>
      <c r="AA2690" s="85"/>
      <c r="AB2690" s="85"/>
      <c r="AC2690" s="85"/>
      <c r="AD2690" s="85"/>
      <c r="AE2690" s="85"/>
      <c r="AF2690" s="85"/>
      <c r="AG2690" s="86"/>
      <c r="AH2690" s="85"/>
      <c r="AI2690" s="85"/>
      <c r="AJ2690" s="85"/>
      <c r="AK2690" s="85"/>
      <c r="AL2690" s="85"/>
      <c r="AM2690" s="92"/>
      <c r="AN2690" s="92"/>
      <c r="AO2690" s="92"/>
      <c r="AP2690" s="92"/>
      <c r="AQ2690" s="92"/>
      <c r="AR2690" s="92"/>
      <c r="AS2690" s="92"/>
      <c r="AT2690" s="92"/>
      <c r="AU2690" s="92"/>
      <c r="AV2690" s="92"/>
      <c r="AW2690" s="92"/>
      <c r="AX2690" s="92"/>
      <c r="AY2690" s="92"/>
      <c r="AZ2690" s="93"/>
      <c r="BA2690" s="93"/>
      <c r="BB2690" s="93"/>
      <c r="BC2690" s="93"/>
      <c r="BD2690" s="93"/>
      <c r="BE2690" s="93"/>
      <c r="BF2690" s="93"/>
      <c r="BG2690" s="93"/>
      <c r="BH2690" s="93"/>
      <c r="BI2690" s="93"/>
      <c r="BJ2690" s="93"/>
      <c r="BK2690" s="93"/>
      <c r="BL2690" s="93"/>
    </row>
    <row r="2691" spans="2:64" x14ac:dyDescent="0.2">
      <c r="B2691" s="43"/>
      <c r="C2691" s="73"/>
      <c r="D2691" s="64"/>
      <c r="E2691" s="55"/>
      <c r="F2691" s="74"/>
      <c r="G2691" s="74"/>
      <c r="H2691" s="74"/>
      <c r="I2691" s="75"/>
      <c r="J2691" s="74"/>
      <c r="L2691" s="55"/>
      <c r="M2691" s="234"/>
      <c r="N2691" s="65"/>
      <c r="O2691" s="76"/>
      <c r="P2691" s="76"/>
      <c r="Q2691" s="65"/>
      <c r="R2691" s="76"/>
      <c r="S2691" s="76"/>
      <c r="T2691" s="76"/>
      <c r="U2691" s="76"/>
      <c r="V2691" s="76"/>
      <c r="W2691" s="76"/>
      <c r="X2691" s="76"/>
      <c r="Y2691" s="76"/>
      <c r="Z2691" s="76"/>
      <c r="AA2691" s="85"/>
      <c r="AB2691" s="85"/>
      <c r="AC2691" s="85"/>
      <c r="AD2691" s="85"/>
      <c r="AE2691" s="85"/>
      <c r="AF2691" s="85"/>
      <c r="AG2691" s="86"/>
      <c r="AH2691" s="85"/>
      <c r="AI2691" s="85"/>
      <c r="AJ2691" s="85"/>
      <c r="AK2691" s="85"/>
      <c r="AL2691" s="85"/>
      <c r="AM2691" s="92"/>
      <c r="AN2691" s="92"/>
      <c r="AO2691" s="92"/>
      <c r="AP2691" s="92"/>
      <c r="AQ2691" s="92"/>
      <c r="AR2691" s="92"/>
      <c r="AS2691" s="92"/>
      <c r="AT2691" s="92"/>
      <c r="AU2691" s="92"/>
      <c r="AV2691" s="92"/>
      <c r="AW2691" s="92"/>
      <c r="AX2691" s="92"/>
      <c r="AY2691" s="92"/>
      <c r="AZ2691" s="93"/>
      <c r="BA2691" s="93"/>
      <c r="BB2691" s="93"/>
      <c r="BC2691" s="93"/>
      <c r="BD2691" s="93"/>
      <c r="BE2691" s="93"/>
      <c r="BF2691" s="93"/>
      <c r="BG2691" s="93"/>
      <c r="BH2691" s="93"/>
      <c r="BI2691" s="93"/>
      <c r="BJ2691" s="93"/>
      <c r="BK2691" s="93"/>
      <c r="BL2691" s="93"/>
    </row>
    <row r="2692" spans="2:64" x14ac:dyDescent="0.2">
      <c r="B2692" s="43"/>
      <c r="C2692" s="73"/>
      <c r="D2692" s="64"/>
      <c r="E2692" s="55"/>
      <c r="F2692" s="74"/>
      <c r="G2692" s="74"/>
      <c r="H2692" s="74"/>
      <c r="I2692" s="75"/>
      <c r="J2692" s="74"/>
      <c r="L2692" s="55"/>
      <c r="M2692" s="234"/>
      <c r="N2692" s="65"/>
      <c r="O2692" s="76"/>
      <c r="P2692" s="76"/>
      <c r="Q2692" s="65"/>
      <c r="R2692" s="76"/>
      <c r="S2692" s="76"/>
      <c r="T2692" s="76"/>
      <c r="U2692" s="76"/>
      <c r="V2692" s="76"/>
      <c r="W2692" s="76"/>
      <c r="X2692" s="76"/>
      <c r="Y2692" s="76"/>
      <c r="Z2692" s="76"/>
      <c r="AA2692" s="85"/>
      <c r="AB2692" s="85"/>
      <c r="AC2692" s="85"/>
      <c r="AD2692" s="85"/>
      <c r="AE2692" s="85"/>
      <c r="AF2692" s="85"/>
      <c r="AG2692" s="86"/>
      <c r="AH2692" s="85"/>
      <c r="AI2692" s="85"/>
      <c r="AJ2692" s="85"/>
      <c r="AK2692" s="85"/>
      <c r="AL2692" s="85"/>
      <c r="AM2692" s="92"/>
      <c r="AN2692" s="92"/>
      <c r="AO2692" s="92"/>
      <c r="AP2692" s="92"/>
      <c r="AQ2692" s="92"/>
      <c r="AR2692" s="92"/>
      <c r="AS2692" s="92"/>
      <c r="AT2692" s="92"/>
      <c r="AU2692" s="92"/>
      <c r="AV2692" s="92"/>
      <c r="AW2692" s="92"/>
      <c r="AX2692" s="92"/>
      <c r="AY2692" s="92"/>
      <c r="AZ2692" s="93"/>
      <c r="BA2692" s="93"/>
      <c r="BB2692" s="93"/>
      <c r="BC2692" s="93"/>
      <c r="BD2692" s="93"/>
      <c r="BE2692" s="93"/>
      <c r="BF2692" s="93"/>
      <c r="BG2692" s="93"/>
      <c r="BH2692" s="93"/>
      <c r="BI2692" s="93"/>
      <c r="BJ2692" s="93"/>
      <c r="BK2692" s="93"/>
      <c r="BL2692" s="93"/>
    </row>
    <row r="2693" spans="2:64" x14ac:dyDescent="0.2">
      <c r="B2693" s="43"/>
      <c r="C2693" s="73"/>
      <c r="D2693" s="64"/>
      <c r="E2693" s="55"/>
      <c r="F2693" s="74"/>
      <c r="G2693" s="74"/>
      <c r="H2693" s="74"/>
      <c r="I2693" s="75"/>
      <c r="J2693" s="74"/>
      <c r="L2693" s="55"/>
      <c r="M2693" s="234"/>
      <c r="N2693" s="65"/>
      <c r="O2693" s="76"/>
      <c r="P2693" s="76"/>
      <c r="Q2693" s="65"/>
      <c r="R2693" s="76"/>
      <c r="S2693" s="76"/>
      <c r="T2693" s="76"/>
      <c r="U2693" s="76"/>
      <c r="V2693" s="76"/>
      <c r="W2693" s="76"/>
      <c r="X2693" s="76"/>
      <c r="Y2693" s="76"/>
      <c r="Z2693" s="76"/>
      <c r="AA2693" s="85"/>
      <c r="AB2693" s="85"/>
      <c r="AC2693" s="85"/>
      <c r="AD2693" s="85"/>
      <c r="AE2693" s="85"/>
      <c r="AF2693" s="85"/>
      <c r="AG2693" s="86"/>
      <c r="AH2693" s="85"/>
      <c r="AI2693" s="85"/>
      <c r="AJ2693" s="85"/>
      <c r="AK2693" s="85"/>
      <c r="AL2693" s="85"/>
      <c r="AM2693" s="92"/>
      <c r="AN2693" s="92"/>
      <c r="AO2693" s="92"/>
      <c r="AP2693" s="92"/>
      <c r="AQ2693" s="92"/>
      <c r="AR2693" s="92"/>
      <c r="AS2693" s="92"/>
      <c r="AT2693" s="92"/>
      <c r="AU2693" s="92"/>
      <c r="AV2693" s="92"/>
      <c r="AW2693" s="92"/>
      <c r="AX2693" s="92"/>
      <c r="AY2693" s="92"/>
      <c r="AZ2693" s="93"/>
      <c r="BA2693" s="93"/>
      <c r="BB2693" s="93"/>
      <c r="BC2693" s="93"/>
      <c r="BD2693" s="93"/>
      <c r="BE2693" s="93"/>
      <c r="BF2693" s="93"/>
      <c r="BG2693" s="93"/>
      <c r="BH2693" s="93"/>
      <c r="BI2693" s="93"/>
      <c r="BJ2693" s="93"/>
      <c r="BK2693" s="93"/>
      <c r="BL2693" s="93"/>
    </row>
    <row r="2694" spans="2:64" x14ac:dyDescent="0.2">
      <c r="B2694" s="43"/>
      <c r="C2694" s="73"/>
      <c r="D2694" s="64"/>
      <c r="E2694" s="55"/>
      <c r="F2694" s="74"/>
      <c r="G2694" s="74"/>
      <c r="H2694" s="74"/>
      <c r="I2694" s="75"/>
      <c r="J2694" s="74"/>
      <c r="L2694" s="55"/>
      <c r="M2694" s="234"/>
      <c r="N2694" s="65"/>
      <c r="O2694" s="76"/>
      <c r="P2694" s="76"/>
      <c r="Q2694" s="65"/>
      <c r="R2694" s="76"/>
      <c r="S2694" s="76"/>
      <c r="T2694" s="76"/>
      <c r="U2694" s="76"/>
      <c r="V2694" s="76"/>
      <c r="W2694" s="76"/>
      <c r="X2694" s="76"/>
      <c r="Y2694" s="76"/>
      <c r="Z2694" s="76"/>
      <c r="AA2694" s="85"/>
      <c r="AB2694" s="85"/>
      <c r="AC2694" s="85"/>
      <c r="AD2694" s="85"/>
      <c r="AE2694" s="85"/>
      <c r="AF2694" s="85"/>
      <c r="AG2694" s="86"/>
      <c r="AH2694" s="85"/>
      <c r="AI2694" s="85"/>
      <c r="AJ2694" s="85"/>
      <c r="AK2694" s="85"/>
      <c r="AL2694" s="85"/>
      <c r="AM2694" s="92"/>
      <c r="AN2694" s="92"/>
      <c r="AO2694" s="92"/>
      <c r="AP2694" s="92"/>
      <c r="AQ2694" s="92"/>
      <c r="AR2694" s="92"/>
      <c r="AS2694" s="92"/>
      <c r="AT2694" s="92"/>
      <c r="AU2694" s="92"/>
      <c r="AV2694" s="92"/>
      <c r="AW2694" s="92"/>
      <c r="AX2694" s="92"/>
      <c r="AY2694" s="92"/>
      <c r="AZ2694" s="93"/>
      <c r="BA2694" s="93"/>
      <c r="BB2694" s="93"/>
      <c r="BC2694" s="93"/>
      <c r="BD2694" s="93"/>
      <c r="BE2694" s="93"/>
      <c r="BF2694" s="93"/>
      <c r="BG2694" s="93"/>
      <c r="BH2694" s="93"/>
      <c r="BI2694" s="93"/>
      <c r="BJ2694" s="93"/>
      <c r="BK2694" s="93"/>
      <c r="BL2694" s="93"/>
    </row>
    <row r="2695" spans="2:64" x14ac:dyDescent="0.2">
      <c r="B2695" s="43"/>
      <c r="C2695" s="73"/>
      <c r="D2695" s="64"/>
      <c r="E2695" s="55"/>
      <c r="F2695" s="74"/>
      <c r="G2695" s="74"/>
      <c r="H2695" s="74"/>
      <c r="I2695" s="75"/>
      <c r="J2695" s="74"/>
      <c r="L2695" s="55"/>
      <c r="M2695" s="234"/>
      <c r="N2695" s="65"/>
      <c r="O2695" s="76"/>
      <c r="P2695" s="76"/>
      <c r="Q2695" s="65"/>
      <c r="R2695" s="76"/>
      <c r="S2695" s="76"/>
      <c r="T2695" s="76"/>
      <c r="U2695" s="76"/>
      <c r="V2695" s="76"/>
      <c r="W2695" s="76"/>
      <c r="X2695" s="76"/>
      <c r="Y2695" s="76"/>
      <c r="Z2695" s="76"/>
      <c r="AA2695" s="85"/>
      <c r="AB2695" s="85"/>
      <c r="AC2695" s="85"/>
      <c r="AD2695" s="85"/>
      <c r="AE2695" s="85"/>
      <c r="AF2695" s="85"/>
      <c r="AG2695" s="86"/>
      <c r="AH2695" s="85"/>
      <c r="AI2695" s="85"/>
      <c r="AJ2695" s="85"/>
      <c r="AK2695" s="85"/>
      <c r="AL2695" s="85"/>
      <c r="AM2695" s="92"/>
      <c r="AN2695" s="92"/>
      <c r="AO2695" s="92"/>
      <c r="AP2695" s="92"/>
      <c r="AQ2695" s="92"/>
      <c r="AR2695" s="92"/>
      <c r="AS2695" s="92"/>
      <c r="AT2695" s="92"/>
      <c r="AU2695" s="92"/>
      <c r="AV2695" s="92"/>
      <c r="AW2695" s="92"/>
      <c r="AX2695" s="92"/>
      <c r="AY2695" s="92"/>
      <c r="AZ2695" s="93"/>
      <c r="BA2695" s="93"/>
      <c r="BB2695" s="93"/>
      <c r="BC2695" s="93"/>
      <c r="BD2695" s="93"/>
      <c r="BE2695" s="93"/>
      <c r="BF2695" s="93"/>
      <c r="BG2695" s="93"/>
      <c r="BH2695" s="93"/>
      <c r="BI2695" s="93"/>
      <c r="BJ2695" s="93"/>
      <c r="BK2695" s="93"/>
      <c r="BL2695" s="93"/>
    </row>
    <row r="2696" spans="2:64" x14ac:dyDescent="0.2">
      <c r="B2696" s="43"/>
      <c r="C2696" s="73"/>
      <c r="D2696" s="64"/>
      <c r="E2696" s="55"/>
      <c r="F2696" s="74"/>
      <c r="G2696" s="74"/>
      <c r="H2696" s="74"/>
      <c r="I2696" s="75"/>
      <c r="J2696" s="74"/>
      <c r="L2696" s="55"/>
      <c r="M2696" s="234"/>
      <c r="N2696" s="65"/>
      <c r="O2696" s="76"/>
      <c r="P2696" s="76"/>
      <c r="Q2696" s="65"/>
      <c r="R2696" s="76"/>
      <c r="S2696" s="76"/>
      <c r="T2696" s="76"/>
      <c r="U2696" s="76"/>
      <c r="V2696" s="76"/>
      <c r="W2696" s="76"/>
      <c r="X2696" s="76"/>
      <c r="Y2696" s="76"/>
      <c r="Z2696" s="76"/>
      <c r="AA2696" s="85"/>
      <c r="AB2696" s="85"/>
      <c r="AC2696" s="85"/>
      <c r="AD2696" s="85"/>
      <c r="AE2696" s="85"/>
      <c r="AF2696" s="85"/>
      <c r="AG2696" s="86"/>
      <c r="AH2696" s="85"/>
      <c r="AI2696" s="85"/>
      <c r="AJ2696" s="85"/>
      <c r="AK2696" s="85"/>
      <c r="AL2696" s="85"/>
      <c r="AM2696" s="92"/>
      <c r="AN2696" s="92"/>
      <c r="AO2696" s="92"/>
      <c r="AP2696" s="92"/>
      <c r="AQ2696" s="92"/>
      <c r="AR2696" s="92"/>
      <c r="AS2696" s="92"/>
      <c r="AT2696" s="92"/>
      <c r="AU2696" s="92"/>
      <c r="AV2696" s="92"/>
      <c r="AW2696" s="92"/>
      <c r="AX2696" s="92"/>
      <c r="AY2696" s="92"/>
      <c r="AZ2696" s="93"/>
      <c r="BA2696" s="93"/>
      <c r="BB2696" s="93"/>
      <c r="BC2696" s="93"/>
      <c r="BD2696" s="93"/>
      <c r="BE2696" s="93"/>
      <c r="BF2696" s="93"/>
      <c r="BG2696" s="93"/>
      <c r="BH2696" s="93"/>
      <c r="BI2696" s="93"/>
      <c r="BJ2696" s="93"/>
      <c r="BK2696" s="93"/>
      <c r="BL2696" s="93"/>
    </row>
    <row r="2697" spans="2:64" x14ac:dyDescent="0.2">
      <c r="B2697" s="43"/>
      <c r="C2697" s="73"/>
      <c r="D2697" s="64"/>
      <c r="E2697" s="55"/>
      <c r="F2697" s="74"/>
      <c r="G2697" s="74"/>
      <c r="H2697" s="74"/>
      <c r="I2697" s="75"/>
      <c r="J2697" s="74"/>
      <c r="L2697" s="55"/>
      <c r="M2697" s="234"/>
      <c r="N2697" s="65"/>
      <c r="O2697" s="76"/>
      <c r="P2697" s="76"/>
      <c r="Q2697" s="65"/>
      <c r="R2697" s="76"/>
      <c r="S2697" s="76"/>
      <c r="T2697" s="76"/>
      <c r="U2697" s="76"/>
      <c r="V2697" s="76"/>
      <c r="W2697" s="76"/>
      <c r="X2697" s="76"/>
      <c r="Y2697" s="76"/>
      <c r="Z2697" s="76"/>
      <c r="AA2697" s="85"/>
      <c r="AB2697" s="85"/>
      <c r="AC2697" s="85"/>
      <c r="AD2697" s="85"/>
      <c r="AE2697" s="85"/>
      <c r="AF2697" s="85"/>
      <c r="AG2697" s="86"/>
      <c r="AH2697" s="85"/>
      <c r="AI2697" s="85"/>
      <c r="AJ2697" s="85"/>
      <c r="AK2697" s="85"/>
      <c r="AL2697" s="85"/>
      <c r="AM2697" s="92"/>
      <c r="AN2697" s="92"/>
      <c r="AO2697" s="92"/>
      <c r="AP2697" s="92"/>
      <c r="AQ2697" s="92"/>
      <c r="AR2697" s="92"/>
      <c r="AS2697" s="92"/>
      <c r="AT2697" s="92"/>
      <c r="AU2697" s="92"/>
      <c r="AV2697" s="92"/>
      <c r="AW2697" s="92"/>
      <c r="AX2697" s="92"/>
      <c r="AY2697" s="92"/>
      <c r="AZ2697" s="93"/>
      <c r="BA2697" s="93"/>
      <c r="BB2697" s="93"/>
      <c r="BC2697" s="93"/>
      <c r="BD2697" s="93"/>
      <c r="BE2697" s="93"/>
      <c r="BF2697" s="93"/>
      <c r="BG2697" s="93"/>
      <c r="BH2697" s="93"/>
      <c r="BI2697" s="93"/>
      <c r="BJ2697" s="93"/>
      <c r="BK2697" s="93"/>
      <c r="BL2697" s="93"/>
    </row>
    <row r="2698" spans="2:64" x14ac:dyDescent="0.2">
      <c r="B2698" s="43"/>
      <c r="C2698" s="73"/>
      <c r="D2698" s="64"/>
      <c r="E2698" s="55"/>
      <c r="F2698" s="74"/>
      <c r="G2698" s="74"/>
      <c r="H2698" s="74"/>
      <c r="I2698" s="75"/>
      <c r="J2698" s="74"/>
      <c r="L2698" s="55"/>
      <c r="M2698" s="234"/>
      <c r="N2698" s="65"/>
      <c r="O2698" s="76"/>
      <c r="P2698" s="76"/>
      <c r="Q2698" s="65"/>
      <c r="R2698" s="76"/>
      <c r="S2698" s="76"/>
      <c r="T2698" s="76"/>
      <c r="U2698" s="76"/>
      <c r="V2698" s="76"/>
      <c r="W2698" s="76"/>
      <c r="X2698" s="76"/>
      <c r="Y2698" s="76"/>
      <c r="Z2698" s="76"/>
      <c r="AA2698" s="85"/>
      <c r="AB2698" s="85"/>
      <c r="AC2698" s="85"/>
      <c r="AD2698" s="85"/>
      <c r="AE2698" s="85"/>
      <c r="AF2698" s="85"/>
      <c r="AG2698" s="86"/>
      <c r="AH2698" s="85"/>
      <c r="AI2698" s="85"/>
      <c r="AJ2698" s="85"/>
      <c r="AK2698" s="85"/>
      <c r="AL2698" s="85"/>
      <c r="AM2698" s="92"/>
      <c r="AN2698" s="92"/>
      <c r="AO2698" s="92"/>
      <c r="AP2698" s="92"/>
      <c r="AQ2698" s="92"/>
      <c r="AR2698" s="92"/>
      <c r="AS2698" s="92"/>
      <c r="AT2698" s="92"/>
      <c r="AU2698" s="92"/>
      <c r="AV2698" s="92"/>
      <c r="AW2698" s="92"/>
      <c r="AX2698" s="92"/>
      <c r="AY2698" s="92"/>
      <c r="AZ2698" s="93"/>
      <c r="BA2698" s="93"/>
      <c r="BB2698" s="93"/>
      <c r="BC2698" s="93"/>
      <c r="BD2698" s="93"/>
      <c r="BE2698" s="93"/>
      <c r="BF2698" s="93"/>
      <c r="BG2698" s="93"/>
      <c r="BH2698" s="93"/>
      <c r="BI2698" s="93"/>
      <c r="BJ2698" s="93"/>
      <c r="BK2698" s="93"/>
      <c r="BL2698" s="93"/>
    </row>
    <row r="2699" spans="2:64" x14ac:dyDescent="0.2">
      <c r="B2699" s="43"/>
      <c r="C2699" s="73"/>
      <c r="D2699" s="64"/>
      <c r="E2699" s="55"/>
      <c r="F2699" s="74"/>
      <c r="G2699" s="74"/>
      <c r="H2699" s="74"/>
      <c r="I2699" s="75"/>
      <c r="J2699" s="74"/>
      <c r="L2699" s="55"/>
      <c r="M2699" s="234"/>
      <c r="N2699" s="65"/>
      <c r="O2699" s="76"/>
      <c r="P2699" s="76"/>
      <c r="Q2699" s="65"/>
      <c r="R2699" s="76"/>
      <c r="S2699" s="76"/>
      <c r="T2699" s="76"/>
      <c r="U2699" s="76"/>
      <c r="V2699" s="76"/>
      <c r="W2699" s="76"/>
      <c r="X2699" s="76"/>
      <c r="Y2699" s="76"/>
      <c r="Z2699" s="76"/>
      <c r="AA2699" s="85"/>
      <c r="AB2699" s="85"/>
      <c r="AC2699" s="85"/>
      <c r="AD2699" s="85"/>
      <c r="AE2699" s="85"/>
      <c r="AF2699" s="85"/>
      <c r="AG2699" s="86"/>
      <c r="AH2699" s="85"/>
      <c r="AI2699" s="85"/>
      <c r="AJ2699" s="85"/>
      <c r="AK2699" s="85"/>
      <c r="AL2699" s="85"/>
      <c r="AM2699" s="92"/>
      <c r="AN2699" s="92"/>
      <c r="AO2699" s="92"/>
      <c r="AP2699" s="92"/>
      <c r="AQ2699" s="92"/>
      <c r="AR2699" s="92"/>
      <c r="AS2699" s="92"/>
      <c r="AT2699" s="92"/>
      <c r="AU2699" s="92"/>
      <c r="AV2699" s="92"/>
      <c r="AW2699" s="92"/>
      <c r="AX2699" s="92"/>
      <c r="AY2699" s="92"/>
      <c r="AZ2699" s="93"/>
      <c r="BA2699" s="93"/>
      <c r="BB2699" s="93"/>
      <c r="BC2699" s="93"/>
      <c r="BD2699" s="93"/>
      <c r="BE2699" s="93"/>
      <c r="BF2699" s="93"/>
      <c r="BG2699" s="93"/>
      <c r="BH2699" s="93"/>
      <c r="BI2699" s="93"/>
      <c r="BJ2699" s="93"/>
      <c r="BK2699" s="93"/>
      <c r="BL2699" s="93"/>
    </row>
    <row r="2700" spans="2:64" x14ac:dyDescent="0.2">
      <c r="B2700" s="43"/>
      <c r="C2700" s="73"/>
      <c r="D2700" s="64"/>
      <c r="E2700" s="55"/>
      <c r="F2700" s="74"/>
      <c r="G2700" s="74"/>
      <c r="H2700" s="74"/>
      <c r="I2700" s="75"/>
      <c r="J2700" s="74"/>
      <c r="L2700" s="55"/>
      <c r="M2700" s="234"/>
      <c r="N2700" s="65"/>
      <c r="O2700" s="76"/>
      <c r="P2700" s="76"/>
      <c r="Q2700" s="65"/>
      <c r="R2700" s="76"/>
      <c r="S2700" s="76"/>
      <c r="T2700" s="76"/>
      <c r="U2700" s="76"/>
      <c r="V2700" s="76"/>
      <c r="W2700" s="76"/>
      <c r="X2700" s="76"/>
      <c r="Y2700" s="76"/>
      <c r="Z2700" s="76"/>
      <c r="AA2700" s="85"/>
      <c r="AB2700" s="85"/>
      <c r="AC2700" s="85"/>
      <c r="AD2700" s="85"/>
      <c r="AE2700" s="85"/>
      <c r="AF2700" s="85"/>
      <c r="AG2700" s="86"/>
      <c r="AH2700" s="85"/>
      <c r="AI2700" s="85"/>
      <c r="AJ2700" s="85"/>
      <c r="AK2700" s="85"/>
      <c r="AL2700" s="85"/>
      <c r="AM2700" s="92"/>
      <c r="AN2700" s="92"/>
      <c r="AO2700" s="92"/>
      <c r="AP2700" s="92"/>
      <c r="AQ2700" s="92"/>
      <c r="AR2700" s="92"/>
      <c r="AS2700" s="92"/>
      <c r="AT2700" s="92"/>
      <c r="AU2700" s="92"/>
      <c r="AV2700" s="92"/>
      <c r="AW2700" s="92"/>
      <c r="AX2700" s="92"/>
      <c r="AY2700" s="92"/>
      <c r="AZ2700" s="93"/>
      <c r="BA2700" s="93"/>
      <c r="BB2700" s="93"/>
      <c r="BC2700" s="93"/>
      <c r="BD2700" s="93"/>
      <c r="BE2700" s="93"/>
      <c r="BF2700" s="93"/>
      <c r="BG2700" s="93"/>
      <c r="BH2700" s="93"/>
      <c r="BI2700" s="93"/>
      <c r="BJ2700" s="93"/>
      <c r="BK2700" s="93"/>
      <c r="BL2700" s="93"/>
    </row>
    <row r="2701" spans="2:64" x14ac:dyDescent="0.2">
      <c r="B2701" s="43"/>
      <c r="C2701" s="73"/>
      <c r="D2701" s="64"/>
      <c r="E2701" s="55"/>
      <c r="F2701" s="74"/>
      <c r="G2701" s="74"/>
      <c r="H2701" s="74"/>
      <c r="I2701" s="75"/>
      <c r="J2701" s="74"/>
      <c r="L2701" s="55"/>
      <c r="M2701" s="234"/>
      <c r="N2701" s="65"/>
      <c r="O2701" s="76"/>
      <c r="P2701" s="76"/>
      <c r="Q2701" s="65"/>
      <c r="R2701" s="76"/>
      <c r="S2701" s="76"/>
      <c r="T2701" s="76"/>
      <c r="U2701" s="76"/>
      <c r="V2701" s="76"/>
      <c r="W2701" s="76"/>
      <c r="X2701" s="76"/>
      <c r="Y2701" s="76"/>
      <c r="Z2701" s="76"/>
      <c r="AA2701" s="85"/>
      <c r="AB2701" s="85"/>
      <c r="AC2701" s="85"/>
      <c r="AD2701" s="85"/>
      <c r="AE2701" s="85"/>
      <c r="AF2701" s="85"/>
      <c r="AG2701" s="86"/>
      <c r="AH2701" s="85"/>
      <c r="AI2701" s="85"/>
      <c r="AJ2701" s="85"/>
      <c r="AK2701" s="85"/>
      <c r="AL2701" s="85"/>
      <c r="AM2701" s="92"/>
      <c r="AN2701" s="92"/>
      <c r="AO2701" s="92"/>
      <c r="AP2701" s="92"/>
      <c r="AQ2701" s="92"/>
      <c r="AR2701" s="92"/>
      <c r="AS2701" s="92"/>
      <c r="AT2701" s="92"/>
      <c r="AU2701" s="92"/>
      <c r="AV2701" s="92"/>
      <c r="AW2701" s="92"/>
      <c r="AX2701" s="92"/>
      <c r="AY2701" s="92"/>
      <c r="AZ2701" s="93"/>
      <c r="BA2701" s="93"/>
      <c r="BB2701" s="93"/>
      <c r="BC2701" s="93"/>
      <c r="BD2701" s="93"/>
      <c r="BE2701" s="93"/>
      <c r="BF2701" s="93"/>
      <c r="BG2701" s="93"/>
      <c r="BH2701" s="93"/>
      <c r="BI2701" s="93"/>
      <c r="BJ2701" s="93"/>
      <c r="BK2701" s="93"/>
      <c r="BL2701" s="93"/>
    </row>
    <row r="2702" spans="2:64" x14ac:dyDescent="0.2">
      <c r="B2702" s="43"/>
      <c r="C2702" s="73"/>
      <c r="D2702" s="64"/>
      <c r="E2702" s="55"/>
      <c r="F2702" s="74"/>
      <c r="G2702" s="74"/>
      <c r="H2702" s="74"/>
      <c r="I2702" s="75"/>
      <c r="J2702" s="74"/>
      <c r="L2702" s="55"/>
      <c r="M2702" s="234"/>
      <c r="N2702" s="65"/>
      <c r="O2702" s="76"/>
      <c r="P2702" s="76"/>
      <c r="Q2702" s="65"/>
      <c r="R2702" s="76"/>
      <c r="S2702" s="76"/>
      <c r="T2702" s="76"/>
      <c r="U2702" s="76"/>
      <c r="V2702" s="76"/>
      <c r="W2702" s="76"/>
      <c r="X2702" s="76"/>
      <c r="Y2702" s="76"/>
      <c r="Z2702" s="76"/>
      <c r="AA2702" s="85"/>
      <c r="AB2702" s="85"/>
      <c r="AC2702" s="85"/>
      <c r="AD2702" s="85"/>
      <c r="AE2702" s="85"/>
      <c r="AF2702" s="85"/>
      <c r="AG2702" s="86"/>
      <c r="AH2702" s="85"/>
      <c r="AI2702" s="85"/>
      <c r="AJ2702" s="85"/>
      <c r="AK2702" s="85"/>
      <c r="AL2702" s="85"/>
      <c r="AM2702" s="92"/>
      <c r="AN2702" s="92"/>
      <c r="AO2702" s="92"/>
      <c r="AP2702" s="92"/>
      <c r="AQ2702" s="92"/>
      <c r="AR2702" s="92"/>
      <c r="AS2702" s="92"/>
      <c r="AT2702" s="92"/>
      <c r="AU2702" s="92"/>
      <c r="AV2702" s="92"/>
      <c r="AW2702" s="92"/>
      <c r="AX2702" s="92"/>
      <c r="AY2702" s="92"/>
      <c r="AZ2702" s="93"/>
      <c r="BA2702" s="93"/>
      <c r="BB2702" s="93"/>
      <c r="BC2702" s="93"/>
      <c r="BD2702" s="93"/>
      <c r="BE2702" s="93"/>
      <c r="BF2702" s="93"/>
      <c r="BG2702" s="93"/>
      <c r="BH2702" s="93"/>
      <c r="BI2702" s="93"/>
      <c r="BJ2702" s="93"/>
      <c r="BK2702" s="93"/>
      <c r="BL2702" s="93"/>
    </row>
    <row r="2703" spans="2:64" x14ac:dyDescent="0.2">
      <c r="B2703" s="43"/>
      <c r="C2703" s="73"/>
      <c r="D2703" s="64"/>
      <c r="E2703" s="55"/>
      <c r="F2703" s="74"/>
      <c r="G2703" s="74"/>
      <c r="H2703" s="74"/>
      <c r="I2703" s="75"/>
      <c r="J2703" s="74"/>
      <c r="L2703" s="55"/>
      <c r="M2703" s="234"/>
      <c r="N2703" s="65"/>
      <c r="O2703" s="76"/>
      <c r="P2703" s="76"/>
      <c r="Q2703" s="65"/>
      <c r="R2703" s="76"/>
      <c r="S2703" s="76"/>
      <c r="T2703" s="76"/>
      <c r="U2703" s="76"/>
      <c r="V2703" s="76"/>
      <c r="W2703" s="76"/>
      <c r="X2703" s="76"/>
      <c r="Y2703" s="76"/>
      <c r="Z2703" s="76"/>
      <c r="AA2703" s="85"/>
      <c r="AB2703" s="85"/>
      <c r="AC2703" s="85"/>
      <c r="AD2703" s="85"/>
      <c r="AE2703" s="85"/>
      <c r="AF2703" s="85"/>
      <c r="AG2703" s="86"/>
      <c r="AH2703" s="85"/>
      <c r="AI2703" s="85"/>
      <c r="AJ2703" s="85"/>
      <c r="AK2703" s="85"/>
      <c r="AL2703" s="85"/>
      <c r="AM2703" s="92"/>
      <c r="AN2703" s="92"/>
      <c r="AO2703" s="92"/>
      <c r="AP2703" s="92"/>
      <c r="AQ2703" s="92"/>
      <c r="AR2703" s="92"/>
      <c r="AS2703" s="92"/>
      <c r="AT2703" s="92"/>
      <c r="AU2703" s="92"/>
      <c r="AV2703" s="92"/>
      <c r="AW2703" s="92"/>
      <c r="AX2703" s="92"/>
      <c r="AY2703" s="92"/>
      <c r="AZ2703" s="93"/>
      <c r="BA2703" s="93"/>
      <c r="BB2703" s="93"/>
      <c r="BC2703" s="93"/>
      <c r="BD2703" s="93"/>
      <c r="BE2703" s="93"/>
      <c r="BF2703" s="93"/>
      <c r="BG2703" s="93"/>
      <c r="BH2703" s="93"/>
      <c r="BI2703" s="93"/>
      <c r="BJ2703" s="93"/>
      <c r="BK2703" s="93"/>
      <c r="BL2703" s="93"/>
    </row>
    <row r="2704" spans="2:64" x14ac:dyDescent="0.2">
      <c r="B2704" s="43"/>
      <c r="C2704" s="73"/>
      <c r="D2704" s="64"/>
      <c r="E2704" s="55"/>
      <c r="F2704" s="74"/>
      <c r="G2704" s="74"/>
      <c r="H2704" s="74"/>
      <c r="I2704" s="75"/>
      <c r="J2704" s="74"/>
      <c r="L2704" s="55"/>
      <c r="M2704" s="234"/>
      <c r="N2704" s="65"/>
      <c r="O2704" s="76"/>
      <c r="P2704" s="76"/>
      <c r="Q2704" s="65"/>
      <c r="R2704" s="76"/>
      <c r="S2704" s="76"/>
      <c r="T2704" s="76"/>
      <c r="U2704" s="76"/>
      <c r="V2704" s="76"/>
      <c r="W2704" s="76"/>
      <c r="X2704" s="76"/>
      <c r="Y2704" s="76"/>
      <c r="Z2704" s="76"/>
      <c r="AA2704" s="85"/>
      <c r="AB2704" s="85"/>
      <c r="AC2704" s="85"/>
      <c r="AD2704" s="85"/>
      <c r="AE2704" s="85"/>
      <c r="AF2704" s="85"/>
      <c r="AG2704" s="86"/>
      <c r="AH2704" s="85"/>
      <c r="AI2704" s="85"/>
      <c r="AJ2704" s="85"/>
      <c r="AK2704" s="85"/>
      <c r="AL2704" s="85"/>
      <c r="AM2704" s="92"/>
      <c r="AN2704" s="92"/>
      <c r="AO2704" s="92"/>
      <c r="AP2704" s="92"/>
      <c r="AQ2704" s="92"/>
      <c r="AR2704" s="92"/>
      <c r="AS2704" s="92"/>
      <c r="AT2704" s="92"/>
      <c r="AU2704" s="92"/>
      <c r="AV2704" s="92"/>
      <c r="AW2704" s="92"/>
      <c r="AX2704" s="92"/>
      <c r="AY2704" s="92"/>
      <c r="AZ2704" s="93"/>
      <c r="BA2704" s="93"/>
      <c r="BB2704" s="93"/>
      <c r="BC2704" s="93"/>
      <c r="BD2704" s="93"/>
      <c r="BE2704" s="93"/>
      <c r="BF2704" s="93"/>
      <c r="BG2704" s="93"/>
      <c r="BH2704" s="93"/>
      <c r="BI2704" s="93"/>
      <c r="BJ2704" s="93"/>
      <c r="BK2704" s="93"/>
      <c r="BL2704" s="93"/>
    </row>
    <row r="2705" spans="2:64" x14ac:dyDescent="0.2">
      <c r="B2705" s="43"/>
      <c r="C2705" s="73"/>
      <c r="D2705" s="64"/>
      <c r="E2705" s="55"/>
      <c r="F2705" s="74"/>
      <c r="G2705" s="74"/>
      <c r="H2705" s="74"/>
      <c r="I2705" s="75"/>
      <c r="J2705" s="74"/>
      <c r="L2705" s="55"/>
      <c r="M2705" s="234"/>
      <c r="N2705" s="65"/>
      <c r="O2705" s="76"/>
      <c r="P2705" s="76"/>
      <c r="Q2705" s="65"/>
      <c r="R2705" s="76"/>
      <c r="S2705" s="76"/>
      <c r="T2705" s="76"/>
      <c r="U2705" s="76"/>
      <c r="V2705" s="76"/>
      <c r="W2705" s="76"/>
      <c r="X2705" s="76"/>
      <c r="Y2705" s="76"/>
      <c r="Z2705" s="76"/>
      <c r="AA2705" s="85"/>
      <c r="AB2705" s="85"/>
      <c r="AC2705" s="85"/>
      <c r="AD2705" s="85"/>
      <c r="AE2705" s="85"/>
      <c r="AF2705" s="85"/>
      <c r="AG2705" s="86"/>
      <c r="AH2705" s="85"/>
      <c r="AI2705" s="85"/>
      <c r="AJ2705" s="85"/>
      <c r="AK2705" s="85"/>
      <c r="AL2705" s="85"/>
      <c r="AM2705" s="92"/>
      <c r="AN2705" s="92"/>
      <c r="AO2705" s="92"/>
      <c r="AP2705" s="92"/>
      <c r="AQ2705" s="92"/>
      <c r="AR2705" s="92"/>
      <c r="AS2705" s="92"/>
      <c r="AT2705" s="92"/>
      <c r="AU2705" s="92"/>
      <c r="AV2705" s="92"/>
      <c r="AW2705" s="92"/>
      <c r="AX2705" s="92"/>
      <c r="AY2705" s="92"/>
      <c r="AZ2705" s="93"/>
      <c r="BA2705" s="93"/>
      <c r="BB2705" s="93"/>
      <c r="BC2705" s="93"/>
      <c r="BD2705" s="93"/>
      <c r="BE2705" s="93"/>
      <c r="BF2705" s="93"/>
      <c r="BG2705" s="93"/>
      <c r="BH2705" s="93"/>
      <c r="BI2705" s="93"/>
      <c r="BJ2705" s="93"/>
      <c r="BK2705" s="93"/>
      <c r="BL2705" s="93"/>
    </row>
    <row r="2706" spans="2:64" x14ac:dyDescent="0.2">
      <c r="B2706" s="43"/>
      <c r="C2706" s="73"/>
      <c r="D2706" s="64"/>
      <c r="E2706" s="55"/>
      <c r="F2706" s="74"/>
      <c r="G2706" s="74"/>
      <c r="H2706" s="74"/>
      <c r="I2706" s="75"/>
      <c r="J2706" s="74"/>
      <c r="L2706" s="55"/>
      <c r="M2706" s="234"/>
      <c r="N2706" s="65"/>
      <c r="O2706" s="76"/>
      <c r="P2706" s="76"/>
      <c r="Q2706" s="65"/>
      <c r="R2706" s="76"/>
      <c r="S2706" s="76"/>
      <c r="T2706" s="76"/>
      <c r="U2706" s="76"/>
      <c r="V2706" s="76"/>
      <c r="W2706" s="76"/>
      <c r="X2706" s="76"/>
      <c r="Y2706" s="76"/>
      <c r="Z2706" s="76"/>
      <c r="AA2706" s="85"/>
      <c r="AB2706" s="85"/>
      <c r="AC2706" s="85"/>
      <c r="AD2706" s="85"/>
      <c r="AE2706" s="85"/>
      <c r="AF2706" s="85"/>
      <c r="AG2706" s="86"/>
      <c r="AH2706" s="85"/>
      <c r="AI2706" s="85"/>
      <c r="AJ2706" s="85"/>
      <c r="AK2706" s="85"/>
      <c r="AL2706" s="85"/>
      <c r="AM2706" s="92"/>
      <c r="AN2706" s="92"/>
      <c r="AO2706" s="92"/>
      <c r="AP2706" s="92"/>
      <c r="AQ2706" s="92"/>
      <c r="AR2706" s="92"/>
      <c r="AS2706" s="92"/>
      <c r="AT2706" s="92"/>
      <c r="AU2706" s="92"/>
      <c r="AV2706" s="92"/>
      <c r="AW2706" s="92"/>
      <c r="AX2706" s="92"/>
      <c r="AY2706" s="92"/>
      <c r="AZ2706" s="93"/>
      <c r="BA2706" s="93"/>
      <c r="BB2706" s="93"/>
      <c r="BC2706" s="93"/>
      <c r="BD2706" s="93"/>
      <c r="BE2706" s="93"/>
      <c r="BF2706" s="93"/>
      <c r="BG2706" s="93"/>
      <c r="BH2706" s="93"/>
      <c r="BI2706" s="93"/>
      <c r="BJ2706" s="93"/>
      <c r="BK2706" s="93"/>
      <c r="BL2706" s="93"/>
    </row>
    <row r="2707" spans="2:64" x14ac:dyDescent="0.2">
      <c r="B2707" s="43"/>
      <c r="C2707" s="73"/>
      <c r="D2707" s="64"/>
      <c r="E2707" s="55"/>
      <c r="F2707" s="74"/>
      <c r="G2707" s="74"/>
      <c r="H2707" s="74"/>
      <c r="I2707" s="75"/>
      <c r="J2707" s="74"/>
      <c r="L2707" s="55"/>
      <c r="M2707" s="234"/>
      <c r="N2707" s="65"/>
      <c r="O2707" s="76"/>
      <c r="P2707" s="76"/>
      <c r="Q2707" s="65"/>
      <c r="R2707" s="76"/>
      <c r="S2707" s="76"/>
      <c r="T2707" s="76"/>
      <c r="U2707" s="76"/>
      <c r="V2707" s="76"/>
      <c r="W2707" s="76"/>
      <c r="X2707" s="76"/>
      <c r="Y2707" s="76"/>
      <c r="Z2707" s="76"/>
      <c r="AA2707" s="85"/>
      <c r="AB2707" s="85"/>
      <c r="AC2707" s="85"/>
      <c r="AD2707" s="85"/>
      <c r="AE2707" s="85"/>
      <c r="AF2707" s="85"/>
      <c r="AG2707" s="86"/>
      <c r="AH2707" s="85"/>
      <c r="AI2707" s="85"/>
      <c r="AJ2707" s="85"/>
      <c r="AK2707" s="85"/>
      <c r="AL2707" s="85"/>
      <c r="AM2707" s="92"/>
      <c r="AN2707" s="92"/>
      <c r="AO2707" s="92"/>
      <c r="AP2707" s="92"/>
      <c r="AQ2707" s="92"/>
      <c r="AR2707" s="92"/>
      <c r="AS2707" s="92"/>
      <c r="AT2707" s="92"/>
      <c r="AU2707" s="92"/>
      <c r="AV2707" s="92"/>
      <c r="AW2707" s="92"/>
      <c r="AX2707" s="92"/>
      <c r="AY2707" s="92"/>
      <c r="AZ2707" s="93"/>
      <c r="BA2707" s="93"/>
      <c r="BB2707" s="93"/>
      <c r="BC2707" s="93"/>
      <c r="BD2707" s="93"/>
      <c r="BE2707" s="93"/>
      <c r="BF2707" s="93"/>
      <c r="BG2707" s="93"/>
      <c r="BH2707" s="93"/>
      <c r="BI2707" s="93"/>
      <c r="BJ2707" s="93"/>
      <c r="BK2707" s="93"/>
      <c r="BL2707" s="93"/>
    </row>
    <row r="2708" spans="2:64" x14ac:dyDescent="0.2">
      <c r="B2708" s="43"/>
      <c r="C2708" s="73"/>
      <c r="D2708" s="64"/>
      <c r="E2708" s="55"/>
      <c r="F2708" s="74"/>
      <c r="G2708" s="74"/>
      <c r="H2708" s="74"/>
      <c r="I2708" s="75"/>
      <c r="J2708" s="74"/>
      <c r="L2708" s="55"/>
      <c r="M2708" s="234"/>
      <c r="N2708" s="65"/>
      <c r="O2708" s="76"/>
      <c r="P2708" s="76"/>
      <c r="Q2708" s="65"/>
      <c r="R2708" s="76"/>
      <c r="S2708" s="76"/>
      <c r="T2708" s="76"/>
      <c r="U2708" s="76"/>
      <c r="V2708" s="76"/>
      <c r="W2708" s="76"/>
      <c r="X2708" s="76"/>
      <c r="Y2708" s="76"/>
      <c r="Z2708" s="76"/>
      <c r="AA2708" s="85"/>
      <c r="AB2708" s="85"/>
      <c r="AC2708" s="85"/>
      <c r="AD2708" s="85"/>
      <c r="AE2708" s="85"/>
      <c r="AF2708" s="85"/>
      <c r="AG2708" s="86"/>
      <c r="AH2708" s="85"/>
      <c r="AI2708" s="85"/>
      <c r="AJ2708" s="85"/>
      <c r="AK2708" s="85"/>
      <c r="AL2708" s="85"/>
      <c r="AM2708" s="92"/>
      <c r="AN2708" s="92"/>
      <c r="AO2708" s="92"/>
      <c r="AP2708" s="92"/>
      <c r="AQ2708" s="92"/>
      <c r="AR2708" s="92"/>
      <c r="AS2708" s="92"/>
      <c r="AT2708" s="92"/>
      <c r="AU2708" s="92"/>
      <c r="AV2708" s="92"/>
      <c r="AW2708" s="92"/>
      <c r="AX2708" s="92"/>
      <c r="AY2708" s="92"/>
      <c r="AZ2708" s="93"/>
      <c r="BA2708" s="93"/>
      <c r="BB2708" s="93"/>
      <c r="BC2708" s="93"/>
      <c r="BD2708" s="93"/>
      <c r="BE2708" s="93"/>
      <c r="BF2708" s="93"/>
      <c r="BG2708" s="93"/>
      <c r="BH2708" s="93"/>
      <c r="BI2708" s="93"/>
      <c r="BJ2708" s="93"/>
      <c r="BK2708" s="93"/>
      <c r="BL2708" s="93"/>
    </row>
    <row r="2709" spans="2:64" x14ac:dyDescent="0.2">
      <c r="B2709" s="43"/>
      <c r="C2709" s="73"/>
      <c r="D2709" s="64"/>
      <c r="E2709" s="55"/>
      <c r="F2709" s="74"/>
      <c r="G2709" s="74"/>
      <c r="H2709" s="74"/>
      <c r="I2709" s="75"/>
      <c r="J2709" s="74"/>
      <c r="L2709" s="55"/>
      <c r="M2709" s="234"/>
      <c r="N2709" s="65"/>
      <c r="O2709" s="76"/>
      <c r="P2709" s="76"/>
      <c r="Q2709" s="65"/>
      <c r="R2709" s="76"/>
      <c r="S2709" s="76"/>
      <c r="T2709" s="76"/>
      <c r="U2709" s="76"/>
      <c r="V2709" s="76"/>
      <c r="W2709" s="76"/>
      <c r="X2709" s="76"/>
      <c r="Y2709" s="76"/>
      <c r="Z2709" s="76"/>
      <c r="AA2709" s="85"/>
      <c r="AB2709" s="85"/>
      <c r="AC2709" s="85"/>
      <c r="AD2709" s="85"/>
      <c r="AE2709" s="85"/>
      <c r="AF2709" s="85"/>
      <c r="AG2709" s="86"/>
      <c r="AH2709" s="85"/>
      <c r="AI2709" s="85"/>
      <c r="AJ2709" s="85"/>
      <c r="AK2709" s="85"/>
      <c r="AL2709" s="85"/>
      <c r="AM2709" s="92"/>
      <c r="AN2709" s="92"/>
      <c r="AO2709" s="92"/>
      <c r="AP2709" s="92"/>
      <c r="AQ2709" s="92"/>
      <c r="AR2709" s="92"/>
      <c r="AS2709" s="92"/>
      <c r="AT2709" s="92"/>
      <c r="AU2709" s="92"/>
      <c r="AV2709" s="92"/>
      <c r="AW2709" s="92"/>
      <c r="AX2709" s="92"/>
      <c r="AY2709" s="92"/>
      <c r="AZ2709" s="93"/>
      <c r="BA2709" s="93"/>
      <c r="BB2709" s="93"/>
      <c r="BC2709" s="93"/>
      <c r="BD2709" s="93"/>
      <c r="BE2709" s="93"/>
      <c r="BF2709" s="93"/>
      <c r="BG2709" s="93"/>
      <c r="BH2709" s="93"/>
      <c r="BI2709" s="93"/>
      <c r="BJ2709" s="93"/>
      <c r="BK2709" s="93"/>
      <c r="BL2709" s="93"/>
    </row>
    <row r="2710" spans="2:64" x14ac:dyDescent="0.2">
      <c r="B2710" s="43"/>
      <c r="C2710" s="73"/>
      <c r="D2710" s="64"/>
      <c r="E2710" s="55"/>
      <c r="F2710" s="74"/>
      <c r="G2710" s="74"/>
      <c r="H2710" s="74"/>
      <c r="I2710" s="75"/>
      <c r="J2710" s="74"/>
      <c r="L2710" s="55"/>
      <c r="M2710" s="234"/>
      <c r="N2710" s="65"/>
      <c r="O2710" s="76"/>
      <c r="P2710" s="76"/>
      <c r="Q2710" s="65"/>
      <c r="R2710" s="76"/>
      <c r="S2710" s="76"/>
      <c r="T2710" s="76"/>
      <c r="U2710" s="76"/>
      <c r="V2710" s="76"/>
      <c r="W2710" s="76"/>
      <c r="X2710" s="76"/>
      <c r="Y2710" s="76"/>
      <c r="Z2710" s="76"/>
      <c r="AA2710" s="85"/>
      <c r="AB2710" s="85"/>
      <c r="AC2710" s="85"/>
      <c r="AD2710" s="85"/>
      <c r="AE2710" s="85"/>
      <c r="AF2710" s="85"/>
      <c r="AG2710" s="86"/>
      <c r="AH2710" s="85"/>
      <c r="AI2710" s="85"/>
      <c r="AJ2710" s="85"/>
      <c r="AK2710" s="85"/>
      <c r="AL2710" s="85"/>
      <c r="AM2710" s="92"/>
      <c r="AN2710" s="92"/>
      <c r="AO2710" s="92"/>
      <c r="AP2710" s="92"/>
      <c r="AQ2710" s="92"/>
      <c r="AR2710" s="92"/>
      <c r="AS2710" s="92"/>
      <c r="AT2710" s="92"/>
      <c r="AU2710" s="92"/>
      <c r="AV2710" s="92"/>
      <c r="AW2710" s="92"/>
      <c r="AX2710" s="92"/>
      <c r="AY2710" s="92"/>
      <c r="AZ2710" s="93"/>
      <c r="BA2710" s="93"/>
      <c r="BB2710" s="93"/>
      <c r="BC2710" s="93"/>
      <c r="BD2710" s="93"/>
      <c r="BE2710" s="93"/>
      <c r="BF2710" s="93"/>
      <c r="BG2710" s="93"/>
      <c r="BH2710" s="93"/>
      <c r="BI2710" s="93"/>
      <c r="BJ2710" s="93"/>
      <c r="BK2710" s="93"/>
      <c r="BL2710" s="93"/>
    </row>
    <row r="2711" spans="2:64" x14ac:dyDescent="0.2">
      <c r="B2711" s="43"/>
      <c r="C2711" s="73"/>
      <c r="D2711" s="64"/>
      <c r="E2711" s="55"/>
      <c r="F2711" s="74"/>
      <c r="G2711" s="74"/>
      <c r="H2711" s="74"/>
      <c r="I2711" s="75"/>
      <c r="J2711" s="74"/>
      <c r="L2711" s="55"/>
      <c r="M2711" s="234"/>
      <c r="N2711" s="65"/>
      <c r="O2711" s="76"/>
      <c r="P2711" s="76"/>
      <c r="Q2711" s="65"/>
      <c r="R2711" s="76"/>
      <c r="S2711" s="76"/>
      <c r="T2711" s="76"/>
      <c r="U2711" s="76"/>
      <c r="V2711" s="76"/>
      <c r="W2711" s="76"/>
      <c r="X2711" s="76"/>
      <c r="Y2711" s="76"/>
      <c r="Z2711" s="76"/>
      <c r="AA2711" s="85"/>
      <c r="AB2711" s="85"/>
      <c r="AC2711" s="85"/>
      <c r="AD2711" s="85"/>
      <c r="AE2711" s="85"/>
      <c r="AF2711" s="85"/>
      <c r="AG2711" s="86"/>
      <c r="AH2711" s="85"/>
      <c r="AI2711" s="85"/>
      <c r="AJ2711" s="85"/>
      <c r="AK2711" s="85"/>
      <c r="AL2711" s="85"/>
      <c r="AM2711" s="92"/>
      <c r="AN2711" s="92"/>
      <c r="AO2711" s="92"/>
      <c r="AP2711" s="92"/>
      <c r="AQ2711" s="92"/>
      <c r="AR2711" s="92"/>
      <c r="AS2711" s="92"/>
      <c r="AT2711" s="92"/>
      <c r="AU2711" s="92"/>
      <c r="AV2711" s="92"/>
      <c r="AW2711" s="92"/>
      <c r="AX2711" s="92"/>
      <c r="AY2711" s="92"/>
      <c r="AZ2711" s="93"/>
      <c r="BA2711" s="93"/>
      <c r="BB2711" s="93"/>
      <c r="BC2711" s="93"/>
      <c r="BD2711" s="93"/>
      <c r="BE2711" s="93"/>
      <c r="BF2711" s="93"/>
      <c r="BG2711" s="93"/>
      <c r="BH2711" s="93"/>
      <c r="BI2711" s="93"/>
      <c r="BJ2711" s="93"/>
      <c r="BK2711" s="93"/>
      <c r="BL2711" s="93"/>
    </row>
    <row r="2712" spans="2:64" x14ac:dyDescent="0.2">
      <c r="B2712" s="43"/>
      <c r="C2712" s="73"/>
      <c r="D2712" s="64"/>
      <c r="E2712" s="55"/>
      <c r="F2712" s="74"/>
      <c r="G2712" s="74"/>
      <c r="H2712" s="74"/>
      <c r="I2712" s="75"/>
      <c r="J2712" s="74"/>
      <c r="L2712" s="55"/>
      <c r="M2712" s="234"/>
      <c r="N2712" s="65"/>
      <c r="O2712" s="76"/>
      <c r="P2712" s="76"/>
      <c r="Q2712" s="65"/>
      <c r="R2712" s="76"/>
      <c r="S2712" s="76"/>
      <c r="T2712" s="76"/>
      <c r="U2712" s="76"/>
      <c r="V2712" s="76"/>
      <c r="W2712" s="76"/>
      <c r="X2712" s="76"/>
      <c r="Y2712" s="76"/>
      <c r="Z2712" s="76"/>
      <c r="AA2712" s="85"/>
      <c r="AB2712" s="85"/>
      <c r="AC2712" s="85"/>
      <c r="AD2712" s="85"/>
      <c r="AE2712" s="85"/>
      <c r="AF2712" s="85"/>
      <c r="AG2712" s="86"/>
      <c r="AH2712" s="85"/>
      <c r="AI2712" s="85"/>
      <c r="AJ2712" s="85"/>
      <c r="AK2712" s="85"/>
      <c r="AL2712" s="85"/>
      <c r="AM2712" s="92"/>
      <c r="AN2712" s="92"/>
      <c r="AO2712" s="92"/>
      <c r="AP2712" s="92"/>
      <c r="AQ2712" s="92"/>
      <c r="AR2712" s="92"/>
      <c r="AS2712" s="92"/>
      <c r="AT2712" s="92"/>
      <c r="AU2712" s="92"/>
      <c r="AV2712" s="92"/>
      <c r="AW2712" s="92"/>
      <c r="AX2712" s="92"/>
      <c r="AY2712" s="92"/>
      <c r="AZ2712" s="93"/>
      <c r="BA2712" s="93"/>
      <c r="BB2712" s="93"/>
      <c r="BC2712" s="93"/>
      <c r="BD2712" s="93"/>
      <c r="BE2712" s="93"/>
      <c r="BF2712" s="93"/>
      <c r="BG2712" s="93"/>
      <c r="BH2712" s="93"/>
      <c r="BI2712" s="93"/>
      <c r="BJ2712" s="93"/>
      <c r="BK2712" s="93"/>
      <c r="BL2712" s="93"/>
    </row>
    <row r="2713" spans="2:64" x14ac:dyDescent="0.2">
      <c r="B2713" s="43"/>
      <c r="C2713" s="73"/>
      <c r="D2713" s="64"/>
      <c r="E2713" s="55"/>
      <c r="F2713" s="74"/>
      <c r="G2713" s="74"/>
      <c r="H2713" s="74"/>
      <c r="I2713" s="75"/>
      <c r="J2713" s="74"/>
      <c r="L2713" s="55"/>
      <c r="M2713" s="234"/>
      <c r="N2713" s="65"/>
      <c r="O2713" s="76"/>
      <c r="P2713" s="76"/>
      <c r="Q2713" s="65"/>
      <c r="R2713" s="76"/>
      <c r="S2713" s="76"/>
      <c r="T2713" s="76"/>
      <c r="U2713" s="76"/>
      <c r="V2713" s="76"/>
      <c r="W2713" s="76"/>
      <c r="X2713" s="76"/>
      <c r="Y2713" s="76"/>
      <c r="Z2713" s="76"/>
      <c r="AA2713" s="85"/>
      <c r="AB2713" s="85"/>
      <c r="AC2713" s="85"/>
      <c r="AD2713" s="85"/>
      <c r="AE2713" s="85"/>
      <c r="AF2713" s="85"/>
      <c r="AG2713" s="86"/>
      <c r="AH2713" s="85"/>
      <c r="AI2713" s="85"/>
      <c r="AJ2713" s="85"/>
      <c r="AK2713" s="85"/>
      <c r="AL2713" s="85"/>
      <c r="AM2713" s="92"/>
      <c r="AN2713" s="92"/>
      <c r="AO2713" s="92"/>
      <c r="AP2713" s="92"/>
      <c r="AQ2713" s="92"/>
      <c r="AR2713" s="92"/>
      <c r="AS2713" s="92"/>
      <c r="AT2713" s="92"/>
      <c r="AU2713" s="92"/>
      <c r="AV2713" s="92"/>
      <c r="AW2713" s="92"/>
      <c r="AX2713" s="92"/>
      <c r="AY2713" s="92"/>
      <c r="AZ2713" s="93"/>
      <c r="BA2713" s="93"/>
      <c r="BB2713" s="93"/>
      <c r="BC2713" s="93"/>
      <c r="BD2713" s="93"/>
      <c r="BE2713" s="93"/>
      <c r="BF2713" s="93"/>
      <c r="BG2713" s="93"/>
      <c r="BH2713" s="93"/>
      <c r="BI2713" s="93"/>
      <c r="BJ2713" s="93"/>
      <c r="BK2713" s="93"/>
      <c r="BL2713" s="93"/>
    </row>
    <row r="2714" spans="2:64" x14ac:dyDescent="0.2">
      <c r="B2714" s="43"/>
      <c r="C2714" s="73"/>
      <c r="D2714" s="64"/>
      <c r="E2714" s="55"/>
      <c r="F2714" s="74"/>
      <c r="G2714" s="74"/>
      <c r="H2714" s="74"/>
      <c r="I2714" s="75"/>
      <c r="J2714" s="74"/>
      <c r="L2714" s="55"/>
      <c r="M2714" s="234"/>
      <c r="N2714" s="65"/>
      <c r="O2714" s="76"/>
      <c r="P2714" s="76"/>
      <c r="Q2714" s="65"/>
      <c r="R2714" s="76"/>
      <c r="S2714" s="76"/>
      <c r="T2714" s="76"/>
      <c r="U2714" s="76"/>
      <c r="V2714" s="76"/>
      <c r="W2714" s="76"/>
      <c r="X2714" s="76"/>
      <c r="Y2714" s="76"/>
      <c r="Z2714" s="76"/>
      <c r="AA2714" s="85"/>
      <c r="AB2714" s="85"/>
      <c r="AC2714" s="85"/>
      <c r="AD2714" s="85"/>
      <c r="AE2714" s="85"/>
      <c r="AF2714" s="85"/>
      <c r="AG2714" s="86"/>
      <c r="AH2714" s="85"/>
      <c r="AI2714" s="85"/>
      <c r="AJ2714" s="85"/>
      <c r="AK2714" s="85"/>
      <c r="AL2714" s="85"/>
      <c r="AM2714" s="92"/>
      <c r="AN2714" s="92"/>
      <c r="AO2714" s="92"/>
      <c r="AP2714" s="92"/>
      <c r="AQ2714" s="92"/>
      <c r="AR2714" s="92"/>
      <c r="AS2714" s="92"/>
      <c r="AT2714" s="92"/>
      <c r="AU2714" s="92"/>
      <c r="AV2714" s="92"/>
      <c r="AW2714" s="92"/>
      <c r="AX2714" s="92"/>
      <c r="AY2714" s="92"/>
      <c r="AZ2714" s="93"/>
      <c r="BA2714" s="93"/>
      <c r="BB2714" s="93"/>
      <c r="BC2714" s="93"/>
      <c r="BD2714" s="93"/>
      <c r="BE2714" s="93"/>
      <c r="BF2714" s="93"/>
      <c r="BG2714" s="93"/>
      <c r="BH2714" s="93"/>
      <c r="BI2714" s="93"/>
      <c r="BJ2714" s="93"/>
      <c r="BK2714" s="93"/>
      <c r="BL2714" s="93"/>
    </row>
    <row r="2715" spans="2:64" x14ac:dyDescent="0.2">
      <c r="B2715" s="43"/>
      <c r="C2715" s="73"/>
      <c r="D2715" s="64"/>
      <c r="E2715" s="55"/>
      <c r="F2715" s="74"/>
      <c r="G2715" s="74"/>
      <c r="H2715" s="74"/>
      <c r="I2715" s="75"/>
      <c r="J2715" s="74"/>
      <c r="L2715" s="55"/>
      <c r="M2715" s="234"/>
      <c r="N2715" s="65"/>
      <c r="O2715" s="76"/>
      <c r="P2715" s="76"/>
      <c r="Q2715" s="65"/>
      <c r="R2715" s="76"/>
      <c r="S2715" s="76"/>
      <c r="T2715" s="76"/>
      <c r="U2715" s="76"/>
      <c r="V2715" s="76"/>
      <c r="W2715" s="76"/>
      <c r="X2715" s="76"/>
      <c r="Y2715" s="76"/>
      <c r="Z2715" s="76"/>
      <c r="AA2715" s="85"/>
      <c r="AB2715" s="85"/>
      <c r="AC2715" s="85"/>
      <c r="AD2715" s="85"/>
      <c r="AE2715" s="85"/>
      <c r="AF2715" s="85"/>
      <c r="AG2715" s="86"/>
      <c r="AH2715" s="85"/>
      <c r="AI2715" s="85"/>
      <c r="AJ2715" s="85"/>
      <c r="AK2715" s="85"/>
      <c r="AL2715" s="85"/>
      <c r="AM2715" s="92"/>
      <c r="AN2715" s="92"/>
      <c r="AO2715" s="92"/>
      <c r="AP2715" s="92"/>
      <c r="AQ2715" s="92"/>
      <c r="AR2715" s="92"/>
      <c r="AS2715" s="92"/>
      <c r="AT2715" s="92"/>
      <c r="AU2715" s="92"/>
      <c r="AV2715" s="92"/>
      <c r="AW2715" s="92"/>
      <c r="AX2715" s="92"/>
      <c r="AY2715" s="92"/>
      <c r="AZ2715" s="93"/>
      <c r="BA2715" s="93"/>
      <c r="BB2715" s="93"/>
      <c r="BC2715" s="93"/>
      <c r="BD2715" s="93"/>
      <c r="BE2715" s="93"/>
      <c r="BF2715" s="93"/>
      <c r="BG2715" s="93"/>
      <c r="BH2715" s="93"/>
      <c r="BI2715" s="93"/>
      <c r="BJ2715" s="93"/>
      <c r="BK2715" s="93"/>
      <c r="BL2715" s="93"/>
    </row>
    <row r="2716" spans="2:64" x14ac:dyDescent="0.2">
      <c r="B2716" s="43"/>
      <c r="C2716" s="73"/>
      <c r="D2716" s="64"/>
      <c r="E2716" s="55"/>
      <c r="F2716" s="74"/>
      <c r="G2716" s="74"/>
      <c r="H2716" s="74"/>
      <c r="I2716" s="75"/>
      <c r="J2716" s="74"/>
      <c r="L2716" s="55"/>
      <c r="M2716" s="234"/>
      <c r="N2716" s="65"/>
      <c r="O2716" s="76"/>
      <c r="P2716" s="76"/>
      <c r="Q2716" s="65"/>
      <c r="R2716" s="76"/>
      <c r="S2716" s="76"/>
      <c r="T2716" s="76"/>
      <c r="U2716" s="76"/>
      <c r="V2716" s="76"/>
      <c r="W2716" s="76"/>
      <c r="X2716" s="76"/>
      <c r="Y2716" s="76"/>
      <c r="Z2716" s="76"/>
      <c r="AA2716" s="85"/>
      <c r="AB2716" s="85"/>
      <c r="AC2716" s="85"/>
      <c r="AD2716" s="85"/>
      <c r="AE2716" s="85"/>
      <c r="AF2716" s="85"/>
      <c r="AG2716" s="86"/>
      <c r="AH2716" s="85"/>
      <c r="AI2716" s="85"/>
      <c r="AJ2716" s="85"/>
      <c r="AK2716" s="85"/>
      <c r="AL2716" s="85"/>
      <c r="AM2716" s="92"/>
      <c r="AN2716" s="92"/>
      <c r="AO2716" s="92"/>
      <c r="AP2716" s="92"/>
      <c r="AQ2716" s="92"/>
      <c r="AR2716" s="92"/>
      <c r="AS2716" s="92"/>
      <c r="AT2716" s="92"/>
      <c r="AU2716" s="92"/>
      <c r="AV2716" s="92"/>
      <c r="AW2716" s="92"/>
      <c r="AX2716" s="92"/>
      <c r="AY2716" s="92"/>
      <c r="AZ2716" s="93"/>
      <c r="BA2716" s="93"/>
      <c r="BB2716" s="93"/>
      <c r="BC2716" s="93"/>
      <c r="BD2716" s="93"/>
      <c r="BE2716" s="93"/>
      <c r="BF2716" s="93"/>
      <c r="BG2716" s="93"/>
      <c r="BH2716" s="93"/>
      <c r="BI2716" s="93"/>
      <c r="BJ2716" s="93"/>
      <c r="BK2716" s="93"/>
      <c r="BL2716" s="93"/>
    </row>
    <row r="2717" spans="2:64" x14ac:dyDescent="0.2">
      <c r="B2717" s="43"/>
      <c r="C2717" s="73"/>
      <c r="D2717" s="64"/>
      <c r="E2717" s="55"/>
      <c r="F2717" s="74"/>
      <c r="G2717" s="74"/>
      <c r="H2717" s="74"/>
      <c r="I2717" s="75"/>
      <c r="J2717" s="74"/>
      <c r="L2717" s="55"/>
      <c r="M2717" s="234"/>
      <c r="N2717" s="65"/>
      <c r="O2717" s="76"/>
      <c r="P2717" s="76"/>
      <c r="Q2717" s="65"/>
      <c r="R2717" s="76"/>
      <c r="S2717" s="76"/>
      <c r="T2717" s="76"/>
      <c r="U2717" s="76"/>
      <c r="V2717" s="76"/>
      <c r="W2717" s="76"/>
      <c r="X2717" s="76"/>
      <c r="Y2717" s="76"/>
      <c r="Z2717" s="76"/>
      <c r="AA2717" s="85"/>
      <c r="AB2717" s="85"/>
      <c r="AC2717" s="85"/>
      <c r="AD2717" s="85"/>
      <c r="AE2717" s="85"/>
      <c r="AF2717" s="85"/>
      <c r="AG2717" s="86"/>
      <c r="AH2717" s="85"/>
      <c r="AI2717" s="85"/>
      <c r="AJ2717" s="85"/>
      <c r="AK2717" s="85"/>
      <c r="AL2717" s="85"/>
      <c r="AM2717" s="92"/>
      <c r="AN2717" s="92"/>
      <c r="AO2717" s="92"/>
      <c r="AP2717" s="92"/>
      <c r="AQ2717" s="92"/>
      <c r="AR2717" s="92"/>
      <c r="AS2717" s="92"/>
      <c r="AT2717" s="92"/>
      <c r="AU2717" s="92"/>
      <c r="AV2717" s="92"/>
      <c r="AW2717" s="92"/>
      <c r="AX2717" s="92"/>
      <c r="AY2717" s="92"/>
      <c r="AZ2717" s="93"/>
      <c r="BA2717" s="93"/>
      <c r="BB2717" s="93"/>
      <c r="BC2717" s="93"/>
      <c r="BD2717" s="93"/>
      <c r="BE2717" s="93"/>
      <c r="BF2717" s="93"/>
      <c r="BG2717" s="93"/>
      <c r="BH2717" s="93"/>
      <c r="BI2717" s="93"/>
      <c r="BJ2717" s="93"/>
      <c r="BK2717" s="93"/>
      <c r="BL2717" s="93"/>
    </row>
    <row r="2718" spans="2:64" x14ac:dyDescent="0.2">
      <c r="B2718" s="43"/>
      <c r="C2718" s="73"/>
      <c r="D2718" s="64"/>
      <c r="E2718" s="55"/>
      <c r="F2718" s="74"/>
      <c r="G2718" s="74"/>
      <c r="H2718" s="74"/>
      <c r="I2718" s="75"/>
      <c r="J2718" s="74"/>
      <c r="L2718" s="55"/>
      <c r="M2718" s="234"/>
      <c r="N2718" s="65"/>
      <c r="O2718" s="76"/>
      <c r="P2718" s="76"/>
      <c r="Q2718" s="65"/>
      <c r="R2718" s="76"/>
      <c r="S2718" s="76"/>
      <c r="T2718" s="76"/>
      <c r="U2718" s="76"/>
      <c r="V2718" s="76"/>
      <c r="W2718" s="76"/>
      <c r="X2718" s="76"/>
      <c r="Y2718" s="76"/>
      <c r="Z2718" s="76"/>
      <c r="AA2718" s="85"/>
      <c r="AB2718" s="85"/>
      <c r="AC2718" s="85"/>
      <c r="AD2718" s="85"/>
      <c r="AE2718" s="85"/>
      <c r="AF2718" s="85"/>
      <c r="AG2718" s="86"/>
      <c r="AH2718" s="85"/>
      <c r="AI2718" s="85"/>
      <c r="AJ2718" s="85"/>
      <c r="AK2718" s="85"/>
      <c r="AL2718" s="85"/>
      <c r="AM2718" s="92"/>
      <c r="AN2718" s="92"/>
      <c r="AO2718" s="92"/>
      <c r="AP2718" s="92"/>
      <c r="AQ2718" s="92"/>
      <c r="AR2718" s="92"/>
      <c r="AS2718" s="92"/>
      <c r="AT2718" s="92"/>
      <c r="AU2718" s="92"/>
      <c r="AV2718" s="92"/>
      <c r="AW2718" s="92"/>
      <c r="AX2718" s="92"/>
      <c r="AY2718" s="92"/>
      <c r="AZ2718" s="93"/>
      <c r="BA2718" s="93"/>
      <c r="BB2718" s="93"/>
      <c r="BC2718" s="93"/>
      <c r="BD2718" s="93"/>
      <c r="BE2718" s="93"/>
      <c r="BF2718" s="93"/>
      <c r="BG2718" s="93"/>
      <c r="BH2718" s="93"/>
      <c r="BI2718" s="93"/>
      <c r="BJ2718" s="93"/>
      <c r="BK2718" s="93"/>
      <c r="BL2718" s="93"/>
    </row>
    <row r="2719" spans="2:64" x14ac:dyDescent="0.2">
      <c r="B2719" s="43"/>
      <c r="C2719" s="73"/>
      <c r="D2719" s="64"/>
      <c r="E2719" s="55"/>
      <c r="F2719" s="74"/>
      <c r="G2719" s="74"/>
      <c r="H2719" s="74"/>
      <c r="I2719" s="75"/>
      <c r="J2719" s="74"/>
      <c r="L2719" s="55"/>
      <c r="M2719" s="234"/>
      <c r="N2719" s="65"/>
      <c r="O2719" s="76"/>
      <c r="P2719" s="76"/>
      <c r="Q2719" s="65"/>
      <c r="R2719" s="76"/>
      <c r="S2719" s="76"/>
      <c r="T2719" s="76"/>
      <c r="U2719" s="76"/>
      <c r="V2719" s="76"/>
      <c r="W2719" s="76"/>
      <c r="X2719" s="76"/>
      <c r="Y2719" s="76"/>
      <c r="Z2719" s="76"/>
      <c r="AA2719" s="85"/>
      <c r="AB2719" s="85"/>
      <c r="AC2719" s="85"/>
      <c r="AD2719" s="85"/>
      <c r="AE2719" s="85"/>
      <c r="AF2719" s="85"/>
      <c r="AG2719" s="86"/>
      <c r="AH2719" s="85"/>
      <c r="AI2719" s="85"/>
      <c r="AJ2719" s="85"/>
      <c r="AK2719" s="85"/>
      <c r="AL2719" s="85"/>
      <c r="AM2719" s="92"/>
      <c r="AN2719" s="92"/>
      <c r="AO2719" s="92"/>
      <c r="AP2719" s="92"/>
      <c r="AQ2719" s="92"/>
      <c r="AR2719" s="92"/>
      <c r="AS2719" s="92"/>
      <c r="AT2719" s="92"/>
      <c r="AU2719" s="92"/>
      <c r="AV2719" s="92"/>
      <c r="AW2719" s="92"/>
      <c r="AX2719" s="92"/>
      <c r="AY2719" s="92"/>
      <c r="AZ2719" s="93"/>
      <c r="BA2719" s="93"/>
      <c r="BB2719" s="93"/>
      <c r="BC2719" s="93"/>
      <c r="BD2719" s="93"/>
      <c r="BE2719" s="93"/>
      <c r="BF2719" s="93"/>
      <c r="BG2719" s="93"/>
      <c r="BH2719" s="93"/>
      <c r="BI2719" s="93"/>
      <c r="BJ2719" s="93"/>
      <c r="BK2719" s="93"/>
      <c r="BL2719" s="93"/>
    </row>
    <row r="2720" spans="2:64" x14ac:dyDescent="0.2">
      <c r="B2720" s="43"/>
      <c r="C2720" s="73"/>
      <c r="D2720" s="64"/>
      <c r="E2720" s="55"/>
      <c r="F2720" s="74"/>
      <c r="G2720" s="74"/>
      <c r="H2720" s="74"/>
      <c r="I2720" s="75"/>
      <c r="J2720" s="74"/>
      <c r="L2720" s="55"/>
      <c r="M2720" s="234"/>
      <c r="N2720" s="65"/>
      <c r="O2720" s="76"/>
      <c r="P2720" s="76"/>
      <c r="Q2720" s="65"/>
      <c r="R2720" s="76"/>
      <c r="S2720" s="76"/>
      <c r="T2720" s="76"/>
      <c r="U2720" s="76"/>
      <c r="V2720" s="76"/>
      <c r="W2720" s="76"/>
      <c r="X2720" s="76"/>
      <c r="Y2720" s="76"/>
      <c r="Z2720" s="76"/>
      <c r="AA2720" s="85"/>
      <c r="AB2720" s="85"/>
      <c r="AC2720" s="85"/>
      <c r="AD2720" s="85"/>
      <c r="AE2720" s="85"/>
      <c r="AF2720" s="85"/>
      <c r="AG2720" s="86"/>
      <c r="AH2720" s="85"/>
      <c r="AI2720" s="85"/>
      <c r="AJ2720" s="85"/>
      <c r="AK2720" s="85"/>
      <c r="AL2720" s="85"/>
      <c r="AM2720" s="92"/>
      <c r="AN2720" s="92"/>
      <c r="AO2720" s="92"/>
      <c r="AP2720" s="92"/>
      <c r="AQ2720" s="92"/>
      <c r="AR2720" s="92"/>
      <c r="AS2720" s="92"/>
      <c r="AT2720" s="92"/>
      <c r="AU2720" s="92"/>
      <c r="AV2720" s="92"/>
      <c r="AW2720" s="92"/>
      <c r="AX2720" s="92"/>
      <c r="AY2720" s="92"/>
      <c r="AZ2720" s="93"/>
      <c r="BA2720" s="93"/>
      <c r="BB2720" s="93"/>
      <c r="BC2720" s="93"/>
      <c r="BD2720" s="93"/>
      <c r="BE2720" s="93"/>
      <c r="BF2720" s="93"/>
      <c r="BG2720" s="93"/>
      <c r="BH2720" s="93"/>
      <c r="BI2720" s="93"/>
      <c r="BJ2720" s="93"/>
      <c r="BK2720" s="93"/>
      <c r="BL2720" s="93"/>
    </row>
    <row r="2721" spans="2:64" x14ac:dyDescent="0.2">
      <c r="B2721" s="43"/>
      <c r="C2721" s="73"/>
      <c r="D2721" s="64"/>
      <c r="E2721" s="55"/>
      <c r="F2721" s="74"/>
      <c r="G2721" s="74"/>
      <c r="H2721" s="74"/>
      <c r="I2721" s="75"/>
      <c r="J2721" s="74"/>
      <c r="L2721" s="55"/>
      <c r="M2721" s="234"/>
      <c r="N2721" s="65"/>
      <c r="O2721" s="76"/>
      <c r="P2721" s="76"/>
      <c r="Q2721" s="65"/>
      <c r="R2721" s="76"/>
      <c r="S2721" s="76"/>
      <c r="T2721" s="76"/>
      <c r="U2721" s="76"/>
      <c r="V2721" s="76"/>
      <c r="W2721" s="76"/>
      <c r="X2721" s="76"/>
      <c r="Y2721" s="76"/>
      <c r="Z2721" s="76"/>
      <c r="AA2721" s="85"/>
      <c r="AB2721" s="85"/>
      <c r="AC2721" s="85"/>
      <c r="AD2721" s="85"/>
      <c r="AE2721" s="85"/>
      <c r="AF2721" s="85"/>
      <c r="AG2721" s="86"/>
      <c r="AH2721" s="85"/>
      <c r="AI2721" s="85"/>
      <c r="AJ2721" s="85"/>
      <c r="AK2721" s="85"/>
      <c r="AL2721" s="85"/>
      <c r="AM2721" s="92"/>
      <c r="AN2721" s="92"/>
      <c r="AO2721" s="92"/>
      <c r="AP2721" s="92"/>
      <c r="AQ2721" s="92"/>
      <c r="AR2721" s="92"/>
      <c r="AS2721" s="92"/>
      <c r="AT2721" s="92"/>
      <c r="AU2721" s="92"/>
      <c r="AV2721" s="92"/>
      <c r="AW2721" s="92"/>
      <c r="AX2721" s="92"/>
      <c r="AY2721" s="92"/>
      <c r="AZ2721" s="93"/>
      <c r="BA2721" s="93"/>
      <c r="BB2721" s="93"/>
      <c r="BC2721" s="93"/>
      <c r="BD2721" s="93"/>
      <c r="BE2721" s="93"/>
      <c r="BF2721" s="93"/>
      <c r="BG2721" s="93"/>
      <c r="BH2721" s="93"/>
      <c r="BI2721" s="93"/>
      <c r="BJ2721" s="93"/>
      <c r="BK2721" s="93"/>
      <c r="BL2721" s="93"/>
    </row>
    <row r="2722" spans="2:64" x14ac:dyDescent="0.2">
      <c r="B2722" s="43"/>
      <c r="C2722" s="73"/>
      <c r="D2722" s="64"/>
      <c r="E2722" s="55"/>
      <c r="F2722" s="74"/>
      <c r="G2722" s="74"/>
      <c r="H2722" s="74"/>
      <c r="I2722" s="75"/>
      <c r="J2722" s="74"/>
      <c r="L2722" s="55"/>
      <c r="M2722" s="234"/>
      <c r="N2722" s="65"/>
      <c r="O2722" s="76"/>
      <c r="P2722" s="76"/>
      <c r="Q2722" s="65"/>
      <c r="R2722" s="76"/>
      <c r="S2722" s="76"/>
      <c r="T2722" s="76"/>
      <c r="U2722" s="76"/>
      <c r="V2722" s="76"/>
      <c r="W2722" s="76"/>
      <c r="X2722" s="76"/>
      <c r="Y2722" s="76"/>
      <c r="Z2722" s="76"/>
      <c r="AA2722" s="85"/>
      <c r="AB2722" s="85"/>
      <c r="AC2722" s="85"/>
      <c r="AD2722" s="85"/>
      <c r="AE2722" s="85"/>
      <c r="AF2722" s="85"/>
      <c r="AG2722" s="86"/>
      <c r="AH2722" s="85"/>
      <c r="AI2722" s="85"/>
      <c r="AJ2722" s="85"/>
      <c r="AK2722" s="85"/>
      <c r="AL2722" s="85"/>
      <c r="AM2722" s="92"/>
      <c r="AN2722" s="92"/>
      <c r="AO2722" s="92"/>
      <c r="AP2722" s="92"/>
      <c r="AQ2722" s="92"/>
      <c r="AR2722" s="92"/>
      <c r="AS2722" s="92"/>
      <c r="AT2722" s="92"/>
      <c r="AU2722" s="92"/>
      <c r="AV2722" s="92"/>
      <c r="AW2722" s="92"/>
      <c r="AX2722" s="92"/>
      <c r="AY2722" s="92"/>
      <c r="AZ2722" s="93"/>
      <c r="BA2722" s="93"/>
      <c r="BB2722" s="93"/>
      <c r="BC2722" s="93"/>
      <c r="BD2722" s="93"/>
      <c r="BE2722" s="93"/>
      <c r="BF2722" s="93"/>
      <c r="BG2722" s="93"/>
      <c r="BH2722" s="93"/>
      <c r="BI2722" s="93"/>
      <c r="BJ2722" s="93"/>
      <c r="BK2722" s="93"/>
      <c r="BL2722" s="93"/>
    </row>
    <row r="2723" spans="2:64" x14ac:dyDescent="0.2">
      <c r="B2723" s="43"/>
      <c r="C2723" s="73"/>
      <c r="D2723" s="64"/>
      <c r="E2723" s="55"/>
      <c r="F2723" s="74"/>
      <c r="G2723" s="74"/>
      <c r="H2723" s="74"/>
      <c r="I2723" s="75"/>
      <c r="J2723" s="74"/>
      <c r="L2723" s="55"/>
      <c r="M2723" s="234"/>
      <c r="N2723" s="65"/>
      <c r="O2723" s="76"/>
      <c r="P2723" s="76"/>
      <c r="Q2723" s="65"/>
      <c r="R2723" s="76"/>
      <c r="S2723" s="76"/>
      <c r="T2723" s="76"/>
      <c r="U2723" s="76"/>
      <c r="V2723" s="76"/>
      <c r="W2723" s="76"/>
      <c r="X2723" s="76"/>
      <c r="Y2723" s="76"/>
      <c r="Z2723" s="76"/>
      <c r="AA2723" s="85"/>
      <c r="AB2723" s="85"/>
      <c r="AC2723" s="85"/>
      <c r="AD2723" s="85"/>
      <c r="AE2723" s="85"/>
      <c r="AF2723" s="85"/>
      <c r="AG2723" s="86"/>
      <c r="AH2723" s="85"/>
      <c r="AI2723" s="85"/>
      <c r="AJ2723" s="85"/>
      <c r="AK2723" s="85"/>
      <c r="AL2723" s="85"/>
      <c r="AM2723" s="92"/>
      <c r="AN2723" s="92"/>
      <c r="AO2723" s="92"/>
      <c r="AP2723" s="92"/>
      <c r="AQ2723" s="92"/>
      <c r="AR2723" s="92"/>
      <c r="AS2723" s="92"/>
      <c r="AT2723" s="92"/>
      <c r="AU2723" s="92"/>
      <c r="AV2723" s="92"/>
      <c r="AW2723" s="92"/>
      <c r="AX2723" s="92"/>
      <c r="AY2723" s="92"/>
      <c r="AZ2723" s="93"/>
      <c r="BA2723" s="93"/>
      <c r="BB2723" s="93"/>
      <c r="BC2723" s="93"/>
      <c r="BD2723" s="93"/>
      <c r="BE2723" s="93"/>
      <c r="BF2723" s="93"/>
      <c r="BG2723" s="93"/>
      <c r="BH2723" s="93"/>
      <c r="BI2723" s="93"/>
      <c r="BJ2723" s="93"/>
      <c r="BK2723" s="93"/>
      <c r="BL2723" s="93"/>
    </row>
    <row r="2724" spans="2:64" x14ac:dyDescent="0.2">
      <c r="B2724" s="43"/>
      <c r="C2724" s="73"/>
      <c r="D2724" s="64"/>
      <c r="E2724" s="55"/>
      <c r="F2724" s="74"/>
      <c r="G2724" s="74"/>
      <c r="H2724" s="74"/>
      <c r="I2724" s="75"/>
      <c r="J2724" s="74"/>
      <c r="L2724" s="55"/>
      <c r="M2724" s="234"/>
      <c r="N2724" s="65"/>
      <c r="O2724" s="76"/>
      <c r="P2724" s="76"/>
      <c r="Q2724" s="65"/>
      <c r="R2724" s="76"/>
      <c r="S2724" s="76"/>
      <c r="T2724" s="76"/>
      <c r="U2724" s="76"/>
      <c r="V2724" s="76"/>
      <c r="W2724" s="76"/>
      <c r="X2724" s="76"/>
      <c r="Y2724" s="76"/>
      <c r="Z2724" s="76"/>
      <c r="AA2724" s="85"/>
      <c r="AB2724" s="85"/>
      <c r="AC2724" s="85"/>
      <c r="AD2724" s="85"/>
      <c r="AE2724" s="85"/>
      <c r="AF2724" s="85"/>
      <c r="AG2724" s="86"/>
      <c r="AH2724" s="85"/>
      <c r="AI2724" s="85"/>
      <c r="AJ2724" s="85"/>
      <c r="AK2724" s="85"/>
      <c r="AL2724" s="85"/>
      <c r="AM2724" s="92"/>
      <c r="AN2724" s="92"/>
      <c r="AO2724" s="92"/>
      <c r="AP2724" s="92"/>
      <c r="AQ2724" s="92"/>
      <c r="AR2724" s="92"/>
      <c r="AS2724" s="92"/>
      <c r="AT2724" s="92"/>
      <c r="AU2724" s="92"/>
      <c r="AV2724" s="92"/>
      <c r="AW2724" s="92"/>
      <c r="AX2724" s="92"/>
      <c r="AY2724" s="92"/>
      <c r="AZ2724" s="93"/>
      <c r="BA2724" s="93"/>
      <c r="BB2724" s="93"/>
      <c r="BC2724" s="93"/>
      <c r="BD2724" s="93"/>
      <c r="BE2724" s="93"/>
      <c r="BF2724" s="93"/>
      <c r="BG2724" s="93"/>
      <c r="BH2724" s="93"/>
      <c r="BI2724" s="93"/>
      <c r="BJ2724" s="93"/>
      <c r="BK2724" s="93"/>
      <c r="BL2724" s="93"/>
    </row>
    <row r="2725" spans="2:64" x14ac:dyDescent="0.2">
      <c r="B2725" s="43"/>
      <c r="C2725" s="73"/>
      <c r="D2725" s="64"/>
      <c r="E2725" s="55"/>
      <c r="F2725" s="74"/>
      <c r="G2725" s="74"/>
      <c r="H2725" s="74"/>
      <c r="I2725" s="75"/>
      <c r="J2725" s="74"/>
      <c r="L2725" s="55"/>
      <c r="M2725" s="234"/>
      <c r="N2725" s="65"/>
      <c r="O2725" s="76"/>
      <c r="P2725" s="76"/>
      <c r="Q2725" s="65"/>
      <c r="R2725" s="76"/>
      <c r="S2725" s="76"/>
      <c r="T2725" s="76"/>
      <c r="U2725" s="76"/>
      <c r="V2725" s="76"/>
      <c r="W2725" s="76"/>
      <c r="X2725" s="76"/>
      <c r="Y2725" s="76"/>
      <c r="Z2725" s="76"/>
      <c r="AA2725" s="85"/>
      <c r="AB2725" s="85"/>
      <c r="AC2725" s="85"/>
      <c r="AD2725" s="85"/>
      <c r="AE2725" s="85"/>
      <c r="AF2725" s="85"/>
      <c r="AG2725" s="86"/>
      <c r="AH2725" s="85"/>
      <c r="AI2725" s="85"/>
      <c r="AJ2725" s="85"/>
      <c r="AK2725" s="85"/>
      <c r="AL2725" s="85"/>
      <c r="AM2725" s="92"/>
      <c r="AN2725" s="92"/>
      <c r="AO2725" s="92"/>
      <c r="AP2725" s="92"/>
      <c r="AQ2725" s="92"/>
      <c r="AR2725" s="92"/>
      <c r="AS2725" s="92"/>
      <c r="AT2725" s="92"/>
      <c r="AU2725" s="92"/>
      <c r="AV2725" s="92"/>
      <c r="AW2725" s="92"/>
      <c r="AX2725" s="92"/>
      <c r="AY2725" s="92"/>
      <c r="AZ2725" s="93"/>
      <c r="BA2725" s="93"/>
      <c r="BB2725" s="93"/>
      <c r="BC2725" s="93"/>
      <c r="BD2725" s="93"/>
      <c r="BE2725" s="93"/>
      <c r="BF2725" s="93"/>
      <c r="BG2725" s="93"/>
      <c r="BH2725" s="93"/>
      <c r="BI2725" s="93"/>
      <c r="BJ2725" s="93"/>
      <c r="BK2725" s="93"/>
      <c r="BL2725" s="93"/>
    </row>
    <row r="2726" spans="2:64" x14ac:dyDescent="0.2">
      <c r="B2726" s="43"/>
      <c r="C2726" s="73"/>
      <c r="D2726" s="64"/>
      <c r="E2726" s="55"/>
      <c r="F2726" s="74"/>
      <c r="G2726" s="74"/>
      <c r="H2726" s="74"/>
      <c r="I2726" s="75"/>
      <c r="J2726" s="74"/>
      <c r="L2726" s="55"/>
      <c r="M2726" s="234"/>
      <c r="N2726" s="65"/>
      <c r="O2726" s="76"/>
      <c r="P2726" s="76"/>
      <c r="Q2726" s="65"/>
      <c r="R2726" s="76"/>
      <c r="S2726" s="76"/>
      <c r="T2726" s="76"/>
      <c r="U2726" s="76"/>
      <c r="V2726" s="76"/>
      <c r="W2726" s="76"/>
      <c r="X2726" s="76"/>
      <c r="Y2726" s="76"/>
      <c r="Z2726" s="76"/>
      <c r="AA2726" s="85"/>
      <c r="AB2726" s="85"/>
      <c r="AC2726" s="85"/>
      <c r="AD2726" s="85"/>
      <c r="AE2726" s="85"/>
      <c r="AF2726" s="85"/>
      <c r="AG2726" s="86"/>
      <c r="AH2726" s="85"/>
      <c r="AI2726" s="85"/>
      <c r="AJ2726" s="85"/>
      <c r="AK2726" s="85"/>
      <c r="AL2726" s="85"/>
      <c r="AM2726" s="92"/>
      <c r="AN2726" s="92"/>
      <c r="AO2726" s="92"/>
      <c r="AP2726" s="92"/>
      <c r="AQ2726" s="92"/>
      <c r="AR2726" s="92"/>
      <c r="AS2726" s="92"/>
      <c r="AT2726" s="92"/>
      <c r="AU2726" s="92"/>
      <c r="AV2726" s="92"/>
      <c r="AW2726" s="92"/>
      <c r="AX2726" s="92"/>
      <c r="AY2726" s="92"/>
      <c r="AZ2726" s="93"/>
      <c r="BA2726" s="93"/>
      <c r="BB2726" s="93"/>
      <c r="BC2726" s="93"/>
      <c r="BD2726" s="93"/>
      <c r="BE2726" s="93"/>
      <c r="BF2726" s="93"/>
      <c r="BG2726" s="93"/>
      <c r="BH2726" s="93"/>
      <c r="BI2726" s="93"/>
      <c r="BJ2726" s="93"/>
      <c r="BK2726" s="93"/>
      <c r="BL2726" s="93"/>
    </row>
    <row r="2727" spans="2:64" x14ac:dyDescent="0.2">
      <c r="B2727" s="43"/>
      <c r="C2727" s="73"/>
      <c r="D2727" s="64"/>
      <c r="E2727" s="55"/>
      <c r="F2727" s="74"/>
      <c r="G2727" s="74"/>
      <c r="H2727" s="74"/>
      <c r="I2727" s="75"/>
      <c r="J2727" s="74"/>
      <c r="L2727" s="55"/>
      <c r="M2727" s="234"/>
      <c r="N2727" s="65"/>
      <c r="O2727" s="76"/>
      <c r="P2727" s="76"/>
      <c r="Q2727" s="65"/>
      <c r="R2727" s="76"/>
      <c r="S2727" s="76"/>
      <c r="T2727" s="76"/>
      <c r="U2727" s="76"/>
      <c r="V2727" s="76"/>
      <c r="W2727" s="76"/>
      <c r="X2727" s="76"/>
      <c r="Y2727" s="76"/>
      <c r="Z2727" s="76"/>
      <c r="AA2727" s="85"/>
      <c r="AB2727" s="85"/>
      <c r="AC2727" s="85"/>
      <c r="AD2727" s="85"/>
      <c r="AE2727" s="85"/>
      <c r="AF2727" s="85"/>
      <c r="AG2727" s="86"/>
      <c r="AH2727" s="85"/>
      <c r="AI2727" s="85"/>
      <c r="AJ2727" s="85"/>
      <c r="AK2727" s="85"/>
      <c r="AL2727" s="85"/>
      <c r="AM2727" s="92"/>
      <c r="AN2727" s="92"/>
      <c r="AO2727" s="92"/>
      <c r="AP2727" s="92"/>
      <c r="AQ2727" s="92"/>
      <c r="AR2727" s="92"/>
      <c r="AS2727" s="92"/>
      <c r="AT2727" s="92"/>
      <c r="AU2727" s="92"/>
      <c r="AV2727" s="92"/>
      <c r="AW2727" s="92"/>
      <c r="AX2727" s="92"/>
      <c r="AY2727" s="92"/>
      <c r="AZ2727" s="93"/>
      <c r="BA2727" s="93"/>
      <c r="BB2727" s="93"/>
      <c r="BC2727" s="93"/>
      <c r="BD2727" s="93"/>
      <c r="BE2727" s="93"/>
      <c r="BF2727" s="93"/>
      <c r="BG2727" s="93"/>
      <c r="BH2727" s="93"/>
      <c r="BI2727" s="93"/>
      <c r="BJ2727" s="93"/>
      <c r="BK2727" s="93"/>
      <c r="BL2727" s="93"/>
    </row>
    <row r="2728" spans="2:64" x14ac:dyDescent="0.2">
      <c r="B2728" s="43"/>
      <c r="C2728" s="73"/>
      <c r="D2728" s="64"/>
      <c r="E2728" s="55"/>
      <c r="F2728" s="74"/>
      <c r="G2728" s="74"/>
      <c r="H2728" s="74"/>
      <c r="I2728" s="75"/>
      <c r="J2728" s="74"/>
      <c r="L2728" s="55"/>
      <c r="M2728" s="234"/>
      <c r="N2728" s="65"/>
      <c r="O2728" s="76"/>
      <c r="P2728" s="76"/>
      <c r="Q2728" s="65"/>
      <c r="R2728" s="76"/>
      <c r="S2728" s="76"/>
      <c r="T2728" s="76"/>
      <c r="U2728" s="76"/>
      <c r="V2728" s="76"/>
      <c r="W2728" s="76"/>
      <c r="X2728" s="76"/>
      <c r="Y2728" s="76"/>
      <c r="Z2728" s="76"/>
      <c r="AA2728" s="85"/>
      <c r="AB2728" s="85"/>
      <c r="AC2728" s="85"/>
      <c r="AD2728" s="85"/>
      <c r="AE2728" s="85"/>
      <c r="AF2728" s="85"/>
      <c r="AG2728" s="86"/>
      <c r="AH2728" s="85"/>
      <c r="AI2728" s="85"/>
      <c r="AJ2728" s="85"/>
      <c r="AK2728" s="85"/>
      <c r="AL2728" s="85"/>
      <c r="AM2728" s="92"/>
      <c r="AN2728" s="92"/>
      <c r="AO2728" s="92"/>
      <c r="AP2728" s="92"/>
      <c r="AQ2728" s="92"/>
      <c r="AR2728" s="92"/>
      <c r="AS2728" s="92"/>
      <c r="AT2728" s="92"/>
      <c r="AU2728" s="92"/>
      <c r="AV2728" s="92"/>
      <c r="AW2728" s="92"/>
      <c r="AX2728" s="92"/>
      <c r="AY2728" s="92"/>
      <c r="AZ2728" s="93"/>
      <c r="BA2728" s="93"/>
      <c r="BB2728" s="93"/>
      <c r="BC2728" s="93"/>
      <c r="BD2728" s="93"/>
      <c r="BE2728" s="93"/>
      <c r="BF2728" s="93"/>
      <c r="BG2728" s="93"/>
      <c r="BH2728" s="93"/>
      <c r="BI2728" s="93"/>
      <c r="BJ2728" s="93"/>
      <c r="BK2728" s="93"/>
      <c r="BL2728" s="93"/>
    </row>
    <row r="2729" spans="2:64" x14ac:dyDescent="0.2">
      <c r="B2729" s="43"/>
      <c r="C2729" s="73"/>
      <c r="D2729" s="64"/>
      <c r="E2729" s="55"/>
      <c r="F2729" s="74"/>
      <c r="G2729" s="74"/>
      <c r="H2729" s="74"/>
      <c r="I2729" s="75"/>
      <c r="J2729" s="74"/>
      <c r="L2729" s="55"/>
      <c r="M2729" s="234"/>
      <c r="N2729" s="65"/>
      <c r="O2729" s="76"/>
      <c r="P2729" s="76"/>
      <c r="Q2729" s="65"/>
      <c r="R2729" s="76"/>
      <c r="S2729" s="76"/>
      <c r="T2729" s="76"/>
      <c r="U2729" s="76"/>
      <c r="V2729" s="76"/>
      <c r="W2729" s="76"/>
      <c r="X2729" s="76"/>
      <c r="Y2729" s="76"/>
      <c r="Z2729" s="76"/>
      <c r="AA2729" s="85"/>
      <c r="AB2729" s="85"/>
      <c r="AC2729" s="85"/>
      <c r="AD2729" s="85"/>
      <c r="AE2729" s="85"/>
      <c r="AF2729" s="85"/>
      <c r="AG2729" s="86"/>
      <c r="AH2729" s="85"/>
      <c r="AI2729" s="85"/>
      <c r="AJ2729" s="85"/>
      <c r="AK2729" s="85"/>
      <c r="AL2729" s="85"/>
      <c r="AM2729" s="92"/>
      <c r="AN2729" s="92"/>
      <c r="AO2729" s="92"/>
      <c r="AP2729" s="92"/>
      <c r="AQ2729" s="92"/>
      <c r="AR2729" s="92"/>
      <c r="AS2729" s="92"/>
      <c r="AT2729" s="92"/>
      <c r="AU2729" s="92"/>
      <c r="AV2729" s="92"/>
      <c r="AW2729" s="92"/>
      <c r="AX2729" s="92"/>
      <c r="AY2729" s="92"/>
      <c r="AZ2729" s="93"/>
      <c r="BA2729" s="93"/>
      <c r="BB2729" s="93"/>
      <c r="BC2729" s="93"/>
      <c r="BD2729" s="93"/>
      <c r="BE2729" s="93"/>
      <c r="BF2729" s="93"/>
      <c r="BG2729" s="93"/>
      <c r="BH2729" s="93"/>
      <c r="BI2729" s="93"/>
      <c r="BJ2729" s="93"/>
      <c r="BK2729" s="93"/>
      <c r="BL2729" s="93"/>
    </row>
    <row r="2730" spans="2:64" x14ac:dyDescent="0.2">
      <c r="B2730" s="43"/>
      <c r="C2730" s="73"/>
      <c r="D2730" s="64"/>
      <c r="E2730" s="55"/>
      <c r="F2730" s="74"/>
      <c r="G2730" s="74"/>
      <c r="H2730" s="74"/>
      <c r="I2730" s="75"/>
      <c r="J2730" s="74"/>
      <c r="L2730" s="55"/>
      <c r="M2730" s="234"/>
      <c r="N2730" s="65"/>
      <c r="O2730" s="76"/>
      <c r="P2730" s="76"/>
      <c r="Q2730" s="65"/>
      <c r="R2730" s="76"/>
      <c r="S2730" s="76"/>
      <c r="T2730" s="76"/>
      <c r="U2730" s="76"/>
      <c r="V2730" s="76"/>
      <c r="W2730" s="76"/>
      <c r="X2730" s="76"/>
      <c r="Y2730" s="76"/>
      <c r="Z2730" s="76"/>
      <c r="AA2730" s="85"/>
      <c r="AB2730" s="85"/>
      <c r="AC2730" s="85"/>
      <c r="AD2730" s="85"/>
      <c r="AE2730" s="85"/>
      <c r="AF2730" s="85"/>
      <c r="AG2730" s="86"/>
      <c r="AH2730" s="85"/>
      <c r="AI2730" s="85"/>
      <c r="AJ2730" s="85"/>
      <c r="AK2730" s="85"/>
      <c r="AL2730" s="85"/>
      <c r="AM2730" s="92"/>
      <c r="AN2730" s="92"/>
      <c r="AO2730" s="92"/>
      <c r="AP2730" s="92"/>
      <c r="AQ2730" s="92"/>
      <c r="AR2730" s="92"/>
      <c r="AS2730" s="92"/>
      <c r="AT2730" s="92"/>
      <c r="AU2730" s="92"/>
      <c r="AV2730" s="92"/>
      <c r="AW2730" s="92"/>
      <c r="AX2730" s="92"/>
      <c r="AY2730" s="92"/>
      <c r="AZ2730" s="93"/>
      <c r="BA2730" s="93"/>
      <c r="BB2730" s="93"/>
      <c r="BC2730" s="93"/>
      <c r="BD2730" s="93"/>
      <c r="BE2730" s="93"/>
      <c r="BF2730" s="93"/>
      <c r="BG2730" s="93"/>
      <c r="BH2730" s="93"/>
      <c r="BI2730" s="93"/>
      <c r="BJ2730" s="93"/>
      <c r="BK2730" s="93"/>
      <c r="BL2730" s="93"/>
    </row>
    <row r="2731" spans="2:64" x14ac:dyDescent="0.2">
      <c r="B2731" s="43"/>
      <c r="C2731" s="73"/>
      <c r="D2731" s="64"/>
      <c r="E2731" s="55"/>
      <c r="F2731" s="74"/>
      <c r="G2731" s="74"/>
      <c r="H2731" s="74"/>
      <c r="I2731" s="75"/>
      <c r="J2731" s="74"/>
      <c r="L2731" s="55"/>
      <c r="M2731" s="234"/>
      <c r="N2731" s="65"/>
      <c r="O2731" s="76"/>
      <c r="P2731" s="76"/>
      <c r="Q2731" s="65"/>
      <c r="R2731" s="76"/>
      <c r="S2731" s="76"/>
      <c r="T2731" s="76"/>
      <c r="U2731" s="76"/>
      <c r="V2731" s="76"/>
      <c r="W2731" s="76"/>
      <c r="X2731" s="76"/>
      <c r="Y2731" s="76"/>
      <c r="Z2731" s="76"/>
      <c r="AA2731" s="85"/>
      <c r="AB2731" s="85"/>
      <c r="AC2731" s="85"/>
      <c r="AD2731" s="85"/>
      <c r="AE2731" s="85"/>
      <c r="AF2731" s="85"/>
      <c r="AG2731" s="86"/>
      <c r="AH2731" s="85"/>
      <c r="AI2731" s="85"/>
      <c r="AJ2731" s="85"/>
      <c r="AK2731" s="85"/>
      <c r="AL2731" s="85"/>
      <c r="AM2731" s="92"/>
      <c r="AN2731" s="92"/>
      <c r="AO2731" s="92"/>
      <c r="AP2731" s="92"/>
      <c r="AQ2731" s="92"/>
      <c r="AR2731" s="92"/>
      <c r="AS2731" s="92"/>
      <c r="AT2731" s="92"/>
      <c r="AU2731" s="92"/>
      <c r="AV2731" s="92"/>
      <c r="AW2731" s="92"/>
      <c r="AX2731" s="92"/>
      <c r="AY2731" s="92"/>
      <c r="AZ2731" s="93"/>
      <c r="BA2731" s="93"/>
      <c r="BB2731" s="93"/>
      <c r="BC2731" s="93"/>
      <c r="BD2731" s="93"/>
      <c r="BE2731" s="93"/>
      <c r="BF2731" s="93"/>
      <c r="BG2731" s="93"/>
      <c r="BH2731" s="93"/>
      <c r="BI2731" s="93"/>
      <c r="BJ2731" s="93"/>
      <c r="BK2731" s="93"/>
      <c r="BL2731" s="93"/>
    </row>
    <row r="2732" spans="2:64" x14ac:dyDescent="0.2">
      <c r="B2732" s="43"/>
      <c r="C2732" s="73"/>
      <c r="D2732" s="64"/>
      <c r="E2732" s="55"/>
      <c r="F2732" s="74"/>
      <c r="G2732" s="74"/>
      <c r="H2732" s="74"/>
      <c r="I2732" s="75"/>
      <c r="J2732" s="74"/>
      <c r="L2732" s="55"/>
      <c r="M2732" s="234"/>
      <c r="N2732" s="65"/>
      <c r="O2732" s="76"/>
      <c r="P2732" s="76"/>
      <c r="Q2732" s="65"/>
      <c r="R2732" s="76"/>
      <c r="S2732" s="76"/>
      <c r="T2732" s="76"/>
      <c r="U2732" s="76"/>
      <c r="V2732" s="76"/>
      <c r="W2732" s="76"/>
      <c r="X2732" s="76"/>
      <c r="Y2732" s="76"/>
      <c r="Z2732" s="76"/>
      <c r="AA2732" s="85"/>
      <c r="AB2732" s="85"/>
      <c r="AC2732" s="85"/>
      <c r="AD2732" s="85"/>
      <c r="AE2732" s="85"/>
      <c r="AF2732" s="85"/>
      <c r="AG2732" s="86"/>
      <c r="AH2732" s="85"/>
      <c r="AI2732" s="85"/>
      <c r="AJ2732" s="85"/>
      <c r="AK2732" s="85"/>
      <c r="AL2732" s="85"/>
      <c r="AM2732" s="92"/>
      <c r="AN2732" s="92"/>
      <c r="AO2732" s="92"/>
      <c r="AP2732" s="92"/>
      <c r="AQ2732" s="92"/>
      <c r="AR2732" s="92"/>
      <c r="AS2732" s="92"/>
      <c r="AT2732" s="92"/>
      <c r="AU2732" s="92"/>
      <c r="AV2732" s="92"/>
      <c r="AW2732" s="92"/>
      <c r="AX2732" s="92"/>
      <c r="AY2732" s="92"/>
      <c r="AZ2732" s="93"/>
      <c r="BA2732" s="93"/>
      <c r="BB2732" s="93"/>
      <c r="BC2732" s="93"/>
      <c r="BD2732" s="93"/>
      <c r="BE2732" s="93"/>
      <c r="BF2732" s="93"/>
      <c r="BG2732" s="93"/>
      <c r="BH2732" s="93"/>
      <c r="BI2732" s="93"/>
      <c r="BJ2732" s="93"/>
      <c r="BK2732" s="93"/>
      <c r="BL2732" s="93"/>
    </row>
    <row r="2733" spans="2:64" x14ac:dyDescent="0.2">
      <c r="B2733" s="43"/>
      <c r="C2733" s="73"/>
      <c r="D2733" s="64"/>
      <c r="E2733" s="55"/>
      <c r="F2733" s="74"/>
      <c r="G2733" s="74"/>
      <c r="H2733" s="74"/>
      <c r="I2733" s="75"/>
      <c r="J2733" s="74"/>
      <c r="L2733" s="55"/>
      <c r="M2733" s="234"/>
      <c r="N2733" s="65"/>
      <c r="O2733" s="76"/>
      <c r="P2733" s="76"/>
      <c r="Q2733" s="65"/>
      <c r="R2733" s="76"/>
      <c r="S2733" s="76"/>
      <c r="T2733" s="76"/>
      <c r="U2733" s="76"/>
      <c r="V2733" s="76"/>
      <c r="W2733" s="76"/>
      <c r="X2733" s="76"/>
      <c r="Y2733" s="76"/>
      <c r="Z2733" s="76"/>
      <c r="AA2733" s="85"/>
      <c r="AB2733" s="85"/>
      <c r="AC2733" s="85"/>
      <c r="AD2733" s="85"/>
      <c r="AE2733" s="85"/>
      <c r="AF2733" s="85"/>
      <c r="AG2733" s="86"/>
      <c r="AH2733" s="85"/>
      <c r="AI2733" s="85"/>
      <c r="AJ2733" s="85"/>
      <c r="AK2733" s="85"/>
      <c r="AL2733" s="85"/>
      <c r="AM2733" s="92"/>
      <c r="AN2733" s="92"/>
      <c r="AO2733" s="92"/>
      <c r="AP2733" s="92"/>
      <c r="AQ2733" s="92"/>
      <c r="AR2733" s="92"/>
      <c r="AS2733" s="92"/>
      <c r="AT2733" s="92"/>
      <c r="AU2733" s="92"/>
      <c r="AV2733" s="92"/>
      <c r="AW2733" s="92"/>
      <c r="AX2733" s="92"/>
      <c r="AY2733" s="92"/>
      <c r="AZ2733" s="93"/>
      <c r="BA2733" s="93"/>
      <c r="BB2733" s="93"/>
      <c r="BC2733" s="93"/>
      <c r="BD2733" s="93"/>
      <c r="BE2733" s="93"/>
      <c r="BF2733" s="93"/>
      <c r="BG2733" s="93"/>
      <c r="BH2733" s="93"/>
      <c r="BI2733" s="93"/>
      <c r="BJ2733" s="93"/>
      <c r="BK2733" s="93"/>
      <c r="BL2733" s="93"/>
    </row>
    <row r="2734" spans="2:64" x14ac:dyDescent="0.2">
      <c r="B2734" s="43"/>
      <c r="C2734" s="73"/>
      <c r="D2734" s="64"/>
      <c r="E2734" s="55"/>
      <c r="F2734" s="74"/>
      <c r="G2734" s="74"/>
      <c r="H2734" s="74"/>
      <c r="I2734" s="75"/>
      <c r="J2734" s="74"/>
      <c r="L2734" s="55"/>
      <c r="M2734" s="234"/>
      <c r="N2734" s="65"/>
      <c r="O2734" s="76"/>
      <c r="P2734" s="76"/>
      <c r="Q2734" s="65"/>
      <c r="R2734" s="76"/>
      <c r="S2734" s="76"/>
      <c r="T2734" s="76"/>
      <c r="U2734" s="76"/>
      <c r="V2734" s="76"/>
      <c r="W2734" s="76"/>
      <c r="X2734" s="76"/>
      <c r="Y2734" s="76"/>
      <c r="Z2734" s="76"/>
      <c r="AA2734" s="85"/>
      <c r="AB2734" s="85"/>
      <c r="AC2734" s="85"/>
      <c r="AD2734" s="85"/>
      <c r="AE2734" s="85"/>
      <c r="AF2734" s="85"/>
      <c r="AG2734" s="86"/>
      <c r="AH2734" s="85"/>
      <c r="AI2734" s="85"/>
      <c r="AJ2734" s="85"/>
      <c r="AK2734" s="85"/>
      <c r="AL2734" s="85"/>
      <c r="AM2734" s="92"/>
      <c r="AN2734" s="92"/>
      <c r="AO2734" s="92"/>
      <c r="AP2734" s="92"/>
      <c r="AQ2734" s="92"/>
      <c r="AR2734" s="92"/>
      <c r="AS2734" s="92"/>
      <c r="AT2734" s="92"/>
      <c r="AU2734" s="92"/>
      <c r="AV2734" s="92"/>
      <c r="AW2734" s="92"/>
      <c r="AX2734" s="92"/>
      <c r="AY2734" s="92"/>
      <c r="AZ2734" s="93"/>
      <c r="BA2734" s="93"/>
      <c r="BB2734" s="93"/>
      <c r="BC2734" s="93"/>
      <c r="BD2734" s="93"/>
      <c r="BE2734" s="93"/>
      <c r="BF2734" s="93"/>
      <c r="BG2734" s="93"/>
      <c r="BH2734" s="93"/>
      <c r="BI2734" s="93"/>
      <c r="BJ2734" s="93"/>
      <c r="BK2734" s="93"/>
      <c r="BL2734" s="93"/>
    </row>
    <row r="2735" spans="2:64" x14ac:dyDescent="0.2">
      <c r="B2735" s="43"/>
      <c r="C2735" s="73"/>
      <c r="D2735" s="64"/>
      <c r="E2735" s="55"/>
      <c r="F2735" s="74"/>
      <c r="G2735" s="74"/>
      <c r="H2735" s="74"/>
      <c r="I2735" s="75"/>
      <c r="J2735" s="74"/>
      <c r="L2735" s="55"/>
      <c r="M2735" s="234"/>
      <c r="N2735" s="65"/>
      <c r="O2735" s="76"/>
      <c r="P2735" s="76"/>
      <c r="Q2735" s="65"/>
      <c r="R2735" s="76"/>
      <c r="S2735" s="76"/>
      <c r="T2735" s="76"/>
      <c r="U2735" s="76"/>
      <c r="V2735" s="76"/>
      <c r="W2735" s="76"/>
      <c r="X2735" s="76"/>
      <c r="Y2735" s="76"/>
      <c r="Z2735" s="76"/>
      <c r="AA2735" s="85"/>
      <c r="AB2735" s="85"/>
      <c r="AC2735" s="85"/>
      <c r="AD2735" s="85"/>
      <c r="AE2735" s="85"/>
      <c r="AF2735" s="85"/>
      <c r="AG2735" s="86"/>
      <c r="AH2735" s="85"/>
      <c r="AI2735" s="85"/>
      <c r="AJ2735" s="85"/>
      <c r="AK2735" s="85"/>
      <c r="AL2735" s="85"/>
      <c r="AM2735" s="92"/>
      <c r="AN2735" s="92"/>
      <c r="AO2735" s="92"/>
      <c r="AP2735" s="92"/>
      <c r="AQ2735" s="92"/>
      <c r="AR2735" s="92"/>
      <c r="AS2735" s="92"/>
      <c r="AT2735" s="92"/>
      <c r="AU2735" s="92"/>
      <c r="AV2735" s="92"/>
      <c r="AW2735" s="92"/>
      <c r="AX2735" s="92"/>
      <c r="AY2735" s="92"/>
      <c r="AZ2735" s="93"/>
      <c r="BA2735" s="93"/>
      <c r="BB2735" s="93"/>
      <c r="BC2735" s="93"/>
      <c r="BD2735" s="93"/>
      <c r="BE2735" s="93"/>
      <c r="BF2735" s="93"/>
      <c r="BG2735" s="93"/>
      <c r="BH2735" s="93"/>
      <c r="BI2735" s="93"/>
      <c r="BJ2735" s="93"/>
      <c r="BK2735" s="93"/>
      <c r="BL2735" s="93"/>
    </row>
    <row r="2736" spans="2:64" x14ac:dyDescent="0.2">
      <c r="B2736" s="43"/>
      <c r="C2736" s="73"/>
      <c r="D2736" s="64"/>
      <c r="E2736" s="55"/>
      <c r="F2736" s="74"/>
      <c r="G2736" s="74"/>
      <c r="H2736" s="74"/>
      <c r="I2736" s="75"/>
      <c r="J2736" s="74"/>
      <c r="L2736" s="55"/>
      <c r="M2736" s="234"/>
      <c r="N2736" s="65"/>
      <c r="O2736" s="76"/>
      <c r="P2736" s="76"/>
      <c r="Q2736" s="65"/>
      <c r="R2736" s="76"/>
      <c r="S2736" s="76"/>
      <c r="T2736" s="76"/>
      <c r="U2736" s="76"/>
      <c r="V2736" s="76"/>
      <c r="W2736" s="76"/>
      <c r="X2736" s="76"/>
      <c r="Y2736" s="76"/>
      <c r="Z2736" s="76"/>
      <c r="AA2736" s="85"/>
      <c r="AB2736" s="85"/>
      <c r="AC2736" s="85"/>
      <c r="AD2736" s="85"/>
      <c r="AE2736" s="85"/>
      <c r="AF2736" s="85"/>
      <c r="AG2736" s="86"/>
      <c r="AH2736" s="85"/>
      <c r="AI2736" s="85"/>
      <c r="AJ2736" s="85"/>
      <c r="AK2736" s="85"/>
      <c r="AL2736" s="85"/>
      <c r="AM2736" s="92"/>
      <c r="AN2736" s="92"/>
      <c r="AO2736" s="92"/>
      <c r="AP2736" s="92"/>
      <c r="AQ2736" s="92"/>
      <c r="AR2736" s="92"/>
      <c r="AS2736" s="92"/>
      <c r="AT2736" s="92"/>
      <c r="AU2736" s="92"/>
      <c r="AV2736" s="92"/>
      <c r="AW2736" s="92"/>
      <c r="AX2736" s="92"/>
      <c r="AY2736" s="92"/>
      <c r="AZ2736" s="93"/>
      <c r="BA2736" s="93"/>
      <c r="BB2736" s="93"/>
      <c r="BC2736" s="93"/>
      <c r="BD2736" s="93"/>
      <c r="BE2736" s="93"/>
      <c r="BF2736" s="93"/>
      <c r="BG2736" s="93"/>
      <c r="BH2736" s="93"/>
      <c r="BI2736" s="93"/>
      <c r="BJ2736" s="93"/>
      <c r="BK2736" s="93"/>
      <c r="BL2736" s="93"/>
    </row>
    <row r="2737" spans="2:64" x14ac:dyDescent="0.2">
      <c r="B2737" s="43"/>
      <c r="C2737" s="73"/>
      <c r="D2737" s="64"/>
      <c r="E2737" s="55"/>
      <c r="F2737" s="74"/>
      <c r="G2737" s="74"/>
      <c r="H2737" s="74"/>
      <c r="I2737" s="75"/>
      <c r="J2737" s="74"/>
      <c r="L2737" s="55"/>
      <c r="M2737" s="234"/>
      <c r="N2737" s="65"/>
      <c r="O2737" s="76"/>
      <c r="P2737" s="76"/>
      <c r="Q2737" s="65"/>
      <c r="R2737" s="76"/>
      <c r="S2737" s="76"/>
      <c r="T2737" s="76"/>
      <c r="U2737" s="76"/>
      <c r="V2737" s="76"/>
      <c r="W2737" s="76"/>
      <c r="X2737" s="76"/>
      <c r="Y2737" s="76"/>
      <c r="Z2737" s="76"/>
      <c r="AA2737" s="85"/>
      <c r="AB2737" s="85"/>
      <c r="AC2737" s="85"/>
      <c r="AD2737" s="85"/>
      <c r="AE2737" s="85"/>
      <c r="AF2737" s="85"/>
      <c r="AG2737" s="86"/>
      <c r="AH2737" s="85"/>
      <c r="AI2737" s="85"/>
      <c r="AJ2737" s="85"/>
      <c r="AK2737" s="85"/>
      <c r="AL2737" s="85"/>
      <c r="AM2737" s="92"/>
      <c r="AN2737" s="92"/>
      <c r="AO2737" s="92"/>
      <c r="AP2737" s="92"/>
      <c r="AQ2737" s="92"/>
      <c r="AR2737" s="92"/>
      <c r="AS2737" s="92"/>
      <c r="AT2737" s="92"/>
      <c r="AU2737" s="92"/>
      <c r="AV2737" s="92"/>
      <c r="AW2737" s="92"/>
      <c r="AX2737" s="92"/>
      <c r="AY2737" s="92"/>
      <c r="AZ2737" s="93"/>
      <c r="BA2737" s="93"/>
      <c r="BB2737" s="93"/>
      <c r="BC2737" s="93"/>
      <c r="BD2737" s="93"/>
      <c r="BE2737" s="93"/>
      <c r="BF2737" s="93"/>
      <c r="BG2737" s="93"/>
      <c r="BH2737" s="93"/>
      <c r="BI2737" s="93"/>
      <c r="BJ2737" s="93"/>
      <c r="BK2737" s="93"/>
      <c r="BL2737" s="93"/>
    </row>
    <row r="2738" spans="2:64" x14ac:dyDescent="0.2">
      <c r="B2738" s="43"/>
      <c r="C2738" s="73"/>
      <c r="D2738" s="64"/>
      <c r="E2738" s="55"/>
      <c r="F2738" s="74"/>
      <c r="G2738" s="74"/>
      <c r="H2738" s="74"/>
      <c r="I2738" s="75"/>
      <c r="J2738" s="74"/>
      <c r="L2738" s="55"/>
      <c r="M2738" s="234"/>
      <c r="N2738" s="65"/>
      <c r="O2738" s="76"/>
      <c r="P2738" s="76"/>
      <c r="Q2738" s="65"/>
      <c r="R2738" s="76"/>
      <c r="S2738" s="76"/>
      <c r="T2738" s="76"/>
      <c r="U2738" s="76"/>
      <c r="V2738" s="76"/>
      <c r="W2738" s="76"/>
      <c r="X2738" s="76"/>
      <c r="Y2738" s="76"/>
      <c r="Z2738" s="76"/>
      <c r="AA2738" s="85"/>
      <c r="AB2738" s="85"/>
      <c r="AC2738" s="85"/>
      <c r="AD2738" s="85"/>
      <c r="AE2738" s="85"/>
      <c r="AF2738" s="85"/>
      <c r="AG2738" s="86"/>
      <c r="AH2738" s="85"/>
      <c r="AI2738" s="85"/>
      <c r="AJ2738" s="85"/>
      <c r="AK2738" s="85"/>
      <c r="AL2738" s="85"/>
      <c r="AM2738" s="92"/>
      <c r="AN2738" s="92"/>
      <c r="AO2738" s="92"/>
      <c r="AP2738" s="92"/>
      <c r="AQ2738" s="92"/>
      <c r="AR2738" s="92"/>
      <c r="AS2738" s="92"/>
      <c r="AT2738" s="92"/>
      <c r="AU2738" s="92"/>
      <c r="AV2738" s="92"/>
      <c r="AW2738" s="92"/>
      <c r="AX2738" s="92"/>
      <c r="AY2738" s="92"/>
      <c r="AZ2738" s="93"/>
      <c r="BA2738" s="93"/>
      <c r="BB2738" s="93"/>
      <c r="BC2738" s="93"/>
      <c r="BD2738" s="93"/>
      <c r="BE2738" s="93"/>
      <c r="BF2738" s="93"/>
      <c r="BG2738" s="93"/>
      <c r="BH2738" s="93"/>
      <c r="BI2738" s="93"/>
      <c r="BJ2738" s="93"/>
      <c r="BK2738" s="93"/>
      <c r="BL2738" s="93"/>
    </row>
    <row r="2739" spans="2:64" x14ac:dyDescent="0.2">
      <c r="B2739" s="43"/>
      <c r="C2739" s="73"/>
      <c r="D2739" s="64"/>
      <c r="E2739" s="55"/>
      <c r="F2739" s="74"/>
      <c r="G2739" s="74"/>
      <c r="H2739" s="74"/>
      <c r="I2739" s="75"/>
      <c r="J2739" s="74"/>
      <c r="L2739" s="55"/>
      <c r="M2739" s="234"/>
      <c r="N2739" s="65"/>
      <c r="O2739" s="76"/>
      <c r="P2739" s="76"/>
      <c r="Q2739" s="65"/>
      <c r="R2739" s="76"/>
      <c r="S2739" s="76"/>
      <c r="T2739" s="76"/>
      <c r="U2739" s="76"/>
      <c r="V2739" s="76"/>
      <c r="W2739" s="76"/>
      <c r="X2739" s="76"/>
      <c r="Y2739" s="76"/>
      <c r="Z2739" s="76"/>
      <c r="AA2739" s="85"/>
      <c r="AB2739" s="85"/>
      <c r="AC2739" s="85"/>
      <c r="AD2739" s="85"/>
      <c r="AE2739" s="85"/>
      <c r="AF2739" s="85"/>
      <c r="AG2739" s="86"/>
      <c r="AH2739" s="85"/>
      <c r="AI2739" s="85"/>
      <c r="AJ2739" s="85"/>
      <c r="AK2739" s="85"/>
      <c r="AL2739" s="85"/>
      <c r="AM2739" s="92"/>
      <c r="AN2739" s="92"/>
      <c r="AO2739" s="92"/>
      <c r="AP2739" s="92"/>
      <c r="AQ2739" s="92"/>
      <c r="AR2739" s="92"/>
      <c r="AS2739" s="92"/>
      <c r="AT2739" s="92"/>
      <c r="AU2739" s="92"/>
      <c r="AV2739" s="92"/>
      <c r="AW2739" s="92"/>
      <c r="AX2739" s="92"/>
      <c r="AY2739" s="92"/>
      <c r="AZ2739" s="93"/>
      <c r="BA2739" s="93"/>
      <c r="BB2739" s="93"/>
      <c r="BC2739" s="93"/>
      <c r="BD2739" s="93"/>
      <c r="BE2739" s="93"/>
      <c r="BF2739" s="93"/>
      <c r="BG2739" s="93"/>
      <c r="BH2739" s="93"/>
      <c r="BI2739" s="93"/>
      <c r="BJ2739" s="93"/>
      <c r="BK2739" s="93"/>
      <c r="BL2739" s="93"/>
    </row>
    <row r="2740" spans="2:64" x14ac:dyDescent="0.2">
      <c r="B2740" s="43"/>
      <c r="C2740" s="73"/>
      <c r="D2740" s="64"/>
      <c r="E2740" s="55"/>
      <c r="F2740" s="74"/>
      <c r="G2740" s="74"/>
      <c r="H2740" s="74"/>
      <c r="I2740" s="75"/>
      <c r="J2740" s="74"/>
      <c r="L2740" s="55"/>
      <c r="M2740" s="234"/>
      <c r="N2740" s="65"/>
      <c r="O2740" s="76"/>
      <c r="P2740" s="76"/>
      <c r="Q2740" s="65"/>
      <c r="R2740" s="76"/>
      <c r="S2740" s="76"/>
      <c r="T2740" s="76"/>
      <c r="U2740" s="76"/>
      <c r="V2740" s="76"/>
      <c r="W2740" s="76"/>
      <c r="X2740" s="76"/>
      <c r="Y2740" s="76"/>
      <c r="Z2740" s="76"/>
      <c r="AA2740" s="85"/>
      <c r="AB2740" s="85"/>
      <c r="AC2740" s="85"/>
      <c r="AD2740" s="85"/>
      <c r="AE2740" s="85"/>
      <c r="AF2740" s="85"/>
      <c r="AG2740" s="86"/>
      <c r="AH2740" s="85"/>
      <c r="AI2740" s="85"/>
      <c r="AJ2740" s="85"/>
      <c r="AK2740" s="85"/>
      <c r="AL2740" s="85"/>
      <c r="AM2740" s="92"/>
      <c r="AN2740" s="92"/>
      <c r="AO2740" s="92"/>
      <c r="AP2740" s="92"/>
      <c r="AQ2740" s="92"/>
      <c r="AR2740" s="92"/>
      <c r="AS2740" s="92"/>
      <c r="AT2740" s="92"/>
      <c r="AU2740" s="92"/>
      <c r="AV2740" s="92"/>
      <c r="AW2740" s="92"/>
      <c r="AX2740" s="92"/>
      <c r="AY2740" s="92"/>
      <c r="AZ2740" s="93"/>
      <c r="BA2740" s="93"/>
      <c r="BB2740" s="93"/>
      <c r="BC2740" s="93"/>
      <c r="BD2740" s="93"/>
      <c r="BE2740" s="93"/>
      <c r="BF2740" s="93"/>
      <c r="BG2740" s="93"/>
      <c r="BH2740" s="93"/>
      <c r="BI2740" s="93"/>
      <c r="BJ2740" s="93"/>
      <c r="BK2740" s="93"/>
      <c r="BL2740" s="93"/>
    </row>
    <row r="2741" spans="2:64" x14ac:dyDescent="0.2">
      <c r="B2741" s="43"/>
      <c r="C2741" s="73"/>
      <c r="D2741" s="64"/>
      <c r="E2741" s="55"/>
      <c r="F2741" s="74"/>
      <c r="G2741" s="74"/>
      <c r="H2741" s="74"/>
      <c r="I2741" s="75"/>
      <c r="J2741" s="74"/>
      <c r="L2741" s="55"/>
      <c r="M2741" s="234"/>
      <c r="N2741" s="65"/>
      <c r="O2741" s="76"/>
      <c r="P2741" s="76"/>
      <c r="Q2741" s="65"/>
      <c r="R2741" s="76"/>
      <c r="S2741" s="76"/>
      <c r="T2741" s="76"/>
      <c r="U2741" s="76"/>
      <c r="V2741" s="76"/>
      <c r="W2741" s="76"/>
      <c r="X2741" s="76"/>
      <c r="Y2741" s="76"/>
      <c r="Z2741" s="76"/>
      <c r="AA2741" s="85"/>
      <c r="AB2741" s="85"/>
      <c r="AC2741" s="85"/>
      <c r="AD2741" s="85"/>
      <c r="AE2741" s="85"/>
      <c r="AF2741" s="85"/>
      <c r="AG2741" s="86"/>
      <c r="AH2741" s="85"/>
      <c r="AI2741" s="85"/>
      <c r="AJ2741" s="85"/>
      <c r="AK2741" s="85"/>
      <c r="AL2741" s="85"/>
      <c r="AM2741" s="92"/>
      <c r="AN2741" s="92"/>
      <c r="AO2741" s="92"/>
      <c r="AP2741" s="92"/>
      <c r="AQ2741" s="92"/>
      <c r="AR2741" s="92"/>
      <c r="AS2741" s="92"/>
      <c r="AT2741" s="92"/>
      <c r="AU2741" s="92"/>
      <c r="AV2741" s="92"/>
      <c r="AW2741" s="92"/>
      <c r="AX2741" s="92"/>
      <c r="AY2741" s="92"/>
      <c r="AZ2741" s="93"/>
      <c r="BA2741" s="93"/>
      <c r="BB2741" s="93"/>
      <c r="BC2741" s="93"/>
      <c r="BD2741" s="93"/>
      <c r="BE2741" s="93"/>
      <c r="BF2741" s="93"/>
      <c r="BG2741" s="93"/>
      <c r="BH2741" s="93"/>
      <c r="BI2741" s="93"/>
      <c r="BJ2741" s="93"/>
      <c r="BK2741" s="93"/>
      <c r="BL2741" s="93"/>
    </row>
    <row r="2742" spans="2:64" x14ac:dyDescent="0.2">
      <c r="B2742" s="43"/>
      <c r="C2742" s="73"/>
      <c r="D2742" s="64"/>
      <c r="E2742" s="55"/>
      <c r="F2742" s="74"/>
      <c r="G2742" s="74"/>
      <c r="H2742" s="74"/>
      <c r="I2742" s="75"/>
      <c r="J2742" s="74"/>
      <c r="L2742" s="55"/>
      <c r="M2742" s="234"/>
      <c r="N2742" s="65"/>
      <c r="O2742" s="76"/>
      <c r="P2742" s="76"/>
      <c r="Q2742" s="65"/>
      <c r="R2742" s="76"/>
      <c r="S2742" s="76"/>
      <c r="T2742" s="76"/>
      <c r="U2742" s="76"/>
      <c r="V2742" s="76"/>
      <c r="W2742" s="76"/>
      <c r="X2742" s="76"/>
      <c r="Y2742" s="76"/>
      <c r="Z2742" s="76"/>
      <c r="AA2742" s="85"/>
      <c r="AB2742" s="85"/>
      <c r="AC2742" s="85"/>
      <c r="AD2742" s="85"/>
      <c r="AE2742" s="85"/>
      <c r="AF2742" s="85"/>
      <c r="AG2742" s="86"/>
      <c r="AH2742" s="85"/>
      <c r="AI2742" s="85"/>
      <c r="AJ2742" s="85"/>
      <c r="AK2742" s="85"/>
      <c r="AL2742" s="85"/>
      <c r="AM2742" s="92"/>
      <c r="AN2742" s="92"/>
      <c r="AO2742" s="92"/>
      <c r="AP2742" s="92"/>
      <c r="AQ2742" s="92"/>
      <c r="AR2742" s="92"/>
      <c r="AS2742" s="92"/>
      <c r="AT2742" s="92"/>
      <c r="AU2742" s="92"/>
      <c r="AV2742" s="92"/>
      <c r="AW2742" s="92"/>
      <c r="AX2742" s="92"/>
      <c r="AY2742" s="92"/>
      <c r="AZ2742" s="93"/>
      <c r="BA2742" s="93"/>
      <c r="BB2742" s="93"/>
      <c r="BC2742" s="93"/>
      <c r="BD2742" s="93"/>
      <c r="BE2742" s="93"/>
      <c r="BF2742" s="93"/>
      <c r="BG2742" s="93"/>
      <c r="BH2742" s="93"/>
      <c r="BI2742" s="93"/>
      <c r="BJ2742" s="93"/>
      <c r="BK2742" s="93"/>
      <c r="BL2742" s="93"/>
    </row>
    <row r="2743" spans="2:64" x14ac:dyDescent="0.2">
      <c r="B2743" s="43"/>
      <c r="C2743" s="73"/>
      <c r="D2743" s="64"/>
      <c r="E2743" s="55"/>
      <c r="F2743" s="74"/>
      <c r="G2743" s="74"/>
      <c r="H2743" s="74"/>
      <c r="I2743" s="75"/>
      <c r="J2743" s="74"/>
      <c r="L2743" s="55"/>
      <c r="M2743" s="234"/>
      <c r="N2743" s="65"/>
      <c r="O2743" s="76"/>
      <c r="P2743" s="76"/>
      <c r="Q2743" s="65"/>
      <c r="R2743" s="76"/>
      <c r="S2743" s="76"/>
      <c r="T2743" s="76"/>
      <c r="U2743" s="76"/>
      <c r="V2743" s="76"/>
      <c r="W2743" s="76"/>
      <c r="X2743" s="76"/>
      <c r="Y2743" s="76"/>
      <c r="Z2743" s="76"/>
      <c r="AA2743" s="85"/>
      <c r="AB2743" s="85"/>
      <c r="AC2743" s="85"/>
      <c r="AD2743" s="85"/>
      <c r="AE2743" s="85"/>
      <c r="AF2743" s="85"/>
      <c r="AG2743" s="86"/>
      <c r="AH2743" s="85"/>
      <c r="AI2743" s="85"/>
      <c r="AJ2743" s="85"/>
      <c r="AK2743" s="85"/>
      <c r="AL2743" s="85"/>
      <c r="AM2743" s="92"/>
      <c r="AN2743" s="92"/>
      <c r="AO2743" s="92"/>
      <c r="AP2743" s="92"/>
      <c r="AQ2743" s="92"/>
      <c r="AR2743" s="92"/>
      <c r="AS2743" s="92"/>
      <c r="AT2743" s="92"/>
      <c r="AU2743" s="92"/>
      <c r="AV2743" s="92"/>
      <c r="AW2743" s="92"/>
      <c r="AX2743" s="92"/>
      <c r="AY2743" s="92"/>
      <c r="AZ2743" s="93"/>
      <c r="BA2743" s="93"/>
      <c r="BB2743" s="93"/>
      <c r="BC2743" s="93"/>
      <c r="BD2743" s="93"/>
      <c r="BE2743" s="93"/>
      <c r="BF2743" s="93"/>
      <c r="BG2743" s="93"/>
      <c r="BH2743" s="93"/>
      <c r="BI2743" s="93"/>
      <c r="BJ2743" s="93"/>
      <c r="BK2743" s="93"/>
      <c r="BL2743" s="93"/>
    </row>
    <row r="2744" spans="2:64" x14ac:dyDescent="0.2">
      <c r="B2744" s="43"/>
      <c r="C2744" s="73"/>
      <c r="D2744" s="64"/>
      <c r="E2744" s="55"/>
      <c r="F2744" s="74"/>
      <c r="G2744" s="74"/>
      <c r="H2744" s="74"/>
      <c r="I2744" s="75"/>
      <c r="J2744" s="74"/>
      <c r="L2744" s="55"/>
      <c r="M2744" s="234"/>
      <c r="N2744" s="65"/>
      <c r="O2744" s="76"/>
      <c r="P2744" s="76"/>
      <c r="Q2744" s="65"/>
      <c r="R2744" s="76"/>
      <c r="S2744" s="76"/>
      <c r="T2744" s="76"/>
      <c r="U2744" s="76"/>
      <c r="V2744" s="76"/>
      <c r="W2744" s="76"/>
      <c r="X2744" s="76"/>
      <c r="Y2744" s="76"/>
      <c r="Z2744" s="76"/>
      <c r="AA2744" s="85"/>
      <c r="AB2744" s="85"/>
      <c r="AC2744" s="85"/>
      <c r="AD2744" s="85"/>
      <c r="AE2744" s="85"/>
      <c r="AF2744" s="85"/>
      <c r="AG2744" s="86"/>
      <c r="AH2744" s="85"/>
      <c r="AI2744" s="85"/>
      <c r="AJ2744" s="85"/>
      <c r="AK2744" s="85"/>
      <c r="AL2744" s="85"/>
      <c r="AM2744" s="92"/>
      <c r="AN2744" s="92"/>
      <c r="AO2744" s="92"/>
      <c r="AP2744" s="92"/>
      <c r="AQ2744" s="92"/>
      <c r="AR2744" s="92"/>
      <c r="AS2744" s="92"/>
      <c r="AT2744" s="92"/>
      <c r="AU2744" s="92"/>
      <c r="AV2744" s="92"/>
      <c r="AW2744" s="92"/>
      <c r="AX2744" s="92"/>
      <c r="AY2744" s="92"/>
      <c r="AZ2744" s="93"/>
      <c r="BA2744" s="93"/>
      <c r="BB2744" s="93"/>
      <c r="BC2744" s="93"/>
      <c r="BD2744" s="93"/>
      <c r="BE2744" s="93"/>
      <c r="BF2744" s="93"/>
      <c r="BG2744" s="93"/>
      <c r="BH2744" s="93"/>
      <c r="BI2744" s="93"/>
      <c r="BJ2744" s="93"/>
      <c r="BK2744" s="93"/>
      <c r="BL2744" s="93"/>
    </row>
    <row r="2745" spans="2:64" x14ac:dyDescent="0.2">
      <c r="B2745" s="43"/>
      <c r="C2745" s="73"/>
      <c r="D2745" s="64"/>
      <c r="E2745" s="55"/>
      <c r="F2745" s="74"/>
      <c r="G2745" s="74"/>
      <c r="H2745" s="74"/>
      <c r="I2745" s="75"/>
      <c r="J2745" s="74"/>
      <c r="L2745" s="55"/>
      <c r="M2745" s="234"/>
      <c r="N2745" s="65"/>
      <c r="O2745" s="76"/>
      <c r="P2745" s="76"/>
      <c r="Q2745" s="65"/>
      <c r="R2745" s="76"/>
      <c r="S2745" s="76"/>
      <c r="T2745" s="76"/>
      <c r="U2745" s="76"/>
      <c r="V2745" s="76"/>
      <c r="W2745" s="76"/>
      <c r="X2745" s="76"/>
      <c r="Y2745" s="76"/>
      <c r="Z2745" s="76"/>
      <c r="AA2745" s="85"/>
      <c r="AB2745" s="85"/>
      <c r="AC2745" s="85"/>
      <c r="AD2745" s="85"/>
      <c r="AE2745" s="85"/>
      <c r="AF2745" s="85"/>
      <c r="AG2745" s="86"/>
      <c r="AH2745" s="85"/>
      <c r="AI2745" s="85"/>
      <c r="AJ2745" s="85"/>
      <c r="AK2745" s="85"/>
      <c r="AL2745" s="85"/>
      <c r="AM2745" s="92"/>
      <c r="AN2745" s="92"/>
      <c r="AO2745" s="92"/>
      <c r="AP2745" s="92"/>
      <c r="AQ2745" s="92"/>
      <c r="AR2745" s="92"/>
      <c r="AS2745" s="92"/>
      <c r="AT2745" s="92"/>
      <c r="AU2745" s="92"/>
      <c r="AV2745" s="92"/>
      <c r="AW2745" s="92"/>
      <c r="AX2745" s="92"/>
      <c r="AY2745" s="92"/>
      <c r="AZ2745" s="93"/>
      <c r="BA2745" s="93"/>
      <c r="BB2745" s="93"/>
      <c r="BC2745" s="93"/>
      <c r="BD2745" s="93"/>
      <c r="BE2745" s="93"/>
      <c r="BF2745" s="93"/>
      <c r="BG2745" s="93"/>
      <c r="BH2745" s="93"/>
      <c r="BI2745" s="93"/>
      <c r="BJ2745" s="93"/>
      <c r="BK2745" s="93"/>
      <c r="BL2745" s="93"/>
    </row>
    <row r="2746" spans="2:64" x14ac:dyDescent="0.2">
      <c r="B2746" s="43"/>
      <c r="C2746" s="73"/>
      <c r="D2746" s="64"/>
      <c r="E2746" s="55"/>
      <c r="F2746" s="74"/>
      <c r="G2746" s="74"/>
      <c r="H2746" s="74"/>
      <c r="I2746" s="75"/>
      <c r="J2746" s="74"/>
      <c r="L2746" s="55"/>
      <c r="M2746" s="234"/>
      <c r="N2746" s="65"/>
      <c r="O2746" s="76"/>
      <c r="P2746" s="76"/>
      <c r="Q2746" s="65"/>
      <c r="R2746" s="76"/>
      <c r="S2746" s="76"/>
      <c r="T2746" s="76"/>
      <c r="U2746" s="76"/>
      <c r="V2746" s="76"/>
      <c r="W2746" s="76"/>
      <c r="X2746" s="76"/>
      <c r="Y2746" s="76"/>
      <c r="Z2746" s="76"/>
      <c r="AA2746" s="85"/>
      <c r="AB2746" s="85"/>
      <c r="AC2746" s="85"/>
      <c r="AD2746" s="85"/>
      <c r="AE2746" s="85"/>
      <c r="AF2746" s="85"/>
      <c r="AG2746" s="86"/>
      <c r="AH2746" s="85"/>
      <c r="AI2746" s="85"/>
      <c r="AJ2746" s="85"/>
      <c r="AK2746" s="85"/>
      <c r="AL2746" s="85"/>
      <c r="AM2746" s="92"/>
      <c r="AN2746" s="92"/>
      <c r="AO2746" s="92"/>
      <c r="AP2746" s="92"/>
      <c r="AQ2746" s="92"/>
      <c r="AR2746" s="92"/>
      <c r="AS2746" s="92"/>
      <c r="AT2746" s="92"/>
      <c r="AU2746" s="92"/>
      <c r="AV2746" s="92"/>
      <c r="AW2746" s="92"/>
      <c r="AX2746" s="92"/>
      <c r="AY2746" s="92"/>
      <c r="AZ2746" s="93"/>
      <c r="BA2746" s="93"/>
      <c r="BB2746" s="93"/>
      <c r="BC2746" s="93"/>
      <c r="BD2746" s="93"/>
      <c r="BE2746" s="93"/>
      <c r="BF2746" s="93"/>
      <c r="BG2746" s="93"/>
      <c r="BH2746" s="93"/>
      <c r="BI2746" s="93"/>
      <c r="BJ2746" s="93"/>
      <c r="BK2746" s="93"/>
      <c r="BL2746" s="93"/>
    </row>
    <row r="2747" spans="2:64" x14ac:dyDescent="0.2">
      <c r="B2747" s="43"/>
      <c r="C2747" s="73"/>
      <c r="D2747" s="64"/>
      <c r="E2747" s="55"/>
      <c r="F2747" s="74"/>
      <c r="G2747" s="74"/>
      <c r="H2747" s="74"/>
      <c r="I2747" s="75"/>
      <c r="J2747" s="74"/>
      <c r="L2747" s="55"/>
      <c r="M2747" s="234"/>
      <c r="N2747" s="65"/>
      <c r="O2747" s="76"/>
      <c r="P2747" s="76"/>
      <c r="Q2747" s="65"/>
      <c r="R2747" s="76"/>
      <c r="S2747" s="76"/>
      <c r="T2747" s="76"/>
      <c r="U2747" s="76"/>
      <c r="V2747" s="76"/>
      <c r="W2747" s="76"/>
      <c r="X2747" s="76"/>
      <c r="Y2747" s="76"/>
      <c r="Z2747" s="76"/>
      <c r="AA2747" s="85"/>
      <c r="AB2747" s="85"/>
      <c r="AC2747" s="85"/>
      <c r="AD2747" s="85"/>
      <c r="AE2747" s="85"/>
      <c r="AF2747" s="85"/>
      <c r="AG2747" s="86"/>
      <c r="AH2747" s="85"/>
      <c r="AI2747" s="85"/>
      <c r="AJ2747" s="85"/>
      <c r="AK2747" s="85"/>
      <c r="AL2747" s="85"/>
      <c r="AM2747" s="92"/>
      <c r="AN2747" s="92"/>
      <c r="AO2747" s="92"/>
      <c r="AP2747" s="92"/>
      <c r="AQ2747" s="92"/>
      <c r="AR2747" s="92"/>
      <c r="AS2747" s="92"/>
      <c r="AT2747" s="92"/>
      <c r="AU2747" s="92"/>
      <c r="AV2747" s="92"/>
      <c r="AW2747" s="92"/>
      <c r="AX2747" s="92"/>
      <c r="AY2747" s="92"/>
      <c r="AZ2747" s="93"/>
      <c r="BA2747" s="93"/>
      <c r="BB2747" s="93"/>
      <c r="BC2747" s="93"/>
      <c r="BD2747" s="93"/>
      <c r="BE2747" s="93"/>
      <c r="BF2747" s="93"/>
      <c r="BG2747" s="93"/>
      <c r="BH2747" s="93"/>
      <c r="BI2747" s="93"/>
      <c r="BJ2747" s="93"/>
      <c r="BK2747" s="93"/>
      <c r="BL2747" s="93"/>
    </row>
    <row r="2748" spans="2:64" x14ac:dyDescent="0.2">
      <c r="B2748" s="43"/>
      <c r="C2748" s="73"/>
      <c r="D2748" s="64"/>
      <c r="E2748" s="55"/>
      <c r="F2748" s="74"/>
      <c r="G2748" s="74"/>
      <c r="H2748" s="74"/>
      <c r="I2748" s="75"/>
      <c r="J2748" s="74"/>
      <c r="L2748" s="55"/>
      <c r="M2748" s="234"/>
      <c r="N2748" s="65"/>
      <c r="O2748" s="76"/>
      <c r="P2748" s="76"/>
      <c r="Q2748" s="65"/>
      <c r="R2748" s="76"/>
      <c r="S2748" s="76"/>
      <c r="T2748" s="76"/>
      <c r="U2748" s="76"/>
      <c r="V2748" s="76"/>
      <c r="W2748" s="76"/>
      <c r="X2748" s="76"/>
      <c r="Y2748" s="76"/>
      <c r="Z2748" s="76"/>
      <c r="AA2748" s="85"/>
      <c r="AB2748" s="85"/>
      <c r="AC2748" s="85"/>
      <c r="AD2748" s="85"/>
      <c r="AE2748" s="85"/>
      <c r="AF2748" s="85"/>
      <c r="AG2748" s="86"/>
      <c r="AH2748" s="85"/>
      <c r="AI2748" s="85"/>
      <c r="AJ2748" s="85"/>
      <c r="AK2748" s="85"/>
      <c r="AL2748" s="85"/>
      <c r="AM2748" s="92"/>
      <c r="AN2748" s="92"/>
      <c r="AO2748" s="92"/>
      <c r="AP2748" s="92"/>
      <c r="AQ2748" s="92"/>
      <c r="AR2748" s="92"/>
      <c r="AS2748" s="92"/>
      <c r="AT2748" s="92"/>
      <c r="AU2748" s="92"/>
      <c r="AV2748" s="92"/>
      <c r="AW2748" s="92"/>
      <c r="AX2748" s="92"/>
      <c r="AY2748" s="92"/>
      <c r="AZ2748" s="93"/>
      <c r="BA2748" s="93"/>
      <c r="BB2748" s="93"/>
      <c r="BC2748" s="93"/>
      <c r="BD2748" s="93"/>
      <c r="BE2748" s="93"/>
      <c r="BF2748" s="93"/>
      <c r="BG2748" s="93"/>
      <c r="BH2748" s="93"/>
      <c r="BI2748" s="93"/>
      <c r="BJ2748" s="93"/>
      <c r="BK2748" s="93"/>
      <c r="BL2748" s="93"/>
    </row>
    <row r="2749" spans="2:64" x14ac:dyDescent="0.2">
      <c r="B2749" s="43"/>
      <c r="C2749" s="73"/>
      <c r="D2749" s="64"/>
      <c r="E2749" s="55"/>
      <c r="F2749" s="74"/>
      <c r="G2749" s="74"/>
      <c r="H2749" s="74"/>
      <c r="I2749" s="75"/>
      <c r="J2749" s="74"/>
      <c r="L2749" s="55"/>
      <c r="M2749" s="234"/>
      <c r="N2749" s="65"/>
      <c r="O2749" s="76"/>
      <c r="P2749" s="76"/>
      <c r="Q2749" s="65"/>
      <c r="R2749" s="76"/>
      <c r="S2749" s="76"/>
      <c r="T2749" s="76"/>
      <c r="U2749" s="76"/>
      <c r="V2749" s="76"/>
      <c r="W2749" s="76"/>
      <c r="X2749" s="76"/>
      <c r="Y2749" s="76"/>
      <c r="Z2749" s="76"/>
      <c r="AA2749" s="85"/>
      <c r="AB2749" s="85"/>
      <c r="AC2749" s="85"/>
      <c r="AD2749" s="85"/>
      <c r="AE2749" s="85"/>
      <c r="AF2749" s="85"/>
      <c r="AG2749" s="86"/>
      <c r="AH2749" s="85"/>
      <c r="AI2749" s="85"/>
      <c r="AJ2749" s="85"/>
      <c r="AK2749" s="85"/>
      <c r="AL2749" s="85"/>
      <c r="AM2749" s="92"/>
      <c r="AN2749" s="92"/>
      <c r="AO2749" s="92"/>
      <c r="AP2749" s="92"/>
      <c r="AQ2749" s="92"/>
      <c r="AR2749" s="92"/>
      <c r="AS2749" s="92"/>
      <c r="AT2749" s="92"/>
      <c r="AU2749" s="92"/>
      <c r="AV2749" s="92"/>
      <c r="AW2749" s="92"/>
      <c r="AX2749" s="92"/>
      <c r="AY2749" s="92"/>
      <c r="AZ2749" s="93"/>
      <c r="BA2749" s="93"/>
      <c r="BB2749" s="93"/>
      <c r="BC2749" s="93"/>
      <c r="BD2749" s="93"/>
      <c r="BE2749" s="93"/>
      <c r="BF2749" s="93"/>
      <c r="BG2749" s="93"/>
      <c r="BH2749" s="93"/>
      <c r="BI2749" s="93"/>
      <c r="BJ2749" s="93"/>
      <c r="BK2749" s="93"/>
      <c r="BL2749" s="93"/>
    </row>
    <row r="2750" spans="2:64" x14ac:dyDescent="0.2">
      <c r="B2750" s="43"/>
      <c r="C2750" s="73"/>
      <c r="D2750" s="64"/>
      <c r="E2750" s="55"/>
      <c r="F2750" s="74"/>
      <c r="G2750" s="74"/>
      <c r="H2750" s="74"/>
      <c r="I2750" s="75"/>
      <c r="J2750" s="74"/>
      <c r="L2750" s="55"/>
      <c r="M2750" s="234"/>
      <c r="N2750" s="65"/>
      <c r="O2750" s="76"/>
      <c r="P2750" s="76"/>
      <c r="Q2750" s="65"/>
      <c r="R2750" s="76"/>
      <c r="S2750" s="76"/>
      <c r="T2750" s="76"/>
      <c r="U2750" s="76"/>
      <c r="V2750" s="76"/>
      <c r="W2750" s="76"/>
      <c r="X2750" s="76"/>
      <c r="Y2750" s="76"/>
      <c r="Z2750" s="76"/>
      <c r="AA2750" s="85"/>
      <c r="AB2750" s="85"/>
      <c r="AC2750" s="85"/>
      <c r="AD2750" s="85"/>
      <c r="AE2750" s="85"/>
      <c r="AF2750" s="85"/>
      <c r="AG2750" s="86"/>
      <c r="AH2750" s="85"/>
      <c r="AI2750" s="85"/>
      <c r="AJ2750" s="85"/>
      <c r="AK2750" s="85"/>
      <c r="AL2750" s="85"/>
      <c r="AM2750" s="92"/>
      <c r="AN2750" s="92"/>
      <c r="AO2750" s="92"/>
      <c r="AP2750" s="92"/>
      <c r="AQ2750" s="92"/>
      <c r="AR2750" s="92"/>
      <c r="AS2750" s="92"/>
      <c r="AT2750" s="92"/>
      <c r="AU2750" s="92"/>
      <c r="AV2750" s="92"/>
      <c r="AW2750" s="92"/>
      <c r="AX2750" s="92"/>
      <c r="AY2750" s="92"/>
      <c r="AZ2750" s="93"/>
      <c r="BA2750" s="93"/>
      <c r="BB2750" s="93"/>
      <c r="BC2750" s="93"/>
      <c r="BD2750" s="93"/>
      <c r="BE2750" s="93"/>
      <c r="BF2750" s="93"/>
      <c r="BG2750" s="93"/>
      <c r="BH2750" s="93"/>
      <c r="BI2750" s="93"/>
      <c r="BJ2750" s="93"/>
      <c r="BK2750" s="93"/>
      <c r="BL2750" s="93"/>
    </row>
    <row r="2751" spans="2:64" x14ac:dyDescent="0.2">
      <c r="B2751" s="43"/>
      <c r="C2751" s="73"/>
      <c r="D2751" s="64"/>
      <c r="E2751" s="55"/>
      <c r="F2751" s="74"/>
      <c r="G2751" s="74"/>
      <c r="H2751" s="74"/>
      <c r="I2751" s="75"/>
      <c r="J2751" s="74"/>
      <c r="L2751" s="55"/>
      <c r="M2751" s="234"/>
      <c r="N2751" s="65"/>
      <c r="O2751" s="76"/>
      <c r="P2751" s="76"/>
      <c r="Q2751" s="65"/>
      <c r="R2751" s="76"/>
      <c r="S2751" s="76"/>
      <c r="T2751" s="76"/>
      <c r="U2751" s="76"/>
      <c r="V2751" s="76"/>
      <c r="W2751" s="76"/>
      <c r="X2751" s="76"/>
      <c r="Y2751" s="76"/>
      <c r="Z2751" s="76"/>
      <c r="AA2751" s="85"/>
      <c r="AB2751" s="85"/>
      <c r="AC2751" s="85"/>
      <c r="AD2751" s="85"/>
      <c r="AE2751" s="85"/>
      <c r="AF2751" s="85"/>
      <c r="AG2751" s="86"/>
      <c r="AH2751" s="85"/>
      <c r="AI2751" s="85"/>
      <c r="AJ2751" s="85"/>
      <c r="AK2751" s="85"/>
      <c r="AL2751" s="85"/>
      <c r="AM2751" s="92"/>
      <c r="AN2751" s="92"/>
      <c r="AO2751" s="92"/>
      <c r="AP2751" s="92"/>
      <c r="AQ2751" s="92"/>
      <c r="AR2751" s="92"/>
      <c r="AS2751" s="92"/>
      <c r="AT2751" s="92"/>
      <c r="AU2751" s="92"/>
      <c r="AV2751" s="92"/>
      <c r="AW2751" s="92"/>
      <c r="AX2751" s="92"/>
      <c r="AY2751" s="92"/>
      <c r="AZ2751" s="93"/>
      <c r="BA2751" s="93"/>
      <c r="BB2751" s="93"/>
      <c r="BC2751" s="93"/>
      <c r="BD2751" s="93"/>
      <c r="BE2751" s="93"/>
      <c r="BF2751" s="93"/>
      <c r="BG2751" s="93"/>
      <c r="BH2751" s="93"/>
      <c r="BI2751" s="93"/>
      <c r="BJ2751" s="93"/>
      <c r="BK2751" s="93"/>
      <c r="BL2751" s="93"/>
    </row>
    <row r="2752" spans="2:64" x14ac:dyDescent="0.2">
      <c r="B2752" s="43"/>
      <c r="C2752" s="73"/>
      <c r="D2752" s="64"/>
      <c r="E2752" s="55"/>
      <c r="F2752" s="74"/>
      <c r="G2752" s="74"/>
      <c r="H2752" s="74"/>
      <c r="I2752" s="75"/>
      <c r="J2752" s="74"/>
      <c r="L2752" s="55"/>
      <c r="M2752" s="234"/>
      <c r="N2752" s="65"/>
      <c r="O2752" s="76"/>
      <c r="P2752" s="76"/>
      <c r="Q2752" s="65"/>
      <c r="R2752" s="76"/>
      <c r="S2752" s="76"/>
      <c r="T2752" s="76"/>
      <c r="U2752" s="76"/>
      <c r="V2752" s="76"/>
      <c r="W2752" s="76"/>
      <c r="X2752" s="76"/>
      <c r="Y2752" s="76"/>
      <c r="Z2752" s="76"/>
      <c r="AA2752" s="85"/>
      <c r="AB2752" s="85"/>
      <c r="AC2752" s="85"/>
      <c r="AD2752" s="85"/>
      <c r="AE2752" s="85"/>
      <c r="AF2752" s="85"/>
      <c r="AG2752" s="86"/>
      <c r="AH2752" s="85"/>
      <c r="AI2752" s="85"/>
      <c r="AJ2752" s="85"/>
      <c r="AK2752" s="85"/>
      <c r="AL2752" s="85"/>
      <c r="AM2752" s="92"/>
      <c r="AN2752" s="92"/>
      <c r="AO2752" s="92"/>
      <c r="AP2752" s="92"/>
      <c r="AQ2752" s="92"/>
      <c r="AR2752" s="92"/>
      <c r="AS2752" s="92"/>
      <c r="AT2752" s="92"/>
      <c r="AU2752" s="92"/>
      <c r="AV2752" s="92"/>
      <c r="AW2752" s="92"/>
      <c r="AX2752" s="92"/>
      <c r="AY2752" s="92"/>
      <c r="AZ2752" s="93"/>
      <c r="BA2752" s="93"/>
      <c r="BB2752" s="93"/>
      <c r="BC2752" s="93"/>
      <c r="BD2752" s="93"/>
      <c r="BE2752" s="93"/>
      <c r="BF2752" s="93"/>
      <c r="BG2752" s="93"/>
      <c r="BH2752" s="93"/>
      <c r="BI2752" s="93"/>
      <c r="BJ2752" s="93"/>
      <c r="BK2752" s="93"/>
      <c r="BL2752" s="93"/>
    </row>
    <row r="2753" spans="2:64" x14ac:dyDescent="0.2">
      <c r="B2753" s="43"/>
      <c r="C2753" s="73"/>
      <c r="D2753" s="64"/>
      <c r="E2753" s="55"/>
      <c r="F2753" s="74"/>
      <c r="G2753" s="74"/>
      <c r="H2753" s="74"/>
      <c r="I2753" s="75"/>
      <c r="J2753" s="74"/>
      <c r="L2753" s="55"/>
      <c r="M2753" s="234"/>
      <c r="N2753" s="65"/>
      <c r="O2753" s="76"/>
      <c r="P2753" s="76"/>
      <c r="Q2753" s="65"/>
      <c r="R2753" s="76"/>
      <c r="S2753" s="76"/>
      <c r="T2753" s="76"/>
      <c r="U2753" s="76"/>
      <c r="V2753" s="76"/>
      <c r="W2753" s="76"/>
      <c r="X2753" s="76"/>
      <c r="Y2753" s="76"/>
      <c r="Z2753" s="76"/>
      <c r="AA2753" s="85"/>
      <c r="AB2753" s="85"/>
      <c r="AC2753" s="85"/>
      <c r="AD2753" s="85"/>
      <c r="AE2753" s="85"/>
      <c r="AF2753" s="85"/>
      <c r="AG2753" s="86"/>
      <c r="AH2753" s="85"/>
      <c r="AI2753" s="85"/>
      <c r="AJ2753" s="85"/>
      <c r="AK2753" s="85"/>
      <c r="AL2753" s="85"/>
      <c r="AM2753" s="92"/>
      <c r="AN2753" s="92"/>
      <c r="AO2753" s="92"/>
      <c r="AP2753" s="92"/>
      <c r="AQ2753" s="92"/>
      <c r="AR2753" s="92"/>
      <c r="AS2753" s="92"/>
      <c r="AT2753" s="92"/>
      <c r="AU2753" s="92"/>
      <c r="AV2753" s="92"/>
      <c r="AW2753" s="92"/>
      <c r="AX2753" s="92"/>
      <c r="AY2753" s="92"/>
      <c r="AZ2753" s="93"/>
      <c r="BA2753" s="93"/>
      <c r="BB2753" s="93"/>
      <c r="BC2753" s="93"/>
      <c r="BD2753" s="93"/>
      <c r="BE2753" s="93"/>
      <c r="BF2753" s="93"/>
      <c r="BG2753" s="93"/>
      <c r="BH2753" s="93"/>
      <c r="BI2753" s="93"/>
      <c r="BJ2753" s="93"/>
      <c r="BK2753" s="93"/>
      <c r="BL2753" s="93"/>
    </row>
    <row r="2754" spans="2:64" x14ac:dyDescent="0.2">
      <c r="B2754" s="43"/>
      <c r="C2754" s="73"/>
      <c r="D2754" s="64"/>
      <c r="E2754" s="55"/>
      <c r="F2754" s="74"/>
      <c r="G2754" s="74"/>
      <c r="H2754" s="74"/>
      <c r="I2754" s="75"/>
      <c r="J2754" s="74"/>
      <c r="L2754" s="55"/>
      <c r="M2754" s="234"/>
      <c r="N2754" s="65"/>
      <c r="O2754" s="76"/>
      <c r="P2754" s="76"/>
      <c r="Q2754" s="65"/>
      <c r="R2754" s="76"/>
      <c r="S2754" s="76"/>
      <c r="T2754" s="76"/>
      <c r="U2754" s="76"/>
      <c r="V2754" s="76"/>
      <c r="W2754" s="76"/>
      <c r="X2754" s="76"/>
      <c r="Y2754" s="76"/>
      <c r="Z2754" s="76"/>
      <c r="AA2754" s="85"/>
      <c r="AB2754" s="85"/>
      <c r="AC2754" s="85"/>
      <c r="AD2754" s="85"/>
      <c r="AE2754" s="85"/>
      <c r="AF2754" s="85"/>
      <c r="AG2754" s="86"/>
      <c r="AH2754" s="85"/>
      <c r="AI2754" s="85"/>
      <c r="AJ2754" s="85"/>
      <c r="AK2754" s="85"/>
      <c r="AL2754" s="85"/>
      <c r="AM2754" s="92"/>
      <c r="AN2754" s="92"/>
      <c r="AO2754" s="92"/>
      <c r="AP2754" s="92"/>
      <c r="AQ2754" s="92"/>
      <c r="AR2754" s="92"/>
      <c r="AS2754" s="92"/>
      <c r="AT2754" s="92"/>
      <c r="AU2754" s="92"/>
      <c r="AV2754" s="92"/>
      <c r="AW2754" s="92"/>
      <c r="AX2754" s="92"/>
      <c r="AY2754" s="92"/>
      <c r="AZ2754" s="93"/>
      <c r="BA2754" s="93"/>
      <c r="BB2754" s="93"/>
      <c r="BC2754" s="93"/>
      <c r="BD2754" s="93"/>
      <c r="BE2754" s="93"/>
      <c r="BF2754" s="93"/>
      <c r="BG2754" s="93"/>
      <c r="BH2754" s="93"/>
      <c r="BI2754" s="93"/>
      <c r="BJ2754" s="93"/>
      <c r="BK2754" s="93"/>
      <c r="BL2754" s="93"/>
    </row>
    <row r="2755" spans="2:64" x14ac:dyDescent="0.2">
      <c r="B2755" s="43"/>
      <c r="C2755" s="73"/>
      <c r="D2755" s="64"/>
      <c r="E2755" s="55"/>
      <c r="F2755" s="74"/>
      <c r="G2755" s="74"/>
      <c r="H2755" s="74"/>
      <c r="I2755" s="75"/>
      <c r="J2755" s="74"/>
      <c r="L2755" s="55"/>
      <c r="M2755" s="234"/>
      <c r="N2755" s="65"/>
      <c r="O2755" s="76"/>
      <c r="P2755" s="76"/>
      <c r="Q2755" s="65"/>
      <c r="R2755" s="76"/>
      <c r="S2755" s="76"/>
      <c r="T2755" s="76"/>
      <c r="U2755" s="76"/>
      <c r="V2755" s="76"/>
      <c r="W2755" s="76"/>
      <c r="X2755" s="76"/>
      <c r="Y2755" s="76"/>
      <c r="Z2755" s="76"/>
      <c r="AA2755" s="85"/>
      <c r="AB2755" s="85"/>
      <c r="AC2755" s="85"/>
      <c r="AD2755" s="85"/>
      <c r="AE2755" s="85"/>
      <c r="AF2755" s="85"/>
      <c r="AG2755" s="86"/>
      <c r="AH2755" s="85"/>
      <c r="AI2755" s="85"/>
      <c r="AJ2755" s="85"/>
      <c r="AK2755" s="85"/>
      <c r="AL2755" s="85"/>
      <c r="AM2755" s="92"/>
      <c r="AN2755" s="92"/>
      <c r="AO2755" s="92"/>
      <c r="AP2755" s="92"/>
      <c r="AQ2755" s="92"/>
      <c r="AR2755" s="92"/>
      <c r="AS2755" s="92"/>
      <c r="AT2755" s="92"/>
      <c r="AU2755" s="92"/>
      <c r="AV2755" s="92"/>
      <c r="AW2755" s="92"/>
      <c r="AX2755" s="92"/>
      <c r="AY2755" s="92"/>
      <c r="AZ2755" s="93"/>
      <c r="BA2755" s="93"/>
      <c r="BB2755" s="93"/>
      <c r="BC2755" s="93"/>
      <c r="BD2755" s="93"/>
      <c r="BE2755" s="93"/>
      <c r="BF2755" s="93"/>
      <c r="BG2755" s="93"/>
      <c r="BH2755" s="93"/>
      <c r="BI2755" s="93"/>
      <c r="BJ2755" s="93"/>
      <c r="BK2755" s="93"/>
      <c r="BL2755" s="93"/>
    </row>
    <row r="2756" spans="2:64" x14ac:dyDescent="0.2">
      <c r="B2756" s="43"/>
      <c r="C2756" s="73"/>
      <c r="D2756" s="64"/>
      <c r="E2756" s="55"/>
      <c r="F2756" s="74"/>
      <c r="G2756" s="74"/>
      <c r="H2756" s="74"/>
      <c r="I2756" s="75"/>
      <c r="J2756" s="74"/>
      <c r="L2756" s="55"/>
      <c r="M2756" s="234"/>
      <c r="N2756" s="65"/>
      <c r="O2756" s="76"/>
      <c r="P2756" s="76"/>
      <c r="Q2756" s="65"/>
      <c r="R2756" s="76"/>
      <c r="S2756" s="76"/>
      <c r="T2756" s="76"/>
      <c r="U2756" s="76"/>
      <c r="V2756" s="76"/>
      <c r="W2756" s="76"/>
      <c r="X2756" s="76"/>
      <c r="Y2756" s="76"/>
      <c r="Z2756" s="76"/>
      <c r="AA2756" s="85"/>
      <c r="AB2756" s="85"/>
      <c r="AC2756" s="85"/>
      <c r="AD2756" s="85"/>
      <c r="AE2756" s="85"/>
      <c r="AF2756" s="85"/>
      <c r="AG2756" s="86"/>
      <c r="AH2756" s="85"/>
      <c r="AI2756" s="85"/>
      <c r="AJ2756" s="85"/>
      <c r="AK2756" s="85"/>
      <c r="AL2756" s="85"/>
      <c r="AM2756" s="92"/>
      <c r="AN2756" s="92"/>
      <c r="AO2756" s="92"/>
      <c r="AP2756" s="92"/>
      <c r="AQ2756" s="92"/>
      <c r="AR2756" s="92"/>
      <c r="AS2756" s="92"/>
      <c r="AT2756" s="92"/>
      <c r="AU2756" s="92"/>
      <c r="AV2756" s="92"/>
      <c r="AW2756" s="92"/>
      <c r="AX2756" s="92"/>
      <c r="AY2756" s="92"/>
      <c r="AZ2756" s="93"/>
      <c r="BA2756" s="93"/>
      <c r="BB2756" s="93"/>
      <c r="BC2756" s="93"/>
      <c r="BD2756" s="93"/>
      <c r="BE2756" s="93"/>
      <c r="BF2756" s="93"/>
      <c r="BG2756" s="93"/>
      <c r="BH2756" s="93"/>
      <c r="BI2756" s="93"/>
      <c r="BJ2756" s="93"/>
      <c r="BK2756" s="93"/>
      <c r="BL2756" s="93"/>
    </row>
    <row r="2757" spans="2:64" x14ac:dyDescent="0.2">
      <c r="B2757" s="43"/>
      <c r="C2757" s="73"/>
      <c r="D2757" s="64"/>
      <c r="E2757" s="55"/>
      <c r="F2757" s="74"/>
      <c r="G2757" s="74"/>
      <c r="H2757" s="74"/>
      <c r="I2757" s="75"/>
      <c r="J2757" s="74"/>
      <c r="L2757" s="55"/>
      <c r="M2757" s="234"/>
      <c r="N2757" s="65"/>
      <c r="O2757" s="76"/>
      <c r="P2757" s="76"/>
      <c r="Q2757" s="65"/>
      <c r="R2757" s="76"/>
      <c r="S2757" s="76"/>
      <c r="T2757" s="76"/>
      <c r="U2757" s="76"/>
      <c r="V2757" s="76"/>
      <c r="W2757" s="76"/>
      <c r="X2757" s="76"/>
      <c r="Y2757" s="76"/>
      <c r="Z2757" s="76"/>
      <c r="AA2757" s="85"/>
      <c r="AB2757" s="85"/>
      <c r="AC2757" s="85"/>
      <c r="AD2757" s="85"/>
      <c r="AE2757" s="85"/>
      <c r="AF2757" s="85"/>
      <c r="AG2757" s="86"/>
      <c r="AH2757" s="85"/>
      <c r="AI2757" s="85"/>
      <c r="AJ2757" s="85"/>
      <c r="AK2757" s="85"/>
      <c r="AL2757" s="85"/>
      <c r="AM2757" s="92"/>
      <c r="AN2757" s="92"/>
      <c r="AO2757" s="92"/>
      <c r="AP2757" s="92"/>
      <c r="AQ2757" s="92"/>
      <c r="AR2757" s="92"/>
      <c r="AS2757" s="92"/>
      <c r="AT2757" s="92"/>
      <c r="AU2757" s="92"/>
      <c r="AV2757" s="92"/>
      <c r="AW2757" s="92"/>
      <c r="AX2757" s="92"/>
      <c r="AY2757" s="92"/>
      <c r="AZ2757" s="93"/>
      <c r="BA2757" s="93"/>
      <c r="BB2757" s="93"/>
      <c r="BC2757" s="93"/>
      <c r="BD2757" s="93"/>
      <c r="BE2757" s="93"/>
      <c r="BF2757" s="93"/>
      <c r="BG2757" s="93"/>
      <c r="BH2757" s="93"/>
      <c r="BI2757" s="93"/>
      <c r="BJ2757" s="93"/>
      <c r="BK2757" s="93"/>
      <c r="BL2757" s="93"/>
    </row>
    <row r="2758" spans="2:64" x14ac:dyDescent="0.2">
      <c r="B2758" s="43"/>
      <c r="C2758" s="73"/>
      <c r="D2758" s="64"/>
      <c r="E2758" s="55"/>
      <c r="F2758" s="74"/>
      <c r="G2758" s="74"/>
      <c r="H2758" s="74"/>
      <c r="I2758" s="75"/>
      <c r="J2758" s="74"/>
      <c r="L2758" s="55"/>
      <c r="M2758" s="234"/>
      <c r="N2758" s="65"/>
      <c r="O2758" s="76"/>
      <c r="P2758" s="76"/>
      <c r="Q2758" s="65"/>
      <c r="R2758" s="76"/>
      <c r="S2758" s="76"/>
      <c r="T2758" s="76"/>
      <c r="U2758" s="76"/>
      <c r="V2758" s="76"/>
      <c r="W2758" s="76"/>
      <c r="X2758" s="76"/>
      <c r="Y2758" s="76"/>
      <c r="Z2758" s="76"/>
      <c r="AA2758" s="85"/>
      <c r="AB2758" s="85"/>
      <c r="AC2758" s="85"/>
      <c r="AD2758" s="85"/>
      <c r="AE2758" s="85"/>
      <c r="AF2758" s="85"/>
      <c r="AG2758" s="86"/>
      <c r="AH2758" s="85"/>
      <c r="AI2758" s="85"/>
      <c r="AJ2758" s="85"/>
      <c r="AK2758" s="85"/>
      <c r="AL2758" s="85"/>
      <c r="AM2758" s="92"/>
      <c r="AN2758" s="92"/>
      <c r="AO2758" s="92"/>
      <c r="AP2758" s="92"/>
      <c r="AQ2758" s="92"/>
      <c r="AR2758" s="92"/>
      <c r="AS2758" s="92"/>
      <c r="AT2758" s="92"/>
      <c r="AU2758" s="92"/>
      <c r="AV2758" s="92"/>
      <c r="AW2758" s="92"/>
      <c r="AX2758" s="92"/>
      <c r="AY2758" s="92"/>
      <c r="AZ2758" s="93"/>
      <c r="BA2758" s="93"/>
      <c r="BB2758" s="93"/>
      <c r="BC2758" s="93"/>
      <c r="BD2758" s="93"/>
      <c r="BE2758" s="93"/>
      <c r="BF2758" s="93"/>
      <c r="BG2758" s="93"/>
      <c r="BH2758" s="93"/>
      <c r="BI2758" s="93"/>
      <c r="BJ2758" s="93"/>
      <c r="BK2758" s="93"/>
      <c r="BL2758" s="93"/>
    </row>
    <row r="2759" spans="2:64" x14ac:dyDescent="0.2">
      <c r="B2759" s="43"/>
      <c r="C2759" s="73"/>
      <c r="D2759" s="64"/>
      <c r="E2759" s="55"/>
      <c r="F2759" s="74"/>
      <c r="G2759" s="74"/>
      <c r="H2759" s="74"/>
      <c r="I2759" s="75"/>
      <c r="J2759" s="74"/>
      <c r="L2759" s="55"/>
      <c r="M2759" s="234"/>
      <c r="N2759" s="65"/>
      <c r="O2759" s="76"/>
      <c r="P2759" s="76"/>
      <c r="Q2759" s="65"/>
      <c r="R2759" s="76"/>
      <c r="S2759" s="76"/>
      <c r="T2759" s="76"/>
      <c r="U2759" s="76"/>
      <c r="V2759" s="76"/>
      <c r="W2759" s="76"/>
      <c r="X2759" s="76"/>
      <c r="Y2759" s="76"/>
      <c r="Z2759" s="76"/>
      <c r="AA2759" s="85"/>
      <c r="AB2759" s="85"/>
      <c r="AC2759" s="85"/>
      <c r="AD2759" s="85"/>
      <c r="AE2759" s="85"/>
      <c r="AF2759" s="85"/>
      <c r="AG2759" s="86"/>
      <c r="AH2759" s="85"/>
      <c r="AI2759" s="85"/>
      <c r="AJ2759" s="85"/>
      <c r="AK2759" s="85"/>
      <c r="AL2759" s="85"/>
      <c r="AM2759" s="92"/>
      <c r="AN2759" s="92"/>
      <c r="AO2759" s="92"/>
      <c r="AP2759" s="92"/>
      <c r="AQ2759" s="92"/>
      <c r="AR2759" s="92"/>
      <c r="AS2759" s="92"/>
      <c r="AT2759" s="92"/>
      <c r="AU2759" s="92"/>
      <c r="AV2759" s="92"/>
      <c r="AW2759" s="92"/>
      <c r="AX2759" s="92"/>
      <c r="AY2759" s="92"/>
      <c r="AZ2759" s="93"/>
      <c r="BA2759" s="93"/>
      <c r="BB2759" s="93"/>
      <c r="BC2759" s="93"/>
      <c r="BD2759" s="93"/>
      <c r="BE2759" s="93"/>
      <c r="BF2759" s="93"/>
      <c r="BG2759" s="93"/>
      <c r="BH2759" s="93"/>
      <c r="BI2759" s="93"/>
      <c r="BJ2759" s="93"/>
      <c r="BK2759" s="93"/>
      <c r="BL2759" s="93"/>
    </row>
    <row r="2760" spans="2:64" x14ac:dyDescent="0.2">
      <c r="B2760" s="43"/>
      <c r="C2760" s="73"/>
      <c r="D2760" s="64"/>
      <c r="E2760" s="55"/>
      <c r="F2760" s="74"/>
      <c r="G2760" s="74"/>
      <c r="H2760" s="74"/>
      <c r="I2760" s="75"/>
      <c r="J2760" s="74"/>
      <c r="L2760" s="55"/>
      <c r="M2760" s="234"/>
      <c r="N2760" s="65"/>
      <c r="O2760" s="76"/>
      <c r="P2760" s="76"/>
      <c r="Q2760" s="65"/>
      <c r="R2760" s="76"/>
      <c r="S2760" s="76"/>
      <c r="T2760" s="76"/>
      <c r="U2760" s="76"/>
      <c r="V2760" s="76"/>
      <c r="W2760" s="76"/>
      <c r="X2760" s="76"/>
      <c r="Y2760" s="76"/>
      <c r="Z2760" s="76"/>
      <c r="AA2760" s="85"/>
      <c r="AB2760" s="85"/>
      <c r="AC2760" s="85"/>
      <c r="AD2760" s="85"/>
      <c r="AE2760" s="85"/>
      <c r="AF2760" s="85"/>
      <c r="AG2760" s="86"/>
      <c r="AH2760" s="85"/>
      <c r="AI2760" s="85"/>
      <c r="AJ2760" s="85"/>
      <c r="AK2760" s="85"/>
      <c r="AL2760" s="85"/>
      <c r="AM2760" s="92"/>
      <c r="AN2760" s="92"/>
      <c r="AO2760" s="92"/>
      <c r="AP2760" s="92"/>
      <c r="AQ2760" s="92"/>
      <c r="AR2760" s="92"/>
      <c r="AS2760" s="92"/>
      <c r="AT2760" s="92"/>
      <c r="AU2760" s="92"/>
      <c r="AV2760" s="92"/>
      <c r="AW2760" s="92"/>
      <c r="AX2760" s="92"/>
      <c r="AY2760" s="92"/>
      <c r="AZ2760" s="93"/>
      <c r="BA2760" s="93"/>
      <c r="BB2760" s="93"/>
      <c r="BC2760" s="93"/>
      <c r="BD2760" s="93"/>
      <c r="BE2760" s="93"/>
      <c r="BF2760" s="93"/>
      <c r="BG2760" s="93"/>
      <c r="BH2760" s="93"/>
      <c r="BI2760" s="93"/>
      <c r="BJ2760" s="93"/>
      <c r="BK2760" s="93"/>
      <c r="BL2760" s="93"/>
    </row>
    <row r="2761" spans="2:64" x14ac:dyDescent="0.2">
      <c r="B2761" s="43"/>
      <c r="C2761" s="73"/>
      <c r="D2761" s="64"/>
      <c r="E2761" s="55"/>
      <c r="F2761" s="74"/>
      <c r="G2761" s="74"/>
      <c r="H2761" s="74"/>
      <c r="I2761" s="75"/>
      <c r="J2761" s="74"/>
      <c r="L2761" s="55"/>
      <c r="M2761" s="234"/>
      <c r="N2761" s="65"/>
      <c r="O2761" s="76"/>
      <c r="P2761" s="76"/>
      <c r="Q2761" s="65"/>
      <c r="R2761" s="76"/>
      <c r="S2761" s="76"/>
      <c r="T2761" s="76"/>
      <c r="U2761" s="76"/>
      <c r="V2761" s="76"/>
      <c r="W2761" s="76"/>
      <c r="X2761" s="76"/>
      <c r="Y2761" s="76"/>
      <c r="Z2761" s="76"/>
      <c r="AA2761" s="85"/>
      <c r="AB2761" s="85"/>
      <c r="AC2761" s="85"/>
      <c r="AD2761" s="85"/>
      <c r="AE2761" s="85"/>
      <c r="AF2761" s="85"/>
      <c r="AG2761" s="86"/>
      <c r="AH2761" s="85"/>
      <c r="AI2761" s="85"/>
      <c r="AJ2761" s="85"/>
      <c r="AK2761" s="85"/>
      <c r="AL2761" s="85"/>
      <c r="AM2761" s="92"/>
      <c r="AN2761" s="92"/>
      <c r="AO2761" s="92"/>
      <c r="AP2761" s="92"/>
      <c r="AQ2761" s="92"/>
      <c r="AR2761" s="92"/>
      <c r="AS2761" s="92"/>
      <c r="AT2761" s="92"/>
      <c r="AU2761" s="92"/>
      <c r="AV2761" s="92"/>
      <c r="AW2761" s="92"/>
      <c r="AX2761" s="92"/>
      <c r="AY2761" s="92"/>
      <c r="AZ2761" s="93"/>
      <c r="BA2761" s="93"/>
      <c r="BB2761" s="93"/>
      <c r="BC2761" s="93"/>
      <c r="BD2761" s="93"/>
      <c r="BE2761" s="93"/>
      <c r="BF2761" s="93"/>
      <c r="BG2761" s="93"/>
      <c r="BH2761" s="93"/>
      <c r="BI2761" s="93"/>
      <c r="BJ2761" s="93"/>
      <c r="BK2761" s="93"/>
      <c r="BL2761" s="93"/>
    </row>
    <row r="2762" spans="2:64" x14ac:dyDescent="0.2">
      <c r="B2762" s="43"/>
      <c r="C2762" s="73"/>
      <c r="D2762" s="64"/>
      <c r="E2762" s="55"/>
      <c r="F2762" s="74"/>
      <c r="G2762" s="74"/>
      <c r="H2762" s="74"/>
      <c r="I2762" s="75"/>
      <c r="J2762" s="74"/>
      <c r="L2762" s="55"/>
      <c r="M2762" s="234"/>
      <c r="N2762" s="65"/>
      <c r="O2762" s="76"/>
      <c r="P2762" s="76"/>
      <c r="Q2762" s="65"/>
      <c r="R2762" s="76"/>
      <c r="S2762" s="76"/>
      <c r="T2762" s="76"/>
      <c r="U2762" s="76"/>
      <c r="V2762" s="76"/>
      <c r="W2762" s="76"/>
      <c r="X2762" s="76"/>
      <c r="Y2762" s="76"/>
      <c r="Z2762" s="76"/>
      <c r="AA2762" s="85"/>
      <c r="AB2762" s="85"/>
      <c r="AC2762" s="85"/>
      <c r="AD2762" s="85"/>
      <c r="AE2762" s="85"/>
      <c r="AF2762" s="85"/>
      <c r="AG2762" s="86"/>
      <c r="AH2762" s="85"/>
      <c r="AI2762" s="85"/>
      <c r="AJ2762" s="85"/>
      <c r="AK2762" s="85"/>
      <c r="AL2762" s="85"/>
      <c r="AM2762" s="92"/>
      <c r="AN2762" s="92"/>
      <c r="AO2762" s="92"/>
      <c r="AP2762" s="92"/>
      <c r="AQ2762" s="92"/>
      <c r="AR2762" s="92"/>
      <c r="AS2762" s="92"/>
      <c r="AT2762" s="92"/>
      <c r="AU2762" s="92"/>
      <c r="AV2762" s="92"/>
      <c r="AW2762" s="92"/>
      <c r="AX2762" s="92"/>
      <c r="AY2762" s="92"/>
      <c r="AZ2762" s="93"/>
      <c r="BA2762" s="93"/>
      <c r="BB2762" s="93"/>
      <c r="BC2762" s="93"/>
      <c r="BD2762" s="93"/>
      <c r="BE2762" s="93"/>
      <c r="BF2762" s="93"/>
      <c r="BG2762" s="93"/>
      <c r="BH2762" s="93"/>
      <c r="BI2762" s="93"/>
      <c r="BJ2762" s="93"/>
      <c r="BK2762" s="93"/>
      <c r="BL2762" s="93"/>
    </row>
    <row r="2763" spans="2:64" x14ac:dyDescent="0.2">
      <c r="B2763" s="43"/>
      <c r="C2763" s="73"/>
      <c r="D2763" s="64"/>
      <c r="E2763" s="55"/>
      <c r="F2763" s="74"/>
      <c r="G2763" s="74"/>
      <c r="H2763" s="74"/>
      <c r="I2763" s="75"/>
      <c r="J2763" s="74"/>
      <c r="L2763" s="55"/>
      <c r="M2763" s="234"/>
      <c r="N2763" s="65"/>
      <c r="O2763" s="76"/>
      <c r="P2763" s="76"/>
      <c r="Q2763" s="65"/>
      <c r="R2763" s="76"/>
      <c r="S2763" s="76"/>
      <c r="T2763" s="76"/>
      <c r="U2763" s="76"/>
      <c r="V2763" s="76"/>
      <c r="W2763" s="76"/>
      <c r="X2763" s="76"/>
      <c r="Y2763" s="76"/>
      <c r="Z2763" s="76"/>
      <c r="AA2763" s="85"/>
      <c r="AB2763" s="85"/>
      <c r="AC2763" s="85"/>
      <c r="AD2763" s="85"/>
      <c r="AE2763" s="85"/>
      <c r="AF2763" s="85"/>
      <c r="AG2763" s="86"/>
      <c r="AH2763" s="85"/>
      <c r="AI2763" s="85"/>
      <c r="AJ2763" s="85"/>
      <c r="AK2763" s="85"/>
      <c r="AL2763" s="85"/>
      <c r="AM2763" s="92"/>
      <c r="AN2763" s="92"/>
      <c r="AO2763" s="92"/>
      <c r="AP2763" s="92"/>
      <c r="AQ2763" s="92"/>
      <c r="AR2763" s="92"/>
      <c r="AS2763" s="92"/>
      <c r="AT2763" s="92"/>
      <c r="AU2763" s="92"/>
      <c r="AV2763" s="92"/>
      <c r="AW2763" s="92"/>
      <c r="AX2763" s="92"/>
      <c r="AY2763" s="92"/>
      <c r="AZ2763" s="93"/>
      <c r="BA2763" s="93"/>
      <c r="BB2763" s="93"/>
      <c r="BC2763" s="93"/>
      <c r="BD2763" s="93"/>
      <c r="BE2763" s="93"/>
      <c r="BF2763" s="93"/>
      <c r="BG2763" s="93"/>
      <c r="BH2763" s="93"/>
      <c r="BI2763" s="93"/>
      <c r="BJ2763" s="93"/>
      <c r="BK2763" s="93"/>
      <c r="BL2763" s="93"/>
    </row>
    <row r="2764" spans="2:64" x14ac:dyDescent="0.2">
      <c r="B2764" s="43"/>
      <c r="C2764" s="73"/>
      <c r="D2764" s="64"/>
      <c r="E2764" s="55"/>
      <c r="F2764" s="74"/>
      <c r="G2764" s="74"/>
      <c r="H2764" s="74"/>
      <c r="I2764" s="75"/>
      <c r="J2764" s="74"/>
      <c r="L2764" s="55"/>
      <c r="M2764" s="234"/>
      <c r="N2764" s="65"/>
      <c r="O2764" s="76"/>
      <c r="P2764" s="76"/>
      <c r="Q2764" s="65"/>
      <c r="R2764" s="76"/>
      <c r="S2764" s="76"/>
      <c r="T2764" s="76"/>
      <c r="U2764" s="76"/>
      <c r="V2764" s="76"/>
      <c r="W2764" s="76"/>
      <c r="X2764" s="76"/>
      <c r="Y2764" s="76"/>
      <c r="Z2764" s="76"/>
      <c r="AA2764" s="85"/>
      <c r="AB2764" s="85"/>
      <c r="AC2764" s="85"/>
      <c r="AD2764" s="85"/>
      <c r="AE2764" s="85"/>
      <c r="AF2764" s="85"/>
      <c r="AG2764" s="86"/>
      <c r="AH2764" s="85"/>
      <c r="AI2764" s="85"/>
      <c r="AJ2764" s="85"/>
      <c r="AK2764" s="85"/>
      <c r="AL2764" s="85"/>
      <c r="AM2764" s="92"/>
      <c r="AN2764" s="92"/>
      <c r="AO2764" s="92"/>
      <c r="AP2764" s="92"/>
      <c r="AQ2764" s="92"/>
      <c r="AR2764" s="92"/>
      <c r="AS2764" s="92"/>
      <c r="AT2764" s="92"/>
      <c r="AU2764" s="92"/>
      <c r="AV2764" s="92"/>
      <c r="AW2764" s="92"/>
      <c r="AX2764" s="92"/>
      <c r="AY2764" s="92"/>
      <c r="AZ2764" s="93"/>
      <c r="BA2764" s="93"/>
      <c r="BB2764" s="93"/>
      <c r="BC2764" s="93"/>
      <c r="BD2764" s="93"/>
      <c r="BE2764" s="93"/>
      <c r="BF2764" s="93"/>
      <c r="BG2764" s="93"/>
      <c r="BH2764" s="93"/>
      <c r="BI2764" s="93"/>
      <c r="BJ2764" s="93"/>
      <c r="BK2764" s="93"/>
      <c r="BL2764" s="93"/>
    </row>
    <row r="2765" spans="2:64" x14ac:dyDescent="0.2">
      <c r="B2765" s="43"/>
      <c r="C2765" s="73"/>
      <c r="D2765" s="64"/>
      <c r="E2765" s="55"/>
      <c r="F2765" s="74"/>
      <c r="G2765" s="74"/>
      <c r="H2765" s="74"/>
      <c r="I2765" s="75"/>
      <c r="J2765" s="74"/>
      <c r="L2765" s="55"/>
      <c r="M2765" s="234"/>
      <c r="N2765" s="65"/>
      <c r="O2765" s="76"/>
      <c r="P2765" s="76"/>
      <c r="Q2765" s="65"/>
      <c r="R2765" s="76"/>
      <c r="S2765" s="76"/>
      <c r="T2765" s="76"/>
      <c r="U2765" s="76"/>
      <c r="V2765" s="76"/>
      <c r="W2765" s="76"/>
      <c r="X2765" s="76"/>
      <c r="Y2765" s="76"/>
      <c r="Z2765" s="76"/>
      <c r="AA2765" s="85"/>
      <c r="AB2765" s="85"/>
      <c r="AC2765" s="85"/>
      <c r="AD2765" s="85"/>
      <c r="AE2765" s="85"/>
      <c r="AF2765" s="85"/>
      <c r="AG2765" s="86"/>
      <c r="AH2765" s="85"/>
      <c r="AI2765" s="85"/>
      <c r="AJ2765" s="85"/>
      <c r="AK2765" s="85"/>
      <c r="AL2765" s="85"/>
      <c r="AM2765" s="92"/>
      <c r="AN2765" s="92"/>
      <c r="AO2765" s="92"/>
      <c r="AP2765" s="92"/>
      <c r="AQ2765" s="92"/>
      <c r="AR2765" s="92"/>
      <c r="AS2765" s="92"/>
      <c r="AT2765" s="92"/>
      <c r="AU2765" s="92"/>
      <c r="AV2765" s="92"/>
      <c r="AW2765" s="92"/>
      <c r="AX2765" s="92"/>
      <c r="AY2765" s="92"/>
      <c r="AZ2765" s="93"/>
      <c r="BA2765" s="93"/>
      <c r="BB2765" s="93"/>
      <c r="BC2765" s="93"/>
      <c r="BD2765" s="93"/>
      <c r="BE2765" s="93"/>
      <c r="BF2765" s="93"/>
      <c r="BG2765" s="93"/>
      <c r="BH2765" s="93"/>
      <c r="BI2765" s="93"/>
      <c r="BJ2765" s="93"/>
      <c r="BK2765" s="93"/>
      <c r="BL2765" s="93"/>
    </row>
    <row r="2766" spans="2:64" x14ac:dyDescent="0.2">
      <c r="B2766" s="43"/>
      <c r="C2766" s="73"/>
      <c r="D2766" s="64"/>
      <c r="E2766" s="55"/>
      <c r="F2766" s="74"/>
      <c r="G2766" s="74"/>
      <c r="H2766" s="74"/>
      <c r="I2766" s="75"/>
      <c r="J2766" s="74"/>
      <c r="L2766" s="55"/>
      <c r="M2766" s="234"/>
      <c r="N2766" s="65"/>
      <c r="O2766" s="76"/>
      <c r="P2766" s="76"/>
      <c r="Q2766" s="65"/>
      <c r="R2766" s="76"/>
      <c r="S2766" s="76"/>
      <c r="T2766" s="76"/>
      <c r="U2766" s="76"/>
      <c r="V2766" s="76"/>
      <c r="W2766" s="76"/>
      <c r="X2766" s="76"/>
      <c r="Y2766" s="76"/>
      <c r="Z2766" s="76"/>
      <c r="AA2766" s="85"/>
      <c r="AB2766" s="85"/>
      <c r="AC2766" s="85"/>
      <c r="AD2766" s="85"/>
      <c r="AE2766" s="85"/>
      <c r="AF2766" s="85"/>
      <c r="AG2766" s="86"/>
      <c r="AH2766" s="85"/>
      <c r="AI2766" s="85"/>
      <c r="AJ2766" s="85"/>
      <c r="AK2766" s="85"/>
      <c r="AL2766" s="85"/>
      <c r="AM2766" s="92"/>
      <c r="AN2766" s="92"/>
      <c r="AO2766" s="92"/>
      <c r="AP2766" s="92"/>
      <c r="AQ2766" s="92"/>
      <c r="AR2766" s="92"/>
      <c r="AS2766" s="92"/>
      <c r="AT2766" s="92"/>
      <c r="AU2766" s="92"/>
      <c r="AV2766" s="92"/>
      <c r="AW2766" s="92"/>
      <c r="AX2766" s="92"/>
      <c r="AY2766" s="92"/>
      <c r="AZ2766" s="93"/>
      <c r="BA2766" s="93"/>
      <c r="BB2766" s="93"/>
      <c r="BC2766" s="93"/>
      <c r="BD2766" s="93"/>
      <c r="BE2766" s="93"/>
      <c r="BF2766" s="93"/>
      <c r="BG2766" s="93"/>
      <c r="BH2766" s="93"/>
      <c r="BI2766" s="93"/>
      <c r="BJ2766" s="93"/>
      <c r="BK2766" s="93"/>
      <c r="BL2766" s="93"/>
    </row>
    <row r="2767" spans="2:64" x14ac:dyDescent="0.2">
      <c r="B2767" s="43"/>
      <c r="C2767" s="73"/>
      <c r="D2767" s="64"/>
      <c r="E2767" s="55"/>
      <c r="F2767" s="74"/>
      <c r="G2767" s="74"/>
      <c r="H2767" s="74"/>
      <c r="I2767" s="75"/>
      <c r="J2767" s="74"/>
      <c r="L2767" s="55"/>
      <c r="M2767" s="234"/>
      <c r="N2767" s="65"/>
      <c r="O2767" s="76"/>
      <c r="P2767" s="76"/>
      <c r="Q2767" s="65"/>
      <c r="R2767" s="76"/>
      <c r="S2767" s="76"/>
      <c r="T2767" s="76"/>
      <c r="U2767" s="76"/>
      <c r="V2767" s="76"/>
      <c r="W2767" s="76"/>
      <c r="X2767" s="76"/>
      <c r="Y2767" s="76"/>
      <c r="Z2767" s="76"/>
      <c r="AA2767" s="85"/>
      <c r="AB2767" s="85"/>
      <c r="AC2767" s="85"/>
      <c r="AD2767" s="85"/>
      <c r="AE2767" s="85"/>
      <c r="AF2767" s="85"/>
      <c r="AG2767" s="86"/>
      <c r="AH2767" s="85"/>
      <c r="AI2767" s="85"/>
      <c r="AJ2767" s="85"/>
      <c r="AK2767" s="85"/>
      <c r="AL2767" s="85"/>
      <c r="AM2767" s="92"/>
      <c r="AN2767" s="92"/>
      <c r="AO2767" s="92"/>
      <c r="AP2767" s="92"/>
      <c r="AQ2767" s="92"/>
      <c r="AR2767" s="92"/>
      <c r="AS2767" s="92"/>
      <c r="AT2767" s="92"/>
      <c r="AU2767" s="92"/>
      <c r="AV2767" s="92"/>
      <c r="AW2767" s="92"/>
      <c r="AX2767" s="92"/>
      <c r="AY2767" s="92"/>
      <c r="AZ2767" s="93"/>
      <c r="BA2767" s="93"/>
      <c r="BB2767" s="93"/>
      <c r="BC2767" s="93"/>
      <c r="BD2767" s="93"/>
      <c r="BE2767" s="93"/>
      <c r="BF2767" s="93"/>
      <c r="BG2767" s="93"/>
      <c r="BH2767" s="93"/>
      <c r="BI2767" s="93"/>
      <c r="BJ2767" s="93"/>
      <c r="BK2767" s="93"/>
      <c r="BL2767" s="93"/>
    </row>
    <row r="2768" spans="2:64" x14ac:dyDescent="0.2">
      <c r="B2768" s="43"/>
      <c r="C2768" s="73"/>
      <c r="D2768" s="64"/>
      <c r="E2768" s="55"/>
      <c r="F2768" s="74"/>
      <c r="G2768" s="74"/>
      <c r="H2768" s="74"/>
      <c r="I2768" s="75"/>
      <c r="J2768" s="74"/>
      <c r="L2768" s="55"/>
      <c r="M2768" s="234"/>
      <c r="N2768" s="65"/>
      <c r="O2768" s="76"/>
      <c r="P2768" s="76"/>
      <c r="Q2768" s="65"/>
      <c r="R2768" s="76"/>
      <c r="S2768" s="76"/>
      <c r="T2768" s="76"/>
      <c r="U2768" s="76"/>
      <c r="V2768" s="76"/>
      <c r="W2768" s="76"/>
      <c r="X2768" s="76"/>
      <c r="Y2768" s="76"/>
      <c r="Z2768" s="76"/>
      <c r="AA2768" s="85"/>
      <c r="AB2768" s="85"/>
      <c r="AC2768" s="85"/>
      <c r="AD2768" s="85"/>
      <c r="AE2768" s="85"/>
      <c r="AF2768" s="85"/>
      <c r="AG2768" s="86"/>
      <c r="AH2768" s="85"/>
      <c r="AI2768" s="85"/>
      <c r="AJ2768" s="85"/>
      <c r="AK2768" s="85"/>
      <c r="AL2768" s="85"/>
      <c r="AM2768" s="92"/>
      <c r="AN2768" s="92"/>
      <c r="AO2768" s="92"/>
      <c r="AP2768" s="92"/>
      <c r="AQ2768" s="92"/>
      <c r="AR2768" s="92"/>
      <c r="AS2768" s="92"/>
      <c r="AT2768" s="92"/>
      <c r="AU2768" s="92"/>
      <c r="AV2768" s="92"/>
      <c r="AW2768" s="92"/>
      <c r="AX2768" s="92"/>
      <c r="AY2768" s="92"/>
      <c r="AZ2768" s="93"/>
      <c r="BA2768" s="93"/>
      <c r="BB2768" s="93"/>
      <c r="BC2768" s="93"/>
      <c r="BD2768" s="93"/>
      <c r="BE2768" s="93"/>
      <c r="BF2768" s="93"/>
      <c r="BG2768" s="93"/>
      <c r="BH2768" s="93"/>
      <c r="BI2768" s="93"/>
      <c r="BJ2768" s="93"/>
      <c r="BK2768" s="93"/>
      <c r="BL2768" s="93"/>
    </row>
    <row r="2769" spans="2:64" x14ac:dyDescent="0.2">
      <c r="B2769" s="43"/>
      <c r="C2769" s="73"/>
      <c r="D2769" s="64"/>
      <c r="E2769" s="55"/>
      <c r="F2769" s="74"/>
      <c r="G2769" s="74"/>
      <c r="H2769" s="74"/>
      <c r="I2769" s="75"/>
      <c r="J2769" s="74"/>
      <c r="L2769" s="55"/>
      <c r="M2769" s="234"/>
      <c r="N2769" s="65"/>
      <c r="O2769" s="76"/>
      <c r="P2769" s="76"/>
      <c r="Q2769" s="65"/>
      <c r="R2769" s="76"/>
      <c r="S2769" s="76"/>
      <c r="T2769" s="76"/>
      <c r="U2769" s="76"/>
      <c r="V2769" s="76"/>
      <c r="W2769" s="76"/>
      <c r="X2769" s="76"/>
      <c r="Y2769" s="76"/>
      <c r="Z2769" s="76"/>
      <c r="AA2769" s="85"/>
      <c r="AB2769" s="85"/>
      <c r="AC2769" s="85"/>
      <c r="AD2769" s="85"/>
      <c r="AE2769" s="85"/>
      <c r="AF2769" s="85"/>
      <c r="AG2769" s="86"/>
      <c r="AH2769" s="85"/>
      <c r="AI2769" s="85"/>
      <c r="AJ2769" s="85"/>
      <c r="AK2769" s="85"/>
      <c r="AL2769" s="85"/>
      <c r="AM2769" s="92"/>
      <c r="AN2769" s="92"/>
      <c r="AO2769" s="92"/>
      <c r="AP2769" s="92"/>
      <c r="AQ2769" s="92"/>
      <c r="AR2769" s="92"/>
      <c r="AS2769" s="92"/>
      <c r="AT2769" s="92"/>
      <c r="AU2769" s="92"/>
      <c r="AV2769" s="92"/>
      <c r="AW2769" s="92"/>
      <c r="AX2769" s="92"/>
      <c r="AY2769" s="92"/>
      <c r="AZ2769" s="93"/>
      <c r="BA2769" s="93"/>
      <c r="BB2769" s="93"/>
      <c r="BC2769" s="93"/>
      <c r="BD2769" s="93"/>
      <c r="BE2769" s="93"/>
      <c r="BF2769" s="93"/>
      <c r="BG2769" s="93"/>
      <c r="BH2769" s="93"/>
      <c r="BI2769" s="93"/>
      <c r="BJ2769" s="93"/>
      <c r="BK2769" s="93"/>
      <c r="BL2769" s="93"/>
    </row>
    <row r="2770" spans="2:64" x14ac:dyDescent="0.2">
      <c r="B2770" s="43"/>
      <c r="C2770" s="73"/>
      <c r="D2770" s="64"/>
      <c r="E2770" s="55"/>
      <c r="F2770" s="74"/>
      <c r="G2770" s="74"/>
      <c r="H2770" s="74"/>
      <c r="I2770" s="75"/>
      <c r="J2770" s="74"/>
      <c r="L2770" s="55"/>
      <c r="M2770" s="234"/>
      <c r="N2770" s="65"/>
      <c r="O2770" s="76"/>
      <c r="P2770" s="76"/>
      <c r="Q2770" s="65"/>
      <c r="R2770" s="76"/>
      <c r="S2770" s="76"/>
      <c r="T2770" s="76"/>
      <c r="U2770" s="76"/>
      <c r="V2770" s="76"/>
      <c r="W2770" s="76"/>
      <c r="X2770" s="76"/>
      <c r="Y2770" s="76"/>
      <c r="Z2770" s="76"/>
      <c r="AA2770" s="85"/>
      <c r="AB2770" s="85"/>
      <c r="AC2770" s="85"/>
      <c r="AD2770" s="85"/>
      <c r="AE2770" s="85"/>
      <c r="AF2770" s="85"/>
      <c r="AG2770" s="86"/>
      <c r="AH2770" s="85"/>
      <c r="AI2770" s="85"/>
      <c r="AJ2770" s="85"/>
      <c r="AK2770" s="85"/>
      <c r="AL2770" s="85"/>
      <c r="AM2770" s="92"/>
      <c r="AN2770" s="92"/>
      <c r="AO2770" s="92"/>
      <c r="AP2770" s="92"/>
      <c r="AQ2770" s="92"/>
      <c r="AR2770" s="92"/>
      <c r="AS2770" s="92"/>
      <c r="AT2770" s="92"/>
      <c r="AU2770" s="92"/>
      <c r="AV2770" s="92"/>
      <c r="AW2770" s="92"/>
      <c r="AX2770" s="92"/>
      <c r="AY2770" s="92"/>
      <c r="AZ2770" s="93"/>
      <c r="BA2770" s="93"/>
      <c r="BB2770" s="93"/>
      <c r="BC2770" s="93"/>
      <c r="BD2770" s="93"/>
      <c r="BE2770" s="93"/>
      <c r="BF2770" s="93"/>
      <c r="BG2770" s="93"/>
      <c r="BH2770" s="93"/>
      <c r="BI2770" s="93"/>
      <c r="BJ2770" s="93"/>
      <c r="BK2770" s="93"/>
      <c r="BL2770" s="93"/>
    </row>
    <row r="2771" spans="2:64" x14ac:dyDescent="0.2">
      <c r="B2771" s="43"/>
      <c r="C2771" s="73"/>
      <c r="D2771" s="64"/>
      <c r="E2771" s="55"/>
      <c r="F2771" s="74"/>
      <c r="G2771" s="74"/>
      <c r="H2771" s="74"/>
      <c r="I2771" s="75"/>
      <c r="J2771" s="74"/>
      <c r="L2771" s="55"/>
      <c r="M2771" s="234"/>
      <c r="N2771" s="65"/>
      <c r="O2771" s="76"/>
      <c r="P2771" s="76"/>
      <c r="Q2771" s="65"/>
      <c r="R2771" s="76"/>
      <c r="S2771" s="76"/>
      <c r="T2771" s="76"/>
      <c r="U2771" s="76"/>
      <c r="V2771" s="76"/>
      <c r="W2771" s="76"/>
      <c r="X2771" s="76"/>
      <c r="Y2771" s="76"/>
      <c r="Z2771" s="76"/>
      <c r="AA2771" s="85"/>
      <c r="AB2771" s="85"/>
      <c r="AC2771" s="85"/>
      <c r="AD2771" s="85"/>
      <c r="AE2771" s="85"/>
      <c r="AF2771" s="85"/>
      <c r="AG2771" s="86"/>
      <c r="AH2771" s="85"/>
      <c r="AI2771" s="85"/>
      <c r="AJ2771" s="85"/>
      <c r="AK2771" s="85"/>
      <c r="AL2771" s="85"/>
      <c r="AM2771" s="92"/>
      <c r="AN2771" s="92"/>
      <c r="AO2771" s="92"/>
      <c r="AP2771" s="92"/>
      <c r="AQ2771" s="92"/>
      <c r="AR2771" s="92"/>
      <c r="AS2771" s="92"/>
      <c r="AT2771" s="92"/>
      <c r="AU2771" s="92"/>
      <c r="AV2771" s="92"/>
      <c r="AW2771" s="92"/>
      <c r="AX2771" s="92"/>
      <c r="AY2771" s="92"/>
      <c r="AZ2771" s="93"/>
      <c r="BA2771" s="93"/>
      <c r="BB2771" s="93"/>
      <c r="BC2771" s="93"/>
      <c r="BD2771" s="93"/>
      <c r="BE2771" s="93"/>
      <c r="BF2771" s="93"/>
      <c r="BG2771" s="93"/>
      <c r="BH2771" s="93"/>
      <c r="BI2771" s="93"/>
      <c r="BJ2771" s="93"/>
      <c r="BK2771" s="93"/>
      <c r="BL2771" s="93"/>
    </row>
    <row r="2772" spans="2:64" x14ac:dyDescent="0.2">
      <c r="B2772" s="43"/>
      <c r="C2772" s="73"/>
      <c r="D2772" s="64"/>
      <c r="E2772" s="55"/>
      <c r="F2772" s="74"/>
      <c r="G2772" s="74"/>
      <c r="H2772" s="74"/>
      <c r="I2772" s="75"/>
      <c r="J2772" s="74"/>
      <c r="L2772" s="55"/>
      <c r="M2772" s="234"/>
      <c r="N2772" s="65"/>
      <c r="O2772" s="76"/>
      <c r="P2772" s="76"/>
      <c r="Q2772" s="65"/>
      <c r="R2772" s="76"/>
      <c r="S2772" s="76"/>
      <c r="T2772" s="76"/>
      <c r="U2772" s="76"/>
      <c r="V2772" s="76"/>
      <c r="W2772" s="76"/>
      <c r="X2772" s="76"/>
      <c r="Y2772" s="76"/>
      <c r="Z2772" s="76"/>
      <c r="AA2772" s="85"/>
      <c r="AB2772" s="85"/>
      <c r="AC2772" s="85"/>
      <c r="AD2772" s="85"/>
      <c r="AE2772" s="85"/>
      <c r="AF2772" s="85"/>
      <c r="AG2772" s="86"/>
      <c r="AH2772" s="85"/>
      <c r="AI2772" s="85"/>
      <c r="AJ2772" s="85"/>
      <c r="AK2772" s="85"/>
      <c r="AL2772" s="85"/>
      <c r="AM2772" s="92"/>
      <c r="AN2772" s="92"/>
      <c r="AO2772" s="92"/>
      <c r="AP2772" s="92"/>
      <c r="AQ2772" s="92"/>
      <c r="AR2772" s="92"/>
      <c r="AS2772" s="92"/>
      <c r="AT2772" s="92"/>
      <c r="AU2772" s="92"/>
      <c r="AV2772" s="92"/>
      <c r="AW2772" s="92"/>
      <c r="AX2772" s="92"/>
      <c r="AY2772" s="92"/>
      <c r="AZ2772" s="93"/>
      <c r="BA2772" s="93"/>
      <c r="BB2772" s="93"/>
      <c r="BC2772" s="93"/>
      <c r="BD2772" s="93"/>
      <c r="BE2772" s="93"/>
      <c r="BF2772" s="93"/>
      <c r="BG2772" s="93"/>
      <c r="BH2772" s="93"/>
      <c r="BI2772" s="93"/>
      <c r="BJ2772" s="93"/>
      <c r="BK2772" s="93"/>
      <c r="BL2772" s="93"/>
    </row>
    <row r="2773" spans="2:64" x14ac:dyDescent="0.2">
      <c r="B2773" s="43"/>
      <c r="C2773" s="73"/>
      <c r="D2773" s="64"/>
      <c r="E2773" s="55"/>
      <c r="F2773" s="74"/>
      <c r="G2773" s="74"/>
      <c r="H2773" s="74"/>
      <c r="I2773" s="75"/>
      <c r="J2773" s="74"/>
      <c r="L2773" s="55"/>
      <c r="M2773" s="234"/>
      <c r="N2773" s="65"/>
      <c r="O2773" s="76"/>
      <c r="P2773" s="76"/>
      <c r="Q2773" s="65"/>
      <c r="R2773" s="76"/>
      <c r="S2773" s="76"/>
      <c r="T2773" s="76"/>
      <c r="U2773" s="76"/>
      <c r="V2773" s="76"/>
      <c r="W2773" s="76"/>
      <c r="X2773" s="76"/>
      <c r="Y2773" s="76"/>
      <c r="Z2773" s="76"/>
      <c r="AA2773" s="85"/>
      <c r="AB2773" s="85"/>
      <c r="AC2773" s="85"/>
      <c r="AD2773" s="85"/>
      <c r="AE2773" s="85"/>
      <c r="AF2773" s="85"/>
      <c r="AG2773" s="86"/>
      <c r="AH2773" s="85"/>
      <c r="AI2773" s="85"/>
      <c r="AJ2773" s="85"/>
      <c r="AK2773" s="85"/>
      <c r="AL2773" s="85"/>
      <c r="AM2773" s="92"/>
      <c r="AN2773" s="92"/>
      <c r="AO2773" s="92"/>
      <c r="AP2773" s="92"/>
      <c r="AQ2773" s="92"/>
      <c r="AR2773" s="92"/>
      <c r="AS2773" s="92"/>
      <c r="AT2773" s="92"/>
      <c r="AU2773" s="92"/>
      <c r="AV2773" s="92"/>
      <c r="AW2773" s="92"/>
      <c r="AX2773" s="92"/>
      <c r="AY2773" s="92"/>
      <c r="AZ2773" s="93"/>
      <c r="BA2773" s="93"/>
      <c r="BB2773" s="93"/>
      <c r="BC2773" s="93"/>
      <c r="BD2773" s="93"/>
      <c r="BE2773" s="93"/>
      <c r="BF2773" s="93"/>
      <c r="BG2773" s="93"/>
      <c r="BH2773" s="93"/>
      <c r="BI2773" s="93"/>
      <c r="BJ2773" s="93"/>
      <c r="BK2773" s="93"/>
      <c r="BL2773" s="93"/>
    </row>
    <row r="2774" spans="2:64" x14ac:dyDescent="0.2">
      <c r="B2774" s="43"/>
      <c r="C2774" s="73"/>
      <c r="D2774" s="64"/>
      <c r="E2774" s="55"/>
      <c r="F2774" s="74"/>
      <c r="G2774" s="74"/>
      <c r="H2774" s="74"/>
      <c r="I2774" s="75"/>
      <c r="J2774" s="74"/>
      <c r="L2774" s="55"/>
      <c r="M2774" s="234"/>
      <c r="N2774" s="65"/>
      <c r="O2774" s="76"/>
      <c r="P2774" s="76"/>
      <c r="Q2774" s="65"/>
      <c r="R2774" s="76"/>
      <c r="S2774" s="76"/>
      <c r="T2774" s="76"/>
      <c r="U2774" s="76"/>
      <c r="V2774" s="76"/>
      <c r="W2774" s="76"/>
      <c r="X2774" s="76"/>
      <c r="Y2774" s="76"/>
      <c r="Z2774" s="76"/>
      <c r="AA2774" s="85"/>
      <c r="AB2774" s="85"/>
      <c r="AC2774" s="85"/>
      <c r="AD2774" s="85"/>
      <c r="AE2774" s="85"/>
      <c r="AF2774" s="85"/>
      <c r="AG2774" s="86"/>
      <c r="AH2774" s="85"/>
      <c r="AI2774" s="85"/>
      <c r="AJ2774" s="85"/>
      <c r="AK2774" s="85"/>
      <c r="AL2774" s="85"/>
      <c r="AM2774" s="92"/>
      <c r="AN2774" s="92"/>
      <c r="AO2774" s="92"/>
      <c r="AP2774" s="92"/>
      <c r="AQ2774" s="92"/>
      <c r="AR2774" s="92"/>
      <c r="AS2774" s="92"/>
      <c r="AT2774" s="92"/>
      <c r="AU2774" s="92"/>
      <c r="AV2774" s="92"/>
      <c r="AW2774" s="92"/>
      <c r="AX2774" s="92"/>
      <c r="AY2774" s="92"/>
      <c r="AZ2774" s="93"/>
      <c r="BA2774" s="93"/>
      <c r="BB2774" s="93"/>
      <c r="BC2774" s="93"/>
      <c r="BD2774" s="93"/>
      <c r="BE2774" s="93"/>
      <c r="BF2774" s="93"/>
      <c r="BG2774" s="93"/>
      <c r="BH2774" s="93"/>
      <c r="BI2774" s="93"/>
      <c r="BJ2774" s="93"/>
      <c r="BK2774" s="93"/>
      <c r="BL2774" s="93"/>
    </row>
    <row r="2775" spans="2:64" x14ac:dyDescent="0.2">
      <c r="B2775" s="43"/>
      <c r="C2775" s="73"/>
      <c r="D2775" s="64"/>
      <c r="E2775" s="55"/>
      <c r="F2775" s="74"/>
      <c r="G2775" s="74"/>
      <c r="H2775" s="74"/>
      <c r="I2775" s="75"/>
      <c r="J2775" s="74"/>
      <c r="L2775" s="55"/>
      <c r="M2775" s="234"/>
      <c r="N2775" s="65"/>
      <c r="O2775" s="76"/>
      <c r="P2775" s="76"/>
      <c r="Q2775" s="65"/>
      <c r="R2775" s="76"/>
      <c r="S2775" s="76"/>
      <c r="T2775" s="76"/>
      <c r="U2775" s="76"/>
      <c r="V2775" s="76"/>
      <c r="W2775" s="76"/>
      <c r="X2775" s="76"/>
      <c r="Y2775" s="76"/>
      <c r="Z2775" s="76"/>
      <c r="AA2775" s="85"/>
      <c r="AB2775" s="85"/>
      <c r="AC2775" s="85"/>
      <c r="AD2775" s="85"/>
      <c r="AE2775" s="85"/>
      <c r="AF2775" s="85"/>
      <c r="AG2775" s="86"/>
      <c r="AH2775" s="85"/>
      <c r="AI2775" s="85"/>
      <c r="AJ2775" s="85"/>
      <c r="AK2775" s="85"/>
      <c r="AL2775" s="85"/>
      <c r="AM2775" s="92"/>
      <c r="AN2775" s="92"/>
      <c r="AO2775" s="92"/>
      <c r="AP2775" s="92"/>
      <c r="AQ2775" s="92"/>
      <c r="AR2775" s="92"/>
      <c r="AS2775" s="92"/>
      <c r="AT2775" s="92"/>
      <c r="AU2775" s="92"/>
      <c r="AV2775" s="92"/>
      <c r="AW2775" s="92"/>
      <c r="AX2775" s="92"/>
      <c r="AY2775" s="92"/>
      <c r="AZ2775" s="93"/>
      <c r="BA2775" s="93"/>
      <c r="BB2775" s="93"/>
      <c r="BC2775" s="93"/>
      <c r="BD2775" s="93"/>
      <c r="BE2775" s="93"/>
      <c r="BF2775" s="93"/>
      <c r="BG2775" s="93"/>
      <c r="BH2775" s="93"/>
      <c r="BI2775" s="93"/>
      <c r="BJ2775" s="93"/>
      <c r="BK2775" s="93"/>
      <c r="BL2775" s="93"/>
    </row>
    <row r="2776" spans="2:64" x14ac:dyDescent="0.2">
      <c r="B2776" s="43"/>
      <c r="C2776" s="73"/>
      <c r="D2776" s="64"/>
      <c r="E2776" s="55"/>
      <c r="F2776" s="74"/>
      <c r="G2776" s="74"/>
      <c r="H2776" s="74"/>
      <c r="I2776" s="75"/>
      <c r="J2776" s="74"/>
      <c r="L2776" s="55"/>
      <c r="M2776" s="234"/>
      <c r="N2776" s="65"/>
      <c r="O2776" s="76"/>
      <c r="P2776" s="76"/>
      <c r="Q2776" s="65"/>
      <c r="R2776" s="76"/>
      <c r="S2776" s="76"/>
      <c r="T2776" s="76"/>
      <c r="U2776" s="76"/>
      <c r="V2776" s="76"/>
      <c r="W2776" s="76"/>
      <c r="X2776" s="76"/>
      <c r="Y2776" s="76"/>
      <c r="Z2776" s="76"/>
      <c r="AA2776" s="85"/>
      <c r="AB2776" s="85"/>
      <c r="AC2776" s="85"/>
      <c r="AD2776" s="85"/>
      <c r="AE2776" s="85"/>
      <c r="AF2776" s="85"/>
      <c r="AG2776" s="86"/>
      <c r="AH2776" s="85"/>
      <c r="AI2776" s="85"/>
      <c r="AJ2776" s="85"/>
      <c r="AK2776" s="85"/>
      <c r="AL2776" s="85"/>
      <c r="AM2776" s="92"/>
      <c r="AN2776" s="92"/>
      <c r="AO2776" s="92"/>
      <c r="AP2776" s="92"/>
      <c r="AQ2776" s="92"/>
      <c r="AR2776" s="92"/>
      <c r="AS2776" s="92"/>
      <c r="AT2776" s="92"/>
      <c r="AU2776" s="92"/>
      <c r="AV2776" s="92"/>
      <c r="AW2776" s="92"/>
      <c r="AX2776" s="92"/>
      <c r="AY2776" s="92"/>
      <c r="AZ2776" s="93"/>
      <c r="BA2776" s="93"/>
      <c r="BB2776" s="93"/>
      <c r="BC2776" s="93"/>
      <c r="BD2776" s="93"/>
      <c r="BE2776" s="93"/>
      <c r="BF2776" s="93"/>
      <c r="BG2776" s="93"/>
      <c r="BH2776" s="93"/>
      <c r="BI2776" s="93"/>
      <c r="BJ2776" s="93"/>
      <c r="BK2776" s="93"/>
      <c r="BL2776" s="93"/>
    </row>
    <row r="2777" spans="2:64" x14ac:dyDescent="0.2">
      <c r="B2777" s="43"/>
      <c r="C2777" s="73"/>
      <c r="D2777" s="64"/>
      <c r="E2777" s="55"/>
      <c r="F2777" s="74"/>
      <c r="G2777" s="74"/>
      <c r="H2777" s="74"/>
      <c r="I2777" s="75"/>
      <c r="J2777" s="74"/>
      <c r="L2777" s="55"/>
      <c r="M2777" s="234"/>
      <c r="N2777" s="65"/>
      <c r="O2777" s="76"/>
      <c r="P2777" s="76"/>
      <c r="Q2777" s="65"/>
      <c r="R2777" s="76"/>
      <c r="S2777" s="76"/>
      <c r="T2777" s="76"/>
      <c r="U2777" s="76"/>
      <c r="V2777" s="76"/>
      <c r="W2777" s="76"/>
      <c r="X2777" s="76"/>
      <c r="Y2777" s="76"/>
      <c r="Z2777" s="76"/>
      <c r="AA2777" s="85"/>
      <c r="AB2777" s="85"/>
      <c r="AC2777" s="85"/>
      <c r="AD2777" s="85"/>
      <c r="AE2777" s="85"/>
      <c r="AF2777" s="85"/>
      <c r="AG2777" s="86"/>
      <c r="AH2777" s="85"/>
      <c r="AI2777" s="85"/>
      <c r="AJ2777" s="85"/>
      <c r="AK2777" s="85"/>
      <c r="AL2777" s="85"/>
      <c r="AM2777" s="92"/>
      <c r="AN2777" s="92"/>
      <c r="AO2777" s="92"/>
      <c r="AP2777" s="92"/>
      <c r="AQ2777" s="92"/>
      <c r="AR2777" s="92"/>
      <c r="AS2777" s="92"/>
      <c r="AT2777" s="92"/>
      <c r="AU2777" s="92"/>
      <c r="AV2777" s="92"/>
      <c r="AW2777" s="92"/>
      <c r="AX2777" s="92"/>
      <c r="AY2777" s="92"/>
      <c r="AZ2777" s="93"/>
      <c r="BA2777" s="93"/>
      <c r="BB2777" s="93"/>
      <c r="BC2777" s="93"/>
      <c r="BD2777" s="93"/>
      <c r="BE2777" s="93"/>
      <c r="BF2777" s="93"/>
      <c r="BG2777" s="93"/>
      <c r="BH2777" s="93"/>
      <c r="BI2777" s="93"/>
      <c r="BJ2777" s="93"/>
      <c r="BK2777" s="93"/>
      <c r="BL2777" s="93"/>
    </row>
    <row r="2778" spans="2:64" x14ac:dyDescent="0.2">
      <c r="B2778" s="43"/>
      <c r="C2778" s="73"/>
      <c r="D2778" s="64"/>
      <c r="E2778" s="55"/>
      <c r="F2778" s="74"/>
      <c r="G2778" s="74"/>
      <c r="H2778" s="74"/>
      <c r="I2778" s="75"/>
      <c r="J2778" s="74"/>
      <c r="L2778" s="55"/>
      <c r="M2778" s="234"/>
      <c r="N2778" s="65"/>
      <c r="O2778" s="76"/>
      <c r="P2778" s="76"/>
      <c r="Q2778" s="65"/>
      <c r="R2778" s="76"/>
      <c r="S2778" s="76"/>
      <c r="T2778" s="76"/>
      <c r="U2778" s="76"/>
      <c r="V2778" s="76"/>
      <c r="W2778" s="76"/>
      <c r="X2778" s="76"/>
      <c r="Y2778" s="76"/>
      <c r="Z2778" s="76"/>
      <c r="AA2778" s="85"/>
      <c r="AB2778" s="85"/>
      <c r="AC2778" s="85"/>
      <c r="AD2778" s="85"/>
      <c r="AE2778" s="85"/>
      <c r="AF2778" s="85"/>
      <c r="AG2778" s="86"/>
      <c r="AH2778" s="85"/>
      <c r="AI2778" s="85"/>
      <c r="AJ2778" s="85"/>
      <c r="AK2778" s="85"/>
      <c r="AL2778" s="85"/>
      <c r="AM2778" s="92"/>
      <c r="AN2778" s="92"/>
      <c r="AO2778" s="92"/>
      <c r="AP2778" s="92"/>
      <c r="AQ2778" s="92"/>
      <c r="AR2778" s="92"/>
      <c r="AS2778" s="92"/>
      <c r="AT2778" s="92"/>
      <c r="AU2778" s="92"/>
      <c r="AV2778" s="92"/>
      <c r="AW2778" s="92"/>
      <c r="AX2778" s="92"/>
      <c r="AY2778" s="92"/>
      <c r="AZ2778" s="93"/>
      <c r="BA2778" s="93"/>
      <c r="BB2778" s="93"/>
      <c r="BC2778" s="93"/>
      <c r="BD2778" s="93"/>
      <c r="BE2778" s="93"/>
      <c r="BF2778" s="93"/>
      <c r="BG2778" s="93"/>
      <c r="BH2778" s="93"/>
      <c r="BI2778" s="93"/>
      <c r="BJ2778" s="93"/>
      <c r="BK2778" s="93"/>
      <c r="BL2778" s="93"/>
    </row>
    <row r="2779" spans="2:64" x14ac:dyDescent="0.2">
      <c r="B2779" s="43"/>
      <c r="C2779" s="73"/>
      <c r="D2779" s="64"/>
      <c r="E2779" s="55"/>
      <c r="F2779" s="74"/>
      <c r="G2779" s="74"/>
      <c r="H2779" s="74"/>
      <c r="I2779" s="75"/>
      <c r="J2779" s="74"/>
      <c r="L2779" s="55"/>
      <c r="M2779" s="234"/>
      <c r="N2779" s="65"/>
      <c r="O2779" s="76"/>
      <c r="P2779" s="76"/>
      <c r="Q2779" s="65"/>
      <c r="R2779" s="76"/>
      <c r="S2779" s="76"/>
      <c r="T2779" s="76"/>
      <c r="U2779" s="76"/>
      <c r="V2779" s="76"/>
      <c r="W2779" s="76"/>
      <c r="X2779" s="76"/>
      <c r="Y2779" s="76"/>
      <c r="Z2779" s="76"/>
      <c r="AA2779" s="85"/>
      <c r="AB2779" s="85"/>
      <c r="AC2779" s="85"/>
      <c r="AD2779" s="85"/>
      <c r="AE2779" s="85"/>
      <c r="AF2779" s="85"/>
      <c r="AG2779" s="86"/>
      <c r="AH2779" s="85"/>
      <c r="AI2779" s="85"/>
      <c r="AJ2779" s="85"/>
      <c r="AK2779" s="85"/>
      <c r="AL2779" s="85"/>
      <c r="AM2779" s="92"/>
      <c r="AN2779" s="92"/>
      <c r="AO2779" s="92"/>
      <c r="AP2779" s="92"/>
      <c r="AQ2779" s="92"/>
      <c r="AR2779" s="92"/>
      <c r="AS2779" s="92"/>
      <c r="AT2779" s="92"/>
      <c r="AU2779" s="92"/>
      <c r="AV2779" s="92"/>
      <c r="AW2779" s="92"/>
      <c r="AX2779" s="92"/>
      <c r="AY2779" s="92"/>
      <c r="AZ2779" s="93"/>
      <c r="BA2779" s="93"/>
      <c r="BB2779" s="93"/>
      <c r="BC2779" s="93"/>
      <c r="BD2779" s="93"/>
      <c r="BE2779" s="93"/>
      <c r="BF2779" s="93"/>
      <c r="BG2779" s="93"/>
      <c r="BH2779" s="93"/>
      <c r="BI2779" s="93"/>
      <c r="BJ2779" s="93"/>
      <c r="BK2779" s="93"/>
      <c r="BL2779" s="93"/>
    </row>
    <row r="2780" spans="2:64" x14ac:dyDescent="0.2">
      <c r="B2780" s="43"/>
      <c r="C2780" s="73"/>
      <c r="D2780" s="64"/>
      <c r="E2780" s="55"/>
      <c r="F2780" s="74"/>
      <c r="G2780" s="74"/>
      <c r="H2780" s="74"/>
      <c r="I2780" s="75"/>
      <c r="J2780" s="74"/>
      <c r="L2780" s="55"/>
      <c r="M2780" s="234"/>
      <c r="N2780" s="65"/>
      <c r="O2780" s="76"/>
      <c r="P2780" s="76"/>
      <c r="Q2780" s="65"/>
      <c r="R2780" s="76"/>
      <c r="S2780" s="76"/>
      <c r="T2780" s="76"/>
      <c r="U2780" s="76"/>
      <c r="V2780" s="76"/>
      <c r="W2780" s="76"/>
      <c r="X2780" s="76"/>
      <c r="Y2780" s="76"/>
      <c r="Z2780" s="76"/>
      <c r="AA2780" s="85"/>
      <c r="AB2780" s="85"/>
      <c r="AC2780" s="85"/>
      <c r="AD2780" s="85"/>
      <c r="AE2780" s="85"/>
      <c r="AF2780" s="85"/>
      <c r="AG2780" s="86"/>
      <c r="AH2780" s="85"/>
      <c r="AI2780" s="85"/>
      <c r="AJ2780" s="85"/>
      <c r="AK2780" s="85"/>
      <c r="AL2780" s="85"/>
      <c r="AM2780" s="92"/>
      <c r="AN2780" s="92"/>
      <c r="AO2780" s="92"/>
      <c r="AP2780" s="92"/>
      <c r="AQ2780" s="92"/>
      <c r="AR2780" s="92"/>
      <c r="AS2780" s="92"/>
      <c r="AT2780" s="92"/>
      <c r="AU2780" s="92"/>
      <c r="AV2780" s="92"/>
      <c r="AW2780" s="92"/>
      <c r="AX2780" s="92"/>
      <c r="AY2780" s="92"/>
      <c r="AZ2780" s="93"/>
      <c r="BA2780" s="93"/>
      <c r="BB2780" s="93"/>
      <c r="BC2780" s="93"/>
      <c r="BD2780" s="93"/>
      <c r="BE2780" s="93"/>
      <c r="BF2780" s="93"/>
      <c r="BG2780" s="93"/>
      <c r="BH2780" s="93"/>
      <c r="BI2780" s="93"/>
      <c r="BJ2780" s="93"/>
      <c r="BK2780" s="93"/>
      <c r="BL2780" s="93"/>
    </row>
    <row r="2781" spans="2:64" x14ac:dyDescent="0.2">
      <c r="B2781" s="43"/>
      <c r="C2781" s="73"/>
      <c r="D2781" s="64"/>
      <c r="E2781" s="55"/>
      <c r="F2781" s="74"/>
      <c r="G2781" s="74"/>
      <c r="H2781" s="74"/>
      <c r="I2781" s="75"/>
      <c r="J2781" s="74"/>
      <c r="L2781" s="55"/>
      <c r="M2781" s="234"/>
      <c r="N2781" s="65"/>
      <c r="O2781" s="76"/>
      <c r="P2781" s="76"/>
      <c r="Q2781" s="65"/>
      <c r="R2781" s="76"/>
      <c r="S2781" s="76"/>
      <c r="T2781" s="76"/>
      <c r="U2781" s="76"/>
      <c r="V2781" s="76"/>
      <c r="W2781" s="76"/>
      <c r="X2781" s="76"/>
      <c r="Y2781" s="76"/>
      <c r="Z2781" s="76"/>
      <c r="AA2781" s="85"/>
      <c r="AB2781" s="85"/>
      <c r="AC2781" s="85"/>
      <c r="AD2781" s="85"/>
      <c r="AE2781" s="85"/>
      <c r="AF2781" s="85"/>
      <c r="AG2781" s="86"/>
      <c r="AH2781" s="85"/>
      <c r="AI2781" s="85"/>
      <c r="AJ2781" s="85"/>
      <c r="AK2781" s="85"/>
      <c r="AL2781" s="85"/>
      <c r="AM2781" s="92"/>
      <c r="AN2781" s="92"/>
      <c r="AO2781" s="92"/>
      <c r="AP2781" s="92"/>
      <c r="AQ2781" s="92"/>
      <c r="AR2781" s="92"/>
      <c r="AS2781" s="92"/>
      <c r="AT2781" s="92"/>
      <c r="AU2781" s="92"/>
      <c r="AV2781" s="92"/>
      <c r="AW2781" s="92"/>
      <c r="AX2781" s="92"/>
      <c r="AY2781" s="92"/>
      <c r="AZ2781" s="93"/>
      <c r="BA2781" s="93"/>
      <c r="BB2781" s="93"/>
      <c r="BC2781" s="93"/>
      <c r="BD2781" s="93"/>
      <c r="BE2781" s="93"/>
      <c r="BF2781" s="93"/>
      <c r="BG2781" s="93"/>
      <c r="BH2781" s="93"/>
      <c r="BI2781" s="93"/>
      <c r="BJ2781" s="93"/>
      <c r="BK2781" s="93"/>
      <c r="BL2781" s="93"/>
    </row>
    <row r="2782" spans="2:64" x14ac:dyDescent="0.2">
      <c r="B2782" s="43"/>
      <c r="C2782" s="73"/>
      <c r="D2782" s="64"/>
      <c r="E2782" s="55"/>
      <c r="F2782" s="74"/>
      <c r="G2782" s="74"/>
      <c r="H2782" s="74"/>
      <c r="I2782" s="75"/>
      <c r="J2782" s="74"/>
      <c r="L2782" s="55"/>
      <c r="M2782" s="234"/>
      <c r="N2782" s="65"/>
      <c r="O2782" s="76"/>
      <c r="P2782" s="76"/>
      <c r="Q2782" s="65"/>
      <c r="R2782" s="76"/>
      <c r="S2782" s="76"/>
      <c r="T2782" s="76"/>
      <c r="U2782" s="76"/>
      <c r="V2782" s="76"/>
      <c r="W2782" s="76"/>
      <c r="X2782" s="76"/>
      <c r="Y2782" s="76"/>
      <c r="Z2782" s="76"/>
      <c r="AA2782" s="85"/>
      <c r="AB2782" s="85"/>
      <c r="AC2782" s="85"/>
      <c r="AD2782" s="85"/>
      <c r="AE2782" s="85"/>
      <c r="AF2782" s="85"/>
      <c r="AG2782" s="86"/>
      <c r="AH2782" s="85"/>
      <c r="AI2782" s="85"/>
      <c r="AJ2782" s="85"/>
      <c r="AK2782" s="85"/>
      <c r="AL2782" s="85"/>
      <c r="AM2782" s="92"/>
      <c r="AN2782" s="92"/>
      <c r="AO2782" s="92"/>
      <c r="AP2782" s="92"/>
      <c r="AQ2782" s="92"/>
      <c r="AR2782" s="92"/>
      <c r="AS2782" s="92"/>
      <c r="AT2782" s="92"/>
      <c r="AU2782" s="92"/>
      <c r="AV2782" s="92"/>
      <c r="AW2782" s="92"/>
      <c r="AX2782" s="92"/>
      <c r="AY2782" s="92"/>
      <c r="AZ2782" s="93"/>
      <c r="BA2782" s="93"/>
      <c r="BB2782" s="93"/>
      <c r="BC2782" s="93"/>
      <c r="BD2782" s="93"/>
      <c r="BE2782" s="93"/>
      <c r="BF2782" s="93"/>
      <c r="BG2782" s="93"/>
      <c r="BH2782" s="93"/>
      <c r="BI2782" s="93"/>
      <c r="BJ2782" s="93"/>
      <c r="BK2782" s="93"/>
      <c r="BL2782" s="93"/>
    </row>
    <row r="2783" spans="2:64" x14ac:dyDescent="0.2">
      <c r="B2783" s="43"/>
      <c r="C2783" s="73"/>
      <c r="D2783" s="64"/>
      <c r="E2783" s="55"/>
      <c r="F2783" s="74"/>
      <c r="G2783" s="74"/>
      <c r="H2783" s="74"/>
      <c r="I2783" s="75"/>
      <c r="J2783" s="74"/>
      <c r="L2783" s="55"/>
      <c r="M2783" s="234"/>
      <c r="N2783" s="65"/>
      <c r="O2783" s="76"/>
      <c r="P2783" s="76"/>
      <c r="Q2783" s="65"/>
      <c r="R2783" s="76"/>
      <c r="S2783" s="76"/>
      <c r="T2783" s="76"/>
      <c r="U2783" s="76"/>
      <c r="V2783" s="76"/>
      <c r="W2783" s="76"/>
      <c r="X2783" s="76"/>
      <c r="Y2783" s="76"/>
      <c r="Z2783" s="76"/>
      <c r="AA2783" s="85"/>
      <c r="AB2783" s="85"/>
      <c r="AC2783" s="85"/>
      <c r="AD2783" s="85"/>
      <c r="AE2783" s="85"/>
      <c r="AF2783" s="85"/>
      <c r="AG2783" s="86"/>
      <c r="AH2783" s="85"/>
      <c r="AI2783" s="85"/>
      <c r="AJ2783" s="85"/>
      <c r="AK2783" s="85"/>
      <c r="AL2783" s="85"/>
      <c r="AM2783" s="92"/>
      <c r="AN2783" s="92"/>
      <c r="AO2783" s="92"/>
      <c r="AP2783" s="92"/>
      <c r="AQ2783" s="92"/>
      <c r="AR2783" s="92"/>
      <c r="AS2783" s="92"/>
      <c r="AT2783" s="92"/>
      <c r="AU2783" s="92"/>
      <c r="AV2783" s="92"/>
      <c r="AW2783" s="92"/>
      <c r="AX2783" s="92"/>
      <c r="AY2783" s="92"/>
      <c r="AZ2783" s="93"/>
      <c r="BA2783" s="93"/>
      <c r="BB2783" s="93"/>
      <c r="BC2783" s="93"/>
      <c r="BD2783" s="93"/>
      <c r="BE2783" s="93"/>
      <c r="BF2783" s="93"/>
      <c r="BG2783" s="93"/>
      <c r="BH2783" s="93"/>
      <c r="BI2783" s="93"/>
      <c r="BJ2783" s="93"/>
      <c r="BK2783" s="93"/>
      <c r="BL2783" s="93"/>
    </row>
    <row r="2784" spans="2:64" x14ac:dyDescent="0.2">
      <c r="B2784" s="43"/>
      <c r="C2784" s="73"/>
      <c r="D2784" s="64"/>
      <c r="E2784" s="55"/>
      <c r="F2784" s="74"/>
      <c r="G2784" s="74"/>
      <c r="H2784" s="74"/>
      <c r="I2784" s="75"/>
      <c r="J2784" s="74"/>
      <c r="L2784" s="55"/>
      <c r="M2784" s="234"/>
      <c r="N2784" s="65"/>
      <c r="O2784" s="76"/>
      <c r="P2784" s="76"/>
      <c r="Q2784" s="65"/>
      <c r="R2784" s="76"/>
      <c r="S2784" s="76"/>
      <c r="T2784" s="76"/>
      <c r="U2784" s="76"/>
      <c r="V2784" s="76"/>
      <c r="W2784" s="76"/>
      <c r="X2784" s="76"/>
      <c r="Y2784" s="76"/>
      <c r="Z2784" s="76"/>
      <c r="AA2784" s="85"/>
      <c r="AB2784" s="85"/>
      <c r="AC2784" s="85"/>
      <c r="AD2784" s="85"/>
      <c r="AE2784" s="85"/>
      <c r="AF2784" s="85"/>
      <c r="AG2784" s="86"/>
      <c r="AH2784" s="85"/>
      <c r="AI2784" s="85"/>
      <c r="AJ2784" s="85"/>
      <c r="AK2784" s="85"/>
      <c r="AL2784" s="85"/>
      <c r="AM2784" s="92"/>
      <c r="AN2784" s="92"/>
      <c r="AO2784" s="92"/>
      <c r="AP2784" s="92"/>
      <c r="AQ2784" s="92"/>
      <c r="AR2784" s="92"/>
      <c r="AS2784" s="92"/>
      <c r="AT2784" s="92"/>
      <c r="AU2784" s="92"/>
      <c r="AV2784" s="92"/>
      <c r="AW2784" s="92"/>
      <c r="AX2784" s="92"/>
      <c r="AY2784" s="92"/>
      <c r="AZ2784" s="93"/>
      <c r="BA2784" s="93"/>
      <c r="BB2784" s="93"/>
      <c r="BC2784" s="93"/>
      <c r="BD2784" s="93"/>
      <c r="BE2784" s="93"/>
      <c r="BF2784" s="93"/>
      <c r="BG2784" s="93"/>
      <c r="BH2784" s="93"/>
      <c r="BI2784" s="93"/>
      <c r="BJ2784" s="93"/>
      <c r="BK2784" s="93"/>
      <c r="BL2784" s="93"/>
    </row>
    <row r="2785" spans="2:64" x14ac:dyDescent="0.2">
      <c r="B2785" s="43"/>
      <c r="C2785" s="73"/>
      <c r="D2785" s="64"/>
      <c r="E2785" s="55"/>
      <c r="F2785" s="74"/>
      <c r="G2785" s="74"/>
      <c r="H2785" s="74"/>
      <c r="I2785" s="75"/>
      <c r="J2785" s="74"/>
      <c r="L2785" s="55"/>
      <c r="M2785" s="234"/>
      <c r="N2785" s="65"/>
      <c r="O2785" s="76"/>
      <c r="P2785" s="76"/>
      <c r="Q2785" s="65"/>
      <c r="R2785" s="76"/>
      <c r="S2785" s="76"/>
      <c r="T2785" s="76"/>
      <c r="U2785" s="76"/>
      <c r="V2785" s="76"/>
      <c r="W2785" s="76"/>
      <c r="X2785" s="76"/>
      <c r="Y2785" s="76"/>
      <c r="Z2785" s="76"/>
      <c r="AA2785" s="85"/>
      <c r="AB2785" s="85"/>
      <c r="AC2785" s="85"/>
      <c r="AD2785" s="85"/>
      <c r="AE2785" s="85"/>
      <c r="AF2785" s="85"/>
      <c r="AG2785" s="86"/>
      <c r="AH2785" s="85"/>
      <c r="AI2785" s="85"/>
      <c r="AJ2785" s="85"/>
      <c r="AK2785" s="85"/>
      <c r="AL2785" s="85"/>
      <c r="AM2785" s="92"/>
      <c r="AN2785" s="92"/>
      <c r="AO2785" s="92"/>
      <c r="AP2785" s="92"/>
      <c r="AQ2785" s="92"/>
      <c r="AR2785" s="92"/>
      <c r="AS2785" s="92"/>
      <c r="AT2785" s="92"/>
      <c r="AU2785" s="92"/>
      <c r="AV2785" s="92"/>
      <c r="AW2785" s="92"/>
      <c r="AX2785" s="92"/>
      <c r="AY2785" s="92"/>
      <c r="AZ2785" s="93"/>
      <c r="BA2785" s="93"/>
      <c r="BB2785" s="93"/>
      <c r="BC2785" s="93"/>
      <c r="BD2785" s="93"/>
      <c r="BE2785" s="93"/>
      <c r="BF2785" s="93"/>
      <c r="BG2785" s="93"/>
      <c r="BH2785" s="93"/>
      <c r="BI2785" s="93"/>
      <c r="BJ2785" s="93"/>
      <c r="BK2785" s="93"/>
      <c r="BL2785" s="93"/>
    </row>
    <row r="2786" spans="2:64" x14ac:dyDescent="0.2">
      <c r="B2786" s="43"/>
      <c r="C2786" s="73"/>
      <c r="D2786" s="64"/>
      <c r="E2786" s="55"/>
      <c r="F2786" s="74"/>
      <c r="G2786" s="74"/>
      <c r="H2786" s="74"/>
      <c r="I2786" s="75"/>
      <c r="J2786" s="74"/>
      <c r="L2786" s="55"/>
      <c r="M2786" s="234"/>
      <c r="N2786" s="65"/>
      <c r="O2786" s="76"/>
      <c r="P2786" s="76"/>
      <c r="Q2786" s="65"/>
      <c r="R2786" s="76"/>
      <c r="S2786" s="76"/>
      <c r="T2786" s="76"/>
      <c r="U2786" s="76"/>
      <c r="V2786" s="76"/>
      <c r="W2786" s="76"/>
      <c r="X2786" s="76"/>
      <c r="Y2786" s="76"/>
      <c r="Z2786" s="76"/>
      <c r="AA2786" s="85"/>
      <c r="AB2786" s="85"/>
      <c r="AC2786" s="85"/>
      <c r="AD2786" s="85"/>
      <c r="AE2786" s="85"/>
      <c r="AF2786" s="85"/>
      <c r="AG2786" s="86"/>
      <c r="AH2786" s="85"/>
      <c r="AI2786" s="85"/>
      <c r="AJ2786" s="85"/>
      <c r="AK2786" s="85"/>
      <c r="AL2786" s="85"/>
      <c r="AM2786" s="92"/>
      <c r="AN2786" s="92"/>
      <c r="AO2786" s="92"/>
      <c r="AP2786" s="92"/>
      <c r="AQ2786" s="92"/>
      <c r="AR2786" s="92"/>
      <c r="AS2786" s="92"/>
      <c r="AT2786" s="92"/>
      <c r="AU2786" s="92"/>
      <c r="AV2786" s="92"/>
      <c r="AW2786" s="92"/>
      <c r="AX2786" s="92"/>
      <c r="AY2786" s="92"/>
      <c r="AZ2786" s="93"/>
      <c r="BA2786" s="93"/>
      <c r="BB2786" s="93"/>
      <c r="BC2786" s="93"/>
      <c r="BD2786" s="93"/>
      <c r="BE2786" s="93"/>
      <c r="BF2786" s="93"/>
      <c r="BG2786" s="93"/>
      <c r="BH2786" s="93"/>
      <c r="BI2786" s="93"/>
      <c r="BJ2786" s="93"/>
      <c r="BK2786" s="93"/>
      <c r="BL2786" s="93"/>
    </row>
    <row r="2787" spans="2:64" x14ac:dyDescent="0.2">
      <c r="B2787" s="43"/>
      <c r="C2787" s="73"/>
      <c r="D2787" s="64"/>
      <c r="E2787" s="55"/>
      <c r="F2787" s="74"/>
      <c r="G2787" s="74"/>
      <c r="H2787" s="74"/>
      <c r="I2787" s="75"/>
      <c r="J2787" s="74"/>
      <c r="L2787" s="55"/>
      <c r="M2787" s="234"/>
      <c r="N2787" s="65"/>
      <c r="O2787" s="76"/>
      <c r="P2787" s="76"/>
      <c r="Q2787" s="65"/>
      <c r="R2787" s="76"/>
      <c r="S2787" s="76"/>
      <c r="T2787" s="76"/>
      <c r="U2787" s="76"/>
      <c r="V2787" s="76"/>
      <c r="W2787" s="76"/>
      <c r="X2787" s="76"/>
      <c r="Y2787" s="76"/>
      <c r="Z2787" s="76"/>
      <c r="AA2787" s="85"/>
      <c r="AB2787" s="85"/>
      <c r="AC2787" s="85"/>
      <c r="AD2787" s="85"/>
      <c r="AE2787" s="85"/>
      <c r="AF2787" s="85"/>
      <c r="AG2787" s="86"/>
      <c r="AH2787" s="85"/>
      <c r="AI2787" s="85"/>
      <c r="AJ2787" s="85"/>
      <c r="AK2787" s="85"/>
      <c r="AL2787" s="85"/>
      <c r="AM2787" s="92"/>
      <c r="AN2787" s="92"/>
      <c r="AO2787" s="92"/>
      <c r="AP2787" s="92"/>
      <c r="AQ2787" s="92"/>
      <c r="AR2787" s="92"/>
      <c r="AS2787" s="92"/>
      <c r="AT2787" s="92"/>
      <c r="AU2787" s="92"/>
      <c r="AV2787" s="92"/>
      <c r="AW2787" s="92"/>
      <c r="AX2787" s="92"/>
      <c r="AY2787" s="92"/>
      <c r="AZ2787" s="93"/>
      <c r="BA2787" s="93"/>
      <c r="BB2787" s="93"/>
      <c r="BC2787" s="93"/>
      <c r="BD2787" s="93"/>
      <c r="BE2787" s="93"/>
      <c r="BF2787" s="93"/>
      <c r="BG2787" s="93"/>
      <c r="BH2787" s="93"/>
      <c r="BI2787" s="93"/>
      <c r="BJ2787" s="93"/>
      <c r="BK2787" s="93"/>
      <c r="BL2787" s="93"/>
    </row>
    <row r="2788" spans="2:64" x14ac:dyDescent="0.2">
      <c r="B2788" s="43"/>
      <c r="C2788" s="73"/>
      <c r="D2788" s="64"/>
      <c r="E2788" s="55"/>
      <c r="F2788" s="74"/>
      <c r="G2788" s="74"/>
      <c r="H2788" s="74"/>
      <c r="I2788" s="75"/>
      <c r="J2788" s="74"/>
      <c r="L2788" s="55"/>
      <c r="M2788" s="234"/>
      <c r="N2788" s="65"/>
      <c r="O2788" s="76"/>
      <c r="P2788" s="76"/>
      <c r="Q2788" s="65"/>
      <c r="R2788" s="76"/>
      <c r="S2788" s="76"/>
      <c r="T2788" s="76"/>
      <c r="U2788" s="76"/>
      <c r="V2788" s="76"/>
      <c r="W2788" s="76"/>
      <c r="X2788" s="76"/>
      <c r="Y2788" s="76"/>
      <c r="Z2788" s="76"/>
      <c r="AA2788" s="85"/>
      <c r="AB2788" s="85"/>
      <c r="AC2788" s="85"/>
      <c r="AD2788" s="85"/>
      <c r="AE2788" s="85"/>
      <c r="AF2788" s="85"/>
      <c r="AG2788" s="86"/>
      <c r="AH2788" s="85"/>
      <c r="AI2788" s="85"/>
      <c r="AJ2788" s="85"/>
      <c r="AK2788" s="85"/>
      <c r="AL2788" s="85"/>
      <c r="AM2788" s="92"/>
      <c r="AN2788" s="92"/>
      <c r="AO2788" s="92"/>
      <c r="AP2788" s="92"/>
      <c r="AQ2788" s="92"/>
      <c r="AR2788" s="92"/>
      <c r="AS2788" s="92"/>
      <c r="AT2788" s="92"/>
      <c r="AU2788" s="92"/>
      <c r="AV2788" s="92"/>
      <c r="AW2788" s="92"/>
      <c r="AX2788" s="92"/>
      <c r="AY2788" s="92"/>
      <c r="AZ2788" s="93"/>
      <c r="BA2788" s="93"/>
      <c r="BB2788" s="93"/>
      <c r="BC2788" s="93"/>
      <c r="BD2788" s="93"/>
      <c r="BE2788" s="93"/>
      <c r="BF2788" s="93"/>
      <c r="BG2788" s="93"/>
      <c r="BH2788" s="93"/>
      <c r="BI2788" s="93"/>
      <c r="BJ2788" s="93"/>
      <c r="BK2788" s="93"/>
      <c r="BL2788" s="93"/>
    </row>
    <row r="2789" spans="2:64" x14ac:dyDescent="0.2">
      <c r="B2789" s="43"/>
      <c r="C2789" s="73"/>
      <c r="D2789" s="64"/>
      <c r="E2789" s="55"/>
      <c r="F2789" s="74"/>
      <c r="G2789" s="74"/>
      <c r="H2789" s="74"/>
      <c r="I2789" s="75"/>
      <c r="J2789" s="74"/>
      <c r="L2789" s="55"/>
      <c r="M2789" s="234"/>
      <c r="N2789" s="65"/>
      <c r="O2789" s="76"/>
      <c r="P2789" s="76"/>
      <c r="Q2789" s="65"/>
      <c r="R2789" s="76"/>
      <c r="S2789" s="76"/>
      <c r="T2789" s="76"/>
      <c r="U2789" s="76"/>
      <c r="V2789" s="76"/>
      <c r="W2789" s="76"/>
      <c r="X2789" s="76"/>
      <c r="Y2789" s="76"/>
      <c r="Z2789" s="76"/>
      <c r="AA2789" s="85"/>
      <c r="AB2789" s="85"/>
      <c r="AC2789" s="85"/>
      <c r="AD2789" s="85"/>
      <c r="AE2789" s="85"/>
      <c r="AF2789" s="85"/>
      <c r="AG2789" s="86"/>
      <c r="AH2789" s="85"/>
      <c r="AI2789" s="85"/>
      <c r="AJ2789" s="85"/>
      <c r="AK2789" s="85"/>
      <c r="AL2789" s="85"/>
      <c r="AM2789" s="92"/>
      <c r="AN2789" s="92"/>
      <c r="AO2789" s="92"/>
      <c r="AP2789" s="92"/>
      <c r="AQ2789" s="92"/>
      <c r="AR2789" s="92"/>
      <c r="AS2789" s="92"/>
      <c r="AT2789" s="92"/>
      <c r="AU2789" s="92"/>
      <c r="AV2789" s="92"/>
      <c r="AW2789" s="92"/>
      <c r="AX2789" s="92"/>
      <c r="AY2789" s="92"/>
      <c r="AZ2789" s="93"/>
      <c r="BA2789" s="93"/>
      <c r="BB2789" s="93"/>
      <c r="BC2789" s="93"/>
      <c r="BD2789" s="93"/>
      <c r="BE2789" s="93"/>
      <c r="BF2789" s="93"/>
      <c r="BG2789" s="93"/>
      <c r="BH2789" s="93"/>
      <c r="BI2789" s="93"/>
      <c r="BJ2789" s="93"/>
      <c r="BK2789" s="93"/>
      <c r="BL2789" s="93"/>
    </row>
    <row r="2790" spans="2:64" x14ac:dyDescent="0.2">
      <c r="B2790" s="43"/>
      <c r="C2790" s="73"/>
      <c r="D2790" s="64"/>
      <c r="E2790" s="55"/>
      <c r="F2790" s="74"/>
      <c r="G2790" s="74"/>
      <c r="H2790" s="74"/>
      <c r="I2790" s="75"/>
      <c r="J2790" s="74"/>
      <c r="L2790" s="55"/>
      <c r="M2790" s="234"/>
      <c r="N2790" s="65"/>
      <c r="O2790" s="76"/>
      <c r="P2790" s="76"/>
      <c r="Q2790" s="65"/>
      <c r="R2790" s="76"/>
      <c r="S2790" s="76"/>
      <c r="T2790" s="76"/>
      <c r="U2790" s="76"/>
      <c r="V2790" s="76"/>
      <c r="W2790" s="76"/>
      <c r="X2790" s="76"/>
      <c r="Y2790" s="76"/>
      <c r="Z2790" s="76"/>
      <c r="AA2790" s="85"/>
      <c r="AB2790" s="85"/>
      <c r="AC2790" s="85"/>
      <c r="AD2790" s="85"/>
      <c r="AE2790" s="85"/>
      <c r="AF2790" s="85"/>
      <c r="AG2790" s="86"/>
      <c r="AH2790" s="85"/>
      <c r="AI2790" s="85"/>
      <c r="AJ2790" s="85"/>
      <c r="AK2790" s="85"/>
      <c r="AL2790" s="85"/>
      <c r="AM2790" s="92"/>
      <c r="AN2790" s="92"/>
      <c r="AO2790" s="92"/>
      <c r="AP2790" s="92"/>
      <c r="AQ2790" s="92"/>
      <c r="AR2790" s="92"/>
      <c r="AS2790" s="92"/>
      <c r="AT2790" s="92"/>
      <c r="AU2790" s="92"/>
      <c r="AV2790" s="92"/>
      <c r="AW2790" s="92"/>
      <c r="AX2790" s="92"/>
      <c r="AY2790" s="92"/>
      <c r="AZ2790" s="93"/>
      <c r="BA2790" s="93"/>
      <c r="BB2790" s="93"/>
      <c r="BC2790" s="93"/>
      <c r="BD2790" s="93"/>
      <c r="BE2790" s="93"/>
      <c r="BF2790" s="93"/>
      <c r="BG2790" s="93"/>
      <c r="BH2790" s="93"/>
      <c r="BI2790" s="93"/>
      <c r="BJ2790" s="93"/>
      <c r="BK2790" s="93"/>
      <c r="BL2790" s="93"/>
    </row>
    <row r="2791" spans="2:64" x14ac:dyDescent="0.2">
      <c r="B2791" s="43"/>
      <c r="C2791" s="73"/>
      <c r="D2791" s="64"/>
      <c r="E2791" s="55"/>
      <c r="F2791" s="74"/>
      <c r="G2791" s="74"/>
      <c r="H2791" s="74"/>
      <c r="I2791" s="75"/>
      <c r="J2791" s="74"/>
      <c r="L2791" s="55"/>
      <c r="M2791" s="234"/>
      <c r="N2791" s="65"/>
      <c r="O2791" s="76"/>
      <c r="P2791" s="76"/>
      <c r="Q2791" s="65"/>
      <c r="R2791" s="76"/>
      <c r="S2791" s="76"/>
      <c r="T2791" s="76"/>
      <c r="U2791" s="76"/>
      <c r="V2791" s="76"/>
      <c r="W2791" s="76"/>
      <c r="X2791" s="76"/>
      <c r="Y2791" s="76"/>
      <c r="Z2791" s="76"/>
      <c r="AA2791" s="85"/>
      <c r="AB2791" s="85"/>
      <c r="AC2791" s="85"/>
      <c r="AD2791" s="85"/>
      <c r="AE2791" s="85"/>
      <c r="AF2791" s="85"/>
      <c r="AG2791" s="86"/>
      <c r="AH2791" s="85"/>
      <c r="AI2791" s="85"/>
      <c r="AJ2791" s="85"/>
      <c r="AK2791" s="85"/>
      <c r="AL2791" s="85"/>
      <c r="AM2791" s="92"/>
      <c r="AN2791" s="92"/>
      <c r="AO2791" s="92"/>
      <c r="AP2791" s="92"/>
      <c r="AQ2791" s="92"/>
      <c r="AR2791" s="92"/>
      <c r="AS2791" s="92"/>
      <c r="AT2791" s="92"/>
      <c r="AU2791" s="92"/>
      <c r="AV2791" s="92"/>
      <c r="AW2791" s="92"/>
      <c r="AX2791" s="92"/>
      <c r="AY2791" s="92"/>
      <c r="AZ2791" s="93"/>
      <c r="BA2791" s="93"/>
      <c r="BB2791" s="93"/>
      <c r="BC2791" s="93"/>
      <c r="BD2791" s="93"/>
      <c r="BE2791" s="93"/>
      <c r="BF2791" s="93"/>
      <c r="BG2791" s="93"/>
      <c r="BH2791" s="93"/>
      <c r="BI2791" s="93"/>
      <c r="BJ2791" s="93"/>
      <c r="BK2791" s="93"/>
      <c r="BL2791" s="93"/>
    </row>
    <row r="2792" spans="2:64" x14ac:dyDescent="0.2">
      <c r="B2792" s="43"/>
      <c r="C2792" s="73"/>
      <c r="D2792" s="64"/>
      <c r="E2792" s="55"/>
      <c r="F2792" s="74"/>
      <c r="G2792" s="74"/>
      <c r="H2792" s="74"/>
      <c r="I2792" s="75"/>
      <c r="J2792" s="74"/>
      <c r="L2792" s="55"/>
      <c r="M2792" s="234"/>
      <c r="N2792" s="65"/>
      <c r="O2792" s="76"/>
      <c r="P2792" s="76"/>
      <c r="Q2792" s="65"/>
      <c r="R2792" s="76"/>
      <c r="S2792" s="76"/>
      <c r="T2792" s="76"/>
      <c r="U2792" s="76"/>
      <c r="V2792" s="76"/>
      <c r="W2792" s="76"/>
      <c r="X2792" s="76"/>
      <c r="Y2792" s="76"/>
      <c r="Z2792" s="76"/>
      <c r="AA2792" s="85"/>
      <c r="AB2792" s="85"/>
      <c r="AC2792" s="85"/>
      <c r="AD2792" s="85"/>
      <c r="AE2792" s="85"/>
      <c r="AF2792" s="85"/>
      <c r="AG2792" s="86"/>
      <c r="AH2792" s="85"/>
      <c r="AI2792" s="85"/>
      <c r="AJ2792" s="85"/>
      <c r="AK2792" s="85"/>
      <c r="AL2792" s="85"/>
      <c r="AM2792" s="92"/>
      <c r="AN2792" s="92"/>
      <c r="AO2792" s="92"/>
      <c r="AP2792" s="92"/>
      <c r="AQ2792" s="92"/>
      <c r="AR2792" s="92"/>
      <c r="AS2792" s="92"/>
      <c r="AT2792" s="92"/>
      <c r="AU2792" s="92"/>
      <c r="AV2792" s="92"/>
      <c r="AW2792" s="92"/>
      <c r="AX2792" s="92"/>
      <c r="AY2792" s="92"/>
      <c r="AZ2792" s="93"/>
      <c r="BA2792" s="93"/>
      <c r="BB2792" s="93"/>
      <c r="BC2792" s="93"/>
      <c r="BD2792" s="93"/>
      <c r="BE2792" s="93"/>
      <c r="BF2792" s="93"/>
      <c r="BG2792" s="93"/>
      <c r="BH2792" s="93"/>
      <c r="BI2792" s="93"/>
      <c r="BJ2792" s="93"/>
      <c r="BK2792" s="93"/>
      <c r="BL2792" s="93"/>
    </row>
    <row r="2793" spans="2:64" x14ac:dyDescent="0.2">
      <c r="B2793" s="43"/>
      <c r="C2793" s="73"/>
      <c r="D2793" s="64"/>
      <c r="E2793" s="55"/>
      <c r="F2793" s="74"/>
      <c r="G2793" s="74"/>
      <c r="H2793" s="74"/>
      <c r="I2793" s="75"/>
      <c r="J2793" s="74"/>
      <c r="L2793" s="55"/>
      <c r="M2793" s="234"/>
      <c r="N2793" s="65"/>
      <c r="O2793" s="76"/>
      <c r="P2793" s="76"/>
      <c r="Q2793" s="65"/>
      <c r="R2793" s="76"/>
      <c r="S2793" s="76"/>
      <c r="T2793" s="76"/>
      <c r="U2793" s="76"/>
      <c r="V2793" s="76"/>
      <c r="W2793" s="76"/>
      <c r="X2793" s="76"/>
      <c r="Y2793" s="76"/>
      <c r="Z2793" s="76"/>
      <c r="AA2793" s="85"/>
      <c r="AB2793" s="85"/>
      <c r="AC2793" s="85"/>
      <c r="AD2793" s="85"/>
      <c r="AE2793" s="85"/>
      <c r="AF2793" s="85"/>
      <c r="AG2793" s="86"/>
      <c r="AH2793" s="85"/>
      <c r="AI2793" s="85"/>
      <c r="AJ2793" s="85"/>
      <c r="AK2793" s="85"/>
      <c r="AL2793" s="85"/>
      <c r="AM2793" s="92"/>
      <c r="AN2793" s="92"/>
      <c r="AO2793" s="92"/>
      <c r="AP2793" s="92"/>
      <c r="AQ2793" s="92"/>
      <c r="AR2793" s="92"/>
      <c r="AS2793" s="92"/>
      <c r="AT2793" s="92"/>
      <c r="AU2793" s="92"/>
      <c r="AV2793" s="92"/>
      <c r="AW2793" s="92"/>
      <c r="AX2793" s="92"/>
      <c r="AY2793" s="92"/>
      <c r="AZ2793" s="93"/>
      <c r="BA2793" s="93"/>
      <c r="BB2793" s="93"/>
      <c r="BC2793" s="93"/>
      <c r="BD2793" s="93"/>
      <c r="BE2793" s="93"/>
      <c r="BF2793" s="93"/>
      <c r="BG2793" s="93"/>
      <c r="BH2793" s="93"/>
      <c r="BI2793" s="93"/>
      <c r="BJ2793" s="93"/>
      <c r="BK2793" s="93"/>
      <c r="BL2793" s="93"/>
    </row>
    <row r="2794" spans="2:64" x14ac:dyDescent="0.2">
      <c r="B2794" s="43"/>
      <c r="C2794" s="73"/>
      <c r="D2794" s="64"/>
      <c r="E2794" s="55"/>
      <c r="F2794" s="74"/>
      <c r="G2794" s="74"/>
      <c r="H2794" s="74"/>
      <c r="I2794" s="75"/>
      <c r="J2794" s="74"/>
      <c r="L2794" s="55"/>
      <c r="M2794" s="234"/>
      <c r="N2794" s="65"/>
      <c r="O2794" s="76"/>
      <c r="P2794" s="76"/>
      <c r="Q2794" s="65"/>
      <c r="R2794" s="76"/>
      <c r="S2794" s="76"/>
      <c r="T2794" s="76"/>
      <c r="U2794" s="76"/>
      <c r="V2794" s="76"/>
      <c r="W2794" s="76"/>
      <c r="X2794" s="76"/>
      <c r="Y2794" s="76"/>
      <c r="Z2794" s="76"/>
      <c r="AA2794" s="85"/>
      <c r="AB2794" s="85"/>
      <c r="AC2794" s="85"/>
      <c r="AD2794" s="85"/>
      <c r="AE2794" s="85"/>
      <c r="AF2794" s="85"/>
      <c r="AG2794" s="86"/>
      <c r="AH2794" s="85"/>
      <c r="AI2794" s="85"/>
      <c r="AJ2794" s="85"/>
      <c r="AK2794" s="85"/>
      <c r="AL2794" s="85"/>
      <c r="AM2794" s="92"/>
      <c r="AN2794" s="92"/>
      <c r="AO2794" s="92"/>
      <c r="AP2794" s="92"/>
      <c r="AQ2794" s="92"/>
      <c r="AR2794" s="92"/>
      <c r="AS2794" s="92"/>
      <c r="AT2794" s="92"/>
      <c r="AU2794" s="92"/>
      <c r="AV2794" s="92"/>
      <c r="AW2794" s="92"/>
      <c r="AX2794" s="92"/>
      <c r="AY2794" s="92"/>
      <c r="AZ2794" s="93"/>
      <c r="BA2794" s="93"/>
      <c r="BB2794" s="93"/>
      <c r="BC2794" s="93"/>
      <c r="BD2794" s="93"/>
      <c r="BE2794" s="93"/>
      <c r="BF2794" s="93"/>
      <c r="BG2794" s="93"/>
      <c r="BH2794" s="93"/>
      <c r="BI2794" s="93"/>
      <c r="BJ2794" s="93"/>
      <c r="BK2794" s="93"/>
      <c r="BL2794" s="93"/>
    </row>
    <row r="2795" spans="2:64" x14ac:dyDescent="0.2">
      <c r="B2795" s="43"/>
      <c r="C2795" s="73"/>
      <c r="D2795" s="64"/>
      <c r="E2795" s="55"/>
      <c r="F2795" s="74"/>
      <c r="G2795" s="74"/>
      <c r="H2795" s="74"/>
      <c r="I2795" s="75"/>
      <c r="J2795" s="74"/>
      <c r="L2795" s="55"/>
      <c r="M2795" s="234"/>
      <c r="N2795" s="65"/>
      <c r="O2795" s="76"/>
      <c r="P2795" s="76"/>
      <c r="Q2795" s="65"/>
      <c r="R2795" s="76"/>
      <c r="S2795" s="76"/>
      <c r="T2795" s="76"/>
      <c r="U2795" s="76"/>
      <c r="V2795" s="76"/>
      <c r="W2795" s="76"/>
      <c r="X2795" s="76"/>
      <c r="Y2795" s="76"/>
      <c r="Z2795" s="76"/>
      <c r="AA2795" s="85"/>
      <c r="AB2795" s="85"/>
      <c r="AC2795" s="85"/>
      <c r="AD2795" s="85"/>
      <c r="AE2795" s="85"/>
      <c r="AF2795" s="85"/>
      <c r="AG2795" s="86"/>
      <c r="AH2795" s="85"/>
      <c r="AI2795" s="85"/>
      <c r="AJ2795" s="85"/>
      <c r="AK2795" s="85"/>
      <c r="AL2795" s="85"/>
      <c r="AM2795" s="92"/>
      <c r="AN2795" s="92"/>
      <c r="AO2795" s="92"/>
      <c r="AP2795" s="92"/>
      <c r="AQ2795" s="92"/>
      <c r="AR2795" s="92"/>
      <c r="AS2795" s="92"/>
      <c r="AT2795" s="92"/>
      <c r="AU2795" s="92"/>
      <c r="AV2795" s="92"/>
      <c r="AW2795" s="92"/>
      <c r="AX2795" s="92"/>
      <c r="AY2795" s="92"/>
      <c r="AZ2795" s="93"/>
      <c r="BA2795" s="93"/>
      <c r="BB2795" s="93"/>
      <c r="BC2795" s="93"/>
      <c r="BD2795" s="93"/>
      <c r="BE2795" s="93"/>
      <c r="BF2795" s="93"/>
      <c r="BG2795" s="93"/>
      <c r="BH2795" s="93"/>
      <c r="BI2795" s="93"/>
      <c r="BJ2795" s="93"/>
      <c r="BK2795" s="93"/>
      <c r="BL2795" s="93"/>
    </row>
    <row r="2796" spans="2:64" x14ac:dyDescent="0.2">
      <c r="B2796" s="43"/>
      <c r="C2796" s="73"/>
      <c r="D2796" s="64"/>
      <c r="E2796" s="55"/>
      <c r="F2796" s="74"/>
      <c r="G2796" s="74"/>
      <c r="H2796" s="74"/>
      <c r="I2796" s="75"/>
      <c r="J2796" s="74"/>
      <c r="L2796" s="55"/>
      <c r="M2796" s="234"/>
      <c r="N2796" s="65"/>
      <c r="O2796" s="76"/>
      <c r="P2796" s="76"/>
      <c r="Q2796" s="65"/>
      <c r="R2796" s="76"/>
      <c r="S2796" s="76"/>
      <c r="T2796" s="76"/>
      <c r="U2796" s="76"/>
      <c r="V2796" s="76"/>
      <c r="W2796" s="76"/>
      <c r="X2796" s="76"/>
      <c r="Y2796" s="76"/>
      <c r="Z2796" s="76"/>
      <c r="AA2796" s="85"/>
      <c r="AB2796" s="85"/>
      <c r="AC2796" s="85"/>
      <c r="AD2796" s="85"/>
      <c r="AE2796" s="85"/>
      <c r="AF2796" s="85"/>
      <c r="AG2796" s="86"/>
      <c r="AH2796" s="85"/>
      <c r="AI2796" s="85"/>
      <c r="AJ2796" s="85"/>
      <c r="AK2796" s="85"/>
      <c r="AL2796" s="85"/>
      <c r="AM2796" s="92"/>
      <c r="AN2796" s="92"/>
      <c r="AO2796" s="92"/>
      <c r="AP2796" s="92"/>
      <c r="AQ2796" s="92"/>
      <c r="AR2796" s="92"/>
      <c r="AS2796" s="92"/>
      <c r="AT2796" s="92"/>
      <c r="AU2796" s="92"/>
      <c r="AV2796" s="92"/>
      <c r="AW2796" s="92"/>
      <c r="AX2796" s="92"/>
      <c r="AY2796" s="92"/>
      <c r="AZ2796" s="93"/>
      <c r="BA2796" s="93"/>
      <c r="BB2796" s="93"/>
      <c r="BC2796" s="93"/>
      <c r="BD2796" s="93"/>
      <c r="BE2796" s="93"/>
      <c r="BF2796" s="93"/>
      <c r="BG2796" s="93"/>
      <c r="BH2796" s="93"/>
      <c r="BI2796" s="93"/>
      <c r="BJ2796" s="93"/>
      <c r="BK2796" s="93"/>
      <c r="BL2796" s="93"/>
    </row>
    <row r="2797" spans="2:64" x14ac:dyDescent="0.2">
      <c r="B2797" s="43"/>
      <c r="C2797" s="73"/>
      <c r="D2797" s="64"/>
      <c r="E2797" s="55"/>
      <c r="F2797" s="74"/>
      <c r="G2797" s="74"/>
      <c r="H2797" s="74"/>
      <c r="I2797" s="75"/>
      <c r="J2797" s="74"/>
      <c r="L2797" s="55"/>
      <c r="M2797" s="234"/>
      <c r="N2797" s="65"/>
      <c r="O2797" s="76"/>
      <c r="P2797" s="76"/>
      <c r="Q2797" s="65"/>
      <c r="R2797" s="76"/>
      <c r="S2797" s="76"/>
      <c r="T2797" s="76"/>
      <c r="U2797" s="76"/>
      <c r="V2797" s="76"/>
      <c r="W2797" s="76"/>
      <c r="X2797" s="76"/>
      <c r="Y2797" s="76"/>
      <c r="Z2797" s="76"/>
      <c r="AA2797" s="85"/>
      <c r="AB2797" s="85"/>
      <c r="AC2797" s="85"/>
      <c r="AD2797" s="85"/>
      <c r="AE2797" s="85"/>
      <c r="AF2797" s="85"/>
      <c r="AG2797" s="86"/>
      <c r="AH2797" s="85"/>
      <c r="AI2797" s="85"/>
      <c r="AJ2797" s="85"/>
      <c r="AK2797" s="85"/>
      <c r="AL2797" s="85"/>
      <c r="AM2797" s="92"/>
      <c r="AN2797" s="92"/>
      <c r="AO2797" s="92"/>
      <c r="AP2797" s="92"/>
      <c r="AQ2797" s="92"/>
      <c r="AR2797" s="92"/>
      <c r="AS2797" s="92"/>
      <c r="AT2797" s="92"/>
      <c r="AU2797" s="92"/>
      <c r="AV2797" s="92"/>
      <c r="AW2797" s="92"/>
      <c r="AX2797" s="92"/>
      <c r="AY2797" s="92"/>
      <c r="AZ2797" s="93"/>
      <c r="BA2797" s="93"/>
      <c r="BB2797" s="93"/>
      <c r="BC2797" s="93"/>
      <c r="BD2797" s="93"/>
      <c r="BE2797" s="93"/>
      <c r="BF2797" s="93"/>
      <c r="BG2797" s="93"/>
      <c r="BH2797" s="93"/>
      <c r="BI2797" s="93"/>
      <c r="BJ2797" s="93"/>
      <c r="BK2797" s="93"/>
      <c r="BL2797" s="93"/>
    </row>
    <row r="2798" spans="2:64" x14ac:dyDescent="0.2">
      <c r="B2798" s="43"/>
      <c r="C2798" s="73"/>
      <c r="D2798" s="64"/>
      <c r="E2798" s="55"/>
      <c r="F2798" s="74"/>
      <c r="G2798" s="74"/>
      <c r="H2798" s="74"/>
      <c r="I2798" s="75"/>
      <c r="J2798" s="74"/>
      <c r="L2798" s="55"/>
      <c r="M2798" s="234"/>
      <c r="N2798" s="65"/>
      <c r="O2798" s="76"/>
      <c r="P2798" s="76"/>
      <c r="Q2798" s="65"/>
      <c r="R2798" s="76"/>
      <c r="S2798" s="76"/>
      <c r="T2798" s="76"/>
      <c r="U2798" s="76"/>
      <c r="V2798" s="76"/>
      <c r="W2798" s="76"/>
      <c r="X2798" s="76"/>
      <c r="Y2798" s="76"/>
      <c r="Z2798" s="76"/>
      <c r="AA2798" s="85"/>
      <c r="AB2798" s="85"/>
      <c r="AC2798" s="85"/>
      <c r="AD2798" s="85"/>
      <c r="AE2798" s="85"/>
      <c r="AF2798" s="85"/>
      <c r="AG2798" s="86"/>
      <c r="AH2798" s="85"/>
      <c r="AI2798" s="85"/>
      <c r="AJ2798" s="85"/>
      <c r="AK2798" s="85"/>
      <c r="AL2798" s="85"/>
      <c r="AM2798" s="92"/>
      <c r="AN2798" s="92"/>
      <c r="AO2798" s="92"/>
      <c r="AP2798" s="92"/>
      <c r="AQ2798" s="92"/>
      <c r="AR2798" s="92"/>
      <c r="AS2798" s="92"/>
      <c r="AT2798" s="92"/>
      <c r="AU2798" s="92"/>
      <c r="AV2798" s="92"/>
      <c r="AW2798" s="92"/>
      <c r="AX2798" s="92"/>
      <c r="AY2798" s="92"/>
      <c r="AZ2798" s="93"/>
      <c r="BA2798" s="93"/>
      <c r="BB2798" s="93"/>
      <c r="BC2798" s="93"/>
      <c r="BD2798" s="93"/>
      <c r="BE2798" s="93"/>
      <c r="BF2798" s="93"/>
      <c r="BG2798" s="93"/>
      <c r="BH2798" s="93"/>
      <c r="BI2798" s="93"/>
      <c r="BJ2798" s="93"/>
      <c r="BK2798" s="93"/>
      <c r="BL2798" s="93"/>
    </row>
    <row r="2799" spans="2:64" x14ac:dyDescent="0.2">
      <c r="B2799" s="43"/>
      <c r="C2799" s="73"/>
      <c r="D2799" s="64"/>
      <c r="E2799" s="55"/>
      <c r="F2799" s="74"/>
      <c r="G2799" s="74"/>
      <c r="H2799" s="74"/>
      <c r="I2799" s="75"/>
      <c r="J2799" s="74"/>
      <c r="L2799" s="55"/>
      <c r="M2799" s="234"/>
      <c r="N2799" s="65"/>
      <c r="O2799" s="76"/>
      <c r="P2799" s="76"/>
      <c r="Q2799" s="65"/>
      <c r="R2799" s="76"/>
      <c r="S2799" s="76"/>
      <c r="T2799" s="76"/>
      <c r="U2799" s="76"/>
      <c r="V2799" s="76"/>
      <c r="W2799" s="76"/>
      <c r="X2799" s="76"/>
      <c r="Y2799" s="76"/>
      <c r="Z2799" s="76"/>
      <c r="AA2799" s="85"/>
      <c r="AB2799" s="85"/>
      <c r="AC2799" s="85"/>
      <c r="AD2799" s="85"/>
      <c r="AE2799" s="85"/>
      <c r="AF2799" s="85"/>
      <c r="AG2799" s="86"/>
      <c r="AH2799" s="85"/>
      <c r="AI2799" s="85"/>
      <c r="AJ2799" s="85"/>
      <c r="AK2799" s="85"/>
      <c r="AL2799" s="85"/>
      <c r="AM2799" s="92"/>
      <c r="AN2799" s="92"/>
      <c r="AO2799" s="92"/>
      <c r="AP2799" s="92"/>
      <c r="AQ2799" s="92"/>
      <c r="AR2799" s="92"/>
      <c r="AS2799" s="92"/>
      <c r="AT2799" s="92"/>
      <c r="AU2799" s="92"/>
      <c r="AV2799" s="92"/>
      <c r="AW2799" s="92"/>
      <c r="AX2799" s="92"/>
      <c r="AY2799" s="92"/>
      <c r="AZ2799" s="93"/>
      <c r="BA2799" s="93"/>
      <c r="BB2799" s="93"/>
      <c r="BC2799" s="93"/>
      <c r="BD2799" s="93"/>
      <c r="BE2799" s="93"/>
      <c r="BF2799" s="93"/>
      <c r="BG2799" s="93"/>
      <c r="BH2799" s="93"/>
      <c r="BI2799" s="93"/>
      <c r="BJ2799" s="93"/>
      <c r="BK2799" s="93"/>
      <c r="BL2799" s="93"/>
    </row>
    <row r="2800" spans="2:64" x14ac:dyDescent="0.2">
      <c r="B2800" s="43"/>
      <c r="C2800" s="73"/>
      <c r="D2800" s="64"/>
      <c r="E2800" s="55"/>
      <c r="F2800" s="74"/>
      <c r="G2800" s="74"/>
      <c r="H2800" s="74"/>
      <c r="I2800" s="75"/>
      <c r="J2800" s="74"/>
      <c r="L2800" s="55"/>
      <c r="M2800" s="234"/>
      <c r="N2800" s="65"/>
      <c r="O2800" s="76"/>
      <c r="P2800" s="76"/>
      <c r="Q2800" s="65"/>
      <c r="R2800" s="76"/>
      <c r="S2800" s="76"/>
      <c r="T2800" s="76"/>
      <c r="U2800" s="76"/>
      <c r="V2800" s="76"/>
      <c r="W2800" s="76"/>
      <c r="X2800" s="76"/>
      <c r="Y2800" s="76"/>
      <c r="Z2800" s="76"/>
      <c r="AA2800" s="85"/>
      <c r="AB2800" s="85"/>
      <c r="AC2800" s="85"/>
      <c r="AD2800" s="85"/>
      <c r="AE2800" s="85"/>
      <c r="AF2800" s="85"/>
      <c r="AG2800" s="86"/>
      <c r="AH2800" s="85"/>
      <c r="AI2800" s="85"/>
      <c r="AJ2800" s="85"/>
      <c r="AK2800" s="85"/>
      <c r="AL2800" s="85"/>
      <c r="AM2800" s="92"/>
      <c r="AN2800" s="92"/>
      <c r="AO2800" s="92"/>
      <c r="AP2800" s="92"/>
      <c r="AQ2800" s="92"/>
      <c r="AR2800" s="92"/>
      <c r="AS2800" s="92"/>
      <c r="AT2800" s="92"/>
      <c r="AU2800" s="92"/>
      <c r="AV2800" s="92"/>
      <c r="AW2800" s="92"/>
      <c r="AX2800" s="92"/>
      <c r="AY2800" s="92"/>
      <c r="AZ2800" s="93"/>
      <c r="BA2800" s="93"/>
      <c r="BB2800" s="93"/>
      <c r="BC2800" s="93"/>
      <c r="BD2800" s="93"/>
      <c r="BE2800" s="93"/>
      <c r="BF2800" s="93"/>
      <c r="BG2800" s="93"/>
      <c r="BH2800" s="93"/>
      <c r="BI2800" s="93"/>
      <c r="BJ2800" s="93"/>
      <c r="BK2800" s="93"/>
      <c r="BL2800" s="93"/>
    </row>
    <row r="2801" spans="2:64" x14ac:dyDescent="0.2">
      <c r="B2801" s="43"/>
      <c r="C2801" s="73"/>
      <c r="D2801" s="64"/>
      <c r="E2801" s="55"/>
      <c r="F2801" s="74"/>
      <c r="G2801" s="74"/>
      <c r="H2801" s="74"/>
      <c r="I2801" s="75"/>
      <c r="J2801" s="74"/>
      <c r="L2801" s="55"/>
      <c r="M2801" s="234"/>
      <c r="N2801" s="65"/>
      <c r="O2801" s="76"/>
      <c r="P2801" s="76"/>
      <c r="Q2801" s="65"/>
      <c r="R2801" s="76"/>
      <c r="S2801" s="76"/>
      <c r="T2801" s="76"/>
      <c r="U2801" s="76"/>
      <c r="V2801" s="76"/>
      <c r="W2801" s="76"/>
      <c r="X2801" s="76"/>
      <c r="Y2801" s="76"/>
      <c r="Z2801" s="76"/>
      <c r="AA2801" s="85"/>
      <c r="AB2801" s="85"/>
      <c r="AC2801" s="85"/>
      <c r="AD2801" s="85"/>
      <c r="AE2801" s="85"/>
      <c r="AF2801" s="85"/>
      <c r="AG2801" s="86"/>
      <c r="AH2801" s="85"/>
      <c r="AI2801" s="85"/>
      <c r="AJ2801" s="85"/>
      <c r="AK2801" s="85"/>
      <c r="AL2801" s="85"/>
      <c r="AM2801" s="92"/>
      <c r="AN2801" s="92"/>
      <c r="AO2801" s="92"/>
      <c r="AP2801" s="92"/>
      <c r="AQ2801" s="92"/>
      <c r="AR2801" s="92"/>
      <c r="AS2801" s="92"/>
      <c r="AT2801" s="92"/>
      <c r="AU2801" s="92"/>
      <c r="AV2801" s="92"/>
      <c r="AW2801" s="92"/>
      <c r="AX2801" s="92"/>
      <c r="AY2801" s="92"/>
      <c r="AZ2801" s="93"/>
      <c r="BA2801" s="93"/>
      <c r="BB2801" s="93"/>
      <c r="BC2801" s="93"/>
      <c r="BD2801" s="93"/>
      <c r="BE2801" s="93"/>
      <c r="BF2801" s="93"/>
      <c r="BG2801" s="93"/>
      <c r="BH2801" s="93"/>
      <c r="BI2801" s="93"/>
      <c r="BJ2801" s="93"/>
      <c r="BK2801" s="93"/>
      <c r="BL2801" s="93"/>
    </row>
    <row r="2802" spans="2:64" x14ac:dyDescent="0.2">
      <c r="B2802" s="43"/>
      <c r="C2802" s="73"/>
      <c r="D2802" s="64"/>
      <c r="E2802" s="55"/>
      <c r="F2802" s="74"/>
      <c r="G2802" s="74"/>
      <c r="H2802" s="74"/>
      <c r="I2802" s="75"/>
      <c r="J2802" s="74"/>
      <c r="L2802" s="55"/>
      <c r="M2802" s="234"/>
      <c r="N2802" s="65"/>
      <c r="O2802" s="76"/>
      <c r="P2802" s="76"/>
      <c r="Q2802" s="65"/>
      <c r="R2802" s="76"/>
      <c r="S2802" s="76"/>
      <c r="T2802" s="76"/>
      <c r="U2802" s="76"/>
      <c r="V2802" s="76"/>
      <c r="W2802" s="76"/>
      <c r="X2802" s="76"/>
      <c r="Y2802" s="76"/>
      <c r="Z2802" s="76"/>
      <c r="AA2802" s="85"/>
      <c r="AB2802" s="85"/>
      <c r="AC2802" s="85"/>
      <c r="AD2802" s="85"/>
      <c r="AE2802" s="85"/>
      <c r="AF2802" s="85"/>
      <c r="AG2802" s="86"/>
      <c r="AH2802" s="85"/>
      <c r="AI2802" s="85"/>
      <c r="AJ2802" s="85"/>
      <c r="AK2802" s="85"/>
      <c r="AL2802" s="85"/>
      <c r="AM2802" s="92"/>
      <c r="AN2802" s="92"/>
      <c r="AO2802" s="92"/>
      <c r="AP2802" s="92"/>
      <c r="AQ2802" s="92"/>
      <c r="AR2802" s="92"/>
      <c r="AS2802" s="92"/>
      <c r="AT2802" s="92"/>
      <c r="AU2802" s="92"/>
      <c r="AV2802" s="92"/>
      <c r="AW2802" s="92"/>
      <c r="AX2802" s="92"/>
      <c r="AY2802" s="92"/>
      <c r="AZ2802" s="93"/>
      <c r="BA2802" s="93"/>
      <c r="BB2802" s="93"/>
      <c r="BC2802" s="93"/>
      <c r="BD2802" s="93"/>
      <c r="BE2802" s="93"/>
      <c r="BF2802" s="93"/>
      <c r="BG2802" s="93"/>
      <c r="BH2802" s="93"/>
      <c r="BI2802" s="93"/>
      <c r="BJ2802" s="93"/>
      <c r="BK2802" s="93"/>
      <c r="BL2802" s="93"/>
    </row>
    <row r="2803" spans="2:64" x14ac:dyDescent="0.2">
      <c r="B2803" s="43"/>
      <c r="C2803" s="73"/>
      <c r="D2803" s="64"/>
      <c r="E2803" s="55"/>
      <c r="F2803" s="74"/>
      <c r="G2803" s="74"/>
      <c r="H2803" s="74"/>
      <c r="I2803" s="75"/>
      <c r="J2803" s="74"/>
      <c r="L2803" s="55"/>
      <c r="M2803" s="234"/>
      <c r="N2803" s="65"/>
      <c r="O2803" s="76"/>
      <c r="P2803" s="76"/>
      <c r="Q2803" s="65"/>
      <c r="R2803" s="76"/>
      <c r="S2803" s="76"/>
      <c r="T2803" s="76"/>
      <c r="U2803" s="76"/>
      <c r="V2803" s="76"/>
      <c r="W2803" s="76"/>
      <c r="X2803" s="76"/>
      <c r="Y2803" s="76"/>
      <c r="Z2803" s="76"/>
      <c r="AA2803" s="85"/>
      <c r="AB2803" s="85"/>
      <c r="AC2803" s="85"/>
      <c r="AD2803" s="85"/>
      <c r="AE2803" s="85"/>
      <c r="AF2803" s="85"/>
      <c r="AG2803" s="86"/>
      <c r="AH2803" s="85"/>
      <c r="AI2803" s="85"/>
      <c r="AJ2803" s="85"/>
      <c r="AK2803" s="85"/>
      <c r="AL2803" s="85"/>
      <c r="AM2803" s="92"/>
      <c r="AN2803" s="92"/>
      <c r="AO2803" s="92"/>
      <c r="AP2803" s="92"/>
      <c r="AQ2803" s="92"/>
      <c r="AR2803" s="92"/>
      <c r="AS2803" s="92"/>
      <c r="AT2803" s="92"/>
      <c r="AU2803" s="92"/>
      <c r="AV2803" s="92"/>
      <c r="AW2803" s="92"/>
      <c r="AX2803" s="92"/>
      <c r="AY2803" s="92"/>
      <c r="AZ2803" s="93"/>
      <c r="BA2803" s="93"/>
      <c r="BB2803" s="93"/>
      <c r="BC2803" s="93"/>
      <c r="BD2803" s="93"/>
      <c r="BE2803" s="93"/>
      <c r="BF2803" s="93"/>
      <c r="BG2803" s="93"/>
      <c r="BH2803" s="93"/>
      <c r="BI2803" s="93"/>
      <c r="BJ2803" s="93"/>
      <c r="BK2803" s="93"/>
      <c r="BL2803" s="93"/>
    </row>
    <row r="2804" spans="2:64" x14ac:dyDescent="0.2">
      <c r="B2804" s="43"/>
      <c r="C2804" s="73"/>
      <c r="D2804" s="64"/>
      <c r="E2804" s="55"/>
      <c r="F2804" s="74"/>
      <c r="G2804" s="74"/>
      <c r="H2804" s="74"/>
      <c r="I2804" s="75"/>
      <c r="J2804" s="74"/>
      <c r="L2804" s="55"/>
      <c r="M2804" s="234"/>
      <c r="N2804" s="65"/>
      <c r="O2804" s="76"/>
      <c r="P2804" s="76"/>
      <c r="Q2804" s="65"/>
      <c r="R2804" s="76"/>
      <c r="S2804" s="76"/>
      <c r="T2804" s="76"/>
      <c r="U2804" s="76"/>
      <c r="V2804" s="76"/>
      <c r="W2804" s="76"/>
      <c r="X2804" s="76"/>
      <c r="Y2804" s="76"/>
      <c r="Z2804" s="76"/>
      <c r="AA2804" s="85"/>
      <c r="AB2804" s="85"/>
      <c r="AC2804" s="85"/>
      <c r="AD2804" s="85"/>
      <c r="AE2804" s="85"/>
      <c r="AF2804" s="85"/>
      <c r="AG2804" s="86"/>
      <c r="AH2804" s="85"/>
      <c r="AI2804" s="85"/>
      <c r="AJ2804" s="85"/>
      <c r="AK2804" s="85"/>
      <c r="AL2804" s="85"/>
      <c r="AM2804" s="92"/>
      <c r="AN2804" s="92"/>
      <c r="AO2804" s="92"/>
      <c r="AP2804" s="92"/>
      <c r="AQ2804" s="92"/>
      <c r="AR2804" s="92"/>
      <c r="AS2804" s="92"/>
      <c r="AT2804" s="92"/>
      <c r="AU2804" s="92"/>
      <c r="AV2804" s="92"/>
      <c r="AW2804" s="92"/>
      <c r="AX2804" s="92"/>
      <c r="AY2804" s="92"/>
      <c r="AZ2804" s="93"/>
      <c r="BA2804" s="93"/>
      <c r="BB2804" s="93"/>
      <c r="BC2804" s="93"/>
      <c r="BD2804" s="93"/>
      <c r="BE2804" s="93"/>
      <c r="BF2804" s="93"/>
      <c r="BG2804" s="93"/>
      <c r="BH2804" s="93"/>
      <c r="BI2804" s="93"/>
      <c r="BJ2804" s="93"/>
      <c r="BK2804" s="93"/>
      <c r="BL2804" s="93"/>
    </row>
    <row r="2805" spans="2:64" x14ac:dyDescent="0.2">
      <c r="B2805" s="43"/>
      <c r="C2805" s="73"/>
      <c r="D2805" s="64"/>
      <c r="E2805" s="55"/>
      <c r="F2805" s="74"/>
      <c r="G2805" s="74"/>
      <c r="H2805" s="74"/>
      <c r="I2805" s="75"/>
      <c r="J2805" s="74"/>
      <c r="L2805" s="55"/>
      <c r="M2805" s="234"/>
      <c r="N2805" s="65"/>
      <c r="O2805" s="76"/>
      <c r="P2805" s="76"/>
      <c r="Q2805" s="65"/>
      <c r="R2805" s="76"/>
      <c r="S2805" s="76"/>
      <c r="T2805" s="76"/>
      <c r="U2805" s="76"/>
      <c r="V2805" s="76"/>
      <c r="W2805" s="76"/>
      <c r="X2805" s="76"/>
      <c r="Y2805" s="76"/>
      <c r="Z2805" s="76"/>
      <c r="AA2805" s="85"/>
      <c r="AB2805" s="85"/>
      <c r="AC2805" s="85"/>
      <c r="AD2805" s="85"/>
      <c r="AE2805" s="85"/>
      <c r="AF2805" s="85"/>
      <c r="AG2805" s="86"/>
      <c r="AH2805" s="85"/>
      <c r="AI2805" s="85"/>
      <c r="AJ2805" s="85"/>
      <c r="AK2805" s="85"/>
      <c r="AL2805" s="85"/>
      <c r="AM2805" s="92"/>
      <c r="AN2805" s="92"/>
      <c r="AO2805" s="92"/>
      <c r="AP2805" s="92"/>
      <c r="AQ2805" s="92"/>
      <c r="AR2805" s="92"/>
      <c r="AS2805" s="92"/>
      <c r="AT2805" s="92"/>
      <c r="AU2805" s="92"/>
      <c r="AV2805" s="92"/>
      <c r="AW2805" s="92"/>
      <c r="AX2805" s="92"/>
      <c r="AY2805" s="92"/>
      <c r="AZ2805" s="93"/>
      <c r="BA2805" s="93"/>
      <c r="BB2805" s="93"/>
      <c r="BC2805" s="93"/>
      <c r="BD2805" s="93"/>
      <c r="BE2805" s="93"/>
      <c r="BF2805" s="93"/>
      <c r="BG2805" s="93"/>
      <c r="BH2805" s="93"/>
      <c r="BI2805" s="93"/>
      <c r="BJ2805" s="93"/>
      <c r="BK2805" s="93"/>
      <c r="BL2805" s="93"/>
    </row>
    <row r="2806" spans="2:64" x14ac:dyDescent="0.2">
      <c r="B2806" s="43"/>
      <c r="C2806" s="73"/>
      <c r="D2806" s="64"/>
      <c r="E2806" s="55"/>
      <c r="F2806" s="74"/>
      <c r="G2806" s="74"/>
      <c r="H2806" s="74"/>
      <c r="I2806" s="75"/>
      <c r="J2806" s="74"/>
      <c r="L2806" s="55"/>
      <c r="M2806" s="234"/>
      <c r="N2806" s="65"/>
      <c r="O2806" s="76"/>
      <c r="P2806" s="76"/>
      <c r="Q2806" s="65"/>
      <c r="R2806" s="76"/>
      <c r="S2806" s="76"/>
      <c r="T2806" s="76"/>
      <c r="U2806" s="76"/>
      <c r="V2806" s="76"/>
      <c r="W2806" s="76"/>
      <c r="X2806" s="76"/>
      <c r="Y2806" s="76"/>
      <c r="Z2806" s="76"/>
      <c r="AA2806" s="85"/>
      <c r="AB2806" s="85"/>
      <c r="AC2806" s="85"/>
      <c r="AD2806" s="85"/>
      <c r="AE2806" s="85"/>
      <c r="AF2806" s="85"/>
      <c r="AG2806" s="86"/>
      <c r="AH2806" s="85"/>
      <c r="AI2806" s="85"/>
      <c r="AJ2806" s="85"/>
      <c r="AK2806" s="85"/>
      <c r="AL2806" s="85"/>
      <c r="AM2806" s="92"/>
      <c r="AN2806" s="92"/>
      <c r="AO2806" s="92"/>
      <c r="AP2806" s="92"/>
      <c r="AQ2806" s="92"/>
      <c r="AR2806" s="92"/>
      <c r="AS2806" s="92"/>
      <c r="AT2806" s="92"/>
      <c r="AU2806" s="92"/>
      <c r="AV2806" s="92"/>
      <c r="AW2806" s="92"/>
      <c r="AX2806" s="92"/>
      <c r="AY2806" s="92"/>
      <c r="AZ2806" s="93"/>
      <c r="BA2806" s="93"/>
      <c r="BB2806" s="93"/>
      <c r="BC2806" s="93"/>
      <c r="BD2806" s="93"/>
      <c r="BE2806" s="93"/>
      <c r="BF2806" s="93"/>
      <c r="BG2806" s="93"/>
      <c r="BH2806" s="93"/>
      <c r="BI2806" s="93"/>
      <c r="BJ2806" s="93"/>
      <c r="BK2806" s="93"/>
      <c r="BL2806" s="93"/>
    </row>
    <row r="2807" spans="2:64" x14ac:dyDescent="0.2">
      <c r="B2807" s="43"/>
      <c r="C2807" s="73"/>
      <c r="D2807" s="64"/>
      <c r="E2807" s="55"/>
      <c r="F2807" s="74"/>
      <c r="G2807" s="74"/>
      <c r="H2807" s="74"/>
      <c r="I2807" s="75"/>
      <c r="J2807" s="74"/>
      <c r="L2807" s="55"/>
      <c r="M2807" s="234"/>
      <c r="N2807" s="65"/>
      <c r="O2807" s="76"/>
      <c r="P2807" s="76"/>
      <c r="Q2807" s="65"/>
      <c r="R2807" s="76"/>
      <c r="S2807" s="76"/>
      <c r="T2807" s="76"/>
      <c r="U2807" s="76"/>
      <c r="V2807" s="76"/>
      <c r="W2807" s="76"/>
      <c r="X2807" s="76"/>
      <c r="Y2807" s="76"/>
      <c r="Z2807" s="76"/>
      <c r="AA2807" s="85"/>
      <c r="AB2807" s="85"/>
      <c r="AC2807" s="85"/>
      <c r="AD2807" s="85"/>
      <c r="AE2807" s="85"/>
      <c r="AF2807" s="85"/>
      <c r="AG2807" s="86"/>
      <c r="AH2807" s="85"/>
      <c r="AI2807" s="85"/>
      <c r="AJ2807" s="85"/>
      <c r="AK2807" s="85"/>
      <c r="AL2807" s="85"/>
      <c r="AM2807" s="92"/>
      <c r="AN2807" s="92"/>
      <c r="AO2807" s="92"/>
      <c r="AP2807" s="92"/>
      <c r="AQ2807" s="92"/>
      <c r="AR2807" s="92"/>
      <c r="AS2807" s="92"/>
      <c r="AT2807" s="92"/>
      <c r="AU2807" s="92"/>
      <c r="AV2807" s="92"/>
      <c r="AW2807" s="92"/>
      <c r="AX2807" s="92"/>
      <c r="AY2807" s="92"/>
      <c r="AZ2807" s="93"/>
      <c r="BA2807" s="93"/>
      <c r="BB2807" s="93"/>
      <c r="BC2807" s="93"/>
      <c r="BD2807" s="93"/>
      <c r="BE2807" s="93"/>
      <c r="BF2807" s="93"/>
      <c r="BG2807" s="93"/>
      <c r="BH2807" s="93"/>
      <c r="BI2807" s="93"/>
      <c r="BJ2807" s="93"/>
      <c r="BK2807" s="93"/>
      <c r="BL2807" s="93"/>
    </row>
    <row r="2808" spans="2:64" x14ac:dyDescent="0.2">
      <c r="B2808" s="43"/>
      <c r="C2808" s="73"/>
      <c r="D2808" s="64"/>
      <c r="E2808" s="55"/>
      <c r="F2808" s="74"/>
      <c r="G2808" s="74"/>
      <c r="H2808" s="74"/>
      <c r="I2808" s="75"/>
      <c r="J2808" s="74"/>
      <c r="L2808" s="55"/>
      <c r="M2808" s="234"/>
      <c r="N2808" s="65"/>
      <c r="O2808" s="76"/>
      <c r="P2808" s="76"/>
      <c r="Q2808" s="65"/>
      <c r="R2808" s="76"/>
      <c r="S2808" s="76"/>
      <c r="T2808" s="76"/>
      <c r="U2808" s="76"/>
      <c r="V2808" s="76"/>
      <c r="W2808" s="76"/>
      <c r="X2808" s="76"/>
      <c r="Y2808" s="76"/>
      <c r="Z2808" s="76"/>
      <c r="AA2808" s="85"/>
      <c r="AB2808" s="85"/>
      <c r="AC2808" s="85"/>
      <c r="AD2808" s="85"/>
      <c r="AE2808" s="85"/>
      <c r="AF2808" s="85"/>
      <c r="AG2808" s="86"/>
      <c r="AH2808" s="85"/>
      <c r="AI2808" s="85"/>
      <c r="AJ2808" s="85"/>
      <c r="AK2808" s="85"/>
      <c r="AL2808" s="85"/>
      <c r="AM2808" s="92"/>
      <c r="AN2808" s="92"/>
      <c r="AO2808" s="92"/>
      <c r="AP2808" s="92"/>
      <c r="AQ2808" s="92"/>
      <c r="AR2808" s="92"/>
      <c r="AS2808" s="92"/>
      <c r="AT2808" s="92"/>
      <c r="AU2808" s="92"/>
      <c r="AV2808" s="92"/>
      <c r="AW2808" s="92"/>
      <c r="AX2808" s="92"/>
      <c r="AY2808" s="92"/>
      <c r="AZ2808" s="93"/>
      <c r="BA2808" s="93"/>
      <c r="BB2808" s="93"/>
      <c r="BC2808" s="93"/>
      <c r="BD2808" s="93"/>
      <c r="BE2808" s="93"/>
      <c r="BF2808" s="93"/>
      <c r="BG2808" s="93"/>
      <c r="BH2808" s="93"/>
      <c r="BI2808" s="93"/>
      <c r="BJ2808" s="93"/>
      <c r="BK2808" s="93"/>
      <c r="BL2808" s="93"/>
    </row>
    <row r="2809" spans="2:64" x14ac:dyDescent="0.2">
      <c r="B2809" s="43"/>
      <c r="C2809" s="73"/>
      <c r="D2809" s="64"/>
      <c r="E2809" s="55"/>
      <c r="F2809" s="74"/>
      <c r="G2809" s="74"/>
      <c r="H2809" s="74"/>
      <c r="I2809" s="75"/>
      <c r="J2809" s="74"/>
      <c r="L2809" s="55"/>
      <c r="M2809" s="234"/>
      <c r="N2809" s="65"/>
      <c r="O2809" s="76"/>
      <c r="P2809" s="76"/>
      <c r="Q2809" s="65"/>
      <c r="R2809" s="76"/>
      <c r="S2809" s="76"/>
      <c r="T2809" s="76"/>
      <c r="U2809" s="76"/>
      <c r="V2809" s="76"/>
      <c r="W2809" s="76"/>
      <c r="X2809" s="76"/>
      <c r="Y2809" s="76"/>
      <c r="Z2809" s="76"/>
      <c r="AA2809" s="85"/>
      <c r="AB2809" s="85"/>
      <c r="AC2809" s="85"/>
      <c r="AD2809" s="85"/>
      <c r="AE2809" s="85"/>
      <c r="AF2809" s="85"/>
      <c r="AG2809" s="86"/>
      <c r="AH2809" s="85"/>
      <c r="AI2809" s="85"/>
      <c r="AJ2809" s="85"/>
      <c r="AK2809" s="85"/>
      <c r="AL2809" s="85"/>
      <c r="AM2809" s="92"/>
      <c r="AN2809" s="92"/>
      <c r="AO2809" s="92"/>
      <c r="AP2809" s="92"/>
      <c r="AQ2809" s="92"/>
      <c r="AR2809" s="92"/>
      <c r="AS2809" s="92"/>
      <c r="AT2809" s="92"/>
      <c r="AU2809" s="92"/>
      <c r="AV2809" s="92"/>
      <c r="AW2809" s="92"/>
      <c r="AX2809" s="92"/>
      <c r="AY2809" s="92"/>
      <c r="AZ2809" s="93"/>
      <c r="BA2809" s="93"/>
      <c r="BB2809" s="93"/>
      <c r="BC2809" s="93"/>
      <c r="BD2809" s="93"/>
      <c r="BE2809" s="93"/>
      <c r="BF2809" s="93"/>
      <c r="BG2809" s="93"/>
      <c r="BH2809" s="93"/>
      <c r="BI2809" s="93"/>
      <c r="BJ2809" s="93"/>
      <c r="BK2809" s="93"/>
      <c r="BL2809" s="93"/>
    </row>
    <row r="2810" spans="2:64" x14ac:dyDescent="0.2">
      <c r="B2810" s="43"/>
      <c r="C2810" s="73"/>
      <c r="D2810" s="64"/>
      <c r="E2810" s="55"/>
      <c r="F2810" s="74"/>
      <c r="G2810" s="74"/>
      <c r="H2810" s="74"/>
      <c r="I2810" s="75"/>
      <c r="J2810" s="74"/>
      <c r="L2810" s="55"/>
      <c r="M2810" s="234"/>
      <c r="N2810" s="65"/>
      <c r="O2810" s="76"/>
      <c r="P2810" s="76"/>
      <c r="Q2810" s="65"/>
      <c r="R2810" s="76"/>
      <c r="S2810" s="76"/>
      <c r="T2810" s="76"/>
      <c r="U2810" s="76"/>
      <c r="V2810" s="76"/>
      <c r="W2810" s="76"/>
      <c r="X2810" s="76"/>
      <c r="Y2810" s="76"/>
      <c r="Z2810" s="76"/>
      <c r="AA2810" s="85"/>
      <c r="AB2810" s="85"/>
      <c r="AC2810" s="85"/>
      <c r="AD2810" s="85"/>
      <c r="AE2810" s="85"/>
      <c r="AF2810" s="85"/>
      <c r="AG2810" s="86"/>
      <c r="AH2810" s="85"/>
      <c r="AI2810" s="85"/>
      <c r="AJ2810" s="85"/>
      <c r="AK2810" s="85"/>
      <c r="AL2810" s="85"/>
      <c r="AM2810" s="92"/>
      <c r="AN2810" s="92"/>
      <c r="AO2810" s="92"/>
      <c r="AP2810" s="92"/>
      <c r="AQ2810" s="92"/>
      <c r="AR2810" s="92"/>
      <c r="AS2810" s="92"/>
      <c r="AT2810" s="92"/>
      <c r="AU2810" s="92"/>
      <c r="AV2810" s="92"/>
      <c r="AW2810" s="92"/>
      <c r="AX2810" s="92"/>
      <c r="AY2810" s="92"/>
      <c r="AZ2810" s="93"/>
      <c r="BA2810" s="93"/>
      <c r="BB2810" s="93"/>
      <c r="BC2810" s="93"/>
      <c r="BD2810" s="93"/>
      <c r="BE2810" s="93"/>
      <c r="BF2810" s="93"/>
      <c r="BG2810" s="93"/>
      <c r="BH2810" s="93"/>
      <c r="BI2810" s="93"/>
      <c r="BJ2810" s="93"/>
      <c r="BK2810" s="93"/>
      <c r="BL2810" s="93"/>
    </row>
    <row r="2811" spans="2:64" x14ac:dyDescent="0.2">
      <c r="B2811" s="43"/>
      <c r="C2811" s="73"/>
      <c r="D2811" s="64"/>
      <c r="E2811" s="55"/>
      <c r="F2811" s="74"/>
      <c r="G2811" s="74"/>
      <c r="H2811" s="74"/>
      <c r="I2811" s="75"/>
      <c r="J2811" s="74"/>
      <c r="L2811" s="55"/>
      <c r="M2811" s="234"/>
      <c r="N2811" s="65"/>
      <c r="O2811" s="76"/>
      <c r="P2811" s="76"/>
      <c r="Q2811" s="65"/>
      <c r="R2811" s="76"/>
      <c r="S2811" s="76"/>
      <c r="T2811" s="76"/>
      <c r="U2811" s="76"/>
      <c r="V2811" s="76"/>
      <c r="W2811" s="76"/>
      <c r="X2811" s="76"/>
      <c r="Y2811" s="76"/>
      <c r="Z2811" s="76"/>
      <c r="AA2811" s="85"/>
      <c r="AB2811" s="85"/>
      <c r="AC2811" s="85"/>
      <c r="AD2811" s="85"/>
      <c r="AE2811" s="85"/>
      <c r="AF2811" s="85"/>
      <c r="AG2811" s="86"/>
      <c r="AH2811" s="85"/>
      <c r="AI2811" s="85"/>
      <c r="AJ2811" s="85"/>
      <c r="AK2811" s="85"/>
      <c r="AL2811" s="85"/>
      <c r="AM2811" s="92"/>
      <c r="AN2811" s="92"/>
      <c r="AO2811" s="92"/>
      <c r="AP2811" s="92"/>
      <c r="AQ2811" s="92"/>
      <c r="AR2811" s="92"/>
      <c r="AS2811" s="92"/>
      <c r="AT2811" s="92"/>
      <c r="AU2811" s="92"/>
      <c r="AV2811" s="92"/>
      <c r="AW2811" s="92"/>
      <c r="AX2811" s="92"/>
      <c r="AY2811" s="92"/>
      <c r="AZ2811" s="93"/>
      <c r="BA2811" s="93"/>
      <c r="BB2811" s="93"/>
      <c r="BC2811" s="93"/>
      <c r="BD2811" s="93"/>
      <c r="BE2811" s="93"/>
      <c r="BF2811" s="93"/>
      <c r="BG2811" s="93"/>
      <c r="BH2811" s="93"/>
      <c r="BI2811" s="93"/>
      <c r="BJ2811" s="93"/>
      <c r="BK2811" s="93"/>
      <c r="BL2811" s="93"/>
    </row>
    <row r="2812" spans="2:64" x14ac:dyDescent="0.2">
      <c r="B2812" s="43"/>
      <c r="C2812" s="73"/>
      <c r="D2812" s="64"/>
      <c r="E2812" s="55"/>
      <c r="F2812" s="74"/>
      <c r="G2812" s="74"/>
      <c r="H2812" s="74"/>
      <c r="I2812" s="75"/>
      <c r="J2812" s="74"/>
      <c r="L2812" s="55"/>
      <c r="M2812" s="234"/>
      <c r="N2812" s="65"/>
      <c r="O2812" s="76"/>
      <c r="P2812" s="76"/>
      <c r="Q2812" s="65"/>
      <c r="R2812" s="76"/>
      <c r="S2812" s="76"/>
      <c r="T2812" s="76"/>
      <c r="U2812" s="76"/>
      <c r="V2812" s="76"/>
      <c r="W2812" s="76"/>
      <c r="X2812" s="76"/>
      <c r="Y2812" s="76"/>
      <c r="Z2812" s="76"/>
      <c r="AA2812" s="85"/>
      <c r="AB2812" s="85"/>
      <c r="AC2812" s="85"/>
      <c r="AD2812" s="85"/>
      <c r="AE2812" s="85"/>
      <c r="AF2812" s="85"/>
      <c r="AG2812" s="86"/>
      <c r="AH2812" s="85"/>
      <c r="AI2812" s="85"/>
      <c r="AJ2812" s="85"/>
      <c r="AK2812" s="85"/>
      <c r="AL2812" s="85"/>
      <c r="AM2812" s="92"/>
      <c r="AN2812" s="92"/>
      <c r="AO2812" s="92"/>
      <c r="AP2812" s="92"/>
      <c r="AQ2812" s="92"/>
      <c r="AR2812" s="92"/>
      <c r="AS2812" s="92"/>
      <c r="AT2812" s="92"/>
      <c r="AU2812" s="92"/>
      <c r="AV2812" s="92"/>
      <c r="AW2812" s="92"/>
      <c r="AX2812" s="92"/>
      <c r="AY2812" s="92"/>
      <c r="AZ2812" s="93"/>
      <c r="BA2812" s="93"/>
      <c r="BB2812" s="93"/>
      <c r="BC2812" s="93"/>
      <c r="BD2812" s="93"/>
      <c r="BE2812" s="93"/>
      <c r="BF2812" s="93"/>
      <c r="BG2812" s="93"/>
      <c r="BH2812" s="93"/>
      <c r="BI2812" s="93"/>
      <c r="BJ2812" s="93"/>
      <c r="BK2812" s="93"/>
      <c r="BL2812" s="93"/>
    </row>
    <row r="2813" spans="2:64" x14ac:dyDescent="0.2">
      <c r="B2813" s="43"/>
      <c r="C2813" s="73"/>
      <c r="D2813" s="64"/>
      <c r="E2813" s="55"/>
      <c r="F2813" s="74"/>
      <c r="G2813" s="74"/>
      <c r="H2813" s="74"/>
      <c r="I2813" s="75"/>
      <c r="J2813" s="74"/>
      <c r="L2813" s="55"/>
      <c r="M2813" s="234"/>
      <c r="N2813" s="65"/>
      <c r="O2813" s="76"/>
      <c r="P2813" s="76"/>
      <c r="Q2813" s="65"/>
      <c r="R2813" s="76"/>
      <c r="S2813" s="76"/>
      <c r="T2813" s="76"/>
      <c r="U2813" s="76"/>
      <c r="V2813" s="76"/>
      <c r="W2813" s="76"/>
      <c r="X2813" s="76"/>
      <c r="Y2813" s="76"/>
      <c r="Z2813" s="76"/>
      <c r="AA2813" s="85"/>
      <c r="AB2813" s="85"/>
      <c r="AC2813" s="85"/>
      <c r="AD2813" s="85"/>
      <c r="AE2813" s="85"/>
      <c r="AF2813" s="85"/>
      <c r="AG2813" s="86"/>
      <c r="AH2813" s="85"/>
      <c r="AI2813" s="85"/>
      <c r="AJ2813" s="85"/>
      <c r="AK2813" s="85"/>
      <c r="AL2813" s="85"/>
      <c r="AM2813" s="92"/>
      <c r="AN2813" s="92"/>
      <c r="AO2813" s="92"/>
      <c r="AP2813" s="92"/>
      <c r="AQ2813" s="92"/>
      <c r="AR2813" s="92"/>
      <c r="AS2813" s="92"/>
      <c r="AT2813" s="92"/>
      <c r="AU2813" s="92"/>
      <c r="AV2813" s="92"/>
      <c r="AW2813" s="92"/>
      <c r="AX2813" s="92"/>
      <c r="AY2813" s="92"/>
      <c r="AZ2813" s="93"/>
      <c r="BA2813" s="93"/>
      <c r="BB2813" s="93"/>
      <c r="BC2813" s="93"/>
      <c r="BD2813" s="93"/>
      <c r="BE2813" s="93"/>
      <c r="BF2813" s="93"/>
      <c r="BG2813" s="93"/>
      <c r="BH2813" s="93"/>
      <c r="BI2813" s="93"/>
      <c r="BJ2813" s="93"/>
      <c r="BK2813" s="93"/>
      <c r="BL2813" s="93"/>
    </row>
    <row r="2814" spans="2:64" x14ac:dyDescent="0.2">
      <c r="B2814" s="43"/>
      <c r="C2814" s="73"/>
      <c r="D2814" s="64"/>
      <c r="E2814" s="55"/>
      <c r="F2814" s="74"/>
      <c r="G2814" s="74"/>
      <c r="H2814" s="74"/>
      <c r="I2814" s="75"/>
      <c r="J2814" s="74"/>
      <c r="L2814" s="55"/>
      <c r="M2814" s="234"/>
      <c r="N2814" s="65"/>
      <c r="O2814" s="76"/>
      <c r="P2814" s="76"/>
      <c r="Q2814" s="65"/>
      <c r="R2814" s="76"/>
      <c r="S2814" s="76"/>
      <c r="T2814" s="76"/>
      <c r="U2814" s="76"/>
      <c r="V2814" s="76"/>
      <c r="W2814" s="76"/>
      <c r="X2814" s="76"/>
      <c r="Y2814" s="76"/>
      <c r="Z2814" s="76"/>
      <c r="AA2814" s="85"/>
      <c r="AB2814" s="85"/>
      <c r="AC2814" s="85"/>
      <c r="AD2814" s="85"/>
      <c r="AE2814" s="85"/>
      <c r="AF2814" s="85"/>
      <c r="AG2814" s="86"/>
      <c r="AH2814" s="85"/>
      <c r="AI2814" s="85"/>
      <c r="AJ2814" s="85"/>
      <c r="AK2814" s="85"/>
      <c r="AL2814" s="85"/>
      <c r="AM2814" s="92"/>
      <c r="AN2814" s="92"/>
      <c r="AO2814" s="92"/>
      <c r="AP2814" s="92"/>
      <c r="AQ2814" s="92"/>
      <c r="AR2814" s="92"/>
      <c r="AS2814" s="92"/>
      <c r="AT2814" s="92"/>
      <c r="AU2814" s="92"/>
      <c r="AV2814" s="92"/>
      <c r="AW2814" s="92"/>
      <c r="AX2814" s="92"/>
      <c r="AY2814" s="92"/>
      <c r="AZ2814" s="93"/>
      <c r="BA2814" s="93"/>
      <c r="BB2814" s="93"/>
      <c r="BC2814" s="93"/>
      <c r="BD2814" s="93"/>
      <c r="BE2814" s="93"/>
      <c r="BF2814" s="93"/>
      <c r="BG2814" s="93"/>
      <c r="BH2814" s="93"/>
      <c r="BI2814" s="93"/>
      <c r="BJ2814" s="93"/>
      <c r="BK2814" s="93"/>
      <c r="BL2814" s="93"/>
    </row>
    <row r="2815" spans="2:64" x14ac:dyDescent="0.2">
      <c r="B2815" s="43"/>
      <c r="C2815" s="73"/>
      <c r="D2815" s="64"/>
      <c r="E2815" s="55"/>
      <c r="F2815" s="74"/>
      <c r="G2815" s="74"/>
      <c r="H2815" s="74"/>
      <c r="I2815" s="75"/>
      <c r="J2815" s="74"/>
      <c r="L2815" s="55"/>
      <c r="M2815" s="234"/>
      <c r="N2815" s="65"/>
      <c r="O2815" s="76"/>
      <c r="P2815" s="76"/>
      <c r="Q2815" s="65"/>
      <c r="R2815" s="76"/>
      <c r="S2815" s="76"/>
      <c r="T2815" s="76"/>
      <c r="U2815" s="76"/>
      <c r="V2815" s="76"/>
      <c r="W2815" s="76"/>
      <c r="X2815" s="76"/>
      <c r="Y2815" s="76"/>
      <c r="Z2815" s="76"/>
      <c r="AA2815" s="85"/>
      <c r="AB2815" s="85"/>
      <c r="AC2815" s="85"/>
      <c r="AD2815" s="85"/>
      <c r="AE2815" s="85"/>
      <c r="AF2815" s="85"/>
      <c r="AG2815" s="86"/>
      <c r="AH2815" s="85"/>
      <c r="AI2815" s="85"/>
      <c r="AJ2815" s="85"/>
      <c r="AK2815" s="85"/>
      <c r="AL2815" s="85"/>
      <c r="AM2815" s="92"/>
      <c r="AN2815" s="92"/>
      <c r="AO2815" s="92"/>
      <c r="AP2815" s="92"/>
      <c r="AQ2815" s="92"/>
      <c r="AR2815" s="92"/>
      <c r="AS2815" s="92"/>
      <c r="AT2815" s="92"/>
      <c r="AU2815" s="92"/>
      <c r="AV2815" s="92"/>
      <c r="AW2815" s="92"/>
      <c r="AX2815" s="92"/>
      <c r="AY2815" s="92"/>
      <c r="AZ2815" s="93"/>
      <c r="BA2815" s="93"/>
      <c r="BB2815" s="93"/>
      <c r="BC2815" s="93"/>
      <c r="BD2815" s="93"/>
      <c r="BE2815" s="93"/>
      <c r="BF2815" s="93"/>
      <c r="BG2815" s="93"/>
      <c r="BH2815" s="93"/>
      <c r="BI2815" s="93"/>
      <c r="BJ2815" s="93"/>
      <c r="BK2815" s="93"/>
      <c r="BL2815" s="93"/>
    </row>
    <row r="2816" spans="2:64" x14ac:dyDescent="0.2">
      <c r="B2816" s="43"/>
      <c r="C2816" s="73"/>
      <c r="D2816" s="64"/>
      <c r="E2816" s="55"/>
      <c r="F2816" s="74"/>
      <c r="G2816" s="74"/>
      <c r="H2816" s="74"/>
      <c r="I2816" s="75"/>
      <c r="J2816" s="74"/>
      <c r="L2816" s="55"/>
      <c r="M2816" s="234"/>
      <c r="N2816" s="65"/>
      <c r="O2816" s="76"/>
      <c r="P2816" s="76"/>
      <c r="Q2816" s="65"/>
      <c r="R2816" s="76"/>
      <c r="S2816" s="76"/>
      <c r="T2816" s="76"/>
      <c r="U2816" s="76"/>
      <c r="V2816" s="76"/>
      <c r="W2816" s="76"/>
      <c r="X2816" s="76"/>
      <c r="Y2816" s="76"/>
      <c r="Z2816" s="76"/>
      <c r="AA2816" s="85"/>
      <c r="AB2816" s="85"/>
      <c r="AC2816" s="85"/>
      <c r="AD2816" s="85"/>
      <c r="AE2816" s="85"/>
      <c r="AF2816" s="85"/>
      <c r="AG2816" s="86"/>
      <c r="AH2816" s="85"/>
      <c r="AI2816" s="85"/>
      <c r="AJ2816" s="85"/>
      <c r="AK2816" s="85"/>
      <c r="AL2816" s="85"/>
      <c r="AM2816" s="92"/>
      <c r="AN2816" s="92"/>
      <c r="AO2816" s="92"/>
      <c r="AP2816" s="92"/>
      <c r="AQ2816" s="92"/>
      <c r="AR2816" s="92"/>
      <c r="AS2816" s="92"/>
      <c r="AT2816" s="92"/>
      <c r="AU2816" s="92"/>
      <c r="AV2816" s="92"/>
      <c r="AW2816" s="92"/>
      <c r="AX2816" s="92"/>
      <c r="AY2816" s="92"/>
      <c r="AZ2816" s="93"/>
      <c r="BA2816" s="93"/>
      <c r="BB2816" s="93"/>
      <c r="BC2816" s="93"/>
      <c r="BD2816" s="93"/>
      <c r="BE2816" s="93"/>
      <c r="BF2816" s="93"/>
      <c r="BG2816" s="93"/>
      <c r="BH2816" s="93"/>
      <c r="BI2816" s="93"/>
      <c r="BJ2816" s="93"/>
      <c r="BK2816" s="93"/>
      <c r="BL2816" s="93"/>
    </row>
    <row r="2817" spans="2:64" x14ac:dyDescent="0.2">
      <c r="B2817" s="43"/>
      <c r="C2817" s="73"/>
      <c r="D2817" s="64"/>
      <c r="E2817" s="55"/>
      <c r="F2817" s="74"/>
      <c r="G2817" s="74"/>
      <c r="H2817" s="74"/>
      <c r="I2817" s="75"/>
      <c r="J2817" s="74"/>
      <c r="L2817" s="55"/>
      <c r="M2817" s="234"/>
      <c r="N2817" s="65"/>
      <c r="O2817" s="76"/>
      <c r="P2817" s="76"/>
      <c r="Q2817" s="65"/>
      <c r="R2817" s="76"/>
      <c r="S2817" s="76"/>
      <c r="T2817" s="76"/>
      <c r="U2817" s="76"/>
      <c r="V2817" s="76"/>
      <c r="W2817" s="76"/>
      <c r="X2817" s="76"/>
      <c r="Y2817" s="76"/>
      <c r="Z2817" s="76"/>
      <c r="AA2817" s="85"/>
      <c r="AB2817" s="85"/>
      <c r="AC2817" s="85"/>
      <c r="AD2817" s="85"/>
      <c r="AE2817" s="85"/>
      <c r="AF2817" s="85"/>
      <c r="AG2817" s="86"/>
      <c r="AH2817" s="85"/>
      <c r="AI2817" s="85"/>
      <c r="AJ2817" s="85"/>
      <c r="AK2817" s="85"/>
      <c r="AL2817" s="85"/>
      <c r="AM2817" s="92"/>
      <c r="AN2817" s="92"/>
      <c r="AO2817" s="92"/>
      <c r="AP2817" s="92"/>
      <c r="AQ2817" s="92"/>
      <c r="AR2817" s="92"/>
      <c r="AS2817" s="92"/>
      <c r="AT2817" s="92"/>
      <c r="AU2817" s="92"/>
      <c r="AV2817" s="92"/>
      <c r="AW2817" s="92"/>
      <c r="AX2817" s="92"/>
      <c r="AY2817" s="92"/>
      <c r="AZ2817" s="93"/>
      <c r="BA2817" s="93"/>
      <c r="BB2817" s="93"/>
      <c r="BC2817" s="93"/>
      <c r="BD2817" s="93"/>
      <c r="BE2817" s="93"/>
      <c r="BF2817" s="93"/>
      <c r="BG2817" s="93"/>
      <c r="BH2817" s="93"/>
      <c r="BI2817" s="93"/>
      <c r="BJ2817" s="93"/>
      <c r="BK2817" s="93"/>
      <c r="BL2817" s="93"/>
    </row>
    <row r="2818" spans="2:64" x14ac:dyDescent="0.2">
      <c r="B2818" s="43"/>
      <c r="C2818" s="73"/>
      <c r="D2818" s="64"/>
      <c r="E2818" s="55"/>
      <c r="F2818" s="74"/>
      <c r="G2818" s="74"/>
      <c r="H2818" s="74"/>
      <c r="I2818" s="75"/>
      <c r="J2818" s="74"/>
      <c r="L2818" s="55"/>
      <c r="M2818" s="234"/>
      <c r="N2818" s="65"/>
      <c r="O2818" s="76"/>
      <c r="P2818" s="76"/>
      <c r="Q2818" s="65"/>
      <c r="R2818" s="76"/>
      <c r="S2818" s="76"/>
      <c r="T2818" s="76"/>
      <c r="U2818" s="76"/>
      <c r="V2818" s="76"/>
      <c r="W2818" s="76"/>
      <c r="X2818" s="76"/>
      <c r="Y2818" s="76"/>
      <c r="Z2818" s="76"/>
      <c r="AA2818" s="85"/>
      <c r="AB2818" s="85"/>
      <c r="AC2818" s="85"/>
      <c r="AD2818" s="85"/>
      <c r="AE2818" s="85"/>
      <c r="AF2818" s="85"/>
      <c r="AG2818" s="86"/>
      <c r="AH2818" s="85"/>
      <c r="AI2818" s="85"/>
      <c r="AJ2818" s="85"/>
      <c r="AK2818" s="85"/>
      <c r="AL2818" s="85"/>
      <c r="AM2818" s="92"/>
      <c r="AN2818" s="92"/>
      <c r="AO2818" s="92"/>
      <c r="AP2818" s="92"/>
      <c r="AQ2818" s="92"/>
      <c r="AR2818" s="92"/>
      <c r="AS2818" s="92"/>
      <c r="AT2818" s="92"/>
      <c r="AU2818" s="92"/>
      <c r="AV2818" s="92"/>
      <c r="AW2818" s="92"/>
      <c r="AX2818" s="92"/>
      <c r="AY2818" s="92"/>
      <c r="AZ2818" s="93"/>
      <c r="BA2818" s="93"/>
      <c r="BB2818" s="93"/>
      <c r="BC2818" s="93"/>
      <c r="BD2818" s="93"/>
      <c r="BE2818" s="93"/>
      <c r="BF2818" s="93"/>
      <c r="BG2818" s="93"/>
      <c r="BH2818" s="93"/>
      <c r="BI2818" s="93"/>
      <c r="BJ2818" s="93"/>
      <c r="BK2818" s="93"/>
      <c r="BL2818" s="93"/>
    </row>
    <row r="2819" spans="2:64" x14ac:dyDescent="0.2">
      <c r="B2819" s="43"/>
      <c r="C2819" s="73"/>
      <c r="D2819" s="64"/>
      <c r="E2819" s="55"/>
      <c r="F2819" s="74"/>
      <c r="G2819" s="74"/>
      <c r="H2819" s="74"/>
      <c r="I2819" s="75"/>
      <c r="J2819" s="74"/>
      <c r="L2819" s="55"/>
      <c r="M2819" s="234"/>
      <c r="N2819" s="65"/>
      <c r="O2819" s="76"/>
      <c r="P2819" s="76"/>
      <c r="Q2819" s="65"/>
      <c r="R2819" s="76"/>
      <c r="S2819" s="76"/>
      <c r="T2819" s="76"/>
      <c r="U2819" s="76"/>
      <c r="V2819" s="76"/>
      <c r="W2819" s="76"/>
      <c r="X2819" s="76"/>
      <c r="Y2819" s="76"/>
      <c r="Z2819" s="76"/>
      <c r="AA2819" s="85"/>
      <c r="AB2819" s="85"/>
      <c r="AC2819" s="85"/>
      <c r="AD2819" s="85"/>
      <c r="AE2819" s="85"/>
      <c r="AF2819" s="85"/>
      <c r="AG2819" s="86"/>
      <c r="AH2819" s="85"/>
      <c r="AI2819" s="85"/>
      <c r="AJ2819" s="85"/>
      <c r="AK2819" s="85"/>
      <c r="AL2819" s="85"/>
      <c r="AM2819" s="92"/>
      <c r="AN2819" s="92"/>
      <c r="AO2819" s="92"/>
      <c r="AP2819" s="92"/>
      <c r="AQ2819" s="92"/>
      <c r="AR2819" s="92"/>
      <c r="AS2819" s="92"/>
      <c r="AT2819" s="92"/>
      <c r="AU2819" s="92"/>
      <c r="AV2819" s="92"/>
      <c r="AW2819" s="92"/>
      <c r="AX2819" s="92"/>
      <c r="AY2819" s="92"/>
      <c r="AZ2819" s="93"/>
      <c r="BA2819" s="93"/>
      <c r="BB2819" s="93"/>
      <c r="BC2819" s="93"/>
      <c r="BD2819" s="93"/>
      <c r="BE2819" s="93"/>
      <c r="BF2819" s="93"/>
      <c r="BG2819" s="93"/>
      <c r="BH2819" s="93"/>
      <c r="BI2819" s="93"/>
      <c r="BJ2819" s="93"/>
      <c r="BK2819" s="93"/>
      <c r="BL2819" s="93"/>
    </row>
    <row r="2820" spans="2:64" x14ac:dyDescent="0.2">
      <c r="B2820" s="43"/>
      <c r="C2820" s="73"/>
      <c r="D2820" s="64"/>
      <c r="E2820" s="55"/>
      <c r="F2820" s="74"/>
      <c r="G2820" s="74"/>
      <c r="H2820" s="74"/>
      <c r="I2820" s="75"/>
      <c r="J2820" s="74"/>
      <c r="L2820" s="55"/>
      <c r="M2820" s="234"/>
      <c r="N2820" s="65"/>
      <c r="O2820" s="76"/>
      <c r="P2820" s="76"/>
      <c r="Q2820" s="65"/>
      <c r="R2820" s="76"/>
      <c r="S2820" s="76"/>
      <c r="T2820" s="76"/>
      <c r="U2820" s="76"/>
      <c r="V2820" s="76"/>
      <c r="W2820" s="76"/>
      <c r="X2820" s="76"/>
      <c r="Y2820" s="76"/>
      <c r="Z2820" s="76"/>
      <c r="AA2820" s="85"/>
      <c r="AB2820" s="85"/>
      <c r="AC2820" s="85"/>
      <c r="AD2820" s="85"/>
      <c r="AE2820" s="85"/>
      <c r="AF2820" s="85"/>
      <c r="AG2820" s="86"/>
      <c r="AH2820" s="85"/>
      <c r="AI2820" s="85"/>
      <c r="AJ2820" s="85"/>
      <c r="AK2820" s="85"/>
      <c r="AL2820" s="85"/>
      <c r="AM2820" s="92"/>
      <c r="AN2820" s="92"/>
      <c r="AO2820" s="92"/>
      <c r="AP2820" s="92"/>
      <c r="AQ2820" s="92"/>
      <c r="AR2820" s="92"/>
      <c r="AS2820" s="92"/>
      <c r="AT2820" s="92"/>
      <c r="AU2820" s="92"/>
      <c r="AV2820" s="92"/>
      <c r="AW2820" s="92"/>
      <c r="AX2820" s="92"/>
      <c r="AY2820" s="92"/>
      <c r="AZ2820" s="93"/>
      <c r="BA2820" s="93"/>
      <c r="BB2820" s="93"/>
      <c r="BC2820" s="93"/>
      <c r="BD2820" s="93"/>
      <c r="BE2820" s="93"/>
      <c r="BF2820" s="93"/>
      <c r="BG2820" s="93"/>
      <c r="BH2820" s="93"/>
      <c r="BI2820" s="93"/>
      <c r="BJ2820" s="93"/>
      <c r="BK2820" s="93"/>
      <c r="BL2820" s="93"/>
    </row>
    <row r="2821" spans="2:64" x14ac:dyDescent="0.2">
      <c r="B2821" s="43"/>
      <c r="C2821" s="73"/>
      <c r="D2821" s="64"/>
      <c r="E2821" s="55"/>
      <c r="F2821" s="74"/>
      <c r="G2821" s="74"/>
      <c r="H2821" s="74"/>
      <c r="I2821" s="75"/>
      <c r="J2821" s="74"/>
      <c r="L2821" s="55"/>
      <c r="M2821" s="234"/>
      <c r="N2821" s="65"/>
      <c r="O2821" s="76"/>
      <c r="P2821" s="76"/>
      <c r="Q2821" s="65"/>
      <c r="R2821" s="76"/>
      <c r="S2821" s="76"/>
      <c r="T2821" s="76"/>
      <c r="U2821" s="76"/>
      <c r="V2821" s="76"/>
      <c r="W2821" s="76"/>
      <c r="X2821" s="76"/>
      <c r="Y2821" s="76"/>
      <c r="Z2821" s="76"/>
      <c r="AA2821" s="85"/>
      <c r="AB2821" s="85"/>
      <c r="AC2821" s="85"/>
      <c r="AD2821" s="85"/>
      <c r="AE2821" s="85"/>
      <c r="AF2821" s="85"/>
      <c r="AG2821" s="86"/>
      <c r="AH2821" s="85"/>
      <c r="AI2821" s="85"/>
      <c r="AJ2821" s="85"/>
      <c r="AK2821" s="85"/>
      <c r="AL2821" s="85"/>
      <c r="AM2821" s="92"/>
      <c r="AN2821" s="92"/>
      <c r="AO2821" s="92"/>
      <c r="AP2821" s="92"/>
      <c r="AQ2821" s="92"/>
      <c r="AR2821" s="92"/>
      <c r="AS2821" s="92"/>
      <c r="AT2821" s="92"/>
      <c r="AU2821" s="92"/>
      <c r="AV2821" s="92"/>
      <c r="AW2821" s="92"/>
      <c r="AX2821" s="92"/>
      <c r="AY2821" s="92"/>
      <c r="AZ2821" s="93"/>
      <c r="BA2821" s="93"/>
      <c r="BB2821" s="93"/>
      <c r="BC2821" s="93"/>
      <c r="BD2821" s="93"/>
      <c r="BE2821" s="93"/>
      <c r="BF2821" s="93"/>
      <c r="BG2821" s="93"/>
      <c r="BH2821" s="93"/>
      <c r="BI2821" s="93"/>
      <c r="BJ2821" s="93"/>
      <c r="BK2821" s="93"/>
      <c r="BL2821" s="93"/>
    </row>
    <row r="2822" spans="2:64" x14ac:dyDescent="0.2">
      <c r="B2822" s="43"/>
      <c r="C2822" s="73"/>
      <c r="D2822" s="64"/>
      <c r="E2822" s="55"/>
      <c r="F2822" s="74"/>
      <c r="G2822" s="74"/>
      <c r="H2822" s="74"/>
      <c r="I2822" s="75"/>
      <c r="J2822" s="74"/>
      <c r="L2822" s="55"/>
      <c r="M2822" s="234"/>
      <c r="N2822" s="65"/>
      <c r="O2822" s="76"/>
      <c r="P2822" s="76"/>
      <c r="Q2822" s="65"/>
      <c r="R2822" s="76"/>
      <c r="S2822" s="76"/>
      <c r="T2822" s="76"/>
      <c r="U2822" s="76"/>
      <c r="V2822" s="76"/>
      <c r="W2822" s="76"/>
      <c r="X2822" s="76"/>
      <c r="Y2822" s="76"/>
      <c r="Z2822" s="76"/>
      <c r="AA2822" s="85"/>
      <c r="AB2822" s="85"/>
      <c r="AC2822" s="85"/>
      <c r="AD2822" s="85"/>
      <c r="AE2822" s="85"/>
      <c r="AF2822" s="85"/>
      <c r="AG2822" s="86"/>
      <c r="AH2822" s="85"/>
      <c r="AI2822" s="85"/>
      <c r="AJ2822" s="85"/>
      <c r="AK2822" s="85"/>
      <c r="AL2822" s="85"/>
      <c r="AM2822" s="92"/>
      <c r="AN2822" s="92"/>
      <c r="AO2822" s="92"/>
      <c r="AP2822" s="92"/>
      <c r="AQ2822" s="92"/>
      <c r="AR2822" s="92"/>
      <c r="AS2822" s="92"/>
      <c r="AT2822" s="92"/>
      <c r="AU2822" s="92"/>
      <c r="AV2822" s="92"/>
      <c r="AW2822" s="92"/>
      <c r="AX2822" s="92"/>
      <c r="AY2822" s="92"/>
      <c r="AZ2822" s="93"/>
      <c r="BA2822" s="93"/>
      <c r="BB2822" s="93"/>
      <c r="BC2822" s="93"/>
      <c r="BD2822" s="93"/>
      <c r="BE2822" s="93"/>
      <c r="BF2822" s="93"/>
      <c r="BG2822" s="93"/>
      <c r="BH2822" s="93"/>
      <c r="BI2822" s="93"/>
      <c r="BJ2822" s="93"/>
      <c r="BK2822" s="93"/>
      <c r="BL2822" s="93"/>
    </row>
    <row r="2823" spans="2:64" x14ac:dyDescent="0.2">
      <c r="B2823" s="43"/>
      <c r="C2823" s="73"/>
      <c r="D2823" s="64"/>
      <c r="E2823" s="55"/>
      <c r="F2823" s="74"/>
      <c r="G2823" s="74"/>
      <c r="H2823" s="74"/>
      <c r="I2823" s="75"/>
      <c r="J2823" s="74"/>
      <c r="L2823" s="55"/>
      <c r="M2823" s="234"/>
      <c r="N2823" s="65"/>
      <c r="O2823" s="76"/>
      <c r="P2823" s="76"/>
      <c r="Q2823" s="65"/>
      <c r="R2823" s="76"/>
      <c r="S2823" s="76"/>
      <c r="T2823" s="76"/>
      <c r="U2823" s="76"/>
      <c r="V2823" s="76"/>
      <c r="W2823" s="76"/>
      <c r="X2823" s="76"/>
      <c r="Y2823" s="76"/>
      <c r="Z2823" s="76"/>
      <c r="AA2823" s="85"/>
      <c r="AB2823" s="85"/>
      <c r="AC2823" s="85"/>
      <c r="AD2823" s="85"/>
      <c r="AE2823" s="85"/>
      <c r="AF2823" s="85"/>
      <c r="AG2823" s="86"/>
      <c r="AH2823" s="85"/>
      <c r="AI2823" s="85"/>
      <c r="AJ2823" s="85"/>
      <c r="AK2823" s="85"/>
      <c r="AL2823" s="85"/>
      <c r="AM2823" s="92"/>
      <c r="AN2823" s="92"/>
      <c r="AO2823" s="92"/>
      <c r="AP2823" s="92"/>
      <c r="AQ2823" s="92"/>
      <c r="AR2823" s="92"/>
      <c r="AS2823" s="92"/>
      <c r="AT2823" s="92"/>
      <c r="AU2823" s="92"/>
      <c r="AV2823" s="92"/>
      <c r="AW2823" s="92"/>
      <c r="AX2823" s="92"/>
      <c r="AY2823" s="92"/>
      <c r="AZ2823" s="93"/>
      <c r="BA2823" s="93"/>
      <c r="BB2823" s="93"/>
      <c r="BC2823" s="93"/>
      <c r="BD2823" s="93"/>
      <c r="BE2823" s="93"/>
      <c r="BF2823" s="93"/>
      <c r="BG2823" s="93"/>
      <c r="BH2823" s="93"/>
      <c r="BI2823" s="93"/>
      <c r="BJ2823" s="93"/>
      <c r="BK2823" s="93"/>
      <c r="BL2823" s="93"/>
    </row>
    <row r="2824" spans="2:64" x14ac:dyDescent="0.2">
      <c r="B2824" s="43"/>
      <c r="C2824" s="73"/>
      <c r="D2824" s="64"/>
      <c r="E2824" s="55"/>
      <c r="F2824" s="74"/>
      <c r="G2824" s="74"/>
      <c r="H2824" s="74"/>
      <c r="I2824" s="75"/>
      <c r="J2824" s="74"/>
      <c r="L2824" s="55"/>
      <c r="M2824" s="234"/>
      <c r="N2824" s="65"/>
      <c r="O2824" s="76"/>
      <c r="P2824" s="76"/>
      <c r="Q2824" s="65"/>
      <c r="R2824" s="76"/>
      <c r="S2824" s="76"/>
      <c r="T2824" s="76"/>
      <c r="U2824" s="76"/>
      <c r="V2824" s="76"/>
      <c r="W2824" s="76"/>
      <c r="X2824" s="76"/>
      <c r="Y2824" s="76"/>
      <c r="Z2824" s="76"/>
      <c r="AA2824" s="85"/>
      <c r="AB2824" s="85"/>
      <c r="AC2824" s="85"/>
      <c r="AD2824" s="85"/>
      <c r="AE2824" s="85"/>
      <c r="AF2824" s="85"/>
      <c r="AG2824" s="86"/>
      <c r="AH2824" s="85"/>
      <c r="AI2824" s="85"/>
      <c r="AJ2824" s="85"/>
      <c r="AK2824" s="85"/>
      <c r="AL2824" s="85"/>
      <c r="AM2824" s="92"/>
      <c r="AN2824" s="92"/>
      <c r="AO2824" s="92"/>
      <c r="AP2824" s="92"/>
      <c r="AQ2824" s="92"/>
      <c r="AR2824" s="92"/>
      <c r="AS2824" s="92"/>
      <c r="AT2824" s="92"/>
      <c r="AU2824" s="92"/>
      <c r="AV2824" s="92"/>
      <c r="AW2824" s="92"/>
      <c r="AX2824" s="92"/>
      <c r="AY2824" s="92"/>
      <c r="AZ2824" s="93"/>
      <c r="BA2824" s="93"/>
      <c r="BB2824" s="93"/>
      <c r="BC2824" s="93"/>
      <c r="BD2824" s="93"/>
      <c r="BE2824" s="93"/>
      <c r="BF2824" s="93"/>
      <c r="BG2824" s="93"/>
      <c r="BH2824" s="93"/>
      <c r="BI2824" s="93"/>
      <c r="BJ2824" s="93"/>
      <c r="BK2824" s="93"/>
      <c r="BL2824" s="93"/>
    </row>
    <row r="2825" spans="2:64" x14ac:dyDescent="0.2">
      <c r="B2825" s="43"/>
      <c r="C2825" s="73"/>
      <c r="D2825" s="64"/>
      <c r="E2825" s="55"/>
      <c r="F2825" s="74"/>
      <c r="G2825" s="74"/>
      <c r="H2825" s="74"/>
      <c r="I2825" s="75"/>
      <c r="J2825" s="74"/>
      <c r="L2825" s="55"/>
      <c r="M2825" s="234"/>
      <c r="N2825" s="65"/>
      <c r="O2825" s="76"/>
      <c r="P2825" s="76"/>
      <c r="Q2825" s="65"/>
      <c r="R2825" s="76"/>
      <c r="S2825" s="76"/>
      <c r="T2825" s="76"/>
      <c r="U2825" s="76"/>
      <c r="V2825" s="76"/>
      <c r="W2825" s="76"/>
      <c r="X2825" s="76"/>
      <c r="Y2825" s="76"/>
      <c r="Z2825" s="76"/>
      <c r="AA2825" s="85"/>
      <c r="AB2825" s="85"/>
      <c r="AC2825" s="85"/>
      <c r="AD2825" s="85"/>
      <c r="AE2825" s="85"/>
      <c r="AF2825" s="85"/>
      <c r="AG2825" s="86"/>
      <c r="AH2825" s="85"/>
      <c r="AI2825" s="85"/>
      <c r="AJ2825" s="85"/>
      <c r="AK2825" s="85"/>
      <c r="AL2825" s="85"/>
      <c r="AM2825" s="92"/>
      <c r="AN2825" s="92"/>
      <c r="AO2825" s="92"/>
      <c r="AP2825" s="92"/>
      <c r="AQ2825" s="92"/>
      <c r="AR2825" s="92"/>
      <c r="AS2825" s="92"/>
      <c r="AT2825" s="92"/>
      <c r="AU2825" s="92"/>
      <c r="AV2825" s="92"/>
      <c r="AW2825" s="92"/>
      <c r="AX2825" s="92"/>
      <c r="AY2825" s="92"/>
      <c r="AZ2825" s="93"/>
      <c r="BA2825" s="93"/>
      <c r="BB2825" s="93"/>
      <c r="BC2825" s="93"/>
      <c r="BD2825" s="93"/>
      <c r="BE2825" s="93"/>
      <c r="BF2825" s="93"/>
      <c r="BG2825" s="93"/>
      <c r="BH2825" s="93"/>
      <c r="BI2825" s="93"/>
      <c r="BJ2825" s="93"/>
      <c r="BK2825" s="93"/>
      <c r="BL2825" s="93"/>
    </row>
    <row r="2826" spans="2:64" x14ac:dyDescent="0.2">
      <c r="B2826" s="43"/>
      <c r="C2826" s="73"/>
      <c r="D2826" s="64"/>
      <c r="E2826" s="55"/>
      <c r="F2826" s="74"/>
      <c r="G2826" s="74"/>
      <c r="H2826" s="74"/>
      <c r="I2826" s="75"/>
      <c r="J2826" s="74"/>
      <c r="L2826" s="55"/>
      <c r="M2826" s="234"/>
      <c r="N2826" s="65"/>
      <c r="O2826" s="76"/>
      <c r="P2826" s="76"/>
      <c r="Q2826" s="65"/>
      <c r="R2826" s="76"/>
      <c r="S2826" s="76"/>
      <c r="T2826" s="76"/>
      <c r="U2826" s="76"/>
      <c r="V2826" s="76"/>
      <c r="W2826" s="76"/>
      <c r="X2826" s="76"/>
      <c r="Y2826" s="76"/>
      <c r="Z2826" s="76"/>
      <c r="AA2826" s="85"/>
      <c r="AB2826" s="85"/>
      <c r="AC2826" s="85"/>
      <c r="AD2826" s="85"/>
      <c r="AE2826" s="85"/>
      <c r="AF2826" s="85"/>
      <c r="AG2826" s="86"/>
      <c r="AH2826" s="85"/>
      <c r="AI2826" s="85"/>
      <c r="AJ2826" s="85"/>
      <c r="AK2826" s="85"/>
      <c r="AL2826" s="85"/>
      <c r="AM2826" s="92"/>
      <c r="AN2826" s="92"/>
      <c r="AO2826" s="92"/>
      <c r="AP2826" s="92"/>
      <c r="AQ2826" s="92"/>
      <c r="AR2826" s="92"/>
      <c r="AS2826" s="92"/>
      <c r="AT2826" s="92"/>
      <c r="AU2826" s="92"/>
      <c r="AV2826" s="92"/>
      <c r="AW2826" s="92"/>
      <c r="AX2826" s="92"/>
      <c r="AY2826" s="92"/>
      <c r="AZ2826" s="93"/>
      <c r="BA2826" s="93"/>
      <c r="BB2826" s="93"/>
      <c r="BC2826" s="93"/>
      <c r="BD2826" s="93"/>
      <c r="BE2826" s="93"/>
      <c r="BF2826" s="93"/>
      <c r="BG2826" s="93"/>
      <c r="BH2826" s="93"/>
      <c r="BI2826" s="93"/>
      <c r="BJ2826" s="93"/>
      <c r="BK2826" s="93"/>
      <c r="BL2826" s="93"/>
    </row>
    <row r="2827" spans="2:64" x14ac:dyDescent="0.2">
      <c r="B2827" s="43"/>
      <c r="C2827" s="73"/>
      <c r="D2827" s="64"/>
      <c r="E2827" s="55"/>
      <c r="F2827" s="74"/>
      <c r="G2827" s="74"/>
      <c r="H2827" s="74"/>
      <c r="I2827" s="75"/>
      <c r="J2827" s="74"/>
      <c r="L2827" s="55"/>
      <c r="M2827" s="234"/>
      <c r="N2827" s="65"/>
      <c r="O2827" s="76"/>
      <c r="P2827" s="76"/>
      <c r="Q2827" s="65"/>
      <c r="R2827" s="76"/>
      <c r="S2827" s="76"/>
      <c r="T2827" s="76"/>
      <c r="U2827" s="76"/>
      <c r="V2827" s="76"/>
      <c r="W2827" s="76"/>
      <c r="X2827" s="76"/>
      <c r="Y2827" s="76"/>
      <c r="Z2827" s="76"/>
      <c r="AA2827" s="85"/>
      <c r="AB2827" s="85"/>
      <c r="AC2827" s="85"/>
      <c r="AD2827" s="85"/>
      <c r="AE2827" s="85"/>
      <c r="AF2827" s="85"/>
      <c r="AG2827" s="86"/>
      <c r="AH2827" s="85"/>
      <c r="AI2827" s="85"/>
      <c r="AJ2827" s="85"/>
      <c r="AK2827" s="85"/>
      <c r="AL2827" s="85"/>
      <c r="AM2827" s="92"/>
      <c r="AN2827" s="92"/>
      <c r="AO2827" s="92"/>
      <c r="AP2827" s="92"/>
      <c r="AQ2827" s="92"/>
      <c r="AR2827" s="92"/>
      <c r="AS2827" s="92"/>
      <c r="AT2827" s="92"/>
      <c r="AU2827" s="92"/>
      <c r="AV2827" s="92"/>
      <c r="AW2827" s="92"/>
      <c r="AX2827" s="92"/>
      <c r="AY2827" s="92"/>
      <c r="AZ2827" s="93"/>
      <c r="BA2827" s="93"/>
      <c r="BB2827" s="93"/>
      <c r="BC2827" s="93"/>
      <c r="BD2827" s="93"/>
      <c r="BE2827" s="93"/>
      <c r="BF2827" s="93"/>
      <c r="BG2827" s="93"/>
      <c r="BH2827" s="93"/>
      <c r="BI2827" s="93"/>
      <c r="BJ2827" s="93"/>
      <c r="BK2827" s="93"/>
      <c r="BL2827" s="93"/>
    </row>
    <row r="2828" spans="2:64" x14ac:dyDescent="0.2">
      <c r="B2828" s="43"/>
      <c r="C2828" s="73"/>
      <c r="D2828" s="64"/>
      <c r="E2828" s="55"/>
      <c r="F2828" s="74"/>
      <c r="G2828" s="74"/>
      <c r="H2828" s="74"/>
      <c r="I2828" s="75"/>
      <c r="J2828" s="74"/>
      <c r="L2828" s="55"/>
      <c r="M2828" s="234"/>
      <c r="N2828" s="65"/>
      <c r="O2828" s="76"/>
      <c r="P2828" s="76"/>
      <c r="Q2828" s="65"/>
      <c r="R2828" s="76"/>
      <c r="S2828" s="76"/>
      <c r="T2828" s="76"/>
      <c r="U2828" s="76"/>
      <c r="V2828" s="76"/>
      <c r="W2828" s="76"/>
      <c r="X2828" s="76"/>
      <c r="Y2828" s="76"/>
      <c r="Z2828" s="76"/>
      <c r="AA2828" s="85"/>
      <c r="AB2828" s="85"/>
      <c r="AC2828" s="85"/>
      <c r="AD2828" s="85"/>
      <c r="AE2828" s="85"/>
      <c r="AF2828" s="85"/>
      <c r="AG2828" s="86"/>
      <c r="AH2828" s="85"/>
      <c r="AI2828" s="85"/>
      <c r="AJ2828" s="85"/>
      <c r="AK2828" s="85"/>
      <c r="AL2828" s="85"/>
      <c r="AM2828" s="92"/>
      <c r="AN2828" s="92"/>
      <c r="AO2828" s="92"/>
      <c r="AP2828" s="92"/>
      <c r="AQ2828" s="92"/>
      <c r="AR2828" s="92"/>
      <c r="AS2828" s="92"/>
      <c r="AT2828" s="92"/>
      <c r="AU2828" s="92"/>
      <c r="AV2828" s="92"/>
      <c r="AW2828" s="92"/>
      <c r="AX2828" s="92"/>
      <c r="AY2828" s="92"/>
      <c r="AZ2828" s="93"/>
      <c r="BA2828" s="93"/>
      <c r="BB2828" s="93"/>
      <c r="BC2828" s="93"/>
      <c r="BD2828" s="93"/>
      <c r="BE2828" s="93"/>
      <c r="BF2828" s="93"/>
      <c r="BG2828" s="93"/>
      <c r="BH2828" s="93"/>
      <c r="BI2828" s="93"/>
      <c r="BJ2828" s="93"/>
      <c r="BK2828" s="93"/>
      <c r="BL2828" s="93"/>
    </row>
    <row r="2829" spans="2:64" x14ac:dyDescent="0.2">
      <c r="B2829" s="43"/>
      <c r="C2829" s="73"/>
      <c r="D2829" s="64"/>
      <c r="E2829" s="55"/>
      <c r="F2829" s="74"/>
      <c r="G2829" s="74"/>
      <c r="H2829" s="74"/>
      <c r="I2829" s="75"/>
      <c r="J2829" s="74"/>
      <c r="L2829" s="55"/>
      <c r="M2829" s="234"/>
      <c r="N2829" s="65"/>
      <c r="O2829" s="76"/>
      <c r="P2829" s="76"/>
      <c r="Q2829" s="65"/>
      <c r="R2829" s="76"/>
      <c r="S2829" s="76"/>
      <c r="T2829" s="76"/>
      <c r="U2829" s="76"/>
      <c r="V2829" s="76"/>
      <c r="W2829" s="76"/>
      <c r="X2829" s="76"/>
      <c r="Y2829" s="76"/>
      <c r="Z2829" s="76"/>
      <c r="AA2829" s="85"/>
      <c r="AB2829" s="85"/>
      <c r="AC2829" s="85"/>
      <c r="AD2829" s="85"/>
      <c r="AE2829" s="85"/>
      <c r="AF2829" s="85"/>
      <c r="AG2829" s="86"/>
      <c r="AH2829" s="85"/>
      <c r="AI2829" s="85"/>
      <c r="AJ2829" s="85"/>
      <c r="AK2829" s="85"/>
      <c r="AL2829" s="85"/>
      <c r="AM2829" s="92"/>
      <c r="AN2829" s="92"/>
      <c r="AO2829" s="92"/>
      <c r="AP2829" s="92"/>
      <c r="AQ2829" s="92"/>
      <c r="AR2829" s="92"/>
      <c r="AS2829" s="92"/>
      <c r="AT2829" s="92"/>
      <c r="AU2829" s="92"/>
      <c r="AV2829" s="92"/>
      <c r="AW2829" s="92"/>
      <c r="AX2829" s="92"/>
      <c r="AY2829" s="92"/>
      <c r="AZ2829" s="93"/>
      <c r="BA2829" s="93"/>
      <c r="BB2829" s="93"/>
      <c r="BC2829" s="93"/>
      <c r="BD2829" s="93"/>
      <c r="BE2829" s="93"/>
      <c r="BF2829" s="93"/>
      <c r="BG2829" s="93"/>
      <c r="BH2829" s="93"/>
      <c r="BI2829" s="93"/>
      <c r="BJ2829" s="93"/>
      <c r="BK2829" s="93"/>
      <c r="BL2829" s="93"/>
    </row>
    <row r="2830" spans="2:64" x14ac:dyDescent="0.2">
      <c r="B2830" s="43"/>
      <c r="C2830" s="73"/>
      <c r="D2830" s="64"/>
      <c r="E2830" s="55"/>
      <c r="F2830" s="74"/>
      <c r="G2830" s="74"/>
      <c r="H2830" s="74"/>
      <c r="I2830" s="75"/>
      <c r="J2830" s="74"/>
      <c r="L2830" s="55"/>
      <c r="M2830" s="234"/>
      <c r="N2830" s="65"/>
      <c r="O2830" s="76"/>
      <c r="P2830" s="76"/>
      <c r="Q2830" s="65"/>
      <c r="R2830" s="76"/>
      <c r="S2830" s="76"/>
      <c r="T2830" s="76"/>
      <c r="U2830" s="76"/>
      <c r="V2830" s="76"/>
      <c r="W2830" s="76"/>
      <c r="X2830" s="76"/>
      <c r="Y2830" s="76"/>
      <c r="Z2830" s="76"/>
      <c r="AA2830" s="85"/>
      <c r="AB2830" s="85"/>
      <c r="AC2830" s="85"/>
      <c r="AD2830" s="85"/>
      <c r="AE2830" s="85"/>
      <c r="AF2830" s="85"/>
      <c r="AG2830" s="86"/>
      <c r="AH2830" s="85"/>
      <c r="AI2830" s="85"/>
      <c r="AJ2830" s="85"/>
      <c r="AK2830" s="85"/>
      <c r="AL2830" s="85"/>
      <c r="AM2830" s="92"/>
      <c r="AN2830" s="92"/>
      <c r="AO2830" s="92"/>
      <c r="AP2830" s="92"/>
      <c r="AQ2830" s="92"/>
      <c r="AR2830" s="92"/>
      <c r="AS2830" s="92"/>
      <c r="AT2830" s="92"/>
      <c r="AU2830" s="92"/>
      <c r="AV2830" s="92"/>
      <c r="AW2830" s="92"/>
      <c r="AX2830" s="92"/>
      <c r="AY2830" s="92"/>
      <c r="AZ2830" s="93"/>
      <c r="BA2830" s="93"/>
      <c r="BB2830" s="93"/>
      <c r="BC2830" s="93"/>
      <c r="BD2830" s="93"/>
      <c r="BE2830" s="93"/>
      <c r="BF2830" s="93"/>
      <c r="BG2830" s="93"/>
      <c r="BH2830" s="93"/>
      <c r="BI2830" s="93"/>
      <c r="BJ2830" s="93"/>
      <c r="BK2830" s="93"/>
      <c r="BL2830" s="93"/>
    </row>
    <row r="2831" spans="2:64" x14ac:dyDescent="0.2">
      <c r="B2831" s="43"/>
      <c r="C2831" s="73"/>
      <c r="D2831" s="64"/>
      <c r="E2831" s="55"/>
      <c r="F2831" s="74"/>
      <c r="G2831" s="74"/>
      <c r="H2831" s="74"/>
      <c r="I2831" s="75"/>
      <c r="J2831" s="74"/>
      <c r="L2831" s="55"/>
      <c r="M2831" s="234"/>
      <c r="N2831" s="65"/>
      <c r="O2831" s="76"/>
      <c r="P2831" s="76"/>
      <c r="Q2831" s="65"/>
      <c r="R2831" s="76"/>
      <c r="S2831" s="76"/>
      <c r="T2831" s="76"/>
      <c r="U2831" s="76"/>
      <c r="V2831" s="76"/>
      <c r="W2831" s="76"/>
      <c r="X2831" s="76"/>
      <c r="Y2831" s="76"/>
      <c r="Z2831" s="76"/>
      <c r="AA2831" s="85"/>
      <c r="AB2831" s="85"/>
      <c r="AC2831" s="85"/>
      <c r="AD2831" s="85"/>
      <c r="AE2831" s="85"/>
      <c r="AF2831" s="85"/>
      <c r="AG2831" s="86"/>
      <c r="AH2831" s="85"/>
      <c r="AI2831" s="85"/>
      <c r="AJ2831" s="85"/>
      <c r="AK2831" s="85"/>
      <c r="AL2831" s="85"/>
      <c r="AM2831" s="92"/>
      <c r="AN2831" s="92"/>
      <c r="AO2831" s="92"/>
      <c r="AP2831" s="92"/>
      <c r="AQ2831" s="92"/>
      <c r="AR2831" s="92"/>
      <c r="AS2831" s="92"/>
      <c r="AT2831" s="92"/>
      <c r="AU2831" s="92"/>
      <c r="AV2831" s="92"/>
      <c r="AW2831" s="92"/>
      <c r="AX2831" s="92"/>
      <c r="AY2831" s="92"/>
      <c r="AZ2831" s="93"/>
      <c r="BA2831" s="93"/>
      <c r="BB2831" s="93"/>
      <c r="BC2831" s="93"/>
      <c r="BD2831" s="93"/>
      <c r="BE2831" s="93"/>
      <c r="BF2831" s="93"/>
      <c r="BG2831" s="93"/>
      <c r="BH2831" s="93"/>
      <c r="BI2831" s="93"/>
      <c r="BJ2831" s="93"/>
      <c r="BK2831" s="93"/>
      <c r="BL2831" s="93"/>
    </row>
    <row r="2832" spans="2:64" x14ac:dyDescent="0.2">
      <c r="B2832" s="43"/>
      <c r="C2832" s="73"/>
      <c r="D2832" s="64"/>
      <c r="E2832" s="55"/>
      <c r="F2832" s="74"/>
      <c r="G2832" s="74"/>
      <c r="H2832" s="74"/>
      <c r="I2832" s="75"/>
      <c r="J2832" s="74"/>
      <c r="L2832" s="55"/>
      <c r="M2832" s="234"/>
      <c r="N2832" s="65"/>
      <c r="O2832" s="76"/>
      <c r="P2832" s="76"/>
      <c r="Q2832" s="65"/>
      <c r="R2832" s="76"/>
      <c r="S2832" s="76"/>
      <c r="T2832" s="76"/>
      <c r="U2832" s="76"/>
      <c r="V2832" s="76"/>
      <c r="W2832" s="76"/>
      <c r="X2832" s="76"/>
      <c r="Y2832" s="76"/>
      <c r="Z2832" s="76"/>
      <c r="AA2832" s="85"/>
      <c r="AB2832" s="85"/>
      <c r="AC2832" s="85"/>
      <c r="AD2832" s="85"/>
      <c r="AE2832" s="85"/>
      <c r="AF2832" s="85"/>
      <c r="AG2832" s="86"/>
      <c r="AH2832" s="85"/>
      <c r="AI2832" s="85"/>
      <c r="AJ2832" s="85"/>
      <c r="AK2832" s="85"/>
      <c r="AL2832" s="85"/>
      <c r="AM2832" s="92"/>
      <c r="AN2832" s="92"/>
      <c r="AO2832" s="92"/>
      <c r="AP2832" s="92"/>
      <c r="AQ2832" s="92"/>
      <c r="AR2832" s="92"/>
      <c r="AS2832" s="92"/>
      <c r="AT2832" s="92"/>
      <c r="AU2832" s="92"/>
      <c r="AV2832" s="92"/>
      <c r="AW2832" s="92"/>
      <c r="AX2832" s="92"/>
      <c r="AY2832" s="92"/>
      <c r="AZ2832" s="93"/>
      <c r="BA2832" s="93"/>
      <c r="BB2832" s="93"/>
      <c r="BC2832" s="93"/>
      <c r="BD2832" s="93"/>
      <c r="BE2832" s="93"/>
      <c r="BF2832" s="93"/>
      <c r="BG2832" s="93"/>
      <c r="BH2832" s="93"/>
      <c r="BI2832" s="93"/>
      <c r="BJ2832" s="93"/>
      <c r="BK2832" s="93"/>
      <c r="BL2832" s="93"/>
    </row>
    <row r="2833" spans="2:64" x14ac:dyDescent="0.2">
      <c r="B2833" s="43"/>
      <c r="C2833" s="73"/>
      <c r="D2833" s="64"/>
      <c r="E2833" s="55"/>
      <c r="F2833" s="74"/>
      <c r="G2833" s="74"/>
      <c r="H2833" s="74"/>
      <c r="I2833" s="75"/>
      <c r="J2833" s="74"/>
      <c r="L2833" s="55"/>
      <c r="M2833" s="234"/>
      <c r="N2833" s="65"/>
      <c r="O2833" s="76"/>
      <c r="P2833" s="76"/>
      <c r="Q2833" s="65"/>
      <c r="R2833" s="76"/>
      <c r="S2833" s="76"/>
      <c r="T2833" s="76"/>
      <c r="U2833" s="76"/>
      <c r="V2833" s="76"/>
      <c r="W2833" s="76"/>
      <c r="X2833" s="76"/>
      <c r="Y2833" s="76"/>
      <c r="Z2833" s="76"/>
      <c r="AA2833" s="85"/>
      <c r="AB2833" s="85"/>
      <c r="AC2833" s="85"/>
      <c r="AD2833" s="85"/>
      <c r="AE2833" s="85"/>
      <c r="AF2833" s="85"/>
      <c r="AG2833" s="86"/>
      <c r="AH2833" s="85"/>
      <c r="AI2833" s="85"/>
      <c r="AJ2833" s="85"/>
      <c r="AK2833" s="85"/>
      <c r="AL2833" s="85"/>
      <c r="AM2833" s="92"/>
      <c r="AN2833" s="92"/>
      <c r="AO2833" s="92"/>
      <c r="AP2833" s="92"/>
      <c r="AQ2833" s="92"/>
      <c r="AR2833" s="92"/>
      <c r="AS2833" s="92"/>
      <c r="AT2833" s="92"/>
      <c r="AU2833" s="92"/>
      <c r="AV2833" s="92"/>
      <c r="AW2833" s="92"/>
      <c r="AX2833" s="92"/>
      <c r="AY2833" s="92"/>
      <c r="AZ2833" s="93"/>
      <c r="BA2833" s="93"/>
      <c r="BB2833" s="93"/>
      <c r="BC2833" s="93"/>
      <c r="BD2833" s="93"/>
      <c r="BE2833" s="93"/>
      <c r="BF2833" s="93"/>
      <c r="BG2833" s="93"/>
      <c r="BH2833" s="93"/>
      <c r="BI2833" s="93"/>
      <c r="BJ2833" s="93"/>
      <c r="BK2833" s="93"/>
      <c r="BL2833" s="93"/>
    </row>
    <row r="2834" spans="2:64" x14ac:dyDescent="0.2">
      <c r="B2834" s="43"/>
      <c r="C2834" s="73"/>
      <c r="D2834" s="64"/>
      <c r="E2834" s="55"/>
      <c r="F2834" s="74"/>
      <c r="G2834" s="74"/>
      <c r="H2834" s="74"/>
      <c r="I2834" s="75"/>
      <c r="J2834" s="74"/>
      <c r="L2834" s="55"/>
      <c r="M2834" s="234"/>
      <c r="N2834" s="65"/>
      <c r="O2834" s="76"/>
      <c r="P2834" s="76"/>
      <c r="Q2834" s="65"/>
      <c r="R2834" s="76"/>
      <c r="S2834" s="76"/>
      <c r="T2834" s="76"/>
      <c r="U2834" s="76"/>
      <c r="V2834" s="76"/>
      <c r="W2834" s="76"/>
      <c r="X2834" s="76"/>
      <c r="Y2834" s="76"/>
      <c r="Z2834" s="76"/>
      <c r="AA2834" s="85"/>
      <c r="AB2834" s="85"/>
      <c r="AC2834" s="85"/>
      <c r="AD2834" s="85"/>
      <c r="AE2834" s="85"/>
      <c r="AF2834" s="85"/>
      <c r="AG2834" s="86"/>
      <c r="AH2834" s="85"/>
      <c r="AI2834" s="85"/>
      <c r="AJ2834" s="85"/>
      <c r="AK2834" s="85"/>
      <c r="AL2834" s="85"/>
      <c r="AM2834" s="92"/>
      <c r="AN2834" s="92"/>
      <c r="AO2834" s="92"/>
      <c r="AP2834" s="92"/>
      <c r="AQ2834" s="92"/>
      <c r="AR2834" s="92"/>
      <c r="AS2834" s="92"/>
      <c r="AT2834" s="92"/>
      <c r="AU2834" s="92"/>
      <c r="AV2834" s="92"/>
      <c r="AW2834" s="92"/>
      <c r="AX2834" s="92"/>
      <c r="AY2834" s="92"/>
      <c r="AZ2834" s="93"/>
      <c r="BA2834" s="93"/>
      <c r="BB2834" s="93"/>
      <c r="BC2834" s="93"/>
      <c r="BD2834" s="93"/>
      <c r="BE2834" s="93"/>
      <c r="BF2834" s="93"/>
      <c r="BG2834" s="93"/>
      <c r="BH2834" s="93"/>
      <c r="BI2834" s="93"/>
      <c r="BJ2834" s="93"/>
      <c r="BK2834" s="93"/>
      <c r="BL2834" s="93"/>
    </row>
    <row r="2835" spans="2:64" x14ac:dyDescent="0.2">
      <c r="B2835" s="43"/>
      <c r="C2835" s="73"/>
      <c r="D2835" s="64"/>
      <c r="E2835" s="55"/>
      <c r="F2835" s="74"/>
      <c r="G2835" s="74"/>
      <c r="H2835" s="74"/>
      <c r="I2835" s="75"/>
      <c r="J2835" s="74"/>
      <c r="L2835" s="55"/>
      <c r="M2835" s="234"/>
      <c r="N2835" s="65"/>
      <c r="O2835" s="76"/>
      <c r="P2835" s="76"/>
      <c r="Q2835" s="65"/>
      <c r="R2835" s="76"/>
      <c r="S2835" s="76"/>
      <c r="T2835" s="76"/>
      <c r="U2835" s="76"/>
      <c r="V2835" s="76"/>
      <c r="W2835" s="76"/>
      <c r="X2835" s="76"/>
      <c r="Y2835" s="76"/>
      <c r="Z2835" s="76"/>
      <c r="AA2835" s="85"/>
      <c r="AB2835" s="85"/>
      <c r="AC2835" s="85"/>
      <c r="AD2835" s="85"/>
      <c r="AE2835" s="85"/>
      <c r="AF2835" s="85"/>
      <c r="AG2835" s="86"/>
      <c r="AH2835" s="85"/>
      <c r="AI2835" s="85"/>
      <c r="AJ2835" s="85"/>
      <c r="AK2835" s="85"/>
      <c r="AL2835" s="85"/>
      <c r="AM2835" s="92"/>
      <c r="AN2835" s="92"/>
      <c r="AO2835" s="92"/>
      <c r="AP2835" s="92"/>
      <c r="AQ2835" s="92"/>
      <c r="AR2835" s="92"/>
      <c r="AS2835" s="92"/>
      <c r="AT2835" s="92"/>
      <c r="AU2835" s="92"/>
      <c r="AV2835" s="92"/>
      <c r="AW2835" s="92"/>
      <c r="AX2835" s="92"/>
      <c r="AY2835" s="92"/>
      <c r="AZ2835" s="93"/>
      <c r="BA2835" s="93"/>
      <c r="BB2835" s="93"/>
      <c r="BC2835" s="93"/>
      <c r="BD2835" s="93"/>
      <c r="BE2835" s="93"/>
      <c r="BF2835" s="93"/>
      <c r="BG2835" s="93"/>
      <c r="BH2835" s="93"/>
      <c r="BI2835" s="93"/>
      <c r="BJ2835" s="93"/>
      <c r="BK2835" s="93"/>
      <c r="BL2835" s="93"/>
    </row>
    <row r="2836" spans="2:64" x14ac:dyDescent="0.2">
      <c r="B2836" s="43"/>
      <c r="C2836" s="73"/>
      <c r="D2836" s="64"/>
      <c r="E2836" s="55"/>
      <c r="F2836" s="74"/>
      <c r="G2836" s="74"/>
      <c r="H2836" s="74"/>
      <c r="I2836" s="75"/>
      <c r="J2836" s="74"/>
      <c r="L2836" s="55"/>
      <c r="M2836" s="234"/>
      <c r="N2836" s="65"/>
      <c r="O2836" s="76"/>
      <c r="P2836" s="76"/>
      <c r="Q2836" s="65"/>
      <c r="R2836" s="76"/>
      <c r="S2836" s="76"/>
      <c r="T2836" s="76"/>
      <c r="U2836" s="76"/>
      <c r="V2836" s="76"/>
      <c r="W2836" s="76"/>
      <c r="X2836" s="76"/>
      <c r="Y2836" s="76"/>
      <c r="Z2836" s="76"/>
      <c r="AA2836" s="85"/>
      <c r="AB2836" s="85"/>
      <c r="AC2836" s="85"/>
      <c r="AD2836" s="85"/>
      <c r="AE2836" s="85"/>
      <c r="AF2836" s="85"/>
      <c r="AG2836" s="86"/>
      <c r="AH2836" s="85"/>
      <c r="AI2836" s="85"/>
      <c r="AJ2836" s="85"/>
      <c r="AK2836" s="85"/>
      <c r="AL2836" s="85"/>
      <c r="AM2836" s="92"/>
      <c r="AN2836" s="92"/>
      <c r="AO2836" s="92"/>
      <c r="AP2836" s="92"/>
      <c r="AQ2836" s="92"/>
      <c r="AR2836" s="92"/>
      <c r="AS2836" s="92"/>
      <c r="AT2836" s="92"/>
      <c r="AU2836" s="92"/>
      <c r="AV2836" s="92"/>
      <c r="AW2836" s="92"/>
      <c r="AX2836" s="92"/>
      <c r="AY2836" s="92"/>
      <c r="AZ2836" s="93"/>
      <c r="BA2836" s="93"/>
      <c r="BB2836" s="93"/>
      <c r="BC2836" s="93"/>
      <c r="BD2836" s="93"/>
      <c r="BE2836" s="93"/>
      <c r="BF2836" s="93"/>
      <c r="BG2836" s="93"/>
      <c r="BH2836" s="93"/>
      <c r="BI2836" s="93"/>
      <c r="BJ2836" s="93"/>
      <c r="BK2836" s="93"/>
      <c r="BL2836" s="93"/>
    </row>
    <row r="2837" spans="2:64" x14ac:dyDescent="0.2">
      <c r="B2837" s="43"/>
      <c r="C2837" s="73"/>
      <c r="D2837" s="64"/>
      <c r="E2837" s="55"/>
      <c r="F2837" s="74"/>
      <c r="G2837" s="74"/>
      <c r="H2837" s="74"/>
      <c r="I2837" s="75"/>
      <c r="J2837" s="74"/>
      <c r="L2837" s="55"/>
      <c r="M2837" s="234"/>
      <c r="N2837" s="65"/>
      <c r="O2837" s="76"/>
      <c r="P2837" s="76"/>
      <c r="Q2837" s="65"/>
      <c r="R2837" s="76"/>
      <c r="S2837" s="76"/>
      <c r="T2837" s="76"/>
      <c r="U2837" s="76"/>
      <c r="V2837" s="76"/>
      <c r="W2837" s="76"/>
      <c r="X2837" s="76"/>
      <c r="Y2837" s="76"/>
      <c r="Z2837" s="76"/>
      <c r="AA2837" s="85"/>
      <c r="AB2837" s="85"/>
      <c r="AC2837" s="85"/>
      <c r="AD2837" s="85"/>
      <c r="AE2837" s="85"/>
      <c r="AF2837" s="85"/>
      <c r="AG2837" s="86"/>
      <c r="AH2837" s="85"/>
      <c r="AI2837" s="85"/>
      <c r="AJ2837" s="85"/>
      <c r="AK2837" s="85"/>
      <c r="AL2837" s="85"/>
      <c r="AM2837" s="92"/>
      <c r="AN2837" s="92"/>
      <c r="AO2837" s="92"/>
      <c r="AP2837" s="92"/>
      <c r="AQ2837" s="92"/>
      <c r="AR2837" s="92"/>
      <c r="AS2837" s="92"/>
      <c r="AT2837" s="92"/>
      <c r="AU2837" s="92"/>
      <c r="AV2837" s="92"/>
      <c r="AW2837" s="92"/>
      <c r="AX2837" s="92"/>
      <c r="AY2837" s="92"/>
      <c r="AZ2837" s="93"/>
      <c r="BA2837" s="93"/>
      <c r="BB2837" s="93"/>
      <c r="BC2837" s="93"/>
      <c r="BD2837" s="93"/>
      <c r="BE2837" s="93"/>
      <c r="BF2837" s="93"/>
      <c r="BG2837" s="93"/>
      <c r="BH2837" s="93"/>
      <c r="BI2837" s="93"/>
      <c r="BJ2837" s="93"/>
      <c r="BK2837" s="93"/>
      <c r="BL2837" s="93"/>
    </row>
    <row r="2838" spans="2:64" x14ac:dyDescent="0.2">
      <c r="B2838" s="43"/>
      <c r="C2838" s="73"/>
      <c r="D2838" s="64"/>
      <c r="E2838" s="55"/>
      <c r="F2838" s="74"/>
      <c r="G2838" s="74"/>
      <c r="H2838" s="74"/>
      <c r="I2838" s="75"/>
      <c r="J2838" s="74"/>
      <c r="L2838" s="55"/>
      <c r="M2838" s="234"/>
      <c r="N2838" s="65"/>
      <c r="O2838" s="76"/>
      <c r="P2838" s="76"/>
      <c r="Q2838" s="65"/>
      <c r="R2838" s="76"/>
      <c r="S2838" s="76"/>
      <c r="T2838" s="76"/>
      <c r="U2838" s="76"/>
      <c r="V2838" s="76"/>
      <c r="W2838" s="76"/>
      <c r="X2838" s="76"/>
      <c r="Y2838" s="76"/>
      <c r="Z2838" s="76"/>
      <c r="AA2838" s="85"/>
      <c r="AB2838" s="85"/>
      <c r="AC2838" s="85"/>
      <c r="AD2838" s="85"/>
      <c r="AE2838" s="85"/>
      <c r="AF2838" s="85"/>
      <c r="AG2838" s="86"/>
      <c r="AH2838" s="85"/>
      <c r="AI2838" s="85"/>
      <c r="AJ2838" s="85"/>
      <c r="AK2838" s="85"/>
      <c r="AL2838" s="85"/>
      <c r="AM2838" s="92"/>
      <c r="AN2838" s="92"/>
      <c r="AO2838" s="92"/>
      <c r="AP2838" s="92"/>
      <c r="AQ2838" s="92"/>
      <c r="AR2838" s="92"/>
      <c r="AS2838" s="92"/>
      <c r="AT2838" s="92"/>
      <c r="AU2838" s="92"/>
      <c r="AV2838" s="92"/>
      <c r="AW2838" s="92"/>
      <c r="AX2838" s="92"/>
      <c r="AY2838" s="92"/>
      <c r="AZ2838" s="93"/>
      <c r="BA2838" s="93"/>
      <c r="BB2838" s="93"/>
      <c r="BC2838" s="93"/>
      <c r="BD2838" s="93"/>
      <c r="BE2838" s="93"/>
      <c r="BF2838" s="93"/>
      <c r="BG2838" s="93"/>
      <c r="BH2838" s="93"/>
      <c r="BI2838" s="93"/>
      <c r="BJ2838" s="93"/>
      <c r="BK2838" s="93"/>
      <c r="BL2838" s="93"/>
    </row>
    <row r="2839" spans="2:64" x14ac:dyDescent="0.2">
      <c r="B2839" s="43"/>
      <c r="C2839" s="73"/>
      <c r="D2839" s="64"/>
      <c r="E2839" s="55"/>
      <c r="F2839" s="74"/>
      <c r="G2839" s="74"/>
      <c r="H2839" s="74"/>
      <c r="I2839" s="75"/>
      <c r="J2839" s="74"/>
      <c r="L2839" s="55"/>
      <c r="M2839" s="234"/>
      <c r="N2839" s="65"/>
      <c r="O2839" s="76"/>
      <c r="P2839" s="76"/>
      <c r="Q2839" s="65"/>
      <c r="R2839" s="76"/>
      <c r="S2839" s="76"/>
      <c r="T2839" s="76"/>
      <c r="U2839" s="76"/>
      <c r="V2839" s="76"/>
      <c r="W2839" s="76"/>
      <c r="X2839" s="76"/>
      <c r="Y2839" s="76"/>
      <c r="Z2839" s="76"/>
      <c r="AA2839" s="85"/>
      <c r="AB2839" s="85"/>
      <c r="AC2839" s="85"/>
      <c r="AD2839" s="85"/>
      <c r="AE2839" s="85"/>
      <c r="AF2839" s="85"/>
      <c r="AG2839" s="86"/>
      <c r="AH2839" s="85"/>
      <c r="AI2839" s="85"/>
      <c r="AJ2839" s="85"/>
      <c r="AK2839" s="85"/>
      <c r="AL2839" s="85"/>
      <c r="AM2839" s="92"/>
      <c r="AN2839" s="92"/>
      <c r="AO2839" s="92"/>
      <c r="AP2839" s="92"/>
      <c r="AQ2839" s="92"/>
      <c r="AR2839" s="92"/>
      <c r="AS2839" s="92"/>
      <c r="AT2839" s="92"/>
      <c r="AU2839" s="92"/>
      <c r="AV2839" s="92"/>
      <c r="AW2839" s="92"/>
      <c r="AX2839" s="92"/>
      <c r="AY2839" s="92"/>
      <c r="AZ2839" s="93"/>
      <c r="BA2839" s="93"/>
      <c r="BB2839" s="93"/>
      <c r="BC2839" s="93"/>
      <c r="BD2839" s="93"/>
      <c r="BE2839" s="93"/>
      <c r="BF2839" s="93"/>
      <c r="BG2839" s="93"/>
      <c r="BH2839" s="93"/>
      <c r="BI2839" s="93"/>
      <c r="BJ2839" s="93"/>
      <c r="BK2839" s="93"/>
      <c r="BL2839" s="93"/>
    </row>
    <row r="2840" spans="2:64" x14ac:dyDescent="0.2">
      <c r="B2840" s="43"/>
      <c r="C2840" s="73"/>
      <c r="D2840" s="64"/>
      <c r="E2840" s="55"/>
      <c r="F2840" s="74"/>
      <c r="G2840" s="74"/>
      <c r="H2840" s="74"/>
      <c r="I2840" s="75"/>
      <c r="J2840" s="74"/>
      <c r="L2840" s="55"/>
      <c r="M2840" s="234"/>
      <c r="N2840" s="65"/>
      <c r="O2840" s="76"/>
      <c r="P2840" s="76"/>
      <c r="Q2840" s="65"/>
      <c r="R2840" s="76"/>
      <c r="S2840" s="76"/>
      <c r="T2840" s="76"/>
      <c r="U2840" s="76"/>
      <c r="V2840" s="76"/>
      <c r="W2840" s="76"/>
      <c r="X2840" s="76"/>
      <c r="Y2840" s="76"/>
      <c r="Z2840" s="76"/>
      <c r="AA2840" s="85"/>
      <c r="AB2840" s="85"/>
      <c r="AC2840" s="85"/>
      <c r="AD2840" s="85"/>
      <c r="AE2840" s="85"/>
      <c r="AF2840" s="85"/>
      <c r="AG2840" s="86"/>
      <c r="AH2840" s="85"/>
      <c r="AI2840" s="85"/>
      <c r="AJ2840" s="85"/>
      <c r="AK2840" s="85"/>
      <c r="AL2840" s="85"/>
      <c r="AM2840" s="92"/>
      <c r="AN2840" s="92"/>
      <c r="AO2840" s="92"/>
      <c r="AP2840" s="92"/>
      <c r="AQ2840" s="92"/>
      <c r="AR2840" s="92"/>
      <c r="AS2840" s="92"/>
      <c r="AT2840" s="92"/>
      <c r="AU2840" s="92"/>
      <c r="AV2840" s="92"/>
      <c r="AW2840" s="92"/>
      <c r="AX2840" s="92"/>
      <c r="AY2840" s="92"/>
      <c r="AZ2840" s="93"/>
      <c r="BA2840" s="93"/>
      <c r="BB2840" s="93"/>
      <c r="BC2840" s="93"/>
      <c r="BD2840" s="93"/>
      <c r="BE2840" s="93"/>
      <c r="BF2840" s="93"/>
      <c r="BG2840" s="93"/>
      <c r="BH2840" s="93"/>
      <c r="BI2840" s="93"/>
      <c r="BJ2840" s="93"/>
      <c r="BK2840" s="93"/>
      <c r="BL2840" s="93"/>
    </row>
    <row r="2841" spans="2:64" x14ac:dyDescent="0.2">
      <c r="B2841" s="43"/>
      <c r="C2841" s="73"/>
      <c r="D2841" s="64"/>
      <c r="E2841" s="55"/>
      <c r="F2841" s="74"/>
      <c r="G2841" s="74"/>
      <c r="H2841" s="74"/>
      <c r="I2841" s="75"/>
      <c r="J2841" s="74"/>
      <c r="L2841" s="55"/>
      <c r="M2841" s="234"/>
      <c r="N2841" s="65"/>
      <c r="O2841" s="76"/>
      <c r="P2841" s="76"/>
      <c r="Q2841" s="65"/>
      <c r="R2841" s="76"/>
      <c r="S2841" s="76"/>
      <c r="T2841" s="76"/>
      <c r="U2841" s="76"/>
      <c r="V2841" s="76"/>
      <c r="W2841" s="76"/>
      <c r="X2841" s="76"/>
      <c r="Y2841" s="76"/>
      <c r="Z2841" s="76"/>
      <c r="AA2841" s="85"/>
      <c r="AB2841" s="85"/>
      <c r="AC2841" s="85"/>
      <c r="AD2841" s="85"/>
      <c r="AE2841" s="85"/>
      <c r="AF2841" s="85"/>
      <c r="AG2841" s="86"/>
      <c r="AH2841" s="85"/>
      <c r="AI2841" s="85"/>
      <c r="AJ2841" s="85"/>
      <c r="AK2841" s="85"/>
      <c r="AL2841" s="85"/>
      <c r="AM2841" s="92"/>
      <c r="AN2841" s="92"/>
      <c r="AO2841" s="92"/>
      <c r="AP2841" s="92"/>
      <c r="AQ2841" s="92"/>
      <c r="AR2841" s="92"/>
      <c r="AS2841" s="92"/>
      <c r="AT2841" s="92"/>
      <c r="AU2841" s="92"/>
      <c r="AV2841" s="92"/>
      <c r="AW2841" s="92"/>
      <c r="AX2841" s="92"/>
      <c r="AY2841" s="92"/>
      <c r="AZ2841" s="93"/>
      <c r="BA2841" s="93"/>
      <c r="BB2841" s="93"/>
      <c r="BC2841" s="93"/>
      <c r="BD2841" s="93"/>
      <c r="BE2841" s="93"/>
      <c r="BF2841" s="93"/>
      <c r="BG2841" s="93"/>
      <c r="BH2841" s="93"/>
      <c r="BI2841" s="93"/>
      <c r="BJ2841" s="93"/>
      <c r="BK2841" s="93"/>
      <c r="BL2841" s="93"/>
    </row>
    <row r="2842" spans="2:64" x14ac:dyDescent="0.2">
      <c r="B2842" s="43"/>
      <c r="C2842" s="73"/>
      <c r="D2842" s="64"/>
      <c r="E2842" s="55"/>
      <c r="F2842" s="74"/>
      <c r="G2842" s="74"/>
      <c r="H2842" s="74"/>
      <c r="I2842" s="75"/>
      <c r="J2842" s="74"/>
      <c r="L2842" s="55"/>
      <c r="M2842" s="234"/>
      <c r="N2842" s="65"/>
      <c r="O2842" s="76"/>
      <c r="P2842" s="76"/>
      <c r="Q2842" s="65"/>
      <c r="R2842" s="76"/>
      <c r="S2842" s="76"/>
      <c r="T2842" s="76"/>
      <c r="U2842" s="76"/>
      <c r="V2842" s="76"/>
      <c r="W2842" s="76"/>
      <c r="X2842" s="76"/>
      <c r="Y2842" s="76"/>
      <c r="Z2842" s="76"/>
      <c r="AA2842" s="85"/>
      <c r="AB2842" s="85"/>
      <c r="AC2842" s="85"/>
      <c r="AD2842" s="85"/>
      <c r="AE2842" s="85"/>
      <c r="AF2842" s="85"/>
      <c r="AG2842" s="86"/>
      <c r="AH2842" s="85"/>
      <c r="AI2842" s="85"/>
      <c r="AJ2842" s="85"/>
      <c r="AK2842" s="85"/>
      <c r="AL2842" s="85"/>
      <c r="AM2842" s="92"/>
      <c r="AN2842" s="92"/>
      <c r="AO2842" s="92"/>
      <c r="AP2842" s="92"/>
      <c r="AQ2842" s="92"/>
      <c r="AR2842" s="92"/>
      <c r="AS2842" s="92"/>
      <c r="AT2842" s="92"/>
      <c r="AU2842" s="92"/>
      <c r="AV2842" s="92"/>
      <c r="AW2842" s="92"/>
      <c r="AX2842" s="92"/>
      <c r="AY2842" s="92"/>
      <c r="AZ2842" s="93"/>
      <c r="BA2842" s="93"/>
      <c r="BB2842" s="93"/>
      <c r="BC2842" s="93"/>
      <c r="BD2842" s="93"/>
      <c r="BE2842" s="93"/>
      <c r="BF2842" s="93"/>
      <c r="BG2842" s="93"/>
      <c r="BH2842" s="93"/>
      <c r="BI2842" s="93"/>
      <c r="BJ2842" s="93"/>
      <c r="BK2842" s="93"/>
      <c r="BL2842" s="93"/>
    </row>
    <row r="2843" spans="2:64" x14ac:dyDescent="0.2">
      <c r="B2843" s="43"/>
      <c r="C2843" s="73"/>
      <c r="D2843" s="64"/>
      <c r="E2843" s="55"/>
      <c r="F2843" s="74"/>
      <c r="G2843" s="74"/>
      <c r="H2843" s="74"/>
      <c r="I2843" s="75"/>
      <c r="J2843" s="74"/>
      <c r="L2843" s="55"/>
      <c r="M2843" s="234"/>
      <c r="N2843" s="65"/>
      <c r="O2843" s="76"/>
      <c r="P2843" s="76"/>
      <c r="Q2843" s="65"/>
      <c r="R2843" s="76"/>
      <c r="S2843" s="76"/>
      <c r="T2843" s="76"/>
      <c r="U2843" s="76"/>
      <c r="V2843" s="76"/>
      <c r="W2843" s="76"/>
      <c r="X2843" s="76"/>
      <c r="Y2843" s="76"/>
      <c r="Z2843" s="76"/>
      <c r="AA2843" s="85"/>
      <c r="AB2843" s="85"/>
      <c r="AC2843" s="85"/>
      <c r="AD2843" s="85"/>
      <c r="AE2843" s="85"/>
      <c r="AF2843" s="85"/>
      <c r="AG2843" s="86"/>
      <c r="AH2843" s="85"/>
      <c r="AI2843" s="85"/>
      <c r="AJ2843" s="85"/>
      <c r="AK2843" s="85"/>
      <c r="AL2843" s="85"/>
      <c r="AM2843" s="92"/>
      <c r="AN2843" s="92"/>
      <c r="AO2843" s="92"/>
      <c r="AP2843" s="92"/>
      <c r="AQ2843" s="92"/>
      <c r="AR2843" s="92"/>
      <c r="AS2843" s="92"/>
      <c r="AT2843" s="92"/>
      <c r="AU2843" s="92"/>
      <c r="AV2843" s="92"/>
      <c r="AW2843" s="92"/>
      <c r="AX2843" s="92"/>
      <c r="AY2843" s="92"/>
      <c r="AZ2843" s="93"/>
      <c r="BA2843" s="93"/>
      <c r="BB2843" s="93"/>
      <c r="BC2843" s="93"/>
      <c r="BD2843" s="93"/>
      <c r="BE2843" s="93"/>
      <c r="BF2843" s="93"/>
      <c r="BG2843" s="93"/>
      <c r="BH2843" s="93"/>
      <c r="BI2843" s="93"/>
      <c r="BJ2843" s="93"/>
      <c r="BK2843" s="93"/>
      <c r="BL2843" s="93"/>
    </row>
    <row r="2844" spans="2:64" x14ac:dyDescent="0.2">
      <c r="B2844" s="43"/>
      <c r="C2844" s="73"/>
      <c r="D2844" s="64"/>
      <c r="E2844" s="55"/>
      <c r="F2844" s="74"/>
      <c r="G2844" s="74"/>
      <c r="H2844" s="74"/>
      <c r="I2844" s="75"/>
      <c r="J2844" s="74"/>
      <c r="L2844" s="55"/>
      <c r="M2844" s="234"/>
      <c r="N2844" s="65"/>
      <c r="O2844" s="76"/>
      <c r="P2844" s="76"/>
      <c r="Q2844" s="65"/>
      <c r="R2844" s="76"/>
      <c r="S2844" s="76"/>
      <c r="T2844" s="76"/>
      <c r="U2844" s="76"/>
      <c r="V2844" s="76"/>
      <c r="W2844" s="76"/>
      <c r="X2844" s="76"/>
      <c r="Y2844" s="76"/>
      <c r="Z2844" s="76"/>
      <c r="AA2844" s="85"/>
      <c r="AB2844" s="85"/>
      <c r="AC2844" s="85"/>
      <c r="AD2844" s="85"/>
      <c r="AE2844" s="85"/>
      <c r="AF2844" s="85"/>
      <c r="AG2844" s="86"/>
      <c r="AH2844" s="85"/>
      <c r="AI2844" s="85"/>
      <c r="AJ2844" s="85"/>
      <c r="AK2844" s="85"/>
      <c r="AL2844" s="85"/>
      <c r="AM2844" s="92"/>
      <c r="AN2844" s="92"/>
      <c r="AO2844" s="92"/>
      <c r="AP2844" s="92"/>
      <c r="AQ2844" s="92"/>
      <c r="AR2844" s="92"/>
      <c r="AS2844" s="92"/>
      <c r="AT2844" s="92"/>
      <c r="AU2844" s="92"/>
      <c r="AV2844" s="92"/>
      <c r="AW2844" s="92"/>
      <c r="AX2844" s="92"/>
      <c r="AY2844" s="92"/>
      <c r="AZ2844" s="93"/>
      <c r="BA2844" s="93"/>
      <c r="BB2844" s="93"/>
      <c r="BC2844" s="93"/>
      <c r="BD2844" s="93"/>
      <c r="BE2844" s="93"/>
      <c r="BF2844" s="93"/>
      <c r="BG2844" s="93"/>
      <c r="BH2844" s="93"/>
      <c r="BI2844" s="93"/>
      <c r="BJ2844" s="93"/>
      <c r="BK2844" s="93"/>
      <c r="BL2844" s="93"/>
    </row>
    <row r="2845" spans="2:64" x14ac:dyDescent="0.2">
      <c r="B2845" s="43"/>
      <c r="C2845" s="73"/>
      <c r="D2845" s="64"/>
      <c r="E2845" s="55"/>
      <c r="F2845" s="74"/>
      <c r="G2845" s="74"/>
      <c r="H2845" s="74"/>
      <c r="I2845" s="75"/>
      <c r="J2845" s="74"/>
      <c r="L2845" s="55"/>
      <c r="M2845" s="234"/>
      <c r="N2845" s="65"/>
      <c r="O2845" s="76"/>
      <c r="P2845" s="76"/>
      <c r="Q2845" s="65"/>
      <c r="R2845" s="76"/>
      <c r="S2845" s="76"/>
      <c r="T2845" s="76"/>
      <c r="U2845" s="76"/>
      <c r="V2845" s="76"/>
      <c r="W2845" s="76"/>
      <c r="X2845" s="76"/>
      <c r="Y2845" s="76"/>
      <c r="Z2845" s="76"/>
      <c r="AA2845" s="85"/>
      <c r="AB2845" s="85"/>
      <c r="AC2845" s="85"/>
      <c r="AD2845" s="85"/>
      <c r="AE2845" s="85"/>
      <c r="AF2845" s="85"/>
      <c r="AG2845" s="86"/>
      <c r="AH2845" s="85"/>
      <c r="AI2845" s="85"/>
      <c r="AJ2845" s="85"/>
      <c r="AK2845" s="85"/>
      <c r="AL2845" s="85"/>
      <c r="AM2845" s="92"/>
      <c r="AN2845" s="92"/>
      <c r="AO2845" s="92"/>
      <c r="AP2845" s="92"/>
      <c r="AQ2845" s="92"/>
      <c r="AR2845" s="92"/>
      <c r="AS2845" s="92"/>
      <c r="AT2845" s="92"/>
      <c r="AU2845" s="92"/>
      <c r="AV2845" s="92"/>
      <c r="AW2845" s="92"/>
      <c r="AX2845" s="92"/>
      <c r="AY2845" s="92"/>
      <c r="AZ2845" s="93"/>
      <c r="BA2845" s="93"/>
      <c r="BB2845" s="93"/>
      <c r="BC2845" s="93"/>
      <c r="BD2845" s="93"/>
      <c r="BE2845" s="93"/>
      <c r="BF2845" s="93"/>
      <c r="BG2845" s="93"/>
      <c r="BH2845" s="93"/>
      <c r="BI2845" s="93"/>
      <c r="BJ2845" s="93"/>
      <c r="BK2845" s="93"/>
      <c r="BL2845" s="93"/>
    </row>
    <row r="2846" spans="2:64" x14ac:dyDescent="0.2">
      <c r="B2846" s="43"/>
      <c r="C2846" s="73"/>
      <c r="D2846" s="64"/>
      <c r="E2846" s="55"/>
      <c r="F2846" s="74"/>
      <c r="G2846" s="74"/>
      <c r="H2846" s="74"/>
      <c r="I2846" s="75"/>
      <c r="J2846" s="74"/>
      <c r="L2846" s="55"/>
      <c r="M2846" s="234"/>
      <c r="N2846" s="65"/>
      <c r="O2846" s="76"/>
      <c r="P2846" s="76"/>
      <c r="Q2846" s="65"/>
      <c r="R2846" s="76"/>
      <c r="S2846" s="76"/>
      <c r="T2846" s="76"/>
      <c r="U2846" s="76"/>
      <c r="V2846" s="76"/>
      <c r="W2846" s="76"/>
      <c r="X2846" s="76"/>
      <c r="Y2846" s="76"/>
      <c r="Z2846" s="76"/>
      <c r="AA2846" s="85"/>
      <c r="AB2846" s="85"/>
      <c r="AC2846" s="85"/>
      <c r="AD2846" s="85"/>
      <c r="AE2846" s="85"/>
      <c r="AF2846" s="85"/>
      <c r="AG2846" s="86"/>
      <c r="AH2846" s="85"/>
      <c r="AI2846" s="85"/>
      <c r="AJ2846" s="85"/>
      <c r="AK2846" s="85"/>
      <c r="AL2846" s="85"/>
      <c r="AM2846" s="92"/>
      <c r="AN2846" s="92"/>
      <c r="AO2846" s="92"/>
      <c r="AP2846" s="92"/>
      <c r="AQ2846" s="92"/>
      <c r="AR2846" s="92"/>
      <c r="AS2846" s="92"/>
      <c r="AT2846" s="92"/>
      <c r="AU2846" s="92"/>
      <c r="AV2846" s="92"/>
      <c r="AW2846" s="92"/>
      <c r="AX2846" s="92"/>
      <c r="AY2846" s="92"/>
      <c r="AZ2846" s="93"/>
      <c r="BA2846" s="93"/>
      <c r="BB2846" s="93"/>
      <c r="BC2846" s="93"/>
      <c r="BD2846" s="93"/>
      <c r="BE2846" s="93"/>
      <c r="BF2846" s="93"/>
      <c r="BG2846" s="93"/>
      <c r="BH2846" s="93"/>
      <c r="BI2846" s="93"/>
      <c r="BJ2846" s="93"/>
      <c r="BK2846" s="93"/>
      <c r="BL2846" s="93"/>
    </row>
    <row r="2847" spans="2:64" x14ac:dyDescent="0.2">
      <c r="B2847" s="43"/>
      <c r="C2847" s="73"/>
      <c r="D2847" s="64"/>
      <c r="E2847" s="55"/>
      <c r="F2847" s="74"/>
      <c r="G2847" s="74"/>
      <c r="H2847" s="74"/>
      <c r="I2847" s="75"/>
      <c r="J2847" s="74"/>
      <c r="L2847" s="55"/>
      <c r="M2847" s="234"/>
      <c r="N2847" s="65"/>
      <c r="O2847" s="76"/>
      <c r="P2847" s="76"/>
      <c r="Q2847" s="65"/>
      <c r="R2847" s="76"/>
      <c r="S2847" s="76"/>
      <c r="T2847" s="76"/>
      <c r="U2847" s="76"/>
      <c r="V2847" s="76"/>
      <c r="W2847" s="76"/>
      <c r="X2847" s="76"/>
      <c r="Y2847" s="76"/>
      <c r="Z2847" s="76"/>
      <c r="AA2847" s="85"/>
      <c r="AB2847" s="85"/>
      <c r="AC2847" s="85"/>
      <c r="AD2847" s="85"/>
      <c r="AE2847" s="85"/>
      <c r="AF2847" s="85"/>
      <c r="AG2847" s="86"/>
      <c r="AH2847" s="85"/>
      <c r="AI2847" s="85"/>
      <c r="AJ2847" s="85"/>
      <c r="AK2847" s="85"/>
      <c r="AL2847" s="85"/>
      <c r="AM2847" s="92"/>
      <c r="AN2847" s="92"/>
      <c r="AO2847" s="92"/>
      <c r="AP2847" s="92"/>
      <c r="AQ2847" s="92"/>
      <c r="AR2847" s="92"/>
      <c r="AS2847" s="92"/>
      <c r="AT2847" s="92"/>
      <c r="AU2847" s="92"/>
      <c r="AV2847" s="92"/>
      <c r="AW2847" s="92"/>
      <c r="AX2847" s="92"/>
      <c r="AY2847" s="92"/>
      <c r="AZ2847" s="93"/>
      <c r="BA2847" s="93"/>
      <c r="BB2847" s="93"/>
      <c r="BC2847" s="93"/>
      <c r="BD2847" s="93"/>
      <c r="BE2847" s="93"/>
      <c r="BF2847" s="93"/>
      <c r="BG2847" s="93"/>
      <c r="BH2847" s="93"/>
      <c r="BI2847" s="93"/>
      <c r="BJ2847" s="93"/>
      <c r="BK2847" s="93"/>
      <c r="BL2847" s="93"/>
    </row>
    <row r="2848" spans="2:64" x14ac:dyDescent="0.2">
      <c r="B2848" s="43"/>
      <c r="C2848" s="73"/>
      <c r="D2848" s="64"/>
      <c r="E2848" s="55"/>
      <c r="F2848" s="74"/>
      <c r="G2848" s="74"/>
      <c r="H2848" s="74"/>
      <c r="I2848" s="75"/>
      <c r="J2848" s="74"/>
      <c r="L2848" s="55"/>
      <c r="M2848" s="234"/>
      <c r="N2848" s="65"/>
      <c r="O2848" s="76"/>
      <c r="P2848" s="76"/>
      <c r="Q2848" s="65"/>
      <c r="R2848" s="76"/>
      <c r="S2848" s="76"/>
      <c r="T2848" s="76"/>
      <c r="U2848" s="76"/>
      <c r="V2848" s="76"/>
      <c r="W2848" s="76"/>
      <c r="X2848" s="76"/>
      <c r="Y2848" s="76"/>
      <c r="Z2848" s="76"/>
      <c r="AA2848" s="85"/>
      <c r="AB2848" s="85"/>
      <c r="AC2848" s="85"/>
      <c r="AD2848" s="85"/>
      <c r="AE2848" s="85"/>
      <c r="AF2848" s="85"/>
      <c r="AG2848" s="86"/>
      <c r="AH2848" s="85"/>
      <c r="AI2848" s="85"/>
      <c r="AJ2848" s="85"/>
      <c r="AK2848" s="85"/>
      <c r="AL2848" s="85"/>
      <c r="AM2848" s="92"/>
      <c r="AN2848" s="92"/>
      <c r="AO2848" s="92"/>
      <c r="AP2848" s="92"/>
      <c r="AQ2848" s="92"/>
      <c r="AR2848" s="92"/>
      <c r="AS2848" s="92"/>
      <c r="AT2848" s="92"/>
      <c r="AU2848" s="92"/>
      <c r="AV2848" s="92"/>
      <c r="AW2848" s="92"/>
      <c r="AX2848" s="92"/>
      <c r="AY2848" s="92"/>
      <c r="AZ2848" s="93"/>
      <c r="BA2848" s="93"/>
      <c r="BB2848" s="93"/>
      <c r="BC2848" s="93"/>
      <c r="BD2848" s="93"/>
      <c r="BE2848" s="93"/>
      <c r="BF2848" s="93"/>
      <c r="BG2848" s="93"/>
      <c r="BH2848" s="93"/>
      <c r="BI2848" s="93"/>
      <c r="BJ2848" s="93"/>
      <c r="BK2848" s="93"/>
      <c r="BL2848" s="93"/>
    </row>
    <row r="2849" spans="2:64" x14ac:dyDescent="0.2">
      <c r="B2849" s="43"/>
      <c r="C2849" s="73"/>
      <c r="D2849" s="64"/>
      <c r="E2849" s="55"/>
      <c r="F2849" s="74"/>
      <c r="G2849" s="74"/>
      <c r="H2849" s="74"/>
      <c r="I2849" s="75"/>
      <c r="J2849" s="74"/>
      <c r="L2849" s="55"/>
      <c r="M2849" s="234"/>
      <c r="N2849" s="65"/>
      <c r="O2849" s="76"/>
      <c r="P2849" s="76"/>
      <c r="Q2849" s="65"/>
      <c r="R2849" s="76"/>
      <c r="S2849" s="76"/>
      <c r="T2849" s="76"/>
      <c r="U2849" s="76"/>
      <c r="V2849" s="76"/>
      <c r="W2849" s="76"/>
      <c r="X2849" s="76"/>
      <c r="Y2849" s="76"/>
      <c r="Z2849" s="76"/>
      <c r="AA2849" s="85"/>
      <c r="AB2849" s="85"/>
      <c r="AC2849" s="85"/>
      <c r="AD2849" s="85"/>
      <c r="AE2849" s="85"/>
      <c r="AF2849" s="85"/>
      <c r="AG2849" s="86"/>
      <c r="AH2849" s="85"/>
      <c r="AI2849" s="85"/>
      <c r="AJ2849" s="85"/>
      <c r="AK2849" s="85"/>
      <c r="AL2849" s="85"/>
      <c r="AM2849" s="92"/>
      <c r="AN2849" s="92"/>
      <c r="AO2849" s="92"/>
      <c r="AP2849" s="92"/>
      <c r="AQ2849" s="92"/>
      <c r="AR2849" s="92"/>
      <c r="AS2849" s="92"/>
      <c r="AT2849" s="92"/>
      <c r="AU2849" s="92"/>
      <c r="AV2849" s="92"/>
      <c r="AW2849" s="92"/>
      <c r="AX2849" s="92"/>
      <c r="AY2849" s="92"/>
      <c r="AZ2849" s="93"/>
      <c r="BA2849" s="93"/>
      <c r="BB2849" s="93"/>
      <c r="BC2849" s="93"/>
      <c r="BD2849" s="93"/>
      <c r="BE2849" s="93"/>
      <c r="BF2849" s="93"/>
      <c r="BG2849" s="93"/>
      <c r="BH2849" s="93"/>
      <c r="BI2849" s="93"/>
      <c r="BJ2849" s="93"/>
      <c r="BK2849" s="93"/>
      <c r="BL2849" s="93"/>
    </row>
    <row r="2850" spans="2:64" x14ac:dyDescent="0.2">
      <c r="B2850" s="43"/>
      <c r="C2850" s="73"/>
      <c r="D2850" s="64"/>
      <c r="E2850" s="55"/>
      <c r="F2850" s="74"/>
      <c r="G2850" s="74"/>
      <c r="H2850" s="74"/>
      <c r="I2850" s="75"/>
      <c r="J2850" s="74"/>
      <c r="L2850" s="55"/>
      <c r="M2850" s="234"/>
      <c r="N2850" s="65"/>
      <c r="O2850" s="76"/>
      <c r="P2850" s="76"/>
      <c r="Q2850" s="65"/>
      <c r="R2850" s="76"/>
      <c r="S2850" s="76"/>
      <c r="T2850" s="76"/>
      <c r="U2850" s="76"/>
      <c r="V2850" s="76"/>
      <c r="W2850" s="76"/>
      <c r="X2850" s="76"/>
      <c r="Y2850" s="76"/>
      <c r="Z2850" s="76"/>
      <c r="AA2850" s="85"/>
      <c r="AB2850" s="85"/>
      <c r="AC2850" s="85"/>
      <c r="AD2850" s="85"/>
      <c r="AE2850" s="85"/>
      <c r="AF2850" s="85"/>
      <c r="AG2850" s="86"/>
      <c r="AH2850" s="85"/>
      <c r="AI2850" s="85"/>
      <c r="AJ2850" s="85"/>
      <c r="AK2850" s="85"/>
      <c r="AL2850" s="85"/>
      <c r="AM2850" s="92"/>
      <c r="AN2850" s="92"/>
      <c r="AO2850" s="92"/>
      <c r="AP2850" s="92"/>
      <c r="AQ2850" s="92"/>
      <c r="AR2850" s="92"/>
      <c r="AS2850" s="92"/>
      <c r="AT2850" s="92"/>
      <c r="AU2850" s="92"/>
      <c r="AV2850" s="92"/>
      <c r="AW2850" s="92"/>
      <c r="AX2850" s="92"/>
      <c r="AY2850" s="92"/>
      <c r="AZ2850" s="93"/>
      <c r="BA2850" s="93"/>
      <c r="BB2850" s="93"/>
      <c r="BC2850" s="93"/>
      <c r="BD2850" s="93"/>
      <c r="BE2850" s="93"/>
      <c r="BF2850" s="93"/>
      <c r="BG2850" s="93"/>
      <c r="BH2850" s="93"/>
      <c r="BI2850" s="93"/>
      <c r="BJ2850" s="93"/>
      <c r="BK2850" s="93"/>
      <c r="BL2850" s="93"/>
    </row>
    <row r="2851" spans="2:64" x14ac:dyDescent="0.2">
      <c r="B2851" s="43"/>
      <c r="C2851" s="73"/>
      <c r="D2851" s="64"/>
      <c r="E2851" s="55"/>
      <c r="F2851" s="74"/>
      <c r="G2851" s="74"/>
      <c r="H2851" s="74"/>
      <c r="I2851" s="75"/>
      <c r="J2851" s="74"/>
      <c r="L2851" s="55"/>
      <c r="M2851" s="234"/>
      <c r="N2851" s="65"/>
      <c r="O2851" s="76"/>
      <c r="P2851" s="76"/>
      <c r="Q2851" s="65"/>
      <c r="R2851" s="76"/>
      <c r="S2851" s="76"/>
      <c r="T2851" s="76"/>
      <c r="U2851" s="76"/>
      <c r="V2851" s="76"/>
      <c r="W2851" s="76"/>
      <c r="X2851" s="76"/>
      <c r="Y2851" s="76"/>
      <c r="Z2851" s="76"/>
      <c r="AA2851" s="85"/>
      <c r="AB2851" s="85"/>
      <c r="AC2851" s="85"/>
      <c r="AD2851" s="85"/>
      <c r="AE2851" s="85"/>
      <c r="AF2851" s="85"/>
      <c r="AG2851" s="86"/>
      <c r="AH2851" s="85"/>
      <c r="AI2851" s="85"/>
      <c r="AJ2851" s="85"/>
      <c r="AK2851" s="85"/>
      <c r="AL2851" s="85"/>
      <c r="AM2851" s="92"/>
      <c r="AN2851" s="92"/>
      <c r="AO2851" s="92"/>
      <c r="AP2851" s="92"/>
      <c r="AQ2851" s="92"/>
      <c r="AR2851" s="92"/>
      <c r="AS2851" s="92"/>
      <c r="AT2851" s="92"/>
      <c r="AU2851" s="92"/>
      <c r="AV2851" s="92"/>
      <c r="AW2851" s="92"/>
      <c r="AX2851" s="92"/>
      <c r="AY2851" s="92"/>
      <c r="AZ2851" s="93"/>
      <c r="BA2851" s="93"/>
      <c r="BB2851" s="93"/>
      <c r="BC2851" s="93"/>
      <c r="BD2851" s="93"/>
      <c r="BE2851" s="93"/>
      <c r="BF2851" s="93"/>
      <c r="BG2851" s="93"/>
      <c r="BH2851" s="93"/>
      <c r="BI2851" s="93"/>
      <c r="BJ2851" s="93"/>
      <c r="BK2851" s="93"/>
      <c r="BL2851" s="93"/>
    </row>
    <row r="2852" spans="2:64" x14ac:dyDescent="0.2">
      <c r="B2852" s="43"/>
      <c r="C2852" s="73"/>
      <c r="D2852" s="64"/>
      <c r="E2852" s="55"/>
      <c r="F2852" s="74"/>
      <c r="G2852" s="74"/>
      <c r="H2852" s="74"/>
      <c r="I2852" s="75"/>
      <c r="J2852" s="74"/>
      <c r="L2852" s="55"/>
      <c r="M2852" s="234"/>
      <c r="N2852" s="65"/>
      <c r="O2852" s="76"/>
      <c r="P2852" s="76"/>
      <c r="Q2852" s="65"/>
      <c r="R2852" s="76"/>
      <c r="S2852" s="76"/>
      <c r="T2852" s="76"/>
      <c r="U2852" s="76"/>
      <c r="V2852" s="76"/>
      <c r="W2852" s="76"/>
      <c r="X2852" s="76"/>
      <c r="Y2852" s="76"/>
      <c r="Z2852" s="76"/>
      <c r="AA2852" s="85"/>
      <c r="AB2852" s="85"/>
      <c r="AC2852" s="85"/>
      <c r="AD2852" s="85"/>
      <c r="AE2852" s="85"/>
      <c r="AF2852" s="85"/>
      <c r="AG2852" s="86"/>
      <c r="AH2852" s="85"/>
      <c r="AI2852" s="85"/>
      <c r="AJ2852" s="85"/>
      <c r="AK2852" s="85"/>
      <c r="AL2852" s="85"/>
      <c r="AM2852" s="92"/>
      <c r="AN2852" s="92"/>
      <c r="AO2852" s="92"/>
      <c r="AP2852" s="92"/>
      <c r="AQ2852" s="92"/>
      <c r="AR2852" s="92"/>
      <c r="AS2852" s="92"/>
      <c r="AT2852" s="92"/>
      <c r="AU2852" s="92"/>
      <c r="AV2852" s="92"/>
      <c r="AW2852" s="92"/>
      <c r="AX2852" s="92"/>
      <c r="AY2852" s="92"/>
      <c r="AZ2852" s="93"/>
      <c r="BA2852" s="93"/>
      <c r="BB2852" s="93"/>
      <c r="BC2852" s="93"/>
      <c r="BD2852" s="93"/>
      <c r="BE2852" s="93"/>
      <c r="BF2852" s="93"/>
      <c r="BG2852" s="93"/>
      <c r="BH2852" s="93"/>
      <c r="BI2852" s="93"/>
      <c r="BJ2852" s="93"/>
      <c r="BK2852" s="93"/>
      <c r="BL2852" s="93"/>
    </row>
    <row r="2853" spans="2:64" x14ac:dyDescent="0.2">
      <c r="B2853" s="43"/>
      <c r="C2853" s="73"/>
      <c r="D2853" s="64"/>
      <c r="E2853" s="55"/>
      <c r="F2853" s="74"/>
      <c r="G2853" s="74"/>
      <c r="H2853" s="74"/>
      <c r="I2853" s="75"/>
      <c r="J2853" s="74"/>
      <c r="L2853" s="55"/>
      <c r="M2853" s="234"/>
      <c r="N2853" s="65"/>
      <c r="O2853" s="76"/>
      <c r="P2853" s="76"/>
      <c r="Q2853" s="65"/>
      <c r="R2853" s="76"/>
      <c r="S2853" s="76"/>
      <c r="T2853" s="76"/>
      <c r="U2853" s="76"/>
      <c r="V2853" s="76"/>
      <c r="W2853" s="76"/>
      <c r="X2853" s="76"/>
      <c r="Y2853" s="76"/>
      <c r="Z2853" s="76"/>
      <c r="AA2853" s="85"/>
      <c r="AB2853" s="85"/>
      <c r="AC2853" s="85"/>
      <c r="AD2853" s="85"/>
      <c r="AE2853" s="85"/>
      <c r="AF2853" s="85"/>
      <c r="AG2853" s="86"/>
      <c r="AH2853" s="85"/>
      <c r="AI2853" s="85"/>
      <c r="AJ2853" s="85"/>
      <c r="AK2853" s="85"/>
      <c r="AL2853" s="85"/>
      <c r="AM2853" s="92"/>
      <c r="AN2853" s="92"/>
      <c r="AO2853" s="92"/>
      <c r="AP2853" s="92"/>
      <c r="AQ2853" s="92"/>
      <c r="AR2853" s="92"/>
      <c r="AS2853" s="92"/>
      <c r="AT2853" s="92"/>
      <c r="AU2853" s="92"/>
      <c r="AV2853" s="92"/>
      <c r="AW2853" s="92"/>
      <c r="AX2853" s="92"/>
      <c r="AY2853" s="92"/>
      <c r="AZ2853" s="93"/>
      <c r="BA2853" s="93"/>
      <c r="BB2853" s="93"/>
      <c r="BC2853" s="93"/>
      <c r="BD2853" s="93"/>
      <c r="BE2853" s="93"/>
      <c r="BF2853" s="93"/>
      <c r="BG2853" s="93"/>
      <c r="BH2853" s="93"/>
      <c r="BI2853" s="93"/>
      <c r="BJ2853" s="93"/>
      <c r="BK2853" s="93"/>
      <c r="BL2853" s="93"/>
    </row>
    <row r="2854" spans="2:64" x14ac:dyDescent="0.2">
      <c r="B2854" s="43"/>
      <c r="C2854" s="73"/>
      <c r="D2854" s="64"/>
      <c r="E2854" s="55"/>
      <c r="F2854" s="74"/>
      <c r="G2854" s="74"/>
      <c r="H2854" s="74"/>
      <c r="I2854" s="75"/>
      <c r="J2854" s="74"/>
      <c r="L2854" s="55"/>
      <c r="M2854" s="234"/>
      <c r="N2854" s="65"/>
      <c r="O2854" s="76"/>
      <c r="P2854" s="76"/>
      <c r="Q2854" s="65"/>
      <c r="R2854" s="76"/>
      <c r="S2854" s="76"/>
      <c r="T2854" s="76"/>
      <c r="U2854" s="76"/>
      <c r="V2854" s="76"/>
      <c r="W2854" s="76"/>
      <c r="X2854" s="76"/>
      <c r="Y2854" s="76"/>
      <c r="Z2854" s="76"/>
      <c r="AA2854" s="85"/>
      <c r="AB2854" s="85"/>
      <c r="AC2854" s="85"/>
      <c r="AD2854" s="85"/>
      <c r="AE2854" s="85"/>
      <c r="AF2854" s="85"/>
      <c r="AG2854" s="86"/>
      <c r="AH2854" s="85"/>
      <c r="AI2854" s="85"/>
      <c r="AJ2854" s="85"/>
      <c r="AK2854" s="85"/>
      <c r="AL2854" s="85"/>
      <c r="AM2854" s="92"/>
      <c r="AN2854" s="92"/>
      <c r="AO2854" s="92"/>
      <c r="AP2854" s="92"/>
      <c r="AQ2854" s="92"/>
      <c r="AR2854" s="92"/>
      <c r="AS2854" s="92"/>
      <c r="AT2854" s="92"/>
      <c r="AU2854" s="92"/>
      <c r="AV2854" s="92"/>
      <c r="AW2854" s="92"/>
      <c r="AX2854" s="92"/>
      <c r="AY2854" s="92"/>
      <c r="AZ2854" s="93"/>
      <c r="BA2854" s="93"/>
      <c r="BB2854" s="93"/>
      <c r="BC2854" s="93"/>
      <c r="BD2854" s="93"/>
      <c r="BE2854" s="93"/>
      <c r="BF2854" s="93"/>
      <c r="BG2854" s="93"/>
      <c r="BH2854" s="93"/>
      <c r="BI2854" s="93"/>
      <c r="BJ2854" s="93"/>
      <c r="BK2854" s="93"/>
      <c r="BL2854" s="93"/>
    </row>
    <row r="2855" spans="2:64" x14ac:dyDescent="0.2">
      <c r="B2855" s="43"/>
      <c r="C2855" s="73"/>
      <c r="D2855" s="64"/>
      <c r="E2855" s="55"/>
      <c r="F2855" s="74"/>
      <c r="G2855" s="74"/>
      <c r="H2855" s="74"/>
      <c r="I2855" s="75"/>
      <c r="J2855" s="74"/>
      <c r="L2855" s="55"/>
      <c r="M2855" s="234"/>
      <c r="N2855" s="65"/>
      <c r="O2855" s="76"/>
      <c r="P2855" s="76"/>
      <c r="Q2855" s="65"/>
      <c r="R2855" s="76"/>
      <c r="S2855" s="76"/>
      <c r="T2855" s="76"/>
      <c r="U2855" s="76"/>
      <c r="V2855" s="76"/>
      <c r="W2855" s="76"/>
      <c r="X2855" s="76"/>
      <c r="Y2855" s="76"/>
      <c r="Z2855" s="76"/>
      <c r="AA2855" s="85"/>
      <c r="AB2855" s="85"/>
      <c r="AC2855" s="85"/>
      <c r="AD2855" s="85"/>
      <c r="AE2855" s="85"/>
      <c r="AF2855" s="85"/>
      <c r="AG2855" s="86"/>
      <c r="AH2855" s="85"/>
      <c r="AI2855" s="85"/>
      <c r="AJ2855" s="85"/>
      <c r="AK2855" s="85"/>
      <c r="AL2855" s="85"/>
      <c r="AM2855" s="92"/>
      <c r="AN2855" s="92"/>
      <c r="AO2855" s="92"/>
      <c r="AP2855" s="92"/>
      <c r="AQ2855" s="92"/>
      <c r="AR2855" s="92"/>
      <c r="AS2855" s="92"/>
      <c r="AT2855" s="92"/>
      <c r="AU2855" s="92"/>
      <c r="AV2855" s="92"/>
      <c r="AW2855" s="92"/>
      <c r="AX2855" s="92"/>
      <c r="AY2855" s="92"/>
      <c r="AZ2855" s="93"/>
      <c r="BA2855" s="93"/>
      <c r="BB2855" s="93"/>
      <c r="BC2855" s="93"/>
      <c r="BD2855" s="93"/>
      <c r="BE2855" s="93"/>
      <c r="BF2855" s="93"/>
      <c r="BG2855" s="93"/>
      <c r="BH2855" s="93"/>
      <c r="BI2855" s="93"/>
      <c r="BJ2855" s="93"/>
      <c r="BK2855" s="93"/>
      <c r="BL2855" s="93"/>
    </row>
    <row r="2856" spans="2:64" x14ac:dyDescent="0.2">
      <c r="B2856" s="43"/>
      <c r="C2856" s="73"/>
      <c r="D2856" s="64"/>
      <c r="E2856" s="55"/>
      <c r="F2856" s="74"/>
      <c r="G2856" s="74"/>
      <c r="H2856" s="74"/>
      <c r="I2856" s="75"/>
      <c r="J2856" s="74"/>
      <c r="L2856" s="55"/>
      <c r="M2856" s="234"/>
      <c r="N2856" s="65"/>
      <c r="O2856" s="76"/>
      <c r="P2856" s="76"/>
      <c r="Q2856" s="65"/>
      <c r="R2856" s="76"/>
      <c r="S2856" s="76"/>
      <c r="T2856" s="76"/>
      <c r="U2856" s="76"/>
      <c r="V2856" s="76"/>
      <c r="W2856" s="76"/>
      <c r="X2856" s="76"/>
      <c r="Y2856" s="76"/>
      <c r="Z2856" s="76"/>
      <c r="AA2856" s="85"/>
      <c r="AB2856" s="85"/>
      <c r="AC2856" s="85"/>
      <c r="AD2856" s="85"/>
      <c r="AE2856" s="85"/>
      <c r="AF2856" s="85"/>
      <c r="AG2856" s="86"/>
      <c r="AH2856" s="85"/>
      <c r="AI2856" s="85"/>
      <c r="AJ2856" s="85"/>
      <c r="AK2856" s="85"/>
      <c r="AL2856" s="85"/>
      <c r="AM2856" s="92"/>
      <c r="AN2856" s="92"/>
      <c r="AO2856" s="92"/>
      <c r="AP2856" s="92"/>
      <c r="AQ2856" s="92"/>
      <c r="AR2856" s="92"/>
      <c r="AS2856" s="92"/>
      <c r="AT2856" s="92"/>
      <c r="AU2856" s="92"/>
      <c r="AV2856" s="92"/>
      <c r="AW2856" s="92"/>
      <c r="AX2856" s="92"/>
      <c r="AY2856" s="92"/>
      <c r="AZ2856" s="93"/>
      <c r="BA2856" s="93"/>
      <c r="BB2856" s="93"/>
      <c r="BC2856" s="93"/>
      <c r="BD2856" s="93"/>
      <c r="BE2856" s="93"/>
      <c r="BF2856" s="93"/>
      <c r="BG2856" s="93"/>
      <c r="BH2856" s="93"/>
      <c r="BI2856" s="93"/>
      <c r="BJ2856" s="93"/>
      <c r="BK2856" s="93"/>
      <c r="BL2856" s="93"/>
    </row>
    <row r="2857" spans="2:64" x14ac:dyDescent="0.2">
      <c r="B2857" s="43"/>
      <c r="C2857" s="73"/>
      <c r="D2857" s="64"/>
      <c r="E2857" s="55"/>
      <c r="F2857" s="74"/>
      <c r="G2857" s="74"/>
      <c r="H2857" s="74"/>
      <c r="I2857" s="75"/>
      <c r="J2857" s="74"/>
      <c r="L2857" s="55"/>
      <c r="M2857" s="234"/>
      <c r="N2857" s="65"/>
      <c r="O2857" s="76"/>
      <c r="P2857" s="76"/>
      <c r="Q2857" s="65"/>
      <c r="R2857" s="76"/>
      <c r="S2857" s="76"/>
      <c r="T2857" s="76"/>
      <c r="U2857" s="76"/>
      <c r="V2857" s="76"/>
      <c r="W2857" s="76"/>
      <c r="X2857" s="76"/>
      <c r="Y2857" s="76"/>
      <c r="Z2857" s="76"/>
      <c r="AA2857" s="85"/>
      <c r="AB2857" s="85"/>
      <c r="AC2857" s="85"/>
      <c r="AD2857" s="85"/>
      <c r="AE2857" s="85"/>
      <c r="AF2857" s="85"/>
      <c r="AG2857" s="86"/>
      <c r="AH2857" s="85"/>
      <c r="AI2857" s="85"/>
      <c r="AJ2857" s="85"/>
      <c r="AK2857" s="85"/>
      <c r="AL2857" s="85"/>
      <c r="AM2857" s="92"/>
      <c r="AN2857" s="92"/>
      <c r="AO2857" s="92"/>
      <c r="AP2857" s="92"/>
      <c r="AQ2857" s="92"/>
      <c r="AR2857" s="92"/>
      <c r="AS2857" s="92"/>
      <c r="AT2857" s="92"/>
      <c r="AU2857" s="92"/>
      <c r="AV2857" s="92"/>
      <c r="AW2857" s="92"/>
      <c r="AX2857" s="92"/>
      <c r="AY2857" s="92"/>
      <c r="AZ2857" s="93"/>
      <c r="BA2857" s="93"/>
      <c r="BB2857" s="93"/>
      <c r="BC2857" s="93"/>
      <c r="BD2857" s="93"/>
      <c r="BE2857" s="93"/>
      <c r="BF2857" s="93"/>
      <c r="BG2857" s="93"/>
      <c r="BH2857" s="93"/>
      <c r="BI2857" s="93"/>
      <c r="BJ2857" s="93"/>
      <c r="BK2857" s="93"/>
      <c r="BL2857" s="93"/>
    </row>
    <row r="2858" spans="2:64" x14ac:dyDescent="0.2">
      <c r="B2858" s="43"/>
      <c r="C2858" s="73"/>
      <c r="D2858" s="64"/>
      <c r="E2858" s="55"/>
      <c r="F2858" s="74"/>
      <c r="G2858" s="74"/>
      <c r="H2858" s="74"/>
      <c r="I2858" s="75"/>
      <c r="J2858" s="74"/>
      <c r="L2858" s="55"/>
      <c r="M2858" s="234"/>
      <c r="N2858" s="65"/>
      <c r="O2858" s="76"/>
      <c r="P2858" s="76"/>
      <c r="Q2858" s="65"/>
      <c r="R2858" s="76"/>
      <c r="S2858" s="76"/>
      <c r="T2858" s="76"/>
      <c r="U2858" s="76"/>
      <c r="V2858" s="76"/>
      <c r="W2858" s="76"/>
      <c r="X2858" s="76"/>
      <c r="Y2858" s="76"/>
      <c r="Z2858" s="76"/>
      <c r="AA2858" s="85"/>
      <c r="AB2858" s="85"/>
      <c r="AC2858" s="85"/>
      <c r="AD2858" s="85"/>
      <c r="AE2858" s="85"/>
      <c r="AF2858" s="85"/>
      <c r="AG2858" s="86"/>
      <c r="AH2858" s="85"/>
      <c r="AI2858" s="85"/>
      <c r="AJ2858" s="85"/>
      <c r="AK2858" s="85"/>
      <c r="AL2858" s="85"/>
      <c r="AM2858" s="92"/>
      <c r="AN2858" s="92"/>
      <c r="AO2858" s="92"/>
      <c r="AP2858" s="92"/>
      <c r="AQ2858" s="92"/>
      <c r="AR2858" s="92"/>
      <c r="AS2858" s="92"/>
      <c r="AT2858" s="92"/>
      <c r="AU2858" s="92"/>
      <c r="AV2858" s="92"/>
      <c r="AW2858" s="92"/>
      <c r="AX2858" s="92"/>
      <c r="AY2858" s="92"/>
      <c r="AZ2858" s="93"/>
      <c r="BA2858" s="93"/>
      <c r="BB2858" s="93"/>
      <c r="BC2858" s="93"/>
      <c r="BD2858" s="93"/>
      <c r="BE2858" s="93"/>
      <c r="BF2858" s="93"/>
      <c r="BG2858" s="93"/>
      <c r="BH2858" s="93"/>
      <c r="BI2858" s="93"/>
      <c r="BJ2858" s="93"/>
      <c r="BK2858" s="93"/>
      <c r="BL2858" s="93"/>
    </row>
    <row r="2859" spans="2:64" x14ac:dyDescent="0.2">
      <c r="B2859" s="43"/>
      <c r="C2859" s="73"/>
      <c r="D2859" s="64"/>
      <c r="E2859" s="55"/>
      <c r="F2859" s="74"/>
      <c r="G2859" s="74"/>
      <c r="H2859" s="74"/>
      <c r="I2859" s="75"/>
      <c r="J2859" s="74"/>
      <c r="L2859" s="55"/>
      <c r="M2859" s="234"/>
      <c r="N2859" s="65"/>
      <c r="O2859" s="76"/>
      <c r="P2859" s="76"/>
      <c r="Q2859" s="65"/>
      <c r="R2859" s="76"/>
      <c r="S2859" s="76"/>
      <c r="T2859" s="76"/>
      <c r="U2859" s="76"/>
      <c r="V2859" s="76"/>
      <c r="W2859" s="76"/>
      <c r="X2859" s="76"/>
      <c r="Y2859" s="76"/>
      <c r="Z2859" s="76"/>
      <c r="AA2859" s="85"/>
      <c r="AB2859" s="85"/>
      <c r="AC2859" s="85"/>
      <c r="AD2859" s="85"/>
      <c r="AE2859" s="85"/>
      <c r="AF2859" s="85"/>
      <c r="AG2859" s="86"/>
      <c r="AH2859" s="85"/>
      <c r="AI2859" s="85"/>
      <c r="AJ2859" s="85"/>
      <c r="AK2859" s="85"/>
      <c r="AL2859" s="85"/>
      <c r="AM2859" s="92"/>
      <c r="AN2859" s="92"/>
      <c r="AO2859" s="92"/>
      <c r="AP2859" s="92"/>
      <c r="AQ2859" s="92"/>
      <c r="AR2859" s="92"/>
      <c r="AS2859" s="92"/>
      <c r="AT2859" s="92"/>
      <c r="AU2859" s="92"/>
      <c r="AV2859" s="92"/>
      <c r="AW2859" s="92"/>
      <c r="AX2859" s="92"/>
      <c r="AY2859" s="92"/>
      <c r="AZ2859" s="93"/>
      <c r="BA2859" s="93"/>
      <c r="BB2859" s="93"/>
      <c r="BC2859" s="93"/>
      <c r="BD2859" s="93"/>
      <c r="BE2859" s="93"/>
      <c r="BF2859" s="93"/>
      <c r="BG2859" s="93"/>
      <c r="BH2859" s="93"/>
      <c r="BI2859" s="93"/>
      <c r="BJ2859" s="93"/>
      <c r="BK2859" s="93"/>
      <c r="BL2859" s="93"/>
    </row>
    <row r="2860" spans="2:64" x14ac:dyDescent="0.2">
      <c r="B2860" s="43"/>
      <c r="C2860" s="73"/>
      <c r="D2860" s="64"/>
      <c r="E2860" s="55"/>
      <c r="F2860" s="74"/>
      <c r="G2860" s="74"/>
      <c r="H2860" s="74"/>
      <c r="I2860" s="75"/>
      <c r="J2860" s="74"/>
      <c r="L2860" s="55"/>
      <c r="M2860" s="234"/>
      <c r="N2860" s="65"/>
      <c r="O2860" s="76"/>
      <c r="P2860" s="76"/>
      <c r="Q2860" s="65"/>
      <c r="R2860" s="76"/>
      <c r="S2860" s="76"/>
      <c r="T2860" s="76"/>
      <c r="U2860" s="76"/>
      <c r="V2860" s="76"/>
      <c r="W2860" s="76"/>
      <c r="X2860" s="76"/>
      <c r="Y2860" s="76"/>
      <c r="Z2860" s="76"/>
      <c r="AA2860" s="85"/>
      <c r="AB2860" s="85"/>
      <c r="AC2860" s="85"/>
      <c r="AD2860" s="85"/>
      <c r="AE2860" s="85"/>
      <c r="AF2860" s="85"/>
      <c r="AG2860" s="86"/>
      <c r="AH2860" s="85"/>
      <c r="AI2860" s="85"/>
      <c r="AJ2860" s="85"/>
      <c r="AK2860" s="85"/>
      <c r="AL2860" s="85"/>
      <c r="AM2860" s="92"/>
      <c r="AN2860" s="92"/>
      <c r="AO2860" s="92"/>
      <c r="AP2860" s="92"/>
      <c r="AQ2860" s="92"/>
      <c r="AR2860" s="92"/>
      <c r="AS2860" s="92"/>
      <c r="AT2860" s="92"/>
      <c r="AU2860" s="92"/>
      <c r="AV2860" s="92"/>
      <c r="AW2860" s="92"/>
      <c r="AX2860" s="92"/>
      <c r="AY2860" s="92"/>
      <c r="AZ2860" s="93"/>
      <c r="BA2860" s="93"/>
      <c r="BB2860" s="93"/>
      <c r="BC2860" s="93"/>
      <c r="BD2860" s="93"/>
      <c r="BE2860" s="93"/>
      <c r="BF2860" s="93"/>
      <c r="BG2860" s="93"/>
      <c r="BH2860" s="93"/>
      <c r="BI2860" s="93"/>
      <c r="BJ2860" s="93"/>
      <c r="BK2860" s="93"/>
      <c r="BL2860" s="93"/>
    </row>
    <row r="2861" spans="2:64" x14ac:dyDescent="0.2">
      <c r="B2861" s="43"/>
      <c r="C2861" s="73"/>
      <c r="D2861" s="64"/>
      <c r="E2861" s="55"/>
      <c r="F2861" s="74"/>
      <c r="G2861" s="74"/>
      <c r="H2861" s="74"/>
      <c r="I2861" s="75"/>
      <c r="J2861" s="74"/>
      <c r="L2861" s="55"/>
      <c r="M2861" s="234"/>
      <c r="N2861" s="65"/>
      <c r="O2861" s="76"/>
      <c r="P2861" s="76"/>
      <c r="Q2861" s="65"/>
      <c r="R2861" s="76"/>
      <c r="S2861" s="76"/>
      <c r="T2861" s="76"/>
      <c r="U2861" s="76"/>
      <c r="V2861" s="76"/>
      <c r="W2861" s="76"/>
      <c r="X2861" s="76"/>
      <c r="Y2861" s="76"/>
      <c r="Z2861" s="76"/>
      <c r="AA2861" s="85"/>
      <c r="AB2861" s="85"/>
      <c r="AC2861" s="85"/>
      <c r="AD2861" s="85"/>
      <c r="AE2861" s="85"/>
      <c r="AF2861" s="85"/>
      <c r="AG2861" s="86"/>
      <c r="AH2861" s="85"/>
      <c r="AI2861" s="85"/>
      <c r="AJ2861" s="85"/>
      <c r="AK2861" s="85"/>
      <c r="AL2861" s="85"/>
      <c r="AM2861" s="92"/>
      <c r="AN2861" s="92"/>
      <c r="AO2861" s="92"/>
      <c r="AP2861" s="92"/>
      <c r="AQ2861" s="92"/>
      <c r="AR2861" s="92"/>
      <c r="AS2861" s="92"/>
      <c r="AT2861" s="92"/>
      <c r="AU2861" s="92"/>
      <c r="AV2861" s="92"/>
      <c r="AW2861" s="92"/>
      <c r="AX2861" s="92"/>
      <c r="AY2861" s="92"/>
      <c r="AZ2861" s="93"/>
      <c r="BA2861" s="93"/>
      <c r="BB2861" s="93"/>
      <c r="BC2861" s="93"/>
      <c r="BD2861" s="93"/>
      <c r="BE2861" s="93"/>
      <c r="BF2861" s="93"/>
      <c r="BG2861" s="93"/>
      <c r="BH2861" s="93"/>
      <c r="BI2861" s="93"/>
      <c r="BJ2861" s="93"/>
      <c r="BK2861" s="93"/>
      <c r="BL2861" s="93"/>
    </row>
    <row r="2862" spans="2:64" x14ac:dyDescent="0.2">
      <c r="B2862" s="43"/>
      <c r="C2862" s="73"/>
      <c r="D2862" s="64"/>
      <c r="E2862" s="55"/>
      <c r="F2862" s="74"/>
      <c r="G2862" s="74"/>
      <c r="H2862" s="74"/>
      <c r="I2862" s="75"/>
      <c r="J2862" s="74"/>
      <c r="L2862" s="55"/>
      <c r="M2862" s="234"/>
      <c r="N2862" s="65"/>
      <c r="O2862" s="76"/>
      <c r="P2862" s="76"/>
      <c r="Q2862" s="65"/>
      <c r="R2862" s="76"/>
      <c r="S2862" s="76"/>
      <c r="T2862" s="76"/>
      <c r="U2862" s="76"/>
      <c r="V2862" s="76"/>
      <c r="W2862" s="76"/>
      <c r="X2862" s="76"/>
      <c r="Y2862" s="76"/>
      <c r="Z2862" s="76"/>
      <c r="AA2862" s="85"/>
      <c r="AB2862" s="85"/>
      <c r="AC2862" s="85"/>
      <c r="AD2862" s="85"/>
      <c r="AE2862" s="85"/>
      <c r="AF2862" s="85"/>
      <c r="AG2862" s="86"/>
      <c r="AH2862" s="85"/>
      <c r="AI2862" s="85"/>
      <c r="AJ2862" s="85"/>
      <c r="AK2862" s="85"/>
      <c r="AL2862" s="85"/>
      <c r="AM2862" s="92"/>
      <c r="AN2862" s="92"/>
      <c r="AO2862" s="92"/>
      <c r="AP2862" s="92"/>
      <c r="AQ2862" s="92"/>
      <c r="AR2862" s="92"/>
      <c r="AS2862" s="92"/>
      <c r="AT2862" s="92"/>
      <c r="AU2862" s="92"/>
      <c r="AV2862" s="92"/>
      <c r="AW2862" s="92"/>
      <c r="AX2862" s="92"/>
      <c r="AY2862" s="92"/>
      <c r="AZ2862" s="93"/>
      <c r="BA2862" s="93"/>
      <c r="BB2862" s="93"/>
      <c r="BC2862" s="93"/>
      <c r="BD2862" s="93"/>
      <c r="BE2862" s="93"/>
      <c r="BF2862" s="93"/>
      <c r="BG2862" s="93"/>
      <c r="BH2862" s="93"/>
      <c r="BI2862" s="93"/>
      <c r="BJ2862" s="93"/>
      <c r="BK2862" s="93"/>
      <c r="BL2862" s="93"/>
    </row>
    <row r="2863" spans="2:64" x14ac:dyDescent="0.2">
      <c r="B2863" s="43"/>
      <c r="C2863" s="73"/>
      <c r="D2863" s="64"/>
      <c r="E2863" s="55"/>
      <c r="F2863" s="74"/>
      <c r="G2863" s="74"/>
      <c r="H2863" s="74"/>
      <c r="I2863" s="75"/>
      <c r="J2863" s="74"/>
      <c r="L2863" s="55"/>
      <c r="M2863" s="234"/>
      <c r="N2863" s="65"/>
      <c r="O2863" s="76"/>
      <c r="P2863" s="76"/>
      <c r="Q2863" s="65"/>
      <c r="R2863" s="76"/>
      <c r="S2863" s="76"/>
      <c r="T2863" s="76"/>
      <c r="U2863" s="76"/>
      <c r="V2863" s="76"/>
      <c r="W2863" s="76"/>
      <c r="X2863" s="76"/>
      <c r="Y2863" s="76"/>
      <c r="Z2863" s="76"/>
      <c r="AA2863" s="85"/>
      <c r="AB2863" s="85"/>
      <c r="AC2863" s="85"/>
      <c r="AD2863" s="85"/>
      <c r="AE2863" s="85"/>
      <c r="AF2863" s="85"/>
      <c r="AG2863" s="86"/>
      <c r="AH2863" s="85"/>
      <c r="AI2863" s="85"/>
      <c r="AJ2863" s="85"/>
      <c r="AK2863" s="85"/>
      <c r="AL2863" s="85"/>
      <c r="AM2863" s="92"/>
      <c r="AN2863" s="92"/>
      <c r="AO2863" s="92"/>
      <c r="AP2863" s="92"/>
      <c r="AQ2863" s="92"/>
      <c r="AR2863" s="92"/>
      <c r="AS2863" s="92"/>
      <c r="AT2863" s="92"/>
      <c r="AU2863" s="92"/>
      <c r="AV2863" s="92"/>
      <c r="AW2863" s="92"/>
      <c r="AX2863" s="92"/>
      <c r="AY2863" s="92"/>
      <c r="AZ2863" s="93"/>
      <c r="BA2863" s="93"/>
      <c r="BB2863" s="93"/>
      <c r="BC2863" s="93"/>
      <c r="BD2863" s="93"/>
      <c r="BE2863" s="93"/>
      <c r="BF2863" s="93"/>
      <c r="BG2863" s="93"/>
      <c r="BH2863" s="93"/>
      <c r="BI2863" s="93"/>
      <c r="BJ2863" s="93"/>
      <c r="BK2863" s="93"/>
      <c r="BL2863" s="93"/>
    </row>
    <row r="2864" spans="2:64" x14ac:dyDescent="0.2">
      <c r="B2864" s="43"/>
      <c r="C2864" s="73"/>
      <c r="D2864" s="64"/>
      <c r="E2864" s="55"/>
      <c r="F2864" s="74"/>
      <c r="G2864" s="74"/>
      <c r="H2864" s="74"/>
      <c r="I2864" s="75"/>
      <c r="J2864" s="74"/>
      <c r="L2864" s="55"/>
      <c r="M2864" s="234"/>
      <c r="N2864" s="65"/>
      <c r="O2864" s="76"/>
      <c r="P2864" s="76"/>
      <c r="Q2864" s="65"/>
      <c r="R2864" s="76"/>
      <c r="S2864" s="76"/>
      <c r="T2864" s="76"/>
      <c r="U2864" s="76"/>
      <c r="V2864" s="76"/>
      <c r="W2864" s="76"/>
      <c r="X2864" s="76"/>
      <c r="Y2864" s="76"/>
      <c r="Z2864" s="76"/>
      <c r="AA2864" s="85"/>
      <c r="AB2864" s="85"/>
      <c r="AC2864" s="85"/>
      <c r="AD2864" s="85"/>
      <c r="AE2864" s="85"/>
      <c r="AF2864" s="85"/>
      <c r="AG2864" s="86"/>
      <c r="AH2864" s="85"/>
      <c r="AI2864" s="85"/>
      <c r="AJ2864" s="85"/>
      <c r="AK2864" s="85"/>
      <c r="AL2864" s="85"/>
      <c r="AM2864" s="92"/>
      <c r="AN2864" s="92"/>
      <c r="AO2864" s="92"/>
      <c r="AP2864" s="92"/>
      <c r="AQ2864" s="92"/>
      <c r="AR2864" s="92"/>
      <c r="AS2864" s="92"/>
      <c r="AT2864" s="92"/>
      <c r="AU2864" s="92"/>
      <c r="AV2864" s="92"/>
      <c r="AW2864" s="92"/>
      <c r="AX2864" s="92"/>
      <c r="AY2864" s="92"/>
      <c r="AZ2864" s="93"/>
      <c r="BA2864" s="93"/>
      <c r="BB2864" s="93"/>
      <c r="BC2864" s="93"/>
      <c r="BD2864" s="93"/>
      <c r="BE2864" s="93"/>
      <c r="BF2864" s="93"/>
      <c r="BG2864" s="93"/>
      <c r="BH2864" s="93"/>
      <c r="BI2864" s="93"/>
      <c r="BJ2864" s="93"/>
      <c r="BK2864" s="93"/>
      <c r="BL2864" s="93"/>
    </row>
    <row r="2865" spans="2:64" x14ac:dyDescent="0.2">
      <c r="B2865" s="43"/>
      <c r="C2865" s="73"/>
      <c r="D2865" s="64"/>
      <c r="E2865" s="55"/>
      <c r="F2865" s="74"/>
      <c r="G2865" s="74"/>
      <c r="H2865" s="74"/>
      <c r="I2865" s="75"/>
      <c r="J2865" s="74"/>
      <c r="L2865" s="55"/>
      <c r="M2865" s="234"/>
      <c r="N2865" s="65"/>
      <c r="O2865" s="76"/>
      <c r="P2865" s="76"/>
      <c r="Q2865" s="65"/>
      <c r="R2865" s="76"/>
      <c r="S2865" s="76"/>
      <c r="T2865" s="76"/>
      <c r="U2865" s="76"/>
      <c r="V2865" s="76"/>
      <c r="W2865" s="76"/>
      <c r="X2865" s="76"/>
      <c r="Y2865" s="76"/>
      <c r="Z2865" s="76"/>
      <c r="AA2865" s="85"/>
      <c r="AB2865" s="85"/>
      <c r="AC2865" s="85"/>
      <c r="AD2865" s="85"/>
      <c r="AE2865" s="85"/>
      <c r="AF2865" s="85"/>
      <c r="AG2865" s="86"/>
      <c r="AH2865" s="85"/>
      <c r="AI2865" s="85"/>
      <c r="AJ2865" s="85"/>
      <c r="AK2865" s="85"/>
      <c r="AL2865" s="85"/>
      <c r="AM2865" s="92"/>
      <c r="AN2865" s="92"/>
      <c r="AO2865" s="92"/>
      <c r="AP2865" s="92"/>
      <c r="AQ2865" s="92"/>
      <c r="AR2865" s="92"/>
      <c r="AS2865" s="92"/>
      <c r="AT2865" s="92"/>
      <c r="AU2865" s="92"/>
      <c r="AV2865" s="92"/>
      <c r="AW2865" s="92"/>
      <c r="AX2865" s="92"/>
      <c r="AY2865" s="92"/>
      <c r="AZ2865" s="93"/>
      <c r="BA2865" s="93"/>
      <c r="BB2865" s="93"/>
      <c r="BC2865" s="93"/>
      <c r="BD2865" s="93"/>
      <c r="BE2865" s="93"/>
      <c r="BF2865" s="93"/>
      <c r="BG2865" s="93"/>
      <c r="BH2865" s="93"/>
      <c r="BI2865" s="93"/>
      <c r="BJ2865" s="93"/>
      <c r="BK2865" s="93"/>
      <c r="BL2865" s="93"/>
    </row>
    <row r="2866" spans="2:64" x14ac:dyDescent="0.2">
      <c r="B2866" s="43"/>
      <c r="C2866" s="73"/>
      <c r="D2866" s="64"/>
      <c r="E2866" s="55"/>
      <c r="F2866" s="74"/>
      <c r="G2866" s="74"/>
      <c r="H2866" s="74"/>
      <c r="I2866" s="75"/>
      <c r="J2866" s="74"/>
      <c r="L2866" s="55"/>
      <c r="M2866" s="234"/>
      <c r="N2866" s="65"/>
      <c r="O2866" s="76"/>
      <c r="P2866" s="76"/>
      <c r="Q2866" s="65"/>
      <c r="R2866" s="76"/>
      <c r="S2866" s="76"/>
      <c r="T2866" s="76"/>
      <c r="U2866" s="76"/>
      <c r="V2866" s="76"/>
      <c r="W2866" s="76"/>
      <c r="X2866" s="76"/>
      <c r="Y2866" s="76"/>
      <c r="Z2866" s="76"/>
      <c r="AA2866" s="85"/>
      <c r="AB2866" s="85"/>
      <c r="AC2866" s="85"/>
      <c r="AD2866" s="85"/>
      <c r="AE2866" s="85"/>
      <c r="AF2866" s="85"/>
      <c r="AG2866" s="86"/>
      <c r="AH2866" s="85"/>
      <c r="AI2866" s="85"/>
      <c r="AJ2866" s="85"/>
      <c r="AK2866" s="85"/>
      <c r="AL2866" s="85"/>
      <c r="AM2866" s="92"/>
      <c r="AN2866" s="92"/>
      <c r="AO2866" s="92"/>
      <c r="AP2866" s="92"/>
      <c r="AQ2866" s="92"/>
      <c r="AR2866" s="92"/>
      <c r="AS2866" s="92"/>
      <c r="AT2866" s="92"/>
      <c r="AU2866" s="92"/>
      <c r="AV2866" s="92"/>
      <c r="AW2866" s="92"/>
      <c r="AX2866" s="92"/>
      <c r="AY2866" s="92"/>
      <c r="AZ2866" s="93"/>
      <c r="BA2866" s="93"/>
      <c r="BB2866" s="93"/>
      <c r="BC2866" s="93"/>
      <c r="BD2866" s="93"/>
      <c r="BE2866" s="93"/>
      <c r="BF2866" s="93"/>
      <c r="BG2866" s="93"/>
      <c r="BH2866" s="93"/>
      <c r="BI2866" s="93"/>
      <c r="BJ2866" s="93"/>
      <c r="BK2866" s="93"/>
      <c r="BL2866" s="93"/>
    </row>
    <row r="2867" spans="2:64" x14ac:dyDescent="0.2">
      <c r="B2867" s="43"/>
      <c r="C2867" s="73"/>
      <c r="D2867" s="64"/>
      <c r="E2867" s="55"/>
      <c r="F2867" s="74"/>
      <c r="G2867" s="74"/>
      <c r="H2867" s="74"/>
      <c r="I2867" s="75"/>
      <c r="J2867" s="74"/>
      <c r="L2867" s="55"/>
      <c r="M2867" s="234"/>
      <c r="N2867" s="65"/>
      <c r="O2867" s="76"/>
      <c r="P2867" s="76"/>
      <c r="Q2867" s="65"/>
      <c r="R2867" s="76"/>
      <c r="S2867" s="76"/>
      <c r="T2867" s="76"/>
      <c r="U2867" s="76"/>
      <c r="V2867" s="76"/>
      <c r="W2867" s="76"/>
      <c r="X2867" s="76"/>
      <c r="Y2867" s="76"/>
      <c r="Z2867" s="76"/>
      <c r="AA2867" s="85"/>
      <c r="AB2867" s="85"/>
      <c r="AC2867" s="85"/>
      <c r="AD2867" s="85"/>
      <c r="AE2867" s="85"/>
      <c r="AF2867" s="85"/>
      <c r="AG2867" s="86"/>
      <c r="AH2867" s="85"/>
      <c r="AI2867" s="85"/>
      <c r="AJ2867" s="85"/>
      <c r="AK2867" s="85"/>
      <c r="AL2867" s="85"/>
      <c r="AM2867" s="92"/>
      <c r="AN2867" s="92"/>
      <c r="AO2867" s="92"/>
      <c r="AP2867" s="92"/>
      <c r="AQ2867" s="92"/>
      <c r="AR2867" s="92"/>
      <c r="AS2867" s="92"/>
      <c r="AT2867" s="92"/>
      <c r="AU2867" s="92"/>
      <c r="AV2867" s="92"/>
      <c r="AW2867" s="92"/>
      <c r="AX2867" s="92"/>
      <c r="AY2867" s="92"/>
      <c r="AZ2867" s="93"/>
      <c r="BA2867" s="93"/>
      <c r="BB2867" s="93"/>
      <c r="BC2867" s="93"/>
      <c r="BD2867" s="93"/>
      <c r="BE2867" s="93"/>
      <c r="BF2867" s="93"/>
      <c r="BG2867" s="93"/>
      <c r="BH2867" s="93"/>
      <c r="BI2867" s="93"/>
      <c r="BJ2867" s="93"/>
      <c r="BK2867" s="93"/>
      <c r="BL2867" s="93"/>
    </row>
    <row r="2868" spans="2:64" x14ac:dyDescent="0.2">
      <c r="B2868" s="43"/>
      <c r="C2868" s="73"/>
      <c r="D2868" s="64"/>
      <c r="E2868" s="55"/>
      <c r="F2868" s="74"/>
      <c r="G2868" s="74"/>
      <c r="H2868" s="74"/>
      <c r="I2868" s="75"/>
      <c r="J2868" s="74"/>
      <c r="L2868" s="55"/>
      <c r="M2868" s="234"/>
      <c r="N2868" s="65"/>
      <c r="O2868" s="76"/>
      <c r="P2868" s="76"/>
      <c r="Q2868" s="65"/>
      <c r="R2868" s="76"/>
      <c r="S2868" s="76"/>
      <c r="T2868" s="76"/>
      <c r="U2868" s="76"/>
      <c r="V2868" s="76"/>
      <c r="W2868" s="76"/>
      <c r="X2868" s="76"/>
      <c r="Y2868" s="76"/>
      <c r="Z2868" s="76"/>
      <c r="AA2868" s="85"/>
      <c r="AB2868" s="85"/>
      <c r="AC2868" s="85"/>
      <c r="AD2868" s="85"/>
      <c r="AE2868" s="85"/>
      <c r="AF2868" s="85"/>
      <c r="AG2868" s="86"/>
      <c r="AH2868" s="85"/>
      <c r="AI2868" s="85"/>
      <c r="AJ2868" s="85"/>
      <c r="AK2868" s="85"/>
      <c r="AL2868" s="85"/>
      <c r="AM2868" s="92"/>
      <c r="AN2868" s="92"/>
      <c r="AO2868" s="92"/>
      <c r="AP2868" s="92"/>
      <c r="AQ2868" s="92"/>
      <c r="AR2868" s="92"/>
      <c r="AS2868" s="92"/>
      <c r="AT2868" s="92"/>
      <c r="AU2868" s="92"/>
      <c r="AV2868" s="92"/>
      <c r="AW2868" s="92"/>
      <c r="AX2868" s="92"/>
      <c r="AY2868" s="92"/>
      <c r="AZ2868" s="93"/>
      <c r="BA2868" s="93"/>
      <c r="BB2868" s="93"/>
      <c r="BC2868" s="93"/>
      <c r="BD2868" s="93"/>
      <c r="BE2868" s="93"/>
      <c r="BF2868" s="93"/>
      <c r="BG2868" s="93"/>
      <c r="BH2868" s="93"/>
      <c r="BI2868" s="93"/>
      <c r="BJ2868" s="93"/>
      <c r="BK2868" s="93"/>
      <c r="BL2868" s="93"/>
    </row>
    <row r="2869" spans="2:64" x14ac:dyDescent="0.2">
      <c r="B2869" s="43"/>
      <c r="C2869" s="73"/>
      <c r="D2869" s="64"/>
      <c r="E2869" s="55"/>
      <c r="F2869" s="74"/>
      <c r="G2869" s="74"/>
      <c r="H2869" s="74"/>
      <c r="I2869" s="75"/>
      <c r="J2869" s="74"/>
      <c r="L2869" s="55"/>
      <c r="M2869" s="234"/>
      <c r="N2869" s="65"/>
      <c r="O2869" s="76"/>
      <c r="P2869" s="76"/>
      <c r="Q2869" s="65"/>
      <c r="R2869" s="76"/>
      <c r="S2869" s="76"/>
      <c r="T2869" s="76"/>
      <c r="U2869" s="76"/>
      <c r="V2869" s="76"/>
      <c r="W2869" s="76"/>
      <c r="X2869" s="76"/>
      <c r="Y2869" s="76"/>
      <c r="Z2869" s="76"/>
      <c r="AA2869" s="85"/>
      <c r="AB2869" s="85"/>
      <c r="AC2869" s="85"/>
      <c r="AD2869" s="85"/>
      <c r="AE2869" s="85"/>
      <c r="AF2869" s="85"/>
      <c r="AG2869" s="86"/>
      <c r="AH2869" s="85"/>
      <c r="AI2869" s="85"/>
      <c r="AJ2869" s="85"/>
      <c r="AK2869" s="85"/>
      <c r="AL2869" s="85"/>
      <c r="AM2869" s="92"/>
      <c r="AN2869" s="92"/>
      <c r="AO2869" s="92"/>
      <c r="AP2869" s="92"/>
      <c r="AQ2869" s="92"/>
      <c r="AR2869" s="92"/>
      <c r="AS2869" s="92"/>
      <c r="AT2869" s="92"/>
      <c r="AU2869" s="92"/>
      <c r="AV2869" s="92"/>
      <c r="AW2869" s="92"/>
      <c r="AX2869" s="92"/>
      <c r="AY2869" s="92"/>
      <c r="AZ2869" s="93"/>
      <c r="BA2869" s="93"/>
      <c r="BB2869" s="93"/>
      <c r="BC2869" s="93"/>
      <c r="BD2869" s="93"/>
      <c r="BE2869" s="93"/>
      <c r="BF2869" s="93"/>
      <c r="BG2869" s="93"/>
      <c r="BH2869" s="93"/>
      <c r="BI2869" s="93"/>
      <c r="BJ2869" s="93"/>
      <c r="BK2869" s="93"/>
      <c r="BL2869" s="93"/>
    </row>
    <row r="2870" spans="2:64" x14ac:dyDescent="0.2">
      <c r="B2870" s="43"/>
      <c r="C2870" s="73"/>
      <c r="D2870" s="64"/>
      <c r="E2870" s="55"/>
      <c r="F2870" s="74"/>
      <c r="G2870" s="74"/>
      <c r="H2870" s="74"/>
      <c r="I2870" s="75"/>
      <c r="J2870" s="74"/>
      <c r="L2870" s="55"/>
      <c r="M2870" s="234"/>
      <c r="N2870" s="65"/>
      <c r="O2870" s="76"/>
      <c r="P2870" s="76"/>
      <c r="Q2870" s="65"/>
      <c r="R2870" s="76"/>
      <c r="S2870" s="76"/>
      <c r="T2870" s="76"/>
      <c r="U2870" s="76"/>
      <c r="V2870" s="76"/>
      <c r="W2870" s="76"/>
      <c r="X2870" s="76"/>
      <c r="Y2870" s="76"/>
      <c r="Z2870" s="76"/>
      <c r="AA2870" s="85"/>
      <c r="AB2870" s="85"/>
      <c r="AC2870" s="85"/>
      <c r="AD2870" s="85"/>
      <c r="AE2870" s="85"/>
      <c r="AF2870" s="85"/>
      <c r="AG2870" s="86"/>
      <c r="AH2870" s="85"/>
      <c r="AI2870" s="85"/>
      <c r="AJ2870" s="85"/>
      <c r="AK2870" s="85"/>
      <c r="AL2870" s="85"/>
      <c r="AM2870" s="92"/>
      <c r="AN2870" s="92"/>
      <c r="AO2870" s="92"/>
      <c r="AP2870" s="92"/>
      <c r="AQ2870" s="92"/>
      <c r="AR2870" s="92"/>
      <c r="AS2870" s="92"/>
      <c r="AT2870" s="92"/>
      <c r="AU2870" s="92"/>
      <c r="AV2870" s="92"/>
      <c r="AW2870" s="92"/>
      <c r="AX2870" s="92"/>
      <c r="AY2870" s="92"/>
      <c r="AZ2870" s="93"/>
      <c r="BA2870" s="93"/>
      <c r="BB2870" s="93"/>
      <c r="BC2870" s="93"/>
      <c r="BD2870" s="93"/>
      <c r="BE2870" s="93"/>
      <c r="BF2870" s="93"/>
      <c r="BG2870" s="93"/>
      <c r="BH2870" s="93"/>
      <c r="BI2870" s="93"/>
      <c r="BJ2870" s="93"/>
      <c r="BK2870" s="93"/>
      <c r="BL2870" s="93"/>
    </row>
    <row r="2871" spans="2:64" x14ac:dyDescent="0.2">
      <c r="B2871" s="43"/>
      <c r="C2871" s="73"/>
      <c r="D2871" s="64"/>
      <c r="E2871" s="55"/>
      <c r="F2871" s="74"/>
      <c r="G2871" s="74"/>
      <c r="H2871" s="74"/>
      <c r="I2871" s="75"/>
      <c r="J2871" s="74"/>
      <c r="L2871" s="55"/>
      <c r="M2871" s="234"/>
      <c r="N2871" s="65"/>
      <c r="O2871" s="76"/>
      <c r="P2871" s="76"/>
      <c r="Q2871" s="65"/>
      <c r="R2871" s="76"/>
      <c r="S2871" s="76"/>
      <c r="T2871" s="76"/>
      <c r="U2871" s="76"/>
      <c r="V2871" s="76"/>
      <c r="W2871" s="76"/>
      <c r="X2871" s="76"/>
      <c r="Y2871" s="76"/>
      <c r="Z2871" s="76"/>
      <c r="AA2871" s="85"/>
      <c r="AB2871" s="85"/>
      <c r="AC2871" s="85"/>
      <c r="AD2871" s="85"/>
      <c r="AE2871" s="85"/>
      <c r="AF2871" s="85"/>
      <c r="AG2871" s="86"/>
      <c r="AH2871" s="85"/>
      <c r="AI2871" s="85"/>
      <c r="AJ2871" s="85"/>
      <c r="AK2871" s="85"/>
      <c r="AL2871" s="85"/>
      <c r="AM2871" s="92"/>
      <c r="AN2871" s="92"/>
      <c r="AO2871" s="92"/>
      <c r="AP2871" s="92"/>
      <c r="AQ2871" s="92"/>
      <c r="AR2871" s="92"/>
      <c r="AS2871" s="92"/>
      <c r="AT2871" s="92"/>
      <c r="AU2871" s="92"/>
      <c r="AV2871" s="92"/>
      <c r="AW2871" s="92"/>
      <c r="AX2871" s="92"/>
      <c r="AY2871" s="92"/>
      <c r="AZ2871" s="93"/>
      <c r="BA2871" s="93"/>
      <c r="BB2871" s="93"/>
      <c r="BC2871" s="93"/>
      <c r="BD2871" s="93"/>
      <c r="BE2871" s="93"/>
      <c r="BF2871" s="93"/>
      <c r="BG2871" s="93"/>
      <c r="BH2871" s="93"/>
      <c r="BI2871" s="93"/>
      <c r="BJ2871" s="93"/>
      <c r="BK2871" s="93"/>
      <c r="BL2871" s="93"/>
    </row>
    <row r="2872" spans="2:64" x14ac:dyDescent="0.2">
      <c r="B2872" s="43"/>
      <c r="C2872" s="73"/>
      <c r="D2872" s="64"/>
      <c r="E2872" s="55"/>
      <c r="F2872" s="74"/>
      <c r="G2872" s="74"/>
      <c r="H2872" s="74"/>
      <c r="I2872" s="75"/>
      <c r="J2872" s="74"/>
      <c r="L2872" s="55"/>
      <c r="M2872" s="234"/>
      <c r="N2872" s="65"/>
      <c r="O2872" s="76"/>
      <c r="P2872" s="76"/>
      <c r="Q2872" s="65"/>
      <c r="R2872" s="76"/>
      <c r="S2872" s="76"/>
      <c r="T2872" s="76"/>
      <c r="U2872" s="76"/>
      <c r="V2872" s="76"/>
      <c r="W2872" s="76"/>
      <c r="X2872" s="76"/>
      <c r="Y2872" s="76"/>
      <c r="Z2872" s="76"/>
      <c r="AA2872" s="85"/>
      <c r="AB2872" s="85"/>
      <c r="AC2872" s="85"/>
      <c r="AD2872" s="85"/>
      <c r="AE2872" s="85"/>
      <c r="AF2872" s="85"/>
      <c r="AG2872" s="86"/>
      <c r="AH2872" s="85"/>
      <c r="AI2872" s="85"/>
      <c r="AJ2872" s="85"/>
      <c r="AK2872" s="85"/>
      <c r="AL2872" s="85"/>
      <c r="AM2872" s="92"/>
      <c r="AN2872" s="92"/>
      <c r="AO2872" s="92"/>
      <c r="AP2872" s="92"/>
      <c r="AQ2872" s="92"/>
      <c r="AR2872" s="92"/>
      <c r="AS2872" s="92"/>
      <c r="AT2872" s="92"/>
      <c r="AU2872" s="92"/>
      <c r="AV2872" s="92"/>
      <c r="AW2872" s="92"/>
      <c r="AX2872" s="92"/>
      <c r="AY2872" s="92"/>
      <c r="AZ2872" s="93"/>
      <c r="BA2872" s="93"/>
      <c r="BB2872" s="93"/>
      <c r="BC2872" s="93"/>
      <c r="BD2872" s="93"/>
      <c r="BE2872" s="93"/>
      <c r="BF2872" s="93"/>
      <c r="BG2872" s="93"/>
      <c r="BH2872" s="93"/>
      <c r="BI2872" s="93"/>
      <c r="BJ2872" s="93"/>
      <c r="BK2872" s="93"/>
      <c r="BL2872" s="93"/>
    </row>
    <row r="2873" spans="2:64" x14ac:dyDescent="0.2">
      <c r="B2873" s="43"/>
      <c r="C2873" s="73"/>
      <c r="D2873" s="64"/>
      <c r="E2873" s="55"/>
      <c r="F2873" s="74"/>
      <c r="G2873" s="74"/>
      <c r="H2873" s="74"/>
      <c r="I2873" s="75"/>
      <c r="J2873" s="74"/>
      <c r="L2873" s="55"/>
      <c r="M2873" s="234"/>
      <c r="N2873" s="65"/>
      <c r="O2873" s="76"/>
      <c r="P2873" s="76"/>
      <c r="Q2873" s="65"/>
      <c r="R2873" s="76"/>
      <c r="S2873" s="76"/>
      <c r="T2873" s="76"/>
      <c r="U2873" s="76"/>
      <c r="V2873" s="76"/>
      <c r="W2873" s="76"/>
      <c r="X2873" s="76"/>
      <c r="Y2873" s="76"/>
      <c r="Z2873" s="76"/>
      <c r="AA2873" s="85"/>
      <c r="AB2873" s="85"/>
      <c r="AC2873" s="85"/>
      <c r="AD2873" s="85"/>
      <c r="AE2873" s="85"/>
      <c r="AF2873" s="85"/>
      <c r="AG2873" s="86"/>
      <c r="AH2873" s="85"/>
      <c r="AI2873" s="85"/>
      <c r="AJ2873" s="85"/>
      <c r="AK2873" s="85"/>
      <c r="AL2873" s="85"/>
      <c r="AM2873" s="92"/>
      <c r="AN2873" s="92"/>
      <c r="AO2873" s="92"/>
      <c r="AP2873" s="92"/>
      <c r="AQ2873" s="92"/>
      <c r="AR2873" s="92"/>
      <c r="AS2873" s="92"/>
      <c r="AT2873" s="92"/>
      <c r="AU2873" s="92"/>
      <c r="AV2873" s="92"/>
      <c r="AW2873" s="92"/>
      <c r="AX2873" s="92"/>
      <c r="AY2873" s="92"/>
      <c r="AZ2873" s="93"/>
      <c r="BA2873" s="93"/>
      <c r="BB2873" s="93"/>
      <c r="BC2873" s="93"/>
      <c r="BD2873" s="93"/>
      <c r="BE2873" s="93"/>
      <c r="BF2873" s="93"/>
      <c r="BG2873" s="93"/>
      <c r="BH2873" s="93"/>
      <c r="BI2873" s="93"/>
      <c r="BJ2873" s="93"/>
      <c r="BK2873" s="93"/>
      <c r="BL2873" s="93"/>
    </row>
    <row r="2874" spans="2:64" x14ac:dyDescent="0.2">
      <c r="B2874" s="43"/>
      <c r="C2874" s="73"/>
      <c r="D2874" s="64"/>
      <c r="E2874" s="55"/>
      <c r="F2874" s="74"/>
      <c r="G2874" s="74"/>
      <c r="H2874" s="74"/>
      <c r="I2874" s="75"/>
      <c r="J2874" s="74"/>
      <c r="L2874" s="55"/>
      <c r="M2874" s="234"/>
      <c r="N2874" s="65"/>
      <c r="O2874" s="76"/>
      <c r="P2874" s="76"/>
      <c r="Q2874" s="65"/>
      <c r="R2874" s="76"/>
      <c r="S2874" s="76"/>
      <c r="T2874" s="76"/>
      <c r="U2874" s="76"/>
      <c r="V2874" s="76"/>
      <c r="W2874" s="76"/>
      <c r="X2874" s="76"/>
      <c r="Y2874" s="76"/>
      <c r="Z2874" s="76"/>
      <c r="AA2874" s="85"/>
      <c r="AB2874" s="85"/>
      <c r="AC2874" s="85"/>
      <c r="AD2874" s="85"/>
      <c r="AE2874" s="85"/>
      <c r="AF2874" s="85"/>
      <c r="AG2874" s="86"/>
      <c r="AH2874" s="85"/>
      <c r="AI2874" s="85"/>
      <c r="AJ2874" s="85"/>
      <c r="AK2874" s="85"/>
      <c r="AL2874" s="85"/>
      <c r="AM2874" s="92"/>
      <c r="AN2874" s="92"/>
      <c r="AO2874" s="92"/>
      <c r="AP2874" s="92"/>
      <c r="AQ2874" s="92"/>
      <c r="AR2874" s="92"/>
      <c r="AS2874" s="92"/>
      <c r="AT2874" s="92"/>
      <c r="AU2874" s="92"/>
      <c r="AV2874" s="92"/>
      <c r="AW2874" s="92"/>
      <c r="AX2874" s="92"/>
      <c r="AY2874" s="92"/>
      <c r="AZ2874" s="93"/>
      <c r="BA2874" s="93"/>
      <c r="BB2874" s="93"/>
      <c r="BC2874" s="93"/>
      <c r="BD2874" s="93"/>
      <c r="BE2874" s="93"/>
      <c r="BF2874" s="93"/>
      <c r="BG2874" s="93"/>
      <c r="BH2874" s="93"/>
      <c r="BI2874" s="93"/>
      <c r="BJ2874" s="93"/>
      <c r="BK2874" s="93"/>
      <c r="BL2874" s="93"/>
    </row>
    <row r="2875" spans="2:64" x14ac:dyDescent="0.2">
      <c r="B2875" s="43"/>
      <c r="C2875" s="73"/>
      <c r="D2875" s="64"/>
      <c r="E2875" s="55"/>
      <c r="F2875" s="74"/>
      <c r="G2875" s="74"/>
      <c r="H2875" s="74"/>
      <c r="I2875" s="75"/>
      <c r="J2875" s="74"/>
      <c r="L2875" s="55"/>
      <c r="M2875" s="234"/>
      <c r="N2875" s="65"/>
      <c r="O2875" s="76"/>
      <c r="P2875" s="76"/>
      <c r="Q2875" s="65"/>
      <c r="R2875" s="76"/>
      <c r="S2875" s="76"/>
      <c r="T2875" s="76"/>
      <c r="U2875" s="76"/>
      <c r="V2875" s="76"/>
      <c r="W2875" s="76"/>
      <c r="X2875" s="76"/>
      <c r="Y2875" s="76"/>
      <c r="Z2875" s="76"/>
      <c r="AA2875" s="85"/>
      <c r="AB2875" s="85"/>
      <c r="AC2875" s="85"/>
      <c r="AD2875" s="85"/>
      <c r="AE2875" s="85"/>
      <c r="AF2875" s="85"/>
      <c r="AG2875" s="86"/>
      <c r="AH2875" s="85"/>
      <c r="AI2875" s="85"/>
      <c r="AJ2875" s="85"/>
      <c r="AK2875" s="85"/>
      <c r="AL2875" s="85"/>
      <c r="AM2875" s="92"/>
      <c r="AN2875" s="92"/>
      <c r="AO2875" s="92"/>
      <c r="AP2875" s="92"/>
      <c r="AQ2875" s="92"/>
      <c r="AR2875" s="92"/>
      <c r="AS2875" s="92"/>
      <c r="AT2875" s="92"/>
      <c r="AU2875" s="92"/>
      <c r="AV2875" s="92"/>
      <c r="AW2875" s="92"/>
      <c r="AX2875" s="92"/>
      <c r="AY2875" s="92"/>
      <c r="AZ2875" s="93"/>
      <c r="BA2875" s="93"/>
      <c r="BB2875" s="93"/>
      <c r="BC2875" s="93"/>
      <c r="BD2875" s="93"/>
      <c r="BE2875" s="93"/>
      <c r="BF2875" s="93"/>
      <c r="BG2875" s="93"/>
      <c r="BH2875" s="93"/>
      <c r="BI2875" s="93"/>
      <c r="BJ2875" s="93"/>
      <c r="BK2875" s="93"/>
      <c r="BL2875" s="93"/>
    </row>
    <row r="2876" spans="2:64" x14ac:dyDescent="0.2">
      <c r="B2876" s="43"/>
      <c r="C2876" s="73"/>
      <c r="D2876" s="64"/>
      <c r="E2876" s="55"/>
      <c r="F2876" s="74"/>
      <c r="G2876" s="74"/>
      <c r="H2876" s="74"/>
      <c r="I2876" s="75"/>
      <c r="J2876" s="74"/>
      <c r="L2876" s="55"/>
      <c r="M2876" s="234"/>
      <c r="N2876" s="65"/>
      <c r="O2876" s="76"/>
      <c r="P2876" s="76"/>
      <c r="Q2876" s="65"/>
      <c r="R2876" s="76"/>
      <c r="S2876" s="76"/>
      <c r="T2876" s="76"/>
      <c r="U2876" s="76"/>
      <c r="V2876" s="76"/>
      <c r="W2876" s="76"/>
      <c r="X2876" s="76"/>
      <c r="Y2876" s="76"/>
      <c r="Z2876" s="76"/>
      <c r="AA2876" s="85"/>
      <c r="AB2876" s="85"/>
      <c r="AC2876" s="85"/>
      <c r="AD2876" s="85"/>
      <c r="AE2876" s="85"/>
      <c r="AF2876" s="85"/>
      <c r="AG2876" s="86"/>
      <c r="AH2876" s="85"/>
      <c r="AI2876" s="85"/>
      <c r="AJ2876" s="85"/>
      <c r="AK2876" s="85"/>
      <c r="AL2876" s="85"/>
      <c r="AM2876" s="92"/>
      <c r="AN2876" s="92"/>
      <c r="AO2876" s="92"/>
      <c r="AP2876" s="92"/>
      <c r="AQ2876" s="92"/>
      <c r="AR2876" s="92"/>
      <c r="AS2876" s="92"/>
      <c r="AT2876" s="92"/>
      <c r="AU2876" s="92"/>
      <c r="AV2876" s="92"/>
      <c r="AW2876" s="92"/>
      <c r="AX2876" s="92"/>
      <c r="AY2876" s="92"/>
      <c r="AZ2876" s="93"/>
      <c r="BA2876" s="93"/>
      <c r="BB2876" s="93"/>
      <c r="BC2876" s="93"/>
      <c r="BD2876" s="93"/>
      <c r="BE2876" s="93"/>
      <c r="BF2876" s="93"/>
      <c r="BG2876" s="93"/>
      <c r="BH2876" s="93"/>
      <c r="BI2876" s="93"/>
      <c r="BJ2876" s="93"/>
      <c r="BK2876" s="93"/>
      <c r="BL2876" s="93"/>
    </row>
    <row r="2877" spans="2:64" x14ac:dyDescent="0.2">
      <c r="B2877" s="43"/>
      <c r="C2877" s="73"/>
      <c r="D2877" s="64"/>
      <c r="E2877" s="55"/>
      <c r="F2877" s="74"/>
      <c r="G2877" s="74"/>
      <c r="H2877" s="74"/>
      <c r="I2877" s="75"/>
      <c r="J2877" s="74"/>
      <c r="L2877" s="55"/>
      <c r="M2877" s="234"/>
      <c r="N2877" s="65"/>
      <c r="O2877" s="76"/>
      <c r="P2877" s="76"/>
      <c r="Q2877" s="65"/>
      <c r="R2877" s="76"/>
      <c r="S2877" s="76"/>
      <c r="T2877" s="76"/>
      <c r="U2877" s="76"/>
      <c r="V2877" s="76"/>
      <c r="W2877" s="76"/>
      <c r="X2877" s="76"/>
      <c r="Y2877" s="76"/>
      <c r="Z2877" s="76"/>
      <c r="AA2877" s="85"/>
      <c r="AB2877" s="85"/>
      <c r="AC2877" s="85"/>
      <c r="AD2877" s="85"/>
      <c r="AE2877" s="85"/>
      <c r="AF2877" s="85"/>
      <c r="AG2877" s="86"/>
      <c r="AH2877" s="85"/>
      <c r="AI2877" s="85"/>
      <c r="AJ2877" s="85"/>
      <c r="AK2877" s="85"/>
      <c r="AL2877" s="85"/>
      <c r="AM2877" s="92"/>
      <c r="AN2877" s="92"/>
      <c r="AO2877" s="92"/>
      <c r="AP2877" s="92"/>
      <c r="AQ2877" s="92"/>
      <c r="AR2877" s="92"/>
      <c r="AS2877" s="92"/>
      <c r="AT2877" s="92"/>
      <c r="AU2877" s="92"/>
      <c r="AV2877" s="92"/>
      <c r="AW2877" s="92"/>
      <c r="AX2877" s="92"/>
      <c r="AY2877" s="92"/>
      <c r="AZ2877" s="93"/>
      <c r="BA2877" s="93"/>
      <c r="BB2877" s="93"/>
      <c r="BC2877" s="93"/>
      <c r="BD2877" s="93"/>
      <c r="BE2877" s="93"/>
      <c r="BF2877" s="93"/>
      <c r="BG2877" s="93"/>
      <c r="BH2877" s="93"/>
      <c r="BI2877" s="93"/>
      <c r="BJ2877" s="93"/>
      <c r="BK2877" s="93"/>
      <c r="BL2877" s="93"/>
    </row>
    <row r="2878" spans="2:64" x14ac:dyDescent="0.2">
      <c r="B2878" s="43"/>
      <c r="C2878" s="73"/>
      <c r="D2878" s="64"/>
      <c r="E2878" s="55"/>
      <c r="F2878" s="74"/>
      <c r="G2878" s="74"/>
      <c r="H2878" s="74"/>
      <c r="I2878" s="75"/>
      <c r="J2878" s="74"/>
      <c r="L2878" s="55"/>
      <c r="M2878" s="234"/>
      <c r="N2878" s="65"/>
      <c r="O2878" s="76"/>
      <c r="P2878" s="76"/>
      <c r="Q2878" s="65"/>
      <c r="R2878" s="76"/>
      <c r="S2878" s="76"/>
      <c r="T2878" s="76"/>
      <c r="U2878" s="76"/>
      <c r="V2878" s="76"/>
      <c r="W2878" s="76"/>
      <c r="X2878" s="76"/>
      <c r="Y2878" s="76"/>
      <c r="Z2878" s="76"/>
      <c r="AA2878" s="85"/>
      <c r="AB2878" s="85"/>
      <c r="AC2878" s="85"/>
      <c r="AD2878" s="85"/>
      <c r="AE2878" s="85"/>
      <c r="AF2878" s="85"/>
      <c r="AG2878" s="86"/>
      <c r="AH2878" s="85"/>
      <c r="AI2878" s="85"/>
      <c r="AJ2878" s="85"/>
      <c r="AK2878" s="85"/>
      <c r="AL2878" s="85"/>
      <c r="AM2878" s="92"/>
      <c r="AN2878" s="92"/>
      <c r="AO2878" s="92"/>
      <c r="AP2878" s="92"/>
      <c r="AQ2878" s="92"/>
      <c r="AR2878" s="92"/>
      <c r="AS2878" s="92"/>
      <c r="AT2878" s="92"/>
      <c r="AU2878" s="92"/>
      <c r="AV2878" s="92"/>
      <c r="AW2878" s="92"/>
      <c r="AX2878" s="92"/>
      <c r="AY2878" s="92"/>
      <c r="AZ2878" s="93"/>
      <c r="BA2878" s="93"/>
      <c r="BB2878" s="93"/>
      <c r="BC2878" s="93"/>
      <c r="BD2878" s="93"/>
      <c r="BE2878" s="93"/>
      <c r="BF2878" s="93"/>
      <c r="BG2878" s="93"/>
      <c r="BH2878" s="93"/>
      <c r="BI2878" s="93"/>
      <c r="BJ2878" s="93"/>
      <c r="BK2878" s="93"/>
      <c r="BL2878" s="93"/>
    </row>
    <row r="2879" spans="2:64" x14ac:dyDescent="0.2">
      <c r="B2879" s="43"/>
      <c r="C2879" s="73"/>
      <c r="D2879" s="64"/>
      <c r="E2879" s="55"/>
      <c r="F2879" s="74"/>
      <c r="G2879" s="74"/>
      <c r="H2879" s="74"/>
      <c r="I2879" s="75"/>
      <c r="J2879" s="74"/>
      <c r="L2879" s="55"/>
      <c r="M2879" s="234"/>
      <c r="N2879" s="65"/>
      <c r="O2879" s="76"/>
      <c r="P2879" s="76"/>
      <c r="Q2879" s="65"/>
      <c r="R2879" s="76"/>
      <c r="S2879" s="76"/>
      <c r="T2879" s="76"/>
      <c r="U2879" s="76"/>
      <c r="V2879" s="76"/>
      <c r="W2879" s="76"/>
      <c r="X2879" s="76"/>
      <c r="Y2879" s="76"/>
      <c r="Z2879" s="76"/>
      <c r="AA2879" s="85"/>
      <c r="AB2879" s="85"/>
      <c r="AC2879" s="85"/>
      <c r="AD2879" s="85"/>
      <c r="AE2879" s="85"/>
      <c r="AF2879" s="85"/>
      <c r="AG2879" s="86"/>
      <c r="AH2879" s="85"/>
      <c r="AI2879" s="85"/>
      <c r="AJ2879" s="85"/>
      <c r="AK2879" s="85"/>
      <c r="AL2879" s="85"/>
      <c r="AM2879" s="92"/>
      <c r="AN2879" s="92"/>
      <c r="AO2879" s="92"/>
      <c r="AP2879" s="92"/>
      <c r="AQ2879" s="92"/>
      <c r="AR2879" s="92"/>
      <c r="AS2879" s="92"/>
      <c r="AT2879" s="92"/>
      <c r="AU2879" s="92"/>
      <c r="AV2879" s="92"/>
      <c r="AW2879" s="92"/>
      <c r="AX2879" s="92"/>
      <c r="AY2879" s="92"/>
      <c r="AZ2879" s="93"/>
      <c r="BA2879" s="93"/>
      <c r="BB2879" s="93"/>
      <c r="BC2879" s="93"/>
      <c r="BD2879" s="93"/>
      <c r="BE2879" s="93"/>
      <c r="BF2879" s="93"/>
      <c r="BG2879" s="93"/>
      <c r="BH2879" s="93"/>
      <c r="BI2879" s="93"/>
      <c r="BJ2879" s="93"/>
      <c r="BK2879" s="93"/>
      <c r="BL2879" s="93"/>
    </row>
    <row r="2880" spans="2:64" x14ac:dyDescent="0.2">
      <c r="B2880" s="43"/>
      <c r="C2880" s="73"/>
      <c r="D2880" s="64"/>
      <c r="E2880" s="55"/>
      <c r="F2880" s="74"/>
      <c r="G2880" s="74"/>
      <c r="H2880" s="74"/>
      <c r="I2880" s="75"/>
      <c r="J2880" s="74"/>
      <c r="L2880" s="55"/>
      <c r="M2880" s="234"/>
      <c r="N2880" s="65"/>
      <c r="O2880" s="76"/>
      <c r="P2880" s="76"/>
      <c r="Q2880" s="65"/>
      <c r="R2880" s="76"/>
      <c r="S2880" s="76"/>
      <c r="T2880" s="76"/>
      <c r="U2880" s="76"/>
      <c r="V2880" s="76"/>
      <c r="W2880" s="76"/>
      <c r="X2880" s="76"/>
      <c r="Y2880" s="76"/>
      <c r="Z2880" s="76"/>
      <c r="AA2880" s="85"/>
      <c r="AB2880" s="85"/>
      <c r="AC2880" s="85"/>
      <c r="AD2880" s="85"/>
      <c r="AE2880" s="85"/>
      <c r="AF2880" s="85"/>
      <c r="AG2880" s="86"/>
      <c r="AH2880" s="85"/>
      <c r="AI2880" s="85"/>
      <c r="AJ2880" s="85"/>
      <c r="AK2880" s="85"/>
      <c r="AL2880" s="85"/>
      <c r="AM2880" s="92"/>
      <c r="AN2880" s="92"/>
      <c r="AO2880" s="92"/>
      <c r="AP2880" s="92"/>
      <c r="AQ2880" s="92"/>
      <c r="AR2880" s="92"/>
      <c r="AS2880" s="92"/>
      <c r="AT2880" s="92"/>
      <c r="AU2880" s="92"/>
      <c r="AV2880" s="92"/>
      <c r="AW2880" s="92"/>
      <c r="AX2880" s="92"/>
      <c r="AY2880" s="92"/>
      <c r="AZ2880" s="93"/>
      <c r="BA2880" s="93"/>
      <c r="BB2880" s="93"/>
      <c r="BC2880" s="93"/>
      <c r="BD2880" s="93"/>
      <c r="BE2880" s="93"/>
      <c r="BF2880" s="93"/>
      <c r="BG2880" s="93"/>
      <c r="BH2880" s="93"/>
      <c r="BI2880" s="93"/>
      <c r="BJ2880" s="93"/>
      <c r="BK2880" s="93"/>
      <c r="BL2880" s="93"/>
    </row>
    <row r="2881" spans="2:64" x14ac:dyDescent="0.2">
      <c r="B2881" s="43"/>
      <c r="C2881" s="73"/>
      <c r="D2881" s="64"/>
      <c r="E2881" s="55"/>
      <c r="F2881" s="74"/>
      <c r="G2881" s="74"/>
      <c r="H2881" s="74"/>
      <c r="I2881" s="75"/>
      <c r="J2881" s="74"/>
      <c r="L2881" s="55"/>
      <c r="M2881" s="234"/>
      <c r="N2881" s="65"/>
      <c r="O2881" s="76"/>
      <c r="P2881" s="76"/>
      <c r="Q2881" s="65"/>
      <c r="R2881" s="76"/>
      <c r="S2881" s="76"/>
      <c r="T2881" s="76"/>
      <c r="U2881" s="76"/>
      <c r="V2881" s="76"/>
      <c r="W2881" s="76"/>
      <c r="X2881" s="76"/>
      <c r="Y2881" s="76"/>
      <c r="Z2881" s="76"/>
      <c r="AA2881" s="85"/>
      <c r="AB2881" s="85"/>
      <c r="AC2881" s="85"/>
      <c r="AD2881" s="85"/>
      <c r="AE2881" s="85"/>
      <c r="AF2881" s="85"/>
      <c r="AG2881" s="86"/>
      <c r="AH2881" s="85"/>
      <c r="AI2881" s="85"/>
      <c r="AJ2881" s="85"/>
      <c r="AK2881" s="85"/>
      <c r="AL2881" s="85"/>
      <c r="AM2881" s="92"/>
      <c r="AN2881" s="92"/>
      <c r="AO2881" s="92"/>
      <c r="AP2881" s="92"/>
      <c r="AQ2881" s="92"/>
      <c r="AR2881" s="92"/>
      <c r="AS2881" s="92"/>
      <c r="AT2881" s="92"/>
      <c r="AU2881" s="92"/>
      <c r="AV2881" s="92"/>
      <c r="AW2881" s="92"/>
      <c r="AX2881" s="92"/>
      <c r="AY2881" s="92"/>
      <c r="AZ2881" s="93"/>
      <c r="BA2881" s="93"/>
      <c r="BB2881" s="93"/>
      <c r="BC2881" s="93"/>
      <c r="BD2881" s="93"/>
      <c r="BE2881" s="93"/>
      <c r="BF2881" s="93"/>
      <c r="BG2881" s="93"/>
      <c r="BH2881" s="93"/>
      <c r="BI2881" s="93"/>
      <c r="BJ2881" s="93"/>
      <c r="BK2881" s="93"/>
      <c r="BL2881" s="93"/>
    </row>
    <row r="2882" spans="2:64" x14ac:dyDescent="0.2">
      <c r="B2882" s="43"/>
      <c r="C2882" s="73"/>
      <c r="D2882" s="64"/>
      <c r="E2882" s="55"/>
      <c r="F2882" s="74"/>
      <c r="G2882" s="74"/>
      <c r="H2882" s="74"/>
      <c r="I2882" s="75"/>
      <c r="J2882" s="74"/>
      <c r="L2882" s="55"/>
      <c r="M2882" s="234"/>
      <c r="N2882" s="65"/>
      <c r="O2882" s="76"/>
      <c r="P2882" s="76"/>
      <c r="Q2882" s="65"/>
      <c r="R2882" s="76"/>
      <c r="S2882" s="76"/>
      <c r="T2882" s="76"/>
      <c r="U2882" s="76"/>
      <c r="V2882" s="76"/>
      <c r="W2882" s="76"/>
      <c r="X2882" s="76"/>
      <c r="Y2882" s="76"/>
      <c r="Z2882" s="76"/>
      <c r="AA2882" s="85"/>
      <c r="AB2882" s="85"/>
      <c r="AC2882" s="85"/>
      <c r="AD2882" s="85"/>
      <c r="AE2882" s="85"/>
      <c r="AF2882" s="85"/>
      <c r="AG2882" s="86"/>
      <c r="AH2882" s="85"/>
      <c r="AI2882" s="85"/>
      <c r="AJ2882" s="85"/>
      <c r="AK2882" s="85"/>
      <c r="AL2882" s="85"/>
      <c r="AM2882" s="92"/>
      <c r="AN2882" s="92"/>
      <c r="AO2882" s="92"/>
      <c r="AP2882" s="92"/>
      <c r="AQ2882" s="92"/>
      <c r="AR2882" s="92"/>
      <c r="AS2882" s="92"/>
      <c r="AT2882" s="92"/>
      <c r="AU2882" s="92"/>
      <c r="AV2882" s="92"/>
      <c r="AW2882" s="92"/>
      <c r="AX2882" s="92"/>
      <c r="AY2882" s="92"/>
      <c r="AZ2882" s="93"/>
      <c r="BA2882" s="93"/>
      <c r="BB2882" s="93"/>
      <c r="BC2882" s="93"/>
      <c r="BD2882" s="93"/>
      <c r="BE2882" s="93"/>
      <c r="BF2882" s="93"/>
      <c r="BG2882" s="93"/>
      <c r="BH2882" s="93"/>
      <c r="BI2882" s="93"/>
      <c r="BJ2882" s="93"/>
      <c r="BK2882" s="93"/>
      <c r="BL2882" s="93"/>
    </row>
    <row r="2883" spans="2:64" x14ac:dyDescent="0.2">
      <c r="B2883" s="43"/>
      <c r="C2883" s="73"/>
      <c r="D2883" s="64"/>
      <c r="E2883" s="55"/>
      <c r="F2883" s="74"/>
      <c r="G2883" s="74"/>
      <c r="H2883" s="74"/>
      <c r="I2883" s="75"/>
      <c r="J2883" s="74"/>
      <c r="L2883" s="55"/>
      <c r="M2883" s="234"/>
      <c r="N2883" s="65"/>
      <c r="O2883" s="76"/>
      <c r="P2883" s="76"/>
      <c r="Q2883" s="65"/>
      <c r="R2883" s="76"/>
      <c r="S2883" s="76"/>
      <c r="T2883" s="76"/>
      <c r="U2883" s="76"/>
      <c r="V2883" s="76"/>
      <c r="W2883" s="76"/>
      <c r="X2883" s="76"/>
      <c r="Y2883" s="76"/>
      <c r="Z2883" s="76"/>
      <c r="AA2883" s="85"/>
      <c r="AB2883" s="85"/>
      <c r="AC2883" s="85"/>
      <c r="AD2883" s="85"/>
      <c r="AE2883" s="85"/>
      <c r="AF2883" s="85"/>
      <c r="AG2883" s="86"/>
      <c r="AH2883" s="85"/>
      <c r="AI2883" s="85"/>
      <c r="AJ2883" s="85"/>
      <c r="AK2883" s="85"/>
      <c r="AL2883" s="85"/>
      <c r="AM2883" s="92"/>
      <c r="AN2883" s="92"/>
      <c r="AO2883" s="92"/>
      <c r="AP2883" s="92"/>
      <c r="AQ2883" s="92"/>
      <c r="AR2883" s="92"/>
      <c r="AS2883" s="92"/>
      <c r="AT2883" s="92"/>
      <c r="AU2883" s="92"/>
      <c r="AV2883" s="92"/>
      <c r="AW2883" s="92"/>
      <c r="AX2883" s="92"/>
      <c r="AY2883" s="92"/>
      <c r="AZ2883" s="93"/>
      <c r="BA2883" s="93"/>
      <c r="BB2883" s="93"/>
      <c r="BC2883" s="93"/>
      <c r="BD2883" s="93"/>
      <c r="BE2883" s="93"/>
      <c r="BF2883" s="93"/>
      <c r="BG2883" s="93"/>
      <c r="BH2883" s="93"/>
      <c r="BI2883" s="93"/>
      <c r="BJ2883" s="93"/>
      <c r="BK2883" s="93"/>
      <c r="BL2883" s="93"/>
    </row>
    <row r="2884" spans="2:64" x14ac:dyDescent="0.2">
      <c r="B2884" s="43"/>
      <c r="C2884" s="73"/>
      <c r="D2884" s="64"/>
      <c r="E2884" s="55"/>
      <c r="F2884" s="74"/>
      <c r="G2884" s="74"/>
      <c r="H2884" s="74"/>
      <c r="I2884" s="75"/>
      <c r="J2884" s="74"/>
      <c r="L2884" s="55"/>
      <c r="M2884" s="234"/>
      <c r="N2884" s="65"/>
      <c r="O2884" s="76"/>
      <c r="P2884" s="76"/>
      <c r="Q2884" s="65"/>
      <c r="R2884" s="76"/>
      <c r="S2884" s="76"/>
      <c r="T2884" s="76"/>
      <c r="U2884" s="76"/>
      <c r="V2884" s="76"/>
      <c r="W2884" s="76"/>
      <c r="X2884" s="76"/>
      <c r="Y2884" s="76"/>
      <c r="Z2884" s="76"/>
      <c r="AA2884" s="85"/>
      <c r="AB2884" s="85"/>
      <c r="AC2884" s="85"/>
      <c r="AD2884" s="85"/>
      <c r="AE2884" s="85"/>
      <c r="AF2884" s="85"/>
      <c r="AG2884" s="86"/>
      <c r="AH2884" s="85"/>
      <c r="AI2884" s="85"/>
      <c r="AJ2884" s="85"/>
      <c r="AK2884" s="85"/>
      <c r="AL2884" s="85"/>
      <c r="AM2884" s="92"/>
      <c r="AN2884" s="92"/>
      <c r="AO2884" s="92"/>
      <c r="AP2884" s="92"/>
      <c r="AQ2884" s="92"/>
      <c r="AR2884" s="92"/>
      <c r="AS2884" s="92"/>
      <c r="AT2884" s="92"/>
      <c r="AU2884" s="92"/>
      <c r="AV2884" s="92"/>
      <c r="AW2884" s="92"/>
      <c r="AX2884" s="92"/>
      <c r="AY2884" s="92"/>
      <c r="AZ2884" s="93"/>
      <c r="BA2884" s="93"/>
      <c r="BB2884" s="93"/>
      <c r="BC2884" s="93"/>
      <c r="BD2884" s="93"/>
      <c r="BE2884" s="93"/>
      <c r="BF2884" s="93"/>
      <c r="BG2884" s="93"/>
      <c r="BH2884" s="93"/>
      <c r="BI2884" s="93"/>
      <c r="BJ2884" s="93"/>
      <c r="BK2884" s="93"/>
      <c r="BL2884" s="93"/>
    </row>
    <row r="2885" spans="2:64" x14ac:dyDescent="0.2">
      <c r="B2885" s="43"/>
      <c r="C2885" s="73"/>
      <c r="D2885" s="64"/>
      <c r="E2885" s="55"/>
      <c r="F2885" s="74"/>
      <c r="G2885" s="74"/>
      <c r="H2885" s="74"/>
      <c r="I2885" s="75"/>
      <c r="J2885" s="74"/>
      <c r="L2885" s="55"/>
      <c r="M2885" s="234"/>
      <c r="N2885" s="65"/>
      <c r="O2885" s="76"/>
      <c r="P2885" s="76"/>
      <c r="Q2885" s="65"/>
      <c r="R2885" s="76"/>
      <c r="S2885" s="76"/>
      <c r="T2885" s="76"/>
      <c r="U2885" s="76"/>
      <c r="V2885" s="76"/>
      <c r="W2885" s="76"/>
      <c r="X2885" s="76"/>
      <c r="Y2885" s="76"/>
      <c r="Z2885" s="76"/>
      <c r="AA2885" s="85"/>
      <c r="AB2885" s="85"/>
      <c r="AC2885" s="85"/>
      <c r="AD2885" s="85"/>
      <c r="AE2885" s="85"/>
      <c r="AF2885" s="85"/>
      <c r="AG2885" s="86"/>
      <c r="AH2885" s="85"/>
      <c r="AI2885" s="85"/>
      <c r="AJ2885" s="85"/>
      <c r="AK2885" s="85"/>
      <c r="AL2885" s="85"/>
      <c r="AM2885" s="92"/>
      <c r="AN2885" s="92"/>
      <c r="AO2885" s="92"/>
      <c r="AP2885" s="92"/>
      <c r="AQ2885" s="92"/>
      <c r="AR2885" s="92"/>
      <c r="AS2885" s="92"/>
      <c r="AT2885" s="92"/>
      <c r="AU2885" s="92"/>
      <c r="AV2885" s="92"/>
      <c r="AW2885" s="92"/>
      <c r="AX2885" s="92"/>
      <c r="AY2885" s="92"/>
      <c r="AZ2885" s="93"/>
      <c r="BA2885" s="93"/>
      <c r="BB2885" s="93"/>
      <c r="BC2885" s="93"/>
      <c r="BD2885" s="93"/>
      <c r="BE2885" s="93"/>
      <c r="BF2885" s="93"/>
      <c r="BG2885" s="93"/>
      <c r="BH2885" s="93"/>
      <c r="BI2885" s="93"/>
      <c r="BJ2885" s="93"/>
      <c r="BK2885" s="93"/>
      <c r="BL2885" s="93"/>
    </row>
    <row r="2886" spans="2:64" x14ac:dyDescent="0.2">
      <c r="B2886" s="43"/>
      <c r="C2886" s="73"/>
      <c r="D2886" s="64"/>
      <c r="E2886" s="55"/>
      <c r="F2886" s="74"/>
      <c r="G2886" s="74"/>
      <c r="H2886" s="74"/>
      <c r="I2886" s="75"/>
      <c r="J2886" s="74"/>
      <c r="L2886" s="55"/>
      <c r="M2886" s="234"/>
      <c r="N2886" s="65"/>
      <c r="O2886" s="76"/>
      <c r="P2886" s="76"/>
      <c r="Q2886" s="65"/>
      <c r="R2886" s="76"/>
      <c r="S2886" s="76"/>
      <c r="T2886" s="76"/>
      <c r="U2886" s="76"/>
      <c r="V2886" s="76"/>
      <c r="W2886" s="76"/>
      <c r="X2886" s="76"/>
      <c r="Y2886" s="76"/>
      <c r="Z2886" s="76"/>
      <c r="AA2886" s="85"/>
      <c r="AB2886" s="85"/>
      <c r="AC2886" s="85"/>
      <c r="AD2886" s="85"/>
      <c r="AE2886" s="85"/>
      <c r="AF2886" s="85"/>
      <c r="AG2886" s="86"/>
      <c r="AH2886" s="85"/>
      <c r="AI2886" s="85"/>
      <c r="AJ2886" s="85"/>
      <c r="AK2886" s="85"/>
      <c r="AL2886" s="85"/>
      <c r="AM2886" s="92"/>
      <c r="AN2886" s="92"/>
      <c r="AO2886" s="92"/>
      <c r="AP2886" s="92"/>
      <c r="AQ2886" s="92"/>
      <c r="AR2886" s="92"/>
      <c r="AS2886" s="92"/>
      <c r="AT2886" s="92"/>
      <c r="AU2886" s="92"/>
      <c r="AV2886" s="92"/>
      <c r="AW2886" s="92"/>
      <c r="AX2886" s="92"/>
      <c r="AY2886" s="92"/>
      <c r="AZ2886" s="93"/>
      <c r="BA2886" s="93"/>
      <c r="BB2886" s="93"/>
      <c r="BC2886" s="93"/>
      <c r="BD2886" s="93"/>
      <c r="BE2886" s="93"/>
      <c r="BF2886" s="93"/>
      <c r="BG2886" s="93"/>
      <c r="BH2886" s="93"/>
      <c r="BI2886" s="93"/>
      <c r="BJ2886" s="93"/>
      <c r="BK2886" s="93"/>
      <c r="BL2886" s="93"/>
    </row>
    <row r="2887" spans="2:64" x14ac:dyDescent="0.2">
      <c r="B2887" s="43"/>
      <c r="C2887" s="73"/>
      <c r="D2887" s="64"/>
      <c r="E2887" s="55"/>
      <c r="F2887" s="74"/>
      <c r="G2887" s="74"/>
      <c r="H2887" s="74"/>
      <c r="I2887" s="75"/>
      <c r="J2887" s="74"/>
      <c r="L2887" s="55"/>
      <c r="M2887" s="234"/>
      <c r="N2887" s="65"/>
      <c r="O2887" s="76"/>
      <c r="P2887" s="76"/>
      <c r="Q2887" s="65"/>
      <c r="R2887" s="76"/>
      <c r="S2887" s="76"/>
      <c r="T2887" s="76"/>
      <c r="U2887" s="76"/>
      <c r="V2887" s="76"/>
      <c r="W2887" s="76"/>
      <c r="X2887" s="76"/>
      <c r="Y2887" s="76"/>
      <c r="Z2887" s="76"/>
      <c r="AA2887" s="85"/>
      <c r="AB2887" s="85"/>
      <c r="AC2887" s="85"/>
      <c r="AD2887" s="85"/>
      <c r="AE2887" s="85"/>
      <c r="AF2887" s="85"/>
      <c r="AG2887" s="86"/>
      <c r="AH2887" s="85"/>
      <c r="AI2887" s="85"/>
      <c r="AJ2887" s="85"/>
      <c r="AK2887" s="85"/>
      <c r="AL2887" s="85"/>
      <c r="AM2887" s="92"/>
      <c r="AN2887" s="92"/>
      <c r="AO2887" s="92"/>
      <c r="AP2887" s="92"/>
      <c r="AQ2887" s="92"/>
      <c r="AR2887" s="92"/>
      <c r="AS2887" s="92"/>
      <c r="AT2887" s="92"/>
      <c r="AU2887" s="92"/>
      <c r="AV2887" s="92"/>
      <c r="AW2887" s="92"/>
      <c r="AX2887" s="92"/>
      <c r="AY2887" s="92"/>
      <c r="AZ2887" s="93"/>
      <c r="BA2887" s="93"/>
      <c r="BB2887" s="93"/>
      <c r="BC2887" s="93"/>
      <c r="BD2887" s="93"/>
      <c r="BE2887" s="93"/>
      <c r="BF2887" s="93"/>
      <c r="BG2887" s="93"/>
      <c r="BH2887" s="93"/>
      <c r="BI2887" s="93"/>
      <c r="BJ2887" s="93"/>
      <c r="BK2887" s="93"/>
      <c r="BL2887" s="93"/>
    </row>
    <row r="2888" spans="2:64" x14ac:dyDescent="0.2">
      <c r="B2888" s="43"/>
      <c r="C2888" s="73"/>
      <c r="D2888" s="64"/>
      <c r="E2888" s="55"/>
      <c r="F2888" s="74"/>
      <c r="G2888" s="74"/>
      <c r="H2888" s="74"/>
      <c r="I2888" s="75"/>
      <c r="J2888" s="74"/>
      <c r="L2888" s="55"/>
      <c r="M2888" s="234"/>
      <c r="N2888" s="65"/>
      <c r="O2888" s="76"/>
      <c r="P2888" s="76"/>
      <c r="Q2888" s="65"/>
      <c r="R2888" s="76"/>
      <c r="S2888" s="76"/>
      <c r="T2888" s="76"/>
      <c r="U2888" s="76"/>
      <c r="V2888" s="76"/>
      <c r="W2888" s="76"/>
      <c r="X2888" s="76"/>
      <c r="Y2888" s="76"/>
      <c r="Z2888" s="76"/>
      <c r="AA2888" s="85"/>
      <c r="AB2888" s="85"/>
      <c r="AC2888" s="85"/>
      <c r="AD2888" s="85"/>
      <c r="AE2888" s="85"/>
      <c r="AF2888" s="85"/>
      <c r="AG2888" s="86"/>
      <c r="AH2888" s="85"/>
      <c r="AI2888" s="85"/>
      <c r="AJ2888" s="85"/>
      <c r="AK2888" s="85"/>
      <c r="AL2888" s="85"/>
      <c r="AM2888" s="92"/>
      <c r="AN2888" s="92"/>
      <c r="AO2888" s="92"/>
      <c r="AP2888" s="92"/>
      <c r="AQ2888" s="92"/>
      <c r="AR2888" s="92"/>
      <c r="AS2888" s="92"/>
      <c r="AT2888" s="92"/>
      <c r="AU2888" s="92"/>
      <c r="AV2888" s="92"/>
      <c r="AW2888" s="92"/>
      <c r="AX2888" s="92"/>
      <c r="AY2888" s="92"/>
      <c r="AZ2888" s="93"/>
      <c r="BA2888" s="93"/>
      <c r="BB2888" s="93"/>
      <c r="BC2888" s="93"/>
      <c r="BD2888" s="93"/>
      <c r="BE2888" s="93"/>
      <c r="BF2888" s="93"/>
      <c r="BG2888" s="93"/>
      <c r="BH2888" s="93"/>
      <c r="BI2888" s="93"/>
      <c r="BJ2888" s="93"/>
      <c r="BK2888" s="93"/>
      <c r="BL2888" s="93"/>
    </row>
    <row r="2889" spans="2:64" x14ac:dyDescent="0.2">
      <c r="B2889" s="43"/>
      <c r="C2889" s="73"/>
      <c r="D2889" s="64"/>
      <c r="E2889" s="55"/>
      <c r="F2889" s="74"/>
      <c r="G2889" s="74"/>
      <c r="H2889" s="74"/>
      <c r="I2889" s="75"/>
      <c r="J2889" s="74"/>
      <c r="L2889" s="55"/>
      <c r="M2889" s="234"/>
      <c r="N2889" s="65"/>
      <c r="O2889" s="76"/>
      <c r="P2889" s="76"/>
      <c r="Q2889" s="65"/>
      <c r="R2889" s="76"/>
      <c r="S2889" s="76"/>
      <c r="T2889" s="76"/>
      <c r="U2889" s="76"/>
      <c r="V2889" s="76"/>
      <c r="W2889" s="76"/>
      <c r="X2889" s="76"/>
      <c r="Y2889" s="76"/>
      <c r="Z2889" s="76"/>
      <c r="AA2889" s="85"/>
      <c r="AB2889" s="85"/>
      <c r="AC2889" s="85"/>
      <c r="AD2889" s="85"/>
      <c r="AE2889" s="85"/>
      <c r="AF2889" s="85"/>
      <c r="AG2889" s="86"/>
      <c r="AH2889" s="85"/>
      <c r="AI2889" s="85"/>
      <c r="AJ2889" s="85"/>
      <c r="AK2889" s="85"/>
      <c r="AL2889" s="85"/>
      <c r="AM2889" s="92"/>
      <c r="AN2889" s="92"/>
      <c r="AO2889" s="92"/>
      <c r="AP2889" s="92"/>
      <c r="AQ2889" s="92"/>
      <c r="AR2889" s="92"/>
      <c r="AS2889" s="92"/>
      <c r="AT2889" s="92"/>
      <c r="AU2889" s="92"/>
      <c r="AV2889" s="92"/>
      <c r="AW2889" s="92"/>
      <c r="AX2889" s="92"/>
      <c r="AY2889" s="92"/>
      <c r="AZ2889" s="93"/>
      <c r="BA2889" s="93"/>
      <c r="BB2889" s="93"/>
      <c r="BC2889" s="93"/>
      <c r="BD2889" s="93"/>
      <c r="BE2889" s="93"/>
      <c r="BF2889" s="93"/>
      <c r="BG2889" s="93"/>
      <c r="BH2889" s="93"/>
      <c r="BI2889" s="93"/>
      <c r="BJ2889" s="93"/>
      <c r="BK2889" s="93"/>
      <c r="BL2889" s="93"/>
    </row>
    <row r="2890" spans="2:64" x14ac:dyDescent="0.2">
      <c r="B2890" s="43"/>
      <c r="C2890" s="73"/>
      <c r="D2890" s="64"/>
      <c r="E2890" s="55"/>
      <c r="F2890" s="74"/>
      <c r="G2890" s="74"/>
      <c r="H2890" s="74"/>
      <c r="I2890" s="75"/>
      <c r="J2890" s="74"/>
      <c r="L2890" s="55"/>
      <c r="M2890" s="234"/>
      <c r="N2890" s="65"/>
      <c r="O2890" s="76"/>
      <c r="P2890" s="76"/>
      <c r="Q2890" s="65"/>
      <c r="R2890" s="76"/>
      <c r="S2890" s="76"/>
      <c r="T2890" s="76"/>
      <c r="U2890" s="76"/>
      <c r="V2890" s="76"/>
      <c r="W2890" s="76"/>
      <c r="X2890" s="76"/>
      <c r="Y2890" s="76"/>
      <c r="Z2890" s="76"/>
      <c r="AA2890" s="85"/>
      <c r="AB2890" s="85"/>
      <c r="AC2890" s="85"/>
      <c r="AD2890" s="85"/>
      <c r="AE2890" s="85"/>
      <c r="AF2890" s="85"/>
      <c r="AG2890" s="86"/>
      <c r="AH2890" s="85"/>
      <c r="AI2890" s="85"/>
      <c r="AJ2890" s="85"/>
      <c r="AK2890" s="85"/>
      <c r="AL2890" s="85"/>
      <c r="AM2890" s="92"/>
      <c r="AN2890" s="92"/>
      <c r="AO2890" s="92"/>
      <c r="AP2890" s="92"/>
      <c r="AQ2890" s="92"/>
      <c r="AR2890" s="92"/>
      <c r="AS2890" s="92"/>
      <c r="AT2890" s="92"/>
      <c r="AU2890" s="92"/>
      <c r="AV2890" s="92"/>
      <c r="AW2890" s="92"/>
      <c r="AX2890" s="92"/>
      <c r="AY2890" s="92"/>
      <c r="AZ2890" s="93"/>
      <c r="BA2890" s="93"/>
      <c r="BB2890" s="93"/>
      <c r="BC2890" s="93"/>
      <c r="BD2890" s="93"/>
      <c r="BE2890" s="93"/>
      <c r="BF2890" s="93"/>
      <c r="BG2890" s="93"/>
      <c r="BH2890" s="93"/>
      <c r="BI2890" s="93"/>
      <c r="BJ2890" s="93"/>
      <c r="BK2890" s="93"/>
      <c r="BL2890" s="93"/>
    </row>
    <row r="2891" spans="2:64" x14ac:dyDescent="0.2">
      <c r="B2891" s="43"/>
      <c r="C2891" s="73"/>
      <c r="D2891" s="64"/>
      <c r="E2891" s="55"/>
      <c r="F2891" s="74"/>
      <c r="G2891" s="74"/>
      <c r="H2891" s="74"/>
      <c r="I2891" s="75"/>
      <c r="J2891" s="74"/>
      <c r="L2891" s="55"/>
      <c r="M2891" s="234"/>
      <c r="N2891" s="65"/>
      <c r="O2891" s="76"/>
      <c r="P2891" s="76"/>
      <c r="Q2891" s="65"/>
      <c r="R2891" s="76"/>
      <c r="S2891" s="76"/>
      <c r="T2891" s="76"/>
      <c r="U2891" s="76"/>
      <c r="V2891" s="76"/>
      <c r="W2891" s="76"/>
      <c r="X2891" s="76"/>
      <c r="Y2891" s="76"/>
      <c r="Z2891" s="76"/>
      <c r="AA2891" s="85"/>
      <c r="AB2891" s="85"/>
      <c r="AC2891" s="85"/>
      <c r="AD2891" s="85"/>
      <c r="AE2891" s="85"/>
      <c r="AF2891" s="85"/>
      <c r="AG2891" s="86"/>
      <c r="AH2891" s="85"/>
      <c r="AI2891" s="85"/>
      <c r="AJ2891" s="85"/>
      <c r="AK2891" s="85"/>
      <c r="AL2891" s="85"/>
      <c r="AM2891" s="92"/>
      <c r="AN2891" s="92"/>
      <c r="AO2891" s="92"/>
      <c r="AP2891" s="92"/>
      <c r="AQ2891" s="92"/>
      <c r="AR2891" s="92"/>
      <c r="AS2891" s="92"/>
      <c r="AT2891" s="92"/>
      <c r="AU2891" s="92"/>
      <c r="AV2891" s="92"/>
      <c r="AW2891" s="92"/>
      <c r="AX2891" s="92"/>
      <c r="AY2891" s="92"/>
      <c r="AZ2891" s="93"/>
      <c r="BA2891" s="93"/>
      <c r="BB2891" s="93"/>
      <c r="BC2891" s="93"/>
      <c r="BD2891" s="93"/>
      <c r="BE2891" s="93"/>
      <c r="BF2891" s="93"/>
      <c r="BG2891" s="93"/>
      <c r="BH2891" s="93"/>
      <c r="BI2891" s="93"/>
      <c r="BJ2891" s="93"/>
      <c r="BK2891" s="93"/>
      <c r="BL2891" s="93"/>
    </row>
    <row r="2892" spans="2:64" x14ac:dyDescent="0.2">
      <c r="B2892" s="43"/>
      <c r="C2892" s="73"/>
      <c r="D2892" s="64"/>
      <c r="E2892" s="55"/>
      <c r="F2892" s="74"/>
      <c r="G2892" s="74"/>
      <c r="H2892" s="74"/>
      <c r="I2892" s="75"/>
      <c r="J2892" s="74"/>
      <c r="L2892" s="55"/>
      <c r="M2892" s="234"/>
      <c r="N2892" s="65"/>
      <c r="O2892" s="76"/>
      <c r="P2892" s="76"/>
      <c r="Q2892" s="65"/>
      <c r="R2892" s="76"/>
      <c r="S2892" s="76"/>
      <c r="T2892" s="76"/>
      <c r="U2892" s="76"/>
      <c r="V2892" s="76"/>
      <c r="W2892" s="76"/>
      <c r="X2892" s="76"/>
      <c r="Y2892" s="76"/>
      <c r="Z2892" s="76"/>
      <c r="AA2892" s="85"/>
      <c r="AB2892" s="85"/>
      <c r="AC2892" s="85"/>
      <c r="AD2892" s="85"/>
      <c r="AE2892" s="85"/>
      <c r="AF2892" s="85"/>
      <c r="AG2892" s="86"/>
      <c r="AH2892" s="85"/>
      <c r="AI2892" s="85"/>
      <c r="AJ2892" s="85"/>
      <c r="AK2892" s="85"/>
      <c r="AL2892" s="85"/>
      <c r="AM2892" s="92"/>
      <c r="AN2892" s="92"/>
      <c r="AO2892" s="92"/>
      <c r="AP2892" s="92"/>
      <c r="AQ2892" s="92"/>
      <c r="AR2892" s="92"/>
      <c r="AS2892" s="92"/>
      <c r="AT2892" s="92"/>
      <c r="AU2892" s="92"/>
      <c r="AV2892" s="92"/>
      <c r="AW2892" s="92"/>
      <c r="AX2892" s="92"/>
      <c r="AY2892" s="92"/>
      <c r="AZ2892" s="93"/>
      <c r="BA2892" s="93"/>
      <c r="BB2892" s="93"/>
      <c r="BC2892" s="93"/>
      <c r="BD2892" s="93"/>
      <c r="BE2892" s="93"/>
      <c r="BF2892" s="93"/>
      <c r="BG2892" s="93"/>
      <c r="BH2892" s="93"/>
      <c r="BI2892" s="93"/>
      <c r="BJ2892" s="93"/>
      <c r="BK2892" s="93"/>
      <c r="BL2892" s="93"/>
    </row>
    <row r="2893" spans="2:64" x14ac:dyDescent="0.2">
      <c r="B2893" s="43"/>
      <c r="C2893" s="73"/>
      <c r="D2893" s="64"/>
      <c r="E2893" s="55"/>
      <c r="F2893" s="74"/>
      <c r="G2893" s="74"/>
      <c r="H2893" s="74"/>
      <c r="I2893" s="75"/>
      <c r="J2893" s="74"/>
      <c r="L2893" s="55"/>
      <c r="M2893" s="234"/>
      <c r="N2893" s="65"/>
      <c r="O2893" s="76"/>
      <c r="P2893" s="76"/>
      <c r="Q2893" s="65"/>
      <c r="R2893" s="76"/>
      <c r="S2893" s="76"/>
      <c r="T2893" s="76"/>
      <c r="U2893" s="76"/>
      <c r="V2893" s="76"/>
      <c r="W2893" s="76"/>
      <c r="X2893" s="76"/>
      <c r="Y2893" s="76"/>
      <c r="Z2893" s="76"/>
      <c r="AA2893" s="85"/>
      <c r="AB2893" s="85"/>
      <c r="AC2893" s="85"/>
      <c r="AD2893" s="85"/>
      <c r="AE2893" s="85"/>
      <c r="AF2893" s="85"/>
      <c r="AG2893" s="86"/>
      <c r="AH2893" s="85"/>
      <c r="AI2893" s="85"/>
      <c r="AJ2893" s="85"/>
      <c r="AK2893" s="85"/>
      <c r="AL2893" s="85"/>
      <c r="AM2893" s="92"/>
      <c r="AN2893" s="92"/>
      <c r="AO2893" s="92"/>
      <c r="AP2893" s="92"/>
      <c r="AQ2893" s="92"/>
      <c r="AR2893" s="92"/>
      <c r="AS2893" s="92"/>
      <c r="AT2893" s="92"/>
      <c r="AU2893" s="92"/>
      <c r="AV2893" s="92"/>
      <c r="AW2893" s="92"/>
      <c r="AX2893" s="92"/>
      <c r="AY2893" s="92"/>
      <c r="AZ2893" s="93"/>
      <c r="BA2893" s="93"/>
      <c r="BB2893" s="93"/>
      <c r="BC2893" s="93"/>
      <c r="BD2893" s="93"/>
      <c r="BE2893" s="93"/>
      <c r="BF2893" s="93"/>
      <c r="BG2893" s="93"/>
      <c r="BH2893" s="93"/>
      <c r="BI2893" s="93"/>
      <c r="BJ2893" s="93"/>
      <c r="BK2893" s="93"/>
      <c r="BL2893" s="93"/>
    </row>
    <row r="2894" spans="2:64" x14ac:dyDescent="0.2">
      <c r="B2894" s="43"/>
      <c r="C2894" s="73"/>
      <c r="D2894" s="64"/>
      <c r="E2894" s="55"/>
      <c r="F2894" s="74"/>
      <c r="G2894" s="74"/>
      <c r="H2894" s="74"/>
      <c r="I2894" s="75"/>
      <c r="J2894" s="74"/>
      <c r="L2894" s="55"/>
      <c r="M2894" s="234"/>
      <c r="N2894" s="65"/>
      <c r="O2894" s="76"/>
      <c r="P2894" s="76"/>
      <c r="Q2894" s="65"/>
      <c r="R2894" s="76"/>
      <c r="S2894" s="76"/>
      <c r="T2894" s="76"/>
      <c r="U2894" s="76"/>
      <c r="V2894" s="76"/>
      <c r="W2894" s="76"/>
      <c r="X2894" s="76"/>
      <c r="Y2894" s="76"/>
      <c r="Z2894" s="76"/>
      <c r="AA2894" s="85"/>
      <c r="AB2894" s="85"/>
      <c r="AC2894" s="85"/>
      <c r="AD2894" s="85"/>
      <c r="AE2894" s="85"/>
      <c r="AF2894" s="85"/>
      <c r="AG2894" s="86"/>
      <c r="AH2894" s="85"/>
      <c r="AI2894" s="85"/>
      <c r="AJ2894" s="85"/>
      <c r="AK2894" s="85"/>
      <c r="AL2894" s="85"/>
      <c r="AM2894" s="92"/>
      <c r="AN2894" s="92"/>
      <c r="AO2894" s="92"/>
      <c r="AP2894" s="92"/>
      <c r="AQ2894" s="92"/>
      <c r="AR2894" s="92"/>
      <c r="AS2894" s="92"/>
      <c r="AT2894" s="92"/>
      <c r="AU2894" s="92"/>
      <c r="AV2894" s="92"/>
      <c r="AW2894" s="92"/>
      <c r="AX2894" s="92"/>
      <c r="AY2894" s="92"/>
      <c r="AZ2894" s="93"/>
      <c r="BA2894" s="93"/>
      <c r="BB2894" s="93"/>
      <c r="BC2894" s="93"/>
      <c r="BD2894" s="93"/>
      <c r="BE2894" s="93"/>
      <c r="BF2894" s="93"/>
      <c r="BG2894" s="93"/>
      <c r="BH2894" s="93"/>
      <c r="BI2894" s="93"/>
      <c r="BJ2894" s="93"/>
      <c r="BK2894" s="93"/>
      <c r="BL2894" s="93"/>
    </row>
    <row r="2895" spans="2:64" x14ac:dyDescent="0.2">
      <c r="B2895" s="43"/>
      <c r="C2895" s="73"/>
      <c r="D2895" s="64"/>
      <c r="E2895" s="55"/>
      <c r="F2895" s="74"/>
      <c r="G2895" s="74"/>
      <c r="H2895" s="74"/>
      <c r="I2895" s="75"/>
      <c r="J2895" s="74"/>
      <c r="L2895" s="55"/>
      <c r="M2895" s="234"/>
      <c r="N2895" s="65"/>
      <c r="O2895" s="76"/>
      <c r="P2895" s="76"/>
      <c r="Q2895" s="65"/>
      <c r="R2895" s="76"/>
      <c r="S2895" s="76"/>
      <c r="T2895" s="76"/>
      <c r="U2895" s="76"/>
      <c r="V2895" s="76"/>
      <c r="W2895" s="76"/>
      <c r="X2895" s="76"/>
      <c r="Y2895" s="76"/>
      <c r="Z2895" s="76"/>
      <c r="AA2895" s="85"/>
      <c r="AB2895" s="85"/>
      <c r="AC2895" s="85"/>
      <c r="AD2895" s="85"/>
      <c r="AE2895" s="85"/>
      <c r="AF2895" s="85"/>
      <c r="AG2895" s="86"/>
      <c r="AH2895" s="85"/>
      <c r="AI2895" s="85"/>
      <c r="AJ2895" s="85"/>
      <c r="AK2895" s="85"/>
      <c r="AL2895" s="85"/>
      <c r="AM2895" s="92"/>
      <c r="AN2895" s="92"/>
      <c r="AO2895" s="92"/>
      <c r="AP2895" s="92"/>
      <c r="AQ2895" s="92"/>
      <c r="AR2895" s="92"/>
      <c r="AS2895" s="92"/>
      <c r="AT2895" s="92"/>
      <c r="AU2895" s="92"/>
      <c r="AV2895" s="92"/>
      <c r="AW2895" s="92"/>
      <c r="AX2895" s="92"/>
      <c r="AY2895" s="92"/>
      <c r="AZ2895" s="93"/>
      <c r="BA2895" s="93"/>
      <c r="BB2895" s="93"/>
      <c r="BC2895" s="93"/>
      <c r="BD2895" s="93"/>
      <c r="BE2895" s="93"/>
      <c r="BF2895" s="93"/>
      <c r="BG2895" s="93"/>
      <c r="BH2895" s="93"/>
      <c r="BI2895" s="93"/>
      <c r="BJ2895" s="93"/>
      <c r="BK2895" s="93"/>
      <c r="BL2895" s="93"/>
    </row>
    <row r="2896" spans="2:64" x14ac:dyDescent="0.2">
      <c r="B2896" s="43"/>
      <c r="C2896" s="73"/>
      <c r="D2896" s="64"/>
      <c r="E2896" s="55"/>
      <c r="F2896" s="74"/>
      <c r="G2896" s="74"/>
      <c r="H2896" s="74"/>
      <c r="I2896" s="75"/>
      <c r="J2896" s="74"/>
      <c r="L2896" s="55"/>
      <c r="M2896" s="234"/>
      <c r="N2896" s="65"/>
      <c r="O2896" s="76"/>
      <c r="P2896" s="76"/>
      <c r="Q2896" s="65"/>
      <c r="R2896" s="76"/>
      <c r="S2896" s="76"/>
      <c r="T2896" s="76"/>
      <c r="U2896" s="76"/>
      <c r="V2896" s="76"/>
      <c r="W2896" s="76"/>
      <c r="X2896" s="76"/>
      <c r="Y2896" s="76"/>
      <c r="Z2896" s="76"/>
      <c r="AA2896" s="85"/>
      <c r="AB2896" s="85"/>
      <c r="AC2896" s="85"/>
      <c r="AD2896" s="85"/>
      <c r="AE2896" s="85"/>
      <c r="AF2896" s="85"/>
      <c r="AG2896" s="86"/>
      <c r="AH2896" s="85"/>
      <c r="AI2896" s="85"/>
      <c r="AJ2896" s="85"/>
      <c r="AK2896" s="85"/>
      <c r="AL2896" s="85"/>
      <c r="AM2896" s="92"/>
      <c r="AN2896" s="92"/>
      <c r="AO2896" s="92"/>
      <c r="AP2896" s="92"/>
      <c r="AQ2896" s="92"/>
      <c r="AR2896" s="92"/>
      <c r="AS2896" s="92"/>
      <c r="AT2896" s="92"/>
      <c r="AU2896" s="92"/>
      <c r="AV2896" s="92"/>
      <c r="AW2896" s="92"/>
      <c r="AX2896" s="92"/>
      <c r="AY2896" s="92"/>
      <c r="AZ2896" s="93"/>
      <c r="BA2896" s="93"/>
      <c r="BB2896" s="93"/>
      <c r="BC2896" s="93"/>
      <c r="BD2896" s="93"/>
      <c r="BE2896" s="93"/>
      <c r="BF2896" s="93"/>
      <c r="BG2896" s="93"/>
      <c r="BH2896" s="93"/>
      <c r="BI2896" s="93"/>
      <c r="BJ2896" s="93"/>
      <c r="BK2896" s="93"/>
      <c r="BL2896" s="93"/>
    </row>
    <row r="2897" spans="2:64" x14ac:dyDescent="0.2">
      <c r="B2897" s="43"/>
      <c r="C2897" s="73"/>
      <c r="D2897" s="64"/>
      <c r="E2897" s="55"/>
      <c r="F2897" s="74"/>
      <c r="G2897" s="74"/>
      <c r="H2897" s="74"/>
      <c r="I2897" s="75"/>
      <c r="J2897" s="74"/>
      <c r="L2897" s="55"/>
      <c r="M2897" s="234"/>
      <c r="N2897" s="65"/>
      <c r="O2897" s="76"/>
      <c r="P2897" s="76"/>
      <c r="Q2897" s="65"/>
      <c r="R2897" s="76"/>
      <c r="S2897" s="76"/>
      <c r="T2897" s="76"/>
      <c r="U2897" s="76"/>
      <c r="V2897" s="76"/>
      <c r="W2897" s="76"/>
      <c r="X2897" s="76"/>
      <c r="Y2897" s="76"/>
      <c r="Z2897" s="76"/>
      <c r="AA2897" s="85"/>
      <c r="AB2897" s="85"/>
      <c r="AC2897" s="85"/>
      <c r="AD2897" s="85"/>
      <c r="AE2897" s="85"/>
      <c r="AF2897" s="85"/>
      <c r="AG2897" s="86"/>
      <c r="AH2897" s="85"/>
      <c r="AI2897" s="85"/>
      <c r="AJ2897" s="85"/>
      <c r="AK2897" s="85"/>
      <c r="AL2897" s="85"/>
      <c r="AM2897" s="92"/>
      <c r="AN2897" s="92"/>
      <c r="AO2897" s="92"/>
      <c r="AP2897" s="92"/>
      <c r="AQ2897" s="92"/>
      <c r="AR2897" s="92"/>
      <c r="AS2897" s="92"/>
      <c r="AT2897" s="92"/>
      <c r="AU2897" s="92"/>
      <c r="AV2897" s="92"/>
      <c r="AW2897" s="92"/>
      <c r="AX2897" s="92"/>
      <c r="AY2897" s="92"/>
      <c r="AZ2897" s="93"/>
      <c r="BA2897" s="93"/>
      <c r="BB2897" s="93"/>
      <c r="BC2897" s="93"/>
      <c r="BD2897" s="93"/>
      <c r="BE2897" s="93"/>
      <c r="BF2897" s="93"/>
      <c r="BG2897" s="93"/>
      <c r="BH2897" s="93"/>
      <c r="BI2897" s="93"/>
      <c r="BJ2897" s="93"/>
      <c r="BK2897" s="93"/>
      <c r="BL2897" s="93"/>
    </row>
    <row r="2898" spans="2:64" x14ac:dyDescent="0.2">
      <c r="B2898" s="43"/>
      <c r="C2898" s="73"/>
      <c r="D2898" s="64"/>
      <c r="E2898" s="55"/>
      <c r="F2898" s="74"/>
      <c r="G2898" s="74"/>
      <c r="H2898" s="74"/>
      <c r="I2898" s="75"/>
      <c r="J2898" s="74"/>
      <c r="L2898" s="55"/>
      <c r="M2898" s="234"/>
      <c r="N2898" s="65"/>
      <c r="O2898" s="76"/>
      <c r="P2898" s="76"/>
      <c r="Q2898" s="65"/>
      <c r="R2898" s="76"/>
      <c r="S2898" s="76"/>
      <c r="T2898" s="76"/>
      <c r="U2898" s="76"/>
      <c r="V2898" s="76"/>
      <c r="W2898" s="76"/>
      <c r="X2898" s="76"/>
      <c r="Y2898" s="76"/>
      <c r="Z2898" s="76"/>
      <c r="AA2898" s="85"/>
      <c r="AB2898" s="85"/>
      <c r="AC2898" s="85"/>
      <c r="AD2898" s="85"/>
      <c r="AE2898" s="85"/>
      <c r="AF2898" s="85"/>
      <c r="AG2898" s="86"/>
      <c r="AH2898" s="85"/>
      <c r="AI2898" s="85"/>
      <c r="AJ2898" s="85"/>
      <c r="AK2898" s="85"/>
      <c r="AL2898" s="85"/>
      <c r="AM2898" s="92"/>
      <c r="AN2898" s="92"/>
      <c r="AO2898" s="92"/>
      <c r="AP2898" s="92"/>
      <c r="AQ2898" s="92"/>
      <c r="AR2898" s="92"/>
      <c r="AS2898" s="92"/>
      <c r="AT2898" s="92"/>
      <c r="AU2898" s="92"/>
      <c r="AV2898" s="92"/>
      <c r="AW2898" s="92"/>
      <c r="AX2898" s="92"/>
      <c r="AY2898" s="92"/>
      <c r="AZ2898" s="93"/>
      <c r="BA2898" s="93"/>
      <c r="BB2898" s="93"/>
      <c r="BC2898" s="93"/>
      <c r="BD2898" s="93"/>
      <c r="BE2898" s="93"/>
      <c r="BF2898" s="93"/>
      <c r="BG2898" s="93"/>
      <c r="BH2898" s="93"/>
      <c r="BI2898" s="93"/>
      <c r="BJ2898" s="93"/>
      <c r="BK2898" s="93"/>
      <c r="BL2898" s="93"/>
    </row>
    <row r="2899" spans="2:64" x14ac:dyDescent="0.2">
      <c r="B2899" s="43"/>
      <c r="C2899" s="73"/>
      <c r="D2899" s="64"/>
      <c r="E2899" s="55"/>
      <c r="F2899" s="74"/>
      <c r="G2899" s="74"/>
      <c r="H2899" s="74"/>
      <c r="I2899" s="75"/>
      <c r="J2899" s="74"/>
      <c r="L2899" s="55"/>
      <c r="M2899" s="234"/>
      <c r="N2899" s="65"/>
      <c r="O2899" s="76"/>
      <c r="P2899" s="76"/>
      <c r="Q2899" s="65"/>
      <c r="R2899" s="76"/>
      <c r="S2899" s="76"/>
      <c r="T2899" s="76"/>
      <c r="U2899" s="76"/>
      <c r="V2899" s="76"/>
      <c r="W2899" s="76"/>
      <c r="X2899" s="76"/>
      <c r="Y2899" s="76"/>
      <c r="Z2899" s="76"/>
      <c r="AA2899" s="85"/>
      <c r="AB2899" s="85"/>
      <c r="AC2899" s="85"/>
      <c r="AD2899" s="85"/>
      <c r="AE2899" s="85"/>
      <c r="AF2899" s="85"/>
      <c r="AG2899" s="86"/>
      <c r="AH2899" s="85"/>
      <c r="AI2899" s="85"/>
      <c r="AJ2899" s="85"/>
      <c r="AK2899" s="85"/>
      <c r="AL2899" s="85"/>
      <c r="AM2899" s="92"/>
      <c r="AN2899" s="92"/>
      <c r="AO2899" s="92"/>
      <c r="AP2899" s="92"/>
      <c r="AQ2899" s="92"/>
      <c r="AR2899" s="92"/>
      <c r="AS2899" s="92"/>
      <c r="AT2899" s="92"/>
      <c r="AU2899" s="92"/>
      <c r="AV2899" s="92"/>
      <c r="AW2899" s="92"/>
      <c r="AX2899" s="92"/>
      <c r="AY2899" s="92"/>
      <c r="AZ2899" s="93"/>
      <c r="BA2899" s="93"/>
      <c r="BB2899" s="93"/>
      <c r="BC2899" s="93"/>
      <c r="BD2899" s="93"/>
      <c r="BE2899" s="93"/>
      <c r="BF2899" s="93"/>
      <c r="BG2899" s="93"/>
      <c r="BH2899" s="93"/>
      <c r="BI2899" s="93"/>
      <c r="BJ2899" s="93"/>
      <c r="BK2899" s="93"/>
      <c r="BL2899" s="93"/>
    </row>
    <row r="2900" spans="2:64" x14ac:dyDescent="0.2">
      <c r="B2900" s="43"/>
      <c r="C2900" s="73"/>
      <c r="D2900" s="64"/>
      <c r="E2900" s="55"/>
      <c r="F2900" s="74"/>
      <c r="G2900" s="74"/>
      <c r="H2900" s="74"/>
      <c r="I2900" s="75"/>
      <c r="J2900" s="74"/>
      <c r="L2900" s="55"/>
      <c r="M2900" s="234"/>
      <c r="N2900" s="65"/>
      <c r="O2900" s="76"/>
      <c r="P2900" s="76"/>
      <c r="Q2900" s="65"/>
      <c r="R2900" s="76"/>
      <c r="S2900" s="76"/>
      <c r="T2900" s="76"/>
      <c r="U2900" s="76"/>
      <c r="V2900" s="76"/>
      <c r="W2900" s="76"/>
      <c r="X2900" s="76"/>
      <c r="Y2900" s="76"/>
      <c r="Z2900" s="76"/>
      <c r="AA2900" s="85"/>
      <c r="AB2900" s="85"/>
      <c r="AC2900" s="85"/>
      <c r="AD2900" s="85"/>
      <c r="AE2900" s="85"/>
      <c r="AF2900" s="85"/>
      <c r="AG2900" s="86"/>
      <c r="AH2900" s="85"/>
      <c r="AI2900" s="85"/>
      <c r="AJ2900" s="85"/>
      <c r="AK2900" s="85"/>
      <c r="AL2900" s="85"/>
      <c r="AM2900" s="92"/>
      <c r="AN2900" s="92"/>
      <c r="AO2900" s="92"/>
      <c r="AP2900" s="92"/>
      <c r="AQ2900" s="92"/>
      <c r="AR2900" s="92"/>
      <c r="AS2900" s="92"/>
      <c r="AT2900" s="92"/>
      <c r="AU2900" s="92"/>
      <c r="AV2900" s="92"/>
      <c r="AW2900" s="92"/>
      <c r="AX2900" s="92"/>
      <c r="AY2900" s="92"/>
      <c r="AZ2900" s="93"/>
      <c r="BA2900" s="93"/>
      <c r="BB2900" s="93"/>
      <c r="BC2900" s="93"/>
      <c r="BD2900" s="93"/>
      <c r="BE2900" s="93"/>
      <c r="BF2900" s="93"/>
      <c r="BG2900" s="93"/>
      <c r="BH2900" s="93"/>
      <c r="BI2900" s="93"/>
      <c r="BJ2900" s="93"/>
      <c r="BK2900" s="93"/>
      <c r="BL2900" s="93"/>
    </row>
    <row r="2901" spans="2:64" x14ac:dyDescent="0.2">
      <c r="B2901" s="43"/>
      <c r="C2901" s="73"/>
      <c r="D2901" s="64"/>
      <c r="E2901" s="55"/>
      <c r="F2901" s="74"/>
      <c r="G2901" s="74"/>
      <c r="H2901" s="74"/>
      <c r="I2901" s="75"/>
      <c r="J2901" s="74"/>
      <c r="L2901" s="55"/>
      <c r="M2901" s="234"/>
      <c r="N2901" s="65"/>
      <c r="O2901" s="76"/>
      <c r="P2901" s="76"/>
      <c r="Q2901" s="65"/>
      <c r="R2901" s="76"/>
      <c r="S2901" s="76"/>
      <c r="T2901" s="76"/>
      <c r="U2901" s="76"/>
      <c r="V2901" s="76"/>
      <c r="W2901" s="76"/>
      <c r="X2901" s="76"/>
      <c r="Y2901" s="76"/>
      <c r="Z2901" s="76"/>
      <c r="AA2901" s="85"/>
      <c r="AB2901" s="85"/>
      <c r="AC2901" s="85"/>
      <c r="AD2901" s="85"/>
      <c r="AE2901" s="85"/>
      <c r="AF2901" s="85"/>
      <c r="AG2901" s="86"/>
      <c r="AH2901" s="85"/>
      <c r="AI2901" s="85"/>
      <c r="AJ2901" s="85"/>
      <c r="AK2901" s="85"/>
      <c r="AL2901" s="85"/>
      <c r="AM2901" s="92"/>
      <c r="AN2901" s="92"/>
      <c r="AO2901" s="92"/>
      <c r="AP2901" s="92"/>
      <c r="AQ2901" s="92"/>
      <c r="AR2901" s="92"/>
      <c r="AS2901" s="92"/>
      <c r="AT2901" s="92"/>
      <c r="AU2901" s="92"/>
      <c r="AV2901" s="92"/>
      <c r="AW2901" s="92"/>
      <c r="AX2901" s="92"/>
      <c r="AY2901" s="92"/>
      <c r="AZ2901" s="93"/>
      <c r="BA2901" s="93"/>
      <c r="BB2901" s="93"/>
      <c r="BC2901" s="93"/>
      <c r="BD2901" s="93"/>
      <c r="BE2901" s="93"/>
      <c r="BF2901" s="93"/>
      <c r="BG2901" s="93"/>
      <c r="BH2901" s="93"/>
      <c r="BI2901" s="93"/>
      <c r="BJ2901" s="93"/>
      <c r="BK2901" s="93"/>
      <c r="BL2901" s="93"/>
    </row>
    <row r="2902" spans="2:64" x14ac:dyDescent="0.2">
      <c r="B2902" s="43"/>
      <c r="C2902" s="73"/>
      <c r="D2902" s="64"/>
      <c r="E2902" s="55"/>
      <c r="F2902" s="74"/>
      <c r="G2902" s="74"/>
      <c r="H2902" s="74"/>
      <c r="I2902" s="75"/>
      <c r="J2902" s="74"/>
      <c r="L2902" s="55"/>
      <c r="M2902" s="234"/>
      <c r="N2902" s="65"/>
      <c r="O2902" s="76"/>
      <c r="P2902" s="76"/>
      <c r="Q2902" s="65"/>
      <c r="R2902" s="76"/>
      <c r="S2902" s="76"/>
      <c r="T2902" s="76"/>
      <c r="U2902" s="76"/>
      <c r="V2902" s="76"/>
      <c r="W2902" s="76"/>
      <c r="X2902" s="76"/>
      <c r="Y2902" s="76"/>
      <c r="Z2902" s="76"/>
      <c r="AA2902" s="85"/>
      <c r="AB2902" s="85"/>
      <c r="AC2902" s="85"/>
      <c r="AD2902" s="85"/>
      <c r="AE2902" s="85"/>
      <c r="AF2902" s="85"/>
      <c r="AG2902" s="86"/>
      <c r="AH2902" s="85"/>
      <c r="AI2902" s="85"/>
      <c r="AJ2902" s="85"/>
      <c r="AK2902" s="85"/>
      <c r="AL2902" s="85"/>
      <c r="AM2902" s="92"/>
      <c r="AN2902" s="92"/>
      <c r="AO2902" s="92"/>
      <c r="AP2902" s="92"/>
      <c r="AQ2902" s="92"/>
      <c r="AR2902" s="92"/>
      <c r="AS2902" s="92"/>
      <c r="AT2902" s="92"/>
      <c r="AU2902" s="92"/>
      <c r="AV2902" s="92"/>
      <c r="AW2902" s="92"/>
      <c r="AX2902" s="92"/>
      <c r="AY2902" s="92"/>
      <c r="AZ2902" s="93"/>
      <c r="BA2902" s="93"/>
      <c r="BB2902" s="93"/>
      <c r="BC2902" s="93"/>
      <c r="BD2902" s="93"/>
      <c r="BE2902" s="93"/>
      <c r="BF2902" s="93"/>
      <c r="BG2902" s="93"/>
      <c r="BH2902" s="93"/>
      <c r="BI2902" s="93"/>
      <c r="BJ2902" s="93"/>
      <c r="BK2902" s="93"/>
      <c r="BL2902" s="93"/>
    </row>
    <row r="2903" spans="2:64" x14ac:dyDescent="0.2">
      <c r="B2903" s="43"/>
      <c r="C2903" s="73"/>
      <c r="D2903" s="64"/>
      <c r="E2903" s="55"/>
      <c r="F2903" s="74"/>
      <c r="G2903" s="74"/>
      <c r="H2903" s="74"/>
      <c r="I2903" s="75"/>
      <c r="J2903" s="74"/>
      <c r="L2903" s="55"/>
      <c r="M2903" s="234"/>
      <c r="N2903" s="65"/>
      <c r="O2903" s="76"/>
      <c r="P2903" s="76"/>
      <c r="Q2903" s="65"/>
      <c r="R2903" s="76"/>
      <c r="S2903" s="76"/>
      <c r="T2903" s="76"/>
      <c r="U2903" s="76"/>
      <c r="V2903" s="76"/>
      <c r="W2903" s="76"/>
      <c r="X2903" s="76"/>
      <c r="Y2903" s="76"/>
      <c r="Z2903" s="76"/>
      <c r="AA2903" s="85"/>
      <c r="AB2903" s="85"/>
      <c r="AC2903" s="85"/>
      <c r="AD2903" s="85"/>
      <c r="AE2903" s="85"/>
      <c r="AF2903" s="85"/>
      <c r="AG2903" s="86"/>
      <c r="AH2903" s="85"/>
      <c r="AI2903" s="85"/>
      <c r="AJ2903" s="85"/>
      <c r="AK2903" s="85"/>
      <c r="AL2903" s="85"/>
      <c r="AM2903" s="92"/>
      <c r="AN2903" s="92"/>
      <c r="AO2903" s="92"/>
      <c r="AP2903" s="92"/>
      <c r="AQ2903" s="92"/>
      <c r="AR2903" s="92"/>
      <c r="AS2903" s="92"/>
      <c r="AT2903" s="92"/>
      <c r="AU2903" s="92"/>
      <c r="AV2903" s="92"/>
      <c r="AW2903" s="92"/>
      <c r="AX2903" s="92"/>
      <c r="AY2903" s="92"/>
      <c r="AZ2903" s="93"/>
      <c r="BA2903" s="93"/>
      <c r="BB2903" s="93"/>
      <c r="BC2903" s="93"/>
      <c r="BD2903" s="93"/>
      <c r="BE2903" s="93"/>
      <c r="BF2903" s="93"/>
      <c r="BG2903" s="93"/>
      <c r="BH2903" s="93"/>
      <c r="BI2903" s="93"/>
      <c r="BJ2903" s="93"/>
      <c r="BK2903" s="93"/>
      <c r="BL2903" s="93"/>
    </row>
    <row r="2904" spans="2:64" x14ac:dyDescent="0.2">
      <c r="B2904" s="43"/>
      <c r="C2904" s="73"/>
      <c r="D2904" s="64"/>
      <c r="E2904" s="55"/>
      <c r="F2904" s="74"/>
      <c r="G2904" s="74"/>
      <c r="H2904" s="74"/>
      <c r="I2904" s="75"/>
      <c r="J2904" s="74"/>
      <c r="L2904" s="55"/>
      <c r="M2904" s="234"/>
      <c r="N2904" s="65"/>
      <c r="O2904" s="76"/>
      <c r="P2904" s="76"/>
      <c r="Q2904" s="65"/>
      <c r="R2904" s="76"/>
      <c r="S2904" s="76"/>
      <c r="T2904" s="76"/>
      <c r="U2904" s="76"/>
      <c r="V2904" s="76"/>
      <c r="W2904" s="76"/>
      <c r="X2904" s="76"/>
      <c r="Y2904" s="76"/>
      <c r="Z2904" s="76"/>
      <c r="AA2904" s="85"/>
      <c r="AB2904" s="85"/>
      <c r="AC2904" s="85"/>
      <c r="AD2904" s="85"/>
      <c r="AE2904" s="85"/>
      <c r="AF2904" s="85"/>
      <c r="AG2904" s="86"/>
      <c r="AH2904" s="85"/>
      <c r="AI2904" s="85"/>
      <c r="AJ2904" s="85"/>
      <c r="AK2904" s="85"/>
      <c r="AL2904" s="85"/>
      <c r="AM2904" s="92"/>
      <c r="AN2904" s="92"/>
      <c r="AO2904" s="92"/>
      <c r="AP2904" s="92"/>
      <c r="AQ2904" s="92"/>
      <c r="AR2904" s="92"/>
      <c r="AS2904" s="92"/>
      <c r="AT2904" s="92"/>
      <c r="AU2904" s="92"/>
      <c r="AV2904" s="92"/>
      <c r="AW2904" s="92"/>
      <c r="AX2904" s="92"/>
      <c r="AY2904" s="92"/>
      <c r="AZ2904" s="93"/>
      <c r="BA2904" s="93"/>
      <c r="BB2904" s="93"/>
      <c r="BC2904" s="93"/>
      <c r="BD2904" s="93"/>
      <c r="BE2904" s="93"/>
      <c r="BF2904" s="93"/>
      <c r="BG2904" s="93"/>
      <c r="BH2904" s="93"/>
      <c r="BI2904" s="93"/>
      <c r="BJ2904" s="93"/>
      <c r="BK2904" s="93"/>
      <c r="BL2904" s="93"/>
    </row>
    <row r="2905" spans="2:64" x14ac:dyDescent="0.2">
      <c r="B2905" s="43"/>
      <c r="C2905" s="73"/>
      <c r="D2905" s="64"/>
      <c r="E2905" s="55"/>
      <c r="F2905" s="74"/>
      <c r="G2905" s="74"/>
      <c r="H2905" s="74"/>
      <c r="I2905" s="75"/>
      <c r="J2905" s="74"/>
      <c r="L2905" s="55"/>
      <c r="M2905" s="234"/>
      <c r="N2905" s="65"/>
      <c r="O2905" s="76"/>
      <c r="P2905" s="76"/>
      <c r="Q2905" s="65"/>
      <c r="R2905" s="76"/>
      <c r="S2905" s="76"/>
      <c r="T2905" s="76"/>
      <c r="U2905" s="76"/>
      <c r="V2905" s="76"/>
      <c r="W2905" s="76"/>
      <c r="X2905" s="76"/>
      <c r="Y2905" s="76"/>
      <c r="Z2905" s="76"/>
      <c r="AA2905" s="85"/>
      <c r="AB2905" s="85"/>
      <c r="AC2905" s="85"/>
      <c r="AD2905" s="85"/>
      <c r="AE2905" s="85"/>
      <c r="AF2905" s="85"/>
      <c r="AG2905" s="86"/>
      <c r="AH2905" s="85"/>
      <c r="AI2905" s="85"/>
      <c r="AJ2905" s="85"/>
      <c r="AK2905" s="85"/>
      <c r="AL2905" s="85"/>
      <c r="AM2905" s="92"/>
      <c r="AN2905" s="92"/>
      <c r="AO2905" s="92"/>
      <c r="AP2905" s="92"/>
      <c r="AQ2905" s="92"/>
      <c r="AR2905" s="92"/>
      <c r="AS2905" s="92"/>
      <c r="AT2905" s="92"/>
      <c r="AU2905" s="92"/>
      <c r="AV2905" s="92"/>
      <c r="AW2905" s="92"/>
      <c r="AX2905" s="92"/>
      <c r="AY2905" s="92"/>
      <c r="AZ2905" s="93"/>
      <c r="BA2905" s="93"/>
      <c r="BB2905" s="93"/>
      <c r="BC2905" s="93"/>
      <c r="BD2905" s="93"/>
      <c r="BE2905" s="93"/>
      <c r="BF2905" s="93"/>
      <c r="BG2905" s="93"/>
      <c r="BH2905" s="93"/>
      <c r="BI2905" s="93"/>
      <c r="BJ2905" s="93"/>
      <c r="BK2905" s="93"/>
      <c r="BL2905" s="93"/>
    </row>
    <row r="2906" spans="2:64" x14ac:dyDescent="0.2">
      <c r="B2906" s="43"/>
      <c r="C2906" s="73"/>
      <c r="D2906" s="64"/>
      <c r="E2906" s="55"/>
      <c r="F2906" s="74"/>
      <c r="G2906" s="74"/>
      <c r="H2906" s="74"/>
      <c r="I2906" s="75"/>
      <c r="J2906" s="74"/>
      <c r="L2906" s="55"/>
      <c r="M2906" s="234"/>
      <c r="N2906" s="65"/>
      <c r="O2906" s="76"/>
      <c r="P2906" s="76"/>
      <c r="Q2906" s="65"/>
      <c r="R2906" s="76"/>
      <c r="S2906" s="76"/>
      <c r="T2906" s="76"/>
      <c r="U2906" s="76"/>
      <c r="V2906" s="76"/>
      <c r="W2906" s="76"/>
      <c r="X2906" s="76"/>
      <c r="Y2906" s="76"/>
      <c r="Z2906" s="76"/>
      <c r="AA2906" s="85"/>
      <c r="AB2906" s="85"/>
      <c r="AC2906" s="85"/>
      <c r="AD2906" s="85"/>
      <c r="AE2906" s="85"/>
      <c r="AF2906" s="85"/>
      <c r="AG2906" s="86"/>
      <c r="AH2906" s="85"/>
      <c r="AI2906" s="85"/>
      <c r="AJ2906" s="85"/>
      <c r="AK2906" s="85"/>
      <c r="AL2906" s="85"/>
      <c r="AM2906" s="92"/>
      <c r="AN2906" s="92"/>
      <c r="AO2906" s="92"/>
      <c r="AP2906" s="92"/>
      <c r="AQ2906" s="92"/>
      <c r="AR2906" s="92"/>
      <c r="AS2906" s="92"/>
      <c r="AT2906" s="92"/>
      <c r="AU2906" s="92"/>
      <c r="AV2906" s="92"/>
      <c r="AW2906" s="92"/>
      <c r="AX2906" s="92"/>
      <c r="AY2906" s="92"/>
      <c r="AZ2906" s="93"/>
      <c r="BA2906" s="93"/>
      <c r="BB2906" s="93"/>
      <c r="BC2906" s="93"/>
      <c r="BD2906" s="93"/>
      <c r="BE2906" s="93"/>
      <c r="BF2906" s="93"/>
      <c r="BG2906" s="93"/>
      <c r="BH2906" s="93"/>
      <c r="BI2906" s="93"/>
      <c r="BJ2906" s="93"/>
      <c r="BK2906" s="93"/>
      <c r="BL2906" s="93"/>
    </row>
    <row r="2907" spans="2:64" x14ac:dyDescent="0.2">
      <c r="B2907" s="43"/>
      <c r="C2907" s="73"/>
      <c r="D2907" s="64"/>
      <c r="E2907" s="55"/>
      <c r="F2907" s="74"/>
      <c r="G2907" s="74"/>
      <c r="H2907" s="74"/>
      <c r="I2907" s="75"/>
      <c r="J2907" s="74"/>
      <c r="L2907" s="55"/>
      <c r="M2907" s="234"/>
      <c r="N2907" s="65"/>
      <c r="O2907" s="76"/>
      <c r="P2907" s="76"/>
      <c r="Q2907" s="65"/>
      <c r="R2907" s="76"/>
      <c r="S2907" s="76"/>
      <c r="T2907" s="76"/>
      <c r="U2907" s="76"/>
      <c r="V2907" s="76"/>
      <c r="W2907" s="76"/>
      <c r="X2907" s="76"/>
      <c r="Y2907" s="76"/>
      <c r="Z2907" s="76"/>
      <c r="AA2907" s="85"/>
      <c r="AB2907" s="85"/>
      <c r="AC2907" s="85"/>
      <c r="AD2907" s="85"/>
      <c r="AE2907" s="85"/>
      <c r="AF2907" s="85"/>
      <c r="AG2907" s="86"/>
      <c r="AH2907" s="85"/>
      <c r="AI2907" s="85"/>
      <c r="AJ2907" s="85"/>
      <c r="AK2907" s="85"/>
      <c r="AL2907" s="85"/>
      <c r="AM2907" s="92"/>
      <c r="AN2907" s="92"/>
      <c r="AO2907" s="92"/>
      <c r="AP2907" s="92"/>
      <c r="AQ2907" s="92"/>
      <c r="AR2907" s="92"/>
      <c r="AS2907" s="92"/>
      <c r="AT2907" s="92"/>
      <c r="AU2907" s="92"/>
      <c r="AV2907" s="92"/>
      <c r="AW2907" s="92"/>
      <c r="AX2907" s="92"/>
      <c r="AY2907" s="92"/>
      <c r="AZ2907" s="93"/>
      <c r="BA2907" s="93"/>
      <c r="BB2907" s="93"/>
      <c r="BC2907" s="93"/>
      <c r="BD2907" s="93"/>
      <c r="BE2907" s="93"/>
      <c r="BF2907" s="93"/>
      <c r="BG2907" s="93"/>
      <c r="BH2907" s="93"/>
      <c r="BI2907" s="93"/>
      <c r="BJ2907" s="93"/>
      <c r="BK2907" s="93"/>
      <c r="BL2907" s="93"/>
    </row>
    <row r="2908" spans="2:64" x14ac:dyDescent="0.2">
      <c r="B2908" s="43"/>
      <c r="C2908" s="73"/>
      <c r="D2908" s="64"/>
      <c r="E2908" s="55"/>
      <c r="F2908" s="74"/>
      <c r="G2908" s="74"/>
      <c r="H2908" s="74"/>
      <c r="I2908" s="75"/>
      <c r="J2908" s="74"/>
      <c r="L2908" s="55"/>
      <c r="M2908" s="234"/>
      <c r="N2908" s="65"/>
      <c r="O2908" s="76"/>
      <c r="P2908" s="76"/>
      <c r="Q2908" s="65"/>
      <c r="R2908" s="76"/>
      <c r="S2908" s="76"/>
      <c r="T2908" s="76"/>
      <c r="U2908" s="76"/>
      <c r="V2908" s="76"/>
      <c r="W2908" s="76"/>
      <c r="X2908" s="76"/>
      <c r="Y2908" s="76"/>
      <c r="Z2908" s="76"/>
      <c r="AA2908" s="85"/>
      <c r="AB2908" s="85"/>
      <c r="AC2908" s="85"/>
      <c r="AD2908" s="85"/>
      <c r="AE2908" s="85"/>
      <c r="AF2908" s="85"/>
      <c r="AG2908" s="86"/>
      <c r="AH2908" s="85"/>
      <c r="AI2908" s="85"/>
      <c r="AJ2908" s="85"/>
      <c r="AK2908" s="85"/>
      <c r="AL2908" s="85"/>
      <c r="AM2908" s="92"/>
      <c r="AN2908" s="92"/>
      <c r="AO2908" s="92"/>
      <c r="AP2908" s="92"/>
      <c r="AQ2908" s="92"/>
      <c r="AR2908" s="92"/>
      <c r="AS2908" s="92"/>
      <c r="AT2908" s="92"/>
      <c r="AU2908" s="92"/>
      <c r="AV2908" s="92"/>
      <c r="AW2908" s="92"/>
      <c r="AX2908" s="92"/>
      <c r="AY2908" s="92"/>
      <c r="AZ2908" s="93"/>
      <c r="BA2908" s="93"/>
      <c r="BB2908" s="93"/>
      <c r="BC2908" s="93"/>
      <c r="BD2908" s="93"/>
      <c r="BE2908" s="93"/>
      <c r="BF2908" s="93"/>
      <c r="BG2908" s="93"/>
      <c r="BH2908" s="93"/>
      <c r="BI2908" s="93"/>
      <c r="BJ2908" s="93"/>
      <c r="BK2908" s="93"/>
      <c r="BL2908" s="93"/>
    </row>
    <row r="2909" spans="2:64" x14ac:dyDescent="0.2">
      <c r="B2909" s="43"/>
      <c r="C2909" s="73"/>
      <c r="D2909" s="64"/>
      <c r="E2909" s="55"/>
      <c r="F2909" s="74"/>
      <c r="G2909" s="74"/>
      <c r="H2909" s="74"/>
      <c r="I2909" s="75"/>
      <c r="J2909" s="74"/>
      <c r="L2909" s="55"/>
      <c r="M2909" s="234"/>
      <c r="N2909" s="65"/>
      <c r="O2909" s="76"/>
      <c r="P2909" s="76"/>
      <c r="Q2909" s="65"/>
      <c r="R2909" s="76"/>
      <c r="S2909" s="76"/>
      <c r="T2909" s="76"/>
      <c r="U2909" s="76"/>
      <c r="V2909" s="76"/>
      <c r="W2909" s="76"/>
      <c r="X2909" s="76"/>
      <c r="Y2909" s="76"/>
      <c r="Z2909" s="76"/>
      <c r="AA2909" s="85"/>
      <c r="AB2909" s="85"/>
      <c r="AC2909" s="85"/>
      <c r="AD2909" s="85"/>
      <c r="AE2909" s="85"/>
      <c r="AF2909" s="85"/>
      <c r="AG2909" s="86"/>
      <c r="AH2909" s="85"/>
      <c r="AI2909" s="85"/>
      <c r="AJ2909" s="85"/>
      <c r="AK2909" s="85"/>
      <c r="AL2909" s="85"/>
      <c r="AM2909" s="92"/>
      <c r="AN2909" s="92"/>
      <c r="AO2909" s="92"/>
      <c r="AP2909" s="92"/>
      <c r="AQ2909" s="92"/>
      <c r="AR2909" s="92"/>
      <c r="AS2909" s="92"/>
      <c r="AT2909" s="92"/>
      <c r="AU2909" s="92"/>
      <c r="AV2909" s="92"/>
      <c r="AW2909" s="92"/>
      <c r="AX2909" s="92"/>
      <c r="AY2909" s="92"/>
      <c r="AZ2909" s="93"/>
      <c r="BA2909" s="93"/>
      <c r="BB2909" s="93"/>
      <c r="BC2909" s="93"/>
      <c r="BD2909" s="93"/>
      <c r="BE2909" s="93"/>
      <c r="BF2909" s="93"/>
      <c r="BG2909" s="93"/>
      <c r="BH2909" s="93"/>
      <c r="BI2909" s="93"/>
      <c r="BJ2909" s="93"/>
      <c r="BK2909" s="93"/>
      <c r="BL2909" s="93"/>
    </row>
    <row r="2910" spans="2:64" x14ac:dyDescent="0.2">
      <c r="B2910" s="43"/>
      <c r="C2910" s="73"/>
      <c r="D2910" s="64"/>
      <c r="E2910" s="55"/>
      <c r="F2910" s="74"/>
      <c r="G2910" s="74"/>
      <c r="H2910" s="74"/>
      <c r="I2910" s="75"/>
      <c r="J2910" s="74"/>
      <c r="L2910" s="55"/>
      <c r="M2910" s="234"/>
      <c r="N2910" s="65"/>
      <c r="O2910" s="76"/>
      <c r="P2910" s="76"/>
      <c r="Q2910" s="65"/>
      <c r="R2910" s="76"/>
      <c r="S2910" s="76"/>
      <c r="T2910" s="76"/>
      <c r="U2910" s="76"/>
      <c r="V2910" s="76"/>
      <c r="W2910" s="76"/>
      <c r="X2910" s="76"/>
      <c r="Y2910" s="76"/>
      <c r="Z2910" s="76"/>
      <c r="AA2910" s="85"/>
      <c r="AB2910" s="85"/>
      <c r="AC2910" s="85"/>
      <c r="AD2910" s="85"/>
      <c r="AE2910" s="85"/>
      <c r="AF2910" s="85"/>
      <c r="AG2910" s="86"/>
      <c r="AH2910" s="85"/>
      <c r="AI2910" s="85"/>
      <c r="AJ2910" s="85"/>
      <c r="AK2910" s="85"/>
      <c r="AL2910" s="85"/>
      <c r="AM2910" s="92"/>
      <c r="AN2910" s="92"/>
      <c r="AO2910" s="92"/>
      <c r="AP2910" s="92"/>
      <c r="AQ2910" s="92"/>
      <c r="AR2910" s="92"/>
      <c r="AS2910" s="92"/>
      <c r="AT2910" s="92"/>
      <c r="AU2910" s="92"/>
      <c r="AV2910" s="92"/>
      <c r="AW2910" s="92"/>
      <c r="AX2910" s="92"/>
      <c r="AY2910" s="92"/>
      <c r="AZ2910" s="93"/>
      <c r="BA2910" s="93"/>
      <c r="BB2910" s="93"/>
      <c r="BC2910" s="93"/>
      <c r="BD2910" s="93"/>
      <c r="BE2910" s="93"/>
      <c r="BF2910" s="93"/>
      <c r="BG2910" s="93"/>
      <c r="BH2910" s="93"/>
      <c r="BI2910" s="93"/>
      <c r="BJ2910" s="93"/>
      <c r="BK2910" s="93"/>
      <c r="BL2910" s="93"/>
    </row>
    <row r="2911" spans="2:64" x14ac:dyDescent="0.2">
      <c r="B2911" s="43"/>
      <c r="C2911" s="73"/>
      <c r="D2911" s="64"/>
      <c r="E2911" s="55"/>
      <c r="F2911" s="74"/>
      <c r="G2911" s="74"/>
      <c r="H2911" s="74"/>
      <c r="I2911" s="75"/>
      <c r="J2911" s="74"/>
      <c r="L2911" s="55"/>
      <c r="M2911" s="234"/>
      <c r="N2911" s="65"/>
      <c r="O2911" s="76"/>
      <c r="P2911" s="76"/>
      <c r="Q2911" s="65"/>
      <c r="R2911" s="76"/>
      <c r="S2911" s="76"/>
      <c r="T2911" s="76"/>
      <c r="U2911" s="76"/>
      <c r="V2911" s="76"/>
      <c r="W2911" s="76"/>
      <c r="X2911" s="76"/>
      <c r="Y2911" s="76"/>
      <c r="Z2911" s="76"/>
      <c r="AA2911" s="85"/>
      <c r="AB2911" s="85"/>
      <c r="AC2911" s="85"/>
      <c r="AD2911" s="85"/>
      <c r="AE2911" s="85"/>
      <c r="AF2911" s="85"/>
      <c r="AG2911" s="86"/>
      <c r="AH2911" s="85"/>
      <c r="AI2911" s="85"/>
      <c r="AJ2911" s="85"/>
      <c r="AK2911" s="85"/>
      <c r="AL2911" s="85"/>
      <c r="AM2911" s="92"/>
      <c r="AN2911" s="92"/>
      <c r="AO2911" s="92"/>
      <c r="AP2911" s="92"/>
      <c r="AQ2911" s="92"/>
      <c r="AR2911" s="92"/>
      <c r="AS2911" s="92"/>
      <c r="AT2911" s="92"/>
      <c r="AU2911" s="92"/>
      <c r="AV2911" s="92"/>
      <c r="AW2911" s="92"/>
      <c r="AX2911" s="92"/>
      <c r="AY2911" s="92"/>
      <c r="AZ2911" s="93"/>
      <c r="BA2911" s="93"/>
      <c r="BB2911" s="93"/>
      <c r="BC2911" s="93"/>
      <c r="BD2911" s="93"/>
      <c r="BE2911" s="93"/>
      <c r="BF2911" s="93"/>
      <c r="BG2911" s="93"/>
      <c r="BH2911" s="93"/>
      <c r="BI2911" s="93"/>
      <c r="BJ2911" s="93"/>
      <c r="BK2911" s="93"/>
      <c r="BL2911" s="93"/>
    </row>
    <row r="2912" spans="2:64" x14ac:dyDescent="0.2">
      <c r="B2912" s="43"/>
      <c r="C2912" s="73"/>
      <c r="D2912" s="64"/>
      <c r="E2912" s="55"/>
      <c r="F2912" s="74"/>
      <c r="G2912" s="74"/>
      <c r="H2912" s="74"/>
      <c r="I2912" s="75"/>
      <c r="J2912" s="74"/>
      <c r="L2912" s="55"/>
      <c r="M2912" s="234"/>
      <c r="N2912" s="65"/>
      <c r="O2912" s="76"/>
      <c r="P2912" s="76"/>
      <c r="Q2912" s="65"/>
      <c r="R2912" s="76"/>
      <c r="S2912" s="76"/>
      <c r="T2912" s="76"/>
      <c r="U2912" s="76"/>
      <c r="V2912" s="76"/>
      <c r="W2912" s="76"/>
      <c r="X2912" s="76"/>
      <c r="Y2912" s="76"/>
      <c r="Z2912" s="76"/>
      <c r="AA2912" s="85"/>
      <c r="AB2912" s="85"/>
      <c r="AC2912" s="85"/>
      <c r="AD2912" s="85"/>
      <c r="AE2912" s="85"/>
      <c r="AF2912" s="85"/>
      <c r="AG2912" s="86"/>
      <c r="AH2912" s="85"/>
      <c r="AI2912" s="85"/>
      <c r="AJ2912" s="85"/>
      <c r="AK2912" s="85"/>
      <c r="AL2912" s="85"/>
      <c r="AM2912" s="92"/>
      <c r="AN2912" s="92"/>
      <c r="AO2912" s="92"/>
      <c r="AP2912" s="92"/>
      <c r="AQ2912" s="92"/>
      <c r="AR2912" s="92"/>
      <c r="AS2912" s="92"/>
      <c r="AT2912" s="92"/>
      <c r="AU2912" s="92"/>
      <c r="AV2912" s="92"/>
      <c r="AW2912" s="92"/>
      <c r="AX2912" s="92"/>
      <c r="AY2912" s="92"/>
      <c r="AZ2912" s="93"/>
      <c r="BA2912" s="93"/>
      <c r="BB2912" s="93"/>
      <c r="BC2912" s="93"/>
      <c r="BD2912" s="93"/>
      <c r="BE2912" s="93"/>
      <c r="BF2912" s="93"/>
      <c r="BG2912" s="93"/>
      <c r="BH2912" s="93"/>
      <c r="BI2912" s="93"/>
      <c r="BJ2912" s="93"/>
      <c r="BK2912" s="93"/>
      <c r="BL2912" s="93"/>
    </row>
    <row r="2913" spans="2:64" x14ac:dyDescent="0.2">
      <c r="B2913" s="43"/>
      <c r="C2913" s="73"/>
      <c r="D2913" s="64"/>
      <c r="E2913" s="55"/>
      <c r="F2913" s="74"/>
      <c r="G2913" s="74"/>
      <c r="H2913" s="74"/>
      <c r="I2913" s="75"/>
      <c r="J2913" s="74"/>
      <c r="L2913" s="55"/>
      <c r="M2913" s="234"/>
      <c r="N2913" s="65"/>
      <c r="O2913" s="76"/>
      <c r="P2913" s="76"/>
      <c r="Q2913" s="65"/>
      <c r="R2913" s="76"/>
      <c r="S2913" s="76"/>
      <c r="T2913" s="76"/>
      <c r="U2913" s="76"/>
      <c r="V2913" s="76"/>
      <c r="W2913" s="76"/>
      <c r="X2913" s="76"/>
      <c r="Y2913" s="76"/>
      <c r="Z2913" s="76"/>
      <c r="AA2913" s="85"/>
      <c r="AB2913" s="85"/>
      <c r="AC2913" s="85"/>
      <c r="AD2913" s="85"/>
      <c r="AE2913" s="85"/>
      <c r="AF2913" s="85"/>
      <c r="AG2913" s="86"/>
      <c r="AH2913" s="85"/>
      <c r="AI2913" s="85"/>
      <c r="AJ2913" s="85"/>
      <c r="AK2913" s="85"/>
      <c r="AL2913" s="85"/>
      <c r="AM2913" s="92"/>
      <c r="AN2913" s="92"/>
      <c r="AO2913" s="92"/>
      <c r="AP2913" s="92"/>
      <c r="AQ2913" s="92"/>
      <c r="AR2913" s="92"/>
      <c r="AS2913" s="92"/>
      <c r="AT2913" s="92"/>
      <c r="AU2913" s="92"/>
      <c r="AV2913" s="92"/>
      <c r="AW2913" s="92"/>
      <c r="AX2913" s="92"/>
      <c r="AY2913" s="92"/>
      <c r="AZ2913" s="93"/>
      <c r="BA2913" s="93"/>
      <c r="BB2913" s="93"/>
      <c r="BC2913" s="93"/>
      <c r="BD2913" s="93"/>
      <c r="BE2913" s="93"/>
      <c r="BF2913" s="93"/>
      <c r="BG2913" s="93"/>
      <c r="BH2913" s="93"/>
      <c r="BI2913" s="93"/>
      <c r="BJ2913" s="93"/>
      <c r="BK2913" s="93"/>
      <c r="BL2913" s="93"/>
    </row>
    <row r="2914" spans="2:64" x14ac:dyDescent="0.2">
      <c r="B2914" s="43"/>
      <c r="C2914" s="73"/>
      <c r="D2914" s="64"/>
      <c r="E2914" s="55"/>
      <c r="F2914" s="74"/>
      <c r="G2914" s="74"/>
      <c r="H2914" s="74"/>
      <c r="I2914" s="75"/>
      <c r="J2914" s="74"/>
      <c r="L2914" s="55"/>
      <c r="M2914" s="234"/>
      <c r="N2914" s="65"/>
      <c r="O2914" s="76"/>
      <c r="P2914" s="76"/>
      <c r="Q2914" s="65"/>
      <c r="R2914" s="76"/>
      <c r="S2914" s="76"/>
      <c r="T2914" s="76"/>
      <c r="U2914" s="76"/>
      <c r="V2914" s="76"/>
      <c r="W2914" s="76"/>
      <c r="X2914" s="76"/>
      <c r="Y2914" s="76"/>
      <c r="Z2914" s="76"/>
      <c r="AA2914" s="85"/>
      <c r="AB2914" s="85"/>
      <c r="AC2914" s="85"/>
      <c r="AD2914" s="85"/>
      <c r="AE2914" s="85"/>
      <c r="AF2914" s="85"/>
      <c r="AG2914" s="86"/>
      <c r="AH2914" s="85"/>
      <c r="AI2914" s="85"/>
      <c r="AJ2914" s="85"/>
      <c r="AK2914" s="85"/>
      <c r="AL2914" s="85"/>
      <c r="AM2914" s="92"/>
      <c r="AN2914" s="92"/>
      <c r="AO2914" s="92"/>
      <c r="AP2914" s="92"/>
      <c r="AQ2914" s="92"/>
      <c r="AR2914" s="92"/>
      <c r="AS2914" s="92"/>
      <c r="AT2914" s="92"/>
      <c r="AU2914" s="92"/>
      <c r="AV2914" s="92"/>
      <c r="AW2914" s="92"/>
      <c r="AX2914" s="92"/>
      <c r="AY2914" s="92"/>
      <c r="AZ2914" s="93"/>
      <c r="BA2914" s="93"/>
      <c r="BB2914" s="93"/>
      <c r="BC2914" s="93"/>
      <c r="BD2914" s="93"/>
      <c r="BE2914" s="93"/>
      <c r="BF2914" s="93"/>
      <c r="BG2914" s="93"/>
      <c r="BH2914" s="93"/>
      <c r="BI2914" s="93"/>
      <c r="BJ2914" s="93"/>
      <c r="BK2914" s="93"/>
      <c r="BL2914" s="93"/>
    </row>
    <row r="2915" spans="2:64" x14ac:dyDescent="0.2">
      <c r="B2915" s="43"/>
      <c r="C2915" s="73"/>
      <c r="D2915" s="64"/>
      <c r="E2915" s="55"/>
      <c r="F2915" s="74"/>
      <c r="G2915" s="74"/>
      <c r="H2915" s="74"/>
      <c r="I2915" s="75"/>
      <c r="J2915" s="74"/>
      <c r="L2915" s="55"/>
      <c r="M2915" s="234"/>
      <c r="N2915" s="65"/>
      <c r="O2915" s="76"/>
      <c r="P2915" s="76"/>
      <c r="Q2915" s="65"/>
      <c r="R2915" s="76"/>
      <c r="S2915" s="76"/>
      <c r="T2915" s="76"/>
      <c r="U2915" s="76"/>
      <c r="V2915" s="76"/>
      <c r="W2915" s="76"/>
      <c r="X2915" s="76"/>
      <c r="Y2915" s="76"/>
      <c r="Z2915" s="76"/>
      <c r="AA2915" s="85"/>
      <c r="AB2915" s="85"/>
      <c r="AC2915" s="85"/>
      <c r="AD2915" s="85"/>
      <c r="AE2915" s="85"/>
      <c r="AF2915" s="85"/>
      <c r="AG2915" s="86"/>
      <c r="AH2915" s="85"/>
      <c r="AI2915" s="85"/>
      <c r="AJ2915" s="85"/>
      <c r="AK2915" s="85"/>
      <c r="AL2915" s="85"/>
      <c r="AM2915" s="92"/>
      <c r="AN2915" s="92"/>
      <c r="AO2915" s="92"/>
      <c r="AP2915" s="92"/>
      <c r="AQ2915" s="92"/>
      <c r="AR2915" s="92"/>
      <c r="AS2915" s="92"/>
      <c r="AT2915" s="92"/>
      <c r="AU2915" s="92"/>
      <c r="AV2915" s="92"/>
      <c r="AW2915" s="92"/>
      <c r="AX2915" s="92"/>
      <c r="AY2915" s="92"/>
      <c r="AZ2915" s="93"/>
      <c r="BA2915" s="93"/>
      <c r="BB2915" s="93"/>
      <c r="BC2915" s="93"/>
      <c r="BD2915" s="93"/>
      <c r="BE2915" s="93"/>
      <c r="BF2915" s="93"/>
      <c r="BG2915" s="93"/>
      <c r="BH2915" s="93"/>
      <c r="BI2915" s="93"/>
      <c r="BJ2915" s="93"/>
      <c r="BK2915" s="93"/>
      <c r="BL2915" s="93"/>
    </row>
    <row r="2916" spans="2:64" x14ac:dyDescent="0.2">
      <c r="B2916" s="43"/>
      <c r="C2916" s="73"/>
      <c r="D2916" s="64"/>
      <c r="E2916" s="55"/>
      <c r="F2916" s="74"/>
      <c r="G2916" s="74"/>
      <c r="H2916" s="74"/>
      <c r="I2916" s="75"/>
      <c r="J2916" s="74"/>
      <c r="L2916" s="55"/>
      <c r="M2916" s="234"/>
      <c r="N2916" s="65"/>
      <c r="O2916" s="76"/>
      <c r="P2916" s="76"/>
      <c r="Q2916" s="65"/>
      <c r="R2916" s="76"/>
      <c r="S2916" s="76"/>
      <c r="T2916" s="76"/>
      <c r="U2916" s="76"/>
      <c r="V2916" s="76"/>
      <c r="W2916" s="76"/>
      <c r="X2916" s="76"/>
      <c r="Y2916" s="76"/>
      <c r="Z2916" s="76"/>
      <c r="AA2916" s="85"/>
      <c r="AB2916" s="85"/>
      <c r="AC2916" s="85"/>
      <c r="AD2916" s="85"/>
      <c r="AE2916" s="85"/>
      <c r="AF2916" s="85"/>
      <c r="AG2916" s="86"/>
      <c r="AH2916" s="85"/>
      <c r="AI2916" s="85"/>
      <c r="AJ2916" s="85"/>
      <c r="AK2916" s="85"/>
      <c r="AL2916" s="85"/>
      <c r="AM2916" s="92"/>
      <c r="AN2916" s="92"/>
      <c r="AO2916" s="92"/>
      <c r="AP2916" s="92"/>
      <c r="AQ2916" s="92"/>
      <c r="AR2916" s="92"/>
      <c r="AS2916" s="92"/>
      <c r="AT2916" s="92"/>
      <c r="AU2916" s="92"/>
      <c r="AV2916" s="92"/>
      <c r="AW2916" s="92"/>
      <c r="AX2916" s="92"/>
      <c r="AY2916" s="92"/>
      <c r="AZ2916" s="93"/>
      <c r="BA2916" s="93"/>
      <c r="BB2916" s="93"/>
      <c r="BC2916" s="93"/>
      <c r="BD2916" s="93"/>
      <c r="BE2916" s="93"/>
      <c r="BF2916" s="93"/>
      <c r="BG2916" s="93"/>
      <c r="BH2916" s="93"/>
      <c r="BI2916" s="93"/>
      <c r="BJ2916" s="93"/>
      <c r="BK2916" s="93"/>
      <c r="BL2916" s="93"/>
    </row>
    <row r="2917" spans="2:64" x14ac:dyDescent="0.2">
      <c r="B2917" s="43"/>
      <c r="C2917" s="73"/>
      <c r="D2917" s="64"/>
      <c r="E2917" s="55"/>
      <c r="F2917" s="74"/>
      <c r="G2917" s="74"/>
      <c r="H2917" s="74"/>
      <c r="I2917" s="75"/>
      <c r="J2917" s="74"/>
      <c r="L2917" s="55"/>
      <c r="M2917" s="234"/>
      <c r="N2917" s="65"/>
      <c r="O2917" s="76"/>
      <c r="P2917" s="76"/>
      <c r="Q2917" s="65"/>
      <c r="R2917" s="76"/>
      <c r="S2917" s="76"/>
      <c r="T2917" s="76"/>
      <c r="U2917" s="76"/>
      <c r="V2917" s="76"/>
      <c r="W2917" s="76"/>
      <c r="X2917" s="76"/>
      <c r="Y2917" s="76"/>
      <c r="Z2917" s="76"/>
      <c r="AA2917" s="85"/>
      <c r="AB2917" s="85"/>
      <c r="AC2917" s="85"/>
      <c r="AD2917" s="85"/>
      <c r="AE2917" s="85"/>
      <c r="AF2917" s="85"/>
      <c r="AG2917" s="86"/>
      <c r="AH2917" s="85"/>
      <c r="AI2917" s="85"/>
      <c r="AJ2917" s="85"/>
      <c r="AK2917" s="85"/>
      <c r="AL2917" s="85"/>
      <c r="AM2917" s="92"/>
      <c r="AN2917" s="92"/>
      <c r="AO2917" s="92"/>
      <c r="AP2917" s="92"/>
      <c r="AQ2917" s="92"/>
      <c r="AR2917" s="92"/>
      <c r="AS2917" s="92"/>
      <c r="AT2917" s="92"/>
      <c r="AU2917" s="92"/>
      <c r="AV2917" s="92"/>
      <c r="AW2917" s="92"/>
      <c r="AX2917" s="92"/>
      <c r="AY2917" s="92"/>
      <c r="AZ2917" s="93"/>
      <c r="BA2917" s="93"/>
      <c r="BB2917" s="93"/>
      <c r="BC2917" s="93"/>
      <c r="BD2917" s="93"/>
      <c r="BE2917" s="93"/>
      <c r="BF2917" s="93"/>
      <c r="BG2917" s="93"/>
      <c r="BH2917" s="93"/>
      <c r="BI2917" s="93"/>
      <c r="BJ2917" s="93"/>
      <c r="BK2917" s="93"/>
      <c r="BL2917" s="93"/>
    </row>
    <row r="2918" spans="2:64" x14ac:dyDescent="0.2">
      <c r="B2918" s="43"/>
      <c r="C2918" s="73"/>
      <c r="D2918" s="64"/>
      <c r="E2918" s="55"/>
      <c r="F2918" s="74"/>
      <c r="G2918" s="74"/>
      <c r="H2918" s="74"/>
      <c r="I2918" s="75"/>
      <c r="J2918" s="74"/>
      <c r="L2918" s="55"/>
      <c r="M2918" s="234"/>
      <c r="N2918" s="65"/>
      <c r="O2918" s="76"/>
      <c r="P2918" s="76"/>
      <c r="Q2918" s="65"/>
      <c r="R2918" s="76"/>
      <c r="S2918" s="76"/>
      <c r="T2918" s="76"/>
      <c r="U2918" s="76"/>
      <c r="V2918" s="76"/>
      <c r="W2918" s="76"/>
      <c r="X2918" s="76"/>
      <c r="Y2918" s="76"/>
      <c r="Z2918" s="76"/>
      <c r="AA2918" s="85"/>
      <c r="AB2918" s="85"/>
      <c r="AC2918" s="85"/>
      <c r="AD2918" s="85"/>
      <c r="AE2918" s="85"/>
      <c r="AF2918" s="85"/>
      <c r="AG2918" s="86"/>
      <c r="AH2918" s="85"/>
      <c r="AI2918" s="85"/>
      <c r="AJ2918" s="85"/>
      <c r="AK2918" s="85"/>
      <c r="AL2918" s="85"/>
      <c r="AM2918" s="92"/>
      <c r="AN2918" s="92"/>
      <c r="AO2918" s="92"/>
      <c r="AP2918" s="92"/>
      <c r="AQ2918" s="92"/>
      <c r="AR2918" s="92"/>
      <c r="AS2918" s="92"/>
      <c r="AT2918" s="92"/>
      <c r="AU2918" s="92"/>
      <c r="AV2918" s="92"/>
      <c r="AW2918" s="92"/>
      <c r="AX2918" s="92"/>
      <c r="AY2918" s="92"/>
      <c r="AZ2918" s="93"/>
      <c r="BA2918" s="93"/>
      <c r="BB2918" s="93"/>
      <c r="BC2918" s="93"/>
      <c r="BD2918" s="93"/>
      <c r="BE2918" s="93"/>
      <c r="BF2918" s="93"/>
      <c r="BG2918" s="93"/>
      <c r="BH2918" s="93"/>
      <c r="BI2918" s="93"/>
      <c r="BJ2918" s="93"/>
      <c r="BK2918" s="93"/>
      <c r="BL2918" s="93"/>
    </row>
    <row r="2919" spans="2:64" x14ac:dyDescent="0.2">
      <c r="B2919" s="43"/>
      <c r="C2919" s="73"/>
      <c r="D2919" s="64"/>
      <c r="E2919" s="55"/>
      <c r="F2919" s="74"/>
      <c r="G2919" s="74"/>
      <c r="H2919" s="74"/>
      <c r="I2919" s="75"/>
      <c r="J2919" s="74"/>
      <c r="L2919" s="55"/>
      <c r="M2919" s="234"/>
      <c r="N2919" s="65"/>
      <c r="O2919" s="76"/>
      <c r="P2919" s="76"/>
      <c r="Q2919" s="65"/>
      <c r="R2919" s="76"/>
      <c r="S2919" s="76"/>
      <c r="T2919" s="76"/>
      <c r="U2919" s="76"/>
      <c r="V2919" s="76"/>
      <c r="W2919" s="76"/>
      <c r="X2919" s="76"/>
      <c r="Y2919" s="76"/>
      <c r="Z2919" s="76"/>
      <c r="AA2919" s="85"/>
      <c r="AB2919" s="85"/>
      <c r="AC2919" s="85"/>
      <c r="AD2919" s="85"/>
      <c r="AE2919" s="85"/>
      <c r="AF2919" s="85"/>
      <c r="AG2919" s="86"/>
      <c r="AH2919" s="85"/>
      <c r="AI2919" s="85"/>
      <c r="AJ2919" s="85"/>
      <c r="AK2919" s="85"/>
      <c r="AL2919" s="85"/>
      <c r="AM2919" s="92"/>
      <c r="AN2919" s="92"/>
      <c r="AO2919" s="92"/>
      <c r="AP2919" s="92"/>
      <c r="AQ2919" s="92"/>
      <c r="AR2919" s="92"/>
      <c r="AS2919" s="92"/>
      <c r="AT2919" s="92"/>
      <c r="AU2919" s="92"/>
      <c r="AV2919" s="92"/>
      <c r="AW2919" s="92"/>
      <c r="AX2919" s="92"/>
      <c r="AY2919" s="92"/>
      <c r="AZ2919" s="93"/>
      <c r="BA2919" s="93"/>
      <c r="BB2919" s="93"/>
      <c r="BC2919" s="93"/>
      <c r="BD2919" s="93"/>
      <c r="BE2919" s="93"/>
      <c r="BF2919" s="93"/>
      <c r="BG2919" s="93"/>
      <c r="BH2919" s="93"/>
      <c r="BI2919" s="93"/>
      <c r="BJ2919" s="93"/>
      <c r="BK2919" s="93"/>
      <c r="BL2919" s="93"/>
    </row>
    <row r="2920" spans="2:64" x14ac:dyDescent="0.2">
      <c r="B2920" s="43"/>
      <c r="C2920" s="73"/>
      <c r="D2920" s="64"/>
      <c r="E2920" s="55"/>
      <c r="F2920" s="74"/>
      <c r="G2920" s="74"/>
      <c r="H2920" s="74"/>
      <c r="I2920" s="75"/>
      <c r="J2920" s="74"/>
      <c r="L2920" s="55"/>
      <c r="M2920" s="234"/>
      <c r="N2920" s="65"/>
      <c r="O2920" s="76"/>
      <c r="P2920" s="76"/>
      <c r="Q2920" s="65"/>
      <c r="R2920" s="76"/>
      <c r="S2920" s="76"/>
      <c r="T2920" s="76"/>
      <c r="U2920" s="76"/>
      <c r="V2920" s="76"/>
      <c r="W2920" s="76"/>
      <c r="X2920" s="76"/>
      <c r="Y2920" s="76"/>
      <c r="Z2920" s="76"/>
      <c r="AA2920" s="85"/>
      <c r="AB2920" s="85"/>
      <c r="AC2920" s="85"/>
      <c r="AD2920" s="85"/>
      <c r="AE2920" s="85"/>
      <c r="AF2920" s="85"/>
      <c r="AG2920" s="86"/>
      <c r="AH2920" s="85"/>
      <c r="AI2920" s="85"/>
      <c r="AJ2920" s="85"/>
      <c r="AK2920" s="85"/>
      <c r="AL2920" s="85"/>
      <c r="AM2920" s="92"/>
      <c r="AN2920" s="92"/>
      <c r="AO2920" s="92"/>
      <c r="AP2920" s="92"/>
      <c r="AQ2920" s="92"/>
      <c r="AR2920" s="92"/>
      <c r="AS2920" s="92"/>
      <c r="AT2920" s="92"/>
      <c r="AU2920" s="92"/>
      <c r="AV2920" s="92"/>
      <c r="AW2920" s="92"/>
      <c r="AX2920" s="92"/>
      <c r="AY2920" s="92"/>
      <c r="AZ2920" s="93"/>
      <c r="BA2920" s="93"/>
      <c r="BB2920" s="93"/>
      <c r="BC2920" s="93"/>
      <c r="BD2920" s="93"/>
      <c r="BE2920" s="93"/>
      <c r="BF2920" s="93"/>
      <c r="BG2920" s="93"/>
      <c r="BH2920" s="93"/>
      <c r="BI2920" s="93"/>
      <c r="BJ2920" s="93"/>
      <c r="BK2920" s="93"/>
      <c r="BL2920" s="93"/>
    </row>
    <row r="2921" spans="2:64" x14ac:dyDescent="0.2">
      <c r="B2921" s="43"/>
      <c r="C2921" s="73"/>
      <c r="D2921" s="64"/>
      <c r="E2921" s="55"/>
      <c r="F2921" s="74"/>
      <c r="G2921" s="74"/>
      <c r="H2921" s="74"/>
      <c r="I2921" s="75"/>
      <c r="J2921" s="74"/>
      <c r="L2921" s="55"/>
      <c r="M2921" s="234"/>
      <c r="N2921" s="65"/>
      <c r="O2921" s="76"/>
      <c r="P2921" s="76"/>
      <c r="Q2921" s="65"/>
      <c r="R2921" s="76"/>
      <c r="S2921" s="76"/>
      <c r="T2921" s="76"/>
      <c r="U2921" s="76"/>
      <c r="V2921" s="76"/>
      <c r="W2921" s="76"/>
      <c r="X2921" s="76"/>
      <c r="Y2921" s="76"/>
      <c r="Z2921" s="76"/>
      <c r="AA2921" s="85"/>
      <c r="AB2921" s="85"/>
      <c r="AC2921" s="85"/>
      <c r="AD2921" s="85"/>
      <c r="AE2921" s="85"/>
      <c r="AF2921" s="85"/>
      <c r="AG2921" s="86"/>
      <c r="AH2921" s="85"/>
      <c r="AI2921" s="85"/>
      <c r="AJ2921" s="85"/>
      <c r="AK2921" s="85"/>
      <c r="AL2921" s="85"/>
      <c r="AM2921" s="92"/>
      <c r="AN2921" s="92"/>
      <c r="AO2921" s="92"/>
      <c r="AP2921" s="92"/>
      <c r="AQ2921" s="92"/>
      <c r="AR2921" s="92"/>
      <c r="AS2921" s="92"/>
      <c r="AT2921" s="92"/>
      <c r="AU2921" s="92"/>
      <c r="AV2921" s="92"/>
      <c r="AW2921" s="92"/>
      <c r="AX2921" s="92"/>
      <c r="AY2921" s="92"/>
      <c r="AZ2921" s="93"/>
      <c r="BA2921" s="93"/>
      <c r="BB2921" s="93"/>
      <c r="BC2921" s="93"/>
      <c r="BD2921" s="93"/>
      <c r="BE2921" s="93"/>
      <c r="BF2921" s="93"/>
      <c r="BG2921" s="93"/>
      <c r="BH2921" s="93"/>
      <c r="BI2921" s="93"/>
      <c r="BJ2921" s="93"/>
      <c r="BK2921" s="93"/>
      <c r="BL2921" s="93"/>
    </row>
    <row r="2922" spans="2:64" x14ac:dyDescent="0.2">
      <c r="B2922" s="43"/>
      <c r="C2922" s="73"/>
      <c r="D2922" s="64"/>
      <c r="E2922" s="55"/>
      <c r="F2922" s="74"/>
      <c r="G2922" s="74"/>
      <c r="H2922" s="74"/>
      <c r="I2922" s="75"/>
      <c r="J2922" s="74"/>
      <c r="L2922" s="55"/>
      <c r="M2922" s="234"/>
      <c r="N2922" s="65"/>
      <c r="O2922" s="76"/>
      <c r="P2922" s="76"/>
      <c r="Q2922" s="65"/>
      <c r="R2922" s="76"/>
      <c r="S2922" s="76"/>
      <c r="T2922" s="76"/>
      <c r="U2922" s="76"/>
      <c r="V2922" s="76"/>
      <c r="W2922" s="76"/>
      <c r="X2922" s="76"/>
      <c r="Y2922" s="76"/>
      <c r="Z2922" s="76"/>
      <c r="AA2922" s="85"/>
      <c r="AB2922" s="85"/>
      <c r="AC2922" s="85"/>
      <c r="AD2922" s="85"/>
      <c r="AE2922" s="85"/>
      <c r="AF2922" s="85"/>
      <c r="AG2922" s="86"/>
      <c r="AH2922" s="85"/>
      <c r="AI2922" s="85"/>
      <c r="AJ2922" s="85"/>
      <c r="AK2922" s="85"/>
      <c r="AL2922" s="85"/>
      <c r="AM2922" s="92"/>
      <c r="AN2922" s="92"/>
      <c r="AO2922" s="92"/>
      <c r="AP2922" s="92"/>
      <c r="AQ2922" s="92"/>
      <c r="AR2922" s="92"/>
      <c r="AS2922" s="92"/>
      <c r="AT2922" s="92"/>
      <c r="AU2922" s="92"/>
      <c r="AV2922" s="92"/>
      <c r="AW2922" s="92"/>
      <c r="AX2922" s="92"/>
      <c r="AY2922" s="92"/>
      <c r="AZ2922" s="93"/>
      <c r="BA2922" s="93"/>
      <c r="BB2922" s="93"/>
      <c r="BC2922" s="93"/>
      <c r="BD2922" s="93"/>
      <c r="BE2922" s="93"/>
      <c r="BF2922" s="93"/>
      <c r="BG2922" s="93"/>
      <c r="BH2922" s="93"/>
      <c r="BI2922" s="93"/>
      <c r="BJ2922" s="93"/>
      <c r="BK2922" s="93"/>
      <c r="BL2922" s="93"/>
    </row>
    <row r="2923" spans="2:64" x14ac:dyDescent="0.2">
      <c r="B2923" s="43"/>
      <c r="C2923" s="73"/>
      <c r="D2923" s="64"/>
      <c r="E2923" s="55"/>
      <c r="F2923" s="74"/>
      <c r="G2923" s="74"/>
      <c r="H2923" s="74"/>
      <c r="I2923" s="75"/>
      <c r="J2923" s="74"/>
      <c r="L2923" s="55"/>
      <c r="M2923" s="234"/>
      <c r="N2923" s="65"/>
      <c r="O2923" s="76"/>
      <c r="P2923" s="76"/>
      <c r="Q2923" s="65"/>
      <c r="R2923" s="76"/>
      <c r="S2923" s="76"/>
      <c r="T2923" s="76"/>
      <c r="U2923" s="76"/>
      <c r="V2923" s="76"/>
      <c r="W2923" s="76"/>
      <c r="X2923" s="76"/>
      <c r="Y2923" s="76"/>
      <c r="Z2923" s="76"/>
      <c r="AA2923" s="85"/>
      <c r="AB2923" s="85"/>
      <c r="AC2923" s="85"/>
      <c r="AD2923" s="85"/>
      <c r="AE2923" s="85"/>
      <c r="AF2923" s="85"/>
      <c r="AG2923" s="86"/>
      <c r="AH2923" s="85"/>
      <c r="AI2923" s="85"/>
      <c r="AJ2923" s="85"/>
      <c r="AK2923" s="85"/>
      <c r="AL2923" s="85"/>
      <c r="AM2923" s="92"/>
      <c r="AN2923" s="92"/>
      <c r="AO2923" s="92"/>
      <c r="AP2923" s="92"/>
      <c r="AQ2923" s="92"/>
      <c r="AR2923" s="92"/>
      <c r="AS2923" s="92"/>
      <c r="AT2923" s="92"/>
      <c r="AU2923" s="92"/>
      <c r="AV2923" s="92"/>
      <c r="AW2923" s="92"/>
      <c r="AX2923" s="92"/>
      <c r="AY2923" s="92"/>
      <c r="AZ2923" s="93"/>
      <c r="BA2923" s="93"/>
      <c r="BB2923" s="93"/>
      <c r="BC2923" s="93"/>
      <c r="BD2923" s="93"/>
      <c r="BE2923" s="93"/>
      <c r="BF2923" s="93"/>
      <c r="BG2923" s="93"/>
      <c r="BH2923" s="93"/>
      <c r="BI2923" s="93"/>
      <c r="BJ2923" s="93"/>
      <c r="BK2923" s="93"/>
      <c r="BL2923" s="93"/>
    </row>
    <row r="2924" spans="2:64" x14ac:dyDescent="0.2">
      <c r="B2924" s="43"/>
      <c r="C2924" s="73"/>
      <c r="D2924" s="64"/>
      <c r="E2924" s="55"/>
      <c r="F2924" s="74"/>
      <c r="G2924" s="74"/>
      <c r="H2924" s="74"/>
      <c r="I2924" s="75"/>
      <c r="J2924" s="74"/>
      <c r="L2924" s="55"/>
      <c r="M2924" s="234"/>
      <c r="N2924" s="65"/>
      <c r="O2924" s="76"/>
      <c r="P2924" s="76"/>
      <c r="Q2924" s="65"/>
      <c r="R2924" s="76"/>
      <c r="S2924" s="76"/>
      <c r="T2924" s="76"/>
      <c r="U2924" s="76"/>
      <c r="V2924" s="76"/>
      <c r="W2924" s="76"/>
      <c r="X2924" s="76"/>
      <c r="Y2924" s="76"/>
      <c r="Z2924" s="76"/>
      <c r="AA2924" s="85"/>
      <c r="AB2924" s="85"/>
      <c r="AC2924" s="85"/>
      <c r="AD2924" s="85"/>
      <c r="AE2924" s="85"/>
      <c r="AF2924" s="85"/>
      <c r="AG2924" s="86"/>
      <c r="AH2924" s="85"/>
      <c r="AI2924" s="85"/>
      <c r="AJ2924" s="85"/>
      <c r="AK2924" s="85"/>
      <c r="AL2924" s="85"/>
      <c r="AM2924" s="92"/>
      <c r="AN2924" s="92"/>
      <c r="AO2924" s="92"/>
      <c r="AP2924" s="92"/>
      <c r="AQ2924" s="92"/>
      <c r="AR2924" s="92"/>
      <c r="AS2924" s="92"/>
      <c r="AT2924" s="92"/>
      <c r="AU2924" s="92"/>
      <c r="AV2924" s="92"/>
      <c r="AW2924" s="92"/>
      <c r="AX2924" s="92"/>
      <c r="AY2924" s="92"/>
      <c r="AZ2924" s="93"/>
      <c r="BA2924" s="93"/>
      <c r="BB2924" s="93"/>
      <c r="BC2924" s="93"/>
      <c r="BD2924" s="93"/>
      <c r="BE2924" s="93"/>
      <c r="BF2924" s="93"/>
      <c r="BG2924" s="93"/>
      <c r="BH2924" s="93"/>
      <c r="BI2924" s="93"/>
      <c r="BJ2924" s="93"/>
      <c r="BK2924" s="93"/>
      <c r="BL2924" s="93"/>
    </row>
    <row r="2925" spans="2:64" x14ac:dyDescent="0.2">
      <c r="B2925" s="43"/>
      <c r="C2925" s="73"/>
      <c r="D2925" s="64"/>
      <c r="E2925" s="55"/>
      <c r="F2925" s="74"/>
      <c r="G2925" s="74"/>
      <c r="H2925" s="74"/>
      <c r="I2925" s="75"/>
      <c r="J2925" s="74"/>
      <c r="L2925" s="55"/>
      <c r="M2925" s="234"/>
      <c r="N2925" s="65"/>
      <c r="O2925" s="76"/>
      <c r="P2925" s="76"/>
      <c r="Q2925" s="65"/>
      <c r="R2925" s="76"/>
      <c r="S2925" s="76"/>
      <c r="T2925" s="76"/>
      <c r="U2925" s="76"/>
      <c r="V2925" s="76"/>
      <c r="W2925" s="76"/>
      <c r="X2925" s="76"/>
      <c r="Y2925" s="76"/>
      <c r="Z2925" s="76"/>
      <c r="AA2925" s="85"/>
      <c r="AB2925" s="85"/>
      <c r="AC2925" s="85"/>
      <c r="AD2925" s="85"/>
      <c r="AE2925" s="85"/>
      <c r="AF2925" s="85"/>
      <c r="AG2925" s="86"/>
      <c r="AH2925" s="85"/>
      <c r="AI2925" s="85"/>
      <c r="AJ2925" s="85"/>
      <c r="AK2925" s="85"/>
      <c r="AL2925" s="85"/>
      <c r="AM2925" s="92"/>
      <c r="AN2925" s="92"/>
      <c r="AO2925" s="92"/>
      <c r="AP2925" s="92"/>
      <c r="AQ2925" s="92"/>
      <c r="AR2925" s="92"/>
      <c r="AS2925" s="92"/>
      <c r="AT2925" s="92"/>
      <c r="AU2925" s="92"/>
      <c r="AV2925" s="92"/>
      <c r="AW2925" s="92"/>
      <c r="AX2925" s="92"/>
      <c r="AY2925" s="92"/>
      <c r="AZ2925" s="93"/>
      <c r="BA2925" s="93"/>
      <c r="BB2925" s="93"/>
      <c r="BC2925" s="93"/>
      <c r="BD2925" s="93"/>
      <c r="BE2925" s="93"/>
      <c r="BF2925" s="93"/>
      <c r="BG2925" s="93"/>
      <c r="BH2925" s="93"/>
      <c r="BI2925" s="93"/>
      <c r="BJ2925" s="93"/>
      <c r="BK2925" s="93"/>
      <c r="BL2925" s="93"/>
    </row>
    <row r="2926" spans="2:64" x14ac:dyDescent="0.2">
      <c r="B2926" s="43"/>
      <c r="C2926" s="73"/>
      <c r="D2926" s="64"/>
      <c r="E2926" s="55"/>
      <c r="F2926" s="74"/>
      <c r="G2926" s="74"/>
      <c r="H2926" s="74"/>
      <c r="I2926" s="75"/>
      <c r="J2926" s="74"/>
      <c r="L2926" s="55"/>
      <c r="M2926" s="234"/>
      <c r="N2926" s="65"/>
      <c r="O2926" s="76"/>
      <c r="P2926" s="76"/>
      <c r="Q2926" s="65"/>
      <c r="R2926" s="76"/>
      <c r="S2926" s="76"/>
      <c r="T2926" s="76"/>
      <c r="U2926" s="76"/>
      <c r="V2926" s="76"/>
      <c r="W2926" s="76"/>
      <c r="X2926" s="76"/>
      <c r="Y2926" s="76"/>
      <c r="Z2926" s="76"/>
      <c r="AA2926" s="85"/>
      <c r="AB2926" s="85"/>
      <c r="AC2926" s="85"/>
      <c r="AD2926" s="85"/>
      <c r="AE2926" s="85"/>
      <c r="AF2926" s="85"/>
      <c r="AG2926" s="86"/>
      <c r="AH2926" s="85"/>
      <c r="AI2926" s="85"/>
      <c r="AJ2926" s="85"/>
      <c r="AK2926" s="85"/>
      <c r="AL2926" s="85"/>
      <c r="AM2926" s="92"/>
      <c r="AN2926" s="92"/>
      <c r="AO2926" s="92"/>
      <c r="AP2926" s="92"/>
      <c r="AQ2926" s="92"/>
      <c r="AR2926" s="92"/>
      <c r="AS2926" s="92"/>
      <c r="AT2926" s="92"/>
      <c r="AU2926" s="92"/>
      <c r="AV2926" s="92"/>
      <c r="AW2926" s="92"/>
      <c r="AX2926" s="92"/>
      <c r="AY2926" s="92"/>
      <c r="AZ2926" s="93"/>
      <c r="BA2926" s="93"/>
      <c r="BB2926" s="93"/>
      <c r="BC2926" s="93"/>
      <c r="BD2926" s="93"/>
      <c r="BE2926" s="93"/>
      <c r="BF2926" s="93"/>
      <c r="BG2926" s="93"/>
      <c r="BH2926" s="93"/>
      <c r="BI2926" s="93"/>
      <c r="BJ2926" s="93"/>
      <c r="BK2926" s="93"/>
      <c r="BL2926" s="93"/>
    </row>
    <row r="2927" spans="2:64" x14ac:dyDescent="0.2">
      <c r="B2927" s="43"/>
      <c r="C2927" s="73"/>
      <c r="D2927" s="64"/>
      <c r="E2927" s="55"/>
      <c r="F2927" s="74"/>
      <c r="G2927" s="74"/>
      <c r="H2927" s="74"/>
      <c r="I2927" s="75"/>
      <c r="J2927" s="74"/>
      <c r="L2927" s="55"/>
      <c r="M2927" s="234"/>
      <c r="N2927" s="65"/>
      <c r="O2927" s="76"/>
      <c r="P2927" s="76"/>
      <c r="Q2927" s="65"/>
      <c r="R2927" s="76"/>
      <c r="S2927" s="76"/>
      <c r="T2927" s="76"/>
      <c r="U2927" s="76"/>
      <c r="V2927" s="76"/>
      <c r="W2927" s="76"/>
      <c r="X2927" s="76"/>
      <c r="Y2927" s="76"/>
      <c r="Z2927" s="76"/>
      <c r="AA2927" s="85"/>
      <c r="AB2927" s="85"/>
      <c r="AC2927" s="85"/>
      <c r="AD2927" s="85"/>
      <c r="AE2927" s="85"/>
      <c r="AF2927" s="85"/>
      <c r="AG2927" s="86"/>
      <c r="AH2927" s="85"/>
      <c r="AI2927" s="85"/>
      <c r="AJ2927" s="85"/>
      <c r="AK2927" s="85"/>
      <c r="AL2927" s="85"/>
      <c r="AM2927" s="92"/>
      <c r="AN2927" s="92"/>
      <c r="AO2927" s="92"/>
      <c r="AP2927" s="92"/>
      <c r="AQ2927" s="92"/>
      <c r="AR2927" s="92"/>
      <c r="AS2927" s="92"/>
      <c r="AT2927" s="92"/>
      <c r="AU2927" s="92"/>
      <c r="AV2927" s="92"/>
      <c r="AW2927" s="92"/>
      <c r="AX2927" s="92"/>
      <c r="AY2927" s="92"/>
      <c r="AZ2927" s="93"/>
      <c r="BA2927" s="93"/>
      <c r="BB2927" s="93"/>
      <c r="BC2927" s="93"/>
      <c r="BD2927" s="93"/>
      <c r="BE2927" s="93"/>
      <c r="BF2927" s="93"/>
      <c r="BG2927" s="93"/>
      <c r="BH2927" s="93"/>
      <c r="BI2927" s="93"/>
      <c r="BJ2927" s="93"/>
      <c r="BK2927" s="93"/>
      <c r="BL2927" s="93"/>
    </row>
    <row r="2928" spans="2:64" x14ac:dyDescent="0.2">
      <c r="B2928" s="43"/>
      <c r="C2928" s="73"/>
      <c r="D2928" s="64"/>
      <c r="E2928" s="55"/>
      <c r="F2928" s="74"/>
      <c r="G2928" s="74"/>
      <c r="H2928" s="74"/>
      <c r="I2928" s="75"/>
      <c r="J2928" s="74"/>
      <c r="L2928" s="55"/>
      <c r="M2928" s="234"/>
      <c r="N2928" s="65"/>
      <c r="O2928" s="76"/>
      <c r="P2928" s="76"/>
      <c r="Q2928" s="65"/>
      <c r="R2928" s="76"/>
      <c r="S2928" s="76"/>
      <c r="T2928" s="76"/>
      <c r="U2928" s="76"/>
      <c r="V2928" s="76"/>
      <c r="W2928" s="76"/>
      <c r="X2928" s="76"/>
      <c r="Y2928" s="76"/>
      <c r="Z2928" s="76"/>
      <c r="AA2928" s="85"/>
      <c r="AB2928" s="85"/>
      <c r="AC2928" s="85"/>
      <c r="AD2928" s="85"/>
      <c r="AE2928" s="85"/>
      <c r="AF2928" s="85"/>
      <c r="AG2928" s="86"/>
      <c r="AH2928" s="85"/>
      <c r="AI2928" s="85"/>
      <c r="AJ2928" s="85"/>
      <c r="AK2928" s="85"/>
      <c r="AL2928" s="85"/>
      <c r="AM2928" s="92"/>
      <c r="AN2928" s="92"/>
      <c r="AO2928" s="92"/>
      <c r="AP2928" s="92"/>
      <c r="AQ2928" s="92"/>
      <c r="AR2928" s="92"/>
      <c r="AS2928" s="92"/>
      <c r="AT2928" s="92"/>
      <c r="AU2928" s="92"/>
      <c r="AV2928" s="92"/>
      <c r="AW2928" s="92"/>
      <c r="AX2928" s="92"/>
      <c r="AY2928" s="92"/>
      <c r="AZ2928" s="93"/>
      <c r="BA2928" s="93"/>
      <c r="BB2928" s="93"/>
      <c r="BC2928" s="93"/>
      <c r="BD2928" s="93"/>
      <c r="BE2928" s="93"/>
      <c r="BF2928" s="93"/>
      <c r="BG2928" s="93"/>
      <c r="BH2928" s="93"/>
      <c r="BI2928" s="93"/>
      <c r="BJ2928" s="93"/>
      <c r="BK2928" s="93"/>
      <c r="BL2928" s="93"/>
    </row>
    <row r="2929" spans="2:64" x14ac:dyDescent="0.2">
      <c r="B2929" s="43"/>
      <c r="C2929" s="73"/>
      <c r="D2929" s="64"/>
      <c r="E2929" s="55"/>
      <c r="F2929" s="74"/>
      <c r="G2929" s="74"/>
      <c r="H2929" s="74"/>
      <c r="I2929" s="75"/>
      <c r="J2929" s="74"/>
      <c r="L2929" s="55"/>
      <c r="M2929" s="234"/>
      <c r="N2929" s="65"/>
      <c r="O2929" s="76"/>
      <c r="P2929" s="76"/>
      <c r="Q2929" s="65"/>
      <c r="R2929" s="76"/>
      <c r="S2929" s="76"/>
      <c r="T2929" s="76"/>
      <c r="U2929" s="76"/>
      <c r="V2929" s="76"/>
      <c r="W2929" s="76"/>
      <c r="X2929" s="76"/>
      <c r="Y2929" s="76"/>
      <c r="Z2929" s="76"/>
      <c r="AA2929" s="85"/>
      <c r="AB2929" s="85"/>
      <c r="AC2929" s="85"/>
      <c r="AD2929" s="85"/>
      <c r="AE2929" s="85"/>
      <c r="AF2929" s="85"/>
      <c r="AG2929" s="86"/>
      <c r="AH2929" s="85"/>
      <c r="AI2929" s="85"/>
      <c r="AJ2929" s="85"/>
      <c r="AK2929" s="85"/>
      <c r="AL2929" s="85"/>
      <c r="AM2929" s="92"/>
      <c r="AN2929" s="92"/>
      <c r="AO2929" s="92"/>
      <c r="AP2929" s="92"/>
      <c r="AQ2929" s="92"/>
      <c r="AR2929" s="92"/>
      <c r="AS2929" s="92"/>
      <c r="AT2929" s="92"/>
      <c r="AU2929" s="92"/>
      <c r="AV2929" s="92"/>
      <c r="AW2929" s="92"/>
      <c r="AX2929" s="92"/>
      <c r="AY2929" s="92"/>
      <c r="AZ2929" s="93"/>
      <c r="BA2929" s="93"/>
      <c r="BB2929" s="93"/>
      <c r="BC2929" s="93"/>
      <c r="BD2929" s="93"/>
      <c r="BE2929" s="93"/>
      <c r="BF2929" s="93"/>
      <c r="BG2929" s="93"/>
      <c r="BH2929" s="93"/>
      <c r="BI2929" s="93"/>
      <c r="BJ2929" s="93"/>
      <c r="BK2929" s="93"/>
      <c r="BL2929" s="93"/>
    </row>
    <row r="2930" spans="2:64" x14ac:dyDescent="0.2">
      <c r="B2930" s="43"/>
      <c r="C2930" s="73"/>
      <c r="D2930" s="64"/>
      <c r="E2930" s="55"/>
      <c r="F2930" s="74"/>
      <c r="G2930" s="74"/>
      <c r="H2930" s="74"/>
      <c r="I2930" s="75"/>
      <c r="J2930" s="74"/>
      <c r="L2930" s="55"/>
      <c r="M2930" s="234"/>
      <c r="N2930" s="65"/>
      <c r="O2930" s="76"/>
      <c r="P2930" s="76"/>
      <c r="Q2930" s="65"/>
      <c r="R2930" s="76"/>
      <c r="S2930" s="76"/>
      <c r="T2930" s="76"/>
      <c r="U2930" s="76"/>
      <c r="V2930" s="76"/>
      <c r="W2930" s="76"/>
      <c r="X2930" s="76"/>
      <c r="Y2930" s="76"/>
      <c r="Z2930" s="76"/>
      <c r="AA2930" s="85"/>
      <c r="AB2930" s="85"/>
      <c r="AC2930" s="85"/>
      <c r="AD2930" s="85"/>
      <c r="AE2930" s="85"/>
      <c r="AF2930" s="85"/>
      <c r="AG2930" s="86"/>
      <c r="AH2930" s="85"/>
      <c r="AI2930" s="85"/>
      <c r="AJ2930" s="85"/>
      <c r="AK2930" s="85"/>
      <c r="AL2930" s="85"/>
      <c r="AM2930" s="92"/>
      <c r="AN2930" s="92"/>
      <c r="AO2930" s="92"/>
      <c r="AP2930" s="92"/>
      <c r="AQ2930" s="92"/>
      <c r="AR2930" s="92"/>
      <c r="AS2930" s="92"/>
      <c r="AT2930" s="92"/>
      <c r="AU2930" s="92"/>
      <c r="AV2930" s="92"/>
      <c r="AW2930" s="92"/>
      <c r="AX2930" s="92"/>
      <c r="AY2930" s="92"/>
      <c r="AZ2930" s="93"/>
      <c r="BA2930" s="93"/>
      <c r="BB2930" s="93"/>
      <c r="BC2930" s="93"/>
      <c r="BD2930" s="93"/>
      <c r="BE2930" s="93"/>
      <c r="BF2930" s="93"/>
      <c r="BG2930" s="93"/>
      <c r="BH2930" s="93"/>
      <c r="BI2930" s="93"/>
      <c r="BJ2930" s="93"/>
      <c r="BK2930" s="93"/>
      <c r="BL2930" s="93"/>
    </row>
    <row r="2931" spans="2:64" x14ac:dyDescent="0.2">
      <c r="B2931" s="43"/>
      <c r="C2931" s="73"/>
      <c r="D2931" s="64"/>
      <c r="E2931" s="55"/>
      <c r="F2931" s="74"/>
      <c r="G2931" s="74"/>
      <c r="H2931" s="74"/>
      <c r="I2931" s="75"/>
      <c r="J2931" s="74"/>
      <c r="L2931" s="55"/>
      <c r="M2931" s="234"/>
      <c r="N2931" s="65"/>
      <c r="O2931" s="76"/>
      <c r="P2931" s="76"/>
      <c r="Q2931" s="65"/>
      <c r="R2931" s="76"/>
      <c r="S2931" s="76"/>
      <c r="T2931" s="76"/>
      <c r="U2931" s="76"/>
      <c r="V2931" s="76"/>
      <c r="W2931" s="76"/>
      <c r="X2931" s="76"/>
      <c r="Y2931" s="76"/>
      <c r="Z2931" s="76"/>
      <c r="AA2931" s="85"/>
      <c r="AB2931" s="85"/>
      <c r="AC2931" s="85"/>
      <c r="AD2931" s="85"/>
      <c r="AE2931" s="85"/>
      <c r="AF2931" s="85"/>
      <c r="AG2931" s="86"/>
      <c r="AH2931" s="85"/>
      <c r="AI2931" s="85"/>
      <c r="AJ2931" s="85"/>
      <c r="AK2931" s="85"/>
      <c r="AL2931" s="85"/>
      <c r="AM2931" s="92"/>
      <c r="AN2931" s="92"/>
      <c r="AO2931" s="92"/>
      <c r="AP2931" s="92"/>
      <c r="AQ2931" s="92"/>
      <c r="AR2931" s="92"/>
      <c r="AS2931" s="92"/>
      <c r="AT2931" s="92"/>
      <c r="AU2931" s="92"/>
      <c r="AV2931" s="92"/>
      <c r="AW2931" s="92"/>
      <c r="AX2931" s="92"/>
      <c r="AY2931" s="92"/>
      <c r="AZ2931" s="93"/>
      <c r="BA2931" s="93"/>
      <c r="BB2931" s="93"/>
      <c r="BC2931" s="93"/>
      <c r="BD2931" s="93"/>
      <c r="BE2931" s="93"/>
      <c r="BF2931" s="93"/>
      <c r="BG2931" s="93"/>
      <c r="BH2931" s="93"/>
      <c r="BI2931" s="93"/>
      <c r="BJ2931" s="93"/>
      <c r="BK2931" s="93"/>
      <c r="BL2931" s="93"/>
    </row>
    <row r="2932" spans="2:64" x14ac:dyDescent="0.2">
      <c r="B2932" s="43"/>
      <c r="C2932" s="73"/>
      <c r="D2932" s="64"/>
      <c r="E2932" s="55"/>
      <c r="F2932" s="74"/>
      <c r="G2932" s="74"/>
      <c r="H2932" s="74"/>
      <c r="I2932" s="75"/>
      <c r="J2932" s="74"/>
      <c r="L2932" s="55"/>
      <c r="M2932" s="234"/>
      <c r="N2932" s="65"/>
      <c r="O2932" s="76"/>
      <c r="P2932" s="76"/>
      <c r="Q2932" s="65"/>
      <c r="R2932" s="76"/>
      <c r="S2932" s="76"/>
      <c r="T2932" s="76"/>
      <c r="U2932" s="76"/>
      <c r="V2932" s="76"/>
      <c r="W2932" s="76"/>
      <c r="X2932" s="76"/>
      <c r="Y2932" s="76"/>
      <c r="Z2932" s="76"/>
      <c r="AA2932" s="85"/>
      <c r="AB2932" s="85"/>
      <c r="AC2932" s="85"/>
      <c r="AD2932" s="85"/>
      <c r="AE2932" s="85"/>
      <c r="AF2932" s="85"/>
      <c r="AG2932" s="86"/>
      <c r="AH2932" s="85"/>
      <c r="AI2932" s="85"/>
      <c r="AJ2932" s="85"/>
      <c r="AK2932" s="85"/>
      <c r="AL2932" s="85"/>
      <c r="AM2932" s="92"/>
      <c r="AN2932" s="92"/>
      <c r="AO2932" s="92"/>
      <c r="AP2932" s="92"/>
      <c r="AQ2932" s="92"/>
      <c r="AR2932" s="92"/>
      <c r="AS2932" s="92"/>
      <c r="AT2932" s="92"/>
      <c r="AU2932" s="92"/>
      <c r="AV2932" s="92"/>
      <c r="AW2932" s="92"/>
      <c r="AX2932" s="92"/>
      <c r="AY2932" s="92"/>
      <c r="AZ2932" s="93"/>
      <c r="BA2932" s="93"/>
      <c r="BB2932" s="93"/>
      <c r="BC2932" s="93"/>
      <c r="BD2932" s="93"/>
      <c r="BE2932" s="93"/>
      <c r="BF2932" s="93"/>
      <c r="BG2932" s="93"/>
      <c r="BH2932" s="93"/>
      <c r="BI2932" s="93"/>
      <c r="BJ2932" s="93"/>
      <c r="BK2932" s="93"/>
      <c r="BL2932" s="93"/>
    </row>
    <row r="2933" spans="2:64" x14ac:dyDescent="0.2">
      <c r="B2933" s="43"/>
      <c r="C2933" s="73"/>
      <c r="D2933" s="64"/>
      <c r="E2933" s="55"/>
      <c r="F2933" s="74"/>
      <c r="G2933" s="74"/>
      <c r="H2933" s="74"/>
      <c r="I2933" s="75"/>
      <c r="J2933" s="74"/>
      <c r="L2933" s="55"/>
      <c r="M2933" s="234"/>
      <c r="N2933" s="65"/>
      <c r="O2933" s="76"/>
      <c r="P2933" s="76"/>
      <c r="Q2933" s="65"/>
      <c r="R2933" s="76"/>
      <c r="S2933" s="76"/>
      <c r="T2933" s="76"/>
      <c r="U2933" s="76"/>
      <c r="V2933" s="76"/>
      <c r="W2933" s="76"/>
      <c r="X2933" s="76"/>
      <c r="Y2933" s="76"/>
      <c r="Z2933" s="76"/>
      <c r="AA2933" s="85"/>
      <c r="AB2933" s="85"/>
      <c r="AC2933" s="85"/>
      <c r="AD2933" s="85"/>
      <c r="AE2933" s="85"/>
      <c r="AF2933" s="85"/>
      <c r="AG2933" s="86"/>
      <c r="AH2933" s="85"/>
      <c r="AI2933" s="85"/>
      <c r="AJ2933" s="85"/>
      <c r="AK2933" s="85"/>
      <c r="AL2933" s="85"/>
      <c r="AM2933" s="92"/>
      <c r="AN2933" s="92"/>
      <c r="AO2933" s="92"/>
      <c r="AP2933" s="92"/>
      <c r="AQ2933" s="92"/>
      <c r="AR2933" s="92"/>
      <c r="AS2933" s="92"/>
      <c r="AT2933" s="92"/>
      <c r="AU2933" s="92"/>
      <c r="AV2933" s="92"/>
      <c r="AW2933" s="92"/>
      <c r="AX2933" s="92"/>
      <c r="AY2933" s="92"/>
      <c r="AZ2933" s="93"/>
      <c r="BA2933" s="93"/>
      <c r="BB2933" s="93"/>
      <c r="BC2933" s="93"/>
      <c r="BD2933" s="93"/>
      <c r="BE2933" s="93"/>
      <c r="BF2933" s="93"/>
      <c r="BG2933" s="93"/>
      <c r="BH2933" s="93"/>
      <c r="BI2933" s="93"/>
      <c r="BJ2933" s="93"/>
      <c r="BK2933" s="93"/>
      <c r="BL2933" s="93"/>
    </row>
    <row r="2934" spans="2:64" x14ac:dyDescent="0.2">
      <c r="B2934" s="43"/>
      <c r="C2934" s="73"/>
      <c r="D2934" s="64"/>
      <c r="E2934" s="55"/>
      <c r="F2934" s="74"/>
      <c r="G2934" s="74"/>
      <c r="H2934" s="74"/>
      <c r="I2934" s="75"/>
      <c r="J2934" s="74"/>
      <c r="L2934" s="55"/>
      <c r="M2934" s="234"/>
      <c r="N2934" s="65"/>
      <c r="O2934" s="76"/>
      <c r="P2934" s="76"/>
      <c r="Q2934" s="65"/>
      <c r="R2934" s="76"/>
      <c r="S2934" s="76"/>
      <c r="T2934" s="76"/>
      <c r="U2934" s="76"/>
      <c r="V2934" s="76"/>
      <c r="W2934" s="76"/>
      <c r="X2934" s="76"/>
      <c r="Y2934" s="76"/>
      <c r="Z2934" s="76"/>
      <c r="AA2934" s="85"/>
      <c r="AB2934" s="85"/>
      <c r="AC2934" s="85"/>
      <c r="AD2934" s="85"/>
      <c r="AE2934" s="85"/>
      <c r="AF2934" s="85"/>
      <c r="AG2934" s="86"/>
      <c r="AH2934" s="85"/>
      <c r="AI2934" s="85"/>
      <c r="AJ2934" s="85"/>
      <c r="AK2934" s="85"/>
      <c r="AL2934" s="85"/>
      <c r="AM2934" s="92"/>
      <c r="AN2934" s="92"/>
      <c r="AO2934" s="92"/>
      <c r="AP2934" s="92"/>
      <c r="AQ2934" s="92"/>
      <c r="AR2934" s="92"/>
      <c r="AS2934" s="92"/>
      <c r="AT2934" s="92"/>
      <c r="AU2934" s="92"/>
      <c r="AV2934" s="92"/>
      <c r="AW2934" s="92"/>
      <c r="AX2934" s="92"/>
      <c r="AY2934" s="92"/>
      <c r="AZ2934" s="93"/>
      <c r="BA2934" s="93"/>
      <c r="BB2934" s="93"/>
      <c r="BC2934" s="93"/>
      <c r="BD2934" s="93"/>
      <c r="BE2934" s="93"/>
      <c r="BF2934" s="93"/>
      <c r="BG2934" s="93"/>
      <c r="BH2934" s="93"/>
      <c r="BI2934" s="93"/>
      <c r="BJ2934" s="93"/>
      <c r="BK2934" s="93"/>
      <c r="BL2934" s="93"/>
    </row>
    <row r="2935" spans="2:64" x14ac:dyDescent="0.2">
      <c r="B2935" s="43"/>
      <c r="C2935" s="73"/>
      <c r="D2935" s="64"/>
      <c r="E2935" s="55"/>
      <c r="F2935" s="74"/>
      <c r="G2935" s="74"/>
      <c r="H2935" s="74"/>
      <c r="I2935" s="75"/>
      <c r="J2935" s="74"/>
      <c r="L2935" s="55"/>
      <c r="M2935" s="234"/>
      <c r="N2935" s="65"/>
      <c r="O2935" s="76"/>
      <c r="P2935" s="76"/>
      <c r="Q2935" s="65"/>
      <c r="R2935" s="76"/>
      <c r="S2935" s="76"/>
      <c r="T2935" s="76"/>
      <c r="U2935" s="76"/>
      <c r="V2935" s="76"/>
      <c r="W2935" s="76"/>
      <c r="X2935" s="76"/>
      <c r="Y2935" s="76"/>
      <c r="Z2935" s="76"/>
      <c r="AA2935" s="85"/>
      <c r="AB2935" s="85"/>
      <c r="AC2935" s="85"/>
      <c r="AD2935" s="85"/>
      <c r="AE2935" s="85"/>
      <c r="AF2935" s="85"/>
      <c r="AG2935" s="86"/>
      <c r="AH2935" s="85"/>
      <c r="AI2935" s="85"/>
      <c r="AJ2935" s="85"/>
      <c r="AK2935" s="85"/>
      <c r="AL2935" s="85"/>
      <c r="AM2935" s="92"/>
      <c r="AN2935" s="92"/>
      <c r="AO2935" s="92"/>
      <c r="AP2935" s="92"/>
      <c r="AQ2935" s="92"/>
      <c r="AR2935" s="92"/>
      <c r="AS2935" s="92"/>
      <c r="AT2935" s="92"/>
      <c r="AU2935" s="92"/>
      <c r="AV2935" s="92"/>
      <c r="AW2935" s="92"/>
      <c r="AX2935" s="92"/>
      <c r="AY2935" s="92"/>
      <c r="AZ2935" s="93"/>
      <c r="BA2935" s="93"/>
      <c r="BB2935" s="93"/>
      <c r="BC2935" s="93"/>
      <c r="BD2935" s="93"/>
      <c r="BE2935" s="93"/>
      <c r="BF2935" s="93"/>
      <c r="BG2935" s="93"/>
      <c r="BH2935" s="93"/>
      <c r="BI2935" s="93"/>
      <c r="BJ2935" s="93"/>
      <c r="BK2935" s="93"/>
      <c r="BL2935" s="93"/>
    </row>
    <row r="2936" spans="2:64" x14ac:dyDescent="0.2">
      <c r="B2936" s="43"/>
      <c r="C2936" s="73"/>
      <c r="D2936" s="64"/>
      <c r="E2936" s="55"/>
      <c r="F2936" s="74"/>
      <c r="G2936" s="74"/>
      <c r="H2936" s="74"/>
      <c r="I2936" s="75"/>
      <c r="J2936" s="74"/>
      <c r="L2936" s="55"/>
      <c r="M2936" s="234"/>
      <c r="N2936" s="65"/>
      <c r="O2936" s="76"/>
      <c r="P2936" s="76"/>
      <c r="Q2936" s="65"/>
      <c r="R2936" s="76"/>
      <c r="S2936" s="76"/>
      <c r="T2936" s="76"/>
      <c r="U2936" s="76"/>
      <c r="V2936" s="76"/>
      <c r="W2936" s="76"/>
      <c r="X2936" s="76"/>
      <c r="Y2936" s="76"/>
      <c r="Z2936" s="76"/>
      <c r="AA2936" s="85"/>
      <c r="AB2936" s="85"/>
      <c r="AC2936" s="85"/>
      <c r="AD2936" s="85"/>
      <c r="AE2936" s="85"/>
      <c r="AF2936" s="85"/>
      <c r="AG2936" s="86"/>
      <c r="AH2936" s="85"/>
      <c r="AI2936" s="85"/>
      <c r="AJ2936" s="85"/>
      <c r="AK2936" s="85"/>
      <c r="AL2936" s="85"/>
      <c r="AM2936" s="92"/>
      <c r="AN2936" s="92"/>
      <c r="AO2936" s="92"/>
      <c r="AP2936" s="92"/>
      <c r="AQ2936" s="92"/>
      <c r="AR2936" s="92"/>
      <c r="AS2936" s="92"/>
      <c r="AT2936" s="92"/>
      <c r="AU2936" s="92"/>
      <c r="AV2936" s="92"/>
      <c r="AW2936" s="92"/>
      <c r="AX2936" s="92"/>
      <c r="AY2936" s="92"/>
      <c r="AZ2936" s="93"/>
      <c r="BA2936" s="93"/>
      <c r="BB2936" s="93"/>
      <c r="BC2936" s="93"/>
      <c r="BD2936" s="93"/>
      <c r="BE2936" s="93"/>
      <c r="BF2936" s="93"/>
      <c r="BG2936" s="93"/>
      <c r="BH2936" s="93"/>
      <c r="BI2936" s="93"/>
      <c r="BJ2936" s="93"/>
      <c r="BK2936" s="93"/>
      <c r="BL2936" s="93"/>
    </row>
    <row r="2937" spans="2:64" x14ac:dyDescent="0.2">
      <c r="B2937" s="43"/>
      <c r="C2937" s="73"/>
      <c r="D2937" s="64"/>
      <c r="E2937" s="55"/>
      <c r="F2937" s="74"/>
      <c r="G2937" s="74"/>
      <c r="H2937" s="74"/>
      <c r="I2937" s="75"/>
      <c r="J2937" s="74"/>
      <c r="L2937" s="55"/>
      <c r="M2937" s="234"/>
      <c r="N2937" s="65"/>
      <c r="O2937" s="76"/>
      <c r="P2937" s="76"/>
      <c r="Q2937" s="65"/>
      <c r="R2937" s="76"/>
      <c r="S2937" s="76"/>
      <c r="T2937" s="76"/>
      <c r="U2937" s="76"/>
      <c r="V2937" s="76"/>
      <c r="W2937" s="76"/>
      <c r="X2937" s="76"/>
      <c r="Y2937" s="76"/>
      <c r="Z2937" s="76"/>
      <c r="AA2937" s="85"/>
      <c r="AB2937" s="85"/>
      <c r="AC2937" s="85"/>
      <c r="AD2937" s="85"/>
      <c r="AE2937" s="85"/>
      <c r="AF2937" s="85"/>
      <c r="AG2937" s="86"/>
      <c r="AH2937" s="85"/>
      <c r="AI2937" s="85"/>
      <c r="AJ2937" s="85"/>
      <c r="AK2937" s="85"/>
      <c r="AL2937" s="85"/>
      <c r="AM2937" s="92"/>
      <c r="AN2937" s="92"/>
      <c r="AO2937" s="92"/>
      <c r="AP2937" s="92"/>
      <c r="AQ2937" s="92"/>
      <c r="AR2937" s="92"/>
      <c r="AS2937" s="92"/>
      <c r="AT2937" s="92"/>
      <c r="AU2937" s="92"/>
      <c r="AV2937" s="92"/>
      <c r="AW2937" s="92"/>
      <c r="AX2937" s="92"/>
      <c r="AY2937" s="92"/>
      <c r="AZ2937" s="93"/>
      <c r="BA2937" s="93"/>
      <c r="BB2937" s="93"/>
      <c r="BC2937" s="93"/>
      <c r="BD2937" s="93"/>
      <c r="BE2937" s="93"/>
      <c r="BF2937" s="93"/>
      <c r="BG2937" s="93"/>
      <c r="BH2937" s="93"/>
      <c r="BI2937" s="93"/>
      <c r="BJ2937" s="93"/>
      <c r="BK2937" s="93"/>
      <c r="BL2937" s="93"/>
    </row>
    <row r="2938" spans="2:64" x14ac:dyDescent="0.2">
      <c r="B2938" s="43"/>
      <c r="C2938" s="73"/>
      <c r="D2938" s="64"/>
      <c r="E2938" s="55"/>
      <c r="F2938" s="74"/>
      <c r="G2938" s="74"/>
      <c r="H2938" s="74"/>
      <c r="I2938" s="75"/>
      <c r="J2938" s="74"/>
      <c r="L2938" s="55"/>
      <c r="M2938" s="234"/>
      <c r="N2938" s="65"/>
      <c r="O2938" s="76"/>
      <c r="P2938" s="76"/>
      <c r="Q2938" s="65"/>
      <c r="R2938" s="76"/>
      <c r="S2938" s="76"/>
      <c r="T2938" s="76"/>
      <c r="U2938" s="76"/>
      <c r="V2938" s="76"/>
      <c r="W2938" s="76"/>
      <c r="X2938" s="76"/>
      <c r="Y2938" s="76"/>
      <c r="Z2938" s="76"/>
      <c r="AA2938" s="85"/>
      <c r="AB2938" s="85"/>
      <c r="AC2938" s="85"/>
      <c r="AD2938" s="85"/>
      <c r="AE2938" s="85"/>
      <c r="AF2938" s="85"/>
      <c r="AG2938" s="86"/>
      <c r="AH2938" s="85"/>
      <c r="AI2938" s="85"/>
      <c r="AJ2938" s="85"/>
      <c r="AK2938" s="85"/>
      <c r="AL2938" s="85"/>
      <c r="AM2938" s="92"/>
      <c r="AN2938" s="92"/>
      <c r="AO2938" s="92"/>
      <c r="AP2938" s="92"/>
      <c r="AQ2938" s="92"/>
      <c r="AR2938" s="92"/>
      <c r="AS2938" s="92"/>
      <c r="AT2938" s="92"/>
      <c r="AU2938" s="92"/>
      <c r="AV2938" s="92"/>
      <c r="AW2938" s="92"/>
      <c r="AX2938" s="92"/>
      <c r="AY2938" s="92"/>
      <c r="AZ2938" s="93"/>
      <c r="BA2938" s="93"/>
      <c r="BB2938" s="93"/>
      <c r="BC2938" s="93"/>
      <c r="BD2938" s="93"/>
      <c r="BE2938" s="93"/>
      <c r="BF2938" s="93"/>
      <c r="BG2938" s="93"/>
      <c r="BH2938" s="93"/>
      <c r="BI2938" s="93"/>
      <c r="BJ2938" s="93"/>
      <c r="BK2938" s="93"/>
      <c r="BL2938" s="93"/>
    </row>
    <row r="2939" spans="2:64" x14ac:dyDescent="0.2">
      <c r="B2939" s="43"/>
      <c r="C2939" s="73"/>
      <c r="D2939" s="64"/>
      <c r="E2939" s="55"/>
      <c r="F2939" s="74"/>
      <c r="G2939" s="74"/>
      <c r="H2939" s="74"/>
      <c r="I2939" s="75"/>
      <c r="J2939" s="74"/>
      <c r="L2939" s="55"/>
      <c r="M2939" s="234"/>
      <c r="N2939" s="65"/>
      <c r="O2939" s="76"/>
      <c r="P2939" s="76"/>
      <c r="Q2939" s="65"/>
      <c r="R2939" s="76"/>
      <c r="S2939" s="76"/>
      <c r="T2939" s="76"/>
      <c r="U2939" s="76"/>
      <c r="V2939" s="76"/>
      <c r="W2939" s="76"/>
      <c r="X2939" s="76"/>
      <c r="Y2939" s="76"/>
      <c r="Z2939" s="76"/>
      <c r="AA2939" s="85"/>
      <c r="AB2939" s="85"/>
      <c r="AC2939" s="85"/>
      <c r="AD2939" s="85"/>
      <c r="AE2939" s="85"/>
      <c r="AF2939" s="85"/>
      <c r="AG2939" s="86"/>
      <c r="AH2939" s="85"/>
      <c r="AI2939" s="85"/>
      <c r="AJ2939" s="85"/>
      <c r="AK2939" s="85"/>
      <c r="AL2939" s="85"/>
      <c r="AM2939" s="92"/>
      <c r="AN2939" s="92"/>
      <c r="AO2939" s="92"/>
      <c r="AP2939" s="92"/>
      <c r="AQ2939" s="92"/>
      <c r="AR2939" s="92"/>
      <c r="AS2939" s="92"/>
      <c r="AT2939" s="92"/>
      <c r="AU2939" s="92"/>
      <c r="AV2939" s="92"/>
      <c r="AW2939" s="92"/>
      <c r="AX2939" s="92"/>
      <c r="AY2939" s="92"/>
      <c r="AZ2939" s="93"/>
      <c r="BA2939" s="93"/>
      <c r="BB2939" s="93"/>
      <c r="BC2939" s="93"/>
      <c r="BD2939" s="93"/>
      <c r="BE2939" s="93"/>
      <c r="BF2939" s="93"/>
      <c r="BG2939" s="93"/>
      <c r="BH2939" s="93"/>
      <c r="BI2939" s="93"/>
      <c r="BJ2939" s="93"/>
      <c r="BK2939" s="93"/>
      <c r="BL2939" s="93"/>
    </row>
    <row r="2940" spans="2:64" x14ac:dyDescent="0.2">
      <c r="B2940" s="43"/>
      <c r="C2940" s="73"/>
      <c r="D2940" s="64"/>
      <c r="E2940" s="55"/>
      <c r="F2940" s="74"/>
      <c r="G2940" s="74"/>
      <c r="H2940" s="74"/>
      <c r="I2940" s="75"/>
      <c r="J2940" s="74"/>
      <c r="L2940" s="55"/>
      <c r="M2940" s="234"/>
      <c r="N2940" s="65"/>
      <c r="O2940" s="76"/>
      <c r="P2940" s="76"/>
      <c r="Q2940" s="65"/>
      <c r="R2940" s="76"/>
      <c r="S2940" s="76"/>
      <c r="T2940" s="76"/>
      <c r="U2940" s="76"/>
      <c r="V2940" s="76"/>
      <c r="W2940" s="76"/>
      <c r="X2940" s="76"/>
      <c r="Y2940" s="76"/>
      <c r="Z2940" s="76"/>
      <c r="AA2940" s="85"/>
      <c r="AB2940" s="85"/>
      <c r="AC2940" s="85"/>
      <c r="AD2940" s="85"/>
      <c r="AE2940" s="85"/>
      <c r="AF2940" s="85"/>
      <c r="AG2940" s="86"/>
      <c r="AH2940" s="85"/>
      <c r="AI2940" s="85"/>
      <c r="AJ2940" s="85"/>
      <c r="AK2940" s="85"/>
      <c r="AL2940" s="85"/>
      <c r="AM2940" s="92"/>
      <c r="AN2940" s="92"/>
      <c r="AO2940" s="92"/>
      <c r="AP2940" s="92"/>
      <c r="AQ2940" s="92"/>
      <c r="AR2940" s="92"/>
      <c r="AS2940" s="92"/>
      <c r="AT2940" s="92"/>
      <c r="AU2940" s="92"/>
      <c r="AV2940" s="92"/>
      <c r="AW2940" s="92"/>
      <c r="AX2940" s="92"/>
      <c r="AY2940" s="92"/>
      <c r="AZ2940" s="93"/>
      <c r="BA2940" s="93"/>
      <c r="BB2940" s="93"/>
      <c r="BC2940" s="93"/>
      <c r="BD2940" s="93"/>
      <c r="BE2940" s="93"/>
      <c r="BF2940" s="93"/>
      <c r="BG2940" s="93"/>
      <c r="BH2940" s="93"/>
      <c r="BI2940" s="93"/>
      <c r="BJ2940" s="93"/>
      <c r="BK2940" s="93"/>
      <c r="BL2940" s="93"/>
    </row>
    <row r="2941" spans="2:64" x14ac:dyDescent="0.2">
      <c r="B2941" s="43"/>
      <c r="C2941" s="73"/>
      <c r="D2941" s="64"/>
      <c r="E2941" s="55"/>
      <c r="F2941" s="74"/>
      <c r="G2941" s="74"/>
      <c r="H2941" s="74"/>
      <c r="I2941" s="75"/>
      <c r="J2941" s="74"/>
      <c r="L2941" s="55"/>
      <c r="M2941" s="234"/>
      <c r="N2941" s="65"/>
      <c r="O2941" s="76"/>
      <c r="P2941" s="76"/>
      <c r="Q2941" s="65"/>
      <c r="R2941" s="76"/>
      <c r="S2941" s="76"/>
      <c r="T2941" s="76"/>
      <c r="U2941" s="76"/>
      <c r="V2941" s="76"/>
      <c r="W2941" s="76"/>
      <c r="X2941" s="76"/>
      <c r="Y2941" s="76"/>
      <c r="Z2941" s="76"/>
      <c r="AA2941" s="85"/>
      <c r="AB2941" s="85"/>
      <c r="AC2941" s="85"/>
      <c r="AD2941" s="85"/>
      <c r="AE2941" s="85"/>
      <c r="AF2941" s="85"/>
      <c r="AG2941" s="86"/>
      <c r="AH2941" s="85"/>
      <c r="AI2941" s="85"/>
      <c r="AJ2941" s="85"/>
      <c r="AK2941" s="85"/>
      <c r="AL2941" s="85"/>
      <c r="AM2941" s="92"/>
      <c r="AN2941" s="92"/>
      <c r="AO2941" s="92"/>
      <c r="AP2941" s="92"/>
      <c r="AQ2941" s="92"/>
      <c r="AR2941" s="92"/>
      <c r="AS2941" s="92"/>
      <c r="AT2941" s="92"/>
      <c r="AU2941" s="92"/>
      <c r="AV2941" s="92"/>
      <c r="AW2941" s="92"/>
      <c r="AX2941" s="92"/>
      <c r="AY2941" s="92"/>
      <c r="AZ2941" s="93"/>
      <c r="BA2941" s="93"/>
      <c r="BB2941" s="93"/>
      <c r="BC2941" s="93"/>
      <c r="BD2941" s="93"/>
      <c r="BE2941" s="93"/>
      <c r="BF2941" s="93"/>
      <c r="BG2941" s="93"/>
      <c r="BH2941" s="93"/>
      <c r="BI2941" s="93"/>
      <c r="BJ2941" s="93"/>
      <c r="BK2941" s="93"/>
      <c r="BL2941" s="93"/>
    </row>
    <row r="2942" spans="2:64" x14ac:dyDescent="0.2">
      <c r="B2942" s="43"/>
      <c r="C2942" s="73"/>
      <c r="D2942" s="64"/>
      <c r="E2942" s="55"/>
      <c r="F2942" s="74"/>
      <c r="G2942" s="74"/>
      <c r="H2942" s="74"/>
      <c r="I2942" s="75"/>
      <c r="J2942" s="74"/>
      <c r="L2942" s="55"/>
      <c r="M2942" s="234"/>
      <c r="N2942" s="65"/>
      <c r="O2942" s="76"/>
      <c r="P2942" s="76"/>
      <c r="Q2942" s="65"/>
      <c r="R2942" s="76"/>
      <c r="S2942" s="76"/>
      <c r="T2942" s="76"/>
      <c r="U2942" s="76"/>
      <c r="V2942" s="76"/>
      <c r="W2942" s="76"/>
      <c r="X2942" s="76"/>
      <c r="Y2942" s="76"/>
      <c r="Z2942" s="76"/>
      <c r="AA2942" s="85"/>
      <c r="AB2942" s="85"/>
      <c r="AC2942" s="85"/>
      <c r="AD2942" s="85"/>
      <c r="AE2942" s="85"/>
      <c r="AF2942" s="85"/>
      <c r="AG2942" s="86"/>
      <c r="AH2942" s="85"/>
      <c r="AI2942" s="85"/>
      <c r="AJ2942" s="85"/>
      <c r="AK2942" s="85"/>
      <c r="AL2942" s="85"/>
      <c r="AM2942" s="92"/>
      <c r="AN2942" s="92"/>
      <c r="AO2942" s="92"/>
      <c r="AP2942" s="92"/>
      <c r="AQ2942" s="92"/>
      <c r="AR2942" s="92"/>
      <c r="AS2942" s="92"/>
      <c r="AT2942" s="92"/>
      <c r="AU2942" s="92"/>
      <c r="AV2942" s="92"/>
      <c r="AW2942" s="92"/>
      <c r="AX2942" s="92"/>
      <c r="AY2942" s="92"/>
      <c r="AZ2942" s="93"/>
      <c r="BA2942" s="93"/>
      <c r="BB2942" s="93"/>
      <c r="BC2942" s="93"/>
      <c r="BD2942" s="93"/>
      <c r="BE2942" s="93"/>
      <c r="BF2942" s="93"/>
      <c r="BG2942" s="93"/>
      <c r="BH2942" s="93"/>
      <c r="BI2942" s="93"/>
      <c r="BJ2942" s="93"/>
      <c r="BK2942" s="93"/>
      <c r="BL2942" s="93"/>
    </row>
    <row r="2943" spans="2:64" x14ac:dyDescent="0.2">
      <c r="B2943" s="43"/>
      <c r="C2943" s="73"/>
      <c r="D2943" s="64"/>
      <c r="E2943" s="55"/>
      <c r="F2943" s="74"/>
      <c r="G2943" s="74"/>
      <c r="H2943" s="74"/>
      <c r="I2943" s="75"/>
      <c r="J2943" s="74"/>
      <c r="L2943" s="55"/>
      <c r="M2943" s="234"/>
      <c r="N2943" s="65"/>
      <c r="O2943" s="76"/>
      <c r="P2943" s="76"/>
      <c r="Q2943" s="65"/>
      <c r="R2943" s="76"/>
      <c r="S2943" s="76"/>
      <c r="T2943" s="76"/>
      <c r="U2943" s="76"/>
      <c r="V2943" s="76"/>
      <c r="W2943" s="76"/>
      <c r="X2943" s="76"/>
      <c r="Y2943" s="76"/>
      <c r="Z2943" s="76"/>
      <c r="AA2943" s="85"/>
      <c r="AB2943" s="85"/>
      <c r="AC2943" s="85"/>
      <c r="AD2943" s="85"/>
      <c r="AE2943" s="85"/>
      <c r="AF2943" s="85"/>
      <c r="AG2943" s="86"/>
      <c r="AH2943" s="85"/>
      <c r="AI2943" s="85"/>
      <c r="AJ2943" s="85"/>
      <c r="AK2943" s="85"/>
      <c r="AL2943" s="85"/>
      <c r="AM2943" s="92"/>
      <c r="AN2943" s="92"/>
      <c r="AO2943" s="92"/>
      <c r="AP2943" s="92"/>
      <c r="AQ2943" s="92"/>
      <c r="AR2943" s="92"/>
      <c r="AS2943" s="92"/>
      <c r="AT2943" s="92"/>
      <c r="AU2943" s="92"/>
      <c r="AV2943" s="92"/>
      <c r="AW2943" s="92"/>
      <c r="AX2943" s="92"/>
      <c r="AY2943" s="92"/>
      <c r="AZ2943" s="93"/>
      <c r="BA2943" s="93"/>
      <c r="BB2943" s="93"/>
      <c r="BC2943" s="93"/>
      <c r="BD2943" s="93"/>
      <c r="BE2943" s="93"/>
      <c r="BF2943" s="93"/>
      <c r="BG2943" s="93"/>
      <c r="BH2943" s="93"/>
      <c r="BI2943" s="93"/>
      <c r="BJ2943" s="93"/>
      <c r="BK2943" s="93"/>
      <c r="BL2943" s="93"/>
    </row>
    <row r="2944" spans="2:64" x14ac:dyDescent="0.2">
      <c r="B2944" s="43"/>
      <c r="C2944" s="73"/>
      <c r="D2944" s="64"/>
      <c r="E2944" s="55"/>
      <c r="F2944" s="74"/>
      <c r="G2944" s="74"/>
      <c r="H2944" s="74"/>
      <c r="I2944" s="75"/>
      <c r="J2944" s="74"/>
      <c r="L2944" s="55"/>
      <c r="M2944" s="234"/>
      <c r="N2944" s="65"/>
      <c r="O2944" s="76"/>
      <c r="P2944" s="76"/>
      <c r="Q2944" s="65"/>
      <c r="R2944" s="76"/>
      <c r="S2944" s="76"/>
      <c r="T2944" s="76"/>
      <c r="U2944" s="76"/>
      <c r="V2944" s="76"/>
      <c r="W2944" s="76"/>
      <c r="X2944" s="76"/>
      <c r="Y2944" s="76"/>
      <c r="Z2944" s="76"/>
      <c r="AA2944" s="85"/>
      <c r="AB2944" s="85"/>
      <c r="AC2944" s="85"/>
      <c r="AD2944" s="85"/>
      <c r="AE2944" s="85"/>
      <c r="AF2944" s="85"/>
      <c r="AG2944" s="86"/>
      <c r="AH2944" s="85"/>
      <c r="AI2944" s="85"/>
      <c r="AJ2944" s="85"/>
      <c r="AK2944" s="85"/>
      <c r="AL2944" s="85"/>
      <c r="AM2944" s="92"/>
      <c r="AN2944" s="92"/>
      <c r="AO2944" s="92"/>
      <c r="AP2944" s="92"/>
      <c r="AQ2944" s="92"/>
      <c r="AR2944" s="92"/>
      <c r="AS2944" s="92"/>
      <c r="AT2944" s="92"/>
      <c r="AU2944" s="92"/>
      <c r="AV2944" s="92"/>
      <c r="AW2944" s="92"/>
      <c r="AX2944" s="92"/>
      <c r="AY2944" s="92"/>
      <c r="AZ2944" s="93"/>
      <c r="BA2944" s="93"/>
      <c r="BB2944" s="93"/>
      <c r="BC2944" s="93"/>
      <c r="BD2944" s="93"/>
      <c r="BE2944" s="93"/>
      <c r="BF2944" s="93"/>
      <c r="BG2944" s="93"/>
      <c r="BH2944" s="93"/>
      <c r="BI2944" s="93"/>
      <c r="BJ2944" s="93"/>
      <c r="BK2944" s="93"/>
      <c r="BL2944" s="93"/>
    </row>
    <row r="2945" spans="2:64" x14ac:dyDescent="0.2">
      <c r="B2945" s="43"/>
      <c r="C2945" s="73"/>
      <c r="D2945" s="64"/>
      <c r="E2945" s="55"/>
      <c r="F2945" s="74"/>
      <c r="G2945" s="74"/>
      <c r="H2945" s="74"/>
      <c r="I2945" s="75"/>
      <c r="J2945" s="74"/>
      <c r="L2945" s="55"/>
      <c r="M2945" s="234"/>
      <c r="N2945" s="65"/>
      <c r="O2945" s="76"/>
      <c r="P2945" s="76"/>
      <c r="Q2945" s="65"/>
      <c r="R2945" s="76"/>
      <c r="S2945" s="76"/>
      <c r="T2945" s="76"/>
      <c r="U2945" s="76"/>
      <c r="V2945" s="76"/>
      <c r="W2945" s="76"/>
      <c r="X2945" s="76"/>
      <c r="Y2945" s="76"/>
      <c r="Z2945" s="76"/>
      <c r="AA2945" s="85"/>
      <c r="AB2945" s="85"/>
      <c r="AC2945" s="85"/>
      <c r="AD2945" s="85"/>
      <c r="AE2945" s="85"/>
      <c r="AF2945" s="85"/>
      <c r="AG2945" s="86"/>
      <c r="AH2945" s="85"/>
      <c r="AI2945" s="85"/>
      <c r="AJ2945" s="85"/>
      <c r="AK2945" s="85"/>
      <c r="AL2945" s="85"/>
      <c r="AM2945" s="92"/>
      <c r="AN2945" s="92"/>
      <c r="AO2945" s="92"/>
      <c r="AP2945" s="92"/>
      <c r="AQ2945" s="92"/>
      <c r="AR2945" s="92"/>
      <c r="AS2945" s="92"/>
      <c r="AT2945" s="92"/>
      <c r="AU2945" s="92"/>
      <c r="AV2945" s="92"/>
      <c r="AW2945" s="92"/>
      <c r="AX2945" s="92"/>
      <c r="AY2945" s="92"/>
      <c r="AZ2945" s="93"/>
      <c r="BA2945" s="93"/>
      <c r="BB2945" s="93"/>
      <c r="BC2945" s="93"/>
      <c r="BD2945" s="93"/>
      <c r="BE2945" s="93"/>
      <c r="BF2945" s="93"/>
      <c r="BG2945" s="93"/>
      <c r="BH2945" s="93"/>
      <c r="BI2945" s="93"/>
      <c r="BJ2945" s="93"/>
      <c r="BK2945" s="93"/>
      <c r="BL2945" s="93"/>
    </row>
    <row r="2946" spans="2:64" x14ac:dyDescent="0.2">
      <c r="B2946" s="43"/>
      <c r="C2946" s="73"/>
      <c r="D2946" s="64"/>
      <c r="E2946" s="55"/>
      <c r="F2946" s="74"/>
      <c r="G2946" s="74"/>
      <c r="H2946" s="74"/>
      <c r="I2946" s="75"/>
      <c r="J2946" s="74"/>
      <c r="L2946" s="55"/>
      <c r="M2946" s="234"/>
      <c r="N2946" s="65"/>
      <c r="O2946" s="76"/>
      <c r="P2946" s="76"/>
      <c r="Q2946" s="65"/>
      <c r="R2946" s="76"/>
      <c r="S2946" s="76"/>
      <c r="T2946" s="76"/>
      <c r="U2946" s="76"/>
      <c r="V2946" s="76"/>
      <c r="W2946" s="76"/>
      <c r="X2946" s="76"/>
      <c r="Y2946" s="76"/>
      <c r="Z2946" s="76"/>
      <c r="AA2946" s="85"/>
      <c r="AB2946" s="85"/>
      <c r="AC2946" s="85"/>
      <c r="AD2946" s="85"/>
      <c r="AE2946" s="85"/>
      <c r="AF2946" s="85"/>
      <c r="AG2946" s="86"/>
      <c r="AH2946" s="85"/>
      <c r="AI2946" s="85"/>
      <c r="AJ2946" s="85"/>
      <c r="AK2946" s="85"/>
      <c r="AL2946" s="85"/>
      <c r="AM2946" s="92"/>
      <c r="AN2946" s="92"/>
      <c r="AO2946" s="92"/>
      <c r="AP2946" s="92"/>
      <c r="AQ2946" s="92"/>
      <c r="AR2946" s="92"/>
      <c r="AS2946" s="92"/>
      <c r="AT2946" s="92"/>
      <c r="AU2946" s="92"/>
      <c r="AV2946" s="92"/>
      <c r="AW2946" s="92"/>
      <c r="AX2946" s="92"/>
      <c r="AY2946" s="92"/>
      <c r="AZ2946" s="93"/>
      <c r="BA2946" s="93"/>
      <c r="BB2946" s="93"/>
      <c r="BC2946" s="93"/>
      <c r="BD2946" s="93"/>
      <c r="BE2946" s="93"/>
      <c r="BF2946" s="93"/>
      <c r="BG2946" s="93"/>
      <c r="BH2946" s="93"/>
      <c r="BI2946" s="93"/>
      <c r="BJ2946" s="93"/>
      <c r="BK2946" s="93"/>
      <c r="BL2946" s="93"/>
    </row>
    <row r="2947" spans="2:64" x14ac:dyDescent="0.2">
      <c r="B2947" s="43"/>
      <c r="C2947" s="73"/>
      <c r="D2947" s="64"/>
      <c r="E2947" s="55"/>
      <c r="F2947" s="74"/>
      <c r="G2947" s="74"/>
      <c r="H2947" s="74"/>
      <c r="I2947" s="75"/>
      <c r="J2947" s="74"/>
      <c r="L2947" s="55"/>
      <c r="M2947" s="234"/>
      <c r="N2947" s="65"/>
      <c r="O2947" s="76"/>
      <c r="P2947" s="76"/>
      <c r="Q2947" s="65"/>
      <c r="R2947" s="76"/>
      <c r="S2947" s="76"/>
      <c r="T2947" s="76"/>
      <c r="U2947" s="76"/>
      <c r="V2947" s="76"/>
      <c r="W2947" s="76"/>
      <c r="X2947" s="76"/>
      <c r="Y2947" s="76"/>
      <c r="Z2947" s="76"/>
      <c r="AA2947" s="85"/>
      <c r="AB2947" s="85"/>
      <c r="AC2947" s="85"/>
      <c r="AD2947" s="85"/>
      <c r="AE2947" s="85"/>
      <c r="AF2947" s="85"/>
      <c r="AG2947" s="86"/>
      <c r="AH2947" s="85"/>
      <c r="AI2947" s="85"/>
      <c r="AJ2947" s="85"/>
      <c r="AK2947" s="85"/>
      <c r="AL2947" s="85"/>
      <c r="AM2947" s="92"/>
      <c r="AN2947" s="92"/>
      <c r="AO2947" s="92"/>
      <c r="AP2947" s="92"/>
      <c r="AQ2947" s="92"/>
      <c r="AR2947" s="92"/>
      <c r="AS2947" s="92"/>
      <c r="AT2947" s="92"/>
      <c r="AU2947" s="92"/>
      <c r="AV2947" s="92"/>
      <c r="AW2947" s="92"/>
      <c r="AX2947" s="92"/>
      <c r="AY2947" s="92"/>
      <c r="AZ2947" s="93"/>
      <c r="BA2947" s="93"/>
      <c r="BB2947" s="93"/>
      <c r="BC2947" s="93"/>
      <c r="BD2947" s="93"/>
      <c r="BE2947" s="93"/>
      <c r="BF2947" s="93"/>
      <c r="BG2947" s="93"/>
      <c r="BH2947" s="93"/>
      <c r="BI2947" s="93"/>
      <c r="BJ2947" s="93"/>
      <c r="BK2947" s="93"/>
      <c r="BL2947" s="93"/>
    </row>
    <row r="2948" spans="2:64" x14ac:dyDescent="0.2">
      <c r="B2948" s="43"/>
      <c r="C2948" s="73"/>
      <c r="D2948" s="64"/>
      <c r="E2948" s="55"/>
      <c r="F2948" s="74"/>
      <c r="G2948" s="74"/>
      <c r="H2948" s="74"/>
      <c r="I2948" s="75"/>
      <c r="J2948" s="74"/>
      <c r="L2948" s="55"/>
      <c r="M2948" s="234"/>
      <c r="N2948" s="65"/>
      <c r="O2948" s="76"/>
      <c r="P2948" s="76"/>
      <c r="Q2948" s="65"/>
      <c r="R2948" s="76"/>
      <c r="S2948" s="76"/>
      <c r="T2948" s="76"/>
      <c r="U2948" s="76"/>
      <c r="V2948" s="76"/>
      <c r="W2948" s="76"/>
      <c r="X2948" s="76"/>
      <c r="Y2948" s="76"/>
      <c r="Z2948" s="76"/>
      <c r="AA2948" s="85"/>
      <c r="AB2948" s="85"/>
      <c r="AC2948" s="85"/>
      <c r="AD2948" s="85"/>
      <c r="AE2948" s="85"/>
      <c r="AF2948" s="85"/>
      <c r="AG2948" s="86"/>
      <c r="AH2948" s="85"/>
      <c r="AI2948" s="85"/>
      <c r="AJ2948" s="85"/>
      <c r="AK2948" s="85"/>
      <c r="AL2948" s="85"/>
      <c r="AM2948" s="92"/>
      <c r="AN2948" s="92"/>
      <c r="AO2948" s="92"/>
      <c r="AP2948" s="92"/>
      <c r="AQ2948" s="92"/>
      <c r="AR2948" s="92"/>
      <c r="AS2948" s="92"/>
      <c r="AT2948" s="92"/>
      <c r="AU2948" s="92"/>
      <c r="AV2948" s="92"/>
      <c r="AW2948" s="92"/>
      <c r="AX2948" s="92"/>
      <c r="AY2948" s="92"/>
      <c r="AZ2948" s="93"/>
      <c r="BA2948" s="93"/>
      <c r="BB2948" s="93"/>
      <c r="BC2948" s="93"/>
      <c r="BD2948" s="93"/>
      <c r="BE2948" s="93"/>
      <c r="BF2948" s="93"/>
      <c r="BG2948" s="93"/>
      <c r="BH2948" s="93"/>
      <c r="BI2948" s="93"/>
      <c r="BJ2948" s="93"/>
      <c r="BK2948" s="93"/>
      <c r="BL2948" s="93"/>
    </row>
    <row r="2949" spans="2:64" x14ac:dyDescent="0.2">
      <c r="B2949" s="43"/>
      <c r="C2949" s="73"/>
      <c r="D2949" s="64"/>
      <c r="E2949" s="55"/>
      <c r="F2949" s="74"/>
      <c r="G2949" s="74"/>
      <c r="H2949" s="74"/>
      <c r="I2949" s="75"/>
      <c r="J2949" s="74"/>
      <c r="L2949" s="55"/>
      <c r="M2949" s="234"/>
      <c r="N2949" s="65"/>
      <c r="O2949" s="76"/>
      <c r="P2949" s="76"/>
      <c r="Q2949" s="65"/>
      <c r="R2949" s="76"/>
      <c r="S2949" s="76"/>
      <c r="T2949" s="76"/>
      <c r="U2949" s="76"/>
      <c r="V2949" s="76"/>
      <c r="W2949" s="76"/>
      <c r="X2949" s="76"/>
      <c r="Y2949" s="76"/>
      <c r="Z2949" s="76"/>
      <c r="AA2949" s="85"/>
      <c r="AB2949" s="85"/>
      <c r="AC2949" s="85"/>
      <c r="AD2949" s="85"/>
      <c r="AE2949" s="85"/>
      <c r="AF2949" s="85"/>
      <c r="AG2949" s="86"/>
      <c r="AH2949" s="85"/>
      <c r="AI2949" s="85"/>
      <c r="AJ2949" s="85"/>
      <c r="AK2949" s="85"/>
      <c r="AL2949" s="85"/>
      <c r="AM2949" s="92"/>
      <c r="AN2949" s="92"/>
      <c r="AO2949" s="92"/>
      <c r="AP2949" s="92"/>
      <c r="AQ2949" s="92"/>
      <c r="AR2949" s="92"/>
      <c r="AS2949" s="92"/>
      <c r="AT2949" s="92"/>
      <c r="AU2949" s="92"/>
      <c r="AV2949" s="92"/>
      <c r="AW2949" s="92"/>
      <c r="AX2949" s="92"/>
      <c r="AY2949" s="92"/>
      <c r="AZ2949" s="93"/>
      <c r="BA2949" s="93"/>
      <c r="BB2949" s="93"/>
      <c r="BC2949" s="93"/>
      <c r="BD2949" s="93"/>
      <c r="BE2949" s="93"/>
      <c r="BF2949" s="93"/>
      <c r="BG2949" s="93"/>
      <c r="BH2949" s="93"/>
      <c r="BI2949" s="93"/>
      <c r="BJ2949" s="93"/>
      <c r="BK2949" s="93"/>
      <c r="BL2949" s="93"/>
    </row>
    <row r="2950" spans="2:64" x14ac:dyDescent="0.2">
      <c r="B2950" s="43"/>
      <c r="C2950" s="73"/>
      <c r="D2950" s="64"/>
      <c r="E2950" s="55"/>
      <c r="F2950" s="74"/>
      <c r="G2950" s="74"/>
      <c r="H2950" s="74"/>
      <c r="I2950" s="75"/>
      <c r="J2950" s="74"/>
      <c r="L2950" s="55"/>
      <c r="M2950" s="234"/>
      <c r="N2950" s="65"/>
      <c r="O2950" s="76"/>
      <c r="P2950" s="76"/>
      <c r="Q2950" s="65"/>
      <c r="R2950" s="76"/>
      <c r="S2950" s="76"/>
      <c r="T2950" s="76"/>
      <c r="U2950" s="76"/>
      <c r="V2950" s="76"/>
      <c r="W2950" s="76"/>
      <c r="X2950" s="76"/>
      <c r="Y2950" s="76"/>
      <c r="Z2950" s="76"/>
      <c r="AA2950" s="85"/>
      <c r="AB2950" s="85"/>
      <c r="AC2950" s="85"/>
      <c r="AD2950" s="85"/>
      <c r="AE2950" s="85"/>
      <c r="AF2950" s="85"/>
      <c r="AG2950" s="86"/>
      <c r="AH2950" s="85"/>
      <c r="AI2950" s="85"/>
      <c r="AJ2950" s="85"/>
      <c r="AK2950" s="85"/>
      <c r="AL2950" s="85"/>
      <c r="AM2950" s="92"/>
      <c r="AN2950" s="92"/>
      <c r="AO2950" s="92"/>
      <c r="AP2950" s="92"/>
      <c r="AQ2950" s="92"/>
      <c r="AR2950" s="92"/>
      <c r="AS2950" s="92"/>
      <c r="AT2950" s="92"/>
      <c r="AU2950" s="92"/>
      <c r="AV2950" s="92"/>
      <c r="AW2950" s="92"/>
      <c r="AX2950" s="92"/>
      <c r="AY2950" s="92"/>
      <c r="AZ2950" s="93"/>
      <c r="BA2950" s="93"/>
      <c r="BB2950" s="93"/>
      <c r="BC2950" s="93"/>
      <c r="BD2950" s="93"/>
      <c r="BE2950" s="93"/>
      <c r="BF2950" s="93"/>
      <c r="BG2950" s="93"/>
      <c r="BH2950" s="93"/>
      <c r="BI2950" s="93"/>
      <c r="BJ2950" s="93"/>
      <c r="BK2950" s="93"/>
      <c r="BL2950" s="93"/>
    </row>
    <row r="2951" spans="2:64" x14ac:dyDescent="0.2">
      <c r="B2951" s="43"/>
      <c r="C2951" s="73"/>
      <c r="D2951" s="64"/>
      <c r="E2951" s="55"/>
      <c r="F2951" s="74"/>
      <c r="G2951" s="74"/>
      <c r="H2951" s="74"/>
      <c r="I2951" s="75"/>
      <c r="J2951" s="74"/>
      <c r="L2951" s="55"/>
      <c r="M2951" s="234"/>
      <c r="N2951" s="65"/>
      <c r="O2951" s="76"/>
      <c r="P2951" s="76"/>
      <c r="Q2951" s="65"/>
      <c r="R2951" s="76"/>
      <c r="S2951" s="76"/>
      <c r="T2951" s="76"/>
      <c r="U2951" s="76"/>
      <c r="V2951" s="76"/>
      <c r="W2951" s="76"/>
      <c r="X2951" s="76"/>
      <c r="Y2951" s="76"/>
      <c r="Z2951" s="76"/>
      <c r="AA2951" s="85"/>
      <c r="AB2951" s="85"/>
      <c r="AC2951" s="85"/>
      <c r="AD2951" s="85"/>
      <c r="AE2951" s="85"/>
      <c r="AF2951" s="85"/>
      <c r="AG2951" s="86"/>
      <c r="AH2951" s="85"/>
      <c r="AI2951" s="85"/>
      <c r="AJ2951" s="85"/>
      <c r="AK2951" s="85"/>
      <c r="AL2951" s="85"/>
      <c r="AM2951" s="92"/>
      <c r="AN2951" s="92"/>
      <c r="AO2951" s="92"/>
      <c r="AP2951" s="92"/>
      <c r="AQ2951" s="92"/>
      <c r="AR2951" s="92"/>
      <c r="AS2951" s="92"/>
      <c r="AT2951" s="92"/>
      <c r="AU2951" s="92"/>
      <c r="AV2951" s="92"/>
      <c r="AW2951" s="92"/>
      <c r="AX2951" s="92"/>
      <c r="AY2951" s="92"/>
      <c r="AZ2951" s="93"/>
      <c r="BA2951" s="93"/>
      <c r="BB2951" s="93"/>
      <c r="BC2951" s="93"/>
      <c r="BD2951" s="93"/>
      <c r="BE2951" s="93"/>
      <c r="BF2951" s="93"/>
      <c r="BG2951" s="93"/>
      <c r="BH2951" s="93"/>
      <c r="BI2951" s="93"/>
      <c r="BJ2951" s="93"/>
      <c r="BK2951" s="93"/>
      <c r="BL2951" s="93"/>
    </row>
    <row r="2952" spans="2:64" x14ac:dyDescent="0.2">
      <c r="B2952" s="43"/>
      <c r="C2952" s="73"/>
      <c r="D2952" s="64"/>
      <c r="E2952" s="55"/>
      <c r="F2952" s="74"/>
      <c r="G2952" s="74"/>
      <c r="H2952" s="74"/>
      <c r="I2952" s="75"/>
      <c r="J2952" s="74"/>
      <c r="L2952" s="55"/>
      <c r="M2952" s="234"/>
      <c r="N2952" s="65"/>
      <c r="O2952" s="76"/>
      <c r="P2952" s="76"/>
      <c r="Q2952" s="65"/>
      <c r="R2952" s="76"/>
      <c r="S2952" s="76"/>
      <c r="T2952" s="76"/>
      <c r="U2952" s="76"/>
      <c r="V2952" s="76"/>
      <c r="W2952" s="76"/>
      <c r="X2952" s="76"/>
      <c r="Y2952" s="76"/>
      <c r="Z2952" s="76"/>
      <c r="AA2952" s="85"/>
      <c r="AB2952" s="85"/>
      <c r="AC2952" s="85"/>
      <c r="AD2952" s="85"/>
      <c r="AE2952" s="85"/>
      <c r="AF2952" s="85"/>
      <c r="AG2952" s="86"/>
      <c r="AH2952" s="85"/>
      <c r="AI2952" s="85"/>
      <c r="AJ2952" s="85"/>
      <c r="AK2952" s="85"/>
      <c r="AL2952" s="85"/>
      <c r="AM2952" s="92"/>
      <c r="AN2952" s="92"/>
      <c r="AO2952" s="92"/>
      <c r="AP2952" s="92"/>
      <c r="AQ2952" s="92"/>
      <c r="AR2952" s="92"/>
      <c r="AS2952" s="92"/>
      <c r="AT2952" s="92"/>
      <c r="AU2952" s="92"/>
      <c r="AV2952" s="92"/>
      <c r="AW2952" s="92"/>
      <c r="AX2952" s="92"/>
      <c r="AY2952" s="92"/>
      <c r="AZ2952" s="93"/>
      <c r="BA2952" s="93"/>
      <c r="BB2952" s="93"/>
      <c r="BC2952" s="93"/>
      <c r="BD2952" s="93"/>
      <c r="BE2952" s="93"/>
      <c r="BF2952" s="93"/>
      <c r="BG2952" s="93"/>
      <c r="BH2952" s="93"/>
      <c r="BI2952" s="93"/>
      <c r="BJ2952" s="93"/>
      <c r="BK2952" s="93"/>
      <c r="BL2952" s="93"/>
    </row>
    <row r="2953" spans="2:64" x14ac:dyDescent="0.2">
      <c r="B2953" s="43"/>
      <c r="C2953" s="73"/>
      <c r="D2953" s="64"/>
      <c r="E2953" s="55"/>
      <c r="F2953" s="74"/>
      <c r="G2953" s="74"/>
      <c r="H2953" s="74"/>
      <c r="I2953" s="75"/>
      <c r="J2953" s="74"/>
      <c r="L2953" s="55"/>
      <c r="M2953" s="234"/>
      <c r="N2953" s="65"/>
      <c r="O2953" s="76"/>
      <c r="P2953" s="76"/>
      <c r="Q2953" s="65"/>
      <c r="R2953" s="76"/>
      <c r="S2953" s="76"/>
      <c r="T2953" s="76"/>
      <c r="U2953" s="76"/>
      <c r="V2953" s="76"/>
      <c r="W2953" s="76"/>
      <c r="X2953" s="76"/>
      <c r="Y2953" s="76"/>
      <c r="Z2953" s="76"/>
      <c r="AA2953" s="85"/>
      <c r="AB2953" s="85"/>
      <c r="AC2953" s="85"/>
      <c r="AD2953" s="85"/>
      <c r="AE2953" s="85"/>
      <c r="AF2953" s="85"/>
      <c r="AG2953" s="86"/>
      <c r="AH2953" s="85"/>
      <c r="AI2953" s="85"/>
      <c r="AJ2953" s="85"/>
      <c r="AK2953" s="85"/>
      <c r="AL2953" s="85"/>
      <c r="AM2953" s="92"/>
      <c r="AN2953" s="92"/>
      <c r="AO2953" s="92"/>
      <c r="AP2953" s="92"/>
      <c r="AQ2953" s="92"/>
      <c r="AR2953" s="92"/>
      <c r="AS2953" s="92"/>
      <c r="AT2953" s="92"/>
      <c r="AU2953" s="92"/>
      <c r="AV2953" s="92"/>
      <c r="AW2953" s="92"/>
      <c r="AX2953" s="92"/>
      <c r="AY2953" s="92"/>
      <c r="AZ2953" s="93"/>
      <c r="BA2953" s="93"/>
      <c r="BB2953" s="93"/>
      <c r="BC2953" s="93"/>
      <c r="BD2953" s="93"/>
      <c r="BE2953" s="93"/>
      <c r="BF2953" s="93"/>
      <c r="BG2953" s="93"/>
      <c r="BH2953" s="93"/>
      <c r="BI2953" s="93"/>
      <c r="BJ2953" s="93"/>
      <c r="BK2953" s="93"/>
      <c r="BL2953" s="93"/>
    </row>
    <row r="2954" spans="2:64" x14ac:dyDescent="0.2">
      <c r="B2954" s="43"/>
      <c r="C2954" s="73"/>
      <c r="D2954" s="64"/>
      <c r="E2954" s="55"/>
      <c r="F2954" s="74"/>
      <c r="G2954" s="74"/>
      <c r="H2954" s="74"/>
      <c r="I2954" s="75"/>
      <c r="J2954" s="74"/>
      <c r="L2954" s="55"/>
      <c r="M2954" s="234"/>
      <c r="N2954" s="65"/>
      <c r="O2954" s="76"/>
      <c r="P2954" s="76"/>
      <c r="Q2954" s="65"/>
      <c r="R2954" s="76"/>
      <c r="S2954" s="76"/>
      <c r="T2954" s="76"/>
      <c r="U2954" s="76"/>
      <c r="V2954" s="76"/>
      <c r="W2954" s="76"/>
      <c r="X2954" s="76"/>
      <c r="Y2954" s="76"/>
      <c r="Z2954" s="76"/>
      <c r="AA2954" s="85"/>
      <c r="AB2954" s="85"/>
      <c r="AC2954" s="85"/>
      <c r="AD2954" s="85"/>
      <c r="AE2954" s="85"/>
      <c r="AF2954" s="85"/>
      <c r="AG2954" s="86"/>
      <c r="AH2954" s="85"/>
      <c r="AI2954" s="85"/>
      <c r="AJ2954" s="85"/>
      <c r="AK2954" s="85"/>
      <c r="AL2954" s="85"/>
      <c r="AM2954" s="92"/>
      <c r="AN2954" s="92"/>
      <c r="AO2954" s="92"/>
      <c r="AP2954" s="92"/>
      <c r="AQ2954" s="92"/>
      <c r="AR2954" s="92"/>
      <c r="AS2954" s="92"/>
      <c r="AT2954" s="92"/>
      <c r="AU2954" s="92"/>
      <c r="AV2954" s="92"/>
      <c r="AW2954" s="92"/>
      <c r="AX2954" s="92"/>
      <c r="AY2954" s="92"/>
      <c r="AZ2954" s="93"/>
      <c r="BA2954" s="93"/>
      <c r="BB2954" s="93"/>
      <c r="BC2954" s="93"/>
      <c r="BD2954" s="93"/>
      <c r="BE2954" s="93"/>
      <c r="BF2954" s="93"/>
      <c r="BG2954" s="93"/>
      <c r="BH2954" s="93"/>
      <c r="BI2954" s="93"/>
      <c r="BJ2954" s="93"/>
      <c r="BK2954" s="93"/>
      <c r="BL2954" s="93"/>
    </row>
    <row r="2955" spans="2:64" x14ac:dyDescent="0.2">
      <c r="B2955" s="43"/>
      <c r="C2955" s="73"/>
      <c r="D2955" s="64"/>
      <c r="E2955" s="55"/>
      <c r="F2955" s="74"/>
      <c r="G2955" s="74"/>
      <c r="H2955" s="74"/>
      <c r="I2955" s="75"/>
      <c r="J2955" s="74"/>
      <c r="L2955" s="55"/>
      <c r="M2955" s="234"/>
      <c r="N2955" s="65"/>
      <c r="O2955" s="76"/>
      <c r="P2955" s="76"/>
      <c r="Q2955" s="65"/>
      <c r="R2955" s="76"/>
      <c r="S2955" s="76"/>
      <c r="T2955" s="76"/>
      <c r="U2955" s="76"/>
      <c r="V2955" s="76"/>
      <c r="W2955" s="76"/>
      <c r="X2955" s="76"/>
      <c r="Y2955" s="76"/>
      <c r="Z2955" s="76"/>
      <c r="AA2955" s="85"/>
      <c r="AB2955" s="85"/>
      <c r="AC2955" s="85"/>
      <c r="AD2955" s="85"/>
      <c r="AE2955" s="85"/>
      <c r="AF2955" s="85"/>
      <c r="AG2955" s="86"/>
      <c r="AH2955" s="85"/>
      <c r="AI2955" s="85"/>
      <c r="AJ2955" s="85"/>
      <c r="AK2955" s="85"/>
      <c r="AL2955" s="85"/>
      <c r="AM2955" s="92"/>
      <c r="AN2955" s="92"/>
      <c r="AO2955" s="92"/>
      <c r="AP2955" s="92"/>
      <c r="AQ2955" s="92"/>
      <c r="AR2955" s="92"/>
      <c r="AS2955" s="92"/>
      <c r="AT2955" s="92"/>
      <c r="AU2955" s="92"/>
      <c r="AV2955" s="92"/>
      <c r="AW2955" s="92"/>
      <c r="AX2955" s="92"/>
      <c r="AY2955" s="92"/>
      <c r="AZ2955" s="93"/>
      <c r="BA2955" s="93"/>
      <c r="BB2955" s="93"/>
      <c r="BC2955" s="93"/>
      <c r="BD2955" s="93"/>
      <c r="BE2955" s="93"/>
      <c r="BF2955" s="93"/>
      <c r="BG2955" s="93"/>
      <c r="BH2955" s="93"/>
      <c r="BI2955" s="93"/>
      <c r="BJ2955" s="93"/>
      <c r="BK2955" s="93"/>
      <c r="BL2955" s="93"/>
    </row>
    <row r="2956" spans="2:64" x14ac:dyDescent="0.2">
      <c r="B2956" s="43"/>
      <c r="C2956" s="73"/>
      <c r="D2956" s="64"/>
      <c r="E2956" s="55"/>
      <c r="F2956" s="74"/>
      <c r="G2956" s="74"/>
      <c r="H2956" s="74"/>
      <c r="I2956" s="75"/>
      <c r="J2956" s="74"/>
      <c r="L2956" s="55"/>
      <c r="M2956" s="234"/>
      <c r="N2956" s="65"/>
      <c r="O2956" s="76"/>
      <c r="P2956" s="76"/>
      <c r="Q2956" s="65"/>
      <c r="R2956" s="76"/>
      <c r="S2956" s="76"/>
      <c r="T2956" s="76"/>
      <c r="U2956" s="76"/>
      <c r="V2956" s="76"/>
      <c r="W2956" s="76"/>
      <c r="X2956" s="76"/>
      <c r="Y2956" s="76"/>
      <c r="Z2956" s="76"/>
      <c r="AA2956" s="85"/>
      <c r="AB2956" s="85"/>
      <c r="AC2956" s="85"/>
      <c r="AD2956" s="85"/>
      <c r="AE2956" s="85"/>
      <c r="AF2956" s="85"/>
      <c r="AG2956" s="86"/>
      <c r="AH2956" s="85"/>
      <c r="AI2956" s="85"/>
      <c r="AJ2956" s="85"/>
      <c r="AK2956" s="85"/>
      <c r="AL2956" s="85"/>
      <c r="AM2956" s="92"/>
      <c r="AN2956" s="92"/>
      <c r="AO2956" s="92"/>
      <c r="AP2956" s="92"/>
      <c r="AQ2956" s="92"/>
      <c r="AR2956" s="92"/>
      <c r="AS2956" s="92"/>
      <c r="AT2956" s="92"/>
      <c r="AU2956" s="92"/>
      <c r="AV2956" s="92"/>
      <c r="AW2956" s="92"/>
      <c r="AX2956" s="92"/>
      <c r="AY2956" s="92"/>
      <c r="AZ2956" s="93"/>
      <c r="BA2956" s="93"/>
      <c r="BB2956" s="93"/>
      <c r="BC2956" s="93"/>
      <c r="BD2956" s="93"/>
      <c r="BE2956" s="93"/>
      <c r="BF2956" s="93"/>
      <c r="BG2956" s="93"/>
      <c r="BH2956" s="93"/>
      <c r="BI2956" s="93"/>
      <c r="BJ2956" s="93"/>
      <c r="BK2956" s="93"/>
      <c r="BL2956" s="93"/>
    </row>
    <row r="2957" spans="2:64" x14ac:dyDescent="0.2">
      <c r="B2957" s="43"/>
      <c r="C2957" s="73"/>
      <c r="D2957" s="64"/>
      <c r="E2957" s="55"/>
      <c r="F2957" s="74"/>
      <c r="G2957" s="74"/>
      <c r="H2957" s="74"/>
      <c r="I2957" s="75"/>
      <c r="J2957" s="74"/>
      <c r="L2957" s="55"/>
      <c r="M2957" s="234"/>
      <c r="N2957" s="65"/>
      <c r="O2957" s="76"/>
      <c r="P2957" s="76"/>
      <c r="Q2957" s="65"/>
      <c r="R2957" s="76"/>
      <c r="S2957" s="76"/>
      <c r="T2957" s="76"/>
      <c r="U2957" s="76"/>
      <c r="V2957" s="76"/>
      <c r="W2957" s="76"/>
      <c r="X2957" s="76"/>
      <c r="Y2957" s="76"/>
      <c r="Z2957" s="76"/>
      <c r="AA2957" s="85"/>
      <c r="AB2957" s="85"/>
      <c r="AC2957" s="85"/>
      <c r="AD2957" s="85"/>
      <c r="AE2957" s="85"/>
      <c r="AF2957" s="85"/>
      <c r="AG2957" s="86"/>
      <c r="AH2957" s="85"/>
      <c r="AI2957" s="85"/>
      <c r="AJ2957" s="85"/>
      <c r="AK2957" s="85"/>
      <c r="AL2957" s="85"/>
      <c r="AM2957" s="92"/>
      <c r="AN2957" s="92"/>
      <c r="AO2957" s="92"/>
      <c r="AP2957" s="92"/>
      <c r="AQ2957" s="92"/>
      <c r="AR2957" s="92"/>
      <c r="AS2957" s="92"/>
      <c r="AT2957" s="92"/>
      <c r="AU2957" s="92"/>
      <c r="AV2957" s="92"/>
      <c r="AW2957" s="92"/>
      <c r="AX2957" s="92"/>
      <c r="AY2957" s="92"/>
      <c r="AZ2957" s="93"/>
      <c r="BA2957" s="93"/>
      <c r="BB2957" s="93"/>
      <c r="BC2957" s="93"/>
      <c r="BD2957" s="93"/>
      <c r="BE2957" s="93"/>
      <c r="BF2957" s="93"/>
      <c r="BG2957" s="93"/>
      <c r="BH2957" s="93"/>
      <c r="BI2957" s="93"/>
      <c r="BJ2957" s="93"/>
      <c r="BK2957" s="93"/>
      <c r="BL2957" s="93"/>
    </row>
    <row r="2958" spans="2:64" x14ac:dyDescent="0.2">
      <c r="B2958" s="43"/>
      <c r="C2958" s="73"/>
      <c r="D2958" s="64"/>
      <c r="E2958" s="55"/>
      <c r="F2958" s="74"/>
      <c r="G2958" s="74"/>
      <c r="H2958" s="74"/>
      <c r="I2958" s="75"/>
      <c r="J2958" s="74"/>
      <c r="L2958" s="55"/>
      <c r="M2958" s="234"/>
      <c r="N2958" s="65"/>
      <c r="O2958" s="76"/>
      <c r="P2958" s="76"/>
      <c r="Q2958" s="65"/>
      <c r="R2958" s="76"/>
      <c r="S2958" s="76"/>
      <c r="T2958" s="76"/>
      <c r="U2958" s="76"/>
      <c r="V2958" s="76"/>
      <c r="W2958" s="76"/>
      <c r="X2958" s="76"/>
      <c r="Y2958" s="76"/>
      <c r="Z2958" s="76"/>
      <c r="AA2958" s="85"/>
      <c r="AB2958" s="85"/>
      <c r="AC2958" s="85"/>
      <c r="AD2958" s="85"/>
      <c r="AE2958" s="85"/>
      <c r="AF2958" s="85"/>
      <c r="AG2958" s="86"/>
      <c r="AH2958" s="85"/>
      <c r="AI2958" s="85"/>
      <c r="AJ2958" s="85"/>
      <c r="AK2958" s="85"/>
      <c r="AL2958" s="85"/>
      <c r="AM2958" s="92"/>
      <c r="AN2958" s="92"/>
      <c r="AO2958" s="92"/>
      <c r="AP2958" s="92"/>
      <c r="AQ2958" s="92"/>
      <c r="AR2958" s="92"/>
      <c r="AS2958" s="92"/>
      <c r="AT2958" s="92"/>
      <c r="AU2958" s="92"/>
      <c r="AV2958" s="92"/>
      <c r="AW2958" s="92"/>
      <c r="AX2958" s="92"/>
      <c r="AY2958" s="92"/>
      <c r="AZ2958" s="93"/>
      <c r="BA2958" s="93"/>
      <c r="BB2958" s="93"/>
      <c r="BC2958" s="93"/>
      <c r="BD2958" s="93"/>
      <c r="BE2958" s="93"/>
      <c r="BF2958" s="93"/>
      <c r="BG2958" s="93"/>
      <c r="BH2958" s="93"/>
      <c r="BI2958" s="93"/>
      <c r="BJ2958" s="93"/>
      <c r="BK2958" s="93"/>
      <c r="BL2958" s="93"/>
    </row>
    <row r="2959" spans="2:64" x14ac:dyDescent="0.2">
      <c r="B2959" s="43"/>
      <c r="C2959" s="73"/>
      <c r="D2959" s="64"/>
      <c r="E2959" s="55"/>
      <c r="F2959" s="74"/>
      <c r="G2959" s="74"/>
      <c r="H2959" s="74"/>
      <c r="I2959" s="75"/>
      <c r="J2959" s="74"/>
      <c r="L2959" s="55"/>
      <c r="M2959" s="234"/>
      <c r="N2959" s="65"/>
      <c r="O2959" s="76"/>
      <c r="P2959" s="76"/>
      <c r="Q2959" s="65"/>
      <c r="R2959" s="76"/>
      <c r="S2959" s="76"/>
      <c r="T2959" s="76"/>
      <c r="U2959" s="76"/>
      <c r="V2959" s="76"/>
      <c r="W2959" s="76"/>
      <c r="X2959" s="76"/>
      <c r="Y2959" s="76"/>
      <c r="Z2959" s="76"/>
      <c r="AA2959" s="85"/>
      <c r="AB2959" s="85"/>
      <c r="AC2959" s="85"/>
      <c r="AD2959" s="85"/>
      <c r="AE2959" s="85"/>
      <c r="AF2959" s="85"/>
      <c r="AG2959" s="86"/>
      <c r="AH2959" s="85"/>
      <c r="AI2959" s="85"/>
      <c r="AJ2959" s="85"/>
      <c r="AK2959" s="85"/>
      <c r="AL2959" s="85"/>
      <c r="AM2959" s="92"/>
      <c r="AN2959" s="92"/>
      <c r="AO2959" s="92"/>
      <c r="AP2959" s="92"/>
      <c r="AQ2959" s="92"/>
      <c r="AR2959" s="92"/>
      <c r="AS2959" s="92"/>
      <c r="AT2959" s="92"/>
      <c r="AU2959" s="92"/>
      <c r="AV2959" s="92"/>
      <c r="AW2959" s="92"/>
      <c r="AX2959" s="92"/>
      <c r="AY2959" s="92"/>
      <c r="AZ2959" s="93"/>
      <c r="BA2959" s="93"/>
      <c r="BB2959" s="93"/>
      <c r="BC2959" s="93"/>
      <c r="BD2959" s="93"/>
      <c r="BE2959" s="93"/>
      <c r="BF2959" s="93"/>
      <c r="BG2959" s="93"/>
      <c r="BH2959" s="93"/>
      <c r="BI2959" s="93"/>
      <c r="BJ2959" s="93"/>
      <c r="BK2959" s="93"/>
      <c r="BL2959" s="93"/>
    </row>
    <row r="2960" spans="2:64" x14ac:dyDescent="0.2">
      <c r="B2960" s="43"/>
      <c r="C2960" s="73"/>
      <c r="D2960" s="64"/>
      <c r="E2960" s="55"/>
      <c r="F2960" s="74"/>
      <c r="G2960" s="74"/>
      <c r="H2960" s="74"/>
      <c r="I2960" s="75"/>
      <c r="J2960" s="74"/>
      <c r="L2960" s="55"/>
      <c r="M2960" s="234"/>
      <c r="N2960" s="65"/>
      <c r="O2960" s="76"/>
      <c r="P2960" s="76"/>
      <c r="Q2960" s="65"/>
      <c r="R2960" s="76"/>
      <c r="S2960" s="76"/>
      <c r="T2960" s="76"/>
      <c r="U2960" s="76"/>
      <c r="V2960" s="76"/>
      <c r="W2960" s="76"/>
      <c r="X2960" s="76"/>
      <c r="Y2960" s="76"/>
      <c r="Z2960" s="76"/>
      <c r="AA2960" s="85"/>
      <c r="AB2960" s="85"/>
      <c r="AC2960" s="85"/>
      <c r="AD2960" s="85"/>
      <c r="AE2960" s="85"/>
      <c r="AF2960" s="85"/>
      <c r="AG2960" s="86"/>
      <c r="AH2960" s="85"/>
      <c r="AI2960" s="85"/>
      <c r="AJ2960" s="85"/>
      <c r="AK2960" s="85"/>
      <c r="AL2960" s="85"/>
      <c r="AM2960" s="92"/>
      <c r="AN2960" s="92"/>
      <c r="AO2960" s="92"/>
      <c r="AP2960" s="92"/>
      <c r="AQ2960" s="92"/>
      <c r="AR2960" s="92"/>
      <c r="AS2960" s="92"/>
      <c r="AT2960" s="92"/>
      <c r="AU2960" s="92"/>
      <c r="AV2960" s="92"/>
      <c r="AW2960" s="92"/>
      <c r="AX2960" s="92"/>
      <c r="AY2960" s="92"/>
      <c r="AZ2960" s="93"/>
      <c r="BA2960" s="93"/>
      <c r="BB2960" s="93"/>
      <c r="BC2960" s="93"/>
      <c r="BD2960" s="93"/>
      <c r="BE2960" s="93"/>
      <c r="BF2960" s="93"/>
      <c r="BG2960" s="93"/>
      <c r="BH2960" s="93"/>
      <c r="BI2960" s="93"/>
      <c r="BJ2960" s="93"/>
      <c r="BK2960" s="93"/>
      <c r="BL2960" s="93"/>
    </row>
    <row r="2961" spans="2:64" x14ac:dyDescent="0.2">
      <c r="B2961" s="43"/>
      <c r="C2961" s="73"/>
      <c r="D2961" s="64"/>
      <c r="E2961" s="55"/>
      <c r="F2961" s="74"/>
      <c r="G2961" s="74"/>
      <c r="H2961" s="74"/>
      <c r="I2961" s="75"/>
      <c r="J2961" s="74"/>
      <c r="L2961" s="55"/>
      <c r="M2961" s="234"/>
      <c r="N2961" s="65"/>
      <c r="O2961" s="76"/>
      <c r="P2961" s="76"/>
      <c r="Q2961" s="65"/>
      <c r="R2961" s="76"/>
      <c r="S2961" s="76"/>
      <c r="T2961" s="76"/>
      <c r="U2961" s="76"/>
      <c r="V2961" s="76"/>
      <c r="W2961" s="76"/>
      <c r="X2961" s="76"/>
      <c r="Y2961" s="76"/>
      <c r="Z2961" s="76"/>
      <c r="AA2961" s="85"/>
      <c r="AB2961" s="85"/>
      <c r="AC2961" s="85"/>
      <c r="AD2961" s="85"/>
      <c r="AE2961" s="85"/>
      <c r="AF2961" s="85"/>
      <c r="AG2961" s="86"/>
      <c r="AH2961" s="85"/>
      <c r="AI2961" s="85"/>
      <c r="AJ2961" s="85"/>
      <c r="AK2961" s="85"/>
      <c r="AL2961" s="85"/>
      <c r="AM2961" s="92"/>
      <c r="AN2961" s="92"/>
      <c r="AO2961" s="92"/>
      <c r="AP2961" s="92"/>
      <c r="AQ2961" s="92"/>
      <c r="AR2961" s="92"/>
      <c r="AS2961" s="92"/>
      <c r="AT2961" s="92"/>
      <c r="AU2961" s="92"/>
      <c r="AV2961" s="92"/>
      <c r="AW2961" s="92"/>
      <c r="AX2961" s="92"/>
      <c r="AY2961" s="92"/>
      <c r="AZ2961" s="93"/>
      <c r="BA2961" s="93"/>
      <c r="BB2961" s="93"/>
      <c r="BC2961" s="93"/>
      <c r="BD2961" s="93"/>
      <c r="BE2961" s="93"/>
      <c r="BF2961" s="93"/>
      <c r="BG2961" s="93"/>
      <c r="BH2961" s="93"/>
      <c r="BI2961" s="93"/>
      <c r="BJ2961" s="93"/>
      <c r="BK2961" s="93"/>
      <c r="BL2961" s="93"/>
    </row>
    <row r="2962" spans="2:64" x14ac:dyDescent="0.2">
      <c r="B2962" s="43"/>
      <c r="C2962" s="73"/>
      <c r="D2962" s="64"/>
      <c r="E2962" s="55"/>
      <c r="F2962" s="74"/>
      <c r="G2962" s="74"/>
      <c r="H2962" s="74"/>
      <c r="I2962" s="75"/>
      <c r="J2962" s="74"/>
      <c r="L2962" s="55"/>
      <c r="M2962" s="234"/>
      <c r="N2962" s="65"/>
      <c r="O2962" s="76"/>
      <c r="P2962" s="76"/>
      <c r="Q2962" s="65"/>
      <c r="R2962" s="76"/>
      <c r="S2962" s="76"/>
      <c r="T2962" s="76"/>
      <c r="U2962" s="76"/>
      <c r="V2962" s="76"/>
      <c r="W2962" s="76"/>
      <c r="X2962" s="76"/>
      <c r="Y2962" s="76"/>
      <c r="Z2962" s="76"/>
      <c r="AA2962" s="85"/>
      <c r="AB2962" s="85"/>
      <c r="AC2962" s="85"/>
      <c r="AD2962" s="85"/>
      <c r="AE2962" s="85"/>
      <c r="AF2962" s="85"/>
      <c r="AG2962" s="86"/>
      <c r="AH2962" s="85"/>
      <c r="AI2962" s="85"/>
      <c r="AJ2962" s="85"/>
      <c r="AK2962" s="85"/>
      <c r="AL2962" s="85"/>
      <c r="AM2962" s="92"/>
      <c r="AN2962" s="92"/>
      <c r="AO2962" s="92"/>
      <c r="AP2962" s="92"/>
      <c r="AQ2962" s="92"/>
      <c r="AR2962" s="92"/>
      <c r="AS2962" s="92"/>
      <c r="AT2962" s="92"/>
      <c r="AU2962" s="92"/>
      <c r="AV2962" s="92"/>
      <c r="AW2962" s="92"/>
      <c r="AX2962" s="92"/>
      <c r="AY2962" s="92"/>
      <c r="AZ2962" s="93"/>
      <c r="BA2962" s="93"/>
      <c r="BB2962" s="93"/>
      <c r="BC2962" s="93"/>
      <c r="BD2962" s="93"/>
      <c r="BE2962" s="93"/>
      <c r="BF2962" s="93"/>
      <c r="BG2962" s="93"/>
      <c r="BH2962" s="93"/>
      <c r="BI2962" s="93"/>
      <c r="BJ2962" s="93"/>
      <c r="BK2962" s="93"/>
      <c r="BL2962" s="93"/>
    </row>
    <row r="2963" spans="2:64" x14ac:dyDescent="0.2">
      <c r="B2963" s="43"/>
      <c r="C2963" s="73"/>
      <c r="D2963" s="64"/>
      <c r="E2963" s="55"/>
      <c r="F2963" s="74"/>
      <c r="G2963" s="74"/>
      <c r="H2963" s="74"/>
      <c r="I2963" s="75"/>
      <c r="J2963" s="74"/>
      <c r="L2963" s="55"/>
      <c r="M2963" s="234"/>
      <c r="N2963" s="65"/>
      <c r="O2963" s="76"/>
      <c r="P2963" s="76"/>
      <c r="Q2963" s="65"/>
      <c r="R2963" s="76"/>
      <c r="S2963" s="76"/>
      <c r="T2963" s="76"/>
      <c r="U2963" s="76"/>
      <c r="V2963" s="76"/>
      <c r="W2963" s="76"/>
      <c r="X2963" s="76"/>
      <c r="Y2963" s="76"/>
      <c r="Z2963" s="76"/>
      <c r="AA2963" s="85"/>
      <c r="AB2963" s="85"/>
      <c r="AC2963" s="85"/>
      <c r="AD2963" s="85"/>
      <c r="AE2963" s="85"/>
      <c r="AF2963" s="85"/>
      <c r="AG2963" s="86"/>
      <c r="AH2963" s="85"/>
      <c r="AI2963" s="85"/>
      <c r="AJ2963" s="85"/>
      <c r="AK2963" s="85"/>
      <c r="AL2963" s="85"/>
      <c r="AM2963" s="92"/>
      <c r="AN2963" s="92"/>
      <c r="AO2963" s="92"/>
      <c r="AP2963" s="92"/>
      <c r="AQ2963" s="92"/>
      <c r="AR2963" s="92"/>
      <c r="AS2963" s="92"/>
      <c r="AT2963" s="92"/>
      <c r="AU2963" s="92"/>
      <c r="AV2963" s="92"/>
      <c r="AW2963" s="92"/>
      <c r="AX2963" s="92"/>
      <c r="AY2963" s="92"/>
      <c r="AZ2963" s="93"/>
      <c r="BA2963" s="93"/>
      <c r="BB2963" s="93"/>
      <c r="BC2963" s="93"/>
      <c r="BD2963" s="93"/>
      <c r="BE2963" s="93"/>
      <c r="BF2963" s="93"/>
      <c r="BG2963" s="93"/>
      <c r="BH2963" s="93"/>
      <c r="BI2963" s="93"/>
      <c r="BJ2963" s="93"/>
      <c r="BK2963" s="93"/>
      <c r="BL2963" s="93"/>
    </row>
    <row r="2964" spans="2:64" x14ac:dyDescent="0.2">
      <c r="B2964" s="43"/>
      <c r="C2964" s="73"/>
      <c r="D2964" s="64"/>
      <c r="E2964" s="55"/>
      <c r="F2964" s="74"/>
      <c r="G2964" s="74"/>
      <c r="H2964" s="74"/>
      <c r="I2964" s="75"/>
      <c r="J2964" s="74"/>
      <c r="L2964" s="55"/>
      <c r="M2964" s="234"/>
      <c r="N2964" s="65"/>
      <c r="O2964" s="76"/>
      <c r="P2964" s="76"/>
      <c r="Q2964" s="65"/>
      <c r="R2964" s="76"/>
      <c r="S2964" s="76"/>
      <c r="T2964" s="76"/>
      <c r="U2964" s="76"/>
      <c r="V2964" s="76"/>
      <c r="W2964" s="76"/>
      <c r="X2964" s="76"/>
      <c r="Y2964" s="76"/>
      <c r="Z2964" s="76"/>
      <c r="AA2964" s="85"/>
      <c r="AB2964" s="85"/>
      <c r="AC2964" s="85"/>
      <c r="AD2964" s="85"/>
      <c r="AE2964" s="85"/>
      <c r="AF2964" s="85"/>
      <c r="AG2964" s="86"/>
      <c r="AH2964" s="85"/>
      <c r="AI2964" s="85"/>
      <c r="AJ2964" s="85"/>
      <c r="AK2964" s="85"/>
      <c r="AL2964" s="85"/>
      <c r="AM2964" s="92"/>
      <c r="AN2964" s="92"/>
      <c r="AO2964" s="92"/>
      <c r="AP2964" s="92"/>
      <c r="AQ2964" s="92"/>
      <c r="AR2964" s="92"/>
      <c r="AS2964" s="92"/>
      <c r="AT2964" s="92"/>
      <c r="AU2964" s="92"/>
      <c r="AV2964" s="92"/>
      <c r="AW2964" s="92"/>
      <c r="AX2964" s="92"/>
      <c r="AY2964" s="92"/>
      <c r="AZ2964" s="93"/>
      <c r="BA2964" s="93"/>
      <c r="BB2964" s="93"/>
      <c r="BC2964" s="93"/>
      <c r="BD2964" s="93"/>
      <c r="BE2964" s="93"/>
      <c r="BF2964" s="93"/>
      <c r="BG2964" s="93"/>
      <c r="BH2964" s="93"/>
      <c r="BI2964" s="93"/>
      <c r="BJ2964" s="93"/>
      <c r="BK2964" s="93"/>
      <c r="BL2964" s="93"/>
    </row>
    <row r="2965" spans="2:64" x14ac:dyDescent="0.2">
      <c r="B2965" s="43"/>
      <c r="C2965" s="73"/>
      <c r="D2965" s="64"/>
      <c r="E2965" s="55"/>
      <c r="F2965" s="74"/>
      <c r="G2965" s="74"/>
      <c r="H2965" s="74"/>
      <c r="I2965" s="75"/>
      <c r="J2965" s="74"/>
      <c r="L2965" s="55"/>
      <c r="M2965" s="234"/>
      <c r="N2965" s="65"/>
      <c r="O2965" s="76"/>
      <c r="P2965" s="76"/>
      <c r="Q2965" s="65"/>
      <c r="R2965" s="76"/>
      <c r="S2965" s="76"/>
      <c r="T2965" s="76"/>
      <c r="U2965" s="76"/>
      <c r="V2965" s="76"/>
      <c r="W2965" s="76"/>
      <c r="X2965" s="76"/>
      <c r="Y2965" s="76"/>
      <c r="Z2965" s="76"/>
      <c r="AA2965" s="85"/>
      <c r="AB2965" s="85"/>
      <c r="AC2965" s="85"/>
      <c r="AD2965" s="85"/>
      <c r="AE2965" s="85"/>
      <c r="AF2965" s="85"/>
      <c r="AG2965" s="86"/>
      <c r="AH2965" s="85"/>
      <c r="AI2965" s="85"/>
      <c r="AJ2965" s="85"/>
      <c r="AK2965" s="85"/>
      <c r="AL2965" s="85"/>
      <c r="AM2965" s="92"/>
      <c r="AN2965" s="92"/>
      <c r="AO2965" s="92"/>
      <c r="AP2965" s="92"/>
      <c r="AQ2965" s="92"/>
      <c r="AR2965" s="92"/>
      <c r="AS2965" s="92"/>
      <c r="AT2965" s="92"/>
      <c r="AU2965" s="92"/>
      <c r="AV2965" s="92"/>
      <c r="AW2965" s="92"/>
      <c r="AX2965" s="92"/>
      <c r="AY2965" s="92"/>
      <c r="AZ2965" s="93"/>
      <c r="BA2965" s="93"/>
      <c r="BB2965" s="93"/>
      <c r="BC2965" s="93"/>
      <c r="BD2965" s="93"/>
      <c r="BE2965" s="93"/>
      <c r="BF2965" s="93"/>
      <c r="BG2965" s="93"/>
      <c r="BH2965" s="93"/>
      <c r="BI2965" s="93"/>
      <c r="BJ2965" s="93"/>
      <c r="BK2965" s="93"/>
      <c r="BL2965" s="93"/>
    </row>
    <row r="2966" spans="2:64" x14ac:dyDescent="0.2">
      <c r="B2966" s="43"/>
      <c r="C2966" s="73"/>
      <c r="D2966" s="64"/>
      <c r="E2966" s="55"/>
      <c r="F2966" s="74"/>
      <c r="G2966" s="74"/>
      <c r="H2966" s="74"/>
      <c r="I2966" s="75"/>
      <c r="J2966" s="74"/>
      <c r="L2966" s="55"/>
      <c r="M2966" s="234"/>
      <c r="N2966" s="65"/>
      <c r="O2966" s="76"/>
      <c r="P2966" s="76"/>
      <c r="Q2966" s="65"/>
      <c r="R2966" s="76"/>
      <c r="S2966" s="76"/>
      <c r="T2966" s="76"/>
      <c r="U2966" s="76"/>
      <c r="V2966" s="76"/>
      <c r="W2966" s="76"/>
      <c r="X2966" s="76"/>
      <c r="Y2966" s="76"/>
      <c r="Z2966" s="76"/>
      <c r="AA2966" s="85"/>
      <c r="AB2966" s="85"/>
      <c r="AC2966" s="85"/>
      <c r="AD2966" s="85"/>
      <c r="AE2966" s="85"/>
      <c r="AF2966" s="85"/>
      <c r="AG2966" s="86"/>
      <c r="AH2966" s="85"/>
      <c r="AI2966" s="85"/>
      <c r="AJ2966" s="85"/>
      <c r="AK2966" s="85"/>
      <c r="AL2966" s="85"/>
      <c r="AM2966" s="92"/>
      <c r="AN2966" s="92"/>
      <c r="AO2966" s="92"/>
      <c r="AP2966" s="92"/>
      <c r="AQ2966" s="92"/>
      <c r="AR2966" s="92"/>
      <c r="AS2966" s="92"/>
      <c r="AT2966" s="92"/>
      <c r="AU2966" s="92"/>
      <c r="AV2966" s="92"/>
      <c r="AW2966" s="92"/>
      <c r="AX2966" s="92"/>
      <c r="AY2966" s="92"/>
      <c r="AZ2966" s="93"/>
      <c r="BA2966" s="93"/>
      <c r="BB2966" s="93"/>
      <c r="BC2966" s="93"/>
      <c r="BD2966" s="93"/>
      <c r="BE2966" s="93"/>
      <c r="BF2966" s="93"/>
      <c r="BG2966" s="93"/>
      <c r="BH2966" s="93"/>
      <c r="BI2966" s="93"/>
      <c r="BJ2966" s="93"/>
      <c r="BK2966" s="93"/>
      <c r="BL2966" s="93"/>
    </row>
    <row r="2967" spans="2:64" x14ac:dyDescent="0.2">
      <c r="B2967" s="43"/>
      <c r="C2967" s="73"/>
      <c r="D2967" s="64"/>
      <c r="E2967" s="55"/>
      <c r="F2967" s="74"/>
      <c r="G2967" s="74"/>
      <c r="H2967" s="74"/>
      <c r="I2967" s="75"/>
      <c r="J2967" s="74"/>
      <c r="L2967" s="55"/>
      <c r="M2967" s="234"/>
      <c r="N2967" s="65"/>
      <c r="O2967" s="76"/>
      <c r="P2967" s="76"/>
      <c r="Q2967" s="65"/>
      <c r="R2967" s="76"/>
      <c r="S2967" s="76"/>
      <c r="T2967" s="76"/>
      <c r="U2967" s="76"/>
      <c r="V2967" s="76"/>
      <c r="W2967" s="76"/>
      <c r="X2967" s="76"/>
      <c r="Y2967" s="76"/>
      <c r="Z2967" s="76"/>
      <c r="AA2967" s="85"/>
      <c r="AB2967" s="85"/>
      <c r="AC2967" s="85"/>
      <c r="AD2967" s="85"/>
      <c r="AE2967" s="85"/>
      <c r="AF2967" s="85"/>
      <c r="AG2967" s="86"/>
      <c r="AH2967" s="85"/>
      <c r="AI2967" s="85"/>
      <c r="AJ2967" s="85"/>
      <c r="AK2967" s="85"/>
      <c r="AL2967" s="85"/>
      <c r="AM2967" s="92"/>
      <c r="AN2967" s="92"/>
      <c r="AO2967" s="92"/>
      <c r="AP2967" s="92"/>
      <c r="AQ2967" s="92"/>
      <c r="AR2967" s="92"/>
      <c r="AS2967" s="92"/>
      <c r="AT2967" s="92"/>
      <c r="AU2967" s="92"/>
      <c r="AV2967" s="92"/>
      <c r="AW2967" s="92"/>
      <c r="AX2967" s="92"/>
      <c r="AY2967" s="92"/>
      <c r="AZ2967" s="93"/>
      <c r="BA2967" s="93"/>
      <c r="BB2967" s="93"/>
      <c r="BC2967" s="93"/>
      <c r="BD2967" s="93"/>
      <c r="BE2967" s="93"/>
      <c r="BF2967" s="93"/>
      <c r="BG2967" s="93"/>
      <c r="BH2967" s="93"/>
      <c r="BI2967" s="93"/>
      <c r="BJ2967" s="93"/>
      <c r="BK2967" s="93"/>
      <c r="BL2967" s="93"/>
    </row>
    <row r="2968" spans="2:64" x14ac:dyDescent="0.2">
      <c r="B2968" s="43"/>
      <c r="C2968" s="73"/>
      <c r="D2968" s="64"/>
      <c r="E2968" s="55"/>
      <c r="F2968" s="74"/>
      <c r="G2968" s="74"/>
      <c r="H2968" s="74"/>
      <c r="I2968" s="75"/>
      <c r="J2968" s="74"/>
      <c r="L2968" s="55"/>
      <c r="M2968" s="234"/>
      <c r="N2968" s="65"/>
      <c r="O2968" s="76"/>
      <c r="P2968" s="76"/>
      <c r="Q2968" s="65"/>
      <c r="R2968" s="76"/>
      <c r="S2968" s="76"/>
      <c r="T2968" s="76"/>
      <c r="U2968" s="76"/>
      <c r="V2968" s="76"/>
      <c r="W2968" s="76"/>
      <c r="X2968" s="76"/>
      <c r="Y2968" s="76"/>
      <c r="Z2968" s="76"/>
      <c r="AA2968" s="85"/>
      <c r="AB2968" s="85"/>
      <c r="AC2968" s="85"/>
      <c r="AD2968" s="85"/>
      <c r="AE2968" s="85"/>
      <c r="AF2968" s="85"/>
      <c r="AG2968" s="86"/>
      <c r="AH2968" s="85"/>
      <c r="AI2968" s="85"/>
      <c r="AJ2968" s="85"/>
      <c r="AK2968" s="85"/>
      <c r="AL2968" s="85"/>
      <c r="AM2968" s="92"/>
      <c r="AN2968" s="92"/>
      <c r="AO2968" s="92"/>
      <c r="AP2968" s="92"/>
      <c r="AQ2968" s="92"/>
      <c r="AR2968" s="92"/>
      <c r="AS2968" s="92"/>
      <c r="AT2968" s="92"/>
      <c r="AU2968" s="92"/>
      <c r="AV2968" s="92"/>
      <c r="AW2968" s="92"/>
      <c r="AX2968" s="92"/>
      <c r="AY2968" s="92"/>
      <c r="AZ2968" s="93"/>
      <c r="BA2968" s="93"/>
      <c r="BB2968" s="93"/>
      <c r="BC2968" s="93"/>
      <c r="BD2968" s="93"/>
      <c r="BE2968" s="93"/>
      <c r="BF2968" s="93"/>
      <c r="BG2968" s="93"/>
      <c r="BH2968" s="93"/>
      <c r="BI2968" s="93"/>
      <c r="BJ2968" s="93"/>
      <c r="BK2968" s="93"/>
      <c r="BL2968" s="93"/>
    </row>
    <row r="2969" spans="2:64" x14ac:dyDescent="0.2">
      <c r="B2969" s="43"/>
      <c r="C2969" s="73"/>
      <c r="D2969" s="64"/>
      <c r="E2969" s="55"/>
      <c r="F2969" s="74"/>
      <c r="G2969" s="74"/>
      <c r="H2969" s="74"/>
      <c r="I2969" s="75"/>
      <c r="J2969" s="74"/>
      <c r="L2969" s="55"/>
      <c r="M2969" s="234"/>
      <c r="N2969" s="65"/>
      <c r="O2969" s="76"/>
      <c r="P2969" s="76"/>
      <c r="Q2969" s="65"/>
      <c r="R2969" s="76"/>
      <c r="S2969" s="76"/>
      <c r="T2969" s="76"/>
      <c r="U2969" s="76"/>
      <c r="V2969" s="76"/>
      <c r="W2969" s="76"/>
      <c r="X2969" s="76"/>
      <c r="Y2969" s="76"/>
      <c r="Z2969" s="76"/>
      <c r="AA2969" s="85"/>
      <c r="AB2969" s="85"/>
      <c r="AC2969" s="85"/>
      <c r="AD2969" s="85"/>
      <c r="AE2969" s="85"/>
      <c r="AF2969" s="85"/>
      <c r="AG2969" s="86"/>
      <c r="AH2969" s="85"/>
      <c r="AI2969" s="85"/>
      <c r="AJ2969" s="85"/>
      <c r="AK2969" s="85"/>
      <c r="AL2969" s="85"/>
      <c r="AM2969" s="92"/>
      <c r="AN2969" s="92"/>
      <c r="AO2969" s="92"/>
      <c r="AP2969" s="92"/>
      <c r="AQ2969" s="92"/>
      <c r="AR2969" s="92"/>
      <c r="AS2969" s="92"/>
      <c r="AT2969" s="92"/>
      <c r="AU2969" s="92"/>
      <c r="AV2969" s="92"/>
      <c r="AW2969" s="92"/>
      <c r="AX2969" s="92"/>
      <c r="AY2969" s="92"/>
      <c r="AZ2969" s="93"/>
      <c r="BA2969" s="93"/>
      <c r="BB2969" s="93"/>
      <c r="BC2969" s="93"/>
      <c r="BD2969" s="93"/>
      <c r="BE2969" s="93"/>
      <c r="BF2969" s="93"/>
      <c r="BG2969" s="93"/>
      <c r="BH2969" s="93"/>
      <c r="BI2969" s="93"/>
      <c r="BJ2969" s="93"/>
      <c r="BK2969" s="93"/>
      <c r="BL2969" s="93"/>
    </row>
    <row r="2970" spans="2:64" x14ac:dyDescent="0.2">
      <c r="B2970" s="43"/>
      <c r="C2970" s="73"/>
      <c r="D2970" s="64"/>
      <c r="E2970" s="55"/>
      <c r="F2970" s="74"/>
      <c r="G2970" s="74"/>
      <c r="H2970" s="74"/>
      <c r="I2970" s="75"/>
      <c r="J2970" s="74"/>
      <c r="L2970" s="55"/>
      <c r="M2970" s="234"/>
      <c r="N2970" s="65"/>
      <c r="O2970" s="76"/>
      <c r="P2970" s="76"/>
      <c r="Q2970" s="65"/>
      <c r="R2970" s="76"/>
      <c r="S2970" s="76"/>
      <c r="T2970" s="76"/>
      <c r="U2970" s="76"/>
      <c r="V2970" s="76"/>
      <c r="W2970" s="76"/>
      <c r="X2970" s="76"/>
      <c r="Y2970" s="76"/>
      <c r="Z2970" s="76"/>
      <c r="AA2970" s="85"/>
      <c r="AB2970" s="85"/>
      <c r="AC2970" s="85"/>
      <c r="AD2970" s="85"/>
      <c r="AE2970" s="85"/>
      <c r="AF2970" s="85"/>
      <c r="AG2970" s="86"/>
      <c r="AH2970" s="85"/>
      <c r="AI2970" s="85"/>
      <c r="AJ2970" s="85"/>
      <c r="AK2970" s="85"/>
      <c r="AL2970" s="85"/>
      <c r="AM2970" s="92"/>
      <c r="AN2970" s="92"/>
      <c r="AO2970" s="92"/>
      <c r="AP2970" s="92"/>
      <c r="AQ2970" s="92"/>
      <c r="AR2970" s="92"/>
      <c r="AS2970" s="92"/>
      <c r="AT2970" s="92"/>
      <c r="AU2970" s="92"/>
      <c r="AV2970" s="92"/>
      <c r="AW2970" s="92"/>
      <c r="AX2970" s="92"/>
      <c r="AY2970" s="92"/>
      <c r="AZ2970" s="93"/>
      <c r="BA2970" s="93"/>
      <c r="BB2970" s="93"/>
      <c r="BC2970" s="93"/>
      <c r="BD2970" s="93"/>
      <c r="BE2970" s="93"/>
      <c r="BF2970" s="93"/>
      <c r="BG2970" s="93"/>
      <c r="BH2970" s="93"/>
      <c r="BI2970" s="93"/>
      <c r="BJ2970" s="93"/>
      <c r="BK2970" s="93"/>
      <c r="BL2970" s="93"/>
    </row>
    <row r="2971" spans="2:64" x14ac:dyDescent="0.2">
      <c r="B2971" s="43"/>
      <c r="C2971" s="73"/>
      <c r="D2971" s="64"/>
      <c r="E2971" s="55"/>
      <c r="F2971" s="74"/>
      <c r="G2971" s="74"/>
      <c r="H2971" s="74"/>
      <c r="I2971" s="75"/>
      <c r="J2971" s="74"/>
      <c r="L2971" s="55"/>
      <c r="M2971" s="234"/>
      <c r="N2971" s="65"/>
      <c r="O2971" s="76"/>
      <c r="P2971" s="76"/>
      <c r="Q2971" s="65"/>
      <c r="R2971" s="76"/>
      <c r="S2971" s="76"/>
      <c r="T2971" s="76"/>
      <c r="U2971" s="76"/>
      <c r="V2971" s="76"/>
      <c r="W2971" s="76"/>
      <c r="X2971" s="76"/>
      <c r="Y2971" s="76"/>
      <c r="Z2971" s="76"/>
      <c r="AA2971" s="85"/>
      <c r="AB2971" s="85"/>
      <c r="AC2971" s="85"/>
      <c r="AD2971" s="85"/>
      <c r="AE2971" s="85"/>
      <c r="AF2971" s="85"/>
      <c r="AG2971" s="86"/>
      <c r="AH2971" s="85"/>
      <c r="AI2971" s="85"/>
      <c r="AJ2971" s="85"/>
      <c r="AK2971" s="85"/>
      <c r="AL2971" s="85"/>
      <c r="AM2971" s="92"/>
      <c r="AN2971" s="92"/>
      <c r="AO2971" s="92"/>
      <c r="AP2971" s="92"/>
      <c r="AQ2971" s="92"/>
      <c r="AR2971" s="92"/>
      <c r="AS2971" s="92"/>
      <c r="AT2971" s="92"/>
      <c r="AU2971" s="92"/>
      <c r="AV2971" s="92"/>
      <c r="AW2971" s="92"/>
      <c r="AX2971" s="92"/>
      <c r="AY2971" s="92"/>
      <c r="AZ2971" s="93"/>
      <c r="BA2971" s="93"/>
      <c r="BB2971" s="93"/>
      <c r="BC2971" s="93"/>
      <c r="BD2971" s="93"/>
      <c r="BE2971" s="93"/>
      <c r="BF2971" s="93"/>
      <c r="BG2971" s="93"/>
      <c r="BH2971" s="93"/>
      <c r="BI2971" s="93"/>
      <c r="BJ2971" s="93"/>
      <c r="BK2971" s="93"/>
      <c r="BL2971" s="93"/>
    </row>
    <row r="2972" spans="2:64" x14ac:dyDescent="0.2">
      <c r="B2972" s="43"/>
      <c r="C2972" s="73"/>
      <c r="D2972" s="64"/>
      <c r="E2972" s="55"/>
      <c r="F2972" s="74"/>
      <c r="G2972" s="74"/>
      <c r="H2972" s="74"/>
      <c r="I2972" s="75"/>
      <c r="J2972" s="74"/>
      <c r="L2972" s="55"/>
      <c r="M2972" s="234"/>
      <c r="N2972" s="65"/>
      <c r="O2972" s="76"/>
      <c r="P2972" s="76"/>
      <c r="Q2972" s="65"/>
      <c r="R2972" s="76"/>
      <c r="S2972" s="76"/>
      <c r="T2972" s="76"/>
      <c r="U2972" s="76"/>
      <c r="V2972" s="76"/>
      <c r="W2972" s="76"/>
      <c r="X2972" s="76"/>
      <c r="Y2972" s="76"/>
      <c r="Z2972" s="76"/>
      <c r="AA2972" s="85"/>
      <c r="AB2972" s="85"/>
      <c r="AC2972" s="85"/>
      <c r="AD2972" s="85"/>
      <c r="AE2972" s="85"/>
      <c r="AF2972" s="85"/>
      <c r="AG2972" s="86"/>
      <c r="AH2972" s="85"/>
      <c r="AI2972" s="85"/>
      <c r="AJ2972" s="85"/>
      <c r="AK2972" s="85"/>
      <c r="AL2972" s="85"/>
      <c r="AM2972" s="92"/>
      <c r="AN2972" s="92"/>
      <c r="AO2972" s="92"/>
      <c r="AP2972" s="92"/>
      <c r="AQ2972" s="92"/>
      <c r="AR2972" s="92"/>
      <c r="AS2972" s="92"/>
      <c r="AT2972" s="92"/>
      <c r="AU2972" s="92"/>
      <c r="AV2972" s="92"/>
      <c r="AW2972" s="92"/>
      <c r="AX2972" s="92"/>
      <c r="AY2972" s="92"/>
      <c r="AZ2972" s="93"/>
      <c r="BA2972" s="93"/>
      <c r="BB2972" s="93"/>
      <c r="BC2972" s="93"/>
      <c r="BD2972" s="93"/>
      <c r="BE2972" s="93"/>
      <c r="BF2972" s="93"/>
      <c r="BG2972" s="93"/>
      <c r="BH2972" s="93"/>
      <c r="BI2972" s="93"/>
      <c r="BJ2972" s="93"/>
      <c r="BK2972" s="93"/>
      <c r="BL2972" s="93"/>
    </row>
    <row r="2973" spans="2:64" x14ac:dyDescent="0.2">
      <c r="B2973" s="43"/>
      <c r="C2973" s="73"/>
      <c r="D2973" s="64"/>
      <c r="E2973" s="55"/>
      <c r="F2973" s="74"/>
      <c r="G2973" s="74"/>
      <c r="H2973" s="74"/>
      <c r="I2973" s="75"/>
      <c r="J2973" s="74"/>
      <c r="L2973" s="55"/>
      <c r="M2973" s="234"/>
      <c r="N2973" s="65"/>
      <c r="O2973" s="76"/>
      <c r="P2973" s="76"/>
      <c r="Q2973" s="65"/>
      <c r="R2973" s="76"/>
      <c r="S2973" s="76"/>
      <c r="T2973" s="76"/>
      <c r="U2973" s="76"/>
      <c r="V2973" s="76"/>
      <c r="W2973" s="76"/>
      <c r="X2973" s="76"/>
      <c r="Y2973" s="76"/>
      <c r="Z2973" s="76"/>
      <c r="AA2973" s="85"/>
      <c r="AB2973" s="85"/>
      <c r="AC2973" s="85"/>
      <c r="AD2973" s="85"/>
      <c r="AE2973" s="85"/>
      <c r="AF2973" s="85"/>
      <c r="AG2973" s="86"/>
      <c r="AH2973" s="85"/>
      <c r="AI2973" s="85"/>
      <c r="AJ2973" s="85"/>
      <c r="AK2973" s="85"/>
      <c r="AL2973" s="85"/>
      <c r="AM2973" s="92"/>
      <c r="AN2973" s="92"/>
      <c r="AO2973" s="92"/>
      <c r="AP2973" s="92"/>
      <c r="AQ2973" s="92"/>
      <c r="AR2973" s="92"/>
      <c r="AS2973" s="92"/>
      <c r="AT2973" s="92"/>
      <c r="AU2973" s="92"/>
      <c r="AV2973" s="92"/>
      <c r="AW2973" s="92"/>
      <c r="AX2973" s="92"/>
      <c r="AY2973" s="92"/>
      <c r="AZ2973" s="93"/>
      <c r="BA2973" s="93"/>
      <c r="BB2973" s="93"/>
      <c r="BC2973" s="93"/>
      <c r="BD2973" s="93"/>
      <c r="BE2973" s="93"/>
      <c r="BF2973" s="93"/>
      <c r="BG2973" s="93"/>
      <c r="BH2973" s="93"/>
      <c r="BI2973" s="93"/>
      <c r="BJ2973" s="93"/>
      <c r="BK2973" s="93"/>
      <c r="BL2973" s="93"/>
    </row>
    <row r="2974" spans="2:64" x14ac:dyDescent="0.2">
      <c r="B2974" s="43"/>
      <c r="C2974" s="73"/>
      <c r="D2974" s="64"/>
      <c r="E2974" s="55"/>
      <c r="F2974" s="74"/>
      <c r="G2974" s="74"/>
      <c r="H2974" s="74"/>
      <c r="I2974" s="75"/>
      <c r="J2974" s="74"/>
      <c r="L2974" s="55"/>
      <c r="M2974" s="234"/>
      <c r="N2974" s="65"/>
      <c r="O2974" s="76"/>
      <c r="P2974" s="76"/>
      <c r="Q2974" s="65"/>
      <c r="R2974" s="76"/>
      <c r="S2974" s="76"/>
      <c r="T2974" s="76"/>
      <c r="U2974" s="76"/>
      <c r="V2974" s="76"/>
      <c r="W2974" s="76"/>
      <c r="X2974" s="76"/>
      <c r="Y2974" s="76"/>
      <c r="Z2974" s="76"/>
      <c r="AA2974" s="85"/>
      <c r="AB2974" s="85"/>
      <c r="AC2974" s="85"/>
      <c r="AD2974" s="85"/>
      <c r="AE2974" s="85"/>
      <c r="AF2974" s="85"/>
      <c r="AG2974" s="86"/>
      <c r="AH2974" s="85"/>
      <c r="AI2974" s="85"/>
      <c r="AJ2974" s="85"/>
      <c r="AK2974" s="85"/>
      <c r="AL2974" s="85"/>
      <c r="AM2974" s="92"/>
      <c r="AN2974" s="92"/>
      <c r="AO2974" s="92"/>
      <c r="AP2974" s="92"/>
      <c r="AQ2974" s="92"/>
      <c r="AR2974" s="92"/>
      <c r="AS2974" s="92"/>
      <c r="AT2974" s="92"/>
      <c r="AU2974" s="92"/>
      <c r="AV2974" s="92"/>
      <c r="AW2974" s="92"/>
      <c r="AX2974" s="92"/>
      <c r="AY2974" s="92"/>
      <c r="AZ2974" s="93"/>
      <c r="BA2974" s="93"/>
      <c r="BB2974" s="93"/>
      <c r="BC2974" s="93"/>
      <c r="BD2974" s="93"/>
      <c r="BE2974" s="93"/>
      <c r="BF2974" s="93"/>
      <c r="BG2974" s="93"/>
      <c r="BH2974" s="93"/>
      <c r="BI2974" s="93"/>
      <c r="BJ2974" s="93"/>
      <c r="BK2974" s="93"/>
      <c r="BL2974" s="93"/>
    </row>
    <row r="2975" spans="2:64" x14ac:dyDescent="0.2">
      <c r="B2975" s="43"/>
      <c r="C2975" s="73"/>
      <c r="D2975" s="64"/>
      <c r="E2975" s="55"/>
      <c r="F2975" s="74"/>
      <c r="G2975" s="74"/>
      <c r="H2975" s="74"/>
      <c r="I2975" s="75"/>
      <c r="J2975" s="74"/>
      <c r="L2975" s="55"/>
      <c r="M2975" s="234"/>
      <c r="N2975" s="65"/>
      <c r="O2975" s="76"/>
      <c r="P2975" s="76"/>
      <c r="Q2975" s="65"/>
      <c r="R2975" s="76"/>
      <c r="S2975" s="76"/>
      <c r="T2975" s="76"/>
      <c r="U2975" s="76"/>
      <c r="V2975" s="76"/>
      <c r="W2975" s="76"/>
      <c r="X2975" s="76"/>
      <c r="Y2975" s="76"/>
      <c r="Z2975" s="76"/>
      <c r="AA2975" s="85"/>
      <c r="AB2975" s="85"/>
      <c r="AC2975" s="85"/>
      <c r="AD2975" s="85"/>
      <c r="AE2975" s="85"/>
      <c r="AF2975" s="85"/>
      <c r="AG2975" s="86"/>
      <c r="AH2975" s="85"/>
      <c r="AI2975" s="85"/>
      <c r="AJ2975" s="85"/>
      <c r="AK2975" s="85"/>
      <c r="AL2975" s="85"/>
      <c r="AM2975" s="92"/>
      <c r="AN2975" s="92"/>
      <c r="AO2975" s="92"/>
      <c r="AP2975" s="92"/>
      <c r="AQ2975" s="92"/>
      <c r="AR2975" s="92"/>
      <c r="AS2975" s="92"/>
      <c r="AT2975" s="92"/>
      <c r="AU2975" s="92"/>
      <c r="AV2975" s="92"/>
      <c r="AW2975" s="92"/>
      <c r="AX2975" s="92"/>
      <c r="AY2975" s="92"/>
      <c r="AZ2975" s="93"/>
      <c r="BA2975" s="93"/>
      <c r="BB2975" s="93"/>
      <c r="BC2975" s="93"/>
      <c r="BD2975" s="93"/>
      <c r="BE2975" s="93"/>
      <c r="BF2975" s="93"/>
      <c r="BG2975" s="93"/>
      <c r="BH2975" s="93"/>
      <c r="BI2975" s="93"/>
      <c r="BJ2975" s="93"/>
      <c r="BK2975" s="93"/>
      <c r="BL2975" s="93"/>
    </row>
    <row r="2976" spans="2:64" x14ac:dyDescent="0.2">
      <c r="B2976" s="43"/>
      <c r="C2976" s="73"/>
      <c r="D2976" s="64"/>
      <c r="E2976" s="55"/>
      <c r="F2976" s="74"/>
      <c r="G2976" s="74"/>
      <c r="H2976" s="74"/>
      <c r="I2976" s="75"/>
      <c r="J2976" s="74"/>
      <c r="L2976" s="55"/>
      <c r="M2976" s="234"/>
      <c r="N2976" s="65"/>
      <c r="O2976" s="76"/>
      <c r="P2976" s="76"/>
      <c r="Q2976" s="65"/>
      <c r="R2976" s="76"/>
      <c r="S2976" s="76"/>
      <c r="T2976" s="76"/>
      <c r="U2976" s="76"/>
      <c r="V2976" s="76"/>
      <c r="W2976" s="76"/>
      <c r="X2976" s="76"/>
      <c r="Y2976" s="76"/>
      <c r="Z2976" s="76"/>
      <c r="AA2976" s="85"/>
      <c r="AB2976" s="85"/>
      <c r="AC2976" s="85"/>
      <c r="AD2976" s="85"/>
      <c r="AE2976" s="85"/>
      <c r="AF2976" s="85"/>
      <c r="AG2976" s="86"/>
      <c r="AH2976" s="85"/>
      <c r="AI2976" s="85"/>
      <c r="AJ2976" s="85"/>
      <c r="AK2976" s="85"/>
      <c r="AL2976" s="85"/>
      <c r="AM2976" s="92"/>
      <c r="AN2976" s="92"/>
      <c r="AO2976" s="92"/>
      <c r="AP2976" s="92"/>
      <c r="AQ2976" s="92"/>
      <c r="AR2976" s="92"/>
      <c r="AS2976" s="92"/>
      <c r="AT2976" s="92"/>
      <c r="AU2976" s="92"/>
      <c r="AV2976" s="92"/>
      <c r="AW2976" s="92"/>
      <c r="AX2976" s="92"/>
      <c r="AY2976" s="92"/>
      <c r="AZ2976" s="93"/>
      <c r="BA2976" s="93"/>
      <c r="BB2976" s="93"/>
      <c r="BC2976" s="93"/>
      <c r="BD2976" s="93"/>
      <c r="BE2976" s="93"/>
      <c r="BF2976" s="93"/>
      <c r="BG2976" s="93"/>
      <c r="BH2976" s="93"/>
      <c r="BI2976" s="93"/>
      <c r="BJ2976" s="93"/>
      <c r="BK2976" s="93"/>
      <c r="BL2976" s="93"/>
    </row>
    <row r="2977" spans="2:64" x14ac:dyDescent="0.2">
      <c r="B2977" s="43"/>
      <c r="C2977" s="73"/>
      <c r="D2977" s="64"/>
      <c r="E2977" s="55"/>
      <c r="F2977" s="74"/>
      <c r="G2977" s="74"/>
      <c r="H2977" s="74"/>
      <c r="I2977" s="75"/>
      <c r="J2977" s="74"/>
      <c r="L2977" s="55"/>
      <c r="M2977" s="234"/>
      <c r="N2977" s="65"/>
      <c r="O2977" s="76"/>
      <c r="P2977" s="76"/>
      <c r="Q2977" s="65"/>
      <c r="R2977" s="76"/>
      <c r="S2977" s="76"/>
      <c r="T2977" s="76"/>
      <c r="U2977" s="76"/>
      <c r="V2977" s="76"/>
      <c r="W2977" s="76"/>
      <c r="X2977" s="76"/>
      <c r="Y2977" s="76"/>
      <c r="Z2977" s="76"/>
      <c r="AA2977" s="85"/>
      <c r="AB2977" s="85"/>
      <c r="AC2977" s="85"/>
      <c r="AD2977" s="85"/>
      <c r="AE2977" s="85"/>
      <c r="AF2977" s="85"/>
      <c r="AG2977" s="86"/>
      <c r="AH2977" s="85"/>
      <c r="AI2977" s="85"/>
      <c r="AJ2977" s="85"/>
      <c r="AK2977" s="85"/>
      <c r="AL2977" s="85"/>
      <c r="AM2977" s="92"/>
      <c r="AN2977" s="92"/>
      <c r="AO2977" s="92"/>
      <c r="AP2977" s="92"/>
      <c r="AQ2977" s="92"/>
      <c r="AR2977" s="92"/>
      <c r="AS2977" s="92"/>
      <c r="AT2977" s="92"/>
      <c r="AU2977" s="92"/>
      <c r="AV2977" s="92"/>
      <c r="AW2977" s="92"/>
      <c r="AX2977" s="92"/>
      <c r="AY2977" s="92"/>
      <c r="AZ2977" s="93"/>
      <c r="BA2977" s="93"/>
      <c r="BB2977" s="93"/>
      <c r="BC2977" s="93"/>
      <c r="BD2977" s="93"/>
      <c r="BE2977" s="93"/>
      <c r="BF2977" s="93"/>
      <c r="BG2977" s="93"/>
      <c r="BH2977" s="93"/>
      <c r="BI2977" s="93"/>
      <c r="BJ2977" s="93"/>
      <c r="BK2977" s="93"/>
      <c r="BL2977" s="93"/>
    </row>
    <row r="2978" spans="2:64" x14ac:dyDescent="0.2">
      <c r="B2978" s="43"/>
      <c r="C2978" s="73"/>
      <c r="D2978" s="64"/>
      <c r="E2978" s="55"/>
      <c r="F2978" s="74"/>
      <c r="G2978" s="74"/>
      <c r="H2978" s="74"/>
      <c r="I2978" s="75"/>
      <c r="J2978" s="74"/>
      <c r="L2978" s="55"/>
      <c r="M2978" s="234"/>
      <c r="N2978" s="65"/>
      <c r="O2978" s="76"/>
      <c r="P2978" s="76"/>
      <c r="Q2978" s="65"/>
      <c r="R2978" s="76"/>
      <c r="S2978" s="76"/>
      <c r="T2978" s="76"/>
      <c r="U2978" s="76"/>
      <c r="V2978" s="76"/>
      <c r="W2978" s="76"/>
      <c r="X2978" s="76"/>
      <c r="Y2978" s="76"/>
      <c r="Z2978" s="76"/>
      <c r="AA2978" s="85"/>
      <c r="AB2978" s="85"/>
      <c r="AC2978" s="85"/>
      <c r="AD2978" s="85"/>
      <c r="AE2978" s="85"/>
      <c r="AF2978" s="85"/>
      <c r="AG2978" s="86"/>
      <c r="AH2978" s="85"/>
      <c r="AI2978" s="85"/>
      <c r="AJ2978" s="85"/>
      <c r="AK2978" s="85"/>
      <c r="AL2978" s="85"/>
      <c r="AM2978" s="92"/>
      <c r="AN2978" s="92"/>
      <c r="AO2978" s="92"/>
      <c r="AP2978" s="92"/>
      <c r="AQ2978" s="92"/>
      <c r="AR2978" s="92"/>
      <c r="AS2978" s="92"/>
      <c r="AT2978" s="92"/>
      <c r="AU2978" s="92"/>
      <c r="AV2978" s="92"/>
      <c r="AW2978" s="92"/>
      <c r="AX2978" s="92"/>
      <c r="AY2978" s="92"/>
      <c r="AZ2978" s="93"/>
      <c r="BA2978" s="93"/>
      <c r="BB2978" s="93"/>
      <c r="BC2978" s="93"/>
      <c r="BD2978" s="93"/>
      <c r="BE2978" s="93"/>
      <c r="BF2978" s="93"/>
      <c r="BG2978" s="93"/>
      <c r="BH2978" s="93"/>
      <c r="BI2978" s="93"/>
      <c r="BJ2978" s="93"/>
      <c r="BK2978" s="93"/>
      <c r="BL2978" s="93"/>
    </row>
    <row r="2979" spans="2:64" x14ac:dyDescent="0.2">
      <c r="B2979" s="43"/>
      <c r="C2979" s="73"/>
      <c r="D2979" s="64"/>
      <c r="E2979" s="55"/>
      <c r="F2979" s="74"/>
      <c r="G2979" s="74"/>
      <c r="H2979" s="74"/>
      <c r="I2979" s="75"/>
      <c r="J2979" s="74"/>
      <c r="L2979" s="55"/>
      <c r="M2979" s="234"/>
      <c r="N2979" s="65"/>
      <c r="O2979" s="76"/>
      <c r="P2979" s="76"/>
      <c r="Q2979" s="65"/>
      <c r="R2979" s="76"/>
      <c r="S2979" s="76"/>
      <c r="T2979" s="76"/>
      <c r="U2979" s="76"/>
      <c r="V2979" s="76"/>
      <c r="W2979" s="76"/>
      <c r="X2979" s="76"/>
      <c r="Y2979" s="76"/>
      <c r="Z2979" s="76"/>
      <c r="AA2979" s="85"/>
      <c r="AB2979" s="85"/>
      <c r="AC2979" s="85"/>
      <c r="AD2979" s="85"/>
      <c r="AE2979" s="85"/>
      <c r="AF2979" s="85"/>
      <c r="AG2979" s="86"/>
      <c r="AH2979" s="85"/>
      <c r="AI2979" s="85"/>
      <c r="AJ2979" s="85"/>
      <c r="AK2979" s="85"/>
      <c r="AL2979" s="85"/>
      <c r="AM2979" s="92"/>
      <c r="AN2979" s="92"/>
      <c r="AO2979" s="92"/>
      <c r="AP2979" s="92"/>
      <c r="AQ2979" s="92"/>
      <c r="AR2979" s="92"/>
      <c r="AS2979" s="92"/>
      <c r="AT2979" s="92"/>
      <c r="AU2979" s="92"/>
      <c r="AV2979" s="92"/>
      <c r="AW2979" s="92"/>
      <c r="AX2979" s="92"/>
      <c r="AY2979" s="92"/>
      <c r="AZ2979" s="93"/>
      <c r="BA2979" s="93"/>
      <c r="BB2979" s="93"/>
      <c r="BC2979" s="93"/>
      <c r="BD2979" s="93"/>
      <c r="BE2979" s="93"/>
      <c r="BF2979" s="93"/>
      <c r="BG2979" s="93"/>
      <c r="BH2979" s="93"/>
      <c r="BI2979" s="93"/>
      <c r="BJ2979" s="93"/>
      <c r="BK2979" s="93"/>
      <c r="BL2979" s="93"/>
    </row>
    <row r="2980" spans="2:64" x14ac:dyDescent="0.2">
      <c r="B2980" s="43"/>
      <c r="C2980" s="73"/>
      <c r="D2980" s="64"/>
      <c r="E2980" s="55"/>
      <c r="F2980" s="74"/>
      <c r="G2980" s="74"/>
      <c r="H2980" s="74"/>
      <c r="I2980" s="75"/>
      <c r="J2980" s="74"/>
      <c r="L2980" s="55"/>
      <c r="M2980" s="234"/>
      <c r="N2980" s="65"/>
      <c r="O2980" s="76"/>
      <c r="P2980" s="76"/>
      <c r="Q2980" s="65"/>
      <c r="R2980" s="76"/>
      <c r="S2980" s="76"/>
      <c r="T2980" s="76"/>
      <c r="U2980" s="76"/>
      <c r="V2980" s="76"/>
      <c r="W2980" s="76"/>
      <c r="X2980" s="76"/>
      <c r="Y2980" s="76"/>
      <c r="Z2980" s="76"/>
      <c r="AA2980" s="85"/>
      <c r="AB2980" s="85"/>
      <c r="AC2980" s="85"/>
      <c r="AD2980" s="85"/>
      <c r="AE2980" s="85"/>
      <c r="AF2980" s="85"/>
      <c r="AG2980" s="86"/>
      <c r="AH2980" s="85"/>
      <c r="AI2980" s="85"/>
      <c r="AJ2980" s="85"/>
      <c r="AK2980" s="85"/>
      <c r="AL2980" s="85"/>
      <c r="AM2980" s="92"/>
      <c r="AN2980" s="92"/>
      <c r="AO2980" s="92"/>
      <c r="AP2980" s="92"/>
      <c r="AQ2980" s="92"/>
      <c r="AR2980" s="92"/>
      <c r="AS2980" s="92"/>
      <c r="AT2980" s="92"/>
      <c r="AU2980" s="92"/>
      <c r="AV2980" s="92"/>
      <c r="AW2980" s="92"/>
      <c r="AX2980" s="92"/>
      <c r="AY2980" s="92"/>
      <c r="AZ2980" s="93"/>
      <c r="BA2980" s="93"/>
      <c r="BB2980" s="93"/>
      <c r="BC2980" s="93"/>
      <c r="BD2980" s="93"/>
      <c r="BE2980" s="93"/>
      <c r="BF2980" s="93"/>
      <c r="BG2980" s="93"/>
      <c r="BH2980" s="93"/>
      <c r="BI2980" s="93"/>
      <c r="BJ2980" s="93"/>
      <c r="BK2980" s="93"/>
      <c r="BL2980" s="93"/>
    </row>
    <row r="2981" spans="2:64" x14ac:dyDescent="0.2">
      <c r="B2981" s="43"/>
      <c r="C2981" s="73"/>
      <c r="D2981" s="64"/>
      <c r="E2981" s="55"/>
      <c r="F2981" s="74"/>
      <c r="G2981" s="74"/>
      <c r="H2981" s="74"/>
      <c r="I2981" s="75"/>
      <c r="J2981" s="74"/>
      <c r="L2981" s="55"/>
      <c r="M2981" s="234"/>
      <c r="N2981" s="65"/>
      <c r="O2981" s="76"/>
      <c r="P2981" s="76"/>
      <c r="Q2981" s="65"/>
      <c r="R2981" s="76"/>
      <c r="S2981" s="76"/>
      <c r="T2981" s="76"/>
      <c r="U2981" s="76"/>
      <c r="V2981" s="76"/>
      <c r="W2981" s="76"/>
      <c r="X2981" s="76"/>
      <c r="Y2981" s="76"/>
      <c r="Z2981" s="76"/>
      <c r="AA2981" s="85"/>
      <c r="AB2981" s="85"/>
      <c r="AC2981" s="85"/>
      <c r="AD2981" s="85"/>
      <c r="AE2981" s="85"/>
      <c r="AF2981" s="85"/>
      <c r="AG2981" s="86"/>
      <c r="AH2981" s="85"/>
      <c r="AI2981" s="85"/>
      <c r="AJ2981" s="85"/>
      <c r="AK2981" s="85"/>
      <c r="AL2981" s="85"/>
      <c r="AM2981" s="92"/>
      <c r="AN2981" s="92"/>
      <c r="AO2981" s="92"/>
      <c r="AP2981" s="92"/>
      <c r="AQ2981" s="92"/>
      <c r="AR2981" s="92"/>
      <c r="AS2981" s="92"/>
      <c r="AT2981" s="92"/>
      <c r="AU2981" s="92"/>
      <c r="AV2981" s="92"/>
      <c r="AW2981" s="92"/>
      <c r="AX2981" s="92"/>
      <c r="AY2981" s="92"/>
      <c r="AZ2981" s="93"/>
      <c r="BA2981" s="93"/>
      <c r="BB2981" s="93"/>
      <c r="BC2981" s="93"/>
      <c r="BD2981" s="93"/>
      <c r="BE2981" s="93"/>
      <c r="BF2981" s="93"/>
      <c r="BG2981" s="93"/>
      <c r="BH2981" s="93"/>
      <c r="BI2981" s="93"/>
      <c r="BJ2981" s="93"/>
      <c r="BK2981" s="93"/>
      <c r="BL2981" s="93"/>
    </row>
    <row r="2982" spans="2:64" x14ac:dyDescent="0.2">
      <c r="B2982" s="43"/>
      <c r="C2982" s="73"/>
      <c r="D2982" s="64"/>
      <c r="E2982" s="55"/>
      <c r="F2982" s="74"/>
      <c r="G2982" s="74"/>
      <c r="H2982" s="74"/>
      <c r="I2982" s="75"/>
      <c r="J2982" s="74"/>
      <c r="L2982" s="55"/>
      <c r="M2982" s="234"/>
      <c r="N2982" s="65"/>
      <c r="O2982" s="76"/>
      <c r="P2982" s="76"/>
      <c r="Q2982" s="65"/>
      <c r="R2982" s="76"/>
      <c r="S2982" s="76"/>
      <c r="T2982" s="76"/>
      <c r="U2982" s="76"/>
      <c r="V2982" s="76"/>
      <c r="W2982" s="76"/>
      <c r="X2982" s="76"/>
      <c r="Y2982" s="76"/>
      <c r="Z2982" s="76"/>
      <c r="AA2982" s="85"/>
      <c r="AB2982" s="85"/>
      <c r="AC2982" s="85"/>
      <c r="AD2982" s="85"/>
      <c r="AE2982" s="85"/>
      <c r="AF2982" s="85"/>
      <c r="AG2982" s="86"/>
      <c r="AH2982" s="85"/>
      <c r="AI2982" s="85"/>
      <c r="AJ2982" s="85"/>
      <c r="AK2982" s="85"/>
      <c r="AL2982" s="85"/>
      <c r="AM2982" s="92"/>
      <c r="AN2982" s="92"/>
      <c r="AO2982" s="92"/>
      <c r="AP2982" s="92"/>
      <c r="AQ2982" s="92"/>
      <c r="AR2982" s="92"/>
      <c r="AS2982" s="92"/>
      <c r="AT2982" s="92"/>
      <c r="AU2982" s="92"/>
      <c r="AV2982" s="92"/>
      <c r="AW2982" s="92"/>
      <c r="AX2982" s="92"/>
      <c r="AY2982" s="92"/>
      <c r="AZ2982" s="93"/>
      <c r="BA2982" s="93"/>
      <c r="BB2982" s="93"/>
      <c r="BC2982" s="93"/>
      <c r="BD2982" s="93"/>
      <c r="BE2982" s="93"/>
      <c r="BF2982" s="93"/>
      <c r="BG2982" s="93"/>
      <c r="BH2982" s="93"/>
      <c r="BI2982" s="93"/>
      <c r="BJ2982" s="93"/>
      <c r="BK2982" s="93"/>
      <c r="BL2982" s="93"/>
    </row>
    <row r="2983" spans="2:64" x14ac:dyDescent="0.2">
      <c r="B2983" s="43"/>
      <c r="C2983" s="73"/>
      <c r="D2983" s="64"/>
      <c r="E2983" s="55"/>
      <c r="F2983" s="74"/>
      <c r="G2983" s="74"/>
      <c r="H2983" s="74"/>
      <c r="I2983" s="75"/>
      <c r="J2983" s="74"/>
      <c r="L2983" s="55"/>
      <c r="M2983" s="234"/>
      <c r="N2983" s="65"/>
      <c r="O2983" s="76"/>
      <c r="P2983" s="76"/>
      <c r="Q2983" s="65"/>
      <c r="R2983" s="76"/>
      <c r="S2983" s="76"/>
      <c r="T2983" s="76"/>
      <c r="U2983" s="76"/>
      <c r="V2983" s="76"/>
      <c r="W2983" s="76"/>
      <c r="X2983" s="76"/>
      <c r="Y2983" s="76"/>
      <c r="Z2983" s="76"/>
      <c r="AA2983" s="85"/>
      <c r="AB2983" s="85"/>
      <c r="AC2983" s="85"/>
      <c r="AD2983" s="85"/>
      <c r="AE2983" s="85"/>
      <c r="AF2983" s="85"/>
      <c r="AG2983" s="86"/>
      <c r="AH2983" s="85"/>
      <c r="AI2983" s="85"/>
      <c r="AJ2983" s="85"/>
      <c r="AK2983" s="85"/>
      <c r="AL2983" s="85"/>
      <c r="AM2983" s="92"/>
      <c r="AN2983" s="92"/>
      <c r="AO2983" s="92"/>
      <c r="AP2983" s="92"/>
      <c r="AQ2983" s="92"/>
      <c r="AR2983" s="92"/>
      <c r="AS2983" s="92"/>
      <c r="AT2983" s="92"/>
      <c r="AU2983" s="92"/>
      <c r="AV2983" s="92"/>
      <c r="AW2983" s="92"/>
      <c r="AX2983" s="92"/>
      <c r="AY2983" s="92"/>
      <c r="AZ2983" s="93"/>
      <c r="BA2983" s="93"/>
      <c r="BB2983" s="93"/>
      <c r="BC2983" s="93"/>
      <c r="BD2983" s="93"/>
      <c r="BE2983" s="93"/>
      <c r="BF2983" s="93"/>
      <c r="BG2983" s="93"/>
      <c r="BH2983" s="93"/>
      <c r="BI2983" s="93"/>
      <c r="BJ2983" s="93"/>
      <c r="BK2983" s="93"/>
      <c r="BL2983" s="93"/>
    </row>
    <row r="2984" spans="2:64" x14ac:dyDescent="0.2">
      <c r="B2984" s="43"/>
      <c r="C2984" s="73"/>
      <c r="D2984" s="64"/>
      <c r="E2984" s="55"/>
      <c r="F2984" s="74"/>
      <c r="G2984" s="74"/>
      <c r="H2984" s="74"/>
      <c r="I2984" s="75"/>
      <c r="J2984" s="74"/>
      <c r="L2984" s="55"/>
      <c r="M2984" s="234"/>
      <c r="N2984" s="65"/>
      <c r="O2984" s="76"/>
      <c r="P2984" s="76"/>
      <c r="Q2984" s="65"/>
      <c r="R2984" s="76"/>
      <c r="S2984" s="76"/>
      <c r="T2984" s="76"/>
      <c r="U2984" s="76"/>
      <c r="V2984" s="76"/>
      <c r="W2984" s="76"/>
      <c r="X2984" s="76"/>
      <c r="Y2984" s="76"/>
      <c r="Z2984" s="76"/>
      <c r="AA2984" s="85"/>
      <c r="AB2984" s="85"/>
      <c r="AC2984" s="85"/>
      <c r="AD2984" s="85"/>
      <c r="AE2984" s="85"/>
      <c r="AF2984" s="85"/>
      <c r="AG2984" s="86"/>
      <c r="AH2984" s="85"/>
      <c r="AI2984" s="85"/>
      <c r="AJ2984" s="85"/>
      <c r="AK2984" s="85"/>
      <c r="AL2984" s="85"/>
      <c r="AM2984" s="92"/>
      <c r="AN2984" s="92"/>
      <c r="AO2984" s="92"/>
      <c r="AP2984" s="92"/>
      <c r="AQ2984" s="92"/>
      <c r="AR2984" s="92"/>
      <c r="AS2984" s="92"/>
      <c r="AT2984" s="92"/>
      <c r="AU2984" s="92"/>
      <c r="AV2984" s="92"/>
      <c r="AW2984" s="92"/>
      <c r="AX2984" s="92"/>
      <c r="AY2984" s="92"/>
      <c r="AZ2984" s="93"/>
      <c r="BA2984" s="93"/>
      <c r="BB2984" s="93"/>
      <c r="BC2984" s="93"/>
      <c r="BD2984" s="93"/>
      <c r="BE2984" s="93"/>
      <c r="BF2984" s="93"/>
      <c r="BG2984" s="93"/>
      <c r="BH2984" s="93"/>
      <c r="BI2984" s="93"/>
      <c r="BJ2984" s="93"/>
      <c r="BK2984" s="93"/>
      <c r="BL2984" s="93"/>
    </row>
    <row r="2985" spans="2:64" x14ac:dyDescent="0.2">
      <c r="B2985" s="43"/>
      <c r="C2985" s="73"/>
      <c r="D2985" s="64"/>
      <c r="E2985" s="55"/>
      <c r="F2985" s="74"/>
      <c r="G2985" s="74"/>
      <c r="H2985" s="74"/>
      <c r="I2985" s="75"/>
      <c r="J2985" s="74"/>
      <c r="L2985" s="55"/>
      <c r="M2985" s="234"/>
      <c r="N2985" s="65"/>
      <c r="O2985" s="76"/>
      <c r="P2985" s="76"/>
      <c r="Q2985" s="65"/>
      <c r="R2985" s="76"/>
      <c r="S2985" s="76"/>
      <c r="T2985" s="76"/>
      <c r="U2985" s="76"/>
      <c r="V2985" s="76"/>
      <c r="W2985" s="76"/>
      <c r="X2985" s="76"/>
      <c r="Y2985" s="76"/>
      <c r="Z2985" s="76"/>
      <c r="AA2985" s="85"/>
      <c r="AB2985" s="85"/>
      <c r="AC2985" s="85"/>
      <c r="AD2985" s="85"/>
      <c r="AE2985" s="85"/>
      <c r="AF2985" s="85"/>
      <c r="AG2985" s="86"/>
      <c r="AH2985" s="85"/>
      <c r="AI2985" s="85"/>
      <c r="AJ2985" s="85"/>
      <c r="AK2985" s="85"/>
      <c r="AL2985" s="85"/>
      <c r="AM2985" s="92"/>
      <c r="AN2985" s="92"/>
      <c r="AO2985" s="92"/>
      <c r="AP2985" s="92"/>
      <c r="AQ2985" s="92"/>
      <c r="AR2985" s="92"/>
      <c r="AS2985" s="92"/>
      <c r="AT2985" s="92"/>
      <c r="AU2985" s="92"/>
      <c r="AV2985" s="92"/>
      <c r="AW2985" s="92"/>
      <c r="AX2985" s="92"/>
      <c r="AY2985" s="92"/>
      <c r="AZ2985" s="93"/>
      <c r="BA2985" s="93"/>
      <c r="BB2985" s="93"/>
      <c r="BC2985" s="93"/>
      <c r="BD2985" s="93"/>
      <c r="BE2985" s="93"/>
      <c r="BF2985" s="93"/>
      <c r="BG2985" s="93"/>
      <c r="BH2985" s="93"/>
      <c r="BI2985" s="93"/>
      <c r="BJ2985" s="93"/>
      <c r="BK2985" s="93"/>
      <c r="BL2985" s="93"/>
    </row>
    <row r="2986" spans="2:64" x14ac:dyDescent="0.2">
      <c r="B2986" s="43"/>
      <c r="C2986" s="73"/>
      <c r="D2986" s="64"/>
      <c r="E2986" s="55"/>
      <c r="F2986" s="74"/>
      <c r="G2986" s="74"/>
      <c r="H2986" s="74"/>
      <c r="I2986" s="75"/>
      <c r="J2986" s="74"/>
      <c r="L2986" s="55"/>
      <c r="M2986" s="234"/>
      <c r="N2986" s="65"/>
      <c r="O2986" s="76"/>
      <c r="P2986" s="76"/>
      <c r="Q2986" s="65"/>
      <c r="R2986" s="76"/>
      <c r="S2986" s="76"/>
      <c r="T2986" s="76"/>
      <c r="U2986" s="76"/>
      <c r="V2986" s="76"/>
      <c r="W2986" s="76"/>
      <c r="X2986" s="76"/>
      <c r="Y2986" s="76"/>
      <c r="Z2986" s="76"/>
      <c r="AA2986" s="85"/>
      <c r="AB2986" s="85"/>
      <c r="AC2986" s="85"/>
      <c r="AD2986" s="85"/>
      <c r="AE2986" s="85"/>
      <c r="AF2986" s="85"/>
      <c r="AG2986" s="86"/>
      <c r="AH2986" s="85"/>
      <c r="AI2986" s="85"/>
      <c r="AJ2986" s="85"/>
      <c r="AK2986" s="85"/>
      <c r="AL2986" s="85"/>
      <c r="AM2986" s="92"/>
      <c r="AN2986" s="92"/>
      <c r="AO2986" s="92"/>
      <c r="AP2986" s="92"/>
      <c r="AQ2986" s="92"/>
      <c r="AR2986" s="92"/>
      <c r="AS2986" s="92"/>
      <c r="AT2986" s="92"/>
      <c r="AU2986" s="92"/>
      <c r="AV2986" s="92"/>
      <c r="AW2986" s="92"/>
      <c r="AX2986" s="92"/>
      <c r="AY2986" s="92"/>
      <c r="AZ2986" s="93"/>
      <c r="BA2986" s="93"/>
      <c r="BB2986" s="93"/>
      <c r="BC2986" s="93"/>
      <c r="BD2986" s="93"/>
      <c r="BE2986" s="93"/>
      <c r="BF2986" s="93"/>
      <c r="BG2986" s="93"/>
      <c r="BH2986" s="93"/>
      <c r="BI2986" s="93"/>
      <c r="BJ2986" s="93"/>
      <c r="BK2986" s="93"/>
      <c r="BL2986" s="93"/>
    </row>
    <row r="2987" spans="2:64" x14ac:dyDescent="0.2">
      <c r="B2987" s="43"/>
      <c r="C2987" s="73"/>
      <c r="D2987" s="64"/>
      <c r="E2987" s="55"/>
      <c r="F2987" s="74"/>
      <c r="G2987" s="74"/>
      <c r="H2987" s="74"/>
      <c r="I2987" s="75"/>
      <c r="J2987" s="74"/>
      <c r="L2987" s="55"/>
      <c r="M2987" s="234"/>
      <c r="N2987" s="65"/>
      <c r="O2987" s="76"/>
      <c r="P2987" s="76"/>
      <c r="Q2987" s="65"/>
      <c r="R2987" s="76"/>
      <c r="S2987" s="76"/>
      <c r="T2987" s="76"/>
      <c r="U2987" s="76"/>
      <c r="V2987" s="76"/>
      <c r="W2987" s="76"/>
      <c r="X2987" s="76"/>
      <c r="Y2987" s="76"/>
      <c r="Z2987" s="76"/>
      <c r="AA2987" s="85"/>
      <c r="AB2987" s="85"/>
      <c r="AC2987" s="85"/>
      <c r="AD2987" s="85"/>
      <c r="AE2987" s="85"/>
      <c r="AF2987" s="85"/>
      <c r="AG2987" s="86"/>
      <c r="AH2987" s="85"/>
      <c r="AI2987" s="85"/>
      <c r="AJ2987" s="85"/>
      <c r="AK2987" s="85"/>
      <c r="AL2987" s="85"/>
      <c r="AM2987" s="92"/>
      <c r="AN2987" s="92"/>
      <c r="AO2987" s="92"/>
      <c r="AP2987" s="92"/>
      <c r="AQ2987" s="92"/>
      <c r="AR2987" s="92"/>
      <c r="AS2987" s="92"/>
      <c r="AT2987" s="92"/>
      <c r="AU2987" s="92"/>
      <c r="AV2987" s="92"/>
      <c r="AW2987" s="92"/>
      <c r="AX2987" s="92"/>
      <c r="AY2987" s="92"/>
      <c r="AZ2987" s="93"/>
      <c r="BA2987" s="93"/>
      <c r="BB2987" s="93"/>
      <c r="BC2987" s="93"/>
      <c r="BD2987" s="93"/>
      <c r="BE2987" s="93"/>
      <c r="BF2987" s="93"/>
      <c r="BG2987" s="93"/>
      <c r="BH2987" s="93"/>
      <c r="BI2987" s="93"/>
      <c r="BJ2987" s="93"/>
      <c r="BK2987" s="93"/>
      <c r="BL2987" s="93"/>
    </row>
    <row r="2988" spans="2:64" x14ac:dyDescent="0.2">
      <c r="B2988" s="43"/>
      <c r="C2988" s="73"/>
      <c r="D2988" s="64"/>
      <c r="E2988" s="55"/>
      <c r="F2988" s="74"/>
      <c r="G2988" s="74"/>
      <c r="H2988" s="74"/>
      <c r="I2988" s="75"/>
      <c r="J2988" s="74"/>
      <c r="L2988" s="55"/>
      <c r="M2988" s="234"/>
      <c r="N2988" s="65"/>
      <c r="O2988" s="76"/>
      <c r="P2988" s="76"/>
      <c r="Q2988" s="65"/>
      <c r="R2988" s="76"/>
      <c r="S2988" s="76"/>
      <c r="T2988" s="76"/>
      <c r="U2988" s="76"/>
      <c r="V2988" s="76"/>
      <c r="W2988" s="76"/>
      <c r="X2988" s="76"/>
      <c r="Y2988" s="76"/>
      <c r="Z2988" s="76"/>
      <c r="AA2988" s="85"/>
      <c r="AB2988" s="85"/>
      <c r="AC2988" s="85"/>
      <c r="AD2988" s="85"/>
      <c r="AE2988" s="85"/>
      <c r="AF2988" s="85"/>
      <c r="AG2988" s="86"/>
      <c r="AH2988" s="85"/>
      <c r="AI2988" s="85"/>
      <c r="AJ2988" s="85"/>
      <c r="AK2988" s="85"/>
      <c r="AL2988" s="85"/>
      <c r="AM2988" s="92"/>
      <c r="AN2988" s="92"/>
      <c r="AO2988" s="92"/>
      <c r="AP2988" s="92"/>
      <c r="AQ2988" s="92"/>
      <c r="AR2988" s="92"/>
      <c r="AS2988" s="92"/>
      <c r="AT2988" s="92"/>
      <c r="AU2988" s="92"/>
      <c r="AV2988" s="92"/>
      <c r="AW2988" s="92"/>
      <c r="AX2988" s="92"/>
      <c r="AY2988" s="92"/>
      <c r="AZ2988" s="93"/>
      <c r="BA2988" s="93"/>
      <c r="BB2988" s="93"/>
      <c r="BC2988" s="93"/>
      <c r="BD2988" s="93"/>
      <c r="BE2988" s="93"/>
      <c r="BF2988" s="93"/>
      <c r="BG2988" s="93"/>
      <c r="BH2988" s="93"/>
      <c r="BI2988" s="93"/>
      <c r="BJ2988" s="93"/>
      <c r="BK2988" s="93"/>
      <c r="BL2988" s="93"/>
    </row>
    <row r="2989" spans="2:64" x14ac:dyDescent="0.2">
      <c r="B2989" s="43"/>
      <c r="C2989" s="73"/>
      <c r="D2989" s="64"/>
      <c r="E2989" s="55"/>
      <c r="F2989" s="74"/>
      <c r="G2989" s="74"/>
      <c r="H2989" s="74"/>
      <c r="I2989" s="75"/>
      <c r="J2989" s="74"/>
      <c r="L2989" s="55"/>
      <c r="M2989" s="234"/>
      <c r="N2989" s="65"/>
      <c r="O2989" s="76"/>
      <c r="P2989" s="76"/>
      <c r="Q2989" s="65"/>
      <c r="R2989" s="76"/>
      <c r="S2989" s="76"/>
      <c r="T2989" s="76"/>
      <c r="U2989" s="76"/>
      <c r="V2989" s="76"/>
      <c r="W2989" s="76"/>
      <c r="X2989" s="76"/>
      <c r="Y2989" s="76"/>
      <c r="Z2989" s="76"/>
      <c r="AA2989" s="85"/>
      <c r="AB2989" s="85"/>
      <c r="AC2989" s="85"/>
      <c r="AD2989" s="85"/>
      <c r="AE2989" s="85"/>
      <c r="AF2989" s="85"/>
      <c r="AG2989" s="86"/>
      <c r="AH2989" s="85"/>
      <c r="AI2989" s="85"/>
      <c r="AJ2989" s="85"/>
      <c r="AK2989" s="85"/>
      <c r="AL2989" s="85"/>
      <c r="AM2989" s="92"/>
      <c r="AN2989" s="92"/>
      <c r="AO2989" s="92"/>
      <c r="AP2989" s="92"/>
      <c r="AQ2989" s="92"/>
      <c r="AR2989" s="92"/>
      <c r="AS2989" s="92"/>
      <c r="AT2989" s="92"/>
      <c r="AU2989" s="92"/>
      <c r="AV2989" s="92"/>
      <c r="AW2989" s="92"/>
      <c r="AX2989" s="92"/>
      <c r="AY2989" s="92"/>
      <c r="AZ2989" s="93"/>
      <c r="BA2989" s="93"/>
      <c r="BB2989" s="93"/>
      <c r="BC2989" s="93"/>
      <c r="BD2989" s="93"/>
      <c r="BE2989" s="93"/>
      <c r="BF2989" s="93"/>
      <c r="BG2989" s="93"/>
      <c r="BH2989" s="93"/>
      <c r="BI2989" s="93"/>
      <c r="BJ2989" s="93"/>
      <c r="BK2989" s="93"/>
      <c r="BL2989" s="93"/>
    </row>
    <row r="2990" spans="2:64" x14ac:dyDescent="0.2">
      <c r="B2990" s="43"/>
      <c r="C2990" s="73"/>
      <c r="D2990" s="64"/>
      <c r="E2990" s="55"/>
      <c r="F2990" s="74"/>
      <c r="G2990" s="74"/>
      <c r="H2990" s="74"/>
      <c r="I2990" s="75"/>
      <c r="J2990" s="74"/>
      <c r="L2990" s="55"/>
      <c r="M2990" s="234"/>
      <c r="N2990" s="65"/>
      <c r="O2990" s="76"/>
      <c r="P2990" s="76"/>
      <c r="Q2990" s="65"/>
      <c r="R2990" s="76"/>
      <c r="S2990" s="76"/>
      <c r="T2990" s="76"/>
      <c r="U2990" s="76"/>
      <c r="V2990" s="76"/>
      <c r="W2990" s="76"/>
      <c r="X2990" s="76"/>
      <c r="Y2990" s="76"/>
      <c r="Z2990" s="76"/>
      <c r="AA2990" s="85"/>
      <c r="AB2990" s="85"/>
      <c r="AC2990" s="85"/>
      <c r="AD2990" s="85"/>
      <c r="AE2990" s="85"/>
      <c r="AF2990" s="85"/>
      <c r="AG2990" s="86"/>
      <c r="AH2990" s="85"/>
      <c r="AI2990" s="85"/>
      <c r="AJ2990" s="85"/>
      <c r="AK2990" s="85"/>
      <c r="AL2990" s="85"/>
      <c r="AM2990" s="92"/>
      <c r="AN2990" s="92"/>
      <c r="AO2990" s="92"/>
      <c r="AP2990" s="92"/>
      <c r="AQ2990" s="92"/>
      <c r="AR2990" s="92"/>
      <c r="AS2990" s="92"/>
      <c r="AT2990" s="92"/>
      <c r="AU2990" s="92"/>
      <c r="AV2990" s="92"/>
      <c r="AW2990" s="92"/>
      <c r="AX2990" s="92"/>
      <c r="AY2990" s="92"/>
      <c r="AZ2990" s="93"/>
      <c r="BA2990" s="93"/>
      <c r="BB2990" s="93"/>
      <c r="BC2990" s="93"/>
      <c r="BD2990" s="93"/>
      <c r="BE2990" s="93"/>
      <c r="BF2990" s="93"/>
      <c r="BG2990" s="93"/>
      <c r="BH2990" s="93"/>
      <c r="BI2990" s="93"/>
      <c r="BJ2990" s="93"/>
      <c r="BK2990" s="93"/>
      <c r="BL2990" s="93"/>
    </row>
    <row r="2991" spans="2:64" x14ac:dyDescent="0.2">
      <c r="B2991" s="43"/>
      <c r="C2991" s="73"/>
      <c r="D2991" s="64"/>
      <c r="E2991" s="55"/>
      <c r="F2991" s="74"/>
      <c r="G2991" s="74"/>
      <c r="H2991" s="74"/>
      <c r="I2991" s="75"/>
      <c r="J2991" s="74"/>
      <c r="L2991" s="55"/>
      <c r="M2991" s="234"/>
      <c r="N2991" s="65"/>
      <c r="O2991" s="76"/>
      <c r="P2991" s="76"/>
      <c r="Q2991" s="65"/>
      <c r="R2991" s="76"/>
      <c r="S2991" s="76"/>
      <c r="T2991" s="76"/>
      <c r="U2991" s="76"/>
      <c r="V2991" s="76"/>
      <c r="W2991" s="76"/>
      <c r="X2991" s="76"/>
      <c r="Y2991" s="76"/>
      <c r="Z2991" s="76"/>
      <c r="AA2991" s="85"/>
      <c r="AB2991" s="85"/>
      <c r="AC2991" s="85"/>
      <c r="AD2991" s="85"/>
      <c r="AE2991" s="85"/>
      <c r="AF2991" s="85"/>
      <c r="AG2991" s="86"/>
      <c r="AH2991" s="85"/>
      <c r="AI2991" s="85"/>
      <c r="AJ2991" s="85"/>
      <c r="AK2991" s="85"/>
      <c r="AL2991" s="85"/>
      <c r="AM2991" s="92"/>
      <c r="AN2991" s="92"/>
      <c r="AO2991" s="92"/>
      <c r="AP2991" s="92"/>
      <c r="AQ2991" s="92"/>
      <c r="AR2991" s="92"/>
      <c r="AS2991" s="92"/>
      <c r="AT2991" s="92"/>
      <c r="AU2991" s="92"/>
      <c r="AV2991" s="92"/>
      <c r="AW2991" s="92"/>
      <c r="AX2991" s="92"/>
      <c r="AY2991" s="92"/>
      <c r="AZ2991" s="93"/>
      <c r="BA2991" s="93"/>
      <c r="BB2991" s="93"/>
      <c r="BC2991" s="93"/>
      <c r="BD2991" s="93"/>
      <c r="BE2991" s="93"/>
      <c r="BF2991" s="93"/>
      <c r="BG2991" s="93"/>
      <c r="BH2991" s="93"/>
      <c r="BI2991" s="93"/>
      <c r="BJ2991" s="93"/>
      <c r="BK2991" s="93"/>
      <c r="BL2991" s="93"/>
    </row>
    <row r="2992" spans="2:64" x14ac:dyDescent="0.2">
      <c r="B2992" s="43"/>
      <c r="C2992" s="73"/>
      <c r="D2992" s="64"/>
      <c r="E2992" s="55"/>
      <c r="F2992" s="74"/>
      <c r="G2992" s="74"/>
      <c r="H2992" s="74"/>
      <c r="I2992" s="75"/>
      <c r="J2992" s="74"/>
      <c r="L2992" s="55"/>
      <c r="M2992" s="234"/>
      <c r="N2992" s="65"/>
      <c r="O2992" s="76"/>
      <c r="P2992" s="76"/>
      <c r="Q2992" s="65"/>
      <c r="R2992" s="76"/>
      <c r="S2992" s="76"/>
      <c r="T2992" s="76"/>
      <c r="U2992" s="76"/>
      <c r="V2992" s="76"/>
      <c r="W2992" s="76"/>
      <c r="X2992" s="76"/>
      <c r="Y2992" s="76"/>
      <c r="Z2992" s="76"/>
      <c r="AA2992" s="85"/>
      <c r="AB2992" s="85"/>
      <c r="AC2992" s="85"/>
      <c r="AD2992" s="85"/>
      <c r="AE2992" s="85"/>
      <c r="AF2992" s="85"/>
      <c r="AG2992" s="86"/>
      <c r="AH2992" s="85"/>
      <c r="AI2992" s="85"/>
      <c r="AJ2992" s="85"/>
      <c r="AK2992" s="85"/>
      <c r="AL2992" s="85"/>
      <c r="AM2992" s="92"/>
      <c r="AN2992" s="92"/>
      <c r="AO2992" s="92"/>
      <c r="AP2992" s="92"/>
      <c r="AQ2992" s="92"/>
      <c r="AR2992" s="92"/>
      <c r="AS2992" s="92"/>
      <c r="AT2992" s="92"/>
      <c r="AU2992" s="92"/>
      <c r="AV2992" s="92"/>
      <c r="AW2992" s="92"/>
      <c r="AX2992" s="92"/>
      <c r="AY2992" s="92"/>
      <c r="AZ2992" s="93"/>
      <c r="BA2992" s="93"/>
      <c r="BB2992" s="93"/>
      <c r="BC2992" s="93"/>
      <c r="BD2992" s="93"/>
      <c r="BE2992" s="93"/>
      <c r="BF2992" s="93"/>
      <c r="BG2992" s="93"/>
      <c r="BH2992" s="93"/>
      <c r="BI2992" s="93"/>
      <c r="BJ2992" s="93"/>
      <c r="BK2992" s="93"/>
      <c r="BL2992" s="93"/>
    </row>
    <row r="2993" spans="2:64" x14ac:dyDescent="0.2">
      <c r="B2993" s="43"/>
      <c r="C2993" s="73"/>
      <c r="D2993" s="64"/>
      <c r="E2993" s="55"/>
      <c r="F2993" s="74"/>
      <c r="G2993" s="74"/>
      <c r="H2993" s="74"/>
      <c r="I2993" s="75"/>
      <c r="J2993" s="74"/>
      <c r="L2993" s="55"/>
      <c r="M2993" s="234"/>
      <c r="N2993" s="65"/>
      <c r="O2993" s="76"/>
      <c r="P2993" s="76"/>
      <c r="Q2993" s="65"/>
      <c r="R2993" s="76"/>
      <c r="S2993" s="76"/>
      <c r="T2993" s="76"/>
      <c r="U2993" s="76"/>
      <c r="V2993" s="76"/>
      <c r="W2993" s="76"/>
      <c r="X2993" s="76"/>
      <c r="Y2993" s="76"/>
      <c r="Z2993" s="76"/>
      <c r="AA2993" s="85"/>
      <c r="AB2993" s="85"/>
      <c r="AC2993" s="85"/>
      <c r="AD2993" s="85"/>
      <c r="AE2993" s="85"/>
      <c r="AF2993" s="85"/>
      <c r="AG2993" s="86"/>
      <c r="AH2993" s="85"/>
      <c r="AI2993" s="85"/>
      <c r="AJ2993" s="85"/>
      <c r="AK2993" s="85"/>
      <c r="AL2993" s="85"/>
      <c r="AM2993" s="92"/>
      <c r="AN2993" s="92"/>
      <c r="AO2993" s="92"/>
      <c r="AP2993" s="92"/>
      <c r="AQ2993" s="92"/>
      <c r="AR2993" s="92"/>
      <c r="AS2993" s="92"/>
      <c r="AT2993" s="92"/>
      <c r="AU2993" s="92"/>
      <c r="AV2993" s="92"/>
      <c r="AW2993" s="92"/>
      <c r="AX2993" s="92"/>
      <c r="AY2993" s="92"/>
      <c r="AZ2993" s="93"/>
      <c r="BA2993" s="93"/>
      <c r="BB2993" s="93"/>
      <c r="BC2993" s="93"/>
      <c r="BD2993" s="93"/>
      <c r="BE2993" s="93"/>
      <c r="BF2993" s="93"/>
      <c r="BG2993" s="93"/>
      <c r="BH2993" s="93"/>
      <c r="BI2993" s="93"/>
      <c r="BJ2993" s="93"/>
      <c r="BK2993" s="93"/>
      <c r="BL2993" s="93"/>
    </row>
    <row r="2994" spans="2:64" x14ac:dyDescent="0.2">
      <c r="B2994" s="43"/>
      <c r="C2994" s="73"/>
      <c r="D2994" s="64"/>
      <c r="E2994" s="55"/>
      <c r="F2994" s="74"/>
      <c r="G2994" s="74"/>
      <c r="H2994" s="74"/>
      <c r="I2994" s="75"/>
      <c r="J2994" s="74"/>
      <c r="L2994" s="55"/>
      <c r="M2994" s="234"/>
      <c r="N2994" s="65"/>
      <c r="O2994" s="76"/>
      <c r="P2994" s="76"/>
      <c r="Q2994" s="65"/>
      <c r="R2994" s="76"/>
      <c r="S2994" s="76"/>
      <c r="T2994" s="76"/>
      <c r="U2994" s="76"/>
      <c r="V2994" s="76"/>
      <c r="W2994" s="76"/>
      <c r="X2994" s="76"/>
      <c r="Y2994" s="76"/>
      <c r="Z2994" s="76"/>
      <c r="AA2994" s="85"/>
      <c r="AB2994" s="85"/>
      <c r="AC2994" s="85"/>
      <c r="AD2994" s="85"/>
      <c r="AE2994" s="85"/>
      <c r="AF2994" s="85"/>
      <c r="AG2994" s="86"/>
      <c r="AH2994" s="85"/>
      <c r="AI2994" s="85"/>
      <c r="AJ2994" s="85"/>
      <c r="AK2994" s="85"/>
      <c r="AL2994" s="85"/>
      <c r="AM2994" s="92"/>
      <c r="AN2994" s="92"/>
      <c r="AO2994" s="92"/>
      <c r="AP2994" s="92"/>
      <c r="AQ2994" s="92"/>
      <c r="AR2994" s="92"/>
      <c r="AS2994" s="92"/>
      <c r="AT2994" s="92"/>
      <c r="AU2994" s="92"/>
      <c r="AV2994" s="92"/>
      <c r="AW2994" s="92"/>
      <c r="AX2994" s="92"/>
      <c r="AY2994" s="92"/>
      <c r="AZ2994" s="93"/>
      <c r="BA2994" s="93"/>
      <c r="BB2994" s="93"/>
      <c r="BC2994" s="93"/>
      <c r="BD2994" s="93"/>
      <c r="BE2994" s="93"/>
      <c r="BF2994" s="93"/>
      <c r="BG2994" s="93"/>
      <c r="BH2994" s="93"/>
      <c r="BI2994" s="93"/>
      <c r="BJ2994" s="93"/>
      <c r="BK2994" s="93"/>
      <c r="BL2994" s="93"/>
    </row>
    <row r="2995" spans="2:64" x14ac:dyDescent="0.2">
      <c r="B2995" s="43"/>
      <c r="C2995" s="73"/>
      <c r="D2995" s="64"/>
      <c r="E2995" s="55"/>
      <c r="F2995" s="74"/>
      <c r="G2995" s="74"/>
      <c r="H2995" s="74"/>
      <c r="I2995" s="75"/>
      <c r="J2995" s="74"/>
      <c r="L2995" s="55"/>
      <c r="M2995" s="234"/>
      <c r="N2995" s="65"/>
      <c r="O2995" s="76"/>
      <c r="P2995" s="76"/>
      <c r="Q2995" s="65"/>
      <c r="R2995" s="76"/>
      <c r="S2995" s="76"/>
      <c r="T2995" s="76"/>
      <c r="U2995" s="76"/>
      <c r="V2995" s="76"/>
      <c r="W2995" s="76"/>
      <c r="X2995" s="76"/>
      <c r="Y2995" s="76"/>
      <c r="Z2995" s="76"/>
      <c r="AA2995" s="85"/>
      <c r="AB2995" s="85"/>
      <c r="AC2995" s="85"/>
      <c r="AD2995" s="85"/>
      <c r="AE2995" s="85"/>
      <c r="AF2995" s="85"/>
      <c r="AG2995" s="86"/>
      <c r="AH2995" s="85"/>
      <c r="AI2995" s="85"/>
      <c r="AJ2995" s="85"/>
      <c r="AK2995" s="85"/>
      <c r="AL2995" s="85"/>
      <c r="AM2995" s="92"/>
      <c r="AN2995" s="92"/>
      <c r="AO2995" s="92"/>
      <c r="AP2995" s="92"/>
      <c r="AQ2995" s="92"/>
      <c r="AR2995" s="92"/>
      <c r="AS2995" s="92"/>
      <c r="AT2995" s="92"/>
      <c r="AU2995" s="92"/>
      <c r="AV2995" s="92"/>
      <c r="AW2995" s="92"/>
      <c r="AX2995" s="92"/>
      <c r="AY2995" s="92"/>
      <c r="AZ2995" s="93"/>
      <c r="BA2995" s="93"/>
      <c r="BB2995" s="93"/>
      <c r="BC2995" s="93"/>
      <c r="BD2995" s="93"/>
      <c r="BE2995" s="93"/>
      <c r="BF2995" s="93"/>
      <c r="BG2995" s="93"/>
      <c r="BH2995" s="93"/>
      <c r="BI2995" s="93"/>
      <c r="BJ2995" s="93"/>
      <c r="BK2995" s="93"/>
      <c r="BL2995" s="93"/>
    </row>
    <row r="2996" spans="2:64" x14ac:dyDescent="0.2">
      <c r="B2996" s="43"/>
      <c r="C2996" s="73"/>
      <c r="D2996" s="64"/>
      <c r="E2996" s="55"/>
      <c r="F2996" s="74"/>
      <c r="G2996" s="74"/>
      <c r="H2996" s="74"/>
      <c r="I2996" s="75"/>
      <c r="J2996" s="74"/>
      <c r="L2996" s="55"/>
      <c r="M2996" s="234"/>
      <c r="N2996" s="65"/>
      <c r="O2996" s="76"/>
      <c r="P2996" s="76"/>
      <c r="Q2996" s="65"/>
      <c r="R2996" s="76"/>
      <c r="S2996" s="76"/>
      <c r="T2996" s="76"/>
      <c r="U2996" s="76"/>
      <c r="V2996" s="76"/>
      <c r="W2996" s="76"/>
      <c r="X2996" s="76"/>
      <c r="Y2996" s="76"/>
      <c r="Z2996" s="76"/>
      <c r="AA2996" s="85"/>
      <c r="AB2996" s="85"/>
      <c r="AC2996" s="85"/>
      <c r="AD2996" s="85"/>
      <c r="AE2996" s="85"/>
      <c r="AF2996" s="85"/>
      <c r="AG2996" s="86"/>
      <c r="AH2996" s="85"/>
      <c r="AI2996" s="85"/>
      <c r="AJ2996" s="85"/>
      <c r="AK2996" s="85"/>
      <c r="AL2996" s="85"/>
      <c r="AM2996" s="92"/>
      <c r="AN2996" s="92"/>
      <c r="AO2996" s="92"/>
      <c r="AP2996" s="92"/>
      <c r="AQ2996" s="92"/>
      <c r="AR2996" s="92"/>
      <c r="AS2996" s="92"/>
      <c r="AT2996" s="92"/>
      <c r="AU2996" s="92"/>
      <c r="AV2996" s="92"/>
      <c r="AW2996" s="92"/>
      <c r="AX2996" s="92"/>
      <c r="AY2996" s="92"/>
      <c r="AZ2996" s="93"/>
      <c r="BA2996" s="93"/>
      <c r="BB2996" s="93"/>
      <c r="BC2996" s="93"/>
      <c r="BD2996" s="93"/>
      <c r="BE2996" s="93"/>
      <c r="BF2996" s="93"/>
      <c r="BG2996" s="93"/>
      <c r="BH2996" s="93"/>
      <c r="BI2996" s="93"/>
      <c r="BJ2996" s="93"/>
      <c r="BK2996" s="93"/>
      <c r="BL2996" s="93"/>
    </row>
    <row r="2997" spans="2:64" x14ac:dyDescent="0.2">
      <c r="B2997" s="43"/>
      <c r="C2997" s="73"/>
      <c r="D2997" s="64"/>
      <c r="E2997" s="55"/>
      <c r="F2997" s="74"/>
      <c r="G2997" s="74"/>
      <c r="H2997" s="74"/>
      <c r="I2997" s="75"/>
      <c r="J2997" s="74"/>
      <c r="L2997" s="55"/>
      <c r="M2997" s="234"/>
      <c r="N2997" s="65"/>
      <c r="O2997" s="76"/>
      <c r="P2997" s="76"/>
      <c r="Q2997" s="65"/>
      <c r="R2997" s="76"/>
      <c r="S2997" s="76"/>
      <c r="T2997" s="76"/>
      <c r="U2997" s="76"/>
      <c r="V2997" s="76"/>
      <c r="W2997" s="76"/>
      <c r="X2997" s="76"/>
      <c r="Y2997" s="76"/>
      <c r="Z2997" s="76"/>
      <c r="AA2997" s="85"/>
      <c r="AB2997" s="85"/>
      <c r="AC2997" s="85"/>
      <c r="AD2997" s="85"/>
      <c r="AE2997" s="85"/>
      <c r="AF2997" s="85"/>
      <c r="AG2997" s="86"/>
      <c r="AH2997" s="85"/>
      <c r="AI2997" s="85"/>
      <c r="AJ2997" s="85"/>
      <c r="AK2997" s="85"/>
      <c r="AL2997" s="85"/>
      <c r="AM2997" s="92"/>
      <c r="AN2997" s="92"/>
      <c r="AO2997" s="92"/>
      <c r="AP2997" s="92"/>
      <c r="AQ2997" s="92"/>
      <c r="AR2997" s="92"/>
      <c r="AS2997" s="92"/>
      <c r="AT2997" s="92"/>
      <c r="AU2997" s="92"/>
      <c r="AV2997" s="92"/>
      <c r="AW2997" s="92"/>
      <c r="AX2997" s="92"/>
      <c r="AY2997" s="92"/>
      <c r="AZ2997" s="93"/>
      <c r="BA2997" s="93"/>
      <c r="BB2997" s="93"/>
      <c r="BC2997" s="93"/>
      <c r="BD2997" s="93"/>
      <c r="BE2997" s="93"/>
      <c r="BF2997" s="93"/>
      <c r="BG2997" s="93"/>
      <c r="BH2997" s="93"/>
      <c r="BI2997" s="93"/>
      <c r="BJ2997" s="93"/>
      <c r="BK2997" s="93"/>
      <c r="BL2997" s="93"/>
    </row>
    <row r="2998" spans="2:64" x14ac:dyDescent="0.2">
      <c r="B2998" s="43"/>
      <c r="C2998" s="73"/>
      <c r="D2998" s="64"/>
      <c r="E2998" s="55"/>
      <c r="F2998" s="74"/>
      <c r="G2998" s="74"/>
      <c r="H2998" s="74"/>
      <c r="I2998" s="75"/>
      <c r="J2998" s="74"/>
      <c r="L2998" s="55"/>
      <c r="M2998" s="234"/>
      <c r="N2998" s="65"/>
      <c r="O2998" s="76"/>
      <c r="P2998" s="76"/>
      <c r="Q2998" s="65"/>
      <c r="R2998" s="76"/>
      <c r="S2998" s="76"/>
      <c r="T2998" s="76"/>
      <c r="U2998" s="76"/>
      <c r="V2998" s="76"/>
      <c r="W2998" s="76"/>
      <c r="X2998" s="76"/>
      <c r="Y2998" s="76"/>
      <c r="Z2998" s="76"/>
      <c r="AA2998" s="85"/>
      <c r="AB2998" s="85"/>
      <c r="AC2998" s="85"/>
      <c r="AD2998" s="85"/>
      <c r="AE2998" s="85"/>
      <c r="AF2998" s="85"/>
      <c r="AG2998" s="86"/>
      <c r="AH2998" s="85"/>
      <c r="AI2998" s="85"/>
      <c r="AJ2998" s="85"/>
      <c r="AK2998" s="85"/>
      <c r="AL2998" s="85"/>
      <c r="AM2998" s="92"/>
      <c r="AN2998" s="92"/>
      <c r="AO2998" s="92"/>
      <c r="AP2998" s="92"/>
      <c r="AQ2998" s="92"/>
      <c r="AR2998" s="92"/>
      <c r="AS2998" s="92"/>
      <c r="AT2998" s="92"/>
      <c r="AU2998" s="92"/>
      <c r="AV2998" s="92"/>
      <c r="AW2998" s="92"/>
      <c r="AX2998" s="92"/>
      <c r="AY2998" s="92"/>
      <c r="AZ2998" s="93"/>
      <c r="BA2998" s="93"/>
      <c r="BB2998" s="93"/>
      <c r="BC2998" s="93"/>
      <c r="BD2998" s="93"/>
      <c r="BE2998" s="93"/>
      <c r="BF2998" s="93"/>
      <c r="BG2998" s="93"/>
      <c r="BH2998" s="93"/>
      <c r="BI2998" s="93"/>
      <c r="BJ2998" s="93"/>
      <c r="BK2998" s="93"/>
      <c r="BL2998" s="93"/>
    </row>
    <row r="2999" spans="2:64" x14ac:dyDescent="0.2">
      <c r="B2999" s="43"/>
      <c r="C2999" s="73"/>
      <c r="D2999" s="64"/>
      <c r="E2999" s="55"/>
      <c r="F2999" s="74"/>
      <c r="G2999" s="74"/>
      <c r="H2999" s="74"/>
      <c r="I2999" s="75"/>
      <c r="J2999" s="74"/>
      <c r="L2999" s="55"/>
      <c r="M2999" s="234"/>
      <c r="N2999" s="65"/>
      <c r="O2999" s="76"/>
      <c r="P2999" s="76"/>
      <c r="Q2999" s="65"/>
      <c r="R2999" s="76"/>
      <c r="S2999" s="76"/>
      <c r="T2999" s="76"/>
      <c r="U2999" s="76"/>
      <c r="V2999" s="76"/>
      <c r="W2999" s="76"/>
      <c r="X2999" s="76"/>
      <c r="Y2999" s="76"/>
      <c r="Z2999" s="76"/>
      <c r="AA2999" s="85"/>
      <c r="AB2999" s="85"/>
      <c r="AC2999" s="85"/>
      <c r="AD2999" s="85"/>
      <c r="AE2999" s="85"/>
      <c r="AF2999" s="85"/>
      <c r="AG2999" s="86"/>
      <c r="AH2999" s="85"/>
      <c r="AI2999" s="85"/>
      <c r="AJ2999" s="85"/>
      <c r="AK2999" s="85"/>
      <c r="AL2999" s="85"/>
      <c r="AM2999" s="92"/>
      <c r="AN2999" s="92"/>
      <c r="AO2999" s="92"/>
      <c r="AP2999" s="92"/>
      <c r="AQ2999" s="92"/>
      <c r="AR2999" s="92"/>
      <c r="AS2999" s="92"/>
      <c r="AT2999" s="92"/>
      <c r="AU2999" s="92"/>
      <c r="AV2999" s="92"/>
      <c r="AW2999" s="92"/>
      <c r="AX2999" s="92"/>
      <c r="AY2999" s="92"/>
      <c r="AZ2999" s="93"/>
      <c r="BA2999" s="93"/>
      <c r="BB2999" s="93"/>
      <c r="BC2999" s="93"/>
      <c r="BD2999" s="93"/>
      <c r="BE2999" s="93"/>
      <c r="BF2999" s="93"/>
      <c r="BG2999" s="93"/>
      <c r="BH2999" s="93"/>
      <c r="BI2999" s="93"/>
      <c r="BJ2999" s="93"/>
      <c r="BK2999" s="93"/>
      <c r="BL2999" s="93"/>
    </row>
    <row r="3000" spans="2:64" x14ac:dyDescent="0.2">
      <c r="B3000" s="43"/>
      <c r="C3000" s="73"/>
      <c r="D3000" s="64"/>
      <c r="E3000" s="55"/>
      <c r="F3000" s="74"/>
      <c r="G3000" s="74"/>
      <c r="H3000" s="74"/>
      <c r="I3000" s="75"/>
      <c r="J3000" s="74"/>
      <c r="L3000" s="55"/>
      <c r="M3000" s="234"/>
      <c r="N3000" s="65"/>
      <c r="O3000" s="76"/>
      <c r="P3000" s="76"/>
      <c r="Q3000" s="65"/>
      <c r="R3000" s="76"/>
      <c r="S3000" s="76"/>
      <c r="T3000" s="76"/>
      <c r="U3000" s="76"/>
      <c r="V3000" s="76"/>
      <c r="W3000" s="76"/>
      <c r="X3000" s="76"/>
      <c r="Y3000" s="76"/>
      <c r="Z3000" s="76"/>
      <c r="AA3000" s="85"/>
      <c r="AB3000" s="85"/>
      <c r="AC3000" s="85"/>
      <c r="AD3000" s="85"/>
      <c r="AE3000" s="85"/>
      <c r="AF3000" s="85"/>
      <c r="AG3000" s="86"/>
      <c r="AH3000" s="85"/>
      <c r="AI3000" s="85"/>
      <c r="AJ3000" s="85"/>
      <c r="AK3000" s="85"/>
      <c r="AL3000" s="85"/>
      <c r="AM3000" s="92"/>
      <c r="AN3000" s="92"/>
      <c r="AO3000" s="92"/>
      <c r="AP3000" s="92"/>
      <c r="AQ3000" s="92"/>
      <c r="AR3000" s="92"/>
      <c r="AS3000" s="92"/>
      <c r="AT3000" s="92"/>
      <c r="AU3000" s="92"/>
      <c r="AV3000" s="92"/>
      <c r="AW3000" s="92"/>
      <c r="AX3000" s="92"/>
      <c r="AY3000" s="92"/>
      <c r="AZ3000" s="93"/>
      <c r="BA3000" s="93"/>
      <c r="BB3000" s="93"/>
      <c r="BC3000" s="93"/>
      <c r="BD3000" s="93"/>
      <c r="BE3000" s="93"/>
      <c r="BF3000" s="93"/>
      <c r="BG3000" s="93"/>
      <c r="BH3000" s="93"/>
      <c r="BI3000" s="93"/>
      <c r="BJ3000" s="93"/>
      <c r="BK3000" s="93"/>
      <c r="BL3000" s="93"/>
    </row>
    <row r="3001" spans="2:64" x14ac:dyDescent="0.2">
      <c r="B3001" s="43"/>
      <c r="C3001" s="73"/>
      <c r="D3001" s="64"/>
      <c r="E3001" s="55"/>
      <c r="F3001" s="74"/>
      <c r="G3001" s="74"/>
      <c r="H3001" s="74"/>
      <c r="I3001" s="75"/>
      <c r="J3001" s="74"/>
      <c r="L3001" s="55"/>
      <c r="M3001" s="234"/>
      <c r="N3001" s="65"/>
      <c r="O3001" s="76"/>
      <c r="P3001" s="76"/>
      <c r="Q3001" s="65"/>
      <c r="R3001" s="76"/>
      <c r="S3001" s="76"/>
      <c r="T3001" s="76"/>
      <c r="U3001" s="76"/>
      <c r="V3001" s="76"/>
      <c r="W3001" s="76"/>
      <c r="X3001" s="76"/>
      <c r="Y3001" s="76"/>
      <c r="Z3001" s="76"/>
      <c r="AA3001" s="85"/>
      <c r="AB3001" s="85"/>
      <c r="AC3001" s="85"/>
      <c r="AD3001" s="85"/>
      <c r="AE3001" s="85"/>
      <c r="AF3001" s="85"/>
      <c r="AG3001" s="86"/>
      <c r="AH3001" s="85"/>
      <c r="AI3001" s="85"/>
      <c r="AJ3001" s="85"/>
      <c r="AK3001" s="85"/>
      <c r="AL3001" s="85"/>
      <c r="AM3001" s="92"/>
      <c r="AN3001" s="92"/>
      <c r="AO3001" s="92"/>
      <c r="AP3001" s="92"/>
      <c r="AQ3001" s="92"/>
      <c r="AR3001" s="92"/>
      <c r="AS3001" s="92"/>
      <c r="AT3001" s="92"/>
      <c r="AU3001" s="92"/>
      <c r="AV3001" s="92"/>
      <c r="AW3001" s="92"/>
      <c r="AX3001" s="92"/>
      <c r="AY3001" s="92"/>
      <c r="AZ3001" s="93"/>
      <c r="BA3001" s="93"/>
      <c r="BB3001" s="93"/>
      <c r="BC3001" s="93"/>
      <c r="BD3001" s="93"/>
      <c r="BE3001" s="93"/>
      <c r="BF3001" s="93"/>
      <c r="BG3001" s="93"/>
      <c r="BH3001" s="93"/>
      <c r="BI3001" s="93"/>
      <c r="BJ3001" s="93"/>
      <c r="BK3001" s="93"/>
      <c r="BL3001" s="93"/>
    </row>
    <row r="3002" spans="2:64" x14ac:dyDescent="0.2">
      <c r="B3002" s="43"/>
      <c r="C3002" s="73"/>
      <c r="D3002" s="64"/>
      <c r="E3002" s="55"/>
      <c r="F3002" s="74"/>
      <c r="G3002" s="74"/>
      <c r="H3002" s="74"/>
      <c r="I3002" s="75"/>
      <c r="J3002" s="74"/>
      <c r="L3002" s="55"/>
      <c r="M3002" s="234"/>
      <c r="N3002" s="65"/>
      <c r="O3002" s="76"/>
      <c r="P3002" s="76"/>
      <c r="Q3002" s="65"/>
      <c r="R3002" s="76"/>
      <c r="S3002" s="76"/>
      <c r="T3002" s="76"/>
      <c r="U3002" s="76"/>
      <c r="V3002" s="76"/>
      <c r="W3002" s="76"/>
      <c r="X3002" s="76"/>
      <c r="Y3002" s="76"/>
      <c r="Z3002" s="76"/>
      <c r="AA3002" s="85"/>
      <c r="AB3002" s="85"/>
      <c r="AC3002" s="85"/>
      <c r="AD3002" s="85"/>
      <c r="AE3002" s="85"/>
      <c r="AF3002" s="85"/>
      <c r="AG3002" s="86"/>
      <c r="AH3002" s="85"/>
      <c r="AI3002" s="85"/>
      <c r="AJ3002" s="85"/>
      <c r="AK3002" s="85"/>
      <c r="AL3002" s="85"/>
      <c r="AM3002" s="92"/>
      <c r="AN3002" s="92"/>
      <c r="AO3002" s="92"/>
      <c r="AP3002" s="92"/>
      <c r="AQ3002" s="92"/>
      <c r="AR3002" s="92"/>
      <c r="AS3002" s="92"/>
      <c r="AT3002" s="92"/>
      <c r="AU3002" s="92"/>
      <c r="AV3002" s="92"/>
      <c r="AW3002" s="92"/>
      <c r="AX3002" s="92"/>
      <c r="AY3002" s="92"/>
      <c r="AZ3002" s="93"/>
      <c r="BA3002" s="93"/>
      <c r="BB3002" s="93"/>
      <c r="BC3002" s="93"/>
      <c r="BD3002" s="93"/>
      <c r="BE3002" s="93"/>
      <c r="BF3002" s="93"/>
      <c r="BG3002" s="93"/>
      <c r="BH3002" s="93"/>
      <c r="BI3002" s="93"/>
      <c r="BJ3002" s="93"/>
      <c r="BK3002" s="93"/>
      <c r="BL3002" s="93"/>
    </row>
    <row r="3003" spans="2:64" x14ac:dyDescent="0.2">
      <c r="B3003" s="43"/>
      <c r="C3003" s="73"/>
      <c r="D3003" s="64"/>
      <c r="E3003" s="55"/>
      <c r="F3003" s="74"/>
      <c r="G3003" s="74"/>
      <c r="H3003" s="74"/>
      <c r="I3003" s="75"/>
      <c r="J3003" s="74"/>
      <c r="L3003" s="55"/>
      <c r="M3003" s="234"/>
      <c r="N3003" s="65"/>
      <c r="O3003" s="76"/>
      <c r="P3003" s="76"/>
      <c r="Q3003" s="65"/>
      <c r="R3003" s="76"/>
      <c r="S3003" s="76"/>
      <c r="T3003" s="76"/>
      <c r="U3003" s="76"/>
      <c r="V3003" s="76"/>
      <c r="W3003" s="76"/>
      <c r="X3003" s="76"/>
      <c r="Y3003" s="76"/>
      <c r="Z3003" s="76"/>
      <c r="AA3003" s="85"/>
      <c r="AB3003" s="85"/>
      <c r="AC3003" s="85"/>
      <c r="AD3003" s="85"/>
      <c r="AE3003" s="85"/>
      <c r="AF3003" s="85"/>
      <c r="AG3003" s="86"/>
      <c r="AH3003" s="85"/>
      <c r="AI3003" s="85"/>
      <c r="AJ3003" s="85"/>
      <c r="AK3003" s="85"/>
      <c r="AL3003" s="85"/>
      <c r="AM3003" s="92"/>
      <c r="AN3003" s="92"/>
      <c r="AO3003" s="92"/>
      <c r="AP3003" s="92"/>
      <c r="AQ3003" s="92"/>
      <c r="AR3003" s="92"/>
      <c r="AS3003" s="92"/>
      <c r="AT3003" s="92"/>
      <c r="AU3003" s="92"/>
      <c r="AV3003" s="92"/>
      <c r="AW3003" s="92"/>
      <c r="AX3003" s="92"/>
      <c r="AY3003" s="92"/>
      <c r="AZ3003" s="93"/>
      <c r="BA3003" s="93"/>
      <c r="BB3003" s="93"/>
      <c r="BC3003" s="93"/>
      <c r="BD3003" s="93"/>
      <c r="BE3003" s="93"/>
      <c r="BF3003" s="93"/>
      <c r="BG3003" s="93"/>
      <c r="BH3003" s="93"/>
      <c r="BI3003" s="93"/>
      <c r="BJ3003" s="93"/>
      <c r="BK3003" s="93"/>
      <c r="BL3003" s="93"/>
    </row>
    <row r="3004" spans="2:64" x14ac:dyDescent="0.2">
      <c r="B3004" s="43"/>
      <c r="C3004" s="73"/>
      <c r="D3004" s="64"/>
      <c r="E3004" s="55"/>
      <c r="F3004" s="74"/>
      <c r="G3004" s="74"/>
      <c r="H3004" s="74"/>
      <c r="I3004" s="75"/>
      <c r="J3004" s="74"/>
      <c r="L3004" s="55"/>
      <c r="M3004" s="234"/>
      <c r="N3004" s="65"/>
      <c r="O3004" s="76"/>
      <c r="P3004" s="76"/>
      <c r="Q3004" s="65"/>
      <c r="R3004" s="76"/>
      <c r="S3004" s="76"/>
      <c r="T3004" s="76"/>
      <c r="U3004" s="76"/>
      <c r="V3004" s="76"/>
      <c r="W3004" s="76"/>
      <c r="X3004" s="76"/>
      <c r="Y3004" s="76"/>
      <c r="Z3004" s="76"/>
      <c r="AA3004" s="85"/>
      <c r="AB3004" s="85"/>
      <c r="AC3004" s="85"/>
      <c r="AD3004" s="85"/>
      <c r="AE3004" s="85"/>
      <c r="AF3004" s="85"/>
      <c r="AG3004" s="86"/>
      <c r="AH3004" s="85"/>
      <c r="AI3004" s="85"/>
      <c r="AJ3004" s="85"/>
      <c r="AK3004" s="85"/>
      <c r="AL3004" s="85"/>
      <c r="AM3004" s="92"/>
      <c r="AN3004" s="92"/>
      <c r="AO3004" s="92"/>
      <c r="AP3004" s="92"/>
      <c r="AQ3004" s="92"/>
      <c r="AR3004" s="92"/>
      <c r="AS3004" s="92"/>
      <c r="AT3004" s="92"/>
      <c r="AU3004" s="92"/>
      <c r="AV3004" s="92"/>
      <c r="AW3004" s="92"/>
      <c r="AX3004" s="92"/>
      <c r="AY3004" s="92"/>
      <c r="AZ3004" s="93"/>
      <c r="BA3004" s="93"/>
      <c r="BB3004" s="93"/>
      <c r="BC3004" s="93"/>
      <c r="BD3004" s="93"/>
      <c r="BE3004" s="93"/>
      <c r="BF3004" s="93"/>
      <c r="BG3004" s="93"/>
      <c r="BH3004" s="93"/>
      <c r="BI3004" s="93"/>
      <c r="BJ3004" s="93"/>
      <c r="BK3004" s="93"/>
      <c r="BL3004" s="93"/>
    </row>
    <row r="3005" spans="2:64" x14ac:dyDescent="0.2">
      <c r="B3005" s="43"/>
      <c r="C3005" s="73"/>
      <c r="D3005" s="64"/>
      <c r="E3005" s="55"/>
      <c r="F3005" s="74"/>
      <c r="G3005" s="74"/>
      <c r="H3005" s="74"/>
      <c r="I3005" s="75"/>
      <c r="J3005" s="74"/>
      <c r="L3005" s="55"/>
      <c r="M3005" s="234"/>
      <c r="N3005" s="65"/>
      <c r="O3005" s="76"/>
      <c r="P3005" s="76"/>
      <c r="Q3005" s="65"/>
      <c r="R3005" s="76"/>
      <c r="S3005" s="76"/>
      <c r="T3005" s="76"/>
      <c r="U3005" s="76"/>
      <c r="V3005" s="76"/>
      <c r="W3005" s="76"/>
      <c r="X3005" s="76"/>
      <c r="Y3005" s="76"/>
      <c r="Z3005" s="76"/>
      <c r="AA3005" s="85"/>
      <c r="AB3005" s="85"/>
      <c r="AC3005" s="85"/>
      <c r="AD3005" s="85"/>
      <c r="AE3005" s="85"/>
      <c r="AF3005" s="85"/>
      <c r="AG3005" s="86"/>
      <c r="AH3005" s="85"/>
      <c r="AI3005" s="85"/>
      <c r="AJ3005" s="85"/>
      <c r="AK3005" s="85"/>
      <c r="AL3005" s="85"/>
      <c r="AM3005" s="92"/>
      <c r="AN3005" s="92"/>
      <c r="AO3005" s="92"/>
      <c r="AP3005" s="92"/>
      <c r="AQ3005" s="92"/>
      <c r="AR3005" s="92"/>
      <c r="AS3005" s="92"/>
      <c r="AT3005" s="92"/>
      <c r="AU3005" s="92"/>
      <c r="AV3005" s="92"/>
      <c r="AW3005" s="92"/>
      <c r="AX3005" s="92"/>
      <c r="AY3005" s="92"/>
      <c r="AZ3005" s="93"/>
      <c r="BA3005" s="93"/>
      <c r="BB3005" s="93"/>
      <c r="BC3005" s="93"/>
      <c r="BD3005" s="93"/>
      <c r="BE3005" s="93"/>
      <c r="BF3005" s="93"/>
      <c r="BG3005" s="93"/>
      <c r="BH3005" s="93"/>
      <c r="BI3005" s="93"/>
      <c r="BJ3005" s="93"/>
      <c r="BK3005" s="93"/>
      <c r="BL3005" s="93"/>
    </row>
    <row r="3006" spans="2:64" x14ac:dyDescent="0.2">
      <c r="B3006" s="43"/>
      <c r="C3006" s="73"/>
      <c r="D3006" s="64"/>
      <c r="E3006" s="55"/>
      <c r="F3006" s="74"/>
      <c r="G3006" s="74"/>
      <c r="H3006" s="74"/>
      <c r="I3006" s="75"/>
      <c r="J3006" s="74"/>
      <c r="L3006" s="55"/>
      <c r="M3006" s="234"/>
      <c r="N3006" s="65"/>
      <c r="O3006" s="76"/>
      <c r="P3006" s="76"/>
      <c r="Q3006" s="65"/>
      <c r="R3006" s="76"/>
      <c r="S3006" s="76"/>
      <c r="T3006" s="76"/>
      <c r="U3006" s="76"/>
      <c r="V3006" s="76"/>
      <c r="W3006" s="76"/>
      <c r="X3006" s="76"/>
      <c r="Y3006" s="76"/>
      <c r="Z3006" s="76"/>
      <c r="AA3006" s="85"/>
      <c r="AB3006" s="85"/>
      <c r="AC3006" s="85"/>
      <c r="AD3006" s="85"/>
      <c r="AE3006" s="85"/>
      <c r="AF3006" s="85"/>
      <c r="AG3006" s="86"/>
      <c r="AH3006" s="85"/>
      <c r="AI3006" s="85"/>
      <c r="AJ3006" s="85"/>
      <c r="AK3006" s="85"/>
      <c r="AL3006" s="85"/>
      <c r="AM3006" s="92"/>
      <c r="AN3006" s="92"/>
      <c r="AO3006" s="92"/>
      <c r="AP3006" s="92"/>
      <c r="AQ3006" s="92"/>
      <c r="AR3006" s="92"/>
      <c r="AS3006" s="92"/>
      <c r="AT3006" s="92"/>
      <c r="AU3006" s="92"/>
      <c r="AV3006" s="92"/>
      <c r="AW3006" s="92"/>
      <c r="AX3006" s="92"/>
      <c r="AY3006" s="92"/>
      <c r="AZ3006" s="93"/>
      <c r="BA3006" s="93"/>
      <c r="BB3006" s="93"/>
      <c r="BC3006" s="93"/>
      <c r="BD3006" s="93"/>
      <c r="BE3006" s="93"/>
      <c r="BF3006" s="93"/>
      <c r="BG3006" s="93"/>
      <c r="BH3006" s="93"/>
      <c r="BI3006" s="93"/>
      <c r="BJ3006" s="93"/>
      <c r="BK3006" s="93"/>
      <c r="BL3006" s="93"/>
    </row>
    <row r="3007" spans="2:64" x14ac:dyDescent="0.2">
      <c r="B3007" s="43"/>
      <c r="C3007" s="73"/>
      <c r="D3007" s="64"/>
      <c r="E3007" s="55"/>
      <c r="F3007" s="74"/>
      <c r="G3007" s="74"/>
      <c r="H3007" s="74"/>
      <c r="I3007" s="75"/>
      <c r="J3007" s="74"/>
      <c r="L3007" s="55"/>
      <c r="M3007" s="234"/>
      <c r="N3007" s="65"/>
      <c r="O3007" s="76"/>
      <c r="P3007" s="76"/>
      <c r="Q3007" s="65"/>
      <c r="R3007" s="76"/>
      <c r="S3007" s="76"/>
      <c r="T3007" s="76"/>
      <c r="U3007" s="76"/>
      <c r="V3007" s="76"/>
      <c r="W3007" s="76"/>
      <c r="X3007" s="76"/>
      <c r="Y3007" s="76"/>
      <c r="Z3007" s="76"/>
      <c r="AA3007" s="85"/>
      <c r="AB3007" s="85"/>
      <c r="AC3007" s="85"/>
      <c r="AD3007" s="85"/>
      <c r="AE3007" s="85"/>
      <c r="AF3007" s="85"/>
      <c r="AG3007" s="86"/>
      <c r="AH3007" s="85"/>
      <c r="AI3007" s="85"/>
      <c r="AJ3007" s="85"/>
      <c r="AK3007" s="85"/>
      <c r="AL3007" s="85"/>
      <c r="AM3007" s="92"/>
      <c r="AN3007" s="92"/>
      <c r="AO3007" s="92"/>
      <c r="AP3007" s="92"/>
      <c r="AQ3007" s="92"/>
      <c r="AR3007" s="92"/>
      <c r="AS3007" s="92"/>
      <c r="AT3007" s="92"/>
      <c r="AU3007" s="92"/>
      <c r="AV3007" s="92"/>
      <c r="AW3007" s="92"/>
      <c r="AX3007" s="92"/>
      <c r="AY3007" s="92"/>
      <c r="AZ3007" s="93"/>
      <c r="BA3007" s="93"/>
      <c r="BB3007" s="93"/>
      <c r="BC3007" s="93"/>
      <c r="BD3007" s="93"/>
      <c r="BE3007" s="93"/>
      <c r="BF3007" s="93"/>
      <c r="BG3007" s="93"/>
      <c r="BH3007" s="93"/>
      <c r="BI3007" s="93"/>
      <c r="BJ3007" s="93"/>
      <c r="BK3007" s="93"/>
      <c r="BL3007" s="93"/>
    </row>
    <row r="3008" spans="2:64" x14ac:dyDescent="0.2">
      <c r="B3008" s="43"/>
      <c r="C3008" s="73"/>
      <c r="D3008" s="64"/>
      <c r="E3008" s="55"/>
      <c r="F3008" s="74"/>
      <c r="G3008" s="74"/>
      <c r="H3008" s="74"/>
      <c r="I3008" s="75"/>
      <c r="J3008" s="74"/>
      <c r="L3008" s="55"/>
      <c r="M3008" s="234"/>
      <c r="N3008" s="65"/>
      <c r="O3008" s="76"/>
      <c r="P3008" s="76"/>
      <c r="Q3008" s="65"/>
      <c r="R3008" s="76"/>
      <c r="S3008" s="76"/>
      <c r="T3008" s="76"/>
      <c r="U3008" s="76"/>
      <c r="V3008" s="76"/>
      <c r="W3008" s="76"/>
      <c r="X3008" s="76"/>
      <c r="Y3008" s="76"/>
      <c r="Z3008" s="76"/>
      <c r="AA3008" s="85"/>
      <c r="AB3008" s="85"/>
      <c r="AC3008" s="85"/>
      <c r="AD3008" s="85"/>
      <c r="AE3008" s="85"/>
      <c r="AF3008" s="85"/>
      <c r="AG3008" s="86"/>
      <c r="AH3008" s="85"/>
      <c r="AI3008" s="85"/>
      <c r="AJ3008" s="85"/>
      <c r="AK3008" s="85"/>
      <c r="AL3008" s="85"/>
      <c r="AM3008" s="92"/>
      <c r="AN3008" s="92"/>
      <c r="AO3008" s="92"/>
      <c r="AP3008" s="92"/>
      <c r="AQ3008" s="92"/>
      <c r="AR3008" s="92"/>
      <c r="AS3008" s="92"/>
      <c r="AT3008" s="92"/>
      <c r="AU3008" s="92"/>
      <c r="AV3008" s="92"/>
      <c r="AW3008" s="92"/>
      <c r="AX3008" s="92"/>
      <c r="AY3008" s="92"/>
      <c r="AZ3008" s="93"/>
      <c r="BA3008" s="93"/>
      <c r="BB3008" s="93"/>
      <c r="BC3008" s="93"/>
      <c r="BD3008" s="93"/>
      <c r="BE3008" s="93"/>
      <c r="BF3008" s="93"/>
      <c r="BG3008" s="93"/>
      <c r="BH3008" s="93"/>
      <c r="BI3008" s="93"/>
      <c r="BJ3008" s="93"/>
      <c r="BK3008" s="93"/>
      <c r="BL3008" s="93"/>
    </row>
    <row r="3009" spans="2:64" x14ac:dyDescent="0.2">
      <c r="B3009" s="43"/>
      <c r="C3009" s="73"/>
      <c r="D3009" s="64"/>
      <c r="E3009" s="55"/>
      <c r="F3009" s="74"/>
      <c r="G3009" s="74"/>
      <c r="H3009" s="74"/>
      <c r="I3009" s="75"/>
      <c r="J3009" s="74"/>
      <c r="L3009" s="55"/>
      <c r="M3009" s="234"/>
      <c r="N3009" s="65"/>
      <c r="O3009" s="76"/>
      <c r="P3009" s="76"/>
      <c r="Q3009" s="65"/>
      <c r="R3009" s="76"/>
      <c r="S3009" s="76"/>
      <c r="T3009" s="76"/>
      <c r="U3009" s="76"/>
      <c r="V3009" s="76"/>
      <c r="W3009" s="76"/>
      <c r="X3009" s="76"/>
      <c r="Y3009" s="76"/>
      <c r="Z3009" s="76"/>
      <c r="AA3009" s="85"/>
      <c r="AB3009" s="85"/>
      <c r="AC3009" s="85"/>
      <c r="AD3009" s="85"/>
      <c r="AE3009" s="85"/>
      <c r="AF3009" s="85"/>
      <c r="AG3009" s="86"/>
      <c r="AH3009" s="85"/>
      <c r="AI3009" s="85"/>
      <c r="AJ3009" s="85"/>
      <c r="AK3009" s="85"/>
      <c r="AL3009" s="85"/>
      <c r="AM3009" s="92"/>
      <c r="AN3009" s="92"/>
      <c r="AO3009" s="92"/>
      <c r="AP3009" s="92"/>
      <c r="AQ3009" s="92"/>
      <c r="AR3009" s="92"/>
      <c r="AS3009" s="92"/>
      <c r="AT3009" s="92"/>
      <c r="AU3009" s="92"/>
      <c r="AV3009" s="92"/>
      <c r="AW3009" s="92"/>
      <c r="AX3009" s="92"/>
      <c r="AY3009" s="92"/>
      <c r="AZ3009" s="93"/>
      <c r="BA3009" s="93"/>
      <c r="BB3009" s="93"/>
      <c r="BC3009" s="93"/>
      <c r="BD3009" s="93"/>
      <c r="BE3009" s="93"/>
      <c r="BF3009" s="93"/>
      <c r="BG3009" s="93"/>
      <c r="BH3009" s="93"/>
      <c r="BI3009" s="93"/>
      <c r="BJ3009" s="93"/>
      <c r="BK3009" s="93"/>
      <c r="BL3009" s="93"/>
    </row>
    <row r="3010" spans="2:64" x14ac:dyDescent="0.2">
      <c r="B3010" s="43"/>
      <c r="C3010" s="73"/>
      <c r="D3010" s="64"/>
      <c r="E3010" s="55"/>
      <c r="F3010" s="74"/>
      <c r="G3010" s="74"/>
      <c r="H3010" s="74"/>
      <c r="I3010" s="75"/>
      <c r="J3010" s="74"/>
      <c r="L3010" s="55"/>
      <c r="M3010" s="234"/>
      <c r="N3010" s="65"/>
      <c r="O3010" s="76"/>
      <c r="P3010" s="76"/>
      <c r="Q3010" s="65"/>
      <c r="R3010" s="76"/>
      <c r="S3010" s="76"/>
      <c r="T3010" s="76"/>
      <c r="U3010" s="76"/>
      <c r="V3010" s="76"/>
      <c r="W3010" s="76"/>
      <c r="X3010" s="76"/>
      <c r="Y3010" s="76"/>
      <c r="Z3010" s="76"/>
      <c r="AA3010" s="85"/>
      <c r="AB3010" s="85"/>
      <c r="AC3010" s="85"/>
      <c r="AD3010" s="85"/>
      <c r="AE3010" s="85"/>
      <c r="AF3010" s="85"/>
      <c r="AG3010" s="86"/>
      <c r="AH3010" s="85"/>
      <c r="AI3010" s="85"/>
      <c r="AJ3010" s="85"/>
      <c r="AK3010" s="85"/>
      <c r="AL3010" s="85"/>
      <c r="AM3010" s="92"/>
      <c r="AN3010" s="92"/>
      <c r="AO3010" s="92"/>
      <c r="AP3010" s="92"/>
      <c r="AQ3010" s="92"/>
      <c r="AR3010" s="92"/>
      <c r="AS3010" s="92"/>
      <c r="AT3010" s="92"/>
      <c r="AU3010" s="92"/>
      <c r="AV3010" s="92"/>
      <c r="AW3010" s="92"/>
      <c r="AX3010" s="92"/>
      <c r="AY3010" s="92"/>
      <c r="AZ3010" s="93"/>
      <c r="BA3010" s="93"/>
      <c r="BB3010" s="93"/>
      <c r="BC3010" s="93"/>
      <c r="BD3010" s="93"/>
      <c r="BE3010" s="93"/>
      <c r="BF3010" s="93"/>
      <c r="BG3010" s="93"/>
      <c r="BH3010" s="93"/>
      <c r="BI3010" s="93"/>
      <c r="BJ3010" s="93"/>
      <c r="BK3010" s="93"/>
      <c r="BL3010" s="93"/>
    </row>
    <row r="3011" spans="2:64" x14ac:dyDescent="0.2">
      <c r="B3011" s="43"/>
      <c r="C3011" s="73"/>
      <c r="D3011" s="64"/>
      <c r="E3011" s="55"/>
      <c r="F3011" s="74"/>
      <c r="G3011" s="74"/>
      <c r="H3011" s="74"/>
      <c r="I3011" s="75"/>
      <c r="J3011" s="74"/>
      <c r="L3011" s="55"/>
      <c r="M3011" s="234"/>
      <c r="N3011" s="65"/>
      <c r="O3011" s="76"/>
      <c r="P3011" s="76"/>
      <c r="Q3011" s="65"/>
      <c r="R3011" s="76"/>
      <c r="S3011" s="76"/>
      <c r="T3011" s="76"/>
      <c r="U3011" s="76"/>
      <c r="V3011" s="76"/>
      <c r="W3011" s="76"/>
      <c r="X3011" s="76"/>
      <c r="Y3011" s="76"/>
      <c r="Z3011" s="76"/>
      <c r="AA3011" s="85"/>
      <c r="AB3011" s="85"/>
      <c r="AC3011" s="85"/>
      <c r="AD3011" s="85"/>
      <c r="AE3011" s="85"/>
      <c r="AF3011" s="85"/>
      <c r="AG3011" s="86"/>
      <c r="AH3011" s="85"/>
      <c r="AI3011" s="85"/>
      <c r="AJ3011" s="85"/>
      <c r="AK3011" s="85"/>
      <c r="AL3011" s="85"/>
      <c r="AM3011" s="92"/>
      <c r="AN3011" s="92"/>
      <c r="AO3011" s="92"/>
      <c r="AP3011" s="92"/>
      <c r="AQ3011" s="92"/>
      <c r="AR3011" s="92"/>
      <c r="AS3011" s="92"/>
      <c r="AT3011" s="92"/>
      <c r="AU3011" s="92"/>
      <c r="AV3011" s="92"/>
      <c r="AW3011" s="92"/>
      <c r="AX3011" s="92"/>
      <c r="AY3011" s="92"/>
      <c r="AZ3011" s="93"/>
      <c r="BA3011" s="93"/>
      <c r="BB3011" s="93"/>
      <c r="BC3011" s="93"/>
      <c r="BD3011" s="93"/>
      <c r="BE3011" s="93"/>
      <c r="BF3011" s="93"/>
      <c r="BG3011" s="93"/>
      <c r="BH3011" s="93"/>
      <c r="BI3011" s="93"/>
      <c r="BJ3011" s="93"/>
      <c r="BK3011" s="93"/>
      <c r="BL3011" s="93"/>
    </row>
    <row r="3012" spans="2:64" x14ac:dyDescent="0.2">
      <c r="B3012" s="43"/>
      <c r="C3012" s="73"/>
      <c r="D3012" s="64"/>
      <c r="E3012" s="55"/>
      <c r="F3012" s="74"/>
      <c r="G3012" s="74"/>
      <c r="H3012" s="74"/>
      <c r="I3012" s="75"/>
      <c r="J3012" s="74"/>
      <c r="L3012" s="55"/>
      <c r="M3012" s="234"/>
      <c r="N3012" s="65"/>
      <c r="O3012" s="76"/>
      <c r="P3012" s="76"/>
      <c r="Q3012" s="65"/>
      <c r="R3012" s="76"/>
      <c r="S3012" s="76"/>
      <c r="T3012" s="76"/>
      <c r="U3012" s="76"/>
      <c r="V3012" s="76"/>
      <c r="W3012" s="76"/>
      <c r="X3012" s="76"/>
      <c r="Y3012" s="76"/>
      <c r="Z3012" s="76"/>
      <c r="AA3012" s="85"/>
      <c r="AB3012" s="85"/>
      <c r="AC3012" s="85"/>
      <c r="AD3012" s="85"/>
      <c r="AE3012" s="85"/>
      <c r="AF3012" s="85"/>
      <c r="AG3012" s="86"/>
      <c r="AH3012" s="85"/>
      <c r="AI3012" s="85"/>
      <c r="AJ3012" s="85"/>
      <c r="AK3012" s="85"/>
      <c r="AL3012" s="85"/>
      <c r="AM3012" s="92"/>
      <c r="AN3012" s="92"/>
      <c r="AO3012" s="92"/>
      <c r="AP3012" s="92"/>
      <c r="AQ3012" s="92"/>
      <c r="AR3012" s="92"/>
      <c r="AS3012" s="92"/>
      <c r="AT3012" s="92"/>
      <c r="AU3012" s="92"/>
      <c r="AV3012" s="92"/>
      <c r="AW3012" s="92"/>
      <c r="AX3012" s="92"/>
      <c r="AY3012" s="92"/>
      <c r="AZ3012" s="93"/>
      <c r="BA3012" s="93"/>
      <c r="BB3012" s="93"/>
      <c r="BC3012" s="93"/>
      <c r="BD3012" s="93"/>
      <c r="BE3012" s="93"/>
      <c r="BF3012" s="93"/>
      <c r="BG3012" s="93"/>
      <c r="BH3012" s="93"/>
      <c r="BI3012" s="93"/>
      <c r="BJ3012" s="93"/>
      <c r="BK3012" s="93"/>
      <c r="BL3012" s="93"/>
    </row>
    <row r="3013" spans="2:64" x14ac:dyDescent="0.2">
      <c r="B3013" s="43"/>
      <c r="C3013" s="73"/>
      <c r="D3013" s="64"/>
      <c r="E3013" s="55"/>
      <c r="F3013" s="74"/>
      <c r="G3013" s="74"/>
      <c r="H3013" s="74"/>
      <c r="I3013" s="75"/>
      <c r="J3013" s="74"/>
      <c r="L3013" s="55"/>
      <c r="M3013" s="234"/>
      <c r="N3013" s="65"/>
      <c r="O3013" s="76"/>
      <c r="P3013" s="76"/>
      <c r="Q3013" s="65"/>
      <c r="R3013" s="76"/>
      <c r="S3013" s="76"/>
      <c r="T3013" s="76"/>
      <c r="U3013" s="76"/>
      <c r="V3013" s="76"/>
      <c r="W3013" s="76"/>
      <c r="X3013" s="76"/>
      <c r="Y3013" s="76"/>
      <c r="Z3013" s="76"/>
      <c r="AA3013" s="85"/>
      <c r="AB3013" s="85"/>
      <c r="AC3013" s="85"/>
      <c r="AD3013" s="85"/>
      <c r="AE3013" s="85"/>
      <c r="AF3013" s="85"/>
      <c r="AG3013" s="86"/>
      <c r="AH3013" s="85"/>
      <c r="AI3013" s="85"/>
      <c r="AJ3013" s="85"/>
      <c r="AK3013" s="85"/>
      <c r="AL3013" s="85"/>
      <c r="AM3013" s="92"/>
      <c r="AN3013" s="92"/>
      <c r="AO3013" s="92"/>
      <c r="AP3013" s="92"/>
      <c r="AQ3013" s="92"/>
      <c r="AR3013" s="92"/>
      <c r="AS3013" s="92"/>
      <c r="AT3013" s="92"/>
      <c r="AU3013" s="92"/>
      <c r="AV3013" s="92"/>
      <c r="AW3013" s="92"/>
      <c r="AX3013" s="92"/>
      <c r="AY3013" s="92"/>
      <c r="AZ3013" s="93"/>
      <c r="BA3013" s="93"/>
      <c r="BB3013" s="93"/>
      <c r="BC3013" s="93"/>
      <c r="BD3013" s="93"/>
      <c r="BE3013" s="93"/>
      <c r="BF3013" s="93"/>
      <c r="BG3013" s="93"/>
      <c r="BH3013" s="93"/>
      <c r="BI3013" s="93"/>
      <c r="BJ3013" s="93"/>
      <c r="BK3013" s="93"/>
      <c r="BL3013" s="93"/>
    </row>
    <row r="3014" spans="2:64" x14ac:dyDescent="0.2">
      <c r="B3014" s="43"/>
      <c r="C3014" s="73"/>
      <c r="D3014" s="64"/>
      <c r="E3014" s="55"/>
      <c r="F3014" s="74"/>
      <c r="G3014" s="74"/>
      <c r="H3014" s="74"/>
      <c r="I3014" s="75"/>
      <c r="J3014" s="74"/>
      <c r="L3014" s="55"/>
      <c r="M3014" s="234"/>
      <c r="N3014" s="65"/>
      <c r="O3014" s="76"/>
      <c r="P3014" s="76"/>
      <c r="Q3014" s="65"/>
      <c r="R3014" s="76"/>
      <c r="S3014" s="76"/>
      <c r="T3014" s="76"/>
      <c r="U3014" s="76"/>
      <c r="V3014" s="76"/>
      <c r="W3014" s="76"/>
      <c r="X3014" s="76"/>
      <c r="Y3014" s="76"/>
      <c r="Z3014" s="76"/>
      <c r="AA3014" s="85"/>
      <c r="AB3014" s="85"/>
      <c r="AC3014" s="85"/>
      <c r="AD3014" s="85"/>
      <c r="AE3014" s="85"/>
      <c r="AF3014" s="85"/>
      <c r="AG3014" s="86"/>
      <c r="AH3014" s="85"/>
      <c r="AI3014" s="85"/>
      <c r="AJ3014" s="85"/>
      <c r="AK3014" s="85"/>
      <c r="AL3014" s="85"/>
      <c r="AM3014" s="92"/>
      <c r="AN3014" s="92"/>
      <c r="AO3014" s="92"/>
      <c r="AP3014" s="92"/>
      <c r="AQ3014" s="92"/>
      <c r="AR3014" s="92"/>
      <c r="AS3014" s="92"/>
      <c r="AT3014" s="92"/>
      <c r="AU3014" s="92"/>
      <c r="AV3014" s="92"/>
      <c r="AW3014" s="92"/>
      <c r="AX3014" s="92"/>
      <c r="AY3014" s="92"/>
      <c r="AZ3014" s="93"/>
      <c r="BA3014" s="93"/>
      <c r="BB3014" s="93"/>
      <c r="BC3014" s="93"/>
      <c r="BD3014" s="93"/>
      <c r="BE3014" s="93"/>
      <c r="BF3014" s="93"/>
      <c r="BG3014" s="93"/>
      <c r="BH3014" s="93"/>
      <c r="BI3014" s="93"/>
      <c r="BJ3014" s="93"/>
      <c r="BK3014" s="93"/>
      <c r="BL3014" s="93"/>
    </row>
    <row r="3015" spans="2:64" x14ac:dyDescent="0.2">
      <c r="B3015" s="43"/>
      <c r="C3015" s="73"/>
      <c r="D3015" s="64"/>
      <c r="E3015" s="55"/>
      <c r="F3015" s="74"/>
      <c r="G3015" s="74"/>
      <c r="H3015" s="74"/>
      <c r="I3015" s="75"/>
      <c r="J3015" s="74"/>
      <c r="L3015" s="55"/>
      <c r="M3015" s="234"/>
      <c r="N3015" s="65"/>
      <c r="O3015" s="76"/>
      <c r="P3015" s="76"/>
      <c r="Q3015" s="65"/>
      <c r="R3015" s="76"/>
      <c r="S3015" s="76"/>
      <c r="T3015" s="76"/>
      <c r="U3015" s="76"/>
      <c r="V3015" s="76"/>
      <c r="W3015" s="76"/>
      <c r="X3015" s="76"/>
      <c r="Y3015" s="76"/>
      <c r="Z3015" s="76"/>
      <c r="AA3015" s="85"/>
      <c r="AB3015" s="85"/>
      <c r="AC3015" s="85"/>
      <c r="AD3015" s="85"/>
      <c r="AE3015" s="85"/>
      <c r="AF3015" s="85"/>
      <c r="AG3015" s="86"/>
      <c r="AH3015" s="85"/>
      <c r="AI3015" s="85"/>
      <c r="AJ3015" s="85"/>
      <c r="AK3015" s="85"/>
      <c r="AL3015" s="85"/>
      <c r="AM3015" s="92"/>
      <c r="AN3015" s="92"/>
      <c r="AO3015" s="92"/>
      <c r="AP3015" s="92"/>
      <c r="AQ3015" s="92"/>
      <c r="AR3015" s="92"/>
      <c r="AS3015" s="92"/>
      <c r="AT3015" s="92"/>
      <c r="AU3015" s="92"/>
      <c r="AV3015" s="92"/>
      <c r="AW3015" s="92"/>
      <c r="AX3015" s="92"/>
      <c r="AY3015" s="92"/>
      <c r="AZ3015" s="93"/>
      <c r="BA3015" s="93"/>
      <c r="BB3015" s="93"/>
      <c r="BC3015" s="93"/>
      <c r="BD3015" s="93"/>
      <c r="BE3015" s="93"/>
      <c r="BF3015" s="93"/>
      <c r="BG3015" s="93"/>
      <c r="BH3015" s="93"/>
      <c r="BI3015" s="93"/>
      <c r="BJ3015" s="93"/>
      <c r="BK3015" s="93"/>
      <c r="BL3015" s="93"/>
    </row>
    <row r="3016" spans="2:64" x14ac:dyDescent="0.2">
      <c r="B3016" s="43"/>
      <c r="C3016" s="73"/>
      <c r="D3016" s="64"/>
      <c r="E3016" s="55"/>
      <c r="F3016" s="74"/>
      <c r="G3016" s="74"/>
      <c r="H3016" s="74"/>
      <c r="I3016" s="75"/>
      <c r="J3016" s="74"/>
      <c r="L3016" s="55"/>
      <c r="M3016" s="234"/>
      <c r="N3016" s="65"/>
      <c r="O3016" s="76"/>
      <c r="P3016" s="76"/>
      <c r="Q3016" s="65"/>
      <c r="R3016" s="76"/>
      <c r="S3016" s="76"/>
      <c r="T3016" s="76"/>
      <c r="U3016" s="76"/>
      <c r="V3016" s="76"/>
      <c r="W3016" s="76"/>
      <c r="X3016" s="76"/>
      <c r="Y3016" s="76"/>
      <c r="Z3016" s="76"/>
      <c r="AA3016" s="85"/>
      <c r="AB3016" s="85"/>
      <c r="AC3016" s="85"/>
      <c r="AD3016" s="85"/>
      <c r="AE3016" s="85"/>
      <c r="AF3016" s="85"/>
      <c r="AG3016" s="86"/>
      <c r="AH3016" s="85"/>
      <c r="AI3016" s="85"/>
      <c r="AJ3016" s="85"/>
      <c r="AK3016" s="85"/>
      <c r="AL3016" s="85"/>
      <c r="AM3016" s="92"/>
      <c r="AN3016" s="92"/>
      <c r="AO3016" s="92"/>
      <c r="AP3016" s="92"/>
      <c r="AQ3016" s="92"/>
      <c r="AR3016" s="92"/>
      <c r="AS3016" s="92"/>
      <c r="AT3016" s="92"/>
      <c r="AU3016" s="92"/>
      <c r="AV3016" s="92"/>
      <c r="AW3016" s="92"/>
      <c r="AX3016" s="92"/>
      <c r="AY3016" s="92"/>
      <c r="AZ3016" s="93"/>
      <c r="BA3016" s="93"/>
      <c r="BB3016" s="93"/>
      <c r="BC3016" s="93"/>
      <c r="BD3016" s="93"/>
      <c r="BE3016" s="93"/>
      <c r="BF3016" s="93"/>
      <c r="BG3016" s="93"/>
      <c r="BH3016" s="93"/>
      <c r="BI3016" s="93"/>
      <c r="BJ3016" s="93"/>
      <c r="BK3016" s="93"/>
      <c r="BL3016" s="93"/>
    </row>
    <row r="3017" spans="2:64" x14ac:dyDescent="0.2">
      <c r="B3017" s="43"/>
      <c r="C3017" s="73"/>
      <c r="D3017" s="64"/>
      <c r="E3017" s="55"/>
      <c r="F3017" s="74"/>
      <c r="G3017" s="74"/>
      <c r="H3017" s="74"/>
      <c r="I3017" s="75"/>
      <c r="J3017" s="74"/>
      <c r="L3017" s="55"/>
      <c r="M3017" s="234"/>
      <c r="N3017" s="65"/>
      <c r="O3017" s="76"/>
      <c r="P3017" s="76"/>
      <c r="Q3017" s="65"/>
      <c r="R3017" s="76"/>
      <c r="S3017" s="76"/>
      <c r="T3017" s="76"/>
      <c r="U3017" s="76"/>
      <c r="V3017" s="76"/>
      <c r="W3017" s="76"/>
      <c r="X3017" s="76"/>
      <c r="Y3017" s="76"/>
      <c r="Z3017" s="76"/>
      <c r="AA3017" s="85"/>
      <c r="AB3017" s="85"/>
      <c r="AC3017" s="85"/>
      <c r="AD3017" s="85"/>
      <c r="AE3017" s="85"/>
      <c r="AF3017" s="85"/>
      <c r="AG3017" s="86"/>
      <c r="AH3017" s="85"/>
      <c r="AI3017" s="85"/>
      <c r="AJ3017" s="85"/>
      <c r="AK3017" s="85"/>
      <c r="AL3017" s="85"/>
      <c r="AM3017" s="92"/>
      <c r="AN3017" s="92"/>
      <c r="AO3017" s="92"/>
      <c r="AP3017" s="92"/>
      <c r="AQ3017" s="92"/>
      <c r="AR3017" s="92"/>
      <c r="AS3017" s="92"/>
      <c r="AT3017" s="92"/>
      <c r="AU3017" s="92"/>
      <c r="AV3017" s="92"/>
      <c r="AW3017" s="92"/>
      <c r="AX3017" s="92"/>
      <c r="AY3017" s="92"/>
      <c r="AZ3017" s="93"/>
      <c r="BA3017" s="93"/>
      <c r="BB3017" s="93"/>
      <c r="BC3017" s="93"/>
      <c r="BD3017" s="93"/>
      <c r="BE3017" s="93"/>
      <c r="BF3017" s="93"/>
      <c r="BG3017" s="93"/>
      <c r="BH3017" s="93"/>
      <c r="BI3017" s="93"/>
      <c r="BJ3017" s="93"/>
      <c r="BK3017" s="93"/>
      <c r="BL3017" s="93"/>
    </row>
    <row r="3018" spans="2:64" x14ac:dyDescent="0.2">
      <c r="B3018" s="43"/>
      <c r="C3018" s="73"/>
      <c r="D3018" s="64"/>
      <c r="E3018" s="55"/>
      <c r="F3018" s="74"/>
      <c r="G3018" s="74"/>
      <c r="H3018" s="74"/>
      <c r="I3018" s="75"/>
      <c r="J3018" s="74"/>
      <c r="L3018" s="55"/>
      <c r="M3018" s="234"/>
      <c r="N3018" s="65"/>
      <c r="O3018" s="76"/>
      <c r="P3018" s="76"/>
      <c r="Q3018" s="65"/>
      <c r="R3018" s="76"/>
      <c r="S3018" s="76"/>
      <c r="T3018" s="76"/>
      <c r="U3018" s="76"/>
      <c r="V3018" s="76"/>
      <c r="W3018" s="76"/>
      <c r="X3018" s="76"/>
      <c r="Y3018" s="76"/>
      <c r="Z3018" s="76"/>
      <c r="AA3018" s="85"/>
      <c r="AB3018" s="85"/>
      <c r="AC3018" s="85"/>
      <c r="AD3018" s="85"/>
      <c r="AE3018" s="85"/>
      <c r="AF3018" s="85"/>
      <c r="AG3018" s="86"/>
      <c r="AH3018" s="85"/>
      <c r="AI3018" s="85"/>
      <c r="AJ3018" s="85"/>
      <c r="AK3018" s="85"/>
      <c r="AL3018" s="85"/>
      <c r="AM3018" s="92"/>
      <c r="AN3018" s="92"/>
      <c r="AO3018" s="92"/>
      <c r="AP3018" s="92"/>
      <c r="AQ3018" s="92"/>
      <c r="AR3018" s="92"/>
      <c r="AS3018" s="92"/>
      <c r="AT3018" s="92"/>
      <c r="AU3018" s="92"/>
      <c r="AV3018" s="92"/>
      <c r="AW3018" s="92"/>
      <c r="AX3018" s="92"/>
      <c r="AY3018" s="92"/>
      <c r="AZ3018" s="93"/>
      <c r="BA3018" s="93"/>
      <c r="BB3018" s="93"/>
      <c r="BC3018" s="93"/>
      <c r="BD3018" s="93"/>
      <c r="BE3018" s="93"/>
      <c r="BF3018" s="93"/>
      <c r="BG3018" s="93"/>
      <c r="BH3018" s="93"/>
      <c r="BI3018" s="93"/>
      <c r="BJ3018" s="93"/>
      <c r="BK3018" s="93"/>
      <c r="BL3018" s="93"/>
    </row>
    <row r="3019" spans="2:64" x14ac:dyDescent="0.2">
      <c r="B3019" s="43"/>
      <c r="C3019" s="73"/>
      <c r="D3019" s="64"/>
      <c r="E3019" s="55"/>
      <c r="F3019" s="74"/>
      <c r="G3019" s="74"/>
      <c r="H3019" s="74"/>
      <c r="I3019" s="75"/>
      <c r="J3019" s="74"/>
      <c r="L3019" s="55"/>
      <c r="M3019" s="234"/>
      <c r="N3019" s="65"/>
      <c r="O3019" s="76"/>
      <c r="P3019" s="76"/>
      <c r="Q3019" s="65"/>
      <c r="R3019" s="76"/>
      <c r="S3019" s="76"/>
      <c r="T3019" s="76"/>
      <c r="U3019" s="76"/>
      <c r="V3019" s="76"/>
      <c r="W3019" s="76"/>
      <c r="X3019" s="76"/>
      <c r="Y3019" s="76"/>
      <c r="Z3019" s="76"/>
      <c r="AA3019" s="85"/>
      <c r="AB3019" s="85"/>
      <c r="AC3019" s="85"/>
      <c r="AD3019" s="85"/>
      <c r="AE3019" s="85"/>
      <c r="AF3019" s="85"/>
      <c r="AG3019" s="86"/>
      <c r="AH3019" s="85"/>
      <c r="AI3019" s="85"/>
      <c r="AJ3019" s="85"/>
      <c r="AK3019" s="85"/>
      <c r="AL3019" s="85"/>
      <c r="AM3019" s="92"/>
      <c r="AN3019" s="92"/>
      <c r="AO3019" s="92"/>
      <c r="AP3019" s="92"/>
      <c r="AQ3019" s="92"/>
      <c r="AR3019" s="92"/>
      <c r="AS3019" s="92"/>
      <c r="AT3019" s="92"/>
      <c r="AU3019" s="92"/>
      <c r="AV3019" s="92"/>
      <c r="AW3019" s="92"/>
      <c r="AX3019" s="92"/>
      <c r="AY3019" s="92"/>
      <c r="AZ3019" s="93"/>
      <c r="BA3019" s="93"/>
      <c r="BB3019" s="93"/>
      <c r="BC3019" s="93"/>
      <c r="BD3019" s="93"/>
      <c r="BE3019" s="93"/>
      <c r="BF3019" s="93"/>
      <c r="BG3019" s="93"/>
      <c r="BH3019" s="93"/>
      <c r="BI3019" s="93"/>
      <c r="BJ3019" s="93"/>
      <c r="BK3019" s="93"/>
      <c r="BL3019" s="93"/>
    </row>
    <row r="3020" spans="2:64" x14ac:dyDescent="0.2">
      <c r="B3020" s="43"/>
      <c r="C3020" s="73"/>
      <c r="D3020" s="64"/>
      <c r="E3020" s="55"/>
      <c r="F3020" s="74"/>
      <c r="G3020" s="74"/>
      <c r="H3020" s="74"/>
      <c r="I3020" s="75"/>
      <c r="J3020" s="74"/>
      <c r="L3020" s="55"/>
      <c r="M3020" s="234"/>
      <c r="N3020" s="65"/>
      <c r="O3020" s="76"/>
      <c r="P3020" s="76"/>
      <c r="Q3020" s="65"/>
      <c r="R3020" s="76"/>
      <c r="S3020" s="76"/>
      <c r="T3020" s="76"/>
      <c r="U3020" s="76"/>
      <c r="V3020" s="76"/>
      <c r="W3020" s="76"/>
      <c r="X3020" s="76"/>
      <c r="Y3020" s="76"/>
      <c r="Z3020" s="76"/>
      <c r="AA3020" s="85"/>
      <c r="AB3020" s="85"/>
      <c r="AC3020" s="85"/>
      <c r="AD3020" s="85"/>
      <c r="AE3020" s="85"/>
      <c r="AF3020" s="85"/>
      <c r="AG3020" s="86"/>
      <c r="AH3020" s="85"/>
      <c r="AI3020" s="85"/>
      <c r="AJ3020" s="85"/>
      <c r="AK3020" s="85"/>
      <c r="AL3020" s="85"/>
      <c r="AM3020" s="92"/>
      <c r="AN3020" s="92"/>
      <c r="AO3020" s="92"/>
      <c r="AP3020" s="92"/>
      <c r="AQ3020" s="92"/>
      <c r="AR3020" s="92"/>
      <c r="AS3020" s="92"/>
      <c r="AT3020" s="92"/>
      <c r="AU3020" s="92"/>
      <c r="AV3020" s="92"/>
      <c r="AW3020" s="92"/>
      <c r="AX3020" s="92"/>
      <c r="AY3020" s="92"/>
      <c r="AZ3020" s="93"/>
      <c r="BA3020" s="93"/>
      <c r="BB3020" s="93"/>
      <c r="BC3020" s="93"/>
      <c r="BD3020" s="93"/>
      <c r="BE3020" s="93"/>
      <c r="BF3020" s="93"/>
      <c r="BG3020" s="93"/>
      <c r="BH3020" s="93"/>
      <c r="BI3020" s="93"/>
      <c r="BJ3020" s="93"/>
      <c r="BK3020" s="93"/>
      <c r="BL3020" s="93"/>
    </row>
    <row r="3021" spans="2:64" x14ac:dyDescent="0.2">
      <c r="B3021" s="43"/>
      <c r="C3021" s="73"/>
      <c r="D3021" s="64"/>
      <c r="E3021" s="55"/>
      <c r="F3021" s="74"/>
      <c r="G3021" s="74"/>
      <c r="H3021" s="74"/>
      <c r="I3021" s="75"/>
      <c r="J3021" s="74"/>
      <c r="L3021" s="55"/>
      <c r="M3021" s="234"/>
      <c r="N3021" s="65"/>
      <c r="O3021" s="76"/>
      <c r="P3021" s="76"/>
      <c r="Q3021" s="65"/>
      <c r="R3021" s="76"/>
      <c r="S3021" s="76"/>
      <c r="T3021" s="76"/>
      <c r="U3021" s="76"/>
      <c r="V3021" s="76"/>
      <c r="W3021" s="76"/>
      <c r="X3021" s="76"/>
      <c r="Y3021" s="76"/>
      <c r="Z3021" s="76"/>
      <c r="AA3021" s="85"/>
      <c r="AB3021" s="85"/>
      <c r="AC3021" s="85"/>
      <c r="AD3021" s="85"/>
      <c r="AE3021" s="85"/>
      <c r="AF3021" s="85"/>
      <c r="AG3021" s="86"/>
      <c r="AH3021" s="85"/>
      <c r="AI3021" s="85"/>
      <c r="AJ3021" s="85"/>
      <c r="AK3021" s="85"/>
      <c r="AL3021" s="85"/>
      <c r="AM3021" s="92"/>
      <c r="AN3021" s="92"/>
      <c r="AO3021" s="92"/>
      <c r="AP3021" s="92"/>
      <c r="AQ3021" s="92"/>
      <c r="AR3021" s="92"/>
      <c r="AS3021" s="92"/>
      <c r="AT3021" s="92"/>
      <c r="AU3021" s="92"/>
      <c r="AV3021" s="92"/>
      <c r="AW3021" s="92"/>
      <c r="AX3021" s="92"/>
      <c r="AY3021" s="92"/>
      <c r="AZ3021" s="93"/>
      <c r="BA3021" s="93"/>
      <c r="BB3021" s="93"/>
      <c r="BC3021" s="93"/>
      <c r="BD3021" s="93"/>
      <c r="BE3021" s="93"/>
      <c r="BF3021" s="93"/>
      <c r="BG3021" s="93"/>
      <c r="BH3021" s="93"/>
      <c r="BI3021" s="93"/>
      <c r="BJ3021" s="93"/>
      <c r="BK3021" s="93"/>
      <c r="BL3021" s="93"/>
    </row>
    <row r="3022" spans="2:64" x14ac:dyDescent="0.2">
      <c r="B3022" s="43"/>
      <c r="C3022" s="73"/>
      <c r="D3022" s="64"/>
      <c r="E3022" s="55"/>
      <c r="F3022" s="74"/>
      <c r="G3022" s="74"/>
      <c r="H3022" s="74"/>
      <c r="I3022" s="75"/>
      <c r="J3022" s="74"/>
      <c r="L3022" s="55"/>
      <c r="M3022" s="234"/>
      <c r="N3022" s="65"/>
      <c r="O3022" s="76"/>
      <c r="P3022" s="76"/>
      <c r="Q3022" s="65"/>
      <c r="R3022" s="76"/>
      <c r="S3022" s="76"/>
      <c r="T3022" s="76"/>
      <c r="U3022" s="76"/>
      <c r="V3022" s="76"/>
      <c r="W3022" s="76"/>
      <c r="X3022" s="76"/>
      <c r="Y3022" s="76"/>
      <c r="Z3022" s="76"/>
      <c r="AA3022" s="85"/>
      <c r="AB3022" s="85"/>
      <c r="AC3022" s="85"/>
      <c r="AD3022" s="85"/>
      <c r="AE3022" s="85"/>
      <c r="AF3022" s="85"/>
      <c r="AG3022" s="86"/>
      <c r="AH3022" s="85"/>
      <c r="AI3022" s="85"/>
      <c r="AJ3022" s="85"/>
      <c r="AK3022" s="85"/>
      <c r="AL3022" s="85"/>
      <c r="AM3022" s="92"/>
      <c r="AN3022" s="92"/>
      <c r="AO3022" s="92"/>
      <c r="AP3022" s="92"/>
      <c r="AQ3022" s="92"/>
      <c r="AR3022" s="92"/>
      <c r="AS3022" s="92"/>
      <c r="AT3022" s="92"/>
      <c r="AU3022" s="92"/>
      <c r="AV3022" s="92"/>
      <c r="AW3022" s="92"/>
      <c r="AX3022" s="92"/>
      <c r="AY3022" s="92"/>
      <c r="AZ3022" s="93"/>
      <c r="BA3022" s="93"/>
      <c r="BB3022" s="93"/>
      <c r="BC3022" s="93"/>
      <c r="BD3022" s="93"/>
      <c r="BE3022" s="93"/>
      <c r="BF3022" s="93"/>
      <c r="BG3022" s="93"/>
      <c r="BH3022" s="93"/>
      <c r="BI3022" s="93"/>
      <c r="BJ3022" s="93"/>
      <c r="BK3022" s="93"/>
      <c r="BL3022" s="93"/>
    </row>
    <row r="3023" spans="2:64" x14ac:dyDescent="0.2">
      <c r="B3023" s="43"/>
      <c r="C3023" s="73"/>
      <c r="D3023" s="64"/>
      <c r="E3023" s="55"/>
      <c r="F3023" s="74"/>
      <c r="G3023" s="74"/>
      <c r="H3023" s="74"/>
      <c r="I3023" s="75"/>
      <c r="J3023" s="74"/>
      <c r="L3023" s="55"/>
      <c r="M3023" s="234"/>
      <c r="N3023" s="65"/>
      <c r="O3023" s="76"/>
      <c r="P3023" s="76"/>
      <c r="Q3023" s="65"/>
      <c r="R3023" s="76"/>
      <c r="S3023" s="76"/>
      <c r="T3023" s="76"/>
      <c r="U3023" s="76"/>
      <c r="V3023" s="76"/>
      <c r="W3023" s="76"/>
      <c r="X3023" s="76"/>
      <c r="Y3023" s="76"/>
      <c r="Z3023" s="76"/>
      <c r="AA3023" s="85"/>
      <c r="AB3023" s="85"/>
      <c r="AC3023" s="85"/>
      <c r="AD3023" s="85"/>
      <c r="AE3023" s="85"/>
      <c r="AF3023" s="85"/>
      <c r="AG3023" s="86"/>
      <c r="AH3023" s="85"/>
      <c r="AI3023" s="85"/>
      <c r="AJ3023" s="85"/>
      <c r="AK3023" s="85"/>
      <c r="AL3023" s="85"/>
      <c r="AM3023" s="92"/>
      <c r="AN3023" s="92"/>
      <c r="AO3023" s="92"/>
      <c r="AP3023" s="92"/>
      <c r="AQ3023" s="92"/>
      <c r="AR3023" s="92"/>
      <c r="AS3023" s="92"/>
      <c r="AT3023" s="92"/>
      <c r="AU3023" s="92"/>
      <c r="AV3023" s="92"/>
      <c r="AW3023" s="92"/>
      <c r="AX3023" s="92"/>
      <c r="AY3023" s="92"/>
      <c r="AZ3023" s="93"/>
      <c r="BA3023" s="93"/>
      <c r="BB3023" s="93"/>
      <c r="BC3023" s="93"/>
      <c r="BD3023" s="93"/>
      <c r="BE3023" s="93"/>
      <c r="BF3023" s="93"/>
      <c r="BG3023" s="93"/>
      <c r="BH3023" s="93"/>
      <c r="BI3023" s="93"/>
      <c r="BJ3023" s="93"/>
      <c r="BK3023" s="93"/>
      <c r="BL3023" s="93"/>
    </row>
    <row r="3024" spans="2:64" x14ac:dyDescent="0.2">
      <c r="B3024" s="43"/>
      <c r="C3024" s="73"/>
      <c r="D3024" s="64"/>
      <c r="E3024" s="55"/>
      <c r="F3024" s="74"/>
      <c r="G3024" s="74"/>
      <c r="H3024" s="74"/>
      <c r="I3024" s="75"/>
      <c r="J3024" s="74"/>
      <c r="L3024" s="55"/>
      <c r="M3024" s="234"/>
      <c r="N3024" s="65"/>
      <c r="O3024" s="76"/>
      <c r="P3024" s="76"/>
      <c r="Q3024" s="65"/>
      <c r="R3024" s="76"/>
      <c r="S3024" s="76"/>
      <c r="T3024" s="76"/>
      <c r="U3024" s="76"/>
      <c r="V3024" s="76"/>
      <c r="W3024" s="76"/>
      <c r="X3024" s="76"/>
      <c r="Y3024" s="76"/>
      <c r="Z3024" s="76"/>
      <c r="AA3024" s="85"/>
      <c r="AB3024" s="85"/>
      <c r="AC3024" s="85"/>
      <c r="AD3024" s="85"/>
      <c r="AE3024" s="85"/>
      <c r="AF3024" s="85"/>
      <c r="AG3024" s="86"/>
      <c r="AH3024" s="85"/>
      <c r="AI3024" s="85"/>
      <c r="AJ3024" s="85"/>
      <c r="AK3024" s="85"/>
      <c r="AL3024" s="85"/>
      <c r="AM3024" s="92"/>
      <c r="AN3024" s="92"/>
      <c r="AO3024" s="92"/>
      <c r="AP3024" s="92"/>
      <c r="AQ3024" s="92"/>
      <c r="AR3024" s="92"/>
      <c r="AS3024" s="92"/>
      <c r="AT3024" s="92"/>
      <c r="AU3024" s="92"/>
      <c r="AV3024" s="92"/>
      <c r="AW3024" s="92"/>
      <c r="AX3024" s="92"/>
      <c r="AY3024" s="92"/>
      <c r="AZ3024" s="93"/>
      <c r="BA3024" s="93"/>
      <c r="BB3024" s="93"/>
      <c r="BC3024" s="93"/>
      <c r="BD3024" s="93"/>
      <c r="BE3024" s="93"/>
      <c r="BF3024" s="93"/>
      <c r="BG3024" s="93"/>
      <c r="BH3024" s="93"/>
      <c r="BI3024" s="93"/>
      <c r="BJ3024" s="93"/>
      <c r="BK3024" s="93"/>
      <c r="BL3024" s="93"/>
    </row>
    <row r="3025" spans="2:64" x14ac:dyDescent="0.2">
      <c r="B3025" s="43"/>
      <c r="C3025" s="73"/>
      <c r="D3025" s="64"/>
      <c r="E3025" s="55"/>
      <c r="F3025" s="74"/>
      <c r="G3025" s="74"/>
      <c r="H3025" s="74"/>
      <c r="I3025" s="75"/>
      <c r="J3025" s="74"/>
      <c r="L3025" s="55"/>
      <c r="M3025" s="234"/>
      <c r="N3025" s="65"/>
      <c r="O3025" s="76"/>
      <c r="P3025" s="76"/>
      <c r="Q3025" s="65"/>
      <c r="R3025" s="76"/>
      <c r="S3025" s="76"/>
      <c r="T3025" s="76"/>
      <c r="U3025" s="76"/>
      <c r="V3025" s="76"/>
      <c r="W3025" s="76"/>
      <c r="X3025" s="76"/>
      <c r="Y3025" s="76"/>
      <c r="Z3025" s="76"/>
      <c r="AA3025" s="85"/>
      <c r="AB3025" s="85"/>
      <c r="AC3025" s="85"/>
      <c r="AD3025" s="85"/>
      <c r="AE3025" s="85"/>
      <c r="AF3025" s="85"/>
      <c r="AG3025" s="86"/>
      <c r="AH3025" s="85"/>
      <c r="AI3025" s="85"/>
      <c r="AJ3025" s="85"/>
      <c r="AK3025" s="85"/>
      <c r="AL3025" s="85"/>
      <c r="AM3025" s="92"/>
      <c r="AN3025" s="92"/>
      <c r="AO3025" s="92"/>
      <c r="AP3025" s="92"/>
      <c r="AQ3025" s="92"/>
      <c r="AR3025" s="92"/>
      <c r="AS3025" s="92"/>
      <c r="AT3025" s="92"/>
      <c r="AU3025" s="92"/>
      <c r="AV3025" s="92"/>
      <c r="AW3025" s="92"/>
      <c r="AX3025" s="92"/>
      <c r="AY3025" s="92"/>
      <c r="AZ3025" s="93"/>
      <c r="BA3025" s="93"/>
      <c r="BB3025" s="93"/>
      <c r="BC3025" s="93"/>
      <c r="BD3025" s="93"/>
      <c r="BE3025" s="93"/>
      <c r="BF3025" s="93"/>
      <c r="BG3025" s="93"/>
      <c r="BH3025" s="93"/>
      <c r="BI3025" s="93"/>
      <c r="BJ3025" s="93"/>
      <c r="BK3025" s="93"/>
      <c r="BL3025" s="93"/>
    </row>
    <row r="3026" spans="2:64" x14ac:dyDescent="0.2">
      <c r="B3026" s="43"/>
      <c r="C3026" s="73"/>
      <c r="D3026" s="64"/>
      <c r="E3026" s="55"/>
      <c r="F3026" s="74"/>
      <c r="G3026" s="74"/>
      <c r="H3026" s="74"/>
      <c r="I3026" s="75"/>
      <c r="J3026" s="74"/>
      <c r="L3026" s="55"/>
      <c r="M3026" s="234"/>
      <c r="N3026" s="65"/>
      <c r="O3026" s="76"/>
      <c r="P3026" s="76"/>
      <c r="Q3026" s="65"/>
      <c r="R3026" s="76"/>
      <c r="S3026" s="76"/>
      <c r="T3026" s="76"/>
      <c r="U3026" s="76"/>
      <c r="V3026" s="76"/>
      <c r="W3026" s="76"/>
      <c r="X3026" s="76"/>
      <c r="Y3026" s="76"/>
      <c r="Z3026" s="76"/>
      <c r="AA3026" s="85"/>
      <c r="AB3026" s="85"/>
      <c r="AC3026" s="85"/>
      <c r="AD3026" s="85"/>
      <c r="AE3026" s="85"/>
      <c r="AF3026" s="85"/>
      <c r="AG3026" s="86"/>
      <c r="AH3026" s="85"/>
      <c r="AI3026" s="85"/>
      <c r="AJ3026" s="85"/>
      <c r="AK3026" s="85"/>
      <c r="AL3026" s="85"/>
      <c r="AM3026" s="92"/>
      <c r="AN3026" s="92"/>
      <c r="AO3026" s="92"/>
      <c r="AP3026" s="92"/>
      <c r="AQ3026" s="92"/>
      <c r="AR3026" s="92"/>
      <c r="AS3026" s="92"/>
      <c r="AT3026" s="92"/>
      <c r="AU3026" s="92"/>
      <c r="AV3026" s="92"/>
      <c r="AW3026" s="92"/>
      <c r="AX3026" s="92"/>
      <c r="AY3026" s="92"/>
      <c r="AZ3026" s="93"/>
      <c r="BA3026" s="93"/>
      <c r="BB3026" s="93"/>
      <c r="BC3026" s="93"/>
      <c r="BD3026" s="93"/>
      <c r="BE3026" s="93"/>
      <c r="BF3026" s="93"/>
      <c r="BG3026" s="93"/>
      <c r="BH3026" s="93"/>
      <c r="BI3026" s="93"/>
      <c r="BJ3026" s="93"/>
      <c r="BK3026" s="93"/>
      <c r="BL3026" s="93"/>
    </row>
    <row r="3027" spans="2:64" x14ac:dyDescent="0.2">
      <c r="B3027" s="43"/>
      <c r="C3027" s="73"/>
      <c r="D3027" s="64"/>
      <c r="E3027" s="55"/>
      <c r="F3027" s="74"/>
      <c r="G3027" s="74"/>
      <c r="H3027" s="74"/>
      <c r="I3027" s="75"/>
      <c r="J3027" s="74"/>
      <c r="L3027" s="55"/>
      <c r="M3027" s="234"/>
      <c r="N3027" s="65"/>
      <c r="O3027" s="76"/>
      <c r="P3027" s="76"/>
      <c r="Q3027" s="65"/>
      <c r="R3027" s="76"/>
      <c r="S3027" s="76"/>
      <c r="T3027" s="76"/>
      <c r="U3027" s="76"/>
      <c r="V3027" s="76"/>
      <c r="W3027" s="76"/>
      <c r="X3027" s="76"/>
      <c r="Y3027" s="76"/>
      <c r="Z3027" s="76"/>
      <c r="AA3027" s="85"/>
      <c r="AB3027" s="85"/>
      <c r="AC3027" s="85"/>
      <c r="AD3027" s="85"/>
      <c r="AE3027" s="85"/>
      <c r="AF3027" s="85"/>
      <c r="AG3027" s="86"/>
      <c r="AH3027" s="85"/>
      <c r="AI3027" s="85"/>
      <c r="AJ3027" s="85"/>
      <c r="AK3027" s="85"/>
      <c r="AL3027" s="85"/>
      <c r="AM3027" s="92"/>
      <c r="AN3027" s="92"/>
      <c r="AO3027" s="92"/>
      <c r="AP3027" s="92"/>
      <c r="AQ3027" s="92"/>
      <c r="AR3027" s="92"/>
      <c r="AS3027" s="92"/>
      <c r="AT3027" s="92"/>
      <c r="AU3027" s="92"/>
      <c r="AV3027" s="92"/>
      <c r="AW3027" s="92"/>
      <c r="AX3027" s="92"/>
      <c r="AY3027" s="92"/>
      <c r="AZ3027" s="93"/>
      <c r="BA3027" s="93"/>
      <c r="BB3027" s="93"/>
      <c r="BC3027" s="93"/>
      <c r="BD3027" s="93"/>
      <c r="BE3027" s="93"/>
      <c r="BF3027" s="93"/>
      <c r="BG3027" s="93"/>
      <c r="BH3027" s="93"/>
      <c r="BI3027" s="93"/>
      <c r="BJ3027" s="93"/>
      <c r="BK3027" s="93"/>
      <c r="BL3027" s="93"/>
    </row>
    <row r="3028" spans="2:64" x14ac:dyDescent="0.2">
      <c r="B3028" s="43"/>
      <c r="C3028" s="73"/>
      <c r="D3028" s="64"/>
      <c r="E3028" s="55"/>
      <c r="F3028" s="74"/>
      <c r="G3028" s="74"/>
      <c r="H3028" s="74"/>
      <c r="I3028" s="75"/>
      <c r="J3028" s="74"/>
      <c r="L3028" s="55"/>
      <c r="M3028" s="234"/>
      <c r="N3028" s="65"/>
      <c r="O3028" s="76"/>
      <c r="P3028" s="76"/>
      <c r="Q3028" s="65"/>
      <c r="R3028" s="76"/>
      <c r="S3028" s="76"/>
      <c r="T3028" s="76"/>
      <c r="U3028" s="76"/>
      <c r="V3028" s="76"/>
      <c r="W3028" s="76"/>
      <c r="X3028" s="76"/>
      <c r="Y3028" s="76"/>
      <c r="Z3028" s="76"/>
      <c r="AA3028" s="85"/>
      <c r="AB3028" s="85"/>
      <c r="AC3028" s="85"/>
      <c r="AD3028" s="85"/>
      <c r="AE3028" s="85"/>
      <c r="AF3028" s="85"/>
      <c r="AG3028" s="86"/>
      <c r="AH3028" s="85"/>
      <c r="AI3028" s="85"/>
      <c r="AJ3028" s="85"/>
      <c r="AK3028" s="85"/>
      <c r="AL3028" s="85"/>
      <c r="AM3028" s="92"/>
      <c r="AN3028" s="92"/>
      <c r="AO3028" s="92"/>
      <c r="AP3028" s="92"/>
      <c r="AQ3028" s="92"/>
      <c r="AR3028" s="92"/>
      <c r="AS3028" s="92"/>
      <c r="AT3028" s="92"/>
      <c r="AU3028" s="92"/>
      <c r="AV3028" s="92"/>
      <c r="AW3028" s="92"/>
      <c r="AX3028" s="92"/>
      <c r="AY3028" s="92"/>
      <c r="AZ3028" s="93"/>
      <c r="BA3028" s="93"/>
      <c r="BB3028" s="93"/>
      <c r="BC3028" s="93"/>
      <c r="BD3028" s="93"/>
      <c r="BE3028" s="93"/>
      <c r="BF3028" s="93"/>
      <c r="BG3028" s="93"/>
      <c r="BH3028" s="93"/>
      <c r="BI3028" s="93"/>
      <c r="BJ3028" s="93"/>
      <c r="BK3028" s="93"/>
      <c r="BL3028" s="93"/>
    </row>
    <row r="3029" spans="2:64" x14ac:dyDescent="0.2">
      <c r="B3029" s="43"/>
      <c r="C3029" s="73"/>
      <c r="D3029" s="64"/>
      <c r="E3029" s="55"/>
      <c r="F3029" s="74"/>
      <c r="G3029" s="74"/>
      <c r="H3029" s="74"/>
      <c r="I3029" s="75"/>
      <c r="J3029" s="74"/>
      <c r="L3029" s="55"/>
      <c r="M3029" s="234"/>
      <c r="N3029" s="65"/>
      <c r="O3029" s="76"/>
      <c r="P3029" s="76"/>
      <c r="Q3029" s="65"/>
      <c r="R3029" s="76"/>
      <c r="S3029" s="76"/>
      <c r="T3029" s="76"/>
      <c r="U3029" s="76"/>
      <c r="V3029" s="76"/>
      <c r="W3029" s="76"/>
      <c r="X3029" s="76"/>
      <c r="Y3029" s="76"/>
      <c r="Z3029" s="76"/>
      <c r="AA3029" s="85"/>
      <c r="AB3029" s="85"/>
      <c r="AC3029" s="85"/>
      <c r="AD3029" s="85"/>
      <c r="AE3029" s="85"/>
      <c r="AF3029" s="85"/>
      <c r="AG3029" s="86"/>
      <c r="AH3029" s="85"/>
      <c r="AI3029" s="85"/>
      <c r="AJ3029" s="85"/>
      <c r="AK3029" s="85"/>
      <c r="AL3029" s="85"/>
      <c r="AM3029" s="92"/>
      <c r="AN3029" s="92"/>
      <c r="AO3029" s="92"/>
      <c r="AP3029" s="92"/>
      <c r="AQ3029" s="92"/>
      <c r="AR3029" s="92"/>
      <c r="AS3029" s="92"/>
      <c r="AT3029" s="92"/>
      <c r="AU3029" s="92"/>
      <c r="AV3029" s="92"/>
      <c r="AW3029" s="92"/>
      <c r="AX3029" s="92"/>
      <c r="AY3029" s="92"/>
      <c r="AZ3029" s="93"/>
      <c r="BA3029" s="93"/>
      <c r="BB3029" s="93"/>
      <c r="BC3029" s="93"/>
      <c r="BD3029" s="93"/>
      <c r="BE3029" s="93"/>
      <c r="BF3029" s="93"/>
      <c r="BG3029" s="93"/>
      <c r="BH3029" s="93"/>
      <c r="BI3029" s="93"/>
      <c r="BJ3029" s="93"/>
      <c r="BK3029" s="93"/>
      <c r="BL3029" s="93"/>
    </row>
    <row r="3030" spans="2:64" x14ac:dyDescent="0.2">
      <c r="B3030" s="43"/>
      <c r="C3030" s="73"/>
      <c r="D3030" s="64"/>
      <c r="E3030" s="55"/>
      <c r="F3030" s="74"/>
      <c r="G3030" s="74"/>
      <c r="H3030" s="74"/>
      <c r="I3030" s="75"/>
      <c r="J3030" s="74"/>
      <c r="L3030" s="55"/>
      <c r="M3030" s="234"/>
      <c r="N3030" s="65"/>
      <c r="O3030" s="76"/>
      <c r="P3030" s="76"/>
      <c r="Q3030" s="65"/>
      <c r="R3030" s="76"/>
      <c r="S3030" s="76"/>
      <c r="T3030" s="76"/>
      <c r="U3030" s="76"/>
      <c r="V3030" s="76"/>
      <c r="W3030" s="76"/>
      <c r="X3030" s="76"/>
      <c r="Y3030" s="76"/>
      <c r="Z3030" s="76"/>
      <c r="AA3030" s="85"/>
      <c r="AB3030" s="85"/>
      <c r="AC3030" s="85"/>
      <c r="AD3030" s="85"/>
      <c r="AE3030" s="85"/>
      <c r="AF3030" s="85"/>
      <c r="AG3030" s="86"/>
      <c r="AH3030" s="85"/>
      <c r="AI3030" s="85"/>
      <c r="AJ3030" s="85"/>
      <c r="AK3030" s="85"/>
      <c r="AL3030" s="85"/>
      <c r="AM3030" s="92"/>
      <c r="AN3030" s="92"/>
      <c r="AO3030" s="92"/>
      <c r="AP3030" s="92"/>
      <c r="AQ3030" s="92"/>
      <c r="AR3030" s="92"/>
      <c r="AS3030" s="92"/>
      <c r="AT3030" s="92"/>
      <c r="AU3030" s="92"/>
      <c r="AV3030" s="92"/>
      <c r="AW3030" s="92"/>
      <c r="AX3030" s="92"/>
      <c r="AY3030" s="92"/>
      <c r="AZ3030" s="93"/>
      <c r="BA3030" s="93"/>
      <c r="BB3030" s="93"/>
      <c r="BC3030" s="93"/>
      <c r="BD3030" s="93"/>
      <c r="BE3030" s="93"/>
      <c r="BF3030" s="93"/>
      <c r="BG3030" s="93"/>
      <c r="BH3030" s="93"/>
      <c r="BI3030" s="93"/>
      <c r="BJ3030" s="93"/>
      <c r="BK3030" s="93"/>
      <c r="BL3030" s="93"/>
    </row>
    <row r="3031" spans="2:64" x14ac:dyDescent="0.2">
      <c r="B3031" s="43"/>
      <c r="C3031" s="73"/>
      <c r="D3031" s="64"/>
      <c r="E3031" s="55"/>
      <c r="F3031" s="74"/>
      <c r="G3031" s="74"/>
      <c r="H3031" s="74"/>
      <c r="I3031" s="75"/>
      <c r="J3031" s="74"/>
      <c r="L3031" s="55"/>
      <c r="M3031" s="234"/>
      <c r="N3031" s="65"/>
      <c r="O3031" s="76"/>
      <c r="P3031" s="76"/>
      <c r="Q3031" s="65"/>
      <c r="R3031" s="76"/>
      <c r="S3031" s="76"/>
      <c r="T3031" s="76"/>
      <c r="U3031" s="76"/>
      <c r="V3031" s="76"/>
      <c r="W3031" s="76"/>
      <c r="X3031" s="76"/>
      <c r="Y3031" s="76"/>
      <c r="Z3031" s="76"/>
      <c r="AA3031" s="85"/>
      <c r="AB3031" s="85"/>
      <c r="AC3031" s="85"/>
      <c r="AD3031" s="85"/>
      <c r="AE3031" s="85"/>
      <c r="AF3031" s="85"/>
      <c r="AG3031" s="86"/>
      <c r="AH3031" s="85"/>
      <c r="AI3031" s="85"/>
      <c r="AJ3031" s="85"/>
      <c r="AK3031" s="85"/>
      <c r="AL3031" s="85"/>
      <c r="AM3031" s="92"/>
      <c r="AN3031" s="92"/>
      <c r="AO3031" s="92"/>
      <c r="AP3031" s="92"/>
      <c r="AQ3031" s="92"/>
      <c r="AR3031" s="92"/>
      <c r="AS3031" s="92"/>
      <c r="AT3031" s="92"/>
      <c r="AU3031" s="92"/>
      <c r="AV3031" s="92"/>
      <c r="AW3031" s="92"/>
      <c r="AX3031" s="92"/>
      <c r="AY3031" s="92"/>
      <c r="AZ3031" s="93"/>
      <c r="BA3031" s="93"/>
      <c r="BB3031" s="93"/>
      <c r="BC3031" s="93"/>
      <c r="BD3031" s="93"/>
      <c r="BE3031" s="93"/>
      <c r="BF3031" s="93"/>
      <c r="BG3031" s="93"/>
      <c r="BH3031" s="93"/>
      <c r="BI3031" s="93"/>
      <c r="BJ3031" s="93"/>
      <c r="BK3031" s="93"/>
      <c r="BL3031" s="93"/>
    </row>
    <row r="3032" spans="2:64" x14ac:dyDescent="0.2">
      <c r="B3032" s="43"/>
      <c r="C3032" s="73"/>
      <c r="D3032" s="64"/>
      <c r="E3032" s="55"/>
      <c r="F3032" s="74"/>
      <c r="G3032" s="74"/>
      <c r="H3032" s="74"/>
      <c r="I3032" s="75"/>
      <c r="J3032" s="74"/>
      <c r="L3032" s="55"/>
      <c r="M3032" s="234"/>
      <c r="N3032" s="65"/>
      <c r="O3032" s="76"/>
      <c r="P3032" s="76"/>
      <c r="Q3032" s="65"/>
      <c r="R3032" s="76"/>
      <c r="S3032" s="76"/>
      <c r="T3032" s="76"/>
      <c r="U3032" s="76"/>
      <c r="V3032" s="76"/>
      <c r="W3032" s="76"/>
      <c r="X3032" s="76"/>
      <c r="Y3032" s="76"/>
      <c r="Z3032" s="76"/>
      <c r="AA3032" s="85"/>
      <c r="AB3032" s="85"/>
      <c r="AC3032" s="85"/>
      <c r="AD3032" s="85"/>
      <c r="AE3032" s="85"/>
      <c r="AF3032" s="85"/>
      <c r="AG3032" s="86"/>
      <c r="AH3032" s="85"/>
      <c r="AI3032" s="85"/>
      <c r="AJ3032" s="85"/>
      <c r="AK3032" s="85"/>
      <c r="AL3032" s="85"/>
      <c r="AM3032" s="92"/>
      <c r="AN3032" s="92"/>
      <c r="AO3032" s="92"/>
      <c r="AP3032" s="92"/>
      <c r="AQ3032" s="92"/>
      <c r="AR3032" s="92"/>
      <c r="AS3032" s="92"/>
      <c r="AT3032" s="92"/>
      <c r="AU3032" s="92"/>
      <c r="AV3032" s="92"/>
      <c r="AW3032" s="92"/>
      <c r="AX3032" s="92"/>
      <c r="AY3032" s="92"/>
      <c r="AZ3032" s="93"/>
      <c r="BA3032" s="93"/>
      <c r="BB3032" s="93"/>
      <c r="BC3032" s="93"/>
      <c r="BD3032" s="93"/>
      <c r="BE3032" s="93"/>
      <c r="BF3032" s="93"/>
      <c r="BG3032" s="93"/>
      <c r="BH3032" s="93"/>
      <c r="BI3032" s="93"/>
      <c r="BJ3032" s="93"/>
      <c r="BK3032" s="93"/>
      <c r="BL3032" s="93"/>
    </row>
    <row r="3033" spans="2:64" x14ac:dyDescent="0.2">
      <c r="B3033" s="43"/>
      <c r="C3033" s="73"/>
      <c r="D3033" s="64"/>
      <c r="E3033" s="55"/>
      <c r="F3033" s="74"/>
      <c r="G3033" s="74"/>
      <c r="H3033" s="74"/>
      <c r="I3033" s="75"/>
      <c r="J3033" s="74"/>
      <c r="L3033" s="55"/>
      <c r="M3033" s="234"/>
      <c r="N3033" s="65"/>
      <c r="O3033" s="76"/>
      <c r="P3033" s="76"/>
      <c r="Q3033" s="65"/>
      <c r="R3033" s="76"/>
      <c r="S3033" s="76"/>
      <c r="T3033" s="76"/>
      <c r="U3033" s="76"/>
      <c r="V3033" s="76"/>
      <c r="W3033" s="76"/>
      <c r="X3033" s="76"/>
      <c r="Y3033" s="76"/>
      <c r="Z3033" s="76"/>
      <c r="AA3033" s="85"/>
      <c r="AB3033" s="85"/>
      <c r="AC3033" s="85"/>
      <c r="AD3033" s="85"/>
      <c r="AE3033" s="85"/>
      <c r="AF3033" s="85"/>
      <c r="AG3033" s="86"/>
      <c r="AH3033" s="85"/>
      <c r="AI3033" s="85"/>
      <c r="AJ3033" s="85"/>
      <c r="AK3033" s="85"/>
      <c r="AL3033" s="85"/>
      <c r="AM3033" s="92"/>
      <c r="AN3033" s="92"/>
      <c r="AO3033" s="92"/>
      <c r="AP3033" s="92"/>
      <c r="AQ3033" s="92"/>
      <c r="AR3033" s="92"/>
      <c r="AS3033" s="92"/>
      <c r="AT3033" s="92"/>
      <c r="AU3033" s="92"/>
      <c r="AV3033" s="92"/>
      <c r="AW3033" s="92"/>
      <c r="AX3033" s="92"/>
      <c r="AY3033" s="92"/>
      <c r="AZ3033" s="93"/>
      <c r="BA3033" s="93"/>
      <c r="BB3033" s="93"/>
      <c r="BC3033" s="93"/>
      <c r="BD3033" s="93"/>
      <c r="BE3033" s="93"/>
      <c r="BF3033" s="93"/>
      <c r="BG3033" s="93"/>
      <c r="BH3033" s="93"/>
      <c r="BI3033" s="93"/>
      <c r="BJ3033" s="93"/>
      <c r="BK3033" s="93"/>
      <c r="BL3033" s="93"/>
    </row>
    <row r="3034" spans="2:64" x14ac:dyDescent="0.2">
      <c r="B3034" s="43"/>
      <c r="C3034" s="73"/>
      <c r="D3034" s="64"/>
      <c r="E3034" s="55"/>
      <c r="F3034" s="74"/>
      <c r="G3034" s="74"/>
      <c r="H3034" s="74"/>
      <c r="I3034" s="75"/>
      <c r="J3034" s="74"/>
      <c r="L3034" s="55"/>
      <c r="M3034" s="234"/>
      <c r="N3034" s="65"/>
      <c r="O3034" s="76"/>
      <c r="P3034" s="76"/>
      <c r="Q3034" s="65"/>
      <c r="R3034" s="76"/>
      <c r="S3034" s="76"/>
      <c r="T3034" s="76"/>
      <c r="U3034" s="76"/>
      <c r="V3034" s="76"/>
      <c r="W3034" s="76"/>
      <c r="X3034" s="76"/>
      <c r="Y3034" s="76"/>
      <c r="Z3034" s="76"/>
      <c r="AA3034" s="85"/>
      <c r="AB3034" s="85"/>
      <c r="AC3034" s="85"/>
      <c r="AD3034" s="85"/>
      <c r="AE3034" s="85"/>
      <c r="AF3034" s="85"/>
      <c r="AG3034" s="86"/>
      <c r="AH3034" s="85"/>
      <c r="AI3034" s="85"/>
      <c r="AJ3034" s="85"/>
      <c r="AK3034" s="85"/>
      <c r="AL3034" s="85"/>
      <c r="AM3034" s="92"/>
      <c r="AN3034" s="92"/>
      <c r="AO3034" s="92"/>
      <c r="AP3034" s="92"/>
      <c r="AQ3034" s="92"/>
      <c r="AR3034" s="92"/>
      <c r="AS3034" s="92"/>
      <c r="AT3034" s="92"/>
      <c r="AU3034" s="92"/>
      <c r="AV3034" s="92"/>
      <c r="AW3034" s="92"/>
      <c r="AX3034" s="92"/>
      <c r="AY3034" s="92"/>
      <c r="AZ3034" s="93"/>
      <c r="BA3034" s="93"/>
      <c r="BB3034" s="93"/>
      <c r="BC3034" s="93"/>
      <c r="BD3034" s="93"/>
      <c r="BE3034" s="93"/>
      <c r="BF3034" s="93"/>
      <c r="BG3034" s="93"/>
      <c r="BH3034" s="93"/>
      <c r="BI3034" s="93"/>
      <c r="BJ3034" s="93"/>
      <c r="BK3034" s="93"/>
      <c r="BL3034" s="93"/>
    </row>
    <row r="3035" spans="2:64" x14ac:dyDescent="0.2">
      <c r="B3035" s="43"/>
      <c r="C3035" s="73"/>
      <c r="D3035" s="64"/>
      <c r="E3035" s="55"/>
      <c r="F3035" s="74"/>
      <c r="G3035" s="74"/>
      <c r="H3035" s="74"/>
      <c r="I3035" s="75"/>
      <c r="J3035" s="74"/>
      <c r="L3035" s="55"/>
      <c r="M3035" s="234"/>
      <c r="N3035" s="65"/>
      <c r="O3035" s="76"/>
      <c r="P3035" s="76"/>
      <c r="Q3035" s="65"/>
      <c r="R3035" s="76"/>
      <c r="S3035" s="76"/>
      <c r="T3035" s="76"/>
      <c r="U3035" s="76"/>
      <c r="V3035" s="76"/>
      <c r="W3035" s="76"/>
      <c r="X3035" s="76"/>
      <c r="Y3035" s="76"/>
      <c r="Z3035" s="76"/>
      <c r="AA3035" s="85"/>
      <c r="AB3035" s="85"/>
      <c r="AC3035" s="85"/>
      <c r="AD3035" s="85"/>
      <c r="AE3035" s="85"/>
      <c r="AF3035" s="85"/>
      <c r="AG3035" s="86"/>
      <c r="AH3035" s="85"/>
      <c r="AI3035" s="85"/>
      <c r="AJ3035" s="85"/>
      <c r="AK3035" s="85"/>
      <c r="AL3035" s="85"/>
      <c r="AM3035" s="92"/>
      <c r="AN3035" s="92"/>
      <c r="AO3035" s="92"/>
      <c r="AP3035" s="92"/>
      <c r="AQ3035" s="92"/>
      <c r="AR3035" s="92"/>
      <c r="AS3035" s="92"/>
      <c r="AT3035" s="92"/>
      <c r="AU3035" s="92"/>
      <c r="AV3035" s="92"/>
      <c r="AW3035" s="92"/>
      <c r="AX3035" s="92"/>
      <c r="AY3035" s="92"/>
      <c r="AZ3035" s="93"/>
      <c r="BA3035" s="93"/>
      <c r="BB3035" s="93"/>
      <c r="BC3035" s="93"/>
      <c r="BD3035" s="93"/>
      <c r="BE3035" s="93"/>
      <c r="BF3035" s="93"/>
      <c r="BG3035" s="93"/>
      <c r="BH3035" s="93"/>
      <c r="BI3035" s="93"/>
      <c r="BJ3035" s="93"/>
      <c r="BK3035" s="93"/>
      <c r="BL3035" s="93"/>
    </row>
    <row r="3036" spans="2:64" x14ac:dyDescent="0.2">
      <c r="B3036" s="43"/>
      <c r="C3036" s="73"/>
      <c r="D3036" s="64"/>
      <c r="E3036" s="55"/>
      <c r="F3036" s="74"/>
      <c r="G3036" s="74"/>
      <c r="H3036" s="74"/>
      <c r="I3036" s="75"/>
      <c r="J3036" s="74"/>
      <c r="L3036" s="55"/>
      <c r="M3036" s="234"/>
      <c r="N3036" s="65"/>
      <c r="O3036" s="76"/>
      <c r="P3036" s="76"/>
      <c r="Q3036" s="65"/>
      <c r="R3036" s="76"/>
      <c r="S3036" s="76"/>
      <c r="T3036" s="76"/>
      <c r="U3036" s="76"/>
      <c r="V3036" s="76"/>
      <c r="W3036" s="76"/>
      <c r="X3036" s="76"/>
      <c r="Y3036" s="76"/>
      <c r="Z3036" s="76"/>
      <c r="AA3036" s="85"/>
      <c r="AB3036" s="85"/>
      <c r="AC3036" s="85"/>
      <c r="AD3036" s="85"/>
      <c r="AE3036" s="85"/>
      <c r="AF3036" s="85"/>
      <c r="AG3036" s="86"/>
      <c r="AH3036" s="85"/>
      <c r="AI3036" s="85"/>
      <c r="AJ3036" s="85"/>
      <c r="AK3036" s="85"/>
      <c r="AL3036" s="85"/>
      <c r="AM3036" s="92"/>
      <c r="AN3036" s="92"/>
      <c r="AO3036" s="92"/>
      <c r="AP3036" s="92"/>
      <c r="AQ3036" s="92"/>
      <c r="AR3036" s="92"/>
      <c r="AS3036" s="92"/>
      <c r="AT3036" s="92"/>
      <c r="AU3036" s="92"/>
      <c r="AV3036" s="92"/>
      <c r="AW3036" s="92"/>
      <c r="AX3036" s="92"/>
      <c r="AY3036" s="92"/>
      <c r="AZ3036" s="93"/>
      <c r="BA3036" s="93"/>
      <c r="BB3036" s="93"/>
      <c r="BC3036" s="93"/>
      <c r="BD3036" s="93"/>
      <c r="BE3036" s="93"/>
      <c r="BF3036" s="93"/>
      <c r="BG3036" s="93"/>
      <c r="BH3036" s="93"/>
      <c r="BI3036" s="93"/>
      <c r="BJ3036" s="93"/>
      <c r="BK3036" s="93"/>
      <c r="BL3036" s="93"/>
    </row>
    <row r="3037" spans="2:64" x14ac:dyDescent="0.2">
      <c r="B3037" s="43"/>
      <c r="C3037" s="73"/>
      <c r="D3037" s="64"/>
      <c r="E3037" s="55"/>
      <c r="F3037" s="74"/>
      <c r="G3037" s="74"/>
      <c r="H3037" s="74"/>
      <c r="I3037" s="75"/>
      <c r="J3037" s="74"/>
      <c r="L3037" s="55"/>
      <c r="M3037" s="234"/>
      <c r="N3037" s="65"/>
      <c r="O3037" s="76"/>
      <c r="P3037" s="76"/>
      <c r="Q3037" s="65"/>
      <c r="R3037" s="76"/>
      <c r="S3037" s="76"/>
      <c r="T3037" s="76"/>
      <c r="U3037" s="76"/>
      <c r="V3037" s="76"/>
      <c r="W3037" s="76"/>
      <c r="X3037" s="76"/>
      <c r="Y3037" s="76"/>
      <c r="Z3037" s="76"/>
      <c r="AA3037" s="85"/>
      <c r="AB3037" s="85"/>
      <c r="AC3037" s="85"/>
      <c r="AD3037" s="85"/>
      <c r="AE3037" s="85"/>
      <c r="AF3037" s="85"/>
      <c r="AG3037" s="86"/>
      <c r="AH3037" s="85"/>
      <c r="AI3037" s="85"/>
      <c r="AJ3037" s="85"/>
      <c r="AK3037" s="85"/>
      <c r="AL3037" s="85"/>
      <c r="AM3037" s="92"/>
      <c r="AN3037" s="92"/>
      <c r="AO3037" s="92"/>
      <c r="AP3037" s="92"/>
      <c r="AQ3037" s="92"/>
      <c r="AR3037" s="92"/>
      <c r="AS3037" s="92"/>
      <c r="AT3037" s="92"/>
      <c r="AU3037" s="92"/>
      <c r="AV3037" s="92"/>
      <c r="AW3037" s="92"/>
      <c r="AX3037" s="92"/>
      <c r="AY3037" s="92"/>
      <c r="AZ3037" s="93"/>
      <c r="BA3037" s="93"/>
      <c r="BB3037" s="93"/>
      <c r="BC3037" s="93"/>
      <c r="BD3037" s="93"/>
      <c r="BE3037" s="93"/>
      <c r="BF3037" s="93"/>
      <c r="BG3037" s="93"/>
      <c r="BH3037" s="93"/>
      <c r="BI3037" s="93"/>
      <c r="BJ3037" s="93"/>
      <c r="BK3037" s="93"/>
      <c r="BL3037" s="93"/>
    </row>
    <row r="3038" spans="2:64" x14ac:dyDescent="0.2">
      <c r="B3038" s="43"/>
      <c r="C3038" s="73"/>
      <c r="D3038" s="64"/>
      <c r="E3038" s="55"/>
      <c r="F3038" s="74"/>
      <c r="G3038" s="74"/>
      <c r="H3038" s="74"/>
      <c r="I3038" s="75"/>
      <c r="J3038" s="74"/>
      <c r="L3038" s="55"/>
      <c r="M3038" s="234"/>
      <c r="N3038" s="65"/>
      <c r="O3038" s="76"/>
      <c r="P3038" s="76"/>
      <c r="Q3038" s="65"/>
      <c r="R3038" s="76"/>
      <c r="S3038" s="76"/>
      <c r="T3038" s="76"/>
      <c r="U3038" s="76"/>
      <c r="V3038" s="76"/>
      <c r="W3038" s="76"/>
      <c r="X3038" s="76"/>
      <c r="Y3038" s="76"/>
      <c r="Z3038" s="76"/>
      <c r="AA3038" s="85"/>
      <c r="AB3038" s="85"/>
      <c r="AC3038" s="85"/>
      <c r="AD3038" s="85"/>
      <c r="AE3038" s="85"/>
      <c r="AF3038" s="85"/>
      <c r="AG3038" s="86"/>
      <c r="AH3038" s="85"/>
      <c r="AI3038" s="85"/>
      <c r="AJ3038" s="85"/>
      <c r="AK3038" s="85"/>
      <c r="AL3038" s="85"/>
      <c r="AM3038" s="92"/>
      <c r="AN3038" s="92"/>
      <c r="AO3038" s="92"/>
      <c r="AP3038" s="92"/>
      <c r="AQ3038" s="92"/>
      <c r="AR3038" s="92"/>
      <c r="AS3038" s="92"/>
      <c r="AT3038" s="92"/>
      <c r="AU3038" s="92"/>
      <c r="AV3038" s="92"/>
      <c r="AW3038" s="92"/>
      <c r="AX3038" s="92"/>
      <c r="AY3038" s="92"/>
      <c r="AZ3038" s="93"/>
      <c r="BA3038" s="93"/>
      <c r="BB3038" s="93"/>
      <c r="BC3038" s="93"/>
      <c r="BD3038" s="93"/>
      <c r="BE3038" s="93"/>
      <c r="BF3038" s="93"/>
      <c r="BG3038" s="93"/>
      <c r="BH3038" s="93"/>
      <c r="BI3038" s="93"/>
      <c r="BJ3038" s="93"/>
      <c r="BK3038" s="93"/>
      <c r="BL3038" s="93"/>
    </row>
    <row r="3039" spans="2:64" x14ac:dyDescent="0.2">
      <c r="B3039" s="43"/>
      <c r="C3039" s="73"/>
      <c r="D3039" s="64"/>
      <c r="E3039" s="55"/>
      <c r="F3039" s="74"/>
      <c r="G3039" s="74"/>
      <c r="H3039" s="74"/>
      <c r="I3039" s="75"/>
      <c r="J3039" s="74"/>
      <c r="L3039" s="55"/>
      <c r="M3039" s="234"/>
      <c r="N3039" s="65"/>
      <c r="O3039" s="76"/>
      <c r="P3039" s="76"/>
      <c r="Q3039" s="65"/>
      <c r="R3039" s="76"/>
      <c r="S3039" s="76"/>
      <c r="T3039" s="76"/>
      <c r="U3039" s="76"/>
      <c r="V3039" s="76"/>
      <c r="W3039" s="76"/>
      <c r="X3039" s="76"/>
      <c r="Y3039" s="76"/>
      <c r="Z3039" s="76"/>
      <c r="AA3039" s="85"/>
      <c r="AB3039" s="85"/>
      <c r="AC3039" s="85"/>
      <c r="AD3039" s="85"/>
      <c r="AE3039" s="85"/>
      <c r="AF3039" s="85"/>
      <c r="AG3039" s="86"/>
      <c r="AH3039" s="85"/>
      <c r="AI3039" s="85"/>
      <c r="AJ3039" s="85"/>
      <c r="AK3039" s="85"/>
      <c r="AL3039" s="85"/>
      <c r="AM3039" s="92"/>
      <c r="AN3039" s="92"/>
      <c r="AO3039" s="92"/>
      <c r="AP3039" s="92"/>
      <c r="AQ3039" s="92"/>
      <c r="AR3039" s="92"/>
      <c r="AS3039" s="92"/>
      <c r="AT3039" s="92"/>
      <c r="AU3039" s="92"/>
      <c r="AV3039" s="92"/>
      <c r="AW3039" s="92"/>
      <c r="AX3039" s="92"/>
      <c r="AY3039" s="92"/>
      <c r="AZ3039" s="93"/>
      <c r="BA3039" s="93"/>
      <c r="BB3039" s="93"/>
      <c r="BC3039" s="93"/>
      <c r="BD3039" s="93"/>
      <c r="BE3039" s="93"/>
      <c r="BF3039" s="93"/>
      <c r="BG3039" s="93"/>
      <c r="BH3039" s="93"/>
      <c r="BI3039" s="93"/>
      <c r="BJ3039" s="93"/>
      <c r="BK3039" s="93"/>
      <c r="BL3039" s="93"/>
    </row>
    <row r="3040" spans="2:64" x14ac:dyDescent="0.2">
      <c r="B3040" s="43"/>
      <c r="C3040" s="73"/>
      <c r="D3040" s="64"/>
      <c r="E3040" s="55"/>
      <c r="F3040" s="74"/>
      <c r="G3040" s="74"/>
      <c r="H3040" s="74"/>
      <c r="I3040" s="75"/>
      <c r="J3040" s="74"/>
      <c r="L3040" s="55"/>
      <c r="M3040" s="234"/>
      <c r="N3040" s="65"/>
      <c r="O3040" s="76"/>
      <c r="P3040" s="76"/>
      <c r="Q3040" s="65"/>
      <c r="R3040" s="76"/>
      <c r="S3040" s="76"/>
      <c r="T3040" s="76"/>
      <c r="U3040" s="76"/>
      <c r="V3040" s="76"/>
      <c r="W3040" s="76"/>
      <c r="X3040" s="76"/>
      <c r="Y3040" s="76"/>
      <c r="Z3040" s="76"/>
      <c r="AA3040" s="85"/>
      <c r="AB3040" s="85"/>
      <c r="AC3040" s="85"/>
      <c r="AD3040" s="85"/>
      <c r="AE3040" s="85"/>
      <c r="AF3040" s="85"/>
      <c r="AG3040" s="86"/>
      <c r="AH3040" s="85"/>
      <c r="AI3040" s="85"/>
      <c r="AJ3040" s="85"/>
      <c r="AK3040" s="85"/>
      <c r="AL3040" s="85"/>
      <c r="AM3040" s="92"/>
      <c r="AN3040" s="92"/>
      <c r="AO3040" s="92"/>
      <c r="AP3040" s="92"/>
      <c r="AQ3040" s="92"/>
      <c r="AR3040" s="92"/>
      <c r="AS3040" s="92"/>
      <c r="AT3040" s="92"/>
      <c r="AU3040" s="92"/>
      <c r="AV3040" s="92"/>
      <c r="AW3040" s="92"/>
      <c r="AX3040" s="92"/>
      <c r="AY3040" s="92"/>
      <c r="AZ3040" s="93"/>
      <c r="BA3040" s="93"/>
      <c r="BB3040" s="93"/>
      <c r="BC3040" s="93"/>
      <c r="BD3040" s="93"/>
      <c r="BE3040" s="93"/>
      <c r="BF3040" s="93"/>
      <c r="BG3040" s="93"/>
      <c r="BH3040" s="93"/>
      <c r="BI3040" s="93"/>
      <c r="BJ3040" s="93"/>
      <c r="BK3040" s="93"/>
      <c r="BL3040" s="93"/>
    </row>
    <row r="3041" spans="2:64" x14ac:dyDescent="0.2">
      <c r="B3041" s="43"/>
      <c r="C3041" s="73"/>
      <c r="D3041" s="64"/>
      <c r="E3041" s="55"/>
      <c r="F3041" s="74"/>
      <c r="G3041" s="74"/>
      <c r="H3041" s="74"/>
      <c r="I3041" s="75"/>
      <c r="J3041" s="74"/>
      <c r="L3041" s="55"/>
      <c r="M3041" s="234"/>
      <c r="N3041" s="65"/>
      <c r="O3041" s="76"/>
      <c r="P3041" s="76"/>
      <c r="Q3041" s="65"/>
      <c r="R3041" s="76"/>
      <c r="S3041" s="76"/>
      <c r="T3041" s="76"/>
      <c r="U3041" s="76"/>
      <c r="V3041" s="76"/>
      <c r="W3041" s="76"/>
      <c r="X3041" s="76"/>
      <c r="Y3041" s="76"/>
      <c r="Z3041" s="76"/>
      <c r="AA3041" s="85"/>
      <c r="AB3041" s="85"/>
      <c r="AC3041" s="85"/>
      <c r="AD3041" s="85"/>
      <c r="AE3041" s="85"/>
      <c r="AF3041" s="85"/>
      <c r="AG3041" s="86"/>
      <c r="AH3041" s="85"/>
      <c r="AI3041" s="85"/>
      <c r="AJ3041" s="85"/>
      <c r="AK3041" s="85"/>
      <c r="AL3041" s="85"/>
      <c r="AM3041" s="92"/>
      <c r="AN3041" s="92"/>
      <c r="AO3041" s="92"/>
      <c r="AP3041" s="92"/>
      <c r="AQ3041" s="92"/>
      <c r="AR3041" s="92"/>
      <c r="AS3041" s="92"/>
      <c r="AT3041" s="92"/>
      <c r="AU3041" s="92"/>
      <c r="AV3041" s="92"/>
      <c r="AW3041" s="92"/>
      <c r="AX3041" s="92"/>
      <c r="AY3041" s="92"/>
      <c r="AZ3041" s="93"/>
      <c r="BA3041" s="93"/>
      <c r="BB3041" s="93"/>
      <c r="BC3041" s="93"/>
      <c r="BD3041" s="93"/>
      <c r="BE3041" s="93"/>
      <c r="BF3041" s="93"/>
      <c r="BG3041" s="93"/>
      <c r="BH3041" s="93"/>
      <c r="BI3041" s="93"/>
      <c r="BJ3041" s="93"/>
      <c r="BK3041" s="93"/>
      <c r="BL3041" s="93"/>
    </row>
    <row r="3042" spans="2:64" x14ac:dyDescent="0.2">
      <c r="B3042" s="43"/>
      <c r="C3042" s="73"/>
      <c r="D3042" s="64"/>
      <c r="E3042" s="55"/>
      <c r="F3042" s="74"/>
      <c r="G3042" s="74"/>
      <c r="H3042" s="74"/>
      <c r="I3042" s="75"/>
      <c r="J3042" s="74"/>
      <c r="L3042" s="55"/>
      <c r="M3042" s="234"/>
      <c r="N3042" s="65"/>
      <c r="O3042" s="76"/>
      <c r="P3042" s="76"/>
      <c r="Q3042" s="65"/>
      <c r="R3042" s="76"/>
      <c r="S3042" s="76"/>
      <c r="T3042" s="76"/>
      <c r="U3042" s="76"/>
      <c r="V3042" s="76"/>
      <c r="W3042" s="76"/>
      <c r="X3042" s="76"/>
      <c r="Y3042" s="76"/>
      <c r="Z3042" s="76"/>
      <c r="AA3042" s="85"/>
      <c r="AB3042" s="85"/>
      <c r="AC3042" s="85"/>
      <c r="AD3042" s="85"/>
      <c r="AE3042" s="85"/>
      <c r="AF3042" s="85"/>
      <c r="AG3042" s="86"/>
      <c r="AH3042" s="85"/>
      <c r="AI3042" s="85"/>
      <c r="AJ3042" s="85"/>
      <c r="AK3042" s="85"/>
      <c r="AL3042" s="85"/>
      <c r="AM3042" s="92"/>
      <c r="AN3042" s="92"/>
      <c r="AO3042" s="92"/>
      <c r="AP3042" s="92"/>
      <c r="AQ3042" s="92"/>
      <c r="AR3042" s="92"/>
      <c r="AS3042" s="92"/>
      <c r="AT3042" s="92"/>
      <c r="AU3042" s="92"/>
      <c r="AV3042" s="92"/>
      <c r="AW3042" s="92"/>
      <c r="AX3042" s="92"/>
      <c r="AY3042" s="92"/>
      <c r="AZ3042" s="93"/>
      <c r="BA3042" s="93"/>
      <c r="BB3042" s="93"/>
      <c r="BC3042" s="93"/>
      <c r="BD3042" s="93"/>
      <c r="BE3042" s="93"/>
      <c r="BF3042" s="93"/>
      <c r="BG3042" s="93"/>
      <c r="BH3042" s="93"/>
      <c r="BI3042" s="93"/>
      <c r="BJ3042" s="93"/>
      <c r="BK3042" s="93"/>
      <c r="BL3042" s="93"/>
    </row>
    <row r="3043" spans="2:64" x14ac:dyDescent="0.2">
      <c r="B3043" s="43"/>
      <c r="C3043" s="73"/>
      <c r="D3043" s="64"/>
      <c r="E3043" s="55"/>
      <c r="F3043" s="74"/>
      <c r="G3043" s="74"/>
      <c r="H3043" s="74"/>
      <c r="I3043" s="75"/>
      <c r="J3043" s="74"/>
      <c r="L3043" s="55"/>
      <c r="M3043" s="234"/>
      <c r="N3043" s="65"/>
      <c r="O3043" s="76"/>
      <c r="P3043" s="76"/>
      <c r="Q3043" s="65"/>
      <c r="R3043" s="76"/>
      <c r="S3043" s="76"/>
      <c r="T3043" s="76"/>
      <c r="U3043" s="76"/>
      <c r="V3043" s="76"/>
      <c r="W3043" s="76"/>
      <c r="X3043" s="76"/>
      <c r="Y3043" s="76"/>
      <c r="Z3043" s="76"/>
      <c r="AA3043" s="85"/>
      <c r="AB3043" s="85"/>
      <c r="AC3043" s="85"/>
      <c r="AD3043" s="85"/>
      <c r="AE3043" s="85"/>
      <c r="AF3043" s="85"/>
      <c r="AG3043" s="86"/>
      <c r="AH3043" s="85"/>
      <c r="AI3043" s="85"/>
      <c r="AJ3043" s="85"/>
      <c r="AK3043" s="85"/>
      <c r="AL3043" s="85"/>
      <c r="AM3043" s="92"/>
      <c r="AN3043" s="92"/>
      <c r="AO3043" s="92"/>
      <c r="AP3043" s="92"/>
      <c r="AQ3043" s="92"/>
      <c r="AR3043" s="92"/>
      <c r="AS3043" s="92"/>
      <c r="AT3043" s="92"/>
      <c r="AU3043" s="92"/>
      <c r="AV3043" s="92"/>
      <c r="AW3043" s="92"/>
      <c r="AX3043" s="92"/>
      <c r="AY3043" s="92"/>
      <c r="AZ3043" s="93"/>
      <c r="BA3043" s="93"/>
      <c r="BB3043" s="93"/>
      <c r="BC3043" s="93"/>
      <c r="BD3043" s="93"/>
      <c r="BE3043" s="93"/>
      <c r="BF3043" s="93"/>
      <c r="BG3043" s="93"/>
      <c r="BH3043" s="93"/>
      <c r="BI3043" s="93"/>
      <c r="BJ3043" s="93"/>
      <c r="BK3043" s="93"/>
      <c r="BL3043" s="93"/>
    </row>
    <row r="3044" spans="2:64" x14ac:dyDescent="0.2">
      <c r="B3044" s="43"/>
      <c r="C3044" s="73"/>
      <c r="D3044" s="64"/>
      <c r="E3044" s="55"/>
      <c r="F3044" s="74"/>
      <c r="G3044" s="74"/>
      <c r="H3044" s="74"/>
      <c r="I3044" s="75"/>
      <c r="J3044" s="74"/>
      <c r="L3044" s="55"/>
      <c r="M3044" s="234"/>
      <c r="N3044" s="65"/>
      <c r="O3044" s="76"/>
      <c r="P3044" s="76"/>
      <c r="Q3044" s="65"/>
      <c r="R3044" s="76"/>
      <c r="S3044" s="76"/>
      <c r="T3044" s="76"/>
      <c r="U3044" s="76"/>
      <c r="V3044" s="76"/>
      <c r="W3044" s="76"/>
      <c r="X3044" s="76"/>
      <c r="Y3044" s="76"/>
      <c r="Z3044" s="76"/>
      <c r="AA3044" s="85"/>
      <c r="AB3044" s="85"/>
      <c r="AC3044" s="85"/>
      <c r="AD3044" s="85"/>
      <c r="AE3044" s="85"/>
      <c r="AF3044" s="85"/>
      <c r="AG3044" s="86"/>
      <c r="AH3044" s="85"/>
      <c r="AI3044" s="85"/>
      <c r="AJ3044" s="85"/>
      <c r="AK3044" s="85"/>
      <c r="AL3044" s="85"/>
      <c r="AM3044" s="92"/>
      <c r="AN3044" s="92"/>
      <c r="AO3044" s="92"/>
      <c r="AP3044" s="92"/>
      <c r="AQ3044" s="92"/>
      <c r="AR3044" s="92"/>
      <c r="AS3044" s="92"/>
      <c r="AT3044" s="92"/>
      <c r="AU3044" s="92"/>
      <c r="AV3044" s="92"/>
      <c r="AW3044" s="92"/>
      <c r="AX3044" s="92"/>
      <c r="AY3044" s="92"/>
      <c r="AZ3044" s="93"/>
      <c r="BA3044" s="93"/>
      <c r="BB3044" s="93"/>
      <c r="BC3044" s="93"/>
      <c r="BD3044" s="93"/>
      <c r="BE3044" s="93"/>
      <c r="BF3044" s="93"/>
      <c r="BG3044" s="93"/>
      <c r="BH3044" s="93"/>
      <c r="BI3044" s="93"/>
      <c r="BJ3044" s="93"/>
      <c r="BK3044" s="93"/>
      <c r="BL3044" s="93"/>
    </row>
    <row r="3045" spans="2:64" x14ac:dyDescent="0.2">
      <c r="B3045" s="43"/>
      <c r="C3045" s="73"/>
      <c r="D3045" s="64"/>
      <c r="E3045" s="55"/>
      <c r="F3045" s="74"/>
      <c r="G3045" s="74"/>
      <c r="H3045" s="74"/>
      <c r="I3045" s="75"/>
      <c r="J3045" s="74"/>
      <c r="L3045" s="55"/>
      <c r="M3045" s="234"/>
      <c r="N3045" s="65"/>
      <c r="O3045" s="76"/>
      <c r="P3045" s="76"/>
      <c r="Q3045" s="65"/>
      <c r="R3045" s="76"/>
      <c r="S3045" s="76"/>
      <c r="T3045" s="76"/>
      <c r="U3045" s="76"/>
      <c r="V3045" s="76"/>
      <c r="W3045" s="76"/>
      <c r="X3045" s="76"/>
      <c r="Y3045" s="76"/>
      <c r="Z3045" s="76"/>
      <c r="AA3045" s="85"/>
      <c r="AB3045" s="85"/>
      <c r="AC3045" s="85"/>
      <c r="AD3045" s="85"/>
      <c r="AE3045" s="85"/>
      <c r="AF3045" s="85"/>
      <c r="AG3045" s="86"/>
      <c r="AH3045" s="85"/>
      <c r="AI3045" s="85"/>
      <c r="AJ3045" s="85"/>
      <c r="AK3045" s="85"/>
      <c r="AL3045" s="85"/>
      <c r="AM3045" s="92"/>
      <c r="AN3045" s="92"/>
      <c r="AO3045" s="92"/>
      <c r="AP3045" s="92"/>
      <c r="AQ3045" s="92"/>
      <c r="AR3045" s="92"/>
      <c r="AS3045" s="92"/>
      <c r="AT3045" s="92"/>
      <c r="AU3045" s="92"/>
      <c r="AV3045" s="92"/>
      <c r="AW3045" s="92"/>
      <c r="AX3045" s="92"/>
      <c r="AY3045" s="92"/>
      <c r="AZ3045" s="93"/>
      <c r="BA3045" s="93"/>
      <c r="BB3045" s="93"/>
      <c r="BC3045" s="93"/>
      <c r="BD3045" s="93"/>
      <c r="BE3045" s="93"/>
      <c r="BF3045" s="93"/>
      <c r="BG3045" s="93"/>
      <c r="BH3045" s="93"/>
      <c r="BI3045" s="93"/>
      <c r="BJ3045" s="93"/>
      <c r="BK3045" s="93"/>
      <c r="BL3045" s="93"/>
    </row>
    <row r="3046" spans="2:64" x14ac:dyDescent="0.2">
      <c r="B3046" s="43"/>
      <c r="C3046" s="73"/>
      <c r="D3046" s="64"/>
      <c r="E3046" s="55"/>
      <c r="F3046" s="74"/>
      <c r="G3046" s="74"/>
      <c r="H3046" s="74"/>
      <c r="I3046" s="75"/>
      <c r="J3046" s="74"/>
      <c r="L3046" s="55"/>
      <c r="M3046" s="234"/>
      <c r="N3046" s="65"/>
      <c r="O3046" s="76"/>
      <c r="P3046" s="76"/>
      <c r="Q3046" s="65"/>
      <c r="R3046" s="76"/>
      <c r="S3046" s="76"/>
      <c r="T3046" s="76"/>
      <c r="U3046" s="76"/>
      <c r="V3046" s="76"/>
      <c r="W3046" s="76"/>
      <c r="X3046" s="76"/>
      <c r="Y3046" s="76"/>
      <c r="Z3046" s="76"/>
      <c r="AA3046" s="85"/>
      <c r="AB3046" s="85"/>
      <c r="AC3046" s="85"/>
      <c r="AD3046" s="85"/>
      <c r="AE3046" s="85"/>
      <c r="AF3046" s="85"/>
      <c r="AG3046" s="86"/>
      <c r="AH3046" s="85"/>
      <c r="AI3046" s="85"/>
      <c r="AJ3046" s="85"/>
      <c r="AK3046" s="85"/>
      <c r="AL3046" s="85"/>
      <c r="AM3046" s="92"/>
      <c r="AN3046" s="92"/>
      <c r="AO3046" s="92"/>
      <c r="AP3046" s="92"/>
      <c r="AQ3046" s="92"/>
      <c r="AR3046" s="92"/>
      <c r="AS3046" s="92"/>
      <c r="AT3046" s="92"/>
      <c r="AU3046" s="92"/>
      <c r="AV3046" s="92"/>
      <c r="AW3046" s="92"/>
      <c r="AX3046" s="92"/>
      <c r="AY3046" s="92"/>
      <c r="AZ3046" s="93"/>
      <c r="BA3046" s="93"/>
      <c r="BB3046" s="93"/>
      <c r="BC3046" s="93"/>
      <c r="BD3046" s="93"/>
      <c r="BE3046" s="93"/>
      <c r="BF3046" s="93"/>
      <c r="BG3046" s="93"/>
      <c r="BH3046" s="93"/>
      <c r="BI3046" s="93"/>
      <c r="BJ3046" s="93"/>
      <c r="BK3046" s="93"/>
      <c r="BL3046" s="93"/>
    </row>
    <row r="3047" spans="2:64" x14ac:dyDescent="0.2">
      <c r="B3047" s="43"/>
      <c r="C3047" s="73"/>
      <c r="D3047" s="64"/>
      <c r="E3047" s="55"/>
      <c r="F3047" s="74"/>
      <c r="G3047" s="74"/>
      <c r="H3047" s="74"/>
      <c r="I3047" s="75"/>
      <c r="J3047" s="74"/>
      <c r="L3047" s="55"/>
      <c r="M3047" s="234"/>
      <c r="N3047" s="65"/>
      <c r="O3047" s="76"/>
      <c r="P3047" s="76"/>
      <c r="Q3047" s="65"/>
      <c r="R3047" s="76"/>
      <c r="S3047" s="76"/>
      <c r="T3047" s="76"/>
      <c r="U3047" s="76"/>
      <c r="V3047" s="76"/>
      <c r="W3047" s="76"/>
      <c r="X3047" s="76"/>
      <c r="Y3047" s="76"/>
      <c r="Z3047" s="76"/>
      <c r="AA3047" s="85"/>
      <c r="AB3047" s="85"/>
      <c r="AC3047" s="85"/>
      <c r="AD3047" s="85"/>
      <c r="AE3047" s="85"/>
      <c r="AF3047" s="85"/>
      <c r="AG3047" s="86"/>
      <c r="AH3047" s="85"/>
      <c r="AI3047" s="85"/>
      <c r="AJ3047" s="85"/>
      <c r="AK3047" s="85"/>
      <c r="AL3047" s="85"/>
      <c r="AM3047" s="92"/>
      <c r="AN3047" s="92"/>
      <c r="AO3047" s="92"/>
      <c r="AP3047" s="92"/>
      <c r="AQ3047" s="92"/>
      <c r="AR3047" s="92"/>
      <c r="AS3047" s="92"/>
      <c r="AT3047" s="92"/>
      <c r="AU3047" s="92"/>
      <c r="AV3047" s="92"/>
      <c r="AW3047" s="92"/>
      <c r="AX3047" s="92"/>
      <c r="AY3047" s="92"/>
      <c r="AZ3047" s="93"/>
      <c r="BA3047" s="93"/>
      <c r="BB3047" s="93"/>
      <c r="BC3047" s="93"/>
      <c r="BD3047" s="93"/>
      <c r="BE3047" s="93"/>
      <c r="BF3047" s="93"/>
      <c r="BG3047" s="93"/>
      <c r="BH3047" s="93"/>
      <c r="BI3047" s="93"/>
      <c r="BJ3047" s="93"/>
      <c r="BK3047" s="93"/>
      <c r="BL3047" s="93"/>
    </row>
    <row r="3048" spans="2:64" x14ac:dyDescent="0.2">
      <c r="B3048" s="43"/>
      <c r="C3048" s="73"/>
      <c r="D3048" s="64"/>
      <c r="E3048" s="55"/>
      <c r="F3048" s="74"/>
      <c r="G3048" s="74"/>
      <c r="H3048" s="74"/>
      <c r="I3048" s="75"/>
      <c r="J3048" s="74"/>
      <c r="L3048" s="55"/>
      <c r="M3048" s="234"/>
      <c r="N3048" s="65"/>
      <c r="O3048" s="76"/>
      <c r="P3048" s="76"/>
      <c r="Q3048" s="65"/>
      <c r="R3048" s="76"/>
      <c r="S3048" s="76"/>
      <c r="T3048" s="76"/>
      <c r="U3048" s="76"/>
      <c r="V3048" s="76"/>
      <c r="W3048" s="76"/>
      <c r="X3048" s="76"/>
      <c r="Y3048" s="76"/>
      <c r="Z3048" s="76"/>
      <c r="AA3048" s="85"/>
      <c r="AB3048" s="85"/>
      <c r="AC3048" s="85"/>
      <c r="AD3048" s="85"/>
      <c r="AE3048" s="85"/>
      <c r="AF3048" s="85"/>
      <c r="AG3048" s="86"/>
      <c r="AH3048" s="85"/>
      <c r="AI3048" s="85"/>
      <c r="AJ3048" s="85"/>
      <c r="AK3048" s="85"/>
      <c r="AL3048" s="85"/>
      <c r="AM3048" s="92"/>
      <c r="AN3048" s="92"/>
      <c r="AO3048" s="92"/>
      <c r="AP3048" s="92"/>
      <c r="AQ3048" s="92"/>
      <c r="AR3048" s="92"/>
      <c r="AS3048" s="92"/>
      <c r="AT3048" s="92"/>
      <c r="AU3048" s="92"/>
      <c r="AV3048" s="92"/>
      <c r="AW3048" s="92"/>
      <c r="AX3048" s="92"/>
      <c r="AY3048" s="92"/>
      <c r="AZ3048" s="93"/>
      <c r="BA3048" s="93"/>
      <c r="BB3048" s="93"/>
      <c r="BC3048" s="93"/>
      <c r="BD3048" s="93"/>
      <c r="BE3048" s="93"/>
      <c r="BF3048" s="93"/>
      <c r="BG3048" s="93"/>
      <c r="BH3048" s="93"/>
      <c r="BI3048" s="93"/>
      <c r="BJ3048" s="93"/>
      <c r="BK3048" s="93"/>
      <c r="BL3048" s="93"/>
    </row>
    <row r="3049" spans="2:64" x14ac:dyDescent="0.2">
      <c r="B3049" s="43"/>
      <c r="C3049" s="73"/>
      <c r="D3049" s="64"/>
      <c r="E3049" s="55"/>
      <c r="F3049" s="74"/>
      <c r="G3049" s="74"/>
      <c r="H3049" s="74"/>
      <c r="I3049" s="75"/>
      <c r="J3049" s="74"/>
      <c r="L3049" s="55"/>
      <c r="M3049" s="234"/>
      <c r="N3049" s="65"/>
      <c r="O3049" s="76"/>
      <c r="P3049" s="76"/>
      <c r="Q3049" s="65"/>
      <c r="R3049" s="76"/>
      <c r="S3049" s="76"/>
      <c r="T3049" s="76"/>
      <c r="U3049" s="76"/>
      <c r="V3049" s="76"/>
      <c r="W3049" s="76"/>
      <c r="X3049" s="76"/>
      <c r="Y3049" s="76"/>
      <c r="Z3049" s="76"/>
      <c r="AA3049" s="85"/>
      <c r="AB3049" s="85"/>
      <c r="AC3049" s="85"/>
      <c r="AD3049" s="85"/>
      <c r="AE3049" s="85"/>
      <c r="AF3049" s="85"/>
      <c r="AG3049" s="86"/>
      <c r="AH3049" s="85"/>
      <c r="AI3049" s="85"/>
      <c r="AJ3049" s="85"/>
      <c r="AK3049" s="85"/>
      <c r="AL3049" s="85"/>
      <c r="AM3049" s="92"/>
      <c r="AN3049" s="92"/>
      <c r="AO3049" s="92"/>
      <c r="AP3049" s="92"/>
      <c r="AQ3049" s="92"/>
      <c r="AR3049" s="92"/>
      <c r="AS3049" s="92"/>
      <c r="AT3049" s="92"/>
      <c r="AU3049" s="92"/>
      <c r="AV3049" s="92"/>
      <c r="AW3049" s="92"/>
      <c r="AX3049" s="92"/>
      <c r="AY3049" s="92"/>
      <c r="AZ3049" s="93"/>
      <c r="BA3049" s="93"/>
      <c r="BB3049" s="93"/>
      <c r="BC3049" s="93"/>
      <c r="BD3049" s="93"/>
      <c r="BE3049" s="93"/>
      <c r="BF3049" s="93"/>
      <c r="BG3049" s="93"/>
      <c r="BH3049" s="93"/>
      <c r="BI3049" s="93"/>
      <c r="BJ3049" s="93"/>
      <c r="BK3049" s="93"/>
      <c r="BL3049" s="93"/>
    </row>
    <row r="3050" spans="2:64" x14ac:dyDescent="0.2">
      <c r="B3050" s="43"/>
      <c r="C3050" s="73"/>
      <c r="D3050" s="64"/>
      <c r="E3050" s="55"/>
      <c r="F3050" s="74"/>
      <c r="G3050" s="74"/>
      <c r="H3050" s="74"/>
      <c r="I3050" s="75"/>
      <c r="J3050" s="74"/>
      <c r="L3050" s="55"/>
      <c r="M3050" s="234"/>
      <c r="N3050" s="65"/>
      <c r="O3050" s="76"/>
      <c r="P3050" s="76"/>
      <c r="Q3050" s="65"/>
      <c r="R3050" s="76"/>
      <c r="S3050" s="76"/>
      <c r="T3050" s="76"/>
      <c r="U3050" s="76"/>
      <c r="V3050" s="76"/>
      <c r="W3050" s="76"/>
      <c r="X3050" s="76"/>
      <c r="Y3050" s="76"/>
      <c r="Z3050" s="76"/>
      <c r="AA3050" s="85"/>
      <c r="AB3050" s="85"/>
      <c r="AC3050" s="85"/>
      <c r="AD3050" s="85"/>
      <c r="AE3050" s="85"/>
      <c r="AF3050" s="85"/>
      <c r="AG3050" s="86"/>
      <c r="AH3050" s="85"/>
      <c r="AI3050" s="85"/>
      <c r="AJ3050" s="85"/>
      <c r="AK3050" s="85"/>
      <c r="AL3050" s="85"/>
      <c r="AM3050" s="92"/>
      <c r="AN3050" s="92"/>
      <c r="AO3050" s="92"/>
      <c r="AP3050" s="92"/>
      <c r="AQ3050" s="92"/>
      <c r="AR3050" s="92"/>
      <c r="AS3050" s="92"/>
      <c r="AT3050" s="92"/>
      <c r="AU3050" s="92"/>
      <c r="AV3050" s="92"/>
      <c r="AW3050" s="92"/>
      <c r="AX3050" s="92"/>
      <c r="AY3050" s="92"/>
      <c r="AZ3050" s="93"/>
      <c r="BA3050" s="93"/>
      <c r="BB3050" s="93"/>
      <c r="BC3050" s="93"/>
      <c r="BD3050" s="93"/>
      <c r="BE3050" s="93"/>
      <c r="BF3050" s="93"/>
      <c r="BG3050" s="93"/>
      <c r="BH3050" s="93"/>
      <c r="BI3050" s="93"/>
      <c r="BJ3050" s="93"/>
      <c r="BK3050" s="93"/>
      <c r="BL3050" s="93"/>
    </row>
    <row r="3051" spans="2:64" x14ac:dyDescent="0.2">
      <c r="B3051" s="43"/>
      <c r="C3051" s="73"/>
      <c r="D3051" s="64"/>
      <c r="E3051" s="55"/>
      <c r="F3051" s="74"/>
      <c r="G3051" s="74"/>
      <c r="H3051" s="74"/>
      <c r="I3051" s="75"/>
      <c r="J3051" s="74"/>
      <c r="L3051" s="55"/>
      <c r="M3051" s="234"/>
      <c r="N3051" s="65"/>
      <c r="O3051" s="76"/>
      <c r="P3051" s="76"/>
      <c r="Q3051" s="65"/>
      <c r="R3051" s="76"/>
      <c r="S3051" s="76"/>
      <c r="T3051" s="76"/>
      <c r="U3051" s="76"/>
      <c r="V3051" s="76"/>
      <c r="W3051" s="76"/>
      <c r="X3051" s="76"/>
      <c r="Y3051" s="76"/>
      <c r="Z3051" s="76"/>
      <c r="AA3051" s="85"/>
      <c r="AB3051" s="85"/>
      <c r="AC3051" s="85"/>
      <c r="AD3051" s="85"/>
      <c r="AE3051" s="85"/>
      <c r="AF3051" s="85"/>
      <c r="AG3051" s="86"/>
      <c r="AH3051" s="85"/>
      <c r="AI3051" s="85"/>
      <c r="AJ3051" s="85"/>
      <c r="AK3051" s="85"/>
      <c r="AL3051" s="85"/>
      <c r="AM3051" s="92"/>
      <c r="AN3051" s="92"/>
      <c r="AO3051" s="92"/>
      <c r="AP3051" s="92"/>
      <c r="AQ3051" s="92"/>
      <c r="AR3051" s="92"/>
      <c r="AS3051" s="92"/>
      <c r="AT3051" s="92"/>
      <c r="AU3051" s="92"/>
      <c r="AV3051" s="92"/>
      <c r="AW3051" s="92"/>
      <c r="AX3051" s="92"/>
      <c r="AY3051" s="92"/>
      <c r="AZ3051" s="93"/>
      <c r="BA3051" s="93"/>
      <c r="BB3051" s="93"/>
      <c r="BC3051" s="93"/>
      <c r="BD3051" s="93"/>
      <c r="BE3051" s="93"/>
      <c r="BF3051" s="93"/>
      <c r="BG3051" s="93"/>
      <c r="BH3051" s="93"/>
      <c r="BI3051" s="93"/>
      <c r="BJ3051" s="93"/>
      <c r="BK3051" s="93"/>
      <c r="BL3051" s="93"/>
    </row>
    <row r="3052" spans="2:64" x14ac:dyDescent="0.2">
      <c r="B3052" s="43"/>
      <c r="C3052" s="73"/>
      <c r="D3052" s="64"/>
      <c r="E3052" s="55"/>
      <c r="F3052" s="74"/>
      <c r="G3052" s="74"/>
      <c r="H3052" s="74"/>
      <c r="I3052" s="75"/>
      <c r="J3052" s="74"/>
      <c r="L3052" s="55"/>
      <c r="M3052" s="234"/>
      <c r="N3052" s="65"/>
      <c r="O3052" s="76"/>
      <c r="P3052" s="76"/>
      <c r="Q3052" s="65"/>
      <c r="R3052" s="76"/>
      <c r="S3052" s="76"/>
      <c r="T3052" s="76"/>
      <c r="U3052" s="76"/>
      <c r="V3052" s="76"/>
      <c r="W3052" s="76"/>
      <c r="X3052" s="76"/>
      <c r="Y3052" s="76"/>
      <c r="Z3052" s="76"/>
      <c r="AA3052" s="85"/>
      <c r="AB3052" s="85"/>
      <c r="AC3052" s="85"/>
      <c r="AD3052" s="85"/>
      <c r="AE3052" s="85"/>
      <c r="AF3052" s="85"/>
      <c r="AG3052" s="86"/>
      <c r="AH3052" s="85"/>
      <c r="AI3052" s="85"/>
      <c r="AJ3052" s="85"/>
      <c r="AK3052" s="85"/>
      <c r="AL3052" s="85"/>
      <c r="AM3052" s="92"/>
      <c r="AN3052" s="92"/>
      <c r="AO3052" s="92"/>
      <c r="AP3052" s="92"/>
      <c r="AQ3052" s="92"/>
      <c r="AR3052" s="92"/>
      <c r="AS3052" s="92"/>
      <c r="AT3052" s="92"/>
      <c r="AU3052" s="92"/>
      <c r="AV3052" s="92"/>
      <c r="AW3052" s="92"/>
      <c r="AX3052" s="92"/>
      <c r="AY3052" s="92"/>
      <c r="AZ3052" s="93"/>
      <c r="BA3052" s="93"/>
      <c r="BB3052" s="93"/>
      <c r="BC3052" s="93"/>
      <c r="BD3052" s="93"/>
      <c r="BE3052" s="93"/>
      <c r="BF3052" s="93"/>
      <c r="BG3052" s="93"/>
      <c r="BH3052" s="93"/>
      <c r="BI3052" s="93"/>
      <c r="BJ3052" s="93"/>
      <c r="BK3052" s="93"/>
      <c r="BL3052" s="93"/>
    </row>
    <row r="3053" spans="2:64" x14ac:dyDescent="0.2">
      <c r="B3053" s="43"/>
      <c r="C3053" s="73"/>
      <c r="D3053" s="64"/>
      <c r="E3053" s="55"/>
      <c r="F3053" s="74"/>
      <c r="G3053" s="74"/>
      <c r="H3053" s="74"/>
      <c r="I3053" s="75"/>
      <c r="J3053" s="74"/>
      <c r="L3053" s="55"/>
      <c r="M3053" s="234"/>
      <c r="N3053" s="65"/>
      <c r="O3053" s="76"/>
      <c r="P3053" s="76"/>
      <c r="Q3053" s="65"/>
      <c r="R3053" s="76"/>
      <c r="S3053" s="76"/>
      <c r="T3053" s="76"/>
      <c r="U3053" s="76"/>
      <c r="V3053" s="76"/>
      <c r="W3053" s="76"/>
      <c r="X3053" s="76"/>
      <c r="Y3053" s="76"/>
      <c r="Z3053" s="76"/>
      <c r="AA3053" s="85"/>
      <c r="AB3053" s="85"/>
      <c r="AC3053" s="85"/>
      <c r="AD3053" s="85"/>
      <c r="AE3053" s="85"/>
      <c r="AF3053" s="85"/>
      <c r="AG3053" s="86"/>
      <c r="AH3053" s="85"/>
      <c r="AI3053" s="85"/>
      <c r="AJ3053" s="85"/>
      <c r="AK3053" s="85"/>
      <c r="AL3053" s="85"/>
      <c r="AM3053" s="92"/>
      <c r="AN3053" s="92"/>
      <c r="AO3053" s="92"/>
      <c r="AP3053" s="92"/>
      <c r="AQ3053" s="92"/>
      <c r="AR3053" s="92"/>
      <c r="AS3053" s="92"/>
      <c r="AT3053" s="92"/>
      <c r="AU3053" s="92"/>
      <c r="AV3053" s="92"/>
      <c r="AW3053" s="92"/>
      <c r="AX3053" s="92"/>
      <c r="AY3053" s="92"/>
      <c r="AZ3053" s="93"/>
      <c r="BA3053" s="93"/>
      <c r="BB3053" s="93"/>
      <c r="BC3053" s="93"/>
      <c r="BD3053" s="93"/>
      <c r="BE3053" s="93"/>
      <c r="BF3053" s="93"/>
      <c r="BG3053" s="93"/>
      <c r="BH3053" s="93"/>
      <c r="BI3053" s="93"/>
      <c r="BJ3053" s="93"/>
      <c r="BK3053" s="93"/>
      <c r="BL3053" s="93"/>
    </row>
    <row r="3054" spans="2:64" x14ac:dyDescent="0.2">
      <c r="B3054" s="43"/>
      <c r="C3054" s="73"/>
      <c r="D3054" s="64"/>
      <c r="E3054" s="55"/>
      <c r="F3054" s="74"/>
      <c r="G3054" s="74"/>
      <c r="H3054" s="74"/>
      <c r="I3054" s="75"/>
      <c r="J3054" s="74"/>
      <c r="L3054" s="55"/>
      <c r="M3054" s="234"/>
      <c r="N3054" s="65"/>
      <c r="O3054" s="76"/>
      <c r="P3054" s="76"/>
      <c r="Q3054" s="65"/>
      <c r="R3054" s="76"/>
      <c r="S3054" s="76"/>
      <c r="T3054" s="76"/>
      <c r="U3054" s="76"/>
      <c r="V3054" s="76"/>
      <c r="W3054" s="76"/>
      <c r="X3054" s="76"/>
      <c r="Y3054" s="76"/>
      <c r="Z3054" s="76"/>
      <c r="AA3054" s="85"/>
      <c r="AB3054" s="85"/>
      <c r="AC3054" s="85"/>
      <c r="AD3054" s="85"/>
      <c r="AE3054" s="85"/>
      <c r="AF3054" s="85"/>
      <c r="AG3054" s="86"/>
      <c r="AH3054" s="85"/>
      <c r="AI3054" s="85"/>
      <c r="AJ3054" s="85"/>
      <c r="AK3054" s="85"/>
      <c r="AL3054" s="85"/>
      <c r="AM3054" s="92"/>
      <c r="AN3054" s="92"/>
      <c r="AO3054" s="92"/>
      <c r="AP3054" s="92"/>
      <c r="AQ3054" s="92"/>
      <c r="AR3054" s="92"/>
      <c r="AS3054" s="92"/>
      <c r="AT3054" s="92"/>
      <c r="AU3054" s="92"/>
      <c r="AV3054" s="92"/>
      <c r="AW3054" s="92"/>
      <c r="AX3054" s="92"/>
      <c r="AY3054" s="92"/>
      <c r="AZ3054" s="93"/>
      <c r="BA3054" s="93"/>
      <c r="BB3054" s="93"/>
      <c r="BC3054" s="93"/>
      <c r="BD3054" s="93"/>
      <c r="BE3054" s="93"/>
      <c r="BF3054" s="93"/>
      <c r="BG3054" s="93"/>
      <c r="BH3054" s="93"/>
      <c r="BI3054" s="93"/>
      <c r="BJ3054" s="93"/>
      <c r="BK3054" s="93"/>
      <c r="BL3054" s="93"/>
    </row>
    <row r="3055" spans="2:64" x14ac:dyDescent="0.2">
      <c r="B3055" s="43"/>
      <c r="C3055" s="73"/>
      <c r="D3055" s="64"/>
      <c r="E3055" s="55"/>
      <c r="F3055" s="74"/>
      <c r="G3055" s="74"/>
      <c r="H3055" s="74"/>
      <c r="I3055" s="75"/>
      <c r="J3055" s="74"/>
      <c r="L3055" s="55"/>
      <c r="M3055" s="234"/>
      <c r="N3055" s="65"/>
      <c r="O3055" s="76"/>
      <c r="P3055" s="76"/>
      <c r="Q3055" s="65"/>
      <c r="R3055" s="76"/>
      <c r="S3055" s="76"/>
      <c r="T3055" s="76"/>
      <c r="U3055" s="76"/>
      <c r="V3055" s="76"/>
      <c r="W3055" s="76"/>
      <c r="X3055" s="76"/>
      <c r="Y3055" s="76"/>
      <c r="Z3055" s="76"/>
      <c r="AA3055" s="85"/>
      <c r="AB3055" s="85"/>
      <c r="AC3055" s="85"/>
      <c r="AD3055" s="85"/>
      <c r="AE3055" s="85"/>
      <c r="AF3055" s="85"/>
      <c r="AG3055" s="86"/>
      <c r="AH3055" s="85"/>
      <c r="AI3055" s="85"/>
      <c r="AJ3055" s="85"/>
      <c r="AK3055" s="85"/>
      <c r="AL3055" s="85"/>
      <c r="AM3055" s="92"/>
      <c r="AN3055" s="92"/>
      <c r="AO3055" s="92"/>
      <c r="AP3055" s="92"/>
      <c r="AQ3055" s="92"/>
      <c r="AR3055" s="92"/>
      <c r="AS3055" s="92"/>
      <c r="AT3055" s="92"/>
      <c r="AU3055" s="92"/>
      <c r="AV3055" s="92"/>
      <c r="AW3055" s="92"/>
      <c r="AX3055" s="92"/>
      <c r="AY3055" s="92"/>
      <c r="AZ3055" s="93"/>
      <c r="BA3055" s="93"/>
      <c r="BB3055" s="93"/>
      <c r="BC3055" s="93"/>
      <c r="BD3055" s="93"/>
      <c r="BE3055" s="93"/>
      <c r="BF3055" s="93"/>
      <c r="BG3055" s="93"/>
      <c r="BH3055" s="93"/>
      <c r="BI3055" s="93"/>
      <c r="BJ3055" s="93"/>
      <c r="BK3055" s="93"/>
      <c r="BL3055" s="93"/>
    </row>
    <row r="3056" spans="2:64" x14ac:dyDescent="0.2">
      <c r="B3056" s="43"/>
      <c r="C3056" s="73"/>
      <c r="D3056" s="64"/>
      <c r="E3056" s="55"/>
      <c r="F3056" s="74"/>
      <c r="G3056" s="74"/>
      <c r="H3056" s="74"/>
      <c r="I3056" s="75"/>
      <c r="J3056" s="74"/>
      <c r="L3056" s="55"/>
      <c r="M3056" s="234"/>
      <c r="N3056" s="65"/>
      <c r="O3056" s="76"/>
      <c r="P3056" s="76"/>
      <c r="Q3056" s="65"/>
      <c r="R3056" s="76"/>
      <c r="S3056" s="76"/>
      <c r="T3056" s="76"/>
      <c r="U3056" s="76"/>
      <c r="V3056" s="76"/>
      <c r="W3056" s="76"/>
      <c r="X3056" s="76"/>
      <c r="Y3056" s="76"/>
      <c r="Z3056" s="76"/>
      <c r="AA3056" s="85"/>
      <c r="AB3056" s="85"/>
      <c r="AC3056" s="85"/>
      <c r="AD3056" s="85"/>
      <c r="AE3056" s="85"/>
      <c r="AF3056" s="85"/>
      <c r="AG3056" s="86"/>
      <c r="AH3056" s="85"/>
      <c r="AI3056" s="85"/>
      <c r="AJ3056" s="85"/>
      <c r="AK3056" s="85"/>
      <c r="AL3056" s="85"/>
      <c r="AM3056" s="92"/>
      <c r="AN3056" s="92"/>
      <c r="AO3056" s="92"/>
      <c r="AP3056" s="92"/>
      <c r="AQ3056" s="92"/>
      <c r="AR3056" s="92"/>
      <c r="AS3056" s="92"/>
      <c r="AT3056" s="92"/>
      <c r="AU3056" s="92"/>
      <c r="AV3056" s="92"/>
      <c r="AW3056" s="92"/>
      <c r="AX3056" s="92"/>
      <c r="AY3056" s="92"/>
      <c r="AZ3056" s="93"/>
      <c r="BA3056" s="93"/>
      <c r="BB3056" s="93"/>
      <c r="BC3056" s="93"/>
      <c r="BD3056" s="93"/>
      <c r="BE3056" s="93"/>
      <c r="BF3056" s="93"/>
      <c r="BG3056" s="93"/>
      <c r="BH3056" s="93"/>
      <c r="BI3056" s="93"/>
      <c r="BJ3056" s="93"/>
      <c r="BK3056" s="93"/>
      <c r="BL3056" s="93"/>
    </row>
    <row r="3057" spans="2:64" x14ac:dyDescent="0.2">
      <c r="B3057" s="43"/>
      <c r="C3057" s="73"/>
      <c r="D3057" s="64"/>
      <c r="E3057" s="55"/>
      <c r="F3057" s="74"/>
      <c r="G3057" s="74"/>
      <c r="H3057" s="74"/>
      <c r="I3057" s="75"/>
      <c r="J3057" s="74"/>
      <c r="L3057" s="55"/>
      <c r="M3057" s="234"/>
      <c r="N3057" s="65"/>
      <c r="O3057" s="76"/>
      <c r="P3057" s="76"/>
      <c r="Q3057" s="65"/>
      <c r="R3057" s="76"/>
      <c r="S3057" s="76"/>
      <c r="T3057" s="76"/>
      <c r="U3057" s="76"/>
      <c r="V3057" s="76"/>
      <c r="W3057" s="76"/>
      <c r="X3057" s="76"/>
      <c r="Y3057" s="76"/>
      <c r="Z3057" s="76"/>
      <c r="AA3057" s="85"/>
      <c r="AB3057" s="85"/>
      <c r="AC3057" s="85"/>
      <c r="AD3057" s="85"/>
      <c r="AE3057" s="85"/>
      <c r="AF3057" s="85"/>
      <c r="AG3057" s="86"/>
      <c r="AH3057" s="85"/>
      <c r="AI3057" s="85"/>
      <c r="AJ3057" s="85"/>
      <c r="AK3057" s="85"/>
      <c r="AL3057" s="85"/>
      <c r="AM3057" s="92"/>
      <c r="AN3057" s="92"/>
      <c r="AO3057" s="92"/>
      <c r="AP3057" s="92"/>
      <c r="AQ3057" s="92"/>
      <c r="AR3057" s="92"/>
      <c r="AS3057" s="92"/>
      <c r="AT3057" s="92"/>
      <c r="AU3057" s="92"/>
      <c r="AV3057" s="92"/>
      <c r="AW3057" s="92"/>
      <c r="AX3057" s="92"/>
      <c r="AY3057" s="92"/>
      <c r="AZ3057" s="93"/>
      <c r="BA3057" s="93"/>
      <c r="BB3057" s="93"/>
      <c r="BC3057" s="93"/>
      <c r="BD3057" s="93"/>
      <c r="BE3057" s="93"/>
      <c r="BF3057" s="93"/>
      <c r="BG3057" s="93"/>
      <c r="BH3057" s="93"/>
      <c r="BI3057" s="93"/>
      <c r="BJ3057" s="93"/>
      <c r="BK3057" s="93"/>
      <c r="BL3057" s="93"/>
    </row>
    <row r="3058" spans="2:64" x14ac:dyDescent="0.2">
      <c r="B3058" s="43"/>
      <c r="C3058" s="73"/>
      <c r="D3058" s="64"/>
      <c r="E3058" s="55"/>
      <c r="F3058" s="74"/>
      <c r="G3058" s="74"/>
      <c r="H3058" s="74"/>
      <c r="I3058" s="75"/>
      <c r="J3058" s="74"/>
      <c r="L3058" s="55"/>
      <c r="M3058" s="234"/>
      <c r="N3058" s="65"/>
      <c r="O3058" s="76"/>
      <c r="P3058" s="76"/>
      <c r="Q3058" s="65"/>
      <c r="R3058" s="76"/>
      <c r="S3058" s="76"/>
      <c r="T3058" s="76"/>
      <c r="U3058" s="76"/>
      <c r="V3058" s="76"/>
      <c r="W3058" s="76"/>
      <c r="X3058" s="76"/>
      <c r="Y3058" s="76"/>
      <c r="Z3058" s="76"/>
      <c r="AA3058" s="85"/>
      <c r="AB3058" s="85"/>
      <c r="AC3058" s="85"/>
      <c r="AD3058" s="85"/>
      <c r="AE3058" s="85"/>
      <c r="AF3058" s="85"/>
      <c r="AG3058" s="86"/>
      <c r="AH3058" s="85"/>
      <c r="AI3058" s="85"/>
      <c r="AJ3058" s="85"/>
      <c r="AK3058" s="85"/>
      <c r="AL3058" s="85"/>
      <c r="AM3058" s="92"/>
      <c r="AN3058" s="92"/>
      <c r="AO3058" s="92"/>
      <c r="AP3058" s="92"/>
      <c r="AQ3058" s="92"/>
      <c r="AR3058" s="92"/>
      <c r="AS3058" s="92"/>
      <c r="AT3058" s="92"/>
      <c r="AU3058" s="92"/>
      <c r="AV3058" s="92"/>
      <c r="AW3058" s="92"/>
      <c r="AX3058" s="92"/>
      <c r="AY3058" s="92"/>
      <c r="AZ3058" s="93"/>
      <c r="BA3058" s="93"/>
      <c r="BB3058" s="93"/>
      <c r="BC3058" s="93"/>
      <c r="BD3058" s="93"/>
      <c r="BE3058" s="93"/>
      <c r="BF3058" s="93"/>
      <c r="BG3058" s="93"/>
      <c r="BH3058" s="93"/>
      <c r="BI3058" s="93"/>
      <c r="BJ3058" s="93"/>
      <c r="BK3058" s="93"/>
      <c r="BL3058" s="93"/>
    </row>
    <row r="3059" spans="2:64" x14ac:dyDescent="0.2">
      <c r="B3059" s="43"/>
      <c r="C3059" s="73"/>
      <c r="D3059" s="64"/>
      <c r="E3059" s="55"/>
      <c r="F3059" s="74"/>
      <c r="G3059" s="74"/>
      <c r="H3059" s="74"/>
      <c r="I3059" s="75"/>
      <c r="J3059" s="74"/>
      <c r="L3059" s="55"/>
      <c r="M3059" s="234"/>
      <c r="N3059" s="65"/>
      <c r="O3059" s="76"/>
      <c r="P3059" s="76"/>
      <c r="Q3059" s="65"/>
      <c r="R3059" s="76"/>
      <c r="S3059" s="76"/>
      <c r="T3059" s="76"/>
      <c r="U3059" s="76"/>
      <c r="V3059" s="76"/>
      <c r="W3059" s="76"/>
      <c r="X3059" s="76"/>
      <c r="Y3059" s="76"/>
      <c r="Z3059" s="76"/>
      <c r="AA3059" s="85"/>
      <c r="AB3059" s="85"/>
      <c r="AC3059" s="85"/>
      <c r="AD3059" s="85"/>
      <c r="AE3059" s="85"/>
      <c r="AF3059" s="85"/>
      <c r="AG3059" s="86"/>
      <c r="AH3059" s="85"/>
      <c r="AI3059" s="85"/>
      <c r="AJ3059" s="85"/>
      <c r="AK3059" s="85"/>
      <c r="AL3059" s="85"/>
      <c r="AM3059" s="92"/>
      <c r="AN3059" s="92"/>
      <c r="AO3059" s="92"/>
      <c r="AP3059" s="92"/>
      <c r="AQ3059" s="92"/>
      <c r="AR3059" s="92"/>
      <c r="AS3059" s="92"/>
      <c r="AT3059" s="92"/>
      <c r="AU3059" s="92"/>
      <c r="AV3059" s="92"/>
      <c r="AW3059" s="92"/>
      <c r="AX3059" s="92"/>
      <c r="AY3059" s="92"/>
      <c r="AZ3059" s="93"/>
      <c r="BA3059" s="93"/>
      <c r="BB3059" s="93"/>
      <c r="BC3059" s="93"/>
      <c r="BD3059" s="93"/>
      <c r="BE3059" s="93"/>
      <c r="BF3059" s="93"/>
      <c r="BG3059" s="93"/>
      <c r="BH3059" s="93"/>
      <c r="BI3059" s="93"/>
      <c r="BJ3059" s="93"/>
      <c r="BK3059" s="93"/>
      <c r="BL3059" s="93"/>
    </row>
    <row r="3060" spans="2:64" x14ac:dyDescent="0.2">
      <c r="B3060" s="43"/>
      <c r="C3060" s="73"/>
      <c r="D3060" s="64"/>
      <c r="E3060" s="55"/>
      <c r="F3060" s="74"/>
      <c r="G3060" s="74"/>
      <c r="H3060" s="74"/>
      <c r="I3060" s="75"/>
      <c r="J3060" s="74"/>
      <c r="L3060" s="55"/>
      <c r="M3060" s="234"/>
      <c r="N3060" s="65"/>
      <c r="O3060" s="76"/>
      <c r="P3060" s="76"/>
      <c r="Q3060" s="65"/>
      <c r="R3060" s="76"/>
      <c r="S3060" s="76"/>
      <c r="T3060" s="76"/>
      <c r="U3060" s="76"/>
      <c r="V3060" s="76"/>
      <c r="W3060" s="76"/>
      <c r="X3060" s="76"/>
      <c r="Y3060" s="76"/>
      <c r="Z3060" s="76"/>
      <c r="AA3060" s="85"/>
      <c r="AB3060" s="85"/>
      <c r="AC3060" s="85"/>
      <c r="AD3060" s="85"/>
      <c r="AE3060" s="85"/>
      <c r="AF3060" s="85"/>
      <c r="AG3060" s="86"/>
      <c r="AH3060" s="85"/>
      <c r="AI3060" s="85"/>
      <c r="AJ3060" s="85"/>
      <c r="AK3060" s="85"/>
      <c r="AL3060" s="85"/>
      <c r="AM3060" s="92"/>
      <c r="AN3060" s="92"/>
      <c r="AO3060" s="92"/>
      <c r="AP3060" s="92"/>
      <c r="AQ3060" s="92"/>
      <c r="AR3060" s="92"/>
      <c r="AS3060" s="92"/>
      <c r="AT3060" s="92"/>
      <c r="AU3060" s="92"/>
      <c r="AV3060" s="92"/>
      <c r="AW3060" s="92"/>
      <c r="AX3060" s="92"/>
      <c r="AY3060" s="92"/>
      <c r="AZ3060" s="93"/>
      <c r="BA3060" s="93"/>
      <c r="BB3060" s="93"/>
      <c r="BC3060" s="93"/>
      <c r="BD3060" s="93"/>
      <c r="BE3060" s="93"/>
      <c r="BF3060" s="93"/>
      <c r="BG3060" s="93"/>
      <c r="BH3060" s="93"/>
      <c r="BI3060" s="93"/>
      <c r="BJ3060" s="93"/>
      <c r="BK3060" s="93"/>
      <c r="BL3060" s="93"/>
    </row>
    <row r="3061" spans="2:64" x14ac:dyDescent="0.2">
      <c r="B3061" s="43"/>
      <c r="C3061" s="73"/>
      <c r="D3061" s="64"/>
      <c r="E3061" s="55"/>
      <c r="F3061" s="74"/>
      <c r="G3061" s="74"/>
      <c r="H3061" s="74"/>
      <c r="I3061" s="75"/>
      <c r="J3061" s="74"/>
      <c r="L3061" s="55"/>
      <c r="M3061" s="234"/>
      <c r="N3061" s="65"/>
      <c r="O3061" s="76"/>
      <c r="P3061" s="76"/>
      <c r="Q3061" s="65"/>
      <c r="R3061" s="76"/>
      <c r="S3061" s="76"/>
      <c r="T3061" s="76"/>
      <c r="U3061" s="76"/>
      <c r="V3061" s="76"/>
      <c r="W3061" s="76"/>
      <c r="X3061" s="76"/>
      <c r="Y3061" s="76"/>
      <c r="Z3061" s="76"/>
      <c r="AA3061" s="85"/>
      <c r="AB3061" s="85"/>
      <c r="AC3061" s="85"/>
      <c r="AD3061" s="85"/>
      <c r="AE3061" s="85"/>
      <c r="AF3061" s="85"/>
      <c r="AG3061" s="86"/>
      <c r="AH3061" s="85"/>
      <c r="AI3061" s="85"/>
      <c r="AJ3061" s="85"/>
      <c r="AK3061" s="85"/>
      <c r="AL3061" s="85"/>
      <c r="AM3061" s="92"/>
      <c r="AN3061" s="92"/>
      <c r="AO3061" s="92"/>
      <c r="AP3061" s="92"/>
      <c r="AQ3061" s="92"/>
      <c r="AR3061" s="92"/>
      <c r="AS3061" s="92"/>
      <c r="AT3061" s="92"/>
      <c r="AU3061" s="92"/>
      <c r="AV3061" s="92"/>
      <c r="AW3061" s="92"/>
      <c r="AX3061" s="92"/>
      <c r="AY3061" s="92"/>
      <c r="AZ3061" s="93"/>
      <c r="BA3061" s="93"/>
      <c r="BB3061" s="93"/>
      <c r="BC3061" s="93"/>
      <c r="BD3061" s="93"/>
      <c r="BE3061" s="93"/>
      <c r="BF3061" s="93"/>
      <c r="BG3061" s="93"/>
      <c r="BH3061" s="93"/>
      <c r="BI3061" s="93"/>
      <c r="BJ3061" s="93"/>
      <c r="BK3061" s="93"/>
      <c r="BL3061" s="93"/>
    </row>
    <row r="3062" spans="2:64" x14ac:dyDescent="0.2">
      <c r="B3062" s="43"/>
      <c r="C3062" s="73"/>
      <c r="D3062" s="64"/>
      <c r="E3062" s="55"/>
      <c r="F3062" s="74"/>
      <c r="G3062" s="74"/>
      <c r="H3062" s="74"/>
      <c r="I3062" s="75"/>
      <c r="J3062" s="74"/>
      <c r="L3062" s="55"/>
      <c r="M3062" s="234"/>
      <c r="N3062" s="65"/>
      <c r="O3062" s="76"/>
      <c r="P3062" s="76"/>
      <c r="Q3062" s="65"/>
      <c r="R3062" s="76"/>
      <c r="S3062" s="76"/>
      <c r="T3062" s="76"/>
      <c r="U3062" s="76"/>
      <c r="V3062" s="76"/>
      <c r="W3062" s="76"/>
      <c r="X3062" s="76"/>
      <c r="Y3062" s="76"/>
      <c r="Z3062" s="76"/>
      <c r="AA3062" s="85"/>
      <c r="AB3062" s="85"/>
      <c r="AC3062" s="85"/>
      <c r="AD3062" s="85"/>
      <c r="AE3062" s="85"/>
      <c r="AF3062" s="85"/>
      <c r="AG3062" s="86"/>
      <c r="AH3062" s="85"/>
      <c r="AI3062" s="85"/>
      <c r="AJ3062" s="85"/>
      <c r="AK3062" s="85"/>
      <c r="AL3062" s="85"/>
      <c r="AM3062" s="92"/>
      <c r="AN3062" s="92"/>
      <c r="AO3062" s="92"/>
      <c r="AP3062" s="92"/>
      <c r="AQ3062" s="92"/>
      <c r="AR3062" s="92"/>
      <c r="AS3062" s="92"/>
      <c r="AT3062" s="92"/>
      <c r="AU3062" s="92"/>
      <c r="AV3062" s="92"/>
      <c r="AW3062" s="92"/>
      <c r="AX3062" s="92"/>
      <c r="AY3062" s="92"/>
      <c r="AZ3062" s="93"/>
      <c r="BA3062" s="93"/>
      <c r="BB3062" s="93"/>
      <c r="BC3062" s="93"/>
      <c r="BD3062" s="93"/>
      <c r="BE3062" s="93"/>
      <c r="BF3062" s="93"/>
      <c r="BG3062" s="93"/>
      <c r="BH3062" s="93"/>
      <c r="BI3062" s="93"/>
      <c r="BJ3062" s="93"/>
      <c r="BK3062" s="93"/>
      <c r="BL3062" s="93"/>
    </row>
    <row r="3063" spans="2:64" x14ac:dyDescent="0.2">
      <c r="B3063" s="43"/>
      <c r="C3063" s="73"/>
      <c r="D3063" s="64"/>
      <c r="E3063" s="55"/>
      <c r="F3063" s="74"/>
      <c r="G3063" s="74"/>
      <c r="H3063" s="74"/>
      <c r="I3063" s="75"/>
      <c r="J3063" s="74"/>
      <c r="L3063" s="55"/>
      <c r="M3063" s="234"/>
      <c r="N3063" s="65"/>
      <c r="O3063" s="76"/>
      <c r="P3063" s="76"/>
      <c r="Q3063" s="65"/>
      <c r="R3063" s="76"/>
      <c r="S3063" s="76"/>
      <c r="T3063" s="76"/>
      <c r="U3063" s="76"/>
      <c r="V3063" s="76"/>
      <c r="W3063" s="76"/>
      <c r="X3063" s="76"/>
      <c r="Y3063" s="76"/>
      <c r="Z3063" s="76"/>
      <c r="AA3063" s="85"/>
      <c r="AB3063" s="85"/>
      <c r="AC3063" s="85"/>
      <c r="AD3063" s="85"/>
      <c r="AE3063" s="85"/>
      <c r="AF3063" s="85"/>
      <c r="AG3063" s="86"/>
      <c r="AH3063" s="85"/>
      <c r="AI3063" s="85"/>
      <c r="AJ3063" s="85"/>
      <c r="AK3063" s="85"/>
      <c r="AL3063" s="85"/>
      <c r="AM3063" s="92"/>
      <c r="AN3063" s="92"/>
      <c r="AO3063" s="92"/>
      <c r="AP3063" s="92"/>
      <c r="AQ3063" s="92"/>
      <c r="AR3063" s="92"/>
      <c r="AS3063" s="92"/>
      <c r="AT3063" s="92"/>
      <c r="AU3063" s="92"/>
      <c r="AV3063" s="92"/>
      <c r="AW3063" s="92"/>
      <c r="AX3063" s="92"/>
      <c r="AY3063" s="92"/>
      <c r="AZ3063" s="93"/>
      <c r="BA3063" s="93"/>
      <c r="BB3063" s="93"/>
      <c r="BC3063" s="93"/>
      <c r="BD3063" s="93"/>
      <c r="BE3063" s="93"/>
      <c r="BF3063" s="93"/>
      <c r="BG3063" s="93"/>
      <c r="BH3063" s="93"/>
      <c r="BI3063" s="93"/>
      <c r="BJ3063" s="93"/>
      <c r="BK3063" s="93"/>
      <c r="BL3063" s="93"/>
    </row>
    <row r="3064" spans="2:64" x14ac:dyDescent="0.2">
      <c r="B3064" s="43"/>
      <c r="C3064" s="73"/>
      <c r="D3064" s="64"/>
      <c r="E3064" s="55"/>
      <c r="F3064" s="74"/>
      <c r="G3064" s="74"/>
      <c r="H3064" s="74"/>
      <c r="I3064" s="75"/>
      <c r="J3064" s="74"/>
      <c r="L3064" s="55"/>
      <c r="M3064" s="234"/>
      <c r="N3064" s="65"/>
      <c r="O3064" s="76"/>
      <c r="P3064" s="76"/>
      <c r="Q3064" s="65"/>
      <c r="R3064" s="76"/>
      <c r="S3064" s="76"/>
      <c r="T3064" s="76"/>
      <c r="U3064" s="76"/>
      <c r="V3064" s="76"/>
      <c r="W3064" s="76"/>
      <c r="X3064" s="76"/>
      <c r="Y3064" s="76"/>
      <c r="Z3064" s="76"/>
      <c r="AA3064" s="85"/>
      <c r="AB3064" s="85"/>
      <c r="AC3064" s="85"/>
      <c r="AD3064" s="85"/>
      <c r="AE3064" s="85"/>
      <c r="AF3064" s="85"/>
      <c r="AG3064" s="86"/>
      <c r="AH3064" s="85"/>
      <c r="AI3064" s="85"/>
      <c r="AJ3064" s="85"/>
      <c r="AK3064" s="85"/>
      <c r="AL3064" s="85"/>
      <c r="AM3064" s="92"/>
      <c r="AN3064" s="92"/>
      <c r="AO3064" s="92"/>
      <c r="AP3064" s="92"/>
      <c r="AQ3064" s="92"/>
      <c r="AR3064" s="92"/>
      <c r="AS3064" s="92"/>
      <c r="AT3064" s="92"/>
      <c r="AU3064" s="92"/>
      <c r="AV3064" s="92"/>
      <c r="AW3064" s="92"/>
      <c r="AX3064" s="92"/>
      <c r="AY3064" s="92"/>
      <c r="AZ3064" s="93"/>
      <c r="BA3064" s="93"/>
      <c r="BB3064" s="93"/>
      <c r="BC3064" s="93"/>
      <c r="BD3064" s="93"/>
      <c r="BE3064" s="93"/>
      <c r="BF3064" s="93"/>
      <c r="BG3064" s="93"/>
      <c r="BH3064" s="93"/>
      <c r="BI3064" s="93"/>
      <c r="BJ3064" s="93"/>
      <c r="BK3064" s="93"/>
      <c r="BL3064" s="93"/>
    </row>
    <row r="3065" spans="2:64" x14ac:dyDescent="0.2">
      <c r="B3065" s="43"/>
      <c r="C3065" s="73"/>
      <c r="D3065" s="64"/>
      <c r="E3065" s="55"/>
      <c r="F3065" s="74"/>
      <c r="G3065" s="74"/>
      <c r="H3065" s="74"/>
      <c r="I3065" s="75"/>
      <c r="J3065" s="74"/>
      <c r="L3065" s="55"/>
      <c r="M3065" s="234"/>
      <c r="N3065" s="65"/>
      <c r="O3065" s="76"/>
      <c r="P3065" s="76"/>
      <c r="Q3065" s="65"/>
      <c r="R3065" s="76"/>
      <c r="S3065" s="76"/>
      <c r="T3065" s="76"/>
      <c r="U3065" s="76"/>
      <c r="V3065" s="76"/>
      <c r="W3065" s="76"/>
      <c r="X3065" s="76"/>
      <c r="Y3065" s="76"/>
      <c r="Z3065" s="76"/>
      <c r="AA3065" s="85"/>
      <c r="AB3065" s="85"/>
      <c r="AC3065" s="85"/>
      <c r="AD3065" s="85"/>
      <c r="AE3065" s="85"/>
      <c r="AF3065" s="85"/>
      <c r="AG3065" s="86"/>
      <c r="AH3065" s="85"/>
      <c r="AI3065" s="85"/>
      <c r="AJ3065" s="85"/>
      <c r="AK3065" s="85"/>
      <c r="AL3065" s="85"/>
      <c r="AM3065" s="92"/>
      <c r="AN3065" s="92"/>
      <c r="AO3065" s="92"/>
      <c r="AP3065" s="92"/>
      <c r="AQ3065" s="92"/>
      <c r="AR3065" s="92"/>
      <c r="AS3065" s="92"/>
      <c r="AT3065" s="92"/>
      <c r="AU3065" s="92"/>
      <c r="AV3065" s="92"/>
      <c r="AW3065" s="92"/>
      <c r="AX3065" s="92"/>
      <c r="AY3065" s="92"/>
      <c r="AZ3065" s="93"/>
      <c r="BA3065" s="93"/>
      <c r="BB3065" s="93"/>
      <c r="BC3065" s="93"/>
      <c r="BD3065" s="93"/>
      <c r="BE3065" s="93"/>
      <c r="BF3065" s="93"/>
      <c r="BG3065" s="93"/>
      <c r="BH3065" s="93"/>
      <c r="BI3065" s="93"/>
      <c r="BJ3065" s="93"/>
      <c r="BK3065" s="93"/>
      <c r="BL3065" s="93"/>
    </row>
    <row r="3066" spans="2:64" x14ac:dyDescent="0.2">
      <c r="B3066" s="43"/>
      <c r="C3066" s="73"/>
      <c r="D3066" s="64"/>
      <c r="E3066" s="55"/>
      <c r="F3066" s="74"/>
      <c r="G3066" s="74"/>
      <c r="H3066" s="74"/>
      <c r="I3066" s="75"/>
      <c r="J3066" s="74"/>
      <c r="L3066" s="55"/>
      <c r="M3066" s="234"/>
      <c r="N3066" s="65"/>
      <c r="O3066" s="76"/>
      <c r="P3066" s="76"/>
      <c r="Q3066" s="65"/>
      <c r="R3066" s="76"/>
      <c r="S3066" s="76"/>
      <c r="T3066" s="76"/>
      <c r="U3066" s="76"/>
      <c r="V3066" s="76"/>
      <c r="W3066" s="76"/>
      <c r="X3066" s="76"/>
      <c r="Y3066" s="76"/>
      <c r="Z3066" s="76"/>
      <c r="AA3066" s="85"/>
      <c r="AB3066" s="85"/>
      <c r="AC3066" s="85"/>
      <c r="AD3066" s="85"/>
      <c r="AE3066" s="85"/>
      <c r="AF3066" s="85"/>
      <c r="AG3066" s="86"/>
      <c r="AH3066" s="85"/>
      <c r="AI3066" s="85"/>
      <c r="AJ3066" s="85"/>
      <c r="AK3066" s="85"/>
      <c r="AL3066" s="85"/>
      <c r="AM3066" s="92"/>
      <c r="AN3066" s="92"/>
      <c r="AO3066" s="92"/>
      <c r="AP3066" s="92"/>
      <c r="AQ3066" s="92"/>
      <c r="AR3066" s="92"/>
      <c r="AS3066" s="92"/>
      <c r="AT3066" s="92"/>
      <c r="AU3066" s="92"/>
      <c r="AV3066" s="92"/>
      <c r="AW3066" s="92"/>
      <c r="AX3066" s="92"/>
      <c r="AY3066" s="92"/>
      <c r="AZ3066" s="93"/>
      <c r="BA3066" s="93"/>
      <c r="BB3066" s="93"/>
      <c r="BC3066" s="93"/>
      <c r="BD3066" s="93"/>
      <c r="BE3066" s="93"/>
      <c r="BF3066" s="93"/>
      <c r="BG3066" s="93"/>
      <c r="BH3066" s="93"/>
      <c r="BI3066" s="93"/>
      <c r="BJ3066" s="93"/>
      <c r="BK3066" s="93"/>
      <c r="BL3066" s="93"/>
    </row>
    <row r="3067" spans="2:64" x14ac:dyDescent="0.2">
      <c r="B3067" s="43"/>
      <c r="C3067" s="73"/>
      <c r="D3067" s="64"/>
      <c r="E3067" s="55"/>
      <c r="F3067" s="74"/>
      <c r="G3067" s="74"/>
      <c r="H3067" s="74"/>
      <c r="I3067" s="75"/>
      <c r="J3067" s="74"/>
      <c r="L3067" s="55"/>
      <c r="M3067" s="234"/>
      <c r="N3067" s="65"/>
      <c r="O3067" s="76"/>
      <c r="P3067" s="76"/>
      <c r="Q3067" s="65"/>
      <c r="R3067" s="76"/>
      <c r="S3067" s="76"/>
      <c r="T3067" s="76"/>
      <c r="U3067" s="76"/>
      <c r="V3067" s="76"/>
      <c r="W3067" s="76"/>
      <c r="X3067" s="76"/>
      <c r="Y3067" s="76"/>
      <c r="Z3067" s="76"/>
      <c r="AA3067" s="85"/>
      <c r="AB3067" s="85"/>
      <c r="AC3067" s="85"/>
      <c r="AD3067" s="85"/>
      <c r="AE3067" s="85"/>
      <c r="AF3067" s="85"/>
      <c r="AG3067" s="86"/>
      <c r="AH3067" s="85"/>
      <c r="AI3067" s="85"/>
      <c r="AJ3067" s="85"/>
      <c r="AK3067" s="85"/>
      <c r="AL3067" s="85"/>
      <c r="AM3067" s="92"/>
      <c r="AN3067" s="92"/>
      <c r="AO3067" s="92"/>
      <c r="AP3067" s="92"/>
      <c r="AQ3067" s="92"/>
      <c r="AR3067" s="92"/>
      <c r="AS3067" s="92"/>
      <c r="AT3067" s="92"/>
      <c r="AU3067" s="92"/>
      <c r="AV3067" s="92"/>
      <c r="AW3067" s="92"/>
      <c r="AX3067" s="92"/>
      <c r="AY3067" s="92"/>
      <c r="AZ3067" s="93"/>
      <c r="BA3067" s="93"/>
      <c r="BB3067" s="93"/>
      <c r="BC3067" s="93"/>
      <c r="BD3067" s="93"/>
      <c r="BE3067" s="93"/>
      <c r="BF3067" s="93"/>
      <c r="BG3067" s="93"/>
      <c r="BH3067" s="93"/>
      <c r="BI3067" s="93"/>
      <c r="BJ3067" s="93"/>
      <c r="BK3067" s="93"/>
      <c r="BL3067" s="93"/>
    </row>
    <row r="3068" spans="2:64" x14ac:dyDescent="0.2">
      <c r="B3068" s="43"/>
      <c r="C3068" s="73"/>
      <c r="D3068" s="64"/>
      <c r="E3068" s="55"/>
      <c r="F3068" s="74"/>
      <c r="G3068" s="74"/>
      <c r="H3068" s="74"/>
      <c r="I3068" s="75"/>
      <c r="J3068" s="74"/>
      <c r="L3068" s="55"/>
      <c r="M3068" s="234"/>
      <c r="N3068" s="65"/>
      <c r="O3068" s="76"/>
      <c r="P3068" s="76"/>
      <c r="Q3068" s="65"/>
      <c r="R3068" s="76"/>
      <c r="S3068" s="76"/>
      <c r="T3068" s="76"/>
      <c r="U3068" s="76"/>
      <c r="V3068" s="76"/>
      <c r="W3068" s="76"/>
      <c r="X3068" s="76"/>
      <c r="Y3068" s="76"/>
      <c r="Z3068" s="76"/>
      <c r="AA3068" s="85"/>
      <c r="AB3068" s="85"/>
      <c r="AC3068" s="85"/>
      <c r="AD3068" s="85"/>
      <c r="AE3068" s="85"/>
      <c r="AF3068" s="85"/>
      <c r="AG3068" s="86"/>
      <c r="AH3068" s="85"/>
      <c r="AI3068" s="85"/>
      <c r="AJ3068" s="85"/>
      <c r="AK3068" s="85"/>
      <c r="AL3068" s="85"/>
      <c r="AM3068" s="92"/>
      <c r="AN3068" s="92"/>
      <c r="AO3068" s="92"/>
      <c r="AP3068" s="92"/>
      <c r="AQ3068" s="92"/>
      <c r="AR3068" s="92"/>
      <c r="AS3068" s="92"/>
      <c r="AT3068" s="92"/>
      <c r="AU3068" s="92"/>
      <c r="AV3068" s="92"/>
      <c r="AW3068" s="92"/>
      <c r="AX3068" s="92"/>
      <c r="AY3068" s="92"/>
      <c r="AZ3068" s="93"/>
      <c r="BA3068" s="93"/>
      <c r="BB3068" s="93"/>
      <c r="BC3068" s="93"/>
      <c r="BD3068" s="93"/>
      <c r="BE3068" s="93"/>
      <c r="BF3068" s="93"/>
      <c r="BG3068" s="93"/>
      <c r="BH3068" s="93"/>
      <c r="BI3068" s="93"/>
      <c r="BJ3068" s="93"/>
      <c r="BK3068" s="93"/>
      <c r="BL3068" s="93"/>
    </row>
    <row r="3069" spans="2:64" x14ac:dyDescent="0.2">
      <c r="B3069" s="43"/>
      <c r="C3069" s="73"/>
      <c r="D3069" s="64"/>
      <c r="E3069" s="55"/>
      <c r="F3069" s="74"/>
      <c r="G3069" s="74"/>
      <c r="H3069" s="74"/>
      <c r="I3069" s="75"/>
      <c r="J3069" s="74"/>
      <c r="L3069" s="55"/>
      <c r="M3069" s="234"/>
      <c r="N3069" s="65"/>
      <c r="O3069" s="76"/>
      <c r="P3069" s="76"/>
      <c r="Q3069" s="65"/>
      <c r="R3069" s="76"/>
      <c r="S3069" s="76"/>
      <c r="T3069" s="76"/>
      <c r="U3069" s="76"/>
      <c r="V3069" s="76"/>
      <c r="W3069" s="76"/>
      <c r="X3069" s="76"/>
      <c r="Y3069" s="76"/>
      <c r="Z3069" s="76"/>
      <c r="AA3069" s="85"/>
      <c r="AB3069" s="85"/>
      <c r="AC3069" s="85"/>
      <c r="AD3069" s="85"/>
      <c r="AE3069" s="85"/>
      <c r="AF3069" s="85"/>
      <c r="AG3069" s="86"/>
      <c r="AH3069" s="85"/>
      <c r="AI3069" s="85"/>
      <c r="AJ3069" s="85"/>
      <c r="AK3069" s="85"/>
      <c r="AL3069" s="85"/>
      <c r="AM3069" s="92"/>
      <c r="AN3069" s="92"/>
      <c r="AO3069" s="92"/>
      <c r="AP3069" s="92"/>
      <c r="AQ3069" s="92"/>
      <c r="AR3069" s="92"/>
      <c r="AS3069" s="92"/>
      <c r="AT3069" s="92"/>
      <c r="AU3069" s="92"/>
      <c r="AV3069" s="92"/>
      <c r="AW3069" s="92"/>
      <c r="AX3069" s="92"/>
      <c r="AY3069" s="92"/>
      <c r="AZ3069" s="93"/>
      <c r="BA3069" s="93"/>
      <c r="BB3069" s="93"/>
      <c r="BC3069" s="93"/>
      <c r="BD3069" s="93"/>
      <c r="BE3069" s="93"/>
      <c r="BF3069" s="93"/>
      <c r="BG3069" s="93"/>
      <c r="BH3069" s="93"/>
      <c r="BI3069" s="93"/>
      <c r="BJ3069" s="93"/>
      <c r="BK3069" s="93"/>
      <c r="BL3069" s="93"/>
    </row>
    <row r="3070" spans="2:64" x14ac:dyDescent="0.2">
      <c r="B3070" s="43"/>
      <c r="C3070" s="73"/>
      <c r="D3070" s="64"/>
      <c r="E3070" s="55"/>
      <c r="F3070" s="74"/>
      <c r="G3070" s="74"/>
      <c r="H3070" s="74"/>
      <c r="I3070" s="75"/>
      <c r="J3070" s="74"/>
      <c r="L3070" s="55"/>
      <c r="M3070" s="234"/>
      <c r="N3070" s="65"/>
      <c r="O3070" s="76"/>
      <c r="P3070" s="76"/>
      <c r="Q3070" s="65"/>
      <c r="R3070" s="76"/>
      <c r="S3070" s="76"/>
      <c r="T3070" s="76"/>
      <c r="U3070" s="76"/>
      <c r="V3070" s="76"/>
      <c r="W3070" s="76"/>
      <c r="X3070" s="76"/>
      <c r="Y3070" s="76"/>
      <c r="Z3070" s="76"/>
      <c r="AA3070" s="85"/>
      <c r="AB3070" s="85"/>
      <c r="AC3070" s="85"/>
      <c r="AD3070" s="85"/>
      <c r="AE3070" s="85"/>
      <c r="AF3070" s="85"/>
      <c r="AG3070" s="86"/>
      <c r="AH3070" s="85"/>
      <c r="AI3070" s="85"/>
      <c r="AJ3070" s="85"/>
      <c r="AK3070" s="85"/>
      <c r="AL3070" s="85"/>
      <c r="AM3070" s="92"/>
      <c r="AN3070" s="92"/>
      <c r="AO3070" s="92"/>
      <c r="AP3070" s="92"/>
      <c r="AQ3070" s="92"/>
      <c r="AR3070" s="92"/>
      <c r="AS3070" s="92"/>
      <c r="AT3070" s="92"/>
      <c r="AU3070" s="92"/>
      <c r="AV3070" s="92"/>
      <c r="AW3070" s="92"/>
      <c r="AX3070" s="92"/>
      <c r="AY3070" s="92"/>
      <c r="AZ3070" s="93"/>
      <c r="BA3070" s="93"/>
      <c r="BB3070" s="93"/>
      <c r="BC3070" s="93"/>
      <c r="BD3070" s="93"/>
      <c r="BE3070" s="93"/>
      <c r="BF3070" s="93"/>
      <c r="BG3070" s="93"/>
      <c r="BH3070" s="93"/>
      <c r="BI3070" s="93"/>
      <c r="BJ3070" s="93"/>
      <c r="BK3070" s="93"/>
      <c r="BL3070" s="93"/>
    </row>
    <row r="3071" spans="2:64" x14ac:dyDescent="0.2">
      <c r="B3071" s="43"/>
      <c r="C3071" s="73"/>
      <c r="D3071" s="64"/>
      <c r="E3071" s="55"/>
      <c r="F3071" s="74"/>
      <c r="G3071" s="74"/>
      <c r="H3071" s="74"/>
      <c r="I3071" s="75"/>
      <c r="J3071" s="74"/>
      <c r="L3071" s="55"/>
      <c r="M3071" s="234"/>
      <c r="N3071" s="65"/>
      <c r="O3071" s="76"/>
      <c r="P3071" s="76"/>
      <c r="Q3071" s="65"/>
      <c r="R3071" s="76"/>
      <c r="S3071" s="76"/>
      <c r="T3071" s="76"/>
      <c r="U3071" s="76"/>
      <c r="V3071" s="76"/>
      <c r="W3071" s="76"/>
      <c r="X3071" s="76"/>
      <c r="Y3071" s="76"/>
      <c r="Z3071" s="76"/>
      <c r="AA3071" s="85"/>
      <c r="AB3071" s="85"/>
      <c r="AC3071" s="85"/>
      <c r="AD3071" s="85"/>
      <c r="AE3071" s="85"/>
      <c r="AF3071" s="85"/>
      <c r="AG3071" s="86"/>
      <c r="AH3071" s="85"/>
      <c r="AI3071" s="85"/>
      <c r="AJ3071" s="85"/>
      <c r="AK3071" s="85"/>
      <c r="AL3071" s="85"/>
      <c r="AM3071" s="92"/>
      <c r="AN3071" s="92"/>
      <c r="AO3071" s="92"/>
      <c r="AP3071" s="92"/>
      <c r="AQ3071" s="92"/>
      <c r="AR3071" s="92"/>
      <c r="AS3071" s="92"/>
      <c r="AT3071" s="92"/>
      <c r="AU3071" s="92"/>
      <c r="AV3071" s="92"/>
      <c r="AW3071" s="92"/>
      <c r="AX3071" s="92"/>
      <c r="AY3071" s="92"/>
      <c r="AZ3071" s="93"/>
      <c r="BA3071" s="93"/>
      <c r="BB3071" s="93"/>
      <c r="BC3071" s="93"/>
      <c r="BD3071" s="93"/>
      <c r="BE3071" s="93"/>
      <c r="BF3071" s="93"/>
      <c r="BG3071" s="93"/>
      <c r="BH3071" s="93"/>
      <c r="BI3071" s="93"/>
      <c r="BJ3071" s="93"/>
      <c r="BK3071" s="93"/>
      <c r="BL3071" s="93"/>
    </row>
    <row r="3072" spans="2:64" x14ac:dyDescent="0.2">
      <c r="B3072" s="43"/>
      <c r="C3072" s="73"/>
      <c r="D3072" s="64"/>
      <c r="E3072" s="55"/>
      <c r="F3072" s="74"/>
      <c r="G3072" s="74"/>
      <c r="H3072" s="74"/>
      <c r="I3072" s="75"/>
      <c r="J3072" s="74"/>
      <c r="L3072" s="55"/>
      <c r="M3072" s="234"/>
      <c r="N3072" s="65"/>
      <c r="O3072" s="76"/>
      <c r="P3072" s="76"/>
      <c r="Q3072" s="65"/>
      <c r="R3072" s="76"/>
      <c r="S3072" s="76"/>
      <c r="T3072" s="76"/>
      <c r="U3072" s="76"/>
      <c r="V3072" s="76"/>
      <c r="W3072" s="76"/>
      <c r="X3072" s="76"/>
      <c r="Y3072" s="76"/>
      <c r="Z3072" s="76"/>
      <c r="AA3072" s="85"/>
      <c r="AB3072" s="85"/>
      <c r="AC3072" s="85"/>
      <c r="AD3072" s="85"/>
      <c r="AE3072" s="85"/>
      <c r="AF3072" s="85"/>
      <c r="AG3072" s="86"/>
      <c r="AH3072" s="85"/>
      <c r="AI3072" s="85"/>
      <c r="AJ3072" s="85"/>
      <c r="AK3072" s="85"/>
      <c r="AL3072" s="85"/>
      <c r="AM3072" s="92"/>
      <c r="AN3072" s="92"/>
      <c r="AO3072" s="92"/>
      <c r="AP3072" s="92"/>
      <c r="AQ3072" s="92"/>
      <c r="AR3072" s="92"/>
      <c r="AS3072" s="92"/>
      <c r="AT3072" s="92"/>
      <c r="AU3072" s="92"/>
      <c r="AV3072" s="92"/>
      <c r="AW3072" s="92"/>
      <c r="AX3072" s="92"/>
      <c r="AY3072" s="92"/>
      <c r="AZ3072" s="93"/>
      <c r="BA3072" s="93"/>
      <c r="BB3072" s="93"/>
      <c r="BC3072" s="93"/>
      <c r="BD3072" s="93"/>
      <c r="BE3072" s="93"/>
      <c r="BF3072" s="93"/>
      <c r="BG3072" s="93"/>
      <c r="BH3072" s="93"/>
      <c r="BI3072" s="93"/>
      <c r="BJ3072" s="93"/>
      <c r="BK3072" s="93"/>
      <c r="BL3072" s="93"/>
    </row>
    <row r="3073" spans="2:64" x14ac:dyDescent="0.2">
      <c r="B3073" s="43"/>
      <c r="C3073" s="73"/>
      <c r="D3073" s="64"/>
      <c r="E3073" s="55"/>
      <c r="F3073" s="74"/>
      <c r="G3073" s="74"/>
      <c r="H3073" s="74"/>
      <c r="I3073" s="75"/>
      <c r="J3073" s="74"/>
      <c r="L3073" s="55"/>
      <c r="M3073" s="234"/>
      <c r="N3073" s="65"/>
      <c r="O3073" s="76"/>
      <c r="P3073" s="76"/>
      <c r="Q3073" s="65"/>
      <c r="R3073" s="76"/>
      <c r="S3073" s="76"/>
      <c r="T3073" s="76"/>
      <c r="U3073" s="76"/>
      <c r="V3073" s="76"/>
      <c r="W3073" s="76"/>
      <c r="X3073" s="76"/>
      <c r="Y3073" s="76"/>
      <c r="Z3073" s="76"/>
      <c r="AA3073" s="85"/>
      <c r="AB3073" s="85"/>
      <c r="AC3073" s="85"/>
      <c r="AD3073" s="85"/>
      <c r="AE3073" s="85"/>
      <c r="AF3073" s="85"/>
      <c r="AG3073" s="86"/>
      <c r="AH3073" s="85"/>
      <c r="AI3073" s="85"/>
      <c r="AJ3073" s="85"/>
      <c r="AK3073" s="85"/>
      <c r="AL3073" s="85"/>
      <c r="AM3073" s="92"/>
      <c r="AN3073" s="92"/>
      <c r="AO3073" s="92"/>
      <c r="AP3073" s="92"/>
      <c r="AQ3073" s="92"/>
      <c r="AR3073" s="92"/>
      <c r="AS3073" s="92"/>
      <c r="AT3073" s="92"/>
      <c r="AU3073" s="92"/>
      <c r="AV3073" s="92"/>
      <c r="AW3073" s="92"/>
      <c r="AX3073" s="92"/>
      <c r="AY3073" s="92"/>
      <c r="AZ3073" s="93"/>
      <c r="BA3073" s="93"/>
      <c r="BB3073" s="93"/>
      <c r="BC3073" s="93"/>
      <c r="BD3073" s="93"/>
      <c r="BE3073" s="93"/>
      <c r="BF3073" s="93"/>
      <c r="BG3073" s="93"/>
      <c r="BH3073" s="93"/>
      <c r="BI3073" s="93"/>
      <c r="BJ3073" s="93"/>
      <c r="BK3073" s="93"/>
      <c r="BL3073" s="93"/>
    </row>
    <row r="3074" spans="2:64" x14ac:dyDescent="0.2">
      <c r="B3074" s="43"/>
      <c r="C3074" s="73"/>
      <c r="D3074" s="64"/>
      <c r="E3074" s="55"/>
      <c r="F3074" s="74"/>
      <c r="G3074" s="74"/>
      <c r="H3074" s="74"/>
      <c r="I3074" s="75"/>
      <c r="J3074" s="74"/>
      <c r="L3074" s="55"/>
      <c r="M3074" s="234"/>
      <c r="N3074" s="65"/>
      <c r="O3074" s="76"/>
      <c r="P3074" s="76"/>
      <c r="Q3074" s="65"/>
      <c r="R3074" s="76"/>
      <c r="S3074" s="76"/>
      <c r="T3074" s="76"/>
      <c r="U3074" s="76"/>
      <c r="V3074" s="76"/>
      <c r="W3074" s="76"/>
      <c r="X3074" s="76"/>
      <c r="Y3074" s="76"/>
      <c r="Z3074" s="76"/>
      <c r="AA3074" s="85"/>
      <c r="AB3074" s="85"/>
      <c r="AC3074" s="85"/>
      <c r="AD3074" s="85"/>
      <c r="AE3074" s="85"/>
      <c r="AF3074" s="85"/>
      <c r="AG3074" s="86"/>
      <c r="AH3074" s="85"/>
      <c r="AI3074" s="85"/>
      <c r="AJ3074" s="85"/>
      <c r="AK3074" s="85"/>
      <c r="AL3074" s="85"/>
      <c r="AM3074" s="92"/>
      <c r="AN3074" s="92"/>
      <c r="AO3074" s="92"/>
      <c r="AP3074" s="92"/>
      <c r="AQ3074" s="92"/>
      <c r="AR3074" s="92"/>
      <c r="AS3074" s="92"/>
      <c r="AT3074" s="92"/>
      <c r="AU3074" s="92"/>
      <c r="AV3074" s="92"/>
      <c r="AW3074" s="92"/>
      <c r="AX3074" s="92"/>
      <c r="AY3074" s="92"/>
      <c r="AZ3074" s="93"/>
      <c r="BA3074" s="93"/>
      <c r="BB3074" s="93"/>
      <c r="BC3074" s="93"/>
      <c r="BD3074" s="93"/>
      <c r="BE3074" s="93"/>
      <c r="BF3074" s="93"/>
      <c r="BG3074" s="93"/>
      <c r="BH3074" s="93"/>
      <c r="BI3074" s="93"/>
      <c r="BJ3074" s="93"/>
      <c r="BK3074" s="93"/>
      <c r="BL3074" s="93"/>
    </row>
    <row r="3075" spans="2:64" x14ac:dyDescent="0.2">
      <c r="B3075" s="43"/>
      <c r="C3075" s="73"/>
      <c r="D3075" s="64"/>
      <c r="E3075" s="55"/>
      <c r="F3075" s="74"/>
      <c r="G3075" s="74"/>
      <c r="H3075" s="74"/>
      <c r="I3075" s="75"/>
      <c r="J3075" s="74"/>
      <c r="L3075" s="55"/>
      <c r="M3075" s="234"/>
      <c r="N3075" s="65"/>
      <c r="O3075" s="76"/>
      <c r="P3075" s="76"/>
      <c r="Q3075" s="65"/>
      <c r="R3075" s="76"/>
      <c r="S3075" s="76"/>
      <c r="T3075" s="76"/>
      <c r="U3075" s="76"/>
      <c r="V3075" s="76"/>
      <c r="W3075" s="76"/>
      <c r="X3075" s="76"/>
      <c r="Y3075" s="76"/>
      <c r="Z3075" s="76"/>
      <c r="AA3075" s="85"/>
      <c r="AB3075" s="85"/>
      <c r="AC3075" s="85"/>
      <c r="AD3075" s="85"/>
      <c r="AE3075" s="85"/>
      <c r="AF3075" s="85"/>
      <c r="AG3075" s="86"/>
      <c r="AH3075" s="85"/>
      <c r="AI3075" s="85"/>
      <c r="AJ3075" s="85"/>
      <c r="AK3075" s="85"/>
      <c r="AL3075" s="85"/>
      <c r="AM3075" s="92"/>
      <c r="AN3075" s="92"/>
      <c r="AO3075" s="92"/>
      <c r="AP3075" s="92"/>
      <c r="AQ3075" s="92"/>
      <c r="AR3075" s="92"/>
      <c r="AS3075" s="92"/>
      <c r="AT3075" s="92"/>
      <c r="AU3075" s="92"/>
      <c r="AV3075" s="92"/>
      <c r="AW3075" s="92"/>
      <c r="AX3075" s="92"/>
      <c r="AY3075" s="92"/>
      <c r="AZ3075" s="93"/>
      <c r="BA3075" s="93"/>
      <c r="BB3075" s="93"/>
      <c r="BC3075" s="93"/>
      <c r="BD3075" s="93"/>
      <c r="BE3075" s="93"/>
      <c r="BF3075" s="93"/>
      <c r="BG3075" s="93"/>
      <c r="BH3075" s="93"/>
      <c r="BI3075" s="93"/>
      <c r="BJ3075" s="93"/>
      <c r="BK3075" s="93"/>
      <c r="BL3075" s="93"/>
    </row>
    <row r="3076" spans="2:64" x14ac:dyDescent="0.2">
      <c r="B3076" s="43"/>
      <c r="C3076" s="73"/>
      <c r="D3076" s="64"/>
      <c r="E3076" s="55"/>
      <c r="F3076" s="74"/>
      <c r="G3076" s="74"/>
      <c r="H3076" s="74"/>
      <c r="I3076" s="75"/>
      <c r="J3076" s="74"/>
      <c r="L3076" s="55"/>
      <c r="M3076" s="234"/>
      <c r="N3076" s="65"/>
      <c r="O3076" s="76"/>
      <c r="P3076" s="76"/>
      <c r="Q3076" s="65"/>
      <c r="R3076" s="76"/>
      <c r="S3076" s="76"/>
      <c r="T3076" s="76"/>
      <c r="U3076" s="76"/>
      <c r="V3076" s="76"/>
      <c r="W3076" s="76"/>
      <c r="X3076" s="76"/>
      <c r="Y3076" s="76"/>
      <c r="Z3076" s="76"/>
      <c r="AA3076" s="85"/>
      <c r="AB3076" s="85"/>
      <c r="AC3076" s="85"/>
      <c r="AD3076" s="85"/>
      <c r="AE3076" s="85"/>
      <c r="AF3076" s="85"/>
      <c r="AG3076" s="86"/>
      <c r="AH3076" s="85"/>
      <c r="AI3076" s="85"/>
      <c r="AJ3076" s="85"/>
      <c r="AK3076" s="85"/>
      <c r="AL3076" s="85"/>
      <c r="AM3076" s="92"/>
      <c r="AN3076" s="92"/>
      <c r="AO3076" s="92"/>
      <c r="AP3076" s="92"/>
      <c r="AQ3076" s="92"/>
      <c r="AR3076" s="92"/>
      <c r="AS3076" s="92"/>
      <c r="AT3076" s="92"/>
      <c r="AU3076" s="92"/>
      <c r="AV3076" s="92"/>
      <c r="AW3076" s="92"/>
      <c r="AX3076" s="92"/>
      <c r="AY3076" s="92"/>
      <c r="AZ3076" s="93"/>
      <c r="BA3076" s="93"/>
      <c r="BB3076" s="93"/>
      <c r="BC3076" s="93"/>
      <c r="BD3076" s="93"/>
      <c r="BE3076" s="93"/>
      <c r="BF3076" s="93"/>
      <c r="BG3076" s="93"/>
      <c r="BH3076" s="93"/>
      <c r="BI3076" s="93"/>
      <c r="BJ3076" s="93"/>
      <c r="BK3076" s="93"/>
      <c r="BL3076" s="93"/>
    </row>
    <row r="3077" spans="2:64" x14ac:dyDescent="0.2">
      <c r="B3077" s="43"/>
      <c r="C3077" s="73"/>
      <c r="D3077" s="64"/>
      <c r="E3077" s="55"/>
      <c r="F3077" s="74"/>
      <c r="G3077" s="74"/>
      <c r="H3077" s="74"/>
      <c r="I3077" s="75"/>
      <c r="J3077" s="74"/>
      <c r="L3077" s="55"/>
      <c r="M3077" s="234"/>
      <c r="N3077" s="65"/>
      <c r="O3077" s="76"/>
      <c r="P3077" s="76"/>
      <c r="Q3077" s="65"/>
      <c r="R3077" s="76"/>
      <c r="S3077" s="76"/>
      <c r="T3077" s="76"/>
      <c r="U3077" s="76"/>
      <c r="V3077" s="76"/>
      <c r="W3077" s="76"/>
      <c r="X3077" s="76"/>
      <c r="Y3077" s="76"/>
      <c r="Z3077" s="76"/>
      <c r="AA3077" s="85"/>
      <c r="AB3077" s="85"/>
      <c r="AC3077" s="85"/>
      <c r="AD3077" s="85"/>
      <c r="AE3077" s="85"/>
      <c r="AF3077" s="85"/>
      <c r="AG3077" s="86"/>
      <c r="AH3077" s="85"/>
      <c r="AI3077" s="85"/>
      <c r="AJ3077" s="85"/>
      <c r="AK3077" s="85"/>
      <c r="AL3077" s="85"/>
      <c r="AM3077" s="92"/>
      <c r="AN3077" s="92"/>
      <c r="AO3077" s="92"/>
      <c r="AP3077" s="92"/>
      <c r="AQ3077" s="92"/>
      <c r="AR3077" s="92"/>
      <c r="AS3077" s="92"/>
      <c r="AT3077" s="92"/>
      <c r="AU3077" s="92"/>
      <c r="AV3077" s="92"/>
      <c r="AW3077" s="92"/>
      <c r="AX3077" s="92"/>
      <c r="AY3077" s="92"/>
      <c r="AZ3077" s="93"/>
      <c r="BA3077" s="93"/>
      <c r="BB3077" s="93"/>
      <c r="BC3077" s="93"/>
      <c r="BD3077" s="93"/>
      <c r="BE3077" s="93"/>
      <c r="BF3077" s="93"/>
      <c r="BG3077" s="93"/>
      <c r="BH3077" s="93"/>
      <c r="BI3077" s="93"/>
      <c r="BJ3077" s="93"/>
      <c r="BK3077" s="93"/>
      <c r="BL3077" s="93"/>
    </row>
    <row r="3078" spans="2:64" x14ac:dyDescent="0.2">
      <c r="B3078" s="43"/>
      <c r="C3078" s="73"/>
      <c r="D3078" s="64"/>
      <c r="E3078" s="55"/>
      <c r="F3078" s="74"/>
      <c r="G3078" s="74"/>
      <c r="H3078" s="74"/>
      <c r="I3078" s="75"/>
      <c r="J3078" s="74"/>
      <c r="L3078" s="55"/>
      <c r="M3078" s="234"/>
      <c r="N3078" s="65"/>
      <c r="O3078" s="76"/>
      <c r="P3078" s="76"/>
      <c r="Q3078" s="65"/>
      <c r="R3078" s="76"/>
      <c r="S3078" s="76"/>
      <c r="T3078" s="76"/>
      <c r="U3078" s="76"/>
      <c r="V3078" s="76"/>
      <c r="W3078" s="76"/>
      <c r="X3078" s="76"/>
      <c r="Y3078" s="76"/>
      <c r="Z3078" s="76"/>
      <c r="AA3078" s="85"/>
      <c r="AB3078" s="85"/>
      <c r="AC3078" s="85"/>
      <c r="AD3078" s="85"/>
      <c r="AE3078" s="85"/>
      <c r="AF3078" s="85"/>
      <c r="AG3078" s="86"/>
      <c r="AH3078" s="85"/>
      <c r="AI3078" s="85"/>
      <c r="AJ3078" s="85"/>
      <c r="AK3078" s="85"/>
      <c r="AL3078" s="85"/>
      <c r="AM3078" s="92"/>
      <c r="AN3078" s="92"/>
      <c r="AO3078" s="92"/>
      <c r="AP3078" s="92"/>
      <c r="AQ3078" s="92"/>
      <c r="AR3078" s="92"/>
      <c r="AS3078" s="92"/>
      <c r="AT3078" s="92"/>
      <c r="AU3078" s="92"/>
      <c r="AV3078" s="92"/>
      <c r="AW3078" s="92"/>
      <c r="AX3078" s="92"/>
      <c r="AY3078" s="92"/>
      <c r="AZ3078" s="93"/>
      <c r="BA3078" s="93"/>
      <c r="BB3078" s="93"/>
      <c r="BC3078" s="93"/>
      <c r="BD3078" s="93"/>
      <c r="BE3078" s="93"/>
      <c r="BF3078" s="93"/>
      <c r="BG3078" s="93"/>
      <c r="BH3078" s="93"/>
      <c r="BI3078" s="93"/>
      <c r="BJ3078" s="93"/>
      <c r="BK3078" s="93"/>
      <c r="BL3078" s="93"/>
    </row>
    <row r="3079" spans="2:64" x14ac:dyDescent="0.2">
      <c r="B3079" s="43"/>
      <c r="C3079" s="73"/>
      <c r="D3079" s="64"/>
      <c r="E3079" s="55"/>
      <c r="F3079" s="74"/>
      <c r="G3079" s="74"/>
      <c r="H3079" s="74"/>
      <c r="I3079" s="75"/>
      <c r="J3079" s="74"/>
      <c r="L3079" s="55"/>
      <c r="M3079" s="234"/>
      <c r="N3079" s="65"/>
      <c r="O3079" s="76"/>
      <c r="P3079" s="76"/>
      <c r="Q3079" s="65"/>
      <c r="R3079" s="76"/>
      <c r="S3079" s="76"/>
      <c r="T3079" s="76"/>
      <c r="U3079" s="76"/>
      <c r="V3079" s="76"/>
      <c r="W3079" s="76"/>
      <c r="X3079" s="76"/>
      <c r="Y3079" s="76"/>
      <c r="Z3079" s="76"/>
      <c r="AA3079" s="85"/>
      <c r="AB3079" s="85"/>
      <c r="AC3079" s="85"/>
      <c r="AD3079" s="85"/>
      <c r="AE3079" s="85"/>
      <c r="AF3079" s="85"/>
      <c r="AG3079" s="86"/>
      <c r="AH3079" s="85"/>
      <c r="AI3079" s="85"/>
      <c r="AJ3079" s="85"/>
      <c r="AK3079" s="85"/>
      <c r="AL3079" s="85"/>
      <c r="AM3079" s="92"/>
      <c r="AN3079" s="92"/>
      <c r="AO3079" s="92"/>
      <c r="AP3079" s="92"/>
      <c r="AQ3079" s="92"/>
      <c r="AR3079" s="92"/>
      <c r="AS3079" s="92"/>
      <c r="AT3079" s="92"/>
      <c r="AU3079" s="92"/>
      <c r="AV3079" s="92"/>
      <c r="AW3079" s="92"/>
      <c r="AX3079" s="92"/>
      <c r="AY3079" s="92"/>
      <c r="AZ3079" s="93"/>
      <c r="BA3079" s="93"/>
      <c r="BB3079" s="93"/>
      <c r="BC3079" s="93"/>
      <c r="BD3079" s="93"/>
      <c r="BE3079" s="93"/>
      <c r="BF3079" s="93"/>
      <c r="BG3079" s="93"/>
      <c r="BH3079" s="93"/>
      <c r="BI3079" s="93"/>
      <c r="BJ3079" s="93"/>
      <c r="BK3079" s="93"/>
      <c r="BL3079" s="93"/>
    </row>
    <row r="3080" spans="2:64" x14ac:dyDescent="0.2">
      <c r="B3080" s="43"/>
      <c r="C3080" s="73"/>
      <c r="D3080" s="64"/>
      <c r="E3080" s="55"/>
      <c r="F3080" s="74"/>
      <c r="G3080" s="74"/>
      <c r="H3080" s="74"/>
      <c r="I3080" s="75"/>
      <c r="J3080" s="74"/>
      <c r="L3080" s="55"/>
      <c r="M3080" s="234"/>
      <c r="N3080" s="65"/>
      <c r="O3080" s="76"/>
      <c r="P3080" s="76"/>
      <c r="Q3080" s="65"/>
      <c r="R3080" s="76"/>
      <c r="S3080" s="76"/>
      <c r="T3080" s="76"/>
      <c r="U3080" s="76"/>
      <c r="V3080" s="76"/>
      <c r="W3080" s="76"/>
      <c r="X3080" s="76"/>
      <c r="Y3080" s="76"/>
      <c r="Z3080" s="76"/>
      <c r="AA3080" s="85"/>
      <c r="AB3080" s="85"/>
      <c r="AC3080" s="85"/>
      <c r="AD3080" s="85"/>
      <c r="AE3080" s="85"/>
      <c r="AF3080" s="85"/>
      <c r="AG3080" s="86"/>
      <c r="AH3080" s="85"/>
      <c r="AI3080" s="85"/>
      <c r="AJ3080" s="85"/>
      <c r="AK3080" s="85"/>
      <c r="AL3080" s="85"/>
      <c r="AM3080" s="92"/>
      <c r="AN3080" s="92"/>
      <c r="AO3080" s="92"/>
      <c r="AP3080" s="92"/>
      <c r="AQ3080" s="92"/>
      <c r="AR3080" s="92"/>
      <c r="AS3080" s="92"/>
      <c r="AT3080" s="92"/>
      <c r="AU3080" s="92"/>
      <c r="AV3080" s="92"/>
      <c r="AW3080" s="92"/>
      <c r="AX3080" s="92"/>
      <c r="AY3080" s="92"/>
      <c r="AZ3080" s="93"/>
      <c r="BA3080" s="93"/>
      <c r="BB3080" s="93"/>
      <c r="BC3080" s="93"/>
      <c r="BD3080" s="93"/>
      <c r="BE3080" s="93"/>
      <c r="BF3080" s="93"/>
      <c r="BG3080" s="93"/>
      <c r="BH3080" s="93"/>
      <c r="BI3080" s="93"/>
      <c r="BJ3080" s="93"/>
      <c r="BK3080" s="93"/>
      <c r="BL3080" s="93"/>
    </row>
    <row r="3081" spans="2:64" x14ac:dyDescent="0.2">
      <c r="B3081" s="43"/>
      <c r="C3081" s="73"/>
      <c r="D3081" s="64"/>
      <c r="E3081" s="55"/>
      <c r="F3081" s="74"/>
      <c r="G3081" s="74"/>
      <c r="H3081" s="74"/>
      <c r="I3081" s="75"/>
      <c r="J3081" s="74"/>
      <c r="L3081" s="55"/>
      <c r="M3081" s="234"/>
      <c r="N3081" s="65"/>
      <c r="O3081" s="76"/>
      <c r="P3081" s="76"/>
      <c r="Q3081" s="65"/>
      <c r="R3081" s="76"/>
      <c r="S3081" s="76"/>
      <c r="T3081" s="76"/>
      <c r="U3081" s="76"/>
      <c r="V3081" s="76"/>
      <c r="W3081" s="76"/>
      <c r="X3081" s="76"/>
      <c r="Y3081" s="76"/>
      <c r="Z3081" s="76"/>
      <c r="AA3081" s="85"/>
      <c r="AB3081" s="85"/>
      <c r="AC3081" s="85"/>
      <c r="AD3081" s="85"/>
      <c r="AE3081" s="85"/>
      <c r="AF3081" s="85"/>
      <c r="AG3081" s="86"/>
      <c r="AH3081" s="85"/>
      <c r="AI3081" s="85"/>
      <c r="AJ3081" s="85"/>
      <c r="AK3081" s="85"/>
      <c r="AL3081" s="85"/>
      <c r="AM3081" s="92"/>
      <c r="AN3081" s="92"/>
      <c r="AO3081" s="92"/>
      <c r="AP3081" s="92"/>
      <c r="AQ3081" s="92"/>
      <c r="AR3081" s="92"/>
      <c r="AS3081" s="92"/>
      <c r="AT3081" s="92"/>
      <c r="AU3081" s="92"/>
      <c r="AV3081" s="92"/>
      <c r="AW3081" s="92"/>
      <c r="AX3081" s="92"/>
      <c r="AY3081" s="92"/>
      <c r="AZ3081" s="93"/>
      <c r="BA3081" s="93"/>
      <c r="BB3081" s="93"/>
      <c r="BC3081" s="93"/>
      <c r="BD3081" s="93"/>
      <c r="BE3081" s="93"/>
      <c r="BF3081" s="93"/>
      <c r="BG3081" s="93"/>
      <c r="BH3081" s="93"/>
      <c r="BI3081" s="93"/>
      <c r="BJ3081" s="93"/>
      <c r="BK3081" s="93"/>
      <c r="BL3081" s="93"/>
    </row>
    <row r="3082" spans="2:64" x14ac:dyDescent="0.2">
      <c r="B3082" s="43"/>
      <c r="C3082" s="73"/>
      <c r="D3082" s="64"/>
      <c r="E3082" s="55"/>
      <c r="F3082" s="74"/>
      <c r="G3082" s="74"/>
      <c r="H3082" s="74"/>
      <c r="I3082" s="75"/>
      <c r="J3082" s="74"/>
      <c r="L3082" s="55"/>
      <c r="M3082" s="234"/>
      <c r="N3082" s="65"/>
      <c r="O3082" s="76"/>
      <c r="P3082" s="76"/>
      <c r="Q3082" s="65"/>
      <c r="R3082" s="76"/>
      <c r="S3082" s="76"/>
      <c r="T3082" s="76"/>
      <c r="U3082" s="76"/>
      <c r="V3082" s="76"/>
      <c r="W3082" s="76"/>
      <c r="X3082" s="76"/>
      <c r="Y3082" s="76"/>
      <c r="Z3082" s="76"/>
      <c r="AA3082" s="85"/>
      <c r="AB3082" s="85"/>
      <c r="AC3082" s="85"/>
      <c r="AD3082" s="85"/>
      <c r="AE3082" s="85"/>
      <c r="AF3082" s="85"/>
      <c r="AG3082" s="86"/>
      <c r="AH3082" s="85"/>
      <c r="AI3082" s="85"/>
      <c r="AJ3082" s="85"/>
      <c r="AK3082" s="85"/>
      <c r="AL3082" s="85"/>
      <c r="AM3082" s="92"/>
      <c r="AN3082" s="92"/>
      <c r="AO3082" s="92"/>
      <c r="AP3082" s="92"/>
      <c r="AQ3082" s="92"/>
      <c r="AR3082" s="92"/>
      <c r="AS3082" s="92"/>
      <c r="AT3082" s="92"/>
      <c r="AU3082" s="92"/>
      <c r="AV3082" s="92"/>
      <c r="AW3082" s="92"/>
      <c r="AX3082" s="92"/>
      <c r="AY3082" s="92"/>
      <c r="AZ3082" s="93"/>
      <c r="BA3082" s="93"/>
      <c r="BB3082" s="93"/>
      <c r="BC3082" s="93"/>
      <c r="BD3082" s="93"/>
      <c r="BE3082" s="93"/>
      <c r="BF3082" s="93"/>
      <c r="BG3082" s="93"/>
      <c r="BH3082" s="93"/>
      <c r="BI3082" s="93"/>
      <c r="BJ3082" s="93"/>
      <c r="BK3082" s="93"/>
      <c r="BL3082" s="93"/>
    </row>
    <row r="3083" spans="2:64" x14ac:dyDescent="0.2">
      <c r="B3083" s="43"/>
      <c r="C3083" s="73"/>
      <c r="D3083" s="64"/>
      <c r="E3083" s="55"/>
      <c r="F3083" s="74"/>
      <c r="G3083" s="74"/>
      <c r="H3083" s="74"/>
      <c r="I3083" s="75"/>
      <c r="J3083" s="74"/>
      <c r="L3083" s="55"/>
      <c r="M3083" s="234"/>
      <c r="N3083" s="65"/>
      <c r="O3083" s="76"/>
      <c r="P3083" s="76"/>
      <c r="Q3083" s="65"/>
      <c r="R3083" s="76"/>
      <c r="S3083" s="76"/>
      <c r="T3083" s="76"/>
      <c r="U3083" s="76"/>
      <c r="V3083" s="76"/>
      <c r="W3083" s="76"/>
      <c r="X3083" s="76"/>
      <c r="Y3083" s="76"/>
      <c r="Z3083" s="76"/>
      <c r="AA3083" s="85"/>
      <c r="AB3083" s="85"/>
      <c r="AC3083" s="85"/>
      <c r="AD3083" s="85"/>
      <c r="AE3083" s="85"/>
      <c r="AF3083" s="85"/>
      <c r="AG3083" s="86"/>
      <c r="AH3083" s="85"/>
      <c r="AI3083" s="85"/>
      <c r="AJ3083" s="85"/>
      <c r="AK3083" s="85"/>
      <c r="AL3083" s="85"/>
      <c r="AM3083" s="92"/>
      <c r="AN3083" s="92"/>
      <c r="AO3083" s="92"/>
      <c r="AP3083" s="92"/>
      <c r="AQ3083" s="92"/>
      <c r="AR3083" s="92"/>
      <c r="AS3083" s="92"/>
      <c r="AT3083" s="92"/>
      <c r="AU3083" s="92"/>
      <c r="AV3083" s="92"/>
      <c r="AW3083" s="92"/>
      <c r="AX3083" s="92"/>
      <c r="AY3083" s="92"/>
      <c r="AZ3083" s="93"/>
      <c r="BA3083" s="93"/>
      <c r="BB3083" s="93"/>
      <c r="BC3083" s="93"/>
      <c r="BD3083" s="93"/>
      <c r="BE3083" s="93"/>
      <c r="BF3083" s="93"/>
      <c r="BG3083" s="93"/>
      <c r="BH3083" s="93"/>
      <c r="BI3083" s="93"/>
      <c r="BJ3083" s="93"/>
      <c r="BK3083" s="93"/>
      <c r="BL3083" s="93"/>
    </row>
    <row r="3084" spans="2:64" x14ac:dyDescent="0.2">
      <c r="B3084" s="43"/>
      <c r="C3084" s="73"/>
      <c r="D3084" s="64"/>
      <c r="E3084" s="55"/>
      <c r="F3084" s="74"/>
      <c r="G3084" s="74"/>
      <c r="H3084" s="74"/>
      <c r="I3084" s="75"/>
      <c r="J3084" s="74"/>
      <c r="L3084" s="55"/>
      <c r="M3084" s="234"/>
      <c r="N3084" s="65"/>
      <c r="O3084" s="76"/>
      <c r="P3084" s="76"/>
      <c r="Q3084" s="65"/>
      <c r="R3084" s="76"/>
      <c r="S3084" s="76"/>
      <c r="T3084" s="76"/>
      <c r="U3084" s="76"/>
      <c r="V3084" s="76"/>
      <c r="W3084" s="76"/>
      <c r="X3084" s="76"/>
      <c r="Y3084" s="76"/>
      <c r="Z3084" s="76"/>
      <c r="AA3084" s="85"/>
      <c r="AB3084" s="85"/>
      <c r="AC3084" s="85"/>
      <c r="AD3084" s="85"/>
      <c r="AE3084" s="85"/>
      <c r="AF3084" s="85"/>
      <c r="AG3084" s="86"/>
      <c r="AH3084" s="85"/>
      <c r="AI3084" s="85"/>
      <c r="AJ3084" s="85"/>
      <c r="AK3084" s="85"/>
      <c r="AL3084" s="85"/>
      <c r="AM3084" s="92"/>
      <c r="AN3084" s="92"/>
      <c r="AO3084" s="92"/>
      <c r="AP3084" s="92"/>
      <c r="AQ3084" s="92"/>
      <c r="AR3084" s="92"/>
      <c r="AS3084" s="92"/>
      <c r="AT3084" s="92"/>
      <c r="AU3084" s="92"/>
      <c r="AV3084" s="92"/>
      <c r="AW3084" s="92"/>
      <c r="AX3084" s="92"/>
      <c r="AY3084" s="92"/>
      <c r="AZ3084" s="93"/>
      <c r="BA3084" s="93"/>
      <c r="BB3084" s="93"/>
      <c r="BC3084" s="93"/>
      <c r="BD3084" s="93"/>
      <c r="BE3084" s="93"/>
      <c r="BF3084" s="93"/>
      <c r="BG3084" s="93"/>
      <c r="BH3084" s="93"/>
      <c r="BI3084" s="93"/>
      <c r="BJ3084" s="93"/>
      <c r="BK3084" s="93"/>
      <c r="BL3084" s="93"/>
    </row>
    <row r="3085" spans="2:64" x14ac:dyDescent="0.2">
      <c r="B3085" s="43"/>
      <c r="C3085" s="73"/>
      <c r="D3085" s="64"/>
      <c r="E3085" s="55"/>
      <c r="F3085" s="74"/>
      <c r="G3085" s="74"/>
      <c r="H3085" s="74"/>
      <c r="I3085" s="75"/>
      <c r="J3085" s="74"/>
      <c r="L3085" s="55"/>
      <c r="M3085" s="234"/>
      <c r="N3085" s="65"/>
      <c r="O3085" s="76"/>
      <c r="P3085" s="76"/>
      <c r="Q3085" s="65"/>
      <c r="R3085" s="76"/>
      <c r="S3085" s="76"/>
      <c r="T3085" s="76"/>
      <c r="U3085" s="76"/>
      <c r="V3085" s="76"/>
      <c r="W3085" s="76"/>
      <c r="X3085" s="76"/>
      <c r="Y3085" s="76"/>
      <c r="Z3085" s="76"/>
      <c r="AA3085" s="85"/>
      <c r="AB3085" s="85"/>
      <c r="AC3085" s="85"/>
      <c r="AD3085" s="85"/>
      <c r="AE3085" s="85"/>
      <c r="AF3085" s="85"/>
      <c r="AG3085" s="86"/>
      <c r="AH3085" s="85"/>
      <c r="AI3085" s="85"/>
      <c r="AJ3085" s="85"/>
      <c r="AK3085" s="85"/>
      <c r="AL3085" s="85"/>
      <c r="AM3085" s="92"/>
      <c r="AN3085" s="92"/>
      <c r="AO3085" s="92"/>
      <c r="AP3085" s="92"/>
      <c r="AQ3085" s="92"/>
      <c r="AR3085" s="92"/>
      <c r="AS3085" s="92"/>
      <c r="AT3085" s="92"/>
      <c r="AU3085" s="92"/>
      <c r="AV3085" s="92"/>
      <c r="AW3085" s="92"/>
      <c r="AX3085" s="92"/>
      <c r="AY3085" s="92"/>
      <c r="AZ3085" s="93"/>
      <c r="BA3085" s="93"/>
      <c r="BB3085" s="93"/>
      <c r="BC3085" s="93"/>
      <c r="BD3085" s="93"/>
      <c r="BE3085" s="93"/>
      <c r="BF3085" s="93"/>
      <c r="BG3085" s="93"/>
      <c r="BH3085" s="93"/>
      <c r="BI3085" s="93"/>
      <c r="BJ3085" s="93"/>
      <c r="BK3085" s="93"/>
      <c r="BL3085" s="93"/>
    </row>
    <row r="3086" spans="2:64" x14ac:dyDescent="0.2">
      <c r="B3086" s="43"/>
      <c r="C3086" s="73"/>
      <c r="D3086" s="64"/>
      <c r="E3086" s="55"/>
      <c r="F3086" s="74"/>
      <c r="G3086" s="74"/>
      <c r="H3086" s="74"/>
      <c r="I3086" s="75"/>
      <c r="J3086" s="74"/>
      <c r="L3086" s="55"/>
      <c r="M3086" s="234"/>
      <c r="N3086" s="65"/>
      <c r="O3086" s="76"/>
      <c r="P3086" s="76"/>
      <c r="Q3086" s="65"/>
      <c r="R3086" s="76"/>
      <c r="S3086" s="76"/>
      <c r="T3086" s="76"/>
      <c r="U3086" s="76"/>
      <c r="V3086" s="76"/>
      <c r="W3086" s="76"/>
      <c r="X3086" s="76"/>
      <c r="Y3086" s="76"/>
      <c r="Z3086" s="76"/>
      <c r="AA3086" s="85"/>
      <c r="AB3086" s="85"/>
      <c r="AC3086" s="85"/>
      <c r="AD3086" s="85"/>
      <c r="AE3086" s="85"/>
      <c r="AF3086" s="85"/>
      <c r="AG3086" s="86"/>
      <c r="AH3086" s="85"/>
      <c r="AI3086" s="85"/>
      <c r="AJ3086" s="85"/>
      <c r="AK3086" s="85"/>
      <c r="AL3086" s="85"/>
      <c r="AM3086" s="92"/>
      <c r="AN3086" s="92"/>
      <c r="AO3086" s="92"/>
      <c r="AP3086" s="92"/>
      <c r="AQ3086" s="92"/>
      <c r="AR3086" s="92"/>
      <c r="AS3086" s="92"/>
      <c r="AT3086" s="92"/>
      <c r="AU3086" s="92"/>
      <c r="AV3086" s="92"/>
      <c r="AW3086" s="92"/>
      <c r="AX3086" s="92"/>
      <c r="AY3086" s="92"/>
      <c r="AZ3086" s="93"/>
      <c r="BA3086" s="93"/>
      <c r="BB3086" s="93"/>
      <c r="BC3086" s="93"/>
      <c r="BD3086" s="93"/>
      <c r="BE3086" s="93"/>
      <c r="BF3086" s="93"/>
      <c r="BG3086" s="93"/>
      <c r="BH3086" s="93"/>
      <c r="BI3086" s="93"/>
      <c r="BJ3086" s="93"/>
      <c r="BK3086" s="93"/>
      <c r="BL3086" s="93"/>
    </row>
    <row r="3087" spans="2:64" x14ac:dyDescent="0.2">
      <c r="B3087" s="43"/>
      <c r="C3087" s="73"/>
      <c r="D3087" s="64"/>
      <c r="E3087" s="55"/>
      <c r="F3087" s="74"/>
      <c r="G3087" s="74"/>
      <c r="H3087" s="74"/>
      <c r="I3087" s="75"/>
      <c r="J3087" s="74"/>
      <c r="L3087" s="55"/>
      <c r="M3087" s="234"/>
      <c r="N3087" s="65"/>
      <c r="O3087" s="76"/>
      <c r="P3087" s="76"/>
      <c r="Q3087" s="65"/>
      <c r="R3087" s="76"/>
      <c r="S3087" s="76"/>
      <c r="T3087" s="76"/>
      <c r="U3087" s="76"/>
      <c r="V3087" s="76"/>
      <c r="W3087" s="76"/>
      <c r="X3087" s="76"/>
      <c r="Y3087" s="76"/>
      <c r="Z3087" s="76"/>
      <c r="AA3087" s="85"/>
      <c r="AB3087" s="85"/>
      <c r="AC3087" s="85"/>
      <c r="AD3087" s="85"/>
      <c r="AE3087" s="85"/>
      <c r="AF3087" s="85"/>
      <c r="AG3087" s="86"/>
      <c r="AH3087" s="85"/>
      <c r="AI3087" s="85"/>
      <c r="AJ3087" s="85"/>
      <c r="AK3087" s="85"/>
      <c r="AL3087" s="85"/>
      <c r="AM3087" s="92"/>
      <c r="AN3087" s="92"/>
      <c r="AO3087" s="92"/>
      <c r="AP3087" s="92"/>
      <c r="AQ3087" s="92"/>
      <c r="AR3087" s="92"/>
      <c r="AS3087" s="92"/>
      <c r="AT3087" s="92"/>
      <c r="AU3087" s="92"/>
      <c r="AV3087" s="92"/>
      <c r="AW3087" s="92"/>
      <c r="AX3087" s="92"/>
      <c r="AY3087" s="92"/>
      <c r="AZ3087" s="93"/>
      <c r="BA3087" s="93"/>
      <c r="BB3087" s="93"/>
      <c r="BC3087" s="93"/>
      <c r="BD3087" s="93"/>
      <c r="BE3087" s="93"/>
      <c r="BF3087" s="93"/>
      <c r="BG3087" s="93"/>
      <c r="BH3087" s="93"/>
      <c r="BI3087" s="93"/>
      <c r="BJ3087" s="93"/>
      <c r="BK3087" s="93"/>
      <c r="BL3087" s="93"/>
    </row>
    <row r="3088" spans="2:64" x14ac:dyDescent="0.2">
      <c r="B3088" s="43"/>
      <c r="C3088" s="73"/>
      <c r="D3088" s="64"/>
      <c r="E3088" s="55"/>
      <c r="F3088" s="74"/>
      <c r="G3088" s="74"/>
      <c r="H3088" s="74"/>
      <c r="I3088" s="75"/>
      <c r="J3088" s="74"/>
      <c r="L3088" s="55"/>
      <c r="M3088" s="234"/>
      <c r="N3088" s="65"/>
      <c r="O3088" s="76"/>
      <c r="P3088" s="76"/>
      <c r="Q3088" s="65"/>
      <c r="R3088" s="76"/>
      <c r="S3088" s="76"/>
      <c r="T3088" s="76"/>
      <c r="U3088" s="76"/>
      <c r="V3088" s="76"/>
      <c r="W3088" s="76"/>
      <c r="X3088" s="76"/>
      <c r="Y3088" s="76"/>
      <c r="Z3088" s="76"/>
      <c r="AA3088" s="85"/>
      <c r="AB3088" s="85"/>
      <c r="AC3088" s="85"/>
      <c r="AD3088" s="85"/>
      <c r="AE3088" s="85"/>
      <c r="AF3088" s="85"/>
      <c r="AG3088" s="86"/>
      <c r="AH3088" s="85"/>
      <c r="AI3088" s="85"/>
      <c r="AJ3088" s="85"/>
      <c r="AK3088" s="85"/>
      <c r="AL3088" s="85"/>
      <c r="AM3088" s="92"/>
      <c r="AN3088" s="92"/>
      <c r="AO3088" s="92"/>
      <c r="AP3088" s="92"/>
      <c r="AQ3088" s="92"/>
      <c r="AR3088" s="92"/>
      <c r="AS3088" s="92"/>
      <c r="AT3088" s="92"/>
      <c r="AU3088" s="92"/>
      <c r="AV3088" s="92"/>
      <c r="AW3088" s="92"/>
      <c r="AX3088" s="92"/>
      <c r="AY3088" s="92"/>
      <c r="AZ3088" s="93"/>
      <c r="BA3088" s="93"/>
      <c r="BB3088" s="93"/>
      <c r="BC3088" s="93"/>
      <c r="BD3088" s="93"/>
      <c r="BE3088" s="93"/>
      <c r="BF3088" s="93"/>
      <c r="BG3088" s="93"/>
      <c r="BH3088" s="93"/>
      <c r="BI3088" s="93"/>
      <c r="BJ3088" s="93"/>
      <c r="BK3088" s="93"/>
      <c r="BL3088" s="93"/>
    </row>
    <row r="3089" spans="2:64" x14ac:dyDescent="0.2">
      <c r="B3089" s="43"/>
      <c r="C3089" s="73"/>
      <c r="D3089" s="64"/>
      <c r="E3089" s="55"/>
      <c r="F3089" s="74"/>
      <c r="G3089" s="74"/>
      <c r="H3089" s="74"/>
      <c r="I3089" s="75"/>
      <c r="J3089" s="74"/>
      <c r="L3089" s="55"/>
      <c r="M3089" s="234"/>
      <c r="N3089" s="65"/>
      <c r="O3089" s="76"/>
      <c r="P3089" s="76"/>
      <c r="Q3089" s="65"/>
      <c r="R3089" s="76"/>
      <c r="S3089" s="76"/>
      <c r="T3089" s="76"/>
      <c r="U3089" s="76"/>
      <c r="V3089" s="76"/>
      <c r="W3089" s="76"/>
      <c r="X3089" s="76"/>
      <c r="Y3089" s="76"/>
      <c r="Z3089" s="76"/>
      <c r="AA3089" s="85"/>
      <c r="AB3089" s="85"/>
      <c r="AC3089" s="85"/>
      <c r="AD3089" s="85"/>
      <c r="AE3089" s="85"/>
      <c r="AF3089" s="85"/>
      <c r="AG3089" s="86"/>
      <c r="AH3089" s="85"/>
      <c r="AI3089" s="85"/>
      <c r="AJ3089" s="85"/>
      <c r="AK3089" s="85"/>
      <c r="AL3089" s="85"/>
      <c r="AM3089" s="92"/>
      <c r="AN3089" s="92"/>
      <c r="AO3089" s="92"/>
      <c r="AP3089" s="92"/>
      <c r="AQ3089" s="92"/>
      <c r="AR3089" s="92"/>
      <c r="AS3089" s="92"/>
      <c r="AT3089" s="92"/>
      <c r="AU3089" s="92"/>
      <c r="AV3089" s="92"/>
      <c r="AW3089" s="92"/>
      <c r="AX3089" s="92"/>
      <c r="AY3089" s="92"/>
      <c r="AZ3089" s="93"/>
      <c r="BA3089" s="93"/>
      <c r="BB3089" s="93"/>
      <c r="BC3089" s="93"/>
      <c r="BD3089" s="93"/>
      <c r="BE3089" s="93"/>
      <c r="BF3089" s="93"/>
      <c r="BG3089" s="93"/>
      <c r="BH3089" s="93"/>
      <c r="BI3089" s="93"/>
      <c r="BJ3089" s="93"/>
      <c r="BK3089" s="93"/>
      <c r="BL3089" s="93"/>
    </row>
    <row r="3090" spans="2:64" x14ac:dyDescent="0.2">
      <c r="B3090" s="43"/>
      <c r="C3090" s="73"/>
      <c r="D3090" s="64"/>
      <c r="E3090" s="55"/>
      <c r="F3090" s="74"/>
      <c r="G3090" s="74"/>
      <c r="H3090" s="74"/>
      <c r="I3090" s="75"/>
      <c r="J3090" s="74"/>
      <c r="L3090" s="55"/>
      <c r="M3090" s="234"/>
      <c r="N3090" s="65"/>
      <c r="O3090" s="76"/>
      <c r="P3090" s="76"/>
      <c r="Q3090" s="65"/>
      <c r="R3090" s="76"/>
      <c r="S3090" s="76"/>
      <c r="T3090" s="76"/>
      <c r="U3090" s="76"/>
      <c r="V3090" s="76"/>
      <c r="W3090" s="76"/>
      <c r="X3090" s="76"/>
      <c r="Y3090" s="76"/>
      <c r="Z3090" s="76"/>
      <c r="AA3090" s="85"/>
      <c r="AB3090" s="85"/>
      <c r="AC3090" s="85"/>
      <c r="AD3090" s="85"/>
      <c r="AE3090" s="85"/>
      <c r="AF3090" s="85"/>
      <c r="AG3090" s="86"/>
      <c r="AH3090" s="85"/>
      <c r="AI3090" s="85"/>
      <c r="AJ3090" s="85"/>
      <c r="AK3090" s="85"/>
      <c r="AL3090" s="85"/>
      <c r="AM3090" s="92"/>
      <c r="AN3090" s="92"/>
      <c r="AO3090" s="92"/>
      <c r="AP3090" s="92"/>
      <c r="AQ3090" s="92"/>
      <c r="AR3090" s="92"/>
      <c r="AS3090" s="92"/>
      <c r="AT3090" s="92"/>
      <c r="AU3090" s="92"/>
      <c r="AV3090" s="92"/>
      <c r="AW3090" s="92"/>
      <c r="AX3090" s="92"/>
      <c r="AY3090" s="92"/>
      <c r="AZ3090" s="93"/>
      <c r="BA3090" s="93"/>
      <c r="BB3090" s="93"/>
      <c r="BC3090" s="93"/>
      <c r="BD3090" s="93"/>
      <c r="BE3090" s="93"/>
      <c r="BF3090" s="93"/>
      <c r="BG3090" s="93"/>
      <c r="BH3090" s="93"/>
      <c r="BI3090" s="93"/>
      <c r="BJ3090" s="93"/>
      <c r="BK3090" s="93"/>
      <c r="BL3090" s="93"/>
    </row>
    <row r="3091" spans="2:64" x14ac:dyDescent="0.2">
      <c r="B3091" s="43"/>
      <c r="C3091" s="73"/>
      <c r="D3091" s="64"/>
      <c r="E3091" s="55"/>
      <c r="F3091" s="74"/>
      <c r="G3091" s="74"/>
      <c r="H3091" s="74"/>
      <c r="I3091" s="75"/>
      <c r="J3091" s="74"/>
      <c r="L3091" s="55"/>
      <c r="M3091" s="234"/>
      <c r="N3091" s="65"/>
      <c r="O3091" s="76"/>
      <c r="P3091" s="76"/>
      <c r="Q3091" s="65"/>
      <c r="R3091" s="76"/>
      <c r="S3091" s="76"/>
      <c r="T3091" s="76"/>
      <c r="U3091" s="76"/>
      <c r="V3091" s="76"/>
      <c r="W3091" s="76"/>
      <c r="X3091" s="76"/>
      <c r="Y3091" s="76"/>
      <c r="Z3091" s="76"/>
      <c r="AA3091" s="85"/>
      <c r="AB3091" s="85"/>
      <c r="AC3091" s="85"/>
      <c r="AD3091" s="85"/>
      <c r="AE3091" s="85"/>
      <c r="AF3091" s="85"/>
      <c r="AG3091" s="86"/>
      <c r="AH3091" s="85"/>
      <c r="AI3091" s="85"/>
      <c r="AJ3091" s="85"/>
      <c r="AK3091" s="85"/>
      <c r="AL3091" s="85"/>
      <c r="AM3091" s="92"/>
      <c r="AN3091" s="92"/>
      <c r="AO3091" s="92"/>
      <c r="AP3091" s="92"/>
      <c r="AQ3091" s="92"/>
      <c r="AR3091" s="92"/>
      <c r="AS3091" s="92"/>
      <c r="AT3091" s="92"/>
      <c r="AU3091" s="92"/>
      <c r="AV3091" s="92"/>
      <c r="AW3091" s="92"/>
      <c r="AX3091" s="92"/>
      <c r="AY3091" s="92"/>
      <c r="AZ3091" s="93"/>
      <c r="BA3091" s="93"/>
      <c r="BB3091" s="93"/>
      <c r="BC3091" s="93"/>
      <c r="BD3091" s="93"/>
      <c r="BE3091" s="93"/>
      <c r="BF3091" s="93"/>
      <c r="BG3091" s="93"/>
      <c r="BH3091" s="93"/>
      <c r="BI3091" s="93"/>
      <c r="BJ3091" s="93"/>
      <c r="BK3091" s="93"/>
      <c r="BL3091" s="93"/>
    </row>
    <row r="3092" spans="2:64" x14ac:dyDescent="0.2">
      <c r="B3092" s="43"/>
      <c r="C3092" s="73"/>
      <c r="D3092" s="64"/>
      <c r="E3092" s="55"/>
      <c r="F3092" s="74"/>
      <c r="G3092" s="74"/>
      <c r="H3092" s="74"/>
      <c r="I3092" s="75"/>
      <c r="J3092" s="74"/>
      <c r="L3092" s="55"/>
      <c r="M3092" s="234"/>
      <c r="N3092" s="65"/>
      <c r="O3092" s="76"/>
      <c r="P3092" s="76"/>
      <c r="Q3092" s="65"/>
      <c r="R3092" s="76"/>
      <c r="S3092" s="76"/>
      <c r="T3092" s="76"/>
      <c r="U3092" s="76"/>
      <c r="V3092" s="76"/>
      <c r="W3092" s="76"/>
      <c r="X3092" s="76"/>
      <c r="Y3092" s="76"/>
      <c r="Z3092" s="76"/>
      <c r="AA3092" s="85"/>
      <c r="AB3092" s="85"/>
      <c r="AC3092" s="85"/>
      <c r="AD3092" s="85"/>
      <c r="AE3092" s="85"/>
      <c r="AF3092" s="85"/>
      <c r="AG3092" s="86"/>
      <c r="AH3092" s="85"/>
      <c r="AI3092" s="85"/>
      <c r="AJ3092" s="85"/>
      <c r="AK3092" s="85"/>
      <c r="AL3092" s="85"/>
      <c r="AM3092" s="92"/>
      <c r="AN3092" s="92"/>
      <c r="AO3092" s="92"/>
      <c r="AP3092" s="92"/>
      <c r="AQ3092" s="92"/>
      <c r="AR3092" s="92"/>
      <c r="AS3092" s="92"/>
      <c r="AT3092" s="92"/>
      <c r="AU3092" s="92"/>
      <c r="AV3092" s="92"/>
      <c r="AW3092" s="92"/>
      <c r="AX3092" s="92"/>
      <c r="AY3092" s="92"/>
      <c r="AZ3092" s="93"/>
      <c r="BA3092" s="93"/>
      <c r="BB3092" s="93"/>
      <c r="BC3092" s="93"/>
      <c r="BD3092" s="93"/>
      <c r="BE3092" s="93"/>
      <c r="BF3092" s="93"/>
      <c r="BG3092" s="93"/>
      <c r="BH3092" s="93"/>
      <c r="BI3092" s="93"/>
      <c r="BJ3092" s="93"/>
      <c r="BK3092" s="93"/>
      <c r="BL3092" s="93"/>
    </row>
    <row r="3093" spans="2:64" x14ac:dyDescent="0.2">
      <c r="B3093" s="43"/>
      <c r="C3093" s="73"/>
      <c r="D3093" s="64"/>
      <c r="E3093" s="55"/>
      <c r="F3093" s="74"/>
      <c r="G3093" s="74"/>
      <c r="H3093" s="74"/>
      <c r="I3093" s="75"/>
      <c r="J3093" s="74"/>
      <c r="L3093" s="55"/>
      <c r="M3093" s="234"/>
      <c r="N3093" s="65"/>
      <c r="O3093" s="76"/>
      <c r="P3093" s="76"/>
      <c r="Q3093" s="65"/>
      <c r="R3093" s="76"/>
      <c r="S3093" s="76"/>
      <c r="T3093" s="76"/>
      <c r="U3093" s="76"/>
      <c r="V3093" s="76"/>
      <c r="W3093" s="76"/>
      <c r="X3093" s="76"/>
      <c r="Y3093" s="76"/>
      <c r="Z3093" s="76"/>
      <c r="AA3093" s="85"/>
      <c r="AB3093" s="85"/>
      <c r="AC3093" s="85"/>
      <c r="AD3093" s="85"/>
      <c r="AE3093" s="85"/>
      <c r="AF3093" s="85"/>
      <c r="AG3093" s="86"/>
      <c r="AH3093" s="85"/>
      <c r="AI3093" s="85"/>
      <c r="AJ3093" s="85"/>
      <c r="AK3093" s="85"/>
      <c r="AL3093" s="85"/>
      <c r="AM3093" s="92"/>
      <c r="AN3093" s="92"/>
      <c r="AO3093" s="92"/>
      <c r="AP3093" s="92"/>
      <c r="AQ3093" s="92"/>
      <c r="AR3093" s="92"/>
      <c r="AS3093" s="92"/>
      <c r="AT3093" s="92"/>
      <c r="AU3093" s="92"/>
      <c r="AV3093" s="92"/>
      <c r="AW3093" s="92"/>
      <c r="AX3093" s="92"/>
      <c r="AY3093" s="92"/>
      <c r="AZ3093" s="93"/>
      <c r="BA3093" s="93"/>
      <c r="BB3093" s="93"/>
      <c r="BC3093" s="93"/>
      <c r="BD3093" s="93"/>
      <c r="BE3093" s="93"/>
      <c r="BF3093" s="93"/>
      <c r="BG3093" s="93"/>
      <c r="BH3093" s="93"/>
      <c r="BI3093" s="93"/>
      <c r="BJ3093" s="93"/>
      <c r="BK3093" s="93"/>
      <c r="BL3093" s="93"/>
    </row>
    <row r="3094" spans="2:64" x14ac:dyDescent="0.2">
      <c r="B3094" s="43"/>
      <c r="C3094" s="73"/>
      <c r="D3094" s="64"/>
      <c r="E3094" s="55"/>
      <c r="F3094" s="74"/>
      <c r="G3094" s="74"/>
      <c r="H3094" s="74"/>
      <c r="I3094" s="75"/>
      <c r="J3094" s="74"/>
      <c r="L3094" s="55"/>
      <c r="M3094" s="234"/>
      <c r="N3094" s="65"/>
      <c r="O3094" s="76"/>
      <c r="P3094" s="76"/>
      <c r="Q3094" s="65"/>
      <c r="R3094" s="76"/>
      <c r="S3094" s="76"/>
      <c r="T3094" s="76"/>
      <c r="U3094" s="76"/>
      <c r="V3094" s="76"/>
      <c r="W3094" s="76"/>
      <c r="X3094" s="76"/>
      <c r="Y3094" s="76"/>
      <c r="Z3094" s="76"/>
      <c r="AA3094" s="85"/>
      <c r="AB3094" s="85"/>
      <c r="AC3094" s="85"/>
      <c r="AD3094" s="85"/>
      <c r="AE3094" s="85"/>
      <c r="AF3094" s="85"/>
      <c r="AG3094" s="86"/>
      <c r="AH3094" s="85"/>
      <c r="AI3094" s="85"/>
      <c r="AJ3094" s="85"/>
      <c r="AK3094" s="85"/>
      <c r="AL3094" s="85"/>
      <c r="AM3094" s="92"/>
      <c r="AN3094" s="92"/>
      <c r="AO3094" s="92"/>
      <c r="AP3094" s="92"/>
      <c r="AQ3094" s="92"/>
      <c r="AR3094" s="92"/>
      <c r="AS3094" s="92"/>
      <c r="AT3094" s="92"/>
      <c r="AU3094" s="92"/>
      <c r="AV3094" s="92"/>
      <c r="AW3094" s="92"/>
      <c r="AX3094" s="92"/>
      <c r="AY3094" s="92"/>
      <c r="AZ3094" s="93"/>
      <c r="BA3094" s="93"/>
      <c r="BB3094" s="93"/>
      <c r="BC3094" s="93"/>
      <c r="BD3094" s="93"/>
      <c r="BE3094" s="93"/>
      <c r="BF3094" s="93"/>
      <c r="BG3094" s="93"/>
      <c r="BH3094" s="93"/>
      <c r="BI3094" s="93"/>
      <c r="BJ3094" s="93"/>
      <c r="BK3094" s="93"/>
      <c r="BL3094" s="93"/>
    </row>
    <row r="3095" spans="2:64" x14ac:dyDescent="0.2">
      <c r="B3095" s="43"/>
      <c r="C3095" s="73"/>
      <c r="D3095" s="64"/>
      <c r="E3095" s="55"/>
      <c r="F3095" s="74"/>
      <c r="G3095" s="74"/>
      <c r="H3095" s="74"/>
      <c r="I3095" s="75"/>
      <c r="J3095" s="74"/>
      <c r="L3095" s="55"/>
      <c r="M3095" s="234"/>
      <c r="N3095" s="65"/>
      <c r="O3095" s="76"/>
      <c r="P3095" s="76"/>
      <c r="Q3095" s="65"/>
      <c r="R3095" s="76"/>
      <c r="S3095" s="76"/>
      <c r="T3095" s="76"/>
      <c r="U3095" s="76"/>
      <c r="V3095" s="76"/>
      <c r="W3095" s="76"/>
      <c r="X3095" s="76"/>
      <c r="Y3095" s="76"/>
      <c r="Z3095" s="76"/>
      <c r="AA3095" s="85"/>
      <c r="AB3095" s="85"/>
      <c r="AC3095" s="85"/>
      <c r="AD3095" s="85"/>
      <c r="AE3095" s="85"/>
      <c r="AF3095" s="85"/>
      <c r="AG3095" s="86"/>
      <c r="AH3095" s="85"/>
      <c r="AI3095" s="85"/>
      <c r="AJ3095" s="85"/>
      <c r="AK3095" s="85"/>
      <c r="AL3095" s="85"/>
      <c r="AM3095" s="92"/>
      <c r="AN3095" s="92"/>
      <c r="AO3095" s="92"/>
      <c r="AP3095" s="92"/>
      <c r="AQ3095" s="92"/>
      <c r="AR3095" s="92"/>
      <c r="AS3095" s="92"/>
      <c r="AT3095" s="92"/>
      <c r="AU3095" s="92"/>
      <c r="AV3095" s="92"/>
      <c r="AW3095" s="92"/>
      <c r="AX3095" s="92"/>
      <c r="AY3095" s="92"/>
      <c r="AZ3095" s="93"/>
      <c r="BA3095" s="93"/>
      <c r="BB3095" s="93"/>
      <c r="BC3095" s="93"/>
      <c r="BD3095" s="93"/>
      <c r="BE3095" s="93"/>
      <c r="BF3095" s="93"/>
      <c r="BG3095" s="93"/>
      <c r="BH3095" s="93"/>
      <c r="BI3095" s="93"/>
      <c r="BJ3095" s="93"/>
      <c r="BK3095" s="93"/>
      <c r="BL3095" s="93"/>
    </row>
    <row r="3096" spans="2:64" x14ac:dyDescent="0.2">
      <c r="B3096" s="43"/>
      <c r="C3096" s="73"/>
      <c r="D3096" s="64"/>
      <c r="E3096" s="55"/>
      <c r="F3096" s="74"/>
      <c r="G3096" s="74"/>
      <c r="H3096" s="74"/>
      <c r="I3096" s="75"/>
      <c r="J3096" s="74"/>
      <c r="L3096" s="55"/>
      <c r="M3096" s="234"/>
      <c r="N3096" s="65"/>
      <c r="O3096" s="76"/>
      <c r="P3096" s="76"/>
      <c r="Q3096" s="65"/>
      <c r="R3096" s="76"/>
      <c r="S3096" s="76"/>
      <c r="T3096" s="76"/>
      <c r="U3096" s="76"/>
      <c r="V3096" s="76"/>
      <c r="W3096" s="76"/>
      <c r="X3096" s="76"/>
      <c r="Y3096" s="76"/>
      <c r="Z3096" s="76"/>
      <c r="AA3096" s="85"/>
      <c r="AB3096" s="85"/>
      <c r="AC3096" s="85"/>
      <c r="AD3096" s="85"/>
      <c r="AE3096" s="85"/>
      <c r="AF3096" s="85"/>
      <c r="AG3096" s="86"/>
      <c r="AH3096" s="85"/>
      <c r="AI3096" s="85"/>
      <c r="AJ3096" s="85"/>
      <c r="AK3096" s="85"/>
      <c r="AL3096" s="85"/>
      <c r="AM3096" s="92"/>
      <c r="AN3096" s="92"/>
      <c r="AO3096" s="92"/>
      <c r="AP3096" s="92"/>
      <c r="AQ3096" s="92"/>
      <c r="AR3096" s="92"/>
      <c r="AS3096" s="92"/>
      <c r="AT3096" s="92"/>
      <c r="AU3096" s="92"/>
      <c r="AV3096" s="92"/>
      <c r="AW3096" s="92"/>
      <c r="AX3096" s="92"/>
      <c r="AY3096" s="92"/>
      <c r="AZ3096" s="93"/>
      <c r="BA3096" s="93"/>
      <c r="BB3096" s="93"/>
      <c r="BC3096" s="93"/>
      <c r="BD3096" s="93"/>
      <c r="BE3096" s="93"/>
      <c r="BF3096" s="93"/>
      <c r="BG3096" s="93"/>
      <c r="BH3096" s="93"/>
      <c r="BI3096" s="93"/>
      <c r="BJ3096" s="93"/>
      <c r="BK3096" s="93"/>
      <c r="BL3096" s="93"/>
    </row>
    <row r="3097" spans="2:64" x14ac:dyDescent="0.2">
      <c r="B3097" s="43"/>
      <c r="C3097" s="73"/>
      <c r="D3097" s="64"/>
      <c r="E3097" s="55"/>
      <c r="F3097" s="74"/>
      <c r="G3097" s="74"/>
      <c r="H3097" s="74"/>
      <c r="I3097" s="75"/>
      <c r="J3097" s="74"/>
      <c r="L3097" s="55"/>
      <c r="M3097" s="234"/>
      <c r="N3097" s="65"/>
      <c r="O3097" s="76"/>
      <c r="P3097" s="76"/>
      <c r="Q3097" s="65"/>
      <c r="R3097" s="76"/>
      <c r="S3097" s="76"/>
      <c r="T3097" s="76"/>
      <c r="U3097" s="76"/>
      <c r="V3097" s="76"/>
      <c r="W3097" s="76"/>
      <c r="X3097" s="76"/>
      <c r="Y3097" s="76"/>
      <c r="Z3097" s="76"/>
      <c r="AA3097" s="85"/>
      <c r="AB3097" s="85"/>
      <c r="AC3097" s="85"/>
      <c r="AD3097" s="85"/>
      <c r="AE3097" s="85"/>
      <c r="AF3097" s="85"/>
      <c r="AG3097" s="86"/>
      <c r="AH3097" s="85"/>
      <c r="AI3097" s="85"/>
      <c r="AJ3097" s="85"/>
      <c r="AK3097" s="85"/>
      <c r="AL3097" s="85"/>
      <c r="AM3097" s="92"/>
      <c r="AN3097" s="92"/>
      <c r="AO3097" s="92"/>
      <c r="AP3097" s="92"/>
      <c r="AQ3097" s="92"/>
      <c r="AR3097" s="92"/>
      <c r="AS3097" s="92"/>
      <c r="AT3097" s="92"/>
      <c r="AU3097" s="92"/>
      <c r="AV3097" s="92"/>
      <c r="AW3097" s="92"/>
      <c r="AX3097" s="92"/>
      <c r="AY3097" s="92"/>
      <c r="AZ3097" s="93"/>
      <c r="BA3097" s="93"/>
      <c r="BB3097" s="93"/>
      <c r="BC3097" s="93"/>
      <c r="BD3097" s="93"/>
      <c r="BE3097" s="93"/>
      <c r="BF3097" s="93"/>
      <c r="BG3097" s="93"/>
      <c r="BH3097" s="93"/>
      <c r="BI3097" s="93"/>
      <c r="BJ3097" s="93"/>
      <c r="BK3097" s="93"/>
      <c r="BL3097" s="93"/>
    </row>
    <row r="3098" spans="2:64" x14ac:dyDescent="0.2">
      <c r="B3098" s="43"/>
      <c r="C3098" s="73"/>
      <c r="D3098" s="64"/>
      <c r="E3098" s="55"/>
      <c r="F3098" s="74"/>
      <c r="G3098" s="74"/>
      <c r="H3098" s="74"/>
      <c r="I3098" s="75"/>
      <c r="J3098" s="74"/>
      <c r="L3098" s="55"/>
      <c r="M3098" s="234"/>
      <c r="N3098" s="65"/>
      <c r="O3098" s="76"/>
      <c r="P3098" s="76"/>
      <c r="Q3098" s="65"/>
      <c r="R3098" s="76"/>
      <c r="S3098" s="76"/>
      <c r="T3098" s="76"/>
      <c r="U3098" s="76"/>
      <c r="V3098" s="76"/>
      <c r="W3098" s="76"/>
      <c r="X3098" s="76"/>
      <c r="Y3098" s="76"/>
      <c r="Z3098" s="76"/>
      <c r="AA3098" s="85"/>
      <c r="AB3098" s="85"/>
      <c r="AC3098" s="85"/>
      <c r="AD3098" s="85"/>
      <c r="AE3098" s="85"/>
      <c r="AF3098" s="85"/>
      <c r="AG3098" s="86"/>
      <c r="AH3098" s="85"/>
      <c r="AI3098" s="85"/>
      <c r="AJ3098" s="85"/>
      <c r="AK3098" s="85"/>
      <c r="AL3098" s="85"/>
      <c r="AM3098" s="92"/>
      <c r="AN3098" s="92"/>
      <c r="AO3098" s="92"/>
      <c r="AP3098" s="92"/>
      <c r="AQ3098" s="92"/>
      <c r="AR3098" s="92"/>
      <c r="AS3098" s="92"/>
      <c r="AT3098" s="92"/>
      <c r="AU3098" s="92"/>
      <c r="AV3098" s="92"/>
      <c r="AW3098" s="92"/>
      <c r="AX3098" s="92"/>
      <c r="AY3098" s="92"/>
      <c r="AZ3098" s="93"/>
      <c r="BA3098" s="93"/>
      <c r="BB3098" s="93"/>
      <c r="BC3098" s="93"/>
      <c r="BD3098" s="93"/>
      <c r="BE3098" s="93"/>
      <c r="BF3098" s="93"/>
      <c r="BG3098" s="93"/>
      <c r="BH3098" s="93"/>
      <c r="BI3098" s="93"/>
      <c r="BJ3098" s="93"/>
      <c r="BK3098" s="93"/>
      <c r="BL3098" s="93"/>
    </row>
    <row r="3099" spans="2:64" x14ac:dyDescent="0.2">
      <c r="B3099" s="43"/>
      <c r="C3099" s="73"/>
      <c r="D3099" s="64"/>
      <c r="E3099" s="55"/>
      <c r="F3099" s="74"/>
      <c r="G3099" s="74"/>
      <c r="H3099" s="74"/>
      <c r="I3099" s="75"/>
      <c r="J3099" s="74"/>
      <c r="L3099" s="55"/>
      <c r="M3099" s="234"/>
      <c r="N3099" s="65"/>
      <c r="O3099" s="76"/>
      <c r="P3099" s="76"/>
      <c r="Q3099" s="65"/>
      <c r="R3099" s="76"/>
      <c r="S3099" s="76"/>
      <c r="T3099" s="76"/>
      <c r="U3099" s="76"/>
      <c r="V3099" s="76"/>
      <c r="W3099" s="76"/>
      <c r="X3099" s="76"/>
      <c r="Y3099" s="76"/>
      <c r="Z3099" s="76"/>
      <c r="AA3099" s="85"/>
      <c r="AB3099" s="85"/>
      <c r="AC3099" s="85"/>
      <c r="AD3099" s="85"/>
      <c r="AE3099" s="85"/>
      <c r="AF3099" s="85"/>
      <c r="AG3099" s="86"/>
      <c r="AH3099" s="85"/>
      <c r="AI3099" s="85"/>
      <c r="AJ3099" s="85"/>
      <c r="AK3099" s="85"/>
      <c r="AL3099" s="85"/>
      <c r="AM3099" s="92"/>
      <c r="AN3099" s="92"/>
      <c r="AO3099" s="92"/>
      <c r="AP3099" s="92"/>
      <c r="AQ3099" s="92"/>
      <c r="AR3099" s="92"/>
      <c r="AS3099" s="92"/>
      <c r="AT3099" s="92"/>
      <c r="AU3099" s="92"/>
      <c r="AV3099" s="92"/>
      <c r="AW3099" s="92"/>
      <c r="AX3099" s="92"/>
      <c r="AY3099" s="92"/>
      <c r="AZ3099" s="93"/>
      <c r="BA3099" s="93"/>
      <c r="BB3099" s="93"/>
      <c r="BC3099" s="93"/>
      <c r="BD3099" s="93"/>
      <c r="BE3099" s="93"/>
      <c r="BF3099" s="93"/>
      <c r="BG3099" s="93"/>
      <c r="BH3099" s="93"/>
      <c r="BI3099" s="93"/>
      <c r="BJ3099" s="93"/>
      <c r="BK3099" s="93"/>
      <c r="BL3099" s="93"/>
    </row>
    <row r="3100" spans="2:64" x14ac:dyDescent="0.2">
      <c r="B3100" s="43"/>
      <c r="C3100" s="73"/>
      <c r="D3100" s="64"/>
      <c r="E3100" s="55"/>
      <c r="F3100" s="74"/>
      <c r="G3100" s="74"/>
      <c r="H3100" s="74"/>
      <c r="I3100" s="75"/>
      <c r="J3100" s="74"/>
      <c r="L3100" s="55"/>
      <c r="M3100" s="234"/>
      <c r="N3100" s="65"/>
      <c r="O3100" s="76"/>
      <c r="P3100" s="76"/>
      <c r="Q3100" s="65"/>
      <c r="R3100" s="76"/>
      <c r="S3100" s="76"/>
      <c r="T3100" s="76"/>
      <c r="U3100" s="76"/>
      <c r="V3100" s="76"/>
      <c r="W3100" s="76"/>
      <c r="X3100" s="76"/>
      <c r="Y3100" s="76"/>
      <c r="Z3100" s="76"/>
      <c r="AA3100" s="85"/>
      <c r="AB3100" s="85"/>
      <c r="AC3100" s="85"/>
      <c r="AD3100" s="85"/>
      <c r="AE3100" s="85"/>
      <c r="AF3100" s="85"/>
      <c r="AG3100" s="86"/>
      <c r="AH3100" s="85"/>
      <c r="AI3100" s="85"/>
      <c r="AJ3100" s="85"/>
      <c r="AK3100" s="85"/>
      <c r="AL3100" s="85"/>
      <c r="AM3100" s="92"/>
      <c r="AN3100" s="92"/>
      <c r="AO3100" s="92"/>
      <c r="AP3100" s="92"/>
      <c r="AQ3100" s="92"/>
      <c r="AR3100" s="92"/>
      <c r="AS3100" s="92"/>
      <c r="AT3100" s="92"/>
      <c r="AU3100" s="92"/>
      <c r="AV3100" s="92"/>
      <c r="AW3100" s="92"/>
      <c r="AX3100" s="92"/>
      <c r="AY3100" s="92"/>
      <c r="AZ3100" s="93"/>
      <c r="BA3100" s="93"/>
      <c r="BB3100" s="93"/>
      <c r="BC3100" s="93"/>
      <c r="BD3100" s="93"/>
      <c r="BE3100" s="93"/>
      <c r="BF3100" s="93"/>
      <c r="BG3100" s="93"/>
      <c r="BH3100" s="93"/>
      <c r="BI3100" s="93"/>
      <c r="BJ3100" s="93"/>
      <c r="BK3100" s="93"/>
      <c r="BL3100" s="93"/>
    </row>
    <row r="3101" spans="2:64" x14ac:dyDescent="0.2">
      <c r="B3101" s="43"/>
      <c r="C3101" s="73"/>
      <c r="D3101" s="64"/>
      <c r="E3101" s="55"/>
      <c r="F3101" s="74"/>
      <c r="G3101" s="74"/>
      <c r="H3101" s="74"/>
      <c r="I3101" s="75"/>
      <c r="J3101" s="74"/>
      <c r="L3101" s="55"/>
      <c r="M3101" s="234"/>
      <c r="N3101" s="65"/>
      <c r="O3101" s="76"/>
      <c r="P3101" s="76"/>
      <c r="Q3101" s="65"/>
      <c r="R3101" s="76"/>
      <c r="S3101" s="76"/>
      <c r="T3101" s="76"/>
      <c r="U3101" s="76"/>
      <c r="V3101" s="76"/>
      <c r="W3101" s="76"/>
      <c r="X3101" s="76"/>
      <c r="Y3101" s="76"/>
      <c r="Z3101" s="76"/>
      <c r="AA3101" s="85"/>
      <c r="AB3101" s="85"/>
      <c r="AC3101" s="85"/>
      <c r="AD3101" s="85"/>
      <c r="AE3101" s="85"/>
      <c r="AF3101" s="85"/>
      <c r="AG3101" s="86"/>
      <c r="AH3101" s="85"/>
      <c r="AI3101" s="85"/>
      <c r="AJ3101" s="85"/>
      <c r="AK3101" s="85"/>
      <c r="AL3101" s="85"/>
      <c r="AM3101" s="92"/>
      <c r="AN3101" s="92"/>
      <c r="AO3101" s="92"/>
      <c r="AP3101" s="92"/>
      <c r="AQ3101" s="92"/>
      <c r="AR3101" s="92"/>
      <c r="AS3101" s="92"/>
      <c r="AT3101" s="92"/>
      <c r="AU3101" s="92"/>
      <c r="AV3101" s="92"/>
      <c r="AW3101" s="92"/>
      <c r="AX3101" s="92"/>
      <c r="AY3101" s="92"/>
      <c r="AZ3101" s="93"/>
      <c r="BA3101" s="93"/>
      <c r="BB3101" s="93"/>
      <c r="BC3101" s="93"/>
      <c r="BD3101" s="93"/>
      <c r="BE3101" s="93"/>
      <c r="BF3101" s="93"/>
      <c r="BG3101" s="93"/>
      <c r="BH3101" s="93"/>
      <c r="BI3101" s="93"/>
      <c r="BJ3101" s="93"/>
      <c r="BK3101" s="93"/>
      <c r="BL3101" s="93"/>
    </row>
    <row r="3102" spans="2:64" x14ac:dyDescent="0.2">
      <c r="B3102" s="43"/>
      <c r="C3102" s="73"/>
      <c r="D3102" s="64"/>
      <c r="E3102" s="55"/>
      <c r="F3102" s="74"/>
      <c r="G3102" s="74"/>
      <c r="H3102" s="74"/>
      <c r="I3102" s="75"/>
      <c r="J3102" s="74"/>
      <c r="L3102" s="55"/>
      <c r="M3102" s="234"/>
      <c r="N3102" s="65"/>
      <c r="O3102" s="76"/>
      <c r="P3102" s="76"/>
      <c r="Q3102" s="65"/>
      <c r="R3102" s="76"/>
      <c r="S3102" s="76"/>
      <c r="T3102" s="76"/>
      <c r="U3102" s="76"/>
      <c r="V3102" s="76"/>
      <c r="W3102" s="76"/>
      <c r="X3102" s="76"/>
      <c r="Y3102" s="76"/>
      <c r="Z3102" s="76"/>
      <c r="AA3102" s="85"/>
      <c r="AB3102" s="85"/>
      <c r="AC3102" s="85"/>
      <c r="AD3102" s="85"/>
      <c r="AE3102" s="85"/>
      <c r="AF3102" s="85"/>
      <c r="AG3102" s="86"/>
      <c r="AH3102" s="85"/>
      <c r="AI3102" s="85"/>
      <c r="AJ3102" s="85"/>
      <c r="AK3102" s="85"/>
      <c r="AL3102" s="85"/>
      <c r="AM3102" s="92"/>
      <c r="AN3102" s="92"/>
      <c r="AO3102" s="92"/>
      <c r="AP3102" s="92"/>
      <c r="AQ3102" s="92"/>
      <c r="AR3102" s="92"/>
      <c r="AS3102" s="92"/>
      <c r="AT3102" s="92"/>
      <c r="AU3102" s="92"/>
      <c r="AV3102" s="92"/>
      <c r="AW3102" s="92"/>
      <c r="AX3102" s="92"/>
      <c r="AY3102" s="92"/>
      <c r="AZ3102" s="93"/>
      <c r="BA3102" s="93"/>
      <c r="BB3102" s="93"/>
      <c r="BC3102" s="93"/>
      <c r="BD3102" s="93"/>
      <c r="BE3102" s="93"/>
      <c r="BF3102" s="93"/>
      <c r="BG3102" s="93"/>
      <c r="BH3102" s="93"/>
      <c r="BI3102" s="93"/>
      <c r="BJ3102" s="93"/>
      <c r="BK3102" s="93"/>
      <c r="BL3102" s="93"/>
    </row>
    <row r="3103" spans="2:64" x14ac:dyDescent="0.2">
      <c r="B3103" s="43"/>
      <c r="C3103" s="73"/>
      <c r="D3103" s="64"/>
      <c r="E3103" s="55"/>
      <c r="F3103" s="74"/>
      <c r="G3103" s="74"/>
      <c r="H3103" s="74"/>
      <c r="I3103" s="75"/>
      <c r="J3103" s="74"/>
      <c r="L3103" s="55"/>
      <c r="M3103" s="234"/>
      <c r="N3103" s="65"/>
      <c r="O3103" s="76"/>
      <c r="P3103" s="76"/>
      <c r="Q3103" s="65"/>
      <c r="R3103" s="76"/>
      <c r="S3103" s="76"/>
      <c r="T3103" s="76"/>
      <c r="U3103" s="76"/>
      <c r="V3103" s="76"/>
      <c r="W3103" s="76"/>
      <c r="X3103" s="76"/>
      <c r="Y3103" s="76"/>
      <c r="Z3103" s="76"/>
      <c r="AA3103" s="85"/>
      <c r="AB3103" s="85"/>
      <c r="AC3103" s="85"/>
      <c r="AD3103" s="85"/>
      <c r="AE3103" s="85"/>
      <c r="AF3103" s="85"/>
      <c r="AG3103" s="86"/>
      <c r="AH3103" s="85"/>
      <c r="AI3103" s="85"/>
      <c r="AJ3103" s="85"/>
      <c r="AK3103" s="85"/>
      <c r="AL3103" s="85"/>
      <c r="AM3103" s="92"/>
      <c r="AN3103" s="92"/>
      <c r="AO3103" s="92"/>
      <c r="AP3103" s="92"/>
      <c r="AQ3103" s="92"/>
      <c r="AR3103" s="92"/>
      <c r="AS3103" s="92"/>
      <c r="AT3103" s="92"/>
      <c r="AU3103" s="92"/>
      <c r="AV3103" s="92"/>
      <c r="AW3103" s="92"/>
      <c r="AX3103" s="92"/>
      <c r="AY3103" s="92"/>
      <c r="AZ3103" s="93"/>
      <c r="BA3103" s="93"/>
      <c r="BB3103" s="93"/>
      <c r="BC3103" s="93"/>
      <c r="BD3103" s="93"/>
      <c r="BE3103" s="93"/>
      <c r="BF3103" s="93"/>
      <c r="BG3103" s="93"/>
      <c r="BH3103" s="93"/>
      <c r="BI3103" s="93"/>
      <c r="BJ3103" s="93"/>
      <c r="BK3103" s="93"/>
      <c r="BL3103" s="93"/>
    </row>
    <row r="3104" spans="2:64" x14ac:dyDescent="0.2">
      <c r="B3104" s="43"/>
      <c r="C3104" s="73"/>
      <c r="D3104" s="64"/>
      <c r="E3104" s="55"/>
      <c r="F3104" s="74"/>
      <c r="G3104" s="74"/>
      <c r="H3104" s="74"/>
      <c r="I3104" s="75"/>
      <c r="J3104" s="74"/>
      <c r="L3104" s="55"/>
      <c r="M3104" s="234"/>
      <c r="N3104" s="65"/>
      <c r="O3104" s="76"/>
      <c r="P3104" s="76"/>
      <c r="Q3104" s="65"/>
      <c r="R3104" s="76"/>
      <c r="S3104" s="76"/>
      <c r="T3104" s="76"/>
      <c r="U3104" s="76"/>
      <c r="V3104" s="76"/>
      <c r="W3104" s="76"/>
      <c r="X3104" s="76"/>
      <c r="Y3104" s="76"/>
      <c r="Z3104" s="76"/>
      <c r="AA3104" s="85"/>
      <c r="AB3104" s="85"/>
      <c r="AC3104" s="85"/>
      <c r="AD3104" s="85"/>
      <c r="AE3104" s="85"/>
      <c r="AF3104" s="85"/>
      <c r="AG3104" s="86"/>
      <c r="AH3104" s="85"/>
      <c r="AI3104" s="85"/>
      <c r="AJ3104" s="85"/>
      <c r="AK3104" s="85"/>
      <c r="AL3104" s="85"/>
      <c r="AM3104" s="92"/>
      <c r="AN3104" s="92"/>
      <c r="AO3104" s="92"/>
      <c r="AP3104" s="92"/>
      <c r="AQ3104" s="92"/>
      <c r="AR3104" s="92"/>
      <c r="AS3104" s="92"/>
      <c r="AT3104" s="92"/>
      <c r="AU3104" s="92"/>
      <c r="AV3104" s="92"/>
      <c r="AW3104" s="92"/>
      <c r="AX3104" s="92"/>
      <c r="AY3104" s="92"/>
      <c r="AZ3104" s="93"/>
      <c r="BA3104" s="93"/>
      <c r="BB3104" s="93"/>
      <c r="BC3104" s="93"/>
      <c r="BD3104" s="93"/>
      <c r="BE3104" s="93"/>
      <c r="BF3104" s="93"/>
      <c r="BG3104" s="93"/>
      <c r="BH3104" s="93"/>
      <c r="BI3104" s="93"/>
      <c r="BJ3104" s="93"/>
      <c r="BK3104" s="93"/>
      <c r="BL3104" s="93"/>
    </row>
    <row r="3105" spans="2:64" x14ac:dyDescent="0.2">
      <c r="B3105" s="43"/>
      <c r="C3105" s="73"/>
      <c r="D3105" s="64"/>
      <c r="E3105" s="55"/>
      <c r="F3105" s="74"/>
      <c r="G3105" s="74"/>
      <c r="H3105" s="74"/>
      <c r="I3105" s="75"/>
      <c r="J3105" s="74"/>
      <c r="L3105" s="55"/>
      <c r="M3105" s="234"/>
      <c r="N3105" s="65"/>
      <c r="O3105" s="76"/>
      <c r="P3105" s="76"/>
      <c r="Q3105" s="65"/>
      <c r="R3105" s="76"/>
      <c r="S3105" s="76"/>
      <c r="T3105" s="76"/>
      <c r="U3105" s="76"/>
      <c r="V3105" s="76"/>
      <c r="W3105" s="76"/>
      <c r="X3105" s="76"/>
      <c r="Y3105" s="76"/>
      <c r="Z3105" s="76"/>
      <c r="AA3105" s="85"/>
      <c r="AB3105" s="85"/>
      <c r="AC3105" s="85"/>
      <c r="AD3105" s="85"/>
      <c r="AE3105" s="85"/>
      <c r="AF3105" s="85"/>
      <c r="AG3105" s="86"/>
      <c r="AH3105" s="85"/>
      <c r="AI3105" s="85"/>
      <c r="AJ3105" s="85"/>
      <c r="AK3105" s="85"/>
      <c r="AL3105" s="85"/>
      <c r="AM3105" s="92"/>
      <c r="AN3105" s="92"/>
      <c r="AO3105" s="92"/>
      <c r="AP3105" s="92"/>
      <c r="AQ3105" s="92"/>
      <c r="AR3105" s="92"/>
      <c r="AS3105" s="92"/>
      <c r="AT3105" s="92"/>
      <c r="AU3105" s="92"/>
      <c r="AV3105" s="92"/>
      <c r="AW3105" s="92"/>
      <c r="AX3105" s="92"/>
      <c r="AY3105" s="92"/>
      <c r="AZ3105" s="93"/>
      <c r="BA3105" s="93"/>
      <c r="BB3105" s="93"/>
      <c r="BC3105" s="93"/>
      <c r="BD3105" s="93"/>
      <c r="BE3105" s="93"/>
      <c r="BF3105" s="93"/>
      <c r="BG3105" s="93"/>
      <c r="BH3105" s="93"/>
      <c r="BI3105" s="93"/>
      <c r="BJ3105" s="93"/>
      <c r="BK3105" s="93"/>
      <c r="BL3105" s="93"/>
    </row>
    <row r="3106" spans="2:64" x14ac:dyDescent="0.2">
      <c r="B3106" s="43"/>
      <c r="C3106" s="73"/>
      <c r="D3106" s="64"/>
      <c r="E3106" s="55"/>
      <c r="F3106" s="74"/>
      <c r="G3106" s="74"/>
      <c r="H3106" s="74"/>
      <c r="I3106" s="75"/>
      <c r="J3106" s="74"/>
      <c r="L3106" s="55"/>
      <c r="M3106" s="234"/>
      <c r="N3106" s="65"/>
      <c r="O3106" s="76"/>
      <c r="P3106" s="76"/>
      <c r="Q3106" s="65"/>
      <c r="R3106" s="76"/>
      <c r="S3106" s="76"/>
      <c r="T3106" s="76"/>
      <c r="U3106" s="76"/>
      <c r="V3106" s="76"/>
      <c r="W3106" s="76"/>
      <c r="X3106" s="76"/>
      <c r="Y3106" s="76"/>
      <c r="Z3106" s="76"/>
      <c r="AA3106" s="85"/>
      <c r="AB3106" s="85"/>
      <c r="AC3106" s="85"/>
      <c r="AD3106" s="85"/>
      <c r="AE3106" s="85"/>
      <c r="AF3106" s="85"/>
      <c r="AG3106" s="86"/>
      <c r="AH3106" s="85"/>
      <c r="AI3106" s="85"/>
      <c r="AJ3106" s="85"/>
      <c r="AK3106" s="85"/>
      <c r="AL3106" s="85"/>
      <c r="AM3106" s="92"/>
      <c r="AN3106" s="92"/>
      <c r="AO3106" s="92"/>
      <c r="AP3106" s="92"/>
      <c r="AQ3106" s="92"/>
      <c r="AR3106" s="92"/>
      <c r="AS3106" s="92"/>
      <c r="AT3106" s="92"/>
      <c r="AU3106" s="92"/>
      <c r="AV3106" s="92"/>
      <c r="AW3106" s="92"/>
      <c r="AX3106" s="92"/>
      <c r="AY3106" s="92"/>
      <c r="AZ3106" s="93"/>
      <c r="BA3106" s="93"/>
      <c r="BB3106" s="93"/>
      <c r="BC3106" s="93"/>
      <c r="BD3106" s="93"/>
      <c r="BE3106" s="93"/>
      <c r="BF3106" s="93"/>
      <c r="BG3106" s="93"/>
      <c r="BH3106" s="93"/>
      <c r="BI3106" s="93"/>
      <c r="BJ3106" s="93"/>
      <c r="BK3106" s="93"/>
      <c r="BL3106" s="93"/>
    </row>
    <row r="3107" spans="2:64" x14ac:dyDescent="0.2">
      <c r="B3107" s="43"/>
      <c r="C3107" s="73"/>
      <c r="D3107" s="64"/>
      <c r="E3107" s="55"/>
      <c r="F3107" s="74"/>
      <c r="G3107" s="74"/>
      <c r="H3107" s="74"/>
      <c r="I3107" s="75"/>
      <c r="J3107" s="74"/>
      <c r="L3107" s="55"/>
      <c r="M3107" s="234"/>
      <c r="N3107" s="65"/>
      <c r="O3107" s="76"/>
      <c r="P3107" s="76"/>
      <c r="Q3107" s="65"/>
      <c r="R3107" s="76"/>
      <c r="S3107" s="76"/>
      <c r="T3107" s="76"/>
      <c r="U3107" s="76"/>
      <c r="V3107" s="76"/>
      <c r="W3107" s="76"/>
      <c r="X3107" s="76"/>
      <c r="Y3107" s="76"/>
      <c r="Z3107" s="76"/>
      <c r="AA3107" s="85"/>
      <c r="AB3107" s="85"/>
      <c r="AC3107" s="85"/>
      <c r="AD3107" s="85"/>
      <c r="AE3107" s="85"/>
      <c r="AF3107" s="85"/>
      <c r="AG3107" s="86"/>
      <c r="AH3107" s="85"/>
      <c r="AI3107" s="85"/>
      <c r="AJ3107" s="85"/>
      <c r="AK3107" s="85"/>
      <c r="AL3107" s="85"/>
      <c r="AM3107" s="92"/>
      <c r="AN3107" s="92"/>
      <c r="AO3107" s="92"/>
      <c r="AP3107" s="92"/>
      <c r="AQ3107" s="92"/>
      <c r="AR3107" s="92"/>
      <c r="AS3107" s="92"/>
      <c r="AT3107" s="92"/>
      <c r="AU3107" s="92"/>
      <c r="AV3107" s="92"/>
      <c r="AW3107" s="92"/>
      <c r="AX3107" s="92"/>
      <c r="AY3107" s="92"/>
      <c r="AZ3107" s="93"/>
      <c r="BA3107" s="93"/>
      <c r="BB3107" s="93"/>
      <c r="BC3107" s="93"/>
      <c r="BD3107" s="93"/>
      <c r="BE3107" s="93"/>
      <c r="BF3107" s="93"/>
      <c r="BG3107" s="93"/>
      <c r="BH3107" s="93"/>
      <c r="BI3107" s="93"/>
      <c r="BJ3107" s="93"/>
      <c r="BK3107" s="93"/>
      <c r="BL3107" s="93"/>
    </row>
    <row r="3108" spans="2:64" x14ac:dyDescent="0.2">
      <c r="B3108" s="43"/>
      <c r="C3108" s="73"/>
      <c r="D3108" s="64"/>
      <c r="E3108" s="55"/>
      <c r="F3108" s="74"/>
      <c r="G3108" s="74"/>
      <c r="H3108" s="74"/>
      <c r="I3108" s="75"/>
      <c r="J3108" s="74"/>
      <c r="L3108" s="55"/>
      <c r="M3108" s="234"/>
      <c r="N3108" s="65"/>
      <c r="O3108" s="76"/>
      <c r="P3108" s="76"/>
      <c r="Q3108" s="65"/>
      <c r="R3108" s="76"/>
      <c r="S3108" s="76"/>
      <c r="T3108" s="76"/>
      <c r="U3108" s="76"/>
      <c r="V3108" s="76"/>
      <c r="W3108" s="76"/>
      <c r="X3108" s="76"/>
      <c r="Y3108" s="76"/>
      <c r="Z3108" s="76"/>
      <c r="AA3108" s="85"/>
      <c r="AB3108" s="85"/>
      <c r="AC3108" s="85"/>
      <c r="AD3108" s="85"/>
      <c r="AE3108" s="85"/>
      <c r="AF3108" s="85"/>
      <c r="AG3108" s="86"/>
      <c r="AH3108" s="85"/>
      <c r="AI3108" s="85"/>
      <c r="AJ3108" s="85"/>
      <c r="AK3108" s="85"/>
      <c r="AL3108" s="85"/>
      <c r="AM3108" s="92"/>
      <c r="AN3108" s="92"/>
      <c r="AO3108" s="92"/>
      <c r="AP3108" s="92"/>
      <c r="AQ3108" s="92"/>
      <c r="AR3108" s="92"/>
      <c r="AS3108" s="92"/>
      <c r="AT3108" s="92"/>
      <c r="AU3108" s="92"/>
      <c r="AV3108" s="92"/>
      <c r="AW3108" s="92"/>
      <c r="AX3108" s="92"/>
      <c r="AY3108" s="92"/>
      <c r="AZ3108" s="93"/>
      <c r="BA3108" s="93"/>
      <c r="BB3108" s="93"/>
      <c r="BC3108" s="93"/>
      <c r="BD3108" s="93"/>
      <c r="BE3108" s="93"/>
      <c r="BF3108" s="93"/>
      <c r="BG3108" s="93"/>
      <c r="BH3108" s="93"/>
      <c r="BI3108" s="93"/>
      <c r="BJ3108" s="93"/>
      <c r="BK3108" s="93"/>
      <c r="BL3108" s="93"/>
    </row>
    <row r="3109" spans="2:64" x14ac:dyDescent="0.2">
      <c r="B3109" s="43"/>
      <c r="C3109" s="73"/>
      <c r="D3109" s="64"/>
      <c r="E3109" s="55"/>
      <c r="F3109" s="74"/>
      <c r="G3109" s="74"/>
      <c r="H3109" s="74"/>
      <c r="I3109" s="75"/>
      <c r="J3109" s="74"/>
      <c r="L3109" s="55"/>
      <c r="M3109" s="234"/>
      <c r="N3109" s="65"/>
      <c r="O3109" s="76"/>
      <c r="P3109" s="76"/>
      <c r="Q3109" s="65"/>
      <c r="R3109" s="76"/>
      <c r="S3109" s="76"/>
      <c r="T3109" s="76"/>
      <c r="U3109" s="76"/>
      <c r="V3109" s="76"/>
      <c r="W3109" s="76"/>
      <c r="X3109" s="76"/>
      <c r="Y3109" s="76"/>
      <c r="Z3109" s="76"/>
      <c r="AA3109" s="85"/>
      <c r="AB3109" s="85"/>
      <c r="AC3109" s="85"/>
      <c r="AD3109" s="85"/>
      <c r="AE3109" s="85"/>
      <c r="AF3109" s="85"/>
      <c r="AG3109" s="86"/>
      <c r="AH3109" s="85"/>
      <c r="AI3109" s="85"/>
      <c r="AJ3109" s="85"/>
      <c r="AK3109" s="85"/>
      <c r="AL3109" s="85"/>
      <c r="AM3109" s="92"/>
      <c r="AN3109" s="92"/>
      <c r="AO3109" s="92"/>
      <c r="AP3109" s="92"/>
      <c r="AQ3109" s="92"/>
      <c r="AR3109" s="92"/>
      <c r="AS3109" s="92"/>
      <c r="AT3109" s="92"/>
      <c r="AU3109" s="92"/>
      <c r="AV3109" s="92"/>
      <c r="AW3109" s="92"/>
      <c r="AX3109" s="92"/>
      <c r="AY3109" s="92"/>
      <c r="AZ3109" s="93"/>
      <c r="BA3109" s="93"/>
      <c r="BB3109" s="93"/>
      <c r="BC3109" s="93"/>
      <c r="BD3109" s="93"/>
      <c r="BE3109" s="93"/>
      <c r="BF3109" s="93"/>
      <c r="BG3109" s="93"/>
      <c r="BH3109" s="93"/>
      <c r="BI3109" s="93"/>
      <c r="BJ3109" s="93"/>
      <c r="BK3109" s="93"/>
      <c r="BL3109" s="93"/>
    </row>
    <row r="3110" spans="2:64" x14ac:dyDescent="0.2">
      <c r="B3110" s="43"/>
      <c r="C3110" s="73"/>
      <c r="D3110" s="64"/>
      <c r="E3110" s="55"/>
      <c r="F3110" s="74"/>
      <c r="G3110" s="74"/>
      <c r="H3110" s="74"/>
      <c r="I3110" s="75"/>
      <c r="J3110" s="74"/>
      <c r="L3110" s="55"/>
      <c r="M3110" s="234"/>
      <c r="N3110" s="65"/>
      <c r="O3110" s="76"/>
      <c r="P3110" s="76"/>
      <c r="Q3110" s="65"/>
      <c r="R3110" s="76"/>
      <c r="S3110" s="76"/>
      <c r="T3110" s="76"/>
      <c r="U3110" s="76"/>
      <c r="V3110" s="76"/>
      <c r="W3110" s="76"/>
      <c r="X3110" s="76"/>
      <c r="Y3110" s="76"/>
      <c r="Z3110" s="76"/>
      <c r="AA3110" s="85"/>
      <c r="AB3110" s="85"/>
      <c r="AC3110" s="85"/>
      <c r="AD3110" s="85"/>
      <c r="AE3110" s="85"/>
      <c r="AF3110" s="85"/>
      <c r="AG3110" s="86"/>
      <c r="AH3110" s="85"/>
      <c r="AI3110" s="85"/>
      <c r="AJ3110" s="85"/>
      <c r="AK3110" s="85"/>
      <c r="AL3110" s="85"/>
      <c r="AM3110" s="92"/>
      <c r="AN3110" s="92"/>
      <c r="AO3110" s="92"/>
      <c r="AP3110" s="92"/>
      <c r="AQ3110" s="92"/>
      <c r="AR3110" s="92"/>
      <c r="AS3110" s="92"/>
      <c r="AT3110" s="92"/>
      <c r="AU3110" s="92"/>
      <c r="AV3110" s="92"/>
      <c r="AW3110" s="92"/>
      <c r="AX3110" s="92"/>
      <c r="AY3110" s="92"/>
      <c r="AZ3110" s="93"/>
      <c r="BA3110" s="93"/>
      <c r="BB3110" s="93"/>
      <c r="BC3110" s="93"/>
      <c r="BD3110" s="93"/>
      <c r="BE3110" s="93"/>
      <c r="BF3110" s="93"/>
      <c r="BG3110" s="93"/>
      <c r="BH3110" s="93"/>
      <c r="BI3110" s="93"/>
      <c r="BJ3110" s="93"/>
      <c r="BK3110" s="93"/>
      <c r="BL3110" s="93"/>
    </row>
    <row r="3111" spans="2:64" x14ac:dyDescent="0.2">
      <c r="B3111" s="43"/>
      <c r="C3111" s="73"/>
      <c r="D3111" s="64"/>
      <c r="E3111" s="55"/>
      <c r="F3111" s="74"/>
      <c r="G3111" s="74"/>
      <c r="H3111" s="74"/>
      <c r="I3111" s="75"/>
      <c r="J3111" s="74"/>
      <c r="L3111" s="55"/>
      <c r="M3111" s="234"/>
      <c r="N3111" s="65"/>
      <c r="O3111" s="76"/>
      <c r="P3111" s="76"/>
      <c r="Q3111" s="65"/>
      <c r="R3111" s="76"/>
      <c r="S3111" s="76"/>
      <c r="T3111" s="76"/>
      <c r="U3111" s="76"/>
      <c r="V3111" s="76"/>
      <c r="W3111" s="76"/>
      <c r="X3111" s="76"/>
      <c r="Y3111" s="76"/>
      <c r="Z3111" s="76"/>
      <c r="AA3111" s="85"/>
      <c r="AB3111" s="85"/>
      <c r="AC3111" s="85"/>
      <c r="AD3111" s="85"/>
      <c r="AE3111" s="85"/>
      <c r="AF3111" s="85"/>
      <c r="AG3111" s="86"/>
      <c r="AH3111" s="85"/>
      <c r="AI3111" s="85"/>
      <c r="AJ3111" s="85"/>
      <c r="AK3111" s="85"/>
      <c r="AL3111" s="85"/>
      <c r="AM3111" s="92"/>
      <c r="AN3111" s="92"/>
      <c r="AO3111" s="92"/>
      <c r="AP3111" s="92"/>
      <c r="AQ3111" s="92"/>
      <c r="AR3111" s="92"/>
      <c r="AS3111" s="92"/>
      <c r="AT3111" s="92"/>
      <c r="AU3111" s="92"/>
      <c r="AV3111" s="92"/>
      <c r="AW3111" s="92"/>
      <c r="AX3111" s="92"/>
      <c r="AY3111" s="92"/>
      <c r="AZ3111" s="93"/>
      <c r="BA3111" s="93"/>
      <c r="BB3111" s="93"/>
      <c r="BC3111" s="93"/>
      <c r="BD3111" s="93"/>
      <c r="BE3111" s="93"/>
      <c r="BF3111" s="93"/>
      <c r="BG3111" s="93"/>
      <c r="BH3111" s="93"/>
      <c r="BI3111" s="93"/>
      <c r="BJ3111" s="93"/>
      <c r="BK3111" s="93"/>
      <c r="BL3111" s="93"/>
    </row>
    <row r="3112" spans="2:64" x14ac:dyDescent="0.2">
      <c r="B3112" s="43"/>
      <c r="C3112" s="73"/>
      <c r="D3112" s="64"/>
      <c r="E3112" s="55"/>
      <c r="F3112" s="74"/>
      <c r="G3112" s="74"/>
      <c r="H3112" s="74"/>
      <c r="I3112" s="75"/>
      <c r="J3112" s="74"/>
      <c r="L3112" s="55"/>
      <c r="M3112" s="234"/>
      <c r="N3112" s="65"/>
      <c r="O3112" s="76"/>
      <c r="P3112" s="76"/>
      <c r="Q3112" s="65"/>
      <c r="R3112" s="76"/>
      <c r="S3112" s="76"/>
      <c r="T3112" s="76"/>
      <c r="U3112" s="76"/>
      <c r="V3112" s="76"/>
      <c r="W3112" s="76"/>
      <c r="X3112" s="76"/>
      <c r="Y3112" s="76"/>
      <c r="Z3112" s="76"/>
      <c r="AA3112" s="85"/>
      <c r="AB3112" s="85"/>
      <c r="AC3112" s="85"/>
      <c r="AD3112" s="85"/>
      <c r="AE3112" s="85"/>
      <c r="AF3112" s="85"/>
      <c r="AG3112" s="86"/>
      <c r="AH3112" s="85"/>
      <c r="AI3112" s="85"/>
      <c r="AJ3112" s="85"/>
      <c r="AK3112" s="85"/>
      <c r="AL3112" s="85"/>
      <c r="AM3112" s="92"/>
      <c r="AN3112" s="92"/>
      <c r="AO3112" s="92"/>
      <c r="AP3112" s="92"/>
      <c r="AQ3112" s="92"/>
      <c r="AR3112" s="92"/>
      <c r="AS3112" s="92"/>
      <c r="AT3112" s="92"/>
      <c r="AU3112" s="92"/>
      <c r="AV3112" s="92"/>
      <c r="AW3112" s="92"/>
      <c r="AX3112" s="92"/>
      <c r="AY3112" s="92"/>
      <c r="AZ3112" s="93"/>
      <c r="BA3112" s="93"/>
      <c r="BB3112" s="93"/>
      <c r="BC3112" s="93"/>
      <c r="BD3112" s="93"/>
      <c r="BE3112" s="93"/>
      <c r="BF3112" s="93"/>
      <c r="BG3112" s="93"/>
      <c r="BH3112" s="93"/>
      <c r="BI3112" s="93"/>
      <c r="BJ3112" s="93"/>
      <c r="BK3112" s="93"/>
      <c r="BL3112" s="93"/>
    </row>
    <row r="3113" spans="2:64" x14ac:dyDescent="0.2">
      <c r="B3113" s="43"/>
      <c r="C3113" s="73"/>
      <c r="D3113" s="64"/>
      <c r="E3113" s="55"/>
      <c r="F3113" s="74"/>
      <c r="G3113" s="74"/>
      <c r="H3113" s="74"/>
      <c r="I3113" s="75"/>
      <c r="J3113" s="74"/>
      <c r="L3113" s="55"/>
      <c r="M3113" s="234"/>
      <c r="N3113" s="65"/>
      <c r="O3113" s="76"/>
      <c r="P3113" s="76"/>
      <c r="Q3113" s="65"/>
      <c r="R3113" s="76"/>
      <c r="S3113" s="76"/>
      <c r="T3113" s="76"/>
      <c r="U3113" s="76"/>
      <c r="V3113" s="76"/>
      <c r="W3113" s="76"/>
      <c r="X3113" s="76"/>
      <c r="Y3113" s="76"/>
      <c r="Z3113" s="76"/>
      <c r="AA3113" s="85"/>
      <c r="AB3113" s="85"/>
      <c r="AC3113" s="85"/>
      <c r="AD3113" s="85"/>
      <c r="AE3113" s="85"/>
      <c r="AF3113" s="85"/>
      <c r="AG3113" s="86"/>
      <c r="AH3113" s="85"/>
      <c r="AI3113" s="85"/>
      <c r="AJ3113" s="85"/>
      <c r="AK3113" s="85"/>
      <c r="AL3113" s="85"/>
      <c r="AM3113" s="92"/>
      <c r="AN3113" s="92"/>
      <c r="AO3113" s="92"/>
      <c r="AP3113" s="92"/>
      <c r="AQ3113" s="92"/>
      <c r="AR3113" s="92"/>
      <c r="AS3113" s="92"/>
      <c r="AT3113" s="92"/>
      <c r="AU3113" s="92"/>
      <c r="AV3113" s="92"/>
      <c r="AW3113" s="92"/>
      <c r="AX3113" s="92"/>
      <c r="AY3113" s="92"/>
      <c r="AZ3113" s="93"/>
      <c r="BA3113" s="93"/>
      <c r="BB3113" s="93"/>
      <c r="BC3113" s="93"/>
      <c r="BD3113" s="93"/>
      <c r="BE3113" s="93"/>
      <c r="BF3113" s="93"/>
      <c r="BG3113" s="93"/>
      <c r="BH3113" s="93"/>
      <c r="BI3113" s="93"/>
      <c r="BJ3113" s="93"/>
      <c r="BK3113" s="93"/>
      <c r="BL3113" s="93"/>
    </row>
    <row r="3114" spans="2:64" x14ac:dyDescent="0.2">
      <c r="B3114" s="43"/>
      <c r="C3114" s="73"/>
      <c r="D3114" s="64"/>
      <c r="E3114" s="55"/>
      <c r="F3114" s="74"/>
      <c r="G3114" s="74"/>
      <c r="H3114" s="74"/>
      <c r="I3114" s="75"/>
      <c r="J3114" s="74"/>
      <c r="L3114" s="55"/>
      <c r="M3114" s="234"/>
      <c r="N3114" s="65"/>
      <c r="O3114" s="76"/>
      <c r="P3114" s="76"/>
      <c r="Q3114" s="65"/>
      <c r="R3114" s="76"/>
      <c r="S3114" s="76"/>
      <c r="T3114" s="76"/>
      <c r="U3114" s="76"/>
      <c r="V3114" s="76"/>
      <c r="W3114" s="76"/>
      <c r="X3114" s="76"/>
      <c r="Y3114" s="76"/>
      <c r="Z3114" s="76"/>
      <c r="AA3114" s="85"/>
      <c r="AB3114" s="85"/>
      <c r="AC3114" s="85"/>
      <c r="AD3114" s="85"/>
      <c r="AE3114" s="85"/>
      <c r="AF3114" s="85"/>
      <c r="AG3114" s="86"/>
      <c r="AH3114" s="85"/>
      <c r="AI3114" s="85"/>
      <c r="AJ3114" s="85"/>
      <c r="AK3114" s="85"/>
      <c r="AL3114" s="85"/>
      <c r="AM3114" s="92"/>
      <c r="AN3114" s="92"/>
      <c r="AO3114" s="92"/>
      <c r="AP3114" s="92"/>
      <c r="AQ3114" s="92"/>
      <c r="AR3114" s="92"/>
      <c r="AS3114" s="92"/>
      <c r="AT3114" s="92"/>
      <c r="AU3114" s="92"/>
      <c r="AV3114" s="92"/>
      <c r="AW3114" s="92"/>
      <c r="AX3114" s="92"/>
      <c r="AY3114" s="92"/>
      <c r="AZ3114" s="93"/>
      <c r="BA3114" s="93"/>
      <c r="BB3114" s="93"/>
      <c r="BC3114" s="93"/>
      <c r="BD3114" s="93"/>
      <c r="BE3114" s="93"/>
      <c r="BF3114" s="93"/>
      <c r="BG3114" s="93"/>
      <c r="BH3114" s="93"/>
      <c r="BI3114" s="93"/>
      <c r="BJ3114" s="93"/>
      <c r="BK3114" s="93"/>
      <c r="BL3114" s="93"/>
    </row>
    <row r="3115" spans="2:64" x14ac:dyDescent="0.2">
      <c r="B3115" s="43"/>
      <c r="C3115" s="73"/>
      <c r="D3115" s="64"/>
      <c r="E3115" s="55"/>
      <c r="F3115" s="74"/>
      <c r="G3115" s="74"/>
      <c r="H3115" s="74"/>
      <c r="I3115" s="75"/>
      <c r="J3115" s="74"/>
      <c r="L3115" s="55"/>
      <c r="M3115" s="234"/>
      <c r="N3115" s="65"/>
      <c r="O3115" s="76"/>
      <c r="P3115" s="76"/>
      <c r="Q3115" s="65"/>
      <c r="R3115" s="76"/>
      <c r="S3115" s="76"/>
      <c r="T3115" s="76"/>
      <c r="U3115" s="76"/>
      <c r="V3115" s="76"/>
      <c r="W3115" s="76"/>
      <c r="X3115" s="76"/>
      <c r="Y3115" s="76"/>
      <c r="Z3115" s="76"/>
      <c r="AA3115" s="85"/>
      <c r="AB3115" s="85"/>
      <c r="AC3115" s="85"/>
      <c r="AD3115" s="85"/>
      <c r="AE3115" s="85"/>
      <c r="AF3115" s="85"/>
      <c r="AG3115" s="86"/>
      <c r="AH3115" s="85"/>
      <c r="AI3115" s="85"/>
      <c r="AJ3115" s="85"/>
      <c r="AK3115" s="85"/>
      <c r="AL3115" s="85"/>
      <c r="AM3115" s="92"/>
      <c r="AN3115" s="92"/>
      <c r="AO3115" s="92"/>
      <c r="AP3115" s="92"/>
      <c r="AQ3115" s="92"/>
      <c r="AR3115" s="92"/>
      <c r="AS3115" s="92"/>
      <c r="AT3115" s="92"/>
      <c r="AU3115" s="92"/>
      <c r="AV3115" s="92"/>
      <c r="AW3115" s="92"/>
      <c r="AX3115" s="92"/>
      <c r="AY3115" s="92"/>
      <c r="AZ3115" s="93"/>
      <c r="BA3115" s="93"/>
      <c r="BB3115" s="93"/>
      <c r="BC3115" s="93"/>
      <c r="BD3115" s="93"/>
      <c r="BE3115" s="93"/>
      <c r="BF3115" s="93"/>
      <c r="BG3115" s="93"/>
      <c r="BH3115" s="93"/>
      <c r="BI3115" s="93"/>
      <c r="BJ3115" s="93"/>
      <c r="BK3115" s="93"/>
      <c r="BL3115" s="93"/>
    </row>
    <row r="3116" spans="2:64" x14ac:dyDescent="0.2">
      <c r="B3116" s="43"/>
      <c r="C3116" s="73"/>
      <c r="D3116" s="64"/>
      <c r="E3116" s="55"/>
      <c r="F3116" s="74"/>
      <c r="G3116" s="74"/>
      <c r="H3116" s="74"/>
      <c r="I3116" s="75"/>
      <c r="J3116" s="74"/>
      <c r="L3116" s="55"/>
      <c r="M3116" s="234"/>
      <c r="N3116" s="65"/>
      <c r="O3116" s="76"/>
      <c r="P3116" s="76"/>
      <c r="Q3116" s="65"/>
      <c r="R3116" s="76"/>
      <c r="S3116" s="76"/>
      <c r="T3116" s="76"/>
      <c r="U3116" s="76"/>
      <c r="V3116" s="76"/>
      <c r="W3116" s="76"/>
      <c r="X3116" s="76"/>
      <c r="Y3116" s="76"/>
      <c r="Z3116" s="76"/>
      <c r="AA3116" s="85"/>
      <c r="AB3116" s="85"/>
      <c r="AC3116" s="85"/>
      <c r="AD3116" s="85"/>
      <c r="AE3116" s="85"/>
      <c r="AF3116" s="85"/>
      <c r="AG3116" s="86"/>
      <c r="AH3116" s="85"/>
      <c r="AI3116" s="85"/>
      <c r="AJ3116" s="85"/>
      <c r="AK3116" s="85"/>
      <c r="AL3116" s="85"/>
      <c r="AM3116" s="92"/>
      <c r="AN3116" s="92"/>
      <c r="AO3116" s="92"/>
      <c r="AP3116" s="92"/>
      <c r="AQ3116" s="92"/>
      <c r="AR3116" s="92"/>
      <c r="AS3116" s="92"/>
      <c r="AT3116" s="92"/>
      <c r="AU3116" s="92"/>
      <c r="AV3116" s="92"/>
      <c r="AW3116" s="92"/>
      <c r="AX3116" s="92"/>
      <c r="AY3116" s="92"/>
      <c r="AZ3116" s="93"/>
      <c r="BA3116" s="93"/>
      <c r="BB3116" s="93"/>
      <c r="BC3116" s="93"/>
      <c r="BD3116" s="93"/>
      <c r="BE3116" s="93"/>
      <c r="BF3116" s="93"/>
      <c r="BG3116" s="93"/>
      <c r="BH3116" s="93"/>
      <c r="BI3116" s="93"/>
      <c r="BJ3116" s="93"/>
      <c r="BK3116" s="93"/>
      <c r="BL3116" s="93"/>
    </row>
    <row r="3117" spans="2:64" x14ac:dyDescent="0.2">
      <c r="B3117" s="43"/>
      <c r="C3117" s="73"/>
      <c r="D3117" s="64"/>
      <c r="E3117" s="55"/>
      <c r="F3117" s="74"/>
      <c r="G3117" s="74"/>
      <c r="H3117" s="74"/>
      <c r="I3117" s="75"/>
      <c r="J3117" s="74"/>
      <c r="L3117" s="55"/>
      <c r="M3117" s="234"/>
      <c r="N3117" s="65"/>
      <c r="O3117" s="76"/>
      <c r="P3117" s="76"/>
      <c r="Q3117" s="65"/>
      <c r="R3117" s="76"/>
      <c r="S3117" s="76"/>
      <c r="T3117" s="76"/>
      <c r="U3117" s="76"/>
      <c r="V3117" s="76"/>
      <c r="W3117" s="76"/>
      <c r="X3117" s="76"/>
      <c r="Y3117" s="76"/>
      <c r="Z3117" s="76"/>
      <c r="AA3117" s="85"/>
      <c r="AB3117" s="85"/>
      <c r="AC3117" s="85"/>
      <c r="AD3117" s="85"/>
      <c r="AE3117" s="85"/>
      <c r="AF3117" s="85"/>
      <c r="AG3117" s="86"/>
      <c r="AH3117" s="85"/>
      <c r="AI3117" s="85"/>
      <c r="AJ3117" s="85"/>
      <c r="AK3117" s="85"/>
      <c r="AL3117" s="85"/>
      <c r="AM3117" s="92"/>
      <c r="AN3117" s="92"/>
      <c r="AO3117" s="92"/>
      <c r="AP3117" s="92"/>
      <c r="AQ3117" s="92"/>
      <c r="AR3117" s="92"/>
      <c r="AS3117" s="92"/>
      <c r="AT3117" s="92"/>
      <c r="AU3117" s="92"/>
      <c r="AV3117" s="92"/>
      <c r="AW3117" s="92"/>
      <c r="AX3117" s="92"/>
      <c r="AY3117" s="92"/>
      <c r="AZ3117" s="93"/>
      <c r="BA3117" s="93"/>
      <c r="BB3117" s="93"/>
      <c r="BC3117" s="93"/>
      <c r="BD3117" s="93"/>
      <c r="BE3117" s="93"/>
      <c r="BF3117" s="93"/>
      <c r="BG3117" s="93"/>
      <c r="BH3117" s="93"/>
      <c r="BI3117" s="93"/>
      <c r="BJ3117" s="93"/>
      <c r="BK3117" s="93"/>
      <c r="BL3117" s="93"/>
    </row>
    <row r="3118" spans="2:64" x14ac:dyDescent="0.2">
      <c r="B3118" s="43"/>
      <c r="C3118" s="73"/>
      <c r="D3118" s="64"/>
      <c r="E3118" s="55"/>
      <c r="F3118" s="74"/>
      <c r="G3118" s="74"/>
      <c r="H3118" s="74"/>
      <c r="I3118" s="75"/>
      <c r="J3118" s="74"/>
      <c r="L3118" s="55"/>
      <c r="M3118" s="234"/>
      <c r="N3118" s="65"/>
      <c r="O3118" s="76"/>
      <c r="P3118" s="76"/>
      <c r="Q3118" s="65"/>
      <c r="R3118" s="76"/>
      <c r="S3118" s="76"/>
      <c r="T3118" s="76"/>
      <c r="U3118" s="76"/>
      <c r="V3118" s="76"/>
      <c r="W3118" s="76"/>
      <c r="X3118" s="76"/>
      <c r="Y3118" s="76"/>
      <c r="Z3118" s="76"/>
      <c r="AA3118" s="85"/>
      <c r="AB3118" s="85"/>
      <c r="AC3118" s="85"/>
      <c r="AD3118" s="85"/>
      <c r="AE3118" s="85"/>
      <c r="AF3118" s="85"/>
      <c r="AG3118" s="86"/>
      <c r="AH3118" s="85"/>
      <c r="AI3118" s="85"/>
      <c r="AJ3118" s="85"/>
      <c r="AK3118" s="85"/>
      <c r="AL3118" s="85"/>
      <c r="AM3118" s="92"/>
      <c r="AN3118" s="92"/>
      <c r="AO3118" s="92"/>
      <c r="AP3118" s="92"/>
      <c r="AQ3118" s="92"/>
      <c r="AR3118" s="92"/>
      <c r="AS3118" s="92"/>
      <c r="AT3118" s="92"/>
      <c r="AU3118" s="92"/>
      <c r="AV3118" s="92"/>
      <c r="AW3118" s="92"/>
      <c r="AX3118" s="92"/>
      <c r="AY3118" s="92"/>
      <c r="AZ3118" s="93"/>
      <c r="BA3118" s="93"/>
      <c r="BB3118" s="93"/>
      <c r="BC3118" s="93"/>
      <c r="BD3118" s="93"/>
      <c r="BE3118" s="93"/>
      <c r="BF3118" s="93"/>
      <c r="BG3118" s="93"/>
      <c r="BH3118" s="93"/>
      <c r="BI3118" s="93"/>
      <c r="BJ3118" s="93"/>
      <c r="BK3118" s="93"/>
      <c r="BL3118" s="93"/>
    </row>
    <row r="3119" spans="2:64" x14ac:dyDescent="0.2">
      <c r="B3119" s="43"/>
      <c r="C3119" s="73"/>
      <c r="D3119" s="64"/>
      <c r="E3119" s="55"/>
      <c r="F3119" s="74"/>
      <c r="G3119" s="74"/>
      <c r="H3119" s="74"/>
      <c r="I3119" s="75"/>
      <c r="J3119" s="74"/>
      <c r="L3119" s="55"/>
      <c r="M3119" s="234"/>
      <c r="N3119" s="65"/>
      <c r="O3119" s="76"/>
      <c r="P3119" s="76"/>
      <c r="Q3119" s="65"/>
      <c r="R3119" s="76"/>
      <c r="S3119" s="76"/>
      <c r="T3119" s="76"/>
      <c r="U3119" s="76"/>
      <c r="V3119" s="76"/>
      <c r="W3119" s="76"/>
      <c r="X3119" s="76"/>
      <c r="Y3119" s="76"/>
      <c r="Z3119" s="76"/>
      <c r="AA3119" s="85"/>
      <c r="AB3119" s="85"/>
      <c r="AC3119" s="85"/>
      <c r="AD3119" s="85"/>
      <c r="AE3119" s="85"/>
      <c r="AF3119" s="85"/>
      <c r="AG3119" s="86"/>
      <c r="AH3119" s="85"/>
      <c r="AI3119" s="85"/>
      <c r="AJ3119" s="85"/>
      <c r="AK3119" s="85"/>
      <c r="AL3119" s="85"/>
      <c r="AM3119" s="92"/>
      <c r="AN3119" s="92"/>
      <c r="AO3119" s="92"/>
      <c r="AP3119" s="92"/>
      <c r="AQ3119" s="92"/>
      <c r="AR3119" s="92"/>
      <c r="AS3119" s="92"/>
      <c r="AT3119" s="92"/>
      <c r="AU3119" s="92"/>
      <c r="AV3119" s="92"/>
      <c r="AW3119" s="92"/>
      <c r="AX3119" s="92"/>
      <c r="AY3119" s="92"/>
      <c r="AZ3119" s="93"/>
      <c r="BA3119" s="93"/>
      <c r="BB3119" s="93"/>
      <c r="BC3119" s="93"/>
      <c r="BD3119" s="93"/>
      <c r="BE3119" s="93"/>
      <c r="BF3119" s="93"/>
      <c r="BG3119" s="93"/>
      <c r="BH3119" s="93"/>
      <c r="BI3119" s="93"/>
      <c r="BJ3119" s="93"/>
      <c r="BK3119" s="93"/>
      <c r="BL3119" s="93"/>
    </row>
    <row r="3120" spans="2:64" x14ac:dyDescent="0.2">
      <c r="B3120" s="43"/>
      <c r="C3120" s="73"/>
      <c r="D3120" s="64"/>
      <c r="E3120" s="55"/>
      <c r="F3120" s="74"/>
      <c r="G3120" s="74"/>
      <c r="H3120" s="74"/>
      <c r="I3120" s="75"/>
      <c r="J3120" s="74"/>
      <c r="L3120" s="55"/>
      <c r="M3120" s="234"/>
      <c r="N3120" s="65"/>
      <c r="O3120" s="76"/>
      <c r="P3120" s="76"/>
      <c r="Q3120" s="65"/>
      <c r="R3120" s="76"/>
      <c r="S3120" s="76"/>
      <c r="T3120" s="76"/>
      <c r="U3120" s="76"/>
      <c r="V3120" s="76"/>
      <c r="W3120" s="76"/>
      <c r="X3120" s="76"/>
      <c r="Y3120" s="76"/>
      <c r="Z3120" s="76"/>
      <c r="AA3120" s="85"/>
      <c r="AB3120" s="85"/>
      <c r="AC3120" s="85"/>
      <c r="AD3120" s="85"/>
      <c r="AE3120" s="85"/>
      <c r="AF3120" s="85"/>
      <c r="AG3120" s="86"/>
      <c r="AH3120" s="85"/>
      <c r="AI3120" s="85"/>
      <c r="AJ3120" s="85"/>
      <c r="AK3120" s="85"/>
      <c r="AL3120" s="85"/>
      <c r="AM3120" s="92"/>
      <c r="AN3120" s="92"/>
      <c r="AO3120" s="92"/>
      <c r="AP3120" s="92"/>
      <c r="AQ3120" s="92"/>
      <c r="AR3120" s="92"/>
      <c r="AS3120" s="92"/>
      <c r="AT3120" s="92"/>
      <c r="AU3120" s="92"/>
      <c r="AV3120" s="92"/>
      <c r="AW3120" s="92"/>
      <c r="AX3120" s="92"/>
      <c r="AY3120" s="92"/>
      <c r="AZ3120" s="93"/>
      <c r="BA3120" s="93"/>
      <c r="BB3120" s="93"/>
      <c r="BC3120" s="93"/>
      <c r="BD3120" s="93"/>
      <c r="BE3120" s="93"/>
      <c r="BF3120" s="93"/>
      <c r="BG3120" s="93"/>
      <c r="BH3120" s="93"/>
      <c r="BI3120" s="93"/>
      <c r="BJ3120" s="93"/>
      <c r="BK3120" s="93"/>
      <c r="BL3120" s="93"/>
    </row>
    <row r="3121" spans="2:64" x14ac:dyDescent="0.2">
      <c r="B3121" s="43"/>
      <c r="C3121" s="73"/>
      <c r="D3121" s="64"/>
      <c r="E3121" s="55"/>
      <c r="F3121" s="74"/>
      <c r="G3121" s="74"/>
      <c r="H3121" s="74"/>
      <c r="I3121" s="75"/>
      <c r="J3121" s="74"/>
      <c r="L3121" s="55"/>
      <c r="M3121" s="234"/>
      <c r="N3121" s="65"/>
      <c r="O3121" s="76"/>
      <c r="P3121" s="76"/>
      <c r="Q3121" s="65"/>
      <c r="R3121" s="76"/>
      <c r="S3121" s="76"/>
      <c r="T3121" s="76"/>
      <c r="U3121" s="76"/>
      <c r="V3121" s="76"/>
      <c r="W3121" s="76"/>
      <c r="X3121" s="76"/>
      <c r="Y3121" s="76"/>
      <c r="Z3121" s="76"/>
      <c r="AA3121" s="85"/>
      <c r="AB3121" s="85"/>
      <c r="AC3121" s="85"/>
      <c r="AD3121" s="85"/>
      <c r="AE3121" s="85"/>
      <c r="AF3121" s="85"/>
      <c r="AG3121" s="86"/>
      <c r="AH3121" s="85"/>
      <c r="AI3121" s="85"/>
      <c r="AJ3121" s="85"/>
      <c r="AK3121" s="85"/>
      <c r="AL3121" s="85"/>
      <c r="AM3121" s="92"/>
      <c r="AN3121" s="92"/>
      <c r="AO3121" s="92"/>
      <c r="AP3121" s="92"/>
      <c r="AQ3121" s="92"/>
      <c r="AR3121" s="92"/>
      <c r="AS3121" s="92"/>
      <c r="AT3121" s="92"/>
      <c r="AU3121" s="92"/>
      <c r="AV3121" s="92"/>
      <c r="AW3121" s="92"/>
      <c r="AX3121" s="92"/>
      <c r="AY3121" s="92"/>
      <c r="AZ3121" s="93"/>
      <c r="BA3121" s="93"/>
      <c r="BB3121" s="93"/>
      <c r="BC3121" s="93"/>
      <c r="BD3121" s="93"/>
      <c r="BE3121" s="93"/>
      <c r="BF3121" s="93"/>
      <c r="BG3121" s="93"/>
      <c r="BH3121" s="93"/>
      <c r="BI3121" s="93"/>
      <c r="BJ3121" s="93"/>
      <c r="BK3121" s="93"/>
      <c r="BL3121" s="93"/>
    </row>
    <row r="3122" spans="2:64" x14ac:dyDescent="0.2">
      <c r="B3122" s="43"/>
      <c r="C3122" s="73"/>
      <c r="D3122" s="64"/>
      <c r="E3122" s="55"/>
      <c r="F3122" s="74"/>
      <c r="G3122" s="74"/>
      <c r="H3122" s="74"/>
      <c r="I3122" s="75"/>
      <c r="J3122" s="74"/>
      <c r="L3122" s="55"/>
      <c r="M3122" s="234"/>
      <c r="N3122" s="65"/>
      <c r="O3122" s="76"/>
      <c r="P3122" s="76"/>
      <c r="Q3122" s="65"/>
      <c r="R3122" s="76"/>
      <c r="S3122" s="76"/>
      <c r="T3122" s="76"/>
      <c r="U3122" s="76"/>
      <c r="V3122" s="76"/>
      <c r="W3122" s="76"/>
      <c r="X3122" s="76"/>
      <c r="Y3122" s="76"/>
      <c r="Z3122" s="76"/>
      <c r="AA3122" s="85"/>
      <c r="AB3122" s="85"/>
      <c r="AC3122" s="85"/>
      <c r="AD3122" s="85"/>
      <c r="AE3122" s="85"/>
      <c r="AF3122" s="85"/>
      <c r="AG3122" s="86"/>
      <c r="AH3122" s="85"/>
      <c r="AI3122" s="85"/>
      <c r="AJ3122" s="85"/>
      <c r="AK3122" s="85"/>
      <c r="AL3122" s="85"/>
      <c r="AM3122" s="92"/>
      <c r="AN3122" s="92"/>
      <c r="AO3122" s="92"/>
      <c r="AP3122" s="92"/>
      <c r="AQ3122" s="92"/>
      <c r="AR3122" s="92"/>
      <c r="AS3122" s="92"/>
      <c r="AT3122" s="92"/>
      <c r="AU3122" s="92"/>
      <c r="AV3122" s="92"/>
      <c r="AW3122" s="92"/>
      <c r="AX3122" s="92"/>
      <c r="AY3122" s="92"/>
      <c r="AZ3122" s="93"/>
      <c r="BA3122" s="93"/>
      <c r="BB3122" s="93"/>
      <c r="BC3122" s="93"/>
      <c r="BD3122" s="93"/>
      <c r="BE3122" s="93"/>
      <c r="BF3122" s="93"/>
      <c r="BG3122" s="93"/>
      <c r="BH3122" s="93"/>
      <c r="BI3122" s="93"/>
      <c r="BJ3122" s="93"/>
      <c r="BK3122" s="93"/>
      <c r="BL3122" s="93"/>
    </row>
    <row r="3123" spans="2:64" x14ac:dyDescent="0.2">
      <c r="B3123" s="43"/>
      <c r="C3123" s="73"/>
      <c r="D3123" s="64"/>
      <c r="E3123" s="55"/>
      <c r="F3123" s="74"/>
      <c r="G3123" s="74"/>
      <c r="H3123" s="74"/>
      <c r="I3123" s="75"/>
      <c r="J3123" s="74"/>
      <c r="L3123" s="55"/>
      <c r="M3123" s="234"/>
      <c r="N3123" s="65"/>
      <c r="O3123" s="76"/>
      <c r="P3123" s="76"/>
      <c r="Q3123" s="65"/>
      <c r="R3123" s="76"/>
      <c r="S3123" s="76"/>
      <c r="T3123" s="76"/>
      <c r="U3123" s="76"/>
      <c r="V3123" s="76"/>
      <c r="W3123" s="76"/>
      <c r="X3123" s="76"/>
      <c r="Y3123" s="76"/>
      <c r="Z3123" s="76"/>
      <c r="AA3123" s="85"/>
      <c r="AB3123" s="85"/>
      <c r="AC3123" s="85"/>
      <c r="AD3123" s="85"/>
      <c r="AE3123" s="85"/>
      <c r="AF3123" s="85"/>
      <c r="AG3123" s="86"/>
      <c r="AH3123" s="85"/>
      <c r="AI3123" s="85"/>
      <c r="AJ3123" s="85"/>
      <c r="AK3123" s="85"/>
      <c r="AL3123" s="85"/>
      <c r="AM3123" s="92"/>
      <c r="AN3123" s="92"/>
      <c r="AO3123" s="92"/>
      <c r="AP3123" s="92"/>
      <c r="AQ3123" s="92"/>
      <c r="AR3123" s="92"/>
      <c r="AS3123" s="92"/>
      <c r="AT3123" s="92"/>
      <c r="AU3123" s="92"/>
      <c r="AV3123" s="92"/>
      <c r="AW3123" s="92"/>
      <c r="AX3123" s="92"/>
      <c r="AY3123" s="92"/>
      <c r="AZ3123" s="93"/>
      <c r="BA3123" s="93"/>
      <c r="BB3123" s="93"/>
      <c r="BC3123" s="93"/>
      <c r="BD3123" s="93"/>
      <c r="BE3123" s="93"/>
      <c r="BF3123" s="93"/>
      <c r="BG3123" s="93"/>
      <c r="BH3123" s="93"/>
      <c r="BI3123" s="93"/>
      <c r="BJ3123" s="93"/>
      <c r="BK3123" s="93"/>
      <c r="BL3123" s="93"/>
    </row>
    <row r="3124" spans="2:64" x14ac:dyDescent="0.2">
      <c r="B3124" s="43"/>
      <c r="C3124" s="73"/>
      <c r="D3124" s="64"/>
      <c r="E3124" s="55"/>
      <c r="F3124" s="74"/>
      <c r="G3124" s="74"/>
      <c r="H3124" s="74"/>
      <c r="I3124" s="75"/>
      <c r="J3124" s="74"/>
      <c r="L3124" s="55"/>
      <c r="M3124" s="234"/>
      <c r="N3124" s="65"/>
      <c r="O3124" s="76"/>
      <c r="P3124" s="76"/>
      <c r="Q3124" s="65"/>
      <c r="R3124" s="76"/>
      <c r="S3124" s="76"/>
      <c r="T3124" s="76"/>
      <c r="U3124" s="76"/>
      <c r="V3124" s="76"/>
      <c r="W3124" s="76"/>
      <c r="X3124" s="76"/>
      <c r="Y3124" s="76"/>
      <c r="Z3124" s="76"/>
      <c r="AA3124" s="85"/>
      <c r="AB3124" s="85"/>
      <c r="AC3124" s="85"/>
      <c r="AD3124" s="85"/>
      <c r="AE3124" s="85"/>
      <c r="AF3124" s="85"/>
      <c r="AG3124" s="86"/>
      <c r="AH3124" s="85"/>
      <c r="AI3124" s="85"/>
      <c r="AJ3124" s="85"/>
      <c r="AK3124" s="85"/>
      <c r="AL3124" s="85"/>
      <c r="AM3124" s="92"/>
      <c r="AN3124" s="92"/>
      <c r="AO3124" s="92"/>
      <c r="AP3124" s="92"/>
      <c r="AQ3124" s="92"/>
      <c r="AR3124" s="92"/>
      <c r="AS3124" s="92"/>
      <c r="AT3124" s="92"/>
      <c r="AU3124" s="92"/>
      <c r="AV3124" s="92"/>
      <c r="AW3124" s="92"/>
      <c r="AX3124" s="92"/>
      <c r="AY3124" s="92"/>
      <c r="AZ3124" s="93"/>
      <c r="BA3124" s="93"/>
      <c r="BB3124" s="93"/>
      <c r="BC3124" s="93"/>
      <c r="BD3124" s="93"/>
      <c r="BE3124" s="93"/>
      <c r="BF3124" s="93"/>
      <c r="BG3124" s="93"/>
      <c r="BH3124" s="93"/>
      <c r="BI3124" s="93"/>
      <c r="BJ3124" s="93"/>
      <c r="BK3124" s="93"/>
      <c r="BL3124" s="93"/>
    </row>
    <row r="3125" spans="2:64" x14ac:dyDescent="0.2">
      <c r="B3125" s="43"/>
      <c r="C3125" s="73"/>
      <c r="D3125" s="64"/>
      <c r="E3125" s="55"/>
      <c r="F3125" s="74"/>
      <c r="G3125" s="74"/>
      <c r="H3125" s="74"/>
      <c r="I3125" s="75"/>
      <c r="J3125" s="74"/>
      <c r="L3125" s="55"/>
      <c r="M3125" s="234"/>
      <c r="N3125" s="65"/>
      <c r="O3125" s="76"/>
      <c r="P3125" s="76"/>
      <c r="Q3125" s="65"/>
      <c r="R3125" s="76"/>
      <c r="S3125" s="76"/>
      <c r="T3125" s="76"/>
      <c r="U3125" s="76"/>
      <c r="V3125" s="76"/>
      <c r="W3125" s="76"/>
      <c r="X3125" s="76"/>
      <c r="Y3125" s="76"/>
      <c r="Z3125" s="76"/>
      <c r="AA3125" s="85"/>
      <c r="AB3125" s="85"/>
      <c r="AC3125" s="85"/>
      <c r="AD3125" s="85"/>
      <c r="AE3125" s="85"/>
      <c r="AF3125" s="85"/>
      <c r="AG3125" s="86"/>
      <c r="AH3125" s="85"/>
      <c r="AI3125" s="85"/>
      <c r="AJ3125" s="85"/>
      <c r="AK3125" s="85"/>
      <c r="AL3125" s="85"/>
      <c r="AM3125" s="92"/>
      <c r="AN3125" s="92"/>
      <c r="AO3125" s="92"/>
      <c r="AP3125" s="92"/>
      <c r="AQ3125" s="92"/>
      <c r="AR3125" s="92"/>
      <c r="AS3125" s="92"/>
      <c r="AT3125" s="92"/>
      <c r="AU3125" s="92"/>
      <c r="AV3125" s="92"/>
      <c r="AW3125" s="92"/>
      <c r="AX3125" s="92"/>
      <c r="AY3125" s="92"/>
      <c r="AZ3125" s="93"/>
      <c r="BA3125" s="93"/>
      <c r="BB3125" s="93"/>
      <c r="BC3125" s="93"/>
      <c r="BD3125" s="93"/>
      <c r="BE3125" s="93"/>
      <c r="BF3125" s="93"/>
      <c r="BG3125" s="93"/>
      <c r="BH3125" s="93"/>
      <c r="BI3125" s="93"/>
      <c r="BJ3125" s="93"/>
      <c r="BK3125" s="93"/>
      <c r="BL3125" s="93"/>
    </row>
    <row r="3126" spans="2:64" x14ac:dyDescent="0.2">
      <c r="B3126" s="43"/>
      <c r="C3126" s="73"/>
      <c r="D3126" s="64"/>
      <c r="E3126" s="55"/>
      <c r="F3126" s="74"/>
      <c r="G3126" s="74"/>
      <c r="H3126" s="74"/>
      <c r="I3126" s="75"/>
      <c r="J3126" s="74"/>
      <c r="L3126" s="55"/>
      <c r="M3126" s="234"/>
      <c r="N3126" s="65"/>
      <c r="O3126" s="76"/>
      <c r="P3126" s="76"/>
      <c r="Q3126" s="65"/>
      <c r="R3126" s="76"/>
      <c r="S3126" s="76"/>
      <c r="T3126" s="76"/>
      <c r="U3126" s="76"/>
      <c r="V3126" s="76"/>
      <c r="W3126" s="76"/>
      <c r="X3126" s="76"/>
      <c r="Y3126" s="76"/>
      <c r="Z3126" s="76"/>
      <c r="AA3126" s="85"/>
      <c r="AB3126" s="85"/>
      <c r="AC3126" s="85"/>
      <c r="AD3126" s="85"/>
      <c r="AE3126" s="85"/>
      <c r="AF3126" s="85"/>
      <c r="AG3126" s="86"/>
      <c r="AH3126" s="85"/>
      <c r="AI3126" s="85"/>
      <c r="AJ3126" s="85"/>
      <c r="AK3126" s="85"/>
      <c r="AL3126" s="85"/>
      <c r="AM3126" s="92"/>
      <c r="AN3126" s="92"/>
      <c r="AO3126" s="92"/>
      <c r="AP3126" s="92"/>
      <c r="AQ3126" s="92"/>
      <c r="AR3126" s="92"/>
      <c r="AS3126" s="92"/>
      <c r="AT3126" s="92"/>
      <c r="AU3126" s="92"/>
      <c r="AV3126" s="92"/>
      <c r="AW3126" s="92"/>
      <c r="AX3126" s="92"/>
      <c r="AY3126" s="92"/>
      <c r="AZ3126" s="93"/>
      <c r="BA3126" s="93"/>
      <c r="BB3126" s="93"/>
      <c r="BC3126" s="93"/>
      <c r="BD3126" s="93"/>
      <c r="BE3126" s="93"/>
      <c r="BF3126" s="93"/>
      <c r="BG3126" s="93"/>
      <c r="BH3126" s="93"/>
      <c r="BI3126" s="93"/>
      <c r="BJ3126" s="93"/>
      <c r="BK3126" s="93"/>
      <c r="BL3126" s="93"/>
    </row>
    <row r="3127" spans="2:64" x14ac:dyDescent="0.2">
      <c r="B3127" s="43"/>
      <c r="C3127" s="73"/>
      <c r="D3127" s="64"/>
      <c r="E3127" s="55"/>
      <c r="F3127" s="74"/>
      <c r="G3127" s="74"/>
      <c r="H3127" s="74"/>
      <c r="I3127" s="75"/>
      <c r="J3127" s="74"/>
      <c r="L3127" s="55"/>
      <c r="M3127" s="234"/>
      <c r="N3127" s="65"/>
      <c r="O3127" s="76"/>
      <c r="P3127" s="76"/>
      <c r="Q3127" s="65"/>
      <c r="R3127" s="76"/>
      <c r="S3127" s="76"/>
      <c r="T3127" s="76"/>
      <c r="U3127" s="76"/>
      <c r="V3127" s="76"/>
      <c r="W3127" s="76"/>
      <c r="X3127" s="76"/>
      <c r="Y3127" s="76"/>
      <c r="Z3127" s="76"/>
      <c r="AA3127" s="85"/>
      <c r="AB3127" s="85"/>
      <c r="AC3127" s="85"/>
      <c r="AD3127" s="85"/>
      <c r="AE3127" s="85"/>
      <c r="AF3127" s="85"/>
      <c r="AG3127" s="86"/>
      <c r="AH3127" s="85"/>
      <c r="AI3127" s="85"/>
      <c r="AJ3127" s="85"/>
      <c r="AK3127" s="85"/>
      <c r="AL3127" s="85"/>
      <c r="AM3127" s="92"/>
      <c r="AN3127" s="92"/>
      <c r="AO3127" s="92"/>
      <c r="AP3127" s="92"/>
      <c r="AQ3127" s="92"/>
      <c r="AR3127" s="92"/>
      <c r="AS3127" s="92"/>
      <c r="AT3127" s="92"/>
      <c r="AU3127" s="92"/>
      <c r="AV3127" s="92"/>
      <c r="AW3127" s="92"/>
      <c r="AX3127" s="92"/>
      <c r="AY3127" s="92"/>
      <c r="AZ3127" s="93"/>
      <c r="BA3127" s="93"/>
      <c r="BB3127" s="93"/>
      <c r="BC3127" s="93"/>
      <c r="BD3127" s="93"/>
      <c r="BE3127" s="93"/>
      <c r="BF3127" s="93"/>
      <c r="BG3127" s="93"/>
      <c r="BH3127" s="93"/>
      <c r="BI3127" s="93"/>
      <c r="BJ3127" s="93"/>
      <c r="BK3127" s="93"/>
      <c r="BL3127" s="93"/>
    </row>
    <row r="3128" spans="2:64" x14ac:dyDescent="0.2">
      <c r="B3128" s="43"/>
      <c r="C3128" s="73"/>
      <c r="D3128" s="64"/>
      <c r="E3128" s="55"/>
      <c r="F3128" s="74"/>
      <c r="G3128" s="74"/>
      <c r="H3128" s="74"/>
      <c r="I3128" s="75"/>
      <c r="J3128" s="74"/>
      <c r="L3128" s="55"/>
      <c r="M3128" s="234"/>
      <c r="N3128" s="65"/>
      <c r="O3128" s="76"/>
      <c r="P3128" s="76"/>
      <c r="Q3128" s="65"/>
      <c r="R3128" s="76"/>
      <c r="S3128" s="76"/>
      <c r="T3128" s="76"/>
      <c r="U3128" s="76"/>
      <c r="V3128" s="76"/>
      <c r="W3128" s="76"/>
      <c r="X3128" s="76"/>
      <c r="Y3128" s="76"/>
      <c r="Z3128" s="76"/>
      <c r="AA3128" s="85"/>
      <c r="AB3128" s="85"/>
      <c r="AC3128" s="85"/>
      <c r="AD3128" s="85"/>
      <c r="AE3128" s="85"/>
      <c r="AF3128" s="85"/>
      <c r="AG3128" s="86"/>
      <c r="AH3128" s="85"/>
      <c r="AI3128" s="85"/>
      <c r="AJ3128" s="85"/>
      <c r="AK3128" s="85"/>
      <c r="AL3128" s="85"/>
      <c r="AM3128" s="92"/>
      <c r="AN3128" s="92"/>
      <c r="AO3128" s="92"/>
      <c r="AP3128" s="92"/>
      <c r="AQ3128" s="92"/>
      <c r="AR3128" s="92"/>
      <c r="AS3128" s="92"/>
      <c r="AT3128" s="92"/>
      <c r="AU3128" s="92"/>
      <c r="AV3128" s="92"/>
      <c r="AW3128" s="92"/>
      <c r="AX3128" s="92"/>
      <c r="AY3128" s="92"/>
      <c r="AZ3128" s="93"/>
      <c r="BA3128" s="93"/>
      <c r="BB3128" s="93"/>
      <c r="BC3128" s="93"/>
      <c r="BD3128" s="93"/>
      <c r="BE3128" s="93"/>
      <c r="BF3128" s="93"/>
      <c r="BG3128" s="93"/>
      <c r="BH3128" s="93"/>
      <c r="BI3128" s="93"/>
      <c r="BJ3128" s="93"/>
      <c r="BK3128" s="93"/>
      <c r="BL3128" s="93"/>
    </row>
    <row r="3129" spans="2:64" x14ac:dyDescent="0.2">
      <c r="B3129" s="43"/>
      <c r="C3129" s="73"/>
      <c r="D3129" s="64"/>
      <c r="E3129" s="55"/>
      <c r="F3129" s="74"/>
      <c r="G3129" s="74"/>
      <c r="H3129" s="74"/>
      <c r="I3129" s="75"/>
      <c r="J3129" s="74"/>
      <c r="L3129" s="55"/>
      <c r="M3129" s="234"/>
      <c r="N3129" s="65"/>
      <c r="O3129" s="76"/>
      <c r="P3129" s="76"/>
      <c r="Q3129" s="65"/>
      <c r="R3129" s="76"/>
      <c r="S3129" s="76"/>
      <c r="T3129" s="76"/>
      <c r="U3129" s="76"/>
      <c r="V3129" s="76"/>
      <c r="W3129" s="76"/>
      <c r="X3129" s="76"/>
      <c r="Y3129" s="76"/>
      <c r="Z3129" s="76"/>
      <c r="AA3129" s="85"/>
      <c r="AB3129" s="85"/>
      <c r="AC3129" s="85"/>
      <c r="AD3129" s="85"/>
      <c r="AE3129" s="85"/>
      <c r="AF3129" s="85"/>
      <c r="AG3129" s="86"/>
      <c r="AH3129" s="85"/>
      <c r="AI3129" s="85"/>
      <c r="AJ3129" s="85"/>
      <c r="AK3129" s="85"/>
      <c r="AL3129" s="85"/>
      <c r="AM3129" s="92"/>
      <c r="AN3129" s="92"/>
      <c r="AO3129" s="92"/>
      <c r="AP3129" s="92"/>
      <c r="AQ3129" s="92"/>
      <c r="AR3129" s="92"/>
      <c r="AS3129" s="92"/>
      <c r="AT3129" s="92"/>
      <c r="AU3129" s="92"/>
      <c r="AV3129" s="92"/>
      <c r="AW3129" s="92"/>
      <c r="AX3129" s="92"/>
      <c r="AY3129" s="92"/>
      <c r="AZ3129" s="93"/>
      <c r="BA3129" s="93"/>
      <c r="BB3129" s="93"/>
      <c r="BC3129" s="93"/>
      <c r="BD3129" s="93"/>
      <c r="BE3129" s="93"/>
      <c r="BF3129" s="93"/>
      <c r="BG3129" s="93"/>
      <c r="BH3129" s="93"/>
      <c r="BI3129" s="93"/>
      <c r="BJ3129" s="93"/>
      <c r="BK3129" s="93"/>
      <c r="BL3129" s="93"/>
    </row>
    <row r="3130" spans="2:64" x14ac:dyDescent="0.2">
      <c r="B3130" s="43"/>
      <c r="C3130" s="73"/>
      <c r="D3130" s="64"/>
      <c r="E3130" s="55"/>
      <c r="F3130" s="74"/>
      <c r="G3130" s="74"/>
      <c r="H3130" s="74"/>
      <c r="I3130" s="75"/>
      <c r="J3130" s="74"/>
      <c r="L3130" s="55"/>
      <c r="M3130" s="234"/>
      <c r="N3130" s="65"/>
      <c r="O3130" s="76"/>
      <c r="P3130" s="76"/>
      <c r="Q3130" s="65"/>
      <c r="R3130" s="76"/>
      <c r="S3130" s="76"/>
      <c r="T3130" s="76"/>
      <c r="U3130" s="76"/>
      <c r="V3130" s="76"/>
      <c r="W3130" s="76"/>
      <c r="X3130" s="76"/>
      <c r="Y3130" s="76"/>
      <c r="Z3130" s="76"/>
      <c r="AA3130" s="85"/>
      <c r="AB3130" s="85"/>
      <c r="AC3130" s="85"/>
      <c r="AD3130" s="85"/>
      <c r="AE3130" s="85"/>
      <c r="AF3130" s="85"/>
      <c r="AG3130" s="86"/>
      <c r="AH3130" s="85"/>
      <c r="AI3130" s="85"/>
      <c r="AJ3130" s="85"/>
      <c r="AK3130" s="85"/>
      <c r="AL3130" s="85"/>
      <c r="AM3130" s="92"/>
      <c r="AN3130" s="92"/>
      <c r="AO3130" s="92"/>
      <c r="AP3130" s="92"/>
      <c r="AQ3130" s="92"/>
      <c r="AR3130" s="92"/>
      <c r="AS3130" s="92"/>
      <c r="AT3130" s="92"/>
      <c r="AU3130" s="92"/>
      <c r="AV3130" s="92"/>
      <c r="AW3130" s="92"/>
      <c r="AX3130" s="92"/>
      <c r="AY3130" s="92"/>
      <c r="AZ3130" s="93"/>
      <c r="BA3130" s="93"/>
      <c r="BB3130" s="93"/>
      <c r="BC3130" s="93"/>
      <c r="BD3130" s="93"/>
      <c r="BE3130" s="93"/>
      <c r="BF3130" s="93"/>
      <c r="BG3130" s="93"/>
      <c r="BH3130" s="93"/>
      <c r="BI3130" s="93"/>
      <c r="BJ3130" s="93"/>
      <c r="BK3130" s="93"/>
      <c r="BL3130" s="93"/>
    </row>
    <row r="3131" spans="2:64" x14ac:dyDescent="0.2">
      <c r="B3131" s="43"/>
      <c r="C3131" s="73"/>
      <c r="D3131" s="64"/>
      <c r="E3131" s="55"/>
      <c r="F3131" s="74"/>
      <c r="G3131" s="74"/>
      <c r="H3131" s="74"/>
      <c r="I3131" s="75"/>
      <c r="J3131" s="74"/>
      <c r="L3131" s="55"/>
      <c r="M3131" s="234"/>
      <c r="N3131" s="65"/>
      <c r="O3131" s="76"/>
      <c r="P3131" s="76"/>
      <c r="Q3131" s="65"/>
      <c r="R3131" s="76"/>
      <c r="S3131" s="76"/>
      <c r="T3131" s="76"/>
      <c r="U3131" s="76"/>
      <c r="V3131" s="76"/>
      <c r="W3131" s="76"/>
      <c r="X3131" s="76"/>
      <c r="Y3131" s="76"/>
      <c r="Z3131" s="76"/>
      <c r="AA3131" s="85"/>
      <c r="AB3131" s="85"/>
      <c r="AC3131" s="85"/>
      <c r="AD3131" s="85"/>
      <c r="AE3131" s="85"/>
      <c r="AF3131" s="85"/>
      <c r="AG3131" s="86"/>
      <c r="AH3131" s="85"/>
      <c r="AI3131" s="85"/>
      <c r="AJ3131" s="85"/>
      <c r="AK3131" s="85"/>
      <c r="AL3131" s="85"/>
      <c r="AM3131" s="92"/>
      <c r="AN3131" s="92"/>
      <c r="AO3131" s="92"/>
      <c r="AP3131" s="92"/>
      <c r="AQ3131" s="92"/>
      <c r="AR3131" s="92"/>
      <c r="AS3131" s="92"/>
      <c r="AT3131" s="92"/>
      <c r="AU3131" s="92"/>
      <c r="AV3131" s="92"/>
      <c r="AW3131" s="92"/>
      <c r="AX3131" s="92"/>
      <c r="AY3131" s="92"/>
      <c r="AZ3131" s="93"/>
      <c r="BA3131" s="93"/>
      <c r="BB3131" s="93"/>
      <c r="BC3131" s="93"/>
      <c r="BD3131" s="93"/>
      <c r="BE3131" s="93"/>
      <c r="BF3131" s="93"/>
      <c r="BG3131" s="93"/>
      <c r="BH3131" s="93"/>
      <c r="BI3131" s="93"/>
      <c r="BJ3131" s="93"/>
      <c r="BK3131" s="93"/>
      <c r="BL3131" s="93"/>
    </row>
    <row r="3132" spans="2:64" x14ac:dyDescent="0.2">
      <c r="B3132" s="43"/>
      <c r="C3132" s="73"/>
      <c r="D3132" s="64"/>
      <c r="E3132" s="55"/>
      <c r="F3132" s="74"/>
      <c r="G3132" s="74"/>
      <c r="H3132" s="74"/>
      <c r="I3132" s="75"/>
      <c r="J3132" s="74"/>
      <c r="L3132" s="55"/>
      <c r="M3132" s="234"/>
      <c r="N3132" s="65"/>
      <c r="O3132" s="76"/>
      <c r="P3132" s="76"/>
      <c r="Q3132" s="65"/>
      <c r="R3132" s="76"/>
      <c r="S3132" s="76"/>
      <c r="T3132" s="76"/>
      <c r="U3132" s="76"/>
      <c r="V3132" s="76"/>
      <c r="W3132" s="76"/>
      <c r="X3132" s="76"/>
      <c r="Y3132" s="76"/>
      <c r="Z3132" s="76"/>
      <c r="AA3132" s="85"/>
      <c r="AB3132" s="85"/>
      <c r="AC3132" s="85"/>
      <c r="AD3132" s="85"/>
      <c r="AE3132" s="85"/>
      <c r="AF3132" s="85"/>
      <c r="AG3132" s="86"/>
      <c r="AH3132" s="85"/>
      <c r="AI3132" s="85"/>
      <c r="AJ3132" s="85"/>
      <c r="AK3132" s="85"/>
      <c r="AL3132" s="85"/>
      <c r="AM3132" s="92"/>
      <c r="AN3132" s="92"/>
      <c r="AO3132" s="92"/>
      <c r="AP3132" s="92"/>
      <c r="AQ3132" s="92"/>
      <c r="AR3132" s="92"/>
      <c r="AS3132" s="92"/>
      <c r="AT3132" s="92"/>
      <c r="AU3132" s="92"/>
      <c r="AV3132" s="92"/>
      <c r="AW3132" s="92"/>
      <c r="AX3132" s="92"/>
      <c r="AY3132" s="92"/>
      <c r="AZ3132" s="93"/>
      <c r="BA3132" s="93"/>
      <c r="BB3132" s="93"/>
      <c r="BC3132" s="93"/>
      <c r="BD3132" s="93"/>
      <c r="BE3132" s="93"/>
      <c r="BF3132" s="93"/>
      <c r="BG3132" s="93"/>
      <c r="BH3132" s="93"/>
      <c r="BI3132" s="93"/>
      <c r="BJ3132" s="93"/>
      <c r="BK3132" s="93"/>
      <c r="BL3132" s="93"/>
    </row>
    <row r="3133" spans="2:64" x14ac:dyDescent="0.2">
      <c r="B3133" s="43"/>
      <c r="C3133" s="73"/>
      <c r="D3133" s="64"/>
      <c r="E3133" s="55"/>
      <c r="F3133" s="74"/>
      <c r="G3133" s="74"/>
      <c r="H3133" s="74"/>
      <c r="I3133" s="75"/>
      <c r="J3133" s="74"/>
      <c r="L3133" s="55"/>
      <c r="M3133" s="234"/>
      <c r="N3133" s="65"/>
      <c r="O3133" s="76"/>
      <c r="P3133" s="76"/>
      <c r="Q3133" s="65"/>
      <c r="R3133" s="76"/>
      <c r="S3133" s="76"/>
      <c r="T3133" s="76"/>
      <c r="U3133" s="76"/>
      <c r="V3133" s="76"/>
      <c r="W3133" s="76"/>
      <c r="X3133" s="76"/>
      <c r="Y3133" s="76"/>
      <c r="Z3133" s="76"/>
      <c r="AA3133" s="85"/>
      <c r="AB3133" s="85"/>
      <c r="AC3133" s="85"/>
      <c r="AD3133" s="85"/>
      <c r="AE3133" s="85"/>
      <c r="AF3133" s="85"/>
      <c r="AG3133" s="86"/>
      <c r="AH3133" s="85"/>
      <c r="AI3133" s="85"/>
      <c r="AJ3133" s="85"/>
      <c r="AK3133" s="85"/>
      <c r="AL3133" s="85"/>
      <c r="AM3133" s="92"/>
      <c r="AN3133" s="92"/>
      <c r="AO3133" s="92"/>
      <c r="AP3133" s="92"/>
      <c r="AQ3133" s="92"/>
      <c r="AR3133" s="92"/>
      <c r="AS3133" s="92"/>
      <c r="AT3133" s="92"/>
      <c r="AU3133" s="92"/>
      <c r="AV3133" s="92"/>
      <c r="AW3133" s="92"/>
      <c r="AX3133" s="92"/>
      <c r="AY3133" s="92"/>
      <c r="AZ3133" s="93"/>
      <c r="BA3133" s="93"/>
      <c r="BB3133" s="93"/>
      <c r="BC3133" s="93"/>
      <c r="BD3133" s="93"/>
      <c r="BE3133" s="93"/>
      <c r="BF3133" s="93"/>
      <c r="BG3133" s="93"/>
      <c r="BH3133" s="93"/>
      <c r="BI3133" s="93"/>
      <c r="BJ3133" s="93"/>
      <c r="BK3133" s="93"/>
      <c r="BL3133" s="93"/>
    </row>
    <row r="3134" spans="2:64" x14ac:dyDescent="0.2">
      <c r="B3134" s="43"/>
      <c r="C3134" s="73"/>
      <c r="D3134" s="64"/>
      <c r="E3134" s="55"/>
      <c r="F3134" s="74"/>
      <c r="G3134" s="74"/>
      <c r="H3134" s="74"/>
      <c r="I3134" s="75"/>
      <c r="J3134" s="74"/>
      <c r="L3134" s="55"/>
      <c r="M3134" s="234"/>
      <c r="N3134" s="65"/>
      <c r="O3134" s="76"/>
      <c r="P3134" s="76"/>
      <c r="Q3134" s="65"/>
      <c r="R3134" s="76"/>
      <c r="S3134" s="76"/>
      <c r="T3134" s="76"/>
      <c r="U3134" s="76"/>
      <c r="V3134" s="76"/>
      <c r="W3134" s="76"/>
      <c r="X3134" s="76"/>
      <c r="Y3134" s="76"/>
      <c r="Z3134" s="76"/>
      <c r="AA3134" s="85"/>
      <c r="AB3134" s="85"/>
      <c r="AC3134" s="85"/>
      <c r="AD3134" s="85"/>
      <c r="AE3134" s="85"/>
      <c r="AF3134" s="85"/>
      <c r="AG3134" s="86"/>
      <c r="AH3134" s="85"/>
      <c r="AI3134" s="85"/>
      <c r="AJ3134" s="85"/>
      <c r="AK3134" s="85"/>
      <c r="AL3134" s="85"/>
      <c r="AM3134" s="92"/>
      <c r="AN3134" s="92"/>
      <c r="AO3134" s="92"/>
      <c r="AP3134" s="92"/>
      <c r="AQ3134" s="92"/>
      <c r="AR3134" s="92"/>
      <c r="AS3134" s="92"/>
      <c r="AT3134" s="92"/>
      <c r="AU3134" s="92"/>
      <c r="AV3134" s="92"/>
      <c r="AW3134" s="92"/>
      <c r="AX3134" s="92"/>
      <c r="AY3134" s="92"/>
      <c r="AZ3134" s="93"/>
      <c r="BA3134" s="93"/>
      <c r="BB3134" s="93"/>
      <c r="BC3134" s="93"/>
      <c r="BD3134" s="93"/>
      <c r="BE3134" s="93"/>
      <c r="BF3134" s="93"/>
      <c r="BG3134" s="93"/>
      <c r="BH3134" s="93"/>
      <c r="BI3134" s="93"/>
      <c r="BJ3134" s="93"/>
      <c r="BK3134" s="93"/>
      <c r="BL3134" s="93"/>
    </row>
    <row r="3135" spans="2:64" x14ac:dyDescent="0.2">
      <c r="B3135" s="43"/>
      <c r="C3135" s="73"/>
      <c r="D3135" s="64"/>
      <c r="E3135" s="55"/>
      <c r="F3135" s="74"/>
      <c r="G3135" s="74"/>
      <c r="H3135" s="74"/>
      <c r="I3135" s="75"/>
      <c r="J3135" s="74"/>
      <c r="L3135" s="55"/>
      <c r="M3135" s="234"/>
      <c r="N3135" s="65"/>
      <c r="O3135" s="76"/>
      <c r="P3135" s="76"/>
      <c r="Q3135" s="65"/>
      <c r="R3135" s="76"/>
      <c r="S3135" s="76"/>
      <c r="T3135" s="76"/>
      <c r="U3135" s="76"/>
      <c r="V3135" s="76"/>
      <c r="W3135" s="76"/>
      <c r="X3135" s="76"/>
      <c r="Y3135" s="76"/>
      <c r="Z3135" s="76"/>
      <c r="AA3135" s="85"/>
      <c r="AB3135" s="85"/>
      <c r="AC3135" s="85"/>
      <c r="AD3135" s="85"/>
      <c r="AE3135" s="85"/>
      <c r="AF3135" s="85"/>
      <c r="AG3135" s="86"/>
      <c r="AH3135" s="85"/>
      <c r="AI3135" s="85"/>
      <c r="AJ3135" s="85"/>
      <c r="AK3135" s="85"/>
      <c r="AL3135" s="85"/>
      <c r="AM3135" s="92"/>
      <c r="AN3135" s="92"/>
      <c r="AO3135" s="92"/>
      <c r="AP3135" s="92"/>
      <c r="AQ3135" s="92"/>
      <c r="AR3135" s="92"/>
      <c r="AS3135" s="92"/>
      <c r="AT3135" s="92"/>
      <c r="AU3135" s="92"/>
      <c r="AV3135" s="92"/>
      <c r="AW3135" s="92"/>
      <c r="AX3135" s="92"/>
      <c r="AY3135" s="92"/>
      <c r="AZ3135" s="93"/>
      <c r="BA3135" s="93"/>
      <c r="BB3135" s="93"/>
      <c r="BC3135" s="93"/>
      <c r="BD3135" s="93"/>
      <c r="BE3135" s="93"/>
      <c r="BF3135" s="93"/>
      <c r="BG3135" s="93"/>
      <c r="BH3135" s="93"/>
      <c r="BI3135" s="93"/>
      <c r="BJ3135" s="93"/>
      <c r="BK3135" s="93"/>
      <c r="BL3135" s="93"/>
    </row>
    <row r="3136" spans="2:64" x14ac:dyDescent="0.2">
      <c r="B3136" s="43"/>
      <c r="C3136" s="73"/>
      <c r="D3136" s="64"/>
      <c r="E3136" s="55"/>
      <c r="F3136" s="74"/>
      <c r="G3136" s="74"/>
      <c r="H3136" s="74"/>
      <c r="I3136" s="75"/>
      <c r="J3136" s="74"/>
      <c r="L3136" s="55"/>
      <c r="M3136" s="234"/>
      <c r="N3136" s="65"/>
      <c r="O3136" s="76"/>
      <c r="P3136" s="76"/>
      <c r="Q3136" s="65"/>
      <c r="R3136" s="76"/>
      <c r="S3136" s="76"/>
      <c r="T3136" s="76"/>
      <c r="U3136" s="76"/>
      <c r="V3136" s="76"/>
      <c r="W3136" s="76"/>
      <c r="X3136" s="76"/>
      <c r="Y3136" s="76"/>
      <c r="Z3136" s="76"/>
      <c r="AA3136" s="85"/>
      <c r="AB3136" s="85"/>
      <c r="AC3136" s="85"/>
      <c r="AD3136" s="85"/>
      <c r="AE3136" s="85"/>
      <c r="AF3136" s="85"/>
      <c r="AG3136" s="86"/>
      <c r="AH3136" s="85"/>
      <c r="AI3136" s="85"/>
      <c r="AJ3136" s="85"/>
      <c r="AK3136" s="85"/>
      <c r="AL3136" s="85"/>
      <c r="AM3136" s="92"/>
      <c r="AN3136" s="92"/>
      <c r="AO3136" s="92"/>
      <c r="AP3136" s="92"/>
      <c r="AQ3136" s="92"/>
      <c r="AR3136" s="92"/>
      <c r="AS3136" s="92"/>
      <c r="AT3136" s="92"/>
      <c r="AU3136" s="92"/>
      <c r="AV3136" s="92"/>
      <c r="AW3136" s="92"/>
      <c r="AX3136" s="92"/>
      <c r="AY3136" s="92"/>
      <c r="AZ3136" s="93"/>
      <c r="BA3136" s="93"/>
      <c r="BB3136" s="93"/>
      <c r="BC3136" s="93"/>
      <c r="BD3136" s="93"/>
      <c r="BE3136" s="93"/>
      <c r="BF3136" s="93"/>
      <c r="BG3136" s="93"/>
      <c r="BH3136" s="93"/>
      <c r="BI3136" s="93"/>
      <c r="BJ3136" s="93"/>
      <c r="BK3136" s="93"/>
      <c r="BL3136" s="93"/>
    </row>
    <row r="3137" spans="2:64" x14ac:dyDescent="0.2">
      <c r="B3137" s="43"/>
      <c r="C3137" s="73"/>
      <c r="D3137" s="64"/>
      <c r="E3137" s="55"/>
      <c r="F3137" s="74"/>
      <c r="G3137" s="74"/>
      <c r="H3137" s="74"/>
      <c r="I3137" s="75"/>
      <c r="J3137" s="74"/>
      <c r="L3137" s="55"/>
      <c r="M3137" s="234"/>
      <c r="N3137" s="65"/>
      <c r="O3137" s="76"/>
      <c r="P3137" s="76"/>
      <c r="Q3137" s="65"/>
      <c r="R3137" s="76"/>
      <c r="S3137" s="76"/>
      <c r="T3137" s="76"/>
      <c r="U3137" s="76"/>
      <c r="V3137" s="76"/>
      <c r="W3137" s="76"/>
      <c r="X3137" s="76"/>
      <c r="Y3137" s="76"/>
      <c r="Z3137" s="76"/>
      <c r="AA3137" s="85"/>
      <c r="AB3137" s="85"/>
      <c r="AC3137" s="85"/>
      <c r="AD3137" s="85"/>
      <c r="AE3137" s="85"/>
      <c r="AF3137" s="85"/>
      <c r="AG3137" s="86"/>
      <c r="AH3137" s="85"/>
      <c r="AI3137" s="85"/>
      <c r="AJ3137" s="85"/>
      <c r="AK3137" s="85"/>
      <c r="AL3137" s="85"/>
      <c r="AM3137" s="92"/>
      <c r="AN3137" s="92"/>
      <c r="AO3137" s="92"/>
      <c r="AP3137" s="92"/>
      <c r="AQ3137" s="92"/>
      <c r="AR3137" s="92"/>
      <c r="AS3137" s="92"/>
      <c r="AT3137" s="92"/>
      <c r="AU3137" s="92"/>
      <c r="AV3137" s="92"/>
      <c r="AW3137" s="92"/>
      <c r="AX3137" s="92"/>
      <c r="AY3137" s="92"/>
      <c r="AZ3137" s="93"/>
      <c r="BA3137" s="93"/>
      <c r="BB3137" s="93"/>
      <c r="BC3137" s="93"/>
      <c r="BD3137" s="93"/>
      <c r="BE3137" s="93"/>
      <c r="BF3137" s="93"/>
      <c r="BG3137" s="93"/>
      <c r="BH3137" s="93"/>
      <c r="BI3137" s="93"/>
      <c r="BJ3137" s="93"/>
      <c r="BK3137" s="93"/>
      <c r="BL3137" s="93"/>
    </row>
    <row r="3138" spans="2:64" x14ac:dyDescent="0.2">
      <c r="B3138" s="43"/>
      <c r="C3138" s="73"/>
      <c r="D3138" s="64"/>
      <c r="E3138" s="55"/>
      <c r="F3138" s="74"/>
      <c r="G3138" s="74"/>
      <c r="H3138" s="74"/>
      <c r="I3138" s="75"/>
      <c r="J3138" s="74"/>
      <c r="L3138" s="55"/>
      <c r="M3138" s="234"/>
      <c r="N3138" s="65"/>
      <c r="O3138" s="76"/>
      <c r="P3138" s="76"/>
      <c r="Q3138" s="65"/>
      <c r="R3138" s="76"/>
      <c r="S3138" s="76"/>
      <c r="T3138" s="76"/>
      <c r="U3138" s="76"/>
      <c r="V3138" s="76"/>
      <c r="W3138" s="76"/>
      <c r="X3138" s="76"/>
      <c r="Y3138" s="76"/>
      <c r="Z3138" s="76"/>
      <c r="AA3138" s="85"/>
      <c r="AB3138" s="85"/>
      <c r="AC3138" s="85"/>
      <c r="AD3138" s="85"/>
      <c r="AE3138" s="85"/>
      <c r="AF3138" s="85"/>
      <c r="AG3138" s="86"/>
      <c r="AH3138" s="85"/>
      <c r="AI3138" s="85"/>
      <c r="AJ3138" s="85"/>
      <c r="AK3138" s="85"/>
      <c r="AL3138" s="85"/>
      <c r="AM3138" s="92"/>
      <c r="AN3138" s="92"/>
      <c r="AO3138" s="92"/>
      <c r="AP3138" s="92"/>
      <c r="AQ3138" s="92"/>
      <c r="AR3138" s="92"/>
      <c r="AS3138" s="92"/>
      <c r="AT3138" s="92"/>
      <c r="AU3138" s="92"/>
      <c r="AV3138" s="92"/>
      <c r="AW3138" s="92"/>
      <c r="AX3138" s="92"/>
      <c r="AY3138" s="92"/>
      <c r="AZ3138" s="93"/>
      <c r="BA3138" s="93"/>
      <c r="BB3138" s="93"/>
      <c r="BC3138" s="93"/>
      <c r="BD3138" s="93"/>
      <c r="BE3138" s="93"/>
      <c r="BF3138" s="93"/>
      <c r="BG3138" s="93"/>
      <c r="BH3138" s="93"/>
      <c r="BI3138" s="93"/>
      <c r="BJ3138" s="93"/>
      <c r="BK3138" s="93"/>
      <c r="BL3138" s="93"/>
    </row>
    <row r="3139" spans="2:64" x14ac:dyDescent="0.2">
      <c r="B3139" s="43"/>
      <c r="C3139" s="73"/>
      <c r="D3139" s="64"/>
      <c r="E3139" s="55"/>
      <c r="F3139" s="74"/>
      <c r="G3139" s="74"/>
      <c r="H3139" s="74"/>
      <c r="I3139" s="75"/>
      <c r="J3139" s="74"/>
      <c r="L3139" s="55"/>
      <c r="M3139" s="234"/>
      <c r="N3139" s="65"/>
      <c r="O3139" s="76"/>
      <c r="P3139" s="76"/>
      <c r="Q3139" s="65"/>
      <c r="R3139" s="76"/>
      <c r="S3139" s="76"/>
      <c r="T3139" s="76"/>
      <c r="U3139" s="76"/>
      <c r="V3139" s="76"/>
      <c r="W3139" s="76"/>
      <c r="X3139" s="76"/>
      <c r="Y3139" s="76"/>
      <c r="Z3139" s="76"/>
      <c r="AA3139" s="85"/>
      <c r="AB3139" s="85"/>
      <c r="AC3139" s="85"/>
      <c r="AD3139" s="85"/>
      <c r="AE3139" s="85"/>
      <c r="AF3139" s="85"/>
      <c r="AG3139" s="86"/>
      <c r="AH3139" s="85"/>
      <c r="AI3139" s="85"/>
      <c r="AJ3139" s="85"/>
      <c r="AK3139" s="85"/>
      <c r="AL3139" s="85"/>
      <c r="AM3139" s="92"/>
      <c r="AN3139" s="92"/>
      <c r="AO3139" s="92"/>
      <c r="AP3139" s="92"/>
      <c r="AQ3139" s="92"/>
      <c r="AR3139" s="92"/>
      <c r="AS3139" s="92"/>
      <c r="AT3139" s="92"/>
      <c r="AU3139" s="92"/>
      <c r="AV3139" s="92"/>
      <c r="AW3139" s="92"/>
      <c r="AX3139" s="92"/>
      <c r="AY3139" s="92"/>
      <c r="AZ3139" s="93"/>
      <c r="BA3139" s="93"/>
      <c r="BB3139" s="93"/>
      <c r="BC3139" s="93"/>
      <c r="BD3139" s="93"/>
      <c r="BE3139" s="93"/>
      <c r="BF3139" s="93"/>
      <c r="BG3139" s="93"/>
      <c r="BH3139" s="93"/>
      <c r="BI3139" s="93"/>
      <c r="BJ3139" s="93"/>
      <c r="BK3139" s="93"/>
      <c r="BL3139" s="93"/>
    </row>
    <row r="3140" spans="2:64" x14ac:dyDescent="0.2">
      <c r="B3140" s="43"/>
      <c r="C3140" s="73"/>
      <c r="D3140" s="64"/>
      <c r="E3140" s="55"/>
      <c r="F3140" s="74"/>
      <c r="G3140" s="74"/>
      <c r="H3140" s="74"/>
      <c r="I3140" s="75"/>
      <c r="J3140" s="74"/>
      <c r="L3140" s="55"/>
      <c r="M3140" s="234"/>
      <c r="N3140" s="65"/>
      <c r="O3140" s="76"/>
      <c r="P3140" s="76"/>
      <c r="Q3140" s="65"/>
      <c r="R3140" s="76"/>
      <c r="S3140" s="76"/>
      <c r="T3140" s="76"/>
      <c r="U3140" s="76"/>
      <c r="V3140" s="76"/>
      <c r="W3140" s="76"/>
      <c r="X3140" s="76"/>
      <c r="Y3140" s="76"/>
      <c r="Z3140" s="76"/>
      <c r="AA3140" s="85"/>
      <c r="AB3140" s="85"/>
      <c r="AC3140" s="85"/>
      <c r="AD3140" s="85"/>
      <c r="AE3140" s="85"/>
      <c r="AF3140" s="85"/>
      <c r="AG3140" s="86"/>
      <c r="AH3140" s="85"/>
      <c r="AI3140" s="85"/>
      <c r="AJ3140" s="85"/>
      <c r="AK3140" s="85"/>
      <c r="AL3140" s="85"/>
      <c r="AM3140" s="92"/>
      <c r="AN3140" s="92"/>
      <c r="AO3140" s="92"/>
      <c r="AP3140" s="92"/>
      <c r="AQ3140" s="92"/>
      <c r="AR3140" s="92"/>
      <c r="AS3140" s="92"/>
      <c r="AT3140" s="92"/>
      <c r="AU3140" s="92"/>
      <c r="AV3140" s="92"/>
      <c r="AW3140" s="92"/>
      <c r="AX3140" s="92"/>
      <c r="AY3140" s="92"/>
      <c r="AZ3140" s="93"/>
      <c r="BA3140" s="93"/>
      <c r="BB3140" s="93"/>
      <c r="BC3140" s="93"/>
      <c r="BD3140" s="93"/>
      <c r="BE3140" s="93"/>
      <c r="BF3140" s="93"/>
      <c r="BG3140" s="93"/>
      <c r="BH3140" s="93"/>
      <c r="BI3140" s="93"/>
      <c r="BJ3140" s="93"/>
      <c r="BK3140" s="93"/>
      <c r="BL3140" s="93"/>
    </row>
    <row r="3141" spans="2:64" x14ac:dyDescent="0.2">
      <c r="B3141" s="43"/>
      <c r="C3141" s="73"/>
      <c r="D3141" s="64"/>
      <c r="E3141" s="55"/>
      <c r="F3141" s="74"/>
      <c r="G3141" s="74"/>
      <c r="H3141" s="74"/>
      <c r="I3141" s="75"/>
      <c r="J3141" s="74"/>
      <c r="L3141" s="55"/>
      <c r="M3141" s="234"/>
      <c r="N3141" s="65"/>
      <c r="O3141" s="76"/>
      <c r="P3141" s="76"/>
      <c r="Q3141" s="65"/>
      <c r="R3141" s="76"/>
      <c r="S3141" s="76"/>
      <c r="T3141" s="76"/>
      <c r="U3141" s="76"/>
      <c r="V3141" s="76"/>
      <c r="W3141" s="76"/>
      <c r="X3141" s="76"/>
      <c r="Y3141" s="76"/>
      <c r="Z3141" s="76"/>
      <c r="AA3141" s="85"/>
      <c r="AB3141" s="85"/>
      <c r="AC3141" s="85"/>
      <c r="AD3141" s="85"/>
      <c r="AE3141" s="85"/>
      <c r="AF3141" s="85"/>
      <c r="AG3141" s="86"/>
      <c r="AH3141" s="85"/>
      <c r="AI3141" s="85"/>
      <c r="AJ3141" s="85"/>
      <c r="AK3141" s="85"/>
      <c r="AL3141" s="85"/>
      <c r="AM3141" s="92"/>
      <c r="AN3141" s="92"/>
      <c r="AO3141" s="92"/>
      <c r="AP3141" s="92"/>
      <c r="AQ3141" s="92"/>
      <c r="AR3141" s="92"/>
      <c r="AS3141" s="92"/>
      <c r="AT3141" s="92"/>
      <c r="AU3141" s="92"/>
      <c r="AV3141" s="92"/>
      <c r="AW3141" s="92"/>
      <c r="AX3141" s="92"/>
      <c r="AY3141" s="92"/>
      <c r="AZ3141" s="93"/>
      <c r="BA3141" s="93"/>
      <c r="BB3141" s="93"/>
      <c r="BC3141" s="93"/>
      <c r="BD3141" s="93"/>
      <c r="BE3141" s="93"/>
      <c r="BF3141" s="93"/>
      <c r="BG3141" s="93"/>
      <c r="BH3141" s="93"/>
      <c r="BI3141" s="93"/>
      <c r="BJ3141" s="93"/>
      <c r="BK3141" s="93"/>
      <c r="BL3141" s="93"/>
    </row>
    <row r="3142" spans="2:64" x14ac:dyDescent="0.2">
      <c r="B3142" s="43"/>
      <c r="C3142" s="73"/>
      <c r="D3142" s="64"/>
      <c r="E3142" s="55"/>
      <c r="F3142" s="74"/>
      <c r="G3142" s="74"/>
      <c r="H3142" s="74"/>
      <c r="I3142" s="75"/>
      <c r="J3142" s="74"/>
      <c r="L3142" s="55"/>
      <c r="M3142" s="234"/>
      <c r="N3142" s="65"/>
      <c r="O3142" s="76"/>
      <c r="P3142" s="76"/>
      <c r="Q3142" s="65"/>
      <c r="R3142" s="76"/>
      <c r="S3142" s="76"/>
      <c r="T3142" s="76"/>
      <c r="U3142" s="76"/>
      <c r="V3142" s="76"/>
      <c r="W3142" s="76"/>
      <c r="X3142" s="76"/>
      <c r="Y3142" s="76"/>
      <c r="Z3142" s="76"/>
      <c r="AA3142" s="85"/>
      <c r="AB3142" s="85"/>
      <c r="AC3142" s="85"/>
      <c r="AD3142" s="85"/>
      <c r="AE3142" s="85"/>
      <c r="AF3142" s="85"/>
      <c r="AG3142" s="86"/>
      <c r="AH3142" s="85"/>
      <c r="AI3142" s="85"/>
      <c r="AJ3142" s="85"/>
      <c r="AK3142" s="85"/>
      <c r="AL3142" s="85"/>
      <c r="AM3142" s="92"/>
      <c r="AN3142" s="92"/>
      <c r="AO3142" s="92"/>
      <c r="AP3142" s="92"/>
      <c r="AQ3142" s="92"/>
      <c r="AR3142" s="92"/>
      <c r="AS3142" s="92"/>
      <c r="AT3142" s="92"/>
      <c r="AU3142" s="92"/>
      <c r="AV3142" s="92"/>
      <c r="AW3142" s="92"/>
      <c r="AX3142" s="92"/>
      <c r="AY3142" s="92"/>
      <c r="AZ3142" s="93"/>
      <c r="BA3142" s="93"/>
      <c r="BB3142" s="93"/>
      <c r="BC3142" s="93"/>
      <c r="BD3142" s="93"/>
      <c r="BE3142" s="93"/>
      <c r="BF3142" s="93"/>
      <c r="BG3142" s="93"/>
      <c r="BH3142" s="93"/>
      <c r="BI3142" s="93"/>
      <c r="BJ3142" s="93"/>
      <c r="BK3142" s="93"/>
      <c r="BL3142" s="93"/>
    </row>
    <row r="3143" spans="2:64" x14ac:dyDescent="0.2">
      <c r="B3143" s="43"/>
      <c r="C3143" s="73"/>
      <c r="D3143" s="64"/>
      <c r="E3143" s="55"/>
      <c r="F3143" s="74"/>
      <c r="G3143" s="74"/>
      <c r="H3143" s="74"/>
      <c r="I3143" s="75"/>
      <c r="J3143" s="74"/>
      <c r="L3143" s="55"/>
      <c r="M3143" s="234"/>
      <c r="N3143" s="65"/>
      <c r="O3143" s="76"/>
      <c r="P3143" s="76"/>
      <c r="Q3143" s="65"/>
      <c r="R3143" s="76"/>
      <c r="S3143" s="76"/>
      <c r="T3143" s="76"/>
      <c r="U3143" s="76"/>
      <c r="V3143" s="76"/>
      <c r="W3143" s="76"/>
      <c r="X3143" s="76"/>
      <c r="Y3143" s="76"/>
      <c r="Z3143" s="76"/>
      <c r="AA3143" s="85"/>
      <c r="AB3143" s="85"/>
      <c r="AC3143" s="85"/>
      <c r="AD3143" s="85"/>
      <c r="AE3143" s="85"/>
      <c r="AF3143" s="85"/>
      <c r="AG3143" s="86"/>
      <c r="AH3143" s="85"/>
      <c r="AI3143" s="85"/>
      <c r="AJ3143" s="85"/>
      <c r="AK3143" s="85"/>
      <c r="AL3143" s="85"/>
      <c r="AM3143" s="92"/>
      <c r="AN3143" s="92"/>
      <c r="AO3143" s="92"/>
      <c r="AP3143" s="92"/>
      <c r="AQ3143" s="92"/>
      <c r="AR3143" s="92"/>
      <c r="AS3143" s="92"/>
      <c r="AT3143" s="92"/>
      <c r="AU3143" s="92"/>
      <c r="AV3143" s="92"/>
      <c r="AW3143" s="92"/>
      <c r="AX3143" s="92"/>
      <c r="AY3143" s="92"/>
      <c r="AZ3143" s="93"/>
      <c r="BA3143" s="93"/>
      <c r="BB3143" s="93"/>
      <c r="BC3143" s="93"/>
      <c r="BD3143" s="93"/>
      <c r="BE3143" s="93"/>
      <c r="BF3143" s="93"/>
      <c r="BG3143" s="93"/>
      <c r="BH3143" s="93"/>
      <c r="BI3143" s="93"/>
      <c r="BJ3143" s="93"/>
      <c r="BK3143" s="93"/>
      <c r="BL3143" s="93"/>
    </row>
    <row r="3144" spans="2:64" x14ac:dyDescent="0.2">
      <c r="B3144" s="43"/>
      <c r="C3144" s="73"/>
      <c r="D3144" s="64"/>
      <c r="E3144" s="55"/>
      <c r="F3144" s="74"/>
      <c r="G3144" s="74"/>
      <c r="H3144" s="74"/>
      <c r="I3144" s="75"/>
      <c r="J3144" s="74"/>
      <c r="L3144" s="55"/>
      <c r="M3144" s="234"/>
      <c r="N3144" s="65"/>
      <c r="O3144" s="76"/>
      <c r="P3144" s="76"/>
      <c r="Q3144" s="65"/>
      <c r="R3144" s="76"/>
      <c r="S3144" s="76"/>
      <c r="T3144" s="76"/>
      <c r="U3144" s="76"/>
      <c r="V3144" s="76"/>
      <c r="W3144" s="76"/>
      <c r="X3144" s="76"/>
      <c r="Y3144" s="76"/>
      <c r="Z3144" s="76"/>
      <c r="AA3144" s="85"/>
      <c r="AB3144" s="85"/>
      <c r="AC3144" s="85"/>
      <c r="AD3144" s="85"/>
      <c r="AE3144" s="85"/>
      <c r="AF3144" s="85"/>
      <c r="AG3144" s="86"/>
      <c r="AH3144" s="85"/>
      <c r="AI3144" s="85"/>
      <c r="AJ3144" s="85"/>
      <c r="AK3144" s="85"/>
      <c r="AL3144" s="85"/>
      <c r="AM3144" s="92"/>
      <c r="AN3144" s="92"/>
      <c r="AO3144" s="92"/>
      <c r="AP3144" s="92"/>
      <c r="AQ3144" s="92"/>
      <c r="AR3144" s="92"/>
      <c r="AS3144" s="92"/>
      <c r="AT3144" s="92"/>
      <c r="AU3144" s="92"/>
      <c r="AV3144" s="92"/>
      <c r="AW3144" s="92"/>
      <c r="AX3144" s="92"/>
      <c r="AY3144" s="92"/>
      <c r="AZ3144" s="93"/>
      <c r="BA3144" s="93"/>
      <c r="BB3144" s="93"/>
      <c r="BC3144" s="93"/>
      <c r="BD3144" s="93"/>
      <c r="BE3144" s="93"/>
      <c r="BF3144" s="93"/>
      <c r="BG3144" s="93"/>
      <c r="BH3144" s="93"/>
      <c r="BI3144" s="93"/>
      <c r="BJ3144" s="93"/>
      <c r="BK3144" s="93"/>
      <c r="BL3144" s="93"/>
    </row>
    <row r="3145" spans="2:64" x14ac:dyDescent="0.2">
      <c r="B3145" s="43"/>
      <c r="C3145" s="73"/>
      <c r="D3145" s="64"/>
      <c r="E3145" s="55"/>
      <c r="F3145" s="74"/>
      <c r="G3145" s="74"/>
      <c r="H3145" s="74"/>
      <c r="I3145" s="75"/>
      <c r="J3145" s="74"/>
      <c r="L3145" s="55"/>
      <c r="M3145" s="234"/>
      <c r="N3145" s="65"/>
      <c r="O3145" s="76"/>
      <c r="P3145" s="76"/>
      <c r="Q3145" s="65"/>
      <c r="R3145" s="76"/>
      <c r="S3145" s="76"/>
      <c r="T3145" s="76"/>
      <c r="U3145" s="76"/>
      <c r="V3145" s="76"/>
      <c r="W3145" s="76"/>
      <c r="X3145" s="76"/>
      <c r="Y3145" s="76"/>
      <c r="Z3145" s="76"/>
      <c r="AA3145" s="85"/>
      <c r="AB3145" s="85"/>
      <c r="AC3145" s="85"/>
      <c r="AD3145" s="85"/>
      <c r="AE3145" s="85"/>
      <c r="AF3145" s="85"/>
      <c r="AG3145" s="86"/>
      <c r="AH3145" s="85"/>
      <c r="AI3145" s="85"/>
      <c r="AJ3145" s="85"/>
      <c r="AK3145" s="85"/>
      <c r="AL3145" s="85"/>
      <c r="AM3145" s="92"/>
      <c r="AN3145" s="92"/>
      <c r="AO3145" s="92"/>
      <c r="AP3145" s="92"/>
      <c r="AQ3145" s="92"/>
      <c r="AR3145" s="92"/>
      <c r="AS3145" s="92"/>
      <c r="AT3145" s="92"/>
      <c r="AU3145" s="92"/>
      <c r="AV3145" s="92"/>
      <c r="AW3145" s="92"/>
      <c r="AX3145" s="92"/>
      <c r="AY3145" s="92"/>
      <c r="AZ3145" s="93"/>
      <c r="BA3145" s="93"/>
      <c r="BB3145" s="93"/>
      <c r="BC3145" s="93"/>
      <c r="BD3145" s="93"/>
      <c r="BE3145" s="93"/>
      <c r="BF3145" s="93"/>
      <c r="BG3145" s="93"/>
      <c r="BH3145" s="93"/>
      <c r="BI3145" s="93"/>
      <c r="BJ3145" s="93"/>
      <c r="BK3145" s="93"/>
      <c r="BL3145" s="93"/>
    </row>
    <row r="3146" spans="2:64" x14ac:dyDescent="0.2">
      <c r="B3146" s="43"/>
      <c r="C3146" s="73"/>
      <c r="D3146" s="64"/>
      <c r="E3146" s="55"/>
      <c r="F3146" s="74"/>
      <c r="G3146" s="74"/>
      <c r="H3146" s="74"/>
      <c r="I3146" s="75"/>
      <c r="J3146" s="74"/>
      <c r="L3146" s="55"/>
      <c r="M3146" s="234"/>
      <c r="N3146" s="65"/>
      <c r="O3146" s="76"/>
      <c r="P3146" s="76"/>
      <c r="Q3146" s="65"/>
      <c r="R3146" s="76"/>
      <c r="S3146" s="76"/>
      <c r="T3146" s="76"/>
      <c r="U3146" s="76"/>
      <c r="V3146" s="76"/>
      <c r="W3146" s="76"/>
      <c r="X3146" s="76"/>
      <c r="Y3146" s="76"/>
      <c r="Z3146" s="76"/>
      <c r="AA3146" s="85"/>
      <c r="AB3146" s="85"/>
      <c r="AC3146" s="85"/>
      <c r="AD3146" s="85"/>
      <c r="AE3146" s="85"/>
      <c r="AF3146" s="85"/>
      <c r="AG3146" s="86"/>
      <c r="AH3146" s="85"/>
      <c r="AI3146" s="85"/>
      <c r="AJ3146" s="85"/>
      <c r="AK3146" s="85"/>
      <c r="AL3146" s="85"/>
      <c r="AM3146" s="92"/>
      <c r="AN3146" s="92"/>
      <c r="AO3146" s="92"/>
      <c r="AP3146" s="92"/>
      <c r="AQ3146" s="92"/>
      <c r="AR3146" s="92"/>
      <c r="AS3146" s="92"/>
      <c r="AT3146" s="92"/>
      <c r="AU3146" s="92"/>
      <c r="AV3146" s="92"/>
      <c r="AW3146" s="92"/>
      <c r="AX3146" s="92"/>
      <c r="AY3146" s="92"/>
      <c r="AZ3146" s="93"/>
      <c r="BA3146" s="93"/>
      <c r="BB3146" s="93"/>
      <c r="BC3146" s="93"/>
      <c r="BD3146" s="93"/>
      <c r="BE3146" s="93"/>
      <c r="BF3146" s="93"/>
      <c r="BG3146" s="93"/>
      <c r="BH3146" s="93"/>
      <c r="BI3146" s="93"/>
      <c r="BJ3146" s="93"/>
      <c r="BK3146" s="93"/>
      <c r="BL3146" s="93"/>
    </row>
    <row r="3147" spans="2:64" x14ac:dyDescent="0.2">
      <c r="B3147" s="43"/>
      <c r="C3147" s="73"/>
      <c r="D3147" s="64"/>
      <c r="E3147" s="55"/>
      <c r="F3147" s="74"/>
      <c r="G3147" s="74"/>
      <c r="H3147" s="74"/>
      <c r="I3147" s="75"/>
      <c r="J3147" s="74"/>
      <c r="L3147" s="55"/>
      <c r="M3147" s="234"/>
      <c r="N3147" s="65"/>
      <c r="O3147" s="76"/>
      <c r="P3147" s="76"/>
      <c r="Q3147" s="65"/>
      <c r="R3147" s="76"/>
      <c r="S3147" s="76"/>
      <c r="T3147" s="76"/>
      <c r="U3147" s="76"/>
      <c r="V3147" s="76"/>
      <c r="W3147" s="76"/>
      <c r="X3147" s="76"/>
      <c r="Y3147" s="76"/>
      <c r="Z3147" s="76"/>
      <c r="AA3147" s="85"/>
      <c r="AB3147" s="85"/>
      <c r="AC3147" s="85"/>
      <c r="AD3147" s="85"/>
      <c r="AE3147" s="85"/>
      <c r="AF3147" s="85"/>
      <c r="AG3147" s="86"/>
      <c r="AH3147" s="85"/>
      <c r="AI3147" s="85"/>
      <c r="AJ3147" s="85"/>
      <c r="AK3147" s="85"/>
      <c r="AL3147" s="85"/>
      <c r="AM3147" s="92"/>
      <c r="AN3147" s="92"/>
      <c r="AO3147" s="92"/>
      <c r="AP3147" s="92"/>
      <c r="AQ3147" s="92"/>
      <c r="AR3147" s="92"/>
      <c r="AS3147" s="92"/>
      <c r="AT3147" s="92"/>
      <c r="AU3147" s="92"/>
      <c r="AV3147" s="92"/>
      <c r="AW3147" s="92"/>
      <c r="AX3147" s="92"/>
      <c r="AY3147" s="92"/>
      <c r="AZ3147" s="93"/>
      <c r="BA3147" s="93"/>
      <c r="BB3147" s="93"/>
      <c r="BC3147" s="93"/>
      <c r="BD3147" s="93"/>
      <c r="BE3147" s="93"/>
      <c r="BF3147" s="93"/>
      <c r="BG3147" s="93"/>
      <c r="BH3147" s="93"/>
      <c r="BI3147" s="93"/>
      <c r="BJ3147" s="93"/>
      <c r="BK3147" s="93"/>
      <c r="BL3147" s="93"/>
    </row>
    <row r="3148" spans="2:64" x14ac:dyDescent="0.2">
      <c r="B3148" s="43"/>
      <c r="C3148" s="73"/>
      <c r="D3148" s="64"/>
      <c r="E3148" s="55"/>
      <c r="F3148" s="74"/>
      <c r="G3148" s="74"/>
      <c r="H3148" s="74"/>
      <c r="I3148" s="75"/>
      <c r="J3148" s="74"/>
      <c r="L3148" s="55"/>
      <c r="M3148" s="234"/>
      <c r="N3148" s="65"/>
      <c r="O3148" s="76"/>
      <c r="P3148" s="76"/>
      <c r="Q3148" s="65"/>
      <c r="R3148" s="76"/>
      <c r="S3148" s="76"/>
      <c r="T3148" s="76"/>
      <c r="U3148" s="76"/>
      <c r="V3148" s="76"/>
      <c r="W3148" s="76"/>
      <c r="X3148" s="76"/>
      <c r="Y3148" s="76"/>
      <c r="Z3148" s="76"/>
      <c r="AA3148" s="85"/>
      <c r="AB3148" s="85"/>
      <c r="AC3148" s="85"/>
      <c r="AD3148" s="85"/>
      <c r="AE3148" s="85"/>
      <c r="AF3148" s="85"/>
      <c r="AG3148" s="86"/>
      <c r="AH3148" s="85"/>
      <c r="AI3148" s="85"/>
      <c r="AJ3148" s="85"/>
      <c r="AK3148" s="85"/>
      <c r="AL3148" s="85"/>
      <c r="AM3148" s="92"/>
      <c r="AN3148" s="92"/>
      <c r="AO3148" s="92"/>
      <c r="AP3148" s="92"/>
      <c r="AQ3148" s="92"/>
      <c r="AR3148" s="92"/>
      <c r="AS3148" s="92"/>
      <c r="AT3148" s="92"/>
      <c r="AU3148" s="92"/>
      <c r="AV3148" s="92"/>
      <c r="AW3148" s="92"/>
      <c r="AX3148" s="92"/>
      <c r="AY3148" s="92"/>
      <c r="AZ3148" s="93"/>
      <c r="BA3148" s="93"/>
      <c r="BB3148" s="93"/>
      <c r="BC3148" s="93"/>
      <c r="BD3148" s="93"/>
      <c r="BE3148" s="93"/>
      <c r="BF3148" s="93"/>
      <c r="BG3148" s="93"/>
      <c r="BH3148" s="93"/>
      <c r="BI3148" s="93"/>
      <c r="BJ3148" s="93"/>
      <c r="BK3148" s="93"/>
      <c r="BL3148" s="93"/>
    </row>
    <row r="3149" spans="2:64" x14ac:dyDescent="0.2">
      <c r="B3149" s="43"/>
      <c r="C3149" s="73"/>
      <c r="D3149" s="64"/>
      <c r="E3149" s="55"/>
      <c r="F3149" s="74"/>
      <c r="G3149" s="74"/>
      <c r="H3149" s="74"/>
      <c r="I3149" s="75"/>
      <c r="J3149" s="74"/>
      <c r="L3149" s="55"/>
      <c r="M3149" s="234"/>
      <c r="N3149" s="65"/>
      <c r="O3149" s="76"/>
      <c r="P3149" s="76"/>
      <c r="Q3149" s="65"/>
      <c r="R3149" s="76"/>
      <c r="S3149" s="76"/>
      <c r="T3149" s="76"/>
      <c r="U3149" s="76"/>
      <c r="V3149" s="76"/>
      <c r="W3149" s="76"/>
      <c r="X3149" s="76"/>
      <c r="Y3149" s="76"/>
      <c r="Z3149" s="76"/>
      <c r="AA3149" s="85"/>
      <c r="AB3149" s="85"/>
      <c r="AC3149" s="85"/>
      <c r="AD3149" s="85"/>
      <c r="AE3149" s="85"/>
      <c r="AF3149" s="85"/>
      <c r="AG3149" s="86"/>
      <c r="AH3149" s="85"/>
      <c r="AI3149" s="85"/>
      <c r="AJ3149" s="85"/>
      <c r="AK3149" s="85"/>
      <c r="AL3149" s="85"/>
      <c r="AM3149" s="92"/>
      <c r="AN3149" s="92"/>
      <c r="AO3149" s="92"/>
      <c r="AP3149" s="92"/>
      <c r="AQ3149" s="92"/>
      <c r="AR3149" s="92"/>
      <c r="AS3149" s="92"/>
      <c r="AT3149" s="92"/>
      <c r="AU3149" s="92"/>
      <c r="AV3149" s="92"/>
      <c r="AW3149" s="92"/>
      <c r="AX3149" s="92"/>
      <c r="AY3149" s="92"/>
      <c r="AZ3149" s="93"/>
      <c r="BA3149" s="93"/>
      <c r="BB3149" s="93"/>
      <c r="BC3149" s="93"/>
      <c r="BD3149" s="93"/>
      <c r="BE3149" s="93"/>
      <c r="BF3149" s="93"/>
      <c r="BG3149" s="93"/>
      <c r="BH3149" s="93"/>
      <c r="BI3149" s="93"/>
      <c r="BJ3149" s="93"/>
      <c r="BK3149" s="93"/>
      <c r="BL3149" s="93"/>
    </row>
    <row r="3150" spans="2:64" x14ac:dyDescent="0.2">
      <c r="B3150" s="43"/>
      <c r="C3150" s="73"/>
      <c r="D3150" s="64"/>
      <c r="E3150" s="55"/>
      <c r="F3150" s="74"/>
      <c r="G3150" s="74"/>
      <c r="H3150" s="74"/>
      <c r="I3150" s="75"/>
      <c r="J3150" s="74"/>
      <c r="L3150" s="55"/>
      <c r="M3150" s="234"/>
      <c r="N3150" s="65"/>
      <c r="O3150" s="76"/>
      <c r="P3150" s="76"/>
      <c r="Q3150" s="65"/>
      <c r="R3150" s="76"/>
      <c r="S3150" s="76"/>
      <c r="T3150" s="76"/>
      <c r="U3150" s="76"/>
      <c r="V3150" s="76"/>
      <c r="W3150" s="76"/>
      <c r="X3150" s="76"/>
      <c r="Y3150" s="76"/>
      <c r="Z3150" s="76"/>
      <c r="AA3150" s="85"/>
      <c r="AB3150" s="85"/>
      <c r="AC3150" s="85"/>
      <c r="AD3150" s="85"/>
      <c r="AE3150" s="85"/>
      <c r="AF3150" s="85"/>
      <c r="AG3150" s="86"/>
      <c r="AH3150" s="85"/>
      <c r="AI3150" s="85"/>
      <c r="AJ3150" s="85"/>
      <c r="AK3150" s="85"/>
      <c r="AL3150" s="85"/>
      <c r="AM3150" s="92"/>
      <c r="AN3150" s="92"/>
      <c r="AO3150" s="92"/>
      <c r="AP3150" s="92"/>
      <c r="AQ3150" s="92"/>
      <c r="AR3150" s="92"/>
      <c r="AS3150" s="92"/>
      <c r="AT3150" s="92"/>
      <c r="AU3150" s="92"/>
      <c r="AV3150" s="92"/>
      <c r="AW3150" s="92"/>
      <c r="AX3150" s="92"/>
      <c r="AY3150" s="92"/>
      <c r="AZ3150" s="93"/>
      <c r="BA3150" s="93"/>
      <c r="BB3150" s="93"/>
      <c r="BC3150" s="93"/>
      <c r="BD3150" s="93"/>
      <c r="BE3150" s="93"/>
      <c r="BF3150" s="93"/>
      <c r="BG3150" s="93"/>
      <c r="BH3150" s="93"/>
      <c r="BI3150" s="93"/>
      <c r="BJ3150" s="93"/>
      <c r="BK3150" s="93"/>
      <c r="BL3150" s="93"/>
    </row>
    <row r="3151" spans="2:64" x14ac:dyDescent="0.2">
      <c r="B3151" s="43"/>
      <c r="C3151" s="73"/>
      <c r="D3151" s="64"/>
      <c r="E3151" s="55"/>
      <c r="F3151" s="74"/>
      <c r="G3151" s="74"/>
      <c r="H3151" s="74"/>
      <c r="I3151" s="75"/>
      <c r="J3151" s="74"/>
      <c r="L3151" s="55"/>
      <c r="M3151" s="234"/>
      <c r="N3151" s="65"/>
      <c r="O3151" s="76"/>
      <c r="P3151" s="76"/>
      <c r="Q3151" s="65"/>
      <c r="R3151" s="76"/>
      <c r="S3151" s="76"/>
      <c r="T3151" s="76"/>
      <c r="U3151" s="76"/>
      <c r="V3151" s="76"/>
      <c r="W3151" s="76"/>
      <c r="X3151" s="76"/>
      <c r="Y3151" s="76"/>
      <c r="Z3151" s="76"/>
      <c r="AA3151" s="85"/>
      <c r="AB3151" s="85"/>
      <c r="AC3151" s="85"/>
      <c r="AD3151" s="85"/>
      <c r="AE3151" s="85"/>
      <c r="AF3151" s="85"/>
      <c r="AG3151" s="86"/>
      <c r="AH3151" s="85"/>
      <c r="AI3151" s="85"/>
      <c r="AJ3151" s="85"/>
      <c r="AK3151" s="85"/>
      <c r="AL3151" s="85"/>
      <c r="AM3151" s="92"/>
      <c r="AN3151" s="92"/>
      <c r="AO3151" s="92"/>
      <c r="AP3151" s="92"/>
      <c r="AQ3151" s="92"/>
      <c r="AR3151" s="92"/>
      <c r="AS3151" s="92"/>
      <c r="AT3151" s="92"/>
      <c r="AU3151" s="92"/>
      <c r="AV3151" s="92"/>
      <c r="AW3151" s="92"/>
      <c r="AX3151" s="92"/>
      <c r="AY3151" s="92"/>
      <c r="AZ3151" s="93"/>
      <c r="BA3151" s="93"/>
      <c r="BB3151" s="93"/>
      <c r="BC3151" s="93"/>
      <c r="BD3151" s="93"/>
      <c r="BE3151" s="93"/>
      <c r="BF3151" s="93"/>
      <c r="BG3151" s="93"/>
      <c r="BH3151" s="93"/>
      <c r="BI3151" s="93"/>
      <c r="BJ3151" s="93"/>
      <c r="BK3151" s="93"/>
      <c r="BL3151" s="93"/>
    </row>
    <row r="3152" spans="2:64" x14ac:dyDescent="0.2">
      <c r="B3152" s="43"/>
      <c r="C3152" s="73"/>
      <c r="D3152" s="64"/>
      <c r="E3152" s="55"/>
      <c r="F3152" s="74"/>
      <c r="G3152" s="74"/>
      <c r="H3152" s="74"/>
      <c r="I3152" s="75"/>
      <c r="J3152" s="74"/>
      <c r="L3152" s="55"/>
      <c r="M3152" s="234"/>
      <c r="N3152" s="65"/>
      <c r="O3152" s="76"/>
      <c r="P3152" s="76"/>
      <c r="Q3152" s="65"/>
      <c r="R3152" s="76"/>
      <c r="S3152" s="76"/>
      <c r="T3152" s="76"/>
      <c r="U3152" s="76"/>
      <c r="V3152" s="76"/>
      <c r="W3152" s="76"/>
      <c r="X3152" s="76"/>
      <c r="Y3152" s="76"/>
      <c r="Z3152" s="76"/>
      <c r="AA3152" s="85"/>
      <c r="AB3152" s="85"/>
      <c r="AC3152" s="85"/>
      <c r="AD3152" s="85"/>
      <c r="AE3152" s="85"/>
      <c r="AF3152" s="85"/>
      <c r="AG3152" s="86"/>
      <c r="AH3152" s="85"/>
      <c r="AI3152" s="85"/>
      <c r="AJ3152" s="85"/>
      <c r="AK3152" s="85"/>
      <c r="AL3152" s="85"/>
      <c r="AM3152" s="92"/>
      <c r="AN3152" s="92"/>
      <c r="AO3152" s="92"/>
      <c r="AP3152" s="92"/>
      <c r="AQ3152" s="92"/>
      <c r="AR3152" s="92"/>
      <c r="AS3152" s="92"/>
      <c r="AT3152" s="92"/>
      <c r="AU3152" s="92"/>
      <c r="AV3152" s="92"/>
      <c r="AW3152" s="92"/>
      <c r="AX3152" s="92"/>
      <c r="AY3152" s="92"/>
      <c r="AZ3152" s="93"/>
      <c r="BA3152" s="93"/>
      <c r="BB3152" s="93"/>
      <c r="BC3152" s="93"/>
      <c r="BD3152" s="93"/>
      <c r="BE3152" s="93"/>
      <c r="BF3152" s="93"/>
      <c r="BG3152" s="93"/>
      <c r="BH3152" s="93"/>
      <c r="BI3152" s="93"/>
      <c r="BJ3152" s="93"/>
      <c r="BK3152" s="93"/>
      <c r="BL3152" s="93"/>
    </row>
    <row r="3153" spans="2:64" x14ac:dyDescent="0.2">
      <c r="B3153" s="43"/>
      <c r="C3153" s="73"/>
      <c r="D3153" s="64"/>
      <c r="E3153" s="55"/>
      <c r="F3153" s="74"/>
      <c r="G3153" s="74"/>
      <c r="H3153" s="74"/>
      <c r="I3153" s="75"/>
      <c r="J3153" s="74"/>
      <c r="L3153" s="55"/>
      <c r="M3153" s="234"/>
      <c r="N3153" s="65"/>
      <c r="O3153" s="76"/>
      <c r="P3153" s="76"/>
      <c r="Q3153" s="65"/>
      <c r="R3153" s="76"/>
      <c r="S3153" s="76"/>
      <c r="T3153" s="76"/>
      <c r="U3153" s="76"/>
      <c r="V3153" s="76"/>
      <c r="W3153" s="76"/>
      <c r="X3153" s="76"/>
      <c r="Y3153" s="76"/>
      <c r="Z3153" s="76"/>
      <c r="AA3153" s="85"/>
      <c r="AB3153" s="85"/>
      <c r="AC3153" s="85"/>
      <c r="AD3153" s="85"/>
      <c r="AE3153" s="85"/>
      <c r="AF3153" s="85"/>
      <c r="AG3153" s="86"/>
      <c r="AH3153" s="85"/>
      <c r="AI3153" s="85"/>
      <c r="AJ3153" s="85"/>
      <c r="AK3153" s="85"/>
      <c r="AL3153" s="85"/>
      <c r="AM3153" s="92"/>
      <c r="AN3153" s="92"/>
      <c r="AO3153" s="92"/>
      <c r="AP3153" s="92"/>
      <c r="AQ3153" s="92"/>
      <c r="AR3153" s="92"/>
      <c r="AS3153" s="92"/>
      <c r="AT3153" s="92"/>
      <c r="AU3153" s="92"/>
      <c r="AV3153" s="92"/>
      <c r="AW3153" s="92"/>
      <c r="AX3153" s="92"/>
      <c r="AY3153" s="92"/>
      <c r="AZ3153" s="93"/>
      <c r="BA3153" s="93"/>
      <c r="BB3153" s="93"/>
      <c r="BC3153" s="93"/>
      <c r="BD3153" s="93"/>
      <c r="BE3153" s="93"/>
      <c r="BF3153" s="93"/>
      <c r="BG3153" s="93"/>
      <c r="BH3153" s="93"/>
      <c r="BI3153" s="93"/>
      <c r="BJ3153" s="93"/>
      <c r="BK3153" s="93"/>
      <c r="BL3153" s="93"/>
    </row>
    <row r="3154" spans="2:64" x14ac:dyDescent="0.2">
      <c r="B3154" s="43"/>
      <c r="C3154" s="73"/>
      <c r="D3154" s="64"/>
      <c r="E3154" s="55"/>
      <c r="F3154" s="74"/>
      <c r="G3154" s="74"/>
      <c r="H3154" s="74"/>
      <c r="I3154" s="75"/>
      <c r="J3154" s="74"/>
      <c r="L3154" s="55"/>
      <c r="M3154" s="234"/>
      <c r="N3154" s="65"/>
      <c r="O3154" s="76"/>
      <c r="P3154" s="76"/>
      <c r="Q3154" s="65"/>
      <c r="R3154" s="76"/>
      <c r="S3154" s="76"/>
      <c r="T3154" s="76"/>
      <c r="U3154" s="76"/>
      <c r="V3154" s="76"/>
      <c r="W3154" s="76"/>
      <c r="X3154" s="76"/>
      <c r="Y3154" s="76"/>
      <c r="Z3154" s="76"/>
      <c r="AA3154" s="85"/>
      <c r="AB3154" s="85"/>
      <c r="AC3154" s="85"/>
      <c r="AD3154" s="85"/>
      <c r="AE3154" s="85"/>
      <c r="AF3154" s="85"/>
      <c r="AG3154" s="86"/>
      <c r="AH3154" s="85"/>
      <c r="AI3154" s="85"/>
      <c r="AJ3154" s="85"/>
      <c r="AK3154" s="85"/>
      <c r="AL3154" s="85"/>
      <c r="AM3154" s="92"/>
      <c r="AN3154" s="92"/>
      <c r="AO3154" s="92"/>
      <c r="AP3154" s="92"/>
      <c r="AQ3154" s="92"/>
      <c r="AR3154" s="92"/>
      <c r="AS3154" s="92"/>
      <c r="AT3154" s="92"/>
      <c r="AU3154" s="92"/>
      <c r="AV3154" s="92"/>
      <c r="AW3154" s="92"/>
      <c r="AX3154" s="92"/>
      <c r="AY3154" s="92"/>
      <c r="AZ3154" s="93"/>
      <c r="BA3154" s="93"/>
      <c r="BB3154" s="93"/>
      <c r="BC3154" s="93"/>
      <c r="BD3154" s="93"/>
      <c r="BE3154" s="93"/>
      <c r="BF3154" s="93"/>
      <c r="BG3154" s="93"/>
      <c r="BH3154" s="93"/>
      <c r="BI3154" s="93"/>
      <c r="BJ3154" s="93"/>
      <c r="BK3154" s="93"/>
      <c r="BL3154" s="93"/>
    </row>
    <row r="3155" spans="2:64" x14ac:dyDescent="0.2">
      <c r="B3155" s="43"/>
      <c r="C3155" s="73"/>
      <c r="D3155" s="64"/>
      <c r="E3155" s="55"/>
      <c r="F3155" s="74"/>
      <c r="G3155" s="74"/>
      <c r="H3155" s="74"/>
      <c r="I3155" s="75"/>
      <c r="J3155" s="74"/>
      <c r="L3155" s="55"/>
      <c r="M3155" s="234"/>
      <c r="N3155" s="65"/>
      <c r="O3155" s="76"/>
      <c r="P3155" s="76"/>
      <c r="Q3155" s="65"/>
      <c r="R3155" s="76"/>
      <c r="S3155" s="76"/>
      <c r="T3155" s="76"/>
      <c r="U3155" s="76"/>
      <c r="V3155" s="76"/>
      <c r="W3155" s="76"/>
      <c r="X3155" s="76"/>
      <c r="Y3155" s="76"/>
      <c r="Z3155" s="76"/>
      <c r="AA3155" s="85"/>
      <c r="AB3155" s="85"/>
      <c r="AC3155" s="85"/>
      <c r="AD3155" s="85"/>
      <c r="AE3155" s="85"/>
      <c r="AF3155" s="85"/>
      <c r="AG3155" s="86"/>
      <c r="AH3155" s="85"/>
      <c r="AI3155" s="85"/>
      <c r="AJ3155" s="85"/>
      <c r="AK3155" s="85"/>
      <c r="AL3155" s="85"/>
      <c r="AM3155" s="92"/>
      <c r="AN3155" s="92"/>
      <c r="AO3155" s="92"/>
      <c r="AP3155" s="92"/>
      <c r="AQ3155" s="92"/>
      <c r="AR3155" s="92"/>
      <c r="AS3155" s="92"/>
      <c r="AT3155" s="92"/>
      <c r="AU3155" s="92"/>
      <c r="AV3155" s="92"/>
      <c r="AW3155" s="92"/>
      <c r="AX3155" s="92"/>
      <c r="AY3155" s="92"/>
      <c r="AZ3155" s="93"/>
      <c r="BA3155" s="93"/>
      <c r="BB3155" s="93"/>
      <c r="BC3155" s="93"/>
      <c r="BD3155" s="93"/>
      <c r="BE3155" s="93"/>
      <c r="BF3155" s="93"/>
      <c r="BG3155" s="93"/>
      <c r="BH3155" s="93"/>
      <c r="BI3155" s="93"/>
      <c r="BJ3155" s="93"/>
      <c r="BK3155" s="93"/>
      <c r="BL3155" s="93"/>
    </row>
    <row r="3156" spans="2:64" x14ac:dyDescent="0.2">
      <c r="B3156" s="43"/>
      <c r="C3156" s="73"/>
      <c r="D3156" s="64"/>
      <c r="E3156" s="55"/>
      <c r="F3156" s="74"/>
      <c r="G3156" s="74"/>
      <c r="H3156" s="74"/>
      <c r="I3156" s="75"/>
      <c r="J3156" s="74"/>
      <c r="L3156" s="55"/>
      <c r="M3156" s="234"/>
      <c r="N3156" s="65"/>
      <c r="O3156" s="76"/>
      <c r="P3156" s="76"/>
      <c r="Q3156" s="65"/>
      <c r="R3156" s="76"/>
      <c r="S3156" s="76"/>
      <c r="T3156" s="76"/>
      <c r="U3156" s="76"/>
      <c r="V3156" s="76"/>
      <c r="W3156" s="76"/>
      <c r="X3156" s="76"/>
      <c r="Y3156" s="76"/>
      <c r="Z3156" s="76"/>
      <c r="AA3156" s="85"/>
      <c r="AB3156" s="85"/>
      <c r="AC3156" s="85"/>
      <c r="AD3156" s="85"/>
      <c r="AE3156" s="85"/>
      <c r="AF3156" s="85"/>
      <c r="AG3156" s="86"/>
      <c r="AH3156" s="85"/>
      <c r="AI3156" s="85"/>
      <c r="AJ3156" s="85"/>
      <c r="AK3156" s="85"/>
      <c r="AL3156" s="85"/>
      <c r="AM3156" s="92"/>
      <c r="AN3156" s="92"/>
      <c r="AO3156" s="92"/>
      <c r="AP3156" s="92"/>
      <c r="AQ3156" s="92"/>
      <c r="AR3156" s="92"/>
      <c r="AS3156" s="92"/>
      <c r="AT3156" s="92"/>
      <c r="AU3156" s="92"/>
      <c r="AV3156" s="92"/>
      <c r="AW3156" s="92"/>
      <c r="AX3156" s="92"/>
      <c r="AY3156" s="92"/>
      <c r="AZ3156" s="93"/>
      <c r="BA3156" s="93"/>
      <c r="BB3156" s="93"/>
      <c r="BC3156" s="93"/>
      <c r="BD3156" s="93"/>
      <c r="BE3156" s="93"/>
      <c r="BF3156" s="93"/>
      <c r="BG3156" s="93"/>
      <c r="BH3156" s="93"/>
      <c r="BI3156" s="93"/>
      <c r="BJ3156" s="93"/>
      <c r="BK3156" s="93"/>
      <c r="BL3156" s="93"/>
    </row>
    <row r="3157" spans="2:64" x14ac:dyDescent="0.2">
      <c r="B3157" s="43"/>
      <c r="C3157" s="73"/>
      <c r="D3157" s="64"/>
      <c r="E3157" s="55"/>
      <c r="F3157" s="74"/>
      <c r="G3157" s="74"/>
      <c r="H3157" s="74"/>
      <c r="I3157" s="75"/>
      <c r="J3157" s="74"/>
      <c r="L3157" s="55"/>
      <c r="M3157" s="234"/>
      <c r="N3157" s="65"/>
      <c r="O3157" s="76"/>
      <c r="P3157" s="76"/>
      <c r="Q3157" s="65"/>
      <c r="R3157" s="76"/>
      <c r="S3157" s="76"/>
      <c r="T3157" s="76"/>
      <c r="U3157" s="76"/>
      <c r="V3157" s="76"/>
      <c r="W3157" s="76"/>
      <c r="X3157" s="76"/>
      <c r="Y3157" s="76"/>
      <c r="Z3157" s="76"/>
      <c r="AA3157" s="85"/>
      <c r="AB3157" s="85"/>
      <c r="AC3157" s="85"/>
      <c r="AD3157" s="85"/>
      <c r="AE3157" s="85"/>
      <c r="AF3157" s="85"/>
      <c r="AG3157" s="86"/>
      <c r="AH3157" s="85"/>
      <c r="AI3157" s="85"/>
      <c r="AJ3157" s="85"/>
      <c r="AK3157" s="85"/>
      <c r="AL3157" s="85"/>
      <c r="AM3157" s="92"/>
      <c r="AN3157" s="92"/>
      <c r="AO3157" s="92"/>
      <c r="AP3157" s="92"/>
      <c r="AQ3157" s="92"/>
      <c r="AR3157" s="92"/>
      <c r="AS3157" s="92"/>
      <c r="AT3157" s="92"/>
      <c r="AU3157" s="92"/>
      <c r="AV3157" s="92"/>
      <c r="AW3157" s="92"/>
      <c r="AX3157" s="92"/>
      <c r="AY3157" s="92"/>
      <c r="AZ3157" s="93"/>
      <c r="BA3157" s="93"/>
      <c r="BB3157" s="93"/>
      <c r="BC3157" s="93"/>
      <c r="BD3157" s="93"/>
      <c r="BE3157" s="93"/>
      <c r="BF3157" s="93"/>
      <c r="BG3157" s="93"/>
      <c r="BH3157" s="93"/>
      <c r="BI3157" s="93"/>
      <c r="BJ3157" s="93"/>
      <c r="BK3157" s="93"/>
      <c r="BL3157" s="93"/>
    </row>
    <row r="3158" spans="2:64" x14ac:dyDescent="0.2">
      <c r="B3158" s="43"/>
      <c r="C3158" s="73"/>
      <c r="D3158" s="64"/>
      <c r="E3158" s="55"/>
      <c r="F3158" s="74"/>
      <c r="G3158" s="74"/>
      <c r="H3158" s="74"/>
      <c r="I3158" s="75"/>
      <c r="J3158" s="74"/>
      <c r="L3158" s="55"/>
      <c r="M3158" s="234"/>
      <c r="N3158" s="65"/>
      <c r="O3158" s="76"/>
      <c r="P3158" s="76"/>
      <c r="Q3158" s="65"/>
      <c r="R3158" s="76"/>
      <c r="S3158" s="76"/>
      <c r="T3158" s="76"/>
      <c r="U3158" s="76"/>
      <c r="V3158" s="76"/>
      <c r="W3158" s="76"/>
      <c r="X3158" s="76"/>
      <c r="Y3158" s="76"/>
      <c r="Z3158" s="76"/>
      <c r="AA3158" s="85"/>
      <c r="AB3158" s="85"/>
      <c r="AC3158" s="85"/>
      <c r="AD3158" s="85"/>
      <c r="AE3158" s="85"/>
      <c r="AF3158" s="85"/>
      <c r="AG3158" s="86"/>
      <c r="AH3158" s="85"/>
      <c r="AI3158" s="85"/>
      <c r="AJ3158" s="85"/>
      <c r="AK3158" s="85"/>
      <c r="AL3158" s="85"/>
      <c r="AM3158" s="92"/>
      <c r="AN3158" s="92"/>
      <c r="AO3158" s="92"/>
      <c r="AP3158" s="92"/>
      <c r="AQ3158" s="92"/>
      <c r="AR3158" s="92"/>
      <c r="AS3158" s="92"/>
      <c r="AT3158" s="92"/>
      <c r="AU3158" s="92"/>
      <c r="AV3158" s="92"/>
      <c r="AW3158" s="92"/>
      <c r="AX3158" s="92"/>
      <c r="AY3158" s="92"/>
      <c r="AZ3158" s="93"/>
      <c r="BA3158" s="93"/>
      <c r="BB3158" s="93"/>
      <c r="BC3158" s="93"/>
      <c r="BD3158" s="93"/>
      <c r="BE3158" s="93"/>
      <c r="BF3158" s="93"/>
      <c r="BG3158" s="93"/>
      <c r="BH3158" s="93"/>
      <c r="BI3158" s="93"/>
      <c r="BJ3158" s="93"/>
      <c r="BK3158" s="93"/>
      <c r="BL3158" s="93"/>
    </row>
    <row r="3159" spans="2:64" x14ac:dyDescent="0.2">
      <c r="B3159" s="43"/>
      <c r="C3159" s="73"/>
      <c r="D3159" s="64"/>
      <c r="E3159" s="55"/>
      <c r="F3159" s="74"/>
      <c r="G3159" s="74"/>
      <c r="H3159" s="74"/>
      <c r="I3159" s="75"/>
      <c r="J3159" s="74"/>
      <c r="L3159" s="55"/>
      <c r="M3159" s="234"/>
      <c r="N3159" s="65"/>
      <c r="O3159" s="76"/>
      <c r="P3159" s="76"/>
      <c r="Q3159" s="65"/>
      <c r="R3159" s="76"/>
      <c r="S3159" s="76"/>
      <c r="T3159" s="76"/>
      <c r="U3159" s="76"/>
      <c r="V3159" s="76"/>
      <c r="W3159" s="76"/>
      <c r="X3159" s="76"/>
      <c r="Y3159" s="76"/>
      <c r="Z3159" s="76"/>
      <c r="AA3159" s="85"/>
      <c r="AB3159" s="85"/>
      <c r="AC3159" s="85"/>
      <c r="AD3159" s="85"/>
      <c r="AE3159" s="85"/>
      <c r="AF3159" s="85"/>
      <c r="AG3159" s="86"/>
      <c r="AH3159" s="85"/>
      <c r="AI3159" s="85"/>
      <c r="AJ3159" s="85"/>
      <c r="AK3159" s="85"/>
      <c r="AL3159" s="85"/>
      <c r="AM3159" s="92"/>
      <c r="AN3159" s="92"/>
      <c r="AO3159" s="92"/>
      <c r="AP3159" s="92"/>
      <c r="AQ3159" s="92"/>
      <c r="AR3159" s="92"/>
      <c r="AS3159" s="92"/>
      <c r="AT3159" s="92"/>
      <c r="AU3159" s="92"/>
      <c r="AV3159" s="92"/>
      <c r="AW3159" s="92"/>
      <c r="AX3159" s="92"/>
      <c r="AY3159" s="92"/>
      <c r="AZ3159" s="93"/>
      <c r="BA3159" s="93"/>
      <c r="BB3159" s="93"/>
      <c r="BC3159" s="93"/>
      <c r="BD3159" s="93"/>
      <c r="BE3159" s="93"/>
      <c r="BF3159" s="93"/>
      <c r="BG3159" s="93"/>
      <c r="BH3159" s="93"/>
      <c r="BI3159" s="93"/>
      <c r="BJ3159" s="93"/>
      <c r="BK3159" s="93"/>
      <c r="BL3159" s="93"/>
    </row>
    <row r="3160" spans="2:64" x14ac:dyDescent="0.2">
      <c r="B3160" s="43"/>
      <c r="C3160" s="73"/>
      <c r="D3160" s="64"/>
      <c r="E3160" s="55"/>
      <c r="F3160" s="74"/>
      <c r="G3160" s="74"/>
      <c r="H3160" s="74"/>
      <c r="I3160" s="75"/>
      <c r="J3160" s="74"/>
      <c r="L3160" s="55"/>
      <c r="M3160" s="234"/>
      <c r="N3160" s="65"/>
      <c r="O3160" s="76"/>
      <c r="P3160" s="76"/>
      <c r="Q3160" s="65"/>
      <c r="R3160" s="76"/>
      <c r="S3160" s="76"/>
      <c r="T3160" s="76"/>
      <c r="U3160" s="76"/>
      <c r="V3160" s="76"/>
      <c r="W3160" s="76"/>
      <c r="X3160" s="76"/>
      <c r="Y3160" s="76"/>
      <c r="Z3160" s="76"/>
      <c r="AA3160" s="85"/>
      <c r="AB3160" s="85"/>
      <c r="AC3160" s="85"/>
      <c r="AD3160" s="85"/>
      <c r="AE3160" s="85"/>
      <c r="AF3160" s="85"/>
      <c r="AG3160" s="86"/>
      <c r="AH3160" s="85"/>
      <c r="AI3160" s="85"/>
      <c r="AJ3160" s="85"/>
      <c r="AK3160" s="85"/>
      <c r="AL3160" s="85"/>
      <c r="AM3160" s="92"/>
      <c r="AN3160" s="92"/>
      <c r="AO3160" s="92"/>
      <c r="AP3160" s="92"/>
      <c r="AQ3160" s="92"/>
      <c r="AR3160" s="92"/>
      <c r="AS3160" s="92"/>
      <c r="AT3160" s="92"/>
      <c r="AU3160" s="92"/>
      <c r="AV3160" s="92"/>
      <c r="AW3160" s="92"/>
      <c r="AX3160" s="92"/>
      <c r="AY3160" s="92"/>
      <c r="AZ3160" s="93"/>
      <c r="BA3160" s="93"/>
      <c r="BB3160" s="93"/>
      <c r="BC3160" s="93"/>
      <c r="BD3160" s="93"/>
      <c r="BE3160" s="93"/>
      <c r="BF3160" s="93"/>
      <c r="BG3160" s="93"/>
      <c r="BH3160" s="93"/>
      <c r="BI3160" s="93"/>
      <c r="BJ3160" s="93"/>
      <c r="BK3160" s="93"/>
      <c r="BL3160" s="93"/>
    </row>
    <row r="3161" spans="2:64" x14ac:dyDescent="0.2">
      <c r="B3161" s="43"/>
      <c r="C3161" s="73"/>
      <c r="D3161" s="64"/>
      <c r="E3161" s="55"/>
      <c r="F3161" s="74"/>
      <c r="G3161" s="74"/>
      <c r="H3161" s="74"/>
      <c r="I3161" s="75"/>
      <c r="J3161" s="74"/>
      <c r="L3161" s="55"/>
      <c r="M3161" s="234"/>
      <c r="N3161" s="65"/>
      <c r="O3161" s="76"/>
      <c r="P3161" s="76"/>
      <c r="Q3161" s="65"/>
      <c r="R3161" s="76"/>
      <c r="S3161" s="76"/>
      <c r="T3161" s="76"/>
      <c r="U3161" s="76"/>
      <c r="V3161" s="76"/>
      <c r="W3161" s="76"/>
      <c r="X3161" s="76"/>
      <c r="Y3161" s="76"/>
      <c r="Z3161" s="76"/>
      <c r="AA3161" s="85"/>
      <c r="AB3161" s="85"/>
      <c r="AC3161" s="85"/>
      <c r="AD3161" s="85"/>
      <c r="AE3161" s="85"/>
      <c r="AF3161" s="85"/>
      <c r="AG3161" s="86"/>
      <c r="AH3161" s="85"/>
      <c r="AI3161" s="85"/>
      <c r="AJ3161" s="85"/>
      <c r="AK3161" s="85"/>
      <c r="AL3161" s="85"/>
      <c r="AM3161" s="92"/>
      <c r="AN3161" s="92"/>
      <c r="AO3161" s="92"/>
      <c r="AP3161" s="92"/>
      <c r="AQ3161" s="92"/>
      <c r="AR3161" s="92"/>
      <c r="AS3161" s="92"/>
      <c r="AT3161" s="92"/>
      <c r="AU3161" s="92"/>
      <c r="AV3161" s="92"/>
      <c r="AW3161" s="92"/>
      <c r="AX3161" s="92"/>
      <c r="AY3161" s="92"/>
      <c r="AZ3161" s="93"/>
      <c r="BA3161" s="93"/>
      <c r="BB3161" s="93"/>
      <c r="BC3161" s="93"/>
      <c r="BD3161" s="93"/>
      <c r="BE3161" s="93"/>
      <c r="BF3161" s="93"/>
      <c r="BG3161" s="93"/>
      <c r="BH3161" s="93"/>
      <c r="BI3161" s="93"/>
      <c r="BJ3161" s="93"/>
      <c r="BK3161" s="93"/>
      <c r="BL3161" s="93"/>
    </row>
    <row r="3162" spans="2:64" x14ac:dyDescent="0.2">
      <c r="B3162" s="43"/>
      <c r="C3162" s="73"/>
      <c r="D3162" s="64"/>
      <c r="E3162" s="55"/>
      <c r="F3162" s="74"/>
      <c r="G3162" s="74"/>
      <c r="H3162" s="74"/>
      <c r="I3162" s="75"/>
      <c r="J3162" s="74"/>
      <c r="L3162" s="55"/>
      <c r="M3162" s="234"/>
      <c r="N3162" s="65"/>
      <c r="O3162" s="76"/>
      <c r="P3162" s="76"/>
      <c r="Q3162" s="65"/>
      <c r="R3162" s="76"/>
      <c r="S3162" s="76"/>
      <c r="T3162" s="76"/>
      <c r="U3162" s="76"/>
      <c r="V3162" s="76"/>
      <c r="W3162" s="76"/>
      <c r="X3162" s="76"/>
      <c r="Y3162" s="76"/>
      <c r="Z3162" s="76"/>
      <c r="AA3162" s="85"/>
      <c r="AB3162" s="85"/>
      <c r="AC3162" s="85"/>
      <c r="AD3162" s="85"/>
      <c r="AE3162" s="85"/>
      <c r="AF3162" s="85"/>
      <c r="AG3162" s="86"/>
      <c r="AH3162" s="85"/>
      <c r="AI3162" s="85"/>
      <c r="AJ3162" s="85"/>
      <c r="AK3162" s="85"/>
      <c r="AL3162" s="85"/>
      <c r="AM3162" s="92"/>
      <c r="AN3162" s="92"/>
      <c r="AO3162" s="92"/>
      <c r="AP3162" s="92"/>
      <c r="AQ3162" s="92"/>
      <c r="AR3162" s="92"/>
      <c r="AS3162" s="92"/>
      <c r="AT3162" s="92"/>
      <c r="AU3162" s="92"/>
      <c r="AV3162" s="92"/>
      <c r="AW3162" s="92"/>
      <c r="AX3162" s="92"/>
      <c r="AY3162" s="92"/>
      <c r="AZ3162" s="93"/>
      <c r="BA3162" s="93"/>
      <c r="BB3162" s="93"/>
      <c r="BC3162" s="93"/>
      <c r="BD3162" s="93"/>
      <c r="BE3162" s="93"/>
      <c r="BF3162" s="93"/>
      <c r="BG3162" s="93"/>
      <c r="BH3162" s="93"/>
      <c r="BI3162" s="93"/>
      <c r="BJ3162" s="93"/>
      <c r="BK3162" s="93"/>
      <c r="BL3162" s="93"/>
    </row>
    <row r="3163" spans="2:64" x14ac:dyDescent="0.2">
      <c r="B3163" s="43"/>
      <c r="C3163" s="73"/>
      <c r="D3163" s="64"/>
      <c r="E3163" s="55"/>
      <c r="F3163" s="74"/>
      <c r="G3163" s="74"/>
      <c r="H3163" s="74"/>
      <c r="I3163" s="75"/>
      <c r="J3163" s="74"/>
      <c r="L3163" s="55"/>
      <c r="M3163" s="234"/>
      <c r="N3163" s="65"/>
      <c r="O3163" s="76"/>
      <c r="P3163" s="76"/>
      <c r="Q3163" s="65"/>
      <c r="R3163" s="76"/>
      <c r="S3163" s="76"/>
      <c r="T3163" s="76"/>
      <c r="U3163" s="76"/>
      <c r="V3163" s="76"/>
      <c r="W3163" s="76"/>
      <c r="X3163" s="76"/>
      <c r="Y3163" s="76"/>
      <c r="Z3163" s="76"/>
      <c r="AA3163" s="85"/>
      <c r="AB3163" s="85"/>
      <c r="AC3163" s="85"/>
      <c r="AD3163" s="85"/>
      <c r="AE3163" s="85"/>
      <c r="AF3163" s="85"/>
      <c r="AG3163" s="86"/>
      <c r="AH3163" s="85"/>
      <c r="AI3163" s="85"/>
      <c r="AJ3163" s="85"/>
      <c r="AK3163" s="85"/>
      <c r="AL3163" s="85"/>
      <c r="AM3163" s="92"/>
      <c r="AN3163" s="92"/>
      <c r="AO3163" s="92"/>
      <c r="AP3163" s="92"/>
      <c r="AQ3163" s="92"/>
      <c r="AR3163" s="92"/>
      <c r="AS3163" s="92"/>
      <c r="AT3163" s="92"/>
      <c r="AU3163" s="92"/>
      <c r="AV3163" s="92"/>
      <c r="AW3163" s="92"/>
      <c r="AX3163" s="92"/>
      <c r="AY3163" s="92"/>
      <c r="AZ3163" s="93"/>
      <c r="BA3163" s="93"/>
      <c r="BB3163" s="93"/>
      <c r="BC3163" s="93"/>
      <c r="BD3163" s="93"/>
      <c r="BE3163" s="93"/>
      <c r="BF3163" s="93"/>
      <c r="BG3163" s="93"/>
      <c r="BH3163" s="93"/>
      <c r="BI3163" s="93"/>
      <c r="BJ3163" s="93"/>
      <c r="BK3163" s="93"/>
      <c r="BL3163" s="93"/>
    </row>
    <row r="3164" spans="2:64" x14ac:dyDescent="0.2">
      <c r="B3164" s="43"/>
      <c r="C3164" s="73"/>
      <c r="D3164" s="64"/>
      <c r="E3164" s="55"/>
      <c r="F3164" s="74"/>
      <c r="G3164" s="74"/>
      <c r="H3164" s="74"/>
      <c r="I3164" s="75"/>
      <c r="J3164" s="74"/>
      <c r="L3164" s="55"/>
      <c r="M3164" s="234"/>
      <c r="N3164" s="65"/>
      <c r="O3164" s="76"/>
      <c r="P3164" s="76"/>
      <c r="Q3164" s="65"/>
      <c r="R3164" s="76"/>
      <c r="S3164" s="76"/>
      <c r="T3164" s="76"/>
      <c r="U3164" s="76"/>
      <c r="V3164" s="76"/>
      <c r="W3164" s="76"/>
      <c r="X3164" s="76"/>
      <c r="Y3164" s="76"/>
      <c r="Z3164" s="76"/>
      <c r="AA3164" s="85"/>
      <c r="AB3164" s="85"/>
      <c r="AC3164" s="85"/>
      <c r="AD3164" s="85"/>
      <c r="AE3164" s="85"/>
      <c r="AF3164" s="85"/>
      <c r="AG3164" s="86"/>
      <c r="AH3164" s="85"/>
      <c r="AI3164" s="85"/>
      <c r="AJ3164" s="85"/>
      <c r="AK3164" s="85"/>
      <c r="AL3164" s="85"/>
      <c r="AM3164" s="92"/>
      <c r="AN3164" s="92"/>
      <c r="AO3164" s="92"/>
      <c r="AP3164" s="92"/>
      <c r="AQ3164" s="92"/>
      <c r="AR3164" s="92"/>
      <c r="AS3164" s="92"/>
      <c r="AT3164" s="92"/>
      <c r="AU3164" s="92"/>
      <c r="AV3164" s="92"/>
      <c r="AW3164" s="92"/>
      <c r="AX3164" s="92"/>
      <c r="AY3164" s="92"/>
      <c r="AZ3164" s="93"/>
      <c r="BA3164" s="93"/>
      <c r="BB3164" s="93"/>
      <c r="BC3164" s="93"/>
      <c r="BD3164" s="93"/>
      <c r="BE3164" s="93"/>
      <c r="BF3164" s="93"/>
      <c r="BG3164" s="93"/>
      <c r="BH3164" s="93"/>
      <c r="BI3164" s="93"/>
      <c r="BJ3164" s="93"/>
      <c r="BK3164" s="93"/>
      <c r="BL3164" s="93"/>
    </row>
    <row r="3165" spans="2:64" x14ac:dyDescent="0.2">
      <c r="B3165" s="43"/>
      <c r="C3165" s="73"/>
      <c r="D3165" s="64"/>
      <c r="E3165" s="55"/>
      <c r="F3165" s="74"/>
      <c r="G3165" s="74"/>
      <c r="H3165" s="74"/>
      <c r="I3165" s="75"/>
      <c r="J3165" s="74"/>
      <c r="L3165" s="55"/>
      <c r="M3165" s="234"/>
      <c r="N3165" s="65"/>
      <c r="O3165" s="76"/>
      <c r="P3165" s="76"/>
      <c r="Q3165" s="65"/>
      <c r="R3165" s="76"/>
      <c r="S3165" s="76"/>
      <c r="T3165" s="76"/>
      <c r="U3165" s="76"/>
      <c r="V3165" s="76"/>
      <c r="W3165" s="76"/>
      <c r="X3165" s="76"/>
      <c r="Y3165" s="76"/>
      <c r="Z3165" s="76"/>
      <c r="AA3165" s="85"/>
      <c r="AB3165" s="85"/>
      <c r="AC3165" s="85"/>
      <c r="AD3165" s="85"/>
      <c r="AE3165" s="85"/>
      <c r="AF3165" s="85"/>
      <c r="AG3165" s="86"/>
      <c r="AH3165" s="85"/>
      <c r="AI3165" s="85"/>
      <c r="AJ3165" s="85"/>
      <c r="AK3165" s="85"/>
      <c r="AL3165" s="85"/>
      <c r="AM3165" s="92"/>
      <c r="AN3165" s="92"/>
      <c r="AO3165" s="92"/>
      <c r="AP3165" s="92"/>
      <c r="AQ3165" s="92"/>
      <c r="AR3165" s="92"/>
      <c r="AS3165" s="92"/>
      <c r="AT3165" s="92"/>
      <c r="AU3165" s="92"/>
      <c r="AV3165" s="92"/>
      <c r="AW3165" s="92"/>
      <c r="AX3165" s="92"/>
      <c r="AY3165" s="92"/>
      <c r="AZ3165" s="93"/>
      <c r="BA3165" s="93"/>
      <c r="BB3165" s="93"/>
      <c r="BC3165" s="93"/>
      <c r="BD3165" s="93"/>
      <c r="BE3165" s="93"/>
      <c r="BF3165" s="93"/>
      <c r="BG3165" s="93"/>
      <c r="BH3165" s="93"/>
      <c r="BI3165" s="93"/>
      <c r="BJ3165" s="93"/>
      <c r="BK3165" s="93"/>
      <c r="BL3165" s="93"/>
    </row>
    <row r="3166" spans="2:64" x14ac:dyDescent="0.2">
      <c r="B3166" s="43"/>
      <c r="C3166" s="73"/>
      <c r="D3166" s="64"/>
      <c r="E3166" s="55"/>
      <c r="F3166" s="74"/>
      <c r="G3166" s="74"/>
      <c r="H3166" s="74"/>
      <c r="I3166" s="75"/>
      <c r="J3166" s="74"/>
      <c r="L3166" s="55"/>
      <c r="M3166" s="234"/>
      <c r="N3166" s="65"/>
      <c r="O3166" s="76"/>
      <c r="P3166" s="76"/>
      <c r="Q3166" s="65"/>
      <c r="R3166" s="76"/>
      <c r="S3166" s="76"/>
      <c r="T3166" s="76"/>
      <c r="U3166" s="76"/>
      <c r="V3166" s="76"/>
      <c r="W3166" s="76"/>
      <c r="X3166" s="76"/>
      <c r="Y3166" s="76"/>
      <c r="Z3166" s="76"/>
      <c r="AA3166" s="85"/>
      <c r="AB3166" s="85"/>
      <c r="AC3166" s="85"/>
      <c r="AD3166" s="85"/>
      <c r="AE3166" s="85"/>
      <c r="AF3166" s="85"/>
      <c r="AG3166" s="86"/>
      <c r="AH3166" s="85"/>
      <c r="AI3166" s="85"/>
      <c r="AJ3166" s="85"/>
      <c r="AK3166" s="85"/>
      <c r="AL3166" s="85"/>
      <c r="AM3166" s="92"/>
      <c r="AN3166" s="92"/>
      <c r="AO3166" s="92"/>
      <c r="AP3166" s="92"/>
      <c r="AQ3166" s="92"/>
      <c r="AR3166" s="92"/>
      <c r="AS3166" s="92"/>
      <c r="AT3166" s="92"/>
      <c r="AU3166" s="92"/>
      <c r="AV3166" s="92"/>
      <c r="AW3166" s="92"/>
      <c r="AX3166" s="92"/>
      <c r="AY3166" s="92"/>
      <c r="AZ3166" s="93"/>
      <c r="BA3166" s="93"/>
      <c r="BB3166" s="93"/>
      <c r="BC3166" s="93"/>
      <c r="BD3166" s="93"/>
      <c r="BE3166" s="93"/>
      <c r="BF3166" s="93"/>
      <c r="BG3166" s="93"/>
      <c r="BH3166" s="93"/>
      <c r="BI3166" s="93"/>
      <c r="BJ3166" s="93"/>
      <c r="BK3166" s="93"/>
      <c r="BL3166" s="93"/>
    </row>
    <row r="3167" spans="2:64" x14ac:dyDescent="0.2">
      <c r="B3167" s="43"/>
      <c r="C3167" s="73"/>
      <c r="D3167" s="64"/>
      <c r="E3167" s="55"/>
      <c r="F3167" s="74"/>
      <c r="G3167" s="74"/>
      <c r="H3167" s="74"/>
      <c r="I3167" s="75"/>
      <c r="J3167" s="74"/>
      <c r="L3167" s="55"/>
      <c r="M3167" s="234"/>
      <c r="N3167" s="65"/>
      <c r="O3167" s="76"/>
      <c r="P3167" s="76"/>
      <c r="Q3167" s="65"/>
      <c r="R3167" s="76"/>
      <c r="S3167" s="76"/>
      <c r="T3167" s="76"/>
      <c r="U3167" s="76"/>
      <c r="V3167" s="76"/>
      <c r="W3167" s="76"/>
      <c r="X3167" s="76"/>
      <c r="Y3167" s="76"/>
      <c r="Z3167" s="76"/>
      <c r="AA3167" s="85"/>
      <c r="AB3167" s="85"/>
      <c r="AC3167" s="85"/>
      <c r="AD3167" s="85"/>
      <c r="AE3167" s="85"/>
      <c r="AF3167" s="85"/>
      <c r="AG3167" s="86"/>
      <c r="AH3167" s="85"/>
      <c r="AI3167" s="85"/>
      <c r="AJ3167" s="85"/>
      <c r="AK3167" s="85"/>
      <c r="AL3167" s="85"/>
      <c r="AM3167" s="92"/>
      <c r="AN3167" s="92"/>
      <c r="AO3167" s="92"/>
      <c r="AP3167" s="92"/>
      <c r="AQ3167" s="92"/>
      <c r="AR3167" s="92"/>
      <c r="AS3167" s="92"/>
      <c r="AT3167" s="92"/>
      <c r="AU3167" s="92"/>
      <c r="AV3167" s="92"/>
      <c r="AW3167" s="92"/>
      <c r="AX3167" s="92"/>
      <c r="AY3167" s="92"/>
      <c r="AZ3167" s="93"/>
      <c r="BA3167" s="93"/>
      <c r="BB3167" s="93"/>
      <c r="BC3167" s="93"/>
      <c r="BD3167" s="93"/>
      <c r="BE3167" s="93"/>
      <c r="BF3167" s="93"/>
      <c r="BG3167" s="93"/>
      <c r="BH3167" s="93"/>
      <c r="BI3167" s="93"/>
      <c r="BJ3167" s="93"/>
      <c r="BK3167" s="93"/>
      <c r="BL3167" s="93"/>
    </row>
    <row r="3168" spans="2:64" x14ac:dyDescent="0.2">
      <c r="B3168" s="43"/>
      <c r="C3168" s="73"/>
      <c r="D3168" s="64"/>
      <c r="E3168" s="55"/>
      <c r="F3168" s="74"/>
      <c r="G3168" s="74"/>
      <c r="H3168" s="74"/>
      <c r="I3168" s="75"/>
      <c r="J3168" s="74"/>
      <c r="L3168" s="55"/>
      <c r="M3168" s="234"/>
      <c r="N3168" s="65"/>
      <c r="O3168" s="76"/>
      <c r="P3168" s="76"/>
      <c r="Q3168" s="65"/>
      <c r="R3168" s="76"/>
      <c r="S3168" s="76"/>
      <c r="T3168" s="76"/>
      <c r="U3168" s="76"/>
      <c r="V3168" s="76"/>
      <c r="W3168" s="76"/>
      <c r="X3168" s="76"/>
      <c r="Y3168" s="76"/>
      <c r="Z3168" s="76"/>
      <c r="AA3168" s="85"/>
      <c r="AB3168" s="85"/>
      <c r="AC3168" s="85"/>
      <c r="AD3168" s="85"/>
      <c r="AE3168" s="85"/>
      <c r="AF3168" s="85"/>
      <c r="AG3168" s="86"/>
      <c r="AH3168" s="85"/>
      <c r="AI3168" s="85"/>
      <c r="AJ3168" s="85"/>
      <c r="AK3168" s="85"/>
      <c r="AL3168" s="85"/>
      <c r="AM3168" s="92"/>
      <c r="AN3168" s="92"/>
      <c r="AO3168" s="92"/>
      <c r="AP3168" s="92"/>
      <c r="AQ3168" s="92"/>
      <c r="AR3168" s="92"/>
      <c r="AS3168" s="92"/>
      <c r="AT3168" s="92"/>
      <c r="AU3168" s="92"/>
      <c r="AV3168" s="92"/>
      <c r="AW3168" s="92"/>
      <c r="AX3168" s="92"/>
      <c r="AY3168" s="92"/>
      <c r="AZ3168" s="93"/>
      <c r="BA3168" s="93"/>
      <c r="BB3168" s="93"/>
      <c r="BC3168" s="93"/>
      <c r="BD3168" s="93"/>
      <c r="BE3168" s="93"/>
      <c r="BF3168" s="93"/>
      <c r="BG3168" s="93"/>
      <c r="BH3168" s="93"/>
      <c r="BI3168" s="93"/>
      <c r="BJ3168" s="93"/>
      <c r="BK3168" s="93"/>
      <c r="BL3168" s="93"/>
    </row>
    <row r="3169" spans="2:64" x14ac:dyDescent="0.2">
      <c r="B3169" s="43"/>
      <c r="C3169" s="73"/>
      <c r="D3169" s="64"/>
      <c r="E3169" s="55"/>
      <c r="F3169" s="74"/>
      <c r="G3169" s="74"/>
      <c r="H3169" s="74"/>
      <c r="I3169" s="75"/>
      <c r="J3169" s="74"/>
      <c r="L3169" s="55"/>
      <c r="M3169" s="234"/>
      <c r="N3169" s="65"/>
      <c r="O3169" s="76"/>
      <c r="P3169" s="76"/>
      <c r="Q3169" s="65"/>
      <c r="R3169" s="76"/>
      <c r="S3169" s="76"/>
      <c r="T3169" s="76"/>
      <c r="U3169" s="76"/>
      <c r="V3169" s="76"/>
      <c r="W3169" s="76"/>
      <c r="X3169" s="76"/>
      <c r="Y3169" s="76"/>
      <c r="Z3169" s="76"/>
      <c r="AA3169" s="85"/>
      <c r="AB3169" s="85"/>
      <c r="AC3169" s="85"/>
      <c r="AD3169" s="85"/>
      <c r="AE3169" s="85"/>
      <c r="AF3169" s="85"/>
      <c r="AG3169" s="86"/>
      <c r="AH3169" s="85"/>
      <c r="AI3169" s="85"/>
      <c r="AJ3169" s="85"/>
      <c r="AK3169" s="85"/>
      <c r="AL3169" s="85"/>
      <c r="AM3169" s="92"/>
      <c r="AN3169" s="92"/>
      <c r="AO3169" s="92"/>
      <c r="AP3169" s="92"/>
      <c r="AQ3169" s="92"/>
      <c r="AR3169" s="92"/>
      <c r="AS3169" s="92"/>
      <c r="AT3169" s="92"/>
      <c r="AU3169" s="92"/>
      <c r="AV3169" s="92"/>
      <c r="AW3169" s="92"/>
      <c r="AX3169" s="92"/>
      <c r="AY3169" s="92"/>
      <c r="AZ3169" s="93"/>
      <c r="BA3169" s="93"/>
      <c r="BB3169" s="93"/>
      <c r="BC3169" s="93"/>
      <c r="BD3169" s="93"/>
      <c r="BE3169" s="93"/>
      <c r="BF3169" s="93"/>
      <c r="BG3169" s="93"/>
      <c r="BH3169" s="93"/>
      <c r="BI3169" s="93"/>
      <c r="BJ3169" s="93"/>
      <c r="BK3169" s="93"/>
      <c r="BL3169" s="93"/>
    </row>
    <row r="3170" spans="2:64" x14ac:dyDescent="0.2">
      <c r="B3170" s="43"/>
      <c r="C3170" s="73"/>
      <c r="D3170" s="64"/>
      <c r="E3170" s="55"/>
      <c r="F3170" s="74"/>
      <c r="G3170" s="74"/>
      <c r="H3170" s="74"/>
      <c r="I3170" s="75"/>
      <c r="J3170" s="74"/>
      <c r="L3170" s="55"/>
      <c r="M3170" s="234"/>
      <c r="N3170" s="65"/>
      <c r="O3170" s="76"/>
      <c r="P3170" s="76"/>
      <c r="Q3170" s="65"/>
      <c r="R3170" s="76"/>
      <c r="S3170" s="76"/>
      <c r="T3170" s="76"/>
      <c r="U3170" s="76"/>
      <c r="V3170" s="76"/>
      <c r="W3170" s="76"/>
      <c r="X3170" s="76"/>
      <c r="Y3170" s="76"/>
      <c r="Z3170" s="76"/>
      <c r="AA3170" s="85"/>
      <c r="AB3170" s="85"/>
      <c r="AC3170" s="85"/>
      <c r="AD3170" s="85"/>
      <c r="AE3170" s="85"/>
      <c r="AF3170" s="85"/>
      <c r="AG3170" s="86"/>
      <c r="AH3170" s="85"/>
      <c r="AI3170" s="85"/>
      <c r="AJ3170" s="85"/>
      <c r="AK3170" s="85"/>
      <c r="AL3170" s="85"/>
      <c r="AM3170" s="92"/>
      <c r="AN3170" s="92"/>
      <c r="AO3170" s="92"/>
      <c r="AP3170" s="92"/>
      <c r="AQ3170" s="92"/>
      <c r="AR3170" s="92"/>
      <c r="AS3170" s="92"/>
      <c r="AT3170" s="92"/>
      <c r="AU3170" s="92"/>
      <c r="AV3170" s="92"/>
      <c r="AW3170" s="92"/>
      <c r="AX3170" s="92"/>
      <c r="AY3170" s="92"/>
      <c r="AZ3170" s="93"/>
      <c r="BA3170" s="93"/>
      <c r="BB3170" s="93"/>
      <c r="BC3170" s="93"/>
      <c r="BD3170" s="93"/>
      <c r="BE3170" s="93"/>
      <c r="BF3170" s="93"/>
      <c r="BG3170" s="93"/>
      <c r="BH3170" s="93"/>
      <c r="BI3170" s="93"/>
      <c r="BJ3170" s="93"/>
      <c r="BK3170" s="93"/>
      <c r="BL3170" s="93"/>
    </row>
    <row r="3171" spans="2:64" x14ac:dyDescent="0.2">
      <c r="B3171" s="43"/>
      <c r="C3171" s="73"/>
      <c r="D3171" s="64"/>
      <c r="E3171" s="55"/>
      <c r="F3171" s="74"/>
      <c r="G3171" s="74"/>
      <c r="H3171" s="74"/>
      <c r="I3171" s="75"/>
      <c r="J3171" s="74"/>
      <c r="L3171" s="55"/>
      <c r="M3171" s="234"/>
      <c r="N3171" s="65"/>
      <c r="O3171" s="76"/>
      <c r="P3171" s="76"/>
      <c r="Q3171" s="65"/>
      <c r="R3171" s="76"/>
      <c r="S3171" s="76"/>
      <c r="T3171" s="76"/>
      <c r="U3171" s="76"/>
      <c r="V3171" s="76"/>
      <c r="W3171" s="76"/>
      <c r="X3171" s="76"/>
      <c r="Y3171" s="76"/>
      <c r="Z3171" s="76"/>
      <c r="AA3171" s="85"/>
      <c r="AB3171" s="85"/>
      <c r="AC3171" s="85"/>
      <c r="AD3171" s="85"/>
      <c r="AE3171" s="85"/>
      <c r="AF3171" s="85"/>
      <c r="AG3171" s="86"/>
      <c r="AH3171" s="85"/>
      <c r="AI3171" s="85"/>
      <c r="AJ3171" s="85"/>
      <c r="AK3171" s="85"/>
      <c r="AL3171" s="85"/>
      <c r="AM3171" s="92"/>
      <c r="AN3171" s="92"/>
      <c r="AO3171" s="92"/>
      <c r="AP3171" s="92"/>
      <c r="AQ3171" s="92"/>
      <c r="AR3171" s="92"/>
      <c r="AS3171" s="92"/>
      <c r="AT3171" s="92"/>
      <c r="AU3171" s="92"/>
      <c r="AV3171" s="92"/>
      <c r="AW3171" s="92"/>
      <c r="AX3171" s="92"/>
      <c r="AY3171" s="92"/>
      <c r="AZ3171" s="93"/>
      <c r="BA3171" s="93"/>
      <c r="BB3171" s="93"/>
      <c r="BC3171" s="93"/>
      <c r="BD3171" s="93"/>
      <c r="BE3171" s="93"/>
      <c r="BF3171" s="93"/>
      <c r="BG3171" s="93"/>
      <c r="BH3171" s="93"/>
      <c r="BI3171" s="93"/>
      <c r="BJ3171" s="93"/>
      <c r="BK3171" s="93"/>
      <c r="BL3171" s="93"/>
    </row>
    <row r="3172" spans="2:64" x14ac:dyDescent="0.2">
      <c r="B3172" s="43"/>
      <c r="C3172" s="73"/>
      <c r="D3172" s="64"/>
      <c r="E3172" s="55"/>
      <c r="F3172" s="74"/>
      <c r="G3172" s="74"/>
      <c r="H3172" s="74"/>
      <c r="I3172" s="75"/>
      <c r="J3172" s="74"/>
      <c r="L3172" s="55"/>
      <c r="M3172" s="234"/>
      <c r="N3172" s="65"/>
      <c r="O3172" s="76"/>
      <c r="P3172" s="76"/>
      <c r="Q3172" s="65"/>
      <c r="R3172" s="76"/>
      <c r="S3172" s="76"/>
      <c r="T3172" s="76"/>
      <c r="U3172" s="76"/>
      <c r="V3172" s="76"/>
      <c r="W3172" s="76"/>
      <c r="X3172" s="76"/>
      <c r="Y3172" s="76"/>
      <c r="Z3172" s="76"/>
      <c r="AA3172" s="85"/>
      <c r="AB3172" s="85"/>
      <c r="AC3172" s="85"/>
      <c r="AD3172" s="85"/>
      <c r="AE3172" s="85"/>
      <c r="AF3172" s="85"/>
      <c r="AG3172" s="86"/>
      <c r="AH3172" s="85"/>
      <c r="AI3172" s="85"/>
      <c r="AJ3172" s="85"/>
      <c r="AK3172" s="85"/>
      <c r="AL3172" s="85"/>
      <c r="AM3172" s="92"/>
      <c r="AN3172" s="92"/>
      <c r="AO3172" s="92"/>
      <c r="AP3172" s="92"/>
      <c r="AQ3172" s="92"/>
      <c r="AR3172" s="92"/>
      <c r="AS3172" s="92"/>
      <c r="AT3172" s="92"/>
      <c r="AU3172" s="92"/>
      <c r="AV3172" s="92"/>
      <c r="AW3172" s="92"/>
      <c r="AX3172" s="92"/>
      <c r="AY3172" s="92"/>
      <c r="AZ3172" s="93"/>
      <c r="BA3172" s="93"/>
      <c r="BB3172" s="93"/>
      <c r="BC3172" s="93"/>
      <c r="BD3172" s="93"/>
      <c r="BE3172" s="93"/>
      <c r="BF3172" s="93"/>
      <c r="BG3172" s="93"/>
      <c r="BH3172" s="93"/>
      <c r="BI3172" s="93"/>
      <c r="BJ3172" s="93"/>
      <c r="BK3172" s="93"/>
      <c r="BL3172" s="93"/>
    </row>
    <row r="3173" spans="2:64" x14ac:dyDescent="0.2">
      <c r="B3173" s="43"/>
      <c r="C3173" s="73"/>
      <c r="D3173" s="64"/>
      <c r="E3173" s="55"/>
      <c r="F3173" s="74"/>
      <c r="G3173" s="74"/>
      <c r="H3173" s="74"/>
      <c r="I3173" s="75"/>
      <c r="J3173" s="74"/>
      <c r="L3173" s="55"/>
      <c r="M3173" s="234"/>
      <c r="N3173" s="65"/>
      <c r="O3173" s="76"/>
      <c r="P3173" s="76"/>
      <c r="Q3173" s="65"/>
      <c r="R3173" s="76"/>
      <c r="S3173" s="76"/>
      <c r="T3173" s="76"/>
      <c r="U3173" s="76"/>
      <c r="V3173" s="76"/>
      <c r="W3173" s="76"/>
      <c r="X3173" s="76"/>
      <c r="Y3173" s="76"/>
      <c r="Z3173" s="76"/>
      <c r="AA3173" s="85"/>
      <c r="AB3173" s="85"/>
      <c r="AC3173" s="85"/>
      <c r="AD3173" s="85"/>
      <c r="AE3173" s="85"/>
      <c r="AF3173" s="85"/>
      <c r="AG3173" s="86"/>
      <c r="AH3173" s="85"/>
      <c r="AI3173" s="85"/>
      <c r="AJ3173" s="85"/>
      <c r="AK3173" s="85"/>
      <c r="AL3173" s="85"/>
      <c r="AM3173" s="92"/>
      <c r="AN3173" s="92"/>
      <c r="AO3173" s="92"/>
      <c r="AP3173" s="92"/>
      <c r="AQ3173" s="92"/>
      <c r="AR3173" s="92"/>
      <c r="AS3173" s="92"/>
      <c r="AT3173" s="92"/>
      <c r="AU3173" s="92"/>
      <c r="AV3173" s="92"/>
      <c r="AW3173" s="92"/>
      <c r="AX3173" s="92"/>
      <c r="AY3173" s="92"/>
      <c r="AZ3173" s="93"/>
      <c r="BA3173" s="93"/>
      <c r="BB3173" s="93"/>
      <c r="BC3173" s="93"/>
      <c r="BD3173" s="93"/>
      <c r="BE3173" s="93"/>
      <c r="BF3173" s="93"/>
      <c r="BG3173" s="93"/>
      <c r="BH3173" s="93"/>
      <c r="BI3173" s="93"/>
      <c r="BJ3173" s="93"/>
      <c r="BK3173" s="93"/>
      <c r="BL3173" s="93"/>
    </row>
    <row r="3174" spans="2:64" x14ac:dyDescent="0.2">
      <c r="B3174" s="43"/>
      <c r="C3174" s="73"/>
      <c r="D3174" s="64"/>
      <c r="E3174" s="55"/>
      <c r="F3174" s="74"/>
      <c r="G3174" s="74"/>
      <c r="H3174" s="74"/>
      <c r="I3174" s="75"/>
      <c r="J3174" s="74"/>
      <c r="L3174" s="55"/>
      <c r="M3174" s="234"/>
      <c r="N3174" s="65"/>
      <c r="O3174" s="76"/>
      <c r="P3174" s="76"/>
      <c r="Q3174" s="65"/>
      <c r="R3174" s="76"/>
      <c r="S3174" s="76"/>
      <c r="T3174" s="76"/>
      <c r="U3174" s="76"/>
      <c r="V3174" s="76"/>
      <c r="W3174" s="76"/>
      <c r="X3174" s="76"/>
      <c r="Y3174" s="76"/>
      <c r="Z3174" s="76"/>
      <c r="AA3174" s="85"/>
      <c r="AB3174" s="85"/>
      <c r="AC3174" s="85"/>
      <c r="AD3174" s="85"/>
      <c r="AE3174" s="85"/>
      <c r="AF3174" s="85"/>
      <c r="AG3174" s="86"/>
      <c r="AH3174" s="85"/>
      <c r="AI3174" s="85"/>
      <c r="AJ3174" s="85"/>
      <c r="AK3174" s="85"/>
      <c r="AL3174" s="85"/>
      <c r="AM3174" s="92"/>
      <c r="AN3174" s="92"/>
      <c r="AO3174" s="92"/>
      <c r="AP3174" s="92"/>
      <c r="AQ3174" s="92"/>
      <c r="AR3174" s="92"/>
      <c r="AS3174" s="92"/>
      <c r="AT3174" s="92"/>
      <c r="AU3174" s="92"/>
      <c r="AV3174" s="92"/>
      <c r="AW3174" s="92"/>
      <c r="AX3174" s="92"/>
      <c r="AY3174" s="92"/>
      <c r="AZ3174" s="93"/>
      <c r="BA3174" s="93"/>
      <c r="BB3174" s="93"/>
      <c r="BC3174" s="93"/>
      <c r="BD3174" s="93"/>
      <c r="BE3174" s="93"/>
      <c r="BF3174" s="93"/>
      <c r="BG3174" s="93"/>
      <c r="BH3174" s="93"/>
      <c r="BI3174" s="93"/>
      <c r="BJ3174" s="93"/>
      <c r="BK3174" s="93"/>
      <c r="BL3174" s="93"/>
    </row>
    <row r="3175" spans="2:64" x14ac:dyDescent="0.2">
      <c r="B3175" s="43"/>
      <c r="C3175" s="73"/>
      <c r="D3175" s="64"/>
      <c r="E3175" s="55"/>
      <c r="F3175" s="74"/>
      <c r="G3175" s="74"/>
      <c r="H3175" s="74"/>
      <c r="I3175" s="75"/>
      <c r="J3175" s="74"/>
      <c r="L3175" s="55"/>
      <c r="M3175" s="234"/>
      <c r="N3175" s="65"/>
      <c r="O3175" s="76"/>
      <c r="P3175" s="76"/>
      <c r="Q3175" s="65"/>
      <c r="R3175" s="76"/>
      <c r="S3175" s="76"/>
      <c r="T3175" s="76"/>
      <c r="U3175" s="76"/>
      <c r="V3175" s="76"/>
      <c r="W3175" s="76"/>
      <c r="X3175" s="76"/>
      <c r="Y3175" s="76"/>
      <c r="Z3175" s="76"/>
      <c r="AA3175" s="85"/>
      <c r="AB3175" s="85"/>
      <c r="AC3175" s="85"/>
      <c r="AD3175" s="85"/>
      <c r="AE3175" s="85"/>
      <c r="AF3175" s="85"/>
      <c r="AG3175" s="86"/>
      <c r="AH3175" s="85"/>
      <c r="AI3175" s="85"/>
      <c r="AJ3175" s="85"/>
      <c r="AK3175" s="85"/>
      <c r="AL3175" s="85"/>
      <c r="AM3175" s="92"/>
      <c r="AN3175" s="92"/>
      <c r="AO3175" s="92"/>
      <c r="AP3175" s="92"/>
      <c r="AQ3175" s="92"/>
      <c r="AR3175" s="92"/>
      <c r="AS3175" s="92"/>
      <c r="AT3175" s="92"/>
      <c r="AU3175" s="92"/>
      <c r="AV3175" s="92"/>
      <c r="AW3175" s="92"/>
      <c r="AX3175" s="92"/>
      <c r="AY3175" s="92"/>
      <c r="AZ3175" s="93"/>
      <c r="BA3175" s="93"/>
      <c r="BB3175" s="93"/>
      <c r="BC3175" s="93"/>
      <c r="BD3175" s="93"/>
      <c r="BE3175" s="93"/>
      <c r="BF3175" s="93"/>
      <c r="BG3175" s="93"/>
      <c r="BH3175" s="93"/>
      <c r="BI3175" s="93"/>
      <c r="BJ3175" s="93"/>
      <c r="BK3175" s="93"/>
      <c r="BL3175" s="93"/>
    </row>
    <row r="3176" spans="2:64" x14ac:dyDescent="0.2">
      <c r="B3176" s="43"/>
      <c r="C3176" s="73"/>
      <c r="D3176" s="64"/>
      <c r="E3176" s="55"/>
      <c r="F3176" s="74"/>
      <c r="G3176" s="74"/>
      <c r="H3176" s="74"/>
      <c r="I3176" s="75"/>
      <c r="J3176" s="74"/>
      <c r="L3176" s="55"/>
      <c r="M3176" s="234"/>
      <c r="N3176" s="65"/>
      <c r="O3176" s="76"/>
      <c r="P3176" s="76"/>
      <c r="Q3176" s="65"/>
      <c r="R3176" s="76"/>
      <c r="S3176" s="76"/>
      <c r="T3176" s="76"/>
      <c r="U3176" s="76"/>
      <c r="V3176" s="76"/>
      <c r="W3176" s="76"/>
      <c r="X3176" s="76"/>
      <c r="Y3176" s="76"/>
      <c r="Z3176" s="76"/>
      <c r="AA3176" s="85"/>
      <c r="AB3176" s="85"/>
      <c r="AC3176" s="85"/>
      <c r="AD3176" s="85"/>
      <c r="AE3176" s="85"/>
      <c r="AF3176" s="85"/>
      <c r="AG3176" s="86"/>
      <c r="AH3176" s="85"/>
      <c r="AI3176" s="85"/>
      <c r="AJ3176" s="85"/>
      <c r="AK3176" s="85"/>
      <c r="AL3176" s="85"/>
      <c r="AM3176" s="92"/>
      <c r="AN3176" s="92"/>
      <c r="AO3176" s="92"/>
      <c r="AP3176" s="92"/>
      <c r="AQ3176" s="92"/>
      <c r="AR3176" s="92"/>
      <c r="AS3176" s="92"/>
      <c r="AT3176" s="92"/>
      <c r="AU3176" s="92"/>
      <c r="AV3176" s="92"/>
      <c r="AW3176" s="92"/>
      <c r="AX3176" s="92"/>
      <c r="AY3176" s="92"/>
      <c r="AZ3176" s="93"/>
      <c r="BA3176" s="93"/>
      <c r="BB3176" s="93"/>
      <c r="BC3176" s="93"/>
      <c r="BD3176" s="93"/>
      <c r="BE3176" s="93"/>
      <c r="BF3176" s="93"/>
      <c r="BG3176" s="93"/>
      <c r="BH3176" s="93"/>
      <c r="BI3176" s="93"/>
      <c r="BJ3176" s="93"/>
      <c r="BK3176" s="93"/>
      <c r="BL3176" s="93"/>
    </row>
    <row r="3177" spans="2:64" x14ac:dyDescent="0.2">
      <c r="B3177" s="43"/>
      <c r="C3177" s="73"/>
      <c r="D3177" s="64"/>
      <c r="E3177" s="55"/>
      <c r="F3177" s="74"/>
      <c r="G3177" s="74"/>
      <c r="H3177" s="74"/>
      <c r="I3177" s="75"/>
      <c r="J3177" s="74"/>
      <c r="L3177" s="55"/>
      <c r="M3177" s="234"/>
      <c r="N3177" s="65"/>
      <c r="O3177" s="76"/>
      <c r="P3177" s="76"/>
      <c r="Q3177" s="65"/>
      <c r="R3177" s="76"/>
      <c r="S3177" s="76"/>
      <c r="T3177" s="76"/>
      <c r="U3177" s="76"/>
      <c r="V3177" s="76"/>
      <c r="W3177" s="76"/>
      <c r="X3177" s="76"/>
      <c r="Y3177" s="76"/>
      <c r="Z3177" s="76"/>
      <c r="AA3177" s="85"/>
      <c r="AB3177" s="85"/>
      <c r="AC3177" s="85"/>
      <c r="AD3177" s="85"/>
      <c r="AE3177" s="85"/>
      <c r="AF3177" s="85"/>
      <c r="AG3177" s="86"/>
      <c r="AH3177" s="85"/>
      <c r="AI3177" s="85"/>
      <c r="AJ3177" s="85"/>
      <c r="AK3177" s="85"/>
      <c r="AL3177" s="85"/>
      <c r="AM3177" s="92"/>
      <c r="AN3177" s="92"/>
      <c r="AO3177" s="92"/>
      <c r="AP3177" s="92"/>
      <c r="AQ3177" s="92"/>
      <c r="AR3177" s="92"/>
      <c r="AS3177" s="92"/>
      <c r="AT3177" s="92"/>
      <c r="AU3177" s="92"/>
      <c r="AV3177" s="92"/>
      <c r="AW3177" s="92"/>
      <c r="AX3177" s="92"/>
      <c r="AY3177" s="92"/>
      <c r="AZ3177" s="93"/>
      <c r="BA3177" s="93"/>
      <c r="BB3177" s="93"/>
      <c r="BC3177" s="93"/>
      <c r="BD3177" s="93"/>
      <c r="BE3177" s="93"/>
      <c r="BF3177" s="93"/>
      <c r="BG3177" s="93"/>
      <c r="BH3177" s="93"/>
      <c r="BI3177" s="93"/>
      <c r="BJ3177" s="93"/>
      <c r="BK3177" s="93"/>
      <c r="BL3177" s="93"/>
    </row>
    <row r="3178" spans="2:64" x14ac:dyDescent="0.2">
      <c r="B3178" s="43"/>
      <c r="C3178" s="73"/>
      <c r="D3178" s="64"/>
      <c r="E3178" s="55"/>
      <c r="F3178" s="74"/>
      <c r="G3178" s="74"/>
      <c r="H3178" s="74"/>
      <c r="I3178" s="75"/>
      <c r="J3178" s="74"/>
      <c r="L3178" s="55"/>
      <c r="M3178" s="234"/>
      <c r="N3178" s="65"/>
      <c r="O3178" s="76"/>
      <c r="P3178" s="76"/>
      <c r="Q3178" s="65"/>
      <c r="R3178" s="76"/>
      <c r="S3178" s="76"/>
      <c r="T3178" s="76"/>
      <c r="U3178" s="76"/>
      <c r="V3178" s="76"/>
      <c r="W3178" s="76"/>
      <c r="X3178" s="76"/>
      <c r="Y3178" s="76"/>
      <c r="Z3178" s="76"/>
      <c r="AA3178" s="85"/>
      <c r="AB3178" s="85"/>
      <c r="AC3178" s="85"/>
      <c r="AD3178" s="85"/>
      <c r="AE3178" s="85"/>
      <c r="AF3178" s="85"/>
      <c r="AG3178" s="86"/>
      <c r="AH3178" s="85"/>
      <c r="AI3178" s="85"/>
      <c r="AJ3178" s="85"/>
      <c r="AK3178" s="85"/>
      <c r="AL3178" s="85"/>
      <c r="AM3178" s="92"/>
      <c r="AN3178" s="92"/>
      <c r="AO3178" s="92"/>
      <c r="AP3178" s="92"/>
      <c r="AQ3178" s="92"/>
      <c r="AR3178" s="92"/>
      <c r="AS3178" s="92"/>
      <c r="AT3178" s="92"/>
      <c r="AU3178" s="92"/>
      <c r="AV3178" s="92"/>
      <c r="AW3178" s="92"/>
      <c r="AX3178" s="92"/>
      <c r="AY3178" s="92"/>
      <c r="AZ3178" s="93"/>
      <c r="BA3178" s="93"/>
      <c r="BB3178" s="93"/>
      <c r="BC3178" s="93"/>
      <c r="BD3178" s="93"/>
      <c r="BE3178" s="93"/>
      <c r="BF3178" s="93"/>
      <c r="BG3178" s="93"/>
      <c r="BH3178" s="93"/>
      <c r="BI3178" s="93"/>
      <c r="BJ3178" s="93"/>
      <c r="BK3178" s="93"/>
      <c r="BL3178" s="93"/>
    </row>
    <row r="3179" spans="2:64" x14ac:dyDescent="0.2">
      <c r="B3179" s="43"/>
      <c r="C3179" s="73"/>
      <c r="D3179" s="64"/>
      <c r="E3179" s="55"/>
      <c r="F3179" s="74"/>
      <c r="G3179" s="74"/>
      <c r="H3179" s="74"/>
      <c r="I3179" s="75"/>
      <c r="J3179" s="74"/>
      <c r="L3179" s="55"/>
      <c r="M3179" s="234"/>
      <c r="N3179" s="65"/>
      <c r="O3179" s="76"/>
      <c r="P3179" s="76"/>
      <c r="Q3179" s="65"/>
      <c r="R3179" s="76"/>
      <c r="S3179" s="76"/>
      <c r="T3179" s="76"/>
      <c r="U3179" s="76"/>
      <c r="V3179" s="76"/>
      <c r="W3179" s="76"/>
      <c r="X3179" s="76"/>
      <c r="Y3179" s="76"/>
      <c r="Z3179" s="76"/>
      <c r="AA3179" s="85"/>
      <c r="AB3179" s="85"/>
      <c r="AC3179" s="85"/>
      <c r="AD3179" s="85"/>
      <c r="AE3179" s="85"/>
      <c r="AF3179" s="85"/>
      <c r="AG3179" s="86"/>
      <c r="AH3179" s="85"/>
      <c r="AI3179" s="85"/>
      <c r="AJ3179" s="85"/>
      <c r="AK3179" s="85"/>
      <c r="AL3179" s="85"/>
      <c r="AM3179" s="92"/>
      <c r="AN3179" s="92"/>
      <c r="AO3179" s="92"/>
      <c r="AP3179" s="92"/>
      <c r="AQ3179" s="92"/>
      <c r="AR3179" s="92"/>
      <c r="AS3179" s="92"/>
      <c r="AT3179" s="92"/>
      <c r="AU3179" s="92"/>
      <c r="AV3179" s="92"/>
      <c r="AW3179" s="92"/>
      <c r="AX3179" s="92"/>
      <c r="AY3179" s="92"/>
      <c r="AZ3179" s="93"/>
      <c r="BA3179" s="93"/>
      <c r="BB3179" s="93"/>
      <c r="BC3179" s="93"/>
      <c r="BD3179" s="93"/>
      <c r="BE3179" s="93"/>
      <c r="BF3179" s="93"/>
      <c r="BG3179" s="93"/>
      <c r="BH3179" s="93"/>
      <c r="BI3179" s="93"/>
      <c r="BJ3179" s="93"/>
      <c r="BK3179" s="93"/>
      <c r="BL3179" s="93"/>
    </row>
    <row r="3180" spans="2:64" x14ac:dyDescent="0.2">
      <c r="B3180" s="43"/>
      <c r="C3180" s="73"/>
      <c r="D3180" s="64"/>
      <c r="E3180" s="55"/>
      <c r="F3180" s="74"/>
      <c r="G3180" s="74"/>
      <c r="H3180" s="74"/>
      <c r="I3180" s="75"/>
      <c r="J3180" s="74"/>
      <c r="L3180" s="55"/>
      <c r="M3180" s="234"/>
      <c r="N3180" s="65"/>
      <c r="O3180" s="76"/>
      <c r="P3180" s="76"/>
      <c r="Q3180" s="65"/>
      <c r="R3180" s="76"/>
      <c r="S3180" s="76"/>
      <c r="T3180" s="76"/>
      <c r="U3180" s="76"/>
      <c r="V3180" s="76"/>
      <c r="W3180" s="76"/>
      <c r="X3180" s="76"/>
      <c r="Y3180" s="76"/>
      <c r="Z3180" s="76"/>
      <c r="AA3180" s="85"/>
      <c r="AB3180" s="85"/>
      <c r="AC3180" s="85"/>
      <c r="AD3180" s="85"/>
      <c r="AE3180" s="85"/>
      <c r="AF3180" s="85"/>
      <c r="AG3180" s="86"/>
      <c r="AH3180" s="85"/>
      <c r="AI3180" s="85"/>
      <c r="AJ3180" s="85"/>
      <c r="AK3180" s="85"/>
      <c r="AL3180" s="85"/>
      <c r="AM3180" s="92"/>
      <c r="AN3180" s="92"/>
      <c r="AO3180" s="92"/>
      <c r="AP3180" s="92"/>
      <c r="AQ3180" s="92"/>
      <c r="AR3180" s="92"/>
      <c r="AS3180" s="92"/>
      <c r="AT3180" s="92"/>
      <c r="AU3180" s="92"/>
      <c r="AV3180" s="92"/>
      <c r="AW3180" s="92"/>
      <c r="AX3180" s="92"/>
      <c r="AY3180" s="92"/>
      <c r="AZ3180" s="93"/>
      <c r="BA3180" s="93"/>
      <c r="BB3180" s="93"/>
      <c r="BC3180" s="93"/>
      <c r="BD3180" s="93"/>
      <c r="BE3180" s="93"/>
      <c r="BF3180" s="93"/>
      <c r="BG3180" s="93"/>
      <c r="BH3180" s="93"/>
      <c r="BI3180" s="93"/>
      <c r="BJ3180" s="93"/>
      <c r="BK3180" s="93"/>
      <c r="BL3180" s="93"/>
    </row>
    <row r="3181" spans="2:64" x14ac:dyDescent="0.2">
      <c r="B3181" s="43"/>
      <c r="C3181" s="73"/>
      <c r="D3181" s="64"/>
      <c r="E3181" s="55"/>
      <c r="F3181" s="74"/>
      <c r="G3181" s="74"/>
      <c r="H3181" s="74"/>
      <c r="I3181" s="75"/>
      <c r="J3181" s="74"/>
      <c r="L3181" s="55"/>
      <c r="M3181" s="234"/>
      <c r="N3181" s="65"/>
      <c r="O3181" s="76"/>
      <c r="P3181" s="76"/>
      <c r="Q3181" s="65"/>
      <c r="R3181" s="76"/>
      <c r="S3181" s="76"/>
      <c r="T3181" s="76"/>
      <c r="U3181" s="76"/>
      <c r="V3181" s="76"/>
      <c r="W3181" s="76"/>
      <c r="X3181" s="76"/>
      <c r="Y3181" s="76"/>
      <c r="Z3181" s="76"/>
      <c r="AA3181" s="85"/>
      <c r="AB3181" s="85"/>
      <c r="AC3181" s="85"/>
      <c r="AD3181" s="85"/>
      <c r="AE3181" s="85"/>
      <c r="AF3181" s="85"/>
      <c r="AG3181" s="86"/>
      <c r="AH3181" s="85"/>
      <c r="AI3181" s="85"/>
      <c r="AJ3181" s="85"/>
      <c r="AK3181" s="85"/>
      <c r="AL3181" s="85"/>
      <c r="AM3181" s="92"/>
      <c r="AN3181" s="92"/>
      <c r="AO3181" s="92"/>
      <c r="AP3181" s="92"/>
      <c r="AQ3181" s="92"/>
      <c r="AR3181" s="92"/>
      <c r="AS3181" s="92"/>
      <c r="AT3181" s="92"/>
      <c r="AU3181" s="92"/>
      <c r="AV3181" s="92"/>
      <c r="AW3181" s="92"/>
      <c r="AX3181" s="92"/>
      <c r="AY3181" s="92"/>
      <c r="AZ3181" s="93"/>
      <c r="BA3181" s="93"/>
      <c r="BB3181" s="93"/>
      <c r="BC3181" s="93"/>
      <c r="BD3181" s="93"/>
      <c r="BE3181" s="93"/>
      <c r="BF3181" s="93"/>
      <c r="BG3181" s="93"/>
      <c r="BH3181" s="93"/>
      <c r="BI3181" s="93"/>
      <c r="BJ3181" s="93"/>
      <c r="BK3181" s="93"/>
      <c r="BL3181" s="93"/>
    </row>
    <row r="3182" spans="2:64" x14ac:dyDescent="0.2">
      <c r="B3182" s="43"/>
      <c r="C3182" s="73"/>
      <c r="D3182" s="64"/>
      <c r="E3182" s="55"/>
      <c r="F3182" s="74"/>
      <c r="G3182" s="74"/>
      <c r="H3182" s="74"/>
      <c r="I3182" s="75"/>
      <c r="J3182" s="74"/>
      <c r="L3182" s="55"/>
      <c r="M3182" s="234"/>
      <c r="N3182" s="65"/>
      <c r="O3182" s="76"/>
      <c r="P3182" s="76"/>
      <c r="Q3182" s="65"/>
      <c r="R3182" s="76"/>
      <c r="S3182" s="76"/>
      <c r="T3182" s="76"/>
      <c r="U3182" s="76"/>
      <c r="V3182" s="76"/>
      <c r="W3182" s="76"/>
      <c r="X3182" s="76"/>
      <c r="Y3182" s="76"/>
      <c r="Z3182" s="76"/>
      <c r="AA3182" s="85"/>
      <c r="AB3182" s="85"/>
      <c r="AC3182" s="85"/>
      <c r="AD3182" s="85"/>
      <c r="AE3182" s="85"/>
      <c r="AF3182" s="85"/>
      <c r="AG3182" s="86"/>
      <c r="AH3182" s="85"/>
      <c r="AI3182" s="85"/>
      <c r="AJ3182" s="85"/>
      <c r="AK3182" s="85"/>
      <c r="AL3182" s="85"/>
      <c r="AM3182" s="92"/>
      <c r="AN3182" s="92"/>
      <c r="AO3182" s="92"/>
      <c r="AP3182" s="92"/>
      <c r="AQ3182" s="92"/>
      <c r="AR3182" s="92"/>
      <c r="AS3182" s="92"/>
      <c r="AT3182" s="92"/>
      <c r="AU3182" s="92"/>
      <c r="AV3182" s="92"/>
      <c r="AW3182" s="92"/>
      <c r="AX3182" s="92"/>
      <c r="AY3182" s="92"/>
      <c r="AZ3182" s="93"/>
      <c r="BA3182" s="93"/>
      <c r="BB3182" s="93"/>
      <c r="BC3182" s="93"/>
      <c r="BD3182" s="93"/>
      <c r="BE3182" s="93"/>
      <c r="BF3182" s="93"/>
      <c r="BG3182" s="93"/>
      <c r="BH3182" s="93"/>
      <c r="BI3182" s="93"/>
      <c r="BJ3182" s="93"/>
      <c r="BK3182" s="93"/>
      <c r="BL3182" s="93"/>
    </row>
    <row r="3183" spans="2:64" x14ac:dyDescent="0.2">
      <c r="B3183" s="43"/>
      <c r="C3183" s="73"/>
      <c r="D3183" s="64"/>
      <c r="E3183" s="55"/>
      <c r="F3183" s="74"/>
      <c r="G3183" s="74"/>
      <c r="H3183" s="74"/>
      <c r="I3183" s="75"/>
      <c r="J3183" s="74"/>
      <c r="L3183" s="55"/>
      <c r="M3183" s="234"/>
      <c r="N3183" s="65"/>
      <c r="O3183" s="76"/>
      <c r="P3183" s="76"/>
      <c r="Q3183" s="65"/>
      <c r="R3183" s="76"/>
      <c r="S3183" s="76"/>
      <c r="T3183" s="76"/>
      <c r="U3183" s="76"/>
      <c r="V3183" s="76"/>
      <c r="W3183" s="76"/>
      <c r="X3183" s="76"/>
      <c r="Y3183" s="76"/>
      <c r="Z3183" s="76"/>
      <c r="AA3183" s="85"/>
      <c r="AB3183" s="85"/>
      <c r="AC3183" s="85"/>
      <c r="AD3183" s="85"/>
      <c r="AE3183" s="85"/>
      <c r="AF3183" s="85"/>
      <c r="AG3183" s="86"/>
      <c r="AH3183" s="85"/>
      <c r="AI3183" s="85"/>
      <c r="AJ3183" s="85"/>
      <c r="AK3183" s="85"/>
      <c r="AL3183" s="85"/>
      <c r="AM3183" s="92"/>
      <c r="AN3183" s="92"/>
      <c r="AO3183" s="92"/>
      <c r="AP3183" s="92"/>
      <c r="AQ3183" s="92"/>
      <c r="AR3183" s="92"/>
      <c r="AS3183" s="92"/>
      <c r="AT3183" s="92"/>
      <c r="AU3183" s="92"/>
      <c r="AV3183" s="92"/>
      <c r="AW3183" s="92"/>
      <c r="AX3183" s="92"/>
      <c r="AY3183" s="92"/>
      <c r="AZ3183" s="93"/>
      <c r="BA3183" s="93"/>
      <c r="BB3183" s="93"/>
      <c r="BC3183" s="93"/>
      <c r="BD3183" s="93"/>
      <c r="BE3183" s="93"/>
      <c r="BF3183" s="93"/>
      <c r="BG3183" s="93"/>
      <c r="BH3183" s="93"/>
      <c r="BI3183" s="93"/>
      <c r="BJ3183" s="93"/>
      <c r="BK3183" s="93"/>
      <c r="BL3183" s="93"/>
    </row>
    <row r="3184" spans="2:64" x14ac:dyDescent="0.2">
      <c r="B3184" s="43"/>
      <c r="C3184" s="73"/>
      <c r="D3184" s="64"/>
      <c r="E3184" s="55"/>
      <c r="F3184" s="74"/>
      <c r="G3184" s="74"/>
      <c r="H3184" s="74"/>
      <c r="I3184" s="75"/>
      <c r="J3184" s="74"/>
      <c r="L3184" s="55"/>
      <c r="M3184" s="234"/>
      <c r="N3184" s="65"/>
      <c r="O3184" s="76"/>
      <c r="P3184" s="76"/>
      <c r="Q3184" s="65"/>
      <c r="R3184" s="76"/>
      <c r="S3184" s="76"/>
      <c r="T3184" s="76"/>
      <c r="U3184" s="76"/>
      <c r="V3184" s="76"/>
      <c r="W3184" s="76"/>
      <c r="X3184" s="76"/>
      <c r="Y3184" s="76"/>
      <c r="Z3184" s="76"/>
      <c r="AA3184" s="85"/>
      <c r="AB3184" s="85"/>
      <c r="AC3184" s="85"/>
      <c r="AD3184" s="85"/>
      <c r="AE3184" s="85"/>
      <c r="AF3184" s="85"/>
      <c r="AG3184" s="86"/>
      <c r="AH3184" s="85"/>
      <c r="AI3184" s="85"/>
      <c r="AJ3184" s="85"/>
      <c r="AK3184" s="85"/>
      <c r="AL3184" s="85"/>
      <c r="AM3184" s="92"/>
      <c r="AN3184" s="92"/>
      <c r="AO3184" s="92"/>
      <c r="AP3184" s="92"/>
      <c r="AQ3184" s="92"/>
      <c r="AR3184" s="92"/>
      <c r="AS3184" s="92"/>
      <c r="AT3184" s="92"/>
      <c r="AU3184" s="92"/>
      <c r="AV3184" s="92"/>
      <c r="AW3184" s="92"/>
      <c r="AX3184" s="92"/>
      <c r="AY3184" s="92"/>
      <c r="AZ3184" s="93"/>
      <c r="BA3184" s="93"/>
      <c r="BB3184" s="93"/>
      <c r="BC3184" s="93"/>
      <c r="BD3184" s="93"/>
      <c r="BE3184" s="93"/>
      <c r="BF3184" s="93"/>
      <c r="BG3184" s="93"/>
      <c r="BH3184" s="93"/>
      <c r="BI3184" s="93"/>
      <c r="BJ3184" s="93"/>
      <c r="BK3184" s="93"/>
      <c r="BL3184" s="93"/>
    </row>
    <row r="3185" spans="2:64" x14ac:dyDescent="0.2">
      <c r="B3185" s="43"/>
      <c r="C3185" s="73"/>
      <c r="D3185" s="64"/>
      <c r="E3185" s="55"/>
      <c r="F3185" s="74"/>
      <c r="G3185" s="74"/>
      <c r="H3185" s="74"/>
      <c r="I3185" s="75"/>
      <c r="J3185" s="74"/>
      <c r="L3185" s="55"/>
      <c r="M3185" s="234"/>
      <c r="N3185" s="65"/>
      <c r="O3185" s="76"/>
      <c r="P3185" s="76"/>
      <c r="Q3185" s="65"/>
      <c r="R3185" s="76"/>
      <c r="S3185" s="76"/>
      <c r="T3185" s="76"/>
      <c r="U3185" s="76"/>
      <c r="V3185" s="76"/>
      <c r="W3185" s="76"/>
      <c r="X3185" s="76"/>
      <c r="Y3185" s="76"/>
      <c r="Z3185" s="76"/>
      <c r="AA3185" s="85"/>
      <c r="AB3185" s="85"/>
      <c r="AC3185" s="85"/>
      <c r="AD3185" s="85"/>
      <c r="AE3185" s="85"/>
      <c r="AF3185" s="85"/>
      <c r="AG3185" s="86"/>
      <c r="AH3185" s="85"/>
      <c r="AI3185" s="85"/>
      <c r="AJ3185" s="85"/>
      <c r="AK3185" s="85"/>
      <c r="AL3185" s="85"/>
      <c r="AM3185" s="92"/>
      <c r="AN3185" s="92"/>
      <c r="AO3185" s="92"/>
      <c r="AP3185" s="92"/>
      <c r="AQ3185" s="92"/>
      <c r="AR3185" s="92"/>
      <c r="AS3185" s="92"/>
      <c r="AT3185" s="92"/>
      <c r="AU3185" s="92"/>
      <c r="AV3185" s="92"/>
      <c r="AW3185" s="92"/>
      <c r="AX3185" s="92"/>
      <c r="AY3185" s="92"/>
      <c r="AZ3185" s="93"/>
      <c r="BA3185" s="93"/>
      <c r="BB3185" s="93"/>
      <c r="BC3185" s="93"/>
      <c r="BD3185" s="93"/>
      <c r="BE3185" s="93"/>
      <c r="BF3185" s="93"/>
      <c r="BG3185" s="93"/>
      <c r="BH3185" s="93"/>
      <c r="BI3185" s="93"/>
      <c r="BJ3185" s="93"/>
      <c r="BK3185" s="93"/>
      <c r="BL3185" s="93"/>
    </row>
    <row r="3186" spans="2:64" x14ac:dyDescent="0.2">
      <c r="B3186" s="43"/>
      <c r="C3186" s="73"/>
      <c r="D3186" s="64"/>
      <c r="E3186" s="55"/>
      <c r="F3186" s="74"/>
      <c r="G3186" s="74"/>
      <c r="H3186" s="74"/>
      <c r="I3186" s="75"/>
      <c r="J3186" s="74"/>
      <c r="L3186" s="55"/>
      <c r="M3186" s="234"/>
      <c r="N3186" s="65"/>
      <c r="O3186" s="76"/>
      <c r="P3186" s="76"/>
      <c r="Q3186" s="65"/>
      <c r="R3186" s="76"/>
      <c r="S3186" s="76"/>
      <c r="T3186" s="76"/>
      <c r="U3186" s="76"/>
      <c r="V3186" s="76"/>
      <c r="W3186" s="76"/>
      <c r="X3186" s="76"/>
      <c r="Y3186" s="76"/>
      <c r="Z3186" s="76"/>
      <c r="AA3186" s="85"/>
      <c r="AB3186" s="85"/>
      <c r="AC3186" s="85"/>
      <c r="AD3186" s="85"/>
      <c r="AE3186" s="85"/>
      <c r="AF3186" s="85"/>
      <c r="AG3186" s="86"/>
      <c r="AH3186" s="85"/>
      <c r="AI3186" s="85"/>
      <c r="AJ3186" s="85"/>
      <c r="AK3186" s="85"/>
      <c r="AL3186" s="85"/>
      <c r="AM3186" s="92"/>
      <c r="AN3186" s="92"/>
      <c r="AO3186" s="92"/>
      <c r="AP3186" s="92"/>
      <c r="AQ3186" s="92"/>
      <c r="AR3186" s="92"/>
      <c r="AS3186" s="92"/>
      <c r="AT3186" s="92"/>
      <c r="AU3186" s="92"/>
      <c r="AV3186" s="92"/>
      <c r="AW3186" s="92"/>
      <c r="AX3186" s="92"/>
      <c r="AY3186" s="92"/>
      <c r="AZ3186" s="93"/>
      <c r="BA3186" s="93"/>
      <c r="BB3186" s="93"/>
      <c r="BC3186" s="93"/>
      <c r="BD3186" s="93"/>
      <c r="BE3186" s="93"/>
      <c r="BF3186" s="93"/>
      <c r="BG3186" s="93"/>
      <c r="BH3186" s="93"/>
      <c r="BI3186" s="93"/>
      <c r="BJ3186" s="93"/>
      <c r="BK3186" s="93"/>
      <c r="BL3186" s="93"/>
    </row>
    <row r="3187" spans="2:64" x14ac:dyDescent="0.2">
      <c r="B3187" s="43"/>
      <c r="C3187" s="73"/>
      <c r="D3187" s="64"/>
      <c r="E3187" s="55"/>
      <c r="F3187" s="74"/>
      <c r="G3187" s="74"/>
      <c r="H3187" s="74"/>
      <c r="I3187" s="75"/>
      <c r="J3187" s="74"/>
      <c r="L3187" s="55"/>
      <c r="M3187" s="234"/>
      <c r="N3187" s="65"/>
      <c r="O3187" s="76"/>
      <c r="P3187" s="76"/>
      <c r="Q3187" s="65"/>
      <c r="R3187" s="76"/>
      <c r="S3187" s="76"/>
      <c r="T3187" s="76"/>
      <c r="U3187" s="76"/>
      <c r="V3187" s="76"/>
      <c r="W3187" s="76"/>
      <c r="X3187" s="76"/>
      <c r="Y3187" s="76"/>
      <c r="Z3187" s="76"/>
      <c r="AA3187" s="85"/>
      <c r="AB3187" s="85"/>
      <c r="AC3187" s="85"/>
      <c r="AD3187" s="85"/>
      <c r="AE3187" s="85"/>
      <c r="AF3187" s="85"/>
      <c r="AG3187" s="86"/>
      <c r="AH3187" s="85"/>
      <c r="AI3187" s="85"/>
      <c r="AJ3187" s="85"/>
      <c r="AK3187" s="85"/>
      <c r="AL3187" s="85"/>
      <c r="AM3187" s="92"/>
      <c r="AN3187" s="92"/>
      <c r="AO3187" s="92"/>
      <c r="AP3187" s="92"/>
      <c r="AQ3187" s="92"/>
      <c r="AR3187" s="92"/>
      <c r="AS3187" s="92"/>
      <c r="AT3187" s="92"/>
      <c r="AU3187" s="92"/>
      <c r="AV3187" s="92"/>
      <c r="AW3187" s="92"/>
      <c r="AX3187" s="92"/>
      <c r="AY3187" s="92"/>
      <c r="AZ3187" s="93"/>
      <c r="BA3187" s="93"/>
      <c r="BB3187" s="93"/>
      <c r="BC3187" s="93"/>
      <c r="BD3187" s="93"/>
      <c r="BE3187" s="93"/>
      <c r="BF3187" s="93"/>
      <c r="BG3187" s="93"/>
      <c r="BH3187" s="93"/>
      <c r="BI3187" s="93"/>
      <c r="BJ3187" s="93"/>
      <c r="BK3187" s="93"/>
      <c r="BL3187" s="93"/>
    </row>
    <row r="3188" spans="2:64" x14ac:dyDescent="0.2">
      <c r="B3188" s="43"/>
      <c r="C3188" s="73"/>
      <c r="D3188" s="64"/>
      <c r="E3188" s="55"/>
      <c r="F3188" s="74"/>
      <c r="G3188" s="74"/>
      <c r="H3188" s="74"/>
      <c r="I3188" s="75"/>
      <c r="J3188" s="74"/>
      <c r="L3188" s="55"/>
      <c r="M3188" s="234"/>
      <c r="N3188" s="65"/>
      <c r="O3188" s="76"/>
      <c r="P3188" s="76"/>
      <c r="Q3188" s="65"/>
      <c r="R3188" s="76"/>
      <c r="S3188" s="76"/>
      <c r="T3188" s="76"/>
      <c r="U3188" s="76"/>
      <c r="V3188" s="76"/>
      <c r="W3188" s="76"/>
      <c r="X3188" s="76"/>
      <c r="Y3188" s="76"/>
      <c r="Z3188" s="76"/>
      <c r="AA3188" s="85"/>
      <c r="AB3188" s="85"/>
      <c r="AC3188" s="85"/>
      <c r="AD3188" s="85"/>
      <c r="AE3188" s="85"/>
      <c r="AF3188" s="85"/>
      <c r="AG3188" s="86"/>
      <c r="AH3188" s="85"/>
      <c r="AI3188" s="85"/>
      <c r="AJ3188" s="85"/>
      <c r="AK3188" s="85"/>
      <c r="AL3188" s="85"/>
      <c r="AM3188" s="92"/>
      <c r="AN3188" s="92"/>
      <c r="AO3188" s="92"/>
      <c r="AP3188" s="92"/>
      <c r="AQ3188" s="92"/>
      <c r="AR3188" s="92"/>
      <c r="AS3188" s="92"/>
      <c r="AT3188" s="92"/>
      <c r="AU3188" s="92"/>
      <c r="AV3188" s="92"/>
      <c r="AW3188" s="92"/>
      <c r="AX3188" s="92"/>
      <c r="AY3188" s="92"/>
      <c r="AZ3188" s="93"/>
      <c r="BA3188" s="93"/>
      <c r="BB3188" s="93"/>
      <c r="BC3188" s="93"/>
      <c r="BD3188" s="93"/>
      <c r="BE3188" s="93"/>
      <c r="BF3188" s="93"/>
      <c r="BG3188" s="93"/>
      <c r="BH3188" s="93"/>
      <c r="BI3188" s="93"/>
      <c r="BJ3188" s="93"/>
      <c r="BK3188" s="93"/>
      <c r="BL3188" s="93"/>
    </row>
    <row r="3189" spans="2:64" x14ac:dyDescent="0.2">
      <c r="B3189" s="43"/>
      <c r="C3189" s="73"/>
      <c r="D3189" s="64"/>
      <c r="E3189" s="55"/>
      <c r="F3189" s="74"/>
      <c r="G3189" s="74"/>
      <c r="H3189" s="74"/>
      <c r="I3189" s="75"/>
      <c r="J3189" s="74"/>
      <c r="L3189" s="55"/>
      <c r="M3189" s="234"/>
      <c r="N3189" s="65"/>
      <c r="O3189" s="76"/>
      <c r="P3189" s="76"/>
      <c r="Q3189" s="65"/>
      <c r="R3189" s="76"/>
      <c r="S3189" s="76"/>
      <c r="T3189" s="76"/>
      <c r="U3189" s="76"/>
      <c r="V3189" s="76"/>
      <c r="W3189" s="76"/>
      <c r="X3189" s="76"/>
      <c r="Y3189" s="76"/>
      <c r="Z3189" s="76"/>
      <c r="AA3189" s="85"/>
      <c r="AB3189" s="85"/>
      <c r="AC3189" s="85"/>
      <c r="AD3189" s="85"/>
      <c r="AE3189" s="85"/>
      <c r="AF3189" s="85"/>
      <c r="AG3189" s="86"/>
      <c r="AH3189" s="85"/>
      <c r="AI3189" s="85"/>
      <c r="AJ3189" s="85"/>
      <c r="AK3189" s="85"/>
      <c r="AL3189" s="85"/>
      <c r="AM3189" s="92"/>
      <c r="AN3189" s="92"/>
      <c r="AO3189" s="92"/>
      <c r="AP3189" s="92"/>
      <c r="AQ3189" s="92"/>
      <c r="AR3189" s="92"/>
      <c r="AS3189" s="92"/>
      <c r="AT3189" s="92"/>
      <c r="AU3189" s="92"/>
      <c r="AV3189" s="92"/>
      <c r="AW3189" s="92"/>
      <c r="AX3189" s="92"/>
      <c r="AY3189" s="92"/>
      <c r="AZ3189" s="93"/>
      <c r="BA3189" s="93"/>
      <c r="BB3189" s="93"/>
      <c r="BC3189" s="93"/>
      <c r="BD3189" s="93"/>
      <c r="BE3189" s="93"/>
      <c r="BF3189" s="93"/>
      <c r="BG3189" s="93"/>
      <c r="BH3189" s="93"/>
      <c r="BI3189" s="93"/>
      <c r="BJ3189" s="93"/>
      <c r="BK3189" s="93"/>
      <c r="BL3189" s="93"/>
    </row>
    <row r="3190" spans="2:64" x14ac:dyDescent="0.2">
      <c r="B3190" s="43"/>
      <c r="C3190" s="73"/>
      <c r="D3190" s="64"/>
      <c r="E3190" s="55"/>
      <c r="F3190" s="74"/>
      <c r="G3190" s="74"/>
      <c r="H3190" s="74"/>
      <c r="I3190" s="75"/>
      <c r="J3190" s="74"/>
      <c r="L3190" s="55"/>
      <c r="M3190" s="234"/>
      <c r="N3190" s="65"/>
      <c r="O3190" s="76"/>
      <c r="P3190" s="76"/>
      <c r="Q3190" s="65"/>
      <c r="R3190" s="76"/>
      <c r="S3190" s="76"/>
      <c r="T3190" s="76"/>
      <c r="U3190" s="76"/>
      <c r="V3190" s="76"/>
      <c r="W3190" s="76"/>
      <c r="X3190" s="76"/>
      <c r="Y3190" s="76"/>
      <c r="Z3190" s="76"/>
      <c r="AA3190" s="85"/>
      <c r="AB3190" s="85"/>
      <c r="AC3190" s="85"/>
      <c r="AD3190" s="85"/>
      <c r="AE3190" s="85"/>
      <c r="AF3190" s="85"/>
      <c r="AG3190" s="86"/>
      <c r="AH3190" s="85"/>
      <c r="AI3190" s="85"/>
      <c r="AJ3190" s="85"/>
      <c r="AK3190" s="85"/>
      <c r="AL3190" s="85"/>
      <c r="AM3190" s="92"/>
      <c r="AN3190" s="92"/>
      <c r="AO3190" s="92"/>
      <c r="AP3190" s="92"/>
      <c r="AQ3190" s="92"/>
      <c r="AR3190" s="92"/>
      <c r="AS3190" s="92"/>
      <c r="AT3190" s="92"/>
      <c r="AU3190" s="92"/>
      <c r="AV3190" s="92"/>
      <c r="AW3190" s="92"/>
      <c r="AX3190" s="92"/>
      <c r="AY3190" s="92"/>
      <c r="AZ3190" s="93"/>
      <c r="BA3190" s="93"/>
      <c r="BB3190" s="93"/>
      <c r="BC3190" s="93"/>
      <c r="BD3190" s="93"/>
      <c r="BE3190" s="93"/>
      <c r="BF3190" s="93"/>
      <c r="BG3190" s="93"/>
      <c r="BH3190" s="93"/>
      <c r="BI3190" s="93"/>
      <c r="BJ3190" s="93"/>
      <c r="BK3190" s="93"/>
      <c r="BL3190" s="93"/>
    </row>
    <row r="3191" spans="2:64" x14ac:dyDescent="0.2">
      <c r="B3191" s="43"/>
      <c r="C3191" s="73"/>
      <c r="D3191" s="64"/>
      <c r="E3191" s="55"/>
      <c r="F3191" s="74"/>
      <c r="G3191" s="74"/>
      <c r="H3191" s="74"/>
      <c r="I3191" s="75"/>
      <c r="J3191" s="74"/>
      <c r="L3191" s="55"/>
      <c r="M3191" s="234"/>
      <c r="N3191" s="65"/>
      <c r="O3191" s="76"/>
      <c r="P3191" s="76"/>
      <c r="Q3191" s="65"/>
      <c r="R3191" s="76"/>
      <c r="S3191" s="76"/>
      <c r="T3191" s="76"/>
      <c r="U3191" s="76"/>
      <c r="V3191" s="76"/>
      <c r="W3191" s="76"/>
      <c r="X3191" s="76"/>
      <c r="Y3191" s="76"/>
      <c r="Z3191" s="76"/>
      <c r="AA3191" s="85"/>
      <c r="AB3191" s="85"/>
      <c r="AC3191" s="85"/>
      <c r="AD3191" s="85"/>
      <c r="AE3191" s="85"/>
      <c r="AF3191" s="85"/>
      <c r="AG3191" s="86"/>
      <c r="AH3191" s="85"/>
      <c r="AI3191" s="85"/>
      <c r="AJ3191" s="85"/>
      <c r="AK3191" s="85"/>
      <c r="AL3191" s="85"/>
      <c r="AM3191" s="92"/>
      <c r="AN3191" s="92"/>
      <c r="AO3191" s="92"/>
      <c r="AP3191" s="92"/>
      <c r="AQ3191" s="92"/>
      <c r="AR3191" s="92"/>
      <c r="AS3191" s="92"/>
      <c r="AT3191" s="92"/>
      <c r="AU3191" s="92"/>
      <c r="AV3191" s="92"/>
      <c r="AW3191" s="92"/>
      <c r="AX3191" s="92"/>
      <c r="AY3191" s="92"/>
      <c r="AZ3191" s="93"/>
      <c r="BA3191" s="93"/>
      <c r="BB3191" s="93"/>
      <c r="BC3191" s="93"/>
      <c r="BD3191" s="93"/>
      <c r="BE3191" s="93"/>
      <c r="BF3191" s="93"/>
      <c r="BG3191" s="93"/>
      <c r="BH3191" s="93"/>
      <c r="BI3191" s="93"/>
      <c r="BJ3191" s="93"/>
      <c r="BK3191" s="93"/>
      <c r="BL3191" s="93"/>
    </row>
    <row r="3192" spans="2:64" x14ac:dyDescent="0.2">
      <c r="B3192" s="43"/>
      <c r="C3192" s="73"/>
      <c r="D3192" s="64"/>
      <c r="E3192" s="55"/>
      <c r="F3192" s="74"/>
      <c r="G3192" s="74"/>
      <c r="H3192" s="74"/>
      <c r="I3192" s="75"/>
      <c r="J3192" s="74"/>
      <c r="L3192" s="55"/>
      <c r="M3192" s="234"/>
      <c r="N3192" s="65"/>
      <c r="O3192" s="76"/>
      <c r="P3192" s="76"/>
      <c r="Q3192" s="65"/>
      <c r="R3192" s="76"/>
      <c r="S3192" s="76"/>
      <c r="T3192" s="76"/>
      <c r="U3192" s="76"/>
      <c r="V3192" s="76"/>
      <c r="W3192" s="76"/>
      <c r="X3192" s="76"/>
      <c r="Y3192" s="76"/>
      <c r="Z3192" s="76"/>
      <c r="AA3192" s="85"/>
      <c r="AB3192" s="85"/>
      <c r="AC3192" s="85"/>
      <c r="AD3192" s="85"/>
      <c r="AE3192" s="85"/>
      <c r="AF3192" s="85"/>
      <c r="AG3192" s="86"/>
      <c r="AH3192" s="85"/>
      <c r="AI3192" s="85"/>
      <c r="AJ3192" s="85"/>
      <c r="AK3192" s="85"/>
      <c r="AL3192" s="85"/>
      <c r="AM3192" s="92"/>
      <c r="AN3192" s="92"/>
      <c r="AO3192" s="92"/>
      <c r="AP3192" s="92"/>
      <c r="AQ3192" s="92"/>
      <c r="AR3192" s="92"/>
      <c r="AS3192" s="92"/>
      <c r="AT3192" s="92"/>
      <c r="AU3192" s="92"/>
      <c r="AV3192" s="92"/>
      <c r="AW3192" s="92"/>
      <c r="AX3192" s="92"/>
      <c r="AY3192" s="92"/>
      <c r="AZ3192" s="93"/>
      <c r="BA3192" s="93"/>
      <c r="BB3192" s="93"/>
      <c r="BC3192" s="93"/>
      <c r="BD3192" s="93"/>
      <c r="BE3192" s="93"/>
      <c r="BF3192" s="93"/>
      <c r="BG3192" s="93"/>
      <c r="BH3192" s="93"/>
      <c r="BI3192" s="93"/>
      <c r="BJ3192" s="93"/>
      <c r="BK3192" s="93"/>
      <c r="BL3192" s="93"/>
    </row>
    <row r="3193" spans="2:64" x14ac:dyDescent="0.2">
      <c r="B3193" s="43"/>
      <c r="C3193" s="73"/>
      <c r="D3193" s="64"/>
      <c r="E3193" s="55"/>
      <c r="F3193" s="74"/>
      <c r="G3193" s="74"/>
      <c r="H3193" s="74"/>
      <c r="I3193" s="75"/>
      <c r="J3193" s="74"/>
      <c r="L3193" s="55"/>
      <c r="M3193" s="234"/>
      <c r="N3193" s="65"/>
      <c r="O3193" s="76"/>
      <c r="P3193" s="76"/>
      <c r="Q3193" s="65"/>
      <c r="R3193" s="76"/>
      <c r="S3193" s="76"/>
      <c r="T3193" s="76"/>
      <c r="U3193" s="76"/>
      <c r="V3193" s="76"/>
      <c r="W3193" s="76"/>
      <c r="X3193" s="76"/>
      <c r="Y3193" s="76"/>
      <c r="Z3193" s="76"/>
      <c r="AA3193" s="85"/>
      <c r="AB3193" s="85"/>
      <c r="AC3193" s="85"/>
      <c r="AD3193" s="85"/>
      <c r="AE3193" s="85"/>
      <c r="AF3193" s="85"/>
      <c r="AG3193" s="86"/>
      <c r="AH3193" s="85"/>
      <c r="AI3193" s="85"/>
      <c r="AJ3193" s="85"/>
      <c r="AK3193" s="85"/>
      <c r="AL3193" s="85"/>
      <c r="AM3193" s="92"/>
      <c r="AN3193" s="92"/>
      <c r="AO3193" s="92"/>
      <c r="AP3193" s="92"/>
      <c r="AQ3193" s="92"/>
      <c r="AR3193" s="92"/>
      <c r="AS3193" s="92"/>
      <c r="AT3193" s="92"/>
      <c r="AU3193" s="92"/>
      <c r="AV3193" s="92"/>
      <c r="AW3193" s="92"/>
      <c r="AX3193" s="92"/>
      <c r="AY3193" s="92"/>
      <c r="AZ3193" s="93"/>
      <c r="BA3193" s="93"/>
      <c r="BB3193" s="93"/>
      <c r="BC3193" s="93"/>
      <c r="BD3193" s="93"/>
      <c r="BE3193" s="93"/>
      <c r="BF3193" s="93"/>
      <c r="BG3193" s="93"/>
      <c r="BH3193" s="93"/>
      <c r="BI3193" s="93"/>
      <c r="BJ3193" s="93"/>
      <c r="BK3193" s="93"/>
      <c r="BL3193" s="93"/>
    </row>
    <row r="3194" spans="2:64" x14ac:dyDescent="0.2">
      <c r="B3194" s="43"/>
      <c r="C3194" s="73"/>
      <c r="D3194" s="64"/>
      <c r="E3194" s="55"/>
      <c r="F3194" s="74"/>
      <c r="G3194" s="74"/>
      <c r="H3194" s="74"/>
      <c r="I3194" s="75"/>
      <c r="J3194" s="74"/>
      <c r="L3194" s="55"/>
      <c r="M3194" s="234"/>
      <c r="N3194" s="65"/>
      <c r="O3194" s="76"/>
      <c r="P3194" s="76"/>
      <c r="Q3194" s="65"/>
      <c r="R3194" s="76"/>
      <c r="S3194" s="76"/>
      <c r="T3194" s="76"/>
      <c r="U3194" s="76"/>
      <c r="V3194" s="76"/>
      <c r="W3194" s="76"/>
      <c r="X3194" s="76"/>
      <c r="Y3194" s="76"/>
      <c r="Z3194" s="76"/>
      <c r="AA3194" s="85"/>
      <c r="AB3194" s="85"/>
      <c r="AC3194" s="85"/>
      <c r="AD3194" s="85"/>
      <c r="AE3194" s="85"/>
      <c r="AF3194" s="85"/>
      <c r="AG3194" s="86"/>
      <c r="AH3194" s="85"/>
      <c r="AI3194" s="85"/>
      <c r="AJ3194" s="85"/>
      <c r="AK3194" s="85"/>
      <c r="AL3194" s="85"/>
      <c r="AM3194" s="92"/>
      <c r="AN3194" s="92"/>
      <c r="AO3194" s="92"/>
      <c r="AP3194" s="92"/>
      <c r="AQ3194" s="92"/>
      <c r="AR3194" s="92"/>
      <c r="AS3194" s="92"/>
      <c r="AT3194" s="92"/>
      <c r="AU3194" s="92"/>
      <c r="AV3194" s="92"/>
      <c r="AW3194" s="92"/>
      <c r="AX3194" s="92"/>
      <c r="AY3194" s="92"/>
      <c r="AZ3194" s="93"/>
      <c r="BA3194" s="93"/>
      <c r="BB3194" s="93"/>
      <c r="BC3194" s="93"/>
      <c r="BD3194" s="93"/>
      <c r="BE3194" s="93"/>
      <c r="BF3194" s="93"/>
      <c r="BG3194" s="93"/>
      <c r="BH3194" s="93"/>
      <c r="BI3194" s="93"/>
      <c r="BJ3194" s="93"/>
      <c r="BK3194" s="93"/>
      <c r="BL3194" s="93"/>
    </row>
    <row r="3195" spans="2:64" x14ac:dyDescent="0.2">
      <c r="B3195" s="43"/>
      <c r="C3195" s="73"/>
      <c r="D3195" s="64"/>
      <c r="E3195" s="55"/>
      <c r="F3195" s="74"/>
      <c r="G3195" s="74"/>
      <c r="H3195" s="74"/>
      <c r="I3195" s="75"/>
      <c r="J3195" s="74"/>
      <c r="L3195" s="55"/>
      <c r="M3195" s="234"/>
      <c r="N3195" s="65"/>
      <c r="O3195" s="76"/>
      <c r="P3195" s="76"/>
      <c r="Q3195" s="65"/>
      <c r="R3195" s="76"/>
      <c r="S3195" s="76"/>
      <c r="T3195" s="76"/>
      <c r="U3195" s="76"/>
      <c r="V3195" s="76"/>
      <c r="W3195" s="76"/>
      <c r="X3195" s="76"/>
      <c r="Y3195" s="76"/>
      <c r="Z3195" s="76"/>
      <c r="AA3195" s="85"/>
      <c r="AB3195" s="85"/>
      <c r="AC3195" s="85"/>
      <c r="AD3195" s="85"/>
      <c r="AE3195" s="85"/>
      <c r="AF3195" s="85"/>
      <c r="AG3195" s="86"/>
      <c r="AH3195" s="85"/>
      <c r="AI3195" s="85"/>
      <c r="AJ3195" s="85"/>
      <c r="AK3195" s="85"/>
      <c r="AL3195" s="85"/>
      <c r="AM3195" s="92"/>
      <c r="AN3195" s="92"/>
      <c r="AO3195" s="92"/>
      <c r="AP3195" s="92"/>
      <c r="AQ3195" s="92"/>
      <c r="AR3195" s="92"/>
      <c r="AS3195" s="92"/>
      <c r="AT3195" s="92"/>
      <c r="AU3195" s="92"/>
      <c r="AV3195" s="92"/>
      <c r="AW3195" s="92"/>
      <c r="AX3195" s="92"/>
      <c r="AY3195" s="92"/>
      <c r="AZ3195" s="93"/>
      <c r="BA3195" s="93"/>
      <c r="BB3195" s="93"/>
      <c r="BC3195" s="93"/>
      <c r="BD3195" s="93"/>
      <c r="BE3195" s="93"/>
      <c r="BF3195" s="93"/>
      <c r="BG3195" s="93"/>
      <c r="BH3195" s="93"/>
      <c r="BI3195" s="93"/>
      <c r="BJ3195" s="93"/>
      <c r="BK3195" s="93"/>
      <c r="BL3195" s="93"/>
    </row>
    <row r="3196" spans="2:64" x14ac:dyDescent="0.2">
      <c r="B3196" s="43"/>
      <c r="C3196" s="73"/>
      <c r="D3196" s="64"/>
      <c r="E3196" s="55"/>
      <c r="F3196" s="74"/>
      <c r="G3196" s="74"/>
      <c r="H3196" s="74"/>
      <c r="I3196" s="75"/>
      <c r="J3196" s="74"/>
      <c r="L3196" s="55"/>
      <c r="M3196" s="234"/>
      <c r="N3196" s="65"/>
      <c r="O3196" s="76"/>
      <c r="P3196" s="76"/>
      <c r="Q3196" s="65"/>
      <c r="R3196" s="76"/>
      <c r="S3196" s="76"/>
      <c r="T3196" s="76"/>
      <c r="U3196" s="76"/>
      <c r="V3196" s="76"/>
      <c r="W3196" s="76"/>
      <c r="X3196" s="76"/>
      <c r="Y3196" s="76"/>
      <c r="Z3196" s="76"/>
      <c r="AA3196" s="85"/>
      <c r="AB3196" s="85"/>
      <c r="AC3196" s="85"/>
      <c r="AD3196" s="85"/>
      <c r="AE3196" s="85"/>
      <c r="AF3196" s="85"/>
      <c r="AG3196" s="86"/>
      <c r="AH3196" s="85"/>
      <c r="AI3196" s="85"/>
      <c r="AJ3196" s="85"/>
      <c r="AK3196" s="85"/>
      <c r="AL3196" s="85"/>
      <c r="AM3196" s="92"/>
      <c r="AN3196" s="92"/>
      <c r="AO3196" s="92"/>
      <c r="AP3196" s="92"/>
      <c r="AQ3196" s="92"/>
      <c r="AR3196" s="92"/>
      <c r="AS3196" s="92"/>
      <c r="AT3196" s="92"/>
      <c r="AU3196" s="92"/>
      <c r="AV3196" s="92"/>
      <c r="AW3196" s="92"/>
      <c r="AX3196" s="92"/>
      <c r="AY3196" s="92"/>
      <c r="AZ3196" s="93"/>
      <c r="BA3196" s="93"/>
      <c r="BB3196" s="93"/>
      <c r="BC3196" s="93"/>
      <c r="BD3196" s="93"/>
      <c r="BE3196" s="93"/>
      <c r="BF3196" s="93"/>
      <c r="BG3196" s="93"/>
      <c r="BH3196" s="93"/>
      <c r="BI3196" s="93"/>
      <c r="BJ3196" s="93"/>
      <c r="BK3196" s="93"/>
      <c r="BL3196" s="93"/>
    </row>
    <row r="3197" spans="2:64" x14ac:dyDescent="0.2">
      <c r="B3197" s="43"/>
      <c r="C3197" s="73"/>
      <c r="D3197" s="64"/>
      <c r="E3197" s="55"/>
      <c r="F3197" s="74"/>
      <c r="G3197" s="74"/>
      <c r="H3197" s="74"/>
      <c r="I3197" s="75"/>
      <c r="J3197" s="74"/>
      <c r="L3197" s="55"/>
      <c r="M3197" s="234"/>
      <c r="N3197" s="65"/>
      <c r="O3197" s="76"/>
      <c r="P3197" s="76"/>
      <c r="Q3197" s="65"/>
      <c r="R3197" s="76"/>
      <c r="S3197" s="76"/>
      <c r="T3197" s="76"/>
      <c r="U3197" s="76"/>
      <c r="V3197" s="76"/>
      <c r="W3197" s="76"/>
      <c r="X3197" s="76"/>
      <c r="Y3197" s="76"/>
      <c r="Z3197" s="76"/>
      <c r="AA3197" s="85"/>
      <c r="AB3197" s="85"/>
      <c r="AC3197" s="85"/>
      <c r="AD3197" s="85"/>
      <c r="AE3197" s="85"/>
      <c r="AF3197" s="85"/>
      <c r="AG3197" s="86"/>
      <c r="AH3197" s="85"/>
      <c r="AI3197" s="85"/>
      <c r="AJ3197" s="85"/>
      <c r="AK3197" s="85"/>
      <c r="AL3197" s="85"/>
      <c r="AM3197" s="92"/>
      <c r="AN3197" s="92"/>
      <c r="AO3197" s="92"/>
      <c r="AP3197" s="92"/>
      <c r="AQ3197" s="92"/>
      <c r="AR3197" s="92"/>
      <c r="AS3197" s="92"/>
      <c r="AT3197" s="92"/>
      <c r="AU3197" s="92"/>
      <c r="AV3197" s="92"/>
      <c r="AW3197" s="92"/>
      <c r="AX3197" s="92"/>
      <c r="AY3197" s="92"/>
      <c r="AZ3197" s="93"/>
      <c r="BA3197" s="93"/>
      <c r="BB3197" s="93"/>
      <c r="BC3197" s="93"/>
      <c r="BD3197" s="93"/>
      <c r="BE3197" s="93"/>
      <c r="BF3197" s="93"/>
      <c r="BG3197" s="93"/>
      <c r="BH3197" s="93"/>
      <c r="BI3197" s="93"/>
      <c r="BJ3197" s="93"/>
      <c r="BK3197" s="93"/>
      <c r="BL3197" s="93"/>
    </row>
    <row r="3198" spans="2:64" x14ac:dyDescent="0.2">
      <c r="B3198" s="43"/>
      <c r="C3198" s="73"/>
      <c r="D3198" s="64"/>
      <c r="E3198" s="55"/>
      <c r="F3198" s="74"/>
      <c r="G3198" s="74"/>
      <c r="H3198" s="74"/>
      <c r="I3198" s="75"/>
      <c r="J3198" s="74"/>
      <c r="L3198" s="55"/>
      <c r="M3198" s="234"/>
      <c r="N3198" s="65"/>
      <c r="O3198" s="76"/>
      <c r="P3198" s="76"/>
      <c r="Q3198" s="65"/>
      <c r="R3198" s="76"/>
      <c r="S3198" s="76"/>
      <c r="T3198" s="76"/>
      <c r="U3198" s="76"/>
      <c r="V3198" s="76"/>
      <c r="W3198" s="76"/>
      <c r="X3198" s="76"/>
      <c r="Y3198" s="76"/>
      <c r="Z3198" s="76"/>
      <c r="AA3198" s="85"/>
      <c r="AB3198" s="85"/>
      <c r="AC3198" s="85"/>
      <c r="AD3198" s="85"/>
      <c r="AE3198" s="85"/>
      <c r="AF3198" s="85"/>
      <c r="AG3198" s="86"/>
      <c r="AH3198" s="85"/>
      <c r="AI3198" s="85"/>
      <c r="AJ3198" s="85"/>
      <c r="AK3198" s="85"/>
      <c r="AL3198" s="85"/>
      <c r="AM3198" s="92"/>
      <c r="AN3198" s="92"/>
      <c r="AO3198" s="92"/>
      <c r="AP3198" s="92"/>
      <c r="AQ3198" s="92"/>
      <c r="AR3198" s="92"/>
      <c r="AS3198" s="92"/>
      <c r="AT3198" s="92"/>
      <c r="AU3198" s="92"/>
      <c r="AV3198" s="92"/>
      <c r="AW3198" s="92"/>
      <c r="AX3198" s="92"/>
      <c r="AY3198" s="92"/>
      <c r="AZ3198" s="93"/>
      <c r="BA3198" s="93"/>
      <c r="BB3198" s="93"/>
      <c r="BC3198" s="93"/>
      <c r="BD3198" s="93"/>
      <c r="BE3198" s="93"/>
      <c r="BF3198" s="93"/>
      <c r="BG3198" s="93"/>
      <c r="BH3198" s="93"/>
      <c r="BI3198" s="93"/>
      <c r="BJ3198" s="93"/>
      <c r="BK3198" s="93"/>
      <c r="BL3198" s="93"/>
    </row>
    <row r="3199" spans="2:64" x14ac:dyDescent="0.2">
      <c r="B3199" s="43"/>
      <c r="C3199" s="73"/>
      <c r="D3199" s="64"/>
      <c r="E3199" s="55"/>
      <c r="F3199" s="74"/>
      <c r="G3199" s="74"/>
      <c r="H3199" s="74"/>
      <c r="I3199" s="75"/>
      <c r="J3199" s="74"/>
      <c r="L3199" s="55"/>
      <c r="M3199" s="234"/>
      <c r="N3199" s="65"/>
      <c r="O3199" s="76"/>
      <c r="P3199" s="76"/>
      <c r="Q3199" s="65"/>
      <c r="R3199" s="76"/>
      <c r="S3199" s="76"/>
      <c r="T3199" s="76"/>
      <c r="U3199" s="76"/>
      <c r="V3199" s="76"/>
      <c r="W3199" s="76"/>
      <c r="X3199" s="76"/>
      <c r="Y3199" s="76"/>
      <c r="Z3199" s="76"/>
      <c r="AA3199" s="85"/>
      <c r="AB3199" s="85"/>
      <c r="AC3199" s="85"/>
      <c r="AD3199" s="85"/>
      <c r="AE3199" s="85"/>
      <c r="AF3199" s="85"/>
      <c r="AG3199" s="86"/>
      <c r="AH3199" s="85"/>
      <c r="AI3199" s="85"/>
      <c r="AJ3199" s="85"/>
      <c r="AK3199" s="85"/>
      <c r="AL3199" s="85"/>
      <c r="AM3199" s="92"/>
      <c r="AN3199" s="92"/>
      <c r="AO3199" s="92"/>
      <c r="AP3199" s="92"/>
      <c r="AQ3199" s="92"/>
      <c r="AR3199" s="92"/>
      <c r="AS3199" s="92"/>
      <c r="AT3199" s="92"/>
      <c r="AU3199" s="92"/>
      <c r="AV3199" s="92"/>
      <c r="AW3199" s="92"/>
      <c r="AX3199" s="92"/>
      <c r="AY3199" s="92"/>
      <c r="AZ3199" s="93"/>
      <c r="BA3199" s="93"/>
      <c r="BB3199" s="93"/>
      <c r="BC3199" s="93"/>
      <c r="BD3199" s="93"/>
      <c r="BE3199" s="93"/>
      <c r="BF3199" s="93"/>
      <c r="BG3199" s="93"/>
      <c r="BH3199" s="93"/>
      <c r="BI3199" s="93"/>
      <c r="BJ3199" s="93"/>
      <c r="BK3199" s="93"/>
      <c r="BL3199" s="93"/>
    </row>
    <row r="3200" spans="2:64" x14ac:dyDescent="0.2">
      <c r="B3200" s="43"/>
      <c r="C3200" s="73"/>
      <c r="D3200" s="64"/>
      <c r="E3200" s="55"/>
      <c r="F3200" s="74"/>
      <c r="G3200" s="74"/>
      <c r="H3200" s="74"/>
      <c r="I3200" s="75"/>
      <c r="J3200" s="74"/>
      <c r="L3200" s="55"/>
      <c r="M3200" s="234"/>
      <c r="N3200" s="65"/>
      <c r="O3200" s="76"/>
      <c r="P3200" s="76"/>
      <c r="Q3200" s="65"/>
      <c r="R3200" s="76"/>
      <c r="S3200" s="76"/>
      <c r="T3200" s="76"/>
      <c r="U3200" s="76"/>
      <c r="V3200" s="76"/>
      <c r="W3200" s="76"/>
      <c r="X3200" s="76"/>
      <c r="Y3200" s="76"/>
      <c r="Z3200" s="76"/>
      <c r="AA3200" s="85"/>
      <c r="AB3200" s="85"/>
      <c r="AC3200" s="85"/>
      <c r="AD3200" s="85"/>
      <c r="AE3200" s="85"/>
      <c r="AF3200" s="85"/>
      <c r="AG3200" s="86"/>
      <c r="AH3200" s="85"/>
      <c r="AI3200" s="85"/>
      <c r="AJ3200" s="85"/>
      <c r="AK3200" s="85"/>
      <c r="AL3200" s="85"/>
      <c r="AM3200" s="92"/>
      <c r="AN3200" s="92"/>
      <c r="AO3200" s="92"/>
      <c r="AP3200" s="92"/>
      <c r="AQ3200" s="92"/>
      <c r="AR3200" s="92"/>
      <c r="AS3200" s="92"/>
      <c r="AT3200" s="92"/>
      <c r="AU3200" s="92"/>
      <c r="AV3200" s="92"/>
      <c r="AW3200" s="92"/>
      <c r="AX3200" s="92"/>
      <c r="AY3200" s="92"/>
      <c r="AZ3200" s="93"/>
      <c r="BA3200" s="93"/>
      <c r="BB3200" s="93"/>
      <c r="BC3200" s="93"/>
      <c r="BD3200" s="93"/>
      <c r="BE3200" s="93"/>
      <c r="BF3200" s="93"/>
      <c r="BG3200" s="93"/>
      <c r="BH3200" s="93"/>
      <c r="BI3200" s="93"/>
      <c r="BJ3200" s="93"/>
      <c r="BK3200" s="93"/>
      <c r="BL3200" s="93"/>
    </row>
    <row r="3201" spans="2:64" x14ac:dyDescent="0.2">
      <c r="B3201" s="43"/>
      <c r="C3201" s="73"/>
      <c r="D3201" s="64"/>
      <c r="E3201" s="55"/>
      <c r="F3201" s="74"/>
      <c r="G3201" s="74"/>
      <c r="H3201" s="74"/>
      <c r="I3201" s="75"/>
      <c r="J3201" s="74"/>
      <c r="L3201" s="55"/>
      <c r="M3201" s="234"/>
      <c r="N3201" s="65"/>
      <c r="O3201" s="76"/>
      <c r="P3201" s="76"/>
      <c r="Q3201" s="65"/>
      <c r="R3201" s="76"/>
      <c r="S3201" s="76"/>
      <c r="T3201" s="76"/>
      <c r="U3201" s="76"/>
      <c r="V3201" s="76"/>
      <c r="W3201" s="76"/>
      <c r="X3201" s="76"/>
      <c r="Y3201" s="76"/>
      <c r="Z3201" s="76"/>
      <c r="AA3201" s="85"/>
      <c r="AB3201" s="85"/>
      <c r="AC3201" s="85"/>
      <c r="AD3201" s="85"/>
      <c r="AE3201" s="85"/>
      <c r="AF3201" s="85"/>
      <c r="AG3201" s="86"/>
      <c r="AH3201" s="85"/>
      <c r="AI3201" s="85"/>
      <c r="AJ3201" s="85"/>
      <c r="AK3201" s="85"/>
      <c r="AL3201" s="85"/>
      <c r="AM3201" s="92"/>
      <c r="AN3201" s="92"/>
      <c r="AO3201" s="92"/>
      <c r="AP3201" s="92"/>
      <c r="AQ3201" s="92"/>
      <c r="AR3201" s="92"/>
      <c r="AS3201" s="92"/>
      <c r="AT3201" s="92"/>
      <c r="AU3201" s="92"/>
      <c r="AV3201" s="92"/>
      <c r="AW3201" s="92"/>
      <c r="AX3201" s="92"/>
      <c r="AY3201" s="92"/>
      <c r="AZ3201" s="93"/>
      <c r="BA3201" s="93"/>
      <c r="BB3201" s="93"/>
      <c r="BC3201" s="93"/>
      <c r="BD3201" s="93"/>
      <c r="BE3201" s="93"/>
      <c r="BF3201" s="93"/>
      <c r="BG3201" s="93"/>
      <c r="BH3201" s="93"/>
      <c r="BI3201" s="93"/>
      <c r="BJ3201" s="93"/>
      <c r="BK3201" s="93"/>
      <c r="BL3201" s="93"/>
    </row>
    <row r="3202" spans="2:64" x14ac:dyDescent="0.2">
      <c r="B3202" s="43"/>
      <c r="C3202" s="73"/>
      <c r="D3202" s="64"/>
      <c r="E3202" s="55"/>
      <c r="F3202" s="74"/>
      <c r="G3202" s="74"/>
      <c r="H3202" s="74"/>
      <c r="I3202" s="75"/>
      <c r="J3202" s="74"/>
      <c r="L3202" s="55"/>
      <c r="M3202" s="234"/>
      <c r="N3202" s="65"/>
      <c r="O3202" s="76"/>
      <c r="P3202" s="76"/>
      <c r="Q3202" s="65"/>
      <c r="R3202" s="76"/>
      <c r="S3202" s="76"/>
      <c r="T3202" s="76"/>
      <c r="U3202" s="76"/>
      <c r="V3202" s="76"/>
      <c r="W3202" s="76"/>
      <c r="X3202" s="76"/>
      <c r="Y3202" s="76"/>
      <c r="Z3202" s="76"/>
      <c r="AA3202" s="85"/>
      <c r="AB3202" s="85"/>
      <c r="AC3202" s="85"/>
      <c r="AD3202" s="85"/>
      <c r="AE3202" s="85"/>
      <c r="AF3202" s="85"/>
      <c r="AG3202" s="86"/>
      <c r="AH3202" s="85"/>
      <c r="AI3202" s="85"/>
      <c r="AJ3202" s="85"/>
      <c r="AK3202" s="85"/>
      <c r="AL3202" s="85"/>
      <c r="AM3202" s="92"/>
      <c r="AN3202" s="92"/>
      <c r="AO3202" s="92"/>
      <c r="AP3202" s="92"/>
      <c r="AQ3202" s="92"/>
      <c r="AR3202" s="92"/>
      <c r="AS3202" s="92"/>
      <c r="AT3202" s="92"/>
      <c r="AU3202" s="92"/>
      <c r="AV3202" s="92"/>
      <c r="AW3202" s="92"/>
      <c r="AX3202" s="92"/>
      <c r="AY3202" s="92"/>
      <c r="AZ3202" s="93"/>
      <c r="BA3202" s="93"/>
      <c r="BB3202" s="93"/>
      <c r="BC3202" s="93"/>
      <c r="BD3202" s="93"/>
      <c r="BE3202" s="93"/>
      <c r="BF3202" s="93"/>
      <c r="BG3202" s="93"/>
      <c r="BH3202" s="93"/>
      <c r="BI3202" s="93"/>
      <c r="BJ3202" s="93"/>
      <c r="BK3202" s="93"/>
      <c r="BL3202" s="93"/>
    </row>
    <row r="3203" spans="2:64" x14ac:dyDescent="0.2">
      <c r="B3203" s="43"/>
      <c r="C3203" s="73"/>
      <c r="D3203" s="64"/>
      <c r="E3203" s="55"/>
      <c r="F3203" s="74"/>
      <c r="G3203" s="74"/>
      <c r="H3203" s="74"/>
      <c r="I3203" s="75"/>
      <c r="J3203" s="74"/>
      <c r="L3203" s="55"/>
      <c r="M3203" s="234"/>
      <c r="N3203" s="65"/>
      <c r="O3203" s="76"/>
      <c r="P3203" s="76"/>
      <c r="Q3203" s="65"/>
      <c r="R3203" s="76"/>
      <c r="S3203" s="76"/>
      <c r="T3203" s="76"/>
      <c r="U3203" s="76"/>
      <c r="V3203" s="76"/>
      <c r="W3203" s="76"/>
      <c r="X3203" s="76"/>
      <c r="Y3203" s="76"/>
      <c r="Z3203" s="76"/>
      <c r="AA3203" s="85"/>
      <c r="AB3203" s="85"/>
      <c r="AC3203" s="85"/>
      <c r="AD3203" s="85"/>
      <c r="AE3203" s="85"/>
      <c r="AF3203" s="85"/>
      <c r="AG3203" s="86"/>
      <c r="AH3203" s="85"/>
      <c r="AI3203" s="85"/>
      <c r="AJ3203" s="85"/>
      <c r="AK3203" s="85"/>
      <c r="AL3203" s="85"/>
      <c r="AM3203" s="92"/>
      <c r="AN3203" s="92"/>
      <c r="AO3203" s="92"/>
      <c r="AP3203" s="92"/>
      <c r="AQ3203" s="92"/>
      <c r="AR3203" s="92"/>
      <c r="AS3203" s="92"/>
      <c r="AT3203" s="92"/>
      <c r="AU3203" s="92"/>
      <c r="AV3203" s="92"/>
      <c r="AW3203" s="92"/>
      <c r="AX3203" s="92"/>
      <c r="AY3203" s="92"/>
      <c r="AZ3203" s="93"/>
      <c r="BA3203" s="93"/>
      <c r="BB3203" s="93"/>
      <c r="BC3203" s="93"/>
      <c r="BD3203" s="93"/>
      <c r="BE3203" s="93"/>
      <c r="BF3203" s="93"/>
      <c r="BG3203" s="93"/>
      <c r="BH3203" s="93"/>
      <c r="BI3203" s="93"/>
      <c r="BJ3203" s="93"/>
      <c r="BK3203" s="93"/>
      <c r="BL3203" s="93"/>
    </row>
    <row r="3204" spans="2:64" x14ac:dyDescent="0.2">
      <c r="B3204" s="43"/>
      <c r="C3204" s="73"/>
      <c r="D3204" s="64"/>
      <c r="E3204" s="55"/>
      <c r="F3204" s="74"/>
      <c r="G3204" s="74"/>
      <c r="H3204" s="74"/>
      <c r="I3204" s="75"/>
      <c r="J3204" s="74"/>
      <c r="L3204" s="55"/>
      <c r="M3204" s="234"/>
      <c r="N3204" s="65"/>
      <c r="O3204" s="76"/>
      <c r="P3204" s="76"/>
      <c r="Q3204" s="65"/>
      <c r="R3204" s="76"/>
      <c r="S3204" s="76"/>
      <c r="T3204" s="76"/>
      <c r="U3204" s="76"/>
      <c r="V3204" s="76"/>
      <c r="W3204" s="76"/>
      <c r="X3204" s="76"/>
      <c r="Y3204" s="76"/>
      <c r="Z3204" s="76"/>
      <c r="AA3204" s="85"/>
      <c r="AB3204" s="85"/>
      <c r="AC3204" s="85"/>
      <c r="AD3204" s="85"/>
      <c r="AE3204" s="85"/>
      <c r="AF3204" s="85"/>
      <c r="AG3204" s="86"/>
      <c r="AH3204" s="85"/>
      <c r="AI3204" s="85"/>
      <c r="AJ3204" s="85"/>
      <c r="AK3204" s="85"/>
      <c r="AL3204" s="85"/>
      <c r="AM3204" s="92"/>
      <c r="AN3204" s="92"/>
      <c r="AO3204" s="92"/>
      <c r="AP3204" s="92"/>
      <c r="AQ3204" s="92"/>
      <c r="AR3204" s="92"/>
      <c r="AS3204" s="92"/>
      <c r="AT3204" s="92"/>
      <c r="AU3204" s="92"/>
      <c r="AV3204" s="92"/>
      <c r="AW3204" s="92"/>
      <c r="AX3204" s="92"/>
      <c r="AY3204" s="92"/>
      <c r="AZ3204" s="93"/>
      <c r="BA3204" s="93"/>
      <c r="BB3204" s="93"/>
      <c r="BC3204" s="93"/>
      <c r="BD3204" s="93"/>
      <c r="BE3204" s="93"/>
      <c r="BF3204" s="93"/>
      <c r="BG3204" s="93"/>
      <c r="BH3204" s="93"/>
      <c r="BI3204" s="93"/>
      <c r="BJ3204" s="93"/>
      <c r="BK3204" s="93"/>
      <c r="BL3204" s="93"/>
    </row>
    <row r="3205" spans="2:64" x14ac:dyDescent="0.2">
      <c r="B3205" s="43"/>
      <c r="C3205" s="73"/>
      <c r="D3205" s="64"/>
      <c r="E3205" s="55"/>
      <c r="F3205" s="74"/>
      <c r="G3205" s="74"/>
      <c r="H3205" s="74"/>
      <c r="I3205" s="75"/>
      <c r="J3205" s="74"/>
      <c r="L3205" s="55"/>
      <c r="M3205" s="234"/>
      <c r="N3205" s="65"/>
      <c r="O3205" s="76"/>
      <c r="P3205" s="76"/>
      <c r="Q3205" s="65"/>
      <c r="R3205" s="76"/>
      <c r="S3205" s="76"/>
      <c r="T3205" s="76"/>
      <c r="U3205" s="76"/>
      <c r="V3205" s="76"/>
      <c r="W3205" s="76"/>
      <c r="X3205" s="76"/>
      <c r="Y3205" s="76"/>
      <c r="Z3205" s="76"/>
      <c r="AA3205" s="85"/>
      <c r="AB3205" s="85"/>
      <c r="AC3205" s="85"/>
      <c r="AD3205" s="85"/>
      <c r="AE3205" s="85"/>
      <c r="AF3205" s="85"/>
      <c r="AG3205" s="86"/>
      <c r="AH3205" s="85"/>
      <c r="AI3205" s="85"/>
      <c r="AJ3205" s="85"/>
      <c r="AK3205" s="85"/>
      <c r="AL3205" s="85"/>
      <c r="AM3205" s="92"/>
      <c r="AN3205" s="92"/>
      <c r="AO3205" s="92"/>
      <c r="AP3205" s="92"/>
      <c r="AQ3205" s="92"/>
      <c r="AR3205" s="92"/>
      <c r="AS3205" s="92"/>
      <c r="AT3205" s="92"/>
      <c r="AU3205" s="92"/>
      <c r="AV3205" s="92"/>
      <c r="AW3205" s="92"/>
      <c r="AX3205" s="92"/>
      <c r="AY3205" s="92"/>
      <c r="AZ3205" s="93"/>
      <c r="BA3205" s="93"/>
      <c r="BB3205" s="93"/>
      <c r="BC3205" s="93"/>
      <c r="BD3205" s="93"/>
      <c r="BE3205" s="93"/>
      <c r="BF3205" s="93"/>
      <c r="BG3205" s="93"/>
      <c r="BH3205" s="93"/>
      <c r="BI3205" s="93"/>
      <c r="BJ3205" s="93"/>
      <c r="BK3205" s="93"/>
      <c r="BL3205" s="93"/>
    </row>
    <row r="3206" spans="2:64" x14ac:dyDescent="0.2">
      <c r="B3206" s="43"/>
      <c r="C3206" s="73"/>
      <c r="D3206" s="64"/>
      <c r="E3206" s="55"/>
      <c r="F3206" s="74"/>
      <c r="G3206" s="74"/>
      <c r="H3206" s="74"/>
      <c r="I3206" s="75"/>
      <c r="J3206" s="74"/>
      <c r="L3206" s="55"/>
      <c r="M3206" s="234"/>
      <c r="N3206" s="65"/>
      <c r="O3206" s="76"/>
      <c r="P3206" s="76"/>
      <c r="Q3206" s="65"/>
      <c r="R3206" s="76"/>
      <c r="S3206" s="76"/>
      <c r="T3206" s="76"/>
      <c r="U3206" s="76"/>
      <c r="V3206" s="76"/>
      <c r="W3206" s="76"/>
      <c r="X3206" s="76"/>
      <c r="Y3206" s="76"/>
      <c r="Z3206" s="76"/>
      <c r="AA3206" s="85"/>
      <c r="AB3206" s="85"/>
      <c r="AC3206" s="85"/>
      <c r="AD3206" s="85"/>
      <c r="AE3206" s="85"/>
      <c r="AF3206" s="85"/>
      <c r="AG3206" s="86"/>
      <c r="AH3206" s="85"/>
      <c r="AI3206" s="85"/>
      <c r="AJ3206" s="85"/>
      <c r="AK3206" s="85"/>
      <c r="AL3206" s="85"/>
      <c r="AM3206" s="92"/>
      <c r="AN3206" s="92"/>
      <c r="AO3206" s="92"/>
      <c r="AP3206" s="92"/>
      <c r="AQ3206" s="92"/>
      <c r="AR3206" s="92"/>
      <c r="AS3206" s="92"/>
      <c r="AT3206" s="92"/>
      <c r="AU3206" s="92"/>
      <c r="AV3206" s="92"/>
      <c r="AW3206" s="92"/>
      <c r="AX3206" s="92"/>
      <c r="AY3206" s="92"/>
      <c r="AZ3206" s="93"/>
      <c r="BA3206" s="93"/>
      <c r="BB3206" s="93"/>
      <c r="BC3206" s="93"/>
      <c r="BD3206" s="93"/>
      <c r="BE3206" s="93"/>
      <c r="BF3206" s="93"/>
      <c r="BG3206" s="93"/>
      <c r="BH3206" s="93"/>
      <c r="BI3206" s="93"/>
      <c r="BJ3206" s="93"/>
      <c r="BK3206" s="93"/>
      <c r="BL3206" s="93"/>
    </row>
    <row r="3207" spans="2:64" x14ac:dyDescent="0.2">
      <c r="B3207" s="43"/>
      <c r="C3207" s="73"/>
      <c r="D3207" s="64"/>
      <c r="E3207" s="55"/>
      <c r="F3207" s="74"/>
      <c r="G3207" s="74"/>
      <c r="H3207" s="74"/>
      <c r="I3207" s="75"/>
      <c r="J3207" s="74"/>
      <c r="L3207" s="55"/>
      <c r="M3207" s="234"/>
      <c r="N3207" s="65"/>
      <c r="O3207" s="76"/>
      <c r="P3207" s="76"/>
      <c r="Q3207" s="65"/>
      <c r="R3207" s="76"/>
      <c r="S3207" s="76"/>
      <c r="T3207" s="76"/>
      <c r="U3207" s="76"/>
      <c r="V3207" s="76"/>
      <c r="W3207" s="76"/>
      <c r="X3207" s="76"/>
      <c r="Y3207" s="76"/>
      <c r="Z3207" s="76"/>
      <c r="AA3207" s="85"/>
      <c r="AB3207" s="85"/>
      <c r="AC3207" s="85"/>
      <c r="AD3207" s="85"/>
      <c r="AE3207" s="85"/>
      <c r="AF3207" s="85"/>
      <c r="AG3207" s="86"/>
      <c r="AH3207" s="85"/>
      <c r="AI3207" s="85"/>
      <c r="AJ3207" s="85"/>
      <c r="AK3207" s="85"/>
      <c r="AL3207" s="85"/>
      <c r="AM3207" s="92"/>
      <c r="AN3207" s="92"/>
      <c r="AO3207" s="92"/>
      <c r="AP3207" s="92"/>
      <c r="AQ3207" s="92"/>
      <c r="AR3207" s="92"/>
      <c r="AS3207" s="92"/>
      <c r="AT3207" s="92"/>
      <c r="AU3207" s="92"/>
      <c r="AV3207" s="92"/>
      <c r="AW3207" s="92"/>
      <c r="AX3207" s="92"/>
      <c r="AY3207" s="92"/>
      <c r="AZ3207" s="93"/>
      <c r="BA3207" s="93"/>
      <c r="BB3207" s="93"/>
      <c r="BC3207" s="93"/>
      <c r="BD3207" s="93"/>
      <c r="BE3207" s="93"/>
      <c r="BF3207" s="93"/>
      <c r="BG3207" s="93"/>
      <c r="BH3207" s="93"/>
      <c r="BI3207" s="93"/>
      <c r="BJ3207" s="93"/>
      <c r="BK3207" s="93"/>
      <c r="BL3207" s="93"/>
    </row>
    <row r="3208" spans="2:64" x14ac:dyDescent="0.2">
      <c r="B3208" s="43"/>
      <c r="C3208" s="73"/>
      <c r="D3208" s="64"/>
      <c r="E3208" s="55"/>
      <c r="F3208" s="74"/>
      <c r="G3208" s="74"/>
      <c r="H3208" s="74"/>
      <c r="I3208" s="75"/>
      <c r="J3208" s="74"/>
      <c r="L3208" s="55"/>
      <c r="M3208" s="234"/>
      <c r="N3208" s="65"/>
      <c r="O3208" s="76"/>
      <c r="P3208" s="76"/>
      <c r="Q3208" s="65"/>
      <c r="R3208" s="76"/>
      <c r="S3208" s="76"/>
      <c r="T3208" s="76"/>
      <c r="U3208" s="76"/>
      <c r="V3208" s="76"/>
      <c r="W3208" s="76"/>
      <c r="X3208" s="76"/>
      <c r="Y3208" s="76"/>
      <c r="Z3208" s="76"/>
      <c r="AA3208" s="85"/>
      <c r="AB3208" s="85"/>
      <c r="AC3208" s="85"/>
      <c r="AD3208" s="85"/>
      <c r="AE3208" s="85"/>
      <c r="AF3208" s="85"/>
      <c r="AG3208" s="86"/>
      <c r="AH3208" s="85"/>
      <c r="AI3208" s="85"/>
      <c r="AJ3208" s="85"/>
      <c r="AK3208" s="85"/>
      <c r="AL3208" s="85"/>
      <c r="AM3208" s="92"/>
      <c r="AN3208" s="92"/>
      <c r="AO3208" s="92"/>
      <c r="AP3208" s="92"/>
      <c r="AQ3208" s="92"/>
      <c r="AR3208" s="92"/>
      <c r="AS3208" s="92"/>
      <c r="AT3208" s="92"/>
      <c r="AU3208" s="92"/>
      <c r="AV3208" s="92"/>
      <c r="AW3208" s="92"/>
      <c r="AX3208" s="92"/>
      <c r="AY3208" s="92"/>
      <c r="AZ3208" s="93"/>
      <c r="BA3208" s="93"/>
      <c r="BB3208" s="93"/>
      <c r="BC3208" s="93"/>
      <c r="BD3208" s="93"/>
      <c r="BE3208" s="93"/>
      <c r="BF3208" s="93"/>
      <c r="BG3208" s="93"/>
      <c r="BH3208" s="93"/>
      <c r="BI3208" s="93"/>
      <c r="BJ3208" s="93"/>
      <c r="BK3208" s="93"/>
      <c r="BL3208" s="93"/>
    </row>
    <row r="3209" spans="2:64" x14ac:dyDescent="0.2">
      <c r="B3209" s="43"/>
      <c r="C3209" s="73"/>
      <c r="D3209" s="64"/>
      <c r="E3209" s="55"/>
      <c r="F3209" s="74"/>
      <c r="G3209" s="74"/>
      <c r="H3209" s="74"/>
      <c r="I3209" s="75"/>
      <c r="J3209" s="74"/>
      <c r="L3209" s="55"/>
      <c r="M3209" s="234"/>
      <c r="N3209" s="65"/>
      <c r="O3209" s="76"/>
      <c r="P3209" s="76"/>
      <c r="Q3209" s="65"/>
      <c r="R3209" s="76"/>
      <c r="S3209" s="76"/>
      <c r="T3209" s="76"/>
      <c r="U3209" s="76"/>
      <c r="V3209" s="76"/>
      <c r="W3209" s="76"/>
      <c r="X3209" s="76"/>
      <c r="Y3209" s="76"/>
      <c r="Z3209" s="76"/>
      <c r="AA3209" s="85"/>
      <c r="AB3209" s="85"/>
      <c r="AC3209" s="85"/>
      <c r="AD3209" s="85"/>
      <c r="AE3209" s="85"/>
      <c r="AF3209" s="85"/>
      <c r="AG3209" s="86"/>
      <c r="AH3209" s="85"/>
      <c r="AI3209" s="85"/>
      <c r="AJ3209" s="85"/>
      <c r="AK3209" s="85"/>
      <c r="AL3209" s="85"/>
      <c r="AM3209" s="92"/>
      <c r="AN3209" s="92"/>
      <c r="AO3209" s="92"/>
      <c r="AP3209" s="92"/>
      <c r="AQ3209" s="92"/>
      <c r="AR3209" s="92"/>
      <c r="AS3209" s="92"/>
      <c r="AT3209" s="92"/>
      <c r="AU3209" s="92"/>
      <c r="AV3209" s="92"/>
      <c r="AW3209" s="92"/>
      <c r="AX3209" s="92"/>
      <c r="AY3209" s="92"/>
      <c r="AZ3209" s="93"/>
      <c r="BA3209" s="93"/>
      <c r="BB3209" s="93"/>
      <c r="BC3209" s="93"/>
      <c r="BD3209" s="93"/>
      <c r="BE3209" s="93"/>
      <c r="BF3209" s="93"/>
      <c r="BG3209" s="93"/>
      <c r="BH3209" s="93"/>
      <c r="BI3209" s="93"/>
      <c r="BJ3209" s="93"/>
      <c r="BK3209" s="93"/>
      <c r="BL3209" s="93"/>
    </row>
    <row r="3210" spans="2:64" x14ac:dyDescent="0.2">
      <c r="B3210" s="43"/>
      <c r="C3210" s="73"/>
      <c r="D3210" s="64"/>
      <c r="E3210" s="55"/>
      <c r="F3210" s="74"/>
      <c r="G3210" s="74"/>
      <c r="H3210" s="74"/>
      <c r="I3210" s="75"/>
      <c r="J3210" s="74"/>
      <c r="L3210" s="55"/>
      <c r="M3210" s="234"/>
      <c r="N3210" s="65"/>
      <c r="O3210" s="76"/>
      <c r="P3210" s="76"/>
      <c r="Q3210" s="65"/>
      <c r="R3210" s="76"/>
      <c r="S3210" s="76"/>
      <c r="T3210" s="76"/>
      <c r="U3210" s="76"/>
      <c r="V3210" s="76"/>
      <c r="W3210" s="76"/>
      <c r="X3210" s="76"/>
      <c r="Y3210" s="76"/>
      <c r="Z3210" s="76"/>
      <c r="AA3210" s="85"/>
      <c r="AB3210" s="85"/>
      <c r="AC3210" s="85"/>
      <c r="AD3210" s="85"/>
      <c r="AE3210" s="85"/>
      <c r="AF3210" s="85"/>
      <c r="AG3210" s="86"/>
      <c r="AH3210" s="85"/>
      <c r="AI3210" s="85"/>
      <c r="AJ3210" s="85"/>
      <c r="AK3210" s="85"/>
      <c r="AL3210" s="85"/>
      <c r="AM3210" s="92"/>
      <c r="AN3210" s="92"/>
      <c r="AO3210" s="92"/>
      <c r="AP3210" s="92"/>
      <c r="AQ3210" s="92"/>
      <c r="AR3210" s="92"/>
      <c r="AS3210" s="92"/>
      <c r="AT3210" s="92"/>
      <c r="AU3210" s="92"/>
      <c r="AV3210" s="92"/>
      <c r="AW3210" s="92"/>
      <c r="AX3210" s="92"/>
      <c r="AY3210" s="92"/>
      <c r="AZ3210" s="93"/>
      <c r="BA3210" s="93"/>
      <c r="BB3210" s="93"/>
      <c r="BC3210" s="93"/>
      <c r="BD3210" s="93"/>
      <c r="BE3210" s="93"/>
      <c r="BF3210" s="93"/>
      <c r="BG3210" s="93"/>
      <c r="BH3210" s="93"/>
      <c r="BI3210" s="93"/>
      <c r="BJ3210" s="93"/>
      <c r="BK3210" s="93"/>
      <c r="BL3210" s="93"/>
    </row>
    <row r="3211" spans="2:64" x14ac:dyDescent="0.2">
      <c r="B3211" s="43"/>
      <c r="C3211" s="73"/>
      <c r="D3211" s="64"/>
      <c r="E3211" s="55"/>
      <c r="F3211" s="74"/>
      <c r="G3211" s="74"/>
      <c r="H3211" s="74"/>
      <c r="I3211" s="75"/>
      <c r="J3211" s="74"/>
      <c r="L3211" s="55"/>
      <c r="M3211" s="234"/>
      <c r="N3211" s="65"/>
      <c r="O3211" s="76"/>
      <c r="P3211" s="76"/>
      <c r="Q3211" s="65"/>
      <c r="R3211" s="76"/>
      <c r="S3211" s="76"/>
      <c r="T3211" s="76"/>
      <c r="U3211" s="76"/>
      <c r="V3211" s="76"/>
      <c r="W3211" s="76"/>
      <c r="X3211" s="76"/>
      <c r="Y3211" s="76"/>
      <c r="Z3211" s="76"/>
      <c r="AA3211" s="85"/>
      <c r="AB3211" s="85"/>
      <c r="AC3211" s="85"/>
      <c r="AD3211" s="85"/>
      <c r="AE3211" s="85"/>
      <c r="AF3211" s="85"/>
      <c r="AG3211" s="86"/>
      <c r="AH3211" s="85"/>
      <c r="AI3211" s="85"/>
      <c r="AJ3211" s="85"/>
      <c r="AK3211" s="85"/>
      <c r="AL3211" s="85"/>
      <c r="AM3211" s="92"/>
      <c r="AN3211" s="92"/>
      <c r="AO3211" s="92"/>
      <c r="AP3211" s="92"/>
      <c r="AQ3211" s="92"/>
      <c r="AR3211" s="92"/>
      <c r="AS3211" s="92"/>
      <c r="AT3211" s="92"/>
      <c r="AU3211" s="92"/>
      <c r="AV3211" s="92"/>
      <c r="AW3211" s="92"/>
      <c r="AX3211" s="92"/>
      <c r="AY3211" s="92"/>
      <c r="AZ3211" s="93"/>
      <c r="BA3211" s="93"/>
      <c r="BB3211" s="93"/>
      <c r="BC3211" s="93"/>
      <c r="BD3211" s="93"/>
      <c r="BE3211" s="93"/>
      <c r="BF3211" s="93"/>
      <c r="BG3211" s="93"/>
      <c r="BH3211" s="93"/>
      <c r="BI3211" s="93"/>
      <c r="BJ3211" s="93"/>
      <c r="BK3211" s="93"/>
      <c r="BL3211" s="93"/>
    </row>
    <row r="3212" spans="2:64" x14ac:dyDescent="0.2">
      <c r="B3212" s="43"/>
      <c r="C3212" s="73"/>
      <c r="D3212" s="64"/>
      <c r="E3212" s="55"/>
      <c r="F3212" s="74"/>
      <c r="G3212" s="74"/>
      <c r="H3212" s="74"/>
      <c r="I3212" s="75"/>
      <c r="J3212" s="74"/>
      <c r="L3212" s="55"/>
      <c r="M3212" s="234"/>
      <c r="N3212" s="65"/>
      <c r="O3212" s="76"/>
      <c r="P3212" s="76"/>
      <c r="Q3212" s="65"/>
      <c r="R3212" s="76"/>
      <c r="S3212" s="76"/>
      <c r="T3212" s="76"/>
      <c r="U3212" s="76"/>
      <c r="V3212" s="76"/>
      <c r="W3212" s="76"/>
      <c r="X3212" s="76"/>
      <c r="Y3212" s="76"/>
      <c r="Z3212" s="76"/>
      <c r="AA3212" s="85"/>
      <c r="AB3212" s="85"/>
      <c r="AC3212" s="85"/>
      <c r="AD3212" s="85"/>
      <c r="AE3212" s="85"/>
      <c r="AF3212" s="85"/>
      <c r="AG3212" s="86"/>
      <c r="AH3212" s="85"/>
      <c r="AI3212" s="85"/>
      <c r="AJ3212" s="85"/>
      <c r="AK3212" s="85"/>
      <c r="AL3212" s="85"/>
      <c r="AM3212" s="92"/>
      <c r="AN3212" s="92"/>
      <c r="AO3212" s="92"/>
      <c r="AP3212" s="92"/>
      <c r="AQ3212" s="92"/>
      <c r="AR3212" s="92"/>
      <c r="AS3212" s="92"/>
      <c r="AT3212" s="92"/>
      <c r="AU3212" s="92"/>
      <c r="AV3212" s="92"/>
      <c r="AW3212" s="92"/>
      <c r="AX3212" s="92"/>
      <c r="AY3212" s="92"/>
      <c r="AZ3212" s="93"/>
      <c r="BA3212" s="93"/>
      <c r="BB3212" s="93"/>
      <c r="BC3212" s="93"/>
      <c r="BD3212" s="93"/>
      <c r="BE3212" s="93"/>
      <c r="BF3212" s="93"/>
      <c r="BG3212" s="93"/>
      <c r="BH3212" s="93"/>
      <c r="BI3212" s="93"/>
      <c r="BJ3212" s="93"/>
      <c r="BK3212" s="93"/>
      <c r="BL3212" s="93"/>
    </row>
    <row r="3213" spans="2:64" x14ac:dyDescent="0.2">
      <c r="B3213" s="43"/>
      <c r="C3213" s="73"/>
      <c r="D3213" s="64"/>
      <c r="E3213" s="55"/>
      <c r="F3213" s="74"/>
      <c r="G3213" s="74"/>
      <c r="H3213" s="74"/>
      <c r="I3213" s="75"/>
      <c r="J3213" s="74"/>
      <c r="L3213" s="55"/>
      <c r="M3213" s="234"/>
      <c r="N3213" s="65"/>
      <c r="O3213" s="76"/>
      <c r="P3213" s="76"/>
      <c r="Q3213" s="65"/>
      <c r="R3213" s="76"/>
      <c r="S3213" s="76"/>
      <c r="T3213" s="76"/>
      <c r="U3213" s="76"/>
      <c r="V3213" s="76"/>
      <c r="W3213" s="76"/>
      <c r="X3213" s="76"/>
      <c r="Y3213" s="76"/>
      <c r="Z3213" s="76"/>
      <c r="AA3213" s="85"/>
      <c r="AB3213" s="85"/>
      <c r="AC3213" s="85"/>
      <c r="AD3213" s="85"/>
      <c r="AE3213" s="85"/>
      <c r="AF3213" s="85"/>
      <c r="AG3213" s="86"/>
      <c r="AH3213" s="85"/>
      <c r="AI3213" s="85"/>
      <c r="AJ3213" s="85"/>
      <c r="AK3213" s="85"/>
      <c r="AL3213" s="85"/>
      <c r="AM3213" s="92"/>
      <c r="AN3213" s="92"/>
      <c r="AO3213" s="92"/>
      <c r="AP3213" s="92"/>
      <c r="AQ3213" s="92"/>
      <c r="AR3213" s="92"/>
      <c r="AS3213" s="92"/>
      <c r="AT3213" s="92"/>
      <c r="AU3213" s="92"/>
      <c r="AV3213" s="92"/>
      <c r="AW3213" s="92"/>
      <c r="AX3213" s="92"/>
      <c r="AY3213" s="92"/>
      <c r="AZ3213" s="93"/>
      <c r="BA3213" s="93"/>
      <c r="BB3213" s="93"/>
      <c r="BC3213" s="93"/>
      <c r="BD3213" s="93"/>
      <c r="BE3213" s="93"/>
      <c r="BF3213" s="93"/>
      <c r="BG3213" s="93"/>
      <c r="BH3213" s="93"/>
      <c r="BI3213" s="93"/>
      <c r="BJ3213" s="93"/>
      <c r="BK3213" s="93"/>
      <c r="BL3213" s="93"/>
    </row>
    <row r="3214" spans="2:64" x14ac:dyDescent="0.2">
      <c r="B3214" s="43"/>
      <c r="C3214" s="73"/>
      <c r="D3214" s="64"/>
      <c r="E3214" s="55"/>
      <c r="F3214" s="74"/>
      <c r="G3214" s="74"/>
      <c r="H3214" s="74"/>
      <c r="I3214" s="75"/>
      <c r="J3214" s="74"/>
      <c r="L3214" s="55"/>
      <c r="M3214" s="234"/>
      <c r="N3214" s="65"/>
      <c r="O3214" s="76"/>
      <c r="P3214" s="76"/>
      <c r="Q3214" s="65"/>
      <c r="R3214" s="76"/>
      <c r="S3214" s="76"/>
      <c r="T3214" s="76"/>
      <c r="U3214" s="76"/>
      <c r="V3214" s="76"/>
      <c r="W3214" s="76"/>
      <c r="X3214" s="76"/>
      <c r="Y3214" s="76"/>
      <c r="Z3214" s="76"/>
      <c r="AA3214" s="85"/>
      <c r="AB3214" s="85"/>
      <c r="AC3214" s="85"/>
      <c r="AD3214" s="85"/>
      <c r="AE3214" s="85"/>
      <c r="AF3214" s="85"/>
      <c r="AG3214" s="86"/>
      <c r="AH3214" s="85"/>
      <c r="AI3214" s="85"/>
      <c r="AJ3214" s="85"/>
      <c r="AK3214" s="85"/>
      <c r="AL3214" s="85"/>
      <c r="AM3214" s="92"/>
      <c r="AN3214" s="92"/>
      <c r="AO3214" s="92"/>
      <c r="AP3214" s="92"/>
      <c r="AQ3214" s="92"/>
      <c r="AR3214" s="92"/>
      <c r="AS3214" s="92"/>
      <c r="AT3214" s="92"/>
      <c r="AU3214" s="92"/>
      <c r="AV3214" s="92"/>
      <c r="AW3214" s="92"/>
      <c r="AX3214" s="92"/>
      <c r="AY3214" s="92"/>
      <c r="AZ3214" s="93"/>
      <c r="BA3214" s="93"/>
      <c r="BB3214" s="93"/>
      <c r="BC3214" s="93"/>
      <c r="BD3214" s="93"/>
      <c r="BE3214" s="93"/>
      <c r="BF3214" s="93"/>
      <c r="BG3214" s="93"/>
      <c r="BH3214" s="93"/>
      <c r="BI3214" s="93"/>
      <c r="BJ3214" s="93"/>
      <c r="BK3214" s="93"/>
      <c r="BL3214" s="93"/>
    </row>
    <row r="3215" spans="2:64" x14ac:dyDescent="0.2">
      <c r="B3215" s="43"/>
      <c r="C3215" s="73"/>
      <c r="D3215" s="64"/>
      <c r="E3215" s="55"/>
      <c r="F3215" s="74"/>
      <c r="G3215" s="74"/>
      <c r="H3215" s="74"/>
      <c r="I3215" s="75"/>
      <c r="J3215" s="74"/>
      <c r="L3215" s="55"/>
      <c r="M3215" s="234"/>
      <c r="N3215" s="65"/>
      <c r="O3215" s="76"/>
      <c r="P3215" s="76"/>
      <c r="Q3215" s="65"/>
      <c r="R3215" s="76"/>
      <c r="S3215" s="76"/>
      <c r="T3215" s="76"/>
      <c r="U3215" s="76"/>
      <c r="V3215" s="76"/>
      <c r="W3215" s="76"/>
      <c r="X3215" s="76"/>
      <c r="Y3215" s="76"/>
      <c r="Z3215" s="76"/>
      <c r="AA3215" s="85"/>
      <c r="AB3215" s="85"/>
      <c r="AC3215" s="85"/>
      <c r="AD3215" s="85"/>
      <c r="AE3215" s="85"/>
      <c r="AF3215" s="85"/>
      <c r="AG3215" s="86"/>
      <c r="AH3215" s="85"/>
      <c r="AI3215" s="85"/>
      <c r="AJ3215" s="85"/>
      <c r="AK3215" s="85"/>
      <c r="AL3215" s="85"/>
      <c r="AM3215" s="92"/>
      <c r="AN3215" s="92"/>
      <c r="AO3215" s="92"/>
      <c r="AP3215" s="92"/>
      <c r="AQ3215" s="92"/>
      <c r="AR3215" s="92"/>
      <c r="AS3215" s="92"/>
      <c r="AT3215" s="92"/>
      <c r="AU3215" s="92"/>
      <c r="AV3215" s="92"/>
      <c r="AW3215" s="92"/>
      <c r="AX3215" s="92"/>
      <c r="AY3215" s="92"/>
      <c r="AZ3215" s="93"/>
      <c r="BA3215" s="93"/>
      <c r="BB3215" s="93"/>
      <c r="BC3215" s="93"/>
      <c r="BD3215" s="93"/>
      <c r="BE3215" s="93"/>
      <c r="BF3215" s="93"/>
      <c r="BG3215" s="93"/>
      <c r="BH3215" s="93"/>
      <c r="BI3215" s="93"/>
      <c r="BJ3215" s="93"/>
      <c r="BK3215" s="93"/>
      <c r="BL3215" s="93"/>
    </row>
    <row r="3216" spans="2:64" x14ac:dyDescent="0.2">
      <c r="B3216" s="43"/>
      <c r="C3216" s="73"/>
      <c r="D3216" s="64"/>
      <c r="E3216" s="55"/>
      <c r="F3216" s="74"/>
      <c r="G3216" s="74"/>
      <c r="H3216" s="74"/>
      <c r="I3216" s="75"/>
      <c r="J3216" s="74"/>
      <c r="L3216" s="55"/>
      <c r="M3216" s="234"/>
      <c r="N3216" s="65"/>
      <c r="O3216" s="76"/>
      <c r="P3216" s="76"/>
      <c r="Q3216" s="65"/>
      <c r="R3216" s="76"/>
      <c r="S3216" s="76"/>
      <c r="T3216" s="76"/>
      <c r="U3216" s="76"/>
      <c r="V3216" s="76"/>
      <c r="W3216" s="76"/>
      <c r="X3216" s="76"/>
      <c r="Y3216" s="76"/>
      <c r="Z3216" s="76"/>
      <c r="AA3216" s="85"/>
      <c r="AB3216" s="85"/>
      <c r="AC3216" s="85"/>
      <c r="AD3216" s="85"/>
      <c r="AE3216" s="85"/>
      <c r="AF3216" s="85"/>
      <c r="AG3216" s="86"/>
      <c r="AH3216" s="85"/>
      <c r="AI3216" s="85"/>
      <c r="AJ3216" s="85"/>
      <c r="AK3216" s="85"/>
      <c r="AL3216" s="85"/>
      <c r="AM3216" s="92"/>
      <c r="AN3216" s="92"/>
      <c r="AO3216" s="92"/>
      <c r="AP3216" s="92"/>
      <c r="AQ3216" s="92"/>
      <c r="AR3216" s="92"/>
      <c r="AS3216" s="92"/>
      <c r="AT3216" s="92"/>
      <c r="AU3216" s="92"/>
      <c r="AV3216" s="92"/>
      <c r="AW3216" s="92"/>
      <c r="AX3216" s="92"/>
      <c r="AY3216" s="92"/>
      <c r="AZ3216" s="93"/>
      <c r="BA3216" s="93"/>
      <c r="BB3216" s="93"/>
      <c r="BC3216" s="93"/>
      <c r="BD3216" s="93"/>
      <c r="BE3216" s="93"/>
      <c r="BF3216" s="93"/>
      <c r="BG3216" s="93"/>
      <c r="BH3216" s="93"/>
      <c r="BI3216" s="93"/>
      <c r="BJ3216" s="93"/>
      <c r="BK3216" s="93"/>
      <c r="BL3216" s="93"/>
    </row>
    <row r="3217" spans="2:64" x14ac:dyDescent="0.2">
      <c r="B3217" s="43"/>
      <c r="C3217" s="73"/>
      <c r="D3217" s="64"/>
      <c r="E3217" s="55"/>
      <c r="F3217" s="74"/>
      <c r="G3217" s="74"/>
      <c r="H3217" s="74"/>
      <c r="I3217" s="75"/>
      <c r="J3217" s="74"/>
      <c r="L3217" s="55"/>
      <c r="M3217" s="234"/>
      <c r="N3217" s="65"/>
      <c r="O3217" s="76"/>
      <c r="P3217" s="76"/>
      <c r="Q3217" s="65"/>
      <c r="R3217" s="76"/>
      <c r="S3217" s="76"/>
      <c r="T3217" s="76"/>
      <c r="U3217" s="76"/>
      <c r="V3217" s="76"/>
      <c r="W3217" s="76"/>
      <c r="X3217" s="76"/>
      <c r="Y3217" s="76"/>
      <c r="Z3217" s="76"/>
      <c r="AA3217" s="85"/>
      <c r="AB3217" s="85"/>
      <c r="AC3217" s="85"/>
      <c r="AD3217" s="85"/>
      <c r="AE3217" s="85"/>
      <c r="AF3217" s="85"/>
      <c r="AG3217" s="86"/>
      <c r="AH3217" s="85"/>
      <c r="AI3217" s="85"/>
      <c r="AJ3217" s="85"/>
      <c r="AK3217" s="85"/>
      <c r="AL3217" s="85"/>
      <c r="AM3217" s="92"/>
      <c r="AN3217" s="92"/>
      <c r="AO3217" s="92"/>
      <c r="AP3217" s="92"/>
      <c r="AQ3217" s="92"/>
      <c r="AR3217" s="92"/>
      <c r="AS3217" s="92"/>
      <c r="AT3217" s="92"/>
      <c r="AU3217" s="92"/>
      <c r="AV3217" s="92"/>
      <c r="AW3217" s="92"/>
      <c r="AX3217" s="92"/>
      <c r="AY3217" s="92"/>
      <c r="AZ3217" s="93"/>
      <c r="BA3217" s="93"/>
      <c r="BB3217" s="93"/>
      <c r="BC3217" s="93"/>
      <c r="BD3217" s="93"/>
      <c r="BE3217" s="93"/>
      <c r="BF3217" s="93"/>
      <c r="BG3217" s="93"/>
      <c r="BH3217" s="93"/>
      <c r="BI3217" s="93"/>
      <c r="BJ3217" s="93"/>
      <c r="BK3217" s="93"/>
      <c r="BL3217" s="93"/>
    </row>
    <row r="3218" spans="2:64" x14ac:dyDescent="0.2">
      <c r="B3218" s="43"/>
      <c r="C3218" s="73"/>
      <c r="D3218" s="64"/>
      <c r="E3218" s="55"/>
      <c r="F3218" s="74"/>
      <c r="G3218" s="74"/>
      <c r="H3218" s="74"/>
      <c r="I3218" s="75"/>
      <c r="J3218" s="74"/>
      <c r="L3218" s="55"/>
      <c r="M3218" s="234"/>
      <c r="N3218" s="65"/>
      <c r="O3218" s="76"/>
      <c r="P3218" s="76"/>
      <c r="Q3218" s="65"/>
      <c r="R3218" s="76"/>
      <c r="S3218" s="76"/>
      <c r="T3218" s="76"/>
      <c r="U3218" s="76"/>
      <c r="V3218" s="76"/>
      <c r="W3218" s="76"/>
      <c r="X3218" s="76"/>
      <c r="Y3218" s="76"/>
      <c r="Z3218" s="76"/>
      <c r="AA3218" s="85"/>
      <c r="AB3218" s="85"/>
      <c r="AC3218" s="85"/>
      <c r="AD3218" s="85"/>
      <c r="AE3218" s="85"/>
      <c r="AF3218" s="85"/>
      <c r="AG3218" s="86"/>
      <c r="AH3218" s="85"/>
      <c r="AI3218" s="85"/>
      <c r="AJ3218" s="85"/>
      <c r="AK3218" s="85"/>
      <c r="AL3218" s="85"/>
      <c r="AM3218" s="92"/>
      <c r="AN3218" s="92"/>
      <c r="AO3218" s="92"/>
      <c r="AP3218" s="92"/>
      <c r="AQ3218" s="92"/>
      <c r="AR3218" s="92"/>
      <c r="AS3218" s="92"/>
      <c r="AT3218" s="92"/>
      <c r="AU3218" s="92"/>
      <c r="AV3218" s="92"/>
      <c r="AW3218" s="92"/>
      <c r="AX3218" s="92"/>
      <c r="AY3218" s="92"/>
      <c r="AZ3218" s="93"/>
      <c r="BA3218" s="93"/>
      <c r="BB3218" s="93"/>
      <c r="BC3218" s="93"/>
      <c r="BD3218" s="93"/>
      <c r="BE3218" s="93"/>
      <c r="BF3218" s="93"/>
      <c r="BG3218" s="93"/>
      <c r="BH3218" s="93"/>
      <c r="BI3218" s="93"/>
      <c r="BJ3218" s="93"/>
      <c r="BK3218" s="93"/>
      <c r="BL3218" s="93"/>
    </row>
    <row r="3219" spans="2:64" x14ac:dyDescent="0.2">
      <c r="B3219" s="43"/>
      <c r="C3219" s="73"/>
      <c r="D3219" s="64"/>
      <c r="E3219" s="55"/>
      <c r="F3219" s="74"/>
      <c r="G3219" s="74"/>
      <c r="H3219" s="74"/>
      <c r="I3219" s="75"/>
      <c r="J3219" s="74"/>
      <c r="L3219" s="55"/>
      <c r="M3219" s="234"/>
      <c r="N3219" s="65"/>
      <c r="O3219" s="76"/>
      <c r="P3219" s="76"/>
      <c r="Q3219" s="65"/>
      <c r="R3219" s="76"/>
      <c r="S3219" s="76"/>
      <c r="T3219" s="76"/>
      <c r="U3219" s="76"/>
      <c r="V3219" s="76"/>
      <c r="W3219" s="76"/>
      <c r="X3219" s="76"/>
      <c r="Y3219" s="76"/>
      <c r="Z3219" s="76"/>
      <c r="AA3219" s="85"/>
      <c r="AB3219" s="85"/>
      <c r="AC3219" s="85"/>
      <c r="AD3219" s="85"/>
      <c r="AE3219" s="85"/>
      <c r="AF3219" s="85"/>
      <c r="AG3219" s="86"/>
      <c r="AH3219" s="85"/>
      <c r="AI3219" s="85"/>
      <c r="AJ3219" s="85"/>
      <c r="AK3219" s="85"/>
      <c r="AL3219" s="85"/>
      <c r="AM3219" s="92"/>
      <c r="AN3219" s="92"/>
      <c r="AO3219" s="92"/>
      <c r="AP3219" s="92"/>
      <c r="AQ3219" s="92"/>
      <c r="AR3219" s="92"/>
      <c r="AS3219" s="92"/>
      <c r="AT3219" s="92"/>
      <c r="AU3219" s="92"/>
      <c r="AV3219" s="92"/>
      <c r="AW3219" s="92"/>
      <c r="AX3219" s="92"/>
      <c r="AY3219" s="92"/>
      <c r="AZ3219" s="93"/>
      <c r="BA3219" s="93"/>
      <c r="BB3219" s="93"/>
      <c r="BC3219" s="93"/>
      <c r="BD3219" s="93"/>
      <c r="BE3219" s="93"/>
      <c r="BF3219" s="93"/>
      <c r="BG3219" s="93"/>
      <c r="BH3219" s="93"/>
      <c r="BI3219" s="93"/>
      <c r="BJ3219" s="93"/>
      <c r="BK3219" s="93"/>
      <c r="BL3219" s="93"/>
    </row>
    <row r="3220" spans="2:64" x14ac:dyDescent="0.2">
      <c r="B3220" s="43"/>
      <c r="C3220" s="73"/>
      <c r="D3220" s="64"/>
      <c r="E3220" s="55"/>
      <c r="F3220" s="74"/>
      <c r="G3220" s="74"/>
      <c r="H3220" s="74"/>
      <c r="I3220" s="75"/>
      <c r="J3220" s="74"/>
      <c r="L3220" s="55"/>
      <c r="M3220" s="234"/>
      <c r="N3220" s="65"/>
      <c r="O3220" s="76"/>
      <c r="P3220" s="76"/>
      <c r="Q3220" s="65"/>
      <c r="R3220" s="76"/>
      <c r="S3220" s="76"/>
      <c r="T3220" s="76"/>
      <c r="U3220" s="76"/>
      <c r="V3220" s="76"/>
      <c r="W3220" s="76"/>
      <c r="X3220" s="76"/>
      <c r="Y3220" s="76"/>
      <c r="Z3220" s="76"/>
      <c r="AA3220" s="85"/>
      <c r="AB3220" s="85"/>
      <c r="AC3220" s="85"/>
      <c r="AD3220" s="85"/>
      <c r="AE3220" s="85"/>
      <c r="AF3220" s="85"/>
      <c r="AG3220" s="86"/>
      <c r="AH3220" s="85"/>
      <c r="AI3220" s="85"/>
      <c r="AJ3220" s="85"/>
      <c r="AK3220" s="85"/>
      <c r="AL3220" s="85"/>
      <c r="AM3220" s="92"/>
      <c r="AN3220" s="92"/>
      <c r="AO3220" s="92"/>
      <c r="AP3220" s="92"/>
      <c r="AQ3220" s="92"/>
      <c r="AR3220" s="92"/>
      <c r="AS3220" s="92"/>
      <c r="AT3220" s="92"/>
      <c r="AU3220" s="92"/>
      <c r="AV3220" s="92"/>
      <c r="AW3220" s="92"/>
      <c r="AX3220" s="92"/>
      <c r="AY3220" s="92"/>
      <c r="AZ3220" s="93"/>
      <c r="BA3220" s="93"/>
      <c r="BB3220" s="93"/>
      <c r="BC3220" s="93"/>
      <c r="BD3220" s="93"/>
      <c r="BE3220" s="93"/>
      <c r="BF3220" s="93"/>
      <c r="BG3220" s="93"/>
      <c r="BH3220" s="93"/>
      <c r="BI3220" s="93"/>
      <c r="BJ3220" s="93"/>
      <c r="BK3220" s="93"/>
      <c r="BL3220" s="93"/>
    </row>
    <row r="3221" spans="2:64" x14ac:dyDescent="0.2">
      <c r="B3221" s="43"/>
      <c r="C3221" s="73"/>
      <c r="D3221" s="64"/>
      <c r="E3221" s="55"/>
      <c r="F3221" s="74"/>
      <c r="G3221" s="74"/>
      <c r="H3221" s="74"/>
      <c r="I3221" s="75"/>
      <c r="J3221" s="74"/>
      <c r="L3221" s="55"/>
      <c r="M3221" s="234"/>
      <c r="N3221" s="65"/>
      <c r="O3221" s="76"/>
      <c r="P3221" s="76"/>
      <c r="Q3221" s="65"/>
      <c r="R3221" s="76"/>
      <c r="S3221" s="76"/>
      <c r="T3221" s="76"/>
      <c r="U3221" s="76"/>
      <c r="V3221" s="76"/>
      <c r="W3221" s="76"/>
      <c r="X3221" s="76"/>
      <c r="Y3221" s="76"/>
      <c r="Z3221" s="76"/>
      <c r="AA3221" s="85"/>
      <c r="AB3221" s="85"/>
      <c r="AC3221" s="85"/>
      <c r="AD3221" s="85"/>
      <c r="AE3221" s="85"/>
      <c r="AF3221" s="85"/>
      <c r="AG3221" s="86"/>
      <c r="AH3221" s="85"/>
      <c r="AI3221" s="85"/>
      <c r="AJ3221" s="85"/>
      <c r="AK3221" s="85"/>
      <c r="AL3221" s="85"/>
      <c r="AM3221" s="92"/>
      <c r="AN3221" s="92"/>
      <c r="AO3221" s="92"/>
      <c r="AP3221" s="92"/>
      <c r="AQ3221" s="92"/>
      <c r="AR3221" s="92"/>
      <c r="AS3221" s="92"/>
      <c r="AT3221" s="92"/>
      <c r="AU3221" s="92"/>
      <c r="AV3221" s="92"/>
      <c r="AW3221" s="92"/>
      <c r="AX3221" s="92"/>
      <c r="AY3221" s="92"/>
      <c r="AZ3221" s="93"/>
      <c r="BA3221" s="93"/>
      <c r="BB3221" s="93"/>
      <c r="BC3221" s="93"/>
      <c r="BD3221" s="93"/>
      <c r="BE3221" s="93"/>
      <c r="BF3221" s="93"/>
      <c r="BG3221" s="93"/>
      <c r="BH3221" s="93"/>
      <c r="BI3221" s="93"/>
      <c r="BJ3221" s="93"/>
      <c r="BK3221" s="93"/>
      <c r="BL3221" s="93"/>
    </row>
    <row r="3222" spans="2:64" x14ac:dyDescent="0.2">
      <c r="B3222" s="43"/>
      <c r="C3222" s="73"/>
      <c r="D3222" s="64"/>
      <c r="E3222" s="55"/>
      <c r="F3222" s="74"/>
      <c r="G3222" s="74"/>
      <c r="H3222" s="74"/>
      <c r="I3222" s="75"/>
      <c r="J3222" s="74"/>
      <c r="L3222" s="55"/>
      <c r="M3222" s="234"/>
      <c r="N3222" s="65"/>
      <c r="O3222" s="76"/>
      <c r="P3222" s="76"/>
      <c r="Q3222" s="65"/>
      <c r="R3222" s="76"/>
      <c r="S3222" s="76"/>
      <c r="T3222" s="76"/>
      <c r="U3222" s="76"/>
      <c r="V3222" s="76"/>
      <c r="W3222" s="76"/>
      <c r="X3222" s="76"/>
      <c r="Y3222" s="76"/>
      <c r="Z3222" s="76"/>
      <c r="AA3222" s="85"/>
      <c r="AB3222" s="85"/>
      <c r="AC3222" s="85"/>
      <c r="AD3222" s="85"/>
      <c r="AE3222" s="85"/>
      <c r="AF3222" s="85"/>
      <c r="AG3222" s="86"/>
      <c r="AH3222" s="85"/>
      <c r="AI3222" s="85"/>
      <c r="AJ3222" s="85"/>
      <c r="AK3222" s="85"/>
      <c r="AL3222" s="85"/>
      <c r="AM3222" s="92"/>
      <c r="AN3222" s="92"/>
      <c r="AO3222" s="92"/>
      <c r="AP3222" s="92"/>
      <c r="AQ3222" s="92"/>
      <c r="AR3222" s="92"/>
      <c r="AS3222" s="92"/>
      <c r="AT3222" s="92"/>
      <c r="AU3222" s="92"/>
      <c r="AV3222" s="92"/>
      <c r="AW3222" s="92"/>
      <c r="AX3222" s="92"/>
      <c r="AY3222" s="92"/>
      <c r="AZ3222" s="93"/>
      <c r="BA3222" s="93"/>
      <c r="BB3222" s="93"/>
      <c r="BC3222" s="93"/>
      <c r="BD3222" s="93"/>
      <c r="BE3222" s="93"/>
      <c r="BF3222" s="93"/>
      <c r="BG3222" s="93"/>
      <c r="BH3222" s="93"/>
      <c r="BI3222" s="93"/>
      <c r="BJ3222" s="93"/>
      <c r="BK3222" s="93"/>
      <c r="BL3222" s="93"/>
    </row>
    <row r="3223" spans="2:64" x14ac:dyDescent="0.2">
      <c r="B3223" s="43"/>
      <c r="C3223" s="73"/>
      <c r="D3223" s="64"/>
      <c r="E3223" s="55"/>
      <c r="F3223" s="74"/>
      <c r="G3223" s="74"/>
      <c r="H3223" s="74"/>
      <c r="I3223" s="75"/>
      <c r="J3223" s="74"/>
      <c r="L3223" s="55"/>
      <c r="M3223" s="234"/>
      <c r="N3223" s="65"/>
      <c r="O3223" s="76"/>
      <c r="P3223" s="76"/>
      <c r="Q3223" s="65"/>
      <c r="R3223" s="76"/>
      <c r="S3223" s="76"/>
      <c r="T3223" s="76"/>
      <c r="U3223" s="76"/>
      <c r="V3223" s="76"/>
      <c r="W3223" s="76"/>
      <c r="X3223" s="76"/>
      <c r="Y3223" s="76"/>
      <c r="Z3223" s="76"/>
      <c r="AA3223" s="85"/>
      <c r="AB3223" s="85"/>
      <c r="AC3223" s="85"/>
      <c r="AD3223" s="85"/>
      <c r="AE3223" s="85"/>
      <c r="AF3223" s="85"/>
      <c r="AG3223" s="86"/>
      <c r="AH3223" s="85"/>
      <c r="AI3223" s="85"/>
      <c r="AJ3223" s="85"/>
      <c r="AK3223" s="85"/>
      <c r="AL3223" s="85"/>
      <c r="AM3223" s="92"/>
      <c r="AN3223" s="92"/>
      <c r="AO3223" s="92"/>
      <c r="AP3223" s="92"/>
      <c r="AQ3223" s="92"/>
      <c r="AR3223" s="92"/>
      <c r="AS3223" s="92"/>
      <c r="AT3223" s="92"/>
      <c r="AU3223" s="92"/>
      <c r="AV3223" s="92"/>
      <c r="AW3223" s="92"/>
      <c r="AX3223" s="92"/>
      <c r="AY3223" s="92"/>
      <c r="AZ3223" s="93"/>
      <c r="BA3223" s="93"/>
      <c r="BB3223" s="93"/>
      <c r="BC3223" s="93"/>
      <c r="BD3223" s="93"/>
      <c r="BE3223" s="93"/>
      <c r="BF3223" s="93"/>
      <c r="BG3223" s="93"/>
      <c r="BH3223" s="93"/>
      <c r="BI3223" s="93"/>
      <c r="BJ3223" s="93"/>
      <c r="BK3223" s="93"/>
      <c r="BL3223" s="93"/>
    </row>
    <row r="3224" spans="2:64" x14ac:dyDescent="0.2">
      <c r="B3224" s="43"/>
      <c r="C3224" s="73"/>
      <c r="D3224" s="64"/>
      <c r="E3224" s="55"/>
      <c r="F3224" s="74"/>
      <c r="G3224" s="74"/>
      <c r="H3224" s="74"/>
      <c r="I3224" s="75"/>
      <c r="J3224" s="74"/>
      <c r="L3224" s="55"/>
      <c r="M3224" s="234"/>
      <c r="N3224" s="65"/>
      <c r="O3224" s="76"/>
      <c r="P3224" s="76"/>
      <c r="Q3224" s="65"/>
      <c r="R3224" s="76"/>
      <c r="S3224" s="76"/>
      <c r="T3224" s="76"/>
      <c r="U3224" s="76"/>
      <c r="V3224" s="76"/>
      <c r="W3224" s="76"/>
      <c r="X3224" s="76"/>
      <c r="Y3224" s="76"/>
      <c r="Z3224" s="76"/>
      <c r="AA3224" s="85"/>
      <c r="AB3224" s="85"/>
      <c r="AC3224" s="85"/>
      <c r="AD3224" s="85"/>
      <c r="AE3224" s="85"/>
      <c r="AF3224" s="85"/>
      <c r="AG3224" s="86"/>
      <c r="AH3224" s="85"/>
      <c r="AI3224" s="85"/>
      <c r="AJ3224" s="85"/>
      <c r="AK3224" s="85"/>
      <c r="AL3224" s="85"/>
      <c r="AM3224" s="92"/>
      <c r="AN3224" s="92"/>
      <c r="AO3224" s="92"/>
      <c r="AP3224" s="92"/>
      <c r="AQ3224" s="92"/>
      <c r="AR3224" s="92"/>
      <c r="AS3224" s="92"/>
      <c r="AT3224" s="92"/>
      <c r="AU3224" s="92"/>
      <c r="AV3224" s="92"/>
      <c r="AW3224" s="92"/>
      <c r="AX3224" s="92"/>
      <c r="AY3224" s="92"/>
      <c r="AZ3224" s="93"/>
      <c r="BA3224" s="93"/>
      <c r="BB3224" s="93"/>
      <c r="BC3224" s="93"/>
      <c r="BD3224" s="93"/>
      <c r="BE3224" s="93"/>
      <c r="BF3224" s="93"/>
      <c r="BG3224" s="93"/>
      <c r="BH3224" s="93"/>
      <c r="BI3224" s="93"/>
      <c r="BJ3224" s="93"/>
      <c r="BK3224" s="93"/>
      <c r="BL3224" s="93"/>
    </row>
    <row r="3225" spans="2:64" x14ac:dyDescent="0.2">
      <c r="B3225" s="43"/>
      <c r="C3225" s="73"/>
      <c r="D3225" s="64"/>
      <c r="E3225" s="55"/>
      <c r="F3225" s="74"/>
      <c r="G3225" s="74"/>
      <c r="H3225" s="74"/>
      <c r="I3225" s="75"/>
      <c r="J3225" s="74"/>
      <c r="L3225" s="55"/>
      <c r="M3225" s="234"/>
      <c r="N3225" s="65"/>
      <c r="O3225" s="76"/>
      <c r="P3225" s="76"/>
      <c r="Q3225" s="65"/>
      <c r="R3225" s="76"/>
      <c r="S3225" s="76"/>
      <c r="T3225" s="76"/>
      <c r="U3225" s="76"/>
      <c r="V3225" s="76"/>
      <c r="W3225" s="76"/>
      <c r="X3225" s="76"/>
      <c r="Y3225" s="76"/>
      <c r="Z3225" s="76"/>
      <c r="AA3225" s="85"/>
      <c r="AB3225" s="85"/>
      <c r="AC3225" s="85"/>
      <c r="AD3225" s="85"/>
      <c r="AE3225" s="85"/>
      <c r="AF3225" s="85"/>
      <c r="AG3225" s="86"/>
      <c r="AH3225" s="85"/>
      <c r="AI3225" s="85"/>
      <c r="AJ3225" s="85"/>
      <c r="AK3225" s="85"/>
      <c r="AL3225" s="85"/>
      <c r="AM3225" s="92"/>
      <c r="AN3225" s="92"/>
      <c r="AO3225" s="92"/>
      <c r="AP3225" s="92"/>
      <c r="AQ3225" s="92"/>
      <c r="AR3225" s="92"/>
      <c r="AS3225" s="92"/>
      <c r="AT3225" s="92"/>
      <c r="AU3225" s="92"/>
      <c r="AV3225" s="92"/>
      <c r="AW3225" s="92"/>
      <c r="AX3225" s="92"/>
      <c r="AY3225" s="92"/>
      <c r="AZ3225" s="93"/>
      <c r="BA3225" s="93"/>
      <c r="BB3225" s="93"/>
      <c r="BC3225" s="93"/>
      <c r="BD3225" s="93"/>
      <c r="BE3225" s="93"/>
      <c r="BF3225" s="93"/>
      <c r="BG3225" s="93"/>
      <c r="BH3225" s="93"/>
      <c r="BI3225" s="93"/>
      <c r="BJ3225" s="93"/>
      <c r="BK3225" s="93"/>
      <c r="BL3225" s="93"/>
    </row>
    <row r="3226" spans="2:64" x14ac:dyDescent="0.2">
      <c r="B3226" s="43"/>
      <c r="C3226" s="73"/>
      <c r="D3226" s="64"/>
      <c r="E3226" s="55"/>
      <c r="F3226" s="74"/>
      <c r="G3226" s="74"/>
      <c r="H3226" s="74"/>
      <c r="I3226" s="75"/>
      <c r="J3226" s="74"/>
      <c r="L3226" s="55"/>
      <c r="M3226" s="234"/>
      <c r="N3226" s="65"/>
      <c r="O3226" s="76"/>
      <c r="P3226" s="76"/>
      <c r="Q3226" s="65"/>
      <c r="R3226" s="76"/>
      <c r="S3226" s="76"/>
      <c r="T3226" s="76"/>
      <c r="U3226" s="76"/>
      <c r="V3226" s="76"/>
      <c r="W3226" s="76"/>
      <c r="X3226" s="76"/>
      <c r="Y3226" s="76"/>
      <c r="Z3226" s="76"/>
      <c r="AA3226" s="85"/>
      <c r="AB3226" s="85"/>
      <c r="AC3226" s="85"/>
      <c r="AD3226" s="85"/>
      <c r="AE3226" s="85"/>
      <c r="AF3226" s="85"/>
      <c r="AG3226" s="86"/>
      <c r="AH3226" s="85"/>
      <c r="AI3226" s="85"/>
      <c r="AJ3226" s="85"/>
      <c r="AK3226" s="85"/>
      <c r="AL3226" s="85"/>
      <c r="AM3226" s="92"/>
      <c r="AN3226" s="92"/>
      <c r="AO3226" s="92"/>
      <c r="AP3226" s="92"/>
      <c r="AQ3226" s="92"/>
      <c r="AR3226" s="92"/>
      <c r="AS3226" s="92"/>
      <c r="AT3226" s="92"/>
      <c r="AU3226" s="92"/>
      <c r="AV3226" s="92"/>
      <c r="AW3226" s="92"/>
      <c r="AX3226" s="92"/>
      <c r="AY3226" s="92"/>
      <c r="AZ3226" s="93"/>
      <c r="BA3226" s="93"/>
      <c r="BB3226" s="93"/>
      <c r="BC3226" s="93"/>
      <c r="BD3226" s="93"/>
      <c r="BE3226" s="93"/>
      <c r="BF3226" s="93"/>
      <c r="BG3226" s="93"/>
      <c r="BH3226" s="93"/>
      <c r="BI3226" s="93"/>
      <c r="BJ3226" s="93"/>
      <c r="BK3226" s="93"/>
      <c r="BL3226" s="93"/>
    </row>
    <row r="3227" spans="2:64" x14ac:dyDescent="0.2">
      <c r="B3227" s="43"/>
      <c r="C3227" s="73"/>
      <c r="D3227" s="64"/>
      <c r="E3227" s="55"/>
      <c r="F3227" s="74"/>
      <c r="G3227" s="74"/>
      <c r="H3227" s="74"/>
      <c r="I3227" s="75"/>
      <c r="J3227" s="74"/>
      <c r="L3227" s="55"/>
      <c r="M3227" s="234"/>
      <c r="N3227" s="65"/>
      <c r="O3227" s="76"/>
      <c r="P3227" s="76"/>
      <c r="Q3227" s="65"/>
      <c r="R3227" s="76"/>
      <c r="S3227" s="76"/>
      <c r="T3227" s="76"/>
      <c r="U3227" s="76"/>
      <c r="V3227" s="76"/>
      <c r="W3227" s="76"/>
      <c r="X3227" s="76"/>
      <c r="Y3227" s="76"/>
      <c r="Z3227" s="76"/>
      <c r="AA3227" s="85"/>
      <c r="AB3227" s="85"/>
      <c r="AC3227" s="85"/>
      <c r="AD3227" s="85"/>
      <c r="AE3227" s="85"/>
      <c r="AF3227" s="85"/>
      <c r="AG3227" s="86"/>
      <c r="AH3227" s="85"/>
      <c r="AI3227" s="85"/>
      <c r="AJ3227" s="85"/>
      <c r="AK3227" s="85"/>
      <c r="AL3227" s="85"/>
      <c r="AM3227" s="92"/>
      <c r="AN3227" s="92"/>
      <c r="AO3227" s="92"/>
      <c r="AP3227" s="92"/>
      <c r="AQ3227" s="92"/>
      <c r="AR3227" s="92"/>
      <c r="AS3227" s="92"/>
      <c r="AT3227" s="92"/>
      <c r="AU3227" s="92"/>
      <c r="AV3227" s="92"/>
      <c r="AW3227" s="92"/>
      <c r="AX3227" s="92"/>
      <c r="AY3227" s="92"/>
      <c r="AZ3227" s="93"/>
      <c r="BA3227" s="93"/>
      <c r="BB3227" s="93"/>
      <c r="BC3227" s="93"/>
      <c r="BD3227" s="93"/>
      <c r="BE3227" s="93"/>
      <c r="BF3227" s="93"/>
      <c r="BG3227" s="93"/>
      <c r="BH3227" s="93"/>
      <c r="BI3227" s="93"/>
      <c r="BJ3227" s="93"/>
      <c r="BK3227" s="93"/>
      <c r="BL3227" s="93"/>
    </row>
    <row r="3228" spans="2:64" x14ac:dyDescent="0.2">
      <c r="B3228" s="43"/>
      <c r="C3228" s="73"/>
      <c r="D3228" s="64"/>
      <c r="E3228" s="55"/>
      <c r="F3228" s="74"/>
      <c r="G3228" s="74"/>
      <c r="H3228" s="74"/>
      <c r="I3228" s="75"/>
      <c r="J3228" s="74"/>
      <c r="L3228" s="55"/>
      <c r="M3228" s="234"/>
      <c r="N3228" s="65"/>
      <c r="O3228" s="76"/>
      <c r="P3228" s="76"/>
      <c r="Q3228" s="65"/>
      <c r="R3228" s="76"/>
      <c r="S3228" s="76"/>
      <c r="T3228" s="76"/>
      <c r="U3228" s="76"/>
      <c r="V3228" s="76"/>
      <c r="W3228" s="76"/>
      <c r="X3228" s="76"/>
      <c r="Y3228" s="76"/>
      <c r="Z3228" s="76"/>
      <c r="AA3228" s="85"/>
      <c r="AB3228" s="85"/>
      <c r="AC3228" s="85"/>
      <c r="AD3228" s="85"/>
      <c r="AE3228" s="85"/>
      <c r="AF3228" s="85"/>
      <c r="AG3228" s="86"/>
      <c r="AH3228" s="85"/>
      <c r="AI3228" s="85"/>
      <c r="AJ3228" s="85"/>
      <c r="AK3228" s="85"/>
      <c r="AL3228" s="85"/>
      <c r="AM3228" s="92"/>
      <c r="AN3228" s="92"/>
      <c r="AO3228" s="92"/>
      <c r="AP3228" s="92"/>
      <c r="AQ3228" s="92"/>
      <c r="AR3228" s="92"/>
      <c r="AS3228" s="92"/>
      <c r="AT3228" s="92"/>
      <c r="AU3228" s="92"/>
      <c r="AV3228" s="92"/>
      <c r="AW3228" s="92"/>
      <c r="AX3228" s="92"/>
      <c r="AY3228" s="92"/>
      <c r="AZ3228" s="93"/>
      <c r="BA3228" s="93"/>
      <c r="BB3228" s="93"/>
      <c r="BC3228" s="93"/>
      <c r="BD3228" s="93"/>
      <c r="BE3228" s="93"/>
      <c r="BF3228" s="93"/>
      <c r="BG3228" s="93"/>
      <c r="BH3228" s="93"/>
      <c r="BI3228" s="93"/>
      <c r="BJ3228" s="93"/>
      <c r="BK3228" s="93"/>
      <c r="BL3228" s="93"/>
    </row>
    <row r="3229" spans="2:64" x14ac:dyDescent="0.2">
      <c r="B3229" s="43"/>
      <c r="C3229" s="73"/>
      <c r="D3229" s="64"/>
      <c r="E3229" s="55"/>
      <c r="F3229" s="74"/>
      <c r="G3229" s="74"/>
      <c r="H3229" s="74"/>
      <c r="I3229" s="75"/>
      <c r="J3229" s="74"/>
      <c r="L3229" s="55"/>
      <c r="M3229" s="234"/>
      <c r="N3229" s="65"/>
      <c r="O3229" s="76"/>
      <c r="P3229" s="76"/>
      <c r="Q3229" s="65"/>
      <c r="R3229" s="76"/>
      <c r="S3229" s="76"/>
      <c r="T3229" s="76"/>
      <c r="U3229" s="76"/>
      <c r="V3229" s="76"/>
      <c r="W3229" s="76"/>
      <c r="X3229" s="76"/>
      <c r="Y3229" s="76"/>
      <c r="Z3229" s="76"/>
      <c r="AA3229" s="85"/>
      <c r="AB3229" s="85"/>
      <c r="AC3229" s="85"/>
      <c r="AD3229" s="85"/>
      <c r="AE3229" s="85"/>
      <c r="AF3229" s="85"/>
      <c r="AG3229" s="86"/>
      <c r="AH3229" s="85"/>
      <c r="AI3229" s="85"/>
      <c r="AJ3229" s="85"/>
      <c r="AK3229" s="85"/>
      <c r="AL3229" s="85"/>
      <c r="AM3229" s="92"/>
      <c r="AN3229" s="92"/>
      <c r="AO3229" s="92"/>
      <c r="AP3229" s="92"/>
      <c r="AQ3229" s="92"/>
      <c r="AR3229" s="92"/>
      <c r="AS3229" s="92"/>
      <c r="AT3229" s="92"/>
      <c r="AU3229" s="92"/>
      <c r="AV3229" s="92"/>
      <c r="AW3229" s="92"/>
      <c r="AX3229" s="92"/>
      <c r="AY3229" s="92"/>
      <c r="AZ3229" s="93"/>
      <c r="BA3229" s="93"/>
      <c r="BB3229" s="93"/>
      <c r="BC3229" s="93"/>
      <c r="BD3229" s="93"/>
      <c r="BE3229" s="93"/>
      <c r="BF3229" s="93"/>
      <c r="BG3229" s="93"/>
      <c r="BH3229" s="93"/>
      <c r="BI3229" s="93"/>
      <c r="BJ3229" s="93"/>
      <c r="BK3229" s="93"/>
      <c r="BL3229" s="93"/>
    </row>
    <row r="3230" spans="2:64" x14ac:dyDescent="0.2">
      <c r="B3230" s="43"/>
      <c r="C3230" s="73"/>
      <c r="D3230" s="64"/>
      <c r="E3230" s="55"/>
      <c r="F3230" s="74"/>
      <c r="G3230" s="74"/>
      <c r="H3230" s="74"/>
      <c r="I3230" s="75"/>
      <c r="J3230" s="74"/>
      <c r="L3230" s="55"/>
      <c r="M3230" s="234"/>
      <c r="N3230" s="65"/>
      <c r="O3230" s="76"/>
      <c r="P3230" s="76"/>
      <c r="Q3230" s="65"/>
      <c r="R3230" s="76"/>
      <c r="S3230" s="76"/>
      <c r="T3230" s="76"/>
      <c r="U3230" s="76"/>
      <c r="V3230" s="76"/>
      <c r="W3230" s="76"/>
      <c r="X3230" s="76"/>
      <c r="Y3230" s="76"/>
      <c r="Z3230" s="76"/>
      <c r="AA3230" s="85"/>
      <c r="AB3230" s="85"/>
      <c r="AC3230" s="85"/>
      <c r="AD3230" s="85"/>
      <c r="AE3230" s="85"/>
      <c r="AF3230" s="85"/>
      <c r="AG3230" s="86"/>
      <c r="AH3230" s="85"/>
      <c r="AI3230" s="85"/>
      <c r="AJ3230" s="85"/>
      <c r="AK3230" s="85"/>
      <c r="AL3230" s="85"/>
      <c r="AM3230" s="92"/>
      <c r="AN3230" s="92"/>
      <c r="AO3230" s="92"/>
      <c r="AP3230" s="92"/>
      <c r="AQ3230" s="92"/>
      <c r="AR3230" s="92"/>
      <c r="AS3230" s="92"/>
      <c r="AT3230" s="92"/>
      <c r="AU3230" s="92"/>
      <c r="AV3230" s="92"/>
      <c r="AW3230" s="92"/>
      <c r="AX3230" s="92"/>
      <c r="AY3230" s="92"/>
      <c r="AZ3230" s="93"/>
      <c r="BA3230" s="93"/>
      <c r="BB3230" s="93"/>
      <c r="BC3230" s="93"/>
      <c r="BD3230" s="93"/>
      <c r="BE3230" s="93"/>
      <c r="BF3230" s="93"/>
      <c r="BG3230" s="93"/>
      <c r="BH3230" s="93"/>
      <c r="BI3230" s="93"/>
      <c r="BJ3230" s="93"/>
      <c r="BK3230" s="93"/>
      <c r="BL3230" s="93"/>
    </row>
    <row r="3231" spans="2:64" x14ac:dyDescent="0.2">
      <c r="B3231" s="43"/>
      <c r="C3231" s="73"/>
      <c r="D3231" s="64"/>
      <c r="E3231" s="55"/>
      <c r="F3231" s="74"/>
      <c r="G3231" s="74"/>
      <c r="H3231" s="74"/>
      <c r="I3231" s="75"/>
      <c r="J3231" s="74"/>
      <c r="L3231" s="55"/>
      <c r="M3231" s="234"/>
      <c r="N3231" s="65"/>
      <c r="O3231" s="76"/>
      <c r="P3231" s="76"/>
      <c r="Q3231" s="65"/>
      <c r="R3231" s="76"/>
      <c r="S3231" s="76"/>
      <c r="T3231" s="76"/>
      <c r="U3231" s="76"/>
      <c r="V3231" s="76"/>
      <c r="W3231" s="76"/>
      <c r="X3231" s="76"/>
      <c r="Y3231" s="76"/>
      <c r="Z3231" s="76"/>
      <c r="AA3231" s="85"/>
      <c r="AB3231" s="85"/>
      <c r="AC3231" s="85"/>
      <c r="AD3231" s="85"/>
      <c r="AE3231" s="85"/>
      <c r="AF3231" s="85"/>
      <c r="AG3231" s="86"/>
      <c r="AH3231" s="85"/>
      <c r="AI3231" s="85"/>
      <c r="AJ3231" s="85"/>
      <c r="AK3231" s="85"/>
      <c r="AL3231" s="85"/>
      <c r="AM3231" s="92"/>
      <c r="AN3231" s="92"/>
      <c r="AO3231" s="92"/>
      <c r="AP3231" s="92"/>
      <c r="AQ3231" s="92"/>
      <c r="AR3231" s="92"/>
      <c r="AS3231" s="92"/>
      <c r="AT3231" s="92"/>
      <c r="AU3231" s="92"/>
      <c r="AV3231" s="92"/>
      <c r="AW3231" s="92"/>
      <c r="AX3231" s="92"/>
      <c r="AY3231" s="92"/>
      <c r="AZ3231" s="93"/>
      <c r="BA3231" s="93"/>
      <c r="BB3231" s="93"/>
      <c r="BC3231" s="93"/>
      <c r="BD3231" s="93"/>
      <c r="BE3231" s="93"/>
      <c r="BF3231" s="93"/>
      <c r="BG3231" s="93"/>
      <c r="BH3231" s="93"/>
      <c r="BI3231" s="93"/>
      <c r="BJ3231" s="93"/>
      <c r="BK3231" s="93"/>
      <c r="BL3231" s="93"/>
    </row>
    <row r="3232" spans="2:64" x14ac:dyDescent="0.2">
      <c r="B3232" s="43"/>
      <c r="C3232" s="73"/>
      <c r="D3232" s="64"/>
      <c r="E3232" s="55"/>
      <c r="F3232" s="74"/>
      <c r="G3232" s="74"/>
      <c r="H3232" s="74"/>
      <c r="I3232" s="75"/>
      <c r="J3232" s="74"/>
      <c r="L3232" s="55"/>
      <c r="M3232" s="234"/>
      <c r="N3232" s="65"/>
      <c r="O3232" s="76"/>
      <c r="P3232" s="76"/>
      <c r="Q3232" s="65"/>
      <c r="R3232" s="76"/>
      <c r="S3232" s="76"/>
      <c r="T3232" s="76"/>
      <c r="U3232" s="76"/>
      <c r="V3232" s="76"/>
      <c r="W3232" s="76"/>
      <c r="X3232" s="76"/>
      <c r="Y3232" s="76"/>
      <c r="Z3232" s="76"/>
      <c r="AA3232" s="85"/>
      <c r="AB3232" s="85"/>
      <c r="AC3232" s="85"/>
      <c r="AD3232" s="85"/>
      <c r="AE3232" s="85"/>
      <c r="AF3232" s="85"/>
      <c r="AG3232" s="86"/>
      <c r="AH3232" s="85"/>
      <c r="AI3232" s="85"/>
      <c r="AJ3232" s="85"/>
      <c r="AK3232" s="85"/>
      <c r="AL3232" s="85"/>
      <c r="AM3232" s="92"/>
      <c r="AN3232" s="92"/>
      <c r="AO3232" s="92"/>
      <c r="AP3232" s="92"/>
      <c r="AQ3232" s="92"/>
      <c r="AR3232" s="92"/>
      <c r="AS3232" s="92"/>
      <c r="AT3232" s="92"/>
      <c r="AU3232" s="92"/>
      <c r="AV3232" s="92"/>
      <c r="AW3232" s="92"/>
      <c r="AX3232" s="92"/>
      <c r="AY3232" s="92"/>
      <c r="AZ3232" s="93"/>
      <c r="BA3232" s="93"/>
      <c r="BB3232" s="93"/>
      <c r="BC3232" s="93"/>
      <c r="BD3232" s="93"/>
      <c r="BE3232" s="93"/>
      <c r="BF3232" s="93"/>
      <c r="BG3232" s="93"/>
      <c r="BH3232" s="93"/>
      <c r="BI3232" s="93"/>
      <c r="BJ3232" s="93"/>
      <c r="BK3232" s="93"/>
      <c r="BL3232" s="93"/>
    </row>
    <row r="3233" spans="2:64" x14ac:dyDescent="0.2">
      <c r="B3233" s="43"/>
      <c r="C3233" s="73"/>
      <c r="D3233" s="64"/>
      <c r="E3233" s="55"/>
      <c r="F3233" s="74"/>
      <c r="G3233" s="74"/>
      <c r="H3233" s="74"/>
      <c r="I3233" s="75"/>
      <c r="J3233" s="74"/>
      <c r="L3233" s="55"/>
      <c r="M3233" s="234"/>
      <c r="N3233" s="65"/>
      <c r="O3233" s="76"/>
      <c r="P3233" s="76"/>
      <c r="Q3233" s="65"/>
      <c r="R3233" s="76"/>
      <c r="S3233" s="76"/>
      <c r="T3233" s="76"/>
      <c r="U3233" s="76"/>
      <c r="V3233" s="76"/>
      <c r="W3233" s="76"/>
      <c r="X3233" s="76"/>
      <c r="Y3233" s="76"/>
      <c r="Z3233" s="76"/>
      <c r="AA3233" s="85"/>
      <c r="AB3233" s="85"/>
      <c r="AC3233" s="85"/>
      <c r="AD3233" s="85"/>
      <c r="AE3233" s="85"/>
      <c r="AF3233" s="85"/>
      <c r="AG3233" s="86"/>
      <c r="AH3233" s="85"/>
      <c r="AI3233" s="85"/>
      <c r="AJ3233" s="85"/>
      <c r="AK3233" s="85"/>
      <c r="AL3233" s="85"/>
      <c r="AM3233" s="92"/>
      <c r="AN3233" s="92"/>
      <c r="AO3233" s="92"/>
      <c r="AP3233" s="92"/>
      <c r="AQ3233" s="92"/>
      <c r="AR3233" s="92"/>
      <c r="AS3233" s="92"/>
      <c r="AT3233" s="92"/>
      <c r="AU3233" s="92"/>
      <c r="AV3233" s="92"/>
      <c r="AW3233" s="92"/>
      <c r="AX3233" s="92"/>
      <c r="AY3233" s="92"/>
      <c r="AZ3233" s="93"/>
      <c r="BA3233" s="93"/>
      <c r="BB3233" s="93"/>
      <c r="BC3233" s="93"/>
      <c r="BD3233" s="93"/>
      <c r="BE3233" s="93"/>
      <c r="BF3233" s="93"/>
      <c r="BG3233" s="93"/>
      <c r="BH3233" s="93"/>
      <c r="BI3233" s="93"/>
      <c r="BJ3233" s="93"/>
      <c r="BK3233" s="93"/>
      <c r="BL3233" s="93"/>
    </row>
    <row r="3234" spans="2:64" x14ac:dyDescent="0.2">
      <c r="B3234" s="43"/>
      <c r="C3234" s="73"/>
      <c r="D3234" s="64"/>
      <c r="E3234" s="55"/>
      <c r="F3234" s="74"/>
      <c r="G3234" s="74"/>
      <c r="H3234" s="74"/>
      <c r="I3234" s="75"/>
      <c r="J3234" s="74"/>
      <c r="L3234" s="55"/>
      <c r="M3234" s="234"/>
      <c r="N3234" s="65"/>
      <c r="O3234" s="76"/>
      <c r="P3234" s="76"/>
      <c r="Q3234" s="65"/>
      <c r="R3234" s="76"/>
      <c r="S3234" s="76"/>
      <c r="T3234" s="76"/>
      <c r="U3234" s="76"/>
      <c r="V3234" s="76"/>
      <c r="W3234" s="76"/>
      <c r="X3234" s="76"/>
      <c r="Y3234" s="76"/>
      <c r="Z3234" s="76"/>
      <c r="AA3234" s="85"/>
      <c r="AB3234" s="85"/>
      <c r="AC3234" s="85"/>
      <c r="AD3234" s="85"/>
      <c r="AE3234" s="85"/>
      <c r="AF3234" s="85"/>
      <c r="AG3234" s="86"/>
      <c r="AH3234" s="85"/>
      <c r="AI3234" s="85"/>
      <c r="AJ3234" s="85"/>
      <c r="AK3234" s="85"/>
      <c r="AL3234" s="85"/>
      <c r="AM3234" s="92"/>
      <c r="AN3234" s="92"/>
      <c r="AO3234" s="92"/>
      <c r="AP3234" s="92"/>
      <c r="AQ3234" s="92"/>
      <c r="AR3234" s="92"/>
      <c r="AS3234" s="92"/>
      <c r="AT3234" s="92"/>
      <c r="AU3234" s="92"/>
      <c r="AV3234" s="92"/>
      <c r="AW3234" s="92"/>
      <c r="AX3234" s="92"/>
      <c r="AY3234" s="92"/>
      <c r="AZ3234" s="93"/>
      <c r="BA3234" s="93"/>
      <c r="BB3234" s="93"/>
      <c r="BC3234" s="93"/>
      <c r="BD3234" s="93"/>
      <c r="BE3234" s="93"/>
      <c r="BF3234" s="93"/>
      <c r="BG3234" s="93"/>
      <c r="BH3234" s="93"/>
      <c r="BI3234" s="93"/>
      <c r="BJ3234" s="93"/>
      <c r="BK3234" s="93"/>
      <c r="BL3234" s="93"/>
    </row>
    <row r="3235" spans="2:64" x14ac:dyDescent="0.2">
      <c r="B3235" s="43"/>
      <c r="C3235" s="73"/>
      <c r="D3235" s="64"/>
      <c r="E3235" s="55"/>
      <c r="F3235" s="74"/>
      <c r="G3235" s="74"/>
      <c r="H3235" s="74"/>
      <c r="I3235" s="75"/>
      <c r="J3235" s="74"/>
      <c r="L3235" s="55"/>
      <c r="M3235" s="234"/>
      <c r="N3235" s="65"/>
      <c r="O3235" s="76"/>
      <c r="P3235" s="76"/>
      <c r="Q3235" s="65"/>
      <c r="R3235" s="76"/>
      <c r="S3235" s="76"/>
      <c r="T3235" s="76"/>
      <c r="U3235" s="76"/>
      <c r="V3235" s="76"/>
      <c r="W3235" s="76"/>
      <c r="X3235" s="76"/>
      <c r="Y3235" s="76"/>
      <c r="Z3235" s="76"/>
      <c r="AA3235" s="85"/>
      <c r="AB3235" s="85"/>
      <c r="AC3235" s="85"/>
      <c r="AD3235" s="85"/>
      <c r="AE3235" s="85"/>
      <c r="AF3235" s="85"/>
      <c r="AG3235" s="86"/>
      <c r="AH3235" s="85"/>
      <c r="AI3235" s="85"/>
      <c r="AJ3235" s="85"/>
      <c r="AK3235" s="85"/>
      <c r="AL3235" s="85"/>
      <c r="AM3235" s="92"/>
      <c r="AN3235" s="92"/>
      <c r="AO3235" s="92"/>
      <c r="AP3235" s="92"/>
      <c r="AQ3235" s="92"/>
      <c r="AR3235" s="92"/>
      <c r="AS3235" s="92"/>
      <c r="AT3235" s="92"/>
      <c r="AU3235" s="92"/>
      <c r="AV3235" s="92"/>
      <c r="AW3235" s="92"/>
      <c r="AX3235" s="92"/>
      <c r="AY3235" s="92"/>
      <c r="AZ3235" s="93"/>
      <c r="BA3235" s="93"/>
      <c r="BB3235" s="93"/>
      <c r="BC3235" s="93"/>
      <c r="BD3235" s="93"/>
      <c r="BE3235" s="93"/>
      <c r="BF3235" s="93"/>
      <c r="BG3235" s="93"/>
      <c r="BH3235" s="93"/>
      <c r="BI3235" s="93"/>
      <c r="BJ3235" s="93"/>
      <c r="BK3235" s="93"/>
      <c r="BL3235" s="93"/>
    </row>
    <row r="3236" spans="2:64" x14ac:dyDescent="0.2">
      <c r="B3236" s="43"/>
      <c r="C3236" s="73"/>
      <c r="D3236" s="64"/>
      <c r="E3236" s="55"/>
      <c r="F3236" s="74"/>
      <c r="G3236" s="74"/>
      <c r="H3236" s="74"/>
      <c r="I3236" s="75"/>
      <c r="J3236" s="74"/>
      <c r="L3236" s="55"/>
      <c r="M3236" s="234"/>
      <c r="N3236" s="65"/>
      <c r="O3236" s="76"/>
      <c r="P3236" s="76"/>
      <c r="Q3236" s="65"/>
      <c r="R3236" s="76"/>
      <c r="S3236" s="76"/>
      <c r="T3236" s="76"/>
      <c r="U3236" s="76"/>
      <c r="V3236" s="76"/>
      <c r="W3236" s="76"/>
      <c r="X3236" s="76"/>
      <c r="Y3236" s="76"/>
      <c r="Z3236" s="76"/>
      <c r="AA3236" s="85"/>
      <c r="AB3236" s="85"/>
      <c r="AC3236" s="85"/>
      <c r="AD3236" s="85"/>
      <c r="AE3236" s="85"/>
      <c r="AF3236" s="85"/>
      <c r="AG3236" s="86"/>
      <c r="AH3236" s="85"/>
      <c r="AI3236" s="85"/>
      <c r="AJ3236" s="85"/>
      <c r="AK3236" s="85"/>
      <c r="AL3236" s="85"/>
      <c r="AM3236" s="92"/>
      <c r="AN3236" s="92"/>
      <c r="AO3236" s="92"/>
      <c r="AP3236" s="92"/>
      <c r="AQ3236" s="92"/>
      <c r="AR3236" s="92"/>
      <c r="AS3236" s="92"/>
      <c r="AT3236" s="92"/>
      <c r="AU3236" s="92"/>
      <c r="AV3236" s="92"/>
      <c r="AW3236" s="92"/>
      <c r="AX3236" s="92"/>
      <c r="AY3236" s="92"/>
      <c r="AZ3236" s="93"/>
      <c r="BA3236" s="93"/>
      <c r="BB3236" s="93"/>
      <c r="BC3236" s="93"/>
      <c r="BD3236" s="93"/>
      <c r="BE3236" s="93"/>
      <c r="BF3236" s="93"/>
      <c r="BG3236" s="93"/>
      <c r="BH3236" s="93"/>
      <c r="BI3236" s="93"/>
      <c r="BJ3236" s="93"/>
      <c r="BK3236" s="93"/>
      <c r="BL3236" s="93"/>
    </row>
    <row r="3237" spans="2:64" x14ac:dyDescent="0.2">
      <c r="B3237" s="43"/>
      <c r="C3237" s="73"/>
      <c r="D3237" s="64"/>
      <c r="E3237" s="55"/>
      <c r="F3237" s="74"/>
      <c r="G3237" s="74"/>
      <c r="H3237" s="74"/>
      <c r="I3237" s="75"/>
      <c r="J3237" s="74"/>
      <c r="L3237" s="55"/>
      <c r="M3237" s="234"/>
      <c r="N3237" s="65"/>
      <c r="O3237" s="76"/>
      <c r="P3237" s="76"/>
      <c r="Q3237" s="65"/>
      <c r="R3237" s="76"/>
      <c r="S3237" s="76"/>
      <c r="T3237" s="76"/>
      <c r="U3237" s="76"/>
      <c r="V3237" s="76"/>
      <c r="W3237" s="76"/>
      <c r="X3237" s="76"/>
      <c r="Y3237" s="76"/>
      <c r="Z3237" s="76"/>
      <c r="AA3237" s="85"/>
      <c r="AB3237" s="85"/>
      <c r="AC3237" s="85"/>
      <c r="AD3237" s="85"/>
      <c r="AE3237" s="85"/>
      <c r="AF3237" s="85"/>
      <c r="AG3237" s="86"/>
      <c r="AH3237" s="85"/>
      <c r="AI3237" s="85"/>
      <c r="AJ3237" s="85"/>
      <c r="AK3237" s="85"/>
      <c r="AL3237" s="85"/>
      <c r="AM3237" s="92"/>
      <c r="AN3237" s="92"/>
      <c r="AO3237" s="92"/>
      <c r="AP3237" s="92"/>
      <c r="AQ3237" s="92"/>
      <c r="AR3237" s="92"/>
      <c r="AS3237" s="92"/>
      <c r="AT3237" s="92"/>
      <c r="AU3237" s="92"/>
      <c r="AV3237" s="92"/>
      <c r="AW3237" s="92"/>
      <c r="AX3237" s="92"/>
      <c r="AY3237" s="92"/>
      <c r="AZ3237" s="93"/>
      <c r="BA3237" s="93"/>
      <c r="BB3237" s="93"/>
      <c r="BC3237" s="93"/>
      <c r="BD3237" s="93"/>
      <c r="BE3237" s="93"/>
      <c r="BF3237" s="93"/>
      <c r="BG3237" s="93"/>
      <c r="BH3237" s="93"/>
      <c r="BI3237" s="93"/>
      <c r="BJ3237" s="93"/>
      <c r="BK3237" s="93"/>
      <c r="BL3237" s="93"/>
    </row>
    <row r="3238" spans="2:64" x14ac:dyDescent="0.2">
      <c r="B3238" s="43"/>
      <c r="C3238" s="73"/>
      <c r="D3238" s="64"/>
      <c r="E3238" s="55"/>
      <c r="F3238" s="74"/>
      <c r="G3238" s="74"/>
      <c r="H3238" s="74"/>
      <c r="I3238" s="75"/>
      <c r="J3238" s="74"/>
      <c r="L3238" s="55"/>
      <c r="M3238" s="234"/>
      <c r="N3238" s="65"/>
      <c r="O3238" s="76"/>
      <c r="P3238" s="76"/>
      <c r="Q3238" s="65"/>
      <c r="R3238" s="76"/>
      <c r="S3238" s="76"/>
      <c r="T3238" s="76"/>
      <c r="U3238" s="76"/>
      <c r="V3238" s="76"/>
      <c r="W3238" s="76"/>
      <c r="X3238" s="76"/>
      <c r="Y3238" s="76"/>
      <c r="Z3238" s="76"/>
      <c r="AA3238" s="85"/>
      <c r="AB3238" s="85"/>
      <c r="AC3238" s="85"/>
      <c r="AD3238" s="85"/>
      <c r="AE3238" s="85"/>
      <c r="AF3238" s="85"/>
      <c r="AG3238" s="86"/>
      <c r="AH3238" s="85"/>
      <c r="AI3238" s="85"/>
      <c r="AJ3238" s="85"/>
      <c r="AK3238" s="85"/>
      <c r="AL3238" s="85"/>
      <c r="AM3238" s="92"/>
      <c r="AN3238" s="92"/>
      <c r="AO3238" s="92"/>
      <c r="AP3238" s="92"/>
      <c r="AQ3238" s="92"/>
      <c r="AR3238" s="92"/>
      <c r="AS3238" s="92"/>
      <c r="AT3238" s="92"/>
      <c r="AU3238" s="92"/>
      <c r="AV3238" s="92"/>
      <c r="AW3238" s="92"/>
      <c r="AX3238" s="92"/>
      <c r="AY3238" s="92"/>
      <c r="AZ3238" s="93"/>
      <c r="BA3238" s="93"/>
      <c r="BB3238" s="93"/>
      <c r="BC3238" s="93"/>
      <c r="BD3238" s="93"/>
      <c r="BE3238" s="93"/>
      <c r="BF3238" s="93"/>
      <c r="BG3238" s="93"/>
      <c r="BH3238" s="93"/>
      <c r="BI3238" s="93"/>
      <c r="BJ3238" s="93"/>
      <c r="BK3238" s="93"/>
      <c r="BL3238" s="93"/>
    </row>
    <row r="3239" spans="2:64" x14ac:dyDescent="0.2">
      <c r="B3239" s="43"/>
      <c r="C3239" s="73"/>
      <c r="D3239" s="64"/>
      <c r="E3239" s="55"/>
      <c r="F3239" s="74"/>
      <c r="G3239" s="74"/>
      <c r="H3239" s="74"/>
      <c r="I3239" s="75"/>
      <c r="J3239" s="74"/>
      <c r="L3239" s="55"/>
      <c r="M3239" s="234"/>
      <c r="N3239" s="65"/>
      <c r="O3239" s="76"/>
      <c r="P3239" s="76"/>
      <c r="Q3239" s="65"/>
      <c r="R3239" s="76"/>
      <c r="S3239" s="76"/>
      <c r="T3239" s="76"/>
      <c r="U3239" s="76"/>
      <c r="V3239" s="76"/>
      <c r="W3239" s="76"/>
      <c r="X3239" s="76"/>
      <c r="Y3239" s="76"/>
      <c r="Z3239" s="76"/>
      <c r="AA3239" s="85"/>
      <c r="AB3239" s="85"/>
      <c r="AC3239" s="85"/>
      <c r="AD3239" s="85"/>
      <c r="AE3239" s="85"/>
      <c r="AF3239" s="85"/>
      <c r="AG3239" s="86"/>
      <c r="AH3239" s="85"/>
      <c r="AI3239" s="85"/>
      <c r="AJ3239" s="85"/>
      <c r="AK3239" s="85"/>
      <c r="AL3239" s="85"/>
      <c r="AM3239" s="92"/>
      <c r="AN3239" s="92"/>
      <c r="AO3239" s="92"/>
      <c r="AP3239" s="92"/>
      <c r="AQ3239" s="92"/>
      <c r="AR3239" s="92"/>
      <c r="AS3239" s="92"/>
      <c r="AT3239" s="92"/>
      <c r="AU3239" s="92"/>
      <c r="AV3239" s="92"/>
      <c r="AW3239" s="92"/>
      <c r="AX3239" s="92"/>
      <c r="AY3239" s="92"/>
      <c r="AZ3239" s="93"/>
      <c r="BA3239" s="93"/>
      <c r="BB3239" s="93"/>
      <c r="BC3239" s="93"/>
      <c r="BD3239" s="93"/>
      <c r="BE3239" s="93"/>
      <c r="BF3239" s="93"/>
      <c r="BG3239" s="93"/>
      <c r="BH3239" s="93"/>
      <c r="BI3239" s="93"/>
      <c r="BJ3239" s="93"/>
      <c r="BK3239" s="93"/>
      <c r="BL3239" s="93"/>
    </row>
    <row r="3240" spans="2:64" x14ac:dyDescent="0.2">
      <c r="B3240" s="43"/>
      <c r="C3240" s="73"/>
      <c r="D3240" s="64"/>
      <c r="E3240" s="55"/>
      <c r="F3240" s="74"/>
      <c r="G3240" s="74"/>
      <c r="H3240" s="74"/>
      <c r="I3240" s="75"/>
      <c r="J3240" s="74"/>
      <c r="L3240" s="55"/>
      <c r="M3240" s="234"/>
      <c r="N3240" s="65"/>
      <c r="O3240" s="76"/>
      <c r="P3240" s="76"/>
      <c r="Q3240" s="65"/>
      <c r="R3240" s="76"/>
      <c r="S3240" s="76"/>
      <c r="T3240" s="76"/>
      <c r="U3240" s="76"/>
      <c r="V3240" s="76"/>
      <c r="W3240" s="76"/>
      <c r="X3240" s="76"/>
      <c r="Y3240" s="76"/>
      <c r="Z3240" s="76"/>
      <c r="AA3240" s="85"/>
      <c r="AB3240" s="85"/>
      <c r="AC3240" s="85"/>
      <c r="AD3240" s="85"/>
      <c r="AE3240" s="85"/>
      <c r="AF3240" s="85"/>
      <c r="AG3240" s="86"/>
      <c r="AH3240" s="85"/>
      <c r="AI3240" s="85"/>
      <c r="AJ3240" s="85"/>
      <c r="AK3240" s="85"/>
      <c r="AL3240" s="85"/>
      <c r="AM3240" s="92"/>
      <c r="AN3240" s="92"/>
      <c r="AO3240" s="92"/>
      <c r="AP3240" s="92"/>
      <c r="AQ3240" s="92"/>
      <c r="AR3240" s="92"/>
      <c r="AS3240" s="92"/>
      <c r="AT3240" s="92"/>
      <c r="AU3240" s="92"/>
      <c r="AV3240" s="92"/>
      <c r="AW3240" s="92"/>
      <c r="AX3240" s="92"/>
      <c r="AY3240" s="92"/>
      <c r="AZ3240" s="93"/>
      <c r="BA3240" s="93"/>
      <c r="BB3240" s="93"/>
      <c r="BC3240" s="93"/>
      <c r="BD3240" s="93"/>
      <c r="BE3240" s="93"/>
      <c r="BF3240" s="93"/>
      <c r="BG3240" s="93"/>
      <c r="BH3240" s="93"/>
      <c r="BI3240" s="93"/>
      <c r="BJ3240" s="93"/>
      <c r="BK3240" s="93"/>
      <c r="BL3240" s="93"/>
    </row>
    <row r="3241" spans="2:64" x14ac:dyDescent="0.2">
      <c r="B3241" s="43"/>
      <c r="C3241" s="73"/>
      <c r="D3241" s="64"/>
      <c r="E3241" s="55"/>
      <c r="F3241" s="74"/>
      <c r="G3241" s="74"/>
      <c r="H3241" s="74"/>
      <c r="I3241" s="75"/>
      <c r="J3241" s="74"/>
      <c r="L3241" s="55"/>
      <c r="M3241" s="234"/>
      <c r="N3241" s="65"/>
      <c r="O3241" s="76"/>
      <c r="P3241" s="76"/>
      <c r="Q3241" s="65"/>
      <c r="R3241" s="76"/>
      <c r="S3241" s="76"/>
      <c r="T3241" s="76"/>
      <c r="U3241" s="76"/>
      <c r="V3241" s="76"/>
      <c r="W3241" s="76"/>
      <c r="X3241" s="76"/>
      <c r="Y3241" s="76"/>
      <c r="Z3241" s="76"/>
      <c r="AA3241" s="85"/>
      <c r="AB3241" s="85"/>
      <c r="AC3241" s="85"/>
      <c r="AD3241" s="85"/>
      <c r="AE3241" s="85"/>
      <c r="AF3241" s="85"/>
      <c r="AG3241" s="86"/>
      <c r="AH3241" s="85"/>
      <c r="AI3241" s="85"/>
      <c r="AJ3241" s="85"/>
      <c r="AK3241" s="85"/>
      <c r="AL3241" s="85"/>
      <c r="AM3241" s="92"/>
      <c r="AN3241" s="92"/>
      <c r="AO3241" s="92"/>
      <c r="AP3241" s="92"/>
      <c r="AQ3241" s="92"/>
      <c r="AR3241" s="92"/>
      <c r="AS3241" s="92"/>
      <c r="AT3241" s="92"/>
      <c r="AU3241" s="92"/>
      <c r="AV3241" s="92"/>
      <c r="AW3241" s="92"/>
      <c r="AX3241" s="92"/>
      <c r="AY3241" s="92"/>
      <c r="AZ3241" s="93"/>
      <c r="BA3241" s="93"/>
      <c r="BB3241" s="93"/>
      <c r="BC3241" s="93"/>
      <c r="BD3241" s="93"/>
      <c r="BE3241" s="93"/>
      <c r="BF3241" s="93"/>
      <c r="BG3241" s="93"/>
      <c r="BH3241" s="93"/>
      <c r="BI3241" s="93"/>
      <c r="BJ3241" s="93"/>
      <c r="BK3241" s="93"/>
      <c r="BL3241" s="93"/>
    </row>
    <row r="3242" spans="2:64" x14ac:dyDescent="0.2">
      <c r="B3242" s="43"/>
      <c r="C3242" s="73"/>
      <c r="D3242" s="64"/>
      <c r="E3242" s="55"/>
      <c r="F3242" s="74"/>
      <c r="G3242" s="74"/>
      <c r="H3242" s="74"/>
      <c r="I3242" s="75"/>
      <c r="J3242" s="74"/>
      <c r="L3242" s="55"/>
      <c r="M3242" s="234"/>
      <c r="N3242" s="65"/>
      <c r="O3242" s="76"/>
      <c r="P3242" s="76"/>
      <c r="Q3242" s="65"/>
      <c r="R3242" s="76"/>
      <c r="S3242" s="76"/>
      <c r="T3242" s="76"/>
      <c r="U3242" s="76"/>
      <c r="V3242" s="76"/>
      <c r="W3242" s="76"/>
      <c r="X3242" s="76"/>
      <c r="Y3242" s="76"/>
      <c r="Z3242" s="76"/>
      <c r="AA3242" s="85"/>
      <c r="AB3242" s="85"/>
      <c r="AC3242" s="85"/>
      <c r="AD3242" s="85"/>
      <c r="AE3242" s="85"/>
      <c r="AF3242" s="85"/>
      <c r="AG3242" s="86"/>
      <c r="AH3242" s="85"/>
      <c r="AI3242" s="85"/>
      <c r="AJ3242" s="85"/>
      <c r="AK3242" s="85"/>
      <c r="AL3242" s="85"/>
      <c r="AM3242" s="92"/>
      <c r="AN3242" s="92"/>
      <c r="AO3242" s="92"/>
      <c r="AP3242" s="92"/>
      <c r="AQ3242" s="92"/>
      <c r="AR3242" s="92"/>
      <c r="AS3242" s="92"/>
      <c r="AT3242" s="92"/>
      <c r="AU3242" s="92"/>
      <c r="AV3242" s="92"/>
      <c r="AW3242" s="92"/>
      <c r="AX3242" s="92"/>
      <c r="AY3242" s="92"/>
      <c r="AZ3242" s="93"/>
      <c r="BA3242" s="93"/>
      <c r="BB3242" s="93"/>
      <c r="BC3242" s="93"/>
      <c r="BD3242" s="93"/>
      <c r="BE3242" s="93"/>
      <c r="BF3242" s="93"/>
      <c r="BG3242" s="93"/>
      <c r="BH3242" s="93"/>
      <c r="BI3242" s="93"/>
      <c r="BJ3242" s="93"/>
      <c r="BK3242" s="93"/>
      <c r="BL3242" s="93"/>
    </row>
    <row r="3243" spans="2:64" x14ac:dyDescent="0.2">
      <c r="B3243" s="43"/>
      <c r="C3243" s="73"/>
      <c r="D3243" s="64"/>
      <c r="E3243" s="55"/>
      <c r="F3243" s="74"/>
      <c r="G3243" s="74"/>
      <c r="H3243" s="74"/>
      <c r="I3243" s="75"/>
      <c r="J3243" s="74"/>
      <c r="L3243" s="55"/>
      <c r="M3243" s="234"/>
      <c r="N3243" s="65"/>
      <c r="O3243" s="76"/>
      <c r="P3243" s="76"/>
      <c r="Q3243" s="65"/>
      <c r="R3243" s="76"/>
      <c r="S3243" s="76"/>
      <c r="T3243" s="76"/>
      <c r="U3243" s="76"/>
      <c r="V3243" s="76"/>
      <c r="W3243" s="76"/>
      <c r="X3243" s="76"/>
      <c r="Y3243" s="76"/>
      <c r="Z3243" s="76"/>
      <c r="AA3243" s="85"/>
      <c r="AB3243" s="85"/>
      <c r="AC3243" s="85"/>
      <c r="AD3243" s="85"/>
      <c r="AE3243" s="85"/>
      <c r="AF3243" s="85"/>
      <c r="AG3243" s="86"/>
      <c r="AH3243" s="85"/>
      <c r="AI3243" s="85"/>
      <c r="AJ3243" s="85"/>
      <c r="AK3243" s="85"/>
      <c r="AL3243" s="85"/>
      <c r="AM3243" s="92"/>
      <c r="AN3243" s="92"/>
      <c r="AO3243" s="92"/>
      <c r="AP3243" s="92"/>
      <c r="AQ3243" s="92"/>
      <c r="AR3243" s="92"/>
      <c r="AS3243" s="92"/>
      <c r="AT3243" s="92"/>
      <c r="AU3243" s="92"/>
      <c r="AV3243" s="92"/>
      <c r="AW3243" s="92"/>
      <c r="AX3243" s="92"/>
      <c r="AY3243" s="92"/>
      <c r="AZ3243" s="93"/>
      <c r="BA3243" s="93"/>
      <c r="BB3243" s="93"/>
      <c r="BC3243" s="93"/>
      <c r="BD3243" s="93"/>
      <c r="BE3243" s="93"/>
      <c r="BF3243" s="93"/>
      <c r="BG3243" s="93"/>
      <c r="BH3243" s="93"/>
      <c r="BI3243" s="93"/>
      <c r="BJ3243" s="93"/>
      <c r="BK3243" s="93"/>
      <c r="BL3243" s="93"/>
    </row>
    <row r="3244" spans="2:64" x14ac:dyDescent="0.2">
      <c r="B3244" s="43"/>
      <c r="C3244" s="73"/>
      <c r="D3244" s="64"/>
      <c r="E3244" s="55"/>
      <c r="F3244" s="74"/>
      <c r="G3244" s="74"/>
      <c r="H3244" s="74"/>
      <c r="I3244" s="75"/>
      <c r="J3244" s="74"/>
      <c r="L3244" s="55"/>
      <c r="M3244" s="234"/>
      <c r="N3244" s="65"/>
      <c r="O3244" s="76"/>
      <c r="P3244" s="76"/>
      <c r="Q3244" s="65"/>
      <c r="R3244" s="76"/>
      <c r="S3244" s="76"/>
      <c r="T3244" s="76"/>
      <c r="U3244" s="76"/>
      <c r="V3244" s="76"/>
      <c r="W3244" s="76"/>
      <c r="X3244" s="76"/>
      <c r="Y3244" s="76"/>
      <c r="Z3244" s="76"/>
      <c r="AA3244" s="85"/>
      <c r="AB3244" s="85"/>
      <c r="AC3244" s="85"/>
      <c r="AD3244" s="85"/>
      <c r="AE3244" s="85"/>
      <c r="AF3244" s="85"/>
      <c r="AG3244" s="86"/>
      <c r="AH3244" s="85"/>
      <c r="AI3244" s="85"/>
      <c r="AJ3244" s="85"/>
      <c r="AK3244" s="85"/>
      <c r="AL3244" s="85"/>
      <c r="AM3244" s="92"/>
      <c r="AN3244" s="92"/>
      <c r="AO3244" s="92"/>
      <c r="AP3244" s="92"/>
      <c r="AQ3244" s="92"/>
      <c r="AR3244" s="92"/>
      <c r="AS3244" s="92"/>
      <c r="AT3244" s="92"/>
      <c r="AU3244" s="92"/>
      <c r="AV3244" s="92"/>
      <c r="AW3244" s="92"/>
      <c r="AX3244" s="92"/>
      <c r="AY3244" s="92"/>
      <c r="AZ3244" s="93"/>
      <c r="BA3244" s="93"/>
      <c r="BB3244" s="93"/>
      <c r="BC3244" s="93"/>
      <c r="BD3244" s="93"/>
      <c r="BE3244" s="93"/>
      <c r="BF3244" s="93"/>
      <c r="BG3244" s="93"/>
      <c r="BH3244" s="93"/>
      <c r="BI3244" s="93"/>
      <c r="BJ3244" s="93"/>
      <c r="BK3244" s="93"/>
      <c r="BL3244" s="93"/>
    </row>
    <row r="3245" spans="2:64" x14ac:dyDescent="0.2">
      <c r="B3245" s="43"/>
      <c r="C3245" s="73"/>
      <c r="D3245" s="64"/>
      <c r="E3245" s="55"/>
      <c r="F3245" s="74"/>
      <c r="G3245" s="74"/>
      <c r="H3245" s="74"/>
      <c r="I3245" s="75"/>
      <c r="J3245" s="74"/>
      <c r="L3245" s="55"/>
      <c r="M3245" s="234"/>
      <c r="N3245" s="65"/>
      <c r="O3245" s="76"/>
      <c r="P3245" s="76"/>
      <c r="Q3245" s="65"/>
      <c r="R3245" s="76"/>
      <c r="S3245" s="76"/>
      <c r="T3245" s="76"/>
      <c r="U3245" s="76"/>
      <c r="V3245" s="76"/>
      <c r="W3245" s="76"/>
      <c r="X3245" s="76"/>
      <c r="Y3245" s="76"/>
      <c r="Z3245" s="76"/>
      <c r="AA3245" s="85"/>
      <c r="AB3245" s="85"/>
      <c r="AC3245" s="85"/>
      <c r="AD3245" s="85"/>
      <c r="AE3245" s="85"/>
      <c r="AF3245" s="85"/>
      <c r="AG3245" s="86"/>
      <c r="AH3245" s="85"/>
      <c r="AI3245" s="85"/>
      <c r="AJ3245" s="85"/>
      <c r="AK3245" s="85"/>
      <c r="AL3245" s="85"/>
      <c r="AM3245" s="92"/>
      <c r="AN3245" s="92"/>
      <c r="AO3245" s="92"/>
      <c r="AP3245" s="92"/>
      <c r="AQ3245" s="92"/>
      <c r="AR3245" s="92"/>
      <c r="AS3245" s="92"/>
      <c r="AT3245" s="92"/>
      <c r="AU3245" s="92"/>
      <c r="AV3245" s="92"/>
      <c r="AW3245" s="92"/>
      <c r="AX3245" s="92"/>
      <c r="AY3245" s="92"/>
      <c r="AZ3245" s="93"/>
      <c r="BA3245" s="93"/>
      <c r="BB3245" s="93"/>
      <c r="BC3245" s="93"/>
      <c r="BD3245" s="93"/>
      <c r="BE3245" s="93"/>
      <c r="BF3245" s="93"/>
      <c r="BG3245" s="93"/>
      <c r="BH3245" s="93"/>
      <c r="BI3245" s="93"/>
      <c r="BJ3245" s="93"/>
      <c r="BK3245" s="93"/>
      <c r="BL3245" s="93"/>
    </row>
    <row r="3246" spans="2:64" x14ac:dyDescent="0.2">
      <c r="B3246" s="43"/>
      <c r="C3246" s="73"/>
      <c r="D3246" s="64"/>
      <c r="E3246" s="55"/>
      <c r="F3246" s="74"/>
      <c r="G3246" s="74"/>
      <c r="H3246" s="74"/>
      <c r="I3246" s="75"/>
      <c r="J3246" s="74"/>
      <c r="L3246" s="55"/>
      <c r="M3246" s="234"/>
      <c r="N3246" s="65"/>
      <c r="O3246" s="76"/>
      <c r="P3246" s="76"/>
      <c r="Q3246" s="65"/>
      <c r="R3246" s="76"/>
      <c r="S3246" s="76"/>
      <c r="T3246" s="76"/>
      <c r="U3246" s="76"/>
      <c r="V3246" s="76"/>
      <c r="W3246" s="76"/>
      <c r="X3246" s="76"/>
      <c r="Y3246" s="76"/>
      <c r="Z3246" s="76"/>
      <c r="AA3246" s="85"/>
      <c r="AB3246" s="85"/>
      <c r="AC3246" s="85"/>
      <c r="AD3246" s="85"/>
      <c r="AE3246" s="85"/>
      <c r="AF3246" s="85"/>
      <c r="AG3246" s="86"/>
      <c r="AH3246" s="85"/>
      <c r="AI3246" s="85"/>
      <c r="AJ3246" s="85"/>
      <c r="AK3246" s="85"/>
      <c r="AL3246" s="85"/>
      <c r="AM3246" s="92"/>
      <c r="AN3246" s="92"/>
      <c r="AO3246" s="92"/>
      <c r="AP3246" s="92"/>
      <c r="AQ3246" s="92"/>
      <c r="AR3246" s="92"/>
      <c r="AS3246" s="92"/>
      <c r="AT3246" s="92"/>
      <c r="AU3246" s="92"/>
      <c r="AV3246" s="92"/>
      <c r="AW3246" s="92"/>
      <c r="AX3246" s="92"/>
      <c r="AY3246" s="92"/>
      <c r="AZ3246" s="93"/>
      <c r="BA3246" s="93"/>
      <c r="BB3246" s="93"/>
      <c r="BC3246" s="93"/>
      <c r="BD3246" s="93"/>
      <c r="BE3246" s="93"/>
      <c r="BF3246" s="93"/>
      <c r="BG3246" s="93"/>
      <c r="BH3246" s="93"/>
      <c r="BI3246" s="93"/>
      <c r="BJ3246" s="93"/>
      <c r="BK3246" s="93"/>
      <c r="BL3246" s="93"/>
    </row>
    <row r="3247" spans="2:64" x14ac:dyDescent="0.2">
      <c r="B3247" s="43"/>
      <c r="C3247" s="73"/>
      <c r="D3247" s="64"/>
      <c r="E3247" s="55"/>
      <c r="F3247" s="74"/>
      <c r="G3247" s="74"/>
      <c r="H3247" s="74"/>
      <c r="I3247" s="75"/>
      <c r="J3247" s="74"/>
      <c r="L3247" s="55"/>
      <c r="M3247" s="234"/>
      <c r="N3247" s="65"/>
      <c r="O3247" s="76"/>
      <c r="P3247" s="76"/>
      <c r="Q3247" s="65"/>
      <c r="R3247" s="76"/>
      <c r="S3247" s="76"/>
      <c r="T3247" s="76"/>
      <c r="U3247" s="76"/>
      <c r="V3247" s="76"/>
      <c r="W3247" s="76"/>
      <c r="X3247" s="76"/>
      <c r="Y3247" s="76"/>
      <c r="Z3247" s="76"/>
      <c r="AA3247" s="85"/>
      <c r="AB3247" s="85"/>
      <c r="AC3247" s="85"/>
      <c r="AD3247" s="85"/>
      <c r="AE3247" s="85"/>
      <c r="AF3247" s="85"/>
      <c r="AG3247" s="86"/>
      <c r="AH3247" s="85"/>
      <c r="AI3247" s="85"/>
      <c r="AJ3247" s="85"/>
      <c r="AK3247" s="85"/>
      <c r="AL3247" s="85"/>
      <c r="AM3247" s="92"/>
      <c r="AN3247" s="92"/>
      <c r="AO3247" s="92"/>
      <c r="AP3247" s="92"/>
      <c r="AQ3247" s="92"/>
      <c r="AR3247" s="92"/>
      <c r="AS3247" s="92"/>
      <c r="AT3247" s="92"/>
      <c r="AU3247" s="92"/>
      <c r="AV3247" s="92"/>
      <c r="AW3247" s="92"/>
      <c r="AX3247" s="92"/>
      <c r="AY3247" s="92"/>
      <c r="AZ3247" s="93"/>
      <c r="BA3247" s="93"/>
      <c r="BB3247" s="93"/>
      <c r="BC3247" s="93"/>
      <c r="BD3247" s="93"/>
      <c r="BE3247" s="93"/>
      <c r="BF3247" s="93"/>
      <c r="BG3247" s="93"/>
      <c r="BH3247" s="93"/>
      <c r="BI3247" s="93"/>
      <c r="BJ3247" s="93"/>
      <c r="BK3247" s="93"/>
      <c r="BL3247" s="93"/>
    </row>
    <row r="3248" spans="2:64" x14ac:dyDescent="0.2">
      <c r="B3248" s="43"/>
      <c r="C3248" s="73"/>
      <c r="D3248" s="64"/>
      <c r="E3248" s="55"/>
      <c r="F3248" s="74"/>
      <c r="G3248" s="74"/>
      <c r="H3248" s="74"/>
      <c r="I3248" s="75"/>
      <c r="J3248" s="74"/>
      <c r="L3248" s="55"/>
      <c r="M3248" s="234"/>
      <c r="N3248" s="65"/>
      <c r="O3248" s="76"/>
      <c r="P3248" s="76"/>
      <c r="Q3248" s="65"/>
      <c r="R3248" s="76"/>
      <c r="S3248" s="76"/>
      <c r="T3248" s="76"/>
      <c r="U3248" s="76"/>
      <c r="V3248" s="76"/>
      <c r="W3248" s="76"/>
      <c r="X3248" s="76"/>
      <c r="Y3248" s="76"/>
      <c r="Z3248" s="76"/>
      <c r="AA3248" s="85"/>
      <c r="AB3248" s="85"/>
      <c r="AC3248" s="85"/>
      <c r="AD3248" s="85"/>
      <c r="AE3248" s="85"/>
      <c r="AF3248" s="85"/>
      <c r="AG3248" s="86"/>
      <c r="AH3248" s="85"/>
      <c r="AI3248" s="85"/>
      <c r="AJ3248" s="85"/>
      <c r="AK3248" s="85"/>
      <c r="AL3248" s="85"/>
      <c r="AM3248" s="92"/>
      <c r="AN3248" s="92"/>
      <c r="AO3248" s="92"/>
      <c r="AP3248" s="92"/>
      <c r="AQ3248" s="92"/>
      <c r="AR3248" s="92"/>
      <c r="AS3248" s="92"/>
      <c r="AT3248" s="92"/>
      <c r="AU3248" s="92"/>
      <c r="AV3248" s="92"/>
      <c r="AW3248" s="92"/>
      <c r="AX3248" s="92"/>
      <c r="AY3248" s="92"/>
      <c r="AZ3248" s="93"/>
      <c r="BA3248" s="93"/>
      <c r="BB3248" s="93"/>
      <c r="BC3248" s="93"/>
      <c r="BD3248" s="93"/>
      <c r="BE3248" s="93"/>
      <c r="BF3248" s="93"/>
      <c r="BG3248" s="93"/>
      <c r="BH3248" s="93"/>
      <c r="BI3248" s="93"/>
      <c r="BJ3248" s="93"/>
      <c r="BK3248" s="93"/>
      <c r="BL3248" s="93"/>
    </row>
    <row r="3249" spans="2:64" x14ac:dyDescent="0.2">
      <c r="B3249" s="43"/>
      <c r="C3249" s="73"/>
      <c r="D3249" s="64"/>
      <c r="E3249" s="55"/>
      <c r="F3249" s="74"/>
      <c r="G3249" s="74"/>
      <c r="H3249" s="74"/>
      <c r="I3249" s="75"/>
      <c r="J3249" s="74"/>
      <c r="L3249" s="55"/>
      <c r="M3249" s="234"/>
      <c r="N3249" s="65"/>
      <c r="O3249" s="76"/>
      <c r="P3249" s="76"/>
      <c r="Q3249" s="65"/>
      <c r="R3249" s="76"/>
      <c r="S3249" s="76"/>
      <c r="T3249" s="76"/>
      <c r="U3249" s="76"/>
      <c r="V3249" s="76"/>
      <c r="W3249" s="76"/>
      <c r="X3249" s="76"/>
      <c r="Y3249" s="76"/>
      <c r="Z3249" s="76"/>
      <c r="AA3249" s="85"/>
      <c r="AB3249" s="85"/>
      <c r="AC3249" s="85"/>
      <c r="AD3249" s="85"/>
      <c r="AE3249" s="85"/>
      <c r="AF3249" s="85"/>
      <c r="AG3249" s="86"/>
      <c r="AH3249" s="85"/>
      <c r="AI3249" s="85"/>
      <c r="AJ3249" s="85"/>
      <c r="AK3249" s="85"/>
      <c r="AL3249" s="85"/>
      <c r="AM3249" s="92"/>
      <c r="AN3249" s="92"/>
      <c r="AO3249" s="92"/>
      <c r="AP3249" s="92"/>
      <c r="AQ3249" s="92"/>
      <c r="AR3249" s="92"/>
      <c r="AS3249" s="92"/>
      <c r="AT3249" s="92"/>
      <c r="AU3249" s="92"/>
      <c r="AV3249" s="92"/>
      <c r="AW3249" s="92"/>
      <c r="AX3249" s="92"/>
      <c r="AY3249" s="92"/>
      <c r="AZ3249" s="93"/>
      <c r="BA3249" s="93"/>
      <c r="BB3249" s="93"/>
      <c r="BC3249" s="93"/>
      <c r="BD3249" s="93"/>
      <c r="BE3249" s="93"/>
      <c r="BF3249" s="93"/>
      <c r="BG3249" s="93"/>
      <c r="BH3249" s="93"/>
      <c r="BI3249" s="93"/>
      <c r="BJ3249" s="93"/>
      <c r="BK3249" s="93"/>
      <c r="BL3249" s="93"/>
    </row>
    <row r="3250" spans="2:64" x14ac:dyDescent="0.2">
      <c r="B3250" s="43"/>
      <c r="C3250" s="73"/>
      <c r="D3250" s="64"/>
      <c r="E3250" s="55"/>
      <c r="F3250" s="74"/>
      <c r="G3250" s="74"/>
      <c r="H3250" s="74"/>
      <c r="I3250" s="75"/>
      <c r="J3250" s="74"/>
      <c r="L3250" s="55"/>
      <c r="M3250" s="234"/>
      <c r="N3250" s="65"/>
      <c r="O3250" s="76"/>
      <c r="P3250" s="76"/>
      <c r="Q3250" s="65"/>
      <c r="R3250" s="76"/>
      <c r="S3250" s="76"/>
      <c r="T3250" s="76"/>
      <c r="U3250" s="76"/>
      <c r="V3250" s="76"/>
      <c r="W3250" s="76"/>
      <c r="X3250" s="76"/>
      <c r="Y3250" s="76"/>
      <c r="Z3250" s="76"/>
      <c r="AA3250" s="85"/>
      <c r="AB3250" s="85"/>
      <c r="AC3250" s="85"/>
      <c r="AD3250" s="85"/>
      <c r="AE3250" s="85"/>
      <c r="AF3250" s="85"/>
      <c r="AG3250" s="86"/>
      <c r="AH3250" s="85"/>
      <c r="AI3250" s="85"/>
      <c r="AJ3250" s="85"/>
      <c r="AK3250" s="85"/>
      <c r="AL3250" s="85"/>
      <c r="AM3250" s="92"/>
      <c r="AN3250" s="92"/>
      <c r="AO3250" s="92"/>
      <c r="AP3250" s="92"/>
      <c r="AQ3250" s="92"/>
      <c r="AR3250" s="92"/>
      <c r="AS3250" s="92"/>
      <c r="AT3250" s="92"/>
      <c r="AU3250" s="92"/>
      <c r="AV3250" s="92"/>
      <c r="AW3250" s="92"/>
      <c r="AX3250" s="92"/>
      <c r="AY3250" s="92"/>
      <c r="AZ3250" s="93"/>
      <c r="BA3250" s="93"/>
      <c r="BB3250" s="93"/>
      <c r="BC3250" s="93"/>
      <c r="BD3250" s="93"/>
      <c r="BE3250" s="93"/>
      <c r="BF3250" s="93"/>
      <c r="BG3250" s="93"/>
      <c r="BH3250" s="93"/>
      <c r="BI3250" s="93"/>
      <c r="BJ3250" s="93"/>
      <c r="BK3250" s="93"/>
      <c r="BL3250" s="93"/>
    </row>
    <row r="3251" spans="2:64" x14ac:dyDescent="0.2">
      <c r="B3251" s="43"/>
      <c r="C3251" s="73"/>
      <c r="D3251" s="64"/>
      <c r="E3251" s="55"/>
      <c r="F3251" s="74"/>
      <c r="G3251" s="74"/>
      <c r="H3251" s="74"/>
      <c r="I3251" s="75"/>
      <c r="J3251" s="74"/>
      <c r="L3251" s="55"/>
      <c r="M3251" s="234"/>
      <c r="N3251" s="65"/>
      <c r="O3251" s="76"/>
      <c r="P3251" s="76"/>
      <c r="Q3251" s="65"/>
      <c r="R3251" s="76"/>
      <c r="S3251" s="76"/>
      <c r="T3251" s="76"/>
      <c r="U3251" s="76"/>
      <c r="V3251" s="76"/>
      <c r="W3251" s="76"/>
      <c r="X3251" s="76"/>
      <c r="Y3251" s="76"/>
      <c r="Z3251" s="76"/>
      <c r="AA3251" s="85"/>
      <c r="AB3251" s="85"/>
      <c r="AC3251" s="85"/>
      <c r="AD3251" s="85"/>
      <c r="AE3251" s="85"/>
      <c r="AF3251" s="85"/>
      <c r="AG3251" s="86"/>
      <c r="AH3251" s="85"/>
      <c r="AI3251" s="85"/>
      <c r="AJ3251" s="85"/>
      <c r="AK3251" s="85"/>
      <c r="AL3251" s="85"/>
      <c r="AM3251" s="92"/>
      <c r="AN3251" s="92"/>
      <c r="AO3251" s="92"/>
      <c r="AP3251" s="92"/>
      <c r="AQ3251" s="92"/>
      <c r="AR3251" s="92"/>
      <c r="AS3251" s="92"/>
      <c r="AT3251" s="92"/>
      <c r="AU3251" s="92"/>
      <c r="AV3251" s="92"/>
      <c r="AW3251" s="92"/>
      <c r="AX3251" s="92"/>
      <c r="AY3251" s="92"/>
      <c r="AZ3251" s="93"/>
      <c r="BA3251" s="93"/>
      <c r="BB3251" s="93"/>
      <c r="BC3251" s="93"/>
      <c r="BD3251" s="93"/>
      <c r="BE3251" s="93"/>
      <c r="BF3251" s="93"/>
      <c r="BG3251" s="93"/>
      <c r="BH3251" s="93"/>
      <c r="BI3251" s="93"/>
      <c r="BJ3251" s="93"/>
      <c r="BK3251" s="93"/>
      <c r="BL3251" s="93"/>
    </row>
    <row r="3252" spans="2:64" x14ac:dyDescent="0.2">
      <c r="B3252" s="43"/>
      <c r="C3252" s="73"/>
      <c r="D3252" s="64"/>
      <c r="E3252" s="55"/>
      <c r="F3252" s="74"/>
      <c r="G3252" s="74"/>
      <c r="H3252" s="74"/>
      <c r="I3252" s="75"/>
      <c r="J3252" s="74"/>
      <c r="L3252" s="55"/>
      <c r="M3252" s="234"/>
      <c r="N3252" s="65"/>
      <c r="O3252" s="76"/>
      <c r="P3252" s="76"/>
      <c r="Q3252" s="65"/>
      <c r="R3252" s="76"/>
      <c r="S3252" s="76"/>
      <c r="T3252" s="76"/>
      <c r="U3252" s="76"/>
      <c r="V3252" s="76"/>
      <c r="W3252" s="76"/>
      <c r="X3252" s="76"/>
      <c r="Y3252" s="76"/>
      <c r="Z3252" s="76"/>
      <c r="AA3252" s="85"/>
      <c r="AB3252" s="85"/>
      <c r="AC3252" s="85"/>
      <c r="AD3252" s="85"/>
      <c r="AE3252" s="85"/>
      <c r="AF3252" s="85"/>
      <c r="AG3252" s="86"/>
      <c r="AH3252" s="85"/>
      <c r="AI3252" s="85"/>
      <c r="AJ3252" s="85"/>
      <c r="AK3252" s="85"/>
      <c r="AL3252" s="85"/>
      <c r="AM3252" s="92"/>
      <c r="AN3252" s="92"/>
      <c r="AO3252" s="92"/>
      <c r="AP3252" s="92"/>
      <c r="AQ3252" s="92"/>
      <c r="AR3252" s="92"/>
      <c r="AS3252" s="92"/>
      <c r="AT3252" s="92"/>
      <c r="AU3252" s="92"/>
      <c r="AV3252" s="92"/>
      <c r="AW3252" s="92"/>
      <c r="AX3252" s="92"/>
      <c r="AY3252" s="92"/>
      <c r="AZ3252" s="93"/>
      <c r="BA3252" s="93"/>
      <c r="BB3252" s="93"/>
      <c r="BC3252" s="93"/>
      <c r="BD3252" s="93"/>
      <c r="BE3252" s="93"/>
      <c r="BF3252" s="93"/>
      <c r="BG3252" s="93"/>
      <c r="BH3252" s="93"/>
      <c r="BI3252" s="93"/>
      <c r="BJ3252" s="93"/>
      <c r="BK3252" s="93"/>
      <c r="BL3252" s="93"/>
    </row>
    <row r="3253" spans="2:64" x14ac:dyDescent="0.2">
      <c r="B3253" s="43"/>
      <c r="C3253" s="73"/>
      <c r="D3253" s="64"/>
      <c r="E3253" s="55"/>
      <c r="F3253" s="74"/>
      <c r="G3253" s="74"/>
      <c r="H3253" s="74"/>
      <c r="I3253" s="75"/>
      <c r="J3253" s="74"/>
      <c r="L3253" s="55"/>
      <c r="M3253" s="234"/>
      <c r="N3253" s="65"/>
      <c r="O3253" s="76"/>
      <c r="P3253" s="76"/>
      <c r="Q3253" s="65"/>
      <c r="R3253" s="76"/>
      <c r="S3253" s="76"/>
      <c r="T3253" s="76"/>
      <c r="U3253" s="76"/>
      <c r="V3253" s="76"/>
      <c r="W3253" s="76"/>
      <c r="X3253" s="76"/>
      <c r="Y3253" s="76"/>
      <c r="Z3253" s="76"/>
      <c r="AA3253" s="85"/>
      <c r="AB3253" s="85"/>
      <c r="AC3253" s="85"/>
      <c r="AD3253" s="85"/>
      <c r="AE3253" s="85"/>
      <c r="AF3253" s="85"/>
      <c r="AG3253" s="86"/>
      <c r="AH3253" s="85"/>
      <c r="AI3253" s="85"/>
      <c r="AJ3253" s="85"/>
      <c r="AK3253" s="85"/>
      <c r="AL3253" s="85"/>
      <c r="AM3253" s="92"/>
      <c r="AN3253" s="92"/>
      <c r="AO3253" s="92"/>
      <c r="AP3253" s="92"/>
      <c r="AQ3253" s="92"/>
      <c r="AR3253" s="92"/>
      <c r="AS3253" s="92"/>
      <c r="AT3253" s="92"/>
      <c r="AU3253" s="92"/>
      <c r="AV3253" s="92"/>
      <c r="AW3253" s="92"/>
      <c r="AX3253" s="92"/>
      <c r="AY3253" s="92"/>
      <c r="AZ3253" s="93"/>
      <c r="BA3253" s="93"/>
      <c r="BB3253" s="93"/>
      <c r="BC3253" s="93"/>
      <c r="BD3253" s="93"/>
      <c r="BE3253" s="93"/>
      <c r="BF3253" s="93"/>
      <c r="BG3253" s="93"/>
      <c r="BH3253" s="93"/>
      <c r="BI3253" s="93"/>
      <c r="BJ3253" s="93"/>
      <c r="BK3253" s="93"/>
      <c r="BL3253" s="93"/>
    </row>
    <row r="3254" spans="2:64" x14ac:dyDescent="0.2">
      <c r="B3254" s="43"/>
      <c r="C3254" s="73"/>
      <c r="D3254" s="64"/>
      <c r="E3254" s="55"/>
      <c r="F3254" s="74"/>
      <c r="G3254" s="74"/>
      <c r="H3254" s="74"/>
      <c r="I3254" s="75"/>
      <c r="J3254" s="74"/>
      <c r="L3254" s="55"/>
      <c r="M3254" s="234"/>
      <c r="N3254" s="65"/>
      <c r="O3254" s="76"/>
      <c r="P3254" s="76"/>
      <c r="Q3254" s="65"/>
      <c r="R3254" s="76"/>
      <c r="S3254" s="76"/>
      <c r="T3254" s="76"/>
      <c r="U3254" s="76"/>
      <c r="V3254" s="76"/>
      <c r="W3254" s="76"/>
      <c r="X3254" s="76"/>
      <c r="Y3254" s="76"/>
      <c r="Z3254" s="76"/>
      <c r="AA3254" s="85"/>
      <c r="AB3254" s="85"/>
      <c r="AC3254" s="85"/>
      <c r="AD3254" s="85"/>
      <c r="AE3254" s="85"/>
      <c r="AF3254" s="85"/>
      <c r="AG3254" s="86"/>
      <c r="AH3254" s="85"/>
      <c r="AI3254" s="85"/>
      <c r="AJ3254" s="85"/>
      <c r="AK3254" s="85"/>
      <c r="AL3254" s="85"/>
      <c r="AM3254" s="92"/>
      <c r="AN3254" s="92"/>
      <c r="AO3254" s="92"/>
      <c r="AP3254" s="92"/>
      <c r="AQ3254" s="92"/>
      <c r="AR3254" s="92"/>
      <c r="AS3254" s="92"/>
      <c r="AT3254" s="92"/>
      <c r="AU3254" s="92"/>
      <c r="AV3254" s="92"/>
      <c r="AW3254" s="92"/>
      <c r="AX3254" s="92"/>
      <c r="AY3254" s="92"/>
      <c r="AZ3254" s="93"/>
      <c r="BA3254" s="93"/>
      <c r="BB3254" s="93"/>
      <c r="BC3254" s="93"/>
      <c r="BD3254" s="93"/>
      <c r="BE3254" s="93"/>
      <c r="BF3254" s="93"/>
      <c r="BG3254" s="93"/>
      <c r="BH3254" s="93"/>
      <c r="BI3254" s="93"/>
      <c r="BJ3254" s="93"/>
      <c r="BK3254" s="93"/>
      <c r="BL3254" s="93"/>
    </row>
    <row r="3255" spans="2:64" x14ac:dyDescent="0.2">
      <c r="B3255" s="43"/>
      <c r="C3255" s="73"/>
      <c r="D3255" s="64"/>
      <c r="E3255" s="55"/>
      <c r="F3255" s="74"/>
      <c r="G3255" s="74"/>
      <c r="H3255" s="74"/>
      <c r="I3255" s="75"/>
      <c r="J3255" s="74"/>
      <c r="L3255" s="55"/>
      <c r="M3255" s="234"/>
      <c r="N3255" s="65"/>
      <c r="O3255" s="76"/>
      <c r="P3255" s="76"/>
      <c r="Q3255" s="65"/>
      <c r="R3255" s="76"/>
      <c r="S3255" s="76"/>
      <c r="T3255" s="76"/>
      <c r="U3255" s="76"/>
      <c r="V3255" s="76"/>
      <c r="W3255" s="76"/>
      <c r="X3255" s="76"/>
      <c r="Y3255" s="76"/>
      <c r="Z3255" s="76"/>
      <c r="AA3255" s="85"/>
      <c r="AB3255" s="85"/>
      <c r="AC3255" s="85"/>
      <c r="AD3255" s="85"/>
      <c r="AE3255" s="85"/>
      <c r="AF3255" s="85"/>
      <c r="AG3255" s="86"/>
      <c r="AH3255" s="85"/>
      <c r="AI3255" s="85"/>
      <c r="AJ3255" s="85"/>
      <c r="AK3255" s="85"/>
      <c r="AL3255" s="85"/>
      <c r="AM3255" s="92"/>
      <c r="AN3255" s="92"/>
      <c r="AO3255" s="92"/>
      <c r="AP3255" s="92"/>
      <c r="AQ3255" s="92"/>
      <c r="AR3255" s="92"/>
      <c r="AS3255" s="92"/>
      <c r="AT3255" s="92"/>
      <c r="AU3255" s="92"/>
      <c r="AV3255" s="92"/>
      <c r="AW3255" s="92"/>
      <c r="AX3255" s="92"/>
      <c r="AY3255" s="92"/>
      <c r="AZ3255" s="93"/>
      <c r="BA3255" s="93"/>
      <c r="BB3255" s="93"/>
      <c r="BC3255" s="93"/>
      <c r="BD3255" s="93"/>
      <c r="BE3255" s="93"/>
      <c r="BF3255" s="93"/>
      <c r="BG3255" s="93"/>
      <c r="BH3255" s="93"/>
      <c r="BI3255" s="93"/>
      <c r="BJ3255" s="93"/>
      <c r="BK3255" s="93"/>
      <c r="BL3255" s="93"/>
    </row>
    <row r="3256" spans="2:64" x14ac:dyDescent="0.2">
      <c r="B3256" s="43"/>
      <c r="C3256" s="73"/>
      <c r="D3256" s="64"/>
      <c r="E3256" s="55"/>
      <c r="F3256" s="74"/>
      <c r="G3256" s="74"/>
      <c r="H3256" s="74"/>
      <c r="I3256" s="75"/>
      <c r="J3256" s="74"/>
      <c r="L3256" s="55"/>
      <c r="M3256" s="234"/>
      <c r="N3256" s="65"/>
      <c r="O3256" s="76"/>
      <c r="P3256" s="76"/>
      <c r="Q3256" s="65"/>
      <c r="R3256" s="76"/>
      <c r="S3256" s="76"/>
      <c r="T3256" s="76"/>
      <c r="U3256" s="76"/>
      <c r="V3256" s="76"/>
      <c r="W3256" s="76"/>
      <c r="X3256" s="76"/>
      <c r="Y3256" s="76"/>
      <c r="Z3256" s="76"/>
      <c r="AA3256" s="85"/>
      <c r="AB3256" s="85"/>
      <c r="AC3256" s="85"/>
      <c r="AD3256" s="85"/>
      <c r="AE3256" s="85"/>
      <c r="AF3256" s="85"/>
      <c r="AG3256" s="86"/>
      <c r="AH3256" s="85"/>
      <c r="AI3256" s="85"/>
      <c r="AJ3256" s="85"/>
      <c r="AK3256" s="85"/>
      <c r="AL3256" s="85"/>
      <c r="AM3256" s="92"/>
      <c r="AN3256" s="92"/>
      <c r="AO3256" s="92"/>
      <c r="AP3256" s="92"/>
      <c r="AQ3256" s="92"/>
      <c r="AR3256" s="92"/>
      <c r="AS3256" s="92"/>
      <c r="AT3256" s="92"/>
      <c r="AU3256" s="92"/>
      <c r="AV3256" s="92"/>
      <c r="AW3256" s="92"/>
      <c r="AX3256" s="92"/>
      <c r="AY3256" s="92"/>
      <c r="AZ3256" s="93"/>
      <c r="BA3256" s="93"/>
      <c r="BB3256" s="93"/>
      <c r="BC3256" s="93"/>
      <c r="BD3256" s="93"/>
      <c r="BE3256" s="93"/>
      <c r="BF3256" s="93"/>
      <c r="BG3256" s="93"/>
      <c r="BH3256" s="93"/>
      <c r="BI3256" s="93"/>
      <c r="BJ3256" s="93"/>
      <c r="BK3256" s="93"/>
      <c r="BL3256" s="93"/>
    </row>
    <row r="3257" spans="2:64" x14ac:dyDescent="0.2">
      <c r="B3257" s="43"/>
      <c r="C3257" s="73"/>
      <c r="D3257" s="64"/>
      <c r="E3257" s="55"/>
      <c r="F3257" s="74"/>
      <c r="G3257" s="74"/>
      <c r="H3257" s="74"/>
      <c r="I3257" s="75"/>
      <c r="J3257" s="74"/>
      <c r="L3257" s="55"/>
      <c r="M3257" s="234"/>
      <c r="N3257" s="65"/>
      <c r="O3257" s="76"/>
      <c r="P3257" s="76"/>
      <c r="Q3257" s="65"/>
      <c r="R3257" s="76"/>
      <c r="S3257" s="76"/>
      <c r="T3257" s="76"/>
      <c r="U3257" s="76"/>
      <c r="V3257" s="76"/>
      <c r="W3257" s="76"/>
      <c r="X3257" s="76"/>
      <c r="Y3257" s="76"/>
      <c r="Z3257" s="76"/>
      <c r="AA3257" s="85"/>
      <c r="AB3257" s="85"/>
      <c r="AC3257" s="85"/>
      <c r="AD3257" s="85"/>
      <c r="AE3257" s="85"/>
      <c r="AF3257" s="85"/>
      <c r="AG3257" s="86"/>
      <c r="AH3257" s="85"/>
      <c r="AI3257" s="85"/>
      <c r="AJ3257" s="85"/>
      <c r="AK3257" s="85"/>
      <c r="AL3257" s="85"/>
      <c r="AM3257" s="92"/>
      <c r="AN3257" s="92"/>
      <c r="AO3257" s="92"/>
      <c r="AP3257" s="92"/>
      <c r="AQ3257" s="92"/>
      <c r="AR3257" s="92"/>
      <c r="AS3257" s="92"/>
      <c r="AT3257" s="92"/>
      <c r="AU3257" s="92"/>
      <c r="AV3257" s="92"/>
      <c r="AW3257" s="92"/>
      <c r="AX3257" s="92"/>
      <c r="AY3257" s="92"/>
      <c r="AZ3257" s="93"/>
      <c r="BA3257" s="93"/>
      <c r="BB3257" s="93"/>
      <c r="BC3257" s="93"/>
      <c r="BD3257" s="93"/>
      <c r="BE3257" s="93"/>
      <c r="BF3257" s="93"/>
      <c r="BG3257" s="93"/>
      <c r="BH3257" s="93"/>
      <c r="BI3257" s="93"/>
      <c r="BJ3257" s="93"/>
      <c r="BK3257" s="93"/>
      <c r="BL3257" s="93"/>
    </row>
    <row r="3258" spans="2:64" x14ac:dyDescent="0.2">
      <c r="B3258" s="43"/>
      <c r="C3258" s="73"/>
      <c r="D3258" s="64"/>
      <c r="E3258" s="55"/>
      <c r="F3258" s="74"/>
      <c r="G3258" s="74"/>
      <c r="H3258" s="74"/>
      <c r="I3258" s="75"/>
      <c r="J3258" s="74"/>
      <c r="L3258" s="55"/>
      <c r="M3258" s="234"/>
      <c r="N3258" s="65"/>
      <c r="O3258" s="76"/>
      <c r="P3258" s="76"/>
      <c r="Q3258" s="65"/>
      <c r="R3258" s="76"/>
      <c r="S3258" s="76"/>
      <c r="T3258" s="76"/>
      <c r="U3258" s="76"/>
      <c r="V3258" s="76"/>
      <c r="W3258" s="76"/>
      <c r="X3258" s="76"/>
      <c r="Y3258" s="76"/>
      <c r="Z3258" s="76"/>
      <c r="AA3258" s="85"/>
      <c r="AB3258" s="85"/>
      <c r="AC3258" s="85"/>
      <c r="AD3258" s="85"/>
      <c r="AE3258" s="85"/>
      <c r="AF3258" s="85"/>
      <c r="AG3258" s="86"/>
      <c r="AH3258" s="85"/>
      <c r="AI3258" s="85"/>
      <c r="AJ3258" s="85"/>
      <c r="AK3258" s="85"/>
      <c r="AL3258" s="85"/>
      <c r="AM3258" s="92"/>
      <c r="AN3258" s="92"/>
      <c r="AO3258" s="92"/>
      <c r="AP3258" s="92"/>
      <c r="AQ3258" s="92"/>
      <c r="AR3258" s="92"/>
      <c r="AS3258" s="92"/>
      <c r="AT3258" s="92"/>
      <c r="AU3258" s="92"/>
      <c r="AV3258" s="92"/>
      <c r="AW3258" s="92"/>
      <c r="AX3258" s="92"/>
      <c r="AY3258" s="92"/>
      <c r="AZ3258" s="93"/>
      <c r="BA3258" s="93"/>
      <c r="BB3258" s="93"/>
      <c r="BC3258" s="93"/>
      <c r="BD3258" s="93"/>
      <c r="BE3258" s="93"/>
      <c r="BF3258" s="93"/>
      <c r="BG3258" s="93"/>
      <c r="BH3258" s="93"/>
      <c r="BI3258" s="93"/>
      <c r="BJ3258" s="93"/>
      <c r="BK3258" s="93"/>
      <c r="BL3258" s="93"/>
    </row>
    <row r="3259" spans="2:64" x14ac:dyDescent="0.2">
      <c r="B3259" s="43"/>
      <c r="C3259" s="73"/>
      <c r="D3259" s="64"/>
      <c r="E3259" s="55"/>
      <c r="F3259" s="74"/>
      <c r="G3259" s="74"/>
      <c r="H3259" s="74"/>
      <c r="I3259" s="75"/>
      <c r="J3259" s="74"/>
      <c r="L3259" s="55"/>
      <c r="M3259" s="234"/>
      <c r="N3259" s="65"/>
      <c r="O3259" s="76"/>
      <c r="P3259" s="76"/>
      <c r="Q3259" s="65"/>
      <c r="R3259" s="76"/>
      <c r="S3259" s="76"/>
      <c r="T3259" s="76"/>
      <c r="U3259" s="76"/>
      <c r="V3259" s="76"/>
      <c r="W3259" s="76"/>
      <c r="X3259" s="76"/>
      <c r="Y3259" s="76"/>
      <c r="Z3259" s="76"/>
      <c r="AA3259" s="85"/>
      <c r="AB3259" s="85"/>
      <c r="AC3259" s="85"/>
      <c r="AD3259" s="85"/>
      <c r="AE3259" s="85"/>
      <c r="AF3259" s="85"/>
      <c r="AG3259" s="86"/>
      <c r="AH3259" s="85"/>
      <c r="AI3259" s="85"/>
      <c r="AJ3259" s="85"/>
      <c r="AK3259" s="85"/>
      <c r="AL3259" s="85"/>
      <c r="AM3259" s="92"/>
      <c r="AN3259" s="92"/>
      <c r="AO3259" s="92"/>
      <c r="AP3259" s="92"/>
      <c r="AQ3259" s="92"/>
      <c r="AR3259" s="92"/>
      <c r="AS3259" s="92"/>
      <c r="AT3259" s="92"/>
      <c r="AU3259" s="92"/>
      <c r="AV3259" s="92"/>
      <c r="AW3259" s="92"/>
      <c r="AX3259" s="92"/>
      <c r="AY3259" s="92"/>
      <c r="AZ3259" s="93"/>
      <c r="BA3259" s="93"/>
      <c r="BB3259" s="93"/>
      <c r="BC3259" s="93"/>
      <c r="BD3259" s="93"/>
      <c r="BE3259" s="93"/>
      <c r="BF3259" s="93"/>
      <c r="BG3259" s="93"/>
      <c r="BH3259" s="93"/>
      <c r="BI3259" s="93"/>
      <c r="BJ3259" s="93"/>
      <c r="BK3259" s="93"/>
      <c r="BL3259" s="93"/>
    </row>
    <row r="3260" spans="2:64" x14ac:dyDescent="0.2">
      <c r="B3260" s="43"/>
      <c r="C3260" s="73"/>
      <c r="D3260" s="64"/>
      <c r="E3260" s="55"/>
      <c r="F3260" s="74"/>
      <c r="G3260" s="74"/>
      <c r="H3260" s="74"/>
      <c r="I3260" s="75"/>
      <c r="J3260" s="74"/>
      <c r="L3260" s="55"/>
      <c r="M3260" s="234"/>
      <c r="N3260" s="65"/>
      <c r="O3260" s="76"/>
      <c r="P3260" s="76"/>
      <c r="Q3260" s="65"/>
      <c r="R3260" s="76"/>
      <c r="S3260" s="76"/>
      <c r="T3260" s="76"/>
      <c r="U3260" s="76"/>
      <c r="V3260" s="76"/>
      <c r="W3260" s="76"/>
      <c r="X3260" s="76"/>
      <c r="Y3260" s="76"/>
      <c r="Z3260" s="76"/>
      <c r="AA3260" s="85"/>
      <c r="AB3260" s="85"/>
      <c r="AC3260" s="85"/>
      <c r="AD3260" s="85"/>
      <c r="AE3260" s="85"/>
      <c r="AF3260" s="85"/>
      <c r="AG3260" s="86"/>
      <c r="AH3260" s="85"/>
      <c r="AI3260" s="85"/>
      <c r="AJ3260" s="85"/>
      <c r="AK3260" s="85"/>
      <c r="AL3260" s="85"/>
      <c r="AM3260" s="92"/>
      <c r="AN3260" s="92"/>
      <c r="AO3260" s="92"/>
      <c r="AP3260" s="92"/>
      <c r="AQ3260" s="92"/>
      <c r="AR3260" s="92"/>
      <c r="AS3260" s="92"/>
      <c r="AT3260" s="92"/>
      <c r="AU3260" s="92"/>
      <c r="AV3260" s="92"/>
      <c r="AW3260" s="92"/>
      <c r="AX3260" s="92"/>
      <c r="AY3260" s="92"/>
      <c r="AZ3260" s="93"/>
      <c r="BA3260" s="93"/>
      <c r="BB3260" s="93"/>
      <c r="BC3260" s="93"/>
      <c r="BD3260" s="93"/>
      <c r="BE3260" s="93"/>
      <c r="BF3260" s="93"/>
      <c r="BG3260" s="93"/>
      <c r="BH3260" s="93"/>
      <c r="BI3260" s="93"/>
      <c r="BJ3260" s="93"/>
      <c r="BK3260" s="93"/>
      <c r="BL3260" s="93"/>
    </row>
    <row r="3261" spans="2:64" x14ac:dyDescent="0.2">
      <c r="B3261" s="43"/>
      <c r="C3261" s="73"/>
      <c r="D3261" s="64"/>
      <c r="E3261" s="55"/>
      <c r="F3261" s="74"/>
      <c r="G3261" s="74"/>
      <c r="H3261" s="74"/>
      <c r="I3261" s="75"/>
      <c r="J3261" s="74"/>
      <c r="L3261" s="55"/>
      <c r="M3261" s="234"/>
      <c r="N3261" s="65"/>
      <c r="O3261" s="76"/>
      <c r="P3261" s="76"/>
      <c r="Q3261" s="65"/>
      <c r="R3261" s="76"/>
      <c r="S3261" s="76"/>
      <c r="T3261" s="76"/>
      <c r="U3261" s="76"/>
      <c r="V3261" s="76"/>
      <c r="W3261" s="76"/>
      <c r="X3261" s="76"/>
      <c r="Y3261" s="76"/>
      <c r="Z3261" s="76"/>
      <c r="AA3261" s="85"/>
      <c r="AB3261" s="85"/>
      <c r="AC3261" s="85"/>
      <c r="AD3261" s="85"/>
      <c r="AE3261" s="85"/>
      <c r="AF3261" s="85"/>
      <c r="AG3261" s="86"/>
      <c r="AH3261" s="85"/>
      <c r="AI3261" s="85"/>
      <c r="AJ3261" s="85"/>
      <c r="AK3261" s="85"/>
      <c r="AL3261" s="85"/>
      <c r="AM3261" s="92"/>
      <c r="AN3261" s="92"/>
      <c r="AO3261" s="92"/>
      <c r="AP3261" s="92"/>
      <c r="AQ3261" s="92"/>
      <c r="AR3261" s="92"/>
      <c r="AS3261" s="92"/>
      <c r="AT3261" s="92"/>
      <c r="AU3261" s="92"/>
      <c r="AV3261" s="92"/>
      <c r="AW3261" s="92"/>
      <c r="AX3261" s="92"/>
      <c r="AY3261" s="92"/>
      <c r="AZ3261" s="93"/>
      <c r="BA3261" s="93"/>
      <c r="BB3261" s="93"/>
      <c r="BC3261" s="93"/>
      <c r="BD3261" s="93"/>
      <c r="BE3261" s="93"/>
      <c r="BF3261" s="93"/>
      <c r="BG3261" s="93"/>
      <c r="BH3261" s="93"/>
      <c r="BI3261" s="93"/>
      <c r="BJ3261" s="93"/>
      <c r="BK3261" s="93"/>
      <c r="BL3261" s="93"/>
    </row>
    <row r="3262" spans="2:64" x14ac:dyDescent="0.2">
      <c r="B3262" s="43"/>
      <c r="C3262" s="73"/>
      <c r="D3262" s="64"/>
      <c r="E3262" s="55"/>
      <c r="F3262" s="74"/>
      <c r="G3262" s="74"/>
      <c r="H3262" s="74"/>
      <c r="I3262" s="75"/>
      <c r="J3262" s="74"/>
      <c r="L3262" s="55"/>
      <c r="M3262" s="234"/>
      <c r="N3262" s="65"/>
      <c r="O3262" s="76"/>
      <c r="P3262" s="76"/>
      <c r="Q3262" s="65"/>
      <c r="R3262" s="76"/>
      <c r="S3262" s="76"/>
      <c r="T3262" s="76"/>
      <c r="U3262" s="76"/>
      <c r="V3262" s="76"/>
      <c r="W3262" s="76"/>
      <c r="X3262" s="76"/>
      <c r="Y3262" s="76"/>
      <c r="Z3262" s="76"/>
      <c r="AA3262" s="85"/>
      <c r="AB3262" s="85"/>
      <c r="AC3262" s="85"/>
      <c r="AD3262" s="85"/>
      <c r="AE3262" s="85"/>
      <c r="AF3262" s="85"/>
      <c r="AG3262" s="86"/>
      <c r="AH3262" s="85"/>
      <c r="AI3262" s="85"/>
      <c r="AJ3262" s="85"/>
      <c r="AK3262" s="85"/>
      <c r="AL3262" s="85"/>
      <c r="AM3262" s="92"/>
      <c r="AN3262" s="92"/>
      <c r="AO3262" s="92"/>
      <c r="AP3262" s="92"/>
      <c r="AQ3262" s="92"/>
      <c r="AR3262" s="92"/>
      <c r="AS3262" s="92"/>
      <c r="AT3262" s="92"/>
      <c r="AU3262" s="92"/>
      <c r="AV3262" s="92"/>
      <c r="AW3262" s="92"/>
      <c r="AX3262" s="92"/>
      <c r="AY3262" s="92"/>
      <c r="AZ3262" s="93"/>
      <c r="BA3262" s="93"/>
      <c r="BB3262" s="93"/>
      <c r="BC3262" s="93"/>
      <c r="BD3262" s="93"/>
      <c r="BE3262" s="93"/>
      <c r="BF3262" s="93"/>
      <c r="BG3262" s="93"/>
      <c r="BH3262" s="93"/>
      <c r="BI3262" s="93"/>
      <c r="BJ3262" s="93"/>
      <c r="BK3262" s="93"/>
      <c r="BL3262" s="93"/>
    </row>
    <row r="3263" spans="2:64" x14ac:dyDescent="0.2">
      <c r="B3263" s="43"/>
      <c r="C3263" s="73"/>
      <c r="D3263" s="64"/>
      <c r="E3263" s="55"/>
      <c r="F3263" s="74"/>
      <c r="G3263" s="74"/>
      <c r="H3263" s="74"/>
      <c r="I3263" s="75"/>
      <c r="J3263" s="74"/>
      <c r="L3263" s="55"/>
      <c r="M3263" s="234"/>
      <c r="N3263" s="65"/>
      <c r="O3263" s="76"/>
      <c r="P3263" s="76"/>
      <c r="Q3263" s="65"/>
      <c r="R3263" s="76"/>
      <c r="S3263" s="76"/>
      <c r="T3263" s="76"/>
      <c r="U3263" s="76"/>
      <c r="V3263" s="76"/>
      <c r="W3263" s="76"/>
      <c r="X3263" s="76"/>
      <c r="Y3263" s="76"/>
      <c r="Z3263" s="76"/>
      <c r="AA3263" s="85"/>
      <c r="AB3263" s="85"/>
      <c r="AC3263" s="85"/>
      <c r="AD3263" s="85"/>
      <c r="AE3263" s="85"/>
      <c r="AF3263" s="85"/>
      <c r="AG3263" s="86"/>
      <c r="AH3263" s="85"/>
      <c r="AI3263" s="85"/>
      <c r="AJ3263" s="85"/>
      <c r="AK3263" s="85"/>
      <c r="AL3263" s="85"/>
      <c r="AM3263" s="92"/>
      <c r="AN3263" s="92"/>
      <c r="AO3263" s="92"/>
      <c r="AP3263" s="92"/>
      <c r="AQ3263" s="92"/>
      <c r="AR3263" s="92"/>
      <c r="AS3263" s="92"/>
      <c r="AT3263" s="92"/>
      <c r="AU3263" s="92"/>
      <c r="AV3263" s="92"/>
      <c r="AW3263" s="92"/>
      <c r="AX3263" s="92"/>
      <c r="AY3263" s="92"/>
      <c r="AZ3263" s="93"/>
      <c r="BA3263" s="93"/>
      <c r="BB3263" s="93"/>
      <c r="BC3263" s="93"/>
      <c r="BD3263" s="93"/>
      <c r="BE3263" s="93"/>
      <c r="BF3263" s="93"/>
      <c r="BG3263" s="93"/>
      <c r="BH3263" s="93"/>
      <c r="BI3263" s="93"/>
      <c r="BJ3263" s="93"/>
      <c r="BK3263" s="93"/>
      <c r="BL3263" s="93"/>
    </row>
    <row r="3264" spans="2:64" x14ac:dyDescent="0.2">
      <c r="B3264" s="43"/>
      <c r="C3264" s="73"/>
      <c r="D3264" s="64"/>
      <c r="E3264" s="55"/>
      <c r="F3264" s="74"/>
      <c r="G3264" s="74"/>
      <c r="H3264" s="74"/>
      <c r="I3264" s="75"/>
      <c r="J3264" s="74"/>
      <c r="L3264" s="55"/>
      <c r="M3264" s="234"/>
      <c r="N3264" s="65"/>
      <c r="O3264" s="76"/>
      <c r="P3264" s="76"/>
      <c r="Q3264" s="65"/>
      <c r="R3264" s="76"/>
      <c r="S3264" s="76"/>
      <c r="T3264" s="76"/>
      <c r="U3264" s="76"/>
      <c r="V3264" s="76"/>
      <c r="W3264" s="76"/>
      <c r="X3264" s="76"/>
      <c r="Y3264" s="76"/>
      <c r="Z3264" s="76"/>
      <c r="AA3264" s="85"/>
      <c r="AB3264" s="85"/>
      <c r="AC3264" s="85"/>
      <c r="AD3264" s="85"/>
      <c r="AE3264" s="85"/>
      <c r="AF3264" s="85"/>
      <c r="AG3264" s="86"/>
      <c r="AH3264" s="85"/>
      <c r="AI3264" s="85"/>
      <c r="AJ3264" s="85"/>
      <c r="AK3264" s="85"/>
      <c r="AL3264" s="85"/>
      <c r="AM3264" s="92"/>
      <c r="AN3264" s="92"/>
      <c r="AO3264" s="92"/>
      <c r="AP3264" s="92"/>
      <c r="AQ3264" s="92"/>
      <c r="AR3264" s="92"/>
      <c r="AS3264" s="92"/>
      <c r="AT3264" s="92"/>
      <c r="AU3264" s="92"/>
      <c r="AV3264" s="92"/>
      <c r="AW3264" s="92"/>
      <c r="AX3264" s="92"/>
      <c r="AY3264" s="92"/>
      <c r="AZ3264" s="93"/>
      <c r="BA3264" s="93"/>
      <c r="BB3264" s="93"/>
      <c r="BC3264" s="93"/>
      <c r="BD3264" s="93"/>
      <c r="BE3264" s="93"/>
      <c r="BF3264" s="93"/>
      <c r="BG3264" s="93"/>
      <c r="BH3264" s="93"/>
      <c r="BI3264" s="93"/>
      <c r="BJ3264" s="93"/>
      <c r="BK3264" s="93"/>
      <c r="BL3264" s="93"/>
    </row>
    <row r="3265" spans="2:64" x14ac:dyDescent="0.2">
      <c r="B3265" s="43"/>
      <c r="C3265" s="73"/>
      <c r="D3265" s="64"/>
      <c r="E3265" s="55"/>
      <c r="F3265" s="74"/>
      <c r="G3265" s="74"/>
      <c r="H3265" s="74"/>
      <c r="I3265" s="75"/>
      <c r="J3265" s="74"/>
      <c r="L3265" s="55"/>
      <c r="M3265" s="234"/>
      <c r="N3265" s="65"/>
      <c r="O3265" s="76"/>
      <c r="P3265" s="76"/>
      <c r="Q3265" s="65"/>
      <c r="R3265" s="76"/>
      <c r="S3265" s="76"/>
      <c r="T3265" s="76"/>
      <c r="U3265" s="76"/>
      <c r="V3265" s="76"/>
      <c r="W3265" s="76"/>
      <c r="X3265" s="76"/>
      <c r="Y3265" s="76"/>
      <c r="Z3265" s="76"/>
      <c r="AA3265" s="85"/>
      <c r="AB3265" s="85"/>
      <c r="AC3265" s="85"/>
      <c r="AD3265" s="85"/>
      <c r="AE3265" s="85"/>
      <c r="AF3265" s="85"/>
      <c r="AG3265" s="86"/>
      <c r="AH3265" s="85"/>
      <c r="AI3265" s="85"/>
      <c r="AJ3265" s="85"/>
      <c r="AK3265" s="85"/>
      <c r="AL3265" s="85"/>
      <c r="AM3265" s="92"/>
      <c r="AN3265" s="92"/>
      <c r="AO3265" s="92"/>
      <c r="AP3265" s="92"/>
      <c r="AQ3265" s="92"/>
      <c r="AR3265" s="92"/>
      <c r="AS3265" s="92"/>
      <c r="AT3265" s="92"/>
      <c r="AU3265" s="92"/>
      <c r="AV3265" s="92"/>
      <c r="AW3265" s="92"/>
      <c r="AX3265" s="92"/>
      <c r="AY3265" s="92"/>
      <c r="AZ3265" s="93"/>
      <c r="BA3265" s="93"/>
      <c r="BB3265" s="93"/>
      <c r="BC3265" s="93"/>
      <c r="BD3265" s="93"/>
      <c r="BE3265" s="93"/>
      <c r="BF3265" s="93"/>
      <c r="BG3265" s="93"/>
      <c r="BH3265" s="93"/>
      <c r="BI3265" s="93"/>
      <c r="BJ3265" s="93"/>
      <c r="BK3265" s="93"/>
      <c r="BL3265" s="93"/>
    </row>
    <row r="3266" spans="2:64" x14ac:dyDescent="0.2">
      <c r="B3266" s="43"/>
      <c r="C3266" s="73"/>
      <c r="D3266" s="64"/>
      <c r="E3266" s="55"/>
      <c r="F3266" s="74"/>
      <c r="G3266" s="74"/>
      <c r="H3266" s="74"/>
      <c r="I3266" s="75"/>
      <c r="J3266" s="74"/>
      <c r="L3266" s="55"/>
      <c r="M3266" s="234"/>
      <c r="N3266" s="65"/>
      <c r="O3266" s="76"/>
      <c r="P3266" s="76"/>
      <c r="Q3266" s="65"/>
      <c r="R3266" s="76"/>
      <c r="S3266" s="76"/>
      <c r="T3266" s="76"/>
      <c r="U3266" s="76"/>
      <c r="V3266" s="76"/>
      <c r="W3266" s="76"/>
      <c r="X3266" s="76"/>
      <c r="Y3266" s="76"/>
      <c r="Z3266" s="76"/>
      <c r="AA3266" s="85"/>
      <c r="AB3266" s="85"/>
      <c r="AC3266" s="85"/>
      <c r="AD3266" s="85"/>
      <c r="AE3266" s="85"/>
      <c r="AF3266" s="85"/>
      <c r="AG3266" s="86"/>
      <c r="AH3266" s="85"/>
      <c r="AI3266" s="85"/>
      <c r="AJ3266" s="85"/>
      <c r="AK3266" s="85"/>
      <c r="AL3266" s="85"/>
      <c r="AM3266" s="92"/>
      <c r="AN3266" s="92"/>
      <c r="AO3266" s="92"/>
      <c r="AP3266" s="92"/>
      <c r="AQ3266" s="92"/>
      <c r="AR3266" s="92"/>
      <c r="AS3266" s="92"/>
      <c r="AT3266" s="92"/>
      <c r="AU3266" s="92"/>
      <c r="AV3266" s="92"/>
      <c r="AW3266" s="92"/>
      <c r="AX3266" s="92"/>
      <c r="AY3266" s="92"/>
      <c r="AZ3266" s="93"/>
      <c r="BA3266" s="93"/>
      <c r="BB3266" s="93"/>
      <c r="BC3266" s="93"/>
      <c r="BD3266" s="93"/>
      <c r="BE3266" s="93"/>
      <c r="BF3266" s="93"/>
      <c r="BG3266" s="93"/>
      <c r="BH3266" s="93"/>
      <c r="BI3266" s="93"/>
      <c r="BJ3266" s="93"/>
      <c r="BK3266" s="93"/>
      <c r="BL3266" s="93"/>
    </row>
    <row r="3267" spans="2:64" x14ac:dyDescent="0.2">
      <c r="B3267" s="43"/>
      <c r="C3267" s="73"/>
      <c r="D3267" s="64"/>
      <c r="E3267" s="55"/>
      <c r="F3267" s="74"/>
      <c r="G3267" s="74"/>
      <c r="H3267" s="74"/>
      <c r="I3267" s="75"/>
      <c r="J3267" s="74"/>
      <c r="L3267" s="55"/>
      <c r="M3267" s="234"/>
      <c r="N3267" s="65"/>
      <c r="O3267" s="76"/>
      <c r="P3267" s="76"/>
      <c r="Q3267" s="65"/>
      <c r="R3267" s="76"/>
      <c r="S3267" s="76"/>
      <c r="T3267" s="76"/>
      <c r="U3267" s="76"/>
      <c r="V3267" s="76"/>
      <c r="W3267" s="76"/>
      <c r="X3267" s="76"/>
      <c r="Y3267" s="76"/>
      <c r="Z3267" s="76"/>
      <c r="AA3267" s="85"/>
      <c r="AB3267" s="85"/>
      <c r="AC3267" s="85"/>
      <c r="AD3267" s="85"/>
      <c r="AE3267" s="85"/>
      <c r="AF3267" s="85"/>
      <c r="AG3267" s="86"/>
      <c r="AH3267" s="85"/>
      <c r="AI3267" s="85"/>
      <c r="AJ3267" s="85"/>
      <c r="AK3267" s="85"/>
      <c r="AL3267" s="85"/>
      <c r="AM3267" s="92"/>
      <c r="AN3267" s="92"/>
      <c r="AO3267" s="92"/>
      <c r="AP3267" s="92"/>
      <c r="AQ3267" s="92"/>
      <c r="AR3267" s="92"/>
      <c r="AS3267" s="92"/>
      <c r="AT3267" s="92"/>
      <c r="AU3267" s="92"/>
      <c r="AV3267" s="92"/>
      <c r="AW3267" s="92"/>
      <c r="AX3267" s="92"/>
      <c r="AY3267" s="92"/>
      <c r="AZ3267" s="93"/>
      <c r="BA3267" s="93"/>
      <c r="BB3267" s="93"/>
      <c r="BC3267" s="93"/>
      <c r="BD3267" s="93"/>
      <c r="BE3267" s="93"/>
      <c r="BF3267" s="93"/>
      <c r="BG3267" s="93"/>
      <c r="BH3267" s="93"/>
      <c r="BI3267" s="93"/>
      <c r="BJ3267" s="93"/>
      <c r="BK3267" s="93"/>
      <c r="BL3267" s="93"/>
    </row>
    <row r="3268" spans="2:64" x14ac:dyDescent="0.2">
      <c r="B3268" s="43"/>
      <c r="C3268" s="73"/>
      <c r="D3268" s="64"/>
      <c r="E3268" s="55"/>
      <c r="F3268" s="74"/>
      <c r="G3268" s="74"/>
      <c r="H3268" s="74"/>
      <c r="I3268" s="75"/>
      <c r="J3268" s="74"/>
      <c r="L3268" s="55"/>
      <c r="M3268" s="234"/>
      <c r="N3268" s="65"/>
      <c r="O3268" s="76"/>
      <c r="P3268" s="76"/>
      <c r="Q3268" s="65"/>
      <c r="R3268" s="76"/>
      <c r="S3268" s="76"/>
      <c r="T3268" s="76"/>
      <c r="U3268" s="76"/>
      <c r="V3268" s="76"/>
      <c r="W3268" s="76"/>
      <c r="X3268" s="76"/>
      <c r="Y3268" s="76"/>
      <c r="Z3268" s="76"/>
      <c r="AA3268" s="85"/>
      <c r="AB3268" s="85"/>
      <c r="AC3268" s="85"/>
      <c r="AD3268" s="85"/>
      <c r="AE3268" s="85"/>
      <c r="AF3268" s="85"/>
      <c r="AG3268" s="86"/>
      <c r="AH3268" s="85"/>
      <c r="AI3268" s="85"/>
      <c r="AJ3268" s="85"/>
      <c r="AK3268" s="85"/>
      <c r="AL3268" s="85"/>
      <c r="AM3268" s="92"/>
      <c r="AN3268" s="92"/>
      <c r="AO3268" s="92"/>
      <c r="AP3268" s="92"/>
      <c r="AQ3268" s="92"/>
      <c r="AR3268" s="92"/>
      <c r="AS3268" s="92"/>
      <c r="AT3268" s="92"/>
      <c r="AU3268" s="92"/>
      <c r="AV3268" s="92"/>
      <c r="AW3268" s="92"/>
      <c r="AX3268" s="92"/>
      <c r="AY3268" s="92"/>
      <c r="AZ3268" s="93"/>
      <c r="BA3268" s="93"/>
      <c r="BB3268" s="93"/>
      <c r="BC3268" s="93"/>
      <c r="BD3268" s="93"/>
      <c r="BE3268" s="93"/>
      <c r="BF3268" s="93"/>
      <c r="BG3268" s="93"/>
      <c r="BH3268" s="93"/>
      <c r="BI3268" s="93"/>
      <c r="BJ3268" s="93"/>
      <c r="BK3268" s="93"/>
      <c r="BL3268" s="93"/>
    </row>
    <row r="3269" spans="2:64" x14ac:dyDescent="0.2">
      <c r="B3269" s="43"/>
      <c r="C3269" s="73"/>
      <c r="D3269" s="64"/>
      <c r="E3269" s="55"/>
      <c r="F3269" s="74"/>
      <c r="G3269" s="74"/>
      <c r="H3269" s="74"/>
      <c r="I3269" s="75"/>
      <c r="J3269" s="74"/>
      <c r="L3269" s="55"/>
      <c r="M3269" s="234"/>
      <c r="N3269" s="65"/>
      <c r="O3269" s="76"/>
      <c r="P3269" s="76"/>
      <c r="Q3269" s="65"/>
      <c r="R3269" s="76"/>
      <c r="S3269" s="76"/>
      <c r="T3269" s="76"/>
      <c r="U3269" s="76"/>
      <c r="V3269" s="76"/>
      <c r="W3269" s="76"/>
      <c r="X3269" s="76"/>
      <c r="Y3269" s="76"/>
      <c r="Z3269" s="76"/>
      <c r="AA3269" s="85"/>
      <c r="AB3269" s="85"/>
      <c r="AC3269" s="85"/>
      <c r="AD3269" s="85"/>
      <c r="AE3269" s="85"/>
      <c r="AF3269" s="85"/>
      <c r="AG3269" s="86"/>
      <c r="AH3269" s="85"/>
      <c r="AI3269" s="85"/>
      <c r="AJ3269" s="85"/>
      <c r="AK3269" s="85"/>
      <c r="AL3269" s="85"/>
      <c r="AM3269" s="92"/>
      <c r="AN3269" s="92"/>
      <c r="AO3269" s="92"/>
      <c r="AP3269" s="92"/>
      <c r="AQ3269" s="92"/>
      <c r="AR3269" s="92"/>
      <c r="AS3269" s="92"/>
      <c r="AT3269" s="92"/>
      <c r="AU3269" s="92"/>
      <c r="AV3269" s="92"/>
      <c r="AW3269" s="92"/>
      <c r="AX3269" s="92"/>
      <c r="AY3269" s="92"/>
      <c r="AZ3269" s="93"/>
      <c r="BA3269" s="93"/>
      <c r="BB3269" s="93"/>
      <c r="BC3269" s="93"/>
      <c r="BD3269" s="93"/>
      <c r="BE3269" s="93"/>
      <c r="BF3269" s="93"/>
      <c r="BG3269" s="93"/>
      <c r="BH3269" s="93"/>
      <c r="BI3269" s="93"/>
      <c r="BJ3269" s="93"/>
      <c r="BK3269" s="93"/>
      <c r="BL3269" s="93"/>
    </row>
    <row r="3270" spans="2:64" x14ac:dyDescent="0.2">
      <c r="B3270" s="43"/>
      <c r="C3270" s="73"/>
      <c r="D3270" s="64"/>
      <c r="E3270" s="55"/>
      <c r="F3270" s="74"/>
      <c r="G3270" s="74"/>
      <c r="H3270" s="74"/>
      <c r="I3270" s="75"/>
      <c r="J3270" s="74"/>
      <c r="L3270" s="55"/>
      <c r="M3270" s="234"/>
      <c r="N3270" s="65"/>
      <c r="O3270" s="76"/>
      <c r="P3270" s="76"/>
      <c r="Q3270" s="65"/>
      <c r="R3270" s="76"/>
      <c r="S3270" s="76"/>
      <c r="T3270" s="76"/>
      <c r="U3270" s="76"/>
      <c r="V3270" s="76"/>
      <c r="W3270" s="76"/>
      <c r="X3270" s="76"/>
      <c r="Y3270" s="76"/>
      <c r="Z3270" s="76"/>
      <c r="AA3270" s="85"/>
      <c r="AB3270" s="85"/>
      <c r="AC3270" s="85"/>
      <c r="AD3270" s="85"/>
      <c r="AE3270" s="85"/>
      <c r="AF3270" s="85"/>
      <c r="AG3270" s="86"/>
      <c r="AH3270" s="85"/>
      <c r="AI3270" s="85"/>
      <c r="AJ3270" s="85"/>
      <c r="AK3270" s="85"/>
      <c r="AL3270" s="85"/>
      <c r="AM3270" s="92"/>
      <c r="AN3270" s="92"/>
      <c r="AO3270" s="92"/>
      <c r="AP3270" s="92"/>
      <c r="AQ3270" s="92"/>
      <c r="AR3270" s="92"/>
      <c r="AS3270" s="92"/>
      <c r="AT3270" s="92"/>
      <c r="AU3270" s="92"/>
      <c r="AV3270" s="92"/>
      <c r="AW3270" s="92"/>
      <c r="AX3270" s="92"/>
      <c r="AY3270" s="92"/>
      <c r="AZ3270" s="93"/>
      <c r="BA3270" s="93"/>
      <c r="BB3270" s="93"/>
      <c r="BC3270" s="93"/>
      <c r="BD3270" s="93"/>
      <c r="BE3270" s="93"/>
      <c r="BF3270" s="93"/>
      <c r="BG3270" s="93"/>
      <c r="BH3270" s="93"/>
      <c r="BI3270" s="93"/>
      <c r="BJ3270" s="93"/>
      <c r="BK3270" s="93"/>
      <c r="BL3270" s="93"/>
    </row>
    <row r="3271" spans="2:64" x14ac:dyDescent="0.2">
      <c r="B3271" s="43"/>
      <c r="C3271" s="73"/>
      <c r="D3271" s="64"/>
      <c r="E3271" s="55"/>
      <c r="F3271" s="74"/>
      <c r="G3271" s="74"/>
      <c r="H3271" s="74"/>
      <c r="I3271" s="75"/>
      <c r="J3271" s="74"/>
      <c r="L3271" s="55"/>
      <c r="M3271" s="234"/>
      <c r="N3271" s="65"/>
      <c r="O3271" s="76"/>
      <c r="P3271" s="76"/>
      <c r="Q3271" s="65"/>
      <c r="R3271" s="76"/>
      <c r="S3271" s="76"/>
      <c r="T3271" s="76"/>
      <c r="U3271" s="76"/>
      <c r="V3271" s="76"/>
      <c r="W3271" s="76"/>
      <c r="X3271" s="76"/>
      <c r="Y3271" s="76"/>
      <c r="Z3271" s="76"/>
      <c r="AA3271" s="85"/>
      <c r="AB3271" s="85"/>
      <c r="AC3271" s="85"/>
      <c r="AD3271" s="85"/>
      <c r="AE3271" s="85"/>
      <c r="AF3271" s="85"/>
      <c r="AG3271" s="86"/>
      <c r="AH3271" s="85"/>
      <c r="AI3271" s="85"/>
      <c r="AJ3271" s="85"/>
      <c r="AK3271" s="85"/>
      <c r="AL3271" s="85"/>
      <c r="AM3271" s="92"/>
      <c r="AN3271" s="92"/>
      <c r="AO3271" s="92"/>
      <c r="AP3271" s="92"/>
      <c r="AQ3271" s="92"/>
      <c r="AR3271" s="92"/>
      <c r="AS3271" s="92"/>
      <c r="AT3271" s="92"/>
      <c r="AU3271" s="92"/>
      <c r="AV3271" s="92"/>
      <c r="AW3271" s="92"/>
      <c r="AX3271" s="92"/>
      <c r="AY3271" s="92"/>
      <c r="AZ3271" s="93"/>
      <c r="BA3271" s="93"/>
      <c r="BB3271" s="93"/>
      <c r="BC3271" s="93"/>
      <c r="BD3271" s="93"/>
      <c r="BE3271" s="93"/>
      <c r="BF3271" s="93"/>
      <c r="BG3271" s="93"/>
      <c r="BH3271" s="93"/>
      <c r="BI3271" s="93"/>
      <c r="BJ3271" s="93"/>
      <c r="BK3271" s="93"/>
      <c r="BL3271" s="93"/>
    </row>
    <row r="3272" spans="2:64" x14ac:dyDescent="0.2">
      <c r="B3272" s="43"/>
      <c r="C3272" s="73"/>
      <c r="D3272" s="64"/>
      <c r="E3272" s="55"/>
      <c r="F3272" s="74"/>
      <c r="G3272" s="74"/>
      <c r="H3272" s="74"/>
      <c r="I3272" s="75"/>
      <c r="J3272" s="74"/>
      <c r="L3272" s="55"/>
      <c r="M3272" s="234"/>
      <c r="N3272" s="65"/>
      <c r="O3272" s="76"/>
      <c r="P3272" s="76"/>
      <c r="Q3272" s="65"/>
      <c r="R3272" s="76"/>
      <c r="S3272" s="76"/>
      <c r="T3272" s="76"/>
      <c r="U3272" s="76"/>
      <c r="V3272" s="76"/>
      <c r="W3272" s="76"/>
      <c r="X3272" s="76"/>
      <c r="Y3272" s="76"/>
      <c r="Z3272" s="76"/>
      <c r="AA3272" s="85"/>
      <c r="AB3272" s="85"/>
      <c r="AC3272" s="85"/>
      <c r="AD3272" s="85"/>
      <c r="AE3272" s="85"/>
      <c r="AF3272" s="85"/>
      <c r="AG3272" s="86"/>
      <c r="AH3272" s="85"/>
      <c r="AI3272" s="85"/>
      <c r="AJ3272" s="85"/>
      <c r="AK3272" s="85"/>
      <c r="AL3272" s="85"/>
      <c r="AM3272" s="92"/>
      <c r="AN3272" s="92"/>
      <c r="AO3272" s="92"/>
      <c r="AP3272" s="92"/>
      <c r="AQ3272" s="92"/>
      <c r="AR3272" s="92"/>
      <c r="AS3272" s="92"/>
      <c r="AT3272" s="92"/>
      <c r="AU3272" s="92"/>
      <c r="AV3272" s="92"/>
      <c r="AW3272" s="92"/>
      <c r="AX3272" s="92"/>
      <c r="AY3272" s="92"/>
      <c r="AZ3272" s="93"/>
      <c r="BA3272" s="93"/>
      <c r="BB3272" s="93"/>
      <c r="BC3272" s="93"/>
      <c r="BD3272" s="93"/>
      <c r="BE3272" s="93"/>
      <c r="BF3272" s="93"/>
      <c r="BG3272" s="93"/>
      <c r="BH3272" s="93"/>
      <c r="BI3272" s="93"/>
      <c r="BJ3272" s="93"/>
      <c r="BK3272" s="93"/>
      <c r="BL3272" s="93"/>
    </row>
    <row r="3273" spans="2:64" x14ac:dyDescent="0.2">
      <c r="B3273" s="43"/>
      <c r="C3273" s="73"/>
      <c r="D3273" s="64"/>
      <c r="E3273" s="55"/>
      <c r="F3273" s="74"/>
      <c r="G3273" s="74"/>
      <c r="H3273" s="74"/>
      <c r="I3273" s="75"/>
      <c r="J3273" s="74"/>
      <c r="L3273" s="55"/>
      <c r="M3273" s="234"/>
      <c r="N3273" s="65"/>
      <c r="O3273" s="76"/>
      <c r="P3273" s="76"/>
      <c r="Q3273" s="65"/>
      <c r="R3273" s="76"/>
      <c r="S3273" s="76"/>
      <c r="T3273" s="76"/>
      <c r="U3273" s="76"/>
      <c r="V3273" s="76"/>
      <c r="W3273" s="76"/>
      <c r="X3273" s="76"/>
      <c r="Y3273" s="76"/>
      <c r="Z3273" s="76"/>
      <c r="AA3273" s="85"/>
      <c r="AB3273" s="85"/>
      <c r="AC3273" s="85"/>
      <c r="AD3273" s="85"/>
      <c r="AE3273" s="85"/>
      <c r="AF3273" s="85"/>
      <c r="AG3273" s="86"/>
      <c r="AH3273" s="85"/>
      <c r="AI3273" s="85"/>
      <c r="AJ3273" s="85"/>
      <c r="AK3273" s="85"/>
      <c r="AL3273" s="85"/>
      <c r="AM3273" s="92"/>
      <c r="AN3273" s="92"/>
      <c r="AO3273" s="92"/>
      <c r="AP3273" s="92"/>
      <c r="AQ3273" s="92"/>
      <c r="AR3273" s="92"/>
      <c r="AS3273" s="92"/>
      <c r="AT3273" s="92"/>
      <c r="AU3273" s="92"/>
      <c r="AV3273" s="92"/>
      <c r="AW3273" s="92"/>
      <c r="AX3273" s="92"/>
      <c r="AY3273" s="92"/>
      <c r="AZ3273" s="93"/>
      <c r="BA3273" s="93"/>
      <c r="BB3273" s="93"/>
      <c r="BC3273" s="93"/>
      <c r="BD3273" s="93"/>
      <c r="BE3273" s="93"/>
      <c r="BF3273" s="93"/>
      <c r="BG3273" s="93"/>
      <c r="BH3273" s="93"/>
      <c r="BI3273" s="93"/>
      <c r="BJ3273" s="93"/>
      <c r="BK3273" s="93"/>
      <c r="BL3273" s="93"/>
    </row>
    <row r="3274" spans="2:64" x14ac:dyDescent="0.2">
      <c r="B3274" s="43"/>
      <c r="C3274" s="73"/>
      <c r="D3274" s="64"/>
      <c r="E3274" s="55"/>
      <c r="F3274" s="74"/>
      <c r="G3274" s="74"/>
      <c r="H3274" s="74"/>
      <c r="I3274" s="75"/>
      <c r="J3274" s="74"/>
      <c r="L3274" s="55"/>
      <c r="M3274" s="234"/>
      <c r="N3274" s="65"/>
      <c r="O3274" s="76"/>
      <c r="P3274" s="76"/>
      <c r="Q3274" s="65"/>
      <c r="R3274" s="76"/>
      <c r="S3274" s="76"/>
      <c r="T3274" s="76"/>
      <c r="U3274" s="76"/>
      <c r="V3274" s="76"/>
      <c r="W3274" s="76"/>
      <c r="X3274" s="76"/>
      <c r="Y3274" s="76"/>
      <c r="Z3274" s="76"/>
      <c r="AA3274" s="85"/>
      <c r="AB3274" s="85"/>
      <c r="AC3274" s="85"/>
      <c r="AD3274" s="85"/>
      <c r="AE3274" s="85"/>
      <c r="AF3274" s="85"/>
      <c r="AG3274" s="86"/>
      <c r="AH3274" s="85"/>
      <c r="AI3274" s="85"/>
      <c r="AJ3274" s="85"/>
      <c r="AK3274" s="85"/>
      <c r="AL3274" s="85"/>
      <c r="AM3274" s="92"/>
      <c r="AN3274" s="92"/>
      <c r="AO3274" s="92"/>
      <c r="AP3274" s="92"/>
      <c r="AQ3274" s="92"/>
      <c r="AR3274" s="92"/>
      <c r="AS3274" s="92"/>
      <c r="AT3274" s="92"/>
      <c r="AU3274" s="92"/>
      <c r="AV3274" s="92"/>
      <c r="AW3274" s="92"/>
      <c r="AX3274" s="92"/>
      <c r="AY3274" s="92"/>
      <c r="AZ3274" s="93"/>
      <c r="BA3274" s="93"/>
      <c r="BB3274" s="93"/>
      <c r="BC3274" s="93"/>
      <c r="BD3274" s="93"/>
      <c r="BE3274" s="93"/>
      <c r="BF3274" s="93"/>
      <c r="BG3274" s="93"/>
      <c r="BH3274" s="93"/>
      <c r="BI3274" s="93"/>
      <c r="BJ3274" s="93"/>
      <c r="BK3274" s="93"/>
      <c r="BL3274" s="93"/>
    </row>
    <row r="3275" spans="2:64" x14ac:dyDescent="0.2">
      <c r="B3275" s="43"/>
      <c r="C3275" s="73"/>
      <c r="D3275" s="64"/>
      <c r="E3275" s="55"/>
      <c r="F3275" s="74"/>
      <c r="G3275" s="74"/>
      <c r="H3275" s="74"/>
      <c r="I3275" s="75"/>
      <c r="J3275" s="74"/>
      <c r="L3275" s="55"/>
      <c r="M3275" s="234"/>
      <c r="N3275" s="65"/>
      <c r="O3275" s="76"/>
      <c r="P3275" s="76"/>
      <c r="Q3275" s="65"/>
      <c r="R3275" s="76"/>
      <c r="S3275" s="76"/>
      <c r="T3275" s="76"/>
      <c r="U3275" s="76"/>
      <c r="V3275" s="76"/>
      <c r="W3275" s="76"/>
      <c r="X3275" s="76"/>
      <c r="Y3275" s="76"/>
      <c r="Z3275" s="76"/>
      <c r="AA3275" s="85"/>
      <c r="AB3275" s="85"/>
      <c r="AC3275" s="85"/>
      <c r="AD3275" s="85"/>
      <c r="AE3275" s="85"/>
      <c r="AF3275" s="85"/>
      <c r="AG3275" s="86"/>
      <c r="AH3275" s="85"/>
      <c r="AI3275" s="85"/>
      <c r="AJ3275" s="85"/>
      <c r="AK3275" s="85"/>
      <c r="AL3275" s="85"/>
      <c r="AM3275" s="92"/>
      <c r="AN3275" s="92"/>
      <c r="AO3275" s="92"/>
      <c r="AP3275" s="92"/>
      <c r="AQ3275" s="92"/>
      <c r="AR3275" s="92"/>
      <c r="AS3275" s="92"/>
      <c r="AT3275" s="92"/>
      <c r="AU3275" s="92"/>
      <c r="AV3275" s="92"/>
      <c r="AW3275" s="92"/>
      <c r="AX3275" s="92"/>
      <c r="AY3275" s="92"/>
      <c r="AZ3275" s="93"/>
      <c r="BA3275" s="93"/>
      <c r="BB3275" s="93"/>
      <c r="BC3275" s="93"/>
      <c r="BD3275" s="93"/>
      <c r="BE3275" s="93"/>
      <c r="BF3275" s="93"/>
      <c r="BG3275" s="93"/>
      <c r="BH3275" s="93"/>
      <c r="BI3275" s="93"/>
      <c r="BJ3275" s="93"/>
      <c r="BK3275" s="93"/>
      <c r="BL3275" s="93"/>
    </row>
    <row r="3276" spans="2:64" x14ac:dyDescent="0.2">
      <c r="B3276" s="43"/>
      <c r="C3276" s="73"/>
      <c r="D3276" s="64"/>
      <c r="E3276" s="55"/>
      <c r="F3276" s="74"/>
      <c r="G3276" s="74"/>
      <c r="H3276" s="74"/>
      <c r="I3276" s="75"/>
      <c r="J3276" s="74"/>
      <c r="L3276" s="55"/>
      <c r="M3276" s="234"/>
      <c r="N3276" s="65"/>
      <c r="O3276" s="76"/>
      <c r="P3276" s="76"/>
      <c r="Q3276" s="65"/>
      <c r="R3276" s="76"/>
      <c r="S3276" s="76"/>
      <c r="T3276" s="76"/>
      <c r="U3276" s="76"/>
      <c r="V3276" s="76"/>
      <c r="W3276" s="76"/>
      <c r="X3276" s="76"/>
      <c r="Y3276" s="76"/>
      <c r="Z3276" s="76"/>
      <c r="AA3276" s="85"/>
      <c r="AB3276" s="85"/>
      <c r="AC3276" s="85"/>
      <c r="AD3276" s="85"/>
      <c r="AE3276" s="85"/>
      <c r="AF3276" s="85"/>
      <c r="AG3276" s="86"/>
      <c r="AH3276" s="85"/>
      <c r="AI3276" s="85"/>
      <c r="AJ3276" s="85"/>
      <c r="AK3276" s="85"/>
      <c r="AL3276" s="85"/>
      <c r="AM3276" s="92"/>
      <c r="AN3276" s="92"/>
      <c r="AO3276" s="92"/>
      <c r="AP3276" s="92"/>
      <c r="AQ3276" s="92"/>
      <c r="AR3276" s="92"/>
      <c r="AS3276" s="92"/>
      <c r="AT3276" s="92"/>
      <c r="AU3276" s="92"/>
      <c r="AV3276" s="92"/>
      <c r="AW3276" s="92"/>
      <c r="AX3276" s="92"/>
      <c r="AY3276" s="92"/>
      <c r="AZ3276" s="93"/>
      <c r="BA3276" s="93"/>
      <c r="BB3276" s="93"/>
      <c r="BC3276" s="93"/>
      <c r="BD3276" s="93"/>
      <c r="BE3276" s="93"/>
      <c r="BF3276" s="93"/>
      <c r="BG3276" s="93"/>
      <c r="BH3276" s="93"/>
      <c r="BI3276" s="93"/>
      <c r="BJ3276" s="93"/>
      <c r="BK3276" s="93"/>
      <c r="BL3276" s="93"/>
    </row>
    <row r="3277" spans="2:64" x14ac:dyDescent="0.2">
      <c r="B3277" s="43"/>
      <c r="C3277" s="73"/>
      <c r="D3277" s="64"/>
      <c r="E3277" s="55"/>
      <c r="F3277" s="74"/>
      <c r="G3277" s="74"/>
      <c r="H3277" s="74"/>
      <c r="I3277" s="75"/>
      <c r="J3277" s="74"/>
      <c r="L3277" s="55"/>
      <c r="M3277" s="234"/>
      <c r="N3277" s="65"/>
      <c r="O3277" s="76"/>
      <c r="P3277" s="76"/>
      <c r="Q3277" s="65"/>
      <c r="R3277" s="76"/>
      <c r="S3277" s="76"/>
      <c r="T3277" s="76"/>
      <c r="U3277" s="76"/>
      <c r="V3277" s="76"/>
      <c r="W3277" s="76"/>
      <c r="X3277" s="76"/>
      <c r="Y3277" s="76"/>
      <c r="Z3277" s="76"/>
      <c r="AA3277" s="85"/>
      <c r="AB3277" s="85"/>
      <c r="AC3277" s="85"/>
      <c r="AD3277" s="85"/>
      <c r="AE3277" s="85"/>
      <c r="AF3277" s="85"/>
      <c r="AG3277" s="86"/>
      <c r="AH3277" s="85"/>
      <c r="AI3277" s="85"/>
      <c r="AJ3277" s="85"/>
      <c r="AK3277" s="85"/>
      <c r="AL3277" s="85"/>
      <c r="AM3277" s="92"/>
      <c r="AN3277" s="92"/>
      <c r="AO3277" s="92"/>
      <c r="AP3277" s="92"/>
      <c r="AQ3277" s="92"/>
      <c r="AR3277" s="92"/>
      <c r="AS3277" s="92"/>
      <c r="AT3277" s="92"/>
      <c r="AU3277" s="92"/>
      <c r="AV3277" s="92"/>
      <c r="AW3277" s="92"/>
      <c r="AX3277" s="92"/>
      <c r="AY3277" s="92"/>
      <c r="AZ3277" s="93"/>
      <c r="BA3277" s="93"/>
      <c r="BB3277" s="93"/>
      <c r="BC3277" s="93"/>
      <c r="BD3277" s="93"/>
      <c r="BE3277" s="93"/>
      <c r="BF3277" s="93"/>
      <c r="BG3277" s="93"/>
      <c r="BH3277" s="93"/>
      <c r="BI3277" s="93"/>
      <c r="BJ3277" s="93"/>
      <c r="BK3277" s="93"/>
      <c r="BL3277" s="93"/>
    </row>
    <row r="3278" spans="2:64" x14ac:dyDescent="0.2">
      <c r="B3278" s="43"/>
      <c r="C3278" s="73"/>
      <c r="D3278" s="64"/>
      <c r="E3278" s="55"/>
      <c r="F3278" s="74"/>
      <c r="G3278" s="74"/>
      <c r="H3278" s="74"/>
      <c r="I3278" s="75"/>
      <c r="J3278" s="74"/>
      <c r="L3278" s="55"/>
      <c r="M3278" s="234"/>
      <c r="N3278" s="65"/>
      <c r="O3278" s="76"/>
      <c r="P3278" s="76"/>
      <c r="Q3278" s="65"/>
      <c r="R3278" s="76"/>
      <c r="S3278" s="76"/>
      <c r="T3278" s="76"/>
      <c r="U3278" s="76"/>
      <c r="V3278" s="76"/>
      <c r="W3278" s="76"/>
      <c r="X3278" s="76"/>
      <c r="Y3278" s="76"/>
      <c r="Z3278" s="76"/>
      <c r="AA3278" s="85"/>
      <c r="AB3278" s="85"/>
      <c r="AC3278" s="85"/>
      <c r="AD3278" s="85"/>
      <c r="AE3278" s="85"/>
      <c r="AF3278" s="85"/>
      <c r="AG3278" s="86"/>
      <c r="AH3278" s="85"/>
      <c r="AI3278" s="85"/>
      <c r="AJ3278" s="85"/>
      <c r="AK3278" s="85"/>
      <c r="AL3278" s="85"/>
      <c r="AM3278" s="92"/>
      <c r="AN3278" s="92"/>
      <c r="AO3278" s="92"/>
      <c r="AP3278" s="92"/>
      <c r="AQ3278" s="92"/>
      <c r="AR3278" s="92"/>
      <c r="AS3278" s="92"/>
      <c r="AT3278" s="92"/>
      <c r="AU3278" s="92"/>
      <c r="AV3278" s="92"/>
      <c r="AW3278" s="92"/>
      <c r="AX3278" s="92"/>
      <c r="AY3278" s="92"/>
      <c r="AZ3278" s="93"/>
      <c r="BA3278" s="93"/>
      <c r="BB3278" s="93"/>
      <c r="BC3278" s="93"/>
      <c r="BD3278" s="93"/>
      <c r="BE3278" s="93"/>
      <c r="BF3278" s="93"/>
      <c r="BG3278" s="93"/>
      <c r="BH3278" s="93"/>
      <c r="BI3278" s="93"/>
      <c r="BJ3278" s="93"/>
      <c r="BK3278" s="93"/>
      <c r="BL3278" s="93"/>
    </row>
    <row r="3279" spans="2:64" x14ac:dyDescent="0.2">
      <c r="B3279" s="43"/>
      <c r="C3279" s="73"/>
      <c r="D3279" s="64"/>
      <c r="E3279" s="55"/>
      <c r="F3279" s="74"/>
      <c r="G3279" s="74"/>
      <c r="H3279" s="74"/>
      <c r="I3279" s="75"/>
      <c r="J3279" s="74"/>
      <c r="L3279" s="55"/>
      <c r="M3279" s="234"/>
      <c r="N3279" s="65"/>
      <c r="O3279" s="76"/>
      <c r="P3279" s="76"/>
      <c r="Q3279" s="65"/>
      <c r="R3279" s="76"/>
      <c r="S3279" s="76"/>
      <c r="T3279" s="76"/>
      <c r="U3279" s="76"/>
      <c r="V3279" s="76"/>
      <c r="W3279" s="76"/>
      <c r="X3279" s="76"/>
      <c r="Y3279" s="76"/>
      <c r="Z3279" s="76"/>
      <c r="AA3279" s="85"/>
      <c r="AB3279" s="85"/>
      <c r="AC3279" s="85"/>
      <c r="AD3279" s="85"/>
      <c r="AE3279" s="85"/>
      <c r="AF3279" s="85"/>
      <c r="AG3279" s="86"/>
      <c r="AH3279" s="85"/>
      <c r="AI3279" s="85"/>
      <c r="AJ3279" s="85"/>
      <c r="AK3279" s="85"/>
      <c r="AL3279" s="85"/>
      <c r="AM3279" s="92"/>
      <c r="AN3279" s="92"/>
      <c r="AO3279" s="92"/>
      <c r="AP3279" s="92"/>
      <c r="AQ3279" s="92"/>
      <c r="AR3279" s="92"/>
      <c r="AS3279" s="92"/>
      <c r="AT3279" s="92"/>
      <c r="AU3279" s="92"/>
      <c r="AV3279" s="92"/>
      <c r="AW3279" s="92"/>
      <c r="AX3279" s="92"/>
      <c r="AY3279" s="92"/>
      <c r="AZ3279" s="93"/>
      <c r="BA3279" s="93"/>
      <c r="BB3279" s="93"/>
      <c r="BC3279" s="93"/>
      <c r="BD3279" s="93"/>
      <c r="BE3279" s="93"/>
      <c r="BF3279" s="93"/>
      <c r="BG3279" s="93"/>
      <c r="BH3279" s="93"/>
      <c r="BI3279" s="93"/>
      <c r="BJ3279" s="93"/>
      <c r="BK3279" s="93"/>
      <c r="BL3279" s="93"/>
    </row>
    <row r="3280" spans="2:64" x14ac:dyDescent="0.2">
      <c r="B3280" s="43"/>
      <c r="C3280" s="73"/>
      <c r="D3280" s="64"/>
      <c r="E3280" s="55"/>
      <c r="F3280" s="74"/>
      <c r="G3280" s="74"/>
      <c r="H3280" s="74"/>
      <c r="I3280" s="75"/>
      <c r="J3280" s="74"/>
      <c r="L3280" s="55"/>
      <c r="M3280" s="234"/>
      <c r="N3280" s="65"/>
      <c r="O3280" s="76"/>
      <c r="P3280" s="76"/>
      <c r="Q3280" s="65"/>
      <c r="R3280" s="76"/>
      <c r="S3280" s="76"/>
      <c r="T3280" s="76"/>
      <c r="U3280" s="76"/>
      <c r="V3280" s="76"/>
      <c r="W3280" s="76"/>
      <c r="X3280" s="76"/>
      <c r="Y3280" s="76"/>
      <c r="Z3280" s="76"/>
      <c r="AA3280" s="85"/>
      <c r="AB3280" s="85"/>
      <c r="AC3280" s="85"/>
      <c r="AD3280" s="85"/>
      <c r="AE3280" s="85"/>
      <c r="AF3280" s="85"/>
      <c r="AG3280" s="86"/>
      <c r="AH3280" s="85"/>
      <c r="AI3280" s="85"/>
      <c r="AJ3280" s="85"/>
      <c r="AK3280" s="85"/>
      <c r="AL3280" s="85"/>
      <c r="AM3280" s="92"/>
      <c r="AN3280" s="92"/>
      <c r="AO3280" s="92"/>
      <c r="AP3280" s="92"/>
      <c r="AQ3280" s="92"/>
      <c r="AR3280" s="92"/>
      <c r="AS3280" s="92"/>
      <c r="AT3280" s="92"/>
      <c r="AU3280" s="92"/>
      <c r="AV3280" s="92"/>
      <c r="AW3280" s="92"/>
      <c r="AX3280" s="92"/>
      <c r="AY3280" s="92"/>
      <c r="AZ3280" s="93"/>
      <c r="BA3280" s="93"/>
      <c r="BB3280" s="93"/>
      <c r="BC3280" s="93"/>
      <c r="BD3280" s="93"/>
      <c r="BE3280" s="93"/>
      <c r="BF3280" s="93"/>
      <c r="BG3280" s="93"/>
      <c r="BH3280" s="93"/>
      <c r="BI3280" s="93"/>
      <c r="BJ3280" s="93"/>
      <c r="BK3280" s="93"/>
      <c r="BL3280" s="93"/>
    </row>
    <row r="3281" spans="2:64" x14ac:dyDescent="0.2">
      <c r="B3281" s="43"/>
      <c r="C3281" s="73"/>
      <c r="D3281" s="64"/>
      <c r="E3281" s="55"/>
      <c r="F3281" s="74"/>
      <c r="G3281" s="74"/>
      <c r="H3281" s="74"/>
      <c r="I3281" s="75"/>
      <c r="J3281" s="74"/>
      <c r="L3281" s="55"/>
      <c r="M3281" s="234"/>
      <c r="N3281" s="65"/>
      <c r="O3281" s="76"/>
      <c r="P3281" s="76"/>
      <c r="Q3281" s="65"/>
      <c r="R3281" s="76"/>
      <c r="S3281" s="76"/>
      <c r="T3281" s="76"/>
      <c r="U3281" s="76"/>
      <c r="V3281" s="76"/>
      <c r="W3281" s="76"/>
      <c r="X3281" s="76"/>
      <c r="Y3281" s="76"/>
      <c r="Z3281" s="76"/>
      <c r="AA3281" s="85"/>
      <c r="AB3281" s="85"/>
      <c r="AC3281" s="85"/>
      <c r="AD3281" s="85"/>
      <c r="AE3281" s="85"/>
      <c r="AF3281" s="85"/>
      <c r="AG3281" s="86"/>
      <c r="AH3281" s="85"/>
      <c r="AI3281" s="85"/>
      <c r="AJ3281" s="85"/>
      <c r="AK3281" s="85"/>
      <c r="AL3281" s="85"/>
      <c r="AM3281" s="92"/>
      <c r="AN3281" s="92"/>
      <c r="AO3281" s="92"/>
      <c r="AP3281" s="92"/>
      <c r="AQ3281" s="92"/>
      <c r="AR3281" s="92"/>
      <c r="AS3281" s="92"/>
      <c r="AT3281" s="92"/>
      <c r="AU3281" s="92"/>
      <c r="AV3281" s="92"/>
      <c r="AW3281" s="92"/>
      <c r="AX3281" s="92"/>
      <c r="AY3281" s="92"/>
      <c r="AZ3281" s="93"/>
      <c r="BA3281" s="93"/>
      <c r="BB3281" s="93"/>
      <c r="BC3281" s="93"/>
      <c r="BD3281" s="93"/>
      <c r="BE3281" s="93"/>
      <c r="BF3281" s="93"/>
      <c r="BG3281" s="93"/>
      <c r="BH3281" s="93"/>
      <c r="BI3281" s="93"/>
      <c r="BJ3281" s="93"/>
      <c r="BK3281" s="93"/>
      <c r="BL3281" s="93"/>
    </row>
    <row r="3282" spans="2:64" x14ac:dyDescent="0.2">
      <c r="B3282" s="43"/>
      <c r="C3282" s="73"/>
      <c r="D3282" s="64"/>
      <c r="E3282" s="55"/>
      <c r="F3282" s="74"/>
      <c r="G3282" s="74"/>
      <c r="H3282" s="74"/>
      <c r="I3282" s="75"/>
      <c r="J3282" s="74"/>
      <c r="L3282" s="55"/>
      <c r="M3282" s="234"/>
      <c r="N3282" s="65"/>
      <c r="O3282" s="76"/>
      <c r="P3282" s="76"/>
      <c r="Q3282" s="65"/>
      <c r="R3282" s="76"/>
      <c r="S3282" s="76"/>
      <c r="T3282" s="76"/>
      <c r="U3282" s="76"/>
      <c r="V3282" s="76"/>
      <c r="W3282" s="76"/>
      <c r="X3282" s="76"/>
      <c r="Y3282" s="76"/>
      <c r="Z3282" s="76"/>
      <c r="AA3282" s="85"/>
      <c r="AB3282" s="85"/>
      <c r="AC3282" s="85"/>
      <c r="AD3282" s="85"/>
      <c r="AE3282" s="85"/>
      <c r="AF3282" s="85"/>
      <c r="AG3282" s="86"/>
      <c r="AH3282" s="85"/>
      <c r="AI3282" s="85"/>
      <c r="AJ3282" s="85"/>
      <c r="AK3282" s="85"/>
      <c r="AL3282" s="85"/>
      <c r="AM3282" s="92"/>
      <c r="AN3282" s="92"/>
      <c r="AO3282" s="92"/>
      <c r="AP3282" s="92"/>
      <c r="AQ3282" s="92"/>
      <c r="AR3282" s="92"/>
      <c r="AS3282" s="92"/>
      <c r="AT3282" s="92"/>
      <c r="AU3282" s="92"/>
      <c r="AV3282" s="92"/>
      <c r="AW3282" s="92"/>
      <c r="AX3282" s="92"/>
      <c r="AY3282" s="92"/>
      <c r="AZ3282" s="93"/>
      <c r="BA3282" s="93"/>
      <c r="BB3282" s="93"/>
      <c r="BC3282" s="93"/>
      <c r="BD3282" s="93"/>
      <c r="BE3282" s="93"/>
      <c r="BF3282" s="93"/>
      <c r="BG3282" s="93"/>
      <c r="BH3282" s="93"/>
      <c r="BI3282" s="93"/>
      <c r="BJ3282" s="93"/>
      <c r="BK3282" s="93"/>
      <c r="BL3282" s="93"/>
    </row>
    <row r="3283" spans="2:64" x14ac:dyDescent="0.2">
      <c r="B3283" s="43"/>
      <c r="C3283" s="73"/>
      <c r="D3283" s="64"/>
      <c r="E3283" s="55"/>
      <c r="F3283" s="74"/>
      <c r="G3283" s="74"/>
      <c r="H3283" s="74"/>
      <c r="I3283" s="75"/>
      <c r="J3283" s="74"/>
      <c r="L3283" s="55"/>
      <c r="M3283" s="234"/>
      <c r="N3283" s="65"/>
      <c r="O3283" s="76"/>
      <c r="P3283" s="76"/>
      <c r="Q3283" s="65"/>
      <c r="R3283" s="76"/>
      <c r="S3283" s="76"/>
      <c r="T3283" s="76"/>
      <c r="U3283" s="76"/>
      <c r="V3283" s="76"/>
      <c r="W3283" s="76"/>
      <c r="X3283" s="76"/>
      <c r="Y3283" s="76"/>
      <c r="Z3283" s="76"/>
      <c r="AA3283" s="85"/>
      <c r="AB3283" s="85"/>
      <c r="AC3283" s="85"/>
      <c r="AD3283" s="85"/>
      <c r="AE3283" s="85"/>
      <c r="AF3283" s="85"/>
      <c r="AG3283" s="86"/>
      <c r="AH3283" s="85"/>
      <c r="AI3283" s="85"/>
      <c r="AJ3283" s="85"/>
      <c r="AK3283" s="85"/>
      <c r="AL3283" s="85"/>
      <c r="AM3283" s="92"/>
      <c r="AN3283" s="92"/>
      <c r="AO3283" s="92"/>
      <c r="AP3283" s="92"/>
      <c r="AQ3283" s="92"/>
      <c r="AR3283" s="92"/>
      <c r="AS3283" s="92"/>
      <c r="AT3283" s="92"/>
      <c r="AU3283" s="92"/>
      <c r="AV3283" s="92"/>
      <c r="AW3283" s="92"/>
      <c r="AX3283" s="92"/>
      <c r="AY3283" s="92"/>
      <c r="AZ3283" s="93"/>
      <c r="BA3283" s="93"/>
      <c r="BB3283" s="93"/>
      <c r="BC3283" s="93"/>
      <c r="BD3283" s="93"/>
      <c r="BE3283" s="93"/>
      <c r="BF3283" s="93"/>
      <c r="BG3283" s="93"/>
      <c r="BH3283" s="93"/>
      <c r="BI3283" s="93"/>
      <c r="BJ3283" s="93"/>
      <c r="BK3283" s="93"/>
      <c r="BL3283" s="93"/>
    </row>
    <row r="3284" spans="2:64" x14ac:dyDescent="0.2">
      <c r="B3284" s="43"/>
      <c r="C3284" s="73"/>
      <c r="D3284" s="64"/>
      <c r="E3284" s="55"/>
      <c r="F3284" s="74"/>
      <c r="G3284" s="74"/>
      <c r="H3284" s="74"/>
      <c r="I3284" s="75"/>
      <c r="J3284" s="74"/>
      <c r="L3284" s="55"/>
      <c r="M3284" s="234"/>
      <c r="N3284" s="65"/>
      <c r="O3284" s="76"/>
      <c r="P3284" s="76"/>
      <c r="Q3284" s="65"/>
      <c r="R3284" s="76"/>
      <c r="S3284" s="76"/>
      <c r="T3284" s="76"/>
      <c r="U3284" s="76"/>
      <c r="V3284" s="76"/>
      <c r="W3284" s="76"/>
      <c r="X3284" s="76"/>
      <c r="Y3284" s="76"/>
      <c r="Z3284" s="76"/>
      <c r="AA3284" s="85"/>
      <c r="AB3284" s="85"/>
      <c r="AC3284" s="85"/>
      <c r="AD3284" s="85"/>
      <c r="AE3284" s="85"/>
      <c r="AF3284" s="85"/>
      <c r="AG3284" s="86"/>
      <c r="AH3284" s="85"/>
      <c r="AI3284" s="85"/>
      <c r="AJ3284" s="85"/>
      <c r="AK3284" s="85"/>
      <c r="AL3284" s="85"/>
      <c r="AM3284" s="92"/>
      <c r="AN3284" s="92"/>
      <c r="AO3284" s="92"/>
      <c r="AP3284" s="92"/>
      <c r="AQ3284" s="92"/>
      <c r="AR3284" s="92"/>
      <c r="AS3284" s="92"/>
      <c r="AT3284" s="92"/>
      <c r="AU3284" s="92"/>
      <c r="AV3284" s="92"/>
      <c r="AW3284" s="92"/>
      <c r="AX3284" s="92"/>
      <c r="AY3284" s="92"/>
      <c r="AZ3284" s="93"/>
      <c r="BA3284" s="93"/>
      <c r="BB3284" s="93"/>
      <c r="BC3284" s="93"/>
      <c r="BD3284" s="93"/>
      <c r="BE3284" s="93"/>
      <c r="BF3284" s="93"/>
      <c r="BG3284" s="93"/>
      <c r="BH3284" s="93"/>
      <c r="BI3284" s="93"/>
      <c r="BJ3284" s="93"/>
      <c r="BK3284" s="93"/>
      <c r="BL3284" s="93"/>
    </row>
    <row r="3285" spans="2:64" x14ac:dyDescent="0.2">
      <c r="B3285" s="43"/>
      <c r="C3285" s="73"/>
      <c r="D3285" s="64"/>
      <c r="E3285" s="55"/>
      <c r="F3285" s="74"/>
      <c r="G3285" s="74"/>
      <c r="H3285" s="74"/>
      <c r="I3285" s="75"/>
      <c r="J3285" s="74"/>
      <c r="L3285" s="55"/>
      <c r="M3285" s="234"/>
      <c r="N3285" s="65"/>
      <c r="O3285" s="76"/>
      <c r="P3285" s="76"/>
      <c r="Q3285" s="65"/>
      <c r="R3285" s="76"/>
      <c r="S3285" s="76"/>
      <c r="T3285" s="76"/>
      <c r="U3285" s="76"/>
      <c r="V3285" s="76"/>
      <c r="W3285" s="76"/>
      <c r="X3285" s="76"/>
      <c r="Y3285" s="76"/>
      <c r="Z3285" s="76"/>
      <c r="AA3285" s="85"/>
      <c r="AB3285" s="85"/>
      <c r="AC3285" s="85"/>
      <c r="AD3285" s="85"/>
      <c r="AE3285" s="85"/>
      <c r="AF3285" s="85"/>
      <c r="AG3285" s="86"/>
      <c r="AH3285" s="85"/>
      <c r="AI3285" s="85"/>
      <c r="AJ3285" s="85"/>
      <c r="AK3285" s="85"/>
      <c r="AL3285" s="85"/>
      <c r="AM3285" s="92"/>
      <c r="AN3285" s="92"/>
      <c r="AO3285" s="92"/>
      <c r="AP3285" s="92"/>
      <c r="AQ3285" s="92"/>
      <c r="AR3285" s="92"/>
      <c r="AS3285" s="92"/>
      <c r="AT3285" s="92"/>
      <c r="AU3285" s="92"/>
      <c r="AV3285" s="92"/>
      <c r="AW3285" s="92"/>
      <c r="AX3285" s="92"/>
      <c r="AY3285" s="92"/>
      <c r="AZ3285" s="93"/>
      <c r="BA3285" s="93"/>
      <c r="BB3285" s="93"/>
      <c r="BC3285" s="93"/>
      <c r="BD3285" s="93"/>
      <c r="BE3285" s="93"/>
      <c r="BF3285" s="93"/>
      <c r="BG3285" s="93"/>
      <c r="BH3285" s="93"/>
      <c r="BI3285" s="93"/>
      <c r="BJ3285" s="93"/>
      <c r="BK3285" s="93"/>
      <c r="BL3285" s="93"/>
    </row>
    <row r="3286" spans="2:64" x14ac:dyDescent="0.2">
      <c r="B3286" s="43"/>
      <c r="C3286" s="73"/>
      <c r="D3286" s="64"/>
      <c r="E3286" s="55"/>
      <c r="F3286" s="74"/>
      <c r="G3286" s="74"/>
      <c r="H3286" s="74"/>
      <c r="I3286" s="75"/>
      <c r="J3286" s="74"/>
      <c r="L3286" s="55"/>
      <c r="M3286" s="234"/>
      <c r="N3286" s="65"/>
      <c r="O3286" s="76"/>
      <c r="P3286" s="76"/>
      <c r="Q3286" s="65"/>
      <c r="R3286" s="76"/>
      <c r="S3286" s="76"/>
      <c r="T3286" s="76"/>
      <c r="U3286" s="76"/>
      <c r="V3286" s="76"/>
      <c r="W3286" s="76"/>
      <c r="X3286" s="76"/>
      <c r="Y3286" s="76"/>
      <c r="Z3286" s="76"/>
      <c r="AA3286" s="85"/>
      <c r="AB3286" s="85"/>
      <c r="AC3286" s="85"/>
      <c r="AD3286" s="85"/>
      <c r="AE3286" s="85"/>
      <c r="AF3286" s="85"/>
      <c r="AG3286" s="86"/>
      <c r="AH3286" s="85"/>
      <c r="AI3286" s="85"/>
      <c r="AJ3286" s="85"/>
      <c r="AK3286" s="85"/>
      <c r="AL3286" s="85"/>
      <c r="AM3286" s="92"/>
      <c r="AN3286" s="92"/>
      <c r="AO3286" s="92"/>
      <c r="AP3286" s="92"/>
      <c r="AQ3286" s="92"/>
      <c r="AR3286" s="92"/>
      <c r="AS3286" s="92"/>
      <c r="AT3286" s="92"/>
      <c r="AU3286" s="92"/>
      <c r="AV3286" s="92"/>
      <c r="AW3286" s="92"/>
      <c r="AX3286" s="92"/>
      <c r="AY3286" s="92"/>
      <c r="AZ3286" s="93"/>
      <c r="BA3286" s="93"/>
      <c r="BB3286" s="93"/>
      <c r="BC3286" s="93"/>
      <c r="BD3286" s="93"/>
      <c r="BE3286" s="93"/>
      <c r="BF3286" s="93"/>
      <c r="BG3286" s="93"/>
      <c r="BH3286" s="93"/>
      <c r="BI3286" s="93"/>
      <c r="BJ3286" s="93"/>
      <c r="BK3286" s="93"/>
      <c r="BL3286" s="93"/>
    </row>
    <row r="3287" spans="2:64" x14ac:dyDescent="0.2">
      <c r="B3287" s="43"/>
      <c r="C3287" s="73"/>
      <c r="D3287" s="64"/>
      <c r="E3287" s="55"/>
      <c r="F3287" s="74"/>
      <c r="G3287" s="74"/>
      <c r="H3287" s="74"/>
      <c r="I3287" s="75"/>
      <c r="J3287" s="74"/>
      <c r="L3287" s="55"/>
      <c r="M3287" s="234"/>
      <c r="N3287" s="65"/>
      <c r="O3287" s="76"/>
      <c r="P3287" s="76"/>
      <c r="Q3287" s="65"/>
      <c r="R3287" s="76"/>
      <c r="S3287" s="76"/>
      <c r="T3287" s="76"/>
      <c r="U3287" s="76"/>
      <c r="V3287" s="76"/>
      <c r="W3287" s="76"/>
      <c r="X3287" s="76"/>
      <c r="Y3287" s="76"/>
      <c r="Z3287" s="76"/>
      <c r="AA3287" s="85"/>
      <c r="AB3287" s="85"/>
      <c r="AC3287" s="85"/>
      <c r="AD3287" s="85"/>
      <c r="AE3287" s="85"/>
      <c r="AF3287" s="85"/>
      <c r="AG3287" s="86"/>
      <c r="AH3287" s="85"/>
      <c r="AI3287" s="85"/>
      <c r="AJ3287" s="85"/>
      <c r="AK3287" s="85"/>
      <c r="AL3287" s="85"/>
      <c r="AM3287" s="92"/>
      <c r="AN3287" s="92"/>
      <c r="AO3287" s="92"/>
      <c r="AP3287" s="92"/>
      <c r="AQ3287" s="92"/>
      <c r="AR3287" s="92"/>
      <c r="AS3287" s="92"/>
      <c r="AT3287" s="92"/>
      <c r="AU3287" s="92"/>
      <c r="AV3287" s="92"/>
      <c r="AW3287" s="92"/>
      <c r="AX3287" s="92"/>
      <c r="AY3287" s="92"/>
      <c r="AZ3287" s="93"/>
      <c r="BA3287" s="93"/>
      <c r="BB3287" s="93"/>
      <c r="BC3287" s="93"/>
      <c r="BD3287" s="93"/>
      <c r="BE3287" s="93"/>
      <c r="BF3287" s="93"/>
      <c r="BG3287" s="93"/>
      <c r="BH3287" s="93"/>
      <c r="BI3287" s="93"/>
      <c r="BJ3287" s="93"/>
      <c r="BK3287" s="93"/>
      <c r="BL3287" s="93"/>
    </row>
    <row r="3288" spans="2:64" x14ac:dyDescent="0.2">
      <c r="B3288" s="43"/>
      <c r="C3288" s="73"/>
      <c r="D3288" s="64"/>
      <c r="E3288" s="55"/>
      <c r="F3288" s="74"/>
      <c r="G3288" s="74"/>
      <c r="H3288" s="74"/>
      <c r="I3288" s="75"/>
      <c r="J3288" s="74"/>
      <c r="L3288" s="55"/>
      <c r="M3288" s="234"/>
      <c r="N3288" s="65"/>
      <c r="O3288" s="76"/>
      <c r="P3288" s="76"/>
      <c r="Q3288" s="65"/>
      <c r="R3288" s="76"/>
      <c r="S3288" s="76"/>
      <c r="T3288" s="76"/>
      <c r="U3288" s="76"/>
      <c r="V3288" s="76"/>
      <c r="W3288" s="76"/>
      <c r="X3288" s="76"/>
      <c r="Y3288" s="76"/>
      <c r="Z3288" s="76"/>
      <c r="AA3288" s="85"/>
      <c r="AB3288" s="85"/>
      <c r="AC3288" s="85"/>
      <c r="AD3288" s="85"/>
      <c r="AE3288" s="85"/>
      <c r="AF3288" s="85"/>
      <c r="AG3288" s="86"/>
      <c r="AH3288" s="85"/>
      <c r="AI3288" s="85"/>
      <c r="AJ3288" s="85"/>
      <c r="AK3288" s="85"/>
      <c r="AL3288" s="85"/>
      <c r="AM3288" s="92"/>
      <c r="AN3288" s="92"/>
      <c r="AO3288" s="92"/>
      <c r="AP3288" s="92"/>
      <c r="AQ3288" s="92"/>
      <c r="AR3288" s="92"/>
      <c r="AS3288" s="92"/>
      <c r="AT3288" s="92"/>
      <c r="AU3288" s="92"/>
      <c r="AV3288" s="92"/>
      <c r="AW3288" s="92"/>
      <c r="AX3288" s="92"/>
      <c r="AY3288" s="92"/>
      <c r="AZ3288" s="93"/>
      <c r="BA3288" s="93"/>
      <c r="BB3288" s="93"/>
      <c r="BC3288" s="93"/>
      <c r="BD3288" s="93"/>
      <c r="BE3288" s="93"/>
      <c r="BF3288" s="93"/>
      <c r="BG3288" s="93"/>
      <c r="BH3288" s="93"/>
      <c r="BI3288" s="93"/>
      <c r="BJ3288" s="93"/>
      <c r="BK3288" s="93"/>
      <c r="BL3288" s="93"/>
    </row>
    <row r="3289" spans="2:64" x14ac:dyDescent="0.2">
      <c r="B3289" s="43"/>
      <c r="C3289" s="73"/>
      <c r="D3289" s="64"/>
      <c r="E3289" s="55"/>
      <c r="F3289" s="74"/>
      <c r="G3289" s="74"/>
      <c r="H3289" s="74"/>
      <c r="I3289" s="75"/>
      <c r="J3289" s="74"/>
      <c r="L3289" s="55"/>
      <c r="M3289" s="234"/>
      <c r="N3289" s="65"/>
      <c r="O3289" s="76"/>
      <c r="P3289" s="76"/>
      <c r="Q3289" s="65"/>
      <c r="R3289" s="76"/>
      <c r="S3289" s="76"/>
      <c r="T3289" s="76"/>
      <c r="U3289" s="76"/>
      <c r="V3289" s="76"/>
      <c r="W3289" s="76"/>
      <c r="X3289" s="76"/>
      <c r="Y3289" s="76"/>
      <c r="Z3289" s="76"/>
      <c r="AA3289" s="85"/>
      <c r="AB3289" s="85"/>
      <c r="AC3289" s="85"/>
      <c r="AD3289" s="85"/>
      <c r="AE3289" s="85"/>
      <c r="AF3289" s="85"/>
      <c r="AG3289" s="86"/>
      <c r="AH3289" s="85"/>
      <c r="AI3289" s="85"/>
      <c r="AJ3289" s="85"/>
      <c r="AK3289" s="85"/>
      <c r="AL3289" s="85"/>
      <c r="AM3289" s="92"/>
      <c r="AN3289" s="92"/>
      <c r="AO3289" s="92"/>
      <c r="AP3289" s="92"/>
      <c r="AQ3289" s="92"/>
      <c r="AR3289" s="92"/>
      <c r="AS3289" s="92"/>
      <c r="AT3289" s="92"/>
      <c r="AU3289" s="92"/>
      <c r="AV3289" s="92"/>
      <c r="AW3289" s="92"/>
      <c r="AX3289" s="92"/>
      <c r="AY3289" s="92"/>
      <c r="AZ3289" s="93"/>
      <c r="BA3289" s="93"/>
      <c r="BB3289" s="93"/>
      <c r="BC3289" s="93"/>
      <c r="BD3289" s="93"/>
      <c r="BE3289" s="93"/>
      <c r="BF3289" s="93"/>
      <c r="BG3289" s="93"/>
      <c r="BH3289" s="93"/>
      <c r="BI3289" s="93"/>
      <c r="BJ3289" s="93"/>
      <c r="BK3289" s="93"/>
      <c r="BL3289" s="93"/>
    </row>
    <row r="3290" spans="2:64" x14ac:dyDescent="0.2">
      <c r="B3290" s="43"/>
      <c r="C3290" s="73"/>
      <c r="D3290" s="64"/>
      <c r="E3290" s="55"/>
      <c r="F3290" s="74"/>
      <c r="G3290" s="74"/>
      <c r="H3290" s="74"/>
      <c r="I3290" s="75"/>
      <c r="J3290" s="74"/>
      <c r="L3290" s="55"/>
      <c r="M3290" s="234"/>
      <c r="N3290" s="65"/>
      <c r="O3290" s="76"/>
      <c r="P3290" s="76"/>
      <c r="Q3290" s="65"/>
      <c r="R3290" s="76"/>
      <c r="S3290" s="76"/>
      <c r="T3290" s="76"/>
      <c r="U3290" s="76"/>
      <c r="V3290" s="76"/>
      <c r="W3290" s="76"/>
      <c r="X3290" s="76"/>
      <c r="Y3290" s="76"/>
      <c r="Z3290" s="76"/>
      <c r="AA3290" s="85"/>
      <c r="AB3290" s="85"/>
      <c r="AC3290" s="85"/>
      <c r="AD3290" s="85"/>
      <c r="AE3290" s="85"/>
      <c r="AF3290" s="85"/>
      <c r="AG3290" s="86"/>
      <c r="AH3290" s="85"/>
      <c r="AI3290" s="85"/>
      <c r="AJ3290" s="85"/>
      <c r="AK3290" s="85"/>
      <c r="AL3290" s="85"/>
      <c r="AM3290" s="92"/>
      <c r="AN3290" s="92"/>
      <c r="AO3290" s="92"/>
      <c r="AP3290" s="92"/>
      <c r="AQ3290" s="92"/>
      <c r="AR3290" s="92"/>
      <c r="AS3290" s="92"/>
      <c r="AT3290" s="92"/>
      <c r="AU3290" s="92"/>
      <c r="AV3290" s="92"/>
      <c r="AW3290" s="92"/>
      <c r="AX3290" s="92"/>
      <c r="AY3290" s="92"/>
      <c r="AZ3290" s="93"/>
      <c r="BA3290" s="93"/>
      <c r="BB3290" s="93"/>
      <c r="BC3290" s="93"/>
      <c r="BD3290" s="93"/>
      <c r="BE3290" s="93"/>
      <c r="BF3290" s="93"/>
      <c r="BG3290" s="93"/>
      <c r="BH3290" s="93"/>
      <c r="BI3290" s="93"/>
      <c r="BJ3290" s="93"/>
      <c r="BK3290" s="93"/>
      <c r="BL3290" s="93"/>
    </row>
    <row r="3291" spans="2:64" x14ac:dyDescent="0.2">
      <c r="B3291" s="43"/>
      <c r="C3291" s="73"/>
      <c r="D3291" s="64"/>
      <c r="E3291" s="55"/>
      <c r="F3291" s="74"/>
      <c r="G3291" s="74"/>
      <c r="H3291" s="74"/>
      <c r="I3291" s="75"/>
      <c r="J3291" s="74"/>
      <c r="L3291" s="55"/>
      <c r="M3291" s="234"/>
      <c r="N3291" s="65"/>
      <c r="O3291" s="76"/>
      <c r="P3291" s="76"/>
      <c r="Q3291" s="65"/>
      <c r="R3291" s="76"/>
      <c r="S3291" s="76"/>
      <c r="T3291" s="76"/>
      <c r="U3291" s="76"/>
      <c r="V3291" s="76"/>
      <c r="W3291" s="76"/>
      <c r="X3291" s="76"/>
      <c r="Y3291" s="76"/>
      <c r="Z3291" s="76"/>
      <c r="AA3291" s="85"/>
      <c r="AB3291" s="85"/>
      <c r="AC3291" s="85"/>
      <c r="AD3291" s="85"/>
      <c r="AE3291" s="85"/>
      <c r="AF3291" s="85"/>
      <c r="AG3291" s="86"/>
      <c r="AH3291" s="85"/>
      <c r="AI3291" s="85"/>
      <c r="AJ3291" s="85"/>
      <c r="AK3291" s="85"/>
      <c r="AL3291" s="85"/>
      <c r="AM3291" s="92"/>
      <c r="AN3291" s="92"/>
      <c r="AO3291" s="92"/>
      <c r="AP3291" s="92"/>
      <c r="AQ3291" s="92"/>
      <c r="AR3291" s="92"/>
      <c r="AS3291" s="92"/>
      <c r="AT3291" s="92"/>
      <c r="AU3291" s="92"/>
      <c r="AV3291" s="92"/>
      <c r="AW3291" s="92"/>
      <c r="AX3291" s="92"/>
      <c r="AY3291" s="92"/>
      <c r="AZ3291" s="93"/>
      <c r="BA3291" s="93"/>
      <c r="BB3291" s="93"/>
      <c r="BC3291" s="93"/>
      <c r="BD3291" s="93"/>
      <c r="BE3291" s="93"/>
      <c r="BF3291" s="93"/>
      <c r="BG3291" s="93"/>
      <c r="BH3291" s="93"/>
      <c r="BI3291" s="93"/>
      <c r="BJ3291" s="93"/>
      <c r="BK3291" s="93"/>
      <c r="BL3291" s="93"/>
    </row>
    <row r="3292" spans="2:64" x14ac:dyDescent="0.2">
      <c r="B3292" s="43"/>
      <c r="C3292" s="73"/>
      <c r="D3292" s="64"/>
      <c r="E3292" s="55"/>
      <c r="F3292" s="74"/>
      <c r="G3292" s="74"/>
      <c r="H3292" s="74"/>
      <c r="I3292" s="75"/>
      <c r="J3292" s="74"/>
      <c r="L3292" s="55"/>
      <c r="M3292" s="234"/>
      <c r="N3292" s="65"/>
      <c r="O3292" s="76"/>
      <c r="P3292" s="76"/>
      <c r="Q3292" s="65"/>
      <c r="R3292" s="76"/>
      <c r="S3292" s="76"/>
      <c r="T3292" s="76"/>
      <c r="U3292" s="76"/>
      <c r="V3292" s="76"/>
      <c r="W3292" s="76"/>
      <c r="X3292" s="76"/>
      <c r="Y3292" s="76"/>
      <c r="Z3292" s="76"/>
      <c r="AA3292" s="85"/>
      <c r="AB3292" s="85"/>
      <c r="AC3292" s="85"/>
      <c r="AD3292" s="85"/>
      <c r="AE3292" s="85"/>
      <c r="AF3292" s="85"/>
      <c r="AG3292" s="86"/>
      <c r="AH3292" s="85"/>
      <c r="AI3292" s="85"/>
      <c r="AJ3292" s="85"/>
      <c r="AK3292" s="85"/>
      <c r="AL3292" s="85"/>
      <c r="AM3292" s="92"/>
      <c r="AN3292" s="92"/>
      <c r="AO3292" s="92"/>
      <c r="AP3292" s="92"/>
      <c r="AQ3292" s="92"/>
      <c r="AR3292" s="92"/>
      <c r="AS3292" s="92"/>
      <c r="AT3292" s="92"/>
      <c r="AU3292" s="92"/>
      <c r="AV3292" s="92"/>
      <c r="AW3292" s="92"/>
      <c r="AX3292" s="92"/>
      <c r="AY3292" s="92"/>
      <c r="AZ3292" s="93"/>
      <c r="BA3292" s="93"/>
      <c r="BB3292" s="93"/>
      <c r="BC3292" s="93"/>
      <c r="BD3292" s="93"/>
      <c r="BE3292" s="93"/>
      <c r="BF3292" s="93"/>
      <c r="BG3292" s="93"/>
      <c r="BH3292" s="93"/>
      <c r="BI3292" s="93"/>
      <c r="BJ3292" s="93"/>
      <c r="BK3292" s="93"/>
      <c r="BL3292" s="93"/>
    </row>
    <row r="3293" spans="2:64" x14ac:dyDescent="0.2">
      <c r="B3293" s="43"/>
      <c r="C3293" s="73"/>
      <c r="D3293" s="64"/>
      <c r="E3293" s="55"/>
      <c r="F3293" s="74"/>
      <c r="G3293" s="74"/>
      <c r="H3293" s="74"/>
      <c r="I3293" s="75"/>
      <c r="J3293" s="74"/>
      <c r="L3293" s="55"/>
      <c r="M3293" s="234"/>
      <c r="N3293" s="65"/>
      <c r="O3293" s="76"/>
      <c r="P3293" s="76"/>
      <c r="Q3293" s="65"/>
      <c r="R3293" s="76"/>
      <c r="S3293" s="76"/>
      <c r="T3293" s="76"/>
      <c r="U3293" s="76"/>
      <c r="V3293" s="76"/>
      <c r="W3293" s="76"/>
      <c r="X3293" s="76"/>
      <c r="Y3293" s="76"/>
      <c r="Z3293" s="76"/>
      <c r="AA3293" s="85"/>
      <c r="AB3293" s="85"/>
      <c r="AC3293" s="85"/>
      <c r="AD3293" s="85"/>
      <c r="AE3293" s="85"/>
      <c r="AF3293" s="85"/>
      <c r="AG3293" s="86"/>
      <c r="AH3293" s="85"/>
      <c r="AI3293" s="85"/>
      <c r="AJ3293" s="85"/>
      <c r="AK3293" s="85"/>
      <c r="AL3293" s="85"/>
      <c r="AM3293" s="92"/>
      <c r="AN3293" s="92"/>
      <c r="AO3293" s="92"/>
      <c r="AP3293" s="92"/>
      <c r="AQ3293" s="92"/>
      <c r="AR3293" s="92"/>
      <c r="AS3293" s="92"/>
      <c r="AT3293" s="92"/>
      <c r="AU3293" s="92"/>
      <c r="AV3293" s="92"/>
      <c r="AW3293" s="92"/>
      <c r="AX3293" s="92"/>
      <c r="AY3293" s="92"/>
      <c r="AZ3293" s="93"/>
      <c r="BA3293" s="93"/>
      <c r="BB3293" s="93"/>
      <c r="BC3293" s="93"/>
      <c r="BD3293" s="93"/>
      <c r="BE3293" s="93"/>
      <c r="BF3293" s="93"/>
      <c r="BG3293" s="93"/>
      <c r="BH3293" s="93"/>
      <c r="BI3293" s="93"/>
      <c r="BJ3293" s="93"/>
      <c r="BK3293" s="93"/>
      <c r="BL3293" s="93"/>
    </row>
    <row r="3294" spans="2:64" x14ac:dyDescent="0.2">
      <c r="B3294" s="43"/>
      <c r="C3294" s="73"/>
      <c r="D3294" s="64"/>
      <c r="E3294" s="55"/>
      <c r="F3294" s="74"/>
      <c r="G3294" s="74"/>
      <c r="H3294" s="74"/>
      <c r="I3294" s="75"/>
      <c r="J3294" s="74"/>
      <c r="L3294" s="55"/>
      <c r="M3294" s="234"/>
      <c r="N3294" s="65"/>
      <c r="O3294" s="76"/>
      <c r="P3294" s="76"/>
      <c r="Q3294" s="65"/>
      <c r="R3294" s="76"/>
      <c r="S3294" s="76"/>
      <c r="T3294" s="76"/>
      <c r="U3294" s="76"/>
      <c r="V3294" s="76"/>
      <c r="W3294" s="76"/>
      <c r="X3294" s="76"/>
      <c r="Y3294" s="76"/>
      <c r="Z3294" s="76"/>
      <c r="AA3294" s="85"/>
      <c r="AB3294" s="85"/>
      <c r="AC3294" s="85"/>
      <c r="AD3294" s="85"/>
      <c r="AE3294" s="85"/>
      <c r="AF3294" s="85"/>
      <c r="AG3294" s="86"/>
      <c r="AH3294" s="85"/>
      <c r="AI3294" s="85"/>
      <c r="AJ3294" s="85"/>
      <c r="AK3294" s="85"/>
      <c r="AL3294" s="85"/>
      <c r="AM3294" s="92"/>
      <c r="AN3294" s="92"/>
      <c r="AO3294" s="92"/>
      <c r="AP3294" s="92"/>
      <c r="AQ3294" s="92"/>
      <c r="AR3294" s="92"/>
      <c r="AS3294" s="92"/>
      <c r="AT3294" s="92"/>
      <c r="AU3294" s="92"/>
      <c r="AV3294" s="92"/>
      <c r="AW3294" s="92"/>
      <c r="AX3294" s="92"/>
      <c r="AY3294" s="92"/>
      <c r="AZ3294" s="93"/>
      <c r="BA3294" s="93"/>
      <c r="BB3294" s="93"/>
      <c r="BC3294" s="93"/>
      <c r="BD3294" s="93"/>
      <c r="BE3294" s="93"/>
      <c r="BF3294" s="93"/>
      <c r="BG3294" s="93"/>
      <c r="BH3294" s="93"/>
      <c r="BI3294" s="93"/>
      <c r="BJ3294" s="93"/>
      <c r="BK3294" s="93"/>
      <c r="BL3294" s="93"/>
    </row>
    <row r="3295" spans="2:64" x14ac:dyDescent="0.2">
      <c r="B3295" s="43"/>
      <c r="C3295" s="73"/>
      <c r="D3295" s="64"/>
      <c r="E3295" s="55"/>
      <c r="F3295" s="74"/>
      <c r="G3295" s="74"/>
      <c r="H3295" s="74"/>
      <c r="I3295" s="75"/>
      <c r="J3295" s="74"/>
      <c r="L3295" s="55"/>
      <c r="M3295" s="234"/>
      <c r="N3295" s="65"/>
      <c r="O3295" s="76"/>
      <c r="P3295" s="76"/>
      <c r="Q3295" s="65"/>
      <c r="R3295" s="76"/>
      <c r="S3295" s="76"/>
      <c r="T3295" s="76"/>
      <c r="U3295" s="76"/>
      <c r="V3295" s="76"/>
      <c r="W3295" s="76"/>
      <c r="X3295" s="76"/>
      <c r="Y3295" s="76"/>
      <c r="Z3295" s="76"/>
      <c r="AA3295" s="85"/>
      <c r="AB3295" s="85"/>
      <c r="AC3295" s="85"/>
      <c r="AD3295" s="85"/>
      <c r="AE3295" s="85"/>
      <c r="AF3295" s="85"/>
      <c r="AG3295" s="86"/>
      <c r="AH3295" s="85"/>
      <c r="AI3295" s="85"/>
      <c r="AJ3295" s="85"/>
      <c r="AK3295" s="85"/>
      <c r="AL3295" s="85"/>
      <c r="AM3295" s="92"/>
      <c r="AN3295" s="92"/>
      <c r="AO3295" s="92"/>
      <c r="AP3295" s="92"/>
      <c r="AQ3295" s="92"/>
      <c r="AR3295" s="92"/>
      <c r="AS3295" s="92"/>
      <c r="AT3295" s="92"/>
      <c r="AU3295" s="92"/>
      <c r="AV3295" s="92"/>
      <c r="AW3295" s="92"/>
      <c r="AX3295" s="92"/>
      <c r="AY3295" s="92"/>
      <c r="AZ3295" s="93"/>
      <c r="BA3295" s="93"/>
      <c r="BB3295" s="93"/>
      <c r="BC3295" s="93"/>
      <c r="BD3295" s="93"/>
      <c r="BE3295" s="93"/>
      <c r="BF3295" s="93"/>
      <c r="BG3295" s="93"/>
      <c r="BH3295" s="93"/>
      <c r="BI3295" s="93"/>
      <c r="BJ3295" s="93"/>
      <c r="BK3295" s="93"/>
      <c r="BL3295" s="93"/>
    </row>
    <row r="3296" spans="2:64" x14ac:dyDescent="0.2">
      <c r="B3296" s="43"/>
      <c r="C3296" s="73"/>
      <c r="D3296" s="64"/>
      <c r="E3296" s="55"/>
      <c r="F3296" s="74"/>
      <c r="G3296" s="74"/>
      <c r="H3296" s="74"/>
      <c r="I3296" s="75"/>
      <c r="J3296" s="74"/>
      <c r="L3296" s="55"/>
      <c r="M3296" s="234"/>
      <c r="N3296" s="65"/>
      <c r="O3296" s="76"/>
      <c r="P3296" s="76"/>
      <c r="Q3296" s="65"/>
      <c r="R3296" s="76"/>
      <c r="S3296" s="76"/>
      <c r="T3296" s="76"/>
      <c r="U3296" s="76"/>
      <c r="V3296" s="76"/>
      <c r="W3296" s="76"/>
      <c r="X3296" s="76"/>
      <c r="Y3296" s="76"/>
      <c r="Z3296" s="76"/>
      <c r="AA3296" s="85"/>
      <c r="AB3296" s="85"/>
      <c r="AC3296" s="85"/>
      <c r="AD3296" s="85"/>
      <c r="AE3296" s="85"/>
      <c r="AF3296" s="85"/>
      <c r="AG3296" s="86"/>
      <c r="AH3296" s="85"/>
      <c r="AI3296" s="85"/>
      <c r="AJ3296" s="85"/>
      <c r="AK3296" s="85"/>
      <c r="AL3296" s="85"/>
      <c r="AM3296" s="92"/>
      <c r="AN3296" s="92"/>
      <c r="AO3296" s="92"/>
      <c r="AP3296" s="92"/>
      <c r="AQ3296" s="92"/>
      <c r="AR3296" s="92"/>
      <c r="AS3296" s="92"/>
      <c r="AT3296" s="92"/>
      <c r="AU3296" s="92"/>
      <c r="AV3296" s="92"/>
      <c r="AW3296" s="92"/>
      <c r="AX3296" s="92"/>
      <c r="AY3296" s="92"/>
      <c r="AZ3296" s="93"/>
      <c r="BA3296" s="93"/>
      <c r="BB3296" s="93"/>
      <c r="BC3296" s="93"/>
      <c r="BD3296" s="93"/>
      <c r="BE3296" s="93"/>
      <c r="BF3296" s="93"/>
      <c r="BG3296" s="93"/>
      <c r="BH3296" s="93"/>
      <c r="BI3296" s="93"/>
      <c r="BJ3296" s="93"/>
      <c r="BK3296" s="93"/>
      <c r="BL3296" s="93"/>
    </row>
    <row r="3297" spans="2:64" x14ac:dyDescent="0.2">
      <c r="B3297" s="43"/>
      <c r="C3297" s="73"/>
      <c r="D3297" s="64"/>
      <c r="E3297" s="55"/>
      <c r="F3297" s="74"/>
      <c r="G3297" s="74"/>
      <c r="H3297" s="74"/>
      <c r="I3297" s="75"/>
      <c r="J3297" s="74"/>
      <c r="L3297" s="55"/>
      <c r="M3297" s="234"/>
      <c r="N3297" s="65"/>
      <c r="O3297" s="76"/>
      <c r="P3297" s="76"/>
      <c r="Q3297" s="65"/>
      <c r="R3297" s="76"/>
      <c r="S3297" s="76"/>
      <c r="T3297" s="76"/>
      <c r="U3297" s="76"/>
      <c r="V3297" s="76"/>
      <c r="W3297" s="76"/>
      <c r="X3297" s="76"/>
      <c r="Y3297" s="76"/>
      <c r="Z3297" s="76"/>
      <c r="AA3297" s="85"/>
      <c r="AB3297" s="85"/>
      <c r="AC3297" s="85"/>
      <c r="AD3297" s="85"/>
      <c r="AE3297" s="85"/>
      <c r="AF3297" s="85"/>
      <c r="AG3297" s="86"/>
      <c r="AH3297" s="85"/>
      <c r="AI3297" s="85"/>
      <c r="AJ3297" s="85"/>
      <c r="AK3297" s="85"/>
      <c r="AL3297" s="85"/>
      <c r="AM3297" s="92"/>
      <c r="AN3297" s="92"/>
      <c r="AO3297" s="92"/>
      <c r="AP3297" s="92"/>
      <c r="AQ3297" s="92"/>
      <c r="AR3297" s="92"/>
      <c r="AS3297" s="92"/>
      <c r="AT3297" s="92"/>
      <c r="AU3297" s="92"/>
      <c r="AV3297" s="92"/>
      <c r="AW3297" s="92"/>
      <c r="AX3297" s="92"/>
      <c r="AY3297" s="92"/>
      <c r="AZ3297" s="93"/>
      <c r="BA3297" s="93"/>
      <c r="BB3297" s="93"/>
      <c r="BC3297" s="93"/>
      <c r="BD3297" s="93"/>
      <c r="BE3297" s="93"/>
      <c r="BF3297" s="93"/>
      <c r="BG3297" s="93"/>
      <c r="BH3297" s="93"/>
      <c r="BI3297" s="93"/>
      <c r="BJ3297" s="93"/>
      <c r="BK3297" s="93"/>
      <c r="BL3297" s="93"/>
    </row>
    <row r="3298" spans="2:64" x14ac:dyDescent="0.2">
      <c r="B3298" s="43"/>
      <c r="C3298" s="73"/>
      <c r="D3298" s="64"/>
      <c r="E3298" s="55"/>
      <c r="F3298" s="74"/>
      <c r="G3298" s="74"/>
      <c r="H3298" s="74"/>
      <c r="I3298" s="75"/>
      <c r="J3298" s="74"/>
      <c r="L3298" s="55"/>
      <c r="M3298" s="234"/>
      <c r="N3298" s="65"/>
      <c r="O3298" s="76"/>
      <c r="P3298" s="76"/>
      <c r="Q3298" s="65"/>
      <c r="R3298" s="76"/>
      <c r="S3298" s="76"/>
      <c r="T3298" s="76"/>
      <c r="U3298" s="76"/>
      <c r="V3298" s="76"/>
      <c r="W3298" s="76"/>
      <c r="X3298" s="76"/>
      <c r="Y3298" s="76"/>
      <c r="Z3298" s="76"/>
      <c r="AA3298" s="85"/>
      <c r="AB3298" s="85"/>
      <c r="AC3298" s="85"/>
      <c r="AD3298" s="85"/>
      <c r="AE3298" s="85"/>
      <c r="AF3298" s="85"/>
      <c r="AG3298" s="86"/>
      <c r="AH3298" s="85"/>
      <c r="AI3298" s="85"/>
      <c r="AJ3298" s="85"/>
      <c r="AK3298" s="85"/>
      <c r="AL3298" s="85"/>
      <c r="AM3298" s="92"/>
      <c r="AN3298" s="92"/>
      <c r="AO3298" s="92"/>
      <c r="AP3298" s="92"/>
      <c r="AQ3298" s="92"/>
      <c r="AR3298" s="92"/>
      <c r="AS3298" s="92"/>
      <c r="AT3298" s="92"/>
      <c r="AU3298" s="92"/>
      <c r="AV3298" s="92"/>
      <c r="AW3298" s="92"/>
      <c r="AX3298" s="92"/>
      <c r="AY3298" s="92"/>
      <c r="AZ3298" s="93"/>
      <c r="BA3298" s="93"/>
      <c r="BB3298" s="93"/>
      <c r="BC3298" s="93"/>
      <c r="BD3298" s="93"/>
      <c r="BE3298" s="93"/>
      <c r="BF3298" s="93"/>
      <c r="BG3298" s="93"/>
      <c r="BH3298" s="93"/>
      <c r="BI3298" s="93"/>
      <c r="BJ3298" s="93"/>
      <c r="BK3298" s="93"/>
      <c r="BL3298" s="93"/>
    </row>
    <row r="3299" spans="2:64" x14ac:dyDescent="0.2">
      <c r="B3299" s="43"/>
      <c r="C3299" s="73"/>
      <c r="D3299" s="64"/>
      <c r="E3299" s="55"/>
      <c r="F3299" s="74"/>
      <c r="G3299" s="74"/>
      <c r="H3299" s="74"/>
      <c r="I3299" s="75"/>
      <c r="J3299" s="74"/>
      <c r="L3299" s="55"/>
      <c r="M3299" s="234"/>
      <c r="N3299" s="65"/>
      <c r="O3299" s="76"/>
      <c r="P3299" s="76"/>
      <c r="Q3299" s="65"/>
      <c r="R3299" s="76"/>
      <c r="S3299" s="76"/>
      <c r="T3299" s="76"/>
      <c r="U3299" s="76"/>
      <c r="V3299" s="76"/>
      <c r="W3299" s="76"/>
      <c r="X3299" s="76"/>
      <c r="Y3299" s="76"/>
      <c r="Z3299" s="76"/>
      <c r="AA3299" s="85"/>
      <c r="AB3299" s="85"/>
      <c r="AC3299" s="85"/>
      <c r="AD3299" s="85"/>
      <c r="AE3299" s="85"/>
      <c r="AF3299" s="85"/>
      <c r="AG3299" s="86"/>
      <c r="AH3299" s="85"/>
      <c r="AI3299" s="85"/>
      <c r="AJ3299" s="85"/>
      <c r="AK3299" s="85"/>
      <c r="AL3299" s="85"/>
      <c r="AM3299" s="92"/>
      <c r="AN3299" s="92"/>
      <c r="AO3299" s="92"/>
      <c r="AP3299" s="92"/>
      <c r="AQ3299" s="92"/>
      <c r="AR3299" s="92"/>
      <c r="AS3299" s="92"/>
      <c r="AT3299" s="92"/>
      <c r="AU3299" s="92"/>
      <c r="AV3299" s="92"/>
      <c r="AW3299" s="92"/>
      <c r="AX3299" s="92"/>
      <c r="AY3299" s="92"/>
      <c r="AZ3299" s="93"/>
      <c r="BA3299" s="93"/>
      <c r="BB3299" s="93"/>
      <c r="BC3299" s="93"/>
      <c r="BD3299" s="93"/>
      <c r="BE3299" s="93"/>
      <c r="BF3299" s="93"/>
      <c r="BG3299" s="93"/>
      <c r="BH3299" s="93"/>
      <c r="BI3299" s="93"/>
      <c r="BJ3299" s="93"/>
      <c r="BK3299" s="93"/>
      <c r="BL3299" s="93"/>
    </row>
    <row r="3300" spans="2:64" x14ac:dyDescent="0.2">
      <c r="B3300" s="43"/>
      <c r="C3300" s="73"/>
      <c r="D3300" s="64"/>
      <c r="E3300" s="55"/>
      <c r="F3300" s="74"/>
      <c r="G3300" s="74"/>
      <c r="H3300" s="74"/>
      <c r="I3300" s="75"/>
      <c r="J3300" s="74"/>
      <c r="L3300" s="55"/>
      <c r="M3300" s="234"/>
      <c r="N3300" s="65"/>
      <c r="O3300" s="76"/>
      <c r="P3300" s="76"/>
      <c r="Q3300" s="65"/>
      <c r="R3300" s="76"/>
      <c r="S3300" s="76"/>
      <c r="T3300" s="76"/>
      <c r="U3300" s="76"/>
      <c r="V3300" s="76"/>
      <c r="W3300" s="76"/>
      <c r="X3300" s="76"/>
      <c r="Y3300" s="76"/>
      <c r="Z3300" s="76"/>
      <c r="AA3300" s="85"/>
      <c r="AB3300" s="85"/>
      <c r="AC3300" s="85"/>
      <c r="AD3300" s="85"/>
      <c r="AE3300" s="85"/>
      <c r="AF3300" s="85"/>
      <c r="AG3300" s="86"/>
      <c r="AH3300" s="85"/>
      <c r="AI3300" s="85"/>
      <c r="AJ3300" s="85"/>
      <c r="AK3300" s="85"/>
      <c r="AL3300" s="85"/>
      <c r="AM3300" s="92"/>
      <c r="AN3300" s="92"/>
      <c r="AO3300" s="92"/>
      <c r="AP3300" s="92"/>
      <c r="AQ3300" s="92"/>
      <c r="AR3300" s="92"/>
      <c r="AS3300" s="92"/>
      <c r="AT3300" s="92"/>
      <c r="AU3300" s="92"/>
      <c r="AV3300" s="92"/>
      <c r="AW3300" s="92"/>
      <c r="AX3300" s="92"/>
      <c r="AY3300" s="92"/>
      <c r="AZ3300" s="93"/>
      <c r="BA3300" s="93"/>
      <c r="BB3300" s="93"/>
      <c r="BC3300" s="93"/>
      <c r="BD3300" s="93"/>
      <c r="BE3300" s="93"/>
      <c r="BF3300" s="93"/>
      <c r="BG3300" s="93"/>
      <c r="BH3300" s="93"/>
      <c r="BI3300" s="93"/>
      <c r="BJ3300" s="93"/>
      <c r="BK3300" s="93"/>
      <c r="BL3300" s="93"/>
    </row>
    <row r="3301" spans="2:64" x14ac:dyDescent="0.2">
      <c r="B3301" s="43"/>
      <c r="C3301" s="73"/>
      <c r="D3301" s="64"/>
      <c r="E3301" s="55"/>
      <c r="F3301" s="74"/>
      <c r="G3301" s="74"/>
      <c r="H3301" s="74"/>
      <c r="I3301" s="75"/>
      <c r="J3301" s="74"/>
      <c r="L3301" s="55"/>
      <c r="M3301" s="234"/>
      <c r="N3301" s="65"/>
      <c r="O3301" s="76"/>
      <c r="P3301" s="76"/>
      <c r="Q3301" s="65"/>
      <c r="R3301" s="76"/>
      <c r="S3301" s="76"/>
      <c r="T3301" s="76"/>
      <c r="U3301" s="76"/>
      <c r="V3301" s="76"/>
      <c r="W3301" s="76"/>
      <c r="X3301" s="76"/>
      <c r="Y3301" s="76"/>
      <c r="Z3301" s="76"/>
      <c r="AA3301" s="85"/>
      <c r="AB3301" s="85"/>
      <c r="AC3301" s="85"/>
      <c r="AD3301" s="85"/>
      <c r="AE3301" s="85"/>
      <c r="AF3301" s="85"/>
      <c r="AG3301" s="86"/>
      <c r="AH3301" s="85"/>
      <c r="AI3301" s="85"/>
      <c r="AJ3301" s="85"/>
      <c r="AK3301" s="85"/>
      <c r="AL3301" s="85"/>
      <c r="AM3301" s="92"/>
      <c r="AN3301" s="92"/>
      <c r="AO3301" s="92"/>
      <c r="AP3301" s="92"/>
      <c r="AQ3301" s="92"/>
      <c r="AR3301" s="92"/>
      <c r="AS3301" s="92"/>
      <c r="AT3301" s="92"/>
      <c r="AU3301" s="92"/>
      <c r="AV3301" s="92"/>
      <c r="AW3301" s="92"/>
      <c r="AX3301" s="92"/>
      <c r="AY3301" s="92"/>
      <c r="AZ3301" s="93"/>
      <c r="BA3301" s="93"/>
      <c r="BB3301" s="93"/>
      <c r="BC3301" s="93"/>
      <c r="BD3301" s="93"/>
      <c r="BE3301" s="93"/>
      <c r="BF3301" s="93"/>
      <c r="BG3301" s="93"/>
      <c r="BH3301" s="93"/>
      <c r="BI3301" s="93"/>
      <c r="BJ3301" s="93"/>
      <c r="BK3301" s="93"/>
      <c r="BL3301" s="93"/>
    </row>
    <row r="3302" spans="2:64" x14ac:dyDescent="0.2">
      <c r="B3302" s="43"/>
      <c r="C3302" s="73"/>
      <c r="D3302" s="64"/>
      <c r="E3302" s="55"/>
      <c r="F3302" s="74"/>
      <c r="G3302" s="74"/>
      <c r="H3302" s="74"/>
      <c r="I3302" s="75"/>
      <c r="J3302" s="74"/>
      <c r="L3302" s="55"/>
      <c r="M3302" s="234"/>
      <c r="N3302" s="65"/>
      <c r="O3302" s="76"/>
      <c r="P3302" s="76"/>
      <c r="Q3302" s="65"/>
      <c r="R3302" s="76"/>
      <c r="S3302" s="76"/>
      <c r="T3302" s="76"/>
      <c r="U3302" s="76"/>
      <c r="V3302" s="76"/>
      <c r="W3302" s="76"/>
      <c r="X3302" s="76"/>
      <c r="Y3302" s="76"/>
      <c r="Z3302" s="76"/>
      <c r="AA3302" s="85"/>
      <c r="AB3302" s="85"/>
      <c r="AC3302" s="85"/>
      <c r="AD3302" s="85"/>
      <c r="AE3302" s="85"/>
      <c r="AF3302" s="85"/>
      <c r="AG3302" s="86"/>
      <c r="AH3302" s="85"/>
      <c r="AI3302" s="85"/>
      <c r="AJ3302" s="85"/>
      <c r="AK3302" s="85"/>
      <c r="AL3302" s="85"/>
      <c r="AM3302" s="92"/>
      <c r="AN3302" s="92"/>
      <c r="AO3302" s="92"/>
      <c r="AP3302" s="92"/>
      <c r="AQ3302" s="92"/>
      <c r="AR3302" s="92"/>
      <c r="AS3302" s="92"/>
      <c r="AT3302" s="92"/>
      <c r="AU3302" s="92"/>
      <c r="AV3302" s="92"/>
      <c r="AW3302" s="92"/>
      <c r="AX3302" s="92"/>
      <c r="AY3302" s="92"/>
      <c r="AZ3302" s="93"/>
      <c r="BA3302" s="93"/>
      <c r="BB3302" s="93"/>
      <c r="BC3302" s="93"/>
      <c r="BD3302" s="93"/>
      <c r="BE3302" s="93"/>
      <c r="BF3302" s="93"/>
      <c r="BG3302" s="93"/>
      <c r="BH3302" s="93"/>
      <c r="BI3302" s="93"/>
      <c r="BJ3302" s="93"/>
      <c r="BK3302" s="93"/>
      <c r="BL3302" s="93"/>
    </row>
    <row r="3303" spans="2:64" x14ac:dyDescent="0.2">
      <c r="B3303" s="43"/>
      <c r="C3303" s="73"/>
      <c r="D3303" s="64"/>
      <c r="E3303" s="55"/>
      <c r="F3303" s="74"/>
      <c r="G3303" s="74"/>
      <c r="H3303" s="74"/>
      <c r="I3303" s="75"/>
      <c r="J3303" s="74"/>
      <c r="L3303" s="55"/>
      <c r="M3303" s="234"/>
      <c r="N3303" s="65"/>
      <c r="O3303" s="76"/>
      <c r="P3303" s="76"/>
      <c r="Q3303" s="65"/>
      <c r="R3303" s="76"/>
      <c r="S3303" s="76"/>
      <c r="T3303" s="76"/>
      <c r="U3303" s="76"/>
      <c r="V3303" s="76"/>
      <c r="W3303" s="76"/>
      <c r="X3303" s="76"/>
      <c r="Y3303" s="76"/>
      <c r="Z3303" s="76"/>
      <c r="AA3303" s="85"/>
      <c r="AB3303" s="85"/>
      <c r="AC3303" s="85"/>
      <c r="AD3303" s="85"/>
      <c r="AE3303" s="85"/>
      <c r="AF3303" s="85"/>
      <c r="AG3303" s="86"/>
      <c r="AH3303" s="85"/>
      <c r="AI3303" s="85"/>
      <c r="AJ3303" s="85"/>
      <c r="AK3303" s="85"/>
      <c r="AL3303" s="85"/>
      <c r="AM3303" s="92"/>
      <c r="AN3303" s="92"/>
      <c r="AO3303" s="92"/>
      <c r="AP3303" s="92"/>
      <c r="AQ3303" s="92"/>
      <c r="AR3303" s="92"/>
      <c r="AS3303" s="92"/>
      <c r="AT3303" s="92"/>
      <c r="AU3303" s="92"/>
      <c r="AV3303" s="92"/>
      <c r="AW3303" s="92"/>
      <c r="AX3303" s="92"/>
      <c r="AY3303" s="92"/>
      <c r="AZ3303" s="93"/>
      <c r="BA3303" s="93"/>
      <c r="BB3303" s="93"/>
      <c r="BC3303" s="93"/>
      <c r="BD3303" s="93"/>
      <c r="BE3303" s="93"/>
      <c r="BF3303" s="93"/>
      <c r="BG3303" s="93"/>
      <c r="BH3303" s="93"/>
      <c r="BI3303" s="93"/>
      <c r="BJ3303" s="93"/>
      <c r="BK3303" s="93"/>
      <c r="BL3303" s="93"/>
    </row>
    <row r="3304" spans="2:64" x14ac:dyDescent="0.2">
      <c r="B3304" s="43"/>
      <c r="C3304" s="73"/>
      <c r="D3304" s="64"/>
      <c r="E3304" s="55"/>
      <c r="F3304" s="74"/>
      <c r="G3304" s="74"/>
      <c r="H3304" s="74"/>
      <c r="I3304" s="75"/>
      <c r="J3304" s="74"/>
      <c r="L3304" s="55"/>
      <c r="M3304" s="234"/>
      <c r="N3304" s="65"/>
      <c r="O3304" s="76"/>
      <c r="P3304" s="76"/>
      <c r="Q3304" s="65"/>
      <c r="R3304" s="76"/>
      <c r="S3304" s="76"/>
      <c r="T3304" s="76"/>
      <c r="U3304" s="76"/>
      <c r="V3304" s="76"/>
      <c r="W3304" s="76"/>
      <c r="X3304" s="76"/>
      <c r="Y3304" s="76"/>
      <c r="Z3304" s="76"/>
      <c r="AA3304" s="85"/>
      <c r="AB3304" s="85"/>
      <c r="AC3304" s="85"/>
      <c r="AD3304" s="85"/>
      <c r="AE3304" s="85"/>
      <c r="AF3304" s="85"/>
      <c r="AG3304" s="86"/>
      <c r="AH3304" s="85"/>
      <c r="AI3304" s="85"/>
      <c r="AJ3304" s="85"/>
      <c r="AK3304" s="85"/>
      <c r="AL3304" s="85"/>
      <c r="AM3304" s="92"/>
      <c r="AN3304" s="92"/>
      <c r="AO3304" s="92"/>
      <c r="AP3304" s="92"/>
      <c r="AQ3304" s="92"/>
      <c r="AR3304" s="92"/>
      <c r="AS3304" s="92"/>
      <c r="AT3304" s="92"/>
      <c r="AU3304" s="92"/>
      <c r="AV3304" s="92"/>
      <c r="AW3304" s="92"/>
      <c r="AX3304" s="92"/>
      <c r="AY3304" s="92"/>
      <c r="AZ3304" s="93"/>
      <c r="BA3304" s="93"/>
      <c r="BB3304" s="93"/>
      <c r="BC3304" s="93"/>
      <c r="BD3304" s="93"/>
      <c r="BE3304" s="93"/>
      <c r="BF3304" s="93"/>
      <c r="BG3304" s="93"/>
      <c r="BH3304" s="93"/>
      <c r="BI3304" s="93"/>
      <c r="BJ3304" s="93"/>
      <c r="BK3304" s="93"/>
      <c r="BL3304" s="93"/>
    </row>
    <row r="3305" spans="2:64" x14ac:dyDescent="0.2">
      <c r="B3305" s="43"/>
      <c r="C3305" s="73"/>
      <c r="D3305" s="64"/>
      <c r="E3305" s="55"/>
      <c r="F3305" s="74"/>
      <c r="G3305" s="74"/>
      <c r="H3305" s="74"/>
      <c r="I3305" s="75"/>
      <c r="J3305" s="74"/>
      <c r="L3305" s="55"/>
      <c r="M3305" s="234"/>
      <c r="N3305" s="65"/>
      <c r="O3305" s="76"/>
      <c r="P3305" s="76"/>
      <c r="Q3305" s="65"/>
      <c r="R3305" s="76"/>
      <c r="S3305" s="76"/>
      <c r="T3305" s="76"/>
      <c r="U3305" s="76"/>
      <c r="V3305" s="76"/>
      <c r="W3305" s="76"/>
      <c r="X3305" s="76"/>
      <c r="Y3305" s="76"/>
      <c r="Z3305" s="76"/>
      <c r="AA3305" s="85"/>
      <c r="AB3305" s="85"/>
      <c r="AC3305" s="85"/>
      <c r="AD3305" s="85"/>
      <c r="AE3305" s="85"/>
      <c r="AF3305" s="85"/>
      <c r="AG3305" s="86"/>
      <c r="AH3305" s="85"/>
      <c r="AI3305" s="85"/>
      <c r="AJ3305" s="85"/>
      <c r="AK3305" s="85"/>
      <c r="AL3305" s="85"/>
      <c r="AM3305" s="92"/>
      <c r="AN3305" s="92"/>
      <c r="AO3305" s="92"/>
      <c r="AP3305" s="92"/>
      <c r="AQ3305" s="92"/>
      <c r="AR3305" s="92"/>
      <c r="AS3305" s="92"/>
      <c r="AT3305" s="92"/>
      <c r="AU3305" s="92"/>
      <c r="AV3305" s="92"/>
      <c r="AW3305" s="92"/>
      <c r="AX3305" s="92"/>
      <c r="AY3305" s="92"/>
      <c r="AZ3305" s="93"/>
      <c r="BA3305" s="93"/>
      <c r="BB3305" s="93"/>
      <c r="BC3305" s="93"/>
      <c r="BD3305" s="93"/>
      <c r="BE3305" s="93"/>
      <c r="BF3305" s="93"/>
      <c r="BG3305" s="93"/>
      <c r="BH3305" s="93"/>
      <c r="BI3305" s="93"/>
      <c r="BJ3305" s="93"/>
      <c r="BK3305" s="93"/>
      <c r="BL3305" s="93"/>
    </row>
    <row r="3306" spans="2:64" x14ac:dyDescent="0.2">
      <c r="B3306" s="43"/>
      <c r="C3306" s="73"/>
      <c r="D3306" s="64"/>
      <c r="E3306" s="55"/>
      <c r="F3306" s="74"/>
      <c r="G3306" s="74"/>
      <c r="H3306" s="74"/>
      <c r="I3306" s="75"/>
      <c r="J3306" s="74"/>
      <c r="L3306" s="55"/>
      <c r="M3306" s="234"/>
      <c r="N3306" s="65"/>
      <c r="O3306" s="76"/>
      <c r="P3306" s="76"/>
      <c r="Q3306" s="65"/>
      <c r="R3306" s="76"/>
      <c r="S3306" s="76"/>
      <c r="T3306" s="76"/>
      <c r="U3306" s="76"/>
      <c r="V3306" s="76"/>
      <c r="W3306" s="76"/>
      <c r="X3306" s="76"/>
      <c r="Y3306" s="76"/>
      <c r="Z3306" s="76"/>
      <c r="AA3306" s="85"/>
      <c r="AB3306" s="85"/>
      <c r="AC3306" s="85"/>
      <c r="AD3306" s="85"/>
      <c r="AE3306" s="85"/>
      <c r="AF3306" s="85"/>
      <c r="AG3306" s="86"/>
      <c r="AH3306" s="85"/>
      <c r="AI3306" s="85"/>
      <c r="AJ3306" s="85"/>
      <c r="AK3306" s="85"/>
      <c r="AL3306" s="85"/>
      <c r="AM3306" s="92"/>
      <c r="AN3306" s="92"/>
      <c r="AO3306" s="92"/>
      <c r="AP3306" s="92"/>
      <c r="AQ3306" s="92"/>
      <c r="AR3306" s="92"/>
      <c r="AS3306" s="92"/>
      <c r="AT3306" s="92"/>
      <c r="AU3306" s="92"/>
      <c r="AV3306" s="92"/>
      <c r="AW3306" s="92"/>
      <c r="AX3306" s="92"/>
      <c r="AY3306" s="92"/>
      <c r="AZ3306" s="93"/>
      <c r="BA3306" s="93"/>
      <c r="BB3306" s="93"/>
      <c r="BC3306" s="93"/>
      <c r="BD3306" s="93"/>
      <c r="BE3306" s="93"/>
      <c r="BF3306" s="93"/>
      <c r="BG3306" s="93"/>
      <c r="BH3306" s="93"/>
      <c r="BI3306" s="93"/>
      <c r="BJ3306" s="93"/>
      <c r="BK3306" s="93"/>
      <c r="BL3306" s="93"/>
    </row>
    <row r="3307" spans="2:64" x14ac:dyDescent="0.2">
      <c r="B3307" s="43"/>
      <c r="C3307" s="73"/>
      <c r="D3307" s="64"/>
      <c r="E3307" s="55"/>
      <c r="F3307" s="74"/>
      <c r="G3307" s="74"/>
      <c r="H3307" s="74"/>
      <c r="I3307" s="75"/>
      <c r="J3307" s="74"/>
      <c r="L3307" s="55"/>
      <c r="M3307" s="234"/>
      <c r="N3307" s="65"/>
      <c r="O3307" s="76"/>
      <c r="P3307" s="76"/>
      <c r="Q3307" s="65"/>
      <c r="R3307" s="76"/>
      <c r="S3307" s="76"/>
      <c r="T3307" s="76"/>
      <c r="U3307" s="76"/>
      <c r="V3307" s="76"/>
      <c r="W3307" s="76"/>
      <c r="X3307" s="76"/>
      <c r="Y3307" s="76"/>
      <c r="Z3307" s="76"/>
      <c r="AA3307" s="85"/>
      <c r="AB3307" s="85"/>
      <c r="AC3307" s="85"/>
      <c r="AD3307" s="85"/>
      <c r="AE3307" s="85"/>
      <c r="AF3307" s="85"/>
      <c r="AG3307" s="86"/>
      <c r="AH3307" s="85"/>
      <c r="AI3307" s="85"/>
      <c r="AJ3307" s="85"/>
      <c r="AK3307" s="85"/>
      <c r="AL3307" s="85"/>
      <c r="AM3307" s="92"/>
      <c r="AN3307" s="92"/>
      <c r="AO3307" s="92"/>
      <c r="AP3307" s="92"/>
      <c r="AQ3307" s="92"/>
      <c r="AR3307" s="92"/>
      <c r="AS3307" s="92"/>
      <c r="AT3307" s="92"/>
      <c r="AU3307" s="92"/>
      <c r="AV3307" s="92"/>
      <c r="AW3307" s="92"/>
      <c r="AX3307" s="92"/>
      <c r="AY3307" s="92"/>
      <c r="AZ3307" s="93"/>
      <c r="BA3307" s="93"/>
      <c r="BB3307" s="93"/>
      <c r="BC3307" s="93"/>
      <c r="BD3307" s="93"/>
      <c r="BE3307" s="93"/>
      <c r="BF3307" s="93"/>
      <c r="BG3307" s="93"/>
      <c r="BH3307" s="93"/>
      <c r="BI3307" s="93"/>
      <c r="BJ3307" s="93"/>
      <c r="BK3307" s="93"/>
      <c r="BL3307" s="93"/>
    </row>
    <row r="3308" spans="2:64" x14ac:dyDescent="0.2">
      <c r="B3308" s="43"/>
      <c r="C3308" s="73"/>
      <c r="D3308" s="64"/>
      <c r="E3308" s="55"/>
      <c r="F3308" s="74"/>
      <c r="G3308" s="74"/>
      <c r="H3308" s="74"/>
      <c r="I3308" s="75"/>
      <c r="J3308" s="74"/>
      <c r="L3308" s="55"/>
      <c r="M3308" s="234"/>
      <c r="N3308" s="65"/>
      <c r="O3308" s="76"/>
      <c r="P3308" s="76"/>
      <c r="Q3308" s="65"/>
      <c r="R3308" s="76"/>
      <c r="S3308" s="76"/>
      <c r="T3308" s="76"/>
      <c r="U3308" s="76"/>
      <c r="V3308" s="76"/>
      <c r="W3308" s="76"/>
      <c r="X3308" s="76"/>
      <c r="Y3308" s="76"/>
      <c r="Z3308" s="76"/>
      <c r="AA3308" s="85"/>
      <c r="AB3308" s="85"/>
      <c r="AC3308" s="85"/>
      <c r="AD3308" s="85"/>
      <c r="AE3308" s="85"/>
      <c r="AF3308" s="85"/>
      <c r="AG3308" s="86"/>
      <c r="AH3308" s="85"/>
      <c r="AI3308" s="85"/>
      <c r="AJ3308" s="85"/>
      <c r="AK3308" s="85"/>
      <c r="AL3308" s="85"/>
      <c r="AM3308" s="92"/>
      <c r="AN3308" s="92"/>
      <c r="AO3308" s="92"/>
      <c r="AP3308" s="92"/>
      <c r="AQ3308" s="92"/>
      <c r="AR3308" s="92"/>
      <c r="AS3308" s="92"/>
      <c r="AT3308" s="92"/>
      <c r="AU3308" s="92"/>
      <c r="AV3308" s="92"/>
      <c r="AW3308" s="92"/>
      <c r="AX3308" s="92"/>
      <c r="AY3308" s="92"/>
      <c r="AZ3308" s="93"/>
      <c r="BA3308" s="93"/>
      <c r="BB3308" s="93"/>
      <c r="BC3308" s="93"/>
      <c r="BD3308" s="93"/>
      <c r="BE3308" s="93"/>
      <c r="BF3308" s="93"/>
      <c r="BG3308" s="93"/>
      <c r="BH3308" s="93"/>
      <c r="BI3308" s="93"/>
      <c r="BJ3308" s="93"/>
      <c r="BK3308" s="93"/>
      <c r="BL3308" s="93"/>
    </row>
    <row r="3309" spans="2:64" x14ac:dyDescent="0.2">
      <c r="B3309" s="43"/>
      <c r="C3309" s="73"/>
      <c r="D3309" s="64"/>
      <c r="E3309" s="55"/>
      <c r="F3309" s="74"/>
      <c r="G3309" s="74"/>
      <c r="H3309" s="74"/>
      <c r="I3309" s="75"/>
      <c r="J3309" s="74"/>
      <c r="L3309" s="55"/>
      <c r="M3309" s="234"/>
      <c r="N3309" s="65"/>
      <c r="O3309" s="76"/>
      <c r="P3309" s="76"/>
      <c r="Q3309" s="65"/>
      <c r="R3309" s="76"/>
      <c r="S3309" s="76"/>
      <c r="T3309" s="76"/>
      <c r="U3309" s="76"/>
      <c r="V3309" s="76"/>
      <c r="W3309" s="76"/>
      <c r="X3309" s="76"/>
      <c r="Y3309" s="76"/>
      <c r="Z3309" s="76"/>
      <c r="AA3309" s="85"/>
      <c r="AB3309" s="85"/>
      <c r="AC3309" s="85"/>
      <c r="AD3309" s="85"/>
      <c r="AE3309" s="85"/>
      <c r="AF3309" s="85"/>
      <c r="AG3309" s="86"/>
      <c r="AH3309" s="85"/>
      <c r="AI3309" s="85"/>
      <c r="AJ3309" s="85"/>
      <c r="AK3309" s="85"/>
      <c r="AL3309" s="85"/>
      <c r="AM3309" s="92"/>
      <c r="AN3309" s="92"/>
      <c r="AO3309" s="92"/>
      <c r="AP3309" s="92"/>
      <c r="AQ3309" s="92"/>
      <c r="AR3309" s="92"/>
      <c r="AS3309" s="92"/>
      <c r="AT3309" s="92"/>
      <c r="AU3309" s="92"/>
      <c r="AV3309" s="92"/>
      <c r="AW3309" s="92"/>
      <c r="AX3309" s="92"/>
      <c r="AY3309" s="92"/>
      <c r="AZ3309" s="93"/>
      <c r="BA3309" s="93"/>
      <c r="BB3309" s="93"/>
      <c r="BC3309" s="93"/>
      <c r="BD3309" s="93"/>
      <c r="BE3309" s="93"/>
      <c r="BF3309" s="93"/>
      <c r="BG3309" s="93"/>
      <c r="BH3309" s="93"/>
      <c r="BI3309" s="93"/>
      <c r="BJ3309" s="93"/>
      <c r="BK3309" s="93"/>
      <c r="BL3309" s="93"/>
    </row>
    <row r="3310" spans="2:64" x14ac:dyDescent="0.2">
      <c r="B3310" s="43"/>
      <c r="C3310" s="73"/>
      <c r="D3310" s="64"/>
      <c r="E3310" s="55"/>
      <c r="F3310" s="74"/>
      <c r="G3310" s="74"/>
      <c r="H3310" s="74"/>
      <c r="I3310" s="75"/>
      <c r="J3310" s="74"/>
      <c r="L3310" s="55"/>
      <c r="M3310" s="234"/>
      <c r="N3310" s="65"/>
      <c r="O3310" s="76"/>
      <c r="P3310" s="76"/>
      <c r="Q3310" s="65"/>
      <c r="R3310" s="76"/>
      <c r="S3310" s="76"/>
      <c r="T3310" s="76"/>
      <c r="U3310" s="76"/>
      <c r="V3310" s="76"/>
      <c r="W3310" s="76"/>
      <c r="X3310" s="76"/>
      <c r="Y3310" s="76"/>
      <c r="Z3310" s="76"/>
      <c r="AA3310" s="85"/>
      <c r="AB3310" s="85"/>
      <c r="AC3310" s="85"/>
      <c r="AD3310" s="85"/>
      <c r="AE3310" s="85"/>
      <c r="AF3310" s="85"/>
      <c r="AG3310" s="86"/>
      <c r="AH3310" s="85"/>
      <c r="AI3310" s="85"/>
      <c r="AJ3310" s="85"/>
      <c r="AK3310" s="85"/>
      <c r="AL3310" s="85"/>
      <c r="AM3310" s="92"/>
      <c r="AN3310" s="92"/>
      <c r="AO3310" s="92"/>
      <c r="AP3310" s="92"/>
      <c r="AQ3310" s="92"/>
      <c r="AR3310" s="92"/>
      <c r="AS3310" s="92"/>
      <c r="AT3310" s="92"/>
      <c r="AU3310" s="92"/>
      <c r="AV3310" s="92"/>
      <c r="AW3310" s="92"/>
      <c r="AX3310" s="92"/>
      <c r="AY3310" s="92"/>
      <c r="AZ3310" s="93"/>
      <c r="BA3310" s="93"/>
      <c r="BB3310" s="93"/>
      <c r="BC3310" s="93"/>
      <c r="BD3310" s="93"/>
      <c r="BE3310" s="93"/>
      <c r="BF3310" s="93"/>
      <c r="BG3310" s="93"/>
      <c r="BH3310" s="93"/>
      <c r="BI3310" s="93"/>
      <c r="BJ3310" s="93"/>
      <c r="BK3310" s="93"/>
      <c r="BL3310" s="93"/>
    </row>
    <row r="3311" spans="2:64" x14ac:dyDescent="0.2">
      <c r="B3311" s="43"/>
      <c r="C3311" s="73"/>
      <c r="D3311" s="64"/>
      <c r="E3311" s="55"/>
      <c r="F3311" s="74"/>
      <c r="G3311" s="74"/>
      <c r="H3311" s="74"/>
      <c r="I3311" s="75"/>
      <c r="J3311" s="74"/>
      <c r="L3311" s="55"/>
      <c r="M3311" s="234"/>
      <c r="N3311" s="65"/>
      <c r="O3311" s="76"/>
      <c r="P3311" s="76"/>
      <c r="Q3311" s="65"/>
      <c r="R3311" s="76"/>
      <c r="S3311" s="76"/>
      <c r="T3311" s="76"/>
      <c r="U3311" s="76"/>
      <c r="V3311" s="76"/>
      <c r="W3311" s="76"/>
      <c r="X3311" s="76"/>
      <c r="Y3311" s="76"/>
      <c r="Z3311" s="76"/>
      <c r="AA3311" s="85"/>
      <c r="AB3311" s="85"/>
      <c r="AC3311" s="85"/>
      <c r="AD3311" s="85"/>
      <c r="AE3311" s="85"/>
      <c r="AF3311" s="85"/>
      <c r="AG3311" s="86"/>
      <c r="AH3311" s="85"/>
      <c r="AI3311" s="85"/>
      <c r="AJ3311" s="85"/>
      <c r="AK3311" s="85"/>
      <c r="AL3311" s="85"/>
      <c r="AM3311" s="92"/>
      <c r="AN3311" s="92"/>
      <c r="AO3311" s="92"/>
      <c r="AP3311" s="92"/>
      <c r="AQ3311" s="92"/>
      <c r="AR3311" s="92"/>
      <c r="AS3311" s="92"/>
      <c r="AT3311" s="92"/>
      <c r="AU3311" s="92"/>
      <c r="AV3311" s="92"/>
      <c r="AW3311" s="92"/>
      <c r="AX3311" s="92"/>
      <c r="AY3311" s="92"/>
      <c r="AZ3311" s="93"/>
      <c r="BA3311" s="93"/>
      <c r="BB3311" s="93"/>
      <c r="BC3311" s="93"/>
      <c r="BD3311" s="93"/>
      <c r="BE3311" s="93"/>
      <c r="BF3311" s="93"/>
      <c r="BG3311" s="93"/>
      <c r="BH3311" s="93"/>
      <c r="BI3311" s="93"/>
      <c r="BJ3311" s="93"/>
      <c r="BK3311" s="93"/>
      <c r="BL3311" s="93"/>
    </row>
    <row r="3312" spans="2:64" x14ac:dyDescent="0.2">
      <c r="B3312" s="43"/>
      <c r="C3312" s="73"/>
      <c r="D3312" s="64"/>
      <c r="E3312" s="55"/>
      <c r="F3312" s="74"/>
      <c r="G3312" s="74"/>
      <c r="H3312" s="74"/>
      <c r="I3312" s="75"/>
      <c r="J3312" s="74"/>
      <c r="L3312" s="55"/>
      <c r="M3312" s="234"/>
      <c r="N3312" s="65"/>
      <c r="O3312" s="76"/>
      <c r="P3312" s="76"/>
      <c r="Q3312" s="65"/>
      <c r="R3312" s="76"/>
      <c r="S3312" s="76"/>
      <c r="T3312" s="76"/>
      <c r="U3312" s="76"/>
      <c r="V3312" s="76"/>
      <c r="W3312" s="76"/>
      <c r="X3312" s="76"/>
      <c r="Y3312" s="76"/>
      <c r="Z3312" s="76"/>
      <c r="AA3312" s="85"/>
      <c r="AB3312" s="85"/>
      <c r="AC3312" s="85"/>
      <c r="AD3312" s="85"/>
      <c r="AE3312" s="85"/>
      <c r="AF3312" s="85"/>
      <c r="AG3312" s="86"/>
      <c r="AH3312" s="85"/>
      <c r="AI3312" s="85"/>
      <c r="AJ3312" s="85"/>
      <c r="AK3312" s="85"/>
      <c r="AL3312" s="85"/>
      <c r="AM3312" s="92"/>
      <c r="AN3312" s="92"/>
      <c r="AO3312" s="92"/>
      <c r="AP3312" s="92"/>
      <c r="AQ3312" s="92"/>
      <c r="AR3312" s="92"/>
      <c r="AS3312" s="92"/>
      <c r="AT3312" s="92"/>
      <c r="AU3312" s="92"/>
      <c r="AV3312" s="92"/>
      <c r="AW3312" s="92"/>
      <c r="AX3312" s="92"/>
      <c r="AY3312" s="92"/>
      <c r="AZ3312" s="93"/>
      <c r="BA3312" s="93"/>
      <c r="BB3312" s="93"/>
      <c r="BC3312" s="93"/>
      <c r="BD3312" s="93"/>
      <c r="BE3312" s="93"/>
      <c r="BF3312" s="93"/>
      <c r="BG3312" s="93"/>
      <c r="BH3312" s="93"/>
      <c r="BI3312" s="93"/>
      <c r="BJ3312" s="93"/>
      <c r="BK3312" s="93"/>
      <c r="BL3312" s="93"/>
    </row>
    <row r="3313" spans="2:64" x14ac:dyDescent="0.2">
      <c r="B3313" s="43"/>
      <c r="C3313" s="73"/>
      <c r="D3313" s="64"/>
      <c r="E3313" s="55"/>
      <c r="F3313" s="74"/>
      <c r="G3313" s="74"/>
      <c r="H3313" s="74"/>
      <c r="I3313" s="75"/>
      <c r="J3313" s="74"/>
      <c r="L3313" s="55"/>
      <c r="M3313" s="234"/>
      <c r="N3313" s="65"/>
      <c r="O3313" s="76"/>
      <c r="P3313" s="76"/>
      <c r="Q3313" s="65"/>
      <c r="R3313" s="76"/>
      <c r="S3313" s="76"/>
      <c r="T3313" s="76"/>
      <c r="U3313" s="76"/>
      <c r="V3313" s="76"/>
      <c r="W3313" s="76"/>
      <c r="X3313" s="76"/>
      <c r="Y3313" s="76"/>
      <c r="Z3313" s="76"/>
      <c r="AA3313" s="85"/>
      <c r="AB3313" s="85"/>
      <c r="AC3313" s="85"/>
      <c r="AD3313" s="85"/>
      <c r="AE3313" s="85"/>
      <c r="AF3313" s="85"/>
      <c r="AG3313" s="86"/>
      <c r="AH3313" s="85"/>
      <c r="AI3313" s="85"/>
      <c r="AJ3313" s="85"/>
      <c r="AK3313" s="85"/>
      <c r="AL3313" s="85"/>
      <c r="AM3313" s="92"/>
      <c r="AN3313" s="92"/>
      <c r="AO3313" s="92"/>
      <c r="AP3313" s="92"/>
      <c r="AQ3313" s="92"/>
      <c r="AR3313" s="92"/>
      <c r="AS3313" s="92"/>
      <c r="AT3313" s="92"/>
      <c r="AU3313" s="92"/>
      <c r="AV3313" s="92"/>
      <c r="AW3313" s="92"/>
      <c r="AX3313" s="92"/>
      <c r="AY3313" s="92"/>
      <c r="AZ3313" s="93"/>
      <c r="BA3313" s="93"/>
      <c r="BB3313" s="93"/>
      <c r="BC3313" s="93"/>
      <c r="BD3313" s="93"/>
      <c r="BE3313" s="93"/>
      <c r="BF3313" s="93"/>
      <c r="BG3313" s="93"/>
      <c r="BH3313" s="93"/>
      <c r="BI3313" s="93"/>
      <c r="BJ3313" s="93"/>
      <c r="BK3313" s="93"/>
      <c r="BL3313" s="93"/>
    </row>
    <row r="3314" spans="2:64" x14ac:dyDescent="0.2">
      <c r="B3314" s="43"/>
      <c r="C3314" s="73"/>
      <c r="D3314" s="64"/>
      <c r="E3314" s="55"/>
      <c r="F3314" s="74"/>
      <c r="G3314" s="74"/>
      <c r="H3314" s="74"/>
      <c r="I3314" s="75"/>
      <c r="J3314" s="74"/>
      <c r="L3314" s="55"/>
      <c r="M3314" s="234"/>
      <c r="N3314" s="65"/>
      <c r="O3314" s="76"/>
      <c r="P3314" s="76"/>
      <c r="Q3314" s="65"/>
      <c r="R3314" s="76"/>
      <c r="S3314" s="76"/>
      <c r="T3314" s="76"/>
      <c r="U3314" s="76"/>
      <c r="V3314" s="76"/>
      <c r="W3314" s="76"/>
      <c r="X3314" s="76"/>
      <c r="Y3314" s="76"/>
      <c r="Z3314" s="76"/>
      <c r="AA3314" s="85"/>
      <c r="AB3314" s="85"/>
      <c r="AC3314" s="85"/>
      <c r="AD3314" s="85"/>
      <c r="AE3314" s="85"/>
      <c r="AF3314" s="85"/>
      <c r="AG3314" s="86"/>
      <c r="AH3314" s="85"/>
      <c r="AI3314" s="85"/>
      <c r="AJ3314" s="85"/>
      <c r="AK3314" s="85"/>
      <c r="AL3314" s="85"/>
      <c r="AM3314" s="92"/>
      <c r="AN3314" s="92"/>
      <c r="AO3314" s="92"/>
      <c r="AP3314" s="92"/>
      <c r="AQ3314" s="92"/>
      <c r="AR3314" s="92"/>
      <c r="AS3314" s="92"/>
      <c r="AT3314" s="92"/>
      <c r="AU3314" s="92"/>
      <c r="AV3314" s="92"/>
      <c r="AW3314" s="92"/>
      <c r="AX3314" s="92"/>
      <c r="AY3314" s="92"/>
      <c r="AZ3314" s="93"/>
      <c r="BA3314" s="93"/>
      <c r="BB3314" s="93"/>
      <c r="BC3314" s="93"/>
      <c r="BD3314" s="93"/>
      <c r="BE3314" s="93"/>
      <c r="BF3314" s="93"/>
      <c r="BG3314" s="93"/>
      <c r="BH3314" s="93"/>
      <c r="BI3314" s="93"/>
      <c r="BJ3314" s="93"/>
      <c r="BK3314" s="93"/>
      <c r="BL3314" s="93"/>
    </row>
    <row r="3315" spans="2:64" x14ac:dyDescent="0.2">
      <c r="B3315" s="43"/>
      <c r="C3315" s="73"/>
      <c r="D3315" s="64"/>
      <c r="E3315" s="55"/>
      <c r="F3315" s="74"/>
      <c r="G3315" s="74"/>
      <c r="H3315" s="74"/>
      <c r="I3315" s="75"/>
      <c r="J3315" s="74"/>
      <c r="L3315" s="55"/>
      <c r="M3315" s="234"/>
      <c r="N3315" s="65"/>
      <c r="O3315" s="76"/>
      <c r="P3315" s="76"/>
      <c r="Q3315" s="65"/>
      <c r="R3315" s="76"/>
      <c r="S3315" s="76"/>
      <c r="T3315" s="76"/>
      <c r="U3315" s="76"/>
      <c r="V3315" s="76"/>
      <c r="W3315" s="76"/>
      <c r="X3315" s="76"/>
      <c r="Y3315" s="76"/>
      <c r="Z3315" s="76"/>
      <c r="AA3315" s="85"/>
      <c r="AB3315" s="85"/>
      <c r="AC3315" s="85"/>
      <c r="AD3315" s="85"/>
      <c r="AE3315" s="85"/>
      <c r="AF3315" s="85"/>
      <c r="AG3315" s="86"/>
      <c r="AH3315" s="85"/>
      <c r="AI3315" s="85"/>
      <c r="AJ3315" s="85"/>
      <c r="AK3315" s="85"/>
      <c r="AL3315" s="85"/>
      <c r="AM3315" s="92"/>
      <c r="AN3315" s="92"/>
      <c r="AO3315" s="92"/>
      <c r="AP3315" s="92"/>
      <c r="AQ3315" s="92"/>
      <c r="AR3315" s="92"/>
      <c r="AS3315" s="92"/>
      <c r="AT3315" s="92"/>
      <c r="AU3315" s="92"/>
      <c r="AV3315" s="92"/>
      <c r="AW3315" s="92"/>
      <c r="AX3315" s="92"/>
      <c r="AY3315" s="92"/>
      <c r="AZ3315" s="93"/>
      <c r="BA3315" s="93"/>
      <c r="BB3315" s="93"/>
      <c r="BC3315" s="93"/>
      <c r="BD3315" s="93"/>
      <c r="BE3315" s="93"/>
      <c r="BF3315" s="93"/>
      <c r="BG3315" s="93"/>
      <c r="BH3315" s="93"/>
      <c r="BI3315" s="93"/>
      <c r="BJ3315" s="93"/>
      <c r="BK3315" s="93"/>
      <c r="BL3315" s="93"/>
    </row>
    <row r="3316" spans="2:64" x14ac:dyDescent="0.2">
      <c r="B3316" s="43"/>
      <c r="C3316" s="73"/>
      <c r="D3316" s="64"/>
      <c r="E3316" s="55"/>
      <c r="F3316" s="74"/>
      <c r="G3316" s="74"/>
      <c r="H3316" s="74"/>
      <c r="I3316" s="75"/>
      <c r="J3316" s="74"/>
      <c r="L3316" s="55"/>
      <c r="M3316" s="234"/>
      <c r="N3316" s="65"/>
      <c r="O3316" s="76"/>
      <c r="P3316" s="76"/>
      <c r="Q3316" s="65"/>
      <c r="R3316" s="76"/>
      <c r="S3316" s="76"/>
      <c r="T3316" s="76"/>
      <c r="U3316" s="76"/>
      <c r="V3316" s="76"/>
      <c r="W3316" s="76"/>
      <c r="X3316" s="76"/>
      <c r="Y3316" s="76"/>
      <c r="Z3316" s="76"/>
      <c r="AA3316" s="85"/>
      <c r="AB3316" s="85"/>
      <c r="AC3316" s="85"/>
      <c r="AD3316" s="85"/>
      <c r="AE3316" s="85"/>
      <c r="AF3316" s="85"/>
      <c r="AG3316" s="86"/>
      <c r="AH3316" s="85"/>
      <c r="AI3316" s="85"/>
      <c r="AJ3316" s="85"/>
      <c r="AK3316" s="85"/>
      <c r="AL3316" s="85"/>
      <c r="AM3316" s="92"/>
      <c r="AN3316" s="92"/>
      <c r="AO3316" s="92"/>
      <c r="AP3316" s="92"/>
      <c r="AQ3316" s="92"/>
      <c r="AR3316" s="92"/>
      <c r="AS3316" s="92"/>
      <c r="AT3316" s="92"/>
      <c r="AU3316" s="92"/>
      <c r="AV3316" s="92"/>
      <c r="AW3316" s="92"/>
      <c r="AX3316" s="92"/>
      <c r="AY3316" s="92"/>
      <c r="AZ3316" s="93"/>
      <c r="BA3316" s="93"/>
      <c r="BB3316" s="93"/>
      <c r="BC3316" s="93"/>
      <c r="BD3316" s="93"/>
      <c r="BE3316" s="93"/>
      <c r="BF3316" s="93"/>
      <c r="BG3316" s="93"/>
      <c r="BH3316" s="93"/>
      <c r="BI3316" s="93"/>
      <c r="BJ3316" s="93"/>
      <c r="BK3316" s="93"/>
      <c r="BL3316" s="93"/>
    </row>
    <row r="3317" spans="2:64" x14ac:dyDescent="0.2">
      <c r="B3317" s="43"/>
      <c r="C3317" s="73"/>
      <c r="D3317" s="64"/>
      <c r="E3317" s="55"/>
      <c r="F3317" s="74"/>
      <c r="G3317" s="74"/>
      <c r="H3317" s="74"/>
      <c r="I3317" s="75"/>
      <c r="J3317" s="74"/>
      <c r="L3317" s="55"/>
      <c r="M3317" s="234"/>
      <c r="N3317" s="65"/>
      <c r="O3317" s="76"/>
      <c r="P3317" s="76"/>
      <c r="Q3317" s="65"/>
      <c r="R3317" s="76"/>
      <c r="S3317" s="76"/>
      <c r="T3317" s="76"/>
      <c r="U3317" s="76"/>
      <c r="V3317" s="76"/>
      <c r="W3317" s="76"/>
      <c r="X3317" s="76"/>
      <c r="Y3317" s="76"/>
      <c r="Z3317" s="76"/>
      <c r="AA3317" s="85"/>
      <c r="AB3317" s="85"/>
      <c r="AC3317" s="85"/>
      <c r="AD3317" s="85"/>
      <c r="AE3317" s="85"/>
      <c r="AF3317" s="85"/>
      <c r="AG3317" s="86"/>
      <c r="AH3317" s="85"/>
      <c r="AI3317" s="85"/>
      <c r="AJ3317" s="85"/>
      <c r="AK3317" s="85"/>
      <c r="AL3317" s="85"/>
      <c r="AM3317" s="92"/>
      <c r="AN3317" s="92"/>
      <c r="AO3317" s="92"/>
      <c r="AP3317" s="92"/>
      <c r="AQ3317" s="92"/>
      <c r="AR3317" s="92"/>
      <c r="AS3317" s="92"/>
      <c r="AT3317" s="92"/>
      <c r="AU3317" s="92"/>
      <c r="AV3317" s="92"/>
      <c r="AW3317" s="92"/>
      <c r="AX3317" s="92"/>
      <c r="AY3317" s="92"/>
      <c r="AZ3317" s="93"/>
      <c r="BA3317" s="93"/>
      <c r="BB3317" s="93"/>
      <c r="BC3317" s="93"/>
      <c r="BD3317" s="93"/>
      <c r="BE3317" s="93"/>
      <c r="BF3317" s="93"/>
      <c r="BG3317" s="93"/>
      <c r="BH3317" s="93"/>
      <c r="BI3317" s="93"/>
      <c r="BJ3317" s="93"/>
      <c r="BK3317" s="93"/>
      <c r="BL3317" s="93"/>
    </row>
    <row r="3318" spans="2:64" x14ac:dyDescent="0.2">
      <c r="B3318" s="43"/>
      <c r="C3318" s="73"/>
      <c r="D3318" s="64"/>
      <c r="E3318" s="55"/>
      <c r="F3318" s="74"/>
      <c r="G3318" s="74"/>
      <c r="H3318" s="74"/>
      <c r="I3318" s="75"/>
      <c r="J3318" s="74"/>
      <c r="L3318" s="55"/>
      <c r="M3318" s="234"/>
      <c r="N3318" s="65"/>
      <c r="O3318" s="76"/>
      <c r="P3318" s="76"/>
      <c r="Q3318" s="65"/>
      <c r="R3318" s="76"/>
      <c r="S3318" s="76"/>
      <c r="T3318" s="76"/>
      <c r="U3318" s="76"/>
      <c r="V3318" s="76"/>
      <c r="W3318" s="76"/>
      <c r="X3318" s="76"/>
      <c r="Y3318" s="76"/>
      <c r="Z3318" s="76"/>
      <c r="AA3318" s="85"/>
      <c r="AB3318" s="85"/>
      <c r="AC3318" s="85"/>
      <c r="AD3318" s="85"/>
      <c r="AE3318" s="85"/>
      <c r="AF3318" s="85"/>
      <c r="AG3318" s="86"/>
      <c r="AH3318" s="85"/>
      <c r="AI3318" s="85"/>
      <c r="AJ3318" s="85"/>
      <c r="AK3318" s="85"/>
      <c r="AL3318" s="85"/>
      <c r="AM3318" s="92"/>
      <c r="AN3318" s="92"/>
      <c r="AO3318" s="92"/>
      <c r="AP3318" s="92"/>
      <c r="AQ3318" s="92"/>
      <c r="AR3318" s="92"/>
      <c r="AS3318" s="92"/>
      <c r="AT3318" s="92"/>
      <c r="AU3318" s="92"/>
      <c r="AV3318" s="92"/>
      <c r="AW3318" s="92"/>
      <c r="AX3318" s="92"/>
      <c r="AY3318" s="92"/>
      <c r="AZ3318" s="93"/>
      <c r="BA3318" s="93"/>
      <c r="BB3318" s="93"/>
      <c r="BC3318" s="93"/>
      <c r="BD3318" s="93"/>
      <c r="BE3318" s="93"/>
      <c r="BF3318" s="93"/>
      <c r="BG3318" s="93"/>
      <c r="BH3318" s="93"/>
      <c r="BI3318" s="93"/>
      <c r="BJ3318" s="93"/>
      <c r="BK3318" s="93"/>
      <c r="BL3318" s="93"/>
    </row>
    <row r="3319" spans="2:64" x14ac:dyDescent="0.2">
      <c r="B3319" s="43"/>
      <c r="C3319" s="73"/>
      <c r="D3319" s="64"/>
      <c r="E3319" s="55"/>
      <c r="F3319" s="74"/>
      <c r="G3319" s="74"/>
      <c r="H3319" s="74"/>
      <c r="I3319" s="75"/>
      <c r="J3319" s="74"/>
      <c r="L3319" s="55"/>
      <c r="M3319" s="234"/>
      <c r="N3319" s="65"/>
      <c r="O3319" s="76"/>
      <c r="P3319" s="76"/>
      <c r="Q3319" s="65"/>
      <c r="R3319" s="76"/>
      <c r="S3319" s="76"/>
      <c r="T3319" s="76"/>
      <c r="U3319" s="76"/>
      <c r="V3319" s="76"/>
      <c r="W3319" s="76"/>
      <c r="X3319" s="76"/>
      <c r="Y3319" s="76"/>
      <c r="Z3319" s="76"/>
      <c r="AA3319" s="85"/>
      <c r="AB3319" s="85"/>
      <c r="AC3319" s="85"/>
      <c r="AD3319" s="85"/>
      <c r="AE3319" s="85"/>
      <c r="AF3319" s="85"/>
      <c r="AG3319" s="86"/>
      <c r="AH3319" s="85"/>
      <c r="AI3319" s="85"/>
      <c r="AJ3319" s="85"/>
      <c r="AK3319" s="85"/>
      <c r="AL3319" s="85"/>
      <c r="AM3319" s="92"/>
      <c r="AN3319" s="92"/>
      <c r="AO3319" s="92"/>
      <c r="AP3319" s="92"/>
      <c r="AQ3319" s="92"/>
      <c r="AR3319" s="92"/>
      <c r="AS3319" s="92"/>
      <c r="AT3319" s="92"/>
      <c r="AU3319" s="92"/>
      <c r="AV3319" s="92"/>
      <c r="AW3319" s="92"/>
      <c r="AX3319" s="92"/>
      <c r="AY3319" s="92"/>
      <c r="AZ3319" s="93"/>
      <c r="BA3319" s="93"/>
      <c r="BB3319" s="93"/>
      <c r="BC3319" s="93"/>
      <c r="BD3319" s="93"/>
      <c r="BE3319" s="93"/>
      <c r="BF3319" s="93"/>
      <c r="BG3319" s="93"/>
      <c r="BH3319" s="93"/>
      <c r="BI3319" s="93"/>
      <c r="BJ3319" s="93"/>
      <c r="BK3319" s="93"/>
      <c r="BL3319" s="93"/>
    </row>
    <row r="3320" spans="2:64" x14ac:dyDescent="0.2">
      <c r="B3320" s="43"/>
      <c r="C3320" s="73"/>
      <c r="D3320" s="64"/>
      <c r="E3320" s="55"/>
      <c r="F3320" s="74"/>
      <c r="G3320" s="74"/>
      <c r="H3320" s="74"/>
      <c r="I3320" s="75"/>
      <c r="J3320" s="74"/>
      <c r="L3320" s="55"/>
      <c r="M3320" s="234"/>
      <c r="N3320" s="65"/>
      <c r="O3320" s="76"/>
      <c r="P3320" s="76"/>
      <c r="Q3320" s="65"/>
      <c r="R3320" s="76"/>
      <c r="S3320" s="76"/>
      <c r="T3320" s="76"/>
      <c r="U3320" s="76"/>
      <c r="V3320" s="76"/>
      <c r="W3320" s="76"/>
      <c r="X3320" s="76"/>
      <c r="Y3320" s="76"/>
      <c r="Z3320" s="76"/>
      <c r="AA3320" s="85"/>
      <c r="AB3320" s="85"/>
      <c r="AC3320" s="85"/>
      <c r="AD3320" s="85"/>
      <c r="AE3320" s="85"/>
      <c r="AF3320" s="85"/>
      <c r="AG3320" s="86"/>
      <c r="AH3320" s="85"/>
      <c r="AI3320" s="85"/>
      <c r="AJ3320" s="85"/>
      <c r="AK3320" s="85"/>
      <c r="AL3320" s="85"/>
      <c r="AM3320" s="92"/>
      <c r="AN3320" s="92"/>
      <c r="AO3320" s="92"/>
      <c r="AP3320" s="92"/>
      <c r="AQ3320" s="92"/>
      <c r="AR3320" s="92"/>
      <c r="AS3320" s="92"/>
      <c r="AT3320" s="92"/>
      <c r="AU3320" s="92"/>
      <c r="AV3320" s="92"/>
      <c r="AW3320" s="92"/>
      <c r="AX3320" s="92"/>
      <c r="AY3320" s="92"/>
      <c r="AZ3320" s="93"/>
      <c r="BA3320" s="93"/>
      <c r="BB3320" s="93"/>
      <c r="BC3320" s="93"/>
      <c r="BD3320" s="93"/>
      <c r="BE3320" s="93"/>
      <c r="BF3320" s="93"/>
      <c r="BG3320" s="93"/>
      <c r="BH3320" s="93"/>
      <c r="BI3320" s="93"/>
      <c r="BJ3320" s="93"/>
      <c r="BK3320" s="93"/>
      <c r="BL3320" s="93"/>
    </row>
    <row r="3321" spans="2:64" x14ac:dyDescent="0.2">
      <c r="B3321" s="43"/>
      <c r="C3321" s="73"/>
      <c r="D3321" s="64"/>
      <c r="E3321" s="55"/>
      <c r="F3321" s="74"/>
      <c r="G3321" s="74"/>
      <c r="H3321" s="74"/>
      <c r="I3321" s="75"/>
      <c r="J3321" s="74"/>
      <c r="L3321" s="55"/>
      <c r="M3321" s="234"/>
      <c r="N3321" s="65"/>
      <c r="O3321" s="76"/>
      <c r="P3321" s="76"/>
      <c r="Q3321" s="65"/>
      <c r="R3321" s="76"/>
      <c r="S3321" s="76"/>
      <c r="T3321" s="76"/>
      <c r="U3321" s="76"/>
      <c r="V3321" s="76"/>
      <c r="W3321" s="76"/>
      <c r="X3321" s="76"/>
      <c r="Y3321" s="76"/>
      <c r="Z3321" s="76"/>
      <c r="AA3321" s="85"/>
      <c r="AB3321" s="85"/>
      <c r="AC3321" s="85"/>
      <c r="AD3321" s="85"/>
      <c r="AE3321" s="85"/>
      <c r="AF3321" s="85"/>
      <c r="AG3321" s="86"/>
      <c r="AH3321" s="85"/>
      <c r="AI3321" s="85"/>
      <c r="AJ3321" s="85"/>
      <c r="AK3321" s="85"/>
      <c r="AL3321" s="85"/>
      <c r="AM3321" s="92"/>
      <c r="AN3321" s="92"/>
      <c r="AO3321" s="92"/>
      <c r="AP3321" s="92"/>
      <c r="AQ3321" s="92"/>
      <c r="AR3321" s="92"/>
      <c r="AS3321" s="92"/>
      <c r="AT3321" s="92"/>
      <c r="AU3321" s="92"/>
      <c r="AV3321" s="92"/>
      <c r="AW3321" s="92"/>
      <c r="AX3321" s="92"/>
      <c r="AY3321" s="92"/>
      <c r="AZ3321" s="93"/>
      <c r="BA3321" s="93"/>
      <c r="BB3321" s="93"/>
      <c r="BC3321" s="93"/>
      <c r="BD3321" s="93"/>
      <c r="BE3321" s="93"/>
      <c r="BF3321" s="93"/>
      <c r="BG3321" s="93"/>
      <c r="BH3321" s="93"/>
      <c r="BI3321" s="93"/>
      <c r="BJ3321" s="93"/>
      <c r="BK3321" s="93"/>
      <c r="BL3321" s="93"/>
    </row>
    <row r="3322" spans="2:64" x14ac:dyDescent="0.2">
      <c r="B3322" s="43"/>
      <c r="C3322" s="73"/>
      <c r="D3322" s="64"/>
      <c r="E3322" s="55"/>
      <c r="F3322" s="74"/>
      <c r="G3322" s="74"/>
      <c r="H3322" s="74"/>
      <c r="I3322" s="75"/>
      <c r="J3322" s="74"/>
      <c r="L3322" s="55"/>
      <c r="M3322" s="234"/>
      <c r="N3322" s="65"/>
      <c r="O3322" s="76"/>
      <c r="P3322" s="76"/>
      <c r="Q3322" s="65"/>
      <c r="R3322" s="76"/>
      <c r="S3322" s="76"/>
      <c r="T3322" s="76"/>
      <c r="U3322" s="76"/>
      <c r="V3322" s="76"/>
      <c r="W3322" s="76"/>
      <c r="X3322" s="76"/>
      <c r="Y3322" s="76"/>
      <c r="Z3322" s="76"/>
      <c r="AA3322" s="85"/>
      <c r="AB3322" s="85"/>
      <c r="AC3322" s="85"/>
      <c r="AD3322" s="85"/>
      <c r="AE3322" s="85"/>
      <c r="AF3322" s="85"/>
      <c r="AG3322" s="86"/>
      <c r="AH3322" s="85"/>
      <c r="AI3322" s="85"/>
      <c r="AJ3322" s="85"/>
      <c r="AK3322" s="85"/>
      <c r="AL3322" s="85"/>
      <c r="AM3322" s="92"/>
      <c r="AN3322" s="92"/>
      <c r="AO3322" s="92"/>
      <c r="AP3322" s="92"/>
      <c r="AQ3322" s="92"/>
      <c r="AR3322" s="92"/>
      <c r="AS3322" s="92"/>
      <c r="AT3322" s="92"/>
      <c r="AU3322" s="92"/>
      <c r="AV3322" s="92"/>
      <c r="AW3322" s="92"/>
      <c r="AX3322" s="92"/>
      <c r="AY3322" s="92"/>
      <c r="AZ3322" s="93"/>
      <c r="BA3322" s="93"/>
      <c r="BB3322" s="93"/>
      <c r="BC3322" s="93"/>
      <c r="BD3322" s="93"/>
      <c r="BE3322" s="93"/>
      <c r="BF3322" s="93"/>
      <c r="BG3322" s="93"/>
      <c r="BH3322" s="93"/>
      <c r="BI3322" s="93"/>
      <c r="BJ3322" s="93"/>
      <c r="BK3322" s="93"/>
      <c r="BL3322" s="93"/>
    </row>
    <row r="3323" spans="2:64" x14ac:dyDescent="0.2">
      <c r="B3323" s="43"/>
      <c r="C3323" s="73"/>
      <c r="D3323" s="64"/>
      <c r="E3323" s="55"/>
      <c r="F3323" s="74"/>
      <c r="G3323" s="74"/>
      <c r="H3323" s="74"/>
      <c r="I3323" s="75"/>
      <c r="J3323" s="74"/>
      <c r="L3323" s="55"/>
      <c r="M3323" s="234"/>
      <c r="N3323" s="65"/>
      <c r="O3323" s="76"/>
      <c r="P3323" s="76"/>
      <c r="Q3323" s="65"/>
      <c r="R3323" s="76"/>
      <c r="S3323" s="76"/>
      <c r="T3323" s="76"/>
      <c r="U3323" s="76"/>
      <c r="V3323" s="76"/>
      <c r="W3323" s="76"/>
      <c r="X3323" s="76"/>
      <c r="Y3323" s="76"/>
      <c r="Z3323" s="76"/>
      <c r="AA3323" s="85"/>
      <c r="AB3323" s="85"/>
      <c r="AC3323" s="85"/>
      <c r="AD3323" s="85"/>
      <c r="AE3323" s="85"/>
      <c r="AF3323" s="85"/>
      <c r="AG3323" s="86"/>
      <c r="AH3323" s="85"/>
      <c r="AI3323" s="85"/>
      <c r="AJ3323" s="85"/>
      <c r="AK3323" s="85"/>
      <c r="AL3323" s="85"/>
      <c r="AM3323" s="92"/>
      <c r="AN3323" s="92"/>
      <c r="AO3323" s="92"/>
      <c r="AP3323" s="92"/>
      <c r="AQ3323" s="92"/>
      <c r="AR3323" s="92"/>
      <c r="AS3323" s="92"/>
      <c r="AT3323" s="92"/>
      <c r="AU3323" s="92"/>
      <c r="AV3323" s="92"/>
      <c r="AW3323" s="92"/>
      <c r="AX3323" s="92"/>
      <c r="AY3323" s="92"/>
      <c r="AZ3323" s="93"/>
      <c r="BA3323" s="93"/>
      <c r="BB3323" s="93"/>
      <c r="BC3323" s="93"/>
      <c r="BD3323" s="93"/>
      <c r="BE3323" s="93"/>
      <c r="BF3323" s="93"/>
      <c r="BG3323" s="93"/>
      <c r="BH3323" s="93"/>
      <c r="BI3323" s="93"/>
      <c r="BJ3323" s="93"/>
      <c r="BK3323" s="93"/>
      <c r="BL3323" s="93"/>
    </row>
    <row r="3324" spans="2:64" x14ac:dyDescent="0.2">
      <c r="B3324" s="43"/>
      <c r="C3324" s="73"/>
      <c r="D3324" s="64"/>
      <c r="E3324" s="55"/>
      <c r="F3324" s="74"/>
      <c r="G3324" s="74"/>
      <c r="H3324" s="74"/>
      <c r="I3324" s="75"/>
      <c r="J3324" s="74"/>
      <c r="L3324" s="55"/>
      <c r="M3324" s="234"/>
      <c r="N3324" s="65"/>
      <c r="O3324" s="76"/>
      <c r="P3324" s="76"/>
      <c r="Q3324" s="65"/>
      <c r="R3324" s="76"/>
      <c r="S3324" s="76"/>
      <c r="T3324" s="76"/>
      <c r="U3324" s="76"/>
      <c r="V3324" s="76"/>
      <c r="W3324" s="76"/>
      <c r="X3324" s="76"/>
      <c r="Y3324" s="76"/>
      <c r="Z3324" s="76"/>
      <c r="AA3324" s="85"/>
      <c r="AB3324" s="85"/>
      <c r="AC3324" s="85"/>
      <c r="AD3324" s="85"/>
      <c r="AE3324" s="85"/>
      <c r="AF3324" s="85"/>
      <c r="AG3324" s="86"/>
      <c r="AH3324" s="85"/>
      <c r="AI3324" s="85"/>
      <c r="AJ3324" s="85"/>
      <c r="AK3324" s="85"/>
      <c r="AL3324" s="85"/>
      <c r="AM3324" s="92"/>
      <c r="AN3324" s="92"/>
      <c r="AO3324" s="92"/>
      <c r="AP3324" s="92"/>
      <c r="AQ3324" s="92"/>
      <c r="AR3324" s="92"/>
      <c r="AS3324" s="92"/>
      <c r="AT3324" s="92"/>
      <c r="AU3324" s="92"/>
      <c r="AV3324" s="92"/>
      <c r="AW3324" s="92"/>
      <c r="AX3324" s="92"/>
      <c r="AY3324" s="92"/>
      <c r="AZ3324" s="93"/>
      <c r="BA3324" s="93"/>
      <c r="BB3324" s="93"/>
      <c r="BC3324" s="93"/>
      <c r="BD3324" s="93"/>
      <c r="BE3324" s="93"/>
      <c r="BF3324" s="93"/>
      <c r="BG3324" s="93"/>
      <c r="BH3324" s="93"/>
      <c r="BI3324" s="93"/>
      <c r="BJ3324" s="93"/>
      <c r="BK3324" s="93"/>
      <c r="BL3324" s="93"/>
    </row>
    <row r="3325" spans="2:64" x14ac:dyDescent="0.2">
      <c r="B3325" s="43"/>
      <c r="C3325" s="73"/>
      <c r="D3325" s="64"/>
      <c r="E3325" s="55"/>
      <c r="F3325" s="74"/>
      <c r="G3325" s="74"/>
      <c r="H3325" s="74"/>
      <c r="I3325" s="75"/>
      <c r="J3325" s="74"/>
      <c r="L3325" s="55"/>
      <c r="M3325" s="234"/>
      <c r="N3325" s="65"/>
      <c r="O3325" s="76"/>
      <c r="P3325" s="76"/>
      <c r="Q3325" s="65"/>
      <c r="R3325" s="76"/>
      <c r="S3325" s="76"/>
      <c r="T3325" s="76"/>
      <c r="U3325" s="76"/>
      <c r="V3325" s="76"/>
      <c r="W3325" s="76"/>
      <c r="X3325" s="76"/>
      <c r="Y3325" s="76"/>
      <c r="Z3325" s="76"/>
      <c r="AA3325" s="85"/>
      <c r="AB3325" s="85"/>
      <c r="AC3325" s="85"/>
      <c r="AD3325" s="85"/>
      <c r="AE3325" s="85"/>
      <c r="AF3325" s="85"/>
      <c r="AG3325" s="86"/>
      <c r="AH3325" s="85"/>
      <c r="AI3325" s="85"/>
      <c r="AJ3325" s="85"/>
      <c r="AK3325" s="85"/>
      <c r="AL3325" s="85"/>
      <c r="AM3325" s="92"/>
      <c r="AN3325" s="92"/>
      <c r="AO3325" s="92"/>
      <c r="AP3325" s="92"/>
      <c r="AQ3325" s="92"/>
      <c r="AR3325" s="92"/>
      <c r="AS3325" s="92"/>
      <c r="AT3325" s="92"/>
      <c r="AU3325" s="92"/>
      <c r="AV3325" s="92"/>
      <c r="AW3325" s="92"/>
      <c r="AX3325" s="92"/>
      <c r="AY3325" s="92"/>
      <c r="AZ3325" s="93"/>
      <c r="BA3325" s="93"/>
      <c r="BB3325" s="93"/>
      <c r="BC3325" s="93"/>
      <c r="BD3325" s="93"/>
      <c r="BE3325" s="93"/>
      <c r="BF3325" s="93"/>
      <c r="BG3325" s="93"/>
      <c r="BH3325" s="93"/>
      <c r="BI3325" s="93"/>
      <c r="BJ3325" s="93"/>
      <c r="BK3325" s="93"/>
      <c r="BL3325" s="93"/>
    </row>
    <row r="3326" spans="2:64" x14ac:dyDescent="0.2">
      <c r="B3326" s="43"/>
      <c r="C3326" s="73"/>
      <c r="D3326" s="64"/>
      <c r="E3326" s="55"/>
      <c r="F3326" s="74"/>
      <c r="G3326" s="74"/>
      <c r="H3326" s="74"/>
      <c r="I3326" s="75"/>
      <c r="J3326" s="74"/>
      <c r="L3326" s="55"/>
      <c r="M3326" s="234"/>
      <c r="N3326" s="65"/>
      <c r="O3326" s="76"/>
      <c r="P3326" s="76"/>
      <c r="Q3326" s="65"/>
      <c r="R3326" s="76"/>
      <c r="S3326" s="76"/>
      <c r="T3326" s="76"/>
      <c r="U3326" s="76"/>
      <c r="V3326" s="76"/>
      <c r="W3326" s="76"/>
      <c r="X3326" s="76"/>
      <c r="Y3326" s="76"/>
      <c r="Z3326" s="76"/>
      <c r="AA3326" s="85"/>
      <c r="AB3326" s="85"/>
      <c r="AC3326" s="85"/>
      <c r="AD3326" s="85"/>
      <c r="AE3326" s="85"/>
      <c r="AF3326" s="85"/>
      <c r="AG3326" s="86"/>
      <c r="AH3326" s="85"/>
      <c r="AI3326" s="85"/>
      <c r="AJ3326" s="85"/>
      <c r="AK3326" s="85"/>
      <c r="AL3326" s="85"/>
      <c r="AM3326" s="92"/>
      <c r="AN3326" s="92"/>
      <c r="AO3326" s="92"/>
      <c r="AP3326" s="92"/>
      <c r="AQ3326" s="92"/>
      <c r="AR3326" s="92"/>
      <c r="AS3326" s="92"/>
      <c r="AT3326" s="92"/>
      <c r="AU3326" s="92"/>
      <c r="AV3326" s="92"/>
      <c r="AW3326" s="92"/>
      <c r="AX3326" s="92"/>
      <c r="AY3326" s="92"/>
      <c r="AZ3326" s="93"/>
      <c r="BA3326" s="93"/>
      <c r="BB3326" s="93"/>
      <c r="BC3326" s="93"/>
      <c r="BD3326" s="93"/>
      <c r="BE3326" s="93"/>
      <c r="BF3326" s="93"/>
      <c r="BG3326" s="93"/>
      <c r="BH3326" s="93"/>
      <c r="BI3326" s="93"/>
      <c r="BJ3326" s="93"/>
      <c r="BK3326" s="93"/>
      <c r="BL3326" s="93"/>
    </row>
    <row r="3327" spans="2:64" x14ac:dyDescent="0.2">
      <c r="B3327" s="43"/>
      <c r="C3327" s="73"/>
      <c r="D3327" s="64"/>
      <c r="E3327" s="55"/>
      <c r="F3327" s="74"/>
      <c r="G3327" s="74"/>
      <c r="H3327" s="74"/>
      <c r="I3327" s="75"/>
      <c r="J3327" s="74"/>
      <c r="L3327" s="55"/>
      <c r="M3327" s="234"/>
      <c r="N3327" s="65"/>
      <c r="O3327" s="76"/>
      <c r="P3327" s="76"/>
      <c r="Q3327" s="65"/>
      <c r="R3327" s="76"/>
      <c r="S3327" s="76"/>
      <c r="T3327" s="76"/>
      <c r="U3327" s="76"/>
      <c r="V3327" s="76"/>
      <c r="W3327" s="76"/>
      <c r="X3327" s="76"/>
      <c r="Y3327" s="76"/>
      <c r="Z3327" s="76"/>
      <c r="AA3327" s="85"/>
      <c r="AB3327" s="85"/>
      <c r="AC3327" s="85"/>
      <c r="AD3327" s="85"/>
      <c r="AE3327" s="85"/>
      <c r="AF3327" s="85"/>
      <c r="AG3327" s="86"/>
      <c r="AH3327" s="85"/>
      <c r="AI3327" s="85"/>
      <c r="AJ3327" s="85"/>
      <c r="AK3327" s="85"/>
      <c r="AL3327" s="85"/>
      <c r="AM3327" s="92"/>
      <c r="AN3327" s="92"/>
      <c r="AO3327" s="92"/>
      <c r="AP3327" s="92"/>
      <c r="AQ3327" s="92"/>
      <c r="AR3327" s="92"/>
      <c r="AS3327" s="92"/>
      <c r="AT3327" s="92"/>
      <c r="AU3327" s="92"/>
      <c r="AV3327" s="92"/>
      <c r="AW3327" s="92"/>
      <c r="AX3327" s="92"/>
      <c r="AY3327" s="92"/>
      <c r="AZ3327" s="93"/>
      <c r="BA3327" s="93"/>
      <c r="BB3327" s="93"/>
      <c r="BC3327" s="93"/>
      <c r="BD3327" s="93"/>
      <c r="BE3327" s="93"/>
      <c r="BF3327" s="93"/>
      <c r="BG3327" s="93"/>
      <c r="BH3327" s="93"/>
      <c r="BI3327" s="93"/>
      <c r="BJ3327" s="93"/>
      <c r="BK3327" s="93"/>
      <c r="BL3327" s="93"/>
    </row>
    <row r="3328" spans="2:64" x14ac:dyDescent="0.2">
      <c r="B3328" s="43"/>
      <c r="C3328" s="73"/>
      <c r="D3328" s="64"/>
      <c r="E3328" s="55"/>
      <c r="F3328" s="74"/>
      <c r="G3328" s="74"/>
      <c r="H3328" s="74"/>
      <c r="I3328" s="75"/>
      <c r="J3328" s="74"/>
      <c r="L3328" s="55"/>
      <c r="M3328" s="234"/>
      <c r="N3328" s="65"/>
      <c r="O3328" s="76"/>
      <c r="P3328" s="76"/>
      <c r="Q3328" s="65"/>
      <c r="R3328" s="76"/>
      <c r="S3328" s="76"/>
      <c r="T3328" s="76"/>
      <c r="U3328" s="76"/>
      <c r="V3328" s="76"/>
      <c r="W3328" s="76"/>
      <c r="X3328" s="76"/>
      <c r="Y3328" s="76"/>
      <c r="Z3328" s="76"/>
      <c r="AA3328" s="85"/>
      <c r="AB3328" s="85"/>
      <c r="AC3328" s="85"/>
      <c r="AD3328" s="85"/>
      <c r="AE3328" s="85"/>
      <c r="AF3328" s="85"/>
      <c r="AG3328" s="86"/>
      <c r="AH3328" s="85"/>
      <c r="AI3328" s="85"/>
      <c r="AJ3328" s="85"/>
      <c r="AK3328" s="85"/>
      <c r="AL3328" s="85"/>
      <c r="AM3328" s="92"/>
      <c r="AN3328" s="92"/>
      <c r="AO3328" s="92"/>
      <c r="AP3328" s="92"/>
      <c r="AQ3328" s="92"/>
      <c r="AR3328" s="92"/>
      <c r="AS3328" s="92"/>
      <c r="AT3328" s="92"/>
      <c r="AU3328" s="92"/>
      <c r="AV3328" s="92"/>
      <c r="AW3328" s="92"/>
      <c r="AX3328" s="92"/>
      <c r="AY3328" s="92"/>
      <c r="AZ3328" s="93"/>
      <c r="BA3328" s="93"/>
      <c r="BB3328" s="93"/>
      <c r="BC3328" s="93"/>
      <c r="BD3328" s="93"/>
      <c r="BE3328" s="93"/>
      <c r="BF3328" s="93"/>
      <c r="BG3328" s="93"/>
      <c r="BH3328" s="93"/>
      <c r="BI3328" s="93"/>
      <c r="BJ3328" s="93"/>
      <c r="BK3328" s="93"/>
      <c r="BL3328" s="93"/>
    </row>
    <row r="3329" spans="2:64" x14ac:dyDescent="0.2">
      <c r="B3329" s="43"/>
      <c r="C3329" s="73"/>
      <c r="D3329" s="64"/>
      <c r="E3329" s="55"/>
      <c r="F3329" s="74"/>
      <c r="G3329" s="74"/>
      <c r="H3329" s="74"/>
      <c r="I3329" s="75"/>
      <c r="J3329" s="74"/>
      <c r="L3329" s="55"/>
      <c r="M3329" s="234"/>
      <c r="N3329" s="65"/>
      <c r="O3329" s="76"/>
      <c r="P3329" s="76"/>
      <c r="Q3329" s="65"/>
      <c r="R3329" s="76"/>
      <c r="S3329" s="76"/>
      <c r="T3329" s="76"/>
      <c r="U3329" s="76"/>
      <c r="V3329" s="76"/>
      <c r="W3329" s="76"/>
      <c r="X3329" s="76"/>
      <c r="Y3329" s="76"/>
      <c r="Z3329" s="76"/>
      <c r="AA3329" s="85"/>
      <c r="AB3329" s="85"/>
      <c r="AC3329" s="85"/>
      <c r="AD3329" s="85"/>
      <c r="AE3329" s="85"/>
      <c r="AF3329" s="85"/>
      <c r="AG3329" s="86"/>
      <c r="AH3329" s="85"/>
      <c r="AI3329" s="85"/>
      <c r="AJ3329" s="85"/>
      <c r="AK3329" s="85"/>
      <c r="AL3329" s="85"/>
      <c r="AM3329" s="92"/>
      <c r="AN3329" s="92"/>
      <c r="AO3329" s="92"/>
      <c r="AP3329" s="92"/>
      <c r="AQ3329" s="92"/>
      <c r="AR3329" s="92"/>
      <c r="AS3329" s="92"/>
      <c r="AT3329" s="92"/>
      <c r="AU3329" s="92"/>
      <c r="AV3329" s="92"/>
      <c r="AW3329" s="92"/>
      <c r="AX3329" s="92"/>
      <c r="AY3329" s="92"/>
      <c r="AZ3329" s="93"/>
      <c r="BA3329" s="93"/>
      <c r="BB3329" s="93"/>
      <c r="BC3329" s="93"/>
      <c r="BD3329" s="93"/>
      <c r="BE3329" s="93"/>
      <c r="BF3329" s="93"/>
      <c r="BG3329" s="93"/>
      <c r="BH3329" s="93"/>
      <c r="BI3329" s="93"/>
      <c r="BJ3329" s="93"/>
      <c r="BK3329" s="93"/>
      <c r="BL3329" s="93"/>
    </row>
    <row r="3330" spans="2:64" x14ac:dyDescent="0.2">
      <c r="B3330" s="43"/>
      <c r="C3330" s="73"/>
      <c r="D3330" s="64"/>
      <c r="E3330" s="55"/>
      <c r="F3330" s="74"/>
      <c r="G3330" s="74"/>
      <c r="H3330" s="74"/>
      <c r="I3330" s="75"/>
      <c r="J3330" s="74"/>
      <c r="L3330" s="55"/>
      <c r="M3330" s="234"/>
      <c r="N3330" s="65"/>
      <c r="O3330" s="76"/>
      <c r="P3330" s="76"/>
      <c r="Q3330" s="65"/>
      <c r="R3330" s="76"/>
      <c r="S3330" s="76"/>
      <c r="T3330" s="76"/>
      <c r="U3330" s="76"/>
      <c r="V3330" s="76"/>
      <c r="W3330" s="76"/>
      <c r="X3330" s="76"/>
      <c r="Y3330" s="76"/>
      <c r="Z3330" s="76"/>
      <c r="AA3330" s="85"/>
      <c r="AB3330" s="85"/>
      <c r="AC3330" s="85"/>
      <c r="AD3330" s="85"/>
      <c r="AE3330" s="85"/>
      <c r="AF3330" s="85"/>
      <c r="AG3330" s="86"/>
      <c r="AH3330" s="85"/>
      <c r="AI3330" s="85"/>
      <c r="AJ3330" s="85"/>
      <c r="AK3330" s="85"/>
      <c r="AL3330" s="85"/>
      <c r="AM3330" s="92"/>
      <c r="AN3330" s="92"/>
      <c r="AO3330" s="92"/>
      <c r="AP3330" s="92"/>
      <c r="AQ3330" s="92"/>
      <c r="AR3330" s="92"/>
      <c r="AS3330" s="92"/>
      <c r="AT3330" s="92"/>
      <c r="AU3330" s="92"/>
      <c r="AV3330" s="92"/>
      <c r="AW3330" s="92"/>
      <c r="AX3330" s="92"/>
      <c r="AY3330" s="92"/>
      <c r="AZ3330" s="93"/>
      <c r="BA3330" s="93"/>
      <c r="BB3330" s="93"/>
      <c r="BC3330" s="93"/>
      <c r="BD3330" s="93"/>
      <c r="BE3330" s="93"/>
      <c r="BF3330" s="93"/>
      <c r="BG3330" s="93"/>
      <c r="BH3330" s="93"/>
      <c r="BI3330" s="93"/>
      <c r="BJ3330" s="93"/>
      <c r="BK3330" s="93"/>
      <c r="BL3330" s="93"/>
    </row>
    <row r="3331" spans="2:64" x14ac:dyDescent="0.2">
      <c r="B3331" s="43"/>
      <c r="C3331" s="73"/>
      <c r="D3331" s="64"/>
      <c r="E3331" s="55"/>
      <c r="F3331" s="74"/>
      <c r="G3331" s="74"/>
      <c r="H3331" s="74"/>
      <c r="I3331" s="75"/>
      <c r="J3331" s="74"/>
      <c r="L3331" s="55"/>
      <c r="M3331" s="234"/>
      <c r="N3331" s="65"/>
      <c r="O3331" s="76"/>
      <c r="P3331" s="76"/>
      <c r="Q3331" s="65"/>
      <c r="R3331" s="76"/>
      <c r="S3331" s="76"/>
      <c r="T3331" s="76"/>
      <c r="U3331" s="76"/>
      <c r="V3331" s="76"/>
      <c r="W3331" s="76"/>
      <c r="X3331" s="76"/>
      <c r="Y3331" s="76"/>
      <c r="Z3331" s="76"/>
      <c r="AA3331" s="85"/>
      <c r="AB3331" s="85"/>
      <c r="AC3331" s="85"/>
      <c r="AD3331" s="85"/>
      <c r="AE3331" s="85"/>
      <c r="AF3331" s="85"/>
      <c r="AG3331" s="86"/>
      <c r="AH3331" s="85"/>
      <c r="AI3331" s="85"/>
      <c r="AJ3331" s="85"/>
      <c r="AK3331" s="85"/>
      <c r="AL3331" s="85"/>
      <c r="AM3331" s="92"/>
      <c r="AN3331" s="92"/>
      <c r="AO3331" s="92"/>
      <c r="AP3331" s="92"/>
      <c r="AQ3331" s="92"/>
      <c r="AR3331" s="92"/>
      <c r="AS3331" s="92"/>
      <c r="AT3331" s="92"/>
      <c r="AU3331" s="92"/>
      <c r="AV3331" s="92"/>
      <c r="AW3331" s="92"/>
      <c r="AX3331" s="92"/>
      <c r="AY3331" s="92"/>
      <c r="AZ3331" s="93"/>
      <c r="BA3331" s="93"/>
      <c r="BB3331" s="93"/>
      <c r="BC3331" s="93"/>
      <c r="BD3331" s="93"/>
      <c r="BE3331" s="93"/>
      <c r="BF3331" s="93"/>
      <c r="BG3331" s="93"/>
      <c r="BH3331" s="93"/>
      <c r="BI3331" s="93"/>
      <c r="BJ3331" s="93"/>
      <c r="BK3331" s="93"/>
      <c r="BL3331" s="93"/>
    </row>
    <row r="3332" spans="2:64" x14ac:dyDescent="0.2">
      <c r="B3332" s="43"/>
      <c r="C3332" s="73"/>
      <c r="D3332" s="64"/>
      <c r="E3332" s="55"/>
      <c r="F3332" s="74"/>
      <c r="G3332" s="74"/>
      <c r="H3332" s="74"/>
      <c r="I3332" s="75"/>
      <c r="J3332" s="74"/>
      <c r="L3332" s="55"/>
      <c r="M3332" s="234"/>
      <c r="N3332" s="65"/>
      <c r="O3332" s="76"/>
      <c r="P3332" s="76"/>
      <c r="Q3332" s="65"/>
      <c r="R3332" s="76"/>
      <c r="S3332" s="76"/>
      <c r="T3332" s="76"/>
      <c r="U3332" s="76"/>
      <c r="V3332" s="76"/>
      <c r="W3332" s="76"/>
      <c r="X3332" s="76"/>
      <c r="Y3332" s="76"/>
      <c r="Z3332" s="76"/>
      <c r="AA3332" s="85"/>
      <c r="AB3332" s="85"/>
      <c r="AC3332" s="85"/>
      <c r="AD3332" s="85"/>
      <c r="AE3332" s="85"/>
      <c r="AF3332" s="85"/>
      <c r="AG3332" s="86"/>
      <c r="AH3332" s="85"/>
      <c r="AI3332" s="85"/>
      <c r="AJ3332" s="85"/>
      <c r="AK3332" s="85"/>
      <c r="AL3332" s="85"/>
      <c r="AM3332" s="92"/>
      <c r="AN3332" s="92"/>
      <c r="AO3332" s="92"/>
      <c r="AP3332" s="92"/>
      <c r="AQ3332" s="92"/>
      <c r="AR3332" s="92"/>
      <c r="AS3332" s="92"/>
      <c r="AT3332" s="92"/>
      <c r="AU3332" s="92"/>
      <c r="AV3332" s="92"/>
      <c r="AW3332" s="92"/>
      <c r="AX3332" s="92"/>
      <c r="AY3332" s="92"/>
      <c r="AZ3332" s="93"/>
      <c r="BA3332" s="93"/>
      <c r="BB3332" s="93"/>
      <c r="BC3332" s="93"/>
      <c r="BD3332" s="93"/>
      <c r="BE3332" s="93"/>
      <c r="BF3332" s="93"/>
      <c r="BG3332" s="93"/>
      <c r="BH3332" s="93"/>
      <c r="BI3332" s="93"/>
      <c r="BJ3332" s="93"/>
      <c r="BK3332" s="93"/>
      <c r="BL3332" s="93"/>
    </row>
    <row r="3333" spans="2:64" x14ac:dyDescent="0.2">
      <c r="B3333" s="43"/>
      <c r="C3333" s="73"/>
      <c r="D3333" s="64"/>
      <c r="E3333" s="55"/>
      <c r="F3333" s="74"/>
      <c r="G3333" s="74"/>
      <c r="H3333" s="74"/>
      <c r="I3333" s="75"/>
      <c r="J3333" s="74"/>
      <c r="L3333" s="55"/>
      <c r="M3333" s="234"/>
      <c r="N3333" s="65"/>
      <c r="O3333" s="76"/>
      <c r="P3333" s="76"/>
      <c r="Q3333" s="65"/>
      <c r="R3333" s="76"/>
      <c r="S3333" s="76"/>
      <c r="T3333" s="76"/>
      <c r="U3333" s="76"/>
      <c r="V3333" s="76"/>
      <c r="W3333" s="76"/>
      <c r="X3333" s="76"/>
      <c r="Y3333" s="76"/>
      <c r="Z3333" s="76"/>
      <c r="AA3333" s="85"/>
      <c r="AB3333" s="85"/>
      <c r="AC3333" s="85"/>
      <c r="AD3333" s="85"/>
      <c r="AE3333" s="85"/>
      <c r="AF3333" s="85"/>
      <c r="AG3333" s="86"/>
      <c r="AH3333" s="85"/>
      <c r="AI3333" s="85"/>
      <c r="AJ3333" s="85"/>
      <c r="AK3333" s="85"/>
      <c r="AL3333" s="85"/>
      <c r="AM3333" s="92"/>
      <c r="AN3333" s="92"/>
      <c r="AO3333" s="92"/>
      <c r="AP3333" s="92"/>
      <c r="AQ3333" s="92"/>
      <c r="AR3333" s="92"/>
      <c r="AS3333" s="92"/>
      <c r="AT3333" s="92"/>
      <c r="AU3333" s="92"/>
      <c r="AV3333" s="92"/>
      <c r="AW3333" s="92"/>
      <c r="AX3333" s="92"/>
      <c r="AY3333" s="92"/>
      <c r="AZ3333" s="93"/>
      <c r="BA3333" s="93"/>
      <c r="BB3333" s="93"/>
      <c r="BC3333" s="93"/>
      <c r="BD3333" s="93"/>
      <c r="BE3333" s="93"/>
      <c r="BF3333" s="93"/>
      <c r="BG3333" s="93"/>
      <c r="BH3333" s="93"/>
      <c r="BI3333" s="93"/>
      <c r="BJ3333" s="93"/>
      <c r="BK3333" s="93"/>
      <c r="BL3333" s="93"/>
    </row>
    <row r="3334" spans="2:64" x14ac:dyDescent="0.2">
      <c r="B3334" s="43"/>
      <c r="C3334" s="73"/>
      <c r="D3334" s="64"/>
      <c r="E3334" s="55"/>
      <c r="F3334" s="74"/>
      <c r="G3334" s="74"/>
      <c r="H3334" s="74"/>
      <c r="I3334" s="75"/>
      <c r="J3334" s="74"/>
      <c r="L3334" s="55"/>
      <c r="M3334" s="234"/>
      <c r="N3334" s="65"/>
      <c r="O3334" s="76"/>
      <c r="P3334" s="76"/>
      <c r="Q3334" s="65"/>
      <c r="R3334" s="76"/>
      <c r="S3334" s="76"/>
      <c r="T3334" s="76"/>
      <c r="U3334" s="76"/>
      <c r="V3334" s="76"/>
      <c r="W3334" s="76"/>
      <c r="X3334" s="76"/>
      <c r="Y3334" s="76"/>
      <c r="Z3334" s="76"/>
      <c r="AA3334" s="85"/>
      <c r="AB3334" s="85"/>
      <c r="AC3334" s="85"/>
      <c r="AD3334" s="85"/>
      <c r="AE3334" s="85"/>
      <c r="AF3334" s="85"/>
      <c r="AG3334" s="86"/>
      <c r="AH3334" s="85"/>
      <c r="AI3334" s="85"/>
      <c r="AJ3334" s="85"/>
      <c r="AK3334" s="85"/>
      <c r="AL3334" s="85"/>
      <c r="AM3334" s="92"/>
      <c r="AN3334" s="92"/>
      <c r="AO3334" s="92"/>
      <c r="AP3334" s="92"/>
      <c r="AQ3334" s="92"/>
      <c r="AR3334" s="92"/>
      <c r="AS3334" s="92"/>
      <c r="AT3334" s="92"/>
      <c r="AU3334" s="92"/>
      <c r="AV3334" s="92"/>
      <c r="AW3334" s="92"/>
      <c r="AX3334" s="92"/>
      <c r="AY3334" s="92"/>
      <c r="AZ3334" s="93"/>
      <c r="BA3334" s="93"/>
      <c r="BB3334" s="93"/>
      <c r="BC3334" s="93"/>
      <c r="BD3334" s="93"/>
      <c r="BE3334" s="93"/>
      <c r="BF3334" s="93"/>
      <c r="BG3334" s="93"/>
      <c r="BH3334" s="93"/>
      <c r="BI3334" s="93"/>
      <c r="BJ3334" s="93"/>
      <c r="BK3334" s="93"/>
      <c r="BL3334" s="93"/>
    </row>
    <row r="3335" spans="2:64" x14ac:dyDescent="0.2">
      <c r="B3335" s="43"/>
      <c r="C3335" s="73"/>
      <c r="D3335" s="64"/>
      <c r="E3335" s="55"/>
      <c r="F3335" s="74"/>
      <c r="G3335" s="74"/>
      <c r="H3335" s="74"/>
      <c r="I3335" s="75"/>
      <c r="J3335" s="74"/>
      <c r="L3335" s="55"/>
      <c r="M3335" s="234"/>
      <c r="N3335" s="65"/>
      <c r="O3335" s="76"/>
      <c r="P3335" s="76"/>
      <c r="Q3335" s="65"/>
      <c r="R3335" s="76"/>
      <c r="S3335" s="76"/>
      <c r="T3335" s="76"/>
      <c r="U3335" s="76"/>
      <c r="V3335" s="76"/>
      <c r="W3335" s="76"/>
      <c r="X3335" s="76"/>
      <c r="Y3335" s="76"/>
      <c r="Z3335" s="76"/>
      <c r="AA3335" s="85"/>
      <c r="AB3335" s="85"/>
      <c r="AC3335" s="85"/>
      <c r="AD3335" s="85"/>
      <c r="AE3335" s="85"/>
      <c r="AF3335" s="85"/>
      <c r="AG3335" s="86"/>
      <c r="AH3335" s="85"/>
      <c r="AI3335" s="85"/>
      <c r="AJ3335" s="85"/>
      <c r="AK3335" s="85"/>
      <c r="AL3335" s="85"/>
      <c r="AM3335" s="92"/>
      <c r="AN3335" s="92"/>
      <c r="AO3335" s="92"/>
      <c r="AP3335" s="92"/>
      <c r="AQ3335" s="92"/>
      <c r="AR3335" s="92"/>
      <c r="AS3335" s="92"/>
      <c r="AT3335" s="92"/>
      <c r="AU3335" s="92"/>
      <c r="AV3335" s="92"/>
      <c r="AW3335" s="92"/>
      <c r="AX3335" s="92"/>
      <c r="AY3335" s="92"/>
      <c r="AZ3335" s="93"/>
      <c r="BA3335" s="93"/>
      <c r="BB3335" s="93"/>
      <c r="BC3335" s="93"/>
      <c r="BD3335" s="93"/>
      <c r="BE3335" s="93"/>
      <c r="BF3335" s="93"/>
      <c r="BG3335" s="93"/>
      <c r="BH3335" s="93"/>
      <c r="BI3335" s="93"/>
      <c r="BJ3335" s="93"/>
      <c r="BK3335" s="93"/>
      <c r="BL3335" s="93"/>
    </row>
    <row r="3336" spans="2:64" x14ac:dyDescent="0.2">
      <c r="B3336" s="43"/>
      <c r="C3336" s="73"/>
      <c r="D3336" s="64"/>
      <c r="E3336" s="55"/>
      <c r="F3336" s="74"/>
      <c r="G3336" s="74"/>
      <c r="H3336" s="74"/>
      <c r="I3336" s="75"/>
      <c r="J3336" s="74"/>
      <c r="L3336" s="55"/>
      <c r="M3336" s="234"/>
      <c r="N3336" s="65"/>
      <c r="O3336" s="76"/>
      <c r="P3336" s="76"/>
      <c r="Q3336" s="65"/>
      <c r="R3336" s="76"/>
      <c r="S3336" s="76"/>
      <c r="T3336" s="76"/>
      <c r="U3336" s="76"/>
      <c r="V3336" s="76"/>
      <c r="W3336" s="76"/>
      <c r="X3336" s="76"/>
      <c r="Y3336" s="76"/>
      <c r="Z3336" s="76"/>
      <c r="AA3336" s="85"/>
      <c r="AB3336" s="85"/>
      <c r="AC3336" s="85"/>
      <c r="AD3336" s="85"/>
      <c r="AE3336" s="85"/>
      <c r="AF3336" s="85"/>
      <c r="AG3336" s="86"/>
      <c r="AH3336" s="85"/>
      <c r="AI3336" s="85"/>
      <c r="AJ3336" s="85"/>
      <c r="AK3336" s="85"/>
      <c r="AL3336" s="85"/>
      <c r="AM3336" s="92"/>
      <c r="AN3336" s="92"/>
      <c r="AO3336" s="92"/>
      <c r="AP3336" s="92"/>
      <c r="AQ3336" s="92"/>
      <c r="AR3336" s="92"/>
      <c r="AS3336" s="92"/>
      <c r="AT3336" s="92"/>
      <c r="AU3336" s="92"/>
      <c r="AV3336" s="92"/>
      <c r="AW3336" s="92"/>
      <c r="AX3336" s="92"/>
      <c r="AY3336" s="92"/>
      <c r="AZ3336" s="93"/>
      <c r="BA3336" s="93"/>
      <c r="BB3336" s="93"/>
      <c r="BC3336" s="93"/>
      <c r="BD3336" s="93"/>
      <c r="BE3336" s="93"/>
      <c r="BF3336" s="93"/>
      <c r="BG3336" s="93"/>
      <c r="BH3336" s="93"/>
      <c r="BI3336" s="93"/>
      <c r="BJ3336" s="93"/>
      <c r="BK3336" s="93"/>
      <c r="BL3336" s="93"/>
    </row>
    <row r="3337" spans="2:64" x14ac:dyDescent="0.2">
      <c r="B3337" s="43"/>
      <c r="C3337" s="73"/>
      <c r="D3337" s="64"/>
      <c r="E3337" s="55"/>
      <c r="F3337" s="74"/>
      <c r="G3337" s="74"/>
      <c r="H3337" s="74"/>
      <c r="I3337" s="75"/>
      <c r="J3337" s="74"/>
      <c r="L3337" s="55"/>
      <c r="M3337" s="234"/>
      <c r="N3337" s="65"/>
      <c r="O3337" s="76"/>
      <c r="P3337" s="76"/>
      <c r="Q3337" s="65"/>
      <c r="R3337" s="76"/>
      <c r="S3337" s="76"/>
      <c r="T3337" s="76"/>
      <c r="U3337" s="76"/>
      <c r="V3337" s="76"/>
      <c r="W3337" s="76"/>
      <c r="X3337" s="76"/>
      <c r="Y3337" s="76"/>
      <c r="Z3337" s="76"/>
      <c r="AA3337" s="85"/>
      <c r="AB3337" s="85"/>
      <c r="AC3337" s="85"/>
      <c r="AD3337" s="85"/>
      <c r="AE3337" s="85"/>
      <c r="AF3337" s="85"/>
      <c r="AG3337" s="86"/>
      <c r="AH3337" s="85"/>
      <c r="AI3337" s="85"/>
      <c r="AJ3337" s="85"/>
      <c r="AK3337" s="85"/>
      <c r="AL3337" s="85"/>
      <c r="AM3337" s="92"/>
      <c r="AN3337" s="92"/>
      <c r="AO3337" s="92"/>
      <c r="AP3337" s="92"/>
      <c r="AQ3337" s="92"/>
      <c r="AR3337" s="92"/>
      <c r="AS3337" s="92"/>
      <c r="AT3337" s="92"/>
      <c r="AU3337" s="92"/>
      <c r="AV3337" s="92"/>
      <c r="AW3337" s="92"/>
      <c r="AX3337" s="92"/>
      <c r="AY3337" s="92"/>
      <c r="AZ3337" s="93"/>
      <c r="BA3337" s="93"/>
      <c r="BB3337" s="93"/>
      <c r="BC3337" s="93"/>
      <c r="BD3337" s="93"/>
      <c r="BE3337" s="93"/>
      <c r="BF3337" s="93"/>
      <c r="BG3337" s="93"/>
      <c r="BH3337" s="93"/>
      <c r="BI3337" s="93"/>
      <c r="BJ3337" s="93"/>
      <c r="BK3337" s="93"/>
      <c r="BL3337" s="93"/>
    </row>
    <row r="3338" spans="2:64" x14ac:dyDescent="0.2">
      <c r="B3338" s="43"/>
      <c r="C3338" s="73"/>
      <c r="D3338" s="64"/>
      <c r="E3338" s="55"/>
      <c r="F3338" s="74"/>
      <c r="G3338" s="74"/>
      <c r="H3338" s="74"/>
      <c r="I3338" s="75"/>
      <c r="J3338" s="74"/>
      <c r="L3338" s="55"/>
      <c r="M3338" s="234"/>
      <c r="N3338" s="65"/>
      <c r="O3338" s="76"/>
      <c r="P3338" s="76"/>
      <c r="Q3338" s="65"/>
      <c r="R3338" s="76"/>
      <c r="S3338" s="76"/>
      <c r="T3338" s="76"/>
      <c r="U3338" s="76"/>
      <c r="V3338" s="76"/>
      <c r="W3338" s="76"/>
      <c r="X3338" s="76"/>
      <c r="Y3338" s="76"/>
      <c r="Z3338" s="76"/>
      <c r="AA3338" s="85"/>
      <c r="AB3338" s="85"/>
      <c r="AC3338" s="85"/>
      <c r="AD3338" s="85"/>
      <c r="AE3338" s="85"/>
      <c r="AF3338" s="85"/>
      <c r="AG3338" s="86"/>
      <c r="AH3338" s="85"/>
      <c r="AI3338" s="85"/>
      <c r="AJ3338" s="85"/>
      <c r="AK3338" s="85"/>
      <c r="AL3338" s="85"/>
      <c r="AM3338" s="92"/>
      <c r="AN3338" s="92"/>
      <c r="AO3338" s="92"/>
      <c r="AP3338" s="92"/>
      <c r="AQ3338" s="92"/>
      <c r="AR3338" s="92"/>
      <c r="AS3338" s="92"/>
      <c r="AT3338" s="92"/>
      <c r="AU3338" s="92"/>
      <c r="AV3338" s="92"/>
      <c r="AW3338" s="92"/>
      <c r="AX3338" s="92"/>
      <c r="AY3338" s="92"/>
      <c r="AZ3338" s="93"/>
      <c r="BA3338" s="93"/>
      <c r="BB3338" s="93"/>
      <c r="BC3338" s="93"/>
      <c r="BD3338" s="93"/>
      <c r="BE3338" s="93"/>
      <c r="BF3338" s="93"/>
      <c r="BG3338" s="93"/>
      <c r="BH3338" s="93"/>
      <c r="BI3338" s="93"/>
      <c r="BJ3338" s="93"/>
      <c r="BK3338" s="93"/>
      <c r="BL3338" s="93"/>
    </row>
    <row r="3339" spans="2:64" x14ac:dyDescent="0.2">
      <c r="B3339" s="43"/>
      <c r="C3339" s="73"/>
      <c r="D3339" s="64"/>
      <c r="E3339" s="55"/>
      <c r="F3339" s="74"/>
      <c r="G3339" s="74"/>
      <c r="H3339" s="74"/>
      <c r="I3339" s="75"/>
      <c r="J3339" s="74"/>
      <c r="L3339" s="55"/>
      <c r="M3339" s="234"/>
      <c r="N3339" s="65"/>
      <c r="O3339" s="76"/>
      <c r="P3339" s="76"/>
      <c r="Q3339" s="65"/>
      <c r="R3339" s="76"/>
      <c r="S3339" s="76"/>
      <c r="T3339" s="76"/>
      <c r="U3339" s="76"/>
      <c r="V3339" s="76"/>
      <c r="W3339" s="76"/>
      <c r="X3339" s="76"/>
      <c r="Y3339" s="76"/>
      <c r="Z3339" s="76"/>
      <c r="AA3339" s="85"/>
      <c r="AB3339" s="85"/>
      <c r="AC3339" s="85"/>
      <c r="AD3339" s="85"/>
      <c r="AE3339" s="85"/>
      <c r="AF3339" s="85"/>
      <c r="AG3339" s="86"/>
      <c r="AH3339" s="85"/>
      <c r="AI3339" s="85"/>
      <c r="AJ3339" s="85"/>
      <c r="AK3339" s="85"/>
      <c r="AL3339" s="85"/>
      <c r="AM3339" s="92"/>
      <c r="AN3339" s="92"/>
      <c r="AO3339" s="92"/>
      <c r="AP3339" s="92"/>
      <c r="AQ3339" s="92"/>
      <c r="AR3339" s="92"/>
      <c r="AS3339" s="92"/>
      <c r="AT3339" s="92"/>
      <c r="AU3339" s="92"/>
      <c r="AV3339" s="92"/>
      <c r="AW3339" s="92"/>
      <c r="AX3339" s="92"/>
      <c r="AY3339" s="92"/>
      <c r="AZ3339" s="93"/>
      <c r="BA3339" s="93"/>
      <c r="BB3339" s="93"/>
      <c r="BC3339" s="93"/>
      <c r="BD3339" s="93"/>
      <c r="BE3339" s="93"/>
      <c r="BF3339" s="93"/>
      <c r="BG3339" s="93"/>
      <c r="BH3339" s="93"/>
      <c r="BI3339" s="93"/>
      <c r="BJ3339" s="93"/>
      <c r="BK3339" s="93"/>
      <c r="BL3339" s="93"/>
    </row>
    <row r="3340" spans="2:64" x14ac:dyDescent="0.2">
      <c r="B3340" s="43"/>
      <c r="C3340" s="73"/>
      <c r="D3340" s="64"/>
      <c r="E3340" s="55"/>
      <c r="F3340" s="74"/>
      <c r="G3340" s="74"/>
      <c r="H3340" s="74"/>
      <c r="I3340" s="75"/>
      <c r="J3340" s="74"/>
      <c r="L3340" s="55"/>
      <c r="M3340" s="234"/>
      <c r="N3340" s="65"/>
      <c r="O3340" s="76"/>
      <c r="P3340" s="76"/>
      <c r="Q3340" s="65"/>
      <c r="R3340" s="76"/>
      <c r="S3340" s="76"/>
      <c r="T3340" s="76"/>
      <c r="U3340" s="76"/>
      <c r="V3340" s="76"/>
      <c r="W3340" s="76"/>
      <c r="X3340" s="76"/>
      <c r="Y3340" s="76"/>
      <c r="Z3340" s="76"/>
      <c r="AA3340" s="85"/>
      <c r="AB3340" s="85"/>
      <c r="AC3340" s="85"/>
      <c r="AD3340" s="85"/>
      <c r="AE3340" s="85"/>
      <c r="AF3340" s="85"/>
      <c r="AG3340" s="86"/>
      <c r="AH3340" s="85"/>
      <c r="AI3340" s="85"/>
      <c r="AJ3340" s="85"/>
      <c r="AK3340" s="85"/>
      <c r="AL3340" s="85"/>
      <c r="AM3340" s="92"/>
      <c r="AN3340" s="92"/>
      <c r="AO3340" s="92"/>
      <c r="AP3340" s="92"/>
      <c r="AQ3340" s="92"/>
      <c r="AR3340" s="92"/>
      <c r="AS3340" s="92"/>
      <c r="AT3340" s="92"/>
      <c r="AU3340" s="92"/>
      <c r="AV3340" s="92"/>
      <c r="AW3340" s="92"/>
      <c r="AX3340" s="92"/>
      <c r="AY3340" s="92"/>
      <c r="AZ3340" s="93"/>
      <c r="BA3340" s="93"/>
      <c r="BB3340" s="93"/>
      <c r="BC3340" s="93"/>
      <c r="BD3340" s="93"/>
      <c r="BE3340" s="93"/>
      <c r="BF3340" s="93"/>
      <c r="BG3340" s="93"/>
      <c r="BH3340" s="93"/>
      <c r="BI3340" s="93"/>
      <c r="BJ3340" s="93"/>
      <c r="BK3340" s="93"/>
      <c r="BL3340" s="93"/>
    </row>
    <row r="3341" spans="2:64" x14ac:dyDescent="0.2">
      <c r="B3341" s="43"/>
      <c r="C3341" s="73"/>
      <c r="D3341" s="64"/>
      <c r="E3341" s="55"/>
      <c r="F3341" s="74"/>
      <c r="G3341" s="74"/>
      <c r="H3341" s="74"/>
      <c r="I3341" s="75"/>
      <c r="J3341" s="74"/>
      <c r="L3341" s="55"/>
      <c r="M3341" s="234"/>
      <c r="N3341" s="65"/>
      <c r="O3341" s="76"/>
      <c r="P3341" s="76"/>
      <c r="Q3341" s="65"/>
      <c r="R3341" s="76"/>
      <c r="S3341" s="76"/>
      <c r="T3341" s="76"/>
      <c r="U3341" s="76"/>
      <c r="V3341" s="76"/>
      <c r="W3341" s="76"/>
      <c r="X3341" s="76"/>
      <c r="Y3341" s="76"/>
      <c r="Z3341" s="76"/>
      <c r="AA3341" s="85"/>
      <c r="AB3341" s="85"/>
      <c r="AC3341" s="85"/>
      <c r="AD3341" s="85"/>
      <c r="AE3341" s="85"/>
      <c r="AF3341" s="85"/>
      <c r="AG3341" s="86"/>
      <c r="AH3341" s="85"/>
      <c r="AI3341" s="85"/>
      <c r="AJ3341" s="85"/>
      <c r="AK3341" s="85"/>
      <c r="AL3341" s="85"/>
      <c r="AM3341" s="92"/>
      <c r="AN3341" s="92"/>
      <c r="AO3341" s="92"/>
      <c r="AP3341" s="92"/>
      <c r="AQ3341" s="92"/>
      <c r="AR3341" s="92"/>
      <c r="AS3341" s="92"/>
      <c r="AT3341" s="92"/>
      <c r="AU3341" s="92"/>
      <c r="AV3341" s="92"/>
      <c r="AW3341" s="92"/>
      <c r="AX3341" s="92"/>
      <c r="AY3341" s="92"/>
      <c r="AZ3341" s="93"/>
      <c r="BA3341" s="93"/>
      <c r="BB3341" s="93"/>
      <c r="BC3341" s="93"/>
      <c r="BD3341" s="93"/>
      <c r="BE3341" s="93"/>
      <c r="BF3341" s="93"/>
      <c r="BG3341" s="93"/>
      <c r="BH3341" s="93"/>
      <c r="BI3341" s="93"/>
      <c r="BJ3341" s="93"/>
      <c r="BK3341" s="93"/>
      <c r="BL3341" s="93"/>
    </row>
    <row r="3342" spans="2:64" x14ac:dyDescent="0.2">
      <c r="B3342" s="43"/>
      <c r="C3342" s="73"/>
      <c r="D3342" s="64"/>
      <c r="E3342" s="55"/>
      <c r="F3342" s="74"/>
      <c r="G3342" s="74"/>
      <c r="H3342" s="74"/>
      <c r="I3342" s="75"/>
      <c r="J3342" s="74"/>
      <c r="L3342" s="55"/>
      <c r="M3342" s="234"/>
      <c r="N3342" s="65"/>
      <c r="O3342" s="76"/>
      <c r="P3342" s="76"/>
      <c r="Q3342" s="65"/>
      <c r="R3342" s="76"/>
      <c r="S3342" s="76"/>
      <c r="T3342" s="76"/>
      <c r="U3342" s="76"/>
      <c r="V3342" s="76"/>
      <c r="W3342" s="76"/>
      <c r="X3342" s="76"/>
      <c r="Y3342" s="76"/>
      <c r="Z3342" s="76"/>
      <c r="AA3342" s="85"/>
      <c r="AB3342" s="85"/>
      <c r="AC3342" s="85"/>
      <c r="AD3342" s="85"/>
      <c r="AE3342" s="85"/>
      <c r="AF3342" s="85"/>
      <c r="AG3342" s="86"/>
      <c r="AH3342" s="85"/>
      <c r="AI3342" s="85"/>
      <c r="AJ3342" s="85"/>
      <c r="AK3342" s="85"/>
      <c r="AL3342" s="85"/>
      <c r="AM3342" s="92"/>
      <c r="AN3342" s="92"/>
      <c r="AO3342" s="92"/>
      <c r="AP3342" s="92"/>
      <c r="AQ3342" s="92"/>
      <c r="AR3342" s="92"/>
      <c r="AS3342" s="92"/>
      <c r="AT3342" s="92"/>
      <c r="AU3342" s="92"/>
      <c r="AV3342" s="92"/>
      <c r="AW3342" s="92"/>
      <c r="AX3342" s="92"/>
      <c r="AY3342" s="92"/>
      <c r="AZ3342" s="93"/>
      <c r="BA3342" s="93"/>
      <c r="BB3342" s="93"/>
      <c r="BC3342" s="93"/>
      <c r="BD3342" s="93"/>
      <c r="BE3342" s="93"/>
      <c r="BF3342" s="93"/>
      <c r="BG3342" s="93"/>
      <c r="BH3342" s="93"/>
      <c r="BI3342" s="93"/>
      <c r="BJ3342" s="93"/>
      <c r="BK3342" s="93"/>
      <c r="BL3342" s="93"/>
    </row>
    <row r="3343" spans="2:64" x14ac:dyDescent="0.2">
      <c r="B3343" s="43"/>
      <c r="C3343" s="73"/>
      <c r="D3343" s="64"/>
      <c r="E3343" s="55"/>
      <c r="F3343" s="74"/>
      <c r="G3343" s="74"/>
      <c r="H3343" s="74"/>
      <c r="I3343" s="75"/>
      <c r="J3343" s="74"/>
      <c r="L3343" s="55"/>
      <c r="M3343" s="234"/>
      <c r="N3343" s="65"/>
      <c r="O3343" s="76"/>
      <c r="P3343" s="76"/>
      <c r="Q3343" s="65"/>
      <c r="R3343" s="76"/>
      <c r="S3343" s="76"/>
      <c r="T3343" s="76"/>
      <c r="U3343" s="76"/>
      <c r="V3343" s="76"/>
      <c r="W3343" s="76"/>
      <c r="X3343" s="76"/>
      <c r="Y3343" s="76"/>
      <c r="Z3343" s="76"/>
      <c r="AA3343" s="85"/>
      <c r="AB3343" s="85"/>
      <c r="AC3343" s="85"/>
      <c r="AD3343" s="85"/>
      <c r="AE3343" s="85"/>
      <c r="AF3343" s="85"/>
      <c r="AG3343" s="86"/>
      <c r="AH3343" s="85"/>
      <c r="AI3343" s="85"/>
      <c r="AJ3343" s="85"/>
      <c r="AK3343" s="85"/>
      <c r="AL3343" s="85"/>
      <c r="AM3343" s="92"/>
      <c r="AN3343" s="92"/>
      <c r="AO3343" s="92"/>
      <c r="AP3343" s="92"/>
      <c r="AQ3343" s="92"/>
      <c r="AR3343" s="92"/>
      <c r="AS3343" s="92"/>
      <c r="AT3343" s="92"/>
      <c r="AU3343" s="92"/>
      <c r="AV3343" s="92"/>
      <c r="AW3343" s="92"/>
      <c r="AX3343" s="92"/>
      <c r="AY3343" s="92"/>
      <c r="AZ3343" s="93"/>
      <c r="BA3343" s="93"/>
      <c r="BB3343" s="93"/>
      <c r="BC3343" s="93"/>
      <c r="BD3343" s="93"/>
      <c r="BE3343" s="93"/>
      <c r="BF3343" s="93"/>
      <c r="BG3343" s="93"/>
      <c r="BH3343" s="93"/>
      <c r="BI3343" s="93"/>
      <c r="BJ3343" s="93"/>
      <c r="BK3343" s="93"/>
      <c r="BL3343" s="93"/>
    </row>
    <row r="3344" spans="2:64" x14ac:dyDescent="0.2">
      <c r="B3344" s="43"/>
      <c r="C3344" s="73"/>
      <c r="D3344" s="64"/>
      <c r="E3344" s="55"/>
      <c r="F3344" s="74"/>
      <c r="G3344" s="74"/>
      <c r="H3344" s="74"/>
      <c r="I3344" s="75"/>
      <c r="J3344" s="74"/>
      <c r="L3344" s="55"/>
      <c r="M3344" s="234"/>
      <c r="N3344" s="65"/>
      <c r="O3344" s="76"/>
      <c r="P3344" s="76"/>
      <c r="Q3344" s="65"/>
      <c r="R3344" s="76"/>
      <c r="S3344" s="76"/>
      <c r="T3344" s="76"/>
      <c r="U3344" s="76"/>
      <c r="V3344" s="76"/>
      <c r="W3344" s="76"/>
      <c r="X3344" s="76"/>
      <c r="Y3344" s="76"/>
      <c r="Z3344" s="76"/>
      <c r="AA3344" s="85"/>
      <c r="AB3344" s="85"/>
      <c r="AC3344" s="85"/>
      <c r="AD3344" s="85"/>
      <c r="AE3344" s="85"/>
      <c r="AF3344" s="85"/>
      <c r="AG3344" s="86"/>
      <c r="AH3344" s="85"/>
      <c r="AI3344" s="85"/>
      <c r="AJ3344" s="85"/>
      <c r="AK3344" s="85"/>
      <c r="AL3344" s="85"/>
      <c r="AM3344" s="92"/>
      <c r="AN3344" s="92"/>
      <c r="AO3344" s="92"/>
      <c r="AP3344" s="92"/>
      <c r="AQ3344" s="92"/>
      <c r="AR3344" s="92"/>
      <c r="AS3344" s="92"/>
      <c r="AT3344" s="92"/>
      <c r="AU3344" s="92"/>
      <c r="AV3344" s="92"/>
      <c r="AW3344" s="92"/>
      <c r="AX3344" s="92"/>
      <c r="AY3344" s="92"/>
      <c r="AZ3344" s="93"/>
      <c r="BA3344" s="93"/>
      <c r="BB3344" s="93"/>
      <c r="BC3344" s="93"/>
      <c r="BD3344" s="93"/>
      <c r="BE3344" s="93"/>
      <c r="BF3344" s="93"/>
      <c r="BG3344" s="93"/>
      <c r="BH3344" s="93"/>
      <c r="BI3344" s="93"/>
      <c r="BJ3344" s="93"/>
      <c r="BK3344" s="93"/>
      <c r="BL3344" s="93"/>
    </row>
    <row r="3345" spans="2:64" x14ac:dyDescent="0.2">
      <c r="B3345" s="43"/>
      <c r="C3345" s="73"/>
      <c r="D3345" s="64"/>
      <c r="E3345" s="55"/>
      <c r="F3345" s="74"/>
      <c r="G3345" s="74"/>
      <c r="H3345" s="74"/>
      <c r="I3345" s="75"/>
      <c r="J3345" s="74"/>
      <c r="L3345" s="55"/>
      <c r="M3345" s="234"/>
      <c r="N3345" s="65"/>
      <c r="O3345" s="76"/>
      <c r="P3345" s="76"/>
      <c r="Q3345" s="65"/>
      <c r="R3345" s="76"/>
      <c r="S3345" s="76"/>
      <c r="T3345" s="76"/>
      <c r="U3345" s="76"/>
      <c r="V3345" s="76"/>
      <c r="W3345" s="76"/>
      <c r="X3345" s="76"/>
      <c r="Y3345" s="76"/>
      <c r="Z3345" s="76"/>
      <c r="AA3345" s="85"/>
      <c r="AB3345" s="85"/>
      <c r="AC3345" s="85"/>
      <c r="AD3345" s="85"/>
      <c r="AE3345" s="85"/>
      <c r="AF3345" s="85"/>
      <c r="AG3345" s="86"/>
      <c r="AH3345" s="85"/>
      <c r="AI3345" s="85"/>
      <c r="AJ3345" s="85"/>
      <c r="AK3345" s="85"/>
      <c r="AL3345" s="85"/>
      <c r="AM3345" s="92"/>
      <c r="AN3345" s="92"/>
      <c r="AO3345" s="92"/>
      <c r="AP3345" s="92"/>
      <c r="AQ3345" s="92"/>
      <c r="AR3345" s="92"/>
      <c r="AS3345" s="92"/>
      <c r="AT3345" s="92"/>
      <c r="AU3345" s="92"/>
      <c r="AV3345" s="92"/>
      <c r="AW3345" s="92"/>
      <c r="AX3345" s="92"/>
      <c r="AY3345" s="92"/>
      <c r="AZ3345" s="93"/>
      <c r="BA3345" s="93"/>
      <c r="BB3345" s="93"/>
      <c r="BC3345" s="93"/>
      <c r="BD3345" s="93"/>
      <c r="BE3345" s="93"/>
      <c r="BF3345" s="93"/>
      <c r="BG3345" s="93"/>
      <c r="BH3345" s="93"/>
      <c r="BI3345" s="93"/>
      <c r="BJ3345" s="93"/>
      <c r="BK3345" s="93"/>
      <c r="BL3345" s="93"/>
    </row>
    <row r="3346" spans="2:64" x14ac:dyDescent="0.2">
      <c r="B3346" s="43"/>
      <c r="C3346" s="73"/>
      <c r="D3346" s="64"/>
      <c r="E3346" s="55"/>
      <c r="F3346" s="74"/>
      <c r="G3346" s="74"/>
      <c r="H3346" s="74"/>
      <c r="I3346" s="75"/>
      <c r="J3346" s="74"/>
      <c r="L3346" s="55"/>
      <c r="M3346" s="234"/>
      <c r="N3346" s="65"/>
      <c r="O3346" s="76"/>
      <c r="P3346" s="76"/>
      <c r="Q3346" s="65"/>
      <c r="R3346" s="76"/>
      <c r="S3346" s="76"/>
      <c r="T3346" s="76"/>
      <c r="U3346" s="76"/>
      <c r="V3346" s="76"/>
      <c r="W3346" s="76"/>
      <c r="X3346" s="76"/>
      <c r="Y3346" s="76"/>
      <c r="Z3346" s="76"/>
      <c r="AA3346" s="85"/>
      <c r="AB3346" s="85"/>
      <c r="AC3346" s="85"/>
      <c r="AD3346" s="85"/>
      <c r="AE3346" s="85"/>
      <c r="AF3346" s="85"/>
      <c r="AG3346" s="86"/>
      <c r="AH3346" s="85"/>
      <c r="AI3346" s="85"/>
      <c r="AJ3346" s="85"/>
      <c r="AK3346" s="85"/>
      <c r="AL3346" s="85"/>
      <c r="AM3346" s="92"/>
      <c r="AN3346" s="92"/>
      <c r="AO3346" s="92"/>
      <c r="AP3346" s="92"/>
      <c r="AQ3346" s="92"/>
      <c r="AR3346" s="92"/>
      <c r="AS3346" s="92"/>
      <c r="AT3346" s="92"/>
      <c r="AU3346" s="92"/>
      <c r="AV3346" s="92"/>
      <c r="AW3346" s="92"/>
      <c r="AX3346" s="92"/>
      <c r="AY3346" s="92"/>
      <c r="AZ3346" s="93"/>
      <c r="BA3346" s="93"/>
      <c r="BB3346" s="93"/>
      <c r="BC3346" s="93"/>
      <c r="BD3346" s="93"/>
      <c r="BE3346" s="93"/>
      <c r="BF3346" s="93"/>
      <c r="BG3346" s="93"/>
      <c r="BH3346" s="93"/>
      <c r="BI3346" s="93"/>
      <c r="BJ3346" s="93"/>
      <c r="BK3346" s="93"/>
      <c r="BL3346" s="93"/>
    </row>
    <row r="3347" spans="2:64" x14ac:dyDescent="0.2">
      <c r="B3347" s="43"/>
      <c r="C3347" s="73"/>
      <c r="D3347" s="64"/>
      <c r="E3347" s="55"/>
      <c r="F3347" s="74"/>
      <c r="G3347" s="74"/>
      <c r="H3347" s="74"/>
      <c r="I3347" s="75"/>
      <c r="J3347" s="74"/>
      <c r="L3347" s="55"/>
      <c r="M3347" s="234"/>
      <c r="N3347" s="65"/>
      <c r="O3347" s="76"/>
      <c r="P3347" s="76"/>
      <c r="Q3347" s="65"/>
      <c r="R3347" s="76"/>
      <c r="S3347" s="76"/>
      <c r="T3347" s="76"/>
      <c r="U3347" s="76"/>
      <c r="V3347" s="76"/>
      <c r="W3347" s="76"/>
      <c r="X3347" s="76"/>
      <c r="Y3347" s="76"/>
      <c r="Z3347" s="76"/>
      <c r="AA3347" s="85"/>
      <c r="AB3347" s="85"/>
      <c r="AC3347" s="85"/>
      <c r="AD3347" s="85"/>
      <c r="AE3347" s="85"/>
      <c r="AF3347" s="85"/>
      <c r="AG3347" s="86"/>
      <c r="AH3347" s="85"/>
      <c r="AI3347" s="85"/>
      <c r="AJ3347" s="85"/>
      <c r="AK3347" s="85"/>
      <c r="AL3347" s="85"/>
      <c r="AM3347" s="92"/>
      <c r="AN3347" s="92"/>
      <c r="AO3347" s="92"/>
      <c r="AP3347" s="92"/>
      <c r="AQ3347" s="92"/>
      <c r="AR3347" s="92"/>
      <c r="AS3347" s="92"/>
      <c r="AT3347" s="92"/>
      <c r="AU3347" s="92"/>
      <c r="AV3347" s="92"/>
      <c r="AW3347" s="92"/>
      <c r="AX3347" s="92"/>
      <c r="AY3347" s="92"/>
      <c r="AZ3347" s="93"/>
      <c r="BA3347" s="93"/>
      <c r="BB3347" s="93"/>
      <c r="BC3347" s="93"/>
      <c r="BD3347" s="93"/>
      <c r="BE3347" s="93"/>
      <c r="BF3347" s="93"/>
      <c r="BG3347" s="93"/>
      <c r="BH3347" s="93"/>
      <c r="BI3347" s="93"/>
      <c r="BJ3347" s="93"/>
      <c r="BK3347" s="93"/>
      <c r="BL3347" s="93"/>
    </row>
    <row r="3348" spans="2:64" x14ac:dyDescent="0.2">
      <c r="B3348" s="43"/>
      <c r="C3348" s="73"/>
      <c r="D3348" s="64"/>
      <c r="E3348" s="55"/>
      <c r="F3348" s="74"/>
      <c r="G3348" s="74"/>
      <c r="H3348" s="74"/>
      <c r="I3348" s="75"/>
      <c r="J3348" s="74"/>
      <c r="L3348" s="55"/>
      <c r="M3348" s="234"/>
      <c r="N3348" s="65"/>
      <c r="O3348" s="76"/>
      <c r="P3348" s="76"/>
      <c r="Q3348" s="65"/>
      <c r="R3348" s="76"/>
      <c r="S3348" s="76"/>
      <c r="T3348" s="76"/>
      <c r="U3348" s="76"/>
      <c r="V3348" s="76"/>
      <c r="W3348" s="76"/>
      <c r="X3348" s="76"/>
      <c r="Y3348" s="76"/>
      <c r="Z3348" s="76"/>
      <c r="AA3348" s="85"/>
      <c r="AB3348" s="85"/>
      <c r="AC3348" s="85"/>
      <c r="AD3348" s="85"/>
      <c r="AE3348" s="85"/>
      <c r="AF3348" s="85"/>
      <c r="AG3348" s="86"/>
      <c r="AH3348" s="85"/>
      <c r="AI3348" s="85"/>
      <c r="AJ3348" s="85"/>
      <c r="AK3348" s="85"/>
      <c r="AL3348" s="85"/>
      <c r="AM3348" s="92"/>
      <c r="AN3348" s="92"/>
      <c r="AO3348" s="92"/>
      <c r="AP3348" s="92"/>
      <c r="AQ3348" s="92"/>
      <c r="AR3348" s="92"/>
      <c r="AS3348" s="92"/>
      <c r="AT3348" s="92"/>
      <c r="AU3348" s="92"/>
      <c r="AV3348" s="92"/>
      <c r="AW3348" s="92"/>
      <c r="AX3348" s="92"/>
      <c r="AY3348" s="92"/>
      <c r="AZ3348" s="93"/>
      <c r="BA3348" s="93"/>
      <c r="BB3348" s="93"/>
      <c r="BC3348" s="93"/>
      <c r="BD3348" s="93"/>
      <c r="BE3348" s="93"/>
      <c r="BF3348" s="93"/>
      <c r="BG3348" s="93"/>
      <c r="BH3348" s="93"/>
      <c r="BI3348" s="93"/>
      <c r="BJ3348" s="93"/>
      <c r="BK3348" s="93"/>
      <c r="BL3348" s="93"/>
    </row>
    <row r="3349" spans="2:64" x14ac:dyDescent="0.2">
      <c r="B3349" s="43"/>
      <c r="C3349" s="73"/>
      <c r="D3349" s="64"/>
      <c r="E3349" s="55"/>
      <c r="F3349" s="74"/>
      <c r="G3349" s="74"/>
      <c r="H3349" s="74"/>
      <c r="I3349" s="75"/>
      <c r="J3349" s="74"/>
      <c r="L3349" s="55"/>
      <c r="M3349" s="234"/>
      <c r="N3349" s="65"/>
      <c r="O3349" s="76"/>
      <c r="P3349" s="76"/>
      <c r="Q3349" s="65"/>
      <c r="R3349" s="76"/>
      <c r="S3349" s="76"/>
      <c r="T3349" s="76"/>
      <c r="U3349" s="76"/>
      <c r="V3349" s="76"/>
      <c r="W3349" s="76"/>
      <c r="X3349" s="76"/>
      <c r="Y3349" s="76"/>
      <c r="Z3349" s="76"/>
      <c r="AA3349" s="85"/>
      <c r="AB3349" s="85"/>
      <c r="AC3349" s="85"/>
      <c r="AD3349" s="85"/>
      <c r="AE3349" s="85"/>
      <c r="AF3349" s="85"/>
      <c r="AG3349" s="86"/>
      <c r="AH3349" s="85"/>
      <c r="AI3349" s="85"/>
      <c r="AJ3349" s="85"/>
      <c r="AK3349" s="85"/>
      <c r="AL3349" s="85"/>
      <c r="AM3349" s="92"/>
      <c r="AN3349" s="92"/>
      <c r="AO3349" s="92"/>
      <c r="AP3349" s="92"/>
      <c r="AQ3349" s="92"/>
      <c r="AR3349" s="92"/>
      <c r="AS3349" s="92"/>
      <c r="AT3349" s="92"/>
      <c r="AU3349" s="92"/>
      <c r="AV3349" s="92"/>
      <c r="AW3349" s="92"/>
      <c r="AX3349" s="92"/>
      <c r="AY3349" s="92"/>
      <c r="AZ3349" s="93"/>
      <c r="BA3349" s="93"/>
      <c r="BB3349" s="93"/>
      <c r="BC3349" s="93"/>
      <c r="BD3349" s="93"/>
      <c r="BE3349" s="93"/>
      <c r="BF3349" s="93"/>
      <c r="BG3349" s="93"/>
      <c r="BH3349" s="93"/>
      <c r="BI3349" s="93"/>
      <c r="BJ3349" s="93"/>
      <c r="BK3349" s="93"/>
      <c r="BL3349" s="93"/>
    </row>
    <row r="3350" spans="2:64" x14ac:dyDescent="0.2">
      <c r="B3350" s="43"/>
      <c r="C3350" s="73"/>
      <c r="D3350" s="64"/>
      <c r="E3350" s="55"/>
      <c r="F3350" s="74"/>
      <c r="G3350" s="74"/>
      <c r="H3350" s="74"/>
      <c r="I3350" s="75"/>
      <c r="J3350" s="74"/>
      <c r="L3350" s="55"/>
      <c r="M3350" s="234"/>
      <c r="N3350" s="65"/>
      <c r="O3350" s="76"/>
      <c r="P3350" s="76"/>
      <c r="Q3350" s="65"/>
      <c r="R3350" s="76"/>
      <c r="S3350" s="76"/>
      <c r="T3350" s="76"/>
      <c r="U3350" s="76"/>
      <c r="V3350" s="76"/>
      <c r="W3350" s="76"/>
      <c r="X3350" s="76"/>
      <c r="Y3350" s="76"/>
      <c r="Z3350" s="76"/>
      <c r="AA3350" s="85"/>
      <c r="AB3350" s="85"/>
      <c r="AC3350" s="85"/>
      <c r="AD3350" s="85"/>
      <c r="AE3350" s="85"/>
      <c r="AF3350" s="85"/>
      <c r="AG3350" s="86"/>
      <c r="AH3350" s="85"/>
      <c r="AI3350" s="85"/>
      <c r="AJ3350" s="85"/>
      <c r="AK3350" s="85"/>
      <c r="AL3350" s="85"/>
      <c r="AM3350" s="92"/>
      <c r="AN3350" s="92"/>
      <c r="AO3350" s="92"/>
      <c r="AP3350" s="92"/>
      <c r="AQ3350" s="92"/>
      <c r="AR3350" s="92"/>
      <c r="AS3350" s="92"/>
      <c r="AT3350" s="92"/>
      <c r="AU3350" s="92"/>
      <c r="AV3350" s="92"/>
      <c r="AW3350" s="92"/>
      <c r="AX3350" s="92"/>
      <c r="AY3350" s="92"/>
      <c r="AZ3350" s="93"/>
      <c r="BA3350" s="93"/>
      <c r="BB3350" s="93"/>
      <c r="BC3350" s="93"/>
      <c r="BD3350" s="93"/>
      <c r="BE3350" s="93"/>
      <c r="BF3350" s="93"/>
      <c r="BG3350" s="93"/>
      <c r="BH3350" s="93"/>
      <c r="BI3350" s="93"/>
      <c r="BJ3350" s="93"/>
      <c r="BK3350" s="93"/>
      <c r="BL3350" s="93"/>
    </row>
    <row r="3351" spans="2:64" x14ac:dyDescent="0.2">
      <c r="B3351" s="43"/>
      <c r="C3351" s="73"/>
      <c r="D3351" s="64"/>
      <c r="E3351" s="55"/>
      <c r="F3351" s="74"/>
      <c r="G3351" s="74"/>
      <c r="H3351" s="74"/>
      <c r="I3351" s="75"/>
      <c r="J3351" s="74"/>
      <c r="L3351" s="55"/>
      <c r="M3351" s="234"/>
      <c r="N3351" s="65"/>
      <c r="O3351" s="76"/>
      <c r="P3351" s="76"/>
      <c r="Q3351" s="65"/>
      <c r="R3351" s="76"/>
      <c r="S3351" s="76"/>
      <c r="T3351" s="76"/>
      <c r="U3351" s="76"/>
      <c r="V3351" s="76"/>
      <c r="W3351" s="76"/>
      <c r="X3351" s="76"/>
      <c r="Y3351" s="76"/>
      <c r="Z3351" s="76"/>
      <c r="AA3351" s="85"/>
      <c r="AB3351" s="85"/>
      <c r="AC3351" s="85"/>
      <c r="AD3351" s="85"/>
      <c r="AE3351" s="85"/>
      <c r="AF3351" s="85"/>
      <c r="AG3351" s="86"/>
      <c r="AH3351" s="85"/>
      <c r="AI3351" s="85"/>
      <c r="AJ3351" s="85"/>
      <c r="AK3351" s="85"/>
      <c r="AL3351" s="85"/>
      <c r="AM3351" s="92"/>
      <c r="AN3351" s="92"/>
      <c r="AO3351" s="92"/>
      <c r="AP3351" s="92"/>
      <c r="AQ3351" s="92"/>
      <c r="AR3351" s="92"/>
      <c r="AS3351" s="92"/>
      <c r="AT3351" s="92"/>
      <c r="AU3351" s="92"/>
      <c r="AV3351" s="92"/>
      <c r="AW3351" s="92"/>
      <c r="AX3351" s="92"/>
      <c r="AY3351" s="92"/>
      <c r="AZ3351" s="93"/>
      <c r="BA3351" s="93"/>
      <c r="BB3351" s="93"/>
      <c r="BC3351" s="93"/>
      <c r="BD3351" s="93"/>
      <c r="BE3351" s="93"/>
      <c r="BF3351" s="93"/>
      <c r="BG3351" s="93"/>
      <c r="BH3351" s="93"/>
      <c r="BI3351" s="93"/>
      <c r="BJ3351" s="93"/>
      <c r="BK3351" s="93"/>
      <c r="BL3351" s="93"/>
    </row>
    <row r="3352" spans="2:64" x14ac:dyDescent="0.2">
      <c r="B3352" s="43"/>
      <c r="C3352" s="73"/>
      <c r="D3352" s="64"/>
      <c r="E3352" s="55"/>
      <c r="F3352" s="74"/>
      <c r="G3352" s="74"/>
      <c r="H3352" s="74"/>
      <c r="I3352" s="75"/>
      <c r="J3352" s="74"/>
      <c r="L3352" s="55"/>
      <c r="M3352" s="234"/>
      <c r="N3352" s="65"/>
      <c r="O3352" s="76"/>
      <c r="P3352" s="76"/>
      <c r="Q3352" s="65"/>
      <c r="R3352" s="76"/>
      <c r="S3352" s="76"/>
      <c r="T3352" s="76"/>
      <c r="U3352" s="76"/>
      <c r="V3352" s="76"/>
      <c r="W3352" s="76"/>
      <c r="X3352" s="76"/>
      <c r="Y3352" s="76"/>
      <c r="Z3352" s="76"/>
      <c r="AA3352" s="85"/>
      <c r="AB3352" s="85"/>
      <c r="AC3352" s="85"/>
      <c r="AD3352" s="85"/>
      <c r="AE3352" s="85"/>
      <c r="AF3352" s="85"/>
      <c r="AG3352" s="86"/>
      <c r="AH3352" s="85"/>
      <c r="AI3352" s="85"/>
      <c r="AJ3352" s="85"/>
      <c r="AK3352" s="85"/>
      <c r="AL3352" s="85"/>
      <c r="AM3352" s="92"/>
      <c r="AN3352" s="92"/>
      <c r="AO3352" s="92"/>
      <c r="AP3352" s="92"/>
      <c r="AQ3352" s="92"/>
      <c r="AR3352" s="92"/>
      <c r="AS3352" s="92"/>
      <c r="AT3352" s="92"/>
      <c r="AU3352" s="92"/>
      <c r="AV3352" s="92"/>
      <c r="AW3352" s="92"/>
      <c r="AX3352" s="92"/>
      <c r="AY3352" s="92"/>
      <c r="AZ3352" s="93"/>
      <c r="BA3352" s="93"/>
      <c r="BB3352" s="93"/>
      <c r="BC3352" s="93"/>
      <c r="BD3352" s="93"/>
      <c r="BE3352" s="93"/>
      <c r="BF3352" s="93"/>
      <c r="BG3352" s="93"/>
      <c r="BH3352" s="93"/>
      <c r="BI3352" s="93"/>
      <c r="BJ3352" s="93"/>
      <c r="BK3352" s="93"/>
      <c r="BL3352" s="93"/>
    </row>
    <row r="3353" spans="2:64" x14ac:dyDescent="0.2">
      <c r="B3353" s="43"/>
      <c r="C3353" s="73"/>
      <c r="D3353" s="64"/>
      <c r="E3353" s="55"/>
      <c r="F3353" s="74"/>
      <c r="G3353" s="74"/>
      <c r="H3353" s="74"/>
      <c r="I3353" s="75"/>
      <c r="J3353" s="74"/>
      <c r="L3353" s="55"/>
      <c r="M3353" s="234"/>
      <c r="N3353" s="65"/>
      <c r="O3353" s="76"/>
      <c r="P3353" s="76"/>
      <c r="Q3353" s="65"/>
      <c r="R3353" s="76"/>
      <c r="S3353" s="76"/>
      <c r="T3353" s="76"/>
      <c r="U3353" s="76"/>
      <c r="V3353" s="76"/>
      <c r="W3353" s="76"/>
      <c r="X3353" s="76"/>
      <c r="Y3353" s="76"/>
      <c r="Z3353" s="76"/>
      <c r="AA3353" s="85"/>
      <c r="AB3353" s="85"/>
      <c r="AC3353" s="85"/>
      <c r="AD3353" s="85"/>
      <c r="AE3353" s="85"/>
      <c r="AF3353" s="85"/>
      <c r="AG3353" s="86"/>
      <c r="AH3353" s="85"/>
      <c r="AI3353" s="85"/>
      <c r="AJ3353" s="85"/>
      <c r="AK3353" s="85"/>
      <c r="AL3353" s="85"/>
      <c r="AM3353" s="92"/>
      <c r="AN3353" s="92"/>
      <c r="AO3353" s="92"/>
      <c r="AP3353" s="92"/>
      <c r="AQ3353" s="92"/>
      <c r="AR3353" s="92"/>
      <c r="AS3353" s="92"/>
      <c r="AT3353" s="92"/>
      <c r="AU3353" s="92"/>
      <c r="AV3353" s="92"/>
      <c r="AW3353" s="92"/>
      <c r="AX3353" s="92"/>
      <c r="AY3353" s="92"/>
      <c r="AZ3353" s="93"/>
      <c r="BA3353" s="93"/>
      <c r="BB3353" s="93"/>
      <c r="BC3353" s="93"/>
      <c r="BD3353" s="93"/>
      <c r="BE3353" s="93"/>
      <c r="BF3353" s="93"/>
      <c r="BG3353" s="93"/>
      <c r="BH3353" s="93"/>
      <c r="BI3353" s="93"/>
      <c r="BJ3353" s="93"/>
      <c r="BK3353" s="93"/>
      <c r="BL3353" s="93"/>
    </row>
    <row r="3354" spans="2:64" x14ac:dyDescent="0.2">
      <c r="B3354" s="43"/>
      <c r="C3354" s="73"/>
      <c r="D3354" s="64"/>
      <c r="E3354" s="55"/>
      <c r="F3354" s="74"/>
      <c r="G3354" s="74"/>
      <c r="H3354" s="74"/>
      <c r="I3354" s="75"/>
      <c r="J3354" s="74"/>
      <c r="L3354" s="55"/>
      <c r="M3354" s="234"/>
      <c r="N3354" s="65"/>
      <c r="O3354" s="76"/>
      <c r="P3354" s="76"/>
      <c r="Q3354" s="65"/>
      <c r="R3354" s="76"/>
      <c r="S3354" s="76"/>
      <c r="T3354" s="76"/>
      <c r="U3354" s="76"/>
      <c r="V3354" s="76"/>
      <c r="W3354" s="76"/>
      <c r="X3354" s="76"/>
      <c r="Y3354" s="76"/>
      <c r="Z3354" s="76"/>
      <c r="AA3354" s="85"/>
      <c r="AB3354" s="85"/>
      <c r="AC3354" s="85"/>
      <c r="AD3354" s="85"/>
      <c r="AE3354" s="85"/>
      <c r="AF3354" s="85"/>
      <c r="AG3354" s="86"/>
      <c r="AH3354" s="85"/>
      <c r="AI3354" s="85"/>
      <c r="AJ3354" s="85"/>
      <c r="AK3354" s="85"/>
      <c r="AL3354" s="85"/>
      <c r="AM3354" s="92"/>
      <c r="AN3354" s="92"/>
      <c r="AO3354" s="92"/>
      <c r="AP3354" s="92"/>
      <c r="AQ3354" s="92"/>
      <c r="AR3354" s="92"/>
      <c r="AS3354" s="92"/>
      <c r="AT3354" s="92"/>
      <c r="AU3354" s="92"/>
      <c r="AV3354" s="92"/>
      <c r="AW3354" s="92"/>
      <c r="AX3354" s="92"/>
      <c r="AY3354" s="92"/>
      <c r="AZ3354" s="93"/>
      <c r="BA3354" s="93"/>
      <c r="BB3354" s="93"/>
      <c r="BC3354" s="93"/>
      <c r="BD3354" s="93"/>
      <c r="BE3354" s="93"/>
      <c r="BF3354" s="93"/>
      <c r="BG3354" s="93"/>
      <c r="BH3354" s="93"/>
      <c r="BI3354" s="93"/>
      <c r="BJ3354" s="93"/>
      <c r="BK3354" s="93"/>
      <c r="BL3354" s="93"/>
    </row>
    <row r="3355" spans="2:64" x14ac:dyDescent="0.2">
      <c r="B3355" s="43"/>
      <c r="C3355" s="73"/>
      <c r="D3355" s="64"/>
      <c r="E3355" s="55"/>
      <c r="F3355" s="74"/>
      <c r="G3355" s="74"/>
      <c r="H3355" s="74"/>
      <c r="I3355" s="75"/>
      <c r="J3355" s="74"/>
      <c r="L3355" s="55"/>
      <c r="M3355" s="234"/>
      <c r="N3355" s="65"/>
      <c r="O3355" s="76"/>
      <c r="P3355" s="76"/>
      <c r="Q3355" s="65"/>
      <c r="R3355" s="76"/>
      <c r="S3355" s="76"/>
      <c r="T3355" s="76"/>
      <c r="U3355" s="76"/>
      <c r="V3355" s="76"/>
      <c r="W3355" s="76"/>
      <c r="X3355" s="76"/>
      <c r="Y3355" s="76"/>
      <c r="Z3355" s="76"/>
      <c r="AA3355" s="85"/>
      <c r="AB3355" s="85"/>
      <c r="AC3355" s="85"/>
      <c r="AD3355" s="85"/>
      <c r="AE3355" s="85"/>
      <c r="AF3355" s="85"/>
      <c r="AG3355" s="86"/>
      <c r="AH3355" s="85"/>
      <c r="AI3355" s="85"/>
      <c r="AJ3355" s="85"/>
      <c r="AK3355" s="85"/>
      <c r="AL3355" s="85"/>
      <c r="AM3355" s="92"/>
      <c r="AN3355" s="92"/>
      <c r="AO3355" s="92"/>
      <c r="AP3355" s="92"/>
      <c r="AQ3355" s="92"/>
      <c r="AR3355" s="92"/>
      <c r="AS3355" s="92"/>
      <c r="AT3355" s="92"/>
      <c r="AU3355" s="92"/>
      <c r="AV3355" s="92"/>
      <c r="AW3355" s="92"/>
      <c r="AX3355" s="92"/>
      <c r="AY3355" s="92"/>
      <c r="AZ3355" s="93"/>
      <c r="BA3355" s="93"/>
      <c r="BB3355" s="93"/>
      <c r="BC3355" s="93"/>
      <c r="BD3355" s="93"/>
      <c r="BE3355" s="93"/>
      <c r="BF3355" s="93"/>
      <c r="BG3355" s="93"/>
      <c r="BH3355" s="93"/>
      <c r="BI3355" s="93"/>
      <c r="BJ3355" s="93"/>
      <c r="BK3355" s="93"/>
      <c r="BL3355" s="93"/>
    </row>
    <row r="3356" spans="2:64" x14ac:dyDescent="0.2">
      <c r="B3356" s="43"/>
      <c r="C3356" s="73"/>
      <c r="D3356" s="64"/>
      <c r="E3356" s="55"/>
      <c r="F3356" s="74"/>
      <c r="G3356" s="74"/>
      <c r="H3356" s="74"/>
      <c r="I3356" s="75"/>
      <c r="J3356" s="74"/>
      <c r="L3356" s="55"/>
      <c r="M3356" s="234"/>
      <c r="N3356" s="65"/>
      <c r="O3356" s="76"/>
      <c r="P3356" s="76"/>
      <c r="Q3356" s="65"/>
      <c r="R3356" s="76"/>
      <c r="S3356" s="76"/>
      <c r="T3356" s="76"/>
      <c r="U3356" s="76"/>
      <c r="V3356" s="76"/>
      <c r="W3356" s="76"/>
      <c r="X3356" s="76"/>
      <c r="Y3356" s="76"/>
      <c r="Z3356" s="76"/>
      <c r="AA3356" s="85"/>
      <c r="AB3356" s="85"/>
      <c r="AC3356" s="85"/>
      <c r="AD3356" s="85"/>
      <c r="AE3356" s="85"/>
      <c r="AF3356" s="85"/>
      <c r="AG3356" s="86"/>
      <c r="AH3356" s="85"/>
      <c r="AI3356" s="85"/>
      <c r="AJ3356" s="85"/>
      <c r="AK3356" s="85"/>
      <c r="AL3356" s="85"/>
      <c r="AM3356" s="92"/>
      <c r="AN3356" s="92"/>
      <c r="AO3356" s="92"/>
      <c r="AP3356" s="92"/>
      <c r="AQ3356" s="92"/>
      <c r="AR3356" s="92"/>
      <c r="AS3356" s="92"/>
      <c r="AT3356" s="92"/>
      <c r="AU3356" s="92"/>
      <c r="AV3356" s="92"/>
      <c r="AW3356" s="92"/>
      <c r="AX3356" s="92"/>
      <c r="AY3356" s="92"/>
      <c r="AZ3356" s="93"/>
      <c r="BA3356" s="93"/>
      <c r="BB3356" s="93"/>
      <c r="BC3356" s="93"/>
      <c r="BD3356" s="93"/>
      <c r="BE3356" s="93"/>
      <c r="BF3356" s="93"/>
      <c r="BG3356" s="93"/>
      <c r="BH3356" s="93"/>
      <c r="BI3356" s="93"/>
      <c r="BJ3356" s="93"/>
      <c r="BK3356" s="93"/>
      <c r="BL3356" s="93"/>
    </row>
    <row r="3357" spans="2:64" x14ac:dyDescent="0.2">
      <c r="B3357" s="43"/>
      <c r="C3357" s="73"/>
      <c r="D3357" s="64"/>
      <c r="E3357" s="55"/>
      <c r="F3357" s="74"/>
      <c r="G3357" s="74"/>
      <c r="H3357" s="74"/>
      <c r="I3357" s="75"/>
      <c r="J3357" s="74"/>
      <c r="L3357" s="55"/>
      <c r="M3357" s="234"/>
      <c r="N3357" s="65"/>
      <c r="O3357" s="76"/>
      <c r="P3357" s="76"/>
      <c r="Q3357" s="65"/>
      <c r="R3357" s="76"/>
      <c r="S3357" s="76"/>
      <c r="T3357" s="76"/>
      <c r="U3357" s="76"/>
      <c r="V3357" s="76"/>
      <c r="W3357" s="76"/>
      <c r="X3357" s="76"/>
      <c r="Y3357" s="76"/>
      <c r="Z3357" s="76"/>
      <c r="AA3357" s="85"/>
      <c r="AB3357" s="85"/>
      <c r="AC3357" s="85"/>
      <c r="AD3357" s="85"/>
      <c r="AE3357" s="85"/>
      <c r="AF3357" s="85"/>
      <c r="AG3357" s="86"/>
      <c r="AH3357" s="85"/>
      <c r="AI3357" s="85"/>
      <c r="AJ3357" s="85"/>
      <c r="AK3357" s="85"/>
      <c r="AL3357" s="85"/>
      <c r="AM3357" s="92"/>
      <c r="AN3357" s="92"/>
      <c r="AO3357" s="92"/>
      <c r="AP3357" s="92"/>
      <c r="AQ3357" s="92"/>
      <c r="AR3357" s="92"/>
      <c r="AS3357" s="92"/>
      <c r="AT3357" s="92"/>
      <c r="AU3357" s="92"/>
      <c r="AV3357" s="92"/>
      <c r="AW3357" s="92"/>
      <c r="AX3357" s="92"/>
      <c r="AY3357" s="92"/>
      <c r="AZ3357" s="93"/>
      <c r="BA3357" s="93"/>
      <c r="BB3357" s="93"/>
      <c r="BC3357" s="93"/>
      <c r="BD3357" s="93"/>
      <c r="BE3357" s="93"/>
      <c r="BF3357" s="93"/>
      <c r="BG3357" s="93"/>
      <c r="BH3357" s="93"/>
      <c r="BI3357" s="93"/>
      <c r="BJ3357" s="93"/>
      <c r="BK3357" s="93"/>
      <c r="BL3357" s="93"/>
    </row>
    <row r="3358" spans="2:64" x14ac:dyDescent="0.2">
      <c r="B3358" s="43"/>
      <c r="C3358" s="73"/>
      <c r="D3358" s="64"/>
      <c r="E3358" s="55"/>
      <c r="F3358" s="74"/>
      <c r="G3358" s="74"/>
      <c r="H3358" s="74"/>
      <c r="I3358" s="75"/>
      <c r="J3358" s="74"/>
      <c r="L3358" s="55"/>
      <c r="M3358" s="234"/>
      <c r="N3358" s="65"/>
      <c r="O3358" s="76"/>
      <c r="P3358" s="76"/>
      <c r="Q3358" s="65"/>
      <c r="R3358" s="76"/>
      <c r="S3358" s="76"/>
      <c r="T3358" s="76"/>
      <c r="U3358" s="76"/>
      <c r="V3358" s="76"/>
      <c r="W3358" s="76"/>
      <c r="X3358" s="76"/>
      <c r="Y3358" s="76"/>
      <c r="Z3358" s="76"/>
      <c r="AA3358" s="85"/>
      <c r="AB3358" s="85"/>
      <c r="AC3358" s="85"/>
      <c r="AD3358" s="85"/>
      <c r="AE3358" s="85"/>
      <c r="AF3358" s="85"/>
      <c r="AG3358" s="86"/>
      <c r="AH3358" s="85"/>
      <c r="AI3358" s="85"/>
      <c r="AJ3358" s="85"/>
      <c r="AK3358" s="85"/>
      <c r="AL3358" s="85"/>
      <c r="AM3358" s="92"/>
      <c r="AN3358" s="92"/>
      <c r="AO3358" s="92"/>
      <c r="AP3358" s="92"/>
      <c r="AQ3358" s="92"/>
      <c r="AR3358" s="92"/>
      <c r="AS3358" s="92"/>
      <c r="AT3358" s="92"/>
      <c r="AU3358" s="92"/>
      <c r="AV3358" s="92"/>
      <c r="AW3358" s="92"/>
      <c r="AX3358" s="92"/>
      <c r="AY3358" s="92"/>
      <c r="AZ3358" s="93"/>
      <c r="BA3358" s="93"/>
      <c r="BB3358" s="93"/>
      <c r="BC3358" s="93"/>
      <c r="BD3358" s="93"/>
      <c r="BE3358" s="93"/>
      <c r="BF3358" s="93"/>
      <c r="BG3358" s="93"/>
      <c r="BH3358" s="93"/>
      <c r="BI3358" s="93"/>
      <c r="BJ3358" s="93"/>
      <c r="BK3358" s="93"/>
      <c r="BL3358" s="93"/>
    </row>
    <row r="3359" spans="2:64" x14ac:dyDescent="0.2">
      <c r="B3359" s="43"/>
      <c r="C3359" s="73"/>
      <c r="D3359" s="64"/>
      <c r="E3359" s="55"/>
      <c r="F3359" s="74"/>
      <c r="G3359" s="74"/>
      <c r="H3359" s="74"/>
      <c r="I3359" s="75"/>
      <c r="J3359" s="74"/>
      <c r="L3359" s="55"/>
      <c r="M3359" s="234"/>
      <c r="N3359" s="65"/>
      <c r="O3359" s="76"/>
      <c r="P3359" s="76"/>
      <c r="Q3359" s="65"/>
      <c r="R3359" s="76"/>
      <c r="S3359" s="76"/>
      <c r="T3359" s="76"/>
      <c r="U3359" s="76"/>
      <c r="V3359" s="76"/>
      <c r="W3359" s="76"/>
      <c r="X3359" s="76"/>
      <c r="Y3359" s="76"/>
      <c r="Z3359" s="76"/>
      <c r="AA3359" s="85"/>
      <c r="AB3359" s="85"/>
      <c r="AC3359" s="85"/>
      <c r="AD3359" s="85"/>
      <c r="AE3359" s="85"/>
      <c r="AF3359" s="85"/>
      <c r="AG3359" s="86"/>
      <c r="AH3359" s="85"/>
      <c r="AI3359" s="85"/>
      <c r="AJ3359" s="85"/>
      <c r="AK3359" s="85"/>
      <c r="AL3359" s="85"/>
      <c r="AM3359" s="92"/>
      <c r="AN3359" s="92"/>
      <c r="AO3359" s="92"/>
      <c r="AP3359" s="92"/>
      <c r="AQ3359" s="92"/>
      <c r="AR3359" s="92"/>
      <c r="AS3359" s="92"/>
      <c r="AT3359" s="92"/>
      <c r="AU3359" s="92"/>
      <c r="AV3359" s="92"/>
      <c r="AW3359" s="92"/>
      <c r="AX3359" s="92"/>
      <c r="AY3359" s="92"/>
      <c r="AZ3359" s="93"/>
      <c r="BA3359" s="93"/>
      <c r="BB3359" s="93"/>
      <c r="BC3359" s="93"/>
      <c r="BD3359" s="93"/>
      <c r="BE3359" s="93"/>
      <c r="BF3359" s="93"/>
      <c r="BG3359" s="93"/>
      <c r="BH3359" s="93"/>
      <c r="BI3359" s="93"/>
      <c r="BJ3359" s="93"/>
      <c r="BK3359" s="93"/>
      <c r="BL3359" s="93"/>
    </row>
    <row r="3360" spans="2:64" x14ac:dyDescent="0.2">
      <c r="B3360" s="43"/>
      <c r="C3360" s="73"/>
      <c r="D3360" s="64"/>
      <c r="E3360" s="55"/>
      <c r="F3360" s="74"/>
      <c r="G3360" s="74"/>
      <c r="H3360" s="74"/>
      <c r="I3360" s="75"/>
      <c r="J3360" s="74"/>
      <c r="L3360" s="55"/>
      <c r="M3360" s="234"/>
      <c r="N3360" s="65"/>
      <c r="O3360" s="76"/>
      <c r="P3360" s="76"/>
      <c r="Q3360" s="65"/>
      <c r="R3360" s="76"/>
      <c r="S3360" s="76"/>
      <c r="T3360" s="76"/>
      <c r="U3360" s="76"/>
      <c r="V3360" s="76"/>
      <c r="W3360" s="76"/>
      <c r="X3360" s="76"/>
      <c r="Y3360" s="76"/>
      <c r="Z3360" s="76"/>
      <c r="AA3360" s="85"/>
      <c r="AB3360" s="85"/>
      <c r="AC3360" s="85"/>
      <c r="AD3360" s="85"/>
      <c r="AE3360" s="85"/>
      <c r="AF3360" s="85"/>
      <c r="AG3360" s="86"/>
      <c r="AH3360" s="85"/>
      <c r="AI3360" s="85"/>
      <c r="AJ3360" s="85"/>
      <c r="AK3360" s="85"/>
      <c r="AL3360" s="85"/>
      <c r="AM3360" s="92"/>
      <c r="AN3360" s="92"/>
      <c r="AO3360" s="92"/>
      <c r="AP3360" s="92"/>
      <c r="AQ3360" s="92"/>
      <c r="AR3360" s="92"/>
      <c r="AS3360" s="92"/>
      <c r="AT3360" s="92"/>
      <c r="AU3360" s="92"/>
      <c r="AV3360" s="92"/>
      <c r="AW3360" s="92"/>
      <c r="AX3360" s="92"/>
      <c r="AY3360" s="92"/>
      <c r="AZ3360" s="93"/>
      <c r="BA3360" s="93"/>
      <c r="BB3360" s="93"/>
      <c r="BC3360" s="93"/>
      <c r="BD3360" s="93"/>
      <c r="BE3360" s="93"/>
      <c r="BF3360" s="93"/>
      <c r="BG3360" s="93"/>
      <c r="BH3360" s="93"/>
      <c r="BI3360" s="93"/>
      <c r="BJ3360" s="93"/>
      <c r="BK3360" s="93"/>
      <c r="BL3360" s="93"/>
    </row>
    <row r="3361" spans="2:64" x14ac:dyDescent="0.2">
      <c r="B3361" s="43"/>
      <c r="C3361" s="73"/>
      <c r="D3361" s="64"/>
      <c r="E3361" s="55"/>
      <c r="F3361" s="74"/>
      <c r="G3361" s="74"/>
      <c r="H3361" s="74"/>
      <c r="I3361" s="75"/>
      <c r="J3361" s="74"/>
      <c r="L3361" s="55"/>
      <c r="M3361" s="234"/>
      <c r="N3361" s="65"/>
      <c r="O3361" s="76"/>
      <c r="P3361" s="76"/>
      <c r="Q3361" s="65"/>
      <c r="R3361" s="76"/>
      <c r="S3361" s="76"/>
      <c r="T3361" s="76"/>
      <c r="U3361" s="76"/>
      <c r="V3361" s="76"/>
      <c r="W3361" s="76"/>
      <c r="X3361" s="76"/>
      <c r="Y3361" s="76"/>
      <c r="Z3361" s="76"/>
      <c r="AA3361" s="85"/>
      <c r="AB3361" s="85"/>
      <c r="AC3361" s="85"/>
      <c r="AD3361" s="85"/>
      <c r="AE3361" s="85"/>
      <c r="AF3361" s="85"/>
      <c r="AG3361" s="86"/>
      <c r="AH3361" s="85"/>
      <c r="AI3361" s="85"/>
      <c r="AJ3361" s="85"/>
      <c r="AK3361" s="85"/>
      <c r="AL3361" s="85"/>
      <c r="AM3361" s="92"/>
      <c r="AN3361" s="92"/>
      <c r="AO3361" s="92"/>
      <c r="AP3361" s="92"/>
      <c r="AQ3361" s="92"/>
      <c r="AR3361" s="92"/>
      <c r="AS3361" s="92"/>
      <c r="AT3361" s="92"/>
      <c r="AU3361" s="92"/>
      <c r="AV3361" s="92"/>
      <c r="AW3361" s="92"/>
      <c r="AX3361" s="92"/>
      <c r="AY3361" s="92"/>
      <c r="AZ3361" s="93"/>
      <c r="BA3361" s="93"/>
      <c r="BB3361" s="93"/>
      <c r="BC3361" s="93"/>
      <c r="BD3361" s="93"/>
      <c r="BE3361" s="93"/>
      <c r="BF3361" s="93"/>
      <c r="BG3361" s="93"/>
      <c r="BH3361" s="93"/>
      <c r="BI3361" s="93"/>
      <c r="BJ3361" s="93"/>
      <c r="BK3361" s="93"/>
      <c r="BL3361" s="93"/>
    </row>
    <row r="3362" spans="2:64" x14ac:dyDescent="0.2">
      <c r="B3362" s="43"/>
      <c r="C3362" s="73"/>
      <c r="D3362" s="64"/>
      <c r="E3362" s="55"/>
      <c r="F3362" s="74"/>
      <c r="G3362" s="74"/>
      <c r="H3362" s="74"/>
      <c r="I3362" s="75"/>
      <c r="J3362" s="74"/>
      <c r="L3362" s="55"/>
      <c r="M3362" s="234"/>
      <c r="N3362" s="65"/>
      <c r="O3362" s="76"/>
      <c r="P3362" s="76"/>
      <c r="Q3362" s="65"/>
      <c r="R3362" s="76"/>
      <c r="S3362" s="76"/>
      <c r="T3362" s="76"/>
      <c r="U3362" s="76"/>
      <c r="V3362" s="76"/>
      <c r="W3362" s="76"/>
      <c r="X3362" s="76"/>
      <c r="Y3362" s="76"/>
      <c r="Z3362" s="76"/>
      <c r="AA3362" s="85"/>
      <c r="AB3362" s="85"/>
      <c r="AC3362" s="85"/>
      <c r="AD3362" s="85"/>
      <c r="AE3362" s="85"/>
      <c r="AF3362" s="85"/>
      <c r="AG3362" s="86"/>
      <c r="AH3362" s="85"/>
      <c r="AI3362" s="85"/>
      <c r="AJ3362" s="85"/>
      <c r="AK3362" s="85"/>
      <c r="AL3362" s="85"/>
      <c r="AM3362" s="92"/>
      <c r="AN3362" s="92"/>
      <c r="AO3362" s="92"/>
      <c r="AP3362" s="92"/>
      <c r="AQ3362" s="92"/>
      <c r="AR3362" s="92"/>
      <c r="AS3362" s="92"/>
      <c r="AT3362" s="92"/>
      <c r="AU3362" s="92"/>
      <c r="AV3362" s="92"/>
      <c r="AW3362" s="92"/>
      <c r="AX3362" s="92"/>
      <c r="AY3362" s="92"/>
      <c r="AZ3362" s="93"/>
      <c r="BA3362" s="93"/>
      <c r="BB3362" s="93"/>
      <c r="BC3362" s="93"/>
      <c r="BD3362" s="93"/>
      <c r="BE3362" s="93"/>
      <c r="BF3362" s="93"/>
      <c r="BG3362" s="93"/>
      <c r="BH3362" s="93"/>
      <c r="BI3362" s="93"/>
      <c r="BJ3362" s="93"/>
      <c r="BK3362" s="93"/>
      <c r="BL3362" s="93"/>
    </row>
    <row r="3363" spans="2:64" x14ac:dyDescent="0.2">
      <c r="B3363" s="43"/>
      <c r="C3363" s="73"/>
      <c r="D3363" s="64"/>
      <c r="E3363" s="55"/>
      <c r="F3363" s="74"/>
      <c r="G3363" s="74"/>
      <c r="H3363" s="74"/>
      <c r="I3363" s="75"/>
      <c r="J3363" s="74"/>
      <c r="L3363" s="55"/>
      <c r="M3363" s="234"/>
      <c r="N3363" s="65"/>
      <c r="O3363" s="76"/>
      <c r="P3363" s="76"/>
      <c r="Q3363" s="65"/>
      <c r="R3363" s="76"/>
      <c r="S3363" s="76"/>
      <c r="T3363" s="76"/>
      <c r="U3363" s="76"/>
      <c r="V3363" s="76"/>
      <c r="W3363" s="76"/>
      <c r="X3363" s="76"/>
      <c r="Y3363" s="76"/>
      <c r="Z3363" s="76"/>
      <c r="AA3363" s="85"/>
      <c r="AB3363" s="85"/>
      <c r="AC3363" s="85"/>
      <c r="AD3363" s="85"/>
      <c r="AE3363" s="85"/>
      <c r="AF3363" s="85"/>
      <c r="AG3363" s="86"/>
      <c r="AH3363" s="85"/>
      <c r="AI3363" s="85"/>
      <c r="AJ3363" s="85"/>
      <c r="AK3363" s="85"/>
      <c r="AL3363" s="85"/>
      <c r="AM3363" s="92"/>
      <c r="AN3363" s="92"/>
      <c r="AO3363" s="92"/>
      <c r="AP3363" s="92"/>
      <c r="AQ3363" s="92"/>
      <c r="AR3363" s="92"/>
      <c r="AS3363" s="92"/>
      <c r="AT3363" s="92"/>
      <c r="AU3363" s="92"/>
      <c r="AV3363" s="92"/>
      <c r="AW3363" s="92"/>
      <c r="AX3363" s="92"/>
      <c r="AY3363" s="92"/>
      <c r="AZ3363" s="93"/>
      <c r="BA3363" s="93"/>
      <c r="BB3363" s="93"/>
      <c r="BC3363" s="93"/>
      <c r="BD3363" s="93"/>
      <c r="BE3363" s="93"/>
      <c r="BF3363" s="93"/>
      <c r="BG3363" s="93"/>
      <c r="BH3363" s="93"/>
      <c r="BI3363" s="93"/>
      <c r="BJ3363" s="93"/>
      <c r="BK3363" s="93"/>
      <c r="BL3363" s="93"/>
    </row>
    <row r="3364" spans="2:64" x14ac:dyDescent="0.2">
      <c r="B3364" s="43"/>
      <c r="C3364" s="73"/>
      <c r="D3364" s="64"/>
      <c r="E3364" s="55"/>
      <c r="F3364" s="74"/>
      <c r="G3364" s="74"/>
      <c r="H3364" s="74"/>
      <c r="I3364" s="75"/>
      <c r="J3364" s="74"/>
      <c r="L3364" s="55"/>
      <c r="M3364" s="234"/>
      <c r="N3364" s="65"/>
      <c r="O3364" s="76"/>
      <c r="P3364" s="76"/>
      <c r="Q3364" s="65"/>
      <c r="R3364" s="76"/>
      <c r="S3364" s="76"/>
      <c r="T3364" s="76"/>
      <c r="U3364" s="76"/>
      <c r="V3364" s="76"/>
      <c r="W3364" s="76"/>
      <c r="X3364" s="76"/>
      <c r="Y3364" s="76"/>
      <c r="Z3364" s="76"/>
      <c r="AA3364" s="85"/>
      <c r="AB3364" s="85"/>
      <c r="AC3364" s="85"/>
      <c r="AD3364" s="85"/>
      <c r="AE3364" s="85"/>
      <c r="AF3364" s="85"/>
      <c r="AG3364" s="86"/>
      <c r="AH3364" s="85"/>
      <c r="AI3364" s="85"/>
      <c r="AJ3364" s="85"/>
      <c r="AK3364" s="85"/>
      <c r="AL3364" s="85"/>
      <c r="AM3364" s="92"/>
      <c r="AN3364" s="92"/>
      <c r="AO3364" s="92"/>
      <c r="AP3364" s="92"/>
      <c r="AQ3364" s="92"/>
      <c r="AR3364" s="92"/>
      <c r="AS3364" s="92"/>
      <c r="AT3364" s="92"/>
      <c r="AU3364" s="92"/>
      <c r="AV3364" s="92"/>
      <c r="AW3364" s="92"/>
      <c r="AX3364" s="92"/>
      <c r="AY3364" s="92"/>
      <c r="AZ3364" s="93"/>
      <c r="BA3364" s="93"/>
      <c r="BB3364" s="93"/>
      <c r="BC3364" s="93"/>
      <c r="BD3364" s="93"/>
      <c r="BE3364" s="93"/>
      <c r="BF3364" s="93"/>
      <c r="BG3364" s="93"/>
      <c r="BH3364" s="93"/>
      <c r="BI3364" s="93"/>
      <c r="BJ3364" s="93"/>
      <c r="BK3364" s="93"/>
      <c r="BL3364" s="93"/>
    </row>
    <row r="3365" spans="2:64" x14ac:dyDescent="0.2">
      <c r="B3365" s="43"/>
      <c r="C3365" s="73"/>
      <c r="D3365" s="64"/>
      <c r="E3365" s="55"/>
      <c r="F3365" s="74"/>
      <c r="G3365" s="74"/>
      <c r="H3365" s="74"/>
      <c r="I3365" s="75"/>
      <c r="J3365" s="74"/>
      <c r="L3365" s="55"/>
      <c r="M3365" s="234"/>
      <c r="N3365" s="65"/>
      <c r="O3365" s="76"/>
      <c r="P3365" s="76"/>
      <c r="Q3365" s="65"/>
      <c r="R3365" s="76"/>
      <c r="S3365" s="76"/>
      <c r="T3365" s="76"/>
      <c r="U3365" s="76"/>
      <c r="V3365" s="76"/>
      <c r="W3365" s="76"/>
      <c r="X3365" s="76"/>
      <c r="Y3365" s="76"/>
      <c r="Z3365" s="76"/>
      <c r="AA3365" s="85"/>
      <c r="AB3365" s="85"/>
      <c r="AC3365" s="85"/>
      <c r="AD3365" s="85"/>
      <c r="AE3365" s="85"/>
      <c r="AF3365" s="85"/>
      <c r="AG3365" s="86"/>
      <c r="AH3365" s="85"/>
      <c r="AI3365" s="85"/>
      <c r="AJ3365" s="85"/>
      <c r="AK3365" s="85"/>
      <c r="AL3365" s="85"/>
      <c r="AM3365" s="92"/>
      <c r="AN3365" s="92"/>
      <c r="AO3365" s="92"/>
      <c r="AP3365" s="92"/>
      <c r="AQ3365" s="92"/>
      <c r="AR3365" s="92"/>
      <c r="AS3365" s="92"/>
      <c r="AT3365" s="92"/>
      <c r="AU3365" s="92"/>
      <c r="AV3365" s="92"/>
      <c r="AW3365" s="92"/>
      <c r="AX3365" s="92"/>
      <c r="AY3365" s="92"/>
      <c r="AZ3365" s="93"/>
      <c r="BA3365" s="93"/>
      <c r="BB3365" s="93"/>
      <c r="BC3365" s="93"/>
      <c r="BD3365" s="93"/>
      <c r="BE3365" s="93"/>
      <c r="BF3365" s="93"/>
      <c r="BG3365" s="93"/>
      <c r="BH3365" s="93"/>
      <c r="BI3365" s="93"/>
      <c r="BJ3365" s="93"/>
      <c r="BK3365" s="93"/>
      <c r="BL3365" s="93"/>
    </row>
    <row r="3366" spans="2:64" x14ac:dyDescent="0.2">
      <c r="B3366" s="43"/>
      <c r="C3366" s="73"/>
      <c r="D3366" s="64"/>
      <c r="E3366" s="55"/>
      <c r="F3366" s="74"/>
      <c r="G3366" s="74"/>
      <c r="H3366" s="74"/>
      <c r="I3366" s="75"/>
      <c r="J3366" s="74"/>
      <c r="L3366" s="55"/>
      <c r="M3366" s="234"/>
      <c r="N3366" s="65"/>
      <c r="O3366" s="76"/>
      <c r="P3366" s="76"/>
      <c r="Q3366" s="65"/>
      <c r="R3366" s="76"/>
      <c r="S3366" s="76"/>
      <c r="T3366" s="76"/>
      <c r="U3366" s="76"/>
      <c r="V3366" s="76"/>
      <c r="W3366" s="76"/>
      <c r="X3366" s="76"/>
      <c r="Y3366" s="76"/>
      <c r="Z3366" s="76"/>
      <c r="AA3366" s="85"/>
      <c r="AB3366" s="85"/>
      <c r="AC3366" s="85"/>
      <c r="AD3366" s="85"/>
      <c r="AE3366" s="85"/>
      <c r="AF3366" s="85"/>
      <c r="AG3366" s="86"/>
      <c r="AH3366" s="85"/>
      <c r="AI3366" s="85"/>
      <c r="AJ3366" s="85"/>
      <c r="AK3366" s="85"/>
      <c r="AL3366" s="85"/>
      <c r="AM3366" s="92"/>
      <c r="AN3366" s="92"/>
      <c r="AO3366" s="92"/>
      <c r="AP3366" s="92"/>
      <c r="AQ3366" s="92"/>
      <c r="AR3366" s="92"/>
      <c r="AS3366" s="92"/>
      <c r="AT3366" s="92"/>
      <c r="AU3366" s="92"/>
      <c r="AV3366" s="92"/>
      <c r="AW3366" s="92"/>
      <c r="AX3366" s="92"/>
      <c r="AY3366" s="92"/>
      <c r="AZ3366" s="93"/>
      <c r="BA3366" s="93"/>
      <c r="BB3366" s="93"/>
      <c r="BC3366" s="93"/>
      <c r="BD3366" s="93"/>
      <c r="BE3366" s="93"/>
      <c r="BF3366" s="93"/>
      <c r="BG3366" s="93"/>
      <c r="BH3366" s="93"/>
      <c r="BI3366" s="93"/>
      <c r="BJ3366" s="93"/>
      <c r="BK3366" s="93"/>
      <c r="BL3366" s="93"/>
    </row>
    <row r="3367" spans="2:64" x14ac:dyDescent="0.2">
      <c r="B3367" s="43"/>
      <c r="C3367" s="73"/>
      <c r="D3367" s="64"/>
      <c r="E3367" s="55"/>
      <c r="F3367" s="74"/>
      <c r="G3367" s="74"/>
      <c r="H3367" s="74"/>
      <c r="I3367" s="75"/>
      <c r="J3367" s="74"/>
      <c r="L3367" s="55"/>
      <c r="M3367" s="234"/>
      <c r="N3367" s="65"/>
      <c r="O3367" s="76"/>
      <c r="P3367" s="76"/>
      <c r="Q3367" s="65"/>
      <c r="R3367" s="76"/>
      <c r="S3367" s="76"/>
      <c r="T3367" s="76"/>
      <c r="U3367" s="76"/>
      <c r="V3367" s="76"/>
      <c r="W3367" s="76"/>
      <c r="X3367" s="76"/>
      <c r="Y3367" s="76"/>
      <c r="Z3367" s="76"/>
      <c r="AA3367" s="85"/>
      <c r="AB3367" s="85"/>
      <c r="AC3367" s="85"/>
      <c r="AD3367" s="85"/>
      <c r="AE3367" s="85"/>
      <c r="AF3367" s="85"/>
      <c r="AG3367" s="86"/>
      <c r="AH3367" s="85"/>
      <c r="AI3367" s="85"/>
      <c r="AJ3367" s="85"/>
      <c r="AK3367" s="85"/>
      <c r="AL3367" s="85"/>
      <c r="AM3367" s="92"/>
      <c r="AN3367" s="92"/>
      <c r="AO3367" s="92"/>
      <c r="AP3367" s="92"/>
      <c r="AQ3367" s="92"/>
      <c r="AR3367" s="92"/>
      <c r="AS3367" s="92"/>
      <c r="AT3367" s="92"/>
      <c r="AU3367" s="92"/>
      <c r="AV3367" s="92"/>
      <c r="AW3367" s="92"/>
      <c r="AX3367" s="92"/>
      <c r="AY3367" s="92"/>
      <c r="AZ3367" s="93"/>
      <c r="BA3367" s="93"/>
      <c r="BB3367" s="93"/>
      <c r="BC3367" s="93"/>
      <c r="BD3367" s="93"/>
      <c r="BE3367" s="93"/>
      <c r="BF3367" s="93"/>
      <c r="BG3367" s="93"/>
      <c r="BH3367" s="93"/>
      <c r="BI3367" s="93"/>
      <c r="BJ3367" s="93"/>
      <c r="BK3367" s="93"/>
      <c r="BL3367" s="93"/>
    </row>
    <row r="3368" spans="2:64" x14ac:dyDescent="0.2">
      <c r="B3368" s="43"/>
      <c r="C3368" s="73"/>
      <c r="D3368" s="64"/>
      <c r="E3368" s="55"/>
      <c r="F3368" s="74"/>
      <c r="G3368" s="74"/>
      <c r="H3368" s="74"/>
      <c r="I3368" s="75"/>
      <c r="J3368" s="74"/>
      <c r="L3368" s="55"/>
      <c r="M3368" s="234"/>
      <c r="N3368" s="65"/>
      <c r="O3368" s="76"/>
      <c r="P3368" s="76"/>
      <c r="Q3368" s="65"/>
      <c r="R3368" s="76"/>
      <c r="S3368" s="76"/>
      <c r="T3368" s="76"/>
      <c r="U3368" s="76"/>
      <c r="V3368" s="76"/>
      <c r="W3368" s="76"/>
      <c r="X3368" s="76"/>
      <c r="Y3368" s="76"/>
      <c r="Z3368" s="76"/>
      <c r="AA3368" s="85"/>
      <c r="AB3368" s="85"/>
      <c r="AC3368" s="85"/>
      <c r="AD3368" s="85"/>
      <c r="AE3368" s="85"/>
      <c r="AF3368" s="85"/>
      <c r="AG3368" s="86"/>
      <c r="AH3368" s="85"/>
      <c r="AI3368" s="85"/>
      <c r="AJ3368" s="85"/>
      <c r="AK3368" s="85"/>
      <c r="AL3368" s="85"/>
      <c r="AM3368" s="92"/>
      <c r="AN3368" s="92"/>
      <c r="AO3368" s="92"/>
      <c r="AP3368" s="92"/>
      <c r="AQ3368" s="92"/>
      <c r="AR3368" s="92"/>
      <c r="AS3368" s="92"/>
      <c r="AT3368" s="92"/>
      <c r="AU3368" s="92"/>
      <c r="AV3368" s="92"/>
      <c r="AW3368" s="92"/>
      <c r="AX3368" s="92"/>
      <c r="AY3368" s="92"/>
      <c r="AZ3368" s="93"/>
      <c r="BA3368" s="93"/>
      <c r="BB3368" s="93"/>
      <c r="BC3368" s="93"/>
      <c r="BD3368" s="93"/>
      <c r="BE3368" s="93"/>
      <c r="BF3368" s="93"/>
      <c r="BG3368" s="93"/>
      <c r="BH3368" s="93"/>
      <c r="BI3368" s="93"/>
      <c r="BJ3368" s="93"/>
      <c r="BK3368" s="93"/>
      <c r="BL3368" s="93"/>
    </row>
    <row r="3369" spans="2:64" x14ac:dyDescent="0.2">
      <c r="B3369" s="43"/>
      <c r="C3369" s="73"/>
      <c r="D3369" s="64"/>
      <c r="E3369" s="55"/>
      <c r="F3369" s="74"/>
      <c r="G3369" s="74"/>
      <c r="H3369" s="74"/>
      <c r="I3369" s="75"/>
      <c r="J3369" s="74"/>
      <c r="L3369" s="55"/>
      <c r="M3369" s="234"/>
      <c r="N3369" s="65"/>
      <c r="O3369" s="76"/>
      <c r="P3369" s="76"/>
      <c r="Q3369" s="65"/>
      <c r="R3369" s="76"/>
      <c r="S3369" s="76"/>
      <c r="T3369" s="76"/>
      <c r="U3369" s="76"/>
      <c r="V3369" s="76"/>
      <c r="W3369" s="76"/>
      <c r="X3369" s="76"/>
      <c r="Y3369" s="76"/>
      <c r="Z3369" s="76"/>
      <c r="AA3369" s="85"/>
      <c r="AB3369" s="85"/>
      <c r="AC3369" s="85"/>
      <c r="AD3369" s="85"/>
      <c r="AE3369" s="85"/>
      <c r="AF3369" s="85"/>
      <c r="AG3369" s="86"/>
      <c r="AH3369" s="85"/>
      <c r="AI3369" s="85"/>
      <c r="AJ3369" s="85"/>
      <c r="AK3369" s="85"/>
      <c r="AL3369" s="85"/>
      <c r="AM3369" s="92"/>
      <c r="AN3369" s="92"/>
      <c r="AO3369" s="92"/>
      <c r="AP3369" s="92"/>
      <c r="AQ3369" s="92"/>
      <c r="AR3369" s="92"/>
      <c r="AS3369" s="92"/>
      <c r="AT3369" s="92"/>
      <c r="AU3369" s="92"/>
      <c r="AV3369" s="92"/>
      <c r="AW3369" s="92"/>
      <c r="AX3369" s="92"/>
      <c r="AY3369" s="92"/>
      <c r="AZ3369" s="93"/>
      <c r="BA3369" s="93"/>
      <c r="BB3369" s="93"/>
      <c r="BC3369" s="93"/>
      <c r="BD3369" s="93"/>
      <c r="BE3369" s="93"/>
      <c r="BF3369" s="93"/>
      <c r="BG3369" s="93"/>
      <c r="BH3369" s="93"/>
      <c r="BI3369" s="93"/>
      <c r="BJ3369" s="93"/>
      <c r="BK3369" s="93"/>
      <c r="BL3369" s="93"/>
    </row>
    <row r="3370" spans="2:64" x14ac:dyDescent="0.2">
      <c r="B3370" s="43"/>
      <c r="C3370" s="73"/>
      <c r="D3370" s="64"/>
      <c r="E3370" s="55"/>
      <c r="F3370" s="74"/>
      <c r="G3370" s="74"/>
      <c r="H3370" s="74"/>
      <c r="I3370" s="75"/>
      <c r="J3370" s="74"/>
      <c r="L3370" s="55"/>
      <c r="M3370" s="234"/>
      <c r="N3370" s="65"/>
      <c r="O3370" s="76"/>
      <c r="P3370" s="76"/>
      <c r="Q3370" s="65"/>
      <c r="R3370" s="76"/>
      <c r="S3370" s="76"/>
      <c r="T3370" s="76"/>
      <c r="U3370" s="76"/>
      <c r="V3370" s="76"/>
      <c r="W3370" s="76"/>
      <c r="X3370" s="76"/>
      <c r="Y3370" s="76"/>
      <c r="Z3370" s="76"/>
      <c r="AA3370" s="85"/>
      <c r="AB3370" s="85"/>
      <c r="AC3370" s="85"/>
      <c r="AD3370" s="85"/>
      <c r="AE3370" s="85"/>
      <c r="AF3370" s="85"/>
      <c r="AG3370" s="86"/>
      <c r="AH3370" s="85"/>
      <c r="AI3370" s="85"/>
      <c r="AJ3370" s="85"/>
      <c r="AK3370" s="85"/>
      <c r="AL3370" s="85"/>
      <c r="AM3370" s="92"/>
      <c r="AN3370" s="92"/>
      <c r="AO3370" s="92"/>
      <c r="AP3370" s="92"/>
      <c r="AQ3370" s="92"/>
      <c r="AR3370" s="92"/>
      <c r="AS3370" s="92"/>
      <c r="AT3370" s="92"/>
      <c r="AU3370" s="92"/>
      <c r="AV3370" s="92"/>
      <c r="AW3370" s="92"/>
      <c r="AX3370" s="92"/>
      <c r="AY3370" s="92"/>
      <c r="AZ3370" s="93"/>
      <c r="BA3370" s="93"/>
      <c r="BB3370" s="93"/>
      <c r="BC3370" s="93"/>
      <c r="BD3370" s="93"/>
      <c r="BE3370" s="93"/>
      <c r="BF3370" s="93"/>
      <c r="BG3370" s="93"/>
      <c r="BH3370" s="93"/>
      <c r="BI3370" s="93"/>
      <c r="BJ3370" s="93"/>
      <c r="BK3370" s="93"/>
      <c r="BL3370" s="93"/>
    </row>
    <row r="3371" spans="2:64" x14ac:dyDescent="0.2">
      <c r="B3371" s="43"/>
      <c r="C3371" s="73"/>
      <c r="D3371" s="64"/>
      <c r="E3371" s="55"/>
      <c r="F3371" s="74"/>
      <c r="G3371" s="74"/>
      <c r="H3371" s="74"/>
      <c r="I3371" s="75"/>
      <c r="J3371" s="74"/>
      <c r="L3371" s="55"/>
      <c r="M3371" s="234"/>
      <c r="N3371" s="65"/>
      <c r="O3371" s="76"/>
      <c r="P3371" s="76"/>
      <c r="Q3371" s="65"/>
      <c r="R3371" s="76"/>
      <c r="S3371" s="76"/>
      <c r="T3371" s="76"/>
      <c r="U3371" s="76"/>
      <c r="V3371" s="76"/>
      <c r="W3371" s="76"/>
      <c r="X3371" s="76"/>
      <c r="Y3371" s="76"/>
      <c r="Z3371" s="76"/>
      <c r="AA3371" s="85"/>
      <c r="AB3371" s="85"/>
      <c r="AC3371" s="85"/>
      <c r="AD3371" s="85"/>
      <c r="AE3371" s="85"/>
      <c r="AF3371" s="85"/>
      <c r="AG3371" s="86"/>
      <c r="AH3371" s="85"/>
      <c r="AI3371" s="85"/>
      <c r="AJ3371" s="85"/>
      <c r="AK3371" s="85"/>
      <c r="AL3371" s="85"/>
      <c r="AM3371" s="92"/>
      <c r="AN3371" s="92"/>
      <c r="AO3371" s="92"/>
      <c r="AP3371" s="92"/>
      <c r="AQ3371" s="92"/>
      <c r="AR3371" s="92"/>
      <c r="AS3371" s="92"/>
      <c r="AT3371" s="92"/>
      <c r="AU3371" s="92"/>
      <c r="AV3371" s="92"/>
      <c r="AW3371" s="92"/>
      <c r="AX3371" s="92"/>
      <c r="AY3371" s="92"/>
      <c r="AZ3371" s="93"/>
      <c r="BA3371" s="93"/>
      <c r="BB3371" s="93"/>
      <c r="BC3371" s="93"/>
      <c r="BD3371" s="93"/>
      <c r="BE3371" s="93"/>
      <c r="BF3371" s="93"/>
      <c r="BG3371" s="93"/>
      <c r="BH3371" s="93"/>
      <c r="BI3371" s="93"/>
      <c r="BJ3371" s="93"/>
      <c r="BK3371" s="93"/>
      <c r="BL3371" s="93"/>
    </row>
    <row r="3372" spans="2:64" x14ac:dyDescent="0.2">
      <c r="B3372" s="43"/>
      <c r="C3372" s="73"/>
      <c r="D3372" s="64"/>
      <c r="E3372" s="55"/>
      <c r="F3372" s="74"/>
      <c r="G3372" s="74"/>
      <c r="H3372" s="74"/>
      <c r="I3372" s="75"/>
      <c r="J3372" s="74"/>
      <c r="L3372" s="55"/>
      <c r="M3372" s="234"/>
      <c r="N3372" s="65"/>
      <c r="O3372" s="76"/>
      <c r="P3372" s="76"/>
      <c r="Q3372" s="65"/>
      <c r="R3372" s="76"/>
      <c r="S3372" s="76"/>
      <c r="T3372" s="76"/>
      <c r="U3372" s="76"/>
      <c r="V3372" s="76"/>
      <c r="W3372" s="76"/>
      <c r="X3372" s="76"/>
      <c r="Y3372" s="76"/>
      <c r="Z3372" s="76"/>
      <c r="AA3372" s="85"/>
      <c r="AB3372" s="85"/>
      <c r="AC3372" s="85"/>
      <c r="AD3372" s="85"/>
      <c r="AE3372" s="85"/>
      <c r="AF3372" s="85"/>
      <c r="AG3372" s="86"/>
      <c r="AH3372" s="85"/>
      <c r="AI3372" s="85"/>
      <c r="AJ3372" s="85"/>
      <c r="AK3372" s="85"/>
      <c r="AL3372" s="85"/>
      <c r="AM3372" s="92"/>
      <c r="AN3372" s="92"/>
      <c r="AO3372" s="92"/>
      <c r="AP3372" s="92"/>
      <c r="AQ3372" s="92"/>
      <c r="AR3372" s="92"/>
      <c r="AS3372" s="92"/>
      <c r="AT3372" s="92"/>
      <c r="AU3372" s="92"/>
      <c r="AV3372" s="92"/>
      <c r="AW3372" s="92"/>
      <c r="AX3372" s="92"/>
      <c r="AY3372" s="92"/>
      <c r="AZ3372" s="93"/>
      <c r="BA3372" s="93"/>
      <c r="BB3372" s="93"/>
      <c r="BC3372" s="93"/>
      <c r="BD3372" s="93"/>
      <c r="BE3372" s="93"/>
      <c r="BF3372" s="93"/>
      <c r="BG3372" s="93"/>
      <c r="BH3372" s="93"/>
      <c r="BI3372" s="93"/>
      <c r="BJ3372" s="93"/>
      <c r="BK3372" s="93"/>
      <c r="BL3372" s="93"/>
    </row>
    <row r="3373" spans="2:64" x14ac:dyDescent="0.2">
      <c r="B3373" s="43"/>
      <c r="C3373" s="73"/>
      <c r="D3373" s="64"/>
      <c r="E3373" s="55"/>
      <c r="F3373" s="74"/>
      <c r="G3373" s="74"/>
      <c r="H3373" s="74"/>
      <c r="I3373" s="75"/>
      <c r="J3373" s="74"/>
      <c r="L3373" s="55"/>
      <c r="M3373" s="234"/>
      <c r="N3373" s="65"/>
      <c r="O3373" s="76"/>
      <c r="P3373" s="76"/>
      <c r="Q3373" s="65"/>
      <c r="R3373" s="76"/>
      <c r="S3373" s="76"/>
      <c r="T3373" s="76"/>
      <c r="U3373" s="76"/>
      <c r="V3373" s="76"/>
      <c r="W3373" s="76"/>
      <c r="X3373" s="76"/>
      <c r="Y3373" s="76"/>
      <c r="Z3373" s="76"/>
      <c r="AA3373" s="85"/>
      <c r="AB3373" s="85"/>
      <c r="AC3373" s="85"/>
      <c r="AD3373" s="85"/>
      <c r="AE3373" s="85"/>
      <c r="AF3373" s="85"/>
      <c r="AG3373" s="86"/>
      <c r="AH3373" s="85"/>
      <c r="AI3373" s="85"/>
      <c r="AJ3373" s="85"/>
      <c r="AK3373" s="85"/>
      <c r="AL3373" s="85"/>
      <c r="AM3373" s="92"/>
      <c r="AN3373" s="92"/>
      <c r="AO3373" s="92"/>
      <c r="AP3373" s="92"/>
      <c r="AQ3373" s="92"/>
      <c r="AR3373" s="92"/>
      <c r="AS3373" s="92"/>
      <c r="AT3373" s="92"/>
      <c r="AU3373" s="92"/>
      <c r="AV3373" s="92"/>
      <c r="AW3373" s="92"/>
      <c r="AX3373" s="92"/>
      <c r="AY3373" s="92"/>
      <c r="AZ3373" s="93"/>
      <c r="BA3373" s="93"/>
      <c r="BB3373" s="93"/>
      <c r="BC3373" s="93"/>
      <c r="BD3373" s="93"/>
      <c r="BE3373" s="93"/>
      <c r="BF3373" s="93"/>
      <c r="BG3373" s="93"/>
      <c r="BH3373" s="93"/>
      <c r="BI3373" s="93"/>
      <c r="BJ3373" s="93"/>
      <c r="BK3373" s="93"/>
      <c r="BL3373" s="93"/>
    </row>
    <row r="3374" spans="2:64" x14ac:dyDescent="0.2">
      <c r="B3374" s="43"/>
      <c r="C3374" s="73"/>
      <c r="D3374" s="64"/>
      <c r="E3374" s="55"/>
      <c r="F3374" s="74"/>
      <c r="G3374" s="74"/>
      <c r="H3374" s="74"/>
      <c r="I3374" s="75"/>
      <c r="J3374" s="74"/>
      <c r="L3374" s="55"/>
      <c r="M3374" s="234"/>
      <c r="N3374" s="65"/>
      <c r="O3374" s="76"/>
      <c r="P3374" s="76"/>
      <c r="Q3374" s="65"/>
      <c r="R3374" s="76"/>
      <c r="S3374" s="76"/>
      <c r="T3374" s="76"/>
      <c r="U3374" s="76"/>
      <c r="V3374" s="76"/>
      <c r="W3374" s="76"/>
      <c r="X3374" s="76"/>
      <c r="Y3374" s="76"/>
      <c r="Z3374" s="76"/>
      <c r="AA3374" s="85"/>
      <c r="AB3374" s="85"/>
      <c r="AC3374" s="85"/>
      <c r="AD3374" s="85"/>
      <c r="AE3374" s="85"/>
      <c r="AF3374" s="85"/>
      <c r="AG3374" s="86"/>
      <c r="AH3374" s="85"/>
      <c r="AI3374" s="85"/>
      <c r="AJ3374" s="85"/>
      <c r="AK3374" s="85"/>
      <c r="AL3374" s="85"/>
      <c r="AM3374" s="92"/>
      <c r="AN3374" s="92"/>
      <c r="AO3374" s="92"/>
      <c r="AP3374" s="92"/>
      <c r="AQ3374" s="92"/>
      <c r="AR3374" s="92"/>
      <c r="AS3374" s="92"/>
      <c r="AT3374" s="92"/>
      <c r="AU3374" s="92"/>
      <c r="AV3374" s="92"/>
      <c r="AW3374" s="92"/>
      <c r="AX3374" s="92"/>
      <c r="AY3374" s="92"/>
      <c r="AZ3374" s="93"/>
      <c r="BA3374" s="93"/>
      <c r="BB3374" s="93"/>
      <c r="BC3374" s="93"/>
      <c r="BD3374" s="93"/>
      <c r="BE3374" s="93"/>
      <c r="BF3374" s="93"/>
      <c r="BG3374" s="93"/>
      <c r="BH3374" s="93"/>
      <c r="BI3374" s="93"/>
      <c r="BJ3374" s="93"/>
      <c r="BK3374" s="93"/>
      <c r="BL3374" s="93"/>
    </row>
    <row r="3375" spans="2:64" x14ac:dyDescent="0.2">
      <c r="B3375" s="43"/>
      <c r="C3375" s="73"/>
      <c r="D3375" s="64"/>
      <c r="E3375" s="55"/>
      <c r="F3375" s="74"/>
      <c r="G3375" s="74"/>
      <c r="H3375" s="74"/>
      <c r="I3375" s="75"/>
      <c r="J3375" s="74"/>
      <c r="L3375" s="55"/>
      <c r="M3375" s="234"/>
      <c r="N3375" s="65"/>
      <c r="O3375" s="76"/>
      <c r="P3375" s="76"/>
      <c r="Q3375" s="65"/>
      <c r="R3375" s="76"/>
      <c r="S3375" s="76"/>
      <c r="T3375" s="76"/>
      <c r="U3375" s="76"/>
      <c r="V3375" s="76"/>
      <c r="W3375" s="76"/>
      <c r="X3375" s="76"/>
      <c r="Y3375" s="76"/>
      <c r="Z3375" s="76"/>
      <c r="AA3375" s="85"/>
      <c r="AB3375" s="85"/>
      <c r="AC3375" s="85"/>
      <c r="AD3375" s="85"/>
      <c r="AE3375" s="85"/>
      <c r="AF3375" s="85"/>
      <c r="AG3375" s="86"/>
      <c r="AH3375" s="85"/>
      <c r="AI3375" s="85"/>
      <c r="AJ3375" s="85"/>
      <c r="AK3375" s="85"/>
      <c r="AL3375" s="85"/>
      <c r="AM3375" s="92"/>
      <c r="AN3375" s="92"/>
      <c r="AO3375" s="92"/>
      <c r="AP3375" s="92"/>
      <c r="AQ3375" s="92"/>
      <c r="AR3375" s="92"/>
      <c r="AS3375" s="92"/>
      <c r="AT3375" s="92"/>
      <c r="AU3375" s="92"/>
      <c r="AV3375" s="92"/>
      <c r="AW3375" s="92"/>
      <c r="AX3375" s="92"/>
      <c r="AY3375" s="92"/>
      <c r="AZ3375" s="93"/>
      <c r="BA3375" s="93"/>
      <c r="BB3375" s="93"/>
      <c r="BC3375" s="93"/>
      <c r="BD3375" s="93"/>
      <c r="BE3375" s="93"/>
      <c r="BF3375" s="93"/>
      <c r="BG3375" s="93"/>
      <c r="BH3375" s="93"/>
      <c r="BI3375" s="93"/>
      <c r="BJ3375" s="93"/>
      <c r="BK3375" s="93"/>
      <c r="BL3375" s="93"/>
    </row>
    <row r="3376" spans="2:64" x14ac:dyDescent="0.2">
      <c r="B3376" s="43"/>
      <c r="C3376" s="73"/>
      <c r="D3376" s="64"/>
      <c r="E3376" s="55"/>
      <c r="F3376" s="74"/>
      <c r="G3376" s="74"/>
      <c r="H3376" s="74"/>
      <c r="I3376" s="75"/>
      <c r="J3376" s="74"/>
      <c r="L3376" s="55"/>
      <c r="M3376" s="234"/>
      <c r="N3376" s="65"/>
      <c r="O3376" s="76"/>
      <c r="P3376" s="76"/>
      <c r="Q3376" s="65"/>
      <c r="R3376" s="76"/>
      <c r="S3376" s="76"/>
      <c r="T3376" s="76"/>
      <c r="U3376" s="76"/>
      <c r="V3376" s="76"/>
      <c r="W3376" s="76"/>
      <c r="X3376" s="76"/>
      <c r="Y3376" s="76"/>
      <c r="Z3376" s="76"/>
      <c r="AA3376" s="85"/>
      <c r="AB3376" s="85"/>
      <c r="AC3376" s="85"/>
      <c r="AD3376" s="85"/>
      <c r="AE3376" s="85"/>
      <c r="AF3376" s="85"/>
      <c r="AG3376" s="86"/>
      <c r="AH3376" s="85"/>
      <c r="AI3376" s="85"/>
      <c r="AJ3376" s="85"/>
      <c r="AK3376" s="85"/>
      <c r="AL3376" s="85"/>
      <c r="AM3376" s="92"/>
      <c r="AN3376" s="92"/>
      <c r="AO3376" s="92"/>
      <c r="AP3376" s="92"/>
      <c r="AQ3376" s="92"/>
      <c r="AR3376" s="92"/>
      <c r="AS3376" s="92"/>
      <c r="AT3376" s="92"/>
      <c r="AU3376" s="92"/>
      <c r="AV3376" s="92"/>
      <c r="AW3376" s="92"/>
      <c r="AX3376" s="92"/>
      <c r="AY3376" s="92"/>
      <c r="AZ3376" s="93"/>
      <c r="BA3376" s="93"/>
      <c r="BB3376" s="93"/>
      <c r="BC3376" s="93"/>
      <c r="BD3376" s="93"/>
      <c r="BE3376" s="93"/>
      <c r="BF3376" s="93"/>
      <c r="BG3376" s="93"/>
      <c r="BH3376" s="93"/>
      <c r="BI3376" s="93"/>
      <c r="BJ3376" s="93"/>
      <c r="BK3376" s="93"/>
      <c r="BL3376" s="93"/>
    </row>
    <row r="3377" spans="2:64" x14ac:dyDescent="0.2">
      <c r="B3377" s="43"/>
      <c r="C3377" s="73"/>
      <c r="D3377" s="64"/>
      <c r="E3377" s="55"/>
      <c r="F3377" s="74"/>
      <c r="G3377" s="74"/>
      <c r="H3377" s="74"/>
      <c r="I3377" s="75"/>
      <c r="J3377" s="74"/>
      <c r="L3377" s="55"/>
      <c r="M3377" s="234"/>
      <c r="N3377" s="65"/>
      <c r="O3377" s="76"/>
      <c r="P3377" s="76"/>
      <c r="Q3377" s="65"/>
      <c r="R3377" s="76"/>
      <c r="S3377" s="76"/>
      <c r="T3377" s="76"/>
      <c r="U3377" s="76"/>
      <c r="V3377" s="76"/>
      <c r="W3377" s="76"/>
      <c r="X3377" s="76"/>
      <c r="Y3377" s="76"/>
      <c r="Z3377" s="76"/>
      <c r="AA3377" s="85"/>
      <c r="AB3377" s="85"/>
      <c r="AC3377" s="85"/>
      <c r="AD3377" s="85"/>
      <c r="AE3377" s="85"/>
      <c r="AF3377" s="85"/>
      <c r="AG3377" s="86"/>
      <c r="AH3377" s="85"/>
      <c r="AI3377" s="85"/>
      <c r="AJ3377" s="85"/>
      <c r="AK3377" s="85"/>
      <c r="AL3377" s="85"/>
      <c r="AM3377" s="92"/>
      <c r="AN3377" s="92"/>
      <c r="AO3377" s="92"/>
      <c r="AP3377" s="92"/>
      <c r="AQ3377" s="92"/>
      <c r="AR3377" s="92"/>
      <c r="AS3377" s="92"/>
      <c r="AT3377" s="92"/>
      <c r="AU3377" s="92"/>
      <c r="AV3377" s="92"/>
      <c r="AW3377" s="92"/>
      <c r="AX3377" s="92"/>
      <c r="AY3377" s="92"/>
      <c r="AZ3377" s="93"/>
      <c r="BA3377" s="93"/>
      <c r="BB3377" s="93"/>
      <c r="BC3377" s="93"/>
      <c r="BD3377" s="93"/>
      <c r="BE3377" s="93"/>
      <c r="BF3377" s="93"/>
      <c r="BG3377" s="93"/>
      <c r="BH3377" s="93"/>
      <c r="BI3377" s="93"/>
      <c r="BJ3377" s="93"/>
      <c r="BK3377" s="93"/>
      <c r="BL3377" s="93"/>
    </row>
    <row r="3378" spans="2:64" x14ac:dyDescent="0.2">
      <c r="B3378" s="43"/>
      <c r="C3378" s="73"/>
      <c r="D3378" s="64"/>
      <c r="E3378" s="55"/>
      <c r="F3378" s="74"/>
      <c r="G3378" s="74"/>
      <c r="H3378" s="74"/>
      <c r="I3378" s="75"/>
      <c r="J3378" s="74"/>
      <c r="L3378" s="55"/>
      <c r="M3378" s="234"/>
      <c r="N3378" s="65"/>
      <c r="O3378" s="76"/>
      <c r="P3378" s="76"/>
      <c r="Q3378" s="65"/>
      <c r="R3378" s="76"/>
      <c r="S3378" s="76"/>
      <c r="T3378" s="76"/>
      <c r="U3378" s="76"/>
      <c r="V3378" s="76"/>
      <c r="W3378" s="76"/>
      <c r="X3378" s="76"/>
      <c r="Y3378" s="76"/>
      <c r="Z3378" s="76"/>
      <c r="AA3378" s="85"/>
      <c r="AB3378" s="85"/>
      <c r="AC3378" s="85"/>
      <c r="AD3378" s="85"/>
      <c r="AE3378" s="85"/>
      <c r="AF3378" s="85"/>
      <c r="AG3378" s="86"/>
      <c r="AH3378" s="85"/>
      <c r="AI3378" s="85"/>
      <c r="AJ3378" s="85"/>
      <c r="AK3378" s="85"/>
      <c r="AL3378" s="85"/>
      <c r="AM3378" s="92"/>
      <c r="AN3378" s="92"/>
      <c r="AO3378" s="92"/>
      <c r="AP3378" s="92"/>
      <c r="AQ3378" s="92"/>
      <c r="AR3378" s="92"/>
      <c r="AS3378" s="92"/>
      <c r="AT3378" s="92"/>
      <c r="AU3378" s="92"/>
      <c r="AV3378" s="92"/>
      <c r="AW3378" s="92"/>
      <c r="AX3378" s="92"/>
      <c r="AY3378" s="92"/>
      <c r="AZ3378" s="93"/>
      <c r="BA3378" s="93"/>
      <c r="BB3378" s="93"/>
      <c r="BC3378" s="93"/>
      <c r="BD3378" s="93"/>
      <c r="BE3378" s="93"/>
      <c r="BF3378" s="93"/>
      <c r="BG3378" s="93"/>
      <c r="BH3378" s="93"/>
      <c r="BI3378" s="93"/>
      <c r="BJ3378" s="93"/>
      <c r="BK3378" s="93"/>
      <c r="BL3378" s="93"/>
    </row>
    <row r="3379" spans="2:64" x14ac:dyDescent="0.2">
      <c r="B3379" s="43"/>
      <c r="C3379" s="73"/>
      <c r="D3379" s="64"/>
      <c r="E3379" s="55"/>
      <c r="F3379" s="74"/>
      <c r="G3379" s="74"/>
      <c r="H3379" s="74"/>
      <c r="I3379" s="75"/>
      <c r="J3379" s="74"/>
      <c r="L3379" s="55"/>
      <c r="M3379" s="234"/>
      <c r="N3379" s="65"/>
      <c r="O3379" s="76"/>
      <c r="P3379" s="76"/>
      <c r="Q3379" s="65"/>
      <c r="R3379" s="76"/>
      <c r="S3379" s="76"/>
      <c r="T3379" s="76"/>
      <c r="U3379" s="76"/>
      <c r="V3379" s="76"/>
      <c r="W3379" s="76"/>
      <c r="X3379" s="76"/>
      <c r="Y3379" s="76"/>
      <c r="Z3379" s="76"/>
      <c r="AA3379" s="85"/>
      <c r="AB3379" s="85"/>
      <c r="AC3379" s="85"/>
      <c r="AD3379" s="85"/>
      <c r="AE3379" s="85"/>
      <c r="AF3379" s="85"/>
      <c r="AG3379" s="86"/>
      <c r="AH3379" s="85"/>
      <c r="AI3379" s="85"/>
      <c r="AJ3379" s="85"/>
      <c r="AK3379" s="85"/>
      <c r="AL3379" s="85"/>
      <c r="AM3379" s="92"/>
      <c r="AN3379" s="92"/>
      <c r="AO3379" s="92"/>
      <c r="AP3379" s="92"/>
      <c r="AQ3379" s="92"/>
      <c r="AR3379" s="92"/>
      <c r="AS3379" s="92"/>
      <c r="AT3379" s="92"/>
      <c r="AU3379" s="92"/>
      <c r="AV3379" s="92"/>
      <c r="AW3379" s="92"/>
      <c r="AX3379" s="92"/>
      <c r="AY3379" s="92"/>
      <c r="AZ3379" s="93"/>
      <c r="BA3379" s="93"/>
      <c r="BB3379" s="93"/>
      <c r="BC3379" s="93"/>
      <c r="BD3379" s="93"/>
      <c r="BE3379" s="93"/>
      <c r="BF3379" s="93"/>
      <c r="BG3379" s="93"/>
      <c r="BH3379" s="93"/>
      <c r="BI3379" s="93"/>
      <c r="BJ3379" s="93"/>
      <c r="BK3379" s="93"/>
      <c r="BL3379" s="93"/>
    </row>
    <row r="3380" spans="2:64" x14ac:dyDescent="0.2">
      <c r="B3380" s="43"/>
      <c r="C3380" s="73"/>
      <c r="D3380" s="64"/>
      <c r="E3380" s="55"/>
      <c r="F3380" s="74"/>
      <c r="G3380" s="74"/>
      <c r="H3380" s="74"/>
      <c r="I3380" s="75"/>
      <c r="J3380" s="74"/>
      <c r="L3380" s="55"/>
      <c r="M3380" s="234"/>
      <c r="N3380" s="65"/>
      <c r="O3380" s="76"/>
      <c r="P3380" s="76"/>
      <c r="Q3380" s="65"/>
      <c r="R3380" s="76"/>
      <c r="S3380" s="76"/>
      <c r="T3380" s="76"/>
      <c r="U3380" s="76"/>
      <c r="V3380" s="76"/>
      <c r="W3380" s="76"/>
      <c r="X3380" s="76"/>
      <c r="Y3380" s="76"/>
      <c r="Z3380" s="76"/>
      <c r="AA3380" s="85"/>
      <c r="AB3380" s="85"/>
      <c r="AC3380" s="85"/>
      <c r="AD3380" s="85"/>
      <c r="AE3380" s="85"/>
      <c r="AF3380" s="85"/>
      <c r="AG3380" s="86"/>
      <c r="AH3380" s="85"/>
      <c r="AI3380" s="85"/>
      <c r="AJ3380" s="85"/>
      <c r="AK3380" s="85"/>
      <c r="AL3380" s="85"/>
      <c r="AM3380" s="92"/>
      <c r="AN3380" s="92"/>
      <c r="AO3380" s="92"/>
      <c r="AP3380" s="92"/>
      <c r="AQ3380" s="92"/>
      <c r="AR3380" s="92"/>
      <c r="AS3380" s="92"/>
      <c r="AT3380" s="92"/>
      <c r="AU3380" s="92"/>
      <c r="AV3380" s="92"/>
      <c r="AW3380" s="92"/>
      <c r="AX3380" s="92"/>
      <c r="AY3380" s="92"/>
      <c r="AZ3380" s="93"/>
      <c r="BA3380" s="93"/>
      <c r="BB3380" s="93"/>
      <c r="BC3380" s="93"/>
      <c r="BD3380" s="93"/>
      <c r="BE3380" s="93"/>
      <c r="BF3380" s="93"/>
      <c r="BG3380" s="93"/>
      <c r="BH3380" s="93"/>
      <c r="BI3380" s="93"/>
      <c r="BJ3380" s="93"/>
      <c r="BK3380" s="93"/>
      <c r="BL3380" s="93"/>
    </row>
    <row r="3381" spans="2:64" x14ac:dyDescent="0.2">
      <c r="B3381" s="43"/>
      <c r="C3381" s="73"/>
      <c r="D3381" s="64"/>
      <c r="E3381" s="55"/>
      <c r="F3381" s="74"/>
      <c r="G3381" s="74"/>
      <c r="H3381" s="74"/>
      <c r="I3381" s="75"/>
      <c r="J3381" s="74"/>
      <c r="L3381" s="55"/>
      <c r="M3381" s="234"/>
      <c r="N3381" s="65"/>
      <c r="O3381" s="76"/>
      <c r="P3381" s="76"/>
      <c r="Q3381" s="65"/>
      <c r="R3381" s="76"/>
      <c r="S3381" s="76"/>
      <c r="T3381" s="76"/>
      <c r="U3381" s="76"/>
      <c r="V3381" s="76"/>
      <c r="W3381" s="76"/>
      <c r="X3381" s="76"/>
      <c r="Y3381" s="76"/>
      <c r="Z3381" s="76"/>
      <c r="AA3381" s="85"/>
      <c r="AB3381" s="85"/>
      <c r="AC3381" s="85"/>
      <c r="AD3381" s="85"/>
      <c r="AE3381" s="85"/>
      <c r="AF3381" s="85"/>
      <c r="AG3381" s="86"/>
      <c r="AH3381" s="85"/>
      <c r="AI3381" s="85"/>
      <c r="AJ3381" s="85"/>
      <c r="AK3381" s="85"/>
      <c r="AL3381" s="85"/>
      <c r="AM3381" s="92"/>
      <c r="AN3381" s="92"/>
      <c r="AO3381" s="92"/>
      <c r="AP3381" s="92"/>
      <c r="AQ3381" s="92"/>
      <c r="AR3381" s="92"/>
      <c r="AS3381" s="92"/>
      <c r="AT3381" s="92"/>
      <c r="AU3381" s="92"/>
      <c r="AV3381" s="92"/>
      <c r="AW3381" s="92"/>
      <c r="AX3381" s="92"/>
      <c r="AY3381" s="92"/>
      <c r="AZ3381" s="93"/>
      <c r="BA3381" s="93"/>
      <c r="BB3381" s="93"/>
      <c r="BC3381" s="93"/>
      <c r="BD3381" s="93"/>
      <c r="BE3381" s="93"/>
      <c r="BF3381" s="93"/>
      <c r="BG3381" s="93"/>
      <c r="BH3381" s="93"/>
      <c r="BI3381" s="93"/>
      <c r="BJ3381" s="93"/>
      <c r="BK3381" s="93"/>
      <c r="BL3381" s="93"/>
    </row>
    <row r="3382" spans="2:64" x14ac:dyDescent="0.2">
      <c r="B3382" s="43"/>
      <c r="C3382" s="73"/>
      <c r="D3382" s="64"/>
      <c r="E3382" s="55"/>
      <c r="F3382" s="74"/>
      <c r="G3382" s="74"/>
      <c r="H3382" s="74"/>
      <c r="I3382" s="75"/>
      <c r="J3382" s="74"/>
      <c r="L3382" s="55"/>
      <c r="M3382" s="234"/>
      <c r="N3382" s="65"/>
      <c r="O3382" s="76"/>
      <c r="P3382" s="76"/>
      <c r="Q3382" s="65"/>
      <c r="R3382" s="76"/>
      <c r="S3382" s="76"/>
      <c r="T3382" s="76"/>
      <c r="U3382" s="76"/>
      <c r="V3382" s="76"/>
      <c r="W3382" s="76"/>
      <c r="X3382" s="76"/>
      <c r="Y3382" s="76"/>
      <c r="Z3382" s="76"/>
      <c r="AA3382" s="85"/>
      <c r="AB3382" s="85"/>
      <c r="AC3382" s="85"/>
      <c r="AD3382" s="85"/>
      <c r="AE3382" s="85"/>
      <c r="AF3382" s="85"/>
      <c r="AG3382" s="86"/>
      <c r="AH3382" s="85"/>
      <c r="AI3382" s="85"/>
      <c r="AJ3382" s="85"/>
      <c r="AK3382" s="85"/>
      <c r="AL3382" s="85"/>
      <c r="AM3382" s="92"/>
      <c r="AN3382" s="92"/>
      <c r="AO3382" s="92"/>
      <c r="AP3382" s="92"/>
      <c r="AQ3382" s="92"/>
      <c r="AR3382" s="92"/>
      <c r="AS3382" s="92"/>
      <c r="AT3382" s="92"/>
      <c r="AU3382" s="92"/>
      <c r="AV3382" s="92"/>
      <c r="AW3382" s="92"/>
      <c r="AX3382" s="92"/>
      <c r="AY3382" s="92"/>
      <c r="AZ3382" s="93"/>
      <c r="BA3382" s="93"/>
      <c r="BB3382" s="93"/>
      <c r="BC3382" s="93"/>
      <c r="BD3382" s="93"/>
      <c r="BE3382" s="93"/>
      <c r="BF3382" s="93"/>
      <c r="BG3382" s="93"/>
      <c r="BH3382" s="93"/>
      <c r="BI3382" s="93"/>
      <c r="BJ3382" s="93"/>
      <c r="BK3382" s="93"/>
      <c r="BL3382" s="93"/>
    </row>
    <row r="3383" spans="2:64" x14ac:dyDescent="0.2">
      <c r="B3383" s="43"/>
      <c r="C3383" s="73"/>
      <c r="D3383" s="64"/>
      <c r="E3383" s="55"/>
      <c r="F3383" s="74"/>
      <c r="G3383" s="74"/>
      <c r="H3383" s="74"/>
      <c r="I3383" s="75"/>
      <c r="J3383" s="74"/>
      <c r="L3383" s="55"/>
      <c r="M3383" s="234"/>
      <c r="N3383" s="65"/>
      <c r="O3383" s="76"/>
      <c r="P3383" s="76"/>
      <c r="Q3383" s="65"/>
      <c r="R3383" s="76"/>
      <c r="S3383" s="76"/>
      <c r="T3383" s="76"/>
      <c r="U3383" s="76"/>
      <c r="V3383" s="76"/>
      <c r="W3383" s="76"/>
      <c r="X3383" s="76"/>
      <c r="Y3383" s="76"/>
      <c r="Z3383" s="76"/>
      <c r="AA3383" s="85"/>
      <c r="AB3383" s="85"/>
      <c r="AC3383" s="85"/>
      <c r="AD3383" s="85"/>
      <c r="AE3383" s="85"/>
      <c r="AF3383" s="85"/>
      <c r="AG3383" s="86"/>
      <c r="AH3383" s="85"/>
      <c r="AI3383" s="85"/>
      <c r="AJ3383" s="85"/>
      <c r="AK3383" s="85"/>
      <c r="AL3383" s="85"/>
      <c r="AM3383" s="92"/>
      <c r="AN3383" s="92"/>
      <c r="AO3383" s="92"/>
      <c r="AP3383" s="92"/>
      <c r="AQ3383" s="92"/>
      <c r="AR3383" s="92"/>
      <c r="AS3383" s="92"/>
      <c r="AT3383" s="92"/>
      <c r="AU3383" s="92"/>
      <c r="AV3383" s="92"/>
      <c r="AW3383" s="92"/>
      <c r="AX3383" s="92"/>
      <c r="AY3383" s="92"/>
      <c r="AZ3383" s="93"/>
      <c r="BA3383" s="93"/>
      <c r="BB3383" s="93"/>
      <c r="BC3383" s="93"/>
      <c r="BD3383" s="93"/>
      <c r="BE3383" s="93"/>
      <c r="BF3383" s="93"/>
      <c r="BG3383" s="93"/>
      <c r="BH3383" s="93"/>
      <c r="BI3383" s="93"/>
      <c r="BJ3383" s="93"/>
      <c r="BK3383" s="93"/>
      <c r="BL3383" s="93"/>
    </row>
    <row r="3384" spans="2:64" x14ac:dyDescent="0.2">
      <c r="B3384" s="43"/>
      <c r="C3384" s="73"/>
      <c r="D3384" s="64"/>
      <c r="E3384" s="55"/>
      <c r="F3384" s="74"/>
      <c r="G3384" s="74"/>
      <c r="H3384" s="74"/>
      <c r="I3384" s="75"/>
      <c r="J3384" s="74"/>
      <c r="L3384" s="55"/>
      <c r="M3384" s="234"/>
      <c r="N3384" s="65"/>
      <c r="O3384" s="76"/>
      <c r="P3384" s="76"/>
      <c r="Q3384" s="65"/>
      <c r="R3384" s="76"/>
      <c r="S3384" s="76"/>
      <c r="T3384" s="76"/>
      <c r="U3384" s="76"/>
      <c r="V3384" s="76"/>
      <c r="W3384" s="76"/>
      <c r="X3384" s="76"/>
      <c r="Y3384" s="76"/>
      <c r="Z3384" s="76"/>
      <c r="AA3384" s="85"/>
      <c r="AB3384" s="85"/>
      <c r="AC3384" s="85"/>
      <c r="AD3384" s="85"/>
      <c r="AE3384" s="85"/>
      <c r="AF3384" s="85"/>
      <c r="AG3384" s="86"/>
      <c r="AH3384" s="85"/>
      <c r="AI3384" s="85"/>
      <c r="AJ3384" s="85"/>
      <c r="AK3384" s="85"/>
      <c r="AL3384" s="85"/>
      <c r="AM3384" s="92"/>
      <c r="AN3384" s="92"/>
      <c r="AO3384" s="92"/>
      <c r="AP3384" s="92"/>
      <c r="AQ3384" s="92"/>
      <c r="AR3384" s="92"/>
      <c r="AS3384" s="92"/>
      <c r="AT3384" s="92"/>
      <c r="AU3384" s="92"/>
      <c r="AV3384" s="92"/>
      <c r="AW3384" s="92"/>
      <c r="AX3384" s="92"/>
      <c r="AY3384" s="92"/>
      <c r="AZ3384" s="93"/>
      <c r="BA3384" s="93"/>
      <c r="BB3384" s="93"/>
      <c r="BC3384" s="93"/>
      <c r="BD3384" s="93"/>
      <c r="BE3384" s="93"/>
      <c r="BF3384" s="93"/>
      <c r="BG3384" s="93"/>
      <c r="BH3384" s="93"/>
      <c r="BI3384" s="93"/>
      <c r="BJ3384" s="93"/>
      <c r="BK3384" s="93"/>
      <c r="BL3384" s="93"/>
    </row>
    <row r="3385" spans="2:64" x14ac:dyDescent="0.2">
      <c r="B3385" s="43"/>
      <c r="C3385" s="73"/>
      <c r="D3385" s="64"/>
      <c r="E3385" s="55"/>
      <c r="F3385" s="74"/>
      <c r="G3385" s="74"/>
      <c r="H3385" s="74"/>
      <c r="I3385" s="75"/>
      <c r="J3385" s="74"/>
      <c r="L3385" s="55"/>
      <c r="M3385" s="234"/>
      <c r="N3385" s="65"/>
      <c r="O3385" s="76"/>
      <c r="P3385" s="76"/>
      <c r="Q3385" s="65"/>
      <c r="R3385" s="76"/>
      <c r="S3385" s="76"/>
      <c r="T3385" s="76"/>
      <c r="U3385" s="76"/>
      <c r="V3385" s="76"/>
      <c r="W3385" s="76"/>
      <c r="X3385" s="76"/>
      <c r="Y3385" s="76"/>
      <c r="Z3385" s="76"/>
      <c r="AA3385" s="85"/>
      <c r="AB3385" s="85"/>
      <c r="AC3385" s="85"/>
      <c r="AD3385" s="85"/>
      <c r="AE3385" s="85"/>
      <c r="AF3385" s="85"/>
      <c r="AG3385" s="86"/>
      <c r="AH3385" s="85"/>
      <c r="AI3385" s="85"/>
      <c r="AJ3385" s="85"/>
      <c r="AK3385" s="85"/>
      <c r="AL3385" s="85"/>
      <c r="AM3385" s="92"/>
      <c r="AN3385" s="92"/>
      <c r="AO3385" s="92"/>
      <c r="AP3385" s="92"/>
      <c r="AQ3385" s="92"/>
      <c r="AR3385" s="92"/>
      <c r="AS3385" s="92"/>
      <c r="AT3385" s="92"/>
      <c r="AU3385" s="92"/>
      <c r="AV3385" s="92"/>
      <c r="AW3385" s="92"/>
      <c r="AX3385" s="92"/>
      <c r="AY3385" s="92"/>
      <c r="AZ3385" s="93"/>
      <c r="BA3385" s="93"/>
      <c r="BB3385" s="93"/>
      <c r="BC3385" s="93"/>
      <c r="BD3385" s="93"/>
      <c r="BE3385" s="93"/>
      <c r="BF3385" s="93"/>
      <c r="BG3385" s="93"/>
      <c r="BH3385" s="93"/>
      <c r="BI3385" s="93"/>
      <c r="BJ3385" s="93"/>
      <c r="BK3385" s="93"/>
      <c r="BL3385" s="93"/>
    </row>
    <row r="3386" spans="2:64" x14ac:dyDescent="0.2">
      <c r="B3386" s="43"/>
      <c r="C3386" s="73"/>
      <c r="D3386" s="64"/>
      <c r="E3386" s="55"/>
      <c r="F3386" s="74"/>
      <c r="G3386" s="74"/>
      <c r="H3386" s="74"/>
      <c r="I3386" s="75"/>
      <c r="J3386" s="74"/>
      <c r="L3386" s="55"/>
      <c r="M3386" s="234"/>
      <c r="N3386" s="65"/>
      <c r="O3386" s="76"/>
      <c r="P3386" s="76"/>
      <c r="Q3386" s="65"/>
      <c r="R3386" s="76"/>
      <c r="S3386" s="76"/>
      <c r="T3386" s="76"/>
      <c r="U3386" s="76"/>
      <c r="V3386" s="76"/>
      <c r="W3386" s="76"/>
      <c r="X3386" s="76"/>
      <c r="Y3386" s="76"/>
      <c r="Z3386" s="76"/>
      <c r="AA3386" s="85"/>
      <c r="AB3386" s="85"/>
      <c r="AC3386" s="85"/>
      <c r="AD3386" s="85"/>
      <c r="AE3386" s="85"/>
      <c r="AF3386" s="85"/>
      <c r="AG3386" s="86"/>
      <c r="AH3386" s="85"/>
      <c r="AI3386" s="85"/>
      <c r="AJ3386" s="85"/>
      <c r="AK3386" s="85"/>
      <c r="AL3386" s="85"/>
      <c r="AM3386" s="92"/>
      <c r="AN3386" s="92"/>
      <c r="AO3386" s="92"/>
      <c r="AP3386" s="92"/>
      <c r="AQ3386" s="92"/>
      <c r="AR3386" s="92"/>
      <c r="AS3386" s="92"/>
      <c r="AT3386" s="92"/>
      <c r="AU3386" s="92"/>
      <c r="AV3386" s="92"/>
      <c r="AW3386" s="92"/>
      <c r="AX3386" s="92"/>
      <c r="AY3386" s="92"/>
      <c r="AZ3386" s="93"/>
      <c r="BA3386" s="93"/>
      <c r="BB3386" s="93"/>
      <c r="BC3386" s="93"/>
      <c r="BD3386" s="93"/>
      <c r="BE3386" s="93"/>
      <c r="BF3386" s="93"/>
      <c r="BG3386" s="93"/>
      <c r="BH3386" s="93"/>
      <c r="BI3386" s="93"/>
      <c r="BJ3386" s="93"/>
      <c r="BK3386" s="93"/>
      <c r="BL3386" s="93"/>
    </row>
    <row r="3387" spans="2:64" x14ac:dyDescent="0.2">
      <c r="B3387" s="43"/>
      <c r="C3387" s="73"/>
      <c r="D3387" s="64"/>
      <c r="E3387" s="55"/>
      <c r="F3387" s="74"/>
      <c r="G3387" s="74"/>
      <c r="H3387" s="74"/>
      <c r="I3387" s="75"/>
      <c r="J3387" s="74"/>
      <c r="L3387" s="55"/>
      <c r="M3387" s="234"/>
      <c r="N3387" s="65"/>
      <c r="O3387" s="76"/>
      <c r="P3387" s="76"/>
      <c r="Q3387" s="65"/>
      <c r="R3387" s="76"/>
      <c r="S3387" s="76"/>
      <c r="T3387" s="76"/>
      <c r="U3387" s="76"/>
      <c r="V3387" s="76"/>
      <c r="W3387" s="76"/>
      <c r="X3387" s="76"/>
      <c r="Y3387" s="76"/>
      <c r="Z3387" s="76"/>
      <c r="AA3387" s="85"/>
      <c r="AB3387" s="85"/>
      <c r="AC3387" s="85"/>
      <c r="AD3387" s="85"/>
      <c r="AE3387" s="85"/>
      <c r="AF3387" s="85"/>
      <c r="AG3387" s="86"/>
      <c r="AH3387" s="85"/>
      <c r="AI3387" s="85"/>
      <c r="AJ3387" s="85"/>
      <c r="AK3387" s="85"/>
      <c r="AL3387" s="85"/>
      <c r="AM3387" s="92"/>
      <c r="AN3387" s="92"/>
      <c r="AO3387" s="92"/>
      <c r="AP3387" s="92"/>
      <c r="AQ3387" s="92"/>
      <c r="AR3387" s="92"/>
      <c r="AS3387" s="92"/>
      <c r="AT3387" s="92"/>
      <c r="AU3387" s="92"/>
      <c r="AV3387" s="92"/>
      <c r="AW3387" s="92"/>
      <c r="AX3387" s="92"/>
      <c r="AY3387" s="92"/>
      <c r="AZ3387" s="93"/>
      <c r="BA3387" s="93"/>
      <c r="BB3387" s="93"/>
      <c r="BC3387" s="93"/>
      <c r="BD3387" s="93"/>
      <c r="BE3387" s="93"/>
      <c r="BF3387" s="93"/>
      <c r="BG3387" s="93"/>
      <c r="BH3387" s="93"/>
      <c r="BI3387" s="93"/>
      <c r="BJ3387" s="93"/>
      <c r="BK3387" s="93"/>
      <c r="BL3387" s="93"/>
    </row>
    <row r="3388" spans="2:64" x14ac:dyDescent="0.2">
      <c r="B3388" s="43"/>
      <c r="C3388" s="73"/>
      <c r="D3388" s="64"/>
      <c r="E3388" s="55"/>
      <c r="F3388" s="74"/>
      <c r="G3388" s="74"/>
      <c r="H3388" s="74"/>
      <c r="I3388" s="75"/>
      <c r="J3388" s="74"/>
      <c r="L3388" s="55"/>
      <c r="M3388" s="234"/>
      <c r="N3388" s="65"/>
      <c r="O3388" s="76"/>
      <c r="P3388" s="76"/>
      <c r="Q3388" s="65"/>
      <c r="R3388" s="76"/>
      <c r="S3388" s="76"/>
      <c r="T3388" s="76"/>
      <c r="U3388" s="76"/>
      <c r="V3388" s="76"/>
      <c r="W3388" s="76"/>
      <c r="X3388" s="76"/>
      <c r="Y3388" s="76"/>
      <c r="Z3388" s="76"/>
      <c r="AA3388" s="85"/>
      <c r="AB3388" s="85"/>
      <c r="AC3388" s="85"/>
      <c r="AD3388" s="85"/>
      <c r="AE3388" s="85"/>
      <c r="AF3388" s="85"/>
      <c r="AG3388" s="86"/>
      <c r="AH3388" s="85"/>
      <c r="AI3388" s="85"/>
      <c r="AJ3388" s="85"/>
      <c r="AK3388" s="85"/>
      <c r="AL3388" s="85"/>
      <c r="AM3388" s="92"/>
      <c r="AN3388" s="92"/>
      <c r="AO3388" s="92"/>
      <c r="AP3388" s="92"/>
      <c r="AQ3388" s="92"/>
      <c r="AR3388" s="92"/>
      <c r="AS3388" s="92"/>
      <c r="AT3388" s="92"/>
      <c r="AU3388" s="92"/>
      <c r="AV3388" s="92"/>
      <c r="AW3388" s="92"/>
      <c r="AX3388" s="92"/>
      <c r="AY3388" s="92"/>
      <c r="AZ3388" s="93"/>
      <c r="BA3388" s="93"/>
      <c r="BB3388" s="93"/>
      <c r="BC3388" s="93"/>
      <c r="BD3388" s="93"/>
      <c r="BE3388" s="93"/>
      <c r="BF3388" s="93"/>
      <c r="BG3388" s="93"/>
      <c r="BH3388" s="93"/>
      <c r="BI3388" s="93"/>
      <c r="BJ3388" s="93"/>
      <c r="BK3388" s="93"/>
      <c r="BL3388" s="93"/>
    </row>
    <row r="3389" spans="2:64" x14ac:dyDescent="0.2">
      <c r="B3389" s="43"/>
      <c r="C3389" s="73"/>
      <c r="D3389" s="64"/>
      <c r="E3389" s="55"/>
      <c r="F3389" s="74"/>
      <c r="G3389" s="74"/>
      <c r="H3389" s="74"/>
      <c r="I3389" s="75"/>
      <c r="J3389" s="74"/>
      <c r="L3389" s="55"/>
      <c r="M3389" s="234"/>
      <c r="N3389" s="65"/>
      <c r="O3389" s="76"/>
      <c r="P3389" s="76"/>
      <c r="Q3389" s="65"/>
      <c r="R3389" s="76"/>
      <c r="S3389" s="76"/>
      <c r="T3389" s="76"/>
      <c r="U3389" s="76"/>
      <c r="V3389" s="76"/>
      <c r="W3389" s="76"/>
      <c r="X3389" s="76"/>
      <c r="Y3389" s="76"/>
      <c r="Z3389" s="76"/>
      <c r="AA3389" s="85"/>
      <c r="AB3389" s="85"/>
      <c r="AC3389" s="85"/>
      <c r="AD3389" s="85"/>
      <c r="AE3389" s="85"/>
      <c r="AF3389" s="85"/>
      <c r="AG3389" s="86"/>
      <c r="AH3389" s="85"/>
      <c r="AI3389" s="85"/>
      <c r="AJ3389" s="85"/>
      <c r="AK3389" s="85"/>
      <c r="AL3389" s="85"/>
      <c r="AM3389" s="92"/>
      <c r="AN3389" s="92"/>
      <c r="AO3389" s="92"/>
      <c r="AP3389" s="92"/>
      <c r="AQ3389" s="92"/>
      <c r="AR3389" s="92"/>
      <c r="AS3389" s="92"/>
      <c r="AT3389" s="92"/>
      <c r="AU3389" s="92"/>
      <c r="AV3389" s="92"/>
      <c r="AW3389" s="92"/>
      <c r="AX3389" s="92"/>
      <c r="AY3389" s="92"/>
      <c r="AZ3389" s="93"/>
      <c r="BA3389" s="93"/>
      <c r="BB3389" s="93"/>
      <c r="BC3389" s="93"/>
      <c r="BD3389" s="93"/>
      <c r="BE3389" s="93"/>
      <c r="BF3389" s="93"/>
      <c r="BG3389" s="93"/>
      <c r="BH3389" s="93"/>
      <c r="BI3389" s="93"/>
      <c r="BJ3389" s="93"/>
      <c r="BK3389" s="93"/>
      <c r="BL3389" s="93"/>
    </row>
    <row r="3390" spans="2:64" x14ac:dyDescent="0.2">
      <c r="B3390" s="43"/>
      <c r="C3390" s="73"/>
      <c r="D3390" s="64"/>
      <c r="E3390" s="55"/>
      <c r="F3390" s="74"/>
      <c r="G3390" s="74"/>
      <c r="H3390" s="74"/>
      <c r="I3390" s="75"/>
      <c r="J3390" s="74"/>
      <c r="L3390" s="55"/>
      <c r="M3390" s="234"/>
      <c r="N3390" s="65"/>
      <c r="O3390" s="76"/>
      <c r="P3390" s="76"/>
      <c r="Q3390" s="65"/>
      <c r="R3390" s="76"/>
      <c r="S3390" s="76"/>
      <c r="T3390" s="76"/>
      <c r="U3390" s="76"/>
      <c r="V3390" s="76"/>
      <c r="W3390" s="76"/>
      <c r="X3390" s="76"/>
      <c r="Y3390" s="76"/>
      <c r="Z3390" s="76"/>
      <c r="AA3390" s="85"/>
      <c r="AB3390" s="85"/>
      <c r="AC3390" s="85"/>
      <c r="AD3390" s="85"/>
      <c r="AE3390" s="85"/>
      <c r="AF3390" s="85"/>
      <c r="AG3390" s="86"/>
      <c r="AH3390" s="85"/>
      <c r="AI3390" s="85"/>
      <c r="AJ3390" s="85"/>
      <c r="AK3390" s="85"/>
      <c r="AL3390" s="85"/>
      <c r="AM3390" s="92"/>
      <c r="AN3390" s="92"/>
      <c r="AO3390" s="92"/>
      <c r="AP3390" s="92"/>
      <c r="AQ3390" s="92"/>
      <c r="AR3390" s="92"/>
      <c r="AS3390" s="92"/>
      <c r="AT3390" s="92"/>
      <c r="AU3390" s="92"/>
      <c r="AV3390" s="92"/>
      <c r="AW3390" s="92"/>
      <c r="AX3390" s="92"/>
      <c r="AY3390" s="92"/>
      <c r="AZ3390" s="93"/>
      <c r="BA3390" s="93"/>
      <c r="BB3390" s="93"/>
      <c r="BC3390" s="93"/>
      <c r="BD3390" s="93"/>
      <c r="BE3390" s="93"/>
      <c r="BF3390" s="93"/>
      <c r="BG3390" s="93"/>
      <c r="BH3390" s="93"/>
      <c r="BI3390" s="93"/>
      <c r="BJ3390" s="93"/>
      <c r="BK3390" s="93"/>
      <c r="BL3390" s="93"/>
    </row>
    <row r="3391" spans="2:64" x14ac:dyDescent="0.2">
      <c r="B3391" s="43"/>
      <c r="C3391" s="73"/>
      <c r="D3391" s="64"/>
      <c r="E3391" s="55"/>
      <c r="F3391" s="74"/>
      <c r="G3391" s="74"/>
      <c r="H3391" s="74"/>
      <c r="I3391" s="75"/>
      <c r="J3391" s="74"/>
      <c r="L3391" s="55"/>
      <c r="M3391" s="234"/>
      <c r="N3391" s="65"/>
      <c r="O3391" s="76"/>
      <c r="P3391" s="76"/>
      <c r="Q3391" s="65"/>
      <c r="R3391" s="76"/>
      <c r="S3391" s="76"/>
      <c r="T3391" s="76"/>
      <c r="U3391" s="76"/>
      <c r="V3391" s="76"/>
      <c r="W3391" s="76"/>
      <c r="X3391" s="76"/>
      <c r="Y3391" s="76"/>
      <c r="Z3391" s="76"/>
      <c r="AA3391" s="85"/>
      <c r="AB3391" s="85"/>
      <c r="AC3391" s="85"/>
      <c r="AD3391" s="85"/>
      <c r="AE3391" s="85"/>
      <c r="AF3391" s="85"/>
      <c r="AG3391" s="86"/>
      <c r="AH3391" s="85"/>
      <c r="AI3391" s="85"/>
      <c r="AJ3391" s="85"/>
      <c r="AK3391" s="85"/>
      <c r="AL3391" s="85"/>
      <c r="AM3391" s="92"/>
      <c r="AN3391" s="92"/>
      <c r="AO3391" s="92"/>
      <c r="AP3391" s="92"/>
      <c r="AQ3391" s="92"/>
      <c r="AR3391" s="92"/>
      <c r="AS3391" s="92"/>
      <c r="AT3391" s="92"/>
      <c r="AU3391" s="92"/>
      <c r="AV3391" s="92"/>
      <c r="AW3391" s="92"/>
      <c r="AX3391" s="92"/>
      <c r="AY3391" s="92"/>
      <c r="AZ3391" s="93"/>
      <c r="BA3391" s="93"/>
      <c r="BB3391" s="93"/>
      <c r="BC3391" s="93"/>
      <c r="BD3391" s="93"/>
      <c r="BE3391" s="93"/>
      <c r="BF3391" s="93"/>
      <c r="BG3391" s="93"/>
      <c r="BH3391" s="93"/>
      <c r="BI3391" s="93"/>
      <c r="BJ3391" s="93"/>
      <c r="BK3391" s="93"/>
      <c r="BL3391" s="93"/>
    </row>
    <row r="3392" spans="2:64" x14ac:dyDescent="0.2">
      <c r="B3392" s="43"/>
      <c r="C3392" s="73"/>
      <c r="D3392" s="64"/>
      <c r="E3392" s="55"/>
      <c r="F3392" s="74"/>
      <c r="G3392" s="74"/>
      <c r="H3392" s="74"/>
      <c r="I3392" s="75"/>
      <c r="J3392" s="74"/>
      <c r="L3392" s="55"/>
      <c r="M3392" s="234"/>
      <c r="N3392" s="65"/>
      <c r="O3392" s="76"/>
      <c r="P3392" s="76"/>
      <c r="Q3392" s="65"/>
      <c r="R3392" s="76"/>
      <c r="S3392" s="76"/>
      <c r="T3392" s="76"/>
      <c r="U3392" s="76"/>
      <c r="V3392" s="76"/>
      <c r="W3392" s="76"/>
      <c r="X3392" s="76"/>
      <c r="Y3392" s="76"/>
      <c r="Z3392" s="76"/>
      <c r="AA3392" s="85"/>
      <c r="AB3392" s="85"/>
      <c r="AC3392" s="85"/>
      <c r="AD3392" s="85"/>
      <c r="AE3392" s="85"/>
      <c r="AF3392" s="85"/>
      <c r="AG3392" s="86"/>
      <c r="AH3392" s="85"/>
      <c r="AI3392" s="85"/>
      <c r="AJ3392" s="85"/>
      <c r="AK3392" s="85"/>
      <c r="AL3392" s="85"/>
      <c r="AM3392" s="92"/>
      <c r="AN3392" s="92"/>
      <c r="AO3392" s="92"/>
      <c r="AP3392" s="92"/>
      <c r="AQ3392" s="92"/>
      <c r="AR3392" s="92"/>
      <c r="AS3392" s="92"/>
      <c r="AT3392" s="92"/>
      <c r="AU3392" s="92"/>
      <c r="AV3392" s="92"/>
      <c r="AW3392" s="92"/>
      <c r="AX3392" s="92"/>
      <c r="AY3392" s="92"/>
      <c r="AZ3392" s="93"/>
      <c r="BA3392" s="93"/>
      <c r="BB3392" s="93"/>
      <c r="BC3392" s="93"/>
      <c r="BD3392" s="93"/>
      <c r="BE3392" s="93"/>
      <c r="BF3392" s="93"/>
      <c r="BG3392" s="93"/>
      <c r="BH3392" s="93"/>
      <c r="BI3392" s="93"/>
      <c r="BJ3392" s="93"/>
      <c r="BK3392" s="93"/>
      <c r="BL3392" s="93"/>
    </row>
    <row r="3393" spans="2:64" x14ac:dyDescent="0.2">
      <c r="B3393" s="43"/>
      <c r="C3393" s="73"/>
      <c r="D3393" s="64"/>
      <c r="E3393" s="55"/>
      <c r="F3393" s="74"/>
      <c r="G3393" s="74"/>
      <c r="H3393" s="74"/>
      <c r="I3393" s="75"/>
      <c r="J3393" s="74"/>
      <c r="L3393" s="55"/>
      <c r="M3393" s="234"/>
      <c r="N3393" s="65"/>
      <c r="O3393" s="76"/>
      <c r="P3393" s="76"/>
      <c r="Q3393" s="65"/>
      <c r="R3393" s="76"/>
      <c r="S3393" s="76"/>
      <c r="T3393" s="76"/>
      <c r="U3393" s="76"/>
      <c r="V3393" s="76"/>
      <c r="W3393" s="76"/>
      <c r="X3393" s="76"/>
      <c r="Y3393" s="76"/>
      <c r="Z3393" s="76"/>
      <c r="AA3393" s="85"/>
      <c r="AB3393" s="85"/>
      <c r="AC3393" s="85"/>
      <c r="AD3393" s="85"/>
      <c r="AE3393" s="85"/>
      <c r="AF3393" s="85"/>
      <c r="AG3393" s="86"/>
      <c r="AH3393" s="85"/>
      <c r="AI3393" s="85"/>
      <c r="AJ3393" s="85"/>
      <c r="AK3393" s="85"/>
      <c r="AL3393" s="85"/>
      <c r="AM3393" s="92"/>
      <c r="AN3393" s="92"/>
      <c r="AO3393" s="92"/>
      <c r="AP3393" s="92"/>
      <c r="AQ3393" s="92"/>
      <c r="AR3393" s="92"/>
      <c r="AS3393" s="92"/>
      <c r="AT3393" s="92"/>
      <c r="AU3393" s="92"/>
      <c r="AV3393" s="92"/>
      <c r="AW3393" s="92"/>
      <c r="AX3393" s="92"/>
      <c r="AY3393" s="92"/>
      <c r="AZ3393" s="93"/>
      <c r="BA3393" s="93"/>
      <c r="BB3393" s="93"/>
      <c r="BC3393" s="93"/>
      <c r="BD3393" s="93"/>
      <c r="BE3393" s="93"/>
      <c r="BF3393" s="93"/>
      <c r="BG3393" s="93"/>
      <c r="BH3393" s="93"/>
      <c r="BI3393" s="93"/>
      <c r="BJ3393" s="93"/>
      <c r="BK3393" s="93"/>
      <c r="BL3393" s="93"/>
    </row>
    <row r="3394" spans="2:64" x14ac:dyDescent="0.2">
      <c r="B3394" s="43"/>
      <c r="C3394" s="73"/>
      <c r="D3394" s="64"/>
      <c r="E3394" s="55"/>
      <c r="F3394" s="74"/>
      <c r="G3394" s="74"/>
      <c r="H3394" s="74"/>
      <c r="I3394" s="75"/>
      <c r="J3394" s="74"/>
      <c r="L3394" s="55"/>
      <c r="M3394" s="234"/>
      <c r="N3394" s="65"/>
      <c r="O3394" s="76"/>
      <c r="P3394" s="76"/>
      <c r="Q3394" s="65"/>
      <c r="R3394" s="76"/>
      <c r="S3394" s="76"/>
      <c r="T3394" s="76"/>
      <c r="U3394" s="76"/>
      <c r="V3394" s="76"/>
      <c r="W3394" s="76"/>
      <c r="X3394" s="76"/>
      <c r="Y3394" s="76"/>
      <c r="Z3394" s="76"/>
      <c r="AA3394" s="85"/>
      <c r="AB3394" s="85"/>
      <c r="AC3394" s="85"/>
      <c r="AD3394" s="85"/>
      <c r="AE3394" s="85"/>
      <c r="AF3394" s="85"/>
      <c r="AG3394" s="86"/>
      <c r="AH3394" s="85"/>
      <c r="AI3394" s="85"/>
      <c r="AJ3394" s="85"/>
      <c r="AK3394" s="85"/>
      <c r="AL3394" s="85"/>
      <c r="AM3394" s="92"/>
      <c r="AN3394" s="92"/>
      <c r="AO3394" s="92"/>
      <c r="AP3394" s="92"/>
      <c r="AQ3394" s="92"/>
      <c r="AR3394" s="92"/>
      <c r="AS3394" s="92"/>
      <c r="AT3394" s="92"/>
      <c r="AU3394" s="92"/>
      <c r="AV3394" s="92"/>
      <c r="AW3394" s="92"/>
      <c r="AX3394" s="92"/>
      <c r="AY3394" s="92"/>
      <c r="AZ3394" s="93"/>
      <c r="BA3394" s="93"/>
      <c r="BB3394" s="93"/>
      <c r="BC3394" s="93"/>
      <c r="BD3394" s="93"/>
      <c r="BE3394" s="93"/>
      <c r="BF3394" s="93"/>
      <c r="BG3394" s="93"/>
      <c r="BH3394" s="93"/>
      <c r="BI3394" s="93"/>
      <c r="BJ3394" s="93"/>
      <c r="BK3394" s="93"/>
      <c r="BL3394" s="93"/>
    </row>
    <row r="3395" spans="2:64" x14ac:dyDescent="0.2">
      <c r="B3395" s="43"/>
      <c r="C3395" s="73"/>
      <c r="D3395" s="64"/>
      <c r="E3395" s="55"/>
      <c r="F3395" s="74"/>
      <c r="G3395" s="74"/>
      <c r="H3395" s="74"/>
      <c r="I3395" s="75"/>
      <c r="J3395" s="74"/>
      <c r="L3395" s="55"/>
      <c r="M3395" s="234"/>
      <c r="N3395" s="65"/>
      <c r="O3395" s="76"/>
      <c r="P3395" s="76"/>
      <c r="Q3395" s="65"/>
      <c r="R3395" s="76"/>
      <c r="S3395" s="76"/>
      <c r="T3395" s="76"/>
      <c r="U3395" s="76"/>
      <c r="V3395" s="76"/>
      <c r="W3395" s="76"/>
      <c r="X3395" s="76"/>
      <c r="Y3395" s="76"/>
      <c r="Z3395" s="76"/>
      <c r="AA3395" s="85"/>
      <c r="AB3395" s="85"/>
      <c r="AC3395" s="85"/>
      <c r="AD3395" s="85"/>
      <c r="AE3395" s="85"/>
      <c r="AF3395" s="85"/>
      <c r="AG3395" s="86"/>
      <c r="AH3395" s="85"/>
      <c r="AI3395" s="85"/>
      <c r="AJ3395" s="85"/>
      <c r="AK3395" s="85"/>
      <c r="AL3395" s="85"/>
      <c r="AM3395" s="92"/>
      <c r="AN3395" s="92"/>
      <c r="AO3395" s="92"/>
      <c r="AP3395" s="92"/>
      <c r="AQ3395" s="92"/>
      <c r="AR3395" s="92"/>
      <c r="AS3395" s="92"/>
      <c r="AT3395" s="92"/>
      <c r="AU3395" s="92"/>
      <c r="AV3395" s="92"/>
      <c r="AW3395" s="92"/>
      <c r="AX3395" s="92"/>
      <c r="AY3395" s="92"/>
      <c r="AZ3395" s="93"/>
      <c r="BA3395" s="93"/>
      <c r="BB3395" s="93"/>
      <c r="BC3395" s="93"/>
      <c r="BD3395" s="93"/>
      <c r="BE3395" s="93"/>
      <c r="BF3395" s="93"/>
      <c r="BG3395" s="93"/>
      <c r="BH3395" s="93"/>
      <c r="BI3395" s="93"/>
      <c r="BJ3395" s="93"/>
      <c r="BK3395" s="93"/>
      <c r="BL3395" s="93"/>
    </row>
    <row r="3396" spans="2:64" x14ac:dyDescent="0.2">
      <c r="B3396" s="43"/>
      <c r="C3396" s="73"/>
      <c r="D3396" s="64"/>
      <c r="E3396" s="55"/>
      <c r="F3396" s="74"/>
      <c r="G3396" s="74"/>
      <c r="H3396" s="74"/>
      <c r="I3396" s="75"/>
      <c r="J3396" s="74"/>
      <c r="L3396" s="55"/>
      <c r="M3396" s="234"/>
      <c r="N3396" s="65"/>
      <c r="O3396" s="76"/>
      <c r="P3396" s="76"/>
      <c r="Q3396" s="65"/>
      <c r="R3396" s="76"/>
      <c r="S3396" s="76"/>
      <c r="T3396" s="76"/>
      <c r="U3396" s="76"/>
      <c r="V3396" s="76"/>
      <c r="W3396" s="76"/>
      <c r="X3396" s="76"/>
      <c r="Y3396" s="76"/>
      <c r="Z3396" s="76"/>
      <c r="AA3396" s="85"/>
      <c r="AB3396" s="85"/>
      <c r="AC3396" s="85"/>
      <c r="AD3396" s="85"/>
      <c r="AE3396" s="85"/>
      <c r="AF3396" s="85"/>
      <c r="AG3396" s="86"/>
      <c r="AH3396" s="85"/>
      <c r="AI3396" s="85"/>
      <c r="AJ3396" s="85"/>
      <c r="AK3396" s="85"/>
      <c r="AL3396" s="85"/>
      <c r="AM3396" s="92"/>
      <c r="AN3396" s="92"/>
      <c r="AO3396" s="92"/>
      <c r="AP3396" s="92"/>
      <c r="AQ3396" s="92"/>
      <c r="AR3396" s="92"/>
      <c r="AS3396" s="92"/>
      <c r="AT3396" s="92"/>
      <c r="AU3396" s="92"/>
      <c r="AV3396" s="92"/>
      <c r="AW3396" s="92"/>
      <c r="AX3396" s="92"/>
      <c r="AY3396" s="92"/>
      <c r="AZ3396" s="93"/>
      <c r="BA3396" s="93"/>
      <c r="BB3396" s="93"/>
      <c r="BC3396" s="93"/>
      <c r="BD3396" s="93"/>
      <c r="BE3396" s="93"/>
      <c r="BF3396" s="93"/>
      <c r="BG3396" s="93"/>
      <c r="BH3396" s="93"/>
      <c r="BI3396" s="93"/>
      <c r="BJ3396" s="93"/>
      <c r="BK3396" s="93"/>
      <c r="BL3396" s="93"/>
    </row>
    <row r="3397" spans="2:64" x14ac:dyDescent="0.2">
      <c r="B3397" s="43"/>
      <c r="C3397" s="73"/>
      <c r="D3397" s="64"/>
      <c r="E3397" s="55"/>
      <c r="F3397" s="74"/>
      <c r="G3397" s="74"/>
      <c r="H3397" s="74"/>
      <c r="I3397" s="75"/>
      <c r="J3397" s="74"/>
      <c r="L3397" s="55"/>
      <c r="M3397" s="234"/>
      <c r="N3397" s="65"/>
      <c r="O3397" s="76"/>
      <c r="P3397" s="76"/>
      <c r="Q3397" s="65"/>
      <c r="R3397" s="76"/>
      <c r="S3397" s="76"/>
      <c r="T3397" s="76"/>
      <c r="U3397" s="76"/>
      <c r="V3397" s="76"/>
      <c r="W3397" s="76"/>
      <c r="X3397" s="76"/>
      <c r="Y3397" s="76"/>
      <c r="Z3397" s="76"/>
      <c r="AA3397" s="85"/>
      <c r="AB3397" s="85"/>
      <c r="AC3397" s="85"/>
      <c r="AD3397" s="85"/>
      <c r="AE3397" s="85"/>
      <c r="AF3397" s="85"/>
      <c r="AG3397" s="86"/>
      <c r="AH3397" s="85"/>
      <c r="AI3397" s="85"/>
      <c r="AJ3397" s="85"/>
      <c r="AK3397" s="85"/>
      <c r="AL3397" s="85"/>
      <c r="AM3397" s="92"/>
      <c r="AN3397" s="92"/>
      <c r="AO3397" s="92"/>
      <c r="AP3397" s="92"/>
      <c r="AQ3397" s="92"/>
      <c r="AR3397" s="92"/>
      <c r="AS3397" s="92"/>
      <c r="AT3397" s="92"/>
      <c r="AU3397" s="92"/>
      <c r="AV3397" s="92"/>
      <c r="AW3397" s="92"/>
      <c r="AX3397" s="92"/>
      <c r="AY3397" s="92"/>
      <c r="AZ3397" s="93"/>
      <c r="BA3397" s="93"/>
      <c r="BB3397" s="93"/>
      <c r="BC3397" s="93"/>
      <c r="BD3397" s="93"/>
      <c r="BE3397" s="93"/>
      <c r="BF3397" s="93"/>
      <c r="BG3397" s="93"/>
      <c r="BH3397" s="93"/>
      <c r="BI3397" s="93"/>
      <c r="BJ3397" s="93"/>
      <c r="BK3397" s="93"/>
      <c r="BL3397" s="93"/>
    </row>
    <row r="3398" spans="2:64" x14ac:dyDescent="0.2">
      <c r="B3398" s="43"/>
      <c r="C3398" s="73"/>
      <c r="D3398" s="64"/>
      <c r="E3398" s="55"/>
      <c r="F3398" s="74"/>
      <c r="G3398" s="74"/>
      <c r="H3398" s="74"/>
      <c r="I3398" s="75"/>
      <c r="J3398" s="74"/>
      <c r="L3398" s="55"/>
      <c r="M3398" s="234"/>
      <c r="N3398" s="65"/>
      <c r="O3398" s="76"/>
      <c r="P3398" s="76"/>
      <c r="Q3398" s="65"/>
      <c r="R3398" s="76"/>
      <c r="S3398" s="76"/>
      <c r="T3398" s="76"/>
      <c r="U3398" s="76"/>
      <c r="V3398" s="76"/>
      <c r="W3398" s="76"/>
      <c r="X3398" s="76"/>
      <c r="Y3398" s="76"/>
      <c r="Z3398" s="76"/>
      <c r="AA3398" s="85"/>
      <c r="AB3398" s="85"/>
      <c r="AC3398" s="85"/>
      <c r="AD3398" s="85"/>
      <c r="AE3398" s="85"/>
      <c r="AF3398" s="85"/>
      <c r="AG3398" s="86"/>
      <c r="AH3398" s="85"/>
      <c r="AI3398" s="85"/>
      <c r="AJ3398" s="85"/>
      <c r="AK3398" s="85"/>
      <c r="AL3398" s="85"/>
      <c r="AM3398" s="92"/>
      <c r="AN3398" s="92"/>
      <c r="AO3398" s="92"/>
      <c r="AP3398" s="92"/>
      <c r="AQ3398" s="92"/>
      <c r="AR3398" s="92"/>
      <c r="AS3398" s="92"/>
      <c r="AT3398" s="92"/>
      <c r="AU3398" s="92"/>
      <c r="AV3398" s="92"/>
      <c r="AW3398" s="92"/>
      <c r="AX3398" s="92"/>
      <c r="AY3398" s="92"/>
      <c r="AZ3398" s="93"/>
      <c r="BA3398" s="93"/>
      <c r="BB3398" s="93"/>
      <c r="BC3398" s="93"/>
      <c r="BD3398" s="93"/>
      <c r="BE3398" s="93"/>
      <c r="BF3398" s="93"/>
      <c r="BG3398" s="93"/>
      <c r="BH3398" s="93"/>
      <c r="BI3398" s="93"/>
      <c r="BJ3398" s="93"/>
      <c r="BK3398" s="93"/>
      <c r="BL3398" s="93"/>
    </row>
    <row r="3399" spans="2:64" x14ac:dyDescent="0.2">
      <c r="B3399" s="43"/>
      <c r="C3399" s="73"/>
      <c r="D3399" s="64"/>
      <c r="E3399" s="55"/>
      <c r="F3399" s="74"/>
      <c r="G3399" s="74"/>
      <c r="H3399" s="74"/>
      <c r="I3399" s="75"/>
      <c r="J3399" s="74"/>
      <c r="L3399" s="55"/>
      <c r="M3399" s="234"/>
      <c r="N3399" s="65"/>
      <c r="O3399" s="76"/>
      <c r="P3399" s="76"/>
      <c r="Q3399" s="65"/>
      <c r="R3399" s="76"/>
      <c r="S3399" s="76"/>
      <c r="T3399" s="76"/>
      <c r="U3399" s="76"/>
      <c r="V3399" s="76"/>
      <c r="W3399" s="76"/>
      <c r="X3399" s="76"/>
      <c r="Y3399" s="76"/>
      <c r="Z3399" s="76"/>
      <c r="AA3399" s="85"/>
      <c r="AB3399" s="85"/>
      <c r="AC3399" s="85"/>
      <c r="AD3399" s="85"/>
      <c r="AE3399" s="85"/>
      <c r="AF3399" s="85"/>
      <c r="AG3399" s="86"/>
      <c r="AH3399" s="85"/>
      <c r="AI3399" s="85"/>
      <c r="AJ3399" s="85"/>
      <c r="AK3399" s="85"/>
      <c r="AL3399" s="85"/>
      <c r="AM3399" s="92"/>
      <c r="AN3399" s="92"/>
      <c r="AO3399" s="92"/>
      <c r="AP3399" s="92"/>
      <c r="AQ3399" s="92"/>
      <c r="AR3399" s="92"/>
      <c r="AS3399" s="92"/>
      <c r="AT3399" s="92"/>
      <c r="AU3399" s="92"/>
      <c r="AV3399" s="92"/>
      <c r="AW3399" s="92"/>
      <c r="AX3399" s="92"/>
      <c r="AY3399" s="92"/>
      <c r="AZ3399" s="93"/>
      <c r="BA3399" s="93"/>
      <c r="BB3399" s="93"/>
      <c r="BC3399" s="93"/>
      <c r="BD3399" s="93"/>
      <c r="BE3399" s="93"/>
      <c r="BF3399" s="93"/>
      <c r="BG3399" s="93"/>
      <c r="BH3399" s="93"/>
      <c r="BI3399" s="93"/>
      <c r="BJ3399" s="93"/>
      <c r="BK3399" s="93"/>
      <c r="BL3399" s="93"/>
    </row>
    <row r="3400" spans="2:64" x14ac:dyDescent="0.2">
      <c r="B3400" s="43"/>
      <c r="C3400" s="73"/>
      <c r="D3400" s="64"/>
      <c r="E3400" s="55"/>
      <c r="F3400" s="74"/>
      <c r="G3400" s="74"/>
      <c r="H3400" s="74"/>
      <c r="I3400" s="75"/>
      <c r="J3400" s="74"/>
      <c r="L3400" s="55"/>
      <c r="M3400" s="234"/>
      <c r="N3400" s="65"/>
      <c r="O3400" s="76"/>
      <c r="P3400" s="76"/>
      <c r="Q3400" s="65"/>
      <c r="R3400" s="76"/>
      <c r="S3400" s="76"/>
      <c r="T3400" s="76"/>
      <c r="U3400" s="76"/>
      <c r="V3400" s="76"/>
      <c r="W3400" s="76"/>
      <c r="X3400" s="76"/>
      <c r="Y3400" s="76"/>
      <c r="Z3400" s="76"/>
      <c r="AA3400" s="85"/>
      <c r="AB3400" s="85"/>
      <c r="AC3400" s="85"/>
      <c r="AD3400" s="85"/>
      <c r="AE3400" s="85"/>
      <c r="AF3400" s="85"/>
      <c r="AG3400" s="86"/>
      <c r="AH3400" s="85"/>
      <c r="AI3400" s="85"/>
      <c r="AJ3400" s="85"/>
      <c r="AK3400" s="85"/>
      <c r="AL3400" s="85"/>
      <c r="AM3400" s="92"/>
      <c r="AN3400" s="92"/>
      <c r="AO3400" s="92"/>
      <c r="AP3400" s="92"/>
      <c r="AQ3400" s="92"/>
      <c r="AR3400" s="92"/>
      <c r="AS3400" s="92"/>
      <c r="AT3400" s="92"/>
      <c r="AU3400" s="92"/>
      <c r="AV3400" s="92"/>
      <c r="AW3400" s="92"/>
      <c r="AX3400" s="92"/>
      <c r="AY3400" s="92"/>
      <c r="AZ3400" s="93"/>
      <c r="BA3400" s="93"/>
      <c r="BB3400" s="93"/>
      <c r="BC3400" s="93"/>
      <c r="BD3400" s="93"/>
      <c r="BE3400" s="93"/>
      <c r="BF3400" s="93"/>
      <c r="BG3400" s="93"/>
      <c r="BH3400" s="93"/>
      <c r="BI3400" s="93"/>
      <c r="BJ3400" s="93"/>
      <c r="BK3400" s="93"/>
      <c r="BL3400" s="93"/>
    </row>
    <row r="3401" spans="2:64" x14ac:dyDescent="0.2">
      <c r="B3401" s="43"/>
      <c r="C3401" s="73"/>
      <c r="D3401" s="64"/>
      <c r="E3401" s="55"/>
      <c r="F3401" s="74"/>
      <c r="G3401" s="74"/>
      <c r="H3401" s="74"/>
      <c r="I3401" s="75"/>
      <c r="J3401" s="74"/>
      <c r="L3401" s="55"/>
      <c r="M3401" s="234"/>
      <c r="N3401" s="65"/>
      <c r="O3401" s="76"/>
      <c r="P3401" s="76"/>
      <c r="Q3401" s="65"/>
      <c r="R3401" s="76"/>
      <c r="S3401" s="76"/>
      <c r="T3401" s="76"/>
      <c r="U3401" s="76"/>
      <c r="V3401" s="76"/>
      <c r="W3401" s="76"/>
      <c r="X3401" s="76"/>
      <c r="Y3401" s="76"/>
      <c r="Z3401" s="76"/>
      <c r="AA3401" s="85"/>
      <c r="AB3401" s="85"/>
      <c r="AC3401" s="85"/>
      <c r="AD3401" s="85"/>
      <c r="AE3401" s="85"/>
      <c r="AF3401" s="85"/>
      <c r="AG3401" s="86"/>
      <c r="AH3401" s="85"/>
      <c r="AI3401" s="85"/>
      <c r="AJ3401" s="85"/>
      <c r="AK3401" s="85"/>
      <c r="AL3401" s="85"/>
      <c r="AM3401" s="92"/>
      <c r="AN3401" s="92"/>
      <c r="AO3401" s="92"/>
      <c r="AP3401" s="92"/>
      <c r="AQ3401" s="92"/>
      <c r="AR3401" s="92"/>
      <c r="AS3401" s="92"/>
      <c r="AT3401" s="92"/>
      <c r="AU3401" s="92"/>
      <c r="AV3401" s="92"/>
      <c r="AW3401" s="92"/>
      <c r="AX3401" s="92"/>
      <c r="AY3401" s="92"/>
      <c r="AZ3401" s="93"/>
      <c r="BA3401" s="93"/>
      <c r="BB3401" s="93"/>
      <c r="BC3401" s="93"/>
      <c r="BD3401" s="93"/>
      <c r="BE3401" s="93"/>
      <c r="BF3401" s="93"/>
      <c r="BG3401" s="93"/>
      <c r="BH3401" s="93"/>
      <c r="BI3401" s="93"/>
      <c r="BJ3401" s="93"/>
      <c r="BK3401" s="93"/>
      <c r="BL3401" s="93"/>
    </row>
    <row r="3402" spans="2:64" x14ac:dyDescent="0.2">
      <c r="B3402" s="43"/>
      <c r="C3402" s="73"/>
      <c r="D3402" s="64"/>
      <c r="E3402" s="55"/>
      <c r="F3402" s="74"/>
      <c r="G3402" s="74"/>
      <c r="H3402" s="74"/>
      <c r="I3402" s="75"/>
      <c r="J3402" s="74"/>
      <c r="L3402" s="55"/>
      <c r="M3402" s="234"/>
      <c r="N3402" s="65"/>
      <c r="O3402" s="76"/>
      <c r="P3402" s="76"/>
      <c r="Q3402" s="65"/>
      <c r="R3402" s="76"/>
      <c r="S3402" s="76"/>
      <c r="T3402" s="76"/>
      <c r="U3402" s="76"/>
      <c r="V3402" s="76"/>
      <c r="W3402" s="76"/>
      <c r="X3402" s="76"/>
      <c r="Y3402" s="76"/>
      <c r="Z3402" s="76"/>
      <c r="AA3402" s="85"/>
      <c r="AB3402" s="85"/>
      <c r="AC3402" s="85"/>
      <c r="AD3402" s="85"/>
      <c r="AE3402" s="85"/>
      <c r="AF3402" s="85"/>
      <c r="AG3402" s="86"/>
      <c r="AH3402" s="85"/>
      <c r="AI3402" s="85"/>
      <c r="AJ3402" s="85"/>
      <c r="AK3402" s="85"/>
      <c r="AL3402" s="85"/>
      <c r="AM3402" s="92"/>
      <c r="AN3402" s="92"/>
      <c r="AO3402" s="92"/>
      <c r="AP3402" s="92"/>
      <c r="AQ3402" s="92"/>
      <c r="AR3402" s="92"/>
      <c r="AS3402" s="92"/>
      <c r="AT3402" s="92"/>
      <c r="AU3402" s="92"/>
      <c r="AV3402" s="92"/>
      <c r="AW3402" s="92"/>
      <c r="AX3402" s="92"/>
      <c r="AY3402" s="92"/>
      <c r="AZ3402" s="93"/>
      <c r="BA3402" s="93"/>
      <c r="BB3402" s="93"/>
      <c r="BC3402" s="93"/>
      <c r="BD3402" s="93"/>
      <c r="BE3402" s="93"/>
      <c r="BF3402" s="93"/>
      <c r="BG3402" s="93"/>
      <c r="BH3402" s="93"/>
      <c r="BI3402" s="93"/>
      <c r="BJ3402" s="93"/>
      <c r="BK3402" s="93"/>
      <c r="BL3402" s="93"/>
    </row>
    <row r="3403" spans="2:64" x14ac:dyDescent="0.2">
      <c r="B3403" s="43"/>
      <c r="C3403" s="73"/>
      <c r="D3403" s="64"/>
      <c r="E3403" s="55"/>
      <c r="F3403" s="74"/>
      <c r="G3403" s="74"/>
      <c r="H3403" s="74"/>
      <c r="I3403" s="75"/>
      <c r="J3403" s="74"/>
      <c r="L3403" s="55"/>
      <c r="M3403" s="234"/>
      <c r="N3403" s="65"/>
      <c r="O3403" s="76"/>
      <c r="P3403" s="76"/>
      <c r="Q3403" s="65"/>
      <c r="R3403" s="76"/>
      <c r="S3403" s="76"/>
      <c r="T3403" s="76"/>
      <c r="U3403" s="76"/>
      <c r="V3403" s="76"/>
      <c r="W3403" s="76"/>
      <c r="X3403" s="76"/>
      <c r="Y3403" s="76"/>
      <c r="Z3403" s="76"/>
      <c r="AA3403" s="85"/>
      <c r="AB3403" s="85"/>
      <c r="AC3403" s="85"/>
      <c r="AD3403" s="85"/>
      <c r="AE3403" s="85"/>
      <c r="AF3403" s="85"/>
      <c r="AG3403" s="86"/>
      <c r="AH3403" s="85"/>
      <c r="AI3403" s="85"/>
      <c r="AJ3403" s="85"/>
      <c r="AK3403" s="85"/>
      <c r="AL3403" s="85"/>
      <c r="AM3403" s="92"/>
      <c r="AN3403" s="92"/>
      <c r="AO3403" s="92"/>
      <c r="AP3403" s="92"/>
      <c r="AQ3403" s="92"/>
      <c r="AR3403" s="92"/>
      <c r="AS3403" s="92"/>
      <c r="AT3403" s="92"/>
      <c r="AU3403" s="92"/>
      <c r="AV3403" s="92"/>
      <c r="AW3403" s="92"/>
      <c r="AX3403" s="92"/>
      <c r="AY3403" s="92"/>
      <c r="AZ3403" s="93"/>
      <c r="BA3403" s="93"/>
      <c r="BB3403" s="93"/>
      <c r="BC3403" s="93"/>
      <c r="BD3403" s="93"/>
      <c r="BE3403" s="93"/>
      <c r="BF3403" s="93"/>
      <c r="BG3403" s="93"/>
      <c r="BH3403" s="93"/>
      <c r="BI3403" s="93"/>
      <c r="BJ3403" s="93"/>
      <c r="BK3403" s="93"/>
      <c r="BL3403" s="93"/>
    </row>
    <row r="3404" spans="2:64" x14ac:dyDescent="0.2">
      <c r="B3404" s="43"/>
      <c r="C3404" s="73"/>
      <c r="D3404" s="64"/>
      <c r="E3404" s="55"/>
      <c r="F3404" s="74"/>
      <c r="G3404" s="74"/>
      <c r="H3404" s="74"/>
      <c r="I3404" s="75"/>
      <c r="J3404" s="74"/>
      <c r="L3404" s="55"/>
      <c r="M3404" s="234"/>
      <c r="N3404" s="65"/>
      <c r="O3404" s="76"/>
      <c r="P3404" s="76"/>
      <c r="Q3404" s="65"/>
      <c r="R3404" s="76"/>
      <c r="S3404" s="76"/>
      <c r="T3404" s="76"/>
      <c r="U3404" s="76"/>
      <c r="V3404" s="76"/>
      <c r="W3404" s="76"/>
      <c r="X3404" s="76"/>
      <c r="Y3404" s="76"/>
      <c r="Z3404" s="76"/>
      <c r="AA3404" s="85"/>
      <c r="AB3404" s="85"/>
      <c r="AC3404" s="85"/>
      <c r="AD3404" s="85"/>
      <c r="AE3404" s="85"/>
      <c r="AF3404" s="85"/>
      <c r="AG3404" s="86"/>
      <c r="AH3404" s="85"/>
      <c r="AI3404" s="85"/>
      <c r="AJ3404" s="85"/>
      <c r="AK3404" s="85"/>
      <c r="AL3404" s="85"/>
      <c r="AM3404" s="92"/>
      <c r="AN3404" s="92"/>
      <c r="AO3404" s="92"/>
      <c r="AP3404" s="92"/>
      <c r="AQ3404" s="92"/>
      <c r="AR3404" s="92"/>
      <c r="AS3404" s="92"/>
      <c r="AT3404" s="92"/>
      <c r="AU3404" s="92"/>
      <c r="AV3404" s="92"/>
      <c r="AW3404" s="92"/>
      <c r="AX3404" s="92"/>
      <c r="AY3404" s="92"/>
      <c r="AZ3404" s="93"/>
      <c r="BA3404" s="93"/>
      <c r="BB3404" s="93"/>
      <c r="BC3404" s="93"/>
      <c r="BD3404" s="93"/>
      <c r="BE3404" s="93"/>
      <c r="BF3404" s="93"/>
      <c r="BG3404" s="93"/>
      <c r="BH3404" s="93"/>
      <c r="BI3404" s="93"/>
      <c r="BJ3404" s="93"/>
      <c r="BK3404" s="93"/>
      <c r="BL3404" s="93"/>
    </row>
    <row r="3405" spans="2:64" x14ac:dyDescent="0.2">
      <c r="B3405" s="43"/>
      <c r="C3405" s="73"/>
      <c r="D3405" s="64"/>
      <c r="E3405" s="55"/>
      <c r="F3405" s="74"/>
      <c r="G3405" s="74"/>
      <c r="H3405" s="74"/>
      <c r="I3405" s="75"/>
      <c r="J3405" s="74"/>
      <c r="L3405" s="55"/>
      <c r="M3405" s="234"/>
      <c r="N3405" s="65"/>
      <c r="O3405" s="76"/>
      <c r="P3405" s="76"/>
      <c r="Q3405" s="65"/>
      <c r="R3405" s="76"/>
      <c r="S3405" s="76"/>
      <c r="T3405" s="76"/>
      <c r="U3405" s="76"/>
      <c r="V3405" s="76"/>
      <c r="W3405" s="76"/>
      <c r="X3405" s="76"/>
      <c r="Y3405" s="76"/>
      <c r="Z3405" s="76"/>
      <c r="AA3405" s="85"/>
      <c r="AB3405" s="85"/>
      <c r="AC3405" s="85"/>
      <c r="AD3405" s="85"/>
      <c r="AE3405" s="85"/>
      <c r="AF3405" s="85"/>
      <c r="AG3405" s="86"/>
      <c r="AH3405" s="85"/>
      <c r="AI3405" s="85"/>
      <c r="AJ3405" s="85"/>
      <c r="AK3405" s="85"/>
      <c r="AL3405" s="85"/>
      <c r="AM3405" s="92"/>
      <c r="AN3405" s="92"/>
      <c r="AO3405" s="92"/>
      <c r="AP3405" s="92"/>
      <c r="AQ3405" s="92"/>
      <c r="AR3405" s="92"/>
      <c r="AS3405" s="92"/>
      <c r="AT3405" s="92"/>
      <c r="AU3405" s="92"/>
      <c r="AV3405" s="92"/>
      <c r="AW3405" s="92"/>
      <c r="AX3405" s="92"/>
      <c r="AY3405" s="92"/>
      <c r="AZ3405" s="93"/>
      <c r="BA3405" s="93"/>
      <c r="BB3405" s="93"/>
      <c r="BC3405" s="93"/>
      <c r="BD3405" s="93"/>
      <c r="BE3405" s="93"/>
      <c r="BF3405" s="93"/>
      <c r="BG3405" s="93"/>
      <c r="BH3405" s="93"/>
      <c r="BI3405" s="93"/>
      <c r="BJ3405" s="93"/>
      <c r="BK3405" s="93"/>
      <c r="BL3405" s="93"/>
    </row>
    <row r="3406" spans="2:64" x14ac:dyDescent="0.2">
      <c r="B3406" s="43"/>
      <c r="C3406" s="73"/>
      <c r="D3406" s="64"/>
      <c r="E3406" s="55"/>
      <c r="F3406" s="74"/>
      <c r="G3406" s="74"/>
      <c r="H3406" s="74"/>
      <c r="I3406" s="75"/>
      <c r="J3406" s="74"/>
      <c r="L3406" s="55"/>
      <c r="M3406" s="234"/>
      <c r="N3406" s="65"/>
      <c r="O3406" s="76"/>
      <c r="P3406" s="76"/>
      <c r="Q3406" s="65"/>
      <c r="R3406" s="76"/>
      <c r="S3406" s="76"/>
      <c r="T3406" s="76"/>
      <c r="U3406" s="76"/>
      <c r="V3406" s="76"/>
      <c r="W3406" s="76"/>
      <c r="X3406" s="76"/>
      <c r="Y3406" s="76"/>
      <c r="Z3406" s="76"/>
      <c r="AA3406" s="85"/>
      <c r="AB3406" s="85"/>
      <c r="AC3406" s="85"/>
      <c r="AD3406" s="85"/>
      <c r="AE3406" s="85"/>
      <c r="AF3406" s="85"/>
      <c r="AG3406" s="86"/>
      <c r="AH3406" s="85"/>
      <c r="AI3406" s="85"/>
      <c r="AJ3406" s="85"/>
      <c r="AK3406" s="85"/>
      <c r="AL3406" s="85"/>
      <c r="AM3406" s="92"/>
      <c r="AN3406" s="92"/>
      <c r="AO3406" s="92"/>
      <c r="AP3406" s="92"/>
      <c r="AQ3406" s="92"/>
      <c r="AR3406" s="92"/>
      <c r="AS3406" s="92"/>
      <c r="AT3406" s="92"/>
      <c r="AU3406" s="92"/>
      <c r="AV3406" s="92"/>
      <c r="AW3406" s="92"/>
      <c r="AX3406" s="92"/>
      <c r="AY3406" s="92"/>
      <c r="AZ3406" s="93"/>
      <c r="BA3406" s="93"/>
      <c r="BB3406" s="93"/>
      <c r="BC3406" s="93"/>
      <c r="BD3406" s="93"/>
      <c r="BE3406" s="93"/>
      <c r="BF3406" s="93"/>
      <c r="BG3406" s="93"/>
      <c r="BH3406" s="93"/>
      <c r="BI3406" s="93"/>
      <c r="BJ3406" s="93"/>
      <c r="BK3406" s="93"/>
      <c r="BL3406" s="93"/>
    </row>
    <row r="3407" spans="2:64" x14ac:dyDescent="0.2">
      <c r="B3407" s="43"/>
      <c r="C3407" s="73"/>
      <c r="D3407" s="64"/>
      <c r="E3407" s="55"/>
      <c r="F3407" s="74"/>
      <c r="G3407" s="74"/>
      <c r="H3407" s="74"/>
      <c r="I3407" s="75"/>
      <c r="J3407" s="74"/>
      <c r="L3407" s="55"/>
      <c r="M3407" s="234"/>
      <c r="N3407" s="65"/>
      <c r="O3407" s="76"/>
      <c r="P3407" s="76"/>
      <c r="Q3407" s="65"/>
      <c r="R3407" s="76"/>
      <c r="S3407" s="76"/>
      <c r="T3407" s="76"/>
      <c r="U3407" s="76"/>
      <c r="V3407" s="76"/>
      <c r="W3407" s="76"/>
      <c r="X3407" s="76"/>
      <c r="Y3407" s="76"/>
      <c r="Z3407" s="76"/>
      <c r="AA3407" s="85"/>
      <c r="AB3407" s="85"/>
      <c r="AC3407" s="85"/>
      <c r="AD3407" s="85"/>
      <c r="AE3407" s="85"/>
      <c r="AF3407" s="85"/>
      <c r="AG3407" s="86"/>
      <c r="AH3407" s="85"/>
      <c r="AI3407" s="85"/>
      <c r="AJ3407" s="85"/>
      <c r="AK3407" s="85"/>
      <c r="AL3407" s="85"/>
      <c r="AM3407" s="92"/>
      <c r="AN3407" s="92"/>
      <c r="AO3407" s="92"/>
      <c r="AP3407" s="92"/>
      <c r="AQ3407" s="92"/>
      <c r="AR3407" s="92"/>
      <c r="AS3407" s="92"/>
      <c r="AT3407" s="92"/>
      <c r="AU3407" s="92"/>
      <c r="AV3407" s="92"/>
      <c r="AW3407" s="92"/>
      <c r="AX3407" s="92"/>
      <c r="AY3407" s="92"/>
      <c r="AZ3407" s="93"/>
      <c r="BA3407" s="93"/>
      <c r="BB3407" s="93"/>
      <c r="BC3407" s="93"/>
      <c r="BD3407" s="93"/>
      <c r="BE3407" s="93"/>
      <c r="BF3407" s="93"/>
      <c r="BG3407" s="93"/>
      <c r="BH3407" s="93"/>
      <c r="BI3407" s="93"/>
      <c r="BJ3407" s="93"/>
      <c r="BK3407" s="93"/>
      <c r="BL3407" s="93"/>
    </row>
    <row r="3408" spans="2:64" x14ac:dyDescent="0.2">
      <c r="B3408" s="43"/>
      <c r="C3408" s="73"/>
      <c r="D3408" s="64"/>
      <c r="E3408" s="55"/>
      <c r="F3408" s="74"/>
      <c r="G3408" s="74"/>
      <c r="H3408" s="74"/>
      <c r="I3408" s="75"/>
      <c r="J3408" s="74"/>
      <c r="L3408" s="55"/>
      <c r="M3408" s="234"/>
      <c r="N3408" s="65"/>
      <c r="O3408" s="76"/>
      <c r="P3408" s="76"/>
      <c r="Q3408" s="65"/>
      <c r="R3408" s="76"/>
      <c r="S3408" s="76"/>
      <c r="T3408" s="76"/>
      <c r="U3408" s="76"/>
      <c r="V3408" s="76"/>
      <c r="W3408" s="76"/>
      <c r="X3408" s="76"/>
      <c r="Y3408" s="76"/>
      <c r="Z3408" s="76"/>
      <c r="AA3408" s="85"/>
      <c r="AB3408" s="85"/>
      <c r="AC3408" s="85"/>
      <c r="AD3408" s="85"/>
      <c r="AE3408" s="85"/>
      <c r="AF3408" s="85"/>
      <c r="AG3408" s="86"/>
      <c r="AH3408" s="85"/>
      <c r="AI3408" s="85"/>
      <c r="AJ3408" s="85"/>
      <c r="AK3408" s="85"/>
      <c r="AL3408" s="85"/>
      <c r="AM3408" s="92"/>
      <c r="AN3408" s="92"/>
      <c r="AO3408" s="92"/>
      <c r="AP3408" s="92"/>
      <c r="AQ3408" s="92"/>
      <c r="AR3408" s="92"/>
      <c r="AS3408" s="92"/>
      <c r="AT3408" s="92"/>
      <c r="AU3408" s="92"/>
      <c r="AV3408" s="92"/>
      <c r="AW3408" s="92"/>
      <c r="AX3408" s="92"/>
      <c r="AY3408" s="92"/>
      <c r="AZ3408" s="93"/>
      <c r="BA3408" s="93"/>
      <c r="BB3408" s="93"/>
      <c r="BC3408" s="93"/>
      <c r="BD3408" s="93"/>
      <c r="BE3408" s="93"/>
      <c r="BF3408" s="93"/>
      <c r="BG3408" s="93"/>
      <c r="BH3408" s="93"/>
      <c r="BI3408" s="93"/>
      <c r="BJ3408" s="93"/>
      <c r="BK3408" s="93"/>
      <c r="BL3408" s="93"/>
    </row>
    <row r="3409" spans="2:64" x14ac:dyDescent="0.2">
      <c r="B3409" s="43"/>
      <c r="C3409" s="73"/>
      <c r="D3409" s="64"/>
      <c r="E3409" s="55"/>
      <c r="F3409" s="74"/>
      <c r="G3409" s="74"/>
      <c r="H3409" s="74"/>
      <c r="I3409" s="75"/>
      <c r="J3409" s="74"/>
      <c r="L3409" s="55"/>
      <c r="M3409" s="234"/>
      <c r="N3409" s="65"/>
      <c r="O3409" s="76"/>
      <c r="P3409" s="76"/>
      <c r="Q3409" s="65"/>
      <c r="R3409" s="76"/>
      <c r="S3409" s="76"/>
      <c r="T3409" s="76"/>
      <c r="U3409" s="76"/>
      <c r="V3409" s="76"/>
      <c r="W3409" s="76"/>
      <c r="X3409" s="76"/>
      <c r="Y3409" s="76"/>
      <c r="Z3409" s="76"/>
      <c r="AA3409" s="85"/>
      <c r="AB3409" s="85"/>
      <c r="AC3409" s="85"/>
      <c r="AD3409" s="85"/>
      <c r="AE3409" s="85"/>
      <c r="AF3409" s="85"/>
      <c r="AG3409" s="86"/>
      <c r="AH3409" s="85"/>
      <c r="AI3409" s="85"/>
      <c r="AJ3409" s="85"/>
      <c r="AK3409" s="85"/>
      <c r="AL3409" s="85"/>
      <c r="AM3409" s="92"/>
      <c r="AN3409" s="92"/>
      <c r="AO3409" s="92"/>
      <c r="AP3409" s="92"/>
      <c r="AQ3409" s="92"/>
      <c r="AR3409" s="92"/>
      <c r="AS3409" s="92"/>
      <c r="AT3409" s="92"/>
      <c r="AU3409" s="92"/>
      <c r="AV3409" s="92"/>
      <c r="AW3409" s="92"/>
      <c r="AX3409" s="92"/>
      <c r="AY3409" s="92"/>
      <c r="AZ3409" s="93"/>
      <c r="BA3409" s="93"/>
      <c r="BB3409" s="93"/>
      <c r="BC3409" s="93"/>
      <c r="BD3409" s="93"/>
      <c r="BE3409" s="93"/>
      <c r="BF3409" s="93"/>
      <c r="BG3409" s="93"/>
      <c r="BH3409" s="93"/>
      <c r="BI3409" s="93"/>
      <c r="BJ3409" s="93"/>
      <c r="BK3409" s="93"/>
      <c r="BL3409" s="93"/>
    </row>
    <row r="3410" spans="2:64" x14ac:dyDescent="0.2">
      <c r="B3410" s="43"/>
      <c r="C3410" s="73"/>
      <c r="D3410" s="64"/>
      <c r="E3410" s="55"/>
      <c r="F3410" s="74"/>
      <c r="G3410" s="74"/>
      <c r="H3410" s="74"/>
      <c r="I3410" s="75"/>
      <c r="J3410" s="74"/>
      <c r="L3410" s="55"/>
      <c r="M3410" s="234"/>
      <c r="N3410" s="65"/>
      <c r="O3410" s="76"/>
      <c r="P3410" s="76"/>
      <c r="Q3410" s="65"/>
      <c r="R3410" s="76"/>
      <c r="S3410" s="76"/>
      <c r="T3410" s="76"/>
      <c r="U3410" s="76"/>
      <c r="V3410" s="76"/>
      <c r="W3410" s="76"/>
      <c r="X3410" s="76"/>
      <c r="Y3410" s="76"/>
      <c r="Z3410" s="76"/>
      <c r="AA3410" s="85"/>
      <c r="AB3410" s="85"/>
      <c r="AC3410" s="85"/>
      <c r="AD3410" s="85"/>
      <c r="AE3410" s="85"/>
      <c r="AF3410" s="85"/>
      <c r="AG3410" s="86"/>
      <c r="AH3410" s="85"/>
      <c r="AI3410" s="85"/>
      <c r="AJ3410" s="85"/>
      <c r="AK3410" s="85"/>
      <c r="AL3410" s="85"/>
      <c r="AM3410" s="92"/>
      <c r="AN3410" s="92"/>
      <c r="AO3410" s="92"/>
      <c r="AP3410" s="92"/>
      <c r="AQ3410" s="92"/>
      <c r="AR3410" s="92"/>
      <c r="AS3410" s="92"/>
      <c r="AT3410" s="92"/>
      <c r="AU3410" s="92"/>
      <c r="AV3410" s="92"/>
      <c r="AW3410" s="92"/>
      <c r="AX3410" s="92"/>
      <c r="AY3410" s="92"/>
      <c r="AZ3410" s="93"/>
      <c r="BA3410" s="93"/>
      <c r="BB3410" s="93"/>
      <c r="BC3410" s="93"/>
      <c r="BD3410" s="93"/>
      <c r="BE3410" s="93"/>
      <c r="BF3410" s="93"/>
      <c r="BG3410" s="93"/>
      <c r="BH3410" s="93"/>
      <c r="BI3410" s="93"/>
      <c r="BJ3410" s="93"/>
      <c r="BK3410" s="93"/>
      <c r="BL3410" s="93"/>
    </row>
    <row r="3411" spans="2:64" x14ac:dyDescent="0.2">
      <c r="B3411" s="43"/>
      <c r="C3411" s="73"/>
      <c r="D3411" s="64"/>
      <c r="E3411" s="55"/>
      <c r="F3411" s="74"/>
      <c r="G3411" s="74"/>
      <c r="H3411" s="74"/>
      <c r="I3411" s="75"/>
      <c r="J3411" s="74"/>
      <c r="L3411" s="55"/>
      <c r="M3411" s="234"/>
      <c r="N3411" s="65"/>
      <c r="O3411" s="76"/>
      <c r="P3411" s="76"/>
      <c r="Q3411" s="65"/>
      <c r="R3411" s="76"/>
      <c r="S3411" s="76"/>
      <c r="T3411" s="76"/>
      <c r="U3411" s="76"/>
      <c r="V3411" s="76"/>
      <c r="W3411" s="76"/>
      <c r="X3411" s="76"/>
      <c r="Y3411" s="76"/>
      <c r="Z3411" s="76"/>
      <c r="AA3411" s="85"/>
      <c r="AB3411" s="85"/>
      <c r="AC3411" s="85"/>
      <c r="AD3411" s="85"/>
      <c r="AE3411" s="85"/>
      <c r="AF3411" s="85"/>
      <c r="AG3411" s="86"/>
      <c r="AH3411" s="85"/>
      <c r="AI3411" s="85"/>
      <c r="AJ3411" s="85"/>
      <c r="AK3411" s="85"/>
      <c r="AL3411" s="85"/>
      <c r="AM3411" s="92"/>
      <c r="AN3411" s="92"/>
      <c r="AO3411" s="92"/>
      <c r="AP3411" s="92"/>
      <c r="AQ3411" s="92"/>
      <c r="AR3411" s="92"/>
      <c r="AS3411" s="92"/>
      <c r="AT3411" s="92"/>
      <c r="AU3411" s="92"/>
      <c r="AV3411" s="92"/>
      <c r="AW3411" s="92"/>
      <c r="AX3411" s="92"/>
      <c r="AY3411" s="92"/>
      <c r="AZ3411" s="93"/>
      <c r="BA3411" s="93"/>
      <c r="BB3411" s="93"/>
      <c r="BC3411" s="93"/>
      <c r="BD3411" s="93"/>
      <c r="BE3411" s="93"/>
      <c r="BF3411" s="93"/>
      <c r="BG3411" s="93"/>
      <c r="BH3411" s="93"/>
      <c r="BI3411" s="93"/>
      <c r="BJ3411" s="93"/>
      <c r="BK3411" s="93"/>
      <c r="BL3411" s="93"/>
    </row>
    <row r="3412" spans="2:64" x14ac:dyDescent="0.2">
      <c r="B3412" s="43"/>
      <c r="C3412" s="73"/>
      <c r="D3412" s="64"/>
      <c r="E3412" s="55"/>
      <c r="F3412" s="74"/>
      <c r="G3412" s="74"/>
      <c r="H3412" s="74"/>
      <c r="I3412" s="75"/>
      <c r="J3412" s="74"/>
      <c r="L3412" s="55"/>
      <c r="M3412" s="234"/>
      <c r="N3412" s="65"/>
      <c r="O3412" s="76"/>
      <c r="P3412" s="76"/>
      <c r="Q3412" s="65"/>
      <c r="R3412" s="76"/>
      <c r="S3412" s="76"/>
      <c r="T3412" s="76"/>
      <c r="U3412" s="76"/>
      <c r="V3412" s="76"/>
      <c r="W3412" s="76"/>
      <c r="X3412" s="76"/>
      <c r="Y3412" s="76"/>
      <c r="Z3412" s="76"/>
      <c r="AA3412" s="85"/>
      <c r="AB3412" s="85"/>
      <c r="AC3412" s="85"/>
      <c r="AD3412" s="85"/>
      <c r="AE3412" s="85"/>
      <c r="AF3412" s="85"/>
      <c r="AG3412" s="86"/>
      <c r="AH3412" s="85"/>
      <c r="AI3412" s="85"/>
      <c r="AJ3412" s="85"/>
      <c r="AK3412" s="85"/>
      <c r="AL3412" s="85"/>
      <c r="AM3412" s="92"/>
      <c r="AN3412" s="92"/>
      <c r="AO3412" s="92"/>
      <c r="AP3412" s="92"/>
      <c r="AQ3412" s="92"/>
      <c r="AR3412" s="92"/>
      <c r="AS3412" s="92"/>
      <c r="AT3412" s="92"/>
      <c r="AU3412" s="92"/>
      <c r="AV3412" s="92"/>
      <c r="AW3412" s="92"/>
      <c r="AX3412" s="92"/>
      <c r="AY3412" s="92"/>
      <c r="AZ3412" s="93"/>
      <c r="BA3412" s="93"/>
      <c r="BB3412" s="93"/>
      <c r="BC3412" s="93"/>
      <c r="BD3412" s="93"/>
      <c r="BE3412" s="93"/>
      <c r="BF3412" s="93"/>
      <c r="BG3412" s="93"/>
      <c r="BH3412" s="93"/>
      <c r="BI3412" s="93"/>
      <c r="BJ3412" s="93"/>
      <c r="BK3412" s="93"/>
      <c r="BL3412" s="93"/>
    </row>
    <row r="3413" spans="2:64" x14ac:dyDescent="0.2">
      <c r="B3413" s="43"/>
      <c r="C3413" s="73"/>
      <c r="D3413" s="64"/>
      <c r="E3413" s="55"/>
      <c r="F3413" s="74"/>
      <c r="G3413" s="74"/>
      <c r="H3413" s="74"/>
      <c r="I3413" s="75"/>
      <c r="J3413" s="74"/>
      <c r="L3413" s="55"/>
      <c r="M3413" s="234"/>
      <c r="N3413" s="65"/>
      <c r="O3413" s="76"/>
      <c r="P3413" s="76"/>
      <c r="Q3413" s="65"/>
      <c r="R3413" s="76"/>
      <c r="S3413" s="76"/>
      <c r="T3413" s="76"/>
      <c r="U3413" s="76"/>
      <c r="V3413" s="76"/>
      <c r="W3413" s="76"/>
      <c r="X3413" s="76"/>
      <c r="Y3413" s="76"/>
      <c r="Z3413" s="76"/>
      <c r="AA3413" s="85"/>
      <c r="AB3413" s="85"/>
      <c r="AC3413" s="85"/>
      <c r="AD3413" s="85"/>
      <c r="AE3413" s="85"/>
      <c r="AF3413" s="85"/>
      <c r="AG3413" s="86"/>
      <c r="AH3413" s="85"/>
      <c r="AI3413" s="85"/>
      <c r="AJ3413" s="85"/>
      <c r="AK3413" s="85"/>
      <c r="AL3413" s="85"/>
      <c r="AM3413" s="92"/>
      <c r="AN3413" s="92"/>
      <c r="AO3413" s="92"/>
      <c r="AP3413" s="92"/>
      <c r="AQ3413" s="92"/>
      <c r="AR3413" s="92"/>
      <c r="AS3413" s="92"/>
      <c r="AT3413" s="92"/>
      <c r="AU3413" s="92"/>
      <c r="AV3413" s="92"/>
      <c r="AW3413" s="92"/>
      <c r="AX3413" s="92"/>
      <c r="AY3413" s="92"/>
      <c r="AZ3413" s="93"/>
      <c r="BA3413" s="93"/>
      <c r="BB3413" s="93"/>
      <c r="BC3413" s="93"/>
      <c r="BD3413" s="93"/>
      <c r="BE3413" s="93"/>
      <c r="BF3413" s="93"/>
      <c r="BG3413" s="93"/>
      <c r="BH3413" s="93"/>
      <c r="BI3413" s="93"/>
      <c r="BJ3413" s="93"/>
      <c r="BK3413" s="93"/>
      <c r="BL3413" s="93"/>
    </row>
    <row r="3414" spans="2:64" x14ac:dyDescent="0.2">
      <c r="B3414" s="43"/>
      <c r="C3414" s="73"/>
      <c r="D3414" s="64"/>
      <c r="E3414" s="55"/>
      <c r="F3414" s="74"/>
      <c r="G3414" s="74"/>
      <c r="H3414" s="74"/>
      <c r="I3414" s="75"/>
      <c r="J3414" s="74"/>
      <c r="L3414" s="55"/>
      <c r="M3414" s="234"/>
      <c r="N3414" s="65"/>
      <c r="O3414" s="76"/>
      <c r="P3414" s="76"/>
      <c r="Q3414" s="65"/>
      <c r="R3414" s="76"/>
      <c r="S3414" s="76"/>
      <c r="T3414" s="76"/>
      <c r="U3414" s="76"/>
      <c r="V3414" s="76"/>
      <c r="W3414" s="76"/>
      <c r="X3414" s="76"/>
      <c r="Y3414" s="76"/>
      <c r="Z3414" s="76"/>
      <c r="AA3414" s="85"/>
      <c r="AB3414" s="85"/>
      <c r="AC3414" s="85"/>
      <c r="AD3414" s="85"/>
      <c r="AE3414" s="85"/>
      <c r="AF3414" s="85"/>
      <c r="AG3414" s="86"/>
      <c r="AH3414" s="85"/>
      <c r="AI3414" s="85"/>
      <c r="AJ3414" s="85"/>
      <c r="AK3414" s="85"/>
      <c r="AL3414" s="85"/>
      <c r="AM3414" s="92"/>
      <c r="AN3414" s="92"/>
      <c r="AO3414" s="92"/>
      <c r="AP3414" s="92"/>
      <c r="AQ3414" s="92"/>
      <c r="AR3414" s="92"/>
      <c r="AS3414" s="92"/>
      <c r="AT3414" s="92"/>
      <c r="AU3414" s="92"/>
      <c r="AV3414" s="92"/>
      <c r="AW3414" s="92"/>
      <c r="AX3414" s="92"/>
      <c r="AY3414" s="92"/>
      <c r="AZ3414" s="93"/>
      <c r="BA3414" s="93"/>
      <c r="BB3414" s="93"/>
      <c r="BC3414" s="93"/>
      <c r="BD3414" s="93"/>
      <c r="BE3414" s="93"/>
      <c r="BF3414" s="93"/>
      <c r="BG3414" s="93"/>
      <c r="BH3414" s="93"/>
      <c r="BI3414" s="93"/>
      <c r="BJ3414" s="93"/>
      <c r="BK3414" s="93"/>
      <c r="BL3414" s="93"/>
    </row>
    <row r="3415" spans="2:64" x14ac:dyDescent="0.2">
      <c r="B3415" s="43"/>
      <c r="C3415" s="73"/>
      <c r="D3415" s="64"/>
      <c r="E3415" s="55"/>
      <c r="F3415" s="74"/>
      <c r="G3415" s="74"/>
      <c r="H3415" s="74"/>
      <c r="I3415" s="75"/>
      <c r="J3415" s="74"/>
      <c r="L3415" s="55"/>
      <c r="M3415" s="234"/>
      <c r="N3415" s="65"/>
      <c r="O3415" s="76"/>
      <c r="P3415" s="76"/>
      <c r="Q3415" s="65"/>
      <c r="R3415" s="76"/>
      <c r="S3415" s="76"/>
      <c r="T3415" s="76"/>
      <c r="U3415" s="76"/>
      <c r="V3415" s="76"/>
      <c r="W3415" s="76"/>
      <c r="X3415" s="76"/>
      <c r="Y3415" s="76"/>
      <c r="Z3415" s="76"/>
      <c r="AA3415" s="85"/>
      <c r="AB3415" s="85"/>
      <c r="AC3415" s="85"/>
      <c r="AD3415" s="85"/>
      <c r="AE3415" s="85"/>
      <c r="AF3415" s="85"/>
      <c r="AG3415" s="86"/>
      <c r="AH3415" s="85"/>
      <c r="AI3415" s="85"/>
      <c r="AJ3415" s="85"/>
      <c r="AK3415" s="85"/>
      <c r="AL3415" s="85"/>
      <c r="AM3415" s="92"/>
      <c r="AN3415" s="92"/>
      <c r="AO3415" s="92"/>
      <c r="AP3415" s="92"/>
      <c r="AQ3415" s="92"/>
      <c r="AR3415" s="92"/>
      <c r="AS3415" s="92"/>
      <c r="AT3415" s="92"/>
      <c r="AU3415" s="92"/>
      <c r="AV3415" s="92"/>
      <c r="AW3415" s="92"/>
      <c r="AX3415" s="92"/>
      <c r="AY3415" s="92"/>
      <c r="AZ3415" s="93"/>
      <c r="BA3415" s="93"/>
      <c r="BB3415" s="93"/>
      <c r="BC3415" s="93"/>
      <c r="BD3415" s="93"/>
      <c r="BE3415" s="93"/>
      <c r="BF3415" s="93"/>
      <c r="BG3415" s="93"/>
      <c r="BH3415" s="93"/>
      <c r="BI3415" s="93"/>
      <c r="BJ3415" s="93"/>
      <c r="BK3415" s="93"/>
      <c r="BL3415" s="93"/>
    </row>
    <row r="3416" spans="2:64" x14ac:dyDescent="0.2">
      <c r="B3416" s="43"/>
      <c r="C3416" s="73"/>
      <c r="D3416" s="64"/>
      <c r="E3416" s="55"/>
      <c r="F3416" s="74"/>
      <c r="G3416" s="74"/>
      <c r="H3416" s="74"/>
      <c r="I3416" s="75"/>
      <c r="J3416" s="74"/>
      <c r="L3416" s="55"/>
      <c r="M3416" s="234"/>
      <c r="N3416" s="65"/>
      <c r="O3416" s="76"/>
      <c r="P3416" s="76"/>
      <c r="Q3416" s="65"/>
      <c r="R3416" s="76"/>
      <c r="S3416" s="76"/>
      <c r="T3416" s="76"/>
      <c r="U3416" s="76"/>
      <c r="V3416" s="76"/>
      <c r="W3416" s="76"/>
      <c r="X3416" s="76"/>
      <c r="Y3416" s="76"/>
      <c r="Z3416" s="76"/>
      <c r="AA3416" s="85"/>
      <c r="AB3416" s="85"/>
      <c r="AC3416" s="85"/>
      <c r="AD3416" s="85"/>
      <c r="AE3416" s="85"/>
      <c r="AF3416" s="85"/>
      <c r="AG3416" s="86"/>
      <c r="AH3416" s="85"/>
      <c r="AI3416" s="85"/>
      <c r="AJ3416" s="85"/>
      <c r="AK3416" s="85"/>
      <c r="AL3416" s="85"/>
      <c r="AM3416" s="92"/>
      <c r="AN3416" s="92"/>
      <c r="AO3416" s="92"/>
      <c r="AP3416" s="92"/>
      <c r="AQ3416" s="92"/>
      <c r="AR3416" s="92"/>
      <c r="AS3416" s="92"/>
      <c r="AT3416" s="92"/>
      <c r="AU3416" s="92"/>
      <c r="AV3416" s="92"/>
      <c r="AW3416" s="92"/>
      <c r="AX3416" s="92"/>
      <c r="AY3416" s="92"/>
      <c r="AZ3416" s="93"/>
      <c r="BA3416" s="93"/>
      <c r="BB3416" s="93"/>
      <c r="BC3416" s="93"/>
      <c r="BD3416" s="93"/>
      <c r="BE3416" s="93"/>
      <c r="BF3416" s="93"/>
      <c r="BG3416" s="93"/>
      <c r="BH3416" s="93"/>
      <c r="BI3416" s="93"/>
      <c r="BJ3416" s="93"/>
      <c r="BK3416" s="93"/>
      <c r="BL3416" s="93"/>
    </row>
    <row r="3417" spans="2:64" x14ac:dyDescent="0.2">
      <c r="B3417" s="43"/>
      <c r="C3417" s="73"/>
      <c r="D3417" s="64"/>
      <c r="E3417" s="55"/>
      <c r="F3417" s="74"/>
      <c r="G3417" s="74"/>
      <c r="H3417" s="74"/>
      <c r="I3417" s="75"/>
      <c r="J3417" s="74"/>
      <c r="L3417" s="55"/>
      <c r="M3417" s="234"/>
      <c r="N3417" s="65"/>
      <c r="O3417" s="76"/>
      <c r="P3417" s="76"/>
      <c r="Q3417" s="65"/>
      <c r="R3417" s="76"/>
      <c r="S3417" s="76"/>
      <c r="T3417" s="76"/>
      <c r="U3417" s="76"/>
      <c r="V3417" s="76"/>
      <c r="W3417" s="76"/>
      <c r="X3417" s="76"/>
      <c r="Y3417" s="76"/>
      <c r="Z3417" s="76"/>
      <c r="AA3417" s="85"/>
      <c r="AB3417" s="85"/>
      <c r="AC3417" s="85"/>
      <c r="AD3417" s="85"/>
      <c r="AE3417" s="85"/>
      <c r="AF3417" s="85"/>
      <c r="AG3417" s="86"/>
      <c r="AH3417" s="85"/>
      <c r="AI3417" s="85"/>
      <c r="AJ3417" s="85"/>
      <c r="AK3417" s="85"/>
      <c r="AL3417" s="85"/>
      <c r="AM3417" s="92"/>
      <c r="AN3417" s="92"/>
      <c r="AO3417" s="92"/>
      <c r="AP3417" s="92"/>
      <c r="AQ3417" s="92"/>
      <c r="AR3417" s="92"/>
      <c r="AS3417" s="92"/>
      <c r="AT3417" s="92"/>
      <c r="AU3417" s="92"/>
      <c r="AV3417" s="92"/>
      <c r="AW3417" s="92"/>
      <c r="AX3417" s="92"/>
      <c r="AY3417" s="92"/>
      <c r="AZ3417" s="93"/>
      <c r="BA3417" s="93"/>
      <c r="BB3417" s="93"/>
      <c r="BC3417" s="93"/>
      <c r="BD3417" s="93"/>
      <c r="BE3417" s="93"/>
      <c r="BF3417" s="93"/>
      <c r="BG3417" s="93"/>
      <c r="BH3417" s="93"/>
      <c r="BI3417" s="93"/>
      <c r="BJ3417" s="93"/>
      <c r="BK3417" s="93"/>
      <c r="BL3417" s="93"/>
    </row>
    <row r="3418" spans="2:64" x14ac:dyDescent="0.2">
      <c r="B3418" s="43"/>
      <c r="C3418" s="73"/>
      <c r="D3418" s="64"/>
      <c r="E3418" s="55"/>
      <c r="F3418" s="74"/>
      <c r="G3418" s="74"/>
      <c r="H3418" s="74"/>
      <c r="I3418" s="75"/>
      <c r="J3418" s="74"/>
      <c r="L3418" s="55"/>
      <c r="M3418" s="234"/>
      <c r="N3418" s="65"/>
      <c r="O3418" s="76"/>
      <c r="P3418" s="76"/>
      <c r="Q3418" s="65"/>
      <c r="R3418" s="76"/>
      <c r="S3418" s="76"/>
      <c r="T3418" s="76"/>
      <c r="U3418" s="76"/>
      <c r="V3418" s="76"/>
      <c r="W3418" s="76"/>
      <c r="X3418" s="76"/>
      <c r="Y3418" s="76"/>
      <c r="Z3418" s="76"/>
      <c r="AA3418" s="85"/>
      <c r="AB3418" s="85"/>
      <c r="AC3418" s="85"/>
      <c r="AD3418" s="85"/>
      <c r="AE3418" s="85"/>
      <c r="AF3418" s="85"/>
      <c r="AG3418" s="86"/>
      <c r="AH3418" s="85"/>
      <c r="AI3418" s="85"/>
      <c r="AJ3418" s="85"/>
      <c r="AK3418" s="85"/>
      <c r="AL3418" s="85"/>
      <c r="AM3418" s="92"/>
      <c r="AN3418" s="92"/>
      <c r="AO3418" s="92"/>
      <c r="AP3418" s="92"/>
      <c r="AQ3418" s="92"/>
      <c r="AR3418" s="92"/>
      <c r="AS3418" s="92"/>
      <c r="AT3418" s="92"/>
      <c r="AU3418" s="92"/>
      <c r="AV3418" s="92"/>
      <c r="AW3418" s="92"/>
      <c r="AX3418" s="92"/>
      <c r="AY3418" s="92"/>
      <c r="AZ3418" s="93"/>
      <c r="BA3418" s="93"/>
      <c r="BB3418" s="93"/>
      <c r="BC3418" s="93"/>
      <c r="BD3418" s="93"/>
      <c r="BE3418" s="93"/>
      <c r="BF3418" s="93"/>
      <c r="BG3418" s="93"/>
      <c r="BH3418" s="93"/>
      <c r="BI3418" s="93"/>
      <c r="BJ3418" s="93"/>
      <c r="BK3418" s="93"/>
      <c r="BL3418" s="93"/>
    </row>
    <row r="3419" spans="2:64" x14ac:dyDescent="0.2">
      <c r="B3419" s="43"/>
      <c r="C3419" s="73"/>
      <c r="D3419" s="64"/>
      <c r="E3419" s="55"/>
      <c r="F3419" s="74"/>
      <c r="G3419" s="74"/>
      <c r="H3419" s="74"/>
      <c r="I3419" s="75"/>
      <c r="J3419" s="74"/>
      <c r="L3419" s="55"/>
      <c r="M3419" s="234"/>
      <c r="N3419" s="65"/>
      <c r="O3419" s="76"/>
      <c r="P3419" s="76"/>
      <c r="Q3419" s="65"/>
      <c r="R3419" s="76"/>
      <c r="S3419" s="76"/>
      <c r="T3419" s="76"/>
      <c r="U3419" s="76"/>
      <c r="V3419" s="76"/>
      <c r="W3419" s="76"/>
      <c r="X3419" s="76"/>
      <c r="Y3419" s="76"/>
      <c r="Z3419" s="76"/>
      <c r="AA3419" s="85"/>
      <c r="AB3419" s="85"/>
      <c r="AC3419" s="85"/>
      <c r="AD3419" s="85"/>
      <c r="AE3419" s="85"/>
      <c r="AF3419" s="85"/>
      <c r="AG3419" s="86"/>
      <c r="AH3419" s="85"/>
      <c r="AI3419" s="85"/>
      <c r="AJ3419" s="85"/>
      <c r="AK3419" s="85"/>
      <c r="AL3419" s="85"/>
      <c r="AM3419" s="92"/>
      <c r="AN3419" s="92"/>
      <c r="AO3419" s="92"/>
      <c r="AP3419" s="92"/>
      <c r="AQ3419" s="92"/>
      <c r="AR3419" s="92"/>
      <c r="AS3419" s="92"/>
      <c r="AT3419" s="92"/>
      <c r="AU3419" s="92"/>
      <c r="AV3419" s="92"/>
      <c r="AW3419" s="92"/>
      <c r="AX3419" s="92"/>
      <c r="AY3419" s="92"/>
      <c r="AZ3419" s="93"/>
      <c r="BA3419" s="93"/>
      <c r="BB3419" s="93"/>
      <c r="BC3419" s="93"/>
      <c r="BD3419" s="93"/>
      <c r="BE3419" s="93"/>
      <c r="BF3419" s="93"/>
      <c r="BG3419" s="93"/>
      <c r="BH3419" s="93"/>
      <c r="BI3419" s="93"/>
      <c r="BJ3419" s="93"/>
      <c r="BK3419" s="93"/>
      <c r="BL3419" s="93"/>
    </row>
    <row r="3420" spans="2:64" x14ac:dyDescent="0.2">
      <c r="B3420" s="43"/>
      <c r="C3420" s="73"/>
      <c r="D3420" s="64"/>
      <c r="E3420" s="55"/>
      <c r="F3420" s="74"/>
      <c r="G3420" s="74"/>
      <c r="H3420" s="74"/>
      <c r="I3420" s="75"/>
      <c r="J3420" s="74"/>
      <c r="L3420" s="55"/>
      <c r="M3420" s="234"/>
      <c r="N3420" s="65"/>
      <c r="O3420" s="76"/>
      <c r="P3420" s="76"/>
      <c r="Q3420" s="65"/>
      <c r="R3420" s="76"/>
      <c r="S3420" s="76"/>
      <c r="T3420" s="76"/>
      <c r="U3420" s="76"/>
      <c r="V3420" s="76"/>
      <c r="W3420" s="76"/>
      <c r="X3420" s="76"/>
      <c r="Y3420" s="76"/>
      <c r="Z3420" s="76"/>
      <c r="AA3420" s="85"/>
      <c r="AB3420" s="85"/>
      <c r="AC3420" s="85"/>
      <c r="AD3420" s="85"/>
      <c r="AE3420" s="85"/>
      <c r="AF3420" s="85"/>
      <c r="AG3420" s="86"/>
      <c r="AH3420" s="85"/>
      <c r="AI3420" s="85"/>
      <c r="AJ3420" s="85"/>
      <c r="AK3420" s="85"/>
      <c r="AL3420" s="85"/>
      <c r="AM3420" s="92"/>
      <c r="AN3420" s="92"/>
      <c r="AO3420" s="92"/>
      <c r="AP3420" s="92"/>
      <c r="AQ3420" s="92"/>
      <c r="AR3420" s="92"/>
      <c r="AS3420" s="92"/>
      <c r="AT3420" s="92"/>
      <c r="AU3420" s="92"/>
      <c r="AV3420" s="92"/>
      <c r="AW3420" s="92"/>
      <c r="AX3420" s="92"/>
      <c r="AY3420" s="92"/>
      <c r="AZ3420" s="93"/>
      <c r="BA3420" s="93"/>
      <c r="BB3420" s="93"/>
      <c r="BC3420" s="93"/>
      <c r="BD3420" s="93"/>
      <c r="BE3420" s="93"/>
      <c r="BF3420" s="93"/>
      <c r="BG3420" s="93"/>
      <c r="BH3420" s="93"/>
      <c r="BI3420" s="93"/>
      <c r="BJ3420" s="93"/>
      <c r="BK3420" s="93"/>
      <c r="BL3420" s="93"/>
    </row>
    <row r="3421" spans="2:64" x14ac:dyDescent="0.2">
      <c r="B3421" s="43"/>
      <c r="C3421" s="73"/>
      <c r="D3421" s="64"/>
      <c r="E3421" s="55"/>
      <c r="F3421" s="74"/>
      <c r="G3421" s="74"/>
      <c r="H3421" s="74"/>
      <c r="I3421" s="75"/>
      <c r="J3421" s="74"/>
      <c r="L3421" s="55"/>
      <c r="M3421" s="234"/>
      <c r="N3421" s="65"/>
      <c r="O3421" s="76"/>
      <c r="P3421" s="76"/>
      <c r="Q3421" s="65"/>
      <c r="R3421" s="76"/>
      <c r="S3421" s="76"/>
      <c r="T3421" s="76"/>
      <c r="U3421" s="76"/>
      <c r="V3421" s="76"/>
      <c r="W3421" s="76"/>
      <c r="X3421" s="76"/>
      <c r="Y3421" s="76"/>
      <c r="Z3421" s="76"/>
      <c r="AA3421" s="85"/>
      <c r="AB3421" s="85"/>
      <c r="AC3421" s="85"/>
      <c r="AD3421" s="85"/>
      <c r="AE3421" s="85"/>
      <c r="AF3421" s="85"/>
      <c r="AG3421" s="86"/>
      <c r="AH3421" s="85"/>
      <c r="AI3421" s="85"/>
      <c r="AJ3421" s="85"/>
      <c r="AK3421" s="85"/>
      <c r="AL3421" s="85"/>
      <c r="AM3421" s="92"/>
      <c r="AN3421" s="92"/>
      <c r="AO3421" s="92"/>
      <c r="AP3421" s="92"/>
      <c r="AQ3421" s="92"/>
      <c r="AR3421" s="92"/>
      <c r="AS3421" s="92"/>
      <c r="AT3421" s="92"/>
      <c r="AU3421" s="92"/>
      <c r="AV3421" s="92"/>
      <c r="AW3421" s="92"/>
      <c r="AX3421" s="92"/>
      <c r="AY3421" s="92"/>
      <c r="AZ3421" s="93"/>
      <c r="BA3421" s="93"/>
      <c r="BB3421" s="93"/>
      <c r="BC3421" s="93"/>
      <c r="BD3421" s="93"/>
      <c r="BE3421" s="93"/>
      <c r="BF3421" s="93"/>
      <c r="BG3421" s="93"/>
      <c r="BH3421" s="93"/>
      <c r="BI3421" s="93"/>
      <c r="BJ3421" s="93"/>
      <c r="BK3421" s="93"/>
      <c r="BL3421" s="93"/>
    </row>
    <row r="3422" spans="2:64" x14ac:dyDescent="0.2">
      <c r="B3422" s="43"/>
      <c r="C3422" s="73"/>
      <c r="D3422" s="64"/>
      <c r="E3422" s="55"/>
      <c r="F3422" s="74"/>
      <c r="G3422" s="74"/>
      <c r="H3422" s="74"/>
      <c r="I3422" s="75"/>
      <c r="J3422" s="74"/>
      <c r="L3422" s="55"/>
      <c r="M3422" s="234"/>
      <c r="N3422" s="65"/>
      <c r="O3422" s="76"/>
      <c r="P3422" s="76"/>
      <c r="Q3422" s="65"/>
      <c r="R3422" s="76"/>
      <c r="S3422" s="76"/>
      <c r="T3422" s="76"/>
      <c r="U3422" s="76"/>
      <c r="V3422" s="76"/>
      <c r="W3422" s="76"/>
      <c r="X3422" s="76"/>
      <c r="Y3422" s="76"/>
      <c r="Z3422" s="76"/>
      <c r="AA3422" s="85"/>
      <c r="AB3422" s="85"/>
      <c r="AC3422" s="85"/>
      <c r="AD3422" s="85"/>
      <c r="AE3422" s="85"/>
      <c r="AF3422" s="85"/>
      <c r="AG3422" s="86"/>
      <c r="AH3422" s="85"/>
      <c r="AI3422" s="85"/>
      <c r="AJ3422" s="85"/>
      <c r="AK3422" s="85"/>
      <c r="AL3422" s="85"/>
      <c r="AM3422" s="92"/>
      <c r="AN3422" s="92"/>
      <c r="AO3422" s="92"/>
      <c r="AP3422" s="92"/>
      <c r="AQ3422" s="92"/>
      <c r="AR3422" s="92"/>
      <c r="AS3422" s="92"/>
      <c r="AT3422" s="92"/>
      <c r="AU3422" s="92"/>
      <c r="AV3422" s="92"/>
      <c r="AW3422" s="92"/>
      <c r="AX3422" s="92"/>
      <c r="AY3422" s="92"/>
      <c r="AZ3422" s="93"/>
      <c r="BA3422" s="93"/>
      <c r="BB3422" s="93"/>
      <c r="BC3422" s="93"/>
      <c r="BD3422" s="93"/>
      <c r="BE3422" s="93"/>
      <c r="BF3422" s="93"/>
      <c r="BG3422" s="93"/>
      <c r="BH3422" s="93"/>
      <c r="BI3422" s="93"/>
      <c r="BJ3422" s="93"/>
      <c r="BK3422" s="93"/>
      <c r="BL3422" s="93"/>
    </row>
    <row r="3423" spans="2:64" x14ac:dyDescent="0.2">
      <c r="B3423" s="43"/>
      <c r="C3423" s="73"/>
      <c r="D3423" s="64"/>
      <c r="E3423" s="55"/>
      <c r="F3423" s="74"/>
      <c r="G3423" s="74"/>
      <c r="H3423" s="74"/>
      <c r="I3423" s="75"/>
      <c r="J3423" s="74"/>
      <c r="L3423" s="55"/>
      <c r="M3423" s="234"/>
      <c r="N3423" s="65"/>
      <c r="O3423" s="76"/>
      <c r="P3423" s="76"/>
      <c r="Q3423" s="65"/>
      <c r="R3423" s="76"/>
      <c r="S3423" s="76"/>
      <c r="T3423" s="76"/>
      <c r="U3423" s="76"/>
      <c r="V3423" s="76"/>
      <c r="W3423" s="76"/>
      <c r="X3423" s="76"/>
      <c r="Y3423" s="76"/>
      <c r="Z3423" s="76"/>
      <c r="AA3423" s="85"/>
      <c r="AB3423" s="85"/>
      <c r="AC3423" s="85"/>
      <c r="AD3423" s="85"/>
      <c r="AE3423" s="85"/>
      <c r="AF3423" s="85"/>
      <c r="AG3423" s="86"/>
      <c r="AH3423" s="85"/>
      <c r="AI3423" s="85"/>
      <c r="AJ3423" s="85"/>
      <c r="AK3423" s="85"/>
      <c r="AL3423" s="85"/>
      <c r="AM3423" s="92"/>
      <c r="AN3423" s="92"/>
      <c r="AO3423" s="92"/>
      <c r="AP3423" s="92"/>
      <c r="AQ3423" s="92"/>
      <c r="AR3423" s="92"/>
      <c r="AS3423" s="92"/>
      <c r="AT3423" s="92"/>
      <c r="AU3423" s="92"/>
      <c r="AV3423" s="92"/>
      <c r="AW3423" s="92"/>
      <c r="AX3423" s="92"/>
      <c r="AY3423" s="92"/>
      <c r="AZ3423" s="93"/>
      <c r="BA3423" s="93"/>
      <c r="BB3423" s="93"/>
      <c r="BC3423" s="93"/>
      <c r="BD3423" s="93"/>
      <c r="BE3423" s="93"/>
      <c r="BF3423" s="93"/>
      <c r="BG3423" s="93"/>
      <c r="BH3423" s="93"/>
      <c r="BI3423" s="93"/>
      <c r="BJ3423" s="93"/>
      <c r="BK3423" s="93"/>
      <c r="BL3423" s="93"/>
    </row>
    <row r="3424" spans="2:64" x14ac:dyDescent="0.2">
      <c r="B3424" s="43"/>
      <c r="C3424" s="73"/>
      <c r="D3424" s="64"/>
      <c r="E3424" s="55"/>
      <c r="F3424" s="74"/>
      <c r="G3424" s="74"/>
      <c r="H3424" s="74"/>
      <c r="I3424" s="75"/>
      <c r="J3424" s="74"/>
      <c r="L3424" s="55"/>
      <c r="M3424" s="234"/>
      <c r="N3424" s="65"/>
      <c r="O3424" s="76"/>
      <c r="P3424" s="76"/>
      <c r="Q3424" s="65"/>
      <c r="R3424" s="76"/>
      <c r="S3424" s="76"/>
      <c r="T3424" s="76"/>
      <c r="U3424" s="76"/>
      <c r="V3424" s="76"/>
      <c r="W3424" s="76"/>
      <c r="X3424" s="76"/>
      <c r="Y3424" s="76"/>
      <c r="Z3424" s="76"/>
      <c r="AA3424" s="85"/>
      <c r="AB3424" s="85"/>
      <c r="AC3424" s="85"/>
      <c r="AD3424" s="85"/>
      <c r="AE3424" s="85"/>
      <c r="AF3424" s="85"/>
      <c r="AG3424" s="86"/>
      <c r="AH3424" s="85"/>
      <c r="AI3424" s="85"/>
      <c r="AJ3424" s="85"/>
      <c r="AK3424" s="85"/>
      <c r="AL3424" s="85"/>
      <c r="AM3424" s="92"/>
      <c r="AN3424" s="92"/>
      <c r="AO3424" s="92"/>
      <c r="AP3424" s="92"/>
      <c r="AQ3424" s="92"/>
      <c r="AR3424" s="92"/>
      <c r="AS3424" s="92"/>
      <c r="AT3424" s="92"/>
      <c r="AU3424" s="92"/>
      <c r="AV3424" s="92"/>
      <c r="AW3424" s="92"/>
      <c r="AX3424" s="92"/>
      <c r="AY3424" s="92"/>
      <c r="AZ3424" s="93"/>
      <c r="BA3424" s="93"/>
      <c r="BB3424" s="93"/>
      <c r="BC3424" s="93"/>
      <c r="BD3424" s="93"/>
      <c r="BE3424" s="93"/>
      <c r="BF3424" s="93"/>
      <c r="BG3424" s="93"/>
      <c r="BH3424" s="93"/>
      <c r="BI3424" s="93"/>
      <c r="BJ3424" s="93"/>
      <c r="BK3424" s="93"/>
      <c r="BL3424" s="93"/>
    </row>
    <row r="3425" spans="2:64" x14ac:dyDescent="0.2">
      <c r="B3425" s="43"/>
      <c r="C3425" s="73"/>
      <c r="D3425" s="64"/>
      <c r="E3425" s="55"/>
      <c r="F3425" s="74"/>
      <c r="G3425" s="74"/>
      <c r="H3425" s="74"/>
      <c r="I3425" s="75"/>
      <c r="J3425" s="74"/>
      <c r="L3425" s="55"/>
      <c r="M3425" s="234"/>
      <c r="N3425" s="65"/>
      <c r="O3425" s="76"/>
      <c r="P3425" s="76"/>
      <c r="Q3425" s="65"/>
      <c r="R3425" s="76"/>
      <c r="S3425" s="76"/>
      <c r="T3425" s="76"/>
      <c r="U3425" s="76"/>
      <c r="V3425" s="76"/>
      <c r="W3425" s="76"/>
      <c r="X3425" s="76"/>
      <c r="Y3425" s="76"/>
      <c r="Z3425" s="76"/>
      <c r="AA3425" s="85"/>
      <c r="AB3425" s="85"/>
      <c r="AC3425" s="85"/>
      <c r="AD3425" s="85"/>
      <c r="AE3425" s="85"/>
      <c r="AF3425" s="85"/>
      <c r="AG3425" s="86"/>
      <c r="AH3425" s="85"/>
      <c r="AI3425" s="85"/>
      <c r="AJ3425" s="85"/>
      <c r="AK3425" s="85"/>
      <c r="AL3425" s="85"/>
      <c r="AM3425" s="92"/>
      <c r="AN3425" s="92"/>
      <c r="AO3425" s="92"/>
      <c r="AP3425" s="92"/>
      <c r="AQ3425" s="92"/>
      <c r="AR3425" s="92"/>
      <c r="AS3425" s="92"/>
      <c r="AT3425" s="92"/>
      <c r="AU3425" s="92"/>
      <c r="AV3425" s="92"/>
      <c r="AW3425" s="92"/>
      <c r="AX3425" s="92"/>
      <c r="AY3425" s="92"/>
      <c r="AZ3425" s="93"/>
      <c r="BA3425" s="93"/>
      <c r="BB3425" s="93"/>
      <c r="BC3425" s="93"/>
      <c r="BD3425" s="93"/>
      <c r="BE3425" s="93"/>
      <c r="BF3425" s="93"/>
      <c r="BG3425" s="93"/>
      <c r="BH3425" s="93"/>
      <c r="BI3425" s="93"/>
      <c r="BJ3425" s="93"/>
      <c r="BK3425" s="93"/>
      <c r="BL3425" s="93"/>
    </row>
    <row r="3426" spans="2:64" x14ac:dyDescent="0.2">
      <c r="B3426" s="43"/>
      <c r="C3426" s="73"/>
      <c r="D3426" s="64"/>
      <c r="E3426" s="55"/>
      <c r="F3426" s="74"/>
      <c r="G3426" s="74"/>
      <c r="H3426" s="74"/>
      <c r="I3426" s="75"/>
      <c r="J3426" s="74"/>
      <c r="L3426" s="55"/>
      <c r="M3426" s="234"/>
      <c r="N3426" s="65"/>
      <c r="O3426" s="76"/>
      <c r="P3426" s="76"/>
      <c r="Q3426" s="65"/>
      <c r="R3426" s="76"/>
      <c r="S3426" s="76"/>
      <c r="T3426" s="76"/>
      <c r="U3426" s="76"/>
      <c r="V3426" s="76"/>
      <c r="W3426" s="76"/>
      <c r="X3426" s="76"/>
      <c r="Y3426" s="76"/>
      <c r="Z3426" s="76"/>
      <c r="AA3426" s="85"/>
      <c r="AB3426" s="85"/>
      <c r="AC3426" s="85"/>
      <c r="AD3426" s="85"/>
      <c r="AE3426" s="85"/>
      <c r="AF3426" s="85"/>
      <c r="AG3426" s="86"/>
      <c r="AH3426" s="85"/>
      <c r="AI3426" s="85"/>
      <c r="AJ3426" s="85"/>
      <c r="AK3426" s="85"/>
      <c r="AL3426" s="85"/>
      <c r="AM3426" s="92"/>
      <c r="AN3426" s="92"/>
      <c r="AO3426" s="92"/>
      <c r="AP3426" s="92"/>
      <c r="AQ3426" s="92"/>
      <c r="AR3426" s="92"/>
      <c r="AS3426" s="92"/>
      <c r="AT3426" s="92"/>
      <c r="AU3426" s="92"/>
      <c r="AV3426" s="92"/>
      <c r="AW3426" s="92"/>
      <c r="AX3426" s="92"/>
      <c r="AY3426" s="92"/>
      <c r="AZ3426" s="93"/>
      <c r="BA3426" s="93"/>
      <c r="BB3426" s="93"/>
      <c r="BC3426" s="93"/>
      <c r="BD3426" s="93"/>
      <c r="BE3426" s="93"/>
      <c r="BF3426" s="93"/>
      <c r="BG3426" s="93"/>
      <c r="BH3426" s="93"/>
      <c r="BI3426" s="93"/>
      <c r="BJ3426" s="93"/>
      <c r="BK3426" s="93"/>
      <c r="BL3426" s="93"/>
    </row>
    <row r="3427" spans="2:64" x14ac:dyDescent="0.2">
      <c r="B3427" s="43"/>
      <c r="C3427" s="73"/>
      <c r="D3427" s="64"/>
      <c r="E3427" s="55"/>
      <c r="F3427" s="74"/>
      <c r="G3427" s="74"/>
      <c r="H3427" s="74"/>
      <c r="I3427" s="75"/>
      <c r="J3427" s="74"/>
      <c r="L3427" s="55"/>
      <c r="M3427" s="234"/>
      <c r="N3427" s="65"/>
      <c r="O3427" s="76"/>
      <c r="P3427" s="76"/>
      <c r="Q3427" s="65"/>
      <c r="R3427" s="76"/>
      <c r="S3427" s="76"/>
      <c r="T3427" s="76"/>
      <c r="U3427" s="76"/>
      <c r="V3427" s="76"/>
      <c r="W3427" s="76"/>
      <c r="X3427" s="76"/>
      <c r="Y3427" s="76"/>
      <c r="Z3427" s="76"/>
      <c r="AA3427" s="85"/>
      <c r="AB3427" s="85"/>
      <c r="AC3427" s="85"/>
      <c r="AD3427" s="85"/>
      <c r="AE3427" s="85"/>
      <c r="AF3427" s="85"/>
      <c r="AG3427" s="86"/>
      <c r="AH3427" s="85"/>
      <c r="AI3427" s="85"/>
      <c r="AJ3427" s="85"/>
      <c r="AK3427" s="85"/>
      <c r="AL3427" s="85"/>
      <c r="AM3427" s="92"/>
      <c r="AN3427" s="92"/>
      <c r="AO3427" s="92"/>
      <c r="AP3427" s="92"/>
      <c r="AQ3427" s="92"/>
      <c r="AR3427" s="92"/>
      <c r="AS3427" s="92"/>
      <c r="AT3427" s="92"/>
      <c r="AU3427" s="92"/>
      <c r="AV3427" s="92"/>
      <c r="AW3427" s="92"/>
      <c r="AX3427" s="92"/>
      <c r="AY3427" s="92"/>
      <c r="AZ3427" s="93"/>
      <c r="BA3427" s="93"/>
      <c r="BB3427" s="93"/>
      <c r="BC3427" s="93"/>
      <c r="BD3427" s="93"/>
      <c r="BE3427" s="93"/>
      <c r="BF3427" s="93"/>
      <c r="BG3427" s="93"/>
      <c r="BH3427" s="93"/>
      <c r="BI3427" s="93"/>
      <c r="BJ3427" s="93"/>
      <c r="BK3427" s="93"/>
      <c r="BL3427" s="93"/>
    </row>
    <row r="3428" spans="2:64" x14ac:dyDescent="0.2">
      <c r="B3428" s="43"/>
      <c r="C3428" s="73"/>
      <c r="D3428" s="64"/>
      <c r="E3428" s="55"/>
      <c r="F3428" s="74"/>
      <c r="G3428" s="74"/>
      <c r="H3428" s="74"/>
      <c r="I3428" s="75"/>
      <c r="J3428" s="74"/>
      <c r="L3428" s="55"/>
      <c r="M3428" s="234"/>
      <c r="N3428" s="65"/>
      <c r="O3428" s="76"/>
      <c r="P3428" s="76"/>
      <c r="Q3428" s="65"/>
      <c r="R3428" s="76"/>
      <c r="S3428" s="76"/>
      <c r="T3428" s="76"/>
      <c r="U3428" s="76"/>
      <c r="V3428" s="76"/>
      <c r="W3428" s="76"/>
      <c r="X3428" s="76"/>
      <c r="Y3428" s="76"/>
      <c r="Z3428" s="76"/>
      <c r="AA3428" s="85"/>
      <c r="AB3428" s="85"/>
      <c r="AC3428" s="85"/>
      <c r="AD3428" s="85"/>
      <c r="AE3428" s="85"/>
      <c r="AF3428" s="85"/>
      <c r="AG3428" s="86"/>
      <c r="AH3428" s="85"/>
      <c r="AI3428" s="85"/>
      <c r="AJ3428" s="85"/>
      <c r="AK3428" s="85"/>
      <c r="AL3428" s="85"/>
      <c r="AM3428" s="92"/>
      <c r="AN3428" s="92"/>
      <c r="AO3428" s="92"/>
      <c r="AP3428" s="92"/>
      <c r="AQ3428" s="92"/>
      <c r="AR3428" s="92"/>
      <c r="AS3428" s="92"/>
      <c r="AT3428" s="92"/>
      <c r="AU3428" s="92"/>
      <c r="AV3428" s="92"/>
      <c r="AW3428" s="92"/>
      <c r="AX3428" s="92"/>
      <c r="AY3428" s="92"/>
      <c r="AZ3428" s="93"/>
      <c r="BA3428" s="93"/>
      <c r="BB3428" s="93"/>
      <c r="BC3428" s="93"/>
      <c r="BD3428" s="93"/>
      <c r="BE3428" s="93"/>
      <c r="BF3428" s="93"/>
      <c r="BG3428" s="93"/>
      <c r="BH3428" s="93"/>
      <c r="BI3428" s="93"/>
      <c r="BJ3428" s="93"/>
      <c r="BK3428" s="93"/>
      <c r="BL3428" s="93"/>
    </row>
    <row r="3429" spans="2:64" x14ac:dyDescent="0.2">
      <c r="B3429" s="43"/>
      <c r="C3429" s="73"/>
      <c r="D3429" s="64"/>
      <c r="E3429" s="55"/>
      <c r="F3429" s="74"/>
      <c r="G3429" s="74"/>
      <c r="H3429" s="74"/>
      <c r="I3429" s="75"/>
      <c r="J3429" s="74"/>
      <c r="L3429" s="55"/>
      <c r="M3429" s="234"/>
      <c r="N3429" s="65"/>
      <c r="O3429" s="76"/>
      <c r="P3429" s="76"/>
      <c r="Q3429" s="65"/>
      <c r="R3429" s="76"/>
      <c r="S3429" s="76"/>
      <c r="T3429" s="76"/>
      <c r="U3429" s="76"/>
      <c r="V3429" s="76"/>
      <c r="W3429" s="76"/>
      <c r="X3429" s="76"/>
      <c r="Y3429" s="76"/>
      <c r="Z3429" s="76"/>
      <c r="AA3429" s="85"/>
      <c r="AB3429" s="85"/>
      <c r="AC3429" s="85"/>
      <c r="AD3429" s="85"/>
      <c r="AE3429" s="85"/>
      <c r="AF3429" s="85"/>
      <c r="AG3429" s="86"/>
      <c r="AH3429" s="85"/>
      <c r="AI3429" s="85"/>
      <c r="AJ3429" s="85"/>
      <c r="AK3429" s="85"/>
      <c r="AL3429" s="85"/>
      <c r="AM3429" s="92"/>
      <c r="AN3429" s="92"/>
      <c r="AO3429" s="92"/>
      <c r="AP3429" s="92"/>
      <c r="AQ3429" s="92"/>
      <c r="AR3429" s="92"/>
      <c r="AS3429" s="92"/>
      <c r="AT3429" s="92"/>
      <c r="AU3429" s="92"/>
      <c r="AV3429" s="92"/>
      <c r="AW3429" s="92"/>
      <c r="AX3429" s="92"/>
      <c r="AY3429" s="92"/>
      <c r="AZ3429" s="93"/>
      <c r="BA3429" s="93"/>
      <c r="BB3429" s="93"/>
      <c r="BC3429" s="93"/>
      <c r="BD3429" s="93"/>
      <c r="BE3429" s="93"/>
      <c r="BF3429" s="93"/>
      <c r="BG3429" s="93"/>
      <c r="BH3429" s="93"/>
      <c r="BI3429" s="93"/>
      <c r="BJ3429" s="93"/>
      <c r="BK3429" s="93"/>
      <c r="BL3429" s="93"/>
    </row>
    <row r="3430" spans="2:64" x14ac:dyDescent="0.2">
      <c r="B3430" s="43"/>
      <c r="C3430" s="73"/>
      <c r="D3430" s="64"/>
      <c r="E3430" s="55"/>
      <c r="F3430" s="74"/>
      <c r="G3430" s="74"/>
      <c r="H3430" s="74"/>
      <c r="I3430" s="75"/>
      <c r="J3430" s="74"/>
      <c r="L3430" s="55"/>
      <c r="M3430" s="234"/>
      <c r="N3430" s="65"/>
      <c r="O3430" s="76"/>
      <c r="P3430" s="76"/>
      <c r="Q3430" s="65"/>
      <c r="R3430" s="76"/>
      <c r="S3430" s="76"/>
      <c r="T3430" s="76"/>
      <c r="U3430" s="76"/>
      <c r="V3430" s="76"/>
      <c r="W3430" s="76"/>
      <c r="X3430" s="76"/>
      <c r="Y3430" s="76"/>
      <c r="Z3430" s="76"/>
      <c r="AA3430" s="85"/>
      <c r="AB3430" s="85"/>
      <c r="AC3430" s="85"/>
      <c r="AD3430" s="85"/>
      <c r="AE3430" s="85"/>
      <c r="AF3430" s="85"/>
      <c r="AG3430" s="86"/>
      <c r="AH3430" s="85"/>
      <c r="AI3430" s="85"/>
      <c r="AJ3430" s="85"/>
      <c r="AK3430" s="85"/>
      <c r="AL3430" s="85"/>
      <c r="AM3430" s="92"/>
      <c r="AN3430" s="92"/>
      <c r="AO3430" s="92"/>
      <c r="AP3430" s="92"/>
      <c r="AQ3430" s="92"/>
      <c r="AR3430" s="92"/>
      <c r="AS3430" s="92"/>
      <c r="AT3430" s="92"/>
      <c r="AU3430" s="92"/>
      <c r="AV3430" s="92"/>
      <c r="AW3430" s="92"/>
      <c r="AX3430" s="92"/>
      <c r="AY3430" s="92"/>
      <c r="AZ3430" s="93"/>
      <c r="BA3430" s="93"/>
      <c r="BB3430" s="93"/>
      <c r="BC3430" s="93"/>
      <c r="BD3430" s="93"/>
      <c r="BE3430" s="93"/>
      <c r="BF3430" s="93"/>
      <c r="BG3430" s="93"/>
      <c r="BH3430" s="93"/>
      <c r="BI3430" s="93"/>
      <c r="BJ3430" s="93"/>
      <c r="BK3430" s="93"/>
      <c r="BL3430" s="93"/>
    </row>
    <row r="3431" spans="2:64" x14ac:dyDescent="0.2">
      <c r="B3431" s="43"/>
      <c r="C3431" s="73"/>
      <c r="D3431" s="64"/>
      <c r="E3431" s="55"/>
      <c r="F3431" s="74"/>
      <c r="G3431" s="74"/>
      <c r="H3431" s="74"/>
      <c r="I3431" s="75"/>
      <c r="J3431" s="74"/>
      <c r="L3431" s="55"/>
      <c r="M3431" s="234"/>
      <c r="N3431" s="65"/>
      <c r="O3431" s="76"/>
      <c r="P3431" s="76"/>
      <c r="Q3431" s="65"/>
      <c r="R3431" s="76"/>
      <c r="S3431" s="76"/>
      <c r="T3431" s="76"/>
      <c r="U3431" s="76"/>
      <c r="V3431" s="76"/>
      <c r="W3431" s="76"/>
      <c r="X3431" s="76"/>
      <c r="Y3431" s="76"/>
      <c r="Z3431" s="76"/>
      <c r="AA3431" s="85"/>
      <c r="AB3431" s="85"/>
      <c r="AC3431" s="85"/>
      <c r="AD3431" s="85"/>
      <c r="AE3431" s="85"/>
      <c r="AF3431" s="85"/>
      <c r="AG3431" s="86"/>
      <c r="AH3431" s="85"/>
      <c r="AI3431" s="85"/>
      <c r="AJ3431" s="85"/>
      <c r="AK3431" s="85"/>
      <c r="AL3431" s="85"/>
      <c r="AM3431" s="92"/>
      <c r="AN3431" s="92"/>
      <c r="AO3431" s="92"/>
      <c r="AP3431" s="92"/>
      <c r="AQ3431" s="92"/>
      <c r="AR3431" s="92"/>
      <c r="AS3431" s="92"/>
      <c r="AT3431" s="92"/>
      <c r="AU3431" s="92"/>
      <c r="AV3431" s="92"/>
      <c r="AW3431" s="92"/>
      <c r="AX3431" s="92"/>
      <c r="AY3431" s="92"/>
      <c r="AZ3431" s="93"/>
      <c r="BA3431" s="93"/>
      <c r="BB3431" s="93"/>
      <c r="BC3431" s="93"/>
      <c r="BD3431" s="93"/>
      <c r="BE3431" s="93"/>
      <c r="BF3431" s="93"/>
      <c r="BG3431" s="93"/>
      <c r="BH3431" s="93"/>
      <c r="BI3431" s="93"/>
      <c r="BJ3431" s="93"/>
      <c r="BK3431" s="93"/>
      <c r="BL3431" s="93"/>
    </row>
    <row r="3432" spans="2:64" x14ac:dyDescent="0.2">
      <c r="B3432" s="43"/>
      <c r="C3432" s="73"/>
      <c r="D3432" s="64"/>
      <c r="E3432" s="55"/>
      <c r="F3432" s="74"/>
      <c r="G3432" s="74"/>
      <c r="H3432" s="74"/>
      <c r="I3432" s="75"/>
      <c r="J3432" s="74"/>
      <c r="L3432" s="55"/>
      <c r="M3432" s="234"/>
      <c r="N3432" s="65"/>
      <c r="O3432" s="76"/>
      <c r="P3432" s="76"/>
      <c r="Q3432" s="65"/>
      <c r="R3432" s="76"/>
      <c r="S3432" s="76"/>
      <c r="T3432" s="76"/>
      <c r="U3432" s="76"/>
      <c r="V3432" s="76"/>
      <c r="W3432" s="76"/>
      <c r="X3432" s="76"/>
      <c r="Y3432" s="76"/>
      <c r="Z3432" s="76"/>
      <c r="AA3432" s="85"/>
      <c r="AB3432" s="85"/>
      <c r="AC3432" s="85"/>
      <c r="AD3432" s="85"/>
      <c r="AE3432" s="85"/>
      <c r="AF3432" s="85"/>
      <c r="AG3432" s="86"/>
      <c r="AH3432" s="85"/>
      <c r="AI3432" s="85"/>
      <c r="AJ3432" s="85"/>
      <c r="AK3432" s="85"/>
      <c r="AL3432" s="85"/>
      <c r="AM3432" s="92"/>
      <c r="AN3432" s="92"/>
      <c r="AO3432" s="92"/>
      <c r="AP3432" s="92"/>
      <c r="AQ3432" s="92"/>
      <c r="AR3432" s="92"/>
      <c r="AS3432" s="92"/>
      <c r="AT3432" s="92"/>
      <c r="AU3432" s="92"/>
      <c r="AV3432" s="92"/>
      <c r="AW3432" s="92"/>
      <c r="AX3432" s="92"/>
      <c r="AY3432" s="92"/>
      <c r="AZ3432" s="93"/>
      <c r="BA3432" s="93"/>
      <c r="BB3432" s="93"/>
      <c r="BC3432" s="93"/>
      <c r="BD3432" s="93"/>
      <c r="BE3432" s="93"/>
      <c r="BF3432" s="93"/>
      <c r="BG3432" s="93"/>
      <c r="BH3432" s="93"/>
      <c r="BI3432" s="93"/>
      <c r="BJ3432" s="93"/>
      <c r="BK3432" s="93"/>
      <c r="BL3432" s="93"/>
    </row>
    <row r="3433" spans="2:64" x14ac:dyDescent="0.2">
      <c r="B3433" s="43"/>
      <c r="C3433" s="73"/>
      <c r="D3433" s="64"/>
      <c r="E3433" s="55"/>
      <c r="F3433" s="74"/>
      <c r="G3433" s="74"/>
      <c r="H3433" s="74"/>
      <c r="I3433" s="75"/>
      <c r="J3433" s="74"/>
      <c r="L3433" s="55"/>
      <c r="M3433" s="234"/>
      <c r="N3433" s="65"/>
      <c r="O3433" s="76"/>
      <c r="P3433" s="76"/>
      <c r="Q3433" s="65"/>
      <c r="R3433" s="76"/>
      <c r="S3433" s="76"/>
      <c r="T3433" s="76"/>
      <c r="U3433" s="76"/>
      <c r="V3433" s="76"/>
      <c r="W3433" s="76"/>
      <c r="X3433" s="76"/>
      <c r="Y3433" s="76"/>
      <c r="Z3433" s="76"/>
      <c r="AA3433" s="85"/>
      <c r="AB3433" s="85"/>
      <c r="AC3433" s="85"/>
      <c r="AD3433" s="85"/>
      <c r="AE3433" s="85"/>
      <c r="AF3433" s="85"/>
      <c r="AG3433" s="86"/>
      <c r="AH3433" s="85"/>
      <c r="AI3433" s="85"/>
      <c r="AJ3433" s="85"/>
      <c r="AK3433" s="85"/>
      <c r="AL3433" s="85"/>
      <c r="AM3433" s="92"/>
      <c r="AN3433" s="92"/>
      <c r="AO3433" s="92"/>
      <c r="AP3433" s="92"/>
      <c r="AQ3433" s="92"/>
      <c r="AR3433" s="92"/>
      <c r="AS3433" s="92"/>
      <c r="AT3433" s="92"/>
      <c r="AU3433" s="92"/>
      <c r="AV3433" s="92"/>
      <c r="AW3433" s="92"/>
      <c r="AX3433" s="92"/>
      <c r="AY3433" s="92"/>
      <c r="AZ3433" s="93"/>
      <c r="BA3433" s="93"/>
      <c r="BB3433" s="93"/>
      <c r="BC3433" s="93"/>
      <c r="BD3433" s="93"/>
      <c r="BE3433" s="93"/>
      <c r="BF3433" s="93"/>
      <c r="BG3433" s="93"/>
      <c r="BH3433" s="93"/>
      <c r="BI3433" s="93"/>
      <c r="BJ3433" s="93"/>
      <c r="BK3433" s="93"/>
      <c r="BL3433" s="93"/>
    </row>
    <row r="3434" spans="2:64" x14ac:dyDescent="0.2">
      <c r="B3434" s="43"/>
      <c r="C3434" s="73"/>
      <c r="D3434" s="64"/>
      <c r="E3434" s="55"/>
      <c r="F3434" s="74"/>
      <c r="G3434" s="74"/>
      <c r="H3434" s="74"/>
      <c r="I3434" s="75"/>
      <c r="J3434" s="74"/>
      <c r="L3434" s="55"/>
      <c r="M3434" s="234"/>
      <c r="N3434" s="65"/>
      <c r="O3434" s="76"/>
      <c r="P3434" s="76"/>
      <c r="Q3434" s="65"/>
      <c r="R3434" s="76"/>
      <c r="S3434" s="76"/>
      <c r="T3434" s="76"/>
      <c r="U3434" s="76"/>
      <c r="V3434" s="76"/>
      <c r="W3434" s="76"/>
      <c r="X3434" s="76"/>
      <c r="Y3434" s="76"/>
      <c r="Z3434" s="76"/>
      <c r="AA3434" s="85"/>
      <c r="AB3434" s="85"/>
      <c r="AC3434" s="85"/>
      <c r="AD3434" s="85"/>
      <c r="AE3434" s="85"/>
      <c r="AF3434" s="85"/>
      <c r="AG3434" s="86"/>
      <c r="AH3434" s="85"/>
      <c r="AI3434" s="85"/>
      <c r="AJ3434" s="85"/>
      <c r="AK3434" s="85"/>
      <c r="AL3434" s="85"/>
      <c r="AM3434" s="92"/>
      <c r="AN3434" s="92"/>
      <c r="AO3434" s="92"/>
      <c r="AP3434" s="92"/>
      <c r="AQ3434" s="92"/>
      <c r="AR3434" s="92"/>
      <c r="AS3434" s="92"/>
      <c r="AT3434" s="92"/>
      <c r="AU3434" s="92"/>
      <c r="AV3434" s="92"/>
      <c r="AW3434" s="92"/>
      <c r="AX3434" s="92"/>
      <c r="AY3434" s="92"/>
      <c r="AZ3434" s="93"/>
      <c r="BA3434" s="93"/>
      <c r="BB3434" s="93"/>
      <c r="BC3434" s="93"/>
      <c r="BD3434" s="93"/>
      <c r="BE3434" s="93"/>
      <c r="BF3434" s="93"/>
      <c r="BG3434" s="93"/>
      <c r="BH3434" s="93"/>
      <c r="BI3434" s="93"/>
      <c r="BJ3434" s="93"/>
      <c r="BK3434" s="93"/>
      <c r="BL3434" s="93"/>
    </row>
    <row r="3435" spans="2:64" x14ac:dyDescent="0.2">
      <c r="B3435" s="43"/>
      <c r="C3435" s="73"/>
      <c r="D3435" s="64"/>
      <c r="E3435" s="55"/>
      <c r="F3435" s="74"/>
      <c r="G3435" s="74"/>
      <c r="H3435" s="74"/>
      <c r="I3435" s="75"/>
      <c r="J3435" s="74"/>
      <c r="L3435" s="55"/>
      <c r="M3435" s="234"/>
      <c r="N3435" s="65"/>
      <c r="O3435" s="76"/>
      <c r="P3435" s="76"/>
      <c r="Q3435" s="65"/>
      <c r="R3435" s="76"/>
      <c r="S3435" s="76"/>
      <c r="T3435" s="76"/>
      <c r="U3435" s="76"/>
      <c r="V3435" s="76"/>
      <c r="W3435" s="76"/>
      <c r="X3435" s="76"/>
      <c r="Y3435" s="76"/>
      <c r="Z3435" s="76"/>
      <c r="AA3435" s="85"/>
      <c r="AB3435" s="85"/>
      <c r="AC3435" s="85"/>
      <c r="AD3435" s="85"/>
      <c r="AE3435" s="85"/>
      <c r="AF3435" s="85"/>
      <c r="AG3435" s="86"/>
      <c r="AH3435" s="85"/>
      <c r="AI3435" s="85"/>
      <c r="AJ3435" s="85"/>
      <c r="AK3435" s="85"/>
      <c r="AL3435" s="85"/>
      <c r="AM3435" s="92"/>
      <c r="AN3435" s="92"/>
      <c r="AO3435" s="92"/>
      <c r="AP3435" s="92"/>
      <c r="AQ3435" s="92"/>
      <c r="AR3435" s="92"/>
      <c r="AS3435" s="92"/>
      <c r="AT3435" s="92"/>
      <c r="AU3435" s="92"/>
      <c r="AV3435" s="92"/>
      <c r="AW3435" s="92"/>
      <c r="AX3435" s="92"/>
      <c r="AY3435" s="92"/>
      <c r="AZ3435" s="93"/>
      <c r="BA3435" s="93"/>
      <c r="BB3435" s="93"/>
      <c r="BC3435" s="93"/>
      <c r="BD3435" s="93"/>
      <c r="BE3435" s="93"/>
      <c r="BF3435" s="93"/>
      <c r="BG3435" s="93"/>
      <c r="BH3435" s="93"/>
      <c r="BI3435" s="93"/>
      <c r="BJ3435" s="93"/>
      <c r="BK3435" s="93"/>
      <c r="BL3435" s="93"/>
    </row>
    <row r="3436" spans="2:64" x14ac:dyDescent="0.2">
      <c r="B3436" s="43"/>
      <c r="C3436" s="73"/>
      <c r="D3436" s="64"/>
      <c r="E3436" s="55"/>
      <c r="F3436" s="74"/>
      <c r="G3436" s="74"/>
      <c r="H3436" s="74"/>
      <c r="I3436" s="75"/>
      <c r="J3436" s="74"/>
      <c r="L3436" s="55"/>
      <c r="M3436" s="234"/>
      <c r="N3436" s="65"/>
      <c r="O3436" s="76"/>
      <c r="P3436" s="76"/>
      <c r="Q3436" s="65"/>
      <c r="R3436" s="76"/>
      <c r="S3436" s="76"/>
      <c r="T3436" s="76"/>
      <c r="U3436" s="76"/>
      <c r="V3436" s="76"/>
      <c r="W3436" s="76"/>
      <c r="X3436" s="76"/>
      <c r="Y3436" s="76"/>
      <c r="Z3436" s="76"/>
      <c r="AA3436" s="85"/>
      <c r="AB3436" s="85"/>
      <c r="AC3436" s="85"/>
      <c r="AD3436" s="85"/>
      <c r="AE3436" s="85"/>
      <c r="AF3436" s="85"/>
      <c r="AG3436" s="86"/>
      <c r="AH3436" s="85"/>
      <c r="AI3436" s="85"/>
      <c r="AJ3436" s="85"/>
      <c r="AK3436" s="85"/>
      <c r="AL3436" s="85"/>
      <c r="AM3436" s="92"/>
      <c r="AN3436" s="92"/>
      <c r="AO3436" s="92"/>
      <c r="AP3436" s="92"/>
      <c r="AQ3436" s="92"/>
      <c r="AR3436" s="92"/>
      <c r="AS3436" s="92"/>
      <c r="AT3436" s="92"/>
      <c r="AU3436" s="92"/>
      <c r="AV3436" s="92"/>
      <c r="AW3436" s="92"/>
      <c r="AX3436" s="92"/>
      <c r="AY3436" s="92"/>
      <c r="AZ3436" s="93"/>
      <c r="BA3436" s="93"/>
      <c r="BB3436" s="93"/>
      <c r="BC3436" s="93"/>
      <c r="BD3436" s="93"/>
      <c r="BE3436" s="93"/>
      <c r="BF3436" s="93"/>
      <c r="BG3436" s="93"/>
      <c r="BH3436" s="93"/>
      <c r="BI3436" s="93"/>
      <c r="BJ3436" s="93"/>
      <c r="BK3436" s="93"/>
      <c r="BL3436" s="93"/>
    </row>
    <row r="3437" spans="2:64" x14ac:dyDescent="0.2">
      <c r="B3437" s="43"/>
      <c r="C3437" s="73"/>
      <c r="D3437" s="64"/>
      <c r="E3437" s="55"/>
      <c r="F3437" s="74"/>
      <c r="G3437" s="74"/>
      <c r="H3437" s="74"/>
      <c r="I3437" s="75"/>
      <c r="J3437" s="74"/>
      <c r="L3437" s="55"/>
      <c r="M3437" s="234"/>
      <c r="N3437" s="65"/>
      <c r="O3437" s="76"/>
      <c r="P3437" s="76"/>
      <c r="Q3437" s="65"/>
      <c r="R3437" s="76"/>
      <c r="S3437" s="76"/>
      <c r="T3437" s="76"/>
      <c r="U3437" s="76"/>
      <c r="V3437" s="76"/>
      <c r="W3437" s="76"/>
      <c r="X3437" s="76"/>
      <c r="Y3437" s="76"/>
      <c r="Z3437" s="76"/>
      <c r="AA3437" s="85"/>
      <c r="AB3437" s="85"/>
      <c r="AC3437" s="85"/>
      <c r="AD3437" s="85"/>
      <c r="AE3437" s="85"/>
      <c r="AF3437" s="85"/>
      <c r="AG3437" s="86"/>
      <c r="AH3437" s="85"/>
      <c r="AI3437" s="85"/>
      <c r="AJ3437" s="85"/>
      <c r="AK3437" s="85"/>
      <c r="AL3437" s="85"/>
      <c r="AM3437" s="92"/>
      <c r="AN3437" s="92"/>
      <c r="AO3437" s="92"/>
      <c r="AP3437" s="92"/>
      <c r="AQ3437" s="92"/>
      <c r="AR3437" s="92"/>
      <c r="AS3437" s="92"/>
      <c r="AT3437" s="92"/>
      <c r="AU3437" s="92"/>
      <c r="AV3437" s="92"/>
      <c r="AW3437" s="92"/>
      <c r="AX3437" s="92"/>
      <c r="AY3437" s="92"/>
      <c r="AZ3437" s="93"/>
      <c r="BA3437" s="93"/>
      <c r="BB3437" s="93"/>
      <c r="BC3437" s="93"/>
      <c r="BD3437" s="93"/>
      <c r="BE3437" s="93"/>
      <c r="BF3437" s="93"/>
      <c r="BG3437" s="93"/>
      <c r="BH3437" s="93"/>
      <c r="BI3437" s="93"/>
      <c r="BJ3437" s="93"/>
      <c r="BK3437" s="93"/>
      <c r="BL3437" s="93"/>
    </row>
    <row r="3438" spans="2:64" x14ac:dyDescent="0.2">
      <c r="B3438" s="43"/>
      <c r="C3438" s="73"/>
      <c r="D3438" s="64"/>
      <c r="E3438" s="55"/>
      <c r="F3438" s="74"/>
      <c r="G3438" s="74"/>
      <c r="H3438" s="74"/>
      <c r="I3438" s="75"/>
      <c r="J3438" s="74"/>
      <c r="L3438" s="55"/>
      <c r="M3438" s="234"/>
      <c r="N3438" s="65"/>
      <c r="O3438" s="76"/>
      <c r="P3438" s="76"/>
      <c r="Q3438" s="65"/>
      <c r="R3438" s="76"/>
      <c r="S3438" s="76"/>
      <c r="T3438" s="76"/>
      <c r="U3438" s="76"/>
      <c r="V3438" s="76"/>
      <c r="W3438" s="76"/>
      <c r="X3438" s="76"/>
      <c r="Y3438" s="76"/>
      <c r="Z3438" s="76"/>
      <c r="AA3438" s="85"/>
      <c r="AB3438" s="85"/>
      <c r="AC3438" s="85"/>
      <c r="AD3438" s="85"/>
      <c r="AE3438" s="85"/>
      <c r="AF3438" s="85"/>
      <c r="AG3438" s="86"/>
      <c r="AH3438" s="85"/>
      <c r="AI3438" s="85"/>
      <c r="AJ3438" s="85"/>
      <c r="AK3438" s="85"/>
      <c r="AL3438" s="85"/>
      <c r="AM3438" s="92"/>
      <c r="AN3438" s="92"/>
      <c r="AO3438" s="92"/>
      <c r="AP3438" s="92"/>
      <c r="AQ3438" s="92"/>
      <c r="AR3438" s="92"/>
      <c r="AS3438" s="92"/>
      <c r="AT3438" s="92"/>
      <c r="AU3438" s="92"/>
      <c r="AV3438" s="92"/>
      <c r="AW3438" s="92"/>
      <c r="AX3438" s="92"/>
      <c r="AY3438" s="92"/>
      <c r="AZ3438" s="93"/>
      <c r="BA3438" s="93"/>
      <c r="BB3438" s="93"/>
      <c r="BC3438" s="93"/>
      <c r="BD3438" s="93"/>
      <c r="BE3438" s="93"/>
      <c r="BF3438" s="93"/>
      <c r="BG3438" s="93"/>
      <c r="BH3438" s="93"/>
      <c r="BI3438" s="93"/>
      <c r="BJ3438" s="93"/>
      <c r="BK3438" s="93"/>
      <c r="BL3438" s="93"/>
    </row>
    <row r="3439" spans="2:64" x14ac:dyDescent="0.2">
      <c r="B3439" s="43"/>
      <c r="C3439" s="73"/>
      <c r="D3439" s="64"/>
      <c r="E3439" s="55"/>
      <c r="F3439" s="74"/>
      <c r="G3439" s="74"/>
      <c r="H3439" s="74"/>
      <c r="I3439" s="75"/>
      <c r="J3439" s="74"/>
      <c r="L3439" s="55"/>
      <c r="M3439" s="234"/>
      <c r="N3439" s="65"/>
      <c r="O3439" s="76"/>
      <c r="P3439" s="76"/>
      <c r="Q3439" s="65"/>
      <c r="R3439" s="76"/>
      <c r="S3439" s="76"/>
      <c r="T3439" s="76"/>
      <c r="U3439" s="76"/>
      <c r="V3439" s="76"/>
      <c r="W3439" s="76"/>
      <c r="X3439" s="76"/>
      <c r="Y3439" s="76"/>
      <c r="Z3439" s="76"/>
      <c r="AA3439" s="85"/>
      <c r="AB3439" s="85"/>
      <c r="AC3439" s="85"/>
      <c r="AD3439" s="85"/>
      <c r="AE3439" s="85"/>
      <c r="AF3439" s="85"/>
      <c r="AG3439" s="86"/>
      <c r="AH3439" s="85"/>
      <c r="AI3439" s="85"/>
      <c r="AJ3439" s="85"/>
      <c r="AK3439" s="85"/>
      <c r="AL3439" s="85"/>
      <c r="AM3439" s="92"/>
      <c r="AN3439" s="92"/>
      <c r="AO3439" s="92"/>
      <c r="AP3439" s="92"/>
      <c r="AQ3439" s="92"/>
      <c r="AR3439" s="92"/>
      <c r="AS3439" s="92"/>
      <c r="AT3439" s="92"/>
      <c r="AU3439" s="92"/>
      <c r="AV3439" s="92"/>
      <c r="AW3439" s="92"/>
      <c r="AX3439" s="92"/>
      <c r="AY3439" s="92"/>
      <c r="AZ3439" s="93"/>
      <c r="BA3439" s="93"/>
      <c r="BB3439" s="93"/>
      <c r="BC3439" s="93"/>
      <c r="BD3439" s="93"/>
      <c r="BE3439" s="93"/>
      <c r="BF3439" s="93"/>
      <c r="BG3439" s="93"/>
      <c r="BH3439" s="93"/>
      <c r="BI3439" s="93"/>
      <c r="BJ3439" s="93"/>
      <c r="BK3439" s="93"/>
      <c r="BL3439" s="93"/>
    </row>
    <row r="3440" spans="2:64" x14ac:dyDescent="0.2">
      <c r="B3440" s="43"/>
      <c r="C3440" s="73"/>
      <c r="D3440" s="64"/>
      <c r="E3440" s="55"/>
      <c r="F3440" s="74"/>
      <c r="G3440" s="74"/>
      <c r="H3440" s="74"/>
      <c r="I3440" s="75"/>
      <c r="J3440" s="74"/>
      <c r="L3440" s="55"/>
      <c r="M3440" s="234"/>
      <c r="N3440" s="65"/>
      <c r="O3440" s="76"/>
      <c r="P3440" s="76"/>
      <c r="Q3440" s="65"/>
      <c r="R3440" s="76"/>
      <c r="S3440" s="76"/>
      <c r="T3440" s="76"/>
      <c r="U3440" s="76"/>
      <c r="V3440" s="76"/>
      <c r="W3440" s="76"/>
      <c r="X3440" s="76"/>
      <c r="Y3440" s="76"/>
      <c r="Z3440" s="76"/>
      <c r="AA3440" s="85"/>
      <c r="AB3440" s="85"/>
      <c r="AC3440" s="85"/>
      <c r="AD3440" s="85"/>
      <c r="AE3440" s="85"/>
      <c r="AF3440" s="85"/>
      <c r="AG3440" s="86"/>
      <c r="AH3440" s="85"/>
      <c r="AI3440" s="85"/>
      <c r="AJ3440" s="85"/>
      <c r="AK3440" s="85"/>
      <c r="AL3440" s="85"/>
      <c r="AM3440" s="92"/>
      <c r="AN3440" s="92"/>
      <c r="AO3440" s="92"/>
      <c r="AP3440" s="92"/>
      <c r="AQ3440" s="92"/>
      <c r="AR3440" s="92"/>
      <c r="AS3440" s="92"/>
      <c r="AT3440" s="92"/>
      <c r="AU3440" s="92"/>
      <c r="AV3440" s="92"/>
      <c r="AW3440" s="92"/>
      <c r="AX3440" s="92"/>
      <c r="AY3440" s="92"/>
      <c r="AZ3440" s="93"/>
      <c r="BA3440" s="93"/>
      <c r="BB3440" s="93"/>
      <c r="BC3440" s="93"/>
      <c r="BD3440" s="93"/>
      <c r="BE3440" s="93"/>
      <c r="BF3440" s="93"/>
      <c r="BG3440" s="93"/>
      <c r="BH3440" s="93"/>
      <c r="BI3440" s="93"/>
      <c r="BJ3440" s="93"/>
      <c r="BK3440" s="93"/>
      <c r="BL3440" s="93"/>
    </row>
    <row r="3441" spans="2:64" x14ac:dyDescent="0.2">
      <c r="B3441" s="43"/>
      <c r="C3441" s="73"/>
      <c r="D3441" s="64"/>
      <c r="E3441" s="55"/>
      <c r="F3441" s="74"/>
      <c r="G3441" s="74"/>
      <c r="H3441" s="74"/>
      <c r="I3441" s="75"/>
      <c r="J3441" s="74"/>
      <c r="L3441" s="55"/>
      <c r="M3441" s="234"/>
      <c r="N3441" s="65"/>
      <c r="O3441" s="76"/>
      <c r="P3441" s="76"/>
      <c r="Q3441" s="65"/>
      <c r="R3441" s="76"/>
      <c r="S3441" s="76"/>
      <c r="T3441" s="76"/>
      <c r="U3441" s="76"/>
      <c r="V3441" s="76"/>
      <c r="W3441" s="76"/>
      <c r="X3441" s="76"/>
      <c r="Y3441" s="76"/>
      <c r="Z3441" s="76"/>
      <c r="AA3441" s="85"/>
      <c r="AB3441" s="85"/>
      <c r="AC3441" s="85"/>
      <c r="AD3441" s="85"/>
      <c r="AE3441" s="85"/>
      <c r="AF3441" s="85"/>
      <c r="AG3441" s="86"/>
      <c r="AH3441" s="85"/>
      <c r="AI3441" s="85"/>
      <c r="AJ3441" s="85"/>
      <c r="AK3441" s="85"/>
      <c r="AL3441" s="85"/>
      <c r="AM3441" s="92"/>
      <c r="AN3441" s="92"/>
      <c r="AO3441" s="92"/>
      <c r="AP3441" s="92"/>
      <c r="AQ3441" s="92"/>
      <c r="AR3441" s="92"/>
      <c r="AS3441" s="92"/>
      <c r="AT3441" s="92"/>
      <c r="AU3441" s="92"/>
      <c r="AV3441" s="92"/>
      <c r="AW3441" s="92"/>
      <c r="AX3441" s="92"/>
      <c r="AY3441" s="92"/>
      <c r="AZ3441" s="93"/>
      <c r="BA3441" s="93"/>
      <c r="BB3441" s="93"/>
      <c r="BC3441" s="93"/>
      <c r="BD3441" s="93"/>
      <c r="BE3441" s="93"/>
      <c r="BF3441" s="93"/>
      <c r="BG3441" s="93"/>
      <c r="BH3441" s="93"/>
      <c r="BI3441" s="93"/>
      <c r="BJ3441" s="93"/>
      <c r="BK3441" s="93"/>
      <c r="BL3441" s="93"/>
    </row>
    <row r="3442" spans="2:64" x14ac:dyDescent="0.2">
      <c r="B3442" s="43"/>
      <c r="C3442" s="73"/>
      <c r="D3442" s="64"/>
      <c r="E3442" s="55"/>
      <c r="F3442" s="74"/>
      <c r="G3442" s="74"/>
      <c r="H3442" s="74"/>
      <c r="I3442" s="75"/>
      <c r="J3442" s="74"/>
      <c r="L3442" s="55"/>
      <c r="M3442" s="234"/>
      <c r="N3442" s="65"/>
      <c r="O3442" s="76"/>
      <c r="P3442" s="76"/>
      <c r="Q3442" s="65"/>
      <c r="R3442" s="76"/>
      <c r="S3442" s="76"/>
      <c r="T3442" s="76"/>
      <c r="U3442" s="76"/>
      <c r="V3442" s="76"/>
      <c r="W3442" s="76"/>
      <c r="X3442" s="76"/>
      <c r="Y3442" s="76"/>
      <c r="Z3442" s="76"/>
      <c r="AA3442" s="85"/>
      <c r="AB3442" s="85"/>
      <c r="AC3442" s="85"/>
      <c r="AD3442" s="85"/>
      <c r="AE3442" s="85"/>
      <c r="AF3442" s="85"/>
      <c r="AG3442" s="86"/>
      <c r="AH3442" s="85"/>
      <c r="AI3442" s="85"/>
      <c r="AJ3442" s="85"/>
      <c r="AK3442" s="85"/>
      <c r="AL3442" s="85"/>
      <c r="AM3442" s="92"/>
      <c r="AN3442" s="92"/>
      <c r="AO3442" s="92"/>
      <c r="AP3442" s="92"/>
      <c r="AQ3442" s="92"/>
      <c r="AR3442" s="92"/>
      <c r="AS3442" s="92"/>
      <c r="AT3442" s="92"/>
      <c r="AU3442" s="92"/>
      <c r="AV3442" s="92"/>
      <c r="AW3442" s="92"/>
      <c r="AX3442" s="92"/>
      <c r="AY3442" s="92"/>
      <c r="AZ3442" s="93"/>
      <c r="BA3442" s="93"/>
      <c r="BB3442" s="93"/>
      <c r="BC3442" s="93"/>
      <c r="BD3442" s="93"/>
      <c r="BE3442" s="93"/>
      <c r="BF3442" s="93"/>
      <c r="BG3442" s="93"/>
      <c r="BH3442" s="93"/>
      <c r="BI3442" s="93"/>
      <c r="BJ3442" s="93"/>
      <c r="BK3442" s="93"/>
      <c r="BL3442" s="93"/>
    </row>
    <row r="3443" spans="2:64" x14ac:dyDescent="0.2">
      <c r="B3443" s="43"/>
      <c r="C3443" s="73"/>
      <c r="D3443" s="64"/>
      <c r="E3443" s="55"/>
      <c r="F3443" s="74"/>
      <c r="G3443" s="74"/>
      <c r="H3443" s="74"/>
      <c r="I3443" s="75"/>
      <c r="J3443" s="74"/>
      <c r="L3443" s="55"/>
      <c r="M3443" s="234"/>
      <c r="N3443" s="65"/>
      <c r="O3443" s="76"/>
      <c r="P3443" s="76"/>
      <c r="Q3443" s="65"/>
      <c r="R3443" s="76"/>
      <c r="S3443" s="76"/>
      <c r="T3443" s="76"/>
      <c r="U3443" s="76"/>
      <c r="V3443" s="76"/>
      <c r="W3443" s="76"/>
      <c r="X3443" s="76"/>
      <c r="Y3443" s="76"/>
      <c r="Z3443" s="76"/>
      <c r="AA3443" s="85"/>
      <c r="AB3443" s="85"/>
      <c r="AC3443" s="85"/>
      <c r="AD3443" s="85"/>
      <c r="AE3443" s="85"/>
      <c r="AF3443" s="85"/>
      <c r="AG3443" s="86"/>
      <c r="AH3443" s="85"/>
      <c r="AI3443" s="85"/>
      <c r="AJ3443" s="85"/>
      <c r="AK3443" s="85"/>
      <c r="AL3443" s="85"/>
      <c r="AM3443" s="92"/>
      <c r="AN3443" s="92"/>
      <c r="AO3443" s="92"/>
      <c r="AP3443" s="92"/>
      <c r="AQ3443" s="92"/>
      <c r="AR3443" s="92"/>
      <c r="AS3443" s="92"/>
      <c r="AT3443" s="92"/>
      <c r="AU3443" s="92"/>
      <c r="AV3443" s="92"/>
      <c r="AW3443" s="92"/>
      <c r="AX3443" s="92"/>
      <c r="AY3443" s="92"/>
      <c r="AZ3443" s="93"/>
      <c r="BA3443" s="93"/>
      <c r="BB3443" s="93"/>
      <c r="BC3443" s="93"/>
      <c r="BD3443" s="93"/>
      <c r="BE3443" s="93"/>
      <c r="BF3443" s="93"/>
      <c r="BG3443" s="93"/>
      <c r="BH3443" s="93"/>
      <c r="BI3443" s="93"/>
      <c r="BJ3443" s="93"/>
      <c r="BK3443" s="93"/>
      <c r="BL3443" s="93"/>
    </row>
    <row r="3444" spans="2:64" x14ac:dyDescent="0.2">
      <c r="B3444" s="43"/>
      <c r="C3444" s="73"/>
      <c r="D3444" s="64"/>
      <c r="E3444" s="55"/>
      <c r="F3444" s="74"/>
      <c r="G3444" s="74"/>
      <c r="H3444" s="74"/>
      <c r="I3444" s="75"/>
      <c r="J3444" s="74"/>
      <c r="L3444" s="55"/>
      <c r="M3444" s="234"/>
      <c r="N3444" s="65"/>
      <c r="O3444" s="76"/>
      <c r="P3444" s="76"/>
      <c r="Q3444" s="65"/>
      <c r="R3444" s="76"/>
      <c r="S3444" s="76"/>
      <c r="T3444" s="76"/>
      <c r="U3444" s="76"/>
      <c r="V3444" s="76"/>
      <c r="W3444" s="76"/>
      <c r="X3444" s="76"/>
      <c r="Y3444" s="76"/>
      <c r="Z3444" s="76"/>
      <c r="AA3444" s="85"/>
      <c r="AB3444" s="85"/>
      <c r="AC3444" s="85"/>
      <c r="AD3444" s="85"/>
      <c r="AE3444" s="85"/>
      <c r="AF3444" s="85"/>
      <c r="AG3444" s="86"/>
      <c r="AH3444" s="85"/>
      <c r="AI3444" s="85"/>
      <c r="AJ3444" s="85"/>
      <c r="AK3444" s="85"/>
      <c r="AL3444" s="85"/>
      <c r="AM3444" s="92"/>
      <c r="AN3444" s="92"/>
      <c r="AO3444" s="92"/>
      <c r="AP3444" s="92"/>
      <c r="AQ3444" s="92"/>
      <c r="AR3444" s="92"/>
      <c r="AS3444" s="92"/>
      <c r="AT3444" s="92"/>
      <c r="AU3444" s="92"/>
      <c r="AV3444" s="92"/>
      <c r="AW3444" s="92"/>
      <c r="AX3444" s="92"/>
      <c r="AY3444" s="92"/>
      <c r="AZ3444" s="93"/>
      <c r="BA3444" s="93"/>
      <c r="BB3444" s="93"/>
      <c r="BC3444" s="93"/>
      <c r="BD3444" s="93"/>
      <c r="BE3444" s="93"/>
      <c r="BF3444" s="93"/>
      <c r="BG3444" s="93"/>
      <c r="BH3444" s="93"/>
      <c r="BI3444" s="93"/>
      <c r="BJ3444" s="93"/>
      <c r="BK3444" s="93"/>
      <c r="BL3444" s="93"/>
    </row>
    <row r="3445" spans="2:64" x14ac:dyDescent="0.2">
      <c r="B3445" s="43"/>
      <c r="C3445" s="73"/>
      <c r="D3445" s="64"/>
      <c r="E3445" s="55"/>
      <c r="F3445" s="74"/>
      <c r="G3445" s="74"/>
      <c r="H3445" s="74"/>
      <c r="I3445" s="75"/>
      <c r="J3445" s="74"/>
      <c r="L3445" s="55"/>
      <c r="M3445" s="234"/>
      <c r="N3445" s="65"/>
      <c r="O3445" s="76"/>
      <c r="P3445" s="76"/>
      <c r="Q3445" s="65"/>
      <c r="R3445" s="76"/>
      <c r="S3445" s="76"/>
      <c r="T3445" s="76"/>
      <c r="U3445" s="76"/>
      <c r="V3445" s="76"/>
      <c r="W3445" s="76"/>
      <c r="X3445" s="76"/>
      <c r="Y3445" s="76"/>
      <c r="Z3445" s="76"/>
      <c r="AA3445" s="85"/>
      <c r="AB3445" s="85"/>
      <c r="AC3445" s="85"/>
      <c r="AD3445" s="85"/>
      <c r="AE3445" s="85"/>
      <c r="AF3445" s="85"/>
      <c r="AG3445" s="86"/>
      <c r="AH3445" s="85"/>
      <c r="AI3445" s="85"/>
      <c r="AJ3445" s="85"/>
      <c r="AK3445" s="85"/>
      <c r="AL3445" s="85"/>
      <c r="AM3445" s="92"/>
      <c r="AN3445" s="92"/>
      <c r="AO3445" s="92"/>
      <c r="AP3445" s="92"/>
      <c r="AQ3445" s="92"/>
      <c r="AR3445" s="92"/>
      <c r="AS3445" s="92"/>
      <c r="AT3445" s="92"/>
      <c r="AU3445" s="92"/>
      <c r="AV3445" s="92"/>
      <c r="AW3445" s="92"/>
      <c r="AX3445" s="92"/>
      <c r="AY3445" s="92"/>
      <c r="AZ3445" s="93"/>
      <c r="BA3445" s="93"/>
      <c r="BB3445" s="93"/>
      <c r="BC3445" s="93"/>
      <c r="BD3445" s="93"/>
      <c r="BE3445" s="93"/>
      <c r="BF3445" s="93"/>
      <c r="BG3445" s="93"/>
      <c r="BH3445" s="93"/>
      <c r="BI3445" s="93"/>
      <c r="BJ3445" s="93"/>
      <c r="BK3445" s="93"/>
      <c r="BL3445" s="93"/>
    </row>
    <row r="3446" spans="2:64" x14ac:dyDescent="0.2">
      <c r="B3446" s="43"/>
      <c r="C3446" s="73"/>
      <c r="D3446" s="64"/>
      <c r="E3446" s="55"/>
      <c r="F3446" s="74"/>
      <c r="G3446" s="74"/>
      <c r="H3446" s="74"/>
      <c r="I3446" s="75"/>
      <c r="J3446" s="74"/>
      <c r="L3446" s="55"/>
      <c r="M3446" s="234"/>
      <c r="N3446" s="65"/>
      <c r="O3446" s="76"/>
      <c r="P3446" s="76"/>
      <c r="Q3446" s="65"/>
      <c r="R3446" s="76"/>
      <c r="S3446" s="76"/>
      <c r="T3446" s="76"/>
      <c r="U3446" s="76"/>
      <c r="V3446" s="76"/>
      <c r="W3446" s="76"/>
      <c r="X3446" s="76"/>
      <c r="Y3446" s="76"/>
      <c r="Z3446" s="76"/>
      <c r="AA3446" s="85"/>
      <c r="AB3446" s="85"/>
      <c r="AC3446" s="85"/>
      <c r="AD3446" s="85"/>
      <c r="AE3446" s="85"/>
      <c r="AF3446" s="85"/>
      <c r="AG3446" s="86"/>
      <c r="AH3446" s="85"/>
      <c r="AI3446" s="85"/>
      <c r="AJ3446" s="85"/>
      <c r="AK3446" s="85"/>
      <c r="AL3446" s="85"/>
      <c r="AM3446" s="92"/>
      <c r="AN3446" s="92"/>
      <c r="AO3446" s="92"/>
      <c r="AP3446" s="92"/>
      <c r="AQ3446" s="92"/>
      <c r="AR3446" s="92"/>
      <c r="AS3446" s="92"/>
      <c r="AT3446" s="92"/>
      <c r="AU3446" s="92"/>
      <c r="AV3446" s="92"/>
      <c r="AW3446" s="92"/>
      <c r="AX3446" s="92"/>
      <c r="AY3446" s="92"/>
      <c r="AZ3446" s="93"/>
      <c r="BA3446" s="93"/>
      <c r="BB3446" s="93"/>
      <c r="BC3446" s="93"/>
      <c r="BD3446" s="93"/>
      <c r="BE3446" s="93"/>
      <c r="BF3446" s="93"/>
      <c r="BG3446" s="93"/>
      <c r="BH3446" s="93"/>
      <c r="BI3446" s="93"/>
      <c r="BJ3446" s="93"/>
      <c r="BK3446" s="93"/>
      <c r="BL3446" s="93"/>
    </row>
    <row r="3447" spans="2:64" x14ac:dyDescent="0.2">
      <c r="B3447" s="43"/>
      <c r="C3447" s="73"/>
      <c r="D3447" s="64"/>
      <c r="E3447" s="55"/>
      <c r="F3447" s="74"/>
      <c r="G3447" s="74"/>
      <c r="H3447" s="74"/>
      <c r="I3447" s="75"/>
      <c r="J3447" s="74"/>
      <c r="L3447" s="55"/>
      <c r="M3447" s="234"/>
      <c r="N3447" s="65"/>
      <c r="O3447" s="76"/>
      <c r="P3447" s="76"/>
      <c r="Q3447" s="65"/>
      <c r="R3447" s="76"/>
      <c r="S3447" s="76"/>
      <c r="T3447" s="76"/>
      <c r="U3447" s="76"/>
      <c r="V3447" s="76"/>
      <c r="W3447" s="76"/>
      <c r="X3447" s="76"/>
      <c r="Y3447" s="76"/>
      <c r="Z3447" s="76"/>
      <c r="AA3447" s="85"/>
      <c r="AB3447" s="85"/>
      <c r="AC3447" s="85"/>
      <c r="AD3447" s="85"/>
      <c r="AE3447" s="85"/>
      <c r="AF3447" s="85"/>
      <c r="AG3447" s="86"/>
      <c r="AH3447" s="85"/>
      <c r="AI3447" s="85"/>
      <c r="AJ3447" s="85"/>
      <c r="AK3447" s="85"/>
      <c r="AL3447" s="85"/>
      <c r="AM3447" s="92"/>
      <c r="AN3447" s="92"/>
      <c r="AO3447" s="92"/>
      <c r="AP3447" s="92"/>
      <c r="AQ3447" s="92"/>
      <c r="AR3447" s="92"/>
      <c r="AS3447" s="92"/>
      <c r="AT3447" s="92"/>
      <c r="AU3447" s="92"/>
      <c r="AV3447" s="92"/>
      <c r="AW3447" s="92"/>
      <c r="AX3447" s="92"/>
      <c r="AY3447" s="92"/>
      <c r="AZ3447" s="93"/>
      <c r="BA3447" s="93"/>
      <c r="BB3447" s="93"/>
      <c r="BC3447" s="93"/>
      <c r="BD3447" s="93"/>
      <c r="BE3447" s="93"/>
      <c r="BF3447" s="93"/>
      <c r="BG3447" s="93"/>
      <c r="BH3447" s="93"/>
      <c r="BI3447" s="93"/>
      <c r="BJ3447" s="93"/>
      <c r="BK3447" s="93"/>
      <c r="BL3447" s="93"/>
    </row>
    <row r="3448" spans="2:64" x14ac:dyDescent="0.2">
      <c r="B3448" s="43"/>
      <c r="C3448" s="73"/>
      <c r="D3448" s="64"/>
      <c r="E3448" s="55"/>
      <c r="F3448" s="74"/>
      <c r="G3448" s="74"/>
      <c r="H3448" s="74"/>
      <c r="I3448" s="75"/>
      <c r="J3448" s="74"/>
      <c r="L3448" s="55"/>
      <c r="M3448" s="234"/>
      <c r="N3448" s="65"/>
      <c r="O3448" s="76"/>
      <c r="P3448" s="76"/>
      <c r="Q3448" s="65"/>
      <c r="R3448" s="76"/>
      <c r="S3448" s="76"/>
      <c r="T3448" s="76"/>
      <c r="U3448" s="76"/>
      <c r="V3448" s="76"/>
      <c r="W3448" s="76"/>
      <c r="X3448" s="76"/>
      <c r="Y3448" s="76"/>
      <c r="Z3448" s="76"/>
      <c r="AA3448" s="85"/>
      <c r="AB3448" s="85"/>
      <c r="AC3448" s="85"/>
      <c r="AD3448" s="85"/>
      <c r="AE3448" s="85"/>
      <c r="AF3448" s="85"/>
      <c r="AG3448" s="86"/>
      <c r="AH3448" s="85"/>
      <c r="AI3448" s="85"/>
      <c r="AJ3448" s="85"/>
      <c r="AK3448" s="85"/>
      <c r="AL3448" s="85"/>
      <c r="AM3448" s="92"/>
      <c r="AN3448" s="92"/>
      <c r="AO3448" s="92"/>
      <c r="AP3448" s="92"/>
      <c r="AQ3448" s="92"/>
      <c r="AR3448" s="92"/>
      <c r="AS3448" s="92"/>
      <c r="AT3448" s="92"/>
      <c r="AU3448" s="92"/>
      <c r="AV3448" s="92"/>
      <c r="AW3448" s="92"/>
      <c r="AX3448" s="92"/>
      <c r="AY3448" s="92"/>
      <c r="AZ3448" s="93"/>
      <c r="BA3448" s="93"/>
      <c r="BB3448" s="93"/>
      <c r="BC3448" s="93"/>
      <c r="BD3448" s="93"/>
      <c r="BE3448" s="93"/>
      <c r="BF3448" s="93"/>
      <c r="BG3448" s="93"/>
      <c r="BH3448" s="93"/>
      <c r="BI3448" s="93"/>
      <c r="BJ3448" s="93"/>
      <c r="BK3448" s="93"/>
      <c r="BL3448" s="93"/>
    </row>
    <row r="3449" spans="2:64" x14ac:dyDescent="0.2">
      <c r="B3449" s="43"/>
      <c r="C3449" s="73"/>
      <c r="D3449" s="64"/>
      <c r="E3449" s="55"/>
      <c r="F3449" s="74"/>
      <c r="G3449" s="74"/>
      <c r="H3449" s="74"/>
      <c r="I3449" s="75"/>
      <c r="J3449" s="74"/>
      <c r="L3449" s="55"/>
      <c r="M3449" s="234"/>
      <c r="N3449" s="65"/>
      <c r="O3449" s="76"/>
      <c r="P3449" s="76"/>
      <c r="Q3449" s="65"/>
      <c r="R3449" s="76"/>
      <c r="S3449" s="76"/>
      <c r="T3449" s="76"/>
      <c r="U3449" s="76"/>
      <c r="V3449" s="76"/>
      <c r="W3449" s="76"/>
      <c r="X3449" s="76"/>
      <c r="Y3449" s="76"/>
      <c r="Z3449" s="76"/>
      <c r="AA3449" s="85"/>
      <c r="AB3449" s="85"/>
      <c r="AC3449" s="85"/>
      <c r="AD3449" s="85"/>
      <c r="AE3449" s="85"/>
      <c r="AF3449" s="85"/>
      <c r="AG3449" s="86"/>
      <c r="AH3449" s="85"/>
      <c r="AI3449" s="85"/>
      <c r="AJ3449" s="85"/>
      <c r="AK3449" s="85"/>
      <c r="AL3449" s="85"/>
      <c r="AM3449" s="92"/>
      <c r="AN3449" s="92"/>
      <c r="AO3449" s="92"/>
      <c r="AP3449" s="92"/>
      <c r="AQ3449" s="92"/>
      <c r="AR3449" s="92"/>
      <c r="AS3449" s="92"/>
      <c r="AT3449" s="92"/>
      <c r="AU3449" s="92"/>
      <c r="AV3449" s="92"/>
      <c r="AW3449" s="92"/>
      <c r="AX3449" s="92"/>
      <c r="AY3449" s="92"/>
      <c r="AZ3449" s="93"/>
      <c r="BA3449" s="93"/>
      <c r="BB3449" s="93"/>
      <c r="BC3449" s="93"/>
      <c r="BD3449" s="93"/>
      <c r="BE3449" s="93"/>
      <c r="BF3449" s="93"/>
      <c r="BG3449" s="93"/>
      <c r="BH3449" s="93"/>
      <c r="BI3449" s="93"/>
      <c r="BJ3449" s="93"/>
      <c r="BK3449" s="93"/>
      <c r="BL3449" s="93"/>
    </row>
    <row r="3450" spans="2:64" x14ac:dyDescent="0.2">
      <c r="B3450" s="43"/>
      <c r="C3450" s="73"/>
      <c r="D3450" s="64"/>
      <c r="E3450" s="55"/>
      <c r="F3450" s="74"/>
      <c r="G3450" s="74"/>
      <c r="H3450" s="74"/>
      <c r="I3450" s="75"/>
      <c r="J3450" s="74"/>
      <c r="L3450" s="55"/>
      <c r="M3450" s="234"/>
      <c r="N3450" s="65"/>
      <c r="O3450" s="76"/>
      <c r="P3450" s="76"/>
      <c r="Q3450" s="65"/>
      <c r="R3450" s="76"/>
      <c r="S3450" s="76"/>
      <c r="T3450" s="76"/>
      <c r="U3450" s="76"/>
      <c r="V3450" s="76"/>
      <c r="W3450" s="76"/>
      <c r="X3450" s="76"/>
      <c r="Y3450" s="76"/>
      <c r="Z3450" s="76"/>
      <c r="AA3450" s="85"/>
      <c r="AB3450" s="85"/>
      <c r="AC3450" s="85"/>
      <c r="AD3450" s="85"/>
      <c r="AE3450" s="85"/>
      <c r="AF3450" s="85"/>
      <c r="AG3450" s="86"/>
      <c r="AH3450" s="85"/>
      <c r="AI3450" s="85"/>
      <c r="AJ3450" s="85"/>
      <c r="AK3450" s="85"/>
      <c r="AL3450" s="85"/>
      <c r="AM3450" s="92"/>
      <c r="AN3450" s="92"/>
      <c r="AO3450" s="92"/>
      <c r="AP3450" s="92"/>
      <c r="AQ3450" s="92"/>
      <c r="AR3450" s="92"/>
      <c r="AS3450" s="92"/>
      <c r="AT3450" s="92"/>
      <c r="AU3450" s="92"/>
      <c r="AV3450" s="92"/>
      <c r="AW3450" s="92"/>
      <c r="AX3450" s="92"/>
      <c r="AY3450" s="92"/>
      <c r="AZ3450" s="93"/>
      <c r="BA3450" s="93"/>
      <c r="BB3450" s="93"/>
      <c r="BC3450" s="93"/>
      <c r="BD3450" s="93"/>
      <c r="BE3450" s="93"/>
      <c r="BF3450" s="93"/>
      <c r="BG3450" s="93"/>
      <c r="BH3450" s="93"/>
      <c r="BI3450" s="93"/>
      <c r="BJ3450" s="93"/>
      <c r="BK3450" s="93"/>
      <c r="BL3450" s="93"/>
    </row>
    <row r="3451" spans="2:64" x14ac:dyDescent="0.2">
      <c r="B3451" s="43"/>
      <c r="C3451" s="73"/>
      <c r="D3451" s="64"/>
      <c r="E3451" s="55"/>
      <c r="F3451" s="74"/>
      <c r="G3451" s="74"/>
      <c r="H3451" s="74"/>
      <c r="I3451" s="75"/>
      <c r="J3451" s="74"/>
      <c r="L3451" s="55"/>
      <c r="M3451" s="234"/>
      <c r="N3451" s="65"/>
      <c r="O3451" s="76"/>
      <c r="P3451" s="76"/>
      <c r="Q3451" s="65"/>
      <c r="R3451" s="76"/>
      <c r="S3451" s="76"/>
      <c r="T3451" s="76"/>
      <c r="U3451" s="76"/>
      <c r="V3451" s="76"/>
      <c r="W3451" s="76"/>
      <c r="X3451" s="76"/>
      <c r="Y3451" s="76"/>
      <c r="Z3451" s="76"/>
      <c r="AA3451" s="85"/>
      <c r="AB3451" s="85"/>
      <c r="AC3451" s="85"/>
      <c r="AD3451" s="85"/>
      <c r="AE3451" s="85"/>
      <c r="AF3451" s="85"/>
      <c r="AG3451" s="86"/>
      <c r="AH3451" s="85"/>
      <c r="AI3451" s="85"/>
      <c r="AJ3451" s="85"/>
      <c r="AK3451" s="85"/>
      <c r="AL3451" s="85"/>
      <c r="AM3451" s="92"/>
      <c r="AN3451" s="92"/>
      <c r="AO3451" s="92"/>
      <c r="AP3451" s="92"/>
      <c r="AQ3451" s="92"/>
      <c r="AR3451" s="92"/>
      <c r="AS3451" s="92"/>
      <c r="AT3451" s="92"/>
      <c r="AU3451" s="92"/>
      <c r="AV3451" s="92"/>
      <c r="AW3451" s="92"/>
      <c r="AX3451" s="92"/>
      <c r="AY3451" s="92"/>
      <c r="AZ3451" s="93"/>
      <c r="BA3451" s="93"/>
      <c r="BB3451" s="93"/>
      <c r="BC3451" s="93"/>
      <c r="BD3451" s="93"/>
      <c r="BE3451" s="93"/>
      <c r="BF3451" s="93"/>
      <c r="BG3451" s="93"/>
      <c r="BH3451" s="93"/>
      <c r="BI3451" s="93"/>
      <c r="BJ3451" s="93"/>
      <c r="BK3451" s="93"/>
      <c r="BL3451" s="93"/>
    </row>
    <row r="3452" spans="2:64" x14ac:dyDescent="0.2">
      <c r="B3452" s="43"/>
      <c r="C3452" s="73"/>
      <c r="D3452" s="64"/>
      <c r="E3452" s="55"/>
      <c r="F3452" s="74"/>
      <c r="G3452" s="74"/>
      <c r="H3452" s="74"/>
      <c r="I3452" s="75"/>
      <c r="J3452" s="74"/>
      <c r="L3452" s="55"/>
      <c r="M3452" s="234"/>
      <c r="N3452" s="65"/>
      <c r="O3452" s="76"/>
      <c r="P3452" s="76"/>
      <c r="Q3452" s="65"/>
      <c r="R3452" s="76"/>
      <c r="S3452" s="76"/>
      <c r="T3452" s="76"/>
      <c r="U3452" s="76"/>
      <c r="V3452" s="76"/>
      <c r="W3452" s="76"/>
      <c r="X3452" s="76"/>
      <c r="Y3452" s="76"/>
      <c r="Z3452" s="76"/>
      <c r="AA3452" s="85"/>
      <c r="AB3452" s="85"/>
      <c r="AC3452" s="85"/>
      <c r="AD3452" s="85"/>
      <c r="AE3452" s="85"/>
      <c r="AF3452" s="85"/>
      <c r="AG3452" s="86"/>
      <c r="AH3452" s="85"/>
      <c r="AI3452" s="85"/>
      <c r="AJ3452" s="85"/>
      <c r="AK3452" s="85"/>
      <c r="AL3452" s="85"/>
      <c r="AM3452" s="92"/>
      <c r="AN3452" s="92"/>
      <c r="AO3452" s="92"/>
      <c r="AP3452" s="92"/>
      <c r="AQ3452" s="92"/>
      <c r="AR3452" s="92"/>
      <c r="AS3452" s="92"/>
      <c r="AT3452" s="92"/>
      <c r="AU3452" s="92"/>
      <c r="AV3452" s="92"/>
      <c r="AW3452" s="92"/>
      <c r="AX3452" s="92"/>
      <c r="AY3452" s="92"/>
      <c r="AZ3452" s="93"/>
      <c r="BA3452" s="93"/>
      <c r="BB3452" s="93"/>
      <c r="BC3452" s="93"/>
      <c r="BD3452" s="93"/>
      <c r="BE3452" s="93"/>
      <c r="BF3452" s="93"/>
      <c r="BG3452" s="93"/>
      <c r="BH3452" s="93"/>
      <c r="BI3452" s="93"/>
      <c r="BJ3452" s="93"/>
      <c r="BK3452" s="93"/>
      <c r="BL3452" s="93"/>
    </row>
    <row r="3453" spans="2:64" x14ac:dyDescent="0.2">
      <c r="B3453" s="43"/>
      <c r="C3453" s="73"/>
      <c r="D3453" s="64"/>
      <c r="E3453" s="55"/>
      <c r="F3453" s="74"/>
      <c r="G3453" s="74"/>
      <c r="H3453" s="74"/>
      <c r="I3453" s="75"/>
      <c r="J3453" s="74"/>
      <c r="L3453" s="55"/>
      <c r="M3453" s="234"/>
      <c r="N3453" s="65"/>
      <c r="O3453" s="76"/>
      <c r="P3453" s="76"/>
      <c r="Q3453" s="65"/>
      <c r="R3453" s="76"/>
      <c r="S3453" s="76"/>
      <c r="T3453" s="76"/>
      <c r="U3453" s="76"/>
      <c r="V3453" s="76"/>
      <c r="W3453" s="76"/>
      <c r="X3453" s="76"/>
      <c r="Y3453" s="76"/>
      <c r="Z3453" s="76"/>
      <c r="AA3453" s="85"/>
      <c r="AB3453" s="85"/>
      <c r="AC3453" s="85"/>
      <c r="AD3453" s="85"/>
      <c r="AE3453" s="85"/>
      <c r="AF3453" s="85"/>
      <c r="AG3453" s="86"/>
      <c r="AH3453" s="85"/>
      <c r="AI3453" s="85"/>
      <c r="AJ3453" s="85"/>
      <c r="AK3453" s="85"/>
      <c r="AL3453" s="85"/>
      <c r="AM3453" s="92"/>
      <c r="AN3453" s="92"/>
      <c r="AO3453" s="92"/>
      <c r="AP3453" s="92"/>
      <c r="AQ3453" s="92"/>
      <c r="AR3453" s="92"/>
      <c r="AS3453" s="92"/>
      <c r="AT3453" s="92"/>
      <c r="AU3453" s="92"/>
      <c r="AV3453" s="92"/>
      <c r="AW3453" s="92"/>
      <c r="AX3453" s="92"/>
      <c r="AY3453" s="92"/>
      <c r="AZ3453" s="93"/>
      <c r="BA3453" s="93"/>
      <c r="BB3453" s="93"/>
      <c r="BC3453" s="93"/>
      <c r="BD3453" s="93"/>
      <c r="BE3453" s="93"/>
      <c r="BF3453" s="93"/>
      <c r="BG3453" s="93"/>
      <c r="BH3453" s="93"/>
      <c r="BI3453" s="93"/>
      <c r="BJ3453" s="93"/>
      <c r="BK3453" s="93"/>
      <c r="BL3453" s="93"/>
    </row>
    <row r="3454" spans="2:64" x14ac:dyDescent="0.2">
      <c r="B3454" s="43"/>
      <c r="C3454" s="73"/>
      <c r="D3454" s="64"/>
      <c r="E3454" s="55"/>
      <c r="F3454" s="74"/>
      <c r="G3454" s="74"/>
      <c r="H3454" s="74"/>
      <c r="I3454" s="75"/>
      <c r="J3454" s="74"/>
      <c r="L3454" s="55"/>
      <c r="M3454" s="234"/>
      <c r="N3454" s="65"/>
      <c r="O3454" s="76"/>
      <c r="P3454" s="76"/>
      <c r="Q3454" s="65"/>
      <c r="R3454" s="76"/>
      <c r="S3454" s="76"/>
      <c r="T3454" s="76"/>
      <c r="U3454" s="76"/>
      <c r="V3454" s="76"/>
      <c r="W3454" s="76"/>
      <c r="X3454" s="76"/>
      <c r="Y3454" s="76"/>
      <c r="Z3454" s="76"/>
      <c r="AA3454" s="85"/>
      <c r="AB3454" s="85"/>
      <c r="AC3454" s="85"/>
      <c r="AD3454" s="85"/>
      <c r="AE3454" s="85"/>
      <c r="AF3454" s="85"/>
      <c r="AG3454" s="86"/>
      <c r="AH3454" s="85"/>
      <c r="AI3454" s="85"/>
      <c r="AJ3454" s="85"/>
      <c r="AK3454" s="85"/>
      <c r="AL3454" s="85"/>
      <c r="AM3454" s="92"/>
      <c r="AN3454" s="92"/>
      <c r="AO3454" s="92"/>
      <c r="AP3454" s="92"/>
      <c r="AQ3454" s="92"/>
      <c r="AR3454" s="92"/>
      <c r="AS3454" s="92"/>
      <c r="AT3454" s="92"/>
      <c r="AU3454" s="92"/>
      <c r="AV3454" s="92"/>
      <c r="AW3454" s="92"/>
      <c r="AX3454" s="92"/>
      <c r="AY3454" s="92"/>
      <c r="AZ3454" s="93"/>
      <c r="BA3454" s="93"/>
      <c r="BB3454" s="93"/>
      <c r="BC3454" s="93"/>
      <c r="BD3454" s="93"/>
      <c r="BE3454" s="93"/>
      <c r="BF3454" s="93"/>
      <c r="BG3454" s="93"/>
      <c r="BH3454" s="93"/>
      <c r="BI3454" s="93"/>
      <c r="BJ3454" s="93"/>
      <c r="BK3454" s="93"/>
      <c r="BL3454" s="93"/>
    </row>
    <row r="3455" spans="2:64" x14ac:dyDescent="0.2">
      <c r="B3455" s="43"/>
      <c r="C3455" s="73"/>
      <c r="D3455" s="64"/>
      <c r="E3455" s="55"/>
      <c r="F3455" s="74"/>
      <c r="G3455" s="74"/>
      <c r="H3455" s="74"/>
      <c r="I3455" s="75"/>
      <c r="J3455" s="74"/>
      <c r="L3455" s="55"/>
      <c r="M3455" s="234"/>
      <c r="N3455" s="65"/>
      <c r="O3455" s="76"/>
      <c r="P3455" s="76"/>
      <c r="Q3455" s="65"/>
      <c r="R3455" s="76"/>
      <c r="S3455" s="76"/>
      <c r="T3455" s="76"/>
      <c r="U3455" s="76"/>
      <c r="V3455" s="76"/>
      <c r="W3455" s="76"/>
      <c r="X3455" s="76"/>
      <c r="Y3455" s="76"/>
      <c r="Z3455" s="76"/>
      <c r="AA3455" s="85"/>
      <c r="AB3455" s="85"/>
      <c r="AC3455" s="85"/>
      <c r="AD3455" s="85"/>
      <c r="AE3455" s="85"/>
      <c r="AF3455" s="85"/>
      <c r="AG3455" s="86"/>
      <c r="AH3455" s="85"/>
      <c r="AI3455" s="85"/>
      <c r="AJ3455" s="85"/>
      <c r="AK3455" s="85"/>
      <c r="AL3455" s="85"/>
      <c r="AM3455" s="92"/>
      <c r="AN3455" s="92"/>
      <c r="AO3455" s="92"/>
      <c r="AP3455" s="92"/>
      <c r="AQ3455" s="92"/>
      <c r="AR3455" s="92"/>
      <c r="AS3455" s="92"/>
      <c r="AT3455" s="92"/>
      <c r="AU3455" s="92"/>
      <c r="AV3455" s="92"/>
      <c r="AW3455" s="92"/>
      <c r="AX3455" s="92"/>
      <c r="AY3455" s="92"/>
      <c r="AZ3455" s="93"/>
      <c r="BA3455" s="93"/>
      <c r="BB3455" s="93"/>
      <c r="BC3455" s="93"/>
      <c r="BD3455" s="93"/>
      <c r="BE3455" s="93"/>
      <c r="BF3455" s="93"/>
      <c r="BG3455" s="93"/>
      <c r="BH3455" s="93"/>
      <c r="BI3455" s="93"/>
      <c r="BJ3455" s="93"/>
      <c r="BK3455" s="93"/>
      <c r="BL3455" s="93"/>
    </row>
    <row r="3456" spans="2:64" x14ac:dyDescent="0.2">
      <c r="B3456" s="43"/>
      <c r="C3456" s="73"/>
      <c r="D3456" s="64"/>
      <c r="E3456" s="55"/>
      <c r="F3456" s="74"/>
      <c r="G3456" s="74"/>
      <c r="H3456" s="74"/>
      <c r="I3456" s="75"/>
      <c r="J3456" s="74"/>
      <c r="L3456" s="55"/>
      <c r="M3456" s="234"/>
      <c r="N3456" s="65"/>
      <c r="O3456" s="76"/>
      <c r="P3456" s="76"/>
      <c r="Q3456" s="65"/>
      <c r="R3456" s="76"/>
      <c r="S3456" s="76"/>
      <c r="T3456" s="76"/>
      <c r="U3456" s="76"/>
      <c r="V3456" s="76"/>
      <c r="W3456" s="76"/>
      <c r="X3456" s="76"/>
      <c r="Y3456" s="76"/>
      <c r="Z3456" s="76"/>
      <c r="AA3456" s="85"/>
      <c r="AB3456" s="85"/>
      <c r="AC3456" s="85"/>
      <c r="AD3456" s="85"/>
      <c r="AE3456" s="85"/>
      <c r="AF3456" s="85"/>
      <c r="AG3456" s="86"/>
      <c r="AH3456" s="85"/>
      <c r="AI3456" s="85"/>
      <c r="AJ3456" s="85"/>
      <c r="AK3456" s="85"/>
      <c r="AL3456" s="85"/>
      <c r="AM3456" s="92"/>
      <c r="AN3456" s="92"/>
      <c r="AO3456" s="92"/>
      <c r="AP3456" s="92"/>
      <c r="AQ3456" s="92"/>
      <c r="AR3456" s="92"/>
      <c r="AS3456" s="92"/>
      <c r="AT3456" s="92"/>
      <c r="AU3456" s="92"/>
      <c r="AV3456" s="92"/>
      <c r="AW3456" s="92"/>
      <c r="AX3456" s="92"/>
      <c r="AY3456" s="92"/>
      <c r="AZ3456" s="93"/>
      <c r="BA3456" s="93"/>
      <c r="BB3456" s="93"/>
      <c r="BC3456" s="93"/>
      <c r="BD3456" s="93"/>
      <c r="BE3456" s="93"/>
      <c r="BF3456" s="93"/>
      <c r="BG3456" s="93"/>
      <c r="BH3456" s="93"/>
      <c r="BI3456" s="93"/>
      <c r="BJ3456" s="93"/>
      <c r="BK3456" s="93"/>
      <c r="BL3456" s="93"/>
    </row>
    <row r="3457" spans="2:64" x14ac:dyDescent="0.2">
      <c r="B3457" s="43"/>
      <c r="C3457" s="73"/>
      <c r="D3457" s="64"/>
      <c r="E3457" s="55"/>
      <c r="F3457" s="74"/>
      <c r="G3457" s="74"/>
      <c r="H3457" s="74"/>
      <c r="I3457" s="75"/>
      <c r="J3457" s="74"/>
      <c r="L3457" s="55"/>
      <c r="M3457" s="234"/>
      <c r="N3457" s="65"/>
      <c r="O3457" s="76"/>
      <c r="P3457" s="76"/>
      <c r="Q3457" s="65"/>
      <c r="R3457" s="76"/>
      <c r="S3457" s="76"/>
      <c r="T3457" s="76"/>
      <c r="U3457" s="76"/>
      <c r="V3457" s="76"/>
      <c r="W3457" s="76"/>
      <c r="X3457" s="76"/>
      <c r="Y3457" s="76"/>
      <c r="Z3457" s="76"/>
      <c r="AA3457" s="85"/>
      <c r="AB3457" s="85"/>
      <c r="AC3457" s="85"/>
      <c r="AD3457" s="85"/>
      <c r="AE3457" s="85"/>
      <c r="AF3457" s="85"/>
      <c r="AG3457" s="86"/>
      <c r="AH3457" s="85"/>
      <c r="AI3457" s="85"/>
      <c r="AJ3457" s="85"/>
      <c r="AK3457" s="85"/>
      <c r="AL3457" s="85"/>
      <c r="AM3457" s="92"/>
      <c r="AN3457" s="92"/>
      <c r="AO3457" s="92"/>
      <c r="AP3457" s="92"/>
      <c r="AQ3457" s="92"/>
      <c r="AR3457" s="92"/>
      <c r="AS3457" s="92"/>
      <c r="AT3457" s="92"/>
      <c r="AU3457" s="92"/>
      <c r="AV3457" s="92"/>
      <c r="AW3457" s="92"/>
      <c r="AX3457" s="92"/>
      <c r="AY3457" s="92"/>
      <c r="AZ3457" s="93"/>
      <c r="BA3457" s="93"/>
      <c r="BB3457" s="93"/>
      <c r="BC3457" s="93"/>
      <c r="BD3457" s="93"/>
      <c r="BE3457" s="93"/>
      <c r="BF3457" s="93"/>
      <c r="BG3457" s="93"/>
      <c r="BH3457" s="93"/>
      <c r="BI3457" s="93"/>
      <c r="BJ3457" s="93"/>
      <c r="BK3457" s="93"/>
      <c r="BL3457" s="93"/>
    </row>
    <row r="3458" spans="2:64" x14ac:dyDescent="0.2">
      <c r="B3458" s="43"/>
      <c r="C3458" s="73"/>
      <c r="D3458" s="64"/>
      <c r="E3458" s="55"/>
      <c r="F3458" s="74"/>
      <c r="G3458" s="74"/>
      <c r="H3458" s="74"/>
      <c r="I3458" s="75"/>
      <c r="J3458" s="74"/>
      <c r="L3458" s="55"/>
      <c r="M3458" s="234"/>
      <c r="N3458" s="65"/>
      <c r="O3458" s="76"/>
      <c r="P3458" s="76"/>
      <c r="Q3458" s="65"/>
      <c r="R3458" s="76"/>
      <c r="S3458" s="76"/>
      <c r="T3458" s="76"/>
      <c r="U3458" s="76"/>
      <c r="V3458" s="76"/>
      <c r="W3458" s="76"/>
      <c r="X3458" s="76"/>
      <c r="Y3458" s="76"/>
      <c r="Z3458" s="76"/>
      <c r="AA3458" s="85"/>
      <c r="AB3458" s="85"/>
      <c r="AC3458" s="85"/>
      <c r="AD3458" s="85"/>
      <c r="AE3458" s="85"/>
      <c r="AF3458" s="85"/>
      <c r="AG3458" s="86"/>
      <c r="AH3458" s="85"/>
      <c r="AI3458" s="85"/>
      <c r="AJ3458" s="85"/>
      <c r="AK3458" s="85"/>
      <c r="AL3458" s="85"/>
      <c r="AM3458" s="92"/>
      <c r="AN3458" s="92"/>
      <c r="AO3458" s="92"/>
      <c r="AP3458" s="92"/>
      <c r="AQ3458" s="92"/>
      <c r="AR3458" s="92"/>
      <c r="AS3458" s="92"/>
      <c r="AT3458" s="92"/>
      <c r="AU3458" s="92"/>
      <c r="AV3458" s="92"/>
      <c r="AW3458" s="92"/>
      <c r="AX3458" s="92"/>
      <c r="AY3458" s="92"/>
      <c r="AZ3458" s="93"/>
      <c r="BA3458" s="93"/>
      <c r="BB3458" s="93"/>
      <c r="BC3458" s="93"/>
      <c r="BD3458" s="93"/>
      <c r="BE3458" s="93"/>
      <c r="BF3458" s="93"/>
      <c r="BG3458" s="93"/>
      <c r="BH3458" s="93"/>
      <c r="BI3458" s="93"/>
      <c r="BJ3458" s="93"/>
      <c r="BK3458" s="93"/>
      <c r="BL3458" s="93"/>
    </row>
    <row r="3459" spans="2:64" x14ac:dyDescent="0.2">
      <c r="B3459" s="43"/>
      <c r="C3459" s="73"/>
      <c r="D3459" s="64"/>
      <c r="E3459" s="55"/>
      <c r="F3459" s="74"/>
      <c r="G3459" s="74"/>
      <c r="H3459" s="74"/>
      <c r="I3459" s="75"/>
      <c r="J3459" s="74"/>
      <c r="L3459" s="55"/>
      <c r="M3459" s="234"/>
      <c r="N3459" s="65"/>
      <c r="O3459" s="76"/>
      <c r="P3459" s="76"/>
      <c r="Q3459" s="65"/>
      <c r="R3459" s="76"/>
      <c r="S3459" s="76"/>
      <c r="T3459" s="76"/>
      <c r="U3459" s="76"/>
      <c r="V3459" s="76"/>
      <c r="W3459" s="76"/>
      <c r="X3459" s="76"/>
      <c r="Y3459" s="76"/>
      <c r="Z3459" s="76"/>
      <c r="AA3459" s="85"/>
      <c r="AB3459" s="85"/>
      <c r="AC3459" s="85"/>
      <c r="AD3459" s="85"/>
      <c r="AE3459" s="85"/>
      <c r="AF3459" s="85"/>
      <c r="AG3459" s="86"/>
      <c r="AH3459" s="85"/>
      <c r="AI3459" s="85"/>
      <c r="AJ3459" s="85"/>
      <c r="AK3459" s="85"/>
      <c r="AL3459" s="85"/>
      <c r="AM3459" s="92"/>
      <c r="AN3459" s="92"/>
      <c r="AO3459" s="92"/>
      <c r="AP3459" s="92"/>
      <c r="AQ3459" s="92"/>
      <c r="AR3459" s="92"/>
      <c r="AS3459" s="92"/>
      <c r="AT3459" s="92"/>
      <c r="AU3459" s="92"/>
      <c r="AV3459" s="92"/>
      <c r="AW3459" s="92"/>
      <c r="AX3459" s="92"/>
      <c r="AY3459" s="92"/>
      <c r="AZ3459" s="93"/>
      <c r="BA3459" s="93"/>
      <c r="BB3459" s="93"/>
      <c r="BC3459" s="93"/>
      <c r="BD3459" s="93"/>
      <c r="BE3459" s="93"/>
      <c r="BF3459" s="93"/>
      <c r="BG3459" s="93"/>
      <c r="BH3459" s="93"/>
      <c r="BI3459" s="93"/>
      <c r="BJ3459" s="93"/>
      <c r="BK3459" s="93"/>
      <c r="BL3459" s="93"/>
    </row>
    <row r="3460" spans="2:64" x14ac:dyDescent="0.2">
      <c r="B3460" s="43"/>
      <c r="C3460" s="73"/>
      <c r="D3460" s="64"/>
      <c r="E3460" s="55"/>
      <c r="F3460" s="74"/>
      <c r="G3460" s="74"/>
      <c r="H3460" s="74"/>
      <c r="I3460" s="75"/>
      <c r="J3460" s="74"/>
      <c r="L3460" s="55"/>
      <c r="M3460" s="234"/>
      <c r="N3460" s="65"/>
      <c r="O3460" s="76"/>
      <c r="P3460" s="76"/>
      <c r="Q3460" s="65"/>
      <c r="R3460" s="76"/>
      <c r="S3460" s="76"/>
      <c r="T3460" s="76"/>
      <c r="U3460" s="76"/>
      <c r="V3460" s="76"/>
      <c r="W3460" s="76"/>
      <c r="X3460" s="76"/>
      <c r="Y3460" s="76"/>
      <c r="Z3460" s="76"/>
      <c r="AA3460" s="85"/>
      <c r="AB3460" s="85"/>
      <c r="AC3460" s="85"/>
      <c r="AD3460" s="85"/>
      <c r="AE3460" s="85"/>
      <c r="AF3460" s="85"/>
      <c r="AG3460" s="86"/>
      <c r="AH3460" s="85"/>
      <c r="AI3460" s="85"/>
      <c r="AJ3460" s="85"/>
      <c r="AK3460" s="85"/>
      <c r="AL3460" s="85"/>
      <c r="AM3460" s="92"/>
      <c r="AN3460" s="92"/>
      <c r="AO3460" s="92"/>
      <c r="AP3460" s="92"/>
      <c r="AQ3460" s="92"/>
      <c r="AR3460" s="92"/>
      <c r="AS3460" s="92"/>
      <c r="AT3460" s="92"/>
      <c r="AU3460" s="92"/>
      <c r="AV3460" s="92"/>
      <c r="AW3460" s="92"/>
      <c r="AX3460" s="92"/>
      <c r="AY3460" s="92"/>
      <c r="AZ3460" s="93"/>
      <c r="BA3460" s="93"/>
      <c r="BB3460" s="93"/>
      <c r="BC3460" s="93"/>
      <c r="BD3460" s="93"/>
      <c r="BE3460" s="93"/>
      <c r="BF3460" s="93"/>
      <c r="BG3460" s="93"/>
      <c r="BH3460" s="93"/>
      <c r="BI3460" s="93"/>
      <c r="BJ3460" s="93"/>
      <c r="BK3460" s="93"/>
      <c r="BL3460" s="93"/>
    </row>
    <row r="3461" spans="2:64" x14ac:dyDescent="0.2">
      <c r="B3461" s="43"/>
      <c r="C3461" s="73"/>
      <c r="D3461" s="64"/>
      <c r="E3461" s="55"/>
      <c r="F3461" s="74"/>
      <c r="G3461" s="74"/>
      <c r="H3461" s="74"/>
      <c r="I3461" s="75"/>
      <c r="J3461" s="74"/>
      <c r="L3461" s="55"/>
      <c r="M3461" s="234"/>
      <c r="N3461" s="65"/>
      <c r="O3461" s="76"/>
      <c r="P3461" s="76"/>
      <c r="Q3461" s="65"/>
      <c r="R3461" s="76"/>
      <c r="S3461" s="76"/>
      <c r="T3461" s="76"/>
      <c r="U3461" s="76"/>
      <c r="V3461" s="76"/>
      <c r="W3461" s="76"/>
      <c r="X3461" s="76"/>
      <c r="Y3461" s="76"/>
      <c r="Z3461" s="76"/>
      <c r="AA3461" s="85"/>
      <c r="AB3461" s="85"/>
      <c r="AC3461" s="85"/>
      <c r="AD3461" s="85"/>
      <c r="AE3461" s="85"/>
      <c r="AF3461" s="85"/>
      <c r="AG3461" s="86"/>
      <c r="AH3461" s="85"/>
      <c r="AI3461" s="85"/>
      <c r="AJ3461" s="85"/>
      <c r="AK3461" s="85"/>
      <c r="AL3461" s="85"/>
      <c r="AM3461" s="92"/>
      <c r="AN3461" s="92"/>
      <c r="AO3461" s="92"/>
      <c r="AP3461" s="92"/>
      <c r="AQ3461" s="92"/>
      <c r="AR3461" s="92"/>
      <c r="AS3461" s="92"/>
      <c r="AT3461" s="92"/>
      <c r="AU3461" s="92"/>
      <c r="AV3461" s="92"/>
      <c r="AW3461" s="92"/>
      <c r="AX3461" s="92"/>
      <c r="AY3461" s="92"/>
      <c r="AZ3461" s="93"/>
      <c r="BA3461" s="93"/>
      <c r="BB3461" s="93"/>
      <c r="BC3461" s="93"/>
      <c r="BD3461" s="93"/>
      <c r="BE3461" s="93"/>
      <c r="BF3461" s="93"/>
      <c r="BG3461" s="93"/>
      <c r="BH3461" s="93"/>
      <c r="BI3461" s="93"/>
      <c r="BJ3461" s="93"/>
      <c r="BK3461" s="93"/>
      <c r="BL3461" s="93"/>
    </row>
    <row r="3462" spans="2:64" x14ac:dyDescent="0.2">
      <c r="B3462" s="43"/>
      <c r="C3462" s="73"/>
      <c r="D3462" s="64"/>
      <c r="E3462" s="55"/>
      <c r="F3462" s="74"/>
      <c r="G3462" s="74"/>
      <c r="H3462" s="74"/>
      <c r="I3462" s="75"/>
      <c r="J3462" s="74"/>
      <c r="L3462" s="55"/>
      <c r="M3462" s="234"/>
      <c r="N3462" s="65"/>
      <c r="O3462" s="76"/>
      <c r="P3462" s="76"/>
      <c r="Q3462" s="65"/>
      <c r="R3462" s="76"/>
      <c r="S3462" s="76"/>
      <c r="T3462" s="76"/>
      <c r="U3462" s="76"/>
      <c r="V3462" s="76"/>
      <c r="W3462" s="76"/>
      <c r="X3462" s="76"/>
      <c r="Y3462" s="76"/>
      <c r="Z3462" s="76"/>
      <c r="AA3462" s="85"/>
      <c r="AB3462" s="85"/>
      <c r="AC3462" s="85"/>
      <c r="AD3462" s="85"/>
      <c r="AE3462" s="85"/>
      <c r="AF3462" s="85"/>
      <c r="AG3462" s="86"/>
      <c r="AH3462" s="85"/>
      <c r="AI3462" s="85"/>
      <c r="AJ3462" s="85"/>
      <c r="AK3462" s="85"/>
      <c r="AL3462" s="85"/>
      <c r="AM3462" s="92"/>
      <c r="AN3462" s="92"/>
      <c r="AO3462" s="92"/>
      <c r="AP3462" s="92"/>
      <c r="AQ3462" s="92"/>
      <c r="AR3462" s="92"/>
      <c r="AS3462" s="92"/>
      <c r="AT3462" s="92"/>
      <c r="AU3462" s="92"/>
      <c r="AV3462" s="92"/>
      <c r="AW3462" s="92"/>
      <c r="AX3462" s="92"/>
      <c r="AY3462" s="92"/>
      <c r="AZ3462" s="93"/>
      <c r="BA3462" s="93"/>
      <c r="BB3462" s="93"/>
      <c r="BC3462" s="93"/>
      <c r="BD3462" s="93"/>
      <c r="BE3462" s="93"/>
      <c r="BF3462" s="93"/>
      <c r="BG3462" s="93"/>
      <c r="BH3462" s="93"/>
      <c r="BI3462" s="93"/>
      <c r="BJ3462" s="93"/>
      <c r="BK3462" s="93"/>
      <c r="BL3462" s="93"/>
    </row>
    <row r="3463" spans="2:64" x14ac:dyDescent="0.2">
      <c r="B3463" s="43"/>
      <c r="C3463" s="73"/>
      <c r="D3463" s="64"/>
      <c r="E3463" s="55"/>
      <c r="F3463" s="74"/>
      <c r="G3463" s="74"/>
      <c r="H3463" s="74"/>
      <c r="I3463" s="75"/>
      <c r="J3463" s="74"/>
      <c r="L3463" s="55"/>
      <c r="M3463" s="234"/>
      <c r="N3463" s="65"/>
      <c r="O3463" s="76"/>
      <c r="P3463" s="76"/>
      <c r="Q3463" s="65"/>
      <c r="R3463" s="76"/>
      <c r="S3463" s="76"/>
      <c r="T3463" s="76"/>
      <c r="U3463" s="76"/>
      <c r="V3463" s="76"/>
      <c r="W3463" s="76"/>
      <c r="X3463" s="76"/>
      <c r="Y3463" s="76"/>
      <c r="Z3463" s="76"/>
      <c r="AA3463" s="85"/>
      <c r="AB3463" s="85"/>
      <c r="AC3463" s="85"/>
      <c r="AD3463" s="85"/>
      <c r="AE3463" s="85"/>
      <c r="AF3463" s="85"/>
      <c r="AG3463" s="86"/>
      <c r="AH3463" s="85"/>
      <c r="AI3463" s="85"/>
      <c r="AJ3463" s="85"/>
      <c r="AK3463" s="85"/>
      <c r="AL3463" s="85"/>
      <c r="AM3463" s="92"/>
      <c r="AN3463" s="92"/>
      <c r="AO3463" s="92"/>
      <c r="AP3463" s="92"/>
      <c r="AQ3463" s="92"/>
      <c r="AR3463" s="92"/>
      <c r="AS3463" s="92"/>
      <c r="AT3463" s="92"/>
      <c r="AU3463" s="92"/>
      <c r="AV3463" s="92"/>
      <c r="AW3463" s="92"/>
      <c r="AX3463" s="92"/>
      <c r="AY3463" s="92"/>
      <c r="AZ3463" s="93"/>
      <c r="BA3463" s="93"/>
      <c r="BB3463" s="93"/>
      <c r="BC3463" s="93"/>
      <c r="BD3463" s="93"/>
      <c r="BE3463" s="93"/>
      <c r="BF3463" s="93"/>
      <c r="BG3463" s="93"/>
      <c r="BH3463" s="93"/>
      <c r="BI3463" s="93"/>
      <c r="BJ3463" s="93"/>
      <c r="BK3463" s="93"/>
      <c r="BL3463" s="93"/>
    </row>
    <row r="3464" spans="2:64" x14ac:dyDescent="0.2">
      <c r="B3464" s="43"/>
      <c r="C3464" s="73"/>
      <c r="D3464" s="64"/>
      <c r="E3464" s="55"/>
      <c r="F3464" s="74"/>
      <c r="G3464" s="74"/>
      <c r="H3464" s="74"/>
      <c r="I3464" s="75"/>
      <c r="J3464" s="74"/>
      <c r="L3464" s="55"/>
      <c r="M3464" s="234"/>
      <c r="N3464" s="65"/>
      <c r="O3464" s="76"/>
      <c r="P3464" s="76"/>
      <c r="Q3464" s="65"/>
      <c r="R3464" s="76"/>
      <c r="S3464" s="76"/>
      <c r="T3464" s="76"/>
      <c r="U3464" s="76"/>
      <c r="V3464" s="76"/>
      <c r="W3464" s="76"/>
      <c r="X3464" s="76"/>
      <c r="Y3464" s="76"/>
      <c r="Z3464" s="76"/>
      <c r="AA3464" s="85"/>
      <c r="AB3464" s="85"/>
      <c r="AC3464" s="85"/>
      <c r="AD3464" s="85"/>
      <c r="AE3464" s="85"/>
      <c r="AF3464" s="85"/>
      <c r="AG3464" s="86"/>
      <c r="AH3464" s="85"/>
      <c r="AI3464" s="85"/>
      <c r="AJ3464" s="85"/>
      <c r="AK3464" s="85"/>
      <c r="AL3464" s="85"/>
      <c r="AM3464" s="92"/>
      <c r="AN3464" s="92"/>
      <c r="AO3464" s="92"/>
      <c r="AP3464" s="92"/>
      <c r="AQ3464" s="92"/>
      <c r="AR3464" s="92"/>
      <c r="AS3464" s="92"/>
      <c r="AT3464" s="92"/>
      <c r="AU3464" s="92"/>
      <c r="AV3464" s="92"/>
      <c r="AW3464" s="92"/>
      <c r="AX3464" s="92"/>
      <c r="AY3464" s="92"/>
      <c r="AZ3464" s="93"/>
      <c r="BA3464" s="93"/>
      <c r="BB3464" s="93"/>
      <c r="BC3464" s="93"/>
      <c r="BD3464" s="93"/>
      <c r="BE3464" s="93"/>
      <c r="BF3464" s="93"/>
      <c r="BG3464" s="93"/>
      <c r="BH3464" s="93"/>
      <c r="BI3464" s="93"/>
      <c r="BJ3464" s="93"/>
      <c r="BK3464" s="93"/>
      <c r="BL3464" s="93"/>
    </row>
    <row r="3465" spans="2:64" x14ac:dyDescent="0.2">
      <c r="B3465" s="43"/>
      <c r="C3465" s="73"/>
      <c r="D3465" s="64"/>
      <c r="E3465" s="55"/>
      <c r="F3465" s="74"/>
      <c r="G3465" s="74"/>
      <c r="H3465" s="74"/>
      <c r="I3465" s="75"/>
      <c r="J3465" s="74"/>
      <c r="L3465" s="55"/>
      <c r="M3465" s="234"/>
      <c r="N3465" s="65"/>
      <c r="O3465" s="76"/>
      <c r="P3465" s="76"/>
      <c r="Q3465" s="65"/>
      <c r="R3465" s="76"/>
      <c r="S3465" s="76"/>
      <c r="T3465" s="76"/>
      <c r="U3465" s="76"/>
      <c r="V3465" s="76"/>
      <c r="W3465" s="76"/>
      <c r="X3465" s="76"/>
      <c r="Y3465" s="76"/>
      <c r="Z3465" s="76"/>
      <c r="AA3465" s="85"/>
      <c r="AB3465" s="85"/>
      <c r="AC3465" s="85"/>
      <c r="AD3465" s="85"/>
      <c r="AE3465" s="85"/>
      <c r="AF3465" s="85"/>
      <c r="AG3465" s="86"/>
      <c r="AH3465" s="85"/>
      <c r="AI3465" s="85"/>
      <c r="AJ3465" s="85"/>
      <c r="AK3465" s="85"/>
      <c r="AL3465" s="85"/>
      <c r="AM3465" s="92"/>
      <c r="AN3465" s="92"/>
      <c r="AO3465" s="92"/>
      <c r="AP3465" s="92"/>
      <c r="AQ3465" s="92"/>
      <c r="AR3465" s="92"/>
      <c r="AS3465" s="92"/>
      <c r="AT3465" s="92"/>
      <c r="AU3465" s="92"/>
      <c r="AV3465" s="92"/>
      <c r="AW3465" s="92"/>
      <c r="AX3465" s="92"/>
      <c r="AY3465" s="92"/>
      <c r="AZ3465" s="93"/>
      <c r="BA3465" s="93"/>
      <c r="BB3465" s="93"/>
      <c r="BC3465" s="93"/>
      <c r="BD3465" s="93"/>
      <c r="BE3465" s="93"/>
      <c r="BF3465" s="93"/>
      <c r="BG3465" s="93"/>
      <c r="BH3465" s="93"/>
      <c r="BI3465" s="93"/>
      <c r="BJ3465" s="93"/>
      <c r="BK3465" s="93"/>
      <c r="BL3465" s="93"/>
    </row>
    <row r="3466" spans="2:64" x14ac:dyDescent="0.2">
      <c r="B3466" s="43"/>
      <c r="C3466" s="73"/>
      <c r="D3466" s="64"/>
      <c r="E3466" s="55"/>
      <c r="F3466" s="74"/>
      <c r="G3466" s="74"/>
      <c r="H3466" s="74"/>
      <c r="I3466" s="75"/>
      <c r="J3466" s="74"/>
      <c r="L3466" s="55"/>
      <c r="M3466" s="234"/>
      <c r="N3466" s="65"/>
      <c r="O3466" s="76"/>
      <c r="P3466" s="76"/>
      <c r="Q3466" s="65"/>
      <c r="R3466" s="76"/>
      <c r="S3466" s="76"/>
      <c r="T3466" s="76"/>
      <c r="U3466" s="76"/>
      <c r="V3466" s="76"/>
      <c r="W3466" s="76"/>
      <c r="X3466" s="76"/>
      <c r="Y3466" s="76"/>
      <c r="Z3466" s="76"/>
      <c r="AA3466" s="85"/>
      <c r="AB3466" s="85"/>
      <c r="AC3466" s="85"/>
      <c r="AD3466" s="85"/>
      <c r="AE3466" s="85"/>
      <c r="AF3466" s="85"/>
      <c r="AG3466" s="86"/>
      <c r="AH3466" s="85"/>
      <c r="AI3466" s="85"/>
      <c r="AJ3466" s="85"/>
      <c r="AK3466" s="85"/>
      <c r="AL3466" s="85"/>
      <c r="AM3466" s="92"/>
      <c r="AN3466" s="92"/>
      <c r="AO3466" s="92"/>
      <c r="AP3466" s="92"/>
      <c r="AQ3466" s="92"/>
      <c r="AR3466" s="92"/>
      <c r="AS3466" s="92"/>
      <c r="AT3466" s="92"/>
      <c r="AU3466" s="92"/>
      <c r="AV3466" s="92"/>
      <c r="AW3466" s="92"/>
      <c r="AX3466" s="92"/>
      <c r="AY3466" s="92"/>
      <c r="AZ3466" s="93"/>
      <c r="BA3466" s="93"/>
      <c r="BB3466" s="93"/>
      <c r="BC3466" s="93"/>
      <c r="BD3466" s="93"/>
      <c r="BE3466" s="93"/>
      <c r="BF3466" s="93"/>
      <c r="BG3466" s="93"/>
      <c r="BH3466" s="93"/>
      <c r="BI3466" s="93"/>
      <c r="BJ3466" s="93"/>
      <c r="BK3466" s="93"/>
      <c r="BL3466" s="93"/>
    </row>
    <row r="3467" spans="2:64" x14ac:dyDescent="0.2">
      <c r="B3467" s="43"/>
      <c r="C3467" s="73"/>
      <c r="D3467" s="64"/>
      <c r="E3467" s="55"/>
      <c r="F3467" s="74"/>
      <c r="G3467" s="74"/>
      <c r="H3467" s="74"/>
      <c r="I3467" s="75"/>
      <c r="J3467" s="74"/>
      <c r="L3467" s="55"/>
      <c r="M3467" s="234"/>
      <c r="N3467" s="65"/>
      <c r="O3467" s="76"/>
      <c r="P3467" s="76"/>
      <c r="Q3467" s="65"/>
      <c r="R3467" s="76"/>
      <c r="S3467" s="76"/>
      <c r="T3467" s="76"/>
      <c r="U3467" s="76"/>
      <c r="V3467" s="76"/>
      <c r="W3467" s="76"/>
      <c r="X3467" s="76"/>
      <c r="Y3467" s="76"/>
      <c r="Z3467" s="76"/>
      <c r="AA3467" s="85"/>
      <c r="AB3467" s="85"/>
      <c r="AC3467" s="85"/>
      <c r="AD3467" s="85"/>
      <c r="AE3467" s="85"/>
      <c r="AF3467" s="85"/>
      <c r="AG3467" s="86"/>
      <c r="AH3467" s="85"/>
      <c r="AI3467" s="85"/>
      <c r="AJ3467" s="85"/>
      <c r="AK3467" s="85"/>
      <c r="AL3467" s="85"/>
      <c r="AM3467" s="92"/>
      <c r="AN3467" s="92"/>
      <c r="AO3467" s="92"/>
      <c r="AP3467" s="92"/>
      <c r="AQ3467" s="92"/>
      <c r="AR3467" s="92"/>
      <c r="AS3467" s="92"/>
      <c r="AT3467" s="92"/>
      <c r="AU3467" s="92"/>
      <c r="AV3467" s="92"/>
      <c r="AW3467" s="92"/>
      <c r="AX3467" s="92"/>
      <c r="AY3467" s="92"/>
      <c r="AZ3467" s="93"/>
      <c r="BA3467" s="93"/>
      <c r="BB3467" s="93"/>
      <c r="BC3467" s="93"/>
      <c r="BD3467" s="93"/>
      <c r="BE3467" s="93"/>
      <c r="BF3467" s="93"/>
      <c r="BG3467" s="93"/>
      <c r="BH3467" s="93"/>
      <c r="BI3467" s="93"/>
      <c r="BJ3467" s="93"/>
      <c r="BK3467" s="93"/>
      <c r="BL3467" s="93"/>
    </row>
    <row r="3468" spans="2:64" x14ac:dyDescent="0.2">
      <c r="B3468" s="43"/>
      <c r="C3468" s="73"/>
      <c r="D3468" s="64"/>
      <c r="E3468" s="55"/>
      <c r="F3468" s="74"/>
      <c r="G3468" s="74"/>
      <c r="H3468" s="74"/>
      <c r="I3468" s="75"/>
      <c r="J3468" s="74"/>
      <c r="L3468" s="55"/>
      <c r="M3468" s="234"/>
      <c r="N3468" s="65"/>
      <c r="O3468" s="76"/>
      <c r="P3468" s="76"/>
      <c r="Q3468" s="65"/>
      <c r="R3468" s="76"/>
      <c r="S3468" s="76"/>
      <c r="T3468" s="76"/>
      <c r="U3468" s="76"/>
      <c r="V3468" s="76"/>
      <c r="W3468" s="76"/>
      <c r="X3468" s="76"/>
      <c r="Y3468" s="76"/>
      <c r="Z3468" s="76"/>
      <c r="AA3468" s="85"/>
      <c r="AB3468" s="85"/>
      <c r="AC3468" s="85"/>
      <c r="AD3468" s="85"/>
      <c r="AE3468" s="85"/>
      <c r="AF3468" s="85"/>
      <c r="AG3468" s="86"/>
      <c r="AH3468" s="85"/>
      <c r="AI3468" s="85"/>
      <c r="AJ3468" s="85"/>
      <c r="AK3468" s="85"/>
      <c r="AL3468" s="85"/>
      <c r="AM3468" s="92"/>
      <c r="AN3468" s="92"/>
      <c r="AO3468" s="92"/>
      <c r="AP3468" s="92"/>
      <c r="AQ3468" s="92"/>
      <c r="AR3468" s="92"/>
      <c r="AS3468" s="92"/>
      <c r="AT3468" s="92"/>
      <c r="AU3468" s="92"/>
      <c r="AV3468" s="92"/>
      <c r="AW3468" s="92"/>
      <c r="AX3468" s="92"/>
      <c r="AY3468" s="92"/>
      <c r="AZ3468" s="93"/>
      <c r="BA3468" s="93"/>
      <c r="BB3468" s="93"/>
      <c r="BC3468" s="93"/>
      <c r="BD3468" s="93"/>
      <c r="BE3468" s="93"/>
      <c r="BF3468" s="93"/>
      <c r="BG3468" s="93"/>
      <c r="BH3468" s="93"/>
      <c r="BI3468" s="93"/>
      <c r="BJ3468" s="93"/>
      <c r="BK3468" s="93"/>
      <c r="BL3468" s="93"/>
    </row>
    <row r="3469" spans="2:64" x14ac:dyDescent="0.2">
      <c r="B3469" s="43"/>
      <c r="C3469" s="73"/>
      <c r="D3469" s="64"/>
      <c r="E3469" s="55"/>
      <c r="F3469" s="74"/>
      <c r="G3469" s="74"/>
      <c r="H3469" s="74"/>
      <c r="I3469" s="75"/>
      <c r="J3469" s="74"/>
      <c r="L3469" s="55"/>
      <c r="M3469" s="234"/>
      <c r="N3469" s="65"/>
      <c r="O3469" s="76"/>
      <c r="P3469" s="76"/>
      <c r="Q3469" s="65"/>
      <c r="R3469" s="76"/>
      <c r="S3469" s="76"/>
      <c r="T3469" s="76"/>
      <c r="U3469" s="76"/>
      <c r="V3469" s="76"/>
      <c r="W3469" s="76"/>
      <c r="X3469" s="76"/>
      <c r="Y3469" s="76"/>
      <c r="Z3469" s="76"/>
      <c r="AA3469" s="85"/>
      <c r="AB3469" s="85"/>
      <c r="AC3469" s="85"/>
      <c r="AD3469" s="85"/>
      <c r="AE3469" s="85"/>
      <c r="AF3469" s="85"/>
      <c r="AG3469" s="86"/>
      <c r="AH3469" s="85"/>
      <c r="AI3469" s="85"/>
      <c r="AJ3469" s="85"/>
      <c r="AK3469" s="85"/>
      <c r="AL3469" s="85"/>
      <c r="AM3469" s="92"/>
      <c r="AN3469" s="92"/>
      <c r="AO3469" s="92"/>
      <c r="AP3469" s="92"/>
      <c r="AQ3469" s="92"/>
      <c r="AR3469" s="92"/>
      <c r="AS3469" s="92"/>
      <c r="AT3469" s="92"/>
      <c r="AU3469" s="92"/>
      <c r="AV3469" s="92"/>
      <c r="AW3469" s="92"/>
      <c r="AX3469" s="92"/>
      <c r="AY3469" s="92"/>
      <c r="AZ3469" s="93"/>
      <c r="BA3469" s="93"/>
      <c r="BB3469" s="93"/>
      <c r="BC3469" s="93"/>
      <c r="BD3469" s="93"/>
      <c r="BE3469" s="93"/>
      <c r="BF3469" s="93"/>
      <c r="BG3469" s="93"/>
      <c r="BH3469" s="93"/>
      <c r="BI3469" s="93"/>
      <c r="BJ3469" s="93"/>
      <c r="BK3469" s="93"/>
      <c r="BL3469" s="93"/>
    </row>
    <row r="3470" spans="2:64" x14ac:dyDescent="0.2">
      <c r="B3470" s="43"/>
      <c r="C3470" s="73"/>
      <c r="D3470" s="64"/>
      <c r="E3470" s="55"/>
      <c r="F3470" s="74"/>
      <c r="G3470" s="74"/>
      <c r="H3470" s="74"/>
      <c r="I3470" s="75"/>
      <c r="J3470" s="74"/>
      <c r="L3470" s="55"/>
      <c r="M3470" s="234"/>
      <c r="N3470" s="65"/>
      <c r="O3470" s="76"/>
      <c r="P3470" s="76"/>
      <c r="Q3470" s="65"/>
      <c r="R3470" s="76"/>
      <c r="S3470" s="76"/>
      <c r="T3470" s="76"/>
      <c r="U3470" s="76"/>
      <c r="V3470" s="76"/>
      <c r="W3470" s="76"/>
      <c r="X3470" s="76"/>
      <c r="Y3470" s="76"/>
      <c r="Z3470" s="76"/>
      <c r="AA3470" s="85"/>
      <c r="AB3470" s="85"/>
      <c r="AC3470" s="85"/>
      <c r="AD3470" s="85"/>
      <c r="AE3470" s="85"/>
      <c r="AF3470" s="85"/>
      <c r="AG3470" s="86"/>
      <c r="AH3470" s="85"/>
      <c r="AI3470" s="85"/>
      <c r="AJ3470" s="85"/>
      <c r="AK3470" s="85"/>
      <c r="AL3470" s="85"/>
      <c r="AM3470" s="92"/>
      <c r="AN3470" s="92"/>
      <c r="AO3470" s="92"/>
      <c r="AP3470" s="92"/>
      <c r="AQ3470" s="92"/>
      <c r="AR3470" s="92"/>
      <c r="AS3470" s="92"/>
      <c r="AT3470" s="92"/>
      <c r="AU3470" s="92"/>
      <c r="AV3470" s="92"/>
      <c r="AW3470" s="92"/>
      <c r="AX3470" s="92"/>
      <c r="AY3470" s="92"/>
      <c r="AZ3470" s="93"/>
      <c r="BA3470" s="93"/>
      <c r="BB3470" s="93"/>
      <c r="BC3470" s="93"/>
      <c r="BD3470" s="93"/>
      <c r="BE3470" s="93"/>
      <c r="BF3470" s="93"/>
      <c r="BG3470" s="93"/>
      <c r="BH3470" s="93"/>
      <c r="BI3470" s="93"/>
      <c r="BJ3470" s="93"/>
      <c r="BK3470" s="93"/>
      <c r="BL3470" s="93"/>
    </row>
    <row r="3471" spans="2:64" x14ac:dyDescent="0.2">
      <c r="B3471" s="43"/>
      <c r="C3471" s="73"/>
      <c r="D3471" s="64"/>
      <c r="E3471" s="55"/>
      <c r="F3471" s="74"/>
      <c r="G3471" s="74"/>
      <c r="H3471" s="74"/>
      <c r="I3471" s="75"/>
      <c r="J3471" s="74"/>
      <c r="L3471" s="55"/>
      <c r="M3471" s="234"/>
      <c r="N3471" s="65"/>
      <c r="O3471" s="76"/>
      <c r="P3471" s="76"/>
      <c r="Q3471" s="65"/>
      <c r="R3471" s="76"/>
      <c r="S3471" s="76"/>
      <c r="T3471" s="76"/>
      <c r="U3471" s="76"/>
      <c r="V3471" s="76"/>
      <c r="W3471" s="76"/>
      <c r="X3471" s="76"/>
      <c r="Y3471" s="76"/>
      <c r="Z3471" s="76"/>
      <c r="AA3471" s="85"/>
      <c r="AB3471" s="85"/>
      <c r="AC3471" s="85"/>
      <c r="AD3471" s="85"/>
      <c r="AE3471" s="85"/>
      <c r="AF3471" s="85"/>
      <c r="AG3471" s="86"/>
      <c r="AH3471" s="85"/>
      <c r="AI3471" s="85"/>
      <c r="AJ3471" s="85"/>
      <c r="AK3471" s="85"/>
      <c r="AL3471" s="85"/>
      <c r="AM3471" s="92"/>
      <c r="AN3471" s="92"/>
      <c r="AO3471" s="92"/>
      <c r="AP3471" s="92"/>
      <c r="AQ3471" s="92"/>
      <c r="AR3471" s="92"/>
      <c r="AS3471" s="92"/>
      <c r="AT3471" s="92"/>
      <c r="AU3471" s="92"/>
      <c r="AV3471" s="92"/>
      <c r="AW3471" s="92"/>
      <c r="AX3471" s="92"/>
      <c r="AY3471" s="92"/>
      <c r="AZ3471" s="93"/>
      <c r="BA3471" s="93"/>
      <c r="BB3471" s="93"/>
      <c r="BC3471" s="93"/>
      <c r="BD3471" s="93"/>
      <c r="BE3471" s="93"/>
      <c r="BF3471" s="93"/>
      <c r="BG3471" s="93"/>
      <c r="BH3471" s="93"/>
      <c r="BI3471" s="93"/>
      <c r="BJ3471" s="93"/>
      <c r="BK3471" s="93"/>
      <c r="BL3471" s="93"/>
    </row>
    <row r="3472" spans="2:64" x14ac:dyDescent="0.2">
      <c r="B3472" s="43"/>
      <c r="C3472" s="73"/>
      <c r="D3472" s="64"/>
      <c r="E3472" s="55"/>
      <c r="F3472" s="74"/>
      <c r="G3472" s="74"/>
      <c r="H3472" s="74"/>
      <c r="I3472" s="75"/>
      <c r="J3472" s="74"/>
      <c r="L3472" s="55"/>
      <c r="M3472" s="234"/>
      <c r="N3472" s="65"/>
      <c r="O3472" s="76"/>
      <c r="P3472" s="76"/>
      <c r="Q3472" s="65"/>
      <c r="R3472" s="76"/>
      <c r="S3472" s="76"/>
      <c r="T3472" s="76"/>
      <c r="U3472" s="76"/>
      <c r="V3472" s="76"/>
      <c r="W3472" s="76"/>
      <c r="X3472" s="76"/>
      <c r="Y3472" s="76"/>
      <c r="Z3472" s="76"/>
      <c r="AA3472" s="85"/>
      <c r="AB3472" s="85"/>
      <c r="AC3472" s="85"/>
      <c r="AD3472" s="85"/>
      <c r="AE3472" s="85"/>
      <c r="AF3472" s="85"/>
      <c r="AG3472" s="86"/>
      <c r="AH3472" s="85"/>
      <c r="AI3472" s="85"/>
      <c r="AJ3472" s="85"/>
      <c r="AK3472" s="85"/>
      <c r="AL3472" s="85"/>
      <c r="AM3472" s="92"/>
      <c r="AN3472" s="92"/>
      <c r="AO3472" s="92"/>
      <c r="AP3472" s="92"/>
      <c r="AQ3472" s="92"/>
      <c r="AR3472" s="92"/>
      <c r="AS3472" s="92"/>
      <c r="AT3472" s="92"/>
      <c r="AU3472" s="92"/>
      <c r="AV3472" s="92"/>
      <c r="AW3472" s="92"/>
      <c r="AX3472" s="92"/>
      <c r="AY3472" s="92"/>
      <c r="AZ3472" s="93"/>
      <c r="BA3472" s="93"/>
      <c r="BB3472" s="93"/>
      <c r="BC3472" s="93"/>
      <c r="BD3472" s="93"/>
      <c r="BE3472" s="93"/>
      <c r="BF3472" s="93"/>
      <c r="BG3472" s="93"/>
      <c r="BH3472" s="93"/>
      <c r="BI3472" s="93"/>
      <c r="BJ3472" s="93"/>
      <c r="BK3472" s="93"/>
      <c r="BL3472" s="93"/>
    </row>
    <row r="3473" spans="2:64" x14ac:dyDescent="0.2">
      <c r="B3473" s="43"/>
      <c r="C3473" s="73"/>
      <c r="D3473" s="64"/>
      <c r="E3473" s="55"/>
      <c r="F3473" s="74"/>
      <c r="G3473" s="74"/>
      <c r="H3473" s="74"/>
      <c r="I3473" s="75"/>
      <c r="J3473" s="74"/>
      <c r="L3473" s="55"/>
      <c r="M3473" s="234"/>
      <c r="N3473" s="65"/>
      <c r="O3473" s="76"/>
      <c r="P3473" s="76"/>
      <c r="Q3473" s="65"/>
      <c r="R3473" s="76"/>
      <c r="S3473" s="76"/>
      <c r="T3473" s="76"/>
      <c r="U3473" s="76"/>
      <c r="V3473" s="76"/>
      <c r="W3473" s="76"/>
      <c r="X3473" s="76"/>
      <c r="Y3473" s="76"/>
      <c r="Z3473" s="76"/>
      <c r="AA3473" s="85"/>
      <c r="AB3473" s="85"/>
      <c r="AC3473" s="85"/>
      <c r="AD3473" s="85"/>
      <c r="AE3473" s="85"/>
      <c r="AF3473" s="85"/>
      <c r="AG3473" s="86"/>
      <c r="AH3473" s="85"/>
      <c r="AI3473" s="85"/>
      <c r="AJ3473" s="85"/>
      <c r="AK3473" s="85"/>
      <c r="AL3473" s="85"/>
      <c r="AM3473" s="92"/>
      <c r="AN3473" s="92"/>
      <c r="AO3473" s="92"/>
      <c r="AP3473" s="92"/>
      <c r="AQ3473" s="92"/>
      <c r="AR3473" s="92"/>
      <c r="AS3473" s="92"/>
      <c r="AT3473" s="92"/>
      <c r="AU3473" s="92"/>
      <c r="AV3473" s="92"/>
      <c r="AW3473" s="92"/>
      <c r="AX3473" s="92"/>
      <c r="AY3473" s="92"/>
      <c r="AZ3473" s="93"/>
      <c r="BA3473" s="93"/>
      <c r="BB3473" s="93"/>
      <c r="BC3473" s="93"/>
      <c r="BD3473" s="93"/>
      <c r="BE3473" s="93"/>
      <c r="BF3473" s="93"/>
      <c r="BG3473" s="93"/>
      <c r="BH3473" s="93"/>
      <c r="BI3473" s="93"/>
      <c r="BJ3473" s="93"/>
      <c r="BK3473" s="93"/>
      <c r="BL3473" s="93"/>
    </row>
    <row r="3474" spans="2:64" x14ac:dyDescent="0.2">
      <c r="B3474" s="43"/>
      <c r="C3474" s="73"/>
      <c r="D3474" s="64"/>
      <c r="E3474" s="55"/>
      <c r="F3474" s="74"/>
      <c r="G3474" s="74"/>
      <c r="H3474" s="74"/>
      <c r="I3474" s="75"/>
      <c r="J3474" s="74"/>
      <c r="L3474" s="55"/>
      <c r="M3474" s="234"/>
      <c r="N3474" s="65"/>
      <c r="O3474" s="76"/>
      <c r="P3474" s="76"/>
      <c r="Q3474" s="65"/>
      <c r="R3474" s="76"/>
      <c r="S3474" s="76"/>
      <c r="T3474" s="76"/>
      <c r="U3474" s="76"/>
      <c r="V3474" s="76"/>
      <c r="W3474" s="76"/>
      <c r="X3474" s="76"/>
      <c r="Y3474" s="76"/>
      <c r="Z3474" s="76"/>
      <c r="AA3474" s="85"/>
      <c r="AB3474" s="85"/>
      <c r="AC3474" s="85"/>
      <c r="AD3474" s="85"/>
      <c r="AE3474" s="85"/>
      <c r="AF3474" s="85"/>
      <c r="AG3474" s="86"/>
      <c r="AH3474" s="85"/>
      <c r="AI3474" s="85"/>
      <c r="AJ3474" s="85"/>
      <c r="AK3474" s="85"/>
      <c r="AL3474" s="85"/>
      <c r="AM3474" s="92"/>
      <c r="AN3474" s="92"/>
      <c r="AO3474" s="92"/>
      <c r="AP3474" s="92"/>
      <c r="AQ3474" s="92"/>
      <c r="AR3474" s="92"/>
      <c r="AS3474" s="92"/>
      <c r="AT3474" s="92"/>
      <c r="AU3474" s="92"/>
      <c r="AV3474" s="92"/>
      <c r="AW3474" s="92"/>
      <c r="AX3474" s="92"/>
      <c r="AY3474" s="92"/>
      <c r="AZ3474" s="93"/>
      <c r="BA3474" s="93"/>
      <c r="BB3474" s="93"/>
      <c r="BC3474" s="93"/>
      <c r="BD3474" s="93"/>
      <c r="BE3474" s="93"/>
      <c r="BF3474" s="93"/>
      <c r="BG3474" s="93"/>
      <c r="BH3474" s="93"/>
      <c r="BI3474" s="93"/>
      <c r="BJ3474" s="93"/>
      <c r="BK3474" s="93"/>
      <c r="BL3474" s="93"/>
    </row>
    <row r="3475" spans="2:64" x14ac:dyDescent="0.2">
      <c r="B3475" s="43"/>
      <c r="C3475" s="73"/>
      <c r="D3475" s="64"/>
      <c r="E3475" s="55"/>
      <c r="F3475" s="74"/>
      <c r="G3475" s="74"/>
      <c r="H3475" s="74"/>
      <c r="I3475" s="75"/>
      <c r="J3475" s="74"/>
      <c r="L3475" s="55"/>
      <c r="M3475" s="234"/>
      <c r="N3475" s="65"/>
      <c r="O3475" s="76"/>
      <c r="P3475" s="76"/>
      <c r="Q3475" s="65"/>
      <c r="R3475" s="76"/>
      <c r="S3475" s="76"/>
      <c r="T3475" s="76"/>
      <c r="U3475" s="76"/>
      <c r="V3475" s="76"/>
      <c r="W3475" s="76"/>
      <c r="X3475" s="76"/>
      <c r="Y3475" s="76"/>
      <c r="Z3475" s="76"/>
      <c r="AA3475" s="85"/>
      <c r="AB3475" s="85"/>
      <c r="AC3475" s="85"/>
      <c r="AD3475" s="85"/>
      <c r="AE3475" s="85"/>
      <c r="AF3475" s="85"/>
      <c r="AG3475" s="86"/>
      <c r="AH3475" s="85"/>
      <c r="AI3475" s="85"/>
      <c r="AJ3475" s="85"/>
      <c r="AK3475" s="85"/>
      <c r="AL3475" s="85"/>
      <c r="AM3475" s="92"/>
      <c r="AN3475" s="92"/>
      <c r="AO3475" s="92"/>
      <c r="AP3475" s="92"/>
      <c r="AQ3475" s="92"/>
      <c r="AR3475" s="92"/>
      <c r="AS3475" s="92"/>
      <c r="AT3475" s="92"/>
      <c r="AU3475" s="92"/>
      <c r="AV3475" s="92"/>
      <c r="AW3475" s="92"/>
      <c r="AX3475" s="92"/>
      <c r="AY3475" s="92"/>
      <c r="AZ3475" s="93"/>
      <c r="BA3475" s="93"/>
      <c r="BB3475" s="93"/>
      <c r="BC3475" s="93"/>
      <c r="BD3475" s="93"/>
      <c r="BE3475" s="93"/>
      <c r="BF3475" s="93"/>
      <c r="BG3475" s="93"/>
      <c r="BH3475" s="93"/>
      <c r="BI3475" s="93"/>
      <c r="BJ3475" s="93"/>
      <c r="BK3475" s="93"/>
      <c r="BL3475" s="93"/>
    </row>
    <row r="3476" spans="2:64" x14ac:dyDescent="0.2">
      <c r="B3476" s="43"/>
      <c r="C3476" s="73"/>
      <c r="D3476" s="64"/>
      <c r="E3476" s="55"/>
      <c r="F3476" s="74"/>
      <c r="G3476" s="74"/>
      <c r="H3476" s="74"/>
      <c r="I3476" s="75"/>
      <c r="J3476" s="74"/>
      <c r="L3476" s="55"/>
      <c r="M3476" s="234"/>
      <c r="N3476" s="65"/>
      <c r="O3476" s="76"/>
      <c r="P3476" s="76"/>
      <c r="Q3476" s="65"/>
      <c r="R3476" s="76"/>
      <c r="S3476" s="76"/>
      <c r="T3476" s="76"/>
      <c r="U3476" s="76"/>
      <c r="V3476" s="76"/>
      <c r="W3476" s="76"/>
      <c r="X3476" s="76"/>
      <c r="Y3476" s="76"/>
      <c r="Z3476" s="76"/>
      <c r="AA3476" s="85"/>
      <c r="AB3476" s="85"/>
      <c r="AC3476" s="85"/>
      <c r="AD3476" s="85"/>
      <c r="AE3476" s="85"/>
      <c r="AF3476" s="85"/>
      <c r="AG3476" s="86"/>
      <c r="AH3476" s="85"/>
      <c r="AI3476" s="85"/>
      <c r="AJ3476" s="85"/>
      <c r="AK3476" s="85"/>
      <c r="AL3476" s="85"/>
      <c r="AM3476" s="92"/>
      <c r="AN3476" s="92"/>
      <c r="AO3476" s="92"/>
      <c r="AP3476" s="92"/>
      <c r="AQ3476" s="92"/>
      <c r="AR3476" s="92"/>
      <c r="AS3476" s="92"/>
      <c r="AT3476" s="92"/>
      <c r="AU3476" s="92"/>
      <c r="AV3476" s="92"/>
      <c r="AW3476" s="92"/>
      <c r="AX3476" s="92"/>
      <c r="AY3476" s="92"/>
      <c r="AZ3476" s="93"/>
      <c r="BA3476" s="93"/>
      <c r="BB3476" s="93"/>
      <c r="BC3476" s="93"/>
      <c r="BD3476" s="93"/>
      <c r="BE3476" s="93"/>
      <c r="BF3476" s="93"/>
      <c r="BG3476" s="93"/>
      <c r="BH3476" s="93"/>
      <c r="BI3476" s="93"/>
      <c r="BJ3476" s="93"/>
      <c r="BK3476" s="93"/>
      <c r="BL3476" s="93"/>
    </row>
    <row r="3477" spans="2:64" x14ac:dyDescent="0.2">
      <c r="B3477" s="43"/>
      <c r="C3477" s="73"/>
      <c r="D3477" s="64"/>
      <c r="E3477" s="55"/>
      <c r="F3477" s="74"/>
      <c r="G3477" s="74"/>
      <c r="H3477" s="74"/>
      <c r="I3477" s="75"/>
      <c r="J3477" s="74"/>
      <c r="L3477" s="55"/>
      <c r="M3477" s="234"/>
      <c r="N3477" s="65"/>
      <c r="O3477" s="76"/>
      <c r="P3477" s="76"/>
      <c r="Q3477" s="65"/>
      <c r="R3477" s="76"/>
      <c r="S3477" s="76"/>
      <c r="T3477" s="76"/>
      <c r="U3477" s="76"/>
      <c r="V3477" s="76"/>
      <c r="W3477" s="76"/>
      <c r="X3477" s="76"/>
      <c r="Y3477" s="76"/>
      <c r="Z3477" s="76"/>
      <c r="AA3477" s="85"/>
      <c r="AB3477" s="85"/>
      <c r="AC3477" s="85"/>
      <c r="AD3477" s="85"/>
      <c r="AE3477" s="85"/>
      <c r="AF3477" s="85"/>
      <c r="AG3477" s="86"/>
      <c r="AH3477" s="85"/>
      <c r="AI3477" s="85"/>
      <c r="AJ3477" s="85"/>
      <c r="AK3477" s="85"/>
      <c r="AL3477" s="85"/>
      <c r="AM3477" s="92"/>
      <c r="AN3477" s="92"/>
      <c r="AO3477" s="92"/>
      <c r="AP3477" s="92"/>
      <c r="AQ3477" s="92"/>
      <c r="AR3477" s="92"/>
      <c r="AS3477" s="92"/>
      <c r="AT3477" s="92"/>
      <c r="AU3477" s="92"/>
      <c r="AV3477" s="92"/>
      <c r="AW3477" s="92"/>
      <c r="AX3477" s="92"/>
      <c r="AY3477" s="92"/>
      <c r="AZ3477" s="93"/>
      <c r="BA3477" s="93"/>
      <c r="BB3477" s="93"/>
      <c r="BC3477" s="93"/>
      <c r="BD3477" s="93"/>
      <c r="BE3477" s="93"/>
      <c r="BF3477" s="93"/>
      <c r="BG3477" s="93"/>
      <c r="BH3477" s="93"/>
      <c r="BI3477" s="93"/>
      <c r="BJ3477" s="93"/>
      <c r="BK3477" s="93"/>
      <c r="BL3477" s="93"/>
    </row>
    <row r="3478" spans="2:64" x14ac:dyDescent="0.2">
      <c r="B3478" s="43"/>
      <c r="C3478" s="73"/>
      <c r="D3478" s="64"/>
      <c r="E3478" s="55"/>
      <c r="F3478" s="74"/>
      <c r="G3478" s="74"/>
      <c r="H3478" s="74"/>
      <c r="I3478" s="75"/>
      <c r="J3478" s="74"/>
      <c r="L3478" s="55"/>
      <c r="M3478" s="234"/>
      <c r="N3478" s="65"/>
      <c r="O3478" s="76"/>
      <c r="P3478" s="76"/>
      <c r="Q3478" s="65"/>
      <c r="R3478" s="76"/>
      <c r="S3478" s="76"/>
      <c r="T3478" s="76"/>
      <c r="U3478" s="76"/>
      <c r="V3478" s="76"/>
      <c r="W3478" s="76"/>
      <c r="X3478" s="76"/>
      <c r="Y3478" s="76"/>
      <c r="Z3478" s="76"/>
      <c r="AA3478" s="85"/>
      <c r="AB3478" s="85"/>
      <c r="AC3478" s="85"/>
      <c r="AD3478" s="85"/>
      <c r="AE3478" s="85"/>
      <c r="AF3478" s="85"/>
      <c r="AG3478" s="86"/>
      <c r="AH3478" s="85"/>
      <c r="AI3478" s="85"/>
      <c r="AJ3478" s="85"/>
      <c r="AK3478" s="85"/>
      <c r="AL3478" s="85"/>
      <c r="AM3478" s="92"/>
      <c r="AN3478" s="92"/>
      <c r="AO3478" s="92"/>
      <c r="AP3478" s="92"/>
      <c r="AQ3478" s="92"/>
      <c r="AR3478" s="92"/>
      <c r="AS3478" s="92"/>
      <c r="AT3478" s="92"/>
      <c r="AU3478" s="92"/>
      <c r="AV3478" s="92"/>
      <c r="AW3478" s="92"/>
      <c r="AX3478" s="92"/>
      <c r="AY3478" s="92"/>
      <c r="AZ3478" s="93"/>
      <c r="BA3478" s="93"/>
      <c r="BB3478" s="93"/>
      <c r="BC3478" s="93"/>
      <c r="BD3478" s="93"/>
      <c r="BE3478" s="93"/>
      <c r="BF3478" s="93"/>
      <c r="BG3478" s="93"/>
      <c r="BH3478" s="93"/>
      <c r="BI3478" s="93"/>
      <c r="BJ3478" s="93"/>
      <c r="BK3478" s="93"/>
      <c r="BL3478" s="93"/>
    </row>
    <row r="3479" spans="2:64" x14ac:dyDescent="0.2">
      <c r="B3479" s="43"/>
      <c r="C3479" s="73"/>
      <c r="D3479" s="64"/>
      <c r="E3479" s="55"/>
      <c r="F3479" s="74"/>
      <c r="G3479" s="74"/>
      <c r="H3479" s="74"/>
      <c r="I3479" s="75"/>
      <c r="J3479" s="74"/>
      <c r="L3479" s="55"/>
      <c r="M3479" s="234"/>
      <c r="N3479" s="65"/>
      <c r="O3479" s="76"/>
      <c r="P3479" s="76"/>
      <c r="Q3479" s="65"/>
      <c r="R3479" s="76"/>
      <c r="S3479" s="76"/>
      <c r="T3479" s="76"/>
      <c r="U3479" s="76"/>
      <c r="V3479" s="76"/>
      <c r="W3479" s="76"/>
      <c r="X3479" s="76"/>
      <c r="Y3479" s="76"/>
      <c r="Z3479" s="76"/>
      <c r="AA3479" s="85"/>
      <c r="AB3479" s="85"/>
      <c r="AC3479" s="85"/>
      <c r="AD3479" s="85"/>
      <c r="AE3479" s="85"/>
      <c r="AF3479" s="85"/>
      <c r="AG3479" s="86"/>
      <c r="AH3479" s="85"/>
      <c r="AI3479" s="85"/>
      <c r="AJ3479" s="85"/>
      <c r="AK3479" s="85"/>
      <c r="AL3479" s="85"/>
      <c r="AM3479" s="92"/>
      <c r="AN3479" s="92"/>
      <c r="AO3479" s="92"/>
      <c r="AP3479" s="92"/>
      <c r="AQ3479" s="92"/>
      <c r="AR3479" s="92"/>
      <c r="AS3479" s="92"/>
      <c r="AT3479" s="92"/>
      <c r="AU3479" s="92"/>
      <c r="AV3479" s="92"/>
      <c r="AW3479" s="92"/>
      <c r="AX3479" s="92"/>
      <c r="AY3479" s="92"/>
      <c r="AZ3479" s="93"/>
      <c r="BA3479" s="93"/>
      <c r="BB3479" s="93"/>
      <c r="BC3479" s="93"/>
      <c r="BD3479" s="93"/>
      <c r="BE3479" s="93"/>
      <c r="BF3479" s="93"/>
      <c r="BG3479" s="93"/>
      <c r="BH3479" s="93"/>
      <c r="BI3479" s="93"/>
      <c r="BJ3479" s="93"/>
      <c r="BK3479" s="93"/>
      <c r="BL3479" s="93"/>
    </row>
    <row r="3480" spans="2:64" x14ac:dyDescent="0.2">
      <c r="B3480" s="43"/>
      <c r="C3480" s="73"/>
      <c r="D3480" s="64"/>
      <c r="E3480" s="55"/>
      <c r="F3480" s="74"/>
      <c r="G3480" s="74"/>
      <c r="H3480" s="74"/>
      <c r="I3480" s="75"/>
      <c r="J3480" s="74"/>
      <c r="L3480" s="55"/>
      <c r="M3480" s="234"/>
      <c r="N3480" s="65"/>
      <c r="O3480" s="76"/>
      <c r="P3480" s="76"/>
      <c r="Q3480" s="65"/>
      <c r="R3480" s="76"/>
      <c r="S3480" s="76"/>
      <c r="T3480" s="76"/>
      <c r="U3480" s="76"/>
      <c r="V3480" s="76"/>
      <c r="W3480" s="76"/>
      <c r="X3480" s="76"/>
      <c r="Y3480" s="76"/>
      <c r="Z3480" s="76"/>
      <c r="AA3480" s="85"/>
      <c r="AB3480" s="85"/>
      <c r="AC3480" s="85"/>
      <c r="AD3480" s="85"/>
      <c r="AE3480" s="85"/>
      <c r="AF3480" s="85"/>
      <c r="AG3480" s="86"/>
      <c r="AH3480" s="85"/>
      <c r="AI3480" s="85"/>
      <c r="AJ3480" s="85"/>
      <c r="AK3480" s="85"/>
      <c r="AL3480" s="85"/>
      <c r="AM3480" s="92"/>
      <c r="AN3480" s="92"/>
      <c r="AO3480" s="92"/>
      <c r="AP3480" s="92"/>
      <c r="AQ3480" s="92"/>
      <c r="AR3480" s="92"/>
      <c r="AS3480" s="92"/>
      <c r="AT3480" s="92"/>
      <c r="AU3480" s="92"/>
      <c r="AV3480" s="92"/>
      <c r="AW3480" s="92"/>
      <c r="AX3480" s="92"/>
      <c r="AY3480" s="92"/>
      <c r="AZ3480" s="93"/>
      <c r="BA3480" s="93"/>
      <c r="BB3480" s="93"/>
      <c r="BC3480" s="93"/>
      <c r="BD3480" s="93"/>
      <c r="BE3480" s="93"/>
      <c r="BF3480" s="93"/>
      <c r="BG3480" s="93"/>
      <c r="BH3480" s="93"/>
      <c r="BI3480" s="93"/>
      <c r="BJ3480" s="93"/>
      <c r="BK3480" s="93"/>
      <c r="BL3480" s="93"/>
    </row>
    <row r="3481" spans="2:64" x14ac:dyDescent="0.2">
      <c r="B3481" s="43"/>
      <c r="C3481" s="73"/>
      <c r="D3481" s="64"/>
      <c r="E3481" s="55"/>
      <c r="F3481" s="74"/>
      <c r="G3481" s="74"/>
      <c r="H3481" s="74"/>
      <c r="I3481" s="75"/>
      <c r="J3481" s="74"/>
      <c r="L3481" s="55"/>
      <c r="M3481" s="234"/>
      <c r="N3481" s="65"/>
      <c r="O3481" s="76"/>
      <c r="P3481" s="76"/>
      <c r="Q3481" s="65"/>
      <c r="R3481" s="76"/>
      <c r="S3481" s="76"/>
      <c r="T3481" s="76"/>
      <c r="U3481" s="76"/>
      <c r="V3481" s="76"/>
      <c r="W3481" s="76"/>
      <c r="X3481" s="76"/>
      <c r="Y3481" s="76"/>
      <c r="Z3481" s="76"/>
      <c r="AA3481" s="85"/>
      <c r="AB3481" s="85"/>
      <c r="AC3481" s="85"/>
      <c r="AD3481" s="85"/>
      <c r="AE3481" s="85"/>
      <c r="AF3481" s="85"/>
      <c r="AG3481" s="86"/>
      <c r="AH3481" s="85"/>
      <c r="AI3481" s="85"/>
      <c r="AJ3481" s="85"/>
      <c r="AK3481" s="85"/>
      <c r="AL3481" s="85"/>
      <c r="AM3481" s="92"/>
      <c r="AN3481" s="92"/>
      <c r="AO3481" s="92"/>
      <c r="AP3481" s="92"/>
      <c r="AQ3481" s="92"/>
      <c r="AR3481" s="92"/>
      <c r="AS3481" s="92"/>
      <c r="AT3481" s="92"/>
      <c r="AU3481" s="92"/>
      <c r="AV3481" s="92"/>
      <c r="AW3481" s="92"/>
      <c r="AX3481" s="92"/>
      <c r="AY3481" s="92"/>
      <c r="AZ3481" s="93"/>
      <c r="BA3481" s="93"/>
      <c r="BB3481" s="93"/>
      <c r="BC3481" s="93"/>
      <c r="BD3481" s="93"/>
      <c r="BE3481" s="93"/>
      <c r="BF3481" s="93"/>
      <c r="BG3481" s="93"/>
      <c r="BH3481" s="93"/>
      <c r="BI3481" s="93"/>
      <c r="BJ3481" s="93"/>
      <c r="BK3481" s="93"/>
      <c r="BL3481" s="93"/>
    </row>
    <row r="3482" spans="2:64" x14ac:dyDescent="0.2">
      <c r="B3482" s="43"/>
      <c r="C3482" s="73"/>
      <c r="D3482" s="64"/>
      <c r="E3482" s="55"/>
      <c r="F3482" s="74"/>
      <c r="G3482" s="74"/>
      <c r="H3482" s="74"/>
      <c r="I3482" s="75"/>
      <c r="J3482" s="74"/>
      <c r="L3482" s="55"/>
      <c r="M3482" s="234"/>
      <c r="N3482" s="65"/>
      <c r="O3482" s="76"/>
      <c r="P3482" s="76"/>
      <c r="Q3482" s="65"/>
      <c r="R3482" s="76"/>
      <c r="S3482" s="76"/>
      <c r="T3482" s="76"/>
      <c r="U3482" s="76"/>
      <c r="V3482" s="76"/>
      <c r="W3482" s="76"/>
      <c r="X3482" s="76"/>
      <c r="Y3482" s="76"/>
      <c r="Z3482" s="76"/>
      <c r="AA3482" s="85"/>
      <c r="AB3482" s="85"/>
      <c r="AC3482" s="85"/>
      <c r="AD3482" s="85"/>
      <c r="AE3482" s="85"/>
      <c r="AF3482" s="85"/>
      <c r="AG3482" s="86"/>
      <c r="AH3482" s="85"/>
      <c r="AI3482" s="85"/>
      <c r="AJ3482" s="85"/>
      <c r="AK3482" s="85"/>
      <c r="AL3482" s="85"/>
      <c r="AM3482" s="92"/>
      <c r="AN3482" s="92"/>
      <c r="AO3482" s="92"/>
      <c r="AP3482" s="92"/>
      <c r="AQ3482" s="92"/>
      <c r="AR3482" s="92"/>
      <c r="AS3482" s="92"/>
      <c r="AT3482" s="92"/>
      <c r="AU3482" s="92"/>
      <c r="AV3482" s="92"/>
      <c r="AW3482" s="92"/>
      <c r="AX3482" s="92"/>
      <c r="AY3482" s="92"/>
      <c r="AZ3482" s="93"/>
      <c r="BA3482" s="93"/>
      <c r="BB3482" s="93"/>
      <c r="BC3482" s="93"/>
      <c r="BD3482" s="93"/>
      <c r="BE3482" s="93"/>
      <c r="BF3482" s="93"/>
      <c r="BG3482" s="93"/>
      <c r="BH3482" s="93"/>
      <c r="BI3482" s="93"/>
      <c r="BJ3482" s="93"/>
      <c r="BK3482" s="93"/>
      <c r="BL3482" s="93"/>
    </row>
    <row r="3483" spans="2:64" x14ac:dyDescent="0.2">
      <c r="B3483" s="43"/>
      <c r="C3483" s="73"/>
      <c r="D3483" s="64"/>
      <c r="E3483" s="55"/>
      <c r="F3483" s="74"/>
      <c r="G3483" s="74"/>
      <c r="H3483" s="74"/>
      <c r="I3483" s="75"/>
      <c r="J3483" s="74"/>
      <c r="L3483" s="55"/>
      <c r="M3483" s="234"/>
      <c r="N3483" s="65"/>
      <c r="O3483" s="76"/>
      <c r="P3483" s="76"/>
      <c r="Q3483" s="65"/>
      <c r="R3483" s="76"/>
      <c r="S3483" s="76"/>
      <c r="T3483" s="76"/>
      <c r="U3483" s="76"/>
      <c r="V3483" s="76"/>
      <c r="W3483" s="76"/>
      <c r="X3483" s="76"/>
      <c r="Y3483" s="76"/>
      <c r="Z3483" s="76"/>
      <c r="AA3483" s="85"/>
      <c r="AB3483" s="85"/>
      <c r="AC3483" s="85"/>
      <c r="AD3483" s="85"/>
      <c r="AE3483" s="85"/>
      <c r="AF3483" s="85"/>
      <c r="AG3483" s="86"/>
      <c r="AH3483" s="85"/>
      <c r="AI3483" s="85"/>
      <c r="AJ3483" s="85"/>
      <c r="AK3483" s="85"/>
      <c r="AL3483" s="85"/>
      <c r="AM3483" s="92"/>
      <c r="AN3483" s="92"/>
      <c r="AO3483" s="92"/>
      <c r="AP3483" s="92"/>
      <c r="AQ3483" s="92"/>
      <c r="AR3483" s="92"/>
      <c r="AS3483" s="92"/>
      <c r="AT3483" s="92"/>
      <c r="AU3483" s="92"/>
      <c r="AV3483" s="92"/>
      <c r="AW3483" s="92"/>
      <c r="AX3483" s="92"/>
      <c r="AY3483" s="92"/>
      <c r="AZ3483" s="93"/>
      <c r="BA3483" s="93"/>
      <c r="BB3483" s="93"/>
      <c r="BC3483" s="93"/>
      <c r="BD3483" s="93"/>
      <c r="BE3483" s="93"/>
      <c r="BF3483" s="93"/>
      <c r="BG3483" s="93"/>
      <c r="BH3483" s="93"/>
      <c r="BI3483" s="93"/>
      <c r="BJ3483" s="93"/>
      <c r="BK3483" s="93"/>
      <c r="BL3483" s="93"/>
    </row>
    <row r="3484" spans="2:64" x14ac:dyDescent="0.2">
      <c r="B3484" s="43"/>
      <c r="C3484" s="73"/>
      <c r="D3484" s="64"/>
      <c r="E3484" s="55"/>
      <c r="F3484" s="74"/>
      <c r="G3484" s="74"/>
      <c r="H3484" s="74"/>
      <c r="I3484" s="75"/>
      <c r="J3484" s="74"/>
      <c r="L3484" s="55"/>
      <c r="M3484" s="234"/>
      <c r="N3484" s="65"/>
      <c r="O3484" s="76"/>
      <c r="P3484" s="76"/>
      <c r="Q3484" s="65"/>
      <c r="R3484" s="76"/>
      <c r="S3484" s="76"/>
      <c r="T3484" s="76"/>
      <c r="U3484" s="76"/>
      <c r="V3484" s="76"/>
      <c r="W3484" s="76"/>
      <c r="X3484" s="76"/>
      <c r="Y3484" s="76"/>
      <c r="Z3484" s="76"/>
      <c r="AA3484" s="85"/>
      <c r="AB3484" s="85"/>
      <c r="AC3484" s="85"/>
      <c r="AD3484" s="85"/>
      <c r="AE3484" s="85"/>
      <c r="AF3484" s="85"/>
      <c r="AG3484" s="86"/>
      <c r="AH3484" s="85"/>
      <c r="AI3484" s="85"/>
      <c r="AJ3484" s="85"/>
      <c r="AK3484" s="85"/>
      <c r="AL3484" s="85"/>
      <c r="AM3484" s="92"/>
      <c r="AN3484" s="92"/>
      <c r="AO3484" s="92"/>
      <c r="AP3484" s="92"/>
      <c r="AQ3484" s="92"/>
      <c r="AR3484" s="92"/>
      <c r="AS3484" s="92"/>
      <c r="AT3484" s="92"/>
      <c r="AU3484" s="92"/>
      <c r="AV3484" s="92"/>
      <c r="AW3484" s="92"/>
      <c r="AX3484" s="92"/>
      <c r="AY3484" s="92"/>
      <c r="AZ3484" s="93"/>
      <c r="BA3484" s="93"/>
      <c r="BB3484" s="93"/>
      <c r="BC3484" s="93"/>
      <c r="BD3484" s="93"/>
      <c r="BE3484" s="93"/>
      <c r="BF3484" s="93"/>
      <c r="BG3484" s="93"/>
      <c r="BH3484" s="93"/>
      <c r="BI3484" s="93"/>
      <c r="BJ3484" s="93"/>
      <c r="BK3484" s="93"/>
      <c r="BL3484" s="93"/>
    </row>
    <row r="3485" spans="2:64" x14ac:dyDescent="0.2">
      <c r="B3485" s="43"/>
      <c r="C3485" s="73"/>
      <c r="D3485" s="64"/>
      <c r="E3485" s="55"/>
      <c r="F3485" s="74"/>
      <c r="G3485" s="74"/>
      <c r="H3485" s="74"/>
      <c r="I3485" s="75"/>
      <c r="J3485" s="74"/>
      <c r="L3485" s="55"/>
      <c r="M3485" s="234"/>
      <c r="N3485" s="65"/>
      <c r="O3485" s="76"/>
      <c r="P3485" s="76"/>
      <c r="Q3485" s="65"/>
      <c r="R3485" s="76"/>
      <c r="S3485" s="76"/>
      <c r="T3485" s="76"/>
      <c r="U3485" s="76"/>
      <c r="V3485" s="76"/>
      <c r="W3485" s="76"/>
      <c r="X3485" s="76"/>
      <c r="Y3485" s="76"/>
      <c r="Z3485" s="76"/>
      <c r="AA3485" s="85"/>
      <c r="AB3485" s="85"/>
      <c r="AC3485" s="85"/>
      <c r="AD3485" s="85"/>
      <c r="AE3485" s="85"/>
      <c r="AF3485" s="85"/>
      <c r="AG3485" s="86"/>
      <c r="AH3485" s="85"/>
      <c r="AI3485" s="85"/>
      <c r="AJ3485" s="85"/>
      <c r="AK3485" s="85"/>
      <c r="AL3485" s="85"/>
      <c r="AM3485" s="92"/>
      <c r="AN3485" s="92"/>
      <c r="AO3485" s="92"/>
      <c r="AP3485" s="92"/>
      <c r="AQ3485" s="92"/>
      <c r="AR3485" s="92"/>
      <c r="AS3485" s="92"/>
      <c r="AT3485" s="92"/>
      <c r="AU3485" s="92"/>
      <c r="AV3485" s="92"/>
      <c r="AW3485" s="92"/>
      <c r="AX3485" s="92"/>
      <c r="AY3485" s="92"/>
      <c r="AZ3485" s="93"/>
      <c r="BA3485" s="93"/>
      <c r="BB3485" s="93"/>
      <c r="BC3485" s="93"/>
      <c r="BD3485" s="93"/>
      <c r="BE3485" s="93"/>
      <c r="BF3485" s="93"/>
      <c r="BG3485" s="93"/>
      <c r="BH3485" s="93"/>
      <c r="BI3485" s="93"/>
      <c r="BJ3485" s="93"/>
      <c r="BK3485" s="93"/>
      <c r="BL3485" s="93"/>
    </row>
    <row r="3486" spans="2:64" x14ac:dyDescent="0.2">
      <c r="B3486" s="43"/>
      <c r="C3486" s="73"/>
      <c r="D3486" s="64"/>
      <c r="E3486" s="55"/>
      <c r="F3486" s="74"/>
      <c r="G3486" s="74"/>
      <c r="H3486" s="74"/>
      <c r="I3486" s="75"/>
      <c r="J3486" s="74"/>
      <c r="L3486" s="55"/>
      <c r="M3486" s="234"/>
      <c r="N3486" s="65"/>
      <c r="O3486" s="76"/>
      <c r="P3486" s="76"/>
      <c r="Q3486" s="65"/>
      <c r="R3486" s="76"/>
      <c r="S3486" s="76"/>
      <c r="T3486" s="76"/>
      <c r="U3486" s="76"/>
      <c r="V3486" s="76"/>
      <c r="W3486" s="76"/>
      <c r="X3486" s="76"/>
      <c r="Y3486" s="76"/>
      <c r="Z3486" s="76"/>
      <c r="AA3486" s="85"/>
      <c r="AB3486" s="85"/>
      <c r="AC3486" s="85"/>
      <c r="AD3486" s="85"/>
      <c r="AE3486" s="85"/>
      <c r="AF3486" s="85"/>
      <c r="AG3486" s="86"/>
      <c r="AH3486" s="85"/>
      <c r="AI3486" s="85"/>
      <c r="AJ3486" s="85"/>
      <c r="AK3486" s="85"/>
      <c r="AL3486" s="85"/>
      <c r="AM3486" s="92"/>
      <c r="AN3486" s="92"/>
      <c r="AO3486" s="92"/>
      <c r="AP3486" s="92"/>
      <c r="AQ3486" s="92"/>
      <c r="AR3486" s="92"/>
      <c r="AS3486" s="92"/>
      <c r="AT3486" s="92"/>
      <c r="AU3486" s="92"/>
      <c r="AV3486" s="92"/>
      <c r="AW3486" s="92"/>
      <c r="AX3486" s="92"/>
      <c r="AY3486" s="92"/>
      <c r="AZ3486" s="93"/>
      <c r="BA3486" s="93"/>
      <c r="BB3486" s="93"/>
      <c r="BC3486" s="93"/>
      <c r="BD3486" s="93"/>
      <c r="BE3486" s="93"/>
      <c r="BF3486" s="93"/>
      <c r="BG3486" s="93"/>
      <c r="BH3486" s="93"/>
      <c r="BI3486" s="93"/>
      <c r="BJ3486" s="93"/>
      <c r="BK3486" s="93"/>
      <c r="BL3486" s="93"/>
    </row>
    <row r="3487" spans="2:64" x14ac:dyDescent="0.2">
      <c r="B3487" s="43"/>
      <c r="C3487" s="73"/>
      <c r="D3487" s="64"/>
      <c r="E3487" s="55"/>
      <c r="F3487" s="74"/>
      <c r="G3487" s="74"/>
      <c r="H3487" s="74"/>
      <c r="I3487" s="75"/>
      <c r="J3487" s="74"/>
      <c r="L3487" s="55"/>
      <c r="M3487" s="234"/>
      <c r="N3487" s="65"/>
      <c r="O3487" s="76"/>
      <c r="P3487" s="76"/>
      <c r="Q3487" s="65"/>
      <c r="R3487" s="76"/>
      <c r="S3487" s="76"/>
      <c r="T3487" s="76"/>
      <c r="U3487" s="76"/>
      <c r="V3487" s="76"/>
      <c r="W3487" s="76"/>
      <c r="X3487" s="76"/>
      <c r="Y3487" s="76"/>
      <c r="Z3487" s="76"/>
      <c r="AA3487" s="85"/>
      <c r="AB3487" s="85"/>
      <c r="AC3487" s="85"/>
      <c r="AD3487" s="85"/>
      <c r="AE3487" s="85"/>
      <c r="AF3487" s="85"/>
      <c r="AG3487" s="86"/>
      <c r="AH3487" s="85"/>
      <c r="AI3487" s="85"/>
      <c r="AJ3487" s="85"/>
      <c r="AK3487" s="85"/>
      <c r="AL3487" s="85"/>
      <c r="AM3487" s="92"/>
      <c r="AN3487" s="92"/>
      <c r="AO3487" s="92"/>
      <c r="AP3487" s="92"/>
      <c r="AQ3487" s="92"/>
      <c r="AR3487" s="92"/>
      <c r="AS3487" s="92"/>
      <c r="AT3487" s="92"/>
      <c r="AU3487" s="92"/>
      <c r="AV3487" s="92"/>
      <c r="AW3487" s="92"/>
      <c r="AX3487" s="92"/>
      <c r="AY3487" s="92"/>
      <c r="AZ3487" s="93"/>
      <c r="BA3487" s="93"/>
      <c r="BB3487" s="93"/>
      <c r="BC3487" s="93"/>
      <c r="BD3487" s="93"/>
      <c r="BE3487" s="93"/>
      <c r="BF3487" s="93"/>
      <c r="BG3487" s="93"/>
      <c r="BH3487" s="93"/>
      <c r="BI3487" s="93"/>
      <c r="BJ3487" s="93"/>
      <c r="BK3487" s="93"/>
      <c r="BL3487" s="93"/>
    </row>
    <row r="3488" spans="2:64" x14ac:dyDescent="0.2">
      <c r="B3488" s="43"/>
      <c r="C3488" s="73"/>
      <c r="D3488" s="64"/>
      <c r="E3488" s="55"/>
      <c r="F3488" s="74"/>
      <c r="G3488" s="74"/>
      <c r="H3488" s="74"/>
      <c r="I3488" s="75"/>
      <c r="J3488" s="74"/>
      <c r="L3488" s="55"/>
      <c r="M3488" s="234"/>
      <c r="N3488" s="65"/>
      <c r="O3488" s="76"/>
      <c r="P3488" s="76"/>
      <c r="Q3488" s="65"/>
      <c r="R3488" s="76"/>
      <c r="S3488" s="76"/>
      <c r="T3488" s="76"/>
      <c r="U3488" s="76"/>
      <c r="V3488" s="76"/>
      <c r="W3488" s="76"/>
      <c r="X3488" s="76"/>
      <c r="Y3488" s="76"/>
      <c r="Z3488" s="76"/>
      <c r="AA3488" s="85"/>
      <c r="AB3488" s="85"/>
      <c r="AC3488" s="85"/>
      <c r="AD3488" s="85"/>
      <c r="AE3488" s="85"/>
      <c r="AF3488" s="85"/>
      <c r="AG3488" s="86"/>
      <c r="AH3488" s="85"/>
      <c r="AI3488" s="85"/>
      <c r="AJ3488" s="85"/>
      <c r="AK3488" s="85"/>
      <c r="AL3488" s="85"/>
      <c r="AM3488" s="92"/>
      <c r="AN3488" s="92"/>
      <c r="AO3488" s="92"/>
      <c r="AP3488" s="92"/>
      <c r="AQ3488" s="92"/>
      <c r="AR3488" s="92"/>
      <c r="AS3488" s="92"/>
      <c r="AT3488" s="92"/>
      <c r="AU3488" s="92"/>
      <c r="AV3488" s="92"/>
      <c r="AW3488" s="92"/>
      <c r="AX3488" s="92"/>
      <c r="AY3488" s="92"/>
      <c r="AZ3488" s="93"/>
      <c r="BA3488" s="93"/>
      <c r="BB3488" s="93"/>
      <c r="BC3488" s="93"/>
      <c r="BD3488" s="93"/>
      <c r="BE3488" s="93"/>
      <c r="BF3488" s="93"/>
      <c r="BG3488" s="93"/>
      <c r="BH3488" s="93"/>
      <c r="BI3488" s="93"/>
      <c r="BJ3488" s="93"/>
      <c r="BK3488" s="93"/>
      <c r="BL3488" s="93"/>
    </row>
    <row r="3489" spans="2:64" x14ac:dyDescent="0.2">
      <c r="B3489" s="43"/>
      <c r="C3489" s="73"/>
      <c r="D3489" s="64"/>
      <c r="E3489" s="55"/>
      <c r="F3489" s="74"/>
      <c r="G3489" s="74"/>
      <c r="H3489" s="74"/>
      <c r="I3489" s="75"/>
      <c r="J3489" s="74"/>
      <c r="L3489" s="55"/>
      <c r="M3489" s="234"/>
      <c r="N3489" s="65"/>
      <c r="O3489" s="76"/>
      <c r="P3489" s="76"/>
      <c r="Q3489" s="65"/>
      <c r="R3489" s="76"/>
      <c r="S3489" s="76"/>
      <c r="T3489" s="76"/>
      <c r="U3489" s="76"/>
      <c r="V3489" s="76"/>
      <c r="W3489" s="76"/>
      <c r="X3489" s="76"/>
      <c r="Y3489" s="76"/>
      <c r="Z3489" s="76"/>
      <c r="AA3489" s="85"/>
      <c r="AB3489" s="85"/>
      <c r="AC3489" s="85"/>
      <c r="AD3489" s="85"/>
      <c r="AE3489" s="85"/>
      <c r="AF3489" s="85"/>
      <c r="AG3489" s="86"/>
      <c r="AH3489" s="85"/>
      <c r="AI3489" s="85"/>
      <c r="AJ3489" s="85"/>
      <c r="AK3489" s="85"/>
      <c r="AL3489" s="85"/>
      <c r="AM3489" s="92"/>
      <c r="AN3489" s="92"/>
      <c r="AO3489" s="92"/>
      <c r="AP3489" s="92"/>
      <c r="AQ3489" s="92"/>
      <c r="AR3489" s="92"/>
      <c r="AS3489" s="92"/>
      <c r="AT3489" s="92"/>
      <c r="AU3489" s="92"/>
      <c r="AV3489" s="92"/>
      <c r="AW3489" s="92"/>
      <c r="AX3489" s="92"/>
      <c r="AY3489" s="92"/>
      <c r="AZ3489" s="93"/>
      <c r="BA3489" s="93"/>
      <c r="BB3489" s="93"/>
      <c r="BC3489" s="93"/>
      <c r="BD3489" s="93"/>
      <c r="BE3489" s="93"/>
      <c r="BF3489" s="93"/>
      <c r="BG3489" s="93"/>
      <c r="BH3489" s="93"/>
      <c r="BI3489" s="93"/>
      <c r="BJ3489" s="93"/>
      <c r="BK3489" s="93"/>
      <c r="BL3489" s="93"/>
    </row>
    <row r="3490" spans="2:64" x14ac:dyDescent="0.2">
      <c r="B3490" s="43"/>
      <c r="C3490" s="73"/>
      <c r="D3490" s="64"/>
      <c r="E3490" s="55"/>
      <c r="F3490" s="74"/>
      <c r="G3490" s="74"/>
      <c r="H3490" s="74"/>
      <c r="I3490" s="75"/>
      <c r="J3490" s="74"/>
      <c r="L3490" s="55"/>
      <c r="M3490" s="234"/>
      <c r="N3490" s="65"/>
      <c r="O3490" s="76"/>
      <c r="P3490" s="76"/>
      <c r="Q3490" s="65"/>
      <c r="R3490" s="76"/>
      <c r="S3490" s="76"/>
      <c r="T3490" s="76"/>
      <c r="U3490" s="76"/>
      <c r="V3490" s="76"/>
      <c r="W3490" s="76"/>
      <c r="X3490" s="76"/>
      <c r="Y3490" s="76"/>
      <c r="Z3490" s="76"/>
      <c r="AA3490" s="85"/>
      <c r="AB3490" s="85"/>
      <c r="AC3490" s="85"/>
      <c r="AD3490" s="85"/>
      <c r="AE3490" s="85"/>
      <c r="AF3490" s="85"/>
      <c r="AG3490" s="86"/>
      <c r="AH3490" s="85"/>
      <c r="AI3490" s="85"/>
      <c r="AJ3490" s="85"/>
      <c r="AK3490" s="85"/>
      <c r="AL3490" s="85"/>
      <c r="AM3490" s="92"/>
      <c r="AN3490" s="92"/>
      <c r="AO3490" s="92"/>
      <c r="AP3490" s="92"/>
      <c r="AQ3490" s="92"/>
      <c r="AR3490" s="92"/>
      <c r="AS3490" s="92"/>
      <c r="AT3490" s="92"/>
      <c r="AU3490" s="92"/>
      <c r="AV3490" s="92"/>
      <c r="AW3490" s="92"/>
      <c r="AX3490" s="92"/>
      <c r="AY3490" s="92"/>
      <c r="AZ3490" s="93"/>
      <c r="BA3490" s="93"/>
      <c r="BB3490" s="93"/>
      <c r="BC3490" s="93"/>
      <c r="BD3490" s="93"/>
      <c r="BE3490" s="93"/>
      <c r="BF3490" s="93"/>
      <c r="BG3490" s="93"/>
      <c r="BH3490" s="93"/>
      <c r="BI3490" s="93"/>
      <c r="BJ3490" s="93"/>
      <c r="BK3490" s="93"/>
      <c r="BL3490" s="93"/>
    </row>
    <row r="3491" spans="2:64" x14ac:dyDescent="0.2">
      <c r="B3491" s="43"/>
      <c r="C3491" s="73"/>
      <c r="D3491" s="64"/>
      <c r="E3491" s="55"/>
      <c r="F3491" s="74"/>
      <c r="G3491" s="74"/>
      <c r="H3491" s="74"/>
      <c r="I3491" s="75"/>
      <c r="J3491" s="74"/>
      <c r="L3491" s="55"/>
      <c r="M3491" s="234"/>
      <c r="N3491" s="65"/>
      <c r="O3491" s="76"/>
      <c r="P3491" s="76"/>
      <c r="Q3491" s="65"/>
      <c r="R3491" s="76"/>
      <c r="S3491" s="76"/>
      <c r="T3491" s="76"/>
      <c r="U3491" s="76"/>
      <c r="V3491" s="76"/>
      <c r="W3491" s="76"/>
      <c r="X3491" s="76"/>
      <c r="Y3491" s="76"/>
      <c r="Z3491" s="76"/>
      <c r="AA3491" s="85"/>
      <c r="AB3491" s="85"/>
      <c r="AC3491" s="85"/>
      <c r="AD3491" s="85"/>
      <c r="AE3491" s="85"/>
      <c r="AF3491" s="85"/>
      <c r="AG3491" s="86"/>
      <c r="AH3491" s="85"/>
      <c r="AI3491" s="85"/>
      <c r="AJ3491" s="85"/>
      <c r="AK3491" s="85"/>
      <c r="AL3491" s="85"/>
      <c r="AM3491" s="92"/>
      <c r="AN3491" s="92"/>
      <c r="AO3491" s="92"/>
      <c r="AP3491" s="92"/>
      <c r="AQ3491" s="92"/>
      <c r="AR3491" s="92"/>
      <c r="AS3491" s="92"/>
      <c r="AT3491" s="92"/>
      <c r="AU3491" s="92"/>
      <c r="AV3491" s="92"/>
      <c r="AW3491" s="92"/>
      <c r="AX3491" s="92"/>
      <c r="AY3491" s="92"/>
      <c r="AZ3491" s="93"/>
      <c r="BA3491" s="93"/>
      <c r="BB3491" s="93"/>
      <c r="BC3491" s="93"/>
      <c r="BD3491" s="93"/>
      <c r="BE3491" s="93"/>
      <c r="BF3491" s="93"/>
      <c r="BG3491" s="93"/>
      <c r="BH3491" s="93"/>
      <c r="BI3491" s="93"/>
      <c r="BJ3491" s="93"/>
      <c r="BK3491" s="93"/>
      <c r="BL3491" s="93"/>
    </row>
    <row r="3492" spans="2:64" x14ac:dyDescent="0.2">
      <c r="B3492" s="43"/>
      <c r="C3492" s="73"/>
      <c r="D3492" s="64"/>
      <c r="E3492" s="55"/>
      <c r="F3492" s="74"/>
      <c r="G3492" s="74"/>
      <c r="H3492" s="74"/>
      <c r="I3492" s="75"/>
      <c r="J3492" s="74"/>
      <c r="L3492" s="55"/>
      <c r="M3492" s="234"/>
      <c r="N3492" s="65"/>
      <c r="O3492" s="76"/>
      <c r="P3492" s="76"/>
      <c r="Q3492" s="65"/>
      <c r="R3492" s="76"/>
      <c r="S3492" s="76"/>
      <c r="T3492" s="76"/>
      <c r="U3492" s="76"/>
      <c r="V3492" s="76"/>
      <c r="W3492" s="76"/>
      <c r="X3492" s="76"/>
      <c r="Y3492" s="76"/>
      <c r="Z3492" s="76"/>
      <c r="AA3492" s="85"/>
      <c r="AB3492" s="85"/>
      <c r="AC3492" s="85"/>
      <c r="AD3492" s="85"/>
      <c r="AE3492" s="85"/>
      <c r="AF3492" s="85"/>
      <c r="AG3492" s="86"/>
      <c r="AH3492" s="85"/>
      <c r="AI3492" s="85"/>
      <c r="AJ3492" s="85"/>
      <c r="AK3492" s="85"/>
      <c r="AL3492" s="85"/>
      <c r="AM3492" s="92"/>
      <c r="AN3492" s="92"/>
      <c r="AO3492" s="92"/>
      <c r="AP3492" s="92"/>
      <c r="AQ3492" s="92"/>
      <c r="AR3492" s="92"/>
      <c r="AS3492" s="92"/>
      <c r="AT3492" s="92"/>
      <c r="AU3492" s="92"/>
      <c r="AV3492" s="92"/>
      <c r="AW3492" s="92"/>
      <c r="AX3492" s="92"/>
      <c r="AY3492" s="92"/>
      <c r="AZ3492" s="93"/>
      <c r="BA3492" s="93"/>
      <c r="BB3492" s="93"/>
      <c r="BC3492" s="93"/>
      <c r="BD3492" s="93"/>
      <c r="BE3492" s="93"/>
      <c r="BF3492" s="93"/>
      <c r="BG3492" s="93"/>
      <c r="BH3492" s="93"/>
      <c r="BI3492" s="93"/>
      <c r="BJ3492" s="93"/>
      <c r="BK3492" s="93"/>
      <c r="BL3492" s="93"/>
    </row>
    <row r="3493" spans="2:64" x14ac:dyDescent="0.2">
      <c r="B3493" s="43"/>
      <c r="C3493" s="73"/>
      <c r="D3493" s="64"/>
      <c r="E3493" s="55"/>
      <c r="F3493" s="74"/>
      <c r="G3493" s="74"/>
      <c r="H3493" s="74"/>
      <c r="I3493" s="75"/>
      <c r="J3493" s="74"/>
      <c r="L3493" s="55"/>
      <c r="M3493" s="234"/>
      <c r="N3493" s="65"/>
      <c r="O3493" s="76"/>
      <c r="P3493" s="76"/>
      <c r="Q3493" s="65"/>
      <c r="R3493" s="76"/>
      <c r="S3493" s="76"/>
      <c r="T3493" s="76"/>
      <c r="U3493" s="76"/>
      <c r="V3493" s="76"/>
      <c r="W3493" s="76"/>
      <c r="X3493" s="76"/>
      <c r="Y3493" s="76"/>
      <c r="Z3493" s="76"/>
      <c r="AA3493" s="85"/>
      <c r="AB3493" s="85"/>
      <c r="AC3493" s="85"/>
      <c r="AD3493" s="85"/>
      <c r="AE3493" s="85"/>
      <c r="AF3493" s="85"/>
      <c r="AG3493" s="86"/>
      <c r="AH3493" s="85"/>
      <c r="AI3493" s="85"/>
      <c r="AJ3493" s="85"/>
      <c r="AK3493" s="85"/>
      <c r="AL3493" s="85"/>
      <c r="AM3493" s="92"/>
      <c r="AN3493" s="92"/>
      <c r="AO3493" s="92"/>
      <c r="AP3493" s="92"/>
      <c r="AQ3493" s="92"/>
      <c r="AR3493" s="92"/>
      <c r="AS3493" s="92"/>
      <c r="AT3493" s="92"/>
      <c r="AU3493" s="92"/>
      <c r="AV3493" s="92"/>
      <c r="AW3493" s="92"/>
      <c r="AX3493" s="92"/>
      <c r="AY3493" s="92"/>
      <c r="AZ3493" s="93"/>
      <c r="BA3493" s="93"/>
      <c r="BB3493" s="93"/>
      <c r="BC3493" s="93"/>
      <c r="BD3493" s="93"/>
      <c r="BE3493" s="93"/>
      <c r="BF3493" s="93"/>
      <c r="BG3493" s="93"/>
      <c r="BH3493" s="93"/>
      <c r="BI3493" s="93"/>
      <c r="BJ3493" s="93"/>
      <c r="BK3493" s="93"/>
      <c r="BL3493" s="93"/>
    </row>
    <row r="3494" spans="2:64" x14ac:dyDescent="0.2">
      <c r="B3494" s="43"/>
      <c r="C3494" s="73"/>
      <c r="D3494" s="64"/>
      <c r="E3494" s="55"/>
      <c r="F3494" s="74"/>
      <c r="G3494" s="74"/>
      <c r="H3494" s="74"/>
      <c r="I3494" s="75"/>
      <c r="J3494" s="74"/>
      <c r="L3494" s="55"/>
      <c r="M3494" s="234"/>
      <c r="N3494" s="65"/>
      <c r="O3494" s="76"/>
      <c r="P3494" s="76"/>
      <c r="Q3494" s="65"/>
      <c r="R3494" s="76"/>
      <c r="S3494" s="76"/>
      <c r="T3494" s="76"/>
      <c r="U3494" s="76"/>
      <c r="V3494" s="76"/>
      <c r="W3494" s="76"/>
      <c r="X3494" s="76"/>
      <c r="Y3494" s="76"/>
      <c r="Z3494" s="76"/>
      <c r="AA3494" s="85"/>
      <c r="AB3494" s="85"/>
      <c r="AC3494" s="85"/>
      <c r="AD3494" s="85"/>
      <c r="AE3494" s="85"/>
      <c r="AF3494" s="85"/>
      <c r="AG3494" s="86"/>
      <c r="AH3494" s="85"/>
      <c r="AI3494" s="85"/>
      <c r="AJ3494" s="85"/>
      <c r="AK3494" s="85"/>
      <c r="AL3494" s="85"/>
      <c r="AM3494" s="92"/>
      <c r="AN3494" s="92"/>
      <c r="AO3494" s="92"/>
      <c r="AP3494" s="92"/>
      <c r="AQ3494" s="92"/>
      <c r="AR3494" s="92"/>
      <c r="AS3494" s="92"/>
      <c r="AT3494" s="92"/>
      <c r="AU3494" s="92"/>
      <c r="AV3494" s="92"/>
      <c r="AW3494" s="92"/>
      <c r="AX3494" s="92"/>
      <c r="AY3494" s="92"/>
      <c r="AZ3494" s="93"/>
      <c r="BA3494" s="93"/>
      <c r="BB3494" s="93"/>
      <c r="BC3494" s="93"/>
      <c r="BD3494" s="93"/>
      <c r="BE3494" s="93"/>
      <c r="BF3494" s="93"/>
      <c r="BG3494" s="93"/>
      <c r="BH3494" s="93"/>
      <c r="BI3494" s="93"/>
      <c r="BJ3494" s="93"/>
      <c r="BK3494" s="93"/>
      <c r="BL3494" s="93"/>
    </row>
    <row r="3495" spans="2:64" x14ac:dyDescent="0.2">
      <c r="B3495" s="43"/>
      <c r="C3495" s="73"/>
      <c r="D3495" s="64"/>
      <c r="E3495" s="55"/>
      <c r="F3495" s="74"/>
      <c r="G3495" s="74"/>
      <c r="H3495" s="74"/>
      <c r="I3495" s="75"/>
      <c r="J3495" s="74"/>
      <c r="L3495" s="55"/>
      <c r="M3495" s="234"/>
      <c r="N3495" s="65"/>
      <c r="O3495" s="76"/>
      <c r="P3495" s="76"/>
      <c r="Q3495" s="65"/>
      <c r="R3495" s="76"/>
      <c r="S3495" s="76"/>
      <c r="T3495" s="76"/>
      <c r="U3495" s="76"/>
      <c r="V3495" s="76"/>
      <c r="W3495" s="76"/>
      <c r="X3495" s="76"/>
      <c r="Y3495" s="76"/>
      <c r="Z3495" s="76"/>
      <c r="AA3495" s="85"/>
      <c r="AB3495" s="85"/>
      <c r="AC3495" s="85"/>
      <c r="AD3495" s="85"/>
      <c r="AE3495" s="85"/>
      <c r="AF3495" s="85"/>
      <c r="AG3495" s="86"/>
      <c r="AH3495" s="85"/>
      <c r="AI3495" s="85"/>
      <c r="AJ3495" s="85"/>
      <c r="AK3495" s="85"/>
      <c r="AL3495" s="85"/>
      <c r="AM3495" s="92"/>
      <c r="AN3495" s="92"/>
      <c r="AO3495" s="92"/>
      <c r="AP3495" s="92"/>
      <c r="AQ3495" s="92"/>
      <c r="AR3495" s="92"/>
      <c r="AS3495" s="92"/>
      <c r="AT3495" s="92"/>
      <c r="AU3495" s="92"/>
      <c r="AV3495" s="92"/>
      <c r="AW3495" s="92"/>
      <c r="AX3495" s="92"/>
      <c r="AY3495" s="92"/>
      <c r="AZ3495" s="93"/>
      <c r="BA3495" s="93"/>
      <c r="BB3495" s="93"/>
      <c r="BC3495" s="93"/>
      <c r="BD3495" s="93"/>
      <c r="BE3495" s="93"/>
      <c r="BF3495" s="93"/>
      <c r="BG3495" s="93"/>
      <c r="BH3495" s="93"/>
      <c r="BI3495" s="93"/>
      <c r="BJ3495" s="93"/>
      <c r="BK3495" s="93"/>
      <c r="BL3495" s="93"/>
    </row>
    <row r="3496" spans="2:64" x14ac:dyDescent="0.2">
      <c r="B3496" s="43"/>
      <c r="C3496" s="73"/>
      <c r="D3496" s="64"/>
      <c r="E3496" s="55"/>
      <c r="F3496" s="74"/>
      <c r="G3496" s="74"/>
      <c r="H3496" s="74"/>
      <c r="I3496" s="75"/>
      <c r="J3496" s="74"/>
      <c r="L3496" s="55"/>
      <c r="M3496" s="234"/>
      <c r="N3496" s="65"/>
      <c r="O3496" s="76"/>
      <c r="P3496" s="76"/>
      <c r="Q3496" s="65"/>
      <c r="R3496" s="76"/>
      <c r="S3496" s="76"/>
      <c r="T3496" s="76"/>
      <c r="U3496" s="76"/>
      <c r="V3496" s="76"/>
      <c r="W3496" s="76"/>
      <c r="X3496" s="76"/>
      <c r="Y3496" s="76"/>
      <c r="Z3496" s="76"/>
      <c r="AA3496" s="85"/>
      <c r="AB3496" s="85"/>
      <c r="AC3496" s="85"/>
      <c r="AD3496" s="85"/>
      <c r="AE3496" s="85"/>
      <c r="AF3496" s="85"/>
      <c r="AG3496" s="86"/>
      <c r="AH3496" s="85"/>
      <c r="AI3496" s="85"/>
      <c r="AJ3496" s="85"/>
      <c r="AK3496" s="85"/>
      <c r="AL3496" s="85"/>
      <c r="AM3496" s="92"/>
      <c r="AN3496" s="92"/>
      <c r="AO3496" s="92"/>
      <c r="AP3496" s="92"/>
      <c r="AQ3496" s="92"/>
      <c r="AR3496" s="92"/>
      <c r="AS3496" s="92"/>
      <c r="AT3496" s="92"/>
      <c r="AU3496" s="92"/>
      <c r="AV3496" s="92"/>
      <c r="AW3496" s="92"/>
      <c r="AX3496" s="92"/>
      <c r="AY3496" s="92"/>
      <c r="AZ3496" s="93"/>
      <c r="BA3496" s="93"/>
      <c r="BB3496" s="93"/>
      <c r="BC3496" s="93"/>
      <c r="BD3496" s="93"/>
      <c r="BE3496" s="93"/>
      <c r="BF3496" s="93"/>
      <c r="BG3496" s="93"/>
      <c r="BH3496" s="93"/>
      <c r="BI3496" s="93"/>
      <c r="BJ3496" s="93"/>
      <c r="BK3496" s="93"/>
      <c r="BL3496" s="93"/>
    </row>
    <row r="3497" spans="2:64" x14ac:dyDescent="0.2">
      <c r="B3497" s="43"/>
      <c r="C3497" s="73"/>
      <c r="D3497" s="64"/>
      <c r="E3497" s="55"/>
      <c r="F3497" s="74"/>
      <c r="G3497" s="74"/>
      <c r="H3497" s="74"/>
      <c r="I3497" s="75"/>
      <c r="J3497" s="74"/>
      <c r="L3497" s="55"/>
      <c r="M3497" s="234"/>
      <c r="N3497" s="65"/>
      <c r="O3497" s="76"/>
      <c r="P3497" s="76"/>
      <c r="Q3497" s="65"/>
      <c r="R3497" s="76"/>
      <c r="S3497" s="76"/>
      <c r="T3497" s="76"/>
      <c r="U3497" s="76"/>
      <c r="V3497" s="76"/>
      <c r="W3497" s="76"/>
      <c r="X3497" s="76"/>
      <c r="Y3497" s="76"/>
      <c r="Z3497" s="76"/>
      <c r="AA3497" s="85"/>
      <c r="AB3497" s="85"/>
      <c r="AC3497" s="85"/>
      <c r="AD3497" s="85"/>
      <c r="AE3497" s="85"/>
      <c r="AF3497" s="85"/>
      <c r="AG3497" s="86"/>
      <c r="AH3497" s="85"/>
      <c r="AI3497" s="85"/>
      <c r="AJ3497" s="85"/>
      <c r="AK3497" s="85"/>
      <c r="AL3497" s="85"/>
      <c r="AM3497" s="92"/>
      <c r="AN3497" s="92"/>
      <c r="AO3497" s="92"/>
      <c r="AP3497" s="92"/>
      <c r="AQ3497" s="92"/>
      <c r="AR3497" s="92"/>
      <c r="AS3497" s="92"/>
      <c r="AT3497" s="92"/>
      <c r="AU3497" s="92"/>
      <c r="AV3497" s="92"/>
      <c r="AW3497" s="92"/>
      <c r="AX3497" s="92"/>
      <c r="AY3497" s="92"/>
      <c r="AZ3497" s="93"/>
      <c r="BA3497" s="93"/>
      <c r="BB3497" s="93"/>
      <c r="BC3497" s="93"/>
      <c r="BD3497" s="93"/>
      <c r="BE3497" s="93"/>
      <c r="BF3497" s="93"/>
      <c r="BG3497" s="93"/>
      <c r="BH3497" s="93"/>
      <c r="BI3497" s="93"/>
      <c r="BJ3497" s="93"/>
      <c r="BK3497" s="93"/>
      <c r="BL3497" s="93"/>
    </row>
    <row r="3498" spans="2:64" x14ac:dyDescent="0.2">
      <c r="B3498" s="43"/>
      <c r="C3498" s="73"/>
      <c r="D3498" s="64"/>
      <c r="E3498" s="55"/>
      <c r="F3498" s="74"/>
      <c r="G3498" s="74"/>
      <c r="H3498" s="74"/>
      <c r="I3498" s="75"/>
      <c r="J3498" s="74"/>
      <c r="L3498" s="55"/>
      <c r="M3498" s="234"/>
      <c r="N3498" s="65"/>
      <c r="O3498" s="76"/>
      <c r="P3498" s="76"/>
      <c r="Q3498" s="65"/>
      <c r="R3498" s="76"/>
      <c r="S3498" s="76"/>
      <c r="T3498" s="76"/>
      <c r="U3498" s="76"/>
      <c r="V3498" s="76"/>
      <c r="W3498" s="76"/>
      <c r="X3498" s="76"/>
      <c r="Y3498" s="76"/>
      <c r="Z3498" s="76"/>
      <c r="AA3498" s="85"/>
      <c r="AB3498" s="85"/>
      <c r="AC3498" s="85"/>
      <c r="AD3498" s="85"/>
      <c r="AE3498" s="85"/>
      <c r="AF3498" s="85"/>
      <c r="AG3498" s="86"/>
      <c r="AH3498" s="85"/>
      <c r="AI3498" s="85"/>
      <c r="AJ3498" s="85"/>
      <c r="AK3498" s="85"/>
      <c r="AL3498" s="85"/>
      <c r="AM3498" s="92"/>
      <c r="AN3498" s="92"/>
      <c r="AO3498" s="92"/>
      <c r="AP3498" s="92"/>
      <c r="AQ3498" s="92"/>
      <c r="AR3498" s="92"/>
      <c r="AS3498" s="92"/>
      <c r="AT3498" s="92"/>
      <c r="AU3498" s="92"/>
      <c r="AV3498" s="92"/>
      <c r="AW3498" s="92"/>
      <c r="AX3498" s="92"/>
      <c r="AY3498" s="92"/>
      <c r="AZ3498" s="93"/>
      <c r="BA3498" s="93"/>
      <c r="BB3498" s="93"/>
      <c r="BC3498" s="93"/>
      <c r="BD3498" s="93"/>
      <c r="BE3498" s="93"/>
      <c r="BF3498" s="93"/>
      <c r="BG3498" s="93"/>
      <c r="BH3498" s="93"/>
      <c r="BI3498" s="93"/>
      <c r="BJ3498" s="93"/>
      <c r="BK3498" s="93"/>
      <c r="BL3498" s="93"/>
    </row>
    <row r="3499" spans="2:64" x14ac:dyDescent="0.2">
      <c r="B3499" s="43"/>
      <c r="C3499" s="73"/>
      <c r="D3499" s="64"/>
      <c r="E3499" s="55"/>
      <c r="F3499" s="74"/>
      <c r="G3499" s="74"/>
      <c r="H3499" s="74"/>
      <c r="I3499" s="75"/>
      <c r="J3499" s="74"/>
      <c r="L3499" s="55"/>
      <c r="M3499" s="234"/>
      <c r="N3499" s="65"/>
      <c r="O3499" s="76"/>
      <c r="P3499" s="76"/>
      <c r="Q3499" s="65"/>
      <c r="R3499" s="76"/>
      <c r="S3499" s="76"/>
      <c r="T3499" s="76"/>
      <c r="U3499" s="76"/>
      <c r="V3499" s="76"/>
      <c r="W3499" s="76"/>
      <c r="X3499" s="76"/>
      <c r="Y3499" s="76"/>
      <c r="Z3499" s="76"/>
      <c r="AA3499" s="85"/>
      <c r="AB3499" s="85"/>
      <c r="AC3499" s="85"/>
      <c r="AD3499" s="85"/>
      <c r="AE3499" s="85"/>
      <c r="AF3499" s="85"/>
      <c r="AG3499" s="86"/>
      <c r="AH3499" s="85"/>
      <c r="AI3499" s="85"/>
      <c r="AJ3499" s="85"/>
      <c r="AK3499" s="85"/>
      <c r="AL3499" s="85"/>
      <c r="AM3499" s="92"/>
      <c r="AN3499" s="92"/>
      <c r="AO3499" s="92"/>
      <c r="AP3499" s="92"/>
      <c r="AQ3499" s="92"/>
      <c r="AR3499" s="92"/>
      <c r="AS3499" s="92"/>
      <c r="AT3499" s="92"/>
      <c r="AU3499" s="92"/>
      <c r="AV3499" s="92"/>
      <c r="AW3499" s="92"/>
      <c r="AX3499" s="92"/>
      <c r="AY3499" s="92"/>
      <c r="AZ3499" s="93"/>
      <c r="BA3499" s="93"/>
      <c r="BB3499" s="93"/>
      <c r="BC3499" s="93"/>
      <c r="BD3499" s="93"/>
      <c r="BE3499" s="93"/>
      <c r="BF3499" s="93"/>
      <c r="BG3499" s="93"/>
      <c r="BH3499" s="93"/>
      <c r="BI3499" s="93"/>
      <c r="BJ3499" s="93"/>
      <c r="BK3499" s="93"/>
      <c r="BL3499" s="93"/>
    </row>
    <row r="3500" spans="2:64" x14ac:dyDescent="0.2">
      <c r="B3500" s="43"/>
      <c r="C3500" s="73"/>
      <c r="D3500" s="64"/>
      <c r="E3500" s="55"/>
      <c r="F3500" s="74"/>
      <c r="G3500" s="74"/>
      <c r="H3500" s="74"/>
      <c r="I3500" s="75"/>
      <c r="J3500" s="74"/>
      <c r="L3500" s="55"/>
      <c r="M3500" s="234"/>
      <c r="N3500" s="65"/>
      <c r="O3500" s="76"/>
      <c r="P3500" s="76"/>
      <c r="Q3500" s="65"/>
      <c r="R3500" s="76"/>
      <c r="S3500" s="76"/>
      <c r="T3500" s="76"/>
      <c r="U3500" s="76"/>
      <c r="V3500" s="76"/>
      <c r="W3500" s="76"/>
      <c r="X3500" s="76"/>
      <c r="Y3500" s="76"/>
      <c r="Z3500" s="76"/>
      <c r="AA3500" s="85"/>
      <c r="AB3500" s="85"/>
      <c r="AC3500" s="85"/>
      <c r="AD3500" s="85"/>
      <c r="AE3500" s="85"/>
      <c r="AF3500" s="85"/>
      <c r="AG3500" s="86"/>
      <c r="AH3500" s="85"/>
      <c r="AI3500" s="85"/>
      <c r="AJ3500" s="85"/>
      <c r="AK3500" s="85"/>
      <c r="AL3500" s="85"/>
      <c r="AM3500" s="92"/>
      <c r="AN3500" s="92"/>
      <c r="AO3500" s="92"/>
      <c r="AP3500" s="92"/>
      <c r="AQ3500" s="92"/>
      <c r="AR3500" s="92"/>
      <c r="AS3500" s="92"/>
      <c r="AT3500" s="92"/>
      <c r="AU3500" s="92"/>
      <c r="AV3500" s="92"/>
      <c r="AW3500" s="92"/>
      <c r="AX3500" s="92"/>
      <c r="AY3500" s="92"/>
      <c r="AZ3500" s="93"/>
      <c r="BA3500" s="93"/>
      <c r="BB3500" s="93"/>
      <c r="BC3500" s="93"/>
      <c r="BD3500" s="93"/>
      <c r="BE3500" s="93"/>
      <c r="BF3500" s="93"/>
      <c r="BG3500" s="93"/>
      <c r="BH3500" s="93"/>
      <c r="BI3500" s="93"/>
      <c r="BJ3500" s="93"/>
      <c r="BK3500" s="93"/>
      <c r="BL3500" s="93"/>
    </row>
    <row r="3501" spans="2:64" x14ac:dyDescent="0.2">
      <c r="B3501" s="43"/>
      <c r="C3501" s="73"/>
      <c r="D3501" s="64"/>
      <c r="E3501" s="55"/>
      <c r="F3501" s="74"/>
      <c r="G3501" s="74"/>
      <c r="H3501" s="74"/>
      <c r="I3501" s="75"/>
      <c r="J3501" s="74"/>
      <c r="L3501" s="55"/>
      <c r="M3501" s="234"/>
      <c r="N3501" s="65"/>
      <c r="O3501" s="76"/>
      <c r="P3501" s="76"/>
      <c r="Q3501" s="65"/>
      <c r="R3501" s="76"/>
      <c r="S3501" s="76"/>
      <c r="T3501" s="76"/>
      <c r="U3501" s="76"/>
      <c r="V3501" s="76"/>
      <c r="W3501" s="76"/>
      <c r="X3501" s="76"/>
      <c r="Y3501" s="76"/>
      <c r="Z3501" s="76"/>
      <c r="AA3501" s="85"/>
      <c r="AB3501" s="85"/>
      <c r="AC3501" s="85"/>
      <c r="AD3501" s="85"/>
      <c r="AE3501" s="85"/>
      <c r="AF3501" s="85"/>
      <c r="AG3501" s="86"/>
      <c r="AH3501" s="85"/>
      <c r="AI3501" s="85"/>
      <c r="AJ3501" s="85"/>
      <c r="AK3501" s="85"/>
      <c r="AL3501" s="85"/>
      <c r="AM3501" s="92"/>
      <c r="AN3501" s="92"/>
      <c r="AO3501" s="92"/>
      <c r="AP3501" s="92"/>
      <c r="AQ3501" s="92"/>
      <c r="AR3501" s="92"/>
      <c r="AS3501" s="92"/>
      <c r="AT3501" s="92"/>
      <c r="AU3501" s="92"/>
      <c r="AV3501" s="92"/>
      <c r="AW3501" s="92"/>
      <c r="AX3501" s="92"/>
      <c r="AY3501" s="92"/>
      <c r="AZ3501" s="93"/>
      <c r="BA3501" s="93"/>
      <c r="BB3501" s="93"/>
      <c r="BC3501" s="93"/>
      <c r="BD3501" s="93"/>
      <c r="BE3501" s="93"/>
      <c r="BF3501" s="93"/>
      <c r="BG3501" s="93"/>
      <c r="BH3501" s="93"/>
      <c r="BI3501" s="93"/>
      <c r="BJ3501" s="93"/>
      <c r="BK3501" s="93"/>
      <c r="BL3501" s="93"/>
    </row>
    <row r="3502" spans="2:64" x14ac:dyDescent="0.2">
      <c r="B3502" s="43"/>
      <c r="C3502" s="73"/>
      <c r="D3502" s="64"/>
      <c r="E3502" s="55"/>
      <c r="F3502" s="74"/>
      <c r="G3502" s="74"/>
      <c r="H3502" s="74"/>
      <c r="I3502" s="75"/>
      <c r="J3502" s="74"/>
      <c r="L3502" s="55"/>
      <c r="M3502" s="234"/>
      <c r="N3502" s="65"/>
      <c r="O3502" s="76"/>
      <c r="P3502" s="76"/>
      <c r="Q3502" s="65"/>
      <c r="R3502" s="76"/>
      <c r="S3502" s="76"/>
      <c r="T3502" s="76"/>
      <c r="U3502" s="76"/>
      <c r="V3502" s="76"/>
      <c r="W3502" s="76"/>
      <c r="X3502" s="76"/>
      <c r="Y3502" s="76"/>
      <c r="Z3502" s="76"/>
      <c r="AA3502" s="85"/>
      <c r="AB3502" s="85"/>
      <c r="AC3502" s="85"/>
      <c r="AD3502" s="85"/>
      <c r="AE3502" s="85"/>
      <c r="AF3502" s="85"/>
      <c r="AG3502" s="86"/>
      <c r="AH3502" s="85"/>
      <c r="AI3502" s="85"/>
      <c r="AJ3502" s="85"/>
      <c r="AK3502" s="85"/>
      <c r="AL3502" s="85"/>
      <c r="AM3502" s="92"/>
      <c r="AN3502" s="92"/>
      <c r="AO3502" s="92"/>
      <c r="AP3502" s="92"/>
      <c r="AQ3502" s="92"/>
      <c r="AR3502" s="92"/>
      <c r="AS3502" s="92"/>
      <c r="AT3502" s="92"/>
      <c r="AU3502" s="92"/>
      <c r="AV3502" s="92"/>
      <c r="AW3502" s="92"/>
      <c r="AX3502" s="92"/>
      <c r="AY3502" s="92"/>
      <c r="AZ3502" s="93"/>
      <c r="BA3502" s="93"/>
      <c r="BB3502" s="93"/>
      <c r="BC3502" s="93"/>
      <c r="BD3502" s="93"/>
      <c r="BE3502" s="93"/>
      <c r="BF3502" s="93"/>
      <c r="BG3502" s="93"/>
      <c r="BH3502" s="93"/>
      <c r="BI3502" s="93"/>
      <c r="BJ3502" s="93"/>
      <c r="BK3502" s="93"/>
      <c r="BL3502" s="93"/>
    </row>
    <row r="3503" spans="2:64" x14ac:dyDescent="0.2">
      <c r="B3503" s="43"/>
      <c r="C3503" s="73"/>
      <c r="D3503" s="64"/>
      <c r="E3503" s="55"/>
      <c r="F3503" s="74"/>
      <c r="G3503" s="74"/>
      <c r="H3503" s="74"/>
      <c r="I3503" s="75"/>
      <c r="J3503" s="74"/>
      <c r="L3503" s="55"/>
      <c r="M3503" s="234"/>
      <c r="N3503" s="65"/>
      <c r="O3503" s="76"/>
      <c r="P3503" s="76"/>
      <c r="Q3503" s="65"/>
      <c r="R3503" s="76"/>
      <c r="S3503" s="76"/>
      <c r="T3503" s="76"/>
      <c r="U3503" s="76"/>
      <c r="V3503" s="76"/>
      <c r="W3503" s="76"/>
      <c r="X3503" s="76"/>
      <c r="Y3503" s="76"/>
      <c r="Z3503" s="76"/>
      <c r="AA3503" s="85"/>
      <c r="AB3503" s="85"/>
      <c r="AC3503" s="85"/>
      <c r="AD3503" s="85"/>
      <c r="AE3503" s="85"/>
      <c r="AF3503" s="85"/>
      <c r="AG3503" s="86"/>
      <c r="AH3503" s="85"/>
      <c r="AI3503" s="85"/>
      <c r="AJ3503" s="85"/>
      <c r="AK3503" s="85"/>
      <c r="AL3503" s="85"/>
      <c r="AM3503" s="92"/>
      <c r="AN3503" s="92"/>
      <c r="AO3503" s="92"/>
      <c r="AP3503" s="92"/>
      <c r="AQ3503" s="92"/>
      <c r="AR3503" s="92"/>
      <c r="AS3503" s="92"/>
      <c r="AT3503" s="92"/>
      <c r="AU3503" s="92"/>
      <c r="AV3503" s="92"/>
      <c r="AW3503" s="92"/>
      <c r="AX3503" s="92"/>
      <c r="AY3503" s="92"/>
      <c r="AZ3503" s="93"/>
      <c r="BA3503" s="93"/>
      <c r="BB3503" s="93"/>
      <c r="BC3503" s="93"/>
      <c r="BD3503" s="93"/>
      <c r="BE3503" s="93"/>
      <c r="BF3503" s="93"/>
      <c r="BG3503" s="93"/>
      <c r="BH3503" s="93"/>
      <c r="BI3503" s="93"/>
      <c r="BJ3503" s="93"/>
      <c r="BK3503" s="93"/>
      <c r="BL3503" s="93"/>
    </row>
    <row r="3504" spans="2:64" x14ac:dyDescent="0.2">
      <c r="B3504" s="43"/>
      <c r="C3504" s="73"/>
      <c r="D3504" s="64"/>
      <c r="E3504" s="55"/>
      <c r="F3504" s="74"/>
      <c r="G3504" s="74"/>
      <c r="H3504" s="74"/>
      <c r="I3504" s="75"/>
      <c r="J3504" s="74"/>
      <c r="L3504" s="55"/>
      <c r="M3504" s="234"/>
      <c r="N3504" s="65"/>
      <c r="O3504" s="76"/>
      <c r="P3504" s="76"/>
      <c r="Q3504" s="65"/>
      <c r="R3504" s="76"/>
      <c r="S3504" s="76"/>
      <c r="T3504" s="76"/>
      <c r="U3504" s="76"/>
      <c r="V3504" s="76"/>
      <c r="W3504" s="76"/>
      <c r="X3504" s="76"/>
      <c r="Y3504" s="76"/>
      <c r="Z3504" s="76"/>
      <c r="AA3504" s="85"/>
      <c r="AB3504" s="85"/>
      <c r="AC3504" s="85"/>
      <c r="AD3504" s="85"/>
      <c r="AE3504" s="85"/>
      <c r="AF3504" s="85"/>
      <c r="AG3504" s="86"/>
      <c r="AH3504" s="85"/>
      <c r="AI3504" s="85"/>
      <c r="AJ3504" s="85"/>
      <c r="AK3504" s="85"/>
      <c r="AL3504" s="85"/>
      <c r="AM3504" s="92"/>
      <c r="AN3504" s="92"/>
      <c r="AO3504" s="92"/>
      <c r="AP3504" s="92"/>
      <c r="AQ3504" s="92"/>
      <c r="AR3504" s="92"/>
      <c r="AS3504" s="92"/>
      <c r="AT3504" s="92"/>
      <c r="AU3504" s="92"/>
      <c r="AV3504" s="92"/>
      <c r="AW3504" s="92"/>
      <c r="AX3504" s="92"/>
      <c r="AY3504" s="92"/>
      <c r="AZ3504" s="93"/>
      <c r="BA3504" s="93"/>
      <c r="BB3504" s="93"/>
      <c r="BC3504" s="93"/>
      <c r="BD3504" s="93"/>
      <c r="BE3504" s="93"/>
      <c r="BF3504" s="93"/>
      <c r="BG3504" s="93"/>
      <c r="BH3504" s="93"/>
      <c r="BI3504" s="93"/>
      <c r="BJ3504" s="93"/>
      <c r="BK3504" s="93"/>
      <c r="BL3504" s="93"/>
    </row>
    <row r="3505" spans="2:64" x14ac:dyDescent="0.2">
      <c r="B3505" s="43"/>
      <c r="C3505" s="73"/>
      <c r="D3505" s="64"/>
      <c r="E3505" s="55"/>
      <c r="F3505" s="74"/>
      <c r="G3505" s="74"/>
      <c r="H3505" s="74"/>
      <c r="I3505" s="75"/>
      <c r="J3505" s="74"/>
      <c r="L3505" s="55"/>
      <c r="M3505" s="234"/>
      <c r="N3505" s="65"/>
      <c r="O3505" s="76"/>
      <c r="P3505" s="76"/>
      <c r="Q3505" s="65"/>
      <c r="R3505" s="76"/>
      <c r="S3505" s="76"/>
      <c r="T3505" s="76"/>
      <c r="U3505" s="76"/>
      <c r="V3505" s="76"/>
      <c r="W3505" s="76"/>
      <c r="X3505" s="76"/>
      <c r="Y3505" s="76"/>
      <c r="Z3505" s="76"/>
      <c r="AA3505" s="85"/>
      <c r="AB3505" s="85"/>
      <c r="AC3505" s="85"/>
      <c r="AD3505" s="85"/>
      <c r="AE3505" s="85"/>
      <c r="AF3505" s="85"/>
      <c r="AG3505" s="86"/>
      <c r="AH3505" s="85"/>
      <c r="AI3505" s="85"/>
      <c r="AJ3505" s="85"/>
      <c r="AK3505" s="85"/>
      <c r="AL3505" s="85"/>
      <c r="AM3505" s="92"/>
      <c r="AN3505" s="92"/>
      <c r="AO3505" s="92"/>
      <c r="AP3505" s="92"/>
      <c r="AQ3505" s="92"/>
      <c r="AR3505" s="92"/>
      <c r="AS3505" s="92"/>
      <c r="AT3505" s="92"/>
      <c r="AU3505" s="92"/>
      <c r="AV3505" s="92"/>
      <c r="AW3505" s="92"/>
      <c r="AX3505" s="92"/>
      <c r="AY3505" s="92"/>
      <c r="AZ3505" s="93"/>
      <c r="BA3505" s="93"/>
      <c r="BB3505" s="93"/>
      <c r="BC3505" s="93"/>
      <c r="BD3505" s="93"/>
      <c r="BE3505" s="93"/>
      <c r="BF3505" s="93"/>
      <c r="BG3505" s="93"/>
      <c r="BH3505" s="93"/>
      <c r="BI3505" s="93"/>
      <c r="BJ3505" s="93"/>
      <c r="BK3505" s="93"/>
      <c r="BL3505" s="93"/>
    </row>
    <row r="3506" spans="2:64" x14ac:dyDescent="0.2">
      <c r="B3506" s="43"/>
      <c r="C3506" s="73"/>
      <c r="D3506" s="64"/>
      <c r="E3506" s="55"/>
      <c r="F3506" s="74"/>
      <c r="G3506" s="74"/>
      <c r="H3506" s="74"/>
      <c r="I3506" s="75"/>
      <c r="J3506" s="74"/>
      <c r="L3506" s="55"/>
      <c r="M3506" s="234"/>
      <c r="N3506" s="65"/>
      <c r="O3506" s="76"/>
      <c r="P3506" s="76"/>
      <c r="Q3506" s="65"/>
      <c r="R3506" s="76"/>
      <c r="S3506" s="76"/>
      <c r="T3506" s="76"/>
      <c r="U3506" s="76"/>
      <c r="V3506" s="76"/>
      <c r="W3506" s="76"/>
      <c r="X3506" s="76"/>
      <c r="Y3506" s="76"/>
      <c r="Z3506" s="76"/>
      <c r="AA3506" s="85"/>
      <c r="AB3506" s="85"/>
      <c r="AC3506" s="85"/>
      <c r="AD3506" s="85"/>
      <c r="AE3506" s="85"/>
      <c r="AF3506" s="85"/>
      <c r="AG3506" s="86"/>
      <c r="AH3506" s="85"/>
      <c r="AI3506" s="85"/>
      <c r="AJ3506" s="85"/>
      <c r="AK3506" s="85"/>
      <c r="AL3506" s="85"/>
      <c r="AM3506" s="92"/>
      <c r="AN3506" s="92"/>
      <c r="AO3506" s="92"/>
      <c r="AP3506" s="92"/>
      <c r="AQ3506" s="92"/>
      <c r="AR3506" s="92"/>
      <c r="AS3506" s="92"/>
      <c r="AT3506" s="92"/>
      <c r="AU3506" s="92"/>
      <c r="AV3506" s="92"/>
      <c r="AW3506" s="92"/>
      <c r="AX3506" s="92"/>
      <c r="AY3506" s="92"/>
      <c r="AZ3506" s="93"/>
      <c r="BA3506" s="93"/>
      <c r="BB3506" s="93"/>
      <c r="BC3506" s="93"/>
      <c r="BD3506" s="93"/>
      <c r="BE3506" s="93"/>
      <c r="BF3506" s="93"/>
      <c r="BG3506" s="93"/>
      <c r="BH3506" s="93"/>
      <c r="BI3506" s="93"/>
      <c r="BJ3506" s="93"/>
      <c r="BK3506" s="93"/>
      <c r="BL3506" s="93"/>
    </row>
    <row r="3507" spans="2:64" x14ac:dyDescent="0.2">
      <c r="B3507" s="43"/>
      <c r="C3507" s="73"/>
      <c r="D3507" s="64"/>
      <c r="E3507" s="55"/>
      <c r="F3507" s="74"/>
      <c r="G3507" s="74"/>
      <c r="H3507" s="74"/>
      <c r="I3507" s="75"/>
      <c r="J3507" s="74"/>
      <c r="L3507" s="55"/>
      <c r="M3507" s="234"/>
      <c r="N3507" s="65"/>
      <c r="O3507" s="76"/>
      <c r="P3507" s="76"/>
      <c r="Q3507" s="65"/>
      <c r="R3507" s="76"/>
      <c r="S3507" s="76"/>
      <c r="T3507" s="76"/>
      <c r="U3507" s="76"/>
      <c r="V3507" s="76"/>
      <c r="W3507" s="76"/>
      <c r="X3507" s="76"/>
      <c r="Y3507" s="76"/>
      <c r="Z3507" s="76"/>
      <c r="AA3507" s="85"/>
      <c r="AB3507" s="85"/>
      <c r="AC3507" s="85"/>
      <c r="AD3507" s="85"/>
      <c r="AE3507" s="85"/>
      <c r="AF3507" s="85"/>
      <c r="AG3507" s="86"/>
      <c r="AH3507" s="85"/>
      <c r="AI3507" s="85"/>
      <c r="AJ3507" s="85"/>
      <c r="AK3507" s="85"/>
      <c r="AL3507" s="85"/>
      <c r="AM3507" s="92"/>
      <c r="AN3507" s="92"/>
      <c r="AO3507" s="92"/>
      <c r="AP3507" s="92"/>
      <c r="AQ3507" s="92"/>
      <c r="AR3507" s="92"/>
      <c r="AS3507" s="92"/>
      <c r="AT3507" s="92"/>
      <c r="AU3507" s="92"/>
      <c r="AV3507" s="92"/>
      <c r="AW3507" s="92"/>
      <c r="AX3507" s="92"/>
      <c r="AY3507" s="92"/>
      <c r="AZ3507" s="93"/>
      <c r="BA3507" s="93"/>
      <c r="BB3507" s="93"/>
      <c r="BC3507" s="93"/>
      <c r="BD3507" s="93"/>
      <c r="BE3507" s="93"/>
      <c r="BF3507" s="93"/>
      <c r="BG3507" s="93"/>
      <c r="BH3507" s="93"/>
      <c r="BI3507" s="93"/>
      <c r="BJ3507" s="93"/>
      <c r="BK3507" s="93"/>
      <c r="BL3507" s="93"/>
    </row>
    <row r="3508" spans="2:64" x14ac:dyDescent="0.2">
      <c r="B3508" s="43"/>
      <c r="C3508" s="73"/>
      <c r="D3508" s="64"/>
      <c r="E3508" s="55"/>
      <c r="F3508" s="74"/>
      <c r="G3508" s="74"/>
      <c r="H3508" s="74"/>
      <c r="I3508" s="75"/>
      <c r="J3508" s="74"/>
      <c r="L3508" s="55"/>
      <c r="M3508" s="234"/>
      <c r="N3508" s="65"/>
      <c r="O3508" s="76"/>
      <c r="P3508" s="76"/>
      <c r="Q3508" s="65"/>
      <c r="R3508" s="76"/>
      <c r="S3508" s="76"/>
      <c r="T3508" s="76"/>
      <c r="U3508" s="76"/>
      <c r="V3508" s="76"/>
      <c r="W3508" s="76"/>
      <c r="X3508" s="76"/>
      <c r="Y3508" s="76"/>
      <c r="Z3508" s="76"/>
      <c r="AA3508" s="85"/>
      <c r="AB3508" s="85"/>
      <c r="AC3508" s="85"/>
      <c r="AD3508" s="85"/>
      <c r="AE3508" s="85"/>
      <c r="AF3508" s="85"/>
      <c r="AG3508" s="86"/>
      <c r="AH3508" s="85"/>
      <c r="AI3508" s="85"/>
      <c r="AJ3508" s="85"/>
      <c r="AK3508" s="85"/>
      <c r="AL3508" s="85"/>
      <c r="AM3508" s="92"/>
      <c r="AN3508" s="92"/>
      <c r="AO3508" s="92"/>
      <c r="AP3508" s="92"/>
      <c r="AQ3508" s="92"/>
      <c r="AR3508" s="92"/>
      <c r="AS3508" s="92"/>
      <c r="AT3508" s="92"/>
      <c r="AU3508" s="92"/>
      <c r="AV3508" s="92"/>
      <c r="AW3508" s="92"/>
      <c r="AX3508" s="92"/>
      <c r="AY3508" s="92"/>
      <c r="AZ3508" s="93"/>
      <c r="BA3508" s="93"/>
      <c r="BB3508" s="93"/>
      <c r="BC3508" s="93"/>
      <c r="BD3508" s="93"/>
      <c r="BE3508" s="93"/>
      <c r="BF3508" s="93"/>
      <c r="BG3508" s="93"/>
      <c r="BH3508" s="93"/>
      <c r="BI3508" s="93"/>
      <c r="BJ3508" s="93"/>
      <c r="BK3508" s="93"/>
      <c r="BL3508" s="93"/>
    </row>
    <row r="3509" spans="2:64" x14ac:dyDescent="0.2">
      <c r="B3509" s="43"/>
      <c r="C3509" s="73"/>
      <c r="D3509" s="64"/>
      <c r="E3509" s="55"/>
      <c r="F3509" s="74"/>
      <c r="G3509" s="74"/>
      <c r="H3509" s="74"/>
      <c r="I3509" s="75"/>
      <c r="J3509" s="74"/>
      <c r="L3509" s="55"/>
      <c r="M3509" s="234"/>
      <c r="N3509" s="65"/>
      <c r="O3509" s="76"/>
      <c r="P3509" s="76"/>
      <c r="Q3509" s="65"/>
      <c r="R3509" s="76"/>
      <c r="S3509" s="76"/>
      <c r="T3509" s="76"/>
      <c r="U3509" s="76"/>
      <c r="V3509" s="76"/>
      <c r="W3509" s="76"/>
      <c r="X3509" s="76"/>
      <c r="Y3509" s="76"/>
      <c r="Z3509" s="76"/>
      <c r="AA3509" s="85"/>
      <c r="AB3509" s="85"/>
      <c r="AC3509" s="85"/>
      <c r="AD3509" s="85"/>
      <c r="AE3509" s="85"/>
      <c r="AF3509" s="85"/>
      <c r="AG3509" s="86"/>
      <c r="AH3509" s="85"/>
      <c r="AI3509" s="85"/>
      <c r="AJ3509" s="85"/>
      <c r="AK3509" s="85"/>
      <c r="AL3509" s="85"/>
      <c r="AM3509" s="92"/>
      <c r="AN3509" s="92"/>
      <c r="AO3509" s="92"/>
      <c r="AP3509" s="92"/>
      <c r="AQ3509" s="92"/>
      <c r="AR3509" s="92"/>
      <c r="AS3509" s="92"/>
      <c r="AT3509" s="92"/>
      <c r="AU3509" s="92"/>
      <c r="AV3509" s="92"/>
      <c r="AW3509" s="92"/>
      <c r="AX3509" s="92"/>
      <c r="AY3509" s="92"/>
      <c r="AZ3509" s="93"/>
      <c r="BA3509" s="93"/>
      <c r="BB3509" s="93"/>
      <c r="BC3509" s="93"/>
      <c r="BD3509" s="93"/>
      <c r="BE3509" s="93"/>
      <c r="BF3509" s="93"/>
      <c r="BG3509" s="93"/>
      <c r="BH3509" s="93"/>
      <c r="BI3509" s="93"/>
      <c r="BJ3509" s="93"/>
      <c r="BK3509" s="93"/>
      <c r="BL3509" s="93"/>
    </row>
    <row r="3510" spans="2:64" x14ac:dyDescent="0.2">
      <c r="B3510" s="43"/>
      <c r="C3510" s="73"/>
      <c r="D3510" s="64"/>
      <c r="E3510" s="55"/>
      <c r="F3510" s="74"/>
      <c r="G3510" s="74"/>
      <c r="H3510" s="74"/>
      <c r="I3510" s="75"/>
      <c r="J3510" s="74"/>
      <c r="L3510" s="55"/>
      <c r="M3510" s="234"/>
      <c r="N3510" s="65"/>
      <c r="O3510" s="76"/>
      <c r="P3510" s="76"/>
      <c r="Q3510" s="65"/>
      <c r="R3510" s="76"/>
      <c r="S3510" s="76"/>
      <c r="T3510" s="76"/>
      <c r="U3510" s="76"/>
      <c r="V3510" s="76"/>
      <c r="W3510" s="76"/>
      <c r="X3510" s="76"/>
      <c r="Y3510" s="76"/>
      <c r="Z3510" s="76"/>
      <c r="AA3510" s="85"/>
      <c r="AB3510" s="85"/>
      <c r="AC3510" s="85"/>
      <c r="AD3510" s="85"/>
      <c r="AE3510" s="85"/>
      <c r="AF3510" s="85"/>
      <c r="AG3510" s="86"/>
      <c r="AH3510" s="85"/>
      <c r="AI3510" s="85"/>
      <c r="AJ3510" s="85"/>
      <c r="AK3510" s="85"/>
      <c r="AL3510" s="85"/>
      <c r="AM3510" s="92"/>
      <c r="AN3510" s="92"/>
      <c r="AO3510" s="92"/>
      <c r="AP3510" s="92"/>
      <c r="AQ3510" s="92"/>
      <c r="AR3510" s="92"/>
      <c r="AS3510" s="92"/>
      <c r="AT3510" s="92"/>
      <c r="AU3510" s="92"/>
      <c r="AV3510" s="92"/>
      <c r="AW3510" s="92"/>
      <c r="AX3510" s="92"/>
      <c r="AY3510" s="92"/>
      <c r="AZ3510" s="93"/>
      <c r="BA3510" s="93"/>
      <c r="BB3510" s="93"/>
      <c r="BC3510" s="93"/>
      <c r="BD3510" s="93"/>
      <c r="BE3510" s="93"/>
      <c r="BF3510" s="93"/>
      <c r="BG3510" s="93"/>
      <c r="BH3510" s="93"/>
      <c r="BI3510" s="93"/>
      <c r="BJ3510" s="93"/>
      <c r="BK3510" s="93"/>
      <c r="BL3510" s="93"/>
    </row>
    <row r="3511" spans="2:64" x14ac:dyDescent="0.2">
      <c r="B3511" s="43"/>
      <c r="C3511" s="73"/>
      <c r="D3511" s="64"/>
      <c r="E3511" s="55"/>
      <c r="F3511" s="74"/>
      <c r="G3511" s="74"/>
      <c r="H3511" s="74"/>
      <c r="I3511" s="75"/>
      <c r="J3511" s="74"/>
      <c r="L3511" s="55"/>
      <c r="M3511" s="234"/>
      <c r="N3511" s="65"/>
      <c r="O3511" s="76"/>
      <c r="P3511" s="76"/>
      <c r="Q3511" s="65"/>
      <c r="R3511" s="76"/>
      <c r="S3511" s="76"/>
      <c r="T3511" s="76"/>
      <c r="U3511" s="76"/>
      <c r="V3511" s="76"/>
      <c r="W3511" s="76"/>
      <c r="X3511" s="76"/>
      <c r="Y3511" s="76"/>
      <c r="Z3511" s="76"/>
      <c r="AA3511" s="85"/>
      <c r="AB3511" s="85"/>
      <c r="AC3511" s="85"/>
      <c r="AD3511" s="85"/>
      <c r="AE3511" s="85"/>
      <c r="AF3511" s="85"/>
      <c r="AG3511" s="86"/>
      <c r="AH3511" s="85"/>
      <c r="AI3511" s="85"/>
      <c r="AJ3511" s="85"/>
      <c r="AK3511" s="85"/>
      <c r="AL3511" s="85"/>
      <c r="AM3511" s="92"/>
      <c r="AN3511" s="92"/>
      <c r="AO3511" s="92"/>
      <c r="AP3511" s="92"/>
      <c r="AQ3511" s="92"/>
      <c r="AR3511" s="92"/>
      <c r="AS3511" s="92"/>
      <c r="AT3511" s="92"/>
      <c r="AU3511" s="92"/>
      <c r="AV3511" s="92"/>
      <c r="AW3511" s="92"/>
      <c r="AX3511" s="92"/>
      <c r="AY3511" s="92"/>
      <c r="AZ3511" s="93"/>
      <c r="BA3511" s="93"/>
      <c r="BB3511" s="93"/>
      <c r="BC3511" s="93"/>
      <c r="BD3511" s="93"/>
      <c r="BE3511" s="93"/>
      <c r="BF3511" s="93"/>
      <c r="BG3511" s="93"/>
      <c r="BH3511" s="93"/>
      <c r="BI3511" s="93"/>
      <c r="BJ3511" s="93"/>
      <c r="BK3511" s="93"/>
      <c r="BL3511" s="93"/>
    </row>
    <row r="3512" spans="2:64" x14ac:dyDescent="0.2">
      <c r="B3512" s="43"/>
      <c r="C3512" s="73"/>
      <c r="D3512" s="64"/>
      <c r="E3512" s="55"/>
      <c r="F3512" s="74"/>
      <c r="G3512" s="74"/>
      <c r="H3512" s="74"/>
      <c r="I3512" s="75"/>
      <c r="J3512" s="74"/>
      <c r="L3512" s="55"/>
      <c r="M3512" s="234"/>
      <c r="N3512" s="65"/>
      <c r="O3512" s="76"/>
      <c r="P3512" s="76"/>
      <c r="Q3512" s="65"/>
      <c r="R3512" s="76"/>
      <c r="S3512" s="76"/>
      <c r="T3512" s="76"/>
      <c r="U3512" s="76"/>
      <c r="V3512" s="76"/>
      <c r="W3512" s="76"/>
      <c r="X3512" s="76"/>
      <c r="Y3512" s="76"/>
      <c r="Z3512" s="76"/>
      <c r="AA3512" s="85"/>
      <c r="AB3512" s="85"/>
      <c r="AC3512" s="85"/>
      <c r="AD3512" s="85"/>
      <c r="AE3512" s="85"/>
      <c r="AF3512" s="85"/>
      <c r="AG3512" s="86"/>
      <c r="AH3512" s="85"/>
      <c r="AI3512" s="85"/>
      <c r="AJ3512" s="85"/>
      <c r="AK3512" s="85"/>
      <c r="AL3512" s="85"/>
      <c r="AM3512" s="92"/>
      <c r="AN3512" s="92"/>
      <c r="AO3512" s="92"/>
      <c r="AP3512" s="92"/>
      <c r="AQ3512" s="92"/>
      <c r="AR3512" s="92"/>
      <c r="AS3512" s="92"/>
      <c r="AT3512" s="92"/>
      <c r="AU3512" s="92"/>
      <c r="AV3512" s="92"/>
      <c r="AW3512" s="92"/>
      <c r="AX3512" s="92"/>
      <c r="AY3512" s="92"/>
      <c r="AZ3512" s="93"/>
      <c r="BA3512" s="93"/>
      <c r="BB3512" s="93"/>
      <c r="BC3512" s="93"/>
      <c r="BD3512" s="93"/>
      <c r="BE3512" s="93"/>
      <c r="BF3512" s="93"/>
      <c r="BG3512" s="93"/>
      <c r="BH3512" s="93"/>
      <c r="BI3512" s="93"/>
      <c r="BJ3512" s="93"/>
      <c r="BK3512" s="93"/>
      <c r="BL3512" s="93"/>
    </row>
    <row r="3513" spans="2:64" x14ac:dyDescent="0.2">
      <c r="B3513" s="43"/>
      <c r="C3513" s="73"/>
      <c r="D3513" s="64"/>
      <c r="E3513" s="55"/>
      <c r="F3513" s="74"/>
      <c r="G3513" s="74"/>
      <c r="H3513" s="74"/>
      <c r="I3513" s="75"/>
      <c r="J3513" s="74"/>
      <c r="L3513" s="55"/>
      <c r="M3513" s="234"/>
      <c r="N3513" s="65"/>
      <c r="O3513" s="76"/>
      <c r="P3513" s="76"/>
      <c r="Q3513" s="65"/>
      <c r="R3513" s="76"/>
      <c r="S3513" s="76"/>
      <c r="T3513" s="76"/>
      <c r="U3513" s="76"/>
      <c r="V3513" s="76"/>
      <c r="W3513" s="76"/>
      <c r="X3513" s="76"/>
      <c r="Y3513" s="76"/>
      <c r="Z3513" s="76"/>
      <c r="AA3513" s="85"/>
      <c r="AB3513" s="85"/>
      <c r="AC3513" s="85"/>
      <c r="AD3513" s="85"/>
      <c r="AE3513" s="85"/>
      <c r="AF3513" s="85"/>
      <c r="AG3513" s="86"/>
      <c r="AH3513" s="85"/>
      <c r="AI3513" s="85"/>
      <c r="AJ3513" s="85"/>
      <c r="AK3513" s="85"/>
      <c r="AL3513" s="85"/>
      <c r="AM3513" s="92"/>
      <c r="AN3513" s="92"/>
      <c r="AO3513" s="92"/>
      <c r="AP3513" s="92"/>
      <c r="AQ3513" s="92"/>
      <c r="AR3513" s="92"/>
      <c r="AS3513" s="92"/>
      <c r="AT3513" s="92"/>
      <c r="AU3513" s="92"/>
      <c r="AV3513" s="92"/>
      <c r="AW3513" s="92"/>
      <c r="AX3513" s="92"/>
      <c r="AY3513" s="92"/>
      <c r="AZ3513" s="93"/>
      <c r="BA3513" s="93"/>
      <c r="BB3513" s="93"/>
      <c r="BC3513" s="93"/>
      <c r="BD3513" s="93"/>
      <c r="BE3513" s="93"/>
      <c r="BF3513" s="93"/>
      <c r="BG3513" s="93"/>
      <c r="BH3513" s="93"/>
      <c r="BI3513" s="93"/>
      <c r="BJ3513" s="93"/>
      <c r="BK3513" s="93"/>
      <c r="BL3513" s="93"/>
    </row>
    <row r="3514" spans="2:64" x14ac:dyDescent="0.2">
      <c r="B3514" s="43"/>
      <c r="C3514" s="73"/>
      <c r="D3514" s="64"/>
      <c r="E3514" s="55"/>
      <c r="F3514" s="74"/>
      <c r="G3514" s="74"/>
      <c r="H3514" s="74"/>
      <c r="I3514" s="75"/>
      <c r="J3514" s="74"/>
      <c r="L3514" s="55"/>
      <c r="M3514" s="234"/>
      <c r="N3514" s="65"/>
      <c r="O3514" s="76"/>
      <c r="P3514" s="76"/>
      <c r="Q3514" s="65"/>
      <c r="R3514" s="76"/>
      <c r="S3514" s="76"/>
      <c r="T3514" s="76"/>
      <c r="U3514" s="76"/>
      <c r="V3514" s="76"/>
      <c r="W3514" s="76"/>
      <c r="X3514" s="76"/>
      <c r="Y3514" s="76"/>
      <c r="Z3514" s="76"/>
      <c r="AA3514" s="85"/>
      <c r="AB3514" s="85"/>
      <c r="AC3514" s="85"/>
      <c r="AD3514" s="85"/>
      <c r="AE3514" s="85"/>
      <c r="AF3514" s="85"/>
      <c r="AG3514" s="86"/>
      <c r="AH3514" s="85"/>
      <c r="AI3514" s="85"/>
      <c r="AJ3514" s="85"/>
      <c r="AK3514" s="85"/>
      <c r="AL3514" s="85"/>
      <c r="AM3514" s="92"/>
      <c r="AN3514" s="92"/>
      <c r="AO3514" s="92"/>
      <c r="AP3514" s="92"/>
      <c r="AQ3514" s="92"/>
      <c r="AR3514" s="92"/>
      <c r="AS3514" s="92"/>
      <c r="AT3514" s="92"/>
      <c r="AU3514" s="92"/>
      <c r="AV3514" s="92"/>
      <c r="AW3514" s="92"/>
      <c r="AX3514" s="92"/>
      <c r="AY3514" s="92"/>
      <c r="AZ3514" s="93"/>
      <c r="BA3514" s="93"/>
      <c r="BB3514" s="93"/>
      <c r="BC3514" s="93"/>
      <c r="BD3514" s="93"/>
      <c r="BE3514" s="93"/>
      <c r="BF3514" s="93"/>
      <c r="BG3514" s="93"/>
      <c r="BH3514" s="93"/>
      <c r="BI3514" s="93"/>
      <c r="BJ3514" s="93"/>
      <c r="BK3514" s="93"/>
      <c r="BL3514" s="93"/>
    </row>
    <row r="3515" spans="2:64" x14ac:dyDescent="0.2">
      <c r="B3515" s="43"/>
      <c r="C3515" s="73"/>
      <c r="D3515" s="64"/>
      <c r="E3515" s="55"/>
      <c r="F3515" s="74"/>
      <c r="G3515" s="74"/>
      <c r="H3515" s="74"/>
      <c r="I3515" s="75"/>
      <c r="J3515" s="74"/>
      <c r="L3515" s="55"/>
      <c r="M3515" s="234"/>
      <c r="N3515" s="65"/>
      <c r="O3515" s="76"/>
      <c r="P3515" s="76"/>
      <c r="Q3515" s="65"/>
      <c r="R3515" s="76"/>
      <c r="S3515" s="76"/>
      <c r="T3515" s="76"/>
      <c r="U3515" s="76"/>
      <c r="V3515" s="76"/>
      <c r="W3515" s="76"/>
      <c r="X3515" s="76"/>
      <c r="Y3515" s="76"/>
      <c r="Z3515" s="76"/>
      <c r="AA3515" s="85"/>
      <c r="AB3515" s="85"/>
      <c r="AC3515" s="85"/>
      <c r="AD3515" s="85"/>
      <c r="AE3515" s="85"/>
      <c r="AF3515" s="85"/>
      <c r="AG3515" s="86"/>
      <c r="AH3515" s="85"/>
      <c r="AI3515" s="85"/>
      <c r="AJ3515" s="85"/>
      <c r="AK3515" s="85"/>
      <c r="AL3515" s="85"/>
      <c r="AM3515" s="92"/>
      <c r="AN3515" s="92"/>
      <c r="AO3515" s="92"/>
      <c r="AP3515" s="92"/>
      <c r="AQ3515" s="92"/>
      <c r="AR3515" s="92"/>
      <c r="AS3515" s="92"/>
      <c r="AT3515" s="92"/>
      <c r="AU3515" s="92"/>
      <c r="AV3515" s="92"/>
      <c r="AW3515" s="92"/>
      <c r="AX3515" s="92"/>
      <c r="AY3515" s="92"/>
      <c r="AZ3515" s="93"/>
      <c r="BA3515" s="93"/>
      <c r="BB3515" s="93"/>
      <c r="BC3515" s="93"/>
      <c r="BD3515" s="93"/>
      <c r="BE3515" s="93"/>
      <c r="BF3515" s="93"/>
      <c r="BG3515" s="93"/>
      <c r="BH3515" s="93"/>
      <c r="BI3515" s="93"/>
      <c r="BJ3515" s="93"/>
      <c r="BK3515" s="93"/>
      <c r="BL3515" s="93"/>
    </row>
    <row r="3516" spans="2:64" x14ac:dyDescent="0.2">
      <c r="B3516" s="43"/>
      <c r="C3516" s="73"/>
      <c r="D3516" s="64"/>
      <c r="E3516" s="55"/>
      <c r="F3516" s="74"/>
      <c r="G3516" s="74"/>
      <c r="H3516" s="74"/>
      <c r="I3516" s="75"/>
      <c r="J3516" s="74"/>
      <c r="L3516" s="55"/>
      <c r="M3516" s="234"/>
      <c r="N3516" s="65"/>
      <c r="O3516" s="76"/>
      <c r="P3516" s="76"/>
      <c r="Q3516" s="65"/>
      <c r="R3516" s="76"/>
      <c r="S3516" s="76"/>
      <c r="T3516" s="76"/>
      <c r="U3516" s="76"/>
      <c r="V3516" s="76"/>
      <c r="W3516" s="76"/>
      <c r="X3516" s="76"/>
      <c r="Y3516" s="76"/>
      <c r="Z3516" s="76"/>
      <c r="AA3516" s="85"/>
      <c r="AB3516" s="85"/>
      <c r="AC3516" s="85"/>
      <c r="AD3516" s="85"/>
      <c r="AE3516" s="85"/>
      <c r="AF3516" s="85"/>
      <c r="AG3516" s="86"/>
      <c r="AH3516" s="85"/>
      <c r="AI3516" s="85"/>
      <c r="AJ3516" s="85"/>
      <c r="AK3516" s="85"/>
      <c r="AL3516" s="85"/>
      <c r="AM3516" s="92"/>
      <c r="AN3516" s="92"/>
      <c r="AO3516" s="92"/>
      <c r="AP3516" s="92"/>
      <c r="AQ3516" s="92"/>
      <c r="AR3516" s="92"/>
      <c r="AS3516" s="92"/>
      <c r="AT3516" s="92"/>
      <c r="AU3516" s="92"/>
      <c r="AV3516" s="92"/>
      <c r="AW3516" s="92"/>
      <c r="AX3516" s="92"/>
      <c r="AY3516" s="92"/>
      <c r="AZ3516" s="93"/>
      <c r="BA3516" s="93"/>
      <c r="BB3516" s="93"/>
      <c r="BC3516" s="93"/>
      <c r="BD3516" s="93"/>
      <c r="BE3516" s="93"/>
      <c r="BF3516" s="93"/>
      <c r="BG3516" s="93"/>
      <c r="BH3516" s="93"/>
      <c r="BI3516" s="93"/>
      <c r="BJ3516" s="93"/>
      <c r="BK3516" s="93"/>
      <c r="BL3516" s="93"/>
    </row>
    <row r="3517" spans="2:64" x14ac:dyDescent="0.2">
      <c r="B3517" s="43"/>
      <c r="C3517" s="73"/>
      <c r="D3517" s="64"/>
      <c r="E3517" s="55"/>
      <c r="F3517" s="74"/>
      <c r="G3517" s="74"/>
      <c r="H3517" s="74"/>
      <c r="I3517" s="75"/>
      <c r="J3517" s="74"/>
      <c r="L3517" s="55"/>
      <c r="M3517" s="234"/>
      <c r="N3517" s="65"/>
      <c r="O3517" s="76"/>
      <c r="P3517" s="76"/>
      <c r="Q3517" s="65"/>
      <c r="R3517" s="76"/>
      <c r="S3517" s="76"/>
      <c r="T3517" s="76"/>
      <c r="U3517" s="76"/>
      <c r="V3517" s="76"/>
      <c r="W3517" s="76"/>
      <c r="X3517" s="76"/>
      <c r="Y3517" s="76"/>
      <c r="Z3517" s="76"/>
      <c r="AA3517" s="85"/>
      <c r="AB3517" s="85"/>
      <c r="AC3517" s="85"/>
      <c r="AD3517" s="85"/>
      <c r="AE3517" s="85"/>
      <c r="AF3517" s="85"/>
      <c r="AG3517" s="86"/>
      <c r="AH3517" s="85"/>
      <c r="AI3517" s="85"/>
      <c r="AJ3517" s="85"/>
      <c r="AK3517" s="85"/>
      <c r="AL3517" s="85"/>
      <c r="AM3517" s="92"/>
      <c r="AN3517" s="92"/>
      <c r="AO3517" s="92"/>
      <c r="AP3517" s="92"/>
      <c r="AQ3517" s="92"/>
      <c r="AR3517" s="92"/>
      <c r="AS3517" s="92"/>
      <c r="AT3517" s="92"/>
      <c r="AU3517" s="92"/>
      <c r="AV3517" s="92"/>
      <c r="AW3517" s="92"/>
      <c r="AX3517" s="92"/>
      <c r="AY3517" s="92"/>
      <c r="AZ3517" s="93"/>
      <c r="BA3517" s="93"/>
      <c r="BB3517" s="93"/>
      <c r="BC3517" s="93"/>
      <c r="BD3517" s="93"/>
      <c r="BE3517" s="93"/>
      <c r="BF3517" s="93"/>
      <c r="BG3517" s="93"/>
      <c r="BH3517" s="93"/>
      <c r="BI3517" s="93"/>
      <c r="BJ3517" s="93"/>
      <c r="BK3517" s="93"/>
      <c r="BL3517" s="93"/>
    </row>
    <row r="3518" spans="2:64" x14ac:dyDescent="0.2">
      <c r="B3518" s="43"/>
      <c r="C3518" s="73"/>
      <c r="D3518" s="64"/>
      <c r="E3518" s="55"/>
      <c r="F3518" s="74"/>
      <c r="G3518" s="74"/>
      <c r="H3518" s="74"/>
      <c r="I3518" s="75"/>
      <c r="J3518" s="74"/>
      <c r="L3518" s="55"/>
      <c r="M3518" s="234"/>
      <c r="N3518" s="65"/>
      <c r="O3518" s="76"/>
      <c r="P3518" s="76"/>
      <c r="Q3518" s="65"/>
      <c r="R3518" s="76"/>
      <c r="S3518" s="76"/>
      <c r="T3518" s="76"/>
      <c r="U3518" s="76"/>
      <c r="V3518" s="76"/>
      <c r="W3518" s="76"/>
      <c r="X3518" s="76"/>
      <c r="Y3518" s="76"/>
      <c r="Z3518" s="76"/>
      <c r="AA3518" s="85"/>
      <c r="AB3518" s="85"/>
      <c r="AC3518" s="85"/>
      <c r="AD3518" s="85"/>
      <c r="AE3518" s="85"/>
      <c r="AF3518" s="85"/>
      <c r="AG3518" s="86"/>
      <c r="AH3518" s="85"/>
      <c r="AI3518" s="85"/>
      <c r="AJ3518" s="85"/>
      <c r="AK3518" s="85"/>
      <c r="AL3518" s="85"/>
      <c r="AM3518" s="92"/>
      <c r="AN3518" s="92"/>
      <c r="AO3518" s="92"/>
      <c r="AP3518" s="92"/>
      <c r="AQ3518" s="92"/>
      <c r="AR3518" s="92"/>
      <c r="AS3518" s="92"/>
      <c r="AT3518" s="92"/>
      <c r="AU3518" s="92"/>
      <c r="AV3518" s="92"/>
      <c r="AW3518" s="92"/>
      <c r="AX3518" s="92"/>
      <c r="AY3518" s="92"/>
      <c r="AZ3518" s="93"/>
      <c r="BA3518" s="93"/>
      <c r="BB3518" s="93"/>
      <c r="BC3518" s="93"/>
      <c r="BD3518" s="93"/>
      <c r="BE3518" s="93"/>
      <c r="BF3518" s="93"/>
      <c r="BG3518" s="93"/>
      <c r="BH3518" s="93"/>
      <c r="BI3518" s="93"/>
      <c r="BJ3518" s="93"/>
      <c r="BK3518" s="93"/>
      <c r="BL3518" s="93"/>
    </row>
    <row r="3519" spans="2:64" x14ac:dyDescent="0.2">
      <c r="B3519" s="43"/>
      <c r="C3519" s="73"/>
      <c r="D3519" s="64"/>
      <c r="E3519" s="55"/>
      <c r="F3519" s="74"/>
      <c r="G3519" s="74"/>
      <c r="H3519" s="74"/>
      <c r="I3519" s="75"/>
      <c r="J3519" s="74"/>
      <c r="L3519" s="55"/>
      <c r="M3519" s="234"/>
      <c r="N3519" s="65"/>
      <c r="O3519" s="76"/>
      <c r="P3519" s="76"/>
      <c r="Q3519" s="65"/>
      <c r="R3519" s="76"/>
      <c r="S3519" s="76"/>
      <c r="T3519" s="76"/>
      <c r="U3519" s="76"/>
      <c r="V3519" s="76"/>
      <c r="W3519" s="76"/>
      <c r="X3519" s="76"/>
      <c r="Y3519" s="76"/>
      <c r="Z3519" s="76"/>
      <c r="AA3519" s="85"/>
      <c r="AB3519" s="85"/>
      <c r="AC3519" s="85"/>
      <c r="AD3519" s="85"/>
      <c r="AE3519" s="85"/>
      <c r="AF3519" s="85"/>
      <c r="AG3519" s="86"/>
      <c r="AH3519" s="85"/>
      <c r="AI3519" s="85"/>
      <c r="AJ3519" s="85"/>
      <c r="AK3519" s="85"/>
      <c r="AL3519" s="85"/>
      <c r="AM3519" s="92"/>
      <c r="AN3519" s="92"/>
      <c r="AO3519" s="92"/>
      <c r="AP3519" s="92"/>
      <c r="AQ3519" s="92"/>
      <c r="AR3519" s="92"/>
      <c r="AS3519" s="92"/>
      <c r="AT3519" s="92"/>
      <c r="AU3519" s="92"/>
      <c r="AV3519" s="92"/>
      <c r="AW3519" s="92"/>
      <c r="AX3519" s="92"/>
      <c r="AY3519" s="92"/>
      <c r="AZ3519" s="93"/>
      <c r="BA3519" s="93"/>
      <c r="BB3519" s="93"/>
      <c r="BC3519" s="93"/>
      <c r="BD3519" s="93"/>
      <c r="BE3519" s="93"/>
      <c r="BF3519" s="93"/>
      <c r="BG3519" s="93"/>
      <c r="BH3519" s="93"/>
      <c r="BI3519" s="93"/>
      <c r="BJ3519" s="93"/>
      <c r="BK3519" s="93"/>
      <c r="BL3519" s="93"/>
    </row>
    <row r="3520" spans="2:64" x14ac:dyDescent="0.2">
      <c r="B3520" s="43"/>
      <c r="C3520" s="73"/>
      <c r="D3520" s="64"/>
      <c r="E3520" s="55"/>
      <c r="F3520" s="74"/>
      <c r="G3520" s="74"/>
      <c r="H3520" s="74"/>
      <c r="I3520" s="75"/>
      <c r="J3520" s="74"/>
      <c r="L3520" s="55"/>
      <c r="M3520" s="234"/>
      <c r="N3520" s="65"/>
      <c r="O3520" s="76"/>
      <c r="P3520" s="76"/>
      <c r="Q3520" s="65"/>
      <c r="R3520" s="76"/>
      <c r="S3520" s="76"/>
      <c r="T3520" s="76"/>
      <c r="U3520" s="76"/>
      <c r="V3520" s="76"/>
      <c r="W3520" s="76"/>
      <c r="X3520" s="76"/>
      <c r="Y3520" s="76"/>
      <c r="Z3520" s="76"/>
      <c r="AA3520" s="85"/>
      <c r="AB3520" s="85"/>
      <c r="AC3520" s="85"/>
      <c r="AD3520" s="85"/>
      <c r="AE3520" s="85"/>
      <c r="AF3520" s="85"/>
      <c r="AG3520" s="86"/>
      <c r="AH3520" s="85"/>
      <c r="AI3520" s="85"/>
      <c r="AJ3520" s="85"/>
      <c r="AK3520" s="85"/>
      <c r="AL3520" s="85"/>
      <c r="AM3520" s="92"/>
      <c r="AN3520" s="92"/>
      <c r="AO3520" s="92"/>
      <c r="AP3520" s="92"/>
      <c r="AQ3520" s="92"/>
      <c r="AR3520" s="92"/>
      <c r="AS3520" s="92"/>
      <c r="AT3520" s="92"/>
      <c r="AU3520" s="92"/>
      <c r="AV3520" s="92"/>
      <c r="AW3520" s="92"/>
      <c r="AX3520" s="92"/>
      <c r="AY3520" s="92"/>
      <c r="AZ3520" s="93"/>
      <c r="BA3520" s="93"/>
      <c r="BB3520" s="93"/>
      <c r="BC3520" s="93"/>
      <c r="BD3520" s="93"/>
      <c r="BE3520" s="93"/>
      <c r="BF3520" s="93"/>
      <c r="BG3520" s="93"/>
      <c r="BH3520" s="93"/>
      <c r="BI3520" s="93"/>
      <c r="BJ3520" s="93"/>
      <c r="BK3520" s="93"/>
      <c r="BL3520" s="93"/>
    </row>
    <row r="3521" spans="2:64" x14ac:dyDescent="0.2">
      <c r="B3521" s="43"/>
      <c r="C3521" s="73"/>
      <c r="D3521" s="64"/>
      <c r="E3521" s="55"/>
      <c r="F3521" s="74"/>
      <c r="G3521" s="74"/>
      <c r="H3521" s="74"/>
      <c r="I3521" s="75"/>
      <c r="J3521" s="74"/>
      <c r="L3521" s="55"/>
      <c r="M3521" s="234"/>
      <c r="N3521" s="65"/>
      <c r="O3521" s="76"/>
      <c r="P3521" s="76"/>
      <c r="Q3521" s="65"/>
      <c r="R3521" s="76"/>
      <c r="S3521" s="76"/>
      <c r="T3521" s="76"/>
      <c r="U3521" s="76"/>
      <c r="V3521" s="76"/>
      <c r="W3521" s="76"/>
      <c r="X3521" s="76"/>
      <c r="Y3521" s="76"/>
      <c r="Z3521" s="76"/>
      <c r="AA3521" s="85"/>
      <c r="AB3521" s="85"/>
      <c r="AC3521" s="85"/>
      <c r="AD3521" s="85"/>
      <c r="AE3521" s="85"/>
      <c r="AF3521" s="85"/>
      <c r="AG3521" s="86"/>
      <c r="AH3521" s="85"/>
      <c r="AI3521" s="85"/>
      <c r="AJ3521" s="85"/>
      <c r="AK3521" s="85"/>
      <c r="AL3521" s="85"/>
      <c r="AM3521" s="92"/>
      <c r="AN3521" s="92"/>
      <c r="AO3521" s="92"/>
      <c r="AP3521" s="92"/>
      <c r="AQ3521" s="92"/>
      <c r="AR3521" s="92"/>
      <c r="AS3521" s="92"/>
      <c r="AT3521" s="92"/>
      <c r="AU3521" s="92"/>
      <c r="AV3521" s="92"/>
      <c r="AW3521" s="92"/>
      <c r="AX3521" s="92"/>
      <c r="AY3521" s="92"/>
      <c r="AZ3521" s="93"/>
      <c r="BA3521" s="93"/>
      <c r="BB3521" s="93"/>
      <c r="BC3521" s="93"/>
      <c r="BD3521" s="93"/>
      <c r="BE3521" s="93"/>
      <c r="BF3521" s="93"/>
      <c r="BG3521" s="93"/>
      <c r="BH3521" s="93"/>
      <c r="BI3521" s="93"/>
      <c r="BJ3521" s="93"/>
      <c r="BK3521" s="93"/>
      <c r="BL3521" s="93"/>
    </row>
    <row r="3522" spans="2:64" x14ac:dyDescent="0.2">
      <c r="B3522" s="43"/>
      <c r="C3522" s="73"/>
      <c r="D3522" s="64"/>
      <c r="E3522" s="55"/>
      <c r="F3522" s="74"/>
      <c r="G3522" s="74"/>
      <c r="H3522" s="74"/>
      <c r="I3522" s="75"/>
      <c r="J3522" s="74"/>
      <c r="L3522" s="55"/>
      <c r="M3522" s="234"/>
      <c r="N3522" s="65"/>
      <c r="O3522" s="76"/>
      <c r="P3522" s="76"/>
      <c r="Q3522" s="65"/>
      <c r="R3522" s="76"/>
      <c r="S3522" s="76"/>
      <c r="T3522" s="76"/>
      <c r="U3522" s="76"/>
      <c r="V3522" s="76"/>
      <c r="W3522" s="76"/>
      <c r="X3522" s="76"/>
      <c r="Y3522" s="76"/>
      <c r="Z3522" s="76"/>
      <c r="AA3522" s="85"/>
      <c r="AB3522" s="85"/>
      <c r="AC3522" s="85"/>
      <c r="AD3522" s="85"/>
      <c r="AE3522" s="85"/>
      <c r="AF3522" s="85"/>
      <c r="AG3522" s="86"/>
      <c r="AH3522" s="85"/>
      <c r="AI3522" s="85"/>
      <c r="AJ3522" s="85"/>
      <c r="AK3522" s="85"/>
      <c r="AL3522" s="85"/>
      <c r="AM3522" s="92"/>
      <c r="AN3522" s="92"/>
      <c r="AO3522" s="92"/>
      <c r="AP3522" s="92"/>
      <c r="AQ3522" s="92"/>
      <c r="AR3522" s="92"/>
      <c r="AS3522" s="92"/>
      <c r="AT3522" s="92"/>
      <c r="AU3522" s="92"/>
      <c r="AV3522" s="92"/>
      <c r="AW3522" s="92"/>
      <c r="AX3522" s="92"/>
      <c r="AY3522" s="92"/>
      <c r="AZ3522" s="93"/>
      <c r="BA3522" s="93"/>
      <c r="BB3522" s="93"/>
      <c r="BC3522" s="93"/>
      <c r="BD3522" s="93"/>
      <c r="BE3522" s="93"/>
      <c r="BF3522" s="93"/>
      <c r="BG3522" s="93"/>
      <c r="BH3522" s="93"/>
      <c r="BI3522" s="93"/>
      <c r="BJ3522" s="93"/>
      <c r="BK3522" s="93"/>
      <c r="BL3522" s="93"/>
    </row>
    <row r="3523" spans="2:64" x14ac:dyDescent="0.2">
      <c r="B3523" s="43"/>
      <c r="C3523" s="73"/>
      <c r="D3523" s="64"/>
      <c r="E3523" s="55"/>
      <c r="F3523" s="74"/>
      <c r="G3523" s="74"/>
      <c r="H3523" s="74"/>
      <c r="I3523" s="75"/>
      <c r="J3523" s="74"/>
      <c r="L3523" s="55"/>
      <c r="M3523" s="234"/>
      <c r="N3523" s="65"/>
      <c r="O3523" s="76"/>
      <c r="P3523" s="76"/>
      <c r="Q3523" s="65"/>
      <c r="R3523" s="76"/>
      <c r="S3523" s="76"/>
      <c r="T3523" s="76"/>
      <c r="U3523" s="76"/>
      <c r="V3523" s="76"/>
      <c r="W3523" s="76"/>
      <c r="X3523" s="76"/>
      <c r="Y3523" s="76"/>
      <c r="Z3523" s="76"/>
      <c r="AA3523" s="85"/>
      <c r="AB3523" s="85"/>
      <c r="AC3523" s="85"/>
      <c r="AD3523" s="85"/>
      <c r="AE3523" s="85"/>
      <c r="AF3523" s="85"/>
      <c r="AG3523" s="86"/>
      <c r="AH3523" s="85"/>
      <c r="AI3523" s="85"/>
      <c r="AJ3523" s="85"/>
      <c r="AK3523" s="85"/>
      <c r="AL3523" s="85"/>
      <c r="AM3523" s="92"/>
      <c r="AN3523" s="92"/>
      <c r="AO3523" s="92"/>
      <c r="AP3523" s="92"/>
      <c r="AQ3523" s="92"/>
      <c r="AR3523" s="92"/>
      <c r="AS3523" s="92"/>
      <c r="AT3523" s="92"/>
      <c r="AU3523" s="92"/>
      <c r="AV3523" s="92"/>
      <c r="AW3523" s="92"/>
      <c r="AX3523" s="92"/>
      <c r="AY3523" s="92"/>
      <c r="AZ3523" s="93"/>
      <c r="BA3523" s="93"/>
      <c r="BB3523" s="93"/>
      <c r="BC3523" s="93"/>
      <c r="BD3523" s="93"/>
      <c r="BE3523" s="93"/>
      <c r="BF3523" s="93"/>
      <c r="BG3523" s="93"/>
      <c r="BH3523" s="93"/>
      <c r="BI3523" s="93"/>
      <c r="BJ3523" s="93"/>
      <c r="BK3523" s="93"/>
      <c r="BL3523" s="93"/>
    </row>
    <row r="3524" spans="2:64" x14ac:dyDescent="0.2">
      <c r="B3524" s="43"/>
      <c r="C3524" s="73"/>
      <c r="D3524" s="64"/>
      <c r="E3524" s="55"/>
      <c r="F3524" s="74"/>
      <c r="G3524" s="74"/>
      <c r="H3524" s="74"/>
      <c r="I3524" s="75"/>
      <c r="J3524" s="74"/>
      <c r="L3524" s="55"/>
      <c r="M3524" s="234"/>
      <c r="N3524" s="65"/>
      <c r="O3524" s="76"/>
      <c r="P3524" s="76"/>
      <c r="Q3524" s="65"/>
      <c r="R3524" s="76"/>
      <c r="S3524" s="76"/>
      <c r="T3524" s="76"/>
      <c r="U3524" s="76"/>
      <c r="V3524" s="76"/>
      <c r="W3524" s="76"/>
      <c r="X3524" s="76"/>
      <c r="Y3524" s="76"/>
      <c r="Z3524" s="76"/>
      <c r="AA3524" s="85"/>
      <c r="AB3524" s="85"/>
      <c r="AC3524" s="85"/>
      <c r="AD3524" s="85"/>
      <c r="AE3524" s="85"/>
      <c r="AF3524" s="85"/>
      <c r="AG3524" s="86"/>
      <c r="AH3524" s="85"/>
      <c r="AI3524" s="85"/>
      <c r="AJ3524" s="85"/>
      <c r="AK3524" s="85"/>
      <c r="AL3524" s="85"/>
      <c r="AM3524" s="92"/>
      <c r="AN3524" s="92"/>
      <c r="AO3524" s="92"/>
      <c r="AP3524" s="92"/>
      <c r="AQ3524" s="92"/>
      <c r="AR3524" s="92"/>
      <c r="AS3524" s="92"/>
      <c r="AT3524" s="92"/>
      <c r="AU3524" s="92"/>
      <c r="AV3524" s="92"/>
      <c r="AW3524" s="92"/>
      <c r="AX3524" s="92"/>
      <c r="AY3524" s="92"/>
      <c r="AZ3524" s="93"/>
      <c r="BA3524" s="93"/>
      <c r="BB3524" s="93"/>
      <c r="BC3524" s="93"/>
      <c r="BD3524" s="93"/>
      <c r="BE3524" s="93"/>
      <c r="BF3524" s="93"/>
      <c r="BG3524" s="93"/>
      <c r="BH3524" s="93"/>
      <c r="BI3524" s="93"/>
      <c r="BJ3524" s="93"/>
      <c r="BK3524" s="93"/>
      <c r="BL3524" s="93"/>
    </row>
    <row r="3525" spans="2:64" x14ac:dyDescent="0.2">
      <c r="B3525" s="43"/>
      <c r="C3525" s="73"/>
      <c r="D3525" s="64"/>
      <c r="E3525" s="55"/>
      <c r="F3525" s="74"/>
      <c r="G3525" s="74"/>
      <c r="H3525" s="74"/>
      <c r="I3525" s="75"/>
      <c r="J3525" s="74"/>
      <c r="L3525" s="55"/>
      <c r="M3525" s="234"/>
      <c r="N3525" s="65"/>
      <c r="O3525" s="76"/>
      <c r="P3525" s="76"/>
      <c r="Q3525" s="65"/>
      <c r="R3525" s="76"/>
      <c r="S3525" s="76"/>
      <c r="T3525" s="76"/>
      <c r="U3525" s="76"/>
      <c r="V3525" s="76"/>
      <c r="W3525" s="76"/>
      <c r="X3525" s="76"/>
      <c r="Y3525" s="76"/>
      <c r="Z3525" s="76"/>
      <c r="AA3525" s="85"/>
      <c r="AB3525" s="85"/>
      <c r="AC3525" s="85"/>
      <c r="AD3525" s="85"/>
      <c r="AE3525" s="85"/>
      <c r="AF3525" s="85"/>
      <c r="AG3525" s="86"/>
      <c r="AH3525" s="85"/>
      <c r="AI3525" s="85"/>
      <c r="AJ3525" s="85"/>
      <c r="AK3525" s="85"/>
      <c r="AL3525" s="85"/>
      <c r="AM3525" s="92"/>
      <c r="AN3525" s="92"/>
      <c r="AO3525" s="92"/>
      <c r="AP3525" s="92"/>
      <c r="AQ3525" s="92"/>
      <c r="AR3525" s="92"/>
      <c r="AS3525" s="92"/>
      <c r="AT3525" s="92"/>
      <c r="AU3525" s="92"/>
      <c r="AV3525" s="92"/>
      <c r="AW3525" s="92"/>
      <c r="AX3525" s="92"/>
      <c r="AY3525" s="92"/>
      <c r="AZ3525" s="93"/>
      <c r="BA3525" s="93"/>
      <c r="BB3525" s="93"/>
      <c r="BC3525" s="93"/>
      <c r="BD3525" s="93"/>
      <c r="BE3525" s="93"/>
      <c r="BF3525" s="93"/>
      <c r="BG3525" s="93"/>
      <c r="BH3525" s="93"/>
      <c r="BI3525" s="93"/>
      <c r="BJ3525" s="93"/>
      <c r="BK3525" s="93"/>
      <c r="BL3525" s="93"/>
    </row>
    <row r="3526" spans="2:64" x14ac:dyDescent="0.2">
      <c r="B3526" s="43"/>
      <c r="C3526" s="73"/>
      <c r="D3526" s="64"/>
      <c r="E3526" s="55"/>
      <c r="F3526" s="74"/>
      <c r="G3526" s="74"/>
      <c r="H3526" s="74"/>
      <c r="I3526" s="75"/>
      <c r="J3526" s="74"/>
      <c r="L3526" s="55"/>
      <c r="M3526" s="234"/>
      <c r="N3526" s="65"/>
      <c r="O3526" s="76"/>
      <c r="P3526" s="76"/>
      <c r="Q3526" s="65"/>
      <c r="R3526" s="76"/>
      <c r="S3526" s="76"/>
      <c r="T3526" s="76"/>
      <c r="U3526" s="76"/>
      <c r="V3526" s="76"/>
      <c r="W3526" s="76"/>
      <c r="X3526" s="76"/>
      <c r="Y3526" s="76"/>
      <c r="Z3526" s="76"/>
      <c r="AA3526" s="85"/>
      <c r="AB3526" s="85"/>
      <c r="AC3526" s="85"/>
      <c r="AD3526" s="85"/>
      <c r="AE3526" s="85"/>
      <c r="AF3526" s="85"/>
      <c r="AG3526" s="86"/>
      <c r="AH3526" s="85"/>
      <c r="AI3526" s="85"/>
      <c r="AJ3526" s="85"/>
      <c r="AK3526" s="85"/>
      <c r="AL3526" s="85"/>
      <c r="AM3526" s="92"/>
      <c r="AN3526" s="92"/>
      <c r="AO3526" s="92"/>
      <c r="AP3526" s="92"/>
      <c r="AQ3526" s="92"/>
      <c r="AR3526" s="92"/>
      <c r="AS3526" s="92"/>
      <c r="AT3526" s="92"/>
      <c r="AU3526" s="92"/>
      <c r="AV3526" s="92"/>
      <c r="AW3526" s="92"/>
      <c r="AX3526" s="92"/>
      <c r="AY3526" s="92"/>
      <c r="AZ3526" s="93"/>
      <c r="BA3526" s="93"/>
      <c r="BB3526" s="93"/>
      <c r="BC3526" s="93"/>
      <c r="BD3526" s="93"/>
      <c r="BE3526" s="93"/>
      <c r="BF3526" s="93"/>
      <c r="BG3526" s="93"/>
      <c r="BH3526" s="93"/>
      <c r="BI3526" s="93"/>
      <c r="BJ3526" s="93"/>
      <c r="BK3526" s="93"/>
      <c r="BL3526" s="93"/>
    </row>
    <row r="3527" spans="2:64" x14ac:dyDescent="0.2">
      <c r="B3527" s="43"/>
      <c r="C3527" s="73"/>
      <c r="D3527" s="64"/>
      <c r="E3527" s="55"/>
      <c r="F3527" s="74"/>
      <c r="G3527" s="74"/>
      <c r="H3527" s="74"/>
      <c r="I3527" s="75"/>
      <c r="J3527" s="74"/>
      <c r="L3527" s="55"/>
      <c r="M3527" s="234"/>
      <c r="N3527" s="65"/>
      <c r="O3527" s="76"/>
      <c r="P3527" s="76"/>
      <c r="Q3527" s="65"/>
      <c r="R3527" s="76"/>
      <c r="S3527" s="76"/>
      <c r="T3527" s="76"/>
      <c r="U3527" s="76"/>
      <c r="V3527" s="76"/>
      <c r="W3527" s="76"/>
      <c r="X3527" s="76"/>
      <c r="Y3527" s="76"/>
      <c r="Z3527" s="76"/>
      <c r="AA3527" s="85"/>
      <c r="AB3527" s="85"/>
      <c r="AC3527" s="85"/>
      <c r="AD3527" s="85"/>
      <c r="AE3527" s="85"/>
      <c r="AF3527" s="85"/>
      <c r="AG3527" s="86"/>
      <c r="AH3527" s="85"/>
      <c r="AI3527" s="85"/>
      <c r="AJ3527" s="85"/>
      <c r="AK3527" s="85"/>
      <c r="AL3527" s="85"/>
      <c r="AM3527" s="92"/>
      <c r="AN3527" s="92"/>
      <c r="AO3527" s="92"/>
      <c r="AP3527" s="92"/>
      <c r="AQ3527" s="92"/>
      <c r="AR3527" s="92"/>
      <c r="AS3527" s="92"/>
      <c r="AT3527" s="92"/>
      <c r="AU3527" s="92"/>
      <c r="AV3527" s="92"/>
      <c r="AW3527" s="92"/>
      <c r="AX3527" s="92"/>
      <c r="AY3527" s="92"/>
      <c r="AZ3527" s="93"/>
      <c r="BA3527" s="93"/>
      <c r="BB3527" s="93"/>
      <c r="BC3527" s="93"/>
      <c r="BD3527" s="93"/>
      <c r="BE3527" s="93"/>
      <c r="BF3527" s="93"/>
      <c r="BG3527" s="93"/>
      <c r="BH3527" s="93"/>
      <c r="BI3527" s="93"/>
      <c r="BJ3527" s="93"/>
      <c r="BK3527" s="93"/>
      <c r="BL3527" s="93"/>
    </row>
    <row r="3528" spans="2:64" x14ac:dyDescent="0.2">
      <c r="B3528" s="43"/>
      <c r="C3528" s="73"/>
      <c r="D3528" s="64"/>
      <c r="E3528" s="55"/>
      <c r="F3528" s="74"/>
      <c r="G3528" s="74"/>
      <c r="H3528" s="74"/>
      <c r="I3528" s="75"/>
      <c r="J3528" s="74"/>
      <c r="L3528" s="55"/>
      <c r="M3528" s="234"/>
      <c r="N3528" s="65"/>
      <c r="O3528" s="76"/>
      <c r="P3528" s="76"/>
      <c r="Q3528" s="65"/>
      <c r="R3528" s="76"/>
      <c r="S3528" s="76"/>
      <c r="T3528" s="76"/>
      <c r="U3528" s="76"/>
      <c r="V3528" s="76"/>
      <c r="W3528" s="76"/>
      <c r="X3528" s="76"/>
      <c r="Y3528" s="76"/>
      <c r="Z3528" s="76"/>
      <c r="AA3528" s="85"/>
      <c r="AB3528" s="85"/>
      <c r="AC3528" s="85"/>
      <c r="AD3528" s="85"/>
      <c r="AE3528" s="85"/>
      <c r="AF3528" s="85"/>
      <c r="AG3528" s="86"/>
      <c r="AH3528" s="85"/>
      <c r="AI3528" s="85"/>
      <c r="AJ3528" s="85"/>
      <c r="AK3528" s="85"/>
      <c r="AL3528" s="85"/>
      <c r="AM3528" s="92"/>
      <c r="AN3528" s="92"/>
      <c r="AO3528" s="92"/>
      <c r="AP3528" s="92"/>
      <c r="AQ3528" s="92"/>
      <c r="AR3528" s="92"/>
      <c r="AS3528" s="92"/>
      <c r="AT3528" s="92"/>
      <c r="AU3528" s="92"/>
      <c r="AV3528" s="92"/>
      <c r="AW3528" s="92"/>
      <c r="AX3528" s="92"/>
      <c r="AY3528" s="92"/>
      <c r="AZ3528" s="93"/>
      <c r="BA3528" s="93"/>
      <c r="BB3528" s="93"/>
      <c r="BC3528" s="93"/>
      <c r="BD3528" s="93"/>
      <c r="BE3528" s="93"/>
      <c r="BF3528" s="93"/>
      <c r="BG3528" s="93"/>
      <c r="BH3528" s="93"/>
      <c r="BI3528" s="93"/>
      <c r="BJ3528" s="93"/>
      <c r="BK3528" s="93"/>
      <c r="BL3528" s="93"/>
    </row>
    <row r="3529" spans="2:64" x14ac:dyDescent="0.2">
      <c r="B3529" s="43"/>
      <c r="C3529" s="73"/>
      <c r="D3529" s="64"/>
      <c r="E3529" s="55"/>
      <c r="F3529" s="74"/>
      <c r="G3529" s="74"/>
      <c r="H3529" s="74"/>
      <c r="I3529" s="75"/>
      <c r="J3529" s="74"/>
      <c r="L3529" s="55"/>
      <c r="M3529" s="234"/>
      <c r="N3529" s="65"/>
      <c r="O3529" s="76"/>
      <c r="P3529" s="76"/>
      <c r="Q3529" s="65"/>
      <c r="R3529" s="76"/>
      <c r="S3529" s="76"/>
      <c r="T3529" s="76"/>
      <c r="U3529" s="76"/>
      <c r="V3529" s="76"/>
      <c r="W3529" s="76"/>
      <c r="X3529" s="76"/>
      <c r="Y3529" s="76"/>
      <c r="Z3529" s="76"/>
      <c r="AA3529" s="85"/>
      <c r="AB3529" s="85"/>
      <c r="AC3529" s="85"/>
      <c r="AD3529" s="85"/>
      <c r="AE3529" s="85"/>
      <c r="AF3529" s="85"/>
      <c r="AG3529" s="86"/>
      <c r="AH3529" s="85"/>
      <c r="AI3529" s="85"/>
      <c r="AJ3529" s="85"/>
      <c r="AK3529" s="85"/>
      <c r="AL3529" s="85"/>
      <c r="AM3529" s="92"/>
      <c r="AN3529" s="92"/>
      <c r="AO3529" s="92"/>
      <c r="AP3529" s="92"/>
      <c r="AQ3529" s="92"/>
      <c r="AR3529" s="92"/>
      <c r="AS3529" s="92"/>
      <c r="AT3529" s="92"/>
      <c r="AU3529" s="92"/>
      <c r="AV3529" s="92"/>
      <c r="AW3529" s="92"/>
      <c r="AX3529" s="92"/>
      <c r="AY3529" s="92"/>
      <c r="AZ3529" s="93"/>
      <c r="BA3529" s="93"/>
      <c r="BB3529" s="93"/>
      <c r="BC3529" s="93"/>
      <c r="BD3529" s="93"/>
      <c r="BE3529" s="93"/>
      <c r="BF3529" s="93"/>
      <c r="BG3529" s="93"/>
      <c r="BH3529" s="93"/>
      <c r="BI3529" s="93"/>
      <c r="BJ3529" s="93"/>
      <c r="BK3529" s="93"/>
      <c r="BL3529" s="93"/>
    </row>
    <row r="3530" spans="2:64" x14ac:dyDescent="0.2">
      <c r="B3530" s="43"/>
      <c r="C3530" s="73"/>
      <c r="D3530" s="64"/>
      <c r="E3530" s="55"/>
      <c r="F3530" s="74"/>
      <c r="G3530" s="74"/>
      <c r="H3530" s="74"/>
      <c r="I3530" s="75"/>
      <c r="J3530" s="74"/>
      <c r="L3530" s="55"/>
      <c r="M3530" s="234"/>
      <c r="N3530" s="65"/>
      <c r="O3530" s="76"/>
      <c r="P3530" s="76"/>
      <c r="Q3530" s="65"/>
      <c r="R3530" s="76"/>
      <c r="S3530" s="76"/>
      <c r="T3530" s="76"/>
      <c r="U3530" s="76"/>
      <c r="V3530" s="76"/>
      <c r="W3530" s="76"/>
      <c r="X3530" s="76"/>
      <c r="Y3530" s="76"/>
      <c r="Z3530" s="76"/>
      <c r="AA3530" s="85"/>
      <c r="AB3530" s="85"/>
      <c r="AC3530" s="85"/>
      <c r="AD3530" s="85"/>
      <c r="AE3530" s="85"/>
      <c r="AF3530" s="85"/>
      <c r="AG3530" s="86"/>
      <c r="AH3530" s="85"/>
      <c r="AI3530" s="85"/>
      <c r="AJ3530" s="85"/>
      <c r="AK3530" s="85"/>
      <c r="AL3530" s="85"/>
      <c r="AM3530" s="92"/>
      <c r="AN3530" s="92"/>
      <c r="AO3530" s="92"/>
      <c r="AP3530" s="92"/>
      <c r="AQ3530" s="92"/>
      <c r="AR3530" s="92"/>
      <c r="AS3530" s="92"/>
      <c r="AT3530" s="92"/>
      <c r="AU3530" s="92"/>
      <c r="AV3530" s="92"/>
      <c r="AW3530" s="92"/>
      <c r="AX3530" s="92"/>
      <c r="AY3530" s="92"/>
      <c r="AZ3530" s="93"/>
      <c r="BA3530" s="93"/>
      <c r="BB3530" s="93"/>
      <c r="BC3530" s="93"/>
      <c r="BD3530" s="93"/>
      <c r="BE3530" s="93"/>
      <c r="BF3530" s="93"/>
      <c r="BG3530" s="93"/>
      <c r="BH3530" s="93"/>
      <c r="BI3530" s="93"/>
      <c r="BJ3530" s="93"/>
      <c r="BK3530" s="93"/>
      <c r="BL3530" s="93"/>
    </row>
    <row r="3531" spans="2:64" x14ac:dyDescent="0.2">
      <c r="B3531" s="43"/>
      <c r="C3531" s="73"/>
      <c r="D3531" s="64"/>
      <c r="E3531" s="55"/>
      <c r="F3531" s="74"/>
      <c r="G3531" s="74"/>
      <c r="H3531" s="74"/>
      <c r="I3531" s="75"/>
      <c r="J3531" s="74"/>
      <c r="L3531" s="55"/>
      <c r="M3531" s="234"/>
      <c r="N3531" s="65"/>
      <c r="O3531" s="76"/>
      <c r="P3531" s="76"/>
      <c r="Q3531" s="65"/>
      <c r="R3531" s="76"/>
      <c r="S3531" s="76"/>
      <c r="T3531" s="76"/>
      <c r="U3531" s="76"/>
      <c r="V3531" s="76"/>
      <c r="W3531" s="76"/>
      <c r="X3531" s="76"/>
      <c r="Y3531" s="76"/>
      <c r="Z3531" s="76"/>
      <c r="AA3531" s="85"/>
      <c r="AB3531" s="85"/>
      <c r="AC3531" s="85"/>
      <c r="AD3531" s="85"/>
      <c r="AE3531" s="85"/>
      <c r="AF3531" s="85"/>
      <c r="AG3531" s="86"/>
      <c r="AH3531" s="85"/>
      <c r="AI3531" s="85"/>
      <c r="AJ3531" s="85"/>
      <c r="AK3531" s="85"/>
      <c r="AL3531" s="85"/>
      <c r="AM3531" s="92"/>
      <c r="AN3531" s="92"/>
      <c r="AO3531" s="92"/>
      <c r="AP3531" s="92"/>
      <c r="AQ3531" s="92"/>
      <c r="AR3531" s="92"/>
      <c r="AS3531" s="92"/>
      <c r="AT3531" s="92"/>
      <c r="AU3531" s="92"/>
      <c r="AV3531" s="92"/>
      <c r="AW3531" s="92"/>
      <c r="AX3531" s="92"/>
      <c r="AY3531" s="92"/>
      <c r="AZ3531" s="93"/>
      <c r="BA3531" s="93"/>
      <c r="BB3531" s="93"/>
      <c r="BC3531" s="93"/>
      <c r="BD3531" s="93"/>
      <c r="BE3531" s="93"/>
      <c r="BF3531" s="93"/>
      <c r="BG3531" s="93"/>
      <c r="BH3531" s="93"/>
      <c r="BI3531" s="93"/>
      <c r="BJ3531" s="93"/>
      <c r="BK3531" s="93"/>
      <c r="BL3531" s="93"/>
    </row>
    <row r="3532" spans="2:64" x14ac:dyDescent="0.2">
      <c r="B3532" s="43"/>
      <c r="C3532" s="73"/>
      <c r="D3532" s="64"/>
      <c r="E3532" s="55"/>
      <c r="F3532" s="74"/>
      <c r="G3532" s="74"/>
      <c r="H3532" s="74"/>
      <c r="I3532" s="75"/>
      <c r="J3532" s="74"/>
      <c r="L3532" s="55"/>
      <c r="M3532" s="234"/>
      <c r="N3532" s="65"/>
      <c r="O3532" s="76"/>
      <c r="P3532" s="76"/>
      <c r="Q3532" s="65"/>
      <c r="R3532" s="76"/>
      <c r="S3532" s="76"/>
      <c r="T3532" s="76"/>
      <c r="U3532" s="76"/>
      <c r="V3532" s="76"/>
      <c r="W3532" s="76"/>
      <c r="X3532" s="76"/>
      <c r="Y3532" s="76"/>
      <c r="Z3532" s="76"/>
      <c r="AA3532" s="85"/>
      <c r="AB3532" s="85"/>
      <c r="AC3532" s="85"/>
      <c r="AD3532" s="85"/>
      <c r="AE3532" s="85"/>
      <c r="AF3532" s="85"/>
      <c r="AG3532" s="86"/>
      <c r="AH3532" s="85"/>
      <c r="AI3532" s="85"/>
      <c r="AJ3532" s="85"/>
      <c r="AK3532" s="85"/>
      <c r="AL3532" s="85"/>
      <c r="AM3532" s="92"/>
      <c r="AN3532" s="92"/>
      <c r="AO3532" s="92"/>
      <c r="AP3532" s="92"/>
      <c r="AQ3532" s="92"/>
      <c r="AR3532" s="92"/>
      <c r="AS3532" s="92"/>
      <c r="AT3532" s="92"/>
      <c r="AU3532" s="92"/>
      <c r="AV3532" s="92"/>
      <c r="AW3532" s="92"/>
      <c r="AX3532" s="92"/>
      <c r="AY3532" s="92"/>
      <c r="AZ3532" s="93"/>
      <c r="BA3532" s="93"/>
      <c r="BB3532" s="93"/>
      <c r="BC3532" s="93"/>
      <c r="BD3532" s="93"/>
      <c r="BE3532" s="93"/>
      <c r="BF3532" s="93"/>
      <c r="BG3532" s="93"/>
      <c r="BH3532" s="93"/>
      <c r="BI3532" s="93"/>
      <c r="BJ3532" s="93"/>
      <c r="BK3532" s="93"/>
      <c r="BL3532" s="93"/>
    </row>
    <row r="3533" spans="2:64" x14ac:dyDescent="0.2">
      <c r="B3533" s="43"/>
      <c r="C3533" s="73"/>
      <c r="D3533" s="64"/>
      <c r="E3533" s="55"/>
      <c r="F3533" s="74"/>
      <c r="G3533" s="74"/>
      <c r="H3533" s="74"/>
      <c r="I3533" s="75"/>
      <c r="J3533" s="74"/>
      <c r="L3533" s="55"/>
      <c r="M3533" s="234"/>
      <c r="N3533" s="65"/>
      <c r="O3533" s="76"/>
      <c r="P3533" s="76"/>
      <c r="Q3533" s="65"/>
      <c r="R3533" s="76"/>
      <c r="S3533" s="76"/>
      <c r="T3533" s="76"/>
      <c r="U3533" s="76"/>
      <c r="V3533" s="76"/>
      <c r="W3533" s="76"/>
      <c r="X3533" s="76"/>
      <c r="Y3533" s="76"/>
      <c r="Z3533" s="76"/>
      <c r="AA3533" s="85"/>
      <c r="AB3533" s="85"/>
      <c r="AC3533" s="85"/>
      <c r="AD3533" s="85"/>
      <c r="AE3533" s="85"/>
      <c r="AF3533" s="85"/>
      <c r="AG3533" s="86"/>
      <c r="AH3533" s="85"/>
      <c r="AI3533" s="85"/>
      <c r="AJ3533" s="85"/>
      <c r="AK3533" s="85"/>
      <c r="AL3533" s="85"/>
      <c r="AM3533" s="92"/>
      <c r="AN3533" s="92"/>
      <c r="AO3533" s="92"/>
      <c r="AP3533" s="92"/>
      <c r="AQ3533" s="92"/>
      <c r="AR3533" s="92"/>
      <c r="AS3533" s="92"/>
      <c r="AT3533" s="92"/>
      <c r="AU3533" s="92"/>
      <c r="AV3533" s="92"/>
      <c r="AW3533" s="92"/>
      <c r="AX3533" s="92"/>
      <c r="AY3533" s="92"/>
      <c r="AZ3533" s="93"/>
      <c r="BA3533" s="93"/>
      <c r="BB3533" s="93"/>
      <c r="BC3533" s="93"/>
      <c r="BD3533" s="93"/>
      <c r="BE3533" s="93"/>
      <c r="BF3533" s="93"/>
      <c r="BG3533" s="93"/>
      <c r="BH3533" s="93"/>
      <c r="BI3533" s="93"/>
      <c r="BJ3533" s="93"/>
      <c r="BK3533" s="93"/>
      <c r="BL3533" s="93"/>
    </row>
    <row r="3534" spans="2:64" x14ac:dyDescent="0.2">
      <c r="B3534" s="43"/>
      <c r="C3534" s="73"/>
      <c r="D3534" s="64"/>
      <c r="E3534" s="55"/>
      <c r="F3534" s="74"/>
      <c r="G3534" s="74"/>
      <c r="H3534" s="74"/>
      <c r="I3534" s="75"/>
      <c r="J3534" s="74"/>
      <c r="L3534" s="55"/>
      <c r="M3534" s="234"/>
      <c r="N3534" s="65"/>
      <c r="O3534" s="76"/>
      <c r="P3534" s="76"/>
      <c r="Q3534" s="65"/>
      <c r="R3534" s="76"/>
      <c r="S3534" s="76"/>
      <c r="T3534" s="76"/>
      <c r="U3534" s="76"/>
      <c r="V3534" s="76"/>
      <c r="W3534" s="76"/>
      <c r="X3534" s="76"/>
      <c r="Y3534" s="76"/>
      <c r="Z3534" s="76"/>
      <c r="AA3534" s="85"/>
      <c r="AB3534" s="85"/>
      <c r="AC3534" s="85"/>
      <c r="AD3534" s="85"/>
      <c r="AE3534" s="85"/>
      <c r="AF3534" s="85"/>
      <c r="AG3534" s="86"/>
      <c r="AH3534" s="85"/>
      <c r="AI3534" s="85"/>
      <c r="AJ3534" s="85"/>
      <c r="AK3534" s="85"/>
      <c r="AL3534" s="85"/>
      <c r="AM3534" s="92"/>
      <c r="AN3534" s="92"/>
      <c r="AO3534" s="92"/>
      <c r="AP3534" s="92"/>
      <c r="AQ3534" s="92"/>
      <c r="AR3534" s="92"/>
      <c r="AS3534" s="92"/>
      <c r="AT3534" s="92"/>
      <c r="AU3534" s="92"/>
      <c r="AV3534" s="92"/>
      <c r="AW3534" s="92"/>
      <c r="AX3534" s="92"/>
      <c r="AY3534" s="92"/>
      <c r="AZ3534" s="93"/>
      <c r="BA3534" s="93"/>
      <c r="BB3534" s="93"/>
      <c r="BC3534" s="93"/>
      <c r="BD3534" s="93"/>
      <c r="BE3534" s="93"/>
      <c r="BF3534" s="93"/>
      <c r="BG3534" s="93"/>
      <c r="BH3534" s="93"/>
      <c r="BI3534" s="93"/>
      <c r="BJ3534" s="93"/>
      <c r="BK3534" s="93"/>
      <c r="BL3534" s="93"/>
    </row>
    <row r="3535" spans="2:64" x14ac:dyDescent="0.2">
      <c r="B3535" s="43"/>
      <c r="C3535" s="73"/>
      <c r="D3535" s="64"/>
      <c r="E3535" s="55"/>
      <c r="F3535" s="74"/>
      <c r="G3535" s="74"/>
      <c r="H3535" s="74"/>
      <c r="I3535" s="75"/>
      <c r="J3535" s="74"/>
      <c r="L3535" s="55"/>
      <c r="M3535" s="234"/>
      <c r="N3535" s="65"/>
      <c r="O3535" s="76"/>
      <c r="P3535" s="76"/>
      <c r="Q3535" s="65"/>
      <c r="R3535" s="76"/>
      <c r="S3535" s="76"/>
      <c r="T3535" s="76"/>
      <c r="U3535" s="76"/>
      <c r="V3535" s="76"/>
      <c r="W3535" s="76"/>
      <c r="X3535" s="76"/>
      <c r="Y3535" s="76"/>
      <c r="Z3535" s="76"/>
      <c r="AA3535" s="85"/>
      <c r="AB3535" s="85"/>
      <c r="AC3535" s="85"/>
      <c r="AD3535" s="85"/>
      <c r="AE3535" s="85"/>
      <c r="AF3535" s="85"/>
      <c r="AG3535" s="86"/>
      <c r="AH3535" s="85"/>
      <c r="AI3535" s="85"/>
      <c r="AJ3535" s="85"/>
      <c r="AK3535" s="85"/>
      <c r="AL3535" s="85"/>
      <c r="AM3535" s="92"/>
      <c r="AN3535" s="92"/>
      <c r="AO3535" s="92"/>
      <c r="AP3535" s="92"/>
      <c r="AQ3535" s="92"/>
      <c r="AR3535" s="92"/>
      <c r="AS3535" s="92"/>
      <c r="AT3535" s="92"/>
      <c r="AU3535" s="92"/>
      <c r="AV3535" s="92"/>
      <c r="AW3535" s="92"/>
      <c r="AX3535" s="92"/>
      <c r="AY3535" s="92"/>
      <c r="AZ3535" s="93"/>
      <c r="BA3535" s="93"/>
      <c r="BB3535" s="93"/>
      <c r="BC3535" s="93"/>
      <c r="BD3535" s="93"/>
      <c r="BE3535" s="93"/>
      <c r="BF3535" s="93"/>
      <c r="BG3535" s="93"/>
      <c r="BH3535" s="93"/>
      <c r="BI3535" s="93"/>
      <c r="BJ3535" s="93"/>
      <c r="BK3535" s="93"/>
      <c r="BL3535" s="93"/>
    </row>
    <row r="3536" spans="2:64" x14ac:dyDescent="0.2">
      <c r="B3536" s="43"/>
      <c r="C3536" s="73"/>
      <c r="D3536" s="64"/>
      <c r="E3536" s="55"/>
      <c r="F3536" s="74"/>
      <c r="G3536" s="74"/>
      <c r="H3536" s="74"/>
      <c r="I3536" s="75"/>
      <c r="J3536" s="74"/>
      <c r="L3536" s="55"/>
      <c r="M3536" s="234"/>
      <c r="N3536" s="65"/>
      <c r="O3536" s="76"/>
      <c r="P3536" s="76"/>
      <c r="Q3536" s="65"/>
      <c r="R3536" s="76"/>
      <c r="S3536" s="76"/>
      <c r="T3536" s="76"/>
      <c r="U3536" s="76"/>
      <c r="V3536" s="76"/>
      <c r="W3536" s="76"/>
      <c r="X3536" s="76"/>
      <c r="Y3536" s="76"/>
      <c r="Z3536" s="76"/>
      <c r="AA3536" s="85"/>
      <c r="AB3536" s="85"/>
      <c r="AC3536" s="85"/>
      <c r="AD3536" s="85"/>
      <c r="AE3536" s="85"/>
      <c r="AF3536" s="85"/>
      <c r="AG3536" s="86"/>
      <c r="AH3536" s="85"/>
      <c r="AI3536" s="85"/>
      <c r="AJ3536" s="85"/>
      <c r="AK3536" s="85"/>
      <c r="AL3536" s="85"/>
      <c r="AM3536" s="92"/>
      <c r="AN3536" s="92"/>
      <c r="AO3536" s="92"/>
      <c r="AP3536" s="92"/>
      <c r="AQ3536" s="92"/>
      <c r="AR3536" s="92"/>
      <c r="AS3536" s="92"/>
      <c r="AT3536" s="92"/>
      <c r="AU3536" s="92"/>
      <c r="AV3536" s="92"/>
      <c r="AW3536" s="92"/>
      <c r="AX3536" s="92"/>
      <c r="AY3536" s="92"/>
      <c r="AZ3536" s="93"/>
      <c r="BA3536" s="93"/>
      <c r="BB3536" s="93"/>
      <c r="BC3536" s="93"/>
      <c r="BD3536" s="93"/>
      <c r="BE3536" s="93"/>
      <c r="BF3536" s="93"/>
      <c r="BG3536" s="93"/>
      <c r="BH3536" s="93"/>
      <c r="BI3536" s="93"/>
      <c r="BJ3536" s="93"/>
      <c r="BK3536" s="93"/>
      <c r="BL3536" s="93"/>
    </row>
    <row r="3537" spans="2:64" x14ac:dyDescent="0.2">
      <c r="B3537" s="43"/>
      <c r="C3537" s="73"/>
      <c r="D3537" s="64"/>
      <c r="E3537" s="55"/>
      <c r="F3537" s="74"/>
      <c r="G3537" s="74"/>
      <c r="H3537" s="74"/>
      <c r="I3537" s="75"/>
      <c r="J3537" s="74"/>
      <c r="L3537" s="55"/>
      <c r="M3537" s="234"/>
      <c r="N3537" s="65"/>
      <c r="O3537" s="76"/>
      <c r="P3537" s="76"/>
      <c r="Q3537" s="65"/>
      <c r="R3537" s="76"/>
      <c r="S3537" s="76"/>
      <c r="T3537" s="76"/>
      <c r="U3537" s="76"/>
      <c r="V3537" s="76"/>
      <c r="W3537" s="76"/>
      <c r="X3537" s="76"/>
      <c r="Y3537" s="76"/>
      <c r="Z3537" s="76"/>
      <c r="AA3537" s="85"/>
      <c r="AB3537" s="85"/>
      <c r="AC3537" s="85"/>
      <c r="AD3537" s="85"/>
      <c r="AE3537" s="85"/>
      <c r="AF3537" s="85"/>
      <c r="AG3537" s="86"/>
      <c r="AH3537" s="85"/>
      <c r="AI3537" s="85"/>
      <c r="AJ3537" s="85"/>
      <c r="AK3537" s="85"/>
      <c r="AL3537" s="85"/>
      <c r="AM3537" s="92"/>
      <c r="AN3537" s="92"/>
      <c r="AO3537" s="92"/>
      <c r="AP3537" s="92"/>
      <c r="AQ3537" s="92"/>
      <c r="AR3537" s="92"/>
      <c r="AS3537" s="92"/>
      <c r="AT3537" s="92"/>
      <c r="AU3537" s="92"/>
      <c r="AV3537" s="92"/>
      <c r="AW3537" s="92"/>
      <c r="AX3537" s="92"/>
      <c r="AY3537" s="92"/>
      <c r="AZ3537" s="93"/>
      <c r="BA3537" s="93"/>
      <c r="BB3537" s="93"/>
      <c r="BC3537" s="93"/>
      <c r="BD3537" s="93"/>
      <c r="BE3537" s="93"/>
      <c r="BF3537" s="93"/>
      <c r="BG3537" s="93"/>
      <c r="BH3537" s="93"/>
      <c r="BI3537" s="93"/>
      <c r="BJ3537" s="93"/>
      <c r="BK3537" s="93"/>
      <c r="BL3537" s="93"/>
    </row>
    <row r="3538" spans="2:64" x14ac:dyDescent="0.2">
      <c r="B3538" s="43"/>
      <c r="C3538" s="73"/>
      <c r="D3538" s="64"/>
      <c r="E3538" s="55"/>
      <c r="F3538" s="74"/>
      <c r="G3538" s="74"/>
      <c r="H3538" s="74"/>
      <c r="I3538" s="75"/>
      <c r="J3538" s="74"/>
      <c r="L3538" s="55"/>
      <c r="M3538" s="234"/>
      <c r="N3538" s="65"/>
      <c r="O3538" s="76"/>
      <c r="P3538" s="76"/>
      <c r="Q3538" s="65"/>
      <c r="R3538" s="76"/>
      <c r="S3538" s="76"/>
      <c r="T3538" s="76"/>
      <c r="U3538" s="76"/>
      <c r="V3538" s="76"/>
      <c r="W3538" s="76"/>
      <c r="X3538" s="76"/>
      <c r="Y3538" s="76"/>
      <c r="Z3538" s="76"/>
      <c r="AA3538" s="85"/>
      <c r="AB3538" s="85"/>
      <c r="AC3538" s="85"/>
      <c r="AD3538" s="85"/>
      <c r="AE3538" s="85"/>
      <c r="AF3538" s="85"/>
      <c r="AG3538" s="86"/>
      <c r="AH3538" s="85"/>
      <c r="AI3538" s="85"/>
      <c r="AJ3538" s="85"/>
      <c r="AK3538" s="85"/>
      <c r="AL3538" s="85"/>
      <c r="AM3538" s="92"/>
      <c r="AN3538" s="92"/>
      <c r="AO3538" s="92"/>
      <c r="AP3538" s="92"/>
      <c r="AQ3538" s="92"/>
      <c r="AR3538" s="92"/>
      <c r="AS3538" s="92"/>
      <c r="AT3538" s="92"/>
      <c r="AU3538" s="92"/>
      <c r="AV3538" s="92"/>
      <c r="AW3538" s="92"/>
      <c r="AX3538" s="92"/>
      <c r="AY3538" s="92"/>
      <c r="AZ3538" s="93"/>
      <c r="BA3538" s="93"/>
      <c r="BB3538" s="93"/>
      <c r="BC3538" s="93"/>
      <c r="BD3538" s="93"/>
      <c r="BE3538" s="93"/>
      <c r="BF3538" s="93"/>
      <c r="BG3538" s="93"/>
      <c r="BH3538" s="93"/>
      <c r="BI3538" s="93"/>
      <c r="BJ3538" s="93"/>
      <c r="BK3538" s="93"/>
      <c r="BL3538" s="93"/>
    </row>
    <row r="3539" spans="2:64" x14ac:dyDescent="0.2">
      <c r="B3539" s="43"/>
      <c r="C3539" s="73"/>
      <c r="D3539" s="64"/>
      <c r="E3539" s="55"/>
      <c r="F3539" s="74"/>
      <c r="G3539" s="74"/>
      <c r="H3539" s="74"/>
      <c r="I3539" s="75"/>
      <c r="J3539" s="74"/>
      <c r="L3539" s="55"/>
      <c r="M3539" s="234"/>
      <c r="N3539" s="65"/>
      <c r="O3539" s="76"/>
      <c r="P3539" s="76"/>
      <c r="Q3539" s="65"/>
      <c r="R3539" s="76"/>
      <c r="S3539" s="76"/>
      <c r="T3539" s="76"/>
      <c r="U3539" s="76"/>
      <c r="V3539" s="76"/>
      <c r="W3539" s="76"/>
      <c r="X3539" s="76"/>
      <c r="Y3539" s="76"/>
      <c r="Z3539" s="76"/>
      <c r="AA3539" s="85"/>
      <c r="AB3539" s="85"/>
      <c r="AC3539" s="85"/>
      <c r="AD3539" s="85"/>
      <c r="AE3539" s="85"/>
      <c r="AF3539" s="85"/>
      <c r="AG3539" s="86"/>
      <c r="AH3539" s="85"/>
      <c r="AI3539" s="85"/>
      <c r="AJ3539" s="85"/>
      <c r="AK3539" s="85"/>
      <c r="AL3539" s="85"/>
      <c r="AM3539" s="92"/>
      <c r="AN3539" s="92"/>
      <c r="AO3539" s="92"/>
      <c r="AP3539" s="92"/>
      <c r="AQ3539" s="92"/>
      <c r="AR3539" s="92"/>
      <c r="AS3539" s="92"/>
      <c r="AT3539" s="92"/>
      <c r="AU3539" s="92"/>
      <c r="AV3539" s="92"/>
      <c r="AW3539" s="92"/>
      <c r="AX3539" s="92"/>
      <c r="AY3539" s="92"/>
      <c r="AZ3539" s="93"/>
      <c r="BA3539" s="93"/>
      <c r="BB3539" s="93"/>
      <c r="BC3539" s="93"/>
      <c r="BD3539" s="93"/>
      <c r="BE3539" s="93"/>
      <c r="BF3539" s="93"/>
      <c r="BG3539" s="93"/>
      <c r="BH3539" s="93"/>
      <c r="BI3539" s="93"/>
      <c r="BJ3539" s="93"/>
      <c r="BK3539" s="93"/>
      <c r="BL3539" s="93"/>
    </row>
    <row r="3540" spans="2:64" x14ac:dyDescent="0.2">
      <c r="B3540" s="43"/>
      <c r="C3540" s="73"/>
      <c r="D3540" s="64"/>
      <c r="E3540" s="55"/>
      <c r="F3540" s="74"/>
      <c r="G3540" s="74"/>
      <c r="H3540" s="74"/>
      <c r="I3540" s="75"/>
      <c r="J3540" s="74"/>
      <c r="L3540" s="55"/>
      <c r="M3540" s="234"/>
      <c r="N3540" s="65"/>
      <c r="O3540" s="76"/>
      <c r="P3540" s="76"/>
      <c r="Q3540" s="65"/>
      <c r="R3540" s="76"/>
      <c r="S3540" s="76"/>
      <c r="T3540" s="76"/>
      <c r="U3540" s="76"/>
      <c r="V3540" s="76"/>
      <c r="W3540" s="76"/>
      <c r="X3540" s="76"/>
      <c r="Y3540" s="76"/>
      <c r="Z3540" s="76"/>
      <c r="AA3540" s="85"/>
      <c r="AB3540" s="85"/>
      <c r="AC3540" s="85"/>
      <c r="AD3540" s="85"/>
      <c r="AE3540" s="85"/>
      <c r="AF3540" s="85"/>
      <c r="AG3540" s="86"/>
      <c r="AH3540" s="85"/>
      <c r="AI3540" s="85"/>
      <c r="AJ3540" s="85"/>
      <c r="AK3540" s="85"/>
      <c r="AL3540" s="85"/>
      <c r="AM3540" s="92"/>
      <c r="AN3540" s="92"/>
      <c r="AO3540" s="92"/>
      <c r="AP3540" s="92"/>
      <c r="AQ3540" s="92"/>
      <c r="AR3540" s="92"/>
      <c r="AS3540" s="92"/>
      <c r="AT3540" s="92"/>
      <c r="AU3540" s="92"/>
      <c r="AV3540" s="92"/>
      <c r="AW3540" s="92"/>
      <c r="AX3540" s="92"/>
      <c r="AY3540" s="92"/>
      <c r="AZ3540" s="93"/>
      <c r="BA3540" s="93"/>
      <c r="BB3540" s="93"/>
      <c r="BC3540" s="93"/>
      <c r="BD3540" s="93"/>
      <c r="BE3540" s="93"/>
      <c r="BF3540" s="93"/>
      <c r="BG3540" s="93"/>
      <c r="BH3540" s="93"/>
      <c r="BI3540" s="93"/>
      <c r="BJ3540" s="93"/>
      <c r="BK3540" s="93"/>
      <c r="BL3540" s="93"/>
    </row>
    <row r="3541" spans="2:64" x14ac:dyDescent="0.2">
      <c r="B3541" s="43"/>
      <c r="C3541" s="73"/>
      <c r="D3541" s="64"/>
      <c r="E3541" s="55"/>
      <c r="F3541" s="74"/>
      <c r="G3541" s="74"/>
      <c r="H3541" s="74"/>
      <c r="I3541" s="75"/>
      <c r="J3541" s="74"/>
      <c r="L3541" s="55"/>
      <c r="M3541" s="234"/>
      <c r="N3541" s="65"/>
      <c r="O3541" s="76"/>
      <c r="P3541" s="76"/>
      <c r="Q3541" s="65"/>
      <c r="R3541" s="76"/>
      <c r="S3541" s="76"/>
      <c r="T3541" s="76"/>
      <c r="U3541" s="76"/>
      <c r="V3541" s="76"/>
      <c r="W3541" s="76"/>
      <c r="X3541" s="76"/>
      <c r="Y3541" s="76"/>
      <c r="Z3541" s="76"/>
      <c r="AA3541" s="85"/>
      <c r="AB3541" s="85"/>
      <c r="AC3541" s="85"/>
      <c r="AD3541" s="85"/>
      <c r="AE3541" s="85"/>
      <c r="AF3541" s="85"/>
      <c r="AG3541" s="86"/>
      <c r="AH3541" s="85"/>
      <c r="AI3541" s="85"/>
      <c r="AJ3541" s="85"/>
      <c r="AK3541" s="85"/>
      <c r="AL3541" s="85"/>
      <c r="AM3541" s="92"/>
      <c r="AN3541" s="92"/>
      <c r="AO3541" s="92"/>
      <c r="AP3541" s="92"/>
      <c r="AQ3541" s="92"/>
      <c r="AR3541" s="92"/>
      <c r="AS3541" s="92"/>
      <c r="AT3541" s="92"/>
      <c r="AU3541" s="92"/>
      <c r="AV3541" s="92"/>
      <c r="AW3541" s="92"/>
      <c r="AX3541" s="92"/>
      <c r="AY3541" s="92"/>
      <c r="AZ3541" s="93"/>
      <c r="BA3541" s="93"/>
      <c r="BB3541" s="93"/>
      <c r="BC3541" s="93"/>
      <c r="BD3541" s="93"/>
      <c r="BE3541" s="93"/>
      <c r="BF3541" s="93"/>
      <c r="BG3541" s="93"/>
      <c r="BH3541" s="93"/>
      <c r="BI3541" s="93"/>
      <c r="BJ3541" s="93"/>
      <c r="BK3541" s="93"/>
      <c r="BL3541" s="93"/>
    </row>
    <row r="3542" spans="2:64" x14ac:dyDescent="0.2">
      <c r="B3542" s="43"/>
      <c r="C3542" s="73"/>
      <c r="D3542" s="64"/>
      <c r="E3542" s="55"/>
      <c r="F3542" s="74"/>
      <c r="G3542" s="74"/>
      <c r="H3542" s="74"/>
      <c r="I3542" s="75"/>
      <c r="J3542" s="74"/>
      <c r="L3542" s="55"/>
      <c r="M3542" s="234"/>
      <c r="N3542" s="65"/>
      <c r="O3542" s="76"/>
      <c r="P3542" s="76"/>
      <c r="Q3542" s="65"/>
      <c r="R3542" s="76"/>
      <c r="S3542" s="76"/>
      <c r="T3542" s="76"/>
      <c r="U3542" s="76"/>
      <c r="V3542" s="76"/>
      <c r="W3542" s="76"/>
      <c r="X3542" s="76"/>
      <c r="Y3542" s="76"/>
      <c r="Z3542" s="76"/>
      <c r="AA3542" s="85"/>
      <c r="AB3542" s="85"/>
      <c r="AC3542" s="85"/>
      <c r="AD3542" s="85"/>
      <c r="AE3542" s="85"/>
      <c r="AF3542" s="85"/>
      <c r="AG3542" s="86"/>
      <c r="AH3542" s="85"/>
      <c r="AI3542" s="85"/>
      <c r="AJ3542" s="85"/>
      <c r="AK3542" s="85"/>
      <c r="AL3542" s="85"/>
      <c r="AM3542" s="92"/>
      <c r="AN3542" s="92"/>
      <c r="AO3542" s="92"/>
      <c r="AP3542" s="92"/>
      <c r="AQ3542" s="92"/>
      <c r="AR3542" s="92"/>
      <c r="AS3542" s="92"/>
      <c r="AT3542" s="92"/>
      <c r="AU3542" s="92"/>
      <c r="AV3542" s="92"/>
      <c r="AW3542" s="92"/>
      <c r="AX3542" s="92"/>
      <c r="AY3542" s="92"/>
      <c r="AZ3542" s="93"/>
      <c r="BA3542" s="93"/>
      <c r="BB3542" s="93"/>
      <c r="BC3542" s="93"/>
      <c r="BD3542" s="93"/>
      <c r="BE3542" s="93"/>
      <c r="BF3542" s="93"/>
      <c r="BG3542" s="93"/>
      <c r="BH3542" s="93"/>
      <c r="BI3542" s="93"/>
      <c r="BJ3542" s="93"/>
      <c r="BK3542" s="93"/>
      <c r="BL3542" s="93"/>
    </row>
    <row r="3543" spans="2:64" x14ac:dyDescent="0.2">
      <c r="B3543" s="43"/>
      <c r="C3543" s="73"/>
      <c r="D3543" s="64"/>
      <c r="E3543" s="55"/>
      <c r="F3543" s="74"/>
      <c r="G3543" s="74"/>
      <c r="H3543" s="74"/>
      <c r="I3543" s="75"/>
      <c r="J3543" s="74"/>
      <c r="L3543" s="55"/>
      <c r="M3543" s="234"/>
      <c r="N3543" s="65"/>
      <c r="O3543" s="76"/>
      <c r="P3543" s="76"/>
      <c r="Q3543" s="65"/>
      <c r="R3543" s="76"/>
      <c r="S3543" s="76"/>
      <c r="T3543" s="76"/>
      <c r="U3543" s="76"/>
      <c r="V3543" s="76"/>
      <c r="W3543" s="76"/>
      <c r="X3543" s="76"/>
      <c r="Y3543" s="76"/>
      <c r="Z3543" s="76"/>
      <c r="AA3543" s="85"/>
      <c r="AB3543" s="85"/>
      <c r="AC3543" s="85"/>
      <c r="AD3543" s="85"/>
      <c r="AE3543" s="85"/>
      <c r="AF3543" s="85"/>
      <c r="AG3543" s="86"/>
      <c r="AH3543" s="85"/>
      <c r="AI3543" s="85"/>
      <c r="AJ3543" s="85"/>
      <c r="AK3543" s="85"/>
      <c r="AL3543" s="85"/>
      <c r="AM3543" s="92"/>
      <c r="AN3543" s="92"/>
      <c r="AO3543" s="92"/>
      <c r="AP3543" s="92"/>
      <c r="AQ3543" s="92"/>
      <c r="AR3543" s="92"/>
      <c r="AS3543" s="92"/>
      <c r="AT3543" s="92"/>
      <c r="AU3543" s="92"/>
      <c r="AV3543" s="92"/>
      <c r="AW3543" s="92"/>
      <c r="AX3543" s="92"/>
      <c r="AY3543" s="92"/>
      <c r="AZ3543" s="93"/>
      <c r="BA3543" s="93"/>
      <c r="BB3543" s="93"/>
      <c r="BC3543" s="93"/>
      <c r="BD3543" s="93"/>
      <c r="BE3543" s="93"/>
      <c r="BF3543" s="93"/>
      <c r="BG3543" s="93"/>
      <c r="BH3543" s="93"/>
      <c r="BI3543" s="93"/>
      <c r="BJ3543" s="93"/>
      <c r="BK3543" s="93"/>
      <c r="BL3543" s="93"/>
    </row>
    <row r="3544" spans="2:64" x14ac:dyDescent="0.2">
      <c r="B3544" s="43"/>
      <c r="C3544" s="73"/>
      <c r="D3544" s="64"/>
      <c r="E3544" s="55"/>
      <c r="F3544" s="74"/>
      <c r="G3544" s="74"/>
      <c r="H3544" s="74"/>
      <c r="I3544" s="75"/>
      <c r="J3544" s="74"/>
      <c r="L3544" s="55"/>
      <c r="M3544" s="234"/>
      <c r="N3544" s="65"/>
      <c r="O3544" s="76"/>
      <c r="P3544" s="76"/>
      <c r="Q3544" s="65"/>
      <c r="R3544" s="76"/>
      <c r="S3544" s="76"/>
      <c r="T3544" s="76"/>
      <c r="U3544" s="76"/>
      <c r="V3544" s="76"/>
      <c r="W3544" s="76"/>
      <c r="X3544" s="76"/>
      <c r="Y3544" s="76"/>
      <c r="Z3544" s="76"/>
      <c r="AA3544" s="85"/>
      <c r="AB3544" s="85"/>
      <c r="AC3544" s="85"/>
      <c r="AD3544" s="85"/>
      <c r="AE3544" s="85"/>
      <c r="AF3544" s="85"/>
      <c r="AG3544" s="86"/>
      <c r="AH3544" s="85"/>
      <c r="AI3544" s="85"/>
      <c r="AJ3544" s="85"/>
      <c r="AK3544" s="85"/>
      <c r="AL3544" s="85"/>
      <c r="AM3544" s="92"/>
      <c r="AN3544" s="92"/>
      <c r="AO3544" s="92"/>
      <c r="AP3544" s="92"/>
      <c r="AQ3544" s="92"/>
      <c r="AR3544" s="92"/>
      <c r="AS3544" s="92"/>
      <c r="AT3544" s="92"/>
      <c r="AU3544" s="92"/>
      <c r="AV3544" s="92"/>
      <c r="AW3544" s="92"/>
      <c r="AX3544" s="92"/>
      <c r="AY3544" s="92"/>
      <c r="AZ3544" s="93"/>
      <c r="BA3544" s="93"/>
      <c r="BB3544" s="93"/>
      <c r="BC3544" s="93"/>
      <c r="BD3544" s="93"/>
      <c r="BE3544" s="93"/>
      <c r="BF3544" s="93"/>
      <c r="BG3544" s="93"/>
      <c r="BH3544" s="93"/>
      <c r="BI3544" s="93"/>
      <c r="BJ3544" s="93"/>
      <c r="BK3544" s="93"/>
      <c r="BL3544" s="93"/>
    </row>
    <row r="3545" spans="2:64" x14ac:dyDescent="0.2">
      <c r="B3545" s="43"/>
      <c r="C3545" s="73"/>
      <c r="D3545" s="64"/>
      <c r="E3545" s="55"/>
      <c r="F3545" s="74"/>
      <c r="G3545" s="74"/>
      <c r="H3545" s="74"/>
      <c r="I3545" s="75"/>
      <c r="J3545" s="74"/>
      <c r="L3545" s="55"/>
      <c r="M3545" s="234"/>
      <c r="N3545" s="65"/>
      <c r="O3545" s="76"/>
      <c r="P3545" s="76"/>
      <c r="Q3545" s="65"/>
      <c r="R3545" s="76"/>
      <c r="S3545" s="76"/>
      <c r="T3545" s="76"/>
      <c r="U3545" s="76"/>
      <c r="V3545" s="76"/>
      <c r="W3545" s="76"/>
      <c r="X3545" s="76"/>
      <c r="Y3545" s="76"/>
      <c r="Z3545" s="76"/>
      <c r="AA3545" s="85"/>
      <c r="AB3545" s="85"/>
      <c r="AC3545" s="85"/>
      <c r="AD3545" s="85"/>
      <c r="AE3545" s="85"/>
      <c r="AF3545" s="85"/>
      <c r="AG3545" s="86"/>
      <c r="AH3545" s="85"/>
      <c r="AI3545" s="85"/>
      <c r="AJ3545" s="85"/>
      <c r="AK3545" s="85"/>
      <c r="AL3545" s="85"/>
      <c r="AM3545" s="92"/>
      <c r="AN3545" s="92"/>
      <c r="AO3545" s="92"/>
      <c r="AP3545" s="92"/>
      <c r="AQ3545" s="92"/>
      <c r="AR3545" s="92"/>
      <c r="AS3545" s="92"/>
      <c r="AT3545" s="92"/>
      <c r="AU3545" s="92"/>
      <c r="AV3545" s="92"/>
      <c r="AW3545" s="92"/>
      <c r="AX3545" s="92"/>
      <c r="AY3545" s="92"/>
      <c r="AZ3545" s="93"/>
      <c r="BA3545" s="93"/>
      <c r="BB3545" s="93"/>
      <c r="BC3545" s="93"/>
      <c r="BD3545" s="93"/>
      <c r="BE3545" s="93"/>
      <c r="BF3545" s="93"/>
      <c r="BG3545" s="93"/>
      <c r="BH3545" s="93"/>
      <c r="BI3545" s="93"/>
      <c r="BJ3545" s="93"/>
      <c r="BK3545" s="93"/>
      <c r="BL3545" s="93"/>
    </row>
    <row r="3546" spans="2:64" x14ac:dyDescent="0.2">
      <c r="B3546" s="43"/>
      <c r="C3546" s="73"/>
      <c r="D3546" s="64"/>
      <c r="E3546" s="55"/>
      <c r="F3546" s="74"/>
      <c r="G3546" s="74"/>
      <c r="H3546" s="74"/>
      <c r="I3546" s="75"/>
      <c r="J3546" s="74"/>
      <c r="L3546" s="55"/>
      <c r="M3546" s="234"/>
      <c r="N3546" s="65"/>
      <c r="O3546" s="76"/>
      <c r="P3546" s="76"/>
      <c r="Q3546" s="65"/>
      <c r="R3546" s="76"/>
      <c r="S3546" s="76"/>
      <c r="T3546" s="76"/>
      <c r="U3546" s="76"/>
      <c r="V3546" s="76"/>
      <c r="W3546" s="76"/>
      <c r="X3546" s="76"/>
      <c r="Y3546" s="76"/>
      <c r="Z3546" s="76"/>
      <c r="AA3546" s="85"/>
      <c r="AB3546" s="85"/>
      <c r="AC3546" s="85"/>
      <c r="AD3546" s="85"/>
      <c r="AE3546" s="85"/>
      <c r="AF3546" s="85"/>
      <c r="AG3546" s="86"/>
      <c r="AH3546" s="85"/>
      <c r="AI3546" s="85"/>
      <c r="AJ3546" s="85"/>
      <c r="AK3546" s="85"/>
      <c r="AL3546" s="85"/>
      <c r="AM3546" s="92"/>
      <c r="AN3546" s="92"/>
      <c r="AO3546" s="92"/>
      <c r="AP3546" s="92"/>
      <c r="AQ3546" s="92"/>
      <c r="AR3546" s="92"/>
      <c r="AS3546" s="92"/>
      <c r="AT3546" s="92"/>
      <c r="AU3546" s="92"/>
      <c r="AV3546" s="92"/>
      <c r="AW3546" s="92"/>
      <c r="AX3546" s="92"/>
      <c r="AY3546" s="92"/>
      <c r="AZ3546" s="93"/>
      <c r="BA3546" s="93"/>
      <c r="BB3546" s="93"/>
      <c r="BC3546" s="93"/>
      <c r="BD3546" s="93"/>
      <c r="BE3546" s="93"/>
      <c r="BF3546" s="93"/>
      <c r="BG3546" s="93"/>
      <c r="BH3546" s="93"/>
      <c r="BI3546" s="93"/>
      <c r="BJ3546" s="93"/>
      <c r="BK3546" s="93"/>
      <c r="BL3546" s="93"/>
    </row>
    <row r="3547" spans="2:64" x14ac:dyDescent="0.2">
      <c r="B3547" s="43"/>
      <c r="C3547" s="73"/>
      <c r="D3547" s="64"/>
      <c r="E3547" s="55"/>
      <c r="F3547" s="74"/>
      <c r="G3547" s="74"/>
      <c r="H3547" s="74"/>
      <c r="I3547" s="75"/>
      <c r="J3547" s="74"/>
      <c r="L3547" s="55"/>
      <c r="M3547" s="234"/>
      <c r="N3547" s="65"/>
      <c r="O3547" s="76"/>
      <c r="P3547" s="76"/>
      <c r="Q3547" s="65"/>
      <c r="R3547" s="76"/>
      <c r="S3547" s="76"/>
      <c r="T3547" s="76"/>
      <c r="U3547" s="76"/>
      <c r="V3547" s="76"/>
      <c r="W3547" s="76"/>
      <c r="X3547" s="76"/>
      <c r="Y3547" s="76"/>
      <c r="Z3547" s="76"/>
      <c r="AA3547" s="85"/>
      <c r="AB3547" s="85"/>
      <c r="AC3547" s="85"/>
      <c r="AD3547" s="85"/>
      <c r="AE3547" s="85"/>
      <c r="AF3547" s="85"/>
      <c r="AG3547" s="86"/>
      <c r="AH3547" s="85"/>
      <c r="AI3547" s="85"/>
      <c r="AJ3547" s="85"/>
      <c r="AK3547" s="85"/>
      <c r="AL3547" s="85"/>
      <c r="AM3547" s="92"/>
      <c r="AN3547" s="92"/>
      <c r="AO3547" s="92"/>
      <c r="AP3547" s="92"/>
      <c r="AQ3547" s="92"/>
      <c r="AR3547" s="92"/>
      <c r="AS3547" s="92"/>
      <c r="AT3547" s="92"/>
      <c r="AU3547" s="92"/>
      <c r="AV3547" s="92"/>
      <c r="AW3547" s="92"/>
      <c r="AX3547" s="92"/>
      <c r="AY3547" s="92"/>
      <c r="AZ3547" s="93"/>
      <c r="BA3547" s="93"/>
      <c r="BB3547" s="93"/>
      <c r="BC3547" s="93"/>
      <c r="BD3547" s="93"/>
      <c r="BE3547" s="93"/>
      <c r="BF3547" s="93"/>
      <c r="BG3547" s="93"/>
      <c r="BH3547" s="93"/>
      <c r="BI3547" s="93"/>
      <c r="BJ3547" s="93"/>
      <c r="BK3547" s="93"/>
      <c r="BL3547" s="93"/>
    </row>
    <row r="3548" spans="2:64" x14ac:dyDescent="0.2">
      <c r="B3548" s="43"/>
      <c r="C3548" s="73"/>
      <c r="D3548" s="64"/>
      <c r="E3548" s="55"/>
      <c r="F3548" s="74"/>
      <c r="G3548" s="74"/>
      <c r="H3548" s="74"/>
      <c r="I3548" s="75"/>
      <c r="J3548" s="74"/>
      <c r="L3548" s="55"/>
      <c r="M3548" s="234"/>
      <c r="N3548" s="65"/>
      <c r="O3548" s="76"/>
      <c r="P3548" s="76"/>
      <c r="Q3548" s="65"/>
      <c r="R3548" s="76"/>
      <c r="S3548" s="76"/>
      <c r="T3548" s="76"/>
      <c r="U3548" s="76"/>
      <c r="V3548" s="76"/>
      <c r="W3548" s="76"/>
      <c r="X3548" s="76"/>
      <c r="Y3548" s="76"/>
      <c r="Z3548" s="76"/>
      <c r="AA3548" s="85"/>
      <c r="AB3548" s="85"/>
      <c r="AC3548" s="85"/>
      <c r="AD3548" s="85"/>
      <c r="AE3548" s="85"/>
      <c r="AF3548" s="85"/>
      <c r="AG3548" s="86"/>
      <c r="AH3548" s="85"/>
      <c r="AI3548" s="85"/>
      <c r="AJ3548" s="85"/>
      <c r="AK3548" s="85"/>
      <c r="AL3548" s="85"/>
      <c r="AM3548" s="92"/>
      <c r="AN3548" s="92"/>
      <c r="AO3548" s="92"/>
      <c r="AP3548" s="92"/>
      <c r="AQ3548" s="92"/>
      <c r="AR3548" s="92"/>
      <c r="AS3548" s="92"/>
      <c r="AT3548" s="92"/>
      <c r="AU3548" s="92"/>
      <c r="AV3548" s="92"/>
      <c r="AW3548" s="92"/>
      <c r="AX3548" s="92"/>
      <c r="AY3548" s="92"/>
      <c r="AZ3548" s="93"/>
      <c r="BA3548" s="93"/>
      <c r="BB3548" s="93"/>
      <c r="BC3548" s="93"/>
      <c r="BD3548" s="93"/>
      <c r="BE3548" s="93"/>
      <c r="BF3548" s="93"/>
      <c r="BG3548" s="93"/>
      <c r="BH3548" s="93"/>
      <c r="BI3548" s="93"/>
      <c r="BJ3548" s="93"/>
      <c r="BK3548" s="93"/>
      <c r="BL3548" s="93"/>
    </row>
    <row r="3549" spans="2:64" x14ac:dyDescent="0.2">
      <c r="B3549" s="43"/>
      <c r="C3549" s="73"/>
      <c r="D3549" s="64"/>
      <c r="E3549" s="55"/>
      <c r="F3549" s="74"/>
      <c r="G3549" s="74"/>
      <c r="H3549" s="74"/>
      <c r="I3549" s="75"/>
      <c r="J3549" s="74"/>
      <c r="L3549" s="55"/>
      <c r="M3549" s="234"/>
      <c r="N3549" s="65"/>
      <c r="O3549" s="76"/>
      <c r="P3549" s="76"/>
      <c r="Q3549" s="65"/>
      <c r="R3549" s="76"/>
      <c r="S3549" s="76"/>
      <c r="T3549" s="76"/>
      <c r="U3549" s="76"/>
      <c r="V3549" s="76"/>
      <c r="W3549" s="76"/>
      <c r="X3549" s="76"/>
      <c r="Y3549" s="76"/>
      <c r="Z3549" s="76"/>
      <c r="AA3549" s="85"/>
      <c r="AB3549" s="85"/>
      <c r="AC3549" s="85"/>
      <c r="AD3549" s="85"/>
      <c r="AE3549" s="85"/>
      <c r="AF3549" s="85"/>
      <c r="AG3549" s="86"/>
      <c r="AH3549" s="85"/>
      <c r="AI3549" s="85"/>
      <c r="AJ3549" s="85"/>
      <c r="AK3549" s="85"/>
      <c r="AL3549" s="85"/>
      <c r="AM3549" s="92"/>
      <c r="AN3549" s="92"/>
      <c r="AO3549" s="92"/>
      <c r="AP3549" s="92"/>
      <c r="AQ3549" s="92"/>
      <c r="AR3549" s="92"/>
      <c r="AS3549" s="92"/>
      <c r="AT3549" s="92"/>
      <c r="AU3549" s="92"/>
      <c r="AV3549" s="92"/>
      <c r="AW3549" s="92"/>
      <c r="AX3549" s="92"/>
      <c r="AY3549" s="92"/>
      <c r="AZ3549" s="93"/>
      <c r="BA3549" s="93"/>
      <c r="BB3549" s="93"/>
      <c r="BC3549" s="93"/>
      <c r="BD3549" s="93"/>
      <c r="BE3549" s="93"/>
      <c r="BF3549" s="93"/>
      <c r="BG3549" s="93"/>
      <c r="BH3549" s="93"/>
      <c r="BI3549" s="93"/>
      <c r="BJ3549" s="93"/>
      <c r="BK3549" s="93"/>
      <c r="BL3549" s="93"/>
    </row>
    <row r="3550" spans="2:64" x14ac:dyDescent="0.2">
      <c r="B3550" s="43"/>
      <c r="C3550" s="73"/>
      <c r="D3550" s="64"/>
      <c r="E3550" s="55"/>
      <c r="F3550" s="74"/>
      <c r="G3550" s="74"/>
      <c r="H3550" s="74"/>
      <c r="I3550" s="75"/>
      <c r="J3550" s="74"/>
      <c r="L3550" s="55"/>
      <c r="M3550" s="234"/>
      <c r="N3550" s="65"/>
      <c r="O3550" s="76"/>
      <c r="P3550" s="76"/>
      <c r="Q3550" s="65"/>
      <c r="R3550" s="76"/>
      <c r="S3550" s="76"/>
      <c r="T3550" s="76"/>
      <c r="U3550" s="76"/>
      <c r="V3550" s="76"/>
      <c r="W3550" s="76"/>
      <c r="X3550" s="76"/>
      <c r="Y3550" s="76"/>
      <c r="Z3550" s="76"/>
      <c r="AA3550" s="85"/>
      <c r="AB3550" s="85"/>
      <c r="AC3550" s="85"/>
      <c r="AD3550" s="85"/>
      <c r="AE3550" s="85"/>
      <c r="AF3550" s="85"/>
      <c r="AG3550" s="86"/>
      <c r="AH3550" s="85"/>
      <c r="AI3550" s="85"/>
      <c r="AJ3550" s="85"/>
      <c r="AK3550" s="85"/>
      <c r="AL3550" s="85"/>
      <c r="AM3550" s="92"/>
      <c r="AN3550" s="92"/>
      <c r="AO3550" s="92"/>
      <c r="AP3550" s="92"/>
      <c r="AQ3550" s="92"/>
      <c r="AR3550" s="92"/>
      <c r="AS3550" s="92"/>
      <c r="AT3550" s="92"/>
      <c r="AU3550" s="92"/>
      <c r="AV3550" s="92"/>
      <c r="AW3550" s="92"/>
      <c r="AX3550" s="92"/>
      <c r="AY3550" s="92"/>
      <c r="AZ3550" s="93"/>
      <c r="BA3550" s="93"/>
      <c r="BB3550" s="93"/>
      <c r="BC3550" s="93"/>
      <c r="BD3550" s="93"/>
      <c r="BE3550" s="93"/>
      <c r="BF3550" s="93"/>
      <c r="BG3550" s="93"/>
      <c r="BH3550" s="93"/>
      <c r="BI3550" s="93"/>
      <c r="BJ3550" s="93"/>
      <c r="BK3550" s="93"/>
      <c r="BL3550" s="93"/>
    </row>
    <row r="3551" spans="2:64" x14ac:dyDescent="0.2">
      <c r="B3551" s="43"/>
      <c r="C3551" s="73"/>
      <c r="D3551" s="64"/>
      <c r="E3551" s="55"/>
      <c r="F3551" s="74"/>
      <c r="G3551" s="74"/>
      <c r="H3551" s="74"/>
      <c r="I3551" s="75"/>
      <c r="J3551" s="74"/>
      <c r="L3551" s="55"/>
      <c r="M3551" s="234"/>
      <c r="N3551" s="65"/>
      <c r="O3551" s="76"/>
      <c r="P3551" s="76"/>
      <c r="Q3551" s="65"/>
      <c r="R3551" s="76"/>
      <c r="S3551" s="76"/>
      <c r="T3551" s="76"/>
      <c r="U3551" s="76"/>
      <c r="V3551" s="76"/>
      <c r="W3551" s="76"/>
      <c r="X3551" s="76"/>
      <c r="Y3551" s="76"/>
      <c r="Z3551" s="76"/>
      <c r="AA3551" s="85"/>
      <c r="AB3551" s="85"/>
      <c r="AC3551" s="85"/>
      <c r="AD3551" s="85"/>
      <c r="AE3551" s="85"/>
      <c r="AF3551" s="85"/>
      <c r="AG3551" s="86"/>
      <c r="AH3551" s="85"/>
      <c r="AI3551" s="85"/>
      <c r="AJ3551" s="85"/>
      <c r="AK3551" s="85"/>
      <c r="AL3551" s="85"/>
      <c r="AM3551" s="92"/>
      <c r="AN3551" s="92"/>
      <c r="AO3551" s="92"/>
      <c r="AP3551" s="92"/>
      <c r="AQ3551" s="92"/>
      <c r="AR3551" s="92"/>
      <c r="AS3551" s="92"/>
      <c r="AT3551" s="92"/>
      <c r="AU3551" s="92"/>
      <c r="AV3551" s="92"/>
      <c r="AW3551" s="92"/>
      <c r="AX3551" s="92"/>
      <c r="AY3551" s="92"/>
      <c r="AZ3551" s="93"/>
      <c r="BA3551" s="93"/>
      <c r="BB3551" s="93"/>
      <c r="BC3551" s="93"/>
      <c r="BD3551" s="93"/>
      <c r="BE3551" s="93"/>
      <c r="BF3551" s="93"/>
      <c r="BG3551" s="93"/>
      <c r="BH3551" s="93"/>
      <c r="BI3551" s="93"/>
      <c r="BJ3551" s="93"/>
      <c r="BK3551" s="93"/>
      <c r="BL3551" s="93"/>
    </row>
    <row r="3552" spans="2:64" x14ac:dyDescent="0.2">
      <c r="B3552" s="43"/>
      <c r="C3552" s="73"/>
      <c r="D3552" s="64"/>
      <c r="E3552" s="55"/>
      <c r="F3552" s="74"/>
      <c r="G3552" s="74"/>
      <c r="H3552" s="74"/>
      <c r="I3552" s="75"/>
      <c r="J3552" s="74"/>
      <c r="L3552" s="55"/>
      <c r="M3552" s="234"/>
      <c r="N3552" s="65"/>
      <c r="O3552" s="76"/>
      <c r="P3552" s="76"/>
      <c r="Q3552" s="65"/>
      <c r="R3552" s="76"/>
      <c r="S3552" s="76"/>
      <c r="T3552" s="76"/>
      <c r="U3552" s="76"/>
      <c r="V3552" s="76"/>
      <c r="W3552" s="76"/>
      <c r="X3552" s="76"/>
      <c r="Y3552" s="76"/>
      <c r="Z3552" s="76"/>
      <c r="AA3552" s="85"/>
      <c r="AB3552" s="85"/>
      <c r="AC3552" s="85"/>
      <c r="AD3552" s="85"/>
      <c r="AE3552" s="85"/>
      <c r="AF3552" s="85"/>
      <c r="AG3552" s="86"/>
      <c r="AH3552" s="85"/>
      <c r="AI3552" s="85"/>
      <c r="AJ3552" s="85"/>
      <c r="AK3552" s="85"/>
      <c r="AL3552" s="85"/>
      <c r="AM3552" s="92"/>
      <c r="AN3552" s="92"/>
      <c r="AO3552" s="92"/>
      <c r="AP3552" s="92"/>
      <c r="AQ3552" s="92"/>
      <c r="AR3552" s="92"/>
      <c r="AS3552" s="92"/>
      <c r="AT3552" s="92"/>
      <c r="AU3552" s="92"/>
      <c r="AV3552" s="92"/>
      <c r="AW3552" s="92"/>
      <c r="AX3552" s="92"/>
      <c r="AY3552" s="92"/>
      <c r="AZ3552" s="93"/>
      <c r="BA3552" s="93"/>
      <c r="BB3552" s="93"/>
      <c r="BC3552" s="93"/>
      <c r="BD3552" s="93"/>
      <c r="BE3552" s="93"/>
      <c r="BF3552" s="93"/>
      <c r="BG3552" s="93"/>
      <c r="BH3552" s="93"/>
      <c r="BI3552" s="93"/>
      <c r="BJ3552" s="93"/>
      <c r="BK3552" s="93"/>
      <c r="BL3552" s="93"/>
    </row>
    <row r="3553" spans="2:64" x14ac:dyDescent="0.2">
      <c r="B3553" s="43"/>
      <c r="C3553" s="73"/>
      <c r="D3553" s="64"/>
      <c r="E3553" s="55"/>
      <c r="F3553" s="74"/>
      <c r="G3553" s="74"/>
      <c r="H3553" s="74"/>
      <c r="I3553" s="75"/>
      <c r="J3553" s="74"/>
      <c r="L3553" s="55"/>
      <c r="M3553" s="234"/>
      <c r="N3553" s="65"/>
      <c r="O3553" s="76"/>
      <c r="P3553" s="76"/>
      <c r="Q3553" s="65"/>
      <c r="R3553" s="76"/>
      <c r="S3553" s="76"/>
      <c r="T3553" s="76"/>
      <c r="U3553" s="76"/>
      <c r="V3553" s="76"/>
      <c r="W3553" s="76"/>
      <c r="X3553" s="76"/>
      <c r="Y3553" s="76"/>
      <c r="Z3553" s="76"/>
      <c r="AA3553" s="85"/>
      <c r="AB3553" s="85"/>
      <c r="AC3553" s="85"/>
      <c r="AD3553" s="85"/>
      <c r="AE3553" s="85"/>
      <c r="AF3553" s="85"/>
      <c r="AG3553" s="86"/>
      <c r="AH3553" s="85"/>
      <c r="AI3553" s="85"/>
      <c r="AJ3553" s="85"/>
      <c r="AK3553" s="85"/>
      <c r="AL3553" s="85"/>
      <c r="AM3553" s="92"/>
      <c r="AN3553" s="92"/>
      <c r="AO3553" s="92"/>
      <c r="AP3553" s="92"/>
      <c r="AQ3553" s="92"/>
      <c r="AR3553" s="92"/>
      <c r="AS3553" s="92"/>
      <c r="AT3553" s="92"/>
      <c r="AU3553" s="92"/>
      <c r="AV3553" s="92"/>
      <c r="AW3553" s="92"/>
      <c r="AX3553" s="92"/>
      <c r="AY3553" s="92"/>
      <c r="AZ3553" s="93"/>
      <c r="BA3553" s="93"/>
      <c r="BB3553" s="93"/>
      <c r="BC3553" s="93"/>
      <c r="BD3553" s="93"/>
      <c r="BE3553" s="93"/>
      <c r="BF3553" s="93"/>
      <c r="BG3553" s="93"/>
      <c r="BH3553" s="93"/>
      <c r="BI3553" s="93"/>
      <c r="BJ3553" s="93"/>
      <c r="BK3553" s="93"/>
      <c r="BL3553" s="93"/>
    </row>
    <row r="3554" spans="2:64" x14ac:dyDescent="0.2">
      <c r="B3554" s="43"/>
      <c r="C3554" s="73"/>
      <c r="D3554" s="64"/>
      <c r="E3554" s="55"/>
      <c r="F3554" s="74"/>
      <c r="G3554" s="74"/>
      <c r="H3554" s="74"/>
      <c r="I3554" s="75"/>
      <c r="J3554" s="74"/>
      <c r="L3554" s="55"/>
      <c r="M3554" s="234"/>
      <c r="N3554" s="65"/>
      <c r="O3554" s="76"/>
      <c r="P3554" s="76"/>
      <c r="Q3554" s="65"/>
      <c r="R3554" s="76"/>
      <c r="S3554" s="76"/>
      <c r="T3554" s="76"/>
      <c r="U3554" s="76"/>
      <c r="V3554" s="76"/>
      <c r="W3554" s="76"/>
      <c r="X3554" s="76"/>
      <c r="Y3554" s="76"/>
      <c r="Z3554" s="76"/>
      <c r="AA3554" s="85"/>
      <c r="AB3554" s="85"/>
      <c r="AC3554" s="85"/>
      <c r="AD3554" s="85"/>
      <c r="AE3554" s="85"/>
      <c r="AF3554" s="85"/>
      <c r="AG3554" s="86"/>
      <c r="AH3554" s="85"/>
      <c r="AI3554" s="85"/>
      <c r="AJ3554" s="85"/>
      <c r="AK3554" s="85"/>
      <c r="AL3554" s="85"/>
      <c r="AM3554" s="92"/>
      <c r="AN3554" s="92"/>
      <c r="AO3554" s="92"/>
      <c r="AP3554" s="92"/>
      <c r="AQ3554" s="92"/>
      <c r="AR3554" s="92"/>
      <c r="AS3554" s="92"/>
      <c r="AT3554" s="92"/>
      <c r="AU3554" s="92"/>
      <c r="AV3554" s="92"/>
      <c r="AW3554" s="92"/>
      <c r="AX3554" s="92"/>
      <c r="AY3554" s="92"/>
      <c r="AZ3554" s="93"/>
      <c r="BA3554" s="93"/>
      <c r="BB3554" s="93"/>
      <c r="BC3554" s="93"/>
      <c r="BD3554" s="93"/>
      <c r="BE3554" s="93"/>
      <c r="BF3554" s="93"/>
      <c r="BG3554" s="93"/>
      <c r="BH3554" s="93"/>
      <c r="BI3554" s="93"/>
      <c r="BJ3554" s="93"/>
      <c r="BK3554" s="93"/>
      <c r="BL3554" s="93"/>
    </row>
    <row r="3555" spans="2:64" x14ac:dyDescent="0.2">
      <c r="B3555" s="43"/>
      <c r="C3555" s="73"/>
      <c r="D3555" s="64"/>
      <c r="E3555" s="55"/>
      <c r="F3555" s="74"/>
      <c r="G3555" s="74"/>
      <c r="H3555" s="74"/>
      <c r="I3555" s="75"/>
      <c r="J3555" s="74"/>
      <c r="L3555" s="55"/>
      <c r="M3555" s="234"/>
      <c r="N3555" s="65"/>
      <c r="O3555" s="76"/>
      <c r="P3555" s="76"/>
      <c r="Q3555" s="65"/>
      <c r="R3555" s="76"/>
      <c r="S3555" s="76"/>
      <c r="T3555" s="76"/>
      <c r="U3555" s="76"/>
      <c r="V3555" s="76"/>
      <c r="W3555" s="76"/>
      <c r="X3555" s="76"/>
      <c r="Y3555" s="76"/>
      <c r="Z3555" s="76"/>
      <c r="AA3555" s="85"/>
      <c r="AB3555" s="85"/>
      <c r="AC3555" s="85"/>
      <c r="AD3555" s="85"/>
      <c r="AE3555" s="85"/>
      <c r="AF3555" s="85"/>
      <c r="AG3555" s="86"/>
      <c r="AH3555" s="85"/>
      <c r="AI3555" s="85"/>
      <c r="AJ3555" s="85"/>
      <c r="AK3555" s="85"/>
      <c r="AL3555" s="85"/>
      <c r="AM3555" s="92"/>
      <c r="AN3555" s="92"/>
      <c r="AO3555" s="92"/>
      <c r="AP3555" s="92"/>
      <c r="AQ3555" s="92"/>
      <c r="AR3555" s="92"/>
      <c r="AS3555" s="92"/>
      <c r="AT3555" s="92"/>
      <c r="AU3555" s="92"/>
      <c r="AV3555" s="92"/>
      <c r="AW3555" s="92"/>
      <c r="AX3555" s="92"/>
      <c r="AY3555" s="92"/>
      <c r="AZ3555" s="93"/>
      <c r="BA3555" s="93"/>
      <c r="BB3555" s="93"/>
      <c r="BC3555" s="93"/>
      <c r="BD3555" s="93"/>
      <c r="BE3555" s="93"/>
      <c r="BF3555" s="93"/>
      <c r="BG3555" s="93"/>
      <c r="BH3555" s="93"/>
      <c r="BI3555" s="93"/>
      <c r="BJ3555" s="93"/>
      <c r="BK3555" s="93"/>
      <c r="BL3555" s="93"/>
    </row>
    <row r="3556" spans="2:64" x14ac:dyDescent="0.2">
      <c r="B3556" s="43"/>
      <c r="C3556" s="73"/>
      <c r="D3556" s="64"/>
      <c r="E3556" s="55"/>
      <c r="F3556" s="74"/>
      <c r="G3556" s="74"/>
      <c r="H3556" s="74"/>
      <c r="I3556" s="75"/>
      <c r="J3556" s="74"/>
      <c r="L3556" s="55"/>
      <c r="M3556" s="234"/>
      <c r="N3556" s="65"/>
      <c r="O3556" s="76"/>
      <c r="P3556" s="76"/>
      <c r="Q3556" s="65"/>
      <c r="R3556" s="76"/>
      <c r="S3556" s="76"/>
      <c r="T3556" s="76"/>
      <c r="U3556" s="76"/>
      <c r="V3556" s="76"/>
      <c r="W3556" s="76"/>
      <c r="X3556" s="76"/>
      <c r="Y3556" s="76"/>
      <c r="Z3556" s="76"/>
      <c r="AA3556" s="85"/>
      <c r="AB3556" s="85"/>
      <c r="AC3556" s="85"/>
      <c r="AD3556" s="85"/>
      <c r="AE3556" s="85"/>
      <c r="AF3556" s="85"/>
      <c r="AG3556" s="86"/>
      <c r="AH3556" s="85"/>
      <c r="AI3556" s="85"/>
      <c r="AJ3556" s="85"/>
      <c r="AK3556" s="85"/>
      <c r="AL3556" s="85"/>
      <c r="AM3556" s="92"/>
      <c r="AN3556" s="92"/>
      <c r="AO3556" s="92"/>
      <c r="AP3556" s="92"/>
      <c r="AQ3556" s="92"/>
      <c r="AR3556" s="92"/>
      <c r="AS3556" s="92"/>
      <c r="AT3556" s="92"/>
      <c r="AU3556" s="92"/>
      <c r="AV3556" s="92"/>
      <c r="AW3556" s="92"/>
      <c r="AX3556" s="92"/>
      <c r="AY3556" s="92"/>
      <c r="AZ3556" s="93"/>
      <c r="BA3556" s="93"/>
      <c r="BB3556" s="93"/>
      <c r="BC3556" s="93"/>
      <c r="BD3556" s="93"/>
      <c r="BE3556" s="93"/>
      <c r="BF3556" s="93"/>
      <c r="BG3556" s="93"/>
      <c r="BH3556" s="93"/>
      <c r="BI3556" s="93"/>
      <c r="BJ3556" s="93"/>
      <c r="BK3556" s="93"/>
      <c r="BL3556" s="93"/>
    </row>
    <row r="3557" spans="2:64" x14ac:dyDescent="0.2">
      <c r="B3557" s="43"/>
      <c r="C3557" s="73"/>
      <c r="D3557" s="64"/>
      <c r="E3557" s="55"/>
      <c r="F3557" s="74"/>
      <c r="G3557" s="74"/>
      <c r="H3557" s="74"/>
      <c r="I3557" s="75"/>
      <c r="J3557" s="74"/>
      <c r="L3557" s="55"/>
      <c r="M3557" s="234"/>
      <c r="N3557" s="65"/>
      <c r="O3557" s="76"/>
      <c r="P3557" s="76"/>
      <c r="Q3557" s="65"/>
      <c r="R3557" s="76"/>
      <c r="S3557" s="76"/>
      <c r="T3557" s="76"/>
      <c r="U3557" s="76"/>
      <c r="V3557" s="76"/>
      <c r="W3557" s="76"/>
      <c r="X3557" s="76"/>
      <c r="Y3557" s="76"/>
      <c r="Z3557" s="76"/>
      <c r="AA3557" s="85"/>
      <c r="AB3557" s="85"/>
      <c r="AC3557" s="85"/>
      <c r="AD3557" s="85"/>
      <c r="AE3557" s="85"/>
      <c r="AF3557" s="85"/>
      <c r="AG3557" s="86"/>
      <c r="AH3557" s="85"/>
      <c r="AI3557" s="85"/>
      <c r="AJ3557" s="85"/>
      <c r="AK3557" s="85"/>
      <c r="AL3557" s="85"/>
      <c r="AM3557" s="92"/>
      <c r="AN3557" s="92"/>
      <c r="AO3557" s="92"/>
      <c r="AP3557" s="92"/>
      <c r="AQ3557" s="92"/>
      <c r="AR3557" s="92"/>
      <c r="AS3557" s="92"/>
      <c r="AT3557" s="92"/>
      <c r="AU3557" s="92"/>
      <c r="AV3557" s="92"/>
      <c r="AW3557" s="92"/>
      <c r="AX3557" s="92"/>
      <c r="AY3557" s="92"/>
      <c r="AZ3557" s="93"/>
      <c r="BA3557" s="93"/>
      <c r="BB3557" s="93"/>
      <c r="BC3557" s="93"/>
      <c r="BD3557" s="93"/>
      <c r="BE3557" s="93"/>
      <c r="BF3557" s="93"/>
      <c r="BG3557" s="93"/>
      <c r="BH3557" s="93"/>
      <c r="BI3557" s="93"/>
      <c r="BJ3557" s="93"/>
      <c r="BK3557" s="93"/>
      <c r="BL3557" s="93"/>
    </row>
    <row r="3558" spans="2:64" x14ac:dyDescent="0.2">
      <c r="B3558" s="43"/>
      <c r="C3558" s="73"/>
      <c r="D3558" s="64"/>
      <c r="E3558" s="55"/>
      <c r="F3558" s="74"/>
      <c r="G3558" s="74"/>
      <c r="H3558" s="74"/>
      <c r="I3558" s="75"/>
      <c r="J3558" s="74"/>
      <c r="L3558" s="55"/>
      <c r="M3558" s="234"/>
      <c r="N3558" s="65"/>
      <c r="O3558" s="76"/>
      <c r="P3558" s="76"/>
      <c r="Q3558" s="65"/>
      <c r="R3558" s="76"/>
      <c r="S3558" s="76"/>
      <c r="T3558" s="76"/>
      <c r="U3558" s="76"/>
      <c r="V3558" s="76"/>
      <c r="W3558" s="76"/>
      <c r="X3558" s="76"/>
      <c r="Y3558" s="76"/>
      <c r="Z3558" s="76"/>
      <c r="AA3558" s="85"/>
      <c r="AB3558" s="85"/>
      <c r="AC3558" s="85"/>
      <c r="AD3558" s="85"/>
      <c r="AE3558" s="85"/>
      <c r="AF3558" s="85"/>
      <c r="AG3558" s="86"/>
      <c r="AH3558" s="85"/>
      <c r="AI3558" s="85"/>
      <c r="AJ3558" s="85"/>
      <c r="AK3558" s="85"/>
      <c r="AL3558" s="85"/>
      <c r="AM3558" s="92"/>
      <c r="AN3558" s="92"/>
      <c r="AO3558" s="92"/>
      <c r="AP3558" s="92"/>
      <c r="AQ3558" s="92"/>
      <c r="AR3558" s="92"/>
      <c r="AS3558" s="92"/>
      <c r="AT3558" s="92"/>
      <c r="AU3558" s="92"/>
      <c r="AV3558" s="92"/>
      <c r="AW3558" s="92"/>
      <c r="AX3558" s="92"/>
      <c r="AY3558" s="92"/>
      <c r="AZ3558" s="93"/>
      <c r="BA3558" s="93"/>
      <c r="BB3558" s="93"/>
      <c r="BC3558" s="93"/>
      <c r="BD3558" s="93"/>
      <c r="BE3558" s="93"/>
      <c r="BF3558" s="93"/>
      <c r="BG3558" s="93"/>
      <c r="BH3558" s="93"/>
      <c r="BI3558" s="93"/>
      <c r="BJ3558" s="93"/>
      <c r="BK3558" s="93"/>
      <c r="BL3558" s="93"/>
    </row>
    <row r="3559" spans="2:64" x14ac:dyDescent="0.2">
      <c r="B3559" s="43"/>
      <c r="C3559" s="73"/>
      <c r="D3559" s="64"/>
      <c r="E3559" s="55"/>
      <c r="F3559" s="74"/>
      <c r="G3559" s="74"/>
      <c r="H3559" s="74"/>
      <c r="I3559" s="75"/>
      <c r="J3559" s="74"/>
      <c r="L3559" s="55"/>
      <c r="M3559" s="234"/>
      <c r="N3559" s="65"/>
      <c r="O3559" s="76"/>
      <c r="P3559" s="76"/>
      <c r="Q3559" s="65"/>
      <c r="R3559" s="76"/>
      <c r="S3559" s="76"/>
      <c r="T3559" s="76"/>
      <c r="U3559" s="76"/>
      <c r="V3559" s="76"/>
      <c r="W3559" s="76"/>
      <c r="X3559" s="76"/>
      <c r="Y3559" s="76"/>
      <c r="Z3559" s="76"/>
      <c r="AA3559" s="85"/>
      <c r="AB3559" s="85"/>
      <c r="AC3559" s="85"/>
      <c r="AD3559" s="85"/>
      <c r="AE3559" s="85"/>
      <c r="AF3559" s="85"/>
      <c r="AG3559" s="86"/>
      <c r="AH3559" s="85"/>
      <c r="AI3559" s="85"/>
      <c r="AJ3559" s="85"/>
      <c r="AK3559" s="85"/>
      <c r="AL3559" s="85"/>
      <c r="AM3559" s="92"/>
      <c r="AN3559" s="92"/>
      <c r="AO3559" s="92"/>
      <c r="AP3559" s="92"/>
      <c r="AQ3559" s="92"/>
      <c r="AR3559" s="92"/>
      <c r="AS3559" s="92"/>
      <c r="AT3559" s="92"/>
      <c r="AU3559" s="92"/>
      <c r="AV3559" s="92"/>
      <c r="AW3559" s="92"/>
      <c r="AX3559" s="92"/>
      <c r="AY3559" s="92"/>
      <c r="AZ3559" s="93"/>
      <c r="BA3559" s="93"/>
      <c r="BB3559" s="93"/>
      <c r="BC3559" s="93"/>
      <c r="BD3559" s="93"/>
      <c r="BE3559" s="93"/>
      <c r="BF3559" s="93"/>
      <c r="BG3559" s="93"/>
      <c r="BH3559" s="93"/>
      <c r="BI3559" s="93"/>
      <c r="BJ3559" s="93"/>
      <c r="BK3559" s="93"/>
      <c r="BL3559" s="93"/>
    </row>
    <row r="3560" spans="2:64" x14ac:dyDescent="0.2">
      <c r="B3560" s="43"/>
      <c r="C3560" s="73"/>
      <c r="D3560" s="64"/>
      <c r="E3560" s="55"/>
      <c r="F3560" s="74"/>
      <c r="G3560" s="74"/>
      <c r="H3560" s="74"/>
      <c r="I3560" s="75"/>
      <c r="J3560" s="74"/>
      <c r="L3560" s="55"/>
      <c r="M3560" s="234"/>
      <c r="N3560" s="65"/>
      <c r="O3560" s="76"/>
      <c r="P3560" s="76"/>
      <c r="Q3560" s="65"/>
      <c r="R3560" s="76"/>
      <c r="S3560" s="76"/>
      <c r="T3560" s="76"/>
      <c r="U3560" s="76"/>
      <c r="V3560" s="76"/>
      <c r="W3560" s="76"/>
      <c r="X3560" s="76"/>
      <c r="Y3560" s="76"/>
      <c r="Z3560" s="76"/>
      <c r="AA3560" s="85"/>
      <c r="AB3560" s="85"/>
      <c r="AC3560" s="85"/>
      <c r="AD3560" s="85"/>
      <c r="AE3560" s="85"/>
      <c r="AF3560" s="85"/>
      <c r="AG3560" s="86"/>
      <c r="AH3560" s="85"/>
      <c r="AI3560" s="85"/>
      <c r="AJ3560" s="85"/>
      <c r="AK3560" s="85"/>
      <c r="AL3560" s="85"/>
      <c r="AM3560" s="92"/>
      <c r="AN3560" s="92"/>
      <c r="AO3560" s="92"/>
      <c r="AP3560" s="92"/>
      <c r="AQ3560" s="92"/>
      <c r="AR3560" s="92"/>
      <c r="AS3560" s="92"/>
      <c r="AT3560" s="92"/>
      <c r="AU3560" s="92"/>
      <c r="AV3560" s="92"/>
      <c r="AW3560" s="92"/>
      <c r="AX3560" s="92"/>
      <c r="AY3560" s="92"/>
      <c r="AZ3560" s="93"/>
      <c r="BA3560" s="93"/>
      <c r="BB3560" s="93"/>
      <c r="BC3560" s="93"/>
      <c r="BD3560" s="93"/>
      <c r="BE3560" s="93"/>
      <c r="BF3560" s="93"/>
      <c r="BG3560" s="93"/>
      <c r="BH3560" s="93"/>
      <c r="BI3560" s="93"/>
      <c r="BJ3560" s="93"/>
      <c r="BK3560" s="93"/>
      <c r="BL3560" s="93"/>
    </row>
    <row r="3561" spans="2:64" x14ac:dyDescent="0.2">
      <c r="B3561" s="43"/>
      <c r="C3561" s="73"/>
      <c r="D3561" s="64"/>
      <c r="E3561" s="55"/>
      <c r="F3561" s="74"/>
      <c r="G3561" s="74"/>
      <c r="H3561" s="74"/>
      <c r="I3561" s="75"/>
      <c r="J3561" s="74"/>
      <c r="L3561" s="55"/>
      <c r="M3561" s="234"/>
      <c r="N3561" s="65"/>
      <c r="O3561" s="76"/>
      <c r="P3561" s="76"/>
      <c r="Q3561" s="65"/>
      <c r="R3561" s="76"/>
      <c r="S3561" s="76"/>
      <c r="T3561" s="76"/>
      <c r="U3561" s="76"/>
      <c r="V3561" s="76"/>
      <c r="W3561" s="76"/>
      <c r="X3561" s="76"/>
      <c r="Y3561" s="76"/>
      <c r="Z3561" s="76"/>
      <c r="AA3561" s="85"/>
      <c r="AB3561" s="85"/>
      <c r="AC3561" s="85"/>
      <c r="AD3561" s="85"/>
      <c r="AE3561" s="85"/>
      <c r="AF3561" s="85"/>
      <c r="AG3561" s="86"/>
      <c r="AH3561" s="85"/>
      <c r="AI3561" s="85"/>
      <c r="AJ3561" s="85"/>
      <c r="AK3561" s="85"/>
      <c r="AL3561" s="85"/>
      <c r="AM3561" s="92"/>
      <c r="AN3561" s="92"/>
      <c r="AO3561" s="92"/>
      <c r="AP3561" s="92"/>
      <c r="AQ3561" s="92"/>
      <c r="AR3561" s="92"/>
      <c r="AS3561" s="92"/>
      <c r="AT3561" s="92"/>
      <c r="AU3561" s="92"/>
      <c r="AV3561" s="92"/>
      <c r="AW3561" s="92"/>
      <c r="AX3561" s="92"/>
      <c r="AY3561" s="92"/>
      <c r="AZ3561" s="93"/>
      <c r="BA3561" s="93"/>
      <c r="BB3561" s="93"/>
      <c r="BC3561" s="93"/>
      <c r="BD3561" s="93"/>
      <c r="BE3561" s="93"/>
      <c r="BF3561" s="93"/>
      <c r="BG3561" s="93"/>
      <c r="BH3561" s="93"/>
      <c r="BI3561" s="93"/>
      <c r="BJ3561" s="93"/>
      <c r="BK3561" s="93"/>
      <c r="BL3561" s="93"/>
    </row>
    <row r="3562" spans="2:64" x14ac:dyDescent="0.2">
      <c r="B3562" s="43"/>
      <c r="C3562" s="73"/>
      <c r="D3562" s="64"/>
      <c r="E3562" s="55"/>
      <c r="F3562" s="74"/>
      <c r="G3562" s="74"/>
      <c r="H3562" s="74"/>
      <c r="I3562" s="75"/>
      <c r="J3562" s="74"/>
      <c r="L3562" s="55"/>
      <c r="M3562" s="234"/>
      <c r="N3562" s="65"/>
      <c r="O3562" s="76"/>
      <c r="P3562" s="76"/>
      <c r="Q3562" s="65"/>
      <c r="R3562" s="76"/>
      <c r="S3562" s="76"/>
      <c r="T3562" s="76"/>
      <c r="U3562" s="76"/>
      <c r="V3562" s="76"/>
      <c r="W3562" s="76"/>
      <c r="X3562" s="76"/>
      <c r="Y3562" s="76"/>
      <c r="Z3562" s="76"/>
      <c r="AA3562" s="85"/>
      <c r="AB3562" s="85"/>
      <c r="AC3562" s="85"/>
      <c r="AD3562" s="85"/>
      <c r="AE3562" s="85"/>
      <c r="AF3562" s="85"/>
      <c r="AG3562" s="86"/>
      <c r="AH3562" s="85"/>
      <c r="AI3562" s="85"/>
      <c r="AJ3562" s="85"/>
      <c r="AK3562" s="85"/>
      <c r="AL3562" s="85"/>
      <c r="AM3562" s="92"/>
      <c r="AN3562" s="92"/>
      <c r="AO3562" s="92"/>
      <c r="AP3562" s="92"/>
      <c r="AQ3562" s="92"/>
      <c r="AR3562" s="92"/>
      <c r="AS3562" s="92"/>
      <c r="AT3562" s="92"/>
      <c r="AU3562" s="92"/>
      <c r="AV3562" s="92"/>
      <c r="AW3562" s="92"/>
      <c r="AX3562" s="92"/>
      <c r="AY3562" s="92"/>
      <c r="AZ3562" s="93"/>
      <c r="BA3562" s="93"/>
      <c r="BB3562" s="93"/>
      <c r="BC3562" s="93"/>
      <c r="BD3562" s="93"/>
      <c r="BE3562" s="93"/>
      <c r="BF3562" s="93"/>
      <c r="BG3562" s="93"/>
      <c r="BH3562" s="93"/>
      <c r="BI3562" s="93"/>
      <c r="BJ3562" s="93"/>
      <c r="BK3562" s="93"/>
      <c r="BL3562" s="93"/>
    </row>
    <row r="3563" spans="2:64" x14ac:dyDescent="0.2">
      <c r="B3563" s="43"/>
      <c r="C3563" s="73"/>
      <c r="D3563" s="64"/>
      <c r="E3563" s="55"/>
      <c r="F3563" s="74"/>
      <c r="G3563" s="74"/>
      <c r="H3563" s="74"/>
      <c r="I3563" s="75"/>
      <c r="J3563" s="74"/>
      <c r="L3563" s="55"/>
      <c r="M3563" s="234"/>
      <c r="N3563" s="65"/>
      <c r="O3563" s="76"/>
      <c r="P3563" s="76"/>
      <c r="Q3563" s="65"/>
      <c r="R3563" s="76"/>
      <c r="S3563" s="76"/>
      <c r="T3563" s="76"/>
      <c r="U3563" s="76"/>
      <c r="V3563" s="76"/>
      <c r="W3563" s="76"/>
      <c r="X3563" s="76"/>
      <c r="Y3563" s="76"/>
      <c r="Z3563" s="76"/>
      <c r="AA3563" s="85"/>
      <c r="AB3563" s="85"/>
      <c r="AC3563" s="85"/>
      <c r="AD3563" s="85"/>
      <c r="AE3563" s="85"/>
      <c r="AF3563" s="85"/>
      <c r="AG3563" s="86"/>
      <c r="AH3563" s="85"/>
      <c r="AI3563" s="85"/>
      <c r="AJ3563" s="85"/>
      <c r="AK3563" s="85"/>
      <c r="AL3563" s="85"/>
      <c r="AM3563" s="92"/>
      <c r="AN3563" s="92"/>
      <c r="AO3563" s="92"/>
      <c r="AP3563" s="92"/>
      <c r="AQ3563" s="92"/>
      <c r="AR3563" s="92"/>
      <c r="AS3563" s="92"/>
      <c r="AT3563" s="92"/>
      <c r="AU3563" s="92"/>
      <c r="AV3563" s="92"/>
      <c r="AW3563" s="92"/>
      <c r="AX3563" s="92"/>
      <c r="AY3563" s="92"/>
      <c r="AZ3563" s="93"/>
      <c r="BA3563" s="93"/>
      <c r="BB3563" s="93"/>
      <c r="BC3563" s="93"/>
      <c r="BD3563" s="93"/>
      <c r="BE3563" s="93"/>
      <c r="BF3563" s="93"/>
      <c r="BG3563" s="93"/>
      <c r="BH3563" s="93"/>
      <c r="BI3563" s="93"/>
      <c r="BJ3563" s="93"/>
      <c r="BK3563" s="93"/>
      <c r="BL3563" s="93"/>
    </row>
    <row r="3564" spans="2:64" x14ac:dyDescent="0.2">
      <c r="B3564" s="43"/>
      <c r="C3564" s="73"/>
      <c r="D3564" s="64"/>
      <c r="E3564" s="55"/>
      <c r="F3564" s="74"/>
      <c r="G3564" s="74"/>
      <c r="H3564" s="74"/>
      <c r="I3564" s="75"/>
      <c r="J3564" s="74"/>
      <c r="L3564" s="55"/>
      <c r="M3564" s="234"/>
      <c r="N3564" s="65"/>
      <c r="O3564" s="76"/>
      <c r="P3564" s="76"/>
      <c r="Q3564" s="65"/>
      <c r="R3564" s="76"/>
      <c r="S3564" s="76"/>
      <c r="T3564" s="76"/>
      <c r="U3564" s="76"/>
      <c r="V3564" s="76"/>
      <c r="W3564" s="76"/>
      <c r="X3564" s="76"/>
      <c r="Y3564" s="76"/>
      <c r="Z3564" s="76"/>
      <c r="AA3564" s="85"/>
      <c r="AB3564" s="85"/>
      <c r="AC3564" s="85"/>
      <c r="AD3564" s="85"/>
      <c r="AE3564" s="85"/>
      <c r="AF3564" s="85"/>
      <c r="AG3564" s="86"/>
      <c r="AH3564" s="85"/>
      <c r="AI3564" s="85"/>
      <c r="AJ3564" s="85"/>
      <c r="AK3564" s="85"/>
      <c r="AL3564" s="85"/>
      <c r="AM3564" s="92"/>
      <c r="AN3564" s="92"/>
      <c r="AO3564" s="92"/>
      <c r="AP3564" s="92"/>
      <c r="AQ3564" s="92"/>
      <c r="AR3564" s="92"/>
      <c r="AS3564" s="92"/>
      <c r="AT3564" s="92"/>
      <c r="AU3564" s="92"/>
      <c r="AV3564" s="92"/>
      <c r="AW3564" s="92"/>
      <c r="AX3564" s="92"/>
      <c r="AY3564" s="92"/>
      <c r="AZ3564" s="93"/>
      <c r="BA3564" s="93"/>
      <c r="BB3564" s="93"/>
      <c r="BC3564" s="93"/>
      <c r="BD3564" s="93"/>
      <c r="BE3564" s="93"/>
      <c r="BF3564" s="93"/>
      <c r="BG3564" s="93"/>
      <c r="BH3564" s="93"/>
      <c r="BI3564" s="93"/>
      <c r="BJ3564" s="93"/>
      <c r="BK3564" s="93"/>
      <c r="BL3564" s="93"/>
    </row>
    <row r="3565" spans="2:64" x14ac:dyDescent="0.2">
      <c r="B3565" s="43"/>
      <c r="C3565" s="73"/>
      <c r="D3565" s="64"/>
      <c r="E3565" s="55"/>
      <c r="F3565" s="74"/>
      <c r="G3565" s="74"/>
      <c r="H3565" s="74"/>
      <c r="I3565" s="75"/>
      <c r="J3565" s="74"/>
      <c r="L3565" s="55"/>
      <c r="M3565" s="234"/>
      <c r="N3565" s="65"/>
      <c r="O3565" s="76"/>
      <c r="P3565" s="76"/>
      <c r="Q3565" s="65"/>
      <c r="R3565" s="76"/>
      <c r="S3565" s="76"/>
      <c r="T3565" s="76"/>
      <c r="U3565" s="76"/>
      <c r="V3565" s="76"/>
      <c r="W3565" s="76"/>
      <c r="X3565" s="76"/>
      <c r="Y3565" s="76"/>
      <c r="Z3565" s="76"/>
      <c r="AA3565" s="85"/>
      <c r="AB3565" s="85"/>
      <c r="AC3565" s="85"/>
      <c r="AD3565" s="85"/>
      <c r="AE3565" s="85"/>
      <c r="AF3565" s="85"/>
      <c r="AG3565" s="86"/>
      <c r="AH3565" s="85"/>
      <c r="AI3565" s="85"/>
      <c r="AJ3565" s="85"/>
      <c r="AK3565" s="85"/>
      <c r="AL3565" s="85"/>
      <c r="AM3565" s="92"/>
      <c r="AN3565" s="92"/>
      <c r="AO3565" s="92"/>
      <c r="AP3565" s="92"/>
      <c r="AQ3565" s="92"/>
      <c r="AR3565" s="92"/>
      <c r="AS3565" s="92"/>
      <c r="AT3565" s="92"/>
      <c r="AU3565" s="92"/>
      <c r="AV3565" s="92"/>
      <c r="AW3565" s="92"/>
      <c r="AX3565" s="92"/>
      <c r="AY3565" s="92"/>
      <c r="AZ3565" s="93"/>
      <c r="BA3565" s="93"/>
      <c r="BB3565" s="93"/>
      <c r="BC3565" s="93"/>
      <c r="BD3565" s="93"/>
      <c r="BE3565" s="93"/>
      <c r="BF3565" s="93"/>
      <c r="BG3565" s="93"/>
      <c r="BH3565" s="93"/>
      <c r="BI3565" s="93"/>
      <c r="BJ3565" s="93"/>
      <c r="BK3565" s="93"/>
      <c r="BL3565" s="93"/>
    </row>
    <row r="3566" spans="2:64" x14ac:dyDescent="0.2">
      <c r="B3566" s="43"/>
      <c r="C3566" s="73"/>
      <c r="D3566" s="64"/>
      <c r="E3566" s="55"/>
      <c r="F3566" s="74"/>
      <c r="G3566" s="74"/>
      <c r="H3566" s="74"/>
      <c r="I3566" s="75"/>
      <c r="J3566" s="74"/>
      <c r="L3566" s="55"/>
      <c r="M3566" s="234"/>
      <c r="N3566" s="65"/>
      <c r="O3566" s="76"/>
      <c r="P3566" s="76"/>
      <c r="Q3566" s="65"/>
      <c r="R3566" s="76"/>
      <c r="S3566" s="76"/>
      <c r="T3566" s="76"/>
      <c r="U3566" s="76"/>
      <c r="V3566" s="76"/>
      <c r="W3566" s="76"/>
      <c r="X3566" s="76"/>
      <c r="Y3566" s="76"/>
      <c r="Z3566" s="76"/>
      <c r="AA3566" s="85"/>
      <c r="AB3566" s="85"/>
      <c r="AC3566" s="85"/>
      <c r="AD3566" s="85"/>
      <c r="AE3566" s="85"/>
      <c r="AF3566" s="85"/>
      <c r="AG3566" s="86"/>
      <c r="AH3566" s="85"/>
      <c r="AI3566" s="85"/>
      <c r="AJ3566" s="85"/>
      <c r="AK3566" s="85"/>
      <c r="AL3566" s="85"/>
      <c r="AM3566" s="92"/>
      <c r="AN3566" s="92"/>
      <c r="AO3566" s="92"/>
      <c r="AP3566" s="92"/>
      <c r="AQ3566" s="92"/>
      <c r="AR3566" s="92"/>
      <c r="AS3566" s="92"/>
      <c r="AT3566" s="92"/>
      <c r="AU3566" s="92"/>
      <c r="AV3566" s="92"/>
      <c r="AW3566" s="92"/>
      <c r="AX3566" s="92"/>
      <c r="AY3566" s="92"/>
      <c r="AZ3566" s="93"/>
      <c r="BA3566" s="93"/>
      <c r="BB3566" s="93"/>
      <c r="BC3566" s="93"/>
      <c r="BD3566" s="93"/>
      <c r="BE3566" s="93"/>
      <c r="BF3566" s="93"/>
      <c r="BG3566" s="93"/>
      <c r="BH3566" s="93"/>
      <c r="BI3566" s="93"/>
      <c r="BJ3566" s="93"/>
      <c r="BK3566" s="93"/>
      <c r="BL3566" s="93"/>
    </row>
    <row r="3567" spans="2:64" x14ac:dyDescent="0.2">
      <c r="B3567" s="43"/>
      <c r="C3567" s="73"/>
      <c r="D3567" s="64"/>
      <c r="E3567" s="55"/>
      <c r="F3567" s="74"/>
      <c r="G3567" s="74"/>
      <c r="H3567" s="74"/>
      <c r="I3567" s="75"/>
      <c r="J3567" s="74"/>
      <c r="L3567" s="55"/>
      <c r="M3567" s="234"/>
      <c r="N3567" s="65"/>
      <c r="O3567" s="76"/>
      <c r="P3567" s="76"/>
      <c r="Q3567" s="65"/>
      <c r="R3567" s="76"/>
      <c r="S3567" s="76"/>
      <c r="T3567" s="76"/>
      <c r="U3567" s="76"/>
      <c r="V3567" s="76"/>
      <c r="W3567" s="76"/>
      <c r="X3567" s="76"/>
      <c r="Y3567" s="76"/>
      <c r="Z3567" s="76"/>
      <c r="AA3567" s="85"/>
      <c r="AB3567" s="85"/>
      <c r="AC3567" s="85"/>
      <c r="AD3567" s="85"/>
      <c r="AE3567" s="85"/>
      <c r="AF3567" s="85"/>
      <c r="AG3567" s="86"/>
      <c r="AH3567" s="85"/>
      <c r="AI3567" s="85"/>
      <c r="AJ3567" s="85"/>
      <c r="AK3567" s="85"/>
      <c r="AL3567" s="85"/>
      <c r="AM3567" s="92"/>
      <c r="AN3567" s="92"/>
      <c r="AO3567" s="92"/>
      <c r="AP3567" s="92"/>
      <c r="AQ3567" s="92"/>
      <c r="AR3567" s="92"/>
      <c r="AS3567" s="92"/>
      <c r="AT3567" s="92"/>
      <c r="AU3567" s="92"/>
      <c r="AV3567" s="92"/>
      <c r="AW3567" s="92"/>
      <c r="AX3567" s="92"/>
      <c r="AY3567" s="92"/>
      <c r="AZ3567" s="93"/>
      <c r="BA3567" s="93"/>
      <c r="BB3567" s="93"/>
      <c r="BC3567" s="93"/>
      <c r="BD3567" s="93"/>
      <c r="BE3567" s="93"/>
      <c r="BF3567" s="93"/>
      <c r="BG3567" s="93"/>
      <c r="BH3567" s="93"/>
      <c r="BI3567" s="93"/>
      <c r="BJ3567" s="93"/>
      <c r="BK3567" s="93"/>
      <c r="BL3567" s="93"/>
    </row>
    <row r="3568" spans="2:64" x14ac:dyDescent="0.2">
      <c r="B3568" s="43"/>
      <c r="C3568" s="73"/>
      <c r="D3568" s="64"/>
      <c r="E3568" s="55"/>
      <c r="F3568" s="74"/>
      <c r="G3568" s="74"/>
      <c r="H3568" s="74"/>
      <c r="I3568" s="75"/>
      <c r="J3568" s="74"/>
      <c r="L3568" s="55"/>
      <c r="M3568" s="234"/>
      <c r="N3568" s="65"/>
      <c r="O3568" s="76"/>
      <c r="P3568" s="76"/>
      <c r="Q3568" s="65"/>
      <c r="R3568" s="76"/>
      <c r="S3568" s="76"/>
      <c r="T3568" s="76"/>
      <c r="U3568" s="76"/>
      <c r="V3568" s="76"/>
      <c r="W3568" s="76"/>
      <c r="X3568" s="76"/>
      <c r="Y3568" s="76"/>
      <c r="Z3568" s="76"/>
      <c r="AA3568" s="85"/>
      <c r="AB3568" s="85"/>
      <c r="AC3568" s="85"/>
      <c r="AD3568" s="85"/>
      <c r="AE3568" s="85"/>
      <c r="AF3568" s="85"/>
      <c r="AG3568" s="86"/>
      <c r="AH3568" s="85"/>
      <c r="AI3568" s="85"/>
      <c r="AJ3568" s="85"/>
      <c r="AK3568" s="85"/>
      <c r="AL3568" s="85"/>
      <c r="AM3568" s="92"/>
      <c r="AN3568" s="92"/>
      <c r="AO3568" s="92"/>
      <c r="AP3568" s="92"/>
      <c r="AQ3568" s="92"/>
      <c r="AR3568" s="92"/>
      <c r="AS3568" s="92"/>
      <c r="AT3568" s="92"/>
      <c r="AU3568" s="92"/>
      <c r="AV3568" s="92"/>
      <c r="AW3568" s="92"/>
      <c r="AX3568" s="92"/>
      <c r="AY3568" s="92"/>
      <c r="AZ3568" s="93"/>
      <c r="BA3568" s="93"/>
      <c r="BB3568" s="93"/>
      <c r="BC3568" s="93"/>
      <c r="BD3568" s="93"/>
      <c r="BE3568" s="93"/>
      <c r="BF3568" s="93"/>
      <c r="BG3568" s="93"/>
      <c r="BH3568" s="93"/>
      <c r="BI3568" s="93"/>
      <c r="BJ3568" s="93"/>
      <c r="BK3568" s="93"/>
      <c r="BL3568" s="93"/>
    </row>
    <row r="3569" spans="2:64" x14ac:dyDescent="0.2">
      <c r="B3569" s="43"/>
      <c r="C3569" s="73"/>
      <c r="D3569" s="64"/>
      <c r="E3569" s="55"/>
      <c r="F3569" s="74"/>
      <c r="G3569" s="74"/>
      <c r="H3569" s="74"/>
      <c r="I3569" s="75"/>
      <c r="J3569" s="74"/>
      <c r="L3569" s="55"/>
      <c r="M3569" s="234"/>
      <c r="N3569" s="65"/>
      <c r="O3569" s="76"/>
      <c r="P3569" s="76"/>
      <c r="Q3569" s="65"/>
      <c r="R3569" s="76"/>
      <c r="S3569" s="76"/>
      <c r="T3569" s="76"/>
      <c r="U3569" s="76"/>
      <c r="V3569" s="76"/>
      <c r="W3569" s="76"/>
      <c r="X3569" s="76"/>
      <c r="Y3569" s="76"/>
      <c r="Z3569" s="76"/>
      <c r="AA3569" s="85"/>
      <c r="AB3569" s="85"/>
      <c r="AC3569" s="85"/>
      <c r="AD3569" s="85"/>
      <c r="AE3569" s="85"/>
      <c r="AF3569" s="85"/>
      <c r="AG3569" s="86"/>
      <c r="AH3569" s="85"/>
      <c r="AI3569" s="85"/>
      <c r="AJ3569" s="85"/>
      <c r="AK3569" s="85"/>
      <c r="AL3569" s="85"/>
      <c r="AM3569" s="92"/>
      <c r="AN3569" s="92"/>
      <c r="AO3569" s="92"/>
      <c r="AP3569" s="92"/>
      <c r="AQ3569" s="92"/>
      <c r="AR3569" s="92"/>
      <c r="AS3569" s="92"/>
      <c r="AT3569" s="92"/>
      <c r="AU3569" s="92"/>
      <c r="AV3569" s="92"/>
      <c r="AW3569" s="92"/>
      <c r="AX3569" s="92"/>
      <c r="AY3569" s="92"/>
      <c r="AZ3569" s="93"/>
      <c r="BA3569" s="93"/>
      <c r="BB3569" s="93"/>
      <c r="BC3569" s="93"/>
      <c r="BD3569" s="93"/>
      <c r="BE3569" s="93"/>
      <c r="BF3569" s="93"/>
      <c r="BG3569" s="93"/>
      <c r="BH3569" s="93"/>
      <c r="BI3569" s="93"/>
      <c r="BJ3569" s="93"/>
      <c r="BK3569" s="93"/>
      <c r="BL3569" s="93"/>
    </row>
    <row r="3570" spans="2:64" x14ac:dyDescent="0.2">
      <c r="B3570" s="43"/>
      <c r="C3570" s="73"/>
      <c r="D3570" s="64"/>
      <c r="E3570" s="55"/>
      <c r="F3570" s="74"/>
      <c r="G3570" s="74"/>
      <c r="H3570" s="74"/>
      <c r="I3570" s="75"/>
      <c r="J3570" s="74"/>
      <c r="L3570" s="55"/>
      <c r="M3570" s="234"/>
      <c r="N3570" s="65"/>
      <c r="O3570" s="76"/>
      <c r="P3570" s="76"/>
      <c r="Q3570" s="65"/>
      <c r="R3570" s="76"/>
      <c r="S3570" s="76"/>
      <c r="T3570" s="76"/>
      <c r="U3570" s="76"/>
      <c r="V3570" s="76"/>
      <c r="W3570" s="76"/>
      <c r="X3570" s="76"/>
      <c r="Y3570" s="76"/>
      <c r="Z3570" s="76"/>
      <c r="AA3570" s="85"/>
      <c r="AB3570" s="85"/>
      <c r="AC3570" s="85"/>
      <c r="AD3570" s="85"/>
      <c r="AE3570" s="85"/>
      <c r="AF3570" s="85"/>
      <c r="AG3570" s="86"/>
      <c r="AH3570" s="85"/>
      <c r="AI3570" s="85"/>
      <c r="AJ3570" s="85"/>
      <c r="AK3570" s="85"/>
      <c r="AL3570" s="85"/>
      <c r="AM3570" s="92"/>
      <c r="AN3570" s="92"/>
      <c r="AO3570" s="92"/>
      <c r="AP3570" s="92"/>
      <c r="AQ3570" s="92"/>
      <c r="AR3570" s="92"/>
      <c r="AS3570" s="92"/>
      <c r="AT3570" s="92"/>
      <c r="AU3570" s="92"/>
      <c r="AV3570" s="92"/>
      <c r="AW3570" s="92"/>
      <c r="AX3570" s="92"/>
      <c r="AY3570" s="92"/>
      <c r="AZ3570" s="93"/>
      <c r="BA3570" s="93"/>
      <c r="BB3570" s="93"/>
      <c r="BC3570" s="93"/>
      <c r="BD3570" s="93"/>
      <c r="BE3570" s="93"/>
      <c r="BF3570" s="93"/>
      <c r="BG3570" s="93"/>
      <c r="BH3570" s="93"/>
      <c r="BI3570" s="93"/>
      <c r="BJ3570" s="93"/>
      <c r="BK3570" s="93"/>
      <c r="BL3570" s="93"/>
    </row>
    <row r="3571" spans="2:64" x14ac:dyDescent="0.2">
      <c r="B3571" s="43"/>
      <c r="C3571" s="73"/>
      <c r="D3571" s="64"/>
      <c r="E3571" s="55"/>
      <c r="F3571" s="74"/>
      <c r="G3571" s="74"/>
      <c r="H3571" s="74"/>
      <c r="I3571" s="75"/>
      <c r="J3571" s="74"/>
      <c r="L3571" s="55"/>
      <c r="M3571" s="234"/>
      <c r="N3571" s="65"/>
      <c r="O3571" s="76"/>
      <c r="P3571" s="76"/>
      <c r="Q3571" s="65"/>
      <c r="R3571" s="76"/>
      <c r="S3571" s="76"/>
      <c r="T3571" s="76"/>
      <c r="U3571" s="76"/>
      <c r="V3571" s="76"/>
      <c r="W3571" s="76"/>
      <c r="X3571" s="76"/>
      <c r="Y3571" s="76"/>
      <c r="Z3571" s="76"/>
      <c r="AA3571" s="85"/>
      <c r="AB3571" s="85"/>
      <c r="AC3571" s="85"/>
      <c r="AD3571" s="85"/>
      <c r="AE3571" s="85"/>
      <c r="AF3571" s="85"/>
      <c r="AG3571" s="86"/>
      <c r="AH3571" s="85"/>
      <c r="AI3571" s="85"/>
      <c r="AJ3571" s="85"/>
      <c r="AK3571" s="85"/>
      <c r="AL3571" s="85"/>
      <c r="AM3571" s="92"/>
      <c r="AN3571" s="92"/>
      <c r="AO3571" s="92"/>
      <c r="AP3571" s="92"/>
      <c r="AQ3571" s="92"/>
      <c r="AR3571" s="92"/>
      <c r="AS3571" s="92"/>
      <c r="AT3571" s="92"/>
      <c r="AU3571" s="92"/>
      <c r="AV3571" s="92"/>
      <c r="AW3571" s="92"/>
      <c r="AX3571" s="92"/>
      <c r="AY3571" s="92"/>
      <c r="AZ3571" s="93"/>
      <c r="BA3571" s="93"/>
      <c r="BB3571" s="93"/>
      <c r="BC3571" s="93"/>
      <c r="BD3571" s="93"/>
      <c r="BE3571" s="93"/>
      <c r="BF3571" s="93"/>
      <c r="BG3571" s="93"/>
      <c r="BH3571" s="93"/>
      <c r="BI3571" s="93"/>
      <c r="BJ3571" s="93"/>
      <c r="BK3571" s="93"/>
      <c r="BL3571" s="93"/>
    </row>
    <row r="3572" spans="2:64" x14ac:dyDescent="0.2">
      <c r="B3572" s="43"/>
      <c r="C3572" s="73"/>
      <c r="D3572" s="64"/>
      <c r="E3572" s="55"/>
      <c r="F3572" s="74"/>
      <c r="G3572" s="74"/>
      <c r="H3572" s="74"/>
      <c r="I3572" s="75"/>
      <c r="J3572" s="74"/>
      <c r="L3572" s="55"/>
      <c r="M3572" s="234"/>
      <c r="N3572" s="65"/>
      <c r="O3572" s="76"/>
      <c r="P3572" s="76"/>
      <c r="Q3572" s="65"/>
      <c r="R3572" s="76"/>
      <c r="S3572" s="76"/>
      <c r="T3572" s="76"/>
      <c r="U3572" s="76"/>
      <c r="V3572" s="76"/>
      <c r="W3572" s="76"/>
      <c r="X3572" s="76"/>
      <c r="Y3572" s="76"/>
      <c r="Z3572" s="76"/>
      <c r="AA3572" s="85"/>
      <c r="AB3572" s="85"/>
      <c r="AC3572" s="85"/>
      <c r="AD3572" s="85"/>
      <c r="AE3572" s="85"/>
      <c r="AF3572" s="85"/>
      <c r="AG3572" s="86"/>
      <c r="AH3572" s="85"/>
      <c r="AI3572" s="85"/>
      <c r="AJ3572" s="85"/>
      <c r="AK3572" s="85"/>
      <c r="AL3572" s="85"/>
      <c r="AM3572" s="92"/>
      <c r="AN3572" s="92"/>
      <c r="AO3572" s="92"/>
      <c r="AP3572" s="92"/>
      <c r="AQ3572" s="92"/>
      <c r="AR3572" s="92"/>
      <c r="AS3572" s="92"/>
      <c r="AT3572" s="92"/>
      <c r="AU3572" s="92"/>
      <c r="AV3572" s="92"/>
      <c r="AW3572" s="92"/>
      <c r="AX3572" s="92"/>
      <c r="AY3572" s="92"/>
      <c r="AZ3572" s="93"/>
      <c r="BA3572" s="93"/>
      <c r="BB3572" s="93"/>
      <c r="BC3572" s="93"/>
      <c r="BD3572" s="93"/>
      <c r="BE3572" s="93"/>
      <c r="BF3572" s="93"/>
      <c r="BG3572" s="93"/>
      <c r="BH3572" s="93"/>
      <c r="BI3572" s="93"/>
      <c r="BJ3572" s="93"/>
      <c r="BK3572" s="93"/>
      <c r="BL3572" s="93"/>
    </row>
    <row r="3573" spans="2:64" x14ac:dyDescent="0.2">
      <c r="B3573" s="43"/>
      <c r="C3573" s="73"/>
      <c r="D3573" s="64"/>
      <c r="E3573" s="55"/>
      <c r="F3573" s="74"/>
      <c r="G3573" s="74"/>
      <c r="H3573" s="74"/>
      <c r="I3573" s="75"/>
      <c r="J3573" s="74"/>
      <c r="L3573" s="55"/>
      <c r="M3573" s="234"/>
      <c r="N3573" s="65"/>
      <c r="O3573" s="76"/>
      <c r="P3573" s="76"/>
      <c r="Q3573" s="65"/>
      <c r="R3573" s="76"/>
      <c r="S3573" s="76"/>
      <c r="T3573" s="76"/>
      <c r="U3573" s="76"/>
      <c r="V3573" s="76"/>
      <c r="W3573" s="76"/>
      <c r="X3573" s="76"/>
      <c r="Y3573" s="76"/>
      <c r="Z3573" s="76"/>
      <c r="AA3573" s="85"/>
      <c r="AB3573" s="85"/>
      <c r="AC3573" s="85"/>
      <c r="AD3573" s="85"/>
      <c r="AE3573" s="85"/>
      <c r="AF3573" s="85"/>
      <c r="AG3573" s="86"/>
      <c r="AH3573" s="85"/>
      <c r="AI3573" s="85"/>
      <c r="AJ3573" s="85"/>
      <c r="AK3573" s="85"/>
      <c r="AL3573" s="85"/>
      <c r="AM3573" s="92"/>
      <c r="AN3573" s="92"/>
      <c r="AO3573" s="92"/>
      <c r="AP3573" s="92"/>
      <c r="AQ3573" s="92"/>
      <c r="AR3573" s="92"/>
      <c r="AS3573" s="92"/>
      <c r="AT3573" s="92"/>
      <c r="AU3573" s="92"/>
      <c r="AV3573" s="92"/>
      <c r="AW3573" s="92"/>
      <c r="AX3573" s="92"/>
      <c r="AY3573" s="92"/>
      <c r="AZ3573" s="93"/>
      <c r="BA3573" s="93"/>
      <c r="BB3573" s="93"/>
      <c r="BC3573" s="93"/>
      <c r="BD3573" s="93"/>
      <c r="BE3573" s="93"/>
      <c r="BF3573" s="93"/>
      <c r="BG3573" s="93"/>
      <c r="BH3573" s="93"/>
      <c r="BI3573" s="93"/>
      <c r="BJ3573" s="93"/>
      <c r="BK3573" s="93"/>
      <c r="BL3573" s="93"/>
    </row>
    <row r="3574" spans="2:64" x14ac:dyDescent="0.2">
      <c r="B3574" s="43"/>
      <c r="C3574" s="73"/>
      <c r="D3574" s="64"/>
      <c r="E3574" s="55"/>
      <c r="F3574" s="74"/>
      <c r="G3574" s="74"/>
      <c r="H3574" s="74"/>
      <c r="I3574" s="75"/>
      <c r="J3574" s="74"/>
      <c r="L3574" s="55"/>
      <c r="M3574" s="234"/>
      <c r="N3574" s="65"/>
      <c r="O3574" s="76"/>
      <c r="P3574" s="76"/>
      <c r="Q3574" s="65"/>
      <c r="R3574" s="76"/>
      <c r="S3574" s="76"/>
      <c r="T3574" s="76"/>
      <c r="U3574" s="76"/>
      <c r="V3574" s="76"/>
      <c r="W3574" s="76"/>
      <c r="X3574" s="76"/>
      <c r="Y3574" s="76"/>
      <c r="Z3574" s="76"/>
      <c r="AA3574" s="85"/>
      <c r="AB3574" s="85"/>
      <c r="AC3574" s="85"/>
      <c r="AD3574" s="85"/>
      <c r="AE3574" s="85"/>
      <c r="AF3574" s="85"/>
      <c r="AG3574" s="86"/>
      <c r="AH3574" s="85"/>
      <c r="AI3574" s="85"/>
      <c r="AJ3574" s="85"/>
      <c r="AK3574" s="85"/>
      <c r="AL3574" s="85"/>
      <c r="AM3574" s="92"/>
      <c r="AN3574" s="92"/>
      <c r="AO3574" s="92"/>
      <c r="AP3574" s="92"/>
      <c r="AQ3574" s="92"/>
      <c r="AR3574" s="92"/>
      <c r="AS3574" s="92"/>
      <c r="AT3574" s="92"/>
      <c r="AU3574" s="92"/>
      <c r="AV3574" s="92"/>
      <c r="AW3574" s="92"/>
      <c r="AX3574" s="92"/>
      <c r="AY3574" s="92"/>
      <c r="AZ3574" s="93"/>
      <c r="BA3574" s="93"/>
      <c r="BB3574" s="93"/>
      <c r="BC3574" s="93"/>
      <c r="BD3574" s="93"/>
      <c r="BE3574" s="93"/>
      <c r="BF3574" s="93"/>
      <c r="BG3574" s="93"/>
      <c r="BH3574" s="93"/>
      <c r="BI3574" s="93"/>
      <c r="BJ3574" s="93"/>
      <c r="BK3574" s="93"/>
      <c r="BL3574" s="93"/>
    </row>
    <row r="3575" spans="2:64" x14ac:dyDescent="0.2">
      <c r="B3575" s="43"/>
      <c r="C3575" s="73"/>
      <c r="D3575" s="64"/>
      <c r="E3575" s="55"/>
      <c r="F3575" s="74"/>
      <c r="G3575" s="74"/>
      <c r="H3575" s="74"/>
      <c r="I3575" s="75"/>
      <c r="J3575" s="74"/>
      <c r="L3575" s="55"/>
      <c r="M3575" s="234"/>
      <c r="N3575" s="65"/>
      <c r="O3575" s="76"/>
      <c r="P3575" s="76"/>
      <c r="Q3575" s="65"/>
      <c r="R3575" s="76"/>
      <c r="S3575" s="76"/>
      <c r="T3575" s="76"/>
      <c r="U3575" s="76"/>
      <c r="V3575" s="76"/>
      <c r="W3575" s="76"/>
      <c r="X3575" s="76"/>
      <c r="Y3575" s="76"/>
      <c r="Z3575" s="76"/>
      <c r="AA3575" s="85"/>
      <c r="AB3575" s="85"/>
      <c r="AC3575" s="85"/>
      <c r="AD3575" s="85"/>
      <c r="AE3575" s="85"/>
      <c r="AF3575" s="85"/>
      <c r="AG3575" s="86"/>
      <c r="AH3575" s="85"/>
      <c r="AI3575" s="85"/>
      <c r="AJ3575" s="85"/>
      <c r="AK3575" s="85"/>
      <c r="AL3575" s="85"/>
      <c r="AM3575" s="92"/>
      <c r="AN3575" s="92"/>
      <c r="AO3575" s="92"/>
      <c r="AP3575" s="92"/>
      <c r="AQ3575" s="92"/>
      <c r="AR3575" s="92"/>
      <c r="AS3575" s="92"/>
      <c r="AT3575" s="92"/>
      <c r="AU3575" s="92"/>
      <c r="AV3575" s="92"/>
      <c r="AW3575" s="92"/>
      <c r="AX3575" s="92"/>
      <c r="AY3575" s="92"/>
      <c r="AZ3575" s="93"/>
      <c r="BA3575" s="93"/>
      <c r="BB3575" s="93"/>
      <c r="BC3575" s="93"/>
      <c r="BD3575" s="93"/>
      <c r="BE3575" s="93"/>
      <c r="BF3575" s="93"/>
      <c r="BG3575" s="93"/>
      <c r="BH3575" s="93"/>
      <c r="BI3575" s="93"/>
      <c r="BJ3575" s="93"/>
      <c r="BK3575" s="93"/>
      <c r="BL3575" s="93"/>
    </row>
    <row r="3576" spans="2:64" x14ac:dyDescent="0.2">
      <c r="B3576" s="43"/>
      <c r="C3576" s="73"/>
      <c r="D3576" s="64"/>
      <c r="E3576" s="55"/>
      <c r="F3576" s="74"/>
      <c r="G3576" s="74"/>
      <c r="H3576" s="74"/>
      <c r="I3576" s="75"/>
      <c r="J3576" s="74"/>
      <c r="L3576" s="55"/>
      <c r="M3576" s="234"/>
      <c r="N3576" s="65"/>
      <c r="O3576" s="76"/>
      <c r="P3576" s="76"/>
      <c r="Q3576" s="65"/>
      <c r="R3576" s="76"/>
      <c r="S3576" s="76"/>
      <c r="T3576" s="76"/>
      <c r="U3576" s="76"/>
      <c r="V3576" s="76"/>
      <c r="W3576" s="76"/>
      <c r="X3576" s="76"/>
      <c r="Y3576" s="76"/>
      <c r="Z3576" s="76"/>
      <c r="AA3576" s="85"/>
      <c r="AB3576" s="85"/>
      <c r="AC3576" s="85"/>
      <c r="AD3576" s="85"/>
      <c r="AE3576" s="85"/>
      <c r="AF3576" s="85"/>
      <c r="AG3576" s="86"/>
      <c r="AH3576" s="85"/>
      <c r="AI3576" s="85"/>
      <c r="AJ3576" s="85"/>
      <c r="AK3576" s="85"/>
      <c r="AL3576" s="85"/>
      <c r="AM3576" s="92"/>
      <c r="AN3576" s="92"/>
      <c r="AO3576" s="92"/>
      <c r="AP3576" s="92"/>
      <c r="AQ3576" s="92"/>
      <c r="AR3576" s="92"/>
      <c r="AS3576" s="92"/>
      <c r="AT3576" s="92"/>
      <c r="AU3576" s="92"/>
      <c r="AV3576" s="92"/>
      <c r="AW3576" s="92"/>
      <c r="AX3576" s="92"/>
      <c r="AY3576" s="92"/>
      <c r="AZ3576" s="93"/>
      <c r="BA3576" s="93"/>
      <c r="BB3576" s="93"/>
      <c r="BC3576" s="93"/>
      <c r="BD3576" s="93"/>
      <c r="BE3576" s="93"/>
      <c r="BF3576" s="93"/>
      <c r="BG3576" s="93"/>
      <c r="BH3576" s="93"/>
      <c r="BI3576" s="93"/>
      <c r="BJ3576" s="93"/>
      <c r="BK3576" s="93"/>
      <c r="BL3576" s="93"/>
    </row>
    <row r="3577" spans="2:64" x14ac:dyDescent="0.2">
      <c r="B3577" s="43"/>
      <c r="C3577" s="73"/>
      <c r="D3577" s="64"/>
      <c r="E3577" s="55"/>
      <c r="F3577" s="74"/>
      <c r="G3577" s="74"/>
      <c r="H3577" s="74"/>
      <c r="I3577" s="75"/>
      <c r="J3577" s="74"/>
      <c r="L3577" s="55"/>
      <c r="M3577" s="234"/>
      <c r="N3577" s="65"/>
      <c r="O3577" s="76"/>
      <c r="P3577" s="76"/>
      <c r="Q3577" s="65"/>
      <c r="R3577" s="76"/>
      <c r="S3577" s="76"/>
      <c r="T3577" s="76"/>
      <c r="U3577" s="76"/>
      <c r="V3577" s="76"/>
      <c r="W3577" s="76"/>
      <c r="X3577" s="76"/>
      <c r="Y3577" s="76"/>
      <c r="Z3577" s="76"/>
      <c r="AA3577" s="85"/>
      <c r="AB3577" s="85"/>
      <c r="AC3577" s="85"/>
      <c r="AD3577" s="85"/>
      <c r="AE3577" s="85"/>
      <c r="AF3577" s="85"/>
      <c r="AG3577" s="86"/>
      <c r="AH3577" s="85"/>
      <c r="AI3577" s="85"/>
      <c r="AJ3577" s="85"/>
      <c r="AK3577" s="85"/>
      <c r="AL3577" s="85"/>
      <c r="AM3577" s="92"/>
      <c r="AN3577" s="92"/>
      <c r="AO3577" s="92"/>
      <c r="AP3577" s="92"/>
      <c r="AQ3577" s="92"/>
      <c r="AR3577" s="92"/>
      <c r="AS3577" s="92"/>
      <c r="AT3577" s="92"/>
      <c r="AU3577" s="92"/>
      <c r="AV3577" s="92"/>
      <c r="AW3577" s="92"/>
      <c r="AX3577" s="92"/>
      <c r="AY3577" s="92"/>
      <c r="AZ3577" s="93"/>
      <c r="BA3577" s="93"/>
      <c r="BB3577" s="93"/>
      <c r="BC3577" s="93"/>
      <c r="BD3577" s="93"/>
      <c r="BE3577" s="93"/>
      <c r="BF3577" s="93"/>
      <c r="BG3577" s="93"/>
      <c r="BH3577" s="93"/>
      <c r="BI3577" s="93"/>
      <c r="BJ3577" s="93"/>
      <c r="BK3577" s="93"/>
      <c r="BL3577" s="93"/>
    </row>
    <row r="3578" spans="2:64" x14ac:dyDescent="0.2">
      <c r="B3578" s="43"/>
      <c r="C3578" s="73"/>
      <c r="D3578" s="64"/>
      <c r="E3578" s="55"/>
      <c r="F3578" s="74"/>
      <c r="G3578" s="74"/>
      <c r="H3578" s="74"/>
      <c r="I3578" s="75"/>
      <c r="J3578" s="74"/>
      <c r="L3578" s="55"/>
      <c r="M3578" s="234"/>
      <c r="N3578" s="65"/>
      <c r="O3578" s="76"/>
      <c r="P3578" s="76"/>
      <c r="Q3578" s="65"/>
      <c r="R3578" s="76"/>
      <c r="S3578" s="76"/>
      <c r="T3578" s="76"/>
      <c r="U3578" s="76"/>
      <c r="V3578" s="76"/>
      <c r="W3578" s="76"/>
      <c r="X3578" s="76"/>
      <c r="Y3578" s="76"/>
      <c r="Z3578" s="76"/>
      <c r="AA3578" s="85"/>
      <c r="AB3578" s="85"/>
      <c r="AC3578" s="85"/>
      <c r="AD3578" s="85"/>
      <c r="AE3578" s="85"/>
      <c r="AF3578" s="85"/>
      <c r="AG3578" s="86"/>
      <c r="AH3578" s="85"/>
      <c r="AI3578" s="85"/>
      <c r="AJ3578" s="85"/>
      <c r="AK3578" s="85"/>
      <c r="AL3578" s="85"/>
      <c r="AM3578" s="92"/>
      <c r="AN3578" s="92"/>
      <c r="AO3578" s="92"/>
      <c r="AP3578" s="92"/>
      <c r="AQ3578" s="92"/>
      <c r="AR3578" s="92"/>
      <c r="AS3578" s="92"/>
      <c r="AT3578" s="92"/>
      <c r="AU3578" s="92"/>
      <c r="AV3578" s="92"/>
      <c r="AW3578" s="92"/>
      <c r="AX3578" s="92"/>
      <c r="AY3578" s="92"/>
      <c r="AZ3578" s="93"/>
      <c r="BA3578" s="93"/>
      <c r="BB3578" s="93"/>
      <c r="BC3578" s="93"/>
      <c r="BD3578" s="93"/>
      <c r="BE3578" s="93"/>
      <c r="BF3578" s="93"/>
      <c r="BG3578" s="93"/>
      <c r="BH3578" s="93"/>
      <c r="BI3578" s="93"/>
      <c r="BJ3578" s="93"/>
      <c r="BK3578" s="93"/>
      <c r="BL3578" s="93"/>
    </row>
    <row r="3579" spans="2:64" x14ac:dyDescent="0.2">
      <c r="B3579" s="43"/>
      <c r="C3579" s="73"/>
      <c r="D3579" s="64"/>
      <c r="E3579" s="55"/>
      <c r="F3579" s="74"/>
      <c r="G3579" s="74"/>
      <c r="H3579" s="74"/>
      <c r="I3579" s="75"/>
      <c r="J3579" s="74"/>
      <c r="L3579" s="55"/>
      <c r="M3579" s="234"/>
      <c r="N3579" s="65"/>
      <c r="O3579" s="76"/>
      <c r="P3579" s="76"/>
      <c r="Q3579" s="65"/>
      <c r="R3579" s="76"/>
      <c r="S3579" s="76"/>
      <c r="T3579" s="76"/>
      <c r="U3579" s="76"/>
      <c r="V3579" s="76"/>
      <c r="W3579" s="76"/>
      <c r="X3579" s="76"/>
      <c r="Y3579" s="76"/>
      <c r="Z3579" s="76"/>
      <c r="AA3579" s="85"/>
      <c r="AB3579" s="85"/>
      <c r="AC3579" s="85"/>
      <c r="AD3579" s="85"/>
      <c r="AE3579" s="85"/>
      <c r="AF3579" s="85"/>
      <c r="AG3579" s="86"/>
      <c r="AH3579" s="85"/>
      <c r="AI3579" s="85"/>
      <c r="AJ3579" s="85"/>
      <c r="AK3579" s="85"/>
      <c r="AL3579" s="85"/>
      <c r="AM3579" s="92"/>
      <c r="AN3579" s="92"/>
      <c r="AO3579" s="92"/>
      <c r="AP3579" s="92"/>
      <c r="AQ3579" s="92"/>
      <c r="AR3579" s="92"/>
      <c r="AS3579" s="92"/>
      <c r="AT3579" s="92"/>
      <c r="AU3579" s="92"/>
      <c r="AV3579" s="92"/>
      <c r="AW3579" s="92"/>
      <c r="AX3579" s="92"/>
      <c r="AY3579" s="92"/>
      <c r="AZ3579" s="93"/>
      <c r="BA3579" s="93"/>
      <c r="BB3579" s="93"/>
      <c r="BC3579" s="93"/>
      <c r="BD3579" s="93"/>
      <c r="BE3579" s="93"/>
      <c r="BF3579" s="93"/>
      <c r="BG3579" s="93"/>
      <c r="BH3579" s="93"/>
      <c r="BI3579" s="93"/>
      <c r="BJ3579" s="93"/>
      <c r="BK3579" s="93"/>
      <c r="BL3579" s="93"/>
    </row>
    <row r="3580" spans="2:64" x14ac:dyDescent="0.2">
      <c r="B3580" s="43"/>
      <c r="C3580" s="73"/>
      <c r="D3580" s="64"/>
      <c r="E3580" s="55"/>
      <c r="F3580" s="74"/>
      <c r="G3580" s="74"/>
      <c r="H3580" s="74"/>
      <c r="I3580" s="75"/>
      <c r="J3580" s="74"/>
      <c r="L3580" s="55"/>
      <c r="M3580" s="234"/>
      <c r="N3580" s="65"/>
      <c r="O3580" s="76"/>
      <c r="P3580" s="76"/>
      <c r="Q3580" s="65"/>
      <c r="R3580" s="76"/>
      <c r="S3580" s="76"/>
      <c r="T3580" s="76"/>
      <c r="U3580" s="76"/>
      <c r="V3580" s="76"/>
      <c r="W3580" s="76"/>
      <c r="X3580" s="76"/>
      <c r="Y3580" s="76"/>
      <c r="Z3580" s="76"/>
      <c r="AA3580" s="85"/>
      <c r="AB3580" s="85"/>
      <c r="AC3580" s="85"/>
      <c r="AD3580" s="85"/>
      <c r="AE3580" s="85"/>
      <c r="AF3580" s="85"/>
      <c r="AG3580" s="86"/>
      <c r="AH3580" s="85"/>
      <c r="AI3580" s="85"/>
      <c r="AJ3580" s="85"/>
      <c r="AK3580" s="85"/>
      <c r="AL3580" s="85"/>
      <c r="AM3580" s="92"/>
      <c r="AN3580" s="92"/>
      <c r="AO3580" s="92"/>
      <c r="AP3580" s="92"/>
      <c r="AQ3580" s="92"/>
      <c r="AR3580" s="92"/>
      <c r="AS3580" s="92"/>
      <c r="AT3580" s="92"/>
      <c r="AU3580" s="92"/>
      <c r="AV3580" s="92"/>
      <c r="AW3580" s="92"/>
      <c r="AX3580" s="92"/>
      <c r="AY3580" s="92"/>
      <c r="AZ3580" s="93"/>
      <c r="BA3580" s="93"/>
      <c r="BB3580" s="93"/>
      <c r="BC3580" s="93"/>
      <c r="BD3580" s="93"/>
      <c r="BE3580" s="93"/>
      <c r="BF3580" s="93"/>
      <c r="BG3580" s="93"/>
      <c r="BH3580" s="93"/>
      <c r="BI3580" s="93"/>
      <c r="BJ3580" s="93"/>
      <c r="BK3580" s="93"/>
      <c r="BL3580" s="93"/>
    </row>
    <row r="3581" spans="2:64" x14ac:dyDescent="0.2">
      <c r="B3581" s="43"/>
      <c r="C3581" s="73"/>
      <c r="D3581" s="64"/>
      <c r="E3581" s="55"/>
      <c r="F3581" s="74"/>
      <c r="G3581" s="74"/>
      <c r="H3581" s="74"/>
      <c r="I3581" s="75"/>
      <c r="J3581" s="74"/>
      <c r="L3581" s="55"/>
      <c r="M3581" s="234"/>
      <c r="N3581" s="65"/>
      <c r="O3581" s="76"/>
      <c r="P3581" s="76"/>
      <c r="Q3581" s="65"/>
      <c r="R3581" s="76"/>
      <c r="S3581" s="76"/>
      <c r="T3581" s="76"/>
      <c r="U3581" s="76"/>
      <c r="V3581" s="76"/>
      <c r="W3581" s="76"/>
      <c r="X3581" s="76"/>
      <c r="Y3581" s="76"/>
      <c r="Z3581" s="76"/>
      <c r="AA3581" s="85"/>
      <c r="AB3581" s="85"/>
      <c r="AC3581" s="85"/>
      <c r="AD3581" s="85"/>
      <c r="AE3581" s="85"/>
      <c r="AF3581" s="85"/>
      <c r="AG3581" s="86"/>
      <c r="AH3581" s="85"/>
      <c r="AI3581" s="85"/>
      <c r="AJ3581" s="85"/>
      <c r="AK3581" s="85"/>
      <c r="AL3581" s="85"/>
      <c r="AM3581" s="92"/>
      <c r="AN3581" s="92"/>
      <c r="AO3581" s="92"/>
      <c r="AP3581" s="92"/>
      <c r="AQ3581" s="92"/>
      <c r="AR3581" s="92"/>
      <c r="AS3581" s="92"/>
      <c r="AT3581" s="92"/>
      <c r="AU3581" s="92"/>
      <c r="AV3581" s="92"/>
      <c r="AW3581" s="92"/>
      <c r="AX3581" s="92"/>
      <c r="AY3581" s="92"/>
      <c r="AZ3581" s="93"/>
      <c r="BA3581" s="93"/>
      <c r="BB3581" s="93"/>
      <c r="BC3581" s="93"/>
      <c r="BD3581" s="93"/>
      <c r="BE3581" s="93"/>
      <c r="BF3581" s="93"/>
      <c r="BG3581" s="93"/>
      <c r="BH3581" s="93"/>
      <c r="BI3581" s="93"/>
      <c r="BJ3581" s="93"/>
      <c r="BK3581" s="93"/>
      <c r="BL3581" s="93"/>
    </row>
    <row r="3582" spans="2:64" x14ac:dyDescent="0.2">
      <c r="B3582" s="43"/>
      <c r="C3582" s="73"/>
      <c r="D3582" s="64"/>
      <c r="E3582" s="55"/>
      <c r="F3582" s="74"/>
      <c r="G3582" s="74"/>
      <c r="H3582" s="74"/>
      <c r="I3582" s="75"/>
      <c r="J3582" s="74"/>
      <c r="L3582" s="55"/>
      <c r="M3582" s="234"/>
      <c r="N3582" s="65"/>
      <c r="O3582" s="76"/>
      <c r="P3582" s="76"/>
      <c r="Q3582" s="65"/>
      <c r="R3582" s="76"/>
      <c r="S3582" s="76"/>
      <c r="T3582" s="76"/>
      <c r="U3582" s="76"/>
      <c r="V3582" s="76"/>
      <c r="W3582" s="76"/>
      <c r="X3582" s="76"/>
      <c r="Y3582" s="76"/>
      <c r="Z3582" s="76"/>
      <c r="AA3582" s="85"/>
      <c r="AB3582" s="85"/>
      <c r="AC3582" s="85"/>
      <c r="AD3582" s="85"/>
      <c r="AE3582" s="85"/>
      <c r="AF3582" s="85"/>
      <c r="AG3582" s="86"/>
      <c r="AH3582" s="85"/>
      <c r="AI3582" s="85"/>
      <c r="AJ3582" s="85"/>
      <c r="AK3582" s="85"/>
      <c r="AL3582" s="85"/>
      <c r="AM3582" s="92"/>
      <c r="AN3582" s="92"/>
      <c r="AO3582" s="92"/>
      <c r="AP3582" s="92"/>
      <c r="AQ3582" s="92"/>
      <c r="AR3582" s="92"/>
      <c r="AS3582" s="92"/>
      <c r="AT3582" s="92"/>
      <c r="AU3582" s="92"/>
      <c r="AV3582" s="92"/>
      <c r="AW3582" s="92"/>
      <c r="AX3582" s="92"/>
      <c r="AY3582" s="92"/>
      <c r="AZ3582" s="93"/>
      <c r="BA3582" s="93"/>
      <c r="BB3582" s="93"/>
      <c r="BC3582" s="93"/>
      <c r="BD3582" s="93"/>
      <c r="BE3582" s="93"/>
      <c r="BF3582" s="93"/>
      <c r="BG3582" s="93"/>
      <c r="BH3582" s="93"/>
      <c r="BI3582" s="93"/>
      <c r="BJ3582" s="93"/>
      <c r="BK3582" s="93"/>
      <c r="BL3582" s="93"/>
    </row>
    <row r="3583" spans="2:64" x14ac:dyDescent="0.2">
      <c r="B3583" s="43"/>
      <c r="C3583" s="73"/>
      <c r="D3583" s="64"/>
      <c r="E3583" s="55"/>
      <c r="F3583" s="74"/>
      <c r="G3583" s="74"/>
      <c r="H3583" s="74"/>
      <c r="I3583" s="75"/>
      <c r="J3583" s="74"/>
      <c r="L3583" s="55"/>
      <c r="M3583" s="234"/>
      <c r="N3583" s="65"/>
      <c r="O3583" s="76"/>
      <c r="P3583" s="76"/>
      <c r="Q3583" s="65"/>
      <c r="R3583" s="76"/>
      <c r="S3583" s="76"/>
      <c r="T3583" s="76"/>
      <c r="U3583" s="76"/>
      <c r="V3583" s="76"/>
      <c r="W3583" s="76"/>
      <c r="X3583" s="76"/>
      <c r="Y3583" s="76"/>
      <c r="Z3583" s="76"/>
      <c r="AA3583" s="85"/>
      <c r="AB3583" s="85"/>
      <c r="AC3583" s="85"/>
      <c r="AD3583" s="85"/>
      <c r="AE3583" s="85"/>
      <c r="AF3583" s="85"/>
      <c r="AG3583" s="86"/>
      <c r="AH3583" s="85"/>
      <c r="AI3583" s="85"/>
      <c r="AJ3583" s="85"/>
      <c r="AK3583" s="85"/>
      <c r="AL3583" s="85"/>
      <c r="AM3583" s="92"/>
      <c r="AN3583" s="92"/>
      <c r="AO3583" s="92"/>
      <c r="AP3583" s="92"/>
      <c r="AQ3583" s="92"/>
      <c r="AR3583" s="92"/>
      <c r="AS3583" s="92"/>
      <c r="AT3583" s="92"/>
      <c r="AU3583" s="92"/>
      <c r="AV3583" s="92"/>
      <c r="AW3583" s="92"/>
      <c r="AX3583" s="92"/>
      <c r="AY3583" s="92"/>
      <c r="AZ3583" s="93"/>
      <c r="BA3583" s="93"/>
      <c r="BB3583" s="93"/>
      <c r="BC3583" s="93"/>
      <c r="BD3583" s="93"/>
      <c r="BE3583" s="93"/>
      <c r="BF3583" s="93"/>
      <c r="BG3583" s="93"/>
      <c r="BH3583" s="93"/>
      <c r="BI3583" s="93"/>
      <c r="BJ3583" s="93"/>
      <c r="BK3583" s="93"/>
      <c r="BL3583" s="93"/>
    </row>
    <row r="3584" spans="2:64" x14ac:dyDescent="0.2">
      <c r="B3584" s="43"/>
      <c r="C3584" s="73"/>
      <c r="D3584" s="64"/>
      <c r="E3584" s="55"/>
      <c r="F3584" s="74"/>
      <c r="G3584" s="74"/>
      <c r="H3584" s="74"/>
      <c r="I3584" s="75"/>
      <c r="J3584" s="74"/>
      <c r="L3584" s="55"/>
      <c r="M3584" s="234"/>
      <c r="N3584" s="65"/>
      <c r="O3584" s="76"/>
      <c r="P3584" s="76"/>
      <c r="Q3584" s="65"/>
      <c r="R3584" s="76"/>
      <c r="S3584" s="76"/>
      <c r="T3584" s="76"/>
      <c r="U3584" s="76"/>
      <c r="V3584" s="76"/>
      <c r="W3584" s="76"/>
      <c r="X3584" s="76"/>
      <c r="Y3584" s="76"/>
      <c r="Z3584" s="76"/>
      <c r="AA3584" s="85"/>
      <c r="AB3584" s="85"/>
      <c r="AC3584" s="85"/>
      <c r="AD3584" s="85"/>
      <c r="AE3584" s="85"/>
      <c r="AF3584" s="85"/>
      <c r="AG3584" s="86"/>
      <c r="AH3584" s="85"/>
      <c r="AI3584" s="85"/>
      <c r="AJ3584" s="85"/>
      <c r="AK3584" s="85"/>
      <c r="AL3584" s="85"/>
      <c r="AM3584" s="92"/>
      <c r="AN3584" s="92"/>
      <c r="AO3584" s="92"/>
      <c r="AP3584" s="92"/>
      <c r="AQ3584" s="92"/>
      <c r="AR3584" s="92"/>
      <c r="AS3584" s="92"/>
      <c r="AT3584" s="92"/>
      <c r="AU3584" s="92"/>
      <c r="AV3584" s="92"/>
      <c r="AW3584" s="92"/>
      <c r="AX3584" s="92"/>
      <c r="AY3584" s="92"/>
      <c r="AZ3584" s="93"/>
      <c r="BA3584" s="93"/>
      <c r="BB3584" s="93"/>
      <c r="BC3584" s="93"/>
      <c r="BD3584" s="93"/>
      <c r="BE3584" s="93"/>
      <c r="BF3584" s="93"/>
      <c r="BG3584" s="93"/>
      <c r="BH3584" s="93"/>
      <c r="BI3584" s="93"/>
      <c r="BJ3584" s="93"/>
      <c r="BK3584" s="93"/>
      <c r="BL3584" s="93"/>
    </row>
    <row r="3585" spans="2:64" x14ac:dyDescent="0.2">
      <c r="B3585" s="43"/>
      <c r="C3585" s="73"/>
      <c r="D3585" s="64"/>
      <c r="E3585" s="55"/>
      <c r="F3585" s="74"/>
      <c r="G3585" s="74"/>
      <c r="H3585" s="74"/>
      <c r="I3585" s="75"/>
      <c r="J3585" s="74"/>
      <c r="L3585" s="55"/>
      <c r="M3585" s="234"/>
      <c r="N3585" s="65"/>
      <c r="O3585" s="76"/>
      <c r="P3585" s="76"/>
      <c r="Q3585" s="65"/>
      <c r="R3585" s="76"/>
      <c r="S3585" s="76"/>
      <c r="T3585" s="76"/>
      <c r="U3585" s="76"/>
      <c r="V3585" s="76"/>
      <c r="W3585" s="76"/>
      <c r="X3585" s="76"/>
      <c r="Y3585" s="76"/>
      <c r="Z3585" s="76"/>
      <c r="AA3585" s="85"/>
      <c r="AB3585" s="85"/>
      <c r="AC3585" s="85"/>
      <c r="AD3585" s="85"/>
      <c r="AE3585" s="85"/>
      <c r="AF3585" s="85"/>
      <c r="AG3585" s="86"/>
      <c r="AH3585" s="85"/>
      <c r="AI3585" s="85"/>
      <c r="AJ3585" s="85"/>
      <c r="AK3585" s="85"/>
      <c r="AL3585" s="85"/>
      <c r="AM3585" s="92"/>
      <c r="AN3585" s="92"/>
      <c r="AO3585" s="92"/>
      <c r="AP3585" s="92"/>
      <c r="AQ3585" s="92"/>
      <c r="AR3585" s="92"/>
      <c r="AS3585" s="92"/>
      <c r="AT3585" s="92"/>
      <c r="AU3585" s="92"/>
      <c r="AV3585" s="92"/>
      <c r="AW3585" s="92"/>
      <c r="AX3585" s="92"/>
      <c r="AY3585" s="92"/>
      <c r="AZ3585" s="93"/>
      <c r="BA3585" s="93"/>
      <c r="BB3585" s="93"/>
      <c r="BC3585" s="93"/>
      <c r="BD3585" s="93"/>
      <c r="BE3585" s="93"/>
      <c r="BF3585" s="93"/>
      <c r="BG3585" s="93"/>
      <c r="BH3585" s="93"/>
      <c r="BI3585" s="93"/>
      <c r="BJ3585" s="93"/>
      <c r="BK3585" s="93"/>
      <c r="BL3585" s="93"/>
    </row>
    <row r="3586" spans="2:64" x14ac:dyDescent="0.2">
      <c r="B3586" s="43"/>
      <c r="C3586" s="73"/>
      <c r="D3586" s="64"/>
      <c r="E3586" s="55"/>
      <c r="F3586" s="74"/>
      <c r="G3586" s="74"/>
      <c r="H3586" s="74"/>
      <c r="I3586" s="75"/>
      <c r="J3586" s="74"/>
      <c r="L3586" s="55"/>
      <c r="M3586" s="234"/>
      <c r="N3586" s="65"/>
      <c r="O3586" s="76"/>
      <c r="P3586" s="76"/>
      <c r="Q3586" s="65"/>
      <c r="R3586" s="76"/>
      <c r="S3586" s="76"/>
      <c r="T3586" s="76"/>
      <c r="U3586" s="76"/>
      <c r="V3586" s="76"/>
      <c r="W3586" s="76"/>
      <c r="X3586" s="76"/>
      <c r="Y3586" s="76"/>
      <c r="Z3586" s="76"/>
      <c r="AA3586" s="85"/>
      <c r="AB3586" s="85"/>
      <c r="AC3586" s="85"/>
      <c r="AD3586" s="85"/>
      <c r="AE3586" s="85"/>
      <c r="AF3586" s="85"/>
      <c r="AG3586" s="86"/>
      <c r="AH3586" s="85"/>
      <c r="AI3586" s="85"/>
      <c r="AJ3586" s="85"/>
      <c r="AK3586" s="85"/>
      <c r="AL3586" s="85"/>
      <c r="AM3586" s="92"/>
      <c r="AN3586" s="92"/>
      <c r="AO3586" s="92"/>
      <c r="AP3586" s="92"/>
      <c r="AQ3586" s="92"/>
      <c r="AR3586" s="92"/>
      <c r="AS3586" s="92"/>
      <c r="AT3586" s="92"/>
      <c r="AU3586" s="92"/>
      <c r="AV3586" s="92"/>
      <c r="AW3586" s="92"/>
      <c r="AX3586" s="92"/>
      <c r="AY3586" s="92"/>
      <c r="AZ3586" s="93"/>
      <c r="BA3586" s="93"/>
      <c r="BB3586" s="93"/>
      <c r="BC3586" s="93"/>
      <c r="BD3586" s="93"/>
      <c r="BE3586" s="93"/>
      <c r="BF3586" s="93"/>
      <c r="BG3586" s="93"/>
      <c r="BH3586" s="93"/>
      <c r="BI3586" s="93"/>
      <c r="BJ3586" s="93"/>
      <c r="BK3586" s="93"/>
      <c r="BL3586" s="93"/>
    </row>
    <row r="3587" spans="2:64" x14ac:dyDescent="0.2">
      <c r="B3587" s="43"/>
      <c r="C3587" s="73"/>
      <c r="D3587" s="64"/>
      <c r="E3587" s="55"/>
      <c r="F3587" s="74"/>
      <c r="G3587" s="74"/>
      <c r="H3587" s="74"/>
      <c r="I3587" s="75"/>
      <c r="J3587" s="74"/>
      <c r="L3587" s="55"/>
      <c r="M3587" s="234"/>
      <c r="N3587" s="65"/>
      <c r="O3587" s="76"/>
      <c r="P3587" s="76"/>
      <c r="Q3587" s="65"/>
      <c r="R3587" s="76"/>
      <c r="S3587" s="76"/>
      <c r="T3587" s="76"/>
      <c r="U3587" s="76"/>
      <c r="V3587" s="76"/>
      <c r="W3587" s="76"/>
      <c r="X3587" s="76"/>
      <c r="Y3587" s="76"/>
      <c r="Z3587" s="76"/>
      <c r="AA3587" s="85"/>
      <c r="AB3587" s="85"/>
      <c r="AC3587" s="85"/>
      <c r="AD3587" s="85"/>
      <c r="AE3587" s="85"/>
      <c r="AF3587" s="85"/>
      <c r="AG3587" s="86"/>
      <c r="AH3587" s="85"/>
      <c r="AI3587" s="85"/>
      <c r="AJ3587" s="85"/>
      <c r="AK3587" s="85"/>
      <c r="AL3587" s="85"/>
      <c r="AM3587" s="92"/>
      <c r="AN3587" s="92"/>
      <c r="AO3587" s="92"/>
      <c r="AP3587" s="92"/>
      <c r="AQ3587" s="92"/>
      <c r="AR3587" s="92"/>
      <c r="AS3587" s="92"/>
      <c r="AT3587" s="92"/>
      <c r="AU3587" s="92"/>
      <c r="AV3587" s="92"/>
      <c r="AW3587" s="92"/>
      <c r="AX3587" s="92"/>
      <c r="AY3587" s="92"/>
      <c r="AZ3587" s="93"/>
      <c r="BA3587" s="93"/>
      <c r="BB3587" s="93"/>
      <c r="BC3587" s="93"/>
      <c r="BD3587" s="93"/>
      <c r="BE3587" s="93"/>
      <c r="BF3587" s="93"/>
      <c r="BG3587" s="93"/>
      <c r="BH3587" s="93"/>
      <c r="BI3587" s="93"/>
      <c r="BJ3587" s="93"/>
      <c r="BK3587" s="93"/>
      <c r="BL3587" s="93"/>
    </row>
    <row r="3588" spans="2:64" x14ac:dyDescent="0.2">
      <c r="B3588" s="43"/>
      <c r="C3588" s="73"/>
      <c r="D3588" s="64"/>
      <c r="E3588" s="55"/>
      <c r="F3588" s="74"/>
      <c r="G3588" s="74"/>
      <c r="H3588" s="74"/>
      <c r="I3588" s="75"/>
      <c r="J3588" s="74"/>
      <c r="L3588" s="55"/>
      <c r="M3588" s="234"/>
      <c r="N3588" s="65"/>
      <c r="O3588" s="76"/>
      <c r="P3588" s="76"/>
      <c r="Q3588" s="65"/>
      <c r="R3588" s="76"/>
      <c r="S3588" s="76"/>
      <c r="T3588" s="76"/>
      <c r="U3588" s="76"/>
      <c r="V3588" s="76"/>
      <c r="W3588" s="76"/>
      <c r="X3588" s="76"/>
      <c r="Y3588" s="76"/>
      <c r="Z3588" s="76"/>
      <c r="AA3588" s="85"/>
      <c r="AB3588" s="85"/>
      <c r="AC3588" s="85"/>
      <c r="AD3588" s="85"/>
      <c r="AE3588" s="85"/>
      <c r="AF3588" s="85"/>
      <c r="AG3588" s="86"/>
      <c r="AH3588" s="85"/>
      <c r="AI3588" s="85"/>
      <c r="AJ3588" s="85"/>
      <c r="AK3588" s="85"/>
      <c r="AL3588" s="85"/>
      <c r="AM3588" s="92"/>
      <c r="AN3588" s="92"/>
      <c r="AO3588" s="92"/>
      <c r="AP3588" s="92"/>
      <c r="AQ3588" s="92"/>
      <c r="AR3588" s="92"/>
      <c r="AS3588" s="92"/>
      <c r="AT3588" s="92"/>
      <c r="AU3588" s="92"/>
      <c r="AV3588" s="92"/>
      <c r="AW3588" s="92"/>
      <c r="AX3588" s="92"/>
      <c r="AY3588" s="92"/>
      <c r="AZ3588" s="93"/>
      <c r="BA3588" s="93"/>
      <c r="BB3588" s="93"/>
      <c r="BC3588" s="93"/>
      <c r="BD3588" s="93"/>
      <c r="BE3588" s="93"/>
      <c r="BF3588" s="93"/>
      <c r="BG3588" s="93"/>
      <c r="BH3588" s="93"/>
      <c r="BI3588" s="93"/>
      <c r="BJ3588" s="93"/>
      <c r="BK3588" s="93"/>
      <c r="BL3588" s="93"/>
    </row>
    <row r="3589" spans="2:64" x14ac:dyDescent="0.2">
      <c r="B3589" s="43"/>
      <c r="C3589" s="73"/>
      <c r="D3589" s="64"/>
      <c r="E3589" s="55"/>
      <c r="F3589" s="74"/>
      <c r="G3589" s="74"/>
      <c r="H3589" s="74"/>
      <c r="I3589" s="75"/>
      <c r="J3589" s="74"/>
      <c r="L3589" s="55"/>
      <c r="M3589" s="234"/>
      <c r="N3589" s="65"/>
      <c r="O3589" s="76"/>
      <c r="P3589" s="76"/>
      <c r="Q3589" s="65"/>
      <c r="R3589" s="76"/>
      <c r="S3589" s="76"/>
      <c r="T3589" s="76"/>
      <c r="U3589" s="76"/>
      <c r="V3589" s="76"/>
      <c r="W3589" s="76"/>
      <c r="X3589" s="76"/>
      <c r="Y3589" s="76"/>
      <c r="Z3589" s="76"/>
      <c r="AA3589" s="85"/>
      <c r="AB3589" s="85"/>
      <c r="AC3589" s="85"/>
      <c r="AD3589" s="85"/>
      <c r="AE3589" s="85"/>
      <c r="AF3589" s="85"/>
      <c r="AG3589" s="86"/>
      <c r="AH3589" s="85"/>
      <c r="AI3589" s="85"/>
      <c r="AJ3589" s="85"/>
      <c r="AK3589" s="85"/>
      <c r="AL3589" s="85"/>
      <c r="AM3589" s="92"/>
      <c r="AN3589" s="92"/>
      <c r="AO3589" s="92"/>
      <c r="AP3589" s="92"/>
      <c r="AQ3589" s="92"/>
      <c r="AR3589" s="92"/>
      <c r="AS3589" s="92"/>
      <c r="AT3589" s="92"/>
      <c r="AU3589" s="92"/>
      <c r="AV3589" s="92"/>
      <c r="AW3589" s="92"/>
      <c r="AX3589" s="92"/>
      <c r="AY3589" s="92"/>
      <c r="AZ3589" s="93"/>
      <c r="BA3589" s="93"/>
      <c r="BB3589" s="93"/>
      <c r="BC3589" s="93"/>
      <c r="BD3589" s="93"/>
      <c r="BE3589" s="93"/>
      <c r="BF3589" s="93"/>
      <c r="BG3589" s="93"/>
      <c r="BH3589" s="93"/>
      <c r="BI3589" s="93"/>
      <c r="BJ3589" s="93"/>
      <c r="BK3589" s="93"/>
      <c r="BL3589" s="93"/>
    </row>
    <row r="3590" spans="2:64" x14ac:dyDescent="0.2">
      <c r="B3590" s="43"/>
      <c r="C3590" s="73"/>
      <c r="D3590" s="64"/>
      <c r="E3590" s="55"/>
      <c r="F3590" s="74"/>
      <c r="G3590" s="74"/>
      <c r="H3590" s="74"/>
      <c r="I3590" s="75"/>
      <c r="J3590" s="74"/>
      <c r="L3590" s="55"/>
      <c r="M3590" s="234"/>
      <c r="N3590" s="65"/>
      <c r="O3590" s="76"/>
      <c r="P3590" s="76"/>
      <c r="Q3590" s="65"/>
      <c r="R3590" s="76"/>
      <c r="S3590" s="76"/>
      <c r="T3590" s="76"/>
      <c r="U3590" s="76"/>
      <c r="V3590" s="76"/>
      <c r="W3590" s="76"/>
      <c r="X3590" s="76"/>
      <c r="Y3590" s="76"/>
      <c r="Z3590" s="76"/>
      <c r="AA3590" s="85"/>
      <c r="AB3590" s="85"/>
      <c r="AC3590" s="85"/>
      <c r="AD3590" s="85"/>
      <c r="AE3590" s="85"/>
      <c r="AF3590" s="85"/>
      <c r="AG3590" s="86"/>
      <c r="AH3590" s="85"/>
      <c r="AI3590" s="85"/>
      <c r="AJ3590" s="85"/>
      <c r="AK3590" s="85"/>
      <c r="AL3590" s="85"/>
      <c r="AM3590" s="92"/>
      <c r="AN3590" s="92"/>
      <c r="AO3590" s="92"/>
      <c r="AP3590" s="92"/>
      <c r="AQ3590" s="92"/>
      <c r="AR3590" s="92"/>
      <c r="AS3590" s="92"/>
      <c r="AT3590" s="92"/>
      <c r="AU3590" s="92"/>
      <c r="AV3590" s="92"/>
      <c r="AW3590" s="92"/>
      <c r="AX3590" s="92"/>
      <c r="AY3590" s="92"/>
      <c r="AZ3590" s="93"/>
      <c r="BA3590" s="93"/>
      <c r="BB3590" s="93"/>
      <c r="BC3590" s="93"/>
      <c r="BD3590" s="93"/>
      <c r="BE3590" s="93"/>
      <c r="BF3590" s="93"/>
      <c r="BG3590" s="93"/>
      <c r="BH3590" s="93"/>
      <c r="BI3590" s="93"/>
      <c r="BJ3590" s="93"/>
      <c r="BK3590" s="93"/>
      <c r="BL3590" s="93"/>
    </row>
    <row r="3591" spans="2:64" x14ac:dyDescent="0.2">
      <c r="B3591" s="43"/>
      <c r="C3591" s="73"/>
      <c r="D3591" s="64"/>
      <c r="E3591" s="55"/>
      <c r="F3591" s="74"/>
      <c r="G3591" s="74"/>
      <c r="H3591" s="74"/>
      <c r="I3591" s="75"/>
      <c r="J3591" s="74"/>
      <c r="L3591" s="55"/>
      <c r="M3591" s="234"/>
      <c r="N3591" s="65"/>
      <c r="O3591" s="76"/>
      <c r="P3591" s="76"/>
      <c r="Q3591" s="65"/>
      <c r="R3591" s="76"/>
      <c r="S3591" s="76"/>
      <c r="T3591" s="76"/>
      <c r="U3591" s="76"/>
      <c r="V3591" s="76"/>
      <c r="W3591" s="76"/>
      <c r="X3591" s="76"/>
      <c r="Y3591" s="76"/>
      <c r="Z3591" s="76"/>
      <c r="AA3591" s="85"/>
      <c r="AB3591" s="85"/>
      <c r="AC3591" s="85"/>
      <c r="AD3591" s="85"/>
      <c r="AE3591" s="85"/>
      <c r="AF3591" s="85"/>
      <c r="AG3591" s="86"/>
      <c r="AH3591" s="85"/>
      <c r="AI3591" s="85"/>
      <c r="AJ3591" s="85"/>
      <c r="AK3591" s="85"/>
      <c r="AL3591" s="85"/>
      <c r="AM3591" s="92"/>
      <c r="AN3591" s="92"/>
      <c r="AO3591" s="92"/>
      <c r="AP3591" s="92"/>
      <c r="AQ3591" s="92"/>
      <c r="AR3591" s="92"/>
      <c r="AS3591" s="92"/>
      <c r="AT3591" s="92"/>
      <c r="AU3591" s="92"/>
      <c r="AV3591" s="92"/>
      <c r="AW3591" s="92"/>
      <c r="AX3591" s="92"/>
      <c r="AY3591" s="92"/>
      <c r="AZ3591" s="93"/>
      <c r="BA3591" s="93"/>
      <c r="BB3591" s="93"/>
      <c r="BC3591" s="93"/>
      <c r="BD3591" s="93"/>
      <c r="BE3591" s="93"/>
      <c r="BF3591" s="93"/>
      <c r="BG3591" s="93"/>
      <c r="BH3591" s="93"/>
      <c r="BI3591" s="93"/>
      <c r="BJ3591" s="93"/>
      <c r="BK3591" s="93"/>
      <c r="BL3591" s="93"/>
    </row>
    <row r="3592" spans="2:64" x14ac:dyDescent="0.2">
      <c r="B3592" s="43"/>
      <c r="C3592" s="73"/>
      <c r="D3592" s="64"/>
      <c r="E3592" s="55"/>
      <c r="F3592" s="74"/>
      <c r="G3592" s="74"/>
      <c r="H3592" s="74"/>
      <c r="I3592" s="75"/>
      <c r="J3592" s="74"/>
      <c r="L3592" s="55"/>
      <c r="M3592" s="234"/>
      <c r="N3592" s="65"/>
      <c r="O3592" s="76"/>
      <c r="P3592" s="76"/>
      <c r="Q3592" s="65"/>
      <c r="R3592" s="76"/>
      <c r="S3592" s="76"/>
      <c r="T3592" s="76"/>
      <c r="U3592" s="76"/>
      <c r="V3592" s="76"/>
      <c r="W3592" s="76"/>
      <c r="X3592" s="76"/>
      <c r="Y3592" s="76"/>
      <c r="Z3592" s="76"/>
      <c r="AA3592" s="85"/>
      <c r="AB3592" s="85"/>
      <c r="AC3592" s="85"/>
      <c r="AD3592" s="85"/>
      <c r="AE3592" s="85"/>
      <c r="AF3592" s="85"/>
      <c r="AG3592" s="86"/>
      <c r="AH3592" s="85"/>
      <c r="AI3592" s="85"/>
      <c r="AJ3592" s="85"/>
      <c r="AK3592" s="85"/>
      <c r="AL3592" s="85"/>
      <c r="AM3592" s="92"/>
      <c r="AN3592" s="92"/>
      <c r="AO3592" s="92"/>
      <c r="AP3592" s="92"/>
      <c r="AQ3592" s="92"/>
      <c r="AR3592" s="92"/>
      <c r="AS3592" s="92"/>
      <c r="AT3592" s="92"/>
      <c r="AU3592" s="92"/>
      <c r="AV3592" s="92"/>
      <c r="AW3592" s="92"/>
      <c r="AX3592" s="92"/>
      <c r="AY3592" s="92"/>
      <c r="AZ3592" s="93"/>
      <c r="BA3592" s="93"/>
      <c r="BB3592" s="93"/>
      <c r="BC3592" s="93"/>
      <c r="BD3592" s="93"/>
      <c r="BE3592" s="93"/>
      <c r="BF3592" s="93"/>
      <c r="BG3592" s="93"/>
      <c r="BH3592" s="93"/>
      <c r="BI3592" s="93"/>
      <c r="BJ3592" s="93"/>
      <c r="BK3592" s="93"/>
      <c r="BL3592" s="93"/>
    </row>
    <row r="3593" spans="2:64" x14ac:dyDescent="0.2">
      <c r="B3593" s="43"/>
      <c r="C3593" s="73"/>
      <c r="D3593" s="64"/>
      <c r="E3593" s="55"/>
      <c r="F3593" s="74"/>
      <c r="G3593" s="74"/>
      <c r="H3593" s="74"/>
      <c r="I3593" s="75"/>
      <c r="J3593" s="74"/>
      <c r="L3593" s="55"/>
      <c r="M3593" s="234"/>
      <c r="N3593" s="65"/>
      <c r="O3593" s="76"/>
      <c r="P3593" s="76"/>
      <c r="Q3593" s="65"/>
      <c r="R3593" s="76"/>
      <c r="S3593" s="76"/>
      <c r="T3593" s="76"/>
      <c r="U3593" s="76"/>
      <c r="V3593" s="76"/>
      <c r="W3593" s="76"/>
      <c r="X3593" s="76"/>
      <c r="Y3593" s="76"/>
      <c r="Z3593" s="76"/>
      <c r="AA3593" s="85"/>
      <c r="AB3593" s="85"/>
      <c r="AC3593" s="85"/>
      <c r="AD3593" s="85"/>
      <c r="AE3593" s="85"/>
      <c r="AF3593" s="85"/>
      <c r="AG3593" s="86"/>
      <c r="AH3593" s="85"/>
      <c r="AI3593" s="85"/>
      <c r="AJ3593" s="85"/>
      <c r="AK3593" s="85"/>
      <c r="AL3593" s="85"/>
      <c r="AM3593" s="92"/>
      <c r="AN3593" s="92"/>
      <c r="AO3593" s="92"/>
      <c r="AP3593" s="92"/>
      <c r="AQ3593" s="92"/>
      <c r="AR3593" s="92"/>
      <c r="AS3593" s="92"/>
      <c r="AT3593" s="92"/>
      <c r="AU3593" s="92"/>
      <c r="AV3593" s="92"/>
      <c r="AW3593" s="92"/>
      <c r="AX3593" s="92"/>
      <c r="AY3593" s="92"/>
      <c r="AZ3593" s="93"/>
      <c r="BA3593" s="93"/>
      <c r="BB3593" s="93"/>
      <c r="BC3593" s="93"/>
      <c r="BD3593" s="93"/>
      <c r="BE3593" s="93"/>
      <c r="BF3593" s="93"/>
      <c r="BG3593" s="93"/>
      <c r="BH3593" s="93"/>
      <c r="BI3593" s="93"/>
      <c r="BJ3593" s="93"/>
      <c r="BK3593" s="93"/>
      <c r="BL3593" s="93"/>
    </row>
    <row r="3594" spans="2:64" x14ac:dyDescent="0.2">
      <c r="B3594" s="43"/>
      <c r="C3594" s="73"/>
      <c r="D3594" s="64"/>
      <c r="E3594" s="55"/>
      <c r="F3594" s="74"/>
      <c r="G3594" s="74"/>
      <c r="H3594" s="74"/>
      <c r="I3594" s="75"/>
      <c r="J3594" s="74"/>
      <c r="L3594" s="55"/>
      <c r="M3594" s="234"/>
      <c r="N3594" s="65"/>
      <c r="O3594" s="76"/>
      <c r="P3594" s="76"/>
      <c r="Q3594" s="65"/>
      <c r="R3594" s="76"/>
      <c r="S3594" s="76"/>
      <c r="T3594" s="76"/>
      <c r="U3594" s="76"/>
      <c r="V3594" s="76"/>
      <c r="W3594" s="76"/>
      <c r="X3594" s="76"/>
      <c r="Y3594" s="76"/>
      <c r="Z3594" s="76"/>
      <c r="AA3594" s="85"/>
      <c r="AB3594" s="85"/>
      <c r="AC3594" s="85"/>
      <c r="AD3594" s="85"/>
      <c r="AE3594" s="85"/>
      <c r="AF3594" s="85"/>
      <c r="AG3594" s="86"/>
      <c r="AH3594" s="85"/>
      <c r="AI3594" s="85"/>
      <c r="AJ3594" s="85"/>
      <c r="AK3594" s="85"/>
      <c r="AL3594" s="85"/>
      <c r="AM3594" s="92"/>
      <c r="AN3594" s="92"/>
      <c r="AO3594" s="92"/>
      <c r="AP3594" s="92"/>
      <c r="AQ3594" s="92"/>
      <c r="AR3594" s="92"/>
      <c r="AS3594" s="92"/>
      <c r="AT3594" s="92"/>
      <c r="AU3594" s="92"/>
      <c r="AV3594" s="92"/>
      <c r="AW3594" s="92"/>
      <c r="AX3594" s="92"/>
      <c r="AY3594" s="92"/>
      <c r="AZ3594" s="93"/>
      <c r="BA3594" s="93"/>
      <c r="BB3594" s="93"/>
      <c r="BC3594" s="93"/>
      <c r="BD3594" s="93"/>
      <c r="BE3594" s="93"/>
      <c r="BF3594" s="93"/>
      <c r="BG3594" s="93"/>
      <c r="BH3594" s="93"/>
      <c r="BI3594" s="93"/>
      <c r="BJ3594" s="93"/>
      <c r="BK3594" s="93"/>
      <c r="BL3594" s="93"/>
    </row>
    <row r="3595" spans="2:64" x14ac:dyDescent="0.2">
      <c r="B3595" s="43"/>
      <c r="C3595" s="73"/>
      <c r="D3595" s="64"/>
      <c r="E3595" s="55"/>
      <c r="F3595" s="74"/>
      <c r="G3595" s="74"/>
      <c r="H3595" s="74"/>
      <c r="I3595" s="75"/>
      <c r="J3595" s="74"/>
      <c r="L3595" s="55"/>
      <c r="M3595" s="234"/>
      <c r="N3595" s="65"/>
      <c r="O3595" s="76"/>
      <c r="P3595" s="76"/>
      <c r="Q3595" s="65"/>
      <c r="R3595" s="76"/>
      <c r="S3595" s="76"/>
      <c r="T3595" s="76"/>
      <c r="U3595" s="76"/>
      <c r="V3595" s="76"/>
      <c r="W3595" s="76"/>
      <c r="X3595" s="76"/>
      <c r="Y3595" s="76"/>
      <c r="Z3595" s="76"/>
      <c r="AA3595" s="85"/>
      <c r="AB3595" s="85"/>
      <c r="AC3595" s="85"/>
      <c r="AD3595" s="85"/>
      <c r="AE3595" s="85"/>
      <c r="AF3595" s="85"/>
      <c r="AG3595" s="86"/>
      <c r="AH3595" s="85"/>
      <c r="AI3595" s="85"/>
      <c r="AJ3595" s="85"/>
      <c r="AK3595" s="85"/>
      <c r="AL3595" s="85"/>
      <c r="AM3595" s="92"/>
      <c r="AN3595" s="92"/>
      <c r="AO3595" s="92"/>
      <c r="AP3595" s="92"/>
      <c r="AQ3595" s="92"/>
      <c r="AR3595" s="92"/>
      <c r="AS3595" s="92"/>
      <c r="AT3595" s="92"/>
      <c r="AU3595" s="92"/>
      <c r="AV3595" s="92"/>
      <c r="AW3595" s="92"/>
      <c r="AX3595" s="92"/>
      <c r="AY3595" s="92"/>
      <c r="AZ3595" s="93"/>
      <c r="BA3595" s="93"/>
      <c r="BB3595" s="93"/>
      <c r="BC3595" s="93"/>
      <c r="BD3595" s="93"/>
      <c r="BE3595" s="93"/>
      <c r="BF3595" s="93"/>
      <c r="BG3595" s="93"/>
      <c r="BH3595" s="93"/>
      <c r="BI3595" s="93"/>
      <c r="BJ3595" s="93"/>
      <c r="BK3595" s="93"/>
      <c r="BL3595" s="93"/>
    </row>
    <row r="3596" spans="2:64" x14ac:dyDescent="0.2">
      <c r="B3596" s="43"/>
      <c r="C3596" s="73"/>
      <c r="D3596" s="64"/>
      <c r="E3596" s="55"/>
      <c r="F3596" s="74"/>
      <c r="G3596" s="74"/>
      <c r="H3596" s="74"/>
      <c r="I3596" s="75"/>
      <c r="J3596" s="74"/>
      <c r="L3596" s="55"/>
      <c r="M3596" s="234"/>
      <c r="N3596" s="65"/>
      <c r="O3596" s="76"/>
      <c r="P3596" s="76"/>
      <c r="Q3596" s="65"/>
      <c r="R3596" s="76"/>
      <c r="S3596" s="76"/>
      <c r="T3596" s="76"/>
      <c r="U3596" s="76"/>
      <c r="V3596" s="76"/>
      <c r="W3596" s="76"/>
      <c r="X3596" s="76"/>
      <c r="Y3596" s="76"/>
      <c r="Z3596" s="76"/>
      <c r="AA3596" s="85"/>
      <c r="AB3596" s="85"/>
      <c r="AC3596" s="85"/>
      <c r="AD3596" s="85"/>
      <c r="AE3596" s="85"/>
      <c r="AF3596" s="85"/>
      <c r="AG3596" s="86"/>
      <c r="AH3596" s="85"/>
      <c r="AI3596" s="85"/>
      <c r="AJ3596" s="85"/>
      <c r="AK3596" s="85"/>
      <c r="AL3596" s="85"/>
      <c r="AM3596" s="92"/>
      <c r="AN3596" s="92"/>
      <c r="AO3596" s="92"/>
      <c r="AP3596" s="92"/>
      <c r="AQ3596" s="92"/>
      <c r="AR3596" s="92"/>
      <c r="AS3596" s="92"/>
      <c r="AT3596" s="92"/>
      <c r="AU3596" s="92"/>
      <c r="AV3596" s="92"/>
      <c r="AW3596" s="92"/>
      <c r="AX3596" s="92"/>
      <c r="AY3596" s="92"/>
      <c r="AZ3596" s="93"/>
      <c r="BA3596" s="93"/>
      <c r="BB3596" s="93"/>
      <c r="BC3596" s="93"/>
      <c r="BD3596" s="93"/>
      <c r="BE3596" s="93"/>
      <c r="BF3596" s="93"/>
      <c r="BG3596" s="93"/>
      <c r="BH3596" s="93"/>
      <c r="BI3596" s="93"/>
      <c r="BJ3596" s="93"/>
      <c r="BK3596" s="93"/>
      <c r="BL3596" s="93"/>
    </row>
    <row r="3597" spans="2:64" x14ac:dyDescent="0.2">
      <c r="B3597" s="43"/>
      <c r="C3597" s="73"/>
      <c r="D3597" s="64"/>
      <c r="E3597" s="55"/>
      <c r="F3597" s="74"/>
      <c r="G3597" s="74"/>
      <c r="H3597" s="74"/>
      <c r="I3597" s="75"/>
      <c r="J3597" s="74"/>
      <c r="L3597" s="55"/>
      <c r="M3597" s="234"/>
      <c r="N3597" s="65"/>
      <c r="O3597" s="76"/>
      <c r="P3597" s="76"/>
      <c r="Q3597" s="65"/>
      <c r="R3597" s="76"/>
      <c r="S3597" s="76"/>
      <c r="T3597" s="76"/>
      <c r="U3597" s="76"/>
      <c r="V3597" s="76"/>
      <c r="W3597" s="76"/>
      <c r="X3597" s="76"/>
      <c r="Y3597" s="76"/>
      <c r="Z3597" s="76"/>
      <c r="AA3597" s="85"/>
      <c r="AB3597" s="85"/>
      <c r="AC3597" s="85"/>
      <c r="AD3597" s="85"/>
      <c r="AE3597" s="85"/>
      <c r="AF3597" s="85"/>
      <c r="AG3597" s="86"/>
      <c r="AH3597" s="85"/>
      <c r="AI3597" s="85"/>
      <c r="AJ3597" s="85"/>
      <c r="AK3597" s="85"/>
      <c r="AL3597" s="85"/>
      <c r="AM3597" s="92"/>
      <c r="AN3597" s="92"/>
      <c r="AO3597" s="92"/>
      <c r="AP3597" s="92"/>
      <c r="AQ3597" s="92"/>
      <c r="AR3597" s="92"/>
      <c r="AS3597" s="92"/>
      <c r="AT3597" s="92"/>
      <c r="AU3597" s="92"/>
      <c r="AV3597" s="92"/>
      <c r="AW3597" s="92"/>
      <c r="AX3597" s="92"/>
      <c r="AY3597" s="92"/>
      <c r="AZ3597" s="93"/>
      <c r="BA3597" s="93"/>
      <c r="BB3597" s="93"/>
      <c r="BC3597" s="93"/>
      <c r="BD3597" s="93"/>
      <c r="BE3597" s="93"/>
      <c r="BF3597" s="93"/>
      <c r="BG3597" s="93"/>
      <c r="BH3597" s="93"/>
      <c r="BI3597" s="93"/>
      <c r="BJ3597" s="93"/>
      <c r="BK3597" s="93"/>
      <c r="BL3597" s="93"/>
    </row>
    <row r="3598" spans="2:64" x14ac:dyDescent="0.2">
      <c r="B3598" s="43"/>
      <c r="C3598" s="73"/>
      <c r="D3598" s="64"/>
      <c r="E3598" s="55"/>
      <c r="F3598" s="74"/>
      <c r="G3598" s="74"/>
      <c r="H3598" s="74"/>
      <c r="I3598" s="75"/>
      <c r="J3598" s="74"/>
      <c r="L3598" s="55"/>
      <c r="M3598" s="234"/>
      <c r="N3598" s="65"/>
      <c r="O3598" s="76"/>
      <c r="P3598" s="76"/>
      <c r="Q3598" s="65"/>
      <c r="R3598" s="76"/>
      <c r="S3598" s="76"/>
      <c r="T3598" s="76"/>
      <c r="U3598" s="76"/>
      <c r="V3598" s="76"/>
      <c r="W3598" s="76"/>
      <c r="X3598" s="76"/>
      <c r="Y3598" s="76"/>
      <c r="Z3598" s="76"/>
      <c r="AA3598" s="85"/>
      <c r="AB3598" s="85"/>
      <c r="AC3598" s="85"/>
      <c r="AD3598" s="85"/>
      <c r="AE3598" s="85"/>
      <c r="AF3598" s="85"/>
      <c r="AG3598" s="86"/>
      <c r="AH3598" s="85"/>
      <c r="AI3598" s="85"/>
      <c r="AJ3598" s="85"/>
      <c r="AK3598" s="85"/>
      <c r="AL3598" s="85"/>
      <c r="AM3598" s="92"/>
      <c r="AN3598" s="92"/>
      <c r="AO3598" s="92"/>
      <c r="AP3598" s="92"/>
      <c r="AQ3598" s="92"/>
      <c r="AR3598" s="92"/>
      <c r="AS3598" s="92"/>
      <c r="AT3598" s="92"/>
      <c r="AU3598" s="92"/>
      <c r="AV3598" s="92"/>
      <c r="AW3598" s="92"/>
      <c r="AX3598" s="92"/>
      <c r="AY3598" s="92"/>
      <c r="AZ3598" s="93"/>
      <c r="BA3598" s="93"/>
      <c r="BB3598" s="93"/>
      <c r="BC3598" s="93"/>
      <c r="BD3598" s="93"/>
      <c r="BE3598" s="93"/>
      <c r="BF3598" s="93"/>
      <c r="BG3598" s="93"/>
      <c r="BH3598" s="93"/>
      <c r="BI3598" s="93"/>
      <c r="BJ3598" s="93"/>
      <c r="BK3598" s="93"/>
      <c r="BL3598" s="93"/>
    </row>
    <row r="3599" spans="2:64" x14ac:dyDescent="0.2">
      <c r="B3599" s="43"/>
      <c r="C3599" s="73"/>
      <c r="D3599" s="64"/>
      <c r="E3599" s="55"/>
      <c r="F3599" s="74"/>
      <c r="G3599" s="74"/>
      <c r="H3599" s="74"/>
      <c r="I3599" s="75"/>
      <c r="J3599" s="74"/>
      <c r="L3599" s="55"/>
      <c r="M3599" s="234"/>
      <c r="N3599" s="65"/>
      <c r="O3599" s="76"/>
      <c r="P3599" s="76"/>
      <c r="Q3599" s="65"/>
      <c r="R3599" s="76"/>
      <c r="S3599" s="76"/>
      <c r="T3599" s="76"/>
      <c r="U3599" s="76"/>
      <c r="V3599" s="76"/>
      <c r="W3599" s="76"/>
      <c r="X3599" s="76"/>
      <c r="Y3599" s="76"/>
      <c r="Z3599" s="76"/>
      <c r="AA3599" s="85"/>
      <c r="AB3599" s="85"/>
      <c r="AC3599" s="85"/>
      <c r="AD3599" s="85"/>
      <c r="AE3599" s="85"/>
      <c r="AF3599" s="85"/>
      <c r="AG3599" s="86"/>
      <c r="AH3599" s="85"/>
      <c r="AI3599" s="85"/>
      <c r="AJ3599" s="85"/>
      <c r="AK3599" s="85"/>
      <c r="AL3599" s="85"/>
      <c r="AM3599" s="92"/>
      <c r="AN3599" s="92"/>
      <c r="AO3599" s="92"/>
      <c r="AP3599" s="92"/>
      <c r="AQ3599" s="92"/>
      <c r="AR3599" s="92"/>
      <c r="AS3599" s="92"/>
      <c r="AT3599" s="92"/>
      <c r="AU3599" s="92"/>
      <c r="AV3599" s="92"/>
      <c r="AW3599" s="92"/>
      <c r="AX3599" s="92"/>
      <c r="AY3599" s="92"/>
      <c r="AZ3599" s="93"/>
      <c r="BA3599" s="93"/>
      <c r="BB3599" s="93"/>
      <c r="BC3599" s="93"/>
      <c r="BD3599" s="93"/>
      <c r="BE3599" s="93"/>
      <c r="BF3599" s="93"/>
      <c r="BG3599" s="93"/>
      <c r="BH3599" s="93"/>
      <c r="BI3599" s="93"/>
      <c r="BJ3599" s="93"/>
      <c r="BK3599" s="93"/>
      <c r="BL3599" s="93"/>
    </row>
    <row r="3600" spans="2:64" x14ac:dyDescent="0.2">
      <c r="B3600" s="43"/>
      <c r="C3600" s="73"/>
      <c r="D3600" s="64"/>
      <c r="E3600" s="55"/>
      <c r="F3600" s="74"/>
      <c r="G3600" s="74"/>
      <c r="H3600" s="74"/>
      <c r="I3600" s="75"/>
      <c r="J3600" s="74"/>
      <c r="L3600" s="55"/>
      <c r="M3600" s="234"/>
      <c r="N3600" s="65"/>
      <c r="O3600" s="76"/>
      <c r="P3600" s="76"/>
      <c r="Q3600" s="65"/>
      <c r="R3600" s="76"/>
      <c r="S3600" s="76"/>
      <c r="T3600" s="76"/>
      <c r="U3600" s="76"/>
      <c r="V3600" s="76"/>
      <c r="W3600" s="76"/>
      <c r="X3600" s="76"/>
      <c r="Y3600" s="76"/>
      <c r="Z3600" s="76"/>
      <c r="AA3600" s="85"/>
      <c r="AB3600" s="85"/>
      <c r="AC3600" s="85"/>
      <c r="AD3600" s="85"/>
      <c r="AE3600" s="85"/>
      <c r="AF3600" s="85"/>
      <c r="AG3600" s="86"/>
      <c r="AH3600" s="85"/>
      <c r="AI3600" s="85"/>
      <c r="AJ3600" s="85"/>
      <c r="AK3600" s="85"/>
      <c r="AL3600" s="85"/>
      <c r="AM3600" s="92"/>
      <c r="AN3600" s="92"/>
      <c r="AO3600" s="92"/>
      <c r="AP3600" s="92"/>
      <c r="AQ3600" s="92"/>
      <c r="AR3600" s="92"/>
      <c r="AS3600" s="92"/>
      <c r="AT3600" s="92"/>
      <c r="AU3600" s="92"/>
      <c r="AV3600" s="92"/>
      <c r="AW3600" s="92"/>
      <c r="AX3600" s="92"/>
      <c r="AY3600" s="92"/>
      <c r="AZ3600" s="93"/>
      <c r="BA3600" s="93"/>
      <c r="BB3600" s="93"/>
      <c r="BC3600" s="93"/>
      <c r="BD3600" s="93"/>
      <c r="BE3600" s="93"/>
      <c r="BF3600" s="93"/>
      <c r="BG3600" s="93"/>
      <c r="BH3600" s="93"/>
      <c r="BI3600" s="93"/>
      <c r="BJ3600" s="93"/>
      <c r="BK3600" s="93"/>
      <c r="BL3600" s="93"/>
    </row>
    <row r="3601" spans="2:64" x14ac:dyDescent="0.2">
      <c r="B3601" s="43"/>
      <c r="C3601" s="73"/>
      <c r="D3601" s="64"/>
      <c r="E3601" s="55"/>
      <c r="F3601" s="74"/>
      <c r="G3601" s="74"/>
      <c r="H3601" s="74"/>
      <c r="I3601" s="75"/>
      <c r="J3601" s="74"/>
      <c r="L3601" s="55"/>
      <c r="M3601" s="234"/>
      <c r="N3601" s="65"/>
      <c r="O3601" s="76"/>
      <c r="P3601" s="76"/>
      <c r="Q3601" s="65"/>
      <c r="R3601" s="76"/>
      <c r="S3601" s="76"/>
      <c r="T3601" s="76"/>
      <c r="U3601" s="76"/>
      <c r="V3601" s="76"/>
      <c r="W3601" s="76"/>
      <c r="X3601" s="76"/>
      <c r="Y3601" s="76"/>
      <c r="Z3601" s="76"/>
      <c r="AA3601" s="85"/>
      <c r="AB3601" s="85"/>
      <c r="AC3601" s="85"/>
      <c r="AD3601" s="85"/>
      <c r="AE3601" s="85"/>
      <c r="AF3601" s="85"/>
      <c r="AG3601" s="86"/>
      <c r="AH3601" s="85"/>
      <c r="AI3601" s="85"/>
      <c r="AJ3601" s="85"/>
      <c r="AK3601" s="85"/>
      <c r="AL3601" s="85"/>
      <c r="AM3601" s="92"/>
      <c r="AN3601" s="92"/>
      <c r="AO3601" s="92"/>
      <c r="AP3601" s="92"/>
      <c r="AQ3601" s="92"/>
      <c r="AR3601" s="92"/>
      <c r="AS3601" s="92"/>
      <c r="AT3601" s="92"/>
      <c r="AU3601" s="92"/>
      <c r="AV3601" s="92"/>
      <c r="AW3601" s="92"/>
      <c r="AX3601" s="92"/>
      <c r="AY3601" s="92"/>
      <c r="AZ3601" s="93"/>
      <c r="BA3601" s="93"/>
      <c r="BB3601" s="93"/>
      <c r="BC3601" s="93"/>
      <c r="BD3601" s="93"/>
      <c r="BE3601" s="93"/>
      <c r="BF3601" s="93"/>
      <c r="BG3601" s="93"/>
      <c r="BH3601" s="93"/>
      <c r="BI3601" s="93"/>
      <c r="BJ3601" s="93"/>
      <c r="BK3601" s="93"/>
      <c r="BL3601" s="93"/>
    </row>
    <row r="3602" spans="2:64" x14ac:dyDescent="0.2">
      <c r="B3602" s="43"/>
      <c r="C3602" s="73"/>
      <c r="D3602" s="64"/>
      <c r="E3602" s="55"/>
      <c r="F3602" s="74"/>
      <c r="G3602" s="74"/>
      <c r="H3602" s="74"/>
      <c r="I3602" s="75"/>
      <c r="J3602" s="74"/>
      <c r="L3602" s="55"/>
      <c r="M3602" s="234"/>
      <c r="N3602" s="65"/>
      <c r="O3602" s="76"/>
      <c r="P3602" s="76"/>
      <c r="Q3602" s="65"/>
      <c r="R3602" s="76"/>
      <c r="S3602" s="76"/>
      <c r="T3602" s="76"/>
      <c r="U3602" s="76"/>
      <c r="V3602" s="76"/>
      <c r="W3602" s="76"/>
      <c r="X3602" s="76"/>
      <c r="Y3602" s="76"/>
      <c r="Z3602" s="76"/>
      <c r="AA3602" s="85"/>
      <c r="AB3602" s="85"/>
      <c r="AC3602" s="85"/>
      <c r="AD3602" s="85"/>
      <c r="AE3602" s="85"/>
      <c r="AF3602" s="85"/>
      <c r="AG3602" s="86"/>
      <c r="AH3602" s="85"/>
      <c r="AI3602" s="85"/>
      <c r="AJ3602" s="85"/>
      <c r="AK3602" s="85"/>
      <c r="AL3602" s="85"/>
      <c r="AM3602" s="92"/>
      <c r="AN3602" s="92"/>
      <c r="AO3602" s="92"/>
      <c r="AP3602" s="92"/>
      <c r="AQ3602" s="92"/>
      <c r="AR3602" s="92"/>
      <c r="AS3602" s="92"/>
      <c r="AT3602" s="92"/>
      <c r="AU3602" s="92"/>
      <c r="AV3602" s="92"/>
      <c r="AW3602" s="92"/>
      <c r="AX3602" s="92"/>
      <c r="AY3602" s="92"/>
      <c r="AZ3602" s="93"/>
      <c r="BA3602" s="93"/>
      <c r="BB3602" s="93"/>
      <c r="BC3602" s="93"/>
      <c r="BD3602" s="93"/>
      <c r="BE3602" s="93"/>
      <c r="BF3602" s="93"/>
      <c r="BG3602" s="93"/>
      <c r="BH3602" s="93"/>
      <c r="BI3602" s="93"/>
      <c r="BJ3602" s="93"/>
      <c r="BK3602" s="93"/>
      <c r="BL3602" s="93"/>
    </row>
    <row r="3603" spans="2:64" x14ac:dyDescent="0.2">
      <c r="B3603" s="43"/>
      <c r="C3603" s="73"/>
      <c r="D3603" s="64"/>
      <c r="E3603" s="55"/>
      <c r="F3603" s="74"/>
      <c r="G3603" s="74"/>
      <c r="H3603" s="74"/>
      <c r="I3603" s="75"/>
      <c r="J3603" s="74"/>
      <c r="L3603" s="55"/>
      <c r="M3603" s="234"/>
      <c r="N3603" s="65"/>
      <c r="O3603" s="76"/>
      <c r="P3603" s="76"/>
      <c r="Q3603" s="65"/>
      <c r="R3603" s="76"/>
      <c r="S3603" s="76"/>
      <c r="T3603" s="76"/>
      <c r="U3603" s="76"/>
      <c r="V3603" s="76"/>
      <c r="W3603" s="76"/>
      <c r="X3603" s="76"/>
      <c r="Y3603" s="76"/>
      <c r="Z3603" s="76"/>
      <c r="AA3603" s="85"/>
      <c r="AB3603" s="85"/>
      <c r="AC3603" s="85"/>
      <c r="AD3603" s="85"/>
      <c r="AE3603" s="85"/>
      <c r="AF3603" s="85"/>
      <c r="AG3603" s="86"/>
      <c r="AH3603" s="85"/>
      <c r="AI3603" s="85"/>
      <c r="AJ3603" s="85"/>
      <c r="AK3603" s="85"/>
      <c r="AL3603" s="85"/>
      <c r="AM3603" s="92"/>
      <c r="AN3603" s="92"/>
      <c r="AO3603" s="92"/>
      <c r="AP3603" s="92"/>
      <c r="AQ3603" s="92"/>
      <c r="AR3603" s="92"/>
      <c r="AS3603" s="92"/>
      <c r="AT3603" s="92"/>
      <c r="AU3603" s="92"/>
      <c r="AV3603" s="92"/>
      <c r="AW3603" s="92"/>
      <c r="AX3603" s="92"/>
      <c r="AY3603" s="92"/>
      <c r="AZ3603" s="93"/>
      <c r="BA3603" s="93"/>
      <c r="BB3603" s="93"/>
      <c r="BC3603" s="93"/>
      <c r="BD3603" s="93"/>
      <c r="BE3603" s="93"/>
      <c r="BF3603" s="93"/>
      <c r="BG3603" s="93"/>
      <c r="BH3603" s="93"/>
      <c r="BI3603" s="93"/>
      <c r="BJ3603" s="93"/>
      <c r="BK3603" s="93"/>
      <c r="BL3603" s="93"/>
    </row>
    <row r="3604" spans="2:64" x14ac:dyDescent="0.2">
      <c r="B3604" s="43"/>
      <c r="C3604" s="73"/>
      <c r="D3604" s="64"/>
      <c r="E3604" s="55"/>
      <c r="F3604" s="74"/>
      <c r="G3604" s="74"/>
      <c r="H3604" s="74"/>
      <c r="I3604" s="75"/>
      <c r="J3604" s="74"/>
      <c r="L3604" s="55"/>
      <c r="M3604" s="234"/>
      <c r="N3604" s="65"/>
      <c r="O3604" s="76"/>
      <c r="P3604" s="76"/>
      <c r="Q3604" s="65"/>
      <c r="R3604" s="76"/>
      <c r="S3604" s="76"/>
      <c r="T3604" s="76"/>
      <c r="U3604" s="76"/>
      <c r="V3604" s="76"/>
      <c r="W3604" s="76"/>
      <c r="X3604" s="76"/>
      <c r="Y3604" s="76"/>
      <c r="Z3604" s="76"/>
      <c r="AA3604" s="85"/>
      <c r="AB3604" s="85"/>
      <c r="AC3604" s="85"/>
      <c r="AD3604" s="85"/>
      <c r="AE3604" s="85"/>
      <c r="AF3604" s="85"/>
      <c r="AG3604" s="86"/>
      <c r="AH3604" s="85"/>
      <c r="AI3604" s="85"/>
      <c r="AJ3604" s="85"/>
      <c r="AK3604" s="85"/>
      <c r="AL3604" s="85"/>
      <c r="AM3604" s="92"/>
      <c r="AN3604" s="92"/>
      <c r="AO3604" s="92"/>
      <c r="AP3604" s="92"/>
      <c r="AQ3604" s="92"/>
      <c r="AR3604" s="92"/>
      <c r="AS3604" s="92"/>
      <c r="AT3604" s="92"/>
      <c r="AU3604" s="92"/>
      <c r="AV3604" s="92"/>
      <c r="AW3604" s="92"/>
      <c r="AX3604" s="92"/>
      <c r="AY3604" s="92"/>
      <c r="AZ3604" s="93"/>
      <c r="BA3604" s="93"/>
      <c r="BB3604" s="93"/>
      <c r="BC3604" s="93"/>
      <c r="BD3604" s="93"/>
      <c r="BE3604" s="93"/>
      <c r="BF3604" s="93"/>
      <c r="BG3604" s="93"/>
      <c r="BH3604" s="93"/>
      <c r="BI3604" s="93"/>
      <c r="BJ3604" s="93"/>
      <c r="BK3604" s="93"/>
      <c r="BL3604" s="93"/>
    </row>
    <row r="3605" spans="2:64" x14ac:dyDescent="0.2">
      <c r="B3605" s="43"/>
      <c r="C3605" s="73"/>
      <c r="D3605" s="64"/>
      <c r="E3605" s="55"/>
      <c r="F3605" s="74"/>
      <c r="G3605" s="74"/>
      <c r="H3605" s="74"/>
      <c r="I3605" s="75"/>
      <c r="J3605" s="74"/>
      <c r="L3605" s="55"/>
      <c r="M3605" s="234"/>
      <c r="N3605" s="65"/>
      <c r="O3605" s="76"/>
      <c r="P3605" s="76"/>
      <c r="Q3605" s="65"/>
      <c r="R3605" s="76"/>
      <c r="S3605" s="76"/>
      <c r="T3605" s="76"/>
      <c r="U3605" s="76"/>
      <c r="V3605" s="76"/>
      <c r="W3605" s="76"/>
      <c r="X3605" s="76"/>
      <c r="Y3605" s="76"/>
      <c r="Z3605" s="76"/>
      <c r="AA3605" s="85"/>
      <c r="AB3605" s="85"/>
      <c r="AC3605" s="85"/>
      <c r="AD3605" s="85"/>
      <c r="AE3605" s="85"/>
      <c r="AF3605" s="85"/>
      <c r="AG3605" s="86"/>
      <c r="AH3605" s="85"/>
      <c r="AI3605" s="85"/>
      <c r="AJ3605" s="85"/>
      <c r="AK3605" s="85"/>
      <c r="AL3605" s="85"/>
      <c r="AM3605" s="92"/>
      <c r="AN3605" s="92"/>
      <c r="AO3605" s="92"/>
      <c r="AP3605" s="92"/>
      <c r="AQ3605" s="92"/>
      <c r="AR3605" s="92"/>
      <c r="AS3605" s="92"/>
      <c r="AT3605" s="92"/>
      <c r="AU3605" s="92"/>
      <c r="AV3605" s="92"/>
      <c r="AW3605" s="92"/>
      <c r="AX3605" s="92"/>
      <c r="AY3605" s="92"/>
      <c r="AZ3605" s="93"/>
      <c r="BA3605" s="93"/>
      <c r="BB3605" s="93"/>
      <c r="BC3605" s="93"/>
      <c r="BD3605" s="93"/>
      <c r="BE3605" s="93"/>
      <c r="BF3605" s="93"/>
      <c r="BG3605" s="93"/>
      <c r="BH3605" s="93"/>
      <c r="BI3605" s="93"/>
      <c r="BJ3605" s="93"/>
      <c r="BK3605" s="93"/>
      <c r="BL3605" s="93"/>
    </row>
    <row r="3606" spans="2:64" x14ac:dyDescent="0.2">
      <c r="B3606" s="43"/>
      <c r="C3606" s="73"/>
      <c r="D3606" s="64"/>
      <c r="E3606" s="55"/>
      <c r="F3606" s="74"/>
      <c r="G3606" s="74"/>
      <c r="H3606" s="74"/>
      <c r="I3606" s="75"/>
      <c r="J3606" s="74"/>
      <c r="L3606" s="55"/>
      <c r="M3606" s="234"/>
      <c r="N3606" s="65"/>
      <c r="O3606" s="76"/>
      <c r="P3606" s="76"/>
      <c r="Q3606" s="65"/>
      <c r="R3606" s="76"/>
      <c r="S3606" s="76"/>
      <c r="T3606" s="76"/>
      <c r="U3606" s="76"/>
      <c r="V3606" s="76"/>
      <c r="W3606" s="76"/>
      <c r="X3606" s="76"/>
      <c r="Y3606" s="76"/>
      <c r="Z3606" s="76"/>
      <c r="AA3606" s="85"/>
      <c r="AB3606" s="85"/>
      <c r="AC3606" s="85"/>
      <c r="AD3606" s="85"/>
      <c r="AE3606" s="85"/>
      <c r="AF3606" s="85"/>
      <c r="AG3606" s="86"/>
      <c r="AH3606" s="85"/>
      <c r="AI3606" s="85"/>
      <c r="AJ3606" s="85"/>
      <c r="AK3606" s="85"/>
      <c r="AL3606" s="85"/>
      <c r="AM3606" s="92"/>
      <c r="AN3606" s="92"/>
      <c r="AO3606" s="92"/>
      <c r="AP3606" s="92"/>
      <c r="AQ3606" s="92"/>
      <c r="AR3606" s="92"/>
      <c r="AS3606" s="92"/>
      <c r="AT3606" s="92"/>
      <c r="AU3606" s="92"/>
      <c r="AV3606" s="92"/>
      <c r="AW3606" s="92"/>
      <c r="AX3606" s="92"/>
      <c r="AY3606" s="92"/>
      <c r="AZ3606" s="93"/>
      <c r="BA3606" s="93"/>
      <c r="BB3606" s="93"/>
      <c r="BC3606" s="93"/>
      <c r="BD3606" s="93"/>
      <c r="BE3606" s="93"/>
      <c r="BF3606" s="93"/>
      <c r="BG3606" s="93"/>
      <c r="BH3606" s="93"/>
      <c r="BI3606" s="93"/>
      <c r="BJ3606" s="93"/>
      <c r="BK3606" s="93"/>
      <c r="BL3606" s="93"/>
    </row>
    <row r="3607" spans="2:64" x14ac:dyDescent="0.2">
      <c r="B3607" s="43"/>
      <c r="C3607" s="73"/>
      <c r="D3607" s="64"/>
      <c r="E3607" s="55"/>
      <c r="F3607" s="74"/>
      <c r="G3607" s="74"/>
      <c r="H3607" s="74"/>
      <c r="I3607" s="75"/>
      <c r="J3607" s="74"/>
      <c r="L3607" s="55"/>
      <c r="M3607" s="234"/>
      <c r="N3607" s="65"/>
      <c r="O3607" s="76"/>
      <c r="P3607" s="76"/>
      <c r="Q3607" s="65"/>
      <c r="R3607" s="76"/>
      <c r="S3607" s="76"/>
      <c r="T3607" s="76"/>
      <c r="U3607" s="76"/>
      <c r="V3607" s="76"/>
      <c r="W3607" s="76"/>
      <c r="X3607" s="76"/>
      <c r="Y3607" s="76"/>
      <c r="Z3607" s="76"/>
      <c r="AA3607" s="85"/>
      <c r="AB3607" s="85"/>
      <c r="AC3607" s="85"/>
      <c r="AD3607" s="85"/>
      <c r="AE3607" s="85"/>
      <c r="AF3607" s="85"/>
      <c r="AG3607" s="86"/>
      <c r="AH3607" s="85"/>
      <c r="AI3607" s="85"/>
      <c r="AJ3607" s="85"/>
      <c r="AK3607" s="85"/>
      <c r="AL3607" s="85"/>
      <c r="AM3607" s="92"/>
      <c r="AN3607" s="92"/>
      <c r="AO3607" s="92"/>
      <c r="AP3607" s="92"/>
      <c r="AQ3607" s="92"/>
      <c r="AR3607" s="92"/>
      <c r="AS3607" s="92"/>
      <c r="AT3607" s="92"/>
      <c r="AU3607" s="92"/>
      <c r="AV3607" s="92"/>
      <c r="AW3607" s="92"/>
      <c r="AX3607" s="92"/>
      <c r="AY3607" s="92"/>
      <c r="AZ3607" s="93"/>
      <c r="BA3607" s="93"/>
      <c r="BB3607" s="93"/>
      <c r="BC3607" s="93"/>
      <c r="BD3607" s="93"/>
      <c r="BE3607" s="93"/>
      <c r="BF3607" s="93"/>
      <c r="BG3607" s="93"/>
      <c r="BH3607" s="93"/>
      <c r="BI3607" s="93"/>
      <c r="BJ3607" s="93"/>
      <c r="BK3607" s="93"/>
      <c r="BL3607" s="93"/>
    </row>
    <row r="3608" spans="2:64" x14ac:dyDescent="0.2">
      <c r="B3608" s="43"/>
      <c r="C3608" s="73"/>
      <c r="D3608" s="64"/>
      <c r="E3608" s="55"/>
      <c r="F3608" s="74"/>
      <c r="G3608" s="74"/>
      <c r="H3608" s="74"/>
      <c r="I3608" s="75"/>
      <c r="J3608" s="74"/>
      <c r="L3608" s="55"/>
      <c r="M3608" s="234"/>
      <c r="N3608" s="65"/>
      <c r="O3608" s="76"/>
      <c r="P3608" s="76"/>
      <c r="Q3608" s="65"/>
      <c r="R3608" s="76"/>
      <c r="S3608" s="76"/>
      <c r="T3608" s="76"/>
      <c r="U3608" s="76"/>
      <c r="V3608" s="76"/>
      <c r="W3608" s="76"/>
      <c r="X3608" s="76"/>
      <c r="Y3608" s="76"/>
      <c r="Z3608" s="76"/>
      <c r="AA3608" s="85"/>
      <c r="AB3608" s="85"/>
      <c r="AC3608" s="85"/>
      <c r="AD3608" s="85"/>
      <c r="AE3608" s="85"/>
      <c r="AF3608" s="85"/>
      <c r="AG3608" s="86"/>
      <c r="AH3608" s="85"/>
      <c r="AI3608" s="85"/>
      <c r="AJ3608" s="85"/>
      <c r="AK3608" s="85"/>
      <c r="AL3608" s="85"/>
      <c r="AM3608" s="92"/>
      <c r="AN3608" s="92"/>
      <c r="AO3608" s="92"/>
      <c r="AP3608" s="92"/>
      <c r="AQ3608" s="92"/>
      <c r="AR3608" s="92"/>
      <c r="AS3608" s="92"/>
      <c r="AT3608" s="92"/>
      <c r="AU3608" s="92"/>
      <c r="AV3608" s="92"/>
      <c r="AW3608" s="92"/>
      <c r="AX3608" s="92"/>
      <c r="AY3608" s="92"/>
      <c r="AZ3608" s="93"/>
      <c r="BA3608" s="93"/>
      <c r="BB3608" s="93"/>
      <c r="BC3608" s="93"/>
      <c r="BD3608" s="93"/>
      <c r="BE3608" s="93"/>
      <c r="BF3608" s="93"/>
      <c r="BG3608" s="93"/>
      <c r="BH3608" s="93"/>
      <c r="BI3608" s="93"/>
      <c r="BJ3608" s="93"/>
      <c r="BK3608" s="93"/>
      <c r="BL3608" s="93"/>
    </row>
    <row r="3609" spans="2:64" x14ac:dyDescent="0.2">
      <c r="B3609" s="43"/>
      <c r="C3609" s="73"/>
      <c r="D3609" s="64"/>
      <c r="E3609" s="55"/>
      <c r="F3609" s="74"/>
      <c r="G3609" s="74"/>
      <c r="H3609" s="74"/>
      <c r="I3609" s="75"/>
      <c r="J3609" s="74"/>
      <c r="L3609" s="55"/>
      <c r="M3609" s="234"/>
      <c r="N3609" s="65"/>
      <c r="O3609" s="76"/>
      <c r="P3609" s="76"/>
      <c r="Q3609" s="65"/>
      <c r="R3609" s="76"/>
      <c r="S3609" s="76"/>
      <c r="T3609" s="76"/>
      <c r="U3609" s="76"/>
      <c r="V3609" s="76"/>
      <c r="W3609" s="76"/>
      <c r="X3609" s="76"/>
      <c r="Y3609" s="76"/>
      <c r="Z3609" s="76"/>
      <c r="AA3609" s="85"/>
      <c r="AB3609" s="85"/>
      <c r="AC3609" s="85"/>
      <c r="AD3609" s="85"/>
      <c r="AE3609" s="85"/>
      <c r="AF3609" s="85"/>
      <c r="AG3609" s="86"/>
      <c r="AH3609" s="85"/>
      <c r="AI3609" s="85"/>
      <c r="AJ3609" s="85"/>
      <c r="AK3609" s="85"/>
      <c r="AL3609" s="85"/>
      <c r="AM3609" s="92"/>
      <c r="AN3609" s="92"/>
      <c r="AO3609" s="92"/>
      <c r="AP3609" s="92"/>
      <c r="AQ3609" s="92"/>
      <c r="AR3609" s="92"/>
      <c r="AS3609" s="92"/>
      <c r="AT3609" s="92"/>
      <c r="AU3609" s="92"/>
      <c r="AV3609" s="92"/>
      <c r="AW3609" s="92"/>
      <c r="AX3609" s="92"/>
      <c r="AY3609" s="92"/>
      <c r="AZ3609" s="93"/>
      <c r="BA3609" s="93"/>
      <c r="BB3609" s="93"/>
      <c r="BC3609" s="93"/>
      <c r="BD3609" s="93"/>
      <c r="BE3609" s="93"/>
      <c r="BF3609" s="93"/>
      <c r="BG3609" s="93"/>
      <c r="BH3609" s="93"/>
      <c r="BI3609" s="93"/>
      <c r="BJ3609" s="93"/>
      <c r="BK3609" s="93"/>
      <c r="BL3609" s="93"/>
    </row>
    <row r="3610" spans="2:64" x14ac:dyDescent="0.2">
      <c r="B3610" s="43"/>
      <c r="C3610" s="73"/>
      <c r="D3610" s="64"/>
      <c r="E3610" s="55"/>
      <c r="F3610" s="74"/>
      <c r="G3610" s="74"/>
      <c r="H3610" s="74"/>
      <c r="I3610" s="75"/>
      <c r="J3610" s="74"/>
      <c r="L3610" s="55"/>
      <c r="M3610" s="234"/>
      <c r="N3610" s="65"/>
      <c r="O3610" s="76"/>
      <c r="P3610" s="76"/>
      <c r="Q3610" s="65"/>
      <c r="R3610" s="76"/>
      <c r="S3610" s="76"/>
      <c r="T3610" s="76"/>
      <c r="U3610" s="76"/>
      <c r="V3610" s="76"/>
      <c r="W3610" s="76"/>
      <c r="X3610" s="76"/>
      <c r="Y3610" s="76"/>
      <c r="Z3610" s="76"/>
      <c r="AA3610" s="85"/>
      <c r="AB3610" s="85"/>
      <c r="AC3610" s="85"/>
      <c r="AD3610" s="85"/>
      <c r="AE3610" s="85"/>
      <c r="AF3610" s="85"/>
      <c r="AG3610" s="86"/>
      <c r="AH3610" s="85"/>
      <c r="AI3610" s="85"/>
      <c r="AJ3610" s="85"/>
      <c r="AK3610" s="85"/>
      <c r="AL3610" s="85"/>
      <c r="AM3610" s="92"/>
      <c r="AN3610" s="92"/>
      <c r="AO3610" s="92"/>
      <c r="AP3610" s="92"/>
      <c r="AQ3610" s="92"/>
      <c r="AR3610" s="92"/>
      <c r="AS3610" s="92"/>
      <c r="AT3610" s="92"/>
      <c r="AU3610" s="92"/>
      <c r="AV3610" s="92"/>
      <c r="AW3610" s="92"/>
      <c r="AX3610" s="92"/>
      <c r="AY3610" s="92"/>
      <c r="AZ3610" s="93"/>
      <c r="BA3610" s="93"/>
      <c r="BB3610" s="93"/>
      <c r="BC3610" s="93"/>
      <c r="BD3610" s="93"/>
      <c r="BE3610" s="93"/>
      <c r="BF3610" s="93"/>
      <c r="BG3610" s="93"/>
      <c r="BH3610" s="93"/>
      <c r="BI3610" s="93"/>
      <c r="BJ3610" s="93"/>
      <c r="BK3610" s="93"/>
      <c r="BL3610" s="93"/>
    </row>
    <row r="3611" spans="2:64" x14ac:dyDescent="0.2">
      <c r="B3611" s="43"/>
      <c r="C3611" s="73"/>
      <c r="D3611" s="64"/>
      <c r="E3611" s="55"/>
      <c r="F3611" s="74"/>
      <c r="G3611" s="74"/>
      <c r="H3611" s="74"/>
      <c r="I3611" s="75"/>
      <c r="J3611" s="74"/>
      <c r="L3611" s="55"/>
      <c r="M3611" s="234"/>
      <c r="N3611" s="65"/>
      <c r="O3611" s="76"/>
      <c r="P3611" s="76"/>
      <c r="Q3611" s="65"/>
      <c r="R3611" s="76"/>
      <c r="S3611" s="76"/>
      <c r="T3611" s="76"/>
      <c r="U3611" s="76"/>
      <c r="V3611" s="76"/>
      <c r="W3611" s="76"/>
      <c r="X3611" s="76"/>
      <c r="Y3611" s="76"/>
      <c r="Z3611" s="76"/>
      <c r="AA3611" s="85"/>
      <c r="AB3611" s="85"/>
      <c r="AC3611" s="85"/>
      <c r="AD3611" s="85"/>
      <c r="AE3611" s="85"/>
      <c r="AF3611" s="85"/>
      <c r="AG3611" s="86"/>
      <c r="AH3611" s="85"/>
      <c r="AI3611" s="85"/>
      <c r="AJ3611" s="85"/>
      <c r="AK3611" s="85"/>
      <c r="AL3611" s="85"/>
      <c r="AM3611" s="92"/>
      <c r="AN3611" s="92"/>
      <c r="AO3611" s="92"/>
      <c r="AP3611" s="92"/>
      <c r="AQ3611" s="92"/>
      <c r="AR3611" s="92"/>
      <c r="AS3611" s="92"/>
      <c r="AT3611" s="92"/>
      <c r="AU3611" s="92"/>
      <c r="AV3611" s="92"/>
      <c r="AW3611" s="92"/>
      <c r="AX3611" s="92"/>
      <c r="AY3611" s="92"/>
      <c r="AZ3611" s="93"/>
      <c r="BA3611" s="93"/>
      <c r="BB3611" s="93"/>
      <c r="BC3611" s="93"/>
      <c r="BD3611" s="93"/>
      <c r="BE3611" s="93"/>
      <c r="BF3611" s="93"/>
      <c r="BG3611" s="93"/>
      <c r="BH3611" s="93"/>
      <c r="BI3611" s="93"/>
      <c r="BJ3611" s="93"/>
      <c r="BK3611" s="93"/>
      <c r="BL3611" s="93"/>
    </row>
    <row r="3612" spans="2:64" x14ac:dyDescent="0.2">
      <c r="B3612" s="43"/>
      <c r="C3612" s="73"/>
      <c r="D3612" s="64"/>
      <c r="E3612" s="55"/>
      <c r="F3612" s="74"/>
      <c r="G3612" s="74"/>
      <c r="H3612" s="74"/>
      <c r="I3612" s="75"/>
      <c r="J3612" s="74"/>
      <c r="L3612" s="55"/>
      <c r="M3612" s="234"/>
      <c r="N3612" s="65"/>
      <c r="O3612" s="76"/>
      <c r="P3612" s="76"/>
      <c r="Q3612" s="65"/>
      <c r="R3612" s="76"/>
      <c r="S3612" s="76"/>
      <c r="T3612" s="76"/>
      <c r="U3612" s="76"/>
      <c r="V3612" s="76"/>
      <c r="W3612" s="76"/>
      <c r="X3612" s="76"/>
      <c r="Y3612" s="76"/>
      <c r="Z3612" s="76"/>
      <c r="AA3612" s="85"/>
      <c r="AB3612" s="85"/>
      <c r="AC3612" s="85"/>
      <c r="AD3612" s="85"/>
      <c r="AE3612" s="85"/>
      <c r="AF3612" s="85"/>
      <c r="AG3612" s="86"/>
      <c r="AH3612" s="85"/>
      <c r="AI3612" s="85"/>
      <c r="AJ3612" s="85"/>
      <c r="AK3612" s="85"/>
      <c r="AL3612" s="85"/>
      <c r="AM3612" s="92"/>
      <c r="AN3612" s="92"/>
      <c r="AO3612" s="92"/>
      <c r="AP3612" s="92"/>
      <c r="AQ3612" s="92"/>
      <c r="AR3612" s="92"/>
      <c r="AS3612" s="92"/>
      <c r="AT3612" s="92"/>
      <c r="AU3612" s="92"/>
      <c r="AV3612" s="92"/>
      <c r="AW3612" s="92"/>
      <c r="AX3612" s="92"/>
      <c r="AY3612" s="92"/>
      <c r="AZ3612" s="93"/>
      <c r="BA3612" s="93"/>
      <c r="BB3612" s="93"/>
      <c r="BC3612" s="93"/>
      <c r="BD3612" s="93"/>
      <c r="BE3612" s="93"/>
      <c r="BF3612" s="93"/>
      <c r="BG3612" s="93"/>
      <c r="BH3612" s="93"/>
      <c r="BI3612" s="93"/>
      <c r="BJ3612" s="93"/>
      <c r="BK3612" s="93"/>
      <c r="BL3612" s="93"/>
    </row>
    <row r="3613" spans="2:64" x14ac:dyDescent="0.2">
      <c r="B3613" s="43"/>
      <c r="C3613" s="73"/>
      <c r="D3613" s="64"/>
      <c r="E3613" s="55"/>
      <c r="F3613" s="74"/>
      <c r="G3613" s="74"/>
      <c r="H3613" s="74"/>
      <c r="I3613" s="75"/>
      <c r="J3613" s="74"/>
      <c r="L3613" s="55"/>
      <c r="M3613" s="234"/>
      <c r="N3613" s="65"/>
      <c r="O3613" s="76"/>
      <c r="P3613" s="76"/>
      <c r="Q3613" s="65"/>
      <c r="R3613" s="76"/>
      <c r="S3613" s="76"/>
      <c r="T3613" s="76"/>
      <c r="U3613" s="76"/>
      <c r="V3613" s="76"/>
      <c r="W3613" s="76"/>
      <c r="X3613" s="76"/>
      <c r="Y3613" s="76"/>
      <c r="Z3613" s="76"/>
      <c r="AA3613" s="85"/>
      <c r="AB3613" s="85"/>
      <c r="AC3613" s="85"/>
      <c r="AD3613" s="85"/>
      <c r="AE3613" s="85"/>
      <c r="AF3613" s="85"/>
      <c r="AG3613" s="86"/>
      <c r="AH3613" s="85"/>
      <c r="AI3613" s="85"/>
      <c r="AJ3613" s="85"/>
      <c r="AK3613" s="85"/>
      <c r="AL3613" s="85"/>
      <c r="AM3613" s="92"/>
      <c r="AN3613" s="92"/>
      <c r="AO3613" s="92"/>
      <c r="AP3613" s="92"/>
      <c r="AQ3613" s="92"/>
      <c r="AR3613" s="92"/>
      <c r="AS3613" s="92"/>
      <c r="AT3613" s="92"/>
      <c r="AU3613" s="92"/>
      <c r="AV3613" s="92"/>
      <c r="AW3613" s="92"/>
      <c r="AX3613" s="92"/>
      <c r="AY3613" s="92"/>
      <c r="AZ3613" s="93"/>
      <c r="BA3613" s="93"/>
      <c r="BB3613" s="93"/>
      <c r="BC3613" s="93"/>
      <c r="BD3613" s="93"/>
      <c r="BE3613" s="93"/>
      <c r="BF3613" s="93"/>
      <c r="BG3613" s="93"/>
      <c r="BH3613" s="93"/>
      <c r="BI3613" s="93"/>
      <c r="BJ3613" s="93"/>
      <c r="BK3613" s="93"/>
      <c r="BL3613" s="93"/>
    </row>
    <row r="3614" spans="2:64" x14ac:dyDescent="0.2">
      <c r="B3614" s="43"/>
      <c r="C3614" s="73"/>
      <c r="D3614" s="64"/>
      <c r="E3614" s="55"/>
      <c r="F3614" s="74"/>
      <c r="G3614" s="74"/>
      <c r="H3614" s="74"/>
      <c r="I3614" s="75"/>
      <c r="J3614" s="74"/>
      <c r="L3614" s="55"/>
      <c r="M3614" s="234"/>
      <c r="N3614" s="65"/>
      <c r="O3614" s="76"/>
      <c r="P3614" s="76"/>
      <c r="Q3614" s="65"/>
      <c r="R3614" s="76"/>
      <c r="S3614" s="76"/>
      <c r="T3614" s="76"/>
      <c r="U3614" s="76"/>
      <c r="V3614" s="76"/>
      <c r="W3614" s="76"/>
      <c r="X3614" s="76"/>
      <c r="Y3614" s="76"/>
      <c r="Z3614" s="76"/>
      <c r="AA3614" s="85"/>
      <c r="AB3614" s="85"/>
      <c r="AC3614" s="85"/>
      <c r="AD3614" s="85"/>
      <c r="AE3614" s="85"/>
      <c r="AF3614" s="85"/>
      <c r="AG3614" s="86"/>
      <c r="AH3614" s="85"/>
      <c r="AI3614" s="85"/>
      <c r="AJ3614" s="85"/>
      <c r="AK3614" s="85"/>
      <c r="AL3614" s="85"/>
      <c r="AM3614" s="92"/>
      <c r="AN3614" s="92"/>
      <c r="AO3614" s="92"/>
      <c r="AP3614" s="92"/>
      <c r="AQ3614" s="92"/>
      <c r="AR3614" s="92"/>
      <c r="AS3614" s="92"/>
      <c r="AT3614" s="92"/>
      <c r="AU3614" s="92"/>
      <c r="AV3614" s="92"/>
      <c r="AW3614" s="92"/>
      <c r="AX3614" s="92"/>
      <c r="AY3614" s="92"/>
      <c r="AZ3614" s="93"/>
      <c r="BA3614" s="93"/>
      <c r="BB3614" s="93"/>
      <c r="BC3614" s="93"/>
      <c r="BD3614" s="93"/>
      <c r="BE3614" s="93"/>
      <c r="BF3614" s="93"/>
      <c r="BG3614" s="93"/>
      <c r="BH3614" s="93"/>
      <c r="BI3614" s="93"/>
      <c r="BJ3614" s="93"/>
      <c r="BK3614" s="93"/>
      <c r="BL3614" s="93"/>
    </row>
    <row r="3615" spans="2:64" x14ac:dyDescent="0.2">
      <c r="B3615" s="43"/>
      <c r="C3615" s="73"/>
      <c r="D3615" s="64"/>
      <c r="E3615" s="55"/>
      <c r="F3615" s="74"/>
      <c r="G3615" s="74"/>
      <c r="H3615" s="74"/>
      <c r="I3615" s="75"/>
      <c r="J3615" s="74"/>
      <c r="L3615" s="55"/>
      <c r="M3615" s="234"/>
      <c r="N3615" s="65"/>
      <c r="O3615" s="76"/>
      <c r="P3615" s="76"/>
      <c r="Q3615" s="65"/>
      <c r="R3615" s="76"/>
      <c r="S3615" s="76"/>
      <c r="T3615" s="76"/>
      <c r="U3615" s="76"/>
      <c r="V3615" s="76"/>
      <c r="W3615" s="76"/>
      <c r="X3615" s="76"/>
      <c r="Y3615" s="76"/>
      <c r="Z3615" s="76"/>
      <c r="AA3615" s="85"/>
      <c r="AB3615" s="85"/>
      <c r="AC3615" s="85"/>
      <c r="AD3615" s="85"/>
      <c r="AE3615" s="85"/>
      <c r="AF3615" s="85"/>
      <c r="AG3615" s="86"/>
      <c r="AH3615" s="85"/>
      <c r="AI3615" s="85"/>
      <c r="AJ3615" s="85"/>
      <c r="AK3615" s="85"/>
      <c r="AL3615" s="85"/>
      <c r="AM3615" s="92"/>
      <c r="AN3615" s="92"/>
      <c r="AO3615" s="92"/>
      <c r="AP3615" s="92"/>
      <c r="AQ3615" s="92"/>
      <c r="AR3615" s="92"/>
      <c r="AS3615" s="92"/>
      <c r="AT3615" s="92"/>
      <c r="AU3615" s="92"/>
      <c r="AV3615" s="92"/>
      <c r="AW3615" s="92"/>
      <c r="AX3615" s="92"/>
      <c r="AY3615" s="92"/>
      <c r="AZ3615" s="93"/>
      <c r="BA3615" s="93"/>
      <c r="BB3615" s="93"/>
      <c r="BC3615" s="93"/>
      <c r="BD3615" s="93"/>
      <c r="BE3615" s="93"/>
      <c r="BF3615" s="93"/>
      <c r="BG3615" s="93"/>
      <c r="BH3615" s="93"/>
      <c r="BI3615" s="93"/>
      <c r="BJ3615" s="93"/>
      <c r="BK3615" s="93"/>
      <c r="BL3615" s="93"/>
    </row>
    <row r="3616" spans="2:64" x14ac:dyDescent="0.2">
      <c r="B3616" s="43"/>
      <c r="C3616" s="73"/>
      <c r="D3616" s="64"/>
      <c r="E3616" s="55"/>
      <c r="F3616" s="74"/>
      <c r="G3616" s="74"/>
      <c r="H3616" s="74"/>
      <c r="I3616" s="75"/>
      <c r="J3616" s="74"/>
      <c r="L3616" s="55"/>
      <c r="M3616" s="234"/>
      <c r="N3616" s="65"/>
      <c r="O3616" s="76"/>
      <c r="P3616" s="76"/>
      <c r="Q3616" s="65"/>
      <c r="R3616" s="76"/>
      <c r="S3616" s="76"/>
      <c r="T3616" s="76"/>
      <c r="U3616" s="76"/>
      <c r="V3616" s="76"/>
      <c r="W3616" s="76"/>
      <c r="X3616" s="76"/>
      <c r="Y3616" s="76"/>
      <c r="Z3616" s="76"/>
      <c r="AA3616" s="85"/>
      <c r="AB3616" s="85"/>
      <c r="AC3616" s="85"/>
      <c r="AD3616" s="85"/>
      <c r="AE3616" s="85"/>
      <c r="AF3616" s="85"/>
      <c r="AG3616" s="86"/>
      <c r="AH3616" s="85"/>
      <c r="AI3616" s="85"/>
      <c r="AJ3616" s="85"/>
      <c r="AK3616" s="85"/>
      <c r="AL3616" s="85"/>
      <c r="AM3616" s="92"/>
      <c r="AN3616" s="92"/>
      <c r="AO3616" s="92"/>
      <c r="AP3616" s="92"/>
      <c r="AQ3616" s="92"/>
      <c r="AR3616" s="92"/>
      <c r="AS3616" s="92"/>
      <c r="AT3616" s="92"/>
      <c r="AU3616" s="92"/>
      <c r="AV3616" s="92"/>
      <c r="AW3616" s="92"/>
      <c r="AX3616" s="92"/>
      <c r="AY3616" s="92"/>
      <c r="AZ3616" s="93"/>
      <c r="BA3616" s="93"/>
      <c r="BB3616" s="93"/>
      <c r="BC3616" s="93"/>
      <c r="BD3616" s="93"/>
      <c r="BE3616" s="93"/>
      <c r="BF3616" s="93"/>
      <c r="BG3616" s="93"/>
      <c r="BH3616" s="93"/>
      <c r="BI3616" s="93"/>
      <c r="BJ3616" s="93"/>
      <c r="BK3616" s="93"/>
      <c r="BL3616" s="93"/>
    </row>
    <row r="3617" spans="2:64" x14ac:dyDescent="0.2">
      <c r="B3617" s="43"/>
      <c r="C3617" s="73"/>
      <c r="D3617" s="64"/>
      <c r="E3617" s="55"/>
      <c r="F3617" s="74"/>
      <c r="G3617" s="74"/>
      <c r="H3617" s="74"/>
      <c r="I3617" s="75"/>
      <c r="J3617" s="74"/>
      <c r="L3617" s="55"/>
      <c r="M3617" s="234"/>
      <c r="N3617" s="65"/>
      <c r="O3617" s="76"/>
      <c r="P3617" s="76"/>
      <c r="Q3617" s="65"/>
      <c r="R3617" s="76"/>
      <c r="S3617" s="76"/>
      <c r="T3617" s="76"/>
      <c r="U3617" s="76"/>
      <c r="V3617" s="76"/>
      <c r="W3617" s="76"/>
      <c r="X3617" s="76"/>
      <c r="Y3617" s="76"/>
      <c r="Z3617" s="76"/>
      <c r="AA3617" s="85"/>
      <c r="AB3617" s="85"/>
      <c r="AC3617" s="85"/>
      <c r="AD3617" s="85"/>
      <c r="AE3617" s="85"/>
      <c r="AF3617" s="85"/>
      <c r="AG3617" s="86"/>
      <c r="AH3617" s="85"/>
      <c r="AI3617" s="85"/>
      <c r="AJ3617" s="85"/>
      <c r="AK3617" s="85"/>
      <c r="AL3617" s="85"/>
      <c r="AM3617" s="92"/>
      <c r="AN3617" s="92"/>
      <c r="AO3617" s="92"/>
      <c r="AP3617" s="92"/>
      <c r="AQ3617" s="92"/>
      <c r="AR3617" s="92"/>
      <c r="AS3617" s="92"/>
      <c r="AT3617" s="92"/>
      <c r="AU3617" s="92"/>
      <c r="AV3617" s="92"/>
      <c r="AW3617" s="92"/>
      <c r="AX3617" s="92"/>
      <c r="AY3617" s="92"/>
      <c r="AZ3617" s="93"/>
      <c r="BA3617" s="93"/>
      <c r="BB3617" s="93"/>
      <c r="BC3617" s="93"/>
      <c r="BD3617" s="93"/>
      <c r="BE3617" s="93"/>
      <c r="BF3617" s="93"/>
      <c r="BG3617" s="93"/>
      <c r="BH3617" s="93"/>
      <c r="BI3617" s="93"/>
      <c r="BJ3617" s="93"/>
      <c r="BK3617" s="93"/>
      <c r="BL3617" s="93"/>
    </row>
    <row r="3618" spans="2:64" x14ac:dyDescent="0.2">
      <c r="B3618" s="43"/>
      <c r="C3618" s="73"/>
      <c r="D3618" s="64"/>
      <c r="E3618" s="55"/>
      <c r="F3618" s="74"/>
      <c r="G3618" s="74"/>
      <c r="H3618" s="74"/>
      <c r="I3618" s="75"/>
      <c r="J3618" s="74"/>
      <c r="L3618" s="55"/>
      <c r="M3618" s="234"/>
      <c r="N3618" s="65"/>
      <c r="O3618" s="76"/>
      <c r="P3618" s="76"/>
      <c r="Q3618" s="65"/>
      <c r="R3618" s="76"/>
      <c r="S3618" s="76"/>
      <c r="T3618" s="76"/>
      <c r="U3618" s="76"/>
      <c r="V3618" s="76"/>
      <c r="W3618" s="76"/>
      <c r="X3618" s="76"/>
      <c r="Y3618" s="76"/>
      <c r="Z3618" s="76"/>
      <c r="AA3618" s="85"/>
      <c r="AB3618" s="85"/>
      <c r="AC3618" s="85"/>
      <c r="AD3618" s="85"/>
      <c r="AE3618" s="85"/>
      <c r="AF3618" s="85"/>
      <c r="AG3618" s="86"/>
      <c r="AH3618" s="85"/>
      <c r="AI3618" s="85"/>
      <c r="AJ3618" s="85"/>
      <c r="AK3618" s="85"/>
      <c r="AL3618" s="85"/>
      <c r="AM3618" s="92"/>
      <c r="AN3618" s="92"/>
      <c r="AO3618" s="92"/>
      <c r="AP3618" s="92"/>
      <c r="AQ3618" s="92"/>
      <c r="AR3618" s="92"/>
      <c r="AS3618" s="92"/>
      <c r="AT3618" s="92"/>
      <c r="AU3618" s="92"/>
      <c r="AV3618" s="92"/>
      <c r="AW3618" s="92"/>
      <c r="AX3618" s="92"/>
      <c r="AY3618" s="92"/>
      <c r="AZ3618" s="93"/>
      <c r="BA3618" s="93"/>
      <c r="BB3618" s="93"/>
      <c r="BC3618" s="93"/>
      <c r="BD3618" s="93"/>
      <c r="BE3618" s="93"/>
      <c r="BF3618" s="93"/>
      <c r="BG3618" s="93"/>
      <c r="BH3618" s="93"/>
      <c r="BI3618" s="93"/>
      <c r="BJ3618" s="93"/>
      <c r="BK3618" s="93"/>
      <c r="BL3618" s="93"/>
    </row>
    <row r="3619" spans="2:64" x14ac:dyDescent="0.2">
      <c r="B3619" s="43"/>
      <c r="C3619" s="73"/>
      <c r="D3619" s="64"/>
      <c r="E3619" s="55"/>
      <c r="F3619" s="74"/>
      <c r="G3619" s="74"/>
      <c r="H3619" s="74"/>
      <c r="I3619" s="75"/>
      <c r="J3619" s="74"/>
      <c r="L3619" s="55"/>
      <c r="M3619" s="234"/>
      <c r="N3619" s="65"/>
      <c r="O3619" s="76"/>
      <c r="P3619" s="76"/>
      <c r="Q3619" s="65"/>
      <c r="R3619" s="76"/>
      <c r="S3619" s="76"/>
      <c r="T3619" s="76"/>
      <c r="U3619" s="76"/>
      <c r="V3619" s="76"/>
      <c r="W3619" s="76"/>
      <c r="X3619" s="76"/>
      <c r="Y3619" s="76"/>
      <c r="Z3619" s="76"/>
      <c r="AA3619" s="85"/>
      <c r="AB3619" s="85"/>
      <c r="AC3619" s="85"/>
      <c r="AD3619" s="85"/>
      <c r="AE3619" s="85"/>
      <c r="AF3619" s="85"/>
      <c r="AG3619" s="86"/>
      <c r="AH3619" s="85"/>
      <c r="AI3619" s="85"/>
      <c r="AJ3619" s="85"/>
      <c r="AK3619" s="85"/>
      <c r="AL3619" s="85"/>
      <c r="AM3619" s="92"/>
      <c r="AN3619" s="92"/>
      <c r="AO3619" s="92"/>
      <c r="AP3619" s="92"/>
      <c r="AQ3619" s="92"/>
      <c r="AR3619" s="92"/>
      <c r="AS3619" s="92"/>
      <c r="AT3619" s="92"/>
      <c r="AU3619" s="92"/>
      <c r="AV3619" s="92"/>
      <c r="AW3619" s="92"/>
      <c r="AX3619" s="92"/>
      <c r="AY3619" s="92"/>
      <c r="AZ3619" s="93"/>
      <c r="BA3619" s="93"/>
      <c r="BB3619" s="93"/>
      <c r="BC3619" s="93"/>
      <c r="BD3619" s="93"/>
      <c r="BE3619" s="93"/>
      <c r="BF3619" s="93"/>
      <c r="BG3619" s="93"/>
      <c r="BH3619" s="93"/>
      <c r="BI3619" s="93"/>
      <c r="BJ3619" s="93"/>
      <c r="BK3619" s="93"/>
      <c r="BL3619" s="93"/>
    </row>
    <row r="3620" spans="2:64" x14ac:dyDescent="0.2">
      <c r="B3620" s="43"/>
      <c r="C3620" s="73"/>
      <c r="D3620" s="64"/>
      <c r="E3620" s="55"/>
      <c r="F3620" s="74"/>
      <c r="G3620" s="74"/>
      <c r="H3620" s="74"/>
      <c r="I3620" s="75"/>
      <c r="J3620" s="74"/>
      <c r="L3620" s="55"/>
      <c r="M3620" s="234"/>
      <c r="N3620" s="65"/>
      <c r="O3620" s="76"/>
      <c r="P3620" s="76"/>
      <c r="Q3620" s="65"/>
      <c r="R3620" s="76"/>
      <c r="S3620" s="76"/>
      <c r="T3620" s="76"/>
      <c r="U3620" s="76"/>
      <c r="V3620" s="76"/>
      <c r="W3620" s="76"/>
      <c r="X3620" s="76"/>
      <c r="Y3620" s="76"/>
      <c r="Z3620" s="76"/>
      <c r="AA3620" s="85"/>
      <c r="AB3620" s="85"/>
      <c r="AC3620" s="85"/>
      <c r="AD3620" s="85"/>
      <c r="AE3620" s="85"/>
      <c r="AF3620" s="85"/>
      <c r="AG3620" s="86"/>
      <c r="AH3620" s="85"/>
      <c r="AI3620" s="85"/>
      <c r="AJ3620" s="85"/>
      <c r="AK3620" s="85"/>
      <c r="AL3620" s="85"/>
      <c r="AM3620" s="92"/>
      <c r="AN3620" s="92"/>
      <c r="AO3620" s="92"/>
      <c r="AP3620" s="92"/>
      <c r="AQ3620" s="92"/>
      <c r="AR3620" s="92"/>
      <c r="AS3620" s="92"/>
      <c r="AT3620" s="92"/>
      <c r="AU3620" s="92"/>
      <c r="AV3620" s="92"/>
      <c r="AW3620" s="92"/>
      <c r="AX3620" s="92"/>
      <c r="AY3620" s="92"/>
      <c r="AZ3620" s="93"/>
      <c r="BA3620" s="93"/>
      <c r="BB3620" s="93"/>
      <c r="BC3620" s="93"/>
      <c r="BD3620" s="93"/>
      <c r="BE3620" s="93"/>
      <c r="BF3620" s="93"/>
      <c r="BG3620" s="93"/>
      <c r="BH3620" s="93"/>
      <c r="BI3620" s="93"/>
      <c r="BJ3620" s="93"/>
      <c r="BK3620" s="93"/>
      <c r="BL3620" s="93"/>
    </row>
    <row r="3621" spans="2:64" x14ac:dyDescent="0.2">
      <c r="B3621" s="43"/>
      <c r="C3621" s="73"/>
      <c r="D3621" s="64"/>
      <c r="E3621" s="55"/>
      <c r="F3621" s="74"/>
      <c r="G3621" s="74"/>
      <c r="H3621" s="74"/>
      <c r="I3621" s="75"/>
      <c r="J3621" s="74"/>
      <c r="L3621" s="55"/>
      <c r="M3621" s="234"/>
      <c r="N3621" s="65"/>
      <c r="O3621" s="76"/>
      <c r="P3621" s="76"/>
      <c r="Q3621" s="65"/>
      <c r="R3621" s="76"/>
      <c r="S3621" s="76"/>
      <c r="T3621" s="76"/>
      <c r="U3621" s="76"/>
      <c r="V3621" s="76"/>
      <c r="W3621" s="76"/>
      <c r="X3621" s="76"/>
      <c r="Y3621" s="76"/>
      <c r="Z3621" s="76"/>
      <c r="AA3621" s="85"/>
      <c r="AB3621" s="85"/>
      <c r="AC3621" s="85"/>
      <c r="AD3621" s="85"/>
      <c r="AE3621" s="85"/>
      <c r="AF3621" s="85"/>
      <c r="AG3621" s="86"/>
      <c r="AH3621" s="85"/>
      <c r="AI3621" s="85"/>
      <c r="AJ3621" s="85"/>
      <c r="AK3621" s="85"/>
      <c r="AL3621" s="85"/>
      <c r="AM3621" s="92"/>
      <c r="AN3621" s="92"/>
      <c r="AO3621" s="92"/>
      <c r="AP3621" s="92"/>
      <c r="AQ3621" s="92"/>
      <c r="AR3621" s="92"/>
      <c r="AS3621" s="92"/>
      <c r="AT3621" s="92"/>
      <c r="AU3621" s="92"/>
      <c r="AV3621" s="92"/>
      <c r="AW3621" s="92"/>
      <c r="AX3621" s="92"/>
      <c r="AY3621" s="92"/>
      <c r="AZ3621" s="93"/>
      <c r="BA3621" s="93"/>
      <c r="BB3621" s="93"/>
      <c r="BC3621" s="93"/>
      <c r="BD3621" s="93"/>
      <c r="BE3621" s="93"/>
      <c r="BF3621" s="93"/>
      <c r="BG3621" s="93"/>
      <c r="BH3621" s="93"/>
      <c r="BI3621" s="93"/>
      <c r="BJ3621" s="93"/>
      <c r="BK3621" s="93"/>
      <c r="BL3621" s="93"/>
    </row>
    <row r="3622" spans="2:64" x14ac:dyDescent="0.2">
      <c r="B3622" s="43"/>
      <c r="C3622" s="73"/>
      <c r="D3622" s="64"/>
      <c r="E3622" s="55"/>
      <c r="F3622" s="74"/>
      <c r="G3622" s="74"/>
      <c r="H3622" s="74"/>
      <c r="I3622" s="75"/>
      <c r="J3622" s="74"/>
      <c r="L3622" s="55"/>
      <c r="M3622" s="234"/>
      <c r="N3622" s="65"/>
      <c r="O3622" s="76"/>
      <c r="P3622" s="76"/>
      <c r="Q3622" s="65"/>
      <c r="R3622" s="76"/>
      <c r="S3622" s="76"/>
      <c r="T3622" s="76"/>
      <c r="U3622" s="76"/>
      <c r="V3622" s="76"/>
      <c r="W3622" s="76"/>
      <c r="X3622" s="76"/>
      <c r="Y3622" s="76"/>
      <c r="Z3622" s="76"/>
      <c r="AA3622" s="85"/>
      <c r="AB3622" s="85"/>
      <c r="AC3622" s="85"/>
      <c r="AD3622" s="85"/>
      <c r="AE3622" s="85"/>
      <c r="AF3622" s="85"/>
      <c r="AG3622" s="86"/>
      <c r="AH3622" s="85"/>
      <c r="AI3622" s="85"/>
      <c r="AJ3622" s="85"/>
      <c r="AK3622" s="85"/>
      <c r="AL3622" s="85"/>
      <c r="AM3622" s="92"/>
      <c r="AN3622" s="92"/>
      <c r="AO3622" s="92"/>
      <c r="AP3622" s="92"/>
      <c r="AQ3622" s="92"/>
      <c r="AR3622" s="92"/>
      <c r="AS3622" s="92"/>
      <c r="AT3622" s="92"/>
      <c r="AU3622" s="92"/>
      <c r="AV3622" s="92"/>
      <c r="AW3622" s="92"/>
      <c r="AX3622" s="92"/>
      <c r="AY3622" s="92"/>
      <c r="AZ3622" s="93"/>
      <c r="BA3622" s="93"/>
      <c r="BB3622" s="93"/>
      <c r="BC3622" s="93"/>
      <c r="BD3622" s="93"/>
      <c r="BE3622" s="93"/>
      <c r="BF3622" s="93"/>
      <c r="BG3622" s="93"/>
      <c r="BH3622" s="93"/>
      <c r="BI3622" s="93"/>
      <c r="BJ3622" s="93"/>
      <c r="BK3622" s="93"/>
      <c r="BL3622" s="93"/>
    </row>
    <row r="3623" spans="2:64" x14ac:dyDescent="0.2">
      <c r="B3623" s="43"/>
      <c r="C3623" s="73"/>
      <c r="D3623" s="64"/>
      <c r="E3623" s="55"/>
      <c r="F3623" s="74"/>
      <c r="G3623" s="74"/>
      <c r="H3623" s="74"/>
      <c r="I3623" s="75"/>
      <c r="J3623" s="74"/>
      <c r="L3623" s="55"/>
      <c r="M3623" s="234"/>
      <c r="N3623" s="65"/>
      <c r="O3623" s="76"/>
      <c r="P3623" s="76"/>
      <c r="Q3623" s="65"/>
      <c r="R3623" s="76"/>
      <c r="S3623" s="76"/>
      <c r="T3623" s="76"/>
      <c r="U3623" s="76"/>
      <c r="V3623" s="76"/>
      <c r="W3623" s="76"/>
      <c r="X3623" s="76"/>
      <c r="Y3623" s="76"/>
      <c r="Z3623" s="76"/>
      <c r="AA3623" s="85"/>
      <c r="AB3623" s="85"/>
      <c r="AC3623" s="85"/>
      <c r="AD3623" s="85"/>
      <c r="AE3623" s="85"/>
      <c r="AF3623" s="85"/>
      <c r="AG3623" s="86"/>
      <c r="AH3623" s="85"/>
      <c r="AI3623" s="85"/>
      <c r="AJ3623" s="85"/>
      <c r="AK3623" s="85"/>
      <c r="AL3623" s="85"/>
      <c r="AM3623" s="92"/>
      <c r="AN3623" s="92"/>
      <c r="AO3623" s="92"/>
      <c r="AP3623" s="92"/>
      <c r="AQ3623" s="92"/>
      <c r="AR3623" s="92"/>
      <c r="AS3623" s="92"/>
      <c r="AT3623" s="92"/>
      <c r="AU3623" s="92"/>
      <c r="AV3623" s="92"/>
      <c r="AW3623" s="92"/>
      <c r="AX3623" s="92"/>
      <c r="AY3623" s="92"/>
      <c r="AZ3623" s="93"/>
      <c r="BA3623" s="93"/>
      <c r="BB3623" s="93"/>
      <c r="BC3623" s="93"/>
      <c r="BD3623" s="93"/>
      <c r="BE3623" s="93"/>
      <c r="BF3623" s="93"/>
      <c r="BG3623" s="93"/>
      <c r="BH3623" s="93"/>
      <c r="BI3623" s="93"/>
      <c r="BJ3623" s="93"/>
      <c r="BK3623" s="93"/>
      <c r="BL3623" s="93"/>
    </row>
    <row r="3624" spans="2:64" x14ac:dyDescent="0.2">
      <c r="B3624" s="43"/>
      <c r="C3624" s="73"/>
      <c r="D3624" s="64"/>
      <c r="E3624" s="55"/>
      <c r="F3624" s="74"/>
      <c r="G3624" s="74"/>
      <c r="H3624" s="74"/>
      <c r="I3624" s="75"/>
      <c r="J3624" s="74"/>
      <c r="L3624" s="55"/>
      <c r="M3624" s="234"/>
      <c r="N3624" s="65"/>
      <c r="O3624" s="76"/>
      <c r="P3624" s="76"/>
      <c r="Q3624" s="65"/>
      <c r="R3624" s="76"/>
      <c r="S3624" s="76"/>
      <c r="T3624" s="76"/>
      <c r="U3624" s="76"/>
      <c r="V3624" s="76"/>
      <c r="W3624" s="76"/>
      <c r="X3624" s="76"/>
      <c r="Y3624" s="76"/>
      <c r="Z3624" s="76"/>
      <c r="AA3624" s="85"/>
      <c r="AB3624" s="85"/>
      <c r="AC3624" s="85"/>
      <c r="AD3624" s="85"/>
      <c r="AE3624" s="85"/>
      <c r="AF3624" s="85"/>
      <c r="AG3624" s="86"/>
      <c r="AH3624" s="85"/>
      <c r="AI3624" s="85"/>
      <c r="AJ3624" s="85"/>
      <c r="AK3624" s="85"/>
      <c r="AL3624" s="85"/>
      <c r="AM3624" s="92"/>
      <c r="AN3624" s="92"/>
      <c r="AO3624" s="92"/>
      <c r="AP3624" s="92"/>
      <c r="AQ3624" s="92"/>
      <c r="AR3624" s="92"/>
      <c r="AS3624" s="92"/>
      <c r="AT3624" s="92"/>
      <c r="AU3624" s="92"/>
      <c r="AV3624" s="92"/>
      <c r="AW3624" s="92"/>
      <c r="AX3624" s="92"/>
      <c r="AY3624" s="92"/>
      <c r="AZ3624" s="93"/>
      <c r="BA3624" s="93"/>
      <c r="BB3624" s="93"/>
      <c r="BC3624" s="93"/>
      <c r="BD3624" s="93"/>
      <c r="BE3624" s="93"/>
      <c r="BF3624" s="93"/>
      <c r="BG3624" s="93"/>
      <c r="BH3624" s="93"/>
      <c r="BI3624" s="93"/>
      <c r="BJ3624" s="93"/>
      <c r="BK3624" s="93"/>
      <c r="BL3624" s="93"/>
    </row>
    <row r="3625" spans="2:64" x14ac:dyDescent="0.2">
      <c r="B3625" s="43"/>
      <c r="C3625" s="73"/>
      <c r="D3625" s="64"/>
      <c r="E3625" s="55"/>
      <c r="F3625" s="74"/>
      <c r="G3625" s="74"/>
      <c r="H3625" s="74"/>
      <c r="I3625" s="75"/>
      <c r="J3625" s="74"/>
      <c r="L3625" s="55"/>
      <c r="M3625" s="234"/>
      <c r="N3625" s="65"/>
      <c r="O3625" s="76"/>
      <c r="P3625" s="76"/>
      <c r="Q3625" s="65"/>
      <c r="R3625" s="76"/>
      <c r="S3625" s="76"/>
      <c r="T3625" s="76"/>
      <c r="U3625" s="76"/>
      <c r="V3625" s="76"/>
      <c r="W3625" s="76"/>
      <c r="X3625" s="76"/>
      <c r="Y3625" s="76"/>
      <c r="Z3625" s="76"/>
      <c r="AA3625" s="85"/>
      <c r="AB3625" s="85"/>
      <c r="AC3625" s="85"/>
      <c r="AD3625" s="85"/>
      <c r="AE3625" s="85"/>
      <c r="AF3625" s="85"/>
      <c r="AG3625" s="86"/>
      <c r="AH3625" s="85"/>
      <c r="AI3625" s="85"/>
      <c r="AJ3625" s="85"/>
      <c r="AK3625" s="85"/>
      <c r="AL3625" s="85"/>
      <c r="AM3625" s="92"/>
      <c r="AN3625" s="92"/>
      <c r="AO3625" s="92"/>
      <c r="AP3625" s="92"/>
      <c r="AQ3625" s="92"/>
      <c r="AR3625" s="92"/>
      <c r="AS3625" s="92"/>
      <c r="AT3625" s="92"/>
      <c r="AU3625" s="92"/>
      <c r="AV3625" s="92"/>
      <c r="AW3625" s="92"/>
      <c r="AX3625" s="92"/>
      <c r="AY3625" s="92"/>
      <c r="AZ3625" s="93"/>
      <c r="BA3625" s="93"/>
      <c r="BB3625" s="93"/>
      <c r="BC3625" s="93"/>
      <c r="BD3625" s="93"/>
      <c r="BE3625" s="93"/>
      <c r="BF3625" s="93"/>
      <c r="BG3625" s="93"/>
      <c r="BH3625" s="93"/>
      <c r="BI3625" s="93"/>
      <c r="BJ3625" s="93"/>
      <c r="BK3625" s="93"/>
      <c r="BL3625" s="93"/>
    </row>
    <row r="3626" spans="2:64" x14ac:dyDescent="0.2">
      <c r="B3626" s="43"/>
      <c r="C3626" s="73"/>
      <c r="D3626" s="64"/>
      <c r="E3626" s="55"/>
      <c r="F3626" s="74"/>
      <c r="G3626" s="74"/>
      <c r="H3626" s="74"/>
      <c r="I3626" s="75"/>
      <c r="J3626" s="74"/>
      <c r="L3626" s="55"/>
      <c r="M3626" s="234"/>
      <c r="N3626" s="65"/>
      <c r="O3626" s="76"/>
      <c r="P3626" s="76"/>
      <c r="Q3626" s="65"/>
      <c r="R3626" s="76"/>
      <c r="S3626" s="76"/>
      <c r="T3626" s="76"/>
      <c r="U3626" s="76"/>
      <c r="V3626" s="76"/>
      <c r="W3626" s="76"/>
      <c r="X3626" s="76"/>
      <c r="Y3626" s="76"/>
      <c r="Z3626" s="76"/>
      <c r="AA3626" s="85"/>
      <c r="AB3626" s="85"/>
      <c r="AC3626" s="85"/>
      <c r="AD3626" s="85"/>
      <c r="AE3626" s="85"/>
      <c r="AF3626" s="85"/>
      <c r="AG3626" s="86"/>
      <c r="AH3626" s="85"/>
      <c r="AI3626" s="85"/>
      <c r="AJ3626" s="85"/>
      <c r="AK3626" s="85"/>
      <c r="AL3626" s="85"/>
      <c r="AM3626" s="92"/>
      <c r="AN3626" s="92"/>
      <c r="AO3626" s="92"/>
      <c r="AP3626" s="92"/>
      <c r="AQ3626" s="92"/>
      <c r="AR3626" s="92"/>
      <c r="AS3626" s="92"/>
      <c r="AT3626" s="92"/>
      <c r="AU3626" s="92"/>
      <c r="AV3626" s="92"/>
      <c r="AW3626" s="92"/>
      <c r="AX3626" s="92"/>
      <c r="AY3626" s="92"/>
      <c r="AZ3626" s="93"/>
      <c r="BA3626" s="93"/>
      <c r="BB3626" s="93"/>
      <c r="BC3626" s="93"/>
      <c r="BD3626" s="93"/>
      <c r="BE3626" s="93"/>
      <c r="BF3626" s="93"/>
      <c r="BG3626" s="93"/>
      <c r="BH3626" s="93"/>
      <c r="BI3626" s="93"/>
      <c r="BJ3626" s="93"/>
      <c r="BK3626" s="93"/>
      <c r="BL3626" s="93"/>
    </row>
    <row r="3627" spans="2:64" x14ac:dyDescent="0.2">
      <c r="B3627" s="43"/>
      <c r="C3627" s="73"/>
      <c r="D3627" s="64"/>
      <c r="E3627" s="55"/>
      <c r="F3627" s="74"/>
      <c r="G3627" s="74"/>
      <c r="H3627" s="74"/>
      <c r="I3627" s="75"/>
      <c r="J3627" s="74"/>
      <c r="L3627" s="55"/>
      <c r="M3627" s="234"/>
      <c r="N3627" s="65"/>
      <c r="O3627" s="76"/>
      <c r="P3627" s="76"/>
      <c r="Q3627" s="65"/>
      <c r="R3627" s="76"/>
      <c r="S3627" s="76"/>
      <c r="T3627" s="76"/>
      <c r="U3627" s="76"/>
      <c r="V3627" s="76"/>
      <c r="W3627" s="76"/>
      <c r="X3627" s="76"/>
      <c r="Y3627" s="76"/>
      <c r="Z3627" s="76"/>
      <c r="AA3627" s="85"/>
      <c r="AB3627" s="85"/>
      <c r="AC3627" s="85"/>
      <c r="AD3627" s="85"/>
      <c r="AE3627" s="85"/>
      <c r="AF3627" s="85"/>
      <c r="AG3627" s="86"/>
      <c r="AH3627" s="85"/>
      <c r="AI3627" s="85"/>
      <c r="AJ3627" s="85"/>
      <c r="AK3627" s="85"/>
      <c r="AL3627" s="85"/>
      <c r="AM3627" s="92"/>
      <c r="AN3627" s="92"/>
      <c r="AO3627" s="92"/>
      <c r="AP3627" s="92"/>
      <c r="AQ3627" s="92"/>
      <c r="AR3627" s="92"/>
      <c r="AS3627" s="92"/>
      <c r="AT3627" s="92"/>
      <c r="AU3627" s="92"/>
      <c r="AV3627" s="92"/>
      <c r="AW3627" s="92"/>
      <c r="AX3627" s="92"/>
      <c r="AY3627" s="92"/>
      <c r="AZ3627" s="93"/>
      <c r="BA3627" s="93"/>
      <c r="BB3627" s="93"/>
      <c r="BC3627" s="93"/>
      <c r="BD3627" s="93"/>
      <c r="BE3627" s="93"/>
      <c r="BF3627" s="93"/>
      <c r="BG3627" s="93"/>
      <c r="BH3627" s="93"/>
      <c r="BI3627" s="93"/>
      <c r="BJ3627" s="93"/>
      <c r="BK3627" s="93"/>
      <c r="BL3627" s="93"/>
    </row>
    <row r="3628" spans="2:64" x14ac:dyDescent="0.2">
      <c r="B3628" s="43"/>
      <c r="C3628" s="73"/>
      <c r="D3628" s="64"/>
      <c r="E3628" s="55"/>
      <c r="F3628" s="74"/>
      <c r="G3628" s="74"/>
      <c r="H3628" s="74"/>
      <c r="I3628" s="75"/>
      <c r="J3628" s="74"/>
      <c r="L3628" s="55"/>
      <c r="M3628" s="234"/>
      <c r="N3628" s="65"/>
      <c r="O3628" s="76"/>
      <c r="P3628" s="76"/>
      <c r="Q3628" s="65"/>
      <c r="R3628" s="76"/>
      <c r="S3628" s="76"/>
      <c r="T3628" s="76"/>
      <c r="U3628" s="76"/>
      <c r="V3628" s="76"/>
      <c r="W3628" s="76"/>
      <c r="X3628" s="76"/>
      <c r="Y3628" s="76"/>
      <c r="Z3628" s="76"/>
      <c r="AA3628" s="85"/>
      <c r="AB3628" s="85"/>
      <c r="AC3628" s="85"/>
      <c r="AD3628" s="85"/>
      <c r="AE3628" s="85"/>
      <c r="AF3628" s="85"/>
      <c r="AG3628" s="86"/>
      <c r="AH3628" s="85"/>
      <c r="AI3628" s="85"/>
      <c r="AJ3628" s="85"/>
      <c r="AK3628" s="85"/>
      <c r="AL3628" s="85"/>
      <c r="AM3628" s="92"/>
      <c r="AN3628" s="92"/>
      <c r="AO3628" s="92"/>
      <c r="AP3628" s="92"/>
      <c r="AQ3628" s="92"/>
      <c r="AR3628" s="92"/>
      <c r="AS3628" s="92"/>
      <c r="AT3628" s="92"/>
      <c r="AU3628" s="92"/>
      <c r="AV3628" s="92"/>
      <c r="AW3628" s="92"/>
      <c r="AX3628" s="92"/>
      <c r="AY3628" s="92"/>
      <c r="AZ3628" s="93"/>
      <c r="BA3628" s="93"/>
      <c r="BB3628" s="93"/>
      <c r="BC3628" s="93"/>
      <c r="BD3628" s="93"/>
      <c r="BE3628" s="93"/>
      <c r="BF3628" s="93"/>
      <c r="BG3628" s="93"/>
      <c r="BH3628" s="93"/>
      <c r="BI3628" s="93"/>
      <c r="BJ3628" s="93"/>
      <c r="BK3628" s="93"/>
      <c r="BL3628" s="93"/>
    </row>
    <row r="3629" spans="2:64" x14ac:dyDescent="0.2">
      <c r="B3629" s="43"/>
      <c r="C3629" s="73"/>
      <c r="D3629" s="64"/>
      <c r="E3629" s="55"/>
      <c r="F3629" s="74"/>
      <c r="G3629" s="74"/>
      <c r="H3629" s="74"/>
      <c r="I3629" s="75"/>
      <c r="J3629" s="74"/>
      <c r="L3629" s="55"/>
      <c r="M3629" s="234"/>
      <c r="N3629" s="65"/>
      <c r="O3629" s="76"/>
      <c r="P3629" s="76"/>
      <c r="Q3629" s="65"/>
      <c r="R3629" s="76"/>
      <c r="S3629" s="76"/>
      <c r="T3629" s="76"/>
      <c r="U3629" s="76"/>
      <c r="V3629" s="76"/>
      <c r="W3629" s="76"/>
      <c r="X3629" s="76"/>
      <c r="Y3629" s="76"/>
      <c r="Z3629" s="76"/>
      <c r="AA3629" s="85"/>
      <c r="AB3629" s="85"/>
      <c r="AC3629" s="85"/>
      <c r="AD3629" s="85"/>
      <c r="AE3629" s="85"/>
      <c r="AF3629" s="85"/>
      <c r="AG3629" s="86"/>
      <c r="AH3629" s="85"/>
      <c r="AI3629" s="85"/>
      <c r="AJ3629" s="85"/>
      <c r="AK3629" s="85"/>
      <c r="AL3629" s="85"/>
      <c r="AM3629" s="92"/>
      <c r="AN3629" s="92"/>
      <c r="AO3629" s="92"/>
      <c r="AP3629" s="92"/>
      <c r="AQ3629" s="92"/>
      <c r="AR3629" s="92"/>
      <c r="AS3629" s="92"/>
      <c r="AT3629" s="92"/>
      <c r="AU3629" s="92"/>
      <c r="AV3629" s="92"/>
      <c r="AW3629" s="92"/>
      <c r="AX3629" s="92"/>
      <c r="AY3629" s="92"/>
      <c r="AZ3629" s="93"/>
      <c r="BA3629" s="93"/>
      <c r="BB3629" s="93"/>
      <c r="BC3629" s="93"/>
      <c r="BD3629" s="93"/>
      <c r="BE3629" s="93"/>
      <c r="BF3629" s="93"/>
      <c r="BG3629" s="93"/>
      <c r="BH3629" s="93"/>
      <c r="BI3629" s="93"/>
      <c r="BJ3629" s="93"/>
      <c r="BK3629" s="93"/>
      <c r="BL3629" s="93"/>
    </row>
    <row r="3630" spans="2:64" x14ac:dyDescent="0.2">
      <c r="B3630" s="43"/>
      <c r="C3630" s="73"/>
      <c r="D3630" s="64"/>
      <c r="E3630" s="55"/>
      <c r="F3630" s="74"/>
      <c r="G3630" s="74"/>
      <c r="H3630" s="74"/>
      <c r="I3630" s="75"/>
      <c r="J3630" s="74"/>
      <c r="L3630" s="55"/>
      <c r="M3630" s="234"/>
      <c r="N3630" s="65"/>
      <c r="O3630" s="76"/>
      <c r="P3630" s="76"/>
      <c r="Q3630" s="65"/>
      <c r="R3630" s="76"/>
      <c r="S3630" s="76"/>
      <c r="T3630" s="76"/>
      <c r="U3630" s="76"/>
      <c r="V3630" s="76"/>
      <c r="W3630" s="76"/>
      <c r="X3630" s="76"/>
      <c r="Y3630" s="76"/>
      <c r="Z3630" s="76"/>
      <c r="AA3630" s="85"/>
      <c r="AB3630" s="85"/>
      <c r="AC3630" s="85"/>
      <c r="AD3630" s="85"/>
      <c r="AE3630" s="85"/>
      <c r="AF3630" s="85"/>
      <c r="AG3630" s="86"/>
      <c r="AH3630" s="85"/>
      <c r="AI3630" s="85"/>
      <c r="AJ3630" s="85"/>
      <c r="AK3630" s="85"/>
      <c r="AL3630" s="85"/>
      <c r="AM3630" s="92"/>
      <c r="AN3630" s="92"/>
      <c r="AO3630" s="92"/>
      <c r="AP3630" s="92"/>
      <c r="AQ3630" s="92"/>
      <c r="AR3630" s="92"/>
      <c r="AS3630" s="92"/>
      <c r="AT3630" s="92"/>
      <c r="AU3630" s="92"/>
      <c r="AV3630" s="92"/>
      <c r="AW3630" s="92"/>
      <c r="AX3630" s="92"/>
      <c r="AY3630" s="92"/>
      <c r="AZ3630" s="93"/>
      <c r="BA3630" s="93"/>
      <c r="BB3630" s="93"/>
      <c r="BC3630" s="93"/>
      <c r="BD3630" s="93"/>
      <c r="BE3630" s="93"/>
      <c r="BF3630" s="93"/>
      <c r="BG3630" s="93"/>
      <c r="BH3630" s="93"/>
      <c r="BI3630" s="93"/>
      <c r="BJ3630" s="93"/>
      <c r="BK3630" s="93"/>
      <c r="BL3630" s="93"/>
    </row>
    <row r="3631" spans="2:64" x14ac:dyDescent="0.2">
      <c r="B3631" s="43"/>
      <c r="C3631" s="73"/>
      <c r="D3631" s="64"/>
      <c r="E3631" s="55"/>
      <c r="F3631" s="74"/>
      <c r="G3631" s="74"/>
      <c r="H3631" s="74"/>
      <c r="I3631" s="75"/>
      <c r="J3631" s="74"/>
      <c r="L3631" s="55"/>
      <c r="M3631" s="234"/>
      <c r="N3631" s="65"/>
      <c r="O3631" s="76"/>
      <c r="P3631" s="76"/>
      <c r="Q3631" s="65"/>
      <c r="R3631" s="76"/>
      <c r="S3631" s="76"/>
      <c r="T3631" s="76"/>
      <c r="U3631" s="76"/>
      <c r="V3631" s="76"/>
      <c r="W3631" s="76"/>
      <c r="X3631" s="76"/>
      <c r="Y3631" s="76"/>
      <c r="Z3631" s="76"/>
      <c r="AA3631" s="85"/>
      <c r="AB3631" s="85"/>
      <c r="AC3631" s="85"/>
      <c r="AD3631" s="85"/>
      <c r="AE3631" s="85"/>
      <c r="AF3631" s="85"/>
      <c r="AG3631" s="86"/>
      <c r="AH3631" s="85"/>
      <c r="AI3631" s="85"/>
      <c r="AJ3631" s="85"/>
      <c r="AK3631" s="85"/>
      <c r="AL3631" s="85"/>
      <c r="AM3631" s="92"/>
      <c r="AN3631" s="92"/>
      <c r="AO3631" s="92"/>
      <c r="AP3631" s="92"/>
      <c r="AQ3631" s="92"/>
      <c r="AR3631" s="92"/>
      <c r="AS3631" s="92"/>
      <c r="AT3631" s="92"/>
      <c r="AU3631" s="92"/>
      <c r="AV3631" s="92"/>
      <c r="AW3631" s="92"/>
      <c r="AX3631" s="92"/>
      <c r="AY3631" s="92"/>
      <c r="AZ3631" s="93"/>
      <c r="BA3631" s="93"/>
      <c r="BB3631" s="93"/>
      <c r="BC3631" s="93"/>
      <c r="BD3631" s="93"/>
      <c r="BE3631" s="93"/>
      <c r="BF3631" s="93"/>
      <c r="BG3631" s="93"/>
      <c r="BH3631" s="93"/>
      <c r="BI3631" s="93"/>
      <c r="BJ3631" s="93"/>
      <c r="BK3631" s="93"/>
      <c r="BL3631" s="93"/>
    </row>
    <row r="3632" spans="2:64" x14ac:dyDescent="0.2">
      <c r="B3632" s="43"/>
      <c r="C3632" s="73"/>
      <c r="D3632" s="64"/>
      <c r="E3632" s="55"/>
      <c r="F3632" s="74"/>
      <c r="G3632" s="74"/>
      <c r="H3632" s="74"/>
      <c r="I3632" s="75"/>
      <c r="J3632" s="74"/>
      <c r="L3632" s="55"/>
      <c r="M3632" s="234"/>
      <c r="N3632" s="65"/>
      <c r="O3632" s="76"/>
      <c r="P3632" s="76"/>
      <c r="Q3632" s="65"/>
      <c r="R3632" s="76"/>
      <c r="S3632" s="76"/>
      <c r="T3632" s="76"/>
      <c r="U3632" s="76"/>
      <c r="V3632" s="76"/>
      <c r="W3632" s="76"/>
      <c r="X3632" s="76"/>
      <c r="Y3632" s="76"/>
      <c r="Z3632" s="76"/>
      <c r="AA3632" s="85"/>
      <c r="AB3632" s="85"/>
      <c r="AC3632" s="85"/>
      <c r="AD3632" s="85"/>
      <c r="AE3632" s="85"/>
      <c r="AF3632" s="85"/>
      <c r="AG3632" s="86"/>
      <c r="AH3632" s="85"/>
      <c r="AI3632" s="85"/>
      <c r="AJ3632" s="85"/>
      <c r="AK3632" s="85"/>
      <c r="AL3632" s="85"/>
      <c r="AM3632" s="92"/>
      <c r="AN3632" s="92"/>
      <c r="AO3632" s="92"/>
      <c r="AP3632" s="92"/>
      <c r="AQ3632" s="92"/>
      <c r="AR3632" s="92"/>
      <c r="AS3632" s="92"/>
      <c r="AT3632" s="92"/>
      <c r="AU3632" s="92"/>
      <c r="AV3632" s="92"/>
      <c r="AW3632" s="92"/>
      <c r="AX3632" s="92"/>
      <c r="AY3632" s="92"/>
      <c r="AZ3632" s="93"/>
      <c r="BA3632" s="93"/>
      <c r="BB3632" s="93"/>
      <c r="BC3632" s="93"/>
      <c r="BD3632" s="93"/>
      <c r="BE3632" s="93"/>
      <c r="BF3632" s="93"/>
      <c r="BG3632" s="93"/>
      <c r="BH3632" s="93"/>
      <c r="BI3632" s="93"/>
      <c r="BJ3632" s="93"/>
      <c r="BK3632" s="93"/>
      <c r="BL3632" s="93"/>
    </row>
    <row r="3633" spans="2:64" x14ac:dyDescent="0.2">
      <c r="B3633" s="43"/>
      <c r="C3633" s="73"/>
      <c r="D3633" s="64"/>
      <c r="E3633" s="55"/>
      <c r="F3633" s="74"/>
      <c r="G3633" s="74"/>
      <c r="H3633" s="74"/>
      <c r="I3633" s="75"/>
      <c r="J3633" s="74"/>
      <c r="L3633" s="55"/>
      <c r="M3633" s="234"/>
      <c r="N3633" s="65"/>
      <c r="O3633" s="76"/>
      <c r="P3633" s="76"/>
      <c r="Q3633" s="65"/>
      <c r="R3633" s="76"/>
      <c r="S3633" s="76"/>
      <c r="T3633" s="76"/>
      <c r="U3633" s="76"/>
      <c r="V3633" s="76"/>
      <c r="W3633" s="76"/>
      <c r="X3633" s="76"/>
      <c r="Y3633" s="76"/>
      <c r="Z3633" s="76"/>
      <c r="AA3633" s="85"/>
      <c r="AB3633" s="85"/>
      <c r="AC3633" s="85"/>
      <c r="AD3633" s="85"/>
      <c r="AE3633" s="85"/>
      <c r="AF3633" s="85"/>
      <c r="AG3633" s="86"/>
      <c r="AH3633" s="85"/>
      <c r="AI3633" s="85"/>
      <c r="AJ3633" s="85"/>
      <c r="AK3633" s="85"/>
      <c r="AL3633" s="85"/>
      <c r="AM3633" s="92"/>
      <c r="AN3633" s="92"/>
      <c r="AO3633" s="92"/>
      <c r="AP3633" s="92"/>
      <c r="AQ3633" s="92"/>
      <c r="AR3633" s="92"/>
      <c r="AS3633" s="92"/>
      <c r="AT3633" s="92"/>
      <c r="AU3633" s="92"/>
      <c r="AV3633" s="92"/>
      <c r="AW3633" s="92"/>
      <c r="AX3633" s="92"/>
      <c r="AY3633" s="92"/>
      <c r="AZ3633" s="93"/>
      <c r="BA3633" s="93"/>
      <c r="BB3633" s="93"/>
      <c r="BC3633" s="93"/>
      <c r="BD3633" s="93"/>
      <c r="BE3633" s="93"/>
      <c r="BF3633" s="93"/>
      <c r="BG3633" s="93"/>
      <c r="BH3633" s="93"/>
      <c r="BI3633" s="93"/>
      <c r="BJ3633" s="93"/>
      <c r="BK3633" s="93"/>
      <c r="BL3633" s="93"/>
    </row>
    <row r="3634" spans="2:64" x14ac:dyDescent="0.2">
      <c r="B3634" s="43"/>
      <c r="C3634" s="73"/>
      <c r="D3634" s="64"/>
      <c r="E3634" s="55"/>
      <c r="F3634" s="74"/>
      <c r="G3634" s="74"/>
      <c r="H3634" s="74"/>
      <c r="I3634" s="75"/>
      <c r="J3634" s="74"/>
      <c r="L3634" s="55"/>
      <c r="M3634" s="234"/>
      <c r="N3634" s="65"/>
      <c r="O3634" s="76"/>
      <c r="P3634" s="76"/>
      <c r="Q3634" s="65"/>
      <c r="R3634" s="76"/>
      <c r="S3634" s="76"/>
      <c r="T3634" s="76"/>
      <c r="U3634" s="76"/>
      <c r="V3634" s="76"/>
      <c r="W3634" s="76"/>
      <c r="X3634" s="76"/>
      <c r="Y3634" s="76"/>
      <c r="Z3634" s="76"/>
      <c r="AA3634" s="85"/>
      <c r="AB3634" s="85"/>
      <c r="AC3634" s="85"/>
      <c r="AD3634" s="85"/>
      <c r="AE3634" s="85"/>
      <c r="AF3634" s="85"/>
      <c r="AG3634" s="86"/>
      <c r="AH3634" s="85"/>
      <c r="AI3634" s="85"/>
      <c r="AJ3634" s="85"/>
      <c r="AK3634" s="85"/>
      <c r="AL3634" s="85"/>
      <c r="AM3634" s="92"/>
      <c r="AN3634" s="92"/>
      <c r="AO3634" s="92"/>
      <c r="AP3634" s="92"/>
      <c r="AQ3634" s="92"/>
      <c r="AR3634" s="92"/>
      <c r="AS3634" s="92"/>
      <c r="AT3634" s="92"/>
      <c r="AU3634" s="92"/>
      <c r="AV3634" s="92"/>
      <c r="AW3634" s="92"/>
      <c r="AX3634" s="92"/>
      <c r="AY3634" s="92"/>
      <c r="AZ3634" s="93"/>
      <c r="BA3634" s="93"/>
      <c r="BB3634" s="93"/>
      <c r="BC3634" s="93"/>
      <c r="BD3634" s="93"/>
      <c r="BE3634" s="93"/>
      <c r="BF3634" s="93"/>
      <c r="BG3634" s="93"/>
      <c r="BH3634" s="93"/>
      <c r="BI3634" s="93"/>
      <c r="BJ3634" s="93"/>
      <c r="BK3634" s="93"/>
      <c r="BL3634" s="93"/>
    </row>
    <row r="3635" spans="2:64" x14ac:dyDescent="0.2">
      <c r="B3635" s="43"/>
      <c r="C3635" s="73"/>
      <c r="D3635" s="64"/>
      <c r="E3635" s="55"/>
      <c r="F3635" s="74"/>
      <c r="G3635" s="74"/>
      <c r="H3635" s="74"/>
      <c r="I3635" s="75"/>
      <c r="J3635" s="74"/>
      <c r="L3635" s="55"/>
      <c r="M3635" s="234"/>
      <c r="N3635" s="65"/>
      <c r="O3635" s="76"/>
      <c r="P3635" s="76"/>
      <c r="Q3635" s="65"/>
      <c r="R3635" s="76"/>
      <c r="S3635" s="76"/>
      <c r="T3635" s="76"/>
      <c r="U3635" s="76"/>
      <c r="V3635" s="76"/>
      <c r="W3635" s="76"/>
      <c r="X3635" s="76"/>
      <c r="Y3635" s="76"/>
      <c r="Z3635" s="76"/>
      <c r="AA3635" s="85"/>
      <c r="AB3635" s="85"/>
      <c r="AC3635" s="85"/>
      <c r="AD3635" s="85"/>
      <c r="AE3635" s="85"/>
      <c r="AF3635" s="85"/>
      <c r="AG3635" s="86"/>
      <c r="AH3635" s="85"/>
      <c r="AI3635" s="85"/>
      <c r="AJ3635" s="85"/>
      <c r="AK3635" s="85"/>
      <c r="AL3635" s="85"/>
      <c r="AM3635" s="92"/>
      <c r="AN3635" s="92"/>
      <c r="AO3635" s="92"/>
      <c r="AP3635" s="92"/>
      <c r="AQ3635" s="92"/>
      <c r="AR3635" s="92"/>
      <c r="AS3635" s="92"/>
      <c r="AT3635" s="92"/>
      <c r="AU3635" s="92"/>
      <c r="AV3635" s="92"/>
      <c r="AW3635" s="92"/>
      <c r="AX3635" s="92"/>
      <c r="AY3635" s="92"/>
      <c r="AZ3635" s="93"/>
      <c r="BA3635" s="93"/>
      <c r="BB3635" s="93"/>
      <c r="BC3635" s="93"/>
      <c r="BD3635" s="93"/>
      <c r="BE3635" s="93"/>
      <c r="BF3635" s="93"/>
      <c r="BG3635" s="93"/>
      <c r="BH3635" s="93"/>
      <c r="BI3635" s="93"/>
      <c r="BJ3635" s="93"/>
      <c r="BK3635" s="93"/>
      <c r="BL3635" s="93"/>
    </row>
    <row r="3636" spans="2:64" x14ac:dyDescent="0.2">
      <c r="B3636" s="43"/>
      <c r="C3636" s="73"/>
      <c r="D3636" s="64"/>
      <c r="E3636" s="55"/>
      <c r="F3636" s="74"/>
      <c r="G3636" s="74"/>
      <c r="H3636" s="74"/>
      <c r="I3636" s="75"/>
      <c r="J3636" s="74"/>
      <c r="L3636" s="55"/>
      <c r="M3636" s="234"/>
      <c r="N3636" s="65"/>
      <c r="O3636" s="76"/>
      <c r="P3636" s="76"/>
      <c r="Q3636" s="65"/>
      <c r="R3636" s="76"/>
      <c r="S3636" s="76"/>
      <c r="T3636" s="76"/>
      <c r="U3636" s="76"/>
      <c r="V3636" s="76"/>
      <c r="W3636" s="76"/>
      <c r="X3636" s="76"/>
      <c r="Y3636" s="76"/>
      <c r="Z3636" s="76"/>
      <c r="AA3636" s="85"/>
      <c r="AB3636" s="85"/>
      <c r="AC3636" s="85"/>
      <c r="AD3636" s="85"/>
      <c r="AE3636" s="85"/>
      <c r="AF3636" s="85"/>
      <c r="AG3636" s="86"/>
      <c r="AH3636" s="85"/>
      <c r="AI3636" s="85"/>
      <c r="AJ3636" s="85"/>
      <c r="AK3636" s="85"/>
      <c r="AL3636" s="85"/>
      <c r="AM3636" s="92"/>
      <c r="AN3636" s="92"/>
      <c r="AO3636" s="92"/>
      <c r="AP3636" s="92"/>
      <c r="AQ3636" s="92"/>
      <c r="AR3636" s="92"/>
      <c r="AS3636" s="92"/>
      <c r="AT3636" s="92"/>
      <c r="AU3636" s="92"/>
      <c r="AV3636" s="92"/>
      <c r="AW3636" s="92"/>
      <c r="AX3636" s="92"/>
      <c r="AY3636" s="92"/>
      <c r="AZ3636" s="93"/>
      <c r="BA3636" s="93"/>
      <c r="BB3636" s="93"/>
      <c r="BC3636" s="93"/>
      <c r="BD3636" s="93"/>
      <c r="BE3636" s="93"/>
      <c r="BF3636" s="93"/>
      <c r="BG3636" s="93"/>
      <c r="BH3636" s="93"/>
      <c r="BI3636" s="93"/>
      <c r="BJ3636" s="93"/>
      <c r="BK3636" s="93"/>
      <c r="BL3636" s="93"/>
    </row>
    <row r="3637" spans="2:64" x14ac:dyDescent="0.2">
      <c r="B3637" s="43"/>
      <c r="C3637" s="73"/>
      <c r="D3637" s="64"/>
      <c r="E3637" s="55"/>
      <c r="F3637" s="74"/>
      <c r="G3637" s="74"/>
      <c r="H3637" s="74"/>
      <c r="I3637" s="75"/>
      <c r="J3637" s="74"/>
      <c r="L3637" s="55"/>
      <c r="M3637" s="234"/>
      <c r="N3637" s="65"/>
      <c r="O3637" s="76"/>
      <c r="P3637" s="76"/>
      <c r="Q3637" s="65"/>
      <c r="R3637" s="76"/>
      <c r="S3637" s="76"/>
      <c r="T3637" s="76"/>
      <c r="U3637" s="76"/>
      <c r="V3637" s="76"/>
      <c r="W3637" s="76"/>
      <c r="X3637" s="76"/>
      <c r="Y3637" s="76"/>
      <c r="Z3637" s="76"/>
      <c r="AA3637" s="85"/>
      <c r="AB3637" s="85"/>
      <c r="AC3637" s="85"/>
      <c r="AD3637" s="85"/>
      <c r="AE3637" s="85"/>
      <c r="AF3637" s="85"/>
      <c r="AG3637" s="86"/>
      <c r="AH3637" s="85"/>
      <c r="AI3637" s="85"/>
      <c r="AJ3637" s="85"/>
      <c r="AK3637" s="85"/>
      <c r="AL3637" s="85"/>
      <c r="AM3637" s="92"/>
      <c r="AN3637" s="92"/>
      <c r="AO3637" s="92"/>
      <c r="AP3637" s="92"/>
      <c r="AQ3637" s="92"/>
      <c r="AR3637" s="92"/>
      <c r="AS3637" s="92"/>
      <c r="AT3637" s="92"/>
      <c r="AU3637" s="92"/>
      <c r="AV3637" s="92"/>
      <c r="AW3637" s="92"/>
      <c r="AX3637" s="92"/>
      <c r="AY3637" s="92"/>
      <c r="AZ3637" s="93"/>
      <c r="BA3637" s="93"/>
      <c r="BB3637" s="93"/>
      <c r="BC3637" s="93"/>
      <c r="BD3637" s="93"/>
      <c r="BE3637" s="93"/>
      <c r="BF3637" s="93"/>
      <c r="BG3637" s="93"/>
      <c r="BH3637" s="93"/>
      <c r="BI3637" s="93"/>
      <c r="BJ3637" s="93"/>
      <c r="BK3637" s="93"/>
      <c r="BL3637" s="93"/>
    </row>
    <row r="3638" spans="2:64" x14ac:dyDescent="0.2">
      <c r="B3638" s="43"/>
      <c r="C3638" s="73"/>
      <c r="D3638" s="64"/>
      <c r="E3638" s="55"/>
      <c r="F3638" s="74"/>
      <c r="G3638" s="74"/>
      <c r="H3638" s="74"/>
      <c r="I3638" s="75"/>
      <c r="J3638" s="74"/>
      <c r="L3638" s="55"/>
      <c r="M3638" s="234"/>
      <c r="N3638" s="65"/>
      <c r="O3638" s="76"/>
      <c r="P3638" s="76"/>
      <c r="Q3638" s="65"/>
      <c r="R3638" s="76"/>
      <c r="S3638" s="76"/>
      <c r="T3638" s="76"/>
      <c r="U3638" s="76"/>
      <c r="V3638" s="76"/>
      <c r="W3638" s="76"/>
      <c r="X3638" s="76"/>
      <c r="Y3638" s="76"/>
      <c r="Z3638" s="76"/>
      <c r="AA3638" s="85"/>
      <c r="AB3638" s="85"/>
      <c r="AC3638" s="85"/>
      <c r="AD3638" s="85"/>
      <c r="AE3638" s="85"/>
      <c r="AF3638" s="85"/>
      <c r="AG3638" s="86"/>
      <c r="AH3638" s="85"/>
      <c r="AI3638" s="85"/>
      <c r="AJ3638" s="85"/>
      <c r="AK3638" s="85"/>
      <c r="AL3638" s="85"/>
      <c r="AM3638" s="92"/>
      <c r="AN3638" s="92"/>
      <c r="AO3638" s="92"/>
      <c r="AP3638" s="92"/>
      <c r="AQ3638" s="92"/>
      <c r="AR3638" s="92"/>
      <c r="AS3638" s="92"/>
      <c r="AT3638" s="92"/>
      <c r="AU3638" s="92"/>
      <c r="AV3638" s="92"/>
      <c r="AW3638" s="92"/>
      <c r="AX3638" s="92"/>
      <c r="AY3638" s="92"/>
      <c r="AZ3638" s="93"/>
      <c r="BA3638" s="93"/>
      <c r="BB3638" s="93"/>
      <c r="BC3638" s="93"/>
      <c r="BD3638" s="93"/>
      <c r="BE3638" s="93"/>
      <c r="BF3638" s="93"/>
      <c r="BG3638" s="93"/>
      <c r="BH3638" s="93"/>
      <c r="BI3638" s="93"/>
      <c r="BJ3638" s="93"/>
      <c r="BK3638" s="93"/>
      <c r="BL3638" s="93"/>
    </row>
    <row r="3639" spans="2:64" x14ac:dyDescent="0.2">
      <c r="B3639" s="43"/>
      <c r="C3639" s="73"/>
      <c r="D3639" s="64"/>
      <c r="E3639" s="55"/>
      <c r="F3639" s="74"/>
      <c r="G3639" s="74"/>
      <c r="H3639" s="74"/>
      <c r="I3639" s="75"/>
      <c r="J3639" s="74"/>
      <c r="L3639" s="55"/>
      <c r="M3639" s="234"/>
      <c r="N3639" s="65"/>
      <c r="O3639" s="76"/>
      <c r="P3639" s="76"/>
      <c r="Q3639" s="65"/>
      <c r="R3639" s="76"/>
      <c r="S3639" s="76"/>
      <c r="T3639" s="76"/>
      <c r="U3639" s="76"/>
      <c r="V3639" s="76"/>
      <c r="W3639" s="76"/>
      <c r="X3639" s="76"/>
      <c r="Y3639" s="76"/>
      <c r="Z3639" s="76"/>
      <c r="AA3639" s="85"/>
      <c r="AB3639" s="85"/>
      <c r="AC3639" s="85"/>
      <c r="AD3639" s="85"/>
      <c r="AE3639" s="85"/>
      <c r="AF3639" s="85"/>
      <c r="AG3639" s="86"/>
      <c r="AH3639" s="85"/>
      <c r="AI3639" s="85"/>
      <c r="AJ3639" s="85"/>
      <c r="AK3639" s="85"/>
      <c r="AL3639" s="85"/>
      <c r="AM3639" s="92"/>
      <c r="AN3639" s="92"/>
      <c r="AO3639" s="92"/>
      <c r="AP3639" s="92"/>
      <c r="AQ3639" s="92"/>
      <c r="AR3639" s="92"/>
      <c r="AS3639" s="92"/>
      <c r="AT3639" s="92"/>
      <c r="AU3639" s="92"/>
      <c r="AV3639" s="92"/>
      <c r="AW3639" s="92"/>
      <c r="AX3639" s="92"/>
      <c r="AY3639" s="92"/>
      <c r="AZ3639" s="93"/>
      <c r="BA3639" s="93"/>
      <c r="BB3639" s="93"/>
      <c r="BC3639" s="93"/>
      <c r="BD3639" s="93"/>
      <c r="BE3639" s="93"/>
      <c r="BF3639" s="93"/>
      <c r="BG3639" s="93"/>
      <c r="BH3639" s="93"/>
      <c r="BI3639" s="93"/>
      <c r="BJ3639" s="93"/>
      <c r="BK3639" s="93"/>
      <c r="BL3639" s="93"/>
    </row>
    <row r="3640" spans="2:64" x14ac:dyDescent="0.2">
      <c r="B3640" s="43"/>
      <c r="C3640" s="73"/>
      <c r="D3640" s="64"/>
      <c r="E3640" s="55"/>
      <c r="F3640" s="74"/>
      <c r="G3640" s="74"/>
      <c r="H3640" s="74"/>
      <c r="I3640" s="75"/>
      <c r="J3640" s="74"/>
      <c r="L3640" s="55"/>
      <c r="M3640" s="234"/>
      <c r="N3640" s="65"/>
      <c r="O3640" s="76"/>
      <c r="P3640" s="76"/>
      <c r="Q3640" s="65"/>
      <c r="R3640" s="76"/>
      <c r="S3640" s="76"/>
      <c r="T3640" s="76"/>
      <c r="U3640" s="76"/>
      <c r="V3640" s="76"/>
      <c r="W3640" s="76"/>
      <c r="X3640" s="76"/>
      <c r="Y3640" s="76"/>
      <c r="Z3640" s="76"/>
      <c r="AA3640" s="85"/>
      <c r="AB3640" s="85"/>
      <c r="AC3640" s="85"/>
      <c r="AD3640" s="85"/>
      <c r="AE3640" s="85"/>
      <c r="AF3640" s="85"/>
      <c r="AG3640" s="86"/>
      <c r="AH3640" s="85"/>
      <c r="AI3640" s="85"/>
      <c r="AJ3640" s="85"/>
      <c r="AK3640" s="85"/>
      <c r="AL3640" s="85"/>
      <c r="AM3640" s="92"/>
      <c r="AN3640" s="92"/>
      <c r="AO3640" s="92"/>
      <c r="AP3640" s="92"/>
      <c r="AQ3640" s="92"/>
      <c r="AR3640" s="92"/>
      <c r="AS3640" s="92"/>
      <c r="AT3640" s="92"/>
      <c r="AU3640" s="92"/>
      <c r="AV3640" s="92"/>
      <c r="AW3640" s="92"/>
      <c r="AX3640" s="92"/>
      <c r="AY3640" s="92"/>
      <c r="AZ3640" s="93"/>
      <c r="BA3640" s="93"/>
      <c r="BB3640" s="93"/>
      <c r="BC3640" s="93"/>
      <c r="BD3640" s="93"/>
      <c r="BE3640" s="93"/>
      <c r="BF3640" s="93"/>
      <c r="BG3640" s="93"/>
      <c r="BH3640" s="93"/>
      <c r="BI3640" s="93"/>
      <c r="BJ3640" s="93"/>
      <c r="BK3640" s="93"/>
      <c r="BL3640" s="93"/>
    </row>
    <row r="3641" spans="2:64" x14ac:dyDescent="0.2">
      <c r="B3641" s="43"/>
      <c r="C3641" s="73"/>
      <c r="D3641" s="64"/>
      <c r="E3641" s="55"/>
      <c r="F3641" s="74"/>
      <c r="G3641" s="74"/>
      <c r="H3641" s="74"/>
      <c r="I3641" s="75"/>
      <c r="J3641" s="74"/>
      <c r="L3641" s="55"/>
      <c r="M3641" s="234"/>
      <c r="N3641" s="65"/>
      <c r="O3641" s="76"/>
      <c r="P3641" s="76"/>
      <c r="Q3641" s="65"/>
      <c r="R3641" s="76"/>
      <c r="S3641" s="76"/>
      <c r="T3641" s="76"/>
      <c r="U3641" s="76"/>
      <c r="V3641" s="76"/>
      <c r="W3641" s="76"/>
      <c r="X3641" s="76"/>
      <c r="Y3641" s="76"/>
      <c r="Z3641" s="76"/>
      <c r="AA3641" s="85"/>
      <c r="AB3641" s="85"/>
      <c r="AC3641" s="85"/>
      <c r="AD3641" s="85"/>
      <c r="AE3641" s="85"/>
      <c r="AF3641" s="85"/>
      <c r="AG3641" s="86"/>
      <c r="AH3641" s="85"/>
      <c r="AI3641" s="85"/>
      <c r="AJ3641" s="85"/>
      <c r="AK3641" s="85"/>
      <c r="AL3641" s="85"/>
      <c r="AM3641" s="92"/>
      <c r="AN3641" s="92"/>
      <c r="AO3641" s="92"/>
      <c r="AP3641" s="92"/>
      <c r="AQ3641" s="92"/>
      <c r="AR3641" s="92"/>
      <c r="AS3641" s="92"/>
      <c r="AT3641" s="92"/>
      <c r="AU3641" s="92"/>
      <c r="AV3641" s="92"/>
      <c r="AW3641" s="92"/>
      <c r="AX3641" s="92"/>
      <c r="AY3641" s="92"/>
      <c r="AZ3641" s="93"/>
      <c r="BA3641" s="93"/>
      <c r="BB3641" s="93"/>
      <c r="BC3641" s="93"/>
      <c r="BD3641" s="93"/>
      <c r="BE3641" s="93"/>
      <c r="BF3641" s="93"/>
      <c r="BG3641" s="93"/>
      <c r="BH3641" s="93"/>
      <c r="BI3641" s="93"/>
      <c r="BJ3641" s="93"/>
      <c r="BK3641" s="93"/>
      <c r="BL3641" s="93"/>
    </row>
    <row r="3642" spans="2:64" x14ac:dyDescent="0.2">
      <c r="B3642" s="43"/>
      <c r="C3642" s="73"/>
      <c r="D3642" s="64"/>
      <c r="E3642" s="55"/>
      <c r="F3642" s="74"/>
      <c r="G3642" s="74"/>
      <c r="H3642" s="74"/>
      <c r="I3642" s="75"/>
      <c r="J3642" s="74"/>
      <c r="L3642" s="55"/>
      <c r="M3642" s="234"/>
      <c r="N3642" s="65"/>
      <c r="O3642" s="76"/>
      <c r="P3642" s="76"/>
      <c r="Q3642" s="65"/>
      <c r="R3642" s="76"/>
      <c r="S3642" s="76"/>
      <c r="T3642" s="76"/>
      <c r="U3642" s="76"/>
      <c r="V3642" s="76"/>
      <c r="W3642" s="76"/>
      <c r="X3642" s="76"/>
      <c r="Y3642" s="76"/>
      <c r="Z3642" s="76"/>
      <c r="AA3642" s="85"/>
      <c r="AB3642" s="85"/>
      <c r="AC3642" s="85"/>
      <c r="AD3642" s="85"/>
      <c r="AE3642" s="85"/>
      <c r="AF3642" s="85"/>
      <c r="AG3642" s="86"/>
      <c r="AH3642" s="85"/>
      <c r="AI3642" s="85"/>
      <c r="AJ3642" s="85"/>
      <c r="AK3642" s="85"/>
      <c r="AL3642" s="85"/>
      <c r="AM3642" s="92"/>
      <c r="AN3642" s="92"/>
      <c r="AO3642" s="92"/>
      <c r="AP3642" s="92"/>
      <c r="AQ3642" s="92"/>
      <c r="AR3642" s="92"/>
      <c r="AS3642" s="92"/>
      <c r="AT3642" s="92"/>
      <c r="AU3642" s="92"/>
      <c r="AV3642" s="92"/>
      <c r="AW3642" s="92"/>
      <c r="AX3642" s="92"/>
      <c r="AY3642" s="92"/>
      <c r="AZ3642" s="93"/>
      <c r="BA3642" s="93"/>
      <c r="BB3642" s="93"/>
      <c r="BC3642" s="93"/>
      <c r="BD3642" s="93"/>
      <c r="BE3642" s="93"/>
      <c r="BF3642" s="93"/>
      <c r="BG3642" s="93"/>
      <c r="BH3642" s="93"/>
      <c r="BI3642" s="93"/>
      <c r="BJ3642" s="93"/>
      <c r="BK3642" s="93"/>
      <c r="BL3642" s="93"/>
    </row>
    <row r="3643" spans="2:64" x14ac:dyDescent="0.2">
      <c r="B3643" s="43"/>
      <c r="C3643" s="73"/>
      <c r="D3643" s="64"/>
      <c r="E3643" s="55"/>
      <c r="F3643" s="74"/>
      <c r="G3643" s="74"/>
      <c r="H3643" s="74"/>
      <c r="I3643" s="75"/>
      <c r="J3643" s="74"/>
      <c r="L3643" s="55"/>
      <c r="M3643" s="234"/>
      <c r="N3643" s="65"/>
      <c r="O3643" s="76"/>
      <c r="P3643" s="76"/>
      <c r="Q3643" s="65"/>
      <c r="R3643" s="76"/>
      <c r="S3643" s="76"/>
      <c r="T3643" s="76"/>
      <c r="U3643" s="76"/>
      <c r="V3643" s="76"/>
      <c r="W3643" s="76"/>
      <c r="X3643" s="76"/>
      <c r="Y3643" s="76"/>
      <c r="Z3643" s="76"/>
      <c r="AA3643" s="85"/>
      <c r="AB3643" s="85"/>
      <c r="AC3643" s="85"/>
      <c r="AD3643" s="85"/>
      <c r="AE3643" s="85"/>
      <c r="AF3643" s="85"/>
      <c r="AG3643" s="86"/>
      <c r="AH3643" s="85"/>
      <c r="AI3643" s="85"/>
      <c r="AJ3643" s="85"/>
      <c r="AK3643" s="85"/>
      <c r="AL3643" s="85"/>
      <c r="AM3643" s="92"/>
      <c r="AN3643" s="92"/>
      <c r="AO3643" s="92"/>
      <c r="AP3643" s="92"/>
      <c r="AQ3643" s="92"/>
      <c r="AR3643" s="92"/>
      <c r="AS3643" s="92"/>
      <c r="AT3643" s="92"/>
      <c r="AU3643" s="92"/>
      <c r="AV3643" s="92"/>
      <c r="AW3643" s="92"/>
      <c r="AX3643" s="92"/>
      <c r="AY3643" s="92"/>
      <c r="AZ3643" s="93"/>
      <c r="BA3643" s="93"/>
      <c r="BB3643" s="93"/>
      <c r="BC3643" s="93"/>
      <c r="BD3643" s="93"/>
      <c r="BE3643" s="93"/>
      <c r="BF3643" s="93"/>
      <c r="BG3643" s="93"/>
      <c r="BH3643" s="93"/>
      <c r="BI3643" s="93"/>
      <c r="BJ3643" s="93"/>
      <c r="BK3643" s="93"/>
      <c r="BL3643" s="93"/>
    </row>
    <row r="3644" spans="2:64" x14ac:dyDescent="0.2">
      <c r="B3644" s="43"/>
      <c r="C3644" s="73"/>
      <c r="D3644" s="64"/>
      <c r="E3644" s="55"/>
      <c r="F3644" s="74"/>
      <c r="G3644" s="74"/>
      <c r="H3644" s="74"/>
      <c r="I3644" s="75"/>
      <c r="J3644" s="74"/>
      <c r="L3644" s="55"/>
      <c r="M3644" s="234"/>
      <c r="N3644" s="65"/>
      <c r="O3644" s="76"/>
      <c r="P3644" s="76"/>
      <c r="Q3644" s="65"/>
      <c r="R3644" s="76"/>
      <c r="S3644" s="76"/>
      <c r="T3644" s="76"/>
      <c r="U3644" s="76"/>
      <c r="V3644" s="76"/>
      <c r="W3644" s="76"/>
      <c r="X3644" s="76"/>
      <c r="Y3644" s="76"/>
      <c r="Z3644" s="76"/>
      <c r="AA3644" s="85"/>
      <c r="AB3644" s="85"/>
      <c r="AC3644" s="85"/>
      <c r="AD3644" s="85"/>
      <c r="AE3644" s="85"/>
      <c r="AF3644" s="85"/>
      <c r="AG3644" s="86"/>
      <c r="AH3644" s="85"/>
      <c r="AI3644" s="85"/>
      <c r="AJ3644" s="85"/>
      <c r="AK3644" s="85"/>
      <c r="AL3644" s="85"/>
      <c r="AM3644" s="92"/>
      <c r="AN3644" s="92"/>
      <c r="AO3644" s="92"/>
      <c r="AP3644" s="92"/>
      <c r="AQ3644" s="92"/>
      <c r="AR3644" s="92"/>
      <c r="AS3644" s="92"/>
      <c r="AT3644" s="92"/>
      <c r="AU3644" s="92"/>
      <c r="AV3644" s="92"/>
      <c r="AW3644" s="92"/>
      <c r="AX3644" s="92"/>
      <c r="AY3644" s="92"/>
      <c r="AZ3644" s="93"/>
      <c r="BA3644" s="93"/>
      <c r="BB3644" s="93"/>
      <c r="BC3644" s="93"/>
      <c r="BD3644" s="93"/>
      <c r="BE3644" s="93"/>
      <c r="BF3644" s="93"/>
      <c r="BG3644" s="93"/>
      <c r="BH3644" s="93"/>
      <c r="BI3644" s="93"/>
      <c r="BJ3644" s="93"/>
      <c r="BK3644" s="93"/>
      <c r="BL3644" s="93"/>
    </row>
    <row r="3645" spans="2:64" x14ac:dyDescent="0.2">
      <c r="B3645" s="43"/>
      <c r="C3645" s="73"/>
      <c r="D3645" s="64"/>
      <c r="E3645" s="55"/>
      <c r="F3645" s="74"/>
      <c r="G3645" s="74"/>
      <c r="H3645" s="74"/>
      <c r="I3645" s="75"/>
      <c r="J3645" s="74"/>
      <c r="L3645" s="55"/>
      <c r="M3645" s="234"/>
      <c r="N3645" s="65"/>
      <c r="O3645" s="76"/>
      <c r="P3645" s="76"/>
      <c r="Q3645" s="65"/>
      <c r="R3645" s="76"/>
      <c r="S3645" s="76"/>
      <c r="T3645" s="76"/>
      <c r="U3645" s="76"/>
      <c r="V3645" s="76"/>
      <c r="W3645" s="76"/>
      <c r="X3645" s="76"/>
      <c r="Y3645" s="76"/>
      <c r="Z3645" s="76"/>
      <c r="AA3645" s="85"/>
      <c r="AB3645" s="85"/>
      <c r="AC3645" s="85"/>
      <c r="AD3645" s="85"/>
      <c r="AE3645" s="85"/>
      <c r="AF3645" s="85"/>
      <c r="AG3645" s="86"/>
      <c r="AH3645" s="85"/>
      <c r="AI3645" s="85"/>
      <c r="AJ3645" s="85"/>
      <c r="AK3645" s="85"/>
      <c r="AL3645" s="85"/>
      <c r="AM3645" s="92"/>
      <c r="AN3645" s="92"/>
      <c r="AO3645" s="92"/>
      <c r="AP3645" s="92"/>
      <c r="AQ3645" s="92"/>
      <c r="AR3645" s="92"/>
      <c r="AS3645" s="92"/>
      <c r="AT3645" s="92"/>
      <c r="AU3645" s="92"/>
      <c r="AV3645" s="92"/>
      <c r="AW3645" s="92"/>
      <c r="AX3645" s="92"/>
      <c r="AY3645" s="92"/>
      <c r="AZ3645" s="93"/>
      <c r="BA3645" s="93"/>
      <c r="BB3645" s="93"/>
      <c r="BC3645" s="93"/>
      <c r="BD3645" s="93"/>
      <c r="BE3645" s="93"/>
      <c r="BF3645" s="93"/>
      <c r="BG3645" s="93"/>
      <c r="BH3645" s="93"/>
      <c r="BI3645" s="93"/>
      <c r="BJ3645" s="93"/>
      <c r="BK3645" s="93"/>
      <c r="BL3645" s="93"/>
    </row>
    <row r="3646" spans="2:64" x14ac:dyDescent="0.2">
      <c r="B3646" s="43"/>
      <c r="C3646" s="73"/>
      <c r="D3646" s="64"/>
      <c r="E3646" s="55"/>
      <c r="F3646" s="74"/>
      <c r="G3646" s="74"/>
      <c r="H3646" s="74"/>
      <c r="I3646" s="75"/>
      <c r="J3646" s="74"/>
      <c r="L3646" s="55"/>
      <c r="M3646" s="234"/>
      <c r="N3646" s="65"/>
      <c r="O3646" s="76"/>
      <c r="P3646" s="76"/>
      <c r="Q3646" s="65"/>
      <c r="R3646" s="76"/>
      <c r="S3646" s="76"/>
      <c r="T3646" s="76"/>
      <c r="U3646" s="76"/>
      <c r="V3646" s="76"/>
      <c r="W3646" s="76"/>
      <c r="X3646" s="76"/>
      <c r="Y3646" s="76"/>
      <c r="Z3646" s="76"/>
      <c r="AA3646" s="85"/>
      <c r="AB3646" s="85"/>
      <c r="AC3646" s="85"/>
      <c r="AD3646" s="85"/>
      <c r="AE3646" s="85"/>
      <c r="AF3646" s="85"/>
      <c r="AG3646" s="86"/>
      <c r="AH3646" s="85"/>
      <c r="AI3646" s="85"/>
      <c r="AJ3646" s="85"/>
      <c r="AK3646" s="85"/>
      <c r="AL3646" s="85"/>
      <c r="AM3646" s="92"/>
      <c r="AN3646" s="92"/>
      <c r="AO3646" s="92"/>
      <c r="AP3646" s="92"/>
      <c r="AQ3646" s="92"/>
      <c r="AR3646" s="92"/>
      <c r="AS3646" s="92"/>
      <c r="AT3646" s="92"/>
      <c r="AU3646" s="92"/>
      <c r="AV3646" s="92"/>
      <c r="AW3646" s="92"/>
      <c r="AX3646" s="92"/>
      <c r="AY3646" s="92"/>
      <c r="AZ3646" s="93"/>
      <c r="BA3646" s="93"/>
      <c r="BB3646" s="93"/>
      <c r="BC3646" s="93"/>
      <c r="BD3646" s="93"/>
      <c r="BE3646" s="93"/>
      <c r="BF3646" s="93"/>
      <c r="BG3646" s="93"/>
      <c r="BH3646" s="93"/>
      <c r="BI3646" s="93"/>
      <c r="BJ3646" s="93"/>
      <c r="BK3646" s="93"/>
      <c r="BL3646" s="93"/>
    </row>
    <row r="3647" spans="2:64" x14ac:dyDescent="0.2">
      <c r="B3647" s="43"/>
      <c r="C3647" s="73"/>
      <c r="D3647" s="64"/>
      <c r="E3647" s="55"/>
      <c r="F3647" s="74"/>
      <c r="G3647" s="74"/>
      <c r="H3647" s="74"/>
      <c r="I3647" s="75"/>
      <c r="J3647" s="74"/>
      <c r="L3647" s="55"/>
      <c r="M3647" s="234"/>
      <c r="N3647" s="65"/>
      <c r="O3647" s="76"/>
      <c r="P3647" s="76"/>
      <c r="Q3647" s="65"/>
      <c r="R3647" s="76"/>
      <c r="S3647" s="76"/>
      <c r="T3647" s="76"/>
      <c r="U3647" s="76"/>
      <c r="V3647" s="76"/>
      <c r="W3647" s="76"/>
      <c r="X3647" s="76"/>
      <c r="Y3647" s="76"/>
      <c r="Z3647" s="76"/>
      <c r="AA3647" s="85"/>
      <c r="AB3647" s="85"/>
      <c r="AC3647" s="85"/>
      <c r="AD3647" s="85"/>
      <c r="AE3647" s="85"/>
      <c r="AF3647" s="85"/>
      <c r="AG3647" s="86"/>
      <c r="AH3647" s="85"/>
      <c r="AI3647" s="85"/>
      <c r="AJ3647" s="85"/>
      <c r="AK3647" s="85"/>
      <c r="AL3647" s="85"/>
      <c r="AM3647" s="92"/>
      <c r="AN3647" s="92"/>
      <c r="AO3647" s="92"/>
      <c r="AP3647" s="92"/>
      <c r="AQ3647" s="92"/>
      <c r="AR3647" s="92"/>
      <c r="AS3647" s="92"/>
      <c r="AT3647" s="92"/>
      <c r="AU3647" s="92"/>
      <c r="AV3647" s="92"/>
      <c r="AW3647" s="92"/>
      <c r="AX3647" s="92"/>
      <c r="AY3647" s="92"/>
      <c r="AZ3647" s="93"/>
      <c r="BA3647" s="93"/>
      <c r="BB3647" s="93"/>
      <c r="BC3647" s="93"/>
      <c r="BD3647" s="93"/>
      <c r="BE3647" s="93"/>
      <c r="BF3647" s="93"/>
      <c r="BG3647" s="93"/>
      <c r="BH3647" s="93"/>
      <c r="BI3647" s="93"/>
      <c r="BJ3647" s="93"/>
      <c r="BK3647" s="93"/>
      <c r="BL3647" s="93"/>
    </row>
    <row r="3648" spans="2:64" x14ac:dyDescent="0.2">
      <c r="B3648" s="43"/>
      <c r="C3648" s="73"/>
      <c r="D3648" s="64"/>
      <c r="E3648" s="55"/>
      <c r="F3648" s="74"/>
      <c r="G3648" s="74"/>
      <c r="H3648" s="74"/>
      <c r="I3648" s="75"/>
      <c r="J3648" s="74"/>
      <c r="L3648" s="55"/>
      <c r="M3648" s="234"/>
      <c r="N3648" s="65"/>
      <c r="O3648" s="76"/>
      <c r="P3648" s="76"/>
      <c r="Q3648" s="65"/>
      <c r="R3648" s="76"/>
      <c r="S3648" s="76"/>
      <c r="T3648" s="76"/>
      <c r="U3648" s="76"/>
      <c r="V3648" s="76"/>
      <c r="W3648" s="76"/>
      <c r="X3648" s="76"/>
      <c r="Y3648" s="76"/>
      <c r="Z3648" s="76"/>
      <c r="AA3648" s="85"/>
      <c r="AB3648" s="85"/>
      <c r="AC3648" s="85"/>
      <c r="AD3648" s="85"/>
      <c r="AE3648" s="85"/>
      <c r="AF3648" s="85"/>
      <c r="AG3648" s="86"/>
      <c r="AH3648" s="85"/>
      <c r="AI3648" s="85"/>
      <c r="AJ3648" s="85"/>
      <c r="AK3648" s="85"/>
      <c r="AL3648" s="85"/>
      <c r="AM3648" s="92"/>
      <c r="AN3648" s="92"/>
      <c r="AO3648" s="92"/>
      <c r="AP3648" s="92"/>
      <c r="AQ3648" s="92"/>
      <c r="AR3648" s="92"/>
      <c r="AS3648" s="92"/>
      <c r="AT3648" s="92"/>
      <c r="AU3648" s="92"/>
      <c r="AV3648" s="92"/>
      <c r="AW3648" s="92"/>
      <c r="AX3648" s="92"/>
      <c r="AY3648" s="92"/>
      <c r="AZ3648" s="93"/>
      <c r="BA3648" s="93"/>
      <c r="BB3648" s="93"/>
      <c r="BC3648" s="93"/>
      <c r="BD3648" s="93"/>
      <c r="BE3648" s="93"/>
      <c r="BF3648" s="93"/>
      <c r="BG3648" s="93"/>
      <c r="BH3648" s="93"/>
      <c r="BI3648" s="93"/>
      <c r="BJ3648" s="93"/>
      <c r="BK3648" s="93"/>
      <c r="BL3648" s="93"/>
    </row>
    <row r="3649" spans="2:64" x14ac:dyDescent="0.2">
      <c r="B3649" s="43"/>
      <c r="C3649" s="73"/>
      <c r="D3649" s="64"/>
      <c r="E3649" s="55"/>
      <c r="F3649" s="74"/>
      <c r="G3649" s="74"/>
      <c r="H3649" s="74"/>
      <c r="I3649" s="75"/>
      <c r="J3649" s="74"/>
      <c r="L3649" s="55"/>
      <c r="M3649" s="234"/>
      <c r="N3649" s="65"/>
      <c r="O3649" s="76"/>
      <c r="P3649" s="76"/>
      <c r="Q3649" s="65"/>
      <c r="R3649" s="76"/>
      <c r="S3649" s="76"/>
      <c r="T3649" s="76"/>
      <c r="U3649" s="76"/>
      <c r="V3649" s="76"/>
      <c r="W3649" s="76"/>
      <c r="X3649" s="76"/>
      <c r="Y3649" s="76"/>
      <c r="Z3649" s="76"/>
      <c r="AA3649" s="85"/>
      <c r="AB3649" s="85"/>
      <c r="AC3649" s="85"/>
      <c r="AD3649" s="85"/>
      <c r="AE3649" s="85"/>
      <c r="AF3649" s="85"/>
      <c r="AG3649" s="86"/>
      <c r="AH3649" s="85"/>
      <c r="AI3649" s="85"/>
      <c r="AJ3649" s="85"/>
      <c r="AK3649" s="85"/>
      <c r="AL3649" s="85"/>
      <c r="AM3649" s="92"/>
      <c r="AN3649" s="92"/>
      <c r="AO3649" s="92"/>
      <c r="AP3649" s="92"/>
      <c r="AQ3649" s="92"/>
      <c r="AR3649" s="92"/>
      <c r="AS3649" s="92"/>
      <c r="AT3649" s="92"/>
      <c r="AU3649" s="92"/>
      <c r="AV3649" s="92"/>
      <c r="AW3649" s="92"/>
      <c r="AX3649" s="92"/>
      <c r="AY3649" s="92"/>
      <c r="AZ3649" s="93"/>
      <c r="BA3649" s="93"/>
      <c r="BB3649" s="93"/>
      <c r="BC3649" s="93"/>
      <c r="BD3649" s="93"/>
      <c r="BE3649" s="93"/>
      <c r="BF3649" s="93"/>
      <c r="BG3649" s="93"/>
      <c r="BH3649" s="93"/>
      <c r="BI3649" s="93"/>
      <c r="BJ3649" s="93"/>
      <c r="BK3649" s="93"/>
      <c r="BL3649" s="93"/>
    </row>
    <row r="3650" spans="2:64" x14ac:dyDescent="0.2">
      <c r="B3650" s="43"/>
      <c r="C3650" s="73"/>
      <c r="D3650" s="64"/>
      <c r="E3650" s="55"/>
      <c r="F3650" s="74"/>
      <c r="G3650" s="74"/>
      <c r="H3650" s="74"/>
      <c r="I3650" s="75"/>
      <c r="J3650" s="74"/>
      <c r="L3650" s="55"/>
      <c r="M3650" s="234"/>
      <c r="N3650" s="65"/>
      <c r="O3650" s="76"/>
      <c r="P3650" s="76"/>
      <c r="Q3650" s="65"/>
      <c r="R3650" s="76"/>
      <c r="S3650" s="76"/>
      <c r="T3650" s="76"/>
      <c r="U3650" s="76"/>
      <c r="V3650" s="76"/>
      <c r="W3650" s="76"/>
      <c r="X3650" s="76"/>
      <c r="Y3650" s="76"/>
      <c r="Z3650" s="76"/>
      <c r="AA3650" s="85"/>
      <c r="AB3650" s="85"/>
      <c r="AC3650" s="85"/>
      <c r="AD3650" s="85"/>
      <c r="AE3650" s="85"/>
      <c r="AF3650" s="85"/>
      <c r="AG3650" s="86"/>
      <c r="AH3650" s="85"/>
      <c r="AI3650" s="85"/>
      <c r="AJ3650" s="85"/>
      <c r="AK3650" s="85"/>
      <c r="AL3650" s="85"/>
      <c r="AM3650" s="92"/>
      <c r="AN3650" s="92"/>
      <c r="AO3650" s="92"/>
      <c r="AP3650" s="92"/>
      <c r="AQ3650" s="92"/>
      <c r="AR3650" s="92"/>
      <c r="AS3650" s="92"/>
      <c r="AT3650" s="92"/>
      <c r="AU3650" s="92"/>
      <c r="AV3650" s="92"/>
      <c r="AW3650" s="92"/>
      <c r="AX3650" s="92"/>
      <c r="AY3650" s="92"/>
      <c r="AZ3650" s="93"/>
      <c r="BA3650" s="93"/>
      <c r="BB3650" s="93"/>
      <c r="BC3650" s="93"/>
      <c r="BD3650" s="93"/>
      <c r="BE3650" s="93"/>
      <c r="BF3650" s="93"/>
      <c r="BG3650" s="93"/>
      <c r="BH3650" s="93"/>
      <c r="BI3650" s="93"/>
      <c r="BJ3650" s="93"/>
      <c r="BK3650" s="93"/>
      <c r="BL3650" s="93"/>
    </row>
    <row r="3651" spans="2:64" x14ac:dyDescent="0.2">
      <c r="B3651" s="43"/>
      <c r="C3651" s="73"/>
      <c r="D3651" s="64"/>
      <c r="E3651" s="55"/>
      <c r="F3651" s="74"/>
      <c r="G3651" s="74"/>
      <c r="H3651" s="74"/>
      <c r="I3651" s="75"/>
      <c r="J3651" s="74"/>
      <c r="L3651" s="55"/>
      <c r="M3651" s="234"/>
      <c r="N3651" s="65"/>
      <c r="O3651" s="76"/>
      <c r="P3651" s="76"/>
      <c r="Q3651" s="65"/>
      <c r="R3651" s="76"/>
      <c r="S3651" s="76"/>
      <c r="T3651" s="76"/>
      <c r="U3651" s="76"/>
      <c r="V3651" s="76"/>
      <c r="W3651" s="76"/>
      <c r="X3651" s="76"/>
      <c r="Y3651" s="76"/>
      <c r="Z3651" s="76"/>
      <c r="AA3651" s="85"/>
      <c r="AB3651" s="85"/>
      <c r="AC3651" s="85"/>
      <c r="AD3651" s="85"/>
      <c r="AE3651" s="85"/>
      <c r="AF3651" s="85"/>
      <c r="AG3651" s="86"/>
      <c r="AH3651" s="85"/>
      <c r="AI3651" s="85"/>
      <c r="AJ3651" s="85"/>
      <c r="AK3651" s="85"/>
      <c r="AL3651" s="85"/>
      <c r="AM3651" s="92"/>
      <c r="AN3651" s="92"/>
      <c r="AO3651" s="92"/>
      <c r="AP3651" s="92"/>
      <c r="AQ3651" s="92"/>
      <c r="AR3651" s="92"/>
      <c r="AS3651" s="92"/>
      <c r="AT3651" s="92"/>
      <c r="AU3651" s="92"/>
      <c r="AV3651" s="92"/>
      <c r="AW3651" s="92"/>
      <c r="AX3651" s="92"/>
      <c r="AY3651" s="92"/>
      <c r="AZ3651" s="93"/>
      <c r="BA3651" s="93"/>
      <c r="BB3651" s="93"/>
      <c r="BC3651" s="93"/>
      <c r="BD3651" s="93"/>
      <c r="BE3651" s="93"/>
      <c r="BF3651" s="93"/>
      <c r="BG3651" s="93"/>
      <c r="BH3651" s="93"/>
      <c r="BI3651" s="93"/>
      <c r="BJ3651" s="93"/>
      <c r="BK3651" s="93"/>
      <c r="BL3651" s="93"/>
    </row>
    <row r="3652" spans="2:64" x14ac:dyDescent="0.2">
      <c r="B3652" s="43"/>
      <c r="C3652" s="73"/>
      <c r="D3652" s="64"/>
      <c r="E3652" s="55"/>
      <c r="F3652" s="74"/>
      <c r="G3652" s="74"/>
      <c r="H3652" s="74"/>
      <c r="I3652" s="75"/>
      <c r="J3652" s="74"/>
      <c r="L3652" s="55"/>
      <c r="M3652" s="234"/>
      <c r="N3652" s="65"/>
      <c r="O3652" s="76"/>
      <c r="P3652" s="76"/>
      <c r="Q3652" s="65"/>
      <c r="R3652" s="76"/>
      <c r="S3652" s="76"/>
      <c r="T3652" s="76"/>
      <c r="U3652" s="76"/>
      <c r="V3652" s="76"/>
      <c r="W3652" s="76"/>
      <c r="X3652" s="76"/>
      <c r="Y3652" s="76"/>
      <c r="Z3652" s="76"/>
      <c r="AA3652" s="85"/>
      <c r="AB3652" s="85"/>
      <c r="AC3652" s="85"/>
      <c r="AD3652" s="85"/>
      <c r="AE3652" s="85"/>
      <c r="AF3652" s="85"/>
      <c r="AG3652" s="86"/>
      <c r="AH3652" s="85"/>
      <c r="AI3652" s="85"/>
      <c r="AJ3652" s="85"/>
      <c r="AK3652" s="85"/>
      <c r="AL3652" s="85"/>
      <c r="AM3652" s="92"/>
      <c r="AN3652" s="92"/>
      <c r="AO3652" s="92"/>
      <c r="AP3652" s="92"/>
      <c r="AQ3652" s="92"/>
      <c r="AR3652" s="92"/>
      <c r="AS3652" s="92"/>
      <c r="AT3652" s="92"/>
      <c r="AU3652" s="92"/>
      <c r="AV3652" s="92"/>
      <c r="AW3652" s="92"/>
      <c r="AX3652" s="92"/>
      <c r="AY3652" s="92"/>
      <c r="AZ3652" s="93"/>
      <c r="BA3652" s="93"/>
      <c r="BB3652" s="93"/>
      <c r="BC3652" s="93"/>
      <c r="BD3652" s="93"/>
      <c r="BE3652" s="93"/>
      <c r="BF3652" s="93"/>
      <c r="BG3652" s="93"/>
      <c r="BH3652" s="93"/>
      <c r="BI3652" s="93"/>
      <c r="BJ3652" s="93"/>
      <c r="BK3652" s="93"/>
      <c r="BL3652" s="93"/>
    </row>
    <row r="3653" spans="2:64" x14ac:dyDescent="0.2">
      <c r="B3653" s="43"/>
      <c r="C3653" s="73"/>
      <c r="D3653" s="64"/>
      <c r="E3653" s="55"/>
      <c r="F3653" s="74"/>
      <c r="G3653" s="74"/>
      <c r="H3653" s="74"/>
      <c r="I3653" s="75"/>
      <c r="J3653" s="74"/>
      <c r="L3653" s="55"/>
      <c r="M3653" s="234"/>
      <c r="N3653" s="65"/>
      <c r="O3653" s="76"/>
      <c r="P3653" s="76"/>
      <c r="Q3653" s="65"/>
      <c r="R3653" s="76"/>
      <c r="S3653" s="76"/>
      <c r="T3653" s="76"/>
      <c r="U3653" s="76"/>
      <c r="V3653" s="76"/>
      <c r="W3653" s="76"/>
      <c r="X3653" s="76"/>
      <c r="Y3653" s="76"/>
      <c r="Z3653" s="76"/>
      <c r="AA3653" s="85"/>
      <c r="AB3653" s="85"/>
      <c r="AC3653" s="85"/>
      <c r="AD3653" s="85"/>
      <c r="AE3653" s="85"/>
      <c r="AF3653" s="85"/>
      <c r="AG3653" s="86"/>
      <c r="AH3653" s="85"/>
      <c r="AI3653" s="85"/>
      <c r="AJ3653" s="85"/>
      <c r="AK3653" s="85"/>
      <c r="AL3653" s="85"/>
      <c r="AM3653" s="92"/>
      <c r="AN3653" s="92"/>
      <c r="AO3653" s="92"/>
      <c r="AP3653" s="92"/>
      <c r="AQ3653" s="92"/>
      <c r="AR3653" s="92"/>
      <c r="AS3653" s="92"/>
      <c r="AT3653" s="92"/>
      <c r="AU3653" s="92"/>
      <c r="AV3653" s="92"/>
      <c r="AW3653" s="92"/>
      <c r="AX3653" s="92"/>
      <c r="AY3653" s="92"/>
      <c r="AZ3653" s="93"/>
      <c r="BA3653" s="93"/>
      <c r="BB3653" s="93"/>
      <c r="BC3653" s="93"/>
      <c r="BD3653" s="93"/>
      <c r="BE3653" s="93"/>
      <c r="BF3653" s="93"/>
      <c r="BG3653" s="93"/>
      <c r="BH3653" s="93"/>
      <c r="BI3653" s="93"/>
      <c r="BJ3653" s="93"/>
      <c r="BK3653" s="93"/>
      <c r="BL3653" s="93"/>
    </row>
    <row r="3654" spans="2:64" x14ac:dyDescent="0.2">
      <c r="B3654" s="43"/>
      <c r="C3654" s="73"/>
      <c r="D3654" s="64"/>
      <c r="E3654" s="55"/>
      <c r="F3654" s="74"/>
      <c r="G3654" s="74"/>
      <c r="H3654" s="74"/>
      <c r="I3654" s="75"/>
      <c r="J3654" s="74"/>
      <c r="L3654" s="55"/>
      <c r="M3654" s="234"/>
      <c r="N3654" s="65"/>
      <c r="O3654" s="76"/>
      <c r="P3654" s="76"/>
      <c r="Q3654" s="65"/>
      <c r="R3654" s="76"/>
      <c r="S3654" s="76"/>
      <c r="T3654" s="76"/>
      <c r="U3654" s="76"/>
      <c r="V3654" s="76"/>
      <c r="W3654" s="76"/>
      <c r="X3654" s="76"/>
      <c r="Y3654" s="76"/>
      <c r="Z3654" s="76"/>
      <c r="AA3654" s="85"/>
      <c r="AB3654" s="85"/>
      <c r="AC3654" s="85"/>
      <c r="AD3654" s="85"/>
      <c r="AE3654" s="85"/>
      <c r="AF3654" s="85"/>
      <c r="AG3654" s="86"/>
      <c r="AH3654" s="85"/>
      <c r="AI3654" s="85"/>
      <c r="AJ3654" s="85"/>
      <c r="AK3654" s="85"/>
      <c r="AL3654" s="85"/>
      <c r="AM3654" s="92"/>
      <c r="AN3654" s="92"/>
      <c r="AO3654" s="92"/>
      <c r="AP3654" s="92"/>
      <c r="AQ3654" s="92"/>
      <c r="AR3654" s="92"/>
      <c r="AS3654" s="92"/>
      <c r="AT3654" s="92"/>
      <c r="AU3654" s="92"/>
      <c r="AV3654" s="92"/>
      <c r="AW3654" s="92"/>
      <c r="AX3654" s="92"/>
      <c r="AY3654" s="92"/>
      <c r="AZ3654" s="93"/>
      <c r="BA3654" s="93"/>
      <c r="BB3654" s="93"/>
      <c r="BC3654" s="93"/>
      <c r="BD3654" s="93"/>
      <c r="BE3654" s="93"/>
      <c r="BF3654" s="93"/>
      <c r="BG3654" s="93"/>
      <c r="BH3654" s="93"/>
      <c r="BI3654" s="93"/>
      <c r="BJ3654" s="93"/>
      <c r="BK3654" s="93"/>
      <c r="BL3654" s="93"/>
    </row>
    <row r="3655" spans="2:64" x14ac:dyDescent="0.2">
      <c r="B3655" s="43"/>
      <c r="C3655" s="73"/>
      <c r="D3655" s="64"/>
      <c r="E3655" s="55"/>
      <c r="F3655" s="74"/>
      <c r="G3655" s="74"/>
      <c r="H3655" s="74"/>
      <c r="I3655" s="75"/>
      <c r="J3655" s="74"/>
      <c r="L3655" s="55"/>
      <c r="M3655" s="234"/>
      <c r="N3655" s="65"/>
      <c r="O3655" s="76"/>
      <c r="P3655" s="76"/>
      <c r="Q3655" s="65"/>
      <c r="R3655" s="76"/>
      <c r="S3655" s="76"/>
      <c r="T3655" s="76"/>
      <c r="U3655" s="76"/>
      <c r="V3655" s="76"/>
      <c r="W3655" s="76"/>
      <c r="X3655" s="76"/>
      <c r="Y3655" s="76"/>
      <c r="Z3655" s="76"/>
      <c r="AA3655" s="85"/>
      <c r="AB3655" s="85"/>
      <c r="AC3655" s="85"/>
      <c r="AD3655" s="85"/>
      <c r="AE3655" s="85"/>
      <c r="AF3655" s="85"/>
      <c r="AG3655" s="86"/>
      <c r="AH3655" s="85"/>
      <c r="AI3655" s="85"/>
      <c r="AJ3655" s="85"/>
      <c r="AK3655" s="85"/>
      <c r="AL3655" s="85"/>
      <c r="AM3655" s="92"/>
      <c r="AN3655" s="92"/>
      <c r="AO3655" s="92"/>
      <c r="AP3655" s="92"/>
      <c r="AQ3655" s="92"/>
      <c r="AR3655" s="92"/>
      <c r="AS3655" s="92"/>
      <c r="AT3655" s="92"/>
      <c r="AU3655" s="92"/>
      <c r="AV3655" s="92"/>
      <c r="AW3655" s="92"/>
      <c r="AX3655" s="92"/>
      <c r="AY3655" s="92"/>
      <c r="AZ3655" s="93"/>
      <c r="BA3655" s="93"/>
      <c r="BB3655" s="93"/>
      <c r="BC3655" s="93"/>
      <c r="BD3655" s="93"/>
      <c r="BE3655" s="93"/>
      <c r="BF3655" s="93"/>
      <c r="BG3655" s="93"/>
      <c r="BH3655" s="93"/>
      <c r="BI3655" s="93"/>
      <c r="BJ3655" s="93"/>
      <c r="BK3655" s="93"/>
      <c r="BL3655" s="93"/>
    </row>
    <row r="3656" spans="2:64" x14ac:dyDescent="0.2">
      <c r="B3656" s="43"/>
      <c r="C3656" s="73"/>
      <c r="D3656" s="64"/>
      <c r="E3656" s="55"/>
      <c r="F3656" s="74"/>
      <c r="G3656" s="74"/>
      <c r="H3656" s="74"/>
      <c r="I3656" s="75"/>
      <c r="J3656" s="74"/>
      <c r="L3656" s="55"/>
      <c r="M3656" s="234"/>
      <c r="N3656" s="65"/>
      <c r="O3656" s="76"/>
      <c r="P3656" s="76"/>
      <c r="Q3656" s="65"/>
      <c r="R3656" s="76"/>
      <c r="S3656" s="76"/>
      <c r="T3656" s="76"/>
      <c r="U3656" s="76"/>
      <c r="V3656" s="76"/>
      <c r="W3656" s="76"/>
      <c r="X3656" s="76"/>
      <c r="Y3656" s="76"/>
      <c r="Z3656" s="76"/>
      <c r="AA3656" s="85"/>
      <c r="AB3656" s="85"/>
      <c r="AC3656" s="85"/>
      <c r="AD3656" s="85"/>
      <c r="AE3656" s="85"/>
      <c r="AF3656" s="85"/>
      <c r="AG3656" s="86"/>
      <c r="AH3656" s="85"/>
      <c r="AI3656" s="85"/>
      <c r="AJ3656" s="85"/>
      <c r="AK3656" s="85"/>
      <c r="AL3656" s="85"/>
      <c r="AM3656" s="92"/>
      <c r="AN3656" s="92"/>
      <c r="AO3656" s="92"/>
      <c r="AP3656" s="92"/>
      <c r="AQ3656" s="92"/>
      <c r="AR3656" s="92"/>
      <c r="AS3656" s="92"/>
      <c r="AT3656" s="92"/>
      <c r="AU3656" s="92"/>
      <c r="AV3656" s="92"/>
      <c r="AW3656" s="92"/>
      <c r="AX3656" s="92"/>
      <c r="AY3656" s="92"/>
      <c r="AZ3656" s="93"/>
      <c r="BA3656" s="93"/>
      <c r="BB3656" s="93"/>
      <c r="BC3656" s="93"/>
      <c r="BD3656" s="93"/>
      <c r="BE3656" s="93"/>
      <c r="BF3656" s="93"/>
      <c r="BG3656" s="93"/>
      <c r="BH3656" s="93"/>
      <c r="BI3656" s="93"/>
      <c r="BJ3656" s="93"/>
      <c r="BK3656" s="93"/>
      <c r="BL3656" s="93"/>
    </row>
    <row r="3657" spans="2:64" x14ac:dyDescent="0.2">
      <c r="B3657" s="43"/>
      <c r="C3657" s="73"/>
      <c r="D3657" s="64"/>
      <c r="E3657" s="55"/>
      <c r="F3657" s="74"/>
      <c r="G3657" s="74"/>
      <c r="H3657" s="74"/>
      <c r="I3657" s="75"/>
      <c r="J3657" s="74"/>
      <c r="L3657" s="55"/>
      <c r="M3657" s="234"/>
      <c r="N3657" s="65"/>
      <c r="O3657" s="76"/>
      <c r="P3657" s="76"/>
      <c r="Q3657" s="65"/>
      <c r="R3657" s="76"/>
      <c r="S3657" s="76"/>
      <c r="T3657" s="76"/>
      <c r="U3657" s="76"/>
      <c r="V3657" s="76"/>
      <c r="W3657" s="76"/>
      <c r="X3657" s="76"/>
      <c r="Y3657" s="76"/>
      <c r="Z3657" s="76"/>
      <c r="AA3657" s="85"/>
      <c r="AB3657" s="85"/>
      <c r="AC3657" s="85"/>
      <c r="AD3657" s="85"/>
      <c r="AE3657" s="85"/>
      <c r="AF3657" s="85"/>
      <c r="AG3657" s="86"/>
      <c r="AH3657" s="85"/>
      <c r="AI3657" s="85"/>
      <c r="AJ3657" s="85"/>
      <c r="AK3657" s="85"/>
      <c r="AL3657" s="85"/>
      <c r="AM3657" s="92"/>
      <c r="AN3657" s="92"/>
      <c r="AO3657" s="92"/>
      <c r="AP3657" s="92"/>
      <c r="AQ3657" s="92"/>
      <c r="AR3657" s="92"/>
      <c r="AS3657" s="92"/>
      <c r="AT3657" s="92"/>
      <c r="AU3657" s="92"/>
      <c r="AV3657" s="92"/>
      <c r="AW3657" s="92"/>
      <c r="AX3657" s="92"/>
      <c r="AY3657" s="92"/>
      <c r="AZ3657" s="93"/>
      <c r="BA3657" s="93"/>
      <c r="BB3657" s="93"/>
      <c r="BC3657" s="93"/>
      <c r="BD3657" s="93"/>
      <c r="BE3657" s="93"/>
      <c r="BF3657" s="93"/>
      <c r="BG3657" s="93"/>
      <c r="BH3657" s="93"/>
      <c r="BI3657" s="93"/>
      <c r="BJ3657" s="93"/>
      <c r="BK3657" s="93"/>
      <c r="BL3657" s="93"/>
    </row>
    <row r="3658" spans="2:64" x14ac:dyDescent="0.2">
      <c r="B3658" s="43"/>
      <c r="C3658" s="73"/>
      <c r="D3658" s="64"/>
      <c r="E3658" s="55"/>
      <c r="F3658" s="74"/>
      <c r="G3658" s="74"/>
      <c r="H3658" s="74"/>
      <c r="I3658" s="75"/>
      <c r="J3658" s="74"/>
      <c r="L3658" s="55"/>
      <c r="M3658" s="234"/>
      <c r="N3658" s="65"/>
      <c r="O3658" s="76"/>
      <c r="P3658" s="76"/>
      <c r="Q3658" s="65"/>
      <c r="R3658" s="76"/>
      <c r="S3658" s="76"/>
      <c r="T3658" s="76"/>
      <c r="U3658" s="76"/>
      <c r="V3658" s="76"/>
      <c r="W3658" s="76"/>
      <c r="X3658" s="76"/>
      <c r="Y3658" s="76"/>
      <c r="Z3658" s="76"/>
      <c r="AA3658" s="85"/>
      <c r="AB3658" s="85"/>
      <c r="AC3658" s="85"/>
      <c r="AD3658" s="85"/>
      <c r="AE3658" s="85"/>
      <c r="AF3658" s="85"/>
      <c r="AG3658" s="86"/>
      <c r="AH3658" s="85"/>
      <c r="AI3658" s="85"/>
      <c r="AJ3658" s="85"/>
      <c r="AK3658" s="85"/>
      <c r="AL3658" s="85"/>
      <c r="AM3658" s="92"/>
      <c r="AN3658" s="92"/>
      <c r="AO3658" s="92"/>
      <c r="AP3658" s="92"/>
      <c r="AQ3658" s="92"/>
      <c r="AR3658" s="92"/>
      <c r="AS3658" s="92"/>
      <c r="AT3658" s="92"/>
      <c r="AU3658" s="92"/>
      <c r="AV3658" s="92"/>
      <c r="AW3658" s="92"/>
      <c r="AX3658" s="92"/>
      <c r="AY3658" s="92"/>
      <c r="AZ3658" s="93"/>
      <c r="BA3658" s="93"/>
      <c r="BB3658" s="93"/>
      <c r="BC3658" s="93"/>
      <c r="BD3658" s="93"/>
      <c r="BE3658" s="93"/>
      <c r="BF3658" s="93"/>
      <c r="BG3658" s="93"/>
      <c r="BH3658" s="93"/>
      <c r="BI3658" s="93"/>
      <c r="BJ3658" s="93"/>
      <c r="BK3658" s="93"/>
      <c r="BL3658" s="93"/>
    </row>
    <row r="3659" spans="2:64" x14ac:dyDescent="0.2">
      <c r="B3659" s="43"/>
      <c r="C3659" s="73"/>
      <c r="D3659" s="64"/>
      <c r="E3659" s="55"/>
      <c r="F3659" s="74"/>
      <c r="G3659" s="74"/>
      <c r="H3659" s="74"/>
      <c r="I3659" s="75"/>
      <c r="J3659" s="74"/>
      <c r="L3659" s="55"/>
      <c r="M3659" s="234"/>
      <c r="N3659" s="65"/>
      <c r="O3659" s="76"/>
      <c r="P3659" s="76"/>
      <c r="Q3659" s="65"/>
      <c r="R3659" s="76"/>
      <c r="S3659" s="76"/>
      <c r="T3659" s="76"/>
      <c r="U3659" s="76"/>
      <c r="V3659" s="76"/>
      <c r="W3659" s="76"/>
      <c r="X3659" s="76"/>
      <c r="Y3659" s="76"/>
      <c r="Z3659" s="76"/>
      <c r="AA3659" s="85"/>
      <c r="AB3659" s="85"/>
      <c r="AC3659" s="85"/>
      <c r="AD3659" s="85"/>
      <c r="AE3659" s="85"/>
      <c r="AF3659" s="85"/>
      <c r="AG3659" s="86"/>
      <c r="AH3659" s="85"/>
      <c r="AI3659" s="85"/>
      <c r="AJ3659" s="85"/>
      <c r="AK3659" s="85"/>
      <c r="AL3659" s="85"/>
      <c r="AM3659" s="92"/>
      <c r="AN3659" s="92"/>
      <c r="AO3659" s="92"/>
      <c r="AP3659" s="92"/>
      <c r="AQ3659" s="92"/>
      <c r="AR3659" s="92"/>
      <c r="AS3659" s="92"/>
      <c r="AT3659" s="92"/>
      <c r="AU3659" s="92"/>
      <c r="AV3659" s="92"/>
      <c r="AW3659" s="92"/>
      <c r="AX3659" s="92"/>
      <c r="AY3659" s="92"/>
      <c r="AZ3659" s="93"/>
      <c r="BA3659" s="93"/>
      <c r="BB3659" s="93"/>
      <c r="BC3659" s="93"/>
      <c r="BD3659" s="93"/>
      <c r="BE3659" s="93"/>
      <c r="BF3659" s="93"/>
      <c r="BG3659" s="93"/>
      <c r="BH3659" s="93"/>
      <c r="BI3659" s="93"/>
      <c r="BJ3659" s="93"/>
      <c r="BK3659" s="93"/>
      <c r="BL3659" s="93"/>
    </row>
    <row r="3660" spans="2:64" x14ac:dyDescent="0.2">
      <c r="B3660" s="43"/>
      <c r="C3660" s="73"/>
      <c r="D3660" s="64"/>
      <c r="E3660" s="55"/>
      <c r="F3660" s="74"/>
      <c r="G3660" s="74"/>
      <c r="H3660" s="74"/>
      <c r="I3660" s="75"/>
      <c r="J3660" s="74"/>
      <c r="L3660" s="55"/>
      <c r="M3660" s="234"/>
      <c r="N3660" s="65"/>
      <c r="O3660" s="76"/>
      <c r="P3660" s="76"/>
      <c r="Q3660" s="65"/>
      <c r="R3660" s="76"/>
      <c r="S3660" s="76"/>
      <c r="T3660" s="76"/>
      <c r="U3660" s="76"/>
      <c r="V3660" s="76"/>
      <c r="W3660" s="76"/>
      <c r="X3660" s="76"/>
      <c r="Y3660" s="76"/>
      <c r="Z3660" s="76"/>
      <c r="AA3660" s="85"/>
      <c r="AB3660" s="85"/>
      <c r="AC3660" s="85"/>
      <c r="AD3660" s="85"/>
      <c r="AE3660" s="85"/>
      <c r="AF3660" s="85"/>
      <c r="AG3660" s="86"/>
      <c r="AH3660" s="85"/>
      <c r="AI3660" s="85"/>
      <c r="AJ3660" s="85"/>
      <c r="AK3660" s="85"/>
      <c r="AL3660" s="85"/>
      <c r="AM3660" s="92"/>
      <c r="AN3660" s="92"/>
      <c r="AO3660" s="92"/>
      <c r="AP3660" s="92"/>
      <c r="AQ3660" s="92"/>
      <c r="AR3660" s="92"/>
      <c r="AS3660" s="92"/>
      <c r="AT3660" s="92"/>
      <c r="AU3660" s="92"/>
      <c r="AV3660" s="92"/>
      <c r="AW3660" s="92"/>
      <c r="AX3660" s="92"/>
      <c r="AY3660" s="92"/>
      <c r="AZ3660" s="93"/>
      <c r="BA3660" s="93"/>
      <c r="BB3660" s="93"/>
      <c r="BC3660" s="93"/>
      <c r="BD3660" s="93"/>
      <c r="BE3660" s="93"/>
      <c r="BF3660" s="93"/>
      <c r="BG3660" s="93"/>
      <c r="BH3660" s="93"/>
      <c r="BI3660" s="93"/>
      <c r="BJ3660" s="93"/>
      <c r="BK3660" s="93"/>
      <c r="BL3660" s="93"/>
    </row>
    <row r="3661" spans="2:64" x14ac:dyDescent="0.2">
      <c r="B3661" s="43"/>
      <c r="C3661" s="73"/>
      <c r="D3661" s="64"/>
      <c r="E3661" s="55"/>
      <c r="F3661" s="74"/>
      <c r="G3661" s="74"/>
      <c r="H3661" s="74"/>
      <c r="I3661" s="75"/>
      <c r="J3661" s="74"/>
      <c r="L3661" s="55"/>
      <c r="M3661" s="234"/>
      <c r="N3661" s="65"/>
      <c r="O3661" s="76"/>
      <c r="P3661" s="76"/>
      <c r="Q3661" s="65"/>
      <c r="R3661" s="76"/>
      <c r="S3661" s="76"/>
      <c r="T3661" s="76"/>
      <c r="U3661" s="76"/>
      <c r="V3661" s="76"/>
      <c r="W3661" s="76"/>
      <c r="X3661" s="76"/>
      <c r="Y3661" s="76"/>
      <c r="Z3661" s="76"/>
      <c r="AA3661" s="85"/>
      <c r="AB3661" s="85"/>
      <c r="AC3661" s="85"/>
      <c r="AD3661" s="85"/>
      <c r="AE3661" s="85"/>
      <c r="AF3661" s="85"/>
      <c r="AG3661" s="86"/>
      <c r="AH3661" s="85"/>
      <c r="AI3661" s="85"/>
      <c r="AJ3661" s="85"/>
      <c r="AK3661" s="85"/>
      <c r="AL3661" s="85"/>
      <c r="AM3661" s="92"/>
      <c r="AN3661" s="92"/>
      <c r="AO3661" s="92"/>
      <c r="AP3661" s="92"/>
      <c r="AQ3661" s="92"/>
      <c r="AR3661" s="92"/>
      <c r="AS3661" s="92"/>
      <c r="AT3661" s="92"/>
      <c r="AU3661" s="92"/>
      <c r="AV3661" s="92"/>
      <c r="AW3661" s="92"/>
      <c r="AX3661" s="92"/>
      <c r="AY3661" s="92"/>
      <c r="AZ3661" s="93"/>
      <c r="BA3661" s="93"/>
      <c r="BB3661" s="93"/>
      <c r="BC3661" s="93"/>
      <c r="BD3661" s="93"/>
      <c r="BE3661" s="93"/>
      <c r="BF3661" s="93"/>
      <c r="BG3661" s="93"/>
      <c r="BH3661" s="93"/>
      <c r="BI3661" s="93"/>
      <c r="BJ3661" s="93"/>
      <c r="BK3661" s="93"/>
      <c r="BL3661" s="93"/>
    </row>
    <row r="3662" spans="2:64" x14ac:dyDescent="0.2">
      <c r="B3662" s="43"/>
      <c r="C3662" s="73"/>
      <c r="D3662" s="64"/>
      <c r="E3662" s="55"/>
      <c r="F3662" s="74"/>
      <c r="G3662" s="74"/>
      <c r="H3662" s="74"/>
      <c r="I3662" s="75"/>
      <c r="J3662" s="74"/>
      <c r="L3662" s="55"/>
      <c r="M3662" s="234"/>
      <c r="N3662" s="65"/>
      <c r="O3662" s="76"/>
      <c r="P3662" s="76"/>
      <c r="Q3662" s="65"/>
      <c r="R3662" s="76"/>
      <c r="S3662" s="76"/>
      <c r="T3662" s="76"/>
      <c r="U3662" s="76"/>
      <c r="V3662" s="76"/>
      <c r="W3662" s="76"/>
      <c r="X3662" s="76"/>
      <c r="Y3662" s="76"/>
      <c r="Z3662" s="76"/>
      <c r="AA3662" s="85"/>
      <c r="AB3662" s="85"/>
      <c r="AC3662" s="85"/>
      <c r="AD3662" s="85"/>
      <c r="AE3662" s="85"/>
      <c r="AF3662" s="85"/>
      <c r="AG3662" s="86"/>
      <c r="AH3662" s="85"/>
      <c r="AI3662" s="85"/>
      <c r="AJ3662" s="85"/>
      <c r="AK3662" s="85"/>
      <c r="AL3662" s="85"/>
      <c r="AM3662" s="92"/>
      <c r="AN3662" s="92"/>
      <c r="AO3662" s="92"/>
      <c r="AP3662" s="92"/>
      <c r="AQ3662" s="92"/>
      <c r="AR3662" s="92"/>
      <c r="AS3662" s="92"/>
      <c r="AT3662" s="92"/>
      <c r="AU3662" s="92"/>
      <c r="AV3662" s="92"/>
      <c r="AW3662" s="92"/>
      <c r="AX3662" s="92"/>
      <c r="AY3662" s="92"/>
      <c r="AZ3662" s="93"/>
      <c r="BA3662" s="93"/>
      <c r="BB3662" s="93"/>
      <c r="BC3662" s="93"/>
      <c r="BD3662" s="93"/>
      <c r="BE3662" s="93"/>
      <c r="BF3662" s="93"/>
      <c r="BG3662" s="93"/>
      <c r="BH3662" s="93"/>
      <c r="BI3662" s="93"/>
      <c r="BJ3662" s="93"/>
      <c r="BK3662" s="93"/>
      <c r="BL3662" s="93"/>
    </row>
    <row r="3663" spans="2:64" x14ac:dyDescent="0.2">
      <c r="B3663" s="43"/>
      <c r="C3663" s="73"/>
      <c r="D3663" s="64"/>
      <c r="E3663" s="55"/>
      <c r="F3663" s="74"/>
      <c r="G3663" s="74"/>
      <c r="H3663" s="74"/>
      <c r="I3663" s="75"/>
      <c r="J3663" s="74"/>
      <c r="L3663" s="55"/>
      <c r="M3663" s="234"/>
      <c r="N3663" s="65"/>
      <c r="O3663" s="76"/>
      <c r="P3663" s="76"/>
      <c r="Q3663" s="65"/>
      <c r="R3663" s="76"/>
      <c r="S3663" s="76"/>
      <c r="T3663" s="76"/>
      <c r="U3663" s="76"/>
      <c r="V3663" s="76"/>
      <c r="W3663" s="76"/>
      <c r="X3663" s="76"/>
      <c r="Y3663" s="76"/>
      <c r="Z3663" s="76"/>
      <c r="AA3663" s="85"/>
      <c r="AB3663" s="85"/>
      <c r="AC3663" s="85"/>
      <c r="AD3663" s="85"/>
      <c r="AE3663" s="85"/>
      <c r="AF3663" s="85"/>
      <c r="AG3663" s="86"/>
      <c r="AH3663" s="85"/>
      <c r="AI3663" s="85"/>
      <c r="AJ3663" s="85"/>
      <c r="AK3663" s="85"/>
      <c r="AL3663" s="85"/>
      <c r="AM3663" s="92"/>
      <c r="AN3663" s="92"/>
      <c r="AO3663" s="92"/>
      <c r="AP3663" s="92"/>
      <c r="AQ3663" s="92"/>
      <c r="AR3663" s="92"/>
      <c r="AS3663" s="92"/>
      <c r="AT3663" s="92"/>
      <c r="AU3663" s="92"/>
      <c r="AV3663" s="92"/>
      <c r="AW3663" s="92"/>
      <c r="AX3663" s="92"/>
      <c r="AY3663" s="92"/>
      <c r="AZ3663" s="93"/>
      <c r="BA3663" s="93"/>
      <c r="BB3663" s="93"/>
      <c r="BC3663" s="93"/>
      <c r="BD3663" s="93"/>
      <c r="BE3663" s="93"/>
      <c r="BF3663" s="93"/>
      <c r="BG3663" s="93"/>
      <c r="BH3663" s="93"/>
      <c r="BI3663" s="93"/>
      <c r="BJ3663" s="93"/>
      <c r="BK3663" s="93"/>
      <c r="BL3663" s="93"/>
    </row>
    <row r="3664" spans="2:64" x14ac:dyDescent="0.2">
      <c r="B3664" s="43"/>
      <c r="C3664" s="73"/>
      <c r="D3664" s="64"/>
      <c r="E3664" s="55"/>
      <c r="F3664" s="74"/>
      <c r="G3664" s="74"/>
      <c r="H3664" s="74"/>
      <c r="I3664" s="75"/>
      <c r="J3664" s="74"/>
      <c r="L3664" s="55"/>
      <c r="M3664" s="234"/>
      <c r="N3664" s="65"/>
      <c r="O3664" s="76"/>
      <c r="P3664" s="76"/>
      <c r="Q3664" s="65"/>
      <c r="R3664" s="76"/>
      <c r="S3664" s="76"/>
      <c r="T3664" s="76"/>
      <c r="U3664" s="76"/>
      <c r="V3664" s="76"/>
      <c r="W3664" s="76"/>
      <c r="X3664" s="76"/>
      <c r="Y3664" s="76"/>
      <c r="Z3664" s="76"/>
      <c r="AA3664" s="85"/>
      <c r="AB3664" s="85"/>
      <c r="AC3664" s="85"/>
      <c r="AD3664" s="85"/>
      <c r="AE3664" s="85"/>
      <c r="AF3664" s="85"/>
      <c r="AG3664" s="86"/>
      <c r="AH3664" s="85"/>
      <c r="AI3664" s="85"/>
      <c r="AJ3664" s="85"/>
      <c r="AK3664" s="85"/>
      <c r="AL3664" s="85"/>
      <c r="AM3664" s="92"/>
      <c r="AN3664" s="92"/>
      <c r="AO3664" s="92"/>
      <c r="AP3664" s="92"/>
      <c r="AQ3664" s="92"/>
      <c r="AR3664" s="92"/>
      <c r="AS3664" s="92"/>
      <c r="AT3664" s="92"/>
      <c r="AU3664" s="92"/>
      <c r="AV3664" s="92"/>
      <c r="AW3664" s="92"/>
      <c r="AX3664" s="92"/>
      <c r="AY3664" s="92"/>
      <c r="AZ3664" s="93"/>
      <c r="BA3664" s="93"/>
      <c r="BB3664" s="93"/>
      <c r="BC3664" s="93"/>
      <c r="BD3664" s="93"/>
      <c r="BE3664" s="93"/>
      <c r="BF3664" s="93"/>
      <c r="BG3664" s="93"/>
      <c r="BH3664" s="93"/>
      <c r="BI3664" s="93"/>
      <c r="BJ3664" s="93"/>
      <c r="BK3664" s="93"/>
      <c r="BL3664" s="93"/>
    </row>
    <row r="3665" spans="2:64" x14ac:dyDescent="0.2">
      <c r="B3665" s="43"/>
      <c r="C3665" s="73"/>
      <c r="D3665" s="64"/>
      <c r="E3665" s="55"/>
      <c r="F3665" s="74"/>
      <c r="G3665" s="74"/>
      <c r="H3665" s="74"/>
      <c r="I3665" s="75"/>
      <c r="J3665" s="74"/>
      <c r="L3665" s="55"/>
      <c r="M3665" s="234"/>
      <c r="N3665" s="65"/>
      <c r="O3665" s="76"/>
      <c r="P3665" s="76"/>
      <c r="Q3665" s="65"/>
      <c r="R3665" s="76"/>
      <c r="S3665" s="76"/>
      <c r="T3665" s="76"/>
      <c r="U3665" s="76"/>
      <c r="V3665" s="76"/>
      <c r="W3665" s="76"/>
      <c r="X3665" s="76"/>
      <c r="Y3665" s="76"/>
      <c r="Z3665" s="76"/>
      <c r="AA3665" s="85"/>
      <c r="AB3665" s="85"/>
      <c r="AC3665" s="85"/>
      <c r="AD3665" s="85"/>
      <c r="AE3665" s="85"/>
      <c r="AF3665" s="85"/>
      <c r="AG3665" s="86"/>
      <c r="AH3665" s="85"/>
      <c r="AI3665" s="85"/>
      <c r="AJ3665" s="85"/>
      <c r="AK3665" s="85"/>
      <c r="AL3665" s="85"/>
      <c r="AM3665" s="92"/>
      <c r="AN3665" s="92"/>
      <c r="AO3665" s="92"/>
      <c r="AP3665" s="92"/>
      <c r="AQ3665" s="92"/>
      <c r="AR3665" s="92"/>
      <c r="AS3665" s="92"/>
      <c r="AT3665" s="92"/>
      <c r="AU3665" s="92"/>
      <c r="AV3665" s="92"/>
      <c r="AW3665" s="92"/>
      <c r="AX3665" s="92"/>
      <c r="AY3665" s="92"/>
      <c r="AZ3665" s="93"/>
      <c r="BA3665" s="93"/>
      <c r="BB3665" s="93"/>
      <c r="BC3665" s="93"/>
      <c r="BD3665" s="93"/>
      <c r="BE3665" s="93"/>
      <c r="BF3665" s="93"/>
      <c r="BG3665" s="93"/>
      <c r="BH3665" s="93"/>
      <c r="BI3665" s="93"/>
      <c r="BJ3665" s="93"/>
      <c r="BK3665" s="93"/>
      <c r="BL3665" s="93"/>
    </row>
    <row r="3666" spans="2:64" x14ac:dyDescent="0.2">
      <c r="B3666" s="43"/>
      <c r="C3666" s="73"/>
      <c r="D3666" s="64"/>
      <c r="E3666" s="55"/>
      <c r="F3666" s="74"/>
      <c r="G3666" s="74"/>
      <c r="H3666" s="74"/>
      <c r="I3666" s="75"/>
      <c r="J3666" s="74"/>
      <c r="L3666" s="55"/>
      <c r="M3666" s="234"/>
      <c r="N3666" s="65"/>
      <c r="O3666" s="76"/>
      <c r="P3666" s="76"/>
      <c r="Q3666" s="65"/>
      <c r="R3666" s="76"/>
      <c r="S3666" s="76"/>
      <c r="T3666" s="76"/>
      <c r="U3666" s="76"/>
      <c r="V3666" s="76"/>
      <c r="W3666" s="76"/>
      <c r="X3666" s="76"/>
      <c r="Y3666" s="76"/>
      <c r="Z3666" s="76"/>
      <c r="AA3666" s="85"/>
      <c r="AB3666" s="85"/>
      <c r="AC3666" s="85"/>
      <c r="AD3666" s="85"/>
      <c r="AE3666" s="85"/>
      <c r="AF3666" s="85"/>
      <c r="AG3666" s="86"/>
      <c r="AH3666" s="85"/>
      <c r="AI3666" s="85"/>
      <c r="AJ3666" s="85"/>
      <c r="AK3666" s="85"/>
      <c r="AL3666" s="85"/>
      <c r="AM3666" s="92"/>
      <c r="AN3666" s="92"/>
      <c r="AO3666" s="92"/>
      <c r="AP3666" s="92"/>
      <c r="AQ3666" s="92"/>
      <c r="AR3666" s="92"/>
      <c r="AS3666" s="92"/>
      <c r="AT3666" s="92"/>
      <c r="AU3666" s="92"/>
      <c r="AV3666" s="92"/>
      <c r="AW3666" s="92"/>
      <c r="AX3666" s="92"/>
      <c r="AY3666" s="92"/>
      <c r="AZ3666" s="93"/>
      <c r="BA3666" s="93"/>
      <c r="BB3666" s="93"/>
      <c r="BC3666" s="93"/>
      <c r="BD3666" s="93"/>
      <c r="BE3666" s="93"/>
      <c r="BF3666" s="93"/>
      <c r="BG3666" s="93"/>
      <c r="BH3666" s="93"/>
      <c r="BI3666" s="93"/>
      <c r="BJ3666" s="93"/>
      <c r="BK3666" s="93"/>
      <c r="BL3666" s="93"/>
    </row>
    <row r="3667" spans="2:64" x14ac:dyDescent="0.2">
      <c r="B3667" s="43"/>
      <c r="C3667" s="73"/>
      <c r="D3667" s="64"/>
      <c r="E3667" s="55"/>
      <c r="F3667" s="74"/>
      <c r="G3667" s="74"/>
      <c r="H3667" s="74"/>
      <c r="I3667" s="75"/>
      <c r="J3667" s="74"/>
      <c r="L3667" s="55"/>
      <c r="M3667" s="234"/>
      <c r="N3667" s="65"/>
      <c r="O3667" s="76"/>
      <c r="P3667" s="76"/>
      <c r="Q3667" s="65"/>
      <c r="R3667" s="76"/>
      <c r="S3667" s="76"/>
      <c r="T3667" s="76"/>
      <c r="U3667" s="76"/>
      <c r="V3667" s="76"/>
      <c r="W3667" s="76"/>
      <c r="X3667" s="76"/>
      <c r="Y3667" s="76"/>
      <c r="Z3667" s="76"/>
      <c r="AA3667" s="85"/>
      <c r="AB3667" s="85"/>
      <c r="AC3667" s="85"/>
      <c r="AD3667" s="85"/>
      <c r="AE3667" s="85"/>
      <c r="AF3667" s="85"/>
      <c r="AG3667" s="86"/>
      <c r="AH3667" s="85"/>
      <c r="AI3667" s="85"/>
      <c r="AJ3667" s="85"/>
      <c r="AK3667" s="85"/>
      <c r="AL3667" s="85"/>
      <c r="AM3667" s="92"/>
      <c r="AN3667" s="92"/>
      <c r="AO3667" s="92"/>
      <c r="AP3667" s="92"/>
      <c r="AQ3667" s="92"/>
      <c r="AR3667" s="92"/>
      <c r="AS3667" s="92"/>
      <c r="AT3667" s="92"/>
      <c r="AU3667" s="92"/>
      <c r="AV3667" s="92"/>
      <c r="AW3667" s="92"/>
      <c r="AX3667" s="92"/>
      <c r="AY3667" s="92"/>
      <c r="AZ3667" s="93"/>
      <c r="BA3667" s="93"/>
      <c r="BB3667" s="93"/>
      <c r="BC3667" s="93"/>
      <c r="BD3667" s="93"/>
      <c r="BE3667" s="93"/>
      <c r="BF3667" s="93"/>
      <c r="BG3667" s="93"/>
      <c r="BH3667" s="93"/>
      <c r="BI3667" s="93"/>
      <c r="BJ3667" s="93"/>
      <c r="BK3667" s="93"/>
      <c r="BL3667" s="93"/>
    </row>
    <row r="3668" spans="2:64" x14ac:dyDescent="0.2">
      <c r="B3668" s="43"/>
      <c r="C3668" s="73"/>
      <c r="D3668" s="64"/>
      <c r="E3668" s="55"/>
      <c r="F3668" s="74"/>
      <c r="G3668" s="74"/>
      <c r="H3668" s="74"/>
      <c r="I3668" s="75"/>
      <c r="J3668" s="74"/>
      <c r="L3668" s="55"/>
      <c r="M3668" s="234"/>
      <c r="N3668" s="65"/>
      <c r="O3668" s="76"/>
      <c r="P3668" s="76"/>
      <c r="Q3668" s="65"/>
      <c r="R3668" s="76"/>
      <c r="S3668" s="76"/>
      <c r="T3668" s="76"/>
      <c r="U3668" s="76"/>
      <c r="V3668" s="76"/>
      <c r="W3668" s="76"/>
      <c r="X3668" s="76"/>
      <c r="Y3668" s="76"/>
      <c r="Z3668" s="76"/>
      <c r="AA3668" s="85"/>
      <c r="AB3668" s="85"/>
      <c r="AC3668" s="85"/>
      <c r="AD3668" s="85"/>
      <c r="AE3668" s="85"/>
      <c r="AF3668" s="85"/>
      <c r="AG3668" s="86"/>
      <c r="AH3668" s="85"/>
      <c r="AI3668" s="85"/>
      <c r="AJ3668" s="85"/>
      <c r="AK3668" s="85"/>
      <c r="AL3668" s="85"/>
      <c r="AM3668" s="92"/>
      <c r="AN3668" s="92"/>
      <c r="AO3668" s="92"/>
      <c r="AP3668" s="92"/>
      <c r="AQ3668" s="92"/>
      <c r="AR3668" s="92"/>
      <c r="AS3668" s="92"/>
      <c r="AT3668" s="92"/>
      <c r="AU3668" s="92"/>
      <c r="AV3668" s="92"/>
      <c r="AW3668" s="92"/>
      <c r="AX3668" s="92"/>
      <c r="AY3668" s="92"/>
      <c r="AZ3668" s="93"/>
      <c r="BA3668" s="93"/>
      <c r="BB3668" s="93"/>
      <c r="BC3668" s="93"/>
      <c r="BD3668" s="93"/>
      <c r="BE3668" s="93"/>
      <c r="BF3668" s="93"/>
      <c r="BG3668" s="93"/>
      <c r="BH3668" s="93"/>
      <c r="BI3668" s="93"/>
      <c r="BJ3668" s="93"/>
      <c r="BK3668" s="93"/>
      <c r="BL3668" s="93"/>
    </row>
    <row r="3669" spans="2:64" x14ac:dyDescent="0.2">
      <c r="B3669" s="43"/>
      <c r="C3669" s="73"/>
      <c r="D3669" s="64"/>
      <c r="E3669" s="55"/>
      <c r="F3669" s="74"/>
      <c r="G3669" s="74"/>
      <c r="H3669" s="74"/>
      <c r="I3669" s="75"/>
      <c r="J3669" s="74"/>
      <c r="L3669" s="55"/>
      <c r="M3669" s="234"/>
      <c r="N3669" s="65"/>
      <c r="O3669" s="76"/>
      <c r="P3669" s="76"/>
      <c r="Q3669" s="65"/>
      <c r="R3669" s="76"/>
      <c r="S3669" s="76"/>
      <c r="T3669" s="76"/>
      <c r="U3669" s="76"/>
      <c r="V3669" s="76"/>
      <c r="W3669" s="76"/>
      <c r="X3669" s="76"/>
      <c r="Y3669" s="76"/>
      <c r="Z3669" s="76"/>
      <c r="AA3669" s="85"/>
      <c r="AB3669" s="85"/>
      <c r="AC3669" s="85"/>
      <c r="AD3669" s="85"/>
      <c r="AE3669" s="85"/>
      <c r="AF3669" s="85"/>
      <c r="AG3669" s="86"/>
      <c r="AH3669" s="85"/>
      <c r="AI3669" s="85"/>
      <c r="AJ3669" s="85"/>
      <c r="AK3669" s="85"/>
      <c r="AL3669" s="85"/>
      <c r="AM3669" s="92"/>
      <c r="AN3669" s="92"/>
      <c r="AO3669" s="92"/>
      <c r="AP3669" s="92"/>
      <c r="AQ3669" s="92"/>
      <c r="AR3669" s="92"/>
      <c r="AS3669" s="92"/>
      <c r="AT3669" s="92"/>
      <c r="AU3669" s="92"/>
      <c r="AV3669" s="92"/>
      <c r="AW3669" s="92"/>
      <c r="AX3669" s="92"/>
      <c r="AY3669" s="92"/>
      <c r="AZ3669" s="93"/>
      <c r="BA3669" s="93"/>
      <c r="BB3669" s="93"/>
      <c r="BC3669" s="93"/>
      <c r="BD3669" s="93"/>
      <c r="BE3669" s="93"/>
      <c r="BF3669" s="93"/>
      <c r="BG3669" s="93"/>
      <c r="BH3669" s="93"/>
      <c r="BI3669" s="93"/>
      <c r="BJ3669" s="93"/>
      <c r="BK3669" s="93"/>
      <c r="BL3669" s="93"/>
    </row>
    <row r="3670" spans="2:64" x14ac:dyDescent="0.2">
      <c r="B3670" s="43"/>
      <c r="C3670" s="73"/>
      <c r="D3670" s="64"/>
      <c r="E3670" s="55"/>
      <c r="F3670" s="74"/>
      <c r="G3670" s="74"/>
      <c r="H3670" s="74"/>
      <c r="I3670" s="75"/>
      <c r="J3670" s="74"/>
      <c r="L3670" s="55"/>
      <c r="M3670" s="234"/>
      <c r="N3670" s="65"/>
      <c r="O3670" s="76"/>
      <c r="P3670" s="76"/>
      <c r="Q3670" s="65"/>
      <c r="R3670" s="76"/>
      <c r="S3670" s="76"/>
      <c r="T3670" s="76"/>
      <c r="U3670" s="76"/>
      <c r="V3670" s="76"/>
      <c r="W3670" s="76"/>
      <c r="X3670" s="76"/>
      <c r="Y3670" s="76"/>
      <c r="Z3670" s="76"/>
      <c r="AA3670" s="85"/>
      <c r="AB3670" s="85"/>
      <c r="AC3670" s="85"/>
      <c r="AD3670" s="85"/>
      <c r="AE3670" s="85"/>
      <c r="AF3670" s="85"/>
      <c r="AG3670" s="86"/>
      <c r="AH3670" s="85"/>
      <c r="AI3670" s="85"/>
      <c r="AJ3670" s="85"/>
      <c r="AK3670" s="85"/>
      <c r="AL3670" s="85"/>
      <c r="AM3670" s="92"/>
      <c r="AN3670" s="92"/>
      <c r="AO3670" s="92"/>
      <c r="AP3670" s="92"/>
      <c r="AQ3670" s="92"/>
      <c r="AR3670" s="92"/>
      <c r="AS3670" s="92"/>
      <c r="AT3670" s="92"/>
      <c r="AU3670" s="92"/>
      <c r="AV3670" s="92"/>
      <c r="AW3670" s="92"/>
      <c r="AX3670" s="92"/>
      <c r="AY3670" s="92"/>
      <c r="AZ3670" s="93"/>
      <c r="BA3670" s="93"/>
      <c r="BB3670" s="93"/>
      <c r="BC3670" s="93"/>
      <c r="BD3670" s="93"/>
      <c r="BE3670" s="93"/>
      <c r="BF3670" s="93"/>
      <c r="BG3670" s="93"/>
      <c r="BH3670" s="93"/>
      <c r="BI3670" s="93"/>
      <c r="BJ3670" s="93"/>
      <c r="BK3670" s="93"/>
      <c r="BL3670" s="93"/>
    </row>
    <row r="3671" spans="2:64" x14ac:dyDescent="0.2">
      <c r="B3671" s="43"/>
      <c r="C3671" s="73"/>
      <c r="D3671" s="64"/>
      <c r="E3671" s="55"/>
      <c r="F3671" s="74"/>
      <c r="G3671" s="74"/>
      <c r="H3671" s="74"/>
      <c r="I3671" s="75"/>
      <c r="J3671" s="74"/>
      <c r="L3671" s="55"/>
      <c r="M3671" s="234"/>
      <c r="N3671" s="65"/>
      <c r="O3671" s="76"/>
      <c r="P3671" s="76"/>
      <c r="Q3671" s="65"/>
      <c r="R3671" s="76"/>
      <c r="S3671" s="76"/>
      <c r="T3671" s="76"/>
      <c r="U3671" s="76"/>
      <c r="V3671" s="76"/>
      <c r="W3671" s="76"/>
      <c r="X3671" s="76"/>
      <c r="Y3671" s="76"/>
      <c r="Z3671" s="76"/>
      <c r="AA3671" s="85"/>
      <c r="AB3671" s="85"/>
      <c r="AC3671" s="85"/>
      <c r="AD3671" s="85"/>
      <c r="AE3671" s="85"/>
      <c r="AF3671" s="85"/>
      <c r="AG3671" s="86"/>
      <c r="AH3671" s="85"/>
      <c r="AI3671" s="85"/>
      <c r="AJ3671" s="85"/>
      <c r="AK3671" s="85"/>
      <c r="AL3671" s="85"/>
      <c r="AM3671" s="92"/>
      <c r="AN3671" s="92"/>
      <c r="AO3671" s="92"/>
      <c r="AP3671" s="92"/>
      <c r="AQ3671" s="92"/>
      <c r="AR3671" s="92"/>
      <c r="AS3671" s="92"/>
      <c r="AT3671" s="92"/>
      <c r="AU3671" s="92"/>
      <c r="AV3671" s="92"/>
      <c r="AW3671" s="92"/>
      <c r="AX3671" s="92"/>
      <c r="AY3671" s="92"/>
      <c r="AZ3671" s="93"/>
      <c r="BA3671" s="93"/>
      <c r="BB3671" s="93"/>
      <c r="BC3671" s="93"/>
      <c r="BD3671" s="93"/>
      <c r="BE3671" s="93"/>
      <c r="BF3671" s="93"/>
      <c r="BG3671" s="93"/>
      <c r="BH3671" s="93"/>
      <c r="BI3671" s="93"/>
      <c r="BJ3671" s="93"/>
      <c r="BK3671" s="93"/>
      <c r="BL3671" s="93"/>
    </row>
    <row r="3672" spans="2:64" x14ac:dyDescent="0.2">
      <c r="B3672" s="43"/>
      <c r="C3672" s="73"/>
      <c r="D3672" s="64"/>
      <c r="E3672" s="55"/>
      <c r="F3672" s="74"/>
      <c r="G3672" s="74"/>
      <c r="H3672" s="74"/>
      <c r="I3672" s="75"/>
      <c r="J3672" s="74"/>
      <c r="L3672" s="55"/>
      <c r="M3672" s="234"/>
      <c r="N3672" s="65"/>
      <c r="O3672" s="76"/>
      <c r="P3672" s="76"/>
      <c r="Q3672" s="65"/>
      <c r="R3672" s="76"/>
      <c r="S3672" s="76"/>
      <c r="T3672" s="76"/>
      <c r="U3672" s="76"/>
      <c r="V3672" s="76"/>
      <c r="W3672" s="76"/>
      <c r="X3672" s="76"/>
      <c r="Y3672" s="76"/>
      <c r="Z3672" s="76"/>
      <c r="AA3672" s="85"/>
      <c r="AB3672" s="85"/>
      <c r="AC3672" s="85"/>
      <c r="AD3672" s="85"/>
      <c r="AE3672" s="85"/>
      <c r="AF3672" s="85"/>
      <c r="AG3672" s="86"/>
      <c r="AH3672" s="85"/>
      <c r="AI3672" s="85"/>
      <c r="AJ3672" s="85"/>
      <c r="AK3672" s="85"/>
      <c r="AL3672" s="85"/>
      <c r="AM3672" s="92"/>
      <c r="AN3672" s="92"/>
      <c r="AO3672" s="92"/>
      <c r="AP3672" s="92"/>
      <c r="AQ3672" s="92"/>
      <c r="AR3672" s="92"/>
      <c r="AS3672" s="92"/>
      <c r="AT3672" s="92"/>
      <c r="AU3672" s="92"/>
      <c r="AV3672" s="92"/>
      <c r="AW3672" s="92"/>
      <c r="AX3672" s="92"/>
      <c r="AY3672" s="92"/>
      <c r="AZ3672" s="93"/>
      <c r="BA3672" s="93"/>
      <c r="BB3672" s="93"/>
      <c r="BC3672" s="93"/>
      <c r="BD3672" s="93"/>
      <c r="BE3672" s="93"/>
      <c r="BF3672" s="93"/>
      <c r="BG3672" s="93"/>
      <c r="BH3672" s="93"/>
      <c r="BI3672" s="93"/>
      <c r="BJ3672" s="93"/>
      <c r="BK3672" s="93"/>
      <c r="BL3672" s="93"/>
    </row>
    <row r="3673" spans="2:64" x14ac:dyDescent="0.2">
      <c r="B3673" s="43"/>
      <c r="C3673" s="73"/>
      <c r="D3673" s="64"/>
      <c r="E3673" s="55"/>
      <c r="F3673" s="74"/>
      <c r="G3673" s="74"/>
      <c r="H3673" s="74"/>
      <c r="I3673" s="75"/>
      <c r="J3673" s="74"/>
      <c r="L3673" s="55"/>
      <c r="M3673" s="234"/>
      <c r="N3673" s="65"/>
      <c r="O3673" s="76"/>
      <c r="P3673" s="76"/>
      <c r="Q3673" s="65"/>
      <c r="R3673" s="76"/>
      <c r="S3673" s="76"/>
      <c r="T3673" s="76"/>
      <c r="U3673" s="76"/>
      <c r="V3673" s="76"/>
      <c r="W3673" s="76"/>
      <c r="X3673" s="76"/>
      <c r="Y3673" s="76"/>
      <c r="Z3673" s="76"/>
      <c r="AA3673" s="85"/>
      <c r="AB3673" s="85"/>
      <c r="AC3673" s="85"/>
      <c r="AD3673" s="85"/>
      <c r="AE3673" s="85"/>
      <c r="AF3673" s="85"/>
      <c r="AG3673" s="86"/>
      <c r="AH3673" s="85"/>
      <c r="AI3673" s="85"/>
      <c r="AJ3673" s="85"/>
      <c r="AK3673" s="85"/>
      <c r="AL3673" s="85"/>
      <c r="AM3673" s="92"/>
      <c r="AN3673" s="92"/>
      <c r="AO3673" s="92"/>
      <c r="AP3673" s="92"/>
      <c r="AQ3673" s="92"/>
      <c r="AR3673" s="92"/>
      <c r="AS3673" s="92"/>
      <c r="AT3673" s="92"/>
      <c r="AU3673" s="92"/>
      <c r="AV3673" s="92"/>
      <c r="AW3673" s="92"/>
      <c r="AX3673" s="92"/>
      <c r="AY3673" s="92"/>
      <c r="AZ3673" s="93"/>
      <c r="BA3673" s="93"/>
      <c r="BB3673" s="93"/>
      <c r="BC3673" s="93"/>
      <c r="BD3673" s="93"/>
      <c r="BE3673" s="93"/>
      <c r="BF3673" s="93"/>
      <c r="BG3673" s="93"/>
      <c r="BH3673" s="93"/>
      <c r="BI3673" s="93"/>
      <c r="BJ3673" s="93"/>
      <c r="BK3673" s="93"/>
      <c r="BL3673" s="93"/>
    </row>
    <row r="3674" spans="2:64" x14ac:dyDescent="0.2">
      <c r="B3674" s="43"/>
      <c r="C3674" s="73"/>
      <c r="D3674" s="64"/>
      <c r="E3674" s="55"/>
      <c r="F3674" s="74"/>
      <c r="G3674" s="74"/>
      <c r="H3674" s="74"/>
      <c r="I3674" s="75"/>
      <c r="J3674" s="74"/>
      <c r="L3674" s="55"/>
      <c r="M3674" s="234"/>
      <c r="N3674" s="65"/>
      <c r="O3674" s="76"/>
      <c r="P3674" s="76"/>
      <c r="Q3674" s="65"/>
      <c r="R3674" s="76"/>
      <c r="S3674" s="76"/>
      <c r="T3674" s="76"/>
      <c r="U3674" s="76"/>
      <c r="V3674" s="76"/>
      <c r="W3674" s="76"/>
      <c r="X3674" s="76"/>
      <c r="Y3674" s="76"/>
      <c r="Z3674" s="76"/>
      <c r="AA3674" s="85"/>
      <c r="AB3674" s="85"/>
      <c r="AC3674" s="85"/>
      <c r="AD3674" s="85"/>
      <c r="AE3674" s="85"/>
      <c r="AF3674" s="85"/>
      <c r="AG3674" s="86"/>
      <c r="AH3674" s="85"/>
      <c r="AI3674" s="85"/>
      <c r="AJ3674" s="85"/>
      <c r="AK3674" s="85"/>
      <c r="AL3674" s="85"/>
      <c r="AM3674" s="92"/>
      <c r="AN3674" s="92"/>
      <c r="AO3674" s="92"/>
      <c r="AP3674" s="92"/>
      <c r="AQ3674" s="92"/>
      <c r="AR3674" s="92"/>
      <c r="AS3674" s="92"/>
      <c r="AT3674" s="92"/>
      <c r="AU3674" s="92"/>
      <c r="AV3674" s="92"/>
      <c r="AW3674" s="92"/>
      <c r="AX3674" s="92"/>
      <c r="AY3674" s="92"/>
      <c r="AZ3674" s="93"/>
      <c r="BA3674" s="93"/>
      <c r="BB3674" s="93"/>
      <c r="BC3674" s="93"/>
      <c r="BD3674" s="93"/>
      <c r="BE3674" s="93"/>
      <c r="BF3674" s="93"/>
      <c r="BG3674" s="93"/>
      <c r="BH3674" s="93"/>
      <c r="BI3674" s="93"/>
      <c r="BJ3674" s="93"/>
      <c r="BK3674" s="93"/>
      <c r="BL3674" s="93"/>
    </row>
    <row r="3675" spans="2:64" x14ac:dyDescent="0.2">
      <c r="B3675" s="43"/>
      <c r="C3675" s="73"/>
      <c r="D3675" s="64"/>
      <c r="E3675" s="55"/>
      <c r="F3675" s="74"/>
      <c r="G3675" s="74"/>
      <c r="H3675" s="74"/>
      <c r="I3675" s="75"/>
      <c r="J3675" s="74"/>
      <c r="L3675" s="55"/>
      <c r="M3675" s="234"/>
      <c r="N3675" s="65"/>
      <c r="O3675" s="76"/>
      <c r="P3675" s="76"/>
      <c r="Q3675" s="65"/>
      <c r="R3675" s="76"/>
      <c r="S3675" s="76"/>
      <c r="T3675" s="76"/>
      <c r="U3675" s="76"/>
      <c r="V3675" s="76"/>
      <c r="W3675" s="76"/>
      <c r="X3675" s="76"/>
      <c r="Y3675" s="76"/>
      <c r="Z3675" s="76"/>
      <c r="AA3675" s="85"/>
      <c r="AB3675" s="85"/>
      <c r="AC3675" s="85"/>
      <c r="AD3675" s="85"/>
      <c r="AE3675" s="85"/>
      <c r="AF3675" s="85"/>
      <c r="AG3675" s="86"/>
      <c r="AH3675" s="85"/>
      <c r="AI3675" s="85"/>
      <c r="AJ3675" s="85"/>
      <c r="AK3675" s="85"/>
      <c r="AL3675" s="85"/>
      <c r="AM3675" s="92"/>
      <c r="AN3675" s="92"/>
      <c r="AO3675" s="92"/>
      <c r="AP3675" s="92"/>
      <c r="AQ3675" s="92"/>
      <c r="AR3675" s="92"/>
      <c r="AS3675" s="92"/>
      <c r="AT3675" s="92"/>
      <c r="AU3675" s="92"/>
      <c r="AV3675" s="92"/>
      <c r="AW3675" s="92"/>
      <c r="AX3675" s="92"/>
      <c r="AY3675" s="92"/>
      <c r="AZ3675" s="93"/>
      <c r="BA3675" s="93"/>
      <c r="BB3675" s="93"/>
      <c r="BC3675" s="93"/>
      <c r="BD3675" s="93"/>
      <c r="BE3675" s="93"/>
      <c r="BF3675" s="93"/>
      <c r="BG3675" s="93"/>
      <c r="BH3675" s="93"/>
      <c r="BI3675" s="93"/>
      <c r="BJ3675" s="93"/>
      <c r="BK3675" s="93"/>
      <c r="BL3675" s="93"/>
    </row>
    <row r="3676" spans="2:64" x14ac:dyDescent="0.2">
      <c r="B3676" s="43"/>
      <c r="C3676" s="73"/>
      <c r="D3676" s="64"/>
      <c r="E3676" s="55"/>
      <c r="F3676" s="74"/>
      <c r="G3676" s="74"/>
      <c r="H3676" s="74"/>
      <c r="I3676" s="75"/>
      <c r="J3676" s="74"/>
      <c r="L3676" s="55"/>
      <c r="M3676" s="234"/>
      <c r="N3676" s="65"/>
      <c r="O3676" s="76"/>
      <c r="P3676" s="76"/>
      <c r="Q3676" s="65"/>
      <c r="R3676" s="76"/>
      <c r="S3676" s="76"/>
      <c r="T3676" s="76"/>
      <c r="U3676" s="76"/>
      <c r="V3676" s="76"/>
      <c r="W3676" s="76"/>
      <c r="X3676" s="76"/>
      <c r="Y3676" s="76"/>
      <c r="Z3676" s="76"/>
      <c r="AA3676" s="85"/>
      <c r="AB3676" s="85"/>
      <c r="AC3676" s="85"/>
      <c r="AD3676" s="85"/>
      <c r="AE3676" s="85"/>
      <c r="AF3676" s="85"/>
      <c r="AG3676" s="86"/>
      <c r="AH3676" s="85"/>
      <c r="AI3676" s="85"/>
      <c r="AJ3676" s="85"/>
      <c r="AK3676" s="85"/>
      <c r="AL3676" s="85"/>
      <c r="AM3676" s="92"/>
      <c r="AN3676" s="92"/>
      <c r="AO3676" s="92"/>
      <c r="AP3676" s="92"/>
      <c r="AQ3676" s="92"/>
      <c r="AR3676" s="92"/>
      <c r="AS3676" s="92"/>
      <c r="AT3676" s="92"/>
      <c r="AU3676" s="92"/>
      <c r="AV3676" s="92"/>
      <c r="AW3676" s="92"/>
      <c r="AX3676" s="92"/>
      <c r="AY3676" s="92"/>
      <c r="AZ3676" s="93"/>
      <c r="BA3676" s="93"/>
      <c r="BB3676" s="93"/>
      <c r="BC3676" s="93"/>
      <c r="BD3676" s="93"/>
      <c r="BE3676" s="93"/>
      <c r="BF3676" s="93"/>
      <c r="BG3676" s="93"/>
      <c r="BH3676" s="93"/>
      <c r="BI3676" s="93"/>
      <c r="BJ3676" s="93"/>
      <c r="BK3676" s="93"/>
      <c r="BL3676" s="93"/>
    </row>
    <row r="3677" spans="2:64" x14ac:dyDescent="0.2">
      <c r="B3677" s="43"/>
      <c r="C3677" s="73"/>
      <c r="D3677" s="64"/>
      <c r="E3677" s="55"/>
      <c r="F3677" s="74"/>
      <c r="G3677" s="74"/>
      <c r="H3677" s="74"/>
      <c r="I3677" s="75"/>
      <c r="J3677" s="74"/>
      <c r="L3677" s="55"/>
      <c r="M3677" s="234"/>
      <c r="N3677" s="65"/>
      <c r="O3677" s="76"/>
      <c r="P3677" s="76"/>
      <c r="Q3677" s="65"/>
      <c r="R3677" s="76"/>
      <c r="S3677" s="76"/>
      <c r="T3677" s="76"/>
      <c r="U3677" s="76"/>
      <c r="V3677" s="76"/>
      <c r="W3677" s="76"/>
      <c r="X3677" s="76"/>
      <c r="Y3677" s="76"/>
      <c r="Z3677" s="76"/>
      <c r="AA3677" s="85"/>
      <c r="AB3677" s="85"/>
      <c r="AC3677" s="85"/>
      <c r="AD3677" s="85"/>
      <c r="AE3677" s="85"/>
      <c r="AF3677" s="85"/>
      <c r="AG3677" s="86"/>
      <c r="AH3677" s="85"/>
      <c r="AI3677" s="85"/>
      <c r="AJ3677" s="85"/>
      <c r="AK3677" s="85"/>
      <c r="AL3677" s="85"/>
      <c r="AM3677" s="92"/>
      <c r="AN3677" s="92"/>
      <c r="AO3677" s="92"/>
      <c r="AP3677" s="92"/>
      <c r="AQ3677" s="92"/>
      <c r="AR3677" s="92"/>
      <c r="AS3677" s="92"/>
      <c r="AT3677" s="92"/>
      <c r="AU3677" s="92"/>
      <c r="AV3677" s="92"/>
      <c r="AW3677" s="92"/>
      <c r="AX3677" s="92"/>
      <c r="AY3677" s="92"/>
      <c r="AZ3677" s="93"/>
      <c r="BA3677" s="93"/>
      <c r="BB3677" s="93"/>
      <c r="BC3677" s="93"/>
      <c r="BD3677" s="93"/>
      <c r="BE3677" s="93"/>
      <c r="BF3677" s="93"/>
      <c r="BG3677" s="93"/>
      <c r="BH3677" s="93"/>
      <c r="BI3677" s="93"/>
      <c r="BJ3677" s="93"/>
      <c r="BK3677" s="93"/>
      <c r="BL3677" s="93"/>
    </row>
    <row r="3678" spans="2:64" x14ac:dyDescent="0.2">
      <c r="B3678" s="43"/>
      <c r="C3678" s="73"/>
      <c r="D3678" s="64"/>
      <c r="E3678" s="55"/>
      <c r="F3678" s="74"/>
      <c r="G3678" s="74"/>
      <c r="H3678" s="74"/>
      <c r="I3678" s="75"/>
      <c r="J3678" s="74"/>
      <c r="L3678" s="55"/>
      <c r="M3678" s="234"/>
      <c r="N3678" s="65"/>
      <c r="O3678" s="76"/>
      <c r="P3678" s="76"/>
      <c r="Q3678" s="65"/>
      <c r="R3678" s="76"/>
      <c r="S3678" s="76"/>
      <c r="T3678" s="76"/>
      <c r="U3678" s="76"/>
      <c r="V3678" s="76"/>
      <c r="W3678" s="76"/>
      <c r="X3678" s="76"/>
      <c r="Y3678" s="76"/>
      <c r="Z3678" s="76"/>
      <c r="AA3678" s="85"/>
      <c r="AB3678" s="85"/>
      <c r="AC3678" s="85"/>
      <c r="AD3678" s="85"/>
      <c r="AE3678" s="85"/>
      <c r="AF3678" s="85"/>
      <c r="AG3678" s="86"/>
      <c r="AH3678" s="85"/>
      <c r="AI3678" s="85"/>
      <c r="AJ3678" s="85"/>
      <c r="AK3678" s="85"/>
      <c r="AL3678" s="85"/>
      <c r="AM3678" s="92"/>
      <c r="AN3678" s="92"/>
      <c r="AO3678" s="92"/>
      <c r="AP3678" s="92"/>
      <c r="AQ3678" s="92"/>
      <c r="AR3678" s="92"/>
      <c r="AS3678" s="92"/>
      <c r="AT3678" s="92"/>
      <c r="AU3678" s="92"/>
      <c r="AV3678" s="92"/>
      <c r="AW3678" s="92"/>
      <c r="AX3678" s="92"/>
      <c r="AY3678" s="92"/>
      <c r="AZ3678" s="93"/>
      <c r="BA3678" s="93"/>
      <c r="BB3678" s="93"/>
      <c r="BC3678" s="93"/>
      <c r="BD3678" s="93"/>
      <c r="BE3678" s="93"/>
      <c r="BF3678" s="93"/>
      <c r="BG3678" s="93"/>
      <c r="BH3678" s="93"/>
      <c r="BI3678" s="93"/>
      <c r="BJ3678" s="93"/>
      <c r="BK3678" s="93"/>
      <c r="BL3678" s="93"/>
    </row>
    <row r="3679" spans="2:64" x14ac:dyDescent="0.2">
      <c r="B3679" s="43"/>
      <c r="C3679" s="73"/>
      <c r="D3679" s="64"/>
      <c r="E3679" s="55"/>
      <c r="F3679" s="74"/>
      <c r="G3679" s="74"/>
      <c r="H3679" s="74"/>
      <c r="I3679" s="75"/>
      <c r="J3679" s="74"/>
      <c r="L3679" s="55"/>
      <c r="M3679" s="234"/>
      <c r="N3679" s="65"/>
      <c r="O3679" s="76"/>
      <c r="P3679" s="76"/>
      <c r="Q3679" s="65"/>
      <c r="R3679" s="76"/>
      <c r="S3679" s="76"/>
      <c r="T3679" s="76"/>
      <c r="U3679" s="76"/>
      <c r="V3679" s="76"/>
      <c r="W3679" s="76"/>
      <c r="X3679" s="76"/>
      <c r="Y3679" s="76"/>
      <c r="Z3679" s="76"/>
      <c r="AA3679" s="85"/>
      <c r="AB3679" s="85"/>
      <c r="AC3679" s="85"/>
      <c r="AD3679" s="85"/>
      <c r="AE3679" s="85"/>
      <c r="AF3679" s="85"/>
      <c r="AG3679" s="86"/>
      <c r="AH3679" s="85"/>
      <c r="AI3679" s="85"/>
      <c r="AJ3679" s="85"/>
      <c r="AK3679" s="85"/>
      <c r="AL3679" s="85"/>
      <c r="AM3679" s="92"/>
      <c r="AN3679" s="92"/>
      <c r="AO3679" s="92"/>
      <c r="AP3679" s="92"/>
      <c r="AQ3679" s="92"/>
      <c r="AR3679" s="92"/>
      <c r="AS3679" s="92"/>
      <c r="AT3679" s="92"/>
      <c r="AU3679" s="92"/>
      <c r="AV3679" s="92"/>
      <c r="AW3679" s="92"/>
      <c r="AX3679" s="92"/>
      <c r="AY3679" s="92"/>
      <c r="AZ3679" s="93"/>
      <c r="BA3679" s="93"/>
      <c r="BB3679" s="93"/>
      <c r="BC3679" s="93"/>
      <c r="BD3679" s="93"/>
      <c r="BE3679" s="93"/>
      <c r="BF3679" s="93"/>
      <c r="BG3679" s="93"/>
      <c r="BH3679" s="93"/>
      <c r="BI3679" s="93"/>
      <c r="BJ3679" s="93"/>
      <c r="BK3679" s="93"/>
      <c r="BL3679" s="93"/>
    </row>
    <row r="3680" spans="2:64" x14ac:dyDescent="0.2">
      <c r="B3680" s="43"/>
      <c r="C3680" s="73"/>
      <c r="D3680" s="64"/>
      <c r="E3680" s="55"/>
      <c r="F3680" s="74"/>
      <c r="G3680" s="74"/>
      <c r="H3680" s="74"/>
      <c r="I3680" s="75"/>
      <c r="J3680" s="74"/>
      <c r="L3680" s="55"/>
      <c r="M3680" s="234"/>
      <c r="N3680" s="65"/>
      <c r="O3680" s="76"/>
      <c r="P3680" s="76"/>
      <c r="Q3680" s="65"/>
      <c r="R3680" s="76"/>
      <c r="S3680" s="76"/>
      <c r="T3680" s="76"/>
      <c r="U3680" s="76"/>
      <c r="V3680" s="76"/>
      <c r="W3680" s="76"/>
      <c r="X3680" s="76"/>
      <c r="Y3680" s="76"/>
      <c r="Z3680" s="76"/>
      <c r="AA3680" s="85"/>
      <c r="AB3680" s="85"/>
      <c r="AC3680" s="85"/>
      <c r="AD3680" s="85"/>
      <c r="AE3680" s="85"/>
      <c r="AF3680" s="85"/>
      <c r="AG3680" s="86"/>
      <c r="AH3680" s="85"/>
      <c r="AI3680" s="85"/>
      <c r="AJ3680" s="85"/>
      <c r="AK3680" s="85"/>
      <c r="AL3680" s="85"/>
      <c r="AM3680" s="92"/>
      <c r="AN3680" s="92"/>
      <c r="AO3680" s="92"/>
      <c r="AP3680" s="92"/>
      <c r="AQ3680" s="92"/>
      <c r="AR3680" s="92"/>
      <c r="AS3680" s="92"/>
      <c r="AT3680" s="92"/>
      <c r="AU3680" s="92"/>
      <c r="AV3680" s="92"/>
      <c r="AW3680" s="92"/>
      <c r="AX3680" s="92"/>
      <c r="AY3680" s="92"/>
      <c r="AZ3680" s="93"/>
      <c r="BA3680" s="93"/>
      <c r="BB3680" s="93"/>
      <c r="BC3680" s="93"/>
      <c r="BD3680" s="93"/>
      <c r="BE3680" s="93"/>
      <c r="BF3680" s="93"/>
      <c r="BG3680" s="93"/>
      <c r="BH3680" s="93"/>
      <c r="BI3680" s="93"/>
      <c r="BJ3680" s="93"/>
      <c r="BK3680" s="93"/>
      <c r="BL3680" s="93"/>
    </row>
    <row r="3681" spans="2:64" x14ac:dyDescent="0.2">
      <c r="B3681" s="43"/>
      <c r="C3681" s="73"/>
      <c r="D3681" s="64"/>
      <c r="E3681" s="55"/>
      <c r="F3681" s="74"/>
      <c r="G3681" s="74"/>
      <c r="H3681" s="74"/>
      <c r="I3681" s="75"/>
      <c r="J3681" s="74"/>
      <c r="L3681" s="55"/>
      <c r="M3681" s="234"/>
      <c r="N3681" s="65"/>
      <c r="O3681" s="76"/>
      <c r="P3681" s="76"/>
      <c r="Q3681" s="65"/>
      <c r="R3681" s="76"/>
      <c r="S3681" s="76"/>
      <c r="T3681" s="76"/>
      <c r="U3681" s="76"/>
      <c r="V3681" s="76"/>
      <c r="W3681" s="76"/>
      <c r="X3681" s="76"/>
      <c r="Y3681" s="76"/>
      <c r="Z3681" s="76"/>
      <c r="AA3681" s="85"/>
      <c r="AB3681" s="85"/>
      <c r="AC3681" s="85"/>
      <c r="AD3681" s="85"/>
      <c r="AE3681" s="85"/>
      <c r="AF3681" s="85"/>
      <c r="AG3681" s="86"/>
      <c r="AH3681" s="85"/>
      <c r="AI3681" s="85"/>
      <c r="AJ3681" s="85"/>
      <c r="AK3681" s="85"/>
      <c r="AL3681" s="85"/>
      <c r="AM3681" s="92"/>
      <c r="AN3681" s="92"/>
      <c r="AO3681" s="92"/>
      <c r="AP3681" s="92"/>
      <c r="AQ3681" s="92"/>
      <c r="AR3681" s="92"/>
      <c r="AS3681" s="92"/>
      <c r="AT3681" s="92"/>
      <c r="AU3681" s="92"/>
      <c r="AV3681" s="92"/>
      <c r="AW3681" s="92"/>
      <c r="AX3681" s="92"/>
      <c r="AY3681" s="92"/>
      <c r="AZ3681" s="93"/>
      <c r="BA3681" s="93"/>
      <c r="BB3681" s="93"/>
      <c r="BC3681" s="93"/>
      <c r="BD3681" s="93"/>
      <c r="BE3681" s="93"/>
      <c r="BF3681" s="93"/>
      <c r="BG3681" s="93"/>
      <c r="BH3681" s="93"/>
      <c r="BI3681" s="93"/>
      <c r="BJ3681" s="93"/>
      <c r="BK3681" s="93"/>
      <c r="BL3681" s="93"/>
    </row>
    <row r="3682" spans="2:64" x14ac:dyDescent="0.2">
      <c r="B3682" s="43"/>
      <c r="C3682" s="73"/>
      <c r="D3682" s="64"/>
      <c r="E3682" s="55"/>
      <c r="F3682" s="74"/>
      <c r="G3682" s="74"/>
      <c r="H3682" s="74"/>
      <c r="I3682" s="75"/>
      <c r="J3682" s="74"/>
      <c r="L3682" s="55"/>
      <c r="M3682" s="234"/>
      <c r="N3682" s="65"/>
      <c r="O3682" s="76"/>
      <c r="P3682" s="76"/>
      <c r="Q3682" s="65"/>
      <c r="R3682" s="76"/>
      <c r="S3682" s="76"/>
      <c r="T3682" s="76"/>
      <c r="U3682" s="76"/>
      <c r="V3682" s="76"/>
      <c r="W3682" s="76"/>
      <c r="X3682" s="76"/>
      <c r="Y3682" s="76"/>
      <c r="Z3682" s="76"/>
      <c r="AA3682" s="85"/>
      <c r="AB3682" s="85"/>
      <c r="AC3682" s="85"/>
      <c r="AD3682" s="85"/>
      <c r="AE3682" s="85"/>
      <c r="AF3682" s="85"/>
      <c r="AG3682" s="86"/>
      <c r="AH3682" s="85"/>
      <c r="AI3682" s="85"/>
      <c r="AJ3682" s="85"/>
      <c r="AK3682" s="85"/>
      <c r="AL3682" s="85"/>
      <c r="AM3682" s="92"/>
      <c r="AN3682" s="92"/>
      <c r="AO3682" s="92"/>
      <c r="AP3682" s="92"/>
      <c r="AQ3682" s="92"/>
      <c r="AR3682" s="92"/>
      <c r="AS3682" s="92"/>
      <c r="AT3682" s="92"/>
      <c r="AU3682" s="92"/>
      <c r="AV3682" s="92"/>
      <c r="AW3682" s="92"/>
      <c r="AX3682" s="92"/>
      <c r="AY3682" s="92"/>
      <c r="AZ3682" s="93"/>
      <c r="BA3682" s="93"/>
      <c r="BB3682" s="93"/>
      <c r="BC3682" s="93"/>
      <c r="BD3682" s="93"/>
      <c r="BE3682" s="93"/>
      <c r="BF3682" s="93"/>
      <c r="BG3682" s="93"/>
      <c r="BH3682" s="93"/>
      <c r="BI3682" s="93"/>
      <c r="BJ3682" s="93"/>
      <c r="BK3682" s="93"/>
      <c r="BL3682" s="93"/>
    </row>
    <row r="3683" spans="2:64" x14ac:dyDescent="0.2">
      <c r="B3683" s="43"/>
      <c r="C3683" s="73"/>
      <c r="D3683" s="64"/>
      <c r="E3683" s="55"/>
      <c r="F3683" s="74"/>
      <c r="G3683" s="74"/>
      <c r="H3683" s="74"/>
      <c r="I3683" s="75"/>
      <c r="J3683" s="74"/>
      <c r="L3683" s="55"/>
      <c r="M3683" s="234"/>
      <c r="N3683" s="65"/>
      <c r="O3683" s="76"/>
      <c r="P3683" s="76"/>
      <c r="Q3683" s="65"/>
      <c r="R3683" s="76"/>
      <c r="S3683" s="76"/>
      <c r="T3683" s="76"/>
      <c r="U3683" s="76"/>
      <c r="V3683" s="76"/>
      <c r="W3683" s="76"/>
      <c r="X3683" s="76"/>
      <c r="Y3683" s="76"/>
      <c r="Z3683" s="76"/>
      <c r="AA3683" s="85"/>
      <c r="AB3683" s="85"/>
      <c r="AC3683" s="85"/>
      <c r="AD3683" s="85"/>
      <c r="AE3683" s="85"/>
      <c r="AF3683" s="85"/>
      <c r="AG3683" s="86"/>
      <c r="AH3683" s="85"/>
      <c r="AI3683" s="85"/>
      <c r="AJ3683" s="85"/>
      <c r="AK3683" s="85"/>
      <c r="AL3683" s="85"/>
      <c r="AM3683" s="92"/>
      <c r="AN3683" s="92"/>
      <c r="AO3683" s="92"/>
      <c r="AP3683" s="92"/>
      <c r="AQ3683" s="92"/>
      <c r="AR3683" s="92"/>
      <c r="AS3683" s="92"/>
      <c r="AT3683" s="92"/>
      <c r="AU3683" s="92"/>
      <c r="AV3683" s="92"/>
      <c r="AW3683" s="92"/>
      <c r="AX3683" s="92"/>
      <c r="AY3683" s="92"/>
      <c r="AZ3683" s="93"/>
      <c r="BA3683" s="93"/>
      <c r="BB3683" s="93"/>
      <c r="BC3683" s="93"/>
      <c r="BD3683" s="93"/>
      <c r="BE3683" s="93"/>
      <c r="BF3683" s="93"/>
      <c r="BG3683" s="93"/>
      <c r="BH3683" s="93"/>
      <c r="BI3683" s="93"/>
      <c r="BJ3683" s="93"/>
      <c r="BK3683" s="93"/>
      <c r="BL3683" s="93"/>
    </row>
    <row r="3684" spans="2:64" x14ac:dyDescent="0.2">
      <c r="B3684" s="43"/>
      <c r="C3684" s="73"/>
      <c r="D3684" s="64"/>
      <c r="E3684" s="55"/>
      <c r="F3684" s="74"/>
      <c r="G3684" s="74"/>
      <c r="H3684" s="74"/>
      <c r="I3684" s="75"/>
      <c r="J3684" s="74"/>
      <c r="L3684" s="55"/>
      <c r="M3684" s="234"/>
      <c r="N3684" s="65"/>
      <c r="O3684" s="76"/>
      <c r="P3684" s="76"/>
      <c r="Q3684" s="65"/>
      <c r="R3684" s="76"/>
      <c r="S3684" s="76"/>
      <c r="T3684" s="76"/>
      <c r="U3684" s="76"/>
      <c r="V3684" s="76"/>
      <c r="W3684" s="76"/>
      <c r="X3684" s="76"/>
      <c r="Y3684" s="76"/>
      <c r="Z3684" s="76"/>
      <c r="AA3684" s="85"/>
      <c r="AB3684" s="85"/>
      <c r="AC3684" s="85"/>
      <c r="AD3684" s="85"/>
      <c r="AE3684" s="85"/>
      <c r="AF3684" s="85"/>
      <c r="AG3684" s="86"/>
      <c r="AH3684" s="85"/>
      <c r="AI3684" s="85"/>
      <c r="AJ3684" s="85"/>
      <c r="AK3684" s="85"/>
      <c r="AL3684" s="85"/>
      <c r="AM3684" s="92"/>
      <c r="AN3684" s="92"/>
      <c r="AO3684" s="92"/>
      <c r="AP3684" s="92"/>
      <c r="AQ3684" s="92"/>
      <c r="AR3684" s="92"/>
      <c r="AS3684" s="92"/>
      <c r="AT3684" s="92"/>
      <c r="AU3684" s="92"/>
      <c r="AV3684" s="92"/>
      <c r="AW3684" s="92"/>
      <c r="AX3684" s="92"/>
      <c r="AY3684" s="92"/>
      <c r="AZ3684" s="93"/>
      <c r="BA3684" s="93"/>
      <c r="BB3684" s="93"/>
      <c r="BC3684" s="93"/>
      <c r="BD3684" s="93"/>
      <c r="BE3684" s="93"/>
      <c r="BF3684" s="93"/>
      <c r="BG3684" s="93"/>
      <c r="BH3684" s="93"/>
      <c r="BI3684" s="93"/>
      <c r="BJ3684" s="93"/>
      <c r="BK3684" s="93"/>
      <c r="BL3684" s="93"/>
    </row>
    <row r="3685" spans="2:64" x14ac:dyDescent="0.2">
      <c r="B3685" s="43"/>
      <c r="C3685" s="73"/>
      <c r="D3685" s="64"/>
      <c r="E3685" s="55"/>
      <c r="F3685" s="74"/>
      <c r="G3685" s="74"/>
      <c r="H3685" s="74"/>
      <c r="I3685" s="75"/>
      <c r="J3685" s="74"/>
      <c r="L3685" s="55"/>
      <c r="M3685" s="234"/>
      <c r="N3685" s="65"/>
      <c r="O3685" s="76"/>
      <c r="P3685" s="76"/>
      <c r="Q3685" s="65"/>
      <c r="R3685" s="76"/>
      <c r="S3685" s="76"/>
      <c r="T3685" s="76"/>
      <c r="U3685" s="76"/>
      <c r="V3685" s="76"/>
      <c r="W3685" s="76"/>
      <c r="X3685" s="76"/>
      <c r="Y3685" s="76"/>
      <c r="Z3685" s="76"/>
      <c r="AA3685" s="85"/>
      <c r="AB3685" s="85"/>
      <c r="AC3685" s="85"/>
      <c r="AD3685" s="85"/>
      <c r="AE3685" s="85"/>
      <c r="AF3685" s="85"/>
      <c r="AG3685" s="86"/>
      <c r="AH3685" s="85"/>
      <c r="AI3685" s="85"/>
      <c r="AJ3685" s="85"/>
      <c r="AK3685" s="85"/>
      <c r="AL3685" s="85"/>
      <c r="AM3685" s="92"/>
      <c r="AN3685" s="92"/>
      <c r="AO3685" s="92"/>
      <c r="AP3685" s="92"/>
      <c r="AQ3685" s="92"/>
      <c r="AR3685" s="92"/>
      <c r="AS3685" s="92"/>
      <c r="AT3685" s="92"/>
      <c r="AU3685" s="92"/>
      <c r="AV3685" s="92"/>
      <c r="AW3685" s="92"/>
      <c r="AX3685" s="92"/>
      <c r="AY3685" s="92"/>
      <c r="AZ3685" s="93"/>
      <c r="BA3685" s="93"/>
      <c r="BB3685" s="93"/>
      <c r="BC3685" s="93"/>
      <c r="BD3685" s="93"/>
      <c r="BE3685" s="93"/>
      <c r="BF3685" s="93"/>
      <c r="BG3685" s="93"/>
      <c r="BH3685" s="93"/>
      <c r="BI3685" s="93"/>
      <c r="BJ3685" s="93"/>
      <c r="BK3685" s="93"/>
      <c r="BL3685" s="93"/>
    </row>
    <row r="3686" spans="2:64" x14ac:dyDescent="0.2">
      <c r="B3686" s="43"/>
      <c r="C3686" s="73"/>
      <c r="D3686" s="64"/>
      <c r="E3686" s="55"/>
      <c r="F3686" s="74"/>
      <c r="G3686" s="74"/>
      <c r="H3686" s="74"/>
      <c r="I3686" s="75"/>
      <c r="J3686" s="74"/>
      <c r="L3686" s="55"/>
      <c r="M3686" s="234"/>
      <c r="N3686" s="65"/>
      <c r="O3686" s="76"/>
      <c r="P3686" s="76"/>
      <c r="Q3686" s="65"/>
      <c r="R3686" s="76"/>
      <c r="S3686" s="76"/>
      <c r="T3686" s="76"/>
      <c r="U3686" s="76"/>
      <c r="V3686" s="76"/>
      <c r="W3686" s="76"/>
      <c r="X3686" s="76"/>
      <c r="Y3686" s="76"/>
      <c r="Z3686" s="76"/>
      <c r="AA3686" s="85"/>
      <c r="AB3686" s="85"/>
      <c r="AC3686" s="85"/>
      <c r="AD3686" s="85"/>
      <c r="AE3686" s="85"/>
      <c r="AF3686" s="85"/>
      <c r="AG3686" s="86"/>
      <c r="AH3686" s="85"/>
      <c r="AI3686" s="85"/>
      <c r="AJ3686" s="85"/>
      <c r="AK3686" s="85"/>
      <c r="AL3686" s="85"/>
      <c r="AM3686" s="92"/>
      <c r="AN3686" s="92"/>
      <c r="AO3686" s="92"/>
      <c r="AP3686" s="92"/>
      <c r="AQ3686" s="92"/>
      <c r="AR3686" s="92"/>
      <c r="AS3686" s="92"/>
      <c r="AT3686" s="92"/>
      <c r="AU3686" s="92"/>
      <c r="AV3686" s="92"/>
      <c r="AW3686" s="92"/>
      <c r="AX3686" s="92"/>
      <c r="AY3686" s="92"/>
      <c r="AZ3686" s="93"/>
      <c r="BA3686" s="93"/>
      <c r="BB3686" s="93"/>
      <c r="BC3686" s="93"/>
      <c r="BD3686" s="93"/>
      <c r="BE3686" s="93"/>
      <c r="BF3686" s="93"/>
      <c r="BG3686" s="93"/>
      <c r="BH3686" s="93"/>
      <c r="BI3686" s="93"/>
      <c r="BJ3686" s="93"/>
      <c r="BK3686" s="93"/>
      <c r="BL3686" s="93"/>
    </row>
    <row r="3687" spans="2:64" x14ac:dyDescent="0.2">
      <c r="B3687" s="43"/>
      <c r="C3687" s="73"/>
      <c r="D3687" s="64"/>
      <c r="E3687" s="55"/>
      <c r="F3687" s="74"/>
      <c r="G3687" s="74"/>
      <c r="H3687" s="74"/>
      <c r="I3687" s="75"/>
      <c r="J3687" s="74"/>
      <c r="L3687" s="55"/>
      <c r="M3687" s="234"/>
      <c r="N3687" s="65"/>
      <c r="O3687" s="76"/>
      <c r="P3687" s="76"/>
      <c r="Q3687" s="65"/>
      <c r="R3687" s="76"/>
      <c r="S3687" s="76"/>
      <c r="T3687" s="76"/>
      <c r="U3687" s="76"/>
      <c r="V3687" s="76"/>
      <c r="W3687" s="76"/>
      <c r="X3687" s="76"/>
      <c r="Y3687" s="76"/>
      <c r="Z3687" s="76"/>
      <c r="AA3687" s="85"/>
      <c r="AB3687" s="85"/>
      <c r="AC3687" s="85"/>
      <c r="AD3687" s="85"/>
      <c r="AE3687" s="85"/>
      <c r="AF3687" s="85"/>
      <c r="AG3687" s="86"/>
      <c r="AH3687" s="85"/>
      <c r="AI3687" s="85"/>
      <c r="AJ3687" s="85"/>
      <c r="AK3687" s="85"/>
      <c r="AL3687" s="85"/>
      <c r="AM3687" s="92"/>
      <c r="AN3687" s="92"/>
      <c r="AO3687" s="92"/>
      <c r="AP3687" s="92"/>
      <c r="AQ3687" s="92"/>
      <c r="AR3687" s="92"/>
      <c r="AS3687" s="92"/>
      <c r="AT3687" s="92"/>
      <c r="AU3687" s="92"/>
      <c r="AV3687" s="92"/>
      <c r="AW3687" s="92"/>
      <c r="AX3687" s="92"/>
      <c r="AY3687" s="92"/>
      <c r="AZ3687" s="93"/>
      <c r="BA3687" s="93"/>
      <c r="BB3687" s="93"/>
      <c r="BC3687" s="93"/>
      <c r="BD3687" s="93"/>
      <c r="BE3687" s="93"/>
      <c r="BF3687" s="93"/>
      <c r="BG3687" s="93"/>
      <c r="BH3687" s="93"/>
      <c r="BI3687" s="93"/>
      <c r="BJ3687" s="93"/>
      <c r="BK3687" s="93"/>
      <c r="BL3687" s="93"/>
    </row>
    <row r="3688" spans="2:64" x14ac:dyDescent="0.2">
      <c r="B3688" s="43"/>
      <c r="C3688" s="73"/>
      <c r="D3688" s="64"/>
      <c r="E3688" s="55"/>
      <c r="F3688" s="74"/>
      <c r="G3688" s="74"/>
      <c r="H3688" s="74"/>
      <c r="I3688" s="75"/>
      <c r="J3688" s="74"/>
      <c r="L3688" s="55"/>
      <c r="M3688" s="234"/>
      <c r="N3688" s="65"/>
      <c r="O3688" s="76"/>
      <c r="P3688" s="76"/>
      <c r="Q3688" s="65"/>
      <c r="R3688" s="76"/>
      <c r="S3688" s="76"/>
      <c r="T3688" s="76"/>
      <c r="U3688" s="76"/>
      <c r="V3688" s="76"/>
      <c r="W3688" s="76"/>
      <c r="X3688" s="76"/>
      <c r="Y3688" s="76"/>
      <c r="Z3688" s="76"/>
      <c r="AA3688" s="85"/>
      <c r="AB3688" s="85"/>
      <c r="AC3688" s="85"/>
      <c r="AD3688" s="85"/>
      <c r="AE3688" s="85"/>
      <c r="AF3688" s="85"/>
      <c r="AG3688" s="86"/>
      <c r="AH3688" s="85"/>
      <c r="AI3688" s="85"/>
      <c r="AJ3688" s="85"/>
      <c r="AK3688" s="85"/>
      <c r="AL3688" s="85"/>
      <c r="AM3688" s="92"/>
      <c r="AN3688" s="92"/>
      <c r="AO3688" s="92"/>
      <c r="AP3688" s="92"/>
      <c r="AQ3688" s="92"/>
      <c r="AR3688" s="92"/>
      <c r="AS3688" s="92"/>
      <c r="AT3688" s="92"/>
      <c r="AU3688" s="92"/>
      <c r="AV3688" s="92"/>
      <c r="AW3688" s="92"/>
      <c r="AX3688" s="92"/>
      <c r="AY3688" s="92"/>
      <c r="AZ3688" s="93"/>
      <c r="BA3688" s="93"/>
      <c r="BB3688" s="93"/>
      <c r="BC3688" s="93"/>
      <c r="BD3688" s="93"/>
      <c r="BE3688" s="93"/>
      <c r="BF3688" s="93"/>
      <c r="BG3688" s="93"/>
      <c r="BH3688" s="93"/>
      <c r="BI3688" s="93"/>
      <c r="BJ3688" s="93"/>
      <c r="BK3688" s="93"/>
      <c r="BL3688" s="93"/>
    </row>
    <row r="3689" spans="2:64" x14ac:dyDescent="0.2">
      <c r="B3689" s="43"/>
      <c r="C3689" s="73"/>
      <c r="D3689" s="64"/>
      <c r="E3689" s="55"/>
      <c r="F3689" s="74"/>
      <c r="G3689" s="74"/>
      <c r="H3689" s="74"/>
      <c r="I3689" s="75"/>
      <c r="J3689" s="74"/>
      <c r="L3689" s="55"/>
      <c r="M3689" s="234"/>
      <c r="N3689" s="65"/>
      <c r="O3689" s="76"/>
      <c r="P3689" s="76"/>
      <c r="Q3689" s="65"/>
      <c r="R3689" s="76"/>
      <c r="S3689" s="76"/>
      <c r="T3689" s="76"/>
      <c r="U3689" s="76"/>
      <c r="V3689" s="76"/>
      <c r="W3689" s="76"/>
      <c r="X3689" s="76"/>
      <c r="Y3689" s="76"/>
      <c r="Z3689" s="76"/>
      <c r="AA3689" s="85"/>
      <c r="AB3689" s="85"/>
      <c r="AC3689" s="85"/>
      <c r="AD3689" s="85"/>
      <c r="AE3689" s="85"/>
      <c r="AF3689" s="85"/>
      <c r="AG3689" s="86"/>
      <c r="AH3689" s="85"/>
      <c r="AI3689" s="85"/>
      <c r="AJ3689" s="85"/>
      <c r="AK3689" s="85"/>
      <c r="AL3689" s="85"/>
      <c r="AM3689" s="92"/>
      <c r="AN3689" s="92"/>
      <c r="AO3689" s="92"/>
      <c r="AP3689" s="92"/>
      <c r="AQ3689" s="92"/>
      <c r="AR3689" s="92"/>
      <c r="AS3689" s="92"/>
      <c r="AT3689" s="92"/>
      <c r="AU3689" s="92"/>
      <c r="AV3689" s="92"/>
      <c r="AW3689" s="92"/>
      <c r="AX3689" s="92"/>
      <c r="AY3689" s="92"/>
      <c r="AZ3689" s="93"/>
      <c r="BA3689" s="93"/>
      <c r="BB3689" s="93"/>
      <c r="BC3689" s="93"/>
      <c r="BD3689" s="93"/>
      <c r="BE3689" s="93"/>
      <c r="BF3689" s="93"/>
      <c r="BG3689" s="93"/>
      <c r="BH3689" s="93"/>
      <c r="BI3689" s="93"/>
      <c r="BJ3689" s="93"/>
      <c r="BK3689" s="93"/>
      <c r="BL3689" s="93"/>
    </row>
    <row r="3690" spans="2:64" x14ac:dyDescent="0.2">
      <c r="B3690" s="43"/>
      <c r="C3690" s="73"/>
      <c r="D3690" s="64"/>
      <c r="E3690" s="55"/>
      <c r="F3690" s="74"/>
      <c r="G3690" s="74"/>
      <c r="H3690" s="74"/>
      <c r="I3690" s="75"/>
      <c r="J3690" s="74"/>
      <c r="L3690" s="55"/>
      <c r="M3690" s="234"/>
      <c r="N3690" s="65"/>
      <c r="O3690" s="76"/>
      <c r="P3690" s="76"/>
      <c r="Q3690" s="65"/>
      <c r="R3690" s="76"/>
      <c r="S3690" s="76"/>
      <c r="T3690" s="76"/>
      <c r="U3690" s="76"/>
      <c r="V3690" s="76"/>
      <c r="W3690" s="76"/>
      <c r="X3690" s="76"/>
      <c r="Y3690" s="76"/>
      <c r="Z3690" s="76"/>
      <c r="AA3690" s="85"/>
      <c r="AB3690" s="85"/>
      <c r="AC3690" s="85"/>
      <c r="AD3690" s="85"/>
      <c r="AE3690" s="85"/>
      <c r="AF3690" s="85"/>
      <c r="AG3690" s="86"/>
      <c r="AH3690" s="85"/>
      <c r="AI3690" s="85"/>
      <c r="AJ3690" s="85"/>
      <c r="AK3690" s="85"/>
      <c r="AL3690" s="85"/>
      <c r="AM3690" s="92"/>
      <c r="AN3690" s="92"/>
      <c r="AO3690" s="92"/>
      <c r="AP3690" s="92"/>
      <c r="AQ3690" s="92"/>
      <c r="AR3690" s="92"/>
      <c r="AS3690" s="92"/>
      <c r="AT3690" s="92"/>
      <c r="AU3690" s="92"/>
      <c r="AV3690" s="92"/>
      <c r="AW3690" s="92"/>
      <c r="AX3690" s="92"/>
      <c r="AY3690" s="92"/>
      <c r="AZ3690" s="93"/>
      <c r="BA3690" s="93"/>
      <c r="BB3690" s="93"/>
      <c r="BC3690" s="93"/>
      <c r="BD3690" s="93"/>
      <c r="BE3690" s="93"/>
      <c r="BF3690" s="93"/>
      <c r="BG3690" s="93"/>
      <c r="BH3690" s="93"/>
      <c r="BI3690" s="93"/>
      <c r="BJ3690" s="93"/>
      <c r="BK3690" s="93"/>
      <c r="BL3690" s="93"/>
    </row>
    <row r="3691" spans="2:64" x14ac:dyDescent="0.2">
      <c r="B3691" s="43"/>
      <c r="C3691" s="73"/>
      <c r="D3691" s="64"/>
      <c r="E3691" s="55"/>
      <c r="F3691" s="74"/>
      <c r="G3691" s="74"/>
      <c r="H3691" s="74"/>
      <c r="I3691" s="75"/>
      <c r="J3691" s="74"/>
      <c r="L3691" s="55"/>
      <c r="M3691" s="234"/>
      <c r="N3691" s="65"/>
      <c r="O3691" s="76"/>
      <c r="P3691" s="76"/>
      <c r="Q3691" s="65"/>
      <c r="R3691" s="76"/>
      <c r="S3691" s="76"/>
      <c r="T3691" s="76"/>
      <c r="U3691" s="76"/>
      <c r="V3691" s="76"/>
      <c r="W3691" s="76"/>
      <c r="X3691" s="76"/>
      <c r="Y3691" s="76"/>
      <c r="Z3691" s="76"/>
      <c r="AA3691" s="85"/>
      <c r="AB3691" s="85"/>
      <c r="AC3691" s="85"/>
      <c r="AD3691" s="85"/>
      <c r="AE3691" s="85"/>
      <c r="AF3691" s="85"/>
      <c r="AG3691" s="86"/>
      <c r="AH3691" s="85"/>
      <c r="AI3691" s="85"/>
      <c r="AJ3691" s="85"/>
      <c r="AK3691" s="85"/>
      <c r="AL3691" s="85"/>
      <c r="AM3691" s="92"/>
      <c r="AN3691" s="92"/>
      <c r="AO3691" s="92"/>
      <c r="AP3691" s="92"/>
      <c r="AQ3691" s="92"/>
      <c r="AR3691" s="92"/>
      <c r="AS3691" s="92"/>
      <c r="AT3691" s="92"/>
      <c r="AU3691" s="92"/>
      <c r="AV3691" s="92"/>
      <c r="AW3691" s="92"/>
      <c r="AX3691" s="92"/>
      <c r="AY3691" s="92"/>
      <c r="AZ3691" s="93"/>
      <c r="BA3691" s="93"/>
      <c r="BB3691" s="93"/>
      <c r="BC3691" s="93"/>
      <c r="BD3691" s="93"/>
      <c r="BE3691" s="93"/>
      <c r="BF3691" s="93"/>
      <c r="BG3691" s="93"/>
      <c r="BH3691" s="93"/>
      <c r="BI3691" s="93"/>
      <c r="BJ3691" s="93"/>
      <c r="BK3691" s="93"/>
      <c r="BL3691" s="93"/>
    </row>
    <row r="3692" spans="2:64" x14ac:dyDescent="0.2">
      <c r="B3692" s="43"/>
      <c r="C3692" s="73"/>
      <c r="D3692" s="64"/>
      <c r="E3692" s="55"/>
      <c r="F3692" s="74"/>
      <c r="G3692" s="74"/>
      <c r="H3692" s="74"/>
      <c r="I3692" s="75"/>
      <c r="J3692" s="74"/>
      <c r="L3692" s="55"/>
      <c r="M3692" s="234"/>
      <c r="N3692" s="65"/>
      <c r="O3692" s="76"/>
      <c r="P3692" s="76"/>
      <c r="Q3692" s="65"/>
      <c r="R3692" s="76"/>
      <c r="S3692" s="76"/>
      <c r="T3692" s="76"/>
      <c r="U3692" s="76"/>
      <c r="V3692" s="76"/>
      <c r="W3692" s="76"/>
      <c r="X3692" s="76"/>
      <c r="Y3692" s="76"/>
      <c r="Z3692" s="76"/>
      <c r="AA3692" s="85"/>
      <c r="AB3692" s="85"/>
      <c r="AC3692" s="85"/>
      <c r="AD3692" s="85"/>
      <c r="AE3692" s="85"/>
      <c r="AF3692" s="85"/>
      <c r="AG3692" s="86"/>
      <c r="AH3692" s="85"/>
      <c r="AI3692" s="85"/>
      <c r="AJ3692" s="85"/>
      <c r="AK3692" s="85"/>
      <c r="AL3692" s="85"/>
      <c r="AM3692" s="92"/>
      <c r="AN3692" s="92"/>
      <c r="AO3692" s="92"/>
      <c r="AP3692" s="92"/>
      <c r="AQ3692" s="92"/>
      <c r="AR3692" s="92"/>
      <c r="AS3692" s="92"/>
      <c r="AT3692" s="92"/>
      <c r="AU3692" s="92"/>
      <c r="AV3692" s="92"/>
      <c r="AW3692" s="92"/>
      <c r="AX3692" s="92"/>
      <c r="AY3692" s="92"/>
      <c r="AZ3692" s="93"/>
      <c r="BA3692" s="93"/>
      <c r="BB3692" s="93"/>
      <c r="BC3692" s="93"/>
      <c r="BD3692" s="93"/>
      <c r="BE3692" s="93"/>
      <c r="BF3692" s="93"/>
      <c r="BG3692" s="93"/>
      <c r="BH3692" s="93"/>
      <c r="BI3692" s="93"/>
      <c r="BJ3692" s="93"/>
      <c r="BK3692" s="93"/>
      <c r="BL3692" s="93"/>
    </row>
    <row r="3693" spans="2:64" x14ac:dyDescent="0.2">
      <c r="B3693" s="43"/>
      <c r="C3693" s="73"/>
      <c r="D3693" s="64"/>
      <c r="E3693" s="55"/>
      <c r="F3693" s="74"/>
      <c r="G3693" s="74"/>
      <c r="H3693" s="74"/>
      <c r="I3693" s="75"/>
      <c r="J3693" s="74"/>
      <c r="L3693" s="55"/>
      <c r="M3693" s="234"/>
      <c r="N3693" s="65"/>
      <c r="O3693" s="76"/>
      <c r="P3693" s="76"/>
      <c r="Q3693" s="65"/>
      <c r="R3693" s="76"/>
      <c r="S3693" s="76"/>
      <c r="T3693" s="76"/>
      <c r="U3693" s="76"/>
      <c r="V3693" s="76"/>
      <c r="W3693" s="76"/>
      <c r="X3693" s="76"/>
      <c r="Y3693" s="76"/>
      <c r="Z3693" s="76"/>
      <c r="AA3693" s="85"/>
      <c r="AB3693" s="85"/>
      <c r="AC3693" s="85"/>
      <c r="AD3693" s="85"/>
      <c r="AE3693" s="85"/>
      <c r="AF3693" s="85"/>
      <c r="AG3693" s="86"/>
      <c r="AH3693" s="85"/>
      <c r="AI3693" s="85"/>
      <c r="AJ3693" s="85"/>
      <c r="AK3693" s="85"/>
      <c r="AL3693" s="85"/>
      <c r="AM3693" s="92"/>
      <c r="AN3693" s="92"/>
      <c r="AO3693" s="92"/>
      <c r="AP3693" s="92"/>
      <c r="AQ3693" s="92"/>
      <c r="AR3693" s="92"/>
      <c r="AS3693" s="92"/>
      <c r="AT3693" s="92"/>
      <c r="AU3693" s="92"/>
      <c r="AV3693" s="92"/>
      <c r="AW3693" s="92"/>
      <c r="AX3693" s="92"/>
      <c r="AY3693" s="92"/>
      <c r="AZ3693" s="93"/>
      <c r="BA3693" s="93"/>
      <c r="BB3693" s="93"/>
      <c r="BC3693" s="93"/>
      <c r="BD3693" s="93"/>
      <c r="BE3693" s="93"/>
      <c r="BF3693" s="93"/>
      <c r="BG3693" s="93"/>
      <c r="BH3693" s="93"/>
      <c r="BI3693" s="93"/>
      <c r="BJ3693" s="93"/>
      <c r="BK3693" s="93"/>
      <c r="BL3693" s="93"/>
    </row>
    <row r="3694" spans="2:64" x14ac:dyDescent="0.2">
      <c r="B3694" s="43"/>
      <c r="C3694" s="73"/>
      <c r="D3694" s="64"/>
      <c r="E3694" s="55"/>
      <c r="F3694" s="74"/>
      <c r="G3694" s="74"/>
      <c r="H3694" s="74"/>
      <c r="I3694" s="75"/>
      <c r="J3694" s="74"/>
      <c r="L3694" s="55"/>
      <c r="M3694" s="234"/>
      <c r="N3694" s="65"/>
      <c r="O3694" s="76"/>
      <c r="P3694" s="76"/>
      <c r="Q3694" s="65"/>
      <c r="R3694" s="76"/>
      <c r="S3694" s="76"/>
      <c r="T3694" s="76"/>
      <c r="U3694" s="76"/>
      <c r="V3694" s="76"/>
      <c r="W3694" s="76"/>
      <c r="X3694" s="76"/>
      <c r="Y3694" s="76"/>
      <c r="Z3694" s="76"/>
      <c r="AA3694" s="85"/>
      <c r="AB3694" s="85"/>
      <c r="AC3694" s="85"/>
      <c r="AD3694" s="85"/>
      <c r="AE3694" s="85"/>
      <c r="AF3694" s="85"/>
      <c r="AG3694" s="86"/>
      <c r="AH3694" s="85"/>
      <c r="AI3694" s="85"/>
      <c r="AJ3694" s="85"/>
      <c r="AK3694" s="85"/>
      <c r="AL3694" s="85"/>
      <c r="AM3694" s="92"/>
      <c r="AN3694" s="92"/>
      <c r="AO3694" s="92"/>
      <c r="AP3694" s="92"/>
      <c r="AQ3694" s="92"/>
      <c r="AR3694" s="92"/>
      <c r="AS3694" s="92"/>
      <c r="AT3694" s="92"/>
      <c r="AU3694" s="92"/>
      <c r="AV3694" s="92"/>
      <c r="AW3694" s="92"/>
      <c r="AX3694" s="92"/>
      <c r="AY3694" s="92"/>
      <c r="AZ3694" s="93"/>
      <c r="BA3694" s="93"/>
      <c r="BB3694" s="93"/>
      <c r="BC3694" s="93"/>
      <c r="BD3694" s="93"/>
      <c r="BE3694" s="93"/>
      <c r="BF3694" s="93"/>
      <c r="BG3694" s="93"/>
      <c r="BH3694" s="93"/>
      <c r="BI3694" s="93"/>
      <c r="BJ3694" s="93"/>
      <c r="BK3694" s="93"/>
      <c r="BL3694" s="93"/>
    </row>
    <row r="3695" spans="2:64" x14ac:dyDescent="0.2">
      <c r="B3695" s="43"/>
      <c r="C3695" s="73"/>
      <c r="D3695" s="64"/>
      <c r="E3695" s="55"/>
      <c r="F3695" s="74"/>
      <c r="G3695" s="74"/>
      <c r="H3695" s="74"/>
      <c r="I3695" s="75"/>
      <c r="J3695" s="74"/>
      <c r="L3695" s="55"/>
      <c r="M3695" s="234"/>
      <c r="N3695" s="65"/>
      <c r="O3695" s="76"/>
      <c r="P3695" s="76"/>
      <c r="Q3695" s="65"/>
      <c r="R3695" s="76"/>
      <c r="S3695" s="76"/>
      <c r="T3695" s="76"/>
      <c r="U3695" s="76"/>
      <c r="V3695" s="76"/>
      <c r="W3695" s="76"/>
      <c r="X3695" s="76"/>
      <c r="Y3695" s="76"/>
      <c r="Z3695" s="76"/>
      <c r="AA3695" s="85"/>
      <c r="AB3695" s="85"/>
      <c r="AC3695" s="85"/>
      <c r="AD3695" s="85"/>
      <c r="AE3695" s="85"/>
      <c r="AF3695" s="85"/>
      <c r="AG3695" s="86"/>
      <c r="AH3695" s="85"/>
      <c r="AI3695" s="85"/>
      <c r="AJ3695" s="85"/>
      <c r="AK3695" s="85"/>
      <c r="AL3695" s="85"/>
      <c r="AM3695" s="92"/>
      <c r="AN3695" s="92"/>
      <c r="AO3695" s="92"/>
      <c r="AP3695" s="92"/>
      <c r="AQ3695" s="92"/>
      <c r="AR3695" s="92"/>
      <c r="AS3695" s="92"/>
      <c r="AT3695" s="92"/>
      <c r="AU3695" s="92"/>
      <c r="AV3695" s="92"/>
      <c r="AW3695" s="92"/>
      <c r="AX3695" s="92"/>
      <c r="AY3695" s="92"/>
      <c r="AZ3695" s="93"/>
      <c r="BA3695" s="93"/>
      <c r="BB3695" s="93"/>
      <c r="BC3695" s="93"/>
      <c r="BD3695" s="93"/>
      <c r="BE3695" s="93"/>
      <c r="BF3695" s="93"/>
      <c r="BG3695" s="93"/>
      <c r="BH3695" s="93"/>
      <c r="BI3695" s="93"/>
      <c r="BJ3695" s="93"/>
      <c r="BK3695" s="93"/>
      <c r="BL3695" s="93"/>
    </row>
    <row r="3696" spans="2:64" x14ac:dyDescent="0.2">
      <c r="B3696" s="43"/>
      <c r="C3696" s="73"/>
      <c r="D3696" s="64"/>
      <c r="E3696" s="55"/>
      <c r="F3696" s="74"/>
      <c r="G3696" s="74"/>
      <c r="H3696" s="74"/>
      <c r="I3696" s="75"/>
      <c r="J3696" s="74"/>
      <c r="L3696" s="55"/>
      <c r="M3696" s="234"/>
      <c r="N3696" s="65"/>
      <c r="O3696" s="76"/>
      <c r="P3696" s="76"/>
      <c r="Q3696" s="65"/>
      <c r="R3696" s="76"/>
      <c r="S3696" s="76"/>
      <c r="T3696" s="76"/>
      <c r="U3696" s="76"/>
      <c r="V3696" s="76"/>
      <c r="W3696" s="76"/>
      <c r="X3696" s="76"/>
      <c r="Y3696" s="76"/>
      <c r="Z3696" s="76"/>
      <c r="AA3696" s="85"/>
      <c r="AB3696" s="85"/>
      <c r="AC3696" s="85"/>
      <c r="AD3696" s="85"/>
      <c r="AE3696" s="85"/>
      <c r="AF3696" s="85"/>
      <c r="AG3696" s="86"/>
      <c r="AH3696" s="85"/>
      <c r="AI3696" s="85"/>
      <c r="AJ3696" s="85"/>
      <c r="AK3696" s="85"/>
      <c r="AL3696" s="85"/>
      <c r="AM3696" s="92"/>
      <c r="AN3696" s="92"/>
      <c r="AO3696" s="92"/>
      <c r="AP3696" s="92"/>
      <c r="AQ3696" s="92"/>
      <c r="AR3696" s="92"/>
      <c r="AS3696" s="92"/>
      <c r="AT3696" s="92"/>
      <c r="AU3696" s="92"/>
      <c r="AV3696" s="92"/>
      <c r="AW3696" s="92"/>
      <c r="AX3696" s="92"/>
      <c r="AY3696" s="92"/>
      <c r="AZ3696" s="93"/>
      <c r="BA3696" s="93"/>
      <c r="BB3696" s="93"/>
      <c r="BC3696" s="93"/>
      <c r="BD3696" s="93"/>
      <c r="BE3696" s="93"/>
      <c r="BF3696" s="93"/>
      <c r="BG3696" s="93"/>
      <c r="BH3696" s="93"/>
      <c r="BI3696" s="93"/>
      <c r="BJ3696" s="93"/>
      <c r="BK3696" s="93"/>
      <c r="BL3696" s="93"/>
    </row>
    <row r="3697" spans="2:64" x14ac:dyDescent="0.2">
      <c r="B3697" s="43"/>
      <c r="C3697" s="73"/>
      <c r="D3697" s="64"/>
      <c r="E3697" s="55"/>
      <c r="F3697" s="74"/>
      <c r="G3697" s="74"/>
      <c r="H3697" s="74"/>
      <c r="I3697" s="75"/>
      <c r="J3697" s="74"/>
      <c r="L3697" s="55"/>
      <c r="M3697" s="234"/>
      <c r="N3697" s="65"/>
      <c r="O3697" s="76"/>
      <c r="P3697" s="76"/>
      <c r="Q3697" s="65"/>
      <c r="R3697" s="76"/>
      <c r="S3697" s="76"/>
      <c r="T3697" s="76"/>
      <c r="U3697" s="76"/>
      <c r="V3697" s="76"/>
      <c r="W3697" s="76"/>
      <c r="X3697" s="76"/>
      <c r="Y3697" s="76"/>
      <c r="Z3697" s="76"/>
      <c r="AA3697" s="85"/>
      <c r="AB3697" s="85"/>
      <c r="AC3697" s="85"/>
      <c r="AD3697" s="85"/>
      <c r="AE3697" s="85"/>
      <c r="AF3697" s="85"/>
      <c r="AG3697" s="86"/>
      <c r="AH3697" s="85"/>
      <c r="AI3697" s="85"/>
      <c r="AJ3697" s="85"/>
      <c r="AK3697" s="85"/>
      <c r="AL3697" s="85"/>
      <c r="AM3697" s="92"/>
      <c r="AN3697" s="92"/>
      <c r="AO3697" s="92"/>
      <c r="AP3697" s="92"/>
      <c r="AQ3697" s="92"/>
      <c r="AR3697" s="92"/>
      <c r="AS3697" s="92"/>
      <c r="AT3697" s="92"/>
      <c r="AU3697" s="92"/>
      <c r="AV3697" s="92"/>
      <c r="AW3697" s="92"/>
      <c r="AX3697" s="92"/>
      <c r="AY3697" s="92"/>
      <c r="AZ3697" s="93"/>
      <c r="BA3697" s="93"/>
      <c r="BB3697" s="93"/>
      <c r="BC3697" s="93"/>
      <c r="BD3697" s="93"/>
      <c r="BE3697" s="93"/>
      <c r="BF3697" s="93"/>
      <c r="BG3697" s="93"/>
      <c r="BH3697" s="93"/>
      <c r="BI3697" s="93"/>
      <c r="BJ3697" s="93"/>
      <c r="BK3697" s="93"/>
      <c r="BL3697" s="93"/>
    </row>
    <row r="3698" spans="2:64" x14ac:dyDescent="0.2">
      <c r="B3698" s="43"/>
      <c r="C3698" s="73"/>
      <c r="D3698" s="64"/>
      <c r="E3698" s="55"/>
      <c r="F3698" s="74"/>
      <c r="G3698" s="74"/>
      <c r="H3698" s="74"/>
      <c r="I3698" s="75"/>
      <c r="J3698" s="74"/>
      <c r="L3698" s="55"/>
      <c r="M3698" s="234"/>
      <c r="N3698" s="65"/>
      <c r="O3698" s="76"/>
      <c r="P3698" s="76"/>
      <c r="Q3698" s="65"/>
      <c r="R3698" s="76"/>
      <c r="S3698" s="76"/>
      <c r="T3698" s="76"/>
      <c r="U3698" s="76"/>
      <c r="V3698" s="76"/>
      <c r="W3698" s="76"/>
      <c r="X3698" s="76"/>
      <c r="Y3698" s="76"/>
      <c r="Z3698" s="76"/>
      <c r="AA3698" s="85"/>
      <c r="AB3698" s="85"/>
      <c r="AC3698" s="85"/>
      <c r="AD3698" s="85"/>
      <c r="AE3698" s="85"/>
      <c r="AF3698" s="85"/>
      <c r="AG3698" s="86"/>
      <c r="AH3698" s="85"/>
      <c r="AI3698" s="85"/>
      <c r="AJ3698" s="85"/>
      <c r="AK3698" s="85"/>
      <c r="AL3698" s="85"/>
      <c r="AM3698" s="92"/>
      <c r="AN3698" s="92"/>
      <c r="AO3698" s="92"/>
      <c r="AP3698" s="92"/>
      <c r="AQ3698" s="92"/>
      <c r="AR3698" s="92"/>
      <c r="AS3698" s="92"/>
      <c r="AT3698" s="92"/>
      <c r="AU3698" s="92"/>
      <c r="AV3698" s="92"/>
      <c r="AW3698" s="92"/>
      <c r="AX3698" s="92"/>
      <c r="AY3698" s="92"/>
      <c r="AZ3698" s="93"/>
      <c r="BA3698" s="93"/>
      <c r="BB3698" s="93"/>
      <c r="BC3698" s="93"/>
      <c r="BD3698" s="93"/>
      <c r="BE3698" s="93"/>
      <c r="BF3698" s="93"/>
      <c r="BG3698" s="93"/>
      <c r="BH3698" s="93"/>
      <c r="BI3698" s="93"/>
      <c r="BJ3698" s="93"/>
      <c r="BK3698" s="93"/>
      <c r="BL3698" s="93"/>
    </row>
    <row r="3699" spans="2:64" x14ac:dyDescent="0.2">
      <c r="B3699" s="43"/>
      <c r="C3699" s="73"/>
      <c r="D3699" s="64"/>
      <c r="E3699" s="55"/>
      <c r="F3699" s="74"/>
      <c r="G3699" s="74"/>
      <c r="H3699" s="74"/>
      <c r="I3699" s="75"/>
      <c r="J3699" s="74"/>
      <c r="L3699" s="55"/>
      <c r="M3699" s="234"/>
      <c r="N3699" s="65"/>
      <c r="O3699" s="76"/>
      <c r="P3699" s="76"/>
      <c r="Q3699" s="65"/>
      <c r="R3699" s="76"/>
      <c r="S3699" s="76"/>
      <c r="T3699" s="76"/>
      <c r="U3699" s="76"/>
      <c r="V3699" s="76"/>
      <c r="W3699" s="76"/>
      <c r="X3699" s="76"/>
      <c r="Y3699" s="76"/>
      <c r="Z3699" s="76"/>
      <c r="AA3699" s="85"/>
      <c r="AB3699" s="85"/>
      <c r="AC3699" s="85"/>
      <c r="AD3699" s="85"/>
      <c r="AE3699" s="85"/>
      <c r="AF3699" s="85"/>
      <c r="AG3699" s="86"/>
      <c r="AH3699" s="85"/>
      <c r="AI3699" s="85"/>
      <c r="AJ3699" s="85"/>
      <c r="AK3699" s="85"/>
      <c r="AL3699" s="85"/>
      <c r="AM3699" s="92"/>
      <c r="AN3699" s="92"/>
      <c r="AO3699" s="92"/>
      <c r="AP3699" s="92"/>
      <c r="AQ3699" s="92"/>
      <c r="AR3699" s="92"/>
      <c r="AS3699" s="92"/>
      <c r="AT3699" s="92"/>
      <c r="AU3699" s="92"/>
      <c r="AV3699" s="92"/>
      <c r="AW3699" s="92"/>
      <c r="AX3699" s="92"/>
      <c r="AY3699" s="92"/>
      <c r="AZ3699" s="93"/>
      <c r="BA3699" s="93"/>
      <c r="BB3699" s="93"/>
      <c r="BC3699" s="93"/>
      <c r="BD3699" s="93"/>
      <c r="BE3699" s="93"/>
      <c r="BF3699" s="93"/>
      <c r="BG3699" s="93"/>
      <c r="BH3699" s="93"/>
      <c r="BI3699" s="93"/>
      <c r="BJ3699" s="93"/>
      <c r="BK3699" s="93"/>
      <c r="BL3699" s="93"/>
    </row>
    <row r="3700" spans="2:64" x14ac:dyDescent="0.2">
      <c r="B3700" s="43"/>
      <c r="C3700" s="73"/>
      <c r="D3700" s="64"/>
      <c r="E3700" s="55"/>
      <c r="F3700" s="74"/>
      <c r="G3700" s="74"/>
      <c r="H3700" s="74"/>
      <c r="I3700" s="75"/>
      <c r="J3700" s="74"/>
      <c r="L3700" s="55"/>
      <c r="M3700" s="234"/>
      <c r="N3700" s="65"/>
      <c r="O3700" s="76"/>
      <c r="P3700" s="76"/>
      <c r="Q3700" s="65"/>
      <c r="R3700" s="76"/>
      <c r="S3700" s="76"/>
      <c r="T3700" s="76"/>
      <c r="U3700" s="76"/>
      <c r="V3700" s="76"/>
      <c r="W3700" s="76"/>
      <c r="X3700" s="76"/>
      <c r="Y3700" s="76"/>
      <c r="Z3700" s="76"/>
      <c r="AA3700" s="85"/>
      <c r="AB3700" s="85"/>
      <c r="AC3700" s="85"/>
      <c r="AD3700" s="85"/>
      <c r="AE3700" s="85"/>
      <c r="AF3700" s="85"/>
      <c r="AG3700" s="86"/>
      <c r="AH3700" s="85"/>
      <c r="AI3700" s="85"/>
      <c r="AJ3700" s="85"/>
      <c r="AK3700" s="85"/>
      <c r="AL3700" s="85"/>
      <c r="AM3700" s="92"/>
      <c r="AN3700" s="92"/>
      <c r="AO3700" s="92"/>
      <c r="AP3700" s="92"/>
      <c r="AQ3700" s="92"/>
      <c r="AR3700" s="92"/>
      <c r="AS3700" s="92"/>
      <c r="AT3700" s="92"/>
      <c r="AU3700" s="92"/>
      <c r="AV3700" s="92"/>
      <c r="AW3700" s="92"/>
      <c r="AX3700" s="92"/>
      <c r="AY3700" s="92"/>
      <c r="AZ3700" s="93"/>
      <c r="BA3700" s="93"/>
      <c r="BB3700" s="93"/>
      <c r="BC3700" s="93"/>
      <c r="BD3700" s="93"/>
      <c r="BE3700" s="93"/>
      <c r="BF3700" s="93"/>
      <c r="BG3700" s="93"/>
      <c r="BH3700" s="93"/>
      <c r="BI3700" s="93"/>
      <c r="BJ3700" s="93"/>
      <c r="BK3700" s="93"/>
      <c r="BL3700" s="93"/>
    </row>
    <row r="3701" spans="2:64" x14ac:dyDescent="0.2">
      <c r="B3701" s="43"/>
      <c r="C3701" s="73"/>
      <c r="D3701" s="64"/>
      <c r="E3701" s="55"/>
      <c r="F3701" s="74"/>
      <c r="G3701" s="74"/>
      <c r="H3701" s="74"/>
      <c r="I3701" s="75"/>
      <c r="J3701" s="74"/>
      <c r="L3701" s="55"/>
      <c r="M3701" s="234"/>
      <c r="N3701" s="65"/>
      <c r="O3701" s="76"/>
      <c r="P3701" s="76"/>
      <c r="Q3701" s="65"/>
      <c r="R3701" s="76"/>
      <c r="S3701" s="76"/>
      <c r="T3701" s="76"/>
      <c r="U3701" s="76"/>
      <c r="V3701" s="76"/>
      <c r="W3701" s="76"/>
      <c r="X3701" s="76"/>
      <c r="Y3701" s="76"/>
      <c r="Z3701" s="76"/>
      <c r="AA3701" s="85"/>
      <c r="AB3701" s="85"/>
      <c r="AC3701" s="85"/>
      <c r="AD3701" s="85"/>
      <c r="AE3701" s="85"/>
      <c r="AF3701" s="85"/>
      <c r="AG3701" s="86"/>
      <c r="AH3701" s="85"/>
      <c r="AI3701" s="85"/>
      <c r="AJ3701" s="85"/>
      <c r="AK3701" s="85"/>
      <c r="AL3701" s="85"/>
      <c r="AM3701" s="92"/>
      <c r="AN3701" s="92"/>
      <c r="AO3701" s="92"/>
      <c r="AP3701" s="92"/>
      <c r="AQ3701" s="92"/>
      <c r="AR3701" s="92"/>
      <c r="AS3701" s="92"/>
      <c r="AT3701" s="92"/>
      <c r="AU3701" s="92"/>
      <c r="AV3701" s="92"/>
      <c r="AW3701" s="92"/>
      <c r="AX3701" s="92"/>
      <c r="AY3701" s="92"/>
      <c r="AZ3701" s="93"/>
      <c r="BA3701" s="93"/>
      <c r="BB3701" s="93"/>
      <c r="BC3701" s="93"/>
      <c r="BD3701" s="93"/>
      <c r="BE3701" s="93"/>
      <c r="BF3701" s="93"/>
      <c r="BG3701" s="93"/>
      <c r="BH3701" s="93"/>
      <c r="BI3701" s="93"/>
      <c r="BJ3701" s="93"/>
      <c r="BK3701" s="93"/>
      <c r="BL3701" s="93"/>
    </row>
    <row r="3702" spans="2:64" x14ac:dyDescent="0.2">
      <c r="B3702" s="43"/>
      <c r="C3702" s="73"/>
      <c r="D3702" s="64"/>
      <c r="E3702" s="55"/>
      <c r="F3702" s="74"/>
      <c r="G3702" s="74"/>
      <c r="H3702" s="74"/>
      <c r="I3702" s="75"/>
      <c r="J3702" s="74"/>
      <c r="L3702" s="55"/>
      <c r="M3702" s="234"/>
      <c r="N3702" s="65"/>
      <c r="O3702" s="76"/>
      <c r="P3702" s="76"/>
      <c r="Q3702" s="65"/>
      <c r="R3702" s="76"/>
      <c r="S3702" s="76"/>
      <c r="T3702" s="76"/>
      <c r="U3702" s="76"/>
      <c r="V3702" s="76"/>
      <c r="W3702" s="76"/>
      <c r="X3702" s="76"/>
      <c r="Y3702" s="76"/>
      <c r="Z3702" s="76"/>
      <c r="AA3702" s="85"/>
      <c r="AB3702" s="85"/>
      <c r="AC3702" s="85"/>
      <c r="AD3702" s="85"/>
      <c r="AE3702" s="85"/>
      <c r="AF3702" s="85"/>
      <c r="AG3702" s="86"/>
      <c r="AH3702" s="85"/>
      <c r="AI3702" s="85"/>
      <c r="AJ3702" s="85"/>
      <c r="AK3702" s="85"/>
      <c r="AL3702" s="85"/>
      <c r="AM3702" s="92"/>
      <c r="AN3702" s="92"/>
      <c r="AO3702" s="92"/>
      <c r="AP3702" s="92"/>
      <c r="AQ3702" s="92"/>
      <c r="AR3702" s="92"/>
      <c r="AS3702" s="92"/>
      <c r="AT3702" s="92"/>
      <c r="AU3702" s="92"/>
      <c r="AV3702" s="92"/>
      <c r="AW3702" s="92"/>
      <c r="AX3702" s="92"/>
      <c r="AY3702" s="92"/>
      <c r="AZ3702" s="93"/>
      <c r="BA3702" s="93"/>
      <c r="BB3702" s="93"/>
      <c r="BC3702" s="93"/>
      <c r="BD3702" s="93"/>
      <c r="BE3702" s="93"/>
      <c r="BF3702" s="93"/>
      <c r="BG3702" s="93"/>
      <c r="BH3702" s="93"/>
      <c r="BI3702" s="93"/>
      <c r="BJ3702" s="93"/>
      <c r="BK3702" s="93"/>
      <c r="BL3702" s="93"/>
    </row>
    <row r="3703" spans="2:64" x14ac:dyDescent="0.2">
      <c r="B3703" s="43"/>
      <c r="C3703" s="73"/>
      <c r="D3703" s="64"/>
      <c r="E3703" s="55"/>
      <c r="F3703" s="74"/>
      <c r="G3703" s="74"/>
      <c r="H3703" s="74"/>
      <c r="I3703" s="75"/>
      <c r="J3703" s="74"/>
      <c r="L3703" s="55"/>
      <c r="M3703" s="234"/>
      <c r="N3703" s="65"/>
      <c r="O3703" s="76"/>
      <c r="P3703" s="76"/>
      <c r="Q3703" s="65"/>
      <c r="R3703" s="76"/>
      <c r="S3703" s="76"/>
      <c r="T3703" s="76"/>
      <c r="U3703" s="76"/>
      <c r="V3703" s="76"/>
      <c r="W3703" s="76"/>
      <c r="X3703" s="76"/>
      <c r="Y3703" s="76"/>
      <c r="Z3703" s="76"/>
      <c r="AA3703" s="85"/>
      <c r="AB3703" s="85"/>
      <c r="AC3703" s="85"/>
      <c r="AD3703" s="85"/>
      <c r="AE3703" s="85"/>
      <c r="AF3703" s="85"/>
      <c r="AG3703" s="86"/>
      <c r="AH3703" s="85"/>
      <c r="AI3703" s="85"/>
      <c r="AJ3703" s="85"/>
      <c r="AK3703" s="85"/>
      <c r="AL3703" s="85"/>
      <c r="AM3703" s="92"/>
      <c r="AN3703" s="92"/>
      <c r="AO3703" s="92"/>
      <c r="AP3703" s="92"/>
      <c r="AQ3703" s="92"/>
      <c r="AR3703" s="92"/>
      <c r="AS3703" s="92"/>
      <c r="AT3703" s="92"/>
      <c r="AU3703" s="92"/>
      <c r="AV3703" s="92"/>
      <c r="AW3703" s="92"/>
      <c r="AX3703" s="92"/>
      <c r="AY3703" s="92"/>
      <c r="AZ3703" s="93"/>
      <c r="BA3703" s="93"/>
      <c r="BB3703" s="93"/>
      <c r="BC3703" s="93"/>
      <c r="BD3703" s="93"/>
      <c r="BE3703" s="93"/>
      <c r="BF3703" s="93"/>
      <c r="BG3703" s="93"/>
      <c r="BH3703" s="93"/>
      <c r="BI3703" s="93"/>
      <c r="BJ3703" s="93"/>
      <c r="BK3703" s="93"/>
      <c r="BL3703" s="93"/>
    </row>
    <row r="3704" spans="2:64" x14ac:dyDescent="0.2">
      <c r="B3704" s="43"/>
      <c r="C3704" s="73"/>
      <c r="D3704" s="64"/>
      <c r="E3704" s="55"/>
      <c r="F3704" s="74"/>
      <c r="G3704" s="74"/>
      <c r="H3704" s="74"/>
      <c r="I3704" s="75"/>
      <c r="J3704" s="74"/>
      <c r="L3704" s="55"/>
      <c r="M3704" s="234"/>
      <c r="N3704" s="65"/>
      <c r="O3704" s="76"/>
      <c r="P3704" s="76"/>
      <c r="Q3704" s="65"/>
      <c r="R3704" s="76"/>
      <c r="S3704" s="76"/>
      <c r="T3704" s="76"/>
      <c r="U3704" s="76"/>
      <c r="V3704" s="76"/>
      <c r="W3704" s="76"/>
      <c r="X3704" s="76"/>
      <c r="Y3704" s="76"/>
      <c r="Z3704" s="76"/>
      <c r="AA3704" s="85"/>
      <c r="AB3704" s="85"/>
      <c r="AC3704" s="85"/>
      <c r="AD3704" s="85"/>
      <c r="AE3704" s="85"/>
      <c r="AF3704" s="85"/>
      <c r="AG3704" s="86"/>
      <c r="AH3704" s="85"/>
      <c r="AI3704" s="85"/>
      <c r="AJ3704" s="85"/>
      <c r="AK3704" s="85"/>
      <c r="AL3704" s="85"/>
      <c r="AM3704" s="92"/>
      <c r="AN3704" s="92"/>
      <c r="AO3704" s="92"/>
      <c r="AP3704" s="92"/>
      <c r="AQ3704" s="92"/>
      <c r="AR3704" s="92"/>
      <c r="AS3704" s="92"/>
      <c r="AT3704" s="92"/>
      <c r="AU3704" s="92"/>
      <c r="AV3704" s="92"/>
      <c r="AW3704" s="92"/>
      <c r="AX3704" s="92"/>
      <c r="AY3704" s="92"/>
      <c r="AZ3704" s="93"/>
      <c r="BA3704" s="93"/>
      <c r="BB3704" s="93"/>
      <c r="BC3704" s="93"/>
      <c r="BD3704" s="93"/>
      <c r="BE3704" s="93"/>
      <c r="BF3704" s="93"/>
      <c r="BG3704" s="93"/>
      <c r="BH3704" s="93"/>
      <c r="BI3704" s="93"/>
      <c r="BJ3704" s="93"/>
      <c r="BK3704" s="93"/>
      <c r="BL3704" s="93"/>
    </row>
    <row r="3705" spans="2:64" x14ac:dyDescent="0.2">
      <c r="B3705" s="43"/>
      <c r="C3705" s="73"/>
      <c r="D3705" s="64"/>
      <c r="E3705" s="55"/>
      <c r="F3705" s="74"/>
      <c r="G3705" s="74"/>
      <c r="H3705" s="74"/>
      <c r="I3705" s="75"/>
      <c r="J3705" s="74"/>
      <c r="L3705" s="55"/>
      <c r="M3705" s="234"/>
      <c r="N3705" s="65"/>
      <c r="O3705" s="76"/>
      <c r="P3705" s="76"/>
      <c r="Q3705" s="65"/>
      <c r="R3705" s="76"/>
      <c r="S3705" s="76"/>
      <c r="T3705" s="76"/>
      <c r="U3705" s="76"/>
      <c r="V3705" s="76"/>
      <c r="W3705" s="76"/>
      <c r="X3705" s="76"/>
      <c r="Y3705" s="76"/>
      <c r="Z3705" s="76"/>
      <c r="AA3705" s="85"/>
      <c r="AB3705" s="85"/>
      <c r="AC3705" s="85"/>
      <c r="AD3705" s="85"/>
      <c r="AE3705" s="85"/>
      <c r="AF3705" s="85"/>
      <c r="AG3705" s="86"/>
      <c r="AH3705" s="85"/>
      <c r="AI3705" s="85"/>
      <c r="AJ3705" s="85"/>
      <c r="AK3705" s="85"/>
      <c r="AL3705" s="85"/>
      <c r="AM3705" s="92"/>
      <c r="AN3705" s="92"/>
      <c r="AO3705" s="92"/>
      <c r="AP3705" s="92"/>
      <c r="AQ3705" s="92"/>
      <c r="AR3705" s="92"/>
      <c r="AS3705" s="92"/>
      <c r="AT3705" s="92"/>
      <c r="AU3705" s="92"/>
      <c r="AV3705" s="92"/>
      <c r="AW3705" s="92"/>
      <c r="AX3705" s="92"/>
      <c r="AY3705" s="92"/>
      <c r="AZ3705" s="93"/>
      <c r="BA3705" s="93"/>
      <c r="BB3705" s="93"/>
      <c r="BC3705" s="93"/>
      <c r="BD3705" s="93"/>
      <c r="BE3705" s="93"/>
      <c r="BF3705" s="93"/>
      <c r="BG3705" s="93"/>
      <c r="BH3705" s="93"/>
      <c r="BI3705" s="93"/>
      <c r="BJ3705" s="93"/>
      <c r="BK3705" s="93"/>
      <c r="BL3705" s="93"/>
    </row>
    <row r="3706" spans="2:64" x14ac:dyDescent="0.2">
      <c r="B3706" s="43"/>
      <c r="C3706" s="73"/>
      <c r="D3706" s="64"/>
      <c r="E3706" s="55"/>
      <c r="F3706" s="74"/>
      <c r="G3706" s="74"/>
      <c r="H3706" s="74"/>
      <c r="I3706" s="75"/>
      <c r="J3706" s="74"/>
      <c r="L3706" s="55"/>
      <c r="M3706" s="234"/>
      <c r="N3706" s="65"/>
      <c r="O3706" s="76"/>
      <c r="P3706" s="76"/>
      <c r="Q3706" s="65"/>
      <c r="R3706" s="76"/>
      <c r="S3706" s="76"/>
      <c r="T3706" s="76"/>
      <c r="U3706" s="76"/>
      <c r="V3706" s="76"/>
      <c r="W3706" s="76"/>
      <c r="X3706" s="76"/>
      <c r="Y3706" s="76"/>
      <c r="Z3706" s="76"/>
      <c r="AA3706" s="85"/>
      <c r="AB3706" s="85"/>
      <c r="AC3706" s="85"/>
      <c r="AD3706" s="85"/>
      <c r="AE3706" s="85"/>
      <c r="AF3706" s="85"/>
      <c r="AG3706" s="86"/>
      <c r="AH3706" s="85"/>
      <c r="AI3706" s="85"/>
      <c r="AJ3706" s="85"/>
      <c r="AK3706" s="85"/>
      <c r="AL3706" s="85"/>
      <c r="AM3706" s="92"/>
      <c r="AN3706" s="92"/>
      <c r="AO3706" s="92"/>
      <c r="AP3706" s="92"/>
      <c r="AQ3706" s="92"/>
      <c r="AR3706" s="92"/>
      <c r="AS3706" s="92"/>
      <c r="AT3706" s="92"/>
      <c r="AU3706" s="92"/>
      <c r="AV3706" s="92"/>
      <c r="AW3706" s="92"/>
      <c r="AX3706" s="92"/>
      <c r="AY3706" s="92"/>
      <c r="AZ3706" s="93"/>
      <c r="BA3706" s="93"/>
      <c r="BB3706" s="93"/>
      <c r="BC3706" s="93"/>
      <c r="BD3706" s="93"/>
      <c r="BE3706" s="93"/>
      <c r="BF3706" s="93"/>
      <c r="BG3706" s="93"/>
      <c r="BH3706" s="93"/>
      <c r="BI3706" s="93"/>
      <c r="BJ3706" s="93"/>
      <c r="BK3706" s="93"/>
      <c r="BL3706" s="93"/>
    </row>
    <row r="3707" spans="2:64" x14ac:dyDescent="0.2">
      <c r="B3707" s="43"/>
      <c r="C3707" s="73"/>
      <c r="D3707" s="64"/>
      <c r="E3707" s="55"/>
      <c r="F3707" s="74"/>
      <c r="G3707" s="74"/>
      <c r="H3707" s="74"/>
      <c r="I3707" s="75"/>
      <c r="J3707" s="74"/>
      <c r="L3707" s="55"/>
      <c r="M3707" s="234"/>
      <c r="N3707" s="65"/>
      <c r="O3707" s="76"/>
      <c r="P3707" s="76"/>
      <c r="Q3707" s="65"/>
      <c r="R3707" s="76"/>
      <c r="S3707" s="76"/>
      <c r="T3707" s="76"/>
      <c r="U3707" s="76"/>
      <c r="V3707" s="76"/>
      <c r="W3707" s="76"/>
      <c r="X3707" s="76"/>
      <c r="Y3707" s="76"/>
      <c r="Z3707" s="76"/>
      <c r="AA3707" s="85"/>
      <c r="AB3707" s="85"/>
      <c r="AC3707" s="85"/>
      <c r="AD3707" s="85"/>
      <c r="AE3707" s="85"/>
      <c r="AF3707" s="85"/>
      <c r="AG3707" s="86"/>
      <c r="AH3707" s="85"/>
      <c r="AI3707" s="85"/>
      <c r="AJ3707" s="85"/>
      <c r="AK3707" s="85"/>
      <c r="AL3707" s="85"/>
      <c r="AM3707" s="92"/>
      <c r="AN3707" s="92"/>
      <c r="AO3707" s="92"/>
      <c r="AP3707" s="92"/>
      <c r="AQ3707" s="92"/>
      <c r="AR3707" s="92"/>
      <c r="AS3707" s="92"/>
      <c r="AT3707" s="92"/>
      <c r="AU3707" s="92"/>
      <c r="AV3707" s="92"/>
      <c r="AW3707" s="92"/>
      <c r="AX3707" s="92"/>
      <c r="AY3707" s="92"/>
      <c r="AZ3707" s="93"/>
      <c r="BA3707" s="93"/>
      <c r="BB3707" s="93"/>
      <c r="BC3707" s="93"/>
      <c r="BD3707" s="93"/>
      <c r="BE3707" s="93"/>
      <c r="BF3707" s="93"/>
      <c r="BG3707" s="93"/>
      <c r="BH3707" s="93"/>
      <c r="BI3707" s="93"/>
      <c r="BJ3707" s="93"/>
      <c r="BK3707" s="93"/>
      <c r="BL3707" s="93"/>
    </row>
    <row r="3708" spans="2:64" x14ac:dyDescent="0.2">
      <c r="B3708" s="43"/>
      <c r="C3708" s="73"/>
      <c r="D3708" s="64"/>
      <c r="E3708" s="55"/>
      <c r="F3708" s="74"/>
      <c r="G3708" s="74"/>
      <c r="H3708" s="74"/>
      <c r="I3708" s="75"/>
      <c r="J3708" s="74"/>
      <c r="L3708" s="55"/>
      <c r="M3708" s="234"/>
      <c r="N3708" s="65"/>
      <c r="O3708" s="76"/>
      <c r="P3708" s="76"/>
      <c r="Q3708" s="65"/>
      <c r="R3708" s="76"/>
      <c r="S3708" s="76"/>
      <c r="T3708" s="76"/>
      <c r="U3708" s="76"/>
      <c r="V3708" s="76"/>
      <c r="W3708" s="76"/>
      <c r="X3708" s="76"/>
      <c r="Y3708" s="76"/>
      <c r="Z3708" s="76"/>
      <c r="AA3708" s="85"/>
      <c r="AB3708" s="85"/>
      <c r="AC3708" s="85"/>
      <c r="AD3708" s="85"/>
      <c r="AE3708" s="85"/>
      <c r="AF3708" s="85"/>
      <c r="AG3708" s="86"/>
      <c r="AH3708" s="85"/>
      <c r="AI3708" s="85"/>
      <c r="AJ3708" s="85"/>
      <c r="AK3708" s="85"/>
      <c r="AL3708" s="85"/>
      <c r="AM3708" s="92"/>
      <c r="AN3708" s="92"/>
      <c r="AO3708" s="92"/>
      <c r="AP3708" s="92"/>
      <c r="AQ3708" s="92"/>
      <c r="AR3708" s="92"/>
      <c r="AS3708" s="92"/>
      <c r="AT3708" s="92"/>
      <c r="AU3708" s="92"/>
      <c r="AV3708" s="92"/>
      <c r="AW3708" s="92"/>
      <c r="AX3708" s="92"/>
      <c r="AY3708" s="92"/>
      <c r="AZ3708" s="93"/>
      <c r="BA3708" s="93"/>
      <c r="BB3708" s="93"/>
      <c r="BC3708" s="93"/>
      <c r="BD3708" s="93"/>
      <c r="BE3708" s="93"/>
      <c r="BF3708" s="93"/>
      <c r="BG3708" s="93"/>
      <c r="BH3708" s="93"/>
      <c r="BI3708" s="93"/>
      <c r="BJ3708" s="93"/>
      <c r="BK3708" s="93"/>
      <c r="BL3708" s="93"/>
    </row>
    <row r="3709" spans="2:64" x14ac:dyDescent="0.2">
      <c r="B3709" s="43"/>
      <c r="C3709" s="73"/>
      <c r="D3709" s="64"/>
      <c r="E3709" s="55"/>
      <c r="F3709" s="74"/>
      <c r="G3709" s="74"/>
      <c r="H3709" s="74"/>
      <c r="I3709" s="75"/>
      <c r="J3709" s="74"/>
      <c r="L3709" s="55"/>
      <c r="M3709" s="234"/>
      <c r="N3709" s="65"/>
      <c r="O3709" s="76"/>
      <c r="P3709" s="76"/>
      <c r="Q3709" s="65"/>
      <c r="R3709" s="76"/>
      <c r="S3709" s="76"/>
      <c r="T3709" s="76"/>
      <c r="U3709" s="76"/>
      <c r="V3709" s="76"/>
      <c r="W3709" s="76"/>
      <c r="X3709" s="76"/>
      <c r="Y3709" s="76"/>
      <c r="Z3709" s="76"/>
      <c r="AA3709" s="85"/>
      <c r="AB3709" s="85"/>
      <c r="AC3709" s="85"/>
      <c r="AD3709" s="85"/>
      <c r="AE3709" s="85"/>
      <c r="AF3709" s="85"/>
      <c r="AG3709" s="86"/>
      <c r="AH3709" s="85"/>
      <c r="AI3709" s="85"/>
      <c r="AJ3709" s="85"/>
      <c r="AK3709" s="85"/>
      <c r="AL3709" s="85"/>
      <c r="AM3709" s="92"/>
      <c r="AN3709" s="92"/>
      <c r="AO3709" s="92"/>
      <c r="AP3709" s="92"/>
      <c r="AQ3709" s="92"/>
      <c r="AR3709" s="92"/>
      <c r="AS3709" s="92"/>
      <c r="AT3709" s="92"/>
      <c r="AU3709" s="92"/>
      <c r="AV3709" s="92"/>
      <c r="AW3709" s="92"/>
      <c r="AX3709" s="92"/>
      <c r="AY3709" s="92"/>
      <c r="AZ3709" s="93"/>
      <c r="BA3709" s="93"/>
      <c r="BB3709" s="93"/>
      <c r="BC3709" s="93"/>
      <c r="BD3709" s="93"/>
      <c r="BE3709" s="93"/>
      <c r="BF3709" s="93"/>
      <c r="BG3709" s="93"/>
      <c r="BH3709" s="93"/>
      <c r="BI3709" s="93"/>
      <c r="BJ3709" s="93"/>
      <c r="BK3709" s="93"/>
      <c r="BL3709" s="93"/>
    </row>
    <row r="3710" spans="2:64" x14ac:dyDescent="0.2">
      <c r="B3710" s="43"/>
      <c r="C3710" s="73"/>
      <c r="D3710" s="64"/>
      <c r="E3710" s="55"/>
      <c r="F3710" s="74"/>
      <c r="G3710" s="74"/>
      <c r="H3710" s="74"/>
      <c r="I3710" s="75"/>
      <c r="J3710" s="74"/>
      <c r="L3710" s="55"/>
      <c r="M3710" s="234"/>
      <c r="N3710" s="65"/>
      <c r="O3710" s="76"/>
      <c r="P3710" s="76"/>
      <c r="Q3710" s="65"/>
      <c r="R3710" s="76"/>
      <c r="S3710" s="76"/>
      <c r="T3710" s="76"/>
      <c r="U3710" s="76"/>
      <c r="V3710" s="76"/>
      <c r="W3710" s="76"/>
      <c r="X3710" s="76"/>
      <c r="Y3710" s="76"/>
      <c r="Z3710" s="76"/>
      <c r="AA3710" s="85"/>
      <c r="AB3710" s="85"/>
      <c r="AC3710" s="85"/>
      <c r="AD3710" s="85"/>
      <c r="AE3710" s="85"/>
      <c r="AF3710" s="85"/>
      <c r="AG3710" s="86"/>
      <c r="AH3710" s="85"/>
      <c r="AI3710" s="85"/>
      <c r="AJ3710" s="85"/>
      <c r="AK3710" s="85"/>
      <c r="AL3710" s="85"/>
      <c r="AM3710" s="92"/>
      <c r="AN3710" s="92"/>
      <c r="AO3710" s="92"/>
      <c r="AP3710" s="92"/>
      <c r="AQ3710" s="92"/>
      <c r="AR3710" s="92"/>
      <c r="AS3710" s="92"/>
      <c r="AT3710" s="92"/>
      <c r="AU3710" s="92"/>
      <c r="AV3710" s="92"/>
      <c r="AW3710" s="92"/>
      <c r="AX3710" s="92"/>
      <c r="AY3710" s="92"/>
      <c r="AZ3710" s="93"/>
      <c r="BA3710" s="93"/>
      <c r="BB3710" s="93"/>
      <c r="BC3710" s="93"/>
      <c r="BD3710" s="93"/>
      <c r="BE3710" s="93"/>
      <c r="BF3710" s="93"/>
      <c r="BG3710" s="93"/>
      <c r="BH3710" s="93"/>
      <c r="BI3710" s="93"/>
      <c r="BJ3710" s="93"/>
      <c r="BK3710" s="93"/>
      <c r="BL3710" s="93"/>
    </row>
    <row r="3711" spans="2:64" x14ac:dyDescent="0.2">
      <c r="B3711" s="43"/>
      <c r="C3711" s="73"/>
      <c r="D3711" s="64"/>
      <c r="E3711" s="55"/>
      <c r="F3711" s="74"/>
      <c r="G3711" s="74"/>
      <c r="H3711" s="74"/>
      <c r="I3711" s="75"/>
      <c r="J3711" s="74"/>
      <c r="L3711" s="55"/>
      <c r="M3711" s="234"/>
      <c r="N3711" s="65"/>
      <c r="O3711" s="76"/>
      <c r="P3711" s="76"/>
      <c r="Q3711" s="65"/>
      <c r="R3711" s="76"/>
      <c r="S3711" s="76"/>
      <c r="T3711" s="76"/>
      <c r="U3711" s="76"/>
      <c r="V3711" s="76"/>
      <c r="W3711" s="76"/>
      <c r="X3711" s="76"/>
      <c r="Y3711" s="76"/>
      <c r="Z3711" s="76"/>
      <c r="AA3711" s="85"/>
      <c r="AB3711" s="85"/>
      <c r="AC3711" s="85"/>
      <c r="AD3711" s="85"/>
      <c r="AE3711" s="85"/>
      <c r="AF3711" s="85"/>
      <c r="AG3711" s="86"/>
      <c r="AH3711" s="85"/>
      <c r="AI3711" s="85"/>
      <c r="AJ3711" s="85"/>
      <c r="AK3711" s="85"/>
      <c r="AL3711" s="85"/>
      <c r="AM3711" s="92"/>
      <c r="AN3711" s="92"/>
      <c r="AO3711" s="92"/>
      <c r="AP3711" s="92"/>
      <c r="AQ3711" s="92"/>
      <c r="AR3711" s="92"/>
      <c r="AS3711" s="92"/>
      <c r="AT3711" s="92"/>
      <c r="AU3711" s="92"/>
      <c r="AV3711" s="92"/>
      <c r="AW3711" s="92"/>
      <c r="AX3711" s="92"/>
      <c r="AY3711" s="92"/>
      <c r="AZ3711" s="93"/>
      <c r="BA3711" s="93"/>
      <c r="BB3711" s="93"/>
      <c r="BC3711" s="93"/>
      <c r="BD3711" s="93"/>
      <c r="BE3711" s="93"/>
      <c r="BF3711" s="93"/>
      <c r="BG3711" s="93"/>
      <c r="BH3711" s="93"/>
      <c r="BI3711" s="93"/>
      <c r="BJ3711" s="93"/>
      <c r="BK3711" s="93"/>
      <c r="BL3711" s="93"/>
    </row>
    <row r="3712" spans="2:64" x14ac:dyDescent="0.2">
      <c r="B3712" s="43"/>
      <c r="C3712" s="73"/>
      <c r="D3712" s="64"/>
      <c r="E3712" s="55"/>
      <c r="F3712" s="74"/>
      <c r="G3712" s="74"/>
      <c r="H3712" s="74"/>
      <c r="I3712" s="75"/>
      <c r="J3712" s="74"/>
      <c r="L3712" s="55"/>
      <c r="M3712" s="234"/>
      <c r="N3712" s="65"/>
      <c r="O3712" s="76"/>
      <c r="P3712" s="76"/>
      <c r="Q3712" s="65"/>
      <c r="R3712" s="76"/>
      <c r="S3712" s="76"/>
      <c r="T3712" s="76"/>
      <c r="U3712" s="76"/>
      <c r="V3712" s="76"/>
      <c r="W3712" s="76"/>
      <c r="X3712" s="76"/>
      <c r="Y3712" s="76"/>
      <c r="Z3712" s="76"/>
      <c r="AA3712" s="85"/>
      <c r="AB3712" s="85"/>
      <c r="AC3712" s="85"/>
      <c r="AD3712" s="85"/>
      <c r="AE3712" s="85"/>
      <c r="AF3712" s="85"/>
      <c r="AG3712" s="86"/>
      <c r="AH3712" s="85"/>
      <c r="AI3712" s="85"/>
      <c r="AJ3712" s="85"/>
      <c r="AK3712" s="85"/>
      <c r="AL3712" s="85"/>
      <c r="AM3712" s="92"/>
      <c r="AN3712" s="92"/>
      <c r="AO3712" s="92"/>
      <c r="AP3712" s="92"/>
      <c r="AQ3712" s="92"/>
      <c r="AR3712" s="92"/>
      <c r="AS3712" s="92"/>
      <c r="AT3712" s="92"/>
      <c r="AU3712" s="92"/>
      <c r="AV3712" s="92"/>
      <c r="AW3712" s="92"/>
      <c r="AX3712" s="92"/>
      <c r="AY3712" s="92"/>
      <c r="AZ3712" s="93"/>
      <c r="BA3712" s="93"/>
      <c r="BB3712" s="93"/>
      <c r="BC3712" s="93"/>
      <c r="BD3712" s="93"/>
      <c r="BE3712" s="93"/>
      <c r="BF3712" s="93"/>
      <c r="BG3712" s="93"/>
      <c r="BH3712" s="93"/>
      <c r="BI3712" s="93"/>
      <c r="BJ3712" s="93"/>
      <c r="BK3712" s="93"/>
      <c r="BL3712" s="93"/>
    </row>
    <row r="3713" spans="2:64" x14ac:dyDescent="0.2">
      <c r="B3713" s="43"/>
      <c r="C3713" s="73"/>
      <c r="D3713" s="64"/>
      <c r="E3713" s="55"/>
      <c r="F3713" s="74"/>
      <c r="G3713" s="74"/>
      <c r="H3713" s="74"/>
      <c r="I3713" s="75"/>
      <c r="J3713" s="74"/>
      <c r="L3713" s="55"/>
      <c r="M3713" s="234"/>
      <c r="N3713" s="65"/>
      <c r="O3713" s="76"/>
      <c r="P3713" s="76"/>
      <c r="Q3713" s="65"/>
      <c r="R3713" s="76"/>
      <c r="S3713" s="76"/>
      <c r="T3713" s="76"/>
      <c r="U3713" s="76"/>
      <c r="V3713" s="76"/>
      <c r="W3713" s="76"/>
      <c r="X3713" s="76"/>
      <c r="Y3713" s="76"/>
      <c r="Z3713" s="76"/>
      <c r="AA3713" s="85"/>
      <c r="AB3713" s="85"/>
      <c r="AC3713" s="85"/>
      <c r="AD3713" s="85"/>
      <c r="AE3713" s="85"/>
      <c r="AF3713" s="85"/>
      <c r="AG3713" s="86"/>
      <c r="AH3713" s="85"/>
      <c r="AI3713" s="85"/>
      <c r="AJ3713" s="85"/>
      <c r="AK3713" s="85"/>
      <c r="AL3713" s="85"/>
      <c r="AM3713" s="92"/>
      <c r="AN3713" s="92"/>
      <c r="AO3713" s="92"/>
      <c r="AP3713" s="92"/>
      <c r="AQ3713" s="92"/>
      <c r="AR3713" s="92"/>
      <c r="AS3713" s="92"/>
      <c r="AT3713" s="92"/>
      <c r="AU3713" s="92"/>
      <c r="AV3713" s="92"/>
      <c r="AW3713" s="92"/>
      <c r="AX3713" s="92"/>
      <c r="AY3713" s="92"/>
      <c r="AZ3713" s="93"/>
      <c r="BA3713" s="93"/>
      <c r="BB3713" s="93"/>
      <c r="BC3713" s="93"/>
      <c r="BD3713" s="93"/>
      <c r="BE3713" s="93"/>
      <c r="BF3713" s="93"/>
      <c r="BG3713" s="93"/>
      <c r="BH3713" s="93"/>
      <c r="BI3713" s="93"/>
      <c r="BJ3713" s="93"/>
      <c r="BK3713" s="93"/>
      <c r="BL3713" s="93"/>
    </row>
    <row r="3714" spans="2:64" x14ac:dyDescent="0.2">
      <c r="B3714" s="43"/>
      <c r="C3714" s="73"/>
      <c r="D3714" s="64"/>
      <c r="E3714" s="55"/>
      <c r="F3714" s="74"/>
      <c r="G3714" s="74"/>
      <c r="H3714" s="74"/>
      <c r="I3714" s="75"/>
      <c r="J3714" s="74"/>
      <c r="L3714" s="55"/>
      <c r="M3714" s="234"/>
      <c r="N3714" s="65"/>
      <c r="O3714" s="76"/>
      <c r="P3714" s="76"/>
      <c r="Q3714" s="65"/>
      <c r="R3714" s="76"/>
      <c r="S3714" s="76"/>
      <c r="T3714" s="76"/>
      <c r="U3714" s="76"/>
      <c r="V3714" s="76"/>
      <c r="W3714" s="76"/>
      <c r="X3714" s="76"/>
      <c r="Y3714" s="76"/>
      <c r="Z3714" s="76"/>
      <c r="AA3714" s="85"/>
      <c r="AB3714" s="85"/>
      <c r="AC3714" s="85"/>
      <c r="AD3714" s="85"/>
      <c r="AE3714" s="85"/>
      <c r="AF3714" s="85"/>
      <c r="AG3714" s="86"/>
      <c r="AH3714" s="85"/>
      <c r="AI3714" s="85"/>
      <c r="AJ3714" s="85"/>
      <c r="AK3714" s="85"/>
      <c r="AL3714" s="85"/>
      <c r="AM3714" s="92"/>
      <c r="AN3714" s="92"/>
      <c r="AO3714" s="92"/>
      <c r="AP3714" s="92"/>
      <c r="AQ3714" s="92"/>
      <c r="AR3714" s="92"/>
      <c r="AS3714" s="92"/>
      <c r="AT3714" s="92"/>
      <c r="AU3714" s="92"/>
      <c r="AV3714" s="92"/>
      <c r="AW3714" s="92"/>
      <c r="AX3714" s="92"/>
      <c r="AY3714" s="92"/>
      <c r="AZ3714" s="93"/>
      <c r="BA3714" s="93"/>
      <c r="BB3714" s="93"/>
      <c r="BC3714" s="93"/>
      <c r="BD3714" s="93"/>
      <c r="BE3714" s="93"/>
      <c r="BF3714" s="93"/>
      <c r="BG3714" s="93"/>
      <c r="BH3714" s="93"/>
      <c r="BI3714" s="93"/>
      <c r="BJ3714" s="93"/>
      <c r="BK3714" s="93"/>
      <c r="BL3714" s="93"/>
    </row>
    <row r="3715" spans="2:64" x14ac:dyDescent="0.2">
      <c r="B3715" s="43"/>
      <c r="C3715" s="73"/>
      <c r="D3715" s="64"/>
      <c r="E3715" s="55"/>
      <c r="F3715" s="74"/>
      <c r="G3715" s="74"/>
      <c r="H3715" s="74"/>
      <c r="I3715" s="75"/>
      <c r="J3715" s="74"/>
      <c r="L3715" s="55"/>
      <c r="M3715" s="234"/>
      <c r="N3715" s="65"/>
      <c r="O3715" s="76"/>
      <c r="P3715" s="76"/>
      <c r="Q3715" s="65"/>
      <c r="R3715" s="76"/>
      <c r="S3715" s="76"/>
      <c r="T3715" s="76"/>
      <c r="U3715" s="76"/>
      <c r="V3715" s="76"/>
      <c r="W3715" s="76"/>
      <c r="X3715" s="76"/>
      <c r="Y3715" s="76"/>
      <c r="Z3715" s="76"/>
      <c r="AA3715" s="85"/>
      <c r="AB3715" s="85"/>
      <c r="AC3715" s="85"/>
      <c r="AD3715" s="85"/>
      <c r="AE3715" s="85"/>
      <c r="AF3715" s="85"/>
      <c r="AG3715" s="86"/>
      <c r="AH3715" s="85"/>
      <c r="AI3715" s="85"/>
      <c r="AJ3715" s="85"/>
      <c r="AK3715" s="85"/>
      <c r="AL3715" s="85"/>
      <c r="AM3715" s="92"/>
      <c r="AN3715" s="92"/>
      <c r="AO3715" s="92"/>
      <c r="AP3715" s="92"/>
      <c r="AQ3715" s="92"/>
      <c r="AR3715" s="92"/>
      <c r="AS3715" s="92"/>
      <c r="AT3715" s="92"/>
      <c r="AU3715" s="92"/>
      <c r="AV3715" s="92"/>
      <c r="AW3715" s="92"/>
      <c r="AX3715" s="92"/>
      <c r="AY3715" s="92"/>
      <c r="AZ3715" s="93"/>
      <c r="BA3715" s="93"/>
      <c r="BB3715" s="93"/>
      <c r="BC3715" s="93"/>
      <c r="BD3715" s="93"/>
      <c r="BE3715" s="93"/>
      <c r="BF3715" s="93"/>
      <c r="BG3715" s="93"/>
      <c r="BH3715" s="93"/>
      <c r="BI3715" s="93"/>
      <c r="BJ3715" s="93"/>
      <c r="BK3715" s="93"/>
      <c r="BL3715" s="93"/>
    </row>
    <row r="3716" spans="2:64" x14ac:dyDescent="0.2">
      <c r="B3716" s="43"/>
      <c r="C3716" s="73"/>
      <c r="D3716" s="64"/>
      <c r="E3716" s="55"/>
      <c r="F3716" s="74"/>
      <c r="G3716" s="74"/>
      <c r="H3716" s="74"/>
      <c r="I3716" s="75"/>
      <c r="J3716" s="74"/>
      <c r="L3716" s="55"/>
      <c r="M3716" s="234"/>
      <c r="N3716" s="65"/>
      <c r="O3716" s="76"/>
      <c r="P3716" s="76"/>
      <c r="Q3716" s="65"/>
      <c r="R3716" s="76"/>
      <c r="S3716" s="76"/>
      <c r="T3716" s="76"/>
      <c r="U3716" s="76"/>
      <c r="V3716" s="76"/>
      <c r="W3716" s="76"/>
      <c r="X3716" s="76"/>
      <c r="Y3716" s="76"/>
      <c r="Z3716" s="76"/>
      <c r="AA3716" s="85"/>
      <c r="AB3716" s="85"/>
      <c r="AC3716" s="85"/>
      <c r="AD3716" s="85"/>
      <c r="AE3716" s="85"/>
      <c r="AF3716" s="85"/>
      <c r="AG3716" s="86"/>
      <c r="AH3716" s="85"/>
      <c r="AI3716" s="85"/>
      <c r="AJ3716" s="85"/>
      <c r="AK3716" s="85"/>
      <c r="AL3716" s="85"/>
      <c r="AM3716" s="92"/>
      <c r="AN3716" s="92"/>
      <c r="AO3716" s="92"/>
      <c r="AP3716" s="92"/>
      <c r="AQ3716" s="92"/>
      <c r="AR3716" s="92"/>
      <c r="AS3716" s="92"/>
      <c r="AT3716" s="92"/>
      <c r="AU3716" s="92"/>
      <c r="AV3716" s="92"/>
      <c r="AW3716" s="92"/>
      <c r="AX3716" s="92"/>
      <c r="AY3716" s="92"/>
      <c r="AZ3716" s="93"/>
      <c r="BA3716" s="93"/>
      <c r="BB3716" s="93"/>
      <c r="BC3716" s="93"/>
      <c r="BD3716" s="93"/>
      <c r="BE3716" s="93"/>
      <c r="BF3716" s="93"/>
      <c r="BG3716" s="93"/>
      <c r="BH3716" s="93"/>
      <c r="BI3716" s="93"/>
      <c r="BJ3716" s="93"/>
      <c r="BK3716" s="93"/>
      <c r="BL3716" s="93"/>
    </row>
    <row r="3717" spans="2:64" x14ac:dyDescent="0.2">
      <c r="B3717" s="43"/>
      <c r="C3717" s="73"/>
      <c r="D3717" s="64"/>
      <c r="E3717" s="55"/>
      <c r="F3717" s="74"/>
      <c r="G3717" s="74"/>
      <c r="H3717" s="74"/>
      <c r="I3717" s="75"/>
      <c r="J3717" s="74"/>
      <c r="L3717" s="55"/>
      <c r="M3717" s="234"/>
      <c r="N3717" s="65"/>
      <c r="O3717" s="76"/>
      <c r="P3717" s="76"/>
      <c r="Q3717" s="65"/>
      <c r="R3717" s="76"/>
      <c r="S3717" s="76"/>
      <c r="T3717" s="76"/>
      <c r="U3717" s="76"/>
      <c r="V3717" s="76"/>
      <c r="W3717" s="76"/>
      <c r="X3717" s="76"/>
      <c r="Y3717" s="76"/>
      <c r="Z3717" s="76"/>
      <c r="AA3717" s="85"/>
      <c r="AB3717" s="85"/>
      <c r="AC3717" s="85"/>
      <c r="AD3717" s="85"/>
      <c r="AE3717" s="85"/>
      <c r="AF3717" s="85"/>
      <c r="AG3717" s="86"/>
      <c r="AH3717" s="85"/>
      <c r="AI3717" s="85"/>
      <c r="AJ3717" s="85"/>
      <c r="AK3717" s="85"/>
      <c r="AL3717" s="85"/>
      <c r="AM3717" s="92"/>
      <c r="AN3717" s="92"/>
      <c r="AO3717" s="92"/>
      <c r="AP3717" s="92"/>
      <c r="AQ3717" s="92"/>
      <c r="AR3717" s="92"/>
      <c r="AS3717" s="92"/>
      <c r="AT3717" s="92"/>
      <c r="AU3717" s="92"/>
      <c r="AV3717" s="92"/>
      <c r="AW3717" s="92"/>
      <c r="AX3717" s="92"/>
      <c r="AY3717" s="92"/>
      <c r="AZ3717" s="93"/>
      <c r="BA3717" s="93"/>
      <c r="BB3717" s="93"/>
      <c r="BC3717" s="93"/>
      <c r="BD3717" s="93"/>
      <c r="BE3717" s="93"/>
      <c r="BF3717" s="93"/>
      <c r="BG3717" s="93"/>
      <c r="BH3717" s="93"/>
      <c r="BI3717" s="93"/>
      <c r="BJ3717" s="93"/>
      <c r="BK3717" s="93"/>
      <c r="BL3717" s="93"/>
    </row>
    <row r="3718" spans="2:64" x14ac:dyDescent="0.2">
      <c r="B3718" s="43"/>
      <c r="C3718" s="73"/>
      <c r="D3718" s="64"/>
      <c r="E3718" s="55"/>
      <c r="F3718" s="74"/>
      <c r="G3718" s="74"/>
      <c r="H3718" s="74"/>
      <c r="I3718" s="75"/>
      <c r="J3718" s="74"/>
      <c r="L3718" s="55"/>
      <c r="M3718" s="234"/>
      <c r="N3718" s="65"/>
      <c r="O3718" s="76"/>
      <c r="P3718" s="76"/>
      <c r="Q3718" s="65"/>
      <c r="R3718" s="76"/>
      <c r="S3718" s="76"/>
      <c r="T3718" s="76"/>
      <c r="U3718" s="76"/>
      <c r="V3718" s="76"/>
      <c r="W3718" s="76"/>
      <c r="X3718" s="76"/>
      <c r="Y3718" s="76"/>
      <c r="Z3718" s="76"/>
      <c r="AA3718" s="85"/>
      <c r="AB3718" s="85"/>
      <c r="AC3718" s="85"/>
      <c r="AD3718" s="85"/>
      <c r="AE3718" s="85"/>
      <c r="AF3718" s="85"/>
      <c r="AG3718" s="86"/>
      <c r="AH3718" s="85"/>
      <c r="AI3718" s="85"/>
      <c r="AJ3718" s="85"/>
      <c r="AK3718" s="85"/>
      <c r="AL3718" s="85"/>
      <c r="AM3718" s="92"/>
      <c r="AN3718" s="92"/>
      <c r="AO3718" s="92"/>
      <c r="AP3718" s="92"/>
      <c r="AQ3718" s="92"/>
      <c r="AR3718" s="92"/>
      <c r="AS3718" s="92"/>
      <c r="AT3718" s="92"/>
      <c r="AU3718" s="92"/>
      <c r="AV3718" s="92"/>
      <c r="AW3718" s="92"/>
      <c r="AX3718" s="92"/>
      <c r="AY3718" s="92"/>
      <c r="AZ3718" s="93"/>
      <c r="BA3718" s="93"/>
      <c r="BB3718" s="93"/>
      <c r="BC3718" s="93"/>
      <c r="BD3718" s="93"/>
      <c r="BE3718" s="93"/>
      <c r="BF3718" s="93"/>
      <c r="BG3718" s="93"/>
      <c r="BH3718" s="93"/>
      <c r="BI3718" s="93"/>
      <c r="BJ3718" s="93"/>
      <c r="BK3718" s="93"/>
      <c r="BL3718" s="93"/>
    </row>
    <row r="3719" spans="2:64" x14ac:dyDescent="0.2">
      <c r="B3719" s="43"/>
      <c r="C3719" s="73"/>
      <c r="D3719" s="64"/>
      <c r="E3719" s="55"/>
      <c r="F3719" s="74"/>
      <c r="G3719" s="74"/>
      <c r="H3719" s="74"/>
      <c r="I3719" s="75"/>
      <c r="J3719" s="74"/>
      <c r="L3719" s="55"/>
      <c r="M3719" s="234"/>
      <c r="N3719" s="65"/>
      <c r="O3719" s="76"/>
      <c r="P3719" s="76"/>
      <c r="Q3719" s="65"/>
      <c r="R3719" s="76"/>
      <c r="S3719" s="76"/>
      <c r="T3719" s="76"/>
      <c r="U3719" s="76"/>
      <c r="V3719" s="76"/>
      <c r="W3719" s="76"/>
      <c r="X3719" s="76"/>
      <c r="Y3719" s="76"/>
      <c r="Z3719" s="76"/>
      <c r="AA3719" s="85"/>
      <c r="AB3719" s="85"/>
      <c r="AC3719" s="85"/>
      <c r="AD3719" s="85"/>
      <c r="AE3719" s="85"/>
      <c r="AF3719" s="85"/>
      <c r="AG3719" s="86"/>
      <c r="AH3719" s="85"/>
      <c r="AI3719" s="85"/>
      <c r="AJ3719" s="85"/>
      <c r="AK3719" s="85"/>
      <c r="AL3719" s="85"/>
      <c r="AM3719" s="92"/>
      <c r="AN3719" s="92"/>
      <c r="AO3719" s="92"/>
      <c r="AP3719" s="92"/>
      <c r="AQ3719" s="92"/>
      <c r="AR3719" s="92"/>
      <c r="AS3719" s="92"/>
      <c r="AT3719" s="92"/>
      <c r="AU3719" s="92"/>
      <c r="AV3719" s="92"/>
      <c r="AW3719" s="92"/>
      <c r="AX3719" s="92"/>
      <c r="AY3719" s="92"/>
      <c r="AZ3719" s="93"/>
      <c r="BA3719" s="93"/>
      <c r="BB3719" s="93"/>
      <c r="BC3719" s="93"/>
      <c r="BD3719" s="93"/>
      <c r="BE3719" s="93"/>
      <c r="BF3719" s="93"/>
      <c r="BG3719" s="93"/>
      <c r="BH3719" s="93"/>
      <c r="BI3719" s="93"/>
      <c r="BJ3719" s="93"/>
      <c r="BK3719" s="93"/>
      <c r="BL3719" s="93"/>
    </row>
    <row r="3720" spans="2:64" x14ac:dyDescent="0.2">
      <c r="B3720" s="43"/>
      <c r="C3720" s="73"/>
      <c r="D3720" s="64"/>
      <c r="E3720" s="55"/>
      <c r="F3720" s="74"/>
      <c r="G3720" s="74"/>
      <c r="H3720" s="74"/>
      <c r="I3720" s="75"/>
      <c r="J3720" s="74"/>
      <c r="L3720" s="55"/>
      <c r="M3720" s="234"/>
      <c r="N3720" s="65"/>
      <c r="O3720" s="76"/>
      <c r="P3720" s="76"/>
      <c r="Q3720" s="65"/>
      <c r="R3720" s="76"/>
      <c r="S3720" s="76"/>
      <c r="T3720" s="76"/>
      <c r="U3720" s="76"/>
      <c r="V3720" s="76"/>
      <c r="W3720" s="76"/>
      <c r="X3720" s="76"/>
      <c r="Y3720" s="76"/>
      <c r="Z3720" s="76"/>
      <c r="AA3720" s="85"/>
      <c r="AB3720" s="85"/>
      <c r="AC3720" s="85"/>
      <c r="AD3720" s="85"/>
      <c r="AE3720" s="85"/>
      <c r="AF3720" s="85"/>
      <c r="AG3720" s="86"/>
      <c r="AH3720" s="85"/>
      <c r="AI3720" s="85"/>
      <c r="AJ3720" s="85"/>
      <c r="AK3720" s="85"/>
      <c r="AL3720" s="85"/>
      <c r="AM3720" s="92"/>
      <c r="AN3720" s="92"/>
      <c r="AO3720" s="92"/>
      <c r="AP3720" s="92"/>
      <c r="AQ3720" s="92"/>
      <c r="AR3720" s="92"/>
      <c r="AS3720" s="92"/>
      <c r="AT3720" s="92"/>
      <c r="AU3720" s="92"/>
      <c r="AV3720" s="92"/>
      <c r="AW3720" s="92"/>
      <c r="AX3720" s="92"/>
      <c r="AY3720" s="92"/>
      <c r="AZ3720" s="93"/>
      <c r="BA3720" s="93"/>
      <c r="BB3720" s="93"/>
      <c r="BC3720" s="93"/>
      <c r="BD3720" s="93"/>
      <c r="BE3720" s="93"/>
      <c r="BF3720" s="93"/>
      <c r="BG3720" s="93"/>
      <c r="BH3720" s="93"/>
      <c r="BI3720" s="93"/>
      <c r="BJ3720" s="93"/>
      <c r="BK3720" s="93"/>
      <c r="BL3720" s="93"/>
    </row>
    <row r="3721" spans="2:64" x14ac:dyDescent="0.2">
      <c r="B3721" s="43"/>
      <c r="C3721" s="73"/>
      <c r="D3721" s="64"/>
      <c r="E3721" s="55"/>
      <c r="F3721" s="74"/>
      <c r="G3721" s="74"/>
      <c r="H3721" s="74"/>
      <c r="I3721" s="75"/>
      <c r="J3721" s="74"/>
      <c r="L3721" s="55"/>
      <c r="M3721" s="234"/>
      <c r="N3721" s="65"/>
      <c r="O3721" s="76"/>
      <c r="P3721" s="76"/>
      <c r="Q3721" s="65"/>
      <c r="R3721" s="76"/>
      <c r="S3721" s="76"/>
      <c r="T3721" s="76"/>
      <c r="U3721" s="76"/>
      <c r="V3721" s="76"/>
      <c r="W3721" s="76"/>
      <c r="X3721" s="76"/>
      <c r="Y3721" s="76"/>
      <c r="Z3721" s="76"/>
      <c r="AA3721" s="85"/>
      <c r="AB3721" s="85"/>
      <c r="AC3721" s="85"/>
      <c r="AD3721" s="85"/>
      <c r="AE3721" s="85"/>
      <c r="AF3721" s="85"/>
      <c r="AG3721" s="86"/>
      <c r="AH3721" s="85"/>
      <c r="AI3721" s="85"/>
      <c r="AJ3721" s="85"/>
      <c r="AK3721" s="85"/>
      <c r="AL3721" s="85"/>
      <c r="AM3721" s="92"/>
      <c r="AN3721" s="92"/>
      <c r="AO3721" s="92"/>
      <c r="AP3721" s="92"/>
      <c r="AQ3721" s="92"/>
      <c r="AR3721" s="92"/>
      <c r="AS3721" s="92"/>
      <c r="AT3721" s="92"/>
      <c r="AU3721" s="92"/>
      <c r="AV3721" s="92"/>
      <c r="AW3721" s="92"/>
      <c r="AX3721" s="92"/>
      <c r="AY3721" s="92"/>
      <c r="AZ3721" s="93"/>
      <c r="BA3721" s="93"/>
      <c r="BB3721" s="93"/>
      <c r="BC3721" s="93"/>
      <c r="BD3721" s="93"/>
      <c r="BE3721" s="93"/>
      <c r="BF3721" s="93"/>
      <c r="BG3721" s="93"/>
      <c r="BH3721" s="93"/>
      <c r="BI3721" s="93"/>
      <c r="BJ3721" s="93"/>
      <c r="BK3721" s="93"/>
      <c r="BL3721" s="93"/>
    </row>
    <row r="3722" spans="2:64" x14ac:dyDescent="0.2">
      <c r="B3722" s="43"/>
      <c r="C3722" s="73"/>
      <c r="D3722" s="64"/>
      <c r="E3722" s="55"/>
      <c r="F3722" s="74"/>
      <c r="G3722" s="74"/>
      <c r="H3722" s="74"/>
      <c r="I3722" s="75"/>
      <c r="J3722" s="74"/>
      <c r="L3722" s="55"/>
      <c r="M3722" s="234"/>
      <c r="N3722" s="65"/>
      <c r="O3722" s="76"/>
      <c r="P3722" s="76"/>
      <c r="Q3722" s="65"/>
      <c r="R3722" s="76"/>
      <c r="S3722" s="76"/>
      <c r="T3722" s="76"/>
      <c r="U3722" s="76"/>
      <c r="V3722" s="76"/>
      <c r="W3722" s="76"/>
      <c r="X3722" s="76"/>
      <c r="Y3722" s="76"/>
      <c r="Z3722" s="76"/>
      <c r="AA3722" s="85"/>
      <c r="AB3722" s="85"/>
      <c r="AC3722" s="85"/>
      <c r="AD3722" s="85"/>
      <c r="AE3722" s="85"/>
      <c r="AF3722" s="85"/>
      <c r="AG3722" s="86"/>
      <c r="AH3722" s="85"/>
      <c r="AI3722" s="85"/>
      <c r="AJ3722" s="85"/>
      <c r="AK3722" s="85"/>
      <c r="AL3722" s="85"/>
      <c r="AM3722" s="92"/>
      <c r="AN3722" s="92"/>
      <c r="AO3722" s="92"/>
      <c r="AP3722" s="92"/>
      <c r="AQ3722" s="92"/>
      <c r="AR3722" s="92"/>
      <c r="AS3722" s="92"/>
      <c r="AT3722" s="92"/>
      <c r="AU3722" s="92"/>
      <c r="AV3722" s="92"/>
      <c r="AW3722" s="92"/>
      <c r="AX3722" s="92"/>
      <c r="AY3722" s="92"/>
      <c r="AZ3722" s="93"/>
      <c r="BA3722" s="93"/>
      <c r="BB3722" s="93"/>
      <c r="BC3722" s="93"/>
      <c r="BD3722" s="93"/>
      <c r="BE3722" s="93"/>
      <c r="BF3722" s="93"/>
      <c r="BG3722" s="93"/>
      <c r="BH3722" s="93"/>
      <c r="BI3722" s="93"/>
      <c r="BJ3722" s="93"/>
      <c r="BK3722" s="93"/>
      <c r="BL3722" s="93"/>
    </row>
    <row r="3723" spans="2:64" x14ac:dyDescent="0.2">
      <c r="B3723" s="43"/>
      <c r="C3723" s="73"/>
      <c r="D3723" s="64"/>
      <c r="E3723" s="55"/>
      <c r="F3723" s="74"/>
      <c r="G3723" s="74"/>
      <c r="H3723" s="74"/>
      <c r="I3723" s="75"/>
      <c r="J3723" s="74"/>
      <c r="L3723" s="55"/>
      <c r="M3723" s="234"/>
      <c r="N3723" s="65"/>
      <c r="O3723" s="76"/>
      <c r="P3723" s="76"/>
      <c r="Q3723" s="65"/>
      <c r="R3723" s="76"/>
      <c r="S3723" s="76"/>
      <c r="T3723" s="76"/>
      <c r="U3723" s="76"/>
      <c r="V3723" s="76"/>
      <c r="W3723" s="76"/>
      <c r="X3723" s="76"/>
      <c r="Y3723" s="76"/>
      <c r="Z3723" s="76"/>
      <c r="AA3723" s="85"/>
      <c r="AB3723" s="85"/>
      <c r="AC3723" s="85"/>
      <c r="AD3723" s="85"/>
      <c r="AE3723" s="85"/>
      <c r="AF3723" s="85"/>
      <c r="AG3723" s="86"/>
      <c r="AH3723" s="85"/>
      <c r="AI3723" s="85"/>
      <c r="AJ3723" s="85"/>
      <c r="AK3723" s="85"/>
      <c r="AL3723" s="85"/>
      <c r="AM3723" s="92"/>
      <c r="AN3723" s="92"/>
      <c r="AO3723" s="92"/>
      <c r="AP3723" s="92"/>
      <c r="AQ3723" s="92"/>
      <c r="AR3723" s="92"/>
      <c r="AS3723" s="92"/>
      <c r="AT3723" s="92"/>
      <c r="AU3723" s="92"/>
      <c r="AV3723" s="92"/>
      <c r="AW3723" s="92"/>
      <c r="AX3723" s="92"/>
      <c r="AY3723" s="92"/>
      <c r="AZ3723" s="93"/>
      <c r="BA3723" s="93"/>
      <c r="BB3723" s="93"/>
      <c r="BC3723" s="93"/>
      <c r="BD3723" s="93"/>
      <c r="BE3723" s="93"/>
      <c r="BF3723" s="93"/>
      <c r="BG3723" s="93"/>
      <c r="BH3723" s="93"/>
      <c r="BI3723" s="93"/>
      <c r="BJ3723" s="93"/>
      <c r="BK3723" s="93"/>
      <c r="BL3723" s="93"/>
    </row>
    <row r="3724" spans="2:64" x14ac:dyDescent="0.2">
      <c r="B3724" s="43"/>
      <c r="C3724" s="73"/>
      <c r="D3724" s="64"/>
      <c r="E3724" s="55"/>
      <c r="F3724" s="74"/>
      <c r="G3724" s="74"/>
      <c r="H3724" s="74"/>
      <c r="I3724" s="75"/>
      <c r="J3724" s="74"/>
      <c r="L3724" s="55"/>
      <c r="M3724" s="234"/>
      <c r="N3724" s="65"/>
      <c r="O3724" s="76"/>
      <c r="P3724" s="76"/>
      <c r="Q3724" s="65"/>
      <c r="R3724" s="76"/>
      <c r="S3724" s="76"/>
      <c r="T3724" s="76"/>
      <c r="U3724" s="76"/>
      <c r="V3724" s="76"/>
      <c r="W3724" s="76"/>
      <c r="X3724" s="76"/>
      <c r="Y3724" s="76"/>
      <c r="Z3724" s="76"/>
      <c r="AA3724" s="85"/>
      <c r="AB3724" s="85"/>
      <c r="AC3724" s="85"/>
      <c r="AD3724" s="85"/>
      <c r="AE3724" s="85"/>
      <c r="AF3724" s="85"/>
      <c r="AG3724" s="86"/>
      <c r="AH3724" s="85"/>
      <c r="AI3724" s="85"/>
      <c r="AJ3724" s="85"/>
      <c r="AK3724" s="85"/>
      <c r="AL3724" s="85"/>
      <c r="AM3724" s="92"/>
      <c r="AN3724" s="92"/>
      <c r="AO3724" s="92"/>
      <c r="AP3724" s="92"/>
      <c r="AQ3724" s="92"/>
      <c r="AR3724" s="92"/>
      <c r="AS3724" s="92"/>
      <c r="AT3724" s="92"/>
      <c r="AU3724" s="92"/>
      <c r="AV3724" s="92"/>
      <c r="AW3724" s="92"/>
      <c r="AX3724" s="92"/>
      <c r="AY3724" s="92"/>
      <c r="AZ3724" s="93"/>
      <c r="BA3724" s="93"/>
      <c r="BB3724" s="93"/>
      <c r="BC3724" s="93"/>
      <c r="BD3724" s="93"/>
      <c r="BE3724" s="93"/>
      <c r="BF3724" s="93"/>
      <c r="BG3724" s="93"/>
      <c r="BH3724" s="93"/>
      <c r="BI3724" s="93"/>
      <c r="BJ3724" s="93"/>
      <c r="BK3724" s="93"/>
      <c r="BL3724" s="93"/>
    </row>
    <row r="3725" spans="2:64" x14ac:dyDescent="0.2">
      <c r="B3725" s="43"/>
      <c r="C3725" s="73"/>
      <c r="D3725" s="64"/>
      <c r="E3725" s="55"/>
      <c r="F3725" s="74"/>
      <c r="G3725" s="74"/>
      <c r="H3725" s="74"/>
      <c r="I3725" s="75"/>
      <c r="J3725" s="74"/>
      <c r="L3725" s="55"/>
      <c r="M3725" s="234"/>
      <c r="N3725" s="65"/>
      <c r="O3725" s="76"/>
      <c r="P3725" s="76"/>
      <c r="Q3725" s="65"/>
      <c r="R3725" s="76"/>
      <c r="S3725" s="76"/>
      <c r="T3725" s="76"/>
      <c r="U3725" s="76"/>
      <c r="V3725" s="76"/>
      <c r="W3725" s="76"/>
      <c r="X3725" s="76"/>
      <c r="Y3725" s="76"/>
      <c r="Z3725" s="76"/>
      <c r="AA3725" s="85"/>
      <c r="AB3725" s="85"/>
      <c r="AC3725" s="85"/>
      <c r="AD3725" s="85"/>
      <c r="AE3725" s="85"/>
      <c r="AF3725" s="85"/>
      <c r="AG3725" s="86"/>
      <c r="AH3725" s="85"/>
      <c r="AI3725" s="85"/>
      <c r="AJ3725" s="85"/>
      <c r="AK3725" s="85"/>
      <c r="AL3725" s="85"/>
      <c r="AM3725" s="92"/>
      <c r="AN3725" s="92"/>
      <c r="AO3725" s="92"/>
      <c r="AP3725" s="92"/>
      <c r="AQ3725" s="92"/>
      <c r="AR3725" s="92"/>
      <c r="AS3725" s="92"/>
      <c r="AT3725" s="92"/>
      <c r="AU3725" s="92"/>
      <c r="AV3725" s="92"/>
      <c r="AW3725" s="92"/>
      <c r="AX3725" s="92"/>
      <c r="AY3725" s="92"/>
      <c r="AZ3725" s="93"/>
      <c r="BA3725" s="93"/>
      <c r="BB3725" s="93"/>
      <c r="BC3725" s="93"/>
      <c r="BD3725" s="93"/>
      <c r="BE3725" s="93"/>
      <c r="BF3725" s="93"/>
      <c r="BG3725" s="93"/>
      <c r="BH3725" s="93"/>
      <c r="BI3725" s="93"/>
      <c r="BJ3725" s="93"/>
      <c r="BK3725" s="93"/>
      <c r="BL3725" s="93"/>
    </row>
    <row r="3726" spans="2:64" x14ac:dyDescent="0.2">
      <c r="B3726" s="43"/>
      <c r="C3726" s="73"/>
      <c r="D3726" s="64"/>
      <c r="E3726" s="55"/>
      <c r="F3726" s="74"/>
      <c r="G3726" s="74"/>
      <c r="H3726" s="74"/>
      <c r="I3726" s="75"/>
      <c r="J3726" s="74"/>
      <c r="L3726" s="55"/>
      <c r="M3726" s="234"/>
      <c r="N3726" s="65"/>
      <c r="O3726" s="76"/>
      <c r="P3726" s="76"/>
      <c r="Q3726" s="65"/>
      <c r="R3726" s="76"/>
      <c r="S3726" s="76"/>
      <c r="T3726" s="76"/>
      <c r="U3726" s="76"/>
      <c r="V3726" s="76"/>
      <c r="W3726" s="76"/>
      <c r="X3726" s="76"/>
      <c r="Y3726" s="76"/>
      <c r="Z3726" s="76"/>
      <c r="AA3726" s="85"/>
      <c r="AB3726" s="85"/>
      <c r="AC3726" s="85"/>
      <c r="AD3726" s="85"/>
      <c r="AE3726" s="85"/>
      <c r="AF3726" s="85"/>
      <c r="AG3726" s="86"/>
      <c r="AH3726" s="85"/>
      <c r="AI3726" s="85"/>
      <c r="AJ3726" s="85"/>
      <c r="AK3726" s="85"/>
      <c r="AL3726" s="85"/>
      <c r="AM3726" s="92"/>
      <c r="AN3726" s="92"/>
      <c r="AO3726" s="92"/>
      <c r="AP3726" s="92"/>
      <c r="AQ3726" s="92"/>
      <c r="AR3726" s="92"/>
      <c r="AS3726" s="92"/>
      <c r="AT3726" s="92"/>
      <c r="AU3726" s="92"/>
      <c r="AV3726" s="92"/>
      <c r="AW3726" s="92"/>
      <c r="AX3726" s="92"/>
      <c r="AY3726" s="92"/>
      <c r="AZ3726" s="93"/>
      <c r="BA3726" s="93"/>
      <c r="BB3726" s="93"/>
      <c r="BC3726" s="93"/>
      <c r="BD3726" s="93"/>
      <c r="BE3726" s="93"/>
      <c r="BF3726" s="93"/>
      <c r="BG3726" s="93"/>
      <c r="BH3726" s="93"/>
      <c r="BI3726" s="93"/>
      <c r="BJ3726" s="93"/>
      <c r="BK3726" s="93"/>
      <c r="BL3726" s="93"/>
    </row>
    <row r="3727" spans="2:64" x14ac:dyDescent="0.2">
      <c r="B3727" s="43"/>
      <c r="C3727" s="73"/>
      <c r="D3727" s="64"/>
      <c r="E3727" s="55"/>
      <c r="F3727" s="74"/>
      <c r="G3727" s="74"/>
      <c r="H3727" s="74"/>
      <c r="I3727" s="75"/>
      <c r="J3727" s="74"/>
      <c r="L3727" s="55"/>
      <c r="M3727" s="234"/>
      <c r="N3727" s="65"/>
      <c r="O3727" s="76"/>
      <c r="P3727" s="76"/>
      <c r="Q3727" s="65"/>
      <c r="R3727" s="76"/>
      <c r="S3727" s="76"/>
      <c r="T3727" s="76"/>
      <c r="U3727" s="76"/>
      <c r="V3727" s="76"/>
      <c r="W3727" s="76"/>
      <c r="X3727" s="76"/>
      <c r="Y3727" s="76"/>
      <c r="Z3727" s="76"/>
      <c r="AA3727" s="85"/>
      <c r="AB3727" s="85"/>
      <c r="AC3727" s="85"/>
      <c r="AD3727" s="85"/>
      <c r="AE3727" s="85"/>
      <c r="AF3727" s="85"/>
      <c r="AG3727" s="86"/>
      <c r="AH3727" s="85"/>
      <c r="AI3727" s="85"/>
      <c r="AJ3727" s="85"/>
      <c r="AK3727" s="85"/>
      <c r="AL3727" s="85"/>
      <c r="AM3727" s="92"/>
      <c r="AN3727" s="92"/>
      <c r="AO3727" s="92"/>
      <c r="AP3727" s="92"/>
      <c r="AQ3727" s="92"/>
      <c r="AR3727" s="92"/>
      <c r="AS3727" s="92"/>
      <c r="AT3727" s="92"/>
      <c r="AU3727" s="92"/>
      <c r="AV3727" s="92"/>
      <c r="AW3727" s="92"/>
      <c r="AX3727" s="92"/>
      <c r="AY3727" s="92"/>
      <c r="AZ3727" s="93"/>
      <c r="BA3727" s="93"/>
      <c r="BB3727" s="93"/>
      <c r="BC3727" s="93"/>
      <c r="BD3727" s="93"/>
      <c r="BE3727" s="93"/>
      <c r="BF3727" s="93"/>
      <c r="BG3727" s="93"/>
      <c r="BH3727" s="93"/>
      <c r="BI3727" s="93"/>
      <c r="BJ3727" s="93"/>
      <c r="BK3727" s="93"/>
      <c r="BL3727" s="93"/>
    </row>
    <row r="3728" spans="2:64" x14ac:dyDescent="0.2">
      <c r="B3728" s="43"/>
      <c r="C3728" s="73"/>
      <c r="D3728" s="64"/>
      <c r="E3728" s="55"/>
      <c r="F3728" s="74"/>
      <c r="G3728" s="74"/>
      <c r="H3728" s="74"/>
      <c r="I3728" s="75"/>
      <c r="J3728" s="74"/>
      <c r="L3728" s="55"/>
      <c r="M3728" s="234"/>
      <c r="N3728" s="65"/>
      <c r="O3728" s="76"/>
      <c r="P3728" s="76"/>
      <c r="Q3728" s="65"/>
      <c r="R3728" s="76"/>
      <c r="S3728" s="76"/>
      <c r="T3728" s="76"/>
      <c r="U3728" s="76"/>
      <c r="V3728" s="76"/>
      <c r="W3728" s="76"/>
      <c r="X3728" s="76"/>
      <c r="Y3728" s="76"/>
      <c r="Z3728" s="76"/>
      <c r="AA3728" s="85"/>
      <c r="AB3728" s="85"/>
      <c r="AC3728" s="85"/>
      <c r="AD3728" s="85"/>
      <c r="AE3728" s="85"/>
      <c r="AF3728" s="85"/>
      <c r="AG3728" s="86"/>
      <c r="AH3728" s="85"/>
      <c r="AI3728" s="85"/>
      <c r="AJ3728" s="85"/>
      <c r="AK3728" s="85"/>
      <c r="AL3728" s="85"/>
      <c r="AM3728" s="92"/>
      <c r="AN3728" s="92"/>
      <c r="AO3728" s="92"/>
      <c r="AP3728" s="92"/>
      <c r="AQ3728" s="92"/>
      <c r="AR3728" s="92"/>
      <c r="AS3728" s="92"/>
      <c r="AT3728" s="92"/>
      <c r="AU3728" s="92"/>
      <c r="AV3728" s="92"/>
      <c r="AW3728" s="92"/>
      <c r="AX3728" s="92"/>
      <c r="AY3728" s="92"/>
      <c r="AZ3728" s="93"/>
      <c r="BA3728" s="93"/>
      <c r="BB3728" s="93"/>
      <c r="BC3728" s="93"/>
      <c r="BD3728" s="93"/>
      <c r="BE3728" s="93"/>
      <c r="BF3728" s="93"/>
      <c r="BG3728" s="93"/>
      <c r="BH3728" s="93"/>
      <c r="BI3728" s="93"/>
      <c r="BJ3728" s="93"/>
      <c r="BK3728" s="93"/>
      <c r="BL3728" s="93"/>
    </row>
    <row r="3729" spans="2:64" x14ac:dyDescent="0.2">
      <c r="B3729" s="43"/>
      <c r="C3729" s="73"/>
      <c r="D3729" s="64"/>
      <c r="E3729" s="55"/>
      <c r="F3729" s="74"/>
      <c r="G3729" s="74"/>
      <c r="H3729" s="74"/>
      <c r="I3729" s="75"/>
      <c r="J3729" s="74"/>
      <c r="L3729" s="55"/>
      <c r="M3729" s="234"/>
      <c r="N3729" s="65"/>
      <c r="O3729" s="76"/>
      <c r="P3729" s="76"/>
      <c r="Q3729" s="65"/>
      <c r="R3729" s="76"/>
      <c r="S3729" s="76"/>
      <c r="T3729" s="76"/>
      <c r="U3729" s="76"/>
      <c r="V3729" s="76"/>
      <c r="W3729" s="76"/>
      <c r="X3729" s="76"/>
      <c r="Y3729" s="76"/>
      <c r="Z3729" s="76"/>
      <c r="AA3729" s="85"/>
      <c r="AB3729" s="85"/>
      <c r="AC3729" s="85"/>
      <c r="AD3729" s="85"/>
      <c r="AE3729" s="85"/>
      <c r="AF3729" s="85"/>
      <c r="AG3729" s="86"/>
      <c r="AH3729" s="85"/>
      <c r="AI3729" s="85"/>
      <c r="AJ3729" s="85"/>
      <c r="AK3729" s="85"/>
      <c r="AL3729" s="85"/>
      <c r="AM3729" s="92"/>
      <c r="AN3729" s="92"/>
      <c r="AO3729" s="92"/>
      <c r="AP3729" s="92"/>
      <c r="AQ3729" s="92"/>
      <c r="AR3729" s="92"/>
      <c r="AS3729" s="92"/>
      <c r="AT3729" s="92"/>
      <c r="AU3729" s="92"/>
      <c r="AV3729" s="92"/>
      <c r="AW3729" s="92"/>
      <c r="AX3729" s="92"/>
      <c r="AY3729" s="92"/>
      <c r="AZ3729" s="93"/>
      <c r="BA3729" s="93"/>
      <c r="BB3729" s="93"/>
      <c r="BC3729" s="93"/>
      <c r="BD3729" s="93"/>
      <c r="BE3729" s="93"/>
      <c r="BF3729" s="93"/>
      <c r="BG3729" s="93"/>
      <c r="BH3729" s="93"/>
      <c r="BI3729" s="93"/>
      <c r="BJ3729" s="93"/>
      <c r="BK3729" s="93"/>
      <c r="BL3729" s="93"/>
    </row>
    <row r="3730" spans="2:64" x14ac:dyDescent="0.2">
      <c r="B3730" s="43"/>
      <c r="C3730" s="73"/>
      <c r="D3730" s="64"/>
      <c r="E3730" s="55"/>
      <c r="F3730" s="74"/>
      <c r="G3730" s="74"/>
      <c r="H3730" s="74"/>
      <c r="I3730" s="75"/>
      <c r="J3730" s="74"/>
      <c r="L3730" s="55"/>
      <c r="M3730" s="234"/>
      <c r="N3730" s="65"/>
      <c r="O3730" s="76"/>
      <c r="P3730" s="76"/>
      <c r="Q3730" s="65"/>
      <c r="R3730" s="76"/>
      <c r="S3730" s="76"/>
      <c r="T3730" s="76"/>
      <c r="U3730" s="76"/>
      <c r="V3730" s="76"/>
      <c r="W3730" s="76"/>
      <c r="X3730" s="76"/>
      <c r="Y3730" s="76"/>
      <c r="Z3730" s="76"/>
      <c r="AA3730" s="85"/>
      <c r="AB3730" s="85"/>
      <c r="AC3730" s="85"/>
      <c r="AD3730" s="85"/>
      <c r="AE3730" s="85"/>
      <c r="AF3730" s="85"/>
      <c r="AG3730" s="86"/>
      <c r="AH3730" s="85"/>
      <c r="AI3730" s="85"/>
      <c r="AJ3730" s="85"/>
      <c r="AK3730" s="85"/>
      <c r="AL3730" s="85"/>
      <c r="AM3730" s="92"/>
      <c r="AN3730" s="92"/>
      <c r="AO3730" s="92"/>
      <c r="AP3730" s="92"/>
      <c r="AQ3730" s="92"/>
      <c r="AR3730" s="92"/>
      <c r="AS3730" s="92"/>
      <c r="AT3730" s="92"/>
      <c r="AU3730" s="92"/>
      <c r="AV3730" s="92"/>
      <c r="AW3730" s="92"/>
      <c r="AX3730" s="92"/>
      <c r="AY3730" s="92"/>
      <c r="AZ3730" s="93"/>
      <c r="BA3730" s="93"/>
      <c r="BB3730" s="93"/>
      <c r="BC3730" s="93"/>
      <c r="BD3730" s="93"/>
      <c r="BE3730" s="93"/>
      <c r="BF3730" s="93"/>
      <c r="BG3730" s="93"/>
      <c r="BH3730" s="93"/>
      <c r="BI3730" s="93"/>
      <c r="BJ3730" s="93"/>
      <c r="BK3730" s="93"/>
      <c r="BL3730" s="93"/>
    </row>
    <row r="3731" spans="2:64" x14ac:dyDescent="0.2">
      <c r="B3731" s="43"/>
      <c r="C3731" s="73"/>
      <c r="D3731" s="64"/>
      <c r="E3731" s="55"/>
      <c r="F3731" s="74"/>
      <c r="G3731" s="74"/>
      <c r="H3731" s="74"/>
      <c r="I3731" s="75"/>
      <c r="J3731" s="74"/>
      <c r="L3731" s="55"/>
      <c r="M3731" s="234"/>
      <c r="N3731" s="65"/>
      <c r="O3731" s="76"/>
      <c r="P3731" s="76"/>
      <c r="Q3731" s="65"/>
      <c r="R3731" s="76"/>
      <c r="S3731" s="76"/>
      <c r="T3731" s="76"/>
      <c r="U3731" s="76"/>
      <c r="V3731" s="76"/>
      <c r="W3731" s="76"/>
      <c r="X3731" s="76"/>
      <c r="Y3731" s="76"/>
      <c r="Z3731" s="76"/>
      <c r="AA3731" s="85"/>
      <c r="AB3731" s="85"/>
      <c r="AC3731" s="85"/>
      <c r="AD3731" s="85"/>
      <c r="AE3731" s="85"/>
      <c r="AF3731" s="85"/>
      <c r="AG3731" s="86"/>
      <c r="AH3731" s="85"/>
      <c r="AI3731" s="85"/>
      <c r="AJ3731" s="85"/>
      <c r="AK3731" s="85"/>
      <c r="AL3731" s="85"/>
      <c r="AM3731" s="92"/>
      <c r="AN3731" s="92"/>
      <c r="AO3731" s="92"/>
      <c r="AP3731" s="92"/>
      <c r="AQ3731" s="92"/>
      <c r="AR3731" s="92"/>
      <c r="AS3731" s="92"/>
      <c r="AT3731" s="92"/>
      <c r="AU3731" s="92"/>
      <c r="AV3731" s="92"/>
      <c r="AW3731" s="92"/>
      <c r="AX3731" s="92"/>
      <c r="AY3731" s="92"/>
      <c r="AZ3731" s="93"/>
      <c r="BA3731" s="93"/>
      <c r="BB3731" s="93"/>
      <c r="BC3731" s="93"/>
      <c r="BD3731" s="93"/>
      <c r="BE3731" s="93"/>
      <c r="BF3731" s="93"/>
      <c r="BG3731" s="93"/>
      <c r="BH3731" s="93"/>
      <c r="BI3731" s="93"/>
      <c r="BJ3731" s="93"/>
      <c r="BK3731" s="93"/>
      <c r="BL3731" s="93"/>
    </row>
    <row r="3732" spans="2:64" x14ac:dyDescent="0.2">
      <c r="B3732" s="43"/>
      <c r="C3732" s="73"/>
      <c r="D3732" s="64"/>
      <c r="E3732" s="55"/>
      <c r="F3732" s="74"/>
      <c r="G3732" s="74"/>
      <c r="H3732" s="74"/>
      <c r="I3732" s="75"/>
      <c r="J3732" s="74"/>
      <c r="L3732" s="55"/>
      <c r="M3732" s="234"/>
      <c r="N3732" s="65"/>
      <c r="O3732" s="76"/>
      <c r="P3732" s="76"/>
      <c r="Q3732" s="65"/>
      <c r="R3732" s="76"/>
      <c r="S3732" s="76"/>
      <c r="T3732" s="76"/>
      <c r="U3732" s="76"/>
      <c r="V3732" s="76"/>
      <c r="W3732" s="76"/>
      <c r="X3732" s="76"/>
      <c r="Y3732" s="76"/>
      <c r="Z3732" s="76"/>
      <c r="AA3732" s="85"/>
      <c r="AB3732" s="85"/>
      <c r="AC3732" s="85"/>
      <c r="AD3732" s="85"/>
      <c r="AE3732" s="85"/>
      <c r="AF3732" s="85"/>
      <c r="AG3732" s="86"/>
      <c r="AH3732" s="85"/>
      <c r="AI3732" s="85"/>
      <c r="AJ3732" s="85"/>
      <c r="AK3732" s="85"/>
      <c r="AL3732" s="85"/>
      <c r="AM3732" s="92"/>
      <c r="AN3732" s="92"/>
      <c r="AO3732" s="92"/>
      <c r="AP3732" s="92"/>
      <c r="AQ3732" s="92"/>
      <c r="AR3732" s="92"/>
      <c r="AS3732" s="92"/>
      <c r="AT3732" s="92"/>
      <c r="AU3732" s="92"/>
      <c r="AV3732" s="92"/>
      <c r="AW3732" s="92"/>
      <c r="AX3732" s="92"/>
      <c r="AY3732" s="92"/>
      <c r="AZ3732" s="93"/>
      <c r="BA3732" s="93"/>
      <c r="BB3732" s="93"/>
      <c r="BC3732" s="93"/>
      <c r="BD3732" s="93"/>
      <c r="BE3732" s="93"/>
      <c r="BF3732" s="93"/>
      <c r="BG3732" s="93"/>
      <c r="BH3732" s="93"/>
      <c r="BI3732" s="93"/>
      <c r="BJ3732" s="93"/>
      <c r="BK3732" s="93"/>
      <c r="BL3732" s="93"/>
    </row>
    <row r="3733" spans="2:64" x14ac:dyDescent="0.2">
      <c r="B3733" s="43"/>
      <c r="C3733" s="73"/>
      <c r="D3733" s="64"/>
      <c r="E3733" s="55"/>
      <c r="F3733" s="74"/>
      <c r="G3733" s="74"/>
      <c r="H3733" s="74"/>
      <c r="I3733" s="75"/>
      <c r="J3733" s="74"/>
      <c r="L3733" s="55"/>
      <c r="M3733" s="234"/>
      <c r="N3733" s="65"/>
      <c r="O3733" s="76"/>
      <c r="P3733" s="76"/>
      <c r="Q3733" s="65"/>
      <c r="R3733" s="76"/>
      <c r="S3733" s="76"/>
      <c r="T3733" s="76"/>
      <c r="U3733" s="76"/>
      <c r="V3733" s="76"/>
      <c r="W3733" s="76"/>
      <c r="X3733" s="76"/>
      <c r="Y3733" s="76"/>
      <c r="Z3733" s="76"/>
      <c r="AA3733" s="85"/>
      <c r="AB3733" s="85"/>
      <c r="AC3733" s="85"/>
      <c r="AD3733" s="85"/>
      <c r="AE3733" s="85"/>
      <c r="AF3733" s="85"/>
      <c r="AG3733" s="86"/>
      <c r="AH3733" s="85"/>
      <c r="AI3733" s="85"/>
      <c r="AJ3733" s="85"/>
      <c r="AK3733" s="85"/>
      <c r="AL3733" s="85"/>
      <c r="AM3733" s="92"/>
      <c r="AN3733" s="92"/>
      <c r="AO3733" s="92"/>
      <c r="AP3733" s="92"/>
      <c r="AQ3733" s="92"/>
      <c r="AR3733" s="92"/>
      <c r="AS3733" s="92"/>
      <c r="AT3733" s="92"/>
      <c r="AU3733" s="92"/>
      <c r="AV3733" s="92"/>
      <c r="AW3733" s="92"/>
      <c r="AX3733" s="92"/>
      <c r="AY3733" s="92"/>
      <c r="AZ3733" s="93"/>
      <c r="BA3733" s="93"/>
      <c r="BB3733" s="93"/>
      <c r="BC3733" s="93"/>
      <c r="BD3733" s="93"/>
      <c r="BE3733" s="93"/>
      <c r="BF3733" s="93"/>
      <c r="BG3733" s="93"/>
      <c r="BH3733" s="93"/>
      <c r="BI3733" s="93"/>
      <c r="BJ3733" s="93"/>
      <c r="BK3733" s="93"/>
      <c r="BL3733" s="93"/>
    </row>
    <row r="3734" spans="2:64" x14ac:dyDescent="0.2">
      <c r="B3734" s="43"/>
      <c r="C3734" s="73"/>
      <c r="D3734" s="64"/>
      <c r="E3734" s="55"/>
      <c r="F3734" s="74"/>
      <c r="G3734" s="74"/>
      <c r="H3734" s="74"/>
      <c r="I3734" s="75"/>
      <c r="J3734" s="74"/>
      <c r="L3734" s="55"/>
      <c r="M3734" s="234"/>
      <c r="N3734" s="65"/>
      <c r="O3734" s="76"/>
      <c r="P3734" s="76"/>
      <c r="Q3734" s="65"/>
      <c r="R3734" s="76"/>
      <c r="S3734" s="76"/>
      <c r="T3734" s="76"/>
      <c r="U3734" s="76"/>
      <c r="V3734" s="76"/>
      <c r="W3734" s="76"/>
      <c r="X3734" s="76"/>
      <c r="Y3734" s="76"/>
      <c r="Z3734" s="76"/>
      <c r="AA3734" s="85"/>
      <c r="AB3734" s="85"/>
      <c r="AC3734" s="85"/>
      <c r="AD3734" s="85"/>
      <c r="AE3734" s="85"/>
      <c r="AF3734" s="85"/>
      <c r="AG3734" s="86"/>
      <c r="AH3734" s="85"/>
      <c r="AI3734" s="85"/>
      <c r="AJ3734" s="85"/>
      <c r="AK3734" s="85"/>
      <c r="AL3734" s="85"/>
      <c r="AM3734" s="92"/>
      <c r="AN3734" s="92"/>
      <c r="AO3734" s="92"/>
      <c r="AP3734" s="92"/>
      <c r="AQ3734" s="92"/>
      <c r="AR3734" s="92"/>
      <c r="AS3734" s="92"/>
      <c r="AT3734" s="92"/>
      <c r="AU3734" s="92"/>
      <c r="AV3734" s="92"/>
      <c r="AW3734" s="92"/>
      <c r="AX3734" s="92"/>
      <c r="AY3734" s="92"/>
      <c r="AZ3734" s="93"/>
      <c r="BA3734" s="93"/>
      <c r="BB3734" s="93"/>
      <c r="BC3734" s="93"/>
      <c r="BD3734" s="93"/>
      <c r="BE3734" s="93"/>
      <c r="BF3734" s="93"/>
      <c r="BG3734" s="93"/>
      <c r="BH3734" s="93"/>
      <c r="BI3734" s="93"/>
      <c r="BJ3734" s="93"/>
      <c r="BK3734" s="93"/>
      <c r="BL3734" s="93"/>
    </row>
    <row r="3735" spans="2:64" x14ac:dyDescent="0.2">
      <c r="B3735" s="43"/>
      <c r="C3735" s="73"/>
      <c r="D3735" s="64"/>
      <c r="E3735" s="55"/>
      <c r="F3735" s="74"/>
      <c r="G3735" s="74"/>
      <c r="H3735" s="74"/>
      <c r="I3735" s="75"/>
      <c r="J3735" s="74"/>
      <c r="L3735" s="55"/>
      <c r="M3735" s="234"/>
      <c r="N3735" s="65"/>
      <c r="O3735" s="76"/>
      <c r="P3735" s="76"/>
      <c r="Q3735" s="65"/>
      <c r="R3735" s="76"/>
      <c r="S3735" s="76"/>
      <c r="T3735" s="76"/>
      <c r="U3735" s="76"/>
      <c r="V3735" s="76"/>
      <c r="W3735" s="76"/>
      <c r="X3735" s="76"/>
      <c r="Y3735" s="76"/>
      <c r="Z3735" s="76"/>
      <c r="AA3735" s="85"/>
      <c r="AB3735" s="85"/>
      <c r="AC3735" s="85"/>
      <c r="AD3735" s="85"/>
      <c r="AE3735" s="85"/>
      <c r="AF3735" s="85"/>
      <c r="AG3735" s="86"/>
      <c r="AH3735" s="85"/>
      <c r="AI3735" s="85"/>
      <c r="AJ3735" s="85"/>
      <c r="AK3735" s="85"/>
      <c r="AL3735" s="85"/>
      <c r="AM3735" s="92"/>
      <c r="AN3735" s="92"/>
      <c r="AO3735" s="92"/>
      <c r="AP3735" s="92"/>
      <c r="AQ3735" s="92"/>
      <c r="AR3735" s="92"/>
      <c r="AS3735" s="92"/>
      <c r="AT3735" s="92"/>
      <c r="AU3735" s="92"/>
      <c r="AV3735" s="92"/>
      <c r="AW3735" s="92"/>
      <c r="AX3735" s="92"/>
      <c r="AY3735" s="92"/>
      <c r="AZ3735" s="93"/>
      <c r="BA3735" s="93"/>
      <c r="BB3735" s="93"/>
      <c r="BC3735" s="93"/>
      <c r="BD3735" s="93"/>
      <c r="BE3735" s="93"/>
      <c r="BF3735" s="93"/>
      <c r="BG3735" s="93"/>
      <c r="BH3735" s="93"/>
      <c r="BI3735" s="93"/>
      <c r="BJ3735" s="93"/>
      <c r="BK3735" s="93"/>
      <c r="BL3735" s="93"/>
    </row>
    <row r="3736" spans="2:64" x14ac:dyDescent="0.2">
      <c r="B3736" s="43"/>
      <c r="C3736" s="73"/>
      <c r="D3736" s="64"/>
      <c r="E3736" s="55"/>
      <c r="F3736" s="74"/>
      <c r="G3736" s="74"/>
      <c r="H3736" s="74"/>
      <c r="I3736" s="75"/>
      <c r="J3736" s="74"/>
      <c r="L3736" s="55"/>
      <c r="M3736" s="234"/>
      <c r="N3736" s="65"/>
      <c r="O3736" s="76"/>
      <c r="P3736" s="76"/>
      <c r="Q3736" s="65"/>
      <c r="R3736" s="76"/>
      <c r="S3736" s="76"/>
      <c r="T3736" s="76"/>
      <c r="U3736" s="76"/>
      <c r="V3736" s="76"/>
      <c r="W3736" s="76"/>
      <c r="X3736" s="76"/>
      <c r="Y3736" s="76"/>
      <c r="Z3736" s="76"/>
      <c r="AA3736" s="85"/>
      <c r="AB3736" s="85"/>
      <c r="AC3736" s="85"/>
      <c r="AD3736" s="85"/>
      <c r="AE3736" s="85"/>
      <c r="AF3736" s="85"/>
      <c r="AG3736" s="86"/>
      <c r="AH3736" s="85"/>
      <c r="AI3736" s="85"/>
      <c r="AJ3736" s="85"/>
      <c r="AK3736" s="85"/>
      <c r="AL3736" s="85"/>
      <c r="AM3736" s="92"/>
      <c r="AN3736" s="92"/>
      <c r="AO3736" s="92"/>
      <c r="AP3736" s="92"/>
      <c r="AQ3736" s="92"/>
      <c r="AR3736" s="92"/>
      <c r="AS3736" s="92"/>
      <c r="AT3736" s="92"/>
      <c r="AU3736" s="92"/>
      <c r="AV3736" s="92"/>
      <c r="AW3736" s="92"/>
      <c r="AX3736" s="92"/>
      <c r="AY3736" s="92"/>
      <c r="AZ3736" s="93"/>
      <c r="BA3736" s="93"/>
      <c r="BB3736" s="93"/>
      <c r="BC3736" s="93"/>
      <c r="BD3736" s="93"/>
      <c r="BE3736" s="93"/>
      <c r="BF3736" s="93"/>
      <c r="BG3736" s="93"/>
      <c r="BH3736" s="93"/>
      <c r="BI3736" s="93"/>
      <c r="BJ3736" s="93"/>
      <c r="BK3736" s="93"/>
      <c r="BL3736" s="93"/>
    </row>
    <row r="3737" spans="2:64" x14ac:dyDescent="0.2">
      <c r="B3737" s="43"/>
      <c r="C3737" s="73"/>
      <c r="D3737" s="64"/>
      <c r="E3737" s="55"/>
      <c r="F3737" s="74"/>
      <c r="G3737" s="74"/>
      <c r="H3737" s="74"/>
      <c r="I3737" s="75"/>
      <c r="J3737" s="74"/>
      <c r="L3737" s="55"/>
      <c r="M3737" s="234"/>
      <c r="N3737" s="65"/>
      <c r="O3737" s="76"/>
      <c r="P3737" s="76"/>
      <c r="Q3737" s="65"/>
      <c r="R3737" s="76"/>
      <c r="S3737" s="76"/>
      <c r="T3737" s="76"/>
      <c r="U3737" s="76"/>
      <c r="V3737" s="76"/>
      <c r="W3737" s="76"/>
      <c r="X3737" s="76"/>
      <c r="Y3737" s="76"/>
      <c r="Z3737" s="76"/>
      <c r="AA3737" s="85"/>
      <c r="AB3737" s="85"/>
      <c r="AC3737" s="85"/>
      <c r="AD3737" s="85"/>
      <c r="AE3737" s="85"/>
      <c r="AF3737" s="85"/>
      <c r="AG3737" s="86"/>
      <c r="AH3737" s="85"/>
      <c r="AI3737" s="85"/>
      <c r="AJ3737" s="85"/>
      <c r="AK3737" s="85"/>
      <c r="AL3737" s="85"/>
      <c r="AM3737" s="92"/>
      <c r="AN3737" s="92"/>
      <c r="AO3737" s="92"/>
      <c r="AP3737" s="92"/>
      <c r="AQ3737" s="92"/>
      <c r="AR3737" s="92"/>
      <c r="AS3737" s="92"/>
      <c r="AT3737" s="92"/>
      <c r="AU3737" s="92"/>
      <c r="AV3737" s="92"/>
      <c r="AW3737" s="92"/>
      <c r="AX3737" s="92"/>
      <c r="AY3737" s="92"/>
      <c r="AZ3737" s="93"/>
      <c r="BA3737" s="93"/>
      <c r="BB3737" s="93"/>
      <c r="BC3737" s="93"/>
      <c r="BD3737" s="93"/>
      <c r="BE3737" s="93"/>
      <c r="BF3737" s="93"/>
      <c r="BG3737" s="93"/>
      <c r="BH3737" s="93"/>
      <c r="BI3737" s="93"/>
      <c r="BJ3737" s="93"/>
      <c r="BK3737" s="93"/>
      <c r="BL3737" s="93"/>
    </row>
    <row r="3738" spans="2:64" x14ac:dyDescent="0.2">
      <c r="B3738" s="43"/>
      <c r="C3738" s="73"/>
      <c r="D3738" s="64"/>
      <c r="E3738" s="55"/>
      <c r="F3738" s="74"/>
      <c r="G3738" s="74"/>
      <c r="H3738" s="74"/>
      <c r="I3738" s="75"/>
      <c r="J3738" s="74"/>
      <c r="L3738" s="55"/>
      <c r="M3738" s="234"/>
      <c r="N3738" s="65"/>
      <c r="O3738" s="76"/>
      <c r="P3738" s="76"/>
      <c r="Q3738" s="65"/>
      <c r="R3738" s="76"/>
      <c r="S3738" s="76"/>
      <c r="T3738" s="76"/>
      <c r="U3738" s="76"/>
      <c r="V3738" s="76"/>
      <c r="W3738" s="76"/>
      <c r="X3738" s="76"/>
      <c r="Y3738" s="76"/>
      <c r="Z3738" s="76"/>
      <c r="AA3738" s="85"/>
      <c r="AB3738" s="85"/>
      <c r="AC3738" s="85"/>
      <c r="AD3738" s="85"/>
      <c r="AE3738" s="85"/>
      <c r="AF3738" s="85"/>
      <c r="AG3738" s="86"/>
      <c r="AH3738" s="85"/>
      <c r="AI3738" s="85"/>
      <c r="AJ3738" s="85"/>
      <c r="AK3738" s="85"/>
      <c r="AL3738" s="85"/>
      <c r="AM3738" s="92"/>
      <c r="AN3738" s="92"/>
      <c r="AO3738" s="92"/>
      <c r="AP3738" s="92"/>
      <c r="AQ3738" s="92"/>
      <c r="AR3738" s="92"/>
      <c r="AS3738" s="92"/>
      <c r="AT3738" s="92"/>
      <c r="AU3738" s="92"/>
      <c r="AV3738" s="92"/>
      <c r="AW3738" s="92"/>
      <c r="AX3738" s="92"/>
      <c r="AY3738" s="92"/>
      <c r="AZ3738" s="93"/>
      <c r="BA3738" s="93"/>
      <c r="BB3738" s="93"/>
      <c r="BC3738" s="93"/>
      <c r="BD3738" s="93"/>
      <c r="BE3738" s="93"/>
      <c r="BF3738" s="93"/>
      <c r="BG3738" s="93"/>
      <c r="BH3738" s="93"/>
      <c r="BI3738" s="93"/>
      <c r="BJ3738" s="93"/>
      <c r="BK3738" s="93"/>
      <c r="BL3738" s="93"/>
    </row>
    <row r="3739" spans="2:64" x14ac:dyDescent="0.2">
      <c r="B3739" s="43"/>
      <c r="C3739" s="73"/>
      <c r="D3739" s="64"/>
      <c r="E3739" s="55"/>
      <c r="F3739" s="74"/>
      <c r="G3739" s="74"/>
      <c r="H3739" s="74"/>
      <c r="I3739" s="75"/>
      <c r="J3739" s="74"/>
      <c r="L3739" s="55"/>
      <c r="M3739" s="234"/>
      <c r="N3739" s="65"/>
      <c r="O3739" s="76"/>
      <c r="P3739" s="76"/>
      <c r="Q3739" s="65"/>
      <c r="R3739" s="76"/>
      <c r="S3739" s="76"/>
      <c r="T3739" s="76"/>
      <c r="U3739" s="76"/>
      <c r="V3739" s="76"/>
      <c r="W3739" s="76"/>
      <c r="X3739" s="76"/>
      <c r="Y3739" s="76"/>
      <c r="Z3739" s="76"/>
      <c r="AA3739" s="85"/>
      <c r="AB3739" s="85"/>
      <c r="AC3739" s="85"/>
      <c r="AD3739" s="85"/>
      <c r="AE3739" s="85"/>
      <c r="AF3739" s="85"/>
      <c r="AG3739" s="86"/>
      <c r="AH3739" s="85"/>
      <c r="AI3739" s="85"/>
      <c r="AJ3739" s="85"/>
      <c r="AK3739" s="85"/>
      <c r="AL3739" s="85"/>
      <c r="AM3739" s="92"/>
      <c r="AN3739" s="92"/>
      <c r="AO3739" s="92"/>
      <c r="AP3739" s="92"/>
      <c r="AQ3739" s="92"/>
      <c r="AR3739" s="92"/>
      <c r="AS3739" s="92"/>
      <c r="AT3739" s="92"/>
      <c r="AU3739" s="92"/>
      <c r="AV3739" s="92"/>
      <c r="AW3739" s="92"/>
      <c r="AX3739" s="92"/>
      <c r="AY3739" s="92"/>
      <c r="AZ3739" s="93"/>
      <c r="BA3739" s="93"/>
      <c r="BB3739" s="93"/>
      <c r="BC3739" s="93"/>
      <c r="BD3739" s="93"/>
      <c r="BE3739" s="93"/>
      <c r="BF3739" s="93"/>
      <c r="BG3739" s="93"/>
      <c r="BH3739" s="93"/>
      <c r="BI3739" s="93"/>
      <c r="BJ3739" s="93"/>
      <c r="BK3739" s="93"/>
      <c r="BL3739" s="93"/>
    </row>
    <row r="3740" spans="2:64" x14ac:dyDescent="0.2">
      <c r="B3740" s="43"/>
      <c r="C3740" s="73"/>
      <c r="D3740" s="64"/>
      <c r="E3740" s="55"/>
      <c r="F3740" s="74"/>
      <c r="G3740" s="74"/>
      <c r="H3740" s="74"/>
      <c r="I3740" s="75"/>
      <c r="J3740" s="74"/>
      <c r="L3740" s="55"/>
      <c r="M3740" s="234"/>
      <c r="N3740" s="65"/>
      <c r="O3740" s="76"/>
      <c r="P3740" s="76"/>
      <c r="Q3740" s="65"/>
      <c r="R3740" s="76"/>
      <c r="S3740" s="76"/>
      <c r="T3740" s="76"/>
      <c r="U3740" s="76"/>
      <c r="V3740" s="76"/>
      <c r="W3740" s="76"/>
      <c r="X3740" s="76"/>
      <c r="Y3740" s="76"/>
      <c r="Z3740" s="76"/>
      <c r="AA3740" s="85"/>
      <c r="AB3740" s="85"/>
      <c r="AC3740" s="85"/>
      <c r="AD3740" s="85"/>
      <c r="AE3740" s="85"/>
      <c r="AF3740" s="85"/>
      <c r="AG3740" s="86"/>
      <c r="AH3740" s="85"/>
      <c r="AI3740" s="85"/>
      <c r="AJ3740" s="85"/>
      <c r="AK3740" s="85"/>
      <c r="AL3740" s="85"/>
      <c r="AM3740" s="92"/>
      <c r="AN3740" s="92"/>
      <c r="AO3740" s="92"/>
      <c r="AP3740" s="92"/>
      <c r="AQ3740" s="92"/>
      <c r="AR3740" s="92"/>
      <c r="AS3740" s="92"/>
      <c r="AT3740" s="92"/>
      <c r="AU3740" s="92"/>
      <c r="AV3740" s="92"/>
      <c r="AW3740" s="92"/>
      <c r="AX3740" s="92"/>
      <c r="AY3740" s="92"/>
      <c r="AZ3740" s="93"/>
      <c r="BA3740" s="93"/>
      <c r="BB3740" s="93"/>
      <c r="BC3740" s="93"/>
      <c r="BD3740" s="93"/>
      <c r="BE3740" s="93"/>
      <c r="BF3740" s="93"/>
      <c r="BG3740" s="93"/>
      <c r="BH3740" s="93"/>
      <c r="BI3740" s="93"/>
      <c r="BJ3740" s="93"/>
      <c r="BK3740" s="93"/>
      <c r="BL3740" s="93"/>
    </row>
    <row r="3741" spans="2:64" x14ac:dyDescent="0.2">
      <c r="B3741" s="43"/>
      <c r="C3741" s="73"/>
      <c r="D3741" s="64"/>
      <c r="E3741" s="55"/>
      <c r="F3741" s="74"/>
      <c r="G3741" s="74"/>
      <c r="H3741" s="74"/>
      <c r="I3741" s="75"/>
      <c r="J3741" s="74"/>
      <c r="L3741" s="55"/>
      <c r="M3741" s="234"/>
      <c r="N3741" s="65"/>
      <c r="O3741" s="76"/>
      <c r="P3741" s="76"/>
      <c r="Q3741" s="65"/>
      <c r="R3741" s="76"/>
      <c r="S3741" s="76"/>
      <c r="T3741" s="76"/>
      <c r="U3741" s="76"/>
      <c r="V3741" s="76"/>
      <c r="W3741" s="76"/>
      <c r="X3741" s="76"/>
      <c r="Y3741" s="76"/>
      <c r="Z3741" s="76"/>
      <c r="AA3741" s="85"/>
      <c r="AB3741" s="85"/>
      <c r="AC3741" s="85"/>
      <c r="AD3741" s="85"/>
      <c r="AE3741" s="85"/>
      <c r="AF3741" s="85"/>
      <c r="AG3741" s="86"/>
      <c r="AH3741" s="85"/>
      <c r="AI3741" s="85"/>
      <c r="AJ3741" s="85"/>
      <c r="AK3741" s="85"/>
      <c r="AL3741" s="85"/>
      <c r="AM3741" s="92"/>
      <c r="AN3741" s="92"/>
      <c r="AO3741" s="92"/>
      <c r="AP3741" s="92"/>
      <c r="AQ3741" s="92"/>
      <c r="AR3741" s="92"/>
      <c r="AS3741" s="92"/>
      <c r="AT3741" s="92"/>
      <c r="AU3741" s="92"/>
      <c r="AV3741" s="92"/>
      <c r="AW3741" s="92"/>
      <c r="AX3741" s="92"/>
      <c r="AY3741" s="92"/>
      <c r="AZ3741" s="93"/>
      <c r="BA3741" s="93"/>
      <c r="BB3741" s="93"/>
      <c r="BC3741" s="93"/>
      <c r="BD3741" s="93"/>
      <c r="BE3741" s="93"/>
      <c r="BF3741" s="93"/>
      <c r="BG3741" s="93"/>
      <c r="BH3741" s="93"/>
      <c r="BI3741" s="93"/>
      <c r="BJ3741" s="93"/>
      <c r="BK3741" s="93"/>
      <c r="BL3741" s="93"/>
    </row>
    <row r="3742" spans="2:64" x14ac:dyDescent="0.2">
      <c r="B3742" s="43"/>
      <c r="C3742" s="73"/>
      <c r="D3742" s="64"/>
      <c r="E3742" s="55"/>
      <c r="F3742" s="74"/>
      <c r="G3742" s="74"/>
      <c r="H3742" s="74"/>
      <c r="I3742" s="75"/>
      <c r="J3742" s="74"/>
      <c r="L3742" s="55"/>
      <c r="M3742" s="234"/>
      <c r="N3742" s="65"/>
      <c r="O3742" s="76"/>
      <c r="P3742" s="76"/>
      <c r="Q3742" s="65"/>
      <c r="R3742" s="76"/>
      <c r="S3742" s="76"/>
      <c r="T3742" s="76"/>
      <c r="U3742" s="76"/>
      <c r="V3742" s="76"/>
      <c r="W3742" s="76"/>
      <c r="X3742" s="76"/>
      <c r="Y3742" s="76"/>
      <c r="Z3742" s="76"/>
      <c r="AA3742" s="85"/>
      <c r="AB3742" s="85"/>
      <c r="AC3742" s="85"/>
      <c r="AD3742" s="85"/>
      <c r="AE3742" s="85"/>
      <c r="AF3742" s="85"/>
      <c r="AG3742" s="86"/>
      <c r="AH3742" s="85"/>
      <c r="AI3742" s="85"/>
      <c r="AJ3742" s="85"/>
      <c r="AK3742" s="85"/>
      <c r="AL3742" s="85"/>
      <c r="AM3742" s="92"/>
      <c r="AN3742" s="92"/>
      <c r="AO3742" s="92"/>
      <c r="AP3742" s="92"/>
      <c r="AQ3742" s="92"/>
      <c r="AR3742" s="92"/>
      <c r="AS3742" s="92"/>
      <c r="AT3742" s="92"/>
      <c r="AU3742" s="92"/>
      <c r="AV3742" s="92"/>
      <c r="AW3742" s="92"/>
      <c r="AX3742" s="92"/>
      <c r="AY3742" s="92"/>
      <c r="AZ3742" s="93"/>
      <c r="BA3742" s="93"/>
      <c r="BB3742" s="93"/>
      <c r="BC3742" s="93"/>
      <c r="BD3742" s="93"/>
      <c r="BE3742" s="93"/>
      <c r="BF3742" s="93"/>
      <c r="BG3742" s="93"/>
      <c r="BH3742" s="93"/>
      <c r="BI3742" s="93"/>
      <c r="BJ3742" s="93"/>
      <c r="BK3742" s="93"/>
      <c r="BL3742" s="93"/>
    </row>
    <row r="3743" spans="2:64" x14ac:dyDescent="0.2">
      <c r="B3743" s="43"/>
      <c r="C3743" s="73"/>
      <c r="D3743" s="64"/>
      <c r="E3743" s="55"/>
      <c r="F3743" s="74"/>
      <c r="G3743" s="74"/>
      <c r="H3743" s="74"/>
      <c r="I3743" s="75"/>
      <c r="J3743" s="74"/>
      <c r="L3743" s="55"/>
      <c r="M3743" s="234"/>
      <c r="N3743" s="65"/>
      <c r="O3743" s="76"/>
      <c r="P3743" s="76"/>
      <c r="Q3743" s="65"/>
      <c r="R3743" s="76"/>
      <c r="S3743" s="76"/>
      <c r="T3743" s="76"/>
      <c r="U3743" s="76"/>
      <c r="V3743" s="76"/>
      <c r="W3743" s="76"/>
      <c r="X3743" s="76"/>
      <c r="Y3743" s="76"/>
      <c r="Z3743" s="76"/>
      <c r="AA3743" s="85"/>
      <c r="AB3743" s="85"/>
      <c r="AC3743" s="85"/>
      <c r="AD3743" s="85"/>
      <c r="AE3743" s="85"/>
      <c r="AF3743" s="85"/>
      <c r="AG3743" s="86"/>
      <c r="AH3743" s="85"/>
      <c r="AI3743" s="85"/>
      <c r="AJ3743" s="85"/>
      <c r="AK3743" s="85"/>
      <c r="AL3743" s="85"/>
      <c r="AM3743" s="92"/>
      <c r="AN3743" s="92"/>
      <c r="AO3743" s="92"/>
      <c r="AP3743" s="92"/>
      <c r="AQ3743" s="92"/>
      <c r="AR3743" s="92"/>
      <c r="AS3743" s="92"/>
      <c r="AT3743" s="92"/>
      <c r="AU3743" s="92"/>
      <c r="AV3743" s="92"/>
      <c r="AW3743" s="92"/>
      <c r="AX3743" s="92"/>
      <c r="AY3743" s="92"/>
      <c r="AZ3743" s="93"/>
      <c r="BA3743" s="93"/>
      <c r="BB3743" s="93"/>
      <c r="BC3743" s="93"/>
      <c r="BD3743" s="93"/>
      <c r="BE3743" s="93"/>
      <c r="BF3743" s="93"/>
      <c r="BG3743" s="93"/>
      <c r="BH3743" s="93"/>
      <c r="BI3743" s="93"/>
      <c r="BJ3743" s="93"/>
      <c r="BK3743" s="93"/>
      <c r="BL3743" s="93"/>
    </row>
    <row r="3744" spans="2:64" x14ac:dyDescent="0.2">
      <c r="B3744" s="43"/>
      <c r="C3744" s="73"/>
      <c r="D3744" s="64"/>
      <c r="E3744" s="55"/>
      <c r="F3744" s="74"/>
      <c r="G3744" s="74"/>
      <c r="H3744" s="74"/>
      <c r="I3744" s="75"/>
      <c r="J3744" s="74"/>
      <c r="L3744" s="55"/>
      <c r="M3744" s="234"/>
      <c r="N3744" s="65"/>
      <c r="O3744" s="76"/>
      <c r="P3744" s="76"/>
      <c r="Q3744" s="65"/>
      <c r="R3744" s="76"/>
      <c r="S3744" s="76"/>
      <c r="T3744" s="76"/>
      <c r="U3744" s="76"/>
      <c r="V3744" s="76"/>
      <c r="W3744" s="76"/>
      <c r="X3744" s="76"/>
      <c r="Y3744" s="76"/>
      <c r="Z3744" s="76"/>
      <c r="AA3744" s="85"/>
      <c r="AB3744" s="85"/>
      <c r="AC3744" s="85"/>
      <c r="AD3744" s="85"/>
      <c r="AE3744" s="85"/>
      <c r="AF3744" s="85"/>
      <c r="AG3744" s="86"/>
      <c r="AH3744" s="85"/>
      <c r="AI3744" s="85"/>
      <c r="AJ3744" s="85"/>
      <c r="AK3744" s="85"/>
      <c r="AL3744" s="85"/>
      <c r="AM3744" s="92"/>
      <c r="AN3744" s="92"/>
      <c r="AO3744" s="92"/>
      <c r="AP3744" s="92"/>
      <c r="AQ3744" s="92"/>
      <c r="AR3744" s="92"/>
      <c r="AS3744" s="92"/>
      <c r="AT3744" s="92"/>
      <c r="AU3744" s="92"/>
      <c r="AV3744" s="92"/>
      <c r="AW3744" s="92"/>
      <c r="AX3744" s="92"/>
      <c r="AY3744" s="92"/>
      <c r="AZ3744" s="93"/>
      <c r="BA3744" s="93"/>
      <c r="BB3744" s="93"/>
      <c r="BC3744" s="93"/>
      <c r="BD3744" s="93"/>
      <c r="BE3744" s="93"/>
      <c r="BF3744" s="93"/>
      <c r="BG3744" s="93"/>
      <c r="BH3744" s="93"/>
      <c r="BI3744" s="93"/>
      <c r="BJ3744" s="93"/>
      <c r="BK3744" s="93"/>
      <c r="BL3744" s="93"/>
    </row>
    <row r="3745" spans="2:64" x14ac:dyDescent="0.2">
      <c r="B3745" s="43"/>
      <c r="C3745" s="73"/>
      <c r="D3745" s="64"/>
      <c r="E3745" s="55"/>
      <c r="F3745" s="74"/>
      <c r="G3745" s="74"/>
      <c r="H3745" s="74"/>
      <c r="I3745" s="75"/>
      <c r="J3745" s="74"/>
      <c r="L3745" s="55"/>
      <c r="M3745" s="234"/>
      <c r="N3745" s="65"/>
      <c r="O3745" s="76"/>
      <c r="P3745" s="76"/>
      <c r="Q3745" s="65"/>
      <c r="R3745" s="76"/>
      <c r="S3745" s="76"/>
      <c r="T3745" s="76"/>
      <c r="U3745" s="76"/>
      <c r="V3745" s="76"/>
      <c r="W3745" s="76"/>
      <c r="X3745" s="76"/>
      <c r="Y3745" s="76"/>
      <c r="Z3745" s="76"/>
      <c r="AA3745" s="85"/>
      <c r="AB3745" s="85"/>
      <c r="AC3745" s="85"/>
      <c r="AD3745" s="85"/>
      <c r="AE3745" s="85"/>
      <c r="AF3745" s="85"/>
      <c r="AG3745" s="86"/>
      <c r="AH3745" s="85"/>
      <c r="AI3745" s="85"/>
      <c r="AJ3745" s="85"/>
      <c r="AK3745" s="85"/>
      <c r="AL3745" s="85"/>
      <c r="AM3745" s="92"/>
      <c r="AN3745" s="92"/>
      <c r="AO3745" s="92"/>
      <c r="AP3745" s="92"/>
      <c r="AQ3745" s="92"/>
      <c r="AR3745" s="92"/>
      <c r="AS3745" s="92"/>
      <c r="AT3745" s="92"/>
      <c r="AU3745" s="92"/>
      <c r="AV3745" s="92"/>
      <c r="AW3745" s="92"/>
      <c r="AX3745" s="92"/>
      <c r="AY3745" s="92"/>
      <c r="AZ3745" s="93"/>
      <c r="BA3745" s="93"/>
      <c r="BB3745" s="93"/>
      <c r="BC3745" s="93"/>
      <c r="BD3745" s="93"/>
      <c r="BE3745" s="93"/>
      <c r="BF3745" s="93"/>
      <c r="BG3745" s="93"/>
      <c r="BH3745" s="93"/>
      <c r="BI3745" s="93"/>
      <c r="BJ3745" s="93"/>
      <c r="BK3745" s="93"/>
      <c r="BL3745" s="93"/>
    </row>
    <row r="3746" spans="2:64" x14ac:dyDescent="0.2">
      <c r="B3746" s="43"/>
      <c r="C3746" s="73"/>
      <c r="D3746" s="64"/>
      <c r="E3746" s="55"/>
      <c r="F3746" s="74"/>
      <c r="G3746" s="74"/>
      <c r="H3746" s="74"/>
      <c r="I3746" s="75"/>
      <c r="J3746" s="74"/>
      <c r="L3746" s="55"/>
      <c r="M3746" s="234"/>
      <c r="N3746" s="65"/>
      <c r="O3746" s="76"/>
      <c r="P3746" s="76"/>
      <c r="Q3746" s="65"/>
      <c r="R3746" s="76"/>
      <c r="S3746" s="76"/>
      <c r="T3746" s="76"/>
      <c r="U3746" s="76"/>
      <c r="V3746" s="76"/>
      <c r="W3746" s="76"/>
      <c r="X3746" s="76"/>
      <c r="Y3746" s="76"/>
      <c r="Z3746" s="76"/>
      <c r="AA3746" s="85"/>
      <c r="AB3746" s="85"/>
      <c r="AC3746" s="85"/>
      <c r="AD3746" s="85"/>
      <c r="AE3746" s="85"/>
      <c r="AF3746" s="85"/>
      <c r="AG3746" s="86"/>
      <c r="AH3746" s="85"/>
      <c r="AI3746" s="85"/>
      <c r="AJ3746" s="85"/>
      <c r="AK3746" s="85"/>
      <c r="AL3746" s="85"/>
      <c r="AM3746" s="92"/>
      <c r="AN3746" s="92"/>
      <c r="AO3746" s="92"/>
      <c r="AP3746" s="92"/>
      <c r="AQ3746" s="92"/>
      <c r="AR3746" s="92"/>
      <c r="AS3746" s="92"/>
      <c r="AT3746" s="92"/>
      <c r="AU3746" s="92"/>
      <c r="AV3746" s="92"/>
      <c r="AW3746" s="92"/>
      <c r="AX3746" s="92"/>
      <c r="AY3746" s="92"/>
      <c r="AZ3746" s="93"/>
      <c r="BA3746" s="93"/>
      <c r="BB3746" s="93"/>
      <c r="BC3746" s="93"/>
      <c r="BD3746" s="93"/>
      <c r="BE3746" s="93"/>
      <c r="BF3746" s="93"/>
      <c r="BG3746" s="93"/>
      <c r="BH3746" s="93"/>
      <c r="BI3746" s="93"/>
      <c r="BJ3746" s="93"/>
      <c r="BK3746" s="93"/>
      <c r="BL3746" s="93"/>
    </row>
    <row r="3747" spans="2:64" x14ac:dyDescent="0.2">
      <c r="B3747" s="43"/>
      <c r="C3747" s="73"/>
      <c r="D3747" s="64"/>
      <c r="E3747" s="55"/>
      <c r="F3747" s="74"/>
      <c r="G3747" s="74"/>
      <c r="H3747" s="74"/>
      <c r="I3747" s="75"/>
      <c r="J3747" s="74"/>
      <c r="L3747" s="55"/>
      <c r="M3747" s="234"/>
      <c r="N3747" s="65"/>
      <c r="O3747" s="76"/>
      <c r="P3747" s="76"/>
      <c r="Q3747" s="65"/>
      <c r="R3747" s="76"/>
      <c r="S3747" s="76"/>
      <c r="T3747" s="76"/>
      <c r="U3747" s="76"/>
      <c r="V3747" s="76"/>
      <c r="W3747" s="76"/>
      <c r="X3747" s="76"/>
      <c r="Y3747" s="76"/>
      <c r="Z3747" s="76"/>
      <c r="AA3747" s="85"/>
      <c r="AB3747" s="85"/>
      <c r="AC3747" s="85"/>
      <c r="AD3747" s="85"/>
      <c r="AE3747" s="85"/>
      <c r="AF3747" s="85"/>
      <c r="AG3747" s="86"/>
      <c r="AH3747" s="85"/>
      <c r="AI3747" s="85"/>
      <c r="AJ3747" s="85"/>
      <c r="AK3747" s="85"/>
      <c r="AL3747" s="85"/>
      <c r="AM3747" s="92"/>
      <c r="AN3747" s="92"/>
      <c r="AO3747" s="92"/>
      <c r="AP3747" s="92"/>
      <c r="AQ3747" s="92"/>
      <c r="AR3747" s="92"/>
      <c r="AS3747" s="92"/>
      <c r="AT3747" s="92"/>
      <c r="AU3747" s="92"/>
      <c r="AV3747" s="92"/>
      <c r="AW3747" s="92"/>
      <c r="AX3747" s="92"/>
      <c r="AY3747" s="92"/>
      <c r="AZ3747" s="93"/>
      <c r="BA3747" s="93"/>
      <c r="BB3747" s="93"/>
      <c r="BC3747" s="93"/>
      <c r="BD3747" s="93"/>
      <c r="BE3747" s="93"/>
      <c r="BF3747" s="93"/>
      <c r="BG3747" s="93"/>
      <c r="BH3747" s="93"/>
      <c r="BI3747" s="93"/>
      <c r="BJ3747" s="93"/>
      <c r="BK3747" s="93"/>
      <c r="BL3747" s="93"/>
    </row>
    <row r="3748" spans="2:64" x14ac:dyDescent="0.2">
      <c r="B3748" s="43"/>
      <c r="C3748" s="73"/>
      <c r="D3748" s="64"/>
      <c r="E3748" s="55"/>
      <c r="F3748" s="74"/>
      <c r="G3748" s="74"/>
      <c r="H3748" s="74"/>
      <c r="I3748" s="75"/>
      <c r="J3748" s="74"/>
      <c r="L3748" s="55"/>
      <c r="M3748" s="234"/>
      <c r="N3748" s="65"/>
      <c r="O3748" s="76"/>
      <c r="P3748" s="76"/>
      <c r="Q3748" s="65"/>
      <c r="R3748" s="76"/>
      <c r="S3748" s="76"/>
      <c r="T3748" s="76"/>
      <c r="U3748" s="76"/>
      <c r="V3748" s="76"/>
      <c r="W3748" s="76"/>
      <c r="X3748" s="76"/>
      <c r="Y3748" s="76"/>
      <c r="Z3748" s="76"/>
      <c r="AA3748" s="85"/>
      <c r="AB3748" s="85"/>
      <c r="AC3748" s="85"/>
      <c r="AD3748" s="85"/>
      <c r="AE3748" s="85"/>
      <c r="AF3748" s="85"/>
      <c r="AG3748" s="86"/>
      <c r="AH3748" s="85"/>
      <c r="AI3748" s="85"/>
      <c r="AJ3748" s="85"/>
      <c r="AK3748" s="85"/>
      <c r="AL3748" s="85"/>
      <c r="AM3748" s="92"/>
      <c r="AN3748" s="92"/>
      <c r="AO3748" s="92"/>
      <c r="AP3748" s="92"/>
      <c r="AQ3748" s="92"/>
      <c r="AR3748" s="92"/>
      <c r="AS3748" s="92"/>
      <c r="AT3748" s="92"/>
      <c r="AU3748" s="92"/>
      <c r="AV3748" s="92"/>
      <c r="AW3748" s="92"/>
      <c r="AX3748" s="92"/>
      <c r="AY3748" s="92"/>
      <c r="AZ3748" s="93"/>
      <c r="BA3748" s="93"/>
      <c r="BB3748" s="93"/>
      <c r="BC3748" s="93"/>
      <c r="BD3748" s="93"/>
      <c r="BE3748" s="93"/>
      <c r="BF3748" s="93"/>
      <c r="BG3748" s="93"/>
      <c r="BH3748" s="93"/>
      <c r="BI3748" s="93"/>
      <c r="BJ3748" s="93"/>
      <c r="BK3748" s="93"/>
      <c r="BL3748" s="93"/>
    </row>
    <row r="3749" spans="2:64" x14ac:dyDescent="0.2">
      <c r="B3749" s="43"/>
      <c r="C3749" s="73"/>
      <c r="D3749" s="64"/>
      <c r="E3749" s="55"/>
      <c r="F3749" s="74"/>
      <c r="G3749" s="74"/>
      <c r="H3749" s="74"/>
      <c r="I3749" s="75"/>
      <c r="J3749" s="74"/>
      <c r="L3749" s="55"/>
      <c r="M3749" s="234"/>
      <c r="N3749" s="65"/>
      <c r="O3749" s="76"/>
      <c r="P3749" s="76"/>
      <c r="Q3749" s="65"/>
      <c r="R3749" s="76"/>
      <c r="S3749" s="76"/>
      <c r="T3749" s="76"/>
      <c r="U3749" s="76"/>
      <c r="V3749" s="76"/>
      <c r="W3749" s="76"/>
      <c r="X3749" s="76"/>
      <c r="Y3749" s="76"/>
      <c r="Z3749" s="76"/>
      <c r="AA3749" s="85"/>
      <c r="AB3749" s="85"/>
      <c r="AC3749" s="85"/>
      <c r="AD3749" s="85"/>
      <c r="AE3749" s="85"/>
      <c r="AF3749" s="85"/>
      <c r="AG3749" s="86"/>
      <c r="AH3749" s="85"/>
      <c r="AI3749" s="85"/>
      <c r="AJ3749" s="85"/>
      <c r="AK3749" s="85"/>
      <c r="AL3749" s="85"/>
      <c r="AM3749" s="92"/>
      <c r="AN3749" s="92"/>
      <c r="AO3749" s="92"/>
      <c r="AP3749" s="92"/>
      <c r="AQ3749" s="92"/>
      <c r="AR3749" s="92"/>
      <c r="AS3749" s="92"/>
      <c r="AT3749" s="92"/>
      <c r="AU3749" s="92"/>
      <c r="AV3749" s="92"/>
      <c r="AW3749" s="92"/>
      <c r="AX3749" s="92"/>
      <c r="AY3749" s="92"/>
      <c r="AZ3749" s="93"/>
      <c r="BA3749" s="93"/>
      <c r="BB3749" s="93"/>
      <c r="BC3749" s="93"/>
      <c r="BD3749" s="93"/>
      <c r="BE3749" s="93"/>
      <c r="BF3749" s="93"/>
      <c r="BG3749" s="93"/>
      <c r="BH3749" s="93"/>
      <c r="BI3749" s="93"/>
      <c r="BJ3749" s="93"/>
      <c r="BK3749" s="93"/>
      <c r="BL3749" s="93"/>
    </row>
    <row r="3750" spans="2:64" x14ac:dyDescent="0.2">
      <c r="B3750" s="43"/>
      <c r="C3750" s="73"/>
      <c r="D3750" s="64"/>
      <c r="E3750" s="55"/>
      <c r="F3750" s="74"/>
      <c r="G3750" s="74"/>
      <c r="H3750" s="74"/>
      <c r="I3750" s="75"/>
      <c r="J3750" s="74"/>
      <c r="L3750" s="55"/>
      <c r="M3750" s="234"/>
      <c r="N3750" s="65"/>
      <c r="O3750" s="76"/>
      <c r="P3750" s="76"/>
      <c r="Q3750" s="65"/>
      <c r="R3750" s="76"/>
      <c r="S3750" s="76"/>
      <c r="T3750" s="76"/>
      <c r="U3750" s="76"/>
      <c r="V3750" s="76"/>
      <c r="W3750" s="76"/>
      <c r="X3750" s="76"/>
      <c r="Y3750" s="76"/>
      <c r="Z3750" s="76"/>
      <c r="AA3750" s="85"/>
      <c r="AB3750" s="85"/>
      <c r="AC3750" s="85"/>
      <c r="AD3750" s="85"/>
      <c r="AE3750" s="85"/>
      <c r="AF3750" s="85"/>
      <c r="AG3750" s="86"/>
      <c r="AH3750" s="85"/>
      <c r="AI3750" s="85"/>
      <c r="AJ3750" s="85"/>
      <c r="AK3750" s="85"/>
      <c r="AL3750" s="85"/>
      <c r="AM3750" s="92"/>
      <c r="AN3750" s="92"/>
      <c r="AO3750" s="92"/>
      <c r="AP3750" s="92"/>
      <c r="AQ3750" s="92"/>
      <c r="AR3750" s="92"/>
      <c r="AS3750" s="92"/>
      <c r="AT3750" s="92"/>
      <c r="AU3750" s="92"/>
      <c r="AV3750" s="92"/>
      <c r="AW3750" s="92"/>
      <c r="AX3750" s="92"/>
      <c r="AY3750" s="92"/>
      <c r="AZ3750" s="93"/>
      <c r="BA3750" s="93"/>
      <c r="BB3750" s="93"/>
      <c r="BC3750" s="93"/>
      <c r="BD3750" s="93"/>
      <c r="BE3750" s="93"/>
      <c r="BF3750" s="93"/>
      <c r="BG3750" s="93"/>
      <c r="BH3750" s="93"/>
      <c r="BI3750" s="93"/>
      <c r="BJ3750" s="93"/>
      <c r="BK3750" s="93"/>
      <c r="BL3750" s="93"/>
    </row>
    <row r="3751" spans="2:64" x14ac:dyDescent="0.2">
      <c r="B3751" s="43"/>
      <c r="C3751" s="73"/>
      <c r="D3751" s="64"/>
      <c r="E3751" s="55"/>
      <c r="F3751" s="74"/>
      <c r="G3751" s="74"/>
      <c r="H3751" s="74"/>
      <c r="I3751" s="75"/>
      <c r="J3751" s="74"/>
      <c r="L3751" s="55"/>
      <c r="M3751" s="234"/>
      <c r="N3751" s="65"/>
      <c r="O3751" s="76"/>
      <c r="P3751" s="76"/>
      <c r="Q3751" s="65"/>
      <c r="R3751" s="76"/>
      <c r="S3751" s="76"/>
      <c r="T3751" s="76"/>
      <c r="U3751" s="76"/>
      <c r="V3751" s="76"/>
      <c r="W3751" s="76"/>
      <c r="X3751" s="76"/>
      <c r="Y3751" s="76"/>
      <c r="Z3751" s="76"/>
      <c r="AA3751" s="85"/>
      <c r="AB3751" s="85"/>
      <c r="AC3751" s="85"/>
      <c r="AD3751" s="85"/>
      <c r="AE3751" s="85"/>
      <c r="AF3751" s="85"/>
      <c r="AG3751" s="86"/>
      <c r="AH3751" s="85"/>
      <c r="AI3751" s="85"/>
      <c r="AJ3751" s="85"/>
      <c r="AK3751" s="85"/>
      <c r="AL3751" s="85"/>
      <c r="AM3751" s="92"/>
      <c r="AN3751" s="92"/>
      <c r="AO3751" s="92"/>
      <c r="AP3751" s="92"/>
      <c r="AQ3751" s="92"/>
      <c r="AR3751" s="92"/>
      <c r="AS3751" s="92"/>
      <c r="AT3751" s="92"/>
      <c r="AU3751" s="92"/>
      <c r="AV3751" s="92"/>
      <c r="AW3751" s="92"/>
      <c r="AX3751" s="92"/>
      <c r="AY3751" s="92"/>
      <c r="AZ3751" s="93"/>
      <c r="BA3751" s="93"/>
      <c r="BB3751" s="93"/>
      <c r="BC3751" s="93"/>
      <c r="BD3751" s="93"/>
      <c r="BE3751" s="93"/>
      <c r="BF3751" s="93"/>
      <c r="BG3751" s="93"/>
      <c r="BH3751" s="93"/>
      <c r="BI3751" s="93"/>
      <c r="BJ3751" s="93"/>
      <c r="BK3751" s="93"/>
      <c r="BL3751" s="93"/>
    </row>
    <row r="3752" spans="2:64" x14ac:dyDescent="0.2">
      <c r="B3752" s="43"/>
      <c r="C3752" s="73"/>
      <c r="D3752" s="64"/>
      <c r="E3752" s="55"/>
      <c r="F3752" s="74"/>
      <c r="G3752" s="74"/>
      <c r="H3752" s="74"/>
      <c r="I3752" s="75"/>
      <c r="J3752" s="74"/>
      <c r="L3752" s="55"/>
      <c r="M3752" s="234"/>
      <c r="N3752" s="65"/>
      <c r="O3752" s="76"/>
      <c r="P3752" s="76"/>
      <c r="Q3752" s="65"/>
      <c r="R3752" s="76"/>
      <c r="S3752" s="76"/>
      <c r="T3752" s="76"/>
      <c r="U3752" s="76"/>
      <c r="V3752" s="76"/>
      <c r="W3752" s="76"/>
      <c r="X3752" s="76"/>
      <c r="Y3752" s="76"/>
      <c r="Z3752" s="76"/>
      <c r="AA3752" s="85"/>
      <c r="AB3752" s="85"/>
      <c r="AC3752" s="85"/>
      <c r="AD3752" s="85"/>
      <c r="AE3752" s="85"/>
      <c r="AF3752" s="85"/>
      <c r="AG3752" s="86"/>
      <c r="AH3752" s="85"/>
      <c r="AI3752" s="85"/>
      <c r="AJ3752" s="85"/>
      <c r="AK3752" s="85"/>
      <c r="AL3752" s="85"/>
      <c r="AM3752" s="92"/>
      <c r="AN3752" s="92"/>
      <c r="AO3752" s="92"/>
      <c r="AP3752" s="92"/>
      <c r="AQ3752" s="92"/>
      <c r="AR3752" s="92"/>
      <c r="AS3752" s="92"/>
      <c r="AT3752" s="92"/>
      <c r="AU3752" s="92"/>
      <c r="AV3752" s="92"/>
      <c r="AW3752" s="92"/>
      <c r="AX3752" s="92"/>
      <c r="AY3752" s="92"/>
      <c r="AZ3752" s="93"/>
      <c r="BA3752" s="93"/>
      <c r="BB3752" s="93"/>
      <c r="BC3752" s="93"/>
      <c r="BD3752" s="93"/>
      <c r="BE3752" s="93"/>
      <c r="BF3752" s="93"/>
      <c r="BG3752" s="93"/>
      <c r="BH3752" s="93"/>
      <c r="BI3752" s="93"/>
      <c r="BJ3752" s="93"/>
      <c r="BK3752" s="93"/>
      <c r="BL3752" s="93"/>
    </row>
    <row r="3753" spans="2:64" x14ac:dyDescent="0.2">
      <c r="B3753" s="43"/>
      <c r="C3753" s="73"/>
      <c r="D3753" s="64"/>
      <c r="E3753" s="55"/>
      <c r="F3753" s="74"/>
      <c r="G3753" s="74"/>
      <c r="H3753" s="74"/>
      <c r="I3753" s="75"/>
      <c r="J3753" s="74"/>
      <c r="L3753" s="55"/>
      <c r="M3753" s="234"/>
      <c r="N3753" s="65"/>
      <c r="O3753" s="76"/>
      <c r="P3753" s="76"/>
      <c r="Q3753" s="65"/>
      <c r="R3753" s="76"/>
      <c r="S3753" s="76"/>
      <c r="T3753" s="76"/>
      <c r="U3753" s="76"/>
      <c r="V3753" s="76"/>
      <c r="W3753" s="76"/>
      <c r="X3753" s="76"/>
      <c r="Y3753" s="76"/>
      <c r="Z3753" s="76"/>
      <c r="AA3753" s="85"/>
      <c r="AB3753" s="85"/>
      <c r="AC3753" s="85"/>
      <c r="AD3753" s="85"/>
      <c r="AE3753" s="85"/>
      <c r="AF3753" s="85"/>
      <c r="AG3753" s="86"/>
      <c r="AH3753" s="85"/>
      <c r="AI3753" s="85"/>
      <c r="AJ3753" s="85"/>
      <c r="AK3753" s="85"/>
      <c r="AL3753" s="85"/>
      <c r="AM3753" s="92"/>
      <c r="AN3753" s="92"/>
      <c r="AO3753" s="92"/>
      <c r="AP3753" s="92"/>
      <c r="AQ3753" s="92"/>
      <c r="AR3753" s="92"/>
      <c r="AS3753" s="92"/>
      <c r="AT3753" s="92"/>
      <c r="AU3753" s="92"/>
      <c r="AV3753" s="92"/>
      <c r="AW3753" s="92"/>
      <c r="AX3753" s="92"/>
      <c r="AY3753" s="92"/>
      <c r="AZ3753" s="93"/>
      <c r="BA3753" s="93"/>
      <c r="BB3753" s="93"/>
      <c r="BC3753" s="93"/>
      <c r="BD3753" s="93"/>
      <c r="BE3753" s="93"/>
      <c r="BF3753" s="93"/>
      <c r="BG3753" s="93"/>
      <c r="BH3753" s="93"/>
      <c r="BI3753" s="93"/>
      <c r="BJ3753" s="93"/>
      <c r="BK3753" s="93"/>
      <c r="BL3753" s="93"/>
    </row>
    <row r="3754" spans="2:64" x14ac:dyDescent="0.2">
      <c r="B3754" s="43"/>
      <c r="C3754" s="73"/>
      <c r="D3754" s="64"/>
      <c r="E3754" s="55"/>
      <c r="F3754" s="74"/>
      <c r="G3754" s="74"/>
      <c r="H3754" s="74"/>
      <c r="I3754" s="75"/>
      <c r="J3754" s="74"/>
      <c r="L3754" s="55"/>
      <c r="M3754" s="234"/>
      <c r="N3754" s="65"/>
      <c r="O3754" s="76"/>
      <c r="P3754" s="76"/>
      <c r="Q3754" s="65"/>
      <c r="R3754" s="76"/>
      <c r="S3754" s="76"/>
      <c r="T3754" s="76"/>
      <c r="U3754" s="76"/>
      <c r="V3754" s="76"/>
      <c r="W3754" s="76"/>
      <c r="X3754" s="76"/>
      <c r="Y3754" s="76"/>
      <c r="Z3754" s="76"/>
      <c r="AA3754" s="85"/>
      <c r="AB3754" s="85"/>
      <c r="AC3754" s="85"/>
      <c r="AD3754" s="85"/>
      <c r="AE3754" s="85"/>
      <c r="AF3754" s="85"/>
      <c r="AG3754" s="86"/>
      <c r="AH3754" s="85"/>
      <c r="AI3754" s="85"/>
      <c r="AJ3754" s="85"/>
      <c r="AK3754" s="85"/>
      <c r="AL3754" s="85"/>
      <c r="AM3754" s="92"/>
      <c r="AN3754" s="92"/>
      <c r="AO3754" s="92"/>
      <c r="AP3754" s="92"/>
      <c r="AQ3754" s="92"/>
      <c r="AR3754" s="92"/>
      <c r="AS3754" s="92"/>
      <c r="AT3754" s="92"/>
      <c r="AU3754" s="92"/>
      <c r="AV3754" s="92"/>
      <c r="AW3754" s="92"/>
      <c r="AX3754" s="92"/>
      <c r="AY3754" s="92"/>
      <c r="AZ3754" s="93"/>
      <c r="BA3754" s="93"/>
      <c r="BB3754" s="93"/>
      <c r="BC3754" s="93"/>
      <c r="BD3754" s="93"/>
      <c r="BE3754" s="93"/>
      <c r="BF3754" s="93"/>
      <c r="BG3754" s="93"/>
      <c r="BH3754" s="93"/>
      <c r="BI3754" s="93"/>
      <c r="BJ3754" s="93"/>
      <c r="BK3754" s="93"/>
      <c r="BL3754" s="93"/>
    </row>
    <row r="3755" spans="2:64" x14ac:dyDescent="0.2">
      <c r="B3755" s="43"/>
      <c r="C3755" s="73"/>
      <c r="D3755" s="64"/>
      <c r="E3755" s="55"/>
      <c r="F3755" s="74"/>
      <c r="G3755" s="74"/>
      <c r="H3755" s="74"/>
      <c r="I3755" s="75"/>
      <c r="J3755" s="74"/>
      <c r="L3755" s="55"/>
      <c r="M3755" s="234"/>
      <c r="N3755" s="65"/>
      <c r="O3755" s="76"/>
      <c r="P3755" s="76"/>
      <c r="Q3755" s="65"/>
      <c r="R3755" s="76"/>
      <c r="S3755" s="76"/>
      <c r="T3755" s="76"/>
      <c r="U3755" s="76"/>
      <c r="V3755" s="76"/>
      <c r="W3755" s="76"/>
      <c r="X3755" s="76"/>
      <c r="Y3755" s="76"/>
      <c r="Z3755" s="76"/>
      <c r="AA3755" s="85"/>
      <c r="AB3755" s="85"/>
      <c r="AC3755" s="85"/>
      <c r="AD3755" s="85"/>
      <c r="AE3755" s="85"/>
      <c r="AF3755" s="85"/>
      <c r="AG3755" s="86"/>
      <c r="AH3755" s="85"/>
      <c r="AI3755" s="85"/>
      <c r="AJ3755" s="85"/>
      <c r="AK3755" s="85"/>
      <c r="AL3755" s="85"/>
      <c r="AM3755" s="92"/>
      <c r="AN3755" s="92"/>
      <c r="AO3755" s="92"/>
      <c r="AP3755" s="92"/>
      <c r="AQ3755" s="92"/>
      <c r="AR3755" s="92"/>
      <c r="AS3755" s="92"/>
      <c r="AT3755" s="92"/>
      <c r="AU3755" s="92"/>
      <c r="AV3755" s="92"/>
      <c r="AW3755" s="92"/>
      <c r="AX3755" s="92"/>
      <c r="AY3755" s="92"/>
      <c r="AZ3755" s="93"/>
      <c r="BA3755" s="93"/>
      <c r="BB3755" s="93"/>
      <c r="BC3755" s="93"/>
      <c r="BD3755" s="93"/>
      <c r="BE3755" s="93"/>
      <c r="BF3755" s="93"/>
      <c r="BG3755" s="93"/>
      <c r="BH3755" s="93"/>
      <c r="BI3755" s="93"/>
      <c r="BJ3755" s="93"/>
      <c r="BK3755" s="93"/>
      <c r="BL3755" s="93"/>
    </row>
    <row r="3756" spans="2:64" x14ac:dyDescent="0.2">
      <c r="B3756" s="43"/>
      <c r="C3756" s="73"/>
      <c r="D3756" s="64"/>
      <c r="E3756" s="55"/>
      <c r="F3756" s="74"/>
      <c r="G3756" s="74"/>
      <c r="H3756" s="74"/>
      <c r="I3756" s="75"/>
      <c r="J3756" s="74"/>
      <c r="L3756" s="55"/>
      <c r="M3756" s="234"/>
      <c r="N3756" s="65"/>
      <c r="O3756" s="76"/>
      <c r="P3756" s="76"/>
      <c r="Q3756" s="65"/>
      <c r="R3756" s="76"/>
      <c r="S3756" s="76"/>
      <c r="T3756" s="76"/>
      <c r="U3756" s="76"/>
      <c r="V3756" s="76"/>
      <c r="W3756" s="76"/>
      <c r="X3756" s="76"/>
      <c r="Y3756" s="76"/>
      <c r="Z3756" s="76"/>
      <c r="AA3756" s="85"/>
      <c r="AB3756" s="85"/>
      <c r="AC3756" s="85"/>
      <c r="AD3756" s="85"/>
      <c r="AE3756" s="85"/>
      <c r="AF3756" s="85"/>
      <c r="AG3756" s="86"/>
      <c r="AH3756" s="85"/>
      <c r="AI3756" s="85"/>
      <c r="AJ3756" s="85"/>
      <c r="AK3756" s="85"/>
      <c r="AL3756" s="85"/>
      <c r="AM3756" s="92"/>
      <c r="AN3756" s="92"/>
      <c r="AO3756" s="92"/>
      <c r="AP3756" s="92"/>
      <c r="AQ3756" s="92"/>
      <c r="AR3756" s="92"/>
      <c r="AS3756" s="92"/>
      <c r="AT3756" s="92"/>
      <c r="AU3756" s="92"/>
      <c r="AV3756" s="92"/>
      <c r="AW3756" s="92"/>
      <c r="AX3756" s="92"/>
      <c r="AY3756" s="92"/>
      <c r="AZ3756" s="93"/>
      <c r="BA3756" s="93"/>
      <c r="BB3756" s="93"/>
      <c r="BC3756" s="93"/>
      <c r="BD3756" s="93"/>
      <c r="BE3756" s="93"/>
      <c r="BF3756" s="93"/>
      <c r="BG3756" s="93"/>
      <c r="BH3756" s="93"/>
      <c r="BI3756" s="93"/>
      <c r="BJ3756" s="93"/>
      <c r="BK3756" s="93"/>
      <c r="BL3756" s="93"/>
    </row>
    <row r="3757" spans="2:64" x14ac:dyDescent="0.2">
      <c r="B3757" s="43"/>
      <c r="C3757" s="73"/>
      <c r="D3757" s="64"/>
      <c r="E3757" s="55"/>
      <c r="F3757" s="74"/>
      <c r="G3757" s="74"/>
      <c r="H3757" s="74"/>
      <c r="I3757" s="75"/>
      <c r="J3757" s="74"/>
      <c r="L3757" s="55"/>
      <c r="M3757" s="234"/>
      <c r="N3757" s="65"/>
      <c r="O3757" s="76"/>
      <c r="P3757" s="76"/>
      <c r="Q3757" s="65"/>
      <c r="R3757" s="76"/>
      <c r="S3757" s="76"/>
      <c r="T3757" s="76"/>
      <c r="U3757" s="76"/>
      <c r="V3757" s="76"/>
      <c r="W3757" s="76"/>
      <c r="X3757" s="76"/>
      <c r="Y3757" s="76"/>
      <c r="Z3757" s="76"/>
      <c r="AA3757" s="85"/>
      <c r="AB3757" s="85"/>
      <c r="AC3757" s="85"/>
      <c r="AD3757" s="85"/>
      <c r="AE3757" s="85"/>
      <c r="AF3757" s="85"/>
      <c r="AG3757" s="86"/>
      <c r="AH3757" s="85"/>
      <c r="AI3757" s="85"/>
      <c r="AJ3757" s="85"/>
      <c r="AK3757" s="85"/>
      <c r="AL3757" s="85"/>
      <c r="AM3757" s="92"/>
      <c r="AN3757" s="92"/>
      <c r="AO3757" s="92"/>
      <c r="AP3757" s="92"/>
      <c r="AQ3757" s="92"/>
      <c r="AR3757" s="92"/>
      <c r="AS3757" s="92"/>
      <c r="AT3757" s="92"/>
      <c r="AU3757" s="92"/>
      <c r="AV3757" s="92"/>
      <c r="AW3757" s="92"/>
      <c r="AX3757" s="92"/>
      <c r="AY3757" s="92"/>
      <c r="AZ3757" s="93"/>
      <c r="BA3757" s="93"/>
      <c r="BB3757" s="93"/>
      <c r="BC3757" s="93"/>
      <c r="BD3757" s="93"/>
      <c r="BE3757" s="93"/>
      <c r="BF3757" s="93"/>
      <c r="BG3757" s="93"/>
      <c r="BH3757" s="93"/>
      <c r="BI3757" s="93"/>
      <c r="BJ3757" s="93"/>
      <c r="BK3757" s="93"/>
      <c r="BL3757" s="93"/>
    </row>
    <row r="3758" spans="2:64" x14ac:dyDescent="0.2">
      <c r="B3758" s="43"/>
      <c r="C3758" s="73"/>
      <c r="D3758" s="64"/>
      <c r="E3758" s="55"/>
      <c r="F3758" s="74"/>
      <c r="G3758" s="74"/>
      <c r="H3758" s="74"/>
      <c r="I3758" s="75"/>
      <c r="J3758" s="74"/>
      <c r="L3758" s="55"/>
      <c r="M3758" s="234"/>
      <c r="N3758" s="65"/>
      <c r="O3758" s="76"/>
      <c r="P3758" s="76"/>
      <c r="Q3758" s="65"/>
      <c r="R3758" s="76"/>
      <c r="S3758" s="76"/>
      <c r="T3758" s="76"/>
      <c r="U3758" s="76"/>
      <c r="V3758" s="76"/>
      <c r="W3758" s="76"/>
      <c r="X3758" s="76"/>
      <c r="Y3758" s="76"/>
      <c r="Z3758" s="76"/>
      <c r="AA3758" s="85"/>
      <c r="AB3758" s="85"/>
      <c r="AC3758" s="85"/>
      <c r="AD3758" s="85"/>
      <c r="AE3758" s="85"/>
      <c r="AF3758" s="85"/>
      <c r="AG3758" s="86"/>
      <c r="AH3758" s="85"/>
      <c r="AI3758" s="85"/>
      <c r="AJ3758" s="85"/>
      <c r="AK3758" s="85"/>
      <c r="AL3758" s="85"/>
      <c r="AM3758" s="92"/>
      <c r="AN3758" s="92"/>
      <c r="AO3758" s="92"/>
      <c r="AP3758" s="92"/>
      <c r="AQ3758" s="92"/>
      <c r="AR3758" s="92"/>
      <c r="AS3758" s="92"/>
      <c r="AT3758" s="92"/>
      <c r="AU3758" s="92"/>
      <c r="AV3758" s="92"/>
      <c r="AW3758" s="92"/>
      <c r="AX3758" s="92"/>
      <c r="AY3758" s="92"/>
      <c r="AZ3758" s="93"/>
      <c r="BA3758" s="93"/>
      <c r="BB3758" s="93"/>
      <c r="BC3758" s="93"/>
      <c r="BD3758" s="93"/>
      <c r="BE3758" s="93"/>
      <c r="BF3758" s="93"/>
      <c r="BG3758" s="93"/>
      <c r="BH3758" s="93"/>
      <c r="BI3758" s="93"/>
      <c r="BJ3758" s="93"/>
      <c r="BK3758" s="93"/>
      <c r="BL3758" s="93"/>
    </row>
    <row r="3759" spans="2:64" x14ac:dyDescent="0.2">
      <c r="B3759" s="43"/>
      <c r="C3759" s="73"/>
      <c r="D3759" s="64"/>
      <c r="E3759" s="55"/>
      <c r="F3759" s="74"/>
      <c r="G3759" s="74"/>
      <c r="H3759" s="74"/>
      <c r="I3759" s="75"/>
      <c r="J3759" s="74"/>
      <c r="L3759" s="55"/>
      <c r="M3759" s="234"/>
      <c r="N3759" s="65"/>
      <c r="O3759" s="76"/>
      <c r="P3759" s="76"/>
      <c r="Q3759" s="65"/>
      <c r="R3759" s="76"/>
      <c r="S3759" s="76"/>
      <c r="T3759" s="76"/>
      <c r="U3759" s="76"/>
      <c r="V3759" s="76"/>
      <c r="W3759" s="76"/>
      <c r="X3759" s="76"/>
      <c r="Y3759" s="76"/>
      <c r="Z3759" s="76"/>
      <c r="AA3759" s="85"/>
      <c r="AB3759" s="85"/>
      <c r="AC3759" s="85"/>
      <c r="AD3759" s="85"/>
      <c r="AE3759" s="85"/>
      <c r="AF3759" s="85"/>
      <c r="AG3759" s="86"/>
      <c r="AH3759" s="85"/>
      <c r="AI3759" s="85"/>
      <c r="AJ3759" s="85"/>
      <c r="AK3759" s="85"/>
      <c r="AL3759" s="85"/>
      <c r="AM3759" s="92"/>
      <c r="AN3759" s="92"/>
      <c r="AO3759" s="92"/>
      <c r="AP3759" s="92"/>
      <c r="AQ3759" s="92"/>
      <c r="AR3759" s="92"/>
      <c r="AS3759" s="92"/>
      <c r="AT3759" s="92"/>
      <c r="AU3759" s="92"/>
      <c r="AV3759" s="92"/>
      <c r="AW3759" s="92"/>
      <c r="AX3759" s="92"/>
      <c r="AY3759" s="92"/>
      <c r="AZ3759" s="93"/>
      <c r="BA3759" s="93"/>
      <c r="BB3759" s="93"/>
      <c r="BC3759" s="93"/>
      <c r="BD3759" s="93"/>
      <c r="BE3759" s="93"/>
      <c r="BF3759" s="93"/>
      <c r="BG3759" s="93"/>
      <c r="BH3759" s="93"/>
      <c r="BI3759" s="93"/>
      <c r="BJ3759" s="93"/>
      <c r="BK3759" s="93"/>
      <c r="BL3759" s="93"/>
    </row>
    <row r="3760" spans="2:64" x14ac:dyDescent="0.2">
      <c r="B3760" s="43"/>
      <c r="C3760" s="73"/>
      <c r="D3760" s="64"/>
      <c r="E3760" s="55"/>
      <c r="F3760" s="74"/>
      <c r="G3760" s="74"/>
      <c r="H3760" s="74"/>
      <c r="I3760" s="75"/>
      <c r="J3760" s="74"/>
      <c r="L3760" s="55"/>
      <c r="M3760" s="234"/>
      <c r="N3760" s="65"/>
      <c r="O3760" s="76"/>
      <c r="P3760" s="76"/>
      <c r="Q3760" s="65"/>
      <c r="R3760" s="76"/>
      <c r="S3760" s="76"/>
      <c r="T3760" s="76"/>
      <c r="U3760" s="76"/>
      <c r="V3760" s="76"/>
      <c r="W3760" s="76"/>
      <c r="X3760" s="76"/>
      <c r="Y3760" s="76"/>
      <c r="Z3760" s="76"/>
      <c r="AA3760" s="85"/>
      <c r="AB3760" s="85"/>
      <c r="AC3760" s="85"/>
      <c r="AD3760" s="85"/>
      <c r="AE3760" s="85"/>
      <c r="AF3760" s="85"/>
      <c r="AG3760" s="86"/>
      <c r="AH3760" s="85"/>
      <c r="AI3760" s="85"/>
      <c r="AJ3760" s="85"/>
      <c r="AK3760" s="85"/>
      <c r="AL3760" s="85"/>
      <c r="AM3760" s="92"/>
      <c r="AN3760" s="92"/>
      <c r="AO3760" s="92"/>
      <c r="AP3760" s="92"/>
      <c r="AQ3760" s="92"/>
      <c r="AR3760" s="92"/>
      <c r="AS3760" s="92"/>
      <c r="AT3760" s="92"/>
      <c r="AU3760" s="92"/>
      <c r="AV3760" s="92"/>
      <c r="AW3760" s="92"/>
      <c r="AX3760" s="92"/>
      <c r="AY3760" s="92"/>
      <c r="AZ3760" s="93"/>
      <c r="BA3760" s="93"/>
      <c r="BB3760" s="93"/>
      <c r="BC3760" s="93"/>
      <c r="BD3760" s="93"/>
      <c r="BE3760" s="93"/>
      <c r="BF3760" s="93"/>
      <c r="BG3760" s="93"/>
      <c r="BH3760" s="93"/>
      <c r="BI3760" s="93"/>
      <c r="BJ3760" s="93"/>
      <c r="BK3760" s="93"/>
      <c r="BL3760" s="93"/>
    </row>
    <row r="3761" spans="2:64" x14ac:dyDescent="0.2">
      <c r="B3761" s="43"/>
      <c r="C3761" s="73"/>
      <c r="D3761" s="64"/>
      <c r="E3761" s="55"/>
      <c r="F3761" s="74"/>
      <c r="G3761" s="74"/>
      <c r="H3761" s="74"/>
      <c r="I3761" s="75"/>
      <c r="J3761" s="74"/>
      <c r="L3761" s="55"/>
      <c r="M3761" s="234"/>
      <c r="N3761" s="65"/>
      <c r="O3761" s="76"/>
      <c r="P3761" s="76"/>
      <c r="Q3761" s="65"/>
      <c r="R3761" s="76"/>
      <c r="S3761" s="76"/>
      <c r="T3761" s="76"/>
      <c r="U3761" s="76"/>
      <c r="V3761" s="76"/>
      <c r="W3761" s="76"/>
      <c r="X3761" s="76"/>
      <c r="Y3761" s="76"/>
      <c r="Z3761" s="76"/>
      <c r="AA3761" s="85"/>
      <c r="AB3761" s="85"/>
      <c r="AC3761" s="85"/>
      <c r="AD3761" s="85"/>
      <c r="AE3761" s="85"/>
      <c r="AF3761" s="85"/>
      <c r="AG3761" s="86"/>
      <c r="AH3761" s="85"/>
      <c r="AI3761" s="85"/>
      <c r="AJ3761" s="85"/>
      <c r="AK3761" s="85"/>
      <c r="AL3761" s="85"/>
      <c r="AM3761" s="92"/>
      <c r="AN3761" s="92"/>
      <c r="AO3761" s="92"/>
      <c r="AP3761" s="92"/>
      <c r="AQ3761" s="92"/>
      <c r="AR3761" s="92"/>
      <c r="AS3761" s="92"/>
      <c r="AT3761" s="92"/>
      <c r="AU3761" s="92"/>
      <c r="AV3761" s="92"/>
      <c r="AW3761" s="92"/>
      <c r="AX3761" s="92"/>
      <c r="AY3761" s="92"/>
      <c r="AZ3761" s="93"/>
      <c r="BA3761" s="93"/>
      <c r="BB3761" s="93"/>
      <c r="BC3761" s="93"/>
      <c r="BD3761" s="93"/>
      <c r="BE3761" s="93"/>
      <c r="BF3761" s="93"/>
      <c r="BG3761" s="93"/>
      <c r="BH3761" s="93"/>
      <c r="BI3761" s="93"/>
      <c r="BJ3761" s="93"/>
      <c r="BK3761" s="93"/>
      <c r="BL3761" s="93"/>
    </row>
    <row r="3762" spans="2:64" x14ac:dyDescent="0.2">
      <c r="B3762" s="43"/>
      <c r="C3762" s="73"/>
      <c r="D3762" s="64"/>
      <c r="E3762" s="55"/>
      <c r="F3762" s="74"/>
      <c r="G3762" s="74"/>
      <c r="H3762" s="74"/>
      <c r="I3762" s="75"/>
      <c r="J3762" s="74"/>
      <c r="L3762" s="55"/>
      <c r="M3762" s="234"/>
      <c r="N3762" s="65"/>
      <c r="O3762" s="76"/>
      <c r="P3762" s="76"/>
      <c r="Q3762" s="65"/>
      <c r="R3762" s="76"/>
      <c r="S3762" s="76"/>
      <c r="T3762" s="76"/>
      <c r="U3762" s="76"/>
      <c r="V3762" s="76"/>
      <c r="W3762" s="76"/>
      <c r="X3762" s="76"/>
      <c r="Y3762" s="76"/>
      <c r="Z3762" s="76"/>
      <c r="AA3762" s="85"/>
      <c r="AB3762" s="85"/>
      <c r="AC3762" s="85"/>
      <c r="AD3762" s="85"/>
      <c r="AE3762" s="85"/>
      <c r="AF3762" s="85"/>
      <c r="AG3762" s="86"/>
      <c r="AH3762" s="85"/>
      <c r="AI3762" s="85"/>
      <c r="AJ3762" s="85"/>
      <c r="AK3762" s="85"/>
      <c r="AL3762" s="85"/>
      <c r="AM3762" s="92"/>
      <c r="AN3762" s="92"/>
      <c r="AO3762" s="92"/>
      <c r="AP3762" s="92"/>
      <c r="AQ3762" s="92"/>
      <c r="AR3762" s="92"/>
      <c r="AS3762" s="92"/>
      <c r="AT3762" s="92"/>
      <c r="AU3762" s="92"/>
      <c r="AV3762" s="92"/>
      <c r="AW3762" s="92"/>
      <c r="AX3762" s="92"/>
      <c r="AY3762" s="92"/>
      <c r="AZ3762" s="93"/>
      <c r="BA3762" s="93"/>
      <c r="BB3762" s="93"/>
      <c r="BC3762" s="93"/>
      <c r="BD3762" s="93"/>
      <c r="BE3762" s="93"/>
      <c r="BF3762" s="93"/>
      <c r="BG3762" s="93"/>
      <c r="BH3762" s="93"/>
      <c r="BI3762" s="93"/>
      <c r="BJ3762" s="93"/>
      <c r="BK3762" s="93"/>
      <c r="BL3762" s="93"/>
    </row>
    <row r="3763" spans="2:64" x14ac:dyDescent="0.2">
      <c r="B3763" s="43"/>
      <c r="C3763" s="73"/>
      <c r="D3763" s="64"/>
      <c r="E3763" s="55"/>
      <c r="F3763" s="74"/>
      <c r="G3763" s="74"/>
      <c r="H3763" s="74"/>
      <c r="I3763" s="75"/>
      <c r="J3763" s="74"/>
      <c r="L3763" s="55"/>
      <c r="M3763" s="234"/>
      <c r="N3763" s="65"/>
      <c r="O3763" s="76"/>
      <c r="P3763" s="76"/>
      <c r="Q3763" s="65"/>
      <c r="R3763" s="76"/>
      <c r="S3763" s="76"/>
      <c r="T3763" s="76"/>
      <c r="U3763" s="76"/>
      <c r="V3763" s="76"/>
      <c r="W3763" s="76"/>
      <c r="X3763" s="76"/>
      <c r="Y3763" s="76"/>
      <c r="Z3763" s="76"/>
      <c r="AA3763" s="85"/>
      <c r="AB3763" s="85"/>
      <c r="AC3763" s="85"/>
      <c r="AD3763" s="85"/>
      <c r="AE3763" s="85"/>
      <c r="AF3763" s="85"/>
      <c r="AG3763" s="86"/>
      <c r="AH3763" s="85"/>
      <c r="AI3763" s="85"/>
      <c r="AJ3763" s="85"/>
      <c r="AK3763" s="85"/>
      <c r="AL3763" s="85"/>
      <c r="AM3763" s="92"/>
      <c r="AN3763" s="92"/>
      <c r="AO3763" s="92"/>
      <c r="AP3763" s="92"/>
      <c r="AQ3763" s="92"/>
      <c r="AR3763" s="92"/>
      <c r="AS3763" s="92"/>
      <c r="AT3763" s="92"/>
      <c r="AU3763" s="92"/>
      <c r="AV3763" s="92"/>
      <c r="AW3763" s="92"/>
      <c r="AX3763" s="92"/>
      <c r="AY3763" s="92"/>
      <c r="AZ3763" s="93"/>
      <c r="BA3763" s="93"/>
      <c r="BB3763" s="93"/>
      <c r="BC3763" s="93"/>
      <c r="BD3763" s="93"/>
      <c r="BE3763" s="93"/>
      <c r="BF3763" s="93"/>
      <c r="BG3763" s="93"/>
      <c r="BH3763" s="93"/>
      <c r="BI3763" s="93"/>
      <c r="BJ3763" s="93"/>
      <c r="BK3763" s="93"/>
      <c r="BL3763" s="93"/>
    </row>
    <row r="3764" spans="2:64" x14ac:dyDescent="0.2">
      <c r="B3764" s="43"/>
      <c r="C3764" s="73"/>
      <c r="D3764" s="64"/>
      <c r="E3764" s="55"/>
      <c r="F3764" s="74"/>
      <c r="G3764" s="74"/>
      <c r="H3764" s="74"/>
      <c r="I3764" s="75"/>
      <c r="J3764" s="74"/>
      <c r="L3764" s="55"/>
      <c r="M3764" s="234"/>
      <c r="N3764" s="65"/>
      <c r="O3764" s="76"/>
      <c r="P3764" s="76"/>
      <c r="Q3764" s="65"/>
      <c r="R3764" s="76"/>
      <c r="S3764" s="76"/>
      <c r="T3764" s="76"/>
      <c r="U3764" s="76"/>
      <c r="V3764" s="76"/>
      <c r="W3764" s="76"/>
      <c r="X3764" s="76"/>
      <c r="Y3764" s="76"/>
      <c r="Z3764" s="76"/>
      <c r="AA3764" s="85"/>
      <c r="AB3764" s="85"/>
      <c r="AC3764" s="85"/>
      <c r="AD3764" s="85"/>
      <c r="AE3764" s="85"/>
      <c r="AF3764" s="85"/>
      <c r="AG3764" s="86"/>
      <c r="AH3764" s="85"/>
      <c r="AI3764" s="85"/>
      <c r="AJ3764" s="85"/>
      <c r="AK3764" s="85"/>
      <c r="AL3764" s="85"/>
      <c r="AM3764" s="92"/>
      <c r="AN3764" s="92"/>
      <c r="AO3764" s="92"/>
      <c r="AP3764" s="92"/>
      <c r="AQ3764" s="92"/>
      <c r="AR3764" s="92"/>
      <c r="AS3764" s="92"/>
      <c r="AT3764" s="92"/>
      <c r="AU3764" s="92"/>
      <c r="AV3764" s="92"/>
      <c r="AW3764" s="92"/>
      <c r="AX3764" s="92"/>
      <c r="AY3764" s="92"/>
      <c r="AZ3764" s="93"/>
      <c r="BA3764" s="93"/>
      <c r="BB3764" s="93"/>
      <c r="BC3764" s="93"/>
      <c r="BD3764" s="93"/>
      <c r="BE3764" s="93"/>
      <c r="BF3764" s="93"/>
      <c r="BG3764" s="93"/>
      <c r="BH3764" s="93"/>
      <c r="BI3764" s="93"/>
      <c r="BJ3764" s="93"/>
      <c r="BK3764" s="93"/>
      <c r="BL3764" s="93"/>
    </row>
    <row r="3765" spans="2:64" x14ac:dyDescent="0.2">
      <c r="B3765" s="43"/>
      <c r="C3765" s="73"/>
      <c r="D3765" s="64"/>
      <c r="E3765" s="55"/>
      <c r="F3765" s="74"/>
      <c r="G3765" s="74"/>
      <c r="H3765" s="74"/>
      <c r="I3765" s="75"/>
      <c r="J3765" s="74"/>
      <c r="L3765" s="55"/>
      <c r="M3765" s="234"/>
      <c r="N3765" s="65"/>
      <c r="O3765" s="76"/>
      <c r="P3765" s="76"/>
      <c r="Q3765" s="65"/>
      <c r="R3765" s="76"/>
      <c r="S3765" s="76"/>
      <c r="T3765" s="76"/>
      <c r="U3765" s="76"/>
      <c r="V3765" s="76"/>
      <c r="W3765" s="76"/>
      <c r="X3765" s="76"/>
      <c r="Y3765" s="76"/>
      <c r="Z3765" s="76"/>
      <c r="AA3765" s="85"/>
      <c r="AB3765" s="85"/>
      <c r="AC3765" s="85"/>
      <c r="AD3765" s="85"/>
      <c r="AE3765" s="85"/>
      <c r="AF3765" s="85"/>
      <c r="AG3765" s="86"/>
      <c r="AH3765" s="85"/>
      <c r="AI3765" s="85"/>
      <c r="AJ3765" s="85"/>
      <c r="AK3765" s="85"/>
      <c r="AL3765" s="85"/>
      <c r="AM3765" s="92"/>
      <c r="AN3765" s="92"/>
      <c r="AO3765" s="92"/>
      <c r="AP3765" s="92"/>
      <c r="AQ3765" s="92"/>
      <c r="AR3765" s="92"/>
      <c r="AS3765" s="92"/>
      <c r="AT3765" s="92"/>
      <c r="AU3765" s="92"/>
      <c r="AV3765" s="92"/>
      <c r="AW3765" s="92"/>
      <c r="AX3765" s="92"/>
      <c r="AY3765" s="92"/>
      <c r="AZ3765" s="93"/>
      <c r="BA3765" s="93"/>
      <c r="BB3765" s="93"/>
      <c r="BC3765" s="93"/>
      <c r="BD3765" s="93"/>
      <c r="BE3765" s="93"/>
      <c r="BF3765" s="93"/>
      <c r="BG3765" s="93"/>
      <c r="BH3765" s="93"/>
      <c r="BI3765" s="93"/>
      <c r="BJ3765" s="93"/>
      <c r="BK3765" s="93"/>
      <c r="BL3765" s="93"/>
    </row>
    <row r="3766" spans="2:64" x14ac:dyDescent="0.2">
      <c r="B3766" s="43"/>
      <c r="C3766" s="73"/>
      <c r="D3766" s="64"/>
      <c r="E3766" s="55"/>
      <c r="F3766" s="74"/>
      <c r="G3766" s="74"/>
      <c r="H3766" s="74"/>
      <c r="I3766" s="75"/>
      <c r="J3766" s="74"/>
      <c r="L3766" s="55"/>
      <c r="M3766" s="234"/>
      <c r="N3766" s="65"/>
      <c r="O3766" s="76"/>
      <c r="P3766" s="76"/>
      <c r="Q3766" s="65"/>
      <c r="R3766" s="76"/>
      <c r="S3766" s="76"/>
      <c r="T3766" s="76"/>
      <c r="U3766" s="76"/>
      <c r="V3766" s="76"/>
      <c r="W3766" s="76"/>
      <c r="X3766" s="76"/>
      <c r="Y3766" s="76"/>
      <c r="Z3766" s="76"/>
      <c r="AA3766" s="85"/>
      <c r="AB3766" s="85"/>
      <c r="AC3766" s="85"/>
      <c r="AD3766" s="85"/>
      <c r="AE3766" s="85"/>
      <c r="AF3766" s="85"/>
      <c r="AG3766" s="86"/>
      <c r="AH3766" s="85"/>
      <c r="AI3766" s="85"/>
      <c r="AJ3766" s="85"/>
      <c r="AK3766" s="85"/>
      <c r="AL3766" s="85"/>
      <c r="AM3766" s="92"/>
      <c r="AN3766" s="92"/>
      <c r="AO3766" s="92"/>
      <c r="AP3766" s="92"/>
      <c r="AQ3766" s="92"/>
      <c r="AR3766" s="92"/>
      <c r="AS3766" s="92"/>
      <c r="AT3766" s="92"/>
      <c r="AU3766" s="92"/>
      <c r="AV3766" s="92"/>
      <c r="AW3766" s="92"/>
      <c r="AX3766" s="92"/>
      <c r="AY3766" s="92"/>
      <c r="AZ3766" s="93"/>
      <c r="BA3766" s="93"/>
      <c r="BB3766" s="93"/>
      <c r="BC3766" s="93"/>
      <c r="BD3766" s="93"/>
      <c r="BE3766" s="93"/>
      <c r="BF3766" s="93"/>
      <c r="BG3766" s="93"/>
      <c r="BH3766" s="93"/>
      <c r="BI3766" s="93"/>
      <c r="BJ3766" s="93"/>
      <c r="BK3766" s="93"/>
      <c r="BL3766" s="93"/>
    </row>
    <row r="3767" spans="2:64" x14ac:dyDescent="0.2">
      <c r="B3767" s="43"/>
      <c r="C3767" s="73"/>
      <c r="D3767" s="64"/>
      <c r="E3767" s="55"/>
      <c r="F3767" s="74"/>
      <c r="G3767" s="74"/>
      <c r="H3767" s="74"/>
      <c r="I3767" s="75"/>
      <c r="J3767" s="74"/>
      <c r="L3767" s="55"/>
      <c r="M3767" s="234"/>
      <c r="N3767" s="65"/>
      <c r="O3767" s="76"/>
      <c r="P3767" s="76"/>
      <c r="Q3767" s="65"/>
      <c r="R3767" s="76"/>
      <c r="S3767" s="76"/>
      <c r="T3767" s="76"/>
      <c r="U3767" s="76"/>
      <c r="V3767" s="76"/>
      <c r="W3767" s="76"/>
      <c r="X3767" s="76"/>
      <c r="Y3767" s="76"/>
      <c r="Z3767" s="76"/>
      <c r="AA3767" s="85"/>
      <c r="AB3767" s="85"/>
      <c r="AC3767" s="85"/>
      <c r="AD3767" s="85"/>
      <c r="AE3767" s="85"/>
      <c r="AF3767" s="85"/>
      <c r="AG3767" s="86"/>
      <c r="AH3767" s="85"/>
      <c r="AI3767" s="85"/>
      <c r="AJ3767" s="85"/>
      <c r="AK3767" s="85"/>
      <c r="AL3767" s="85"/>
      <c r="AM3767" s="92"/>
      <c r="AN3767" s="92"/>
      <c r="AO3767" s="92"/>
      <c r="AP3767" s="92"/>
      <c r="AQ3767" s="92"/>
      <c r="AR3767" s="92"/>
      <c r="AS3767" s="92"/>
      <c r="AT3767" s="92"/>
      <c r="AU3767" s="92"/>
      <c r="AV3767" s="92"/>
      <c r="AW3767" s="92"/>
      <c r="AX3767" s="92"/>
      <c r="AY3767" s="92"/>
      <c r="AZ3767" s="93"/>
      <c r="BA3767" s="93"/>
      <c r="BB3767" s="93"/>
      <c r="BC3767" s="93"/>
      <c r="BD3767" s="93"/>
      <c r="BE3767" s="93"/>
      <c r="BF3767" s="93"/>
      <c r="BG3767" s="93"/>
      <c r="BH3767" s="93"/>
      <c r="BI3767" s="93"/>
      <c r="BJ3767" s="93"/>
      <c r="BK3767" s="93"/>
      <c r="BL3767" s="93"/>
    </row>
    <row r="3768" spans="2:64" x14ac:dyDescent="0.2">
      <c r="B3768" s="43"/>
      <c r="C3768" s="73"/>
      <c r="D3768" s="64"/>
      <c r="E3768" s="55"/>
      <c r="F3768" s="74"/>
      <c r="G3768" s="74"/>
      <c r="H3768" s="74"/>
      <c r="I3768" s="75"/>
      <c r="J3768" s="74"/>
      <c r="L3768" s="55"/>
      <c r="M3768" s="234"/>
      <c r="N3768" s="65"/>
      <c r="O3768" s="76"/>
      <c r="P3768" s="76"/>
      <c r="Q3768" s="65"/>
      <c r="R3768" s="76"/>
      <c r="S3768" s="76"/>
      <c r="T3768" s="76"/>
      <c r="U3768" s="76"/>
      <c r="V3768" s="76"/>
      <c r="W3768" s="76"/>
      <c r="X3768" s="76"/>
      <c r="Y3768" s="76"/>
      <c r="Z3768" s="76"/>
      <c r="AA3768" s="85"/>
      <c r="AB3768" s="85"/>
      <c r="AC3768" s="85"/>
      <c r="AD3768" s="85"/>
      <c r="AE3768" s="85"/>
      <c r="AF3768" s="85"/>
      <c r="AG3768" s="86"/>
      <c r="AH3768" s="85"/>
      <c r="AI3768" s="85"/>
      <c r="AJ3768" s="85"/>
      <c r="AK3768" s="85"/>
      <c r="AL3768" s="85"/>
      <c r="AM3768" s="92"/>
      <c r="AN3768" s="92"/>
      <c r="AO3768" s="92"/>
      <c r="AP3768" s="92"/>
      <c r="AQ3768" s="92"/>
      <c r="AR3768" s="92"/>
      <c r="AS3768" s="92"/>
      <c r="AT3768" s="92"/>
      <c r="AU3768" s="92"/>
      <c r="AV3768" s="92"/>
      <c r="AW3768" s="92"/>
      <c r="AX3768" s="92"/>
      <c r="AY3768" s="92"/>
      <c r="AZ3768" s="93"/>
      <c r="BA3768" s="93"/>
      <c r="BB3768" s="93"/>
      <c r="BC3768" s="93"/>
      <c r="BD3768" s="93"/>
      <c r="BE3768" s="93"/>
      <c r="BF3768" s="93"/>
      <c r="BG3768" s="93"/>
      <c r="BH3768" s="93"/>
      <c r="BI3768" s="93"/>
      <c r="BJ3768" s="93"/>
      <c r="BK3768" s="93"/>
      <c r="BL3768" s="93"/>
    </row>
    <row r="3769" spans="2:64" x14ac:dyDescent="0.2">
      <c r="B3769" s="43"/>
      <c r="C3769" s="73"/>
      <c r="D3769" s="64"/>
      <c r="E3769" s="55"/>
      <c r="F3769" s="74"/>
      <c r="G3769" s="74"/>
      <c r="H3769" s="74"/>
      <c r="I3769" s="75"/>
      <c r="J3769" s="74"/>
      <c r="L3769" s="55"/>
      <c r="M3769" s="234"/>
      <c r="N3769" s="65"/>
      <c r="O3769" s="76"/>
      <c r="P3769" s="76"/>
      <c r="Q3769" s="65"/>
      <c r="R3769" s="76"/>
      <c r="S3769" s="76"/>
      <c r="T3769" s="76"/>
      <c r="U3769" s="76"/>
      <c r="V3769" s="76"/>
      <c r="W3769" s="76"/>
      <c r="X3769" s="76"/>
      <c r="Y3769" s="76"/>
      <c r="Z3769" s="76"/>
      <c r="AA3769" s="85"/>
      <c r="AB3769" s="85"/>
      <c r="AC3769" s="85"/>
      <c r="AD3769" s="85"/>
      <c r="AE3769" s="85"/>
      <c r="AF3769" s="85"/>
      <c r="AG3769" s="86"/>
      <c r="AH3769" s="85"/>
      <c r="AI3769" s="85"/>
      <c r="AJ3769" s="85"/>
      <c r="AK3769" s="85"/>
      <c r="AL3769" s="85"/>
      <c r="AM3769" s="92"/>
      <c r="AN3769" s="92"/>
      <c r="AO3769" s="92"/>
      <c r="AP3769" s="92"/>
      <c r="AQ3769" s="92"/>
      <c r="AR3769" s="92"/>
      <c r="AS3769" s="92"/>
      <c r="AT3769" s="92"/>
      <c r="AU3769" s="92"/>
      <c r="AV3769" s="92"/>
      <c r="AW3769" s="92"/>
      <c r="AX3769" s="92"/>
      <c r="AY3769" s="92"/>
      <c r="AZ3769" s="93"/>
      <c r="BA3769" s="93"/>
      <c r="BB3769" s="93"/>
      <c r="BC3769" s="93"/>
      <c r="BD3769" s="93"/>
      <c r="BE3769" s="93"/>
      <c r="BF3769" s="93"/>
      <c r="BG3769" s="93"/>
      <c r="BH3769" s="93"/>
      <c r="BI3769" s="93"/>
      <c r="BJ3769" s="93"/>
      <c r="BK3769" s="93"/>
      <c r="BL3769" s="93"/>
    </row>
    <row r="3770" spans="2:64" x14ac:dyDescent="0.2">
      <c r="B3770" s="43"/>
      <c r="C3770" s="73"/>
      <c r="D3770" s="64"/>
      <c r="E3770" s="55"/>
      <c r="F3770" s="74"/>
      <c r="G3770" s="74"/>
      <c r="H3770" s="74"/>
      <c r="I3770" s="75"/>
      <c r="J3770" s="74"/>
      <c r="L3770" s="55"/>
      <c r="M3770" s="234"/>
      <c r="N3770" s="65"/>
      <c r="O3770" s="76"/>
      <c r="P3770" s="76"/>
      <c r="Q3770" s="65"/>
      <c r="R3770" s="76"/>
      <c r="S3770" s="76"/>
      <c r="T3770" s="76"/>
      <c r="U3770" s="76"/>
      <c r="V3770" s="76"/>
      <c r="W3770" s="76"/>
      <c r="X3770" s="76"/>
      <c r="Y3770" s="76"/>
      <c r="Z3770" s="76"/>
      <c r="AA3770" s="85"/>
      <c r="AB3770" s="85"/>
      <c r="AC3770" s="85"/>
      <c r="AD3770" s="85"/>
      <c r="AE3770" s="85"/>
      <c r="AF3770" s="85"/>
      <c r="AG3770" s="86"/>
      <c r="AH3770" s="85"/>
      <c r="AI3770" s="85"/>
      <c r="AJ3770" s="85"/>
      <c r="AK3770" s="85"/>
      <c r="AL3770" s="85"/>
      <c r="AM3770" s="92"/>
      <c r="AN3770" s="92"/>
      <c r="AO3770" s="92"/>
      <c r="AP3770" s="92"/>
      <c r="AQ3770" s="92"/>
      <c r="AR3770" s="92"/>
      <c r="AS3770" s="92"/>
      <c r="AT3770" s="92"/>
      <c r="AU3770" s="92"/>
      <c r="AV3770" s="92"/>
      <c r="AW3770" s="92"/>
      <c r="AX3770" s="92"/>
      <c r="AY3770" s="92"/>
      <c r="AZ3770" s="93"/>
      <c r="BA3770" s="93"/>
      <c r="BB3770" s="93"/>
      <c r="BC3770" s="93"/>
      <c r="BD3770" s="93"/>
      <c r="BE3770" s="93"/>
      <c r="BF3770" s="93"/>
      <c r="BG3770" s="93"/>
      <c r="BH3770" s="93"/>
      <c r="BI3770" s="93"/>
      <c r="BJ3770" s="93"/>
      <c r="BK3770" s="93"/>
      <c r="BL3770" s="93"/>
    </row>
    <row r="3771" spans="2:64" x14ac:dyDescent="0.2">
      <c r="B3771" s="43"/>
      <c r="C3771" s="73"/>
      <c r="D3771" s="64"/>
      <c r="E3771" s="55"/>
      <c r="F3771" s="74"/>
      <c r="G3771" s="74"/>
      <c r="H3771" s="74"/>
      <c r="I3771" s="75"/>
      <c r="J3771" s="74"/>
      <c r="L3771" s="55"/>
      <c r="M3771" s="234"/>
      <c r="N3771" s="65"/>
      <c r="O3771" s="76"/>
      <c r="P3771" s="76"/>
      <c r="Q3771" s="65"/>
      <c r="R3771" s="76"/>
      <c r="S3771" s="76"/>
      <c r="T3771" s="76"/>
      <c r="U3771" s="76"/>
      <c r="V3771" s="76"/>
      <c r="W3771" s="76"/>
      <c r="X3771" s="76"/>
      <c r="Y3771" s="76"/>
      <c r="Z3771" s="76"/>
      <c r="AA3771" s="85"/>
      <c r="AB3771" s="85"/>
      <c r="AC3771" s="85"/>
      <c r="AD3771" s="85"/>
      <c r="AE3771" s="85"/>
      <c r="AF3771" s="85"/>
      <c r="AG3771" s="86"/>
      <c r="AH3771" s="85"/>
      <c r="AI3771" s="85"/>
      <c r="AJ3771" s="85"/>
      <c r="AK3771" s="85"/>
      <c r="AL3771" s="85"/>
      <c r="AM3771" s="92"/>
      <c r="AN3771" s="92"/>
      <c r="AO3771" s="92"/>
      <c r="AP3771" s="92"/>
      <c r="AQ3771" s="92"/>
      <c r="AR3771" s="92"/>
      <c r="AS3771" s="92"/>
      <c r="AT3771" s="92"/>
      <c r="AU3771" s="92"/>
      <c r="AV3771" s="92"/>
      <c r="AW3771" s="92"/>
      <c r="AX3771" s="92"/>
      <c r="AY3771" s="92"/>
      <c r="AZ3771" s="93"/>
      <c r="BA3771" s="93"/>
      <c r="BB3771" s="93"/>
      <c r="BC3771" s="93"/>
      <c r="BD3771" s="93"/>
      <c r="BE3771" s="93"/>
      <c r="BF3771" s="93"/>
      <c r="BG3771" s="93"/>
      <c r="BH3771" s="93"/>
      <c r="BI3771" s="93"/>
      <c r="BJ3771" s="93"/>
      <c r="BK3771" s="93"/>
      <c r="BL3771" s="93"/>
    </row>
    <row r="3772" spans="2:64" x14ac:dyDescent="0.2">
      <c r="B3772" s="43"/>
      <c r="C3772" s="73"/>
      <c r="D3772" s="64"/>
      <c r="E3772" s="55"/>
      <c r="F3772" s="74"/>
      <c r="G3772" s="74"/>
      <c r="H3772" s="74"/>
      <c r="I3772" s="75"/>
      <c r="J3772" s="74"/>
      <c r="L3772" s="55"/>
      <c r="M3772" s="234"/>
      <c r="N3772" s="65"/>
      <c r="O3772" s="76"/>
      <c r="P3772" s="76"/>
      <c r="Q3772" s="65"/>
      <c r="R3772" s="76"/>
      <c r="S3772" s="76"/>
      <c r="T3772" s="76"/>
      <c r="U3772" s="76"/>
      <c r="V3772" s="76"/>
      <c r="W3772" s="76"/>
      <c r="X3772" s="76"/>
      <c r="Y3772" s="76"/>
      <c r="Z3772" s="76"/>
      <c r="AA3772" s="85"/>
      <c r="AB3772" s="85"/>
      <c r="AC3772" s="85"/>
      <c r="AD3772" s="85"/>
      <c r="AE3772" s="85"/>
      <c r="AF3772" s="85"/>
      <c r="AG3772" s="86"/>
      <c r="AH3772" s="85"/>
      <c r="AI3772" s="85"/>
      <c r="AJ3772" s="85"/>
      <c r="AK3772" s="85"/>
      <c r="AL3772" s="85"/>
      <c r="AM3772" s="92"/>
      <c r="AN3772" s="92"/>
      <c r="AO3772" s="92"/>
      <c r="AP3772" s="92"/>
      <c r="AQ3772" s="92"/>
      <c r="AR3772" s="92"/>
      <c r="AS3772" s="92"/>
      <c r="AT3772" s="92"/>
      <c r="AU3772" s="92"/>
      <c r="AV3772" s="92"/>
      <c r="AW3772" s="92"/>
      <c r="AX3772" s="92"/>
      <c r="AY3772" s="92"/>
      <c r="AZ3772" s="93"/>
      <c r="BA3772" s="93"/>
      <c r="BB3772" s="93"/>
      <c r="BC3772" s="93"/>
      <c r="BD3772" s="93"/>
      <c r="BE3772" s="93"/>
      <c r="BF3772" s="93"/>
      <c r="BG3772" s="93"/>
      <c r="BH3772" s="93"/>
      <c r="BI3772" s="93"/>
      <c r="BJ3772" s="93"/>
      <c r="BK3772" s="93"/>
      <c r="BL3772" s="93"/>
    </row>
    <row r="3773" spans="2:64" x14ac:dyDescent="0.2">
      <c r="B3773" s="43"/>
      <c r="C3773" s="73"/>
      <c r="D3773" s="64"/>
      <c r="E3773" s="55"/>
      <c r="F3773" s="74"/>
      <c r="G3773" s="74"/>
      <c r="H3773" s="74"/>
      <c r="I3773" s="75"/>
      <c r="J3773" s="74"/>
      <c r="L3773" s="55"/>
      <c r="M3773" s="234"/>
      <c r="N3773" s="65"/>
      <c r="O3773" s="76"/>
      <c r="P3773" s="76"/>
      <c r="Q3773" s="65"/>
      <c r="R3773" s="76"/>
      <c r="S3773" s="76"/>
      <c r="T3773" s="76"/>
      <c r="U3773" s="76"/>
      <c r="V3773" s="76"/>
      <c r="W3773" s="76"/>
      <c r="X3773" s="76"/>
      <c r="Y3773" s="76"/>
      <c r="Z3773" s="76"/>
      <c r="AA3773" s="85"/>
      <c r="AB3773" s="85"/>
      <c r="AC3773" s="85"/>
      <c r="AD3773" s="85"/>
      <c r="AE3773" s="85"/>
      <c r="AF3773" s="85"/>
      <c r="AG3773" s="86"/>
      <c r="AH3773" s="85"/>
      <c r="AI3773" s="85"/>
      <c r="AJ3773" s="85"/>
      <c r="AK3773" s="85"/>
      <c r="AL3773" s="85"/>
      <c r="AM3773" s="92"/>
      <c r="AN3773" s="92"/>
      <c r="AO3773" s="92"/>
      <c r="AP3773" s="92"/>
      <c r="AQ3773" s="92"/>
      <c r="AR3773" s="92"/>
      <c r="AS3773" s="92"/>
      <c r="AT3773" s="92"/>
      <c r="AU3773" s="92"/>
      <c r="AV3773" s="92"/>
      <c r="AW3773" s="92"/>
      <c r="AX3773" s="92"/>
      <c r="AY3773" s="92"/>
      <c r="AZ3773" s="93"/>
      <c r="BA3773" s="93"/>
      <c r="BB3773" s="93"/>
      <c r="BC3773" s="93"/>
      <c r="BD3773" s="93"/>
      <c r="BE3773" s="93"/>
      <c r="BF3773" s="93"/>
      <c r="BG3773" s="93"/>
      <c r="BH3773" s="93"/>
      <c r="BI3773" s="93"/>
      <c r="BJ3773" s="93"/>
      <c r="BK3773" s="93"/>
      <c r="BL3773" s="93"/>
    </row>
    <row r="3774" spans="2:64" x14ac:dyDescent="0.2">
      <c r="B3774" s="43"/>
      <c r="C3774" s="73"/>
      <c r="D3774" s="64"/>
      <c r="E3774" s="55"/>
      <c r="F3774" s="74"/>
      <c r="G3774" s="74"/>
      <c r="H3774" s="74"/>
      <c r="I3774" s="75"/>
      <c r="J3774" s="74"/>
      <c r="L3774" s="55"/>
      <c r="M3774" s="234"/>
      <c r="N3774" s="65"/>
      <c r="O3774" s="76"/>
      <c r="P3774" s="76"/>
      <c r="Q3774" s="65"/>
      <c r="R3774" s="76"/>
      <c r="S3774" s="76"/>
      <c r="T3774" s="76"/>
      <c r="U3774" s="76"/>
      <c r="V3774" s="76"/>
      <c r="W3774" s="76"/>
      <c r="X3774" s="76"/>
      <c r="Y3774" s="76"/>
      <c r="Z3774" s="76"/>
      <c r="AA3774" s="85"/>
      <c r="AB3774" s="85"/>
      <c r="AC3774" s="85"/>
      <c r="AD3774" s="85"/>
      <c r="AE3774" s="85"/>
      <c r="AF3774" s="85"/>
      <c r="AG3774" s="86"/>
      <c r="AH3774" s="85"/>
      <c r="AI3774" s="85"/>
      <c r="AJ3774" s="85"/>
      <c r="AK3774" s="85"/>
      <c r="AL3774" s="85"/>
      <c r="AM3774" s="92"/>
      <c r="AN3774" s="92"/>
      <c r="AO3774" s="92"/>
      <c r="AP3774" s="92"/>
      <c r="AQ3774" s="92"/>
      <c r="AR3774" s="92"/>
      <c r="AS3774" s="92"/>
      <c r="AT3774" s="92"/>
      <c r="AU3774" s="92"/>
      <c r="AV3774" s="92"/>
      <c r="AW3774" s="92"/>
      <c r="AX3774" s="92"/>
      <c r="AY3774" s="92"/>
      <c r="AZ3774" s="93"/>
      <c r="BA3774" s="93"/>
      <c r="BB3774" s="93"/>
      <c r="BC3774" s="93"/>
      <c r="BD3774" s="93"/>
      <c r="BE3774" s="93"/>
      <c r="BF3774" s="93"/>
      <c r="BG3774" s="93"/>
      <c r="BH3774" s="93"/>
      <c r="BI3774" s="93"/>
      <c r="BJ3774" s="93"/>
      <c r="BK3774" s="93"/>
      <c r="BL3774" s="93"/>
    </row>
    <row r="3775" spans="2:64" x14ac:dyDescent="0.2">
      <c r="B3775" s="43"/>
      <c r="C3775" s="73"/>
      <c r="D3775" s="64"/>
      <c r="E3775" s="55"/>
      <c r="F3775" s="74"/>
      <c r="G3775" s="74"/>
      <c r="H3775" s="74"/>
      <c r="I3775" s="75"/>
      <c r="J3775" s="74"/>
      <c r="L3775" s="55"/>
      <c r="M3775" s="234"/>
      <c r="N3775" s="65"/>
      <c r="O3775" s="76"/>
      <c r="P3775" s="76"/>
      <c r="Q3775" s="65"/>
      <c r="R3775" s="76"/>
      <c r="S3775" s="76"/>
      <c r="T3775" s="76"/>
      <c r="U3775" s="76"/>
      <c r="V3775" s="76"/>
      <c r="W3775" s="76"/>
      <c r="X3775" s="76"/>
      <c r="Y3775" s="76"/>
      <c r="Z3775" s="76"/>
      <c r="AA3775" s="85"/>
      <c r="AB3775" s="85"/>
      <c r="AC3775" s="85"/>
      <c r="AD3775" s="85"/>
      <c r="AE3775" s="85"/>
      <c r="AF3775" s="85"/>
      <c r="AG3775" s="86"/>
      <c r="AH3775" s="85"/>
      <c r="AI3775" s="85"/>
      <c r="AJ3775" s="85"/>
      <c r="AK3775" s="85"/>
      <c r="AL3775" s="85"/>
      <c r="AM3775" s="92"/>
      <c r="AN3775" s="92"/>
      <c r="AO3775" s="92"/>
      <c r="AP3775" s="92"/>
      <c r="AQ3775" s="92"/>
      <c r="AR3775" s="92"/>
      <c r="AS3775" s="92"/>
      <c r="AT3775" s="92"/>
      <c r="AU3775" s="92"/>
      <c r="AV3775" s="92"/>
      <c r="AW3775" s="92"/>
      <c r="AX3775" s="92"/>
      <c r="AY3775" s="92"/>
      <c r="AZ3775" s="93"/>
      <c r="BA3775" s="93"/>
      <c r="BB3775" s="93"/>
      <c r="BC3775" s="93"/>
      <c r="BD3775" s="93"/>
      <c r="BE3775" s="93"/>
      <c r="BF3775" s="93"/>
      <c r="BG3775" s="93"/>
      <c r="BH3775" s="93"/>
      <c r="BI3775" s="93"/>
      <c r="BJ3775" s="93"/>
      <c r="BK3775" s="93"/>
      <c r="BL3775" s="93"/>
    </row>
    <row r="3776" spans="2:64" x14ac:dyDescent="0.2">
      <c r="B3776" s="43"/>
      <c r="C3776" s="73"/>
      <c r="D3776" s="64"/>
      <c r="E3776" s="55"/>
      <c r="F3776" s="74"/>
      <c r="G3776" s="74"/>
      <c r="H3776" s="74"/>
      <c r="I3776" s="75"/>
      <c r="J3776" s="74"/>
      <c r="L3776" s="55"/>
      <c r="M3776" s="234"/>
      <c r="N3776" s="65"/>
      <c r="O3776" s="76"/>
      <c r="P3776" s="76"/>
      <c r="Q3776" s="65"/>
      <c r="R3776" s="76"/>
      <c r="S3776" s="76"/>
      <c r="T3776" s="76"/>
      <c r="U3776" s="76"/>
      <c r="V3776" s="76"/>
      <c r="W3776" s="76"/>
      <c r="X3776" s="76"/>
      <c r="Y3776" s="76"/>
      <c r="Z3776" s="76"/>
      <c r="AA3776" s="85"/>
      <c r="AB3776" s="85"/>
      <c r="AC3776" s="85"/>
      <c r="AD3776" s="85"/>
      <c r="AE3776" s="85"/>
      <c r="AF3776" s="85"/>
      <c r="AG3776" s="86"/>
      <c r="AH3776" s="85"/>
      <c r="AI3776" s="85"/>
      <c r="AJ3776" s="85"/>
      <c r="AK3776" s="85"/>
      <c r="AL3776" s="85"/>
      <c r="AM3776" s="92"/>
      <c r="AN3776" s="92"/>
      <c r="AO3776" s="92"/>
      <c r="AP3776" s="92"/>
      <c r="AQ3776" s="92"/>
      <c r="AR3776" s="92"/>
      <c r="AS3776" s="92"/>
      <c r="AT3776" s="92"/>
      <c r="AU3776" s="92"/>
      <c r="AV3776" s="92"/>
      <c r="AW3776" s="92"/>
      <c r="AX3776" s="92"/>
      <c r="AY3776" s="92"/>
      <c r="AZ3776" s="93"/>
      <c r="BA3776" s="93"/>
      <c r="BB3776" s="93"/>
      <c r="BC3776" s="93"/>
      <c r="BD3776" s="93"/>
      <c r="BE3776" s="93"/>
      <c r="BF3776" s="93"/>
      <c r="BG3776" s="93"/>
      <c r="BH3776" s="93"/>
      <c r="BI3776" s="93"/>
      <c r="BJ3776" s="93"/>
      <c r="BK3776" s="93"/>
      <c r="BL3776" s="93"/>
    </row>
    <row r="3777" spans="2:64" x14ac:dyDescent="0.2">
      <c r="B3777" s="43"/>
      <c r="C3777" s="73"/>
      <c r="D3777" s="64"/>
      <c r="E3777" s="55"/>
      <c r="F3777" s="74"/>
      <c r="G3777" s="74"/>
      <c r="H3777" s="74"/>
      <c r="I3777" s="75"/>
      <c r="J3777" s="74"/>
      <c r="L3777" s="55"/>
      <c r="M3777" s="234"/>
      <c r="N3777" s="65"/>
      <c r="O3777" s="76"/>
      <c r="P3777" s="76"/>
      <c r="Q3777" s="65"/>
      <c r="R3777" s="76"/>
      <c r="S3777" s="76"/>
      <c r="T3777" s="76"/>
      <c r="U3777" s="76"/>
      <c r="V3777" s="76"/>
      <c r="W3777" s="76"/>
      <c r="X3777" s="76"/>
      <c r="Y3777" s="76"/>
      <c r="Z3777" s="76"/>
      <c r="AA3777" s="85"/>
      <c r="AB3777" s="85"/>
      <c r="AC3777" s="85"/>
      <c r="AD3777" s="85"/>
      <c r="AE3777" s="85"/>
      <c r="AF3777" s="85"/>
      <c r="AG3777" s="86"/>
      <c r="AH3777" s="85"/>
      <c r="AI3777" s="85"/>
      <c r="AJ3777" s="85"/>
      <c r="AK3777" s="85"/>
      <c r="AL3777" s="85"/>
      <c r="AM3777" s="92"/>
      <c r="AN3777" s="92"/>
      <c r="AO3777" s="92"/>
      <c r="AP3777" s="92"/>
      <c r="AQ3777" s="92"/>
      <c r="AR3777" s="92"/>
      <c r="AS3777" s="92"/>
      <c r="AT3777" s="92"/>
      <c r="AU3777" s="92"/>
      <c r="AV3777" s="92"/>
      <c r="AW3777" s="92"/>
      <c r="AX3777" s="92"/>
      <c r="AY3777" s="92"/>
      <c r="AZ3777" s="93"/>
      <c r="BA3777" s="93"/>
      <c r="BB3777" s="93"/>
      <c r="BC3777" s="93"/>
      <c r="BD3777" s="93"/>
      <c r="BE3777" s="93"/>
      <c r="BF3777" s="93"/>
      <c r="BG3777" s="93"/>
      <c r="BH3777" s="93"/>
      <c r="BI3777" s="93"/>
      <c r="BJ3777" s="93"/>
      <c r="BK3777" s="93"/>
      <c r="BL3777" s="93"/>
    </row>
    <row r="3778" spans="2:64" x14ac:dyDescent="0.2">
      <c r="B3778" s="43"/>
      <c r="C3778" s="73"/>
      <c r="D3778" s="64"/>
      <c r="E3778" s="55"/>
      <c r="F3778" s="74"/>
      <c r="G3778" s="74"/>
      <c r="H3778" s="74"/>
      <c r="I3778" s="75"/>
      <c r="J3778" s="74"/>
      <c r="L3778" s="55"/>
      <c r="M3778" s="234"/>
      <c r="N3778" s="65"/>
      <c r="O3778" s="76"/>
      <c r="P3778" s="76"/>
      <c r="Q3778" s="65"/>
      <c r="R3778" s="76"/>
      <c r="S3778" s="76"/>
      <c r="T3778" s="76"/>
      <c r="U3778" s="76"/>
      <c r="V3778" s="76"/>
      <c r="W3778" s="76"/>
      <c r="X3778" s="76"/>
      <c r="Y3778" s="76"/>
      <c r="Z3778" s="76"/>
      <c r="AA3778" s="85"/>
      <c r="AB3778" s="85"/>
      <c r="AC3778" s="85"/>
      <c r="AD3778" s="85"/>
      <c r="AE3778" s="85"/>
      <c r="AF3778" s="85"/>
      <c r="AG3778" s="86"/>
      <c r="AH3778" s="85"/>
      <c r="AI3778" s="85"/>
      <c r="AJ3778" s="85"/>
      <c r="AK3778" s="85"/>
      <c r="AL3778" s="85"/>
      <c r="AM3778" s="92"/>
      <c r="AN3778" s="92"/>
      <c r="AO3778" s="92"/>
      <c r="AP3778" s="92"/>
      <c r="AQ3778" s="92"/>
      <c r="AR3778" s="92"/>
      <c r="AS3778" s="92"/>
      <c r="AT3778" s="92"/>
      <c r="AU3778" s="92"/>
      <c r="AV3778" s="92"/>
      <c r="AW3778" s="92"/>
      <c r="AX3778" s="92"/>
      <c r="AY3778" s="92"/>
      <c r="AZ3778" s="93"/>
      <c r="BA3778" s="93"/>
      <c r="BB3778" s="93"/>
      <c r="BC3778" s="93"/>
      <c r="BD3778" s="93"/>
      <c r="BE3778" s="93"/>
      <c r="BF3778" s="93"/>
      <c r="BG3778" s="93"/>
      <c r="BH3778" s="93"/>
      <c r="BI3778" s="93"/>
      <c r="BJ3778" s="93"/>
      <c r="BK3778" s="93"/>
      <c r="BL3778" s="93"/>
    </row>
    <row r="3779" spans="2:64" x14ac:dyDescent="0.2">
      <c r="B3779" s="43"/>
      <c r="C3779" s="73"/>
      <c r="D3779" s="64"/>
      <c r="E3779" s="55"/>
      <c r="F3779" s="74"/>
      <c r="G3779" s="74"/>
      <c r="H3779" s="74"/>
      <c r="I3779" s="75"/>
      <c r="J3779" s="74"/>
      <c r="L3779" s="55"/>
      <c r="M3779" s="234"/>
      <c r="N3779" s="65"/>
      <c r="O3779" s="76"/>
      <c r="P3779" s="76"/>
      <c r="Q3779" s="65"/>
      <c r="R3779" s="76"/>
      <c r="S3779" s="76"/>
      <c r="T3779" s="76"/>
      <c r="U3779" s="76"/>
      <c r="V3779" s="76"/>
      <c r="W3779" s="76"/>
      <c r="X3779" s="76"/>
      <c r="Y3779" s="76"/>
      <c r="Z3779" s="76"/>
      <c r="AA3779" s="85"/>
      <c r="AB3779" s="85"/>
      <c r="AC3779" s="85"/>
      <c r="AD3779" s="85"/>
      <c r="AE3779" s="85"/>
      <c r="AF3779" s="85"/>
      <c r="AG3779" s="86"/>
      <c r="AH3779" s="85"/>
      <c r="AI3779" s="85"/>
      <c r="AJ3779" s="85"/>
      <c r="AK3779" s="85"/>
      <c r="AL3779" s="85"/>
      <c r="AM3779" s="92"/>
      <c r="AN3779" s="92"/>
      <c r="AO3779" s="92"/>
      <c r="AP3779" s="92"/>
      <c r="AQ3779" s="92"/>
      <c r="AR3779" s="92"/>
      <c r="AS3779" s="92"/>
      <c r="AT3779" s="92"/>
      <c r="AU3779" s="92"/>
      <c r="AV3779" s="92"/>
      <c r="AW3779" s="92"/>
      <c r="AX3779" s="92"/>
      <c r="AY3779" s="92"/>
      <c r="AZ3779" s="93"/>
      <c r="BA3779" s="93"/>
      <c r="BB3779" s="93"/>
      <c r="BC3779" s="93"/>
      <c r="BD3779" s="93"/>
      <c r="BE3779" s="93"/>
      <c r="BF3779" s="93"/>
      <c r="BG3779" s="93"/>
      <c r="BH3779" s="93"/>
      <c r="BI3779" s="93"/>
      <c r="BJ3779" s="93"/>
      <c r="BK3779" s="93"/>
      <c r="BL3779" s="93"/>
    </row>
    <row r="3780" spans="2:64" x14ac:dyDescent="0.2">
      <c r="B3780" s="43"/>
      <c r="C3780" s="73"/>
      <c r="D3780" s="64"/>
      <c r="E3780" s="55"/>
      <c r="F3780" s="74"/>
      <c r="G3780" s="74"/>
      <c r="H3780" s="74"/>
      <c r="I3780" s="75"/>
      <c r="J3780" s="74"/>
      <c r="L3780" s="55"/>
      <c r="M3780" s="234"/>
      <c r="N3780" s="65"/>
      <c r="O3780" s="76"/>
      <c r="P3780" s="76"/>
      <c r="Q3780" s="65"/>
      <c r="R3780" s="76"/>
      <c r="S3780" s="76"/>
      <c r="T3780" s="76"/>
      <c r="U3780" s="76"/>
      <c r="V3780" s="76"/>
      <c r="W3780" s="76"/>
      <c r="X3780" s="76"/>
      <c r="Y3780" s="76"/>
      <c r="Z3780" s="76"/>
      <c r="AA3780" s="85"/>
      <c r="AB3780" s="85"/>
      <c r="AC3780" s="85"/>
      <c r="AD3780" s="85"/>
      <c r="AE3780" s="85"/>
      <c r="AF3780" s="85"/>
      <c r="AG3780" s="86"/>
      <c r="AH3780" s="85"/>
      <c r="AI3780" s="85"/>
      <c r="AJ3780" s="85"/>
      <c r="AK3780" s="85"/>
      <c r="AL3780" s="85"/>
      <c r="AM3780" s="92"/>
      <c r="AN3780" s="92"/>
      <c r="AO3780" s="92"/>
      <c r="AP3780" s="92"/>
      <c r="AQ3780" s="92"/>
      <c r="AR3780" s="92"/>
      <c r="AS3780" s="92"/>
      <c r="AT3780" s="92"/>
      <c r="AU3780" s="92"/>
      <c r="AV3780" s="92"/>
      <c r="AW3780" s="92"/>
      <c r="AX3780" s="92"/>
      <c r="AY3780" s="92"/>
      <c r="AZ3780" s="93"/>
      <c r="BA3780" s="93"/>
      <c r="BB3780" s="93"/>
      <c r="BC3780" s="93"/>
      <c r="BD3780" s="93"/>
      <c r="BE3780" s="93"/>
      <c r="BF3780" s="93"/>
      <c r="BG3780" s="93"/>
      <c r="BH3780" s="93"/>
      <c r="BI3780" s="93"/>
      <c r="BJ3780" s="93"/>
      <c r="BK3780" s="93"/>
      <c r="BL3780" s="93"/>
    </row>
    <row r="3781" spans="2:64" x14ac:dyDescent="0.2">
      <c r="B3781" s="43"/>
      <c r="C3781" s="73"/>
      <c r="D3781" s="64"/>
      <c r="E3781" s="55"/>
      <c r="F3781" s="74"/>
      <c r="G3781" s="74"/>
      <c r="H3781" s="74"/>
      <c r="I3781" s="75"/>
      <c r="J3781" s="74"/>
      <c r="L3781" s="55"/>
      <c r="M3781" s="234"/>
      <c r="N3781" s="65"/>
      <c r="O3781" s="76"/>
      <c r="P3781" s="76"/>
      <c r="Q3781" s="65"/>
      <c r="R3781" s="76"/>
      <c r="S3781" s="76"/>
      <c r="T3781" s="76"/>
      <c r="U3781" s="76"/>
      <c r="V3781" s="76"/>
      <c r="W3781" s="76"/>
      <c r="X3781" s="76"/>
      <c r="Y3781" s="76"/>
      <c r="Z3781" s="76"/>
      <c r="AA3781" s="85"/>
      <c r="AB3781" s="85"/>
      <c r="AC3781" s="85"/>
      <c r="AD3781" s="85"/>
      <c r="AE3781" s="85"/>
      <c r="AF3781" s="85"/>
      <c r="AG3781" s="86"/>
      <c r="AH3781" s="85"/>
      <c r="AI3781" s="85"/>
      <c r="AJ3781" s="85"/>
      <c r="AK3781" s="85"/>
      <c r="AL3781" s="85"/>
      <c r="AM3781" s="92"/>
      <c r="AN3781" s="92"/>
      <c r="AO3781" s="92"/>
      <c r="AP3781" s="92"/>
      <c r="AQ3781" s="92"/>
      <c r="AR3781" s="92"/>
      <c r="AS3781" s="92"/>
      <c r="AT3781" s="92"/>
      <c r="AU3781" s="92"/>
      <c r="AV3781" s="92"/>
      <c r="AW3781" s="92"/>
      <c r="AX3781" s="92"/>
      <c r="AY3781" s="92"/>
      <c r="AZ3781" s="93"/>
      <c r="BA3781" s="93"/>
      <c r="BB3781" s="93"/>
      <c r="BC3781" s="93"/>
      <c r="BD3781" s="93"/>
      <c r="BE3781" s="93"/>
      <c r="BF3781" s="93"/>
      <c r="BG3781" s="93"/>
      <c r="BH3781" s="93"/>
      <c r="BI3781" s="93"/>
      <c r="BJ3781" s="93"/>
      <c r="BK3781" s="93"/>
      <c r="BL3781" s="93"/>
    </row>
    <row r="3782" spans="2:64" x14ac:dyDescent="0.2">
      <c r="B3782" s="43"/>
      <c r="C3782" s="73"/>
      <c r="D3782" s="64"/>
      <c r="E3782" s="55"/>
      <c r="F3782" s="74"/>
      <c r="G3782" s="74"/>
      <c r="H3782" s="74"/>
      <c r="I3782" s="75"/>
      <c r="J3782" s="74"/>
      <c r="L3782" s="55"/>
      <c r="M3782" s="234"/>
      <c r="N3782" s="65"/>
      <c r="O3782" s="76"/>
      <c r="P3782" s="76"/>
      <c r="Q3782" s="65"/>
      <c r="R3782" s="76"/>
      <c r="S3782" s="76"/>
      <c r="T3782" s="76"/>
      <c r="U3782" s="76"/>
      <c r="V3782" s="76"/>
      <c r="W3782" s="76"/>
      <c r="X3782" s="76"/>
      <c r="Y3782" s="76"/>
      <c r="Z3782" s="76"/>
      <c r="AA3782" s="85"/>
      <c r="AB3782" s="85"/>
      <c r="AC3782" s="85"/>
      <c r="AD3782" s="85"/>
      <c r="AE3782" s="85"/>
      <c r="AF3782" s="85"/>
      <c r="AG3782" s="86"/>
      <c r="AH3782" s="85"/>
      <c r="AI3782" s="85"/>
      <c r="AJ3782" s="85"/>
      <c r="AK3782" s="85"/>
      <c r="AL3782" s="85"/>
      <c r="AM3782" s="92"/>
      <c r="AN3782" s="92"/>
      <c r="AO3782" s="92"/>
      <c r="AP3782" s="92"/>
      <c r="AQ3782" s="92"/>
      <c r="AR3782" s="92"/>
      <c r="AS3782" s="92"/>
      <c r="AT3782" s="92"/>
      <c r="AU3782" s="92"/>
      <c r="AV3782" s="92"/>
      <c r="AW3782" s="92"/>
      <c r="AX3782" s="92"/>
      <c r="AY3782" s="92"/>
      <c r="AZ3782" s="93"/>
      <c r="BA3782" s="93"/>
      <c r="BB3782" s="93"/>
      <c r="BC3782" s="93"/>
      <c r="BD3782" s="93"/>
      <c r="BE3782" s="93"/>
      <c r="BF3782" s="93"/>
      <c r="BG3782" s="93"/>
      <c r="BH3782" s="93"/>
      <c r="BI3782" s="93"/>
      <c r="BJ3782" s="93"/>
      <c r="BK3782" s="93"/>
      <c r="BL3782" s="93"/>
    </row>
    <row r="3783" spans="2:64" x14ac:dyDescent="0.2">
      <c r="B3783" s="43"/>
      <c r="C3783" s="73"/>
      <c r="D3783" s="64"/>
      <c r="E3783" s="55"/>
      <c r="F3783" s="74"/>
      <c r="G3783" s="74"/>
      <c r="H3783" s="74"/>
      <c r="I3783" s="75"/>
      <c r="J3783" s="74"/>
      <c r="L3783" s="55"/>
      <c r="M3783" s="234"/>
      <c r="N3783" s="65"/>
      <c r="O3783" s="76"/>
      <c r="P3783" s="76"/>
      <c r="Q3783" s="65"/>
      <c r="R3783" s="76"/>
      <c r="S3783" s="76"/>
      <c r="T3783" s="76"/>
      <c r="U3783" s="76"/>
      <c r="V3783" s="76"/>
      <c r="W3783" s="76"/>
      <c r="X3783" s="76"/>
      <c r="Y3783" s="76"/>
      <c r="Z3783" s="76"/>
      <c r="AA3783" s="85"/>
      <c r="AB3783" s="85"/>
      <c r="AC3783" s="85"/>
      <c r="AD3783" s="85"/>
      <c r="AE3783" s="85"/>
      <c r="AF3783" s="85"/>
      <c r="AG3783" s="86"/>
      <c r="AH3783" s="85"/>
      <c r="AI3783" s="85"/>
      <c r="AJ3783" s="85"/>
      <c r="AK3783" s="85"/>
      <c r="AL3783" s="85"/>
      <c r="AM3783" s="92"/>
      <c r="AN3783" s="92"/>
      <c r="AO3783" s="92"/>
      <c r="AP3783" s="92"/>
      <c r="AQ3783" s="92"/>
      <c r="AR3783" s="92"/>
      <c r="AS3783" s="92"/>
      <c r="AT3783" s="92"/>
      <c r="AU3783" s="92"/>
      <c r="AV3783" s="92"/>
      <c r="AW3783" s="92"/>
      <c r="AX3783" s="92"/>
      <c r="AY3783" s="92"/>
      <c r="AZ3783" s="93"/>
      <c r="BA3783" s="93"/>
      <c r="BB3783" s="93"/>
      <c r="BC3783" s="93"/>
      <c r="BD3783" s="93"/>
      <c r="BE3783" s="93"/>
      <c r="BF3783" s="93"/>
      <c r="BG3783" s="93"/>
      <c r="BH3783" s="93"/>
      <c r="BI3783" s="93"/>
      <c r="BJ3783" s="93"/>
      <c r="BK3783" s="93"/>
      <c r="BL3783" s="93"/>
    </row>
    <row r="3784" spans="2:64" x14ac:dyDescent="0.2">
      <c r="B3784" s="43"/>
      <c r="C3784" s="73"/>
      <c r="D3784" s="64"/>
      <c r="E3784" s="55"/>
      <c r="F3784" s="74"/>
      <c r="G3784" s="74"/>
      <c r="H3784" s="74"/>
      <c r="I3784" s="75"/>
      <c r="J3784" s="74"/>
      <c r="L3784" s="55"/>
      <c r="M3784" s="234"/>
      <c r="N3784" s="65"/>
      <c r="O3784" s="76"/>
      <c r="P3784" s="76"/>
      <c r="Q3784" s="65"/>
      <c r="R3784" s="76"/>
      <c r="S3784" s="76"/>
      <c r="T3784" s="76"/>
      <c r="U3784" s="76"/>
      <c r="V3784" s="76"/>
      <c r="W3784" s="76"/>
      <c r="X3784" s="76"/>
      <c r="Y3784" s="76"/>
      <c r="Z3784" s="76"/>
      <c r="AA3784" s="85"/>
      <c r="AB3784" s="85"/>
      <c r="AC3784" s="85"/>
      <c r="AD3784" s="85"/>
      <c r="AE3784" s="85"/>
      <c r="AF3784" s="85"/>
      <c r="AG3784" s="86"/>
      <c r="AH3784" s="85"/>
      <c r="AI3784" s="85"/>
      <c r="AJ3784" s="85"/>
      <c r="AK3784" s="85"/>
      <c r="AL3784" s="85"/>
      <c r="AM3784" s="92"/>
      <c r="AN3784" s="92"/>
      <c r="AO3784" s="92"/>
      <c r="AP3784" s="92"/>
      <c r="AQ3784" s="92"/>
      <c r="AR3784" s="92"/>
      <c r="AS3784" s="92"/>
      <c r="AT3784" s="92"/>
      <c r="AU3784" s="92"/>
      <c r="AV3784" s="92"/>
      <c r="AW3784" s="92"/>
      <c r="AX3784" s="92"/>
      <c r="AY3784" s="92"/>
      <c r="AZ3784" s="93"/>
      <c r="BA3784" s="93"/>
      <c r="BB3784" s="93"/>
      <c r="BC3784" s="93"/>
      <c r="BD3784" s="93"/>
      <c r="BE3784" s="93"/>
      <c r="BF3784" s="93"/>
      <c r="BG3784" s="93"/>
      <c r="BH3784" s="93"/>
      <c r="BI3784" s="93"/>
      <c r="BJ3784" s="93"/>
      <c r="BK3784" s="93"/>
      <c r="BL3784" s="93"/>
    </row>
    <row r="3785" spans="2:64" x14ac:dyDescent="0.2">
      <c r="B3785" s="43"/>
      <c r="C3785" s="73"/>
      <c r="D3785" s="64"/>
      <c r="E3785" s="55"/>
      <c r="F3785" s="74"/>
      <c r="G3785" s="74"/>
      <c r="H3785" s="74"/>
      <c r="I3785" s="75"/>
      <c r="J3785" s="74"/>
      <c r="L3785" s="55"/>
      <c r="M3785" s="234"/>
      <c r="N3785" s="65"/>
      <c r="O3785" s="76"/>
      <c r="P3785" s="76"/>
      <c r="Q3785" s="65"/>
      <c r="R3785" s="76"/>
      <c r="S3785" s="76"/>
      <c r="T3785" s="76"/>
      <c r="U3785" s="76"/>
      <c r="V3785" s="76"/>
      <c r="W3785" s="76"/>
      <c r="X3785" s="76"/>
      <c r="Y3785" s="76"/>
      <c r="Z3785" s="76"/>
      <c r="AA3785" s="85"/>
      <c r="AB3785" s="85"/>
      <c r="AC3785" s="85"/>
      <c r="AD3785" s="85"/>
      <c r="AE3785" s="85"/>
      <c r="AF3785" s="85"/>
      <c r="AG3785" s="86"/>
      <c r="AH3785" s="85"/>
      <c r="AI3785" s="85"/>
      <c r="AJ3785" s="85"/>
      <c r="AK3785" s="85"/>
      <c r="AL3785" s="85"/>
      <c r="AM3785" s="92"/>
      <c r="AN3785" s="92"/>
      <c r="AO3785" s="92"/>
      <c r="AP3785" s="92"/>
      <c r="AQ3785" s="92"/>
      <c r="AR3785" s="92"/>
      <c r="AS3785" s="92"/>
      <c r="AT3785" s="92"/>
      <c r="AU3785" s="92"/>
      <c r="AV3785" s="92"/>
      <c r="AW3785" s="92"/>
      <c r="AX3785" s="92"/>
      <c r="AY3785" s="92"/>
      <c r="AZ3785" s="93"/>
      <c r="BA3785" s="93"/>
      <c r="BB3785" s="93"/>
      <c r="BC3785" s="93"/>
      <c r="BD3785" s="93"/>
      <c r="BE3785" s="93"/>
      <c r="BF3785" s="93"/>
      <c r="BG3785" s="93"/>
      <c r="BH3785" s="93"/>
      <c r="BI3785" s="93"/>
      <c r="BJ3785" s="93"/>
      <c r="BK3785" s="93"/>
      <c r="BL3785" s="93"/>
    </row>
    <row r="3786" spans="2:64" x14ac:dyDescent="0.2">
      <c r="B3786" s="43"/>
      <c r="C3786" s="73"/>
      <c r="D3786" s="64"/>
      <c r="E3786" s="55"/>
      <c r="F3786" s="74"/>
      <c r="G3786" s="74"/>
      <c r="H3786" s="74"/>
      <c r="I3786" s="75"/>
      <c r="J3786" s="74"/>
      <c r="L3786" s="55"/>
      <c r="M3786" s="234"/>
      <c r="N3786" s="65"/>
      <c r="O3786" s="76"/>
      <c r="P3786" s="76"/>
      <c r="Q3786" s="65"/>
      <c r="R3786" s="76"/>
      <c r="S3786" s="76"/>
      <c r="T3786" s="76"/>
      <c r="U3786" s="76"/>
      <c r="V3786" s="76"/>
      <c r="W3786" s="76"/>
      <c r="X3786" s="76"/>
      <c r="Y3786" s="76"/>
      <c r="Z3786" s="76"/>
      <c r="AA3786" s="85"/>
      <c r="AB3786" s="85"/>
      <c r="AC3786" s="85"/>
      <c r="AD3786" s="85"/>
      <c r="AE3786" s="85"/>
      <c r="AF3786" s="85"/>
      <c r="AG3786" s="86"/>
      <c r="AH3786" s="85"/>
      <c r="AI3786" s="85"/>
      <c r="AJ3786" s="85"/>
      <c r="AK3786" s="85"/>
      <c r="AL3786" s="85"/>
      <c r="AM3786" s="92"/>
      <c r="AN3786" s="92"/>
      <c r="AO3786" s="92"/>
      <c r="AP3786" s="92"/>
      <c r="AQ3786" s="92"/>
      <c r="AR3786" s="92"/>
      <c r="AS3786" s="92"/>
      <c r="AT3786" s="92"/>
      <c r="AU3786" s="92"/>
      <c r="AV3786" s="92"/>
      <c r="AW3786" s="92"/>
      <c r="AX3786" s="92"/>
      <c r="AY3786" s="92"/>
      <c r="AZ3786" s="93"/>
      <c r="BA3786" s="93"/>
      <c r="BB3786" s="93"/>
      <c r="BC3786" s="93"/>
      <c r="BD3786" s="93"/>
      <c r="BE3786" s="93"/>
      <c r="BF3786" s="93"/>
      <c r="BG3786" s="93"/>
      <c r="BH3786" s="93"/>
      <c r="BI3786" s="93"/>
      <c r="BJ3786" s="93"/>
      <c r="BK3786" s="93"/>
      <c r="BL3786" s="93"/>
    </row>
    <row r="3787" spans="2:64" x14ac:dyDescent="0.2">
      <c r="B3787" s="43"/>
      <c r="C3787" s="73"/>
      <c r="D3787" s="64"/>
      <c r="E3787" s="55"/>
      <c r="F3787" s="74"/>
      <c r="G3787" s="74"/>
      <c r="H3787" s="74"/>
      <c r="I3787" s="75"/>
      <c r="J3787" s="74"/>
      <c r="L3787" s="55"/>
      <c r="M3787" s="234"/>
      <c r="N3787" s="65"/>
      <c r="O3787" s="76"/>
      <c r="P3787" s="76"/>
      <c r="Q3787" s="65"/>
      <c r="R3787" s="76"/>
      <c r="S3787" s="76"/>
      <c r="T3787" s="76"/>
      <c r="U3787" s="76"/>
      <c r="V3787" s="76"/>
      <c r="W3787" s="76"/>
      <c r="X3787" s="76"/>
      <c r="Y3787" s="76"/>
      <c r="Z3787" s="76"/>
      <c r="AA3787" s="85"/>
      <c r="AB3787" s="85"/>
      <c r="AC3787" s="85"/>
      <c r="AD3787" s="85"/>
      <c r="AE3787" s="85"/>
      <c r="AF3787" s="85"/>
      <c r="AG3787" s="86"/>
      <c r="AH3787" s="85"/>
      <c r="AI3787" s="85"/>
      <c r="AJ3787" s="85"/>
      <c r="AK3787" s="85"/>
      <c r="AL3787" s="85"/>
      <c r="AM3787" s="92"/>
      <c r="AN3787" s="92"/>
      <c r="AO3787" s="92"/>
      <c r="AP3787" s="92"/>
      <c r="AQ3787" s="92"/>
      <c r="AR3787" s="92"/>
      <c r="AS3787" s="92"/>
      <c r="AT3787" s="92"/>
      <c r="AU3787" s="92"/>
      <c r="AV3787" s="92"/>
      <c r="AW3787" s="92"/>
      <c r="AX3787" s="92"/>
      <c r="AY3787" s="92"/>
      <c r="AZ3787" s="93"/>
      <c r="BA3787" s="93"/>
      <c r="BB3787" s="93"/>
      <c r="BC3787" s="93"/>
      <c r="BD3787" s="93"/>
      <c r="BE3787" s="93"/>
      <c r="BF3787" s="93"/>
      <c r="BG3787" s="93"/>
      <c r="BH3787" s="93"/>
      <c r="BI3787" s="93"/>
      <c r="BJ3787" s="93"/>
      <c r="BK3787" s="93"/>
      <c r="BL3787" s="93"/>
    </row>
    <row r="3788" spans="2:64" x14ac:dyDescent="0.2">
      <c r="B3788" s="43"/>
      <c r="C3788" s="73"/>
      <c r="D3788" s="64"/>
      <c r="E3788" s="55"/>
      <c r="F3788" s="74"/>
      <c r="G3788" s="74"/>
      <c r="H3788" s="74"/>
      <c r="I3788" s="75"/>
      <c r="J3788" s="74"/>
      <c r="L3788" s="55"/>
      <c r="M3788" s="234"/>
      <c r="N3788" s="65"/>
      <c r="O3788" s="76"/>
      <c r="P3788" s="76"/>
      <c r="Q3788" s="65"/>
      <c r="R3788" s="76"/>
      <c r="S3788" s="76"/>
      <c r="T3788" s="76"/>
      <c r="U3788" s="76"/>
      <c r="V3788" s="76"/>
      <c r="W3788" s="76"/>
      <c r="X3788" s="76"/>
      <c r="Y3788" s="76"/>
      <c r="Z3788" s="76"/>
      <c r="AA3788" s="85"/>
      <c r="AB3788" s="85"/>
      <c r="AC3788" s="85"/>
      <c r="AD3788" s="85"/>
      <c r="AE3788" s="85"/>
      <c r="AF3788" s="85"/>
      <c r="AG3788" s="86"/>
      <c r="AH3788" s="85"/>
      <c r="AI3788" s="85"/>
      <c r="AJ3788" s="85"/>
      <c r="AK3788" s="85"/>
      <c r="AL3788" s="85"/>
      <c r="AM3788" s="92"/>
      <c r="AN3788" s="92"/>
      <c r="AO3788" s="92"/>
      <c r="AP3788" s="92"/>
      <c r="AQ3788" s="92"/>
      <c r="AR3788" s="92"/>
      <c r="AS3788" s="92"/>
      <c r="AT3788" s="92"/>
      <c r="AU3788" s="92"/>
      <c r="AV3788" s="92"/>
      <c r="AW3788" s="92"/>
      <c r="AX3788" s="92"/>
      <c r="AY3788" s="92"/>
      <c r="AZ3788" s="93"/>
      <c r="BA3788" s="93"/>
      <c r="BB3788" s="93"/>
      <c r="BC3788" s="93"/>
      <c r="BD3788" s="93"/>
      <c r="BE3788" s="93"/>
      <c r="BF3788" s="93"/>
      <c r="BG3788" s="93"/>
      <c r="BH3788" s="93"/>
      <c r="BI3788" s="93"/>
      <c r="BJ3788" s="93"/>
      <c r="BK3788" s="93"/>
      <c r="BL3788" s="93"/>
    </row>
    <row r="3789" spans="2:64" x14ac:dyDescent="0.2">
      <c r="B3789" s="43"/>
      <c r="C3789" s="73"/>
      <c r="D3789" s="64"/>
      <c r="E3789" s="55"/>
      <c r="F3789" s="74"/>
      <c r="G3789" s="74"/>
      <c r="H3789" s="74"/>
      <c r="I3789" s="75"/>
      <c r="J3789" s="74"/>
      <c r="L3789" s="55"/>
      <c r="M3789" s="234"/>
      <c r="N3789" s="65"/>
      <c r="O3789" s="76"/>
      <c r="P3789" s="76"/>
      <c r="Q3789" s="65"/>
      <c r="R3789" s="76"/>
      <c r="S3789" s="76"/>
      <c r="T3789" s="76"/>
      <c r="U3789" s="76"/>
      <c r="V3789" s="76"/>
      <c r="W3789" s="76"/>
      <c r="X3789" s="76"/>
      <c r="Y3789" s="76"/>
      <c r="Z3789" s="76"/>
      <c r="AA3789" s="85"/>
      <c r="AB3789" s="85"/>
      <c r="AC3789" s="85"/>
      <c r="AD3789" s="85"/>
      <c r="AE3789" s="85"/>
      <c r="AF3789" s="85"/>
      <c r="AG3789" s="86"/>
      <c r="AH3789" s="85"/>
      <c r="AI3789" s="85"/>
      <c r="AJ3789" s="85"/>
      <c r="AK3789" s="85"/>
      <c r="AL3789" s="85"/>
      <c r="AM3789" s="92"/>
      <c r="AN3789" s="92"/>
      <c r="AO3789" s="92"/>
      <c r="AP3789" s="92"/>
      <c r="AQ3789" s="92"/>
      <c r="AR3789" s="92"/>
      <c r="AS3789" s="92"/>
      <c r="AT3789" s="92"/>
      <c r="AU3789" s="92"/>
      <c r="AV3789" s="92"/>
      <c r="AW3789" s="92"/>
      <c r="AX3789" s="92"/>
      <c r="AY3789" s="92"/>
      <c r="AZ3789" s="93"/>
      <c r="BA3789" s="93"/>
      <c r="BB3789" s="93"/>
      <c r="BC3789" s="93"/>
      <c r="BD3789" s="93"/>
      <c r="BE3789" s="93"/>
      <c r="BF3789" s="93"/>
      <c r="BG3789" s="93"/>
      <c r="BH3789" s="93"/>
      <c r="BI3789" s="93"/>
      <c r="BJ3789" s="93"/>
      <c r="BK3789" s="93"/>
      <c r="BL3789" s="93"/>
    </row>
    <row r="3790" spans="2:64" x14ac:dyDescent="0.2">
      <c r="B3790" s="43"/>
      <c r="C3790" s="73"/>
      <c r="D3790" s="64"/>
      <c r="E3790" s="55"/>
      <c r="F3790" s="74"/>
      <c r="G3790" s="74"/>
      <c r="H3790" s="74"/>
      <c r="I3790" s="75"/>
      <c r="J3790" s="74"/>
      <c r="L3790" s="55"/>
      <c r="M3790" s="234"/>
      <c r="N3790" s="65"/>
      <c r="O3790" s="76"/>
      <c r="P3790" s="76"/>
      <c r="Q3790" s="65"/>
      <c r="R3790" s="76"/>
      <c r="S3790" s="76"/>
      <c r="T3790" s="76"/>
      <c r="U3790" s="76"/>
      <c r="V3790" s="76"/>
      <c r="W3790" s="76"/>
      <c r="X3790" s="76"/>
      <c r="Y3790" s="76"/>
      <c r="Z3790" s="76"/>
      <c r="AA3790" s="85"/>
      <c r="AB3790" s="85"/>
      <c r="AC3790" s="85"/>
      <c r="AD3790" s="85"/>
      <c r="AE3790" s="85"/>
      <c r="AF3790" s="85"/>
      <c r="AG3790" s="86"/>
      <c r="AH3790" s="85"/>
      <c r="AI3790" s="85"/>
      <c r="AJ3790" s="85"/>
      <c r="AK3790" s="85"/>
      <c r="AL3790" s="85"/>
      <c r="AM3790" s="92"/>
      <c r="AN3790" s="92"/>
      <c r="AO3790" s="92"/>
      <c r="AP3790" s="92"/>
      <c r="AQ3790" s="92"/>
      <c r="AR3790" s="92"/>
      <c r="AS3790" s="92"/>
      <c r="AT3790" s="92"/>
      <c r="AU3790" s="92"/>
      <c r="AV3790" s="92"/>
      <c r="AW3790" s="92"/>
      <c r="AX3790" s="92"/>
      <c r="AY3790" s="92"/>
      <c r="AZ3790" s="93"/>
      <c r="BA3790" s="93"/>
      <c r="BB3790" s="93"/>
      <c r="BC3790" s="93"/>
      <c r="BD3790" s="93"/>
      <c r="BE3790" s="93"/>
      <c r="BF3790" s="93"/>
      <c r="BG3790" s="93"/>
      <c r="BH3790" s="93"/>
      <c r="BI3790" s="93"/>
      <c r="BJ3790" s="93"/>
      <c r="BK3790" s="93"/>
      <c r="BL3790" s="93"/>
    </row>
    <row r="3791" spans="2:64" x14ac:dyDescent="0.2">
      <c r="B3791" s="43"/>
      <c r="C3791" s="73"/>
      <c r="D3791" s="64"/>
      <c r="E3791" s="55"/>
      <c r="F3791" s="74"/>
      <c r="G3791" s="74"/>
      <c r="H3791" s="74"/>
      <c r="I3791" s="75"/>
      <c r="J3791" s="74"/>
      <c r="L3791" s="55"/>
      <c r="M3791" s="234"/>
      <c r="N3791" s="65"/>
      <c r="O3791" s="76"/>
      <c r="P3791" s="76"/>
      <c r="Q3791" s="65"/>
      <c r="R3791" s="76"/>
      <c r="S3791" s="76"/>
      <c r="T3791" s="76"/>
      <c r="U3791" s="76"/>
      <c r="V3791" s="76"/>
      <c r="W3791" s="76"/>
      <c r="X3791" s="76"/>
      <c r="Y3791" s="76"/>
      <c r="Z3791" s="76"/>
      <c r="AA3791" s="85"/>
      <c r="AB3791" s="85"/>
      <c r="AC3791" s="85"/>
      <c r="AD3791" s="85"/>
      <c r="AE3791" s="85"/>
      <c r="AF3791" s="85"/>
      <c r="AG3791" s="86"/>
      <c r="AH3791" s="85"/>
      <c r="AI3791" s="85"/>
      <c r="AJ3791" s="85"/>
      <c r="AK3791" s="85"/>
      <c r="AL3791" s="85"/>
      <c r="AM3791" s="92"/>
      <c r="AN3791" s="92"/>
      <c r="AO3791" s="92"/>
      <c r="AP3791" s="92"/>
      <c r="AQ3791" s="92"/>
      <c r="AR3791" s="92"/>
      <c r="AS3791" s="92"/>
      <c r="AT3791" s="92"/>
      <c r="AU3791" s="92"/>
      <c r="AV3791" s="92"/>
      <c r="AW3791" s="92"/>
      <c r="AX3791" s="92"/>
      <c r="AY3791" s="92"/>
      <c r="AZ3791" s="93"/>
      <c r="BA3791" s="93"/>
      <c r="BB3791" s="93"/>
      <c r="BC3791" s="93"/>
      <c r="BD3791" s="93"/>
      <c r="BE3791" s="93"/>
      <c r="BF3791" s="93"/>
      <c r="BG3791" s="93"/>
      <c r="BH3791" s="93"/>
      <c r="BI3791" s="93"/>
      <c r="BJ3791" s="93"/>
      <c r="BK3791" s="93"/>
      <c r="BL3791" s="93"/>
    </row>
    <row r="3792" spans="2:64" x14ac:dyDescent="0.2">
      <c r="B3792" s="43"/>
      <c r="C3792" s="73"/>
      <c r="D3792" s="64"/>
      <c r="E3792" s="55"/>
      <c r="F3792" s="74"/>
      <c r="G3792" s="74"/>
      <c r="H3792" s="74"/>
      <c r="I3792" s="75"/>
      <c r="J3792" s="74"/>
      <c r="L3792" s="55"/>
      <c r="M3792" s="234"/>
      <c r="N3792" s="65"/>
      <c r="O3792" s="76"/>
      <c r="P3792" s="76"/>
      <c r="Q3792" s="65"/>
      <c r="R3792" s="76"/>
      <c r="S3792" s="76"/>
      <c r="T3792" s="76"/>
      <c r="U3792" s="76"/>
      <c r="V3792" s="76"/>
      <c r="W3792" s="76"/>
      <c r="X3792" s="76"/>
      <c r="Y3792" s="76"/>
      <c r="Z3792" s="76"/>
      <c r="AA3792" s="85"/>
      <c r="AB3792" s="85"/>
      <c r="AC3792" s="85"/>
      <c r="AD3792" s="85"/>
      <c r="AE3792" s="85"/>
      <c r="AF3792" s="85"/>
      <c r="AG3792" s="86"/>
      <c r="AH3792" s="85"/>
      <c r="AI3792" s="85"/>
      <c r="AJ3792" s="85"/>
      <c r="AK3792" s="85"/>
      <c r="AL3792" s="85"/>
      <c r="AM3792" s="92"/>
      <c r="AN3792" s="92"/>
      <c r="AO3792" s="92"/>
      <c r="AP3792" s="92"/>
      <c r="AQ3792" s="92"/>
      <c r="AR3792" s="92"/>
      <c r="AS3792" s="92"/>
      <c r="AT3792" s="92"/>
      <c r="AU3792" s="92"/>
      <c r="AV3792" s="92"/>
      <c r="AW3792" s="92"/>
      <c r="AX3792" s="92"/>
      <c r="AY3792" s="92"/>
      <c r="AZ3792" s="93"/>
      <c r="BA3792" s="93"/>
      <c r="BB3792" s="93"/>
      <c r="BC3792" s="93"/>
      <c r="BD3792" s="93"/>
      <c r="BE3792" s="93"/>
      <c r="BF3792" s="93"/>
      <c r="BG3792" s="93"/>
      <c r="BH3792" s="93"/>
      <c r="BI3792" s="93"/>
      <c r="BJ3792" s="93"/>
      <c r="BK3792" s="93"/>
      <c r="BL3792" s="93"/>
    </row>
    <row r="3793" spans="2:64" x14ac:dyDescent="0.2">
      <c r="B3793" s="43"/>
      <c r="C3793" s="73"/>
      <c r="D3793" s="64"/>
      <c r="E3793" s="55"/>
      <c r="F3793" s="74"/>
      <c r="G3793" s="74"/>
      <c r="H3793" s="74"/>
      <c r="I3793" s="75"/>
      <c r="J3793" s="74"/>
      <c r="L3793" s="55"/>
      <c r="M3793" s="234"/>
      <c r="N3793" s="65"/>
      <c r="O3793" s="76"/>
      <c r="P3793" s="76"/>
      <c r="Q3793" s="65"/>
      <c r="R3793" s="76"/>
      <c r="S3793" s="76"/>
      <c r="T3793" s="76"/>
      <c r="U3793" s="76"/>
      <c r="V3793" s="76"/>
      <c r="W3793" s="76"/>
      <c r="X3793" s="76"/>
      <c r="Y3793" s="76"/>
      <c r="Z3793" s="76"/>
      <c r="AA3793" s="85"/>
      <c r="AB3793" s="85"/>
      <c r="AC3793" s="85"/>
      <c r="AD3793" s="85"/>
      <c r="AE3793" s="85"/>
      <c r="AF3793" s="85"/>
      <c r="AG3793" s="86"/>
      <c r="AH3793" s="85"/>
      <c r="AI3793" s="85"/>
      <c r="AJ3793" s="85"/>
      <c r="AK3793" s="85"/>
      <c r="AL3793" s="85"/>
      <c r="AM3793" s="92"/>
      <c r="AN3793" s="92"/>
      <c r="AO3793" s="92"/>
      <c r="AP3793" s="92"/>
      <c r="AQ3793" s="92"/>
      <c r="AR3793" s="92"/>
      <c r="AS3793" s="92"/>
      <c r="AT3793" s="92"/>
      <c r="AU3793" s="92"/>
      <c r="AV3793" s="92"/>
      <c r="AW3793" s="92"/>
      <c r="AX3793" s="92"/>
      <c r="AY3793" s="92"/>
      <c r="AZ3793" s="93"/>
      <c r="BA3793" s="93"/>
      <c r="BB3793" s="93"/>
      <c r="BC3793" s="93"/>
      <c r="BD3793" s="93"/>
      <c r="BE3793" s="93"/>
      <c r="BF3793" s="93"/>
      <c r="BG3793" s="93"/>
      <c r="BH3793" s="93"/>
      <c r="BI3793" s="93"/>
      <c r="BJ3793" s="93"/>
      <c r="BK3793" s="93"/>
      <c r="BL3793" s="93"/>
    </row>
    <row r="3794" spans="2:64" x14ac:dyDescent="0.2">
      <c r="B3794" s="43"/>
      <c r="C3794" s="73"/>
      <c r="D3794" s="64"/>
      <c r="E3794" s="55"/>
      <c r="F3794" s="74"/>
      <c r="G3794" s="74"/>
      <c r="H3794" s="74"/>
      <c r="I3794" s="75"/>
      <c r="J3794" s="74"/>
      <c r="L3794" s="55"/>
      <c r="M3794" s="234"/>
      <c r="N3794" s="65"/>
      <c r="O3794" s="76"/>
      <c r="P3794" s="76"/>
      <c r="Q3794" s="65"/>
      <c r="R3794" s="76"/>
      <c r="S3794" s="76"/>
      <c r="T3794" s="76"/>
      <c r="U3794" s="76"/>
      <c r="V3794" s="76"/>
      <c r="W3794" s="76"/>
      <c r="X3794" s="76"/>
      <c r="Y3794" s="76"/>
      <c r="Z3794" s="76"/>
      <c r="AA3794" s="85"/>
      <c r="AB3794" s="85"/>
      <c r="AC3794" s="85"/>
      <c r="AD3794" s="85"/>
      <c r="AE3794" s="85"/>
      <c r="AF3794" s="85"/>
      <c r="AG3794" s="86"/>
      <c r="AH3794" s="85"/>
      <c r="AI3794" s="85"/>
      <c r="AJ3794" s="85"/>
      <c r="AK3794" s="85"/>
      <c r="AL3794" s="85"/>
      <c r="AM3794" s="92"/>
      <c r="AN3794" s="92"/>
      <c r="AO3794" s="92"/>
      <c r="AP3794" s="92"/>
      <c r="AQ3794" s="92"/>
      <c r="AR3794" s="92"/>
      <c r="AS3794" s="92"/>
      <c r="AT3794" s="92"/>
      <c r="AU3794" s="92"/>
      <c r="AV3794" s="92"/>
      <c r="AW3794" s="92"/>
      <c r="AX3794" s="92"/>
      <c r="AY3794" s="92"/>
      <c r="AZ3794" s="93"/>
      <c r="BA3794" s="93"/>
      <c r="BB3794" s="93"/>
      <c r="BC3794" s="93"/>
      <c r="BD3794" s="93"/>
      <c r="BE3794" s="93"/>
      <c r="BF3794" s="93"/>
      <c r="BG3794" s="93"/>
      <c r="BH3794" s="93"/>
      <c r="BI3794" s="93"/>
      <c r="BJ3794" s="93"/>
      <c r="BK3794" s="93"/>
      <c r="BL3794" s="93"/>
    </row>
    <row r="3795" spans="2:64" x14ac:dyDescent="0.2">
      <c r="B3795" s="43"/>
      <c r="C3795" s="73"/>
      <c r="D3795" s="64"/>
      <c r="E3795" s="55"/>
      <c r="F3795" s="74"/>
      <c r="G3795" s="74"/>
      <c r="H3795" s="74"/>
      <c r="I3795" s="75"/>
      <c r="J3795" s="74"/>
      <c r="L3795" s="55"/>
      <c r="M3795" s="234"/>
      <c r="N3795" s="65"/>
      <c r="O3795" s="76"/>
      <c r="P3795" s="76"/>
      <c r="Q3795" s="65"/>
      <c r="R3795" s="76"/>
      <c r="S3795" s="76"/>
      <c r="T3795" s="76"/>
      <c r="U3795" s="76"/>
      <c r="V3795" s="76"/>
      <c r="W3795" s="76"/>
      <c r="X3795" s="76"/>
      <c r="Y3795" s="76"/>
      <c r="Z3795" s="76"/>
      <c r="AA3795" s="85"/>
      <c r="AB3795" s="85"/>
      <c r="AC3795" s="85"/>
      <c r="AD3795" s="85"/>
      <c r="AE3795" s="85"/>
      <c r="AF3795" s="85"/>
      <c r="AG3795" s="86"/>
      <c r="AH3795" s="85"/>
      <c r="AI3795" s="85"/>
      <c r="AJ3795" s="85"/>
      <c r="AK3795" s="85"/>
      <c r="AL3795" s="85"/>
      <c r="AM3795" s="92"/>
      <c r="AN3795" s="92"/>
      <c r="AO3795" s="92"/>
      <c r="AP3795" s="92"/>
      <c r="AQ3795" s="92"/>
      <c r="AR3795" s="92"/>
      <c r="AS3795" s="92"/>
      <c r="AT3795" s="92"/>
      <c r="AU3795" s="92"/>
      <c r="AV3795" s="92"/>
      <c r="AW3795" s="92"/>
      <c r="AX3795" s="92"/>
      <c r="AY3795" s="92"/>
      <c r="AZ3795" s="93"/>
      <c r="BA3795" s="93"/>
      <c r="BB3795" s="93"/>
      <c r="BC3795" s="93"/>
      <c r="BD3795" s="93"/>
      <c r="BE3795" s="93"/>
      <c r="BF3795" s="93"/>
      <c r="BG3795" s="93"/>
      <c r="BH3795" s="93"/>
      <c r="BI3795" s="93"/>
      <c r="BJ3795" s="93"/>
      <c r="BK3795" s="93"/>
      <c r="BL3795" s="93"/>
    </row>
    <row r="3796" spans="2:64" x14ac:dyDescent="0.2">
      <c r="B3796" s="43"/>
      <c r="C3796" s="73"/>
      <c r="D3796" s="64"/>
      <c r="E3796" s="55"/>
      <c r="F3796" s="74"/>
      <c r="G3796" s="74"/>
      <c r="H3796" s="74"/>
      <c r="I3796" s="75"/>
      <c r="J3796" s="74"/>
      <c r="L3796" s="55"/>
      <c r="M3796" s="234"/>
      <c r="N3796" s="65"/>
      <c r="O3796" s="76"/>
      <c r="P3796" s="76"/>
      <c r="Q3796" s="65"/>
      <c r="R3796" s="76"/>
      <c r="S3796" s="76"/>
      <c r="T3796" s="76"/>
      <c r="U3796" s="76"/>
      <c r="V3796" s="76"/>
      <c r="W3796" s="76"/>
      <c r="X3796" s="76"/>
      <c r="Y3796" s="76"/>
      <c r="Z3796" s="76"/>
      <c r="AA3796" s="85"/>
      <c r="AB3796" s="85"/>
      <c r="AC3796" s="85"/>
      <c r="AD3796" s="85"/>
      <c r="AE3796" s="85"/>
      <c r="AF3796" s="85"/>
      <c r="AG3796" s="86"/>
      <c r="AH3796" s="85"/>
      <c r="AI3796" s="85"/>
      <c r="AJ3796" s="85"/>
      <c r="AK3796" s="85"/>
      <c r="AL3796" s="85"/>
      <c r="AM3796" s="92"/>
      <c r="AN3796" s="92"/>
      <c r="AO3796" s="92"/>
      <c r="AP3796" s="92"/>
      <c r="AQ3796" s="92"/>
      <c r="AR3796" s="92"/>
      <c r="AS3796" s="92"/>
      <c r="AT3796" s="92"/>
      <c r="AU3796" s="92"/>
      <c r="AV3796" s="92"/>
      <c r="AW3796" s="92"/>
      <c r="AX3796" s="92"/>
      <c r="AY3796" s="92"/>
      <c r="AZ3796" s="93"/>
      <c r="BA3796" s="93"/>
      <c r="BB3796" s="93"/>
      <c r="BC3796" s="93"/>
      <c r="BD3796" s="93"/>
      <c r="BE3796" s="93"/>
      <c r="BF3796" s="93"/>
      <c r="BG3796" s="93"/>
      <c r="BH3796" s="93"/>
      <c r="BI3796" s="93"/>
      <c r="BJ3796" s="93"/>
      <c r="BK3796" s="93"/>
      <c r="BL3796" s="93"/>
    </row>
    <row r="3797" spans="2:64" x14ac:dyDescent="0.2">
      <c r="B3797" s="43"/>
      <c r="C3797" s="73"/>
      <c r="D3797" s="64"/>
      <c r="E3797" s="55"/>
      <c r="F3797" s="74"/>
      <c r="G3797" s="74"/>
      <c r="H3797" s="74"/>
      <c r="I3797" s="75"/>
      <c r="J3797" s="74"/>
      <c r="L3797" s="55"/>
      <c r="M3797" s="234"/>
      <c r="N3797" s="65"/>
      <c r="O3797" s="76"/>
      <c r="P3797" s="76"/>
      <c r="Q3797" s="65"/>
      <c r="R3797" s="76"/>
      <c r="S3797" s="76"/>
      <c r="T3797" s="76"/>
      <c r="U3797" s="76"/>
      <c r="V3797" s="76"/>
      <c r="W3797" s="76"/>
      <c r="X3797" s="76"/>
      <c r="Y3797" s="76"/>
      <c r="Z3797" s="76"/>
      <c r="AA3797" s="85"/>
      <c r="AB3797" s="85"/>
      <c r="AC3797" s="85"/>
      <c r="AD3797" s="85"/>
      <c r="AE3797" s="85"/>
      <c r="AF3797" s="85"/>
      <c r="AG3797" s="86"/>
      <c r="AH3797" s="85"/>
      <c r="AI3797" s="85"/>
      <c r="AJ3797" s="85"/>
      <c r="AK3797" s="85"/>
      <c r="AL3797" s="85"/>
      <c r="AM3797" s="92"/>
      <c r="AN3797" s="92"/>
      <c r="AO3797" s="92"/>
      <c r="AP3797" s="92"/>
      <c r="AQ3797" s="92"/>
      <c r="AR3797" s="92"/>
      <c r="AS3797" s="92"/>
      <c r="AT3797" s="92"/>
      <c r="AU3797" s="92"/>
      <c r="AV3797" s="92"/>
      <c r="AW3797" s="92"/>
      <c r="AX3797" s="92"/>
      <c r="AY3797" s="92"/>
      <c r="AZ3797" s="93"/>
      <c r="BA3797" s="93"/>
      <c r="BB3797" s="93"/>
      <c r="BC3797" s="93"/>
      <c r="BD3797" s="93"/>
      <c r="BE3797" s="93"/>
      <c r="BF3797" s="93"/>
      <c r="BG3797" s="93"/>
      <c r="BH3797" s="93"/>
      <c r="BI3797" s="93"/>
      <c r="BJ3797" s="93"/>
      <c r="BK3797" s="93"/>
      <c r="BL3797" s="93"/>
    </row>
    <row r="3798" spans="2:64" x14ac:dyDescent="0.2">
      <c r="B3798" s="43"/>
      <c r="C3798" s="73"/>
      <c r="D3798" s="64"/>
      <c r="E3798" s="55"/>
      <c r="F3798" s="74"/>
      <c r="G3798" s="74"/>
      <c r="H3798" s="74"/>
      <c r="I3798" s="75"/>
      <c r="J3798" s="74"/>
      <c r="L3798" s="55"/>
      <c r="M3798" s="234"/>
      <c r="N3798" s="65"/>
      <c r="O3798" s="76"/>
      <c r="P3798" s="76"/>
      <c r="Q3798" s="65"/>
      <c r="R3798" s="76"/>
      <c r="S3798" s="76"/>
      <c r="T3798" s="76"/>
      <c r="U3798" s="76"/>
      <c r="V3798" s="76"/>
      <c r="W3798" s="76"/>
      <c r="X3798" s="76"/>
      <c r="Y3798" s="76"/>
      <c r="Z3798" s="76"/>
      <c r="AA3798" s="85"/>
      <c r="AB3798" s="85"/>
      <c r="AC3798" s="85"/>
      <c r="AD3798" s="85"/>
      <c r="AE3798" s="85"/>
      <c r="AF3798" s="85"/>
      <c r="AG3798" s="86"/>
      <c r="AH3798" s="85"/>
      <c r="AI3798" s="85"/>
      <c r="AJ3798" s="85"/>
      <c r="AK3798" s="85"/>
      <c r="AL3798" s="85"/>
      <c r="AM3798" s="92"/>
      <c r="AN3798" s="92"/>
      <c r="AO3798" s="92"/>
      <c r="AP3798" s="92"/>
      <c r="AQ3798" s="92"/>
      <c r="AR3798" s="92"/>
      <c r="AS3798" s="92"/>
      <c r="AT3798" s="92"/>
      <c r="AU3798" s="92"/>
      <c r="AV3798" s="92"/>
      <c r="AW3798" s="92"/>
      <c r="AX3798" s="92"/>
      <c r="AY3798" s="92"/>
      <c r="AZ3798" s="93"/>
      <c r="BA3798" s="93"/>
      <c r="BB3798" s="93"/>
      <c r="BC3798" s="93"/>
      <c r="BD3798" s="93"/>
      <c r="BE3798" s="93"/>
      <c r="BF3798" s="93"/>
      <c r="BG3798" s="93"/>
      <c r="BH3798" s="93"/>
      <c r="BI3798" s="93"/>
      <c r="BJ3798" s="93"/>
      <c r="BK3798" s="93"/>
      <c r="BL3798" s="93"/>
    </row>
    <row r="3799" spans="2:64" x14ac:dyDescent="0.2">
      <c r="B3799" s="43"/>
      <c r="C3799" s="73"/>
      <c r="D3799" s="64"/>
      <c r="E3799" s="55"/>
      <c r="F3799" s="74"/>
      <c r="G3799" s="74"/>
      <c r="H3799" s="74"/>
      <c r="I3799" s="75"/>
      <c r="J3799" s="74"/>
      <c r="L3799" s="55"/>
      <c r="M3799" s="234"/>
      <c r="N3799" s="65"/>
      <c r="O3799" s="76"/>
      <c r="P3799" s="76"/>
      <c r="Q3799" s="65"/>
      <c r="R3799" s="76"/>
      <c r="S3799" s="76"/>
      <c r="T3799" s="76"/>
      <c r="U3799" s="76"/>
      <c r="V3799" s="76"/>
      <c r="W3799" s="76"/>
      <c r="X3799" s="76"/>
      <c r="Y3799" s="76"/>
      <c r="Z3799" s="76"/>
      <c r="AA3799" s="85"/>
      <c r="AB3799" s="85"/>
      <c r="AC3799" s="85"/>
      <c r="AD3799" s="85"/>
      <c r="AE3799" s="85"/>
      <c r="AF3799" s="85"/>
      <c r="AG3799" s="86"/>
      <c r="AH3799" s="85"/>
      <c r="AI3799" s="85"/>
      <c r="AJ3799" s="85"/>
      <c r="AK3799" s="85"/>
      <c r="AL3799" s="85"/>
      <c r="AM3799" s="92"/>
      <c r="AN3799" s="92"/>
      <c r="AO3799" s="92"/>
      <c r="AP3799" s="92"/>
      <c r="AQ3799" s="92"/>
      <c r="AR3799" s="92"/>
      <c r="AS3799" s="92"/>
      <c r="AT3799" s="92"/>
      <c r="AU3799" s="92"/>
      <c r="AV3799" s="92"/>
      <c r="AW3799" s="92"/>
      <c r="AX3799" s="92"/>
      <c r="AY3799" s="92"/>
      <c r="AZ3799" s="93"/>
      <c r="BA3799" s="93"/>
      <c r="BB3799" s="93"/>
      <c r="BC3799" s="93"/>
      <c r="BD3799" s="93"/>
      <c r="BE3799" s="93"/>
      <c r="BF3799" s="93"/>
      <c r="BG3799" s="93"/>
      <c r="BH3799" s="93"/>
      <c r="BI3799" s="93"/>
      <c r="BJ3799" s="93"/>
      <c r="BK3799" s="93"/>
      <c r="BL3799" s="93"/>
    </row>
    <row r="3800" spans="2:64" x14ac:dyDescent="0.2">
      <c r="B3800" s="43"/>
      <c r="C3800" s="73"/>
      <c r="D3800" s="64"/>
      <c r="E3800" s="55"/>
      <c r="F3800" s="74"/>
      <c r="G3800" s="74"/>
      <c r="H3800" s="74"/>
      <c r="I3800" s="75"/>
      <c r="J3800" s="74"/>
      <c r="L3800" s="55"/>
      <c r="M3800" s="234"/>
      <c r="N3800" s="65"/>
      <c r="O3800" s="76"/>
      <c r="P3800" s="76"/>
      <c r="Q3800" s="65"/>
      <c r="R3800" s="76"/>
      <c r="S3800" s="76"/>
      <c r="T3800" s="76"/>
      <c r="U3800" s="76"/>
      <c r="V3800" s="76"/>
      <c r="W3800" s="76"/>
      <c r="X3800" s="76"/>
      <c r="Y3800" s="76"/>
      <c r="Z3800" s="76"/>
      <c r="AA3800" s="85"/>
      <c r="AB3800" s="85"/>
      <c r="AC3800" s="85"/>
      <c r="AD3800" s="85"/>
      <c r="AE3800" s="85"/>
      <c r="AF3800" s="85"/>
      <c r="AG3800" s="86"/>
      <c r="AH3800" s="85"/>
      <c r="AI3800" s="85"/>
      <c r="AJ3800" s="85"/>
      <c r="AK3800" s="85"/>
      <c r="AL3800" s="85"/>
      <c r="AM3800" s="92"/>
      <c r="AN3800" s="92"/>
      <c r="AO3800" s="92"/>
      <c r="AP3800" s="92"/>
      <c r="AQ3800" s="92"/>
      <c r="AR3800" s="92"/>
      <c r="AS3800" s="92"/>
      <c r="AT3800" s="92"/>
      <c r="AU3800" s="92"/>
      <c r="AV3800" s="92"/>
      <c r="AW3800" s="92"/>
      <c r="AX3800" s="92"/>
      <c r="AY3800" s="92"/>
      <c r="AZ3800" s="93"/>
      <c r="BA3800" s="93"/>
      <c r="BB3800" s="93"/>
      <c r="BC3800" s="93"/>
      <c r="BD3800" s="93"/>
      <c r="BE3800" s="93"/>
      <c r="BF3800" s="93"/>
      <c r="BG3800" s="93"/>
      <c r="BH3800" s="93"/>
      <c r="BI3800" s="93"/>
      <c r="BJ3800" s="93"/>
      <c r="BK3800" s="93"/>
      <c r="BL3800" s="93"/>
    </row>
    <row r="3801" spans="2:64" x14ac:dyDescent="0.2">
      <c r="B3801" s="43"/>
      <c r="C3801" s="73"/>
      <c r="D3801" s="64"/>
      <c r="E3801" s="55"/>
      <c r="F3801" s="74"/>
      <c r="G3801" s="74"/>
      <c r="H3801" s="74"/>
      <c r="I3801" s="75"/>
      <c r="J3801" s="74"/>
      <c r="L3801" s="55"/>
      <c r="M3801" s="234"/>
      <c r="N3801" s="65"/>
      <c r="O3801" s="76"/>
      <c r="P3801" s="76"/>
      <c r="Q3801" s="65"/>
      <c r="R3801" s="76"/>
      <c r="S3801" s="76"/>
      <c r="T3801" s="76"/>
      <c r="U3801" s="76"/>
      <c r="V3801" s="76"/>
      <c r="W3801" s="76"/>
      <c r="X3801" s="76"/>
      <c r="Y3801" s="76"/>
      <c r="Z3801" s="76"/>
      <c r="AA3801" s="85"/>
      <c r="AB3801" s="85"/>
      <c r="AC3801" s="85"/>
      <c r="AD3801" s="85"/>
      <c r="AE3801" s="85"/>
      <c r="AF3801" s="85"/>
      <c r="AG3801" s="86"/>
      <c r="AH3801" s="85"/>
      <c r="AI3801" s="85"/>
      <c r="AJ3801" s="85"/>
      <c r="AK3801" s="85"/>
      <c r="AL3801" s="85"/>
      <c r="AM3801" s="92"/>
      <c r="AN3801" s="92"/>
      <c r="AO3801" s="92"/>
      <c r="AP3801" s="92"/>
      <c r="AQ3801" s="92"/>
      <c r="AR3801" s="92"/>
      <c r="AS3801" s="92"/>
      <c r="AT3801" s="92"/>
      <c r="AU3801" s="92"/>
      <c r="AV3801" s="92"/>
      <c r="AW3801" s="92"/>
      <c r="AX3801" s="92"/>
      <c r="AY3801" s="92"/>
      <c r="AZ3801" s="93"/>
      <c r="BA3801" s="93"/>
      <c r="BB3801" s="93"/>
      <c r="BC3801" s="93"/>
      <c r="BD3801" s="93"/>
      <c r="BE3801" s="93"/>
      <c r="BF3801" s="93"/>
      <c r="BG3801" s="93"/>
      <c r="BH3801" s="93"/>
      <c r="BI3801" s="93"/>
      <c r="BJ3801" s="93"/>
      <c r="BK3801" s="93"/>
      <c r="BL3801" s="93"/>
    </row>
    <row r="3802" spans="2:64" x14ac:dyDescent="0.2">
      <c r="B3802" s="43"/>
      <c r="C3802" s="73"/>
      <c r="D3802" s="64"/>
      <c r="E3802" s="55"/>
      <c r="F3802" s="74"/>
      <c r="G3802" s="74"/>
      <c r="H3802" s="74"/>
      <c r="I3802" s="75"/>
      <c r="J3802" s="74"/>
      <c r="L3802" s="55"/>
      <c r="M3802" s="234"/>
      <c r="N3802" s="65"/>
      <c r="O3802" s="76"/>
      <c r="P3802" s="76"/>
      <c r="Q3802" s="65"/>
      <c r="R3802" s="76"/>
      <c r="S3802" s="76"/>
      <c r="T3802" s="76"/>
      <c r="U3802" s="76"/>
      <c r="V3802" s="76"/>
      <c r="W3802" s="76"/>
      <c r="X3802" s="76"/>
      <c r="Y3802" s="76"/>
      <c r="Z3802" s="76"/>
      <c r="AA3802" s="85"/>
      <c r="AB3802" s="85"/>
      <c r="AC3802" s="85"/>
      <c r="AD3802" s="85"/>
      <c r="AE3802" s="85"/>
      <c r="AF3802" s="85"/>
      <c r="AG3802" s="86"/>
      <c r="AH3802" s="85"/>
      <c r="AI3802" s="85"/>
      <c r="AJ3802" s="85"/>
      <c r="AK3802" s="85"/>
      <c r="AL3802" s="85"/>
      <c r="AM3802" s="92"/>
      <c r="AN3802" s="92"/>
      <c r="AO3802" s="92"/>
      <c r="AP3802" s="92"/>
      <c r="AQ3802" s="92"/>
      <c r="AR3802" s="92"/>
      <c r="AS3802" s="92"/>
      <c r="AT3802" s="92"/>
      <c r="AU3802" s="92"/>
      <c r="AV3802" s="92"/>
      <c r="AW3802" s="92"/>
      <c r="AX3802" s="92"/>
      <c r="AY3802" s="92"/>
      <c r="AZ3802" s="93"/>
      <c r="BA3802" s="93"/>
      <c r="BB3802" s="93"/>
      <c r="BC3802" s="93"/>
      <c r="BD3802" s="93"/>
      <c r="BE3802" s="93"/>
      <c r="BF3802" s="93"/>
      <c r="BG3802" s="93"/>
      <c r="BH3802" s="93"/>
      <c r="BI3802" s="93"/>
      <c r="BJ3802" s="93"/>
      <c r="BK3802" s="93"/>
      <c r="BL3802" s="93"/>
    </row>
    <row r="3803" spans="2:64" x14ac:dyDescent="0.2">
      <c r="B3803" s="43"/>
      <c r="C3803" s="73"/>
      <c r="D3803" s="64"/>
      <c r="E3803" s="55"/>
      <c r="F3803" s="74"/>
      <c r="G3803" s="74"/>
      <c r="H3803" s="74"/>
      <c r="I3803" s="75"/>
      <c r="J3803" s="74"/>
      <c r="L3803" s="55"/>
      <c r="M3803" s="234"/>
      <c r="N3803" s="65"/>
      <c r="O3803" s="76"/>
      <c r="P3803" s="76"/>
      <c r="Q3803" s="65"/>
      <c r="R3803" s="76"/>
      <c r="S3803" s="76"/>
      <c r="T3803" s="76"/>
      <c r="U3803" s="76"/>
      <c r="V3803" s="76"/>
      <c r="W3803" s="76"/>
      <c r="X3803" s="76"/>
      <c r="Y3803" s="76"/>
      <c r="Z3803" s="76"/>
      <c r="AA3803" s="85"/>
      <c r="AB3803" s="85"/>
      <c r="AC3803" s="85"/>
      <c r="AD3803" s="85"/>
      <c r="AE3803" s="85"/>
      <c r="AF3803" s="85"/>
      <c r="AG3803" s="86"/>
      <c r="AH3803" s="85"/>
      <c r="AI3803" s="85"/>
      <c r="AJ3803" s="85"/>
      <c r="AK3803" s="85"/>
      <c r="AL3803" s="85"/>
      <c r="AM3803" s="92"/>
      <c r="AN3803" s="92"/>
      <c r="AO3803" s="92"/>
      <c r="AP3803" s="92"/>
      <c r="AQ3803" s="92"/>
      <c r="AR3803" s="92"/>
      <c r="AS3803" s="92"/>
      <c r="AT3803" s="92"/>
      <c r="AU3803" s="92"/>
      <c r="AV3803" s="92"/>
      <c r="AW3803" s="92"/>
      <c r="AX3803" s="92"/>
      <c r="AY3803" s="92"/>
      <c r="AZ3803" s="93"/>
      <c r="BA3803" s="93"/>
      <c r="BB3803" s="93"/>
      <c r="BC3803" s="93"/>
      <c r="BD3803" s="93"/>
      <c r="BE3803" s="93"/>
      <c r="BF3803" s="93"/>
      <c r="BG3803" s="93"/>
      <c r="BH3803" s="93"/>
      <c r="BI3803" s="93"/>
      <c r="BJ3803" s="93"/>
      <c r="BK3803" s="93"/>
      <c r="BL3803" s="93"/>
    </row>
    <row r="3804" spans="2:64" x14ac:dyDescent="0.2">
      <c r="B3804" s="43"/>
      <c r="C3804" s="73"/>
      <c r="D3804" s="64"/>
      <c r="E3804" s="55"/>
      <c r="F3804" s="74"/>
      <c r="G3804" s="74"/>
      <c r="H3804" s="74"/>
      <c r="I3804" s="75"/>
      <c r="J3804" s="74"/>
      <c r="L3804" s="55"/>
      <c r="M3804" s="234"/>
      <c r="N3804" s="65"/>
      <c r="O3804" s="76"/>
      <c r="P3804" s="76"/>
      <c r="Q3804" s="65"/>
      <c r="R3804" s="76"/>
      <c r="S3804" s="76"/>
      <c r="T3804" s="76"/>
      <c r="U3804" s="76"/>
      <c r="V3804" s="76"/>
      <c r="W3804" s="76"/>
      <c r="X3804" s="76"/>
      <c r="Y3804" s="76"/>
      <c r="Z3804" s="76"/>
      <c r="AA3804" s="85"/>
      <c r="AB3804" s="85"/>
      <c r="AC3804" s="85"/>
      <c r="AD3804" s="85"/>
      <c r="AE3804" s="85"/>
      <c r="AF3804" s="85"/>
      <c r="AG3804" s="86"/>
      <c r="AH3804" s="85"/>
      <c r="AI3804" s="85"/>
      <c r="AJ3804" s="85"/>
      <c r="AK3804" s="85"/>
      <c r="AL3804" s="85"/>
      <c r="AM3804" s="92"/>
      <c r="AN3804" s="92"/>
      <c r="AO3804" s="92"/>
      <c r="AP3804" s="92"/>
      <c r="AQ3804" s="92"/>
      <c r="AR3804" s="92"/>
      <c r="AS3804" s="92"/>
      <c r="AT3804" s="92"/>
      <c r="AU3804" s="92"/>
      <c r="AV3804" s="92"/>
      <c r="AW3804" s="92"/>
      <c r="AX3804" s="92"/>
      <c r="AY3804" s="92"/>
      <c r="AZ3804" s="93"/>
      <c r="BA3804" s="93"/>
      <c r="BB3804" s="93"/>
      <c r="BC3804" s="93"/>
      <c r="BD3804" s="93"/>
      <c r="BE3804" s="93"/>
      <c r="BF3804" s="93"/>
      <c r="BG3804" s="93"/>
      <c r="BH3804" s="93"/>
      <c r="BI3804" s="93"/>
      <c r="BJ3804" s="93"/>
      <c r="BK3804" s="93"/>
      <c r="BL3804" s="93"/>
    </row>
    <row r="3805" spans="2:64" x14ac:dyDescent="0.2">
      <c r="B3805" s="43"/>
      <c r="C3805" s="73"/>
      <c r="D3805" s="64"/>
      <c r="E3805" s="55"/>
      <c r="F3805" s="74"/>
      <c r="G3805" s="74"/>
      <c r="H3805" s="74"/>
      <c r="I3805" s="75"/>
      <c r="J3805" s="74"/>
      <c r="L3805" s="55"/>
      <c r="M3805" s="234"/>
      <c r="N3805" s="65"/>
      <c r="O3805" s="76"/>
      <c r="P3805" s="76"/>
      <c r="Q3805" s="65"/>
      <c r="R3805" s="76"/>
      <c r="S3805" s="76"/>
      <c r="T3805" s="76"/>
      <c r="U3805" s="76"/>
      <c r="V3805" s="76"/>
      <c r="W3805" s="76"/>
      <c r="X3805" s="76"/>
      <c r="Y3805" s="76"/>
      <c r="Z3805" s="76"/>
      <c r="AA3805" s="85"/>
      <c r="AB3805" s="85"/>
      <c r="AC3805" s="85"/>
      <c r="AD3805" s="85"/>
      <c r="AE3805" s="85"/>
      <c r="AF3805" s="85"/>
      <c r="AG3805" s="86"/>
      <c r="AH3805" s="85"/>
      <c r="AI3805" s="85"/>
      <c r="AJ3805" s="85"/>
      <c r="AK3805" s="85"/>
      <c r="AL3805" s="85"/>
      <c r="AM3805" s="92"/>
      <c r="AN3805" s="92"/>
      <c r="AO3805" s="92"/>
      <c r="AP3805" s="92"/>
      <c r="AQ3805" s="92"/>
      <c r="AR3805" s="92"/>
      <c r="AS3805" s="92"/>
      <c r="AT3805" s="92"/>
      <c r="AU3805" s="92"/>
      <c r="AV3805" s="92"/>
      <c r="AW3805" s="92"/>
      <c r="AX3805" s="92"/>
      <c r="AY3805" s="92"/>
      <c r="AZ3805" s="93"/>
      <c r="BA3805" s="93"/>
      <c r="BB3805" s="93"/>
      <c r="BC3805" s="93"/>
      <c r="BD3805" s="93"/>
      <c r="BE3805" s="93"/>
      <c r="BF3805" s="93"/>
      <c r="BG3805" s="93"/>
      <c r="BH3805" s="93"/>
      <c r="BI3805" s="93"/>
      <c r="BJ3805" s="93"/>
      <c r="BK3805" s="93"/>
      <c r="BL3805" s="93"/>
    </row>
    <row r="3806" spans="2:64" x14ac:dyDescent="0.2">
      <c r="B3806" s="43"/>
      <c r="C3806" s="73"/>
      <c r="D3806" s="64"/>
      <c r="E3806" s="55"/>
      <c r="F3806" s="74"/>
      <c r="G3806" s="74"/>
      <c r="H3806" s="74"/>
      <c r="I3806" s="75"/>
      <c r="J3806" s="74"/>
      <c r="L3806" s="55"/>
      <c r="M3806" s="234"/>
      <c r="N3806" s="65"/>
      <c r="O3806" s="76"/>
      <c r="P3806" s="76"/>
      <c r="Q3806" s="65"/>
      <c r="R3806" s="76"/>
      <c r="S3806" s="76"/>
      <c r="T3806" s="76"/>
      <c r="U3806" s="76"/>
      <c r="V3806" s="76"/>
      <c r="W3806" s="76"/>
      <c r="X3806" s="76"/>
      <c r="Y3806" s="76"/>
      <c r="Z3806" s="76"/>
      <c r="AA3806" s="85"/>
      <c r="AB3806" s="85"/>
      <c r="AC3806" s="85"/>
      <c r="AD3806" s="85"/>
      <c r="AE3806" s="85"/>
      <c r="AF3806" s="85"/>
      <c r="AG3806" s="86"/>
      <c r="AH3806" s="85"/>
      <c r="AI3806" s="85"/>
      <c r="AJ3806" s="85"/>
      <c r="AK3806" s="85"/>
      <c r="AL3806" s="85"/>
      <c r="AM3806" s="92"/>
      <c r="AN3806" s="92"/>
      <c r="AO3806" s="92"/>
      <c r="AP3806" s="92"/>
      <c r="AQ3806" s="92"/>
      <c r="AR3806" s="92"/>
      <c r="AS3806" s="92"/>
      <c r="AT3806" s="92"/>
      <c r="AU3806" s="92"/>
      <c r="AV3806" s="92"/>
      <c r="AW3806" s="92"/>
      <c r="AX3806" s="92"/>
      <c r="AY3806" s="92"/>
      <c r="AZ3806" s="93"/>
      <c r="BA3806" s="93"/>
      <c r="BB3806" s="93"/>
      <c r="BC3806" s="93"/>
      <c r="BD3806" s="93"/>
      <c r="BE3806" s="93"/>
      <c r="BF3806" s="93"/>
      <c r="BG3806" s="93"/>
      <c r="BH3806" s="93"/>
      <c r="BI3806" s="93"/>
      <c r="BJ3806" s="93"/>
      <c r="BK3806" s="93"/>
      <c r="BL3806" s="93"/>
    </row>
    <row r="3807" spans="2:64" x14ac:dyDescent="0.2">
      <c r="B3807" s="43"/>
      <c r="C3807" s="73"/>
      <c r="D3807" s="64"/>
      <c r="E3807" s="55"/>
      <c r="F3807" s="74"/>
      <c r="G3807" s="74"/>
      <c r="H3807" s="74"/>
      <c r="I3807" s="75"/>
      <c r="J3807" s="74"/>
      <c r="L3807" s="55"/>
      <c r="M3807" s="234"/>
      <c r="N3807" s="65"/>
      <c r="O3807" s="76"/>
      <c r="P3807" s="76"/>
      <c r="Q3807" s="65"/>
      <c r="R3807" s="76"/>
      <c r="S3807" s="76"/>
      <c r="T3807" s="76"/>
      <c r="U3807" s="76"/>
      <c r="V3807" s="76"/>
      <c r="W3807" s="76"/>
      <c r="X3807" s="76"/>
      <c r="Y3807" s="76"/>
      <c r="Z3807" s="76"/>
      <c r="AA3807" s="85"/>
      <c r="AB3807" s="85"/>
      <c r="AC3807" s="85"/>
      <c r="AD3807" s="85"/>
      <c r="AE3807" s="85"/>
      <c r="AF3807" s="85"/>
      <c r="AG3807" s="86"/>
      <c r="AH3807" s="85"/>
      <c r="AI3807" s="85"/>
      <c r="AJ3807" s="85"/>
      <c r="AK3807" s="85"/>
      <c r="AL3807" s="85"/>
      <c r="AM3807" s="92"/>
      <c r="AN3807" s="92"/>
      <c r="AO3807" s="92"/>
      <c r="AP3807" s="92"/>
      <c r="AQ3807" s="92"/>
      <c r="AR3807" s="92"/>
      <c r="AS3807" s="92"/>
      <c r="AT3807" s="92"/>
      <c r="AU3807" s="92"/>
      <c r="AV3807" s="92"/>
      <c r="AW3807" s="92"/>
      <c r="AX3807" s="92"/>
      <c r="AY3807" s="92"/>
      <c r="AZ3807" s="93"/>
      <c r="BA3807" s="93"/>
      <c r="BB3807" s="93"/>
      <c r="BC3807" s="93"/>
      <c r="BD3807" s="93"/>
      <c r="BE3807" s="93"/>
      <c r="BF3807" s="93"/>
      <c r="BG3807" s="93"/>
      <c r="BH3807" s="93"/>
      <c r="BI3807" s="93"/>
      <c r="BJ3807" s="93"/>
      <c r="BK3807" s="93"/>
      <c r="BL3807" s="93"/>
    </row>
    <row r="3808" spans="2:64" x14ac:dyDescent="0.2">
      <c r="B3808" s="43"/>
      <c r="C3808" s="73"/>
      <c r="D3808" s="64"/>
      <c r="E3808" s="55"/>
      <c r="F3808" s="74"/>
      <c r="G3808" s="74"/>
      <c r="H3808" s="74"/>
      <c r="I3808" s="75"/>
      <c r="J3808" s="74"/>
      <c r="L3808" s="55"/>
      <c r="M3808" s="234"/>
      <c r="N3808" s="65"/>
      <c r="O3808" s="76"/>
      <c r="P3808" s="76"/>
      <c r="Q3808" s="65"/>
      <c r="R3808" s="76"/>
      <c r="S3808" s="76"/>
      <c r="T3808" s="76"/>
      <c r="U3808" s="76"/>
      <c r="V3808" s="76"/>
      <c r="W3808" s="76"/>
      <c r="X3808" s="76"/>
      <c r="Y3808" s="76"/>
      <c r="Z3808" s="76"/>
      <c r="AA3808" s="85"/>
      <c r="AB3808" s="85"/>
      <c r="AC3808" s="85"/>
      <c r="AD3808" s="85"/>
      <c r="AE3808" s="85"/>
      <c r="AF3808" s="85"/>
      <c r="AG3808" s="86"/>
      <c r="AH3808" s="85"/>
      <c r="AI3808" s="85"/>
      <c r="AJ3808" s="85"/>
      <c r="AK3808" s="85"/>
      <c r="AL3808" s="85"/>
      <c r="AM3808" s="92"/>
      <c r="AN3808" s="92"/>
      <c r="AO3808" s="92"/>
      <c r="AP3808" s="92"/>
      <c r="AQ3808" s="92"/>
      <c r="AR3808" s="92"/>
      <c r="AS3808" s="92"/>
      <c r="AT3808" s="92"/>
      <c r="AU3808" s="92"/>
      <c r="AV3808" s="92"/>
      <c r="AW3808" s="92"/>
      <c r="AX3808" s="92"/>
      <c r="AY3808" s="92"/>
      <c r="AZ3808" s="93"/>
      <c r="BA3808" s="93"/>
      <c r="BB3808" s="93"/>
      <c r="BC3808" s="93"/>
      <c r="BD3808" s="93"/>
      <c r="BE3808" s="93"/>
      <c r="BF3808" s="93"/>
      <c r="BG3808" s="93"/>
      <c r="BH3808" s="93"/>
      <c r="BI3808" s="93"/>
      <c r="BJ3808" s="93"/>
      <c r="BK3808" s="93"/>
      <c r="BL3808" s="93"/>
    </row>
    <row r="3809" spans="2:64" x14ac:dyDescent="0.2">
      <c r="B3809" s="43"/>
      <c r="C3809" s="73"/>
      <c r="D3809" s="64"/>
      <c r="E3809" s="55"/>
      <c r="F3809" s="74"/>
      <c r="G3809" s="74"/>
      <c r="H3809" s="74"/>
      <c r="I3809" s="75"/>
      <c r="J3809" s="74"/>
      <c r="L3809" s="55"/>
      <c r="M3809" s="234"/>
      <c r="N3809" s="65"/>
      <c r="O3809" s="76"/>
      <c r="P3809" s="76"/>
      <c r="Q3809" s="65"/>
      <c r="R3809" s="76"/>
      <c r="S3809" s="76"/>
      <c r="T3809" s="76"/>
      <c r="U3809" s="76"/>
      <c r="V3809" s="76"/>
      <c r="W3809" s="76"/>
      <c r="X3809" s="76"/>
      <c r="Y3809" s="76"/>
      <c r="Z3809" s="76"/>
      <c r="AA3809" s="85"/>
      <c r="AB3809" s="85"/>
      <c r="AC3809" s="85"/>
      <c r="AD3809" s="85"/>
      <c r="AE3809" s="85"/>
      <c r="AF3809" s="85"/>
      <c r="AG3809" s="86"/>
      <c r="AH3809" s="85"/>
      <c r="AI3809" s="85"/>
      <c r="AJ3809" s="85"/>
      <c r="AK3809" s="85"/>
      <c r="AL3809" s="85"/>
      <c r="AM3809" s="92"/>
      <c r="AN3809" s="92"/>
      <c r="AO3809" s="92"/>
      <c r="AP3809" s="92"/>
      <c r="AQ3809" s="92"/>
      <c r="AR3809" s="92"/>
      <c r="AS3809" s="92"/>
      <c r="AT3809" s="92"/>
      <c r="AU3809" s="92"/>
      <c r="AV3809" s="92"/>
      <c r="AW3809" s="92"/>
      <c r="AX3809" s="92"/>
      <c r="AY3809" s="92"/>
      <c r="AZ3809" s="93"/>
      <c r="BA3809" s="93"/>
      <c r="BB3809" s="93"/>
      <c r="BC3809" s="93"/>
      <c r="BD3809" s="93"/>
      <c r="BE3809" s="93"/>
      <c r="BF3809" s="93"/>
      <c r="BG3809" s="93"/>
      <c r="BH3809" s="93"/>
      <c r="BI3809" s="93"/>
      <c r="BJ3809" s="93"/>
      <c r="BK3809" s="93"/>
      <c r="BL3809" s="93"/>
    </row>
    <row r="3810" spans="2:64" x14ac:dyDescent="0.2">
      <c r="B3810" s="43"/>
      <c r="C3810" s="73"/>
      <c r="D3810" s="64"/>
      <c r="E3810" s="55"/>
      <c r="F3810" s="74"/>
      <c r="G3810" s="74"/>
      <c r="H3810" s="74"/>
      <c r="I3810" s="75"/>
      <c r="J3810" s="74"/>
      <c r="L3810" s="55"/>
      <c r="M3810" s="234"/>
      <c r="N3810" s="65"/>
      <c r="O3810" s="76"/>
      <c r="P3810" s="76"/>
      <c r="Q3810" s="65"/>
      <c r="R3810" s="76"/>
      <c r="S3810" s="76"/>
      <c r="T3810" s="76"/>
      <c r="U3810" s="76"/>
      <c r="V3810" s="76"/>
      <c r="W3810" s="76"/>
      <c r="X3810" s="76"/>
      <c r="Y3810" s="76"/>
      <c r="Z3810" s="76"/>
      <c r="AA3810" s="85"/>
      <c r="AB3810" s="85"/>
      <c r="AC3810" s="85"/>
      <c r="AD3810" s="85"/>
      <c r="AE3810" s="85"/>
      <c r="AF3810" s="85"/>
      <c r="AG3810" s="86"/>
      <c r="AH3810" s="85"/>
      <c r="AI3810" s="85"/>
      <c r="AJ3810" s="85"/>
      <c r="AK3810" s="85"/>
      <c r="AL3810" s="85"/>
      <c r="AM3810" s="92"/>
      <c r="AN3810" s="92"/>
      <c r="AO3810" s="92"/>
      <c r="AP3810" s="92"/>
      <c r="AQ3810" s="92"/>
      <c r="AR3810" s="92"/>
      <c r="AS3810" s="92"/>
      <c r="AT3810" s="92"/>
      <c r="AU3810" s="92"/>
      <c r="AV3810" s="92"/>
      <c r="AW3810" s="92"/>
      <c r="AX3810" s="92"/>
      <c r="AY3810" s="92"/>
      <c r="AZ3810" s="93"/>
      <c r="BA3810" s="93"/>
      <c r="BB3810" s="93"/>
      <c r="BC3810" s="93"/>
      <c r="BD3810" s="93"/>
      <c r="BE3810" s="93"/>
      <c r="BF3810" s="93"/>
      <c r="BG3810" s="93"/>
      <c r="BH3810" s="93"/>
      <c r="BI3810" s="93"/>
      <c r="BJ3810" s="93"/>
      <c r="BK3810" s="93"/>
      <c r="BL3810" s="93"/>
    </row>
    <row r="3811" spans="2:64" x14ac:dyDescent="0.2">
      <c r="B3811" s="43"/>
      <c r="C3811" s="73"/>
      <c r="D3811" s="64"/>
      <c r="E3811" s="55"/>
      <c r="F3811" s="74"/>
      <c r="G3811" s="74"/>
      <c r="H3811" s="74"/>
      <c r="I3811" s="75"/>
      <c r="J3811" s="74"/>
      <c r="L3811" s="55"/>
      <c r="M3811" s="234"/>
      <c r="N3811" s="65"/>
      <c r="O3811" s="76"/>
      <c r="P3811" s="76"/>
      <c r="Q3811" s="65"/>
      <c r="R3811" s="76"/>
      <c r="S3811" s="76"/>
      <c r="T3811" s="76"/>
      <c r="U3811" s="76"/>
      <c r="V3811" s="76"/>
      <c r="W3811" s="76"/>
      <c r="X3811" s="76"/>
      <c r="Y3811" s="76"/>
      <c r="Z3811" s="76"/>
      <c r="AA3811" s="85"/>
      <c r="AB3811" s="85"/>
      <c r="AC3811" s="85"/>
      <c r="AD3811" s="85"/>
      <c r="AE3811" s="85"/>
      <c r="AF3811" s="85"/>
      <c r="AG3811" s="86"/>
      <c r="AH3811" s="85"/>
      <c r="AI3811" s="85"/>
      <c r="AJ3811" s="85"/>
      <c r="AK3811" s="85"/>
      <c r="AL3811" s="85"/>
      <c r="AM3811" s="92"/>
      <c r="AN3811" s="92"/>
      <c r="AO3811" s="92"/>
      <c r="AP3811" s="92"/>
      <c r="AQ3811" s="92"/>
      <c r="AR3811" s="92"/>
      <c r="AS3811" s="92"/>
      <c r="AT3811" s="92"/>
      <c r="AU3811" s="92"/>
      <c r="AV3811" s="92"/>
      <c r="AW3811" s="92"/>
      <c r="AX3811" s="92"/>
      <c r="AY3811" s="92"/>
      <c r="AZ3811" s="93"/>
      <c r="BA3811" s="93"/>
      <c r="BB3811" s="93"/>
      <c r="BC3811" s="93"/>
      <c r="BD3811" s="93"/>
      <c r="BE3811" s="93"/>
      <c r="BF3811" s="93"/>
      <c r="BG3811" s="93"/>
      <c r="BH3811" s="93"/>
      <c r="BI3811" s="93"/>
      <c r="BJ3811" s="93"/>
      <c r="BK3811" s="93"/>
      <c r="BL3811" s="93"/>
    </row>
    <row r="3812" spans="2:64" x14ac:dyDescent="0.2">
      <c r="B3812" s="43"/>
      <c r="C3812" s="73"/>
      <c r="D3812" s="64"/>
      <c r="E3812" s="55"/>
      <c r="F3812" s="74"/>
      <c r="G3812" s="74"/>
      <c r="H3812" s="74"/>
      <c r="I3812" s="75"/>
      <c r="J3812" s="74"/>
      <c r="L3812" s="55"/>
      <c r="M3812" s="234"/>
      <c r="N3812" s="65"/>
      <c r="O3812" s="76"/>
      <c r="P3812" s="76"/>
      <c r="Q3812" s="65"/>
      <c r="R3812" s="76"/>
      <c r="S3812" s="76"/>
      <c r="T3812" s="76"/>
      <c r="U3812" s="76"/>
      <c r="V3812" s="76"/>
      <c r="W3812" s="76"/>
      <c r="X3812" s="76"/>
      <c r="Y3812" s="76"/>
      <c r="Z3812" s="76"/>
      <c r="AA3812" s="85"/>
      <c r="AB3812" s="85"/>
      <c r="AC3812" s="85"/>
      <c r="AD3812" s="85"/>
      <c r="AE3812" s="85"/>
      <c r="AF3812" s="85"/>
      <c r="AG3812" s="86"/>
      <c r="AH3812" s="85"/>
      <c r="AI3812" s="85"/>
      <c r="AJ3812" s="85"/>
      <c r="AK3812" s="85"/>
      <c r="AL3812" s="85"/>
      <c r="AM3812" s="92"/>
      <c r="AN3812" s="92"/>
      <c r="AO3812" s="92"/>
      <c r="AP3812" s="92"/>
      <c r="AQ3812" s="92"/>
      <c r="AR3812" s="92"/>
      <c r="AS3812" s="92"/>
      <c r="AT3812" s="92"/>
      <c r="AU3812" s="92"/>
      <c r="AV3812" s="92"/>
      <c r="AW3812" s="92"/>
      <c r="AX3812" s="92"/>
      <c r="AY3812" s="92"/>
      <c r="AZ3812" s="93"/>
      <c r="BA3812" s="93"/>
      <c r="BB3812" s="93"/>
      <c r="BC3812" s="93"/>
      <c r="BD3812" s="93"/>
      <c r="BE3812" s="93"/>
      <c r="BF3812" s="93"/>
      <c r="BG3812" s="93"/>
      <c r="BH3812" s="93"/>
      <c r="BI3812" s="93"/>
      <c r="BJ3812" s="93"/>
      <c r="BK3812" s="93"/>
      <c r="BL3812" s="93"/>
    </row>
    <row r="3813" spans="2:64" x14ac:dyDescent="0.2">
      <c r="B3813" s="43"/>
      <c r="C3813" s="73"/>
      <c r="D3813" s="64"/>
      <c r="E3813" s="55"/>
      <c r="F3813" s="74"/>
      <c r="G3813" s="74"/>
      <c r="H3813" s="74"/>
      <c r="I3813" s="75"/>
      <c r="J3813" s="74"/>
      <c r="L3813" s="55"/>
      <c r="M3813" s="234"/>
      <c r="N3813" s="65"/>
      <c r="O3813" s="76"/>
      <c r="P3813" s="76"/>
      <c r="Q3813" s="65"/>
      <c r="R3813" s="76"/>
      <c r="S3813" s="76"/>
      <c r="T3813" s="76"/>
      <c r="U3813" s="76"/>
      <c r="V3813" s="76"/>
      <c r="W3813" s="76"/>
      <c r="X3813" s="76"/>
      <c r="Y3813" s="76"/>
      <c r="Z3813" s="76"/>
      <c r="AA3813" s="85"/>
      <c r="AB3813" s="85"/>
      <c r="AC3813" s="85"/>
      <c r="AD3813" s="85"/>
      <c r="AE3813" s="85"/>
      <c r="AF3813" s="85"/>
      <c r="AG3813" s="86"/>
      <c r="AH3813" s="85"/>
      <c r="AI3813" s="85"/>
      <c r="AJ3813" s="85"/>
      <c r="AK3813" s="85"/>
      <c r="AL3813" s="85"/>
      <c r="AM3813" s="92"/>
      <c r="AN3813" s="92"/>
      <c r="AO3813" s="92"/>
      <c r="AP3813" s="92"/>
      <c r="AQ3813" s="92"/>
      <c r="AR3813" s="92"/>
      <c r="AS3813" s="92"/>
      <c r="AT3813" s="92"/>
      <c r="AU3813" s="92"/>
      <c r="AV3813" s="92"/>
      <c r="AW3813" s="92"/>
      <c r="AX3813" s="92"/>
      <c r="AY3813" s="92"/>
      <c r="AZ3813" s="93"/>
      <c r="BA3813" s="93"/>
      <c r="BB3813" s="93"/>
      <c r="BC3813" s="93"/>
      <c r="BD3813" s="93"/>
      <c r="BE3813" s="93"/>
      <c r="BF3813" s="93"/>
      <c r="BG3813" s="93"/>
      <c r="BH3813" s="93"/>
      <c r="BI3813" s="93"/>
      <c r="BJ3813" s="93"/>
      <c r="BK3813" s="93"/>
      <c r="BL3813" s="93"/>
    </row>
    <row r="3814" spans="2:64" x14ac:dyDescent="0.2">
      <c r="B3814" s="43"/>
      <c r="C3814" s="73"/>
      <c r="D3814" s="64"/>
      <c r="E3814" s="55"/>
      <c r="F3814" s="74"/>
      <c r="G3814" s="74"/>
      <c r="H3814" s="74"/>
      <c r="I3814" s="75"/>
      <c r="J3814" s="74"/>
      <c r="L3814" s="55"/>
      <c r="M3814" s="234"/>
      <c r="N3814" s="65"/>
      <c r="O3814" s="76"/>
      <c r="P3814" s="76"/>
      <c r="Q3814" s="65"/>
      <c r="R3814" s="76"/>
      <c r="S3814" s="76"/>
      <c r="T3814" s="76"/>
      <c r="U3814" s="76"/>
      <c r="V3814" s="76"/>
      <c r="W3814" s="76"/>
      <c r="X3814" s="76"/>
      <c r="Y3814" s="76"/>
      <c r="Z3814" s="76"/>
      <c r="AA3814" s="85"/>
      <c r="AB3814" s="85"/>
      <c r="AC3814" s="85"/>
      <c r="AD3814" s="85"/>
      <c r="AE3814" s="85"/>
      <c r="AF3814" s="85"/>
      <c r="AG3814" s="86"/>
      <c r="AH3814" s="85"/>
      <c r="AI3814" s="85"/>
      <c r="AJ3814" s="85"/>
      <c r="AK3814" s="85"/>
      <c r="AL3814" s="85"/>
      <c r="AM3814" s="92"/>
      <c r="AN3814" s="92"/>
      <c r="AO3814" s="92"/>
      <c r="AP3814" s="92"/>
      <c r="AQ3814" s="92"/>
      <c r="AR3814" s="92"/>
      <c r="AS3814" s="92"/>
      <c r="AT3814" s="92"/>
      <c r="AU3814" s="92"/>
      <c r="AV3814" s="92"/>
      <c r="AW3814" s="92"/>
      <c r="AX3814" s="92"/>
      <c r="AY3814" s="92"/>
      <c r="AZ3814" s="93"/>
      <c r="BA3814" s="93"/>
      <c r="BB3814" s="93"/>
      <c r="BC3814" s="93"/>
      <c r="BD3814" s="93"/>
      <c r="BE3814" s="93"/>
      <c r="BF3814" s="93"/>
      <c r="BG3814" s="93"/>
      <c r="BH3814" s="93"/>
      <c r="BI3814" s="93"/>
      <c r="BJ3814" s="93"/>
      <c r="BK3814" s="93"/>
      <c r="BL3814" s="93"/>
    </row>
    <row r="3815" spans="2:64" x14ac:dyDescent="0.2">
      <c r="B3815" s="43"/>
      <c r="C3815" s="73"/>
      <c r="D3815" s="64"/>
      <c r="E3815" s="55"/>
      <c r="F3815" s="74"/>
      <c r="G3815" s="74"/>
      <c r="H3815" s="74"/>
      <c r="I3815" s="75"/>
      <c r="J3815" s="74"/>
      <c r="L3815" s="55"/>
      <c r="M3815" s="234"/>
      <c r="N3815" s="65"/>
      <c r="O3815" s="76"/>
      <c r="P3815" s="76"/>
      <c r="Q3815" s="65"/>
      <c r="R3815" s="76"/>
      <c r="S3815" s="76"/>
      <c r="T3815" s="76"/>
      <c r="U3815" s="76"/>
      <c r="V3815" s="76"/>
      <c r="W3815" s="76"/>
      <c r="X3815" s="76"/>
      <c r="Y3815" s="76"/>
      <c r="Z3815" s="76"/>
      <c r="AA3815" s="85"/>
      <c r="AB3815" s="85"/>
      <c r="AC3815" s="85"/>
      <c r="AD3815" s="85"/>
      <c r="AE3815" s="85"/>
      <c r="AF3815" s="85"/>
      <c r="AG3815" s="86"/>
      <c r="AH3815" s="85"/>
      <c r="AI3815" s="85"/>
      <c r="AJ3815" s="85"/>
      <c r="AK3815" s="85"/>
      <c r="AL3815" s="85"/>
      <c r="AM3815" s="92"/>
      <c r="AN3815" s="92"/>
      <c r="AO3815" s="92"/>
      <c r="AP3815" s="92"/>
      <c r="AQ3815" s="92"/>
      <c r="AR3815" s="92"/>
      <c r="AS3815" s="92"/>
      <c r="AT3815" s="92"/>
      <c r="AU3815" s="92"/>
      <c r="AV3815" s="92"/>
      <c r="AW3815" s="92"/>
      <c r="AX3815" s="92"/>
      <c r="AY3815" s="92"/>
      <c r="AZ3815" s="93"/>
      <c r="BA3815" s="93"/>
      <c r="BB3815" s="93"/>
      <c r="BC3815" s="93"/>
      <c r="BD3815" s="93"/>
      <c r="BE3815" s="93"/>
      <c r="BF3815" s="93"/>
      <c r="BG3815" s="93"/>
      <c r="BH3815" s="93"/>
      <c r="BI3815" s="93"/>
      <c r="BJ3815" s="93"/>
      <c r="BK3815" s="93"/>
      <c r="BL3815" s="93"/>
    </row>
    <row r="3816" spans="2:64" x14ac:dyDescent="0.2">
      <c r="B3816" s="43"/>
      <c r="C3816" s="73"/>
      <c r="D3816" s="64"/>
      <c r="E3816" s="55"/>
      <c r="F3816" s="74"/>
      <c r="G3816" s="74"/>
      <c r="H3816" s="74"/>
      <c r="I3816" s="75"/>
      <c r="J3816" s="74"/>
      <c r="L3816" s="55"/>
      <c r="M3816" s="234"/>
      <c r="N3816" s="65"/>
      <c r="O3816" s="76"/>
      <c r="P3816" s="76"/>
      <c r="Q3816" s="65"/>
      <c r="R3816" s="76"/>
      <c r="S3816" s="76"/>
      <c r="T3816" s="76"/>
      <c r="U3816" s="76"/>
      <c r="V3816" s="76"/>
      <c r="W3816" s="76"/>
      <c r="X3816" s="76"/>
      <c r="Y3816" s="76"/>
      <c r="Z3816" s="76"/>
      <c r="AA3816" s="85"/>
      <c r="AB3816" s="85"/>
      <c r="AC3816" s="85"/>
      <c r="AD3816" s="85"/>
      <c r="AE3816" s="85"/>
      <c r="AF3816" s="85"/>
      <c r="AG3816" s="86"/>
      <c r="AH3816" s="85"/>
      <c r="AI3816" s="85"/>
      <c r="AJ3816" s="85"/>
      <c r="AK3816" s="85"/>
      <c r="AL3816" s="85"/>
      <c r="AM3816" s="92"/>
      <c r="AN3816" s="92"/>
      <c r="AO3816" s="92"/>
      <c r="AP3816" s="92"/>
      <c r="AQ3816" s="92"/>
      <c r="AR3816" s="92"/>
      <c r="AS3816" s="92"/>
      <c r="AT3816" s="92"/>
      <c r="AU3816" s="92"/>
      <c r="AV3816" s="92"/>
      <c r="AW3816" s="92"/>
      <c r="AX3816" s="92"/>
      <c r="AY3816" s="92"/>
      <c r="AZ3816" s="93"/>
      <c r="BA3816" s="93"/>
      <c r="BB3816" s="93"/>
      <c r="BC3816" s="93"/>
      <c r="BD3816" s="93"/>
      <c r="BE3816" s="93"/>
      <c r="BF3816" s="93"/>
      <c r="BG3816" s="93"/>
      <c r="BH3816" s="93"/>
      <c r="BI3816" s="93"/>
      <c r="BJ3816" s="93"/>
      <c r="BK3816" s="93"/>
      <c r="BL3816" s="93"/>
    </row>
    <row r="3817" spans="2:64" x14ac:dyDescent="0.2">
      <c r="B3817" s="43"/>
      <c r="C3817" s="73"/>
      <c r="D3817" s="64"/>
      <c r="E3817" s="55"/>
      <c r="F3817" s="74"/>
      <c r="G3817" s="74"/>
      <c r="H3817" s="74"/>
      <c r="I3817" s="75"/>
      <c r="J3817" s="74"/>
      <c r="L3817" s="55"/>
      <c r="M3817" s="234"/>
      <c r="N3817" s="65"/>
      <c r="O3817" s="76"/>
      <c r="P3817" s="76"/>
      <c r="Q3817" s="65"/>
      <c r="R3817" s="76"/>
      <c r="S3817" s="76"/>
      <c r="T3817" s="76"/>
      <c r="U3817" s="76"/>
      <c r="V3817" s="76"/>
      <c r="W3817" s="76"/>
      <c r="X3817" s="76"/>
      <c r="Y3817" s="76"/>
      <c r="Z3817" s="76"/>
      <c r="AA3817" s="85"/>
      <c r="AB3817" s="85"/>
      <c r="AC3817" s="85"/>
      <c r="AD3817" s="85"/>
      <c r="AE3817" s="85"/>
      <c r="AF3817" s="85"/>
      <c r="AG3817" s="86"/>
      <c r="AH3817" s="85"/>
      <c r="AI3817" s="85"/>
      <c r="AJ3817" s="85"/>
      <c r="AK3817" s="85"/>
      <c r="AL3817" s="85"/>
      <c r="AM3817" s="92"/>
      <c r="AN3817" s="92"/>
      <c r="AO3817" s="92"/>
      <c r="AP3817" s="92"/>
      <c r="AQ3817" s="92"/>
      <c r="AR3817" s="92"/>
      <c r="AS3817" s="92"/>
      <c r="AT3817" s="92"/>
      <c r="AU3817" s="92"/>
      <c r="AV3817" s="92"/>
      <c r="AW3817" s="92"/>
      <c r="AX3817" s="92"/>
      <c r="AY3817" s="92"/>
      <c r="AZ3817" s="93"/>
      <c r="BA3817" s="93"/>
      <c r="BB3817" s="93"/>
      <c r="BC3817" s="93"/>
      <c r="BD3817" s="93"/>
      <c r="BE3817" s="93"/>
      <c r="BF3817" s="93"/>
      <c r="BG3817" s="93"/>
      <c r="BH3817" s="93"/>
      <c r="BI3817" s="93"/>
      <c r="BJ3817" s="93"/>
      <c r="BK3817" s="93"/>
      <c r="BL3817" s="93"/>
    </row>
    <row r="3818" spans="2:64" x14ac:dyDescent="0.2">
      <c r="B3818" s="43"/>
      <c r="C3818" s="73"/>
      <c r="D3818" s="64"/>
      <c r="E3818" s="55"/>
      <c r="F3818" s="74"/>
      <c r="G3818" s="74"/>
      <c r="H3818" s="74"/>
      <c r="I3818" s="75"/>
      <c r="J3818" s="74"/>
      <c r="L3818" s="55"/>
      <c r="M3818" s="234"/>
      <c r="N3818" s="65"/>
      <c r="O3818" s="76"/>
      <c r="P3818" s="76"/>
      <c r="Q3818" s="65"/>
      <c r="R3818" s="76"/>
      <c r="S3818" s="76"/>
      <c r="T3818" s="76"/>
      <c r="U3818" s="76"/>
      <c r="V3818" s="76"/>
      <c r="W3818" s="76"/>
      <c r="X3818" s="76"/>
      <c r="Y3818" s="76"/>
      <c r="Z3818" s="76"/>
      <c r="AA3818" s="85"/>
      <c r="AB3818" s="85"/>
      <c r="AC3818" s="85"/>
      <c r="AD3818" s="85"/>
      <c r="AE3818" s="85"/>
      <c r="AF3818" s="85"/>
      <c r="AG3818" s="86"/>
      <c r="AH3818" s="85"/>
      <c r="AI3818" s="85"/>
      <c r="AJ3818" s="85"/>
      <c r="AK3818" s="85"/>
      <c r="AL3818" s="85"/>
      <c r="AM3818" s="92"/>
      <c r="AN3818" s="92"/>
      <c r="AO3818" s="92"/>
      <c r="AP3818" s="92"/>
      <c r="AQ3818" s="92"/>
      <c r="AR3818" s="92"/>
      <c r="AS3818" s="92"/>
      <c r="AT3818" s="92"/>
      <c r="AU3818" s="92"/>
      <c r="AV3818" s="92"/>
      <c r="AW3818" s="92"/>
      <c r="AX3818" s="92"/>
      <c r="AY3818" s="92"/>
      <c r="AZ3818" s="93"/>
      <c r="BA3818" s="93"/>
      <c r="BB3818" s="93"/>
      <c r="BC3818" s="93"/>
      <c r="BD3818" s="93"/>
      <c r="BE3818" s="93"/>
      <c r="BF3818" s="93"/>
      <c r="BG3818" s="93"/>
      <c r="BH3818" s="93"/>
      <c r="BI3818" s="93"/>
      <c r="BJ3818" s="93"/>
      <c r="BK3818" s="93"/>
      <c r="BL3818" s="93"/>
    </row>
    <row r="3819" spans="2:64" x14ac:dyDescent="0.2">
      <c r="B3819" s="43"/>
      <c r="C3819" s="73"/>
      <c r="D3819" s="64"/>
      <c r="E3819" s="55"/>
      <c r="F3819" s="74"/>
      <c r="G3819" s="74"/>
      <c r="H3819" s="74"/>
      <c r="I3819" s="75"/>
      <c r="J3819" s="74"/>
      <c r="L3819" s="55"/>
      <c r="M3819" s="234"/>
      <c r="N3819" s="65"/>
      <c r="O3819" s="76"/>
      <c r="P3819" s="76"/>
      <c r="Q3819" s="65"/>
      <c r="R3819" s="76"/>
      <c r="S3819" s="76"/>
      <c r="T3819" s="76"/>
      <c r="U3819" s="76"/>
      <c r="V3819" s="76"/>
      <c r="W3819" s="76"/>
      <c r="X3819" s="76"/>
      <c r="Y3819" s="76"/>
      <c r="Z3819" s="76"/>
      <c r="AA3819" s="85"/>
      <c r="AB3819" s="85"/>
      <c r="AC3819" s="85"/>
      <c r="AD3819" s="85"/>
      <c r="AE3819" s="85"/>
      <c r="AF3819" s="85"/>
      <c r="AG3819" s="86"/>
      <c r="AH3819" s="85"/>
      <c r="AI3819" s="85"/>
      <c r="AJ3819" s="85"/>
      <c r="AK3819" s="85"/>
      <c r="AL3819" s="85"/>
      <c r="AM3819" s="92"/>
      <c r="AN3819" s="92"/>
      <c r="AO3819" s="92"/>
      <c r="AP3819" s="92"/>
      <c r="AQ3819" s="92"/>
      <c r="AR3819" s="92"/>
      <c r="AS3819" s="92"/>
      <c r="AT3819" s="92"/>
      <c r="AU3819" s="92"/>
      <c r="AV3819" s="92"/>
      <c r="AW3819" s="92"/>
      <c r="AX3819" s="92"/>
      <c r="AY3819" s="92"/>
      <c r="AZ3819" s="93"/>
      <c r="BA3819" s="93"/>
      <c r="BB3819" s="93"/>
      <c r="BC3819" s="93"/>
      <c r="BD3819" s="93"/>
      <c r="BE3819" s="93"/>
      <c r="BF3819" s="93"/>
      <c r="BG3819" s="93"/>
      <c r="BH3819" s="93"/>
      <c r="BI3819" s="93"/>
      <c r="BJ3819" s="93"/>
      <c r="BK3819" s="93"/>
      <c r="BL3819" s="93"/>
    </row>
    <row r="3820" spans="2:64" x14ac:dyDescent="0.2">
      <c r="B3820" s="43"/>
      <c r="C3820" s="73"/>
      <c r="D3820" s="64"/>
      <c r="E3820" s="55"/>
      <c r="F3820" s="74"/>
      <c r="G3820" s="74"/>
      <c r="H3820" s="74"/>
      <c r="I3820" s="75"/>
      <c r="J3820" s="74"/>
      <c r="L3820" s="55"/>
      <c r="M3820" s="234"/>
      <c r="N3820" s="65"/>
      <c r="O3820" s="76"/>
      <c r="P3820" s="76"/>
      <c r="Q3820" s="65"/>
      <c r="R3820" s="76"/>
      <c r="S3820" s="76"/>
      <c r="T3820" s="76"/>
      <c r="U3820" s="76"/>
      <c r="V3820" s="76"/>
      <c r="W3820" s="76"/>
      <c r="X3820" s="76"/>
      <c r="Y3820" s="76"/>
      <c r="Z3820" s="76"/>
      <c r="AA3820" s="85"/>
      <c r="AB3820" s="85"/>
      <c r="AC3820" s="85"/>
      <c r="AD3820" s="85"/>
      <c r="AE3820" s="85"/>
      <c r="AF3820" s="85"/>
      <c r="AG3820" s="86"/>
      <c r="AH3820" s="85"/>
      <c r="AI3820" s="85"/>
      <c r="AJ3820" s="85"/>
      <c r="AK3820" s="85"/>
      <c r="AL3820" s="85"/>
      <c r="AM3820" s="92"/>
      <c r="AN3820" s="92"/>
      <c r="AO3820" s="92"/>
      <c r="AP3820" s="92"/>
      <c r="AQ3820" s="92"/>
      <c r="AR3820" s="92"/>
      <c r="AS3820" s="92"/>
      <c r="AT3820" s="92"/>
      <c r="AU3820" s="92"/>
      <c r="AV3820" s="92"/>
      <c r="AW3820" s="92"/>
      <c r="AX3820" s="92"/>
      <c r="AY3820" s="92"/>
      <c r="AZ3820" s="93"/>
      <c r="BA3820" s="93"/>
      <c r="BB3820" s="93"/>
      <c r="BC3820" s="93"/>
      <c r="BD3820" s="93"/>
      <c r="BE3820" s="93"/>
      <c r="BF3820" s="93"/>
      <c r="BG3820" s="93"/>
      <c r="BH3820" s="93"/>
      <c r="BI3820" s="93"/>
      <c r="BJ3820" s="93"/>
      <c r="BK3820" s="93"/>
      <c r="BL3820" s="93"/>
    </row>
    <row r="3821" spans="2:64" x14ac:dyDescent="0.2">
      <c r="B3821" s="43"/>
      <c r="C3821" s="73"/>
      <c r="D3821" s="64"/>
      <c r="E3821" s="55"/>
      <c r="F3821" s="74"/>
      <c r="G3821" s="74"/>
      <c r="H3821" s="74"/>
      <c r="I3821" s="75"/>
      <c r="J3821" s="74"/>
      <c r="L3821" s="55"/>
      <c r="M3821" s="234"/>
      <c r="N3821" s="65"/>
      <c r="O3821" s="76"/>
      <c r="P3821" s="76"/>
      <c r="Q3821" s="65"/>
      <c r="R3821" s="76"/>
      <c r="S3821" s="76"/>
      <c r="T3821" s="76"/>
      <c r="U3821" s="76"/>
      <c r="V3821" s="76"/>
      <c r="W3821" s="76"/>
      <c r="X3821" s="76"/>
      <c r="Y3821" s="76"/>
      <c r="Z3821" s="76"/>
      <c r="AA3821" s="85"/>
      <c r="AB3821" s="85"/>
      <c r="AC3821" s="85"/>
      <c r="AD3821" s="85"/>
      <c r="AE3821" s="85"/>
      <c r="AF3821" s="85"/>
      <c r="AG3821" s="86"/>
      <c r="AH3821" s="85"/>
      <c r="AI3821" s="85"/>
      <c r="AJ3821" s="85"/>
      <c r="AK3821" s="85"/>
      <c r="AL3821" s="85"/>
      <c r="AM3821" s="92"/>
      <c r="AN3821" s="92"/>
      <c r="AO3821" s="92"/>
      <c r="AP3821" s="92"/>
      <c r="AQ3821" s="92"/>
      <c r="AR3821" s="92"/>
      <c r="AS3821" s="92"/>
      <c r="AT3821" s="92"/>
      <c r="AU3821" s="92"/>
      <c r="AV3821" s="92"/>
      <c r="AW3821" s="92"/>
      <c r="AX3821" s="92"/>
      <c r="AY3821" s="92"/>
      <c r="AZ3821" s="93"/>
      <c r="BA3821" s="93"/>
      <c r="BB3821" s="93"/>
      <c r="BC3821" s="93"/>
      <c r="BD3821" s="93"/>
      <c r="BE3821" s="93"/>
      <c r="BF3821" s="93"/>
      <c r="BG3821" s="93"/>
      <c r="BH3821" s="93"/>
      <c r="BI3821" s="93"/>
      <c r="BJ3821" s="93"/>
      <c r="BK3821" s="93"/>
      <c r="BL3821" s="93"/>
    </row>
    <row r="3822" spans="2:64" x14ac:dyDescent="0.2">
      <c r="B3822" s="43"/>
      <c r="C3822" s="73"/>
      <c r="D3822" s="64"/>
      <c r="E3822" s="55"/>
      <c r="F3822" s="74"/>
      <c r="G3822" s="74"/>
      <c r="H3822" s="74"/>
      <c r="I3822" s="75"/>
      <c r="J3822" s="74"/>
      <c r="L3822" s="55"/>
      <c r="M3822" s="234"/>
      <c r="N3822" s="65"/>
      <c r="O3822" s="76"/>
      <c r="P3822" s="76"/>
      <c r="Q3822" s="65"/>
      <c r="R3822" s="76"/>
      <c r="S3822" s="76"/>
      <c r="T3822" s="76"/>
      <c r="U3822" s="76"/>
      <c r="V3822" s="76"/>
      <c r="W3822" s="76"/>
      <c r="X3822" s="76"/>
      <c r="Y3822" s="76"/>
      <c r="Z3822" s="76"/>
      <c r="AA3822" s="85"/>
      <c r="AB3822" s="85"/>
      <c r="AC3822" s="85"/>
      <c r="AD3822" s="85"/>
      <c r="AE3822" s="85"/>
      <c r="AF3822" s="85"/>
      <c r="AG3822" s="86"/>
      <c r="AH3822" s="85"/>
      <c r="AI3822" s="85"/>
      <c r="AJ3822" s="85"/>
      <c r="AK3822" s="85"/>
      <c r="AL3822" s="85"/>
      <c r="AM3822" s="92"/>
      <c r="AN3822" s="92"/>
      <c r="AO3822" s="92"/>
      <c r="AP3822" s="92"/>
      <c r="AQ3822" s="92"/>
      <c r="AR3822" s="92"/>
      <c r="AS3822" s="92"/>
      <c r="AT3822" s="92"/>
      <c r="AU3822" s="92"/>
      <c r="AV3822" s="92"/>
      <c r="AW3822" s="92"/>
      <c r="AX3822" s="92"/>
      <c r="AY3822" s="92"/>
      <c r="AZ3822" s="93"/>
      <c r="BA3822" s="93"/>
      <c r="BB3822" s="93"/>
      <c r="BC3822" s="93"/>
      <c r="BD3822" s="93"/>
      <c r="BE3822" s="93"/>
      <c r="BF3822" s="93"/>
      <c r="BG3822" s="93"/>
      <c r="BH3822" s="93"/>
      <c r="BI3822" s="93"/>
      <c r="BJ3822" s="93"/>
      <c r="BK3822" s="93"/>
      <c r="BL3822" s="93"/>
    </row>
    <row r="3823" spans="2:64" x14ac:dyDescent="0.2">
      <c r="B3823" s="43"/>
      <c r="C3823" s="73"/>
      <c r="D3823" s="64"/>
      <c r="E3823" s="55"/>
      <c r="F3823" s="74"/>
      <c r="G3823" s="74"/>
      <c r="H3823" s="74"/>
      <c r="I3823" s="75"/>
      <c r="J3823" s="74"/>
      <c r="L3823" s="55"/>
      <c r="M3823" s="234"/>
      <c r="N3823" s="65"/>
      <c r="O3823" s="76"/>
      <c r="P3823" s="76"/>
      <c r="Q3823" s="65"/>
      <c r="R3823" s="76"/>
      <c r="S3823" s="76"/>
      <c r="T3823" s="76"/>
      <c r="U3823" s="76"/>
      <c r="V3823" s="76"/>
      <c r="W3823" s="76"/>
      <c r="X3823" s="76"/>
      <c r="Y3823" s="76"/>
      <c r="Z3823" s="76"/>
      <c r="AA3823" s="85"/>
      <c r="AB3823" s="85"/>
      <c r="AC3823" s="85"/>
      <c r="AD3823" s="85"/>
      <c r="AE3823" s="85"/>
      <c r="AF3823" s="85"/>
      <c r="AG3823" s="86"/>
      <c r="AH3823" s="85"/>
      <c r="AI3823" s="85"/>
      <c r="AJ3823" s="85"/>
      <c r="AK3823" s="85"/>
      <c r="AL3823" s="85"/>
      <c r="AM3823" s="92"/>
      <c r="AN3823" s="92"/>
      <c r="AO3823" s="92"/>
      <c r="AP3823" s="92"/>
      <c r="AQ3823" s="92"/>
      <c r="AR3823" s="92"/>
      <c r="AS3823" s="92"/>
      <c r="AT3823" s="92"/>
      <c r="AU3823" s="92"/>
      <c r="AV3823" s="92"/>
      <c r="AW3823" s="92"/>
      <c r="AX3823" s="92"/>
      <c r="AY3823" s="92"/>
      <c r="AZ3823" s="93"/>
      <c r="BA3823" s="93"/>
      <c r="BB3823" s="93"/>
      <c r="BC3823" s="93"/>
      <c r="BD3823" s="93"/>
      <c r="BE3823" s="93"/>
      <c r="BF3823" s="93"/>
      <c r="BG3823" s="93"/>
      <c r="BH3823" s="93"/>
      <c r="BI3823" s="93"/>
      <c r="BJ3823" s="93"/>
      <c r="BK3823" s="93"/>
      <c r="BL3823" s="93"/>
    </row>
    <row r="3824" spans="2:64" x14ac:dyDescent="0.2">
      <c r="B3824" s="43"/>
      <c r="C3824" s="73"/>
      <c r="D3824" s="64"/>
      <c r="E3824" s="55"/>
      <c r="F3824" s="74"/>
      <c r="G3824" s="74"/>
      <c r="H3824" s="74"/>
      <c r="I3824" s="75"/>
      <c r="J3824" s="74"/>
      <c r="L3824" s="55"/>
      <c r="M3824" s="234"/>
      <c r="N3824" s="65"/>
      <c r="O3824" s="76"/>
      <c r="P3824" s="76"/>
      <c r="Q3824" s="65"/>
      <c r="R3824" s="76"/>
      <c r="S3824" s="76"/>
      <c r="T3824" s="76"/>
      <c r="U3824" s="76"/>
      <c r="V3824" s="76"/>
      <c r="W3824" s="76"/>
      <c r="X3824" s="76"/>
      <c r="Y3824" s="76"/>
      <c r="Z3824" s="76"/>
      <c r="AA3824" s="85"/>
      <c r="AB3824" s="85"/>
      <c r="AC3824" s="85"/>
      <c r="AD3824" s="85"/>
      <c r="AE3824" s="85"/>
      <c r="AF3824" s="85"/>
      <c r="AG3824" s="86"/>
      <c r="AH3824" s="85"/>
      <c r="AI3824" s="85"/>
      <c r="AJ3824" s="85"/>
      <c r="AK3824" s="85"/>
      <c r="AL3824" s="85"/>
      <c r="AM3824" s="92"/>
      <c r="AN3824" s="92"/>
      <c r="AO3824" s="92"/>
      <c r="AP3824" s="92"/>
      <c r="AQ3824" s="92"/>
      <c r="AR3824" s="92"/>
      <c r="AS3824" s="92"/>
      <c r="AT3824" s="92"/>
      <c r="AU3824" s="92"/>
      <c r="AV3824" s="92"/>
      <c r="AW3824" s="92"/>
      <c r="AX3824" s="92"/>
      <c r="AY3824" s="92"/>
      <c r="AZ3824" s="93"/>
      <c r="BA3824" s="93"/>
      <c r="BB3824" s="93"/>
      <c r="BC3824" s="93"/>
      <c r="BD3824" s="93"/>
      <c r="BE3824" s="93"/>
      <c r="BF3824" s="93"/>
      <c r="BG3824" s="93"/>
      <c r="BH3824" s="93"/>
      <c r="BI3824" s="93"/>
      <c r="BJ3824" s="93"/>
      <c r="BK3824" s="93"/>
      <c r="BL3824" s="93"/>
    </row>
    <row r="3825" spans="2:64" x14ac:dyDescent="0.2">
      <c r="B3825" s="43"/>
      <c r="C3825" s="73"/>
      <c r="D3825" s="64"/>
      <c r="E3825" s="55"/>
      <c r="F3825" s="74"/>
      <c r="G3825" s="74"/>
      <c r="H3825" s="74"/>
      <c r="I3825" s="75"/>
      <c r="J3825" s="74"/>
      <c r="L3825" s="55"/>
      <c r="M3825" s="234"/>
      <c r="N3825" s="65"/>
      <c r="O3825" s="76"/>
      <c r="P3825" s="76"/>
      <c r="Q3825" s="65"/>
      <c r="R3825" s="76"/>
      <c r="S3825" s="76"/>
      <c r="T3825" s="76"/>
      <c r="U3825" s="76"/>
      <c r="V3825" s="76"/>
      <c r="W3825" s="76"/>
      <c r="X3825" s="76"/>
      <c r="Y3825" s="76"/>
      <c r="Z3825" s="76"/>
      <c r="AA3825" s="85"/>
      <c r="AB3825" s="85"/>
      <c r="AC3825" s="85"/>
      <c r="AD3825" s="85"/>
      <c r="AE3825" s="85"/>
      <c r="AF3825" s="85"/>
      <c r="AG3825" s="86"/>
      <c r="AH3825" s="85"/>
      <c r="AI3825" s="85"/>
      <c r="AJ3825" s="85"/>
      <c r="AK3825" s="85"/>
      <c r="AL3825" s="85"/>
      <c r="AM3825" s="92"/>
      <c r="AN3825" s="92"/>
      <c r="AO3825" s="92"/>
      <c r="AP3825" s="92"/>
      <c r="AQ3825" s="92"/>
      <c r="AR3825" s="92"/>
      <c r="AS3825" s="92"/>
      <c r="AT3825" s="92"/>
      <c r="AU3825" s="92"/>
      <c r="AV3825" s="92"/>
      <c r="AW3825" s="92"/>
      <c r="AX3825" s="92"/>
      <c r="AY3825" s="92"/>
      <c r="AZ3825" s="93"/>
      <c r="BA3825" s="93"/>
      <c r="BB3825" s="93"/>
      <c r="BC3825" s="93"/>
      <c r="BD3825" s="93"/>
      <c r="BE3825" s="93"/>
      <c r="BF3825" s="93"/>
      <c r="BG3825" s="93"/>
      <c r="BH3825" s="93"/>
      <c r="BI3825" s="93"/>
      <c r="BJ3825" s="93"/>
      <c r="BK3825" s="93"/>
      <c r="BL3825" s="93"/>
    </row>
    <row r="3826" spans="2:64" x14ac:dyDescent="0.2">
      <c r="B3826" s="43"/>
      <c r="C3826" s="73"/>
      <c r="D3826" s="64"/>
      <c r="E3826" s="55"/>
      <c r="F3826" s="74"/>
      <c r="G3826" s="74"/>
      <c r="H3826" s="74"/>
      <c r="I3826" s="75"/>
      <c r="J3826" s="74"/>
      <c r="L3826" s="55"/>
      <c r="M3826" s="234"/>
      <c r="N3826" s="65"/>
      <c r="O3826" s="76"/>
      <c r="P3826" s="76"/>
      <c r="Q3826" s="65"/>
      <c r="R3826" s="76"/>
      <c r="S3826" s="76"/>
      <c r="T3826" s="76"/>
      <c r="U3826" s="76"/>
      <c r="V3826" s="76"/>
      <c r="W3826" s="76"/>
      <c r="X3826" s="76"/>
      <c r="Y3826" s="76"/>
      <c r="Z3826" s="76"/>
      <c r="AA3826" s="85"/>
      <c r="AB3826" s="85"/>
      <c r="AC3826" s="85"/>
      <c r="AD3826" s="85"/>
      <c r="AE3826" s="85"/>
      <c r="AF3826" s="85"/>
      <c r="AG3826" s="86"/>
      <c r="AH3826" s="85"/>
      <c r="AI3826" s="85"/>
      <c r="AJ3826" s="85"/>
      <c r="AK3826" s="85"/>
      <c r="AL3826" s="85"/>
      <c r="AM3826" s="92"/>
      <c r="AN3826" s="92"/>
      <c r="AO3826" s="92"/>
      <c r="AP3826" s="92"/>
      <c r="AQ3826" s="92"/>
      <c r="AR3826" s="92"/>
      <c r="AS3826" s="92"/>
      <c r="AT3826" s="92"/>
      <c r="AU3826" s="92"/>
      <c r="AV3826" s="92"/>
      <c r="AW3826" s="92"/>
      <c r="AX3826" s="92"/>
      <c r="AY3826" s="92"/>
      <c r="AZ3826" s="93"/>
      <c r="BA3826" s="93"/>
      <c r="BB3826" s="93"/>
      <c r="BC3826" s="93"/>
      <c r="BD3826" s="93"/>
      <c r="BE3826" s="93"/>
      <c r="BF3826" s="93"/>
      <c r="BG3826" s="93"/>
      <c r="BH3826" s="93"/>
      <c r="BI3826" s="93"/>
      <c r="BJ3826" s="93"/>
      <c r="BK3826" s="93"/>
      <c r="BL3826" s="93"/>
    </row>
    <row r="3827" spans="2:64" x14ac:dyDescent="0.2">
      <c r="B3827" s="43"/>
      <c r="C3827" s="73"/>
      <c r="D3827" s="64"/>
      <c r="E3827" s="55"/>
      <c r="F3827" s="74"/>
      <c r="G3827" s="74"/>
      <c r="H3827" s="74"/>
      <c r="I3827" s="75"/>
      <c r="J3827" s="74"/>
      <c r="L3827" s="55"/>
      <c r="M3827" s="234"/>
      <c r="N3827" s="65"/>
      <c r="O3827" s="76"/>
      <c r="P3827" s="76"/>
      <c r="Q3827" s="65"/>
      <c r="R3827" s="76"/>
      <c r="S3827" s="76"/>
      <c r="T3827" s="76"/>
      <c r="U3827" s="76"/>
      <c r="V3827" s="76"/>
      <c r="W3827" s="76"/>
      <c r="X3827" s="76"/>
      <c r="Y3827" s="76"/>
      <c r="Z3827" s="76"/>
      <c r="AA3827" s="85"/>
      <c r="AB3827" s="85"/>
      <c r="AC3827" s="85"/>
      <c r="AD3827" s="85"/>
      <c r="AE3827" s="85"/>
      <c r="AF3827" s="85"/>
      <c r="AG3827" s="86"/>
      <c r="AH3827" s="85"/>
      <c r="AI3827" s="85"/>
      <c r="AJ3827" s="85"/>
      <c r="AK3827" s="85"/>
      <c r="AL3827" s="85"/>
      <c r="AM3827" s="92"/>
      <c r="AN3827" s="92"/>
      <c r="AO3827" s="92"/>
      <c r="AP3827" s="92"/>
      <c r="AQ3827" s="92"/>
      <c r="AR3827" s="92"/>
      <c r="AS3827" s="92"/>
      <c r="AT3827" s="92"/>
      <c r="AU3827" s="92"/>
      <c r="AV3827" s="92"/>
      <c r="AW3827" s="92"/>
      <c r="AX3827" s="92"/>
      <c r="AY3827" s="92"/>
      <c r="AZ3827" s="93"/>
      <c r="BA3827" s="93"/>
      <c r="BB3827" s="93"/>
      <c r="BC3827" s="93"/>
      <c r="BD3827" s="93"/>
      <c r="BE3827" s="93"/>
      <c r="BF3827" s="93"/>
      <c r="BG3827" s="93"/>
      <c r="BH3827" s="93"/>
      <c r="BI3827" s="93"/>
      <c r="BJ3827" s="93"/>
      <c r="BK3827" s="93"/>
      <c r="BL3827" s="93"/>
    </row>
    <row r="3828" spans="2:64" x14ac:dyDescent="0.2">
      <c r="B3828" s="43"/>
      <c r="C3828" s="73"/>
      <c r="D3828" s="64"/>
      <c r="E3828" s="55"/>
      <c r="F3828" s="74"/>
      <c r="G3828" s="74"/>
      <c r="H3828" s="74"/>
      <c r="I3828" s="75"/>
      <c r="J3828" s="74"/>
      <c r="L3828" s="55"/>
      <c r="M3828" s="234"/>
      <c r="N3828" s="65"/>
      <c r="O3828" s="76"/>
      <c r="P3828" s="76"/>
      <c r="Q3828" s="65"/>
      <c r="R3828" s="76"/>
      <c r="S3828" s="76"/>
      <c r="T3828" s="76"/>
      <c r="U3828" s="76"/>
      <c r="V3828" s="76"/>
      <c r="W3828" s="76"/>
      <c r="X3828" s="76"/>
      <c r="Y3828" s="76"/>
      <c r="Z3828" s="76"/>
      <c r="AA3828" s="85"/>
      <c r="AB3828" s="85"/>
      <c r="AC3828" s="85"/>
      <c r="AD3828" s="85"/>
      <c r="AE3828" s="85"/>
      <c r="AF3828" s="85"/>
      <c r="AG3828" s="86"/>
      <c r="AH3828" s="85"/>
      <c r="AI3828" s="85"/>
      <c r="AJ3828" s="85"/>
      <c r="AK3828" s="85"/>
      <c r="AL3828" s="85"/>
      <c r="AM3828" s="92"/>
      <c r="AN3828" s="92"/>
      <c r="AO3828" s="92"/>
      <c r="AP3828" s="92"/>
      <c r="AQ3828" s="92"/>
      <c r="AR3828" s="92"/>
      <c r="AS3828" s="92"/>
      <c r="AT3828" s="92"/>
      <c r="AU3828" s="92"/>
      <c r="AV3828" s="92"/>
      <c r="AW3828" s="92"/>
      <c r="AX3828" s="92"/>
      <c r="AY3828" s="92"/>
      <c r="AZ3828" s="93"/>
      <c r="BA3828" s="93"/>
      <c r="BB3828" s="93"/>
      <c r="BC3828" s="93"/>
      <c r="BD3828" s="93"/>
      <c r="BE3828" s="93"/>
      <c r="BF3828" s="93"/>
      <c r="BG3828" s="93"/>
      <c r="BH3828" s="93"/>
      <c r="BI3828" s="93"/>
      <c r="BJ3828" s="93"/>
      <c r="BK3828" s="93"/>
      <c r="BL3828" s="93"/>
    </row>
    <row r="3829" spans="2:64" x14ac:dyDescent="0.2">
      <c r="B3829" s="43"/>
      <c r="C3829" s="73"/>
      <c r="D3829" s="64"/>
      <c r="E3829" s="55"/>
      <c r="F3829" s="74"/>
      <c r="G3829" s="74"/>
      <c r="H3829" s="74"/>
      <c r="I3829" s="75"/>
      <c r="J3829" s="74"/>
      <c r="L3829" s="55"/>
      <c r="M3829" s="234"/>
      <c r="N3829" s="65"/>
      <c r="O3829" s="76"/>
      <c r="P3829" s="76"/>
      <c r="Q3829" s="65"/>
      <c r="R3829" s="76"/>
      <c r="S3829" s="76"/>
      <c r="T3829" s="76"/>
      <c r="U3829" s="76"/>
      <c r="V3829" s="76"/>
      <c r="W3829" s="76"/>
      <c r="X3829" s="76"/>
      <c r="Y3829" s="76"/>
      <c r="Z3829" s="76"/>
      <c r="AA3829" s="85"/>
      <c r="AB3829" s="85"/>
      <c r="AC3829" s="85"/>
      <c r="AD3829" s="85"/>
      <c r="AE3829" s="85"/>
      <c r="AF3829" s="85"/>
      <c r="AG3829" s="86"/>
      <c r="AH3829" s="85"/>
      <c r="AI3829" s="85"/>
      <c r="AJ3829" s="85"/>
      <c r="AK3829" s="85"/>
      <c r="AL3829" s="85"/>
      <c r="AM3829" s="92"/>
      <c r="AN3829" s="92"/>
      <c r="AO3829" s="92"/>
      <c r="AP3829" s="92"/>
      <c r="AQ3829" s="92"/>
      <c r="AR3829" s="92"/>
      <c r="AS3829" s="92"/>
      <c r="AT3829" s="92"/>
      <c r="AU3829" s="92"/>
      <c r="AV3829" s="92"/>
      <c r="AW3829" s="92"/>
      <c r="AX3829" s="92"/>
      <c r="AY3829" s="92"/>
      <c r="AZ3829" s="93"/>
      <c r="BA3829" s="93"/>
      <c r="BB3829" s="93"/>
      <c r="BC3829" s="93"/>
      <c r="BD3829" s="93"/>
      <c r="BE3829" s="93"/>
      <c r="BF3829" s="93"/>
      <c r="BG3829" s="93"/>
      <c r="BH3829" s="93"/>
      <c r="BI3829" s="93"/>
      <c r="BJ3829" s="93"/>
      <c r="BK3829" s="93"/>
      <c r="BL3829" s="93"/>
    </row>
    <row r="3830" spans="2:64" x14ac:dyDescent="0.2">
      <c r="B3830" s="43"/>
      <c r="C3830" s="73"/>
      <c r="D3830" s="64"/>
      <c r="E3830" s="55"/>
      <c r="F3830" s="74"/>
      <c r="G3830" s="74"/>
      <c r="H3830" s="74"/>
      <c r="I3830" s="75"/>
      <c r="J3830" s="74"/>
      <c r="L3830" s="55"/>
      <c r="M3830" s="234"/>
      <c r="N3830" s="65"/>
      <c r="O3830" s="76"/>
      <c r="P3830" s="76"/>
      <c r="Q3830" s="65"/>
      <c r="R3830" s="76"/>
      <c r="S3830" s="76"/>
      <c r="T3830" s="76"/>
      <c r="U3830" s="76"/>
      <c r="V3830" s="76"/>
      <c r="W3830" s="76"/>
      <c r="X3830" s="76"/>
      <c r="Y3830" s="76"/>
      <c r="Z3830" s="76"/>
      <c r="AA3830" s="85"/>
      <c r="AB3830" s="85"/>
      <c r="AC3830" s="85"/>
      <c r="AD3830" s="85"/>
      <c r="AE3830" s="85"/>
      <c r="AF3830" s="85"/>
      <c r="AG3830" s="86"/>
      <c r="AH3830" s="85"/>
      <c r="AI3830" s="85"/>
      <c r="AJ3830" s="85"/>
      <c r="AK3830" s="85"/>
      <c r="AL3830" s="85"/>
      <c r="AM3830" s="92"/>
      <c r="AN3830" s="92"/>
      <c r="AO3830" s="92"/>
      <c r="AP3830" s="92"/>
      <c r="AQ3830" s="92"/>
      <c r="AR3830" s="92"/>
      <c r="AS3830" s="92"/>
      <c r="AT3830" s="92"/>
      <c r="AU3830" s="92"/>
      <c r="AV3830" s="92"/>
      <c r="AW3830" s="92"/>
      <c r="AX3830" s="92"/>
      <c r="AY3830" s="92"/>
      <c r="AZ3830" s="93"/>
      <c r="BA3830" s="93"/>
      <c r="BB3830" s="93"/>
      <c r="BC3830" s="93"/>
      <c r="BD3830" s="93"/>
      <c r="BE3830" s="93"/>
      <c r="BF3830" s="93"/>
      <c r="BG3830" s="93"/>
      <c r="BH3830" s="93"/>
      <c r="BI3830" s="93"/>
      <c r="BJ3830" s="93"/>
      <c r="BK3830" s="93"/>
      <c r="BL3830" s="93"/>
    </row>
    <row r="3831" spans="2:64" x14ac:dyDescent="0.2">
      <c r="B3831" s="43"/>
      <c r="C3831" s="73"/>
      <c r="D3831" s="64"/>
      <c r="E3831" s="55"/>
      <c r="F3831" s="74"/>
      <c r="G3831" s="74"/>
      <c r="H3831" s="74"/>
      <c r="I3831" s="75"/>
      <c r="J3831" s="74"/>
      <c r="L3831" s="55"/>
      <c r="M3831" s="234"/>
      <c r="N3831" s="65"/>
      <c r="O3831" s="76"/>
      <c r="P3831" s="76"/>
      <c r="Q3831" s="65"/>
      <c r="R3831" s="76"/>
      <c r="S3831" s="76"/>
      <c r="T3831" s="76"/>
      <c r="U3831" s="76"/>
      <c r="V3831" s="76"/>
      <c r="W3831" s="76"/>
      <c r="X3831" s="76"/>
      <c r="Y3831" s="76"/>
      <c r="Z3831" s="76"/>
      <c r="AA3831" s="85"/>
      <c r="AB3831" s="85"/>
      <c r="AC3831" s="85"/>
      <c r="AD3831" s="85"/>
      <c r="AE3831" s="85"/>
      <c r="AF3831" s="85"/>
      <c r="AG3831" s="86"/>
      <c r="AH3831" s="85"/>
      <c r="AI3831" s="85"/>
      <c r="AJ3831" s="85"/>
      <c r="AK3831" s="85"/>
      <c r="AL3831" s="85"/>
      <c r="AM3831" s="92"/>
      <c r="AN3831" s="92"/>
      <c r="AO3831" s="92"/>
      <c r="AP3831" s="92"/>
      <c r="AQ3831" s="92"/>
      <c r="AR3831" s="92"/>
      <c r="AS3831" s="92"/>
      <c r="AT3831" s="92"/>
      <c r="AU3831" s="92"/>
      <c r="AV3831" s="92"/>
      <c r="AW3831" s="92"/>
      <c r="AX3831" s="92"/>
      <c r="AY3831" s="92"/>
      <c r="AZ3831" s="93"/>
      <c r="BA3831" s="93"/>
      <c r="BB3831" s="93"/>
      <c r="BC3831" s="93"/>
      <c r="BD3831" s="93"/>
      <c r="BE3831" s="93"/>
      <c r="BF3831" s="93"/>
      <c r="BG3831" s="93"/>
      <c r="BH3831" s="93"/>
      <c r="BI3831" s="93"/>
      <c r="BJ3831" s="93"/>
      <c r="BK3831" s="93"/>
      <c r="BL3831" s="93"/>
    </row>
    <row r="3832" spans="2:64" x14ac:dyDescent="0.2">
      <c r="B3832" s="43"/>
      <c r="C3832" s="73"/>
      <c r="D3832" s="64"/>
      <c r="E3832" s="55"/>
      <c r="F3832" s="74"/>
      <c r="G3832" s="74"/>
      <c r="H3832" s="74"/>
      <c r="I3832" s="75"/>
      <c r="J3832" s="74"/>
      <c r="L3832" s="55"/>
      <c r="M3832" s="234"/>
      <c r="N3832" s="65"/>
      <c r="O3832" s="76"/>
      <c r="P3832" s="76"/>
      <c r="Q3832" s="65"/>
      <c r="R3832" s="76"/>
      <c r="S3832" s="76"/>
      <c r="T3832" s="76"/>
      <c r="U3832" s="76"/>
      <c r="V3832" s="76"/>
      <c r="W3832" s="76"/>
      <c r="X3832" s="76"/>
      <c r="Y3832" s="76"/>
      <c r="Z3832" s="76"/>
      <c r="AA3832" s="85"/>
      <c r="AB3832" s="85"/>
      <c r="AC3832" s="85"/>
      <c r="AD3832" s="85"/>
      <c r="AE3832" s="85"/>
      <c r="AF3832" s="85"/>
      <c r="AG3832" s="86"/>
      <c r="AH3832" s="85"/>
      <c r="AI3832" s="85"/>
      <c r="AJ3832" s="85"/>
      <c r="AK3832" s="85"/>
      <c r="AL3832" s="85"/>
      <c r="AM3832" s="92"/>
      <c r="AN3832" s="92"/>
      <c r="AO3832" s="92"/>
      <c r="AP3832" s="92"/>
      <c r="AQ3832" s="92"/>
      <c r="AR3832" s="92"/>
      <c r="AS3832" s="92"/>
      <c r="AT3832" s="92"/>
      <c r="AU3832" s="92"/>
      <c r="AV3832" s="92"/>
      <c r="AW3832" s="92"/>
      <c r="AX3832" s="92"/>
      <c r="AY3832" s="92"/>
      <c r="AZ3832" s="93"/>
      <c r="BA3832" s="93"/>
      <c r="BB3832" s="93"/>
      <c r="BC3832" s="93"/>
      <c r="BD3832" s="93"/>
      <c r="BE3832" s="93"/>
      <c r="BF3832" s="93"/>
      <c r="BG3832" s="93"/>
      <c r="BH3832" s="93"/>
      <c r="BI3832" s="93"/>
      <c r="BJ3832" s="93"/>
      <c r="BK3832" s="93"/>
      <c r="BL3832" s="93"/>
    </row>
    <row r="3833" spans="2:64" x14ac:dyDescent="0.2">
      <c r="B3833" s="43"/>
      <c r="C3833" s="73"/>
      <c r="D3833" s="64"/>
      <c r="E3833" s="55"/>
      <c r="F3833" s="74"/>
      <c r="G3833" s="74"/>
      <c r="H3833" s="74"/>
      <c r="I3833" s="75"/>
      <c r="J3833" s="74"/>
      <c r="L3833" s="55"/>
      <c r="M3833" s="234"/>
      <c r="N3833" s="65"/>
      <c r="O3833" s="76"/>
      <c r="P3833" s="76"/>
      <c r="Q3833" s="65"/>
      <c r="R3833" s="76"/>
      <c r="S3833" s="76"/>
      <c r="T3833" s="76"/>
      <c r="U3833" s="76"/>
      <c r="V3833" s="76"/>
      <c r="W3833" s="76"/>
      <c r="X3833" s="76"/>
      <c r="Y3833" s="76"/>
      <c r="Z3833" s="76"/>
      <c r="AA3833" s="85"/>
      <c r="AB3833" s="85"/>
      <c r="AC3833" s="85"/>
      <c r="AD3833" s="85"/>
      <c r="AE3833" s="85"/>
      <c r="AF3833" s="85"/>
      <c r="AG3833" s="86"/>
      <c r="AH3833" s="85"/>
      <c r="AI3833" s="85"/>
      <c r="AJ3833" s="85"/>
      <c r="AK3833" s="85"/>
      <c r="AL3833" s="85"/>
      <c r="AM3833" s="92"/>
      <c r="AN3833" s="92"/>
      <c r="AO3833" s="92"/>
      <c r="AP3833" s="92"/>
      <c r="AQ3833" s="92"/>
      <c r="AR3833" s="92"/>
      <c r="AS3833" s="92"/>
      <c r="AT3833" s="92"/>
      <c r="AU3833" s="92"/>
      <c r="AV3833" s="92"/>
      <c r="AW3833" s="92"/>
      <c r="AX3833" s="92"/>
      <c r="AY3833" s="92"/>
      <c r="AZ3833" s="93"/>
      <c r="BA3833" s="93"/>
      <c r="BB3833" s="93"/>
      <c r="BC3833" s="93"/>
      <c r="BD3833" s="93"/>
      <c r="BE3833" s="93"/>
      <c r="BF3833" s="93"/>
      <c r="BG3833" s="93"/>
      <c r="BH3833" s="93"/>
      <c r="BI3833" s="93"/>
      <c r="BJ3833" s="93"/>
      <c r="BK3833" s="93"/>
      <c r="BL3833" s="93"/>
    </row>
    <row r="3834" spans="2:64" x14ac:dyDescent="0.2">
      <c r="B3834" s="43"/>
      <c r="C3834" s="73"/>
      <c r="D3834" s="64"/>
      <c r="E3834" s="55"/>
      <c r="F3834" s="74"/>
      <c r="G3834" s="74"/>
      <c r="H3834" s="74"/>
      <c r="I3834" s="75"/>
      <c r="J3834" s="74"/>
      <c r="L3834" s="55"/>
      <c r="M3834" s="234"/>
      <c r="N3834" s="65"/>
      <c r="O3834" s="76"/>
      <c r="P3834" s="76"/>
      <c r="Q3834" s="65"/>
      <c r="R3834" s="76"/>
      <c r="S3834" s="76"/>
      <c r="T3834" s="76"/>
      <c r="U3834" s="76"/>
      <c r="V3834" s="76"/>
      <c r="W3834" s="76"/>
      <c r="X3834" s="76"/>
      <c r="Y3834" s="76"/>
      <c r="Z3834" s="76"/>
      <c r="AA3834" s="85"/>
      <c r="AB3834" s="85"/>
      <c r="AC3834" s="85"/>
      <c r="AD3834" s="85"/>
      <c r="AE3834" s="85"/>
      <c r="AF3834" s="85"/>
      <c r="AG3834" s="86"/>
      <c r="AH3834" s="85"/>
      <c r="AI3834" s="85"/>
      <c r="AJ3834" s="85"/>
      <c r="AK3834" s="85"/>
      <c r="AL3834" s="85"/>
      <c r="AM3834" s="92"/>
      <c r="AN3834" s="92"/>
      <c r="AO3834" s="92"/>
      <c r="AP3834" s="92"/>
      <c r="AQ3834" s="92"/>
      <c r="AR3834" s="92"/>
      <c r="AS3834" s="92"/>
      <c r="AT3834" s="92"/>
      <c r="AU3834" s="92"/>
      <c r="AV3834" s="92"/>
      <c r="AW3834" s="92"/>
      <c r="AX3834" s="92"/>
      <c r="AY3834" s="92"/>
      <c r="AZ3834" s="93"/>
      <c r="BA3834" s="93"/>
      <c r="BB3834" s="93"/>
      <c r="BC3834" s="93"/>
      <c r="BD3834" s="93"/>
      <c r="BE3834" s="93"/>
      <c r="BF3834" s="93"/>
      <c r="BG3834" s="93"/>
      <c r="BH3834" s="93"/>
      <c r="BI3834" s="93"/>
      <c r="BJ3834" s="93"/>
      <c r="BK3834" s="93"/>
      <c r="BL3834" s="93"/>
    </row>
    <row r="3835" spans="2:64" x14ac:dyDescent="0.2">
      <c r="B3835" s="43"/>
      <c r="C3835" s="73"/>
      <c r="D3835" s="64"/>
      <c r="E3835" s="55"/>
      <c r="F3835" s="74"/>
      <c r="G3835" s="74"/>
      <c r="H3835" s="74"/>
      <c r="I3835" s="75"/>
      <c r="J3835" s="74"/>
      <c r="L3835" s="55"/>
      <c r="M3835" s="234"/>
      <c r="N3835" s="65"/>
      <c r="O3835" s="76"/>
      <c r="P3835" s="76"/>
      <c r="Q3835" s="65"/>
      <c r="R3835" s="76"/>
      <c r="S3835" s="76"/>
      <c r="T3835" s="76"/>
      <c r="U3835" s="76"/>
      <c r="V3835" s="76"/>
      <c r="W3835" s="76"/>
      <c r="X3835" s="76"/>
      <c r="Y3835" s="76"/>
      <c r="Z3835" s="76"/>
      <c r="AA3835" s="85"/>
      <c r="AB3835" s="85"/>
      <c r="AC3835" s="85"/>
      <c r="AD3835" s="85"/>
      <c r="AE3835" s="85"/>
      <c r="AF3835" s="85"/>
      <c r="AG3835" s="86"/>
      <c r="AH3835" s="85"/>
      <c r="AI3835" s="85"/>
      <c r="AJ3835" s="85"/>
      <c r="AK3835" s="85"/>
      <c r="AL3835" s="85"/>
      <c r="AM3835" s="92"/>
      <c r="AN3835" s="92"/>
      <c r="AO3835" s="92"/>
      <c r="AP3835" s="92"/>
      <c r="AQ3835" s="92"/>
      <c r="AR3835" s="92"/>
      <c r="AS3835" s="92"/>
      <c r="AT3835" s="92"/>
      <c r="AU3835" s="92"/>
      <c r="AV3835" s="92"/>
      <c r="AW3835" s="92"/>
      <c r="AX3835" s="92"/>
      <c r="AY3835" s="92"/>
      <c r="AZ3835" s="93"/>
      <c r="BA3835" s="93"/>
      <c r="BB3835" s="93"/>
      <c r="BC3835" s="93"/>
      <c r="BD3835" s="93"/>
      <c r="BE3835" s="93"/>
      <c r="BF3835" s="93"/>
      <c r="BG3835" s="93"/>
      <c r="BH3835" s="93"/>
      <c r="BI3835" s="93"/>
      <c r="BJ3835" s="93"/>
      <c r="BK3835" s="93"/>
      <c r="BL3835" s="93"/>
    </row>
    <row r="3836" spans="2:64" x14ac:dyDescent="0.2">
      <c r="B3836" s="43"/>
      <c r="C3836" s="73"/>
      <c r="D3836" s="64"/>
      <c r="E3836" s="55"/>
      <c r="F3836" s="74"/>
      <c r="G3836" s="74"/>
      <c r="H3836" s="74"/>
      <c r="I3836" s="75"/>
      <c r="J3836" s="74"/>
      <c r="L3836" s="55"/>
      <c r="M3836" s="234"/>
      <c r="N3836" s="65"/>
      <c r="O3836" s="76"/>
      <c r="P3836" s="76"/>
      <c r="Q3836" s="65"/>
      <c r="R3836" s="76"/>
      <c r="S3836" s="76"/>
      <c r="T3836" s="76"/>
      <c r="U3836" s="76"/>
      <c r="V3836" s="76"/>
      <c r="W3836" s="76"/>
      <c r="X3836" s="76"/>
      <c r="Y3836" s="76"/>
      <c r="Z3836" s="76"/>
      <c r="AA3836" s="85"/>
      <c r="AB3836" s="85"/>
      <c r="AC3836" s="85"/>
      <c r="AD3836" s="85"/>
      <c r="AE3836" s="85"/>
      <c r="AF3836" s="85"/>
      <c r="AG3836" s="86"/>
      <c r="AH3836" s="85"/>
      <c r="AI3836" s="85"/>
      <c r="AJ3836" s="85"/>
      <c r="AK3836" s="85"/>
      <c r="AL3836" s="85"/>
      <c r="AM3836" s="92"/>
      <c r="AN3836" s="92"/>
      <c r="AO3836" s="92"/>
      <c r="AP3836" s="92"/>
      <c r="AQ3836" s="92"/>
      <c r="AR3836" s="92"/>
      <c r="AS3836" s="92"/>
      <c r="AT3836" s="92"/>
      <c r="AU3836" s="92"/>
      <c r="AV3836" s="92"/>
      <c r="AW3836" s="92"/>
      <c r="AX3836" s="92"/>
      <c r="AY3836" s="92"/>
      <c r="AZ3836" s="93"/>
      <c r="BA3836" s="93"/>
      <c r="BB3836" s="93"/>
      <c r="BC3836" s="93"/>
      <c r="BD3836" s="93"/>
      <c r="BE3836" s="93"/>
      <c r="BF3836" s="93"/>
      <c r="BG3836" s="93"/>
      <c r="BH3836" s="93"/>
      <c r="BI3836" s="93"/>
      <c r="BJ3836" s="93"/>
      <c r="BK3836" s="93"/>
      <c r="BL3836" s="93"/>
    </row>
    <row r="3837" spans="2:64" x14ac:dyDescent="0.2">
      <c r="B3837" s="43"/>
      <c r="C3837" s="73"/>
      <c r="D3837" s="64"/>
      <c r="E3837" s="55"/>
      <c r="F3837" s="74"/>
      <c r="G3837" s="74"/>
      <c r="H3837" s="74"/>
      <c r="I3837" s="75"/>
      <c r="J3837" s="74"/>
      <c r="L3837" s="55"/>
      <c r="M3837" s="234"/>
      <c r="N3837" s="65"/>
      <c r="O3837" s="76"/>
      <c r="P3837" s="76"/>
      <c r="Q3837" s="65"/>
      <c r="R3837" s="76"/>
      <c r="S3837" s="76"/>
      <c r="T3837" s="76"/>
      <c r="U3837" s="76"/>
      <c r="V3837" s="76"/>
      <c r="W3837" s="76"/>
      <c r="X3837" s="76"/>
      <c r="Y3837" s="76"/>
      <c r="Z3837" s="76"/>
      <c r="AA3837" s="85"/>
      <c r="AB3837" s="85"/>
      <c r="AC3837" s="85"/>
      <c r="AD3837" s="85"/>
      <c r="AE3837" s="85"/>
      <c r="AF3837" s="85"/>
      <c r="AG3837" s="86"/>
      <c r="AH3837" s="85"/>
      <c r="AI3837" s="85"/>
      <c r="AJ3837" s="85"/>
      <c r="AK3837" s="85"/>
      <c r="AL3837" s="85"/>
      <c r="AM3837" s="92"/>
      <c r="AN3837" s="92"/>
      <c r="AO3837" s="92"/>
      <c r="AP3837" s="92"/>
      <c r="AQ3837" s="92"/>
      <c r="AR3837" s="92"/>
      <c r="AS3837" s="92"/>
      <c r="AT3837" s="92"/>
      <c r="AU3837" s="92"/>
      <c r="AV3837" s="92"/>
      <c r="AW3837" s="92"/>
      <c r="AX3837" s="92"/>
      <c r="AY3837" s="92"/>
      <c r="AZ3837" s="93"/>
      <c r="BA3837" s="93"/>
      <c r="BB3837" s="93"/>
      <c r="BC3837" s="93"/>
      <c r="BD3837" s="93"/>
      <c r="BE3837" s="93"/>
      <c r="BF3837" s="93"/>
      <c r="BG3837" s="93"/>
      <c r="BH3837" s="93"/>
      <c r="BI3837" s="93"/>
      <c r="BJ3837" s="93"/>
      <c r="BK3837" s="93"/>
      <c r="BL3837" s="93"/>
    </row>
    <row r="3838" spans="2:64" x14ac:dyDescent="0.2">
      <c r="B3838" s="43"/>
      <c r="C3838" s="73"/>
      <c r="D3838" s="64"/>
      <c r="E3838" s="55"/>
      <c r="F3838" s="74"/>
      <c r="G3838" s="74"/>
      <c r="H3838" s="74"/>
      <c r="I3838" s="75"/>
      <c r="J3838" s="74"/>
      <c r="L3838" s="55"/>
      <c r="M3838" s="234"/>
      <c r="N3838" s="65"/>
      <c r="O3838" s="76"/>
      <c r="P3838" s="76"/>
      <c r="Q3838" s="65"/>
      <c r="R3838" s="76"/>
      <c r="S3838" s="76"/>
      <c r="T3838" s="76"/>
      <c r="U3838" s="76"/>
      <c r="V3838" s="76"/>
      <c r="W3838" s="76"/>
      <c r="X3838" s="76"/>
      <c r="Y3838" s="76"/>
      <c r="Z3838" s="76"/>
      <c r="AA3838" s="85"/>
      <c r="AB3838" s="85"/>
      <c r="AC3838" s="85"/>
      <c r="AD3838" s="85"/>
      <c r="AE3838" s="85"/>
      <c r="AF3838" s="85"/>
      <c r="AG3838" s="86"/>
      <c r="AH3838" s="85"/>
      <c r="AI3838" s="85"/>
      <c r="AJ3838" s="85"/>
      <c r="AK3838" s="85"/>
      <c r="AL3838" s="85"/>
      <c r="AM3838" s="92"/>
      <c r="AN3838" s="92"/>
      <c r="AO3838" s="92"/>
      <c r="AP3838" s="92"/>
      <c r="AQ3838" s="92"/>
      <c r="AR3838" s="92"/>
      <c r="AS3838" s="92"/>
      <c r="AT3838" s="92"/>
      <c r="AU3838" s="92"/>
      <c r="AV3838" s="92"/>
      <c r="AW3838" s="92"/>
      <c r="AX3838" s="92"/>
      <c r="AY3838" s="92"/>
      <c r="AZ3838" s="93"/>
      <c r="BA3838" s="93"/>
      <c r="BB3838" s="93"/>
      <c r="BC3838" s="93"/>
      <c r="BD3838" s="93"/>
      <c r="BE3838" s="93"/>
      <c r="BF3838" s="93"/>
      <c r="BG3838" s="93"/>
      <c r="BH3838" s="93"/>
      <c r="BI3838" s="93"/>
      <c r="BJ3838" s="93"/>
      <c r="BK3838" s="93"/>
      <c r="BL3838" s="93"/>
    </row>
    <row r="3839" spans="2:64" x14ac:dyDescent="0.2">
      <c r="B3839" s="43"/>
      <c r="C3839" s="73"/>
      <c r="D3839" s="64"/>
      <c r="E3839" s="55"/>
      <c r="F3839" s="74"/>
      <c r="G3839" s="74"/>
      <c r="H3839" s="74"/>
      <c r="I3839" s="75"/>
      <c r="J3839" s="74"/>
      <c r="L3839" s="55"/>
      <c r="M3839" s="234"/>
      <c r="N3839" s="65"/>
      <c r="O3839" s="76"/>
      <c r="P3839" s="76"/>
      <c r="Q3839" s="65"/>
      <c r="R3839" s="76"/>
      <c r="S3839" s="76"/>
      <c r="T3839" s="76"/>
      <c r="U3839" s="76"/>
      <c r="V3839" s="76"/>
      <c r="W3839" s="76"/>
      <c r="X3839" s="76"/>
      <c r="Y3839" s="76"/>
      <c r="Z3839" s="76"/>
      <c r="AA3839" s="85"/>
      <c r="AB3839" s="85"/>
      <c r="AC3839" s="85"/>
      <c r="AD3839" s="85"/>
      <c r="AE3839" s="85"/>
      <c r="AF3839" s="85"/>
      <c r="AG3839" s="86"/>
      <c r="AH3839" s="85"/>
      <c r="AI3839" s="85"/>
      <c r="AJ3839" s="85"/>
      <c r="AK3839" s="85"/>
      <c r="AL3839" s="85"/>
      <c r="AM3839" s="92"/>
      <c r="AN3839" s="92"/>
      <c r="AO3839" s="92"/>
      <c r="AP3839" s="92"/>
      <c r="AQ3839" s="92"/>
      <c r="AR3839" s="92"/>
      <c r="AS3839" s="92"/>
      <c r="AT3839" s="92"/>
      <c r="AU3839" s="92"/>
      <c r="AV3839" s="92"/>
      <c r="AW3839" s="92"/>
      <c r="AX3839" s="92"/>
      <c r="AY3839" s="92"/>
      <c r="AZ3839" s="93"/>
      <c r="BA3839" s="93"/>
      <c r="BB3839" s="93"/>
      <c r="BC3839" s="93"/>
      <c r="BD3839" s="93"/>
      <c r="BE3839" s="93"/>
      <c r="BF3839" s="93"/>
      <c r="BG3839" s="93"/>
      <c r="BH3839" s="93"/>
      <c r="BI3839" s="93"/>
      <c r="BJ3839" s="93"/>
      <c r="BK3839" s="93"/>
      <c r="BL3839" s="93"/>
    </row>
    <row r="3840" spans="2:64" x14ac:dyDescent="0.2">
      <c r="B3840" s="43"/>
      <c r="C3840" s="73"/>
      <c r="D3840" s="64"/>
      <c r="E3840" s="55"/>
      <c r="F3840" s="74"/>
      <c r="G3840" s="74"/>
      <c r="H3840" s="74"/>
      <c r="I3840" s="75"/>
      <c r="J3840" s="74"/>
      <c r="L3840" s="55"/>
      <c r="M3840" s="234"/>
      <c r="N3840" s="65"/>
      <c r="O3840" s="76"/>
      <c r="P3840" s="76"/>
      <c r="Q3840" s="65"/>
      <c r="R3840" s="76"/>
      <c r="S3840" s="76"/>
      <c r="T3840" s="76"/>
      <c r="U3840" s="76"/>
      <c r="V3840" s="76"/>
      <c r="W3840" s="76"/>
      <c r="X3840" s="76"/>
      <c r="Y3840" s="76"/>
      <c r="Z3840" s="76"/>
      <c r="AA3840" s="85"/>
      <c r="AB3840" s="85"/>
      <c r="AC3840" s="85"/>
      <c r="AD3840" s="85"/>
      <c r="AE3840" s="85"/>
      <c r="AF3840" s="85"/>
      <c r="AG3840" s="86"/>
      <c r="AH3840" s="85"/>
      <c r="AI3840" s="85"/>
      <c r="AJ3840" s="85"/>
      <c r="AK3840" s="85"/>
      <c r="AL3840" s="85"/>
      <c r="AM3840" s="92"/>
      <c r="AN3840" s="92"/>
      <c r="AO3840" s="92"/>
      <c r="AP3840" s="92"/>
      <c r="AQ3840" s="92"/>
      <c r="AR3840" s="92"/>
      <c r="AS3840" s="92"/>
      <c r="AT3840" s="92"/>
      <c r="AU3840" s="92"/>
      <c r="AV3840" s="92"/>
      <c r="AW3840" s="92"/>
      <c r="AX3840" s="92"/>
      <c r="AY3840" s="92"/>
      <c r="AZ3840" s="93"/>
      <c r="BA3840" s="93"/>
      <c r="BB3840" s="93"/>
      <c r="BC3840" s="93"/>
      <c r="BD3840" s="93"/>
      <c r="BE3840" s="93"/>
      <c r="BF3840" s="93"/>
      <c r="BG3840" s="93"/>
      <c r="BH3840" s="93"/>
      <c r="BI3840" s="93"/>
      <c r="BJ3840" s="93"/>
      <c r="BK3840" s="93"/>
      <c r="BL3840" s="93"/>
    </row>
    <row r="3841" spans="2:64" x14ac:dyDescent="0.2">
      <c r="B3841" s="43"/>
      <c r="C3841" s="73"/>
      <c r="D3841" s="64"/>
      <c r="E3841" s="55"/>
      <c r="F3841" s="74"/>
      <c r="G3841" s="74"/>
      <c r="H3841" s="74"/>
      <c r="I3841" s="75"/>
      <c r="J3841" s="74"/>
      <c r="L3841" s="55"/>
      <c r="M3841" s="234"/>
      <c r="N3841" s="65"/>
      <c r="O3841" s="76"/>
      <c r="P3841" s="76"/>
      <c r="Q3841" s="65"/>
      <c r="R3841" s="76"/>
      <c r="S3841" s="76"/>
      <c r="T3841" s="76"/>
      <c r="U3841" s="76"/>
      <c r="V3841" s="76"/>
      <c r="W3841" s="76"/>
      <c r="X3841" s="76"/>
      <c r="Y3841" s="76"/>
      <c r="Z3841" s="76"/>
      <c r="AA3841" s="85"/>
      <c r="AB3841" s="85"/>
      <c r="AC3841" s="85"/>
      <c r="AD3841" s="85"/>
      <c r="AE3841" s="85"/>
      <c r="AF3841" s="85"/>
      <c r="AG3841" s="86"/>
      <c r="AH3841" s="85"/>
      <c r="AI3841" s="85"/>
      <c r="AJ3841" s="85"/>
      <c r="AK3841" s="85"/>
      <c r="AL3841" s="85"/>
      <c r="AM3841" s="92"/>
      <c r="AN3841" s="92"/>
      <c r="AO3841" s="92"/>
      <c r="AP3841" s="92"/>
      <c r="AQ3841" s="92"/>
      <c r="AR3841" s="92"/>
      <c r="AS3841" s="92"/>
      <c r="AT3841" s="92"/>
      <c r="AU3841" s="92"/>
      <c r="AV3841" s="92"/>
      <c r="AW3841" s="92"/>
      <c r="AX3841" s="92"/>
      <c r="AY3841" s="92"/>
      <c r="AZ3841" s="93"/>
      <c r="BA3841" s="93"/>
      <c r="BB3841" s="93"/>
      <c r="BC3841" s="93"/>
      <c r="BD3841" s="93"/>
      <c r="BE3841" s="93"/>
      <c r="BF3841" s="93"/>
      <c r="BG3841" s="93"/>
      <c r="BH3841" s="93"/>
      <c r="BI3841" s="93"/>
      <c r="BJ3841" s="93"/>
      <c r="BK3841" s="93"/>
      <c r="BL3841" s="93"/>
    </row>
    <row r="3842" spans="2:64" x14ac:dyDescent="0.2">
      <c r="B3842" s="43"/>
      <c r="C3842" s="73"/>
      <c r="D3842" s="64"/>
      <c r="E3842" s="55"/>
      <c r="F3842" s="74"/>
      <c r="G3842" s="74"/>
      <c r="H3842" s="74"/>
      <c r="I3842" s="75"/>
      <c r="J3842" s="74"/>
      <c r="L3842" s="55"/>
      <c r="M3842" s="234"/>
      <c r="N3842" s="65"/>
      <c r="O3842" s="76"/>
      <c r="P3842" s="76"/>
      <c r="Q3842" s="65"/>
      <c r="R3842" s="76"/>
      <c r="S3842" s="76"/>
      <c r="T3842" s="76"/>
      <c r="U3842" s="76"/>
      <c r="V3842" s="76"/>
      <c r="W3842" s="76"/>
      <c r="X3842" s="76"/>
      <c r="Y3842" s="76"/>
      <c r="Z3842" s="76"/>
      <c r="AA3842" s="85"/>
      <c r="AB3842" s="85"/>
      <c r="AC3842" s="85"/>
      <c r="AD3842" s="85"/>
      <c r="AE3842" s="85"/>
      <c r="AF3842" s="85"/>
      <c r="AG3842" s="86"/>
      <c r="AH3842" s="85"/>
      <c r="AI3842" s="85"/>
      <c r="AJ3842" s="85"/>
      <c r="AK3842" s="85"/>
      <c r="AL3842" s="85"/>
      <c r="AM3842" s="92"/>
      <c r="AN3842" s="92"/>
      <c r="AO3842" s="92"/>
      <c r="AP3842" s="92"/>
      <c r="AQ3842" s="92"/>
      <c r="AR3842" s="92"/>
      <c r="AS3842" s="92"/>
      <c r="AT3842" s="92"/>
      <c r="AU3842" s="92"/>
      <c r="AV3842" s="92"/>
      <c r="AW3842" s="92"/>
      <c r="AX3842" s="92"/>
      <c r="AY3842" s="92"/>
      <c r="AZ3842" s="93"/>
      <c r="BA3842" s="93"/>
      <c r="BB3842" s="93"/>
      <c r="BC3842" s="93"/>
      <c r="BD3842" s="93"/>
      <c r="BE3842" s="93"/>
      <c r="BF3842" s="93"/>
      <c r="BG3842" s="93"/>
      <c r="BH3842" s="93"/>
      <c r="BI3842" s="93"/>
      <c r="BJ3842" s="93"/>
      <c r="BK3842" s="93"/>
      <c r="BL3842" s="93"/>
    </row>
    <row r="3843" spans="2:64" x14ac:dyDescent="0.2">
      <c r="B3843" s="43"/>
      <c r="C3843" s="73"/>
      <c r="D3843" s="64"/>
      <c r="E3843" s="55"/>
      <c r="F3843" s="74"/>
      <c r="G3843" s="74"/>
      <c r="H3843" s="74"/>
      <c r="I3843" s="75"/>
      <c r="J3843" s="74"/>
      <c r="L3843" s="55"/>
      <c r="M3843" s="234"/>
      <c r="N3843" s="65"/>
      <c r="O3843" s="76"/>
      <c r="P3843" s="76"/>
      <c r="Q3843" s="65"/>
      <c r="R3843" s="76"/>
      <c r="S3843" s="76"/>
      <c r="T3843" s="76"/>
      <c r="U3843" s="76"/>
      <c r="V3843" s="76"/>
      <c r="W3843" s="76"/>
      <c r="X3843" s="76"/>
      <c r="Y3843" s="76"/>
      <c r="Z3843" s="76"/>
      <c r="AA3843" s="85"/>
      <c r="AB3843" s="85"/>
      <c r="AC3843" s="85"/>
      <c r="AD3843" s="85"/>
      <c r="AE3843" s="85"/>
      <c r="AF3843" s="85"/>
      <c r="AG3843" s="86"/>
      <c r="AH3843" s="85"/>
      <c r="AI3843" s="85"/>
      <c r="AJ3843" s="85"/>
      <c r="AK3843" s="85"/>
      <c r="AL3843" s="85"/>
      <c r="AM3843" s="92"/>
      <c r="AN3843" s="92"/>
      <c r="AO3843" s="92"/>
      <c r="AP3843" s="92"/>
      <c r="AQ3843" s="92"/>
      <c r="AR3843" s="92"/>
      <c r="AS3843" s="92"/>
      <c r="AT3843" s="92"/>
      <c r="AU3843" s="92"/>
      <c r="AV3843" s="92"/>
      <c r="AW3843" s="92"/>
      <c r="AX3843" s="92"/>
      <c r="AY3843" s="92"/>
      <c r="AZ3843" s="93"/>
      <c r="BA3843" s="93"/>
      <c r="BB3843" s="93"/>
      <c r="BC3843" s="93"/>
      <c r="BD3843" s="93"/>
      <c r="BE3843" s="93"/>
      <c r="BF3843" s="93"/>
      <c r="BG3843" s="93"/>
      <c r="BH3843" s="93"/>
      <c r="BI3843" s="93"/>
      <c r="BJ3843" s="93"/>
      <c r="BK3843" s="93"/>
      <c r="BL3843" s="93"/>
    </row>
    <row r="3844" spans="2:64" x14ac:dyDescent="0.2">
      <c r="B3844" s="43"/>
      <c r="C3844" s="73"/>
      <c r="D3844" s="64"/>
      <c r="E3844" s="55"/>
      <c r="F3844" s="74"/>
      <c r="G3844" s="74"/>
      <c r="H3844" s="74"/>
      <c r="I3844" s="75"/>
      <c r="J3844" s="74"/>
      <c r="L3844" s="55"/>
      <c r="M3844" s="234"/>
      <c r="N3844" s="65"/>
      <c r="O3844" s="76"/>
      <c r="P3844" s="76"/>
      <c r="Q3844" s="65"/>
      <c r="R3844" s="76"/>
      <c r="S3844" s="76"/>
      <c r="T3844" s="76"/>
      <c r="U3844" s="76"/>
      <c r="V3844" s="76"/>
      <c r="W3844" s="76"/>
      <c r="X3844" s="76"/>
      <c r="Y3844" s="76"/>
      <c r="Z3844" s="76"/>
      <c r="AA3844" s="85"/>
      <c r="AB3844" s="85"/>
      <c r="AC3844" s="85"/>
      <c r="AD3844" s="85"/>
      <c r="AE3844" s="85"/>
      <c r="AF3844" s="85"/>
      <c r="AG3844" s="86"/>
      <c r="AH3844" s="85"/>
      <c r="AI3844" s="85"/>
      <c r="AJ3844" s="85"/>
      <c r="AK3844" s="85"/>
      <c r="AL3844" s="85"/>
      <c r="AM3844" s="92"/>
      <c r="AN3844" s="92"/>
      <c r="AO3844" s="92"/>
      <c r="AP3844" s="92"/>
      <c r="AQ3844" s="92"/>
      <c r="AR3844" s="92"/>
      <c r="AS3844" s="92"/>
      <c r="AT3844" s="92"/>
      <c r="AU3844" s="92"/>
      <c r="AV3844" s="92"/>
      <c r="AW3844" s="92"/>
      <c r="AX3844" s="92"/>
      <c r="AY3844" s="92"/>
      <c r="AZ3844" s="93"/>
      <c r="BA3844" s="93"/>
      <c r="BB3844" s="93"/>
      <c r="BC3844" s="93"/>
      <c r="BD3844" s="93"/>
      <c r="BE3844" s="93"/>
      <c r="BF3844" s="93"/>
      <c r="BG3844" s="93"/>
      <c r="BH3844" s="93"/>
      <c r="BI3844" s="93"/>
      <c r="BJ3844" s="93"/>
      <c r="BK3844" s="93"/>
      <c r="BL3844" s="93"/>
    </row>
    <row r="3845" spans="2:64" x14ac:dyDescent="0.2">
      <c r="B3845" s="43"/>
      <c r="C3845" s="73"/>
      <c r="D3845" s="64"/>
      <c r="E3845" s="55"/>
      <c r="F3845" s="74"/>
      <c r="G3845" s="74"/>
      <c r="H3845" s="74"/>
      <c r="I3845" s="75"/>
      <c r="J3845" s="74"/>
      <c r="L3845" s="55"/>
      <c r="M3845" s="234"/>
      <c r="N3845" s="65"/>
      <c r="O3845" s="76"/>
      <c r="P3845" s="76"/>
      <c r="Q3845" s="65"/>
      <c r="R3845" s="76"/>
      <c r="S3845" s="76"/>
      <c r="T3845" s="76"/>
      <c r="U3845" s="76"/>
      <c r="V3845" s="76"/>
      <c r="W3845" s="76"/>
      <c r="X3845" s="76"/>
      <c r="Y3845" s="76"/>
      <c r="Z3845" s="76"/>
      <c r="AA3845" s="85"/>
      <c r="AB3845" s="85"/>
      <c r="AC3845" s="85"/>
      <c r="AD3845" s="85"/>
      <c r="AE3845" s="85"/>
      <c r="AF3845" s="85"/>
      <c r="AG3845" s="86"/>
      <c r="AH3845" s="85"/>
      <c r="AI3845" s="85"/>
      <c r="AJ3845" s="85"/>
      <c r="AK3845" s="85"/>
      <c r="AL3845" s="85"/>
      <c r="AM3845" s="92"/>
      <c r="AN3845" s="92"/>
      <c r="AO3845" s="92"/>
      <c r="AP3845" s="92"/>
      <c r="AQ3845" s="92"/>
      <c r="AR3845" s="92"/>
      <c r="AS3845" s="92"/>
      <c r="AT3845" s="92"/>
      <c r="AU3845" s="92"/>
      <c r="AV3845" s="92"/>
      <c r="AW3845" s="92"/>
      <c r="AX3845" s="92"/>
      <c r="AY3845" s="92"/>
      <c r="AZ3845" s="93"/>
      <c r="BA3845" s="93"/>
      <c r="BB3845" s="93"/>
      <c r="BC3845" s="93"/>
      <c r="BD3845" s="93"/>
      <c r="BE3845" s="93"/>
      <c r="BF3845" s="93"/>
      <c r="BG3845" s="93"/>
      <c r="BH3845" s="93"/>
      <c r="BI3845" s="93"/>
      <c r="BJ3845" s="93"/>
      <c r="BK3845" s="93"/>
      <c r="BL3845" s="93"/>
    </row>
    <row r="3846" spans="2:64" x14ac:dyDescent="0.2">
      <c r="B3846" s="43"/>
      <c r="C3846" s="73"/>
      <c r="D3846" s="64"/>
      <c r="E3846" s="55"/>
      <c r="F3846" s="74"/>
      <c r="G3846" s="74"/>
      <c r="H3846" s="74"/>
      <c r="I3846" s="75"/>
      <c r="J3846" s="74"/>
      <c r="L3846" s="55"/>
      <c r="M3846" s="234"/>
      <c r="N3846" s="65"/>
      <c r="O3846" s="76"/>
      <c r="P3846" s="76"/>
      <c r="Q3846" s="65"/>
      <c r="R3846" s="76"/>
      <c r="S3846" s="76"/>
      <c r="T3846" s="76"/>
      <c r="U3846" s="76"/>
      <c r="V3846" s="76"/>
      <c r="W3846" s="76"/>
      <c r="X3846" s="76"/>
      <c r="Y3846" s="76"/>
      <c r="Z3846" s="76"/>
      <c r="AA3846" s="85"/>
      <c r="AB3846" s="85"/>
      <c r="AC3846" s="85"/>
      <c r="AD3846" s="85"/>
      <c r="AE3846" s="85"/>
      <c r="AF3846" s="85"/>
      <c r="AG3846" s="86"/>
      <c r="AH3846" s="85"/>
      <c r="AI3846" s="85"/>
      <c r="AJ3846" s="85"/>
      <c r="AK3846" s="85"/>
      <c r="AL3846" s="85"/>
      <c r="AM3846" s="92"/>
      <c r="AN3846" s="92"/>
      <c r="AO3846" s="92"/>
      <c r="AP3846" s="92"/>
      <c r="AQ3846" s="92"/>
      <c r="AR3846" s="92"/>
      <c r="AS3846" s="92"/>
      <c r="AT3846" s="92"/>
      <c r="AU3846" s="92"/>
      <c r="AV3846" s="92"/>
      <c r="AW3846" s="92"/>
      <c r="AX3846" s="92"/>
      <c r="AY3846" s="92"/>
      <c r="AZ3846" s="93"/>
      <c r="BA3846" s="93"/>
      <c r="BB3846" s="93"/>
      <c r="BC3846" s="93"/>
      <c r="BD3846" s="93"/>
      <c r="BE3846" s="93"/>
      <c r="BF3846" s="93"/>
      <c r="BG3846" s="93"/>
      <c r="BH3846" s="93"/>
      <c r="BI3846" s="93"/>
      <c r="BJ3846" s="93"/>
      <c r="BK3846" s="93"/>
      <c r="BL3846" s="93"/>
    </row>
    <row r="3847" spans="2:64" x14ac:dyDescent="0.2">
      <c r="B3847" s="43"/>
      <c r="C3847" s="73"/>
      <c r="D3847" s="64"/>
      <c r="E3847" s="55"/>
      <c r="F3847" s="74"/>
      <c r="G3847" s="74"/>
      <c r="H3847" s="74"/>
      <c r="I3847" s="75"/>
      <c r="J3847" s="74"/>
      <c r="L3847" s="55"/>
      <c r="M3847" s="234"/>
      <c r="N3847" s="65"/>
      <c r="O3847" s="76"/>
      <c r="P3847" s="76"/>
      <c r="Q3847" s="65"/>
      <c r="R3847" s="76"/>
      <c r="S3847" s="76"/>
      <c r="T3847" s="76"/>
      <c r="U3847" s="76"/>
      <c r="V3847" s="76"/>
      <c r="W3847" s="76"/>
      <c r="X3847" s="76"/>
      <c r="Y3847" s="76"/>
      <c r="Z3847" s="76"/>
      <c r="AA3847" s="85"/>
      <c r="AB3847" s="85"/>
      <c r="AC3847" s="85"/>
      <c r="AD3847" s="85"/>
      <c r="AE3847" s="85"/>
      <c r="AF3847" s="85"/>
      <c r="AG3847" s="86"/>
      <c r="AH3847" s="85"/>
      <c r="AI3847" s="85"/>
      <c r="AJ3847" s="85"/>
      <c r="AK3847" s="85"/>
      <c r="AL3847" s="85"/>
      <c r="AM3847" s="92"/>
      <c r="AN3847" s="92"/>
      <c r="AO3847" s="92"/>
      <c r="AP3847" s="92"/>
      <c r="AQ3847" s="92"/>
      <c r="AR3847" s="92"/>
      <c r="AS3847" s="92"/>
      <c r="AT3847" s="92"/>
      <c r="AU3847" s="92"/>
      <c r="AV3847" s="92"/>
      <c r="AW3847" s="92"/>
      <c r="AX3847" s="92"/>
      <c r="AY3847" s="92"/>
      <c r="AZ3847" s="93"/>
      <c r="BA3847" s="93"/>
      <c r="BB3847" s="93"/>
      <c r="BC3847" s="93"/>
      <c r="BD3847" s="93"/>
      <c r="BE3847" s="93"/>
      <c r="BF3847" s="93"/>
      <c r="BG3847" s="93"/>
      <c r="BH3847" s="93"/>
      <c r="BI3847" s="93"/>
      <c r="BJ3847" s="93"/>
      <c r="BK3847" s="93"/>
      <c r="BL3847" s="93"/>
    </row>
    <row r="3848" spans="2:64" x14ac:dyDescent="0.2">
      <c r="B3848" s="43"/>
      <c r="C3848" s="73"/>
      <c r="D3848" s="64"/>
      <c r="E3848" s="55"/>
      <c r="F3848" s="74"/>
      <c r="G3848" s="74"/>
      <c r="H3848" s="74"/>
      <c r="I3848" s="75"/>
      <c r="J3848" s="74"/>
      <c r="L3848" s="55"/>
      <c r="M3848" s="234"/>
      <c r="N3848" s="65"/>
      <c r="O3848" s="76"/>
      <c r="P3848" s="76"/>
      <c r="Q3848" s="65"/>
      <c r="R3848" s="76"/>
      <c r="S3848" s="76"/>
      <c r="T3848" s="76"/>
      <c r="U3848" s="76"/>
      <c r="V3848" s="76"/>
      <c r="W3848" s="76"/>
      <c r="X3848" s="76"/>
      <c r="Y3848" s="76"/>
      <c r="Z3848" s="76"/>
      <c r="AA3848" s="85"/>
      <c r="AB3848" s="85"/>
      <c r="AC3848" s="85"/>
      <c r="AD3848" s="85"/>
      <c r="AE3848" s="85"/>
      <c r="AF3848" s="85"/>
      <c r="AG3848" s="86"/>
      <c r="AH3848" s="85"/>
      <c r="AI3848" s="85"/>
      <c r="AJ3848" s="85"/>
      <c r="AK3848" s="85"/>
      <c r="AL3848" s="85"/>
      <c r="AM3848" s="92"/>
      <c r="AN3848" s="92"/>
      <c r="AO3848" s="92"/>
      <c r="AP3848" s="92"/>
      <c r="AQ3848" s="92"/>
      <c r="AR3848" s="92"/>
      <c r="AS3848" s="92"/>
      <c r="AT3848" s="92"/>
      <c r="AU3848" s="92"/>
      <c r="AV3848" s="92"/>
      <c r="AW3848" s="92"/>
      <c r="AX3848" s="92"/>
      <c r="AY3848" s="92"/>
      <c r="AZ3848" s="93"/>
      <c r="BA3848" s="93"/>
      <c r="BB3848" s="93"/>
      <c r="BC3848" s="93"/>
      <c r="BD3848" s="93"/>
      <c r="BE3848" s="93"/>
      <c r="BF3848" s="93"/>
      <c r="BG3848" s="93"/>
      <c r="BH3848" s="93"/>
      <c r="BI3848" s="93"/>
      <c r="BJ3848" s="93"/>
      <c r="BK3848" s="93"/>
      <c r="BL3848" s="93"/>
    </row>
    <row r="3849" spans="2:64" x14ac:dyDescent="0.2">
      <c r="B3849" s="43"/>
      <c r="C3849" s="73"/>
      <c r="D3849" s="64"/>
      <c r="E3849" s="55"/>
      <c r="F3849" s="74"/>
      <c r="G3849" s="74"/>
      <c r="H3849" s="74"/>
      <c r="I3849" s="75"/>
      <c r="J3849" s="74"/>
      <c r="L3849" s="55"/>
      <c r="M3849" s="234"/>
      <c r="N3849" s="65"/>
      <c r="O3849" s="76"/>
      <c r="P3849" s="76"/>
      <c r="Q3849" s="65"/>
      <c r="R3849" s="76"/>
      <c r="S3849" s="76"/>
      <c r="T3849" s="76"/>
      <c r="U3849" s="76"/>
      <c r="V3849" s="76"/>
      <c r="W3849" s="76"/>
      <c r="X3849" s="76"/>
      <c r="Y3849" s="76"/>
      <c r="Z3849" s="76"/>
      <c r="AA3849" s="85"/>
      <c r="AB3849" s="85"/>
      <c r="AC3849" s="85"/>
      <c r="AD3849" s="85"/>
      <c r="AE3849" s="85"/>
      <c r="AF3849" s="85"/>
      <c r="AG3849" s="86"/>
      <c r="AH3849" s="85"/>
      <c r="AI3849" s="85"/>
      <c r="AJ3849" s="85"/>
      <c r="AK3849" s="85"/>
      <c r="AL3849" s="85"/>
      <c r="AM3849" s="92"/>
      <c r="AN3849" s="92"/>
      <c r="AO3849" s="92"/>
      <c r="AP3849" s="92"/>
      <c r="AQ3849" s="92"/>
      <c r="AR3849" s="92"/>
      <c r="AS3849" s="92"/>
      <c r="AT3849" s="92"/>
      <c r="AU3849" s="92"/>
      <c r="AV3849" s="92"/>
      <c r="AW3849" s="92"/>
      <c r="AX3849" s="92"/>
      <c r="AY3849" s="92"/>
      <c r="AZ3849" s="93"/>
      <c r="BA3849" s="93"/>
      <c r="BB3849" s="93"/>
      <c r="BC3849" s="93"/>
      <c r="BD3849" s="93"/>
      <c r="BE3849" s="93"/>
      <c r="BF3849" s="93"/>
      <c r="BG3849" s="93"/>
      <c r="BH3849" s="93"/>
      <c r="BI3849" s="93"/>
      <c r="BJ3849" s="93"/>
      <c r="BK3849" s="93"/>
      <c r="BL3849" s="93"/>
    </row>
    <row r="3850" spans="2:64" x14ac:dyDescent="0.2">
      <c r="B3850" s="43"/>
      <c r="C3850" s="73"/>
      <c r="D3850" s="64"/>
      <c r="E3850" s="55"/>
      <c r="F3850" s="74"/>
      <c r="G3850" s="74"/>
      <c r="H3850" s="74"/>
      <c r="I3850" s="75"/>
      <c r="J3850" s="74"/>
      <c r="L3850" s="55"/>
      <c r="M3850" s="234"/>
      <c r="N3850" s="65"/>
      <c r="O3850" s="76"/>
      <c r="P3850" s="76"/>
      <c r="Q3850" s="65"/>
      <c r="R3850" s="76"/>
      <c r="S3850" s="76"/>
      <c r="T3850" s="76"/>
      <c r="U3850" s="76"/>
      <c r="V3850" s="76"/>
      <c r="W3850" s="76"/>
      <c r="X3850" s="76"/>
      <c r="Y3850" s="76"/>
      <c r="Z3850" s="76"/>
      <c r="AA3850" s="85"/>
      <c r="AB3850" s="85"/>
      <c r="AC3850" s="85"/>
      <c r="AD3850" s="85"/>
      <c r="AE3850" s="85"/>
      <c r="AF3850" s="85"/>
      <c r="AG3850" s="86"/>
      <c r="AH3850" s="85"/>
      <c r="AI3850" s="85"/>
      <c r="AJ3850" s="85"/>
      <c r="AK3850" s="85"/>
      <c r="AL3850" s="85"/>
      <c r="AM3850" s="92"/>
      <c r="AN3850" s="92"/>
      <c r="AO3850" s="92"/>
      <c r="AP3850" s="92"/>
      <c r="AQ3850" s="92"/>
      <c r="AR3850" s="92"/>
      <c r="AS3850" s="92"/>
      <c r="AT3850" s="92"/>
      <c r="AU3850" s="92"/>
      <c r="AV3850" s="92"/>
      <c r="AW3850" s="92"/>
      <c r="AX3850" s="92"/>
      <c r="AY3850" s="92"/>
      <c r="AZ3850" s="93"/>
      <c r="BA3850" s="93"/>
      <c r="BB3850" s="93"/>
      <c r="BC3850" s="93"/>
      <c r="BD3850" s="93"/>
      <c r="BE3850" s="93"/>
      <c r="BF3850" s="93"/>
      <c r="BG3850" s="93"/>
      <c r="BH3850" s="93"/>
      <c r="BI3850" s="93"/>
      <c r="BJ3850" s="93"/>
      <c r="BK3850" s="93"/>
      <c r="BL3850" s="93"/>
    </row>
    <row r="3851" spans="2:64" x14ac:dyDescent="0.2">
      <c r="B3851" s="43"/>
      <c r="C3851" s="73"/>
      <c r="D3851" s="64"/>
      <c r="E3851" s="55"/>
      <c r="F3851" s="74"/>
      <c r="G3851" s="74"/>
      <c r="H3851" s="74"/>
      <c r="I3851" s="75"/>
      <c r="J3851" s="74"/>
      <c r="L3851" s="55"/>
      <c r="M3851" s="234"/>
      <c r="N3851" s="65"/>
      <c r="O3851" s="76"/>
      <c r="P3851" s="76"/>
      <c r="Q3851" s="65"/>
      <c r="R3851" s="76"/>
      <c r="S3851" s="76"/>
      <c r="T3851" s="76"/>
      <c r="U3851" s="76"/>
      <c r="V3851" s="76"/>
      <c r="W3851" s="76"/>
      <c r="X3851" s="76"/>
      <c r="Y3851" s="76"/>
      <c r="Z3851" s="76"/>
      <c r="AA3851" s="85"/>
      <c r="AB3851" s="85"/>
      <c r="AC3851" s="85"/>
      <c r="AD3851" s="85"/>
      <c r="AE3851" s="85"/>
      <c r="AF3851" s="85"/>
      <c r="AG3851" s="86"/>
      <c r="AH3851" s="85"/>
      <c r="AI3851" s="85"/>
      <c r="AJ3851" s="85"/>
      <c r="AK3851" s="85"/>
      <c r="AL3851" s="85"/>
      <c r="AM3851" s="92"/>
      <c r="AN3851" s="92"/>
      <c r="AO3851" s="92"/>
      <c r="AP3851" s="92"/>
      <c r="AQ3851" s="92"/>
      <c r="AR3851" s="92"/>
      <c r="AS3851" s="92"/>
      <c r="AT3851" s="92"/>
      <c r="AU3851" s="92"/>
      <c r="AV3851" s="92"/>
      <c r="AW3851" s="92"/>
      <c r="AX3851" s="92"/>
      <c r="AY3851" s="92"/>
      <c r="AZ3851" s="93"/>
      <c r="BA3851" s="93"/>
      <c r="BB3851" s="93"/>
      <c r="BC3851" s="93"/>
      <c r="BD3851" s="93"/>
      <c r="BE3851" s="93"/>
      <c r="BF3851" s="93"/>
      <c r="BG3851" s="93"/>
      <c r="BH3851" s="93"/>
      <c r="BI3851" s="93"/>
      <c r="BJ3851" s="93"/>
      <c r="BK3851" s="93"/>
      <c r="BL3851" s="93"/>
    </row>
    <row r="3852" spans="2:64" x14ac:dyDescent="0.2">
      <c r="B3852" s="43"/>
      <c r="C3852" s="73"/>
      <c r="D3852" s="64"/>
      <c r="E3852" s="55"/>
      <c r="F3852" s="74"/>
      <c r="G3852" s="74"/>
      <c r="H3852" s="74"/>
      <c r="I3852" s="75"/>
      <c r="J3852" s="74"/>
      <c r="L3852" s="55"/>
      <c r="M3852" s="234"/>
      <c r="N3852" s="65"/>
      <c r="O3852" s="76"/>
      <c r="P3852" s="76"/>
      <c r="Q3852" s="65"/>
      <c r="R3852" s="76"/>
      <c r="S3852" s="76"/>
      <c r="T3852" s="76"/>
      <c r="U3852" s="76"/>
      <c r="V3852" s="76"/>
      <c r="W3852" s="76"/>
      <c r="X3852" s="76"/>
      <c r="Y3852" s="76"/>
      <c r="Z3852" s="76"/>
      <c r="AA3852" s="85"/>
      <c r="AB3852" s="85"/>
      <c r="AC3852" s="85"/>
      <c r="AD3852" s="85"/>
      <c r="AE3852" s="85"/>
      <c r="AF3852" s="85"/>
      <c r="AG3852" s="86"/>
      <c r="AH3852" s="85"/>
      <c r="AI3852" s="85"/>
      <c r="AJ3852" s="85"/>
      <c r="AK3852" s="85"/>
      <c r="AL3852" s="85"/>
      <c r="AM3852" s="92"/>
      <c r="AN3852" s="92"/>
      <c r="AO3852" s="92"/>
      <c r="AP3852" s="92"/>
      <c r="AQ3852" s="92"/>
      <c r="AR3852" s="92"/>
      <c r="AS3852" s="92"/>
      <c r="AT3852" s="92"/>
      <c r="AU3852" s="92"/>
      <c r="AV3852" s="92"/>
      <c r="AW3852" s="92"/>
      <c r="AX3852" s="92"/>
      <c r="AY3852" s="92"/>
      <c r="AZ3852" s="93"/>
      <c r="BA3852" s="93"/>
      <c r="BB3852" s="93"/>
      <c r="BC3852" s="93"/>
      <c r="BD3852" s="93"/>
      <c r="BE3852" s="93"/>
      <c r="BF3852" s="93"/>
      <c r="BG3852" s="93"/>
      <c r="BH3852" s="93"/>
      <c r="BI3852" s="93"/>
      <c r="BJ3852" s="93"/>
      <c r="BK3852" s="93"/>
      <c r="BL3852" s="93"/>
    </row>
    <row r="3853" spans="2:64" x14ac:dyDescent="0.2">
      <c r="B3853" s="43"/>
      <c r="C3853" s="73"/>
      <c r="D3853" s="64"/>
      <c r="E3853" s="55"/>
      <c r="F3853" s="74"/>
      <c r="G3853" s="74"/>
      <c r="H3853" s="74"/>
      <c r="I3853" s="75"/>
      <c r="J3853" s="74"/>
      <c r="L3853" s="55"/>
      <c r="M3853" s="234"/>
      <c r="N3853" s="65"/>
      <c r="O3853" s="76"/>
      <c r="P3853" s="76"/>
      <c r="Q3853" s="65"/>
      <c r="R3853" s="76"/>
      <c r="S3853" s="76"/>
      <c r="T3853" s="76"/>
      <c r="U3853" s="76"/>
      <c r="V3853" s="76"/>
      <c r="W3853" s="76"/>
      <c r="X3853" s="76"/>
      <c r="Y3853" s="76"/>
      <c r="Z3853" s="76"/>
      <c r="AA3853" s="85"/>
      <c r="AB3853" s="85"/>
      <c r="AC3853" s="85"/>
      <c r="AD3853" s="85"/>
      <c r="AE3853" s="85"/>
      <c r="AF3853" s="85"/>
      <c r="AG3853" s="86"/>
      <c r="AH3853" s="85"/>
      <c r="AI3853" s="85"/>
      <c r="AJ3853" s="85"/>
      <c r="AK3853" s="85"/>
      <c r="AL3853" s="85"/>
      <c r="AM3853" s="92"/>
      <c r="AN3853" s="92"/>
      <c r="AO3853" s="92"/>
      <c r="AP3853" s="92"/>
      <c r="AQ3853" s="92"/>
      <c r="AR3853" s="92"/>
      <c r="AS3853" s="92"/>
      <c r="AT3853" s="92"/>
      <c r="AU3853" s="92"/>
      <c r="AV3853" s="92"/>
      <c r="AW3853" s="92"/>
      <c r="AX3853" s="92"/>
      <c r="AY3853" s="92"/>
      <c r="AZ3853" s="93"/>
      <c r="BA3853" s="93"/>
      <c r="BB3853" s="93"/>
      <c r="BC3853" s="93"/>
      <c r="BD3853" s="93"/>
      <c r="BE3853" s="93"/>
      <c r="BF3853" s="93"/>
      <c r="BG3853" s="93"/>
      <c r="BH3853" s="93"/>
      <c r="BI3853" s="93"/>
      <c r="BJ3853" s="93"/>
      <c r="BK3853" s="93"/>
      <c r="BL3853" s="93"/>
    </row>
    <row r="3854" spans="2:64" x14ac:dyDescent="0.2">
      <c r="B3854" s="43"/>
      <c r="C3854" s="73"/>
      <c r="D3854" s="64"/>
      <c r="E3854" s="55"/>
      <c r="F3854" s="74"/>
      <c r="G3854" s="74"/>
      <c r="H3854" s="74"/>
      <c r="I3854" s="75"/>
      <c r="J3854" s="74"/>
      <c r="L3854" s="55"/>
      <c r="M3854" s="234"/>
      <c r="N3854" s="65"/>
      <c r="O3854" s="76"/>
      <c r="P3854" s="76"/>
      <c r="Q3854" s="65"/>
      <c r="R3854" s="76"/>
      <c r="S3854" s="76"/>
      <c r="T3854" s="76"/>
      <c r="U3854" s="76"/>
      <c r="V3854" s="76"/>
      <c r="W3854" s="76"/>
      <c r="X3854" s="76"/>
      <c r="Y3854" s="76"/>
      <c r="Z3854" s="76"/>
      <c r="AA3854" s="85"/>
      <c r="AB3854" s="85"/>
      <c r="AC3854" s="85"/>
      <c r="AD3854" s="85"/>
      <c r="AE3854" s="85"/>
      <c r="AF3854" s="85"/>
      <c r="AG3854" s="86"/>
      <c r="AH3854" s="85"/>
      <c r="AI3854" s="85"/>
      <c r="AJ3854" s="85"/>
      <c r="AK3854" s="85"/>
      <c r="AL3854" s="85"/>
      <c r="AM3854" s="92"/>
      <c r="AN3854" s="92"/>
      <c r="AO3854" s="92"/>
      <c r="AP3854" s="92"/>
      <c r="AQ3854" s="92"/>
      <c r="AR3854" s="92"/>
      <c r="AS3854" s="92"/>
      <c r="AT3854" s="92"/>
      <c r="AU3854" s="92"/>
      <c r="AV3854" s="92"/>
      <c r="AW3854" s="92"/>
      <c r="AX3854" s="92"/>
      <c r="AY3854" s="92"/>
      <c r="AZ3854" s="93"/>
      <c r="BA3854" s="93"/>
      <c r="BB3854" s="93"/>
      <c r="BC3854" s="93"/>
      <c r="BD3854" s="93"/>
      <c r="BE3854" s="93"/>
      <c r="BF3854" s="93"/>
      <c r="BG3854" s="93"/>
      <c r="BH3854" s="93"/>
      <c r="BI3854" s="93"/>
      <c r="BJ3854" s="93"/>
      <c r="BK3854" s="93"/>
      <c r="BL3854" s="93"/>
    </row>
    <row r="3855" spans="2:64" x14ac:dyDescent="0.2">
      <c r="B3855" s="43"/>
      <c r="C3855" s="73"/>
      <c r="D3855" s="64"/>
      <c r="E3855" s="55"/>
      <c r="F3855" s="74"/>
      <c r="G3855" s="74"/>
      <c r="H3855" s="74"/>
      <c r="I3855" s="75"/>
      <c r="J3855" s="74"/>
      <c r="L3855" s="55"/>
      <c r="M3855" s="234"/>
      <c r="N3855" s="65"/>
      <c r="O3855" s="76"/>
      <c r="P3855" s="76"/>
      <c r="Q3855" s="65"/>
      <c r="R3855" s="76"/>
      <c r="S3855" s="76"/>
      <c r="T3855" s="76"/>
      <c r="U3855" s="76"/>
      <c r="V3855" s="76"/>
      <c r="W3855" s="76"/>
      <c r="X3855" s="76"/>
      <c r="Y3855" s="76"/>
      <c r="Z3855" s="76"/>
      <c r="AA3855" s="85"/>
      <c r="AB3855" s="85"/>
      <c r="AC3855" s="85"/>
      <c r="AD3855" s="85"/>
      <c r="AE3855" s="85"/>
      <c r="AF3855" s="85"/>
      <c r="AG3855" s="86"/>
      <c r="AH3855" s="85"/>
      <c r="AI3855" s="85"/>
      <c r="AJ3855" s="85"/>
      <c r="AK3855" s="85"/>
      <c r="AL3855" s="85"/>
      <c r="AM3855" s="92"/>
      <c r="AN3855" s="92"/>
      <c r="AO3855" s="92"/>
      <c r="AP3855" s="92"/>
      <c r="AQ3855" s="92"/>
      <c r="AR3855" s="92"/>
      <c r="AS3855" s="92"/>
      <c r="AT3855" s="92"/>
      <c r="AU3855" s="92"/>
      <c r="AV3855" s="92"/>
      <c r="AW3855" s="92"/>
      <c r="AX3855" s="92"/>
      <c r="AY3855" s="92"/>
      <c r="AZ3855" s="93"/>
      <c r="BA3855" s="93"/>
      <c r="BB3855" s="93"/>
      <c r="BC3855" s="93"/>
      <c r="BD3855" s="93"/>
      <c r="BE3855" s="93"/>
      <c r="BF3855" s="93"/>
      <c r="BG3855" s="93"/>
      <c r="BH3855" s="93"/>
      <c r="BI3855" s="93"/>
      <c r="BJ3855" s="93"/>
      <c r="BK3855" s="93"/>
      <c r="BL3855" s="93"/>
    </row>
    <row r="3856" spans="2:64" x14ac:dyDescent="0.2">
      <c r="B3856" s="43"/>
      <c r="C3856" s="73"/>
      <c r="D3856" s="64"/>
      <c r="E3856" s="55"/>
      <c r="F3856" s="74"/>
      <c r="G3856" s="74"/>
      <c r="H3856" s="74"/>
      <c r="I3856" s="75"/>
      <c r="J3856" s="74"/>
      <c r="L3856" s="55"/>
      <c r="M3856" s="234"/>
      <c r="N3856" s="65"/>
      <c r="O3856" s="76"/>
      <c r="P3856" s="76"/>
      <c r="Q3856" s="65"/>
      <c r="R3856" s="76"/>
      <c r="S3856" s="76"/>
      <c r="T3856" s="76"/>
      <c r="U3856" s="76"/>
      <c r="V3856" s="76"/>
      <c r="W3856" s="76"/>
      <c r="X3856" s="76"/>
      <c r="Y3856" s="76"/>
      <c r="Z3856" s="76"/>
      <c r="AA3856" s="85"/>
      <c r="AB3856" s="85"/>
      <c r="AC3856" s="85"/>
      <c r="AD3856" s="85"/>
      <c r="AE3856" s="85"/>
      <c r="AF3856" s="85"/>
      <c r="AG3856" s="86"/>
      <c r="AH3856" s="85"/>
      <c r="AI3856" s="85"/>
      <c r="AJ3856" s="85"/>
      <c r="AK3856" s="85"/>
      <c r="AL3856" s="85"/>
      <c r="AM3856" s="92"/>
      <c r="AN3856" s="92"/>
      <c r="AO3856" s="92"/>
      <c r="AP3856" s="92"/>
      <c r="AQ3856" s="92"/>
      <c r="AR3856" s="92"/>
      <c r="AS3856" s="92"/>
      <c r="AT3856" s="92"/>
      <c r="AU3856" s="92"/>
      <c r="AV3856" s="92"/>
      <c r="AW3856" s="92"/>
      <c r="AX3856" s="92"/>
      <c r="AY3856" s="92"/>
      <c r="AZ3856" s="93"/>
      <c r="BA3856" s="93"/>
      <c r="BB3856" s="93"/>
      <c r="BC3856" s="93"/>
      <c r="BD3856" s="93"/>
      <c r="BE3856" s="93"/>
      <c r="BF3856" s="93"/>
      <c r="BG3856" s="93"/>
      <c r="BH3856" s="93"/>
      <c r="BI3856" s="93"/>
      <c r="BJ3856" s="93"/>
      <c r="BK3856" s="93"/>
      <c r="BL3856" s="93"/>
    </row>
    <row r="3857" spans="2:64" x14ac:dyDescent="0.2">
      <c r="B3857" s="43"/>
      <c r="C3857" s="73"/>
      <c r="D3857" s="64"/>
      <c r="E3857" s="55"/>
      <c r="F3857" s="74"/>
      <c r="G3857" s="74"/>
      <c r="H3857" s="74"/>
      <c r="I3857" s="75"/>
      <c r="J3857" s="74"/>
      <c r="L3857" s="55"/>
      <c r="M3857" s="234"/>
      <c r="N3857" s="65"/>
      <c r="O3857" s="76"/>
      <c r="P3857" s="76"/>
      <c r="Q3857" s="65"/>
      <c r="R3857" s="76"/>
      <c r="S3857" s="76"/>
      <c r="T3857" s="76"/>
      <c r="U3857" s="76"/>
      <c r="V3857" s="76"/>
      <c r="W3857" s="76"/>
      <c r="X3857" s="76"/>
      <c r="Y3857" s="76"/>
      <c r="Z3857" s="76"/>
      <c r="AA3857" s="85"/>
      <c r="AB3857" s="85"/>
      <c r="AC3857" s="85"/>
      <c r="AD3857" s="85"/>
      <c r="AE3857" s="85"/>
      <c r="AF3857" s="85"/>
      <c r="AG3857" s="86"/>
      <c r="AH3857" s="85"/>
      <c r="AI3857" s="85"/>
      <c r="AJ3857" s="85"/>
      <c r="AK3857" s="85"/>
      <c r="AL3857" s="85"/>
      <c r="AM3857" s="92"/>
      <c r="AN3857" s="92"/>
      <c r="AO3857" s="92"/>
      <c r="AP3857" s="92"/>
      <c r="AQ3857" s="92"/>
      <c r="AR3857" s="92"/>
      <c r="AS3857" s="92"/>
      <c r="AT3857" s="92"/>
      <c r="AU3857" s="92"/>
      <c r="AV3857" s="92"/>
      <c r="AW3857" s="92"/>
      <c r="AX3857" s="92"/>
      <c r="AY3857" s="92"/>
      <c r="AZ3857" s="93"/>
      <c r="BA3857" s="93"/>
      <c r="BB3857" s="93"/>
      <c r="BC3857" s="93"/>
      <c r="BD3857" s="93"/>
      <c r="BE3857" s="93"/>
      <c r="BF3857" s="93"/>
      <c r="BG3857" s="93"/>
      <c r="BH3857" s="93"/>
      <c r="BI3857" s="93"/>
      <c r="BJ3857" s="93"/>
      <c r="BK3857" s="93"/>
      <c r="BL3857" s="93"/>
    </row>
    <row r="3858" spans="2:64" x14ac:dyDescent="0.2">
      <c r="B3858" s="43"/>
      <c r="C3858" s="73"/>
      <c r="D3858" s="64"/>
      <c r="E3858" s="55"/>
      <c r="F3858" s="74"/>
      <c r="G3858" s="74"/>
      <c r="H3858" s="74"/>
      <c r="I3858" s="75"/>
      <c r="J3858" s="74"/>
      <c r="L3858" s="55"/>
      <c r="M3858" s="234"/>
      <c r="N3858" s="65"/>
      <c r="O3858" s="76"/>
      <c r="P3858" s="76"/>
      <c r="Q3858" s="65"/>
      <c r="R3858" s="76"/>
      <c r="S3858" s="76"/>
      <c r="T3858" s="76"/>
      <c r="U3858" s="76"/>
      <c r="V3858" s="76"/>
      <c r="W3858" s="76"/>
      <c r="X3858" s="76"/>
      <c r="Y3858" s="76"/>
      <c r="Z3858" s="76"/>
      <c r="AA3858" s="85"/>
      <c r="AB3858" s="85"/>
      <c r="AC3858" s="85"/>
      <c r="AD3858" s="85"/>
      <c r="AE3858" s="85"/>
      <c r="AF3858" s="85"/>
      <c r="AG3858" s="86"/>
      <c r="AH3858" s="85"/>
      <c r="AI3858" s="85"/>
      <c r="AJ3858" s="85"/>
      <c r="AK3858" s="85"/>
      <c r="AL3858" s="85"/>
      <c r="AM3858" s="92"/>
      <c r="AN3858" s="92"/>
      <c r="AO3858" s="92"/>
      <c r="AP3858" s="92"/>
      <c r="AQ3858" s="92"/>
      <c r="AR3858" s="92"/>
      <c r="AS3858" s="92"/>
      <c r="AT3858" s="92"/>
      <c r="AU3858" s="92"/>
      <c r="AV3858" s="92"/>
      <c r="AW3858" s="92"/>
      <c r="AX3858" s="92"/>
      <c r="AY3858" s="92"/>
      <c r="AZ3858" s="93"/>
      <c r="BA3858" s="93"/>
      <c r="BB3858" s="93"/>
      <c r="BC3858" s="93"/>
      <c r="BD3858" s="93"/>
      <c r="BE3858" s="93"/>
      <c r="BF3858" s="93"/>
      <c r="BG3858" s="93"/>
      <c r="BH3858" s="93"/>
      <c r="BI3858" s="93"/>
      <c r="BJ3858" s="93"/>
      <c r="BK3858" s="93"/>
      <c r="BL3858" s="93"/>
    </row>
    <row r="3859" spans="2:64" x14ac:dyDescent="0.2">
      <c r="B3859" s="43"/>
      <c r="C3859" s="73"/>
      <c r="D3859" s="64"/>
      <c r="E3859" s="55"/>
      <c r="F3859" s="74"/>
      <c r="G3859" s="74"/>
      <c r="H3859" s="74"/>
      <c r="I3859" s="75"/>
      <c r="J3859" s="74"/>
      <c r="L3859" s="55"/>
      <c r="M3859" s="234"/>
      <c r="N3859" s="65"/>
      <c r="O3859" s="76"/>
      <c r="P3859" s="76"/>
      <c r="Q3859" s="65"/>
      <c r="R3859" s="76"/>
      <c r="S3859" s="76"/>
      <c r="T3859" s="76"/>
      <c r="U3859" s="76"/>
      <c r="V3859" s="76"/>
      <c r="W3859" s="76"/>
      <c r="X3859" s="76"/>
      <c r="Y3859" s="76"/>
      <c r="Z3859" s="76"/>
      <c r="AA3859" s="85"/>
      <c r="AB3859" s="85"/>
      <c r="AC3859" s="85"/>
      <c r="AD3859" s="85"/>
      <c r="AE3859" s="85"/>
      <c r="AF3859" s="85"/>
      <c r="AG3859" s="86"/>
      <c r="AH3859" s="85"/>
      <c r="AI3859" s="85"/>
      <c r="AJ3859" s="85"/>
      <c r="AK3859" s="85"/>
      <c r="AL3859" s="85"/>
      <c r="AM3859" s="92"/>
      <c r="AN3859" s="92"/>
      <c r="AO3859" s="92"/>
      <c r="AP3859" s="92"/>
      <c r="AQ3859" s="92"/>
      <c r="AR3859" s="92"/>
      <c r="AS3859" s="92"/>
      <c r="AT3859" s="92"/>
      <c r="AU3859" s="92"/>
      <c r="AV3859" s="92"/>
      <c r="AW3859" s="92"/>
      <c r="AX3859" s="92"/>
      <c r="AY3859" s="92"/>
      <c r="AZ3859" s="93"/>
      <c r="BA3859" s="93"/>
      <c r="BB3859" s="93"/>
      <c r="BC3859" s="93"/>
      <c r="BD3859" s="93"/>
      <c r="BE3859" s="93"/>
      <c r="BF3859" s="93"/>
      <c r="BG3859" s="93"/>
      <c r="BH3859" s="93"/>
      <c r="BI3859" s="93"/>
      <c r="BJ3859" s="93"/>
      <c r="BK3859" s="93"/>
      <c r="BL3859" s="93"/>
    </row>
    <row r="3860" spans="2:64" x14ac:dyDescent="0.2">
      <c r="B3860" s="43"/>
      <c r="C3860" s="73"/>
      <c r="D3860" s="64"/>
      <c r="E3860" s="55"/>
      <c r="F3860" s="74"/>
      <c r="G3860" s="74"/>
      <c r="H3860" s="74"/>
      <c r="I3860" s="75"/>
      <c r="J3860" s="74"/>
      <c r="L3860" s="55"/>
      <c r="M3860" s="234"/>
      <c r="N3860" s="65"/>
      <c r="O3860" s="76"/>
      <c r="P3860" s="76"/>
      <c r="Q3860" s="65"/>
      <c r="R3860" s="76"/>
      <c r="S3860" s="76"/>
      <c r="T3860" s="76"/>
      <c r="U3860" s="76"/>
      <c r="V3860" s="76"/>
      <c r="W3860" s="76"/>
      <c r="X3860" s="76"/>
      <c r="Y3860" s="76"/>
      <c r="Z3860" s="76"/>
      <c r="AA3860" s="85"/>
      <c r="AB3860" s="85"/>
      <c r="AC3860" s="85"/>
      <c r="AD3860" s="85"/>
      <c r="AE3860" s="85"/>
      <c r="AF3860" s="85"/>
      <c r="AG3860" s="86"/>
      <c r="AH3860" s="85"/>
      <c r="AI3860" s="85"/>
      <c r="AJ3860" s="85"/>
      <c r="AK3860" s="85"/>
      <c r="AL3860" s="85"/>
      <c r="AM3860" s="92"/>
      <c r="AN3860" s="92"/>
      <c r="AO3860" s="92"/>
      <c r="AP3860" s="92"/>
      <c r="AQ3860" s="92"/>
      <c r="AR3860" s="92"/>
      <c r="AS3860" s="92"/>
      <c r="AT3860" s="92"/>
      <c r="AU3860" s="92"/>
      <c r="AV3860" s="92"/>
      <c r="AW3860" s="92"/>
      <c r="AX3860" s="92"/>
      <c r="AY3860" s="92"/>
      <c r="AZ3860" s="93"/>
      <c r="BA3860" s="93"/>
      <c r="BB3860" s="93"/>
      <c r="BC3860" s="93"/>
      <c r="BD3860" s="93"/>
      <c r="BE3860" s="93"/>
      <c r="BF3860" s="93"/>
      <c r="BG3860" s="93"/>
      <c r="BH3860" s="93"/>
      <c r="BI3860" s="93"/>
      <c r="BJ3860" s="93"/>
      <c r="BK3860" s="93"/>
      <c r="BL3860" s="93"/>
    </row>
    <row r="3861" spans="2:64" x14ac:dyDescent="0.2">
      <c r="B3861" s="43"/>
      <c r="C3861" s="73"/>
      <c r="D3861" s="64"/>
      <c r="E3861" s="55"/>
      <c r="F3861" s="74"/>
      <c r="G3861" s="74"/>
      <c r="H3861" s="74"/>
      <c r="I3861" s="75"/>
      <c r="J3861" s="74"/>
      <c r="L3861" s="55"/>
      <c r="M3861" s="234"/>
      <c r="N3861" s="65"/>
      <c r="O3861" s="76"/>
      <c r="P3861" s="76"/>
      <c r="Q3861" s="65"/>
      <c r="R3861" s="76"/>
      <c r="S3861" s="76"/>
      <c r="T3861" s="76"/>
      <c r="U3861" s="76"/>
      <c r="V3861" s="76"/>
      <c r="W3861" s="76"/>
      <c r="X3861" s="76"/>
      <c r="Y3861" s="76"/>
      <c r="Z3861" s="76"/>
      <c r="AA3861" s="85"/>
      <c r="AB3861" s="85"/>
      <c r="AC3861" s="85"/>
      <c r="AD3861" s="85"/>
      <c r="AE3861" s="85"/>
      <c r="AF3861" s="85"/>
      <c r="AG3861" s="86"/>
      <c r="AH3861" s="85"/>
      <c r="AI3861" s="85"/>
      <c r="AJ3861" s="85"/>
      <c r="AK3861" s="85"/>
      <c r="AL3861" s="85"/>
      <c r="AM3861" s="92"/>
      <c r="AN3861" s="92"/>
      <c r="AO3861" s="92"/>
      <c r="AP3861" s="92"/>
      <c r="AQ3861" s="92"/>
      <c r="AR3861" s="92"/>
      <c r="AS3861" s="92"/>
      <c r="AT3861" s="92"/>
      <c r="AU3861" s="92"/>
      <c r="AV3861" s="92"/>
      <c r="AW3861" s="92"/>
      <c r="AX3861" s="92"/>
      <c r="AY3861" s="92"/>
      <c r="AZ3861" s="93"/>
      <c r="BA3861" s="93"/>
      <c r="BB3861" s="93"/>
      <c r="BC3861" s="93"/>
      <c r="BD3861" s="93"/>
      <c r="BE3861" s="93"/>
      <c r="BF3861" s="93"/>
      <c r="BG3861" s="93"/>
      <c r="BH3861" s="93"/>
      <c r="BI3861" s="93"/>
      <c r="BJ3861" s="93"/>
      <c r="BK3861" s="93"/>
      <c r="BL3861" s="93"/>
    </row>
    <row r="3862" spans="2:64" x14ac:dyDescent="0.2">
      <c r="B3862" s="43"/>
      <c r="C3862" s="73"/>
      <c r="D3862" s="64"/>
      <c r="E3862" s="55"/>
      <c r="F3862" s="74"/>
      <c r="G3862" s="74"/>
      <c r="H3862" s="74"/>
      <c r="I3862" s="75"/>
      <c r="J3862" s="74"/>
      <c r="L3862" s="55"/>
      <c r="M3862" s="234"/>
      <c r="N3862" s="65"/>
      <c r="O3862" s="76"/>
      <c r="P3862" s="76"/>
      <c r="Q3862" s="65"/>
      <c r="R3862" s="76"/>
      <c r="S3862" s="76"/>
      <c r="T3862" s="76"/>
      <c r="U3862" s="76"/>
      <c r="V3862" s="76"/>
      <c r="W3862" s="76"/>
      <c r="X3862" s="76"/>
      <c r="Y3862" s="76"/>
      <c r="Z3862" s="76"/>
      <c r="AA3862" s="85"/>
      <c r="AB3862" s="85"/>
      <c r="AC3862" s="85"/>
      <c r="AD3862" s="85"/>
      <c r="AE3862" s="85"/>
      <c r="AF3862" s="85"/>
      <c r="AG3862" s="86"/>
      <c r="AH3862" s="85"/>
      <c r="AI3862" s="85"/>
      <c r="AJ3862" s="85"/>
      <c r="AK3862" s="85"/>
      <c r="AL3862" s="85"/>
      <c r="AM3862" s="92"/>
      <c r="AN3862" s="92"/>
      <c r="AO3862" s="92"/>
      <c r="AP3862" s="92"/>
      <c r="AQ3862" s="92"/>
      <c r="AR3862" s="92"/>
      <c r="AS3862" s="92"/>
      <c r="AT3862" s="92"/>
      <c r="AU3862" s="92"/>
      <c r="AV3862" s="92"/>
      <c r="AW3862" s="92"/>
      <c r="AX3862" s="92"/>
      <c r="AY3862" s="92"/>
      <c r="AZ3862" s="93"/>
      <c r="BA3862" s="93"/>
      <c r="BB3862" s="93"/>
      <c r="BC3862" s="93"/>
      <c r="BD3862" s="93"/>
      <c r="BE3862" s="93"/>
      <c r="BF3862" s="93"/>
      <c r="BG3862" s="93"/>
      <c r="BH3862" s="93"/>
      <c r="BI3862" s="93"/>
      <c r="BJ3862" s="93"/>
      <c r="BK3862" s="93"/>
      <c r="BL3862" s="93"/>
    </row>
    <row r="3863" spans="2:64" x14ac:dyDescent="0.2">
      <c r="B3863" s="43"/>
      <c r="C3863" s="73"/>
      <c r="D3863" s="64"/>
      <c r="E3863" s="55"/>
      <c r="F3863" s="74"/>
      <c r="G3863" s="74"/>
      <c r="H3863" s="74"/>
      <c r="I3863" s="75"/>
      <c r="J3863" s="74"/>
      <c r="L3863" s="55"/>
      <c r="M3863" s="234"/>
      <c r="N3863" s="65"/>
      <c r="O3863" s="76"/>
      <c r="P3863" s="76"/>
      <c r="Q3863" s="65"/>
      <c r="R3863" s="76"/>
      <c r="S3863" s="76"/>
      <c r="T3863" s="76"/>
      <c r="U3863" s="76"/>
      <c r="V3863" s="76"/>
      <c r="W3863" s="76"/>
      <c r="X3863" s="76"/>
      <c r="Y3863" s="76"/>
      <c r="Z3863" s="76"/>
      <c r="AA3863" s="85"/>
      <c r="AB3863" s="85"/>
      <c r="AC3863" s="85"/>
      <c r="AD3863" s="85"/>
      <c r="AE3863" s="85"/>
      <c r="AF3863" s="85"/>
      <c r="AG3863" s="86"/>
      <c r="AH3863" s="85"/>
      <c r="AI3863" s="85"/>
      <c r="AJ3863" s="85"/>
      <c r="AK3863" s="85"/>
      <c r="AL3863" s="85"/>
      <c r="AM3863" s="92"/>
      <c r="AN3863" s="92"/>
      <c r="AO3863" s="92"/>
      <c r="AP3863" s="92"/>
      <c r="AQ3863" s="92"/>
      <c r="AR3863" s="92"/>
      <c r="AS3863" s="92"/>
      <c r="AT3863" s="92"/>
      <c r="AU3863" s="92"/>
      <c r="AV3863" s="92"/>
      <c r="AW3863" s="92"/>
      <c r="AX3863" s="92"/>
      <c r="AY3863" s="92"/>
      <c r="AZ3863" s="93"/>
      <c r="BA3863" s="93"/>
      <c r="BB3863" s="93"/>
      <c r="BC3863" s="93"/>
      <c r="BD3863" s="93"/>
      <c r="BE3863" s="93"/>
      <c r="BF3863" s="93"/>
      <c r="BG3863" s="93"/>
      <c r="BH3863" s="93"/>
      <c r="BI3863" s="93"/>
      <c r="BJ3863" s="93"/>
      <c r="BK3863" s="93"/>
      <c r="BL3863" s="93"/>
    </row>
    <row r="3864" spans="2:64" x14ac:dyDescent="0.2">
      <c r="B3864" s="43"/>
      <c r="C3864" s="73"/>
      <c r="D3864" s="64"/>
      <c r="E3864" s="55"/>
      <c r="F3864" s="74"/>
      <c r="G3864" s="74"/>
      <c r="H3864" s="74"/>
      <c r="I3864" s="75"/>
      <c r="J3864" s="74"/>
      <c r="L3864" s="55"/>
      <c r="M3864" s="234"/>
      <c r="N3864" s="65"/>
      <c r="O3864" s="76"/>
      <c r="P3864" s="76"/>
      <c r="Q3864" s="65"/>
      <c r="R3864" s="76"/>
      <c r="S3864" s="76"/>
      <c r="T3864" s="76"/>
      <c r="U3864" s="76"/>
      <c r="V3864" s="76"/>
      <c r="W3864" s="76"/>
      <c r="X3864" s="76"/>
      <c r="Y3864" s="76"/>
      <c r="Z3864" s="76"/>
      <c r="AA3864" s="85"/>
      <c r="AB3864" s="85"/>
      <c r="AC3864" s="85"/>
      <c r="AD3864" s="85"/>
      <c r="AE3864" s="85"/>
      <c r="AF3864" s="85"/>
      <c r="AG3864" s="86"/>
      <c r="AH3864" s="85"/>
      <c r="AI3864" s="85"/>
      <c r="AJ3864" s="85"/>
      <c r="AK3864" s="85"/>
      <c r="AL3864" s="85"/>
      <c r="AM3864" s="92"/>
      <c r="AN3864" s="92"/>
      <c r="AO3864" s="92"/>
      <c r="AP3864" s="92"/>
      <c r="AQ3864" s="92"/>
      <c r="AR3864" s="92"/>
      <c r="AS3864" s="92"/>
      <c r="AT3864" s="92"/>
      <c r="AU3864" s="92"/>
      <c r="AV3864" s="92"/>
      <c r="AW3864" s="92"/>
      <c r="AX3864" s="92"/>
      <c r="AY3864" s="92"/>
      <c r="AZ3864" s="93"/>
      <c r="BA3864" s="93"/>
      <c r="BB3864" s="93"/>
      <c r="BC3864" s="93"/>
      <c r="BD3864" s="93"/>
      <c r="BE3864" s="93"/>
      <c r="BF3864" s="93"/>
      <c r="BG3864" s="93"/>
      <c r="BH3864" s="93"/>
      <c r="BI3864" s="93"/>
      <c r="BJ3864" s="93"/>
      <c r="BK3864" s="93"/>
      <c r="BL3864" s="93"/>
    </row>
    <row r="3865" spans="2:64" x14ac:dyDescent="0.2">
      <c r="B3865" s="43"/>
      <c r="C3865" s="73"/>
      <c r="D3865" s="64"/>
      <c r="E3865" s="55"/>
      <c r="F3865" s="74"/>
      <c r="G3865" s="74"/>
      <c r="H3865" s="74"/>
      <c r="I3865" s="75"/>
      <c r="J3865" s="74"/>
      <c r="L3865" s="55"/>
      <c r="M3865" s="234"/>
      <c r="N3865" s="65"/>
      <c r="O3865" s="76"/>
      <c r="P3865" s="76"/>
      <c r="Q3865" s="65"/>
      <c r="R3865" s="76"/>
      <c r="S3865" s="76"/>
      <c r="T3865" s="76"/>
      <c r="U3865" s="76"/>
      <c r="V3865" s="76"/>
      <c r="W3865" s="76"/>
      <c r="X3865" s="76"/>
      <c r="Y3865" s="76"/>
      <c r="Z3865" s="76"/>
      <c r="AA3865" s="85"/>
      <c r="AB3865" s="85"/>
      <c r="AC3865" s="85"/>
      <c r="AD3865" s="85"/>
      <c r="AE3865" s="85"/>
      <c r="AF3865" s="85"/>
      <c r="AG3865" s="86"/>
      <c r="AH3865" s="85"/>
      <c r="AI3865" s="85"/>
      <c r="AJ3865" s="85"/>
      <c r="AK3865" s="85"/>
      <c r="AL3865" s="85"/>
      <c r="AM3865" s="92"/>
      <c r="AN3865" s="92"/>
      <c r="AO3865" s="92"/>
      <c r="AP3865" s="92"/>
      <c r="AQ3865" s="92"/>
      <c r="AR3865" s="92"/>
      <c r="AS3865" s="92"/>
      <c r="AT3865" s="92"/>
      <c r="AU3865" s="92"/>
      <c r="AV3865" s="92"/>
      <c r="AW3865" s="92"/>
      <c r="AX3865" s="92"/>
      <c r="AY3865" s="92"/>
      <c r="AZ3865" s="93"/>
      <c r="BA3865" s="93"/>
      <c r="BB3865" s="93"/>
      <c r="BC3865" s="93"/>
      <c r="BD3865" s="93"/>
      <c r="BE3865" s="93"/>
      <c r="BF3865" s="93"/>
      <c r="BG3865" s="93"/>
      <c r="BH3865" s="93"/>
      <c r="BI3865" s="93"/>
      <c r="BJ3865" s="93"/>
      <c r="BK3865" s="93"/>
      <c r="BL3865" s="93"/>
    </row>
    <row r="3866" spans="2:64" x14ac:dyDescent="0.2">
      <c r="B3866" s="43"/>
      <c r="C3866" s="73"/>
      <c r="D3866" s="64"/>
      <c r="E3866" s="55"/>
      <c r="F3866" s="74"/>
      <c r="G3866" s="74"/>
      <c r="H3866" s="74"/>
      <c r="I3866" s="75"/>
      <c r="J3866" s="74"/>
      <c r="L3866" s="55"/>
      <c r="M3866" s="234"/>
      <c r="N3866" s="65"/>
      <c r="O3866" s="76"/>
      <c r="P3866" s="76"/>
      <c r="Q3866" s="65"/>
      <c r="R3866" s="76"/>
      <c r="S3866" s="76"/>
      <c r="T3866" s="76"/>
      <c r="U3866" s="76"/>
      <c r="V3866" s="76"/>
      <c r="W3866" s="76"/>
      <c r="X3866" s="76"/>
      <c r="Y3866" s="76"/>
      <c r="Z3866" s="76"/>
      <c r="AA3866" s="85"/>
      <c r="AB3866" s="85"/>
      <c r="AC3866" s="85"/>
      <c r="AD3866" s="85"/>
      <c r="AE3866" s="85"/>
      <c r="AF3866" s="85"/>
      <c r="AG3866" s="86"/>
      <c r="AH3866" s="85"/>
      <c r="AI3866" s="85"/>
      <c r="AJ3866" s="85"/>
      <c r="AK3866" s="85"/>
      <c r="AL3866" s="85"/>
      <c r="AM3866" s="92"/>
      <c r="AN3866" s="92"/>
      <c r="AO3866" s="92"/>
      <c r="AP3866" s="92"/>
      <c r="AQ3866" s="92"/>
      <c r="AR3866" s="92"/>
      <c r="AS3866" s="92"/>
      <c r="AT3866" s="92"/>
      <c r="AU3866" s="92"/>
      <c r="AV3866" s="92"/>
      <c r="AW3866" s="92"/>
      <c r="AX3866" s="92"/>
      <c r="AY3866" s="92"/>
      <c r="AZ3866" s="93"/>
      <c r="BA3866" s="93"/>
      <c r="BB3866" s="93"/>
      <c r="BC3866" s="93"/>
      <c r="BD3866" s="93"/>
      <c r="BE3866" s="93"/>
      <c r="BF3866" s="93"/>
      <c r="BG3866" s="93"/>
      <c r="BH3866" s="93"/>
      <c r="BI3866" s="93"/>
      <c r="BJ3866" s="93"/>
      <c r="BK3866" s="93"/>
      <c r="BL3866" s="93"/>
    </row>
    <row r="3867" spans="2:64" x14ac:dyDescent="0.2">
      <c r="B3867" s="43"/>
      <c r="C3867" s="73"/>
      <c r="D3867" s="64"/>
      <c r="E3867" s="55"/>
      <c r="F3867" s="74"/>
      <c r="G3867" s="74"/>
      <c r="H3867" s="74"/>
      <c r="I3867" s="75"/>
      <c r="J3867" s="74"/>
      <c r="L3867" s="55"/>
      <c r="M3867" s="234"/>
      <c r="N3867" s="65"/>
      <c r="O3867" s="76"/>
      <c r="P3867" s="76"/>
      <c r="Q3867" s="65"/>
      <c r="R3867" s="76"/>
      <c r="S3867" s="76"/>
      <c r="T3867" s="76"/>
      <c r="U3867" s="76"/>
      <c r="V3867" s="76"/>
      <c r="W3867" s="76"/>
      <c r="X3867" s="76"/>
      <c r="Y3867" s="76"/>
      <c r="Z3867" s="76"/>
      <c r="AA3867" s="85"/>
      <c r="AB3867" s="85"/>
      <c r="AC3867" s="85"/>
      <c r="AD3867" s="85"/>
      <c r="AE3867" s="85"/>
      <c r="AF3867" s="85"/>
      <c r="AG3867" s="86"/>
      <c r="AH3867" s="85"/>
      <c r="AI3867" s="85"/>
      <c r="AJ3867" s="85"/>
      <c r="AK3867" s="85"/>
      <c r="AL3867" s="85"/>
      <c r="AM3867" s="92"/>
      <c r="AN3867" s="92"/>
      <c r="AO3867" s="92"/>
      <c r="AP3867" s="92"/>
      <c r="AQ3867" s="92"/>
      <c r="AR3867" s="92"/>
      <c r="AS3867" s="92"/>
      <c r="AT3867" s="92"/>
      <c r="AU3867" s="92"/>
      <c r="AV3867" s="92"/>
      <c r="AW3867" s="92"/>
      <c r="AX3867" s="92"/>
      <c r="AY3867" s="92"/>
      <c r="AZ3867" s="93"/>
      <c r="BA3867" s="93"/>
      <c r="BB3867" s="93"/>
      <c r="BC3867" s="93"/>
      <c r="BD3867" s="93"/>
      <c r="BE3867" s="93"/>
      <c r="BF3867" s="93"/>
      <c r="BG3867" s="93"/>
      <c r="BH3867" s="93"/>
      <c r="BI3867" s="93"/>
      <c r="BJ3867" s="93"/>
      <c r="BK3867" s="93"/>
      <c r="BL3867" s="93"/>
    </row>
    <row r="3868" spans="2:64" x14ac:dyDescent="0.2">
      <c r="B3868" s="43"/>
      <c r="C3868" s="73"/>
      <c r="D3868" s="64"/>
      <c r="E3868" s="55"/>
      <c r="F3868" s="74"/>
      <c r="G3868" s="74"/>
      <c r="H3868" s="74"/>
      <c r="I3868" s="75"/>
      <c r="J3868" s="74"/>
      <c r="L3868" s="55"/>
      <c r="M3868" s="234"/>
      <c r="N3868" s="65"/>
      <c r="O3868" s="76"/>
      <c r="P3868" s="76"/>
      <c r="Q3868" s="65"/>
      <c r="R3868" s="76"/>
      <c r="S3868" s="76"/>
      <c r="T3868" s="76"/>
      <c r="U3868" s="76"/>
      <c r="V3868" s="76"/>
      <c r="W3868" s="76"/>
      <c r="X3868" s="76"/>
      <c r="Y3868" s="76"/>
      <c r="Z3868" s="76"/>
      <c r="AA3868" s="85"/>
      <c r="AB3868" s="85"/>
      <c r="AC3868" s="85"/>
      <c r="AD3868" s="85"/>
      <c r="AE3868" s="85"/>
      <c r="AF3868" s="85"/>
      <c r="AG3868" s="86"/>
      <c r="AH3868" s="85"/>
      <c r="AI3868" s="85"/>
      <c r="AJ3868" s="85"/>
      <c r="AK3868" s="85"/>
      <c r="AL3868" s="85"/>
      <c r="AM3868" s="92"/>
      <c r="AN3868" s="92"/>
      <c r="AO3868" s="92"/>
      <c r="AP3868" s="92"/>
      <c r="AQ3868" s="92"/>
      <c r="AR3868" s="92"/>
      <c r="AS3868" s="92"/>
      <c r="AT3868" s="92"/>
      <c r="AU3868" s="92"/>
      <c r="AV3868" s="92"/>
      <c r="AW3868" s="92"/>
      <c r="AX3868" s="92"/>
      <c r="AY3868" s="92"/>
      <c r="AZ3868" s="93"/>
      <c r="BA3868" s="93"/>
      <c r="BB3868" s="93"/>
      <c r="BC3868" s="93"/>
      <c r="BD3868" s="93"/>
      <c r="BE3868" s="93"/>
      <c r="BF3868" s="93"/>
      <c r="BG3868" s="93"/>
      <c r="BH3868" s="93"/>
      <c r="BI3868" s="93"/>
      <c r="BJ3868" s="93"/>
      <c r="BK3868" s="93"/>
      <c r="BL3868" s="93"/>
    </row>
    <row r="3869" spans="2:64" x14ac:dyDescent="0.2">
      <c r="B3869" s="43"/>
      <c r="C3869" s="73"/>
      <c r="D3869" s="64"/>
      <c r="E3869" s="55"/>
      <c r="F3869" s="74"/>
      <c r="G3869" s="74"/>
      <c r="H3869" s="74"/>
      <c r="I3869" s="75"/>
      <c r="J3869" s="74"/>
      <c r="L3869" s="55"/>
      <c r="M3869" s="234"/>
      <c r="N3869" s="65"/>
      <c r="O3869" s="76"/>
      <c r="P3869" s="76"/>
      <c r="Q3869" s="65"/>
      <c r="R3869" s="76"/>
      <c r="S3869" s="76"/>
      <c r="T3869" s="76"/>
      <c r="U3869" s="76"/>
      <c r="V3869" s="76"/>
      <c r="W3869" s="76"/>
      <c r="X3869" s="76"/>
      <c r="Y3869" s="76"/>
      <c r="Z3869" s="76"/>
      <c r="AA3869" s="85"/>
      <c r="AB3869" s="85"/>
      <c r="AC3869" s="85"/>
      <c r="AD3869" s="85"/>
      <c r="AE3869" s="85"/>
      <c r="AF3869" s="85"/>
      <c r="AG3869" s="86"/>
      <c r="AH3869" s="85"/>
      <c r="AI3869" s="85"/>
      <c r="AJ3869" s="85"/>
      <c r="AK3869" s="85"/>
      <c r="AL3869" s="85"/>
      <c r="AM3869" s="92"/>
      <c r="AN3869" s="92"/>
      <c r="AO3869" s="92"/>
      <c r="AP3869" s="92"/>
      <c r="AQ3869" s="92"/>
      <c r="AR3869" s="92"/>
      <c r="AS3869" s="92"/>
      <c r="AT3869" s="92"/>
      <c r="AU3869" s="92"/>
      <c r="AV3869" s="92"/>
      <c r="AW3869" s="92"/>
      <c r="AX3869" s="92"/>
      <c r="AY3869" s="92"/>
      <c r="AZ3869" s="93"/>
      <c r="BA3869" s="93"/>
      <c r="BB3869" s="93"/>
      <c r="BC3869" s="93"/>
      <c r="BD3869" s="93"/>
      <c r="BE3869" s="93"/>
      <c r="BF3869" s="93"/>
      <c r="BG3869" s="93"/>
      <c r="BH3869" s="93"/>
      <c r="BI3869" s="93"/>
      <c r="BJ3869" s="93"/>
      <c r="BK3869" s="93"/>
      <c r="BL3869" s="93"/>
    </row>
    <row r="3870" spans="2:64" x14ac:dyDescent="0.2">
      <c r="B3870" s="43"/>
      <c r="C3870" s="73"/>
      <c r="D3870" s="64"/>
      <c r="E3870" s="55"/>
      <c r="F3870" s="74"/>
      <c r="G3870" s="74"/>
      <c r="H3870" s="74"/>
      <c r="I3870" s="75"/>
      <c r="J3870" s="74"/>
      <c r="L3870" s="55"/>
      <c r="M3870" s="234"/>
      <c r="N3870" s="65"/>
      <c r="O3870" s="76"/>
      <c r="P3870" s="76"/>
      <c r="Q3870" s="65"/>
      <c r="R3870" s="76"/>
      <c r="S3870" s="76"/>
      <c r="T3870" s="76"/>
      <c r="U3870" s="76"/>
      <c r="V3870" s="76"/>
      <c r="W3870" s="76"/>
      <c r="X3870" s="76"/>
      <c r="Y3870" s="76"/>
      <c r="Z3870" s="76"/>
      <c r="AA3870" s="85"/>
      <c r="AB3870" s="85"/>
      <c r="AC3870" s="85"/>
      <c r="AD3870" s="85"/>
      <c r="AE3870" s="85"/>
      <c r="AF3870" s="85"/>
      <c r="AG3870" s="86"/>
      <c r="AH3870" s="85"/>
      <c r="AI3870" s="85"/>
      <c r="AJ3870" s="85"/>
      <c r="AK3870" s="85"/>
      <c r="AL3870" s="85"/>
      <c r="AM3870" s="92"/>
      <c r="AN3870" s="92"/>
      <c r="AO3870" s="92"/>
      <c r="AP3870" s="92"/>
      <c r="AQ3870" s="92"/>
      <c r="AR3870" s="92"/>
      <c r="AS3870" s="92"/>
      <c r="AT3870" s="92"/>
      <c r="AU3870" s="92"/>
      <c r="AV3870" s="92"/>
      <c r="AW3870" s="92"/>
      <c r="AX3870" s="92"/>
      <c r="AY3870" s="92"/>
      <c r="AZ3870" s="93"/>
      <c r="BA3870" s="93"/>
      <c r="BB3870" s="93"/>
      <c r="BC3870" s="93"/>
      <c r="BD3870" s="93"/>
      <c r="BE3870" s="93"/>
      <c r="BF3870" s="93"/>
      <c r="BG3870" s="93"/>
      <c r="BH3870" s="93"/>
      <c r="BI3870" s="93"/>
      <c r="BJ3870" s="93"/>
      <c r="BK3870" s="93"/>
      <c r="BL3870" s="93"/>
    </row>
    <row r="3871" spans="2:64" x14ac:dyDescent="0.2">
      <c r="B3871" s="43"/>
      <c r="C3871" s="73"/>
      <c r="D3871" s="64"/>
      <c r="E3871" s="55"/>
      <c r="F3871" s="74"/>
      <c r="G3871" s="74"/>
      <c r="H3871" s="74"/>
      <c r="I3871" s="75"/>
      <c r="J3871" s="74"/>
      <c r="L3871" s="55"/>
      <c r="M3871" s="234"/>
      <c r="N3871" s="65"/>
      <c r="O3871" s="76"/>
      <c r="P3871" s="76"/>
      <c r="Q3871" s="65"/>
      <c r="R3871" s="76"/>
      <c r="S3871" s="76"/>
      <c r="T3871" s="76"/>
      <c r="U3871" s="76"/>
      <c r="V3871" s="76"/>
      <c r="W3871" s="76"/>
      <c r="X3871" s="76"/>
      <c r="Y3871" s="76"/>
      <c r="Z3871" s="76"/>
      <c r="AA3871" s="85"/>
      <c r="AB3871" s="85"/>
      <c r="AC3871" s="85"/>
      <c r="AD3871" s="85"/>
      <c r="AE3871" s="85"/>
      <c r="AF3871" s="85"/>
      <c r="AG3871" s="86"/>
      <c r="AH3871" s="85"/>
      <c r="AI3871" s="85"/>
      <c r="AJ3871" s="85"/>
      <c r="AK3871" s="85"/>
      <c r="AL3871" s="85"/>
      <c r="AM3871" s="92"/>
      <c r="AN3871" s="92"/>
      <c r="AO3871" s="92"/>
      <c r="AP3871" s="92"/>
      <c r="AQ3871" s="92"/>
      <c r="AR3871" s="92"/>
      <c r="AS3871" s="92"/>
      <c r="AT3871" s="92"/>
      <c r="AU3871" s="92"/>
      <c r="AV3871" s="92"/>
      <c r="AW3871" s="92"/>
      <c r="AX3871" s="92"/>
      <c r="AY3871" s="92"/>
      <c r="AZ3871" s="93"/>
      <c r="BA3871" s="93"/>
      <c r="BB3871" s="93"/>
      <c r="BC3871" s="93"/>
      <c r="BD3871" s="93"/>
      <c r="BE3871" s="93"/>
      <c r="BF3871" s="93"/>
      <c r="BG3871" s="93"/>
      <c r="BH3871" s="93"/>
      <c r="BI3871" s="93"/>
      <c r="BJ3871" s="93"/>
      <c r="BK3871" s="93"/>
      <c r="BL3871" s="93"/>
    </row>
    <row r="3872" spans="2:64" x14ac:dyDescent="0.2">
      <c r="B3872" s="43"/>
      <c r="C3872" s="73"/>
      <c r="D3872" s="64"/>
      <c r="E3872" s="55"/>
      <c r="F3872" s="74"/>
      <c r="G3872" s="74"/>
      <c r="H3872" s="74"/>
      <c r="I3872" s="75"/>
      <c r="J3872" s="74"/>
      <c r="L3872" s="55"/>
      <c r="M3872" s="234"/>
      <c r="N3872" s="65"/>
      <c r="O3872" s="76"/>
      <c r="P3872" s="76"/>
      <c r="Q3872" s="65"/>
      <c r="R3872" s="76"/>
      <c r="S3872" s="76"/>
      <c r="T3872" s="76"/>
      <c r="U3872" s="76"/>
      <c r="V3872" s="76"/>
      <c r="W3872" s="76"/>
      <c r="X3872" s="76"/>
      <c r="Y3872" s="76"/>
      <c r="Z3872" s="76"/>
      <c r="AA3872" s="85"/>
      <c r="AB3872" s="85"/>
      <c r="AC3872" s="85"/>
      <c r="AD3872" s="85"/>
      <c r="AE3872" s="85"/>
      <c r="AF3872" s="85"/>
      <c r="AG3872" s="86"/>
      <c r="AH3872" s="85"/>
      <c r="AI3872" s="85"/>
      <c r="AJ3872" s="85"/>
      <c r="AK3872" s="85"/>
      <c r="AL3872" s="85"/>
      <c r="AM3872" s="92"/>
      <c r="AN3872" s="92"/>
      <c r="AO3872" s="92"/>
      <c r="AP3872" s="92"/>
      <c r="AQ3872" s="92"/>
      <c r="AR3872" s="92"/>
      <c r="AS3872" s="92"/>
      <c r="AT3872" s="92"/>
      <c r="AU3872" s="92"/>
      <c r="AV3872" s="92"/>
      <c r="AW3872" s="92"/>
      <c r="AX3872" s="92"/>
      <c r="AY3872" s="92"/>
      <c r="AZ3872" s="93"/>
      <c r="BA3872" s="93"/>
      <c r="BB3872" s="93"/>
      <c r="BC3872" s="93"/>
      <c r="BD3872" s="93"/>
      <c r="BE3872" s="93"/>
      <c r="BF3872" s="93"/>
      <c r="BG3872" s="93"/>
      <c r="BH3872" s="93"/>
      <c r="BI3872" s="93"/>
      <c r="BJ3872" s="93"/>
      <c r="BK3872" s="93"/>
      <c r="BL3872" s="93"/>
    </row>
    <row r="3873" spans="2:64" x14ac:dyDescent="0.2">
      <c r="B3873" s="43"/>
      <c r="C3873" s="73"/>
      <c r="D3873" s="64"/>
      <c r="E3873" s="55"/>
      <c r="F3873" s="74"/>
      <c r="G3873" s="74"/>
      <c r="H3873" s="74"/>
      <c r="I3873" s="75"/>
      <c r="J3873" s="74"/>
      <c r="L3873" s="55"/>
      <c r="M3873" s="234"/>
      <c r="N3873" s="65"/>
      <c r="O3873" s="76"/>
      <c r="P3873" s="76"/>
      <c r="Q3873" s="65"/>
      <c r="R3873" s="76"/>
      <c r="S3873" s="76"/>
      <c r="T3873" s="76"/>
      <c r="U3873" s="76"/>
      <c r="V3873" s="76"/>
      <c r="W3873" s="76"/>
      <c r="X3873" s="76"/>
      <c r="Y3873" s="76"/>
      <c r="Z3873" s="76"/>
      <c r="AA3873" s="85"/>
      <c r="AB3873" s="85"/>
      <c r="AC3873" s="85"/>
      <c r="AD3873" s="85"/>
      <c r="AE3873" s="85"/>
      <c r="AF3873" s="85"/>
      <c r="AG3873" s="86"/>
      <c r="AH3873" s="85"/>
      <c r="AI3873" s="85"/>
      <c r="AJ3873" s="85"/>
      <c r="AK3873" s="85"/>
      <c r="AL3873" s="85"/>
      <c r="AM3873" s="92"/>
      <c r="AN3873" s="92"/>
      <c r="AO3873" s="92"/>
      <c r="AP3873" s="92"/>
      <c r="AQ3873" s="92"/>
      <c r="AR3873" s="92"/>
      <c r="AS3873" s="92"/>
      <c r="AT3873" s="92"/>
      <c r="AU3873" s="92"/>
      <c r="AV3873" s="92"/>
      <c r="AW3873" s="92"/>
      <c r="AX3873" s="92"/>
      <c r="AY3873" s="92"/>
      <c r="AZ3873" s="93"/>
      <c r="BA3873" s="93"/>
      <c r="BB3873" s="93"/>
      <c r="BC3873" s="93"/>
      <c r="BD3873" s="93"/>
      <c r="BE3873" s="93"/>
      <c r="BF3873" s="93"/>
      <c r="BG3873" s="93"/>
      <c r="BH3873" s="93"/>
      <c r="BI3873" s="93"/>
      <c r="BJ3873" s="93"/>
      <c r="BK3873" s="93"/>
      <c r="BL3873" s="93"/>
    </row>
    <row r="3874" spans="2:64" x14ac:dyDescent="0.2">
      <c r="B3874" s="43"/>
      <c r="C3874" s="73"/>
      <c r="D3874" s="64"/>
      <c r="E3874" s="55"/>
      <c r="F3874" s="74"/>
      <c r="G3874" s="74"/>
      <c r="H3874" s="74"/>
      <c r="I3874" s="75"/>
      <c r="J3874" s="74"/>
      <c r="L3874" s="55"/>
      <c r="M3874" s="234"/>
      <c r="N3874" s="65"/>
      <c r="O3874" s="76"/>
      <c r="P3874" s="76"/>
      <c r="Q3874" s="65"/>
      <c r="R3874" s="76"/>
      <c r="S3874" s="76"/>
      <c r="T3874" s="76"/>
      <c r="U3874" s="76"/>
      <c r="V3874" s="76"/>
      <c r="W3874" s="76"/>
      <c r="X3874" s="76"/>
      <c r="Y3874" s="76"/>
      <c r="Z3874" s="76"/>
      <c r="AA3874" s="85"/>
      <c r="AB3874" s="85"/>
      <c r="AC3874" s="85"/>
      <c r="AD3874" s="85"/>
      <c r="AE3874" s="85"/>
      <c r="AF3874" s="85"/>
      <c r="AG3874" s="86"/>
      <c r="AH3874" s="85"/>
      <c r="AI3874" s="85"/>
      <c r="AJ3874" s="85"/>
      <c r="AK3874" s="85"/>
      <c r="AL3874" s="85"/>
      <c r="AM3874" s="92"/>
      <c r="AN3874" s="92"/>
      <c r="AO3874" s="92"/>
      <c r="AP3874" s="92"/>
      <c r="AQ3874" s="92"/>
      <c r="AR3874" s="92"/>
      <c r="AS3874" s="92"/>
      <c r="AT3874" s="92"/>
      <c r="AU3874" s="92"/>
      <c r="AV3874" s="92"/>
      <c r="AW3874" s="92"/>
      <c r="AX3874" s="92"/>
      <c r="AY3874" s="92"/>
      <c r="AZ3874" s="93"/>
      <c r="BA3874" s="93"/>
      <c r="BB3874" s="93"/>
      <c r="BC3874" s="93"/>
      <c r="BD3874" s="93"/>
      <c r="BE3874" s="93"/>
      <c r="BF3874" s="93"/>
      <c r="BG3874" s="93"/>
      <c r="BH3874" s="93"/>
      <c r="BI3874" s="93"/>
      <c r="BJ3874" s="93"/>
      <c r="BK3874" s="93"/>
      <c r="BL3874" s="93"/>
    </row>
    <row r="3875" spans="2:64" x14ac:dyDescent="0.2">
      <c r="B3875" s="43"/>
      <c r="C3875" s="73"/>
      <c r="D3875" s="64"/>
      <c r="E3875" s="55"/>
      <c r="F3875" s="74"/>
      <c r="G3875" s="74"/>
      <c r="H3875" s="74"/>
      <c r="I3875" s="75"/>
      <c r="J3875" s="74"/>
      <c r="L3875" s="55"/>
      <c r="M3875" s="234"/>
      <c r="N3875" s="65"/>
      <c r="O3875" s="76"/>
      <c r="P3875" s="76"/>
      <c r="Q3875" s="65"/>
      <c r="R3875" s="76"/>
      <c r="S3875" s="76"/>
      <c r="T3875" s="76"/>
      <c r="U3875" s="76"/>
      <c r="V3875" s="76"/>
      <c r="W3875" s="76"/>
      <c r="X3875" s="76"/>
      <c r="Y3875" s="76"/>
      <c r="Z3875" s="76"/>
      <c r="AA3875" s="85"/>
      <c r="AB3875" s="85"/>
      <c r="AC3875" s="85"/>
      <c r="AD3875" s="85"/>
      <c r="AE3875" s="85"/>
      <c r="AF3875" s="85"/>
      <c r="AG3875" s="86"/>
      <c r="AH3875" s="85"/>
      <c r="AI3875" s="85"/>
      <c r="AJ3875" s="85"/>
      <c r="AK3875" s="85"/>
      <c r="AL3875" s="85"/>
      <c r="AM3875" s="92"/>
      <c r="AN3875" s="92"/>
      <c r="AO3875" s="92"/>
      <c r="AP3875" s="92"/>
      <c r="AQ3875" s="92"/>
      <c r="AR3875" s="92"/>
      <c r="AS3875" s="92"/>
      <c r="AT3875" s="92"/>
      <c r="AU3875" s="92"/>
      <c r="AV3875" s="92"/>
      <c r="AW3875" s="92"/>
      <c r="AX3875" s="92"/>
      <c r="AY3875" s="92"/>
      <c r="AZ3875" s="93"/>
      <c r="BA3875" s="93"/>
      <c r="BB3875" s="93"/>
      <c r="BC3875" s="93"/>
      <c r="BD3875" s="93"/>
      <c r="BE3875" s="93"/>
      <c r="BF3875" s="93"/>
      <c r="BG3875" s="93"/>
      <c r="BH3875" s="93"/>
      <c r="BI3875" s="93"/>
      <c r="BJ3875" s="93"/>
      <c r="BK3875" s="93"/>
      <c r="BL3875" s="93"/>
    </row>
    <row r="3876" spans="2:64" x14ac:dyDescent="0.2">
      <c r="B3876" s="43"/>
      <c r="C3876" s="73"/>
      <c r="D3876" s="64"/>
      <c r="E3876" s="55"/>
      <c r="F3876" s="74"/>
      <c r="G3876" s="74"/>
      <c r="H3876" s="74"/>
      <c r="I3876" s="75"/>
      <c r="J3876" s="74"/>
      <c r="L3876" s="55"/>
      <c r="M3876" s="234"/>
      <c r="N3876" s="65"/>
      <c r="O3876" s="76"/>
      <c r="P3876" s="76"/>
      <c r="Q3876" s="65"/>
      <c r="R3876" s="76"/>
      <c r="S3876" s="76"/>
      <c r="T3876" s="76"/>
      <c r="U3876" s="76"/>
      <c r="V3876" s="76"/>
      <c r="W3876" s="76"/>
      <c r="X3876" s="76"/>
      <c r="Y3876" s="76"/>
      <c r="Z3876" s="76"/>
      <c r="AA3876" s="85"/>
      <c r="AB3876" s="85"/>
      <c r="AC3876" s="85"/>
      <c r="AD3876" s="85"/>
      <c r="AE3876" s="85"/>
      <c r="AF3876" s="85"/>
      <c r="AG3876" s="86"/>
      <c r="AH3876" s="85"/>
      <c r="AI3876" s="85"/>
      <c r="AJ3876" s="85"/>
      <c r="AK3876" s="85"/>
      <c r="AL3876" s="85"/>
      <c r="AM3876" s="92"/>
      <c r="AN3876" s="92"/>
      <c r="AO3876" s="92"/>
      <c r="AP3876" s="92"/>
      <c r="AQ3876" s="92"/>
      <c r="AR3876" s="92"/>
      <c r="AS3876" s="92"/>
      <c r="AT3876" s="92"/>
      <c r="AU3876" s="92"/>
      <c r="AV3876" s="92"/>
      <c r="AW3876" s="92"/>
      <c r="AX3876" s="92"/>
      <c r="AY3876" s="92"/>
      <c r="AZ3876" s="93"/>
      <c r="BA3876" s="93"/>
      <c r="BB3876" s="93"/>
      <c r="BC3876" s="93"/>
      <c r="BD3876" s="93"/>
      <c r="BE3876" s="93"/>
      <c r="BF3876" s="93"/>
      <c r="BG3876" s="93"/>
      <c r="BH3876" s="93"/>
      <c r="BI3876" s="93"/>
      <c r="BJ3876" s="93"/>
      <c r="BK3876" s="93"/>
      <c r="BL3876" s="93"/>
    </row>
    <row r="3877" spans="2:64" x14ac:dyDescent="0.2">
      <c r="B3877" s="43"/>
      <c r="C3877" s="73"/>
      <c r="D3877" s="64"/>
      <c r="E3877" s="55"/>
      <c r="F3877" s="74"/>
      <c r="G3877" s="74"/>
      <c r="H3877" s="74"/>
      <c r="I3877" s="75"/>
      <c r="J3877" s="74"/>
      <c r="L3877" s="55"/>
      <c r="M3877" s="234"/>
      <c r="N3877" s="65"/>
      <c r="O3877" s="76"/>
      <c r="P3877" s="76"/>
      <c r="Q3877" s="65"/>
      <c r="R3877" s="76"/>
      <c r="S3877" s="76"/>
      <c r="T3877" s="76"/>
      <c r="U3877" s="76"/>
      <c r="V3877" s="76"/>
      <c r="W3877" s="76"/>
      <c r="X3877" s="76"/>
      <c r="Y3877" s="76"/>
      <c r="Z3877" s="76"/>
      <c r="AA3877" s="85"/>
      <c r="AB3877" s="85"/>
      <c r="AC3877" s="85"/>
      <c r="AD3877" s="85"/>
      <c r="AE3877" s="85"/>
      <c r="AF3877" s="85"/>
      <c r="AG3877" s="86"/>
      <c r="AH3877" s="85"/>
      <c r="AI3877" s="85"/>
      <c r="AJ3877" s="85"/>
      <c r="AK3877" s="85"/>
      <c r="AL3877" s="85"/>
      <c r="AM3877" s="92"/>
      <c r="AN3877" s="92"/>
      <c r="AO3877" s="92"/>
      <c r="AP3877" s="92"/>
      <c r="AQ3877" s="92"/>
      <c r="AR3877" s="92"/>
      <c r="AS3877" s="92"/>
      <c r="AT3877" s="92"/>
      <c r="AU3877" s="92"/>
      <c r="AV3877" s="92"/>
      <c r="AW3877" s="92"/>
      <c r="AX3877" s="92"/>
      <c r="AY3877" s="92"/>
      <c r="AZ3877" s="93"/>
      <c r="BA3877" s="93"/>
      <c r="BB3877" s="93"/>
      <c r="BC3877" s="93"/>
      <c r="BD3877" s="93"/>
      <c r="BE3877" s="93"/>
      <c r="BF3877" s="93"/>
      <c r="BG3877" s="93"/>
      <c r="BH3877" s="93"/>
      <c r="BI3877" s="93"/>
      <c r="BJ3877" s="93"/>
      <c r="BK3877" s="93"/>
      <c r="BL3877" s="93"/>
    </row>
    <row r="3878" spans="2:64" x14ac:dyDescent="0.2">
      <c r="B3878" s="43"/>
      <c r="C3878" s="73"/>
      <c r="D3878" s="64"/>
      <c r="E3878" s="55"/>
      <c r="F3878" s="74"/>
      <c r="G3878" s="74"/>
      <c r="H3878" s="74"/>
      <c r="I3878" s="75"/>
      <c r="J3878" s="74"/>
      <c r="L3878" s="55"/>
      <c r="M3878" s="234"/>
      <c r="N3878" s="65"/>
      <c r="O3878" s="76"/>
      <c r="P3878" s="76"/>
      <c r="Q3878" s="65"/>
      <c r="R3878" s="76"/>
      <c r="S3878" s="76"/>
      <c r="T3878" s="76"/>
      <c r="U3878" s="76"/>
      <c r="V3878" s="76"/>
      <c r="W3878" s="76"/>
      <c r="X3878" s="76"/>
      <c r="Y3878" s="76"/>
      <c r="Z3878" s="76"/>
      <c r="AA3878" s="85"/>
      <c r="AB3878" s="85"/>
      <c r="AC3878" s="85"/>
      <c r="AD3878" s="85"/>
      <c r="AE3878" s="85"/>
      <c r="AF3878" s="85"/>
      <c r="AG3878" s="86"/>
      <c r="AH3878" s="85"/>
      <c r="AI3878" s="85"/>
      <c r="AJ3878" s="85"/>
      <c r="AK3878" s="85"/>
      <c r="AL3878" s="85"/>
      <c r="AM3878" s="92"/>
      <c r="AN3878" s="92"/>
      <c r="AO3878" s="92"/>
      <c r="AP3878" s="92"/>
      <c r="AQ3878" s="92"/>
      <c r="AR3878" s="92"/>
      <c r="AS3878" s="92"/>
      <c r="AT3878" s="92"/>
      <c r="AU3878" s="92"/>
      <c r="AV3878" s="92"/>
      <c r="AW3878" s="92"/>
      <c r="AX3878" s="92"/>
      <c r="AY3878" s="92"/>
      <c r="AZ3878" s="93"/>
      <c r="BA3878" s="93"/>
      <c r="BB3878" s="93"/>
      <c r="BC3878" s="93"/>
      <c r="BD3878" s="93"/>
      <c r="BE3878" s="93"/>
      <c r="BF3878" s="93"/>
      <c r="BG3878" s="93"/>
      <c r="BH3878" s="93"/>
      <c r="BI3878" s="93"/>
      <c r="BJ3878" s="93"/>
      <c r="BK3878" s="93"/>
      <c r="BL3878" s="93"/>
    </row>
    <row r="3879" spans="2:64" x14ac:dyDescent="0.2">
      <c r="B3879" s="43"/>
      <c r="C3879" s="73"/>
      <c r="D3879" s="64"/>
      <c r="E3879" s="55"/>
      <c r="F3879" s="74"/>
      <c r="G3879" s="74"/>
      <c r="H3879" s="74"/>
      <c r="I3879" s="75"/>
      <c r="J3879" s="74"/>
      <c r="L3879" s="55"/>
      <c r="M3879" s="234"/>
      <c r="N3879" s="65"/>
      <c r="O3879" s="76"/>
      <c r="P3879" s="76"/>
      <c r="Q3879" s="65"/>
      <c r="R3879" s="76"/>
      <c r="S3879" s="76"/>
      <c r="T3879" s="76"/>
      <c r="U3879" s="76"/>
      <c r="V3879" s="76"/>
      <c r="W3879" s="76"/>
      <c r="X3879" s="76"/>
      <c r="Y3879" s="76"/>
      <c r="Z3879" s="76"/>
      <c r="AA3879" s="85"/>
      <c r="AB3879" s="85"/>
      <c r="AC3879" s="85"/>
      <c r="AD3879" s="85"/>
      <c r="AE3879" s="85"/>
      <c r="AF3879" s="85"/>
      <c r="AG3879" s="86"/>
      <c r="AH3879" s="85"/>
      <c r="AI3879" s="85"/>
      <c r="AJ3879" s="85"/>
      <c r="AK3879" s="85"/>
      <c r="AL3879" s="85"/>
      <c r="AM3879" s="92"/>
      <c r="AN3879" s="92"/>
      <c r="AO3879" s="92"/>
      <c r="AP3879" s="92"/>
      <c r="AQ3879" s="92"/>
      <c r="AR3879" s="92"/>
      <c r="AS3879" s="92"/>
      <c r="AT3879" s="92"/>
      <c r="AU3879" s="92"/>
      <c r="AV3879" s="92"/>
      <c r="AW3879" s="92"/>
      <c r="AX3879" s="92"/>
      <c r="AY3879" s="92"/>
      <c r="AZ3879" s="93"/>
      <c r="BA3879" s="93"/>
      <c r="BB3879" s="93"/>
      <c r="BC3879" s="93"/>
      <c r="BD3879" s="93"/>
      <c r="BE3879" s="93"/>
      <c r="BF3879" s="93"/>
      <c r="BG3879" s="93"/>
      <c r="BH3879" s="93"/>
      <c r="BI3879" s="93"/>
      <c r="BJ3879" s="93"/>
      <c r="BK3879" s="93"/>
      <c r="BL3879" s="93"/>
    </row>
    <row r="3880" spans="2:64" x14ac:dyDescent="0.2">
      <c r="B3880" s="43"/>
      <c r="C3880" s="73"/>
      <c r="D3880" s="64"/>
      <c r="E3880" s="55"/>
      <c r="F3880" s="74"/>
      <c r="G3880" s="74"/>
      <c r="H3880" s="74"/>
      <c r="I3880" s="75"/>
      <c r="J3880" s="74"/>
      <c r="L3880" s="55"/>
      <c r="M3880" s="234"/>
      <c r="N3880" s="65"/>
      <c r="O3880" s="76"/>
      <c r="P3880" s="76"/>
      <c r="Q3880" s="65"/>
      <c r="R3880" s="76"/>
      <c r="S3880" s="76"/>
      <c r="T3880" s="76"/>
      <c r="U3880" s="76"/>
      <c r="V3880" s="76"/>
      <c r="W3880" s="76"/>
      <c r="X3880" s="76"/>
      <c r="Y3880" s="76"/>
      <c r="Z3880" s="76"/>
      <c r="AA3880" s="85"/>
      <c r="AB3880" s="85"/>
      <c r="AC3880" s="85"/>
      <c r="AD3880" s="85"/>
      <c r="AE3880" s="85"/>
      <c r="AF3880" s="85"/>
      <c r="AG3880" s="86"/>
      <c r="AH3880" s="85"/>
      <c r="AI3880" s="85"/>
      <c r="AJ3880" s="85"/>
      <c r="AK3880" s="85"/>
      <c r="AL3880" s="85"/>
      <c r="AM3880" s="92"/>
      <c r="AN3880" s="92"/>
      <c r="AO3880" s="92"/>
      <c r="AP3880" s="92"/>
      <c r="AQ3880" s="92"/>
      <c r="AR3880" s="92"/>
      <c r="AS3880" s="92"/>
      <c r="AT3880" s="92"/>
      <c r="AU3880" s="92"/>
      <c r="AV3880" s="92"/>
      <c r="AW3880" s="92"/>
      <c r="AX3880" s="92"/>
      <c r="AY3880" s="92"/>
      <c r="AZ3880" s="93"/>
      <c r="BA3880" s="93"/>
      <c r="BB3880" s="93"/>
      <c r="BC3880" s="93"/>
      <c r="BD3880" s="93"/>
      <c r="BE3880" s="93"/>
      <c r="BF3880" s="93"/>
      <c r="BG3880" s="93"/>
      <c r="BH3880" s="93"/>
      <c r="BI3880" s="93"/>
      <c r="BJ3880" s="93"/>
      <c r="BK3880" s="93"/>
      <c r="BL3880" s="93"/>
    </row>
    <row r="3881" spans="2:64" x14ac:dyDescent="0.2">
      <c r="B3881" s="43"/>
      <c r="C3881" s="73"/>
      <c r="D3881" s="64"/>
      <c r="E3881" s="55"/>
      <c r="F3881" s="74"/>
      <c r="G3881" s="74"/>
      <c r="H3881" s="74"/>
      <c r="I3881" s="75"/>
      <c r="J3881" s="74"/>
      <c r="L3881" s="55"/>
      <c r="M3881" s="234"/>
      <c r="N3881" s="65"/>
      <c r="O3881" s="76"/>
      <c r="P3881" s="76"/>
      <c r="Q3881" s="65"/>
      <c r="R3881" s="76"/>
      <c r="S3881" s="76"/>
      <c r="T3881" s="76"/>
      <c r="U3881" s="76"/>
      <c r="V3881" s="76"/>
      <c r="W3881" s="76"/>
      <c r="X3881" s="76"/>
      <c r="Y3881" s="76"/>
      <c r="Z3881" s="76"/>
      <c r="AA3881" s="85"/>
      <c r="AB3881" s="85"/>
      <c r="AC3881" s="85"/>
      <c r="AD3881" s="85"/>
      <c r="AE3881" s="85"/>
      <c r="AF3881" s="85"/>
      <c r="AG3881" s="86"/>
      <c r="AH3881" s="85"/>
      <c r="AI3881" s="85"/>
      <c r="AJ3881" s="85"/>
      <c r="AK3881" s="85"/>
      <c r="AL3881" s="85"/>
      <c r="AM3881" s="92"/>
      <c r="AN3881" s="92"/>
      <c r="AO3881" s="92"/>
      <c r="AP3881" s="92"/>
      <c r="AQ3881" s="92"/>
      <c r="AR3881" s="92"/>
      <c r="AS3881" s="92"/>
      <c r="AT3881" s="92"/>
      <c r="AU3881" s="92"/>
      <c r="AV3881" s="92"/>
      <c r="AW3881" s="92"/>
      <c r="AX3881" s="92"/>
      <c r="AY3881" s="92"/>
      <c r="AZ3881" s="93"/>
      <c r="BA3881" s="93"/>
      <c r="BB3881" s="93"/>
      <c r="BC3881" s="93"/>
      <c r="BD3881" s="93"/>
      <c r="BE3881" s="93"/>
      <c r="BF3881" s="93"/>
      <c r="BG3881" s="93"/>
      <c r="BH3881" s="93"/>
      <c r="BI3881" s="93"/>
      <c r="BJ3881" s="93"/>
      <c r="BK3881" s="93"/>
      <c r="BL3881" s="93"/>
    </row>
    <row r="3882" spans="2:64" x14ac:dyDescent="0.2">
      <c r="B3882" s="43"/>
      <c r="C3882" s="73"/>
      <c r="D3882" s="64"/>
      <c r="E3882" s="55"/>
      <c r="F3882" s="74"/>
      <c r="G3882" s="74"/>
      <c r="H3882" s="74"/>
      <c r="I3882" s="75"/>
      <c r="J3882" s="74"/>
      <c r="L3882" s="55"/>
      <c r="M3882" s="234"/>
      <c r="N3882" s="65"/>
      <c r="O3882" s="76"/>
      <c r="P3882" s="76"/>
      <c r="Q3882" s="65"/>
      <c r="R3882" s="76"/>
      <c r="S3882" s="76"/>
      <c r="T3882" s="76"/>
      <c r="U3882" s="76"/>
      <c r="V3882" s="76"/>
      <c r="W3882" s="76"/>
      <c r="X3882" s="76"/>
      <c r="Y3882" s="76"/>
      <c r="Z3882" s="76"/>
      <c r="AA3882" s="85"/>
      <c r="AB3882" s="85"/>
      <c r="AC3882" s="85"/>
      <c r="AD3882" s="85"/>
      <c r="AE3882" s="85"/>
      <c r="AF3882" s="85"/>
      <c r="AG3882" s="86"/>
      <c r="AH3882" s="85"/>
      <c r="AI3882" s="85"/>
      <c r="AJ3882" s="85"/>
      <c r="AK3882" s="85"/>
      <c r="AL3882" s="85"/>
      <c r="AM3882" s="92"/>
      <c r="AN3882" s="92"/>
      <c r="AO3882" s="92"/>
      <c r="AP3882" s="92"/>
      <c r="AQ3882" s="92"/>
      <c r="AR3882" s="92"/>
      <c r="AS3882" s="92"/>
      <c r="AT3882" s="92"/>
      <c r="AU3882" s="92"/>
      <c r="AV3882" s="92"/>
      <c r="AW3882" s="92"/>
      <c r="AX3882" s="92"/>
      <c r="AY3882" s="92"/>
      <c r="AZ3882" s="93"/>
      <c r="BA3882" s="93"/>
      <c r="BB3882" s="93"/>
      <c r="BC3882" s="93"/>
      <c r="BD3882" s="93"/>
      <c r="BE3882" s="93"/>
      <c r="BF3882" s="93"/>
      <c r="BG3882" s="93"/>
      <c r="BH3882" s="93"/>
      <c r="BI3882" s="93"/>
      <c r="BJ3882" s="93"/>
      <c r="BK3882" s="93"/>
      <c r="BL3882" s="93"/>
    </row>
    <row r="3883" spans="2:64" x14ac:dyDescent="0.2">
      <c r="B3883" s="43"/>
      <c r="C3883" s="73"/>
      <c r="D3883" s="64"/>
      <c r="E3883" s="55"/>
      <c r="F3883" s="74"/>
      <c r="G3883" s="74"/>
      <c r="H3883" s="74"/>
      <c r="I3883" s="75"/>
      <c r="J3883" s="74"/>
      <c r="L3883" s="55"/>
      <c r="M3883" s="234"/>
      <c r="N3883" s="65"/>
      <c r="O3883" s="76"/>
      <c r="P3883" s="76"/>
      <c r="Q3883" s="65"/>
      <c r="R3883" s="76"/>
      <c r="S3883" s="76"/>
      <c r="T3883" s="76"/>
      <c r="U3883" s="76"/>
      <c r="V3883" s="76"/>
      <c r="W3883" s="76"/>
      <c r="X3883" s="76"/>
      <c r="Y3883" s="76"/>
      <c r="Z3883" s="76"/>
      <c r="AA3883" s="85"/>
      <c r="AB3883" s="85"/>
      <c r="AC3883" s="85"/>
      <c r="AD3883" s="85"/>
      <c r="AE3883" s="85"/>
      <c r="AF3883" s="85"/>
      <c r="AG3883" s="86"/>
      <c r="AH3883" s="85"/>
      <c r="AI3883" s="85"/>
      <c r="AJ3883" s="85"/>
      <c r="AK3883" s="85"/>
      <c r="AL3883" s="85"/>
      <c r="AM3883" s="92"/>
      <c r="AN3883" s="92"/>
      <c r="AO3883" s="92"/>
      <c r="AP3883" s="92"/>
      <c r="AQ3883" s="92"/>
      <c r="AR3883" s="92"/>
      <c r="AS3883" s="92"/>
      <c r="AT3883" s="92"/>
      <c r="AU3883" s="92"/>
      <c r="AV3883" s="92"/>
      <c r="AW3883" s="92"/>
      <c r="AX3883" s="92"/>
      <c r="AY3883" s="92"/>
      <c r="AZ3883" s="93"/>
      <c r="BA3883" s="93"/>
      <c r="BB3883" s="93"/>
      <c r="BC3883" s="93"/>
      <c r="BD3883" s="93"/>
      <c r="BE3883" s="93"/>
      <c r="BF3883" s="93"/>
      <c r="BG3883" s="93"/>
      <c r="BH3883" s="93"/>
      <c r="BI3883" s="93"/>
      <c r="BJ3883" s="93"/>
      <c r="BK3883" s="93"/>
      <c r="BL3883" s="93"/>
    </row>
    <row r="3884" spans="2:64" x14ac:dyDescent="0.2">
      <c r="B3884" s="43"/>
      <c r="C3884" s="73"/>
      <c r="D3884" s="64"/>
      <c r="E3884" s="55"/>
      <c r="F3884" s="74"/>
      <c r="G3884" s="74"/>
      <c r="H3884" s="74"/>
      <c r="I3884" s="75"/>
      <c r="J3884" s="74"/>
      <c r="L3884" s="55"/>
      <c r="M3884" s="234"/>
      <c r="N3884" s="65"/>
      <c r="O3884" s="76"/>
      <c r="P3884" s="76"/>
      <c r="Q3884" s="65"/>
      <c r="R3884" s="76"/>
      <c r="S3884" s="76"/>
      <c r="T3884" s="76"/>
      <c r="U3884" s="76"/>
      <c r="V3884" s="76"/>
      <c r="W3884" s="76"/>
      <c r="X3884" s="76"/>
      <c r="Y3884" s="76"/>
      <c r="Z3884" s="76"/>
      <c r="AA3884" s="85"/>
      <c r="AB3884" s="85"/>
      <c r="AC3884" s="85"/>
      <c r="AD3884" s="85"/>
      <c r="AE3884" s="85"/>
      <c r="AF3884" s="85"/>
      <c r="AG3884" s="86"/>
      <c r="AH3884" s="85"/>
      <c r="AI3884" s="85"/>
      <c r="AJ3884" s="85"/>
      <c r="AK3884" s="85"/>
      <c r="AL3884" s="85"/>
      <c r="AM3884" s="92"/>
      <c r="AN3884" s="92"/>
      <c r="AO3884" s="92"/>
      <c r="AP3884" s="92"/>
      <c r="AQ3884" s="92"/>
      <c r="AR3884" s="92"/>
      <c r="AS3884" s="92"/>
      <c r="AT3884" s="92"/>
      <c r="AU3884" s="92"/>
      <c r="AV3884" s="92"/>
      <c r="AW3884" s="92"/>
      <c r="AX3884" s="92"/>
      <c r="AY3884" s="92"/>
      <c r="AZ3884" s="93"/>
      <c r="BA3884" s="93"/>
      <c r="BB3884" s="93"/>
      <c r="BC3884" s="93"/>
      <c r="BD3884" s="93"/>
      <c r="BE3884" s="93"/>
      <c r="BF3884" s="93"/>
      <c r="BG3884" s="93"/>
      <c r="BH3884" s="93"/>
      <c r="BI3884" s="93"/>
      <c r="BJ3884" s="93"/>
      <c r="BK3884" s="93"/>
      <c r="BL3884" s="93"/>
    </row>
    <row r="3885" spans="2:64" x14ac:dyDescent="0.2">
      <c r="B3885" s="43"/>
      <c r="C3885" s="73"/>
      <c r="D3885" s="64"/>
      <c r="E3885" s="55"/>
      <c r="F3885" s="74"/>
      <c r="G3885" s="74"/>
      <c r="H3885" s="74"/>
      <c r="I3885" s="75"/>
      <c r="J3885" s="74"/>
      <c r="L3885" s="55"/>
      <c r="M3885" s="234"/>
      <c r="N3885" s="65"/>
      <c r="O3885" s="76"/>
      <c r="P3885" s="76"/>
      <c r="Q3885" s="65"/>
      <c r="R3885" s="76"/>
      <c r="S3885" s="76"/>
      <c r="T3885" s="76"/>
      <c r="U3885" s="76"/>
      <c r="V3885" s="76"/>
      <c r="W3885" s="76"/>
      <c r="X3885" s="76"/>
      <c r="Y3885" s="76"/>
      <c r="Z3885" s="76"/>
      <c r="AA3885" s="85"/>
      <c r="AB3885" s="85"/>
      <c r="AC3885" s="85"/>
      <c r="AD3885" s="85"/>
      <c r="AE3885" s="85"/>
      <c r="AF3885" s="85"/>
      <c r="AG3885" s="86"/>
      <c r="AH3885" s="85"/>
      <c r="AI3885" s="85"/>
      <c r="AJ3885" s="85"/>
      <c r="AK3885" s="85"/>
      <c r="AL3885" s="85"/>
      <c r="AM3885" s="92"/>
      <c r="AN3885" s="92"/>
      <c r="AO3885" s="92"/>
      <c r="AP3885" s="92"/>
      <c r="AQ3885" s="92"/>
      <c r="AR3885" s="92"/>
      <c r="AS3885" s="92"/>
      <c r="AT3885" s="92"/>
      <c r="AU3885" s="92"/>
      <c r="AV3885" s="92"/>
      <c r="AW3885" s="92"/>
      <c r="AX3885" s="92"/>
      <c r="AY3885" s="92"/>
      <c r="AZ3885" s="93"/>
      <c r="BA3885" s="93"/>
      <c r="BB3885" s="93"/>
      <c r="BC3885" s="93"/>
      <c r="BD3885" s="93"/>
      <c r="BE3885" s="93"/>
      <c r="BF3885" s="93"/>
      <c r="BG3885" s="93"/>
      <c r="BH3885" s="93"/>
      <c r="BI3885" s="93"/>
      <c r="BJ3885" s="93"/>
      <c r="BK3885" s="93"/>
      <c r="BL3885" s="93"/>
    </row>
    <row r="3886" spans="2:64" x14ac:dyDescent="0.2">
      <c r="B3886" s="43"/>
      <c r="C3886" s="73"/>
      <c r="D3886" s="64"/>
      <c r="E3886" s="55"/>
      <c r="F3886" s="74"/>
      <c r="G3886" s="74"/>
      <c r="H3886" s="74"/>
      <c r="I3886" s="75"/>
      <c r="J3886" s="74"/>
      <c r="L3886" s="55"/>
      <c r="M3886" s="234"/>
      <c r="N3886" s="65"/>
      <c r="O3886" s="76"/>
      <c r="P3886" s="76"/>
      <c r="Q3886" s="65"/>
      <c r="R3886" s="76"/>
      <c r="S3886" s="76"/>
      <c r="T3886" s="76"/>
      <c r="U3886" s="76"/>
      <c r="V3886" s="76"/>
      <c r="W3886" s="76"/>
      <c r="X3886" s="76"/>
      <c r="Y3886" s="76"/>
      <c r="Z3886" s="76"/>
      <c r="AA3886" s="85"/>
      <c r="AB3886" s="85"/>
      <c r="AC3886" s="85"/>
      <c r="AD3886" s="85"/>
      <c r="AE3886" s="85"/>
      <c r="AF3886" s="85"/>
      <c r="AG3886" s="86"/>
      <c r="AH3886" s="85"/>
      <c r="AI3886" s="85"/>
      <c r="AJ3886" s="85"/>
      <c r="AK3886" s="85"/>
      <c r="AL3886" s="85"/>
      <c r="AM3886" s="92"/>
      <c r="AN3886" s="92"/>
      <c r="AO3886" s="92"/>
      <c r="AP3886" s="92"/>
      <c r="AQ3886" s="92"/>
      <c r="AR3886" s="92"/>
      <c r="AS3886" s="92"/>
      <c r="AT3886" s="92"/>
      <c r="AU3886" s="92"/>
      <c r="AV3886" s="92"/>
      <c r="AW3886" s="92"/>
      <c r="AX3886" s="92"/>
      <c r="AY3886" s="92"/>
      <c r="AZ3886" s="93"/>
      <c r="BA3886" s="93"/>
      <c r="BB3886" s="93"/>
      <c r="BC3886" s="93"/>
      <c r="BD3886" s="93"/>
      <c r="BE3886" s="93"/>
      <c r="BF3886" s="93"/>
      <c r="BG3886" s="93"/>
      <c r="BH3886" s="93"/>
      <c r="BI3886" s="93"/>
      <c r="BJ3886" s="93"/>
      <c r="BK3886" s="93"/>
      <c r="BL3886" s="93"/>
    </row>
    <row r="3887" spans="2:64" x14ac:dyDescent="0.2">
      <c r="B3887" s="43"/>
      <c r="C3887" s="73"/>
      <c r="D3887" s="64"/>
      <c r="E3887" s="55"/>
      <c r="F3887" s="74"/>
      <c r="G3887" s="74"/>
      <c r="H3887" s="74"/>
      <c r="I3887" s="75"/>
      <c r="J3887" s="74"/>
      <c r="L3887" s="55"/>
      <c r="M3887" s="234"/>
      <c r="N3887" s="65"/>
      <c r="O3887" s="76"/>
      <c r="P3887" s="76"/>
      <c r="Q3887" s="65"/>
      <c r="R3887" s="76"/>
      <c r="S3887" s="76"/>
      <c r="T3887" s="76"/>
      <c r="U3887" s="76"/>
      <c r="V3887" s="76"/>
      <c r="W3887" s="76"/>
      <c r="X3887" s="76"/>
      <c r="Y3887" s="76"/>
      <c r="Z3887" s="76"/>
      <c r="AA3887" s="85"/>
      <c r="AB3887" s="85"/>
      <c r="AC3887" s="85"/>
      <c r="AD3887" s="85"/>
      <c r="AE3887" s="85"/>
      <c r="AF3887" s="85"/>
      <c r="AG3887" s="86"/>
      <c r="AH3887" s="85"/>
      <c r="AI3887" s="85"/>
      <c r="AJ3887" s="85"/>
      <c r="AK3887" s="85"/>
      <c r="AL3887" s="85"/>
      <c r="AM3887" s="92"/>
      <c r="AN3887" s="92"/>
      <c r="AO3887" s="92"/>
      <c r="AP3887" s="92"/>
      <c r="AQ3887" s="92"/>
      <c r="AR3887" s="92"/>
      <c r="AS3887" s="92"/>
      <c r="AT3887" s="92"/>
      <c r="AU3887" s="92"/>
      <c r="AV3887" s="92"/>
      <c r="AW3887" s="92"/>
      <c r="AX3887" s="92"/>
      <c r="AY3887" s="92"/>
      <c r="AZ3887" s="93"/>
      <c r="BA3887" s="93"/>
      <c r="BB3887" s="93"/>
      <c r="BC3887" s="93"/>
      <c r="BD3887" s="93"/>
      <c r="BE3887" s="93"/>
      <c r="BF3887" s="93"/>
      <c r="BG3887" s="93"/>
      <c r="BH3887" s="93"/>
      <c r="BI3887" s="93"/>
      <c r="BJ3887" s="93"/>
      <c r="BK3887" s="93"/>
      <c r="BL3887" s="93"/>
    </row>
    <row r="3888" spans="2:64" x14ac:dyDescent="0.2">
      <c r="B3888" s="43"/>
      <c r="C3888" s="73"/>
      <c r="D3888" s="64"/>
      <c r="E3888" s="55"/>
      <c r="F3888" s="74"/>
      <c r="G3888" s="74"/>
      <c r="H3888" s="74"/>
      <c r="I3888" s="75"/>
      <c r="J3888" s="74"/>
      <c r="L3888" s="55"/>
      <c r="M3888" s="234"/>
      <c r="N3888" s="65"/>
      <c r="O3888" s="76"/>
      <c r="P3888" s="76"/>
      <c r="Q3888" s="65"/>
      <c r="R3888" s="76"/>
      <c r="S3888" s="76"/>
      <c r="T3888" s="76"/>
      <c r="U3888" s="76"/>
      <c r="V3888" s="76"/>
      <c r="W3888" s="76"/>
      <c r="X3888" s="76"/>
      <c r="Y3888" s="76"/>
      <c r="Z3888" s="76"/>
      <c r="AA3888" s="85"/>
      <c r="AB3888" s="85"/>
      <c r="AC3888" s="85"/>
      <c r="AD3888" s="85"/>
      <c r="AE3888" s="85"/>
      <c r="AF3888" s="85"/>
      <c r="AG3888" s="86"/>
      <c r="AH3888" s="85"/>
      <c r="AI3888" s="85"/>
      <c r="AJ3888" s="85"/>
      <c r="AK3888" s="85"/>
      <c r="AL3888" s="85"/>
      <c r="AM3888" s="92"/>
      <c r="AN3888" s="92"/>
      <c r="AO3888" s="92"/>
      <c r="AP3888" s="92"/>
      <c r="AQ3888" s="92"/>
      <c r="AR3888" s="92"/>
      <c r="AS3888" s="92"/>
      <c r="AT3888" s="92"/>
      <c r="AU3888" s="92"/>
      <c r="AV3888" s="92"/>
      <c r="AW3888" s="92"/>
      <c r="AX3888" s="92"/>
      <c r="AY3888" s="92"/>
      <c r="AZ3888" s="93"/>
      <c r="BA3888" s="93"/>
      <c r="BB3888" s="93"/>
      <c r="BC3888" s="93"/>
      <c r="BD3888" s="93"/>
      <c r="BE3888" s="93"/>
      <c r="BF3888" s="93"/>
      <c r="BG3888" s="93"/>
      <c r="BH3888" s="93"/>
      <c r="BI3888" s="93"/>
      <c r="BJ3888" s="93"/>
      <c r="BK3888" s="93"/>
      <c r="BL3888" s="93"/>
    </row>
    <row r="3889" spans="2:64" x14ac:dyDescent="0.2">
      <c r="B3889" s="43"/>
      <c r="C3889" s="73"/>
      <c r="D3889" s="64"/>
      <c r="E3889" s="55"/>
      <c r="F3889" s="74"/>
      <c r="G3889" s="74"/>
      <c r="H3889" s="74"/>
      <c r="I3889" s="75"/>
      <c r="J3889" s="74"/>
      <c r="L3889" s="55"/>
      <c r="M3889" s="234"/>
      <c r="N3889" s="65"/>
      <c r="O3889" s="76"/>
      <c r="P3889" s="76"/>
      <c r="Q3889" s="65"/>
      <c r="R3889" s="76"/>
      <c r="S3889" s="76"/>
      <c r="T3889" s="76"/>
      <c r="U3889" s="76"/>
      <c r="V3889" s="76"/>
      <c r="W3889" s="76"/>
      <c r="X3889" s="76"/>
      <c r="Y3889" s="76"/>
      <c r="Z3889" s="76"/>
      <c r="AA3889" s="85"/>
      <c r="AB3889" s="85"/>
      <c r="AC3889" s="85"/>
      <c r="AD3889" s="85"/>
      <c r="AE3889" s="85"/>
      <c r="AF3889" s="85"/>
      <c r="AG3889" s="86"/>
      <c r="AH3889" s="85"/>
      <c r="AI3889" s="85"/>
      <c r="AJ3889" s="85"/>
      <c r="AK3889" s="85"/>
      <c r="AL3889" s="85"/>
      <c r="AM3889" s="92"/>
      <c r="AN3889" s="92"/>
      <c r="AO3889" s="92"/>
      <c r="AP3889" s="92"/>
      <c r="AQ3889" s="92"/>
      <c r="AR3889" s="92"/>
      <c r="AS3889" s="92"/>
      <c r="AT3889" s="92"/>
      <c r="AU3889" s="92"/>
      <c r="AV3889" s="92"/>
      <c r="AW3889" s="92"/>
      <c r="AX3889" s="92"/>
      <c r="AY3889" s="92"/>
      <c r="AZ3889" s="93"/>
      <c r="BA3889" s="93"/>
      <c r="BB3889" s="93"/>
      <c r="BC3889" s="93"/>
      <c r="BD3889" s="93"/>
      <c r="BE3889" s="93"/>
      <c r="BF3889" s="93"/>
      <c r="BG3889" s="93"/>
      <c r="BH3889" s="93"/>
      <c r="BI3889" s="93"/>
      <c r="BJ3889" s="93"/>
      <c r="BK3889" s="93"/>
      <c r="BL3889" s="93"/>
    </row>
    <row r="3890" spans="2:64" x14ac:dyDescent="0.2">
      <c r="B3890" s="43"/>
      <c r="C3890" s="73"/>
      <c r="D3890" s="64"/>
      <c r="E3890" s="55"/>
      <c r="F3890" s="74"/>
      <c r="G3890" s="74"/>
      <c r="H3890" s="74"/>
      <c r="I3890" s="75"/>
      <c r="J3890" s="74"/>
      <c r="L3890" s="55"/>
      <c r="M3890" s="234"/>
      <c r="N3890" s="65"/>
      <c r="O3890" s="76"/>
      <c r="P3890" s="76"/>
      <c r="Q3890" s="65"/>
      <c r="R3890" s="76"/>
      <c r="S3890" s="76"/>
      <c r="T3890" s="76"/>
      <c r="U3890" s="76"/>
      <c r="V3890" s="76"/>
      <c r="W3890" s="76"/>
      <c r="X3890" s="76"/>
      <c r="Y3890" s="76"/>
      <c r="Z3890" s="76"/>
      <c r="AA3890" s="85"/>
      <c r="AB3890" s="85"/>
      <c r="AC3890" s="85"/>
      <c r="AD3890" s="85"/>
      <c r="AE3890" s="85"/>
      <c r="AF3890" s="85"/>
      <c r="AG3890" s="86"/>
      <c r="AH3890" s="85"/>
      <c r="AI3890" s="85"/>
      <c r="AJ3890" s="85"/>
      <c r="AK3890" s="85"/>
      <c r="AL3890" s="85"/>
      <c r="AM3890" s="92"/>
      <c r="AN3890" s="92"/>
      <c r="AO3890" s="92"/>
      <c r="AP3890" s="92"/>
      <c r="AQ3890" s="92"/>
      <c r="AR3890" s="92"/>
      <c r="AS3890" s="92"/>
      <c r="AT3890" s="92"/>
      <c r="AU3890" s="92"/>
      <c r="AV3890" s="92"/>
      <c r="AW3890" s="92"/>
      <c r="AX3890" s="92"/>
      <c r="AY3890" s="92"/>
      <c r="AZ3890" s="93"/>
      <c r="BA3890" s="93"/>
      <c r="BB3890" s="93"/>
      <c r="BC3890" s="93"/>
      <c r="BD3890" s="93"/>
      <c r="BE3890" s="93"/>
      <c r="BF3890" s="93"/>
      <c r="BG3890" s="93"/>
      <c r="BH3890" s="93"/>
      <c r="BI3890" s="93"/>
      <c r="BJ3890" s="93"/>
      <c r="BK3890" s="93"/>
      <c r="BL3890" s="93"/>
    </row>
    <row r="3891" spans="2:64" x14ac:dyDescent="0.2">
      <c r="B3891" s="43"/>
      <c r="C3891" s="73"/>
      <c r="D3891" s="64"/>
      <c r="E3891" s="55"/>
      <c r="F3891" s="74"/>
      <c r="G3891" s="74"/>
      <c r="H3891" s="74"/>
      <c r="I3891" s="75"/>
      <c r="J3891" s="74"/>
      <c r="L3891" s="55"/>
      <c r="M3891" s="234"/>
      <c r="N3891" s="65"/>
      <c r="O3891" s="76"/>
      <c r="P3891" s="76"/>
      <c r="Q3891" s="65"/>
      <c r="R3891" s="76"/>
      <c r="S3891" s="76"/>
      <c r="T3891" s="76"/>
      <c r="U3891" s="76"/>
      <c r="V3891" s="76"/>
      <c r="W3891" s="76"/>
      <c r="X3891" s="76"/>
      <c r="Y3891" s="76"/>
      <c r="Z3891" s="76"/>
      <c r="AA3891" s="85"/>
      <c r="AB3891" s="85"/>
      <c r="AC3891" s="85"/>
      <c r="AD3891" s="85"/>
      <c r="AE3891" s="85"/>
      <c r="AF3891" s="85"/>
      <c r="AG3891" s="86"/>
      <c r="AH3891" s="85"/>
      <c r="AI3891" s="85"/>
      <c r="AJ3891" s="85"/>
      <c r="AK3891" s="85"/>
      <c r="AL3891" s="85"/>
      <c r="AM3891" s="92"/>
      <c r="AN3891" s="92"/>
      <c r="AO3891" s="92"/>
      <c r="AP3891" s="92"/>
      <c r="AQ3891" s="92"/>
      <c r="AR3891" s="92"/>
      <c r="AS3891" s="92"/>
      <c r="AT3891" s="92"/>
      <c r="AU3891" s="92"/>
      <c r="AV3891" s="92"/>
      <c r="AW3891" s="92"/>
      <c r="AX3891" s="92"/>
      <c r="AY3891" s="92"/>
      <c r="AZ3891" s="93"/>
      <c r="BA3891" s="93"/>
      <c r="BB3891" s="93"/>
      <c r="BC3891" s="93"/>
      <c r="BD3891" s="93"/>
      <c r="BE3891" s="93"/>
      <c r="BF3891" s="93"/>
      <c r="BG3891" s="93"/>
      <c r="BH3891" s="93"/>
      <c r="BI3891" s="93"/>
      <c r="BJ3891" s="93"/>
      <c r="BK3891" s="93"/>
      <c r="BL3891" s="93"/>
    </row>
    <row r="3892" spans="2:64" x14ac:dyDescent="0.2">
      <c r="B3892" s="43"/>
      <c r="C3892" s="73"/>
      <c r="D3892" s="64"/>
      <c r="E3892" s="55"/>
      <c r="F3892" s="74"/>
      <c r="G3892" s="74"/>
      <c r="H3892" s="74"/>
      <c r="I3892" s="75"/>
      <c r="J3892" s="74"/>
      <c r="L3892" s="55"/>
      <c r="M3892" s="234"/>
      <c r="N3892" s="65"/>
      <c r="O3892" s="76"/>
      <c r="P3892" s="76"/>
      <c r="Q3892" s="65"/>
      <c r="R3892" s="76"/>
      <c r="S3892" s="76"/>
      <c r="T3892" s="76"/>
      <c r="U3892" s="76"/>
      <c r="V3892" s="76"/>
      <c r="W3892" s="76"/>
      <c r="X3892" s="76"/>
      <c r="Y3892" s="76"/>
      <c r="Z3892" s="76"/>
      <c r="AA3892" s="85"/>
      <c r="AB3892" s="85"/>
      <c r="AC3892" s="85"/>
      <c r="AD3892" s="85"/>
      <c r="AE3892" s="85"/>
      <c r="AF3892" s="85"/>
      <c r="AG3892" s="86"/>
      <c r="AH3892" s="85"/>
      <c r="AI3892" s="85"/>
      <c r="AJ3892" s="85"/>
      <c r="AK3892" s="85"/>
      <c r="AL3892" s="85"/>
      <c r="AM3892" s="92"/>
      <c r="AN3892" s="92"/>
      <c r="AO3892" s="92"/>
      <c r="AP3892" s="92"/>
      <c r="AQ3892" s="92"/>
      <c r="AR3892" s="92"/>
      <c r="AS3892" s="92"/>
      <c r="AT3892" s="92"/>
      <c r="AU3892" s="92"/>
      <c r="AV3892" s="92"/>
      <c r="AW3892" s="92"/>
      <c r="AX3892" s="92"/>
      <c r="AY3892" s="92"/>
      <c r="AZ3892" s="93"/>
      <c r="BA3892" s="93"/>
      <c r="BB3892" s="93"/>
      <c r="BC3892" s="93"/>
      <c r="BD3892" s="93"/>
      <c r="BE3892" s="93"/>
      <c r="BF3892" s="93"/>
      <c r="BG3892" s="93"/>
      <c r="BH3892" s="93"/>
      <c r="BI3892" s="93"/>
      <c r="BJ3892" s="93"/>
      <c r="BK3892" s="93"/>
      <c r="BL3892" s="93"/>
    </row>
    <row r="3893" spans="2:64" x14ac:dyDescent="0.2">
      <c r="B3893" s="43"/>
      <c r="C3893" s="73"/>
      <c r="D3893" s="64"/>
      <c r="E3893" s="55"/>
      <c r="F3893" s="74"/>
      <c r="G3893" s="74"/>
      <c r="H3893" s="74"/>
      <c r="I3893" s="75"/>
      <c r="J3893" s="74"/>
      <c r="L3893" s="55"/>
      <c r="M3893" s="234"/>
      <c r="N3893" s="65"/>
      <c r="O3893" s="76"/>
      <c r="P3893" s="76"/>
      <c r="Q3893" s="65"/>
      <c r="R3893" s="76"/>
      <c r="S3893" s="76"/>
      <c r="T3893" s="76"/>
      <c r="U3893" s="76"/>
      <c r="V3893" s="76"/>
      <c r="W3893" s="76"/>
      <c r="X3893" s="76"/>
      <c r="Y3893" s="76"/>
      <c r="Z3893" s="76"/>
      <c r="AA3893" s="85"/>
      <c r="AB3893" s="85"/>
      <c r="AC3893" s="85"/>
      <c r="AD3893" s="85"/>
      <c r="AE3893" s="85"/>
      <c r="AF3893" s="85"/>
      <c r="AG3893" s="86"/>
      <c r="AH3893" s="85"/>
      <c r="AI3893" s="85"/>
      <c r="AJ3893" s="85"/>
      <c r="AK3893" s="85"/>
      <c r="AL3893" s="85"/>
      <c r="AM3893" s="92"/>
      <c r="AN3893" s="92"/>
      <c r="AO3893" s="92"/>
      <c r="AP3893" s="92"/>
      <c r="AQ3893" s="92"/>
      <c r="AR3893" s="92"/>
      <c r="AS3893" s="92"/>
      <c r="AT3893" s="92"/>
      <c r="AU3893" s="92"/>
      <c r="AV3893" s="92"/>
      <c r="AW3893" s="92"/>
      <c r="AX3893" s="92"/>
      <c r="AY3893" s="92"/>
      <c r="AZ3893" s="93"/>
      <c r="BA3893" s="93"/>
      <c r="BB3893" s="93"/>
      <c r="BC3893" s="93"/>
      <c r="BD3893" s="93"/>
      <c r="BE3893" s="93"/>
      <c r="BF3893" s="93"/>
      <c r="BG3893" s="93"/>
      <c r="BH3893" s="93"/>
      <c r="BI3893" s="93"/>
      <c r="BJ3893" s="93"/>
      <c r="BK3893" s="93"/>
      <c r="BL3893" s="93"/>
    </row>
    <row r="3894" spans="2:64" x14ac:dyDescent="0.2">
      <c r="B3894" s="43"/>
      <c r="C3894" s="73"/>
      <c r="D3894" s="64"/>
      <c r="E3894" s="55"/>
      <c r="F3894" s="74"/>
      <c r="G3894" s="74"/>
      <c r="H3894" s="74"/>
      <c r="I3894" s="75"/>
      <c r="J3894" s="74"/>
      <c r="L3894" s="55"/>
      <c r="M3894" s="234"/>
      <c r="N3894" s="65"/>
      <c r="O3894" s="76"/>
      <c r="P3894" s="76"/>
      <c r="Q3894" s="65"/>
      <c r="R3894" s="76"/>
      <c r="S3894" s="76"/>
      <c r="T3894" s="76"/>
      <c r="U3894" s="76"/>
      <c r="V3894" s="76"/>
      <c r="W3894" s="76"/>
      <c r="X3894" s="76"/>
      <c r="Y3894" s="76"/>
      <c r="Z3894" s="76"/>
      <c r="AA3894" s="85"/>
      <c r="AB3894" s="85"/>
      <c r="AC3894" s="85"/>
      <c r="AD3894" s="85"/>
      <c r="AE3894" s="85"/>
      <c r="AF3894" s="85"/>
      <c r="AG3894" s="86"/>
      <c r="AH3894" s="85"/>
      <c r="AI3894" s="85"/>
      <c r="AJ3894" s="85"/>
      <c r="AK3894" s="85"/>
      <c r="AL3894" s="85"/>
      <c r="AM3894" s="92"/>
      <c r="AN3894" s="92"/>
      <c r="AO3894" s="92"/>
      <c r="AP3894" s="92"/>
      <c r="AQ3894" s="92"/>
      <c r="AR3894" s="92"/>
      <c r="AS3894" s="92"/>
      <c r="AT3894" s="92"/>
      <c r="AU3894" s="92"/>
      <c r="AV3894" s="92"/>
      <c r="AW3894" s="92"/>
      <c r="AX3894" s="92"/>
      <c r="AY3894" s="92"/>
      <c r="AZ3894" s="93"/>
      <c r="BA3894" s="93"/>
      <c r="BB3894" s="93"/>
      <c r="BC3894" s="93"/>
      <c r="BD3894" s="93"/>
      <c r="BE3894" s="93"/>
      <c r="BF3894" s="93"/>
      <c r="BG3894" s="93"/>
      <c r="BH3894" s="93"/>
      <c r="BI3894" s="93"/>
      <c r="BJ3894" s="93"/>
      <c r="BK3894" s="93"/>
      <c r="BL3894" s="93"/>
    </row>
    <row r="3895" spans="2:64" x14ac:dyDescent="0.2">
      <c r="B3895" s="43"/>
      <c r="C3895" s="73"/>
      <c r="D3895" s="64"/>
      <c r="E3895" s="55"/>
      <c r="F3895" s="74"/>
      <c r="G3895" s="74"/>
      <c r="H3895" s="74"/>
      <c r="I3895" s="75"/>
      <c r="J3895" s="74"/>
      <c r="L3895" s="55"/>
      <c r="M3895" s="234"/>
      <c r="N3895" s="65"/>
      <c r="O3895" s="76"/>
      <c r="P3895" s="76"/>
      <c r="Q3895" s="65"/>
      <c r="R3895" s="76"/>
      <c r="S3895" s="76"/>
      <c r="T3895" s="76"/>
      <c r="U3895" s="76"/>
      <c r="V3895" s="76"/>
      <c r="W3895" s="76"/>
      <c r="X3895" s="76"/>
      <c r="Y3895" s="76"/>
      <c r="Z3895" s="76"/>
      <c r="AA3895" s="85"/>
      <c r="AB3895" s="85"/>
      <c r="AC3895" s="85"/>
      <c r="AD3895" s="85"/>
      <c r="AE3895" s="85"/>
      <c r="AF3895" s="85"/>
      <c r="AG3895" s="86"/>
      <c r="AH3895" s="85"/>
      <c r="AI3895" s="85"/>
      <c r="AJ3895" s="85"/>
      <c r="AK3895" s="85"/>
      <c r="AL3895" s="85"/>
      <c r="AM3895" s="92"/>
      <c r="AN3895" s="92"/>
      <c r="AO3895" s="92"/>
      <c r="AP3895" s="92"/>
      <c r="AQ3895" s="92"/>
      <c r="AR3895" s="92"/>
      <c r="AS3895" s="92"/>
      <c r="AT3895" s="92"/>
      <c r="AU3895" s="92"/>
      <c r="AV3895" s="92"/>
      <c r="AW3895" s="92"/>
      <c r="AX3895" s="92"/>
      <c r="AY3895" s="92"/>
      <c r="AZ3895" s="93"/>
      <c r="BA3895" s="93"/>
      <c r="BB3895" s="93"/>
      <c r="BC3895" s="93"/>
      <c r="BD3895" s="93"/>
      <c r="BE3895" s="93"/>
      <c r="BF3895" s="93"/>
      <c r="BG3895" s="93"/>
      <c r="BH3895" s="93"/>
      <c r="BI3895" s="93"/>
      <c r="BJ3895" s="93"/>
      <c r="BK3895" s="93"/>
      <c r="BL3895" s="93"/>
    </row>
    <row r="3896" spans="2:64" x14ac:dyDescent="0.2">
      <c r="B3896" s="43"/>
      <c r="C3896" s="73"/>
      <c r="D3896" s="64"/>
      <c r="E3896" s="55"/>
      <c r="F3896" s="74"/>
      <c r="G3896" s="74"/>
      <c r="H3896" s="74"/>
      <c r="I3896" s="75"/>
      <c r="J3896" s="74"/>
      <c r="L3896" s="55"/>
      <c r="M3896" s="234"/>
      <c r="N3896" s="65"/>
      <c r="O3896" s="76"/>
      <c r="P3896" s="76"/>
      <c r="Q3896" s="65"/>
      <c r="R3896" s="76"/>
      <c r="S3896" s="76"/>
      <c r="T3896" s="76"/>
      <c r="U3896" s="76"/>
      <c r="V3896" s="76"/>
      <c r="W3896" s="76"/>
      <c r="X3896" s="76"/>
      <c r="Y3896" s="76"/>
      <c r="Z3896" s="76"/>
      <c r="AA3896" s="85"/>
      <c r="AB3896" s="85"/>
      <c r="AC3896" s="85"/>
      <c r="AD3896" s="85"/>
      <c r="AE3896" s="85"/>
      <c r="AF3896" s="85"/>
      <c r="AG3896" s="86"/>
      <c r="AH3896" s="85"/>
      <c r="AI3896" s="85"/>
      <c r="AJ3896" s="85"/>
      <c r="AK3896" s="85"/>
      <c r="AL3896" s="85"/>
      <c r="AM3896" s="92"/>
      <c r="AN3896" s="92"/>
      <c r="AO3896" s="92"/>
      <c r="AP3896" s="92"/>
      <c r="AQ3896" s="92"/>
      <c r="AR3896" s="92"/>
      <c r="AS3896" s="92"/>
      <c r="AT3896" s="92"/>
      <c r="AU3896" s="92"/>
      <c r="AV3896" s="92"/>
      <c r="AW3896" s="92"/>
      <c r="AX3896" s="92"/>
      <c r="AY3896" s="92"/>
      <c r="AZ3896" s="93"/>
      <c r="BA3896" s="93"/>
      <c r="BB3896" s="93"/>
      <c r="BC3896" s="93"/>
      <c r="BD3896" s="93"/>
      <c r="BE3896" s="93"/>
      <c r="BF3896" s="93"/>
      <c r="BG3896" s="93"/>
      <c r="BH3896" s="93"/>
      <c r="BI3896" s="93"/>
      <c r="BJ3896" s="93"/>
      <c r="BK3896" s="93"/>
      <c r="BL3896" s="93"/>
    </row>
    <row r="3897" spans="2:64" x14ac:dyDescent="0.2">
      <c r="B3897" s="43"/>
      <c r="C3897" s="73"/>
      <c r="D3897" s="64"/>
      <c r="E3897" s="55"/>
      <c r="F3897" s="74"/>
      <c r="G3897" s="74"/>
      <c r="H3897" s="74"/>
      <c r="I3897" s="75"/>
      <c r="J3897" s="74"/>
      <c r="L3897" s="55"/>
      <c r="M3897" s="234"/>
      <c r="N3897" s="65"/>
      <c r="O3897" s="76"/>
      <c r="P3897" s="76"/>
      <c r="Q3897" s="65"/>
      <c r="R3897" s="76"/>
      <c r="S3897" s="76"/>
      <c r="T3897" s="76"/>
      <c r="U3897" s="76"/>
      <c r="V3897" s="76"/>
      <c r="W3897" s="76"/>
      <c r="X3897" s="76"/>
      <c r="Y3897" s="76"/>
      <c r="Z3897" s="76"/>
      <c r="AA3897" s="85"/>
      <c r="AB3897" s="85"/>
      <c r="AC3897" s="85"/>
      <c r="AD3897" s="85"/>
      <c r="AE3897" s="85"/>
      <c r="AF3897" s="85"/>
      <c r="AG3897" s="86"/>
      <c r="AH3897" s="85"/>
      <c r="AI3897" s="85"/>
      <c r="AJ3897" s="85"/>
      <c r="AK3897" s="85"/>
      <c r="AL3897" s="85"/>
      <c r="AM3897" s="92"/>
      <c r="AN3897" s="92"/>
      <c r="AO3897" s="92"/>
      <c r="AP3897" s="92"/>
      <c r="AQ3897" s="92"/>
      <c r="AR3897" s="92"/>
      <c r="AS3897" s="92"/>
      <c r="AT3897" s="92"/>
      <c r="AU3897" s="92"/>
      <c r="AV3897" s="92"/>
      <c r="AW3897" s="92"/>
      <c r="AX3897" s="92"/>
      <c r="AY3897" s="92"/>
      <c r="AZ3897" s="93"/>
      <c r="BA3897" s="93"/>
      <c r="BB3897" s="93"/>
      <c r="BC3897" s="93"/>
      <c r="BD3897" s="93"/>
      <c r="BE3897" s="93"/>
      <c r="BF3897" s="93"/>
      <c r="BG3897" s="93"/>
      <c r="BH3897" s="93"/>
      <c r="BI3897" s="93"/>
      <c r="BJ3897" s="93"/>
      <c r="BK3897" s="93"/>
      <c r="BL3897" s="93"/>
    </row>
    <row r="3898" spans="2:64" x14ac:dyDescent="0.2">
      <c r="B3898" s="43"/>
      <c r="C3898" s="73"/>
      <c r="D3898" s="64"/>
      <c r="E3898" s="55"/>
      <c r="F3898" s="74"/>
      <c r="G3898" s="74"/>
      <c r="H3898" s="74"/>
      <c r="I3898" s="75"/>
      <c r="J3898" s="74"/>
      <c r="L3898" s="55"/>
      <c r="M3898" s="234"/>
      <c r="N3898" s="65"/>
      <c r="O3898" s="76"/>
      <c r="P3898" s="76"/>
      <c r="Q3898" s="65"/>
      <c r="R3898" s="76"/>
      <c r="S3898" s="76"/>
      <c r="T3898" s="76"/>
      <c r="U3898" s="76"/>
      <c r="V3898" s="76"/>
      <c r="W3898" s="76"/>
      <c r="X3898" s="76"/>
      <c r="Y3898" s="76"/>
      <c r="Z3898" s="76"/>
      <c r="AA3898" s="85"/>
      <c r="AB3898" s="85"/>
      <c r="AC3898" s="85"/>
      <c r="AD3898" s="85"/>
      <c r="AE3898" s="85"/>
      <c r="AF3898" s="85"/>
      <c r="AG3898" s="86"/>
      <c r="AH3898" s="85"/>
      <c r="AI3898" s="85"/>
      <c r="AJ3898" s="85"/>
      <c r="AK3898" s="85"/>
      <c r="AL3898" s="85"/>
      <c r="AM3898" s="92"/>
      <c r="AN3898" s="92"/>
      <c r="AO3898" s="92"/>
      <c r="AP3898" s="92"/>
      <c r="AQ3898" s="92"/>
      <c r="AR3898" s="92"/>
      <c r="AS3898" s="92"/>
      <c r="AT3898" s="92"/>
      <c r="AU3898" s="92"/>
      <c r="AV3898" s="92"/>
      <c r="AW3898" s="92"/>
      <c r="AX3898" s="92"/>
      <c r="AY3898" s="92"/>
      <c r="AZ3898" s="93"/>
      <c r="BA3898" s="93"/>
      <c r="BB3898" s="93"/>
      <c r="BC3898" s="93"/>
      <c r="BD3898" s="93"/>
      <c r="BE3898" s="93"/>
      <c r="BF3898" s="93"/>
      <c r="BG3898" s="93"/>
      <c r="BH3898" s="93"/>
      <c r="BI3898" s="93"/>
      <c r="BJ3898" s="93"/>
      <c r="BK3898" s="93"/>
      <c r="BL3898" s="93"/>
    </row>
    <row r="3899" spans="2:64" x14ac:dyDescent="0.2">
      <c r="B3899" s="43"/>
      <c r="C3899" s="73"/>
      <c r="D3899" s="64"/>
      <c r="E3899" s="55"/>
      <c r="F3899" s="74"/>
      <c r="G3899" s="74"/>
      <c r="H3899" s="74"/>
      <c r="I3899" s="75"/>
      <c r="J3899" s="74"/>
      <c r="L3899" s="55"/>
      <c r="M3899" s="234"/>
      <c r="N3899" s="65"/>
      <c r="O3899" s="76"/>
      <c r="P3899" s="76"/>
      <c r="Q3899" s="65"/>
      <c r="R3899" s="76"/>
      <c r="S3899" s="76"/>
      <c r="T3899" s="76"/>
      <c r="U3899" s="76"/>
      <c r="V3899" s="76"/>
      <c r="W3899" s="76"/>
      <c r="X3899" s="76"/>
      <c r="Y3899" s="76"/>
      <c r="Z3899" s="76"/>
      <c r="AA3899" s="85"/>
      <c r="AB3899" s="85"/>
      <c r="AC3899" s="85"/>
      <c r="AD3899" s="85"/>
      <c r="AE3899" s="85"/>
      <c r="AF3899" s="85"/>
      <c r="AG3899" s="86"/>
      <c r="AH3899" s="85"/>
      <c r="AI3899" s="85"/>
      <c r="AJ3899" s="85"/>
      <c r="AK3899" s="85"/>
      <c r="AL3899" s="85"/>
      <c r="AM3899" s="92"/>
      <c r="AN3899" s="92"/>
      <c r="AO3899" s="92"/>
      <c r="AP3899" s="92"/>
      <c r="AQ3899" s="92"/>
      <c r="AR3899" s="92"/>
      <c r="AS3899" s="92"/>
      <c r="AT3899" s="92"/>
      <c r="AU3899" s="92"/>
      <c r="AV3899" s="92"/>
      <c r="AW3899" s="92"/>
      <c r="AX3899" s="92"/>
      <c r="AY3899" s="92"/>
      <c r="AZ3899" s="93"/>
      <c r="BA3899" s="93"/>
      <c r="BB3899" s="93"/>
      <c r="BC3899" s="93"/>
      <c r="BD3899" s="93"/>
      <c r="BE3899" s="93"/>
      <c r="BF3899" s="93"/>
      <c r="BG3899" s="93"/>
      <c r="BH3899" s="93"/>
      <c r="BI3899" s="93"/>
      <c r="BJ3899" s="93"/>
      <c r="BK3899" s="93"/>
      <c r="BL3899" s="93"/>
    </row>
    <row r="3900" spans="2:64" x14ac:dyDescent="0.2">
      <c r="B3900" s="43"/>
      <c r="C3900" s="73"/>
      <c r="D3900" s="64"/>
      <c r="E3900" s="55"/>
      <c r="F3900" s="74"/>
      <c r="G3900" s="74"/>
      <c r="H3900" s="74"/>
      <c r="I3900" s="75"/>
      <c r="J3900" s="74"/>
      <c r="L3900" s="55"/>
      <c r="M3900" s="234"/>
      <c r="N3900" s="65"/>
      <c r="O3900" s="76"/>
      <c r="P3900" s="76"/>
      <c r="Q3900" s="65"/>
      <c r="R3900" s="76"/>
      <c r="S3900" s="76"/>
      <c r="T3900" s="76"/>
      <c r="U3900" s="76"/>
      <c r="V3900" s="76"/>
      <c r="W3900" s="76"/>
      <c r="X3900" s="76"/>
      <c r="Y3900" s="76"/>
      <c r="Z3900" s="76"/>
      <c r="AA3900" s="85"/>
      <c r="AB3900" s="85"/>
      <c r="AC3900" s="85"/>
      <c r="AD3900" s="85"/>
      <c r="AE3900" s="85"/>
      <c r="AF3900" s="85"/>
      <c r="AG3900" s="86"/>
      <c r="AH3900" s="85"/>
      <c r="AI3900" s="85"/>
      <c r="AJ3900" s="85"/>
      <c r="AK3900" s="85"/>
      <c r="AL3900" s="85"/>
      <c r="AM3900" s="92"/>
      <c r="AN3900" s="92"/>
      <c r="AO3900" s="92"/>
      <c r="AP3900" s="92"/>
      <c r="AQ3900" s="92"/>
      <c r="AR3900" s="92"/>
      <c r="AS3900" s="92"/>
      <c r="AT3900" s="92"/>
      <c r="AU3900" s="92"/>
      <c r="AV3900" s="92"/>
      <c r="AW3900" s="92"/>
      <c r="AX3900" s="92"/>
      <c r="AY3900" s="92"/>
      <c r="AZ3900" s="93"/>
      <c r="BA3900" s="93"/>
      <c r="BB3900" s="93"/>
      <c r="BC3900" s="93"/>
      <c r="BD3900" s="93"/>
      <c r="BE3900" s="93"/>
      <c r="BF3900" s="93"/>
      <c r="BG3900" s="93"/>
      <c r="BH3900" s="93"/>
      <c r="BI3900" s="93"/>
      <c r="BJ3900" s="93"/>
      <c r="BK3900" s="93"/>
      <c r="BL3900" s="93"/>
    </row>
    <row r="3901" spans="2:64" x14ac:dyDescent="0.2">
      <c r="B3901" s="43"/>
      <c r="C3901" s="73"/>
      <c r="D3901" s="64"/>
      <c r="E3901" s="55"/>
      <c r="F3901" s="74"/>
      <c r="G3901" s="74"/>
      <c r="H3901" s="74"/>
      <c r="I3901" s="75"/>
      <c r="J3901" s="74"/>
      <c r="L3901" s="55"/>
      <c r="M3901" s="234"/>
      <c r="N3901" s="65"/>
      <c r="O3901" s="76"/>
      <c r="P3901" s="76"/>
      <c r="Q3901" s="65"/>
      <c r="R3901" s="76"/>
      <c r="S3901" s="76"/>
      <c r="T3901" s="76"/>
      <c r="U3901" s="76"/>
      <c r="V3901" s="76"/>
      <c r="W3901" s="76"/>
      <c r="X3901" s="76"/>
      <c r="Y3901" s="76"/>
      <c r="Z3901" s="76"/>
      <c r="AA3901" s="85"/>
      <c r="AB3901" s="85"/>
      <c r="AC3901" s="85"/>
      <c r="AD3901" s="85"/>
      <c r="AE3901" s="85"/>
      <c r="AF3901" s="85"/>
      <c r="AG3901" s="86"/>
      <c r="AH3901" s="85"/>
      <c r="AI3901" s="85"/>
      <c r="AJ3901" s="85"/>
      <c r="AK3901" s="85"/>
      <c r="AL3901" s="85"/>
      <c r="AM3901" s="92"/>
      <c r="AN3901" s="92"/>
      <c r="AO3901" s="92"/>
      <c r="AP3901" s="92"/>
      <c r="AQ3901" s="92"/>
      <c r="AR3901" s="92"/>
      <c r="AS3901" s="92"/>
      <c r="AT3901" s="92"/>
      <c r="AU3901" s="92"/>
      <c r="AV3901" s="92"/>
      <c r="AW3901" s="92"/>
      <c r="AX3901" s="92"/>
      <c r="AY3901" s="92"/>
      <c r="AZ3901" s="93"/>
      <c r="BA3901" s="93"/>
      <c r="BB3901" s="93"/>
      <c r="BC3901" s="93"/>
      <c r="BD3901" s="93"/>
      <c r="BE3901" s="93"/>
      <c r="BF3901" s="93"/>
      <c r="BG3901" s="93"/>
      <c r="BH3901" s="93"/>
      <c r="BI3901" s="93"/>
      <c r="BJ3901" s="93"/>
      <c r="BK3901" s="93"/>
      <c r="BL3901" s="93"/>
    </row>
    <row r="3902" spans="2:64" x14ac:dyDescent="0.2">
      <c r="B3902" s="43"/>
      <c r="C3902" s="73"/>
      <c r="D3902" s="64"/>
      <c r="E3902" s="55"/>
      <c r="F3902" s="74"/>
      <c r="G3902" s="74"/>
      <c r="H3902" s="74"/>
      <c r="I3902" s="75"/>
      <c r="J3902" s="74"/>
      <c r="L3902" s="55"/>
      <c r="M3902" s="234"/>
      <c r="N3902" s="65"/>
      <c r="O3902" s="76"/>
      <c r="P3902" s="76"/>
      <c r="Q3902" s="65"/>
      <c r="R3902" s="76"/>
      <c r="S3902" s="76"/>
      <c r="T3902" s="76"/>
      <c r="U3902" s="76"/>
      <c r="V3902" s="76"/>
      <c r="W3902" s="76"/>
      <c r="X3902" s="76"/>
      <c r="Y3902" s="76"/>
      <c r="Z3902" s="76"/>
      <c r="AA3902" s="85"/>
      <c r="AB3902" s="85"/>
      <c r="AC3902" s="85"/>
      <c r="AD3902" s="85"/>
      <c r="AE3902" s="85"/>
      <c r="AF3902" s="85"/>
      <c r="AG3902" s="86"/>
      <c r="AH3902" s="85"/>
      <c r="AI3902" s="85"/>
      <c r="AJ3902" s="85"/>
      <c r="AK3902" s="85"/>
      <c r="AL3902" s="85"/>
      <c r="AM3902" s="92"/>
      <c r="AN3902" s="92"/>
      <c r="AO3902" s="92"/>
      <c r="AP3902" s="92"/>
      <c r="AQ3902" s="92"/>
      <c r="AR3902" s="92"/>
      <c r="AS3902" s="92"/>
      <c r="AT3902" s="92"/>
      <c r="AU3902" s="92"/>
      <c r="AV3902" s="92"/>
      <c r="AW3902" s="92"/>
      <c r="AX3902" s="92"/>
      <c r="AY3902" s="92"/>
      <c r="AZ3902" s="93"/>
      <c r="BA3902" s="93"/>
      <c r="BB3902" s="93"/>
      <c r="BC3902" s="93"/>
      <c r="BD3902" s="93"/>
      <c r="BE3902" s="93"/>
      <c r="BF3902" s="93"/>
      <c r="BG3902" s="93"/>
      <c r="BH3902" s="93"/>
      <c r="BI3902" s="93"/>
      <c r="BJ3902" s="93"/>
      <c r="BK3902" s="93"/>
      <c r="BL3902" s="93"/>
    </row>
    <row r="3903" spans="2:64" x14ac:dyDescent="0.2">
      <c r="B3903" s="43"/>
      <c r="C3903" s="73"/>
      <c r="D3903" s="64"/>
      <c r="E3903" s="55"/>
      <c r="F3903" s="74"/>
      <c r="G3903" s="74"/>
      <c r="H3903" s="74"/>
      <c r="I3903" s="75"/>
      <c r="J3903" s="74"/>
      <c r="L3903" s="55"/>
      <c r="M3903" s="234"/>
      <c r="N3903" s="65"/>
      <c r="O3903" s="76"/>
      <c r="P3903" s="76"/>
      <c r="Q3903" s="65"/>
      <c r="R3903" s="76"/>
      <c r="S3903" s="76"/>
      <c r="T3903" s="76"/>
      <c r="U3903" s="76"/>
      <c r="V3903" s="76"/>
      <c r="W3903" s="76"/>
      <c r="X3903" s="76"/>
      <c r="Y3903" s="76"/>
      <c r="Z3903" s="76"/>
      <c r="AA3903" s="85"/>
      <c r="AB3903" s="85"/>
      <c r="AC3903" s="85"/>
      <c r="AD3903" s="85"/>
      <c r="AE3903" s="85"/>
      <c r="AF3903" s="85"/>
      <c r="AG3903" s="86"/>
      <c r="AH3903" s="85"/>
      <c r="AI3903" s="85"/>
      <c r="AJ3903" s="85"/>
      <c r="AK3903" s="85"/>
      <c r="AL3903" s="85"/>
      <c r="AM3903" s="92"/>
      <c r="AN3903" s="92"/>
      <c r="AO3903" s="92"/>
      <c r="AP3903" s="92"/>
      <c r="AQ3903" s="92"/>
      <c r="AR3903" s="92"/>
      <c r="AS3903" s="92"/>
      <c r="AT3903" s="92"/>
      <c r="AU3903" s="92"/>
      <c r="AV3903" s="92"/>
      <c r="AW3903" s="92"/>
      <c r="AX3903" s="92"/>
      <c r="AY3903" s="92"/>
      <c r="AZ3903" s="93"/>
      <c r="BA3903" s="93"/>
      <c r="BB3903" s="93"/>
      <c r="BC3903" s="93"/>
      <c r="BD3903" s="93"/>
      <c r="BE3903" s="93"/>
      <c r="BF3903" s="93"/>
      <c r="BG3903" s="93"/>
      <c r="BH3903" s="93"/>
      <c r="BI3903" s="93"/>
      <c r="BJ3903" s="93"/>
      <c r="BK3903" s="93"/>
      <c r="BL3903" s="93"/>
    </row>
    <row r="3904" spans="2:64" x14ac:dyDescent="0.2">
      <c r="B3904" s="43"/>
      <c r="C3904" s="73"/>
      <c r="D3904" s="64"/>
      <c r="E3904" s="55"/>
      <c r="F3904" s="74"/>
      <c r="G3904" s="74"/>
      <c r="H3904" s="74"/>
      <c r="I3904" s="75"/>
      <c r="J3904" s="74"/>
      <c r="L3904" s="55"/>
      <c r="M3904" s="234"/>
      <c r="N3904" s="65"/>
      <c r="O3904" s="76"/>
      <c r="P3904" s="76"/>
      <c r="Q3904" s="65"/>
      <c r="R3904" s="76"/>
      <c r="S3904" s="76"/>
      <c r="T3904" s="76"/>
      <c r="U3904" s="76"/>
      <c r="V3904" s="76"/>
      <c r="W3904" s="76"/>
      <c r="X3904" s="76"/>
      <c r="Y3904" s="76"/>
      <c r="Z3904" s="76"/>
      <c r="AA3904" s="85"/>
      <c r="AB3904" s="85"/>
      <c r="AC3904" s="85"/>
      <c r="AD3904" s="85"/>
      <c r="AE3904" s="85"/>
      <c r="AF3904" s="85"/>
      <c r="AG3904" s="86"/>
      <c r="AH3904" s="85"/>
      <c r="AI3904" s="85"/>
      <c r="AJ3904" s="85"/>
      <c r="AK3904" s="85"/>
      <c r="AL3904" s="85"/>
      <c r="AM3904" s="92"/>
      <c r="AN3904" s="92"/>
      <c r="AO3904" s="92"/>
      <c r="AP3904" s="92"/>
      <c r="AQ3904" s="92"/>
      <c r="AR3904" s="92"/>
      <c r="AS3904" s="92"/>
      <c r="AT3904" s="92"/>
      <c r="AU3904" s="92"/>
      <c r="AV3904" s="92"/>
      <c r="AW3904" s="92"/>
      <c r="AX3904" s="92"/>
      <c r="AY3904" s="92"/>
      <c r="AZ3904" s="93"/>
      <c r="BA3904" s="93"/>
      <c r="BB3904" s="93"/>
      <c r="BC3904" s="93"/>
      <c r="BD3904" s="93"/>
      <c r="BE3904" s="93"/>
      <c r="BF3904" s="93"/>
      <c r="BG3904" s="93"/>
      <c r="BH3904" s="93"/>
      <c r="BI3904" s="93"/>
      <c r="BJ3904" s="93"/>
      <c r="BK3904" s="93"/>
      <c r="BL3904" s="93"/>
    </row>
    <row r="3905" spans="2:64" x14ac:dyDescent="0.2">
      <c r="B3905" s="43"/>
      <c r="C3905" s="73"/>
      <c r="D3905" s="64"/>
      <c r="E3905" s="55"/>
      <c r="F3905" s="74"/>
      <c r="G3905" s="74"/>
      <c r="H3905" s="74"/>
      <c r="I3905" s="75"/>
      <c r="J3905" s="74"/>
      <c r="L3905" s="55"/>
      <c r="M3905" s="234"/>
      <c r="N3905" s="65"/>
      <c r="O3905" s="76"/>
      <c r="P3905" s="76"/>
      <c r="Q3905" s="65"/>
      <c r="R3905" s="76"/>
      <c r="S3905" s="76"/>
      <c r="T3905" s="76"/>
      <c r="U3905" s="76"/>
      <c r="V3905" s="76"/>
      <c r="W3905" s="76"/>
      <c r="X3905" s="76"/>
      <c r="Y3905" s="76"/>
      <c r="Z3905" s="76"/>
      <c r="AA3905" s="85"/>
      <c r="AB3905" s="85"/>
      <c r="AC3905" s="85"/>
      <c r="AD3905" s="85"/>
      <c r="AE3905" s="85"/>
      <c r="AF3905" s="85"/>
      <c r="AG3905" s="86"/>
      <c r="AH3905" s="85"/>
      <c r="AI3905" s="85"/>
      <c r="AJ3905" s="85"/>
      <c r="AK3905" s="85"/>
      <c r="AL3905" s="85"/>
      <c r="AM3905" s="92"/>
      <c r="AN3905" s="92"/>
      <c r="AO3905" s="92"/>
      <c r="AP3905" s="92"/>
      <c r="AQ3905" s="92"/>
      <c r="AR3905" s="92"/>
      <c r="AS3905" s="92"/>
      <c r="AT3905" s="92"/>
      <c r="AU3905" s="92"/>
      <c r="AV3905" s="92"/>
      <c r="AW3905" s="92"/>
      <c r="AX3905" s="92"/>
      <c r="AY3905" s="92"/>
      <c r="AZ3905" s="93"/>
      <c r="BA3905" s="93"/>
      <c r="BB3905" s="93"/>
      <c r="BC3905" s="93"/>
      <c r="BD3905" s="93"/>
      <c r="BE3905" s="93"/>
      <c r="BF3905" s="93"/>
      <c r="BG3905" s="93"/>
      <c r="BH3905" s="93"/>
      <c r="BI3905" s="93"/>
      <c r="BJ3905" s="93"/>
      <c r="BK3905" s="93"/>
      <c r="BL3905" s="93"/>
    </row>
    <row r="3906" spans="2:64" x14ac:dyDescent="0.2">
      <c r="B3906" s="43"/>
      <c r="C3906" s="73"/>
      <c r="D3906" s="64"/>
      <c r="E3906" s="55"/>
      <c r="F3906" s="74"/>
      <c r="G3906" s="74"/>
      <c r="H3906" s="74"/>
      <c r="I3906" s="75"/>
      <c r="J3906" s="74"/>
      <c r="L3906" s="55"/>
      <c r="M3906" s="234"/>
      <c r="N3906" s="65"/>
      <c r="O3906" s="76"/>
      <c r="P3906" s="76"/>
      <c r="Q3906" s="65"/>
      <c r="R3906" s="76"/>
      <c r="S3906" s="76"/>
      <c r="T3906" s="76"/>
      <c r="U3906" s="76"/>
      <c r="V3906" s="76"/>
      <c r="W3906" s="76"/>
      <c r="X3906" s="76"/>
      <c r="Y3906" s="76"/>
      <c r="Z3906" s="76"/>
      <c r="AA3906" s="85"/>
      <c r="AB3906" s="85"/>
      <c r="AC3906" s="85"/>
      <c r="AD3906" s="85"/>
      <c r="AE3906" s="85"/>
      <c r="AF3906" s="85"/>
      <c r="AG3906" s="86"/>
      <c r="AH3906" s="85"/>
      <c r="AI3906" s="85"/>
      <c r="AJ3906" s="85"/>
      <c r="AK3906" s="85"/>
      <c r="AL3906" s="85"/>
      <c r="AM3906" s="92"/>
      <c r="AN3906" s="92"/>
      <c r="AO3906" s="92"/>
      <c r="AP3906" s="92"/>
      <c r="AQ3906" s="92"/>
      <c r="AR3906" s="92"/>
      <c r="AS3906" s="92"/>
      <c r="AT3906" s="92"/>
      <c r="AU3906" s="92"/>
      <c r="AV3906" s="92"/>
      <c r="AW3906" s="92"/>
      <c r="AX3906" s="92"/>
      <c r="AY3906" s="92"/>
      <c r="AZ3906" s="93"/>
      <c r="BA3906" s="93"/>
      <c r="BB3906" s="93"/>
      <c r="BC3906" s="93"/>
      <c r="BD3906" s="93"/>
      <c r="BE3906" s="93"/>
      <c r="BF3906" s="93"/>
      <c r="BG3906" s="93"/>
      <c r="BH3906" s="93"/>
      <c r="BI3906" s="93"/>
      <c r="BJ3906" s="93"/>
      <c r="BK3906" s="93"/>
      <c r="BL3906" s="93"/>
    </row>
    <row r="3907" spans="2:64" x14ac:dyDescent="0.2">
      <c r="B3907" s="43"/>
      <c r="C3907" s="73"/>
      <c r="D3907" s="64"/>
      <c r="E3907" s="55"/>
      <c r="F3907" s="74"/>
      <c r="G3907" s="74"/>
      <c r="H3907" s="74"/>
      <c r="I3907" s="75"/>
      <c r="J3907" s="74"/>
      <c r="L3907" s="55"/>
      <c r="M3907" s="234"/>
      <c r="N3907" s="65"/>
      <c r="O3907" s="76"/>
      <c r="P3907" s="76"/>
      <c r="Q3907" s="65"/>
      <c r="R3907" s="76"/>
      <c r="S3907" s="76"/>
      <c r="T3907" s="76"/>
      <c r="U3907" s="76"/>
      <c r="V3907" s="76"/>
      <c r="W3907" s="76"/>
      <c r="X3907" s="76"/>
      <c r="Y3907" s="76"/>
      <c r="Z3907" s="76"/>
      <c r="AA3907" s="85"/>
      <c r="AB3907" s="85"/>
      <c r="AC3907" s="85"/>
      <c r="AD3907" s="85"/>
      <c r="AE3907" s="85"/>
      <c r="AF3907" s="85"/>
      <c r="AG3907" s="86"/>
      <c r="AH3907" s="85"/>
      <c r="AI3907" s="85"/>
      <c r="AJ3907" s="85"/>
      <c r="AK3907" s="85"/>
      <c r="AL3907" s="85"/>
      <c r="AM3907" s="92"/>
      <c r="AN3907" s="92"/>
      <c r="AO3907" s="92"/>
      <c r="AP3907" s="92"/>
      <c r="AQ3907" s="92"/>
      <c r="AR3907" s="92"/>
      <c r="AS3907" s="92"/>
      <c r="AT3907" s="92"/>
      <c r="AU3907" s="92"/>
      <c r="AV3907" s="92"/>
      <c r="AW3907" s="92"/>
      <c r="AX3907" s="92"/>
      <c r="AY3907" s="92"/>
      <c r="AZ3907" s="93"/>
      <c r="BA3907" s="93"/>
      <c r="BB3907" s="93"/>
      <c r="BC3907" s="93"/>
      <c r="BD3907" s="93"/>
      <c r="BE3907" s="93"/>
      <c r="BF3907" s="93"/>
      <c r="BG3907" s="93"/>
      <c r="BH3907" s="93"/>
      <c r="BI3907" s="93"/>
      <c r="BJ3907" s="93"/>
      <c r="BK3907" s="93"/>
      <c r="BL3907" s="93"/>
    </row>
    <row r="3908" spans="2:64" x14ac:dyDescent="0.2">
      <c r="B3908" s="43"/>
      <c r="C3908" s="73"/>
      <c r="D3908" s="64"/>
      <c r="E3908" s="55"/>
      <c r="F3908" s="74"/>
      <c r="G3908" s="74"/>
      <c r="H3908" s="74"/>
      <c r="I3908" s="75"/>
      <c r="J3908" s="74"/>
      <c r="L3908" s="55"/>
      <c r="M3908" s="234"/>
      <c r="N3908" s="65"/>
      <c r="O3908" s="76"/>
      <c r="P3908" s="76"/>
      <c r="Q3908" s="65"/>
      <c r="R3908" s="76"/>
      <c r="S3908" s="76"/>
      <c r="T3908" s="76"/>
      <c r="U3908" s="76"/>
      <c r="V3908" s="76"/>
      <c r="W3908" s="76"/>
      <c r="X3908" s="76"/>
      <c r="Y3908" s="76"/>
      <c r="Z3908" s="76"/>
      <c r="AA3908" s="85"/>
      <c r="AB3908" s="85"/>
      <c r="AC3908" s="85"/>
      <c r="AD3908" s="85"/>
      <c r="AE3908" s="85"/>
      <c r="AF3908" s="85"/>
      <c r="AG3908" s="86"/>
      <c r="AH3908" s="85"/>
      <c r="AI3908" s="85"/>
      <c r="AJ3908" s="85"/>
      <c r="AK3908" s="85"/>
      <c r="AL3908" s="85"/>
      <c r="AM3908" s="92"/>
      <c r="AN3908" s="92"/>
      <c r="AO3908" s="92"/>
      <c r="AP3908" s="92"/>
      <c r="AQ3908" s="92"/>
      <c r="AR3908" s="92"/>
      <c r="AS3908" s="92"/>
      <c r="AT3908" s="92"/>
      <c r="AU3908" s="92"/>
      <c r="AV3908" s="92"/>
      <c r="AW3908" s="92"/>
      <c r="AX3908" s="92"/>
      <c r="AY3908" s="92"/>
      <c r="AZ3908" s="93"/>
      <c r="BA3908" s="93"/>
      <c r="BB3908" s="93"/>
      <c r="BC3908" s="93"/>
      <c r="BD3908" s="93"/>
      <c r="BE3908" s="93"/>
      <c r="BF3908" s="93"/>
      <c r="BG3908" s="93"/>
      <c r="BH3908" s="93"/>
      <c r="BI3908" s="93"/>
      <c r="BJ3908" s="93"/>
      <c r="BK3908" s="93"/>
      <c r="BL3908" s="93"/>
    </row>
    <row r="3909" spans="2:64" x14ac:dyDescent="0.2">
      <c r="B3909" s="43"/>
      <c r="C3909" s="73"/>
      <c r="D3909" s="64"/>
      <c r="E3909" s="55"/>
      <c r="F3909" s="74"/>
      <c r="G3909" s="74"/>
      <c r="H3909" s="74"/>
      <c r="I3909" s="75"/>
      <c r="J3909" s="74"/>
      <c r="L3909" s="55"/>
      <c r="M3909" s="234"/>
      <c r="N3909" s="65"/>
      <c r="O3909" s="76"/>
      <c r="P3909" s="76"/>
      <c r="Q3909" s="65"/>
      <c r="R3909" s="76"/>
      <c r="S3909" s="76"/>
      <c r="T3909" s="76"/>
      <c r="U3909" s="76"/>
      <c r="V3909" s="76"/>
      <c r="W3909" s="76"/>
      <c r="X3909" s="76"/>
      <c r="Y3909" s="76"/>
      <c r="Z3909" s="76"/>
      <c r="AA3909" s="85"/>
      <c r="AB3909" s="85"/>
      <c r="AC3909" s="85"/>
      <c r="AD3909" s="85"/>
      <c r="AE3909" s="85"/>
      <c r="AF3909" s="85"/>
      <c r="AG3909" s="86"/>
      <c r="AH3909" s="85"/>
      <c r="AI3909" s="85"/>
      <c r="AJ3909" s="85"/>
      <c r="AK3909" s="85"/>
      <c r="AL3909" s="85"/>
      <c r="AM3909" s="92"/>
      <c r="AN3909" s="92"/>
      <c r="AO3909" s="92"/>
      <c r="AP3909" s="92"/>
      <c r="AQ3909" s="92"/>
      <c r="AR3909" s="92"/>
      <c r="AS3909" s="92"/>
      <c r="AT3909" s="92"/>
      <c r="AU3909" s="92"/>
      <c r="AV3909" s="92"/>
      <c r="AW3909" s="92"/>
      <c r="AX3909" s="92"/>
      <c r="AY3909" s="92"/>
      <c r="AZ3909" s="93"/>
      <c r="BA3909" s="93"/>
      <c r="BB3909" s="93"/>
      <c r="BC3909" s="93"/>
      <c r="BD3909" s="93"/>
      <c r="BE3909" s="93"/>
      <c r="BF3909" s="93"/>
      <c r="BG3909" s="93"/>
      <c r="BH3909" s="93"/>
      <c r="BI3909" s="93"/>
      <c r="BJ3909" s="93"/>
      <c r="BK3909" s="93"/>
      <c r="BL3909" s="93"/>
    </row>
    <row r="3910" spans="2:64" x14ac:dyDescent="0.2">
      <c r="B3910" s="43"/>
      <c r="C3910" s="73"/>
      <c r="D3910" s="64"/>
      <c r="E3910" s="55"/>
      <c r="F3910" s="74"/>
      <c r="G3910" s="74"/>
      <c r="H3910" s="74"/>
      <c r="I3910" s="75"/>
      <c r="J3910" s="74"/>
      <c r="L3910" s="55"/>
      <c r="M3910" s="234"/>
      <c r="N3910" s="65"/>
      <c r="O3910" s="76"/>
      <c r="P3910" s="76"/>
      <c r="Q3910" s="65"/>
      <c r="R3910" s="76"/>
      <c r="S3910" s="76"/>
      <c r="T3910" s="76"/>
      <c r="U3910" s="76"/>
      <c r="V3910" s="76"/>
      <c r="W3910" s="76"/>
      <c r="X3910" s="76"/>
      <c r="Y3910" s="76"/>
      <c r="Z3910" s="76"/>
      <c r="AA3910" s="85"/>
      <c r="AB3910" s="85"/>
      <c r="AC3910" s="85"/>
      <c r="AD3910" s="85"/>
      <c r="AE3910" s="85"/>
      <c r="AF3910" s="85"/>
      <c r="AG3910" s="86"/>
      <c r="AH3910" s="85"/>
      <c r="AI3910" s="85"/>
      <c r="AJ3910" s="85"/>
      <c r="AK3910" s="85"/>
      <c r="AL3910" s="85"/>
      <c r="AM3910" s="92"/>
      <c r="AN3910" s="92"/>
      <c r="AO3910" s="92"/>
      <c r="AP3910" s="92"/>
      <c r="AQ3910" s="92"/>
      <c r="AR3910" s="92"/>
      <c r="AS3910" s="92"/>
      <c r="AT3910" s="92"/>
      <c r="AU3910" s="92"/>
      <c r="AV3910" s="92"/>
      <c r="AW3910" s="92"/>
      <c r="AX3910" s="92"/>
      <c r="AY3910" s="92"/>
      <c r="AZ3910" s="93"/>
      <c r="BA3910" s="93"/>
      <c r="BB3910" s="93"/>
      <c r="BC3910" s="93"/>
      <c r="BD3910" s="93"/>
      <c r="BE3910" s="93"/>
      <c r="BF3910" s="93"/>
      <c r="BG3910" s="93"/>
      <c r="BH3910" s="93"/>
      <c r="BI3910" s="93"/>
      <c r="BJ3910" s="93"/>
      <c r="BK3910" s="93"/>
      <c r="BL3910" s="93"/>
    </row>
    <row r="3911" spans="2:64" x14ac:dyDescent="0.2">
      <c r="B3911" s="43"/>
      <c r="C3911" s="73"/>
      <c r="D3911" s="64"/>
      <c r="E3911" s="55"/>
      <c r="F3911" s="74"/>
      <c r="G3911" s="74"/>
      <c r="H3911" s="74"/>
      <c r="I3911" s="75"/>
      <c r="J3911" s="74"/>
      <c r="L3911" s="55"/>
      <c r="M3911" s="234"/>
      <c r="N3911" s="65"/>
      <c r="O3911" s="76"/>
      <c r="P3911" s="76"/>
      <c r="Q3911" s="65"/>
      <c r="R3911" s="76"/>
      <c r="S3911" s="76"/>
      <c r="T3911" s="76"/>
      <c r="U3911" s="76"/>
      <c r="V3911" s="76"/>
      <c r="W3911" s="76"/>
      <c r="X3911" s="76"/>
      <c r="Y3911" s="76"/>
      <c r="Z3911" s="76"/>
      <c r="AA3911" s="85"/>
      <c r="AB3911" s="85"/>
      <c r="AC3911" s="85"/>
      <c r="AD3911" s="85"/>
      <c r="AE3911" s="85"/>
      <c r="AF3911" s="85"/>
      <c r="AG3911" s="86"/>
      <c r="AH3911" s="85"/>
      <c r="AI3911" s="85"/>
      <c r="AJ3911" s="85"/>
      <c r="AK3911" s="85"/>
      <c r="AL3911" s="85"/>
      <c r="AM3911" s="92"/>
      <c r="AN3911" s="92"/>
      <c r="AO3911" s="92"/>
      <c r="AP3911" s="92"/>
      <c r="AQ3911" s="92"/>
      <c r="AR3911" s="92"/>
      <c r="AS3911" s="92"/>
      <c r="AT3911" s="92"/>
      <c r="AU3911" s="92"/>
      <c r="AV3911" s="92"/>
      <c r="AW3911" s="92"/>
      <c r="AX3911" s="92"/>
      <c r="AY3911" s="92"/>
      <c r="AZ3911" s="93"/>
      <c r="BA3911" s="93"/>
      <c r="BB3911" s="93"/>
      <c r="BC3911" s="93"/>
      <c r="BD3911" s="93"/>
      <c r="BE3911" s="93"/>
      <c r="BF3911" s="93"/>
      <c r="BG3911" s="93"/>
      <c r="BH3911" s="93"/>
      <c r="BI3911" s="93"/>
      <c r="BJ3911" s="93"/>
      <c r="BK3911" s="93"/>
      <c r="BL3911" s="93"/>
    </row>
    <row r="3912" spans="2:64" x14ac:dyDescent="0.2">
      <c r="B3912" s="43"/>
      <c r="C3912" s="73"/>
      <c r="D3912" s="64"/>
      <c r="E3912" s="55"/>
      <c r="F3912" s="74"/>
      <c r="G3912" s="74"/>
      <c r="H3912" s="74"/>
      <c r="I3912" s="75"/>
      <c r="J3912" s="74"/>
      <c r="L3912" s="55"/>
      <c r="M3912" s="234"/>
      <c r="N3912" s="65"/>
      <c r="O3912" s="76"/>
      <c r="P3912" s="76"/>
      <c r="Q3912" s="65"/>
      <c r="R3912" s="76"/>
      <c r="S3912" s="76"/>
      <c r="T3912" s="76"/>
      <c r="U3912" s="76"/>
      <c r="V3912" s="76"/>
      <c r="W3912" s="76"/>
      <c r="X3912" s="76"/>
      <c r="Y3912" s="76"/>
      <c r="Z3912" s="76"/>
      <c r="AA3912" s="85"/>
      <c r="AB3912" s="85"/>
      <c r="AC3912" s="85"/>
      <c r="AD3912" s="85"/>
      <c r="AE3912" s="85"/>
      <c r="AF3912" s="85"/>
      <c r="AG3912" s="86"/>
      <c r="AH3912" s="85"/>
      <c r="AI3912" s="85"/>
      <c r="AJ3912" s="85"/>
      <c r="AK3912" s="85"/>
      <c r="AL3912" s="85"/>
      <c r="AM3912" s="92"/>
      <c r="AN3912" s="92"/>
      <c r="AO3912" s="92"/>
      <c r="AP3912" s="92"/>
      <c r="AQ3912" s="92"/>
      <c r="AR3912" s="92"/>
      <c r="AS3912" s="92"/>
      <c r="AT3912" s="92"/>
      <c r="AU3912" s="92"/>
      <c r="AV3912" s="92"/>
      <c r="AW3912" s="92"/>
      <c r="AX3912" s="92"/>
      <c r="AY3912" s="92"/>
      <c r="AZ3912" s="93"/>
      <c r="BA3912" s="93"/>
      <c r="BB3912" s="93"/>
      <c r="BC3912" s="93"/>
      <c r="BD3912" s="93"/>
      <c r="BE3912" s="93"/>
      <c r="BF3912" s="93"/>
      <c r="BG3912" s="93"/>
      <c r="BH3912" s="93"/>
      <c r="BI3912" s="93"/>
      <c r="BJ3912" s="93"/>
      <c r="BK3912" s="93"/>
      <c r="BL3912" s="93"/>
    </row>
    <row r="3913" spans="2:64" x14ac:dyDescent="0.2">
      <c r="B3913" s="43"/>
      <c r="C3913" s="73"/>
      <c r="D3913" s="64"/>
      <c r="E3913" s="55"/>
      <c r="F3913" s="74"/>
      <c r="G3913" s="74"/>
      <c r="H3913" s="74"/>
      <c r="I3913" s="75"/>
      <c r="J3913" s="74"/>
      <c r="L3913" s="55"/>
      <c r="M3913" s="234"/>
      <c r="N3913" s="65"/>
      <c r="O3913" s="76"/>
      <c r="P3913" s="76"/>
      <c r="Q3913" s="65"/>
      <c r="R3913" s="76"/>
      <c r="S3913" s="76"/>
      <c r="T3913" s="76"/>
      <c r="U3913" s="76"/>
      <c r="V3913" s="76"/>
      <c r="W3913" s="76"/>
      <c r="X3913" s="76"/>
      <c r="Y3913" s="76"/>
      <c r="Z3913" s="76"/>
      <c r="AA3913" s="85"/>
      <c r="AB3913" s="85"/>
      <c r="AC3913" s="85"/>
      <c r="AD3913" s="85"/>
      <c r="AE3913" s="85"/>
      <c r="AF3913" s="85"/>
      <c r="AG3913" s="86"/>
      <c r="AH3913" s="85"/>
      <c r="AI3913" s="85"/>
      <c r="AJ3913" s="85"/>
      <c r="AK3913" s="85"/>
      <c r="AL3913" s="85"/>
      <c r="AM3913" s="92"/>
      <c r="AN3913" s="92"/>
      <c r="AO3913" s="92"/>
      <c r="AP3913" s="92"/>
      <c r="AQ3913" s="92"/>
      <c r="AR3913" s="92"/>
      <c r="AS3913" s="92"/>
      <c r="AT3913" s="92"/>
      <c r="AU3913" s="92"/>
      <c r="AV3913" s="92"/>
      <c r="AW3913" s="92"/>
      <c r="AX3913" s="92"/>
      <c r="AY3913" s="92"/>
      <c r="AZ3913" s="93"/>
      <c r="BA3913" s="93"/>
      <c r="BB3913" s="93"/>
      <c r="BC3913" s="93"/>
      <c r="BD3913" s="93"/>
      <c r="BE3913" s="93"/>
      <c r="BF3913" s="93"/>
      <c r="BG3913" s="93"/>
      <c r="BH3913" s="93"/>
      <c r="BI3913" s="93"/>
      <c r="BJ3913" s="93"/>
      <c r="BK3913" s="93"/>
      <c r="BL3913" s="93"/>
    </row>
    <row r="3914" spans="2:64" x14ac:dyDescent="0.2">
      <c r="B3914" s="43"/>
      <c r="C3914" s="73"/>
      <c r="D3914" s="64"/>
      <c r="E3914" s="55"/>
      <c r="F3914" s="74"/>
      <c r="G3914" s="74"/>
      <c r="H3914" s="74"/>
      <c r="I3914" s="75"/>
      <c r="J3914" s="74"/>
      <c r="L3914" s="55"/>
      <c r="M3914" s="234"/>
      <c r="N3914" s="65"/>
      <c r="O3914" s="76"/>
      <c r="P3914" s="76"/>
      <c r="Q3914" s="65"/>
      <c r="R3914" s="76"/>
      <c r="S3914" s="76"/>
      <c r="T3914" s="76"/>
      <c r="U3914" s="76"/>
      <c r="V3914" s="76"/>
      <c r="W3914" s="76"/>
      <c r="X3914" s="76"/>
      <c r="Y3914" s="76"/>
      <c r="Z3914" s="76"/>
      <c r="AA3914" s="85"/>
      <c r="AB3914" s="85"/>
      <c r="AC3914" s="85"/>
      <c r="AD3914" s="85"/>
      <c r="AE3914" s="85"/>
      <c r="AF3914" s="85"/>
      <c r="AG3914" s="86"/>
      <c r="AH3914" s="85"/>
      <c r="AI3914" s="85"/>
      <c r="AJ3914" s="85"/>
      <c r="AK3914" s="85"/>
      <c r="AL3914" s="85"/>
      <c r="AM3914" s="92"/>
      <c r="AN3914" s="92"/>
      <c r="AO3914" s="92"/>
      <c r="AP3914" s="92"/>
      <c r="AQ3914" s="92"/>
      <c r="AR3914" s="92"/>
      <c r="AS3914" s="92"/>
      <c r="AT3914" s="92"/>
      <c r="AU3914" s="92"/>
      <c r="AV3914" s="92"/>
      <c r="AW3914" s="92"/>
      <c r="AX3914" s="92"/>
      <c r="AY3914" s="92"/>
      <c r="AZ3914" s="93"/>
      <c r="BA3914" s="93"/>
      <c r="BB3914" s="93"/>
      <c r="BC3914" s="93"/>
      <c r="BD3914" s="93"/>
      <c r="BE3914" s="93"/>
      <c r="BF3914" s="93"/>
      <c r="BG3914" s="93"/>
      <c r="BH3914" s="93"/>
      <c r="BI3914" s="93"/>
      <c r="BJ3914" s="93"/>
      <c r="BK3914" s="93"/>
      <c r="BL3914" s="93"/>
    </row>
    <row r="3915" spans="2:64" x14ac:dyDescent="0.2">
      <c r="B3915" s="43"/>
      <c r="C3915" s="73"/>
      <c r="D3915" s="64"/>
      <c r="E3915" s="55"/>
      <c r="F3915" s="74"/>
      <c r="G3915" s="74"/>
      <c r="H3915" s="74"/>
      <c r="I3915" s="75"/>
      <c r="J3915" s="74"/>
      <c r="L3915" s="55"/>
      <c r="M3915" s="234"/>
      <c r="N3915" s="65"/>
      <c r="O3915" s="76"/>
      <c r="P3915" s="76"/>
      <c r="Q3915" s="65"/>
      <c r="R3915" s="76"/>
      <c r="S3915" s="76"/>
      <c r="T3915" s="76"/>
      <c r="U3915" s="76"/>
      <c r="V3915" s="76"/>
      <c r="W3915" s="76"/>
      <c r="X3915" s="76"/>
      <c r="Y3915" s="76"/>
      <c r="Z3915" s="76"/>
      <c r="AA3915" s="85"/>
      <c r="AB3915" s="85"/>
      <c r="AC3915" s="85"/>
      <c r="AD3915" s="85"/>
      <c r="AE3915" s="85"/>
      <c r="AF3915" s="85"/>
      <c r="AG3915" s="86"/>
      <c r="AH3915" s="85"/>
      <c r="AI3915" s="85"/>
      <c r="AJ3915" s="85"/>
      <c r="AK3915" s="85"/>
      <c r="AL3915" s="85"/>
      <c r="AM3915" s="92"/>
      <c r="AN3915" s="92"/>
      <c r="AO3915" s="92"/>
      <c r="AP3915" s="92"/>
      <c r="AQ3915" s="92"/>
      <c r="AR3915" s="92"/>
      <c r="AS3915" s="92"/>
      <c r="AT3915" s="92"/>
      <c r="AU3915" s="92"/>
      <c r="AV3915" s="92"/>
      <c r="AW3915" s="92"/>
      <c r="AX3915" s="92"/>
      <c r="AY3915" s="92"/>
      <c r="AZ3915" s="93"/>
      <c r="BA3915" s="93"/>
      <c r="BB3915" s="93"/>
      <c r="BC3915" s="93"/>
      <c r="BD3915" s="93"/>
      <c r="BE3915" s="93"/>
      <c r="BF3915" s="93"/>
      <c r="BG3915" s="93"/>
      <c r="BH3915" s="93"/>
      <c r="BI3915" s="93"/>
      <c r="BJ3915" s="93"/>
      <c r="BK3915" s="93"/>
      <c r="BL3915" s="93"/>
    </row>
    <row r="3916" spans="2:64" x14ac:dyDescent="0.2">
      <c r="B3916" s="43"/>
      <c r="C3916" s="73"/>
      <c r="D3916" s="64"/>
      <c r="E3916" s="55"/>
      <c r="F3916" s="74"/>
      <c r="G3916" s="74"/>
      <c r="H3916" s="74"/>
      <c r="I3916" s="75"/>
      <c r="J3916" s="74"/>
      <c r="L3916" s="55"/>
      <c r="M3916" s="234"/>
      <c r="N3916" s="65"/>
      <c r="O3916" s="76"/>
      <c r="P3916" s="76"/>
      <c r="Q3916" s="65"/>
      <c r="R3916" s="76"/>
      <c r="S3916" s="76"/>
      <c r="T3916" s="76"/>
      <c r="U3916" s="76"/>
      <c r="V3916" s="76"/>
      <c r="W3916" s="76"/>
      <c r="X3916" s="76"/>
      <c r="Y3916" s="76"/>
      <c r="Z3916" s="76"/>
      <c r="AA3916" s="85"/>
      <c r="AB3916" s="85"/>
      <c r="AC3916" s="85"/>
      <c r="AD3916" s="85"/>
      <c r="AE3916" s="85"/>
      <c r="AF3916" s="85"/>
      <c r="AG3916" s="86"/>
      <c r="AH3916" s="85"/>
      <c r="AI3916" s="85"/>
      <c r="AJ3916" s="85"/>
      <c r="AK3916" s="85"/>
      <c r="AL3916" s="85"/>
      <c r="AM3916" s="92"/>
      <c r="AN3916" s="92"/>
      <c r="AO3916" s="92"/>
      <c r="AP3916" s="92"/>
      <c r="AQ3916" s="92"/>
      <c r="AR3916" s="92"/>
      <c r="AS3916" s="92"/>
      <c r="AT3916" s="92"/>
      <c r="AU3916" s="92"/>
      <c r="AV3916" s="92"/>
      <c r="AW3916" s="92"/>
      <c r="AX3916" s="92"/>
      <c r="AY3916" s="92"/>
      <c r="AZ3916" s="93"/>
      <c r="BA3916" s="93"/>
      <c r="BB3916" s="93"/>
      <c r="BC3916" s="93"/>
      <c r="BD3916" s="93"/>
      <c r="BE3916" s="93"/>
      <c r="BF3916" s="93"/>
      <c r="BG3916" s="93"/>
      <c r="BH3916" s="93"/>
      <c r="BI3916" s="93"/>
      <c r="BJ3916" s="93"/>
      <c r="BK3916" s="93"/>
      <c r="BL3916" s="93"/>
    </row>
    <row r="3917" spans="2:64" x14ac:dyDescent="0.2">
      <c r="B3917" s="43"/>
      <c r="C3917" s="73"/>
      <c r="D3917" s="64"/>
      <c r="E3917" s="55"/>
      <c r="F3917" s="74"/>
      <c r="G3917" s="74"/>
      <c r="H3917" s="74"/>
      <c r="I3917" s="75"/>
      <c r="J3917" s="74"/>
      <c r="L3917" s="55"/>
      <c r="M3917" s="234"/>
      <c r="N3917" s="65"/>
      <c r="O3917" s="76"/>
      <c r="P3917" s="76"/>
      <c r="Q3917" s="65"/>
      <c r="R3917" s="76"/>
      <c r="S3917" s="76"/>
      <c r="T3917" s="76"/>
      <c r="U3917" s="76"/>
      <c r="V3917" s="76"/>
      <c r="W3917" s="76"/>
      <c r="X3917" s="76"/>
      <c r="Y3917" s="76"/>
      <c r="Z3917" s="76"/>
      <c r="AA3917" s="85"/>
      <c r="AB3917" s="85"/>
      <c r="AC3917" s="85"/>
      <c r="AD3917" s="85"/>
      <c r="AE3917" s="85"/>
      <c r="AF3917" s="85"/>
      <c r="AG3917" s="86"/>
      <c r="AH3917" s="85"/>
      <c r="AI3917" s="85"/>
      <c r="AJ3917" s="85"/>
      <c r="AK3917" s="85"/>
      <c r="AL3917" s="85"/>
      <c r="AM3917" s="92"/>
      <c r="AN3917" s="92"/>
      <c r="AO3917" s="92"/>
      <c r="AP3917" s="92"/>
      <c r="AQ3917" s="92"/>
      <c r="AR3917" s="92"/>
      <c r="AS3917" s="92"/>
      <c r="AT3917" s="92"/>
      <c r="AU3917" s="92"/>
      <c r="AV3917" s="92"/>
      <c r="AW3917" s="92"/>
      <c r="AX3917" s="92"/>
      <c r="AY3917" s="92"/>
      <c r="AZ3917" s="93"/>
      <c r="BA3917" s="93"/>
      <c r="BB3917" s="93"/>
      <c r="BC3917" s="93"/>
      <c r="BD3917" s="93"/>
      <c r="BE3917" s="93"/>
      <c r="BF3917" s="93"/>
      <c r="BG3917" s="93"/>
      <c r="BH3917" s="93"/>
      <c r="BI3917" s="93"/>
      <c r="BJ3917" s="93"/>
      <c r="BK3917" s="93"/>
      <c r="BL3917" s="93"/>
    </row>
    <row r="3918" spans="2:64" x14ac:dyDescent="0.2">
      <c r="B3918" s="43"/>
      <c r="C3918" s="73"/>
      <c r="D3918" s="64"/>
      <c r="E3918" s="55"/>
      <c r="F3918" s="74"/>
      <c r="G3918" s="74"/>
      <c r="H3918" s="74"/>
      <c r="I3918" s="75"/>
      <c r="J3918" s="74"/>
      <c r="L3918" s="55"/>
      <c r="M3918" s="234"/>
      <c r="N3918" s="65"/>
      <c r="O3918" s="76"/>
      <c r="P3918" s="76"/>
      <c r="Q3918" s="65"/>
      <c r="R3918" s="76"/>
      <c r="S3918" s="76"/>
      <c r="T3918" s="76"/>
      <c r="U3918" s="76"/>
      <c r="V3918" s="76"/>
      <c r="W3918" s="76"/>
      <c r="X3918" s="76"/>
      <c r="Y3918" s="76"/>
      <c r="Z3918" s="76"/>
      <c r="AA3918" s="85"/>
      <c r="AB3918" s="85"/>
      <c r="AC3918" s="85"/>
      <c r="AD3918" s="85"/>
      <c r="AE3918" s="85"/>
      <c r="AF3918" s="85"/>
      <c r="AG3918" s="86"/>
      <c r="AH3918" s="85"/>
      <c r="AI3918" s="85"/>
      <c r="AJ3918" s="85"/>
      <c r="AK3918" s="85"/>
      <c r="AL3918" s="85"/>
      <c r="AM3918" s="92"/>
      <c r="AN3918" s="92"/>
      <c r="AO3918" s="92"/>
      <c r="AP3918" s="92"/>
      <c r="AQ3918" s="92"/>
      <c r="AR3918" s="92"/>
      <c r="AS3918" s="92"/>
      <c r="AT3918" s="92"/>
      <c r="AU3918" s="92"/>
      <c r="AV3918" s="92"/>
      <c r="AW3918" s="92"/>
      <c r="AX3918" s="92"/>
      <c r="AY3918" s="92"/>
      <c r="AZ3918" s="93"/>
      <c r="BA3918" s="93"/>
      <c r="BB3918" s="93"/>
      <c r="BC3918" s="93"/>
      <c r="BD3918" s="93"/>
      <c r="BE3918" s="93"/>
      <c r="BF3918" s="93"/>
      <c r="BG3918" s="93"/>
      <c r="BH3918" s="93"/>
      <c r="BI3918" s="93"/>
      <c r="BJ3918" s="93"/>
      <c r="BK3918" s="93"/>
      <c r="BL3918" s="93"/>
    </row>
    <row r="3919" spans="2:64" x14ac:dyDescent="0.2">
      <c r="B3919" s="43"/>
      <c r="C3919" s="73"/>
      <c r="D3919" s="64"/>
      <c r="E3919" s="55"/>
      <c r="F3919" s="74"/>
      <c r="G3919" s="74"/>
      <c r="H3919" s="74"/>
      <c r="I3919" s="75"/>
      <c r="J3919" s="74"/>
      <c r="L3919" s="55"/>
      <c r="M3919" s="234"/>
      <c r="N3919" s="65"/>
      <c r="O3919" s="76"/>
      <c r="P3919" s="76"/>
      <c r="Q3919" s="65"/>
      <c r="R3919" s="76"/>
      <c r="S3919" s="76"/>
      <c r="T3919" s="76"/>
      <c r="U3919" s="76"/>
      <c r="V3919" s="76"/>
      <c r="W3919" s="76"/>
      <c r="X3919" s="76"/>
      <c r="Y3919" s="76"/>
      <c r="Z3919" s="76"/>
      <c r="AA3919" s="85"/>
      <c r="AB3919" s="85"/>
      <c r="AC3919" s="85"/>
      <c r="AD3919" s="85"/>
      <c r="AE3919" s="85"/>
      <c r="AF3919" s="85"/>
      <c r="AG3919" s="86"/>
      <c r="AH3919" s="85"/>
      <c r="AI3919" s="85"/>
      <c r="AJ3919" s="85"/>
      <c r="AK3919" s="85"/>
      <c r="AL3919" s="85"/>
      <c r="AM3919" s="92"/>
      <c r="AN3919" s="92"/>
      <c r="AO3919" s="92"/>
      <c r="AP3919" s="92"/>
      <c r="AQ3919" s="92"/>
      <c r="AR3919" s="92"/>
      <c r="AS3919" s="92"/>
      <c r="AT3919" s="92"/>
      <c r="AU3919" s="92"/>
      <c r="AV3919" s="92"/>
      <c r="AW3919" s="92"/>
      <c r="AX3919" s="92"/>
      <c r="AY3919" s="92"/>
      <c r="AZ3919" s="93"/>
      <c r="BA3919" s="93"/>
      <c r="BB3919" s="93"/>
      <c r="BC3919" s="93"/>
      <c r="BD3919" s="93"/>
      <c r="BE3919" s="93"/>
      <c r="BF3919" s="93"/>
      <c r="BG3919" s="93"/>
      <c r="BH3919" s="93"/>
      <c r="BI3919" s="93"/>
      <c r="BJ3919" s="93"/>
      <c r="BK3919" s="93"/>
      <c r="BL3919" s="93"/>
    </row>
    <row r="3920" spans="2:64" x14ac:dyDescent="0.2">
      <c r="B3920" s="43"/>
      <c r="C3920" s="73"/>
      <c r="D3920" s="64"/>
      <c r="E3920" s="55"/>
      <c r="F3920" s="74"/>
      <c r="G3920" s="74"/>
      <c r="H3920" s="74"/>
      <c r="I3920" s="75"/>
      <c r="J3920" s="74"/>
      <c r="L3920" s="55"/>
      <c r="M3920" s="234"/>
      <c r="N3920" s="65"/>
      <c r="O3920" s="76"/>
      <c r="P3920" s="76"/>
      <c r="Q3920" s="65"/>
      <c r="R3920" s="76"/>
      <c r="S3920" s="76"/>
      <c r="T3920" s="76"/>
      <c r="U3920" s="76"/>
      <c r="V3920" s="76"/>
      <c r="W3920" s="76"/>
      <c r="X3920" s="76"/>
      <c r="Y3920" s="76"/>
      <c r="Z3920" s="76"/>
      <c r="AA3920" s="85"/>
      <c r="AB3920" s="85"/>
      <c r="AC3920" s="85"/>
      <c r="AD3920" s="85"/>
      <c r="AE3920" s="85"/>
      <c r="AF3920" s="85"/>
      <c r="AG3920" s="86"/>
      <c r="AH3920" s="85"/>
      <c r="AI3920" s="85"/>
      <c r="AJ3920" s="85"/>
      <c r="AK3920" s="85"/>
      <c r="AL3920" s="85"/>
      <c r="AM3920" s="92"/>
      <c r="AN3920" s="92"/>
      <c r="AO3920" s="92"/>
      <c r="AP3920" s="92"/>
      <c r="AQ3920" s="92"/>
      <c r="AR3920" s="92"/>
      <c r="AS3920" s="92"/>
      <c r="AT3920" s="92"/>
      <c r="AU3920" s="92"/>
      <c r="AV3920" s="92"/>
      <c r="AW3920" s="92"/>
      <c r="AX3920" s="92"/>
      <c r="AY3920" s="92"/>
      <c r="AZ3920" s="93"/>
      <c r="BA3920" s="93"/>
      <c r="BB3920" s="93"/>
      <c r="BC3920" s="93"/>
      <c r="BD3920" s="93"/>
      <c r="BE3920" s="93"/>
      <c r="BF3920" s="93"/>
      <c r="BG3920" s="93"/>
      <c r="BH3920" s="93"/>
      <c r="BI3920" s="93"/>
      <c r="BJ3920" s="93"/>
      <c r="BK3920" s="93"/>
      <c r="BL3920" s="93"/>
    </row>
    <row r="3921" spans="2:64" x14ac:dyDescent="0.2">
      <c r="B3921" s="43"/>
      <c r="C3921" s="73"/>
      <c r="D3921" s="64"/>
      <c r="E3921" s="55"/>
      <c r="F3921" s="74"/>
      <c r="G3921" s="74"/>
      <c r="H3921" s="74"/>
      <c r="I3921" s="75"/>
      <c r="J3921" s="74"/>
      <c r="L3921" s="55"/>
      <c r="M3921" s="234"/>
      <c r="N3921" s="65"/>
      <c r="O3921" s="76"/>
      <c r="P3921" s="76"/>
      <c r="Q3921" s="65"/>
      <c r="R3921" s="76"/>
      <c r="S3921" s="76"/>
      <c r="T3921" s="76"/>
      <c r="U3921" s="76"/>
      <c r="V3921" s="76"/>
      <c r="W3921" s="76"/>
      <c r="X3921" s="76"/>
      <c r="Y3921" s="76"/>
      <c r="Z3921" s="76"/>
      <c r="AA3921" s="85"/>
      <c r="AB3921" s="85"/>
      <c r="AC3921" s="85"/>
      <c r="AD3921" s="85"/>
      <c r="AE3921" s="85"/>
      <c r="AF3921" s="85"/>
      <c r="AG3921" s="86"/>
      <c r="AH3921" s="85"/>
      <c r="AI3921" s="85"/>
      <c r="AJ3921" s="85"/>
      <c r="AK3921" s="85"/>
      <c r="AL3921" s="85"/>
      <c r="AM3921" s="92"/>
      <c r="AN3921" s="92"/>
      <c r="AO3921" s="92"/>
      <c r="AP3921" s="92"/>
      <c r="AQ3921" s="92"/>
      <c r="AR3921" s="92"/>
      <c r="AS3921" s="92"/>
      <c r="AT3921" s="92"/>
      <c r="AU3921" s="92"/>
      <c r="AV3921" s="92"/>
      <c r="AW3921" s="92"/>
      <c r="AX3921" s="92"/>
      <c r="AY3921" s="92"/>
      <c r="AZ3921" s="93"/>
      <c r="BA3921" s="93"/>
      <c r="BB3921" s="93"/>
      <c r="BC3921" s="93"/>
      <c r="BD3921" s="93"/>
      <c r="BE3921" s="93"/>
      <c r="BF3921" s="93"/>
      <c r="BG3921" s="93"/>
      <c r="BH3921" s="93"/>
      <c r="BI3921" s="93"/>
      <c r="BJ3921" s="93"/>
      <c r="BK3921" s="93"/>
      <c r="BL3921" s="93"/>
    </row>
    <row r="3922" spans="2:64" x14ac:dyDescent="0.2">
      <c r="B3922" s="43"/>
      <c r="C3922" s="73"/>
      <c r="D3922" s="64"/>
      <c r="E3922" s="55"/>
      <c r="F3922" s="74"/>
      <c r="G3922" s="74"/>
      <c r="H3922" s="74"/>
      <c r="I3922" s="75"/>
      <c r="J3922" s="74"/>
      <c r="L3922" s="55"/>
      <c r="M3922" s="234"/>
      <c r="N3922" s="65"/>
      <c r="O3922" s="76"/>
      <c r="P3922" s="76"/>
      <c r="Q3922" s="65"/>
      <c r="R3922" s="76"/>
      <c r="S3922" s="76"/>
      <c r="T3922" s="76"/>
      <c r="U3922" s="76"/>
      <c r="V3922" s="76"/>
      <c r="W3922" s="76"/>
      <c r="X3922" s="76"/>
      <c r="Y3922" s="76"/>
      <c r="Z3922" s="76"/>
      <c r="AA3922" s="85"/>
      <c r="AB3922" s="85"/>
      <c r="AC3922" s="85"/>
      <c r="AD3922" s="85"/>
      <c r="AE3922" s="85"/>
      <c r="AF3922" s="85"/>
      <c r="AG3922" s="86"/>
      <c r="AH3922" s="85"/>
      <c r="AI3922" s="85"/>
      <c r="AJ3922" s="85"/>
      <c r="AK3922" s="85"/>
      <c r="AL3922" s="85"/>
      <c r="AM3922" s="92"/>
      <c r="AN3922" s="92"/>
      <c r="AO3922" s="92"/>
      <c r="AP3922" s="92"/>
      <c r="AQ3922" s="92"/>
      <c r="AR3922" s="92"/>
      <c r="AS3922" s="92"/>
      <c r="AT3922" s="92"/>
      <c r="AU3922" s="92"/>
      <c r="AV3922" s="92"/>
      <c r="AW3922" s="92"/>
      <c r="AX3922" s="92"/>
      <c r="AY3922" s="92"/>
      <c r="AZ3922" s="93"/>
      <c r="BA3922" s="93"/>
      <c r="BB3922" s="93"/>
      <c r="BC3922" s="93"/>
      <c r="BD3922" s="93"/>
      <c r="BE3922" s="93"/>
      <c r="BF3922" s="93"/>
      <c r="BG3922" s="93"/>
      <c r="BH3922" s="93"/>
      <c r="BI3922" s="93"/>
      <c r="BJ3922" s="93"/>
      <c r="BK3922" s="93"/>
      <c r="BL3922" s="93"/>
    </row>
    <row r="3923" spans="2:64" x14ac:dyDescent="0.2">
      <c r="B3923" s="43"/>
      <c r="C3923" s="73"/>
      <c r="D3923" s="64"/>
      <c r="E3923" s="55"/>
      <c r="F3923" s="74"/>
      <c r="G3923" s="74"/>
      <c r="H3923" s="74"/>
      <c r="I3923" s="75"/>
      <c r="J3923" s="74"/>
      <c r="L3923" s="55"/>
      <c r="M3923" s="234"/>
      <c r="N3923" s="65"/>
      <c r="O3923" s="76"/>
      <c r="P3923" s="76"/>
      <c r="Q3923" s="65"/>
      <c r="R3923" s="76"/>
      <c r="S3923" s="76"/>
      <c r="T3923" s="76"/>
      <c r="U3923" s="76"/>
      <c r="V3923" s="76"/>
      <c r="W3923" s="76"/>
      <c r="X3923" s="76"/>
      <c r="Y3923" s="76"/>
      <c r="Z3923" s="76"/>
      <c r="AA3923" s="85"/>
      <c r="AB3923" s="85"/>
      <c r="AC3923" s="85"/>
      <c r="AD3923" s="85"/>
      <c r="AE3923" s="85"/>
      <c r="AF3923" s="85"/>
      <c r="AG3923" s="86"/>
      <c r="AH3923" s="85"/>
      <c r="AI3923" s="85"/>
      <c r="AJ3923" s="85"/>
      <c r="AK3923" s="85"/>
      <c r="AL3923" s="85"/>
      <c r="AM3923" s="92"/>
      <c r="AN3923" s="92"/>
      <c r="AO3923" s="92"/>
      <c r="AP3923" s="92"/>
      <c r="AQ3923" s="92"/>
      <c r="AR3923" s="92"/>
      <c r="AS3923" s="92"/>
      <c r="AT3923" s="92"/>
      <c r="AU3923" s="92"/>
      <c r="AV3923" s="92"/>
      <c r="AW3923" s="92"/>
      <c r="AX3923" s="92"/>
      <c r="AY3923" s="92"/>
      <c r="AZ3923" s="93"/>
      <c r="BA3923" s="93"/>
      <c r="BB3923" s="93"/>
      <c r="BC3923" s="93"/>
      <c r="BD3923" s="93"/>
      <c r="BE3923" s="93"/>
      <c r="BF3923" s="93"/>
      <c r="BG3923" s="93"/>
      <c r="BH3923" s="93"/>
      <c r="BI3923" s="93"/>
      <c r="BJ3923" s="93"/>
      <c r="BK3923" s="93"/>
      <c r="BL3923" s="93"/>
    </row>
    <row r="3924" spans="2:64" x14ac:dyDescent="0.2">
      <c r="B3924" s="43"/>
      <c r="C3924" s="73"/>
      <c r="D3924" s="64"/>
      <c r="E3924" s="55"/>
      <c r="F3924" s="74"/>
      <c r="G3924" s="74"/>
      <c r="H3924" s="74"/>
      <c r="I3924" s="75"/>
      <c r="J3924" s="74"/>
      <c r="L3924" s="55"/>
      <c r="M3924" s="234"/>
      <c r="N3924" s="65"/>
      <c r="O3924" s="76"/>
      <c r="P3924" s="76"/>
      <c r="Q3924" s="65"/>
      <c r="R3924" s="76"/>
      <c r="S3924" s="76"/>
      <c r="T3924" s="76"/>
      <c r="U3924" s="76"/>
      <c r="V3924" s="76"/>
      <c r="W3924" s="76"/>
      <c r="X3924" s="76"/>
      <c r="Y3924" s="76"/>
      <c r="Z3924" s="76"/>
      <c r="AA3924" s="85"/>
      <c r="AB3924" s="85"/>
      <c r="AC3924" s="85"/>
      <c r="AD3924" s="85"/>
      <c r="AE3924" s="85"/>
      <c r="AF3924" s="85"/>
      <c r="AG3924" s="86"/>
      <c r="AH3924" s="85"/>
      <c r="AI3924" s="85"/>
      <c r="AJ3924" s="85"/>
      <c r="AK3924" s="85"/>
      <c r="AL3924" s="85"/>
      <c r="AM3924" s="92"/>
      <c r="AN3924" s="92"/>
      <c r="AO3924" s="92"/>
      <c r="AP3924" s="92"/>
      <c r="AQ3924" s="92"/>
      <c r="AR3924" s="92"/>
      <c r="AS3924" s="92"/>
      <c r="AT3924" s="92"/>
      <c r="AU3924" s="92"/>
      <c r="AV3924" s="92"/>
      <c r="AW3924" s="92"/>
      <c r="AX3924" s="92"/>
      <c r="AY3924" s="92"/>
      <c r="AZ3924" s="93"/>
      <c r="BA3924" s="93"/>
      <c r="BB3924" s="93"/>
      <c r="BC3924" s="93"/>
      <c r="BD3924" s="93"/>
      <c r="BE3924" s="93"/>
      <c r="BF3924" s="93"/>
      <c r="BG3924" s="93"/>
      <c r="BH3924" s="93"/>
      <c r="BI3924" s="93"/>
      <c r="BJ3924" s="93"/>
      <c r="BK3924" s="93"/>
      <c r="BL3924" s="93"/>
    </row>
    <row r="3925" spans="2:64" x14ac:dyDescent="0.2">
      <c r="B3925" s="43"/>
      <c r="C3925" s="73"/>
      <c r="D3925" s="64"/>
      <c r="E3925" s="55"/>
      <c r="F3925" s="74"/>
      <c r="G3925" s="74"/>
      <c r="H3925" s="74"/>
      <c r="I3925" s="75"/>
      <c r="J3925" s="74"/>
      <c r="L3925" s="55"/>
      <c r="M3925" s="234"/>
      <c r="N3925" s="65"/>
      <c r="O3925" s="76"/>
      <c r="P3925" s="76"/>
      <c r="Q3925" s="65"/>
      <c r="R3925" s="76"/>
      <c r="S3925" s="76"/>
      <c r="T3925" s="76"/>
      <c r="U3925" s="76"/>
      <c r="V3925" s="76"/>
      <c r="W3925" s="76"/>
      <c r="X3925" s="76"/>
      <c r="Y3925" s="76"/>
      <c r="Z3925" s="76"/>
      <c r="AA3925" s="85"/>
      <c r="AB3925" s="85"/>
      <c r="AC3925" s="85"/>
      <c r="AD3925" s="85"/>
      <c r="AE3925" s="85"/>
      <c r="AF3925" s="85"/>
      <c r="AG3925" s="86"/>
      <c r="AH3925" s="85"/>
      <c r="AI3925" s="85"/>
      <c r="AJ3925" s="85"/>
      <c r="AK3925" s="85"/>
      <c r="AL3925" s="85"/>
      <c r="AM3925" s="92"/>
      <c r="AN3925" s="92"/>
      <c r="AO3925" s="92"/>
      <c r="AP3925" s="92"/>
      <c r="AQ3925" s="92"/>
      <c r="AR3925" s="92"/>
      <c r="AS3925" s="92"/>
      <c r="AT3925" s="92"/>
      <c r="AU3925" s="92"/>
      <c r="AV3925" s="92"/>
      <c r="AW3925" s="92"/>
      <c r="AX3925" s="92"/>
      <c r="AY3925" s="92"/>
      <c r="AZ3925" s="93"/>
      <c r="BA3925" s="93"/>
      <c r="BB3925" s="93"/>
      <c r="BC3925" s="93"/>
      <c r="BD3925" s="93"/>
      <c r="BE3925" s="93"/>
      <c r="BF3925" s="93"/>
      <c r="BG3925" s="93"/>
      <c r="BH3925" s="93"/>
      <c r="BI3925" s="93"/>
      <c r="BJ3925" s="93"/>
      <c r="BK3925" s="93"/>
      <c r="BL3925" s="93"/>
    </row>
    <row r="3926" spans="2:64" x14ac:dyDescent="0.2">
      <c r="B3926" s="43"/>
      <c r="C3926" s="73"/>
      <c r="D3926" s="64"/>
      <c r="E3926" s="55"/>
      <c r="F3926" s="74"/>
      <c r="G3926" s="74"/>
      <c r="H3926" s="74"/>
      <c r="I3926" s="75"/>
      <c r="J3926" s="74"/>
      <c r="L3926" s="55"/>
      <c r="M3926" s="234"/>
      <c r="N3926" s="65"/>
      <c r="O3926" s="76"/>
      <c r="P3926" s="76"/>
      <c r="Q3926" s="65"/>
      <c r="R3926" s="76"/>
      <c r="S3926" s="76"/>
      <c r="T3926" s="76"/>
      <c r="U3926" s="76"/>
      <c r="V3926" s="76"/>
      <c r="W3926" s="76"/>
      <c r="X3926" s="76"/>
      <c r="Y3926" s="76"/>
      <c r="Z3926" s="76"/>
      <c r="AA3926" s="85"/>
      <c r="AB3926" s="85"/>
      <c r="AC3926" s="85"/>
      <c r="AD3926" s="85"/>
      <c r="AE3926" s="85"/>
      <c r="AF3926" s="85"/>
      <c r="AG3926" s="86"/>
      <c r="AH3926" s="85"/>
      <c r="AI3926" s="85"/>
      <c r="AJ3926" s="85"/>
      <c r="AK3926" s="85"/>
      <c r="AL3926" s="85"/>
      <c r="AM3926" s="92"/>
      <c r="AN3926" s="92"/>
      <c r="AO3926" s="92"/>
      <c r="AP3926" s="92"/>
      <c r="AQ3926" s="92"/>
      <c r="AR3926" s="92"/>
      <c r="AS3926" s="92"/>
      <c r="AT3926" s="92"/>
      <c r="AU3926" s="92"/>
      <c r="AV3926" s="92"/>
      <c r="AW3926" s="92"/>
      <c r="AX3926" s="92"/>
      <c r="AY3926" s="92"/>
      <c r="AZ3926" s="93"/>
      <c r="BA3926" s="93"/>
      <c r="BB3926" s="93"/>
      <c r="BC3926" s="93"/>
      <c r="BD3926" s="93"/>
      <c r="BE3926" s="93"/>
      <c r="BF3926" s="93"/>
      <c r="BG3926" s="93"/>
      <c r="BH3926" s="93"/>
      <c r="BI3926" s="93"/>
      <c r="BJ3926" s="93"/>
      <c r="BK3926" s="93"/>
      <c r="BL3926" s="93"/>
    </row>
    <row r="3927" spans="2:64" x14ac:dyDescent="0.2">
      <c r="B3927" s="43"/>
      <c r="C3927" s="73"/>
      <c r="D3927" s="64"/>
      <c r="E3927" s="55"/>
      <c r="F3927" s="74"/>
      <c r="G3927" s="74"/>
      <c r="H3927" s="74"/>
      <c r="I3927" s="75"/>
      <c r="J3927" s="74"/>
      <c r="L3927" s="55"/>
      <c r="M3927" s="234"/>
      <c r="N3927" s="65"/>
      <c r="O3927" s="76"/>
      <c r="P3927" s="76"/>
      <c r="Q3927" s="65"/>
      <c r="R3927" s="76"/>
      <c r="S3927" s="76"/>
      <c r="T3927" s="76"/>
      <c r="U3927" s="76"/>
      <c r="V3927" s="76"/>
      <c r="W3927" s="76"/>
      <c r="X3927" s="76"/>
      <c r="Y3927" s="76"/>
      <c r="Z3927" s="76"/>
      <c r="AA3927" s="85"/>
      <c r="AB3927" s="85"/>
      <c r="AC3927" s="85"/>
      <c r="AD3927" s="85"/>
      <c r="AE3927" s="85"/>
      <c r="AF3927" s="85"/>
      <c r="AG3927" s="86"/>
      <c r="AH3927" s="85"/>
      <c r="AI3927" s="85"/>
      <c r="AJ3927" s="85"/>
      <c r="AK3927" s="85"/>
      <c r="AL3927" s="85"/>
      <c r="AM3927" s="92"/>
      <c r="AN3927" s="92"/>
      <c r="AO3927" s="92"/>
      <c r="AP3927" s="92"/>
      <c r="AQ3927" s="92"/>
      <c r="AR3927" s="92"/>
      <c r="AS3927" s="92"/>
      <c r="AT3927" s="92"/>
      <c r="AU3927" s="92"/>
      <c r="AV3927" s="92"/>
      <c r="AW3927" s="92"/>
      <c r="AX3927" s="92"/>
      <c r="AY3927" s="92"/>
      <c r="AZ3927" s="93"/>
      <c r="BA3927" s="93"/>
      <c r="BB3927" s="93"/>
      <c r="BC3927" s="93"/>
      <c r="BD3927" s="93"/>
      <c r="BE3927" s="93"/>
      <c r="BF3927" s="93"/>
      <c r="BG3927" s="93"/>
      <c r="BH3927" s="93"/>
      <c r="BI3927" s="93"/>
      <c r="BJ3927" s="93"/>
      <c r="BK3927" s="93"/>
      <c r="BL3927" s="93"/>
    </row>
    <row r="3928" spans="2:64" x14ac:dyDescent="0.2">
      <c r="B3928" s="43"/>
      <c r="C3928" s="73"/>
      <c r="D3928" s="64"/>
      <c r="E3928" s="55"/>
      <c r="F3928" s="74"/>
      <c r="G3928" s="74"/>
      <c r="H3928" s="74"/>
      <c r="I3928" s="75"/>
      <c r="J3928" s="74"/>
      <c r="L3928" s="55"/>
      <c r="M3928" s="234"/>
      <c r="N3928" s="65"/>
      <c r="O3928" s="76"/>
      <c r="P3928" s="76"/>
      <c r="Q3928" s="65"/>
      <c r="R3928" s="76"/>
      <c r="S3928" s="76"/>
      <c r="T3928" s="76"/>
      <c r="U3928" s="76"/>
      <c r="V3928" s="76"/>
      <c r="W3928" s="76"/>
      <c r="X3928" s="76"/>
      <c r="Y3928" s="76"/>
      <c r="Z3928" s="76"/>
      <c r="AA3928" s="85"/>
      <c r="AB3928" s="85"/>
      <c r="AC3928" s="85"/>
      <c r="AD3928" s="85"/>
      <c r="AE3928" s="85"/>
      <c r="AF3928" s="85"/>
      <c r="AG3928" s="86"/>
      <c r="AH3928" s="85"/>
      <c r="AI3928" s="85"/>
      <c r="AJ3928" s="85"/>
      <c r="AK3928" s="85"/>
      <c r="AL3928" s="85"/>
      <c r="AM3928" s="92"/>
      <c r="AN3928" s="92"/>
      <c r="AO3928" s="92"/>
      <c r="AP3928" s="92"/>
      <c r="AQ3928" s="92"/>
      <c r="AR3928" s="92"/>
      <c r="AS3928" s="92"/>
      <c r="AT3928" s="92"/>
      <c r="AU3928" s="92"/>
      <c r="AV3928" s="92"/>
      <c r="AW3928" s="92"/>
      <c r="AX3928" s="92"/>
      <c r="AY3928" s="92"/>
      <c r="AZ3928" s="93"/>
      <c r="BA3928" s="93"/>
      <c r="BB3928" s="93"/>
      <c r="BC3928" s="93"/>
      <c r="BD3928" s="93"/>
      <c r="BE3928" s="93"/>
      <c r="BF3928" s="93"/>
      <c r="BG3928" s="93"/>
      <c r="BH3928" s="93"/>
      <c r="BI3928" s="93"/>
      <c r="BJ3928" s="93"/>
      <c r="BK3928" s="93"/>
      <c r="BL3928" s="93"/>
    </row>
    <row r="3929" spans="2:64" x14ac:dyDescent="0.2">
      <c r="B3929" s="43"/>
      <c r="C3929" s="73"/>
      <c r="D3929" s="64"/>
      <c r="E3929" s="55"/>
      <c r="F3929" s="74"/>
      <c r="G3929" s="74"/>
      <c r="H3929" s="74"/>
      <c r="I3929" s="75"/>
      <c r="J3929" s="74"/>
      <c r="L3929" s="55"/>
      <c r="M3929" s="234"/>
      <c r="N3929" s="65"/>
      <c r="O3929" s="76"/>
      <c r="P3929" s="76"/>
      <c r="Q3929" s="65"/>
      <c r="R3929" s="76"/>
      <c r="S3929" s="76"/>
      <c r="T3929" s="76"/>
      <c r="U3929" s="76"/>
      <c r="V3929" s="76"/>
      <c r="W3929" s="76"/>
      <c r="X3929" s="76"/>
      <c r="Y3929" s="76"/>
      <c r="Z3929" s="76"/>
      <c r="AA3929" s="85"/>
      <c r="AB3929" s="85"/>
      <c r="AC3929" s="85"/>
      <c r="AD3929" s="85"/>
      <c r="AE3929" s="85"/>
      <c r="AF3929" s="85"/>
      <c r="AG3929" s="86"/>
      <c r="AH3929" s="85"/>
      <c r="AI3929" s="85"/>
      <c r="AJ3929" s="85"/>
      <c r="AK3929" s="85"/>
      <c r="AL3929" s="85"/>
      <c r="AM3929" s="92"/>
      <c r="AN3929" s="92"/>
      <c r="AO3929" s="92"/>
      <c r="AP3929" s="92"/>
      <c r="AQ3929" s="92"/>
      <c r="AR3929" s="92"/>
      <c r="AS3929" s="92"/>
      <c r="AT3929" s="92"/>
      <c r="AU3929" s="92"/>
      <c r="AV3929" s="92"/>
      <c r="AW3929" s="92"/>
      <c r="AX3929" s="92"/>
      <c r="AY3929" s="92"/>
      <c r="AZ3929" s="93"/>
      <c r="BA3929" s="93"/>
      <c r="BB3929" s="93"/>
      <c r="BC3929" s="93"/>
      <c r="BD3929" s="93"/>
      <c r="BE3929" s="93"/>
      <c r="BF3929" s="93"/>
      <c r="BG3929" s="93"/>
      <c r="BH3929" s="93"/>
      <c r="BI3929" s="93"/>
      <c r="BJ3929" s="93"/>
      <c r="BK3929" s="93"/>
      <c r="BL3929" s="93"/>
    </row>
    <row r="3930" spans="2:64" x14ac:dyDescent="0.2">
      <c r="B3930" s="43"/>
      <c r="C3930" s="73"/>
      <c r="D3930" s="64"/>
      <c r="E3930" s="55"/>
      <c r="F3930" s="74"/>
      <c r="G3930" s="74"/>
      <c r="H3930" s="74"/>
      <c r="I3930" s="75"/>
      <c r="J3930" s="74"/>
      <c r="L3930" s="55"/>
      <c r="M3930" s="234"/>
      <c r="N3930" s="65"/>
      <c r="O3930" s="76"/>
      <c r="P3930" s="76"/>
      <c r="Q3930" s="65"/>
      <c r="R3930" s="76"/>
      <c r="S3930" s="76"/>
      <c r="T3930" s="76"/>
      <c r="U3930" s="76"/>
      <c r="V3930" s="76"/>
      <c r="W3930" s="76"/>
      <c r="X3930" s="76"/>
      <c r="Y3930" s="76"/>
      <c r="Z3930" s="76"/>
      <c r="AA3930" s="85"/>
      <c r="AB3930" s="85"/>
      <c r="AC3930" s="85"/>
      <c r="AD3930" s="85"/>
      <c r="AE3930" s="85"/>
      <c r="AF3930" s="85"/>
      <c r="AG3930" s="86"/>
      <c r="AH3930" s="85"/>
      <c r="AI3930" s="85"/>
      <c r="AJ3930" s="85"/>
      <c r="AK3930" s="85"/>
      <c r="AL3930" s="85"/>
      <c r="AM3930" s="92"/>
      <c r="AN3930" s="92"/>
      <c r="AO3930" s="92"/>
      <c r="AP3930" s="92"/>
      <c r="AQ3930" s="92"/>
      <c r="AR3930" s="92"/>
      <c r="AS3930" s="92"/>
      <c r="AT3930" s="92"/>
      <c r="AU3930" s="92"/>
      <c r="AV3930" s="92"/>
      <c r="AW3930" s="92"/>
      <c r="AX3930" s="92"/>
      <c r="AY3930" s="92"/>
      <c r="AZ3930" s="93"/>
      <c r="BA3930" s="93"/>
      <c r="BB3930" s="93"/>
      <c r="BC3930" s="93"/>
      <c r="BD3930" s="93"/>
      <c r="BE3930" s="93"/>
      <c r="BF3930" s="93"/>
      <c r="BG3930" s="93"/>
      <c r="BH3930" s="93"/>
      <c r="BI3930" s="93"/>
      <c r="BJ3930" s="93"/>
      <c r="BK3930" s="93"/>
      <c r="BL3930" s="93"/>
    </row>
    <row r="3931" spans="2:64" x14ac:dyDescent="0.2">
      <c r="B3931" s="43"/>
      <c r="C3931" s="73"/>
      <c r="D3931" s="64"/>
      <c r="E3931" s="55"/>
      <c r="F3931" s="74"/>
      <c r="G3931" s="74"/>
      <c r="H3931" s="74"/>
      <c r="I3931" s="75"/>
      <c r="J3931" s="74"/>
      <c r="L3931" s="55"/>
      <c r="M3931" s="234"/>
      <c r="N3931" s="65"/>
      <c r="O3931" s="76"/>
      <c r="P3931" s="76"/>
      <c r="Q3931" s="65"/>
      <c r="R3931" s="76"/>
      <c r="S3931" s="76"/>
      <c r="T3931" s="76"/>
      <c r="U3931" s="76"/>
      <c r="V3931" s="76"/>
      <c r="W3931" s="76"/>
      <c r="X3931" s="76"/>
      <c r="Y3931" s="76"/>
      <c r="Z3931" s="76"/>
      <c r="AA3931" s="85"/>
      <c r="AB3931" s="85"/>
      <c r="AC3931" s="85"/>
      <c r="AD3931" s="85"/>
      <c r="AE3931" s="85"/>
      <c r="AF3931" s="85"/>
      <c r="AG3931" s="86"/>
      <c r="AH3931" s="85"/>
      <c r="AI3931" s="85"/>
      <c r="AJ3931" s="85"/>
      <c r="AK3931" s="85"/>
      <c r="AL3931" s="85"/>
      <c r="AM3931" s="92"/>
      <c r="AN3931" s="92"/>
      <c r="AO3931" s="92"/>
      <c r="AP3931" s="92"/>
      <c r="AQ3931" s="92"/>
      <c r="AR3931" s="92"/>
      <c r="AS3931" s="92"/>
      <c r="AT3931" s="92"/>
      <c r="AU3931" s="92"/>
      <c r="AV3931" s="92"/>
      <c r="AW3931" s="92"/>
      <c r="AX3931" s="92"/>
      <c r="AY3931" s="92"/>
      <c r="AZ3931" s="93"/>
      <c r="BA3931" s="93"/>
      <c r="BB3931" s="93"/>
      <c r="BC3931" s="93"/>
      <c r="BD3931" s="93"/>
      <c r="BE3931" s="93"/>
      <c r="BF3931" s="93"/>
      <c r="BG3931" s="93"/>
      <c r="BH3931" s="93"/>
      <c r="BI3931" s="93"/>
      <c r="BJ3931" s="93"/>
      <c r="BK3931" s="93"/>
      <c r="BL3931" s="93"/>
    </row>
    <row r="3932" spans="2:64" x14ac:dyDescent="0.2">
      <c r="B3932" s="43"/>
      <c r="C3932" s="73"/>
      <c r="D3932" s="64"/>
      <c r="E3932" s="55"/>
      <c r="F3932" s="74"/>
      <c r="G3932" s="74"/>
      <c r="H3932" s="74"/>
      <c r="I3932" s="75"/>
      <c r="J3932" s="74"/>
      <c r="L3932" s="55"/>
      <c r="M3932" s="234"/>
      <c r="N3932" s="65"/>
      <c r="O3932" s="76"/>
      <c r="P3932" s="76"/>
      <c r="Q3932" s="65"/>
      <c r="R3932" s="76"/>
      <c r="S3932" s="76"/>
      <c r="T3932" s="76"/>
      <c r="U3932" s="76"/>
      <c r="V3932" s="76"/>
      <c r="W3932" s="76"/>
      <c r="X3932" s="76"/>
      <c r="Y3932" s="76"/>
      <c r="Z3932" s="76"/>
      <c r="AA3932" s="85"/>
      <c r="AB3932" s="85"/>
      <c r="AC3932" s="85"/>
      <c r="AD3932" s="85"/>
      <c r="AE3932" s="85"/>
      <c r="AF3932" s="85"/>
      <c r="AG3932" s="86"/>
      <c r="AH3932" s="85"/>
      <c r="AI3932" s="85"/>
      <c r="AJ3932" s="85"/>
      <c r="AK3932" s="85"/>
      <c r="AL3932" s="85"/>
      <c r="AM3932" s="92"/>
      <c r="AN3932" s="92"/>
      <c r="AO3932" s="92"/>
      <c r="AP3932" s="92"/>
      <c r="AQ3932" s="92"/>
      <c r="AR3932" s="92"/>
      <c r="AS3932" s="92"/>
      <c r="AT3932" s="92"/>
      <c r="AU3932" s="92"/>
      <c r="AV3932" s="92"/>
      <c r="AW3932" s="92"/>
      <c r="AX3932" s="92"/>
      <c r="AY3932" s="92"/>
      <c r="AZ3932" s="93"/>
      <c r="BA3932" s="93"/>
      <c r="BB3932" s="93"/>
      <c r="BC3932" s="93"/>
      <c r="BD3932" s="93"/>
      <c r="BE3932" s="93"/>
      <c r="BF3932" s="93"/>
      <c r="BG3932" s="93"/>
      <c r="BH3932" s="93"/>
      <c r="BI3932" s="93"/>
      <c r="BJ3932" s="93"/>
      <c r="BK3932" s="93"/>
      <c r="BL3932" s="93"/>
    </row>
    <row r="3933" spans="2:64" x14ac:dyDescent="0.2">
      <c r="B3933" s="43"/>
      <c r="C3933" s="73"/>
      <c r="D3933" s="64"/>
      <c r="E3933" s="55"/>
      <c r="F3933" s="74"/>
      <c r="G3933" s="74"/>
      <c r="H3933" s="74"/>
      <c r="I3933" s="75"/>
      <c r="J3933" s="74"/>
      <c r="L3933" s="55"/>
      <c r="M3933" s="234"/>
      <c r="N3933" s="65"/>
      <c r="O3933" s="76"/>
      <c r="P3933" s="76"/>
      <c r="Q3933" s="65"/>
      <c r="R3933" s="76"/>
      <c r="S3933" s="76"/>
      <c r="T3933" s="76"/>
      <c r="U3933" s="76"/>
      <c r="V3933" s="76"/>
      <c r="W3933" s="76"/>
      <c r="X3933" s="76"/>
      <c r="Y3933" s="76"/>
      <c r="Z3933" s="76"/>
      <c r="AA3933" s="85"/>
      <c r="AB3933" s="85"/>
      <c r="AC3933" s="85"/>
      <c r="AD3933" s="85"/>
      <c r="AE3933" s="85"/>
      <c r="AF3933" s="85"/>
      <c r="AG3933" s="86"/>
      <c r="AH3933" s="85"/>
      <c r="AI3933" s="85"/>
      <c r="AJ3933" s="85"/>
      <c r="AK3933" s="85"/>
      <c r="AL3933" s="85"/>
      <c r="AM3933" s="92"/>
      <c r="AN3933" s="92"/>
      <c r="AO3933" s="92"/>
      <c r="AP3933" s="92"/>
      <c r="AQ3933" s="92"/>
      <c r="AR3933" s="92"/>
      <c r="AS3933" s="92"/>
      <c r="AT3933" s="92"/>
      <c r="AU3933" s="92"/>
      <c r="AV3933" s="92"/>
      <c r="AW3933" s="92"/>
      <c r="AX3933" s="92"/>
      <c r="AY3933" s="92"/>
      <c r="AZ3933" s="93"/>
      <c r="BA3933" s="93"/>
      <c r="BB3933" s="93"/>
      <c r="BC3933" s="93"/>
      <c r="BD3933" s="93"/>
      <c r="BE3933" s="93"/>
      <c r="BF3933" s="93"/>
      <c r="BG3933" s="93"/>
      <c r="BH3933" s="93"/>
      <c r="BI3933" s="93"/>
      <c r="BJ3933" s="93"/>
      <c r="BK3933" s="93"/>
      <c r="BL3933" s="93"/>
    </row>
    <row r="3934" spans="2:64" x14ac:dyDescent="0.2">
      <c r="B3934" s="43"/>
      <c r="C3934" s="73"/>
      <c r="D3934" s="64"/>
      <c r="E3934" s="55"/>
      <c r="F3934" s="74"/>
      <c r="G3934" s="74"/>
      <c r="H3934" s="74"/>
      <c r="I3934" s="75"/>
      <c r="J3934" s="74"/>
      <c r="L3934" s="55"/>
      <c r="M3934" s="234"/>
      <c r="N3934" s="65"/>
      <c r="O3934" s="76"/>
      <c r="P3934" s="76"/>
      <c r="Q3934" s="65"/>
      <c r="R3934" s="76"/>
      <c r="S3934" s="76"/>
      <c r="T3934" s="76"/>
      <c r="U3934" s="76"/>
      <c r="V3934" s="76"/>
      <c r="W3934" s="76"/>
      <c r="X3934" s="76"/>
      <c r="Y3934" s="76"/>
      <c r="Z3934" s="76"/>
      <c r="AA3934" s="85"/>
      <c r="AB3934" s="85"/>
      <c r="AC3934" s="85"/>
      <c r="AD3934" s="85"/>
      <c r="AE3934" s="85"/>
      <c r="AF3934" s="85"/>
      <c r="AG3934" s="86"/>
      <c r="AH3934" s="85"/>
      <c r="AI3934" s="85"/>
      <c r="AJ3934" s="85"/>
      <c r="AK3934" s="85"/>
      <c r="AL3934" s="85"/>
      <c r="AM3934" s="92"/>
      <c r="AN3934" s="92"/>
      <c r="AO3934" s="92"/>
      <c r="AP3934" s="92"/>
      <c r="AQ3934" s="92"/>
      <c r="AR3934" s="92"/>
      <c r="AS3934" s="92"/>
      <c r="AT3934" s="92"/>
      <c r="AU3934" s="92"/>
      <c r="AV3934" s="92"/>
      <c r="AW3934" s="92"/>
      <c r="AX3934" s="92"/>
      <c r="AY3934" s="92"/>
      <c r="AZ3934" s="93"/>
      <c r="BA3934" s="93"/>
      <c r="BB3934" s="93"/>
      <c r="BC3934" s="93"/>
      <c r="BD3934" s="93"/>
      <c r="BE3934" s="93"/>
      <c r="BF3934" s="93"/>
      <c r="BG3934" s="93"/>
      <c r="BH3934" s="93"/>
      <c r="BI3934" s="93"/>
      <c r="BJ3934" s="93"/>
      <c r="BK3934" s="93"/>
      <c r="BL3934" s="93"/>
    </row>
    <row r="3935" spans="2:64" x14ac:dyDescent="0.2">
      <c r="B3935" s="43"/>
      <c r="C3935" s="73"/>
      <c r="D3935" s="64"/>
      <c r="E3935" s="55"/>
      <c r="F3935" s="74"/>
      <c r="G3935" s="74"/>
      <c r="H3935" s="74"/>
      <c r="I3935" s="75"/>
      <c r="J3935" s="74"/>
      <c r="L3935" s="55"/>
      <c r="M3935" s="234"/>
      <c r="N3935" s="65"/>
      <c r="O3935" s="76"/>
      <c r="P3935" s="76"/>
      <c r="Q3935" s="65"/>
      <c r="R3935" s="76"/>
      <c r="S3935" s="76"/>
      <c r="T3935" s="76"/>
      <c r="U3935" s="76"/>
      <c r="V3935" s="76"/>
      <c r="W3935" s="76"/>
      <c r="X3935" s="76"/>
      <c r="Y3935" s="76"/>
      <c r="Z3935" s="76"/>
      <c r="AA3935" s="85"/>
      <c r="AB3935" s="85"/>
      <c r="AC3935" s="85"/>
      <c r="AD3935" s="85"/>
      <c r="AE3935" s="85"/>
      <c r="AF3935" s="85"/>
      <c r="AG3935" s="86"/>
      <c r="AH3935" s="85"/>
      <c r="AI3935" s="85"/>
      <c r="AJ3935" s="85"/>
      <c r="AK3935" s="85"/>
      <c r="AL3935" s="85"/>
      <c r="AM3935" s="92"/>
      <c r="AN3935" s="92"/>
      <c r="AO3935" s="92"/>
      <c r="AP3935" s="92"/>
      <c r="AQ3935" s="92"/>
      <c r="AR3935" s="92"/>
      <c r="AS3935" s="92"/>
      <c r="AT3935" s="92"/>
      <c r="AU3935" s="92"/>
      <c r="AV3935" s="92"/>
      <c r="AW3935" s="92"/>
      <c r="AX3935" s="92"/>
      <c r="AY3935" s="92"/>
      <c r="AZ3935" s="93"/>
      <c r="BA3935" s="93"/>
      <c r="BB3935" s="93"/>
      <c r="BC3935" s="93"/>
      <c r="BD3935" s="93"/>
      <c r="BE3935" s="93"/>
      <c r="BF3935" s="93"/>
      <c r="BG3935" s="93"/>
      <c r="BH3935" s="93"/>
      <c r="BI3935" s="93"/>
      <c r="BJ3935" s="93"/>
      <c r="BK3935" s="93"/>
      <c r="BL3935" s="93"/>
    </row>
    <row r="3936" spans="2:64" x14ac:dyDescent="0.2">
      <c r="B3936" s="43"/>
      <c r="C3936" s="73"/>
      <c r="D3936" s="64"/>
      <c r="E3936" s="55"/>
      <c r="F3936" s="74"/>
      <c r="G3936" s="74"/>
      <c r="H3936" s="74"/>
      <c r="I3936" s="75"/>
      <c r="J3936" s="74"/>
      <c r="L3936" s="55"/>
      <c r="M3936" s="234"/>
      <c r="N3936" s="65"/>
      <c r="O3936" s="76"/>
      <c r="P3936" s="76"/>
      <c r="Q3936" s="65"/>
      <c r="R3936" s="76"/>
      <c r="S3936" s="76"/>
      <c r="T3936" s="76"/>
      <c r="U3936" s="76"/>
      <c r="V3936" s="76"/>
      <c r="W3936" s="76"/>
      <c r="X3936" s="76"/>
      <c r="Y3936" s="76"/>
      <c r="Z3936" s="76"/>
      <c r="AA3936" s="85"/>
      <c r="AB3936" s="85"/>
      <c r="AC3936" s="85"/>
      <c r="AD3936" s="85"/>
      <c r="AE3936" s="85"/>
      <c r="AF3936" s="85"/>
      <c r="AG3936" s="86"/>
      <c r="AH3936" s="85"/>
      <c r="AI3936" s="85"/>
      <c r="AJ3936" s="85"/>
      <c r="AK3936" s="85"/>
      <c r="AL3936" s="85"/>
      <c r="AM3936" s="92"/>
      <c r="AN3936" s="92"/>
      <c r="AO3936" s="92"/>
      <c r="AP3936" s="92"/>
      <c r="AQ3936" s="92"/>
      <c r="AR3936" s="92"/>
      <c r="AS3936" s="92"/>
      <c r="AT3936" s="92"/>
      <c r="AU3936" s="92"/>
      <c r="AV3936" s="92"/>
      <c r="AW3936" s="92"/>
      <c r="AX3936" s="92"/>
      <c r="AY3936" s="92"/>
      <c r="AZ3936" s="93"/>
      <c r="BA3936" s="93"/>
      <c r="BB3936" s="93"/>
      <c r="BC3936" s="93"/>
      <c r="BD3936" s="93"/>
      <c r="BE3936" s="93"/>
      <c r="BF3936" s="93"/>
      <c r="BG3936" s="93"/>
      <c r="BH3936" s="93"/>
      <c r="BI3936" s="93"/>
      <c r="BJ3936" s="93"/>
      <c r="BK3936" s="93"/>
      <c r="BL3936" s="93"/>
    </row>
    <row r="3937" spans="2:64" x14ac:dyDescent="0.2">
      <c r="B3937" s="43"/>
      <c r="C3937" s="73"/>
      <c r="D3937" s="64"/>
      <c r="E3937" s="55"/>
      <c r="F3937" s="74"/>
      <c r="G3937" s="74"/>
      <c r="H3937" s="74"/>
      <c r="I3937" s="75"/>
      <c r="J3937" s="74"/>
      <c r="L3937" s="55"/>
      <c r="M3937" s="234"/>
      <c r="N3937" s="65"/>
      <c r="O3937" s="76"/>
      <c r="P3937" s="76"/>
      <c r="Q3937" s="65"/>
      <c r="R3937" s="76"/>
      <c r="S3937" s="76"/>
      <c r="T3937" s="76"/>
      <c r="U3937" s="76"/>
      <c r="V3937" s="76"/>
      <c r="W3937" s="76"/>
      <c r="X3937" s="76"/>
      <c r="Y3937" s="76"/>
      <c r="Z3937" s="76"/>
      <c r="AA3937" s="85"/>
      <c r="AB3937" s="85"/>
      <c r="AC3937" s="85"/>
      <c r="AD3937" s="85"/>
      <c r="AE3937" s="85"/>
      <c r="AF3937" s="85"/>
      <c r="AG3937" s="86"/>
      <c r="AH3937" s="85"/>
      <c r="AI3937" s="85"/>
      <c r="AJ3937" s="85"/>
      <c r="AK3937" s="85"/>
      <c r="AL3937" s="85"/>
      <c r="AM3937" s="92"/>
      <c r="AN3937" s="92"/>
      <c r="AO3937" s="92"/>
      <c r="AP3937" s="92"/>
      <c r="AQ3937" s="92"/>
      <c r="AR3937" s="92"/>
      <c r="AS3937" s="92"/>
      <c r="AT3937" s="92"/>
      <c r="AU3937" s="92"/>
      <c r="AV3937" s="92"/>
      <c r="AW3937" s="92"/>
      <c r="AX3937" s="92"/>
      <c r="AY3937" s="92"/>
      <c r="AZ3937" s="93"/>
      <c r="BA3937" s="93"/>
      <c r="BB3937" s="93"/>
      <c r="BC3937" s="93"/>
      <c r="BD3937" s="93"/>
      <c r="BE3937" s="93"/>
      <c r="BF3937" s="93"/>
      <c r="BG3937" s="93"/>
      <c r="BH3937" s="93"/>
      <c r="BI3937" s="93"/>
      <c r="BJ3937" s="93"/>
      <c r="BK3937" s="93"/>
      <c r="BL3937" s="93"/>
    </row>
    <row r="3938" spans="2:64" x14ac:dyDescent="0.2">
      <c r="B3938" s="43"/>
      <c r="C3938" s="73"/>
      <c r="D3938" s="64"/>
      <c r="E3938" s="55"/>
      <c r="F3938" s="74"/>
      <c r="G3938" s="74"/>
      <c r="H3938" s="74"/>
      <c r="I3938" s="75"/>
      <c r="J3938" s="74"/>
      <c r="L3938" s="55"/>
      <c r="M3938" s="234"/>
      <c r="N3938" s="65"/>
      <c r="O3938" s="76"/>
      <c r="P3938" s="76"/>
      <c r="Q3938" s="65"/>
      <c r="R3938" s="76"/>
      <c r="S3938" s="76"/>
      <c r="T3938" s="76"/>
      <c r="U3938" s="76"/>
      <c r="V3938" s="76"/>
      <c r="W3938" s="76"/>
      <c r="X3938" s="76"/>
      <c r="Y3938" s="76"/>
      <c r="Z3938" s="76"/>
      <c r="AA3938" s="85"/>
      <c r="AB3938" s="85"/>
      <c r="AC3938" s="85"/>
      <c r="AD3938" s="85"/>
      <c r="AE3938" s="85"/>
      <c r="AF3938" s="85"/>
      <c r="AG3938" s="86"/>
      <c r="AH3938" s="85"/>
      <c r="AI3938" s="85"/>
      <c r="AJ3938" s="85"/>
      <c r="AK3938" s="85"/>
      <c r="AL3938" s="85"/>
      <c r="AM3938" s="92"/>
      <c r="AN3938" s="92"/>
      <c r="AO3938" s="92"/>
      <c r="AP3938" s="92"/>
      <c r="AQ3938" s="92"/>
      <c r="AR3938" s="92"/>
      <c r="AS3938" s="92"/>
      <c r="AT3938" s="92"/>
      <c r="AU3938" s="92"/>
      <c r="AV3938" s="92"/>
      <c r="AW3938" s="92"/>
      <c r="AX3938" s="92"/>
      <c r="AY3938" s="92"/>
      <c r="AZ3938" s="93"/>
      <c r="BA3938" s="93"/>
      <c r="BB3938" s="93"/>
      <c r="BC3938" s="93"/>
      <c r="BD3938" s="93"/>
      <c r="BE3938" s="93"/>
      <c r="BF3938" s="93"/>
      <c r="BG3938" s="93"/>
      <c r="BH3938" s="93"/>
      <c r="BI3938" s="93"/>
      <c r="BJ3938" s="93"/>
      <c r="BK3938" s="93"/>
      <c r="BL3938" s="93"/>
    </row>
    <row r="3939" spans="2:64" x14ac:dyDescent="0.2">
      <c r="B3939" s="43"/>
      <c r="C3939" s="73"/>
      <c r="D3939" s="64"/>
      <c r="E3939" s="55"/>
      <c r="F3939" s="74"/>
      <c r="G3939" s="74"/>
      <c r="H3939" s="74"/>
      <c r="I3939" s="75"/>
      <c r="J3939" s="74"/>
      <c r="L3939" s="55"/>
      <c r="M3939" s="234"/>
      <c r="N3939" s="65"/>
      <c r="O3939" s="76"/>
      <c r="P3939" s="76"/>
      <c r="Q3939" s="65"/>
      <c r="R3939" s="76"/>
      <c r="S3939" s="76"/>
      <c r="T3939" s="76"/>
      <c r="U3939" s="76"/>
      <c r="V3939" s="76"/>
      <c r="W3939" s="76"/>
      <c r="X3939" s="76"/>
      <c r="Y3939" s="76"/>
      <c r="Z3939" s="76"/>
      <c r="AA3939" s="85"/>
      <c r="AB3939" s="85"/>
      <c r="AC3939" s="85"/>
      <c r="AD3939" s="85"/>
      <c r="AE3939" s="85"/>
      <c r="AF3939" s="85"/>
      <c r="AG3939" s="86"/>
      <c r="AH3939" s="85"/>
      <c r="AI3939" s="85"/>
      <c r="AJ3939" s="85"/>
      <c r="AK3939" s="85"/>
      <c r="AL3939" s="85"/>
      <c r="AM3939" s="92"/>
      <c r="AN3939" s="92"/>
      <c r="AO3939" s="92"/>
      <c r="AP3939" s="92"/>
      <c r="AQ3939" s="92"/>
      <c r="AR3939" s="92"/>
      <c r="AS3939" s="92"/>
      <c r="AT3939" s="92"/>
      <c r="AU3939" s="92"/>
      <c r="AV3939" s="92"/>
      <c r="AW3939" s="92"/>
      <c r="AX3939" s="92"/>
      <c r="AY3939" s="92"/>
      <c r="AZ3939" s="93"/>
      <c r="BA3939" s="93"/>
      <c r="BB3939" s="93"/>
      <c r="BC3939" s="93"/>
      <c r="BD3939" s="93"/>
      <c r="BE3939" s="93"/>
      <c r="BF3939" s="93"/>
      <c r="BG3939" s="93"/>
      <c r="BH3939" s="93"/>
      <c r="BI3939" s="93"/>
      <c r="BJ3939" s="93"/>
      <c r="BK3939" s="93"/>
      <c r="BL3939" s="93"/>
    </row>
    <row r="3940" spans="2:64" x14ac:dyDescent="0.2">
      <c r="B3940" s="43"/>
      <c r="C3940" s="73"/>
      <c r="D3940" s="64"/>
      <c r="E3940" s="55"/>
      <c r="F3940" s="74"/>
      <c r="G3940" s="74"/>
      <c r="H3940" s="74"/>
      <c r="I3940" s="75"/>
      <c r="J3940" s="74"/>
      <c r="L3940" s="55"/>
      <c r="M3940" s="234"/>
      <c r="N3940" s="65"/>
      <c r="O3940" s="76"/>
      <c r="P3940" s="76"/>
      <c r="Q3940" s="65"/>
      <c r="R3940" s="76"/>
      <c r="S3940" s="76"/>
      <c r="T3940" s="76"/>
      <c r="U3940" s="76"/>
      <c r="V3940" s="76"/>
      <c r="W3940" s="76"/>
      <c r="X3940" s="76"/>
      <c r="Y3940" s="76"/>
      <c r="Z3940" s="76"/>
      <c r="AA3940" s="85"/>
      <c r="AB3940" s="85"/>
      <c r="AC3940" s="85"/>
      <c r="AD3940" s="85"/>
      <c r="AE3940" s="85"/>
      <c r="AF3940" s="85"/>
      <c r="AG3940" s="86"/>
      <c r="AH3940" s="85"/>
      <c r="AI3940" s="85"/>
      <c r="AJ3940" s="85"/>
      <c r="AK3940" s="85"/>
      <c r="AL3940" s="85"/>
      <c r="AM3940" s="92"/>
      <c r="AN3940" s="92"/>
      <c r="AO3940" s="92"/>
      <c r="AP3940" s="92"/>
      <c r="AQ3940" s="92"/>
      <c r="AR3940" s="92"/>
      <c r="AS3940" s="92"/>
      <c r="AT3940" s="92"/>
      <c r="AU3940" s="92"/>
      <c r="AV3940" s="92"/>
      <c r="AW3940" s="92"/>
      <c r="AX3940" s="92"/>
      <c r="AY3940" s="92"/>
      <c r="AZ3940" s="93"/>
      <c r="BA3940" s="93"/>
      <c r="BB3940" s="93"/>
      <c r="BC3940" s="93"/>
      <c r="BD3940" s="93"/>
      <c r="BE3940" s="93"/>
      <c r="BF3940" s="93"/>
      <c r="BG3940" s="93"/>
      <c r="BH3940" s="93"/>
      <c r="BI3940" s="93"/>
      <c r="BJ3940" s="93"/>
      <c r="BK3940" s="93"/>
      <c r="BL3940" s="93"/>
    </row>
    <row r="3941" spans="2:64" x14ac:dyDescent="0.2">
      <c r="B3941" s="43"/>
      <c r="C3941" s="73"/>
      <c r="D3941" s="64"/>
      <c r="E3941" s="55"/>
      <c r="F3941" s="74"/>
      <c r="G3941" s="74"/>
      <c r="H3941" s="74"/>
      <c r="I3941" s="75"/>
      <c r="J3941" s="74"/>
      <c r="L3941" s="55"/>
      <c r="M3941" s="234"/>
      <c r="N3941" s="65"/>
      <c r="O3941" s="76"/>
      <c r="P3941" s="76"/>
      <c r="Q3941" s="65"/>
      <c r="R3941" s="76"/>
      <c r="S3941" s="76"/>
      <c r="T3941" s="76"/>
      <c r="U3941" s="76"/>
      <c r="V3941" s="76"/>
      <c r="W3941" s="76"/>
      <c r="X3941" s="76"/>
      <c r="Y3941" s="76"/>
      <c r="Z3941" s="76"/>
      <c r="AA3941" s="85"/>
      <c r="AB3941" s="85"/>
      <c r="AC3941" s="85"/>
      <c r="AD3941" s="85"/>
      <c r="AE3941" s="85"/>
      <c r="AF3941" s="85"/>
      <c r="AG3941" s="86"/>
      <c r="AH3941" s="85"/>
      <c r="AI3941" s="85"/>
      <c r="AJ3941" s="85"/>
      <c r="AK3941" s="85"/>
      <c r="AL3941" s="85"/>
      <c r="AM3941" s="92"/>
      <c r="AN3941" s="92"/>
      <c r="AO3941" s="92"/>
      <c r="AP3941" s="92"/>
      <c r="AQ3941" s="92"/>
      <c r="AR3941" s="92"/>
      <c r="AS3941" s="92"/>
      <c r="AT3941" s="92"/>
      <c r="AU3941" s="92"/>
      <c r="AV3941" s="92"/>
      <c r="AW3941" s="92"/>
      <c r="AX3941" s="92"/>
      <c r="AY3941" s="92"/>
      <c r="AZ3941" s="93"/>
      <c r="BA3941" s="93"/>
      <c r="BB3941" s="93"/>
      <c r="BC3941" s="93"/>
      <c r="BD3941" s="93"/>
      <c r="BE3941" s="93"/>
      <c r="BF3941" s="93"/>
      <c r="BG3941" s="93"/>
      <c r="BH3941" s="93"/>
      <c r="BI3941" s="93"/>
      <c r="BJ3941" s="93"/>
      <c r="BK3941" s="93"/>
      <c r="BL3941" s="93"/>
    </row>
    <row r="3942" spans="2:64" x14ac:dyDescent="0.2">
      <c r="B3942" s="43"/>
      <c r="C3942" s="73"/>
      <c r="D3942" s="64"/>
      <c r="E3942" s="55"/>
      <c r="F3942" s="74"/>
      <c r="G3942" s="74"/>
      <c r="H3942" s="74"/>
      <c r="I3942" s="75"/>
      <c r="J3942" s="74"/>
      <c r="L3942" s="55"/>
      <c r="M3942" s="234"/>
      <c r="N3942" s="65"/>
      <c r="O3942" s="76"/>
      <c r="P3942" s="76"/>
      <c r="Q3942" s="65"/>
      <c r="R3942" s="76"/>
      <c r="S3942" s="76"/>
      <c r="T3942" s="76"/>
      <c r="U3942" s="76"/>
      <c r="V3942" s="76"/>
      <c r="W3942" s="76"/>
      <c r="X3942" s="76"/>
      <c r="Y3942" s="76"/>
      <c r="Z3942" s="76"/>
      <c r="AA3942" s="85"/>
      <c r="AB3942" s="85"/>
      <c r="AC3942" s="85"/>
      <c r="AD3942" s="85"/>
      <c r="AE3942" s="85"/>
      <c r="AF3942" s="85"/>
      <c r="AG3942" s="86"/>
      <c r="AH3942" s="85"/>
      <c r="AI3942" s="85"/>
      <c r="AJ3942" s="85"/>
      <c r="AK3942" s="85"/>
      <c r="AL3942" s="85"/>
      <c r="AM3942" s="92"/>
      <c r="AN3942" s="92"/>
      <c r="AO3942" s="92"/>
      <c r="AP3942" s="92"/>
      <c r="AQ3942" s="92"/>
      <c r="AR3942" s="92"/>
      <c r="AS3942" s="92"/>
      <c r="AT3942" s="92"/>
      <c r="AU3942" s="92"/>
      <c r="AV3942" s="92"/>
      <c r="AW3942" s="92"/>
      <c r="AX3942" s="92"/>
      <c r="AY3942" s="92"/>
      <c r="AZ3942" s="93"/>
      <c r="BA3942" s="93"/>
      <c r="BB3942" s="93"/>
      <c r="BC3942" s="93"/>
      <c r="BD3942" s="93"/>
      <c r="BE3942" s="93"/>
      <c r="BF3942" s="93"/>
      <c r="BG3942" s="93"/>
      <c r="BH3942" s="93"/>
      <c r="BI3942" s="93"/>
      <c r="BJ3942" s="93"/>
      <c r="BK3942" s="93"/>
      <c r="BL3942" s="93"/>
    </row>
    <row r="3943" spans="2:64" x14ac:dyDescent="0.2">
      <c r="B3943" s="43"/>
      <c r="C3943" s="73"/>
      <c r="D3943" s="64"/>
      <c r="E3943" s="55"/>
      <c r="F3943" s="74"/>
      <c r="G3943" s="74"/>
      <c r="H3943" s="74"/>
      <c r="I3943" s="75"/>
      <c r="J3943" s="74"/>
      <c r="L3943" s="55"/>
      <c r="M3943" s="234"/>
      <c r="N3943" s="65"/>
      <c r="O3943" s="76"/>
      <c r="P3943" s="76"/>
      <c r="Q3943" s="65"/>
      <c r="R3943" s="76"/>
      <c r="S3943" s="76"/>
      <c r="T3943" s="76"/>
      <c r="U3943" s="76"/>
      <c r="V3943" s="76"/>
      <c r="W3943" s="76"/>
      <c r="X3943" s="76"/>
      <c r="Y3943" s="76"/>
      <c r="Z3943" s="76"/>
      <c r="AA3943" s="85"/>
      <c r="AB3943" s="85"/>
      <c r="AC3943" s="85"/>
      <c r="AD3943" s="85"/>
      <c r="AE3943" s="85"/>
      <c r="AF3943" s="85"/>
      <c r="AG3943" s="86"/>
      <c r="AH3943" s="85"/>
      <c r="AI3943" s="85"/>
      <c r="AJ3943" s="85"/>
      <c r="AK3943" s="85"/>
      <c r="AL3943" s="85"/>
      <c r="AM3943" s="92"/>
      <c r="AN3943" s="92"/>
      <c r="AO3943" s="92"/>
      <c r="AP3943" s="92"/>
      <c r="AQ3943" s="92"/>
      <c r="AR3943" s="92"/>
      <c r="AS3943" s="92"/>
      <c r="AT3943" s="92"/>
      <c r="AU3943" s="92"/>
      <c r="AV3943" s="92"/>
      <c r="AW3943" s="92"/>
      <c r="AX3943" s="92"/>
      <c r="AY3943" s="92"/>
      <c r="AZ3943" s="93"/>
      <c r="BA3943" s="93"/>
      <c r="BB3943" s="93"/>
      <c r="BC3943" s="93"/>
      <c r="BD3943" s="93"/>
      <c r="BE3943" s="93"/>
      <c r="BF3943" s="93"/>
      <c r="BG3943" s="93"/>
      <c r="BH3943" s="93"/>
      <c r="BI3943" s="93"/>
      <c r="BJ3943" s="93"/>
      <c r="BK3943" s="93"/>
      <c r="BL3943" s="93"/>
    </row>
    <row r="3944" spans="2:64" x14ac:dyDescent="0.2">
      <c r="B3944" s="43"/>
      <c r="C3944" s="73"/>
      <c r="D3944" s="64"/>
      <c r="E3944" s="55"/>
      <c r="F3944" s="74"/>
      <c r="G3944" s="74"/>
      <c r="H3944" s="74"/>
      <c r="I3944" s="75"/>
      <c r="J3944" s="74"/>
      <c r="L3944" s="55"/>
      <c r="M3944" s="234"/>
      <c r="N3944" s="65"/>
      <c r="O3944" s="76"/>
      <c r="P3944" s="76"/>
      <c r="Q3944" s="65"/>
      <c r="R3944" s="76"/>
      <c r="S3944" s="76"/>
      <c r="T3944" s="76"/>
      <c r="U3944" s="76"/>
      <c r="V3944" s="76"/>
      <c r="W3944" s="76"/>
      <c r="X3944" s="76"/>
      <c r="Y3944" s="76"/>
      <c r="Z3944" s="76"/>
      <c r="AA3944" s="85"/>
      <c r="AB3944" s="85"/>
      <c r="AC3944" s="85"/>
      <c r="AD3944" s="85"/>
      <c r="AE3944" s="85"/>
      <c r="AF3944" s="85"/>
      <c r="AG3944" s="86"/>
      <c r="AH3944" s="85"/>
      <c r="AI3944" s="85"/>
      <c r="AJ3944" s="85"/>
      <c r="AK3944" s="85"/>
      <c r="AL3944" s="85"/>
      <c r="AM3944" s="92"/>
      <c r="AN3944" s="92"/>
      <c r="AO3944" s="92"/>
      <c r="AP3944" s="92"/>
      <c r="AQ3944" s="92"/>
      <c r="AR3944" s="92"/>
      <c r="AS3944" s="92"/>
      <c r="AT3944" s="92"/>
      <c r="AU3944" s="92"/>
      <c r="AV3944" s="92"/>
      <c r="AW3944" s="92"/>
      <c r="AX3944" s="92"/>
      <c r="AY3944" s="92"/>
      <c r="AZ3944" s="93"/>
      <c r="BA3944" s="93"/>
      <c r="BB3944" s="93"/>
      <c r="BC3944" s="93"/>
      <c r="BD3944" s="93"/>
      <c r="BE3944" s="93"/>
      <c r="BF3944" s="93"/>
      <c r="BG3944" s="93"/>
      <c r="BH3944" s="93"/>
      <c r="BI3944" s="93"/>
      <c r="BJ3944" s="93"/>
      <c r="BK3944" s="93"/>
      <c r="BL3944" s="93"/>
    </row>
    <row r="3945" spans="2:64" x14ac:dyDescent="0.2">
      <c r="B3945" s="43"/>
      <c r="C3945" s="73"/>
      <c r="D3945" s="64"/>
      <c r="E3945" s="55"/>
      <c r="F3945" s="74"/>
      <c r="G3945" s="74"/>
      <c r="H3945" s="74"/>
      <c r="I3945" s="75"/>
      <c r="J3945" s="74"/>
      <c r="L3945" s="55"/>
      <c r="M3945" s="234"/>
      <c r="N3945" s="65"/>
      <c r="O3945" s="76"/>
      <c r="P3945" s="76"/>
      <c r="Q3945" s="65"/>
      <c r="R3945" s="76"/>
      <c r="S3945" s="76"/>
      <c r="T3945" s="76"/>
      <c r="U3945" s="76"/>
      <c r="V3945" s="76"/>
      <c r="W3945" s="76"/>
      <c r="X3945" s="76"/>
      <c r="Y3945" s="76"/>
      <c r="Z3945" s="76"/>
      <c r="AA3945" s="85"/>
      <c r="AB3945" s="85"/>
      <c r="AC3945" s="85"/>
      <c r="AD3945" s="85"/>
      <c r="AE3945" s="85"/>
      <c r="AF3945" s="85"/>
      <c r="AG3945" s="86"/>
      <c r="AH3945" s="85"/>
      <c r="AI3945" s="85"/>
      <c r="AJ3945" s="85"/>
      <c r="AK3945" s="85"/>
      <c r="AL3945" s="85"/>
      <c r="AM3945" s="92"/>
      <c r="AN3945" s="92"/>
      <c r="AO3945" s="92"/>
      <c r="AP3945" s="92"/>
      <c r="AQ3945" s="92"/>
      <c r="AR3945" s="92"/>
      <c r="AS3945" s="92"/>
      <c r="AT3945" s="92"/>
      <c r="AU3945" s="92"/>
      <c r="AV3945" s="92"/>
      <c r="AW3945" s="92"/>
      <c r="AX3945" s="92"/>
      <c r="AY3945" s="92"/>
      <c r="AZ3945" s="93"/>
      <c r="BA3945" s="93"/>
      <c r="BB3945" s="93"/>
      <c r="BC3945" s="93"/>
      <c r="BD3945" s="93"/>
      <c r="BE3945" s="93"/>
      <c r="BF3945" s="93"/>
      <c r="BG3945" s="93"/>
      <c r="BH3945" s="93"/>
      <c r="BI3945" s="93"/>
      <c r="BJ3945" s="93"/>
      <c r="BK3945" s="93"/>
      <c r="BL3945" s="93"/>
    </row>
    <row r="3946" spans="2:64" x14ac:dyDescent="0.2">
      <c r="B3946" s="43"/>
      <c r="C3946" s="73"/>
      <c r="D3946" s="64"/>
      <c r="E3946" s="55"/>
      <c r="F3946" s="74"/>
      <c r="G3946" s="74"/>
      <c r="H3946" s="74"/>
      <c r="I3946" s="75"/>
      <c r="J3946" s="74"/>
      <c r="L3946" s="55"/>
      <c r="M3946" s="234"/>
      <c r="N3946" s="65"/>
      <c r="O3946" s="76"/>
      <c r="P3946" s="76"/>
      <c r="Q3946" s="65"/>
      <c r="R3946" s="76"/>
      <c r="S3946" s="76"/>
      <c r="T3946" s="76"/>
      <c r="U3946" s="76"/>
      <c r="V3946" s="76"/>
      <c r="W3946" s="76"/>
      <c r="X3946" s="76"/>
      <c r="Y3946" s="76"/>
      <c r="Z3946" s="76"/>
      <c r="AA3946" s="85"/>
      <c r="AB3946" s="85"/>
      <c r="AC3946" s="85"/>
      <c r="AD3946" s="85"/>
      <c r="AE3946" s="85"/>
      <c r="AF3946" s="85"/>
      <c r="AG3946" s="86"/>
      <c r="AH3946" s="85"/>
      <c r="AI3946" s="85"/>
      <c r="AJ3946" s="85"/>
      <c r="AK3946" s="85"/>
      <c r="AL3946" s="85"/>
      <c r="AM3946" s="92"/>
      <c r="AN3946" s="92"/>
      <c r="AO3946" s="92"/>
      <c r="AP3946" s="92"/>
      <c r="AQ3946" s="92"/>
      <c r="AR3946" s="92"/>
      <c r="AS3946" s="92"/>
      <c r="AT3946" s="92"/>
      <c r="AU3946" s="92"/>
      <c r="AV3946" s="92"/>
      <c r="AW3946" s="92"/>
      <c r="AX3946" s="92"/>
      <c r="AY3946" s="92"/>
      <c r="AZ3946" s="93"/>
      <c r="BA3946" s="93"/>
      <c r="BB3946" s="93"/>
      <c r="BC3946" s="93"/>
      <c r="BD3946" s="93"/>
      <c r="BE3946" s="93"/>
      <c r="BF3946" s="93"/>
      <c r="BG3946" s="93"/>
      <c r="BH3946" s="93"/>
      <c r="BI3946" s="93"/>
      <c r="BJ3946" s="93"/>
      <c r="BK3946" s="93"/>
      <c r="BL3946" s="93"/>
    </row>
    <row r="3947" spans="2:64" x14ac:dyDescent="0.2">
      <c r="B3947" s="43"/>
      <c r="C3947" s="73"/>
      <c r="D3947" s="64"/>
      <c r="E3947" s="55"/>
      <c r="F3947" s="74"/>
      <c r="G3947" s="74"/>
      <c r="H3947" s="74"/>
      <c r="I3947" s="75"/>
      <c r="J3947" s="74"/>
      <c r="L3947" s="55"/>
      <c r="M3947" s="234"/>
      <c r="N3947" s="65"/>
      <c r="O3947" s="76"/>
      <c r="P3947" s="76"/>
      <c r="Q3947" s="65"/>
      <c r="R3947" s="76"/>
      <c r="S3947" s="76"/>
      <c r="T3947" s="76"/>
      <c r="U3947" s="76"/>
      <c r="V3947" s="76"/>
      <c r="W3947" s="76"/>
      <c r="X3947" s="76"/>
      <c r="Y3947" s="76"/>
      <c r="Z3947" s="76"/>
      <c r="AA3947" s="85"/>
      <c r="AB3947" s="85"/>
      <c r="AC3947" s="85"/>
      <c r="AD3947" s="85"/>
      <c r="AE3947" s="85"/>
      <c r="AF3947" s="85"/>
      <c r="AG3947" s="86"/>
      <c r="AH3947" s="85"/>
      <c r="AI3947" s="85"/>
      <c r="AJ3947" s="85"/>
      <c r="AK3947" s="85"/>
      <c r="AL3947" s="85"/>
      <c r="AM3947" s="92"/>
      <c r="AN3947" s="92"/>
      <c r="AO3947" s="92"/>
      <c r="AP3947" s="92"/>
      <c r="AQ3947" s="92"/>
      <c r="AR3947" s="92"/>
      <c r="AS3947" s="92"/>
      <c r="AT3947" s="92"/>
      <c r="AU3947" s="92"/>
      <c r="AV3947" s="92"/>
      <c r="AW3947" s="92"/>
      <c r="AX3947" s="92"/>
      <c r="AY3947" s="92"/>
      <c r="AZ3947" s="93"/>
      <c r="BA3947" s="93"/>
      <c r="BB3947" s="93"/>
      <c r="BC3947" s="93"/>
      <c r="BD3947" s="93"/>
      <c r="BE3947" s="93"/>
      <c r="BF3947" s="93"/>
      <c r="BG3947" s="93"/>
      <c r="BH3947" s="93"/>
      <c r="BI3947" s="93"/>
      <c r="BJ3947" s="93"/>
      <c r="BK3947" s="93"/>
      <c r="BL3947" s="93"/>
    </row>
    <row r="3948" spans="2:64" x14ac:dyDescent="0.2">
      <c r="B3948" s="43"/>
      <c r="C3948" s="73"/>
      <c r="D3948" s="64"/>
      <c r="E3948" s="55"/>
      <c r="F3948" s="74"/>
      <c r="G3948" s="74"/>
      <c r="H3948" s="74"/>
      <c r="I3948" s="75"/>
      <c r="J3948" s="74"/>
      <c r="L3948" s="55"/>
      <c r="M3948" s="234"/>
      <c r="N3948" s="65"/>
      <c r="O3948" s="76"/>
      <c r="P3948" s="76"/>
      <c r="Q3948" s="65"/>
      <c r="R3948" s="76"/>
      <c r="S3948" s="76"/>
      <c r="T3948" s="76"/>
      <c r="U3948" s="76"/>
      <c r="V3948" s="76"/>
      <c r="W3948" s="76"/>
      <c r="X3948" s="76"/>
      <c r="Y3948" s="76"/>
      <c r="Z3948" s="76"/>
      <c r="AA3948" s="85"/>
      <c r="AB3948" s="85"/>
      <c r="AC3948" s="85"/>
      <c r="AD3948" s="85"/>
      <c r="AE3948" s="85"/>
      <c r="AF3948" s="85"/>
      <c r="AG3948" s="86"/>
      <c r="AH3948" s="85"/>
      <c r="AI3948" s="85"/>
      <c r="AJ3948" s="85"/>
      <c r="AK3948" s="85"/>
      <c r="AL3948" s="85"/>
      <c r="AM3948" s="92"/>
      <c r="AN3948" s="92"/>
      <c r="AO3948" s="92"/>
      <c r="AP3948" s="92"/>
      <c r="AQ3948" s="92"/>
      <c r="AR3948" s="92"/>
      <c r="AS3948" s="92"/>
      <c r="AT3948" s="92"/>
      <c r="AU3948" s="92"/>
      <c r="AV3948" s="92"/>
      <c r="AW3948" s="92"/>
      <c r="AX3948" s="92"/>
      <c r="AY3948" s="92"/>
      <c r="AZ3948" s="93"/>
      <c r="BA3948" s="93"/>
      <c r="BB3948" s="93"/>
      <c r="BC3948" s="93"/>
      <c r="BD3948" s="93"/>
      <c r="BE3948" s="93"/>
      <c r="BF3948" s="93"/>
      <c r="BG3948" s="93"/>
      <c r="BH3948" s="93"/>
      <c r="BI3948" s="93"/>
      <c r="BJ3948" s="93"/>
      <c r="BK3948" s="93"/>
      <c r="BL3948" s="93"/>
    </row>
    <row r="3949" spans="2:64" x14ac:dyDescent="0.2">
      <c r="B3949" s="43"/>
      <c r="C3949" s="73"/>
      <c r="D3949" s="64"/>
      <c r="E3949" s="55"/>
      <c r="F3949" s="74"/>
      <c r="G3949" s="74"/>
      <c r="H3949" s="74"/>
      <c r="I3949" s="75"/>
      <c r="J3949" s="74"/>
      <c r="L3949" s="55"/>
      <c r="M3949" s="234"/>
      <c r="N3949" s="65"/>
      <c r="O3949" s="76"/>
      <c r="P3949" s="76"/>
      <c r="Q3949" s="65"/>
      <c r="R3949" s="76"/>
      <c r="S3949" s="76"/>
      <c r="T3949" s="76"/>
      <c r="U3949" s="76"/>
      <c r="V3949" s="76"/>
      <c r="W3949" s="76"/>
      <c r="X3949" s="76"/>
      <c r="Y3949" s="76"/>
      <c r="Z3949" s="76"/>
      <c r="AA3949" s="85"/>
      <c r="AB3949" s="85"/>
      <c r="AC3949" s="85"/>
      <c r="AD3949" s="85"/>
      <c r="AE3949" s="85"/>
      <c r="AF3949" s="85"/>
      <c r="AG3949" s="86"/>
      <c r="AH3949" s="85"/>
      <c r="AI3949" s="85"/>
      <c r="AJ3949" s="85"/>
      <c r="AK3949" s="85"/>
      <c r="AL3949" s="85"/>
      <c r="AM3949" s="92"/>
      <c r="AN3949" s="92"/>
      <c r="AO3949" s="92"/>
      <c r="AP3949" s="92"/>
      <c r="AQ3949" s="92"/>
      <c r="AR3949" s="92"/>
      <c r="AS3949" s="92"/>
      <c r="AT3949" s="92"/>
      <c r="AU3949" s="92"/>
      <c r="AV3949" s="92"/>
      <c r="AW3949" s="92"/>
      <c r="AX3949" s="92"/>
      <c r="AY3949" s="92"/>
      <c r="AZ3949" s="93"/>
      <c r="BA3949" s="93"/>
      <c r="BB3949" s="93"/>
      <c r="BC3949" s="93"/>
      <c r="BD3949" s="93"/>
      <c r="BE3949" s="93"/>
      <c r="BF3949" s="93"/>
      <c r="BG3949" s="93"/>
      <c r="BH3949" s="93"/>
      <c r="BI3949" s="93"/>
      <c r="BJ3949" s="93"/>
      <c r="BK3949" s="93"/>
      <c r="BL3949" s="93"/>
    </row>
    <row r="3950" spans="2:64" x14ac:dyDescent="0.2">
      <c r="B3950" s="43"/>
      <c r="C3950" s="73"/>
      <c r="D3950" s="64"/>
      <c r="E3950" s="55"/>
      <c r="F3950" s="74"/>
      <c r="G3950" s="74"/>
      <c r="H3950" s="74"/>
      <c r="I3950" s="75"/>
      <c r="J3950" s="74"/>
      <c r="L3950" s="55"/>
      <c r="M3950" s="234"/>
      <c r="N3950" s="65"/>
      <c r="O3950" s="76"/>
      <c r="P3950" s="76"/>
      <c r="Q3950" s="65"/>
      <c r="R3950" s="76"/>
      <c r="S3950" s="76"/>
      <c r="T3950" s="76"/>
      <c r="U3950" s="76"/>
      <c r="V3950" s="76"/>
      <c r="W3950" s="76"/>
      <c r="X3950" s="76"/>
      <c r="Y3950" s="76"/>
      <c r="Z3950" s="76"/>
      <c r="AA3950" s="85"/>
      <c r="AB3950" s="85"/>
      <c r="AC3950" s="85"/>
      <c r="AD3950" s="85"/>
      <c r="AE3950" s="85"/>
      <c r="AF3950" s="85"/>
      <c r="AG3950" s="86"/>
      <c r="AH3950" s="85"/>
      <c r="AI3950" s="85"/>
      <c r="AJ3950" s="85"/>
      <c r="AK3950" s="85"/>
      <c r="AL3950" s="85"/>
      <c r="AM3950" s="92"/>
      <c r="AN3950" s="92"/>
      <c r="AO3950" s="92"/>
      <c r="AP3950" s="92"/>
      <c r="AQ3950" s="92"/>
      <c r="AR3950" s="92"/>
      <c r="AS3950" s="92"/>
      <c r="AT3950" s="92"/>
      <c r="AU3950" s="92"/>
      <c r="AV3950" s="92"/>
      <c r="AW3950" s="92"/>
      <c r="AX3950" s="92"/>
      <c r="AY3950" s="92"/>
      <c r="AZ3950" s="93"/>
      <c r="BA3950" s="93"/>
      <c r="BB3950" s="93"/>
      <c r="BC3950" s="93"/>
      <c r="BD3950" s="93"/>
      <c r="BE3950" s="93"/>
      <c r="BF3950" s="93"/>
      <c r="BG3950" s="93"/>
      <c r="BH3950" s="93"/>
      <c r="BI3950" s="93"/>
      <c r="BJ3950" s="93"/>
      <c r="BK3950" s="93"/>
      <c r="BL3950" s="93"/>
    </row>
    <row r="3951" spans="2:64" x14ac:dyDescent="0.2">
      <c r="B3951" s="43"/>
      <c r="C3951" s="73"/>
      <c r="D3951" s="64"/>
      <c r="E3951" s="55"/>
      <c r="F3951" s="74"/>
      <c r="G3951" s="74"/>
      <c r="H3951" s="74"/>
      <c r="I3951" s="75"/>
      <c r="J3951" s="74"/>
      <c r="L3951" s="55"/>
      <c r="M3951" s="234"/>
      <c r="N3951" s="65"/>
      <c r="O3951" s="76"/>
      <c r="P3951" s="76"/>
      <c r="Q3951" s="65"/>
      <c r="R3951" s="76"/>
      <c r="S3951" s="76"/>
      <c r="T3951" s="76"/>
      <c r="U3951" s="76"/>
      <c r="V3951" s="76"/>
      <c r="W3951" s="76"/>
      <c r="X3951" s="76"/>
      <c r="Y3951" s="76"/>
      <c r="Z3951" s="76"/>
      <c r="AA3951" s="85"/>
      <c r="AB3951" s="85"/>
      <c r="AC3951" s="85"/>
      <c r="AD3951" s="85"/>
      <c r="AE3951" s="85"/>
      <c r="AF3951" s="85"/>
      <c r="AG3951" s="86"/>
      <c r="AH3951" s="85"/>
      <c r="AI3951" s="85"/>
      <c r="AJ3951" s="85"/>
      <c r="AK3951" s="85"/>
      <c r="AL3951" s="85"/>
      <c r="AM3951" s="92"/>
      <c r="AN3951" s="92"/>
      <c r="AO3951" s="92"/>
      <c r="AP3951" s="92"/>
      <c r="AQ3951" s="92"/>
      <c r="AR3951" s="92"/>
      <c r="AS3951" s="92"/>
      <c r="AT3951" s="92"/>
      <c r="AU3951" s="92"/>
      <c r="AV3951" s="92"/>
      <c r="AW3951" s="92"/>
      <c r="AX3951" s="92"/>
      <c r="AY3951" s="92"/>
      <c r="AZ3951" s="93"/>
      <c r="BA3951" s="93"/>
      <c r="BB3951" s="93"/>
      <c r="BC3951" s="93"/>
      <c r="BD3951" s="93"/>
      <c r="BE3951" s="93"/>
      <c r="BF3951" s="93"/>
      <c r="BG3951" s="93"/>
      <c r="BH3951" s="93"/>
      <c r="BI3951" s="93"/>
      <c r="BJ3951" s="93"/>
      <c r="BK3951" s="93"/>
      <c r="BL3951" s="93"/>
    </row>
    <row r="3952" spans="2:64" x14ac:dyDescent="0.2">
      <c r="B3952" s="43"/>
      <c r="C3952" s="73"/>
      <c r="D3952" s="64"/>
      <c r="E3952" s="55"/>
      <c r="F3952" s="74"/>
      <c r="G3952" s="74"/>
      <c r="H3952" s="74"/>
      <c r="I3952" s="75"/>
      <c r="J3952" s="74"/>
      <c r="L3952" s="55"/>
      <c r="M3952" s="234"/>
      <c r="N3952" s="65"/>
      <c r="O3952" s="76"/>
      <c r="P3952" s="76"/>
      <c r="Q3952" s="65"/>
      <c r="R3952" s="76"/>
      <c r="S3952" s="76"/>
      <c r="T3952" s="76"/>
      <c r="U3952" s="76"/>
      <c r="V3952" s="76"/>
      <c r="W3952" s="76"/>
      <c r="X3952" s="76"/>
      <c r="Y3952" s="76"/>
      <c r="Z3952" s="76"/>
      <c r="AA3952" s="85"/>
      <c r="AB3952" s="85"/>
      <c r="AC3952" s="85"/>
      <c r="AD3952" s="85"/>
      <c r="AE3952" s="85"/>
      <c r="AF3952" s="85"/>
      <c r="AG3952" s="86"/>
      <c r="AH3952" s="85"/>
      <c r="AI3952" s="85"/>
      <c r="AJ3952" s="85"/>
      <c r="AK3952" s="85"/>
      <c r="AL3952" s="85"/>
      <c r="AM3952" s="92"/>
      <c r="AN3952" s="92"/>
      <c r="AO3952" s="92"/>
      <c r="AP3952" s="92"/>
      <c r="AQ3952" s="92"/>
      <c r="AR3952" s="92"/>
      <c r="AS3952" s="92"/>
      <c r="AT3952" s="92"/>
      <c r="AU3952" s="92"/>
      <c r="AV3952" s="92"/>
      <c r="AW3952" s="92"/>
      <c r="AX3952" s="92"/>
      <c r="AY3952" s="92"/>
      <c r="AZ3952" s="93"/>
      <c r="BA3952" s="93"/>
      <c r="BB3952" s="93"/>
      <c r="BC3952" s="93"/>
      <c r="BD3952" s="93"/>
      <c r="BE3952" s="93"/>
      <c r="BF3952" s="93"/>
      <c r="BG3952" s="93"/>
      <c r="BH3952" s="93"/>
      <c r="BI3952" s="93"/>
      <c r="BJ3952" s="93"/>
      <c r="BK3952" s="93"/>
      <c r="BL3952" s="93"/>
    </row>
    <row r="3953" spans="2:64" x14ac:dyDescent="0.2">
      <c r="B3953" s="43"/>
      <c r="C3953" s="73"/>
      <c r="D3953" s="64"/>
      <c r="E3953" s="55"/>
      <c r="F3953" s="74"/>
      <c r="G3953" s="74"/>
      <c r="H3953" s="74"/>
      <c r="I3953" s="75"/>
      <c r="J3953" s="74"/>
      <c r="L3953" s="55"/>
      <c r="M3953" s="234"/>
      <c r="N3953" s="65"/>
      <c r="O3953" s="76"/>
      <c r="P3953" s="76"/>
      <c r="Q3953" s="65"/>
      <c r="R3953" s="76"/>
      <c r="S3953" s="76"/>
      <c r="T3953" s="76"/>
      <c r="U3953" s="76"/>
      <c r="V3953" s="76"/>
      <c r="W3953" s="76"/>
      <c r="X3953" s="76"/>
      <c r="Y3953" s="76"/>
      <c r="Z3953" s="76"/>
      <c r="AA3953" s="85"/>
      <c r="AB3953" s="85"/>
      <c r="AC3953" s="85"/>
      <c r="AD3953" s="85"/>
      <c r="AE3953" s="85"/>
      <c r="AF3953" s="85"/>
      <c r="AG3953" s="86"/>
      <c r="AH3953" s="85"/>
      <c r="AI3953" s="85"/>
      <c r="AJ3953" s="85"/>
      <c r="AK3953" s="85"/>
      <c r="AL3953" s="85"/>
      <c r="AM3953" s="92"/>
      <c r="AN3953" s="92"/>
      <c r="AO3953" s="92"/>
      <c r="AP3953" s="92"/>
      <c r="AQ3953" s="92"/>
      <c r="AR3953" s="92"/>
      <c r="AS3953" s="92"/>
      <c r="AT3953" s="92"/>
      <c r="AU3953" s="92"/>
      <c r="AV3953" s="92"/>
      <c r="AW3953" s="92"/>
      <c r="AX3953" s="92"/>
      <c r="AY3953" s="92"/>
      <c r="AZ3953" s="93"/>
      <c r="BA3953" s="93"/>
      <c r="BB3953" s="93"/>
      <c r="BC3953" s="93"/>
      <c r="BD3953" s="93"/>
      <c r="BE3953" s="93"/>
      <c r="BF3953" s="93"/>
      <c r="BG3953" s="93"/>
      <c r="BH3953" s="93"/>
      <c r="BI3953" s="93"/>
      <c r="BJ3953" s="93"/>
      <c r="BK3953" s="93"/>
      <c r="BL3953" s="93"/>
    </row>
    <row r="3954" spans="2:64" x14ac:dyDescent="0.2">
      <c r="B3954" s="43"/>
      <c r="C3954" s="73"/>
      <c r="D3954" s="64"/>
      <c r="E3954" s="55"/>
      <c r="F3954" s="74"/>
      <c r="G3954" s="74"/>
      <c r="H3954" s="74"/>
      <c r="I3954" s="75"/>
      <c r="J3954" s="74"/>
      <c r="L3954" s="55"/>
      <c r="M3954" s="234"/>
      <c r="N3954" s="65"/>
      <c r="O3954" s="76"/>
      <c r="P3954" s="76"/>
      <c r="Q3954" s="65"/>
      <c r="R3954" s="76"/>
      <c r="S3954" s="76"/>
      <c r="T3954" s="76"/>
      <c r="U3954" s="76"/>
      <c r="V3954" s="76"/>
      <c r="W3954" s="76"/>
      <c r="X3954" s="76"/>
      <c r="Y3954" s="76"/>
      <c r="Z3954" s="76"/>
      <c r="AA3954" s="85"/>
      <c r="AB3954" s="85"/>
      <c r="AC3954" s="85"/>
      <c r="AD3954" s="85"/>
      <c r="AE3954" s="85"/>
      <c r="AF3954" s="85"/>
      <c r="AG3954" s="86"/>
      <c r="AH3954" s="85"/>
      <c r="AI3954" s="85"/>
      <c r="AJ3954" s="85"/>
      <c r="AK3954" s="85"/>
      <c r="AL3954" s="85"/>
      <c r="AM3954" s="92"/>
      <c r="AN3954" s="92"/>
      <c r="AO3954" s="92"/>
      <c r="AP3954" s="92"/>
      <c r="AQ3954" s="92"/>
      <c r="AR3954" s="92"/>
      <c r="AS3954" s="92"/>
      <c r="AT3954" s="92"/>
      <c r="AU3954" s="92"/>
      <c r="AV3954" s="92"/>
      <c r="AW3954" s="92"/>
      <c r="AX3954" s="92"/>
      <c r="AY3954" s="92"/>
      <c r="AZ3954" s="93"/>
      <c r="BA3954" s="93"/>
      <c r="BB3954" s="93"/>
      <c r="BC3954" s="93"/>
      <c r="BD3954" s="93"/>
      <c r="BE3954" s="93"/>
      <c r="BF3954" s="93"/>
      <c r="BG3954" s="93"/>
      <c r="BH3954" s="93"/>
      <c r="BI3954" s="93"/>
      <c r="BJ3954" s="93"/>
      <c r="BK3954" s="93"/>
      <c r="BL3954" s="93"/>
    </row>
    <row r="3955" spans="2:64" x14ac:dyDescent="0.2">
      <c r="B3955" s="43"/>
      <c r="C3955" s="73"/>
      <c r="D3955" s="64"/>
      <c r="E3955" s="55"/>
      <c r="F3955" s="74"/>
      <c r="G3955" s="74"/>
      <c r="H3955" s="74"/>
      <c r="I3955" s="75"/>
      <c r="J3955" s="74"/>
      <c r="L3955" s="55"/>
      <c r="M3955" s="234"/>
      <c r="N3955" s="65"/>
      <c r="O3955" s="76"/>
      <c r="P3955" s="76"/>
      <c r="Q3955" s="65"/>
      <c r="R3955" s="76"/>
      <c r="S3955" s="76"/>
      <c r="T3955" s="76"/>
      <c r="U3955" s="76"/>
      <c r="V3955" s="76"/>
      <c r="W3955" s="76"/>
      <c r="X3955" s="76"/>
      <c r="Y3955" s="76"/>
      <c r="Z3955" s="76"/>
      <c r="AA3955" s="85"/>
      <c r="AB3955" s="85"/>
      <c r="AC3955" s="85"/>
      <c r="AD3955" s="85"/>
      <c r="AE3955" s="85"/>
      <c r="AF3955" s="85"/>
      <c r="AG3955" s="86"/>
      <c r="AH3955" s="85"/>
      <c r="AI3955" s="85"/>
      <c r="AJ3955" s="85"/>
      <c r="AK3955" s="85"/>
      <c r="AL3955" s="85"/>
      <c r="AM3955" s="92"/>
      <c r="AN3955" s="92"/>
      <c r="AO3955" s="92"/>
      <c r="AP3955" s="92"/>
      <c r="AQ3955" s="92"/>
      <c r="AR3955" s="92"/>
      <c r="AS3955" s="92"/>
      <c r="AT3955" s="92"/>
      <c r="AU3955" s="92"/>
      <c r="AV3955" s="92"/>
      <c r="AW3955" s="92"/>
      <c r="AX3955" s="92"/>
      <c r="AY3955" s="92"/>
      <c r="AZ3955" s="93"/>
      <c r="BA3955" s="93"/>
      <c r="BB3955" s="93"/>
      <c r="BC3955" s="93"/>
      <c r="BD3955" s="93"/>
      <c r="BE3955" s="93"/>
      <c r="BF3955" s="93"/>
      <c r="BG3955" s="93"/>
      <c r="BH3955" s="93"/>
      <c r="BI3955" s="93"/>
      <c r="BJ3955" s="93"/>
      <c r="BK3955" s="93"/>
      <c r="BL3955" s="93"/>
    </row>
    <row r="3956" spans="2:64" x14ac:dyDescent="0.2">
      <c r="B3956" s="43"/>
      <c r="C3956" s="73"/>
      <c r="D3956" s="64"/>
      <c r="E3956" s="55"/>
      <c r="F3956" s="74"/>
      <c r="G3956" s="74"/>
      <c r="H3956" s="74"/>
      <c r="I3956" s="75"/>
      <c r="J3956" s="74"/>
      <c r="L3956" s="55"/>
      <c r="M3956" s="234"/>
      <c r="N3956" s="65"/>
      <c r="O3956" s="76"/>
      <c r="P3956" s="76"/>
      <c r="Q3956" s="65"/>
      <c r="R3956" s="76"/>
      <c r="S3956" s="76"/>
      <c r="T3956" s="76"/>
      <c r="U3956" s="76"/>
      <c r="V3956" s="76"/>
      <c r="W3956" s="76"/>
      <c r="X3956" s="76"/>
      <c r="Y3956" s="76"/>
      <c r="Z3956" s="76"/>
      <c r="AA3956" s="85"/>
      <c r="AB3956" s="85"/>
      <c r="AC3956" s="85"/>
      <c r="AD3956" s="85"/>
      <c r="AE3956" s="85"/>
      <c r="AF3956" s="85"/>
      <c r="AG3956" s="86"/>
      <c r="AH3956" s="85"/>
      <c r="AI3956" s="85"/>
      <c r="AJ3956" s="85"/>
      <c r="AK3956" s="85"/>
      <c r="AL3956" s="85"/>
      <c r="AM3956" s="92"/>
      <c r="AN3956" s="92"/>
      <c r="AO3956" s="92"/>
      <c r="AP3956" s="92"/>
      <c r="AQ3956" s="92"/>
      <c r="AR3956" s="92"/>
      <c r="AS3956" s="92"/>
      <c r="AT3956" s="92"/>
      <c r="AU3956" s="92"/>
      <c r="AV3956" s="92"/>
      <c r="AW3956" s="92"/>
      <c r="AX3956" s="92"/>
      <c r="AY3956" s="92"/>
      <c r="AZ3956" s="93"/>
      <c r="BA3956" s="93"/>
      <c r="BB3956" s="93"/>
      <c r="BC3956" s="93"/>
      <c r="BD3956" s="93"/>
      <c r="BE3956" s="93"/>
      <c r="BF3956" s="93"/>
      <c r="BG3956" s="93"/>
      <c r="BH3956" s="93"/>
      <c r="BI3956" s="93"/>
      <c r="BJ3956" s="93"/>
      <c r="BK3956" s="93"/>
      <c r="BL3956" s="93"/>
    </row>
    <row r="3957" spans="2:64" x14ac:dyDescent="0.2">
      <c r="B3957" s="43"/>
      <c r="C3957" s="73"/>
      <c r="D3957" s="64"/>
      <c r="E3957" s="55"/>
      <c r="F3957" s="74"/>
      <c r="G3957" s="74"/>
      <c r="H3957" s="74"/>
      <c r="I3957" s="75"/>
      <c r="J3957" s="74"/>
      <c r="L3957" s="55"/>
      <c r="M3957" s="234"/>
      <c r="N3957" s="65"/>
      <c r="O3957" s="76"/>
      <c r="P3957" s="76"/>
      <c r="Q3957" s="65"/>
      <c r="R3957" s="76"/>
      <c r="S3957" s="76"/>
      <c r="T3957" s="76"/>
      <c r="U3957" s="76"/>
      <c r="V3957" s="76"/>
      <c r="W3957" s="76"/>
      <c r="X3957" s="76"/>
      <c r="Y3957" s="76"/>
      <c r="Z3957" s="76"/>
      <c r="AA3957" s="85"/>
      <c r="AB3957" s="85"/>
      <c r="AC3957" s="85"/>
      <c r="AD3957" s="85"/>
      <c r="AE3957" s="85"/>
      <c r="AF3957" s="85"/>
      <c r="AG3957" s="86"/>
      <c r="AH3957" s="85"/>
      <c r="AI3957" s="85"/>
      <c r="AJ3957" s="85"/>
      <c r="AK3957" s="85"/>
      <c r="AL3957" s="85"/>
      <c r="AM3957" s="92"/>
      <c r="AN3957" s="92"/>
      <c r="AO3957" s="92"/>
      <c r="AP3957" s="92"/>
      <c r="AQ3957" s="92"/>
      <c r="AR3957" s="92"/>
      <c r="AS3957" s="92"/>
      <c r="AT3957" s="92"/>
      <c r="AU3957" s="92"/>
      <c r="AV3957" s="92"/>
      <c r="AW3957" s="92"/>
      <c r="AX3957" s="92"/>
      <c r="AY3957" s="92"/>
      <c r="AZ3957" s="93"/>
      <c r="BA3957" s="93"/>
      <c r="BB3957" s="93"/>
      <c r="BC3957" s="93"/>
      <c r="BD3957" s="93"/>
      <c r="BE3957" s="93"/>
      <c r="BF3957" s="93"/>
      <c r="BG3957" s="93"/>
      <c r="BH3957" s="93"/>
      <c r="BI3957" s="93"/>
      <c r="BJ3957" s="93"/>
      <c r="BK3957" s="93"/>
      <c r="BL3957" s="93"/>
    </row>
    <row r="3958" spans="2:64" x14ac:dyDescent="0.2">
      <c r="B3958" s="43"/>
      <c r="C3958" s="73"/>
      <c r="D3958" s="64"/>
      <c r="E3958" s="55"/>
      <c r="F3958" s="74"/>
      <c r="G3958" s="74"/>
      <c r="H3958" s="74"/>
      <c r="I3958" s="75"/>
      <c r="J3958" s="74"/>
      <c r="L3958" s="55"/>
      <c r="M3958" s="234"/>
      <c r="N3958" s="65"/>
      <c r="O3958" s="76"/>
      <c r="P3958" s="76"/>
      <c r="Q3958" s="65"/>
      <c r="R3958" s="76"/>
      <c r="S3958" s="76"/>
      <c r="T3958" s="76"/>
      <c r="U3958" s="76"/>
      <c r="V3958" s="76"/>
      <c r="W3958" s="76"/>
      <c r="X3958" s="76"/>
      <c r="Y3958" s="76"/>
      <c r="Z3958" s="76"/>
      <c r="AA3958" s="85"/>
      <c r="AB3958" s="85"/>
      <c r="AC3958" s="85"/>
      <c r="AD3958" s="85"/>
      <c r="AE3958" s="85"/>
      <c r="AF3958" s="85"/>
      <c r="AG3958" s="86"/>
      <c r="AH3958" s="85"/>
      <c r="AI3958" s="85"/>
      <c r="AJ3958" s="85"/>
      <c r="AK3958" s="85"/>
      <c r="AL3958" s="85"/>
      <c r="AM3958" s="92"/>
      <c r="AN3958" s="92"/>
      <c r="AO3958" s="92"/>
      <c r="AP3958" s="92"/>
      <c r="AQ3958" s="92"/>
      <c r="AR3958" s="92"/>
      <c r="AS3958" s="92"/>
      <c r="AT3958" s="92"/>
      <c r="AU3958" s="92"/>
      <c r="AV3958" s="92"/>
      <c r="AW3958" s="92"/>
      <c r="AX3958" s="92"/>
      <c r="AY3958" s="92"/>
      <c r="AZ3958" s="93"/>
      <c r="BA3958" s="93"/>
      <c r="BB3958" s="93"/>
      <c r="BC3958" s="93"/>
      <c r="BD3958" s="93"/>
      <c r="BE3958" s="93"/>
      <c r="BF3958" s="93"/>
      <c r="BG3958" s="93"/>
      <c r="BH3958" s="93"/>
      <c r="BI3958" s="93"/>
      <c r="BJ3958" s="93"/>
      <c r="BK3958" s="93"/>
      <c r="BL3958" s="93"/>
    </row>
    <row r="3959" spans="2:64" x14ac:dyDescent="0.2">
      <c r="B3959" s="43"/>
      <c r="C3959" s="73"/>
      <c r="D3959" s="64"/>
      <c r="E3959" s="55"/>
      <c r="F3959" s="74"/>
      <c r="G3959" s="74"/>
      <c r="H3959" s="74"/>
      <c r="I3959" s="75"/>
      <c r="J3959" s="74"/>
      <c r="L3959" s="55"/>
      <c r="M3959" s="234"/>
      <c r="N3959" s="65"/>
      <c r="O3959" s="76"/>
      <c r="P3959" s="76"/>
      <c r="Q3959" s="65"/>
      <c r="R3959" s="76"/>
      <c r="S3959" s="76"/>
      <c r="T3959" s="76"/>
      <c r="U3959" s="76"/>
      <c r="V3959" s="76"/>
      <c r="W3959" s="76"/>
      <c r="X3959" s="76"/>
      <c r="Y3959" s="76"/>
      <c r="Z3959" s="76"/>
      <c r="AA3959" s="85"/>
      <c r="AB3959" s="85"/>
      <c r="AC3959" s="85"/>
      <c r="AD3959" s="85"/>
      <c r="AE3959" s="85"/>
      <c r="AF3959" s="85"/>
      <c r="AG3959" s="86"/>
      <c r="AH3959" s="85"/>
      <c r="AI3959" s="85"/>
      <c r="AJ3959" s="85"/>
      <c r="AK3959" s="85"/>
      <c r="AL3959" s="85"/>
      <c r="AM3959" s="92"/>
      <c r="AN3959" s="92"/>
      <c r="AO3959" s="92"/>
      <c r="AP3959" s="92"/>
      <c r="AQ3959" s="92"/>
      <c r="AR3959" s="92"/>
      <c r="AS3959" s="92"/>
      <c r="AT3959" s="92"/>
      <c r="AU3959" s="92"/>
      <c r="AV3959" s="92"/>
      <c r="AW3959" s="92"/>
      <c r="AX3959" s="92"/>
      <c r="AY3959" s="92"/>
      <c r="AZ3959" s="93"/>
      <c r="BA3959" s="93"/>
      <c r="BB3959" s="93"/>
      <c r="BC3959" s="93"/>
      <c r="BD3959" s="93"/>
      <c r="BE3959" s="93"/>
      <c r="BF3959" s="93"/>
      <c r="BG3959" s="93"/>
      <c r="BH3959" s="93"/>
      <c r="BI3959" s="93"/>
      <c r="BJ3959" s="93"/>
      <c r="BK3959" s="93"/>
      <c r="BL3959" s="93"/>
    </row>
    <row r="3960" spans="2:64" x14ac:dyDescent="0.2">
      <c r="B3960" s="43"/>
      <c r="C3960" s="73"/>
      <c r="D3960" s="64"/>
      <c r="E3960" s="55"/>
      <c r="F3960" s="74"/>
      <c r="G3960" s="74"/>
      <c r="H3960" s="74"/>
      <c r="I3960" s="75"/>
      <c r="J3960" s="74"/>
      <c r="L3960" s="55"/>
      <c r="M3960" s="234"/>
      <c r="N3960" s="65"/>
      <c r="O3960" s="76"/>
      <c r="P3960" s="76"/>
      <c r="Q3960" s="65"/>
      <c r="R3960" s="76"/>
      <c r="S3960" s="76"/>
      <c r="T3960" s="76"/>
      <c r="U3960" s="76"/>
      <c r="V3960" s="76"/>
      <c r="W3960" s="76"/>
      <c r="X3960" s="76"/>
      <c r="Y3960" s="76"/>
      <c r="Z3960" s="76"/>
      <c r="AA3960" s="85"/>
      <c r="AB3960" s="85"/>
      <c r="AC3960" s="85"/>
      <c r="AD3960" s="85"/>
      <c r="AE3960" s="85"/>
      <c r="AF3960" s="85"/>
      <c r="AG3960" s="86"/>
      <c r="AH3960" s="85"/>
      <c r="AI3960" s="85"/>
      <c r="AJ3960" s="85"/>
      <c r="AK3960" s="85"/>
      <c r="AL3960" s="85"/>
      <c r="AM3960" s="92"/>
      <c r="AN3960" s="92"/>
      <c r="AO3960" s="92"/>
      <c r="AP3960" s="92"/>
      <c r="AQ3960" s="92"/>
      <c r="AR3960" s="92"/>
      <c r="AS3960" s="92"/>
      <c r="AT3960" s="92"/>
      <c r="AU3960" s="92"/>
      <c r="AV3960" s="92"/>
      <c r="AW3960" s="92"/>
      <c r="AX3960" s="92"/>
      <c r="AY3960" s="92"/>
      <c r="AZ3960" s="93"/>
      <c r="BA3960" s="93"/>
      <c r="BB3960" s="93"/>
      <c r="BC3960" s="93"/>
      <c r="BD3960" s="93"/>
      <c r="BE3960" s="93"/>
      <c r="BF3960" s="93"/>
      <c r="BG3960" s="93"/>
      <c r="BH3960" s="93"/>
      <c r="BI3960" s="93"/>
      <c r="BJ3960" s="93"/>
      <c r="BK3960" s="93"/>
      <c r="BL3960" s="93"/>
    </row>
    <row r="3961" spans="2:64" x14ac:dyDescent="0.2">
      <c r="B3961" s="43"/>
      <c r="C3961" s="73"/>
      <c r="D3961" s="64"/>
      <c r="E3961" s="55"/>
      <c r="F3961" s="74"/>
      <c r="G3961" s="74"/>
      <c r="H3961" s="74"/>
      <c r="I3961" s="75"/>
      <c r="J3961" s="74"/>
      <c r="L3961" s="55"/>
      <c r="M3961" s="234"/>
      <c r="N3961" s="65"/>
      <c r="O3961" s="76"/>
      <c r="P3961" s="76"/>
      <c r="Q3961" s="65"/>
      <c r="R3961" s="76"/>
      <c r="S3961" s="76"/>
      <c r="T3961" s="76"/>
      <c r="U3961" s="76"/>
      <c r="V3961" s="76"/>
      <c r="W3961" s="76"/>
      <c r="X3961" s="76"/>
      <c r="Y3961" s="76"/>
      <c r="Z3961" s="76"/>
      <c r="AA3961" s="85"/>
      <c r="AB3961" s="85"/>
      <c r="AC3961" s="85"/>
      <c r="AD3961" s="85"/>
      <c r="AE3961" s="85"/>
      <c r="AF3961" s="85"/>
      <c r="AG3961" s="86"/>
      <c r="AH3961" s="85"/>
      <c r="AI3961" s="85"/>
      <c r="AJ3961" s="85"/>
      <c r="AK3961" s="85"/>
      <c r="AL3961" s="85"/>
      <c r="AM3961" s="92"/>
      <c r="AN3961" s="92"/>
      <c r="AO3961" s="92"/>
      <c r="AP3961" s="92"/>
      <c r="AQ3961" s="92"/>
      <c r="AR3961" s="92"/>
      <c r="AS3961" s="92"/>
      <c r="AT3961" s="92"/>
      <c r="AU3961" s="92"/>
      <c r="AV3961" s="92"/>
      <c r="AW3961" s="92"/>
      <c r="AX3961" s="92"/>
      <c r="AY3961" s="92"/>
      <c r="AZ3961" s="93"/>
      <c r="BA3961" s="93"/>
      <c r="BB3961" s="93"/>
      <c r="BC3961" s="93"/>
      <c r="BD3961" s="93"/>
      <c r="BE3961" s="93"/>
      <c r="BF3961" s="93"/>
      <c r="BG3961" s="93"/>
      <c r="BH3961" s="93"/>
      <c r="BI3961" s="93"/>
      <c r="BJ3961" s="93"/>
      <c r="BK3961" s="93"/>
      <c r="BL3961" s="93"/>
    </row>
    <row r="3962" spans="2:64" x14ac:dyDescent="0.2">
      <c r="B3962" s="43"/>
      <c r="C3962" s="73"/>
      <c r="D3962" s="64"/>
      <c r="E3962" s="55"/>
      <c r="F3962" s="74"/>
      <c r="G3962" s="74"/>
      <c r="H3962" s="74"/>
      <c r="I3962" s="75"/>
      <c r="J3962" s="74"/>
      <c r="L3962" s="55"/>
      <c r="M3962" s="234"/>
      <c r="N3962" s="65"/>
      <c r="O3962" s="76"/>
      <c r="P3962" s="76"/>
      <c r="Q3962" s="65"/>
      <c r="R3962" s="76"/>
      <c r="S3962" s="76"/>
      <c r="T3962" s="76"/>
      <c r="U3962" s="76"/>
      <c r="V3962" s="76"/>
      <c r="W3962" s="76"/>
      <c r="X3962" s="76"/>
      <c r="Y3962" s="76"/>
      <c r="Z3962" s="76"/>
      <c r="AA3962" s="85"/>
      <c r="AB3962" s="85"/>
      <c r="AC3962" s="85"/>
      <c r="AD3962" s="85"/>
      <c r="AE3962" s="85"/>
      <c r="AF3962" s="85"/>
      <c r="AG3962" s="86"/>
      <c r="AH3962" s="85"/>
      <c r="AI3962" s="85"/>
      <c r="AJ3962" s="85"/>
      <c r="AK3962" s="85"/>
      <c r="AL3962" s="85"/>
      <c r="AM3962" s="92"/>
      <c r="AN3962" s="92"/>
      <c r="AO3962" s="92"/>
      <c r="AP3962" s="92"/>
      <c r="AQ3962" s="92"/>
      <c r="AR3962" s="92"/>
      <c r="AS3962" s="92"/>
      <c r="AT3962" s="92"/>
      <c r="AU3962" s="92"/>
      <c r="AV3962" s="92"/>
      <c r="AW3962" s="92"/>
      <c r="AX3962" s="92"/>
      <c r="AY3962" s="92"/>
      <c r="AZ3962" s="93"/>
      <c r="BA3962" s="93"/>
      <c r="BB3962" s="93"/>
      <c r="BC3962" s="93"/>
      <c r="BD3962" s="93"/>
      <c r="BE3962" s="93"/>
      <c r="BF3962" s="93"/>
      <c r="BG3962" s="93"/>
      <c r="BH3962" s="93"/>
      <c r="BI3962" s="93"/>
      <c r="BJ3962" s="93"/>
      <c r="BK3962" s="93"/>
      <c r="BL3962" s="93"/>
    </row>
    <row r="3963" spans="2:64" x14ac:dyDescent="0.2">
      <c r="B3963" s="43"/>
      <c r="C3963" s="73"/>
      <c r="D3963" s="64"/>
      <c r="E3963" s="55"/>
      <c r="F3963" s="74"/>
      <c r="G3963" s="74"/>
      <c r="H3963" s="74"/>
      <c r="I3963" s="75"/>
      <c r="J3963" s="74"/>
      <c r="L3963" s="55"/>
      <c r="M3963" s="234"/>
      <c r="N3963" s="65"/>
      <c r="O3963" s="76"/>
      <c r="P3963" s="76"/>
      <c r="Q3963" s="65"/>
      <c r="R3963" s="76"/>
      <c r="S3963" s="76"/>
      <c r="T3963" s="76"/>
      <c r="U3963" s="76"/>
      <c r="V3963" s="76"/>
      <c r="W3963" s="76"/>
      <c r="X3963" s="76"/>
      <c r="Y3963" s="76"/>
      <c r="Z3963" s="76"/>
      <c r="AA3963" s="85"/>
      <c r="AB3963" s="85"/>
      <c r="AC3963" s="85"/>
      <c r="AD3963" s="85"/>
      <c r="AE3963" s="85"/>
      <c r="AF3963" s="85"/>
      <c r="AG3963" s="86"/>
      <c r="AH3963" s="85"/>
      <c r="AI3963" s="85"/>
      <c r="AJ3963" s="85"/>
      <c r="AK3963" s="85"/>
      <c r="AL3963" s="85"/>
      <c r="AM3963" s="92"/>
      <c r="AN3963" s="92"/>
      <c r="AO3963" s="92"/>
      <c r="AP3963" s="92"/>
      <c r="AQ3963" s="92"/>
      <c r="AR3963" s="92"/>
      <c r="AS3963" s="92"/>
      <c r="AT3963" s="92"/>
      <c r="AU3963" s="92"/>
      <c r="AV3963" s="92"/>
      <c r="AW3963" s="92"/>
      <c r="AX3963" s="92"/>
      <c r="AY3963" s="92"/>
      <c r="AZ3963" s="93"/>
      <c r="BA3963" s="93"/>
      <c r="BB3963" s="93"/>
      <c r="BC3963" s="93"/>
      <c r="BD3963" s="93"/>
      <c r="BE3963" s="93"/>
      <c r="BF3963" s="93"/>
      <c r="BG3963" s="93"/>
      <c r="BH3963" s="93"/>
      <c r="BI3963" s="93"/>
      <c r="BJ3963" s="93"/>
      <c r="BK3963" s="93"/>
      <c r="BL3963" s="93"/>
    </row>
    <row r="3964" spans="2:64" x14ac:dyDescent="0.2">
      <c r="B3964" s="43"/>
      <c r="C3964" s="73"/>
      <c r="D3964" s="64"/>
      <c r="E3964" s="55"/>
      <c r="F3964" s="74"/>
      <c r="G3964" s="74"/>
      <c r="H3964" s="74"/>
      <c r="I3964" s="75"/>
      <c r="J3964" s="74"/>
      <c r="L3964" s="55"/>
      <c r="M3964" s="234"/>
      <c r="N3964" s="65"/>
      <c r="O3964" s="76"/>
      <c r="P3964" s="76"/>
      <c r="Q3964" s="65"/>
      <c r="R3964" s="76"/>
      <c r="S3964" s="76"/>
      <c r="T3964" s="76"/>
      <c r="U3964" s="76"/>
      <c r="V3964" s="76"/>
      <c r="W3964" s="76"/>
      <c r="X3964" s="76"/>
      <c r="Y3964" s="76"/>
      <c r="Z3964" s="76"/>
      <c r="AA3964" s="85"/>
      <c r="AB3964" s="85"/>
      <c r="AC3964" s="85"/>
      <c r="AD3964" s="85"/>
      <c r="AE3964" s="85"/>
      <c r="AF3964" s="85"/>
      <c r="AG3964" s="86"/>
      <c r="AH3964" s="85"/>
      <c r="AI3964" s="85"/>
      <c r="AJ3964" s="85"/>
      <c r="AK3964" s="85"/>
      <c r="AL3964" s="85"/>
      <c r="AM3964" s="92"/>
      <c r="AN3964" s="92"/>
      <c r="AO3964" s="92"/>
      <c r="AP3964" s="92"/>
      <c r="AQ3964" s="92"/>
      <c r="AR3964" s="92"/>
      <c r="AS3964" s="92"/>
      <c r="AT3964" s="92"/>
      <c r="AU3964" s="92"/>
      <c r="AV3964" s="92"/>
      <c r="AW3964" s="92"/>
      <c r="AX3964" s="92"/>
      <c r="AY3964" s="92"/>
      <c r="AZ3964" s="93"/>
      <c r="BA3964" s="93"/>
      <c r="BB3964" s="93"/>
      <c r="BC3964" s="93"/>
      <c r="BD3964" s="93"/>
      <c r="BE3964" s="93"/>
      <c r="BF3964" s="93"/>
      <c r="BG3964" s="93"/>
      <c r="BH3964" s="93"/>
      <c r="BI3964" s="93"/>
      <c r="BJ3964" s="93"/>
      <c r="BK3964" s="93"/>
      <c r="BL3964" s="93"/>
    </row>
    <row r="3965" spans="2:64" x14ac:dyDescent="0.2">
      <c r="B3965" s="43"/>
      <c r="C3965" s="73"/>
      <c r="D3965" s="64"/>
      <c r="E3965" s="55"/>
      <c r="F3965" s="74"/>
      <c r="G3965" s="74"/>
      <c r="H3965" s="74"/>
      <c r="I3965" s="75"/>
      <c r="J3965" s="74"/>
      <c r="L3965" s="55"/>
      <c r="M3965" s="234"/>
      <c r="N3965" s="65"/>
      <c r="O3965" s="76"/>
      <c r="P3965" s="76"/>
      <c r="Q3965" s="65"/>
      <c r="R3965" s="76"/>
      <c r="S3965" s="76"/>
      <c r="T3965" s="76"/>
      <c r="U3965" s="76"/>
      <c r="V3965" s="76"/>
      <c r="W3965" s="76"/>
      <c r="X3965" s="76"/>
      <c r="Y3965" s="76"/>
      <c r="Z3965" s="76"/>
      <c r="AA3965" s="85"/>
      <c r="AB3965" s="85"/>
      <c r="AC3965" s="85"/>
      <c r="AD3965" s="85"/>
      <c r="AE3965" s="85"/>
      <c r="AF3965" s="85"/>
      <c r="AG3965" s="86"/>
      <c r="AH3965" s="85"/>
      <c r="AI3965" s="85"/>
      <c r="AJ3965" s="85"/>
      <c r="AK3965" s="85"/>
      <c r="AL3965" s="85"/>
      <c r="AM3965" s="92"/>
      <c r="AN3965" s="92"/>
      <c r="AO3965" s="92"/>
      <c r="AP3965" s="92"/>
      <c r="AQ3965" s="92"/>
      <c r="AR3965" s="92"/>
      <c r="AS3965" s="92"/>
      <c r="AT3965" s="92"/>
      <c r="AU3965" s="92"/>
      <c r="AV3965" s="92"/>
      <c r="AW3965" s="92"/>
      <c r="AX3965" s="92"/>
      <c r="AY3965" s="92"/>
      <c r="AZ3965" s="93"/>
      <c r="BA3965" s="93"/>
      <c r="BB3965" s="93"/>
      <c r="BC3965" s="93"/>
      <c r="BD3965" s="93"/>
      <c r="BE3965" s="93"/>
      <c r="BF3965" s="93"/>
      <c r="BG3965" s="93"/>
      <c r="BH3965" s="93"/>
      <c r="BI3965" s="93"/>
      <c r="BJ3965" s="93"/>
      <c r="BK3965" s="93"/>
      <c r="BL3965" s="93"/>
    </row>
    <row r="3966" spans="2:64" x14ac:dyDescent="0.2">
      <c r="B3966" s="43"/>
      <c r="C3966" s="73"/>
      <c r="D3966" s="64"/>
      <c r="E3966" s="55"/>
      <c r="F3966" s="74"/>
      <c r="G3966" s="74"/>
      <c r="H3966" s="74"/>
      <c r="I3966" s="75"/>
      <c r="J3966" s="74"/>
      <c r="L3966" s="55"/>
      <c r="M3966" s="234"/>
      <c r="N3966" s="65"/>
      <c r="O3966" s="76"/>
      <c r="P3966" s="76"/>
      <c r="Q3966" s="65"/>
      <c r="R3966" s="76"/>
      <c r="S3966" s="76"/>
      <c r="T3966" s="76"/>
      <c r="U3966" s="76"/>
      <c r="V3966" s="76"/>
      <c r="W3966" s="76"/>
      <c r="X3966" s="76"/>
      <c r="Y3966" s="76"/>
      <c r="Z3966" s="76"/>
      <c r="AA3966" s="85"/>
      <c r="AB3966" s="85"/>
      <c r="AC3966" s="85"/>
      <c r="AD3966" s="85"/>
      <c r="AE3966" s="85"/>
      <c r="AF3966" s="85"/>
      <c r="AG3966" s="86"/>
      <c r="AH3966" s="85"/>
      <c r="AI3966" s="85"/>
      <c r="AJ3966" s="85"/>
      <c r="AK3966" s="85"/>
      <c r="AL3966" s="85"/>
      <c r="AM3966" s="92"/>
      <c r="AN3966" s="92"/>
      <c r="AO3966" s="92"/>
      <c r="AP3966" s="92"/>
      <c r="AQ3966" s="92"/>
      <c r="AR3966" s="92"/>
      <c r="AS3966" s="92"/>
      <c r="AT3966" s="92"/>
      <c r="AU3966" s="92"/>
      <c r="AV3966" s="92"/>
      <c r="AW3966" s="92"/>
      <c r="AX3966" s="92"/>
      <c r="AY3966" s="92"/>
      <c r="AZ3966" s="93"/>
      <c r="BA3966" s="93"/>
      <c r="BB3966" s="93"/>
      <c r="BC3966" s="93"/>
      <c r="BD3966" s="93"/>
      <c r="BE3966" s="93"/>
      <c r="BF3966" s="93"/>
      <c r="BG3966" s="93"/>
      <c r="BH3966" s="93"/>
      <c r="BI3966" s="93"/>
      <c r="BJ3966" s="93"/>
      <c r="BK3966" s="93"/>
      <c r="BL3966" s="93"/>
    </row>
    <row r="3967" spans="2:64" x14ac:dyDescent="0.2">
      <c r="B3967" s="43"/>
      <c r="C3967" s="73"/>
      <c r="D3967" s="64"/>
      <c r="E3967" s="55"/>
      <c r="F3967" s="74"/>
      <c r="G3967" s="74"/>
      <c r="H3967" s="74"/>
      <c r="I3967" s="75"/>
      <c r="J3967" s="74"/>
      <c r="L3967" s="55"/>
      <c r="M3967" s="234"/>
      <c r="N3967" s="65"/>
      <c r="O3967" s="76"/>
      <c r="P3967" s="76"/>
      <c r="Q3967" s="65"/>
      <c r="R3967" s="76"/>
      <c r="S3967" s="76"/>
      <c r="T3967" s="76"/>
      <c r="U3967" s="76"/>
      <c r="V3967" s="76"/>
      <c r="W3967" s="76"/>
      <c r="X3967" s="76"/>
      <c r="Y3967" s="76"/>
      <c r="Z3967" s="76"/>
      <c r="AA3967" s="85"/>
      <c r="AB3967" s="85"/>
      <c r="AC3967" s="85"/>
      <c r="AD3967" s="85"/>
      <c r="AE3967" s="85"/>
      <c r="AF3967" s="85"/>
      <c r="AG3967" s="86"/>
      <c r="AH3967" s="85"/>
      <c r="AI3967" s="85"/>
      <c r="AJ3967" s="85"/>
      <c r="AK3967" s="85"/>
      <c r="AL3967" s="85"/>
      <c r="AM3967" s="92"/>
      <c r="AN3967" s="92"/>
      <c r="AO3967" s="92"/>
      <c r="AP3967" s="92"/>
      <c r="AQ3967" s="92"/>
      <c r="AR3967" s="92"/>
      <c r="AS3967" s="92"/>
      <c r="AT3967" s="92"/>
      <c r="AU3967" s="92"/>
      <c r="AV3967" s="92"/>
      <c r="AW3967" s="92"/>
      <c r="AX3967" s="92"/>
      <c r="AY3967" s="92"/>
      <c r="AZ3967" s="93"/>
      <c r="BA3967" s="93"/>
      <c r="BB3967" s="93"/>
      <c r="BC3967" s="93"/>
      <c r="BD3967" s="93"/>
      <c r="BE3967" s="93"/>
      <c r="BF3967" s="93"/>
      <c r="BG3967" s="93"/>
      <c r="BH3967" s="93"/>
      <c r="BI3967" s="93"/>
      <c r="BJ3967" s="93"/>
      <c r="BK3967" s="93"/>
      <c r="BL3967" s="93"/>
    </row>
    <row r="3968" spans="2:64" x14ac:dyDescent="0.2">
      <c r="B3968" s="43"/>
      <c r="C3968" s="73"/>
      <c r="D3968" s="64"/>
      <c r="E3968" s="55"/>
      <c r="F3968" s="74"/>
      <c r="G3968" s="74"/>
      <c r="H3968" s="74"/>
      <c r="I3968" s="75"/>
      <c r="J3968" s="74"/>
      <c r="L3968" s="55"/>
      <c r="M3968" s="234"/>
      <c r="N3968" s="65"/>
      <c r="O3968" s="76"/>
      <c r="P3968" s="76"/>
      <c r="Q3968" s="65"/>
      <c r="R3968" s="76"/>
      <c r="S3968" s="76"/>
      <c r="T3968" s="76"/>
      <c r="U3968" s="76"/>
      <c r="V3968" s="76"/>
      <c r="W3968" s="76"/>
      <c r="X3968" s="76"/>
      <c r="Y3968" s="76"/>
      <c r="Z3968" s="76"/>
      <c r="AA3968" s="85"/>
      <c r="AB3968" s="85"/>
      <c r="AC3968" s="85"/>
      <c r="AD3968" s="85"/>
      <c r="AE3968" s="85"/>
      <c r="AF3968" s="85"/>
      <c r="AG3968" s="86"/>
      <c r="AH3968" s="85"/>
      <c r="AI3968" s="85"/>
      <c r="AJ3968" s="85"/>
      <c r="AK3968" s="85"/>
      <c r="AL3968" s="85"/>
      <c r="AM3968" s="92"/>
      <c r="AN3968" s="92"/>
      <c r="AO3968" s="92"/>
      <c r="AP3968" s="92"/>
      <c r="AQ3968" s="92"/>
      <c r="AR3968" s="92"/>
      <c r="AS3968" s="92"/>
      <c r="AT3968" s="92"/>
      <c r="AU3968" s="92"/>
      <c r="AV3968" s="92"/>
      <c r="AW3968" s="92"/>
      <c r="AX3968" s="92"/>
      <c r="AY3968" s="92"/>
      <c r="AZ3968" s="93"/>
      <c r="BA3968" s="93"/>
      <c r="BB3968" s="93"/>
      <c r="BC3968" s="93"/>
      <c r="BD3968" s="93"/>
      <c r="BE3968" s="93"/>
      <c r="BF3968" s="93"/>
      <c r="BG3968" s="93"/>
      <c r="BH3968" s="93"/>
      <c r="BI3968" s="93"/>
      <c r="BJ3968" s="93"/>
      <c r="BK3968" s="93"/>
      <c r="BL3968" s="93"/>
    </row>
    <row r="3969" spans="2:64" x14ac:dyDescent="0.2">
      <c r="B3969" s="43"/>
      <c r="C3969" s="73"/>
      <c r="D3969" s="64"/>
      <c r="E3969" s="55"/>
      <c r="F3969" s="74"/>
      <c r="G3969" s="74"/>
      <c r="H3969" s="74"/>
      <c r="I3969" s="75"/>
      <c r="J3969" s="74"/>
      <c r="L3969" s="55"/>
      <c r="M3969" s="234"/>
      <c r="N3969" s="65"/>
      <c r="O3969" s="76"/>
      <c r="P3969" s="76"/>
      <c r="Q3969" s="65"/>
      <c r="R3969" s="76"/>
      <c r="S3969" s="76"/>
      <c r="T3969" s="76"/>
      <c r="U3969" s="76"/>
      <c r="V3969" s="76"/>
      <c r="W3969" s="76"/>
      <c r="X3969" s="76"/>
      <c r="Y3969" s="76"/>
      <c r="Z3969" s="76"/>
      <c r="AA3969" s="85"/>
      <c r="AB3969" s="85"/>
      <c r="AC3969" s="85"/>
      <c r="AD3969" s="85"/>
      <c r="AE3969" s="85"/>
      <c r="AF3969" s="85"/>
      <c r="AG3969" s="86"/>
      <c r="AH3969" s="85"/>
      <c r="AI3969" s="85"/>
      <c r="AJ3969" s="85"/>
      <c r="AK3969" s="85"/>
      <c r="AL3969" s="85"/>
      <c r="AM3969" s="92"/>
      <c r="AN3969" s="92"/>
      <c r="AO3969" s="92"/>
      <c r="AP3969" s="92"/>
      <c r="AQ3969" s="92"/>
      <c r="AR3969" s="92"/>
      <c r="AS3969" s="92"/>
      <c r="AT3969" s="92"/>
      <c r="AU3969" s="92"/>
      <c r="AV3969" s="92"/>
      <c r="AW3969" s="92"/>
      <c r="AX3969" s="92"/>
      <c r="AY3969" s="92"/>
      <c r="AZ3969" s="93"/>
      <c r="BA3969" s="93"/>
      <c r="BB3969" s="93"/>
      <c r="BC3969" s="93"/>
      <c r="BD3969" s="93"/>
      <c r="BE3969" s="93"/>
      <c r="BF3969" s="93"/>
      <c r="BG3969" s="93"/>
      <c r="BH3969" s="93"/>
      <c r="BI3969" s="93"/>
      <c r="BJ3969" s="93"/>
      <c r="BK3969" s="93"/>
      <c r="BL3969" s="93"/>
    </row>
    <row r="3970" spans="2:64" x14ac:dyDescent="0.2">
      <c r="B3970" s="43"/>
      <c r="C3970" s="73"/>
      <c r="D3970" s="64"/>
      <c r="E3970" s="55"/>
      <c r="F3970" s="74"/>
      <c r="G3970" s="74"/>
      <c r="H3970" s="74"/>
      <c r="I3970" s="75"/>
      <c r="J3970" s="74"/>
      <c r="L3970" s="55"/>
      <c r="M3970" s="234"/>
      <c r="N3970" s="65"/>
      <c r="O3970" s="76"/>
      <c r="P3970" s="76"/>
      <c r="Q3970" s="65"/>
      <c r="R3970" s="76"/>
      <c r="S3970" s="76"/>
      <c r="T3970" s="76"/>
      <c r="U3970" s="76"/>
      <c r="V3970" s="76"/>
      <c r="W3970" s="76"/>
      <c r="X3970" s="76"/>
      <c r="Y3970" s="76"/>
      <c r="Z3970" s="76"/>
      <c r="AA3970" s="85"/>
      <c r="AB3970" s="85"/>
      <c r="AC3970" s="85"/>
      <c r="AD3970" s="85"/>
      <c r="AE3970" s="85"/>
      <c r="AF3970" s="85"/>
      <c r="AG3970" s="86"/>
      <c r="AH3970" s="85"/>
      <c r="AI3970" s="85"/>
      <c r="AJ3970" s="85"/>
      <c r="AK3970" s="85"/>
      <c r="AL3970" s="85"/>
      <c r="AM3970" s="92"/>
      <c r="AN3970" s="92"/>
      <c r="AO3970" s="92"/>
      <c r="AP3970" s="92"/>
      <c r="AQ3970" s="92"/>
      <c r="AR3970" s="92"/>
      <c r="AS3970" s="92"/>
      <c r="AT3970" s="92"/>
      <c r="AU3970" s="92"/>
      <c r="AV3970" s="92"/>
      <c r="AW3970" s="92"/>
      <c r="AX3970" s="92"/>
      <c r="AY3970" s="92"/>
      <c r="AZ3970" s="93"/>
      <c r="BA3970" s="93"/>
      <c r="BB3970" s="93"/>
      <c r="BC3970" s="93"/>
      <c r="BD3970" s="93"/>
      <c r="BE3970" s="93"/>
      <c r="BF3970" s="93"/>
      <c r="BG3970" s="93"/>
      <c r="BH3970" s="93"/>
      <c r="BI3970" s="93"/>
      <c r="BJ3970" s="93"/>
      <c r="BK3970" s="93"/>
      <c r="BL3970" s="93"/>
    </row>
    <row r="3971" spans="2:64" x14ac:dyDescent="0.2">
      <c r="B3971" s="43"/>
      <c r="C3971" s="73"/>
      <c r="D3971" s="64"/>
      <c r="E3971" s="55"/>
      <c r="F3971" s="74"/>
      <c r="G3971" s="74"/>
      <c r="H3971" s="74"/>
      <c r="I3971" s="75"/>
      <c r="J3971" s="74"/>
      <c r="L3971" s="55"/>
      <c r="M3971" s="234"/>
      <c r="N3971" s="65"/>
      <c r="O3971" s="76"/>
      <c r="P3971" s="76"/>
      <c r="Q3971" s="65"/>
      <c r="R3971" s="76"/>
      <c r="S3971" s="76"/>
      <c r="T3971" s="76"/>
      <c r="U3971" s="76"/>
      <c r="V3971" s="76"/>
      <c r="W3971" s="76"/>
      <c r="X3971" s="76"/>
      <c r="Y3971" s="76"/>
      <c r="Z3971" s="76"/>
      <c r="AA3971" s="85"/>
      <c r="AB3971" s="85"/>
      <c r="AC3971" s="85"/>
      <c r="AD3971" s="85"/>
      <c r="AE3971" s="85"/>
      <c r="AF3971" s="85"/>
      <c r="AG3971" s="86"/>
      <c r="AH3971" s="85"/>
      <c r="AI3971" s="85"/>
      <c r="AJ3971" s="85"/>
      <c r="AK3971" s="85"/>
      <c r="AL3971" s="85"/>
      <c r="AM3971" s="92"/>
      <c r="AN3971" s="92"/>
      <c r="AO3971" s="92"/>
      <c r="AP3971" s="92"/>
      <c r="AQ3971" s="92"/>
      <c r="AR3971" s="92"/>
      <c r="AS3971" s="92"/>
      <c r="AT3971" s="92"/>
      <c r="AU3971" s="92"/>
      <c r="AV3971" s="92"/>
      <c r="AW3971" s="92"/>
      <c r="AX3971" s="92"/>
      <c r="AY3971" s="92"/>
      <c r="AZ3971" s="93"/>
      <c r="BA3971" s="93"/>
      <c r="BB3971" s="93"/>
      <c r="BC3971" s="93"/>
      <c r="BD3971" s="93"/>
      <c r="BE3971" s="93"/>
      <c r="BF3971" s="93"/>
      <c r="BG3971" s="93"/>
      <c r="BH3971" s="93"/>
      <c r="BI3971" s="93"/>
      <c r="BJ3971" s="93"/>
      <c r="BK3971" s="93"/>
      <c r="BL3971" s="93"/>
    </row>
    <row r="3972" spans="2:64" x14ac:dyDescent="0.2">
      <c r="B3972" s="43"/>
      <c r="C3972" s="73"/>
      <c r="D3972" s="64"/>
      <c r="E3972" s="55"/>
      <c r="F3972" s="74"/>
      <c r="G3972" s="74"/>
      <c r="H3972" s="74"/>
      <c r="I3972" s="75"/>
      <c r="J3972" s="74"/>
      <c r="L3972" s="55"/>
      <c r="M3972" s="234"/>
      <c r="N3972" s="65"/>
      <c r="O3972" s="76"/>
      <c r="P3972" s="76"/>
      <c r="Q3972" s="65"/>
      <c r="R3972" s="76"/>
      <c r="S3972" s="76"/>
      <c r="T3972" s="76"/>
      <c r="U3972" s="76"/>
      <c r="V3972" s="76"/>
      <c r="W3972" s="76"/>
      <c r="X3972" s="76"/>
      <c r="Y3972" s="76"/>
      <c r="Z3972" s="76"/>
      <c r="AA3972" s="85"/>
      <c r="AB3972" s="85"/>
      <c r="AC3972" s="85"/>
      <c r="AD3972" s="85"/>
      <c r="AE3972" s="85"/>
      <c r="AF3972" s="85"/>
      <c r="AG3972" s="86"/>
      <c r="AH3972" s="85"/>
      <c r="AI3972" s="85"/>
      <c r="AJ3972" s="85"/>
      <c r="AK3972" s="85"/>
      <c r="AL3972" s="85"/>
      <c r="AM3972" s="92"/>
      <c r="AN3972" s="92"/>
      <c r="AO3972" s="92"/>
      <c r="AP3972" s="92"/>
      <c r="AQ3972" s="92"/>
      <c r="AR3972" s="92"/>
      <c r="AS3972" s="92"/>
      <c r="AT3972" s="92"/>
      <c r="AU3972" s="92"/>
      <c r="AV3972" s="92"/>
      <c r="AW3972" s="92"/>
      <c r="AX3972" s="92"/>
      <c r="AY3972" s="92"/>
      <c r="AZ3972" s="93"/>
      <c r="BA3972" s="93"/>
      <c r="BB3972" s="93"/>
      <c r="BC3972" s="93"/>
      <c r="BD3972" s="93"/>
      <c r="BE3972" s="93"/>
      <c r="BF3972" s="93"/>
      <c r="BG3972" s="93"/>
      <c r="BH3972" s="93"/>
      <c r="BI3972" s="93"/>
      <c r="BJ3972" s="93"/>
      <c r="BK3972" s="93"/>
      <c r="BL3972" s="93"/>
    </row>
    <row r="3973" spans="2:64" x14ac:dyDescent="0.2">
      <c r="B3973" s="43"/>
      <c r="C3973" s="73"/>
      <c r="D3973" s="64"/>
      <c r="E3973" s="55"/>
      <c r="F3973" s="74"/>
      <c r="G3973" s="74"/>
      <c r="H3973" s="74"/>
      <c r="I3973" s="75"/>
      <c r="J3973" s="74"/>
      <c r="L3973" s="55"/>
      <c r="M3973" s="234"/>
      <c r="N3973" s="65"/>
      <c r="O3973" s="76"/>
      <c r="P3973" s="76"/>
      <c r="Q3973" s="65"/>
      <c r="R3973" s="76"/>
      <c r="S3973" s="76"/>
      <c r="T3973" s="76"/>
      <c r="U3973" s="76"/>
      <c r="V3973" s="76"/>
      <c r="W3973" s="76"/>
      <c r="X3973" s="76"/>
      <c r="Y3973" s="76"/>
      <c r="Z3973" s="76"/>
      <c r="AA3973" s="85"/>
      <c r="AB3973" s="85"/>
      <c r="AC3973" s="85"/>
      <c r="AD3973" s="85"/>
      <c r="AE3973" s="85"/>
      <c r="AF3973" s="85"/>
      <c r="AG3973" s="86"/>
      <c r="AH3973" s="85"/>
      <c r="AI3973" s="85"/>
      <c r="AJ3973" s="85"/>
      <c r="AK3973" s="85"/>
      <c r="AL3973" s="85"/>
      <c r="AM3973" s="92"/>
      <c r="AN3973" s="92"/>
      <c r="AO3973" s="92"/>
      <c r="AP3973" s="92"/>
      <c r="AQ3973" s="92"/>
      <c r="AR3973" s="92"/>
      <c r="AS3973" s="92"/>
      <c r="AT3973" s="92"/>
      <c r="AU3973" s="92"/>
      <c r="AV3973" s="92"/>
      <c r="AW3973" s="92"/>
      <c r="AX3973" s="92"/>
      <c r="AY3973" s="92"/>
      <c r="AZ3973" s="93"/>
      <c r="BA3973" s="93"/>
      <c r="BB3973" s="93"/>
      <c r="BC3973" s="93"/>
      <c r="BD3973" s="93"/>
      <c r="BE3973" s="93"/>
      <c r="BF3973" s="93"/>
      <c r="BG3973" s="93"/>
      <c r="BH3973" s="93"/>
      <c r="BI3973" s="93"/>
      <c r="BJ3973" s="93"/>
      <c r="BK3973" s="93"/>
      <c r="BL3973" s="93"/>
    </row>
    <row r="3974" spans="2:64" x14ac:dyDescent="0.2">
      <c r="B3974" s="43"/>
      <c r="C3974" s="73"/>
      <c r="D3974" s="64"/>
      <c r="E3974" s="55"/>
      <c r="F3974" s="74"/>
      <c r="G3974" s="74"/>
      <c r="H3974" s="74"/>
      <c r="I3974" s="75"/>
      <c r="J3974" s="74"/>
      <c r="L3974" s="55"/>
      <c r="M3974" s="234"/>
      <c r="N3974" s="65"/>
      <c r="O3974" s="76"/>
      <c r="P3974" s="76"/>
      <c r="Q3974" s="65"/>
      <c r="R3974" s="76"/>
      <c r="S3974" s="76"/>
      <c r="T3974" s="76"/>
      <c r="U3974" s="76"/>
      <c r="V3974" s="76"/>
      <c r="W3974" s="76"/>
      <c r="X3974" s="76"/>
      <c r="Y3974" s="76"/>
      <c r="Z3974" s="76"/>
      <c r="AA3974" s="85"/>
      <c r="AB3974" s="85"/>
      <c r="AC3974" s="85"/>
      <c r="AD3974" s="85"/>
      <c r="AE3974" s="85"/>
      <c r="AF3974" s="85"/>
      <c r="AG3974" s="86"/>
      <c r="AH3974" s="85"/>
      <c r="AI3974" s="85"/>
      <c r="AJ3974" s="85"/>
      <c r="AK3974" s="85"/>
      <c r="AL3974" s="85"/>
      <c r="AM3974" s="92"/>
      <c r="AN3974" s="92"/>
      <c r="AO3974" s="92"/>
      <c r="AP3974" s="92"/>
      <c r="AQ3974" s="92"/>
      <c r="AR3974" s="92"/>
      <c r="AS3974" s="92"/>
      <c r="AT3974" s="92"/>
      <c r="AU3974" s="92"/>
      <c r="AV3974" s="92"/>
      <c r="AW3974" s="92"/>
      <c r="AX3974" s="92"/>
      <c r="AY3974" s="92"/>
      <c r="AZ3974" s="93"/>
      <c r="BA3974" s="93"/>
      <c r="BB3974" s="93"/>
      <c r="BC3974" s="93"/>
      <c r="BD3974" s="93"/>
      <c r="BE3974" s="93"/>
      <c r="BF3974" s="93"/>
      <c r="BG3974" s="93"/>
      <c r="BH3974" s="93"/>
      <c r="BI3974" s="93"/>
      <c r="BJ3974" s="93"/>
      <c r="BK3974" s="93"/>
      <c r="BL3974" s="93"/>
    </row>
    <row r="3975" spans="2:64" x14ac:dyDescent="0.2">
      <c r="B3975" s="43"/>
      <c r="C3975" s="73"/>
      <c r="D3975" s="64"/>
      <c r="E3975" s="55"/>
      <c r="F3975" s="74"/>
      <c r="G3975" s="74"/>
      <c r="H3975" s="74"/>
      <c r="I3975" s="75"/>
      <c r="J3975" s="74"/>
      <c r="L3975" s="55"/>
      <c r="M3975" s="234"/>
      <c r="N3975" s="65"/>
      <c r="O3975" s="76"/>
      <c r="P3975" s="76"/>
      <c r="Q3975" s="65"/>
      <c r="R3975" s="76"/>
      <c r="S3975" s="76"/>
      <c r="T3975" s="76"/>
      <c r="U3975" s="76"/>
      <c r="V3975" s="76"/>
      <c r="W3975" s="76"/>
      <c r="X3975" s="76"/>
      <c r="Y3975" s="76"/>
      <c r="Z3975" s="76"/>
      <c r="AA3975" s="85"/>
      <c r="AB3975" s="85"/>
      <c r="AC3975" s="85"/>
      <c r="AD3975" s="85"/>
      <c r="AE3975" s="85"/>
      <c r="AF3975" s="85"/>
      <c r="AG3975" s="86"/>
      <c r="AH3975" s="85"/>
      <c r="AI3975" s="85"/>
      <c r="AJ3975" s="85"/>
      <c r="AK3975" s="85"/>
      <c r="AL3975" s="85"/>
      <c r="AM3975" s="92"/>
      <c r="AN3975" s="92"/>
      <c r="AO3975" s="92"/>
      <c r="AP3975" s="92"/>
      <c r="AQ3975" s="92"/>
      <c r="AR3975" s="92"/>
      <c r="AS3975" s="92"/>
      <c r="AT3975" s="92"/>
      <c r="AU3975" s="92"/>
      <c r="AV3975" s="92"/>
      <c r="AW3975" s="92"/>
      <c r="AX3975" s="92"/>
      <c r="AY3975" s="92"/>
      <c r="AZ3975" s="93"/>
      <c r="BA3975" s="93"/>
      <c r="BB3975" s="93"/>
      <c r="BC3975" s="93"/>
      <c r="BD3975" s="93"/>
      <c r="BE3975" s="93"/>
      <c r="BF3975" s="93"/>
      <c r="BG3975" s="93"/>
      <c r="BH3975" s="93"/>
      <c r="BI3975" s="93"/>
      <c r="BJ3975" s="93"/>
      <c r="BK3975" s="93"/>
      <c r="BL3975" s="93"/>
    </row>
    <row r="3976" spans="2:64" x14ac:dyDescent="0.2">
      <c r="B3976" s="43"/>
      <c r="C3976" s="73"/>
      <c r="D3976" s="64"/>
      <c r="E3976" s="55"/>
      <c r="F3976" s="74"/>
      <c r="G3976" s="74"/>
      <c r="H3976" s="74"/>
      <c r="I3976" s="75"/>
      <c r="J3976" s="74"/>
      <c r="L3976" s="55"/>
      <c r="M3976" s="234"/>
      <c r="N3976" s="65"/>
      <c r="O3976" s="76"/>
      <c r="P3976" s="76"/>
      <c r="Q3976" s="65"/>
      <c r="R3976" s="76"/>
      <c r="S3976" s="76"/>
      <c r="T3976" s="76"/>
      <c r="U3976" s="76"/>
      <c r="V3976" s="76"/>
      <c r="W3976" s="76"/>
      <c r="X3976" s="76"/>
      <c r="Y3976" s="76"/>
      <c r="Z3976" s="76"/>
      <c r="AA3976" s="85"/>
      <c r="AB3976" s="85"/>
      <c r="AC3976" s="85"/>
      <c r="AD3976" s="85"/>
      <c r="AE3976" s="85"/>
      <c r="AF3976" s="85"/>
      <c r="AG3976" s="86"/>
      <c r="AH3976" s="85"/>
      <c r="AI3976" s="85"/>
      <c r="AJ3976" s="85"/>
      <c r="AK3976" s="85"/>
      <c r="AL3976" s="85"/>
      <c r="AM3976" s="92"/>
      <c r="AN3976" s="92"/>
      <c r="AO3976" s="92"/>
      <c r="AP3976" s="92"/>
      <c r="AQ3976" s="92"/>
      <c r="AR3976" s="92"/>
      <c r="AS3976" s="92"/>
      <c r="AT3976" s="92"/>
      <c r="AU3976" s="92"/>
      <c r="AV3976" s="92"/>
      <c r="AW3976" s="92"/>
      <c r="AX3976" s="92"/>
      <c r="AY3976" s="92"/>
      <c r="AZ3976" s="93"/>
      <c r="BA3976" s="93"/>
      <c r="BB3976" s="93"/>
      <c r="BC3976" s="93"/>
      <c r="BD3976" s="93"/>
      <c r="BE3976" s="93"/>
      <c r="BF3976" s="93"/>
      <c r="BG3976" s="93"/>
      <c r="BH3976" s="93"/>
      <c r="BI3976" s="93"/>
      <c r="BJ3976" s="93"/>
      <c r="BK3976" s="93"/>
      <c r="BL3976" s="93"/>
    </row>
    <row r="3977" spans="2:64" x14ac:dyDescent="0.2">
      <c r="B3977" s="43"/>
      <c r="C3977" s="73"/>
      <c r="D3977" s="64"/>
      <c r="E3977" s="55"/>
      <c r="F3977" s="74"/>
      <c r="G3977" s="74"/>
      <c r="H3977" s="74"/>
      <c r="I3977" s="75"/>
      <c r="J3977" s="74"/>
      <c r="L3977" s="55"/>
      <c r="M3977" s="234"/>
      <c r="N3977" s="65"/>
      <c r="O3977" s="76"/>
      <c r="P3977" s="76"/>
      <c r="Q3977" s="65"/>
      <c r="R3977" s="76"/>
      <c r="S3977" s="76"/>
      <c r="T3977" s="76"/>
      <c r="U3977" s="76"/>
      <c r="V3977" s="76"/>
      <c r="W3977" s="76"/>
      <c r="X3977" s="76"/>
      <c r="Y3977" s="76"/>
      <c r="Z3977" s="76"/>
      <c r="AA3977" s="85"/>
      <c r="AB3977" s="85"/>
      <c r="AC3977" s="85"/>
      <c r="AD3977" s="85"/>
      <c r="AE3977" s="85"/>
      <c r="AF3977" s="85"/>
      <c r="AG3977" s="86"/>
      <c r="AH3977" s="85"/>
      <c r="AI3977" s="85"/>
      <c r="AJ3977" s="85"/>
      <c r="AK3977" s="85"/>
      <c r="AL3977" s="85"/>
      <c r="AM3977" s="92"/>
      <c r="AN3977" s="92"/>
      <c r="AO3977" s="92"/>
      <c r="AP3977" s="92"/>
      <c r="AQ3977" s="92"/>
      <c r="AR3977" s="92"/>
      <c r="AS3977" s="92"/>
      <c r="AT3977" s="92"/>
      <c r="AU3977" s="92"/>
      <c r="AV3977" s="92"/>
      <c r="AW3977" s="92"/>
      <c r="AX3977" s="92"/>
      <c r="AY3977" s="92"/>
      <c r="AZ3977" s="93"/>
      <c r="BA3977" s="93"/>
      <c r="BB3977" s="93"/>
      <c r="BC3977" s="93"/>
      <c r="BD3977" s="93"/>
      <c r="BE3977" s="93"/>
      <c r="BF3977" s="93"/>
      <c r="BG3977" s="93"/>
      <c r="BH3977" s="93"/>
      <c r="BI3977" s="93"/>
      <c r="BJ3977" s="93"/>
      <c r="BK3977" s="93"/>
      <c r="BL3977" s="93"/>
    </row>
    <row r="3978" spans="2:64" x14ac:dyDescent="0.2">
      <c r="B3978" s="43"/>
      <c r="C3978" s="73"/>
      <c r="D3978" s="64"/>
      <c r="E3978" s="55"/>
      <c r="F3978" s="74"/>
      <c r="G3978" s="74"/>
      <c r="H3978" s="74"/>
      <c r="I3978" s="75"/>
      <c r="J3978" s="74"/>
      <c r="L3978" s="55"/>
      <c r="M3978" s="234"/>
      <c r="N3978" s="65"/>
      <c r="O3978" s="76"/>
      <c r="P3978" s="76"/>
      <c r="Q3978" s="65"/>
      <c r="R3978" s="76"/>
      <c r="S3978" s="76"/>
      <c r="T3978" s="76"/>
      <c r="U3978" s="76"/>
      <c r="V3978" s="76"/>
      <c r="W3978" s="76"/>
      <c r="X3978" s="76"/>
      <c r="Y3978" s="76"/>
      <c r="Z3978" s="76"/>
      <c r="AA3978" s="85"/>
      <c r="AB3978" s="85"/>
      <c r="AC3978" s="85"/>
      <c r="AD3978" s="85"/>
      <c r="AE3978" s="85"/>
      <c r="AF3978" s="85"/>
      <c r="AG3978" s="86"/>
      <c r="AH3978" s="85"/>
      <c r="AI3978" s="85"/>
      <c r="AJ3978" s="85"/>
      <c r="AK3978" s="85"/>
      <c r="AL3978" s="85"/>
      <c r="AM3978" s="92"/>
      <c r="AN3978" s="92"/>
      <c r="AO3978" s="92"/>
      <c r="AP3978" s="92"/>
      <c r="AQ3978" s="92"/>
      <c r="AR3978" s="92"/>
      <c r="AS3978" s="92"/>
      <c r="AT3978" s="92"/>
      <c r="AU3978" s="92"/>
      <c r="AV3978" s="92"/>
      <c r="AW3978" s="92"/>
      <c r="AX3978" s="92"/>
      <c r="AY3978" s="92"/>
      <c r="AZ3978" s="93"/>
      <c r="BA3978" s="93"/>
      <c r="BB3978" s="93"/>
      <c r="BC3978" s="93"/>
      <c r="BD3978" s="93"/>
      <c r="BE3978" s="93"/>
      <c r="BF3978" s="93"/>
      <c r="BG3978" s="93"/>
      <c r="BH3978" s="93"/>
      <c r="BI3978" s="93"/>
      <c r="BJ3978" s="93"/>
      <c r="BK3978" s="93"/>
      <c r="BL3978" s="93"/>
    </row>
    <row r="3979" spans="2:64" x14ac:dyDescent="0.2">
      <c r="B3979" s="43"/>
      <c r="C3979" s="73"/>
      <c r="D3979" s="64"/>
      <c r="E3979" s="55"/>
      <c r="F3979" s="74"/>
      <c r="G3979" s="74"/>
      <c r="H3979" s="74"/>
      <c r="I3979" s="75"/>
      <c r="J3979" s="74"/>
      <c r="L3979" s="55"/>
      <c r="M3979" s="234"/>
      <c r="N3979" s="65"/>
      <c r="O3979" s="76"/>
      <c r="P3979" s="76"/>
      <c r="Q3979" s="65"/>
      <c r="R3979" s="76"/>
      <c r="S3979" s="76"/>
      <c r="T3979" s="76"/>
      <c r="U3979" s="76"/>
      <c r="V3979" s="76"/>
      <c r="W3979" s="76"/>
      <c r="X3979" s="76"/>
      <c r="Y3979" s="76"/>
      <c r="Z3979" s="76"/>
      <c r="AA3979" s="85"/>
      <c r="AB3979" s="85"/>
      <c r="AC3979" s="85"/>
      <c r="AD3979" s="85"/>
      <c r="AE3979" s="85"/>
      <c r="AF3979" s="85"/>
      <c r="AG3979" s="86"/>
      <c r="AH3979" s="85"/>
      <c r="AI3979" s="85"/>
      <c r="AJ3979" s="85"/>
      <c r="AK3979" s="85"/>
      <c r="AL3979" s="85"/>
      <c r="AM3979" s="92"/>
      <c r="AN3979" s="92"/>
      <c r="AO3979" s="92"/>
      <c r="AP3979" s="92"/>
      <c r="AQ3979" s="92"/>
      <c r="AR3979" s="92"/>
      <c r="AS3979" s="92"/>
      <c r="AT3979" s="92"/>
      <c r="AU3979" s="92"/>
      <c r="AV3979" s="92"/>
      <c r="AW3979" s="92"/>
      <c r="AX3979" s="92"/>
      <c r="AY3979" s="92"/>
      <c r="AZ3979" s="93"/>
      <c r="BA3979" s="93"/>
      <c r="BB3979" s="93"/>
      <c r="BC3979" s="93"/>
      <c r="BD3979" s="93"/>
      <c r="BE3979" s="93"/>
      <c r="BF3979" s="93"/>
      <c r="BG3979" s="93"/>
      <c r="BH3979" s="93"/>
      <c r="BI3979" s="93"/>
      <c r="BJ3979" s="93"/>
      <c r="BK3979" s="93"/>
      <c r="BL3979" s="93"/>
    </row>
    <row r="3980" spans="2:64" x14ac:dyDescent="0.2">
      <c r="B3980" s="43"/>
      <c r="C3980" s="73"/>
      <c r="D3980" s="64"/>
      <c r="E3980" s="55"/>
      <c r="F3980" s="74"/>
      <c r="G3980" s="74"/>
      <c r="H3980" s="74"/>
      <c r="I3980" s="75"/>
      <c r="J3980" s="74"/>
      <c r="L3980" s="55"/>
      <c r="M3980" s="234"/>
      <c r="N3980" s="65"/>
      <c r="O3980" s="76"/>
      <c r="P3980" s="76"/>
      <c r="Q3980" s="65"/>
      <c r="R3980" s="76"/>
      <c r="S3980" s="76"/>
      <c r="T3980" s="76"/>
      <c r="U3980" s="76"/>
      <c r="V3980" s="76"/>
      <c r="W3980" s="76"/>
      <c r="X3980" s="76"/>
      <c r="Y3980" s="76"/>
      <c r="Z3980" s="76"/>
      <c r="AA3980" s="85"/>
      <c r="AB3980" s="85"/>
      <c r="AC3980" s="85"/>
      <c r="AD3980" s="85"/>
      <c r="AE3980" s="85"/>
      <c r="AF3980" s="85"/>
      <c r="AG3980" s="86"/>
      <c r="AH3980" s="85"/>
      <c r="AI3980" s="85"/>
      <c r="AJ3980" s="85"/>
      <c r="AK3980" s="85"/>
      <c r="AL3980" s="85"/>
      <c r="AM3980" s="92"/>
      <c r="AN3980" s="92"/>
      <c r="AO3980" s="92"/>
      <c r="AP3980" s="92"/>
      <c r="AQ3980" s="92"/>
      <c r="AR3980" s="92"/>
      <c r="AS3980" s="92"/>
      <c r="AT3980" s="92"/>
      <c r="AU3980" s="92"/>
      <c r="AV3980" s="92"/>
      <c r="AW3980" s="92"/>
      <c r="AX3980" s="92"/>
      <c r="AY3980" s="92"/>
      <c r="AZ3980" s="93"/>
      <c r="BA3980" s="93"/>
      <c r="BB3980" s="93"/>
      <c r="BC3980" s="93"/>
      <c r="BD3980" s="93"/>
      <c r="BE3980" s="93"/>
      <c r="BF3980" s="93"/>
      <c r="BG3980" s="93"/>
      <c r="BH3980" s="93"/>
      <c r="BI3980" s="93"/>
      <c r="BJ3980" s="93"/>
      <c r="BK3980" s="93"/>
      <c r="BL3980" s="93"/>
    </row>
    <row r="3981" spans="2:64" x14ac:dyDescent="0.2">
      <c r="B3981" s="43"/>
      <c r="C3981" s="73"/>
      <c r="D3981" s="64"/>
      <c r="E3981" s="55"/>
      <c r="F3981" s="74"/>
      <c r="G3981" s="74"/>
      <c r="H3981" s="74"/>
      <c r="I3981" s="75"/>
      <c r="J3981" s="74"/>
      <c r="L3981" s="55"/>
      <c r="M3981" s="234"/>
      <c r="N3981" s="65"/>
      <c r="O3981" s="76"/>
      <c r="P3981" s="76"/>
      <c r="Q3981" s="65"/>
      <c r="R3981" s="76"/>
      <c r="S3981" s="76"/>
      <c r="T3981" s="76"/>
      <c r="U3981" s="76"/>
      <c r="V3981" s="76"/>
      <c r="W3981" s="76"/>
      <c r="X3981" s="76"/>
      <c r="Y3981" s="76"/>
      <c r="Z3981" s="76"/>
      <c r="AA3981" s="85"/>
      <c r="AB3981" s="85"/>
      <c r="AC3981" s="85"/>
      <c r="AD3981" s="85"/>
      <c r="AE3981" s="85"/>
      <c r="AF3981" s="85"/>
      <c r="AG3981" s="86"/>
      <c r="AH3981" s="85"/>
      <c r="AI3981" s="85"/>
      <c r="AJ3981" s="85"/>
      <c r="AK3981" s="85"/>
      <c r="AL3981" s="85"/>
      <c r="AM3981" s="92"/>
      <c r="AN3981" s="92"/>
      <c r="AO3981" s="92"/>
      <c r="AP3981" s="92"/>
      <c r="AQ3981" s="92"/>
      <c r="AR3981" s="92"/>
      <c r="AS3981" s="92"/>
      <c r="AT3981" s="92"/>
      <c r="AU3981" s="92"/>
      <c r="AV3981" s="92"/>
      <c r="AW3981" s="92"/>
      <c r="AX3981" s="92"/>
      <c r="AY3981" s="92"/>
      <c r="AZ3981" s="93"/>
      <c r="BA3981" s="93"/>
      <c r="BB3981" s="93"/>
      <c r="BC3981" s="93"/>
      <c r="BD3981" s="93"/>
      <c r="BE3981" s="93"/>
      <c r="BF3981" s="93"/>
      <c r="BG3981" s="93"/>
      <c r="BH3981" s="93"/>
      <c r="BI3981" s="93"/>
      <c r="BJ3981" s="93"/>
      <c r="BK3981" s="93"/>
      <c r="BL3981" s="93"/>
    </row>
    <row r="3982" spans="2:64" x14ac:dyDescent="0.2">
      <c r="B3982" s="43"/>
      <c r="C3982" s="73"/>
      <c r="D3982" s="64"/>
      <c r="E3982" s="55"/>
      <c r="F3982" s="74"/>
      <c r="G3982" s="74"/>
      <c r="H3982" s="74"/>
      <c r="I3982" s="75"/>
      <c r="J3982" s="74"/>
      <c r="L3982" s="55"/>
      <c r="M3982" s="234"/>
      <c r="N3982" s="65"/>
      <c r="O3982" s="76"/>
      <c r="P3982" s="76"/>
      <c r="Q3982" s="65"/>
      <c r="R3982" s="76"/>
      <c r="S3982" s="76"/>
      <c r="T3982" s="76"/>
      <c r="U3982" s="76"/>
      <c r="V3982" s="76"/>
      <c r="W3982" s="76"/>
      <c r="X3982" s="76"/>
      <c r="Y3982" s="76"/>
      <c r="Z3982" s="76"/>
      <c r="AA3982" s="85"/>
      <c r="AB3982" s="85"/>
      <c r="AC3982" s="85"/>
      <c r="AD3982" s="85"/>
      <c r="AE3982" s="85"/>
      <c r="AF3982" s="85"/>
      <c r="AG3982" s="86"/>
      <c r="AH3982" s="85"/>
      <c r="AI3982" s="85"/>
      <c r="AJ3982" s="85"/>
      <c r="AK3982" s="85"/>
      <c r="AL3982" s="85"/>
      <c r="AM3982" s="92"/>
      <c r="AN3982" s="92"/>
      <c r="AO3982" s="92"/>
      <c r="AP3982" s="92"/>
      <c r="AQ3982" s="92"/>
      <c r="AR3982" s="92"/>
      <c r="AS3982" s="92"/>
      <c r="AT3982" s="92"/>
      <c r="AU3982" s="92"/>
      <c r="AV3982" s="92"/>
      <c r="AW3982" s="92"/>
      <c r="AX3982" s="92"/>
      <c r="AY3982" s="92"/>
      <c r="AZ3982" s="93"/>
      <c r="BA3982" s="93"/>
      <c r="BB3982" s="93"/>
      <c r="BC3982" s="93"/>
      <c r="BD3982" s="93"/>
      <c r="BE3982" s="93"/>
      <c r="BF3982" s="93"/>
      <c r="BG3982" s="93"/>
      <c r="BH3982" s="93"/>
      <c r="BI3982" s="93"/>
      <c r="BJ3982" s="93"/>
      <c r="BK3982" s="93"/>
      <c r="BL3982" s="93"/>
    </row>
    <row r="3983" spans="2:64" x14ac:dyDescent="0.2">
      <c r="B3983" s="43"/>
      <c r="C3983" s="73"/>
      <c r="D3983" s="64"/>
      <c r="E3983" s="55"/>
      <c r="F3983" s="74"/>
      <c r="G3983" s="74"/>
      <c r="H3983" s="74"/>
      <c r="I3983" s="75"/>
      <c r="J3983" s="74"/>
      <c r="L3983" s="55"/>
      <c r="M3983" s="234"/>
      <c r="N3983" s="65"/>
      <c r="O3983" s="76"/>
      <c r="P3983" s="76"/>
      <c r="Q3983" s="65"/>
      <c r="R3983" s="76"/>
      <c r="S3983" s="76"/>
      <c r="T3983" s="76"/>
      <c r="U3983" s="76"/>
      <c r="V3983" s="76"/>
      <c r="W3983" s="76"/>
      <c r="X3983" s="76"/>
      <c r="Y3983" s="76"/>
      <c r="Z3983" s="76"/>
      <c r="AA3983" s="85"/>
      <c r="AB3983" s="85"/>
      <c r="AC3983" s="85"/>
      <c r="AD3983" s="85"/>
      <c r="AE3983" s="85"/>
      <c r="AF3983" s="85"/>
      <c r="AG3983" s="86"/>
      <c r="AH3983" s="85"/>
      <c r="AI3983" s="85"/>
      <c r="AJ3983" s="85"/>
      <c r="AK3983" s="85"/>
      <c r="AL3983" s="85"/>
      <c r="AM3983" s="92"/>
      <c r="AN3983" s="92"/>
      <c r="AO3983" s="92"/>
      <c r="AP3983" s="92"/>
      <c r="AQ3983" s="92"/>
      <c r="AR3983" s="92"/>
      <c r="AS3983" s="92"/>
      <c r="AT3983" s="92"/>
      <c r="AU3983" s="92"/>
      <c r="AV3983" s="92"/>
      <c r="AW3983" s="92"/>
      <c r="AX3983" s="92"/>
      <c r="AY3983" s="92"/>
      <c r="AZ3983" s="93"/>
      <c r="BA3983" s="93"/>
      <c r="BB3983" s="93"/>
      <c r="BC3983" s="93"/>
      <c r="BD3983" s="93"/>
      <c r="BE3983" s="93"/>
      <c r="BF3983" s="93"/>
      <c r="BG3983" s="93"/>
      <c r="BH3983" s="93"/>
      <c r="BI3983" s="93"/>
      <c r="BJ3983" s="93"/>
      <c r="BK3983" s="93"/>
      <c r="BL3983" s="93"/>
    </row>
    <row r="3984" spans="2:64" x14ac:dyDescent="0.2">
      <c r="B3984" s="43"/>
      <c r="C3984" s="73"/>
      <c r="D3984" s="64"/>
      <c r="E3984" s="55"/>
      <c r="F3984" s="74"/>
      <c r="G3984" s="74"/>
      <c r="H3984" s="74"/>
      <c r="I3984" s="75"/>
      <c r="J3984" s="74"/>
      <c r="L3984" s="55"/>
      <c r="M3984" s="234"/>
      <c r="N3984" s="65"/>
      <c r="O3984" s="76"/>
      <c r="P3984" s="76"/>
      <c r="Q3984" s="65"/>
      <c r="R3984" s="76"/>
      <c r="S3984" s="76"/>
      <c r="T3984" s="76"/>
      <c r="U3984" s="76"/>
      <c r="V3984" s="76"/>
      <c r="W3984" s="76"/>
      <c r="X3984" s="76"/>
      <c r="Y3984" s="76"/>
      <c r="Z3984" s="76"/>
      <c r="AA3984" s="85"/>
      <c r="AB3984" s="85"/>
      <c r="AC3984" s="85"/>
      <c r="AD3984" s="85"/>
      <c r="AE3984" s="85"/>
      <c r="AF3984" s="85"/>
      <c r="AG3984" s="86"/>
      <c r="AH3984" s="85"/>
      <c r="AI3984" s="85"/>
      <c r="AJ3984" s="85"/>
      <c r="AK3984" s="85"/>
      <c r="AL3984" s="85"/>
      <c r="AM3984" s="92"/>
      <c r="AN3984" s="92"/>
      <c r="AO3984" s="92"/>
      <c r="AP3984" s="92"/>
      <c r="AQ3984" s="92"/>
      <c r="AR3984" s="92"/>
      <c r="AS3984" s="92"/>
      <c r="AT3984" s="92"/>
      <c r="AU3984" s="92"/>
      <c r="AV3984" s="92"/>
      <c r="AW3984" s="92"/>
      <c r="AX3984" s="92"/>
      <c r="AY3984" s="92"/>
      <c r="AZ3984" s="93"/>
      <c r="BA3984" s="93"/>
      <c r="BB3984" s="93"/>
      <c r="BC3984" s="93"/>
      <c r="BD3984" s="93"/>
      <c r="BE3984" s="93"/>
      <c r="BF3984" s="93"/>
      <c r="BG3984" s="93"/>
      <c r="BH3984" s="93"/>
      <c r="BI3984" s="93"/>
      <c r="BJ3984" s="93"/>
      <c r="BK3984" s="93"/>
      <c r="BL3984" s="93"/>
    </row>
    <row r="3985" spans="2:64" x14ac:dyDescent="0.2">
      <c r="B3985" s="43"/>
      <c r="C3985" s="73"/>
      <c r="D3985" s="64"/>
      <c r="E3985" s="55"/>
      <c r="F3985" s="74"/>
      <c r="G3985" s="74"/>
      <c r="H3985" s="74"/>
      <c r="I3985" s="75"/>
      <c r="J3985" s="74"/>
      <c r="L3985" s="55"/>
      <c r="M3985" s="234"/>
      <c r="N3985" s="65"/>
      <c r="O3985" s="76"/>
      <c r="P3985" s="76"/>
      <c r="Q3985" s="65"/>
      <c r="R3985" s="76"/>
      <c r="S3985" s="76"/>
      <c r="T3985" s="76"/>
      <c r="U3985" s="76"/>
      <c r="V3985" s="76"/>
      <c r="W3985" s="76"/>
      <c r="X3985" s="76"/>
      <c r="Y3985" s="76"/>
      <c r="Z3985" s="76"/>
      <c r="AA3985" s="85"/>
      <c r="AB3985" s="85"/>
      <c r="AC3985" s="85"/>
      <c r="AD3985" s="85"/>
      <c r="AE3985" s="85"/>
      <c r="AF3985" s="85"/>
      <c r="AG3985" s="86"/>
      <c r="AH3985" s="85"/>
      <c r="AI3985" s="85"/>
      <c r="AJ3985" s="85"/>
      <c r="AK3985" s="85"/>
      <c r="AL3985" s="85"/>
      <c r="AM3985" s="92"/>
      <c r="AN3985" s="92"/>
      <c r="AO3985" s="92"/>
      <c r="AP3985" s="92"/>
      <c r="AQ3985" s="92"/>
      <c r="AR3985" s="92"/>
      <c r="AS3985" s="92"/>
      <c r="AT3985" s="92"/>
      <c r="AU3985" s="92"/>
      <c r="AV3985" s="92"/>
      <c r="AW3985" s="92"/>
      <c r="AX3985" s="92"/>
      <c r="AY3985" s="92"/>
      <c r="AZ3985" s="93"/>
      <c r="BA3985" s="93"/>
      <c r="BB3985" s="93"/>
      <c r="BC3985" s="93"/>
      <c r="BD3985" s="93"/>
      <c r="BE3985" s="93"/>
      <c r="BF3985" s="93"/>
      <c r="BG3985" s="93"/>
      <c r="BH3985" s="93"/>
      <c r="BI3985" s="93"/>
      <c r="BJ3985" s="93"/>
      <c r="BK3985" s="93"/>
      <c r="BL3985" s="93"/>
    </row>
    <row r="3986" spans="2:64" x14ac:dyDescent="0.2">
      <c r="B3986" s="43"/>
      <c r="C3986" s="73"/>
      <c r="D3986" s="64"/>
      <c r="E3986" s="55"/>
      <c r="F3986" s="74"/>
      <c r="G3986" s="74"/>
      <c r="H3986" s="74"/>
      <c r="I3986" s="75"/>
      <c r="J3986" s="74"/>
      <c r="L3986" s="55"/>
      <c r="M3986" s="234"/>
      <c r="N3986" s="65"/>
      <c r="O3986" s="76"/>
      <c r="P3986" s="76"/>
      <c r="Q3986" s="65"/>
      <c r="R3986" s="76"/>
      <c r="S3986" s="76"/>
      <c r="T3986" s="76"/>
      <c r="U3986" s="76"/>
      <c r="V3986" s="76"/>
      <c r="W3986" s="76"/>
      <c r="X3986" s="76"/>
      <c r="Y3986" s="76"/>
      <c r="Z3986" s="76"/>
      <c r="AA3986" s="85"/>
      <c r="AB3986" s="85"/>
      <c r="AC3986" s="85"/>
      <c r="AD3986" s="85"/>
      <c r="AE3986" s="85"/>
      <c r="AF3986" s="85"/>
      <c r="AG3986" s="86"/>
      <c r="AH3986" s="85"/>
      <c r="AI3986" s="85"/>
      <c r="AJ3986" s="85"/>
      <c r="AK3986" s="85"/>
      <c r="AL3986" s="85"/>
      <c r="AM3986" s="92"/>
      <c r="AN3986" s="92"/>
      <c r="AO3986" s="92"/>
      <c r="AP3986" s="92"/>
      <c r="AQ3986" s="92"/>
      <c r="AR3986" s="92"/>
      <c r="AS3986" s="92"/>
      <c r="AT3986" s="92"/>
      <c r="AU3986" s="92"/>
      <c r="AV3986" s="92"/>
      <c r="AW3986" s="92"/>
      <c r="AX3986" s="92"/>
      <c r="AY3986" s="92"/>
      <c r="AZ3986" s="93"/>
      <c r="BA3986" s="93"/>
      <c r="BB3986" s="93"/>
      <c r="BC3986" s="93"/>
      <c r="BD3986" s="93"/>
      <c r="BE3986" s="93"/>
      <c r="BF3986" s="93"/>
      <c r="BG3986" s="93"/>
      <c r="BH3986" s="93"/>
      <c r="BI3986" s="93"/>
      <c r="BJ3986" s="93"/>
      <c r="BK3986" s="93"/>
      <c r="BL3986" s="93"/>
    </row>
    <row r="3987" spans="2:64" x14ac:dyDescent="0.2">
      <c r="B3987" s="43"/>
      <c r="C3987" s="73"/>
      <c r="D3987" s="64"/>
      <c r="E3987" s="55"/>
      <c r="F3987" s="74"/>
      <c r="G3987" s="74"/>
      <c r="H3987" s="74"/>
      <c r="I3987" s="75"/>
      <c r="J3987" s="74"/>
      <c r="L3987" s="55"/>
      <c r="M3987" s="234"/>
      <c r="N3987" s="65"/>
      <c r="O3987" s="76"/>
      <c r="P3987" s="76"/>
      <c r="Q3987" s="65"/>
      <c r="R3987" s="76"/>
      <c r="S3987" s="76"/>
      <c r="T3987" s="76"/>
      <c r="U3987" s="76"/>
      <c r="V3987" s="76"/>
      <c r="W3987" s="76"/>
      <c r="X3987" s="76"/>
      <c r="Y3987" s="76"/>
      <c r="Z3987" s="76"/>
      <c r="AA3987" s="85"/>
      <c r="AB3987" s="85"/>
      <c r="AC3987" s="85"/>
      <c r="AD3987" s="85"/>
      <c r="AE3987" s="85"/>
      <c r="AF3987" s="85"/>
      <c r="AG3987" s="86"/>
      <c r="AH3987" s="85"/>
      <c r="AI3987" s="85"/>
      <c r="AJ3987" s="85"/>
      <c r="AK3987" s="85"/>
      <c r="AL3987" s="85"/>
      <c r="AM3987" s="92"/>
      <c r="AN3987" s="92"/>
      <c r="AO3987" s="92"/>
      <c r="AP3987" s="92"/>
      <c r="AQ3987" s="92"/>
      <c r="AR3987" s="92"/>
      <c r="AS3987" s="92"/>
      <c r="AT3987" s="92"/>
      <c r="AU3987" s="92"/>
      <c r="AV3987" s="92"/>
      <c r="AW3987" s="92"/>
      <c r="AX3987" s="92"/>
      <c r="AY3987" s="92"/>
      <c r="AZ3987" s="93"/>
      <c r="BA3987" s="93"/>
      <c r="BB3987" s="93"/>
      <c r="BC3987" s="93"/>
      <c r="BD3987" s="93"/>
      <c r="BE3987" s="93"/>
      <c r="BF3987" s="93"/>
      <c r="BG3987" s="93"/>
      <c r="BH3987" s="93"/>
      <c r="BI3987" s="93"/>
      <c r="BJ3987" s="93"/>
      <c r="BK3987" s="93"/>
      <c r="BL3987" s="93"/>
    </row>
    <row r="3988" spans="2:64" x14ac:dyDescent="0.2">
      <c r="B3988" s="43"/>
      <c r="C3988" s="73"/>
      <c r="D3988" s="64"/>
      <c r="E3988" s="55"/>
      <c r="F3988" s="74"/>
      <c r="G3988" s="74"/>
      <c r="H3988" s="74"/>
      <c r="I3988" s="75"/>
      <c r="J3988" s="74"/>
      <c r="L3988" s="55"/>
      <c r="M3988" s="234"/>
      <c r="N3988" s="65"/>
      <c r="O3988" s="76"/>
      <c r="P3988" s="76"/>
      <c r="Q3988" s="65"/>
      <c r="R3988" s="76"/>
      <c r="S3988" s="76"/>
      <c r="T3988" s="76"/>
      <c r="U3988" s="76"/>
      <c r="V3988" s="76"/>
      <c r="W3988" s="76"/>
      <c r="X3988" s="76"/>
      <c r="Y3988" s="76"/>
      <c r="Z3988" s="76"/>
      <c r="AA3988" s="85"/>
      <c r="AB3988" s="85"/>
      <c r="AC3988" s="85"/>
      <c r="AD3988" s="85"/>
      <c r="AE3988" s="85"/>
      <c r="AF3988" s="85"/>
      <c r="AG3988" s="86"/>
      <c r="AH3988" s="85"/>
      <c r="AI3988" s="85"/>
      <c r="AJ3988" s="85"/>
      <c r="AK3988" s="85"/>
      <c r="AL3988" s="85"/>
      <c r="AM3988" s="92"/>
      <c r="AN3988" s="92"/>
      <c r="AO3988" s="92"/>
      <c r="AP3988" s="92"/>
      <c r="AQ3988" s="92"/>
      <c r="AR3988" s="92"/>
      <c r="AS3988" s="92"/>
      <c r="AT3988" s="92"/>
      <c r="AU3988" s="92"/>
      <c r="AV3988" s="92"/>
      <c r="AW3988" s="92"/>
      <c r="AX3988" s="92"/>
      <c r="AY3988" s="92"/>
      <c r="AZ3988" s="93"/>
      <c r="BA3988" s="93"/>
      <c r="BB3988" s="93"/>
      <c r="BC3988" s="93"/>
      <c r="BD3988" s="93"/>
      <c r="BE3988" s="93"/>
      <c r="BF3988" s="93"/>
      <c r="BG3988" s="93"/>
      <c r="BH3988" s="93"/>
      <c r="BI3988" s="93"/>
      <c r="BJ3988" s="93"/>
      <c r="BK3988" s="93"/>
      <c r="BL3988" s="93"/>
    </row>
    <row r="3989" spans="2:64" x14ac:dyDescent="0.2">
      <c r="B3989" s="43"/>
      <c r="C3989" s="73"/>
      <c r="D3989" s="64"/>
      <c r="E3989" s="55"/>
      <c r="F3989" s="74"/>
      <c r="G3989" s="74"/>
      <c r="H3989" s="74"/>
      <c r="I3989" s="75"/>
      <c r="J3989" s="74"/>
      <c r="L3989" s="55"/>
      <c r="M3989" s="234"/>
      <c r="N3989" s="65"/>
      <c r="O3989" s="76"/>
      <c r="P3989" s="76"/>
      <c r="Q3989" s="65"/>
      <c r="R3989" s="76"/>
      <c r="S3989" s="76"/>
      <c r="T3989" s="76"/>
      <c r="U3989" s="76"/>
      <c r="V3989" s="76"/>
      <c r="W3989" s="76"/>
      <c r="X3989" s="76"/>
      <c r="Y3989" s="76"/>
      <c r="Z3989" s="76"/>
      <c r="AA3989" s="85"/>
      <c r="AB3989" s="85"/>
      <c r="AC3989" s="85"/>
      <c r="AD3989" s="85"/>
      <c r="AE3989" s="85"/>
      <c r="AF3989" s="85"/>
      <c r="AG3989" s="86"/>
      <c r="AH3989" s="85"/>
      <c r="AI3989" s="85"/>
      <c r="AJ3989" s="85"/>
      <c r="AK3989" s="85"/>
      <c r="AL3989" s="85"/>
      <c r="AM3989" s="92"/>
      <c r="AN3989" s="92"/>
      <c r="AO3989" s="92"/>
      <c r="AP3989" s="92"/>
      <c r="AQ3989" s="92"/>
      <c r="AR3989" s="92"/>
      <c r="AS3989" s="92"/>
      <c r="AT3989" s="92"/>
      <c r="AU3989" s="92"/>
      <c r="AV3989" s="92"/>
      <c r="AW3989" s="92"/>
      <c r="AX3989" s="92"/>
      <c r="AY3989" s="92"/>
      <c r="AZ3989" s="93"/>
      <c r="BA3989" s="93"/>
      <c r="BB3989" s="93"/>
      <c r="BC3989" s="93"/>
      <c r="BD3989" s="93"/>
      <c r="BE3989" s="93"/>
      <c r="BF3989" s="93"/>
      <c r="BG3989" s="93"/>
      <c r="BH3989" s="93"/>
      <c r="BI3989" s="93"/>
      <c r="BJ3989" s="93"/>
      <c r="BK3989" s="93"/>
      <c r="BL3989" s="93"/>
    </row>
    <row r="3990" spans="2:64" x14ac:dyDescent="0.2">
      <c r="B3990" s="43"/>
      <c r="C3990" s="73"/>
      <c r="D3990" s="64"/>
      <c r="E3990" s="55"/>
      <c r="F3990" s="74"/>
      <c r="G3990" s="74"/>
      <c r="H3990" s="74"/>
      <c r="I3990" s="75"/>
      <c r="J3990" s="74"/>
      <c r="L3990" s="55"/>
      <c r="M3990" s="234"/>
      <c r="N3990" s="65"/>
      <c r="O3990" s="76"/>
      <c r="P3990" s="76"/>
      <c r="Q3990" s="65"/>
      <c r="R3990" s="76"/>
      <c r="S3990" s="76"/>
      <c r="T3990" s="76"/>
      <c r="U3990" s="76"/>
      <c r="V3990" s="76"/>
      <c r="W3990" s="76"/>
      <c r="X3990" s="76"/>
      <c r="Y3990" s="76"/>
      <c r="Z3990" s="76"/>
      <c r="AA3990" s="85"/>
      <c r="AB3990" s="85"/>
      <c r="AC3990" s="85"/>
      <c r="AD3990" s="85"/>
      <c r="AE3990" s="85"/>
      <c r="AF3990" s="85"/>
      <c r="AG3990" s="86"/>
      <c r="AH3990" s="85"/>
      <c r="AI3990" s="85"/>
      <c r="AJ3990" s="85"/>
      <c r="AK3990" s="85"/>
      <c r="AL3990" s="85"/>
      <c r="AM3990" s="92"/>
      <c r="AN3990" s="92"/>
      <c r="AO3990" s="92"/>
      <c r="AP3990" s="92"/>
      <c r="AQ3990" s="92"/>
      <c r="AR3990" s="92"/>
      <c r="AS3990" s="92"/>
      <c r="AT3990" s="92"/>
      <c r="AU3990" s="92"/>
      <c r="AV3990" s="92"/>
      <c r="AW3990" s="92"/>
      <c r="AX3990" s="92"/>
      <c r="AY3990" s="92"/>
      <c r="AZ3990" s="93"/>
      <c r="BA3990" s="93"/>
      <c r="BB3990" s="93"/>
      <c r="BC3990" s="93"/>
      <c r="BD3990" s="93"/>
      <c r="BE3990" s="93"/>
      <c r="BF3990" s="93"/>
      <c r="BG3990" s="93"/>
      <c r="BH3990" s="93"/>
      <c r="BI3990" s="93"/>
      <c r="BJ3990" s="93"/>
      <c r="BK3990" s="93"/>
      <c r="BL3990" s="93"/>
    </row>
    <row r="3991" spans="2:64" x14ac:dyDescent="0.2">
      <c r="B3991" s="43"/>
      <c r="C3991" s="73"/>
      <c r="D3991" s="64"/>
      <c r="E3991" s="55"/>
      <c r="F3991" s="74"/>
      <c r="G3991" s="74"/>
      <c r="H3991" s="74"/>
      <c r="I3991" s="75"/>
      <c r="J3991" s="74"/>
      <c r="L3991" s="55"/>
      <c r="M3991" s="234"/>
      <c r="N3991" s="65"/>
      <c r="O3991" s="76"/>
      <c r="P3991" s="76"/>
      <c r="Q3991" s="65"/>
      <c r="R3991" s="76"/>
      <c r="S3991" s="76"/>
      <c r="T3991" s="76"/>
      <c r="U3991" s="76"/>
      <c r="V3991" s="76"/>
      <c r="W3991" s="76"/>
      <c r="X3991" s="76"/>
      <c r="Y3991" s="76"/>
      <c r="Z3991" s="76"/>
      <c r="AA3991" s="85"/>
      <c r="AB3991" s="85"/>
      <c r="AC3991" s="85"/>
      <c r="AD3991" s="85"/>
      <c r="AE3991" s="85"/>
      <c r="AF3991" s="85"/>
      <c r="AG3991" s="86"/>
      <c r="AH3991" s="85"/>
      <c r="AI3991" s="85"/>
      <c r="AJ3991" s="85"/>
      <c r="AK3991" s="85"/>
      <c r="AL3991" s="85"/>
      <c r="AM3991" s="92"/>
      <c r="AN3991" s="92"/>
      <c r="AO3991" s="92"/>
      <c r="AP3991" s="92"/>
      <c r="AQ3991" s="92"/>
      <c r="AR3991" s="92"/>
      <c r="AS3991" s="92"/>
      <c r="AT3991" s="92"/>
      <c r="AU3991" s="92"/>
      <c r="AV3991" s="92"/>
      <c r="AW3991" s="92"/>
      <c r="AX3991" s="92"/>
      <c r="AY3991" s="92"/>
      <c r="AZ3991" s="93"/>
      <c r="BA3991" s="93"/>
      <c r="BB3991" s="93"/>
      <c r="BC3991" s="93"/>
      <c r="BD3991" s="93"/>
      <c r="BE3991" s="93"/>
      <c r="BF3991" s="93"/>
      <c r="BG3991" s="93"/>
      <c r="BH3991" s="93"/>
      <c r="BI3991" s="93"/>
      <c r="BJ3991" s="93"/>
      <c r="BK3991" s="93"/>
      <c r="BL3991" s="93"/>
    </row>
    <row r="3992" spans="2:64" x14ac:dyDescent="0.2">
      <c r="B3992" s="43"/>
      <c r="C3992" s="73"/>
      <c r="D3992" s="64"/>
      <c r="E3992" s="55"/>
      <c r="F3992" s="74"/>
      <c r="G3992" s="74"/>
      <c r="H3992" s="74"/>
      <c r="I3992" s="75"/>
      <c r="J3992" s="74"/>
      <c r="L3992" s="55"/>
      <c r="M3992" s="234"/>
      <c r="N3992" s="65"/>
      <c r="O3992" s="76"/>
      <c r="P3992" s="76"/>
      <c r="Q3992" s="65"/>
      <c r="R3992" s="76"/>
      <c r="S3992" s="76"/>
      <c r="T3992" s="76"/>
      <c r="U3992" s="76"/>
      <c r="V3992" s="76"/>
      <c r="W3992" s="76"/>
      <c r="X3992" s="76"/>
      <c r="Y3992" s="76"/>
      <c r="Z3992" s="76"/>
      <c r="AA3992" s="85"/>
      <c r="AB3992" s="85"/>
      <c r="AC3992" s="85"/>
      <c r="AD3992" s="85"/>
      <c r="AE3992" s="85"/>
      <c r="AF3992" s="85"/>
      <c r="AG3992" s="86"/>
      <c r="AH3992" s="85"/>
      <c r="AI3992" s="85"/>
      <c r="AJ3992" s="85"/>
      <c r="AK3992" s="85"/>
      <c r="AL3992" s="85"/>
      <c r="AM3992" s="92"/>
      <c r="AN3992" s="92"/>
      <c r="AO3992" s="92"/>
      <c r="AP3992" s="92"/>
      <c r="AQ3992" s="92"/>
      <c r="AR3992" s="92"/>
      <c r="AS3992" s="92"/>
      <c r="AT3992" s="92"/>
      <c r="AU3992" s="92"/>
      <c r="AV3992" s="92"/>
      <c r="AW3992" s="92"/>
      <c r="AX3992" s="92"/>
      <c r="AY3992" s="92"/>
      <c r="AZ3992" s="93"/>
      <c r="BA3992" s="93"/>
      <c r="BB3992" s="93"/>
      <c r="BC3992" s="93"/>
      <c r="BD3992" s="93"/>
      <c r="BE3992" s="93"/>
      <c r="BF3992" s="93"/>
      <c r="BG3992" s="93"/>
      <c r="BH3992" s="93"/>
      <c r="BI3992" s="93"/>
      <c r="BJ3992" s="93"/>
      <c r="BK3992" s="93"/>
      <c r="BL3992" s="93"/>
    </row>
    <row r="3993" spans="2:64" x14ac:dyDescent="0.2">
      <c r="B3993" s="43"/>
      <c r="C3993" s="73"/>
      <c r="D3993" s="64"/>
      <c r="E3993" s="55"/>
      <c r="F3993" s="74"/>
      <c r="G3993" s="74"/>
      <c r="H3993" s="74"/>
      <c r="I3993" s="75"/>
      <c r="J3993" s="74"/>
      <c r="L3993" s="55"/>
      <c r="M3993" s="234"/>
      <c r="N3993" s="65"/>
      <c r="O3993" s="76"/>
      <c r="P3993" s="76"/>
      <c r="Q3993" s="65"/>
      <c r="R3993" s="76"/>
      <c r="S3993" s="76"/>
      <c r="T3993" s="76"/>
      <c r="U3993" s="76"/>
      <c r="V3993" s="76"/>
      <c r="W3993" s="76"/>
      <c r="X3993" s="76"/>
      <c r="Y3993" s="76"/>
      <c r="Z3993" s="76"/>
      <c r="AA3993" s="85"/>
      <c r="AB3993" s="85"/>
      <c r="AC3993" s="85"/>
      <c r="AD3993" s="85"/>
      <c r="AE3993" s="85"/>
      <c r="AF3993" s="85"/>
      <c r="AG3993" s="86"/>
      <c r="AH3993" s="85"/>
      <c r="AI3993" s="85"/>
      <c r="AJ3993" s="85"/>
      <c r="AK3993" s="85"/>
      <c r="AL3993" s="85"/>
      <c r="AM3993" s="92"/>
      <c r="AN3993" s="92"/>
      <c r="AO3993" s="92"/>
      <c r="AP3993" s="92"/>
      <c r="AQ3993" s="92"/>
      <c r="AR3993" s="92"/>
      <c r="AS3993" s="92"/>
      <c r="AT3993" s="92"/>
      <c r="AU3993" s="92"/>
      <c r="AV3993" s="92"/>
      <c r="AW3993" s="92"/>
      <c r="AX3993" s="92"/>
      <c r="AY3993" s="92"/>
      <c r="AZ3993" s="93"/>
      <c r="BA3993" s="93"/>
      <c r="BB3993" s="93"/>
      <c r="BC3993" s="93"/>
      <c r="BD3993" s="93"/>
      <c r="BE3993" s="93"/>
      <c r="BF3993" s="93"/>
      <c r="BG3993" s="93"/>
      <c r="BH3993" s="93"/>
      <c r="BI3993" s="93"/>
      <c r="BJ3993" s="93"/>
      <c r="BK3993" s="93"/>
      <c r="BL3993" s="93"/>
    </row>
    <row r="3994" spans="2:64" x14ac:dyDescent="0.2">
      <c r="B3994" s="43"/>
      <c r="C3994" s="73"/>
      <c r="D3994" s="64"/>
      <c r="E3994" s="55"/>
      <c r="F3994" s="74"/>
      <c r="G3994" s="74"/>
      <c r="H3994" s="74"/>
      <c r="I3994" s="75"/>
      <c r="J3994" s="74"/>
      <c r="L3994" s="55"/>
      <c r="M3994" s="234"/>
      <c r="N3994" s="65"/>
      <c r="O3994" s="76"/>
      <c r="P3994" s="76"/>
      <c r="Q3994" s="65"/>
      <c r="R3994" s="76"/>
      <c r="S3994" s="76"/>
      <c r="T3994" s="76"/>
      <c r="U3994" s="76"/>
      <c r="V3994" s="76"/>
      <c r="W3994" s="76"/>
      <c r="X3994" s="76"/>
      <c r="Y3994" s="76"/>
      <c r="Z3994" s="76"/>
      <c r="AA3994" s="85"/>
      <c r="AB3994" s="85"/>
      <c r="AC3994" s="85"/>
      <c r="AD3994" s="85"/>
      <c r="AE3994" s="85"/>
      <c r="AF3994" s="85"/>
      <c r="AG3994" s="86"/>
      <c r="AH3994" s="85"/>
      <c r="AI3994" s="85"/>
      <c r="AJ3994" s="85"/>
      <c r="AK3994" s="85"/>
      <c r="AL3994" s="85"/>
      <c r="AM3994" s="92"/>
      <c r="AN3994" s="92"/>
      <c r="AO3994" s="92"/>
      <c r="AP3994" s="92"/>
      <c r="AQ3994" s="92"/>
      <c r="AR3994" s="92"/>
      <c r="AS3994" s="92"/>
      <c r="AT3994" s="92"/>
      <c r="AU3994" s="92"/>
      <c r="AV3994" s="92"/>
      <c r="AW3994" s="92"/>
      <c r="AX3994" s="92"/>
      <c r="AY3994" s="92"/>
      <c r="AZ3994" s="93"/>
      <c r="BA3994" s="93"/>
      <c r="BB3994" s="93"/>
      <c r="BC3994" s="93"/>
      <c r="BD3994" s="93"/>
      <c r="BE3994" s="93"/>
      <c r="BF3994" s="93"/>
      <c r="BG3994" s="93"/>
      <c r="BH3994" s="93"/>
      <c r="BI3994" s="93"/>
      <c r="BJ3994" s="93"/>
      <c r="BK3994" s="93"/>
      <c r="BL3994" s="93"/>
    </row>
    <row r="3995" spans="2:64" x14ac:dyDescent="0.2">
      <c r="B3995" s="43"/>
      <c r="C3995" s="73"/>
      <c r="D3995" s="64"/>
      <c r="E3995" s="55"/>
      <c r="F3995" s="74"/>
      <c r="G3995" s="74"/>
      <c r="H3995" s="74"/>
      <c r="I3995" s="75"/>
      <c r="J3995" s="74"/>
      <c r="L3995" s="55"/>
      <c r="M3995" s="234"/>
      <c r="N3995" s="65"/>
      <c r="O3995" s="76"/>
      <c r="P3995" s="76"/>
      <c r="Q3995" s="65"/>
      <c r="R3995" s="76"/>
      <c r="S3995" s="76"/>
      <c r="T3995" s="76"/>
      <c r="U3995" s="76"/>
      <c r="V3995" s="76"/>
      <c r="W3995" s="76"/>
      <c r="X3995" s="76"/>
      <c r="Y3995" s="76"/>
      <c r="Z3995" s="76"/>
      <c r="AA3995" s="85"/>
      <c r="AB3995" s="85"/>
      <c r="AC3995" s="85"/>
      <c r="AD3995" s="85"/>
      <c r="AE3995" s="85"/>
      <c r="AF3995" s="85"/>
      <c r="AG3995" s="86"/>
      <c r="AH3995" s="85"/>
      <c r="AI3995" s="85"/>
      <c r="AJ3995" s="85"/>
      <c r="AK3995" s="85"/>
      <c r="AL3995" s="85"/>
      <c r="AM3995" s="92"/>
      <c r="AN3995" s="92"/>
      <c r="AO3995" s="92"/>
      <c r="AP3995" s="92"/>
      <c r="AQ3995" s="92"/>
      <c r="AR3995" s="92"/>
      <c r="AS3995" s="92"/>
      <c r="AT3995" s="92"/>
      <c r="AU3995" s="92"/>
      <c r="AV3995" s="92"/>
      <c r="AW3995" s="92"/>
      <c r="AX3995" s="92"/>
      <c r="AY3995" s="92"/>
      <c r="AZ3995" s="93"/>
      <c r="BA3995" s="93"/>
      <c r="BB3995" s="93"/>
      <c r="BC3995" s="93"/>
      <c r="BD3995" s="93"/>
      <c r="BE3995" s="93"/>
      <c r="BF3995" s="93"/>
      <c r="BG3995" s="93"/>
      <c r="BH3995" s="93"/>
      <c r="BI3995" s="93"/>
      <c r="BJ3995" s="93"/>
      <c r="BK3995" s="93"/>
      <c r="BL3995" s="93"/>
    </row>
    <row r="3996" spans="2:64" x14ac:dyDescent="0.2">
      <c r="B3996" s="43"/>
      <c r="C3996" s="73"/>
      <c r="D3996" s="64"/>
      <c r="E3996" s="55"/>
      <c r="F3996" s="74"/>
      <c r="G3996" s="74"/>
      <c r="H3996" s="74"/>
      <c r="I3996" s="75"/>
      <c r="J3996" s="74"/>
      <c r="L3996" s="55"/>
      <c r="M3996" s="234"/>
      <c r="N3996" s="65"/>
      <c r="O3996" s="76"/>
      <c r="P3996" s="76"/>
      <c r="Q3996" s="65"/>
      <c r="R3996" s="76"/>
      <c r="S3996" s="76"/>
      <c r="T3996" s="76"/>
      <c r="U3996" s="76"/>
      <c r="V3996" s="76"/>
      <c r="W3996" s="76"/>
      <c r="X3996" s="76"/>
      <c r="Y3996" s="76"/>
      <c r="Z3996" s="76"/>
      <c r="AA3996" s="85"/>
      <c r="AB3996" s="85"/>
      <c r="AC3996" s="85"/>
      <c r="AD3996" s="85"/>
      <c r="AE3996" s="85"/>
      <c r="AF3996" s="85"/>
      <c r="AG3996" s="86"/>
      <c r="AH3996" s="85"/>
      <c r="AI3996" s="85"/>
      <c r="AJ3996" s="85"/>
      <c r="AK3996" s="85"/>
      <c r="AL3996" s="85"/>
      <c r="AM3996" s="92"/>
      <c r="AN3996" s="92"/>
      <c r="AO3996" s="92"/>
      <c r="AP3996" s="92"/>
      <c r="AQ3996" s="92"/>
      <c r="AR3996" s="92"/>
      <c r="AS3996" s="92"/>
      <c r="AT3996" s="92"/>
      <c r="AU3996" s="92"/>
      <c r="AV3996" s="92"/>
      <c r="AW3996" s="92"/>
      <c r="AX3996" s="92"/>
      <c r="AY3996" s="92"/>
      <c r="AZ3996" s="93"/>
      <c r="BA3996" s="93"/>
      <c r="BB3996" s="93"/>
      <c r="BC3996" s="93"/>
      <c r="BD3996" s="93"/>
      <c r="BE3996" s="93"/>
      <c r="BF3996" s="93"/>
      <c r="BG3996" s="93"/>
      <c r="BH3996" s="93"/>
      <c r="BI3996" s="93"/>
      <c r="BJ3996" s="93"/>
      <c r="BK3996" s="93"/>
      <c r="BL3996" s="93"/>
    </row>
    <row r="3997" spans="2:64" x14ac:dyDescent="0.2">
      <c r="B3997" s="43"/>
      <c r="C3997" s="73"/>
      <c r="D3997" s="64"/>
      <c r="E3997" s="55"/>
      <c r="F3997" s="74"/>
      <c r="G3997" s="74"/>
      <c r="H3997" s="74"/>
      <c r="I3997" s="75"/>
      <c r="J3997" s="74"/>
      <c r="L3997" s="55"/>
      <c r="M3997" s="234"/>
      <c r="N3997" s="65"/>
      <c r="O3997" s="76"/>
      <c r="P3997" s="76"/>
      <c r="Q3997" s="65"/>
      <c r="R3997" s="76"/>
      <c r="S3997" s="76"/>
      <c r="T3997" s="76"/>
      <c r="U3997" s="76"/>
      <c r="V3997" s="76"/>
      <c r="W3997" s="76"/>
      <c r="X3997" s="76"/>
      <c r="Y3997" s="76"/>
      <c r="Z3997" s="76"/>
      <c r="AA3997" s="85"/>
      <c r="AB3997" s="85"/>
      <c r="AC3997" s="85"/>
      <c r="AD3997" s="85"/>
      <c r="AE3997" s="85"/>
      <c r="AF3997" s="85"/>
      <c r="AG3997" s="86"/>
      <c r="AH3997" s="85"/>
      <c r="AI3997" s="85"/>
      <c r="AJ3997" s="85"/>
      <c r="AK3997" s="85"/>
      <c r="AL3997" s="85"/>
      <c r="AM3997" s="92"/>
      <c r="AN3997" s="92"/>
      <c r="AO3997" s="92"/>
      <c r="AP3997" s="92"/>
      <c r="AQ3997" s="92"/>
      <c r="AR3997" s="92"/>
      <c r="AS3997" s="92"/>
      <c r="AT3997" s="92"/>
      <c r="AU3997" s="92"/>
      <c r="AV3997" s="92"/>
      <c r="AW3997" s="92"/>
      <c r="AX3997" s="92"/>
      <c r="AY3997" s="92"/>
      <c r="AZ3997" s="93"/>
      <c r="BA3997" s="93"/>
      <c r="BB3997" s="93"/>
      <c r="BC3997" s="93"/>
      <c r="BD3997" s="93"/>
      <c r="BE3997" s="93"/>
      <c r="BF3997" s="93"/>
      <c r="BG3997" s="93"/>
      <c r="BH3997" s="93"/>
      <c r="BI3997" s="93"/>
      <c r="BJ3997" s="93"/>
      <c r="BK3997" s="93"/>
      <c r="BL3997" s="93"/>
    </row>
    <row r="3998" spans="2:64" x14ac:dyDescent="0.2">
      <c r="B3998" s="43"/>
      <c r="C3998" s="73"/>
      <c r="D3998" s="64"/>
      <c r="E3998" s="55"/>
      <c r="F3998" s="74"/>
      <c r="G3998" s="74"/>
      <c r="H3998" s="74"/>
      <c r="I3998" s="75"/>
      <c r="J3998" s="74"/>
      <c r="L3998" s="55"/>
      <c r="M3998" s="234"/>
      <c r="N3998" s="65"/>
      <c r="O3998" s="76"/>
      <c r="P3998" s="76"/>
      <c r="Q3998" s="65"/>
      <c r="R3998" s="76"/>
      <c r="S3998" s="76"/>
      <c r="T3998" s="76"/>
      <c r="U3998" s="76"/>
      <c r="V3998" s="76"/>
      <c r="W3998" s="76"/>
      <c r="X3998" s="76"/>
      <c r="Y3998" s="76"/>
      <c r="Z3998" s="76"/>
      <c r="AA3998" s="85"/>
      <c r="AB3998" s="85"/>
      <c r="AC3998" s="85"/>
      <c r="AD3998" s="85"/>
      <c r="AE3998" s="85"/>
      <c r="AF3998" s="85"/>
      <c r="AG3998" s="86"/>
      <c r="AH3998" s="85"/>
      <c r="AI3998" s="85"/>
      <c r="AJ3998" s="85"/>
      <c r="AK3998" s="85"/>
      <c r="AL3998" s="85"/>
      <c r="AM3998" s="92"/>
      <c r="AN3998" s="92"/>
      <c r="AO3998" s="92"/>
      <c r="AP3998" s="92"/>
      <c r="AQ3998" s="92"/>
      <c r="AR3998" s="92"/>
      <c r="AS3998" s="92"/>
      <c r="AT3998" s="92"/>
      <c r="AU3998" s="92"/>
      <c r="AV3998" s="92"/>
      <c r="AW3998" s="92"/>
      <c r="AX3998" s="92"/>
      <c r="AY3998" s="92"/>
      <c r="AZ3998" s="93"/>
      <c r="BA3998" s="93"/>
      <c r="BB3998" s="93"/>
      <c r="BC3998" s="93"/>
      <c r="BD3998" s="93"/>
      <c r="BE3998" s="93"/>
      <c r="BF3998" s="93"/>
      <c r="BG3998" s="93"/>
      <c r="BH3998" s="93"/>
      <c r="BI3998" s="93"/>
      <c r="BJ3998" s="93"/>
      <c r="BK3998" s="93"/>
      <c r="BL3998" s="93"/>
    </row>
    <row r="3999" spans="2:64" x14ac:dyDescent="0.2">
      <c r="B3999" s="43"/>
      <c r="C3999" s="73"/>
      <c r="D3999" s="64"/>
      <c r="E3999" s="55"/>
      <c r="F3999" s="74"/>
      <c r="G3999" s="74"/>
      <c r="H3999" s="74"/>
      <c r="I3999" s="75"/>
      <c r="J3999" s="74"/>
      <c r="L3999" s="55"/>
      <c r="M3999" s="234"/>
      <c r="N3999" s="65"/>
      <c r="O3999" s="76"/>
      <c r="P3999" s="76"/>
      <c r="Q3999" s="65"/>
      <c r="R3999" s="76"/>
      <c r="S3999" s="76"/>
      <c r="T3999" s="76"/>
      <c r="U3999" s="76"/>
      <c r="V3999" s="76"/>
      <c r="W3999" s="76"/>
      <c r="X3999" s="76"/>
      <c r="Y3999" s="76"/>
      <c r="Z3999" s="76"/>
      <c r="AA3999" s="85"/>
      <c r="AB3999" s="85"/>
      <c r="AC3999" s="85"/>
      <c r="AD3999" s="85"/>
      <c r="AE3999" s="85"/>
      <c r="AF3999" s="85"/>
      <c r="AG3999" s="86"/>
      <c r="AH3999" s="85"/>
      <c r="AI3999" s="85"/>
      <c r="AJ3999" s="85"/>
      <c r="AK3999" s="85"/>
      <c r="AL3999" s="85"/>
      <c r="AM3999" s="92"/>
      <c r="AN3999" s="92"/>
      <c r="AO3999" s="92"/>
      <c r="AP3999" s="92"/>
      <c r="AQ3999" s="92"/>
      <c r="AR3999" s="92"/>
      <c r="AS3999" s="92"/>
      <c r="AT3999" s="92"/>
      <c r="AU3999" s="92"/>
      <c r="AV3999" s="92"/>
      <c r="AW3999" s="92"/>
      <c r="AX3999" s="92"/>
      <c r="AY3999" s="92"/>
      <c r="AZ3999" s="93"/>
      <c r="BA3999" s="93"/>
      <c r="BB3999" s="93"/>
      <c r="BC3999" s="93"/>
      <c r="BD3999" s="93"/>
      <c r="BE3999" s="93"/>
      <c r="BF3999" s="93"/>
      <c r="BG3999" s="93"/>
      <c r="BH3999" s="93"/>
      <c r="BI3999" s="93"/>
      <c r="BJ3999" s="93"/>
      <c r="BK3999" s="93"/>
      <c r="BL3999" s="93"/>
    </row>
    <row r="4000" spans="2:64" x14ac:dyDescent="0.2">
      <c r="B4000" s="43"/>
      <c r="C4000" s="73"/>
      <c r="D4000" s="64"/>
      <c r="E4000" s="55"/>
      <c r="F4000" s="74"/>
      <c r="G4000" s="74"/>
      <c r="H4000" s="74"/>
      <c r="I4000" s="75"/>
      <c r="J4000" s="74"/>
      <c r="L4000" s="55"/>
      <c r="M4000" s="234"/>
      <c r="N4000" s="65"/>
      <c r="O4000" s="76"/>
      <c r="P4000" s="76"/>
      <c r="Q4000" s="65"/>
      <c r="R4000" s="76"/>
      <c r="S4000" s="76"/>
      <c r="T4000" s="76"/>
      <c r="U4000" s="76"/>
      <c r="V4000" s="76"/>
      <c r="W4000" s="76"/>
      <c r="X4000" s="76"/>
      <c r="Y4000" s="76"/>
      <c r="Z4000" s="76"/>
      <c r="AA4000" s="85"/>
      <c r="AB4000" s="85"/>
      <c r="AC4000" s="85"/>
      <c r="AD4000" s="85"/>
      <c r="AE4000" s="85"/>
      <c r="AF4000" s="85"/>
      <c r="AG4000" s="86"/>
      <c r="AH4000" s="85"/>
      <c r="AI4000" s="85"/>
      <c r="AJ4000" s="85"/>
      <c r="AK4000" s="85"/>
      <c r="AL4000" s="85"/>
      <c r="AM4000" s="92"/>
      <c r="AN4000" s="92"/>
      <c r="AO4000" s="92"/>
      <c r="AP4000" s="92"/>
      <c r="AQ4000" s="92"/>
      <c r="AR4000" s="92"/>
      <c r="AS4000" s="92"/>
      <c r="AT4000" s="92"/>
      <c r="AU4000" s="92"/>
      <c r="AV4000" s="92"/>
      <c r="AW4000" s="92"/>
      <c r="AX4000" s="92"/>
      <c r="AY4000" s="92"/>
      <c r="AZ4000" s="93"/>
      <c r="BA4000" s="93"/>
      <c r="BB4000" s="93"/>
      <c r="BC4000" s="93"/>
      <c r="BD4000" s="93"/>
      <c r="BE4000" s="93"/>
      <c r="BF4000" s="93"/>
      <c r="BG4000" s="93"/>
      <c r="BH4000" s="93"/>
      <c r="BI4000" s="93"/>
      <c r="BJ4000" s="93"/>
      <c r="BK4000" s="93"/>
      <c r="BL4000" s="93"/>
    </row>
    <row r="4001" spans="2:64" x14ac:dyDescent="0.2">
      <c r="B4001" s="43"/>
      <c r="C4001" s="73"/>
      <c r="D4001" s="64"/>
      <c r="E4001" s="55"/>
      <c r="F4001" s="74"/>
      <c r="G4001" s="74"/>
      <c r="H4001" s="74"/>
      <c r="I4001" s="75"/>
      <c r="J4001" s="74"/>
      <c r="L4001" s="55"/>
      <c r="M4001" s="234"/>
      <c r="N4001" s="65"/>
      <c r="O4001" s="76"/>
      <c r="P4001" s="76"/>
      <c r="Q4001" s="65"/>
      <c r="R4001" s="76"/>
      <c r="S4001" s="76"/>
      <c r="T4001" s="76"/>
      <c r="U4001" s="76"/>
      <c r="V4001" s="76"/>
      <c r="W4001" s="76"/>
      <c r="X4001" s="76"/>
      <c r="Y4001" s="76"/>
      <c r="Z4001" s="76"/>
      <c r="AA4001" s="85"/>
      <c r="AB4001" s="85"/>
      <c r="AC4001" s="85"/>
      <c r="AD4001" s="85"/>
      <c r="AE4001" s="85"/>
      <c r="AF4001" s="85"/>
      <c r="AG4001" s="86"/>
      <c r="AH4001" s="85"/>
      <c r="AI4001" s="85"/>
      <c r="AJ4001" s="85"/>
      <c r="AK4001" s="85"/>
      <c r="AL4001" s="85"/>
      <c r="AM4001" s="92"/>
      <c r="AN4001" s="92"/>
      <c r="AO4001" s="92"/>
      <c r="AP4001" s="92"/>
      <c r="AQ4001" s="92"/>
      <c r="AR4001" s="92"/>
      <c r="AS4001" s="92"/>
      <c r="AT4001" s="92"/>
      <c r="AU4001" s="92"/>
      <c r="AV4001" s="92"/>
      <c r="AW4001" s="92"/>
      <c r="AX4001" s="92"/>
      <c r="AY4001" s="92"/>
      <c r="AZ4001" s="93"/>
      <c r="BA4001" s="93"/>
      <c r="BB4001" s="93"/>
      <c r="BC4001" s="93"/>
      <c r="BD4001" s="93"/>
      <c r="BE4001" s="93"/>
      <c r="BF4001" s="93"/>
      <c r="BG4001" s="93"/>
      <c r="BH4001" s="93"/>
      <c r="BI4001" s="93"/>
      <c r="BJ4001" s="93"/>
      <c r="BK4001" s="93"/>
      <c r="BL4001" s="93"/>
    </row>
    <row r="4002" spans="2:64" x14ac:dyDescent="0.2">
      <c r="B4002" s="43"/>
      <c r="C4002" s="73"/>
      <c r="D4002" s="64"/>
      <c r="E4002" s="55"/>
      <c r="F4002" s="74"/>
      <c r="G4002" s="74"/>
      <c r="H4002" s="74"/>
      <c r="I4002" s="75"/>
      <c r="J4002" s="74"/>
      <c r="L4002" s="55"/>
      <c r="M4002" s="234"/>
      <c r="N4002" s="65"/>
      <c r="O4002" s="76"/>
      <c r="P4002" s="76"/>
      <c r="Q4002" s="65"/>
      <c r="R4002" s="76"/>
      <c r="S4002" s="76"/>
      <c r="T4002" s="76"/>
      <c r="U4002" s="76"/>
      <c r="V4002" s="76"/>
      <c r="W4002" s="76"/>
      <c r="X4002" s="76"/>
      <c r="Y4002" s="76"/>
      <c r="Z4002" s="76"/>
      <c r="AA4002" s="85"/>
      <c r="AB4002" s="85"/>
      <c r="AC4002" s="85"/>
      <c r="AD4002" s="85"/>
      <c r="AE4002" s="85"/>
      <c r="AF4002" s="85"/>
      <c r="AG4002" s="86"/>
      <c r="AH4002" s="85"/>
      <c r="AI4002" s="85"/>
      <c r="AJ4002" s="85"/>
      <c r="AK4002" s="85"/>
      <c r="AL4002" s="85"/>
      <c r="AM4002" s="92"/>
      <c r="AN4002" s="92"/>
      <c r="AO4002" s="92"/>
      <c r="AP4002" s="92"/>
      <c r="AQ4002" s="92"/>
      <c r="AR4002" s="92"/>
      <c r="AS4002" s="92"/>
      <c r="AT4002" s="92"/>
      <c r="AU4002" s="92"/>
      <c r="AV4002" s="92"/>
      <c r="AW4002" s="92"/>
      <c r="AX4002" s="92"/>
      <c r="AY4002" s="92"/>
      <c r="AZ4002" s="93"/>
      <c r="BA4002" s="93"/>
      <c r="BB4002" s="93"/>
      <c r="BC4002" s="93"/>
      <c r="BD4002" s="93"/>
      <c r="BE4002" s="93"/>
      <c r="BF4002" s="93"/>
      <c r="BG4002" s="93"/>
      <c r="BH4002" s="93"/>
      <c r="BI4002" s="93"/>
      <c r="BJ4002" s="93"/>
      <c r="BK4002" s="93"/>
      <c r="BL4002" s="93"/>
    </row>
    <row r="4003" spans="2:64" x14ac:dyDescent="0.2">
      <c r="B4003" s="43"/>
      <c r="C4003" s="73"/>
      <c r="D4003" s="64"/>
      <c r="E4003" s="55"/>
      <c r="F4003" s="74"/>
      <c r="G4003" s="74"/>
      <c r="H4003" s="74"/>
      <c r="I4003" s="75"/>
      <c r="J4003" s="74"/>
      <c r="L4003" s="55"/>
      <c r="M4003" s="234"/>
      <c r="N4003" s="65"/>
      <c r="O4003" s="76"/>
      <c r="P4003" s="76"/>
      <c r="Q4003" s="65"/>
      <c r="R4003" s="76"/>
      <c r="S4003" s="76"/>
      <c r="T4003" s="76"/>
      <c r="U4003" s="76"/>
      <c r="V4003" s="76"/>
      <c r="W4003" s="76"/>
      <c r="X4003" s="76"/>
      <c r="Y4003" s="76"/>
      <c r="Z4003" s="76"/>
      <c r="AA4003" s="85"/>
      <c r="AB4003" s="85"/>
      <c r="AC4003" s="85"/>
      <c r="AD4003" s="85"/>
      <c r="AE4003" s="85"/>
      <c r="AF4003" s="85"/>
      <c r="AG4003" s="86"/>
      <c r="AH4003" s="85"/>
      <c r="AI4003" s="85"/>
      <c r="AJ4003" s="85"/>
      <c r="AK4003" s="85"/>
      <c r="AL4003" s="85"/>
      <c r="AM4003" s="92"/>
      <c r="AN4003" s="92"/>
      <c r="AO4003" s="92"/>
      <c r="AP4003" s="92"/>
      <c r="AQ4003" s="92"/>
      <c r="AR4003" s="92"/>
      <c r="AS4003" s="92"/>
      <c r="AT4003" s="92"/>
      <c r="AU4003" s="92"/>
      <c r="AV4003" s="92"/>
      <c r="AW4003" s="92"/>
      <c r="AX4003" s="92"/>
      <c r="AY4003" s="92"/>
      <c r="AZ4003" s="93"/>
      <c r="BA4003" s="93"/>
      <c r="BB4003" s="93"/>
      <c r="BC4003" s="93"/>
      <c r="BD4003" s="93"/>
      <c r="BE4003" s="93"/>
      <c r="BF4003" s="93"/>
      <c r="BG4003" s="93"/>
      <c r="BH4003" s="93"/>
      <c r="BI4003" s="93"/>
      <c r="BJ4003" s="93"/>
      <c r="BK4003" s="93"/>
      <c r="BL4003" s="93"/>
    </row>
    <row r="4004" spans="2:64" x14ac:dyDescent="0.2">
      <c r="B4004" s="43"/>
      <c r="C4004" s="73"/>
      <c r="D4004" s="64"/>
      <c r="E4004" s="55"/>
      <c r="F4004" s="74"/>
      <c r="G4004" s="74"/>
      <c r="H4004" s="74"/>
      <c r="I4004" s="75"/>
      <c r="J4004" s="74"/>
      <c r="L4004" s="55"/>
      <c r="M4004" s="234"/>
      <c r="N4004" s="65"/>
      <c r="O4004" s="76"/>
      <c r="P4004" s="76"/>
      <c r="Q4004" s="65"/>
      <c r="R4004" s="76"/>
      <c r="S4004" s="76"/>
      <c r="T4004" s="76"/>
      <c r="U4004" s="76"/>
      <c r="V4004" s="76"/>
      <c r="W4004" s="76"/>
      <c r="X4004" s="76"/>
      <c r="Y4004" s="76"/>
      <c r="Z4004" s="76"/>
      <c r="AA4004" s="85"/>
      <c r="AB4004" s="85"/>
      <c r="AC4004" s="85"/>
      <c r="AD4004" s="85"/>
      <c r="AE4004" s="85"/>
      <c r="AF4004" s="85"/>
      <c r="AG4004" s="86"/>
      <c r="AH4004" s="85"/>
      <c r="AI4004" s="85"/>
      <c r="AJ4004" s="85"/>
      <c r="AK4004" s="85"/>
      <c r="AL4004" s="85"/>
      <c r="AM4004" s="92"/>
      <c r="AN4004" s="92"/>
      <c r="AO4004" s="92"/>
      <c r="AP4004" s="92"/>
      <c r="AQ4004" s="92"/>
      <c r="AR4004" s="92"/>
      <c r="AS4004" s="92"/>
      <c r="AT4004" s="92"/>
      <c r="AU4004" s="92"/>
      <c r="AV4004" s="92"/>
      <c r="AW4004" s="92"/>
      <c r="AX4004" s="92"/>
      <c r="AY4004" s="92"/>
      <c r="AZ4004" s="93"/>
      <c r="BA4004" s="93"/>
      <c r="BB4004" s="93"/>
      <c r="BC4004" s="93"/>
      <c r="BD4004" s="93"/>
      <c r="BE4004" s="93"/>
      <c r="BF4004" s="93"/>
      <c r="BG4004" s="93"/>
      <c r="BH4004" s="93"/>
      <c r="BI4004" s="93"/>
      <c r="BJ4004" s="93"/>
      <c r="BK4004" s="93"/>
      <c r="BL4004" s="93"/>
    </row>
    <row r="4005" spans="2:64" x14ac:dyDescent="0.2">
      <c r="B4005" s="43"/>
      <c r="C4005" s="73"/>
      <c r="D4005" s="64"/>
      <c r="E4005" s="55"/>
      <c r="F4005" s="74"/>
      <c r="G4005" s="74"/>
      <c r="H4005" s="74"/>
      <c r="I4005" s="75"/>
      <c r="J4005" s="74"/>
      <c r="L4005" s="55"/>
      <c r="M4005" s="234"/>
      <c r="N4005" s="65"/>
      <c r="O4005" s="76"/>
      <c r="P4005" s="76"/>
      <c r="Q4005" s="65"/>
      <c r="R4005" s="76"/>
      <c r="S4005" s="76"/>
      <c r="T4005" s="76"/>
      <c r="U4005" s="76"/>
      <c r="V4005" s="76"/>
      <c r="W4005" s="76"/>
      <c r="X4005" s="76"/>
      <c r="Y4005" s="76"/>
      <c r="Z4005" s="76"/>
      <c r="AA4005" s="85"/>
      <c r="AB4005" s="85"/>
      <c r="AC4005" s="85"/>
      <c r="AD4005" s="85"/>
      <c r="AE4005" s="85"/>
      <c r="AF4005" s="85"/>
      <c r="AG4005" s="86"/>
      <c r="AH4005" s="85"/>
      <c r="AI4005" s="85"/>
      <c r="AJ4005" s="85"/>
      <c r="AK4005" s="85"/>
      <c r="AL4005" s="85"/>
      <c r="AM4005" s="92"/>
      <c r="AN4005" s="92"/>
      <c r="AO4005" s="92"/>
      <c r="AP4005" s="92"/>
      <c r="AQ4005" s="92"/>
      <c r="AR4005" s="92"/>
      <c r="AS4005" s="92"/>
      <c r="AT4005" s="92"/>
      <c r="AU4005" s="92"/>
      <c r="AV4005" s="92"/>
      <c r="AW4005" s="92"/>
      <c r="AX4005" s="92"/>
      <c r="AY4005" s="92"/>
      <c r="AZ4005" s="93"/>
      <c r="BA4005" s="93"/>
      <c r="BB4005" s="93"/>
      <c r="BC4005" s="93"/>
      <c r="BD4005" s="93"/>
      <c r="BE4005" s="93"/>
      <c r="BF4005" s="93"/>
      <c r="BG4005" s="93"/>
      <c r="BH4005" s="93"/>
      <c r="BI4005" s="93"/>
      <c r="BJ4005" s="93"/>
      <c r="BK4005" s="93"/>
      <c r="BL4005" s="93"/>
    </row>
    <row r="4006" spans="2:64" x14ac:dyDescent="0.2">
      <c r="B4006" s="43"/>
      <c r="C4006" s="73"/>
      <c r="D4006" s="64"/>
      <c r="E4006" s="55"/>
      <c r="F4006" s="74"/>
      <c r="G4006" s="74"/>
      <c r="H4006" s="74"/>
      <c r="I4006" s="75"/>
      <c r="J4006" s="74"/>
      <c r="L4006" s="55"/>
      <c r="M4006" s="234"/>
      <c r="N4006" s="65"/>
      <c r="O4006" s="76"/>
      <c r="P4006" s="76"/>
      <c r="Q4006" s="65"/>
      <c r="R4006" s="76"/>
      <c r="S4006" s="76"/>
      <c r="T4006" s="76"/>
      <c r="U4006" s="76"/>
      <c r="V4006" s="76"/>
      <c r="W4006" s="76"/>
      <c r="X4006" s="76"/>
      <c r="Y4006" s="76"/>
      <c r="Z4006" s="76"/>
      <c r="AA4006" s="85"/>
      <c r="AB4006" s="85"/>
      <c r="AC4006" s="85"/>
      <c r="AD4006" s="85"/>
      <c r="AE4006" s="85"/>
      <c r="AF4006" s="85"/>
      <c r="AG4006" s="86"/>
      <c r="AH4006" s="85"/>
      <c r="AI4006" s="85"/>
      <c r="AJ4006" s="85"/>
      <c r="AK4006" s="85"/>
      <c r="AL4006" s="85"/>
      <c r="AM4006" s="92"/>
      <c r="AN4006" s="92"/>
      <c r="AO4006" s="92"/>
      <c r="AP4006" s="92"/>
      <c r="AQ4006" s="92"/>
      <c r="AR4006" s="92"/>
      <c r="AS4006" s="92"/>
      <c r="AT4006" s="92"/>
      <c r="AU4006" s="92"/>
      <c r="AV4006" s="92"/>
      <c r="AW4006" s="92"/>
      <c r="AX4006" s="92"/>
      <c r="AY4006" s="92"/>
      <c r="AZ4006" s="93"/>
      <c r="BA4006" s="93"/>
      <c r="BB4006" s="93"/>
      <c r="BC4006" s="93"/>
      <c r="BD4006" s="93"/>
      <c r="BE4006" s="93"/>
      <c r="BF4006" s="93"/>
      <c r="BG4006" s="93"/>
      <c r="BH4006" s="93"/>
      <c r="BI4006" s="93"/>
      <c r="BJ4006" s="93"/>
      <c r="BK4006" s="93"/>
      <c r="BL4006" s="93"/>
    </row>
    <row r="4007" spans="2:64" x14ac:dyDescent="0.2">
      <c r="B4007" s="43"/>
      <c r="C4007" s="73"/>
      <c r="D4007" s="64"/>
      <c r="E4007" s="55"/>
      <c r="F4007" s="74"/>
      <c r="G4007" s="74"/>
      <c r="H4007" s="74"/>
      <c r="I4007" s="75"/>
      <c r="J4007" s="74"/>
      <c r="L4007" s="55"/>
      <c r="M4007" s="234"/>
      <c r="N4007" s="65"/>
      <c r="O4007" s="76"/>
      <c r="P4007" s="76"/>
      <c r="Q4007" s="65"/>
      <c r="R4007" s="76"/>
      <c r="S4007" s="76"/>
      <c r="T4007" s="76"/>
      <c r="U4007" s="76"/>
      <c r="V4007" s="76"/>
      <c r="W4007" s="76"/>
      <c r="X4007" s="76"/>
      <c r="Y4007" s="76"/>
      <c r="Z4007" s="76"/>
      <c r="AA4007" s="85"/>
      <c r="AB4007" s="85"/>
      <c r="AC4007" s="85"/>
      <c r="AD4007" s="85"/>
      <c r="AE4007" s="85"/>
      <c r="AF4007" s="85"/>
      <c r="AG4007" s="86"/>
      <c r="AH4007" s="85"/>
      <c r="AI4007" s="85"/>
      <c r="AJ4007" s="85"/>
      <c r="AK4007" s="85"/>
      <c r="AL4007" s="85"/>
      <c r="AM4007" s="92"/>
      <c r="AN4007" s="92"/>
      <c r="AO4007" s="92"/>
      <c r="AP4007" s="92"/>
      <c r="AQ4007" s="92"/>
      <c r="AR4007" s="92"/>
      <c r="AS4007" s="92"/>
      <c r="AT4007" s="92"/>
      <c r="AU4007" s="92"/>
      <c r="AV4007" s="92"/>
      <c r="AW4007" s="92"/>
      <c r="AX4007" s="92"/>
      <c r="AY4007" s="92"/>
      <c r="AZ4007" s="93"/>
      <c r="BA4007" s="93"/>
      <c r="BB4007" s="93"/>
      <c r="BC4007" s="93"/>
      <c r="BD4007" s="93"/>
      <c r="BE4007" s="93"/>
      <c r="BF4007" s="93"/>
      <c r="BG4007" s="93"/>
      <c r="BH4007" s="93"/>
      <c r="BI4007" s="93"/>
      <c r="BJ4007" s="93"/>
      <c r="BK4007" s="93"/>
      <c r="BL4007" s="93"/>
    </row>
    <row r="4008" spans="2:64" x14ac:dyDescent="0.2">
      <c r="B4008" s="43"/>
      <c r="C4008" s="73"/>
      <c r="D4008" s="64"/>
      <c r="E4008" s="55"/>
      <c r="F4008" s="74"/>
      <c r="G4008" s="74"/>
      <c r="H4008" s="74"/>
      <c r="I4008" s="75"/>
      <c r="J4008" s="74"/>
      <c r="L4008" s="55"/>
      <c r="M4008" s="234"/>
      <c r="N4008" s="65"/>
      <c r="O4008" s="76"/>
      <c r="P4008" s="76"/>
      <c r="Q4008" s="65"/>
      <c r="R4008" s="76"/>
      <c r="S4008" s="76"/>
      <c r="T4008" s="76"/>
      <c r="U4008" s="76"/>
      <c r="V4008" s="76"/>
      <c r="W4008" s="76"/>
      <c r="X4008" s="76"/>
      <c r="Y4008" s="76"/>
      <c r="Z4008" s="76"/>
      <c r="AA4008" s="85"/>
      <c r="AB4008" s="85"/>
      <c r="AC4008" s="85"/>
      <c r="AD4008" s="85"/>
      <c r="AE4008" s="85"/>
      <c r="AF4008" s="85"/>
      <c r="AG4008" s="86"/>
      <c r="AH4008" s="85"/>
      <c r="AI4008" s="85"/>
      <c r="AJ4008" s="85"/>
      <c r="AK4008" s="85"/>
      <c r="AL4008" s="85"/>
      <c r="AM4008" s="92"/>
      <c r="AN4008" s="92"/>
      <c r="AO4008" s="92"/>
      <c r="AP4008" s="92"/>
      <c r="AQ4008" s="92"/>
      <c r="AR4008" s="92"/>
      <c r="AS4008" s="92"/>
      <c r="AT4008" s="92"/>
      <c r="AU4008" s="92"/>
      <c r="AV4008" s="92"/>
      <c r="AW4008" s="92"/>
      <c r="AX4008" s="92"/>
      <c r="AY4008" s="92"/>
      <c r="AZ4008" s="93"/>
      <c r="BA4008" s="93"/>
      <c r="BB4008" s="93"/>
      <c r="BC4008" s="93"/>
      <c r="BD4008" s="93"/>
      <c r="BE4008" s="93"/>
      <c r="BF4008" s="93"/>
      <c r="BG4008" s="93"/>
      <c r="BH4008" s="93"/>
      <c r="BI4008" s="93"/>
      <c r="BJ4008" s="93"/>
      <c r="BK4008" s="93"/>
      <c r="BL4008" s="93"/>
    </row>
    <row r="4009" spans="2:64" x14ac:dyDescent="0.2">
      <c r="B4009" s="43"/>
      <c r="C4009" s="73"/>
      <c r="D4009" s="64"/>
      <c r="E4009" s="55"/>
      <c r="F4009" s="74"/>
      <c r="G4009" s="74"/>
      <c r="H4009" s="74"/>
      <c r="I4009" s="75"/>
      <c r="J4009" s="74"/>
      <c r="L4009" s="55"/>
      <c r="M4009" s="234"/>
      <c r="N4009" s="65"/>
      <c r="O4009" s="76"/>
      <c r="P4009" s="76"/>
      <c r="Q4009" s="65"/>
      <c r="R4009" s="76"/>
      <c r="S4009" s="76"/>
      <c r="T4009" s="76"/>
      <c r="U4009" s="76"/>
      <c r="V4009" s="76"/>
      <c r="W4009" s="76"/>
      <c r="X4009" s="76"/>
      <c r="Y4009" s="76"/>
      <c r="Z4009" s="76"/>
      <c r="AA4009" s="85"/>
      <c r="AB4009" s="85"/>
      <c r="AC4009" s="85"/>
      <c r="AD4009" s="85"/>
      <c r="AE4009" s="85"/>
      <c r="AF4009" s="85"/>
      <c r="AG4009" s="86"/>
      <c r="AH4009" s="85"/>
      <c r="AI4009" s="85"/>
      <c r="AJ4009" s="85"/>
      <c r="AK4009" s="85"/>
      <c r="AL4009" s="85"/>
      <c r="AM4009" s="92"/>
      <c r="AN4009" s="92"/>
      <c r="AO4009" s="92"/>
      <c r="AP4009" s="92"/>
      <c r="AQ4009" s="92"/>
      <c r="AR4009" s="92"/>
      <c r="AS4009" s="92"/>
      <c r="AT4009" s="92"/>
      <c r="AU4009" s="92"/>
      <c r="AV4009" s="92"/>
      <c r="AW4009" s="92"/>
      <c r="AX4009" s="92"/>
      <c r="AY4009" s="92"/>
      <c r="AZ4009" s="93"/>
      <c r="BA4009" s="93"/>
      <c r="BB4009" s="93"/>
      <c r="BC4009" s="93"/>
      <c r="BD4009" s="93"/>
      <c r="BE4009" s="93"/>
      <c r="BF4009" s="93"/>
      <c r="BG4009" s="93"/>
      <c r="BH4009" s="93"/>
      <c r="BI4009" s="93"/>
      <c r="BJ4009" s="93"/>
      <c r="BK4009" s="93"/>
      <c r="BL4009" s="93"/>
    </row>
    <row r="4010" spans="2:64" x14ac:dyDescent="0.2">
      <c r="B4010" s="43"/>
      <c r="C4010" s="73"/>
      <c r="D4010" s="64"/>
      <c r="E4010" s="55"/>
      <c r="F4010" s="74"/>
      <c r="G4010" s="74"/>
      <c r="H4010" s="74"/>
      <c r="I4010" s="75"/>
      <c r="J4010" s="74"/>
      <c r="L4010" s="55"/>
      <c r="M4010" s="234"/>
      <c r="N4010" s="65"/>
      <c r="O4010" s="76"/>
      <c r="P4010" s="76"/>
      <c r="Q4010" s="65"/>
      <c r="R4010" s="76"/>
      <c r="S4010" s="76"/>
      <c r="T4010" s="76"/>
      <c r="U4010" s="76"/>
      <c r="V4010" s="76"/>
      <c r="W4010" s="76"/>
      <c r="X4010" s="76"/>
      <c r="Y4010" s="76"/>
      <c r="Z4010" s="76"/>
      <c r="AA4010" s="85"/>
      <c r="AB4010" s="85"/>
      <c r="AC4010" s="85"/>
      <c r="AD4010" s="85"/>
      <c r="AE4010" s="85"/>
      <c r="AF4010" s="85"/>
      <c r="AG4010" s="86"/>
      <c r="AH4010" s="85"/>
      <c r="AI4010" s="85"/>
      <c r="AJ4010" s="85"/>
      <c r="AK4010" s="85"/>
      <c r="AL4010" s="85"/>
      <c r="AM4010" s="92"/>
      <c r="AN4010" s="92"/>
      <c r="AO4010" s="92"/>
      <c r="AP4010" s="92"/>
      <c r="AQ4010" s="92"/>
      <c r="AR4010" s="92"/>
      <c r="AS4010" s="92"/>
      <c r="AT4010" s="92"/>
      <c r="AU4010" s="92"/>
      <c r="AV4010" s="92"/>
      <c r="AW4010" s="92"/>
      <c r="AX4010" s="92"/>
      <c r="AY4010" s="92"/>
      <c r="AZ4010" s="93"/>
      <c r="BA4010" s="93"/>
      <c r="BB4010" s="93"/>
      <c r="BC4010" s="93"/>
      <c r="BD4010" s="93"/>
      <c r="BE4010" s="93"/>
      <c r="BF4010" s="93"/>
      <c r="BG4010" s="93"/>
      <c r="BH4010" s="93"/>
      <c r="BI4010" s="93"/>
      <c r="BJ4010" s="93"/>
      <c r="BK4010" s="93"/>
      <c r="BL4010" s="93"/>
    </row>
    <row r="4011" spans="2:64" x14ac:dyDescent="0.2">
      <c r="B4011" s="43"/>
      <c r="C4011" s="73"/>
      <c r="D4011" s="64"/>
      <c r="E4011" s="55"/>
      <c r="F4011" s="74"/>
      <c r="G4011" s="74"/>
      <c r="H4011" s="74"/>
      <c r="I4011" s="75"/>
      <c r="J4011" s="74"/>
      <c r="L4011" s="55"/>
      <c r="M4011" s="234"/>
      <c r="N4011" s="65"/>
      <c r="O4011" s="76"/>
      <c r="P4011" s="76"/>
      <c r="Q4011" s="65"/>
      <c r="R4011" s="76"/>
      <c r="S4011" s="76"/>
      <c r="T4011" s="76"/>
      <c r="U4011" s="76"/>
      <c r="V4011" s="76"/>
      <c r="W4011" s="76"/>
      <c r="X4011" s="76"/>
      <c r="Y4011" s="76"/>
      <c r="Z4011" s="76"/>
      <c r="AA4011" s="85"/>
      <c r="AB4011" s="85"/>
      <c r="AC4011" s="85"/>
      <c r="AD4011" s="85"/>
      <c r="AE4011" s="85"/>
      <c r="AF4011" s="85"/>
      <c r="AG4011" s="86"/>
      <c r="AH4011" s="85"/>
      <c r="AI4011" s="85"/>
      <c r="AJ4011" s="85"/>
      <c r="AK4011" s="85"/>
      <c r="AL4011" s="85"/>
      <c r="AM4011" s="92"/>
      <c r="AN4011" s="92"/>
      <c r="AO4011" s="92"/>
      <c r="AP4011" s="92"/>
      <c r="AQ4011" s="92"/>
      <c r="AR4011" s="92"/>
      <c r="AS4011" s="92"/>
      <c r="AT4011" s="92"/>
      <c r="AU4011" s="92"/>
      <c r="AV4011" s="92"/>
      <c r="AW4011" s="92"/>
      <c r="AX4011" s="92"/>
      <c r="AY4011" s="92"/>
      <c r="AZ4011" s="93"/>
      <c r="BA4011" s="93"/>
      <c r="BB4011" s="93"/>
      <c r="BC4011" s="93"/>
      <c r="BD4011" s="93"/>
      <c r="BE4011" s="93"/>
      <c r="BF4011" s="93"/>
      <c r="BG4011" s="93"/>
      <c r="BH4011" s="93"/>
      <c r="BI4011" s="93"/>
      <c r="BJ4011" s="93"/>
      <c r="BK4011" s="93"/>
      <c r="BL4011" s="93"/>
    </row>
    <row r="4012" spans="2:64" x14ac:dyDescent="0.2">
      <c r="B4012" s="43"/>
      <c r="C4012" s="73"/>
      <c r="D4012" s="64"/>
      <c r="E4012" s="55"/>
      <c r="F4012" s="74"/>
      <c r="G4012" s="74"/>
      <c r="H4012" s="74"/>
      <c r="I4012" s="75"/>
      <c r="J4012" s="74"/>
      <c r="L4012" s="55"/>
      <c r="M4012" s="234"/>
      <c r="N4012" s="65"/>
      <c r="O4012" s="76"/>
      <c r="P4012" s="76"/>
      <c r="Q4012" s="65"/>
      <c r="R4012" s="76"/>
      <c r="S4012" s="76"/>
      <c r="T4012" s="76"/>
      <c r="U4012" s="76"/>
      <c r="V4012" s="76"/>
      <c r="W4012" s="76"/>
      <c r="X4012" s="76"/>
      <c r="Y4012" s="76"/>
      <c r="Z4012" s="76"/>
      <c r="AA4012" s="85"/>
      <c r="AB4012" s="85"/>
      <c r="AC4012" s="85"/>
      <c r="AD4012" s="85"/>
      <c r="AE4012" s="85"/>
      <c r="AF4012" s="85"/>
      <c r="AG4012" s="86"/>
      <c r="AH4012" s="85"/>
      <c r="AI4012" s="85"/>
      <c r="AJ4012" s="85"/>
      <c r="AK4012" s="85"/>
      <c r="AL4012" s="85"/>
      <c r="AM4012" s="92"/>
      <c r="AN4012" s="92"/>
      <c r="AO4012" s="92"/>
      <c r="AP4012" s="92"/>
      <c r="AQ4012" s="92"/>
      <c r="AR4012" s="92"/>
      <c r="AS4012" s="92"/>
      <c r="AT4012" s="92"/>
      <c r="AU4012" s="92"/>
      <c r="AV4012" s="92"/>
      <c r="AW4012" s="92"/>
      <c r="AX4012" s="92"/>
      <c r="AY4012" s="92"/>
      <c r="AZ4012" s="93"/>
      <c r="BA4012" s="93"/>
      <c r="BB4012" s="93"/>
      <c r="BC4012" s="93"/>
      <c r="BD4012" s="93"/>
      <c r="BE4012" s="93"/>
      <c r="BF4012" s="93"/>
      <c r="BG4012" s="93"/>
      <c r="BH4012" s="93"/>
      <c r="BI4012" s="93"/>
      <c r="BJ4012" s="93"/>
      <c r="BK4012" s="93"/>
      <c r="BL4012" s="93"/>
    </row>
    <row r="4013" spans="2:64" x14ac:dyDescent="0.2">
      <c r="B4013" s="43"/>
      <c r="C4013" s="73"/>
      <c r="D4013" s="64"/>
      <c r="E4013" s="55"/>
      <c r="F4013" s="74"/>
      <c r="G4013" s="74"/>
      <c r="H4013" s="74"/>
      <c r="I4013" s="75"/>
      <c r="J4013" s="74"/>
      <c r="L4013" s="55"/>
      <c r="M4013" s="234"/>
      <c r="N4013" s="65"/>
      <c r="O4013" s="76"/>
      <c r="P4013" s="76"/>
      <c r="Q4013" s="65"/>
      <c r="R4013" s="76"/>
      <c r="S4013" s="76"/>
      <c r="T4013" s="76"/>
      <c r="U4013" s="76"/>
      <c r="V4013" s="76"/>
      <c r="W4013" s="76"/>
      <c r="X4013" s="76"/>
      <c r="Y4013" s="76"/>
      <c r="Z4013" s="76"/>
      <c r="AA4013" s="85"/>
      <c r="AB4013" s="85"/>
      <c r="AC4013" s="85"/>
      <c r="AD4013" s="85"/>
      <c r="AE4013" s="85"/>
      <c r="AF4013" s="85"/>
      <c r="AG4013" s="86"/>
      <c r="AH4013" s="85"/>
      <c r="AI4013" s="85"/>
      <c r="AJ4013" s="85"/>
      <c r="AK4013" s="85"/>
      <c r="AL4013" s="85"/>
      <c r="AM4013" s="92"/>
      <c r="AN4013" s="92"/>
      <c r="AO4013" s="92"/>
      <c r="AP4013" s="92"/>
      <c r="AQ4013" s="92"/>
      <c r="AR4013" s="92"/>
      <c r="AS4013" s="92"/>
      <c r="AT4013" s="92"/>
      <c r="AU4013" s="92"/>
      <c r="AV4013" s="92"/>
      <c r="AW4013" s="92"/>
      <c r="AX4013" s="92"/>
      <c r="AY4013" s="92"/>
      <c r="AZ4013" s="93"/>
      <c r="BA4013" s="93"/>
      <c r="BB4013" s="93"/>
      <c r="BC4013" s="93"/>
      <c r="BD4013" s="93"/>
      <c r="BE4013" s="93"/>
      <c r="BF4013" s="93"/>
      <c r="BG4013" s="93"/>
      <c r="BH4013" s="93"/>
      <c r="BI4013" s="93"/>
      <c r="BJ4013" s="93"/>
      <c r="BK4013" s="93"/>
      <c r="BL4013" s="93"/>
    </row>
    <row r="4014" spans="2:64" x14ac:dyDescent="0.2">
      <c r="B4014" s="43"/>
      <c r="C4014" s="73"/>
      <c r="D4014" s="64"/>
      <c r="E4014" s="55"/>
      <c r="F4014" s="74"/>
      <c r="G4014" s="74"/>
      <c r="H4014" s="74"/>
      <c r="I4014" s="75"/>
      <c r="J4014" s="74"/>
      <c r="L4014" s="55"/>
      <c r="M4014" s="234"/>
      <c r="N4014" s="65"/>
      <c r="O4014" s="76"/>
      <c r="P4014" s="76"/>
      <c r="Q4014" s="65"/>
      <c r="R4014" s="76"/>
      <c r="S4014" s="76"/>
      <c r="T4014" s="76"/>
      <c r="U4014" s="76"/>
      <c r="V4014" s="76"/>
      <c r="W4014" s="76"/>
      <c r="X4014" s="76"/>
      <c r="Y4014" s="76"/>
      <c r="Z4014" s="76"/>
      <c r="AA4014" s="85"/>
      <c r="AB4014" s="85"/>
      <c r="AC4014" s="85"/>
      <c r="AD4014" s="85"/>
      <c r="AE4014" s="85"/>
      <c r="AF4014" s="85"/>
      <c r="AG4014" s="86"/>
      <c r="AH4014" s="85"/>
      <c r="AI4014" s="85"/>
      <c r="AJ4014" s="85"/>
      <c r="AK4014" s="85"/>
      <c r="AL4014" s="85"/>
      <c r="AM4014" s="92"/>
      <c r="AN4014" s="92"/>
      <c r="AO4014" s="92"/>
      <c r="AP4014" s="92"/>
      <c r="AQ4014" s="92"/>
      <c r="AR4014" s="92"/>
      <c r="AS4014" s="92"/>
      <c r="AT4014" s="92"/>
      <c r="AU4014" s="92"/>
      <c r="AV4014" s="92"/>
      <c r="AW4014" s="92"/>
      <c r="AX4014" s="92"/>
      <c r="AY4014" s="92"/>
      <c r="AZ4014" s="93"/>
      <c r="BA4014" s="93"/>
      <c r="BB4014" s="93"/>
      <c r="BC4014" s="93"/>
      <c r="BD4014" s="93"/>
      <c r="BE4014" s="93"/>
      <c r="BF4014" s="93"/>
      <c r="BG4014" s="93"/>
      <c r="BH4014" s="93"/>
      <c r="BI4014" s="93"/>
      <c r="BJ4014" s="93"/>
      <c r="BK4014" s="93"/>
      <c r="BL4014" s="93"/>
    </row>
    <row r="4015" spans="2:64" x14ac:dyDescent="0.2">
      <c r="B4015" s="43"/>
      <c r="C4015" s="73"/>
      <c r="D4015" s="64"/>
      <c r="E4015" s="55"/>
      <c r="F4015" s="74"/>
      <c r="G4015" s="74"/>
      <c r="H4015" s="74"/>
      <c r="I4015" s="75"/>
      <c r="J4015" s="74"/>
      <c r="L4015" s="55"/>
      <c r="M4015" s="234"/>
      <c r="N4015" s="65"/>
      <c r="O4015" s="76"/>
      <c r="P4015" s="76"/>
      <c r="Q4015" s="65"/>
      <c r="R4015" s="76"/>
      <c r="S4015" s="76"/>
      <c r="T4015" s="76"/>
      <c r="U4015" s="76"/>
      <c r="V4015" s="76"/>
      <c r="W4015" s="76"/>
      <c r="X4015" s="76"/>
      <c r="Y4015" s="76"/>
      <c r="Z4015" s="76"/>
      <c r="AA4015" s="85"/>
      <c r="AB4015" s="85"/>
      <c r="AC4015" s="85"/>
      <c r="AD4015" s="85"/>
      <c r="AE4015" s="85"/>
      <c r="AF4015" s="85"/>
      <c r="AG4015" s="86"/>
      <c r="AH4015" s="85"/>
      <c r="AI4015" s="85"/>
      <c r="AJ4015" s="85"/>
      <c r="AK4015" s="85"/>
      <c r="AL4015" s="85"/>
      <c r="AM4015" s="92"/>
      <c r="AN4015" s="92"/>
      <c r="AO4015" s="92"/>
      <c r="AP4015" s="92"/>
      <c r="AQ4015" s="92"/>
      <c r="AR4015" s="92"/>
      <c r="AS4015" s="92"/>
      <c r="AT4015" s="92"/>
      <c r="AU4015" s="92"/>
      <c r="AV4015" s="92"/>
      <c r="AW4015" s="92"/>
      <c r="AX4015" s="92"/>
      <c r="AY4015" s="92"/>
      <c r="AZ4015" s="93"/>
      <c r="BA4015" s="93"/>
      <c r="BB4015" s="93"/>
      <c r="BC4015" s="93"/>
      <c r="BD4015" s="93"/>
      <c r="BE4015" s="93"/>
      <c r="BF4015" s="93"/>
      <c r="BG4015" s="93"/>
      <c r="BH4015" s="93"/>
      <c r="BI4015" s="93"/>
      <c r="BJ4015" s="93"/>
      <c r="BK4015" s="93"/>
      <c r="BL4015" s="93"/>
    </row>
    <row r="4016" spans="2:64" x14ac:dyDescent="0.2">
      <c r="B4016" s="43"/>
      <c r="C4016" s="73"/>
      <c r="D4016" s="64"/>
      <c r="E4016" s="55"/>
      <c r="F4016" s="74"/>
      <c r="G4016" s="74"/>
      <c r="H4016" s="74"/>
      <c r="I4016" s="75"/>
      <c r="J4016" s="74"/>
      <c r="L4016" s="55"/>
      <c r="M4016" s="234"/>
      <c r="N4016" s="65"/>
      <c r="O4016" s="76"/>
      <c r="P4016" s="76"/>
      <c r="Q4016" s="65"/>
      <c r="R4016" s="76"/>
      <c r="S4016" s="76"/>
      <c r="T4016" s="76"/>
      <c r="U4016" s="76"/>
      <c r="V4016" s="76"/>
      <c r="W4016" s="76"/>
      <c r="X4016" s="76"/>
      <c r="Y4016" s="76"/>
      <c r="Z4016" s="76"/>
      <c r="AA4016" s="85"/>
      <c r="AB4016" s="85"/>
      <c r="AC4016" s="85"/>
      <c r="AD4016" s="85"/>
      <c r="AE4016" s="85"/>
      <c r="AF4016" s="85"/>
      <c r="AG4016" s="86"/>
      <c r="AH4016" s="85"/>
      <c r="AI4016" s="85"/>
      <c r="AJ4016" s="85"/>
      <c r="AK4016" s="85"/>
      <c r="AL4016" s="85"/>
      <c r="AM4016" s="92"/>
      <c r="AN4016" s="92"/>
      <c r="AO4016" s="92"/>
      <c r="AP4016" s="92"/>
      <c r="AQ4016" s="92"/>
      <c r="AR4016" s="92"/>
      <c r="AS4016" s="92"/>
      <c r="AT4016" s="92"/>
      <c r="AU4016" s="92"/>
      <c r="AV4016" s="92"/>
      <c r="AW4016" s="92"/>
      <c r="AX4016" s="92"/>
      <c r="AY4016" s="92"/>
      <c r="AZ4016" s="93"/>
      <c r="BA4016" s="93"/>
      <c r="BB4016" s="93"/>
      <c r="BC4016" s="93"/>
      <c r="BD4016" s="93"/>
      <c r="BE4016" s="93"/>
      <c r="BF4016" s="93"/>
      <c r="BG4016" s="93"/>
      <c r="BH4016" s="93"/>
      <c r="BI4016" s="93"/>
      <c r="BJ4016" s="93"/>
      <c r="BK4016" s="93"/>
      <c r="BL4016" s="93"/>
    </row>
    <row r="4017" spans="2:64" x14ac:dyDescent="0.2">
      <c r="B4017" s="43"/>
      <c r="C4017" s="73"/>
      <c r="D4017" s="64"/>
      <c r="E4017" s="55"/>
      <c r="F4017" s="74"/>
      <c r="G4017" s="74"/>
      <c r="H4017" s="74"/>
      <c r="I4017" s="75"/>
      <c r="J4017" s="74"/>
      <c r="L4017" s="55"/>
      <c r="M4017" s="234"/>
      <c r="N4017" s="65"/>
      <c r="O4017" s="76"/>
      <c r="P4017" s="76"/>
      <c r="Q4017" s="65"/>
      <c r="R4017" s="76"/>
      <c r="S4017" s="76"/>
      <c r="T4017" s="76"/>
      <c r="U4017" s="76"/>
      <c r="V4017" s="76"/>
      <c r="W4017" s="76"/>
      <c r="X4017" s="76"/>
      <c r="Y4017" s="76"/>
      <c r="Z4017" s="76"/>
      <c r="AA4017" s="85"/>
      <c r="AB4017" s="85"/>
      <c r="AC4017" s="85"/>
      <c r="AD4017" s="85"/>
      <c r="AE4017" s="85"/>
      <c r="AF4017" s="85"/>
      <c r="AG4017" s="86"/>
      <c r="AH4017" s="85"/>
      <c r="AI4017" s="85"/>
      <c r="AJ4017" s="85"/>
      <c r="AK4017" s="85"/>
      <c r="AL4017" s="85"/>
      <c r="AM4017" s="92"/>
      <c r="AN4017" s="92"/>
      <c r="AO4017" s="92"/>
      <c r="AP4017" s="92"/>
      <c r="AQ4017" s="92"/>
      <c r="AR4017" s="92"/>
      <c r="AS4017" s="92"/>
      <c r="AT4017" s="92"/>
      <c r="AU4017" s="92"/>
      <c r="AV4017" s="92"/>
      <c r="AW4017" s="92"/>
      <c r="AX4017" s="92"/>
      <c r="AY4017" s="92"/>
      <c r="AZ4017" s="93"/>
      <c r="BA4017" s="93"/>
      <c r="BB4017" s="93"/>
      <c r="BC4017" s="93"/>
      <c r="BD4017" s="93"/>
      <c r="BE4017" s="93"/>
      <c r="BF4017" s="93"/>
      <c r="BG4017" s="93"/>
      <c r="BH4017" s="93"/>
      <c r="BI4017" s="93"/>
      <c r="BJ4017" s="93"/>
      <c r="BK4017" s="93"/>
      <c r="BL4017" s="93"/>
    </row>
    <row r="4018" spans="2:64" x14ac:dyDescent="0.2">
      <c r="B4018" s="43"/>
      <c r="C4018" s="73"/>
      <c r="D4018" s="64"/>
      <c r="E4018" s="55"/>
      <c r="F4018" s="74"/>
      <c r="G4018" s="74"/>
      <c r="H4018" s="74"/>
      <c r="I4018" s="75"/>
      <c r="J4018" s="74"/>
      <c r="L4018" s="55"/>
      <c r="M4018" s="234"/>
      <c r="N4018" s="65"/>
      <c r="O4018" s="76"/>
      <c r="P4018" s="76"/>
      <c r="Q4018" s="65"/>
      <c r="R4018" s="76"/>
      <c r="S4018" s="76"/>
      <c r="T4018" s="76"/>
      <c r="U4018" s="76"/>
      <c r="V4018" s="76"/>
      <c r="W4018" s="76"/>
      <c r="X4018" s="76"/>
      <c r="Y4018" s="76"/>
      <c r="Z4018" s="76"/>
      <c r="AA4018" s="85"/>
      <c r="AB4018" s="85"/>
      <c r="AC4018" s="85"/>
      <c r="AD4018" s="85"/>
      <c r="AE4018" s="85"/>
      <c r="AF4018" s="85"/>
      <c r="AG4018" s="86"/>
      <c r="AH4018" s="85"/>
      <c r="AI4018" s="85"/>
      <c r="AJ4018" s="85"/>
      <c r="AK4018" s="85"/>
      <c r="AL4018" s="85"/>
      <c r="AM4018" s="92"/>
      <c r="AN4018" s="92"/>
      <c r="AO4018" s="92"/>
      <c r="AP4018" s="92"/>
      <c r="AQ4018" s="92"/>
      <c r="AR4018" s="92"/>
      <c r="AS4018" s="92"/>
      <c r="AT4018" s="92"/>
      <c r="AU4018" s="92"/>
      <c r="AV4018" s="92"/>
      <c r="AW4018" s="92"/>
      <c r="AX4018" s="92"/>
      <c r="AY4018" s="92"/>
      <c r="AZ4018" s="93"/>
      <c r="BA4018" s="93"/>
      <c r="BB4018" s="93"/>
      <c r="BC4018" s="93"/>
      <c r="BD4018" s="93"/>
      <c r="BE4018" s="93"/>
      <c r="BF4018" s="93"/>
      <c r="BG4018" s="93"/>
      <c r="BH4018" s="93"/>
      <c r="BI4018" s="93"/>
      <c r="BJ4018" s="93"/>
      <c r="BK4018" s="93"/>
      <c r="BL4018" s="93"/>
    </row>
    <row r="4019" spans="2:64" x14ac:dyDescent="0.2">
      <c r="B4019" s="43"/>
      <c r="C4019" s="73"/>
      <c r="D4019" s="64"/>
      <c r="E4019" s="55"/>
      <c r="F4019" s="74"/>
      <c r="G4019" s="74"/>
      <c r="H4019" s="74"/>
      <c r="I4019" s="75"/>
      <c r="J4019" s="74"/>
      <c r="L4019" s="55"/>
      <c r="M4019" s="234"/>
      <c r="N4019" s="65"/>
      <c r="O4019" s="76"/>
      <c r="P4019" s="76"/>
      <c r="Q4019" s="65"/>
      <c r="R4019" s="76"/>
      <c r="S4019" s="76"/>
      <c r="T4019" s="76"/>
      <c r="U4019" s="76"/>
      <c r="V4019" s="76"/>
      <c r="W4019" s="76"/>
      <c r="X4019" s="76"/>
      <c r="Y4019" s="76"/>
      <c r="Z4019" s="76"/>
      <c r="AA4019" s="85"/>
      <c r="AB4019" s="85"/>
      <c r="AC4019" s="85"/>
      <c r="AD4019" s="85"/>
      <c r="AE4019" s="85"/>
      <c r="AF4019" s="85"/>
      <c r="AG4019" s="86"/>
      <c r="AH4019" s="85"/>
      <c r="AI4019" s="85"/>
      <c r="AJ4019" s="85"/>
      <c r="AK4019" s="85"/>
      <c r="AL4019" s="85"/>
      <c r="AM4019" s="92"/>
      <c r="AN4019" s="92"/>
      <c r="AO4019" s="92"/>
      <c r="AP4019" s="92"/>
      <c r="AQ4019" s="92"/>
      <c r="AR4019" s="92"/>
      <c r="AS4019" s="92"/>
      <c r="AT4019" s="92"/>
      <c r="AU4019" s="92"/>
      <c r="AV4019" s="92"/>
      <c r="AW4019" s="92"/>
      <c r="AX4019" s="92"/>
      <c r="AY4019" s="92"/>
      <c r="AZ4019" s="93"/>
      <c r="BA4019" s="93"/>
      <c r="BB4019" s="93"/>
      <c r="BC4019" s="93"/>
      <c r="BD4019" s="93"/>
      <c r="BE4019" s="93"/>
      <c r="BF4019" s="93"/>
      <c r="BG4019" s="93"/>
      <c r="BH4019" s="93"/>
      <c r="BI4019" s="93"/>
      <c r="BJ4019" s="93"/>
      <c r="BK4019" s="93"/>
      <c r="BL4019" s="93"/>
    </row>
    <row r="4020" spans="2:64" x14ac:dyDescent="0.2">
      <c r="B4020" s="43"/>
      <c r="C4020" s="73"/>
      <c r="D4020" s="64"/>
      <c r="E4020" s="55"/>
      <c r="F4020" s="74"/>
      <c r="G4020" s="74"/>
      <c r="H4020" s="74"/>
      <c r="I4020" s="75"/>
      <c r="J4020" s="74"/>
      <c r="L4020" s="55"/>
      <c r="M4020" s="234"/>
      <c r="N4020" s="65"/>
      <c r="O4020" s="76"/>
      <c r="P4020" s="76"/>
      <c r="Q4020" s="65"/>
      <c r="R4020" s="76"/>
      <c r="S4020" s="76"/>
      <c r="T4020" s="76"/>
      <c r="U4020" s="76"/>
      <c r="V4020" s="76"/>
      <c r="W4020" s="76"/>
      <c r="X4020" s="76"/>
      <c r="Y4020" s="76"/>
      <c r="Z4020" s="76"/>
      <c r="AA4020" s="85"/>
      <c r="AB4020" s="85"/>
      <c r="AC4020" s="85"/>
      <c r="AD4020" s="85"/>
      <c r="AE4020" s="85"/>
      <c r="AF4020" s="85"/>
      <c r="AG4020" s="86"/>
      <c r="AH4020" s="85"/>
      <c r="AI4020" s="85"/>
      <c r="AJ4020" s="85"/>
      <c r="AK4020" s="85"/>
      <c r="AL4020" s="85"/>
      <c r="AM4020" s="92"/>
      <c r="AN4020" s="92"/>
      <c r="AO4020" s="92"/>
      <c r="AP4020" s="92"/>
      <c r="AQ4020" s="92"/>
      <c r="AR4020" s="92"/>
      <c r="AS4020" s="92"/>
      <c r="AT4020" s="92"/>
      <c r="AU4020" s="92"/>
      <c r="AV4020" s="92"/>
      <c r="AW4020" s="92"/>
      <c r="AX4020" s="92"/>
      <c r="AY4020" s="92"/>
      <c r="AZ4020" s="93"/>
      <c r="BA4020" s="93"/>
      <c r="BB4020" s="93"/>
      <c r="BC4020" s="93"/>
      <c r="BD4020" s="93"/>
      <c r="BE4020" s="93"/>
      <c r="BF4020" s="93"/>
      <c r="BG4020" s="93"/>
      <c r="BH4020" s="93"/>
      <c r="BI4020" s="93"/>
      <c r="BJ4020" s="93"/>
      <c r="BK4020" s="93"/>
      <c r="BL4020" s="93"/>
    </row>
    <row r="4021" spans="2:64" x14ac:dyDescent="0.2">
      <c r="B4021" s="43"/>
      <c r="C4021" s="73"/>
      <c r="D4021" s="64"/>
      <c r="E4021" s="55"/>
      <c r="F4021" s="74"/>
      <c r="G4021" s="74"/>
      <c r="H4021" s="74"/>
      <c r="I4021" s="75"/>
      <c r="J4021" s="74"/>
      <c r="L4021" s="55"/>
      <c r="M4021" s="234"/>
      <c r="N4021" s="65"/>
      <c r="O4021" s="76"/>
      <c r="P4021" s="76"/>
      <c r="Q4021" s="65"/>
      <c r="R4021" s="76"/>
      <c r="S4021" s="76"/>
      <c r="T4021" s="76"/>
      <c r="U4021" s="76"/>
      <c r="V4021" s="76"/>
      <c r="W4021" s="76"/>
      <c r="X4021" s="76"/>
      <c r="Y4021" s="76"/>
      <c r="Z4021" s="76"/>
      <c r="AA4021" s="85"/>
      <c r="AB4021" s="85"/>
      <c r="AC4021" s="85"/>
      <c r="AD4021" s="85"/>
      <c r="AE4021" s="85"/>
      <c r="AF4021" s="85"/>
      <c r="AG4021" s="86"/>
      <c r="AH4021" s="85"/>
      <c r="AI4021" s="85"/>
      <c r="AJ4021" s="85"/>
      <c r="AK4021" s="85"/>
      <c r="AL4021" s="85"/>
      <c r="AM4021" s="92"/>
      <c r="AN4021" s="92"/>
      <c r="AO4021" s="92"/>
      <c r="AP4021" s="92"/>
      <c r="AQ4021" s="92"/>
      <c r="AR4021" s="92"/>
      <c r="AS4021" s="92"/>
      <c r="AT4021" s="92"/>
      <c r="AU4021" s="92"/>
      <c r="AV4021" s="92"/>
      <c r="AW4021" s="92"/>
      <c r="AX4021" s="92"/>
      <c r="AY4021" s="92"/>
      <c r="AZ4021" s="93"/>
      <c r="BA4021" s="93"/>
      <c r="BB4021" s="93"/>
      <c r="BC4021" s="93"/>
      <c r="BD4021" s="93"/>
      <c r="BE4021" s="93"/>
      <c r="BF4021" s="93"/>
      <c r="BG4021" s="93"/>
      <c r="BH4021" s="93"/>
      <c r="BI4021" s="93"/>
      <c r="BJ4021" s="93"/>
      <c r="BK4021" s="93"/>
      <c r="BL4021" s="93"/>
    </row>
    <row r="4022" spans="2:64" x14ac:dyDescent="0.2">
      <c r="B4022" s="43"/>
      <c r="C4022" s="73"/>
      <c r="D4022" s="64"/>
      <c r="E4022" s="55"/>
      <c r="F4022" s="74"/>
      <c r="G4022" s="74"/>
      <c r="H4022" s="74"/>
      <c r="I4022" s="75"/>
      <c r="J4022" s="74"/>
      <c r="L4022" s="55"/>
      <c r="M4022" s="234"/>
      <c r="N4022" s="65"/>
      <c r="O4022" s="76"/>
      <c r="P4022" s="76"/>
      <c r="Q4022" s="65"/>
      <c r="R4022" s="76"/>
      <c r="S4022" s="76"/>
      <c r="T4022" s="76"/>
      <c r="U4022" s="76"/>
      <c r="V4022" s="76"/>
      <c r="W4022" s="76"/>
      <c r="X4022" s="76"/>
      <c r="Y4022" s="76"/>
      <c r="Z4022" s="76"/>
      <c r="AA4022" s="85"/>
      <c r="AB4022" s="85"/>
      <c r="AC4022" s="85"/>
      <c r="AD4022" s="85"/>
      <c r="AE4022" s="85"/>
      <c r="AF4022" s="85"/>
      <c r="AG4022" s="86"/>
      <c r="AH4022" s="85"/>
      <c r="AI4022" s="85"/>
      <c r="AJ4022" s="85"/>
      <c r="AK4022" s="85"/>
      <c r="AL4022" s="85"/>
      <c r="AM4022" s="92"/>
      <c r="AN4022" s="92"/>
      <c r="AO4022" s="92"/>
      <c r="AP4022" s="92"/>
      <c r="AQ4022" s="92"/>
      <c r="AR4022" s="92"/>
      <c r="AS4022" s="92"/>
      <c r="AT4022" s="92"/>
      <c r="AU4022" s="92"/>
      <c r="AV4022" s="92"/>
      <c r="AW4022" s="92"/>
      <c r="AX4022" s="92"/>
      <c r="AY4022" s="92"/>
      <c r="AZ4022" s="93"/>
      <c r="BA4022" s="93"/>
      <c r="BB4022" s="93"/>
      <c r="BC4022" s="93"/>
      <c r="BD4022" s="93"/>
      <c r="BE4022" s="93"/>
      <c r="BF4022" s="93"/>
      <c r="BG4022" s="93"/>
      <c r="BH4022" s="93"/>
      <c r="BI4022" s="93"/>
      <c r="BJ4022" s="93"/>
      <c r="BK4022" s="93"/>
      <c r="BL4022" s="93"/>
    </row>
    <row r="4023" spans="2:64" x14ac:dyDescent="0.2">
      <c r="B4023" s="43"/>
      <c r="C4023" s="73"/>
      <c r="D4023" s="64"/>
      <c r="E4023" s="55"/>
      <c r="F4023" s="74"/>
      <c r="G4023" s="74"/>
      <c r="H4023" s="74"/>
      <c r="I4023" s="75"/>
      <c r="J4023" s="74"/>
      <c r="L4023" s="55"/>
      <c r="M4023" s="234"/>
      <c r="N4023" s="65"/>
      <c r="O4023" s="76"/>
      <c r="P4023" s="76"/>
      <c r="Q4023" s="65"/>
      <c r="R4023" s="76"/>
      <c r="S4023" s="76"/>
      <c r="T4023" s="76"/>
      <c r="U4023" s="76"/>
      <c r="V4023" s="76"/>
      <c r="W4023" s="76"/>
      <c r="X4023" s="76"/>
      <c r="Y4023" s="76"/>
      <c r="Z4023" s="76"/>
      <c r="AA4023" s="85"/>
      <c r="AB4023" s="85"/>
      <c r="AC4023" s="85"/>
      <c r="AD4023" s="85"/>
      <c r="AE4023" s="85"/>
      <c r="AF4023" s="85"/>
      <c r="AG4023" s="86"/>
      <c r="AH4023" s="85"/>
      <c r="AI4023" s="85"/>
      <c r="AJ4023" s="85"/>
      <c r="AK4023" s="85"/>
      <c r="AL4023" s="85"/>
      <c r="AM4023" s="92"/>
      <c r="AN4023" s="92"/>
      <c r="AO4023" s="92"/>
      <c r="AP4023" s="92"/>
      <c r="AQ4023" s="92"/>
      <c r="AR4023" s="92"/>
      <c r="AS4023" s="92"/>
      <c r="AT4023" s="92"/>
      <c r="AU4023" s="92"/>
      <c r="AV4023" s="92"/>
      <c r="AW4023" s="92"/>
      <c r="AX4023" s="92"/>
      <c r="AY4023" s="92"/>
      <c r="AZ4023" s="93"/>
      <c r="BA4023" s="93"/>
      <c r="BB4023" s="93"/>
      <c r="BC4023" s="93"/>
      <c r="BD4023" s="93"/>
      <c r="BE4023" s="93"/>
      <c r="BF4023" s="93"/>
      <c r="BG4023" s="93"/>
      <c r="BH4023" s="93"/>
      <c r="BI4023" s="93"/>
      <c r="BJ4023" s="93"/>
      <c r="BK4023" s="93"/>
      <c r="BL4023" s="93"/>
    </row>
    <row r="4024" spans="2:64" x14ac:dyDescent="0.2">
      <c r="B4024" s="43"/>
      <c r="C4024" s="73"/>
      <c r="D4024" s="64"/>
      <c r="E4024" s="55"/>
      <c r="F4024" s="74"/>
      <c r="G4024" s="74"/>
      <c r="H4024" s="74"/>
      <c r="I4024" s="75"/>
      <c r="J4024" s="74"/>
      <c r="L4024" s="55"/>
      <c r="M4024" s="234"/>
      <c r="N4024" s="65"/>
      <c r="O4024" s="76"/>
      <c r="P4024" s="76"/>
      <c r="Q4024" s="65"/>
      <c r="R4024" s="76"/>
      <c r="S4024" s="76"/>
      <c r="T4024" s="76"/>
      <c r="U4024" s="76"/>
      <c r="V4024" s="76"/>
      <c r="W4024" s="76"/>
      <c r="X4024" s="76"/>
      <c r="Y4024" s="76"/>
      <c r="Z4024" s="76"/>
      <c r="AA4024" s="85"/>
      <c r="AB4024" s="85"/>
      <c r="AC4024" s="85"/>
      <c r="AD4024" s="85"/>
      <c r="AE4024" s="85"/>
      <c r="AF4024" s="85"/>
      <c r="AG4024" s="86"/>
      <c r="AH4024" s="85"/>
      <c r="AI4024" s="85"/>
      <c r="AJ4024" s="85"/>
      <c r="AK4024" s="85"/>
      <c r="AL4024" s="85"/>
      <c r="AM4024" s="92"/>
      <c r="AN4024" s="92"/>
      <c r="AO4024" s="92"/>
      <c r="AP4024" s="92"/>
      <c r="AQ4024" s="92"/>
      <c r="AR4024" s="92"/>
      <c r="AS4024" s="92"/>
      <c r="AT4024" s="92"/>
      <c r="AU4024" s="92"/>
      <c r="AV4024" s="92"/>
      <c r="AW4024" s="92"/>
      <c r="AX4024" s="92"/>
      <c r="AY4024" s="92"/>
      <c r="AZ4024" s="93"/>
      <c r="BA4024" s="93"/>
      <c r="BB4024" s="93"/>
      <c r="BC4024" s="93"/>
      <c r="BD4024" s="93"/>
      <c r="BE4024" s="93"/>
      <c r="BF4024" s="93"/>
      <c r="BG4024" s="93"/>
      <c r="BH4024" s="93"/>
      <c r="BI4024" s="93"/>
      <c r="BJ4024" s="93"/>
      <c r="BK4024" s="93"/>
      <c r="BL4024" s="93"/>
    </row>
    <row r="4025" spans="2:64" x14ac:dyDescent="0.2">
      <c r="B4025" s="43"/>
      <c r="C4025" s="73"/>
      <c r="D4025" s="64"/>
      <c r="E4025" s="55"/>
      <c r="F4025" s="74"/>
      <c r="G4025" s="74"/>
      <c r="H4025" s="74"/>
      <c r="I4025" s="75"/>
      <c r="J4025" s="74"/>
      <c r="L4025" s="55"/>
      <c r="M4025" s="234"/>
      <c r="N4025" s="65"/>
      <c r="O4025" s="76"/>
      <c r="P4025" s="76"/>
      <c r="Q4025" s="65"/>
      <c r="R4025" s="76"/>
      <c r="S4025" s="76"/>
      <c r="T4025" s="76"/>
      <c r="U4025" s="76"/>
      <c r="V4025" s="76"/>
      <c r="W4025" s="76"/>
      <c r="X4025" s="76"/>
      <c r="Y4025" s="76"/>
      <c r="Z4025" s="76"/>
      <c r="AA4025" s="85"/>
      <c r="AB4025" s="85"/>
      <c r="AC4025" s="85"/>
      <c r="AD4025" s="85"/>
      <c r="AE4025" s="85"/>
      <c r="AF4025" s="85"/>
      <c r="AG4025" s="86"/>
      <c r="AH4025" s="85"/>
      <c r="AI4025" s="85"/>
      <c r="AJ4025" s="85"/>
      <c r="AK4025" s="85"/>
      <c r="AL4025" s="85"/>
      <c r="AM4025" s="92"/>
      <c r="AN4025" s="92"/>
      <c r="AO4025" s="92"/>
      <c r="AP4025" s="92"/>
      <c r="AQ4025" s="92"/>
      <c r="AR4025" s="92"/>
      <c r="AS4025" s="92"/>
      <c r="AT4025" s="92"/>
      <c r="AU4025" s="92"/>
      <c r="AV4025" s="92"/>
      <c r="AW4025" s="92"/>
      <c r="AX4025" s="92"/>
      <c r="AY4025" s="92"/>
      <c r="AZ4025" s="93"/>
      <c r="BA4025" s="93"/>
      <c r="BB4025" s="93"/>
      <c r="BC4025" s="93"/>
      <c r="BD4025" s="93"/>
      <c r="BE4025" s="93"/>
      <c r="BF4025" s="93"/>
      <c r="BG4025" s="93"/>
      <c r="BH4025" s="93"/>
      <c r="BI4025" s="93"/>
      <c r="BJ4025" s="93"/>
      <c r="BK4025" s="93"/>
      <c r="BL4025" s="93"/>
    </row>
    <row r="4026" spans="2:64" x14ac:dyDescent="0.2">
      <c r="B4026" s="43"/>
      <c r="C4026" s="73"/>
      <c r="D4026" s="64"/>
      <c r="E4026" s="55"/>
      <c r="F4026" s="74"/>
      <c r="G4026" s="74"/>
      <c r="H4026" s="74"/>
      <c r="I4026" s="75"/>
      <c r="J4026" s="74"/>
      <c r="L4026" s="55"/>
      <c r="M4026" s="234"/>
      <c r="N4026" s="65"/>
      <c r="O4026" s="76"/>
      <c r="P4026" s="76"/>
      <c r="Q4026" s="65"/>
      <c r="R4026" s="76"/>
      <c r="S4026" s="76"/>
      <c r="T4026" s="76"/>
      <c r="U4026" s="76"/>
      <c r="V4026" s="76"/>
      <c r="W4026" s="76"/>
      <c r="X4026" s="76"/>
      <c r="Y4026" s="76"/>
      <c r="Z4026" s="76"/>
      <c r="AA4026" s="85"/>
      <c r="AB4026" s="85"/>
      <c r="AC4026" s="85"/>
      <c r="AD4026" s="85"/>
      <c r="AE4026" s="85"/>
      <c r="AF4026" s="85"/>
      <c r="AG4026" s="86"/>
      <c r="AH4026" s="85"/>
      <c r="AI4026" s="85"/>
      <c r="AJ4026" s="85"/>
      <c r="AK4026" s="85"/>
      <c r="AL4026" s="85"/>
      <c r="AM4026" s="92"/>
      <c r="AN4026" s="92"/>
      <c r="AO4026" s="92"/>
      <c r="AP4026" s="92"/>
      <c r="AQ4026" s="92"/>
      <c r="AR4026" s="92"/>
      <c r="AS4026" s="92"/>
      <c r="AT4026" s="92"/>
      <c r="AU4026" s="92"/>
      <c r="AV4026" s="92"/>
      <c r="AW4026" s="92"/>
      <c r="AX4026" s="92"/>
      <c r="AY4026" s="92"/>
      <c r="AZ4026" s="93"/>
      <c r="BA4026" s="93"/>
      <c r="BB4026" s="93"/>
      <c r="BC4026" s="93"/>
      <c r="BD4026" s="93"/>
      <c r="BE4026" s="93"/>
      <c r="BF4026" s="93"/>
      <c r="BG4026" s="93"/>
      <c r="BH4026" s="93"/>
      <c r="BI4026" s="93"/>
      <c r="BJ4026" s="93"/>
      <c r="BK4026" s="93"/>
      <c r="BL4026" s="93"/>
    </row>
    <row r="4027" spans="2:64" x14ac:dyDescent="0.2">
      <c r="B4027" s="43"/>
      <c r="C4027" s="73"/>
      <c r="D4027" s="64"/>
      <c r="E4027" s="55"/>
      <c r="F4027" s="74"/>
      <c r="G4027" s="74"/>
      <c r="H4027" s="74"/>
      <c r="I4027" s="75"/>
      <c r="J4027" s="74"/>
      <c r="L4027" s="55"/>
      <c r="M4027" s="234"/>
      <c r="N4027" s="65"/>
      <c r="O4027" s="76"/>
      <c r="P4027" s="76"/>
      <c r="Q4027" s="65"/>
      <c r="R4027" s="76"/>
      <c r="S4027" s="76"/>
      <c r="T4027" s="76"/>
      <c r="U4027" s="76"/>
      <c r="V4027" s="76"/>
      <c r="W4027" s="76"/>
      <c r="X4027" s="76"/>
      <c r="Y4027" s="76"/>
      <c r="Z4027" s="76"/>
      <c r="AA4027" s="85"/>
      <c r="AB4027" s="85"/>
      <c r="AC4027" s="85"/>
      <c r="AD4027" s="85"/>
      <c r="AE4027" s="85"/>
      <c r="AF4027" s="85"/>
      <c r="AG4027" s="86"/>
      <c r="AH4027" s="85"/>
      <c r="AI4027" s="85"/>
      <c r="AJ4027" s="85"/>
      <c r="AK4027" s="85"/>
      <c r="AL4027" s="85"/>
      <c r="AM4027" s="92"/>
      <c r="AN4027" s="92"/>
      <c r="AO4027" s="92"/>
      <c r="AP4027" s="92"/>
      <c r="AQ4027" s="92"/>
      <c r="AR4027" s="92"/>
      <c r="AS4027" s="92"/>
      <c r="AT4027" s="92"/>
      <c r="AU4027" s="92"/>
      <c r="AV4027" s="92"/>
      <c r="AW4027" s="92"/>
      <c r="AX4027" s="92"/>
      <c r="AY4027" s="92"/>
      <c r="AZ4027" s="93"/>
      <c r="BA4027" s="93"/>
      <c r="BB4027" s="93"/>
      <c r="BC4027" s="93"/>
      <c r="BD4027" s="93"/>
      <c r="BE4027" s="93"/>
      <c r="BF4027" s="93"/>
      <c r="BG4027" s="93"/>
      <c r="BH4027" s="93"/>
      <c r="BI4027" s="93"/>
      <c r="BJ4027" s="93"/>
      <c r="BK4027" s="93"/>
      <c r="BL4027" s="93"/>
    </row>
    <row r="4028" spans="2:64" x14ac:dyDescent="0.2">
      <c r="B4028" s="43"/>
      <c r="C4028" s="73"/>
      <c r="D4028" s="64"/>
      <c r="E4028" s="55"/>
      <c r="F4028" s="74"/>
      <c r="G4028" s="74"/>
      <c r="H4028" s="74"/>
      <c r="I4028" s="75"/>
      <c r="J4028" s="74"/>
      <c r="L4028" s="55"/>
      <c r="M4028" s="234"/>
      <c r="N4028" s="65"/>
      <c r="O4028" s="76"/>
      <c r="P4028" s="76"/>
      <c r="Q4028" s="65"/>
      <c r="R4028" s="76"/>
      <c r="S4028" s="76"/>
      <c r="T4028" s="76"/>
      <c r="U4028" s="76"/>
      <c r="V4028" s="76"/>
      <c r="W4028" s="76"/>
      <c r="X4028" s="76"/>
      <c r="Y4028" s="76"/>
      <c r="Z4028" s="76"/>
      <c r="AA4028" s="85"/>
      <c r="AB4028" s="85"/>
      <c r="AC4028" s="85"/>
      <c r="AD4028" s="85"/>
      <c r="AE4028" s="85"/>
      <c r="AF4028" s="85"/>
      <c r="AG4028" s="86"/>
      <c r="AH4028" s="85"/>
      <c r="AI4028" s="85"/>
      <c r="AJ4028" s="85"/>
      <c r="AK4028" s="85"/>
      <c r="AL4028" s="85"/>
      <c r="AM4028" s="92"/>
      <c r="AN4028" s="92"/>
      <c r="AO4028" s="92"/>
      <c r="AP4028" s="92"/>
      <c r="AQ4028" s="92"/>
      <c r="AR4028" s="92"/>
      <c r="AS4028" s="92"/>
      <c r="AT4028" s="92"/>
      <c r="AU4028" s="92"/>
      <c r="AV4028" s="92"/>
      <c r="AW4028" s="92"/>
      <c r="AX4028" s="92"/>
      <c r="AY4028" s="92"/>
      <c r="AZ4028" s="93"/>
      <c r="BA4028" s="93"/>
      <c r="BB4028" s="93"/>
      <c r="BC4028" s="93"/>
      <c r="BD4028" s="93"/>
      <c r="BE4028" s="93"/>
      <c r="BF4028" s="93"/>
      <c r="BG4028" s="93"/>
      <c r="BH4028" s="93"/>
      <c r="BI4028" s="93"/>
      <c r="BJ4028" s="93"/>
      <c r="BK4028" s="93"/>
      <c r="BL4028" s="93"/>
    </row>
    <row r="4029" spans="2:64" x14ac:dyDescent="0.2">
      <c r="B4029" s="43"/>
      <c r="C4029" s="73"/>
      <c r="D4029" s="64"/>
      <c r="E4029" s="55"/>
      <c r="F4029" s="74"/>
      <c r="G4029" s="74"/>
      <c r="H4029" s="74"/>
      <c r="I4029" s="75"/>
      <c r="J4029" s="74"/>
      <c r="L4029" s="55"/>
      <c r="M4029" s="234"/>
      <c r="N4029" s="65"/>
      <c r="O4029" s="76"/>
      <c r="P4029" s="76"/>
      <c r="Q4029" s="65"/>
      <c r="R4029" s="76"/>
      <c r="S4029" s="76"/>
      <c r="T4029" s="76"/>
      <c r="U4029" s="76"/>
      <c r="V4029" s="76"/>
      <c r="W4029" s="76"/>
      <c r="X4029" s="76"/>
      <c r="Y4029" s="76"/>
      <c r="Z4029" s="76"/>
      <c r="AA4029" s="85"/>
      <c r="AB4029" s="85"/>
      <c r="AC4029" s="85"/>
      <c r="AD4029" s="85"/>
      <c r="AE4029" s="85"/>
      <c r="AF4029" s="85"/>
      <c r="AG4029" s="86"/>
      <c r="AH4029" s="85"/>
      <c r="AI4029" s="85"/>
      <c r="AJ4029" s="85"/>
      <c r="AK4029" s="85"/>
      <c r="AL4029" s="85"/>
      <c r="AM4029" s="92"/>
      <c r="AN4029" s="92"/>
      <c r="AO4029" s="92"/>
      <c r="AP4029" s="92"/>
      <c r="AQ4029" s="92"/>
      <c r="AR4029" s="92"/>
      <c r="AS4029" s="92"/>
      <c r="AT4029" s="92"/>
      <c r="AU4029" s="92"/>
      <c r="AV4029" s="92"/>
      <c r="AW4029" s="92"/>
      <c r="AX4029" s="92"/>
      <c r="AY4029" s="92"/>
      <c r="AZ4029" s="93"/>
      <c r="BA4029" s="93"/>
      <c r="BB4029" s="93"/>
      <c r="BC4029" s="93"/>
      <c r="BD4029" s="93"/>
      <c r="BE4029" s="93"/>
      <c r="BF4029" s="93"/>
      <c r="BG4029" s="93"/>
      <c r="BH4029" s="93"/>
      <c r="BI4029" s="93"/>
      <c r="BJ4029" s="93"/>
      <c r="BK4029" s="93"/>
      <c r="BL4029" s="93"/>
    </row>
    <row r="4030" spans="2:64" x14ac:dyDescent="0.2">
      <c r="B4030" s="43"/>
      <c r="C4030" s="73"/>
      <c r="D4030" s="64"/>
      <c r="E4030" s="55"/>
      <c r="F4030" s="74"/>
      <c r="G4030" s="74"/>
      <c r="H4030" s="74"/>
      <c r="I4030" s="75"/>
      <c r="J4030" s="74"/>
      <c r="L4030" s="55"/>
      <c r="M4030" s="234"/>
      <c r="N4030" s="65"/>
      <c r="O4030" s="76"/>
      <c r="P4030" s="76"/>
      <c r="Q4030" s="65"/>
      <c r="R4030" s="76"/>
      <c r="S4030" s="76"/>
      <c r="T4030" s="76"/>
      <c r="U4030" s="76"/>
      <c r="V4030" s="76"/>
      <c r="W4030" s="76"/>
      <c r="X4030" s="76"/>
      <c r="Y4030" s="76"/>
      <c r="Z4030" s="76"/>
      <c r="AA4030" s="85"/>
      <c r="AB4030" s="85"/>
      <c r="AC4030" s="85"/>
      <c r="AD4030" s="85"/>
      <c r="AE4030" s="85"/>
      <c r="AF4030" s="85"/>
      <c r="AG4030" s="86"/>
      <c r="AH4030" s="85"/>
      <c r="AI4030" s="85"/>
      <c r="AJ4030" s="85"/>
      <c r="AK4030" s="85"/>
      <c r="AL4030" s="85"/>
      <c r="AM4030" s="92"/>
      <c r="AN4030" s="92"/>
      <c r="AO4030" s="92"/>
      <c r="AP4030" s="92"/>
      <c r="AQ4030" s="92"/>
      <c r="AR4030" s="92"/>
      <c r="AS4030" s="92"/>
      <c r="AT4030" s="92"/>
      <c r="AU4030" s="92"/>
      <c r="AV4030" s="92"/>
      <c r="AW4030" s="92"/>
      <c r="AX4030" s="92"/>
      <c r="AY4030" s="92"/>
      <c r="AZ4030" s="93"/>
      <c r="BA4030" s="93"/>
      <c r="BB4030" s="93"/>
      <c r="BC4030" s="93"/>
      <c r="BD4030" s="93"/>
      <c r="BE4030" s="93"/>
      <c r="BF4030" s="93"/>
      <c r="BG4030" s="93"/>
      <c r="BH4030" s="93"/>
      <c r="BI4030" s="93"/>
      <c r="BJ4030" s="93"/>
      <c r="BK4030" s="93"/>
      <c r="BL4030" s="93"/>
    </row>
    <row r="4031" spans="2:64" x14ac:dyDescent="0.2">
      <c r="B4031" s="43"/>
      <c r="C4031" s="73"/>
      <c r="D4031" s="64"/>
      <c r="E4031" s="55"/>
      <c r="F4031" s="74"/>
      <c r="G4031" s="74"/>
      <c r="H4031" s="74"/>
      <c r="I4031" s="75"/>
      <c r="J4031" s="74"/>
      <c r="L4031" s="55"/>
      <c r="M4031" s="234"/>
      <c r="N4031" s="65"/>
      <c r="O4031" s="76"/>
      <c r="P4031" s="76"/>
      <c r="Q4031" s="65"/>
      <c r="R4031" s="76"/>
      <c r="S4031" s="76"/>
      <c r="T4031" s="76"/>
      <c r="U4031" s="76"/>
      <c r="V4031" s="76"/>
      <c r="W4031" s="76"/>
      <c r="X4031" s="76"/>
      <c r="Y4031" s="76"/>
      <c r="Z4031" s="76"/>
      <c r="AA4031" s="85"/>
      <c r="AB4031" s="85"/>
      <c r="AC4031" s="85"/>
      <c r="AD4031" s="85"/>
      <c r="AE4031" s="85"/>
      <c r="AF4031" s="85"/>
      <c r="AG4031" s="86"/>
      <c r="AH4031" s="85"/>
      <c r="AI4031" s="85"/>
      <c r="AJ4031" s="85"/>
      <c r="AK4031" s="85"/>
      <c r="AL4031" s="85"/>
      <c r="AM4031" s="92"/>
      <c r="AN4031" s="92"/>
      <c r="AO4031" s="92"/>
      <c r="AP4031" s="92"/>
      <c r="AQ4031" s="92"/>
      <c r="AR4031" s="92"/>
      <c r="AS4031" s="92"/>
      <c r="AT4031" s="92"/>
      <c r="AU4031" s="92"/>
      <c r="AV4031" s="92"/>
      <c r="AW4031" s="92"/>
      <c r="AX4031" s="92"/>
      <c r="AY4031" s="92"/>
      <c r="AZ4031" s="93"/>
      <c r="BA4031" s="93"/>
      <c r="BB4031" s="93"/>
      <c r="BC4031" s="93"/>
      <c r="BD4031" s="93"/>
      <c r="BE4031" s="93"/>
      <c r="BF4031" s="93"/>
      <c r="BG4031" s="93"/>
      <c r="BH4031" s="93"/>
      <c r="BI4031" s="93"/>
      <c r="BJ4031" s="93"/>
      <c r="BK4031" s="93"/>
      <c r="BL4031" s="93"/>
    </row>
    <row r="4032" spans="2:64" x14ac:dyDescent="0.2">
      <c r="B4032" s="43"/>
      <c r="C4032" s="73"/>
      <c r="D4032" s="64"/>
      <c r="E4032" s="55"/>
      <c r="F4032" s="74"/>
      <c r="G4032" s="74"/>
      <c r="H4032" s="74"/>
      <c r="I4032" s="75"/>
      <c r="J4032" s="74"/>
      <c r="L4032" s="55"/>
      <c r="M4032" s="234"/>
      <c r="N4032" s="65"/>
      <c r="O4032" s="76"/>
      <c r="P4032" s="76"/>
      <c r="Q4032" s="65"/>
      <c r="R4032" s="76"/>
      <c r="S4032" s="76"/>
      <c r="T4032" s="76"/>
      <c r="U4032" s="76"/>
      <c r="V4032" s="76"/>
      <c r="W4032" s="76"/>
      <c r="X4032" s="76"/>
      <c r="Y4032" s="76"/>
      <c r="Z4032" s="76"/>
      <c r="AA4032" s="85"/>
      <c r="AB4032" s="85"/>
      <c r="AC4032" s="85"/>
      <c r="AD4032" s="85"/>
      <c r="AE4032" s="85"/>
      <c r="AF4032" s="85"/>
      <c r="AG4032" s="86"/>
      <c r="AH4032" s="85"/>
      <c r="AI4032" s="85"/>
      <c r="AJ4032" s="85"/>
      <c r="AK4032" s="85"/>
      <c r="AL4032" s="85"/>
      <c r="AM4032" s="92"/>
      <c r="AN4032" s="92"/>
      <c r="AO4032" s="92"/>
      <c r="AP4032" s="92"/>
      <c r="AQ4032" s="92"/>
      <c r="AR4032" s="92"/>
      <c r="AS4032" s="92"/>
      <c r="AT4032" s="92"/>
      <c r="AU4032" s="92"/>
      <c r="AV4032" s="92"/>
      <c r="AW4032" s="92"/>
      <c r="AX4032" s="92"/>
      <c r="AY4032" s="92"/>
      <c r="AZ4032" s="93"/>
      <c r="BA4032" s="93"/>
      <c r="BB4032" s="93"/>
      <c r="BC4032" s="93"/>
      <c r="BD4032" s="93"/>
      <c r="BE4032" s="93"/>
      <c r="BF4032" s="93"/>
      <c r="BG4032" s="93"/>
      <c r="BH4032" s="93"/>
      <c r="BI4032" s="93"/>
      <c r="BJ4032" s="93"/>
      <c r="BK4032" s="93"/>
      <c r="BL4032" s="93"/>
    </row>
    <row r="4033" spans="2:64" x14ac:dyDescent="0.2">
      <c r="B4033" s="43"/>
      <c r="C4033" s="73"/>
      <c r="D4033" s="64"/>
      <c r="E4033" s="55"/>
      <c r="F4033" s="74"/>
      <c r="G4033" s="74"/>
      <c r="H4033" s="74"/>
      <c r="I4033" s="75"/>
      <c r="J4033" s="74"/>
      <c r="L4033" s="55"/>
      <c r="M4033" s="234"/>
      <c r="N4033" s="65"/>
      <c r="O4033" s="76"/>
      <c r="P4033" s="76"/>
      <c r="Q4033" s="65"/>
      <c r="R4033" s="76"/>
      <c r="S4033" s="76"/>
      <c r="T4033" s="76"/>
      <c r="U4033" s="76"/>
      <c r="V4033" s="76"/>
      <c r="W4033" s="76"/>
      <c r="X4033" s="76"/>
      <c r="Y4033" s="76"/>
      <c r="Z4033" s="76"/>
      <c r="AA4033" s="85"/>
      <c r="AB4033" s="85"/>
      <c r="AC4033" s="85"/>
      <c r="AD4033" s="85"/>
      <c r="AE4033" s="85"/>
      <c r="AF4033" s="85"/>
      <c r="AG4033" s="86"/>
      <c r="AH4033" s="85"/>
      <c r="AI4033" s="85"/>
      <c r="AJ4033" s="85"/>
      <c r="AK4033" s="85"/>
      <c r="AL4033" s="85"/>
      <c r="AM4033" s="92"/>
      <c r="AN4033" s="92"/>
      <c r="AO4033" s="92"/>
      <c r="AP4033" s="92"/>
      <c r="AQ4033" s="92"/>
      <c r="AR4033" s="92"/>
      <c r="AS4033" s="92"/>
      <c r="AT4033" s="92"/>
      <c r="AU4033" s="92"/>
      <c r="AV4033" s="92"/>
      <c r="AW4033" s="92"/>
      <c r="AX4033" s="92"/>
      <c r="AY4033" s="92"/>
      <c r="AZ4033" s="93"/>
      <c r="BA4033" s="93"/>
      <c r="BB4033" s="93"/>
      <c r="BC4033" s="93"/>
      <c r="BD4033" s="93"/>
      <c r="BE4033" s="93"/>
      <c r="BF4033" s="93"/>
      <c r="BG4033" s="93"/>
      <c r="BH4033" s="93"/>
      <c r="BI4033" s="93"/>
      <c r="BJ4033" s="93"/>
      <c r="BK4033" s="93"/>
      <c r="BL4033" s="93"/>
    </row>
    <row r="4034" spans="2:64" x14ac:dyDescent="0.2">
      <c r="B4034" s="43"/>
      <c r="C4034" s="73"/>
      <c r="D4034" s="64"/>
      <c r="E4034" s="55"/>
      <c r="F4034" s="74"/>
      <c r="G4034" s="74"/>
      <c r="H4034" s="74"/>
      <c r="I4034" s="75"/>
      <c r="J4034" s="74"/>
      <c r="L4034" s="55"/>
      <c r="M4034" s="234"/>
      <c r="N4034" s="65"/>
      <c r="O4034" s="76"/>
      <c r="P4034" s="76"/>
      <c r="Q4034" s="65"/>
      <c r="R4034" s="76"/>
      <c r="S4034" s="76"/>
      <c r="T4034" s="76"/>
      <c r="U4034" s="76"/>
      <c r="V4034" s="76"/>
      <c r="W4034" s="76"/>
      <c r="X4034" s="76"/>
      <c r="Y4034" s="76"/>
      <c r="Z4034" s="76"/>
      <c r="AA4034" s="85"/>
      <c r="AB4034" s="85"/>
      <c r="AC4034" s="85"/>
      <c r="AD4034" s="85"/>
      <c r="AE4034" s="85"/>
      <c r="AF4034" s="85"/>
      <c r="AG4034" s="86"/>
      <c r="AH4034" s="85"/>
      <c r="AI4034" s="85"/>
      <c r="AJ4034" s="85"/>
      <c r="AK4034" s="85"/>
      <c r="AL4034" s="85"/>
      <c r="AM4034" s="92"/>
      <c r="AN4034" s="92"/>
      <c r="AO4034" s="92"/>
      <c r="AP4034" s="92"/>
      <c r="AQ4034" s="92"/>
      <c r="AR4034" s="92"/>
      <c r="AS4034" s="92"/>
      <c r="AT4034" s="92"/>
      <c r="AU4034" s="92"/>
      <c r="AV4034" s="92"/>
      <c r="AW4034" s="92"/>
      <c r="AX4034" s="92"/>
      <c r="AY4034" s="92"/>
      <c r="AZ4034" s="93"/>
      <c r="BA4034" s="93"/>
      <c r="BB4034" s="93"/>
      <c r="BC4034" s="93"/>
      <c r="BD4034" s="93"/>
      <c r="BE4034" s="93"/>
      <c r="BF4034" s="93"/>
      <c r="BG4034" s="93"/>
      <c r="BH4034" s="93"/>
      <c r="BI4034" s="93"/>
      <c r="BJ4034" s="93"/>
      <c r="BK4034" s="93"/>
      <c r="BL4034" s="93"/>
    </row>
    <row r="4035" spans="2:64" x14ac:dyDescent="0.2">
      <c r="B4035" s="43"/>
      <c r="C4035" s="73"/>
      <c r="D4035" s="64"/>
      <c r="E4035" s="55"/>
      <c r="F4035" s="74"/>
      <c r="G4035" s="74"/>
      <c r="H4035" s="74"/>
      <c r="I4035" s="75"/>
      <c r="J4035" s="74"/>
      <c r="L4035" s="55"/>
      <c r="M4035" s="234"/>
      <c r="N4035" s="65"/>
      <c r="O4035" s="76"/>
      <c r="P4035" s="76"/>
      <c r="Q4035" s="65"/>
      <c r="R4035" s="76"/>
      <c r="S4035" s="76"/>
      <c r="T4035" s="76"/>
      <c r="U4035" s="76"/>
      <c r="V4035" s="76"/>
      <c r="W4035" s="76"/>
      <c r="X4035" s="76"/>
      <c r="Y4035" s="76"/>
      <c r="Z4035" s="76"/>
      <c r="AA4035" s="85"/>
      <c r="AB4035" s="85"/>
      <c r="AC4035" s="85"/>
      <c r="AD4035" s="85"/>
      <c r="AE4035" s="85"/>
      <c r="AF4035" s="85"/>
      <c r="AG4035" s="86"/>
      <c r="AH4035" s="85"/>
      <c r="AI4035" s="85"/>
      <c r="AJ4035" s="85"/>
      <c r="AK4035" s="85"/>
      <c r="AL4035" s="85"/>
      <c r="AM4035" s="92"/>
      <c r="AN4035" s="92"/>
      <c r="AO4035" s="92"/>
      <c r="AP4035" s="92"/>
      <c r="AQ4035" s="92"/>
      <c r="AR4035" s="92"/>
      <c r="AS4035" s="92"/>
      <c r="AT4035" s="92"/>
      <c r="AU4035" s="92"/>
      <c r="AV4035" s="92"/>
      <c r="AW4035" s="92"/>
      <c r="AX4035" s="92"/>
      <c r="AY4035" s="92"/>
      <c r="AZ4035" s="93"/>
      <c r="BA4035" s="93"/>
      <c r="BB4035" s="93"/>
      <c r="BC4035" s="93"/>
      <c r="BD4035" s="93"/>
      <c r="BE4035" s="93"/>
      <c r="BF4035" s="93"/>
      <c r="BG4035" s="93"/>
      <c r="BH4035" s="93"/>
      <c r="BI4035" s="93"/>
      <c r="BJ4035" s="93"/>
      <c r="BK4035" s="93"/>
      <c r="BL4035" s="93"/>
    </row>
    <row r="4036" spans="2:64" x14ac:dyDescent="0.2">
      <c r="B4036" s="43"/>
      <c r="C4036" s="73"/>
      <c r="D4036" s="64"/>
      <c r="E4036" s="55"/>
      <c r="F4036" s="74"/>
      <c r="G4036" s="74"/>
      <c r="H4036" s="74"/>
      <c r="I4036" s="75"/>
      <c r="J4036" s="74"/>
      <c r="L4036" s="55"/>
      <c r="M4036" s="234"/>
      <c r="N4036" s="65"/>
      <c r="O4036" s="76"/>
      <c r="P4036" s="76"/>
      <c r="Q4036" s="65"/>
      <c r="R4036" s="76"/>
      <c r="S4036" s="76"/>
      <c r="T4036" s="76"/>
      <c r="U4036" s="76"/>
      <c r="V4036" s="76"/>
      <c r="W4036" s="76"/>
      <c r="X4036" s="76"/>
      <c r="Y4036" s="76"/>
      <c r="Z4036" s="76"/>
      <c r="AA4036" s="85"/>
      <c r="AB4036" s="85"/>
      <c r="AC4036" s="85"/>
      <c r="AD4036" s="85"/>
      <c r="AE4036" s="85"/>
      <c r="AF4036" s="85"/>
      <c r="AG4036" s="86"/>
      <c r="AH4036" s="85"/>
      <c r="AI4036" s="85"/>
      <c r="AJ4036" s="85"/>
      <c r="AK4036" s="85"/>
      <c r="AL4036" s="85"/>
      <c r="AM4036" s="92"/>
      <c r="AN4036" s="92"/>
      <c r="AO4036" s="92"/>
      <c r="AP4036" s="92"/>
      <c r="AQ4036" s="92"/>
      <c r="AR4036" s="92"/>
      <c r="AS4036" s="92"/>
      <c r="AT4036" s="92"/>
      <c r="AU4036" s="92"/>
      <c r="AV4036" s="92"/>
      <c r="AW4036" s="92"/>
      <c r="AX4036" s="92"/>
      <c r="AY4036" s="92"/>
      <c r="AZ4036" s="93"/>
      <c r="BA4036" s="93"/>
      <c r="BB4036" s="93"/>
      <c r="BC4036" s="93"/>
      <c r="BD4036" s="93"/>
      <c r="BE4036" s="93"/>
      <c r="BF4036" s="93"/>
      <c r="BG4036" s="93"/>
      <c r="BH4036" s="93"/>
      <c r="BI4036" s="93"/>
      <c r="BJ4036" s="93"/>
      <c r="BK4036" s="93"/>
      <c r="BL4036" s="93"/>
    </row>
    <row r="4037" spans="2:64" x14ac:dyDescent="0.2">
      <c r="B4037" s="43"/>
      <c r="C4037" s="73"/>
      <c r="D4037" s="64"/>
      <c r="E4037" s="55"/>
      <c r="F4037" s="74"/>
      <c r="G4037" s="74"/>
      <c r="H4037" s="74"/>
      <c r="I4037" s="75"/>
      <c r="J4037" s="74"/>
      <c r="L4037" s="55"/>
      <c r="M4037" s="234"/>
      <c r="N4037" s="65"/>
      <c r="O4037" s="76"/>
      <c r="P4037" s="76"/>
      <c r="Q4037" s="65"/>
      <c r="R4037" s="76"/>
      <c r="S4037" s="76"/>
      <c r="T4037" s="76"/>
      <c r="U4037" s="76"/>
      <c r="V4037" s="76"/>
      <c r="W4037" s="76"/>
      <c r="X4037" s="76"/>
      <c r="Y4037" s="76"/>
      <c r="Z4037" s="76"/>
      <c r="AA4037" s="85"/>
      <c r="AB4037" s="85"/>
      <c r="AC4037" s="85"/>
      <c r="AD4037" s="85"/>
      <c r="AE4037" s="85"/>
      <c r="AF4037" s="85"/>
      <c r="AG4037" s="86"/>
      <c r="AH4037" s="85"/>
      <c r="AI4037" s="85"/>
      <c r="AJ4037" s="85"/>
      <c r="AK4037" s="85"/>
      <c r="AL4037" s="85"/>
      <c r="AM4037" s="92"/>
      <c r="AN4037" s="92"/>
      <c r="AO4037" s="92"/>
      <c r="AP4037" s="92"/>
      <c r="AQ4037" s="92"/>
      <c r="AR4037" s="92"/>
      <c r="AS4037" s="92"/>
      <c r="AT4037" s="92"/>
      <c r="AU4037" s="92"/>
      <c r="AV4037" s="92"/>
      <c r="AW4037" s="92"/>
      <c r="AX4037" s="92"/>
      <c r="AY4037" s="92"/>
      <c r="AZ4037" s="93"/>
      <c r="BA4037" s="93"/>
      <c r="BB4037" s="93"/>
      <c r="BC4037" s="93"/>
      <c r="BD4037" s="93"/>
      <c r="BE4037" s="93"/>
      <c r="BF4037" s="93"/>
      <c r="BG4037" s="93"/>
      <c r="BH4037" s="93"/>
      <c r="BI4037" s="93"/>
      <c r="BJ4037" s="93"/>
      <c r="BK4037" s="93"/>
      <c r="BL4037" s="93"/>
    </row>
    <row r="4038" spans="2:64" x14ac:dyDescent="0.2">
      <c r="B4038" s="43"/>
      <c r="C4038" s="73"/>
      <c r="D4038" s="64"/>
      <c r="E4038" s="55"/>
      <c r="F4038" s="74"/>
      <c r="G4038" s="74"/>
      <c r="H4038" s="74"/>
      <c r="I4038" s="75"/>
      <c r="J4038" s="74"/>
      <c r="L4038" s="55"/>
      <c r="M4038" s="234"/>
      <c r="N4038" s="65"/>
      <c r="O4038" s="76"/>
      <c r="P4038" s="76"/>
      <c r="Q4038" s="65"/>
      <c r="R4038" s="76"/>
      <c r="S4038" s="76"/>
      <c r="T4038" s="76"/>
      <c r="U4038" s="76"/>
      <c r="V4038" s="76"/>
      <c r="W4038" s="76"/>
      <c r="X4038" s="76"/>
      <c r="Y4038" s="76"/>
      <c r="Z4038" s="76"/>
      <c r="AA4038" s="85"/>
      <c r="AB4038" s="85"/>
      <c r="AC4038" s="85"/>
      <c r="AD4038" s="85"/>
      <c r="AE4038" s="85"/>
      <c r="AF4038" s="85"/>
      <c r="AG4038" s="86"/>
      <c r="AH4038" s="85"/>
      <c r="AI4038" s="85"/>
      <c r="AJ4038" s="85"/>
      <c r="AK4038" s="85"/>
      <c r="AL4038" s="85"/>
      <c r="AM4038" s="92"/>
      <c r="AN4038" s="92"/>
      <c r="AO4038" s="92"/>
      <c r="AP4038" s="92"/>
      <c r="AQ4038" s="92"/>
      <c r="AR4038" s="92"/>
      <c r="AS4038" s="92"/>
      <c r="AT4038" s="92"/>
      <c r="AU4038" s="92"/>
      <c r="AV4038" s="92"/>
      <c r="AW4038" s="92"/>
      <c r="AX4038" s="92"/>
      <c r="AY4038" s="92"/>
      <c r="AZ4038" s="93"/>
      <c r="BA4038" s="93"/>
      <c r="BB4038" s="93"/>
      <c r="BC4038" s="93"/>
      <c r="BD4038" s="93"/>
      <c r="BE4038" s="93"/>
      <c r="BF4038" s="93"/>
      <c r="BG4038" s="93"/>
      <c r="BH4038" s="93"/>
      <c r="BI4038" s="93"/>
      <c r="BJ4038" s="93"/>
      <c r="BK4038" s="93"/>
      <c r="BL4038" s="93"/>
    </row>
    <row r="4039" spans="2:64" x14ac:dyDescent="0.2">
      <c r="B4039" s="43"/>
      <c r="C4039" s="73"/>
      <c r="D4039" s="64"/>
      <c r="E4039" s="55"/>
      <c r="F4039" s="74"/>
      <c r="G4039" s="74"/>
      <c r="H4039" s="74"/>
      <c r="I4039" s="75"/>
      <c r="J4039" s="74"/>
      <c r="L4039" s="55"/>
      <c r="M4039" s="234"/>
      <c r="N4039" s="65"/>
      <c r="O4039" s="76"/>
      <c r="P4039" s="76"/>
      <c r="Q4039" s="65"/>
      <c r="R4039" s="76"/>
      <c r="S4039" s="76"/>
      <c r="T4039" s="76"/>
      <c r="U4039" s="76"/>
      <c r="V4039" s="76"/>
      <c r="W4039" s="76"/>
      <c r="X4039" s="76"/>
      <c r="Y4039" s="76"/>
      <c r="Z4039" s="76"/>
      <c r="AA4039" s="85"/>
      <c r="AB4039" s="85"/>
      <c r="AC4039" s="85"/>
      <c r="AD4039" s="85"/>
      <c r="AE4039" s="85"/>
      <c r="AF4039" s="85"/>
      <c r="AG4039" s="86"/>
      <c r="AH4039" s="85"/>
      <c r="AI4039" s="85"/>
      <c r="AJ4039" s="85"/>
      <c r="AK4039" s="85"/>
      <c r="AL4039" s="85"/>
      <c r="AM4039" s="92"/>
      <c r="AN4039" s="92"/>
      <c r="AO4039" s="92"/>
      <c r="AP4039" s="92"/>
      <c r="AQ4039" s="92"/>
      <c r="AR4039" s="92"/>
      <c r="AS4039" s="92"/>
      <c r="AT4039" s="92"/>
      <c r="AU4039" s="92"/>
      <c r="AV4039" s="92"/>
      <c r="AW4039" s="92"/>
      <c r="AX4039" s="92"/>
      <c r="AY4039" s="92"/>
      <c r="AZ4039" s="93"/>
      <c r="BA4039" s="93"/>
      <c r="BB4039" s="93"/>
      <c r="BC4039" s="93"/>
      <c r="BD4039" s="93"/>
      <c r="BE4039" s="93"/>
      <c r="BF4039" s="93"/>
      <c r="BG4039" s="93"/>
      <c r="BH4039" s="93"/>
      <c r="BI4039" s="93"/>
      <c r="BJ4039" s="93"/>
      <c r="BK4039" s="93"/>
      <c r="BL4039" s="93"/>
    </row>
    <row r="4040" spans="2:64" x14ac:dyDescent="0.2">
      <c r="B4040" s="43"/>
      <c r="C4040" s="73"/>
      <c r="D4040" s="64"/>
      <c r="E4040" s="55"/>
      <c r="F4040" s="74"/>
      <c r="G4040" s="74"/>
      <c r="H4040" s="74"/>
      <c r="I4040" s="75"/>
      <c r="J4040" s="74"/>
      <c r="L4040" s="55"/>
      <c r="M4040" s="234"/>
      <c r="N4040" s="65"/>
      <c r="O4040" s="76"/>
      <c r="P4040" s="76"/>
      <c r="Q4040" s="65"/>
      <c r="R4040" s="76"/>
      <c r="S4040" s="76"/>
      <c r="T4040" s="76"/>
      <c r="U4040" s="76"/>
      <c r="V4040" s="76"/>
      <c r="W4040" s="76"/>
      <c r="X4040" s="76"/>
      <c r="Y4040" s="76"/>
      <c r="Z4040" s="76"/>
      <c r="AA4040" s="85"/>
      <c r="AB4040" s="85"/>
      <c r="AC4040" s="85"/>
      <c r="AD4040" s="85"/>
      <c r="AE4040" s="85"/>
      <c r="AF4040" s="85"/>
      <c r="AG4040" s="86"/>
      <c r="AH4040" s="85"/>
      <c r="AI4040" s="85"/>
      <c r="AJ4040" s="85"/>
      <c r="AK4040" s="85"/>
      <c r="AL4040" s="85"/>
      <c r="AM4040" s="92"/>
      <c r="AN4040" s="92"/>
      <c r="AO4040" s="92"/>
      <c r="AP4040" s="92"/>
      <c r="AQ4040" s="92"/>
      <c r="AR4040" s="92"/>
      <c r="AS4040" s="92"/>
      <c r="AT4040" s="92"/>
      <c r="AU4040" s="92"/>
      <c r="AV4040" s="92"/>
      <c r="AW4040" s="92"/>
      <c r="AX4040" s="92"/>
      <c r="AY4040" s="92"/>
      <c r="AZ4040" s="93"/>
      <c r="BA4040" s="93"/>
      <c r="BB4040" s="93"/>
      <c r="BC4040" s="93"/>
      <c r="BD4040" s="93"/>
      <c r="BE4040" s="93"/>
      <c r="BF4040" s="93"/>
      <c r="BG4040" s="93"/>
      <c r="BH4040" s="93"/>
      <c r="BI4040" s="93"/>
      <c r="BJ4040" s="93"/>
      <c r="BK4040" s="93"/>
      <c r="BL4040" s="93"/>
    </row>
    <row r="4041" spans="2:64" x14ac:dyDescent="0.2">
      <c r="B4041" s="43"/>
      <c r="C4041" s="73"/>
      <c r="D4041" s="64"/>
      <c r="E4041" s="55"/>
      <c r="F4041" s="74"/>
      <c r="G4041" s="74"/>
      <c r="H4041" s="74"/>
      <c r="I4041" s="75"/>
      <c r="J4041" s="74"/>
      <c r="L4041" s="55"/>
      <c r="M4041" s="234"/>
      <c r="N4041" s="65"/>
      <c r="O4041" s="76"/>
      <c r="P4041" s="76"/>
      <c r="Q4041" s="65"/>
      <c r="R4041" s="76"/>
      <c r="S4041" s="76"/>
      <c r="T4041" s="76"/>
      <c r="U4041" s="76"/>
      <c r="V4041" s="76"/>
      <c r="W4041" s="76"/>
      <c r="X4041" s="76"/>
      <c r="Y4041" s="76"/>
      <c r="Z4041" s="76"/>
      <c r="AA4041" s="85"/>
      <c r="AB4041" s="85"/>
      <c r="AC4041" s="85"/>
      <c r="AD4041" s="85"/>
      <c r="AE4041" s="85"/>
      <c r="AF4041" s="85"/>
      <c r="AG4041" s="86"/>
      <c r="AH4041" s="85"/>
      <c r="AI4041" s="85"/>
      <c r="AJ4041" s="85"/>
      <c r="AK4041" s="85"/>
      <c r="AL4041" s="85"/>
      <c r="AM4041" s="92"/>
      <c r="AN4041" s="92"/>
      <c r="AO4041" s="92"/>
      <c r="AP4041" s="92"/>
      <c r="AQ4041" s="92"/>
      <c r="AR4041" s="92"/>
      <c r="AS4041" s="92"/>
      <c r="AT4041" s="92"/>
      <c r="AU4041" s="92"/>
      <c r="AV4041" s="92"/>
      <c r="AW4041" s="92"/>
      <c r="AX4041" s="92"/>
      <c r="AY4041" s="92"/>
      <c r="AZ4041" s="93"/>
      <c r="BA4041" s="93"/>
      <c r="BB4041" s="93"/>
      <c r="BC4041" s="93"/>
      <c r="BD4041" s="93"/>
      <c r="BE4041" s="93"/>
      <c r="BF4041" s="93"/>
      <c r="BG4041" s="93"/>
      <c r="BH4041" s="93"/>
      <c r="BI4041" s="93"/>
      <c r="BJ4041" s="93"/>
      <c r="BK4041" s="93"/>
      <c r="BL4041" s="93"/>
    </row>
    <row r="4042" spans="2:64" x14ac:dyDescent="0.2">
      <c r="B4042" s="43"/>
      <c r="C4042" s="73"/>
      <c r="D4042" s="64"/>
      <c r="E4042" s="55"/>
      <c r="F4042" s="74"/>
      <c r="G4042" s="74"/>
      <c r="H4042" s="74"/>
      <c r="I4042" s="75"/>
      <c r="J4042" s="74"/>
      <c r="L4042" s="55"/>
      <c r="M4042" s="234"/>
      <c r="N4042" s="65"/>
      <c r="O4042" s="76"/>
      <c r="P4042" s="76"/>
      <c r="Q4042" s="65"/>
      <c r="R4042" s="76"/>
      <c r="S4042" s="76"/>
      <c r="T4042" s="76"/>
      <c r="U4042" s="76"/>
      <c r="V4042" s="76"/>
      <c r="W4042" s="76"/>
      <c r="X4042" s="76"/>
      <c r="Y4042" s="76"/>
      <c r="Z4042" s="76"/>
      <c r="AA4042" s="85"/>
      <c r="AB4042" s="85"/>
      <c r="AC4042" s="85"/>
      <c r="AD4042" s="85"/>
      <c r="AE4042" s="85"/>
      <c r="AF4042" s="85"/>
      <c r="AG4042" s="86"/>
      <c r="AH4042" s="85"/>
      <c r="AI4042" s="85"/>
      <c r="AJ4042" s="85"/>
      <c r="AK4042" s="85"/>
      <c r="AL4042" s="85"/>
      <c r="AM4042" s="92"/>
      <c r="AN4042" s="92"/>
      <c r="AO4042" s="92"/>
      <c r="AP4042" s="92"/>
      <c r="AQ4042" s="92"/>
      <c r="AR4042" s="92"/>
      <c r="AS4042" s="92"/>
      <c r="AT4042" s="92"/>
      <c r="AU4042" s="92"/>
      <c r="AV4042" s="92"/>
      <c r="AW4042" s="92"/>
      <c r="AX4042" s="92"/>
      <c r="AY4042" s="92"/>
      <c r="AZ4042" s="93"/>
      <c r="BA4042" s="93"/>
      <c r="BB4042" s="93"/>
      <c r="BC4042" s="93"/>
      <c r="BD4042" s="93"/>
      <c r="BE4042" s="93"/>
      <c r="BF4042" s="93"/>
      <c r="BG4042" s="93"/>
      <c r="BH4042" s="93"/>
      <c r="BI4042" s="93"/>
      <c r="BJ4042" s="93"/>
      <c r="BK4042" s="93"/>
      <c r="BL4042" s="93"/>
    </row>
    <row r="4043" spans="2:64" x14ac:dyDescent="0.2">
      <c r="B4043" s="43"/>
      <c r="C4043" s="73"/>
      <c r="D4043" s="64"/>
      <c r="E4043" s="55"/>
      <c r="F4043" s="74"/>
      <c r="G4043" s="74"/>
      <c r="H4043" s="74"/>
      <c r="I4043" s="75"/>
      <c r="J4043" s="74"/>
      <c r="L4043" s="55"/>
      <c r="M4043" s="234"/>
      <c r="N4043" s="65"/>
      <c r="O4043" s="76"/>
      <c r="P4043" s="76"/>
      <c r="Q4043" s="65"/>
      <c r="R4043" s="76"/>
      <c r="S4043" s="76"/>
      <c r="T4043" s="76"/>
      <c r="U4043" s="76"/>
      <c r="V4043" s="76"/>
      <c r="W4043" s="76"/>
      <c r="X4043" s="76"/>
      <c r="Y4043" s="76"/>
      <c r="Z4043" s="76"/>
      <c r="AA4043" s="85"/>
      <c r="AB4043" s="85"/>
      <c r="AC4043" s="85"/>
      <c r="AD4043" s="85"/>
      <c r="AE4043" s="85"/>
      <c r="AF4043" s="85"/>
      <c r="AG4043" s="86"/>
      <c r="AH4043" s="85"/>
      <c r="AI4043" s="85"/>
      <c r="AJ4043" s="85"/>
      <c r="AK4043" s="85"/>
      <c r="AL4043" s="85"/>
      <c r="AM4043" s="92"/>
      <c r="AN4043" s="92"/>
      <c r="AO4043" s="92"/>
      <c r="AP4043" s="92"/>
      <c r="AQ4043" s="92"/>
      <c r="AR4043" s="92"/>
      <c r="AS4043" s="92"/>
      <c r="AT4043" s="92"/>
      <c r="AU4043" s="92"/>
      <c r="AV4043" s="92"/>
      <c r="AW4043" s="92"/>
      <c r="AX4043" s="92"/>
      <c r="AY4043" s="92"/>
      <c r="AZ4043" s="93"/>
      <c r="BA4043" s="93"/>
      <c r="BB4043" s="93"/>
      <c r="BC4043" s="93"/>
      <c r="BD4043" s="93"/>
      <c r="BE4043" s="93"/>
      <c r="BF4043" s="93"/>
      <c r="BG4043" s="93"/>
      <c r="BH4043" s="93"/>
      <c r="BI4043" s="93"/>
      <c r="BJ4043" s="93"/>
      <c r="BK4043" s="93"/>
      <c r="BL4043" s="93"/>
    </row>
    <row r="4044" spans="2:64" x14ac:dyDescent="0.2">
      <c r="B4044" s="43"/>
      <c r="C4044" s="73"/>
      <c r="D4044" s="64"/>
      <c r="E4044" s="55"/>
      <c r="F4044" s="74"/>
      <c r="G4044" s="74"/>
      <c r="H4044" s="74"/>
      <c r="I4044" s="75"/>
      <c r="J4044" s="74"/>
      <c r="L4044" s="55"/>
      <c r="M4044" s="234"/>
      <c r="N4044" s="65"/>
      <c r="O4044" s="76"/>
      <c r="P4044" s="76"/>
      <c r="Q4044" s="65"/>
      <c r="R4044" s="76"/>
      <c r="S4044" s="76"/>
      <c r="T4044" s="76"/>
      <c r="U4044" s="76"/>
      <c r="V4044" s="76"/>
      <c r="W4044" s="76"/>
      <c r="X4044" s="76"/>
      <c r="Y4044" s="76"/>
      <c r="Z4044" s="76"/>
      <c r="AA4044" s="85"/>
      <c r="AB4044" s="85"/>
      <c r="AC4044" s="85"/>
      <c r="AD4044" s="85"/>
      <c r="AE4044" s="85"/>
      <c r="AF4044" s="85"/>
      <c r="AG4044" s="86"/>
      <c r="AH4044" s="85"/>
      <c r="AI4044" s="85"/>
      <c r="AJ4044" s="85"/>
      <c r="AK4044" s="85"/>
      <c r="AL4044" s="85"/>
      <c r="AM4044" s="92"/>
      <c r="AN4044" s="92"/>
      <c r="AO4044" s="92"/>
      <c r="AP4044" s="92"/>
      <c r="AQ4044" s="92"/>
      <c r="AR4044" s="92"/>
      <c r="AS4044" s="92"/>
      <c r="AT4044" s="92"/>
      <c r="AU4044" s="92"/>
      <c r="AV4044" s="92"/>
      <c r="AW4044" s="92"/>
      <c r="AX4044" s="92"/>
      <c r="AY4044" s="92"/>
      <c r="AZ4044" s="93"/>
      <c r="BA4044" s="93"/>
      <c r="BB4044" s="93"/>
      <c r="BC4044" s="93"/>
      <c r="BD4044" s="93"/>
      <c r="BE4044" s="93"/>
      <c r="BF4044" s="93"/>
      <c r="BG4044" s="93"/>
      <c r="BH4044" s="93"/>
      <c r="BI4044" s="93"/>
      <c r="BJ4044" s="93"/>
      <c r="BK4044" s="93"/>
      <c r="BL4044" s="93"/>
    </row>
    <row r="4045" spans="2:64" x14ac:dyDescent="0.2">
      <c r="B4045" s="43"/>
      <c r="C4045" s="73"/>
      <c r="D4045" s="64"/>
      <c r="E4045" s="55"/>
      <c r="F4045" s="74"/>
      <c r="G4045" s="74"/>
      <c r="H4045" s="74"/>
      <c r="I4045" s="75"/>
      <c r="J4045" s="74"/>
      <c r="L4045" s="55"/>
      <c r="M4045" s="234"/>
      <c r="N4045" s="65"/>
      <c r="O4045" s="76"/>
      <c r="P4045" s="76"/>
      <c r="Q4045" s="65"/>
      <c r="R4045" s="76"/>
      <c r="S4045" s="76"/>
      <c r="T4045" s="76"/>
      <c r="U4045" s="76"/>
      <c r="V4045" s="76"/>
      <c r="W4045" s="76"/>
      <c r="X4045" s="76"/>
      <c r="Y4045" s="76"/>
      <c r="Z4045" s="76"/>
      <c r="AA4045" s="85"/>
      <c r="AB4045" s="85"/>
      <c r="AC4045" s="85"/>
      <c r="AD4045" s="85"/>
      <c r="AE4045" s="85"/>
      <c r="AF4045" s="85"/>
      <c r="AG4045" s="86"/>
      <c r="AH4045" s="85"/>
      <c r="AI4045" s="85"/>
      <c r="AJ4045" s="85"/>
      <c r="AK4045" s="85"/>
      <c r="AL4045" s="85"/>
      <c r="AM4045" s="92"/>
      <c r="AN4045" s="92"/>
      <c r="AO4045" s="92"/>
      <c r="AP4045" s="92"/>
      <c r="AQ4045" s="92"/>
      <c r="AR4045" s="92"/>
      <c r="AS4045" s="92"/>
      <c r="AT4045" s="92"/>
      <c r="AU4045" s="92"/>
      <c r="AV4045" s="92"/>
      <c r="AW4045" s="92"/>
      <c r="AX4045" s="92"/>
      <c r="AY4045" s="92"/>
      <c r="AZ4045" s="93"/>
      <c r="BA4045" s="93"/>
      <c r="BB4045" s="93"/>
      <c r="BC4045" s="93"/>
      <c r="BD4045" s="93"/>
      <c r="BE4045" s="93"/>
      <c r="BF4045" s="93"/>
      <c r="BG4045" s="93"/>
      <c r="BH4045" s="93"/>
      <c r="BI4045" s="93"/>
      <c r="BJ4045" s="93"/>
      <c r="BK4045" s="93"/>
      <c r="BL4045" s="93"/>
    </row>
    <row r="4046" spans="2:64" x14ac:dyDescent="0.2">
      <c r="B4046" s="43"/>
      <c r="C4046" s="73"/>
      <c r="D4046" s="64"/>
      <c r="E4046" s="55"/>
      <c r="F4046" s="74"/>
      <c r="G4046" s="74"/>
      <c r="H4046" s="74"/>
      <c r="I4046" s="75"/>
      <c r="J4046" s="74"/>
      <c r="L4046" s="55"/>
      <c r="M4046" s="234"/>
      <c r="N4046" s="65"/>
      <c r="O4046" s="76"/>
      <c r="P4046" s="76"/>
      <c r="Q4046" s="65"/>
      <c r="R4046" s="76"/>
      <c r="S4046" s="76"/>
      <c r="T4046" s="76"/>
      <c r="U4046" s="76"/>
      <c r="V4046" s="76"/>
      <c r="W4046" s="76"/>
      <c r="X4046" s="76"/>
      <c r="Y4046" s="76"/>
      <c r="Z4046" s="76"/>
      <c r="AA4046" s="85"/>
      <c r="AB4046" s="85"/>
      <c r="AC4046" s="85"/>
      <c r="AD4046" s="85"/>
      <c r="AE4046" s="85"/>
      <c r="AF4046" s="85"/>
      <c r="AG4046" s="86"/>
      <c r="AH4046" s="85"/>
      <c r="AI4046" s="85"/>
      <c r="AJ4046" s="85"/>
      <c r="AK4046" s="85"/>
      <c r="AL4046" s="85"/>
      <c r="AM4046" s="92"/>
      <c r="AN4046" s="92"/>
      <c r="AO4046" s="92"/>
      <c r="AP4046" s="92"/>
      <c r="AQ4046" s="92"/>
      <c r="AR4046" s="92"/>
      <c r="AS4046" s="92"/>
      <c r="AT4046" s="92"/>
      <c r="AU4046" s="92"/>
      <c r="AV4046" s="92"/>
      <c r="AW4046" s="92"/>
      <c r="AX4046" s="92"/>
      <c r="AY4046" s="92"/>
      <c r="AZ4046" s="93"/>
      <c r="BA4046" s="93"/>
      <c r="BB4046" s="93"/>
      <c r="BC4046" s="93"/>
      <c r="BD4046" s="93"/>
      <c r="BE4046" s="93"/>
      <c r="BF4046" s="93"/>
      <c r="BG4046" s="93"/>
      <c r="BH4046" s="93"/>
      <c r="BI4046" s="93"/>
      <c r="BJ4046" s="93"/>
      <c r="BK4046" s="93"/>
      <c r="BL4046" s="93"/>
    </row>
    <row r="4047" spans="2:64" x14ac:dyDescent="0.2">
      <c r="B4047" s="43"/>
      <c r="C4047" s="73"/>
      <c r="D4047" s="64"/>
      <c r="E4047" s="55"/>
      <c r="F4047" s="74"/>
      <c r="G4047" s="74"/>
      <c r="H4047" s="74"/>
      <c r="I4047" s="75"/>
      <c r="J4047" s="74"/>
      <c r="L4047" s="55"/>
      <c r="M4047" s="234"/>
      <c r="N4047" s="65"/>
      <c r="O4047" s="76"/>
      <c r="P4047" s="76"/>
      <c r="Q4047" s="65"/>
      <c r="R4047" s="76"/>
      <c r="S4047" s="76"/>
      <c r="T4047" s="76"/>
      <c r="U4047" s="76"/>
      <c r="V4047" s="76"/>
      <c r="W4047" s="76"/>
      <c r="X4047" s="76"/>
      <c r="Y4047" s="76"/>
      <c r="Z4047" s="76"/>
      <c r="AA4047" s="85"/>
      <c r="AB4047" s="85"/>
      <c r="AC4047" s="85"/>
      <c r="AD4047" s="85"/>
      <c r="AE4047" s="85"/>
      <c r="AF4047" s="85"/>
      <c r="AG4047" s="86"/>
      <c r="AH4047" s="85"/>
      <c r="AI4047" s="85"/>
      <c r="AJ4047" s="85"/>
      <c r="AK4047" s="85"/>
      <c r="AL4047" s="85"/>
      <c r="AM4047" s="92"/>
      <c r="AN4047" s="92"/>
      <c r="AO4047" s="92"/>
      <c r="AP4047" s="92"/>
      <c r="AQ4047" s="92"/>
      <c r="AR4047" s="92"/>
      <c r="AS4047" s="92"/>
      <c r="AT4047" s="92"/>
      <c r="AU4047" s="92"/>
      <c r="AV4047" s="92"/>
      <c r="AW4047" s="92"/>
      <c r="AX4047" s="92"/>
      <c r="AY4047" s="92"/>
      <c r="AZ4047" s="93"/>
      <c r="BA4047" s="93"/>
      <c r="BB4047" s="93"/>
      <c r="BC4047" s="93"/>
      <c r="BD4047" s="93"/>
      <c r="BE4047" s="93"/>
      <c r="BF4047" s="93"/>
      <c r="BG4047" s="93"/>
      <c r="BH4047" s="93"/>
      <c r="BI4047" s="93"/>
      <c r="BJ4047" s="93"/>
      <c r="BK4047" s="93"/>
      <c r="BL4047" s="93"/>
    </row>
    <row r="4048" spans="2:64" x14ac:dyDescent="0.2">
      <c r="B4048" s="43"/>
      <c r="C4048" s="73"/>
      <c r="D4048" s="64"/>
      <c r="E4048" s="55"/>
      <c r="F4048" s="74"/>
      <c r="G4048" s="74"/>
      <c r="H4048" s="74"/>
      <c r="I4048" s="75"/>
      <c r="J4048" s="74"/>
      <c r="L4048" s="55"/>
      <c r="M4048" s="234"/>
      <c r="N4048" s="65"/>
      <c r="O4048" s="76"/>
      <c r="P4048" s="76"/>
      <c r="Q4048" s="65"/>
      <c r="R4048" s="76"/>
      <c r="S4048" s="76"/>
      <c r="T4048" s="76"/>
      <c r="U4048" s="76"/>
      <c r="V4048" s="76"/>
      <c r="W4048" s="76"/>
      <c r="X4048" s="76"/>
      <c r="Y4048" s="76"/>
      <c r="Z4048" s="76"/>
      <c r="AA4048" s="85"/>
      <c r="AB4048" s="85"/>
      <c r="AC4048" s="85"/>
      <c r="AD4048" s="85"/>
      <c r="AE4048" s="85"/>
      <c r="AF4048" s="85"/>
      <c r="AG4048" s="86"/>
      <c r="AH4048" s="85"/>
      <c r="AI4048" s="85"/>
      <c r="AJ4048" s="85"/>
      <c r="AK4048" s="85"/>
      <c r="AL4048" s="85"/>
      <c r="AM4048" s="92"/>
      <c r="AN4048" s="92"/>
      <c r="AO4048" s="92"/>
      <c r="AP4048" s="92"/>
      <c r="AQ4048" s="92"/>
      <c r="AR4048" s="92"/>
      <c r="AS4048" s="92"/>
      <c r="AT4048" s="92"/>
      <c r="AU4048" s="92"/>
      <c r="AV4048" s="92"/>
      <c r="AW4048" s="92"/>
      <c r="AX4048" s="92"/>
      <c r="AY4048" s="92"/>
      <c r="AZ4048" s="93"/>
      <c r="BA4048" s="93"/>
      <c r="BB4048" s="93"/>
      <c r="BC4048" s="93"/>
      <c r="BD4048" s="93"/>
      <c r="BE4048" s="93"/>
      <c r="BF4048" s="93"/>
      <c r="BG4048" s="93"/>
      <c r="BH4048" s="93"/>
      <c r="BI4048" s="93"/>
      <c r="BJ4048" s="93"/>
      <c r="BK4048" s="93"/>
      <c r="BL4048" s="93"/>
    </row>
    <row r="4049" spans="2:64" x14ac:dyDescent="0.2">
      <c r="B4049" s="43"/>
      <c r="C4049" s="73"/>
      <c r="D4049" s="64"/>
      <c r="E4049" s="55"/>
      <c r="F4049" s="74"/>
      <c r="G4049" s="74"/>
      <c r="H4049" s="74"/>
      <c r="I4049" s="75"/>
      <c r="J4049" s="74"/>
      <c r="L4049" s="55"/>
      <c r="M4049" s="234"/>
      <c r="N4049" s="65"/>
      <c r="O4049" s="76"/>
      <c r="P4049" s="76"/>
      <c r="Q4049" s="65"/>
      <c r="R4049" s="76"/>
      <c r="S4049" s="76"/>
      <c r="T4049" s="76"/>
      <c r="U4049" s="76"/>
      <c r="V4049" s="76"/>
      <c r="W4049" s="76"/>
      <c r="X4049" s="76"/>
      <c r="Y4049" s="76"/>
      <c r="Z4049" s="76"/>
      <c r="AA4049" s="85"/>
      <c r="AB4049" s="85"/>
      <c r="AC4049" s="85"/>
      <c r="AD4049" s="85"/>
      <c r="AE4049" s="85"/>
      <c r="AF4049" s="85"/>
      <c r="AG4049" s="86"/>
      <c r="AH4049" s="85"/>
      <c r="AI4049" s="85"/>
      <c r="AJ4049" s="85"/>
      <c r="AK4049" s="85"/>
      <c r="AL4049" s="85"/>
      <c r="AM4049" s="92"/>
      <c r="AN4049" s="92"/>
      <c r="AO4049" s="92"/>
      <c r="AP4049" s="92"/>
      <c r="AQ4049" s="92"/>
      <c r="AR4049" s="92"/>
      <c r="AS4049" s="92"/>
      <c r="AT4049" s="92"/>
      <c r="AU4049" s="92"/>
      <c r="AV4049" s="92"/>
      <c r="AW4049" s="92"/>
      <c r="AX4049" s="92"/>
      <c r="AY4049" s="92"/>
      <c r="AZ4049" s="93"/>
      <c r="BA4049" s="93"/>
      <c r="BB4049" s="93"/>
      <c r="BC4049" s="93"/>
      <c r="BD4049" s="93"/>
      <c r="BE4049" s="93"/>
      <c r="BF4049" s="93"/>
      <c r="BG4049" s="93"/>
      <c r="BH4049" s="93"/>
      <c r="BI4049" s="93"/>
      <c r="BJ4049" s="93"/>
      <c r="BK4049" s="93"/>
      <c r="BL4049" s="93"/>
    </row>
    <row r="4050" spans="2:64" x14ac:dyDescent="0.2">
      <c r="B4050" s="43"/>
      <c r="C4050" s="73"/>
      <c r="D4050" s="64"/>
      <c r="E4050" s="55"/>
      <c r="F4050" s="74"/>
      <c r="G4050" s="74"/>
      <c r="H4050" s="74"/>
      <c r="I4050" s="75"/>
      <c r="J4050" s="74"/>
      <c r="L4050" s="55"/>
      <c r="M4050" s="234"/>
      <c r="N4050" s="65"/>
      <c r="O4050" s="76"/>
      <c r="P4050" s="76"/>
      <c r="Q4050" s="65"/>
      <c r="R4050" s="76"/>
      <c r="S4050" s="76"/>
      <c r="T4050" s="76"/>
      <c r="U4050" s="76"/>
      <c r="V4050" s="76"/>
      <c r="W4050" s="76"/>
      <c r="X4050" s="76"/>
      <c r="Y4050" s="76"/>
      <c r="Z4050" s="76"/>
      <c r="AA4050" s="85"/>
      <c r="AB4050" s="85"/>
      <c r="AC4050" s="85"/>
      <c r="AD4050" s="85"/>
      <c r="AE4050" s="85"/>
      <c r="AF4050" s="85"/>
      <c r="AG4050" s="86"/>
      <c r="AH4050" s="85"/>
      <c r="AI4050" s="85"/>
      <c r="AJ4050" s="85"/>
      <c r="AK4050" s="85"/>
      <c r="AL4050" s="85"/>
      <c r="AM4050" s="92"/>
      <c r="AN4050" s="92"/>
      <c r="AO4050" s="92"/>
      <c r="AP4050" s="92"/>
      <c r="AQ4050" s="92"/>
      <c r="AR4050" s="92"/>
      <c r="AS4050" s="92"/>
      <c r="AT4050" s="92"/>
      <c r="AU4050" s="92"/>
      <c r="AV4050" s="92"/>
      <c r="AW4050" s="92"/>
      <c r="AX4050" s="92"/>
      <c r="AY4050" s="92"/>
      <c r="AZ4050" s="93"/>
      <c r="BA4050" s="93"/>
      <c r="BB4050" s="93"/>
      <c r="BC4050" s="93"/>
      <c r="BD4050" s="93"/>
      <c r="BE4050" s="93"/>
      <c r="BF4050" s="93"/>
      <c r="BG4050" s="93"/>
      <c r="BH4050" s="93"/>
      <c r="BI4050" s="93"/>
      <c r="BJ4050" s="93"/>
      <c r="BK4050" s="93"/>
      <c r="BL4050" s="93"/>
    </row>
    <row r="4051" spans="2:64" x14ac:dyDescent="0.2">
      <c r="B4051" s="43"/>
      <c r="C4051" s="73"/>
      <c r="D4051" s="64"/>
      <c r="E4051" s="55"/>
      <c r="F4051" s="74"/>
      <c r="G4051" s="74"/>
      <c r="H4051" s="74"/>
      <c r="I4051" s="75"/>
      <c r="J4051" s="74"/>
      <c r="L4051" s="55"/>
      <c r="M4051" s="234"/>
      <c r="N4051" s="65"/>
      <c r="O4051" s="76"/>
      <c r="P4051" s="76"/>
      <c r="Q4051" s="65"/>
      <c r="R4051" s="76"/>
      <c r="S4051" s="76"/>
      <c r="T4051" s="76"/>
      <c r="U4051" s="76"/>
      <c r="V4051" s="76"/>
      <c r="W4051" s="76"/>
      <c r="X4051" s="76"/>
      <c r="Y4051" s="76"/>
      <c r="Z4051" s="76"/>
      <c r="AA4051" s="85"/>
      <c r="AB4051" s="85"/>
      <c r="AC4051" s="85"/>
      <c r="AD4051" s="85"/>
      <c r="AE4051" s="85"/>
      <c r="AF4051" s="85"/>
      <c r="AG4051" s="86"/>
      <c r="AH4051" s="85"/>
      <c r="AI4051" s="85"/>
      <c r="AJ4051" s="85"/>
      <c r="AK4051" s="85"/>
      <c r="AL4051" s="85"/>
      <c r="AM4051" s="92"/>
      <c r="AN4051" s="92"/>
      <c r="AO4051" s="92"/>
      <c r="AP4051" s="92"/>
      <c r="AQ4051" s="92"/>
      <c r="AR4051" s="92"/>
      <c r="AS4051" s="92"/>
      <c r="AT4051" s="92"/>
      <c r="AU4051" s="92"/>
      <c r="AV4051" s="92"/>
      <c r="AW4051" s="92"/>
      <c r="AX4051" s="92"/>
      <c r="AY4051" s="92"/>
      <c r="AZ4051" s="93"/>
      <c r="BA4051" s="93"/>
      <c r="BB4051" s="93"/>
      <c r="BC4051" s="93"/>
      <c r="BD4051" s="93"/>
      <c r="BE4051" s="93"/>
      <c r="BF4051" s="93"/>
      <c r="BG4051" s="93"/>
      <c r="BH4051" s="93"/>
      <c r="BI4051" s="93"/>
      <c r="BJ4051" s="93"/>
      <c r="BK4051" s="93"/>
      <c r="BL4051" s="93"/>
    </row>
    <row r="4052" spans="2:64" x14ac:dyDescent="0.2">
      <c r="B4052" s="43"/>
      <c r="C4052" s="73"/>
      <c r="D4052" s="64"/>
      <c r="E4052" s="55"/>
      <c r="F4052" s="74"/>
      <c r="G4052" s="74"/>
      <c r="H4052" s="74"/>
      <c r="I4052" s="75"/>
      <c r="J4052" s="74"/>
      <c r="L4052" s="55"/>
      <c r="M4052" s="234"/>
      <c r="N4052" s="65"/>
      <c r="O4052" s="76"/>
      <c r="P4052" s="76"/>
      <c r="Q4052" s="65"/>
      <c r="R4052" s="76"/>
      <c r="S4052" s="76"/>
      <c r="T4052" s="76"/>
      <c r="U4052" s="76"/>
      <c r="V4052" s="76"/>
      <c r="W4052" s="76"/>
      <c r="X4052" s="76"/>
      <c r="Y4052" s="76"/>
      <c r="Z4052" s="76"/>
      <c r="AA4052" s="85"/>
      <c r="AB4052" s="85"/>
      <c r="AC4052" s="85"/>
      <c r="AD4052" s="85"/>
      <c r="AE4052" s="85"/>
      <c r="AF4052" s="85"/>
      <c r="AG4052" s="86"/>
      <c r="AH4052" s="85"/>
      <c r="AI4052" s="85"/>
      <c r="AJ4052" s="85"/>
      <c r="AK4052" s="85"/>
      <c r="AL4052" s="85"/>
      <c r="AM4052" s="92"/>
      <c r="AN4052" s="92"/>
      <c r="AO4052" s="92"/>
      <c r="AP4052" s="92"/>
      <c r="AQ4052" s="92"/>
      <c r="AR4052" s="92"/>
      <c r="AS4052" s="92"/>
      <c r="AT4052" s="92"/>
      <c r="AU4052" s="92"/>
      <c r="AV4052" s="92"/>
      <c r="AW4052" s="92"/>
      <c r="AX4052" s="92"/>
      <c r="AY4052" s="92"/>
      <c r="AZ4052" s="93"/>
      <c r="BA4052" s="93"/>
      <c r="BB4052" s="93"/>
      <c r="BC4052" s="93"/>
      <c r="BD4052" s="93"/>
      <c r="BE4052" s="93"/>
      <c r="BF4052" s="93"/>
      <c r="BG4052" s="93"/>
      <c r="BH4052" s="93"/>
      <c r="BI4052" s="93"/>
      <c r="BJ4052" s="93"/>
      <c r="BK4052" s="93"/>
      <c r="BL4052" s="93"/>
    </row>
    <row r="4053" spans="2:64" x14ac:dyDescent="0.2">
      <c r="B4053" s="43"/>
      <c r="C4053" s="73"/>
      <c r="D4053" s="64"/>
      <c r="E4053" s="55"/>
      <c r="F4053" s="74"/>
      <c r="G4053" s="74"/>
      <c r="H4053" s="74"/>
      <c r="I4053" s="75"/>
      <c r="J4053" s="74"/>
      <c r="L4053" s="55"/>
      <c r="M4053" s="234"/>
      <c r="N4053" s="65"/>
      <c r="O4053" s="76"/>
      <c r="P4053" s="76"/>
      <c r="Q4053" s="65"/>
      <c r="R4053" s="76"/>
      <c r="S4053" s="76"/>
      <c r="T4053" s="76"/>
      <c r="U4053" s="76"/>
      <c r="V4053" s="76"/>
      <c r="W4053" s="76"/>
      <c r="X4053" s="76"/>
      <c r="Y4053" s="76"/>
      <c r="Z4053" s="76"/>
      <c r="AA4053" s="85"/>
      <c r="AB4053" s="85"/>
      <c r="AC4053" s="85"/>
      <c r="AD4053" s="85"/>
      <c r="AE4053" s="85"/>
      <c r="AF4053" s="85"/>
      <c r="AG4053" s="86"/>
      <c r="AH4053" s="85"/>
      <c r="AI4053" s="85"/>
      <c r="AJ4053" s="85"/>
      <c r="AK4053" s="85"/>
      <c r="AL4053" s="85"/>
      <c r="AM4053" s="92"/>
      <c r="AN4053" s="92"/>
      <c r="AO4053" s="92"/>
      <c r="AP4053" s="92"/>
      <c r="AQ4053" s="92"/>
      <c r="AR4053" s="92"/>
      <c r="AS4053" s="92"/>
      <c r="AT4053" s="92"/>
      <c r="AU4053" s="92"/>
      <c r="AV4053" s="92"/>
      <c r="AW4053" s="92"/>
      <c r="AX4053" s="92"/>
      <c r="AY4053" s="92"/>
      <c r="AZ4053" s="93"/>
      <c r="BA4053" s="93"/>
      <c r="BB4053" s="93"/>
      <c r="BC4053" s="93"/>
      <c r="BD4053" s="93"/>
      <c r="BE4053" s="93"/>
      <c r="BF4053" s="93"/>
      <c r="BG4053" s="93"/>
      <c r="BH4053" s="93"/>
      <c r="BI4053" s="93"/>
      <c r="BJ4053" s="93"/>
      <c r="BK4053" s="93"/>
      <c r="BL4053" s="93"/>
    </row>
    <row r="4054" spans="2:64" x14ac:dyDescent="0.2">
      <c r="B4054" s="43"/>
      <c r="C4054" s="73"/>
      <c r="D4054" s="64"/>
      <c r="E4054" s="55"/>
      <c r="F4054" s="74"/>
      <c r="G4054" s="74"/>
      <c r="H4054" s="74"/>
      <c r="I4054" s="75"/>
      <c r="J4054" s="74"/>
      <c r="L4054" s="55"/>
      <c r="M4054" s="234"/>
      <c r="N4054" s="65"/>
      <c r="O4054" s="76"/>
      <c r="P4054" s="76"/>
      <c r="Q4054" s="65"/>
      <c r="R4054" s="76"/>
      <c r="S4054" s="76"/>
      <c r="T4054" s="76"/>
      <c r="U4054" s="76"/>
      <c r="V4054" s="76"/>
      <c r="W4054" s="76"/>
      <c r="X4054" s="76"/>
      <c r="Y4054" s="76"/>
      <c r="Z4054" s="76"/>
      <c r="AA4054" s="85"/>
      <c r="AB4054" s="85"/>
      <c r="AC4054" s="85"/>
      <c r="AD4054" s="85"/>
      <c r="AE4054" s="85"/>
      <c r="AF4054" s="85"/>
      <c r="AG4054" s="86"/>
      <c r="AH4054" s="85"/>
      <c r="AI4054" s="85"/>
      <c r="AJ4054" s="85"/>
      <c r="AK4054" s="85"/>
      <c r="AL4054" s="85"/>
      <c r="AM4054" s="92"/>
      <c r="AN4054" s="92"/>
      <c r="AO4054" s="92"/>
      <c r="AP4054" s="92"/>
      <c r="AQ4054" s="92"/>
      <c r="AR4054" s="92"/>
      <c r="AS4054" s="92"/>
      <c r="AT4054" s="92"/>
      <c r="AU4054" s="92"/>
      <c r="AV4054" s="92"/>
      <c r="AW4054" s="92"/>
      <c r="AX4054" s="92"/>
      <c r="AY4054" s="92"/>
      <c r="AZ4054" s="93"/>
      <c r="BA4054" s="93"/>
      <c r="BB4054" s="93"/>
      <c r="BC4054" s="93"/>
      <c r="BD4054" s="93"/>
      <c r="BE4054" s="93"/>
      <c r="BF4054" s="93"/>
      <c r="BG4054" s="93"/>
      <c r="BH4054" s="93"/>
      <c r="BI4054" s="93"/>
      <c r="BJ4054" s="93"/>
      <c r="BK4054" s="93"/>
      <c r="BL4054" s="93"/>
    </row>
    <row r="4055" spans="2:64" x14ac:dyDescent="0.2">
      <c r="B4055" s="43"/>
      <c r="C4055" s="73"/>
      <c r="D4055" s="64"/>
      <c r="E4055" s="55"/>
      <c r="F4055" s="74"/>
      <c r="G4055" s="74"/>
      <c r="H4055" s="74"/>
      <c r="I4055" s="75"/>
      <c r="J4055" s="74"/>
      <c r="L4055" s="55"/>
      <c r="M4055" s="234"/>
      <c r="N4055" s="65"/>
      <c r="O4055" s="76"/>
      <c r="P4055" s="76"/>
      <c r="Q4055" s="65"/>
      <c r="R4055" s="76"/>
      <c r="S4055" s="76"/>
      <c r="T4055" s="76"/>
      <c r="U4055" s="76"/>
      <c r="V4055" s="76"/>
      <c r="W4055" s="76"/>
      <c r="X4055" s="76"/>
      <c r="Y4055" s="76"/>
      <c r="Z4055" s="76"/>
      <c r="AA4055" s="85"/>
      <c r="AB4055" s="85"/>
      <c r="AC4055" s="85"/>
      <c r="AD4055" s="85"/>
      <c r="AE4055" s="85"/>
      <c r="AF4055" s="85"/>
      <c r="AG4055" s="86"/>
      <c r="AH4055" s="85"/>
      <c r="AI4055" s="85"/>
      <c r="AJ4055" s="85"/>
      <c r="AK4055" s="85"/>
      <c r="AL4055" s="85"/>
      <c r="AM4055" s="92"/>
      <c r="AN4055" s="92"/>
      <c r="AO4055" s="92"/>
      <c r="AP4055" s="92"/>
      <c r="AQ4055" s="92"/>
      <c r="AR4055" s="92"/>
      <c r="AS4055" s="92"/>
      <c r="AT4055" s="92"/>
      <c r="AU4055" s="92"/>
      <c r="AV4055" s="92"/>
      <c r="AW4055" s="92"/>
      <c r="AX4055" s="92"/>
      <c r="AY4055" s="92"/>
      <c r="AZ4055" s="93"/>
      <c r="BA4055" s="93"/>
      <c r="BB4055" s="93"/>
      <c r="BC4055" s="93"/>
      <c r="BD4055" s="93"/>
      <c r="BE4055" s="93"/>
      <c r="BF4055" s="93"/>
      <c r="BG4055" s="93"/>
      <c r="BH4055" s="93"/>
      <c r="BI4055" s="93"/>
      <c r="BJ4055" s="93"/>
      <c r="BK4055" s="93"/>
      <c r="BL4055" s="93"/>
    </row>
    <row r="4056" spans="2:64" x14ac:dyDescent="0.2">
      <c r="B4056" s="43"/>
      <c r="C4056" s="73"/>
      <c r="D4056" s="64"/>
      <c r="E4056" s="55"/>
      <c r="F4056" s="74"/>
      <c r="G4056" s="74"/>
      <c r="H4056" s="74"/>
      <c r="I4056" s="75"/>
      <c r="J4056" s="74"/>
      <c r="L4056" s="55"/>
      <c r="M4056" s="234"/>
      <c r="N4056" s="65"/>
      <c r="O4056" s="76"/>
      <c r="P4056" s="76"/>
      <c r="Q4056" s="65"/>
      <c r="R4056" s="76"/>
      <c r="S4056" s="76"/>
      <c r="T4056" s="76"/>
      <c r="U4056" s="76"/>
      <c r="V4056" s="76"/>
      <c r="W4056" s="76"/>
      <c r="X4056" s="76"/>
      <c r="Y4056" s="76"/>
      <c r="Z4056" s="76"/>
      <c r="AA4056" s="85"/>
      <c r="AB4056" s="85"/>
      <c r="AC4056" s="85"/>
      <c r="AD4056" s="85"/>
      <c r="AE4056" s="85"/>
      <c r="AF4056" s="85"/>
      <c r="AG4056" s="86"/>
      <c r="AH4056" s="85"/>
      <c r="AI4056" s="85"/>
      <c r="AJ4056" s="85"/>
      <c r="AK4056" s="85"/>
      <c r="AL4056" s="85"/>
      <c r="AM4056" s="92"/>
      <c r="AN4056" s="92"/>
      <c r="AO4056" s="92"/>
      <c r="AP4056" s="92"/>
      <c r="AQ4056" s="92"/>
      <c r="AR4056" s="92"/>
      <c r="AS4056" s="92"/>
      <c r="AT4056" s="92"/>
      <c r="AU4056" s="92"/>
      <c r="AV4056" s="92"/>
      <c r="AW4056" s="92"/>
      <c r="AX4056" s="92"/>
      <c r="AY4056" s="92"/>
      <c r="AZ4056" s="93"/>
      <c r="BA4056" s="93"/>
      <c r="BB4056" s="93"/>
      <c r="BC4056" s="93"/>
      <c r="BD4056" s="93"/>
      <c r="BE4056" s="93"/>
      <c r="BF4056" s="93"/>
      <c r="BG4056" s="93"/>
      <c r="BH4056" s="93"/>
      <c r="BI4056" s="93"/>
      <c r="BJ4056" s="93"/>
      <c r="BK4056" s="93"/>
      <c r="BL4056" s="93"/>
    </row>
    <row r="4057" spans="2:64" x14ac:dyDescent="0.2">
      <c r="B4057" s="43"/>
      <c r="C4057" s="73"/>
      <c r="D4057" s="64"/>
      <c r="E4057" s="55"/>
      <c r="F4057" s="74"/>
      <c r="G4057" s="74"/>
      <c r="H4057" s="74"/>
      <c r="I4057" s="75"/>
      <c r="J4057" s="74"/>
      <c r="L4057" s="55"/>
      <c r="M4057" s="234"/>
      <c r="N4057" s="65"/>
      <c r="O4057" s="76"/>
      <c r="P4057" s="76"/>
      <c r="Q4057" s="65"/>
      <c r="R4057" s="76"/>
      <c r="S4057" s="76"/>
      <c r="T4057" s="76"/>
      <c r="U4057" s="76"/>
      <c r="V4057" s="76"/>
      <c r="W4057" s="76"/>
      <c r="X4057" s="76"/>
      <c r="Y4057" s="76"/>
      <c r="Z4057" s="76"/>
      <c r="AA4057" s="85"/>
      <c r="AB4057" s="85"/>
      <c r="AC4057" s="85"/>
      <c r="AD4057" s="85"/>
      <c r="AE4057" s="85"/>
      <c r="AF4057" s="85"/>
      <c r="AG4057" s="86"/>
      <c r="AH4057" s="85"/>
      <c r="AI4057" s="85"/>
      <c r="AJ4057" s="85"/>
      <c r="AK4057" s="85"/>
      <c r="AL4057" s="85"/>
      <c r="AM4057" s="92"/>
      <c r="AN4057" s="92"/>
      <c r="AO4057" s="92"/>
      <c r="AP4057" s="92"/>
      <c r="AQ4057" s="92"/>
      <c r="AR4057" s="92"/>
      <c r="AS4057" s="92"/>
      <c r="AT4057" s="92"/>
      <c r="AU4057" s="92"/>
      <c r="AV4057" s="92"/>
      <c r="AW4057" s="92"/>
      <c r="AX4057" s="92"/>
      <c r="AY4057" s="92"/>
      <c r="AZ4057" s="93"/>
      <c r="BA4057" s="93"/>
      <c r="BB4057" s="93"/>
      <c r="BC4057" s="93"/>
      <c r="BD4057" s="93"/>
      <c r="BE4057" s="93"/>
      <c r="BF4057" s="93"/>
      <c r="BG4057" s="93"/>
      <c r="BH4057" s="93"/>
      <c r="BI4057" s="93"/>
      <c r="BJ4057" s="93"/>
      <c r="BK4057" s="93"/>
      <c r="BL4057" s="93"/>
    </row>
    <row r="4058" spans="2:64" x14ac:dyDescent="0.2">
      <c r="B4058" s="43"/>
      <c r="C4058" s="73"/>
      <c r="D4058" s="64"/>
      <c r="E4058" s="55"/>
      <c r="F4058" s="74"/>
      <c r="G4058" s="74"/>
      <c r="H4058" s="74"/>
      <c r="I4058" s="75"/>
      <c r="J4058" s="74"/>
      <c r="L4058" s="55"/>
      <c r="M4058" s="234"/>
      <c r="N4058" s="65"/>
      <c r="O4058" s="76"/>
      <c r="P4058" s="76"/>
      <c r="Q4058" s="65"/>
      <c r="R4058" s="76"/>
      <c r="S4058" s="76"/>
      <c r="T4058" s="76"/>
      <c r="U4058" s="76"/>
      <c r="V4058" s="76"/>
      <c r="W4058" s="76"/>
      <c r="X4058" s="76"/>
      <c r="Y4058" s="76"/>
      <c r="Z4058" s="76"/>
      <c r="AA4058" s="85"/>
      <c r="AB4058" s="85"/>
      <c r="AC4058" s="85"/>
      <c r="AD4058" s="85"/>
      <c r="AE4058" s="85"/>
      <c r="AF4058" s="85"/>
      <c r="AG4058" s="86"/>
      <c r="AH4058" s="85"/>
      <c r="AI4058" s="85"/>
      <c r="AJ4058" s="85"/>
      <c r="AK4058" s="85"/>
      <c r="AL4058" s="85"/>
      <c r="AM4058" s="92"/>
      <c r="AN4058" s="92"/>
      <c r="AO4058" s="92"/>
      <c r="AP4058" s="92"/>
      <c r="AQ4058" s="92"/>
      <c r="AR4058" s="92"/>
      <c r="AS4058" s="92"/>
      <c r="AT4058" s="92"/>
      <c r="AU4058" s="92"/>
      <c r="AV4058" s="92"/>
      <c r="AW4058" s="92"/>
      <c r="AX4058" s="92"/>
      <c r="AY4058" s="92"/>
      <c r="AZ4058" s="93"/>
      <c r="BA4058" s="93"/>
      <c r="BB4058" s="93"/>
      <c r="BC4058" s="93"/>
      <c r="BD4058" s="93"/>
      <c r="BE4058" s="93"/>
      <c r="BF4058" s="93"/>
      <c r="BG4058" s="93"/>
      <c r="BH4058" s="93"/>
      <c r="BI4058" s="93"/>
      <c r="BJ4058" s="93"/>
      <c r="BK4058" s="93"/>
      <c r="BL4058" s="93"/>
    </row>
    <row r="4059" spans="2:64" x14ac:dyDescent="0.2">
      <c r="B4059" s="43"/>
      <c r="C4059" s="73"/>
      <c r="D4059" s="64"/>
      <c r="E4059" s="55"/>
      <c r="F4059" s="74"/>
      <c r="G4059" s="74"/>
      <c r="H4059" s="74"/>
      <c r="I4059" s="75"/>
      <c r="J4059" s="74"/>
      <c r="L4059" s="55"/>
      <c r="M4059" s="234"/>
      <c r="N4059" s="65"/>
      <c r="O4059" s="76"/>
      <c r="P4059" s="76"/>
      <c r="Q4059" s="65"/>
      <c r="R4059" s="76"/>
      <c r="S4059" s="76"/>
      <c r="T4059" s="76"/>
      <c r="U4059" s="76"/>
      <c r="V4059" s="76"/>
      <c r="W4059" s="76"/>
      <c r="X4059" s="76"/>
      <c r="Y4059" s="76"/>
      <c r="Z4059" s="76"/>
      <c r="AA4059" s="85"/>
      <c r="AB4059" s="85"/>
      <c r="AC4059" s="85"/>
      <c r="AD4059" s="85"/>
      <c r="AE4059" s="85"/>
      <c r="AF4059" s="85"/>
      <c r="AG4059" s="86"/>
      <c r="AH4059" s="85"/>
      <c r="AI4059" s="85"/>
      <c r="AJ4059" s="85"/>
      <c r="AK4059" s="85"/>
      <c r="AL4059" s="85"/>
      <c r="AM4059" s="92"/>
      <c r="AN4059" s="92"/>
      <c r="AO4059" s="92"/>
      <c r="AP4059" s="92"/>
      <c r="AQ4059" s="92"/>
      <c r="AR4059" s="92"/>
      <c r="AS4059" s="92"/>
      <c r="AT4059" s="92"/>
      <c r="AU4059" s="92"/>
      <c r="AV4059" s="92"/>
      <c r="AW4059" s="92"/>
      <c r="AX4059" s="92"/>
      <c r="AY4059" s="92"/>
      <c r="AZ4059" s="93"/>
      <c r="BA4059" s="93"/>
      <c r="BB4059" s="93"/>
      <c r="BC4059" s="93"/>
      <c r="BD4059" s="93"/>
      <c r="BE4059" s="93"/>
      <c r="BF4059" s="93"/>
      <c r="BG4059" s="93"/>
      <c r="BH4059" s="93"/>
      <c r="BI4059" s="93"/>
      <c r="BJ4059" s="93"/>
      <c r="BK4059" s="93"/>
      <c r="BL4059" s="93"/>
    </row>
    <row r="4060" spans="2:64" x14ac:dyDescent="0.2">
      <c r="B4060" s="43"/>
      <c r="C4060" s="73"/>
      <c r="D4060" s="64"/>
      <c r="E4060" s="55"/>
      <c r="F4060" s="74"/>
      <c r="G4060" s="74"/>
      <c r="H4060" s="74"/>
      <c r="I4060" s="75"/>
      <c r="J4060" s="74"/>
      <c r="L4060" s="55"/>
      <c r="M4060" s="234"/>
      <c r="N4060" s="65"/>
      <c r="O4060" s="76"/>
      <c r="P4060" s="76"/>
      <c r="Q4060" s="65"/>
      <c r="R4060" s="76"/>
      <c r="S4060" s="76"/>
      <c r="T4060" s="76"/>
      <c r="U4060" s="76"/>
      <c r="V4060" s="76"/>
      <c r="W4060" s="76"/>
      <c r="X4060" s="76"/>
      <c r="Y4060" s="76"/>
      <c r="Z4060" s="76"/>
      <c r="AA4060" s="85"/>
      <c r="AB4060" s="85"/>
      <c r="AC4060" s="85"/>
      <c r="AD4060" s="85"/>
      <c r="AE4060" s="85"/>
      <c r="AF4060" s="85"/>
      <c r="AG4060" s="86"/>
      <c r="AH4060" s="85"/>
      <c r="AI4060" s="85"/>
      <c r="AJ4060" s="85"/>
      <c r="AK4060" s="85"/>
      <c r="AL4060" s="85"/>
      <c r="AM4060" s="92"/>
      <c r="AN4060" s="92"/>
      <c r="AO4060" s="92"/>
      <c r="AP4060" s="92"/>
      <c r="AQ4060" s="92"/>
      <c r="AR4060" s="92"/>
      <c r="AS4060" s="92"/>
      <c r="AT4060" s="92"/>
      <c r="AU4060" s="92"/>
      <c r="AV4060" s="92"/>
      <c r="AW4060" s="92"/>
      <c r="AX4060" s="92"/>
      <c r="AY4060" s="92"/>
      <c r="AZ4060" s="93"/>
      <c r="BA4060" s="93"/>
      <c r="BB4060" s="93"/>
      <c r="BC4060" s="93"/>
      <c r="BD4060" s="93"/>
      <c r="BE4060" s="93"/>
      <c r="BF4060" s="93"/>
      <c r="BG4060" s="93"/>
      <c r="BH4060" s="93"/>
      <c r="BI4060" s="93"/>
      <c r="BJ4060" s="93"/>
      <c r="BK4060" s="93"/>
      <c r="BL4060" s="93"/>
    </row>
    <row r="4061" spans="2:64" x14ac:dyDescent="0.2">
      <c r="B4061" s="43"/>
      <c r="C4061" s="73"/>
      <c r="D4061" s="64"/>
      <c r="E4061" s="55"/>
      <c r="F4061" s="74"/>
      <c r="G4061" s="74"/>
      <c r="H4061" s="74"/>
      <c r="I4061" s="75"/>
      <c r="J4061" s="74"/>
      <c r="L4061" s="55"/>
      <c r="M4061" s="234"/>
      <c r="N4061" s="65"/>
      <c r="O4061" s="76"/>
      <c r="P4061" s="76"/>
      <c r="Q4061" s="65"/>
      <c r="R4061" s="76"/>
      <c r="S4061" s="76"/>
      <c r="T4061" s="76"/>
      <c r="U4061" s="76"/>
      <c r="V4061" s="76"/>
      <c r="W4061" s="76"/>
      <c r="X4061" s="76"/>
      <c r="Y4061" s="76"/>
      <c r="Z4061" s="76"/>
      <c r="AA4061" s="85"/>
      <c r="AB4061" s="85"/>
      <c r="AC4061" s="85"/>
      <c r="AD4061" s="85"/>
      <c r="AE4061" s="85"/>
      <c r="AF4061" s="85"/>
      <c r="AG4061" s="86"/>
      <c r="AH4061" s="85"/>
      <c r="AI4061" s="85"/>
      <c r="AJ4061" s="85"/>
      <c r="AK4061" s="85"/>
      <c r="AL4061" s="85"/>
      <c r="AM4061" s="92"/>
      <c r="AN4061" s="92"/>
      <c r="AO4061" s="92"/>
      <c r="AP4061" s="92"/>
      <c r="AQ4061" s="92"/>
      <c r="AR4061" s="92"/>
      <c r="AS4061" s="92"/>
      <c r="AT4061" s="92"/>
      <c r="AU4061" s="92"/>
      <c r="AV4061" s="92"/>
      <c r="AW4061" s="92"/>
      <c r="AX4061" s="92"/>
      <c r="AY4061" s="92"/>
      <c r="AZ4061" s="93"/>
      <c r="BA4061" s="93"/>
      <c r="BB4061" s="93"/>
      <c r="BC4061" s="93"/>
      <c r="BD4061" s="93"/>
      <c r="BE4061" s="93"/>
      <c r="BF4061" s="93"/>
      <c r="BG4061" s="93"/>
      <c r="BH4061" s="93"/>
      <c r="BI4061" s="93"/>
      <c r="BJ4061" s="93"/>
      <c r="BK4061" s="93"/>
      <c r="BL4061" s="93"/>
    </row>
    <row r="4062" spans="2:64" x14ac:dyDescent="0.2">
      <c r="B4062" s="43"/>
      <c r="C4062" s="73"/>
      <c r="D4062" s="64"/>
      <c r="E4062" s="55"/>
      <c r="F4062" s="74"/>
      <c r="G4062" s="74"/>
      <c r="H4062" s="74"/>
      <c r="I4062" s="75"/>
      <c r="J4062" s="74"/>
      <c r="L4062" s="55"/>
      <c r="M4062" s="234"/>
      <c r="N4062" s="65"/>
      <c r="O4062" s="76"/>
      <c r="P4062" s="76"/>
      <c r="Q4062" s="65"/>
      <c r="R4062" s="76"/>
      <c r="S4062" s="76"/>
      <c r="T4062" s="76"/>
      <c r="U4062" s="76"/>
      <c r="V4062" s="76"/>
      <c r="W4062" s="76"/>
      <c r="X4062" s="76"/>
      <c r="Y4062" s="76"/>
      <c r="Z4062" s="76"/>
      <c r="AA4062" s="85"/>
      <c r="AB4062" s="85"/>
      <c r="AC4062" s="85"/>
      <c r="AD4062" s="85"/>
      <c r="AE4062" s="85"/>
      <c r="AF4062" s="85"/>
      <c r="AG4062" s="86"/>
      <c r="AH4062" s="85"/>
      <c r="AI4062" s="85"/>
      <c r="AJ4062" s="85"/>
      <c r="AK4062" s="85"/>
      <c r="AL4062" s="85"/>
      <c r="AM4062" s="92"/>
      <c r="AN4062" s="92"/>
      <c r="AO4062" s="92"/>
      <c r="AP4062" s="92"/>
      <c r="AQ4062" s="92"/>
      <c r="AR4062" s="92"/>
      <c r="AS4062" s="92"/>
      <c r="AT4062" s="92"/>
      <c r="AU4062" s="92"/>
      <c r="AV4062" s="92"/>
      <c r="AW4062" s="92"/>
      <c r="AX4062" s="92"/>
      <c r="AY4062" s="92"/>
      <c r="AZ4062" s="93"/>
      <c r="BA4062" s="93"/>
      <c r="BB4062" s="93"/>
      <c r="BC4062" s="93"/>
      <c r="BD4062" s="93"/>
      <c r="BE4062" s="93"/>
      <c r="BF4062" s="93"/>
      <c r="BG4062" s="93"/>
      <c r="BH4062" s="93"/>
      <c r="BI4062" s="93"/>
      <c r="BJ4062" s="93"/>
      <c r="BK4062" s="93"/>
      <c r="BL4062" s="93"/>
    </row>
    <row r="4063" spans="2:64" x14ac:dyDescent="0.2">
      <c r="B4063" s="43"/>
      <c r="C4063" s="73"/>
      <c r="D4063" s="64"/>
      <c r="E4063" s="55"/>
      <c r="F4063" s="74"/>
      <c r="G4063" s="74"/>
      <c r="H4063" s="74"/>
      <c r="I4063" s="75"/>
      <c r="J4063" s="74"/>
      <c r="L4063" s="55"/>
      <c r="M4063" s="234"/>
      <c r="N4063" s="65"/>
      <c r="O4063" s="76"/>
      <c r="P4063" s="76"/>
      <c r="Q4063" s="65"/>
      <c r="R4063" s="76"/>
      <c r="S4063" s="76"/>
      <c r="T4063" s="76"/>
      <c r="U4063" s="76"/>
      <c r="V4063" s="76"/>
      <c r="W4063" s="76"/>
      <c r="X4063" s="76"/>
      <c r="Y4063" s="76"/>
      <c r="Z4063" s="76"/>
      <c r="AA4063" s="85"/>
      <c r="AB4063" s="85"/>
      <c r="AC4063" s="85"/>
      <c r="AD4063" s="85"/>
      <c r="AE4063" s="85"/>
      <c r="AF4063" s="85"/>
      <c r="AG4063" s="86"/>
      <c r="AH4063" s="85"/>
      <c r="AI4063" s="85"/>
      <c r="AJ4063" s="85"/>
      <c r="AK4063" s="85"/>
      <c r="AL4063" s="85"/>
      <c r="AM4063" s="92"/>
      <c r="AN4063" s="92"/>
      <c r="AO4063" s="92"/>
      <c r="AP4063" s="92"/>
      <c r="AQ4063" s="92"/>
      <c r="AR4063" s="92"/>
      <c r="AS4063" s="92"/>
      <c r="AT4063" s="92"/>
      <c r="AU4063" s="92"/>
      <c r="AV4063" s="92"/>
      <c r="AW4063" s="92"/>
      <c r="AX4063" s="92"/>
      <c r="AY4063" s="92"/>
      <c r="AZ4063" s="93"/>
      <c r="BA4063" s="93"/>
      <c r="BB4063" s="93"/>
      <c r="BC4063" s="93"/>
      <c r="BD4063" s="93"/>
      <c r="BE4063" s="93"/>
      <c r="BF4063" s="93"/>
      <c r="BG4063" s="93"/>
      <c r="BH4063" s="93"/>
      <c r="BI4063" s="93"/>
      <c r="BJ4063" s="93"/>
      <c r="BK4063" s="93"/>
      <c r="BL4063" s="93"/>
    </row>
    <row r="4064" spans="2:64" x14ac:dyDescent="0.2">
      <c r="B4064" s="43"/>
      <c r="C4064" s="73"/>
      <c r="D4064" s="64"/>
      <c r="E4064" s="55"/>
      <c r="F4064" s="74"/>
      <c r="G4064" s="74"/>
      <c r="H4064" s="74"/>
      <c r="I4064" s="75"/>
      <c r="J4064" s="74"/>
      <c r="L4064" s="55"/>
      <c r="M4064" s="234"/>
      <c r="N4064" s="65"/>
      <c r="O4064" s="76"/>
      <c r="P4064" s="76"/>
      <c r="Q4064" s="65"/>
      <c r="R4064" s="76"/>
      <c r="S4064" s="76"/>
      <c r="T4064" s="76"/>
      <c r="U4064" s="76"/>
      <c r="V4064" s="76"/>
      <c r="W4064" s="76"/>
      <c r="X4064" s="76"/>
      <c r="Y4064" s="76"/>
      <c r="Z4064" s="76"/>
      <c r="AA4064" s="85"/>
      <c r="AB4064" s="85"/>
      <c r="AC4064" s="85"/>
      <c r="AD4064" s="85"/>
      <c r="AE4064" s="85"/>
      <c r="AF4064" s="85"/>
      <c r="AG4064" s="86"/>
      <c r="AH4064" s="85"/>
      <c r="AI4064" s="85"/>
      <c r="AJ4064" s="85"/>
      <c r="AK4064" s="85"/>
      <c r="AL4064" s="85"/>
      <c r="AM4064" s="92"/>
      <c r="AN4064" s="92"/>
      <c r="AO4064" s="92"/>
      <c r="AP4064" s="92"/>
      <c r="AQ4064" s="92"/>
      <c r="AR4064" s="92"/>
      <c r="AS4064" s="92"/>
      <c r="AT4064" s="92"/>
      <c r="AU4064" s="92"/>
      <c r="AV4064" s="92"/>
      <c r="AW4064" s="92"/>
      <c r="AX4064" s="92"/>
      <c r="AY4064" s="92"/>
      <c r="AZ4064" s="93"/>
      <c r="BA4064" s="93"/>
      <c r="BB4064" s="93"/>
      <c r="BC4064" s="93"/>
      <c r="BD4064" s="93"/>
      <c r="BE4064" s="93"/>
      <c r="BF4064" s="93"/>
      <c r="BG4064" s="93"/>
      <c r="BH4064" s="93"/>
      <c r="BI4064" s="93"/>
      <c r="BJ4064" s="93"/>
      <c r="BK4064" s="93"/>
      <c r="BL4064" s="93"/>
    </row>
    <row r="4065" spans="2:64" x14ac:dyDescent="0.2">
      <c r="B4065" s="43"/>
      <c r="C4065" s="73"/>
      <c r="D4065" s="64"/>
      <c r="E4065" s="55"/>
      <c r="F4065" s="74"/>
      <c r="G4065" s="74"/>
      <c r="H4065" s="74"/>
      <c r="I4065" s="75"/>
      <c r="J4065" s="74"/>
      <c r="L4065" s="55"/>
      <c r="M4065" s="234"/>
      <c r="N4065" s="65"/>
      <c r="O4065" s="76"/>
      <c r="P4065" s="76"/>
      <c r="Q4065" s="65"/>
      <c r="R4065" s="76"/>
      <c r="S4065" s="76"/>
      <c r="T4065" s="76"/>
      <c r="U4065" s="76"/>
      <c r="V4065" s="76"/>
      <c r="W4065" s="76"/>
      <c r="X4065" s="76"/>
      <c r="Y4065" s="76"/>
      <c r="Z4065" s="76"/>
      <c r="AA4065" s="85"/>
      <c r="AB4065" s="85"/>
      <c r="AC4065" s="85"/>
      <c r="AD4065" s="85"/>
      <c r="AE4065" s="85"/>
      <c r="AF4065" s="85"/>
      <c r="AG4065" s="86"/>
      <c r="AH4065" s="85"/>
      <c r="AI4065" s="85"/>
      <c r="AJ4065" s="85"/>
      <c r="AK4065" s="85"/>
      <c r="AL4065" s="85"/>
      <c r="AM4065" s="92"/>
      <c r="AN4065" s="92"/>
      <c r="AO4065" s="92"/>
      <c r="AP4065" s="92"/>
      <c r="AQ4065" s="92"/>
      <c r="AR4065" s="92"/>
      <c r="AS4065" s="92"/>
      <c r="AT4065" s="92"/>
      <c r="AU4065" s="92"/>
      <c r="AV4065" s="92"/>
      <c r="AW4065" s="92"/>
      <c r="AX4065" s="92"/>
      <c r="AY4065" s="92"/>
      <c r="AZ4065" s="93"/>
      <c r="BA4065" s="93"/>
      <c r="BB4065" s="93"/>
      <c r="BC4065" s="93"/>
      <c r="BD4065" s="93"/>
      <c r="BE4065" s="93"/>
      <c r="BF4065" s="93"/>
      <c r="BG4065" s="93"/>
      <c r="BH4065" s="93"/>
      <c r="BI4065" s="93"/>
      <c r="BJ4065" s="93"/>
      <c r="BK4065" s="93"/>
      <c r="BL4065" s="93"/>
    </row>
    <row r="4066" spans="2:64" x14ac:dyDescent="0.2">
      <c r="B4066" s="43"/>
      <c r="C4066" s="73"/>
      <c r="D4066" s="64"/>
      <c r="E4066" s="55"/>
      <c r="F4066" s="74"/>
      <c r="G4066" s="74"/>
      <c r="H4066" s="74"/>
      <c r="I4066" s="75"/>
      <c r="J4066" s="74"/>
      <c r="L4066" s="55"/>
      <c r="M4066" s="234"/>
      <c r="N4066" s="65"/>
      <c r="O4066" s="76"/>
      <c r="P4066" s="76"/>
      <c r="Q4066" s="65"/>
      <c r="R4066" s="76"/>
      <c r="S4066" s="76"/>
      <c r="T4066" s="76"/>
      <c r="U4066" s="76"/>
      <c r="V4066" s="76"/>
      <c r="W4066" s="76"/>
      <c r="X4066" s="76"/>
      <c r="Y4066" s="76"/>
      <c r="Z4066" s="76"/>
      <c r="AA4066" s="85"/>
      <c r="AB4066" s="85"/>
      <c r="AC4066" s="85"/>
      <c r="AD4066" s="85"/>
      <c r="AE4066" s="85"/>
      <c r="AF4066" s="85"/>
      <c r="AG4066" s="86"/>
      <c r="AH4066" s="85"/>
      <c r="AI4066" s="85"/>
      <c r="AJ4066" s="85"/>
      <c r="AK4066" s="85"/>
      <c r="AL4066" s="85"/>
      <c r="AM4066" s="92"/>
      <c r="AN4066" s="92"/>
      <c r="AO4066" s="92"/>
      <c r="AP4066" s="92"/>
      <c r="AQ4066" s="92"/>
      <c r="AR4066" s="92"/>
      <c r="AS4066" s="92"/>
      <c r="AT4066" s="92"/>
      <c r="AU4066" s="92"/>
      <c r="AV4066" s="92"/>
      <c r="AW4066" s="92"/>
      <c r="AX4066" s="92"/>
      <c r="AY4066" s="92"/>
      <c r="AZ4066" s="93"/>
      <c r="BA4066" s="93"/>
      <c r="BB4066" s="93"/>
      <c r="BC4066" s="93"/>
      <c r="BD4066" s="93"/>
      <c r="BE4066" s="93"/>
      <c r="BF4066" s="93"/>
      <c r="BG4066" s="93"/>
      <c r="BH4066" s="93"/>
      <c r="BI4066" s="93"/>
      <c r="BJ4066" s="93"/>
      <c r="BK4066" s="93"/>
      <c r="BL4066" s="93"/>
    </row>
    <row r="4067" spans="2:64" x14ac:dyDescent="0.2">
      <c r="B4067" s="43"/>
      <c r="C4067" s="73"/>
      <c r="D4067" s="64"/>
      <c r="E4067" s="55"/>
      <c r="F4067" s="74"/>
      <c r="G4067" s="74"/>
      <c r="H4067" s="74"/>
      <c r="I4067" s="75"/>
      <c r="J4067" s="74"/>
      <c r="L4067" s="55"/>
      <c r="M4067" s="234"/>
      <c r="N4067" s="65"/>
      <c r="O4067" s="76"/>
      <c r="P4067" s="76"/>
      <c r="Q4067" s="65"/>
      <c r="R4067" s="76"/>
      <c r="S4067" s="76"/>
      <c r="T4067" s="76"/>
      <c r="U4067" s="76"/>
      <c r="V4067" s="76"/>
      <c r="W4067" s="76"/>
      <c r="X4067" s="76"/>
      <c r="Y4067" s="76"/>
      <c r="Z4067" s="76"/>
      <c r="AA4067" s="85"/>
      <c r="AB4067" s="85"/>
      <c r="AC4067" s="85"/>
      <c r="AD4067" s="85"/>
      <c r="AE4067" s="85"/>
      <c r="AF4067" s="85"/>
      <c r="AG4067" s="86"/>
      <c r="AH4067" s="85"/>
      <c r="AI4067" s="85"/>
      <c r="AJ4067" s="85"/>
      <c r="AK4067" s="85"/>
      <c r="AL4067" s="85"/>
      <c r="AM4067" s="92"/>
      <c r="AN4067" s="92"/>
      <c r="AO4067" s="92"/>
      <c r="AP4067" s="92"/>
      <c r="AQ4067" s="92"/>
      <c r="AR4067" s="92"/>
      <c r="AS4067" s="92"/>
      <c r="AT4067" s="92"/>
      <c r="AU4067" s="92"/>
      <c r="AV4067" s="92"/>
      <c r="AW4067" s="92"/>
      <c r="AX4067" s="92"/>
      <c r="AY4067" s="92"/>
      <c r="AZ4067" s="93"/>
      <c r="BA4067" s="93"/>
      <c r="BB4067" s="93"/>
      <c r="BC4067" s="93"/>
      <c r="BD4067" s="93"/>
      <c r="BE4067" s="93"/>
      <c r="BF4067" s="93"/>
      <c r="BG4067" s="93"/>
      <c r="BH4067" s="93"/>
      <c r="BI4067" s="93"/>
      <c r="BJ4067" s="93"/>
      <c r="BK4067" s="93"/>
      <c r="BL4067" s="93"/>
    </row>
    <row r="4068" spans="2:64" x14ac:dyDescent="0.2">
      <c r="B4068" s="43"/>
      <c r="C4068" s="73"/>
      <c r="D4068" s="64"/>
      <c r="E4068" s="55"/>
      <c r="F4068" s="74"/>
      <c r="G4068" s="74"/>
      <c r="H4068" s="74"/>
      <c r="I4068" s="75"/>
      <c r="J4068" s="74"/>
      <c r="L4068" s="55"/>
      <c r="M4068" s="234"/>
      <c r="N4068" s="65"/>
      <c r="O4068" s="76"/>
      <c r="P4068" s="76"/>
      <c r="Q4068" s="65"/>
      <c r="R4068" s="76"/>
      <c r="S4068" s="76"/>
      <c r="T4068" s="76"/>
      <c r="U4068" s="76"/>
      <c r="V4068" s="76"/>
      <c r="W4068" s="76"/>
      <c r="X4068" s="76"/>
      <c r="Y4068" s="76"/>
      <c r="Z4068" s="76"/>
      <c r="AA4068" s="85"/>
      <c r="AB4068" s="85"/>
      <c r="AC4068" s="85"/>
      <c r="AD4068" s="85"/>
      <c r="AE4068" s="85"/>
      <c r="AF4068" s="85"/>
      <c r="AG4068" s="86"/>
      <c r="AH4068" s="85"/>
      <c r="AI4068" s="85"/>
      <c r="AJ4068" s="85"/>
      <c r="AK4068" s="85"/>
      <c r="AL4068" s="85"/>
      <c r="AM4068" s="92"/>
      <c r="AN4068" s="92"/>
      <c r="AO4068" s="92"/>
      <c r="AP4068" s="92"/>
      <c r="AQ4068" s="92"/>
      <c r="AR4068" s="92"/>
      <c r="AS4068" s="92"/>
      <c r="AT4068" s="92"/>
      <c r="AU4068" s="92"/>
      <c r="AV4068" s="92"/>
      <c r="AW4068" s="92"/>
      <c r="AX4068" s="92"/>
      <c r="AY4068" s="92"/>
      <c r="AZ4068" s="93"/>
      <c r="BA4068" s="93"/>
      <c r="BB4068" s="93"/>
      <c r="BC4068" s="93"/>
      <c r="BD4068" s="93"/>
      <c r="BE4068" s="93"/>
      <c r="BF4068" s="93"/>
      <c r="BG4068" s="93"/>
      <c r="BH4068" s="93"/>
      <c r="BI4068" s="93"/>
      <c r="BJ4068" s="93"/>
      <c r="BK4068" s="93"/>
      <c r="BL4068" s="93"/>
    </row>
    <row r="4069" spans="2:64" x14ac:dyDescent="0.2">
      <c r="B4069" s="43"/>
      <c r="C4069" s="73"/>
      <c r="D4069" s="64"/>
      <c r="E4069" s="55"/>
      <c r="F4069" s="74"/>
      <c r="G4069" s="74"/>
      <c r="H4069" s="74"/>
      <c r="I4069" s="75"/>
      <c r="J4069" s="74"/>
      <c r="L4069" s="55"/>
      <c r="M4069" s="234"/>
      <c r="N4069" s="65"/>
      <c r="O4069" s="76"/>
      <c r="P4069" s="76"/>
      <c r="Q4069" s="65"/>
      <c r="R4069" s="76"/>
      <c r="S4069" s="76"/>
      <c r="T4069" s="76"/>
      <c r="U4069" s="76"/>
      <c r="V4069" s="76"/>
      <c r="W4069" s="76"/>
      <c r="X4069" s="76"/>
      <c r="Y4069" s="76"/>
      <c r="Z4069" s="76"/>
      <c r="AA4069" s="85"/>
      <c r="AB4069" s="85"/>
      <c r="AC4069" s="85"/>
      <c r="AD4069" s="85"/>
      <c r="AE4069" s="85"/>
      <c r="AF4069" s="85"/>
      <c r="AG4069" s="86"/>
      <c r="AH4069" s="85"/>
      <c r="AI4069" s="85"/>
      <c r="AJ4069" s="85"/>
      <c r="AK4069" s="85"/>
      <c r="AL4069" s="85"/>
      <c r="AM4069" s="92"/>
      <c r="AN4069" s="92"/>
      <c r="AO4069" s="92"/>
      <c r="AP4069" s="92"/>
      <c r="AQ4069" s="92"/>
      <c r="AR4069" s="92"/>
      <c r="AS4069" s="92"/>
      <c r="AT4069" s="92"/>
      <c r="AU4069" s="92"/>
      <c r="AV4069" s="92"/>
      <c r="AW4069" s="92"/>
      <c r="AX4069" s="92"/>
      <c r="AY4069" s="92"/>
      <c r="AZ4069" s="93"/>
      <c r="BA4069" s="93"/>
      <c r="BB4069" s="93"/>
      <c r="BC4069" s="93"/>
      <c r="BD4069" s="93"/>
      <c r="BE4069" s="93"/>
      <c r="BF4069" s="93"/>
      <c r="BG4069" s="93"/>
      <c r="BH4069" s="93"/>
      <c r="BI4069" s="93"/>
      <c r="BJ4069" s="93"/>
      <c r="BK4069" s="93"/>
      <c r="BL4069" s="93"/>
    </row>
    <row r="4070" spans="2:64" x14ac:dyDescent="0.2">
      <c r="B4070" s="43"/>
      <c r="C4070" s="73"/>
      <c r="D4070" s="64"/>
      <c r="E4070" s="55"/>
      <c r="F4070" s="74"/>
      <c r="G4070" s="74"/>
      <c r="H4070" s="74"/>
      <c r="I4070" s="75"/>
      <c r="J4070" s="74"/>
      <c r="L4070" s="55"/>
      <c r="M4070" s="234"/>
      <c r="N4070" s="65"/>
      <c r="O4070" s="76"/>
      <c r="P4070" s="76"/>
      <c r="Q4070" s="65"/>
      <c r="R4070" s="76"/>
      <c r="S4070" s="76"/>
      <c r="T4070" s="76"/>
      <c r="U4070" s="76"/>
      <c r="V4070" s="76"/>
      <c r="W4070" s="76"/>
      <c r="X4070" s="76"/>
      <c r="Y4070" s="76"/>
      <c r="Z4070" s="76"/>
      <c r="AA4070" s="85"/>
      <c r="AB4070" s="85"/>
      <c r="AC4070" s="85"/>
      <c r="AD4070" s="85"/>
      <c r="AE4070" s="85"/>
      <c r="AF4070" s="85"/>
      <c r="AG4070" s="86"/>
      <c r="AH4070" s="85"/>
      <c r="AI4070" s="85"/>
      <c r="AJ4070" s="85"/>
      <c r="AK4070" s="85"/>
      <c r="AL4070" s="85"/>
      <c r="AM4070" s="92"/>
      <c r="AN4070" s="92"/>
      <c r="AO4070" s="92"/>
      <c r="AP4070" s="92"/>
      <c r="AQ4070" s="92"/>
      <c r="AR4070" s="92"/>
      <c r="AS4070" s="92"/>
      <c r="AT4070" s="92"/>
      <c r="AU4070" s="92"/>
      <c r="AV4070" s="92"/>
      <c r="AW4070" s="92"/>
      <c r="AX4070" s="92"/>
      <c r="AY4070" s="92"/>
      <c r="AZ4070" s="93"/>
      <c r="BA4070" s="93"/>
      <c r="BB4070" s="93"/>
      <c r="BC4070" s="93"/>
      <c r="BD4070" s="93"/>
      <c r="BE4070" s="93"/>
      <c r="BF4070" s="93"/>
      <c r="BG4070" s="93"/>
      <c r="BH4070" s="93"/>
      <c r="BI4070" s="93"/>
      <c r="BJ4070" s="93"/>
      <c r="BK4070" s="93"/>
      <c r="BL4070" s="93"/>
    </row>
    <row r="4071" spans="2:64" x14ac:dyDescent="0.2">
      <c r="B4071" s="43"/>
      <c r="C4071" s="73"/>
      <c r="D4071" s="64"/>
      <c r="E4071" s="55"/>
      <c r="F4071" s="74"/>
      <c r="G4071" s="74"/>
      <c r="H4071" s="74"/>
      <c r="I4071" s="75"/>
      <c r="J4071" s="74"/>
      <c r="L4071" s="55"/>
      <c r="M4071" s="234"/>
      <c r="N4071" s="65"/>
      <c r="O4071" s="76"/>
      <c r="P4071" s="76"/>
      <c r="Q4071" s="65"/>
      <c r="R4071" s="76"/>
      <c r="S4071" s="76"/>
      <c r="T4071" s="76"/>
      <c r="U4071" s="76"/>
      <c r="V4071" s="76"/>
      <c r="W4071" s="76"/>
      <c r="X4071" s="76"/>
      <c r="Y4071" s="76"/>
      <c r="Z4071" s="76"/>
      <c r="AA4071" s="85"/>
      <c r="AB4071" s="85"/>
      <c r="AC4071" s="85"/>
      <c r="AD4071" s="85"/>
      <c r="AE4071" s="85"/>
      <c r="AF4071" s="85"/>
      <c r="AG4071" s="86"/>
      <c r="AH4071" s="85"/>
      <c r="AI4071" s="85"/>
      <c r="AJ4071" s="85"/>
      <c r="AK4071" s="85"/>
      <c r="AL4071" s="85"/>
      <c r="AM4071" s="92"/>
      <c r="AN4071" s="92"/>
      <c r="AO4071" s="92"/>
      <c r="AP4071" s="92"/>
      <c r="AQ4071" s="92"/>
      <c r="AR4071" s="92"/>
      <c r="AS4071" s="92"/>
      <c r="AT4071" s="92"/>
      <c r="AU4071" s="92"/>
      <c r="AV4071" s="92"/>
      <c r="AW4071" s="92"/>
      <c r="AX4071" s="92"/>
      <c r="AY4071" s="92"/>
      <c r="AZ4071" s="93"/>
      <c r="BA4071" s="93"/>
      <c r="BB4071" s="93"/>
      <c r="BC4071" s="93"/>
      <c r="BD4071" s="93"/>
      <c r="BE4071" s="93"/>
      <c r="BF4071" s="93"/>
      <c r="BG4071" s="93"/>
      <c r="BH4071" s="93"/>
      <c r="BI4071" s="93"/>
      <c r="BJ4071" s="93"/>
      <c r="BK4071" s="93"/>
      <c r="BL4071" s="93"/>
    </row>
    <row r="4072" spans="2:64" x14ac:dyDescent="0.2">
      <c r="B4072" s="43"/>
      <c r="C4072" s="73"/>
      <c r="D4072" s="64"/>
      <c r="E4072" s="55"/>
      <c r="F4072" s="74"/>
      <c r="G4072" s="74"/>
      <c r="H4072" s="74"/>
      <c r="I4072" s="75"/>
      <c r="J4072" s="74"/>
      <c r="L4072" s="55"/>
      <c r="M4072" s="234"/>
      <c r="N4072" s="65"/>
      <c r="O4072" s="76"/>
      <c r="P4072" s="76"/>
      <c r="Q4072" s="65"/>
      <c r="R4072" s="76"/>
      <c r="S4072" s="76"/>
      <c r="T4072" s="76"/>
      <c r="U4072" s="76"/>
      <c r="V4072" s="76"/>
      <c r="W4072" s="76"/>
      <c r="X4072" s="76"/>
      <c r="Y4072" s="76"/>
      <c r="Z4072" s="76"/>
      <c r="AA4072" s="85"/>
      <c r="AB4072" s="85"/>
      <c r="AC4072" s="85"/>
      <c r="AD4072" s="85"/>
      <c r="AE4072" s="85"/>
      <c r="AF4072" s="85"/>
      <c r="AG4072" s="86"/>
      <c r="AH4072" s="85"/>
      <c r="AI4072" s="85"/>
      <c r="AJ4072" s="85"/>
      <c r="AK4072" s="85"/>
      <c r="AL4072" s="85"/>
      <c r="AM4072" s="92"/>
      <c r="AN4072" s="92"/>
      <c r="AO4072" s="92"/>
      <c r="AP4072" s="92"/>
      <c r="AQ4072" s="92"/>
      <c r="AR4072" s="92"/>
      <c r="AS4072" s="92"/>
      <c r="AT4072" s="92"/>
      <c r="AU4072" s="92"/>
      <c r="AV4072" s="92"/>
      <c r="AW4072" s="92"/>
      <c r="AX4072" s="92"/>
      <c r="AY4072" s="92"/>
      <c r="AZ4072" s="93"/>
      <c r="BA4072" s="93"/>
      <c r="BB4072" s="93"/>
      <c r="BC4072" s="93"/>
      <c r="BD4072" s="93"/>
      <c r="BE4072" s="93"/>
      <c r="BF4072" s="93"/>
      <c r="BG4072" s="93"/>
      <c r="BH4072" s="93"/>
      <c r="BI4072" s="93"/>
      <c r="BJ4072" s="93"/>
      <c r="BK4072" s="93"/>
      <c r="BL4072" s="93"/>
    </row>
    <row r="4073" spans="2:64" x14ac:dyDescent="0.2">
      <c r="B4073" s="43"/>
      <c r="C4073" s="73"/>
      <c r="D4073" s="64"/>
      <c r="E4073" s="55"/>
      <c r="F4073" s="74"/>
      <c r="G4073" s="74"/>
      <c r="H4073" s="74"/>
      <c r="I4073" s="75"/>
      <c r="J4073" s="74"/>
      <c r="L4073" s="55"/>
      <c r="M4073" s="234"/>
      <c r="N4073" s="65"/>
      <c r="O4073" s="76"/>
      <c r="P4073" s="76"/>
      <c r="Q4073" s="65"/>
      <c r="R4073" s="76"/>
      <c r="S4073" s="76"/>
      <c r="T4073" s="76"/>
      <c r="U4073" s="76"/>
      <c r="V4073" s="76"/>
      <c r="W4073" s="76"/>
      <c r="X4073" s="76"/>
      <c r="Y4073" s="76"/>
      <c r="Z4073" s="76"/>
      <c r="AA4073" s="85"/>
      <c r="AB4073" s="85"/>
      <c r="AC4073" s="85"/>
      <c r="AD4073" s="85"/>
      <c r="AE4073" s="85"/>
      <c r="AF4073" s="85"/>
      <c r="AG4073" s="86"/>
      <c r="AH4073" s="85"/>
      <c r="AI4073" s="85"/>
      <c r="AJ4073" s="85"/>
      <c r="AK4073" s="85"/>
      <c r="AL4073" s="85"/>
      <c r="AM4073" s="92"/>
      <c r="AN4073" s="92"/>
      <c r="AO4073" s="92"/>
      <c r="AP4073" s="92"/>
      <c r="AQ4073" s="92"/>
      <c r="AR4073" s="92"/>
      <c r="AS4073" s="92"/>
      <c r="AT4073" s="92"/>
      <c r="AU4073" s="92"/>
      <c r="AV4073" s="92"/>
      <c r="AW4073" s="92"/>
      <c r="AX4073" s="92"/>
      <c r="AY4073" s="92"/>
      <c r="AZ4073" s="93"/>
      <c r="BA4073" s="93"/>
      <c r="BB4073" s="93"/>
      <c r="BC4073" s="93"/>
      <c r="BD4073" s="93"/>
      <c r="BE4073" s="93"/>
      <c r="BF4073" s="93"/>
      <c r="BG4073" s="93"/>
      <c r="BH4073" s="93"/>
      <c r="BI4073" s="93"/>
      <c r="BJ4073" s="93"/>
      <c r="BK4073" s="93"/>
      <c r="BL4073" s="93"/>
    </row>
    <row r="4074" spans="2:64" x14ac:dyDescent="0.2">
      <c r="B4074" s="43"/>
      <c r="C4074" s="73"/>
      <c r="D4074" s="64"/>
      <c r="E4074" s="55"/>
      <c r="F4074" s="74"/>
      <c r="G4074" s="74"/>
      <c r="H4074" s="74"/>
      <c r="I4074" s="75"/>
      <c r="J4074" s="74"/>
      <c r="L4074" s="55"/>
      <c r="M4074" s="234"/>
      <c r="N4074" s="65"/>
      <c r="O4074" s="76"/>
      <c r="P4074" s="76"/>
      <c r="Q4074" s="65"/>
      <c r="R4074" s="76"/>
      <c r="S4074" s="76"/>
      <c r="T4074" s="76"/>
      <c r="U4074" s="76"/>
      <c r="V4074" s="76"/>
      <c r="W4074" s="76"/>
      <c r="X4074" s="76"/>
      <c r="Y4074" s="76"/>
      <c r="Z4074" s="76"/>
      <c r="AA4074" s="85"/>
      <c r="AB4074" s="85"/>
      <c r="AC4074" s="85"/>
      <c r="AD4074" s="85"/>
      <c r="AE4074" s="85"/>
      <c r="AF4074" s="85"/>
      <c r="AG4074" s="86"/>
      <c r="AH4074" s="85"/>
      <c r="AI4074" s="85"/>
      <c r="AJ4074" s="85"/>
      <c r="AK4074" s="85"/>
      <c r="AL4074" s="85"/>
      <c r="AM4074" s="92"/>
      <c r="AN4074" s="92"/>
      <c r="AO4074" s="92"/>
      <c r="AP4074" s="92"/>
      <c r="AQ4074" s="92"/>
      <c r="AR4074" s="92"/>
      <c r="AS4074" s="92"/>
      <c r="AT4074" s="92"/>
      <c r="AU4074" s="92"/>
      <c r="AV4074" s="92"/>
      <c r="AW4074" s="92"/>
      <c r="AX4074" s="92"/>
      <c r="AY4074" s="92"/>
      <c r="AZ4074" s="93"/>
      <c r="BA4074" s="93"/>
      <c r="BB4074" s="93"/>
      <c r="BC4074" s="93"/>
      <c r="BD4074" s="93"/>
      <c r="BE4074" s="93"/>
      <c r="BF4074" s="93"/>
      <c r="BG4074" s="93"/>
      <c r="BH4074" s="93"/>
      <c r="BI4074" s="93"/>
      <c r="BJ4074" s="93"/>
      <c r="BK4074" s="93"/>
      <c r="BL4074" s="93"/>
    </row>
    <row r="4075" spans="2:64" x14ac:dyDescent="0.2">
      <c r="B4075" s="43"/>
      <c r="C4075" s="73"/>
      <c r="D4075" s="64"/>
      <c r="E4075" s="55"/>
      <c r="F4075" s="74"/>
      <c r="G4075" s="74"/>
      <c r="H4075" s="74"/>
      <c r="I4075" s="75"/>
      <c r="J4075" s="74"/>
      <c r="L4075" s="55"/>
      <c r="M4075" s="234"/>
      <c r="N4075" s="65"/>
      <c r="O4075" s="76"/>
      <c r="P4075" s="76"/>
      <c r="Q4075" s="65"/>
      <c r="R4075" s="76"/>
      <c r="S4075" s="76"/>
      <c r="T4075" s="76"/>
      <c r="U4075" s="76"/>
      <c r="V4075" s="76"/>
      <c r="W4075" s="76"/>
      <c r="X4075" s="76"/>
      <c r="Y4075" s="76"/>
      <c r="Z4075" s="76"/>
      <c r="AA4075" s="85"/>
      <c r="AB4075" s="85"/>
      <c r="AC4075" s="85"/>
      <c r="AD4075" s="85"/>
      <c r="AE4075" s="85"/>
      <c r="AF4075" s="85"/>
      <c r="AG4075" s="86"/>
      <c r="AH4075" s="85"/>
      <c r="AI4075" s="85"/>
      <c r="AJ4075" s="85"/>
      <c r="AK4075" s="85"/>
      <c r="AL4075" s="85"/>
      <c r="AM4075" s="92"/>
      <c r="AN4075" s="92"/>
      <c r="AO4075" s="92"/>
      <c r="AP4075" s="92"/>
      <c r="AQ4075" s="92"/>
      <c r="AR4075" s="92"/>
      <c r="AS4075" s="92"/>
      <c r="AT4075" s="92"/>
      <c r="AU4075" s="92"/>
      <c r="AV4075" s="92"/>
      <c r="AW4075" s="92"/>
      <c r="AX4075" s="92"/>
      <c r="AY4075" s="92"/>
      <c r="AZ4075" s="93"/>
      <c r="BA4075" s="93"/>
      <c r="BB4075" s="93"/>
      <c r="BC4075" s="93"/>
      <c r="BD4075" s="93"/>
      <c r="BE4075" s="93"/>
      <c r="BF4075" s="93"/>
      <c r="BG4075" s="93"/>
      <c r="BH4075" s="93"/>
      <c r="BI4075" s="93"/>
      <c r="BJ4075" s="93"/>
      <c r="BK4075" s="93"/>
      <c r="BL4075" s="93"/>
    </row>
    <row r="4076" spans="2:64" x14ac:dyDescent="0.2">
      <c r="B4076" s="43"/>
      <c r="C4076" s="73"/>
      <c r="D4076" s="64"/>
      <c r="E4076" s="55"/>
      <c r="F4076" s="74"/>
      <c r="G4076" s="74"/>
      <c r="H4076" s="74"/>
      <c r="I4076" s="75"/>
      <c r="J4076" s="74"/>
      <c r="L4076" s="55"/>
      <c r="M4076" s="234"/>
      <c r="N4076" s="65"/>
      <c r="O4076" s="76"/>
      <c r="P4076" s="76"/>
      <c r="Q4076" s="65"/>
      <c r="R4076" s="76"/>
      <c r="S4076" s="76"/>
      <c r="T4076" s="76"/>
      <c r="U4076" s="76"/>
      <c r="V4076" s="76"/>
      <c r="W4076" s="76"/>
      <c r="X4076" s="76"/>
      <c r="Y4076" s="76"/>
      <c r="Z4076" s="76"/>
      <c r="AA4076" s="85"/>
      <c r="AB4076" s="85"/>
      <c r="AC4076" s="85"/>
      <c r="AD4076" s="85"/>
      <c r="AE4076" s="85"/>
      <c r="AF4076" s="85"/>
      <c r="AG4076" s="86"/>
      <c r="AH4076" s="85"/>
      <c r="AI4076" s="85"/>
      <c r="AJ4076" s="85"/>
      <c r="AK4076" s="85"/>
      <c r="AL4076" s="85"/>
      <c r="AM4076" s="92"/>
      <c r="AN4076" s="92"/>
      <c r="AO4076" s="92"/>
      <c r="AP4076" s="92"/>
      <c r="AQ4076" s="92"/>
      <c r="AR4076" s="92"/>
      <c r="AS4076" s="92"/>
      <c r="AT4076" s="92"/>
      <c r="AU4076" s="92"/>
      <c r="AV4076" s="92"/>
      <c r="AW4076" s="92"/>
      <c r="AX4076" s="92"/>
      <c r="AY4076" s="92"/>
      <c r="AZ4076" s="93"/>
      <c r="BA4076" s="93"/>
      <c r="BB4076" s="93"/>
      <c r="BC4076" s="93"/>
      <c r="BD4076" s="93"/>
      <c r="BE4076" s="93"/>
      <c r="BF4076" s="93"/>
      <c r="BG4076" s="93"/>
      <c r="BH4076" s="93"/>
      <c r="BI4076" s="93"/>
      <c r="BJ4076" s="93"/>
      <c r="BK4076" s="93"/>
      <c r="BL4076" s="93"/>
    </row>
    <row r="4077" spans="2:64" x14ac:dyDescent="0.2">
      <c r="B4077" s="43"/>
      <c r="C4077" s="73"/>
      <c r="D4077" s="64"/>
      <c r="E4077" s="55"/>
      <c r="F4077" s="74"/>
      <c r="G4077" s="74"/>
      <c r="H4077" s="74"/>
      <c r="I4077" s="75"/>
      <c r="J4077" s="74"/>
      <c r="L4077" s="55"/>
      <c r="M4077" s="234"/>
      <c r="N4077" s="65"/>
      <c r="O4077" s="76"/>
      <c r="P4077" s="76"/>
      <c r="Q4077" s="65"/>
      <c r="R4077" s="76"/>
      <c r="S4077" s="76"/>
      <c r="T4077" s="76"/>
      <c r="U4077" s="76"/>
      <c r="V4077" s="76"/>
      <c r="W4077" s="76"/>
      <c r="X4077" s="76"/>
      <c r="Y4077" s="76"/>
      <c r="Z4077" s="76"/>
      <c r="AA4077" s="85"/>
      <c r="AB4077" s="85"/>
      <c r="AC4077" s="85"/>
      <c r="AD4077" s="85"/>
      <c r="AE4077" s="85"/>
      <c r="AF4077" s="85"/>
      <c r="AG4077" s="86"/>
      <c r="AH4077" s="85"/>
      <c r="AI4077" s="85"/>
      <c r="AJ4077" s="85"/>
      <c r="AK4077" s="85"/>
      <c r="AL4077" s="85"/>
      <c r="AM4077" s="92"/>
      <c r="AN4077" s="92"/>
      <c r="AO4077" s="92"/>
      <c r="AP4077" s="92"/>
      <c r="AQ4077" s="92"/>
      <c r="AR4077" s="92"/>
      <c r="AS4077" s="92"/>
      <c r="AT4077" s="92"/>
      <c r="AU4077" s="92"/>
      <c r="AV4077" s="92"/>
      <c r="AW4077" s="92"/>
      <c r="AX4077" s="92"/>
      <c r="AY4077" s="92"/>
      <c r="AZ4077" s="93"/>
      <c r="BA4077" s="93"/>
      <c r="BB4077" s="93"/>
      <c r="BC4077" s="93"/>
      <c r="BD4077" s="93"/>
      <c r="BE4077" s="93"/>
      <c r="BF4077" s="93"/>
      <c r="BG4077" s="93"/>
      <c r="BH4077" s="93"/>
      <c r="BI4077" s="93"/>
      <c r="BJ4077" s="93"/>
      <c r="BK4077" s="93"/>
      <c r="BL4077" s="93"/>
    </row>
    <row r="4078" spans="2:64" x14ac:dyDescent="0.2">
      <c r="B4078" s="43"/>
      <c r="C4078" s="73"/>
      <c r="D4078" s="64"/>
      <c r="E4078" s="55"/>
      <c r="F4078" s="74"/>
      <c r="G4078" s="74"/>
      <c r="H4078" s="74"/>
      <c r="I4078" s="75"/>
      <c r="J4078" s="74"/>
      <c r="L4078" s="55"/>
      <c r="M4078" s="234"/>
      <c r="N4078" s="65"/>
      <c r="O4078" s="76"/>
      <c r="P4078" s="76"/>
      <c r="Q4078" s="65"/>
      <c r="R4078" s="76"/>
      <c r="S4078" s="76"/>
      <c r="T4078" s="76"/>
      <c r="U4078" s="76"/>
      <c r="V4078" s="76"/>
      <c r="W4078" s="76"/>
      <c r="X4078" s="76"/>
      <c r="Y4078" s="76"/>
      <c r="Z4078" s="76"/>
      <c r="AA4078" s="85"/>
      <c r="AB4078" s="85"/>
      <c r="AC4078" s="85"/>
      <c r="AD4078" s="85"/>
      <c r="AE4078" s="85"/>
      <c r="AF4078" s="85"/>
      <c r="AG4078" s="86"/>
      <c r="AH4078" s="85"/>
      <c r="AI4078" s="85"/>
      <c r="AJ4078" s="85"/>
      <c r="AK4078" s="85"/>
      <c r="AL4078" s="85"/>
      <c r="AM4078" s="92"/>
      <c r="AN4078" s="92"/>
      <c r="AO4078" s="92"/>
      <c r="AP4078" s="92"/>
      <c r="AQ4078" s="92"/>
      <c r="AR4078" s="92"/>
      <c r="AS4078" s="92"/>
      <c r="AT4078" s="92"/>
      <c r="AU4078" s="92"/>
      <c r="AV4078" s="92"/>
      <c r="AW4078" s="92"/>
      <c r="AX4078" s="92"/>
      <c r="AY4078" s="92"/>
      <c r="AZ4078" s="93"/>
      <c r="BA4078" s="93"/>
      <c r="BB4078" s="93"/>
      <c r="BC4078" s="93"/>
      <c r="BD4078" s="93"/>
      <c r="BE4078" s="93"/>
      <c r="BF4078" s="93"/>
      <c r="BG4078" s="93"/>
      <c r="BH4078" s="93"/>
      <c r="BI4078" s="93"/>
      <c r="BJ4078" s="93"/>
      <c r="BK4078" s="93"/>
      <c r="BL4078" s="93"/>
    </row>
    <row r="4079" spans="2:64" x14ac:dyDescent="0.2">
      <c r="B4079" s="43"/>
      <c r="C4079" s="73"/>
      <c r="D4079" s="64"/>
      <c r="E4079" s="55"/>
      <c r="F4079" s="74"/>
      <c r="G4079" s="74"/>
      <c r="H4079" s="74"/>
      <c r="I4079" s="75"/>
      <c r="J4079" s="74"/>
      <c r="L4079" s="55"/>
      <c r="M4079" s="234"/>
      <c r="N4079" s="65"/>
      <c r="O4079" s="76"/>
      <c r="P4079" s="76"/>
      <c r="Q4079" s="65"/>
      <c r="R4079" s="76"/>
      <c r="S4079" s="76"/>
      <c r="T4079" s="76"/>
      <c r="U4079" s="76"/>
      <c r="V4079" s="76"/>
      <c r="W4079" s="76"/>
      <c r="X4079" s="76"/>
      <c r="Y4079" s="76"/>
      <c r="Z4079" s="76"/>
      <c r="AA4079" s="85"/>
      <c r="AB4079" s="85"/>
      <c r="AC4079" s="85"/>
      <c r="AD4079" s="85"/>
      <c r="AE4079" s="85"/>
      <c r="AF4079" s="85"/>
      <c r="AG4079" s="86"/>
      <c r="AH4079" s="85"/>
      <c r="AI4079" s="85"/>
      <c r="AJ4079" s="85"/>
      <c r="AK4079" s="85"/>
      <c r="AL4079" s="85"/>
      <c r="AM4079" s="92"/>
      <c r="AN4079" s="92"/>
      <c r="AO4079" s="92"/>
      <c r="AP4079" s="92"/>
      <c r="AQ4079" s="92"/>
      <c r="AR4079" s="92"/>
      <c r="AS4079" s="92"/>
      <c r="AT4079" s="92"/>
      <c r="AU4079" s="92"/>
      <c r="AV4079" s="92"/>
      <c r="AW4079" s="92"/>
      <c r="AX4079" s="92"/>
      <c r="AY4079" s="92"/>
      <c r="AZ4079" s="93"/>
      <c r="BA4079" s="93"/>
      <c r="BB4079" s="93"/>
      <c r="BC4079" s="93"/>
      <c r="BD4079" s="93"/>
      <c r="BE4079" s="93"/>
      <c r="BF4079" s="93"/>
      <c r="BG4079" s="93"/>
      <c r="BH4079" s="93"/>
      <c r="BI4079" s="93"/>
      <c r="BJ4079" s="93"/>
      <c r="BK4079" s="93"/>
      <c r="BL4079" s="93"/>
    </row>
    <row r="4080" spans="2:64" x14ac:dyDescent="0.2">
      <c r="B4080" s="43"/>
      <c r="C4080" s="73"/>
      <c r="D4080" s="64"/>
      <c r="E4080" s="55"/>
      <c r="F4080" s="74"/>
      <c r="G4080" s="74"/>
      <c r="H4080" s="74"/>
      <c r="I4080" s="75"/>
      <c r="J4080" s="74"/>
      <c r="L4080" s="55"/>
      <c r="M4080" s="234"/>
      <c r="N4080" s="65"/>
      <c r="O4080" s="76"/>
      <c r="P4080" s="76"/>
      <c r="Q4080" s="65"/>
      <c r="R4080" s="76"/>
      <c r="S4080" s="76"/>
      <c r="T4080" s="76"/>
      <c r="U4080" s="76"/>
      <c r="V4080" s="76"/>
      <c r="W4080" s="76"/>
      <c r="X4080" s="76"/>
      <c r="Y4080" s="76"/>
      <c r="Z4080" s="76"/>
      <c r="AA4080" s="85"/>
      <c r="AB4080" s="85"/>
      <c r="AC4080" s="85"/>
      <c r="AD4080" s="85"/>
      <c r="AE4080" s="85"/>
      <c r="AF4080" s="85"/>
      <c r="AG4080" s="86"/>
      <c r="AH4080" s="85"/>
      <c r="AI4080" s="85"/>
      <c r="AJ4080" s="85"/>
      <c r="AK4080" s="85"/>
      <c r="AL4080" s="85"/>
      <c r="AM4080" s="92"/>
      <c r="AN4080" s="92"/>
      <c r="AO4080" s="92"/>
      <c r="AP4080" s="92"/>
      <c r="AQ4080" s="92"/>
      <c r="AR4080" s="92"/>
      <c r="AS4080" s="92"/>
      <c r="AT4080" s="92"/>
      <c r="AU4080" s="92"/>
      <c r="AV4080" s="92"/>
      <c r="AW4080" s="92"/>
      <c r="AX4080" s="92"/>
      <c r="AY4080" s="92"/>
      <c r="AZ4080" s="93"/>
      <c r="BA4080" s="93"/>
      <c r="BB4080" s="93"/>
      <c r="BC4080" s="93"/>
      <c r="BD4080" s="93"/>
      <c r="BE4080" s="93"/>
      <c r="BF4080" s="93"/>
      <c r="BG4080" s="93"/>
      <c r="BH4080" s="93"/>
      <c r="BI4080" s="93"/>
      <c r="BJ4080" s="93"/>
      <c r="BK4080" s="93"/>
      <c r="BL4080" s="93"/>
    </row>
    <row r="4081" spans="2:64" x14ac:dyDescent="0.2">
      <c r="B4081" s="43"/>
      <c r="C4081" s="73"/>
      <c r="D4081" s="64"/>
      <c r="E4081" s="55"/>
      <c r="F4081" s="74"/>
      <c r="G4081" s="74"/>
      <c r="H4081" s="74"/>
      <c r="I4081" s="75"/>
      <c r="J4081" s="74"/>
      <c r="L4081" s="55"/>
      <c r="M4081" s="234"/>
      <c r="N4081" s="65"/>
      <c r="O4081" s="76"/>
      <c r="P4081" s="76"/>
      <c r="Q4081" s="65"/>
      <c r="R4081" s="76"/>
      <c r="S4081" s="76"/>
      <c r="T4081" s="76"/>
      <c r="U4081" s="76"/>
      <c r="V4081" s="76"/>
      <c r="W4081" s="76"/>
      <c r="X4081" s="76"/>
      <c r="Y4081" s="76"/>
      <c r="Z4081" s="76"/>
      <c r="AA4081" s="85"/>
      <c r="AB4081" s="85"/>
      <c r="AC4081" s="85"/>
      <c r="AD4081" s="85"/>
      <c r="AE4081" s="85"/>
      <c r="AF4081" s="85"/>
      <c r="AG4081" s="86"/>
      <c r="AH4081" s="85"/>
      <c r="AI4081" s="85"/>
      <c r="AJ4081" s="85"/>
      <c r="AK4081" s="85"/>
      <c r="AL4081" s="85"/>
      <c r="AM4081" s="92"/>
      <c r="AN4081" s="92"/>
      <c r="AO4081" s="92"/>
      <c r="AP4081" s="92"/>
      <c r="AQ4081" s="92"/>
      <c r="AR4081" s="92"/>
      <c r="AS4081" s="92"/>
      <c r="AT4081" s="92"/>
      <c r="AU4081" s="92"/>
      <c r="AV4081" s="92"/>
      <c r="AW4081" s="92"/>
      <c r="AX4081" s="92"/>
      <c r="AY4081" s="92"/>
      <c r="AZ4081" s="93"/>
      <c r="BA4081" s="93"/>
      <c r="BB4081" s="93"/>
      <c r="BC4081" s="93"/>
      <c r="BD4081" s="93"/>
      <c r="BE4081" s="93"/>
      <c r="BF4081" s="93"/>
      <c r="BG4081" s="93"/>
      <c r="BH4081" s="93"/>
      <c r="BI4081" s="93"/>
      <c r="BJ4081" s="93"/>
      <c r="BK4081" s="93"/>
      <c r="BL4081" s="93"/>
    </row>
    <row r="4082" spans="2:64" x14ac:dyDescent="0.2">
      <c r="B4082" s="43"/>
      <c r="C4082" s="73"/>
      <c r="D4082" s="64"/>
      <c r="E4082" s="55"/>
      <c r="F4082" s="74"/>
      <c r="G4082" s="74"/>
      <c r="H4082" s="74"/>
      <c r="I4082" s="75"/>
      <c r="J4082" s="74"/>
      <c r="L4082" s="55"/>
      <c r="M4082" s="234"/>
      <c r="N4082" s="65"/>
      <c r="O4082" s="76"/>
      <c r="P4082" s="76"/>
      <c r="Q4082" s="65"/>
      <c r="R4082" s="76"/>
      <c r="S4082" s="76"/>
      <c r="T4082" s="76"/>
      <c r="U4082" s="76"/>
      <c r="V4082" s="76"/>
      <c r="W4082" s="76"/>
      <c r="X4082" s="76"/>
      <c r="Y4082" s="76"/>
      <c r="Z4082" s="76"/>
      <c r="AA4082" s="85"/>
      <c r="AB4082" s="85"/>
      <c r="AC4082" s="85"/>
      <c r="AD4082" s="85"/>
      <c r="AE4082" s="85"/>
      <c r="AF4082" s="85"/>
      <c r="AG4082" s="86"/>
      <c r="AH4082" s="85"/>
      <c r="AI4082" s="85"/>
      <c r="AJ4082" s="85"/>
      <c r="AK4082" s="85"/>
      <c r="AL4082" s="85"/>
      <c r="AM4082" s="92"/>
      <c r="AN4082" s="92"/>
      <c r="AO4082" s="92"/>
      <c r="AP4082" s="92"/>
      <c r="AQ4082" s="92"/>
      <c r="AR4082" s="92"/>
      <c r="AS4082" s="92"/>
      <c r="AT4082" s="92"/>
      <c r="AU4082" s="92"/>
      <c r="AV4082" s="92"/>
      <c r="AW4082" s="92"/>
      <c r="AX4082" s="92"/>
      <c r="AY4082" s="92"/>
      <c r="AZ4082" s="93"/>
      <c r="BA4082" s="93"/>
      <c r="BB4082" s="93"/>
      <c r="BC4082" s="93"/>
      <c r="BD4082" s="93"/>
      <c r="BE4082" s="93"/>
      <c r="BF4082" s="93"/>
      <c r="BG4082" s="93"/>
      <c r="BH4082" s="93"/>
      <c r="BI4082" s="93"/>
      <c r="BJ4082" s="93"/>
      <c r="BK4082" s="93"/>
      <c r="BL4082" s="93"/>
    </row>
    <row r="4083" spans="2:64" x14ac:dyDescent="0.2">
      <c r="B4083" s="43"/>
      <c r="C4083" s="73"/>
      <c r="D4083" s="64"/>
      <c r="E4083" s="55"/>
      <c r="F4083" s="74"/>
      <c r="G4083" s="74"/>
      <c r="H4083" s="74"/>
      <c r="I4083" s="75"/>
      <c r="J4083" s="74"/>
      <c r="L4083" s="55"/>
      <c r="M4083" s="234"/>
      <c r="N4083" s="65"/>
      <c r="O4083" s="76"/>
      <c r="P4083" s="76"/>
      <c r="Q4083" s="65"/>
      <c r="R4083" s="76"/>
      <c r="S4083" s="76"/>
      <c r="T4083" s="76"/>
      <c r="U4083" s="76"/>
      <c r="V4083" s="76"/>
      <c r="W4083" s="76"/>
      <c r="X4083" s="76"/>
      <c r="Y4083" s="76"/>
      <c r="Z4083" s="76"/>
      <c r="AA4083" s="85"/>
      <c r="AB4083" s="85"/>
      <c r="AC4083" s="85"/>
      <c r="AD4083" s="85"/>
      <c r="AE4083" s="85"/>
      <c r="AF4083" s="85"/>
      <c r="AG4083" s="86"/>
      <c r="AH4083" s="85"/>
      <c r="AI4083" s="85"/>
      <c r="AJ4083" s="85"/>
      <c r="AK4083" s="85"/>
      <c r="AL4083" s="85"/>
      <c r="AM4083" s="92"/>
      <c r="AN4083" s="92"/>
      <c r="AO4083" s="92"/>
      <c r="AP4083" s="92"/>
      <c r="AQ4083" s="92"/>
      <c r="AR4083" s="92"/>
      <c r="AS4083" s="92"/>
      <c r="AT4083" s="92"/>
      <c r="AU4083" s="92"/>
      <c r="AV4083" s="92"/>
      <c r="AW4083" s="92"/>
      <c r="AX4083" s="92"/>
      <c r="AY4083" s="92"/>
      <c r="AZ4083" s="93"/>
      <c r="BA4083" s="93"/>
      <c r="BB4083" s="93"/>
      <c r="BC4083" s="93"/>
      <c r="BD4083" s="93"/>
      <c r="BE4083" s="93"/>
      <c r="BF4083" s="93"/>
      <c r="BG4083" s="93"/>
      <c r="BH4083" s="93"/>
      <c r="BI4083" s="93"/>
      <c r="BJ4083" s="93"/>
      <c r="BK4083" s="93"/>
      <c r="BL4083" s="93"/>
    </row>
    <row r="4084" spans="2:64" x14ac:dyDescent="0.2">
      <c r="B4084" s="43"/>
      <c r="C4084" s="73"/>
      <c r="D4084" s="64"/>
      <c r="E4084" s="55"/>
      <c r="F4084" s="74"/>
      <c r="G4084" s="74"/>
      <c r="H4084" s="74"/>
      <c r="I4084" s="75"/>
      <c r="J4084" s="74"/>
      <c r="L4084" s="55"/>
      <c r="M4084" s="234"/>
      <c r="N4084" s="65"/>
      <c r="O4084" s="76"/>
      <c r="P4084" s="76"/>
      <c r="Q4084" s="65"/>
      <c r="R4084" s="76"/>
      <c r="S4084" s="76"/>
      <c r="T4084" s="76"/>
      <c r="U4084" s="76"/>
      <c r="V4084" s="76"/>
      <c r="W4084" s="76"/>
      <c r="X4084" s="76"/>
      <c r="Y4084" s="76"/>
      <c r="Z4084" s="76"/>
      <c r="AA4084" s="85"/>
      <c r="AB4084" s="85"/>
      <c r="AC4084" s="85"/>
      <c r="AD4084" s="85"/>
      <c r="AE4084" s="85"/>
      <c r="AF4084" s="85"/>
      <c r="AG4084" s="86"/>
      <c r="AH4084" s="85"/>
      <c r="AI4084" s="85"/>
      <c r="AJ4084" s="85"/>
      <c r="AK4084" s="85"/>
      <c r="AL4084" s="85"/>
      <c r="AM4084" s="92"/>
      <c r="AN4084" s="92"/>
      <c r="AO4084" s="92"/>
      <c r="AP4084" s="92"/>
      <c r="AQ4084" s="92"/>
      <c r="AR4084" s="92"/>
      <c r="AS4084" s="92"/>
      <c r="AT4084" s="92"/>
      <c r="AU4084" s="92"/>
      <c r="AV4084" s="92"/>
      <c r="AW4084" s="92"/>
      <c r="AX4084" s="92"/>
      <c r="AY4084" s="92"/>
      <c r="AZ4084" s="93"/>
      <c r="BA4084" s="93"/>
      <c r="BB4084" s="93"/>
      <c r="BC4084" s="93"/>
      <c r="BD4084" s="93"/>
      <c r="BE4084" s="93"/>
      <c r="BF4084" s="93"/>
      <c r="BG4084" s="93"/>
      <c r="BH4084" s="93"/>
      <c r="BI4084" s="93"/>
      <c r="BJ4084" s="93"/>
      <c r="BK4084" s="93"/>
      <c r="BL4084" s="93"/>
    </row>
    <row r="4085" spans="2:64" x14ac:dyDescent="0.2">
      <c r="B4085" s="43"/>
      <c r="C4085" s="73"/>
      <c r="D4085" s="64"/>
      <c r="E4085" s="55"/>
      <c r="F4085" s="74"/>
      <c r="G4085" s="74"/>
      <c r="H4085" s="74"/>
      <c r="I4085" s="75"/>
      <c r="J4085" s="74"/>
      <c r="L4085" s="55"/>
      <c r="M4085" s="234"/>
      <c r="N4085" s="65"/>
      <c r="O4085" s="76"/>
      <c r="P4085" s="76"/>
      <c r="Q4085" s="65"/>
      <c r="R4085" s="76"/>
      <c r="S4085" s="76"/>
      <c r="T4085" s="76"/>
      <c r="U4085" s="76"/>
      <c r="V4085" s="76"/>
      <c r="W4085" s="76"/>
      <c r="X4085" s="76"/>
      <c r="Y4085" s="76"/>
      <c r="Z4085" s="76"/>
      <c r="AA4085" s="85"/>
      <c r="AB4085" s="85"/>
      <c r="AC4085" s="85"/>
      <c r="AD4085" s="85"/>
      <c r="AE4085" s="85"/>
      <c r="AF4085" s="85"/>
      <c r="AG4085" s="86"/>
      <c r="AH4085" s="85"/>
      <c r="AI4085" s="85"/>
      <c r="AJ4085" s="85"/>
      <c r="AK4085" s="85"/>
      <c r="AL4085" s="85"/>
      <c r="AM4085" s="92"/>
      <c r="AN4085" s="92"/>
      <c r="AO4085" s="92"/>
      <c r="AP4085" s="92"/>
      <c r="AQ4085" s="92"/>
      <c r="AR4085" s="92"/>
      <c r="AS4085" s="92"/>
      <c r="AT4085" s="92"/>
      <c r="AU4085" s="92"/>
      <c r="AV4085" s="92"/>
      <c r="AW4085" s="92"/>
      <c r="AX4085" s="92"/>
      <c r="AY4085" s="92"/>
      <c r="AZ4085" s="93"/>
      <c r="BA4085" s="93"/>
      <c r="BB4085" s="93"/>
      <c r="BC4085" s="93"/>
      <c r="BD4085" s="93"/>
      <c r="BE4085" s="93"/>
      <c r="BF4085" s="93"/>
      <c r="BG4085" s="93"/>
      <c r="BH4085" s="93"/>
      <c r="BI4085" s="93"/>
      <c r="BJ4085" s="93"/>
      <c r="BK4085" s="93"/>
      <c r="BL4085" s="93"/>
    </row>
    <row r="4086" spans="2:64" x14ac:dyDescent="0.2">
      <c r="B4086" s="43"/>
      <c r="C4086" s="73"/>
      <c r="D4086" s="64"/>
      <c r="E4086" s="55"/>
      <c r="F4086" s="74"/>
      <c r="G4086" s="74"/>
      <c r="H4086" s="74"/>
      <c r="I4086" s="75"/>
      <c r="J4086" s="74"/>
      <c r="L4086" s="55"/>
      <c r="M4086" s="234"/>
      <c r="N4086" s="65"/>
      <c r="O4086" s="76"/>
      <c r="P4086" s="76"/>
      <c r="Q4086" s="65"/>
      <c r="R4086" s="76"/>
      <c r="S4086" s="76"/>
      <c r="T4086" s="76"/>
      <c r="U4086" s="76"/>
      <c r="V4086" s="76"/>
      <c r="W4086" s="76"/>
      <c r="X4086" s="76"/>
      <c r="Y4086" s="76"/>
      <c r="Z4086" s="76"/>
      <c r="AA4086" s="85"/>
      <c r="AB4086" s="85"/>
      <c r="AC4086" s="85"/>
      <c r="AD4086" s="85"/>
      <c r="AE4086" s="85"/>
      <c r="AF4086" s="85"/>
      <c r="AG4086" s="86"/>
      <c r="AH4086" s="85"/>
      <c r="AI4086" s="85"/>
      <c r="AJ4086" s="85"/>
      <c r="AK4086" s="85"/>
      <c r="AL4086" s="85"/>
      <c r="AM4086" s="92"/>
      <c r="AN4086" s="92"/>
      <c r="AO4086" s="92"/>
      <c r="AP4086" s="92"/>
      <c r="AQ4086" s="92"/>
      <c r="AR4086" s="92"/>
      <c r="AS4086" s="92"/>
      <c r="AT4086" s="92"/>
      <c r="AU4086" s="92"/>
      <c r="AV4086" s="92"/>
      <c r="AW4086" s="92"/>
      <c r="AX4086" s="92"/>
      <c r="AY4086" s="92"/>
      <c r="AZ4086" s="93"/>
      <c r="BA4086" s="93"/>
      <c r="BB4086" s="93"/>
      <c r="BC4086" s="93"/>
      <c r="BD4086" s="93"/>
      <c r="BE4086" s="93"/>
      <c r="BF4086" s="93"/>
      <c r="BG4086" s="93"/>
      <c r="BH4086" s="93"/>
      <c r="BI4086" s="93"/>
      <c r="BJ4086" s="93"/>
      <c r="BK4086" s="93"/>
      <c r="BL4086" s="93"/>
    </row>
    <row r="4087" spans="2:64" x14ac:dyDescent="0.2">
      <c r="B4087" s="43"/>
      <c r="C4087" s="73"/>
      <c r="D4087" s="64"/>
      <c r="E4087" s="55"/>
      <c r="F4087" s="74"/>
      <c r="G4087" s="74"/>
      <c r="H4087" s="74"/>
      <c r="I4087" s="75"/>
      <c r="J4087" s="74"/>
      <c r="L4087" s="55"/>
      <c r="M4087" s="234"/>
      <c r="N4087" s="65"/>
      <c r="O4087" s="76"/>
      <c r="P4087" s="76"/>
      <c r="Q4087" s="65"/>
      <c r="R4087" s="76"/>
      <c r="S4087" s="76"/>
      <c r="T4087" s="76"/>
      <c r="U4087" s="76"/>
      <c r="V4087" s="76"/>
      <c r="W4087" s="76"/>
      <c r="X4087" s="76"/>
      <c r="Y4087" s="76"/>
      <c r="Z4087" s="76"/>
      <c r="AA4087" s="85"/>
      <c r="AB4087" s="85"/>
      <c r="AC4087" s="85"/>
      <c r="AD4087" s="85"/>
      <c r="AE4087" s="85"/>
      <c r="AF4087" s="85"/>
      <c r="AG4087" s="86"/>
      <c r="AH4087" s="85"/>
      <c r="AI4087" s="85"/>
      <c r="AJ4087" s="85"/>
      <c r="AK4087" s="85"/>
      <c r="AL4087" s="85"/>
      <c r="AM4087" s="92"/>
      <c r="AN4087" s="92"/>
      <c r="AO4087" s="92"/>
      <c r="AP4087" s="92"/>
      <c r="AQ4087" s="92"/>
      <c r="AR4087" s="92"/>
      <c r="AS4087" s="92"/>
      <c r="AT4087" s="92"/>
      <c r="AU4087" s="92"/>
      <c r="AV4087" s="92"/>
      <c r="AW4087" s="92"/>
      <c r="AX4087" s="92"/>
      <c r="AY4087" s="92"/>
      <c r="AZ4087" s="93"/>
      <c r="BA4087" s="93"/>
      <c r="BB4087" s="93"/>
      <c r="BC4087" s="93"/>
      <c r="BD4087" s="93"/>
      <c r="BE4087" s="93"/>
      <c r="BF4087" s="93"/>
      <c r="BG4087" s="93"/>
      <c r="BH4087" s="93"/>
      <c r="BI4087" s="93"/>
      <c r="BJ4087" s="93"/>
      <c r="BK4087" s="93"/>
      <c r="BL4087" s="93"/>
    </row>
    <row r="4088" spans="2:64" x14ac:dyDescent="0.2">
      <c r="B4088" s="43"/>
      <c r="C4088" s="73"/>
      <c r="D4088" s="64"/>
      <c r="E4088" s="55"/>
      <c r="F4088" s="74"/>
      <c r="G4088" s="74"/>
      <c r="H4088" s="74"/>
      <c r="I4088" s="75"/>
      <c r="J4088" s="74"/>
      <c r="L4088" s="55"/>
      <c r="M4088" s="234"/>
      <c r="N4088" s="65"/>
      <c r="O4088" s="76"/>
      <c r="P4088" s="76"/>
      <c r="Q4088" s="65"/>
      <c r="R4088" s="76"/>
      <c r="S4088" s="76"/>
      <c r="T4088" s="76"/>
      <c r="U4088" s="76"/>
      <c r="V4088" s="76"/>
      <c r="W4088" s="76"/>
      <c r="X4088" s="76"/>
      <c r="Y4088" s="76"/>
      <c r="Z4088" s="76"/>
      <c r="AA4088" s="85"/>
      <c r="AB4088" s="85"/>
      <c r="AC4088" s="85"/>
      <c r="AD4088" s="85"/>
      <c r="AE4088" s="85"/>
      <c r="AF4088" s="85"/>
      <c r="AG4088" s="86"/>
      <c r="AH4088" s="85"/>
      <c r="AI4088" s="85"/>
      <c r="AJ4088" s="85"/>
      <c r="AK4088" s="85"/>
      <c r="AL4088" s="85"/>
      <c r="AM4088" s="92"/>
      <c r="AN4088" s="92"/>
      <c r="AO4088" s="92"/>
      <c r="AP4088" s="92"/>
      <c r="AQ4088" s="92"/>
      <c r="AR4088" s="92"/>
      <c r="AS4088" s="92"/>
      <c r="AT4088" s="92"/>
      <c r="AU4088" s="92"/>
      <c r="AV4088" s="92"/>
      <c r="AW4088" s="92"/>
      <c r="AX4088" s="92"/>
      <c r="AY4088" s="92"/>
      <c r="AZ4088" s="93"/>
      <c r="BA4088" s="93"/>
      <c r="BB4088" s="93"/>
      <c r="BC4088" s="93"/>
      <c r="BD4088" s="93"/>
      <c r="BE4088" s="93"/>
      <c r="BF4088" s="93"/>
      <c r="BG4088" s="93"/>
      <c r="BH4088" s="93"/>
      <c r="BI4088" s="93"/>
      <c r="BJ4088" s="93"/>
      <c r="BK4088" s="93"/>
      <c r="BL4088" s="93"/>
    </row>
    <row r="4089" spans="2:64" x14ac:dyDescent="0.2">
      <c r="B4089" s="43"/>
      <c r="C4089" s="73"/>
      <c r="D4089" s="64"/>
      <c r="E4089" s="55"/>
      <c r="F4089" s="74"/>
      <c r="G4089" s="74"/>
      <c r="H4089" s="74"/>
      <c r="I4089" s="75"/>
      <c r="J4089" s="74"/>
      <c r="L4089" s="55"/>
      <c r="M4089" s="234"/>
      <c r="N4089" s="65"/>
      <c r="O4089" s="76"/>
      <c r="P4089" s="76"/>
      <c r="Q4089" s="65"/>
      <c r="R4089" s="76"/>
      <c r="S4089" s="76"/>
      <c r="T4089" s="76"/>
      <c r="U4089" s="76"/>
      <c r="V4089" s="76"/>
      <c r="W4089" s="76"/>
      <c r="X4089" s="76"/>
      <c r="Y4089" s="76"/>
      <c r="Z4089" s="76"/>
      <c r="AA4089" s="85"/>
      <c r="AB4089" s="85"/>
      <c r="AC4089" s="85"/>
      <c r="AD4089" s="85"/>
      <c r="AE4089" s="85"/>
      <c r="AF4089" s="85"/>
      <c r="AG4089" s="86"/>
      <c r="AH4089" s="85"/>
      <c r="AI4089" s="85"/>
      <c r="AJ4089" s="85"/>
      <c r="AK4089" s="85"/>
      <c r="AL4089" s="85"/>
      <c r="AM4089" s="92"/>
      <c r="AN4089" s="92"/>
      <c r="AO4089" s="92"/>
      <c r="AP4089" s="92"/>
      <c r="AQ4089" s="92"/>
      <c r="AR4089" s="92"/>
      <c r="AS4089" s="92"/>
      <c r="AT4089" s="92"/>
      <c r="AU4089" s="92"/>
      <c r="AV4089" s="92"/>
      <c r="AW4089" s="92"/>
      <c r="AX4089" s="92"/>
      <c r="AY4089" s="92"/>
      <c r="AZ4089" s="93"/>
      <c r="BA4089" s="93"/>
      <c r="BB4089" s="93"/>
      <c r="BC4089" s="93"/>
      <c r="BD4089" s="93"/>
      <c r="BE4089" s="93"/>
      <c r="BF4089" s="93"/>
      <c r="BG4089" s="93"/>
      <c r="BH4089" s="93"/>
      <c r="BI4089" s="93"/>
      <c r="BJ4089" s="93"/>
      <c r="BK4089" s="93"/>
      <c r="BL4089" s="93"/>
    </row>
    <row r="4090" spans="2:64" x14ac:dyDescent="0.2">
      <c r="B4090" s="43"/>
      <c r="C4090" s="73"/>
      <c r="D4090" s="64"/>
      <c r="E4090" s="55"/>
      <c r="F4090" s="74"/>
      <c r="G4090" s="74"/>
      <c r="H4090" s="74"/>
      <c r="I4090" s="75"/>
      <c r="J4090" s="74"/>
      <c r="L4090" s="55"/>
      <c r="M4090" s="234"/>
      <c r="N4090" s="65"/>
      <c r="O4090" s="76"/>
      <c r="P4090" s="76"/>
      <c r="Q4090" s="65"/>
      <c r="R4090" s="76"/>
      <c r="S4090" s="76"/>
      <c r="T4090" s="76"/>
      <c r="U4090" s="76"/>
      <c r="V4090" s="76"/>
      <c r="W4090" s="76"/>
      <c r="X4090" s="76"/>
      <c r="Y4090" s="76"/>
      <c r="Z4090" s="76"/>
      <c r="AA4090" s="85"/>
      <c r="AB4090" s="85"/>
      <c r="AC4090" s="85"/>
      <c r="AD4090" s="85"/>
      <c r="AE4090" s="85"/>
      <c r="AF4090" s="85"/>
      <c r="AG4090" s="86"/>
      <c r="AH4090" s="85"/>
      <c r="AI4090" s="85"/>
      <c r="AJ4090" s="85"/>
      <c r="AK4090" s="85"/>
      <c r="AL4090" s="85"/>
      <c r="AM4090" s="92"/>
      <c r="AN4090" s="92"/>
      <c r="AO4090" s="92"/>
      <c r="AP4090" s="92"/>
      <c r="AQ4090" s="92"/>
      <c r="AR4090" s="92"/>
      <c r="AS4090" s="92"/>
      <c r="AT4090" s="92"/>
      <c r="AU4090" s="92"/>
      <c r="AV4090" s="92"/>
      <c r="AW4090" s="92"/>
      <c r="AX4090" s="92"/>
      <c r="AY4090" s="92"/>
      <c r="AZ4090" s="93"/>
      <c r="BA4090" s="93"/>
      <c r="BB4090" s="93"/>
      <c r="BC4090" s="93"/>
      <c r="BD4090" s="93"/>
      <c r="BE4090" s="93"/>
      <c r="BF4090" s="93"/>
      <c r="BG4090" s="93"/>
      <c r="BH4090" s="93"/>
      <c r="BI4090" s="93"/>
      <c r="BJ4090" s="93"/>
      <c r="BK4090" s="93"/>
      <c r="BL4090" s="93"/>
    </row>
    <row r="4091" spans="2:64" x14ac:dyDescent="0.2">
      <c r="B4091" s="43"/>
      <c r="C4091" s="73"/>
      <c r="D4091" s="64"/>
      <c r="E4091" s="55"/>
      <c r="F4091" s="74"/>
      <c r="G4091" s="74"/>
      <c r="H4091" s="74"/>
      <c r="I4091" s="75"/>
      <c r="J4091" s="74"/>
      <c r="L4091" s="55"/>
      <c r="M4091" s="234"/>
      <c r="N4091" s="65"/>
      <c r="O4091" s="76"/>
      <c r="P4091" s="76"/>
      <c r="Q4091" s="65"/>
      <c r="R4091" s="76"/>
      <c r="S4091" s="76"/>
      <c r="T4091" s="76"/>
      <c r="U4091" s="76"/>
      <c r="V4091" s="76"/>
      <c r="W4091" s="76"/>
      <c r="X4091" s="76"/>
      <c r="Y4091" s="76"/>
      <c r="Z4091" s="76"/>
      <c r="AA4091" s="85"/>
      <c r="AB4091" s="85"/>
      <c r="AC4091" s="85"/>
      <c r="AD4091" s="85"/>
      <c r="AE4091" s="85"/>
      <c r="AF4091" s="85"/>
      <c r="AG4091" s="86"/>
      <c r="AH4091" s="85"/>
      <c r="AI4091" s="85"/>
      <c r="AJ4091" s="85"/>
      <c r="AK4091" s="85"/>
      <c r="AL4091" s="85"/>
      <c r="AM4091" s="92"/>
      <c r="AN4091" s="92"/>
      <c r="AO4091" s="92"/>
      <c r="AP4091" s="92"/>
      <c r="AQ4091" s="92"/>
      <c r="AR4091" s="92"/>
      <c r="AS4091" s="92"/>
      <c r="AT4091" s="92"/>
      <c r="AU4091" s="92"/>
      <c r="AV4091" s="92"/>
      <c r="AW4091" s="92"/>
      <c r="AX4091" s="92"/>
      <c r="AY4091" s="92"/>
      <c r="AZ4091" s="93"/>
      <c r="BA4091" s="93"/>
      <c r="BB4091" s="93"/>
      <c r="BC4091" s="93"/>
      <c r="BD4091" s="93"/>
      <c r="BE4091" s="93"/>
      <c r="BF4091" s="93"/>
      <c r="BG4091" s="93"/>
      <c r="BH4091" s="93"/>
      <c r="BI4091" s="93"/>
      <c r="BJ4091" s="93"/>
      <c r="BK4091" s="93"/>
      <c r="BL4091" s="93"/>
    </row>
    <row r="4092" spans="2:64" x14ac:dyDescent="0.2">
      <c r="B4092" s="43"/>
      <c r="C4092" s="73"/>
      <c r="D4092" s="64"/>
      <c r="E4092" s="55"/>
      <c r="F4092" s="74"/>
      <c r="G4092" s="74"/>
      <c r="H4092" s="74"/>
      <c r="I4092" s="75"/>
      <c r="J4092" s="74"/>
      <c r="L4092" s="55"/>
      <c r="M4092" s="234"/>
      <c r="N4092" s="65"/>
      <c r="O4092" s="76"/>
      <c r="P4092" s="76"/>
      <c r="Q4092" s="65"/>
      <c r="R4092" s="76"/>
      <c r="S4092" s="76"/>
      <c r="T4092" s="76"/>
      <c r="U4092" s="76"/>
      <c r="V4092" s="76"/>
      <c r="W4092" s="76"/>
      <c r="X4092" s="76"/>
      <c r="Y4092" s="76"/>
      <c r="Z4092" s="76"/>
      <c r="AA4092" s="85"/>
      <c r="AB4092" s="85"/>
      <c r="AC4092" s="85"/>
      <c r="AD4092" s="85"/>
      <c r="AE4092" s="85"/>
      <c r="AF4092" s="85"/>
      <c r="AG4092" s="86"/>
      <c r="AH4092" s="85"/>
      <c r="AI4092" s="85"/>
      <c r="AJ4092" s="85"/>
      <c r="AK4092" s="85"/>
      <c r="AL4092" s="85"/>
      <c r="AM4092" s="92"/>
      <c r="AN4092" s="92"/>
      <c r="AO4092" s="92"/>
      <c r="AP4092" s="92"/>
      <c r="AQ4092" s="92"/>
      <c r="AR4092" s="92"/>
      <c r="AS4092" s="92"/>
      <c r="AT4092" s="92"/>
      <c r="AU4092" s="92"/>
      <c r="AV4092" s="92"/>
      <c r="AW4092" s="92"/>
      <c r="AX4092" s="92"/>
      <c r="AY4092" s="92"/>
      <c r="AZ4092" s="93"/>
      <c r="BA4092" s="93"/>
      <c r="BB4092" s="93"/>
      <c r="BC4092" s="93"/>
      <c r="BD4092" s="93"/>
      <c r="BE4092" s="93"/>
      <c r="BF4092" s="93"/>
      <c r="BG4092" s="93"/>
      <c r="BH4092" s="93"/>
      <c r="BI4092" s="93"/>
      <c r="BJ4092" s="93"/>
      <c r="BK4092" s="93"/>
      <c r="BL4092" s="93"/>
    </row>
    <row r="4093" spans="2:64" x14ac:dyDescent="0.2">
      <c r="B4093" s="43"/>
      <c r="C4093" s="73"/>
      <c r="D4093" s="64"/>
      <c r="E4093" s="55"/>
      <c r="F4093" s="74"/>
      <c r="G4093" s="74"/>
      <c r="H4093" s="74"/>
      <c r="I4093" s="75"/>
      <c r="J4093" s="74"/>
      <c r="L4093" s="55"/>
      <c r="M4093" s="234"/>
      <c r="N4093" s="65"/>
      <c r="O4093" s="76"/>
      <c r="P4093" s="76"/>
      <c r="Q4093" s="65"/>
      <c r="R4093" s="76"/>
      <c r="S4093" s="76"/>
      <c r="T4093" s="76"/>
      <c r="U4093" s="76"/>
      <c r="V4093" s="76"/>
      <c r="W4093" s="76"/>
      <c r="X4093" s="76"/>
      <c r="Y4093" s="76"/>
      <c r="Z4093" s="76"/>
      <c r="AA4093" s="85"/>
      <c r="AB4093" s="85"/>
      <c r="AC4093" s="85"/>
      <c r="AD4093" s="85"/>
      <c r="AE4093" s="85"/>
      <c r="AF4093" s="85"/>
      <c r="AG4093" s="86"/>
      <c r="AH4093" s="85"/>
      <c r="AI4093" s="85"/>
      <c r="AJ4093" s="85"/>
      <c r="AK4093" s="85"/>
      <c r="AL4093" s="85"/>
      <c r="AM4093" s="92"/>
      <c r="AN4093" s="92"/>
      <c r="AO4093" s="92"/>
      <c r="AP4093" s="92"/>
      <c r="AQ4093" s="92"/>
      <c r="AR4093" s="92"/>
      <c r="AS4093" s="92"/>
      <c r="AT4093" s="92"/>
      <c r="AU4093" s="92"/>
      <c r="AV4093" s="92"/>
      <c r="AW4093" s="92"/>
      <c r="AX4093" s="92"/>
      <c r="AY4093" s="92"/>
      <c r="AZ4093" s="93"/>
      <c r="BA4093" s="93"/>
      <c r="BB4093" s="93"/>
      <c r="BC4093" s="93"/>
      <c r="BD4093" s="93"/>
      <c r="BE4093" s="93"/>
      <c r="BF4093" s="93"/>
      <c r="BG4093" s="93"/>
      <c r="BH4093" s="93"/>
      <c r="BI4093" s="93"/>
      <c r="BJ4093" s="93"/>
      <c r="BK4093" s="93"/>
      <c r="BL4093" s="93"/>
    </row>
    <row r="4094" spans="2:64" x14ac:dyDescent="0.2">
      <c r="B4094" s="43"/>
      <c r="C4094" s="73"/>
      <c r="D4094" s="64"/>
      <c r="E4094" s="55"/>
      <c r="F4094" s="74"/>
      <c r="G4094" s="74"/>
      <c r="H4094" s="74"/>
      <c r="I4094" s="75"/>
      <c r="J4094" s="74"/>
      <c r="L4094" s="55"/>
      <c r="M4094" s="234"/>
      <c r="N4094" s="65"/>
      <c r="O4094" s="76"/>
      <c r="P4094" s="76"/>
      <c r="Q4094" s="65"/>
      <c r="R4094" s="76"/>
      <c r="S4094" s="76"/>
      <c r="T4094" s="76"/>
      <c r="U4094" s="76"/>
      <c r="V4094" s="76"/>
      <c r="W4094" s="76"/>
      <c r="X4094" s="76"/>
      <c r="Y4094" s="76"/>
      <c r="Z4094" s="76"/>
      <c r="AA4094" s="85"/>
      <c r="AB4094" s="85"/>
      <c r="AC4094" s="85"/>
      <c r="AD4094" s="85"/>
      <c r="AE4094" s="85"/>
      <c r="AF4094" s="85"/>
      <c r="AG4094" s="86"/>
      <c r="AH4094" s="85"/>
      <c r="AI4094" s="85"/>
      <c r="AJ4094" s="85"/>
      <c r="AK4094" s="85"/>
      <c r="AL4094" s="85"/>
      <c r="AM4094" s="92"/>
      <c r="AN4094" s="92"/>
      <c r="AO4094" s="92"/>
      <c r="AP4094" s="92"/>
      <c r="AQ4094" s="92"/>
      <c r="AR4094" s="92"/>
      <c r="AS4094" s="92"/>
      <c r="AT4094" s="92"/>
      <c r="AU4094" s="92"/>
      <c r="AV4094" s="92"/>
      <c r="AW4094" s="92"/>
      <c r="AX4094" s="92"/>
      <c r="AY4094" s="92"/>
      <c r="AZ4094" s="93"/>
      <c r="BA4094" s="93"/>
      <c r="BB4094" s="93"/>
      <c r="BC4094" s="93"/>
      <c r="BD4094" s="93"/>
      <c r="BE4094" s="93"/>
      <c r="BF4094" s="93"/>
      <c r="BG4094" s="93"/>
      <c r="BH4094" s="93"/>
      <c r="BI4094" s="93"/>
      <c r="BJ4094" s="93"/>
      <c r="BK4094" s="93"/>
      <c r="BL4094" s="93"/>
    </row>
    <row r="4095" spans="2:64" x14ac:dyDescent="0.2">
      <c r="B4095" s="43"/>
      <c r="C4095" s="73"/>
      <c r="D4095" s="64"/>
      <c r="E4095" s="55"/>
      <c r="F4095" s="74"/>
      <c r="G4095" s="74"/>
      <c r="H4095" s="74"/>
      <c r="I4095" s="75"/>
      <c r="J4095" s="74"/>
      <c r="L4095" s="55"/>
      <c r="M4095" s="234"/>
      <c r="N4095" s="65"/>
      <c r="O4095" s="76"/>
      <c r="P4095" s="76"/>
      <c r="Q4095" s="65"/>
      <c r="R4095" s="76"/>
      <c r="S4095" s="76"/>
      <c r="T4095" s="76"/>
      <c r="U4095" s="76"/>
      <c r="V4095" s="76"/>
      <c r="W4095" s="76"/>
      <c r="X4095" s="76"/>
      <c r="Y4095" s="76"/>
      <c r="Z4095" s="76"/>
      <c r="AA4095" s="85"/>
      <c r="AB4095" s="85"/>
      <c r="AC4095" s="85"/>
      <c r="AD4095" s="85"/>
      <c r="AE4095" s="85"/>
      <c r="AF4095" s="85"/>
      <c r="AG4095" s="86"/>
      <c r="AH4095" s="85"/>
      <c r="AI4095" s="85"/>
      <c r="AJ4095" s="85"/>
      <c r="AK4095" s="85"/>
      <c r="AL4095" s="85"/>
      <c r="AM4095" s="92"/>
      <c r="AN4095" s="92"/>
      <c r="AO4095" s="92"/>
      <c r="AP4095" s="92"/>
      <c r="AQ4095" s="92"/>
      <c r="AR4095" s="92"/>
      <c r="AS4095" s="92"/>
      <c r="AT4095" s="92"/>
      <c r="AU4095" s="92"/>
      <c r="AV4095" s="92"/>
      <c r="AW4095" s="92"/>
      <c r="AX4095" s="92"/>
      <c r="AY4095" s="92"/>
      <c r="AZ4095" s="93"/>
      <c r="BA4095" s="93"/>
      <c r="BB4095" s="93"/>
      <c r="BC4095" s="93"/>
      <c r="BD4095" s="93"/>
      <c r="BE4095" s="93"/>
      <c r="BF4095" s="93"/>
      <c r="BG4095" s="93"/>
      <c r="BH4095" s="93"/>
      <c r="BI4095" s="93"/>
      <c r="BJ4095" s="93"/>
      <c r="BK4095" s="93"/>
      <c r="BL4095" s="93"/>
    </row>
    <row r="4096" spans="2:64" x14ac:dyDescent="0.2">
      <c r="B4096" s="43"/>
      <c r="C4096" s="73"/>
      <c r="D4096" s="64"/>
      <c r="E4096" s="55"/>
      <c r="F4096" s="74"/>
      <c r="G4096" s="74"/>
      <c r="H4096" s="74"/>
      <c r="I4096" s="75"/>
      <c r="J4096" s="74"/>
      <c r="L4096" s="55"/>
      <c r="M4096" s="234"/>
      <c r="N4096" s="65"/>
      <c r="O4096" s="76"/>
      <c r="P4096" s="76"/>
      <c r="Q4096" s="65"/>
      <c r="R4096" s="76"/>
      <c r="S4096" s="76"/>
      <c r="T4096" s="76"/>
      <c r="U4096" s="76"/>
      <c r="V4096" s="76"/>
      <c r="W4096" s="76"/>
      <c r="X4096" s="76"/>
      <c r="Y4096" s="76"/>
      <c r="Z4096" s="76"/>
      <c r="AA4096" s="85"/>
      <c r="AB4096" s="85"/>
      <c r="AC4096" s="85"/>
      <c r="AD4096" s="85"/>
      <c r="AE4096" s="85"/>
      <c r="AF4096" s="85"/>
      <c r="AG4096" s="86"/>
      <c r="AH4096" s="85"/>
      <c r="AI4096" s="85"/>
      <c r="AJ4096" s="85"/>
      <c r="AK4096" s="85"/>
      <c r="AL4096" s="85"/>
      <c r="AM4096" s="92"/>
      <c r="AN4096" s="92"/>
      <c r="AO4096" s="92"/>
      <c r="AP4096" s="92"/>
      <c r="AQ4096" s="92"/>
      <c r="AR4096" s="92"/>
      <c r="AS4096" s="92"/>
      <c r="AT4096" s="92"/>
      <c r="AU4096" s="92"/>
      <c r="AV4096" s="92"/>
      <c r="AW4096" s="92"/>
      <c r="AX4096" s="92"/>
      <c r="AY4096" s="92"/>
      <c r="AZ4096" s="93"/>
      <c r="BA4096" s="93"/>
      <c r="BB4096" s="93"/>
      <c r="BC4096" s="93"/>
      <c r="BD4096" s="93"/>
      <c r="BE4096" s="93"/>
      <c r="BF4096" s="93"/>
      <c r="BG4096" s="93"/>
      <c r="BH4096" s="93"/>
      <c r="BI4096" s="93"/>
      <c r="BJ4096" s="93"/>
      <c r="BK4096" s="93"/>
      <c r="BL4096" s="93"/>
    </row>
    <row r="4097" spans="2:64" x14ac:dyDescent="0.2">
      <c r="B4097" s="43"/>
      <c r="C4097" s="73"/>
      <c r="D4097" s="64"/>
      <c r="E4097" s="55"/>
      <c r="F4097" s="74"/>
      <c r="G4097" s="74"/>
      <c r="H4097" s="74"/>
      <c r="I4097" s="75"/>
      <c r="J4097" s="74"/>
      <c r="L4097" s="55"/>
      <c r="M4097" s="234"/>
      <c r="N4097" s="65"/>
      <c r="O4097" s="76"/>
      <c r="P4097" s="76"/>
      <c r="Q4097" s="65"/>
      <c r="R4097" s="76"/>
      <c r="S4097" s="76"/>
      <c r="T4097" s="76"/>
      <c r="U4097" s="76"/>
      <c r="V4097" s="76"/>
      <c r="W4097" s="76"/>
      <c r="X4097" s="76"/>
      <c r="Y4097" s="76"/>
      <c r="Z4097" s="76"/>
      <c r="AA4097" s="85"/>
      <c r="AB4097" s="85"/>
      <c r="AC4097" s="85"/>
      <c r="AD4097" s="85"/>
      <c r="AE4097" s="85"/>
      <c r="AF4097" s="85"/>
      <c r="AG4097" s="86"/>
      <c r="AH4097" s="85"/>
      <c r="AI4097" s="85"/>
      <c r="AJ4097" s="85"/>
      <c r="AK4097" s="85"/>
      <c r="AL4097" s="85"/>
      <c r="AM4097" s="92"/>
      <c r="AN4097" s="92"/>
      <c r="AO4097" s="92"/>
      <c r="AP4097" s="92"/>
      <c r="AQ4097" s="92"/>
      <c r="AR4097" s="92"/>
      <c r="AS4097" s="92"/>
      <c r="AT4097" s="92"/>
      <c r="AU4097" s="92"/>
      <c r="AV4097" s="92"/>
      <c r="AW4097" s="92"/>
      <c r="AX4097" s="92"/>
      <c r="AY4097" s="92"/>
      <c r="AZ4097" s="93"/>
      <c r="BA4097" s="93"/>
      <c r="BB4097" s="93"/>
      <c r="BC4097" s="93"/>
      <c r="BD4097" s="93"/>
      <c r="BE4097" s="93"/>
      <c r="BF4097" s="93"/>
      <c r="BG4097" s="93"/>
      <c r="BH4097" s="93"/>
      <c r="BI4097" s="93"/>
      <c r="BJ4097" s="93"/>
      <c r="BK4097" s="93"/>
      <c r="BL4097" s="93"/>
    </row>
    <row r="4098" spans="2:64" x14ac:dyDescent="0.2">
      <c r="B4098" s="43"/>
      <c r="C4098" s="73"/>
      <c r="D4098" s="64"/>
      <c r="E4098" s="55"/>
      <c r="F4098" s="74"/>
      <c r="G4098" s="74"/>
      <c r="H4098" s="74"/>
      <c r="I4098" s="75"/>
      <c r="J4098" s="74"/>
      <c r="L4098" s="55"/>
      <c r="M4098" s="234"/>
      <c r="N4098" s="65"/>
      <c r="O4098" s="76"/>
      <c r="P4098" s="76"/>
      <c r="Q4098" s="65"/>
      <c r="R4098" s="76"/>
      <c r="S4098" s="76"/>
      <c r="T4098" s="76"/>
      <c r="U4098" s="76"/>
      <c r="V4098" s="76"/>
      <c r="W4098" s="76"/>
      <c r="X4098" s="76"/>
      <c r="Y4098" s="76"/>
      <c r="Z4098" s="76"/>
      <c r="AA4098" s="85"/>
      <c r="AB4098" s="85"/>
      <c r="AC4098" s="85"/>
      <c r="AD4098" s="85"/>
      <c r="AE4098" s="85"/>
      <c r="AF4098" s="85"/>
      <c r="AG4098" s="86"/>
      <c r="AH4098" s="85"/>
      <c r="AI4098" s="85"/>
      <c r="AJ4098" s="85"/>
      <c r="AK4098" s="85"/>
      <c r="AL4098" s="85"/>
      <c r="AM4098" s="92"/>
      <c r="AN4098" s="92"/>
      <c r="AO4098" s="92"/>
      <c r="AP4098" s="92"/>
      <c r="AQ4098" s="92"/>
      <c r="AR4098" s="92"/>
      <c r="AS4098" s="92"/>
      <c r="AT4098" s="92"/>
      <c r="AU4098" s="92"/>
      <c r="AV4098" s="92"/>
      <c r="AW4098" s="92"/>
      <c r="AX4098" s="92"/>
      <c r="AY4098" s="92"/>
      <c r="AZ4098" s="93"/>
      <c r="BA4098" s="93"/>
      <c r="BB4098" s="93"/>
      <c r="BC4098" s="93"/>
      <c r="BD4098" s="93"/>
      <c r="BE4098" s="93"/>
      <c r="BF4098" s="93"/>
      <c r="BG4098" s="93"/>
      <c r="BH4098" s="93"/>
      <c r="BI4098" s="93"/>
      <c r="BJ4098" s="93"/>
      <c r="BK4098" s="93"/>
      <c r="BL4098" s="93"/>
    </row>
    <row r="4099" spans="2:64" x14ac:dyDescent="0.2">
      <c r="B4099" s="43"/>
      <c r="C4099" s="73"/>
      <c r="D4099" s="64"/>
      <c r="E4099" s="55"/>
      <c r="F4099" s="74"/>
      <c r="G4099" s="74"/>
      <c r="H4099" s="74"/>
      <c r="I4099" s="75"/>
      <c r="J4099" s="74"/>
      <c r="L4099" s="55"/>
      <c r="M4099" s="234"/>
      <c r="N4099" s="65"/>
      <c r="O4099" s="76"/>
      <c r="P4099" s="76"/>
      <c r="Q4099" s="65"/>
      <c r="R4099" s="76"/>
      <c r="S4099" s="76"/>
      <c r="T4099" s="76"/>
      <c r="U4099" s="76"/>
      <c r="V4099" s="76"/>
      <c r="W4099" s="76"/>
      <c r="X4099" s="76"/>
      <c r="Y4099" s="76"/>
      <c r="Z4099" s="76"/>
      <c r="AA4099" s="85"/>
      <c r="AB4099" s="85"/>
      <c r="AC4099" s="85"/>
      <c r="AD4099" s="85"/>
      <c r="AE4099" s="85"/>
      <c r="AF4099" s="85"/>
      <c r="AG4099" s="86"/>
      <c r="AH4099" s="85"/>
      <c r="AI4099" s="85"/>
      <c r="AJ4099" s="85"/>
      <c r="AK4099" s="85"/>
      <c r="AL4099" s="85"/>
      <c r="AM4099" s="92"/>
      <c r="AN4099" s="92"/>
      <c r="AO4099" s="92"/>
      <c r="AP4099" s="92"/>
      <c r="AQ4099" s="92"/>
      <c r="AR4099" s="92"/>
      <c r="AS4099" s="92"/>
      <c r="AT4099" s="92"/>
      <c r="AU4099" s="92"/>
      <c r="AV4099" s="92"/>
      <c r="AW4099" s="92"/>
      <c r="AX4099" s="92"/>
      <c r="AY4099" s="92"/>
      <c r="AZ4099" s="93"/>
      <c r="BA4099" s="93"/>
      <c r="BB4099" s="93"/>
      <c r="BC4099" s="93"/>
      <c r="BD4099" s="93"/>
      <c r="BE4099" s="93"/>
      <c r="BF4099" s="93"/>
      <c r="BG4099" s="93"/>
      <c r="BH4099" s="93"/>
      <c r="BI4099" s="93"/>
      <c r="BJ4099" s="93"/>
      <c r="BK4099" s="93"/>
      <c r="BL4099" s="93"/>
    </row>
    <row r="4100" spans="2:64" x14ac:dyDescent="0.2">
      <c r="B4100" s="43"/>
      <c r="C4100" s="73"/>
      <c r="D4100" s="64"/>
      <c r="E4100" s="55"/>
      <c r="F4100" s="74"/>
      <c r="G4100" s="74"/>
      <c r="H4100" s="74"/>
      <c r="I4100" s="75"/>
      <c r="J4100" s="74"/>
      <c r="L4100" s="55"/>
      <c r="M4100" s="234"/>
      <c r="N4100" s="65"/>
      <c r="O4100" s="76"/>
      <c r="P4100" s="76"/>
      <c r="Q4100" s="65"/>
      <c r="R4100" s="76"/>
      <c r="S4100" s="76"/>
      <c r="T4100" s="76"/>
      <c r="U4100" s="76"/>
      <c r="V4100" s="76"/>
      <c r="W4100" s="76"/>
      <c r="X4100" s="76"/>
      <c r="Y4100" s="76"/>
      <c r="Z4100" s="76"/>
      <c r="AA4100" s="85"/>
      <c r="AB4100" s="85"/>
      <c r="AC4100" s="85"/>
      <c r="AD4100" s="85"/>
      <c r="AE4100" s="85"/>
      <c r="AF4100" s="85"/>
      <c r="AG4100" s="86"/>
      <c r="AH4100" s="85"/>
      <c r="AI4100" s="85"/>
      <c r="AJ4100" s="85"/>
      <c r="AK4100" s="85"/>
      <c r="AL4100" s="85"/>
      <c r="AM4100" s="92"/>
      <c r="AN4100" s="92"/>
      <c r="AO4100" s="92"/>
      <c r="AP4100" s="92"/>
      <c r="AQ4100" s="92"/>
      <c r="AR4100" s="92"/>
      <c r="AS4100" s="92"/>
      <c r="AT4100" s="92"/>
      <c r="AU4100" s="92"/>
      <c r="AV4100" s="92"/>
      <c r="AW4100" s="92"/>
      <c r="AX4100" s="92"/>
      <c r="AY4100" s="92"/>
      <c r="AZ4100" s="93"/>
      <c r="BA4100" s="93"/>
      <c r="BB4100" s="93"/>
      <c r="BC4100" s="93"/>
      <c r="BD4100" s="93"/>
      <c r="BE4100" s="93"/>
      <c r="BF4100" s="93"/>
      <c r="BG4100" s="93"/>
      <c r="BH4100" s="93"/>
      <c r="BI4100" s="93"/>
      <c r="BJ4100" s="93"/>
      <c r="BK4100" s="93"/>
      <c r="BL4100" s="93"/>
    </row>
    <row r="4101" spans="2:64" x14ac:dyDescent="0.2">
      <c r="B4101" s="43"/>
      <c r="C4101" s="73"/>
      <c r="D4101" s="64"/>
      <c r="E4101" s="55"/>
      <c r="F4101" s="74"/>
      <c r="G4101" s="74"/>
      <c r="H4101" s="74"/>
      <c r="I4101" s="75"/>
      <c r="J4101" s="74"/>
      <c r="L4101" s="55"/>
      <c r="M4101" s="234"/>
      <c r="N4101" s="65"/>
      <c r="O4101" s="76"/>
      <c r="P4101" s="76"/>
      <c r="Q4101" s="65"/>
      <c r="R4101" s="76"/>
      <c r="S4101" s="76"/>
      <c r="T4101" s="76"/>
      <c r="U4101" s="76"/>
      <c r="V4101" s="76"/>
      <c r="W4101" s="76"/>
      <c r="X4101" s="76"/>
      <c r="Y4101" s="76"/>
      <c r="Z4101" s="76"/>
      <c r="AA4101" s="85"/>
      <c r="AB4101" s="85"/>
      <c r="AC4101" s="85"/>
      <c r="AD4101" s="85"/>
      <c r="AE4101" s="85"/>
      <c r="AF4101" s="85"/>
      <c r="AG4101" s="86"/>
      <c r="AH4101" s="85"/>
      <c r="AI4101" s="85"/>
      <c r="AJ4101" s="85"/>
      <c r="AK4101" s="85"/>
      <c r="AL4101" s="85"/>
      <c r="AM4101" s="92"/>
      <c r="AN4101" s="92"/>
      <c r="AO4101" s="92"/>
      <c r="AP4101" s="92"/>
      <c r="AQ4101" s="92"/>
      <c r="AR4101" s="92"/>
      <c r="AS4101" s="92"/>
      <c r="AT4101" s="92"/>
      <c r="AU4101" s="92"/>
      <c r="AV4101" s="92"/>
      <c r="AW4101" s="92"/>
      <c r="AX4101" s="92"/>
      <c r="AY4101" s="92"/>
      <c r="AZ4101" s="93"/>
      <c r="BA4101" s="93"/>
      <c r="BB4101" s="93"/>
      <c r="BC4101" s="93"/>
      <c r="BD4101" s="93"/>
      <c r="BE4101" s="93"/>
      <c r="BF4101" s="93"/>
      <c r="BG4101" s="93"/>
      <c r="BH4101" s="93"/>
      <c r="BI4101" s="93"/>
      <c r="BJ4101" s="93"/>
      <c r="BK4101" s="93"/>
      <c r="BL4101" s="93"/>
    </row>
    <row r="4102" spans="2:64" x14ac:dyDescent="0.2">
      <c r="B4102" s="43"/>
      <c r="C4102" s="73"/>
      <c r="D4102" s="64"/>
      <c r="E4102" s="55"/>
      <c r="F4102" s="74"/>
      <c r="G4102" s="74"/>
      <c r="H4102" s="74"/>
      <c r="I4102" s="75"/>
      <c r="J4102" s="74"/>
      <c r="L4102" s="55"/>
      <c r="M4102" s="234"/>
      <c r="N4102" s="65"/>
      <c r="O4102" s="76"/>
      <c r="P4102" s="76"/>
      <c r="Q4102" s="65"/>
      <c r="R4102" s="76"/>
      <c r="S4102" s="76"/>
      <c r="T4102" s="76"/>
      <c r="U4102" s="76"/>
      <c r="V4102" s="76"/>
      <c r="W4102" s="76"/>
      <c r="X4102" s="76"/>
      <c r="Y4102" s="76"/>
      <c r="Z4102" s="76"/>
      <c r="AA4102" s="85"/>
      <c r="AB4102" s="85"/>
      <c r="AC4102" s="85"/>
      <c r="AD4102" s="85"/>
      <c r="AE4102" s="85"/>
      <c r="AF4102" s="85"/>
      <c r="AG4102" s="86"/>
      <c r="AH4102" s="85"/>
      <c r="AI4102" s="85"/>
      <c r="AJ4102" s="85"/>
      <c r="AK4102" s="85"/>
      <c r="AL4102" s="85"/>
      <c r="AM4102" s="92"/>
      <c r="AN4102" s="92"/>
      <c r="AO4102" s="92"/>
      <c r="AP4102" s="92"/>
      <c r="AQ4102" s="92"/>
      <c r="AR4102" s="92"/>
      <c r="AS4102" s="92"/>
      <c r="AT4102" s="92"/>
      <c r="AU4102" s="92"/>
      <c r="AV4102" s="92"/>
      <c r="AW4102" s="92"/>
      <c r="AX4102" s="92"/>
      <c r="AY4102" s="92"/>
      <c r="AZ4102" s="93"/>
      <c r="BA4102" s="93"/>
      <c r="BB4102" s="93"/>
      <c r="BC4102" s="93"/>
      <c r="BD4102" s="93"/>
      <c r="BE4102" s="93"/>
      <c r="BF4102" s="93"/>
      <c r="BG4102" s="93"/>
      <c r="BH4102" s="93"/>
      <c r="BI4102" s="93"/>
      <c r="BJ4102" s="93"/>
      <c r="BK4102" s="93"/>
      <c r="BL4102" s="93"/>
    </row>
    <row r="4103" spans="2:64" x14ac:dyDescent="0.2">
      <c r="B4103" s="43"/>
      <c r="C4103" s="73"/>
      <c r="D4103" s="64"/>
      <c r="E4103" s="55"/>
      <c r="F4103" s="74"/>
      <c r="G4103" s="74"/>
      <c r="H4103" s="74"/>
      <c r="I4103" s="75"/>
      <c r="J4103" s="74"/>
      <c r="L4103" s="55"/>
      <c r="M4103" s="234"/>
      <c r="N4103" s="65"/>
      <c r="O4103" s="76"/>
      <c r="P4103" s="76"/>
      <c r="Q4103" s="65"/>
      <c r="R4103" s="76"/>
      <c r="S4103" s="76"/>
      <c r="T4103" s="76"/>
      <c r="U4103" s="76"/>
      <c r="V4103" s="76"/>
      <c r="W4103" s="76"/>
      <c r="X4103" s="76"/>
      <c r="Y4103" s="76"/>
      <c r="Z4103" s="76"/>
      <c r="AA4103" s="85"/>
      <c r="AB4103" s="85"/>
      <c r="AC4103" s="85"/>
      <c r="AD4103" s="85"/>
      <c r="AE4103" s="85"/>
      <c r="AF4103" s="85"/>
      <c r="AG4103" s="86"/>
      <c r="AH4103" s="85"/>
      <c r="AI4103" s="85"/>
      <c r="AJ4103" s="85"/>
      <c r="AK4103" s="85"/>
      <c r="AL4103" s="85"/>
      <c r="AM4103" s="92"/>
      <c r="AN4103" s="92"/>
      <c r="AO4103" s="92"/>
      <c r="AP4103" s="92"/>
      <c r="AQ4103" s="92"/>
      <c r="AR4103" s="92"/>
      <c r="AS4103" s="92"/>
      <c r="AT4103" s="92"/>
      <c r="AU4103" s="92"/>
      <c r="AV4103" s="92"/>
      <c r="AW4103" s="92"/>
      <c r="AX4103" s="92"/>
      <c r="AY4103" s="92"/>
      <c r="AZ4103" s="93"/>
      <c r="BA4103" s="93"/>
      <c r="BB4103" s="93"/>
      <c r="BC4103" s="93"/>
      <c r="BD4103" s="93"/>
      <c r="BE4103" s="93"/>
      <c r="BF4103" s="93"/>
      <c r="BG4103" s="93"/>
      <c r="BH4103" s="93"/>
      <c r="BI4103" s="93"/>
      <c r="BJ4103" s="93"/>
      <c r="BK4103" s="93"/>
      <c r="BL4103" s="93"/>
    </row>
    <row r="4104" spans="2:64" x14ac:dyDescent="0.2">
      <c r="B4104" s="43"/>
      <c r="C4104" s="73"/>
      <c r="D4104" s="64"/>
      <c r="E4104" s="55"/>
      <c r="F4104" s="74"/>
      <c r="G4104" s="74"/>
      <c r="H4104" s="74"/>
      <c r="I4104" s="75"/>
      <c r="J4104" s="74"/>
      <c r="L4104" s="55"/>
      <c r="M4104" s="234"/>
      <c r="N4104" s="65"/>
      <c r="O4104" s="76"/>
      <c r="P4104" s="76"/>
      <c r="Q4104" s="65"/>
      <c r="R4104" s="76"/>
      <c r="S4104" s="76"/>
      <c r="T4104" s="76"/>
      <c r="U4104" s="76"/>
      <c r="V4104" s="76"/>
      <c r="W4104" s="76"/>
      <c r="X4104" s="76"/>
      <c r="Y4104" s="76"/>
      <c r="Z4104" s="76"/>
      <c r="AA4104" s="85"/>
      <c r="AB4104" s="85"/>
      <c r="AC4104" s="85"/>
      <c r="AD4104" s="85"/>
      <c r="AE4104" s="85"/>
      <c r="AF4104" s="85"/>
      <c r="AG4104" s="86"/>
      <c r="AH4104" s="85"/>
      <c r="AI4104" s="85"/>
      <c r="AJ4104" s="85"/>
      <c r="AK4104" s="85"/>
      <c r="AL4104" s="85"/>
      <c r="AM4104" s="92"/>
      <c r="AN4104" s="92"/>
      <c r="AO4104" s="92"/>
      <c r="AP4104" s="92"/>
      <c r="AQ4104" s="92"/>
      <c r="AR4104" s="92"/>
      <c r="AS4104" s="92"/>
      <c r="AT4104" s="92"/>
      <c r="AU4104" s="92"/>
      <c r="AV4104" s="92"/>
      <c r="AW4104" s="92"/>
      <c r="AX4104" s="92"/>
      <c r="AY4104" s="92"/>
      <c r="AZ4104" s="93"/>
      <c r="BA4104" s="93"/>
      <c r="BB4104" s="93"/>
      <c r="BC4104" s="93"/>
      <c r="BD4104" s="93"/>
      <c r="BE4104" s="93"/>
      <c r="BF4104" s="93"/>
      <c r="BG4104" s="93"/>
      <c r="BH4104" s="93"/>
      <c r="BI4104" s="93"/>
      <c r="BJ4104" s="93"/>
      <c r="BK4104" s="93"/>
      <c r="BL4104" s="93"/>
    </row>
    <row r="4105" spans="2:64" x14ac:dyDescent="0.2">
      <c r="B4105" s="43"/>
      <c r="C4105" s="73"/>
      <c r="D4105" s="64"/>
      <c r="E4105" s="55"/>
      <c r="F4105" s="74"/>
      <c r="G4105" s="74"/>
      <c r="H4105" s="74"/>
      <c r="I4105" s="75"/>
      <c r="J4105" s="74"/>
      <c r="L4105" s="55"/>
      <c r="M4105" s="234"/>
      <c r="N4105" s="65"/>
      <c r="O4105" s="76"/>
      <c r="P4105" s="76"/>
      <c r="Q4105" s="65"/>
      <c r="R4105" s="76"/>
      <c r="S4105" s="76"/>
      <c r="T4105" s="76"/>
      <c r="U4105" s="76"/>
      <c r="V4105" s="76"/>
      <c r="W4105" s="76"/>
      <c r="X4105" s="76"/>
      <c r="Y4105" s="76"/>
      <c r="Z4105" s="76"/>
      <c r="AA4105" s="85"/>
      <c r="AB4105" s="85"/>
      <c r="AC4105" s="85"/>
      <c r="AD4105" s="85"/>
      <c r="AE4105" s="85"/>
      <c r="AF4105" s="85"/>
      <c r="AG4105" s="86"/>
      <c r="AH4105" s="85"/>
      <c r="AI4105" s="85"/>
      <c r="AJ4105" s="85"/>
      <c r="AK4105" s="85"/>
      <c r="AL4105" s="85"/>
      <c r="AM4105" s="92"/>
      <c r="AN4105" s="92"/>
      <c r="AO4105" s="92"/>
      <c r="AP4105" s="92"/>
      <c r="AQ4105" s="92"/>
      <c r="AR4105" s="92"/>
      <c r="AS4105" s="92"/>
      <c r="AT4105" s="92"/>
      <c r="AU4105" s="92"/>
      <c r="AV4105" s="92"/>
      <c r="AW4105" s="92"/>
      <c r="AX4105" s="92"/>
      <c r="AY4105" s="92"/>
      <c r="AZ4105" s="93"/>
      <c r="BA4105" s="93"/>
      <c r="BB4105" s="93"/>
      <c r="BC4105" s="93"/>
      <c r="BD4105" s="93"/>
      <c r="BE4105" s="93"/>
      <c r="BF4105" s="93"/>
      <c r="BG4105" s="93"/>
      <c r="BH4105" s="93"/>
      <c r="BI4105" s="93"/>
      <c r="BJ4105" s="93"/>
      <c r="BK4105" s="93"/>
      <c r="BL4105" s="93"/>
    </row>
    <row r="4106" spans="2:64" x14ac:dyDescent="0.2">
      <c r="B4106" s="43"/>
      <c r="C4106" s="73"/>
      <c r="D4106" s="64"/>
      <c r="E4106" s="55"/>
      <c r="F4106" s="74"/>
      <c r="G4106" s="74"/>
      <c r="H4106" s="74"/>
      <c r="I4106" s="75"/>
      <c r="J4106" s="74"/>
      <c r="L4106" s="55"/>
      <c r="M4106" s="234"/>
      <c r="N4106" s="65"/>
      <c r="O4106" s="76"/>
      <c r="P4106" s="76"/>
      <c r="Q4106" s="65"/>
      <c r="R4106" s="76"/>
      <c r="S4106" s="76"/>
      <c r="T4106" s="76"/>
      <c r="U4106" s="76"/>
      <c r="V4106" s="76"/>
      <c r="W4106" s="76"/>
      <c r="X4106" s="76"/>
      <c r="Y4106" s="76"/>
      <c r="Z4106" s="76"/>
      <c r="AA4106" s="85"/>
      <c r="AB4106" s="85"/>
      <c r="AC4106" s="85"/>
      <c r="AD4106" s="85"/>
      <c r="AE4106" s="85"/>
      <c r="AF4106" s="85"/>
      <c r="AG4106" s="86"/>
      <c r="AH4106" s="85"/>
      <c r="AI4106" s="85"/>
      <c r="AJ4106" s="85"/>
      <c r="AK4106" s="85"/>
      <c r="AL4106" s="85"/>
      <c r="AM4106" s="92"/>
      <c r="AN4106" s="92"/>
      <c r="AO4106" s="92"/>
      <c r="AP4106" s="92"/>
      <c r="AQ4106" s="92"/>
      <c r="AR4106" s="92"/>
      <c r="AS4106" s="92"/>
      <c r="AT4106" s="92"/>
      <c r="AU4106" s="92"/>
      <c r="AV4106" s="92"/>
      <c r="AW4106" s="92"/>
      <c r="AX4106" s="92"/>
      <c r="AY4106" s="92"/>
      <c r="AZ4106" s="93"/>
      <c r="BA4106" s="93"/>
      <c r="BB4106" s="93"/>
      <c r="BC4106" s="93"/>
      <c r="BD4106" s="93"/>
      <c r="BE4106" s="93"/>
      <c r="BF4106" s="93"/>
      <c r="BG4106" s="93"/>
      <c r="BH4106" s="93"/>
      <c r="BI4106" s="93"/>
      <c r="BJ4106" s="93"/>
      <c r="BK4106" s="93"/>
      <c r="BL4106" s="93"/>
    </row>
    <row r="4107" spans="2:64" x14ac:dyDescent="0.2">
      <c r="B4107" s="43"/>
      <c r="C4107" s="73"/>
      <c r="D4107" s="64"/>
      <c r="E4107" s="55"/>
      <c r="F4107" s="74"/>
      <c r="G4107" s="74"/>
      <c r="H4107" s="74"/>
      <c r="I4107" s="75"/>
      <c r="J4107" s="74"/>
      <c r="L4107" s="55"/>
      <c r="M4107" s="234"/>
      <c r="N4107" s="65"/>
      <c r="O4107" s="76"/>
      <c r="P4107" s="76"/>
      <c r="Q4107" s="65"/>
      <c r="R4107" s="76"/>
      <c r="S4107" s="76"/>
      <c r="T4107" s="76"/>
      <c r="U4107" s="76"/>
      <c r="V4107" s="76"/>
      <c r="W4107" s="76"/>
      <c r="X4107" s="76"/>
      <c r="Y4107" s="76"/>
      <c r="Z4107" s="76"/>
      <c r="AA4107" s="85"/>
      <c r="AB4107" s="85"/>
      <c r="AC4107" s="85"/>
      <c r="AD4107" s="85"/>
      <c r="AE4107" s="85"/>
      <c r="AF4107" s="85"/>
      <c r="AG4107" s="86"/>
      <c r="AH4107" s="85"/>
      <c r="AI4107" s="85"/>
      <c r="AJ4107" s="85"/>
      <c r="AK4107" s="85"/>
      <c r="AL4107" s="85"/>
      <c r="AM4107" s="92"/>
      <c r="AN4107" s="92"/>
      <c r="AO4107" s="92"/>
      <c r="AP4107" s="92"/>
      <c r="AQ4107" s="92"/>
      <c r="AR4107" s="92"/>
      <c r="AS4107" s="92"/>
      <c r="AT4107" s="92"/>
      <c r="AU4107" s="92"/>
      <c r="AV4107" s="92"/>
      <c r="AW4107" s="92"/>
      <c r="AX4107" s="92"/>
      <c r="AY4107" s="92"/>
      <c r="AZ4107" s="93"/>
      <c r="BA4107" s="93"/>
      <c r="BB4107" s="93"/>
      <c r="BC4107" s="93"/>
      <c r="BD4107" s="93"/>
      <c r="BE4107" s="93"/>
      <c r="BF4107" s="93"/>
      <c r="BG4107" s="93"/>
      <c r="BH4107" s="93"/>
      <c r="BI4107" s="93"/>
      <c r="BJ4107" s="93"/>
      <c r="BK4107" s="93"/>
      <c r="BL4107" s="93"/>
    </row>
    <row r="4108" spans="2:64" x14ac:dyDescent="0.2">
      <c r="B4108" s="43"/>
      <c r="C4108" s="73"/>
      <c r="D4108" s="64"/>
      <c r="E4108" s="55"/>
      <c r="F4108" s="74"/>
      <c r="G4108" s="74"/>
      <c r="H4108" s="74"/>
      <c r="I4108" s="75"/>
      <c r="J4108" s="74"/>
      <c r="L4108" s="55"/>
      <c r="M4108" s="234"/>
      <c r="N4108" s="65"/>
      <c r="O4108" s="76"/>
      <c r="P4108" s="76"/>
      <c r="Q4108" s="65"/>
      <c r="R4108" s="76"/>
      <c r="S4108" s="76"/>
      <c r="T4108" s="76"/>
      <c r="U4108" s="76"/>
      <c r="V4108" s="76"/>
      <c r="W4108" s="76"/>
      <c r="X4108" s="76"/>
      <c r="Y4108" s="76"/>
      <c r="Z4108" s="76"/>
      <c r="AA4108" s="85"/>
      <c r="AB4108" s="85"/>
      <c r="AC4108" s="85"/>
      <c r="AD4108" s="85"/>
      <c r="AE4108" s="85"/>
      <c r="AF4108" s="85"/>
      <c r="AG4108" s="86"/>
      <c r="AH4108" s="85"/>
      <c r="AI4108" s="85"/>
      <c r="AJ4108" s="85"/>
      <c r="AK4108" s="85"/>
      <c r="AL4108" s="85"/>
      <c r="AM4108" s="92"/>
      <c r="AN4108" s="92"/>
      <c r="AO4108" s="92"/>
      <c r="AP4108" s="92"/>
      <c r="AQ4108" s="92"/>
      <c r="AR4108" s="92"/>
      <c r="AS4108" s="92"/>
      <c r="AT4108" s="92"/>
      <c r="AU4108" s="92"/>
      <c r="AV4108" s="92"/>
      <c r="AW4108" s="92"/>
      <c r="AX4108" s="92"/>
      <c r="AY4108" s="92"/>
      <c r="AZ4108" s="93"/>
      <c r="BA4108" s="93"/>
      <c r="BB4108" s="93"/>
      <c r="BC4108" s="93"/>
      <c r="BD4108" s="93"/>
      <c r="BE4108" s="93"/>
      <c r="BF4108" s="93"/>
      <c r="BG4108" s="93"/>
      <c r="BH4108" s="93"/>
      <c r="BI4108" s="93"/>
      <c r="BJ4108" s="93"/>
      <c r="BK4108" s="93"/>
      <c r="BL4108" s="93"/>
    </row>
    <row r="4109" spans="2:64" x14ac:dyDescent="0.2">
      <c r="B4109" s="43"/>
      <c r="C4109" s="73"/>
      <c r="D4109" s="64"/>
      <c r="E4109" s="55"/>
      <c r="F4109" s="74"/>
      <c r="G4109" s="74"/>
      <c r="H4109" s="74"/>
      <c r="I4109" s="75"/>
      <c r="J4109" s="74"/>
      <c r="L4109" s="55"/>
      <c r="M4109" s="234"/>
      <c r="N4109" s="65"/>
      <c r="O4109" s="76"/>
      <c r="P4109" s="76"/>
      <c r="Q4109" s="65"/>
      <c r="R4109" s="76"/>
      <c r="S4109" s="76"/>
      <c r="T4109" s="76"/>
      <c r="U4109" s="76"/>
      <c r="V4109" s="76"/>
      <c r="W4109" s="76"/>
      <c r="X4109" s="76"/>
      <c r="Y4109" s="76"/>
      <c r="Z4109" s="76"/>
      <c r="AA4109" s="85"/>
      <c r="AB4109" s="85"/>
      <c r="AC4109" s="85"/>
      <c r="AD4109" s="85"/>
      <c r="AE4109" s="85"/>
      <c r="AF4109" s="85"/>
      <c r="AG4109" s="86"/>
      <c r="AH4109" s="85"/>
      <c r="AI4109" s="85"/>
      <c r="AJ4109" s="85"/>
      <c r="AK4109" s="85"/>
      <c r="AL4109" s="85"/>
      <c r="AM4109" s="92"/>
      <c r="AN4109" s="92"/>
      <c r="AO4109" s="92"/>
      <c r="AP4109" s="92"/>
      <c r="AQ4109" s="92"/>
      <c r="AR4109" s="92"/>
      <c r="AS4109" s="92"/>
      <c r="AT4109" s="92"/>
      <c r="AU4109" s="92"/>
      <c r="AV4109" s="92"/>
      <c r="AW4109" s="92"/>
      <c r="AX4109" s="92"/>
      <c r="AY4109" s="92"/>
      <c r="AZ4109" s="93"/>
      <c r="BA4109" s="93"/>
      <c r="BB4109" s="93"/>
      <c r="BC4109" s="93"/>
      <c r="BD4109" s="93"/>
      <c r="BE4109" s="93"/>
      <c r="BF4109" s="93"/>
      <c r="BG4109" s="93"/>
      <c r="BH4109" s="93"/>
      <c r="BI4109" s="93"/>
      <c r="BJ4109" s="93"/>
      <c r="BK4109" s="93"/>
      <c r="BL4109" s="93"/>
    </row>
    <row r="4110" spans="2:64" x14ac:dyDescent="0.2">
      <c r="B4110" s="43"/>
      <c r="C4110" s="73"/>
      <c r="D4110" s="64"/>
      <c r="E4110" s="55"/>
      <c r="F4110" s="74"/>
      <c r="G4110" s="74"/>
      <c r="H4110" s="74"/>
      <c r="I4110" s="75"/>
      <c r="J4110" s="74"/>
      <c r="L4110" s="55"/>
      <c r="M4110" s="234"/>
      <c r="N4110" s="65"/>
      <c r="O4110" s="76"/>
      <c r="P4110" s="76"/>
      <c r="Q4110" s="65"/>
      <c r="R4110" s="76"/>
      <c r="S4110" s="76"/>
      <c r="T4110" s="76"/>
      <c r="U4110" s="76"/>
      <c r="V4110" s="76"/>
      <c r="W4110" s="76"/>
      <c r="X4110" s="76"/>
      <c r="Y4110" s="76"/>
      <c r="Z4110" s="76"/>
      <c r="AA4110" s="85"/>
      <c r="AB4110" s="85"/>
      <c r="AC4110" s="85"/>
      <c r="AD4110" s="85"/>
      <c r="AE4110" s="85"/>
      <c r="AF4110" s="85"/>
      <c r="AG4110" s="86"/>
      <c r="AH4110" s="85"/>
      <c r="AI4110" s="85"/>
      <c r="AJ4110" s="85"/>
      <c r="AK4110" s="85"/>
      <c r="AL4110" s="85"/>
      <c r="AM4110" s="92"/>
      <c r="AN4110" s="92"/>
      <c r="AO4110" s="92"/>
      <c r="AP4110" s="92"/>
      <c r="AQ4110" s="92"/>
      <c r="AR4110" s="92"/>
      <c r="AS4110" s="92"/>
      <c r="AT4110" s="92"/>
      <c r="AU4110" s="92"/>
      <c r="AV4110" s="92"/>
      <c r="AW4110" s="92"/>
      <c r="AX4110" s="92"/>
      <c r="AY4110" s="92"/>
      <c r="AZ4110" s="93"/>
      <c r="BA4110" s="93"/>
      <c r="BB4110" s="93"/>
      <c r="BC4110" s="93"/>
      <c r="BD4110" s="93"/>
      <c r="BE4110" s="93"/>
      <c r="BF4110" s="93"/>
      <c r="BG4110" s="93"/>
      <c r="BH4110" s="93"/>
      <c r="BI4110" s="93"/>
      <c r="BJ4110" s="93"/>
      <c r="BK4110" s="93"/>
      <c r="BL4110" s="93"/>
    </row>
    <row r="4111" spans="2:64" x14ac:dyDescent="0.2">
      <c r="B4111" s="43"/>
      <c r="C4111" s="73"/>
      <c r="D4111" s="64"/>
      <c r="E4111" s="55"/>
      <c r="F4111" s="74"/>
      <c r="G4111" s="74"/>
      <c r="H4111" s="74"/>
      <c r="I4111" s="75"/>
      <c r="J4111" s="74"/>
      <c r="L4111" s="55"/>
      <c r="M4111" s="234"/>
      <c r="N4111" s="65"/>
      <c r="O4111" s="76"/>
      <c r="P4111" s="76"/>
      <c r="Q4111" s="65"/>
      <c r="R4111" s="76"/>
      <c r="S4111" s="76"/>
      <c r="T4111" s="76"/>
      <c r="U4111" s="76"/>
      <c r="V4111" s="76"/>
      <c r="W4111" s="76"/>
      <c r="X4111" s="76"/>
      <c r="Y4111" s="76"/>
      <c r="Z4111" s="76"/>
      <c r="AA4111" s="85"/>
      <c r="AB4111" s="85"/>
      <c r="AC4111" s="85"/>
      <c r="AD4111" s="85"/>
      <c r="AE4111" s="85"/>
      <c r="AF4111" s="85"/>
      <c r="AG4111" s="86"/>
      <c r="AH4111" s="85"/>
      <c r="AI4111" s="85"/>
      <c r="AJ4111" s="85"/>
      <c r="AK4111" s="85"/>
      <c r="AL4111" s="85"/>
      <c r="AM4111" s="92"/>
      <c r="AN4111" s="92"/>
      <c r="AO4111" s="92"/>
      <c r="AP4111" s="92"/>
      <c r="AQ4111" s="92"/>
      <c r="AR4111" s="92"/>
      <c r="AS4111" s="92"/>
      <c r="AT4111" s="92"/>
      <c r="AU4111" s="92"/>
      <c r="AV4111" s="92"/>
      <c r="AW4111" s="92"/>
      <c r="AX4111" s="92"/>
      <c r="AY4111" s="92"/>
      <c r="AZ4111" s="93"/>
      <c r="BA4111" s="93"/>
      <c r="BB4111" s="93"/>
      <c r="BC4111" s="93"/>
      <c r="BD4111" s="93"/>
      <c r="BE4111" s="93"/>
      <c r="BF4111" s="93"/>
      <c r="BG4111" s="93"/>
      <c r="BH4111" s="93"/>
      <c r="BI4111" s="93"/>
      <c r="BJ4111" s="93"/>
      <c r="BK4111" s="93"/>
      <c r="BL4111" s="93"/>
    </row>
    <row r="4112" spans="2:64" x14ac:dyDescent="0.2">
      <c r="B4112" s="43"/>
      <c r="C4112" s="73"/>
      <c r="D4112" s="64"/>
      <c r="E4112" s="55"/>
      <c r="F4112" s="74"/>
      <c r="G4112" s="74"/>
      <c r="H4112" s="74"/>
      <c r="I4112" s="75"/>
      <c r="J4112" s="74"/>
      <c r="L4112" s="55"/>
      <c r="M4112" s="234"/>
      <c r="N4112" s="65"/>
      <c r="O4112" s="76"/>
      <c r="P4112" s="76"/>
      <c r="Q4112" s="65"/>
      <c r="R4112" s="76"/>
      <c r="S4112" s="76"/>
      <c r="T4112" s="76"/>
      <c r="U4112" s="76"/>
      <c r="V4112" s="76"/>
      <c r="W4112" s="76"/>
      <c r="X4112" s="76"/>
      <c r="Y4112" s="76"/>
      <c r="Z4112" s="76"/>
      <c r="AA4112" s="85"/>
      <c r="AB4112" s="85"/>
      <c r="AC4112" s="85"/>
      <c r="AD4112" s="85"/>
      <c r="AE4112" s="85"/>
      <c r="AF4112" s="85"/>
      <c r="AG4112" s="86"/>
      <c r="AH4112" s="85"/>
      <c r="AI4112" s="85"/>
      <c r="AJ4112" s="85"/>
      <c r="AK4112" s="85"/>
      <c r="AL4112" s="85"/>
      <c r="AM4112" s="92"/>
      <c r="AN4112" s="92"/>
      <c r="AO4112" s="92"/>
      <c r="AP4112" s="92"/>
      <c r="AQ4112" s="92"/>
      <c r="AR4112" s="92"/>
      <c r="AS4112" s="92"/>
      <c r="AT4112" s="92"/>
      <c r="AU4112" s="92"/>
      <c r="AV4112" s="92"/>
      <c r="AW4112" s="92"/>
      <c r="AX4112" s="92"/>
      <c r="AY4112" s="92"/>
      <c r="AZ4112" s="93"/>
      <c r="BA4112" s="93"/>
      <c r="BB4112" s="93"/>
      <c r="BC4112" s="93"/>
      <c r="BD4112" s="93"/>
      <c r="BE4112" s="93"/>
      <c r="BF4112" s="93"/>
      <c r="BG4112" s="93"/>
      <c r="BH4112" s="93"/>
      <c r="BI4112" s="93"/>
      <c r="BJ4112" s="93"/>
      <c r="BK4112" s="93"/>
      <c r="BL4112" s="93"/>
    </row>
    <row r="4113" spans="2:64" x14ac:dyDescent="0.2">
      <c r="B4113" s="43"/>
      <c r="C4113" s="73"/>
      <c r="D4113" s="64"/>
      <c r="E4113" s="55"/>
      <c r="F4113" s="74"/>
      <c r="G4113" s="74"/>
      <c r="H4113" s="74"/>
      <c r="I4113" s="75"/>
      <c r="J4113" s="74"/>
      <c r="L4113" s="55"/>
      <c r="M4113" s="234"/>
      <c r="N4113" s="65"/>
      <c r="O4113" s="76"/>
      <c r="P4113" s="76"/>
      <c r="Q4113" s="65"/>
      <c r="R4113" s="76"/>
      <c r="S4113" s="76"/>
      <c r="T4113" s="76"/>
      <c r="U4113" s="76"/>
      <c r="V4113" s="76"/>
      <c r="W4113" s="76"/>
      <c r="X4113" s="76"/>
      <c r="Y4113" s="76"/>
      <c r="Z4113" s="76"/>
      <c r="AA4113" s="85"/>
      <c r="AB4113" s="85"/>
      <c r="AC4113" s="85"/>
      <c r="AD4113" s="85"/>
      <c r="AE4113" s="85"/>
      <c r="AF4113" s="85"/>
      <c r="AG4113" s="86"/>
      <c r="AH4113" s="85"/>
      <c r="AI4113" s="85"/>
      <c r="AJ4113" s="85"/>
      <c r="AK4113" s="85"/>
      <c r="AL4113" s="85"/>
      <c r="AM4113" s="92"/>
      <c r="AN4113" s="92"/>
      <c r="AO4113" s="92"/>
      <c r="AP4113" s="92"/>
      <c r="AQ4113" s="92"/>
      <c r="AR4113" s="92"/>
      <c r="AS4113" s="92"/>
      <c r="AT4113" s="92"/>
      <c r="AU4113" s="92"/>
      <c r="AV4113" s="92"/>
      <c r="AW4113" s="92"/>
      <c r="AX4113" s="92"/>
      <c r="AY4113" s="92"/>
      <c r="AZ4113" s="93"/>
      <c r="BA4113" s="93"/>
      <c r="BB4113" s="93"/>
      <c r="BC4113" s="93"/>
      <c r="BD4113" s="93"/>
      <c r="BE4113" s="93"/>
      <c r="BF4113" s="93"/>
      <c r="BG4113" s="93"/>
      <c r="BH4113" s="93"/>
      <c r="BI4113" s="93"/>
      <c r="BJ4113" s="93"/>
      <c r="BK4113" s="93"/>
      <c r="BL4113" s="93"/>
    </row>
    <row r="4114" spans="2:64" x14ac:dyDescent="0.2">
      <c r="B4114" s="43"/>
      <c r="C4114" s="73"/>
      <c r="D4114" s="64"/>
      <c r="E4114" s="55"/>
      <c r="F4114" s="74"/>
      <c r="G4114" s="74"/>
      <c r="H4114" s="74"/>
      <c r="I4114" s="75"/>
      <c r="J4114" s="74"/>
      <c r="L4114" s="55"/>
      <c r="M4114" s="234"/>
      <c r="N4114" s="65"/>
      <c r="O4114" s="76"/>
      <c r="P4114" s="76"/>
      <c r="Q4114" s="65"/>
      <c r="R4114" s="76"/>
      <c r="S4114" s="76"/>
      <c r="T4114" s="76"/>
      <c r="U4114" s="76"/>
      <c r="V4114" s="76"/>
      <c r="W4114" s="76"/>
      <c r="X4114" s="76"/>
      <c r="Y4114" s="76"/>
      <c r="Z4114" s="76"/>
      <c r="AA4114" s="85"/>
      <c r="AB4114" s="85"/>
      <c r="AC4114" s="85"/>
      <c r="AD4114" s="85"/>
      <c r="AE4114" s="85"/>
      <c r="AF4114" s="85"/>
      <c r="AG4114" s="86"/>
      <c r="AH4114" s="85"/>
      <c r="AI4114" s="85"/>
      <c r="AJ4114" s="85"/>
      <c r="AK4114" s="85"/>
      <c r="AL4114" s="85"/>
      <c r="AM4114" s="92"/>
      <c r="AN4114" s="92"/>
      <c r="AO4114" s="92"/>
      <c r="AP4114" s="92"/>
      <c r="AQ4114" s="92"/>
      <c r="AR4114" s="92"/>
      <c r="AS4114" s="92"/>
      <c r="AT4114" s="92"/>
      <c r="AU4114" s="92"/>
      <c r="AV4114" s="92"/>
      <c r="AW4114" s="92"/>
      <c r="AX4114" s="92"/>
      <c r="AY4114" s="92"/>
      <c r="AZ4114" s="93"/>
      <c r="BA4114" s="93"/>
      <c r="BB4114" s="93"/>
      <c r="BC4114" s="93"/>
      <c r="BD4114" s="93"/>
      <c r="BE4114" s="93"/>
      <c r="BF4114" s="93"/>
      <c r="BG4114" s="93"/>
      <c r="BH4114" s="93"/>
      <c r="BI4114" s="93"/>
      <c r="BJ4114" s="93"/>
      <c r="BK4114" s="93"/>
      <c r="BL4114" s="93"/>
    </row>
    <row r="4115" spans="2:64" x14ac:dyDescent="0.2">
      <c r="B4115" s="43"/>
      <c r="C4115" s="73"/>
      <c r="D4115" s="64"/>
      <c r="E4115" s="55"/>
      <c r="F4115" s="74"/>
      <c r="G4115" s="74"/>
      <c r="H4115" s="74"/>
      <c r="I4115" s="75"/>
      <c r="J4115" s="74"/>
      <c r="L4115" s="55"/>
      <c r="M4115" s="234"/>
      <c r="N4115" s="65"/>
      <c r="O4115" s="76"/>
      <c r="P4115" s="76"/>
      <c r="Q4115" s="65"/>
      <c r="R4115" s="76"/>
      <c r="S4115" s="76"/>
      <c r="T4115" s="76"/>
      <c r="U4115" s="76"/>
      <c r="V4115" s="76"/>
      <c r="W4115" s="76"/>
      <c r="X4115" s="76"/>
      <c r="Y4115" s="76"/>
      <c r="Z4115" s="76"/>
      <c r="AA4115" s="85"/>
      <c r="AB4115" s="85"/>
      <c r="AC4115" s="85"/>
      <c r="AD4115" s="85"/>
      <c r="AE4115" s="85"/>
      <c r="AF4115" s="85"/>
      <c r="AG4115" s="86"/>
      <c r="AH4115" s="85"/>
      <c r="AI4115" s="85"/>
      <c r="AJ4115" s="85"/>
      <c r="AK4115" s="85"/>
      <c r="AL4115" s="85"/>
      <c r="AM4115" s="92"/>
      <c r="AN4115" s="92"/>
      <c r="AO4115" s="92"/>
      <c r="AP4115" s="92"/>
      <c r="AQ4115" s="92"/>
      <c r="AR4115" s="92"/>
      <c r="AS4115" s="92"/>
      <c r="AT4115" s="92"/>
      <c r="AU4115" s="92"/>
      <c r="AV4115" s="92"/>
      <c r="AW4115" s="92"/>
      <c r="AX4115" s="92"/>
      <c r="AY4115" s="92"/>
      <c r="AZ4115" s="93"/>
      <c r="BA4115" s="93"/>
      <c r="BB4115" s="93"/>
      <c r="BC4115" s="93"/>
      <c r="BD4115" s="93"/>
      <c r="BE4115" s="93"/>
      <c r="BF4115" s="93"/>
      <c r="BG4115" s="93"/>
      <c r="BH4115" s="93"/>
      <c r="BI4115" s="93"/>
      <c r="BJ4115" s="93"/>
      <c r="BK4115" s="93"/>
      <c r="BL4115" s="93"/>
    </row>
    <row r="4116" spans="2:64" x14ac:dyDescent="0.2">
      <c r="B4116" s="43"/>
      <c r="C4116" s="73"/>
      <c r="D4116" s="64"/>
      <c r="E4116" s="55"/>
      <c r="F4116" s="74"/>
      <c r="G4116" s="74"/>
      <c r="H4116" s="74"/>
      <c r="I4116" s="75"/>
      <c r="J4116" s="74"/>
      <c r="L4116" s="55"/>
      <c r="M4116" s="234"/>
      <c r="N4116" s="65"/>
      <c r="O4116" s="76"/>
      <c r="P4116" s="76"/>
      <c r="Q4116" s="65"/>
      <c r="R4116" s="76"/>
      <c r="S4116" s="76"/>
      <c r="T4116" s="76"/>
      <c r="U4116" s="76"/>
      <c r="V4116" s="76"/>
      <c r="W4116" s="76"/>
      <c r="X4116" s="76"/>
      <c r="Y4116" s="76"/>
      <c r="Z4116" s="76"/>
      <c r="AA4116" s="85"/>
      <c r="AB4116" s="85"/>
      <c r="AC4116" s="85"/>
      <c r="AD4116" s="85"/>
      <c r="AE4116" s="85"/>
      <c r="AF4116" s="85"/>
      <c r="AG4116" s="86"/>
      <c r="AH4116" s="85"/>
      <c r="AI4116" s="85"/>
      <c r="AJ4116" s="85"/>
      <c r="AK4116" s="85"/>
      <c r="AL4116" s="85"/>
      <c r="AM4116" s="92"/>
      <c r="AN4116" s="92"/>
      <c r="AO4116" s="92"/>
      <c r="AP4116" s="92"/>
      <c r="AQ4116" s="92"/>
      <c r="AR4116" s="92"/>
      <c r="AS4116" s="92"/>
      <c r="AT4116" s="92"/>
      <c r="AU4116" s="92"/>
      <c r="AV4116" s="92"/>
      <c r="AW4116" s="92"/>
      <c r="AX4116" s="92"/>
      <c r="AY4116" s="92"/>
      <c r="AZ4116" s="93"/>
      <c r="BA4116" s="93"/>
      <c r="BB4116" s="93"/>
      <c r="BC4116" s="93"/>
      <c r="BD4116" s="93"/>
      <c r="BE4116" s="93"/>
      <c r="BF4116" s="93"/>
      <c r="BG4116" s="93"/>
      <c r="BH4116" s="93"/>
      <c r="BI4116" s="93"/>
      <c r="BJ4116" s="93"/>
      <c r="BK4116" s="93"/>
      <c r="BL4116" s="93"/>
    </row>
    <row r="4117" spans="2:64" x14ac:dyDescent="0.2">
      <c r="B4117" s="43"/>
      <c r="C4117" s="73"/>
      <c r="D4117" s="64"/>
      <c r="E4117" s="55"/>
      <c r="F4117" s="74"/>
      <c r="G4117" s="74"/>
      <c r="H4117" s="74"/>
      <c r="I4117" s="75"/>
      <c r="J4117" s="74"/>
      <c r="L4117" s="55"/>
      <c r="M4117" s="234"/>
      <c r="N4117" s="65"/>
      <c r="O4117" s="76"/>
      <c r="P4117" s="76"/>
      <c r="Q4117" s="65"/>
      <c r="R4117" s="76"/>
      <c r="S4117" s="76"/>
      <c r="T4117" s="76"/>
      <c r="U4117" s="76"/>
      <c r="V4117" s="76"/>
      <c r="W4117" s="76"/>
      <c r="X4117" s="76"/>
      <c r="Y4117" s="76"/>
      <c r="Z4117" s="76"/>
      <c r="AA4117" s="85"/>
      <c r="AB4117" s="85"/>
      <c r="AC4117" s="85"/>
      <c r="AD4117" s="85"/>
      <c r="AE4117" s="85"/>
      <c r="AF4117" s="85"/>
      <c r="AG4117" s="86"/>
      <c r="AH4117" s="85"/>
      <c r="AI4117" s="85"/>
      <c r="AJ4117" s="85"/>
      <c r="AK4117" s="85"/>
      <c r="AL4117" s="85"/>
      <c r="AM4117" s="92"/>
      <c r="AN4117" s="92"/>
      <c r="AO4117" s="92"/>
      <c r="AP4117" s="92"/>
      <c r="AQ4117" s="92"/>
      <c r="AR4117" s="92"/>
      <c r="AS4117" s="92"/>
      <c r="AT4117" s="92"/>
      <c r="AU4117" s="92"/>
      <c r="AV4117" s="92"/>
      <c r="AW4117" s="92"/>
      <c r="AX4117" s="92"/>
      <c r="AY4117" s="92"/>
      <c r="AZ4117" s="93"/>
      <c r="BA4117" s="93"/>
      <c r="BB4117" s="93"/>
      <c r="BC4117" s="93"/>
      <c r="BD4117" s="93"/>
      <c r="BE4117" s="93"/>
      <c r="BF4117" s="93"/>
      <c r="BG4117" s="93"/>
      <c r="BH4117" s="93"/>
      <c r="BI4117" s="93"/>
      <c r="BJ4117" s="93"/>
      <c r="BK4117" s="93"/>
      <c r="BL4117" s="93"/>
    </row>
    <row r="4118" spans="2:64" x14ac:dyDescent="0.2">
      <c r="B4118" s="43"/>
      <c r="C4118" s="73"/>
      <c r="D4118" s="64"/>
      <c r="E4118" s="55"/>
      <c r="F4118" s="74"/>
      <c r="G4118" s="74"/>
      <c r="H4118" s="74"/>
      <c r="I4118" s="75"/>
      <c r="J4118" s="74"/>
      <c r="L4118" s="55"/>
      <c r="M4118" s="234"/>
      <c r="N4118" s="65"/>
      <c r="O4118" s="76"/>
      <c r="P4118" s="76"/>
      <c r="Q4118" s="65"/>
      <c r="R4118" s="76"/>
      <c r="S4118" s="76"/>
      <c r="T4118" s="76"/>
      <c r="U4118" s="76"/>
      <c r="V4118" s="76"/>
      <c r="W4118" s="76"/>
      <c r="X4118" s="76"/>
      <c r="Y4118" s="76"/>
      <c r="Z4118" s="76"/>
      <c r="AA4118" s="85"/>
      <c r="AB4118" s="85"/>
      <c r="AC4118" s="85"/>
      <c r="AD4118" s="85"/>
      <c r="AE4118" s="85"/>
      <c r="AF4118" s="85"/>
      <c r="AG4118" s="86"/>
      <c r="AH4118" s="85"/>
      <c r="AI4118" s="85"/>
      <c r="AJ4118" s="85"/>
      <c r="AK4118" s="85"/>
      <c r="AL4118" s="85"/>
      <c r="AM4118" s="92"/>
      <c r="AN4118" s="92"/>
      <c r="AO4118" s="92"/>
      <c r="AP4118" s="92"/>
      <c r="AQ4118" s="92"/>
      <c r="AR4118" s="92"/>
      <c r="AS4118" s="92"/>
      <c r="AT4118" s="92"/>
      <c r="AU4118" s="92"/>
      <c r="AV4118" s="92"/>
      <c r="AW4118" s="92"/>
      <c r="AX4118" s="92"/>
      <c r="AY4118" s="92"/>
      <c r="AZ4118" s="93"/>
      <c r="BA4118" s="93"/>
      <c r="BB4118" s="93"/>
      <c r="BC4118" s="93"/>
      <c r="BD4118" s="93"/>
      <c r="BE4118" s="93"/>
      <c r="BF4118" s="93"/>
      <c r="BG4118" s="93"/>
      <c r="BH4118" s="93"/>
      <c r="BI4118" s="93"/>
      <c r="BJ4118" s="93"/>
      <c r="BK4118" s="93"/>
      <c r="BL4118" s="93"/>
    </row>
    <row r="4119" spans="2:64" x14ac:dyDescent="0.2">
      <c r="B4119" s="43"/>
      <c r="C4119" s="73"/>
      <c r="D4119" s="64"/>
      <c r="E4119" s="55"/>
      <c r="F4119" s="74"/>
      <c r="G4119" s="74"/>
      <c r="H4119" s="74"/>
      <c r="I4119" s="75"/>
      <c r="J4119" s="74"/>
      <c r="L4119" s="55"/>
      <c r="M4119" s="234"/>
      <c r="N4119" s="65"/>
      <c r="O4119" s="76"/>
      <c r="P4119" s="76"/>
      <c r="Q4119" s="65"/>
      <c r="R4119" s="76"/>
      <c r="S4119" s="76"/>
      <c r="T4119" s="76"/>
      <c r="U4119" s="76"/>
      <c r="V4119" s="76"/>
      <c r="W4119" s="76"/>
      <c r="X4119" s="76"/>
      <c r="Y4119" s="76"/>
      <c r="Z4119" s="76"/>
      <c r="AA4119" s="85"/>
      <c r="AB4119" s="85"/>
      <c r="AC4119" s="85"/>
      <c r="AD4119" s="85"/>
      <c r="AE4119" s="85"/>
      <c r="AF4119" s="85"/>
      <c r="AG4119" s="86"/>
      <c r="AH4119" s="85"/>
      <c r="AI4119" s="85"/>
      <c r="AJ4119" s="85"/>
      <c r="AK4119" s="85"/>
      <c r="AL4119" s="85"/>
      <c r="AM4119" s="92"/>
      <c r="AN4119" s="92"/>
      <c r="AO4119" s="92"/>
      <c r="AP4119" s="92"/>
      <c r="AQ4119" s="92"/>
      <c r="AR4119" s="92"/>
      <c r="AS4119" s="92"/>
      <c r="AT4119" s="92"/>
      <c r="AU4119" s="92"/>
      <c r="AV4119" s="92"/>
      <c r="AW4119" s="92"/>
      <c r="AX4119" s="92"/>
      <c r="AY4119" s="92"/>
      <c r="AZ4119" s="93"/>
      <c r="BA4119" s="93"/>
      <c r="BB4119" s="93"/>
      <c r="BC4119" s="93"/>
      <c r="BD4119" s="93"/>
      <c r="BE4119" s="93"/>
      <c r="BF4119" s="93"/>
      <c r="BG4119" s="93"/>
      <c r="BH4119" s="93"/>
      <c r="BI4119" s="93"/>
      <c r="BJ4119" s="93"/>
      <c r="BK4119" s="93"/>
      <c r="BL4119" s="93"/>
    </row>
    <row r="4120" spans="2:64" x14ac:dyDescent="0.2">
      <c r="B4120" s="43"/>
      <c r="C4120" s="73"/>
      <c r="D4120" s="64"/>
      <c r="E4120" s="55"/>
      <c r="F4120" s="74"/>
      <c r="G4120" s="74"/>
      <c r="H4120" s="74"/>
      <c r="I4120" s="75"/>
      <c r="J4120" s="74"/>
      <c r="L4120" s="55"/>
      <c r="M4120" s="234"/>
      <c r="N4120" s="65"/>
      <c r="O4120" s="76"/>
      <c r="P4120" s="76"/>
      <c r="Q4120" s="65"/>
      <c r="R4120" s="76"/>
      <c r="S4120" s="76"/>
      <c r="T4120" s="76"/>
      <c r="U4120" s="76"/>
      <c r="V4120" s="76"/>
      <c r="W4120" s="76"/>
      <c r="X4120" s="76"/>
      <c r="Y4120" s="76"/>
      <c r="Z4120" s="76"/>
      <c r="AA4120" s="85"/>
      <c r="AB4120" s="85"/>
      <c r="AC4120" s="85"/>
      <c r="AD4120" s="85"/>
      <c r="AE4120" s="85"/>
      <c r="AF4120" s="85"/>
      <c r="AG4120" s="86"/>
      <c r="AH4120" s="85"/>
      <c r="AI4120" s="85"/>
      <c r="AJ4120" s="85"/>
      <c r="AK4120" s="85"/>
      <c r="AL4120" s="85"/>
      <c r="AM4120" s="92"/>
      <c r="AN4120" s="92"/>
      <c r="AO4120" s="92"/>
      <c r="AP4120" s="92"/>
      <c r="AQ4120" s="92"/>
      <c r="AR4120" s="92"/>
      <c r="AS4120" s="92"/>
      <c r="AT4120" s="92"/>
      <c r="AU4120" s="92"/>
      <c r="AV4120" s="92"/>
      <c r="AW4120" s="92"/>
      <c r="AX4120" s="92"/>
      <c r="AY4120" s="92"/>
      <c r="AZ4120" s="93"/>
      <c r="BA4120" s="93"/>
      <c r="BB4120" s="93"/>
      <c r="BC4120" s="93"/>
      <c r="BD4120" s="93"/>
      <c r="BE4120" s="93"/>
      <c r="BF4120" s="93"/>
      <c r="BG4120" s="93"/>
      <c r="BH4120" s="93"/>
      <c r="BI4120" s="93"/>
      <c r="BJ4120" s="93"/>
      <c r="BK4120" s="93"/>
      <c r="BL4120" s="93"/>
    </row>
    <row r="4121" spans="2:64" x14ac:dyDescent="0.2">
      <c r="B4121" s="43"/>
      <c r="C4121" s="73"/>
      <c r="D4121" s="64"/>
      <c r="E4121" s="55"/>
      <c r="F4121" s="74"/>
      <c r="G4121" s="74"/>
      <c r="H4121" s="74"/>
      <c r="I4121" s="75"/>
      <c r="J4121" s="74"/>
      <c r="L4121" s="55"/>
      <c r="M4121" s="234"/>
      <c r="N4121" s="65"/>
      <c r="O4121" s="76"/>
      <c r="P4121" s="76"/>
      <c r="Q4121" s="65"/>
      <c r="R4121" s="76"/>
      <c r="S4121" s="76"/>
      <c r="T4121" s="76"/>
      <c r="U4121" s="76"/>
      <c r="V4121" s="76"/>
      <c r="W4121" s="76"/>
      <c r="X4121" s="76"/>
      <c r="Y4121" s="76"/>
      <c r="Z4121" s="76"/>
      <c r="AA4121" s="85"/>
      <c r="AB4121" s="85"/>
      <c r="AC4121" s="85"/>
      <c r="AD4121" s="85"/>
      <c r="AE4121" s="85"/>
      <c r="AF4121" s="85"/>
      <c r="AG4121" s="86"/>
      <c r="AH4121" s="85"/>
      <c r="AI4121" s="85"/>
      <c r="AJ4121" s="85"/>
      <c r="AK4121" s="85"/>
      <c r="AL4121" s="85"/>
      <c r="AM4121" s="92"/>
      <c r="AN4121" s="92"/>
      <c r="AO4121" s="92"/>
      <c r="AP4121" s="92"/>
      <c r="AQ4121" s="92"/>
      <c r="AR4121" s="92"/>
      <c r="AS4121" s="92"/>
      <c r="AT4121" s="92"/>
      <c r="AU4121" s="92"/>
      <c r="AV4121" s="92"/>
      <c r="AW4121" s="92"/>
      <c r="AX4121" s="92"/>
      <c r="AY4121" s="92"/>
      <c r="AZ4121" s="93"/>
      <c r="BA4121" s="93"/>
      <c r="BB4121" s="93"/>
      <c r="BC4121" s="93"/>
      <c r="BD4121" s="93"/>
      <c r="BE4121" s="93"/>
      <c r="BF4121" s="93"/>
      <c r="BG4121" s="93"/>
      <c r="BH4121" s="93"/>
      <c r="BI4121" s="93"/>
      <c r="BJ4121" s="93"/>
      <c r="BK4121" s="93"/>
      <c r="BL4121" s="93"/>
    </row>
    <row r="4122" spans="2:64" x14ac:dyDescent="0.2">
      <c r="B4122" s="43"/>
      <c r="C4122" s="73"/>
      <c r="D4122" s="64"/>
      <c r="E4122" s="55"/>
      <c r="F4122" s="74"/>
      <c r="G4122" s="74"/>
      <c r="H4122" s="74"/>
      <c r="I4122" s="75"/>
      <c r="J4122" s="74"/>
      <c r="L4122" s="55"/>
      <c r="M4122" s="234"/>
      <c r="N4122" s="65"/>
      <c r="O4122" s="76"/>
      <c r="P4122" s="76"/>
      <c r="Q4122" s="65"/>
      <c r="R4122" s="76"/>
      <c r="S4122" s="76"/>
      <c r="T4122" s="76"/>
      <c r="U4122" s="76"/>
      <c r="V4122" s="76"/>
      <c r="W4122" s="76"/>
      <c r="X4122" s="76"/>
      <c r="Y4122" s="76"/>
      <c r="Z4122" s="76"/>
      <c r="AA4122" s="85"/>
      <c r="AB4122" s="85"/>
      <c r="AC4122" s="85"/>
      <c r="AD4122" s="85"/>
      <c r="AE4122" s="85"/>
      <c r="AF4122" s="85"/>
      <c r="AG4122" s="86"/>
      <c r="AH4122" s="85"/>
      <c r="AI4122" s="85"/>
      <c r="AJ4122" s="85"/>
      <c r="AK4122" s="85"/>
      <c r="AL4122" s="85"/>
      <c r="AM4122" s="92"/>
      <c r="AN4122" s="92"/>
      <c r="AO4122" s="92"/>
      <c r="AP4122" s="92"/>
      <c r="AQ4122" s="92"/>
      <c r="AR4122" s="92"/>
      <c r="AS4122" s="92"/>
      <c r="AT4122" s="92"/>
      <c r="AU4122" s="92"/>
      <c r="AV4122" s="92"/>
      <c r="AW4122" s="92"/>
      <c r="AX4122" s="92"/>
      <c r="AY4122" s="92"/>
      <c r="AZ4122" s="93"/>
      <c r="BA4122" s="93"/>
      <c r="BB4122" s="93"/>
      <c r="BC4122" s="93"/>
      <c r="BD4122" s="93"/>
      <c r="BE4122" s="93"/>
      <c r="BF4122" s="93"/>
      <c r="BG4122" s="93"/>
      <c r="BH4122" s="93"/>
      <c r="BI4122" s="93"/>
      <c r="BJ4122" s="93"/>
      <c r="BK4122" s="93"/>
      <c r="BL4122" s="93"/>
    </row>
    <row r="4123" spans="2:64" x14ac:dyDescent="0.2">
      <c r="B4123" s="43"/>
      <c r="C4123" s="73"/>
      <c r="D4123" s="64"/>
      <c r="E4123" s="55"/>
      <c r="F4123" s="74"/>
      <c r="G4123" s="74"/>
      <c r="H4123" s="74"/>
      <c r="I4123" s="75"/>
      <c r="J4123" s="74"/>
      <c r="L4123" s="55"/>
      <c r="M4123" s="234"/>
      <c r="N4123" s="65"/>
      <c r="O4123" s="76"/>
      <c r="P4123" s="76"/>
      <c r="Q4123" s="65"/>
      <c r="R4123" s="76"/>
      <c r="S4123" s="76"/>
      <c r="T4123" s="76"/>
      <c r="U4123" s="76"/>
      <c r="V4123" s="76"/>
      <c r="W4123" s="76"/>
      <c r="X4123" s="76"/>
      <c r="Y4123" s="76"/>
      <c r="Z4123" s="76"/>
      <c r="AA4123" s="85"/>
      <c r="AB4123" s="85"/>
      <c r="AC4123" s="85"/>
      <c r="AD4123" s="85"/>
      <c r="AE4123" s="85"/>
      <c r="AF4123" s="85"/>
      <c r="AG4123" s="86"/>
      <c r="AH4123" s="85"/>
      <c r="AI4123" s="85"/>
      <c r="AJ4123" s="85"/>
      <c r="AK4123" s="85"/>
      <c r="AL4123" s="85"/>
      <c r="AM4123" s="92"/>
      <c r="AN4123" s="92"/>
      <c r="AO4123" s="92"/>
      <c r="AP4123" s="92"/>
      <c r="AQ4123" s="92"/>
      <c r="AR4123" s="92"/>
      <c r="AS4123" s="92"/>
      <c r="AT4123" s="92"/>
      <c r="AU4123" s="92"/>
      <c r="AV4123" s="92"/>
      <c r="AW4123" s="92"/>
      <c r="AX4123" s="92"/>
      <c r="AY4123" s="92"/>
      <c r="AZ4123" s="93"/>
      <c r="BA4123" s="93"/>
      <c r="BB4123" s="93"/>
      <c r="BC4123" s="93"/>
      <c r="BD4123" s="93"/>
      <c r="BE4123" s="93"/>
      <c r="BF4123" s="93"/>
      <c r="BG4123" s="93"/>
      <c r="BH4123" s="93"/>
      <c r="BI4123" s="93"/>
      <c r="BJ4123" s="93"/>
      <c r="BK4123" s="93"/>
      <c r="BL4123" s="93"/>
    </row>
    <row r="4124" spans="2:64" x14ac:dyDescent="0.2">
      <c r="B4124" s="43"/>
      <c r="C4124" s="73"/>
      <c r="D4124" s="64"/>
      <c r="E4124" s="55"/>
      <c r="F4124" s="74"/>
      <c r="G4124" s="74"/>
      <c r="H4124" s="74"/>
      <c r="I4124" s="75"/>
      <c r="J4124" s="74"/>
      <c r="L4124" s="55"/>
      <c r="M4124" s="234"/>
      <c r="N4124" s="65"/>
      <c r="O4124" s="76"/>
      <c r="P4124" s="76"/>
      <c r="Q4124" s="65"/>
      <c r="R4124" s="76"/>
      <c r="S4124" s="76"/>
      <c r="T4124" s="76"/>
      <c r="U4124" s="76"/>
      <c r="V4124" s="76"/>
      <c r="W4124" s="76"/>
      <c r="X4124" s="76"/>
      <c r="Y4124" s="76"/>
      <c r="Z4124" s="76"/>
      <c r="AA4124" s="85"/>
      <c r="AB4124" s="85"/>
      <c r="AC4124" s="85"/>
      <c r="AD4124" s="85"/>
      <c r="AE4124" s="85"/>
      <c r="AF4124" s="85"/>
      <c r="AG4124" s="86"/>
      <c r="AH4124" s="85"/>
      <c r="AI4124" s="85"/>
      <c r="AJ4124" s="85"/>
      <c r="AK4124" s="85"/>
      <c r="AL4124" s="85"/>
      <c r="AM4124" s="92"/>
      <c r="AN4124" s="92"/>
      <c r="AO4124" s="92"/>
      <c r="AP4124" s="92"/>
      <c r="AQ4124" s="92"/>
      <c r="AR4124" s="92"/>
      <c r="AS4124" s="92"/>
      <c r="AT4124" s="92"/>
      <c r="AU4124" s="92"/>
      <c r="AV4124" s="92"/>
      <c r="AW4124" s="92"/>
      <c r="AX4124" s="92"/>
      <c r="AY4124" s="92"/>
      <c r="AZ4124" s="93"/>
      <c r="BA4124" s="93"/>
      <c r="BB4124" s="93"/>
      <c r="BC4124" s="93"/>
      <c r="BD4124" s="93"/>
      <c r="BE4124" s="93"/>
      <c r="BF4124" s="93"/>
      <c r="BG4124" s="93"/>
      <c r="BH4124" s="93"/>
      <c r="BI4124" s="93"/>
      <c r="BJ4124" s="93"/>
      <c r="BK4124" s="93"/>
      <c r="BL4124" s="93"/>
    </row>
    <row r="4125" spans="2:64" x14ac:dyDescent="0.2">
      <c r="B4125" s="43"/>
      <c r="C4125" s="73"/>
      <c r="D4125" s="64"/>
      <c r="E4125" s="55"/>
      <c r="F4125" s="74"/>
      <c r="G4125" s="74"/>
      <c r="H4125" s="74"/>
      <c r="I4125" s="75"/>
      <c r="J4125" s="74"/>
      <c r="L4125" s="55"/>
      <c r="M4125" s="234"/>
      <c r="N4125" s="65"/>
      <c r="O4125" s="76"/>
      <c r="P4125" s="76"/>
      <c r="Q4125" s="65"/>
      <c r="R4125" s="76"/>
      <c r="S4125" s="76"/>
      <c r="T4125" s="76"/>
      <c r="U4125" s="76"/>
      <c r="V4125" s="76"/>
      <c r="W4125" s="76"/>
      <c r="X4125" s="76"/>
      <c r="Y4125" s="76"/>
      <c r="Z4125" s="76"/>
      <c r="AA4125" s="85"/>
      <c r="AB4125" s="85"/>
      <c r="AC4125" s="85"/>
      <c r="AD4125" s="85"/>
      <c r="AE4125" s="85"/>
      <c r="AF4125" s="85"/>
      <c r="AG4125" s="86"/>
      <c r="AH4125" s="85"/>
      <c r="AI4125" s="85"/>
      <c r="AJ4125" s="85"/>
      <c r="AK4125" s="85"/>
      <c r="AL4125" s="85"/>
      <c r="AM4125" s="92"/>
      <c r="AN4125" s="92"/>
      <c r="AO4125" s="92"/>
      <c r="AP4125" s="92"/>
      <c r="AQ4125" s="92"/>
      <c r="AR4125" s="92"/>
      <c r="AS4125" s="92"/>
      <c r="AT4125" s="92"/>
      <c r="AU4125" s="92"/>
      <c r="AV4125" s="92"/>
      <c r="AW4125" s="92"/>
      <c r="AX4125" s="92"/>
      <c r="AY4125" s="92"/>
      <c r="AZ4125" s="93"/>
      <c r="BA4125" s="93"/>
      <c r="BB4125" s="93"/>
      <c r="BC4125" s="93"/>
      <c r="BD4125" s="93"/>
      <c r="BE4125" s="93"/>
      <c r="BF4125" s="93"/>
      <c r="BG4125" s="93"/>
      <c r="BH4125" s="93"/>
      <c r="BI4125" s="93"/>
      <c r="BJ4125" s="93"/>
      <c r="BK4125" s="93"/>
      <c r="BL4125" s="93"/>
    </row>
    <row r="4126" spans="2:64" x14ac:dyDescent="0.2">
      <c r="B4126" s="43"/>
      <c r="C4126" s="73"/>
      <c r="D4126" s="64"/>
      <c r="E4126" s="55"/>
      <c r="F4126" s="74"/>
      <c r="G4126" s="74"/>
      <c r="H4126" s="74"/>
      <c r="I4126" s="75"/>
      <c r="J4126" s="74"/>
      <c r="L4126" s="55"/>
      <c r="M4126" s="234"/>
      <c r="N4126" s="65"/>
      <c r="O4126" s="76"/>
      <c r="P4126" s="76"/>
      <c r="Q4126" s="65"/>
      <c r="R4126" s="76"/>
      <c r="S4126" s="76"/>
      <c r="T4126" s="76"/>
      <c r="U4126" s="76"/>
      <c r="V4126" s="76"/>
      <c r="W4126" s="76"/>
      <c r="X4126" s="76"/>
      <c r="Y4126" s="76"/>
      <c r="Z4126" s="76"/>
      <c r="AA4126" s="85"/>
      <c r="AB4126" s="85"/>
      <c r="AC4126" s="85"/>
      <c r="AD4126" s="85"/>
      <c r="AE4126" s="85"/>
      <c r="AF4126" s="85"/>
      <c r="AG4126" s="86"/>
      <c r="AH4126" s="85"/>
      <c r="AI4126" s="85"/>
      <c r="AJ4126" s="85"/>
      <c r="AK4126" s="85"/>
      <c r="AL4126" s="85"/>
      <c r="AM4126" s="92"/>
      <c r="AN4126" s="92"/>
      <c r="AO4126" s="92"/>
      <c r="AP4126" s="92"/>
      <c r="AQ4126" s="92"/>
      <c r="AR4126" s="92"/>
      <c r="AS4126" s="92"/>
      <c r="AT4126" s="92"/>
      <c r="AU4126" s="92"/>
      <c r="AV4126" s="92"/>
      <c r="AW4126" s="92"/>
      <c r="AX4126" s="92"/>
      <c r="AY4126" s="92"/>
      <c r="AZ4126" s="93"/>
      <c r="BA4126" s="93"/>
      <c r="BB4126" s="93"/>
      <c r="BC4126" s="93"/>
      <c r="BD4126" s="93"/>
      <c r="BE4126" s="93"/>
      <c r="BF4126" s="93"/>
      <c r="BG4126" s="93"/>
      <c r="BH4126" s="93"/>
      <c r="BI4126" s="93"/>
      <c r="BJ4126" s="93"/>
      <c r="BK4126" s="93"/>
      <c r="BL4126" s="93"/>
    </row>
    <row r="4127" spans="2:64" x14ac:dyDescent="0.2">
      <c r="B4127" s="43"/>
      <c r="C4127" s="73"/>
      <c r="D4127" s="64"/>
      <c r="E4127" s="55"/>
      <c r="F4127" s="74"/>
      <c r="G4127" s="74"/>
      <c r="H4127" s="74"/>
      <c r="I4127" s="75"/>
      <c r="J4127" s="74"/>
      <c r="L4127" s="55"/>
      <c r="M4127" s="234"/>
      <c r="N4127" s="65"/>
      <c r="O4127" s="76"/>
      <c r="P4127" s="76"/>
      <c r="Q4127" s="65"/>
      <c r="R4127" s="76"/>
      <c r="S4127" s="76"/>
      <c r="T4127" s="76"/>
      <c r="U4127" s="76"/>
      <c r="V4127" s="76"/>
      <c r="W4127" s="76"/>
      <c r="X4127" s="76"/>
      <c r="Y4127" s="76"/>
      <c r="Z4127" s="76"/>
      <c r="AA4127" s="85"/>
      <c r="AB4127" s="85"/>
      <c r="AC4127" s="85"/>
      <c r="AD4127" s="85"/>
      <c r="AE4127" s="85"/>
      <c r="AF4127" s="85"/>
      <c r="AG4127" s="86"/>
      <c r="AH4127" s="85"/>
      <c r="AI4127" s="85"/>
      <c r="AJ4127" s="85"/>
      <c r="AK4127" s="85"/>
      <c r="AL4127" s="85"/>
      <c r="AM4127" s="92"/>
      <c r="AN4127" s="92"/>
      <c r="AO4127" s="92"/>
      <c r="AP4127" s="92"/>
      <c r="AQ4127" s="92"/>
      <c r="AR4127" s="92"/>
      <c r="AS4127" s="92"/>
      <c r="AT4127" s="92"/>
      <c r="AU4127" s="92"/>
      <c r="AV4127" s="92"/>
      <c r="AW4127" s="92"/>
      <c r="AX4127" s="92"/>
      <c r="AY4127" s="92"/>
      <c r="AZ4127" s="93"/>
      <c r="BA4127" s="93"/>
      <c r="BB4127" s="93"/>
      <c r="BC4127" s="93"/>
      <c r="BD4127" s="93"/>
      <c r="BE4127" s="93"/>
      <c r="BF4127" s="93"/>
      <c r="BG4127" s="93"/>
      <c r="BH4127" s="93"/>
      <c r="BI4127" s="93"/>
      <c r="BJ4127" s="93"/>
      <c r="BK4127" s="93"/>
      <c r="BL4127" s="93"/>
    </row>
    <row r="4128" spans="2:64" x14ac:dyDescent="0.2">
      <c r="B4128" s="43"/>
      <c r="C4128" s="73"/>
      <c r="D4128" s="64"/>
      <c r="E4128" s="55"/>
      <c r="F4128" s="74"/>
      <c r="G4128" s="74"/>
      <c r="H4128" s="74"/>
      <c r="I4128" s="75"/>
      <c r="J4128" s="74"/>
      <c r="L4128" s="55"/>
      <c r="M4128" s="234"/>
      <c r="N4128" s="65"/>
      <c r="O4128" s="76"/>
      <c r="P4128" s="76"/>
      <c r="Q4128" s="65"/>
      <c r="R4128" s="76"/>
      <c r="S4128" s="76"/>
      <c r="T4128" s="76"/>
      <c r="U4128" s="76"/>
      <c r="V4128" s="76"/>
      <c r="W4128" s="76"/>
      <c r="X4128" s="76"/>
      <c r="Y4128" s="76"/>
      <c r="Z4128" s="76"/>
      <c r="AA4128" s="85"/>
      <c r="AB4128" s="85"/>
      <c r="AC4128" s="85"/>
      <c r="AD4128" s="85"/>
      <c r="AE4128" s="85"/>
      <c r="AF4128" s="85"/>
      <c r="AG4128" s="86"/>
      <c r="AH4128" s="85"/>
      <c r="AI4128" s="85"/>
      <c r="AJ4128" s="85"/>
      <c r="AK4128" s="85"/>
      <c r="AL4128" s="85"/>
      <c r="AM4128" s="92"/>
      <c r="AN4128" s="92"/>
      <c r="AO4128" s="92"/>
      <c r="AP4128" s="92"/>
      <c r="AQ4128" s="92"/>
      <c r="AR4128" s="92"/>
      <c r="AS4128" s="92"/>
      <c r="AT4128" s="92"/>
      <c r="AU4128" s="92"/>
      <c r="AV4128" s="92"/>
      <c r="AW4128" s="92"/>
      <c r="AX4128" s="92"/>
      <c r="AY4128" s="92"/>
      <c r="AZ4128" s="93"/>
      <c r="BA4128" s="93"/>
      <c r="BB4128" s="93"/>
      <c r="BC4128" s="93"/>
      <c r="BD4128" s="93"/>
      <c r="BE4128" s="93"/>
      <c r="BF4128" s="93"/>
      <c r="BG4128" s="93"/>
      <c r="BH4128" s="93"/>
      <c r="BI4128" s="93"/>
      <c r="BJ4128" s="93"/>
      <c r="BK4128" s="93"/>
      <c r="BL4128" s="93"/>
    </row>
    <row r="4129" spans="2:64" x14ac:dyDescent="0.2">
      <c r="B4129" s="43"/>
      <c r="C4129" s="73"/>
      <c r="D4129" s="64"/>
      <c r="E4129" s="55"/>
      <c r="F4129" s="74"/>
      <c r="G4129" s="74"/>
      <c r="H4129" s="74"/>
      <c r="I4129" s="75"/>
      <c r="J4129" s="74"/>
      <c r="L4129" s="55"/>
      <c r="M4129" s="234"/>
      <c r="N4129" s="65"/>
      <c r="O4129" s="76"/>
      <c r="P4129" s="76"/>
      <c r="Q4129" s="65"/>
      <c r="R4129" s="76"/>
      <c r="S4129" s="76"/>
      <c r="T4129" s="76"/>
      <c r="U4129" s="76"/>
      <c r="V4129" s="76"/>
      <c r="W4129" s="76"/>
      <c r="X4129" s="76"/>
      <c r="Y4129" s="76"/>
      <c r="Z4129" s="76"/>
      <c r="AA4129" s="85"/>
      <c r="AB4129" s="85"/>
      <c r="AC4129" s="85"/>
      <c r="AD4129" s="85"/>
      <c r="AE4129" s="85"/>
      <c r="AF4129" s="85"/>
      <c r="AG4129" s="86"/>
      <c r="AH4129" s="85"/>
      <c r="AI4129" s="85"/>
      <c r="AJ4129" s="85"/>
      <c r="AK4129" s="85"/>
      <c r="AL4129" s="85"/>
      <c r="AM4129" s="92"/>
      <c r="AN4129" s="92"/>
      <c r="AO4129" s="92"/>
      <c r="AP4129" s="92"/>
      <c r="AQ4129" s="92"/>
      <c r="AR4129" s="92"/>
      <c r="AS4129" s="92"/>
      <c r="AT4129" s="92"/>
      <c r="AU4129" s="92"/>
      <c r="AV4129" s="92"/>
      <c r="AW4129" s="92"/>
      <c r="AX4129" s="92"/>
      <c r="AY4129" s="92"/>
      <c r="AZ4129" s="93"/>
      <c r="BA4129" s="93"/>
      <c r="BB4129" s="93"/>
      <c r="BC4129" s="93"/>
      <c r="BD4129" s="93"/>
      <c r="BE4129" s="93"/>
      <c r="BF4129" s="93"/>
      <c r="BG4129" s="93"/>
      <c r="BH4129" s="93"/>
      <c r="BI4129" s="93"/>
      <c r="BJ4129" s="93"/>
      <c r="BK4129" s="93"/>
      <c r="BL4129" s="93"/>
    </row>
    <row r="4130" spans="2:64" x14ac:dyDescent="0.2">
      <c r="B4130" s="43"/>
      <c r="C4130" s="73"/>
      <c r="D4130" s="64"/>
      <c r="E4130" s="55"/>
      <c r="F4130" s="74"/>
      <c r="G4130" s="74"/>
      <c r="H4130" s="74"/>
      <c r="I4130" s="75"/>
      <c r="J4130" s="74"/>
      <c r="L4130" s="55"/>
      <c r="M4130" s="234"/>
      <c r="N4130" s="65"/>
      <c r="O4130" s="76"/>
      <c r="P4130" s="76"/>
      <c r="Q4130" s="65"/>
      <c r="R4130" s="76"/>
      <c r="S4130" s="76"/>
      <c r="T4130" s="76"/>
      <c r="U4130" s="76"/>
      <c r="V4130" s="76"/>
      <c r="W4130" s="76"/>
      <c r="X4130" s="76"/>
      <c r="Y4130" s="76"/>
      <c r="Z4130" s="76"/>
      <c r="AA4130" s="85"/>
      <c r="AB4130" s="85"/>
      <c r="AC4130" s="85"/>
      <c r="AD4130" s="85"/>
      <c r="AE4130" s="85"/>
      <c r="AF4130" s="85"/>
      <c r="AG4130" s="86"/>
      <c r="AH4130" s="85"/>
      <c r="AI4130" s="85"/>
      <c r="AJ4130" s="85"/>
      <c r="AK4130" s="85"/>
      <c r="AL4130" s="85"/>
      <c r="AM4130" s="92"/>
      <c r="AN4130" s="92"/>
      <c r="AO4130" s="92"/>
      <c r="AP4130" s="92"/>
      <c r="AQ4130" s="92"/>
      <c r="AR4130" s="92"/>
      <c r="AS4130" s="92"/>
      <c r="AT4130" s="92"/>
      <c r="AU4130" s="92"/>
      <c r="AV4130" s="92"/>
      <c r="AW4130" s="92"/>
      <c r="AX4130" s="92"/>
      <c r="AY4130" s="92"/>
      <c r="AZ4130" s="93"/>
      <c r="BA4130" s="93"/>
      <c r="BB4130" s="93"/>
      <c r="BC4130" s="93"/>
      <c r="BD4130" s="93"/>
      <c r="BE4130" s="93"/>
      <c r="BF4130" s="93"/>
      <c r="BG4130" s="93"/>
      <c r="BH4130" s="93"/>
      <c r="BI4130" s="93"/>
      <c r="BJ4130" s="93"/>
      <c r="BK4130" s="93"/>
      <c r="BL4130" s="93"/>
    </row>
    <row r="4131" spans="2:64" x14ac:dyDescent="0.2">
      <c r="B4131" s="43"/>
      <c r="C4131" s="73"/>
      <c r="D4131" s="64"/>
      <c r="E4131" s="55"/>
      <c r="F4131" s="74"/>
      <c r="G4131" s="74"/>
      <c r="H4131" s="74"/>
      <c r="I4131" s="75"/>
      <c r="J4131" s="74"/>
      <c r="L4131" s="55"/>
      <c r="M4131" s="234"/>
      <c r="N4131" s="65"/>
      <c r="O4131" s="76"/>
      <c r="P4131" s="76"/>
      <c r="Q4131" s="65"/>
      <c r="R4131" s="76"/>
      <c r="S4131" s="76"/>
      <c r="T4131" s="76"/>
      <c r="U4131" s="76"/>
      <c r="V4131" s="76"/>
      <c r="W4131" s="76"/>
      <c r="X4131" s="76"/>
      <c r="Y4131" s="76"/>
      <c r="Z4131" s="76"/>
      <c r="AA4131" s="85"/>
      <c r="AB4131" s="85"/>
      <c r="AC4131" s="85"/>
      <c r="AD4131" s="85"/>
      <c r="AE4131" s="85"/>
      <c r="AF4131" s="85"/>
      <c r="AG4131" s="86"/>
      <c r="AH4131" s="85"/>
      <c r="AI4131" s="85"/>
      <c r="AJ4131" s="85"/>
      <c r="AK4131" s="85"/>
      <c r="AL4131" s="85"/>
      <c r="AM4131" s="92"/>
      <c r="AN4131" s="92"/>
      <c r="AO4131" s="92"/>
      <c r="AP4131" s="92"/>
      <c r="AQ4131" s="92"/>
      <c r="AR4131" s="92"/>
      <c r="AS4131" s="92"/>
      <c r="AT4131" s="92"/>
      <c r="AU4131" s="92"/>
      <c r="AV4131" s="92"/>
      <c r="AW4131" s="92"/>
      <c r="AX4131" s="92"/>
      <c r="AY4131" s="92"/>
      <c r="AZ4131" s="93"/>
      <c r="BA4131" s="93"/>
      <c r="BB4131" s="93"/>
      <c r="BC4131" s="93"/>
      <c r="BD4131" s="93"/>
      <c r="BE4131" s="93"/>
      <c r="BF4131" s="93"/>
      <c r="BG4131" s="93"/>
      <c r="BH4131" s="93"/>
      <c r="BI4131" s="93"/>
      <c r="BJ4131" s="93"/>
      <c r="BK4131" s="93"/>
      <c r="BL4131" s="93"/>
    </row>
    <row r="4132" spans="2:64" x14ac:dyDescent="0.2">
      <c r="B4132" s="43"/>
      <c r="C4132" s="73"/>
      <c r="D4132" s="64"/>
      <c r="E4132" s="55"/>
      <c r="F4132" s="74"/>
      <c r="G4132" s="74"/>
      <c r="H4132" s="74"/>
      <c r="I4132" s="75"/>
      <c r="J4132" s="74"/>
      <c r="L4132" s="55"/>
      <c r="M4132" s="234"/>
      <c r="N4132" s="65"/>
      <c r="O4132" s="76"/>
      <c r="P4132" s="76"/>
      <c r="Q4132" s="65"/>
      <c r="R4132" s="76"/>
      <c r="S4132" s="76"/>
      <c r="T4132" s="76"/>
      <c r="U4132" s="76"/>
      <c r="V4132" s="76"/>
      <c r="W4132" s="76"/>
      <c r="X4132" s="76"/>
      <c r="Y4132" s="76"/>
      <c r="Z4132" s="76"/>
      <c r="AA4132" s="85"/>
      <c r="AB4132" s="85"/>
      <c r="AC4132" s="85"/>
      <c r="AD4132" s="85"/>
      <c r="AE4132" s="85"/>
      <c r="AF4132" s="85"/>
      <c r="AG4132" s="86"/>
      <c r="AH4132" s="85"/>
      <c r="AI4132" s="85"/>
      <c r="AJ4132" s="85"/>
      <c r="AK4132" s="85"/>
      <c r="AL4132" s="85"/>
      <c r="AM4132" s="92"/>
      <c r="AN4132" s="92"/>
      <c r="AO4132" s="92"/>
      <c r="AP4132" s="92"/>
      <c r="AQ4132" s="92"/>
      <c r="AR4132" s="92"/>
      <c r="AS4132" s="92"/>
      <c r="AT4132" s="92"/>
      <c r="AU4132" s="92"/>
      <c r="AV4132" s="92"/>
      <c r="AW4132" s="92"/>
      <c r="AX4132" s="92"/>
      <c r="AY4132" s="92"/>
      <c r="AZ4132" s="93"/>
      <c r="BA4132" s="93"/>
      <c r="BB4132" s="93"/>
      <c r="BC4132" s="93"/>
      <c r="BD4132" s="93"/>
      <c r="BE4132" s="93"/>
      <c r="BF4132" s="93"/>
      <c r="BG4132" s="93"/>
      <c r="BH4132" s="93"/>
      <c r="BI4132" s="93"/>
      <c r="BJ4132" s="93"/>
      <c r="BK4132" s="93"/>
      <c r="BL4132" s="93"/>
    </row>
    <row r="4133" spans="2:64" x14ac:dyDescent="0.2">
      <c r="B4133" s="43"/>
      <c r="C4133" s="73"/>
      <c r="D4133" s="64"/>
      <c r="E4133" s="55"/>
      <c r="F4133" s="74"/>
      <c r="G4133" s="74"/>
      <c r="H4133" s="74"/>
      <c r="I4133" s="75"/>
      <c r="J4133" s="74"/>
      <c r="L4133" s="55"/>
      <c r="M4133" s="234"/>
      <c r="N4133" s="65"/>
      <c r="O4133" s="76"/>
      <c r="P4133" s="76"/>
      <c r="Q4133" s="65"/>
      <c r="R4133" s="76"/>
      <c r="S4133" s="76"/>
      <c r="T4133" s="76"/>
      <c r="U4133" s="76"/>
      <c r="V4133" s="76"/>
      <c r="W4133" s="76"/>
      <c r="X4133" s="76"/>
      <c r="Y4133" s="76"/>
      <c r="Z4133" s="76"/>
      <c r="AA4133" s="85"/>
      <c r="AB4133" s="85"/>
      <c r="AC4133" s="85"/>
      <c r="AD4133" s="85"/>
      <c r="AE4133" s="85"/>
      <c r="AF4133" s="85"/>
      <c r="AG4133" s="86"/>
      <c r="AH4133" s="85"/>
      <c r="AI4133" s="85"/>
      <c r="AJ4133" s="85"/>
      <c r="AK4133" s="85"/>
      <c r="AL4133" s="85"/>
      <c r="AM4133" s="92"/>
      <c r="AN4133" s="92"/>
      <c r="AO4133" s="92"/>
      <c r="AP4133" s="92"/>
      <c r="AQ4133" s="92"/>
      <c r="AR4133" s="92"/>
      <c r="AS4133" s="92"/>
      <c r="AT4133" s="92"/>
      <c r="AU4133" s="92"/>
      <c r="AV4133" s="92"/>
      <c r="AW4133" s="92"/>
      <c r="AX4133" s="92"/>
      <c r="AY4133" s="92"/>
      <c r="AZ4133" s="93"/>
      <c r="BA4133" s="93"/>
      <c r="BB4133" s="93"/>
      <c r="BC4133" s="93"/>
      <c r="BD4133" s="93"/>
      <c r="BE4133" s="93"/>
      <c r="BF4133" s="93"/>
      <c r="BG4133" s="93"/>
      <c r="BH4133" s="93"/>
      <c r="BI4133" s="93"/>
      <c r="BJ4133" s="93"/>
      <c r="BK4133" s="93"/>
      <c r="BL4133" s="93"/>
    </row>
    <row r="4134" spans="2:64" x14ac:dyDescent="0.2">
      <c r="B4134" s="43"/>
      <c r="C4134" s="73"/>
      <c r="D4134" s="64"/>
      <c r="E4134" s="55"/>
      <c r="F4134" s="74"/>
      <c r="G4134" s="74"/>
      <c r="H4134" s="74"/>
      <c r="I4134" s="75"/>
      <c r="J4134" s="74"/>
      <c r="L4134" s="55"/>
      <c r="M4134" s="234"/>
      <c r="N4134" s="65"/>
      <c r="O4134" s="76"/>
      <c r="P4134" s="76"/>
      <c r="Q4134" s="65"/>
      <c r="R4134" s="76"/>
      <c r="S4134" s="76"/>
      <c r="T4134" s="76"/>
      <c r="U4134" s="76"/>
      <c r="V4134" s="76"/>
      <c r="W4134" s="76"/>
      <c r="X4134" s="76"/>
      <c r="Y4134" s="76"/>
      <c r="Z4134" s="76"/>
      <c r="AA4134" s="85"/>
      <c r="AB4134" s="85"/>
      <c r="AC4134" s="85"/>
      <c r="AD4134" s="85"/>
      <c r="AE4134" s="85"/>
      <c r="AF4134" s="85"/>
      <c r="AG4134" s="86"/>
      <c r="AH4134" s="85"/>
      <c r="AI4134" s="85"/>
      <c r="AJ4134" s="85"/>
      <c r="AK4134" s="85"/>
      <c r="AL4134" s="85"/>
      <c r="AM4134" s="92"/>
      <c r="AN4134" s="92"/>
      <c r="AO4134" s="92"/>
      <c r="AP4134" s="92"/>
      <c r="AQ4134" s="92"/>
      <c r="AR4134" s="92"/>
      <c r="AS4134" s="92"/>
      <c r="AT4134" s="92"/>
      <c r="AU4134" s="92"/>
      <c r="AV4134" s="92"/>
      <c r="AW4134" s="92"/>
      <c r="AX4134" s="92"/>
      <c r="AY4134" s="92"/>
      <c r="AZ4134" s="93"/>
      <c r="BA4134" s="93"/>
      <c r="BB4134" s="93"/>
      <c r="BC4134" s="93"/>
      <c r="BD4134" s="93"/>
      <c r="BE4134" s="93"/>
      <c r="BF4134" s="93"/>
      <c r="BG4134" s="93"/>
      <c r="BH4134" s="93"/>
      <c r="BI4134" s="93"/>
      <c r="BJ4134" s="93"/>
      <c r="BK4134" s="93"/>
      <c r="BL4134" s="93"/>
    </row>
    <row r="4135" spans="2:64" x14ac:dyDescent="0.2">
      <c r="B4135" s="43"/>
      <c r="C4135" s="73"/>
      <c r="D4135" s="64"/>
      <c r="E4135" s="55"/>
      <c r="F4135" s="74"/>
      <c r="G4135" s="74"/>
      <c r="H4135" s="74"/>
      <c r="I4135" s="75"/>
      <c r="J4135" s="74"/>
      <c r="L4135" s="55"/>
      <c r="M4135" s="234"/>
      <c r="N4135" s="65"/>
      <c r="O4135" s="76"/>
      <c r="P4135" s="76"/>
      <c r="Q4135" s="65"/>
      <c r="R4135" s="76"/>
      <c r="S4135" s="76"/>
      <c r="T4135" s="76"/>
      <c r="U4135" s="76"/>
      <c r="V4135" s="76"/>
      <c r="W4135" s="76"/>
      <c r="X4135" s="76"/>
      <c r="Y4135" s="76"/>
      <c r="Z4135" s="76"/>
      <c r="AA4135" s="85"/>
      <c r="AB4135" s="85"/>
      <c r="AC4135" s="85"/>
      <c r="AD4135" s="85"/>
      <c r="AE4135" s="85"/>
      <c r="AF4135" s="85"/>
      <c r="AG4135" s="86"/>
      <c r="AH4135" s="85"/>
      <c r="AI4135" s="85"/>
      <c r="AJ4135" s="85"/>
      <c r="AK4135" s="85"/>
      <c r="AL4135" s="85"/>
      <c r="AM4135" s="92"/>
      <c r="AN4135" s="92"/>
      <c r="AO4135" s="92"/>
      <c r="AP4135" s="92"/>
      <c r="AQ4135" s="92"/>
      <c r="AR4135" s="92"/>
      <c r="AS4135" s="92"/>
      <c r="AT4135" s="92"/>
      <c r="AU4135" s="92"/>
      <c r="AV4135" s="92"/>
      <c r="AW4135" s="92"/>
      <c r="AX4135" s="92"/>
      <c r="AY4135" s="92"/>
      <c r="AZ4135" s="93"/>
      <c r="BA4135" s="93"/>
      <c r="BB4135" s="93"/>
      <c r="BC4135" s="93"/>
      <c r="BD4135" s="93"/>
      <c r="BE4135" s="93"/>
      <c r="BF4135" s="93"/>
      <c r="BG4135" s="93"/>
      <c r="BH4135" s="93"/>
      <c r="BI4135" s="93"/>
      <c r="BJ4135" s="93"/>
      <c r="BK4135" s="93"/>
      <c r="BL4135" s="93"/>
    </row>
    <row r="4136" spans="2:64" x14ac:dyDescent="0.2">
      <c r="B4136" s="43"/>
      <c r="C4136" s="73"/>
      <c r="D4136" s="64"/>
      <c r="E4136" s="55"/>
      <c r="F4136" s="74"/>
      <c r="G4136" s="74"/>
      <c r="H4136" s="74"/>
      <c r="I4136" s="75"/>
      <c r="J4136" s="74"/>
      <c r="L4136" s="55"/>
      <c r="M4136" s="234"/>
      <c r="N4136" s="65"/>
      <c r="O4136" s="76"/>
      <c r="P4136" s="76"/>
      <c r="Q4136" s="65"/>
      <c r="R4136" s="76"/>
      <c r="S4136" s="76"/>
      <c r="T4136" s="76"/>
      <c r="U4136" s="76"/>
      <c r="V4136" s="76"/>
      <c r="W4136" s="76"/>
      <c r="X4136" s="76"/>
      <c r="Y4136" s="76"/>
      <c r="Z4136" s="76"/>
      <c r="AA4136" s="85"/>
      <c r="AB4136" s="85"/>
      <c r="AC4136" s="85"/>
      <c r="AD4136" s="85"/>
      <c r="AE4136" s="85"/>
      <c r="AF4136" s="85"/>
      <c r="AG4136" s="86"/>
      <c r="AH4136" s="85"/>
      <c r="AI4136" s="85"/>
      <c r="AJ4136" s="85"/>
      <c r="AK4136" s="85"/>
      <c r="AL4136" s="85"/>
      <c r="AM4136" s="92"/>
      <c r="AN4136" s="92"/>
      <c r="AO4136" s="92"/>
      <c r="AP4136" s="92"/>
      <c r="AQ4136" s="92"/>
      <c r="AR4136" s="92"/>
      <c r="AS4136" s="92"/>
      <c r="AT4136" s="92"/>
      <c r="AU4136" s="92"/>
      <c r="AV4136" s="92"/>
      <c r="AW4136" s="92"/>
      <c r="AX4136" s="92"/>
      <c r="AY4136" s="92"/>
      <c r="AZ4136" s="93"/>
      <c r="BA4136" s="93"/>
      <c r="BB4136" s="93"/>
      <c r="BC4136" s="93"/>
      <c r="BD4136" s="93"/>
      <c r="BE4136" s="93"/>
      <c r="BF4136" s="93"/>
      <c r="BG4136" s="93"/>
      <c r="BH4136" s="93"/>
      <c r="BI4136" s="93"/>
      <c r="BJ4136" s="93"/>
      <c r="BK4136" s="93"/>
      <c r="BL4136" s="93"/>
    </row>
    <row r="4137" spans="2:64" x14ac:dyDescent="0.2">
      <c r="B4137" s="43"/>
      <c r="C4137" s="73"/>
      <c r="D4137" s="64"/>
      <c r="E4137" s="55"/>
      <c r="F4137" s="74"/>
      <c r="G4137" s="74"/>
      <c r="H4137" s="74"/>
      <c r="I4137" s="75"/>
      <c r="J4137" s="74"/>
      <c r="L4137" s="55"/>
      <c r="M4137" s="234"/>
      <c r="N4137" s="65"/>
      <c r="O4137" s="76"/>
      <c r="P4137" s="76"/>
      <c r="Q4137" s="65"/>
      <c r="R4137" s="76"/>
      <c r="S4137" s="76"/>
      <c r="T4137" s="76"/>
      <c r="U4137" s="76"/>
      <c r="V4137" s="76"/>
      <c r="W4137" s="76"/>
      <c r="X4137" s="76"/>
      <c r="Y4137" s="76"/>
      <c r="Z4137" s="76"/>
      <c r="AA4137" s="85"/>
      <c r="AB4137" s="85"/>
      <c r="AC4137" s="85"/>
      <c r="AD4137" s="85"/>
      <c r="AE4137" s="85"/>
      <c r="AF4137" s="85"/>
      <c r="AG4137" s="86"/>
      <c r="AH4137" s="85"/>
      <c r="AI4137" s="85"/>
      <c r="AJ4137" s="85"/>
      <c r="AK4137" s="85"/>
      <c r="AL4137" s="85"/>
      <c r="AM4137" s="92"/>
      <c r="AN4137" s="92"/>
      <c r="AO4137" s="92"/>
      <c r="AP4137" s="92"/>
      <c r="AQ4137" s="92"/>
      <c r="AR4137" s="92"/>
      <c r="AS4137" s="92"/>
      <c r="AT4137" s="92"/>
      <c r="AU4137" s="92"/>
      <c r="AV4137" s="92"/>
      <c r="AW4137" s="92"/>
      <c r="AX4137" s="92"/>
      <c r="AY4137" s="92"/>
      <c r="AZ4137" s="93"/>
      <c r="BA4137" s="93"/>
      <c r="BB4137" s="93"/>
      <c r="BC4137" s="93"/>
      <c r="BD4137" s="93"/>
      <c r="BE4137" s="93"/>
      <c r="BF4137" s="93"/>
      <c r="BG4137" s="93"/>
      <c r="BH4137" s="93"/>
      <c r="BI4137" s="93"/>
      <c r="BJ4137" s="93"/>
      <c r="BK4137" s="93"/>
      <c r="BL4137" s="93"/>
    </row>
    <row r="4138" spans="2:64" x14ac:dyDescent="0.2">
      <c r="B4138" s="43"/>
      <c r="C4138" s="73"/>
      <c r="D4138" s="64"/>
      <c r="E4138" s="55"/>
      <c r="F4138" s="74"/>
      <c r="G4138" s="74"/>
      <c r="H4138" s="74"/>
      <c r="I4138" s="75"/>
      <c r="J4138" s="74"/>
      <c r="L4138" s="55"/>
      <c r="M4138" s="234"/>
      <c r="N4138" s="65"/>
      <c r="O4138" s="76"/>
      <c r="P4138" s="76"/>
      <c r="Q4138" s="65"/>
      <c r="R4138" s="76"/>
      <c r="S4138" s="76"/>
      <c r="T4138" s="76"/>
      <c r="U4138" s="76"/>
      <c r="V4138" s="76"/>
      <c r="W4138" s="76"/>
      <c r="X4138" s="76"/>
      <c r="Y4138" s="76"/>
      <c r="Z4138" s="76"/>
      <c r="AA4138" s="85"/>
      <c r="AB4138" s="85"/>
      <c r="AC4138" s="85"/>
      <c r="AD4138" s="85"/>
      <c r="AE4138" s="85"/>
      <c r="AF4138" s="85"/>
      <c r="AG4138" s="86"/>
      <c r="AH4138" s="85"/>
      <c r="AI4138" s="85"/>
      <c r="AJ4138" s="85"/>
      <c r="AK4138" s="85"/>
      <c r="AL4138" s="85"/>
      <c r="AM4138" s="92"/>
      <c r="AN4138" s="92"/>
      <c r="AO4138" s="92"/>
      <c r="AP4138" s="92"/>
      <c r="AQ4138" s="92"/>
      <c r="AR4138" s="92"/>
      <c r="AS4138" s="92"/>
      <c r="AT4138" s="92"/>
      <c r="AU4138" s="92"/>
      <c r="AV4138" s="92"/>
      <c r="AW4138" s="92"/>
      <c r="AX4138" s="92"/>
      <c r="AY4138" s="92"/>
      <c r="AZ4138" s="93"/>
      <c r="BA4138" s="93"/>
      <c r="BB4138" s="93"/>
      <c r="BC4138" s="93"/>
      <c r="BD4138" s="93"/>
      <c r="BE4138" s="93"/>
      <c r="BF4138" s="93"/>
      <c r="BG4138" s="93"/>
      <c r="BH4138" s="93"/>
      <c r="BI4138" s="93"/>
      <c r="BJ4138" s="93"/>
      <c r="BK4138" s="93"/>
      <c r="BL4138" s="93"/>
    </row>
    <row r="4139" spans="2:64" x14ac:dyDescent="0.2">
      <c r="B4139" s="43"/>
      <c r="C4139" s="73"/>
      <c r="D4139" s="64"/>
      <c r="E4139" s="55"/>
      <c r="F4139" s="74"/>
      <c r="G4139" s="74"/>
      <c r="H4139" s="74"/>
      <c r="I4139" s="75"/>
      <c r="J4139" s="74"/>
      <c r="L4139" s="55"/>
      <c r="M4139" s="234"/>
      <c r="N4139" s="65"/>
      <c r="O4139" s="76"/>
      <c r="P4139" s="76"/>
      <c r="Q4139" s="65"/>
      <c r="R4139" s="76"/>
      <c r="S4139" s="76"/>
      <c r="T4139" s="76"/>
      <c r="U4139" s="76"/>
      <c r="V4139" s="76"/>
      <c r="W4139" s="76"/>
      <c r="X4139" s="76"/>
      <c r="Y4139" s="76"/>
      <c r="Z4139" s="76"/>
      <c r="AA4139" s="85"/>
      <c r="AB4139" s="85"/>
      <c r="AC4139" s="85"/>
      <c r="AD4139" s="85"/>
      <c r="AE4139" s="85"/>
      <c r="AF4139" s="85"/>
      <c r="AG4139" s="86"/>
      <c r="AH4139" s="85"/>
      <c r="AI4139" s="85"/>
      <c r="AJ4139" s="85"/>
      <c r="AK4139" s="85"/>
      <c r="AL4139" s="85"/>
      <c r="AM4139" s="92"/>
      <c r="AN4139" s="92"/>
      <c r="AO4139" s="92"/>
      <c r="AP4139" s="92"/>
      <c r="AQ4139" s="92"/>
      <c r="AR4139" s="92"/>
      <c r="AS4139" s="92"/>
      <c r="AT4139" s="92"/>
      <c r="AU4139" s="92"/>
      <c r="AV4139" s="92"/>
      <c r="AW4139" s="92"/>
      <c r="AX4139" s="92"/>
      <c r="AY4139" s="92"/>
      <c r="AZ4139" s="93"/>
      <c r="BA4139" s="93"/>
      <c r="BB4139" s="93"/>
      <c r="BC4139" s="93"/>
      <c r="BD4139" s="93"/>
      <c r="BE4139" s="93"/>
      <c r="BF4139" s="93"/>
      <c r="BG4139" s="93"/>
      <c r="BH4139" s="93"/>
      <c r="BI4139" s="93"/>
      <c r="BJ4139" s="93"/>
      <c r="BK4139" s="93"/>
      <c r="BL4139" s="93"/>
    </row>
    <row r="4140" spans="2:64" x14ac:dyDescent="0.2">
      <c r="B4140" s="43"/>
      <c r="C4140" s="73"/>
      <c r="D4140" s="64"/>
      <c r="E4140" s="55"/>
      <c r="F4140" s="74"/>
      <c r="G4140" s="74"/>
      <c r="H4140" s="74"/>
      <c r="I4140" s="75"/>
      <c r="J4140" s="74"/>
      <c r="L4140" s="55"/>
      <c r="M4140" s="234"/>
      <c r="N4140" s="65"/>
      <c r="O4140" s="76"/>
      <c r="P4140" s="76"/>
      <c r="Q4140" s="65"/>
      <c r="R4140" s="76"/>
      <c r="S4140" s="76"/>
      <c r="T4140" s="76"/>
      <c r="U4140" s="76"/>
      <c r="V4140" s="76"/>
      <c r="W4140" s="76"/>
      <c r="X4140" s="76"/>
      <c r="Y4140" s="76"/>
      <c r="Z4140" s="76"/>
      <c r="AA4140" s="85"/>
      <c r="AB4140" s="85"/>
      <c r="AC4140" s="85"/>
      <c r="AD4140" s="85"/>
      <c r="AE4140" s="85"/>
      <c r="AF4140" s="85"/>
      <c r="AG4140" s="86"/>
      <c r="AH4140" s="85"/>
      <c r="AI4140" s="85"/>
      <c r="AJ4140" s="85"/>
      <c r="AK4140" s="85"/>
      <c r="AL4140" s="85"/>
      <c r="AM4140" s="92"/>
      <c r="AN4140" s="92"/>
      <c r="AO4140" s="92"/>
      <c r="AP4140" s="92"/>
      <c r="AQ4140" s="92"/>
      <c r="AR4140" s="92"/>
      <c r="AS4140" s="92"/>
      <c r="AT4140" s="92"/>
      <c r="AU4140" s="92"/>
      <c r="AV4140" s="92"/>
      <c r="AW4140" s="92"/>
      <c r="AX4140" s="92"/>
      <c r="AY4140" s="92"/>
      <c r="AZ4140" s="93"/>
      <c r="BA4140" s="93"/>
      <c r="BB4140" s="93"/>
      <c r="BC4140" s="93"/>
      <c r="BD4140" s="93"/>
      <c r="BE4140" s="93"/>
      <c r="BF4140" s="93"/>
      <c r="BG4140" s="93"/>
      <c r="BH4140" s="93"/>
      <c r="BI4140" s="93"/>
      <c r="BJ4140" s="93"/>
      <c r="BK4140" s="93"/>
      <c r="BL4140" s="93"/>
    </row>
    <row r="4141" spans="2:64" x14ac:dyDescent="0.2">
      <c r="B4141" s="43"/>
      <c r="C4141" s="73"/>
      <c r="D4141" s="64"/>
      <c r="E4141" s="55"/>
      <c r="F4141" s="74"/>
      <c r="G4141" s="74"/>
      <c r="H4141" s="74"/>
      <c r="I4141" s="75"/>
      <c r="J4141" s="74"/>
      <c r="L4141" s="55"/>
      <c r="M4141" s="234"/>
      <c r="N4141" s="65"/>
      <c r="O4141" s="76"/>
      <c r="P4141" s="76"/>
      <c r="Q4141" s="65"/>
      <c r="R4141" s="76"/>
      <c r="S4141" s="76"/>
      <c r="T4141" s="76"/>
      <c r="U4141" s="76"/>
      <c r="V4141" s="76"/>
      <c r="W4141" s="76"/>
      <c r="X4141" s="76"/>
      <c r="Y4141" s="76"/>
      <c r="Z4141" s="76"/>
      <c r="AA4141" s="85"/>
      <c r="AB4141" s="85"/>
      <c r="AC4141" s="85"/>
      <c r="AD4141" s="85"/>
      <c r="AE4141" s="85"/>
      <c r="AF4141" s="85"/>
      <c r="AG4141" s="86"/>
      <c r="AH4141" s="85"/>
      <c r="AI4141" s="85"/>
      <c r="AJ4141" s="85"/>
      <c r="AK4141" s="85"/>
      <c r="AL4141" s="85"/>
      <c r="AM4141" s="92"/>
      <c r="AN4141" s="92"/>
      <c r="AO4141" s="92"/>
      <c r="AP4141" s="92"/>
      <c r="AQ4141" s="92"/>
      <c r="AR4141" s="92"/>
      <c r="AS4141" s="92"/>
      <c r="AT4141" s="92"/>
      <c r="AU4141" s="92"/>
      <c r="AV4141" s="92"/>
      <c r="AW4141" s="92"/>
      <c r="AX4141" s="92"/>
      <c r="AY4141" s="92"/>
      <c r="AZ4141" s="93"/>
      <c r="BA4141" s="93"/>
      <c r="BB4141" s="93"/>
      <c r="BC4141" s="93"/>
      <c r="BD4141" s="93"/>
      <c r="BE4141" s="93"/>
      <c r="BF4141" s="93"/>
      <c r="BG4141" s="93"/>
      <c r="BH4141" s="93"/>
      <c r="BI4141" s="93"/>
      <c r="BJ4141" s="93"/>
      <c r="BK4141" s="93"/>
      <c r="BL4141" s="93"/>
    </row>
    <row r="4142" spans="2:64" x14ac:dyDescent="0.2">
      <c r="B4142" s="43"/>
      <c r="C4142" s="73"/>
      <c r="D4142" s="64"/>
      <c r="E4142" s="55"/>
      <c r="F4142" s="74"/>
      <c r="G4142" s="74"/>
      <c r="H4142" s="74"/>
      <c r="I4142" s="75"/>
      <c r="J4142" s="74"/>
      <c r="L4142" s="55"/>
      <c r="M4142" s="234"/>
      <c r="N4142" s="65"/>
      <c r="O4142" s="76"/>
      <c r="P4142" s="76"/>
      <c r="Q4142" s="65"/>
      <c r="R4142" s="76"/>
      <c r="S4142" s="76"/>
      <c r="T4142" s="76"/>
      <c r="U4142" s="76"/>
      <c r="V4142" s="76"/>
      <c r="W4142" s="76"/>
      <c r="X4142" s="76"/>
      <c r="Y4142" s="76"/>
      <c r="Z4142" s="76"/>
      <c r="AA4142" s="85"/>
      <c r="AB4142" s="85"/>
      <c r="AC4142" s="85"/>
      <c r="AD4142" s="85"/>
      <c r="AE4142" s="85"/>
      <c r="AF4142" s="85"/>
      <c r="AG4142" s="86"/>
      <c r="AH4142" s="85"/>
      <c r="AI4142" s="85"/>
      <c r="AJ4142" s="85"/>
      <c r="AK4142" s="85"/>
      <c r="AL4142" s="85"/>
      <c r="AM4142" s="92"/>
      <c r="AN4142" s="92"/>
      <c r="AO4142" s="92"/>
      <c r="AP4142" s="92"/>
      <c r="AQ4142" s="92"/>
      <c r="AR4142" s="92"/>
      <c r="AS4142" s="92"/>
      <c r="AT4142" s="92"/>
      <c r="AU4142" s="92"/>
      <c r="AV4142" s="92"/>
      <c r="AW4142" s="92"/>
      <c r="AX4142" s="92"/>
      <c r="AY4142" s="92"/>
      <c r="AZ4142" s="93"/>
      <c r="BA4142" s="93"/>
      <c r="BB4142" s="93"/>
      <c r="BC4142" s="93"/>
      <c r="BD4142" s="93"/>
      <c r="BE4142" s="93"/>
      <c r="BF4142" s="93"/>
      <c r="BG4142" s="93"/>
      <c r="BH4142" s="93"/>
      <c r="BI4142" s="93"/>
      <c r="BJ4142" s="93"/>
      <c r="BK4142" s="93"/>
      <c r="BL4142" s="93"/>
    </row>
    <row r="4143" spans="2:64" x14ac:dyDescent="0.2">
      <c r="B4143" s="43"/>
      <c r="C4143" s="73"/>
      <c r="D4143" s="64"/>
      <c r="E4143" s="55"/>
      <c r="F4143" s="74"/>
      <c r="G4143" s="74"/>
      <c r="H4143" s="74"/>
      <c r="I4143" s="75"/>
      <c r="J4143" s="74"/>
      <c r="L4143" s="55"/>
      <c r="M4143" s="234"/>
      <c r="N4143" s="65"/>
      <c r="O4143" s="76"/>
      <c r="P4143" s="76"/>
      <c r="Q4143" s="65"/>
      <c r="R4143" s="76"/>
      <c r="S4143" s="76"/>
      <c r="T4143" s="76"/>
      <c r="U4143" s="76"/>
      <c r="V4143" s="76"/>
      <c r="W4143" s="76"/>
      <c r="X4143" s="76"/>
      <c r="Y4143" s="76"/>
      <c r="Z4143" s="76"/>
      <c r="AA4143" s="85"/>
      <c r="AB4143" s="85"/>
      <c r="AC4143" s="85"/>
      <c r="AD4143" s="85"/>
      <c r="AE4143" s="85"/>
      <c r="AF4143" s="85"/>
      <c r="AG4143" s="86"/>
      <c r="AH4143" s="85"/>
      <c r="AI4143" s="85"/>
      <c r="AJ4143" s="85"/>
      <c r="AK4143" s="85"/>
      <c r="AL4143" s="85"/>
      <c r="AM4143" s="92"/>
      <c r="AN4143" s="92"/>
      <c r="AO4143" s="92"/>
      <c r="AP4143" s="92"/>
      <c r="AQ4143" s="92"/>
      <c r="AR4143" s="92"/>
      <c r="AS4143" s="92"/>
      <c r="AT4143" s="92"/>
      <c r="AU4143" s="92"/>
      <c r="AV4143" s="92"/>
      <c r="AW4143" s="92"/>
      <c r="AX4143" s="92"/>
      <c r="AY4143" s="92"/>
      <c r="AZ4143" s="93"/>
      <c r="BA4143" s="93"/>
      <c r="BB4143" s="93"/>
      <c r="BC4143" s="93"/>
      <c r="BD4143" s="93"/>
      <c r="BE4143" s="93"/>
      <c r="BF4143" s="93"/>
      <c r="BG4143" s="93"/>
      <c r="BH4143" s="93"/>
      <c r="BI4143" s="93"/>
      <c r="BJ4143" s="93"/>
      <c r="BK4143" s="93"/>
      <c r="BL4143" s="93"/>
    </row>
    <row r="4144" spans="2:64" x14ac:dyDescent="0.2">
      <c r="B4144" s="43"/>
      <c r="C4144" s="73"/>
      <c r="D4144" s="64"/>
      <c r="E4144" s="55"/>
      <c r="F4144" s="74"/>
      <c r="G4144" s="74"/>
      <c r="H4144" s="74"/>
      <c r="I4144" s="75"/>
      <c r="J4144" s="74"/>
      <c r="L4144" s="55"/>
      <c r="M4144" s="234"/>
      <c r="N4144" s="65"/>
      <c r="O4144" s="76"/>
      <c r="P4144" s="76"/>
      <c r="Q4144" s="65"/>
      <c r="R4144" s="76"/>
      <c r="S4144" s="76"/>
      <c r="T4144" s="76"/>
      <c r="U4144" s="76"/>
      <c r="V4144" s="76"/>
      <c r="W4144" s="76"/>
      <c r="X4144" s="76"/>
      <c r="Y4144" s="76"/>
      <c r="Z4144" s="76"/>
      <c r="AA4144" s="85"/>
      <c r="AB4144" s="85"/>
      <c r="AC4144" s="85"/>
      <c r="AD4144" s="85"/>
      <c r="AE4144" s="85"/>
      <c r="AF4144" s="85"/>
      <c r="AG4144" s="86"/>
      <c r="AH4144" s="85"/>
      <c r="AI4144" s="85"/>
      <c r="AJ4144" s="85"/>
      <c r="AK4144" s="85"/>
      <c r="AL4144" s="85"/>
      <c r="AM4144" s="92"/>
      <c r="AN4144" s="92"/>
      <c r="AO4144" s="92"/>
      <c r="AP4144" s="92"/>
      <c r="AQ4144" s="92"/>
      <c r="AR4144" s="92"/>
      <c r="AS4144" s="92"/>
      <c r="AT4144" s="92"/>
      <c r="AU4144" s="92"/>
      <c r="AV4144" s="92"/>
      <c r="AW4144" s="92"/>
      <c r="AX4144" s="92"/>
      <c r="AY4144" s="92"/>
      <c r="AZ4144" s="93"/>
      <c r="BA4144" s="93"/>
      <c r="BB4144" s="93"/>
      <c r="BC4144" s="93"/>
      <c r="BD4144" s="93"/>
      <c r="BE4144" s="93"/>
      <c r="BF4144" s="93"/>
      <c r="BG4144" s="93"/>
      <c r="BH4144" s="93"/>
      <c r="BI4144" s="93"/>
      <c r="BJ4144" s="93"/>
      <c r="BK4144" s="93"/>
      <c r="BL4144" s="93"/>
    </row>
    <row r="4145" spans="2:64" x14ac:dyDescent="0.2">
      <c r="B4145" s="43"/>
      <c r="C4145" s="73"/>
      <c r="D4145" s="64"/>
      <c r="E4145" s="55"/>
      <c r="F4145" s="74"/>
      <c r="G4145" s="74"/>
      <c r="H4145" s="74"/>
      <c r="I4145" s="75"/>
      <c r="J4145" s="74"/>
      <c r="L4145" s="55"/>
      <c r="M4145" s="234"/>
      <c r="N4145" s="65"/>
      <c r="O4145" s="76"/>
      <c r="P4145" s="76"/>
      <c r="Q4145" s="65"/>
      <c r="R4145" s="76"/>
      <c r="S4145" s="76"/>
      <c r="T4145" s="76"/>
      <c r="U4145" s="76"/>
      <c r="V4145" s="76"/>
      <c r="W4145" s="76"/>
      <c r="X4145" s="76"/>
      <c r="Y4145" s="76"/>
      <c r="Z4145" s="76"/>
      <c r="AA4145" s="85"/>
      <c r="AB4145" s="85"/>
      <c r="AC4145" s="85"/>
      <c r="AD4145" s="85"/>
      <c r="AE4145" s="85"/>
      <c r="AF4145" s="85"/>
      <c r="AG4145" s="86"/>
      <c r="AH4145" s="85"/>
      <c r="AI4145" s="85"/>
      <c r="AJ4145" s="85"/>
      <c r="AK4145" s="85"/>
      <c r="AL4145" s="85"/>
      <c r="AM4145" s="92"/>
      <c r="AN4145" s="92"/>
      <c r="AO4145" s="92"/>
      <c r="AP4145" s="92"/>
      <c r="AQ4145" s="92"/>
      <c r="AR4145" s="92"/>
      <c r="AS4145" s="92"/>
      <c r="AT4145" s="92"/>
      <c r="AU4145" s="92"/>
      <c r="AV4145" s="92"/>
      <c r="AW4145" s="92"/>
      <c r="AX4145" s="92"/>
      <c r="AY4145" s="92"/>
      <c r="AZ4145" s="93"/>
      <c r="BA4145" s="93"/>
      <c r="BB4145" s="93"/>
      <c r="BC4145" s="93"/>
      <c r="BD4145" s="93"/>
      <c r="BE4145" s="93"/>
      <c r="BF4145" s="93"/>
      <c r="BG4145" s="93"/>
      <c r="BH4145" s="93"/>
      <c r="BI4145" s="93"/>
      <c r="BJ4145" s="93"/>
      <c r="BK4145" s="93"/>
      <c r="BL4145" s="93"/>
    </row>
    <row r="4146" spans="2:64" x14ac:dyDescent="0.2">
      <c r="B4146" s="43"/>
      <c r="C4146" s="73"/>
      <c r="D4146" s="64"/>
      <c r="E4146" s="55"/>
      <c r="F4146" s="74"/>
      <c r="G4146" s="74"/>
      <c r="H4146" s="74"/>
      <c r="I4146" s="75"/>
      <c r="J4146" s="74"/>
      <c r="L4146" s="55"/>
      <c r="M4146" s="234"/>
      <c r="N4146" s="65"/>
      <c r="O4146" s="76"/>
      <c r="P4146" s="76"/>
      <c r="Q4146" s="65"/>
      <c r="R4146" s="76"/>
      <c r="S4146" s="76"/>
      <c r="T4146" s="76"/>
      <c r="U4146" s="76"/>
      <c r="V4146" s="76"/>
      <c r="W4146" s="76"/>
      <c r="X4146" s="76"/>
      <c r="Y4146" s="76"/>
      <c r="Z4146" s="76"/>
      <c r="AA4146" s="85"/>
      <c r="AB4146" s="85"/>
      <c r="AC4146" s="85"/>
      <c r="AD4146" s="85"/>
      <c r="AE4146" s="85"/>
      <c r="AF4146" s="85"/>
      <c r="AG4146" s="86"/>
      <c r="AH4146" s="85"/>
      <c r="AI4146" s="85"/>
      <c r="AJ4146" s="85"/>
      <c r="AK4146" s="85"/>
      <c r="AL4146" s="85"/>
      <c r="AM4146" s="92"/>
      <c r="AN4146" s="92"/>
      <c r="AO4146" s="92"/>
      <c r="AP4146" s="92"/>
      <c r="AQ4146" s="92"/>
      <c r="AR4146" s="92"/>
      <c r="AS4146" s="92"/>
      <c r="AT4146" s="92"/>
      <c r="AU4146" s="92"/>
      <c r="AV4146" s="92"/>
      <c r="AW4146" s="92"/>
      <c r="AX4146" s="92"/>
      <c r="AY4146" s="92"/>
      <c r="AZ4146" s="93"/>
      <c r="BA4146" s="93"/>
      <c r="BB4146" s="93"/>
      <c r="BC4146" s="93"/>
      <c r="BD4146" s="93"/>
      <c r="BE4146" s="93"/>
      <c r="BF4146" s="93"/>
      <c r="BG4146" s="93"/>
      <c r="BH4146" s="93"/>
      <c r="BI4146" s="93"/>
      <c r="BJ4146" s="93"/>
      <c r="BK4146" s="93"/>
      <c r="BL4146" s="93"/>
    </row>
    <row r="4147" spans="2:64" x14ac:dyDescent="0.2">
      <c r="B4147" s="43"/>
      <c r="C4147" s="73"/>
      <c r="D4147" s="64"/>
      <c r="E4147" s="55"/>
      <c r="F4147" s="74"/>
      <c r="G4147" s="74"/>
      <c r="H4147" s="74"/>
      <c r="I4147" s="75"/>
      <c r="J4147" s="74"/>
      <c r="L4147" s="55"/>
      <c r="M4147" s="234"/>
      <c r="N4147" s="65"/>
      <c r="O4147" s="76"/>
      <c r="P4147" s="76"/>
      <c r="Q4147" s="65"/>
      <c r="R4147" s="76"/>
      <c r="S4147" s="76"/>
      <c r="T4147" s="76"/>
      <c r="U4147" s="76"/>
      <c r="V4147" s="76"/>
      <c r="W4147" s="76"/>
      <c r="X4147" s="76"/>
      <c r="Y4147" s="76"/>
      <c r="Z4147" s="76"/>
      <c r="AA4147" s="85"/>
      <c r="AB4147" s="85"/>
      <c r="AC4147" s="85"/>
      <c r="AD4147" s="85"/>
      <c r="AE4147" s="85"/>
      <c r="AF4147" s="85"/>
      <c r="AG4147" s="86"/>
      <c r="AH4147" s="85"/>
      <c r="AI4147" s="85"/>
      <c r="AJ4147" s="85"/>
      <c r="AK4147" s="85"/>
      <c r="AL4147" s="85"/>
      <c r="AM4147" s="92"/>
      <c r="AN4147" s="92"/>
      <c r="AO4147" s="92"/>
      <c r="AP4147" s="92"/>
      <c r="AQ4147" s="92"/>
      <c r="AR4147" s="92"/>
      <c r="AS4147" s="92"/>
      <c r="AT4147" s="92"/>
      <c r="AU4147" s="92"/>
      <c r="AV4147" s="92"/>
      <c r="AW4147" s="92"/>
      <c r="AX4147" s="92"/>
      <c r="AY4147" s="92"/>
      <c r="AZ4147" s="93"/>
      <c r="BA4147" s="93"/>
      <c r="BB4147" s="93"/>
      <c r="BC4147" s="93"/>
      <c r="BD4147" s="93"/>
      <c r="BE4147" s="93"/>
      <c r="BF4147" s="93"/>
      <c r="BG4147" s="93"/>
      <c r="BH4147" s="93"/>
      <c r="BI4147" s="93"/>
      <c r="BJ4147" s="93"/>
      <c r="BK4147" s="93"/>
      <c r="BL4147" s="93"/>
    </row>
    <row r="4148" spans="2:64" x14ac:dyDescent="0.2">
      <c r="B4148" s="43"/>
      <c r="C4148" s="73"/>
      <c r="D4148" s="64"/>
      <c r="E4148" s="55"/>
      <c r="F4148" s="74"/>
      <c r="G4148" s="74"/>
      <c r="H4148" s="74"/>
      <c r="I4148" s="75"/>
      <c r="J4148" s="74"/>
      <c r="L4148" s="55"/>
      <c r="M4148" s="234"/>
      <c r="N4148" s="65"/>
      <c r="O4148" s="76"/>
      <c r="P4148" s="76"/>
      <c r="Q4148" s="65"/>
      <c r="R4148" s="76"/>
      <c r="S4148" s="76"/>
      <c r="T4148" s="76"/>
      <c r="U4148" s="76"/>
      <c r="V4148" s="76"/>
      <c r="W4148" s="76"/>
      <c r="X4148" s="76"/>
      <c r="Y4148" s="76"/>
      <c r="Z4148" s="76"/>
      <c r="AA4148" s="85"/>
      <c r="AB4148" s="85"/>
      <c r="AC4148" s="85"/>
      <c r="AD4148" s="85"/>
      <c r="AE4148" s="85"/>
      <c r="AF4148" s="85"/>
      <c r="AG4148" s="86"/>
      <c r="AH4148" s="85"/>
      <c r="AI4148" s="85"/>
      <c r="AJ4148" s="85"/>
      <c r="AK4148" s="85"/>
      <c r="AL4148" s="85"/>
      <c r="AM4148" s="92"/>
      <c r="AN4148" s="92"/>
      <c r="AO4148" s="92"/>
      <c r="AP4148" s="92"/>
      <c r="AQ4148" s="92"/>
      <c r="AR4148" s="92"/>
      <c r="AS4148" s="92"/>
      <c r="AT4148" s="92"/>
      <c r="AU4148" s="92"/>
      <c r="AV4148" s="92"/>
      <c r="AW4148" s="92"/>
      <c r="AX4148" s="92"/>
      <c r="AY4148" s="92"/>
      <c r="AZ4148" s="93"/>
      <c r="BA4148" s="93"/>
      <c r="BB4148" s="93"/>
      <c r="BC4148" s="93"/>
      <c r="BD4148" s="93"/>
      <c r="BE4148" s="93"/>
      <c r="BF4148" s="93"/>
      <c r="BG4148" s="93"/>
      <c r="BH4148" s="93"/>
      <c r="BI4148" s="93"/>
      <c r="BJ4148" s="93"/>
      <c r="BK4148" s="93"/>
      <c r="BL4148" s="93"/>
    </row>
    <row r="4149" spans="2:64" x14ac:dyDescent="0.2">
      <c r="B4149" s="43"/>
      <c r="C4149" s="73"/>
      <c r="D4149" s="64"/>
      <c r="E4149" s="55"/>
      <c r="F4149" s="74"/>
      <c r="G4149" s="74"/>
      <c r="H4149" s="74"/>
      <c r="I4149" s="75"/>
      <c r="J4149" s="74"/>
      <c r="L4149" s="55"/>
      <c r="M4149" s="234"/>
      <c r="N4149" s="65"/>
      <c r="O4149" s="76"/>
      <c r="P4149" s="76"/>
      <c r="Q4149" s="65"/>
      <c r="R4149" s="76"/>
      <c r="S4149" s="76"/>
      <c r="T4149" s="76"/>
      <c r="U4149" s="76"/>
      <c r="V4149" s="76"/>
      <c r="W4149" s="76"/>
      <c r="X4149" s="76"/>
      <c r="Y4149" s="76"/>
      <c r="Z4149" s="76"/>
      <c r="AA4149" s="85"/>
      <c r="AB4149" s="85"/>
      <c r="AC4149" s="85"/>
      <c r="AD4149" s="85"/>
      <c r="AE4149" s="85"/>
      <c r="AF4149" s="85"/>
      <c r="AG4149" s="86"/>
      <c r="AH4149" s="85"/>
      <c r="AI4149" s="85"/>
      <c r="AJ4149" s="85"/>
      <c r="AK4149" s="85"/>
      <c r="AL4149" s="85"/>
      <c r="AM4149" s="92"/>
      <c r="AN4149" s="92"/>
      <c r="AO4149" s="92"/>
      <c r="AP4149" s="92"/>
      <c r="AQ4149" s="92"/>
      <c r="AR4149" s="92"/>
      <c r="AS4149" s="92"/>
      <c r="AT4149" s="92"/>
      <c r="AU4149" s="92"/>
      <c r="AV4149" s="92"/>
      <c r="AW4149" s="92"/>
      <c r="AX4149" s="92"/>
      <c r="AY4149" s="92"/>
      <c r="AZ4149" s="93"/>
      <c r="BA4149" s="93"/>
      <c r="BB4149" s="93"/>
      <c r="BC4149" s="93"/>
      <c r="BD4149" s="93"/>
      <c r="BE4149" s="93"/>
      <c r="BF4149" s="93"/>
      <c r="BG4149" s="93"/>
      <c r="BH4149" s="93"/>
      <c r="BI4149" s="93"/>
      <c r="BJ4149" s="93"/>
      <c r="BK4149" s="93"/>
      <c r="BL4149" s="93"/>
    </row>
    <row r="4150" spans="2:64" x14ac:dyDescent="0.2">
      <c r="B4150" s="43"/>
      <c r="C4150" s="73"/>
      <c r="D4150" s="64"/>
      <c r="E4150" s="55"/>
      <c r="F4150" s="74"/>
      <c r="G4150" s="74"/>
      <c r="H4150" s="74"/>
      <c r="I4150" s="75"/>
      <c r="J4150" s="74"/>
      <c r="L4150" s="55"/>
      <c r="M4150" s="234"/>
      <c r="N4150" s="65"/>
      <c r="O4150" s="76"/>
      <c r="P4150" s="76"/>
      <c r="Q4150" s="65"/>
      <c r="R4150" s="76"/>
      <c r="S4150" s="76"/>
      <c r="T4150" s="76"/>
      <c r="U4150" s="76"/>
      <c r="V4150" s="76"/>
      <c r="W4150" s="76"/>
      <c r="X4150" s="76"/>
      <c r="Y4150" s="76"/>
      <c r="Z4150" s="76"/>
      <c r="AA4150" s="85"/>
      <c r="AB4150" s="85"/>
      <c r="AC4150" s="85"/>
      <c r="AD4150" s="85"/>
      <c r="AE4150" s="85"/>
      <c r="AF4150" s="85"/>
      <c r="AG4150" s="86"/>
      <c r="AH4150" s="85"/>
      <c r="AI4150" s="85"/>
      <c r="AJ4150" s="85"/>
      <c r="AK4150" s="85"/>
      <c r="AL4150" s="85"/>
      <c r="AM4150" s="92"/>
      <c r="AN4150" s="92"/>
      <c r="AO4150" s="92"/>
      <c r="AP4150" s="92"/>
      <c r="AQ4150" s="92"/>
      <c r="AR4150" s="92"/>
      <c r="AS4150" s="92"/>
      <c r="AT4150" s="92"/>
      <c r="AU4150" s="92"/>
      <c r="AV4150" s="92"/>
      <c r="AW4150" s="92"/>
      <c r="AX4150" s="92"/>
      <c r="AY4150" s="92"/>
      <c r="AZ4150" s="93"/>
      <c r="BA4150" s="93"/>
      <c r="BB4150" s="93"/>
      <c r="BC4150" s="93"/>
      <c r="BD4150" s="93"/>
      <c r="BE4150" s="93"/>
      <c r="BF4150" s="93"/>
      <c r="BG4150" s="93"/>
      <c r="BH4150" s="93"/>
      <c r="BI4150" s="93"/>
      <c r="BJ4150" s="93"/>
      <c r="BK4150" s="93"/>
      <c r="BL4150" s="93"/>
    </row>
    <row r="4151" spans="2:64" x14ac:dyDescent="0.2">
      <c r="B4151" s="43"/>
      <c r="C4151" s="73"/>
      <c r="D4151" s="64"/>
      <c r="E4151" s="55"/>
      <c r="F4151" s="74"/>
      <c r="G4151" s="74"/>
      <c r="H4151" s="74"/>
      <c r="I4151" s="75"/>
      <c r="J4151" s="74"/>
      <c r="L4151" s="55"/>
      <c r="M4151" s="234"/>
      <c r="N4151" s="65"/>
      <c r="O4151" s="76"/>
      <c r="P4151" s="76"/>
      <c r="Q4151" s="65"/>
      <c r="R4151" s="76"/>
      <c r="S4151" s="76"/>
      <c r="T4151" s="76"/>
      <c r="U4151" s="76"/>
      <c r="V4151" s="76"/>
      <c r="W4151" s="76"/>
      <c r="X4151" s="76"/>
      <c r="Y4151" s="76"/>
      <c r="Z4151" s="76"/>
      <c r="AA4151" s="85"/>
      <c r="AB4151" s="85"/>
      <c r="AC4151" s="85"/>
      <c r="AD4151" s="85"/>
      <c r="AE4151" s="85"/>
      <c r="AF4151" s="85"/>
      <c r="AG4151" s="86"/>
      <c r="AH4151" s="85"/>
      <c r="AI4151" s="85"/>
      <c r="AJ4151" s="85"/>
      <c r="AK4151" s="85"/>
      <c r="AL4151" s="85"/>
      <c r="AM4151" s="92"/>
      <c r="AN4151" s="92"/>
      <c r="AO4151" s="92"/>
      <c r="AP4151" s="92"/>
      <c r="AQ4151" s="92"/>
      <c r="AR4151" s="92"/>
      <c r="AS4151" s="92"/>
      <c r="AT4151" s="92"/>
      <c r="AU4151" s="92"/>
      <c r="AV4151" s="92"/>
      <c r="AW4151" s="92"/>
      <c r="AX4151" s="92"/>
      <c r="AY4151" s="92"/>
      <c r="AZ4151" s="93"/>
      <c r="BA4151" s="93"/>
      <c r="BB4151" s="93"/>
      <c r="BC4151" s="93"/>
      <c r="BD4151" s="93"/>
      <c r="BE4151" s="93"/>
      <c r="BF4151" s="93"/>
      <c r="BG4151" s="93"/>
      <c r="BH4151" s="93"/>
      <c r="BI4151" s="93"/>
      <c r="BJ4151" s="93"/>
      <c r="BK4151" s="93"/>
      <c r="BL4151" s="93"/>
    </row>
    <row r="4152" spans="2:64" x14ac:dyDescent="0.2">
      <c r="B4152" s="43"/>
      <c r="C4152" s="73"/>
      <c r="D4152" s="64"/>
      <c r="E4152" s="55"/>
      <c r="F4152" s="74"/>
      <c r="G4152" s="74"/>
      <c r="H4152" s="74"/>
      <c r="I4152" s="75"/>
      <c r="J4152" s="74"/>
      <c r="L4152" s="55"/>
      <c r="M4152" s="234"/>
      <c r="N4152" s="65"/>
      <c r="O4152" s="76"/>
      <c r="P4152" s="76"/>
      <c r="Q4152" s="65"/>
      <c r="R4152" s="76"/>
      <c r="S4152" s="76"/>
      <c r="T4152" s="76"/>
      <c r="U4152" s="76"/>
      <c r="V4152" s="76"/>
      <c r="W4152" s="76"/>
      <c r="X4152" s="76"/>
      <c r="Y4152" s="76"/>
      <c r="Z4152" s="76"/>
      <c r="AA4152" s="85"/>
      <c r="AB4152" s="85"/>
      <c r="AC4152" s="85"/>
      <c r="AD4152" s="85"/>
      <c r="AE4152" s="85"/>
      <c r="AF4152" s="85"/>
      <c r="AG4152" s="86"/>
      <c r="AH4152" s="85"/>
      <c r="AI4152" s="85"/>
      <c r="AJ4152" s="85"/>
      <c r="AK4152" s="85"/>
      <c r="AL4152" s="85"/>
      <c r="AM4152" s="92"/>
      <c r="AN4152" s="92"/>
      <c r="AO4152" s="92"/>
      <c r="AP4152" s="92"/>
      <c r="AQ4152" s="92"/>
      <c r="AR4152" s="92"/>
      <c r="AS4152" s="92"/>
      <c r="AT4152" s="92"/>
      <c r="AU4152" s="92"/>
      <c r="AV4152" s="92"/>
      <c r="AW4152" s="92"/>
      <c r="AX4152" s="92"/>
      <c r="AY4152" s="92"/>
      <c r="AZ4152" s="93"/>
      <c r="BA4152" s="93"/>
      <c r="BB4152" s="93"/>
      <c r="BC4152" s="93"/>
      <c r="BD4152" s="93"/>
      <c r="BE4152" s="93"/>
      <c r="BF4152" s="93"/>
      <c r="BG4152" s="93"/>
      <c r="BH4152" s="93"/>
      <c r="BI4152" s="93"/>
      <c r="BJ4152" s="93"/>
      <c r="BK4152" s="93"/>
      <c r="BL4152" s="93"/>
    </row>
    <row r="4153" spans="2:64" x14ac:dyDescent="0.2">
      <c r="B4153" s="43"/>
      <c r="C4153" s="73"/>
      <c r="D4153" s="64"/>
      <c r="E4153" s="55"/>
      <c r="F4153" s="74"/>
      <c r="G4153" s="74"/>
      <c r="H4153" s="74"/>
      <c r="I4153" s="75"/>
      <c r="J4153" s="74"/>
      <c r="L4153" s="55"/>
      <c r="M4153" s="234"/>
      <c r="N4153" s="65"/>
      <c r="O4153" s="76"/>
      <c r="P4153" s="76"/>
      <c r="Q4153" s="65"/>
      <c r="R4153" s="76"/>
      <c r="S4153" s="76"/>
      <c r="T4153" s="76"/>
      <c r="U4153" s="76"/>
      <c r="V4153" s="76"/>
      <c r="W4153" s="76"/>
      <c r="X4153" s="76"/>
      <c r="Y4153" s="76"/>
      <c r="Z4153" s="76"/>
      <c r="AA4153" s="85"/>
      <c r="AB4153" s="85"/>
      <c r="AC4153" s="85"/>
      <c r="AD4153" s="85"/>
      <c r="AE4153" s="85"/>
      <c r="AF4153" s="85"/>
      <c r="AG4153" s="86"/>
      <c r="AH4153" s="85"/>
      <c r="AI4153" s="85"/>
      <c r="AJ4153" s="85"/>
      <c r="AK4153" s="85"/>
      <c r="AL4153" s="85"/>
      <c r="AM4153" s="92"/>
      <c r="AN4153" s="92"/>
      <c r="AO4153" s="92"/>
      <c r="AP4153" s="92"/>
      <c r="AQ4153" s="92"/>
      <c r="AR4153" s="92"/>
      <c r="AS4153" s="92"/>
      <c r="AT4153" s="92"/>
      <c r="AU4153" s="92"/>
      <c r="AV4153" s="92"/>
      <c r="AW4153" s="92"/>
      <c r="AX4153" s="92"/>
      <c r="AY4153" s="92"/>
      <c r="AZ4153" s="93"/>
      <c r="BA4153" s="93"/>
      <c r="BB4153" s="93"/>
      <c r="BC4153" s="93"/>
      <c r="BD4153" s="93"/>
      <c r="BE4153" s="93"/>
      <c r="BF4153" s="93"/>
      <c r="BG4153" s="93"/>
      <c r="BH4153" s="93"/>
      <c r="BI4153" s="93"/>
      <c r="BJ4153" s="93"/>
      <c r="BK4153" s="93"/>
      <c r="BL4153" s="93"/>
    </row>
    <row r="4154" spans="2:64" x14ac:dyDescent="0.2">
      <c r="B4154" s="43"/>
      <c r="C4154" s="73"/>
      <c r="D4154" s="64"/>
      <c r="E4154" s="55"/>
      <c r="F4154" s="74"/>
      <c r="G4154" s="74"/>
      <c r="H4154" s="74"/>
      <c r="I4154" s="75"/>
      <c r="J4154" s="74"/>
      <c r="L4154" s="55"/>
      <c r="M4154" s="234"/>
      <c r="N4154" s="65"/>
      <c r="O4154" s="76"/>
      <c r="P4154" s="76"/>
      <c r="Q4154" s="65"/>
      <c r="R4154" s="76"/>
      <c r="S4154" s="76"/>
      <c r="T4154" s="76"/>
      <c r="U4154" s="76"/>
      <c r="V4154" s="76"/>
      <c r="W4154" s="76"/>
      <c r="X4154" s="76"/>
      <c r="Y4154" s="76"/>
      <c r="Z4154" s="76"/>
      <c r="AA4154" s="85"/>
      <c r="AB4154" s="85"/>
      <c r="AC4154" s="85"/>
      <c r="AD4154" s="85"/>
      <c r="AE4154" s="85"/>
      <c r="AF4154" s="85"/>
      <c r="AG4154" s="86"/>
      <c r="AH4154" s="85"/>
      <c r="AI4154" s="85"/>
      <c r="AJ4154" s="85"/>
      <c r="AK4154" s="85"/>
      <c r="AL4154" s="85"/>
      <c r="AM4154" s="92"/>
      <c r="AN4154" s="92"/>
      <c r="AO4154" s="92"/>
      <c r="AP4154" s="92"/>
      <c r="AQ4154" s="92"/>
      <c r="AR4154" s="92"/>
      <c r="AS4154" s="92"/>
      <c r="AT4154" s="92"/>
      <c r="AU4154" s="92"/>
      <c r="AV4154" s="92"/>
      <c r="AW4154" s="92"/>
      <c r="AX4154" s="92"/>
      <c r="AY4154" s="92"/>
      <c r="AZ4154" s="93"/>
      <c r="BA4154" s="93"/>
      <c r="BB4154" s="93"/>
      <c r="BC4154" s="93"/>
      <c r="BD4154" s="93"/>
      <c r="BE4154" s="93"/>
      <c r="BF4154" s="93"/>
      <c r="BG4154" s="93"/>
      <c r="BH4154" s="93"/>
      <c r="BI4154" s="93"/>
      <c r="BJ4154" s="93"/>
      <c r="BK4154" s="93"/>
      <c r="BL4154" s="93"/>
    </row>
    <row r="4155" spans="2:64" x14ac:dyDescent="0.2">
      <c r="B4155" s="43"/>
      <c r="C4155" s="73"/>
      <c r="D4155" s="64"/>
      <c r="E4155" s="55"/>
      <c r="F4155" s="74"/>
      <c r="G4155" s="74"/>
      <c r="H4155" s="74"/>
      <c r="I4155" s="75"/>
      <c r="J4155" s="74"/>
      <c r="L4155" s="55"/>
      <c r="M4155" s="234"/>
      <c r="N4155" s="65"/>
      <c r="O4155" s="76"/>
      <c r="P4155" s="76"/>
      <c r="Q4155" s="65"/>
      <c r="R4155" s="76"/>
      <c r="S4155" s="76"/>
      <c r="T4155" s="76"/>
      <c r="U4155" s="76"/>
      <c r="V4155" s="76"/>
      <c r="W4155" s="76"/>
      <c r="X4155" s="76"/>
      <c r="Y4155" s="76"/>
      <c r="Z4155" s="76"/>
      <c r="AA4155" s="85"/>
      <c r="AB4155" s="85"/>
      <c r="AC4155" s="85"/>
      <c r="AD4155" s="85"/>
      <c r="AE4155" s="85"/>
      <c r="AF4155" s="85"/>
      <c r="AG4155" s="86"/>
      <c r="AH4155" s="85"/>
      <c r="AI4155" s="85"/>
      <c r="AJ4155" s="85"/>
      <c r="AK4155" s="85"/>
      <c r="AL4155" s="85"/>
      <c r="AM4155" s="92"/>
      <c r="AN4155" s="92"/>
      <c r="AO4155" s="92"/>
      <c r="AP4155" s="92"/>
      <c r="AQ4155" s="92"/>
      <c r="AR4155" s="92"/>
      <c r="AS4155" s="92"/>
      <c r="AT4155" s="92"/>
      <c r="AU4155" s="92"/>
      <c r="AV4155" s="92"/>
      <c r="AW4155" s="92"/>
      <c r="AX4155" s="92"/>
      <c r="AY4155" s="92"/>
      <c r="AZ4155" s="93"/>
      <c r="BA4155" s="93"/>
      <c r="BB4155" s="93"/>
      <c r="BC4155" s="93"/>
      <c r="BD4155" s="93"/>
      <c r="BE4155" s="93"/>
      <c r="BF4155" s="93"/>
      <c r="BG4155" s="93"/>
      <c r="BH4155" s="93"/>
      <c r="BI4155" s="93"/>
      <c r="BJ4155" s="93"/>
      <c r="BK4155" s="93"/>
      <c r="BL4155" s="93"/>
    </row>
    <row r="4156" spans="2:64" x14ac:dyDescent="0.2">
      <c r="B4156" s="43"/>
      <c r="C4156" s="73"/>
      <c r="D4156" s="64"/>
      <c r="E4156" s="55"/>
      <c r="F4156" s="74"/>
      <c r="G4156" s="74"/>
      <c r="H4156" s="74"/>
      <c r="I4156" s="75"/>
      <c r="J4156" s="74"/>
      <c r="L4156" s="55"/>
      <c r="M4156" s="234"/>
      <c r="N4156" s="65"/>
      <c r="O4156" s="76"/>
      <c r="P4156" s="76"/>
      <c r="Q4156" s="65"/>
      <c r="R4156" s="76"/>
      <c r="S4156" s="76"/>
      <c r="T4156" s="76"/>
      <c r="U4156" s="76"/>
      <c r="V4156" s="76"/>
      <c r="W4156" s="76"/>
      <c r="X4156" s="76"/>
      <c r="Y4156" s="76"/>
      <c r="Z4156" s="76"/>
      <c r="AA4156" s="85"/>
      <c r="AB4156" s="85"/>
      <c r="AC4156" s="85"/>
      <c r="AD4156" s="85"/>
      <c r="AE4156" s="85"/>
      <c r="AF4156" s="85"/>
      <c r="AG4156" s="86"/>
      <c r="AH4156" s="85"/>
      <c r="AI4156" s="85"/>
      <c r="AJ4156" s="85"/>
      <c r="AK4156" s="85"/>
      <c r="AL4156" s="85"/>
      <c r="AM4156" s="92"/>
      <c r="AN4156" s="92"/>
      <c r="AO4156" s="92"/>
      <c r="AP4156" s="92"/>
      <c r="AQ4156" s="92"/>
      <c r="AR4156" s="92"/>
      <c r="AS4156" s="92"/>
      <c r="AT4156" s="92"/>
      <c r="AU4156" s="92"/>
      <c r="AV4156" s="92"/>
      <c r="AW4156" s="92"/>
      <c r="AX4156" s="92"/>
      <c r="AY4156" s="92"/>
      <c r="AZ4156" s="93"/>
      <c r="BA4156" s="93"/>
      <c r="BB4156" s="93"/>
      <c r="BC4156" s="93"/>
      <c r="BD4156" s="93"/>
      <c r="BE4156" s="93"/>
      <c r="BF4156" s="93"/>
      <c r="BG4156" s="93"/>
      <c r="BH4156" s="93"/>
      <c r="BI4156" s="93"/>
      <c r="BJ4156" s="93"/>
      <c r="BK4156" s="93"/>
      <c r="BL4156" s="93"/>
    </row>
    <row r="4157" spans="2:64" x14ac:dyDescent="0.2">
      <c r="B4157" s="43"/>
      <c r="C4157" s="73"/>
      <c r="D4157" s="64"/>
      <c r="E4157" s="55"/>
      <c r="F4157" s="74"/>
      <c r="G4157" s="74"/>
      <c r="H4157" s="74"/>
      <c r="I4157" s="75"/>
      <c r="J4157" s="74"/>
      <c r="L4157" s="55"/>
      <c r="M4157" s="234"/>
      <c r="N4157" s="65"/>
      <c r="O4157" s="76"/>
      <c r="P4157" s="76"/>
      <c r="Q4157" s="65"/>
      <c r="R4157" s="76"/>
      <c r="S4157" s="76"/>
      <c r="T4157" s="76"/>
      <c r="U4157" s="76"/>
      <c r="V4157" s="76"/>
      <c r="W4157" s="76"/>
      <c r="X4157" s="76"/>
      <c r="Y4157" s="76"/>
      <c r="Z4157" s="76"/>
      <c r="AA4157" s="85"/>
      <c r="AB4157" s="85"/>
      <c r="AC4157" s="85"/>
      <c r="AD4157" s="85"/>
      <c r="AE4157" s="85"/>
      <c r="AF4157" s="85"/>
      <c r="AG4157" s="86"/>
      <c r="AH4157" s="85"/>
      <c r="AI4157" s="85"/>
      <c r="AJ4157" s="85"/>
      <c r="AK4157" s="85"/>
      <c r="AL4157" s="85"/>
      <c r="AM4157" s="92"/>
      <c r="AN4157" s="92"/>
      <c r="AO4157" s="92"/>
      <c r="AP4157" s="92"/>
      <c r="AQ4157" s="92"/>
      <c r="AR4157" s="92"/>
      <c r="AS4157" s="92"/>
      <c r="AT4157" s="92"/>
      <c r="AU4157" s="92"/>
      <c r="AV4157" s="92"/>
      <c r="AW4157" s="92"/>
      <c r="AX4157" s="92"/>
      <c r="AY4157" s="92"/>
      <c r="AZ4157" s="93"/>
      <c r="BA4157" s="93"/>
      <c r="BB4157" s="93"/>
      <c r="BC4157" s="93"/>
      <c r="BD4157" s="93"/>
      <c r="BE4157" s="93"/>
      <c r="BF4157" s="93"/>
      <c r="BG4157" s="93"/>
      <c r="BH4157" s="93"/>
      <c r="BI4157" s="93"/>
      <c r="BJ4157" s="93"/>
      <c r="BK4157" s="93"/>
      <c r="BL4157" s="93"/>
    </row>
    <row r="4158" spans="2:64" x14ac:dyDescent="0.2">
      <c r="B4158" s="43"/>
      <c r="C4158" s="73"/>
      <c r="D4158" s="64"/>
      <c r="E4158" s="55"/>
      <c r="F4158" s="74"/>
      <c r="G4158" s="74"/>
      <c r="H4158" s="74"/>
      <c r="I4158" s="75"/>
      <c r="J4158" s="74"/>
      <c r="L4158" s="55"/>
      <c r="M4158" s="234"/>
      <c r="N4158" s="65"/>
      <c r="O4158" s="76"/>
      <c r="P4158" s="76"/>
      <c r="Q4158" s="65"/>
      <c r="R4158" s="76"/>
      <c r="S4158" s="76"/>
      <c r="T4158" s="76"/>
      <c r="U4158" s="76"/>
      <c r="V4158" s="76"/>
      <c r="W4158" s="76"/>
      <c r="X4158" s="76"/>
      <c r="Y4158" s="76"/>
      <c r="Z4158" s="76"/>
      <c r="AA4158" s="85"/>
      <c r="AB4158" s="85"/>
      <c r="AC4158" s="85"/>
      <c r="AD4158" s="85"/>
      <c r="AE4158" s="85"/>
      <c r="AF4158" s="85"/>
      <c r="AG4158" s="86"/>
      <c r="AH4158" s="85"/>
      <c r="AI4158" s="85"/>
      <c r="AJ4158" s="85"/>
      <c r="AK4158" s="85"/>
      <c r="AL4158" s="85"/>
      <c r="AM4158" s="92"/>
      <c r="AN4158" s="92"/>
      <c r="AO4158" s="92"/>
      <c r="AP4158" s="92"/>
      <c r="AQ4158" s="92"/>
      <c r="AR4158" s="92"/>
      <c r="AS4158" s="92"/>
      <c r="AT4158" s="92"/>
      <c r="AU4158" s="92"/>
      <c r="AV4158" s="92"/>
      <c r="AW4158" s="92"/>
      <c r="AX4158" s="92"/>
      <c r="AY4158" s="92"/>
      <c r="AZ4158" s="93"/>
      <c r="BA4158" s="93"/>
      <c r="BB4158" s="93"/>
      <c r="BC4158" s="93"/>
      <c r="BD4158" s="93"/>
      <c r="BE4158" s="93"/>
      <c r="BF4158" s="93"/>
      <c r="BG4158" s="93"/>
      <c r="BH4158" s="93"/>
      <c r="BI4158" s="93"/>
      <c r="BJ4158" s="93"/>
      <c r="BK4158" s="93"/>
      <c r="BL4158" s="93"/>
    </row>
    <row r="4159" spans="2:64" x14ac:dyDescent="0.2">
      <c r="B4159" s="43"/>
      <c r="C4159" s="73"/>
      <c r="D4159" s="64"/>
      <c r="E4159" s="55"/>
      <c r="F4159" s="74"/>
      <c r="G4159" s="74"/>
      <c r="H4159" s="74"/>
      <c r="I4159" s="75"/>
      <c r="J4159" s="74"/>
      <c r="L4159" s="55"/>
      <c r="M4159" s="234"/>
      <c r="N4159" s="65"/>
      <c r="O4159" s="76"/>
      <c r="P4159" s="76"/>
      <c r="Q4159" s="65"/>
      <c r="R4159" s="76"/>
      <c r="S4159" s="76"/>
      <c r="T4159" s="76"/>
      <c r="U4159" s="76"/>
      <c r="V4159" s="76"/>
      <c r="W4159" s="76"/>
      <c r="X4159" s="76"/>
      <c r="Y4159" s="76"/>
      <c r="Z4159" s="76"/>
      <c r="AA4159" s="85"/>
      <c r="AB4159" s="85"/>
      <c r="AC4159" s="85"/>
      <c r="AD4159" s="85"/>
      <c r="AE4159" s="85"/>
      <c r="AF4159" s="85"/>
      <c r="AG4159" s="86"/>
      <c r="AH4159" s="85"/>
      <c r="AI4159" s="85"/>
      <c r="AJ4159" s="85"/>
      <c r="AK4159" s="85"/>
      <c r="AL4159" s="85"/>
      <c r="AM4159" s="92"/>
      <c r="AN4159" s="92"/>
      <c r="AO4159" s="92"/>
      <c r="AP4159" s="92"/>
      <c r="AQ4159" s="92"/>
      <c r="AR4159" s="92"/>
      <c r="AS4159" s="92"/>
      <c r="AT4159" s="92"/>
      <c r="AU4159" s="92"/>
      <c r="AV4159" s="92"/>
      <c r="AW4159" s="92"/>
      <c r="AX4159" s="92"/>
      <c r="AY4159" s="92"/>
      <c r="AZ4159" s="93"/>
      <c r="BA4159" s="93"/>
      <c r="BB4159" s="93"/>
      <c r="BC4159" s="93"/>
      <c r="BD4159" s="93"/>
      <c r="BE4159" s="93"/>
      <c r="BF4159" s="93"/>
      <c r="BG4159" s="93"/>
      <c r="BH4159" s="93"/>
      <c r="BI4159" s="93"/>
      <c r="BJ4159" s="93"/>
      <c r="BK4159" s="93"/>
      <c r="BL4159" s="93"/>
    </row>
    <row r="4160" spans="2:64" x14ac:dyDescent="0.2">
      <c r="B4160" s="43"/>
      <c r="C4160" s="73"/>
      <c r="D4160" s="64"/>
      <c r="E4160" s="55"/>
      <c r="F4160" s="74"/>
      <c r="G4160" s="74"/>
      <c r="H4160" s="74"/>
      <c r="I4160" s="75"/>
      <c r="J4160" s="74"/>
      <c r="L4160" s="55"/>
      <c r="M4160" s="234"/>
      <c r="N4160" s="65"/>
      <c r="O4160" s="76"/>
      <c r="P4160" s="76"/>
      <c r="Q4160" s="65"/>
      <c r="R4160" s="76"/>
      <c r="S4160" s="76"/>
      <c r="T4160" s="76"/>
      <c r="U4160" s="76"/>
      <c r="V4160" s="76"/>
      <c r="W4160" s="76"/>
      <c r="X4160" s="76"/>
      <c r="Y4160" s="76"/>
      <c r="Z4160" s="76"/>
      <c r="AA4160" s="85"/>
      <c r="AB4160" s="85"/>
      <c r="AC4160" s="85"/>
      <c r="AD4160" s="85"/>
      <c r="AE4160" s="85"/>
      <c r="AF4160" s="85"/>
      <c r="AG4160" s="86"/>
      <c r="AH4160" s="85"/>
      <c r="AI4160" s="85"/>
      <c r="AJ4160" s="85"/>
      <c r="AK4160" s="85"/>
      <c r="AL4160" s="85"/>
      <c r="AM4160" s="92"/>
      <c r="AN4160" s="92"/>
      <c r="AO4160" s="92"/>
      <c r="AP4160" s="92"/>
      <c r="AQ4160" s="92"/>
      <c r="AR4160" s="92"/>
      <c r="AS4160" s="92"/>
      <c r="AT4160" s="92"/>
      <c r="AU4160" s="92"/>
      <c r="AV4160" s="92"/>
      <c r="AW4160" s="92"/>
      <c r="AX4160" s="92"/>
      <c r="AY4160" s="92"/>
      <c r="AZ4160" s="93"/>
      <c r="BA4160" s="93"/>
      <c r="BB4160" s="93"/>
      <c r="BC4160" s="93"/>
      <c r="BD4160" s="93"/>
      <c r="BE4160" s="93"/>
      <c r="BF4160" s="93"/>
      <c r="BG4160" s="93"/>
      <c r="BH4160" s="93"/>
      <c r="BI4160" s="93"/>
      <c r="BJ4160" s="93"/>
      <c r="BK4160" s="93"/>
      <c r="BL4160" s="93"/>
    </row>
    <row r="4161" spans="2:64" x14ac:dyDescent="0.2">
      <c r="B4161" s="43"/>
      <c r="C4161" s="73"/>
      <c r="D4161" s="64"/>
      <c r="E4161" s="55"/>
      <c r="F4161" s="74"/>
      <c r="G4161" s="74"/>
      <c r="H4161" s="74"/>
      <c r="I4161" s="75"/>
      <c r="J4161" s="74"/>
      <c r="L4161" s="55"/>
      <c r="M4161" s="234"/>
      <c r="N4161" s="65"/>
      <c r="O4161" s="76"/>
      <c r="P4161" s="76"/>
      <c r="Q4161" s="65"/>
      <c r="R4161" s="76"/>
      <c r="S4161" s="76"/>
      <c r="T4161" s="76"/>
      <c r="U4161" s="76"/>
      <c r="V4161" s="76"/>
      <c r="W4161" s="76"/>
      <c r="X4161" s="76"/>
      <c r="Y4161" s="76"/>
      <c r="Z4161" s="76"/>
      <c r="AA4161" s="85"/>
      <c r="AB4161" s="85"/>
      <c r="AC4161" s="85"/>
      <c r="AD4161" s="85"/>
      <c r="AE4161" s="85"/>
      <c r="AF4161" s="85"/>
      <c r="AG4161" s="86"/>
      <c r="AH4161" s="85"/>
      <c r="AI4161" s="85"/>
      <c r="AJ4161" s="85"/>
      <c r="AK4161" s="85"/>
      <c r="AL4161" s="85"/>
      <c r="AM4161" s="92"/>
      <c r="AN4161" s="92"/>
      <c r="AO4161" s="92"/>
      <c r="AP4161" s="92"/>
      <c r="AQ4161" s="92"/>
      <c r="AR4161" s="92"/>
      <c r="AS4161" s="92"/>
      <c r="AT4161" s="92"/>
      <c r="AU4161" s="92"/>
      <c r="AV4161" s="92"/>
      <c r="AW4161" s="92"/>
      <c r="AX4161" s="92"/>
      <c r="AY4161" s="92"/>
      <c r="AZ4161" s="93"/>
      <c r="BA4161" s="93"/>
      <c r="BB4161" s="93"/>
      <c r="BC4161" s="93"/>
      <c r="BD4161" s="93"/>
      <c r="BE4161" s="93"/>
      <c r="BF4161" s="93"/>
      <c r="BG4161" s="93"/>
      <c r="BH4161" s="93"/>
      <c r="BI4161" s="93"/>
      <c r="BJ4161" s="93"/>
      <c r="BK4161" s="93"/>
      <c r="BL4161" s="93"/>
    </row>
    <row r="4162" spans="2:64" x14ac:dyDescent="0.2">
      <c r="B4162" s="43"/>
      <c r="C4162" s="73"/>
      <c r="D4162" s="64"/>
      <c r="E4162" s="55"/>
      <c r="F4162" s="74"/>
      <c r="G4162" s="74"/>
      <c r="H4162" s="74"/>
      <c r="I4162" s="75"/>
      <c r="J4162" s="74"/>
      <c r="L4162" s="55"/>
      <c r="M4162" s="234"/>
      <c r="N4162" s="65"/>
      <c r="O4162" s="76"/>
      <c r="P4162" s="76"/>
      <c r="Q4162" s="65"/>
      <c r="R4162" s="76"/>
      <c r="S4162" s="76"/>
      <c r="T4162" s="76"/>
      <c r="U4162" s="76"/>
      <c r="V4162" s="76"/>
      <c r="W4162" s="76"/>
      <c r="X4162" s="76"/>
      <c r="Y4162" s="76"/>
      <c r="Z4162" s="76"/>
      <c r="AA4162" s="85"/>
      <c r="AB4162" s="85"/>
      <c r="AC4162" s="85"/>
      <c r="AD4162" s="85"/>
      <c r="AE4162" s="85"/>
      <c r="AF4162" s="85"/>
      <c r="AG4162" s="86"/>
      <c r="AH4162" s="85"/>
      <c r="AI4162" s="85"/>
      <c r="AJ4162" s="85"/>
      <c r="AK4162" s="85"/>
      <c r="AL4162" s="85"/>
      <c r="AM4162" s="92"/>
      <c r="AN4162" s="92"/>
      <c r="AO4162" s="92"/>
      <c r="AP4162" s="92"/>
      <c r="AQ4162" s="92"/>
      <c r="AR4162" s="92"/>
      <c r="AS4162" s="92"/>
      <c r="AT4162" s="92"/>
      <c r="AU4162" s="92"/>
      <c r="AV4162" s="92"/>
      <c r="AW4162" s="92"/>
      <c r="AX4162" s="92"/>
      <c r="AY4162" s="92"/>
      <c r="AZ4162" s="93"/>
      <c r="BA4162" s="93"/>
      <c r="BB4162" s="93"/>
      <c r="BC4162" s="93"/>
      <c r="BD4162" s="93"/>
      <c r="BE4162" s="93"/>
      <c r="BF4162" s="93"/>
      <c r="BG4162" s="93"/>
      <c r="BH4162" s="93"/>
      <c r="BI4162" s="93"/>
      <c r="BJ4162" s="93"/>
      <c r="BK4162" s="93"/>
      <c r="BL4162" s="93"/>
    </row>
    <row r="4163" spans="2:64" x14ac:dyDescent="0.2">
      <c r="B4163" s="43"/>
      <c r="C4163" s="73"/>
      <c r="D4163" s="64"/>
      <c r="E4163" s="55"/>
      <c r="F4163" s="74"/>
      <c r="G4163" s="74"/>
      <c r="H4163" s="74"/>
      <c r="I4163" s="75"/>
      <c r="J4163" s="74"/>
      <c r="L4163" s="55"/>
      <c r="M4163" s="234"/>
      <c r="N4163" s="65"/>
      <c r="O4163" s="76"/>
      <c r="P4163" s="76"/>
      <c r="Q4163" s="65"/>
      <c r="R4163" s="76"/>
      <c r="S4163" s="76"/>
      <c r="T4163" s="76"/>
      <c r="U4163" s="76"/>
      <c r="V4163" s="76"/>
      <c r="W4163" s="76"/>
      <c r="X4163" s="76"/>
      <c r="Y4163" s="76"/>
      <c r="Z4163" s="76"/>
      <c r="AA4163" s="85"/>
      <c r="AB4163" s="85"/>
      <c r="AC4163" s="85"/>
      <c r="AD4163" s="85"/>
      <c r="AE4163" s="85"/>
      <c r="AF4163" s="85"/>
      <c r="AG4163" s="86"/>
      <c r="AH4163" s="85"/>
      <c r="AI4163" s="85"/>
      <c r="AJ4163" s="85"/>
      <c r="AK4163" s="85"/>
      <c r="AL4163" s="85"/>
      <c r="AM4163" s="92"/>
      <c r="AN4163" s="92"/>
      <c r="AO4163" s="92"/>
      <c r="AP4163" s="92"/>
      <c r="AQ4163" s="92"/>
      <c r="AR4163" s="92"/>
      <c r="AS4163" s="92"/>
      <c r="AT4163" s="92"/>
      <c r="AU4163" s="92"/>
      <c r="AV4163" s="92"/>
      <c r="AW4163" s="92"/>
      <c r="AX4163" s="92"/>
      <c r="AY4163" s="92"/>
      <c r="AZ4163" s="93"/>
      <c r="BA4163" s="93"/>
      <c r="BB4163" s="93"/>
      <c r="BC4163" s="93"/>
      <c r="BD4163" s="93"/>
      <c r="BE4163" s="93"/>
      <c r="BF4163" s="93"/>
      <c r="BG4163" s="93"/>
      <c r="BH4163" s="93"/>
      <c r="BI4163" s="93"/>
      <c r="BJ4163" s="93"/>
      <c r="BK4163" s="93"/>
      <c r="BL4163" s="93"/>
    </row>
    <row r="4164" spans="2:64" x14ac:dyDescent="0.2">
      <c r="B4164" s="43"/>
      <c r="C4164" s="73"/>
      <c r="D4164" s="64"/>
      <c r="E4164" s="55"/>
      <c r="F4164" s="74"/>
      <c r="G4164" s="74"/>
      <c r="H4164" s="74"/>
      <c r="I4164" s="75"/>
      <c r="J4164" s="74"/>
      <c r="L4164" s="55"/>
      <c r="M4164" s="234"/>
      <c r="N4164" s="65"/>
      <c r="O4164" s="76"/>
      <c r="P4164" s="76"/>
      <c r="Q4164" s="65"/>
      <c r="R4164" s="76"/>
      <c r="S4164" s="76"/>
      <c r="T4164" s="76"/>
      <c r="U4164" s="76"/>
      <c r="V4164" s="76"/>
      <c r="W4164" s="76"/>
      <c r="X4164" s="76"/>
      <c r="Y4164" s="76"/>
      <c r="Z4164" s="76"/>
      <c r="AA4164" s="85"/>
      <c r="AB4164" s="85"/>
      <c r="AC4164" s="85"/>
      <c r="AD4164" s="85"/>
      <c r="AE4164" s="85"/>
      <c r="AF4164" s="85"/>
      <c r="AG4164" s="86"/>
      <c r="AH4164" s="85"/>
      <c r="AI4164" s="85"/>
      <c r="AJ4164" s="85"/>
      <c r="AK4164" s="85"/>
      <c r="AL4164" s="85"/>
      <c r="AM4164" s="92"/>
      <c r="AN4164" s="92"/>
      <c r="AO4164" s="92"/>
      <c r="AP4164" s="92"/>
      <c r="AQ4164" s="92"/>
      <c r="AR4164" s="92"/>
      <c r="AS4164" s="92"/>
      <c r="AT4164" s="92"/>
      <c r="AU4164" s="92"/>
      <c r="AV4164" s="92"/>
      <c r="AW4164" s="92"/>
      <c r="AX4164" s="92"/>
      <c r="AY4164" s="92"/>
      <c r="AZ4164" s="93"/>
      <c r="BA4164" s="93"/>
      <c r="BB4164" s="93"/>
      <c r="BC4164" s="93"/>
      <c r="BD4164" s="93"/>
      <c r="BE4164" s="93"/>
      <c r="BF4164" s="93"/>
      <c r="BG4164" s="93"/>
      <c r="BH4164" s="93"/>
      <c r="BI4164" s="93"/>
      <c r="BJ4164" s="93"/>
      <c r="BK4164" s="93"/>
      <c r="BL4164" s="93"/>
    </row>
    <row r="4165" spans="2:64" x14ac:dyDescent="0.2">
      <c r="B4165" s="43"/>
      <c r="C4165" s="73"/>
      <c r="D4165" s="64"/>
      <c r="E4165" s="55"/>
      <c r="F4165" s="74"/>
      <c r="G4165" s="74"/>
      <c r="H4165" s="74"/>
      <c r="I4165" s="75"/>
      <c r="J4165" s="74"/>
      <c r="L4165" s="55"/>
      <c r="M4165" s="234"/>
      <c r="N4165" s="65"/>
      <c r="O4165" s="76"/>
      <c r="P4165" s="76"/>
      <c r="Q4165" s="65"/>
      <c r="R4165" s="76"/>
      <c r="S4165" s="76"/>
      <c r="T4165" s="76"/>
      <c r="U4165" s="76"/>
      <c r="V4165" s="76"/>
      <c r="W4165" s="76"/>
      <c r="X4165" s="76"/>
      <c r="Y4165" s="76"/>
      <c r="Z4165" s="76"/>
      <c r="AA4165" s="85"/>
      <c r="AB4165" s="85"/>
      <c r="AC4165" s="85"/>
      <c r="AD4165" s="85"/>
      <c r="AE4165" s="85"/>
      <c r="AF4165" s="85"/>
      <c r="AG4165" s="86"/>
      <c r="AH4165" s="85"/>
      <c r="AI4165" s="85"/>
      <c r="AJ4165" s="85"/>
      <c r="AK4165" s="85"/>
      <c r="AL4165" s="85"/>
      <c r="AM4165" s="92"/>
      <c r="AN4165" s="92"/>
      <c r="AO4165" s="92"/>
      <c r="AP4165" s="92"/>
      <c r="AQ4165" s="92"/>
      <c r="AR4165" s="92"/>
      <c r="AS4165" s="92"/>
      <c r="AT4165" s="92"/>
      <c r="AU4165" s="92"/>
      <c r="AV4165" s="92"/>
      <c r="AW4165" s="92"/>
      <c r="AX4165" s="92"/>
      <c r="AY4165" s="92"/>
      <c r="AZ4165" s="93"/>
      <c r="BA4165" s="93"/>
      <c r="BB4165" s="93"/>
      <c r="BC4165" s="93"/>
      <c r="BD4165" s="93"/>
      <c r="BE4165" s="93"/>
      <c r="BF4165" s="93"/>
      <c r="BG4165" s="93"/>
      <c r="BH4165" s="93"/>
      <c r="BI4165" s="93"/>
      <c r="BJ4165" s="93"/>
      <c r="BK4165" s="93"/>
      <c r="BL4165" s="93"/>
    </row>
    <row r="4166" spans="2:64" x14ac:dyDescent="0.2">
      <c r="B4166" s="43"/>
      <c r="C4166" s="73"/>
      <c r="D4166" s="64"/>
      <c r="E4166" s="55"/>
      <c r="F4166" s="74"/>
      <c r="G4166" s="74"/>
      <c r="H4166" s="74"/>
      <c r="I4166" s="75"/>
      <c r="J4166" s="74"/>
      <c r="L4166" s="55"/>
      <c r="M4166" s="234"/>
      <c r="N4166" s="65"/>
      <c r="O4166" s="76"/>
      <c r="P4166" s="76"/>
      <c r="Q4166" s="65"/>
      <c r="R4166" s="76"/>
      <c r="S4166" s="76"/>
      <c r="T4166" s="76"/>
      <c r="U4166" s="76"/>
      <c r="V4166" s="76"/>
      <c r="W4166" s="76"/>
      <c r="X4166" s="76"/>
      <c r="Y4166" s="76"/>
      <c r="Z4166" s="76"/>
      <c r="AA4166" s="85"/>
      <c r="AB4166" s="85"/>
      <c r="AC4166" s="85"/>
      <c r="AD4166" s="85"/>
      <c r="AE4166" s="85"/>
      <c r="AF4166" s="85"/>
      <c r="AG4166" s="86"/>
      <c r="AH4166" s="85"/>
      <c r="AI4166" s="85"/>
      <c r="AJ4166" s="85"/>
      <c r="AK4166" s="85"/>
      <c r="AL4166" s="85"/>
      <c r="AM4166" s="92"/>
      <c r="AN4166" s="92"/>
      <c r="AO4166" s="92"/>
      <c r="AP4166" s="92"/>
      <c r="AQ4166" s="92"/>
      <c r="AR4166" s="92"/>
      <c r="AS4166" s="92"/>
      <c r="AT4166" s="92"/>
      <c r="AU4166" s="92"/>
      <c r="AV4166" s="92"/>
      <c r="AW4166" s="92"/>
      <c r="AX4166" s="92"/>
      <c r="AY4166" s="92"/>
      <c r="AZ4166" s="93"/>
      <c r="BA4166" s="93"/>
      <c r="BB4166" s="93"/>
      <c r="BC4166" s="93"/>
      <c r="BD4166" s="93"/>
      <c r="BE4166" s="93"/>
      <c r="BF4166" s="93"/>
      <c r="BG4166" s="93"/>
      <c r="BH4166" s="93"/>
      <c r="BI4166" s="93"/>
      <c r="BJ4166" s="93"/>
      <c r="BK4166" s="93"/>
      <c r="BL4166" s="93"/>
    </row>
    <row r="4167" spans="2:64" x14ac:dyDescent="0.2">
      <c r="B4167" s="43"/>
      <c r="C4167" s="73"/>
      <c r="D4167" s="64"/>
      <c r="E4167" s="55"/>
      <c r="F4167" s="74"/>
      <c r="G4167" s="74"/>
      <c r="H4167" s="74"/>
      <c r="I4167" s="75"/>
      <c r="J4167" s="74"/>
      <c r="L4167" s="55"/>
      <c r="M4167" s="234"/>
      <c r="N4167" s="65"/>
      <c r="O4167" s="76"/>
      <c r="P4167" s="76"/>
      <c r="Q4167" s="65"/>
      <c r="R4167" s="76"/>
      <c r="S4167" s="76"/>
      <c r="T4167" s="76"/>
      <c r="U4167" s="76"/>
      <c r="V4167" s="76"/>
      <c r="W4167" s="76"/>
      <c r="X4167" s="76"/>
      <c r="Y4167" s="76"/>
      <c r="Z4167" s="76"/>
      <c r="AA4167" s="85"/>
      <c r="AB4167" s="85"/>
      <c r="AC4167" s="85"/>
      <c r="AD4167" s="85"/>
      <c r="AE4167" s="85"/>
      <c r="AF4167" s="85"/>
      <c r="AG4167" s="86"/>
      <c r="AH4167" s="85"/>
      <c r="AI4167" s="85"/>
      <c r="AJ4167" s="85"/>
      <c r="AK4167" s="85"/>
      <c r="AL4167" s="85"/>
      <c r="AM4167" s="92"/>
      <c r="AN4167" s="92"/>
      <c r="AO4167" s="92"/>
      <c r="AP4167" s="92"/>
      <c r="AQ4167" s="92"/>
      <c r="AR4167" s="92"/>
      <c r="AS4167" s="92"/>
      <c r="AT4167" s="92"/>
      <c r="AU4167" s="92"/>
      <c r="AV4167" s="92"/>
      <c r="AW4167" s="92"/>
      <c r="AX4167" s="92"/>
      <c r="AY4167" s="92"/>
      <c r="AZ4167" s="93"/>
      <c r="BA4167" s="93"/>
      <c r="BB4167" s="93"/>
      <c r="BC4167" s="93"/>
      <c r="BD4167" s="93"/>
      <c r="BE4167" s="93"/>
      <c r="BF4167" s="93"/>
      <c r="BG4167" s="93"/>
      <c r="BH4167" s="93"/>
      <c r="BI4167" s="93"/>
      <c r="BJ4167" s="93"/>
      <c r="BK4167" s="93"/>
      <c r="BL4167" s="93"/>
    </row>
    <row r="4168" spans="2:64" x14ac:dyDescent="0.2">
      <c r="B4168" s="43"/>
      <c r="C4168" s="73"/>
      <c r="D4168" s="64"/>
      <c r="E4168" s="55"/>
      <c r="F4168" s="74"/>
      <c r="G4168" s="74"/>
      <c r="H4168" s="74"/>
      <c r="I4168" s="75"/>
      <c r="J4168" s="74"/>
      <c r="L4168" s="55"/>
      <c r="M4168" s="234"/>
      <c r="N4168" s="65"/>
      <c r="O4168" s="76"/>
      <c r="P4168" s="76"/>
      <c r="Q4168" s="65"/>
      <c r="R4168" s="76"/>
      <c r="S4168" s="76"/>
      <c r="T4168" s="76"/>
      <c r="U4168" s="76"/>
      <c r="V4168" s="76"/>
      <c r="W4168" s="76"/>
      <c r="X4168" s="76"/>
      <c r="Y4168" s="76"/>
      <c r="Z4168" s="76"/>
      <c r="AA4168" s="85"/>
      <c r="AB4168" s="85"/>
      <c r="AC4168" s="85"/>
      <c r="AD4168" s="85"/>
      <c r="AE4168" s="85"/>
      <c r="AF4168" s="85"/>
      <c r="AG4168" s="86"/>
      <c r="AH4168" s="85"/>
      <c r="AI4168" s="85"/>
      <c r="AJ4168" s="85"/>
      <c r="AK4168" s="85"/>
      <c r="AL4168" s="85"/>
      <c r="AM4168" s="92"/>
      <c r="AN4168" s="92"/>
      <c r="AO4168" s="92"/>
      <c r="AP4168" s="92"/>
      <c r="AQ4168" s="92"/>
      <c r="AR4168" s="92"/>
      <c r="AS4168" s="92"/>
      <c r="AT4168" s="92"/>
      <c r="AU4168" s="92"/>
      <c r="AV4168" s="92"/>
      <c r="AW4168" s="92"/>
      <c r="AX4168" s="92"/>
      <c r="AY4168" s="92"/>
      <c r="AZ4168" s="93"/>
      <c r="BA4168" s="93"/>
      <c r="BB4168" s="93"/>
      <c r="BC4168" s="93"/>
      <c r="BD4168" s="93"/>
      <c r="BE4168" s="93"/>
      <c r="BF4168" s="93"/>
      <c r="BG4168" s="93"/>
      <c r="BH4168" s="93"/>
      <c r="BI4168" s="93"/>
      <c r="BJ4168" s="93"/>
      <c r="BK4168" s="93"/>
      <c r="BL4168" s="93"/>
    </row>
    <row r="4169" spans="2:64" x14ac:dyDescent="0.2">
      <c r="B4169" s="43"/>
      <c r="C4169" s="73"/>
      <c r="D4169" s="64"/>
      <c r="E4169" s="55"/>
      <c r="F4169" s="74"/>
      <c r="G4169" s="74"/>
      <c r="H4169" s="74"/>
      <c r="I4169" s="75"/>
      <c r="J4169" s="74"/>
      <c r="L4169" s="55"/>
      <c r="M4169" s="234"/>
      <c r="N4169" s="65"/>
      <c r="O4169" s="76"/>
      <c r="P4169" s="76"/>
      <c r="Q4169" s="65"/>
      <c r="R4169" s="76"/>
      <c r="S4169" s="76"/>
      <c r="T4169" s="76"/>
      <c r="U4169" s="76"/>
      <c r="V4169" s="76"/>
      <c r="W4169" s="76"/>
      <c r="X4169" s="76"/>
      <c r="Y4169" s="76"/>
      <c r="Z4169" s="76"/>
      <c r="AA4169" s="85"/>
      <c r="AB4169" s="85"/>
      <c r="AC4169" s="85"/>
      <c r="AD4169" s="85"/>
      <c r="AE4169" s="85"/>
      <c r="AF4169" s="85"/>
      <c r="AG4169" s="86"/>
      <c r="AH4169" s="85"/>
      <c r="AI4169" s="85"/>
      <c r="AJ4169" s="85"/>
      <c r="AK4169" s="85"/>
      <c r="AL4169" s="85"/>
      <c r="AM4169" s="92"/>
      <c r="AN4169" s="92"/>
      <c r="AO4169" s="92"/>
      <c r="AP4169" s="92"/>
      <c r="AQ4169" s="92"/>
      <c r="AR4169" s="92"/>
      <c r="AS4169" s="92"/>
      <c r="AT4169" s="92"/>
      <c r="AU4169" s="92"/>
      <c r="AV4169" s="92"/>
      <c r="AW4169" s="92"/>
      <c r="AX4169" s="92"/>
      <c r="AY4169" s="92"/>
      <c r="AZ4169" s="93"/>
      <c r="BA4169" s="93"/>
      <c r="BB4169" s="93"/>
      <c r="BC4169" s="93"/>
      <c r="BD4169" s="93"/>
      <c r="BE4169" s="93"/>
      <c r="BF4169" s="93"/>
      <c r="BG4169" s="93"/>
      <c r="BH4169" s="93"/>
      <c r="BI4169" s="93"/>
      <c r="BJ4169" s="93"/>
      <c r="BK4169" s="93"/>
      <c r="BL4169" s="93"/>
    </row>
    <row r="4170" spans="2:64" x14ac:dyDescent="0.2">
      <c r="B4170" s="43"/>
      <c r="C4170" s="73"/>
      <c r="D4170" s="64"/>
      <c r="E4170" s="55"/>
      <c r="F4170" s="74"/>
      <c r="G4170" s="74"/>
      <c r="H4170" s="74"/>
      <c r="I4170" s="75"/>
      <c r="J4170" s="74"/>
      <c r="L4170" s="55"/>
      <c r="M4170" s="234"/>
      <c r="N4170" s="65"/>
      <c r="O4170" s="76"/>
      <c r="P4170" s="76"/>
      <c r="Q4170" s="65"/>
      <c r="R4170" s="76"/>
      <c r="S4170" s="76"/>
      <c r="T4170" s="76"/>
      <c r="U4170" s="76"/>
      <c r="V4170" s="76"/>
      <c r="W4170" s="76"/>
      <c r="X4170" s="76"/>
      <c r="Y4170" s="76"/>
      <c r="Z4170" s="76"/>
      <c r="AA4170" s="85"/>
      <c r="AB4170" s="85"/>
      <c r="AC4170" s="85"/>
      <c r="AD4170" s="85"/>
      <c r="AE4170" s="85"/>
      <c r="AF4170" s="85"/>
      <c r="AG4170" s="86"/>
      <c r="AH4170" s="85"/>
      <c r="AI4170" s="85"/>
      <c r="AJ4170" s="85"/>
      <c r="AK4170" s="85"/>
      <c r="AL4170" s="85"/>
      <c r="AM4170" s="92"/>
      <c r="AN4170" s="92"/>
      <c r="AO4170" s="92"/>
      <c r="AP4170" s="92"/>
      <c r="AQ4170" s="92"/>
      <c r="AR4170" s="92"/>
      <c r="AS4170" s="92"/>
      <c r="AT4170" s="92"/>
      <c r="AU4170" s="92"/>
      <c r="AV4170" s="92"/>
      <c r="AW4170" s="92"/>
      <c r="AX4170" s="92"/>
      <c r="AY4170" s="92"/>
      <c r="AZ4170" s="93"/>
      <c r="BA4170" s="93"/>
      <c r="BB4170" s="93"/>
      <c r="BC4170" s="93"/>
      <c r="BD4170" s="93"/>
      <c r="BE4170" s="93"/>
      <c r="BF4170" s="93"/>
      <c r="BG4170" s="93"/>
      <c r="BH4170" s="93"/>
      <c r="BI4170" s="93"/>
      <c r="BJ4170" s="93"/>
      <c r="BK4170" s="93"/>
      <c r="BL4170" s="93"/>
    </row>
    <row r="4171" spans="2:64" x14ac:dyDescent="0.2">
      <c r="B4171" s="43"/>
      <c r="C4171" s="73"/>
      <c r="D4171" s="64"/>
      <c r="E4171" s="55"/>
      <c r="F4171" s="74"/>
      <c r="G4171" s="74"/>
      <c r="H4171" s="74"/>
      <c r="I4171" s="75"/>
      <c r="J4171" s="74"/>
      <c r="L4171" s="55"/>
      <c r="M4171" s="234"/>
      <c r="N4171" s="65"/>
      <c r="O4171" s="76"/>
      <c r="P4171" s="76"/>
      <c r="Q4171" s="65"/>
      <c r="R4171" s="76"/>
      <c r="S4171" s="76"/>
      <c r="T4171" s="76"/>
      <c r="U4171" s="76"/>
      <c r="V4171" s="76"/>
      <c r="W4171" s="76"/>
      <c r="X4171" s="76"/>
      <c r="Y4171" s="76"/>
      <c r="Z4171" s="76"/>
      <c r="AA4171" s="85"/>
      <c r="AB4171" s="85"/>
      <c r="AC4171" s="85"/>
      <c r="AD4171" s="85"/>
      <c r="AE4171" s="85"/>
      <c r="AF4171" s="85"/>
      <c r="AG4171" s="86"/>
      <c r="AH4171" s="85"/>
      <c r="AI4171" s="85"/>
      <c r="AJ4171" s="85"/>
      <c r="AK4171" s="85"/>
      <c r="AL4171" s="85"/>
      <c r="AM4171" s="92"/>
      <c r="AN4171" s="92"/>
      <c r="AO4171" s="92"/>
      <c r="AP4171" s="92"/>
      <c r="AQ4171" s="92"/>
      <c r="AR4171" s="92"/>
      <c r="AS4171" s="92"/>
      <c r="AT4171" s="92"/>
      <c r="AU4171" s="92"/>
      <c r="AV4171" s="92"/>
      <c r="AW4171" s="92"/>
      <c r="AX4171" s="92"/>
      <c r="AY4171" s="92"/>
      <c r="AZ4171" s="93"/>
      <c r="BA4171" s="93"/>
      <c r="BB4171" s="93"/>
      <c r="BC4171" s="93"/>
      <c r="BD4171" s="93"/>
      <c r="BE4171" s="93"/>
      <c r="BF4171" s="93"/>
      <c r="BG4171" s="93"/>
      <c r="BH4171" s="93"/>
      <c r="BI4171" s="93"/>
      <c r="BJ4171" s="93"/>
      <c r="BK4171" s="93"/>
      <c r="BL4171" s="93"/>
    </row>
    <row r="4172" spans="2:64" x14ac:dyDescent="0.2">
      <c r="B4172" s="43"/>
      <c r="C4172" s="73"/>
      <c r="D4172" s="64"/>
      <c r="E4172" s="55"/>
      <c r="F4172" s="74"/>
      <c r="G4172" s="74"/>
      <c r="H4172" s="74"/>
      <c r="I4172" s="75"/>
      <c r="J4172" s="74"/>
      <c r="L4172" s="55"/>
      <c r="M4172" s="234"/>
      <c r="N4172" s="65"/>
      <c r="O4172" s="76"/>
      <c r="P4172" s="76"/>
      <c r="Q4172" s="65"/>
      <c r="R4172" s="76"/>
      <c r="S4172" s="76"/>
      <c r="T4172" s="76"/>
      <c r="U4172" s="76"/>
      <c r="V4172" s="76"/>
      <c r="W4172" s="76"/>
      <c r="X4172" s="76"/>
      <c r="Y4172" s="76"/>
      <c r="Z4172" s="76"/>
      <c r="AA4172" s="85"/>
      <c r="AB4172" s="85"/>
      <c r="AC4172" s="85"/>
      <c r="AD4172" s="85"/>
      <c r="AE4172" s="85"/>
      <c r="AF4172" s="85"/>
      <c r="AG4172" s="86"/>
      <c r="AH4172" s="85"/>
      <c r="AI4172" s="85"/>
      <c r="AJ4172" s="85"/>
      <c r="AK4172" s="85"/>
      <c r="AL4172" s="85"/>
      <c r="AM4172" s="92"/>
      <c r="AN4172" s="92"/>
      <c r="AO4172" s="92"/>
      <c r="AP4172" s="92"/>
      <c r="AQ4172" s="92"/>
      <c r="AR4172" s="92"/>
      <c r="AS4172" s="92"/>
      <c r="AT4172" s="92"/>
      <c r="AU4172" s="92"/>
      <c r="AV4172" s="92"/>
      <c r="AW4172" s="92"/>
      <c r="AX4172" s="92"/>
      <c r="AY4172" s="92"/>
      <c r="AZ4172" s="93"/>
      <c r="BA4172" s="93"/>
      <c r="BB4172" s="93"/>
      <c r="BC4172" s="93"/>
      <c r="BD4172" s="93"/>
      <c r="BE4172" s="93"/>
      <c r="BF4172" s="93"/>
      <c r="BG4172" s="93"/>
      <c r="BH4172" s="93"/>
      <c r="BI4172" s="93"/>
      <c r="BJ4172" s="93"/>
      <c r="BK4172" s="93"/>
      <c r="BL4172" s="93"/>
    </row>
    <row r="4173" spans="2:64" x14ac:dyDescent="0.2">
      <c r="B4173" s="43"/>
      <c r="C4173" s="73"/>
      <c r="D4173" s="64"/>
      <c r="E4173" s="55"/>
      <c r="F4173" s="74"/>
      <c r="G4173" s="74"/>
      <c r="H4173" s="74"/>
      <c r="I4173" s="75"/>
      <c r="J4173" s="74"/>
      <c r="L4173" s="55"/>
      <c r="M4173" s="234"/>
      <c r="N4173" s="65"/>
      <c r="O4173" s="76"/>
      <c r="P4173" s="76"/>
      <c r="Q4173" s="65"/>
      <c r="R4173" s="76"/>
      <c r="S4173" s="76"/>
      <c r="T4173" s="76"/>
      <c r="U4173" s="76"/>
      <c r="V4173" s="76"/>
      <c r="W4173" s="76"/>
      <c r="X4173" s="76"/>
      <c r="Y4173" s="76"/>
      <c r="Z4173" s="76"/>
      <c r="AA4173" s="85"/>
      <c r="AB4173" s="85"/>
      <c r="AC4173" s="85"/>
      <c r="AD4173" s="85"/>
      <c r="AE4173" s="85"/>
      <c r="AF4173" s="85"/>
      <c r="AG4173" s="86"/>
      <c r="AH4173" s="85"/>
      <c r="AI4173" s="85"/>
      <c r="AJ4173" s="85"/>
      <c r="AK4173" s="85"/>
      <c r="AL4173" s="85"/>
      <c r="AM4173" s="92"/>
      <c r="AN4173" s="92"/>
      <c r="AO4173" s="92"/>
      <c r="AP4173" s="92"/>
      <c r="AQ4173" s="92"/>
      <c r="AR4173" s="92"/>
      <c r="AS4173" s="92"/>
      <c r="AT4173" s="92"/>
      <c r="AU4173" s="92"/>
      <c r="AV4173" s="92"/>
      <c r="AW4173" s="92"/>
      <c r="AX4173" s="92"/>
      <c r="AY4173" s="92"/>
      <c r="AZ4173" s="93"/>
      <c r="BA4173" s="93"/>
      <c r="BB4173" s="93"/>
      <c r="BC4173" s="93"/>
      <c r="BD4173" s="93"/>
      <c r="BE4173" s="93"/>
      <c r="BF4173" s="93"/>
      <c r="BG4173" s="93"/>
      <c r="BH4173" s="93"/>
      <c r="BI4173" s="93"/>
      <c r="BJ4173" s="93"/>
      <c r="BK4173" s="93"/>
      <c r="BL4173" s="93"/>
    </row>
    <row r="4174" spans="2:64" x14ac:dyDescent="0.2">
      <c r="B4174" s="43"/>
      <c r="C4174" s="73"/>
      <c r="D4174" s="64"/>
      <c r="E4174" s="55"/>
      <c r="F4174" s="74"/>
      <c r="G4174" s="74"/>
      <c r="H4174" s="74"/>
      <c r="I4174" s="75"/>
      <c r="J4174" s="74"/>
      <c r="L4174" s="55"/>
      <c r="M4174" s="234"/>
      <c r="N4174" s="65"/>
      <c r="O4174" s="76"/>
      <c r="P4174" s="76"/>
      <c r="Q4174" s="65"/>
      <c r="R4174" s="76"/>
      <c r="S4174" s="76"/>
      <c r="T4174" s="76"/>
      <c r="U4174" s="76"/>
      <c r="V4174" s="76"/>
      <c r="W4174" s="76"/>
      <c r="X4174" s="76"/>
      <c r="Y4174" s="76"/>
      <c r="Z4174" s="76"/>
      <c r="AA4174" s="85"/>
      <c r="AB4174" s="85"/>
      <c r="AC4174" s="85"/>
      <c r="AD4174" s="85"/>
      <c r="AE4174" s="85"/>
      <c r="AF4174" s="85"/>
      <c r="AG4174" s="86"/>
      <c r="AH4174" s="85"/>
      <c r="AI4174" s="85"/>
      <c r="AJ4174" s="85"/>
      <c r="AK4174" s="85"/>
      <c r="AL4174" s="85"/>
      <c r="AM4174" s="92"/>
      <c r="AN4174" s="92"/>
      <c r="AO4174" s="92"/>
      <c r="AP4174" s="92"/>
      <c r="AQ4174" s="92"/>
      <c r="AR4174" s="92"/>
      <c r="AS4174" s="92"/>
      <c r="AT4174" s="92"/>
      <c r="AU4174" s="92"/>
      <c r="AV4174" s="92"/>
      <c r="AW4174" s="92"/>
      <c r="AX4174" s="92"/>
      <c r="AY4174" s="92"/>
      <c r="AZ4174" s="93"/>
      <c r="BA4174" s="93"/>
      <c r="BB4174" s="93"/>
      <c r="BC4174" s="93"/>
      <c r="BD4174" s="93"/>
      <c r="BE4174" s="93"/>
      <c r="BF4174" s="93"/>
      <c r="BG4174" s="93"/>
      <c r="BH4174" s="93"/>
      <c r="BI4174" s="93"/>
      <c r="BJ4174" s="93"/>
      <c r="BK4174" s="93"/>
      <c r="BL4174" s="93"/>
    </row>
    <row r="4175" spans="2:64" x14ac:dyDescent="0.2">
      <c r="B4175" s="43"/>
      <c r="C4175" s="73"/>
      <c r="D4175" s="64"/>
      <c r="E4175" s="55"/>
      <c r="F4175" s="74"/>
      <c r="G4175" s="74"/>
      <c r="H4175" s="74"/>
      <c r="I4175" s="75"/>
      <c r="J4175" s="74"/>
      <c r="L4175" s="55"/>
      <c r="M4175" s="234"/>
      <c r="N4175" s="65"/>
      <c r="O4175" s="76"/>
      <c r="P4175" s="76"/>
      <c r="Q4175" s="65"/>
      <c r="R4175" s="76"/>
      <c r="S4175" s="76"/>
      <c r="T4175" s="76"/>
      <c r="U4175" s="76"/>
      <c r="V4175" s="76"/>
      <c r="W4175" s="76"/>
      <c r="X4175" s="76"/>
      <c r="Y4175" s="76"/>
      <c r="Z4175" s="76"/>
      <c r="AA4175" s="85"/>
      <c r="AB4175" s="85"/>
      <c r="AC4175" s="85"/>
      <c r="AD4175" s="85"/>
      <c r="AE4175" s="85"/>
      <c r="AF4175" s="85"/>
      <c r="AG4175" s="86"/>
      <c r="AH4175" s="85"/>
      <c r="AI4175" s="85"/>
      <c r="AJ4175" s="85"/>
      <c r="AK4175" s="85"/>
      <c r="AL4175" s="85"/>
      <c r="AM4175" s="92"/>
      <c r="AN4175" s="92"/>
      <c r="AO4175" s="92"/>
      <c r="AP4175" s="92"/>
      <c r="AQ4175" s="92"/>
      <c r="AR4175" s="92"/>
      <c r="AS4175" s="92"/>
      <c r="AT4175" s="92"/>
      <c r="AU4175" s="92"/>
      <c r="AV4175" s="92"/>
      <c r="AW4175" s="92"/>
      <c r="AX4175" s="92"/>
      <c r="AY4175" s="92"/>
      <c r="AZ4175" s="93"/>
      <c r="BA4175" s="93"/>
      <c r="BB4175" s="93"/>
      <c r="BC4175" s="93"/>
      <c r="BD4175" s="93"/>
      <c r="BE4175" s="93"/>
      <c r="BF4175" s="93"/>
      <c r="BG4175" s="93"/>
      <c r="BH4175" s="93"/>
      <c r="BI4175" s="93"/>
      <c r="BJ4175" s="93"/>
      <c r="BK4175" s="93"/>
      <c r="BL4175" s="93"/>
    </row>
    <row r="4176" spans="2:64" x14ac:dyDescent="0.2">
      <c r="B4176" s="43"/>
      <c r="C4176" s="73"/>
      <c r="D4176" s="64"/>
      <c r="E4176" s="55"/>
      <c r="F4176" s="74"/>
      <c r="G4176" s="74"/>
      <c r="H4176" s="74"/>
      <c r="I4176" s="75"/>
      <c r="J4176" s="74"/>
      <c r="L4176" s="55"/>
      <c r="M4176" s="234"/>
      <c r="N4176" s="65"/>
      <c r="O4176" s="76"/>
      <c r="P4176" s="76"/>
      <c r="Q4176" s="65"/>
      <c r="R4176" s="76"/>
      <c r="S4176" s="76"/>
      <c r="T4176" s="76"/>
      <c r="U4176" s="76"/>
      <c r="V4176" s="76"/>
      <c r="W4176" s="76"/>
      <c r="X4176" s="76"/>
      <c r="Y4176" s="76"/>
      <c r="Z4176" s="76"/>
      <c r="AA4176" s="85"/>
      <c r="AB4176" s="85"/>
      <c r="AC4176" s="85"/>
      <c r="AD4176" s="85"/>
      <c r="AE4176" s="85"/>
      <c r="AF4176" s="85"/>
      <c r="AG4176" s="86"/>
      <c r="AH4176" s="85"/>
      <c r="AI4176" s="85"/>
      <c r="AJ4176" s="85"/>
      <c r="AK4176" s="85"/>
      <c r="AL4176" s="85"/>
      <c r="AM4176" s="92"/>
      <c r="AN4176" s="92"/>
      <c r="AO4176" s="92"/>
      <c r="AP4176" s="92"/>
      <c r="AQ4176" s="92"/>
      <c r="AR4176" s="92"/>
      <c r="AS4176" s="92"/>
      <c r="AT4176" s="92"/>
      <c r="AU4176" s="92"/>
      <c r="AV4176" s="92"/>
      <c r="AW4176" s="92"/>
      <c r="AX4176" s="92"/>
      <c r="AY4176" s="92"/>
      <c r="AZ4176" s="93"/>
      <c r="BA4176" s="93"/>
      <c r="BB4176" s="93"/>
      <c r="BC4176" s="93"/>
      <c r="BD4176" s="93"/>
      <c r="BE4176" s="93"/>
      <c r="BF4176" s="93"/>
      <c r="BG4176" s="93"/>
      <c r="BH4176" s="93"/>
      <c r="BI4176" s="93"/>
      <c r="BJ4176" s="93"/>
      <c r="BK4176" s="93"/>
      <c r="BL4176" s="93"/>
    </row>
    <row r="4177" spans="2:64" x14ac:dyDescent="0.2">
      <c r="B4177" s="43"/>
      <c r="C4177" s="73"/>
      <c r="D4177" s="64"/>
      <c r="E4177" s="55"/>
      <c r="F4177" s="74"/>
      <c r="G4177" s="74"/>
      <c r="H4177" s="74"/>
      <c r="I4177" s="75"/>
      <c r="J4177" s="74"/>
      <c r="L4177" s="55"/>
      <c r="M4177" s="234"/>
      <c r="N4177" s="65"/>
      <c r="O4177" s="76"/>
      <c r="P4177" s="76"/>
      <c r="Q4177" s="65"/>
      <c r="R4177" s="76"/>
      <c r="S4177" s="76"/>
      <c r="T4177" s="76"/>
      <c r="U4177" s="76"/>
      <c r="V4177" s="76"/>
      <c r="W4177" s="76"/>
      <c r="X4177" s="76"/>
      <c r="Y4177" s="76"/>
      <c r="Z4177" s="76"/>
      <c r="AA4177" s="85"/>
      <c r="AB4177" s="85"/>
      <c r="AC4177" s="85"/>
      <c r="AD4177" s="85"/>
      <c r="AE4177" s="85"/>
      <c r="AF4177" s="85"/>
      <c r="AG4177" s="86"/>
      <c r="AH4177" s="85"/>
      <c r="AI4177" s="85"/>
      <c r="AJ4177" s="85"/>
      <c r="AK4177" s="85"/>
      <c r="AL4177" s="85"/>
      <c r="AM4177" s="92"/>
      <c r="AN4177" s="92"/>
      <c r="AO4177" s="92"/>
      <c r="AP4177" s="92"/>
      <c r="AQ4177" s="92"/>
      <c r="AR4177" s="92"/>
      <c r="AS4177" s="92"/>
      <c r="AT4177" s="92"/>
      <c r="AU4177" s="92"/>
      <c r="AV4177" s="92"/>
      <c r="AW4177" s="92"/>
      <c r="AX4177" s="92"/>
      <c r="AY4177" s="92"/>
      <c r="AZ4177" s="93"/>
      <c r="BA4177" s="93"/>
      <c r="BB4177" s="93"/>
      <c r="BC4177" s="93"/>
      <c r="BD4177" s="93"/>
      <c r="BE4177" s="93"/>
      <c r="BF4177" s="93"/>
      <c r="BG4177" s="93"/>
      <c r="BH4177" s="93"/>
      <c r="BI4177" s="93"/>
      <c r="BJ4177" s="93"/>
      <c r="BK4177" s="93"/>
      <c r="BL4177" s="93"/>
    </row>
    <row r="4178" spans="2:64" x14ac:dyDescent="0.2">
      <c r="B4178" s="43"/>
      <c r="C4178" s="73"/>
      <c r="D4178" s="64"/>
      <c r="E4178" s="55"/>
      <c r="F4178" s="74"/>
      <c r="G4178" s="74"/>
      <c r="H4178" s="74"/>
      <c r="I4178" s="75"/>
      <c r="J4178" s="74"/>
      <c r="L4178" s="55"/>
      <c r="M4178" s="234"/>
      <c r="N4178" s="65"/>
      <c r="O4178" s="76"/>
      <c r="P4178" s="76"/>
      <c r="Q4178" s="65"/>
      <c r="R4178" s="76"/>
      <c r="S4178" s="76"/>
      <c r="T4178" s="76"/>
      <c r="U4178" s="76"/>
      <c r="V4178" s="76"/>
      <c r="W4178" s="76"/>
      <c r="X4178" s="76"/>
      <c r="Y4178" s="76"/>
      <c r="Z4178" s="76"/>
      <c r="AA4178" s="85"/>
      <c r="AB4178" s="85"/>
      <c r="AC4178" s="85"/>
      <c r="AD4178" s="85"/>
      <c r="AE4178" s="85"/>
      <c r="AF4178" s="85"/>
      <c r="AG4178" s="86"/>
      <c r="AH4178" s="85"/>
      <c r="AI4178" s="85"/>
      <c r="AJ4178" s="85"/>
      <c r="AK4178" s="85"/>
      <c r="AL4178" s="85"/>
      <c r="AM4178" s="92"/>
      <c r="AN4178" s="92"/>
      <c r="AO4178" s="92"/>
      <c r="AP4178" s="92"/>
      <c r="AQ4178" s="92"/>
      <c r="AR4178" s="92"/>
      <c r="AS4178" s="92"/>
      <c r="AT4178" s="92"/>
      <c r="AU4178" s="92"/>
      <c r="AV4178" s="92"/>
      <c r="AW4178" s="92"/>
      <c r="AX4178" s="92"/>
      <c r="AY4178" s="92"/>
      <c r="AZ4178" s="93"/>
      <c r="BA4178" s="93"/>
      <c r="BB4178" s="93"/>
      <c r="BC4178" s="93"/>
      <c r="BD4178" s="93"/>
      <c r="BE4178" s="93"/>
      <c r="BF4178" s="93"/>
      <c r="BG4178" s="93"/>
      <c r="BH4178" s="93"/>
      <c r="BI4178" s="93"/>
      <c r="BJ4178" s="93"/>
      <c r="BK4178" s="93"/>
      <c r="BL4178" s="93"/>
    </row>
    <row r="4179" spans="2:64" x14ac:dyDescent="0.2">
      <c r="B4179" s="43"/>
      <c r="C4179" s="73"/>
      <c r="D4179" s="64"/>
      <c r="E4179" s="55"/>
      <c r="F4179" s="74"/>
      <c r="G4179" s="74"/>
      <c r="H4179" s="74"/>
      <c r="I4179" s="75"/>
      <c r="J4179" s="74"/>
      <c r="L4179" s="55"/>
      <c r="M4179" s="234"/>
      <c r="N4179" s="65"/>
      <c r="O4179" s="76"/>
      <c r="P4179" s="76"/>
      <c r="Q4179" s="65"/>
      <c r="R4179" s="76"/>
      <c r="S4179" s="76"/>
      <c r="T4179" s="76"/>
      <c r="U4179" s="76"/>
      <c r="V4179" s="76"/>
      <c r="W4179" s="76"/>
      <c r="X4179" s="76"/>
      <c r="Y4179" s="76"/>
      <c r="Z4179" s="76"/>
      <c r="AA4179" s="85"/>
      <c r="AB4179" s="85"/>
      <c r="AC4179" s="85"/>
      <c r="AD4179" s="85"/>
      <c r="AE4179" s="85"/>
      <c r="AF4179" s="85"/>
      <c r="AG4179" s="86"/>
      <c r="AH4179" s="85"/>
      <c r="AI4179" s="85"/>
      <c r="AJ4179" s="85"/>
      <c r="AK4179" s="85"/>
      <c r="AL4179" s="85"/>
      <c r="AM4179" s="92"/>
      <c r="AN4179" s="92"/>
      <c r="AO4179" s="92"/>
      <c r="AP4179" s="92"/>
      <c r="AQ4179" s="92"/>
      <c r="AR4179" s="92"/>
      <c r="AS4179" s="92"/>
      <c r="AT4179" s="92"/>
      <c r="AU4179" s="92"/>
      <c r="AV4179" s="92"/>
      <c r="AW4179" s="92"/>
      <c r="AX4179" s="92"/>
      <c r="AY4179" s="92"/>
      <c r="AZ4179" s="93"/>
      <c r="BA4179" s="93"/>
      <c r="BB4179" s="93"/>
      <c r="BC4179" s="93"/>
      <c r="BD4179" s="93"/>
      <c r="BE4179" s="93"/>
      <c r="BF4179" s="93"/>
      <c r="BG4179" s="93"/>
      <c r="BH4179" s="93"/>
      <c r="BI4179" s="93"/>
      <c r="BJ4179" s="93"/>
      <c r="BK4179" s="93"/>
      <c r="BL4179" s="93"/>
    </row>
    <row r="4180" spans="2:64" x14ac:dyDescent="0.2">
      <c r="B4180" s="43"/>
      <c r="C4180" s="73"/>
      <c r="D4180" s="64"/>
      <c r="E4180" s="55"/>
      <c r="F4180" s="74"/>
      <c r="G4180" s="74"/>
      <c r="H4180" s="74"/>
      <c r="I4180" s="75"/>
      <c r="J4180" s="74"/>
      <c r="L4180" s="55"/>
      <c r="M4180" s="234"/>
      <c r="N4180" s="65"/>
      <c r="O4180" s="76"/>
      <c r="P4180" s="76"/>
      <c r="Q4180" s="65"/>
      <c r="R4180" s="76"/>
      <c r="S4180" s="76"/>
      <c r="T4180" s="76"/>
      <c r="U4180" s="76"/>
      <c r="V4180" s="76"/>
      <c r="W4180" s="76"/>
      <c r="X4180" s="76"/>
      <c r="Y4180" s="76"/>
      <c r="Z4180" s="76"/>
      <c r="AA4180" s="85"/>
      <c r="AB4180" s="85"/>
      <c r="AC4180" s="85"/>
      <c r="AD4180" s="85"/>
      <c r="AE4180" s="85"/>
      <c r="AF4180" s="85"/>
      <c r="AG4180" s="86"/>
      <c r="AH4180" s="85"/>
      <c r="AI4180" s="85"/>
      <c r="AJ4180" s="85"/>
      <c r="AK4180" s="85"/>
      <c r="AL4180" s="85"/>
      <c r="AM4180" s="92"/>
      <c r="AN4180" s="92"/>
      <c r="AO4180" s="92"/>
      <c r="AP4180" s="92"/>
      <c r="AQ4180" s="92"/>
      <c r="AR4180" s="92"/>
      <c r="AS4180" s="92"/>
      <c r="AT4180" s="92"/>
      <c r="AU4180" s="92"/>
      <c r="AV4180" s="92"/>
      <c r="AW4180" s="92"/>
      <c r="AX4180" s="92"/>
      <c r="AY4180" s="92"/>
      <c r="AZ4180" s="93"/>
      <c r="BA4180" s="93"/>
      <c r="BB4180" s="93"/>
      <c r="BC4180" s="93"/>
      <c r="BD4180" s="93"/>
      <c r="BE4180" s="93"/>
      <c r="BF4180" s="93"/>
      <c r="BG4180" s="93"/>
      <c r="BH4180" s="93"/>
      <c r="BI4180" s="93"/>
      <c r="BJ4180" s="93"/>
      <c r="BK4180" s="93"/>
      <c r="BL4180" s="93"/>
    </row>
    <row r="4181" spans="2:64" x14ac:dyDescent="0.2">
      <c r="B4181" s="43"/>
      <c r="C4181" s="73"/>
      <c r="D4181" s="64"/>
      <c r="E4181" s="55"/>
      <c r="F4181" s="74"/>
      <c r="G4181" s="74"/>
      <c r="H4181" s="74"/>
      <c r="I4181" s="75"/>
      <c r="J4181" s="74"/>
      <c r="L4181" s="55"/>
      <c r="M4181" s="234"/>
      <c r="N4181" s="65"/>
      <c r="O4181" s="76"/>
      <c r="P4181" s="76"/>
      <c r="Q4181" s="65"/>
      <c r="R4181" s="76"/>
      <c r="S4181" s="76"/>
      <c r="T4181" s="76"/>
      <c r="U4181" s="76"/>
      <c r="V4181" s="76"/>
      <c r="W4181" s="76"/>
      <c r="X4181" s="76"/>
      <c r="Y4181" s="76"/>
      <c r="Z4181" s="76"/>
      <c r="AA4181" s="85"/>
      <c r="AB4181" s="85"/>
      <c r="AC4181" s="85"/>
      <c r="AD4181" s="85"/>
      <c r="AE4181" s="85"/>
      <c r="AF4181" s="85"/>
      <c r="AG4181" s="86"/>
      <c r="AH4181" s="85"/>
      <c r="AI4181" s="85"/>
      <c r="AJ4181" s="85"/>
      <c r="AK4181" s="85"/>
      <c r="AL4181" s="85"/>
      <c r="AM4181" s="92"/>
      <c r="AN4181" s="92"/>
      <c r="AO4181" s="92"/>
      <c r="AP4181" s="92"/>
      <c r="AQ4181" s="92"/>
      <c r="AR4181" s="92"/>
      <c r="AS4181" s="92"/>
      <c r="AT4181" s="92"/>
      <c r="AU4181" s="92"/>
      <c r="AV4181" s="92"/>
      <c r="AW4181" s="92"/>
      <c r="AX4181" s="92"/>
      <c r="AY4181" s="92"/>
      <c r="AZ4181" s="93"/>
      <c r="BA4181" s="93"/>
      <c r="BB4181" s="93"/>
      <c r="BC4181" s="93"/>
      <c r="BD4181" s="93"/>
      <c r="BE4181" s="93"/>
      <c r="BF4181" s="93"/>
      <c r="BG4181" s="93"/>
      <c r="BH4181" s="93"/>
      <c r="BI4181" s="93"/>
      <c r="BJ4181" s="93"/>
      <c r="BK4181" s="93"/>
      <c r="BL4181" s="93"/>
    </row>
    <row r="4182" spans="2:64" x14ac:dyDescent="0.2">
      <c r="B4182" s="43"/>
      <c r="C4182" s="73"/>
      <c r="D4182" s="64"/>
      <c r="E4182" s="55"/>
      <c r="F4182" s="74"/>
      <c r="G4182" s="74"/>
      <c r="H4182" s="74"/>
      <c r="I4182" s="75"/>
      <c r="J4182" s="74"/>
      <c r="L4182" s="55"/>
      <c r="M4182" s="234"/>
      <c r="N4182" s="65"/>
      <c r="O4182" s="76"/>
      <c r="P4182" s="76"/>
      <c r="Q4182" s="65"/>
      <c r="R4182" s="76"/>
      <c r="S4182" s="76"/>
      <c r="T4182" s="76"/>
      <c r="U4182" s="76"/>
      <c r="V4182" s="76"/>
      <c r="W4182" s="76"/>
      <c r="X4182" s="76"/>
      <c r="Y4182" s="76"/>
      <c r="Z4182" s="76"/>
      <c r="AA4182" s="85"/>
      <c r="AB4182" s="85"/>
      <c r="AC4182" s="85"/>
      <c r="AD4182" s="85"/>
      <c r="AE4182" s="85"/>
      <c r="AF4182" s="85"/>
      <c r="AG4182" s="86"/>
      <c r="AH4182" s="85"/>
      <c r="AI4182" s="85"/>
      <c r="AJ4182" s="85"/>
      <c r="AK4182" s="85"/>
      <c r="AL4182" s="85"/>
      <c r="AM4182" s="92"/>
      <c r="AN4182" s="92"/>
      <c r="AO4182" s="92"/>
      <c r="AP4182" s="92"/>
      <c r="AQ4182" s="92"/>
      <c r="AR4182" s="92"/>
      <c r="AS4182" s="92"/>
      <c r="AT4182" s="92"/>
      <c r="AU4182" s="92"/>
      <c r="AV4182" s="92"/>
      <c r="AW4182" s="92"/>
      <c r="AX4182" s="92"/>
      <c r="AY4182" s="92"/>
      <c r="AZ4182" s="93"/>
      <c r="BA4182" s="93"/>
      <c r="BB4182" s="93"/>
      <c r="BC4182" s="93"/>
      <c r="BD4182" s="93"/>
      <c r="BE4182" s="93"/>
      <c r="BF4182" s="93"/>
      <c r="BG4182" s="93"/>
      <c r="BH4182" s="93"/>
      <c r="BI4182" s="93"/>
      <c r="BJ4182" s="93"/>
      <c r="BK4182" s="93"/>
      <c r="BL4182" s="93"/>
    </row>
    <row r="4183" spans="2:64" x14ac:dyDescent="0.2">
      <c r="B4183" s="43"/>
      <c r="C4183" s="73"/>
      <c r="D4183" s="64"/>
      <c r="E4183" s="55"/>
      <c r="F4183" s="74"/>
      <c r="G4183" s="74"/>
      <c r="H4183" s="74"/>
      <c r="I4183" s="75"/>
      <c r="J4183" s="74"/>
      <c r="L4183" s="55"/>
      <c r="M4183" s="234"/>
      <c r="N4183" s="65"/>
      <c r="O4183" s="76"/>
      <c r="P4183" s="76"/>
      <c r="Q4183" s="65"/>
      <c r="R4183" s="76"/>
      <c r="S4183" s="76"/>
      <c r="T4183" s="76"/>
      <c r="U4183" s="76"/>
      <c r="V4183" s="76"/>
      <c r="W4183" s="76"/>
      <c r="X4183" s="76"/>
      <c r="Y4183" s="76"/>
      <c r="Z4183" s="76"/>
      <c r="AA4183" s="85"/>
      <c r="AB4183" s="85"/>
      <c r="AC4183" s="85"/>
      <c r="AD4183" s="85"/>
      <c r="AE4183" s="85"/>
      <c r="AF4183" s="85"/>
      <c r="AG4183" s="86"/>
      <c r="AH4183" s="85"/>
      <c r="AI4183" s="85"/>
      <c r="AJ4183" s="85"/>
      <c r="AK4183" s="85"/>
      <c r="AL4183" s="85"/>
      <c r="AM4183" s="92"/>
      <c r="AN4183" s="92"/>
      <c r="AO4183" s="92"/>
      <c r="AP4183" s="92"/>
      <c r="AQ4183" s="92"/>
      <c r="AR4183" s="92"/>
      <c r="AS4183" s="92"/>
      <c r="AT4183" s="92"/>
      <c r="AU4183" s="92"/>
      <c r="AV4183" s="92"/>
      <c r="AW4183" s="92"/>
      <c r="AX4183" s="92"/>
      <c r="AY4183" s="92"/>
      <c r="AZ4183" s="93"/>
      <c r="BA4183" s="93"/>
      <c r="BB4183" s="93"/>
      <c r="BC4183" s="93"/>
      <c r="BD4183" s="93"/>
      <c r="BE4183" s="93"/>
      <c r="BF4183" s="93"/>
      <c r="BG4183" s="93"/>
      <c r="BH4183" s="93"/>
      <c r="BI4183" s="93"/>
      <c r="BJ4183" s="93"/>
      <c r="BK4183" s="93"/>
      <c r="BL4183" s="93"/>
    </row>
    <row r="4184" spans="2:64" x14ac:dyDescent="0.2">
      <c r="B4184" s="43"/>
      <c r="C4184" s="73"/>
      <c r="D4184" s="64"/>
      <c r="E4184" s="55"/>
      <c r="F4184" s="74"/>
      <c r="G4184" s="74"/>
      <c r="H4184" s="74"/>
      <c r="I4184" s="75"/>
      <c r="J4184" s="74"/>
      <c r="L4184" s="55"/>
      <c r="M4184" s="234"/>
      <c r="N4184" s="65"/>
      <c r="O4184" s="76"/>
      <c r="P4184" s="76"/>
      <c r="Q4184" s="65"/>
      <c r="R4184" s="76"/>
      <c r="S4184" s="76"/>
      <c r="T4184" s="76"/>
      <c r="U4184" s="76"/>
      <c r="V4184" s="76"/>
      <c r="W4184" s="76"/>
      <c r="X4184" s="76"/>
      <c r="Y4184" s="76"/>
      <c r="Z4184" s="76"/>
      <c r="AA4184" s="85"/>
      <c r="AB4184" s="85"/>
      <c r="AC4184" s="85"/>
      <c r="AD4184" s="85"/>
      <c r="AE4184" s="85"/>
      <c r="AF4184" s="85"/>
      <c r="AG4184" s="86"/>
      <c r="AH4184" s="85"/>
      <c r="AI4184" s="85"/>
      <c r="AJ4184" s="85"/>
      <c r="AK4184" s="85"/>
      <c r="AL4184" s="85"/>
      <c r="AM4184" s="92"/>
      <c r="AN4184" s="92"/>
      <c r="AO4184" s="92"/>
      <c r="AP4184" s="92"/>
      <c r="AQ4184" s="92"/>
      <c r="AR4184" s="92"/>
      <c r="AS4184" s="92"/>
      <c r="AT4184" s="92"/>
      <c r="AU4184" s="92"/>
      <c r="AV4184" s="92"/>
      <c r="AW4184" s="92"/>
      <c r="AX4184" s="92"/>
      <c r="AY4184" s="92"/>
      <c r="AZ4184" s="93"/>
      <c r="BA4184" s="93"/>
      <c r="BB4184" s="93"/>
      <c r="BC4184" s="93"/>
      <c r="BD4184" s="93"/>
      <c r="BE4184" s="93"/>
      <c r="BF4184" s="93"/>
      <c r="BG4184" s="93"/>
      <c r="BH4184" s="93"/>
      <c r="BI4184" s="93"/>
      <c r="BJ4184" s="93"/>
      <c r="BK4184" s="93"/>
      <c r="BL4184" s="93"/>
    </row>
    <row r="4185" spans="2:64" x14ac:dyDescent="0.2">
      <c r="B4185" s="43"/>
      <c r="C4185" s="73"/>
      <c r="D4185" s="64"/>
      <c r="E4185" s="55"/>
      <c r="F4185" s="74"/>
      <c r="G4185" s="74"/>
      <c r="H4185" s="74"/>
      <c r="I4185" s="75"/>
      <c r="J4185" s="74"/>
      <c r="L4185" s="55"/>
      <c r="M4185" s="234"/>
      <c r="N4185" s="65"/>
      <c r="O4185" s="76"/>
      <c r="P4185" s="76"/>
      <c r="Q4185" s="65"/>
      <c r="R4185" s="76"/>
      <c r="S4185" s="76"/>
      <c r="T4185" s="76"/>
      <c r="U4185" s="76"/>
      <c r="V4185" s="76"/>
      <c r="W4185" s="76"/>
      <c r="X4185" s="76"/>
      <c r="Y4185" s="76"/>
      <c r="Z4185" s="76"/>
      <c r="AA4185" s="85"/>
      <c r="AB4185" s="85"/>
      <c r="AC4185" s="85"/>
      <c r="AD4185" s="85"/>
      <c r="AE4185" s="85"/>
      <c r="AF4185" s="85"/>
      <c r="AG4185" s="86"/>
      <c r="AH4185" s="85"/>
      <c r="AI4185" s="85"/>
      <c r="AJ4185" s="85"/>
      <c r="AK4185" s="85"/>
      <c r="AL4185" s="85"/>
      <c r="AM4185" s="92"/>
      <c r="AN4185" s="92"/>
      <c r="AO4185" s="92"/>
      <c r="AP4185" s="92"/>
      <c r="AQ4185" s="92"/>
      <c r="AR4185" s="92"/>
      <c r="AS4185" s="92"/>
      <c r="AT4185" s="92"/>
      <c r="AU4185" s="92"/>
      <c r="AV4185" s="92"/>
      <c r="AW4185" s="92"/>
      <c r="AX4185" s="92"/>
      <c r="AY4185" s="92"/>
      <c r="AZ4185" s="93"/>
      <c r="BA4185" s="93"/>
      <c r="BB4185" s="93"/>
      <c r="BC4185" s="93"/>
      <c r="BD4185" s="93"/>
      <c r="BE4185" s="93"/>
      <c r="BF4185" s="93"/>
      <c r="BG4185" s="93"/>
      <c r="BH4185" s="93"/>
      <c r="BI4185" s="93"/>
      <c r="BJ4185" s="93"/>
      <c r="BK4185" s="93"/>
      <c r="BL4185" s="93"/>
    </row>
    <row r="4186" spans="2:64" x14ac:dyDescent="0.2">
      <c r="B4186" s="43"/>
      <c r="C4186" s="73"/>
      <c r="D4186" s="64"/>
      <c r="E4186" s="55"/>
      <c r="F4186" s="74"/>
      <c r="G4186" s="74"/>
      <c r="H4186" s="74"/>
      <c r="I4186" s="75"/>
      <c r="J4186" s="74"/>
      <c r="L4186" s="55"/>
      <c r="M4186" s="234"/>
      <c r="N4186" s="65"/>
      <c r="O4186" s="76"/>
      <c r="P4186" s="76"/>
      <c r="Q4186" s="65"/>
      <c r="R4186" s="76"/>
      <c r="S4186" s="76"/>
      <c r="T4186" s="76"/>
      <c r="U4186" s="76"/>
      <c r="V4186" s="76"/>
      <c r="W4186" s="76"/>
      <c r="X4186" s="76"/>
      <c r="Y4186" s="76"/>
      <c r="Z4186" s="76"/>
      <c r="AA4186" s="85"/>
      <c r="AB4186" s="85"/>
      <c r="AC4186" s="85"/>
      <c r="AD4186" s="85"/>
      <c r="AE4186" s="85"/>
      <c r="AF4186" s="85"/>
      <c r="AG4186" s="86"/>
      <c r="AH4186" s="85"/>
      <c r="AI4186" s="85"/>
      <c r="AJ4186" s="85"/>
      <c r="AK4186" s="85"/>
      <c r="AL4186" s="85"/>
      <c r="AM4186" s="92"/>
      <c r="AN4186" s="92"/>
      <c r="AO4186" s="92"/>
      <c r="AP4186" s="92"/>
      <c r="AQ4186" s="92"/>
      <c r="AR4186" s="92"/>
      <c r="AS4186" s="92"/>
      <c r="AT4186" s="92"/>
      <c r="AU4186" s="92"/>
      <c r="AV4186" s="92"/>
      <c r="AW4186" s="92"/>
      <c r="AX4186" s="92"/>
      <c r="AY4186" s="92"/>
      <c r="AZ4186" s="93"/>
      <c r="BA4186" s="93"/>
      <c r="BB4186" s="93"/>
      <c r="BC4186" s="93"/>
      <c r="BD4186" s="93"/>
      <c r="BE4186" s="93"/>
      <c r="BF4186" s="93"/>
      <c r="BG4186" s="93"/>
      <c r="BH4186" s="93"/>
      <c r="BI4186" s="93"/>
      <c r="BJ4186" s="93"/>
      <c r="BK4186" s="93"/>
      <c r="BL4186" s="93"/>
    </row>
    <row r="4187" spans="2:64" x14ac:dyDescent="0.2">
      <c r="B4187" s="43"/>
      <c r="C4187" s="73"/>
      <c r="D4187" s="64"/>
      <c r="E4187" s="55"/>
      <c r="F4187" s="74"/>
      <c r="G4187" s="74"/>
      <c r="H4187" s="74"/>
      <c r="I4187" s="75"/>
      <c r="J4187" s="74"/>
      <c r="L4187" s="55"/>
      <c r="M4187" s="234"/>
      <c r="N4187" s="65"/>
      <c r="O4187" s="76"/>
      <c r="P4187" s="76"/>
      <c r="Q4187" s="65"/>
      <c r="R4187" s="76"/>
      <c r="S4187" s="76"/>
      <c r="T4187" s="76"/>
      <c r="U4187" s="76"/>
      <c r="V4187" s="76"/>
      <c r="W4187" s="76"/>
      <c r="X4187" s="76"/>
      <c r="Y4187" s="76"/>
      <c r="Z4187" s="76"/>
      <c r="AA4187" s="85"/>
      <c r="AB4187" s="85"/>
      <c r="AC4187" s="85"/>
      <c r="AD4187" s="85"/>
      <c r="AE4187" s="85"/>
      <c r="AF4187" s="85"/>
      <c r="AG4187" s="86"/>
      <c r="AH4187" s="85"/>
      <c r="AI4187" s="85"/>
      <c r="AJ4187" s="85"/>
      <c r="AK4187" s="85"/>
      <c r="AL4187" s="85"/>
      <c r="AM4187" s="92"/>
      <c r="AN4187" s="92"/>
      <c r="AO4187" s="92"/>
      <c r="AP4187" s="92"/>
      <c r="AQ4187" s="92"/>
      <c r="AR4187" s="92"/>
      <c r="AS4187" s="92"/>
      <c r="AT4187" s="92"/>
      <c r="AU4187" s="92"/>
      <c r="AV4187" s="92"/>
      <c r="AW4187" s="92"/>
      <c r="AX4187" s="92"/>
      <c r="AY4187" s="92"/>
      <c r="AZ4187" s="93"/>
      <c r="BA4187" s="93"/>
      <c r="BB4187" s="93"/>
      <c r="BC4187" s="93"/>
      <c r="BD4187" s="93"/>
      <c r="BE4187" s="93"/>
      <c r="BF4187" s="93"/>
      <c r="BG4187" s="93"/>
      <c r="BH4187" s="93"/>
      <c r="BI4187" s="93"/>
      <c r="BJ4187" s="93"/>
      <c r="BK4187" s="93"/>
      <c r="BL4187" s="93"/>
    </row>
    <row r="4188" spans="2:64" x14ac:dyDescent="0.2">
      <c r="B4188" s="43"/>
      <c r="C4188" s="73"/>
      <c r="D4188" s="64"/>
      <c r="E4188" s="55"/>
      <c r="F4188" s="74"/>
      <c r="G4188" s="74"/>
      <c r="H4188" s="74"/>
      <c r="I4188" s="75"/>
      <c r="J4188" s="74"/>
      <c r="L4188" s="55"/>
      <c r="M4188" s="234"/>
      <c r="N4188" s="65"/>
      <c r="O4188" s="76"/>
      <c r="P4188" s="76"/>
      <c r="Q4188" s="65"/>
      <c r="R4188" s="76"/>
      <c r="S4188" s="76"/>
      <c r="T4188" s="76"/>
      <c r="U4188" s="76"/>
      <c r="V4188" s="76"/>
      <c r="W4188" s="76"/>
      <c r="X4188" s="76"/>
      <c r="Y4188" s="76"/>
      <c r="Z4188" s="76"/>
      <c r="AA4188" s="85"/>
      <c r="AB4188" s="85"/>
      <c r="AC4188" s="85"/>
      <c r="AD4188" s="85"/>
      <c r="AE4188" s="85"/>
      <c r="AF4188" s="85"/>
      <c r="AG4188" s="86"/>
      <c r="AH4188" s="85"/>
      <c r="AI4188" s="85"/>
      <c r="AJ4188" s="85"/>
      <c r="AK4188" s="85"/>
      <c r="AL4188" s="85"/>
      <c r="AM4188" s="92"/>
      <c r="AN4188" s="92"/>
      <c r="AO4188" s="92"/>
      <c r="AP4188" s="92"/>
      <c r="AQ4188" s="92"/>
      <c r="AR4188" s="92"/>
      <c r="AS4188" s="92"/>
      <c r="AT4188" s="92"/>
      <c r="AU4188" s="92"/>
      <c r="AV4188" s="92"/>
      <c r="AW4188" s="92"/>
      <c r="AX4188" s="92"/>
      <c r="AY4188" s="92"/>
      <c r="AZ4188" s="93"/>
      <c r="BA4188" s="93"/>
      <c r="BB4188" s="93"/>
      <c r="BC4188" s="93"/>
      <c r="BD4188" s="93"/>
      <c r="BE4188" s="93"/>
      <c r="BF4188" s="93"/>
      <c r="BG4188" s="93"/>
      <c r="BH4188" s="93"/>
      <c r="BI4188" s="93"/>
      <c r="BJ4188" s="93"/>
      <c r="BK4188" s="93"/>
      <c r="BL4188" s="93"/>
    </row>
    <row r="4189" spans="2:64" x14ac:dyDescent="0.2">
      <c r="B4189" s="43"/>
      <c r="C4189" s="73"/>
      <c r="D4189" s="64"/>
      <c r="E4189" s="55"/>
      <c r="F4189" s="74"/>
      <c r="G4189" s="74"/>
      <c r="H4189" s="74"/>
      <c r="I4189" s="75"/>
      <c r="J4189" s="74"/>
      <c r="L4189" s="55"/>
      <c r="M4189" s="234"/>
      <c r="N4189" s="65"/>
      <c r="O4189" s="76"/>
      <c r="P4189" s="76"/>
      <c r="Q4189" s="65"/>
      <c r="R4189" s="76"/>
      <c r="S4189" s="76"/>
      <c r="T4189" s="76"/>
      <c r="U4189" s="76"/>
      <c r="V4189" s="76"/>
      <c r="W4189" s="76"/>
      <c r="X4189" s="76"/>
      <c r="Y4189" s="76"/>
      <c r="Z4189" s="76"/>
      <c r="AA4189" s="85"/>
      <c r="AB4189" s="85"/>
      <c r="AC4189" s="85"/>
      <c r="AD4189" s="85"/>
      <c r="AE4189" s="85"/>
      <c r="AF4189" s="85"/>
      <c r="AG4189" s="86"/>
      <c r="AH4189" s="85"/>
      <c r="AI4189" s="85"/>
      <c r="AJ4189" s="85"/>
      <c r="AK4189" s="85"/>
      <c r="AL4189" s="85"/>
      <c r="AM4189" s="92"/>
      <c r="AN4189" s="92"/>
      <c r="AO4189" s="92"/>
      <c r="AP4189" s="92"/>
      <c r="AQ4189" s="92"/>
      <c r="AR4189" s="92"/>
      <c r="AS4189" s="92"/>
      <c r="AT4189" s="92"/>
      <c r="AU4189" s="92"/>
      <c r="AV4189" s="92"/>
      <c r="AW4189" s="92"/>
      <c r="AX4189" s="92"/>
      <c r="AY4189" s="92"/>
      <c r="AZ4189" s="93"/>
      <c r="BA4189" s="93"/>
      <c r="BB4189" s="93"/>
      <c r="BC4189" s="93"/>
      <c r="BD4189" s="93"/>
      <c r="BE4189" s="93"/>
      <c r="BF4189" s="93"/>
      <c r="BG4189" s="93"/>
      <c r="BH4189" s="93"/>
      <c r="BI4189" s="93"/>
      <c r="BJ4189" s="93"/>
      <c r="BK4189" s="93"/>
      <c r="BL4189" s="93"/>
    </row>
    <row r="4190" spans="2:64" x14ac:dyDescent="0.2">
      <c r="B4190" s="43"/>
      <c r="C4190" s="73"/>
      <c r="D4190" s="64"/>
      <c r="E4190" s="55"/>
      <c r="F4190" s="74"/>
      <c r="G4190" s="74"/>
      <c r="H4190" s="74"/>
      <c r="I4190" s="75"/>
      <c r="J4190" s="74"/>
      <c r="L4190" s="55"/>
      <c r="M4190" s="234"/>
      <c r="N4190" s="65"/>
      <c r="O4190" s="76"/>
      <c r="P4190" s="76"/>
      <c r="Q4190" s="65"/>
      <c r="R4190" s="76"/>
      <c r="S4190" s="76"/>
      <c r="T4190" s="76"/>
      <c r="U4190" s="76"/>
      <c r="V4190" s="76"/>
      <c r="W4190" s="76"/>
      <c r="X4190" s="76"/>
      <c r="Y4190" s="76"/>
      <c r="Z4190" s="76"/>
      <c r="AA4190" s="85"/>
      <c r="AB4190" s="85"/>
      <c r="AC4190" s="85"/>
      <c r="AD4190" s="85"/>
      <c r="AE4190" s="85"/>
      <c r="AF4190" s="85"/>
      <c r="AG4190" s="86"/>
      <c r="AH4190" s="85"/>
      <c r="AI4190" s="85"/>
      <c r="AJ4190" s="85"/>
      <c r="AK4190" s="85"/>
      <c r="AL4190" s="85"/>
      <c r="AM4190" s="92"/>
      <c r="AN4190" s="92"/>
      <c r="AO4190" s="92"/>
      <c r="AP4190" s="92"/>
      <c r="AQ4190" s="92"/>
      <c r="AR4190" s="92"/>
      <c r="AS4190" s="92"/>
      <c r="AT4190" s="92"/>
      <c r="AU4190" s="92"/>
      <c r="AV4190" s="92"/>
      <c r="AW4190" s="92"/>
      <c r="AX4190" s="92"/>
      <c r="AY4190" s="92"/>
      <c r="AZ4190" s="93"/>
      <c r="BA4190" s="93"/>
      <c r="BB4190" s="93"/>
      <c r="BC4190" s="93"/>
      <c r="BD4190" s="93"/>
      <c r="BE4190" s="93"/>
      <c r="BF4190" s="93"/>
      <c r="BG4190" s="93"/>
      <c r="BH4190" s="93"/>
      <c r="BI4190" s="93"/>
      <c r="BJ4190" s="93"/>
      <c r="BK4190" s="93"/>
      <c r="BL4190" s="93"/>
    </row>
    <row r="4191" spans="2:64" x14ac:dyDescent="0.2">
      <c r="B4191" s="43"/>
      <c r="C4191" s="73"/>
      <c r="D4191" s="64"/>
      <c r="E4191" s="55"/>
      <c r="F4191" s="74"/>
      <c r="G4191" s="74"/>
      <c r="H4191" s="74"/>
      <c r="I4191" s="75"/>
      <c r="J4191" s="74"/>
      <c r="L4191" s="55"/>
      <c r="M4191" s="234"/>
      <c r="N4191" s="65"/>
      <c r="O4191" s="76"/>
      <c r="P4191" s="76"/>
      <c r="Q4191" s="65"/>
      <c r="R4191" s="76"/>
      <c r="S4191" s="76"/>
      <c r="T4191" s="76"/>
      <c r="U4191" s="76"/>
      <c r="V4191" s="76"/>
      <c r="W4191" s="76"/>
      <c r="X4191" s="76"/>
      <c r="Y4191" s="76"/>
      <c r="Z4191" s="76"/>
      <c r="AA4191" s="85"/>
      <c r="AB4191" s="85"/>
      <c r="AC4191" s="85"/>
      <c r="AD4191" s="85"/>
      <c r="AE4191" s="85"/>
      <c r="AF4191" s="85"/>
      <c r="AG4191" s="86"/>
      <c r="AH4191" s="85"/>
      <c r="AI4191" s="85"/>
      <c r="AJ4191" s="85"/>
      <c r="AK4191" s="85"/>
      <c r="AL4191" s="85"/>
      <c r="AM4191" s="92"/>
      <c r="AN4191" s="92"/>
      <c r="AO4191" s="92"/>
      <c r="AP4191" s="92"/>
      <c r="AQ4191" s="92"/>
      <c r="AR4191" s="92"/>
      <c r="AS4191" s="92"/>
      <c r="AT4191" s="92"/>
      <c r="AU4191" s="92"/>
      <c r="AV4191" s="92"/>
      <c r="AW4191" s="92"/>
      <c r="AX4191" s="92"/>
      <c r="AY4191" s="92"/>
      <c r="AZ4191" s="93"/>
      <c r="BA4191" s="93"/>
      <c r="BB4191" s="93"/>
      <c r="BC4191" s="93"/>
      <c r="BD4191" s="93"/>
      <c r="BE4191" s="93"/>
      <c r="BF4191" s="93"/>
      <c r="BG4191" s="93"/>
      <c r="BH4191" s="93"/>
      <c r="BI4191" s="93"/>
      <c r="BJ4191" s="93"/>
      <c r="BK4191" s="93"/>
      <c r="BL4191" s="93"/>
    </row>
    <row r="4192" spans="2:64" x14ac:dyDescent="0.2">
      <c r="B4192" s="43"/>
      <c r="C4192" s="73"/>
      <c r="D4192" s="64"/>
      <c r="E4192" s="55"/>
      <c r="F4192" s="74"/>
      <c r="G4192" s="74"/>
      <c r="H4192" s="74"/>
      <c r="I4192" s="75"/>
      <c r="J4192" s="74"/>
      <c r="L4192" s="55"/>
      <c r="M4192" s="234"/>
      <c r="N4192" s="65"/>
      <c r="O4192" s="76"/>
      <c r="P4192" s="76"/>
      <c r="Q4192" s="65"/>
      <c r="R4192" s="76"/>
      <c r="S4192" s="76"/>
      <c r="T4192" s="76"/>
      <c r="U4192" s="76"/>
      <c r="V4192" s="76"/>
      <c r="W4192" s="76"/>
      <c r="X4192" s="76"/>
      <c r="Y4192" s="76"/>
      <c r="Z4192" s="76"/>
      <c r="AA4192" s="85"/>
      <c r="AB4192" s="85"/>
      <c r="AC4192" s="85"/>
      <c r="AD4192" s="85"/>
      <c r="AE4192" s="85"/>
      <c r="AF4192" s="85"/>
      <c r="AG4192" s="86"/>
      <c r="AH4192" s="85"/>
      <c r="AI4192" s="85"/>
      <c r="AJ4192" s="85"/>
      <c r="AK4192" s="85"/>
      <c r="AL4192" s="85"/>
      <c r="AM4192" s="92"/>
      <c r="AN4192" s="92"/>
      <c r="AO4192" s="92"/>
      <c r="AP4192" s="92"/>
      <c r="AQ4192" s="92"/>
      <c r="AR4192" s="92"/>
      <c r="AS4192" s="92"/>
      <c r="AT4192" s="92"/>
      <c r="AU4192" s="92"/>
      <c r="AV4192" s="92"/>
      <c r="AW4192" s="92"/>
      <c r="AX4192" s="92"/>
      <c r="AY4192" s="92"/>
      <c r="AZ4192" s="93"/>
      <c r="BA4192" s="93"/>
      <c r="BB4192" s="93"/>
      <c r="BC4192" s="93"/>
      <c r="BD4192" s="93"/>
      <c r="BE4192" s="93"/>
      <c r="BF4192" s="93"/>
      <c r="BG4192" s="93"/>
      <c r="BH4192" s="93"/>
      <c r="BI4192" s="93"/>
      <c r="BJ4192" s="93"/>
      <c r="BK4192" s="93"/>
      <c r="BL4192" s="93"/>
    </row>
    <row r="4193" spans="2:64" x14ac:dyDescent="0.2">
      <c r="B4193" s="43"/>
      <c r="C4193" s="73"/>
      <c r="D4193" s="64"/>
      <c r="E4193" s="55"/>
      <c r="F4193" s="74"/>
      <c r="G4193" s="74"/>
      <c r="H4193" s="74"/>
      <c r="I4193" s="75"/>
      <c r="J4193" s="74"/>
      <c r="L4193" s="55"/>
      <c r="M4193" s="234"/>
      <c r="N4193" s="65"/>
      <c r="O4193" s="76"/>
      <c r="P4193" s="76"/>
      <c r="Q4193" s="65"/>
      <c r="R4193" s="76"/>
      <c r="S4193" s="76"/>
      <c r="T4193" s="76"/>
      <c r="U4193" s="76"/>
      <c r="V4193" s="76"/>
      <c r="W4193" s="76"/>
      <c r="X4193" s="76"/>
      <c r="Y4193" s="76"/>
      <c r="Z4193" s="76"/>
      <c r="AA4193" s="85"/>
      <c r="AB4193" s="85"/>
      <c r="AC4193" s="85"/>
      <c r="AD4193" s="85"/>
      <c r="AE4193" s="85"/>
      <c r="AF4193" s="85"/>
      <c r="AG4193" s="86"/>
      <c r="AH4193" s="85"/>
      <c r="AI4193" s="85"/>
      <c r="AJ4193" s="85"/>
      <c r="AK4193" s="85"/>
      <c r="AL4193" s="85"/>
      <c r="AM4193" s="92"/>
      <c r="AN4193" s="92"/>
      <c r="AO4193" s="92"/>
      <c r="AP4193" s="92"/>
      <c r="AQ4193" s="92"/>
      <c r="AR4193" s="92"/>
      <c r="AS4193" s="92"/>
      <c r="AT4193" s="92"/>
      <c r="AU4193" s="92"/>
      <c r="AV4193" s="92"/>
      <c r="AW4193" s="92"/>
      <c r="AX4193" s="92"/>
      <c r="AY4193" s="92"/>
      <c r="AZ4193" s="93"/>
      <c r="BA4193" s="93"/>
      <c r="BB4193" s="93"/>
      <c r="BC4193" s="93"/>
      <c r="BD4193" s="93"/>
      <c r="BE4193" s="93"/>
      <c r="BF4193" s="93"/>
      <c r="BG4193" s="93"/>
      <c r="BH4193" s="93"/>
      <c r="BI4193" s="93"/>
      <c r="BJ4193" s="93"/>
      <c r="BK4193" s="93"/>
      <c r="BL4193" s="93"/>
    </row>
    <row r="4194" spans="2:64" x14ac:dyDescent="0.2">
      <c r="B4194" s="43"/>
      <c r="C4194" s="73"/>
      <c r="D4194" s="64"/>
      <c r="E4194" s="55"/>
      <c r="F4194" s="74"/>
      <c r="G4194" s="74"/>
      <c r="H4194" s="74"/>
      <c r="I4194" s="75"/>
      <c r="J4194" s="74"/>
      <c r="L4194" s="55"/>
      <c r="M4194" s="234"/>
      <c r="N4194" s="65"/>
      <c r="O4194" s="76"/>
      <c r="P4194" s="76"/>
      <c r="Q4194" s="65"/>
      <c r="R4194" s="76"/>
      <c r="S4194" s="76"/>
      <c r="T4194" s="76"/>
      <c r="U4194" s="76"/>
      <c r="V4194" s="76"/>
      <c r="W4194" s="76"/>
      <c r="X4194" s="76"/>
      <c r="Y4194" s="76"/>
      <c r="Z4194" s="76"/>
      <c r="AA4194" s="85"/>
      <c r="AB4194" s="85"/>
      <c r="AC4194" s="85"/>
      <c r="AD4194" s="85"/>
      <c r="AE4194" s="85"/>
      <c r="AF4194" s="85"/>
      <c r="AG4194" s="86"/>
      <c r="AH4194" s="85"/>
      <c r="AI4194" s="85"/>
      <c r="AJ4194" s="85"/>
      <c r="AK4194" s="85"/>
      <c r="AL4194" s="85"/>
      <c r="AM4194" s="92"/>
      <c r="AN4194" s="92"/>
      <c r="AO4194" s="92"/>
      <c r="AP4194" s="92"/>
      <c r="AQ4194" s="92"/>
      <c r="AR4194" s="92"/>
      <c r="AS4194" s="92"/>
      <c r="AT4194" s="92"/>
      <c r="AU4194" s="92"/>
      <c r="AV4194" s="92"/>
      <c r="AW4194" s="92"/>
      <c r="AX4194" s="92"/>
      <c r="AY4194" s="92"/>
      <c r="AZ4194" s="93"/>
      <c r="BA4194" s="93"/>
      <c r="BB4194" s="93"/>
      <c r="BC4194" s="93"/>
      <c r="BD4194" s="93"/>
      <c r="BE4194" s="93"/>
      <c r="BF4194" s="93"/>
      <c r="BG4194" s="93"/>
      <c r="BH4194" s="93"/>
      <c r="BI4194" s="93"/>
      <c r="BJ4194" s="93"/>
      <c r="BK4194" s="93"/>
      <c r="BL4194" s="93"/>
    </row>
    <row r="4195" spans="2:64" x14ac:dyDescent="0.2">
      <c r="B4195" s="43"/>
      <c r="C4195" s="73"/>
      <c r="D4195" s="64"/>
      <c r="E4195" s="55"/>
      <c r="F4195" s="74"/>
      <c r="G4195" s="74"/>
      <c r="H4195" s="74"/>
      <c r="I4195" s="75"/>
      <c r="J4195" s="74"/>
      <c r="L4195" s="55"/>
      <c r="M4195" s="234"/>
      <c r="N4195" s="65"/>
      <c r="O4195" s="76"/>
      <c r="P4195" s="76"/>
      <c r="Q4195" s="65"/>
      <c r="R4195" s="76"/>
      <c r="S4195" s="76"/>
      <c r="T4195" s="76"/>
      <c r="U4195" s="76"/>
      <c r="V4195" s="76"/>
      <c r="W4195" s="76"/>
      <c r="X4195" s="76"/>
      <c r="Y4195" s="76"/>
      <c r="Z4195" s="76"/>
      <c r="AA4195" s="85"/>
      <c r="AB4195" s="85"/>
      <c r="AC4195" s="85"/>
      <c r="AD4195" s="85"/>
      <c r="AE4195" s="85"/>
      <c r="AF4195" s="85"/>
      <c r="AG4195" s="86"/>
      <c r="AH4195" s="85"/>
      <c r="AI4195" s="85"/>
      <c r="AJ4195" s="85"/>
      <c r="AK4195" s="85"/>
      <c r="AL4195" s="85"/>
      <c r="AM4195" s="92"/>
      <c r="AN4195" s="92"/>
      <c r="AO4195" s="92"/>
      <c r="AP4195" s="92"/>
      <c r="AQ4195" s="92"/>
      <c r="AR4195" s="92"/>
      <c r="AS4195" s="92"/>
      <c r="AT4195" s="92"/>
      <c r="AU4195" s="92"/>
      <c r="AV4195" s="92"/>
      <c r="AW4195" s="92"/>
      <c r="AX4195" s="92"/>
      <c r="AY4195" s="92"/>
      <c r="AZ4195" s="93"/>
      <c r="BA4195" s="93"/>
      <c r="BB4195" s="93"/>
      <c r="BC4195" s="93"/>
      <c r="BD4195" s="93"/>
      <c r="BE4195" s="93"/>
      <c r="BF4195" s="93"/>
      <c r="BG4195" s="93"/>
      <c r="BH4195" s="93"/>
      <c r="BI4195" s="93"/>
      <c r="BJ4195" s="93"/>
      <c r="BK4195" s="93"/>
      <c r="BL4195" s="93"/>
    </row>
    <row r="4196" spans="2:64" x14ac:dyDescent="0.2">
      <c r="B4196" s="43"/>
      <c r="C4196" s="73"/>
      <c r="D4196" s="64"/>
      <c r="E4196" s="55"/>
      <c r="F4196" s="74"/>
      <c r="G4196" s="74"/>
      <c r="H4196" s="74"/>
      <c r="I4196" s="75"/>
      <c r="J4196" s="74"/>
      <c r="L4196" s="55"/>
      <c r="M4196" s="234"/>
      <c r="N4196" s="65"/>
      <c r="O4196" s="76"/>
      <c r="P4196" s="76"/>
      <c r="Q4196" s="65"/>
      <c r="R4196" s="76"/>
      <c r="S4196" s="76"/>
      <c r="T4196" s="76"/>
      <c r="U4196" s="76"/>
      <c r="V4196" s="76"/>
      <c r="W4196" s="76"/>
      <c r="X4196" s="76"/>
      <c r="Y4196" s="76"/>
      <c r="Z4196" s="76"/>
      <c r="AA4196" s="85"/>
      <c r="AB4196" s="85"/>
      <c r="AC4196" s="85"/>
      <c r="AD4196" s="85"/>
      <c r="AE4196" s="85"/>
      <c r="AF4196" s="85"/>
      <c r="AG4196" s="86"/>
      <c r="AH4196" s="85"/>
      <c r="AI4196" s="85"/>
      <c r="AJ4196" s="85"/>
      <c r="AK4196" s="85"/>
      <c r="AL4196" s="85"/>
      <c r="AM4196" s="92"/>
      <c r="AN4196" s="92"/>
      <c r="AO4196" s="92"/>
      <c r="AP4196" s="92"/>
      <c r="AQ4196" s="92"/>
      <c r="AR4196" s="92"/>
      <c r="AS4196" s="92"/>
      <c r="AT4196" s="92"/>
      <c r="AU4196" s="92"/>
      <c r="AV4196" s="92"/>
      <c r="AW4196" s="92"/>
      <c r="AX4196" s="92"/>
      <c r="AY4196" s="92"/>
      <c r="AZ4196" s="93"/>
      <c r="BA4196" s="93"/>
      <c r="BB4196" s="93"/>
      <c r="BC4196" s="93"/>
      <c r="BD4196" s="93"/>
      <c r="BE4196" s="93"/>
      <c r="BF4196" s="93"/>
      <c r="BG4196" s="93"/>
      <c r="BH4196" s="93"/>
      <c r="BI4196" s="93"/>
      <c r="BJ4196" s="93"/>
      <c r="BK4196" s="93"/>
      <c r="BL4196" s="93"/>
    </row>
    <row r="4197" spans="2:64" x14ac:dyDescent="0.2">
      <c r="B4197" s="43"/>
      <c r="C4197" s="73"/>
      <c r="D4197" s="64"/>
      <c r="E4197" s="55"/>
      <c r="F4197" s="74"/>
      <c r="G4197" s="74"/>
      <c r="H4197" s="74"/>
      <c r="I4197" s="75"/>
      <c r="J4197" s="74"/>
      <c r="L4197" s="55"/>
      <c r="M4197" s="234"/>
      <c r="N4197" s="65"/>
      <c r="O4197" s="76"/>
      <c r="P4197" s="76"/>
      <c r="Q4197" s="65"/>
      <c r="R4197" s="76"/>
      <c r="S4197" s="76"/>
      <c r="T4197" s="76"/>
      <c r="U4197" s="76"/>
      <c r="V4197" s="76"/>
      <c r="W4197" s="76"/>
      <c r="X4197" s="76"/>
      <c r="Y4197" s="76"/>
      <c r="Z4197" s="76"/>
      <c r="AA4197" s="85"/>
      <c r="AB4197" s="85"/>
      <c r="AC4197" s="85"/>
      <c r="AD4197" s="85"/>
      <c r="AE4197" s="85"/>
      <c r="AF4197" s="85"/>
      <c r="AG4197" s="86"/>
      <c r="AH4197" s="85"/>
      <c r="AI4197" s="85"/>
      <c r="AJ4197" s="85"/>
      <c r="AK4197" s="85"/>
      <c r="AL4197" s="85"/>
      <c r="AM4197" s="92"/>
      <c r="AN4197" s="92"/>
      <c r="AO4197" s="92"/>
      <c r="AP4197" s="92"/>
      <c r="AQ4197" s="92"/>
      <c r="AR4197" s="92"/>
      <c r="AS4197" s="92"/>
      <c r="AT4197" s="92"/>
      <c r="AU4197" s="92"/>
      <c r="AV4197" s="92"/>
      <c r="AW4197" s="92"/>
      <c r="AX4197" s="92"/>
      <c r="AY4197" s="92"/>
      <c r="AZ4197" s="93"/>
      <c r="BA4197" s="93"/>
      <c r="BB4197" s="93"/>
      <c r="BC4197" s="93"/>
      <c r="BD4197" s="93"/>
      <c r="BE4197" s="93"/>
      <c r="BF4197" s="93"/>
      <c r="BG4197" s="93"/>
      <c r="BH4197" s="93"/>
      <c r="BI4197" s="93"/>
      <c r="BJ4197" s="93"/>
      <c r="BK4197" s="93"/>
      <c r="BL4197" s="93"/>
    </row>
    <row r="4198" spans="2:64" x14ac:dyDescent="0.2">
      <c r="B4198" s="43"/>
      <c r="C4198" s="73"/>
      <c r="D4198" s="64"/>
      <c r="E4198" s="55"/>
      <c r="F4198" s="74"/>
      <c r="G4198" s="74"/>
      <c r="H4198" s="74"/>
      <c r="I4198" s="75"/>
      <c r="J4198" s="74"/>
      <c r="L4198" s="55"/>
      <c r="M4198" s="234"/>
      <c r="N4198" s="65"/>
      <c r="O4198" s="76"/>
      <c r="P4198" s="76"/>
      <c r="Q4198" s="65"/>
      <c r="R4198" s="76"/>
      <c r="S4198" s="76"/>
      <c r="T4198" s="76"/>
      <c r="U4198" s="76"/>
      <c r="V4198" s="76"/>
      <c r="W4198" s="76"/>
      <c r="X4198" s="76"/>
      <c r="Y4198" s="76"/>
      <c r="Z4198" s="76"/>
      <c r="AA4198" s="85"/>
      <c r="AB4198" s="85"/>
      <c r="AC4198" s="85"/>
      <c r="AD4198" s="85"/>
      <c r="AE4198" s="85"/>
      <c r="AF4198" s="85"/>
      <c r="AG4198" s="86"/>
      <c r="AH4198" s="85"/>
      <c r="AI4198" s="85"/>
      <c r="AJ4198" s="85"/>
      <c r="AK4198" s="85"/>
      <c r="AL4198" s="85"/>
      <c r="AM4198" s="92"/>
      <c r="AN4198" s="92"/>
      <c r="AO4198" s="92"/>
      <c r="AP4198" s="92"/>
      <c r="AQ4198" s="92"/>
      <c r="AR4198" s="92"/>
      <c r="AS4198" s="92"/>
      <c r="AT4198" s="92"/>
      <c r="AU4198" s="92"/>
      <c r="AV4198" s="92"/>
      <c r="AW4198" s="92"/>
      <c r="AX4198" s="92"/>
      <c r="AY4198" s="92"/>
      <c r="AZ4198" s="93"/>
      <c r="BA4198" s="93"/>
      <c r="BB4198" s="93"/>
      <c r="BC4198" s="93"/>
      <c r="BD4198" s="93"/>
      <c r="BE4198" s="93"/>
      <c r="BF4198" s="93"/>
      <c r="BG4198" s="93"/>
      <c r="BH4198" s="93"/>
      <c r="BI4198" s="93"/>
      <c r="BJ4198" s="93"/>
      <c r="BK4198" s="93"/>
      <c r="BL4198" s="93"/>
    </row>
    <row r="4199" spans="2:64" x14ac:dyDescent="0.2">
      <c r="B4199" s="43"/>
      <c r="C4199" s="73"/>
      <c r="D4199" s="64"/>
      <c r="E4199" s="55"/>
      <c r="F4199" s="74"/>
      <c r="G4199" s="74"/>
      <c r="H4199" s="74"/>
      <c r="I4199" s="75"/>
      <c r="J4199" s="74"/>
      <c r="L4199" s="55"/>
      <c r="M4199" s="234"/>
      <c r="N4199" s="65"/>
      <c r="O4199" s="76"/>
      <c r="P4199" s="76"/>
      <c r="Q4199" s="65"/>
      <c r="R4199" s="76"/>
      <c r="S4199" s="76"/>
      <c r="T4199" s="76"/>
      <c r="U4199" s="76"/>
      <c r="V4199" s="76"/>
      <c r="W4199" s="76"/>
      <c r="X4199" s="76"/>
      <c r="Y4199" s="76"/>
      <c r="Z4199" s="76"/>
      <c r="AA4199" s="85"/>
      <c r="AB4199" s="85"/>
      <c r="AC4199" s="85"/>
      <c r="AD4199" s="85"/>
      <c r="AE4199" s="85"/>
      <c r="AF4199" s="85"/>
      <c r="AG4199" s="86"/>
      <c r="AH4199" s="85"/>
      <c r="AI4199" s="85"/>
      <c r="AJ4199" s="85"/>
      <c r="AK4199" s="85"/>
      <c r="AL4199" s="85"/>
      <c r="AM4199" s="92"/>
      <c r="AN4199" s="92"/>
      <c r="AO4199" s="92"/>
      <c r="AP4199" s="92"/>
      <c r="AQ4199" s="92"/>
      <c r="AR4199" s="92"/>
      <c r="AS4199" s="92"/>
      <c r="AT4199" s="92"/>
      <c r="AU4199" s="92"/>
      <c r="AV4199" s="92"/>
      <c r="AW4199" s="92"/>
      <c r="AX4199" s="92"/>
      <c r="AY4199" s="92"/>
      <c r="AZ4199" s="93"/>
      <c r="BA4199" s="93"/>
      <c r="BB4199" s="93"/>
      <c r="BC4199" s="93"/>
      <c r="BD4199" s="93"/>
      <c r="BE4199" s="93"/>
      <c r="BF4199" s="93"/>
      <c r="BG4199" s="93"/>
      <c r="BH4199" s="93"/>
      <c r="BI4199" s="93"/>
      <c r="BJ4199" s="93"/>
      <c r="BK4199" s="93"/>
      <c r="BL4199" s="93"/>
    </row>
    <row r="4200" spans="2:64" x14ac:dyDescent="0.2">
      <c r="B4200" s="43"/>
      <c r="C4200" s="73"/>
      <c r="D4200" s="64"/>
      <c r="E4200" s="55"/>
      <c r="F4200" s="74"/>
      <c r="G4200" s="74"/>
      <c r="H4200" s="74"/>
      <c r="I4200" s="75"/>
      <c r="J4200" s="74"/>
      <c r="L4200" s="55"/>
      <c r="M4200" s="234"/>
      <c r="N4200" s="65"/>
      <c r="O4200" s="76"/>
      <c r="P4200" s="76"/>
      <c r="Q4200" s="65"/>
      <c r="R4200" s="76"/>
      <c r="S4200" s="76"/>
      <c r="T4200" s="76"/>
      <c r="U4200" s="76"/>
      <c r="V4200" s="76"/>
      <c r="W4200" s="76"/>
      <c r="X4200" s="76"/>
      <c r="Y4200" s="76"/>
      <c r="Z4200" s="76"/>
      <c r="AA4200" s="85"/>
      <c r="AB4200" s="85"/>
      <c r="AC4200" s="85"/>
      <c r="AD4200" s="85"/>
      <c r="AE4200" s="85"/>
      <c r="AF4200" s="85"/>
      <c r="AG4200" s="86"/>
      <c r="AH4200" s="85"/>
      <c r="AI4200" s="85"/>
      <c r="AJ4200" s="85"/>
      <c r="AK4200" s="85"/>
      <c r="AL4200" s="85"/>
      <c r="AM4200" s="92"/>
      <c r="AN4200" s="92"/>
      <c r="AO4200" s="92"/>
      <c r="AP4200" s="92"/>
      <c r="AQ4200" s="92"/>
      <c r="AR4200" s="92"/>
      <c r="AS4200" s="92"/>
      <c r="AT4200" s="92"/>
      <c r="AU4200" s="92"/>
      <c r="AV4200" s="92"/>
      <c r="AW4200" s="92"/>
      <c r="AX4200" s="92"/>
      <c r="AY4200" s="92"/>
      <c r="AZ4200" s="93"/>
      <c r="BA4200" s="93"/>
      <c r="BB4200" s="93"/>
      <c r="BC4200" s="93"/>
      <c r="BD4200" s="93"/>
      <c r="BE4200" s="93"/>
      <c r="BF4200" s="93"/>
      <c r="BG4200" s="93"/>
      <c r="BH4200" s="93"/>
      <c r="BI4200" s="93"/>
      <c r="BJ4200" s="93"/>
      <c r="BK4200" s="93"/>
      <c r="BL4200" s="93"/>
    </row>
    <row r="4201" spans="2:64" x14ac:dyDescent="0.2">
      <c r="B4201" s="43"/>
      <c r="C4201" s="73"/>
      <c r="D4201" s="64"/>
      <c r="E4201" s="55"/>
      <c r="F4201" s="74"/>
      <c r="G4201" s="74"/>
      <c r="H4201" s="74"/>
      <c r="I4201" s="75"/>
      <c r="J4201" s="74"/>
      <c r="L4201" s="55"/>
      <c r="M4201" s="234"/>
      <c r="N4201" s="65"/>
      <c r="O4201" s="76"/>
      <c r="P4201" s="76"/>
      <c r="Q4201" s="65"/>
      <c r="R4201" s="76"/>
      <c r="S4201" s="76"/>
      <c r="T4201" s="76"/>
      <c r="U4201" s="76"/>
      <c r="V4201" s="76"/>
      <c r="W4201" s="76"/>
      <c r="X4201" s="76"/>
      <c r="Y4201" s="76"/>
      <c r="Z4201" s="76"/>
      <c r="AA4201" s="85"/>
      <c r="AB4201" s="85"/>
      <c r="AC4201" s="85"/>
      <c r="AD4201" s="85"/>
      <c r="AE4201" s="85"/>
      <c r="AF4201" s="85"/>
      <c r="AG4201" s="86"/>
      <c r="AH4201" s="85"/>
      <c r="AI4201" s="85"/>
      <c r="AJ4201" s="85"/>
      <c r="AK4201" s="85"/>
      <c r="AL4201" s="85"/>
      <c r="AM4201" s="92"/>
      <c r="AN4201" s="92"/>
      <c r="AO4201" s="92"/>
      <c r="AP4201" s="92"/>
      <c r="AQ4201" s="92"/>
      <c r="AR4201" s="92"/>
      <c r="AS4201" s="92"/>
      <c r="AT4201" s="92"/>
      <c r="AU4201" s="92"/>
      <c r="AV4201" s="92"/>
      <c r="AW4201" s="92"/>
      <c r="AX4201" s="92"/>
      <c r="AY4201" s="92"/>
      <c r="AZ4201" s="93"/>
      <c r="BA4201" s="93"/>
      <c r="BB4201" s="93"/>
      <c r="BC4201" s="93"/>
      <c r="BD4201" s="93"/>
      <c r="BE4201" s="93"/>
      <c r="BF4201" s="93"/>
      <c r="BG4201" s="93"/>
      <c r="BH4201" s="93"/>
      <c r="BI4201" s="93"/>
      <c r="BJ4201" s="93"/>
      <c r="BK4201" s="93"/>
      <c r="BL4201" s="93"/>
    </row>
    <row r="4202" spans="2:64" x14ac:dyDescent="0.2">
      <c r="B4202" s="43"/>
      <c r="C4202" s="73"/>
      <c r="D4202" s="64"/>
      <c r="E4202" s="55"/>
      <c r="F4202" s="74"/>
      <c r="G4202" s="74"/>
      <c r="H4202" s="74"/>
      <c r="I4202" s="75"/>
      <c r="J4202" s="74"/>
      <c r="L4202" s="55"/>
      <c r="M4202" s="234"/>
      <c r="N4202" s="65"/>
      <c r="O4202" s="76"/>
      <c r="P4202" s="76"/>
      <c r="Q4202" s="65"/>
      <c r="R4202" s="76"/>
      <c r="S4202" s="76"/>
      <c r="T4202" s="76"/>
      <c r="U4202" s="76"/>
      <c r="V4202" s="76"/>
      <c r="W4202" s="76"/>
      <c r="X4202" s="76"/>
      <c r="Y4202" s="76"/>
      <c r="Z4202" s="76"/>
      <c r="AA4202" s="85"/>
      <c r="AB4202" s="85"/>
      <c r="AC4202" s="85"/>
      <c r="AD4202" s="85"/>
      <c r="AE4202" s="85"/>
      <c r="AF4202" s="85"/>
      <c r="AG4202" s="86"/>
      <c r="AH4202" s="85"/>
      <c r="AI4202" s="85"/>
      <c r="AJ4202" s="85"/>
      <c r="AK4202" s="85"/>
      <c r="AL4202" s="85"/>
      <c r="AM4202" s="92"/>
      <c r="AN4202" s="92"/>
      <c r="AO4202" s="92"/>
      <c r="AP4202" s="92"/>
      <c r="AQ4202" s="92"/>
      <c r="AR4202" s="92"/>
      <c r="AS4202" s="92"/>
      <c r="AT4202" s="92"/>
      <c r="AU4202" s="92"/>
      <c r="AV4202" s="92"/>
      <c r="AW4202" s="92"/>
      <c r="AX4202" s="92"/>
      <c r="AY4202" s="92"/>
      <c r="AZ4202" s="93"/>
      <c r="BA4202" s="93"/>
      <c r="BB4202" s="93"/>
      <c r="BC4202" s="93"/>
      <c r="BD4202" s="93"/>
      <c r="BE4202" s="93"/>
      <c r="BF4202" s="93"/>
      <c r="BG4202" s="93"/>
      <c r="BH4202" s="93"/>
      <c r="BI4202" s="93"/>
      <c r="BJ4202" s="93"/>
      <c r="BK4202" s="93"/>
      <c r="BL4202" s="93"/>
    </row>
    <row r="4203" spans="2:64" x14ac:dyDescent="0.2">
      <c r="B4203" s="43"/>
      <c r="C4203" s="73"/>
      <c r="D4203" s="64"/>
      <c r="E4203" s="55"/>
      <c r="F4203" s="74"/>
      <c r="G4203" s="74"/>
      <c r="H4203" s="74"/>
      <c r="I4203" s="75"/>
      <c r="J4203" s="74"/>
      <c r="L4203" s="55"/>
      <c r="M4203" s="234"/>
      <c r="N4203" s="65"/>
      <c r="O4203" s="76"/>
      <c r="P4203" s="76"/>
      <c r="Q4203" s="65"/>
      <c r="R4203" s="76"/>
      <c r="S4203" s="76"/>
      <c r="T4203" s="76"/>
      <c r="U4203" s="76"/>
      <c r="V4203" s="76"/>
      <c r="W4203" s="76"/>
      <c r="X4203" s="76"/>
      <c r="Y4203" s="76"/>
      <c r="Z4203" s="76"/>
      <c r="AA4203" s="85"/>
      <c r="AB4203" s="85"/>
      <c r="AC4203" s="85"/>
      <c r="AD4203" s="85"/>
      <c r="AE4203" s="85"/>
      <c r="AF4203" s="85"/>
      <c r="AG4203" s="86"/>
      <c r="AH4203" s="85"/>
      <c r="AI4203" s="85"/>
      <c r="AJ4203" s="85"/>
      <c r="AK4203" s="85"/>
      <c r="AL4203" s="85"/>
      <c r="AM4203" s="92"/>
      <c r="AN4203" s="92"/>
      <c r="AO4203" s="92"/>
      <c r="AP4203" s="92"/>
      <c r="AQ4203" s="92"/>
      <c r="AR4203" s="92"/>
      <c r="AS4203" s="92"/>
      <c r="AT4203" s="92"/>
      <c r="AU4203" s="92"/>
      <c r="AV4203" s="92"/>
      <c r="AW4203" s="92"/>
      <c r="AX4203" s="92"/>
      <c r="AY4203" s="92"/>
      <c r="AZ4203" s="93"/>
      <c r="BA4203" s="93"/>
      <c r="BB4203" s="93"/>
      <c r="BC4203" s="93"/>
      <c r="BD4203" s="93"/>
      <c r="BE4203" s="93"/>
      <c r="BF4203" s="93"/>
      <c r="BG4203" s="93"/>
      <c r="BH4203" s="93"/>
      <c r="BI4203" s="93"/>
      <c r="BJ4203" s="93"/>
      <c r="BK4203" s="93"/>
      <c r="BL4203" s="93"/>
    </row>
    <row r="4204" spans="2:64" x14ac:dyDescent="0.2">
      <c r="B4204" s="43"/>
      <c r="C4204" s="73"/>
      <c r="D4204" s="64"/>
      <c r="E4204" s="55"/>
      <c r="F4204" s="74"/>
      <c r="G4204" s="74"/>
      <c r="H4204" s="74"/>
      <c r="I4204" s="75"/>
      <c r="J4204" s="74"/>
      <c r="L4204" s="55"/>
      <c r="M4204" s="234"/>
      <c r="N4204" s="65"/>
      <c r="O4204" s="76"/>
      <c r="P4204" s="76"/>
      <c r="Q4204" s="65"/>
      <c r="R4204" s="76"/>
      <c r="S4204" s="76"/>
      <c r="T4204" s="76"/>
      <c r="U4204" s="76"/>
      <c r="V4204" s="76"/>
      <c r="W4204" s="76"/>
      <c r="X4204" s="76"/>
      <c r="Y4204" s="76"/>
      <c r="Z4204" s="76"/>
      <c r="AA4204" s="85"/>
      <c r="AB4204" s="85"/>
      <c r="AC4204" s="85"/>
      <c r="AD4204" s="85"/>
      <c r="AE4204" s="85"/>
      <c r="AF4204" s="85"/>
      <c r="AG4204" s="86"/>
      <c r="AH4204" s="85"/>
      <c r="AI4204" s="85"/>
      <c r="AJ4204" s="85"/>
      <c r="AK4204" s="85"/>
      <c r="AL4204" s="85"/>
      <c r="AM4204" s="92"/>
      <c r="AN4204" s="92"/>
      <c r="AO4204" s="92"/>
      <c r="AP4204" s="92"/>
      <c r="AQ4204" s="92"/>
      <c r="AR4204" s="92"/>
      <c r="AS4204" s="92"/>
      <c r="AT4204" s="92"/>
      <c r="AU4204" s="92"/>
      <c r="AV4204" s="92"/>
      <c r="AW4204" s="92"/>
      <c r="AX4204" s="92"/>
      <c r="AY4204" s="92"/>
      <c r="AZ4204" s="93"/>
      <c r="BA4204" s="93"/>
      <c r="BB4204" s="93"/>
      <c r="BC4204" s="93"/>
      <c r="BD4204" s="93"/>
      <c r="BE4204" s="93"/>
      <c r="BF4204" s="93"/>
      <c r="BG4204" s="93"/>
      <c r="BH4204" s="93"/>
      <c r="BI4204" s="93"/>
      <c r="BJ4204" s="93"/>
      <c r="BK4204" s="93"/>
      <c r="BL4204" s="93"/>
    </row>
    <row r="4205" spans="2:64" x14ac:dyDescent="0.2">
      <c r="B4205" s="43"/>
      <c r="C4205" s="73"/>
      <c r="D4205" s="64"/>
      <c r="E4205" s="55"/>
      <c r="F4205" s="74"/>
      <c r="G4205" s="74"/>
      <c r="H4205" s="74"/>
      <c r="I4205" s="75"/>
      <c r="J4205" s="74"/>
      <c r="L4205" s="55"/>
      <c r="M4205" s="234"/>
      <c r="N4205" s="65"/>
      <c r="O4205" s="76"/>
      <c r="P4205" s="76"/>
      <c r="Q4205" s="65"/>
      <c r="R4205" s="76"/>
      <c r="S4205" s="76"/>
      <c r="T4205" s="76"/>
      <c r="U4205" s="76"/>
      <c r="V4205" s="76"/>
      <c r="W4205" s="76"/>
      <c r="X4205" s="76"/>
      <c r="Y4205" s="76"/>
      <c r="Z4205" s="76"/>
      <c r="AA4205" s="85"/>
      <c r="AB4205" s="85"/>
      <c r="AC4205" s="85"/>
      <c r="AD4205" s="85"/>
      <c r="AE4205" s="85"/>
      <c r="AF4205" s="85"/>
      <c r="AG4205" s="86"/>
      <c r="AH4205" s="85"/>
      <c r="AI4205" s="85"/>
      <c r="AJ4205" s="85"/>
      <c r="AK4205" s="85"/>
      <c r="AL4205" s="85"/>
      <c r="AM4205" s="92"/>
      <c r="AN4205" s="92"/>
      <c r="AO4205" s="92"/>
      <c r="AP4205" s="92"/>
      <c r="AQ4205" s="92"/>
      <c r="AR4205" s="92"/>
      <c r="AS4205" s="92"/>
      <c r="AT4205" s="92"/>
      <c r="AU4205" s="92"/>
      <c r="AV4205" s="92"/>
      <c r="AW4205" s="92"/>
      <c r="AX4205" s="92"/>
      <c r="AY4205" s="92"/>
      <c r="AZ4205" s="93"/>
      <c r="BA4205" s="93"/>
      <c r="BB4205" s="93"/>
      <c r="BC4205" s="93"/>
      <c r="BD4205" s="93"/>
      <c r="BE4205" s="93"/>
      <c r="BF4205" s="93"/>
      <c r="BG4205" s="93"/>
      <c r="BH4205" s="93"/>
      <c r="BI4205" s="93"/>
      <c r="BJ4205" s="93"/>
      <c r="BK4205" s="93"/>
      <c r="BL4205" s="93"/>
    </row>
    <row r="4206" spans="2:64" x14ac:dyDescent="0.2">
      <c r="B4206" s="43"/>
      <c r="C4206" s="73"/>
      <c r="D4206" s="64"/>
      <c r="E4206" s="55"/>
      <c r="F4206" s="74"/>
      <c r="G4206" s="74"/>
      <c r="H4206" s="74"/>
      <c r="I4206" s="75"/>
      <c r="J4206" s="74"/>
      <c r="L4206" s="55"/>
      <c r="M4206" s="234"/>
      <c r="N4206" s="65"/>
      <c r="O4206" s="76"/>
      <c r="P4206" s="76"/>
      <c r="Q4206" s="65"/>
      <c r="R4206" s="76"/>
      <c r="S4206" s="76"/>
      <c r="T4206" s="76"/>
      <c r="U4206" s="76"/>
      <c r="V4206" s="76"/>
      <c r="W4206" s="76"/>
      <c r="X4206" s="76"/>
      <c r="Y4206" s="76"/>
      <c r="Z4206" s="76"/>
      <c r="AA4206" s="85"/>
      <c r="AB4206" s="85"/>
      <c r="AC4206" s="85"/>
      <c r="AD4206" s="85"/>
      <c r="AE4206" s="85"/>
      <c r="AF4206" s="85"/>
      <c r="AG4206" s="86"/>
      <c r="AH4206" s="85"/>
      <c r="AI4206" s="85"/>
      <c r="AJ4206" s="85"/>
      <c r="AK4206" s="85"/>
      <c r="AL4206" s="85"/>
      <c r="AM4206" s="92"/>
      <c r="AN4206" s="92"/>
      <c r="AO4206" s="92"/>
      <c r="AP4206" s="92"/>
      <c r="AQ4206" s="92"/>
      <c r="AR4206" s="92"/>
      <c r="AS4206" s="92"/>
      <c r="AT4206" s="92"/>
      <c r="AU4206" s="92"/>
      <c r="AV4206" s="92"/>
      <c r="AW4206" s="92"/>
      <c r="AX4206" s="92"/>
      <c r="AY4206" s="92"/>
      <c r="AZ4206" s="93"/>
      <c r="BA4206" s="93"/>
      <c r="BB4206" s="93"/>
      <c r="BC4206" s="93"/>
      <c r="BD4206" s="93"/>
      <c r="BE4206" s="93"/>
      <c r="BF4206" s="93"/>
      <c r="BG4206" s="93"/>
      <c r="BH4206" s="93"/>
      <c r="BI4206" s="93"/>
      <c r="BJ4206" s="93"/>
      <c r="BK4206" s="93"/>
      <c r="BL4206" s="93"/>
    </row>
    <row r="4207" spans="2:64" x14ac:dyDescent="0.2">
      <c r="B4207" s="43"/>
      <c r="C4207" s="73"/>
      <c r="D4207" s="64"/>
      <c r="E4207" s="55"/>
      <c r="F4207" s="74"/>
      <c r="G4207" s="74"/>
      <c r="H4207" s="74"/>
      <c r="I4207" s="75"/>
      <c r="J4207" s="74"/>
      <c r="L4207" s="55"/>
      <c r="M4207" s="234"/>
      <c r="N4207" s="65"/>
      <c r="O4207" s="76"/>
      <c r="P4207" s="76"/>
      <c r="Q4207" s="65"/>
      <c r="R4207" s="76"/>
      <c r="S4207" s="76"/>
      <c r="T4207" s="76"/>
      <c r="U4207" s="76"/>
      <c r="V4207" s="76"/>
      <c r="W4207" s="76"/>
      <c r="X4207" s="76"/>
      <c r="Y4207" s="76"/>
      <c r="Z4207" s="76"/>
      <c r="AA4207" s="85"/>
      <c r="AB4207" s="85"/>
      <c r="AC4207" s="85"/>
      <c r="AD4207" s="85"/>
      <c r="AE4207" s="85"/>
      <c r="AF4207" s="85"/>
      <c r="AG4207" s="86"/>
      <c r="AH4207" s="85"/>
      <c r="AI4207" s="85"/>
      <c r="AJ4207" s="85"/>
      <c r="AK4207" s="85"/>
      <c r="AL4207" s="85"/>
      <c r="AM4207" s="92"/>
      <c r="AN4207" s="92"/>
      <c r="AO4207" s="92"/>
      <c r="AP4207" s="92"/>
      <c r="AQ4207" s="92"/>
      <c r="AR4207" s="92"/>
      <c r="AS4207" s="92"/>
      <c r="AT4207" s="92"/>
      <c r="AU4207" s="92"/>
      <c r="AV4207" s="92"/>
      <c r="AW4207" s="92"/>
      <c r="AX4207" s="92"/>
      <c r="AY4207" s="92"/>
      <c r="AZ4207" s="93"/>
      <c r="BA4207" s="93"/>
      <c r="BB4207" s="93"/>
      <c r="BC4207" s="93"/>
      <c r="BD4207" s="93"/>
      <c r="BE4207" s="93"/>
      <c r="BF4207" s="93"/>
      <c r="BG4207" s="93"/>
      <c r="BH4207" s="93"/>
      <c r="BI4207" s="93"/>
      <c r="BJ4207" s="93"/>
      <c r="BK4207" s="93"/>
      <c r="BL4207" s="93"/>
    </row>
    <row r="4208" spans="2:64" x14ac:dyDescent="0.2">
      <c r="B4208" s="43"/>
      <c r="C4208" s="73"/>
      <c r="D4208" s="64"/>
      <c r="E4208" s="55"/>
      <c r="F4208" s="74"/>
      <c r="G4208" s="74"/>
      <c r="H4208" s="74"/>
      <c r="I4208" s="75"/>
      <c r="J4208" s="74"/>
      <c r="L4208" s="55"/>
      <c r="M4208" s="234"/>
      <c r="N4208" s="65"/>
      <c r="O4208" s="76"/>
      <c r="P4208" s="76"/>
      <c r="Q4208" s="65"/>
      <c r="R4208" s="76"/>
      <c r="S4208" s="76"/>
      <c r="T4208" s="76"/>
      <c r="U4208" s="76"/>
      <c r="V4208" s="76"/>
      <c r="W4208" s="76"/>
      <c r="X4208" s="76"/>
      <c r="Y4208" s="76"/>
      <c r="Z4208" s="76"/>
      <c r="AA4208" s="85"/>
      <c r="AB4208" s="85"/>
      <c r="AC4208" s="85"/>
      <c r="AD4208" s="85"/>
      <c r="AE4208" s="85"/>
      <c r="AF4208" s="85"/>
      <c r="AG4208" s="86"/>
      <c r="AH4208" s="85"/>
      <c r="AI4208" s="85"/>
      <c r="AJ4208" s="85"/>
      <c r="AK4208" s="85"/>
      <c r="AL4208" s="85"/>
      <c r="AM4208" s="92"/>
      <c r="AN4208" s="92"/>
      <c r="AO4208" s="92"/>
      <c r="AP4208" s="92"/>
      <c r="AQ4208" s="92"/>
      <c r="AR4208" s="92"/>
      <c r="AS4208" s="92"/>
      <c r="AT4208" s="92"/>
      <c r="AU4208" s="92"/>
      <c r="AV4208" s="92"/>
      <c r="AW4208" s="92"/>
      <c r="AX4208" s="92"/>
      <c r="AY4208" s="92"/>
      <c r="AZ4208" s="93"/>
      <c r="BA4208" s="93"/>
      <c r="BB4208" s="93"/>
      <c r="BC4208" s="93"/>
      <c r="BD4208" s="93"/>
      <c r="BE4208" s="93"/>
      <c r="BF4208" s="93"/>
      <c r="BG4208" s="93"/>
      <c r="BH4208" s="93"/>
      <c r="BI4208" s="93"/>
      <c r="BJ4208" s="93"/>
      <c r="BK4208" s="93"/>
      <c r="BL4208" s="93"/>
    </row>
    <row r="4209" spans="2:64" x14ac:dyDescent="0.2">
      <c r="B4209" s="43"/>
      <c r="C4209" s="73"/>
      <c r="D4209" s="64"/>
      <c r="E4209" s="55"/>
      <c r="F4209" s="74"/>
      <c r="G4209" s="74"/>
      <c r="H4209" s="74"/>
      <c r="I4209" s="75"/>
      <c r="J4209" s="74"/>
      <c r="L4209" s="55"/>
      <c r="M4209" s="234"/>
      <c r="N4209" s="65"/>
      <c r="O4209" s="76"/>
      <c r="P4209" s="76"/>
      <c r="Q4209" s="65"/>
      <c r="R4209" s="76"/>
      <c r="S4209" s="76"/>
      <c r="T4209" s="76"/>
      <c r="U4209" s="76"/>
      <c r="V4209" s="76"/>
      <c r="W4209" s="76"/>
      <c r="X4209" s="76"/>
      <c r="Y4209" s="76"/>
      <c r="Z4209" s="76"/>
      <c r="AA4209" s="85"/>
      <c r="AB4209" s="85"/>
      <c r="AC4209" s="85"/>
      <c r="AD4209" s="85"/>
      <c r="AE4209" s="85"/>
      <c r="AF4209" s="85"/>
      <c r="AG4209" s="86"/>
      <c r="AH4209" s="85"/>
      <c r="AI4209" s="85"/>
      <c r="AJ4209" s="85"/>
      <c r="AK4209" s="85"/>
      <c r="AL4209" s="85"/>
      <c r="AM4209" s="92"/>
      <c r="AN4209" s="92"/>
      <c r="AO4209" s="92"/>
      <c r="AP4209" s="92"/>
      <c r="AQ4209" s="92"/>
      <c r="AR4209" s="92"/>
      <c r="AS4209" s="92"/>
      <c r="AT4209" s="92"/>
      <c r="AU4209" s="92"/>
      <c r="AV4209" s="92"/>
      <c r="AW4209" s="92"/>
      <c r="AX4209" s="92"/>
      <c r="AY4209" s="92"/>
      <c r="AZ4209" s="93"/>
      <c r="BA4209" s="93"/>
      <c r="BB4209" s="93"/>
      <c r="BC4209" s="93"/>
      <c r="BD4209" s="93"/>
      <c r="BE4209" s="93"/>
      <c r="BF4209" s="93"/>
      <c r="BG4209" s="93"/>
      <c r="BH4209" s="93"/>
      <c r="BI4209" s="93"/>
      <c r="BJ4209" s="93"/>
      <c r="BK4209" s="93"/>
      <c r="BL4209" s="93"/>
    </row>
    <row r="4210" spans="2:64" x14ac:dyDescent="0.2">
      <c r="B4210" s="43"/>
      <c r="C4210" s="73"/>
      <c r="D4210" s="64"/>
      <c r="E4210" s="55"/>
      <c r="F4210" s="74"/>
      <c r="G4210" s="74"/>
      <c r="H4210" s="74"/>
      <c r="I4210" s="75"/>
      <c r="J4210" s="74"/>
      <c r="L4210" s="55"/>
      <c r="M4210" s="234"/>
      <c r="N4210" s="65"/>
      <c r="O4210" s="76"/>
      <c r="P4210" s="76"/>
      <c r="Q4210" s="65"/>
      <c r="R4210" s="76"/>
      <c r="S4210" s="76"/>
      <c r="T4210" s="76"/>
      <c r="U4210" s="76"/>
      <c r="V4210" s="76"/>
      <c r="W4210" s="76"/>
      <c r="X4210" s="76"/>
      <c r="Y4210" s="76"/>
      <c r="Z4210" s="76"/>
      <c r="AA4210" s="85"/>
      <c r="AB4210" s="85"/>
      <c r="AC4210" s="85"/>
      <c r="AD4210" s="85"/>
      <c r="AE4210" s="85"/>
      <c r="AF4210" s="85"/>
      <c r="AG4210" s="86"/>
      <c r="AH4210" s="85"/>
      <c r="AI4210" s="85"/>
      <c r="AJ4210" s="85"/>
      <c r="AK4210" s="85"/>
      <c r="AL4210" s="85"/>
      <c r="AM4210" s="92"/>
      <c r="AN4210" s="92"/>
      <c r="AO4210" s="92"/>
      <c r="AP4210" s="92"/>
      <c r="AQ4210" s="92"/>
      <c r="AR4210" s="92"/>
      <c r="AS4210" s="92"/>
      <c r="AT4210" s="92"/>
      <c r="AU4210" s="92"/>
      <c r="AV4210" s="92"/>
      <c r="AW4210" s="92"/>
      <c r="AX4210" s="92"/>
      <c r="AY4210" s="92"/>
      <c r="AZ4210" s="93"/>
      <c r="BA4210" s="93"/>
      <c r="BB4210" s="93"/>
      <c r="BC4210" s="93"/>
      <c r="BD4210" s="93"/>
      <c r="BE4210" s="93"/>
      <c r="BF4210" s="93"/>
      <c r="BG4210" s="93"/>
      <c r="BH4210" s="93"/>
      <c r="BI4210" s="93"/>
      <c r="BJ4210" s="93"/>
      <c r="BK4210" s="93"/>
      <c r="BL4210" s="93"/>
    </row>
    <row r="4211" spans="2:64" x14ac:dyDescent="0.2">
      <c r="B4211" s="43"/>
      <c r="C4211" s="73"/>
      <c r="D4211" s="64"/>
      <c r="E4211" s="55"/>
      <c r="F4211" s="74"/>
      <c r="G4211" s="74"/>
      <c r="H4211" s="74"/>
      <c r="I4211" s="75"/>
      <c r="J4211" s="74"/>
      <c r="L4211" s="55"/>
      <c r="M4211" s="234"/>
      <c r="N4211" s="65"/>
      <c r="O4211" s="76"/>
      <c r="P4211" s="76"/>
      <c r="Q4211" s="65"/>
      <c r="R4211" s="76"/>
      <c r="S4211" s="76"/>
      <c r="T4211" s="76"/>
      <c r="U4211" s="76"/>
      <c r="V4211" s="76"/>
      <c r="W4211" s="76"/>
      <c r="X4211" s="76"/>
      <c r="Y4211" s="76"/>
      <c r="Z4211" s="76"/>
      <c r="AA4211" s="85"/>
      <c r="AB4211" s="85"/>
      <c r="AC4211" s="85"/>
      <c r="AD4211" s="85"/>
      <c r="AE4211" s="85"/>
      <c r="AF4211" s="85"/>
      <c r="AG4211" s="86"/>
      <c r="AH4211" s="85"/>
      <c r="AI4211" s="85"/>
      <c r="AJ4211" s="85"/>
      <c r="AK4211" s="85"/>
      <c r="AL4211" s="85"/>
      <c r="AM4211" s="92"/>
      <c r="AN4211" s="92"/>
      <c r="AO4211" s="92"/>
      <c r="AP4211" s="92"/>
      <c r="AQ4211" s="92"/>
      <c r="AR4211" s="92"/>
      <c r="AS4211" s="92"/>
      <c r="AT4211" s="92"/>
      <c r="AU4211" s="92"/>
      <c r="AV4211" s="92"/>
      <c r="AW4211" s="92"/>
      <c r="AX4211" s="92"/>
      <c r="AY4211" s="92"/>
      <c r="AZ4211" s="93"/>
      <c r="BA4211" s="93"/>
      <c r="BB4211" s="93"/>
      <c r="BC4211" s="93"/>
      <c r="BD4211" s="93"/>
      <c r="BE4211" s="93"/>
      <c r="BF4211" s="93"/>
      <c r="BG4211" s="93"/>
      <c r="BH4211" s="93"/>
      <c r="BI4211" s="93"/>
      <c r="BJ4211" s="93"/>
      <c r="BK4211" s="93"/>
      <c r="BL4211" s="93"/>
    </row>
    <row r="4212" spans="2:64" x14ac:dyDescent="0.2">
      <c r="B4212" s="43"/>
      <c r="C4212" s="73"/>
      <c r="D4212" s="64"/>
      <c r="E4212" s="55"/>
      <c r="F4212" s="74"/>
      <c r="G4212" s="74"/>
      <c r="H4212" s="74"/>
      <c r="I4212" s="75"/>
      <c r="J4212" s="74"/>
      <c r="L4212" s="55"/>
      <c r="M4212" s="234"/>
      <c r="N4212" s="65"/>
      <c r="O4212" s="76"/>
      <c r="P4212" s="76"/>
      <c r="Q4212" s="65"/>
      <c r="R4212" s="76"/>
      <c r="S4212" s="76"/>
      <c r="T4212" s="76"/>
      <c r="U4212" s="76"/>
      <c r="V4212" s="76"/>
      <c r="W4212" s="76"/>
      <c r="X4212" s="76"/>
      <c r="Y4212" s="76"/>
      <c r="Z4212" s="76"/>
      <c r="AA4212" s="85"/>
      <c r="AB4212" s="85"/>
      <c r="AC4212" s="85"/>
      <c r="AD4212" s="85"/>
      <c r="AE4212" s="85"/>
      <c r="AF4212" s="85"/>
      <c r="AG4212" s="86"/>
      <c r="AH4212" s="85"/>
      <c r="AI4212" s="85"/>
      <c r="AJ4212" s="85"/>
      <c r="AK4212" s="85"/>
      <c r="AL4212" s="85"/>
      <c r="AM4212" s="92"/>
      <c r="AN4212" s="92"/>
      <c r="AO4212" s="92"/>
      <c r="AP4212" s="92"/>
      <c r="AQ4212" s="92"/>
      <c r="AR4212" s="92"/>
      <c r="AS4212" s="92"/>
      <c r="AT4212" s="92"/>
      <c r="AU4212" s="92"/>
      <c r="AV4212" s="92"/>
      <c r="AW4212" s="92"/>
      <c r="AX4212" s="92"/>
      <c r="AY4212" s="92"/>
      <c r="AZ4212" s="93"/>
      <c r="BA4212" s="93"/>
      <c r="BB4212" s="93"/>
      <c r="BC4212" s="93"/>
      <c r="BD4212" s="93"/>
      <c r="BE4212" s="93"/>
      <c r="BF4212" s="93"/>
      <c r="BG4212" s="93"/>
      <c r="BH4212" s="93"/>
      <c r="BI4212" s="93"/>
      <c r="BJ4212" s="93"/>
      <c r="BK4212" s="93"/>
      <c r="BL4212" s="93"/>
    </row>
    <row r="4213" spans="2:64" x14ac:dyDescent="0.2">
      <c r="B4213" s="43"/>
      <c r="C4213" s="73"/>
      <c r="D4213" s="64"/>
      <c r="E4213" s="55"/>
      <c r="F4213" s="74"/>
      <c r="G4213" s="74"/>
      <c r="H4213" s="74"/>
      <c r="I4213" s="75"/>
      <c r="J4213" s="74"/>
      <c r="L4213" s="55"/>
      <c r="M4213" s="234"/>
      <c r="N4213" s="65"/>
      <c r="O4213" s="76"/>
      <c r="P4213" s="76"/>
      <c r="Q4213" s="65"/>
      <c r="R4213" s="76"/>
      <c r="S4213" s="76"/>
      <c r="T4213" s="76"/>
      <c r="U4213" s="76"/>
      <c r="V4213" s="76"/>
      <c r="W4213" s="76"/>
      <c r="X4213" s="76"/>
      <c r="Y4213" s="76"/>
      <c r="Z4213" s="76"/>
      <c r="AA4213" s="85"/>
      <c r="AB4213" s="85"/>
      <c r="AC4213" s="85"/>
      <c r="AD4213" s="85"/>
      <c r="AE4213" s="85"/>
      <c r="AF4213" s="85"/>
      <c r="AG4213" s="86"/>
      <c r="AH4213" s="85"/>
      <c r="AI4213" s="85"/>
      <c r="AJ4213" s="85"/>
      <c r="AK4213" s="85"/>
      <c r="AL4213" s="85"/>
      <c r="AM4213" s="92"/>
      <c r="AN4213" s="92"/>
      <c r="AO4213" s="92"/>
      <c r="AP4213" s="92"/>
      <c r="AQ4213" s="92"/>
      <c r="AR4213" s="92"/>
      <c r="AS4213" s="92"/>
      <c r="AT4213" s="92"/>
      <c r="AU4213" s="92"/>
      <c r="AV4213" s="92"/>
      <c r="AW4213" s="92"/>
      <c r="AX4213" s="92"/>
      <c r="AY4213" s="92"/>
      <c r="AZ4213" s="93"/>
      <c r="BA4213" s="93"/>
      <c r="BB4213" s="93"/>
      <c r="BC4213" s="93"/>
      <c r="BD4213" s="93"/>
      <c r="BE4213" s="93"/>
      <c r="BF4213" s="93"/>
      <c r="BG4213" s="93"/>
      <c r="BH4213" s="93"/>
      <c r="BI4213" s="93"/>
      <c r="BJ4213" s="93"/>
      <c r="BK4213" s="93"/>
      <c r="BL4213" s="93"/>
    </row>
    <row r="4214" spans="2:64" x14ac:dyDescent="0.2">
      <c r="B4214" s="43"/>
      <c r="C4214" s="73"/>
      <c r="D4214" s="64"/>
      <c r="E4214" s="55"/>
      <c r="F4214" s="74"/>
      <c r="G4214" s="74"/>
      <c r="H4214" s="74"/>
      <c r="I4214" s="75"/>
      <c r="J4214" s="74"/>
      <c r="L4214" s="55"/>
      <c r="M4214" s="234"/>
      <c r="N4214" s="65"/>
      <c r="O4214" s="76"/>
      <c r="P4214" s="76"/>
      <c r="Q4214" s="65"/>
      <c r="R4214" s="76"/>
      <c r="S4214" s="76"/>
      <c r="T4214" s="76"/>
      <c r="U4214" s="76"/>
      <c r="V4214" s="76"/>
      <c r="W4214" s="76"/>
      <c r="X4214" s="76"/>
      <c r="Y4214" s="76"/>
      <c r="Z4214" s="76"/>
      <c r="AA4214" s="85"/>
      <c r="AB4214" s="85"/>
      <c r="AC4214" s="85"/>
      <c r="AD4214" s="85"/>
      <c r="AE4214" s="85"/>
      <c r="AF4214" s="85"/>
      <c r="AG4214" s="86"/>
      <c r="AH4214" s="85"/>
      <c r="AI4214" s="85"/>
      <c r="AJ4214" s="85"/>
      <c r="AK4214" s="85"/>
      <c r="AL4214" s="85"/>
      <c r="AM4214" s="92"/>
      <c r="AN4214" s="92"/>
      <c r="AO4214" s="92"/>
      <c r="AP4214" s="92"/>
      <c r="AQ4214" s="92"/>
      <c r="AR4214" s="92"/>
      <c r="AS4214" s="92"/>
      <c r="AT4214" s="92"/>
      <c r="AU4214" s="92"/>
      <c r="AV4214" s="92"/>
      <c r="AW4214" s="92"/>
      <c r="AX4214" s="92"/>
      <c r="AY4214" s="92"/>
      <c r="AZ4214" s="93"/>
      <c r="BA4214" s="93"/>
      <c r="BB4214" s="93"/>
      <c r="BC4214" s="93"/>
      <c r="BD4214" s="93"/>
      <c r="BE4214" s="93"/>
      <c r="BF4214" s="93"/>
      <c r="BG4214" s="93"/>
      <c r="BH4214" s="93"/>
      <c r="BI4214" s="93"/>
      <c r="BJ4214" s="93"/>
      <c r="BK4214" s="93"/>
      <c r="BL4214" s="93"/>
    </row>
    <row r="4215" spans="2:64" x14ac:dyDescent="0.2">
      <c r="B4215" s="43"/>
      <c r="C4215" s="73"/>
      <c r="D4215" s="64"/>
      <c r="E4215" s="55"/>
      <c r="F4215" s="74"/>
      <c r="G4215" s="74"/>
      <c r="H4215" s="74"/>
      <c r="I4215" s="75"/>
      <c r="J4215" s="74"/>
      <c r="L4215" s="55"/>
      <c r="M4215" s="234"/>
      <c r="N4215" s="65"/>
      <c r="O4215" s="76"/>
      <c r="P4215" s="76"/>
      <c r="Q4215" s="65"/>
      <c r="R4215" s="76"/>
      <c r="S4215" s="76"/>
      <c r="T4215" s="76"/>
      <c r="U4215" s="76"/>
      <c r="V4215" s="76"/>
      <c r="W4215" s="76"/>
      <c r="X4215" s="76"/>
      <c r="Y4215" s="76"/>
      <c r="Z4215" s="76"/>
      <c r="AA4215" s="85"/>
      <c r="AB4215" s="85"/>
      <c r="AC4215" s="85"/>
      <c r="AD4215" s="85"/>
      <c r="AE4215" s="85"/>
      <c r="AF4215" s="85"/>
      <c r="AG4215" s="86"/>
      <c r="AH4215" s="85"/>
      <c r="AI4215" s="85"/>
      <c r="AJ4215" s="85"/>
      <c r="AK4215" s="85"/>
      <c r="AL4215" s="85"/>
      <c r="AM4215" s="92"/>
      <c r="AN4215" s="92"/>
      <c r="AO4215" s="92"/>
      <c r="AP4215" s="92"/>
      <c r="AQ4215" s="92"/>
      <c r="AR4215" s="92"/>
      <c r="AS4215" s="92"/>
      <c r="AT4215" s="92"/>
      <c r="AU4215" s="92"/>
      <c r="AV4215" s="92"/>
      <c r="AW4215" s="92"/>
      <c r="AX4215" s="92"/>
      <c r="AY4215" s="92"/>
      <c r="AZ4215" s="93"/>
      <c r="BA4215" s="93"/>
      <c r="BB4215" s="93"/>
      <c r="BC4215" s="93"/>
      <c r="BD4215" s="93"/>
      <c r="BE4215" s="93"/>
      <c r="BF4215" s="93"/>
      <c r="BG4215" s="93"/>
      <c r="BH4215" s="93"/>
      <c r="BI4215" s="93"/>
      <c r="BJ4215" s="93"/>
      <c r="BK4215" s="93"/>
      <c r="BL4215" s="93"/>
    </row>
    <row r="4216" spans="2:64" x14ac:dyDescent="0.2">
      <c r="B4216" s="43"/>
      <c r="C4216" s="73"/>
      <c r="D4216" s="64"/>
      <c r="E4216" s="55"/>
      <c r="F4216" s="74"/>
      <c r="G4216" s="74"/>
      <c r="H4216" s="74"/>
      <c r="I4216" s="75"/>
      <c r="J4216" s="74"/>
      <c r="L4216" s="55"/>
      <c r="M4216" s="234"/>
      <c r="N4216" s="65"/>
      <c r="O4216" s="76"/>
      <c r="P4216" s="76"/>
      <c r="Q4216" s="65"/>
      <c r="R4216" s="76"/>
      <c r="S4216" s="76"/>
      <c r="T4216" s="76"/>
      <c r="U4216" s="76"/>
      <c r="V4216" s="76"/>
      <c r="W4216" s="76"/>
      <c r="X4216" s="76"/>
      <c r="Y4216" s="76"/>
      <c r="Z4216" s="76"/>
      <c r="AA4216" s="85"/>
      <c r="AB4216" s="85"/>
      <c r="AC4216" s="85"/>
      <c r="AD4216" s="85"/>
      <c r="AE4216" s="85"/>
      <c r="AF4216" s="85"/>
      <c r="AG4216" s="86"/>
      <c r="AH4216" s="85"/>
      <c r="AI4216" s="85"/>
      <c r="AJ4216" s="85"/>
      <c r="AK4216" s="85"/>
      <c r="AL4216" s="85"/>
      <c r="AM4216" s="92"/>
      <c r="AN4216" s="92"/>
      <c r="AO4216" s="92"/>
      <c r="AP4216" s="92"/>
      <c r="AQ4216" s="92"/>
      <c r="AR4216" s="92"/>
      <c r="AS4216" s="92"/>
      <c r="AT4216" s="92"/>
      <c r="AU4216" s="92"/>
      <c r="AV4216" s="92"/>
      <c r="AW4216" s="92"/>
      <c r="AX4216" s="92"/>
      <c r="AY4216" s="92"/>
      <c r="AZ4216" s="93"/>
      <c r="BA4216" s="93"/>
      <c r="BB4216" s="93"/>
      <c r="BC4216" s="93"/>
      <c r="BD4216" s="93"/>
      <c r="BE4216" s="93"/>
      <c r="BF4216" s="93"/>
      <c r="BG4216" s="93"/>
      <c r="BH4216" s="93"/>
      <c r="BI4216" s="93"/>
      <c r="BJ4216" s="93"/>
      <c r="BK4216" s="93"/>
      <c r="BL4216" s="93"/>
    </row>
    <row r="4217" spans="2:64" x14ac:dyDescent="0.2">
      <c r="B4217" s="43"/>
      <c r="C4217" s="73"/>
      <c r="D4217" s="64"/>
      <c r="E4217" s="55"/>
      <c r="F4217" s="74"/>
      <c r="G4217" s="74"/>
      <c r="H4217" s="74"/>
      <c r="I4217" s="75"/>
      <c r="J4217" s="74"/>
      <c r="L4217" s="55"/>
      <c r="M4217" s="234"/>
      <c r="N4217" s="65"/>
      <c r="O4217" s="76"/>
      <c r="P4217" s="76"/>
      <c r="Q4217" s="65"/>
      <c r="R4217" s="76"/>
      <c r="S4217" s="76"/>
      <c r="T4217" s="76"/>
      <c r="U4217" s="76"/>
      <c r="V4217" s="76"/>
      <c r="W4217" s="76"/>
      <c r="X4217" s="76"/>
      <c r="Y4217" s="76"/>
      <c r="Z4217" s="76"/>
      <c r="AA4217" s="85"/>
      <c r="AB4217" s="85"/>
      <c r="AC4217" s="85"/>
      <c r="AD4217" s="85"/>
      <c r="AE4217" s="85"/>
      <c r="AF4217" s="85"/>
      <c r="AG4217" s="86"/>
      <c r="AH4217" s="85"/>
      <c r="AI4217" s="85"/>
      <c r="AJ4217" s="85"/>
      <c r="AK4217" s="85"/>
      <c r="AL4217" s="85"/>
      <c r="AM4217" s="92"/>
      <c r="AN4217" s="92"/>
      <c r="AO4217" s="92"/>
      <c r="AP4217" s="92"/>
      <c r="AQ4217" s="92"/>
      <c r="AR4217" s="92"/>
      <c r="AS4217" s="92"/>
      <c r="AT4217" s="92"/>
      <c r="AU4217" s="92"/>
      <c r="AV4217" s="92"/>
      <c r="AW4217" s="92"/>
      <c r="AX4217" s="92"/>
      <c r="AY4217" s="92"/>
      <c r="AZ4217" s="93"/>
      <c r="BA4217" s="93"/>
      <c r="BB4217" s="93"/>
      <c r="BC4217" s="93"/>
      <c r="BD4217" s="93"/>
      <c r="BE4217" s="93"/>
      <c r="BF4217" s="93"/>
      <c r="BG4217" s="93"/>
      <c r="BH4217" s="93"/>
      <c r="BI4217" s="93"/>
      <c r="BJ4217" s="93"/>
      <c r="BK4217" s="93"/>
      <c r="BL4217" s="93"/>
    </row>
    <row r="4218" spans="2:64" x14ac:dyDescent="0.2">
      <c r="B4218" s="43"/>
      <c r="C4218" s="73"/>
      <c r="D4218" s="64"/>
      <c r="E4218" s="55"/>
      <c r="F4218" s="74"/>
      <c r="G4218" s="74"/>
      <c r="H4218" s="74"/>
      <c r="I4218" s="75"/>
      <c r="J4218" s="74"/>
      <c r="L4218" s="55"/>
      <c r="M4218" s="234"/>
      <c r="N4218" s="65"/>
      <c r="O4218" s="76"/>
      <c r="P4218" s="76"/>
      <c r="Q4218" s="65"/>
      <c r="R4218" s="76"/>
      <c r="S4218" s="76"/>
      <c r="T4218" s="76"/>
      <c r="U4218" s="76"/>
      <c r="V4218" s="76"/>
      <c r="W4218" s="76"/>
      <c r="X4218" s="76"/>
      <c r="Y4218" s="76"/>
      <c r="Z4218" s="76"/>
      <c r="AA4218" s="85"/>
      <c r="AB4218" s="85"/>
      <c r="AC4218" s="85"/>
      <c r="AD4218" s="85"/>
      <c r="AE4218" s="85"/>
      <c r="AF4218" s="85"/>
      <c r="AG4218" s="86"/>
      <c r="AH4218" s="85"/>
      <c r="AI4218" s="85"/>
      <c r="AJ4218" s="85"/>
      <c r="AK4218" s="85"/>
      <c r="AL4218" s="85"/>
      <c r="AM4218" s="92"/>
      <c r="AN4218" s="92"/>
      <c r="AO4218" s="92"/>
      <c r="AP4218" s="92"/>
      <c r="AQ4218" s="92"/>
      <c r="AR4218" s="92"/>
      <c r="AS4218" s="92"/>
      <c r="AT4218" s="92"/>
      <c r="AU4218" s="92"/>
      <c r="AV4218" s="92"/>
      <c r="AW4218" s="92"/>
      <c r="AX4218" s="92"/>
      <c r="AY4218" s="92"/>
      <c r="AZ4218" s="93"/>
      <c r="BA4218" s="93"/>
      <c r="BB4218" s="93"/>
      <c r="BC4218" s="93"/>
      <c r="BD4218" s="93"/>
      <c r="BE4218" s="93"/>
      <c r="BF4218" s="93"/>
      <c r="BG4218" s="93"/>
      <c r="BH4218" s="93"/>
      <c r="BI4218" s="93"/>
      <c r="BJ4218" s="93"/>
      <c r="BK4218" s="93"/>
      <c r="BL4218" s="93"/>
    </row>
    <row r="4219" spans="2:64" x14ac:dyDescent="0.2">
      <c r="B4219" s="43"/>
      <c r="C4219" s="73"/>
      <c r="D4219" s="64"/>
      <c r="E4219" s="55"/>
      <c r="F4219" s="74"/>
      <c r="G4219" s="74"/>
      <c r="H4219" s="74"/>
      <c r="I4219" s="75"/>
      <c r="J4219" s="74"/>
      <c r="L4219" s="55"/>
      <c r="M4219" s="234"/>
      <c r="N4219" s="65"/>
      <c r="O4219" s="76"/>
      <c r="P4219" s="76"/>
      <c r="Q4219" s="65"/>
      <c r="R4219" s="76"/>
      <c r="S4219" s="76"/>
      <c r="T4219" s="76"/>
      <c r="U4219" s="76"/>
      <c r="V4219" s="76"/>
      <c r="W4219" s="76"/>
      <c r="X4219" s="76"/>
      <c r="Y4219" s="76"/>
      <c r="Z4219" s="76"/>
      <c r="AA4219" s="85"/>
      <c r="AB4219" s="85"/>
      <c r="AC4219" s="85"/>
      <c r="AD4219" s="85"/>
      <c r="AE4219" s="85"/>
      <c r="AF4219" s="85"/>
      <c r="AG4219" s="86"/>
      <c r="AH4219" s="85"/>
      <c r="AI4219" s="85"/>
      <c r="AJ4219" s="85"/>
      <c r="AK4219" s="85"/>
      <c r="AL4219" s="85"/>
      <c r="AM4219" s="92"/>
      <c r="AN4219" s="92"/>
      <c r="AO4219" s="92"/>
      <c r="AP4219" s="92"/>
      <c r="AQ4219" s="92"/>
      <c r="AR4219" s="92"/>
      <c r="AS4219" s="92"/>
      <c r="AT4219" s="92"/>
      <c r="AU4219" s="92"/>
      <c r="AV4219" s="92"/>
      <c r="AW4219" s="92"/>
      <c r="AX4219" s="92"/>
      <c r="AY4219" s="92"/>
      <c r="AZ4219" s="93"/>
      <c r="BA4219" s="93"/>
      <c r="BB4219" s="93"/>
      <c r="BC4219" s="93"/>
      <c r="BD4219" s="93"/>
      <c r="BE4219" s="93"/>
      <c r="BF4219" s="93"/>
      <c r="BG4219" s="93"/>
      <c r="BH4219" s="93"/>
      <c r="BI4219" s="93"/>
      <c r="BJ4219" s="93"/>
      <c r="BK4219" s="93"/>
      <c r="BL4219" s="93"/>
    </row>
    <row r="4220" spans="2:64" x14ac:dyDescent="0.2">
      <c r="B4220" s="43"/>
      <c r="C4220" s="73"/>
      <c r="D4220" s="64"/>
      <c r="E4220" s="55"/>
      <c r="F4220" s="74"/>
      <c r="G4220" s="74"/>
      <c r="H4220" s="74"/>
      <c r="I4220" s="75"/>
      <c r="J4220" s="74"/>
      <c r="L4220" s="55"/>
      <c r="M4220" s="234"/>
      <c r="N4220" s="65"/>
      <c r="O4220" s="76"/>
      <c r="P4220" s="76"/>
      <c r="Q4220" s="65"/>
      <c r="R4220" s="76"/>
      <c r="S4220" s="76"/>
      <c r="T4220" s="76"/>
      <c r="U4220" s="76"/>
      <c r="V4220" s="76"/>
      <c r="W4220" s="76"/>
      <c r="X4220" s="76"/>
      <c r="Y4220" s="76"/>
      <c r="Z4220" s="76"/>
      <c r="AA4220" s="85"/>
      <c r="AB4220" s="85"/>
      <c r="AC4220" s="85"/>
      <c r="AD4220" s="85"/>
      <c r="AE4220" s="85"/>
      <c r="AF4220" s="85"/>
      <c r="AG4220" s="86"/>
      <c r="AH4220" s="85"/>
      <c r="AI4220" s="85"/>
      <c r="AJ4220" s="85"/>
      <c r="AK4220" s="85"/>
      <c r="AL4220" s="85"/>
      <c r="AM4220" s="92"/>
      <c r="AN4220" s="92"/>
      <c r="AO4220" s="92"/>
      <c r="AP4220" s="92"/>
      <c r="AQ4220" s="92"/>
      <c r="AR4220" s="92"/>
      <c r="AS4220" s="92"/>
      <c r="AT4220" s="92"/>
      <c r="AU4220" s="92"/>
      <c r="AV4220" s="92"/>
      <c r="AW4220" s="92"/>
      <c r="AX4220" s="92"/>
      <c r="AY4220" s="92"/>
      <c r="AZ4220" s="93"/>
      <c r="BA4220" s="93"/>
      <c r="BB4220" s="93"/>
      <c r="BC4220" s="93"/>
      <c r="BD4220" s="93"/>
      <c r="BE4220" s="93"/>
      <c r="BF4220" s="93"/>
      <c r="BG4220" s="93"/>
      <c r="BH4220" s="93"/>
      <c r="BI4220" s="93"/>
      <c r="BJ4220" s="93"/>
      <c r="BK4220" s="93"/>
      <c r="BL4220" s="93"/>
    </row>
    <row r="4221" spans="2:64" x14ac:dyDescent="0.2">
      <c r="B4221" s="43"/>
      <c r="C4221" s="73"/>
      <c r="D4221" s="64"/>
      <c r="E4221" s="55"/>
      <c r="F4221" s="74"/>
      <c r="G4221" s="74"/>
      <c r="H4221" s="74"/>
      <c r="I4221" s="75"/>
      <c r="J4221" s="74"/>
      <c r="L4221" s="55"/>
      <c r="M4221" s="234"/>
      <c r="N4221" s="65"/>
      <c r="O4221" s="76"/>
      <c r="P4221" s="76"/>
      <c r="Q4221" s="65"/>
      <c r="R4221" s="76"/>
      <c r="S4221" s="76"/>
      <c r="T4221" s="76"/>
      <c r="U4221" s="76"/>
      <c r="V4221" s="76"/>
      <c r="W4221" s="76"/>
      <c r="X4221" s="76"/>
      <c r="Y4221" s="76"/>
      <c r="Z4221" s="76"/>
      <c r="AA4221" s="85"/>
      <c r="AB4221" s="85"/>
      <c r="AC4221" s="85"/>
      <c r="AD4221" s="85"/>
      <c r="AE4221" s="85"/>
      <c r="AF4221" s="85"/>
      <c r="AG4221" s="86"/>
      <c r="AH4221" s="85"/>
      <c r="AI4221" s="85"/>
      <c r="AJ4221" s="85"/>
      <c r="AK4221" s="85"/>
      <c r="AL4221" s="85"/>
      <c r="AM4221" s="92"/>
      <c r="AN4221" s="92"/>
      <c r="AO4221" s="92"/>
      <c r="AP4221" s="92"/>
      <c r="AQ4221" s="92"/>
      <c r="AR4221" s="92"/>
      <c r="AS4221" s="92"/>
      <c r="AT4221" s="92"/>
      <c r="AU4221" s="92"/>
      <c r="AV4221" s="92"/>
      <c r="AW4221" s="92"/>
      <c r="AX4221" s="92"/>
      <c r="AY4221" s="92"/>
      <c r="AZ4221" s="93"/>
      <c r="BA4221" s="93"/>
      <c r="BB4221" s="93"/>
      <c r="BC4221" s="93"/>
      <c r="BD4221" s="93"/>
      <c r="BE4221" s="93"/>
      <c r="BF4221" s="93"/>
      <c r="BG4221" s="93"/>
      <c r="BH4221" s="93"/>
      <c r="BI4221" s="93"/>
      <c r="BJ4221" s="93"/>
      <c r="BK4221" s="93"/>
      <c r="BL4221" s="93"/>
    </row>
    <row r="4222" spans="2:64" x14ac:dyDescent="0.2">
      <c r="B4222" s="43"/>
      <c r="C4222" s="73"/>
      <c r="D4222" s="64"/>
      <c r="E4222" s="55"/>
      <c r="F4222" s="74"/>
      <c r="G4222" s="74"/>
      <c r="H4222" s="74"/>
      <c r="I4222" s="75"/>
      <c r="J4222" s="74"/>
      <c r="L4222" s="55"/>
      <c r="M4222" s="234"/>
      <c r="N4222" s="65"/>
      <c r="O4222" s="76"/>
      <c r="P4222" s="76"/>
      <c r="Q4222" s="65"/>
      <c r="R4222" s="76"/>
      <c r="S4222" s="76"/>
      <c r="T4222" s="76"/>
      <c r="U4222" s="76"/>
      <c r="V4222" s="76"/>
      <c r="W4222" s="76"/>
      <c r="X4222" s="76"/>
      <c r="Y4222" s="76"/>
      <c r="Z4222" s="76"/>
      <c r="AA4222" s="85"/>
      <c r="AB4222" s="85"/>
      <c r="AC4222" s="85"/>
      <c r="AD4222" s="85"/>
      <c r="AE4222" s="85"/>
      <c r="AF4222" s="85"/>
      <c r="AG4222" s="86"/>
      <c r="AH4222" s="85"/>
      <c r="AI4222" s="85"/>
      <c r="AJ4222" s="85"/>
      <c r="AK4222" s="85"/>
      <c r="AL4222" s="85"/>
      <c r="AM4222" s="92"/>
      <c r="AN4222" s="92"/>
      <c r="AO4222" s="92"/>
      <c r="AP4222" s="92"/>
      <c r="AQ4222" s="92"/>
      <c r="AR4222" s="92"/>
      <c r="AS4222" s="92"/>
      <c r="AT4222" s="92"/>
      <c r="AU4222" s="92"/>
      <c r="AV4222" s="92"/>
      <c r="AW4222" s="92"/>
      <c r="AX4222" s="92"/>
      <c r="AY4222" s="92"/>
      <c r="AZ4222" s="93"/>
      <c r="BA4222" s="93"/>
      <c r="BB4222" s="93"/>
      <c r="BC4222" s="93"/>
      <c r="BD4222" s="93"/>
      <c r="BE4222" s="93"/>
      <c r="BF4222" s="93"/>
      <c r="BG4222" s="93"/>
      <c r="BH4222" s="93"/>
      <c r="BI4222" s="93"/>
      <c r="BJ4222" s="93"/>
      <c r="BK4222" s="93"/>
      <c r="BL4222" s="93"/>
    </row>
    <row r="4223" spans="2:64" x14ac:dyDescent="0.2">
      <c r="B4223" s="43"/>
      <c r="C4223" s="73"/>
      <c r="D4223" s="64"/>
      <c r="E4223" s="55"/>
      <c r="F4223" s="74"/>
      <c r="G4223" s="74"/>
      <c r="H4223" s="74"/>
      <c r="I4223" s="75"/>
      <c r="J4223" s="74"/>
      <c r="L4223" s="55"/>
      <c r="M4223" s="234"/>
      <c r="N4223" s="65"/>
      <c r="O4223" s="76"/>
      <c r="P4223" s="76"/>
      <c r="Q4223" s="65"/>
      <c r="R4223" s="76"/>
      <c r="S4223" s="76"/>
      <c r="T4223" s="76"/>
      <c r="U4223" s="76"/>
      <c r="V4223" s="76"/>
      <c r="W4223" s="76"/>
      <c r="X4223" s="76"/>
      <c r="Y4223" s="76"/>
      <c r="Z4223" s="76"/>
      <c r="AA4223" s="85"/>
      <c r="AB4223" s="85"/>
      <c r="AC4223" s="85"/>
      <c r="AD4223" s="85"/>
      <c r="AE4223" s="85"/>
      <c r="AF4223" s="85"/>
      <c r="AG4223" s="86"/>
      <c r="AH4223" s="85"/>
      <c r="AI4223" s="85"/>
      <c r="AJ4223" s="85"/>
      <c r="AK4223" s="85"/>
      <c r="AL4223" s="85"/>
      <c r="AM4223" s="92"/>
      <c r="AN4223" s="92"/>
      <c r="AO4223" s="92"/>
      <c r="AP4223" s="92"/>
      <c r="AQ4223" s="92"/>
      <c r="AR4223" s="92"/>
      <c r="AS4223" s="92"/>
      <c r="AT4223" s="92"/>
      <c r="AU4223" s="92"/>
      <c r="AV4223" s="92"/>
      <c r="AW4223" s="92"/>
      <c r="AX4223" s="92"/>
      <c r="AY4223" s="92"/>
      <c r="AZ4223" s="93"/>
      <c r="BA4223" s="93"/>
      <c r="BB4223" s="93"/>
      <c r="BC4223" s="93"/>
      <c r="BD4223" s="93"/>
      <c r="BE4223" s="93"/>
      <c r="BF4223" s="93"/>
      <c r="BG4223" s="93"/>
      <c r="BH4223" s="93"/>
      <c r="BI4223" s="93"/>
      <c r="BJ4223" s="93"/>
      <c r="BK4223" s="93"/>
      <c r="BL4223" s="93"/>
    </row>
    <row r="4224" spans="2:64" x14ac:dyDescent="0.2">
      <c r="B4224" s="43"/>
      <c r="C4224" s="73"/>
      <c r="D4224" s="64"/>
      <c r="E4224" s="55"/>
      <c r="F4224" s="74"/>
      <c r="G4224" s="74"/>
      <c r="H4224" s="74"/>
      <c r="I4224" s="75"/>
      <c r="J4224" s="74"/>
      <c r="L4224" s="55"/>
      <c r="M4224" s="234"/>
      <c r="N4224" s="65"/>
      <c r="O4224" s="76"/>
      <c r="P4224" s="76"/>
      <c r="Q4224" s="65"/>
      <c r="R4224" s="76"/>
      <c r="S4224" s="76"/>
      <c r="T4224" s="76"/>
      <c r="U4224" s="76"/>
      <c r="V4224" s="76"/>
      <c r="W4224" s="76"/>
      <c r="X4224" s="76"/>
      <c r="Y4224" s="76"/>
      <c r="Z4224" s="76"/>
      <c r="AA4224" s="85"/>
      <c r="AB4224" s="85"/>
      <c r="AC4224" s="85"/>
      <c r="AD4224" s="85"/>
      <c r="AE4224" s="85"/>
      <c r="AF4224" s="85"/>
      <c r="AG4224" s="86"/>
      <c r="AH4224" s="85"/>
      <c r="AI4224" s="85"/>
      <c r="AJ4224" s="85"/>
      <c r="AK4224" s="85"/>
      <c r="AL4224" s="85"/>
      <c r="AM4224" s="92"/>
      <c r="AN4224" s="92"/>
      <c r="AO4224" s="92"/>
      <c r="AP4224" s="92"/>
      <c r="AQ4224" s="92"/>
      <c r="AR4224" s="92"/>
      <c r="AS4224" s="92"/>
      <c r="AT4224" s="92"/>
      <c r="AU4224" s="92"/>
      <c r="AV4224" s="92"/>
      <c r="AW4224" s="92"/>
      <c r="AX4224" s="92"/>
      <c r="AY4224" s="92"/>
      <c r="AZ4224" s="93"/>
      <c r="BA4224" s="93"/>
      <c r="BB4224" s="93"/>
      <c r="BC4224" s="93"/>
      <c r="BD4224" s="93"/>
      <c r="BE4224" s="93"/>
      <c r="BF4224" s="93"/>
      <c r="BG4224" s="93"/>
      <c r="BH4224" s="93"/>
      <c r="BI4224" s="93"/>
      <c r="BJ4224" s="93"/>
      <c r="BK4224" s="93"/>
      <c r="BL4224" s="93"/>
    </row>
    <row r="4225" spans="2:64" x14ac:dyDescent="0.2">
      <c r="B4225" s="43"/>
      <c r="C4225" s="73"/>
      <c r="D4225" s="64"/>
      <c r="E4225" s="55"/>
      <c r="F4225" s="74"/>
      <c r="G4225" s="74"/>
      <c r="H4225" s="74"/>
      <c r="I4225" s="75"/>
      <c r="J4225" s="74"/>
      <c r="L4225" s="55"/>
      <c r="M4225" s="234"/>
      <c r="N4225" s="65"/>
      <c r="O4225" s="76"/>
      <c r="P4225" s="76"/>
      <c r="Q4225" s="65"/>
      <c r="R4225" s="76"/>
      <c r="S4225" s="76"/>
      <c r="T4225" s="76"/>
      <c r="U4225" s="76"/>
      <c r="V4225" s="76"/>
      <c r="W4225" s="76"/>
      <c r="X4225" s="76"/>
      <c r="Y4225" s="76"/>
      <c r="Z4225" s="76"/>
      <c r="AA4225" s="85"/>
      <c r="AB4225" s="85"/>
      <c r="AC4225" s="85"/>
      <c r="AD4225" s="85"/>
      <c r="AE4225" s="85"/>
      <c r="AF4225" s="85"/>
      <c r="AG4225" s="86"/>
      <c r="AH4225" s="85"/>
      <c r="AI4225" s="85"/>
      <c r="AJ4225" s="85"/>
      <c r="AK4225" s="85"/>
      <c r="AL4225" s="85"/>
      <c r="AM4225" s="92"/>
      <c r="AN4225" s="92"/>
      <c r="AO4225" s="92"/>
      <c r="AP4225" s="92"/>
      <c r="AQ4225" s="92"/>
      <c r="AR4225" s="92"/>
      <c r="AS4225" s="92"/>
      <c r="AT4225" s="92"/>
      <c r="AU4225" s="92"/>
      <c r="AV4225" s="92"/>
      <c r="AW4225" s="92"/>
      <c r="AX4225" s="92"/>
      <c r="AY4225" s="92"/>
      <c r="AZ4225" s="93"/>
      <c r="BA4225" s="93"/>
      <c r="BB4225" s="93"/>
      <c r="BC4225" s="93"/>
      <c r="BD4225" s="93"/>
      <c r="BE4225" s="93"/>
      <c r="BF4225" s="93"/>
      <c r="BG4225" s="93"/>
      <c r="BH4225" s="93"/>
      <c r="BI4225" s="93"/>
      <c r="BJ4225" s="93"/>
      <c r="BK4225" s="93"/>
      <c r="BL4225" s="93"/>
    </row>
    <row r="4226" spans="2:64" x14ac:dyDescent="0.2">
      <c r="B4226" s="43"/>
      <c r="C4226" s="73"/>
      <c r="D4226" s="64"/>
      <c r="E4226" s="55"/>
      <c r="F4226" s="74"/>
      <c r="G4226" s="74"/>
      <c r="H4226" s="74"/>
      <c r="I4226" s="75"/>
      <c r="J4226" s="74"/>
      <c r="L4226" s="55"/>
      <c r="M4226" s="234"/>
      <c r="N4226" s="65"/>
      <c r="O4226" s="76"/>
      <c r="P4226" s="76"/>
      <c r="Q4226" s="65"/>
      <c r="R4226" s="76"/>
      <c r="S4226" s="76"/>
      <c r="T4226" s="76"/>
      <c r="U4226" s="76"/>
      <c r="V4226" s="76"/>
      <c r="W4226" s="76"/>
      <c r="X4226" s="76"/>
      <c r="Y4226" s="76"/>
      <c r="Z4226" s="76"/>
      <c r="AA4226" s="85"/>
      <c r="AB4226" s="85"/>
      <c r="AC4226" s="85"/>
      <c r="AD4226" s="85"/>
      <c r="AE4226" s="85"/>
      <c r="AF4226" s="85"/>
      <c r="AG4226" s="86"/>
      <c r="AH4226" s="85"/>
      <c r="AI4226" s="85"/>
      <c r="AJ4226" s="85"/>
      <c r="AK4226" s="85"/>
      <c r="AL4226" s="85"/>
      <c r="AM4226" s="92"/>
      <c r="AN4226" s="92"/>
      <c r="AO4226" s="92"/>
      <c r="AP4226" s="92"/>
      <c r="AQ4226" s="92"/>
      <c r="AR4226" s="92"/>
      <c r="AS4226" s="92"/>
      <c r="AT4226" s="92"/>
      <c r="AU4226" s="92"/>
      <c r="AV4226" s="92"/>
      <c r="AW4226" s="92"/>
      <c r="AX4226" s="92"/>
      <c r="AY4226" s="92"/>
      <c r="AZ4226" s="93"/>
      <c r="BA4226" s="93"/>
      <c r="BB4226" s="93"/>
      <c r="BC4226" s="93"/>
      <c r="BD4226" s="93"/>
      <c r="BE4226" s="93"/>
      <c r="BF4226" s="93"/>
      <c r="BG4226" s="93"/>
      <c r="BH4226" s="93"/>
      <c r="BI4226" s="93"/>
      <c r="BJ4226" s="93"/>
      <c r="BK4226" s="93"/>
      <c r="BL4226" s="93"/>
    </row>
    <row r="4227" spans="2:64" x14ac:dyDescent="0.2">
      <c r="B4227" s="43"/>
      <c r="C4227" s="73"/>
      <c r="D4227" s="64"/>
      <c r="E4227" s="55"/>
      <c r="F4227" s="74"/>
      <c r="G4227" s="74"/>
      <c r="H4227" s="74"/>
      <c r="I4227" s="75"/>
      <c r="J4227" s="74"/>
      <c r="L4227" s="55"/>
      <c r="M4227" s="234"/>
      <c r="N4227" s="65"/>
      <c r="O4227" s="76"/>
      <c r="P4227" s="76"/>
      <c r="Q4227" s="65"/>
      <c r="R4227" s="76"/>
      <c r="S4227" s="76"/>
      <c r="T4227" s="76"/>
      <c r="U4227" s="76"/>
      <c r="V4227" s="76"/>
      <c r="W4227" s="76"/>
      <c r="X4227" s="76"/>
      <c r="Y4227" s="76"/>
      <c r="Z4227" s="76"/>
      <c r="AA4227" s="85"/>
      <c r="AB4227" s="85"/>
      <c r="AC4227" s="85"/>
      <c r="AD4227" s="85"/>
      <c r="AE4227" s="85"/>
      <c r="AF4227" s="85"/>
      <c r="AG4227" s="86"/>
      <c r="AH4227" s="85"/>
      <c r="AI4227" s="85"/>
      <c r="AJ4227" s="85"/>
      <c r="AK4227" s="85"/>
      <c r="AL4227" s="85"/>
      <c r="AM4227" s="92"/>
      <c r="AN4227" s="92"/>
      <c r="AO4227" s="92"/>
      <c r="AP4227" s="92"/>
      <c r="AQ4227" s="92"/>
      <c r="AR4227" s="92"/>
      <c r="AS4227" s="92"/>
      <c r="AT4227" s="92"/>
      <c r="AU4227" s="92"/>
      <c r="AV4227" s="92"/>
      <c r="AW4227" s="92"/>
      <c r="AX4227" s="92"/>
      <c r="AY4227" s="92"/>
      <c r="AZ4227" s="93"/>
      <c r="BA4227" s="93"/>
      <c r="BB4227" s="93"/>
      <c r="BC4227" s="93"/>
      <c r="BD4227" s="93"/>
      <c r="BE4227" s="93"/>
      <c r="BF4227" s="93"/>
      <c r="BG4227" s="93"/>
      <c r="BH4227" s="93"/>
      <c r="BI4227" s="93"/>
      <c r="BJ4227" s="93"/>
      <c r="BK4227" s="93"/>
      <c r="BL4227" s="93"/>
    </row>
    <row r="4228" spans="2:64" x14ac:dyDescent="0.2">
      <c r="B4228" s="43"/>
      <c r="C4228" s="73"/>
      <c r="D4228" s="64"/>
      <c r="E4228" s="55"/>
      <c r="F4228" s="74"/>
      <c r="G4228" s="74"/>
      <c r="H4228" s="74"/>
      <c r="I4228" s="75"/>
      <c r="J4228" s="74"/>
      <c r="L4228" s="55"/>
      <c r="M4228" s="234"/>
      <c r="N4228" s="65"/>
      <c r="O4228" s="76"/>
      <c r="P4228" s="76"/>
      <c r="Q4228" s="65"/>
      <c r="R4228" s="76"/>
      <c r="S4228" s="76"/>
      <c r="T4228" s="76"/>
      <c r="U4228" s="76"/>
      <c r="V4228" s="76"/>
      <c r="W4228" s="76"/>
      <c r="X4228" s="76"/>
      <c r="Y4228" s="76"/>
      <c r="Z4228" s="76"/>
      <c r="AA4228" s="85"/>
      <c r="AB4228" s="85"/>
      <c r="AC4228" s="85"/>
      <c r="AD4228" s="85"/>
      <c r="AE4228" s="85"/>
      <c r="AF4228" s="85"/>
      <c r="AG4228" s="86"/>
      <c r="AH4228" s="85"/>
      <c r="AI4228" s="85"/>
      <c r="AJ4228" s="85"/>
      <c r="AK4228" s="85"/>
      <c r="AL4228" s="85"/>
      <c r="AM4228" s="92"/>
      <c r="AN4228" s="92"/>
      <c r="AO4228" s="92"/>
      <c r="AP4228" s="92"/>
      <c r="AQ4228" s="92"/>
      <c r="AR4228" s="92"/>
      <c r="AS4228" s="92"/>
      <c r="AT4228" s="92"/>
      <c r="AU4228" s="92"/>
      <c r="AV4228" s="92"/>
      <c r="AW4228" s="92"/>
      <c r="AX4228" s="92"/>
      <c r="AY4228" s="92"/>
      <c r="AZ4228" s="93"/>
      <c r="BA4228" s="93"/>
      <c r="BB4228" s="93"/>
      <c r="BC4228" s="93"/>
      <c r="BD4228" s="93"/>
      <c r="BE4228" s="93"/>
      <c r="BF4228" s="93"/>
      <c r="BG4228" s="93"/>
      <c r="BH4228" s="93"/>
      <c r="BI4228" s="93"/>
      <c r="BJ4228" s="93"/>
      <c r="BK4228" s="93"/>
      <c r="BL4228" s="93"/>
    </row>
    <row r="4229" spans="2:64" x14ac:dyDescent="0.2">
      <c r="B4229" s="43"/>
      <c r="C4229" s="73"/>
      <c r="D4229" s="64"/>
      <c r="E4229" s="55"/>
      <c r="F4229" s="74"/>
      <c r="G4229" s="74"/>
      <c r="H4229" s="74"/>
      <c r="I4229" s="75"/>
      <c r="J4229" s="74"/>
      <c r="L4229" s="55"/>
      <c r="M4229" s="234"/>
      <c r="N4229" s="65"/>
      <c r="O4229" s="76"/>
      <c r="P4229" s="76"/>
      <c r="Q4229" s="65"/>
      <c r="R4229" s="76"/>
      <c r="S4229" s="76"/>
      <c r="T4229" s="76"/>
      <c r="U4229" s="76"/>
      <c r="V4229" s="76"/>
      <c r="W4229" s="76"/>
      <c r="X4229" s="76"/>
      <c r="Y4229" s="76"/>
      <c r="Z4229" s="76"/>
      <c r="AA4229" s="85"/>
      <c r="AB4229" s="85"/>
      <c r="AC4229" s="85"/>
      <c r="AD4229" s="85"/>
      <c r="AE4229" s="85"/>
      <c r="AF4229" s="85"/>
      <c r="AG4229" s="86"/>
      <c r="AH4229" s="85"/>
      <c r="AI4229" s="85"/>
      <c r="AJ4229" s="85"/>
      <c r="AK4229" s="85"/>
      <c r="AL4229" s="85"/>
      <c r="AM4229" s="92"/>
      <c r="AN4229" s="92"/>
      <c r="AO4229" s="92"/>
      <c r="AP4229" s="92"/>
      <c r="AQ4229" s="92"/>
      <c r="AR4229" s="92"/>
      <c r="AS4229" s="92"/>
      <c r="AT4229" s="92"/>
      <c r="AU4229" s="92"/>
      <c r="AV4229" s="92"/>
      <c r="AW4229" s="92"/>
      <c r="AX4229" s="92"/>
      <c r="AY4229" s="92"/>
      <c r="AZ4229" s="93"/>
      <c r="BA4229" s="93"/>
      <c r="BB4229" s="93"/>
      <c r="BC4229" s="93"/>
      <c r="BD4229" s="93"/>
      <c r="BE4229" s="93"/>
      <c r="BF4229" s="93"/>
      <c r="BG4229" s="93"/>
      <c r="BH4229" s="93"/>
      <c r="BI4229" s="93"/>
      <c r="BJ4229" s="93"/>
      <c r="BK4229" s="93"/>
      <c r="BL4229" s="93"/>
    </row>
    <row r="4230" spans="2:64" x14ac:dyDescent="0.2">
      <c r="B4230" s="43"/>
      <c r="C4230" s="73"/>
      <c r="D4230" s="64"/>
      <c r="E4230" s="55"/>
      <c r="F4230" s="74"/>
      <c r="G4230" s="74"/>
      <c r="H4230" s="74"/>
      <c r="I4230" s="75"/>
      <c r="J4230" s="74"/>
      <c r="L4230" s="55"/>
      <c r="M4230" s="234"/>
      <c r="N4230" s="65"/>
      <c r="O4230" s="76"/>
      <c r="P4230" s="76"/>
      <c r="Q4230" s="65"/>
      <c r="R4230" s="76"/>
      <c r="S4230" s="76"/>
      <c r="T4230" s="76"/>
      <c r="U4230" s="76"/>
      <c r="V4230" s="76"/>
      <c r="W4230" s="76"/>
      <c r="X4230" s="76"/>
      <c r="Y4230" s="76"/>
      <c r="Z4230" s="76"/>
      <c r="AA4230" s="85"/>
      <c r="AB4230" s="85"/>
      <c r="AC4230" s="85"/>
      <c r="AD4230" s="85"/>
      <c r="AE4230" s="85"/>
      <c r="AF4230" s="85"/>
      <c r="AG4230" s="86"/>
      <c r="AH4230" s="85"/>
      <c r="AI4230" s="85"/>
      <c r="AJ4230" s="85"/>
      <c r="AK4230" s="85"/>
      <c r="AL4230" s="85"/>
      <c r="AM4230" s="92"/>
      <c r="AN4230" s="92"/>
      <c r="AO4230" s="92"/>
      <c r="AP4230" s="92"/>
      <c r="AQ4230" s="92"/>
      <c r="AR4230" s="92"/>
      <c r="AS4230" s="92"/>
      <c r="AT4230" s="92"/>
      <c r="AU4230" s="92"/>
      <c r="AV4230" s="92"/>
      <c r="AW4230" s="92"/>
      <c r="AX4230" s="92"/>
      <c r="AY4230" s="92"/>
      <c r="AZ4230" s="93"/>
      <c r="BA4230" s="93"/>
      <c r="BB4230" s="93"/>
      <c r="BC4230" s="93"/>
      <c r="BD4230" s="93"/>
      <c r="BE4230" s="93"/>
      <c r="BF4230" s="93"/>
      <c r="BG4230" s="93"/>
      <c r="BH4230" s="93"/>
      <c r="BI4230" s="93"/>
      <c r="BJ4230" s="93"/>
      <c r="BK4230" s="93"/>
      <c r="BL4230" s="93"/>
    </row>
    <row r="4231" spans="2:64" x14ac:dyDescent="0.2">
      <c r="B4231" s="43"/>
      <c r="C4231" s="73"/>
      <c r="D4231" s="64"/>
      <c r="E4231" s="55"/>
      <c r="F4231" s="74"/>
      <c r="G4231" s="74"/>
      <c r="H4231" s="74"/>
      <c r="I4231" s="75"/>
      <c r="J4231" s="74"/>
      <c r="L4231" s="55"/>
      <c r="M4231" s="234"/>
      <c r="N4231" s="65"/>
      <c r="O4231" s="76"/>
      <c r="P4231" s="76"/>
      <c r="Q4231" s="65"/>
      <c r="R4231" s="76"/>
      <c r="S4231" s="76"/>
      <c r="T4231" s="76"/>
      <c r="U4231" s="76"/>
      <c r="V4231" s="76"/>
      <c r="W4231" s="76"/>
      <c r="X4231" s="76"/>
      <c r="Y4231" s="76"/>
      <c r="Z4231" s="76"/>
      <c r="AA4231" s="85"/>
      <c r="AB4231" s="85"/>
      <c r="AC4231" s="85"/>
      <c r="AD4231" s="85"/>
      <c r="AE4231" s="85"/>
      <c r="AF4231" s="85"/>
      <c r="AG4231" s="86"/>
      <c r="AH4231" s="85"/>
      <c r="AI4231" s="85"/>
      <c r="AJ4231" s="85"/>
      <c r="AK4231" s="85"/>
      <c r="AL4231" s="85"/>
      <c r="AM4231" s="92"/>
      <c r="AN4231" s="92"/>
      <c r="AO4231" s="92"/>
      <c r="AP4231" s="92"/>
      <c r="AQ4231" s="92"/>
      <c r="AR4231" s="92"/>
      <c r="AS4231" s="92"/>
      <c r="AT4231" s="92"/>
      <c r="AU4231" s="92"/>
      <c r="AV4231" s="92"/>
      <c r="AW4231" s="92"/>
      <c r="AX4231" s="92"/>
      <c r="AY4231" s="92"/>
      <c r="AZ4231" s="93"/>
      <c r="BA4231" s="93"/>
      <c r="BB4231" s="93"/>
      <c r="BC4231" s="93"/>
      <c r="BD4231" s="93"/>
      <c r="BE4231" s="93"/>
      <c r="BF4231" s="93"/>
      <c r="BG4231" s="93"/>
      <c r="BH4231" s="93"/>
      <c r="BI4231" s="93"/>
      <c r="BJ4231" s="93"/>
      <c r="BK4231" s="93"/>
      <c r="BL4231" s="93"/>
    </row>
    <row r="4232" spans="2:64" x14ac:dyDescent="0.2">
      <c r="B4232" s="43"/>
      <c r="C4232" s="73"/>
      <c r="D4232" s="64"/>
      <c r="E4232" s="55"/>
      <c r="F4232" s="74"/>
      <c r="G4232" s="74"/>
      <c r="H4232" s="74"/>
      <c r="I4232" s="75"/>
      <c r="J4232" s="74"/>
      <c r="L4232" s="55"/>
      <c r="M4232" s="234"/>
      <c r="N4232" s="65"/>
      <c r="O4232" s="76"/>
      <c r="P4232" s="76"/>
      <c r="Q4232" s="65"/>
      <c r="R4232" s="76"/>
      <c r="S4232" s="76"/>
      <c r="T4232" s="76"/>
      <c r="U4232" s="76"/>
      <c r="V4232" s="76"/>
      <c r="W4232" s="76"/>
      <c r="X4232" s="76"/>
      <c r="Y4232" s="76"/>
      <c r="Z4232" s="76"/>
      <c r="AA4232" s="85"/>
      <c r="AB4232" s="85"/>
      <c r="AC4232" s="85"/>
      <c r="AD4232" s="85"/>
      <c r="AE4232" s="85"/>
      <c r="AF4232" s="85"/>
      <c r="AG4232" s="86"/>
      <c r="AH4232" s="85"/>
      <c r="AI4232" s="85"/>
      <c r="AJ4232" s="85"/>
      <c r="AK4232" s="85"/>
      <c r="AL4232" s="85"/>
      <c r="AM4232" s="92"/>
      <c r="AN4232" s="92"/>
      <c r="AO4232" s="92"/>
      <c r="AP4232" s="92"/>
      <c r="AQ4232" s="92"/>
      <c r="AR4232" s="92"/>
      <c r="AS4232" s="92"/>
      <c r="AT4232" s="92"/>
      <c r="AU4232" s="92"/>
      <c r="AV4232" s="92"/>
      <c r="AW4232" s="92"/>
      <c r="AX4232" s="92"/>
      <c r="AY4232" s="92"/>
      <c r="AZ4232" s="93"/>
      <c r="BA4232" s="93"/>
      <c r="BB4232" s="93"/>
      <c r="BC4232" s="93"/>
      <c r="BD4232" s="93"/>
      <c r="BE4232" s="93"/>
      <c r="BF4232" s="93"/>
      <c r="BG4232" s="93"/>
      <c r="BH4232" s="93"/>
      <c r="BI4232" s="93"/>
      <c r="BJ4232" s="93"/>
      <c r="BK4232" s="93"/>
      <c r="BL4232" s="93"/>
    </row>
    <row r="4233" spans="2:64" x14ac:dyDescent="0.2">
      <c r="B4233" s="43"/>
      <c r="C4233" s="73"/>
      <c r="D4233" s="64"/>
      <c r="E4233" s="55"/>
      <c r="F4233" s="74"/>
      <c r="G4233" s="74"/>
      <c r="H4233" s="74"/>
      <c r="I4233" s="75"/>
      <c r="J4233" s="74"/>
      <c r="L4233" s="55"/>
      <c r="M4233" s="234"/>
      <c r="N4233" s="65"/>
      <c r="O4233" s="76"/>
      <c r="P4233" s="76"/>
      <c r="Q4233" s="65"/>
      <c r="R4233" s="76"/>
      <c r="S4233" s="76"/>
      <c r="T4233" s="76"/>
      <c r="U4233" s="76"/>
      <c r="V4233" s="76"/>
      <c r="W4233" s="76"/>
      <c r="X4233" s="76"/>
      <c r="Y4233" s="76"/>
      <c r="Z4233" s="76"/>
      <c r="AA4233" s="85"/>
      <c r="AB4233" s="85"/>
      <c r="AC4233" s="85"/>
      <c r="AD4233" s="85"/>
      <c r="AE4233" s="85"/>
      <c r="AF4233" s="85"/>
      <c r="AG4233" s="86"/>
      <c r="AH4233" s="85"/>
      <c r="AI4233" s="85"/>
      <c r="AJ4233" s="85"/>
      <c r="AK4233" s="85"/>
      <c r="AL4233" s="85"/>
      <c r="AM4233" s="92"/>
      <c r="AN4233" s="92"/>
      <c r="AO4233" s="92"/>
      <c r="AP4233" s="92"/>
      <c r="AQ4233" s="92"/>
      <c r="AR4233" s="92"/>
      <c r="AS4233" s="92"/>
      <c r="AT4233" s="92"/>
      <c r="AU4233" s="92"/>
      <c r="AV4233" s="92"/>
      <c r="AW4233" s="92"/>
      <c r="AX4233" s="92"/>
      <c r="AY4233" s="92"/>
      <c r="AZ4233" s="93"/>
      <c r="BA4233" s="93"/>
      <c r="BB4233" s="93"/>
      <c r="BC4233" s="93"/>
      <c r="BD4233" s="93"/>
      <c r="BE4233" s="93"/>
      <c r="BF4233" s="93"/>
      <c r="BG4233" s="93"/>
      <c r="BH4233" s="93"/>
      <c r="BI4233" s="93"/>
      <c r="BJ4233" s="93"/>
      <c r="BK4233" s="93"/>
      <c r="BL4233" s="93"/>
    </row>
    <row r="4234" spans="2:64" x14ac:dyDescent="0.2">
      <c r="B4234" s="43"/>
      <c r="C4234" s="73"/>
      <c r="D4234" s="64"/>
      <c r="E4234" s="55"/>
      <c r="F4234" s="74"/>
      <c r="G4234" s="74"/>
      <c r="H4234" s="74"/>
      <c r="I4234" s="75"/>
      <c r="J4234" s="74"/>
      <c r="L4234" s="55"/>
      <c r="M4234" s="234"/>
      <c r="N4234" s="65"/>
      <c r="O4234" s="76"/>
      <c r="P4234" s="76"/>
      <c r="Q4234" s="65"/>
      <c r="R4234" s="76"/>
      <c r="S4234" s="76"/>
      <c r="T4234" s="76"/>
      <c r="U4234" s="76"/>
      <c r="V4234" s="76"/>
      <c r="W4234" s="76"/>
      <c r="X4234" s="76"/>
      <c r="Y4234" s="76"/>
      <c r="Z4234" s="76"/>
      <c r="AA4234" s="85"/>
      <c r="AB4234" s="85"/>
      <c r="AC4234" s="85"/>
      <c r="AD4234" s="85"/>
      <c r="AE4234" s="85"/>
      <c r="AF4234" s="85"/>
      <c r="AG4234" s="86"/>
      <c r="AH4234" s="85"/>
      <c r="AI4234" s="85"/>
      <c r="AJ4234" s="85"/>
      <c r="AK4234" s="85"/>
      <c r="AL4234" s="85"/>
      <c r="AM4234" s="92"/>
      <c r="AN4234" s="92"/>
      <c r="AO4234" s="92"/>
      <c r="AP4234" s="92"/>
      <c r="AQ4234" s="92"/>
      <c r="AR4234" s="92"/>
      <c r="AS4234" s="92"/>
      <c r="AT4234" s="92"/>
      <c r="AU4234" s="92"/>
      <c r="AV4234" s="92"/>
      <c r="AW4234" s="92"/>
      <c r="AX4234" s="92"/>
      <c r="AY4234" s="92"/>
      <c r="AZ4234" s="93"/>
      <c r="BA4234" s="93"/>
      <c r="BB4234" s="93"/>
      <c r="BC4234" s="93"/>
      <c r="BD4234" s="93"/>
      <c r="BE4234" s="93"/>
      <c r="BF4234" s="93"/>
      <c r="BG4234" s="93"/>
      <c r="BH4234" s="93"/>
      <c r="BI4234" s="93"/>
      <c r="BJ4234" s="93"/>
      <c r="BK4234" s="93"/>
      <c r="BL4234" s="93"/>
    </row>
    <row r="4235" spans="2:64" x14ac:dyDescent="0.2">
      <c r="B4235" s="43"/>
      <c r="C4235" s="73"/>
      <c r="D4235" s="64"/>
      <c r="E4235" s="55"/>
      <c r="F4235" s="74"/>
      <c r="G4235" s="74"/>
      <c r="H4235" s="74"/>
      <c r="I4235" s="75"/>
      <c r="J4235" s="74"/>
      <c r="L4235" s="55"/>
      <c r="M4235" s="234"/>
      <c r="N4235" s="65"/>
      <c r="O4235" s="76"/>
      <c r="P4235" s="76"/>
      <c r="Q4235" s="65"/>
      <c r="R4235" s="76"/>
      <c r="S4235" s="76"/>
      <c r="T4235" s="76"/>
      <c r="U4235" s="76"/>
      <c r="V4235" s="76"/>
      <c r="W4235" s="76"/>
      <c r="X4235" s="76"/>
      <c r="Y4235" s="76"/>
      <c r="Z4235" s="76"/>
      <c r="AA4235" s="85"/>
      <c r="AB4235" s="85"/>
      <c r="AC4235" s="85"/>
      <c r="AD4235" s="85"/>
      <c r="AE4235" s="85"/>
      <c r="AF4235" s="85"/>
      <c r="AG4235" s="86"/>
      <c r="AH4235" s="85"/>
      <c r="AI4235" s="85"/>
      <c r="AJ4235" s="85"/>
      <c r="AK4235" s="85"/>
      <c r="AL4235" s="85"/>
      <c r="AM4235" s="92"/>
      <c r="AN4235" s="92"/>
      <c r="AO4235" s="92"/>
      <c r="AP4235" s="92"/>
      <c r="AQ4235" s="92"/>
      <c r="AR4235" s="92"/>
      <c r="AS4235" s="92"/>
      <c r="AT4235" s="92"/>
      <c r="AU4235" s="92"/>
      <c r="AV4235" s="92"/>
      <c r="AW4235" s="92"/>
      <c r="AX4235" s="92"/>
      <c r="AY4235" s="92"/>
      <c r="AZ4235" s="93"/>
      <c r="BA4235" s="93"/>
      <c r="BB4235" s="93"/>
      <c r="BC4235" s="93"/>
      <c r="BD4235" s="93"/>
      <c r="BE4235" s="93"/>
      <c r="BF4235" s="93"/>
      <c r="BG4235" s="93"/>
      <c r="BH4235" s="93"/>
      <c r="BI4235" s="93"/>
      <c r="BJ4235" s="93"/>
      <c r="BK4235" s="93"/>
      <c r="BL4235" s="93"/>
    </row>
    <row r="4236" spans="2:64" x14ac:dyDescent="0.2">
      <c r="B4236" s="43"/>
      <c r="C4236" s="73"/>
      <c r="D4236" s="64"/>
      <c r="E4236" s="55"/>
      <c r="F4236" s="74"/>
      <c r="G4236" s="74"/>
      <c r="H4236" s="74"/>
      <c r="I4236" s="75"/>
      <c r="J4236" s="74"/>
      <c r="L4236" s="55"/>
      <c r="M4236" s="234"/>
      <c r="N4236" s="65"/>
      <c r="O4236" s="76"/>
      <c r="P4236" s="76"/>
      <c r="Q4236" s="65"/>
      <c r="R4236" s="76"/>
      <c r="S4236" s="76"/>
      <c r="T4236" s="76"/>
      <c r="U4236" s="76"/>
      <c r="V4236" s="76"/>
      <c r="W4236" s="76"/>
      <c r="X4236" s="76"/>
      <c r="Y4236" s="76"/>
      <c r="Z4236" s="76"/>
      <c r="AA4236" s="85"/>
      <c r="AB4236" s="85"/>
      <c r="AC4236" s="85"/>
      <c r="AD4236" s="85"/>
      <c r="AE4236" s="85"/>
      <c r="AF4236" s="85"/>
      <c r="AG4236" s="86"/>
      <c r="AH4236" s="85"/>
      <c r="AI4236" s="85"/>
      <c r="AJ4236" s="85"/>
      <c r="AK4236" s="85"/>
      <c r="AL4236" s="85"/>
      <c r="AM4236" s="92"/>
      <c r="AN4236" s="92"/>
      <c r="AO4236" s="92"/>
      <c r="AP4236" s="92"/>
      <c r="AQ4236" s="92"/>
      <c r="AR4236" s="92"/>
      <c r="AS4236" s="92"/>
      <c r="AT4236" s="92"/>
      <c r="AU4236" s="92"/>
      <c r="AV4236" s="92"/>
      <c r="AW4236" s="92"/>
      <c r="AX4236" s="92"/>
      <c r="AY4236" s="92"/>
      <c r="AZ4236" s="93"/>
      <c r="BA4236" s="93"/>
      <c r="BB4236" s="93"/>
      <c r="BC4236" s="93"/>
      <c r="BD4236" s="93"/>
      <c r="BE4236" s="93"/>
      <c r="BF4236" s="93"/>
      <c r="BG4236" s="93"/>
      <c r="BH4236" s="93"/>
      <c r="BI4236" s="93"/>
      <c r="BJ4236" s="93"/>
      <c r="BK4236" s="93"/>
      <c r="BL4236" s="93"/>
    </row>
    <row r="4237" spans="2:64" x14ac:dyDescent="0.2">
      <c r="B4237" s="43"/>
      <c r="C4237" s="73"/>
      <c r="D4237" s="64"/>
      <c r="E4237" s="55"/>
      <c r="F4237" s="74"/>
      <c r="G4237" s="74"/>
      <c r="H4237" s="74"/>
      <c r="I4237" s="75"/>
      <c r="J4237" s="74"/>
      <c r="L4237" s="55"/>
      <c r="M4237" s="234"/>
      <c r="N4237" s="65"/>
      <c r="O4237" s="76"/>
      <c r="P4237" s="76"/>
      <c r="Q4237" s="65"/>
      <c r="R4237" s="76"/>
      <c r="S4237" s="76"/>
      <c r="T4237" s="76"/>
      <c r="U4237" s="76"/>
      <c r="V4237" s="76"/>
      <c r="W4237" s="76"/>
      <c r="X4237" s="76"/>
      <c r="Y4237" s="76"/>
      <c r="Z4237" s="76"/>
      <c r="AA4237" s="85"/>
      <c r="AB4237" s="85"/>
      <c r="AC4237" s="85"/>
      <c r="AD4237" s="85"/>
      <c r="AE4237" s="85"/>
      <c r="AF4237" s="85"/>
      <c r="AG4237" s="86"/>
      <c r="AH4237" s="85"/>
      <c r="AI4237" s="85"/>
      <c r="AJ4237" s="85"/>
      <c r="AK4237" s="85"/>
      <c r="AL4237" s="85"/>
      <c r="AM4237" s="92"/>
      <c r="AN4237" s="92"/>
      <c r="AO4237" s="92"/>
      <c r="AP4237" s="92"/>
      <c r="AQ4237" s="92"/>
      <c r="AR4237" s="92"/>
      <c r="AS4237" s="92"/>
      <c r="AT4237" s="92"/>
      <c r="AU4237" s="92"/>
      <c r="AV4237" s="92"/>
      <c r="AW4237" s="92"/>
      <c r="AX4237" s="92"/>
      <c r="AY4237" s="92"/>
      <c r="AZ4237" s="93"/>
      <c r="BA4237" s="93"/>
      <c r="BB4237" s="93"/>
      <c r="BC4237" s="93"/>
      <c r="BD4237" s="93"/>
      <c r="BE4237" s="93"/>
      <c r="BF4237" s="93"/>
      <c r="BG4237" s="93"/>
      <c r="BH4237" s="93"/>
      <c r="BI4237" s="93"/>
      <c r="BJ4237" s="93"/>
      <c r="BK4237" s="93"/>
      <c r="BL4237" s="93"/>
    </row>
    <row r="4238" spans="2:64" x14ac:dyDescent="0.2">
      <c r="B4238" s="43"/>
      <c r="C4238" s="73"/>
      <c r="D4238" s="64"/>
      <c r="E4238" s="55"/>
      <c r="F4238" s="74"/>
      <c r="G4238" s="74"/>
      <c r="H4238" s="74"/>
      <c r="I4238" s="75"/>
      <c r="J4238" s="74"/>
      <c r="L4238" s="55"/>
      <c r="M4238" s="234"/>
      <c r="N4238" s="65"/>
      <c r="O4238" s="76"/>
      <c r="P4238" s="76"/>
      <c r="Q4238" s="65"/>
      <c r="R4238" s="76"/>
      <c r="S4238" s="76"/>
      <c r="T4238" s="76"/>
      <c r="U4238" s="76"/>
      <c r="V4238" s="76"/>
      <c r="W4238" s="76"/>
      <c r="X4238" s="76"/>
      <c r="Y4238" s="76"/>
      <c r="Z4238" s="76"/>
      <c r="AA4238" s="85"/>
      <c r="AB4238" s="85"/>
      <c r="AC4238" s="85"/>
      <c r="AD4238" s="85"/>
      <c r="AE4238" s="85"/>
      <c r="AF4238" s="85"/>
      <c r="AG4238" s="86"/>
      <c r="AH4238" s="85"/>
      <c r="AI4238" s="85"/>
      <c r="AJ4238" s="85"/>
      <c r="AK4238" s="85"/>
      <c r="AL4238" s="85"/>
      <c r="AM4238" s="92"/>
      <c r="AN4238" s="92"/>
      <c r="AO4238" s="92"/>
      <c r="AP4238" s="92"/>
      <c r="AQ4238" s="92"/>
      <c r="AR4238" s="92"/>
      <c r="AS4238" s="92"/>
      <c r="AT4238" s="92"/>
      <c r="AU4238" s="92"/>
      <c r="AV4238" s="92"/>
      <c r="AW4238" s="92"/>
      <c r="AX4238" s="92"/>
      <c r="AY4238" s="92"/>
      <c r="AZ4238" s="93"/>
      <c r="BA4238" s="93"/>
      <c r="BB4238" s="93"/>
      <c r="BC4238" s="93"/>
      <c r="BD4238" s="93"/>
      <c r="BE4238" s="93"/>
      <c r="BF4238" s="93"/>
      <c r="BG4238" s="93"/>
      <c r="BH4238" s="93"/>
      <c r="BI4238" s="93"/>
      <c r="BJ4238" s="93"/>
      <c r="BK4238" s="93"/>
      <c r="BL4238" s="93"/>
    </row>
    <row r="4239" spans="2:64" x14ac:dyDescent="0.2">
      <c r="B4239" s="43"/>
      <c r="C4239" s="73"/>
      <c r="D4239" s="64"/>
      <c r="E4239" s="55"/>
      <c r="F4239" s="74"/>
      <c r="G4239" s="74"/>
      <c r="H4239" s="74"/>
      <c r="I4239" s="75"/>
      <c r="J4239" s="74"/>
      <c r="L4239" s="55"/>
      <c r="M4239" s="234"/>
      <c r="N4239" s="65"/>
      <c r="O4239" s="76"/>
      <c r="P4239" s="76"/>
      <c r="Q4239" s="65"/>
      <c r="R4239" s="76"/>
      <c r="S4239" s="76"/>
      <c r="T4239" s="76"/>
      <c r="U4239" s="76"/>
      <c r="V4239" s="76"/>
      <c r="W4239" s="76"/>
      <c r="X4239" s="76"/>
      <c r="Y4239" s="76"/>
      <c r="Z4239" s="76"/>
      <c r="AA4239" s="85"/>
      <c r="AB4239" s="85"/>
      <c r="AC4239" s="85"/>
      <c r="AD4239" s="85"/>
      <c r="AE4239" s="85"/>
      <c r="AF4239" s="85"/>
      <c r="AG4239" s="86"/>
      <c r="AH4239" s="85"/>
      <c r="AI4239" s="85"/>
      <c r="AJ4239" s="85"/>
      <c r="AK4239" s="85"/>
      <c r="AL4239" s="85"/>
      <c r="AM4239" s="92"/>
      <c r="AN4239" s="92"/>
      <c r="AO4239" s="92"/>
      <c r="AP4239" s="92"/>
      <c r="AQ4239" s="92"/>
      <c r="AR4239" s="92"/>
      <c r="AS4239" s="92"/>
      <c r="AT4239" s="92"/>
      <c r="AU4239" s="92"/>
      <c r="AV4239" s="92"/>
      <c r="AW4239" s="92"/>
      <c r="AX4239" s="92"/>
      <c r="AY4239" s="92"/>
      <c r="AZ4239" s="93"/>
      <c r="BA4239" s="93"/>
      <c r="BB4239" s="93"/>
      <c r="BC4239" s="93"/>
      <c r="BD4239" s="93"/>
      <c r="BE4239" s="93"/>
      <c r="BF4239" s="93"/>
      <c r="BG4239" s="93"/>
      <c r="BH4239" s="93"/>
      <c r="BI4239" s="93"/>
      <c r="BJ4239" s="93"/>
      <c r="BK4239" s="93"/>
      <c r="BL4239" s="93"/>
    </row>
    <row r="4240" spans="2:64" x14ac:dyDescent="0.2">
      <c r="B4240" s="43"/>
      <c r="C4240" s="73"/>
      <c r="D4240" s="64"/>
      <c r="E4240" s="55"/>
      <c r="F4240" s="74"/>
      <c r="G4240" s="74"/>
      <c r="H4240" s="74"/>
      <c r="I4240" s="75"/>
      <c r="J4240" s="74"/>
      <c r="L4240" s="55"/>
      <c r="M4240" s="234"/>
      <c r="N4240" s="65"/>
      <c r="O4240" s="76"/>
      <c r="P4240" s="76"/>
      <c r="Q4240" s="65"/>
      <c r="R4240" s="76"/>
      <c r="S4240" s="76"/>
      <c r="T4240" s="76"/>
      <c r="U4240" s="76"/>
      <c r="V4240" s="76"/>
      <c r="W4240" s="76"/>
      <c r="X4240" s="76"/>
      <c r="Y4240" s="76"/>
      <c r="Z4240" s="76"/>
      <c r="AA4240" s="85"/>
      <c r="AB4240" s="85"/>
      <c r="AC4240" s="85"/>
      <c r="AD4240" s="85"/>
      <c r="AE4240" s="85"/>
      <c r="AF4240" s="85"/>
      <c r="AG4240" s="86"/>
      <c r="AH4240" s="85"/>
      <c r="AI4240" s="85"/>
      <c r="AJ4240" s="85"/>
      <c r="AK4240" s="85"/>
      <c r="AL4240" s="85"/>
      <c r="AM4240" s="92"/>
      <c r="AN4240" s="92"/>
      <c r="AO4240" s="92"/>
      <c r="AP4240" s="92"/>
      <c r="AQ4240" s="92"/>
      <c r="AR4240" s="92"/>
      <c r="AS4240" s="92"/>
      <c r="AT4240" s="92"/>
      <c r="AU4240" s="92"/>
      <c r="AV4240" s="92"/>
      <c r="AW4240" s="92"/>
      <c r="AX4240" s="92"/>
      <c r="AY4240" s="92"/>
      <c r="AZ4240" s="93"/>
      <c r="BA4240" s="93"/>
      <c r="BB4240" s="93"/>
      <c r="BC4240" s="93"/>
      <c r="BD4240" s="93"/>
      <c r="BE4240" s="93"/>
      <c r="BF4240" s="93"/>
      <c r="BG4240" s="93"/>
      <c r="BH4240" s="93"/>
      <c r="BI4240" s="93"/>
      <c r="BJ4240" s="93"/>
      <c r="BK4240" s="93"/>
      <c r="BL4240" s="93"/>
    </row>
    <row r="4241" spans="2:64" x14ac:dyDescent="0.2">
      <c r="B4241" s="43"/>
      <c r="C4241" s="73"/>
      <c r="D4241" s="64"/>
      <c r="E4241" s="55"/>
      <c r="F4241" s="74"/>
      <c r="G4241" s="74"/>
      <c r="H4241" s="74"/>
      <c r="I4241" s="75"/>
      <c r="J4241" s="74"/>
      <c r="L4241" s="55"/>
      <c r="M4241" s="234"/>
      <c r="N4241" s="65"/>
      <c r="O4241" s="76"/>
      <c r="P4241" s="76"/>
      <c r="Q4241" s="65"/>
      <c r="R4241" s="76"/>
      <c r="S4241" s="76"/>
      <c r="T4241" s="76"/>
      <c r="U4241" s="76"/>
      <c r="V4241" s="76"/>
      <c r="W4241" s="76"/>
      <c r="X4241" s="76"/>
      <c r="Y4241" s="76"/>
      <c r="Z4241" s="76"/>
      <c r="AA4241" s="85"/>
      <c r="AB4241" s="85"/>
      <c r="AC4241" s="85"/>
      <c r="AD4241" s="85"/>
      <c r="AE4241" s="85"/>
      <c r="AF4241" s="85"/>
      <c r="AG4241" s="86"/>
      <c r="AH4241" s="85"/>
      <c r="AI4241" s="85"/>
      <c r="AJ4241" s="85"/>
      <c r="AK4241" s="85"/>
      <c r="AL4241" s="85"/>
      <c r="AM4241" s="92"/>
      <c r="AN4241" s="92"/>
      <c r="AO4241" s="92"/>
      <c r="AP4241" s="92"/>
      <c r="AQ4241" s="92"/>
      <c r="AR4241" s="92"/>
      <c r="AS4241" s="92"/>
      <c r="AT4241" s="92"/>
      <c r="AU4241" s="92"/>
      <c r="AV4241" s="92"/>
      <c r="AW4241" s="92"/>
      <c r="AX4241" s="92"/>
      <c r="AY4241" s="92"/>
      <c r="AZ4241" s="93"/>
      <c r="BA4241" s="93"/>
      <c r="BB4241" s="93"/>
      <c r="BC4241" s="93"/>
      <c r="BD4241" s="93"/>
      <c r="BE4241" s="93"/>
      <c r="BF4241" s="93"/>
      <c r="BG4241" s="93"/>
      <c r="BH4241" s="93"/>
      <c r="BI4241" s="93"/>
      <c r="BJ4241" s="93"/>
      <c r="BK4241" s="93"/>
      <c r="BL4241" s="93"/>
    </row>
    <row r="4242" spans="2:64" x14ac:dyDescent="0.2">
      <c r="B4242" s="43"/>
      <c r="C4242" s="73"/>
      <c r="D4242" s="64"/>
      <c r="E4242" s="55"/>
      <c r="F4242" s="74"/>
      <c r="G4242" s="74"/>
      <c r="H4242" s="74"/>
      <c r="I4242" s="75"/>
      <c r="J4242" s="74"/>
      <c r="L4242" s="55"/>
      <c r="M4242" s="234"/>
      <c r="N4242" s="65"/>
      <c r="O4242" s="76"/>
      <c r="P4242" s="76"/>
      <c r="Q4242" s="65"/>
      <c r="R4242" s="76"/>
      <c r="S4242" s="76"/>
      <c r="T4242" s="76"/>
      <c r="U4242" s="76"/>
      <c r="V4242" s="76"/>
      <c r="W4242" s="76"/>
      <c r="X4242" s="76"/>
      <c r="Y4242" s="76"/>
      <c r="Z4242" s="76"/>
      <c r="AA4242" s="85"/>
      <c r="AB4242" s="85"/>
      <c r="AC4242" s="85"/>
      <c r="AD4242" s="85"/>
      <c r="AE4242" s="85"/>
      <c r="AF4242" s="85"/>
      <c r="AG4242" s="86"/>
      <c r="AH4242" s="85"/>
      <c r="AI4242" s="85"/>
      <c r="AJ4242" s="85"/>
      <c r="AK4242" s="85"/>
      <c r="AL4242" s="85"/>
      <c r="AM4242" s="92"/>
      <c r="AN4242" s="92"/>
      <c r="AO4242" s="92"/>
      <c r="AP4242" s="92"/>
      <c r="AQ4242" s="92"/>
      <c r="AR4242" s="92"/>
      <c r="AS4242" s="92"/>
      <c r="AT4242" s="92"/>
      <c r="AU4242" s="92"/>
      <c r="AV4242" s="92"/>
      <c r="AW4242" s="92"/>
      <c r="AX4242" s="92"/>
      <c r="AY4242" s="92"/>
      <c r="AZ4242" s="93"/>
      <c r="BA4242" s="93"/>
      <c r="BB4242" s="93"/>
      <c r="BC4242" s="93"/>
      <c r="BD4242" s="93"/>
      <c r="BE4242" s="93"/>
      <c r="BF4242" s="93"/>
      <c r="BG4242" s="93"/>
      <c r="BH4242" s="93"/>
      <c r="BI4242" s="93"/>
      <c r="BJ4242" s="93"/>
      <c r="BK4242" s="93"/>
      <c r="BL4242" s="93"/>
    </row>
    <row r="4243" spans="2:64" x14ac:dyDescent="0.2">
      <c r="B4243" s="43"/>
      <c r="C4243" s="73"/>
      <c r="D4243" s="64"/>
      <c r="E4243" s="55"/>
      <c r="F4243" s="74"/>
      <c r="G4243" s="74"/>
      <c r="H4243" s="74"/>
      <c r="I4243" s="75"/>
      <c r="J4243" s="74"/>
      <c r="L4243" s="55"/>
      <c r="M4243" s="234"/>
      <c r="N4243" s="65"/>
      <c r="O4243" s="76"/>
      <c r="P4243" s="76"/>
      <c r="Q4243" s="65"/>
      <c r="R4243" s="76"/>
      <c r="S4243" s="76"/>
      <c r="T4243" s="76"/>
      <c r="U4243" s="76"/>
      <c r="V4243" s="76"/>
      <c r="W4243" s="76"/>
      <c r="X4243" s="76"/>
      <c r="Y4243" s="76"/>
      <c r="Z4243" s="76"/>
      <c r="AA4243" s="85"/>
      <c r="AB4243" s="85"/>
      <c r="AC4243" s="85"/>
      <c r="AD4243" s="85"/>
      <c r="AE4243" s="85"/>
      <c r="AF4243" s="85"/>
      <c r="AG4243" s="86"/>
      <c r="AH4243" s="85"/>
      <c r="AI4243" s="85"/>
      <c r="AJ4243" s="85"/>
      <c r="AK4243" s="85"/>
      <c r="AL4243" s="85"/>
      <c r="AM4243" s="92"/>
      <c r="AN4243" s="92"/>
      <c r="AO4243" s="92"/>
      <c r="AP4243" s="92"/>
      <c r="AQ4243" s="92"/>
      <c r="AR4243" s="92"/>
      <c r="AS4243" s="92"/>
      <c r="AT4243" s="92"/>
      <c r="AU4243" s="92"/>
      <c r="AV4243" s="92"/>
      <c r="AW4243" s="92"/>
      <c r="AX4243" s="92"/>
      <c r="AY4243" s="92"/>
      <c r="AZ4243" s="93"/>
      <c r="BA4243" s="93"/>
      <c r="BB4243" s="93"/>
      <c r="BC4243" s="93"/>
      <c r="BD4243" s="93"/>
      <c r="BE4243" s="93"/>
      <c r="BF4243" s="93"/>
      <c r="BG4243" s="93"/>
      <c r="BH4243" s="93"/>
      <c r="BI4243" s="93"/>
      <c r="BJ4243" s="93"/>
      <c r="BK4243" s="93"/>
      <c r="BL4243" s="93"/>
    </row>
    <row r="4244" spans="2:64" x14ac:dyDescent="0.2">
      <c r="B4244" s="43"/>
      <c r="C4244" s="73"/>
      <c r="D4244" s="64"/>
      <c r="E4244" s="55"/>
      <c r="F4244" s="74"/>
      <c r="G4244" s="74"/>
      <c r="H4244" s="74"/>
      <c r="I4244" s="75"/>
      <c r="J4244" s="74"/>
      <c r="L4244" s="55"/>
      <c r="M4244" s="234"/>
      <c r="N4244" s="65"/>
      <c r="O4244" s="76"/>
      <c r="P4244" s="76"/>
      <c r="Q4244" s="65"/>
      <c r="R4244" s="76"/>
      <c r="S4244" s="76"/>
      <c r="T4244" s="76"/>
      <c r="U4244" s="76"/>
      <c r="V4244" s="76"/>
      <c r="W4244" s="76"/>
      <c r="X4244" s="76"/>
      <c r="Y4244" s="76"/>
      <c r="Z4244" s="76"/>
      <c r="AA4244" s="85"/>
      <c r="AB4244" s="85"/>
      <c r="AC4244" s="85"/>
      <c r="AD4244" s="85"/>
      <c r="AE4244" s="85"/>
      <c r="AF4244" s="85"/>
      <c r="AG4244" s="86"/>
      <c r="AH4244" s="85"/>
      <c r="AI4244" s="85"/>
      <c r="AJ4244" s="85"/>
      <c r="AK4244" s="85"/>
      <c r="AL4244" s="85"/>
      <c r="AM4244" s="92"/>
      <c r="AN4244" s="92"/>
      <c r="AO4244" s="92"/>
      <c r="AP4244" s="92"/>
      <c r="AQ4244" s="92"/>
      <c r="AR4244" s="92"/>
      <c r="AS4244" s="92"/>
      <c r="AT4244" s="92"/>
      <c r="AU4244" s="92"/>
      <c r="AV4244" s="92"/>
      <c r="AW4244" s="92"/>
      <c r="AX4244" s="92"/>
      <c r="AY4244" s="92"/>
      <c r="AZ4244" s="93"/>
      <c r="BA4244" s="93"/>
      <c r="BB4244" s="93"/>
      <c r="BC4244" s="93"/>
      <c r="BD4244" s="93"/>
      <c r="BE4244" s="93"/>
      <c r="BF4244" s="93"/>
      <c r="BG4244" s="93"/>
      <c r="BH4244" s="93"/>
      <c r="BI4244" s="93"/>
      <c r="BJ4244" s="93"/>
      <c r="BK4244" s="93"/>
      <c r="BL4244" s="93"/>
    </row>
    <row r="4245" spans="2:64" x14ac:dyDescent="0.2">
      <c r="B4245" s="43"/>
      <c r="C4245" s="73"/>
      <c r="D4245" s="64"/>
      <c r="E4245" s="55"/>
      <c r="F4245" s="74"/>
      <c r="G4245" s="74"/>
      <c r="H4245" s="74"/>
      <c r="I4245" s="75"/>
      <c r="J4245" s="74"/>
      <c r="L4245" s="55"/>
      <c r="M4245" s="234"/>
      <c r="N4245" s="65"/>
      <c r="O4245" s="76"/>
      <c r="P4245" s="76"/>
      <c r="Q4245" s="65"/>
      <c r="R4245" s="76"/>
      <c r="S4245" s="76"/>
      <c r="T4245" s="76"/>
      <c r="U4245" s="76"/>
      <c r="V4245" s="76"/>
      <c r="W4245" s="76"/>
      <c r="X4245" s="76"/>
      <c r="Y4245" s="76"/>
      <c r="Z4245" s="76"/>
      <c r="AA4245" s="85"/>
      <c r="AB4245" s="85"/>
      <c r="AC4245" s="85"/>
      <c r="AD4245" s="85"/>
      <c r="AE4245" s="85"/>
      <c r="AF4245" s="85"/>
      <c r="AG4245" s="86"/>
      <c r="AH4245" s="85"/>
      <c r="AI4245" s="85"/>
      <c r="AJ4245" s="85"/>
      <c r="AK4245" s="85"/>
      <c r="AL4245" s="85"/>
      <c r="AM4245" s="92"/>
      <c r="AN4245" s="92"/>
      <c r="AO4245" s="92"/>
      <c r="AP4245" s="92"/>
      <c r="AQ4245" s="92"/>
      <c r="AR4245" s="92"/>
      <c r="AS4245" s="92"/>
      <c r="AT4245" s="92"/>
      <c r="AU4245" s="92"/>
      <c r="AV4245" s="92"/>
      <c r="AW4245" s="92"/>
      <c r="AX4245" s="92"/>
      <c r="AY4245" s="92"/>
      <c r="AZ4245" s="93"/>
      <c r="BA4245" s="93"/>
      <c r="BB4245" s="93"/>
      <c r="BC4245" s="93"/>
      <c r="BD4245" s="93"/>
      <c r="BE4245" s="93"/>
      <c r="BF4245" s="93"/>
      <c r="BG4245" s="93"/>
      <c r="BH4245" s="93"/>
      <c r="BI4245" s="93"/>
      <c r="BJ4245" s="93"/>
      <c r="BK4245" s="93"/>
      <c r="BL4245" s="93"/>
    </row>
    <row r="4246" spans="2:64" x14ac:dyDescent="0.2">
      <c r="B4246" s="43"/>
      <c r="C4246" s="73"/>
      <c r="D4246" s="64"/>
      <c r="E4246" s="55"/>
      <c r="F4246" s="74"/>
      <c r="G4246" s="74"/>
      <c r="H4246" s="74"/>
      <c r="I4246" s="75"/>
      <c r="J4246" s="74"/>
      <c r="L4246" s="55"/>
      <c r="M4246" s="234"/>
      <c r="N4246" s="65"/>
      <c r="O4246" s="76"/>
      <c r="P4246" s="76"/>
      <c r="Q4246" s="65"/>
      <c r="R4246" s="76"/>
      <c r="S4246" s="76"/>
      <c r="T4246" s="76"/>
      <c r="U4246" s="76"/>
      <c r="V4246" s="76"/>
      <c r="W4246" s="76"/>
      <c r="X4246" s="76"/>
      <c r="Y4246" s="76"/>
      <c r="Z4246" s="76"/>
      <c r="AA4246" s="85"/>
      <c r="AB4246" s="85"/>
      <c r="AC4246" s="85"/>
      <c r="AD4246" s="85"/>
      <c r="AE4246" s="85"/>
      <c r="AF4246" s="85"/>
      <c r="AG4246" s="86"/>
      <c r="AH4246" s="85"/>
      <c r="AI4246" s="85"/>
      <c r="AJ4246" s="85"/>
      <c r="AK4246" s="85"/>
      <c r="AL4246" s="85"/>
      <c r="AM4246" s="92"/>
      <c r="AN4246" s="92"/>
      <c r="AO4246" s="92"/>
      <c r="AP4246" s="92"/>
      <c r="AQ4246" s="92"/>
      <c r="AR4246" s="92"/>
      <c r="AS4246" s="92"/>
      <c r="AT4246" s="92"/>
      <c r="AU4246" s="92"/>
      <c r="AV4246" s="92"/>
      <c r="AW4246" s="92"/>
      <c r="AX4246" s="92"/>
      <c r="AY4246" s="92"/>
      <c r="AZ4246" s="93"/>
      <c r="BA4246" s="93"/>
      <c r="BB4246" s="93"/>
      <c r="BC4246" s="93"/>
      <c r="BD4246" s="93"/>
      <c r="BE4246" s="93"/>
      <c r="BF4246" s="93"/>
      <c r="BG4246" s="93"/>
      <c r="BH4246" s="93"/>
      <c r="BI4246" s="93"/>
      <c r="BJ4246" s="93"/>
      <c r="BK4246" s="93"/>
      <c r="BL4246" s="93"/>
    </row>
    <row r="4247" spans="2:64" x14ac:dyDescent="0.2">
      <c r="B4247" s="43"/>
      <c r="C4247" s="73"/>
      <c r="D4247" s="64"/>
      <c r="E4247" s="55"/>
      <c r="F4247" s="74"/>
      <c r="G4247" s="74"/>
      <c r="H4247" s="74"/>
      <c r="I4247" s="75"/>
      <c r="J4247" s="74"/>
      <c r="L4247" s="55"/>
      <c r="M4247" s="234"/>
      <c r="N4247" s="65"/>
      <c r="O4247" s="76"/>
      <c r="P4247" s="76"/>
      <c r="Q4247" s="65"/>
      <c r="R4247" s="76"/>
      <c r="S4247" s="76"/>
      <c r="T4247" s="76"/>
      <c r="U4247" s="76"/>
      <c r="V4247" s="76"/>
      <c r="W4247" s="76"/>
      <c r="X4247" s="76"/>
      <c r="Y4247" s="76"/>
      <c r="Z4247" s="76"/>
      <c r="AA4247" s="85"/>
      <c r="AB4247" s="85"/>
      <c r="AC4247" s="85"/>
      <c r="AD4247" s="85"/>
      <c r="AE4247" s="85"/>
      <c r="AF4247" s="85"/>
      <c r="AG4247" s="86"/>
      <c r="AH4247" s="85"/>
      <c r="AI4247" s="85"/>
      <c r="AJ4247" s="85"/>
      <c r="AK4247" s="85"/>
      <c r="AL4247" s="85"/>
      <c r="AM4247" s="92"/>
      <c r="AN4247" s="92"/>
      <c r="AO4247" s="92"/>
      <c r="AP4247" s="92"/>
      <c r="AQ4247" s="92"/>
      <c r="AR4247" s="92"/>
      <c r="AS4247" s="92"/>
      <c r="AT4247" s="92"/>
      <c r="AU4247" s="92"/>
      <c r="AV4247" s="92"/>
      <c r="AW4247" s="92"/>
      <c r="AX4247" s="92"/>
      <c r="AY4247" s="92"/>
      <c r="AZ4247" s="93"/>
      <c r="BA4247" s="93"/>
      <c r="BB4247" s="93"/>
      <c r="BC4247" s="93"/>
      <c r="BD4247" s="93"/>
      <c r="BE4247" s="93"/>
      <c r="BF4247" s="93"/>
      <c r="BG4247" s="93"/>
      <c r="BH4247" s="93"/>
      <c r="BI4247" s="93"/>
      <c r="BJ4247" s="93"/>
      <c r="BK4247" s="93"/>
      <c r="BL4247" s="93"/>
    </row>
    <row r="4248" spans="2:64" x14ac:dyDescent="0.2">
      <c r="B4248" s="43"/>
      <c r="C4248" s="73"/>
      <c r="D4248" s="64"/>
      <c r="E4248" s="55"/>
      <c r="F4248" s="74"/>
      <c r="G4248" s="74"/>
      <c r="H4248" s="74"/>
      <c r="I4248" s="75"/>
      <c r="J4248" s="74"/>
      <c r="L4248" s="55"/>
      <c r="M4248" s="234"/>
      <c r="N4248" s="65"/>
      <c r="O4248" s="76"/>
      <c r="P4248" s="76"/>
      <c r="Q4248" s="65"/>
      <c r="R4248" s="76"/>
      <c r="S4248" s="76"/>
      <c r="T4248" s="76"/>
      <c r="U4248" s="76"/>
      <c r="V4248" s="76"/>
      <c r="W4248" s="76"/>
      <c r="X4248" s="76"/>
      <c r="Y4248" s="76"/>
      <c r="Z4248" s="76"/>
      <c r="AA4248" s="85"/>
      <c r="AB4248" s="85"/>
      <c r="AC4248" s="85"/>
      <c r="AD4248" s="85"/>
      <c r="AE4248" s="85"/>
      <c r="AF4248" s="85"/>
      <c r="AG4248" s="86"/>
      <c r="AH4248" s="85"/>
      <c r="AI4248" s="85"/>
      <c r="AJ4248" s="85"/>
      <c r="AK4248" s="85"/>
      <c r="AL4248" s="85"/>
      <c r="AM4248" s="92"/>
      <c r="AN4248" s="92"/>
      <c r="AO4248" s="92"/>
      <c r="AP4248" s="92"/>
      <c r="AQ4248" s="92"/>
      <c r="AR4248" s="92"/>
      <c r="AS4248" s="92"/>
      <c r="AT4248" s="92"/>
      <c r="AU4248" s="92"/>
      <c r="AV4248" s="92"/>
      <c r="AW4248" s="92"/>
      <c r="AX4248" s="92"/>
      <c r="AY4248" s="92"/>
      <c r="AZ4248" s="93"/>
      <c r="BA4248" s="93"/>
      <c r="BB4248" s="93"/>
      <c r="BC4248" s="93"/>
      <c r="BD4248" s="93"/>
      <c r="BE4248" s="93"/>
      <c r="BF4248" s="93"/>
      <c r="BG4248" s="93"/>
      <c r="BH4248" s="93"/>
      <c r="BI4248" s="93"/>
      <c r="BJ4248" s="93"/>
      <c r="BK4248" s="93"/>
      <c r="BL4248" s="93"/>
    </row>
    <row r="4249" spans="2:64" x14ac:dyDescent="0.2">
      <c r="B4249" s="43"/>
      <c r="C4249" s="73"/>
      <c r="D4249" s="64"/>
      <c r="E4249" s="55"/>
      <c r="F4249" s="74"/>
      <c r="G4249" s="74"/>
      <c r="H4249" s="74"/>
      <c r="I4249" s="75"/>
      <c r="J4249" s="74"/>
      <c r="L4249" s="55"/>
      <c r="M4249" s="234"/>
      <c r="N4249" s="65"/>
      <c r="O4249" s="76"/>
      <c r="P4249" s="76"/>
      <c r="Q4249" s="65"/>
      <c r="R4249" s="76"/>
      <c r="S4249" s="76"/>
      <c r="T4249" s="76"/>
      <c r="U4249" s="76"/>
      <c r="V4249" s="76"/>
      <c r="W4249" s="76"/>
      <c r="X4249" s="76"/>
      <c r="Y4249" s="76"/>
      <c r="Z4249" s="76"/>
      <c r="AA4249" s="85"/>
      <c r="AB4249" s="85"/>
      <c r="AC4249" s="85"/>
      <c r="AD4249" s="85"/>
      <c r="AE4249" s="85"/>
      <c r="AF4249" s="85"/>
      <c r="AG4249" s="86"/>
      <c r="AH4249" s="85"/>
      <c r="AI4249" s="85"/>
      <c r="AJ4249" s="85"/>
      <c r="AK4249" s="85"/>
      <c r="AL4249" s="85"/>
      <c r="AM4249" s="92"/>
      <c r="AN4249" s="92"/>
      <c r="AO4249" s="92"/>
      <c r="AP4249" s="92"/>
      <c r="AQ4249" s="92"/>
      <c r="AR4249" s="92"/>
      <c r="AS4249" s="92"/>
      <c r="AT4249" s="92"/>
      <c r="AU4249" s="92"/>
      <c r="AV4249" s="92"/>
      <c r="AW4249" s="92"/>
      <c r="AX4249" s="92"/>
      <c r="AY4249" s="92"/>
      <c r="AZ4249" s="93"/>
      <c r="BA4249" s="93"/>
      <c r="BB4249" s="93"/>
      <c r="BC4249" s="93"/>
      <c r="BD4249" s="93"/>
      <c r="BE4249" s="93"/>
      <c r="BF4249" s="93"/>
      <c r="BG4249" s="93"/>
      <c r="BH4249" s="93"/>
      <c r="BI4249" s="93"/>
      <c r="BJ4249" s="93"/>
      <c r="BK4249" s="93"/>
      <c r="BL4249" s="93"/>
    </row>
    <row r="4250" spans="2:64" x14ac:dyDescent="0.2">
      <c r="B4250" s="43"/>
      <c r="C4250" s="73"/>
      <c r="D4250" s="64"/>
      <c r="E4250" s="55"/>
      <c r="F4250" s="74"/>
      <c r="G4250" s="74"/>
      <c r="H4250" s="74"/>
      <c r="I4250" s="75"/>
      <c r="J4250" s="74"/>
      <c r="L4250" s="55"/>
      <c r="M4250" s="234"/>
      <c r="N4250" s="65"/>
      <c r="O4250" s="76"/>
      <c r="P4250" s="76"/>
      <c r="Q4250" s="65"/>
      <c r="R4250" s="76"/>
      <c r="S4250" s="76"/>
      <c r="T4250" s="76"/>
      <c r="U4250" s="76"/>
      <c r="V4250" s="76"/>
      <c r="W4250" s="76"/>
      <c r="X4250" s="76"/>
      <c r="Y4250" s="76"/>
      <c r="Z4250" s="76"/>
      <c r="AA4250" s="85"/>
      <c r="AB4250" s="85"/>
      <c r="AC4250" s="85"/>
      <c r="AD4250" s="85"/>
      <c r="AE4250" s="85"/>
      <c r="AF4250" s="85"/>
      <c r="AG4250" s="86"/>
      <c r="AH4250" s="85"/>
      <c r="AI4250" s="85"/>
      <c r="AJ4250" s="85"/>
      <c r="AK4250" s="85"/>
      <c r="AL4250" s="85"/>
      <c r="AM4250" s="92"/>
      <c r="AN4250" s="92"/>
      <c r="AO4250" s="92"/>
      <c r="AP4250" s="92"/>
      <c r="AQ4250" s="92"/>
      <c r="AR4250" s="92"/>
      <c r="AS4250" s="92"/>
      <c r="AT4250" s="92"/>
      <c r="AU4250" s="92"/>
      <c r="AV4250" s="92"/>
      <c r="AW4250" s="92"/>
      <c r="AX4250" s="92"/>
      <c r="AY4250" s="92"/>
      <c r="AZ4250" s="93"/>
      <c r="BA4250" s="93"/>
      <c r="BB4250" s="93"/>
      <c r="BC4250" s="93"/>
      <c r="BD4250" s="93"/>
      <c r="BE4250" s="93"/>
      <c r="BF4250" s="93"/>
      <c r="BG4250" s="93"/>
      <c r="BH4250" s="93"/>
      <c r="BI4250" s="93"/>
      <c r="BJ4250" s="93"/>
      <c r="BK4250" s="93"/>
      <c r="BL4250" s="93"/>
    </row>
    <row r="4251" spans="2:64" x14ac:dyDescent="0.2">
      <c r="B4251" s="43"/>
      <c r="C4251" s="73"/>
      <c r="D4251" s="64"/>
      <c r="E4251" s="55"/>
      <c r="F4251" s="74"/>
      <c r="G4251" s="74"/>
      <c r="H4251" s="74"/>
      <c r="I4251" s="75"/>
      <c r="J4251" s="74"/>
      <c r="L4251" s="55"/>
      <c r="M4251" s="234"/>
      <c r="N4251" s="65"/>
      <c r="O4251" s="76"/>
      <c r="P4251" s="76"/>
      <c r="Q4251" s="65"/>
      <c r="R4251" s="76"/>
      <c r="S4251" s="76"/>
      <c r="T4251" s="76"/>
      <c r="U4251" s="76"/>
      <c r="V4251" s="76"/>
      <c r="W4251" s="76"/>
      <c r="X4251" s="76"/>
      <c r="Y4251" s="76"/>
      <c r="Z4251" s="76"/>
      <c r="AA4251" s="85"/>
      <c r="AB4251" s="85"/>
      <c r="AC4251" s="85"/>
      <c r="AD4251" s="85"/>
      <c r="AE4251" s="85"/>
      <c r="AF4251" s="85"/>
      <c r="AG4251" s="86"/>
      <c r="AH4251" s="85"/>
      <c r="AI4251" s="85"/>
      <c r="AJ4251" s="85"/>
      <c r="AK4251" s="85"/>
      <c r="AL4251" s="85"/>
      <c r="AM4251" s="92"/>
      <c r="AN4251" s="92"/>
      <c r="AO4251" s="92"/>
      <c r="AP4251" s="92"/>
      <c r="AQ4251" s="92"/>
      <c r="AR4251" s="92"/>
      <c r="AS4251" s="92"/>
      <c r="AT4251" s="92"/>
      <c r="AU4251" s="92"/>
      <c r="AV4251" s="92"/>
      <c r="AW4251" s="92"/>
      <c r="AX4251" s="92"/>
      <c r="AY4251" s="92"/>
      <c r="AZ4251" s="93"/>
      <c r="BA4251" s="93"/>
      <c r="BB4251" s="93"/>
      <c r="BC4251" s="93"/>
      <c r="BD4251" s="93"/>
      <c r="BE4251" s="93"/>
      <c r="BF4251" s="93"/>
      <c r="BG4251" s="93"/>
      <c r="BH4251" s="93"/>
      <c r="BI4251" s="93"/>
      <c r="BJ4251" s="93"/>
      <c r="BK4251" s="93"/>
      <c r="BL4251" s="93"/>
    </row>
    <row r="4252" spans="2:64" x14ac:dyDescent="0.2">
      <c r="B4252" s="43"/>
      <c r="C4252" s="73"/>
      <c r="D4252" s="64"/>
      <c r="E4252" s="55"/>
      <c r="F4252" s="74"/>
      <c r="G4252" s="74"/>
      <c r="H4252" s="74"/>
      <c r="I4252" s="75"/>
      <c r="J4252" s="74"/>
      <c r="L4252" s="55"/>
      <c r="M4252" s="234"/>
      <c r="N4252" s="65"/>
      <c r="O4252" s="76"/>
      <c r="P4252" s="76"/>
      <c r="Q4252" s="65"/>
      <c r="R4252" s="76"/>
      <c r="S4252" s="76"/>
      <c r="T4252" s="76"/>
      <c r="U4252" s="76"/>
      <c r="V4252" s="76"/>
      <c r="W4252" s="76"/>
      <c r="X4252" s="76"/>
      <c r="Y4252" s="76"/>
      <c r="Z4252" s="76"/>
      <c r="AA4252" s="85"/>
      <c r="AB4252" s="85"/>
      <c r="AC4252" s="85"/>
      <c r="AD4252" s="85"/>
      <c r="AE4252" s="85"/>
      <c r="AF4252" s="85"/>
      <c r="AG4252" s="86"/>
      <c r="AH4252" s="85"/>
      <c r="AI4252" s="85"/>
      <c r="AJ4252" s="85"/>
      <c r="AK4252" s="85"/>
      <c r="AL4252" s="85"/>
      <c r="AM4252" s="92"/>
      <c r="AN4252" s="92"/>
      <c r="AO4252" s="92"/>
      <c r="AP4252" s="92"/>
      <c r="AQ4252" s="92"/>
      <c r="AR4252" s="92"/>
      <c r="AS4252" s="92"/>
      <c r="AT4252" s="92"/>
      <c r="AU4252" s="92"/>
      <c r="AV4252" s="92"/>
      <c r="AW4252" s="92"/>
      <c r="AX4252" s="92"/>
      <c r="AY4252" s="92"/>
      <c r="AZ4252" s="93"/>
      <c r="BA4252" s="93"/>
      <c r="BB4252" s="93"/>
      <c r="BC4252" s="93"/>
      <c r="BD4252" s="93"/>
      <c r="BE4252" s="93"/>
      <c r="BF4252" s="93"/>
      <c r="BG4252" s="93"/>
      <c r="BH4252" s="93"/>
      <c r="BI4252" s="93"/>
      <c r="BJ4252" s="93"/>
      <c r="BK4252" s="93"/>
      <c r="BL4252" s="93"/>
    </row>
    <row r="4253" spans="2:64" x14ac:dyDescent="0.2">
      <c r="B4253" s="43"/>
      <c r="C4253" s="73"/>
      <c r="D4253" s="64"/>
      <c r="E4253" s="55"/>
      <c r="F4253" s="74"/>
      <c r="G4253" s="74"/>
      <c r="H4253" s="74"/>
      <c r="I4253" s="75"/>
      <c r="J4253" s="74"/>
      <c r="L4253" s="55"/>
      <c r="M4253" s="234"/>
      <c r="N4253" s="65"/>
      <c r="O4253" s="76"/>
      <c r="P4253" s="76"/>
      <c r="Q4253" s="65"/>
      <c r="R4253" s="76"/>
      <c r="S4253" s="76"/>
      <c r="T4253" s="76"/>
      <c r="U4253" s="76"/>
      <c r="V4253" s="76"/>
      <c r="W4253" s="76"/>
      <c r="X4253" s="76"/>
      <c r="Y4253" s="76"/>
      <c r="Z4253" s="76"/>
      <c r="AA4253" s="85"/>
      <c r="AB4253" s="85"/>
      <c r="AC4253" s="85"/>
      <c r="AD4253" s="85"/>
      <c r="AE4253" s="85"/>
      <c r="AF4253" s="85"/>
      <c r="AG4253" s="86"/>
      <c r="AH4253" s="85"/>
      <c r="AI4253" s="85"/>
      <c r="AJ4253" s="85"/>
      <c r="AK4253" s="85"/>
      <c r="AL4253" s="85"/>
      <c r="AM4253" s="92"/>
      <c r="AN4253" s="92"/>
      <c r="AO4253" s="92"/>
      <c r="AP4253" s="92"/>
      <c r="AQ4253" s="92"/>
      <c r="AR4253" s="92"/>
      <c r="AS4253" s="92"/>
      <c r="AT4253" s="92"/>
      <c r="AU4253" s="92"/>
      <c r="AV4253" s="92"/>
      <c r="AW4253" s="92"/>
      <c r="AX4253" s="92"/>
      <c r="AY4253" s="92"/>
      <c r="AZ4253" s="93"/>
      <c r="BA4253" s="93"/>
      <c r="BB4253" s="93"/>
      <c r="BC4253" s="93"/>
      <c r="BD4253" s="93"/>
      <c r="BE4253" s="93"/>
      <c r="BF4253" s="93"/>
      <c r="BG4253" s="93"/>
      <c r="BH4253" s="93"/>
      <c r="BI4253" s="93"/>
      <c r="BJ4253" s="93"/>
      <c r="BK4253" s="93"/>
      <c r="BL4253" s="93"/>
    </row>
    <row r="4254" spans="2:64" x14ac:dyDescent="0.2">
      <c r="B4254" s="43"/>
      <c r="C4254" s="73"/>
      <c r="D4254" s="64"/>
      <c r="E4254" s="55"/>
      <c r="F4254" s="74"/>
      <c r="G4254" s="74"/>
      <c r="H4254" s="74"/>
      <c r="I4254" s="75"/>
      <c r="J4254" s="74"/>
      <c r="L4254" s="55"/>
      <c r="M4254" s="234"/>
      <c r="N4254" s="65"/>
      <c r="O4254" s="76"/>
      <c r="P4254" s="76"/>
      <c r="Q4254" s="65"/>
      <c r="R4254" s="76"/>
      <c r="S4254" s="76"/>
      <c r="T4254" s="76"/>
      <c r="U4254" s="76"/>
      <c r="V4254" s="76"/>
      <c r="W4254" s="76"/>
      <c r="X4254" s="76"/>
      <c r="Y4254" s="76"/>
      <c r="Z4254" s="76"/>
      <c r="AA4254" s="85"/>
      <c r="AB4254" s="85"/>
      <c r="AC4254" s="85"/>
      <c r="AD4254" s="85"/>
      <c r="AE4254" s="85"/>
      <c r="AF4254" s="85"/>
      <c r="AG4254" s="86"/>
      <c r="AH4254" s="85"/>
      <c r="AI4254" s="85"/>
      <c r="AJ4254" s="85"/>
      <c r="AK4254" s="85"/>
      <c r="AL4254" s="85"/>
      <c r="AM4254" s="92"/>
      <c r="AN4254" s="92"/>
      <c r="AO4254" s="92"/>
      <c r="AP4254" s="92"/>
      <c r="AQ4254" s="92"/>
      <c r="AR4254" s="92"/>
      <c r="AS4254" s="92"/>
      <c r="AT4254" s="92"/>
      <c r="AU4254" s="92"/>
      <c r="AV4254" s="92"/>
      <c r="AW4254" s="92"/>
      <c r="AX4254" s="92"/>
      <c r="AY4254" s="92"/>
      <c r="AZ4254" s="93"/>
      <c r="BA4254" s="93"/>
      <c r="BB4254" s="93"/>
      <c r="BC4254" s="93"/>
      <c r="BD4254" s="93"/>
      <c r="BE4254" s="93"/>
      <c r="BF4254" s="93"/>
      <c r="BG4254" s="93"/>
      <c r="BH4254" s="93"/>
      <c r="BI4254" s="93"/>
      <c r="BJ4254" s="93"/>
      <c r="BK4254" s="93"/>
      <c r="BL4254" s="93"/>
    </row>
    <row r="4255" spans="2:64" x14ac:dyDescent="0.2">
      <c r="B4255" s="43"/>
      <c r="C4255" s="73"/>
      <c r="D4255" s="64"/>
      <c r="E4255" s="55"/>
      <c r="F4255" s="74"/>
      <c r="G4255" s="74"/>
      <c r="H4255" s="74"/>
      <c r="I4255" s="75"/>
      <c r="J4255" s="74"/>
      <c r="L4255" s="55"/>
      <c r="M4255" s="234"/>
      <c r="N4255" s="65"/>
      <c r="O4255" s="76"/>
      <c r="P4255" s="76"/>
      <c r="Q4255" s="65"/>
      <c r="R4255" s="76"/>
      <c r="S4255" s="76"/>
      <c r="T4255" s="76"/>
      <c r="U4255" s="76"/>
      <c r="V4255" s="76"/>
      <c r="W4255" s="76"/>
      <c r="X4255" s="76"/>
      <c r="Y4255" s="76"/>
      <c r="Z4255" s="76"/>
      <c r="AA4255" s="85"/>
      <c r="AB4255" s="85"/>
      <c r="AC4255" s="85"/>
      <c r="AD4255" s="85"/>
      <c r="AE4255" s="85"/>
      <c r="AF4255" s="85"/>
      <c r="AG4255" s="86"/>
      <c r="AH4255" s="85"/>
      <c r="AI4255" s="85"/>
      <c r="AJ4255" s="85"/>
      <c r="AK4255" s="85"/>
      <c r="AL4255" s="85"/>
      <c r="AM4255" s="92"/>
      <c r="AN4255" s="92"/>
      <c r="AO4255" s="92"/>
      <c r="AP4255" s="92"/>
      <c r="AQ4255" s="92"/>
      <c r="AR4255" s="92"/>
      <c r="AS4255" s="92"/>
      <c r="AT4255" s="92"/>
      <c r="AU4255" s="92"/>
      <c r="AV4255" s="92"/>
      <c r="AW4255" s="92"/>
      <c r="AX4255" s="92"/>
      <c r="AY4255" s="92"/>
      <c r="AZ4255" s="93"/>
      <c r="BA4255" s="93"/>
      <c r="BB4255" s="93"/>
      <c r="BC4255" s="93"/>
      <c r="BD4255" s="93"/>
      <c r="BE4255" s="93"/>
      <c r="BF4255" s="93"/>
      <c r="BG4255" s="93"/>
      <c r="BH4255" s="93"/>
      <c r="BI4255" s="93"/>
      <c r="BJ4255" s="93"/>
      <c r="BK4255" s="93"/>
      <c r="BL4255" s="93"/>
    </row>
    <row r="4256" spans="2:64" x14ac:dyDescent="0.2">
      <c r="B4256" s="43"/>
      <c r="C4256" s="73"/>
      <c r="D4256" s="64"/>
      <c r="E4256" s="55"/>
      <c r="F4256" s="74"/>
      <c r="G4256" s="74"/>
      <c r="H4256" s="74"/>
      <c r="I4256" s="75"/>
      <c r="J4256" s="74"/>
      <c r="L4256" s="55"/>
      <c r="M4256" s="234"/>
      <c r="N4256" s="65"/>
      <c r="O4256" s="76"/>
      <c r="P4256" s="76"/>
      <c r="Q4256" s="65"/>
      <c r="R4256" s="76"/>
      <c r="S4256" s="76"/>
      <c r="T4256" s="76"/>
      <c r="U4256" s="76"/>
      <c r="V4256" s="76"/>
      <c r="W4256" s="76"/>
      <c r="X4256" s="76"/>
      <c r="Y4256" s="76"/>
      <c r="Z4256" s="76"/>
      <c r="AA4256" s="85"/>
      <c r="AB4256" s="85"/>
      <c r="AC4256" s="85"/>
      <c r="AD4256" s="85"/>
      <c r="AE4256" s="85"/>
      <c r="AF4256" s="85"/>
      <c r="AG4256" s="86"/>
      <c r="AH4256" s="85"/>
      <c r="AI4256" s="85"/>
      <c r="AJ4256" s="85"/>
      <c r="AK4256" s="85"/>
      <c r="AL4256" s="85"/>
      <c r="AM4256" s="92"/>
      <c r="AN4256" s="92"/>
      <c r="AO4256" s="92"/>
      <c r="AP4256" s="92"/>
      <c r="AQ4256" s="92"/>
      <c r="AR4256" s="92"/>
      <c r="AS4256" s="92"/>
      <c r="AT4256" s="92"/>
      <c r="AU4256" s="92"/>
      <c r="AV4256" s="92"/>
      <c r="AW4256" s="92"/>
      <c r="AX4256" s="92"/>
      <c r="AY4256" s="92"/>
      <c r="AZ4256" s="93"/>
      <c r="BA4256" s="93"/>
      <c r="BB4256" s="93"/>
      <c r="BC4256" s="93"/>
      <c r="BD4256" s="93"/>
      <c r="BE4256" s="93"/>
      <c r="BF4256" s="93"/>
      <c r="BG4256" s="93"/>
      <c r="BH4256" s="93"/>
      <c r="BI4256" s="93"/>
      <c r="BJ4256" s="93"/>
      <c r="BK4256" s="93"/>
      <c r="BL4256" s="93"/>
    </row>
    <row r="4257" spans="2:64" x14ac:dyDescent="0.2">
      <c r="B4257" s="43"/>
      <c r="C4257" s="73"/>
      <c r="D4257" s="64"/>
      <c r="E4257" s="55"/>
      <c r="F4257" s="74"/>
      <c r="G4257" s="74"/>
      <c r="H4257" s="74"/>
      <c r="I4257" s="75"/>
      <c r="J4257" s="74"/>
      <c r="L4257" s="55"/>
      <c r="M4257" s="234"/>
      <c r="N4257" s="65"/>
      <c r="O4257" s="76"/>
      <c r="P4257" s="76"/>
      <c r="Q4257" s="65"/>
      <c r="R4257" s="76"/>
      <c r="S4257" s="76"/>
      <c r="T4257" s="76"/>
      <c r="U4257" s="76"/>
      <c r="V4257" s="76"/>
      <c r="W4257" s="76"/>
      <c r="X4257" s="76"/>
      <c r="Y4257" s="76"/>
      <c r="Z4257" s="76"/>
      <c r="AA4257" s="85"/>
      <c r="AB4257" s="85"/>
      <c r="AC4257" s="85"/>
      <c r="AD4257" s="85"/>
      <c r="AE4257" s="85"/>
      <c r="AF4257" s="85"/>
      <c r="AG4257" s="86"/>
      <c r="AH4257" s="85"/>
      <c r="AI4257" s="85"/>
      <c r="AJ4257" s="85"/>
      <c r="AK4257" s="85"/>
      <c r="AL4257" s="85"/>
      <c r="AM4257" s="92"/>
      <c r="AN4257" s="92"/>
      <c r="AO4257" s="92"/>
      <c r="AP4257" s="92"/>
      <c r="AQ4257" s="92"/>
      <c r="AR4257" s="92"/>
      <c r="AS4257" s="92"/>
      <c r="AT4257" s="92"/>
      <c r="AU4257" s="92"/>
      <c r="AV4257" s="92"/>
      <c r="AW4257" s="92"/>
      <c r="AX4257" s="92"/>
      <c r="AY4257" s="92"/>
      <c r="AZ4257" s="93"/>
      <c r="BA4257" s="93"/>
      <c r="BB4257" s="93"/>
      <c r="BC4257" s="93"/>
      <c r="BD4257" s="93"/>
      <c r="BE4257" s="93"/>
      <c r="BF4257" s="93"/>
      <c r="BG4257" s="93"/>
      <c r="BH4257" s="93"/>
      <c r="BI4257" s="93"/>
      <c r="BJ4257" s="93"/>
      <c r="BK4257" s="93"/>
      <c r="BL4257" s="93"/>
    </row>
    <row r="4258" spans="2:64" x14ac:dyDescent="0.2">
      <c r="B4258" s="43"/>
      <c r="C4258" s="73"/>
      <c r="D4258" s="64"/>
      <c r="E4258" s="55"/>
      <c r="F4258" s="74"/>
      <c r="G4258" s="74"/>
      <c r="H4258" s="74"/>
      <c r="I4258" s="75"/>
      <c r="J4258" s="74"/>
      <c r="L4258" s="55"/>
      <c r="M4258" s="234"/>
      <c r="N4258" s="65"/>
      <c r="O4258" s="76"/>
      <c r="P4258" s="76"/>
      <c r="Q4258" s="65"/>
      <c r="R4258" s="76"/>
      <c r="S4258" s="76"/>
      <c r="T4258" s="76"/>
      <c r="U4258" s="76"/>
      <c r="V4258" s="76"/>
      <c r="W4258" s="76"/>
      <c r="X4258" s="76"/>
      <c r="Y4258" s="76"/>
      <c r="Z4258" s="76"/>
      <c r="AA4258" s="85"/>
      <c r="AB4258" s="85"/>
      <c r="AC4258" s="85"/>
      <c r="AD4258" s="85"/>
      <c r="AE4258" s="85"/>
      <c r="AF4258" s="85"/>
      <c r="AG4258" s="86"/>
      <c r="AH4258" s="85"/>
      <c r="AI4258" s="85"/>
      <c r="AJ4258" s="85"/>
      <c r="AK4258" s="85"/>
      <c r="AL4258" s="85"/>
      <c r="AM4258" s="92"/>
      <c r="AN4258" s="92"/>
      <c r="AO4258" s="92"/>
      <c r="AP4258" s="92"/>
      <c r="AQ4258" s="92"/>
      <c r="AR4258" s="92"/>
      <c r="AS4258" s="92"/>
      <c r="AT4258" s="92"/>
      <c r="AU4258" s="92"/>
      <c r="AV4258" s="92"/>
      <c r="AW4258" s="92"/>
      <c r="AX4258" s="92"/>
      <c r="AY4258" s="92"/>
      <c r="AZ4258" s="93"/>
      <c r="BA4258" s="93"/>
      <c r="BB4258" s="93"/>
      <c r="BC4258" s="93"/>
      <c r="BD4258" s="93"/>
      <c r="BE4258" s="93"/>
      <c r="BF4258" s="93"/>
      <c r="BG4258" s="93"/>
      <c r="BH4258" s="93"/>
      <c r="BI4258" s="93"/>
      <c r="BJ4258" s="93"/>
      <c r="BK4258" s="93"/>
      <c r="BL4258" s="93"/>
    </row>
    <row r="4259" spans="2:64" x14ac:dyDescent="0.2">
      <c r="B4259" s="43"/>
      <c r="C4259" s="73"/>
      <c r="D4259" s="64"/>
      <c r="E4259" s="55"/>
      <c r="F4259" s="74"/>
      <c r="G4259" s="74"/>
      <c r="H4259" s="74"/>
      <c r="I4259" s="75"/>
      <c r="J4259" s="74"/>
      <c r="L4259" s="55"/>
      <c r="M4259" s="234"/>
      <c r="N4259" s="65"/>
      <c r="O4259" s="76"/>
      <c r="P4259" s="76"/>
      <c r="Q4259" s="65"/>
      <c r="R4259" s="76"/>
      <c r="S4259" s="76"/>
      <c r="T4259" s="76"/>
      <c r="U4259" s="76"/>
      <c r="V4259" s="76"/>
      <c r="W4259" s="76"/>
      <c r="X4259" s="76"/>
      <c r="Y4259" s="76"/>
      <c r="Z4259" s="76"/>
      <c r="AA4259" s="85"/>
      <c r="AB4259" s="85"/>
      <c r="AC4259" s="85"/>
      <c r="AD4259" s="85"/>
      <c r="AE4259" s="85"/>
      <c r="AF4259" s="85"/>
      <c r="AG4259" s="86"/>
      <c r="AH4259" s="85"/>
      <c r="AI4259" s="85"/>
      <c r="AJ4259" s="85"/>
      <c r="AK4259" s="85"/>
      <c r="AL4259" s="85"/>
      <c r="AM4259" s="92"/>
      <c r="AN4259" s="92"/>
      <c r="AO4259" s="92"/>
      <c r="AP4259" s="92"/>
      <c r="AQ4259" s="92"/>
      <c r="AR4259" s="92"/>
      <c r="AS4259" s="92"/>
      <c r="AT4259" s="92"/>
      <c r="AU4259" s="92"/>
      <c r="AV4259" s="92"/>
      <c r="AW4259" s="92"/>
      <c r="AX4259" s="92"/>
      <c r="AY4259" s="92"/>
      <c r="AZ4259" s="93"/>
      <c r="BA4259" s="93"/>
      <c r="BB4259" s="93"/>
      <c r="BC4259" s="93"/>
      <c r="BD4259" s="93"/>
      <c r="BE4259" s="93"/>
      <c r="BF4259" s="93"/>
      <c r="BG4259" s="93"/>
      <c r="BH4259" s="93"/>
      <c r="BI4259" s="93"/>
      <c r="BJ4259" s="93"/>
      <c r="BK4259" s="93"/>
      <c r="BL4259" s="93"/>
    </row>
    <row r="4260" spans="2:64" x14ac:dyDescent="0.2">
      <c r="B4260" s="43"/>
      <c r="C4260" s="73"/>
      <c r="D4260" s="64"/>
      <c r="E4260" s="55"/>
      <c r="F4260" s="74"/>
      <c r="G4260" s="74"/>
      <c r="H4260" s="74"/>
      <c r="I4260" s="75"/>
      <c r="J4260" s="74"/>
      <c r="L4260" s="55"/>
      <c r="M4260" s="234"/>
      <c r="N4260" s="65"/>
      <c r="O4260" s="76"/>
      <c r="P4260" s="76"/>
      <c r="Q4260" s="65"/>
      <c r="R4260" s="76"/>
      <c r="S4260" s="76"/>
      <c r="T4260" s="76"/>
      <c r="U4260" s="76"/>
      <c r="V4260" s="76"/>
      <c r="W4260" s="76"/>
      <c r="X4260" s="76"/>
      <c r="Y4260" s="76"/>
      <c r="Z4260" s="76"/>
      <c r="AA4260" s="85"/>
      <c r="AB4260" s="85"/>
      <c r="AC4260" s="85"/>
      <c r="AD4260" s="85"/>
      <c r="AE4260" s="85"/>
      <c r="AF4260" s="85"/>
      <c r="AG4260" s="86"/>
      <c r="AH4260" s="85"/>
      <c r="AI4260" s="85"/>
      <c r="AJ4260" s="85"/>
      <c r="AK4260" s="85"/>
      <c r="AL4260" s="85"/>
      <c r="AM4260" s="92"/>
      <c r="AN4260" s="92"/>
      <c r="AO4260" s="92"/>
      <c r="AP4260" s="92"/>
      <c r="AQ4260" s="92"/>
      <c r="AR4260" s="92"/>
      <c r="AS4260" s="92"/>
      <c r="AT4260" s="92"/>
      <c r="AU4260" s="92"/>
      <c r="AV4260" s="92"/>
      <c r="AW4260" s="92"/>
      <c r="AX4260" s="92"/>
      <c r="AY4260" s="92"/>
      <c r="AZ4260" s="93"/>
      <c r="BA4260" s="93"/>
      <c r="BB4260" s="93"/>
      <c r="BC4260" s="93"/>
      <c r="BD4260" s="93"/>
      <c r="BE4260" s="93"/>
      <c r="BF4260" s="93"/>
      <c r="BG4260" s="93"/>
      <c r="BH4260" s="93"/>
      <c r="BI4260" s="93"/>
      <c r="BJ4260" s="93"/>
      <c r="BK4260" s="93"/>
      <c r="BL4260" s="93"/>
    </row>
    <row r="4261" spans="2:64" x14ac:dyDescent="0.2">
      <c r="B4261" s="43"/>
      <c r="C4261" s="73"/>
      <c r="D4261" s="64"/>
      <c r="E4261" s="55"/>
      <c r="F4261" s="74"/>
      <c r="G4261" s="74"/>
      <c r="H4261" s="74"/>
      <c r="I4261" s="75"/>
      <c r="J4261" s="74"/>
      <c r="L4261" s="55"/>
      <c r="M4261" s="234"/>
      <c r="N4261" s="65"/>
      <c r="O4261" s="76"/>
      <c r="P4261" s="76"/>
      <c r="Q4261" s="65"/>
      <c r="R4261" s="76"/>
      <c r="S4261" s="76"/>
      <c r="T4261" s="76"/>
      <c r="U4261" s="76"/>
      <c r="V4261" s="76"/>
      <c r="W4261" s="76"/>
      <c r="X4261" s="76"/>
      <c r="Y4261" s="76"/>
      <c r="Z4261" s="76"/>
      <c r="AA4261" s="85"/>
      <c r="AB4261" s="85"/>
      <c r="AC4261" s="85"/>
      <c r="AD4261" s="85"/>
      <c r="AE4261" s="85"/>
      <c r="AF4261" s="85"/>
      <c r="AG4261" s="86"/>
      <c r="AH4261" s="85"/>
      <c r="AI4261" s="85"/>
      <c r="AJ4261" s="85"/>
      <c r="AK4261" s="85"/>
      <c r="AL4261" s="85"/>
      <c r="AM4261" s="92"/>
      <c r="AN4261" s="92"/>
      <c r="AO4261" s="92"/>
      <c r="AP4261" s="92"/>
      <c r="AQ4261" s="92"/>
      <c r="AR4261" s="92"/>
      <c r="AS4261" s="92"/>
      <c r="AT4261" s="92"/>
      <c r="AU4261" s="92"/>
      <c r="AV4261" s="92"/>
      <c r="AW4261" s="92"/>
      <c r="AX4261" s="92"/>
      <c r="AY4261" s="92"/>
      <c r="AZ4261" s="93"/>
      <c r="BA4261" s="93"/>
      <c r="BB4261" s="93"/>
      <c r="BC4261" s="93"/>
      <c r="BD4261" s="93"/>
      <c r="BE4261" s="93"/>
      <c r="BF4261" s="93"/>
      <c r="BG4261" s="93"/>
      <c r="BH4261" s="93"/>
      <c r="BI4261" s="93"/>
      <c r="BJ4261" s="93"/>
      <c r="BK4261" s="93"/>
      <c r="BL4261" s="93"/>
    </row>
    <row r="4262" spans="2:64" x14ac:dyDescent="0.2">
      <c r="B4262" s="43"/>
      <c r="C4262" s="73"/>
      <c r="D4262" s="64"/>
      <c r="E4262" s="55"/>
      <c r="F4262" s="74"/>
      <c r="G4262" s="74"/>
      <c r="H4262" s="74"/>
      <c r="I4262" s="75"/>
      <c r="J4262" s="74"/>
      <c r="L4262" s="55"/>
      <c r="M4262" s="234"/>
      <c r="N4262" s="65"/>
      <c r="O4262" s="76"/>
      <c r="P4262" s="76"/>
      <c r="Q4262" s="65"/>
      <c r="R4262" s="76"/>
      <c r="S4262" s="76"/>
      <c r="T4262" s="76"/>
      <c r="U4262" s="76"/>
      <c r="V4262" s="76"/>
      <c r="W4262" s="76"/>
      <c r="X4262" s="76"/>
      <c r="Y4262" s="76"/>
      <c r="Z4262" s="76"/>
      <c r="AA4262" s="85"/>
      <c r="AB4262" s="85"/>
      <c r="AC4262" s="85"/>
      <c r="AD4262" s="85"/>
      <c r="AE4262" s="85"/>
      <c r="AF4262" s="85"/>
      <c r="AG4262" s="86"/>
      <c r="AH4262" s="85"/>
      <c r="AI4262" s="85"/>
      <c r="AJ4262" s="85"/>
      <c r="AK4262" s="85"/>
      <c r="AL4262" s="85"/>
      <c r="AM4262" s="92"/>
      <c r="AN4262" s="92"/>
      <c r="AO4262" s="92"/>
      <c r="AP4262" s="92"/>
      <c r="AQ4262" s="92"/>
      <c r="AR4262" s="92"/>
      <c r="AS4262" s="92"/>
      <c r="AT4262" s="92"/>
      <c r="AU4262" s="92"/>
      <c r="AV4262" s="92"/>
      <c r="AW4262" s="92"/>
      <c r="AX4262" s="92"/>
      <c r="AY4262" s="92"/>
      <c r="AZ4262" s="93"/>
      <c r="BA4262" s="93"/>
      <c r="BB4262" s="93"/>
      <c r="BC4262" s="93"/>
      <c r="BD4262" s="93"/>
      <c r="BE4262" s="93"/>
      <c r="BF4262" s="93"/>
      <c r="BG4262" s="93"/>
      <c r="BH4262" s="93"/>
      <c r="BI4262" s="93"/>
      <c r="BJ4262" s="93"/>
      <c r="BK4262" s="93"/>
      <c r="BL4262" s="93"/>
    </row>
    <row r="4263" spans="2:64" x14ac:dyDescent="0.2">
      <c r="B4263" s="43"/>
      <c r="C4263" s="73"/>
      <c r="D4263" s="64"/>
      <c r="E4263" s="55"/>
      <c r="F4263" s="74"/>
      <c r="G4263" s="74"/>
      <c r="H4263" s="74"/>
      <c r="I4263" s="75"/>
      <c r="J4263" s="74"/>
      <c r="L4263" s="55"/>
      <c r="M4263" s="234"/>
      <c r="N4263" s="65"/>
      <c r="O4263" s="76"/>
      <c r="P4263" s="76"/>
      <c r="Q4263" s="65"/>
      <c r="R4263" s="76"/>
      <c r="S4263" s="76"/>
      <c r="T4263" s="76"/>
      <c r="U4263" s="76"/>
      <c r="V4263" s="76"/>
      <c r="W4263" s="76"/>
      <c r="X4263" s="76"/>
      <c r="Y4263" s="76"/>
      <c r="Z4263" s="76"/>
      <c r="AA4263" s="85"/>
      <c r="AB4263" s="85"/>
      <c r="AC4263" s="85"/>
      <c r="AD4263" s="85"/>
      <c r="AE4263" s="85"/>
      <c r="AF4263" s="85"/>
      <c r="AG4263" s="86"/>
      <c r="AH4263" s="85"/>
      <c r="AI4263" s="85"/>
      <c r="AJ4263" s="85"/>
      <c r="AK4263" s="85"/>
      <c r="AL4263" s="85"/>
      <c r="AM4263" s="92"/>
      <c r="AN4263" s="92"/>
      <c r="AO4263" s="92"/>
      <c r="AP4263" s="92"/>
      <c r="AQ4263" s="92"/>
      <c r="AR4263" s="92"/>
      <c r="AS4263" s="92"/>
      <c r="AT4263" s="92"/>
      <c r="AU4263" s="92"/>
      <c r="AV4263" s="92"/>
      <c r="AW4263" s="92"/>
      <c r="AX4263" s="92"/>
      <c r="AY4263" s="92"/>
      <c r="AZ4263" s="93"/>
      <c r="BA4263" s="93"/>
      <c r="BB4263" s="93"/>
      <c r="BC4263" s="93"/>
      <c r="BD4263" s="93"/>
      <c r="BE4263" s="93"/>
      <c r="BF4263" s="93"/>
      <c r="BG4263" s="93"/>
      <c r="BH4263" s="93"/>
      <c r="BI4263" s="93"/>
      <c r="BJ4263" s="93"/>
      <c r="BK4263" s="93"/>
      <c r="BL4263" s="93"/>
    </row>
    <row r="4264" spans="2:64" x14ac:dyDescent="0.2">
      <c r="B4264" s="43"/>
      <c r="C4264" s="73"/>
      <c r="D4264" s="64"/>
      <c r="E4264" s="55"/>
      <c r="F4264" s="74"/>
      <c r="G4264" s="74"/>
      <c r="H4264" s="74"/>
      <c r="I4264" s="75"/>
      <c r="J4264" s="74"/>
      <c r="L4264" s="55"/>
      <c r="M4264" s="234"/>
      <c r="N4264" s="65"/>
      <c r="O4264" s="76"/>
      <c r="P4264" s="76"/>
      <c r="Q4264" s="65"/>
      <c r="R4264" s="76"/>
      <c r="S4264" s="76"/>
      <c r="T4264" s="76"/>
      <c r="U4264" s="76"/>
      <c r="V4264" s="76"/>
      <c r="W4264" s="76"/>
      <c r="X4264" s="76"/>
      <c r="Y4264" s="76"/>
      <c r="Z4264" s="76"/>
      <c r="AA4264" s="85"/>
      <c r="AB4264" s="85"/>
      <c r="AC4264" s="85"/>
      <c r="AD4264" s="85"/>
      <c r="AE4264" s="85"/>
      <c r="AF4264" s="85"/>
      <c r="AG4264" s="86"/>
      <c r="AH4264" s="85"/>
      <c r="AI4264" s="85"/>
      <c r="AJ4264" s="85"/>
      <c r="AK4264" s="85"/>
      <c r="AL4264" s="85"/>
      <c r="AM4264" s="92"/>
      <c r="AN4264" s="92"/>
      <c r="AO4264" s="92"/>
      <c r="AP4264" s="92"/>
      <c r="AQ4264" s="92"/>
      <c r="AR4264" s="92"/>
      <c r="AS4264" s="92"/>
      <c r="AT4264" s="92"/>
      <c r="AU4264" s="92"/>
      <c r="AV4264" s="92"/>
      <c r="AW4264" s="92"/>
      <c r="AX4264" s="92"/>
      <c r="AY4264" s="92"/>
      <c r="AZ4264" s="93"/>
      <c r="BA4264" s="93"/>
      <c r="BB4264" s="93"/>
      <c r="BC4264" s="93"/>
      <c r="BD4264" s="93"/>
      <c r="BE4264" s="93"/>
      <c r="BF4264" s="93"/>
      <c r="BG4264" s="93"/>
      <c r="BH4264" s="93"/>
      <c r="BI4264" s="93"/>
      <c r="BJ4264" s="93"/>
      <c r="BK4264" s="93"/>
      <c r="BL4264" s="93"/>
    </row>
    <row r="4265" spans="2:64" x14ac:dyDescent="0.2">
      <c r="B4265" s="43"/>
      <c r="C4265" s="73"/>
      <c r="D4265" s="64"/>
      <c r="E4265" s="55"/>
      <c r="F4265" s="74"/>
      <c r="G4265" s="74"/>
      <c r="H4265" s="74"/>
      <c r="I4265" s="75"/>
      <c r="J4265" s="74"/>
      <c r="L4265" s="55"/>
      <c r="M4265" s="234"/>
      <c r="N4265" s="65"/>
      <c r="O4265" s="76"/>
      <c r="P4265" s="76"/>
      <c r="Q4265" s="65"/>
      <c r="R4265" s="76"/>
      <c r="S4265" s="76"/>
      <c r="T4265" s="76"/>
      <c r="U4265" s="76"/>
      <c r="V4265" s="76"/>
      <c r="W4265" s="76"/>
      <c r="X4265" s="76"/>
      <c r="Y4265" s="76"/>
      <c r="Z4265" s="76"/>
      <c r="AA4265" s="85"/>
      <c r="AB4265" s="85"/>
      <c r="AC4265" s="85"/>
      <c r="AD4265" s="85"/>
      <c r="AE4265" s="85"/>
      <c r="AF4265" s="85"/>
      <c r="AG4265" s="86"/>
      <c r="AH4265" s="85"/>
      <c r="AI4265" s="85"/>
      <c r="AJ4265" s="85"/>
      <c r="AK4265" s="85"/>
      <c r="AL4265" s="85"/>
      <c r="AM4265" s="92"/>
      <c r="AN4265" s="92"/>
      <c r="AO4265" s="92"/>
      <c r="AP4265" s="92"/>
      <c r="AQ4265" s="92"/>
      <c r="AR4265" s="92"/>
      <c r="AS4265" s="92"/>
      <c r="AT4265" s="92"/>
      <c r="AU4265" s="92"/>
      <c r="AV4265" s="92"/>
      <c r="AW4265" s="92"/>
      <c r="AX4265" s="92"/>
      <c r="AY4265" s="92"/>
      <c r="AZ4265" s="93"/>
      <c r="BA4265" s="93"/>
      <c r="BB4265" s="93"/>
      <c r="BC4265" s="93"/>
      <c r="BD4265" s="93"/>
      <c r="BE4265" s="93"/>
      <c r="BF4265" s="93"/>
      <c r="BG4265" s="93"/>
      <c r="BH4265" s="93"/>
      <c r="BI4265" s="93"/>
      <c r="BJ4265" s="93"/>
      <c r="BK4265" s="93"/>
      <c r="BL4265" s="93"/>
    </row>
    <row r="4266" spans="2:64" x14ac:dyDescent="0.2">
      <c r="B4266" s="43"/>
      <c r="C4266" s="73"/>
      <c r="D4266" s="64"/>
      <c r="E4266" s="55"/>
      <c r="F4266" s="74"/>
      <c r="G4266" s="74"/>
      <c r="H4266" s="74"/>
      <c r="I4266" s="75"/>
      <c r="J4266" s="74"/>
      <c r="L4266" s="55"/>
      <c r="M4266" s="234"/>
      <c r="N4266" s="65"/>
      <c r="O4266" s="76"/>
      <c r="P4266" s="76"/>
      <c r="Q4266" s="65"/>
      <c r="R4266" s="76"/>
      <c r="S4266" s="76"/>
      <c r="T4266" s="76"/>
      <c r="U4266" s="76"/>
      <c r="V4266" s="76"/>
      <c r="W4266" s="76"/>
      <c r="X4266" s="76"/>
      <c r="Y4266" s="76"/>
      <c r="Z4266" s="76"/>
      <c r="AA4266" s="85"/>
      <c r="AB4266" s="85"/>
      <c r="AC4266" s="85"/>
      <c r="AD4266" s="85"/>
      <c r="AE4266" s="85"/>
      <c r="AF4266" s="85"/>
      <c r="AG4266" s="86"/>
      <c r="AH4266" s="85"/>
      <c r="AI4266" s="85"/>
      <c r="AJ4266" s="85"/>
      <c r="AK4266" s="85"/>
      <c r="AL4266" s="85"/>
      <c r="AM4266" s="92"/>
      <c r="AN4266" s="92"/>
      <c r="AO4266" s="92"/>
      <c r="AP4266" s="92"/>
      <c r="AQ4266" s="92"/>
      <c r="AR4266" s="92"/>
      <c r="AS4266" s="92"/>
      <c r="AT4266" s="92"/>
      <c r="AU4266" s="92"/>
      <c r="AV4266" s="92"/>
      <c r="AW4266" s="92"/>
      <c r="AX4266" s="92"/>
      <c r="AY4266" s="92"/>
      <c r="AZ4266" s="93"/>
      <c r="BA4266" s="93"/>
      <c r="BB4266" s="93"/>
      <c r="BC4266" s="93"/>
      <c r="BD4266" s="93"/>
      <c r="BE4266" s="93"/>
      <c r="BF4266" s="93"/>
      <c r="BG4266" s="93"/>
      <c r="BH4266" s="93"/>
      <c r="BI4266" s="93"/>
      <c r="BJ4266" s="93"/>
      <c r="BK4266" s="93"/>
      <c r="BL4266" s="93"/>
    </row>
    <row r="4267" spans="2:64" x14ac:dyDescent="0.2">
      <c r="B4267" s="43"/>
      <c r="C4267" s="73"/>
      <c r="D4267" s="64"/>
      <c r="E4267" s="55"/>
      <c r="F4267" s="74"/>
      <c r="G4267" s="74"/>
      <c r="H4267" s="74"/>
      <c r="I4267" s="75"/>
      <c r="J4267" s="74"/>
      <c r="L4267" s="55"/>
      <c r="M4267" s="234"/>
      <c r="N4267" s="65"/>
      <c r="O4267" s="76"/>
      <c r="P4267" s="76"/>
      <c r="Q4267" s="65"/>
      <c r="R4267" s="76"/>
      <c r="S4267" s="76"/>
      <c r="T4267" s="76"/>
      <c r="U4267" s="76"/>
      <c r="V4267" s="76"/>
      <c r="W4267" s="76"/>
      <c r="X4267" s="76"/>
      <c r="Y4267" s="76"/>
      <c r="Z4267" s="76"/>
      <c r="AA4267" s="85"/>
      <c r="AB4267" s="85"/>
      <c r="AC4267" s="85"/>
      <c r="AD4267" s="85"/>
      <c r="AE4267" s="85"/>
      <c r="AF4267" s="85"/>
      <c r="AG4267" s="86"/>
      <c r="AH4267" s="85"/>
      <c r="AI4267" s="85"/>
      <c r="AJ4267" s="85"/>
      <c r="AK4267" s="85"/>
      <c r="AL4267" s="85"/>
      <c r="AM4267" s="92"/>
      <c r="AN4267" s="92"/>
      <c r="AO4267" s="92"/>
      <c r="AP4267" s="92"/>
      <c r="AQ4267" s="92"/>
      <c r="AR4267" s="92"/>
      <c r="AS4267" s="92"/>
      <c r="AT4267" s="92"/>
      <c r="AU4267" s="92"/>
      <c r="AV4267" s="92"/>
      <c r="AW4267" s="92"/>
      <c r="AX4267" s="92"/>
      <c r="AY4267" s="92"/>
      <c r="AZ4267" s="93"/>
      <c r="BA4267" s="93"/>
      <c r="BB4267" s="93"/>
      <c r="BC4267" s="93"/>
      <c r="BD4267" s="93"/>
      <c r="BE4267" s="93"/>
      <c r="BF4267" s="93"/>
      <c r="BG4267" s="93"/>
      <c r="BH4267" s="93"/>
      <c r="BI4267" s="93"/>
      <c r="BJ4267" s="93"/>
      <c r="BK4267" s="93"/>
      <c r="BL4267" s="93"/>
    </row>
    <row r="4268" spans="2:64" x14ac:dyDescent="0.2">
      <c r="B4268" s="43"/>
      <c r="C4268" s="73"/>
      <c r="D4268" s="64"/>
      <c r="E4268" s="55"/>
      <c r="F4268" s="74"/>
      <c r="G4268" s="74"/>
      <c r="H4268" s="74"/>
      <c r="I4268" s="75"/>
      <c r="J4268" s="74"/>
      <c r="L4268" s="55"/>
      <c r="M4268" s="234"/>
      <c r="N4268" s="65"/>
      <c r="O4268" s="76"/>
      <c r="P4268" s="76"/>
      <c r="Q4268" s="65"/>
      <c r="R4268" s="76"/>
      <c r="S4268" s="76"/>
      <c r="T4268" s="76"/>
      <c r="U4268" s="76"/>
      <c r="V4268" s="76"/>
      <c r="W4268" s="76"/>
      <c r="X4268" s="76"/>
      <c r="Y4268" s="76"/>
      <c r="Z4268" s="76"/>
      <c r="AA4268" s="85"/>
      <c r="AB4268" s="85"/>
      <c r="AC4268" s="85"/>
      <c r="AD4268" s="85"/>
      <c r="AE4268" s="85"/>
      <c r="AF4268" s="85"/>
      <c r="AG4268" s="86"/>
      <c r="AH4268" s="85"/>
      <c r="AI4268" s="85"/>
      <c r="AJ4268" s="85"/>
      <c r="AK4268" s="85"/>
      <c r="AL4268" s="85"/>
      <c r="AM4268" s="92"/>
      <c r="AN4268" s="92"/>
      <c r="AO4268" s="92"/>
      <c r="AP4268" s="92"/>
      <c r="AQ4268" s="92"/>
      <c r="AR4268" s="92"/>
      <c r="AS4268" s="92"/>
      <c r="AT4268" s="92"/>
      <c r="AU4268" s="92"/>
      <c r="AV4268" s="92"/>
      <c r="AW4268" s="92"/>
      <c r="AX4268" s="92"/>
      <c r="AY4268" s="92"/>
      <c r="AZ4268" s="93"/>
      <c r="BA4268" s="93"/>
      <c r="BB4268" s="93"/>
      <c r="BC4268" s="93"/>
      <c r="BD4268" s="93"/>
      <c r="BE4268" s="93"/>
      <c r="BF4268" s="93"/>
      <c r="BG4268" s="93"/>
      <c r="BH4268" s="93"/>
      <c r="BI4268" s="93"/>
      <c r="BJ4268" s="93"/>
      <c r="BK4268" s="93"/>
      <c r="BL4268" s="93"/>
    </row>
    <row r="4269" spans="2:64" x14ac:dyDescent="0.2">
      <c r="B4269" s="43"/>
      <c r="C4269" s="73"/>
      <c r="D4269" s="64"/>
      <c r="E4269" s="55"/>
      <c r="F4269" s="74"/>
      <c r="G4269" s="74"/>
      <c r="H4269" s="74"/>
      <c r="I4269" s="75"/>
      <c r="J4269" s="74"/>
      <c r="L4269" s="55"/>
      <c r="M4269" s="234"/>
      <c r="N4269" s="65"/>
      <c r="O4269" s="76"/>
      <c r="P4269" s="76"/>
      <c r="Q4269" s="65"/>
      <c r="R4269" s="76"/>
      <c r="S4269" s="76"/>
      <c r="T4269" s="76"/>
      <c r="U4269" s="76"/>
      <c r="V4269" s="76"/>
      <c r="W4269" s="76"/>
      <c r="X4269" s="76"/>
      <c r="Y4269" s="76"/>
      <c r="Z4269" s="76"/>
      <c r="AA4269" s="85"/>
      <c r="AB4269" s="85"/>
      <c r="AC4269" s="85"/>
      <c r="AD4269" s="85"/>
      <c r="AE4269" s="85"/>
      <c r="AF4269" s="85"/>
      <c r="AG4269" s="86"/>
      <c r="AH4269" s="85"/>
      <c r="AI4269" s="85"/>
      <c r="AJ4269" s="85"/>
      <c r="AK4269" s="85"/>
      <c r="AL4269" s="85"/>
      <c r="AM4269" s="92"/>
      <c r="AN4269" s="92"/>
      <c r="AO4269" s="92"/>
      <c r="AP4269" s="92"/>
      <c r="AQ4269" s="92"/>
      <c r="AR4269" s="92"/>
      <c r="AS4269" s="92"/>
      <c r="AT4269" s="92"/>
      <c r="AU4269" s="92"/>
      <c r="AV4269" s="92"/>
      <c r="AW4269" s="92"/>
      <c r="AX4269" s="92"/>
      <c r="AY4269" s="92"/>
      <c r="AZ4269" s="93"/>
      <c r="BA4269" s="93"/>
      <c r="BB4269" s="93"/>
      <c r="BC4269" s="93"/>
      <c r="BD4269" s="93"/>
      <c r="BE4269" s="93"/>
      <c r="BF4269" s="93"/>
      <c r="BG4269" s="93"/>
      <c r="BH4269" s="93"/>
      <c r="BI4269" s="93"/>
      <c r="BJ4269" s="93"/>
      <c r="BK4269" s="93"/>
      <c r="BL4269" s="93"/>
    </row>
    <row r="4270" spans="2:64" x14ac:dyDescent="0.2">
      <c r="B4270" s="43"/>
      <c r="C4270" s="73"/>
      <c r="D4270" s="64"/>
      <c r="E4270" s="55"/>
      <c r="F4270" s="74"/>
      <c r="G4270" s="74"/>
      <c r="H4270" s="74"/>
      <c r="I4270" s="75"/>
      <c r="J4270" s="74"/>
      <c r="L4270" s="55"/>
      <c r="M4270" s="234"/>
      <c r="N4270" s="65"/>
      <c r="O4270" s="76"/>
      <c r="P4270" s="76"/>
      <c r="Q4270" s="65"/>
      <c r="R4270" s="76"/>
      <c r="S4270" s="76"/>
      <c r="T4270" s="76"/>
      <c r="U4270" s="76"/>
      <c r="V4270" s="76"/>
      <c r="W4270" s="76"/>
      <c r="X4270" s="76"/>
      <c r="Y4270" s="76"/>
      <c r="Z4270" s="76"/>
      <c r="AA4270" s="85"/>
      <c r="AB4270" s="85"/>
      <c r="AC4270" s="85"/>
      <c r="AD4270" s="85"/>
      <c r="AE4270" s="85"/>
      <c r="AF4270" s="85"/>
      <c r="AG4270" s="86"/>
      <c r="AH4270" s="85"/>
      <c r="AI4270" s="85"/>
      <c r="AJ4270" s="85"/>
      <c r="AK4270" s="85"/>
      <c r="AL4270" s="85"/>
      <c r="AM4270" s="92"/>
      <c r="AN4270" s="92"/>
      <c r="AO4270" s="92"/>
      <c r="AP4270" s="92"/>
      <c r="AQ4270" s="92"/>
      <c r="AR4270" s="92"/>
      <c r="AS4270" s="92"/>
      <c r="AT4270" s="92"/>
      <c r="AU4270" s="92"/>
      <c r="AV4270" s="92"/>
      <c r="AW4270" s="92"/>
      <c r="AX4270" s="92"/>
      <c r="AY4270" s="92"/>
      <c r="AZ4270" s="93"/>
      <c r="BA4270" s="93"/>
      <c r="BB4270" s="93"/>
      <c r="BC4270" s="93"/>
      <c r="BD4270" s="93"/>
      <c r="BE4270" s="93"/>
      <c r="BF4270" s="93"/>
      <c r="BG4270" s="93"/>
      <c r="BH4270" s="93"/>
      <c r="BI4270" s="93"/>
      <c r="BJ4270" s="93"/>
      <c r="BK4270" s="93"/>
      <c r="BL4270" s="93"/>
    </row>
    <row r="4271" spans="2:64" x14ac:dyDescent="0.2">
      <c r="B4271" s="43"/>
      <c r="C4271" s="73"/>
      <c r="D4271" s="64"/>
      <c r="E4271" s="55"/>
      <c r="F4271" s="74"/>
      <c r="G4271" s="74"/>
      <c r="H4271" s="74"/>
      <c r="I4271" s="75"/>
      <c r="J4271" s="74"/>
      <c r="L4271" s="55"/>
      <c r="M4271" s="234"/>
      <c r="N4271" s="65"/>
      <c r="O4271" s="76"/>
      <c r="P4271" s="76"/>
      <c r="Q4271" s="65"/>
      <c r="R4271" s="76"/>
      <c r="S4271" s="76"/>
      <c r="T4271" s="76"/>
      <c r="U4271" s="76"/>
      <c r="V4271" s="76"/>
      <c r="W4271" s="76"/>
      <c r="X4271" s="76"/>
      <c r="Y4271" s="76"/>
      <c r="Z4271" s="76"/>
      <c r="AA4271" s="85"/>
      <c r="AB4271" s="85"/>
      <c r="AC4271" s="85"/>
      <c r="AD4271" s="85"/>
      <c r="AE4271" s="85"/>
      <c r="AF4271" s="85"/>
      <c r="AG4271" s="86"/>
      <c r="AH4271" s="85"/>
      <c r="AI4271" s="85"/>
      <c r="AJ4271" s="85"/>
      <c r="AK4271" s="85"/>
      <c r="AL4271" s="85"/>
      <c r="AM4271" s="92"/>
      <c r="AN4271" s="92"/>
      <c r="AO4271" s="92"/>
      <c r="AP4271" s="92"/>
      <c r="AQ4271" s="92"/>
      <c r="AR4271" s="92"/>
      <c r="AS4271" s="92"/>
      <c r="AT4271" s="92"/>
      <c r="AU4271" s="92"/>
      <c r="AV4271" s="92"/>
      <c r="AW4271" s="92"/>
      <c r="AX4271" s="92"/>
      <c r="AY4271" s="92"/>
      <c r="AZ4271" s="93"/>
      <c r="BA4271" s="93"/>
      <c r="BB4271" s="93"/>
      <c r="BC4271" s="93"/>
      <c r="BD4271" s="93"/>
      <c r="BE4271" s="93"/>
      <c r="BF4271" s="93"/>
      <c r="BG4271" s="93"/>
      <c r="BH4271" s="93"/>
      <c r="BI4271" s="93"/>
      <c r="BJ4271" s="93"/>
      <c r="BK4271" s="93"/>
      <c r="BL4271" s="93"/>
    </row>
    <row r="4272" spans="2:64" x14ac:dyDescent="0.2">
      <c r="B4272" s="43"/>
      <c r="C4272" s="73"/>
      <c r="D4272" s="64"/>
      <c r="E4272" s="55"/>
      <c r="F4272" s="74"/>
      <c r="G4272" s="74"/>
      <c r="H4272" s="74"/>
      <c r="I4272" s="75"/>
      <c r="J4272" s="74"/>
      <c r="L4272" s="55"/>
      <c r="M4272" s="234"/>
      <c r="N4272" s="65"/>
      <c r="O4272" s="76"/>
      <c r="P4272" s="76"/>
      <c r="Q4272" s="65"/>
      <c r="R4272" s="76"/>
      <c r="S4272" s="76"/>
      <c r="T4272" s="76"/>
      <c r="U4272" s="76"/>
      <c r="V4272" s="76"/>
      <c r="W4272" s="76"/>
      <c r="X4272" s="76"/>
      <c r="Y4272" s="76"/>
      <c r="Z4272" s="76"/>
      <c r="AA4272" s="85"/>
      <c r="AB4272" s="85"/>
      <c r="AC4272" s="85"/>
      <c r="AD4272" s="85"/>
      <c r="AE4272" s="85"/>
      <c r="AF4272" s="85"/>
      <c r="AG4272" s="86"/>
      <c r="AH4272" s="85"/>
      <c r="AI4272" s="85"/>
      <c r="AJ4272" s="85"/>
      <c r="AK4272" s="85"/>
      <c r="AL4272" s="85"/>
      <c r="AM4272" s="92"/>
      <c r="AN4272" s="92"/>
      <c r="AO4272" s="92"/>
      <c r="AP4272" s="92"/>
      <c r="AQ4272" s="92"/>
      <c r="AR4272" s="92"/>
      <c r="AS4272" s="92"/>
      <c r="AT4272" s="92"/>
      <c r="AU4272" s="92"/>
      <c r="AV4272" s="92"/>
      <c r="AW4272" s="92"/>
      <c r="AX4272" s="92"/>
      <c r="AY4272" s="92"/>
      <c r="AZ4272" s="93"/>
      <c r="BA4272" s="93"/>
      <c r="BB4272" s="93"/>
      <c r="BC4272" s="93"/>
      <c r="BD4272" s="93"/>
      <c r="BE4272" s="93"/>
      <c r="BF4272" s="93"/>
      <c r="BG4272" s="93"/>
      <c r="BH4272" s="93"/>
      <c r="BI4272" s="93"/>
      <c r="BJ4272" s="93"/>
      <c r="BK4272" s="93"/>
      <c r="BL4272" s="93"/>
    </row>
    <row r="4273" spans="2:64" x14ac:dyDescent="0.2">
      <c r="B4273" s="43"/>
      <c r="C4273" s="73"/>
      <c r="D4273" s="64"/>
      <c r="E4273" s="55"/>
      <c r="F4273" s="74"/>
      <c r="G4273" s="74"/>
      <c r="H4273" s="74"/>
      <c r="I4273" s="75"/>
      <c r="J4273" s="74"/>
      <c r="L4273" s="55"/>
      <c r="M4273" s="234"/>
      <c r="N4273" s="65"/>
      <c r="O4273" s="76"/>
      <c r="P4273" s="76"/>
      <c r="Q4273" s="65"/>
      <c r="R4273" s="76"/>
      <c r="S4273" s="76"/>
      <c r="T4273" s="76"/>
      <c r="U4273" s="76"/>
      <c r="V4273" s="76"/>
      <c r="W4273" s="76"/>
      <c r="X4273" s="76"/>
      <c r="Y4273" s="76"/>
      <c r="Z4273" s="76"/>
      <c r="AA4273" s="85"/>
      <c r="AB4273" s="85"/>
      <c r="AC4273" s="85"/>
      <c r="AD4273" s="85"/>
      <c r="AE4273" s="85"/>
      <c r="AF4273" s="85"/>
      <c r="AG4273" s="86"/>
      <c r="AH4273" s="85"/>
      <c r="AI4273" s="85"/>
      <c r="AJ4273" s="85"/>
      <c r="AK4273" s="85"/>
      <c r="AL4273" s="85"/>
      <c r="AM4273" s="92"/>
      <c r="AN4273" s="92"/>
      <c r="AO4273" s="92"/>
      <c r="AP4273" s="92"/>
      <c r="AQ4273" s="92"/>
      <c r="AR4273" s="92"/>
      <c r="AS4273" s="92"/>
      <c r="AT4273" s="92"/>
      <c r="AU4273" s="92"/>
      <c r="AV4273" s="92"/>
      <c r="AW4273" s="92"/>
      <c r="AX4273" s="92"/>
      <c r="AY4273" s="92"/>
      <c r="AZ4273" s="93"/>
      <c r="BA4273" s="93"/>
      <c r="BB4273" s="93"/>
      <c r="BC4273" s="93"/>
      <c r="BD4273" s="93"/>
      <c r="BE4273" s="93"/>
      <c r="BF4273" s="93"/>
      <c r="BG4273" s="93"/>
      <c r="BH4273" s="93"/>
      <c r="BI4273" s="93"/>
      <c r="BJ4273" s="93"/>
      <c r="BK4273" s="93"/>
      <c r="BL4273" s="93"/>
    </row>
    <row r="4274" spans="2:64" x14ac:dyDescent="0.2">
      <c r="B4274" s="43"/>
      <c r="C4274" s="73"/>
      <c r="D4274" s="64"/>
      <c r="E4274" s="55"/>
      <c r="F4274" s="74"/>
      <c r="G4274" s="74"/>
      <c r="H4274" s="74"/>
      <c r="I4274" s="75"/>
      <c r="J4274" s="74"/>
      <c r="L4274" s="55"/>
      <c r="M4274" s="234"/>
      <c r="N4274" s="65"/>
      <c r="O4274" s="76"/>
      <c r="P4274" s="76"/>
      <c r="Q4274" s="65"/>
      <c r="R4274" s="76"/>
      <c r="S4274" s="76"/>
      <c r="T4274" s="76"/>
      <c r="U4274" s="76"/>
      <c r="V4274" s="76"/>
      <c r="W4274" s="76"/>
      <c r="X4274" s="76"/>
      <c r="Y4274" s="76"/>
      <c r="Z4274" s="76"/>
      <c r="AA4274" s="85"/>
      <c r="AB4274" s="85"/>
      <c r="AC4274" s="85"/>
      <c r="AD4274" s="85"/>
      <c r="AE4274" s="85"/>
      <c r="AF4274" s="85"/>
      <c r="AG4274" s="86"/>
      <c r="AH4274" s="85"/>
      <c r="AI4274" s="85"/>
      <c r="AJ4274" s="85"/>
      <c r="AK4274" s="85"/>
      <c r="AL4274" s="85"/>
      <c r="AM4274" s="92"/>
      <c r="AN4274" s="92"/>
      <c r="AO4274" s="92"/>
      <c r="AP4274" s="92"/>
      <c r="AQ4274" s="92"/>
      <c r="AR4274" s="92"/>
      <c r="AS4274" s="92"/>
      <c r="AT4274" s="92"/>
      <c r="AU4274" s="92"/>
      <c r="AV4274" s="92"/>
      <c r="AW4274" s="92"/>
      <c r="AX4274" s="92"/>
      <c r="AY4274" s="92"/>
      <c r="AZ4274" s="93"/>
      <c r="BA4274" s="93"/>
      <c r="BB4274" s="93"/>
      <c r="BC4274" s="93"/>
      <c r="BD4274" s="93"/>
      <c r="BE4274" s="93"/>
      <c r="BF4274" s="93"/>
      <c r="BG4274" s="93"/>
      <c r="BH4274" s="93"/>
      <c r="BI4274" s="93"/>
      <c r="BJ4274" s="93"/>
      <c r="BK4274" s="93"/>
      <c r="BL4274" s="93"/>
    </row>
    <row r="4275" spans="2:64" x14ac:dyDescent="0.2">
      <c r="B4275" s="43"/>
      <c r="C4275" s="73"/>
      <c r="D4275" s="64"/>
      <c r="E4275" s="55"/>
      <c r="F4275" s="74"/>
      <c r="G4275" s="74"/>
      <c r="H4275" s="74"/>
      <c r="I4275" s="75"/>
      <c r="J4275" s="74"/>
      <c r="L4275" s="55"/>
      <c r="M4275" s="234"/>
      <c r="N4275" s="65"/>
      <c r="O4275" s="76"/>
      <c r="P4275" s="76"/>
      <c r="Q4275" s="65"/>
      <c r="R4275" s="76"/>
      <c r="S4275" s="76"/>
      <c r="T4275" s="76"/>
      <c r="U4275" s="76"/>
      <c r="V4275" s="76"/>
      <c r="W4275" s="76"/>
      <c r="X4275" s="76"/>
      <c r="Y4275" s="76"/>
      <c r="Z4275" s="76"/>
      <c r="AA4275" s="85"/>
      <c r="AB4275" s="85"/>
      <c r="AC4275" s="85"/>
      <c r="AD4275" s="85"/>
      <c r="AE4275" s="85"/>
      <c r="AF4275" s="85"/>
      <c r="AG4275" s="86"/>
      <c r="AH4275" s="85"/>
      <c r="AI4275" s="85"/>
      <c r="AJ4275" s="85"/>
      <c r="AK4275" s="85"/>
      <c r="AL4275" s="85"/>
      <c r="AM4275" s="92"/>
      <c r="AN4275" s="92"/>
      <c r="AO4275" s="92"/>
      <c r="AP4275" s="92"/>
      <c r="AQ4275" s="92"/>
      <c r="AR4275" s="92"/>
      <c r="AS4275" s="92"/>
      <c r="AT4275" s="92"/>
      <c r="AU4275" s="92"/>
      <c r="AV4275" s="92"/>
      <c r="AW4275" s="92"/>
      <c r="AX4275" s="92"/>
      <c r="AY4275" s="92"/>
      <c r="AZ4275" s="93"/>
      <c r="BA4275" s="93"/>
      <c r="BB4275" s="93"/>
      <c r="BC4275" s="93"/>
      <c r="BD4275" s="93"/>
      <c r="BE4275" s="93"/>
      <c r="BF4275" s="93"/>
      <c r="BG4275" s="93"/>
      <c r="BH4275" s="93"/>
      <c r="BI4275" s="93"/>
      <c r="BJ4275" s="93"/>
      <c r="BK4275" s="93"/>
      <c r="BL4275" s="93"/>
    </row>
    <row r="4276" spans="2:64" x14ac:dyDescent="0.2">
      <c r="B4276" s="43"/>
      <c r="C4276" s="73"/>
      <c r="D4276" s="64"/>
      <c r="E4276" s="55"/>
      <c r="F4276" s="74"/>
      <c r="G4276" s="74"/>
      <c r="H4276" s="74"/>
      <c r="I4276" s="75"/>
      <c r="J4276" s="74"/>
      <c r="L4276" s="55"/>
      <c r="M4276" s="234"/>
      <c r="N4276" s="65"/>
      <c r="O4276" s="76"/>
      <c r="P4276" s="76"/>
      <c r="Q4276" s="65"/>
      <c r="R4276" s="76"/>
      <c r="S4276" s="76"/>
      <c r="T4276" s="76"/>
      <c r="U4276" s="76"/>
      <c r="V4276" s="76"/>
      <c r="W4276" s="76"/>
      <c r="X4276" s="76"/>
      <c r="Y4276" s="76"/>
      <c r="Z4276" s="76"/>
      <c r="AA4276" s="85"/>
      <c r="AB4276" s="85"/>
      <c r="AC4276" s="85"/>
      <c r="AD4276" s="85"/>
      <c r="AE4276" s="85"/>
      <c r="AF4276" s="85"/>
      <c r="AG4276" s="86"/>
      <c r="AH4276" s="85"/>
      <c r="AI4276" s="85"/>
      <c r="AJ4276" s="85"/>
      <c r="AK4276" s="85"/>
      <c r="AL4276" s="85"/>
      <c r="AM4276" s="92"/>
      <c r="AN4276" s="92"/>
      <c r="AO4276" s="92"/>
      <c r="AP4276" s="92"/>
      <c r="AQ4276" s="92"/>
      <c r="AR4276" s="92"/>
      <c r="AS4276" s="92"/>
      <c r="AT4276" s="92"/>
      <c r="AU4276" s="92"/>
      <c r="AV4276" s="92"/>
      <c r="AW4276" s="92"/>
      <c r="AX4276" s="92"/>
      <c r="AY4276" s="92"/>
      <c r="AZ4276" s="93"/>
      <c r="BA4276" s="93"/>
      <c r="BB4276" s="93"/>
      <c r="BC4276" s="93"/>
      <c r="BD4276" s="93"/>
      <c r="BE4276" s="93"/>
      <c r="BF4276" s="93"/>
      <c r="BG4276" s="93"/>
      <c r="BH4276" s="93"/>
      <c r="BI4276" s="93"/>
      <c r="BJ4276" s="93"/>
      <c r="BK4276" s="93"/>
      <c r="BL4276" s="93"/>
    </row>
    <row r="4277" spans="2:64" x14ac:dyDescent="0.2">
      <c r="B4277" s="43"/>
      <c r="C4277" s="73"/>
      <c r="D4277" s="64"/>
      <c r="E4277" s="55"/>
      <c r="F4277" s="74"/>
      <c r="G4277" s="74"/>
      <c r="H4277" s="74"/>
      <c r="I4277" s="75"/>
      <c r="J4277" s="74"/>
      <c r="L4277" s="55"/>
      <c r="M4277" s="234"/>
      <c r="N4277" s="65"/>
      <c r="O4277" s="76"/>
      <c r="P4277" s="76"/>
      <c r="Q4277" s="65"/>
      <c r="R4277" s="76"/>
      <c r="S4277" s="76"/>
      <c r="T4277" s="76"/>
      <c r="U4277" s="76"/>
      <c r="V4277" s="76"/>
      <c r="W4277" s="76"/>
      <c r="X4277" s="76"/>
      <c r="Y4277" s="76"/>
      <c r="Z4277" s="76"/>
      <c r="AA4277" s="85"/>
      <c r="AB4277" s="85"/>
      <c r="AC4277" s="85"/>
      <c r="AD4277" s="85"/>
      <c r="AE4277" s="85"/>
      <c r="AF4277" s="85"/>
      <c r="AG4277" s="86"/>
      <c r="AH4277" s="85"/>
      <c r="AI4277" s="85"/>
      <c r="AJ4277" s="85"/>
      <c r="AK4277" s="85"/>
      <c r="AL4277" s="85"/>
      <c r="AM4277" s="92"/>
      <c r="AN4277" s="92"/>
      <c r="AO4277" s="92"/>
      <c r="AP4277" s="92"/>
      <c r="AQ4277" s="92"/>
      <c r="AR4277" s="92"/>
      <c r="AS4277" s="92"/>
      <c r="AT4277" s="92"/>
      <c r="AU4277" s="92"/>
      <c r="AV4277" s="92"/>
      <c r="AW4277" s="92"/>
      <c r="AX4277" s="92"/>
      <c r="AY4277" s="92"/>
      <c r="AZ4277" s="93"/>
      <c r="BA4277" s="93"/>
      <c r="BB4277" s="93"/>
      <c r="BC4277" s="93"/>
      <c r="BD4277" s="93"/>
      <c r="BE4277" s="93"/>
      <c r="BF4277" s="93"/>
      <c r="BG4277" s="93"/>
      <c r="BH4277" s="93"/>
      <c r="BI4277" s="93"/>
      <c r="BJ4277" s="93"/>
      <c r="BK4277" s="93"/>
      <c r="BL4277" s="93"/>
    </row>
    <row r="4278" spans="2:64" x14ac:dyDescent="0.2">
      <c r="B4278" s="43"/>
      <c r="C4278" s="73"/>
      <c r="D4278" s="64"/>
      <c r="E4278" s="55"/>
      <c r="F4278" s="74"/>
      <c r="G4278" s="74"/>
      <c r="H4278" s="74"/>
      <c r="I4278" s="75"/>
      <c r="J4278" s="74"/>
      <c r="L4278" s="55"/>
      <c r="M4278" s="234"/>
      <c r="N4278" s="65"/>
      <c r="O4278" s="76"/>
      <c r="P4278" s="76"/>
      <c r="Q4278" s="65"/>
      <c r="R4278" s="76"/>
      <c r="S4278" s="76"/>
      <c r="T4278" s="76"/>
      <c r="U4278" s="76"/>
      <c r="V4278" s="76"/>
      <c r="W4278" s="76"/>
      <c r="X4278" s="76"/>
      <c r="Y4278" s="76"/>
      <c r="Z4278" s="76"/>
      <c r="AA4278" s="85"/>
      <c r="AB4278" s="85"/>
      <c r="AC4278" s="85"/>
      <c r="AD4278" s="85"/>
      <c r="AE4278" s="85"/>
      <c r="AF4278" s="85"/>
      <c r="AG4278" s="86"/>
      <c r="AH4278" s="85"/>
      <c r="AI4278" s="85"/>
      <c r="AJ4278" s="85"/>
      <c r="AK4278" s="85"/>
      <c r="AL4278" s="85"/>
      <c r="AM4278" s="92"/>
      <c r="AN4278" s="92"/>
      <c r="AO4278" s="92"/>
      <c r="AP4278" s="92"/>
      <c r="AQ4278" s="92"/>
      <c r="AR4278" s="92"/>
      <c r="AS4278" s="92"/>
      <c r="AT4278" s="92"/>
      <c r="AU4278" s="92"/>
      <c r="AV4278" s="92"/>
      <c r="AW4278" s="92"/>
      <c r="AX4278" s="92"/>
      <c r="AY4278" s="92"/>
      <c r="AZ4278" s="93"/>
      <c r="BA4278" s="93"/>
      <c r="BB4278" s="93"/>
      <c r="BC4278" s="93"/>
      <c r="BD4278" s="93"/>
      <c r="BE4278" s="93"/>
      <c r="BF4278" s="93"/>
      <c r="BG4278" s="93"/>
      <c r="BH4278" s="93"/>
      <c r="BI4278" s="93"/>
      <c r="BJ4278" s="93"/>
      <c r="BK4278" s="93"/>
      <c r="BL4278" s="93"/>
    </row>
    <row r="4279" spans="2:64" x14ac:dyDescent="0.2">
      <c r="B4279" s="43"/>
      <c r="C4279" s="73"/>
      <c r="D4279" s="64"/>
      <c r="E4279" s="55"/>
      <c r="F4279" s="74"/>
      <c r="G4279" s="74"/>
      <c r="H4279" s="74"/>
      <c r="I4279" s="75"/>
      <c r="J4279" s="74"/>
      <c r="L4279" s="55"/>
      <c r="M4279" s="234"/>
      <c r="N4279" s="65"/>
      <c r="O4279" s="76"/>
      <c r="P4279" s="76"/>
      <c r="Q4279" s="65"/>
      <c r="R4279" s="76"/>
      <c r="S4279" s="76"/>
      <c r="T4279" s="76"/>
      <c r="U4279" s="76"/>
      <c r="V4279" s="76"/>
      <c r="W4279" s="76"/>
      <c r="X4279" s="76"/>
      <c r="Y4279" s="76"/>
      <c r="Z4279" s="76"/>
      <c r="AA4279" s="85"/>
      <c r="AB4279" s="85"/>
      <c r="AC4279" s="85"/>
      <c r="AD4279" s="85"/>
      <c r="AE4279" s="85"/>
      <c r="AF4279" s="85"/>
      <c r="AG4279" s="86"/>
      <c r="AH4279" s="85"/>
      <c r="AI4279" s="85"/>
      <c r="AJ4279" s="85"/>
      <c r="AK4279" s="85"/>
      <c r="AL4279" s="85"/>
      <c r="AM4279" s="92"/>
      <c r="AN4279" s="92"/>
      <c r="AO4279" s="92"/>
      <c r="AP4279" s="92"/>
      <c r="AQ4279" s="92"/>
      <c r="AR4279" s="92"/>
      <c r="AS4279" s="92"/>
      <c r="AT4279" s="92"/>
      <c r="AU4279" s="92"/>
      <c r="AV4279" s="92"/>
      <c r="AW4279" s="92"/>
      <c r="AX4279" s="92"/>
      <c r="AY4279" s="92"/>
      <c r="AZ4279" s="93"/>
      <c r="BA4279" s="93"/>
      <c r="BB4279" s="93"/>
      <c r="BC4279" s="93"/>
      <c r="BD4279" s="93"/>
      <c r="BE4279" s="93"/>
      <c r="BF4279" s="93"/>
      <c r="BG4279" s="93"/>
      <c r="BH4279" s="93"/>
      <c r="BI4279" s="93"/>
      <c r="BJ4279" s="93"/>
      <c r="BK4279" s="93"/>
      <c r="BL4279" s="93"/>
    </row>
    <row r="4280" spans="2:64" x14ac:dyDescent="0.2">
      <c r="B4280" s="43"/>
      <c r="C4280" s="73"/>
      <c r="D4280" s="64"/>
      <c r="E4280" s="55"/>
      <c r="F4280" s="74"/>
      <c r="G4280" s="74"/>
      <c r="H4280" s="74"/>
      <c r="I4280" s="75"/>
      <c r="J4280" s="74"/>
      <c r="L4280" s="55"/>
      <c r="M4280" s="234"/>
      <c r="N4280" s="65"/>
      <c r="O4280" s="76"/>
      <c r="P4280" s="76"/>
      <c r="Q4280" s="65"/>
      <c r="R4280" s="76"/>
      <c r="S4280" s="76"/>
      <c r="T4280" s="76"/>
      <c r="U4280" s="76"/>
      <c r="V4280" s="76"/>
      <c r="W4280" s="76"/>
      <c r="X4280" s="76"/>
      <c r="Y4280" s="76"/>
      <c r="Z4280" s="76"/>
      <c r="AA4280" s="85"/>
      <c r="AB4280" s="85"/>
      <c r="AC4280" s="85"/>
      <c r="AD4280" s="85"/>
      <c r="AE4280" s="85"/>
      <c r="AF4280" s="85"/>
      <c r="AG4280" s="86"/>
      <c r="AH4280" s="85"/>
      <c r="AI4280" s="85"/>
      <c r="AJ4280" s="85"/>
      <c r="AK4280" s="85"/>
      <c r="AL4280" s="85"/>
      <c r="AM4280" s="92"/>
      <c r="AN4280" s="92"/>
      <c r="AO4280" s="92"/>
      <c r="AP4280" s="92"/>
      <c r="AQ4280" s="92"/>
      <c r="AR4280" s="92"/>
      <c r="AS4280" s="92"/>
      <c r="AT4280" s="92"/>
      <c r="AU4280" s="92"/>
      <c r="AV4280" s="92"/>
      <c r="AW4280" s="92"/>
      <c r="AX4280" s="92"/>
      <c r="AY4280" s="92"/>
      <c r="AZ4280" s="93"/>
      <c r="BA4280" s="93"/>
      <c r="BB4280" s="93"/>
      <c r="BC4280" s="93"/>
      <c r="BD4280" s="93"/>
      <c r="BE4280" s="93"/>
      <c r="BF4280" s="93"/>
      <c r="BG4280" s="93"/>
      <c r="BH4280" s="93"/>
      <c r="BI4280" s="93"/>
      <c r="BJ4280" s="93"/>
      <c r="BK4280" s="93"/>
      <c r="BL4280" s="93"/>
    </row>
    <row r="4281" spans="2:64" x14ac:dyDescent="0.2">
      <c r="B4281" s="43"/>
      <c r="C4281" s="73"/>
      <c r="D4281" s="64"/>
      <c r="E4281" s="55"/>
      <c r="F4281" s="74"/>
      <c r="G4281" s="74"/>
      <c r="H4281" s="74"/>
      <c r="I4281" s="75"/>
      <c r="J4281" s="74"/>
      <c r="L4281" s="55"/>
      <c r="M4281" s="234"/>
      <c r="N4281" s="65"/>
      <c r="O4281" s="76"/>
      <c r="P4281" s="76"/>
      <c r="Q4281" s="65"/>
      <c r="R4281" s="76"/>
      <c r="S4281" s="76"/>
      <c r="T4281" s="76"/>
      <c r="U4281" s="76"/>
      <c r="V4281" s="76"/>
      <c r="W4281" s="76"/>
      <c r="X4281" s="76"/>
      <c r="Y4281" s="76"/>
      <c r="Z4281" s="76"/>
      <c r="AA4281" s="85"/>
      <c r="AB4281" s="85"/>
      <c r="AC4281" s="85"/>
      <c r="AD4281" s="85"/>
      <c r="AE4281" s="85"/>
      <c r="AF4281" s="85"/>
      <c r="AG4281" s="86"/>
      <c r="AH4281" s="85"/>
      <c r="AI4281" s="85"/>
      <c r="AJ4281" s="85"/>
      <c r="AK4281" s="85"/>
      <c r="AL4281" s="85"/>
      <c r="AM4281" s="92"/>
      <c r="AN4281" s="92"/>
      <c r="AO4281" s="92"/>
      <c r="AP4281" s="92"/>
      <c r="AQ4281" s="92"/>
      <c r="AR4281" s="92"/>
      <c r="AS4281" s="92"/>
      <c r="AT4281" s="92"/>
      <c r="AU4281" s="92"/>
      <c r="AV4281" s="92"/>
      <c r="AW4281" s="92"/>
      <c r="AX4281" s="92"/>
      <c r="AY4281" s="92"/>
      <c r="AZ4281" s="93"/>
      <c r="BA4281" s="93"/>
      <c r="BB4281" s="93"/>
      <c r="BC4281" s="93"/>
      <c r="BD4281" s="93"/>
      <c r="BE4281" s="93"/>
      <c r="BF4281" s="93"/>
      <c r="BG4281" s="93"/>
      <c r="BH4281" s="93"/>
      <c r="BI4281" s="93"/>
      <c r="BJ4281" s="93"/>
      <c r="BK4281" s="93"/>
      <c r="BL4281" s="93"/>
    </row>
    <row r="4282" spans="2:64" x14ac:dyDescent="0.2">
      <c r="B4282" s="43"/>
      <c r="C4282" s="73"/>
      <c r="D4282" s="64"/>
      <c r="E4282" s="55"/>
      <c r="F4282" s="74"/>
      <c r="G4282" s="74"/>
      <c r="H4282" s="74"/>
      <c r="I4282" s="75"/>
      <c r="J4282" s="74"/>
      <c r="L4282" s="55"/>
      <c r="M4282" s="234"/>
      <c r="N4282" s="65"/>
      <c r="O4282" s="76"/>
      <c r="P4282" s="76"/>
      <c r="Q4282" s="65"/>
      <c r="R4282" s="76"/>
      <c r="S4282" s="76"/>
      <c r="T4282" s="76"/>
      <c r="U4282" s="76"/>
      <c r="V4282" s="76"/>
      <c r="W4282" s="76"/>
      <c r="X4282" s="76"/>
      <c r="Y4282" s="76"/>
      <c r="Z4282" s="76"/>
      <c r="AA4282" s="85"/>
      <c r="AB4282" s="85"/>
      <c r="AC4282" s="85"/>
      <c r="AD4282" s="85"/>
      <c r="AE4282" s="85"/>
      <c r="AF4282" s="85"/>
      <c r="AG4282" s="86"/>
      <c r="AH4282" s="85"/>
      <c r="AI4282" s="85"/>
      <c r="AJ4282" s="85"/>
      <c r="AK4282" s="85"/>
      <c r="AL4282" s="85"/>
      <c r="AM4282" s="92"/>
      <c r="AN4282" s="92"/>
      <c r="AO4282" s="92"/>
      <c r="AP4282" s="92"/>
      <c r="AQ4282" s="92"/>
      <c r="AR4282" s="92"/>
      <c r="AS4282" s="92"/>
      <c r="AT4282" s="92"/>
      <c r="AU4282" s="92"/>
      <c r="AV4282" s="92"/>
      <c r="AW4282" s="92"/>
      <c r="AX4282" s="92"/>
      <c r="AY4282" s="92"/>
      <c r="AZ4282" s="93"/>
      <c r="BA4282" s="93"/>
      <c r="BB4282" s="93"/>
      <c r="BC4282" s="93"/>
      <c r="BD4282" s="93"/>
      <c r="BE4282" s="93"/>
      <c r="BF4282" s="93"/>
      <c r="BG4282" s="93"/>
      <c r="BH4282" s="93"/>
      <c r="BI4282" s="93"/>
      <c r="BJ4282" s="93"/>
      <c r="BK4282" s="93"/>
      <c r="BL4282" s="93"/>
    </row>
    <row r="4283" spans="2:64" x14ac:dyDescent="0.2">
      <c r="B4283" s="43"/>
      <c r="C4283" s="73"/>
      <c r="D4283" s="64"/>
      <c r="E4283" s="55"/>
      <c r="F4283" s="74"/>
      <c r="G4283" s="74"/>
      <c r="H4283" s="74"/>
      <c r="I4283" s="75"/>
      <c r="J4283" s="74"/>
      <c r="L4283" s="55"/>
      <c r="M4283" s="234"/>
      <c r="N4283" s="65"/>
      <c r="O4283" s="76"/>
      <c r="P4283" s="76"/>
      <c r="Q4283" s="65"/>
      <c r="R4283" s="76"/>
      <c r="S4283" s="76"/>
      <c r="T4283" s="76"/>
      <c r="U4283" s="76"/>
      <c r="V4283" s="76"/>
      <c r="W4283" s="76"/>
      <c r="X4283" s="76"/>
      <c r="Y4283" s="76"/>
      <c r="Z4283" s="76"/>
      <c r="AA4283" s="85"/>
      <c r="AB4283" s="85"/>
      <c r="AC4283" s="85"/>
      <c r="AD4283" s="85"/>
      <c r="AE4283" s="85"/>
      <c r="AF4283" s="85"/>
      <c r="AG4283" s="86"/>
      <c r="AH4283" s="85"/>
      <c r="AI4283" s="85"/>
      <c r="AJ4283" s="85"/>
      <c r="AK4283" s="85"/>
      <c r="AL4283" s="85"/>
      <c r="AM4283" s="92"/>
      <c r="AN4283" s="92"/>
      <c r="AO4283" s="92"/>
      <c r="AP4283" s="92"/>
      <c r="AQ4283" s="92"/>
      <c r="AR4283" s="92"/>
      <c r="AS4283" s="92"/>
      <c r="AT4283" s="92"/>
      <c r="AU4283" s="92"/>
      <c r="AV4283" s="92"/>
      <c r="AW4283" s="92"/>
      <c r="AX4283" s="92"/>
      <c r="AY4283" s="92"/>
      <c r="AZ4283" s="93"/>
      <c r="BA4283" s="93"/>
      <c r="BB4283" s="93"/>
      <c r="BC4283" s="93"/>
      <c r="BD4283" s="93"/>
      <c r="BE4283" s="93"/>
      <c r="BF4283" s="93"/>
      <c r="BG4283" s="93"/>
      <c r="BH4283" s="93"/>
      <c r="BI4283" s="93"/>
      <c r="BJ4283" s="93"/>
      <c r="BK4283" s="93"/>
      <c r="BL4283" s="93"/>
    </row>
    <row r="4284" spans="2:64" x14ac:dyDescent="0.2">
      <c r="B4284" s="43"/>
      <c r="C4284" s="73"/>
      <c r="D4284" s="64"/>
      <c r="E4284" s="55"/>
      <c r="F4284" s="74"/>
      <c r="G4284" s="74"/>
      <c r="H4284" s="74"/>
      <c r="I4284" s="75"/>
      <c r="J4284" s="74"/>
      <c r="L4284" s="55"/>
      <c r="M4284" s="234"/>
      <c r="N4284" s="65"/>
      <c r="O4284" s="76"/>
      <c r="P4284" s="76"/>
      <c r="Q4284" s="65"/>
      <c r="R4284" s="76"/>
      <c r="S4284" s="76"/>
      <c r="T4284" s="76"/>
      <c r="U4284" s="76"/>
      <c r="V4284" s="76"/>
      <c r="W4284" s="76"/>
      <c r="X4284" s="76"/>
      <c r="Y4284" s="76"/>
      <c r="Z4284" s="76"/>
      <c r="AA4284" s="85"/>
      <c r="AB4284" s="85"/>
      <c r="AC4284" s="85"/>
      <c r="AD4284" s="85"/>
      <c r="AE4284" s="85"/>
      <c r="AF4284" s="85"/>
      <c r="AG4284" s="86"/>
      <c r="AH4284" s="85"/>
      <c r="AI4284" s="85"/>
      <c r="AJ4284" s="85"/>
      <c r="AK4284" s="85"/>
      <c r="AL4284" s="85"/>
      <c r="AM4284" s="92"/>
      <c r="AN4284" s="92"/>
      <c r="AO4284" s="92"/>
      <c r="AP4284" s="92"/>
      <c r="AQ4284" s="92"/>
      <c r="AR4284" s="92"/>
      <c r="AS4284" s="92"/>
      <c r="AT4284" s="92"/>
      <c r="AU4284" s="92"/>
      <c r="AV4284" s="92"/>
      <c r="AW4284" s="92"/>
      <c r="AX4284" s="92"/>
      <c r="AY4284" s="92"/>
      <c r="AZ4284" s="93"/>
      <c r="BA4284" s="93"/>
      <c r="BB4284" s="93"/>
      <c r="BC4284" s="93"/>
      <c r="BD4284" s="93"/>
      <c r="BE4284" s="93"/>
      <c r="BF4284" s="93"/>
      <c r="BG4284" s="93"/>
      <c r="BH4284" s="93"/>
      <c r="BI4284" s="93"/>
      <c r="BJ4284" s="93"/>
      <c r="BK4284" s="93"/>
      <c r="BL4284" s="93"/>
    </row>
    <row r="4285" spans="2:64" x14ac:dyDescent="0.2">
      <c r="B4285" s="43"/>
      <c r="C4285" s="73"/>
      <c r="D4285" s="64"/>
      <c r="E4285" s="55"/>
      <c r="F4285" s="74"/>
      <c r="G4285" s="74"/>
      <c r="H4285" s="74"/>
      <c r="I4285" s="75"/>
      <c r="J4285" s="74"/>
      <c r="L4285" s="55"/>
      <c r="M4285" s="234"/>
      <c r="N4285" s="65"/>
      <c r="O4285" s="76"/>
      <c r="P4285" s="76"/>
      <c r="Q4285" s="65"/>
      <c r="R4285" s="76"/>
      <c r="S4285" s="76"/>
      <c r="T4285" s="76"/>
      <c r="U4285" s="76"/>
      <c r="V4285" s="76"/>
      <c r="W4285" s="76"/>
      <c r="X4285" s="76"/>
      <c r="Y4285" s="76"/>
      <c r="Z4285" s="76"/>
      <c r="AA4285" s="85"/>
      <c r="AB4285" s="85"/>
      <c r="AC4285" s="85"/>
      <c r="AD4285" s="85"/>
      <c r="AE4285" s="85"/>
      <c r="AF4285" s="85"/>
      <c r="AG4285" s="86"/>
      <c r="AH4285" s="85"/>
      <c r="AI4285" s="85"/>
      <c r="AJ4285" s="85"/>
      <c r="AK4285" s="85"/>
      <c r="AL4285" s="85"/>
      <c r="AM4285" s="92"/>
      <c r="AN4285" s="92"/>
      <c r="AO4285" s="92"/>
      <c r="AP4285" s="92"/>
      <c r="AQ4285" s="92"/>
      <c r="AR4285" s="92"/>
      <c r="AS4285" s="92"/>
      <c r="AT4285" s="92"/>
      <c r="AU4285" s="92"/>
      <c r="AV4285" s="92"/>
      <c r="AW4285" s="92"/>
      <c r="AX4285" s="92"/>
      <c r="AY4285" s="92"/>
      <c r="AZ4285" s="93"/>
      <c r="BA4285" s="93"/>
      <c r="BB4285" s="93"/>
      <c r="BC4285" s="93"/>
      <c r="BD4285" s="93"/>
      <c r="BE4285" s="93"/>
      <c r="BF4285" s="93"/>
      <c r="BG4285" s="93"/>
      <c r="BH4285" s="93"/>
      <c r="BI4285" s="93"/>
      <c r="BJ4285" s="93"/>
      <c r="BK4285" s="93"/>
      <c r="BL4285" s="93"/>
    </row>
    <row r="4286" spans="2:64" x14ac:dyDescent="0.2">
      <c r="B4286" s="43"/>
      <c r="C4286" s="73"/>
      <c r="D4286" s="64"/>
      <c r="E4286" s="55"/>
      <c r="F4286" s="74"/>
      <c r="G4286" s="74"/>
      <c r="H4286" s="74"/>
      <c r="I4286" s="75"/>
      <c r="J4286" s="74"/>
      <c r="L4286" s="55"/>
      <c r="M4286" s="234"/>
      <c r="N4286" s="65"/>
      <c r="O4286" s="76"/>
      <c r="P4286" s="76"/>
      <c r="Q4286" s="65"/>
      <c r="R4286" s="76"/>
      <c r="S4286" s="76"/>
      <c r="T4286" s="76"/>
      <c r="U4286" s="76"/>
      <c r="V4286" s="76"/>
      <c r="W4286" s="76"/>
      <c r="X4286" s="76"/>
      <c r="Y4286" s="76"/>
      <c r="Z4286" s="76"/>
      <c r="AA4286" s="85"/>
      <c r="AB4286" s="85"/>
      <c r="AC4286" s="85"/>
      <c r="AD4286" s="85"/>
      <c r="AE4286" s="85"/>
      <c r="AF4286" s="85"/>
      <c r="AG4286" s="86"/>
      <c r="AH4286" s="85"/>
      <c r="AI4286" s="85"/>
      <c r="AJ4286" s="85"/>
      <c r="AK4286" s="85"/>
      <c r="AL4286" s="85"/>
      <c r="AM4286" s="92"/>
      <c r="AN4286" s="92"/>
      <c r="AO4286" s="92"/>
      <c r="AP4286" s="92"/>
      <c r="AQ4286" s="92"/>
      <c r="AR4286" s="92"/>
      <c r="AS4286" s="92"/>
      <c r="AT4286" s="92"/>
      <c r="AU4286" s="92"/>
      <c r="AV4286" s="92"/>
      <c r="AW4286" s="92"/>
      <c r="AX4286" s="92"/>
      <c r="AY4286" s="92"/>
      <c r="AZ4286" s="93"/>
      <c r="BA4286" s="93"/>
      <c r="BB4286" s="93"/>
      <c r="BC4286" s="93"/>
      <c r="BD4286" s="93"/>
      <c r="BE4286" s="93"/>
      <c r="BF4286" s="93"/>
      <c r="BG4286" s="93"/>
      <c r="BH4286" s="93"/>
      <c r="BI4286" s="93"/>
      <c r="BJ4286" s="93"/>
      <c r="BK4286" s="93"/>
      <c r="BL4286" s="93"/>
    </row>
    <row r="4287" spans="2:64" x14ac:dyDescent="0.2">
      <c r="B4287" s="43"/>
      <c r="C4287" s="73"/>
      <c r="D4287" s="64"/>
      <c r="E4287" s="55"/>
      <c r="F4287" s="74"/>
      <c r="G4287" s="74"/>
      <c r="H4287" s="74"/>
      <c r="I4287" s="75"/>
      <c r="J4287" s="74"/>
      <c r="L4287" s="55"/>
      <c r="M4287" s="234"/>
      <c r="N4287" s="65"/>
      <c r="O4287" s="76"/>
      <c r="P4287" s="76"/>
      <c r="Q4287" s="65"/>
      <c r="R4287" s="76"/>
      <c r="S4287" s="76"/>
      <c r="T4287" s="76"/>
      <c r="U4287" s="76"/>
      <c r="V4287" s="76"/>
      <c r="W4287" s="76"/>
      <c r="X4287" s="76"/>
      <c r="Y4287" s="76"/>
      <c r="Z4287" s="76"/>
      <c r="AA4287" s="85"/>
      <c r="AB4287" s="85"/>
      <c r="AC4287" s="85"/>
      <c r="AD4287" s="85"/>
      <c r="AE4287" s="85"/>
      <c r="AF4287" s="85"/>
      <c r="AG4287" s="86"/>
      <c r="AH4287" s="85"/>
      <c r="AI4287" s="85"/>
      <c r="AJ4287" s="85"/>
      <c r="AK4287" s="85"/>
      <c r="AL4287" s="85"/>
      <c r="AM4287" s="92"/>
      <c r="AN4287" s="92"/>
      <c r="AO4287" s="92"/>
      <c r="AP4287" s="92"/>
      <c r="AQ4287" s="92"/>
      <c r="AR4287" s="92"/>
      <c r="AS4287" s="92"/>
      <c r="AT4287" s="92"/>
      <c r="AU4287" s="92"/>
      <c r="AV4287" s="92"/>
      <c r="AW4287" s="92"/>
      <c r="AX4287" s="92"/>
      <c r="AY4287" s="92"/>
      <c r="AZ4287" s="93"/>
      <c r="BA4287" s="93"/>
      <c r="BB4287" s="93"/>
      <c r="BC4287" s="93"/>
      <c r="BD4287" s="93"/>
      <c r="BE4287" s="93"/>
      <c r="BF4287" s="93"/>
      <c r="BG4287" s="93"/>
      <c r="BH4287" s="93"/>
      <c r="BI4287" s="93"/>
      <c r="BJ4287" s="93"/>
      <c r="BK4287" s="93"/>
      <c r="BL4287" s="93"/>
    </row>
    <row r="4288" spans="2:64" x14ac:dyDescent="0.2">
      <c r="B4288" s="43"/>
      <c r="C4288" s="73"/>
      <c r="D4288" s="64"/>
      <c r="E4288" s="55"/>
      <c r="F4288" s="74"/>
      <c r="G4288" s="74"/>
      <c r="H4288" s="74"/>
      <c r="I4288" s="75"/>
      <c r="J4288" s="74"/>
      <c r="L4288" s="55"/>
      <c r="M4288" s="234"/>
      <c r="N4288" s="65"/>
      <c r="O4288" s="76"/>
      <c r="P4288" s="76"/>
      <c r="Q4288" s="65"/>
      <c r="R4288" s="76"/>
      <c r="S4288" s="76"/>
      <c r="T4288" s="76"/>
      <c r="U4288" s="76"/>
      <c r="V4288" s="76"/>
      <c r="W4288" s="76"/>
      <c r="X4288" s="76"/>
      <c r="Y4288" s="76"/>
      <c r="Z4288" s="76"/>
      <c r="AA4288" s="85"/>
      <c r="AB4288" s="85"/>
      <c r="AC4288" s="85"/>
      <c r="AD4288" s="85"/>
      <c r="AE4288" s="85"/>
      <c r="AF4288" s="85"/>
      <c r="AG4288" s="86"/>
      <c r="AH4288" s="85"/>
      <c r="AI4288" s="85"/>
      <c r="AJ4288" s="85"/>
      <c r="AK4288" s="85"/>
      <c r="AL4288" s="85"/>
      <c r="AM4288" s="92"/>
      <c r="AN4288" s="92"/>
      <c r="AO4288" s="92"/>
      <c r="AP4288" s="92"/>
      <c r="AQ4288" s="92"/>
      <c r="AR4288" s="92"/>
      <c r="AS4288" s="92"/>
      <c r="AT4288" s="92"/>
      <c r="AU4288" s="92"/>
      <c r="AV4288" s="92"/>
      <c r="AW4288" s="92"/>
      <c r="AX4288" s="92"/>
      <c r="AY4288" s="92"/>
      <c r="AZ4288" s="93"/>
      <c r="BA4288" s="93"/>
      <c r="BB4288" s="93"/>
      <c r="BC4288" s="93"/>
      <c r="BD4288" s="93"/>
      <c r="BE4288" s="93"/>
      <c r="BF4288" s="93"/>
      <c r="BG4288" s="93"/>
      <c r="BH4288" s="93"/>
      <c r="BI4288" s="93"/>
      <c r="BJ4288" s="93"/>
      <c r="BK4288" s="93"/>
      <c r="BL4288" s="93"/>
    </row>
    <row r="4289" spans="2:64" x14ac:dyDescent="0.2">
      <c r="B4289" s="43"/>
      <c r="C4289" s="73"/>
      <c r="D4289" s="64"/>
      <c r="E4289" s="55"/>
      <c r="F4289" s="74"/>
      <c r="G4289" s="74"/>
      <c r="H4289" s="74"/>
      <c r="I4289" s="75"/>
      <c r="J4289" s="74"/>
      <c r="L4289" s="55"/>
      <c r="M4289" s="234"/>
      <c r="N4289" s="65"/>
      <c r="O4289" s="76"/>
      <c r="P4289" s="76"/>
      <c r="Q4289" s="65"/>
      <c r="R4289" s="76"/>
      <c r="S4289" s="76"/>
      <c r="T4289" s="76"/>
      <c r="U4289" s="76"/>
      <c r="V4289" s="76"/>
      <c r="W4289" s="76"/>
      <c r="X4289" s="76"/>
      <c r="Y4289" s="76"/>
      <c r="Z4289" s="76"/>
      <c r="AA4289" s="85"/>
      <c r="AB4289" s="85"/>
      <c r="AC4289" s="85"/>
      <c r="AD4289" s="85"/>
      <c r="AE4289" s="85"/>
      <c r="AF4289" s="85"/>
      <c r="AG4289" s="86"/>
      <c r="AH4289" s="85"/>
      <c r="AI4289" s="85"/>
      <c r="AJ4289" s="85"/>
      <c r="AK4289" s="85"/>
      <c r="AL4289" s="85"/>
      <c r="AM4289" s="92"/>
      <c r="AN4289" s="92"/>
      <c r="AO4289" s="92"/>
      <c r="AP4289" s="92"/>
      <c r="AQ4289" s="92"/>
      <c r="AR4289" s="92"/>
      <c r="AS4289" s="92"/>
      <c r="AT4289" s="92"/>
      <c r="AU4289" s="92"/>
      <c r="AV4289" s="92"/>
      <c r="AW4289" s="92"/>
      <c r="AX4289" s="92"/>
      <c r="AY4289" s="92"/>
      <c r="AZ4289" s="93"/>
      <c r="BA4289" s="93"/>
      <c r="BB4289" s="93"/>
      <c r="BC4289" s="93"/>
      <c r="BD4289" s="93"/>
      <c r="BE4289" s="93"/>
      <c r="BF4289" s="93"/>
      <c r="BG4289" s="93"/>
      <c r="BH4289" s="93"/>
      <c r="BI4289" s="93"/>
      <c r="BJ4289" s="93"/>
      <c r="BK4289" s="93"/>
      <c r="BL4289" s="93"/>
    </row>
    <row r="4290" spans="2:64" x14ac:dyDescent="0.2">
      <c r="B4290" s="43"/>
      <c r="C4290" s="73"/>
      <c r="D4290" s="64"/>
      <c r="E4290" s="55"/>
      <c r="F4290" s="74"/>
      <c r="G4290" s="74"/>
      <c r="H4290" s="74"/>
      <c r="I4290" s="75"/>
      <c r="J4290" s="74"/>
      <c r="L4290" s="55"/>
      <c r="M4290" s="234"/>
      <c r="N4290" s="65"/>
      <c r="O4290" s="76"/>
      <c r="P4290" s="76"/>
      <c r="Q4290" s="65"/>
      <c r="R4290" s="76"/>
      <c r="S4290" s="76"/>
      <c r="T4290" s="76"/>
      <c r="U4290" s="76"/>
      <c r="V4290" s="76"/>
      <c r="W4290" s="76"/>
      <c r="X4290" s="76"/>
      <c r="Y4290" s="76"/>
      <c r="Z4290" s="76"/>
      <c r="AA4290" s="85"/>
      <c r="AB4290" s="85"/>
      <c r="AC4290" s="85"/>
      <c r="AD4290" s="85"/>
      <c r="AE4290" s="85"/>
      <c r="AF4290" s="85"/>
      <c r="AG4290" s="86"/>
      <c r="AH4290" s="85"/>
      <c r="AI4290" s="85"/>
      <c r="AJ4290" s="85"/>
      <c r="AK4290" s="85"/>
      <c r="AL4290" s="85"/>
      <c r="AM4290" s="92"/>
      <c r="AN4290" s="92"/>
      <c r="AO4290" s="92"/>
      <c r="AP4290" s="92"/>
      <c r="AQ4290" s="92"/>
      <c r="AR4290" s="92"/>
      <c r="AS4290" s="92"/>
      <c r="AT4290" s="92"/>
      <c r="AU4290" s="92"/>
      <c r="AV4290" s="92"/>
      <c r="AW4290" s="92"/>
      <c r="AX4290" s="92"/>
      <c r="AY4290" s="92"/>
      <c r="AZ4290" s="93"/>
      <c r="BA4290" s="93"/>
      <c r="BB4290" s="93"/>
      <c r="BC4290" s="93"/>
      <c r="BD4290" s="93"/>
      <c r="BE4290" s="93"/>
      <c r="BF4290" s="93"/>
      <c r="BG4290" s="93"/>
      <c r="BH4290" s="93"/>
      <c r="BI4290" s="93"/>
      <c r="BJ4290" s="93"/>
      <c r="BK4290" s="93"/>
      <c r="BL4290" s="93"/>
    </row>
    <row r="4291" spans="2:64" x14ac:dyDescent="0.2">
      <c r="B4291" s="43"/>
      <c r="C4291" s="73"/>
      <c r="D4291" s="64"/>
      <c r="E4291" s="55"/>
      <c r="F4291" s="74"/>
      <c r="G4291" s="74"/>
      <c r="H4291" s="74"/>
      <c r="I4291" s="75"/>
      <c r="J4291" s="74"/>
      <c r="L4291" s="55"/>
      <c r="M4291" s="234"/>
      <c r="N4291" s="65"/>
      <c r="O4291" s="76"/>
      <c r="P4291" s="76"/>
      <c r="Q4291" s="65"/>
      <c r="R4291" s="76"/>
      <c r="S4291" s="76"/>
      <c r="T4291" s="76"/>
      <c r="U4291" s="76"/>
      <c r="V4291" s="76"/>
      <c r="W4291" s="76"/>
      <c r="X4291" s="76"/>
      <c r="Y4291" s="76"/>
      <c r="Z4291" s="76"/>
      <c r="AA4291" s="85"/>
      <c r="AB4291" s="85"/>
      <c r="AC4291" s="85"/>
      <c r="AD4291" s="85"/>
      <c r="AE4291" s="85"/>
      <c r="AF4291" s="85"/>
      <c r="AG4291" s="86"/>
      <c r="AH4291" s="85"/>
      <c r="AI4291" s="85"/>
      <c r="AJ4291" s="85"/>
      <c r="AK4291" s="85"/>
      <c r="AL4291" s="85"/>
      <c r="AM4291" s="92"/>
      <c r="AN4291" s="92"/>
      <c r="AO4291" s="92"/>
      <c r="AP4291" s="92"/>
      <c r="AQ4291" s="92"/>
      <c r="AR4291" s="92"/>
      <c r="AS4291" s="92"/>
      <c r="AT4291" s="92"/>
      <c r="AU4291" s="92"/>
      <c r="AV4291" s="92"/>
      <c r="AW4291" s="92"/>
      <c r="AX4291" s="92"/>
      <c r="AY4291" s="92"/>
      <c r="AZ4291" s="93"/>
      <c r="BA4291" s="93"/>
      <c r="BB4291" s="93"/>
      <c r="BC4291" s="93"/>
      <c r="BD4291" s="93"/>
      <c r="BE4291" s="93"/>
      <c r="BF4291" s="93"/>
      <c r="BG4291" s="93"/>
      <c r="BH4291" s="93"/>
      <c r="BI4291" s="93"/>
      <c r="BJ4291" s="93"/>
      <c r="BK4291" s="93"/>
      <c r="BL4291" s="93"/>
    </row>
    <row r="4292" spans="2:64" x14ac:dyDescent="0.2">
      <c r="B4292" s="43"/>
      <c r="C4292" s="73"/>
      <c r="D4292" s="64"/>
      <c r="E4292" s="55"/>
      <c r="F4292" s="74"/>
      <c r="G4292" s="74"/>
      <c r="H4292" s="74"/>
      <c r="I4292" s="75"/>
      <c r="J4292" s="74"/>
      <c r="L4292" s="55"/>
      <c r="M4292" s="234"/>
      <c r="N4292" s="65"/>
      <c r="O4292" s="76"/>
      <c r="P4292" s="76"/>
      <c r="Q4292" s="65"/>
      <c r="R4292" s="76"/>
      <c r="S4292" s="76"/>
      <c r="T4292" s="76"/>
      <c r="U4292" s="76"/>
      <c r="V4292" s="76"/>
      <c r="W4292" s="76"/>
      <c r="X4292" s="76"/>
      <c r="Y4292" s="76"/>
      <c r="Z4292" s="76"/>
      <c r="AA4292" s="85"/>
      <c r="AB4292" s="85"/>
      <c r="AC4292" s="85"/>
      <c r="AD4292" s="85"/>
      <c r="AE4292" s="85"/>
      <c r="AF4292" s="85"/>
      <c r="AG4292" s="86"/>
      <c r="AH4292" s="85"/>
      <c r="AI4292" s="85"/>
      <c r="AJ4292" s="85"/>
      <c r="AK4292" s="85"/>
      <c r="AL4292" s="85"/>
      <c r="AM4292" s="92"/>
      <c r="AN4292" s="92"/>
      <c r="AO4292" s="92"/>
      <c r="AP4292" s="92"/>
      <c r="AQ4292" s="92"/>
      <c r="AR4292" s="92"/>
      <c r="AS4292" s="92"/>
      <c r="AT4292" s="92"/>
      <c r="AU4292" s="92"/>
      <c r="AV4292" s="92"/>
      <c r="AW4292" s="92"/>
      <c r="AX4292" s="92"/>
      <c r="AY4292" s="92"/>
      <c r="AZ4292" s="93"/>
      <c r="BA4292" s="93"/>
      <c r="BB4292" s="93"/>
      <c r="BC4292" s="93"/>
      <c r="BD4292" s="93"/>
      <c r="BE4292" s="93"/>
      <c r="BF4292" s="93"/>
      <c r="BG4292" s="93"/>
      <c r="BH4292" s="93"/>
      <c r="BI4292" s="93"/>
      <c r="BJ4292" s="93"/>
      <c r="BK4292" s="93"/>
      <c r="BL4292" s="93"/>
    </row>
    <row r="4293" spans="2:64" x14ac:dyDescent="0.2">
      <c r="B4293" s="43"/>
      <c r="C4293" s="73"/>
      <c r="D4293" s="64"/>
      <c r="E4293" s="55"/>
      <c r="F4293" s="74"/>
      <c r="G4293" s="74"/>
      <c r="H4293" s="74"/>
      <c r="I4293" s="75"/>
      <c r="J4293" s="74"/>
      <c r="L4293" s="55"/>
      <c r="M4293" s="234"/>
      <c r="N4293" s="65"/>
      <c r="O4293" s="76"/>
      <c r="P4293" s="76"/>
      <c r="Q4293" s="65"/>
      <c r="R4293" s="76"/>
      <c r="S4293" s="76"/>
      <c r="T4293" s="76"/>
      <c r="U4293" s="76"/>
      <c r="V4293" s="76"/>
      <c r="W4293" s="76"/>
      <c r="X4293" s="76"/>
      <c r="Y4293" s="76"/>
      <c r="Z4293" s="76"/>
      <c r="AA4293" s="85"/>
      <c r="AB4293" s="85"/>
      <c r="AC4293" s="85"/>
      <c r="AD4293" s="85"/>
      <c r="AE4293" s="85"/>
      <c r="AF4293" s="85"/>
      <c r="AG4293" s="86"/>
      <c r="AH4293" s="85"/>
      <c r="AI4293" s="85"/>
      <c r="AJ4293" s="85"/>
      <c r="AK4293" s="85"/>
      <c r="AL4293" s="85"/>
      <c r="AM4293" s="92"/>
      <c r="AN4293" s="92"/>
      <c r="AO4293" s="92"/>
      <c r="AP4293" s="92"/>
      <c r="AQ4293" s="92"/>
      <c r="AR4293" s="92"/>
      <c r="AS4293" s="92"/>
      <c r="AT4293" s="92"/>
      <c r="AU4293" s="92"/>
      <c r="AV4293" s="92"/>
      <c r="AW4293" s="92"/>
      <c r="AX4293" s="92"/>
      <c r="AY4293" s="92"/>
      <c r="AZ4293" s="93"/>
      <c r="BA4293" s="93"/>
      <c r="BB4293" s="93"/>
      <c r="BC4293" s="93"/>
      <c r="BD4293" s="93"/>
      <c r="BE4293" s="93"/>
      <c r="BF4293" s="93"/>
      <c r="BG4293" s="93"/>
      <c r="BH4293" s="93"/>
      <c r="BI4293" s="93"/>
      <c r="BJ4293" s="93"/>
      <c r="BK4293" s="93"/>
      <c r="BL4293" s="93"/>
    </row>
    <row r="4294" spans="2:64" x14ac:dyDescent="0.2">
      <c r="B4294" s="43"/>
      <c r="C4294" s="73"/>
      <c r="D4294" s="64"/>
      <c r="E4294" s="55"/>
      <c r="F4294" s="74"/>
      <c r="G4294" s="74"/>
      <c r="H4294" s="74"/>
      <c r="I4294" s="75"/>
      <c r="J4294" s="74"/>
      <c r="L4294" s="55"/>
      <c r="M4294" s="234"/>
      <c r="N4294" s="65"/>
      <c r="O4294" s="76"/>
      <c r="P4294" s="76"/>
      <c r="Q4294" s="65"/>
      <c r="R4294" s="76"/>
      <c r="S4294" s="76"/>
      <c r="T4294" s="76"/>
      <c r="U4294" s="76"/>
      <c r="V4294" s="76"/>
      <c r="W4294" s="76"/>
      <c r="X4294" s="76"/>
      <c r="Y4294" s="76"/>
      <c r="Z4294" s="76"/>
      <c r="AA4294" s="85"/>
      <c r="AB4294" s="85"/>
      <c r="AC4294" s="85"/>
      <c r="AD4294" s="85"/>
      <c r="AE4294" s="85"/>
      <c r="AF4294" s="85"/>
      <c r="AG4294" s="86"/>
      <c r="AH4294" s="85"/>
      <c r="AI4294" s="85"/>
      <c r="AJ4294" s="85"/>
      <c r="AK4294" s="85"/>
      <c r="AL4294" s="85"/>
      <c r="AM4294" s="92"/>
      <c r="AN4294" s="92"/>
      <c r="AO4294" s="92"/>
      <c r="AP4294" s="92"/>
      <c r="AQ4294" s="92"/>
      <c r="AR4294" s="92"/>
      <c r="AS4294" s="92"/>
      <c r="AT4294" s="92"/>
      <c r="AU4294" s="92"/>
      <c r="AV4294" s="92"/>
      <c r="AW4294" s="92"/>
      <c r="AX4294" s="92"/>
      <c r="AY4294" s="92"/>
      <c r="AZ4294" s="93"/>
      <c r="BA4294" s="93"/>
      <c r="BB4294" s="93"/>
      <c r="BC4294" s="93"/>
      <c r="BD4294" s="93"/>
      <c r="BE4294" s="93"/>
      <c r="BF4294" s="93"/>
      <c r="BG4294" s="93"/>
      <c r="BH4294" s="93"/>
      <c r="BI4294" s="93"/>
      <c r="BJ4294" s="93"/>
      <c r="BK4294" s="93"/>
      <c r="BL4294" s="93"/>
    </row>
    <row r="4295" spans="2:64" x14ac:dyDescent="0.2">
      <c r="B4295" s="43"/>
      <c r="C4295" s="73"/>
      <c r="D4295" s="64"/>
      <c r="E4295" s="55"/>
      <c r="F4295" s="74"/>
      <c r="G4295" s="74"/>
      <c r="H4295" s="74"/>
      <c r="I4295" s="75"/>
      <c r="J4295" s="74"/>
      <c r="L4295" s="55"/>
      <c r="M4295" s="234"/>
      <c r="N4295" s="65"/>
      <c r="O4295" s="76"/>
      <c r="P4295" s="76"/>
      <c r="Q4295" s="65"/>
      <c r="R4295" s="76"/>
      <c r="S4295" s="76"/>
      <c r="T4295" s="76"/>
      <c r="U4295" s="76"/>
      <c r="V4295" s="76"/>
      <c r="W4295" s="76"/>
      <c r="X4295" s="76"/>
      <c r="Y4295" s="76"/>
      <c r="Z4295" s="76"/>
      <c r="AA4295" s="85"/>
      <c r="AB4295" s="85"/>
      <c r="AC4295" s="85"/>
      <c r="AD4295" s="85"/>
      <c r="AE4295" s="85"/>
      <c r="AF4295" s="85"/>
      <c r="AG4295" s="86"/>
      <c r="AH4295" s="85"/>
      <c r="AI4295" s="85"/>
      <c r="AJ4295" s="85"/>
      <c r="AK4295" s="85"/>
      <c r="AL4295" s="85"/>
      <c r="AM4295" s="92"/>
      <c r="AN4295" s="92"/>
      <c r="AO4295" s="92"/>
      <c r="AP4295" s="92"/>
      <c r="AQ4295" s="92"/>
      <c r="AR4295" s="92"/>
      <c r="AS4295" s="92"/>
      <c r="AT4295" s="92"/>
      <c r="AU4295" s="92"/>
      <c r="AV4295" s="92"/>
      <c r="AW4295" s="92"/>
      <c r="AX4295" s="92"/>
      <c r="AY4295" s="92"/>
      <c r="AZ4295" s="93"/>
      <c r="BA4295" s="93"/>
      <c r="BB4295" s="93"/>
      <c r="BC4295" s="93"/>
      <c r="BD4295" s="93"/>
      <c r="BE4295" s="93"/>
      <c r="BF4295" s="93"/>
      <c r="BG4295" s="93"/>
      <c r="BH4295" s="93"/>
      <c r="BI4295" s="93"/>
      <c r="BJ4295" s="93"/>
      <c r="BK4295" s="93"/>
      <c r="BL4295" s="93"/>
    </row>
    <row r="4296" spans="2:64" x14ac:dyDescent="0.2">
      <c r="B4296" s="43"/>
      <c r="C4296" s="73"/>
      <c r="D4296" s="64"/>
      <c r="E4296" s="55"/>
      <c r="F4296" s="74"/>
      <c r="G4296" s="74"/>
      <c r="H4296" s="74"/>
      <c r="I4296" s="75"/>
      <c r="J4296" s="74"/>
      <c r="L4296" s="55"/>
      <c r="M4296" s="234"/>
      <c r="N4296" s="65"/>
      <c r="O4296" s="76"/>
      <c r="P4296" s="76"/>
      <c r="Q4296" s="65"/>
      <c r="R4296" s="76"/>
      <c r="S4296" s="76"/>
      <c r="T4296" s="76"/>
      <c r="U4296" s="76"/>
      <c r="V4296" s="76"/>
      <c r="W4296" s="76"/>
      <c r="X4296" s="76"/>
      <c r="Y4296" s="76"/>
      <c r="Z4296" s="76"/>
      <c r="AA4296" s="85"/>
      <c r="AB4296" s="85"/>
      <c r="AC4296" s="85"/>
      <c r="AD4296" s="85"/>
      <c r="AE4296" s="85"/>
      <c r="AF4296" s="85"/>
      <c r="AG4296" s="86"/>
      <c r="AH4296" s="85"/>
      <c r="AI4296" s="85"/>
      <c r="AJ4296" s="85"/>
      <c r="AK4296" s="85"/>
      <c r="AL4296" s="85"/>
      <c r="AM4296" s="92"/>
      <c r="AN4296" s="92"/>
      <c r="AO4296" s="92"/>
      <c r="AP4296" s="92"/>
      <c r="AQ4296" s="92"/>
      <c r="AR4296" s="92"/>
      <c r="AS4296" s="92"/>
      <c r="AT4296" s="92"/>
      <c r="AU4296" s="92"/>
      <c r="AV4296" s="92"/>
      <c r="AW4296" s="92"/>
      <c r="AX4296" s="92"/>
      <c r="AY4296" s="92"/>
      <c r="AZ4296" s="93"/>
      <c r="BA4296" s="93"/>
      <c r="BB4296" s="93"/>
      <c r="BC4296" s="93"/>
      <c r="BD4296" s="93"/>
      <c r="BE4296" s="93"/>
      <c r="BF4296" s="93"/>
      <c r="BG4296" s="93"/>
      <c r="BH4296" s="93"/>
      <c r="BI4296" s="93"/>
      <c r="BJ4296" s="93"/>
      <c r="BK4296" s="93"/>
      <c r="BL4296" s="93"/>
    </row>
    <row r="4297" spans="2:64" x14ac:dyDescent="0.2">
      <c r="B4297" s="43"/>
      <c r="C4297" s="73"/>
      <c r="D4297" s="64"/>
      <c r="E4297" s="55"/>
      <c r="F4297" s="74"/>
      <c r="G4297" s="74"/>
      <c r="H4297" s="74"/>
      <c r="I4297" s="75"/>
      <c r="J4297" s="74"/>
      <c r="L4297" s="55"/>
      <c r="M4297" s="234"/>
      <c r="N4297" s="65"/>
      <c r="O4297" s="76"/>
      <c r="P4297" s="76"/>
      <c r="Q4297" s="65"/>
      <c r="R4297" s="76"/>
      <c r="S4297" s="76"/>
      <c r="T4297" s="76"/>
      <c r="U4297" s="76"/>
      <c r="V4297" s="76"/>
      <c r="W4297" s="76"/>
      <c r="X4297" s="76"/>
      <c r="Y4297" s="76"/>
      <c r="Z4297" s="76"/>
      <c r="AA4297" s="85"/>
      <c r="AB4297" s="85"/>
      <c r="AC4297" s="85"/>
      <c r="AD4297" s="85"/>
      <c r="AE4297" s="85"/>
      <c r="AF4297" s="85"/>
      <c r="AG4297" s="86"/>
      <c r="AH4297" s="85"/>
      <c r="AI4297" s="85"/>
      <c r="AJ4297" s="85"/>
      <c r="AK4297" s="85"/>
      <c r="AL4297" s="85"/>
      <c r="AM4297" s="92"/>
      <c r="AN4297" s="92"/>
      <c r="AO4297" s="92"/>
      <c r="AP4297" s="92"/>
      <c r="AQ4297" s="92"/>
      <c r="AR4297" s="92"/>
      <c r="AS4297" s="92"/>
      <c r="AT4297" s="92"/>
      <c r="AU4297" s="92"/>
      <c r="AV4297" s="92"/>
      <c r="AW4297" s="92"/>
      <c r="AX4297" s="92"/>
      <c r="AY4297" s="92"/>
      <c r="AZ4297" s="93"/>
      <c r="BA4297" s="93"/>
      <c r="BB4297" s="93"/>
      <c r="BC4297" s="93"/>
      <c r="BD4297" s="93"/>
      <c r="BE4297" s="93"/>
      <c r="BF4297" s="93"/>
      <c r="BG4297" s="93"/>
      <c r="BH4297" s="93"/>
      <c r="BI4297" s="93"/>
      <c r="BJ4297" s="93"/>
      <c r="BK4297" s="93"/>
      <c r="BL4297" s="93"/>
    </row>
    <row r="4298" spans="2:64" x14ac:dyDescent="0.2">
      <c r="B4298" s="43"/>
      <c r="C4298" s="73"/>
      <c r="D4298" s="64"/>
      <c r="E4298" s="55"/>
      <c r="F4298" s="74"/>
      <c r="G4298" s="74"/>
      <c r="H4298" s="74"/>
      <c r="I4298" s="75"/>
      <c r="J4298" s="74"/>
      <c r="L4298" s="55"/>
      <c r="M4298" s="234"/>
      <c r="N4298" s="65"/>
      <c r="O4298" s="76"/>
      <c r="P4298" s="76"/>
      <c r="Q4298" s="65"/>
      <c r="R4298" s="76"/>
      <c r="S4298" s="76"/>
      <c r="T4298" s="76"/>
      <c r="U4298" s="76"/>
      <c r="V4298" s="76"/>
      <c r="W4298" s="76"/>
      <c r="X4298" s="76"/>
      <c r="Y4298" s="76"/>
      <c r="Z4298" s="76"/>
      <c r="AA4298" s="85"/>
      <c r="AB4298" s="85"/>
      <c r="AC4298" s="85"/>
      <c r="AD4298" s="85"/>
      <c r="AE4298" s="85"/>
      <c r="AF4298" s="85"/>
      <c r="AG4298" s="86"/>
      <c r="AH4298" s="85"/>
      <c r="AI4298" s="85"/>
      <c r="AJ4298" s="85"/>
      <c r="AK4298" s="85"/>
      <c r="AL4298" s="85"/>
      <c r="AM4298" s="92"/>
      <c r="AN4298" s="92"/>
      <c r="AO4298" s="92"/>
      <c r="AP4298" s="92"/>
      <c r="AQ4298" s="92"/>
      <c r="AR4298" s="92"/>
      <c r="AS4298" s="92"/>
      <c r="AT4298" s="92"/>
      <c r="AU4298" s="92"/>
      <c r="AV4298" s="92"/>
      <c r="AW4298" s="92"/>
      <c r="AX4298" s="92"/>
      <c r="AY4298" s="92"/>
      <c r="AZ4298" s="93"/>
      <c r="BA4298" s="93"/>
      <c r="BB4298" s="93"/>
      <c r="BC4298" s="93"/>
      <c r="BD4298" s="93"/>
      <c r="BE4298" s="93"/>
      <c r="BF4298" s="93"/>
      <c r="BG4298" s="93"/>
      <c r="BH4298" s="93"/>
      <c r="BI4298" s="93"/>
      <c r="BJ4298" s="93"/>
      <c r="BK4298" s="93"/>
      <c r="BL4298" s="93"/>
    </row>
    <row r="4299" spans="2:64" x14ac:dyDescent="0.2">
      <c r="B4299" s="43"/>
      <c r="C4299" s="73"/>
      <c r="D4299" s="64"/>
      <c r="E4299" s="55"/>
      <c r="F4299" s="74"/>
      <c r="G4299" s="74"/>
      <c r="H4299" s="74"/>
      <c r="I4299" s="75"/>
      <c r="J4299" s="74"/>
      <c r="L4299" s="55"/>
      <c r="M4299" s="234"/>
      <c r="N4299" s="65"/>
      <c r="O4299" s="76"/>
      <c r="P4299" s="76"/>
      <c r="Q4299" s="65"/>
      <c r="R4299" s="76"/>
      <c r="S4299" s="76"/>
      <c r="T4299" s="76"/>
      <c r="U4299" s="76"/>
      <c r="V4299" s="76"/>
      <c r="W4299" s="76"/>
      <c r="X4299" s="76"/>
      <c r="Y4299" s="76"/>
      <c r="Z4299" s="76"/>
      <c r="AA4299" s="85"/>
      <c r="AB4299" s="85"/>
      <c r="AC4299" s="85"/>
      <c r="AD4299" s="85"/>
      <c r="AE4299" s="85"/>
      <c r="AF4299" s="85"/>
      <c r="AG4299" s="86"/>
      <c r="AH4299" s="85"/>
      <c r="AI4299" s="85"/>
      <c r="AJ4299" s="85"/>
      <c r="AK4299" s="85"/>
      <c r="AL4299" s="85"/>
      <c r="AM4299" s="92"/>
      <c r="AN4299" s="92"/>
      <c r="AO4299" s="92"/>
      <c r="AP4299" s="92"/>
      <c r="AQ4299" s="92"/>
      <c r="AR4299" s="92"/>
      <c r="AS4299" s="92"/>
      <c r="AT4299" s="92"/>
      <c r="AU4299" s="92"/>
      <c r="AV4299" s="92"/>
      <c r="AW4299" s="92"/>
      <c r="AX4299" s="92"/>
      <c r="AY4299" s="92"/>
      <c r="AZ4299" s="93"/>
      <c r="BA4299" s="93"/>
      <c r="BB4299" s="93"/>
      <c r="BC4299" s="93"/>
      <c r="BD4299" s="93"/>
      <c r="BE4299" s="93"/>
      <c r="BF4299" s="93"/>
      <c r="BG4299" s="93"/>
      <c r="BH4299" s="93"/>
      <c r="BI4299" s="93"/>
      <c r="BJ4299" s="93"/>
      <c r="BK4299" s="93"/>
      <c r="BL4299" s="93"/>
    </row>
    <row r="4300" spans="2:64" x14ac:dyDescent="0.2">
      <c r="B4300" s="43"/>
      <c r="C4300" s="73"/>
      <c r="D4300" s="64"/>
      <c r="E4300" s="55"/>
      <c r="F4300" s="74"/>
      <c r="G4300" s="74"/>
      <c r="H4300" s="74"/>
      <c r="I4300" s="75"/>
      <c r="J4300" s="74"/>
      <c r="L4300" s="55"/>
      <c r="M4300" s="234"/>
      <c r="N4300" s="65"/>
      <c r="O4300" s="76"/>
      <c r="P4300" s="76"/>
      <c r="Q4300" s="65"/>
      <c r="R4300" s="76"/>
      <c r="S4300" s="76"/>
      <c r="T4300" s="76"/>
      <c r="U4300" s="76"/>
      <c r="V4300" s="76"/>
      <c r="W4300" s="76"/>
      <c r="X4300" s="76"/>
      <c r="Y4300" s="76"/>
      <c r="Z4300" s="76"/>
      <c r="AA4300" s="85"/>
      <c r="AB4300" s="85"/>
      <c r="AC4300" s="85"/>
      <c r="AD4300" s="85"/>
      <c r="AE4300" s="85"/>
      <c r="AF4300" s="85"/>
      <c r="AG4300" s="86"/>
      <c r="AH4300" s="85"/>
      <c r="AI4300" s="85"/>
      <c r="AJ4300" s="85"/>
      <c r="AK4300" s="85"/>
      <c r="AL4300" s="85"/>
      <c r="AM4300" s="92"/>
      <c r="AN4300" s="92"/>
      <c r="AO4300" s="92"/>
      <c r="AP4300" s="92"/>
      <c r="AQ4300" s="92"/>
      <c r="AR4300" s="92"/>
      <c r="AS4300" s="92"/>
      <c r="AT4300" s="92"/>
      <c r="AU4300" s="92"/>
      <c r="AV4300" s="92"/>
      <c r="AW4300" s="92"/>
      <c r="AX4300" s="92"/>
      <c r="AY4300" s="92"/>
      <c r="AZ4300" s="93"/>
      <c r="BA4300" s="93"/>
      <c r="BB4300" s="93"/>
      <c r="BC4300" s="93"/>
      <c r="BD4300" s="93"/>
      <c r="BE4300" s="93"/>
      <c r="BF4300" s="93"/>
      <c r="BG4300" s="93"/>
      <c r="BH4300" s="93"/>
      <c r="BI4300" s="93"/>
      <c r="BJ4300" s="93"/>
      <c r="BK4300" s="93"/>
      <c r="BL4300" s="93"/>
    </row>
    <row r="4301" spans="2:64" x14ac:dyDescent="0.2">
      <c r="B4301" s="43"/>
      <c r="C4301" s="73"/>
      <c r="D4301" s="64"/>
      <c r="E4301" s="55"/>
      <c r="F4301" s="74"/>
      <c r="G4301" s="74"/>
      <c r="H4301" s="74"/>
      <c r="I4301" s="75"/>
      <c r="J4301" s="74"/>
      <c r="L4301" s="55"/>
      <c r="M4301" s="234"/>
      <c r="N4301" s="65"/>
      <c r="O4301" s="76"/>
      <c r="P4301" s="76"/>
      <c r="Q4301" s="65"/>
      <c r="R4301" s="76"/>
      <c r="S4301" s="76"/>
      <c r="T4301" s="76"/>
      <c r="U4301" s="76"/>
      <c r="V4301" s="76"/>
      <c r="W4301" s="76"/>
      <c r="X4301" s="76"/>
      <c r="Y4301" s="76"/>
      <c r="Z4301" s="76"/>
      <c r="AA4301" s="85"/>
      <c r="AB4301" s="85"/>
      <c r="AC4301" s="85"/>
      <c r="AD4301" s="85"/>
      <c r="AE4301" s="85"/>
      <c r="AF4301" s="85"/>
      <c r="AG4301" s="86"/>
      <c r="AH4301" s="85"/>
      <c r="AI4301" s="85"/>
      <c r="AJ4301" s="85"/>
      <c r="AK4301" s="85"/>
      <c r="AL4301" s="85"/>
      <c r="AM4301" s="92"/>
      <c r="AN4301" s="92"/>
      <c r="AO4301" s="92"/>
      <c r="AP4301" s="92"/>
      <c r="AQ4301" s="92"/>
      <c r="AR4301" s="92"/>
      <c r="AS4301" s="92"/>
      <c r="AT4301" s="92"/>
      <c r="AU4301" s="92"/>
      <c r="AV4301" s="92"/>
      <c r="AW4301" s="92"/>
      <c r="AX4301" s="92"/>
      <c r="AY4301" s="92"/>
      <c r="AZ4301" s="93"/>
      <c r="BA4301" s="93"/>
      <c r="BB4301" s="93"/>
      <c r="BC4301" s="93"/>
      <c r="BD4301" s="93"/>
      <c r="BE4301" s="93"/>
      <c r="BF4301" s="93"/>
      <c r="BG4301" s="93"/>
      <c r="BH4301" s="93"/>
      <c r="BI4301" s="93"/>
      <c r="BJ4301" s="93"/>
      <c r="BK4301" s="93"/>
      <c r="BL4301" s="93"/>
    </row>
    <row r="4302" spans="2:64" x14ac:dyDescent="0.2">
      <c r="B4302" s="43"/>
      <c r="C4302" s="73"/>
      <c r="D4302" s="64"/>
      <c r="E4302" s="55"/>
      <c r="F4302" s="74"/>
      <c r="G4302" s="74"/>
      <c r="H4302" s="74"/>
      <c r="I4302" s="75"/>
      <c r="J4302" s="74"/>
      <c r="L4302" s="55"/>
      <c r="M4302" s="234"/>
      <c r="N4302" s="65"/>
      <c r="O4302" s="76"/>
      <c r="P4302" s="76"/>
      <c r="Q4302" s="65"/>
      <c r="R4302" s="76"/>
      <c r="S4302" s="76"/>
      <c r="T4302" s="76"/>
      <c r="U4302" s="76"/>
      <c r="V4302" s="76"/>
      <c r="W4302" s="76"/>
      <c r="X4302" s="76"/>
      <c r="Y4302" s="76"/>
      <c r="Z4302" s="76"/>
      <c r="AA4302" s="85"/>
      <c r="AB4302" s="85"/>
      <c r="AC4302" s="85"/>
      <c r="AD4302" s="85"/>
      <c r="AE4302" s="85"/>
      <c r="AF4302" s="85"/>
      <c r="AG4302" s="86"/>
      <c r="AH4302" s="85"/>
      <c r="AI4302" s="85"/>
      <c r="AJ4302" s="85"/>
      <c r="AK4302" s="85"/>
      <c r="AL4302" s="85"/>
      <c r="AM4302" s="92"/>
      <c r="AN4302" s="92"/>
      <c r="AO4302" s="92"/>
      <c r="AP4302" s="92"/>
      <c r="AQ4302" s="92"/>
      <c r="AR4302" s="92"/>
      <c r="AS4302" s="92"/>
      <c r="AT4302" s="92"/>
      <c r="AU4302" s="92"/>
      <c r="AV4302" s="92"/>
      <c r="AW4302" s="92"/>
      <c r="AX4302" s="92"/>
      <c r="AY4302" s="92"/>
      <c r="AZ4302" s="93"/>
      <c r="BA4302" s="93"/>
      <c r="BB4302" s="93"/>
      <c r="BC4302" s="93"/>
      <c r="BD4302" s="93"/>
      <c r="BE4302" s="93"/>
      <c r="BF4302" s="93"/>
      <c r="BG4302" s="93"/>
      <c r="BH4302" s="93"/>
      <c r="BI4302" s="93"/>
      <c r="BJ4302" s="93"/>
      <c r="BK4302" s="93"/>
      <c r="BL4302" s="93"/>
    </row>
    <row r="4303" spans="2:64" x14ac:dyDescent="0.2">
      <c r="B4303" s="43"/>
      <c r="C4303" s="73"/>
      <c r="D4303" s="64"/>
      <c r="E4303" s="55"/>
      <c r="F4303" s="74"/>
      <c r="G4303" s="74"/>
      <c r="H4303" s="74"/>
      <c r="I4303" s="75"/>
      <c r="J4303" s="74"/>
      <c r="L4303" s="55"/>
      <c r="M4303" s="234"/>
      <c r="N4303" s="65"/>
      <c r="O4303" s="76"/>
      <c r="P4303" s="76"/>
      <c r="Q4303" s="65"/>
      <c r="R4303" s="76"/>
      <c r="S4303" s="76"/>
      <c r="T4303" s="76"/>
      <c r="U4303" s="76"/>
      <c r="V4303" s="76"/>
      <c r="W4303" s="76"/>
      <c r="X4303" s="76"/>
      <c r="Y4303" s="76"/>
      <c r="Z4303" s="76"/>
      <c r="AA4303" s="85"/>
      <c r="AB4303" s="85"/>
      <c r="AC4303" s="85"/>
      <c r="AD4303" s="85"/>
      <c r="AE4303" s="85"/>
      <c r="AF4303" s="85"/>
      <c r="AG4303" s="86"/>
      <c r="AH4303" s="85"/>
      <c r="AI4303" s="85"/>
      <c r="AJ4303" s="85"/>
      <c r="AK4303" s="85"/>
      <c r="AL4303" s="85"/>
      <c r="AM4303" s="92"/>
      <c r="AN4303" s="92"/>
      <c r="AO4303" s="92"/>
      <c r="AP4303" s="92"/>
      <c r="AQ4303" s="92"/>
      <c r="AR4303" s="92"/>
      <c r="AS4303" s="92"/>
      <c r="AT4303" s="92"/>
      <c r="AU4303" s="92"/>
      <c r="AV4303" s="92"/>
      <c r="AW4303" s="92"/>
      <c r="AX4303" s="92"/>
      <c r="AY4303" s="92"/>
      <c r="AZ4303" s="93"/>
      <c r="BA4303" s="93"/>
      <c r="BB4303" s="93"/>
      <c r="BC4303" s="93"/>
      <c r="BD4303" s="93"/>
      <c r="BE4303" s="93"/>
      <c r="BF4303" s="93"/>
      <c r="BG4303" s="93"/>
      <c r="BH4303" s="93"/>
      <c r="BI4303" s="93"/>
      <c r="BJ4303" s="93"/>
      <c r="BK4303" s="93"/>
      <c r="BL4303" s="93"/>
    </row>
    <row r="4304" spans="2:64" x14ac:dyDescent="0.2">
      <c r="B4304" s="43"/>
      <c r="C4304" s="73"/>
      <c r="D4304" s="64"/>
      <c r="E4304" s="55"/>
      <c r="F4304" s="74"/>
      <c r="G4304" s="74"/>
      <c r="H4304" s="74"/>
      <c r="I4304" s="75"/>
      <c r="J4304" s="74"/>
      <c r="L4304" s="55"/>
      <c r="M4304" s="234"/>
      <c r="N4304" s="65"/>
      <c r="O4304" s="76"/>
      <c r="P4304" s="76"/>
      <c r="Q4304" s="65"/>
      <c r="R4304" s="76"/>
      <c r="S4304" s="76"/>
      <c r="T4304" s="76"/>
      <c r="U4304" s="76"/>
      <c r="V4304" s="76"/>
      <c r="W4304" s="76"/>
      <c r="X4304" s="76"/>
      <c r="Y4304" s="76"/>
      <c r="Z4304" s="76"/>
      <c r="AA4304" s="85"/>
      <c r="AB4304" s="85"/>
      <c r="AC4304" s="85"/>
      <c r="AD4304" s="85"/>
      <c r="AE4304" s="85"/>
      <c r="AF4304" s="85"/>
      <c r="AG4304" s="86"/>
      <c r="AH4304" s="85"/>
      <c r="AI4304" s="85"/>
      <c r="AJ4304" s="85"/>
      <c r="AK4304" s="85"/>
      <c r="AL4304" s="85"/>
      <c r="AM4304" s="92"/>
      <c r="AN4304" s="92"/>
      <c r="AO4304" s="92"/>
      <c r="AP4304" s="92"/>
      <c r="AQ4304" s="92"/>
      <c r="AR4304" s="92"/>
      <c r="AS4304" s="92"/>
      <c r="AT4304" s="92"/>
      <c r="AU4304" s="92"/>
      <c r="AV4304" s="92"/>
      <c r="AW4304" s="92"/>
      <c r="AX4304" s="92"/>
      <c r="AY4304" s="92"/>
      <c r="AZ4304" s="93"/>
      <c r="BA4304" s="93"/>
      <c r="BB4304" s="93"/>
      <c r="BC4304" s="93"/>
      <c r="BD4304" s="93"/>
      <c r="BE4304" s="93"/>
      <c r="BF4304" s="93"/>
      <c r="BG4304" s="93"/>
      <c r="BH4304" s="93"/>
      <c r="BI4304" s="93"/>
      <c r="BJ4304" s="93"/>
      <c r="BK4304" s="93"/>
      <c r="BL4304" s="93"/>
    </row>
    <row r="4305" spans="2:64" x14ac:dyDescent="0.2">
      <c r="B4305" s="43"/>
      <c r="C4305" s="73"/>
      <c r="D4305" s="64"/>
      <c r="E4305" s="55"/>
      <c r="F4305" s="74"/>
      <c r="G4305" s="74"/>
      <c r="H4305" s="74"/>
      <c r="I4305" s="75"/>
      <c r="J4305" s="74"/>
      <c r="L4305" s="55"/>
      <c r="M4305" s="234"/>
      <c r="N4305" s="65"/>
      <c r="O4305" s="76"/>
      <c r="P4305" s="76"/>
      <c r="Q4305" s="65"/>
      <c r="R4305" s="76"/>
      <c r="S4305" s="76"/>
      <c r="T4305" s="76"/>
      <c r="U4305" s="76"/>
      <c r="V4305" s="76"/>
      <c r="W4305" s="76"/>
      <c r="X4305" s="76"/>
      <c r="Y4305" s="76"/>
      <c r="Z4305" s="76"/>
      <c r="AA4305" s="85"/>
      <c r="AB4305" s="85"/>
      <c r="AC4305" s="85"/>
      <c r="AD4305" s="85"/>
      <c r="AE4305" s="85"/>
      <c r="AF4305" s="85"/>
      <c r="AG4305" s="86"/>
      <c r="AH4305" s="85"/>
      <c r="AI4305" s="85"/>
      <c r="AJ4305" s="85"/>
      <c r="AK4305" s="85"/>
      <c r="AL4305" s="85"/>
      <c r="AM4305" s="92"/>
      <c r="AN4305" s="92"/>
      <c r="AO4305" s="92"/>
      <c r="AP4305" s="92"/>
      <c r="AQ4305" s="92"/>
      <c r="AR4305" s="92"/>
      <c r="AS4305" s="92"/>
      <c r="AT4305" s="92"/>
      <c r="AU4305" s="92"/>
      <c r="AV4305" s="92"/>
      <c r="AW4305" s="92"/>
      <c r="AX4305" s="92"/>
      <c r="AY4305" s="92"/>
      <c r="AZ4305" s="93"/>
      <c r="BA4305" s="93"/>
      <c r="BB4305" s="93"/>
      <c r="BC4305" s="93"/>
      <c r="BD4305" s="93"/>
      <c r="BE4305" s="93"/>
      <c r="BF4305" s="93"/>
      <c r="BG4305" s="93"/>
      <c r="BH4305" s="93"/>
      <c r="BI4305" s="93"/>
      <c r="BJ4305" s="93"/>
      <c r="BK4305" s="93"/>
      <c r="BL4305" s="93"/>
    </row>
    <row r="4306" spans="2:64" x14ac:dyDescent="0.2">
      <c r="B4306" s="43"/>
      <c r="C4306" s="73"/>
      <c r="D4306" s="64"/>
      <c r="E4306" s="55"/>
      <c r="F4306" s="74"/>
      <c r="G4306" s="74"/>
      <c r="H4306" s="74"/>
      <c r="I4306" s="75"/>
      <c r="J4306" s="74"/>
      <c r="L4306" s="55"/>
      <c r="M4306" s="234"/>
      <c r="N4306" s="65"/>
      <c r="O4306" s="76"/>
      <c r="P4306" s="76"/>
      <c r="Q4306" s="65"/>
      <c r="R4306" s="76"/>
      <c r="S4306" s="76"/>
      <c r="T4306" s="76"/>
      <c r="U4306" s="76"/>
      <c r="V4306" s="76"/>
      <c r="W4306" s="76"/>
      <c r="X4306" s="76"/>
      <c r="Y4306" s="76"/>
      <c r="Z4306" s="76"/>
      <c r="AA4306" s="85"/>
      <c r="AB4306" s="85"/>
      <c r="AC4306" s="85"/>
      <c r="AD4306" s="85"/>
      <c r="AE4306" s="85"/>
      <c r="AF4306" s="85"/>
      <c r="AG4306" s="86"/>
      <c r="AH4306" s="85"/>
      <c r="AI4306" s="85"/>
      <c r="AJ4306" s="85"/>
      <c r="AK4306" s="85"/>
      <c r="AL4306" s="85"/>
      <c r="AM4306" s="92"/>
      <c r="AN4306" s="92"/>
      <c r="AO4306" s="92"/>
      <c r="AP4306" s="92"/>
      <c r="AQ4306" s="92"/>
      <c r="AR4306" s="92"/>
      <c r="AS4306" s="92"/>
      <c r="AT4306" s="92"/>
      <c r="AU4306" s="92"/>
      <c r="AV4306" s="92"/>
      <c r="AW4306" s="92"/>
      <c r="AX4306" s="92"/>
      <c r="AY4306" s="92"/>
      <c r="AZ4306" s="93"/>
      <c r="BA4306" s="93"/>
      <c r="BB4306" s="93"/>
      <c r="BC4306" s="93"/>
      <c r="BD4306" s="93"/>
      <c r="BE4306" s="93"/>
      <c r="BF4306" s="93"/>
      <c r="BG4306" s="93"/>
      <c r="BH4306" s="93"/>
      <c r="BI4306" s="93"/>
      <c r="BJ4306" s="93"/>
      <c r="BK4306" s="93"/>
      <c r="BL4306" s="93"/>
    </row>
    <row r="4307" spans="2:64" x14ac:dyDescent="0.2">
      <c r="B4307" s="43"/>
      <c r="C4307" s="73"/>
      <c r="D4307" s="64"/>
      <c r="E4307" s="55"/>
      <c r="F4307" s="74"/>
      <c r="G4307" s="74"/>
      <c r="H4307" s="74"/>
      <c r="I4307" s="75"/>
      <c r="J4307" s="74"/>
      <c r="L4307" s="55"/>
      <c r="M4307" s="234"/>
      <c r="N4307" s="65"/>
      <c r="O4307" s="76"/>
      <c r="P4307" s="76"/>
      <c r="Q4307" s="65"/>
      <c r="R4307" s="76"/>
      <c r="S4307" s="76"/>
      <c r="T4307" s="76"/>
      <c r="U4307" s="76"/>
      <c r="V4307" s="76"/>
      <c r="W4307" s="76"/>
      <c r="X4307" s="76"/>
      <c r="Y4307" s="76"/>
      <c r="Z4307" s="76"/>
      <c r="AA4307" s="85"/>
      <c r="AB4307" s="85"/>
      <c r="AC4307" s="85"/>
      <c r="AD4307" s="85"/>
      <c r="AE4307" s="85"/>
      <c r="AF4307" s="85"/>
      <c r="AG4307" s="86"/>
      <c r="AH4307" s="85"/>
      <c r="AI4307" s="85"/>
      <c r="AJ4307" s="85"/>
      <c r="AK4307" s="85"/>
      <c r="AL4307" s="85"/>
      <c r="AM4307" s="92"/>
      <c r="AN4307" s="92"/>
      <c r="AO4307" s="92"/>
      <c r="AP4307" s="92"/>
      <c r="AQ4307" s="92"/>
      <c r="AR4307" s="92"/>
      <c r="AS4307" s="92"/>
      <c r="AT4307" s="92"/>
      <c r="AU4307" s="92"/>
      <c r="AV4307" s="92"/>
      <c r="AW4307" s="92"/>
      <c r="AX4307" s="92"/>
      <c r="AY4307" s="92"/>
      <c r="AZ4307" s="93"/>
      <c r="BA4307" s="93"/>
      <c r="BB4307" s="93"/>
      <c r="BC4307" s="93"/>
      <c r="BD4307" s="93"/>
      <c r="BE4307" s="93"/>
      <c r="BF4307" s="93"/>
      <c r="BG4307" s="93"/>
      <c r="BH4307" s="93"/>
      <c r="BI4307" s="93"/>
      <c r="BJ4307" s="93"/>
      <c r="BK4307" s="93"/>
      <c r="BL4307" s="93"/>
    </row>
    <row r="4308" spans="2:64" x14ac:dyDescent="0.2">
      <c r="B4308" s="43"/>
      <c r="C4308" s="73"/>
      <c r="D4308" s="64"/>
      <c r="E4308" s="55"/>
      <c r="F4308" s="74"/>
      <c r="G4308" s="74"/>
      <c r="H4308" s="74"/>
      <c r="I4308" s="75"/>
      <c r="J4308" s="74"/>
      <c r="L4308" s="55"/>
      <c r="M4308" s="234"/>
      <c r="N4308" s="65"/>
      <c r="O4308" s="76"/>
      <c r="P4308" s="76"/>
      <c r="Q4308" s="65"/>
      <c r="R4308" s="76"/>
      <c r="S4308" s="76"/>
      <c r="T4308" s="76"/>
      <c r="U4308" s="76"/>
      <c r="V4308" s="76"/>
      <c r="W4308" s="76"/>
      <c r="X4308" s="76"/>
      <c r="Y4308" s="76"/>
      <c r="Z4308" s="76"/>
      <c r="AA4308" s="85"/>
      <c r="AB4308" s="85"/>
      <c r="AC4308" s="85"/>
      <c r="AD4308" s="85"/>
      <c r="AE4308" s="85"/>
      <c r="AF4308" s="85"/>
      <c r="AG4308" s="86"/>
      <c r="AH4308" s="85"/>
      <c r="AI4308" s="85"/>
      <c r="AJ4308" s="85"/>
      <c r="AK4308" s="85"/>
      <c r="AL4308" s="85"/>
      <c r="AM4308" s="92"/>
      <c r="AN4308" s="92"/>
      <c r="AO4308" s="92"/>
      <c r="AP4308" s="92"/>
      <c r="AQ4308" s="92"/>
      <c r="AR4308" s="92"/>
      <c r="AS4308" s="92"/>
      <c r="AT4308" s="92"/>
      <c r="AU4308" s="92"/>
      <c r="AV4308" s="92"/>
      <c r="AW4308" s="92"/>
      <c r="AX4308" s="92"/>
      <c r="AY4308" s="92"/>
      <c r="AZ4308" s="93"/>
      <c r="BA4308" s="93"/>
      <c r="BB4308" s="93"/>
      <c r="BC4308" s="93"/>
      <c r="BD4308" s="93"/>
      <c r="BE4308" s="93"/>
      <c r="BF4308" s="93"/>
      <c r="BG4308" s="93"/>
      <c r="BH4308" s="93"/>
      <c r="BI4308" s="93"/>
      <c r="BJ4308" s="93"/>
      <c r="BK4308" s="93"/>
      <c r="BL4308" s="93"/>
    </row>
    <row r="4309" spans="2:64" x14ac:dyDescent="0.2">
      <c r="B4309" s="43"/>
      <c r="C4309" s="73"/>
      <c r="D4309" s="64"/>
      <c r="E4309" s="55"/>
      <c r="F4309" s="74"/>
      <c r="G4309" s="74"/>
      <c r="H4309" s="74"/>
      <c r="I4309" s="75"/>
      <c r="J4309" s="74"/>
      <c r="L4309" s="55"/>
      <c r="M4309" s="234"/>
      <c r="N4309" s="65"/>
      <c r="O4309" s="76"/>
      <c r="P4309" s="76"/>
      <c r="Q4309" s="65"/>
      <c r="R4309" s="76"/>
      <c r="S4309" s="76"/>
      <c r="T4309" s="76"/>
      <c r="U4309" s="76"/>
      <c r="V4309" s="76"/>
      <c r="W4309" s="76"/>
      <c r="X4309" s="76"/>
      <c r="Y4309" s="76"/>
      <c r="Z4309" s="76"/>
      <c r="AA4309" s="85"/>
      <c r="AB4309" s="85"/>
      <c r="AC4309" s="85"/>
      <c r="AD4309" s="85"/>
      <c r="AE4309" s="85"/>
      <c r="AF4309" s="85"/>
      <c r="AG4309" s="86"/>
      <c r="AH4309" s="85"/>
      <c r="AI4309" s="85"/>
      <c r="AJ4309" s="85"/>
      <c r="AK4309" s="85"/>
      <c r="AL4309" s="85"/>
      <c r="AM4309" s="92"/>
      <c r="AN4309" s="92"/>
      <c r="AO4309" s="92"/>
      <c r="AP4309" s="92"/>
      <c r="AQ4309" s="92"/>
      <c r="AR4309" s="92"/>
      <c r="AS4309" s="92"/>
      <c r="AT4309" s="92"/>
      <c r="AU4309" s="92"/>
      <c r="AV4309" s="92"/>
      <c r="AW4309" s="92"/>
      <c r="AX4309" s="92"/>
      <c r="AY4309" s="92"/>
      <c r="AZ4309" s="93"/>
      <c r="BA4309" s="93"/>
      <c r="BB4309" s="93"/>
      <c r="BC4309" s="93"/>
      <c r="BD4309" s="93"/>
      <c r="BE4309" s="93"/>
      <c r="BF4309" s="93"/>
      <c r="BG4309" s="93"/>
      <c r="BH4309" s="93"/>
      <c r="BI4309" s="93"/>
      <c r="BJ4309" s="93"/>
      <c r="BK4309" s="93"/>
      <c r="BL4309" s="93"/>
    </row>
    <row r="4310" spans="2:64" x14ac:dyDescent="0.2">
      <c r="B4310" s="43"/>
      <c r="C4310" s="73"/>
      <c r="D4310" s="64"/>
      <c r="E4310" s="55"/>
      <c r="F4310" s="74"/>
      <c r="G4310" s="74"/>
      <c r="H4310" s="74"/>
      <c r="I4310" s="75"/>
      <c r="J4310" s="74"/>
      <c r="L4310" s="55"/>
      <c r="M4310" s="234"/>
      <c r="N4310" s="65"/>
      <c r="O4310" s="76"/>
      <c r="P4310" s="76"/>
      <c r="Q4310" s="65"/>
      <c r="R4310" s="76"/>
      <c r="S4310" s="76"/>
      <c r="T4310" s="76"/>
      <c r="U4310" s="76"/>
      <c r="V4310" s="76"/>
      <c r="W4310" s="76"/>
      <c r="X4310" s="76"/>
      <c r="Y4310" s="76"/>
      <c r="Z4310" s="76"/>
      <c r="AA4310" s="85"/>
      <c r="AB4310" s="85"/>
      <c r="AC4310" s="85"/>
      <c r="AD4310" s="85"/>
      <c r="AE4310" s="85"/>
      <c r="AF4310" s="85"/>
      <c r="AG4310" s="86"/>
      <c r="AH4310" s="85"/>
      <c r="AI4310" s="85"/>
      <c r="AJ4310" s="85"/>
      <c r="AK4310" s="85"/>
      <c r="AL4310" s="85"/>
      <c r="AM4310" s="92"/>
      <c r="AN4310" s="92"/>
      <c r="AO4310" s="92"/>
      <c r="AP4310" s="92"/>
      <c r="AQ4310" s="92"/>
      <c r="AR4310" s="92"/>
      <c r="AS4310" s="92"/>
      <c r="AT4310" s="92"/>
      <c r="AU4310" s="92"/>
      <c r="AV4310" s="92"/>
      <c r="AW4310" s="92"/>
      <c r="AX4310" s="92"/>
      <c r="AY4310" s="92"/>
      <c r="AZ4310" s="93"/>
      <c r="BA4310" s="93"/>
      <c r="BB4310" s="93"/>
      <c r="BC4310" s="93"/>
      <c r="BD4310" s="93"/>
      <c r="BE4310" s="93"/>
      <c r="BF4310" s="93"/>
      <c r="BG4310" s="93"/>
      <c r="BH4310" s="93"/>
      <c r="BI4310" s="93"/>
      <c r="BJ4310" s="93"/>
      <c r="BK4310" s="93"/>
      <c r="BL4310" s="93"/>
    </row>
    <row r="4311" spans="2:64" x14ac:dyDescent="0.2">
      <c r="B4311" s="43"/>
      <c r="C4311" s="73"/>
      <c r="D4311" s="64"/>
      <c r="E4311" s="55"/>
      <c r="F4311" s="74"/>
      <c r="G4311" s="74"/>
      <c r="H4311" s="74"/>
      <c r="I4311" s="75"/>
      <c r="J4311" s="74"/>
      <c r="L4311" s="55"/>
      <c r="M4311" s="234"/>
      <c r="N4311" s="65"/>
      <c r="O4311" s="76"/>
      <c r="P4311" s="76"/>
      <c r="Q4311" s="65"/>
      <c r="R4311" s="76"/>
      <c r="S4311" s="76"/>
      <c r="T4311" s="76"/>
      <c r="U4311" s="76"/>
      <c r="V4311" s="76"/>
      <c r="W4311" s="76"/>
      <c r="X4311" s="76"/>
      <c r="Y4311" s="76"/>
      <c r="Z4311" s="76"/>
      <c r="AA4311" s="85"/>
      <c r="AB4311" s="85"/>
      <c r="AC4311" s="85"/>
      <c r="AD4311" s="85"/>
      <c r="AE4311" s="85"/>
      <c r="AF4311" s="85"/>
      <c r="AG4311" s="86"/>
      <c r="AH4311" s="85"/>
      <c r="AI4311" s="85"/>
      <c r="AJ4311" s="85"/>
      <c r="AK4311" s="85"/>
      <c r="AL4311" s="85"/>
      <c r="AM4311" s="92"/>
      <c r="AN4311" s="92"/>
      <c r="AO4311" s="92"/>
      <c r="AP4311" s="92"/>
      <c r="AQ4311" s="92"/>
      <c r="AR4311" s="92"/>
      <c r="AS4311" s="92"/>
      <c r="AT4311" s="92"/>
      <c r="AU4311" s="92"/>
      <c r="AV4311" s="92"/>
      <c r="AW4311" s="92"/>
      <c r="AX4311" s="92"/>
      <c r="AY4311" s="92"/>
      <c r="AZ4311" s="93"/>
      <c r="BA4311" s="93"/>
      <c r="BB4311" s="93"/>
      <c r="BC4311" s="93"/>
      <c r="BD4311" s="93"/>
      <c r="BE4311" s="93"/>
      <c r="BF4311" s="93"/>
      <c r="BG4311" s="93"/>
      <c r="BH4311" s="93"/>
      <c r="BI4311" s="93"/>
      <c r="BJ4311" s="93"/>
      <c r="BK4311" s="93"/>
      <c r="BL4311" s="93"/>
    </row>
    <row r="4312" spans="2:64" x14ac:dyDescent="0.2">
      <c r="B4312" s="43"/>
      <c r="C4312" s="73"/>
      <c r="D4312" s="64"/>
      <c r="E4312" s="55"/>
      <c r="F4312" s="74"/>
      <c r="G4312" s="74"/>
      <c r="H4312" s="74"/>
      <c r="I4312" s="75"/>
      <c r="J4312" s="74"/>
      <c r="L4312" s="55"/>
      <c r="M4312" s="234"/>
      <c r="N4312" s="65"/>
      <c r="O4312" s="76"/>
      <c r="P4312" s="76"/>
      <c r="Q4312" s="65"/>
      <c r="R4312" s="76"/>
      <c r="S4312" s="76"/>
      <c r="T4312" s="76"/>
      <c r="U4312" s="76"/>
      <c r="V4312" s="76"/>
      <c r="W4312" s="76"/>
      <c r="X4312" s="76"/>
      <c r="Y4312" s="76"/>
      <c r="Z4312" s="76"/>
      <c r="AA4312" s="85"/>
      <c r="AB4312" s="85"/>
      <c r="AC4312" s="85"/>
      <c r="AD4312" s="85"/>
      <c r="AE4312" s="85"/>
      <c r="AF4312" s="85"/>
      <c r="AG4312" s="86"/>
      <c r="AH4312" s="85"/>
      <c r="AI4312" s="85"/>
      <c r="AJ4312" s="85"/>
      <c r="AK4312" s="85"/>
      <c r="AL4312" s="85"/>
      <c r="AM4312" s="92"/>
      <c r="AN4312" s="92"/>
      <c r="AO4312" s="92"/>
      <c r="AP4312" s="92"/>
      <c r="AQ4312" s="92"/>
      <c r="AR4312" s="92"/>
      <c r="AS4312" s="92"/>
      <c r="AT4312" s="92"/>
      <c r="AU4312" s="92"/>
      <c r="AV4312" s="92"/>
      <c r="AW4312" s="92"/>
      <c r="AX4312" s="92"/>
      <c r="AY4312" s="92"/>
      <c r="AZ4312" s="93"/>
      <c r="BA4312" s="93"/>
      <c r="BB4312" s="93"/>
      <c r="BC4312" s="93"/>
      <c r="BD4312" s="93"/>
      <c r="BE4312" s="93"/>
      <c r="BF4312" s="93"/>
      <c r="BG4312" s="93"/>
      <c r="BH4312" s="93"/>
      <c r="BI4312" s="93"/>
      <c r="BJ4312" s="93"/>
      <c r="BK4312" s="93"/>
      <c r="BL4312" s="93"/>
    </row>
    <row r="4313" spans="2:64" x14ac:dyDescent="0.2">
      <c r="B4313" s="43"/>
      <c r="C4313" s="73"/>
      <c r="D4313" s="64"/>
      <c r="E4313" s="55"/>
      <c r="F4313" s="74"/>
      <c r="G4313" s="74"/>
      <c r="H4313" s="74"/>
      <c r="I4313" s="75"/>
      <c r="J4313" s="74"/>
      <c r="L4313" s="55"/>
      <c r="M4313" s="234"/>
      <c r="N4313" s="65"/>
      <c r="O4313" s="76"/>
      <c r="P4313" s="76"/>
      <c r="Q4313" s="65"/>
      <c r="R4313" s="76"/>
      <c r="S4313" s="76"/>
      <c r="T4313" s="76"/>
      <c r="U4313" s="76"/>
      <c r="V4313" s="76"/>
      <c r="W4313" s="76"/>
      <c r="X4313" s="76"/>
      <c r="Y4313" s="76"/>
      <c r="Z4313" s="76"/>
      <c r="AA4313" s="85"/>
      <c r="AB4313" s="85"/>
      <c r="AC4313" s="85"/>
      <c r="AD4313" s="85"/>
      <c r="AE4313" s="85"/>
      <c r="AF4313" s="85"/>
      <c r="AG4313" s="86"/>
      <c r="AH4313" s="85"/>
      <c r="AI4313" s="85"/>
      <c r="AJ4313" s="85"/>
      <c r="AK4313" s="85"/>
      <c r="AL4313" s="85"/>
      <c r="AM4313" s="92"/>
      <c r="AN4313" s="92"/>
      <c r="AO4313" s="92"/>
      <c r="AP4313" s="92"/>
      <c r="AQ4313" s="92"/>
      <c r="AR4313" s="92"/>
      <c r="AS4313" s="92"/>
      <c r="AT4313" s="92"/>
      <c r="AU4313" s="92"/>
      <c r="AV4313" s="92"/>
      <c r="AW4313" s="92"/>
      <c r="AX4313" s="92"/>
      <c r="AY4313" s="92"/>
      <c r="AZ4313" s="93"/>
      <c r="BA4313" s="93"/>
      <c r="BB4313" s="93"/>
      <c r="BC4313" s="93"/>
      <c r="BD4313" s="93"/>
      <c r="BE4313" s="93"/>
      <c r="BF4313" s="93"/>
      <c r="BG4313" s="93"/>
      <c r="BH4313" s="93"/>
      <c r="BI4313" s="93"/>
      <c r="BJ4313" s="93"/>
      <c r="BK4313" s="93"/>
      <c r="BL4313" s="93"/>
    </row>
    <row r="4314" spans="2:64" x14ac:dyDescent="0.2">
      <c r="B4314" s="43"/>
      <c r="C4314" s="73"/>
      <c r="D4314" s="64"/>
      <c r="E4314" s="55"/>
      <c r="F4314" s="74"/>
      <c r="G4314" s="74"/>
      <c r="H4314" s="74"/>
      <c r="I4314" s="75"/>
      <c r="J4314" s="74"/>
      <c r="L4314" s="55"/>
      <c r="M4314" s="234"/>
      <c r="N4314" s="65"/>
      <c r="O4314" s="76"/>
      <c r="P4314" s="76"/>
      <c r="Q4314" s="65"/>
      <c r="R4314" s="76"/>
      <c r="S4314" s="76"/>
      <c r="T4314" s="76"/>
      <c r="U4314" s="76"/>
      <c r="V4314" s="76"/>
      <c r="W4314" s="76"/>
      <c r="X4314" s="76"/>
      <c r="Y4314" s="76"/>
      <c r="Z4314" s="76"/>
      <c r="AA4314" s="85"/>
      <c r="AB4314" s="85"/>
      <c r="AC4314" s="85"/>
      <c r="AD4314" s="85"/>
      <c r="AE4314" s="85"/>
      <c r="AF4314" s="85"/>
      <c r="AG4314" s="86"/>
      <c r="AH4314" s="85"/>
      <c r="AI4314" s="85"/>
      <c r="AJ4314" s="85"/>
      <c r="AK4314" s="85"/>
      <c r="AL4314" s="85"/>
      <c r="AM4314" s="92"/>
      <c r="AN4314" s="92"/>
      <c r="AO4314" s="92"/>
      <c r="AP4314" s="92"/>
      <c r="AQ4314" s="92"/>
      <c r="AR4314" s="92"/>
      <c r="AS4314" s="92"/>
      <c r="AT4314" s="92"/>
      <c r="AU4314" s="92"/>
      <c r="AV4314" s="92"/>
      <c r="AW4314" s="92"/>
      <c r="AX4314" s="92"/>
      <c r="AY4314" s="92"/>
      <c r="AZ4314" s="93"/>
      <c r="BA4314" s="93"/>
      <c r="BB4314" s="93"/>
      <c r="BC4314" s="93"/>
      <c r="BD4314" s="93"/>
      <c r="BE4314" s="93"/>
      <c r="BF4314" s="93"/>
      <c r="BG4314" s="93"/>
      <c r="BH4314" s="93"/>
      <c r="BI4314" s="93"/>
      <c r="BJ4314" s="93"/>
      <c r="BK4314" s="93"/>
      <c r="BL4314" s="93"/>
    </row>
    <row r="4315" spans="2:64" x14ac:dyDescent="0.2">
      <c r="B4315" s="43"/>
      <c r="C4315" s="73"/>
      <c r="D4315" s="64"/>
      <c r="E4315" s="55"/>
      <c r="F4315" s="74"/>
      <c r="G4315" s="74"/>
      <c r="H4315" s="74"/>
      <c r="I4315" s="75"/>
      <c r="J4315" s="74"/>
      <c r="L4315" s="55"/>
      <c r="M4315" s="234"/>
      <c r="N4315" s="65"/>
      <c r="O4315" s="76"/>
      <c r="P4315" s="76"/>
      <c r="Q4315" s="65"/>
      <c r="R4315" s="76"/>
      <c r="S4315" s="76"/>
      <c r="T4315" s="76"/>
      <c r="U4315" s="76"/>
      <c r="V4315" s="76"/>
      <c r="W4315" s="76"/>
      <c r="X4315" s="76"/>
      <c r="Y4315" s="76"/>
      <c r="Z4315" s="76"/>
      <c r="AA4315" s="85"/>
      <c r="AB4315" s="85"/>
      <c r="AC4315" s="85"/>
      <c r="AD4315" s="85"/>
      <c r="AE4315" s="85"/>
      <c r="AF4315" s="85"/>
      <c r="AG4315" s="86"/>
      <c r="AH4315" s="85"/>
      <c r="AI4315" s="85"/>
      <c r="AJ4315" s="85"/>
      <c r="AK4315" s="85"/>
      <c r="AL4315" s="85"/>
      <c r="AM4315" s="92"/>
      <c r="AN4315" s="92"/>
      <c r="AO4315" s="92"/>
      <c r="AP4315" s="92"/>
      <c r="AQ4315" s="92"/>
      <c r="AR4315" s="92"/>
      <c r="AS4315" s="92"/>
      <c r="AT4315" s="92"/>
      <c r="AU4315" s="92"/>
      <c r="AV4315" s="92"/>
      <c r="AW4315" s="92"/>
      <c r="AX4315" s="92"/>
      <c r="AY4315" s="92"/>
      <c r="AZ4315" s="93"/>
      <c r="BA4315" s="93"/>
      <c r="BB4315" s="93"/>
      <c r="BC4315" s="93"/>
      <c r="BD4315" s="93"/>
      <c r="BE4315" s="93"/>
      <c r="BF4315" s="93"/>
      <c r="BG4315" s="93"/>
      <c r="BH4315" s="93"/>
      <c r="BI4315" s="93"/>
      <c r="BJ4315" s="93"/>
      <c r="BK4315" s="93"/>
      <c r="BL4315" s="93"/>
    </row>
    <row r="4316" spans="2:64" x14ac:dyDescent="0.2">
      <c r="B4316" s="43"/>
      <c r="C4316" s="73"/>
      <c r="D4316" s="64"/>
      <c r="E4316" s="55"/>
      <c r="F4316" s="74"/>
      <c r="G4316" s="74"/>
      <c r="H4316" s="74"/>
      <c r="I4316" s="75"/>
      <c r="J4316" s="74"/>
      <c r="L4316" s="55"/>
      <c r="M4316" s="234"/>
      <c r="N4316" s="65"/>
      <c r="O4316" s="76"/>
      <c r="P4316" s="76"/>
      <c r="Q4316" s="65"/>
      <c r="R4316" s="76"/>
      <c r="S4316" s="76"/>
      <c r="T4316" s="76"/>
      <c r="U4316" s="76"/>
      <c r="V4316" s="76"/>
      <c r="W4316" s="76"/>
      <c r="X4316" s="76"/>
      <c r="Y4316" s="76"/>
      <c r="Z4316" s="76"/>
      <c r="AA4316" s="85"/>
      <c r="AB4316" s="85"/>
      <c r="AC4316" s="85"/>
      <c r="AD4316" s="85"/>
      <c r="AE4316" s="85"/>
      <c r="AF4316" s="85"/>
      <c r="AG4316" s="86"/>
      <c r="AH4316" s="85"/>
      <c r="AI4316" s="85"/>
      <c r="AJ4316" s="85"/>
      <c r="AK4316" s="85"/>
      <c r="AL4316" s="85"/>
      <c r="AM4316" s="92"/>
      <c r="AN4316" s="92"/>
      <c r="AO4316" s="92"/>
      <c r="AP4316" s="92"/>
      <c r="AQ4316" s="92"/>
      <c r="AR4316" s="92"/>
      <c r="AS4316" s="92"/>
      <c r="AT4316" s="92"/>
      <c r="AU4316" s="92"/>
      <c r="AV4316" s="92"/>
      <c r="AW4316" s="92"/>
      <c r="AX4316" s="92"/>
      <c r="AY4316" s="92"/>
      <c r="AZ4316" s="93"/>
      <c r="BA4316" s="93"/>
      <c r="BB4316" s="93"/>
      <c r="BC4316" s="93"/>
      <c r="BD4316" s="93"/>
      <c r="BE4316" s="93"/>
      <c r="BF4316" s="93"/>
      <c r="BG4316" s="93"/>
      <c r="BH4316" s="93"/>
      <c r="BI4316" s="93"/>
      <c r="BJ4316" s="93"/>
      <c r="BK4316" s="93"/>
      <c r="BL4316" s="93"/>
    </row>
    <row r="4317" spans="2:64" x14ac:dyDescent="0.2">
      <c r="B4317" s="43"/>
      <c r="C4317" s="73"/>
      <c r="D4317" s="64"/>
      <c r="E4317" s="55"/>
      <c r="F4317" s="74"/>
      <c r="G4317" s="74"/>
      <c r="H4317" s="74"/>
      <c r="I4317" s="75"/>
      <c r="J4317" s="74"/>
      <c r="L4317" s="55"/>
      <c r="M4317" s="234"/>
      <c r="N4317" s="65"/>
      <c r="O4317" s="76"/>
      <c r="P4317" s="76"/>
      <c r="Q4317" s="65"/>
      <c r="R4317" s="76"/>
      <c r="S4317" s="76"/>
      <c r="T4317" s="76"/>
      <c r="U4317" s="76"/>
      <c r="V4317" s="76"/>
      <c r="W4317" s="76"/>
      <c r="X4317" s="76"/>
      <c r="Y4317" s="76"/>
      <c r="Z4317" s="76"/>
      <c r="AA4317" s="85"/>
      <c r="AB4317" s="85"/>
      <c r="AC4317" s="85"/>
      <c r="AD4317" s="85"/>
      <c r="AE4317" s="85"/>
      <c r="AF4317" s="85"/>
      <c r="AG4317" s="86"/>
      <c r="AH4317" s="85"/>
      <c r="AI4317" s="85"/>
      <c r="AJ4317" s="85"/>
      <c r="AK4317" s="85"/>
      <c r="AL4317" s="85"/>
      <c r="AM4317" s="92"/>
      <c r="AN4317" s="92"/>
      <c r="AO4317" s="92"/>
      <c r="AP4317" s="92"/>
      <c r="AQ4317" s="92"/>
      <c r="AR4317" s="92"/>
      <c r="AS4317" s="92"/>
      <c r="AT4317" s="92"/>
      <c r="AU4317" s="92"/>
      <c r="AV4317" s="92"/>
      <c r="AW4317" s="92"/>
      <c r="AX4317" s="92"/>
      <c r="AY4317" s="92"/>
      <c r="AZ4317" s="93"/>
      <c r="BA4317" s="93"/>
      <c r="BB4317" s="93"/>
      <c r="BC4317" s="93"/>
      <c r="BD4317" s="93"/>
      <c r="BE4317" s="93"/>
      <c r="BF4317" s="93"/>
      <c r="BG4317" s="93"/>
      <c r="BH4317" s="93"/>
      <c r="BI4317" s="93"/>
      <c r="BJ4317" s="93"/>
      <c r="BK4317" s="93"/>
      <c r="BL4317" s="93"/>
    </row>
    <row r="4318" spans="2:64" x14ac:dyDescent="0.2">
      <c r="B4318" s="43"/>
      <c r="C4318" s="73"/>
      <c r="D4318" s="64"/>
      <c r="E4318" s="55"/>
      <c r="F4318" s="74"/>
      <c r="G4318" s="74"/>
      <c r="H4318" s="74"/>
      <c r="I4318" s="75"/>
      <c r="J4318" s="74"/>
      <c r="L4318" s="55"/>
      <c r="M4318" s="234"/>
      <c r="N4318" s="65"/>
      <c r="O4318" s="76"/>
      <c r="P4318" s="76"/>
      <c r="Q4318" s="65"/>
      <c r="R4318" s="76"/>
      <c r="S4318" s="76"/>
      <c r="T4318" s="76"/>
      <c r="U4318" s="76"/>
      <c r="V4318" s="76"/>
      <c r="W4318" s="76"/>
      <c r="X4318" s="76"/>
      <c r="Y4318" s="76"/>
      <c r="Z4318" s="76"/>
      <c r="AA4318" s="85"/>
      <c r="AB4318" s="85"/>
      <c r="AC4318" s="85"/>
      <c r="AD4318" s="85"/>
      <c r="AE4318" s="85"/>
      <c r="AF4318" s="85"/>
      <c r="AG4318" s="86"/>
      <c r="AH4318" s="85"/>
      <c r="AI4318" s="85"/>
      <c r="AJ4318" s="85"/>
      <c r="AK4318" s="85"/>
      <c r="AL4318" s="85"/>
      <c r="AM4318" s="92"/>
      <c r="AN4318" s="92"/>
      <c r="AO4318" s="92"/>
      <c r="AP4318" s="92"/>
      <c r="AQ4318" s="92"/>
      <c r="AR4318" s="92"/>
      <c r="AS4318" s="92"/>
      <c r="AT4318" s="92"/>
      <c r="AU4318" s="92"/>
      <c r="AV4318" s="92"/>
      <c r="AW4318" s="92"/>
      <c r="AX4318" s="92"/>
      <c r="AY4318" s="92"/>
      <c r="AZ4318" s="93"/>
      <c r="BA4318" s="93"/>
      <c r="BB4318" s="93"/>
      <c r="BC4318" s="93"/>
      <c r="BD4318" s="93"/>
      <c r="BE4318" s="93"/>
      <c r="BF4318" s="93"/>
      <c r="BG4318" s="93"/>
      <c r="BH4318" s="93"/>
      <c r="BI4318" s="93"/>
      <c r="BJ4318" s="93"/>
      <c r="BK4318" s="93"/>
      <c r="BL4318" s="93"/>
    </row>
    <row r="4319" spans="2:64" x14ac:dyDescent="0.2">
      <c r="B4319" s="43"/>
      <c r="C4319" s="73"/>
      <c r="D4319" s="64"/>
      <c r="E4319" s="55"/>
      <c r="F4319" s="74"/>
      <c r="G4319" s="74"/>
      <c r="H4319" s="74"/>
      <c r="I4319" s="75"/>
      <c r="J4319" s="74"/>
      <c r="L4319" s="55"/>
      <c r="M4319" s="234"/>
      <c r="N4319" s="65"/>
      <c r="O4319" s="76"/>
      <c r="P4319" s="76"/>
      <c r="Q4319" s="65"/>
      <c r="R4319" s="76"/>
      <c r="S4319" s="76"/>
      <c r="T4319" s="76"/>
      <c r="U4319" s="76"/>
      <c r="V4319" s="76"/>
      <c r="W4319" s="76"/>
      <c r="X4319" s="76"/>
      <c r="Y4319" s="76"/>
      <c r="Z4319" s="76"/>
      <c r="AA4319" s="85"/>
      <c r="AB4319" s="85"/>
      <c r="AC4319" s="85"/>
      <c r="AD4319" s="85"/>
      <c r="AE4319" s="85"/>
      <c r="AF4319" s="85"/>
      <c r="AG4319" s="86"/>
      <c r="AH4319" s="85"/>
      <c r="AI4319" s="85"/>
      <c r="AJ4319" s="85"/>
      <c r="AK4319" s="85"/>
      <c r="AL4319" s="85"/>
      <c r="AM4319" s="92"/>
      <c r="AN4319" s="92"/>
      <c r="AO4319" s="92"/>
      <c r="AP4319" s="92"/>
      <c r="AQ4319" s="92"/>
      <c r="AR4319" s="92"/>
      <c r="AS4319" s="92"/>
      <c r="AT4319" s="92"/>
      <c r="AU4319" s="92"/>
      <c r="AV4319" s="92"/>
      <c r="AW4319" s="92"/>
      <c r="AX4319" s="92"/>
      <c r="AY4319" s="92"/>
      <c r="AZ4319" s="93"/>
      <c r="BA4319" s="93"/>
      <c r="BB4319" s="93"/>
      <c r="BC4319" s="93"/>
      <c r="BD4319" s="93"/>
      <c r="BE4319" s="93"/>
      <c r="BF4319" s="93"/>
      <c r="BG4319" s="93"/>
      <c r="BH4319" s="93"/>
      <c r="BI4319" s="93"/>
      <c r="BJ4319" s="93"/>
      <c r="BK4319" s="93"/>
      <c r="BL4319" s="93"/>
    </row>
    <row r="4320" spans="2:64" x14ac:dyDescent="0.2">
      <c r="B4320" s="43"/>
      <c r="C4320" s="73"/>
      <c r="D4320" s="64"/>
      <c r="E4320" s="55"/>
      <c r="F4320" s="74"/>
      <c r="G4320" s="74"/>
      <c r="H4320" s="74"/>
      <c r="I4320" s="75"/>
      <c r="J4320" s="74"/>
      <c r="L4320" s="55"/>
      <c r="M4320" s="234"/>
      <c r="N4320" s="65"/>
      <c r="O4320" s="76"/>
      <c r="P4320" s="76"/>
      <c r="Q4320" s="65"/>
      <c r="R4320" s="76"/>
      <c r="S4320" s="76"/>
      <c r="T4320" s="76"/>
      <c r="U4320" s="76"/>
      <c r="V4320" s="76"/>
      <c r="W4320" s="76"/>
      <c r="X4320" s="76"/>
      <c r="Y4320" s="76"/>
      <c r="Z4320" s="76"/>
      <c r="AA4320" s="85"/>
      <c r="AB4320" s="85"/>
      <c r="AC4320" s="85"/>
      <c r="AD4320" s="85"/>
      <c r="AE4320" s="85"/>
      <c r="AF4320" s="85"/>
      <c r="AG4320" s="86"/>
      <c r="AH4320" s="85"/>
      <c r="AI4320" s="85"/>
      <c r="AJ4320" s="85"/>
      <c r="AK4320" s="85"/>
      <c r="AL4320" s="85"/>
      <c r="AM4320" s="92"/>
      <c r="AN4320" s="92"/>
      <c r="AO4320" s="92"/>
      <c r="AP4320" s="92"/>
      <c r="AQ4320" s="92"/>
      <c r="AR4320" s="92"/>
      <c r="AS4320" s="92"/>
      <c r="AT4320" s="92"/>
      <c r="AU4320" s="92"/>
      <c r="AV4320" s="92"/>
      <c r="AW4320" s="92"/>
      <c r="AX4320" s="92"/>
      <c r="AY4320" s="92"/>
      <c r="AZ4320" s="93"/>
      <c r="BA4320" s="93"/>
      <c r="BB4320" s="93"/>
      <c r="BC4320" s="93"/>
      <c r="BD4320" s="93"/>
      <c r="BE4320" s="93"/>
      <c r="BF4320" s="93"/>
      <c r="BG4320" s="93"/>
      <c r="BH4320" s="93"/>
      <c r="BI4320" s="93"/>
      <c r="BJ4320" s="93"/>
      <c r="BK4320" s="93"/>
      <c r="BL4320" s="93"/>
    </row>
    <row r="4321" spans="2:64" x14ac:dyDescent="0.2">
      <c r="B4321" s="43"/>
      <c r="C4321" s="73"/>
      <c r="D4321" s="64"/>
      <c r="E4321" s="55"/>
      <c r="F4321" s="74"/>
      <c r="G4321" s="74"/>
      <c r="H4321" s="74"/>
      <c r="I4321" s="75"/>
      <c r="J4321" s="74"/>
      <c r="L4321" s="55"/>
      <c r="M4321" s="234"/>
      <c r="N4321" s="65"/>
      <c r="O4321" s="76"/>
      <c r="P4321" s="76"/>
      <c r="Q4321" s="65"/>
      <c r="R4321" s="76"/>
      <c r="S4321" s="76"/>
      <c r="T4321" s="76"/>
      <c r="U4321" s="76"/>
      <c r="V4321" s="76"/>
      <c r="W4321" s="76"/>
      <c r="X4321" s="76"/>
      <c r="Y4321" s="76"/>
      <c r="Z4321" s="76"/>
      <c r="AA4321" s="85"/>
      <c r="AB4321" s="85"/>
      <c r="AC4321" s="85"/>
      <c r="AD4321" s="85"/>
      <c r="AE4321" s="85"/>
      <c r="AF4321" s="85"/>
      <c r="AG4321" s="86"/>
      <c r="AH4321" s="85"/>
      <c r="AI4321" s="85"/>
      <c r="AJ4321" s="85"/>
      <c r="AK4321" s="85"/>
      <c r="AL4321" s="85"/>
      <c r="AM4321" s="92"/>
      <c r="AN4321" s="92"/>
      <c r="AO4321" s="92"/>
      <c r="AP4321" s="92"/>
      <c r="AQ4321" s="92"/>
      <c r="AR4321" s="92"/>
      <c r="AS4321" s="92"/>
      <c r="AT4321" s="92"/>
      <c r="AU4321" s="92"/>
      <c r="AV4321" s="92"/>
      <c r="AW4321" s="92"/>
      <c r="AX4321" s="92"/>
      <c r="AY4321" s="92"/>
      <c r="AZ4321" s="93"/>
      <c r="BA4321" s="93"/>
      <c r="BB4321" s="93"/>
      <c r="BC4321" s="93"/>
      <c r="BD4321" s="93"/>
      <c r="BE4321" s="93"/>
      <c r="BF4321" s="93"/>
      <c r="BG4321" s="93"/>
      <c r="BH4321" s="93"/>
      <c r="BI4321" s="93"/>
      <c r="BJ4321" s="93"/>
      <c r="BK4321" s="93"/>
      <c r="BL4321" s="93"/>
    </row>
    <row r="4322" spans="2:64" x14ac:dyDescent="0.2">
      <c r="B4322" s="43"/>
      <c r="C4322" s="73"/>
      <c r="D4322" s="64"/>
      <c r="E4322" s="55"/>
      <c r="F4322" s="74"/>
      <c r="G4322" s="74"/>
      <c r="H4322" s="74"/>
      <c r="I4322" s="75"/>
      <c r="J4322" s="74"/>
      <c r="L4322" s="55"/>
      <c r="M4322" s="234"/>
      <c r="N4322" s="65"/>
      <c r="O4322" s="76"/>
      <c r="P4322" s="76"/>
      <c r="Q4322" s="65"/>
      <c r="R4322" s="76"/>
      <c r="S4322" s="76"/>
      <c r="T4322" s="76"/>
      <c r="U4322" s="76"/>
      <c r="V4322" s="76"/>
      <c r="W4322" s="76"/>
      <c r="X4322" s="76"/>
      <c r="Y4322" s="76"/>
      <c r="Z4322" s="76"/>
      <c r="AA4322" s="85"/>
      <c r="AB4322" s="85"/>
      <c r="AC4322" s="85"/>
      <c r="AD4322" s="85"/>
      <c r="AE4322" s="85"/>
      <c r="AF4322" s="85"/>
      <c r="AG4322" s="86"/>
      <c r="AH4322" s="85"/>
      <c r="AI4322" s="85"/>
      <c r="AJ4322" s="85"/>
      <c r="AK4322" s="85"/>
      <c r="AL4322" s="85"/>
      <c r="AM4322" s="92"/>
      <c r="AN4322" s="92"/>
      <c r="AO4322" s="92"/>
      <c r="AP4322" s="92"/>
      <c r="AQ4322" s="92"/>
      <c r="AR4322" s="92"/>
      <c r="AS4322" s="92"/>
      <c r="AT4322" s="92"/>
      <c r="AU4322" s="92"/>
      <c r="AV4322" s="92"/>
      <c r="AW4322" s="92"/>
      <c r="AX4322" s="92"/>
      <c r="AY4322" s="92"/>
      <c r="AZ4322" s="93"/>
      <c r="BA4322" s="93"/>
      <c r="BB4322" s="93"/>
      <c r="BC4322" s="93"/>
      <c r="BD4322" s="93"/>
      <c r="BE4322" s="93"/>
      <c r="BF4322" s="93"/>
      <c r="BG4322" s="93"/>
      <c r="BH4322" s="93"/>
      <c r="BI4322" s="93"/>
      <c r="BJ4322" s="93"/>
      <c r="BK4322" s="93"/>
      <c r="BL4322" s="93"/>
    </row>
    <row r="4323" spans="2:64" x14ac:dyDescent="0.2">
      <c r="B4323" s="43"/>
      <c r="C4323" s="73"/>
      <c r="D4323" s="64"/>
      <c r="E4323" s="55"/>
      <c r="F4323" s="74"/>
      <c r="G4323" s="74"/>
      <c r="H4323" s="74"/>
      <c r="I4323" s="75"/>
      <c r="J4323" s="74"/>
      <c r="L4323" s="55"/>
      <c r="M4323" s="234"/>
      <c r="N4323" s="65"/>
      <c r="O4323" s="76"/>
      <c r="P4323" s="76"/>
      <c r="Q4323" s="65"/>
      <c r="R4323" s="76"/>
      <c r="S4323" s="76"/>
      <c r="T4323" s="76"/>
      <c r="U4323" s="76"/>
      <c r="V4323" s="76"/>
      <c r="W4323" s="76"/>
      <c r="X4323" s="76"/>
      <c r="Y4323" s="76"/>
      <c r="Z4323" s="76"/>
      <c r="AA4323" s="85"/>
      <c r="AB4323" s="85"/>
      <c r="AC4323" s="85"/>
      <c r="AD4323" s="85"/>
      <c r="AE4323" s="85"/>
      <c r="AF4323" s="85"/>
      <c r="AG4323" s="86"/>
      <c r="AH4323" s="85"/>
      <c r="AI4323" s="85"/>
      <c r="AJ4323" s="85"/>
      <c r="AK4323" s="85"/>
      <c r="AL4323" s="85"/>
      <c r="AM4323" s="92"/>
      <c r="AN4323" s="92"/>
      <c r="AO4323" s="92"/>
      <c r="AP4323" s="92"/>
      <c r="AQ4323" s="92"/>
      <c r="AR4323" s="92"/>
      <c r="AS4323" s="92"/>
      <c r="AT4323" s="92"/>
      <c r="AU4323" s="92"/>
      <c r="AV4323" s="92"/>
      <c r="AW4323" s="92"/>
      <c r="AX4323" s="92"/>
      <c r="AY4323" s="92"/>
      <c r="AZ4323" s="93"/>
      <c r="BA4323" s="93"/>
      <c r="BB4323" s="93"/>
      <c r="BC4323" s="93"/>
      <c r="BD4323" s="93"/>
      <c r="BE4323" s="93"/>
      <c r="BF4323" s="93"/>
      <c r="BG4323" s="93"/>
      <c r="BH4323" s="93"/>
      <c r="BI4323" s="93"/>
      <c r="BJ4323" s="93"/>
      <c r="BK4323" s="93"/>
      <c r="BL4323" s="93"/>
    </row>
    <row r="4324" spans="2:64" x14ac:dyDescent="0.2">
      <c r="B4324" s="43"/>
      <c r="C4324" s="73"/>
      <c r="D4324" s="64"/>
      <c r="E4324" s="55"/>
      <c r="F4324" s="74"/>
      <c r="G4324" s="74"/>
      <c r="H4324" s="74"/>
      <c r="I4324" s="75"/>
      <c r="J4324" s="74"/>
      <c r="L4324" s="55"/>
      <c r="M4324" s="234"/>
      <c r="N4324" s="65"/>
      <c r="O4324" s="76"/>
      <c r="P4324" s="76"/>
      <c r="Q4324" s="65"/>
      <c r="R4324" s="76"/>
      <c r="S4324" s="76"/>
      <c r="T4324" s="76"/>
      <c r="U4324" s="76"/>
      <c r="V4324" s="76"/>
      <c r="W4324" s="76"/>
      <c r="X4324" s="76"/>
      <c r="Y4324" s="76"/>
      <c r="Z4324" s="76"/>
      <c r="AA4324" s="85"/>
      <c r="AB4324" s="85"/>
      <c r="AC4324" s="85"/>
      <c r="AD4324" s="85"/>
      <c r="AE4324" s="85"/>
      <c r="AF4324" s="85"/>
      <c r="AG4324" s="86"/>
      <c r="AH4324" s="85"/>
      <c r="AI4324" s="85"/>
      <c r="AJ4324" s="85"/>
      <c r="AK4324" s="85"/>
      <c r="AL4324" s="85"/>
      <c r="AM4324" s="92"/>
      <c r="AN4324" s="92"/>
      <c r="AO4324" s="92"/>
      <c r="AP4324" s="92"/>
      <c r="AQ4324" s="92"/>
      <c r="AR4324" s="92"/>
      <c r="AS4324" s="92"/>
      <c r="AT4324" s="92"/>
      <c r="AU4324" s="92"/>
      <c r="AV4324" s="92"/>
      <c r="AW4324" s="92"/>
      <c r="AX4324" s="92"/>
      <c r="AY4324" s="92"/>
      <c r="AZ4324" s="93"/>
      <c r="BA4324" s="93"/>
      <c r="BB4324" s="93"/>
      <c r="BC4324" s="93"/>
      <c r="BD4324" s="93"/>
      <c r="BE4324" s="93"/>
      <c r="BF4324" s="93"/>
      <c r="BG4324" s="93"/>
      <c r="BH4324" s="93"/>
      <c r="BI4324" s="93"/>
      <c r="BJ4324" s="93"/>
      <c r="BK4324" s="93"/>
      <c r="BL4324" s="93"/>
    </row>
    <row r="4325" spans="2:64" x14ac:dyDescent="0.2">
      <c r="B4325" s="43"/>
      <c r="C4325" s="73"/>
      <c r="D4325" s="64"/>
      <c r="E4325" s="55"/>
      <c r="F4325" s="74"/>
      <c r="G4325" s="74"/>
      <c r="H4325" s="74"/>
      <c r="I4325" s="75"/>
      <c r="J4325" s="74"/>
      <c r="L4325" s="55"/>
      <c r="M4325" s="234"/>
      <c r="N4325" s="65"/>
      <c r="O4325" s="76"/>
      <c r="P4325" s="76"/>
      <c r="Q4325" s="65"/>
      <c r="R4325" s="76"/>
      <c r="S4325" s="76"/>
      <c r="T4325" s="76"/>
      <c r="U4325" s="76"/>
      <c r="V4325" s="76"/>
      <c r="W4325" s="76"/>
      <c r="X4325" s="76"/>
      <c r="Y4325" s="76"/>
      <c r="Z4325" s="76"/>
      <c r="AA4325" s="85"/>
      <c r="AB4325" s="85"/>
      <c r="AC4325" s="85"/>
      <c r="AD4325" s="85"/>
      <c r="AE4325" s="85"/>
      <c r="AF4325" s="85"/>
      <c r="AG4325" s="86"/>
      <c r="AH4325" s="85"/>
      <c r="AI4325" s="85"/>
      <c r="AJ4325" s="85"/>
      <c r="AK4325" s="85"/>
      <c r="AL4325" s="85"/>
      <c r="AM4325" s="92"/>
      <c r="AN4325" s="92"/>
      <c r="AO4325" s="92"/>
      <c r="AP4325" s="92"/>
      <c r="AQ4325" s="92"/>
      <c r="AR4325" s="92"/>
      <c r="AS4325" s="92"/>
      <c r="AT4325" s="92"/>
      <c r="AU4325" s="92"/>
      <c r="AV4325" s="92"/>
      <c r="AW4325" s="92"/>
      <c r="AX4325" s="92"/>
      <c r="AY4325" s="92"/>
      <c r="AZ4325" s="93"/>
      <c r="BA4325" s="93"/>
      <c r="BB4325" s="93"/>
      <c r="BC4325" s="93"/>
      <c r="BD4325" s="93"/>
      <c r="BE4325" s="93"/>
      <c r="BF4325" s="93"/>
      <c r="BG4325" s="93"/>
      <c r="BH4325" s="93"/>
      <c r="BI4325" s="93"/>
      <c r="BJ4325" s="93"/>
      <c r="BK4325" s="93"/>
      <c r="BL4325" s="93"/>
    </row>
    <row r="4326" spans="2:64" x14ac:dyDescent="0.2">
      <c r="B4326" s="43"/>
      <c r="C4326" s="73"/>
      <c r="D4326" s="64"/>
      <c r="E4326" s="55"/>
      <c r="F4326" s="74"/>
      <c r="G4326" s="74"/>
      <c r="H4326" s="74"/>
      <c r="I4326" s="75"/>
      <c r="J4326" s="74"/>
      <c r="L4326" s="55"/>
      <c r="M4326" s="234"/>
      <c r="N4326" s="65"/>
      <c r="O4326" s="76"/>
      <c r="P4326" s="76"/>
      <c r="Q4326" s="65"/>
      <c r="R4326" s="76"/>
      <c r="S4326" s="76"/>
      <c r="T4326" s="76"/>
      <c r="U4326" s="76"/>
      <c r="V4326" s="76"/>
      <c r="W4326" s="76"/>
      <c r="X4326" s="76"/>
      <c r="Y4326" s="76"/>
      <c r="Z4326" s="76"/>
      <c r="AA4326" s="85"/>
      <c r="AB4326" s="85"/>
      <c r="AC4326" s="85"/>
      <c r="AD4326" s="85"/>
      <c r="AE4326" s="85"/>
      <c r="AF4326" s="85"/>
      <c r="AG4326" s="86"/>
      <c r="AH4326" s="85"/>
      <c r="AI4326" s="85"/>
      <c r="AJ4326" s="85"/>
      <c r="AK4326" s="85"/>
      <c r="AL4326" s="85"/>
      <c r="AM4326" s="92"/>
      <c r="AN4326" s="92"/>
      <c r="AO4326" s="92"/>
      <c r="AP4326" s="92"/>
      <c r="AQ4326" s="92"/>
      <c r="AR4326" s="92"/>
      <c r="AS4326" s="92"/>
      <c r="AT4326" s="92"/>
      <c r="AU4326" s="92"/>
      <c r="AV4326" s="92"/>
      <c r="AW4326" s="92"/>
      <c r="AX4326" s="92"/>
      <c r="AY4326" s="92"/>
      <c r="AZ4326" s="93"/>
      <c r="BA4326" s="93"/>
      <c r="BB4326" s="93"/>
      <c r="BC4326" s="93"/>
      <c r="BD4326" s="93"/>
      <c r="BE4326" s="93"/>
      <c r="BF4326" s="93"/>
      <c r="BG4326" s="93"/>
      <c r="BH4326" s="93"/>
      <c r="BI4326" s="93"/>
      <c r="BJ4326" s="93"/>
      <c r="BK4326" s="93"/>
      <c r="BL4326" s="93"/>
    </row>
    <row r="4327" spans="2:64" x14ac:dyDescent="0.2">
      <c r="B4327" s="43"/>
      <c r="C4327" s="73"/>
      <c r="D4327" s="64"/>
      <c r="E4327" s="55"/>
      <c r="F4327" s="74"/>
      <c r="G4327" s="74"/>
      <c r="H4327" s="74"/>
      <c r="I4327" s="75"/>
      <c r="J4327" s="74"/>
      <c r="L4327" s="55"/>
      <c r="M4327" s="234"/>
      <c r="N4327" s="65"/>
      <c r="O4327" s="76"/>
      <c r="P4327" s="76"/>
      <c r="Q4327" s="65"/>
      <c r="R4327" s="76"/>
      <c r="S4327" s="76"/>
      <c r="T4327" s="76"/>
      <c r="U4327" s="76"/>
      <c r="V4327" s="76"/>
      <c r="W4327" s="76"/>
      <c r="X4327" s="76"/>
      <c r="Y4327" s="76"/>
      <c r="Z4327" s="76"/>
      <c r="AA4327" s="85"/>
      <c r="AB4327" s="85"/>
      <c r="AC4327" s="85"/>
      <c r="AD4327" s="85"/>
      <c r="AE4327" s="85"/>
      <c r="AF4327" s="85"/>
      <c r="AG4327" s="86"/>
      <c r="AH4327" s="85"/>
      <c r="AI4327" s="85"/>
      <c r="AJ4327" s="85"/>
      <c r="AK4327" s="85"/>
      <c r="AL4327" s="85"/>
      <c r="AM4327" s="92"/>
      <c r="AN4327" s="92"/>
      <c r="AO4327" s="92"/>
      <c r="AP4327" s="92"/>
      <c r="AQ4327" s="92"/>
      <c r="AR4327" s="92"/>
      <c r="AS4327" s="92"/>
      <c r="AT4327" s="92"/>
      <c r="AU4327" s="92"/>
      <c r="AV4327" s="92"/>
      <c r="AW4327" s="92"/>
      <c r="AX4327" s="92"/>
      <c r="AY4327" s="92"/>
      <c r="AZ4327" s="93"/>
      <c r="BA4327" s="93"/>
      <c r="BB4327" s="93"/>
      <c r="BC4327" s="93"/>
      <c r="BD4327" s="93"/>
      <c r="BE4327" s="93"/>
      <c r="BF4327" s="93"/>
      <c r="BG4327" s="93"/>
      <c r="BH4327" s="93"/>
      <c r="BI4327" s="93"/>
      <c r="BJ4327" s="93"/>
      <c r="BK4327" s="93"/>
      <c r="BL4327" s="93"/>
    </row>
    <row r="4328" spans="2:64" x14ac:dyDescent="0.2">
      <c r="B4328" s="43"/>
      <c r="C4328" s="73"/>
      <c r="D4328" s="64"/>
      <c r="E4328" s="55"/>
      <c r="F4328" s="74"/>
      <c r="G4328" s="74"/>
      <c r="H4328" s="74"/>
      <c r="I4328" s="75"/>
      <c r="J4328" s="74"/>
      <c r="L4328" s="55"/>
      <c r="M4328" s="234"/>
      <c r="N4328" s="65"/>
      <c r="O4328" s="76"/>
      <c r="P4328" s="76"/>
      <c r="Q4328" s="65"/>
      <c r="R4328" s="76"/>
      <c r="S4328" s="76"/>
      <c r="T4328" s="76"/>
      <c r="U4328" s="76"/>
      <c r="V4328" s="76"/>
      <c r="W4328" s="76"/>
      <c r="X4328" s="76"/>
      <c r="Y4328" s="76"/>
      <c r="Z4328" s="76"/>
      <c r="AA4328" s="85"/>
      <c r="AB4328" s="85"/>
      <c r="AC4328" s="85"/>
      <c r="AD4328" s="85"/>
      <c r="AE4328" s="85"/>
      <c r="AF4328" s="85"/>
      <c r="AG4328" s="86"/>
      <c r="AH4328" s="85"/>
      <c r="AI4328" s="85"/>
      <c r="AJ4328" s="85"/>
      <c r="AK4328" s="85"/>
      <c r="AL4328" s="85"/>
      <c r="AM4328" s="92"/>
      <c r="AN4328" s="92"/>
      <c r="AO4328" s="92"/>
      <c r="AP4328" s="92"/>
      <c r="AQ4328" s="92"/>
      <c r="AR4328" s="92"/>
      <c r="AS4328" s="92"/>
      <c r="AT4328" s="92"/>
      <c r="AU4328" s="92"/>
      <c r="AV4328" s="92"/>
      <c r="AW4328" s="92"/>
      <c r="AX4328" s="92"/>
      <c r="AY4328" s="92"/>
      <c r="AZ4328" s="93"/>
      <c r="BA4328" s="93"/>
      <c r="BB4328" s="93"/>
      <c r="BC4328" s="93"/>
      <c r="BD4328" s="93"/>
      <c r="BE4328" s="93"/>
      <c r="BF4328" s="93"/>
      <c r="BG4328" s="93"/>
      <c r="BH4328" s="93"/>
      <c r="BI4328" s="93"/>
      <c r="BJ4328" s="93"/>
      <c r="BK4328" s="93"/>
      <c r="BL4328" s="93"/>
    </row>
    <row r="4329" spans="2:64" x14ac:dyDescent="0.2">
      <c r="B4329" s="43"/>
      <c r="C4329" s="73"/>
      <c r="D4329" s="64"/>
      <c r="E4329" s="55"/>
      <c r="F4329" s="74"/>
      <c r="G4329" s="74"/>
      <c r="H4329" s="74"/>
      <c r="I4329" s="75"/>
      <c r="J4329" s="74"/>
      <c r="L4329" s="55"/>
      <c r="M4329" s="234"/>
      <c r="N4329" s="65"/>
      <c r="O4329" s="76"/>
      <c r="P4329" s="76"/>
      <c r="Q4329" s="65"/>
      <c r="R4329" s="76"/>
      <c r="S4329" s="76"/>
      <c r="T4329" s="76"/>
      <c r="U4329" s="76"/>
      <c r="V4329" s="76"/>
      <c r="W4329" s="76"/>
      <c r="X4329" s="76"/>
      <c r="Y4329" s="76"/>
      <c r="Z4329" s="76"/>
      <c r="AA4329" s="85"/>
      <c r="AB4329" s="85"/>
      <c r="AC4329" s="85"/>
      <c r="AD4329" s="85"/>
      <c r="AE4329" s="85"/>
      <c r="AF4329" s="85"/>
      <c r="AG4329" s="86"/>
      <c r="AH4329" s="85"/>
      <c r="AI4329" s="85"/>
      <c r="AJ4329" s="85"/>
      <c r="AK4329" s="85"/>
      <c r="AL4329" s="85"/>
      <c r="AM4329" s="92"/>
      <c r="AN4329" s="92"/>
      <c r="AO4329" s="92"/>
      <c r="AP4329" s="92"/>
      <c r="AQ4329" s="92"/>
      <c r="AR4329" s="92"/>
      <c r="AS4329" s="92"/>
      <c r="AT4329" s="92"/>
      <c r="AU4329" s="92"/>
      <c r="AV4329" s="92"/>
      <c r="AW4329" s="92"/>
      <c r="AX4329" s="92"/>
      <c r="AY4329" s="92"/>
      <c r="AZ4329" s="93"/>
      <c r="BA4329" s="93"/>
      <c r="BB4329" s="93"/>
      <c r="BC4329" s="93"/>
      <c r="BD4329" s="93"/>
      <c r="BE4329" s="93"/>
      <c r="BF4329" s="93"/>
      <c r="BG4329" s="93"/>
      <c r="BH4329" s="93"/>
      <c r="BI4329" s="93"/>
      <c r="BJ4329" s="93"/>
      <c r="BK4329" s="93"/>
      <c r="BL4329" s="93"/>
    </row>
    <row r="4330" spans="2:64" x14ac:dyDescent="0.2">
      <c r="B4330" s="43"/>
      <c r="C4330" s="73"/>
      <c r="D4330" s="64"/>
      <c r="E4330" s="55"/>
      <c r="F4330" s="74"/>
      <c r="G4330" s="74"/>
      <c r="H4330" s="74"/>
      <c r="I4330" s="75"/>
      <c r="J4330" s="74"/>
      <c r="L4330" s="55"/>
      <c r="M4330" s="234"/>
      <c r="N4330" s="65"/>
      <c r="O4330" s="76"/>
      <c r="P4330" s="76"/>
      <c r="Q4330" s="65"/>
      <c r="R4330" s="76"/>
      <c r="S4330" s="76"/>
      <c r="T4330" s="76"/>
      <c r="U4330" s="76"/>
      <c r="V4330" s="76"/>
      <c r="W4330" s="76"/>
      <c r="X4330" s="76"/>
      <c r="Y4330" s="76"/>
      <c r="Z4330" s="76"/>
      <c r="AA4330" s="85"/>
      <c r="AB4330" s="85"/>
      <c r="AC4330" s="85"/>
      <c r="AD4330" s="85"/>
      <c r="AE4330" s="85"/>
      <c r="AF4330" s="85"/>
      <c r="AG4330" s="86"/>
      <c r="AH4330" s="85"/>
      <c r="AI4330" s="85"/>
      <c r="AJ4330" s="85"/>
      <c r="AK4330" s="85"/>
      <c r="AL4330" s="85"/>
      <c r="AM4330" s="92"/>
      <c r="AN4330" s="92"/>
      <c r="AO4330" s="92"/>
      <c r="AP4330" s="92"/>
      <c r="AQ4330" s="92"/>
      <c r="AR4330" s="92"/>
      <c r="AS4330" s="92"/>
      <c r="AT4330" s="92"/>
      <c r="AU4330" s="92"/>
      <c r="AV4330" s="92"/>
      <c r="AW4330" s="92"/>
      <c r="AX4330" s="92"/>
      <c r="AY4330" s="92"/>
      <c r="AZ4330" s="93"/>
      <c r="BA4330" s="93"/>
      <c r="BB4330" s="93"/>
      <c r="BC4330" s="93"/>
      <c r="BD4330" s="93"/>
      <c r="BE4330" s="93"/>
      <c r="BF4330" s="93"/>
      <c r="BG4330" s="93"/>
      <c r="BH4330" s="93"/>
      <c r="BI4330" s="93"/>
      <c r="BJ4330" s="93"/>
      <c r="BK4330" s="93"/>
      <c r="BL4330" s="93"/>
    </row>
    <row r="4331" spans="2:64" x14ac:dyDescent="0.2">
      <c r="B4331" s="43"/>
      <c r="C4331" s="73"/>
      <c r="D4331" s="64"/>
      <c r="E4331" s="55"/>
      <c r="F4331" s="74"/>
      <c r="G4331" s="74"/>
      <c r="H4331" s="74"/>
      <c r="I4331" s="75"/>
      <c r="J4331" s="74"/>
      <c r="L4331" s="55"/>
      <c r="M4331" s="234"/>
      <c r="N4331" s="65"/>
      <c r="O4331" s="76"/>
      <c r="P4331" s="76"/>
      <c r="Q4331" s="65"/>
      <c r="R4331" s="76"/>
      <c r="S4331" s="76"/>
      <c r="T4331" s="76"/>
      <c r="U4331" s="76"/>
      <c r="V4331" s="76"/>
      <c r="W4331" s="76"/>
      <c r="X4331" s="76"/>
      <c r="Y4331" s="76"/>
      <c r="Z4331" s="76"/>
      <c r="AA4331" s="85"/>
      <c r="AB4331" s="85"/>
      <c r="AC4331" s="85"/>
      <c r="AD4331" s="85"/>
      <c r="AE4331" s="85"/>
      <c r="AF4331" s="85"/>
      <c r="AG4331" s="86"/>
      <c r="AH4331" s="85"/>
      <c r="AI4331" s="85"/>
      <c r="AJ4331" s="85"/>
      <c r="AK4331" s="85"/>
      <c r="AL4331" s="85"/>
      <c r="AM4331" s="92"/>
      <c r="AN4331" s="92"/>
      <c r="AO4331" s="92"/>
      <c r="AP4331" s="92"/>
      <c r="AQ4331" s="92"/>
      <c r="AR4331" s="92"/>
      <c r="AS4331" s="92"/>
      <c r="AT4331" s="92"/>
      <c r="AU4331" s="92"/>
      <c r="AV4331" s="92"/>
      <c r="AW4331" s="92"/>
      <c r="AX4331" s="92"/>
      <c r="AY4331" s="92"/>
      <c r="AZ4331" s="93"/>
      <c r="BA4331" s="93"/>
      <c r="BB4331" s="93"/>
      <c r="BC4331" s="93"/>
      <c r="BD4331" s="93"/>
      <c r="BE4331" s="93"/>
      <c r="BF4331" s="93"/>
      <c r="BG4331" s="93"/>
      <c r="BH4331" s="93"/>
      <c r="BI4331" s="93"/>
      <c r="BJ4331" s="93"/>
      <c r="BK4331" s="93"/>
      <c r="BL4331" s="93"/>
    </row>
    <row r="4332" spans="2:64" x14ac:dyDescent="0.2">
      <c r="B4332" s="43"/>
      <c r="C4332" s="73"/>
      <c r="D4332" s="64"/>
      <c r="E4332" s="55"/>
      <c r="F4332" s="74"/>
      <c r="G4332" s="74"/>
      <c r="H4332" s="74"/>
      <c r="I4332" s="75"/>
      <c r="J4332" s="74"/>
      <c r="L4332" s="55"/>
      <c r="M4332" s="234"/>
      <c r="N4332" s="65"/>
      <c r="O4332" s="76"/>
      <c r="P4332" s="76"/>
      <c r="Q4332" s="65"/>
      <c r="R4332" s="76"/>
      <c r="S4332" s="76"/>
      <c r="T4332" s="76"/>
      <c r="U4332" s="76"/>
      <c r="V4332" s="76"/>
      <c r="W4332" s="76"/>
      <c r="X4332" s="76"/>
      <c r="Y4332" s="76"/>
      <c r="Z4332" s="76"/>
      <c r="AA4332" s="85"/>
      <c r="AB4332" s="85"/>
      <c r="AC4332" s="85"/>
      <c r="AD4332" s="85"/>
      <c r="AE4332" s="85"/>
      <c r="AF4332" s="85"/>
      <c r="AG4332" s="86"/>
      <c r="AH4332" s="85"/>
      <c r="AI4332" s="85"/>
      <c r="AJ4332" s="85"/>
      <c r="AK4332" s="85"/>
      <c r="AL4332" s="85"/>
      <c r="AM4332" s="92"/>
      <c r="AN4332" s="92"/>
      <c r="AO4332" s="92"/>
      <c r="AP4332" s="92"/>
      <c r="AQ4332" s="92"/>
      <c r="AR4332" s="92"/>
      <c r="AS4332" s="92"/>
      <c r="AT4332" s="92"/>
      <c r="AU4332" s="92"/>
      <c r="AV4332" s="92"/>
      <c r="AW4332" s="92"/>
      <c r="AX4332" s="92"/>
      <c r="AY4332" s="92"/>
      <c r="AZ4332" s="93"/>
      <c r="BA4332" s="93"/>
      <c r="BB4332" s="93"/>
      <c r="BC4332" s="93"/>
      <c r="BD4332" s="93"/>
      <c r="BE4332" s="93"/>
      <c r="BF4332" s="93"/>
      <c r="BG4332" s="93"/>
      <c r="BH4332" s="93"/>
      <c r="BI4332" s="93"/>
      <c r="BJ4332" s="93"/>
      <c r="BK4332" s="93"/>
      <c r="BL4332" s="93"/>
    </row>
    <row r="4333" spans="2:64" x14ac:dyDescent="0.2">
      <c r="B4333" s="43"/>
      <c r="C4333" s="73"/>
      <c r="D4333" s="64"/>
      <c r="E4333" s="55"/>
      <c r="F4333" s="74"/>
      <c r="G4333" s="74"/>
      <c r="H4333" s="74"/>
      <c r="I4333" s="75"/>
      <c r="J4333" s="74"/>
      <c r="L4333" s="55"/>
      <c r="M4333" s="234"/>
      <c r="N4333" s="65"/>
      <c r="O4333" s="76"/>
      <c r="P4333" s="76"/>
      <c r="Q4333" s="65"/>
      <c r="R4333" s="76"/>
      <c r="S4333" s="76"/>
      <c r="T4333" s="76"/>
      <c r="U4333" s="76"/>
      <c r="V4333" s="76"/>
      <c r="W4333" s="76"/>
      <c r="X4333" s="76"/>
      <c r="Y4333" s="76"/>
      <c r="Z4333" s="76"/>
      <c r="AA4333" s="85"/>
      <c r="AB4333" s="85"/>
      <c r="AC4333" s="85"/>
      <c r="AD4333" s="85"/>
      <c r="AE4333" s="85"/>
      <c r="AF4333" s="85"/>
      <c r="AG4333" s="86"/>
      <c r="AH4333" s="85"/>
      <c r="AI4333" s="85"/>
      <c r="AJ4333" s="85"/>
      <c r="AK4333" s="85"/>
      <c r="AL4333" s="85"/>
      <c r="AM4333" s="92"/>
      <c r="AN4333" s="92"/>
      <c r="AO4333" s="92"/>
      <c r="AP4333" s="92"/>
      <c r="AQ4333" s="92"/>
      <c r="AR4333" s="92"/>
      <c r="AS4333" s="92"/>
      <c r="AT4333" s="92"/>
      <c r="AU4333" s="92"/>
      <c r="AV4333" s="92"/>
      <c r="AW4333" s="92"/>
      <c r="AX4333" s="92"/>
      <c r="AY4333" s="92"/>
      <c r="AZ4333" s="93"/>
      <c r="BA4333" s="93"/>
      <c r="BB4333" s="93"/>
      <c r="BC4333" s="93"/>
      <c r="BD4333" s="93"/>
      <c r="BE4333" s="93"/>
      <c r="BF4333" s="93"/>
      <c r="BG4333" s="93"/>
      <c r="BH4333" s="93"/>
      <c r="BI4333" s="93"/>
      <c r="BJ4333" s="93"/>
      <c r="BK4333" s="93"/>
      <c r="BL4333" s="93"/>
    </row>
    <row r="4334" spans="2:64" x14ac:dyDescent="0.2">
      <c r="B4334" s="43"/>
      <c r="C4334" s="73"/>
      <c r="D4334" s="64"/>
      <c r="E4334" s="55"/>
      <c r="F4334" s="74"/>
      <c r="G4334" s="74"/>
      <c r="H4334" s="74"/>
      <c r="I4334" s="75"/>
      <c r="J4334" s="74"/>
      <c r="L4334" s="55"/>
      <c r="M4334" s="234"/>
      <c r="N4334" s="65"/>
      <c r="O4334" s="76"/>
      <c r="P4334" s="76"/>
      <c r="Q4334" s="65"/>
      <c r="R4334" s="76"/>
      <c r="S4334" s="76"/>
      <c r="T4334" s="76"/>
      <c r="U4334" s="76"/>
      <c r="V4334" s="76"/>
      <c r="W4334" s="76"/>
      <c r="X4334" s="76"/>
      <c r="Y4334" s="76"/>
      <c r="Z4334" s="76"/>
      <c r="AA4334" s="85"/>
      <c r="AB4334" s="85"/>
      <c r="AC4334" s="85"/>
      <c r="AD4334" s="85"/>
      <c r="AE4334" s="85"/>
      <c r="AF4334" s="85"/>
      <c r="AG4334" s="86"/>
      <c r="AH4334" s="85"/>
      <c r="AI4334" s="85"/>
      <c r="AJ4334" s="85"/>
      <c r="AK4334" s="85"/>
      <c r="AL4334" s="85"/>
      <c r="AM4334" s="92"/>
      <c r="AN4334" s="92"/>
      <c r="AO4334" s="92"/>
      <c r="AP4334" s="92"/>
      <c r="AQ4334" s="92"/>
      <c r="AR4334" s="92"/>
      <c r="AS4334" s="92"/>
      <c r="AT4334" s="92"/>
      <c r="AU4334" s="92"/>
      <c r="AV4334" s="92"/>
      <c r="AW4334" s="92"/>
      <c r="AX4334" s="92"/>
      <c r="AY4334" s="92"/>
      <c r="AZ4334" s="93"/>
      <c r="BA4334" s="93"/>
      <c r="BB4334" s="93"/>
      <c r="BC4334" s="93"/>
      <c r="BD4334" s="93"/>
      <c r="BE4334" s="93"/>
      <c r="BF4334" s="93"/>
      <c r="BG4334" s="93"/>
      <c r="BH4334" s="93"/>
      <c r="BI4334" s="93"/>
      <c r="BJ4334" s="93"/>
      <c r="BK4334" s="93"/>
      <c r="BL4334" s="93"/>
    </row>
    <row r="4335" spans="2:64" x14ac:dyDescent="0.2">
      <c r="B4335" s="43"/>
      <c r="C4335" s="73"/>
      <c r="D4335" s="64"/>
      <c r="E4335" s="55"/>
      <c r="F4335" s="74"/>
      <c r="G4335" s="74"/>
      <c r="H4335" s="74"/>
      <c r="I4335" s="75"/>
      <c r="J4335" s="74"/>
      <c r="L4335" s="55"/>
      <c r="M4335" s="234"/>
      <c r="N4335" s="65"/>
      <c r="O4335" s="76"/>
      <c r="P4335" s="76"/>
      <c r="Q4335" s="65"/>
      <c r="R4335" s="76"/>
      <c r="S4335" s="76"/>
      <c r="T4335" s="76"/>
      <c r="U4335" s="76"/>
      <c r="V4335" s="76"/>
      <c r="W4335" s="76"/>
      <c r="X4335" s="76"/>
      <c r="Y4335" s="76"/>
      <c r="Z4335" s="76"/>
      <c r="AA4335" s="85"/>
      <c r="AB4335" s="85"/>
      <c r="AC4335" s="85"/>
      <c r="AD4335" s="85"/>
      <c r="AE4335" s="85"/>
      <c r="AF4335" s="85"/>
      <c r="AG4335" s="86"/>
      <c r="AH4335" s="85"/>
      <c r="AI4335" s="85"/>
      <c r="AJ4335" s="85"/>
      <c r="AK4335" s="85"/>
      <c r="AL4335" s="85"/>
      <c r="AM4335" s="92"/>
      <c r="AN4335" s="92"/>
      <c r="AO4335" s="92"/>
      <c r="AP4335" s="92"/>
      <c r="AQ4335" s="92"/>
      <c r="AR4335" s="92"/>
      <c r="AS4335" s="92"/>
      <c r="AT4335" s="92"/>
      <c r="AU4335" s="92"/>
      <c r="AV4335" s="92"/>
      <c r="AW4335" s="92"/>
      <c r="AX4335" s="92"/>
      <c r="AY4335" s="92"/>
      <c r="AZ4335" s="93"/>
      <c r="BA4335" s="93"/>
      <c r="BB4335" s="93"/>
      <c r="BC4335" s="93"/>
      <c r="BD4335" s="93"/>
      <c r="BE4335" s="93"/>
      <c r="BF4335" s="93"/>
      <c r="BG4335" s="93"/>
      <c r="BH4335" s="93"/>
      <c r="BI4335" s="93"/>
      <c r="BJ4335" s="93"/>
      <c r="BK4335" s="93"/>
      <c r="BL4335" s="93"/>
    </row>
    <row r="4336" spans="2:64" x14ac:dyDescent="0.2">
      <c r="B4336" s="43"/>
      <c r="C4336" s="73"/>
      <c r="D4336" s="64"/>
      <c r="E4336" s="55"/>
      <c r="F4336" s="74"/>
      <c r="G4336" s="74"/>
      <c r="H4336" s="74"/>
      <c r="I4336" s="75"/>
      <c r="J4336" s="74"/>
      <c r="L4336" s="55"/>
      <c r="M4336" s="234"/>
      <c r="N4336" s="65"/>
      <c r="O4336" s="76"/>
      <c r="P4336" s="76"/>
      <c r="Q4336" s="65"/>
      <c r="R4336" s="76"/>
      <c r="S4336" s="76"/>
      <c r="T4336" s="76"/>
      <c r="U4336" s="76"/>
      <c r="V4336" s="76"/>
      <c r="W4336" s="76"/>
      <c r="X4336" s="76"/>
      <c r="Y4336" s="76"/>
      <c r="Z4336" s="76"/>
      <c r="AA4336" s="85"/>
      <c r="AB4336" s="85"/>
      <c r="AC4336" s="85"/>
      <c r="AD4336" s="85"/>
      <c r="AE4336" s="85"/>
      <c r="AF4336" s="85"/>
      <c r="AG4336" s="86"/>
      <c r="AH4336" s="85"/>
      <c r="AI4336" s="85"/>
      <c r="AJ4336" s="85"/>
      <c r="AK4336" s="85"/>
      <c r="AL4336" s="85"/>
      <c r="AM4336" s="92"/>
      <c r="AN4336" s="92"/>
      <c r="AO4336" s="92"/>
      <c r="AP4336" s="92"/>
      <c r="AQ4336" s="92"/>
      <c r="AR4336" s="92"/>
      <c r="AS4336" s="92"/>
      <c r="AT4336" s="92"/>
      <c r="AU4336" s="92"/>
      <c r="AV4336" s="92"/>
      <c r="AW4336" s="92"/>
      <c r="AX4336" s="92"/>
      <c r="AY4336" s="92"/>
      <c r="AZ4336" s="93"/>
      <c r="BA4336" s="93"/>
      <c r="BB4336" s="93"/>
      <c r="BC4336" s="93"/>
      <c r="BD4336" s="93"/>
      <c r="BE4336" s="93"/>
      <c r="BF4336" s="93"/>
      <c r="BG4336" s="93"/>
      <c r="BH4336" s="93"/>
      <c r="BI4336" s="93"/>
      <c r="BJ4336" s="93"/>
      <c r="BK4336" s="93"/>
      <c r="BL4336" s="93"/>
    </row>
    <row r="4337" spans="2:64" x14ac:dyDescent="0.2">
      <c r="B4337" s="43"/>
      <c r="C4337" s="73"/>
      <c r="D4337" s="64"/>
      <c r="E4337" s="55"/>
      <c r="F4337" s="74"/>
      <c r="G4337" s="74"/>
      <c r="H4337" s="74"/>
      <c r="I4337" s="75"/>
      <c r="J4337" s="74"/>
      <c r="L4337" s="55"/>
      <c r="M4337" s="234"/>
      <c r="N4337" s="65"/>
      <c r="O4337" s="76"/>
      <c r="P4337" s="76"/>
      <c r="Q4337" s="65"/>
      <c r="R4337" s="76"/>
      <c r="S4337" s="76"/>
      <c r="T4337" s="76"/>
      <c r="U4337" s="76"/>
      <c r="V4337" s="76"/>
      <c r="W4337" s="76"/>
      <c r="X4337" s="76"/>
      <c r="Y4337" s="76"/>
      <c r="Z4337" s="76"/>
      <c r="AA4337" s="85"/>
      <c r="AB4337" s="85"/>
      <c r="AC4337" s="85"/>
      <c r="AD4337" s="85"/>
      <c r="AE4337" s="85"/>
      <c r="AF4337" s="85"/>
      <c r="AG4337" s="86"/>
      <c r="AH4337" s="85"/>
      <c r="AI4337" s="85"/>
      <c r="AJ4337" s="85"/>
      <c r="AK4337" s="85"/>
      <c r="AL4337" s="85"/>
      <c r="AM4337" s="92"/>
      <c r="AN4337" s="92"/>
      <c r="AO4337" s="92"/>
      <c r="AP4337" s="92"/>
      <c r="AQ4337" s="92"/>
      <c r="AR4337" s="92"/>
      <c r="AS4337" s="92"/>
      <c r="AT4337" s="92"/>
      <c r="AU4337" s="92"/>
      <c r="AV4337" s="92"/>
      <c r="AW4337" s="92"/>
      <c r="AX4337" s="92"/>
      <c r="AY4337" s="92"/>
      <c r="AZ4337" s="93"/>
      <c r="BA4337" s="93"/>
      <c r="BB4337" s="93"/>
      <c r="BC4337" s="93"/>
      <c r="BD4337" s="93"/>
      <c r="BE4337" s="93"/>
      <c r="BF4337" s="93"/>
      <c r="BG4337" s="93"/>
      <c r="BH4337" s="93"/>
      <c r="BI4337" s="93"/>
      <c r="BJ4337" s="93"/>
      <c r="BK4337" s="93"/>
      <c r="BL4337" s="93"/>
    </row>
    <row r="4338" spans="2:64" x14ac:dyDescent="0.2">
      <c r="B4338" s="43"/>
      <c r="C4338" s="73"/>
      <c r="D4338" s="64"/>
      <c r="E4338" s="55"/>
      <c r="F4338" s="74"/>
      <c r="G4338" s="74"/>
      <c r="H4338" s="74"/>
      <c r="I4338" s="75"/>
      <c r="J4338" s="74"/>
      <c r="L4338" s="55"/>
      <c r="M4338" s="234"/>
      <c r="N4338" s="65"/>
      <c r="O4338" s="76"/>
      <c r="P4338" s="76"/>
      <c r="Q4338" s="65"/>
      <c r="R4338" s="76"/>
      <c r="S4338" s="76"/>
      <c r="T4338" s="76"/>
      <c r="U4338" s="76"/>
      <c r="V4338" s="76"/>
      <c r="W4338" s="76"/>
      <c r="X4338" s="76"/>
      <c r="Y4338" s="76"/>
      <c r="Z4338" s="76"/>
      <c r="AA4338" s="85"/>
      <c r="AB4338" s="85"/>
      <c r="AC4338" s="85"/>
      <c r="AD4338" s="85"/>
      <c r="AE4338" s="85"/>
      <c r="AF4338" s="85"/>
      <c r="AG4338" s="86"/>
      <c r="AH4338" s="85"/>
      <c r="AI4338" s="85"/>
      <c r="AJ4338" s="85"/>
      <c r="AK4338" s="85"/>
      <c r="AL4338" s="85"/>
      <c r="AM4338" s="92"/>
      <c r="AN4338" s="92"/>
      <c r="AO4338" s="92"/>
      <c r="AP4338" s="92"/>
      <c r="AQ4338" s="92"/>
      <c r="AR4338" s="92"/>
      <c r="AS4338" s="92"/>
      <c r="AT4338" s="92"/>
      <c r="AU4338" s="92"/>
      <c r="AV4338" s="92"/>
      <c r="AW4338" s="92"/>
      <c r="AX4338" s="92"/>
      <c r="AY4338" s="92"/>
      <c r="AZ4338" s="93"/>
      <c r="BA4338" s="93"/>
      <c r="BB4338" s="93"/>
      <c r="BC4338" s="93"/>
      <c r="BD4338" s="93"/>
      <c r="BE4338" s="93"/>
      <c r="BF4338" s="93"/>
      <c r="BG4338" s="93"/>
      <c r="BH4338" s="93"/>
      <c r="BI4338" s="93"/>
      <c r="BJ4338" s="93"/>
      <c r="BK4338" s="93"/>
      <c r="BL4338" s="93"/>
    </row>
    <row r="4339" spans="2:64" x14ac:dyDescent="0.2">
      <c r="B4339" s="43"/>
      <c r="C4339" s="73"/>
      <c r="D4339" s="64"/>
      <c r="E4339" s="55"/>
      <c r="F4339" s="74"/>
      <c r="G4339" s="74"/>
      <c r="H4339" s="74"/>
      <c r="I4339" s="75"/>
      <c r="J4339" s="74"/>
      <c r="L4339" s="55"/>
      <c r="M4339" s="234"/>
      <c r="N4339" s="65"/>
      <c r="O4339" s="76"/>
      <c r="P4339" s="76"/>
      <c r="Q4339" s="65"/>
      <c r="R4339" s="76"/>
      <c r="S4339" s="76"/>
      <c r="T4339" s="76"/>
      <c r="U4339" s="76"/>
      <c r="V4339" s="76"/>
      <c r="W4339" s="76"/>
      <c r="X4339" s="76"/>
      <c r="Y4339" s="76"/>
      <c r="Z4339" s="76"/>
      <c r="AA4339" s="85"/>
      <c r="AB4339" s="85"/>
      <c r="AC4339" s="85"/>
      <c r="AD4339" s="85"/>
      <c r="AE4339" s="85"/>
      <c r="AF4339" s="85"/>
      <c r="AG4339" s="86"/>
      <c r="AH4339" s="85"/>
      <c r="AI4339" s="85"/>
      <c r="AJ4339" s="85"/>
      <c r="AK4339" s="85"/>
      <c r="AL4339" s="85"/>
      <c r="AM4339" s="92"/>
      <c r="AN4339" s="92"/>
      <c r="AO4339" s="92"/>
      <c r="AP4339" s="92"/>
      <c r="AQ4339" s="92"/>
      <c r="AR4339" s="92"/>
      <c r="AS4339" s="92"/>
      <c r="AT4339" s="92"/>
      <c r="AU4339" s="92"/>
      <c r="AV4339" s="92"/>
      <c r="AW4339" s="92"/>
      <c r="AX4339" s="92"/>
      <c r="AY4339" s="92"/>
      <c r="AZ4339" s="93"/>
      <c r="BA4339" s="93"/>
      <c r="BB4339" s="93"/>
      <c r="BC4339" s="93"/>
      <c r="BD4339" s="93"/>
      <c r="BE4339" s="93"/>
      <c r="BF4339" s="93"/>
      <c r="BG4339" s="93"/>
      <c r="BH4339" s="93"/>
      <c r="BI4339" s="93"/>
      <c r="BJ4339" s="93"/>
      <c r="BK4339" s="93"/>
      <c r="BL4339" s="93"/>
    </row>
    <row r="4340" spans="2:64" x14ac:dyDescent="0.2">
      <c r="B4340" s="43"/>
      <c r="C4340" s="73"/>
      <c r="D4340" s="64"/>
      <c r="E4340" s="55"/>
      <c r="F4340" s="74"/>
      <c r="G4340" s="74"/>
      <c r="H4340" s="74"/>
      <c r="I4340" s="75"/>
      <c r="J4340" s="74"/>
      <c r="L4340" s="55"/>
      <c r="M4340" s="234"/>
      <c r="N4340" s="65"/>
      <c r="O4340" s="76"/>
      <c r="P4340" s="76"/>
      <c r="Q4340" s="65"/>
      <c r="R4340" s="76"/>
      <c r="S4340" s="76"/>
      <c r="T4340" s="76"/>
      <c r="U4340" s="76"/>
      <c r="V4340" s="76"/>
      <c r="W4340" s="76"/>
      <c r="X4340" s="76"/>
      <c r="Y4340" s="76"/>
      <c r="Z4340" s="76"/>
      <c r="AA4340" s="85"/>
      <c r="AB4340" s="85"/>
      <c r="AC4340" s="85"/>
      <c r="AD4340" s="85"/>
      <c r="AE4340" s="85"/>
      <c r="AF4340" s="85"/>
      <c r="AG4340" s="86"/>
      <c r="AH4340" s="85"/>
      <c r="AI4340" s="85"/>
      <c r="AJ4340" s="85"/>
      <c r="AK4340" s="85"/>
      <c r="AL4340" s="85"/>
      <c r="AM4340" s="92"/>
      <c r="AN4340" s="92"/>
      <c r="AO4340" s="92"/>
      <c r="AP4340" s="92"/>
      <c r="AQ4340" s="92"/>
      <c r="AR4340" s="92"/>
      <c r="AS4340" s="92"/>
      <c r="AT4340" s="92"/>
      <c r="AU4340" s="92"/>
      <c r="AV4340" s="92"/>
      <c r="AW4340" s="92"/>
      <c r="AX4340" s="92"/>
      <c r="AY4340" s="92"/>
      <c r="AZ4340" s="93"/>
      <c r="BA4340" s="93"/>
      <c r="BB4340" s="93"/>
      <c r="BC4340" s="93"/>
      <c r="BD4340" s="93"/>
      <c r="BE4340" s="93"/>
      <c r="BF4340" s="93"/>
      <c r="BG4340" s="93"/>
      <c r="BH4340" s="93"/>
      <c r="BI4340" s="93"/>
      <c r="BJ4340" s="93"/>
      <c r="BK4340" s="93"/>
      <c r="BL4340" s="93"/>
    </row>
    <row r="4341" spans="2:64" x14ac:dyDescent="0.2">
      <c r="B4341" s="43"/>
      <c r="C4341" s="73"/>
      <c r="D4341" s="64"/>
      <c r="E4341" s="55"/>
      <c r="F4341" s="74"/>
      <c r="G4341" s="74"/>
      <c r="H4341" s="74"/>
      <c r="I4341" s="75"/>
      <c r="J4341" s="74"/>
      <c r="L4341" s="55"/>
      <c r="M4341" s="234"/>
      <c r="N4341" s="65"/>
      <c r="O4341" s="76"/>
      <c r="P4341" s="76"/>
      <c r="Q4341" s="65"/>
      <c r="R4341" s="76"/>
      <c r="S4341" s="76"/>
      <c r="T4341" s="76"/>
      <c r="U4341" s="76"/>
      <c r="V4341" s="76"/>
      <c r="W4341" s="76"/>
      <c r="X4341" s="76"/>
      <c r="Y4341" s="76"/>
      <c r="Z4341" s="76"/>
      <c r="AA4341" s="85"/>
      <c r="AB4341" s="85"/>
      <c r="AC4341" s="85"/>
      <c r="AD4341" s="85"/>
      <c r="AE4341" s="85"/>
      <c r="AF4341" s="85"/>
      <c r="AG4341" s="86"/>
      <c r="AH4341" s="85"/>
      <c r="AI4341" s="85"/>
      <c r="AJ4341" s="85"/>
      <c r="AK4341" s="85"/>
      <c r="AL4341" s="85"/>
      <c r="AM4341" s="92"/>
      <c r="AN4341" s="92"/>
      <c r="AO4341" s="92"/>
      <c r="AP4341" s="92"/>
      <c r="AQ4341" s="92"/>
      <c r="AR4341" s="92"/>
      <c r="AS4341" s="92"/>
      <c r="AT4341" s="92"/>
      <c r="AU4341" s="92"/>
      <c r="AV4341" s="92"/>
      <c r="AW4341" s="92"/>
      <c r="AX4341" s="92"/>
      <c r="AY4341" s="92"/>
      <c r="AZ4341" s="93"/>
      <c r="BA4341" s="93"/>
      <c r="BB4341" s="93"/>
      <c r="BC4341" s="93"/>
      <c r="BD4341" s="93"/>
      <c r="BE4341" s="93"/>
      <c r="BF4341" s="93"/>
      <c r="BG4341" s="93"/>
      <c r="BH4341" s="93"/>
      <c r="BI4341" s="93"/>
      <c r="BJ4341" s="93"/>
      <c r="BK4341" s="93"/>
      <c r="BL4341" s="93"/>
    </row>
    <row r="4342" spans="2:64" x14ac:dyDescent="0.2">
      <c r="B4342" s="43"/>
      <c r="C4342" s="73"/>
      <c r="D4342" s="64"/>
      <c r="E4342" s="55"/>
      <c r="F4342" s="74"/>
      <c r="G4342" s="74"/>
      <c r="H4342" s="74"/>
      <c r="I4342" s="75"/>
      <c r="J4342" s="74"/>
      <c r="L4342" s="55"/>
      <c r="M4342" s="234"/>
      <c r="N4342" s="65"/>
      <c r="O4342" s="76"/>
      <c r="P4342" s="76"/>
      <c r="Q4342" s="65"/>
      <c r="R4342" s="76"/>
      <c r="S4342" s="76"/>
      <c r="T4342" s="76"/>
      <c r="U4342" s="76"/>
      <c r="V4342" s="76"/>
      <c r="W4342" s="76"/>
      <c r="X4342" s="76"/>
      <c r="Y4342" s="76"/>
      <c r="Z4342" s="76"/>
      <c r="AA4342" s="85"/>
      <c r="AB4342" s="85"/>
      <c r="AC4342" s="85"/>
      <c r="AD4342" s="85"/>
      <c r="AE4342" s="85"/>
      <c r="AF4342" s="85"/>
      <c r="AG4342" s="86"/>
      <c r="AH4342" s="85"/>
      <c r="AI4342" s="85"/>
      <c r="AJ4342" s="85"/>
      <c r="AK4342" s="85"/>
      <c r="AL4342" s="85"/>
      <c r="AM4342" s="92"/>
      <c r="AN4342" s="92"/>
      <c r="AO4342" s="92"/>
      <c r="AP4342" s="92"/>
      <c r="AQ4342" s="92"/>
      <c r="AR4342" s="92"/>
      <c r="AS4342" s="92"/>
      <c r="AT4342" s="92"/>
      <c r="AU4342" s="92"/>
      <c r="AV4342" s="92"/>
      <c r="AW4342" s="92"/>
      <c r="AX4342" s="92"/>
      <c r="AY4342" s="92"/>
      <c r="AZ4342" s="93"/>
      <c r="BA4342" s="93"/>
      <c r="BB4342" s="93"/>
      <c r="BC4342" s="93"/>
      <c r="BD4342" s="93"/>
      <c r="BE4342" s="93"/>
      <c r="BF4342" s="93"/>
      <c r="BG4342" s="93"/>
      <c r="BH4342" s="93"/>
      <c r="BI4342" s="93"/>
      <c r="BJ4342" s="93"/>
      <c r="BK4342" s="93"/>
      <c r="BL4342" s="93"/>
    </row>
    <row r="4343" spans="2:64" x14ac:dyDescent="0.2">
      <c r="B4343" s="43"/>
      <c r="C4343" s="73"/>
      <c r="D4343" s="64"/>
      <c r="E4343" s="55"/>
      <c r="F4343" s="74"/>
      <c r="G4343" s="74"/>
      <c r="H4343" s="74"/>
      <c r="I4343" s="75"/>
      <c r="J4343" s="74"/>
      <c r="L4343" s="55"/>
      <c r="M4343" s="234"/>
      <c r="N4343" s="65"/>
      <c r="O4343" s="76"/>
      <c r="P4343" s="76"/>
      <c r="Q4343" s="65"/>
      <c r="R4343" s="76"/>
      <c r="S4343" s="76"/>
      <c r="T4343" s="76"/>
      <c r="U4343" s="76"/>
      <c r="V4343" s="76"/>
      <c r="W4343" s="76"/>
      <c r="X4343" s="76"/>
      <c r="Y4343" s="76"/>
      <c r="Z4343" s="76"/>
      <c r="AA4343" s="85"/>
      <c r="AB4343" s="85"/>
      <c r="AC4343" s="85"/>
      <c r="AD4343" s="85"/>
      <c r="AE4343" s="85"/>
      <c r="AF4343" s="85"/>
      <c r="AG4343" s="86"/>
      <c r="AH4343" s="85"/>
      <c r="AI4343" s="85"/>
      <c r="AJ4343" s="85"/>
      <c r="AK4343" s="85"/>
      <c r="AL4343" s="85"/>
      <c r="AM4343" s="92"/>
      <c r="AN4343" s="92"/>
      <c r="AO4343" s="92"/>
      <c r="AP4343" s="92"/>
      <c r="AQ4343" s="92"/>
      <c r="AR4343" s="92"/>
      <c r="AS4343" s="92"/>
      <c r="AT4343" s="92"/>
      <c r="AU4343" s="92"/>
      <c r="AV4343" s="92"/>
      <c r="AW4343" s="92"/>
      <c r="AX4343" s="92"/>
      <c r="AY4343" s="92"/>
      <c r="AZ4343" s="93"/>
      <c r="BA4343" s="93"/>
      <c r="BB4343" s="93"/>
      <c r="BC4343" s="93"/>
      <c r="BD4343" s="93"/>
      <c r="BE4343" s="93"/>
      <c r="BF4343" s="93"/>
      <c r="BG4343" s="93"/>
      <c r="BH4343" s="93"/>
      <c r="BI4343" s="93"/>
      <c r="BJ4343" s="93"/>
      <c r="BK4343" s="93"/>
      <c r="BL4343" s="93"/>
    </row>
    <row r="4344" spans="2:64" x14ac:dyDescent="0.2">
      <c r="B4344" s="43"/>
      <c r="C4344" s="73"/>
      <c r="D4344" s="64"/>
      <c r="E4344" s="55"/>
      <c r="F4344" s="74"/>
      <c r="G4344" s="74"/>
      <c r="H4344" s="74"/>
      <c r="I4344" s="75"/>
      <c r="J4344" s="74"/>
      <c r="L4344" s="55"/>
      <c r="M4344" s="234"/>
      <c r="N4344" s="65"/>
      <c r="O4344" s="76"/>
      <c r="P4344" s="76"/>
      <c r="Q4344" s="65"/>
      <c r="R4344" s="76"/>
      <c r="S4344" s="76"/>
      <c r="T4344" s="76"/>
      <c r="U4344" s="76"/>
      <c r="V4344" s="76"/>
      <c r="W4344" s="76"/>
      <c r="X4344" s="76"/>
      <c r="Y4344" s="76"/>
      <c r="Z4344" s="76"/>
      <c r="AA4344" s="85"/>
      <c r="AB4344" s="85"/>
      <c r="AC4344" s="85"/>
      <c r="AD4344" s="85"/>
      <c r="AE4344" s="85"/>
      <c r="AF4344" s="85"/>
      <c r="AG4344" s="86"/>
      <c r="AH4344" s="85"/>
      <c r="AI4344" s="85"/>
      <c r="AJ4344" s="85"/>
      <c r="AK4344" s="85"/>
      <c r="AL4344" s="85"/>
      <c r="AM4344" s="92"/>
      <c r="AN4344" s="92"/>
      <c r="AO4344" s="92"/>
      <c r="AP4344" s="92"/>
      <c r="AQ4344" s="92"/>
      <c r="AR4344" s="92"/>
      <c r="AS4344" s="92"/>
      <c r="AT4344" s="92"/>
      <c r="AU4344" s="92"/>
      <c r="AV4344" s="92"/>
      <c r="AW4344" s="92"/>
      <c r="AX4344" s="92"/>
      <c r="AY4344" s="92"/>
      <c r="AZ4344" s="93"/>
      <c r="BA4344" s="93"/>
      <c r="BB4344" s="93"/>
      <c r="BC4344" s="93"/>
      <c r="BD4344" s="93"/>
      <c r="BE4344" s="93"/>
      <c r="BF4344" s="93"/>
      <c r="BG4344" s="93"/>
      <c r="BH4344" s="93"/>
      <c r="BI4344" s="93"/>
      <c r="BJ4344" s="93"/>
      <c r="BK4344" s="93"/>
      <c r="BL4344" s="93"/>
    </row>
    <row r="4345" spans="2:64" x14ac:dyDescent="0.2">
      <c r="B4345" s="43"/>
      <c r="C4345" s="73"/>
      <c r="D4345" s="64"/>
      <c r="E4345" s="55"/>
      <c r="F4345" s="74"/>
      <c r="G4345" s="74"/>
      <c r="H4345" s="74"/>
      <c r="I4345" s="75"/>
      <c r="J4345" s="74"/>
      <c r="L4345" s="55"/>
      <c r="M4345" s="234"/>
      <c r="N4345" s="65"/>
      <c r="O4345" s="76"/>
      <c r="P4345" s="76"/>
      <c r="Q4345" s="65"/>
      <c r="R4345" s="76"/>
      <c r="S4345" s="76"/>
      <c r="T4345" s="76"/>
      <c r="U4345" s="76"/>
      <c r="V4345" s="76"/>
      <c r="W4345" s="76"/>
      <c r="X4345" s="76"/>
      <c r="Y4345" s="76"/>
      <c r="Z4345" s="76"/>
      <c r="AA4345" s="85"/>
      <c r="AB4345" s="85"/>
      <c r="AC4345" s="85"/>
      <c r="AD4345" s="85"/>
      <c r="AE4345" s="85"/>
      <c r="AF4345" s="85"/>
      <c r="AG4345" s="86"/>
      <c r="AH4345" s="85"/>
      <c r="AI4345" s="85"/>
      <c r="AJ4345" s="85"/>
      <c r="AK4345" s="85"/>
      <c r="AL4345" s="85"/>
      <c r="AM4345" s="92"/>
      <c r="AN4345" s="92"/>
      <c r="AO4345" s="92"/>
      <c r="AP4345" s="92"/>
      <c r="AQ4345" s="92"/>
      <c r="AR4345" s="92"/>
      <c r="AS4345" s="92"/>
      <c r="AT4345" s="92"/>
      <c r="AU4345" s="92"/>
      <c r="AV4345" s="92"/>
      <c r="AW4345" s="92"/>
      <c r="AX4345" s="92"/>
      <c r="AY4345" s="92"/>
      <c r="AZ4345" s="93"/>
      <c r="BA4345" s="93"/>
      <c r="BB4345" s="93"/>
      <c r="BC4345" s="93"/>
      <c r="BD4345" s="93"/>
      <c r="BE4345" s="93"/>
      <c r="BF4345" s="93"/>
      <c r="BG4345" s="93"/>
      <c r="BH4345" s="93"/>
      <c r="BI4345" s="93"/>
      <c r="BJ4345" s="93"/>
      <c r="BK4345" s="93"/>
      <c r="BL4345" s="93"/>
    </row>
    <row r="4346" spans="2:64" x14ac:dyDescent="0.2">
      <c r="B4346" s="43"/>
      <c r="C4346" s="73"/>
      <c r="D4346" s="64"/>
      <c r="E4346" s="55"/>
      <c r="F4346" s="74"/>
      <c r="G4346" s="74"/>
      <c r="H4346" s="74"/>
      <c r="I4346" s="75"/>
      <c r="J4346" s="74"/>
      <c r="L4346" s="55"/>
      <c r="M4346" s="234"/>
      <c r="N4346" s="65"/>
      <c r="O4346" s="76"/>
      <c r="P4346" s="76"/>
      <c r="Q4346" s="65"/>
      <c r="R4346" s="76"/>
      <c r="S4346" s="76"/>
      <c r="T4346" s="76"/>
      <c r="U4346" s="76"/>
      <c r="V4346" s="76"/>
      <c r="W4346" s="76"/>
      <c r="X4346" s="76"/>
      <c r="Y4346" s="76"/>
      <c r="Z4346" s="76"/>
      <c r="AA4346" s="85"/>
      <c r="AB4346" s="85"/>
      <c r="AC4346" s="85"/>
      <c r="AD4346" s="85"/>
      <c r="AE4346" s="85"/>
      <c r="AF4346" s="85"/>
      <c r="AG4346" s="86"/>
      <c r="AH4346" s="85"/>
      <c r="AI4346" s="85"/>
      <c r="AJ4346" s="85"/>
      <c r="AK4346" s="85"/>
      <c r="AL4346" s="85"/>
      <c r="AM4346" s="92"/>
      <c r="AN4346" s="92"/>
      <c r="AO4346" s="92"/>
      <c r="AP4346" s="92"/>
      <c r="AQ4346" s="92"/>
      <c r="AR4346" s="92"/>
      <c r="AS4346" s="92"/>
      <c r="AT4346" s="92"/>
      <c r="AU4346" s="92"/>
      <c r="AV4346" s="92"/>
      <c r="AW4346" s="92"/>
      <c r="AX4346" s="92"/>
      <c r="AY4346" s="92"/>
      <c r="AZ4346" s="93"/>
      <c r="BA4346" s="93"/>
      <c r="BB4346" s="93"/>
      <c r="BC4346" s="93"/>
      <c r="BD4346" s="93"/>
      <c r="BE4346" s="93"/>
      <c r="BF4346" s="93"/>
      <c r="BG4346" s="93"/>
      <c r="BH4346" s="93"/>
      <c r="BI4346" s="93"/>
      <c r="BJ4346" s="93"/>
      <c r="BK4346" s="93"/>
      <c r="BL4346" s="93"/>
    </row>
    <row r="4347" spans="2:64" x14ac:dyDescent="0.2">
      <c r="B4347" s="43"/>
      <c r="C4347" s="73"/>
      <c r="D4347" s="64"/>
      <c r="E4347" s="55"/>
      <c r="F4347" s="74"/>
      <c r="G4347" s="74"/>
      <c r="H4347" s="74"/>
      <c r="I4347" s="75"/>
      <c r="J4347" s="74"/>
      <c r="L4347" s="55"/>
      <c r="M4347" s="234"/>
      <c r="N4347" s="65"/>
      <c r="O4347" s="76"/>
      <c r="P4347" s="76"/>
      <c r="Q4347" s="65"/>
      <c r="R4347" s="76"/>
      <c r="S4347" s="76"/>
      <c r="T4347" s="76"/>
      <c r="U4347" s="76"/>
      <c r="V4347" s="76"/>
      <c r="W4347" s="76"/>
      <c r="X4347" s="76"/>
      <c r="Y4347" s="76"/>
      <c r="Z4347" s="76"/>
      <c r="AA4347" s="85"/>
      <c r="AB4347" s="85"/>
      <c r="AC4347" s="85"/>
      <c r="AD4347" s="85"/>
      <c r="AE4347" s="85"/>
      <c r="AF4347" s="85"/>
      <c r="AG4347" s="86"/>
      <c r="AH4347" s="85"/>
      <c r="AI4347" s="85"/>
      <c r="AJ4347" s="85"/>
      <c r="AK4347" s="85"/>
      <c r="AL4347" s="85"/>
      <c r="AM4347" s="92"/>
      <c r="AN4347" s="92"/>
      <c r="AO4347" s="92"/>
      <c r="AP4347" s="92"/>
      <c r="AQ4347" s="92"/>
      <c r="AR4347" s="92"/>
      <c r="AS4347" s="92"/>
      <c r="AT4347" s="92"/>
      <c r="AU4347" s="92"/>
      <c r="AV4347" s="92"/>
      <c r="AW4347" s="92"/>
      <c r="AX4347" s="92"/>
      <c r="AY4347" s="92"/>
      <c r="AZ4347" s="93"/>
      <c r="BA4347" s="93"/>
      <c r="BB4347" s="93"/>
      <c r="BC4347" s="93"/>
      <c r="BD4347" s="93"/>
      <c r="BE4347" s="93"/>
      <c r="BF4347" s="93"/>
      <c r="BG4347" s="93"/>
      <c r="BH4347" s="93"/>
      <c r="BI4347" s="93"/>
      <c r="BJ4347" s="93"/>
      <c r="BK4347" s="93"/>
      <c r="BL4347" s="93"/>
    </row>
    <row r="4348" spans="2:64" x14ac:dyDescent="0.2">
      <c r="B4348" s="43"/>
      <c r="C4348" s="73"/>
      <c r="D4348" s="64"/>
      <c r="E4348" s="55"/>
      <c r="F4348" s="74"/>
      <c r="G4348" s="74"/>
      <c r="H4348" s="74"/>
      <c r="I4348" s="75"/>
      <c r="J4348" s="74"/>
      <c r="L4348" s="55"/>
      <c r="M4348" s="234"/>
      <c r="N4348" s="65"/>
      <c r="O4348" s="76"/>
      <c r="P4348" s="76"/>
      <c r="Q4348" s="65"/>
      <c r="R4348" s="76"/>
      <c r="S4348" s="76"/>
      <c r="T4348" s="76"/>
      <c r="U4348" s="76"/>
      <c r="V4348" s="76"/>
      <c r="W4348" s="76"/>
      <c r="X4348" s="76"/>
      <c r="Y4348" s="76"/>
      <c r="Z4348" s="76"/>
      <c r="AA4348" s="85"/>
      <c r="AB4348" s="85"/>
      <c r="AC4348" s="85"/>
      <c r="AD4348" s="85"/>
      <c r="AE4348" s="85"/>
      <c r="AF4348" s="85"/>
      <c r="AG4348" s="86"/>
      <c r="AH4348" s="85"/>
      <c r="AI4348" s="85"/>
      <c r="AJ4348" s="85"/>
      <c r="AK4348" s="85"/>
      <c r="AL4348" s="85"/>
      <c r="AM4348" s="92"/>
      <c r="AN4348" s="92"/>
      <c r="AO4348" s="92"/>
      <c r="AP4348" s="92"/>
      <c r="AQ4348" s="92"/>
      <c r="AR4348" s="92"/>
      <c r="AS4348" s="92"/>
      <c r="AT4348" s="92"/>
      <c r="AU4348" s="92"/>
      <c r="AV4348" s="92"/>
      <c r="AW4348" s="92"/>
      <c r="AX4348" s="92"/>
      <c r="AY4348" s="92"/>
      <c r="AZ4348" s="93"/>
      <c r="BA4348" s="93"/>
      <c r="BB4348" s="93"/>
      <c r="BC4348" s="93"/>
      <c r="BD4348" s="93"/>
      <c r="BE4348" s="93"/>
      <c r="BF4348" s="93"/>
      <c r="BG4348" s="93"/>
      <c r="BH4348" s="93"/>
      <c r="BI4348" s="93"/>
      <c r="BJ4348" s="93"/>
      <c r="BK4348" s="93"/>
      <c r="BL4348" s="93"/>
    </row>
    <row r="4349" spans="2:64" x14ac:dyDescent="0.2">
      <c r="B4349" s="43"/>
      <c r="C4349" s="73"/>
      <c r="D4349" s="64"/>
      <c r="E4349" s="55"/>
      <c r="F4349" s="74"/>
      <c r="G4349" s="74"/>
      <c r="H4349" s="74"/>
      <c r="I4349" s="75"/>
      <c r="J4349" s="74"/>
      <c r="L4349" s="55"/>
      <c r="M4349" s="234"/>
      <c r="N4349" s="65"/>
      <c r="O4349" s="76"/>
      <c r="P4349" s="76"/>
      <c r="Q4349" s="65"/>
      <c r="R4349" s="76"/>
      <c r="S4349" s="76"/>
      <c r="T4349" s="76"/>
      <c r="U4349" s="76"/>
      <c r="V4349" s="76"/>
      <c r="W4349" s="76"/>
      <c r="X4349" s="76"/>
      <c r="Y4349" s="76"/>
      <c r="Z4349" s="76"/>
      <c r="AA4349" s="85"/>
      <c r="AB4349" s="85"/>
      <c r="AC4349" s="85"/>
      <c r="AD4349" s="85"/>
      <c r="AE4349" s="85"/>
      <c r="AF4349" s="85"/>
      <c r="AG4349" s="86"/>
      <c r="AH4349" s="85"/>
      <c r="AI4349" s="85"/>
      <c r="AJ4349" s="85"/>
      <c r="AK4349" s="85"/>
      <c r="AL4349" s="85"/>
      <c r="AM4349" s="92"/>
      <c r="AN4349" s="92"/>
      <c r="AO4349" s="92"/>
      <c r="AP4349" s="92"/>
      <c r="AQ4349" s="92"/>
      <c r="AR4349" s="92"/>
      <c r="AS4349" s="92"/>
      <c r="AT4349" s="92"/>
      <c r="AU4349" s="92"/>
      <c r="AV4349" s="92"/>
      <c r="AW4349" s="92"/>
      <c r="AX4349" s="92"/>
      <c r="AY4349" s="92"/>
      <c r="AZ4349" s="93"/>
      <c r="BA4349" s="93"/>
      <c r="BB4349" s="93"/>
      <c r="BC4349" s="93"/>
      <c r="BD4349" s="93"/>
      <c r="BE4349" s="93"/>
      <c r="BF4349" s="93"/>
      <c r="BG4349" s="93"/>
      <c r="BH4349" s="93"/>
      <c r="BI4349" s="93"/>
      <c r="BJ4349" s="93"/>
      <c r="BK4349" s="93"/>
      <c r="BL4349" s="93"/>
    </row>
    <row r="4350" spans="2:64" x14ac:dyDescent="0.2">
      <c r="B4350" s="43"/>
      <c r="C4350" s="73"/>
      <c r="D4350" s="64"/>
      <c r="E4350" s="55"/>
      <c r="F4350" s="74"/>
      <c r="G4350" s="74"/>
      <c r="H4350" s="74"/>
      <c r="I4350" s="75"/>
      <c r="J4350" s="74"/>
      <c r="L4350" s="55"/>
      <c r="M4350" s="234"/>
      <c r="N4350" s="65"/>
      <c r="O4350" s="76"/>
      <c r="P4350" s="76"/>
      <c r="Q4350" s="65"/>
      <c r="R4350" s="76"/>
      <c r="S4350" s="76"/>
      <c r="T4350" s="76"/>
      <c r="U4350" s="76"/>
      <c r="V4350" s="76"/>
      <c r="W4350" s="76"/>
      <c r="X4350" s="76"/>
      <c r="Y4350" s="76"/>
      <c r="Z4350" s="76"/>
      <c r="AA4350" s="85"/>
      <c r="AB4350" s="85"/>
      <c r="AC4350" s="85"/>
      <c r="AD4350" s="85"/>
      <c r="AE4350" s="85"/>
      <c r="AF4350" s="85"/>
      <c r="AG4350" s="86"/>
      <c r="AH4350" s="85"/>
      <c r="AI4350" s="85"/>
      <c r="AJ4350" s="85"/>
      <c r="AK4350" s="85"/>
      <c r="AL4350" s="85"/>
      <c r="AM4350" s="92"/>
      <c r="AN4350" s="92"/>
      <c r="AO4350" s="92"/>
      <c r="AP4350" s="92"/>
      <c r="AQ4350" s="92"/>
      <c r="AR4350" s="92"/>
      <c r="AS4350" s="92"/>
      <c r="AT4350" s="92"/>
      <c r="AU4350" s="92"/>
      <c r="AV4350" s="92"/>
      <c r="AW4350" s="92"/>
      <c r="AX4350" s="92"/>
      <c r="AY4350" s="92"/>
      <c r="AZ4350" s="93"/>
      <c r="BA4350" s="93"/>
      <c r="BB4350" s="93"/>
      <c r="BC4350" s="93"/>
      <c r="BD4350" s="93"/>
      <c r="BE4350" s="93"/>
      <c r="BF4350" s="93"/>
      <c r="BG4350" s="93"/>
      <c r="BH4350" s="93"/>
      <c r="BI4350" s="93"/>
      <c r="BJ4350" s="93"/>
      <c r="BK4350" s="93"/>
      <c r="BL4350" s="93"/>
    </row>
    <row r="4351" spans="2:64" x14ac:dyDescent="0.2">
      <c r="B4351" s="43"/>
      <c r="C4351" s="73"/>
      <c r="D4351" s="64"/>
      <c r="E4351" s="55"/>
      <c r="F4351" s="74"/>
      <c r="G4351" s="74"/>
      <c r="H4351" s="74"/>
      <c r="I4351" s="75"/>
      <c r="J4351" s="74"/>
      <c r="L4351" s="55"/>
      <c r="M4351" s="234"/>
      <c r="N4351" s="65"/>
      <c r="O4351" s="76"/>
      <c r="P4351" s="76"/>
      <c r="Q4351" s="65"/>
      <c r="R4351" s="76"/>
      <c r="S4351" s="76"/>
      <c r="T4351" s="76"/>
      <c r="U4351" s="76"/>
      <c r="V4351" s="76"/>
      <c r="W4351" s="76"/>
      <c r="X4351" s="76"/>
      <c r="Y4351" s="76"/>
      <c r="Z4351" s="76"/>
      <c r="AA4351" s="85"/>
      <c r="AB4351" s="85"/>
      <c r="AC4351" s="85"/>
      <c r="AD4351" s="85"/>
      <c r="AE4351" s="85"/>
      <c r="AF4351" s="85"/>
      <c r="AG4351" s="86"/>
      <c r="AH4351" s="85"/>
      <c r="AI4351" s="85"/>
      <c r="AJ4351" s="85"/>
      <c r="AK4351" s="85"/>
      <c r="AL4351" s="85"/>
      <c r="AM4351" s="92"/>
      <c r="AN4351" s="92"/>
      <c r="AO4351" s="92"/>
      <c r="AP4351" s="92"/>
      <c r="AQ4351" s="92"/>
      <c r="AR4351" s="92"/>
      <c r="AS4351" s="92"/>
      <c r="AT4351" s="92"/>
      <c r="AU4351" s="92"/>
      <c r="AV4351" s="92"/>
      <c r="AW4351" s="92"/>
      <c r="AX4351" s="92"/>
      <c r="AY4351" s="92"/>
      <c r="AZ4351" s="93"/>
      <c r="BA4351" s="93"/>
      <c r="BB4351" s="93"/>
      <c r="BC4351" s="93"/>
      <c r="BD4351" s="93"/>
      <c r="BE4351" s="93"/>
      <c r="BF4351" s="93"/>
      <c r="BG4351" s="93"/>
      <c r="BH4351" s="93"/>
      <c r="BI4351" s="93"/>
      <c r="BJ4351" s="93"/>
      <c r="BK4351" s="93"/>
      <c r="BL4351" s="93"/>
    </row>
    <row r="4352" spans="2:64" x14ac:dyDescent="0.2">
      <c r="B4352" s="43"/>
      <c r="C4352" s="73"/>
      <c r="D4352" s="64"/>
      <c r="E4352" s="55"/>
      <c r="F4352" s="74"/>
      <c r="G4352" s="74"/>
      <c r="H4352" s="74"/>
      <c r="I4352" s="75"/>
      <c r="J4352" s="74"/>
      <c r="L4352" s="55"/>
      <c r="M4352" s="234"/>
      <c r="N4352" s="65"/>
      <c r="O4352" s="76"/>
      <c r="P4352" s="76"/>
      <c r="Q4352" s="65"/>
      <c r="R4352" s="76"/>
      <c r="S4352" s="76"/>
      <c r="T4352" s="76"/>
      <c r="U4352" s="76"/>
      <c r="V4352" s="76"/>
      <c r="W4352" s="76"/>
      <c r="X4352" s="76"/>
      <c r="Y4352" s="76"/>
      <c r="Z4352" s="76"/>
      <c r="AA4352" s="85"/>
      <c r="AB4352" s="85"/>
      <c r="AC4352" s="85"/>
      <c r="AD4352" s="85"/>
      <c r="AE4352" s="85"/>
      <c r="AF4352" s="85"/>
      <c r="AG4352" s="86"/>
      <c r="AH4352" s="85"/>
      <c r="AI4352" s="85"/>
      <c r="AJ4352" s="85"/>
      <c r="AK4352" s="85"/>
      <c r="AL4352" s="85"/>
      <c r="AM4352" s="92"/>
      <c r="AN4352" s="92"/>
      <c r="AO4352" s="92"/>
      <c r="AP4352" s="92"/>
      <c r="AQ4352" s="92"/>
      <c r="AR4352" s="92"/>
      <c r="AS4352" s="92"/>
      <c r="AT4352" s="92"/>
      <c r="AU4352" s="92"/>
      <c r="AV4352" s="92"/>
      <c r="AW4352" s="92"/>
      <c r="AX4352" s="92"/>
      <c r="AY4352" s="92"/>
      <c r="AZ4352" s="93"/>
      <c r="BA4352" s="93"/>
      <c r="BB4352" s="93"/>
      <c r="BC4352" s="93"/>
      <c r="BD4352" s="93"/>
      <c r="BE4352" s="93"/>
      <c r="BF4352" s="93"/>
      <c r="BG4352" s="93"/>
      <c r="BH4352" s="93"/>
      <c r="BI4352" s="93"/>
      <c r="BJ4352" s="93"/>
      <c r="BK4352" s="93"/>
      <c r="BL4352" s="93"/>
    </row>
    <row r="4353" spans="2:64" x14ac:dyDescent="0.2">
      <c r="B4353" s="43"/>
      <c r="C4353" s="73"/>
      <c r="D4353" s="64"/>
      <c r="E4353" s="55"/>
      <c r="F4353" s="74"/>
      <c r="G4353" s="74"/>
      <c r="H4353" s="74"/>
      <c r="I4353" s="75"/>
      <c r="J4353" s="74"/>
      <c r="L4353" s="55"/>
      <c r="M4353" s="234"/>
      <c r="N4353" s="65"/>
      <c r="O4353" s="76"/>
      <c r="P4353" s="76"/>
      <c r="Q4353" s="65"/>
      <c r="R4353" s="76"/>
      <c r="S4353" s="76"/>
      <c r="T4353" s="76"/>
      <c r="U4353" s="76"/>
      <c r="V4353" s="76"/>
      <c r="W4353" s="76"/>
      <c r="X4353" s="76"/>
      <c r="Y4353" s="76"/>
      <c r="Z4353" s="76"/>
      <c r="AA4353" s="85"/>
      <c r="AB4353" s="85"/>
      <c r="AC4353" s="85"/>
      <c r="AD4353" s="85"/>
      <c r="AE4353" s="85"/>
      <c r="AF4353" s="85"/>
      <c r="AG4353" s="86"/>
      <c r="AH4353" s="85"/>
      <c r="AI4353" s="85"/>
      <c r="AJ4353" s="85"/>
      <c r="AK4353" s="85"/>
      <c r="AL4353" s="85"/>
      <c r="AM4353" s="92"/>
      <c r="AN4353" s="92"/>
      <c r="AO4353" s="92"/>
      <c r="AP4353" s="92"/>
      <c r="AQ4353" s="92"/>
      <c r="AR4353" s="92"/>
      <c r="AS4353" s="92"/>
      <c r="AT4353" s="92"/>
      <c r="AU4353" s="92"/>
      <c r="AV4353" s="92"/>
      <c r="AW4353" s="92"/>
      <c r="AX4353" s="92"/>
      <c r="AY4353" s="92"/>
      <c r="AZ4353" s="93"/>
      <c r="BA4353" s="93"/>
      <c r="BB4353" s="93"/>
      <c r="BC4353" s="93"/>
      <c r="BD4353" s="93"/>
      <c r="BE4353" s="93"/>
      <c r="BF4353" s="93"/>
      <c r="BG4353" s="93"/>
      <c r="BH4353" s="93"/>
      <c r="BI4353" s="93"/>
      <c r="BJ4353" s="93"/>
      <c r="BK4353" s="93"/>
      <c r="BL4353" s="93"/>
    </row>
    <row r="4354" spans="2:64" x14ac:dyDescent="0.2">
      <c r="B4354" s="43"/>
      <c r="C4354" s="73"/>
      <c r="D4354" s="64"/>
      <c r="E4354" s="55"/>
      <c r="F4354" s="74"/>
      <c r="G4354" s="74"/>
      <c r="H4354" s="74"/>
      <c r="I4354" s="75"/>
      <c r="J4354" s="74"/>
      <c r="L4354" s="55"/>
      <c r="M4354" s="234"/>
      <c r="N4354" s="65"/>
      <c r="O4354" s="76"/>
      <c r="P4354" s="76"/>
      <c r="Q4354" s="65"/>
      <c r="R4354" s="76"/>
      <c r="S4354" s="76"/>
      <c r="T4354" s="76"/>
      <c r="U4354" s="76"/>
      <c r="V4354" s="76"/>
      <c r="W4354" s="76"/>
      <c r="X4354" s="76"/>
      <c r="Y4354" s="76"/>
      <c r="Z4354" s="76"/>
      <c r="AA4354" s="85"/>
      <c r="AB4354" s="85"/>
      <c r="AC4354" s="85"/>
      <c r="AD4354" s="85"/>
      <c r="AE4354" s="85"/>
      <c r="AF4354" s="85"/>
      <c r="AG4354" s="86"/>
      <c r="AH4354" s="85"/>
      <c r="AI4354" s="85"/>
      <c r="AJ4354" s="85"/>
      <c r="AK4354" s="85"/>
      <c r="AL4354" s="85"/>
      <c r="AM4354" s="92"/>
      <c r="AN4354" s="92"/>
      <c r="AO4354" s="92"/>
      <c r="AP4354" s="92"/>
      <c r="AQ4354" s="92"/>
      <c r="AR4354" s="92"/>
      <c r="AS4354" s="92"/>
      <c r="AT4354" s="92"/>
      <c r="AU4354" s="92"/>
      <c r="AV4354" s="92"/>
      <c r="AW4354" s="92"/>
      <c r="AX4354" s="92"/>
      <c r="AY4354" s="92"/>
      <c r="AZ4354" s="93"/>
      <c r="BA4354" s="93"/>
      <c r="BB4354" s="93"/>
      <c r="BC4354" s="93"/>
      <c r="BD4354" s="93"/>
      <c r="BE4354" s="93"/>
      <c r="BF4354" s="93"/>
      <c r="BG4354" s="93"/>
      <c r="BH4354" s="93"/>
      <c r="BI4354" s="93"/>
      <c r="BJ4354" s="93"/>
      <c r="BK4354" s="93"/>
      <c r="BL4354" s="93"/>
    </row>
    <row r="4355" spans="2:64" x14ac:dyDescent="0.2">
      <c r="B4355" s="43"/>
      <c r="C4355" s="73"/>
      <c r="D4355" s="64"/>
      <c r="E4355" s="55"/>
      <c r="F4355" s="74"/>
      <c r="G4355" s="74"/>
      <c r="H4355" s="74"/>
      <c r="I4355" s="75"/>
      <c r="J4355" s="74"/>
      <c r="L4355" s="55"/>
      <c r="M4355" s="234"/>
      <c r="N4355" s="65"/>
      <c r="O4355" s="76"/>
      <c r="P4355" s="76"/>
      <c r="Q4355" s="65"/>
      <c r="R4355" s="76"/>
      <c r="S4355" s="76"/>
      <c r="T4355" s="76"/>
      <c r="U4355" s="76"/>
      <c r="V4355" s="76"/>
      <c r="W4355" s="76"/>
      <c r="X4355" s="76"/>
      <c r="Y4355" s="76"/>
      <c r="Z4355" s="76"/>
      <c r="AA4355" s="85"/>
      <c r="AB4355" s="85"/>
      <c r="AC4355" s="85"/>
      <c r="AD4355" s="85"/>
      <c r="AE4355" s="85"/>
      <c r="AF4355" s="85"/>
      <c r="AG4355" s="86"/>
      <c r="AH4355" s="85"/>
      <c r="AI4355" s="85"/>
      <c r="AJ4355" s="85"/>
      <c r="AK4355" s="85"/>
      <c r="AL4355" s="85"/>
      <c r="AM4355" s="92"/>
      <c r="AN4355" s="92"/>
      <c r="AO4355" s="92"/>
      <c r="AP4355" s="92"/>
      <c r="AQ4355" s="92"/>
      <c r="AR4355" s="92"/>
      <c r="AS4355" s="92"/>
      <c r="AT4355" s="92"/>
      <c r="AU4355" s="92"/>
      <c r="AV4355" s="92"/>
      <c r="AW4355" s="92"/>
      <c r="AX4355" s="92"/>
      <c r="AY4355" s="92"/>
      <c r="AZ4355" s="93"/>
      <c r="BA4355" s="93"/>
      <c r="BB4355" s="93"/>
      <c r="BC4355" s="93"/>
      <c r="BD4355" s="93"/>
      <c r="BE4355" s="93"/>
      <c r="BF4355" s="93"/>
      <c r="BG4355" s="93"/>
      <c r="BH4355" s="93"/>
      <c r="BI4355" s="93"/>
      <c r="BJ4355" s="93"/>
      <c r="BK4355" s="93"/>
      <c r="BL4355" s="93"/>
    </row>
    <row r="4356" spans="2:64" x14ac:dyDescent="0.2">
      <c r="B4356" s="43"/>
      <c r="C4356" s="73"/>
      <c r="D4356" s="64"/>
      <c r="E4356" s="55"/>
      <c r="F4356" s="74"/>
      <c r="G4356" s="74"/>
      <c r="H4356" s="74"/>
      <c r="I4356" s="75"/>
      <c r="J4356" s="74"/>
      <c r="L4356" s="55"/>
      <c r="M4356" s="234"/>
      <c r="N4356" s="65"/>
      <c r="O4356" s="76"/>
      <c r="P4356" s="76"/>
      <c r="Q4356" s="65"/>
      <c r="R4356" s="76"/>
      <c r="S4356" s="76"/>
      <c r="T4356" s="76"/>
      <c r="U4356" s="76"/>
      <c r="V4356" s="76"/>
      <c r="W4356" s="76"/>
      <c r="X4356" s="76"/>
      <c r="Y4356" s="76"/>
      <c r="Z4356" s="76"/>
      <c r="AA4356" s="85"/>
      <c r="AB4356" s="85"/>
      <c r="AC4356" s="85"/>
      <c r="AD4356" s="85"/>
      <c r="AE4356" s="85"/>
      <c r="AF4356" s="85"/>
      <c r="AG4356" s="86"/>
      <c r="AH4356" s="85"/>
      <c r="AI4356" s="85"/>
      <c r="AJ4356" s="85"/>
      <c r="AK4356" s="85"/>
      <c r="AL4356" s="85"/>
      <c r="AM4356" s="92"/>
      <c r="AN4356" s="92"/>
      <c r="AO4356" s="92"/>
      <c r="AP4356" s="92"/>
      <c r="AQ4356" s="92"/>
      <c r="AR4356" s="92"/>
      <c r="AS4356" s="92"/>
      <c r="AT4356" s="92"/>
      <c r="AU4356" s="92"/>
      <c r="AV4356" s="92"/>
      <c r="AW4356" s="92"/>
      <c r="AX4356" s="92"/>
      <c r="AY4356" s="92"/>
      <c r="AZ4356" s="93"/>
      <c r="BA4356" s="93"/>
      <c r="BB4356" s="93"/>
      <c r="BC4356" s="93"/>
      <c r="BD4356" s="93"/>
      <c r="BE4356" s="93"/>
      <c r="BF4356" s="93"/>
      <c r="BG4356" s="93"/>
      <c r="BH4356" s="93"/>
      <c r="BI4356" s="93"/>
      <c r="BJ4356" s="93"/>
      <c r="BK4356" s="93"/>
      <c r="BL4356" s="93"/>
    </row>
    <row r="4357" spans="2:64" x14ac:dyDescent="0.2">
      <c r="B4357" s="43"/>
      <c r="C4357" s="73"/>
      <c r="D4357" s="64"/>
      <c r="E4357" s="55"/>
      <c r="F4357" s="74"/>
      <c r="G4357" s="74"/>
      <c r="H4357" s="74"/>
      <c r="I4357" s="75"/>
      <c r="J4357" s="74"/>
      <c r="L4357" s="55"/>
      <c r="M4357" s="234"/>
      <c r="N4357" s="65"/>
      <c r="O4357" s="76"/>
      <c r="P4357" s="76"/>
      <c r="Q4357" s="65"/>
      <c r="R4357" s="76"/>
      <c r="S4357" s="76"/>
      <c r="T4357" s="76"/>
      <c r="U4357" s="76"/>
      <c r="V4357" s="76"/>
      <c r="W4357" s="76"/>
      <c r="X4357" s="76"/>
      <c r="Y4357" s="76"/>
      <c r="Z4357" s="76"/>
      <c r="AA4357" s="85"/>
      <c r="AB4357" s="85"/>
      <c r="AC4357" s="85"/>
      <c r="AD4357" s="85"/>
      <c r="AE4357" s="85"/>
      <c r="AF4357" s="85"/>
      <c r="AG4357" s="86"/>
      <c r="AH4357" s="85"/>
      <c r="AI4357" s="85"/>
      <c r="AJ4357" s="85"/>
      <c r="AK4357" s="85"/>
      <c r="AL4357" s="85"/>
      <c r="AM4357" s="92"/>
      <c r="AN4357" s="92"/>
      <c r="AO4357" s="92"/>
      <c r="AP4357" s="92"/>
      <c r="AQ4357" s="92"/>
      <c r="AR4357" s="92"/>
      <c r="AS4357" s="92"/>
      <c r="AT4357" s="92"/>
      <c r="AU4357" s="92"/>
      <c r="AV4357" s="92"/>
      <c r="AW4357" s="92"/>
      <c r="AX4357" s="92"/>
      <c r="AY4357" s="92"/>
      <c r="AZ4357" s="93"/>
      <c r="BA4357" s="93"/>
      <c r="BB4357" s="93"/>
      <c r="BC4357" s="93"/>
      <c r="BD4357" s="93"/>
      <c r="BE4357" s="93"/>
      <c r="BF4357" s="93"/>
      <c r="BG4357" s="93"/>
      <c r="BH4357" s="93"/>
      <c r="BI4357" s="93"/>
      <c r="BJ4357" s="93"/>
      <c r="BK4357" s="93"/>
      <c r="BL4357" s="93"/>
    </row>
    <row r="4358" spans="2:64" x14ac:dyDescent="0.2">
      <c r="B4358" s="43"/>
      <c r="C4358" s="73"/>
      <c r="D4358" s="64"/>
      <c r="E4358" s="55"/>
      <c r="F4358" s="74"/>
      <c r="G4358" s="74"/>
      <c r="H4358" s="74"/>
      <c r="I4358" s="75"/>
      <c r="J4358" s="74"/>
      <c r="L4358" s="55"/>
      <c r="M4358" s="234"/>
      <c r="N4358" s="65"/>
      <c r="O4358" s="76"/>
      <c r="P4358" s="76"/>
      <c r="Q4358" s="65"/>
      <c r="R4358" s="76"/>
      <c r="S4358" s="76"/>
      <c r="T4358" s="76"/>
      <c r="U4358" s="76"/>
      <c r="V4358" s="76"/>
      <c r="W4358" s="76"/>
      <c r="X4358" s="76"/>
      <c r="Y4358" s="76"/>
      <c r="Z4358" s="76"/>
      <c r="AA4358" s="85"/>
      <c r="AB4358" s="85"/>
      <c r="AC4358" s="85"/>
      <c r="AD4358" s="85"/>
      <c r="AE4358" s="85"/>
      <c r="AF4358" s="85"/>
      <c r="AG4358" s="86"/>
      <c r="AH4358" s="85"/>
      <c r="AI4358" s="85"/>
      <c r="AJ4358" s="85"/>
      <c r="AK4358" s="85"/>
      <c r="AL4358" s="85"/>
      <c r="AM4358" s="92"/>
      <c r="AN4358" s="92"/>
      <c r="AO4358" s="92"/>
      <c r="AP4358" s="92"/>
      <c r="AQ4358" s="92"/>
      <c r="AR4358" s="92"/>
      <c r="AS4358" s="92"/>
      <c r="AT4358" s="92"/>
      <c r="AU4358" s="92"/>
      <c r="AV4358" s="92"/>
      <c r="AW4358" s="92"/>
      <c r="AX4358" s="92"/>
      <c r="AY4358" s="92"/>
      <c r="AZ4358" s="93"/>
      <c r="BA4358" s="93"/>
      <c r="BB4358" s="93"/>
      <c r="BC4358" s="93"/>
      <c r="BD4358" s="93"/>
      <c r="BE4358" s="93"/>
      <c r="BF4358" s="93"/>
      <c r="BG4358" s="93"/>
      <c r="BH4358" s="93"/>
      <c r="BI4358" s="93"/>
      <c r="BJ4358" s="93"/>
      <c r="BK4358" s="93"/>
      <c r="BL4358" s="93"/>
    </row>
    <row r="4359" spans="2:64" x14ac:dyDescent="0.2">
      <c r="B4359" s="43"/>
      <c r="C4359" s="73"/>
      <c r="D4359" s="64"/>
      <c r="E4359" s="55"/>
      <c r="F4359" s="74"/>
      <c r="G4359" s="74"/>
      <c r="H4359" s="74"/>
      <c r="I4359" s="75"/>
      <c r="J4359" s="74"/>
      <c r="L4359" s="55"/>
      <c r="M4359" s="234"/>
      <c r="N4359" s="65"/>
      <c r="O4359" s="76"/>
      <c r="P4359" s="76"/>
      <c r="Q4359" s="65"/>
      <c r="R4359" s="76"/>
      <c r="S4359" s="76"/>
      <c r="T4359" s="76"/>
      <c r="U4359" s="76"/>
      <c r="V4359" s="76"/>
      <c r="W4359" s="76"/>
      <c r="X4359" s="76"/>
      <c r="Y4359" s="76"/>
      <c r="Z4359" s="76"/>
      <c r="AA4359" s="85"/>
      <c r="AB4359" s="85"/>
      <c r="AC4359" s="85"/>
      <c r="AD4359" s="85"/>
      <c r="AE4359" s="85"/>
      <c r="AF4359" s="85"/>
      <c r="AG4359" s="86"/>
      <c r="AH4359" s="85"/>
      <c r="AI4359" s="85"/>
      <c r="AJ4359" s="85"/>
      <c r="AK4359" s="85"/>
      <c r="AL4359" s="85"/>
      <c r="AM4359" s="92"/>
      <c r="AN4359" s="92"/>
      <c r="AO4359" s="92"/>
      <c r="AP4359" s="92"/>
      <c r="AQ4359" s="92"/>
      <c r="AR4359" s="92"/>
      <c r="AS4359" s="92"/>
      <c r="AT4359" s="92"/>
      <c r="AU4359" s="92"/>
      <c r="AV4359" s="92"/>
      <c r="AW4359" s="92"/>
      <c r="AX4359" s="92"/>
      <c r="AY4359" s="92"/>
      <c r="AZ4359" s="93"/>
      <c r="BA4359" s="93"/>
      <c r="BB4359" s="93"/>
      <c r="BC4359" s="93"/>
      <c r="BD4359" s="93"/>
      <c r="BE4359" s="93"/>
      <c r="BF4359" s="93"/>
      <c r="BG4359" s="93"/>
      <c r="BH4359" s="93"/>
      <c r="BI4359" s="93"/>
      <c r="BJ4359" s="93"/>
      <c r="BK4359" s="93"/>
      <c r="BL4359" s="93"/>
    </row>
    <row r="4360" spans="2:64" x14ac:dyDescent="0.2">
      <c r="B4360" s="43"/>
      <c r="C4360" s="73"/>
      <c r="D4360" s="64"/>
      <c r="E4360" s="55"/>
      <c r="F4360" s="74"/>
      <c r="G4360" s="74"/>
      <c r="H4360" s="74"/>
      <c r="I4360" s="75"/>
      <c r="J4360" s="74"/>
      <c r="L4360" s="55"/>
      <c r="M4360" s="234"/>
      <c r="N4360" s="65"/>
      <c r="O4360" s="76"/>
      <c r="P4360" s="76"/>
      <c r="Q4360" s="65"/>
      <c r="R4360" s="76"/>
      <c r="S4360" s="76"/>
      <c r="T4360" s="76"/>
      <c r="U4360" s="76"/>
      <c r="V4360" s="76"/>
      <c r="W4360" s="76"/>
      <c r="X4360" s="76"/>
      <c r="Y4360" s="76"/>
      <c r="Z4360" s="76"/>
      <c r="AA4360" s="85"/>
      <c r="AB4360" s="85"/>
      <c r="AC4360" s="85"/>
      <c r="AD4360" s="85"/>
      <c r="AE4360" s="85"/>
      <c r="AF4360" s="85"/>
      <c r="AG4360" s="86"/>
      <c r="AH4360" s="85"/>
      <c r="AI4360" s="85"/>
      <c r="AJ4360" s="85"/>
      <c r="AK4360" s="85"/>
      <c r="AL4360" s="85"/>
      <c r="AM4360" s="92"/>
      <c r="AN4360" s="92"/>
      <c r="AO4360" s="92"/>
      <c r="AP4360" s="92"/>
      <c r="AQ4360" s="92"/>
      <c r="AR4360" s="92"/>
      <c r="AS4360" s="92"/>
      <c r="AT4360" s="92"/>
      <c r="AU4360" s="92"/>
      <c r="AV4360" s="92"/>
      <c r="AW4360" s="92"/>
      <c r="AX4360" s="92"/>
      <c r="AY4360" s="92"/>
      <c r="AZ4360" s="93"/>
      <c r="BA4360" s="93"/>
      <c r="BB4360" s="93"/>
      <c r="BC4360" s="93"/>
      <c r="BD4360" s="93"/>
      <c r="BE4360" s="93"/>
      <c r="BF4360" s="93"/>
      <c r="BG4360" s="93"/>
      <c r="BH4360" s="93"/>
      <c r="BI4360" s="93"/>
      <c r="BJ4360" s="93"/>
      <c r="BK4360" s="93"/>
      <c r="BL4360" s="93"/>
    </row>
    <row r="4361" spans="2:64" x14ac:dyDescent="0.2">
      <c r="B4361" s="43"/>
      <c r="C4361" s="73"/>
      <c r="D4361" s="64"/>
      <c r="E4361" s="55"/>
      <c r="F4361" s="74"/>
      <c r="G4361" s="74"/>
      <c r="H4361" s="74"/>
      <c r="I4361" s="75"/>
      <c r="J4361" s="74"/>
      <c r="L4361" s="55"/>
      <c r="M4361" s="234"/>
      <c r="N4361" s="65"/>
      <c r="O4361" s="76"/>
      <c r="P4361" s="76"/>
      <c r="Q4361" s="65"/>
      <c r="R4361" s="76"/>
      <c r="S4361" s="76"/>
      <c r="T4361" s="76"/>
      <c r="U4361" s="76"/>
      <c r="V4361" s="76"/>
      <c r="W4361" s="76"/>
      <c r="X4361" s="76"/>
      <c r="Y4361" s="76"/>
      <c r="Z4361" s="76"/>
      <c r="AA4361" s="85"/>
      <c r="AB4361" s="85"/>
      <c r="AC4361" s="85"/>
      <c r="AD4361" s="85"/>
      <c r="AE4361" s="85"/>
      <c r="AF4361" s="85"/>
      <c r="AG4361" s="86"/>
      <c r="AH4361" s="85"/>
      <c r="AI4361" s="85"/>
      <c r="AJ4361" s="85"/>
      <c r="AK4361" s="85"/>
      <c r="AL4361" s="85"/>
      <c r="AM4361" s="92"/>
      <c r="AN4361" s="92"/>
      <c r="AO4361" s="92"/>
      <c r="AP4361" s="92"/>
      <c r="AQ4361" s="92"/>
      <c r="AR4361" s="92"/>
      <c r="AS4361" s="92"/>
      <c r="AT4361" s="92"/>
      <c r="AU4361" s="92"/>
      <c r="AV4361" s="92"/>
      <c r="AW4361" s="92"/>
      <c r="AX4361" s="92"/>
      <c r="AY4361" s="92"/>
      <c r="AZ4361" s="93"/>
      <c r="BA4361" s="93"/>
      <c r="BB4361" s="93"/>
      <c r="BC4361" s="93"/>
      <c r="BD4361" s="93"/>
      <c r="BE4361" s="93"/>
      <c r="BF4361" s="93"/>
      <c r="BG4361" s="93"/>
      <c r="BH4361" s="93"/>
      <c r="BI4361" s="93"/>
      <c r="BJ4361" s="93"/>
      <c r="BK4361" s="93"/>
      <c r="BL4361" s="93"/>
    </row>
    <row r="4362" spans="2:64" x14ac:dyDescent="0.2">
      <c r="B4362" s="43"/>
      <c r="C4362" s="73"/>
      <c r="D4362" s="64"/>
      <c r="E4362" s="55"/>
      <c r="F4362" s="74"/>
      <c r="G4362" s="74"/>
      <c r="H4362" s="74"/>
      <c r="I4362" s="75"/>
      <c r="J4362" s="74"/>
      <c r="L4362" s="55"/>
      <c r="M4362" s="234"/>
      <c r="N4362" s="65"/>
      <c r="O4362" s="76"/>
      <c r="P4362" s="76"/>
      <c r="Q4362" s="65"/>
      <c r="R4362" s="76"/>
      <c r="S4362" s="76"/>
      <c r="T4362" s="76"/>
      <c r="U4362" s="76"/>
      <c r="V4362" s="76"/>
      <c r="W4362" s="76"/>
      <c r="X4362" s="76"/>
      <c r="Y4362" s="76"/>
      <c r="Z4362" s="76"/>
      <c r="AA4362" s="85"/>
      <c r="AB4362" s="85"/>
      <c r="AC4362" s="85"/>
      <c r="AD4362" s="85"/>
      <c r="AE4362" s="85"/>
      <c r="AF4362" s="85"/>
      <c r="AG4362" s="86"/>
      <c r="AH4362" s="85"/>
      <c r="AI4362" s="85"/>
      <c r="AJ4362" s="85"/>
      <c r="AK4362" s="85"/>
      <c r="AL4362" s="85"/>
      <c r="AM4362" s="92"/>
      <c r="AN4362" s="92"/>
      <c r="AO4362" s="92"/>
      <c r="AP4362" s="92"/>
      <c r="AQ4362" s="92"/>
      <c r="AR4362" s="92"/>
      <c r="AS4362" s="92"/>
      <c r="AT4362" s="92"/>
      <c r="AU4362" s="92"/>
      <c r="AV4362" s="92"/>
      <c r="AW4362" s="92"/>
      <c r="AX4362" s="92"/>
      <c r="AY4362" s="92"/>
      <c r="AZ4362" s="93"/>
      <c r="BA4362" s="93"/>
      <c r="BB4362" s="93"/>
      <c r="BC4362" s="93"/>
      <c r="BD4362" s="93"/>
      <c r="BE4362" s="93"/>
      <c r="BF4362" s="93"/>
      <c r="BG4362" s="93"/>
      <c r="BH4362" s="93"/>
      <c r="BI4362" s="93"/>
      <c r="BJ4362" s="93"/>
      <c r="BK4362" s="93"/>
      <c r="BL4362" s="93"/>
    </row>
    <row r="4363" spans="2:64" x14ac:dyDescent="0.2">
      <c r="B4363" s="43"/>
      <c r="C4363" s="73"/>
      <c r="D4363" s="64"/>
      <c r="E4363" s="55"/>
      <c r="F4363" s="74"/>
      <c r="G4363" s="74"/>
      <c r="H4363" s="74"/>
      <c r="I4363" s="75"/>
      <c r="J4363" s="74"/>
      <c r="L4363" s="55"/>
      <c r="M4363" s="234"/>
      <c r="N4363" s="65"/>
      <c r="O4363" s="76"/>
      <c r="P4363" s="76"/>
      <c r="Q4363" s="65"/>
      <c r="R4363" s="76"/>
      <c r="S4363" s="76"/>
      <c r="T4363" s="76"/>
      <c r="U4363" s="76"/>
      <c r="V4363" s="76"/>
      <c r="W4363" s="76"/>
      <c r="X4363" s="76"/>
      <c r="Y4363" s="76"/>
      <c r="Z4363" s="76"/>
      <c r="AA4363" s="85"/>
      <c r="AB4363" s="85"/>
      <c r="AC4363" s="85"/>
      <c r="AD4363" s="85"/>
      <c r="AE4363" s="85"/>
      <c r="AF4363" s="85"/>
      <c r="AG4363" s="86"/>
      <c r="AH4363" s="85"/>
      <c r="AI4363" s="85"/>
      <c r="AJ4363" s="85"/>
      <c r="AK4363" s="85"/>
      <c r="AL4363" s="85"/>
      <c r="AM4363" s="92"/>
      <c r="AN4363" s="92"/>
      <c r="AO4363" s="92"/>
      <c r="AP4363" s="92"/>
      <c r="AQ4363" s="92"/>
      <c r="AR4363" s="92"/>
      <c r="AS4363" s="92"/>
      <c r="AT4363" s="92"/>
      <c r="AU4363" s="92"/>
      <c r="AV4363" s="92"/>
      <c r="AW4363" s="92"/>
      <c r="AX4363" s="92"/>
      <c r="AY4363" s="92"/>
      <c r="AZ4363" s="93"/>
      <c r="BA4363" s="93"/>
      <c r="BB4363" s="93"/>
      <c r="BC4363" s="93"/>
      <c r="BD4363" s="93"/>
      <c r="BE4363" s="93"/>
      <c r="BF4363" s="93"/>
      <c r="BG4363" s="93"/>
      <c r="BH4363" s="93"/>
      <c r="BI4363" s="93"/>
      <c r="BJ4363" s="93"/>
      <c r="BK4363" s="93"/>
      <c r="BL4363" s="93"/>
    </row>
    <row r="4364" spans="2:64" x14ac:dyDescent="0.2">
      <c r="B4364" s="43"/>
      <c r="C4364" s="73"/>
      <c r="D4364" s="64"/>
      <c r="E4364" s="55"/>
      <c r="F4364" s="74"/>
      <c r="G4364" s="74"/>
      <c r="H4364" s="74"/>
      <c r="I4364" s="75"/>
      <c r="J4364" s="74"/>
      <c r="L4364" s="55"/>
      <c r="M4364" s="234"/>
      <c r="N4364" s="65"/>
      <c r="O4364" s="76"/>
      <c r="P4364" s="76"/>
      <c r="Q4364" s="65"/>
      <c r="R4364" s="76"/>
      <c r="S4364" s="76"/>
      <c r="T4364" s="76"/>
      <c r="U4364" s="76"/>
      <c r="V4364" s="76"/>
      <c r="W4364" s="76"/>
      <c r="X4364" s="76"/>
      <c r="Y4364" s="76"/>
      <c r="Z4364" s="76"/>
      <c r="AA4364" s="85"/>
      <c r="AB4364" s="85"/>
      <c r="AC4364" s="85"/>
      <c r="AD4364" s="85"/>
      <c r="AE4364" s="85"/>
      <c r="AF4364" s="85"/>
      <c r="AG4364" s="86"/>
      <c r="AH4364" s="85"/>
      <c r="AI4364" s="85"/>
      <c r="AJ4364" s="85"/>
      <c r="AK4364" s="85"/>
      <c r="AL4364" s="85"/>
      <c r="AM4364" s="92"/>
      <c r="AN4364" s="92"/>
      <c r="AO4364" s="92"/>
      <c r="AP4364" s="92"/>
      <c r="AQ4364" s="92"/>
      <c r="AR4364" s="92"/>
      <c r="AS4364" s="92"/>
      <c r="AT4364" s="92"/>
      <c r="AU4364" s="92"/>
      <c r="AV4364" s="92"/>
      <c r="AW4364" s="92"/>
      <c r="AX4364" s="92"/>
      <c r="AY4364" s="92"/>
      <c r="AZ4364" s="93"/>
      <c r="BA4364" s="93"/>
      <c r="BB4364" s="93"/>
      <c r="BC4364" s="93"/>
      <c r="BD4364" s="93"/>
      <c r="BE4364" s="93"/>
      <c r="BF4364" s="93"/>
      <c r="BG4364" s="93"/>
      <c r="BH4364" s="93"/>
      <c r="BI4364" s="93"/>
      <c r="BJ4364" s="93"/>
      <c r="BK4364" s="93"/>
      <c r="BL4364" s="93"/>
    </row>
    <row r="4365" spans="2:64" x14ac:dyDescent="0.2">
      <c r="B4365" s="43"/>
      <c r="C4365" s="73"/>
      <c r="D4365" s="64"/>
      <c r="E4365" s="55"/>
      <c r="F4365" s="74"/>
      <c r="G4365" s="74"/>
      <c r="H4365" s="74"/>
      <c r="I4365" s="75"/>
      <c r="J4365" s="74"/>
      <c r="L4365" s="55"/>
      <c r="M4365" s="234"/>
      <c r="N4365" s="65"/>
      <c r="O4365" s="76"/>
      <c r="P4365" s="76"/>
      <c r="Q4365" s="65"/>
      <c r="R4365" s="76"/>
      <c r="S4365" s="76"/>
      <c r="T4365" s="76"/>
      <c r="U4365" s="76"/>
      <c r="V4365" s="76"/>
      <c r="W4365" s="76"/>
      <c r="X4365" s="76"/>
      <c r="Y4365" s="76"/>
      <c r="Z4365" s="76"/>
      <c r="AA4365" s="85"/>
      <c r="AB4365" s="85"/>
      <c r="AC4365" s="85"/>
      <c r="AD4365" s="85"/>
      <c r="AE4365" s="85"/>
      <c r="AF4365" s="85"/>
      <c r="AG4365" s="86"/>
      <c r="AH4365" s="85"/>
      <c r="AI4365" s="85"/>
      <c r="AJ4365" s="85"/>
      <c r="AK4365" s="85"/>
      <c r="AL4365" s="85"/>
      <c r="AM4365" s="92"/>
      <c r="AN4365" s="92"/>
      <c r="AO4365" s="92"/>
      <c r="AP4365" s="92"/>
      <c r="AQ4365" s="92"/>
      <c r="AR4365" s="92"/>
      <c r="AS4365" s="92"/>
      <c r="AT4365" s="92"/>
      <c r="AU4365" s="92"/>
      <c r="AV4365" s="92"/>
      <c r="AW4365" s="92"/>
      <c r="AX4365" s="92"/>
      <c r="AY4365" s="92"/>
      <c r="AZ4365" s="93"/>
      <c r="BA4365" s="93"/>
      <c r="BB4365" s="93"/>
      <c r="BC4365" s="93"/>
      <c r="BD4365" s="93"/>
      <c r="BE4365" s="93"/>
      <c r="BF4365" s="93"/>
      <c r="BG4365" s="93"/>
      <c r="BH4365" s="93"/>
      <c r="BI4365" s="93"/>
      <c r="BJ4365" s="93"/>
      <c r="BK4365" s="93"/>
      <c r="BL4365" s="93"/>
    </row>
    <row r="4366" spans="2:64" x14ac:dyDescent="0.2">
      <c r="B4366" s="43"/>
      <c r="C4366" s="73"/>
      <c r="D4366" s="64"/>
      <c r="E4366" s="55"/>
      <c r="F4366" s="74"/>
      <c r="G4366" s="74"/>
      <c r="H4366" s="74"/>
      <c r="I4366" s="75"/>
      <c r="J4366" s="74"/>
      <c r="L4366" s="55"/>
      <c r="M4366" s="234"/>
      <c r="N4366" s="65"/>
      <c r="O4366" s="76"/>
      <c r="P4366" s="76"/>
      <c r="Q4366" s="65"/>
      <c r="R4366" s="76"/>
      <c r="S4366" s="76"/>
      <c r="T4366" s="76"/>
      <c r="U4366" s="76"/>
      <c r="V4366" s="76"/>
      <c r="W4366" s="76"/>
      <c r="X4366" s="76"/>
      <c r="Y4366" s="76"/>
      <c r="Z4366" s="76"/>
      <c r="AA4366" s="85"/>
      <c r="AB4366" s="85"/>
      <c r="AC4366" s="85"/>
      <c r="AD4366" s="85"/>
      <c r="AE4366" s="85"/>
      <c r="AF4366" s="85"/>
      <c r="AG4366" s="86"/>
      <c r="AH4366" s="85"/>
      <c r="AI4366" s="85"/>
      <c r="AJ4366" s="85"/>
      <c r="AK4366" s="85"/>
      <c r="AL4366" s="85"/>
      <c r="AM4366" s="92"/>
      <c r="AN4366" s="92"/>
      <c r="AO4366" s="92"/>
      <c r="AP4366" s="92"/>
      <c r="AQ4366" s="92"/>
      <c r="AR4366" s="92"/>
      <c r="AS4366" s="92"/>
      <c r="AT4366" s="92"/>
      <c r="AU4366" s="92"/>
      <c r="AV4366" s="92"/>
      <c r="AW4366" s="92"/>
      <c r="AX4366" s="92"/>
      <c r="AY4366" s="92"/>
      <c r="AZ4366" s="93"/>
      <c r="BA4366" s="93"/>
      <c r="BB4366" s="93"/>
      <c r="BC4366" s="93"/>
      <c r="BD4366" s="93"/>
      <c r="BE4366" s="93"/>
      <c r="BF4366" s="93"/>
      <c r="BG4366" s="93"/>
      <c r="BH4366" s="93"/>
      <c r="BI4366" s="93"/>
      <c r="BJ4366" s="93"/>
      <c r="BK4366" s="93"/>
      <c r="BL4366" s="93"/>
    </row>
    <row r="4367" spans="2:64" x14ac:dyDescent="0.2">
      <c r="B4367" s="43"/>
      <c r="C4367" s="73"/>
      <c r="D4367" s="64"/>
      <c r="E4367" s="55"/>
      <c r="F4367" s="74"/>
      <c r="G4367" s="74"/>
      <c r="H4367" s="74"/>
      <c r="I4367" s="75"/>
      <c r="J4367" s="74"/>
      <c r="L4367" s="55"/>
      <c r="M4367" s="234"/>
      <c r="N4367" s="65"/>
      <c r="O4367" s="76"/>
      <c r="P4367" s="76"/>
      <c r="Q4367" s="65"/>
      <c r="R4367" s="76"/>
      <c r="S4367" s="76"/>
      <c r="T4367" s="76"/>
      <c r="U4367" s="76"/>
      <c r="V4367" s="76"/>
      <c r="W4367" s="76"/>
      <c r="X4367" s="76"/>
      <c r="Y4367" s="76"/>
      <c r="Z4367" s="76"/>
      <c r="AA4367" s="85"/>
      <c r="AB4367" s="85"/>
      <c r="AC4367" s="85"/>
      <c r="AD4367" s="85"/>
      <c r="AE4367" s="85"/>
      <c r="AF4367" s="85"/>
      <c r="AG4367" s="86"/>
      <c r="AH4367" s="85"/>
      <c r="AI4367" s="85"/>
      <c r="AJ4367" s="85"/>
      <c r="AK4367" s="85"/>
      <c r="AL4367" s="85"/>
      <c r="AM4367" s="92"/>
      <c r="AN4367" s="92"/>
      <c r="AO4367" s="92"/>
      <c r="AP4367" s="92"/>
      <c r="AQ4367" s="92"/>
      <c r="AR4367" s="92"/>
      <c r="AS4367" s="92"/>
      <c r="AT4367" s="92"/>
      <c r="AU4367" s="92"/>
      <c r="AV4367" s="92"/>
      <c r="AW4367" s="92"/>
      <c r="AX4367" s="92"/>
      <c r="AY4367" s="92"/>
      <c r="AZ4367" s="93"/>
      <c r="BA4367" s="93"/>
      <c r="BB4367" s="93"/>
      <c r="BC4367" s="93"/>
      <c r="BD4367" s="93"/>
      <c r="BE4367" s="93"/>
      <c r="BF4367" s="93"/>
      <c r="BG4367" s="93"/>
      <c r="BH4367" s="93"/>
      <c r="BI4367" s="93"/>
      <c r="BJ4367" s="93"/>
      <c r="BK4367" s="93"/>
      <c r="BL4367" s="93"/>
    </row>
    <row r="4368" spans="2:64" x14ac:dyDescent="0.2">
      <c r="B4368" s="43"/>
      <c r="C4368" s="73"/>
      <c r="D4368" s="64"/>
      <c r="E4368" s="55"/>
      <c r="F4368" s="74"/>
      <c r="G4368" s="74"/>
      <c r="H4368" s="74"/>
      <c r="I4368" s="75"/>
      <c r="J4368" s="74"/>
      <c r="L4368" s="55"/>
      <c r="M4368" s="234"/>
      <c r="N4368" s="65"/>
      <c r="O4368" s="76"/>
      <c r="P4368" s="76"/>
      <c r="Q4368" s="65"/>
      <c r="R4368" s="76"/>
      <c r="S4368" s="76"/>
      <c r="T4368" s="76"/>
      <c r="U4368" s="76"/>
      <c r="V4368" s="76"/>
      <c r="W4368" s="76"/>
      <c r="X4368" s="76"/>
      <c r="Y4368" s="76"/>
      <c r="Z4368" s="76"/>
      <c r="AA4368" s="85"/>
      <c r="AB4368" s="85"/>
      <c r="AC4368" s="85"/>
      <c r="AD4368" s="85"/>
      <c r="AE4368" s="85"/>
      <c r="AF4368" s="85"/>
      <c r="AG4368" s="86"/>
      <c r="AH4368" s="85"/>
      <c r="AI4368" s="85"/>
      <c r="AJ4368" s="85"/>
      <c r="AK4368" s="85"/>
      <c r="AL4368" s="85"/>
      <c r="AM4368" s="92"/>
      <c r="AN4368" s="92"/>
      <c r="AO4368" s="92"/>
      <c r="AP4368" s="92"/>
      <c r="AQ4368" s="92"/>
      <c r="AR4368" s="92"/>
      <c r="AS4368" s="92"/>
      <c r="AT4368" s="92"/>
      <c r="AU4368" s="92"/>
      <c r="AV4368" s="92"/>
      <c r="AW4368" s="92"/>
      <c r="AX4368" s="92"/>
      <c r="AY4368" s="92"/>
      <c r="AZ4368" s="93"/>
      <c r="BA4368" s="93"/>
      <c r="BB4368" s="93"/>
      <c r="BC4368" s="93"/>
      <c r="BD4368" s="93"/>
      <c r="BE4368" s="93"/>
      <c r="BF4368" s="93"/>
      <c r="BG4368" s="93"/>
      <c r="BH4368" s="93"/>
      <c r="BI4368" s="93"/>
      <c r="BJ4368" s="93"/>
      <c r="BK4368" s="93"/>
      <c r="BL4368" s="93"/>
    </row>
    <row r="4369" spans="2:64" x14ac:dyDescent="0.2">
      <c r="B4369" s="43"/>
      <c r="C4369" s="73"/>
      <c r="D4369" s="64"/>
      <c r="E4369" s="55"/>
      <c r="F4369" s="74"/>
      <c r="G4369" s="74"/>
      <c r="H4369" s="74"/>
      <c r="I4369" s="75"/>
      <c r="J4369" s="74"/>
      <c r="L4369" s="55"/>
      <c r="M4369" s="234"/>
      <c r="N4369" s="65"/>
      <c r="O4369" s="76"/>
      <c r="P4369" s="76"/>
      <c r="Q4369" s="65"/>
      <c r="R4369" s="76"/>
      <c r="S4369" s="76"/>
      <c r="T4369" s="76"/>
      <c r="U4369" s="76"/>
      <c r="V4369" s="76"/>
      <c r="W4369" s="76"/>
      <c r="X4369" s="76"/>
      <c r="Y4369" s="76"/>
      <c r="Z4369" s="76"/>
      <c r="AA4369" s="85"/>
      <c r="AB4369" s="85"/>
      <c r="AC4369" s="85"/>
      <c r="AD4369" s="85"/>
      <c r="AE4369" s="85"/>
      <c r="AF4369" s="85"/>
      <c r="AG4369" s="86"/>
      <c r="AH4369" s="85"/>
      <c r="AI4369" s="85"/>
      <c r="AJ4369" s="85"/>
      <c r="AK4369" s="85"/>
      <c r="AL4369" s="85"/>
      <c r="AM4369" s="92"/>
      <c r="AN4369" s="92"/>
      <c r="AO4369" s="92"/>
      <c r="AP4369" s="92"/>
      <c r="AQ4369" s="92"/>
      <c r="AR4369" s="92"/>
      <c r="AS4369" s="92"/>
      <c r="AT4369" s="92"/>
      <c r="AU4369" s="92"/>
      <c r="AV4369" s="92"/>
      <c r="AW4369" s="92"/>
      <c r="AX4369" s="92"/>
      <c r="AY4369" s="92"/>
      <c r="AZ4369" s="93"/>
      <c r="BA4369" s="93"/>
      <c r="BB4369" s="93"/>
      <c r="BC4369" s="93"/>
      <c r="BD4369" s="93"/>
      <c r="BE4369" s="93"/>
      <c r="BF4369" s="93"/>
      <c r="BG4369" s="93"/>
      <c r="BH4369" s="93"/>
      <c r="BI4369" s="93"/>
      <c r="BJ4369" s="93"/>
      <c r="BK4369" s="93"/>
      <c r="BL4369" s="93"/>
    </row>
    <row r="4370" spans="2:64" x14ac:dyDescent="0.2">
      <c r="B4370" s="43"/>
      <c r="C4370" s="73"/>
      <c r="D4370" s="64"/>
      <c r="E4370" s="55"/>
      <c r="F4370" s="74"/>
      <c r="G4370" s="74"/>
      <c r="H4370" s="74"/>
      <c r="I4370" s="75"/>
      <c r="J4370" s="74"/>
      <c r="L4370" s="55"/>
      <c r="M4370" s="234"/>
      <c r="N4370" s="65"/>
      <c r="O4370" s="76"/>
      <c r="P4370" s="76"/>
      <c r="Q4370" s="65"/>
      <c r="R4370" s="76"/>
      <c r="S4370" s="76"/>
      <c r="T4370" s="76"/>
      <c r="U4370" s="76"/>
      <c r="V4370" s="76"/>
      <c r="W4370" s="76"/>
      <c r="X4370" s="76"/>
      <c r="Y4370" s="76"/>
      <c r="Z4370" s="76"/>
      <c r="AA4370" s="85"/>
      <c r="AB4370" s="85"/>
      <c r="AC4370" s="85"/>
      <c r="AD4370" s="85"/>
      <c r="AE4370" s="85"/>
      <c r="AF4370" s="85"/>
      <c r="AG4370" s="86"/>
      <c r="AH4370" s="85"/>
      <c r="AI4370" s="85"/>
      <c r="AJ4370" s="85"/>
      <c r="AK4370" s="85"/>
      <c r="AL4370" s="85"/>
      <c r="AM4370" s="92"/>
      <c r="AN4370" s="92"/>
      <c r="AO4370" s="92"/>
      <c r="AP4370" s="92"/>
      <c r="AQ4370" s="92"/>
      <c r="AR4370" s="92"/>
      <c r="AS4370" s="92"/>
      <c r="AT4370" s="92"/>
      <c r="AU4370" s="92"/>
      <c r="AV4370" s="92"/>
      <c r="AW4370" s="92"/>
      <c r="AX4370" s="92"/>
      <c r="AY4370" s="92"/>
      <c r="AZ4370" s="93"/>
      <c r="BA4370" s="93"/>
      <c r="BB4370" s="93"/>
      <c r="BC4370" s="93"/>
      <c r="BD4370" s="93"/>
      <c r="BE4370" s="93"/>
      <c r="BF4370" s="93"/>
      <c r="BG4370" s="93"/>
      <c r="BH4370" s="93"/>
      <c r="BI4370" s="93"/>
      <c r="BJ4370" s="93"/>
      <c r="BK4370" s="93"/>
      <c r="BL4370" s="93"/>
    </row>
    <row r="4371" spans="2:64" x14ac:dyDescent="0.2">
      <c r="B4371" s="43"/>
      <c r="C4371" s="73"/>
      <c r="D4371" s="64"/>
      <c r="E4371" s="55"/>
      <c r="F4371" s="74"/>
      <c r="G4371" s="74"/>
      <c r="H4371" s="74"/>
      <c r="I4371" s="75"/>
      <c r="J4371" s="74"/>
      <c r="L4371" s="55"/>
      <c r="M4371" s="234"/>
      <c r="N4371" s="65"/>
      <c r="O4371" s="76"/>
      <c r="P4371" s="76"/>
      <c r="Q4371" s="65"/>
      <c r="R4371" s="76"/>
      <c r="S4371" s="76"/>
      <c r="T4371" s="76"/>
      <c r="U4371" s="76"/>
      <c r="V4371" s="76"/>
      <c r="W4371" s="76"/>
      <c r="X4371" s="76"/>
      <c r="Y4371" s="76"/>
      <c r="Z4371" s="76"/>
      <c r="AA4371" s="85"/>
      <c r="AB4371" s="85"/>
      <c r="AC4371" s="85"/>
      <c r="AD4371" s="85"/>
      <c r="AE4371" s="85"/>
      <c r="AF4371" s="85"/>
      <c r="AG4371" s="86"/>
      <c r="AH4371" s="85"/>
      <c r="AI4371" s="85"/>
      <c r="AJ4371" s="85"/>
      <c r="AK4371" s="85"/>
      <c r="AL4371" s="85"/>
      <c r="AM4371" s="92"/>
      <c r="AN4371" s="92"/>
      <c r="AO4371" s="92"/>
      <c r="AP4371" s="92"/>
      <c r="AQ4371" s="92"/>
      <c r="AR4371" s="92"/>
      <c r="AS4371" s="92"/>
      <c r="AT4371" s="92"/>
      <c r="AU4371" s="92"/>
      <c r="AV4371" s="92"/>
      <c r="AW4371" s="92"/>
      <c r="AX4371" s="92"/>
      <c r="AY4371" s="92"/>
      <c r="AZ4371" s="93"/>
      <c r="BA4371" s="93"/>
      <c r="BB4371" s="93"/>
      <c r="BC4371" s="93"/>
      <c r="BD4371" s="93"/>
      <c r="BE4371" s="93"/>
      <c r="BF4371" s="93"/>
      <c r="BG4371" s="93"/>
      <c r="BH4371" s="93"/>
      <c r="BI4371" s="93"/>
      <c r="BJ4371" s="93"/>
      <c r="BK4371" s="93"/>
      <c r="BL4371" s="93"/>
    </row>
    <row r="4372" spans="2:64" x14ac:dyDescent="0.2">
      <c r="B4372" s="43"/>
      <c r="C4372" s="73"/>
      <c r="D4372" s="64"/>
      <c r="E4372" s="55"/>
      <c r="F4372" s="74"/>
      <c r="G4372" s="74"/>
      <c r="H4372" s="74"/>
      <c r="I4372" s="75"/>
      <c r="J4372" s="74"/>
      <c r="L4372" s="55"/>
      <c r="M4372" s="234"/>
      <c r="N4372" s="65"/>
      <c r="O4372" s="76"/>
      <c r="P4372" s="76"/>
      <c r="Q4372" s="65"/>
      <c r="R4372" s="76"/>
      <c r="S4372" s="76"/>
      <c r="T4372" s="76"/>
      <c r="U4372" s="76"/>
      <c r="V4372" s="76"/>
      <c r="W4372" s="76"/>
      <c r="X4372" s="76"/>
      <c r="Y4372" s="76"/>
      <c r="Z4372" s="76"/>
      <c r="AA4372" s="85"/>
      <c r="AB4372" s="85"/>
      <c r="AC4372" s="85"/>
      <c r="AD4372" s="85"/>
      <c r="AE4372" s="85"/>
      <c r="AF4372" s="85"/>
      <c r="AG4372" s="86"/>
      <c r="AH4372" s="85"/>
      <c r="AI4372" s="85"/>
      <c r="AJ4372" s="85"/>
      <c r="AK4372" s="85"/>
      <c r="AL4372" s="85"/>
      <c r="AM4372" s="92"/>
      <c r="AN4372" s="92"/>
      <c r="AO4372" s="92"/>
      <c r="AP4372" s="92"/>
      <c r="AQ4372" s="92"/>
      <c r="AR4372" s="92"/>
      <c r="AS4372" s="92"/>
      <c r="AT4372" s="92"/>
      <c r="AU4372" s="92"/>
      <c r="AV4372" s="92"/>
      <c r="AW4372" s="92"/>
      <c r="AX4372" s="92"/>
      <c r="AY4372" s="92"/>
      <c r="AZ4372" s="93"/>
      <c r="BA4372" s="93"/>
      <c r="BB4372" s="93"/>
      <c r="BC4372" s="93"/>
      <c r="BD4372" s="93"/>
      <c r="BE4372" s="93"/>
      <c r="BF4372" s="93"/>
      <c r="BG4372" s="93"/>
      <c r="BH4372" s="93"/>
      <c r="BI4372" s="93"/>
      <c r="BJ4372" s="93"/>
      <c r="BK4372" s="93"/>
      <c r="BL4372" s="93"/>
    </row>
    <row r="4373" spans="2:64" x14ac:dyDescent="0.2">
      <c r="B4373" s="43"/>
      <c r="C4373" s="73"/>
      <c r="D4373" s="64"/>
      <c r="E4373" s="55"/>
      <c r="F4373" s="74"/>
      <c r="G4373" s="74"/>
      <c r="H4373" s="74"/>
      <c r="I4373" s="75"/>
      <c r="J4373" s="74"/>
      <c r="L4373" s="55"/>
      <c r="M4373" s="234"/>
      <c r="N4373" s="65"/>
      <c r="O4373" s="76"/>
      <c r="P4373" s="76"/>
      <c r="Q4373" s="65"/>
      <c r="R4373" s="76"/>
      <c r="S4373" s="76"/>
      <c r="T4373" s="76"/>
      <c r="U4373" s="76"/>
      <c r="V4373" s="76"/>
      <c r="W4373" s="76"/>
      <c r="X4373" s="76"/>
      <c r="Y4373" s="76"/>
      <c r="Z4373" s="76"/>
      <c r="AA4373" s="85"/>
      <c r="AB4373" s="85"/>
      <c r="AC4373" s="85"/>
      <c r="AD4373" s="85"/>
      <c r="AE4373" s="85"/>
      <c r="AF4373" s="85"/>
      <c r="AG4373" s="86"/>
      <c r="AH4373" s="85"/>
      <c r="AI4373" s="85"/>
      <c r="AJ4373" s="85"/>
      <c r="AK4373" s="85"/>
      <c r="AL4373" s="85"/>
      <c r="AM4373" s="92"/>
      <c r="AN4373" s="92"/>
      <c r="AO4373" s="92"/>
      <c r="AP4373" s="92"/>
      <c r="AQ4373" s="92"/>
      <c r="AR4373" s="92"/>
      <c r="AS4373" s="92"/>
      <c r="AT4373" s="92"/>
      <c r="AU4373" s="92"/>
      <c r="AV4373" s="92"/>
      <c r="AW4373" s="92"/>
      <c r="AX4373" s="92"/>
      <c r="AY4373" s="92"/>
      <c r="AZ4373" s="93"/>
      <c r="BA4373" s="93"/>
      <c r="BB4373" s="93"/>
      <c r="BC4373" s="93"/>
      <c r="BD4373" s="93"/>
      <c r="BE4373" s="93"/>
      <c r="BF4373" s="93"/>
      <c r="BG4373" s="93"/>
      <c r="BH4373" s="93"/>
      <c r="BI4373" s="93"/>
      <c r="BJ4373" s="93"/>
      <c r="BK4373" s="93"/>
      <c r="BL4373" s="93"/>
    </row>
    <row r="4374" spans="2:64" x14ac:dyDescent="0.2">
      <c r="B4374" s="43"/>
      <c r="C4374" s="73"/>
      <c r="D4374" s="64"/>
      <c r="E4374" s="55"/>
      <c r="F4374" s="74"/>
      <c r="G4374" s="74"/>
      <c r="H4374" s="74"/>
      <c r="I4374" s="75"/>
      <c r="J4374" s="74"/>
      <c r="L4374" s="55"/>
      <c r="M4374" s="234"/>
      <c r="N4374" s="65"/>
      <c r="O4374" s="76"/>
      <c r="P4374" s="76"/>
      <c r="Q4374" s="65"/>
      <c r="R4374" s="76"/>
      <c r="S4374" s="76"/>
      <c r="T4374" s="76"/>
      <c r="U4374" s="76"/>
      <c r="V4374" s="76"/>
      <c r="W4374" s="76"/>
      <c r="X4374" s="76"/>
      <c r="Y4374" s="76"/>
      <c r="Z4374" s="76"/>
      <c r="AA4374" s="85"/>
      <c r="AB4374" s="85"/>
      <c r="AC4374" s="85"/>
      <c r="AD4374" s="85"/>
      <c r="AE4374" s="85"/>
      <c r="AF4374" s="85"/>
      <c r="AG4374" s="86"/>
      <c r="AH4374" s="85"/>
      <c r="AI4374" s="85"/>
      <c r="AJ4374" s="85"/>
      <c r="AK4374" s="85"/>
      <c r="AL4374" s="85"/>
      <c r="AM4374" s="92"/>
      <c r="AN4374" s="92"/>
      <c r="AO4374" s="92"/>
      <c r="AP4374" s="92"/>
      <c r="AQ4374" s="92"/>
      <c r="AR4374" s="92"/>
      <c r="AS4374" s="92"/>
      <c r="AT4374" s="92"/>
      <c r="AU4374" s="92"/>
      <c r="AV4374" s="92"/>
      <c r="AW4374" s="92"/>
      <c r="AX4374" s="92"/>
      <c r="AY4374" s="92"/>
      <c r="AZ4374" s="93"/>
      <c r="BA4374" s="93"/>
      <c r="BB4374" s="93"/>
      <c r="BC4374" s="93"/>
      <c r="BD4374" s="93"/>
      <c r="BE4374" s="93"/>
      <c r="BF4374" s="93"/>
      <c r="BG4374" s="93"/>
      <c r="BH4374" s="93"/>
      <c r="BI4374" s="93"/>
      <c r="BJ4374" s="93"/>
      <c r="BK4374" s="93"/>
      <c r="BL4374" s="93"/>
    </row>
    <row r="4375" spans="2:64" x14ac:dyDescent="0.2">
      <c r="B4375" s="43"/>
      <c r="C4375" s="73"/>
      <c r="D4375" s="64"/>
      <c r="E4375" s="55"/>
      <c r="F4375" s="74"/>
      <c r="G4375" s="74"/>
      <c r="H4375" s="74"/>
      <c r="I4375" s="75"/>
      <c r="J4375" s="74"/>
      <c r="L4375" s="55"/>
      <c r="M4375" s="234"/>
      <c r="N4375" s="65"/>
      <c r="O4375" s="76"/>
      <c r="P4375" s="76"/>
      <c r="Q4375" s="65"/>
      <c r="R4375" s="76"/>
      <c r="S4375" s="76"/>
      <c r="T4375" s="76"/>
      <c r="U4375" s="76"/>
      <c r="V4375" s="76"/>
      <c r="W4375" s="76"/>
      <c r="X4375" s="76"/>
      <c r="Y4375" s="76"/>
      <c r="Z4375" s="76"/>
      <c r="AA4375" s="85"/>
      <c r="AB4375" s="85"/>
      <c r="AC4375" s="85"/>
      <c r="AD4375" s="85"/>
      <c r="AE4375" s="85"/>
      <c r="AF4375" s="85"/>
      <c r="AG4375" s="86"/>
      <c r="AH4375" s="85"/>
      <c r="AI4375" s="85"/>
      <c r="AJ4375" s="85"/>
      <c r="AK4375" s="85"/>
      <c r="AL4375" s="85"/>
      <c r="AM4375" s="92"/>
      <c r="AN4375" s="92"/>
      <c r="AO4375" s="92"/>
      <c r="AP4375" s="92"/>
      <c r="AQ4375" s="92"/>
      <c r="AR4375" s="92"/>
      <c r="AS4375" s="92"/>
      <c r="AT4375" s="92"/>
      <c r="AU4375" s="92"/>
      <c r="AV4375" s="92"/>
      <c r="AW4375" s="92"/>
      <c r="AX4375" s="92"/>
      <c r="AY4375" s="92"/>
      <c r="AZ4375" s="93"/>
      <c r="BA4375" s="93"/>
      <c r="BB4375" s="93"/>
      <c r="BC4375" s="93"/>
      <c r="BD4375" s="93"/>
      <c r="BE4375" s="93"/>
      <c r="BF4375" s="93"/>
      <c r="BG4375" s="93"/>
      <c r="BH4375" s="93"/>
      <c r="BI4375" s="93"/>
      <c r="BJ4375" s="93"/>
      <c r="BK4375" s="93"/>
      <c r="BL4375" s="93"/>
    </row>
    <row r="4376" spans="2:64" x14ac:dyDescent="0.2">
      <c r="B4376" s="43"/>
      <c r="C4376" s="73"/>
      <c r="D4376" s="64"/>
      <c r="E4376" s="55"/>
      <c r="F4376" s="74"/>
      <c r="G4376" s="74"/>
      <c r="H4376" s="74"/>
      <c r="I4376" s="75"/>
      <c r="J4376" s="74"/>
      <c r="L4376" s="55"/>
      <c r="M4376" s="234"/>
      <c r="N4376" s="65"/>
      <c r="O4376" s="76"/>
      <c r="P4376" s="76"/>
      <c r="Q4376" s="65"/>
      <c r="R4376" s="76"/>
      <c r="S4376" s="76"/>
      <c r="T4376" s="76"/>
      <c r="U4376" s="76"/>
      <c r="V4376" s="76"/>
      <c r="W4376" s="76"/>
      <c r="X4376" s="76"/>
      <c r="Y4376" s="76"/>
      <c r="Z4376" s="76"/>
      <c r="AA4376" s="85"/>
      <c r="AB4376" s="85"/>
      <c r="AC4376" s="85"/>
      <c r="AD4376" s="85"/>
      <c r="AE4376" s="85"/>
      <c r="AF4376" s="85"/>
      <c r="AG4376" s="86"/>
      <c r="AH4376" s="85"/>
      <c r="AI4376" s="85"/>
      <c r="AJ4376" s="85"/>
      <c r="AK4376" s="85"/>
      <c r="AL4376" s="85"/>
      <c r="AM4376" s="92"/>
      <c r="AN4376" s="92"/>
      <c r="AO4376" s="92"/>
      <c r="AP4376" s="92"/>
      <c r="AQ4376" s="92"/>
      <c r="AR4376" s="92"/>
      <c r="AS4376" s="92"/>
      <c r="AT4376" s="92"/>
      <c r="AU4376" s="92"/>
      <c r="AV4376" s="92"/>
      <c r="AW4376" s="92"/>
      <c r="AX4376" s="92"/>
      <c r="AY4376" s="92"/>
      <c r="AZ4376" s="93"/>
      <c r="BA4376" s="93"/>
      <c r="BB4376" s="93"/>
      <c r="BC4376" s="93"/>
      <c r="BD4376" s="93"/>
      <c r="BE4376" s="93"/>
      <c r="BF4376" s="93"/>
      <c r="BG4376" s="93"/>
      <c r="BH4376" s="93"/>
      <c r="BI4376" s="93"/>
      <c r="BJ4376" s="93"/>
      <c r="BK4376" s="93"/>
      <c r="BL4376" s="93"/>
    </row>
    <row r="4377" spans="2:64" x14ac:dyDescent="0.2">
      <c r="B4377" s="43"/>
      <c r="C4377" s="73"/>
      <c r="D4377" s="64"/>
      <c r="E4377" s="55"/>
      <c r="F4377" s="74"/>
      <c r="G4377" s="74"/>
      <c r="H4377" s="74"/>
      <c r="I4377" s="75"/>
      <c r="J4377" s="74"/>
      <c r="L4377" s="55"/>
      <c r="M4377" s="234"/>
      <c r="N4377" s="65"/>
      <c r="O4377" s="76"/>
      <c r="P4377" s="76"/>
      <c r="Q4377" s="65"/>
      <c r="R4377" s="76"/>
      <c r="S4377" s="76"/>
      <c r="T4377" s="76"/>
      <c r="U4377" s="76"/>
      <c r="V4377" s="76"/>
      <c r="W4377" s="76"/>
      <c r="X4377" s="76"/>
      <c r="Y4377" s="76"/>
      <c r="Z4377" s="76"/>
      <c r="AA4377" s="85"/>
      <c r="AB4377" s="85"/>
      <c r="AC4377" s="85"/>
      <c r="AD4377" s="85"/>
      <c r="AE4377" s="85"/>
      <c r="AF4377" s="85"/>
      <c r="AG4377" s="86"/>
      <c r="AH4377" s="85"/>
      <c r="AI4377" s="85"/>
      <c r="AJ4377" s="85"/>
      <c r="AK4377" s="85"/>
      <c r="AL4377" s="85"/>
      <c r="AM4377" s="92"/>
      <c r="AN4377" s="92"/>
      <c r="AO4377" s="92"/>
      <c r="AP4377" s="92"/>
      <c r="AQ4377" s="92"/>
      <c r="AR4377" s="92"/>
      <c r="AS4377" s="92"/>
      <c r="AT4377" s="92"/>
      <c r="AU4377" s="92"/>
      <c r="AV4377" s="92"/>
      <c r="AW4377" s="92"/>
      <c r="AX4377" s="92"/>
      <c r="AY4377" s="92"/>
      <c r="AZ4377" s="93"/>
      <c r="BA4377" s="93"/>
      <c r="BB4377" s="93"/>
      <c r="BC4377" s="93"/>
      <c r="BD4377" s="93"/>
      <c r="BE4377" s="93"/>
      <c r="BF4377" s="93"/>
      <c r="BG4377" s="93"/>
      <c r="BH4377" s="93"/>
      <c r="BI4377" s="93"/>
      <c r="BJ4377" s="93"/>
      <c r="BK4377" s="93"/>
      <c r="BL4377" s="93"/>
    </row>
    <row r="4378" spans="2:64" x14ac:dyDescent="0.2">
      <c r="B4378" s="43"/>
      <c r="C4378" s="73"/>
      <c r="D4378" s="64"/>
      <c r="E4378" s="55"/>
      <c r="F4378" s="74"/>
      <c r="G4378" s="74"/>
      <c r="H4378" s="74"/>
      <c r="I4378" s="75"/>
      <c r="J4378" s="74"/>
      <c r="L4378" s="55"/>
      <c r="M4378" s="234"/>
      <c r="N4378" s="65"/>
      <c r="O4378" s="76"/>
      <c r="P4378" s="76"/>
      <c r="Q4378" s="65"/>
      <c r="R4378" s="76"/>
      <c r="S4378" s="76"/>
      <c r="T4378" s="76"/>
      <c r="U4378" s="76"/>
      <c r="V4378" s="76"/>
      <c r="W4378" s="76"/>
      <c r="X4378" s="76"/>
      <c r="Y4378" s="76"/>
      <c r="Z4378" s="76"/>
      <c r="AA4378" s="85"/>
      <c r="AB4378" s="85"/>
      <c r="AC4378" s="85"/>
      <c r="AD4378" s="85"/>
      <c r="AE4378" s="85"/>
      <c r="AF4378" s="85"/>
      <c r="AG4378" s="86"/>
      <c r="AH4378" s="85"/>
      <c r="AI4378" s="85"/>
      <c r="AJ4378" s="85"/>
      <c r="AK4378" s="85"/>
      <c r="AL4378" s="85"/>
      <c r="AM4378" s="92"/>
      <c r="AN4378" s="92"/>
      <c r="AO4378" s="92"/>
      <c r="AP4378" s="92"/>
      <c r="AQ4378" s="92"/>
      <c r="AR4378" s="92"/>
      <c r="AS4378" s="92"/>
      <c r="AT4378" s="92"/>
      <c r="AU4378" s="92"/>
      <c r="AV4378" s="92"/>
      <c r="AW4378" s="92"/>
      <c r="AX4378" s="92"/>
      <c r="AY4378" s="92"/>
      <c r="AZ4378" s="93"/>
      <c r="BA4378" s="93"/>
      <c r="BB4378" s="93"/>
      <c r="BC4378" s="93"/>
      <c r="BD4378" s="93"/>
      <c r="BE4378" s="93"/>
      <c r="BF4378" s="93"/>
      <c r="BG4378" s="93"/>
      <c r="BH4378" s="93"/>
      <c r="BI4378" s="93"/>
      <c r="BJ4378" s="93"/>
      <c r="BK4378" s="93"/>
      <c r="BL4378" s="93"/>
    </row>
    <row r="4379" spans="2:64" x14ac:dyDescent="0.2">
      <c r="B4379" s="43"/>
      <c r="C4379" s="73"/>
      <c r="D4379" s="64"/>
      <c r="E4379" s="55"/>
      <c r="F4379" s="74"/>
      <c r="G4379" s="74"/>
      <c r="H4379" s="74"/>
      <c r="I4379" s="75"/>
      <c r="J4379" s="74"/>
      <c r="L4379" s="55"/>
      <c r="M4379" s="234"/>
      <c r="N4379" s="65"/>
      <c r="O4379" s="76"/>
      <c r="P4379" s="76"/>
      <c r="Q4379" s="65"/>
      <c r="R4379" s="76"/>
      <c r="S4379" s="76"/>
      <c r="T4379" s="76"/>
      <c r="U4379" s="76"/>
      <c r="V4379" s="76"/>
      <c r="W4379" s="76"/>
      <c r="X4379" s="76"/>
      <c r="Y4379" s="76"/>
      <c r="Z4379" s="76"/>
      <c r="AA4379" s="85"/>
      <c r="AB4379" s="85"/>
      <c r="AC4379" s="85"/>
      <c r="AD4379" s="85"/>
      <c r="AE4379" s="85"/>
      <c r="AF4379" s="85"/>
      <c r="AG4379" s="86"/>
      <c r="AH4379" s="85"/>
      <c r="AI4379" s="85"/>
      <c r="AJ4379" s="85"/>
      <c r="AK4379" s="85"/>
      <c r="AL4379" s="85"/>
      <c r="AM4379" s="92"/>
      <c r="AN4379" s="92"/>
      <c r="AO4379" s="92"/>
      <c r="AP4379" s="92"/>
      <c r="AQ4379" s="92"/>
      <c r="AR4379" s="92"/>
      <c r="AS4379" s="92"/>
      <c r="AT4379" s="92"/>
      <c r="AU4379" s="92"/>
      <c r="AV4379" s="92"/>
      <c r="AW4379" s="92"/>
      <c r="AX4379" s="92"/>
      <c r="AY4379" s="92"/>
      <c r="AZ4379" s="93"/>
      <c r="BA4379" s="93"/>
      <c r="BB4379" s="93"/>
      <c r="BC4379" s="93"/>
      <c r="BD4379" s="93"/>
      <c r="BE4379" s="93"/>
      <c r="BF4379" s="93"/>
      <c r="BG4379" s="93"/>
      <c r="BH4379" s="93"/>
      <c r="BI4379" s="93"/>
      <c r="BJ4379" s="93"/>
      <c r="BK4379" s="93"/>
      <c r="BL4379" s="93"/>
    </row>
    <row r="4380" spans="2:64" x14ac:dyDescent="0.2">
      <c r="B4380" s="43"/>
      <c r="C4380" s="73"/>
      <c r="D4380" s="64"/>
      <c r="E4380" s="55"/>
      <c r="F4380" s="74"/>
      <c r="G4380" s="74"/>
      <c r="H4380" s="74"/>
      <c r="I4380" s="75"/>
      <c r="J4380" s="74"/>
      <c r="L4380" s="55"/>
      <c r="M4380" s="234"/>
      <c r="N4380" s="65"/>
      <c r="O4380" s="76"/>
      <c r="P4380" s="76"/>
      <c r="Q4380" s="65"/>
      <c r="R4380" s="76"/>
      <c r="S4380" s="76"/>
      <c r="T4380" s="76"/>
      <c r="U4380" s="76"/>
      <c r="V4380" s="76"/>
      <c r="W4380" s="76"/>
      <c r="X4380" s="76"/>
      <c r="Y4380" s="76"/>
      <c r="Z4380" s="76"/>
      <c r="AA4380" s="85"/>
      <c r="AB4380" s="85"/>
      <c r="AC4380" s="85"/>
      <c r="AD4380" s="85"/>
      <c r="AE4380" s="85"/>
      <c r="AF4380" s="85"/>
      <c r="AG4380" s="86"/>
      <c r="AH4380" s="85"/>
      <c r="AI4380" s="85"/>
      <c r="AJ4380" s="85"/>
      <c r="AK4380" s="85"/>
      <c r="AL4380" s="85"/>
      <c r="AM4380" s="92"/>
      <c r="AN4380" s="92"/>
      <c r="AO4380" s="92"/>
      <c r="AP4380" s="92"/>
      <c r="AQ4380" s="92"/>
      <c r="AR4380" s="92"/>
      <c r="AS4380" s="92"/>
      <c r="AT4380" s="92"/>
      <c r="AU4380" s="92"/>
      <c r="AV4380" s="92"/>
      <c r="AW4380" s="92"/>
      <c r="AX4380" s="92"/>
      <c r="AY4380" s="92"/>
      <c r="AZ4380" s="93"/>
      <c r="BA4380" s="93"/>
      <c r="BB4380" s="93"/>
      <c r="BC4380" s="93"/>
      <c r="BD4380" s="93"/>
      <c r="BE4380" s="93"/>
      <c r="BF4380" s="93"/>
      <c r="BG4380" s="93"/>
      <c r="BH4380" s="93"/>
      <c r="BI4380" s="93"/>
      <c r="BJ4380" s="93"/>
      <c r="BK4380" s="93"/>
      <c r="BL4380" s="93"/>
    </row>
    <row r="4381" spans="2:64" x14ac:dyDescent="0.2">
      <c r="B4381" s="43"/>
      <c r="C4381" s="73"/>
      <c r="D4381" s="64"/>
      <c r="E4381" s="55"/>
      <c r="F4381" s="74"/>
      <c r="G4381" s="74"/>
      <c r="H4381" s="74"/>
      <c r="I4381" s="75"/>
      <c r="J4381" s="74"/>
      <c r="L4381" s="55"/>
      <c r="M4381" s="234"/>
      <c r="N4381" s="65"/>
      <c r="O4381" s="76"/>
      <c r="P4381" s="76"/>
      <c r="Q4381" s="65"/>
      <c r="R4381" s="76"/>
      <c r="S4381" s="76"/>
      <c r="T4381" s="76"/>
      <c r="U4381" s="76"/>
      <c r="V4381" s="76"/>
      <c r="W4381" s="76"/>
      <c r="X4381" s="76"/>
      <c r="Y4381" s="76"/>
      <c r="Z4381" s="76"/>
      <c r="AA4381" s="85"/>
      <c r="AB4381" s="85"/>
      <c r="AC4381" s="85"/>
      <c r="AD4381" s="85"/>
      <c r="AE4381" s="85"/>
      <c r="AF4381" s="85"/>
      <c r="AG4381" s="86"/>
      <c r="AH4381" s="85"/>
      <c r="AI4381" s="85"/>
      <c r="AJ4381" s="85"/>
      <c r="AK4381" s="85"/>
      <c r="AL4381" s="85"/>
      <c r="AM4381" s="92"/>
      <c r="AN4381" s="92"/>
      <c r="AO4381" s="92"/>
      <c r="AP4381" s="92"/>
      <c r="AQ4381" s="92"/>
      <c r="AR4381" s="92"/>
      <c r="AS4381" s="92"/>
      <c r="AT4381" s="92"/>
      <c r="AU4381" s="92"/>
      <c r="AV4381" s="92"/>
      <c r="AW4381" s="92"/>
      <c r="AX4381" s="92"/>
      <c r="AY4381" s="92"/>
      <c r="AZ4381" s="93"/>
      <c r="BA4381" s="93"/>
      <c r="BB4381" s="93"/>
      <c r="BC4381" s="93"/>
      <c r="BD4381" s="93"/>
      <c r="BE4381" s="93"/>
      <c r="BF4381" s="93"/>
      <c r="BG4381" s="93"/>
      <c r="BH4381" s="93"/>
      <c r="BI4381" s="93"/>
      <c r="BJ4381" s="93"/>
      <c r="BK4381" s="93"/>
      <c r="BL4381" s="93"/>
    </row>
    <row r="4382" spans="2:64" x14ac:dyDescent="0.2">
      <c r="B4382" s="43"/>
      <c r="C4382" s="73"/>
      <c r="D4382" s="64"/>
      <c r="E4382" s="55"/>
      <c r="F4382" s="74"/>
      <c r="G4382" s="74"/>
      <c r="H4382" s="74"/>
      <c r="I4382" s="75"/>
      <c r="J4382" s="74"/>
      <c r="L4382" s="55"/>
      <c r="M4382" s="234"/>
      <c r="N4382" s="65"/>
      <c r="O4382" s="76"/>
      <c r="P4382" s="76"/>
      <c r="Q4382" s="65"/>
      <c r="R4382" s="76"/>
      <c r="S4382" s="76"/>
      <c r="T4382" s="76"/>
      <c r="U4382" s="76"/>
      <c r="V4382" s="76"/>
      <c r="W4382" s="76"/>
      <c r="X4382" s="76"/>
      <c r="Y4382" s="76"/>
      <c r="Z4382" s="76"/>
      <c r="AA4382" s="85"/>
      <c r="AB4382" s="85"/>
      <c r="AC4382" s="85"/>
      <c r="AD4382" s="85"/>
      <c r="AE4382" s="85"/>
      <c r="AF4382" s="85"/>
      <c r="AG4382" s="86"/>
      <c r="AH4382" s="85"/>
      <c r="AI4382" s="85"/>
      <c r="AJ4382" s="85"/>
      <c r="AK4382" s="85"/>
      <c r="AL4382" s="85"/>
      <c r="AM4382" s="92"/>
      <c r="AN4382" s="92"/>
      <c r="AO4382" s="92"/>
      <c r="AP4382" s="92"/>
      <c r="AQ4382" s="92"/>
      <c r="AR4382" s="92"/>
      <c r="AS4382" s="92"/>
      <c r="AT4382" s="92"/>
      <c r="AU4382" s="92"/>
      <c r="AV4382" s="92"/>
      <c r="AW4382" s="92"/>
      <c r="AX4382" s="92"/>
      <c r="AY4382" s="92"/>
      <c r="AZ4382" s="93"/>
      <c r="BA4382" s="93"/>
      <c r="BB4382" s="93"/>
      <c r="BC4382" s="93"/>
      <c r="BD4382" s="93"/>
      <c r="BE4382" s="93"/>
      <c r="BF4382" s="93"/>
      <c r="BG4382" s="93"/>
      <c r="BH4382" s="93"/>
      <c r="BI4382" s="93"/>
      <c r="BJ4382" s="93"/>
      <c r="BK4382" s="93"/>
      <c r="BL4382" s="93"/>
    </row>
    <row r="4383" spans="2:64" x14ac:dyDescent="0.2">
      <c r="B4383" s="43"/>
      <c r="C4383" s="73"/>
      <c r="D4383" s="64"/>
      <c r="E4383" s="55"/>
      <c r="F4383" s="74"/>
      <c r="G4383" s="74"/>
      <c r="H4383" s="74"/>
      <c r="I4383" s="75"/>
      <c r="J4383" s="74"/>
      <c r="L4383" s="55"/>
      <c r="M4383" s="234"/>
      <c r="N4383" s="65"/>
      <c r="O4383" s="76"/>
      <c r="P4383" s="76"/>
      <c r="Q4383" s="65"/>
      <c r="R4383" s="76"/>
      <c r="S4383" s="76"/>
      <c r="T4383" s="76"/>
      <c r="U4383" s="76"/>
      <c r="V4383" s="76"/>
      <c r="W4383" s="76"/>
      <c r="X4383" s="76"/>
      <c r="Y4383" s="76"/>
      <c r="Z4383" s="76"/>
      <c r="AA4383" s="85"/>
      <c r="AB4383" s="85"/>
      <c r="AC4383" s="85"/>
      <c r="AD4383" s="85"/>
      <c r="AE4383" s="85"/>
      <c r="AF4383" s="85"/>
      <c r="AG4383" s="86"/>
      <c r="AH4383" s="85"/>
      <c r="AI4383" s="85"/>
      <c r="AJ4383" s="85"/>
      <c r="AK4383" s="85"/>
      <c r="AL4383" s="85"/>
      <c r="AM4383" s="92"/>
      <c r="AN4383" s="92"/>
      <c r="AO4383" s="92"/>
      <c r="AP4383" s="92"/>
      <c r="AQ4383" s="92"/>
      <c r="AR4383" s="92"/>
      <c r="AS4383" s="92"/>
      <c r="AT4383" s="92"/>
      <c r="AU4383" s="92"/>
      <c r="AV4383" s="92"/>
      <c r="AW4383" s="92"/>
      <c r="AX4383" s="92"/>
      <c r="AY4383" s="92"/>
      <c r="AZ4383" s="93"/>
      <c r="BA4383" s="93"/>
      <c r="BB4383" s="93"/>
      <c r="BC4383" s="93"/>
      <c r="BD4383" s="93"/>
      <c r="BE4383" s="93"/>
      <c r="BF4383" s="93"/>
      <c r="BG4383" s="93"/>
      <c r="BH4383" s="93"/>
      <c r="BI4383" s="93"/>
      <c r="BJ4383" s="93"/>
      <c r="BK4383" s="93"/>
      <c r="BL4383" s="93"/>
    </row>
    <row r="4384" spans="2:64" x14ac:dyDescent="0.2">
      <c r="B4384" s="43"/>
      <c r="C4384" s="73"/>
      <c r="D4384" s="64"/>
      <c r="E4384" s="55"/>
      <c r="F4384" s="74"/>
      <c r="G4384" s="74"/>
      <c r="H4384" s="74"/>
      <c r="I4384" s="75"/>
      <c r="J4384" s="74"/>
      <c r="L4384" s="55"/>
      <c r="M4384" s="234"/>
      <c r="N4384" s="65"/>
      <c r="O4384" s="76"/>
      <c r="P4384" s="76"/>
      <c r="Q4384" s="65"/>
      <c r="R4384" s="76"/>
      <c r="S4384" s="76"/>
      <c r="T4384" s="76"/>
      <c r="U4384" s="76"/>
      <c r="V4384" s="76"/>
      <c r="W4384" s="76"/>
      <c r="X4384" s="76"/>
      <c r="Y4384" s="76"/>
      <c r="Z4384" s="76"/>
      <c r="AA4384" s="85"/>
      <c r="AB4384" s="85"/>
      <c r="AC4384" s="85"/>
      <c r="AD4384" s="85"/>
      <c r="AE4384" s="85"/>
      <c r="AF4384" s="85"/>
      <c r="AG4384" s="86"/>
      <c r="AH4384" s="85"/>
      <c r="AI4384" s="85"/>
      <c r="AJ4384" s="85"/>
      <c r="AK4384" s="85"/>
      <c r="AL4384" s="85"/>
      <c r="AM4384" s="92"/>
      <c r="AN4384" s="92"/>
      <c r="AO4384" s="92"/>
      <c r="AP4384" s="92"/>
      <c r="AQ4384" s="92"/>
      <c r="AR4384" s="92"/>
      <c r="AS4384" s="92"/>
      <c r="AT4384" s="92"/>
      <c r="AU4384" s="92"/>
      <c r="AV4384" s="92"/>
      <c r="AW4384" s="92"/>
      <c r="AX4384" s="92"/>
      <c r="AY4384" s="92"/>
      <c r="AZ4384" s="93"/>
      <c r="BA4384" s="93"/>
      <c r="BB4384" s="93"/>
      <c r="BC4384" s="93"/>
      <c r="BD4384" s="93"/>
      <c r="BE4384" s="93"/>
      <c r="BF4384" s="93"/>
      <c r="BG4384" s="93"/>
      <c r="BH4384" s="93"/>
      <c r="BI4384" s="93"/>
      <c r="BJ4384" s="93"/>
      <c r="BK4384" s="93"/>
      <c r="BL4384" s="93"/>
    </row>
    <row r="4385" spans="2:64" x14ac:dyDescent="0.2">
      <c r="B4385" s="43"/>
      <c r="C4385" s="73"/>
      <c r="D4385" s="64"/>
      <c r="E4385" s="55"/>
      <c r="F4385" s="74"/>
      <c r="G4385" s="74"/>
      <c r="H4385" s="74"/>
      <c r="I4385" s="75"/>
      <c r="J4385" s="74"/>
      <c r="L4385" s="55"/>
      <c r="M4385" s="234"/>
      <c r="N4385" s="65"/>
      <c r="O4385" s="76"/>
      <c r="P4385" s="76"/>
      <c r="Q4385" s="65"/>
      <c r="R4385" s="76"/>
      <c r="S4385" s="76"/>
      <c r="T4385" s="76"/>
      <c r="U4385" s="76"/>
      <c r="V4385" s="76"/>
      <c r="W4385" s="76"/>
      <c r="X4385" s="76"/>
      <c r="Y4385" s="76"/>
      <c r="Z4385" s="76"/>
      <c r="AA4385" s="85"/>
      <c r="AB4385" s="85"/>
      <c r="AC4385" s="85"/>
      <c r="AD4385" s="85"/>
      <c r="AE4385" s="85"/>
      <c r="AF4385" s="85"/>
      <c r="AG4385" s="86"/>
      <c r="AH4385" s="85"/>
      <c r="AI4385" s="85"/>
      <c r="AJ4385" s="85"/>
      <c r="AK4385" s="85"/>
      <c r="AL4385" s="85"/>
      <c r="AM4385" s="92"/>
      <c r="AN4385" s="92"/>
      <c r="AO4385" s="92"/>
      <c r="AP4385" s="92"/>
      <c r="AQ4385" s="92"/>
      <c r="AR4385" s="92"/>
      <c r="AS4385" s="92"/>
      <c r="AT4385" s="92"/>
      <c r="AU4385" s="92"/>
      <c r="AV4385" s="92"/>
      <c r="AW4385" s="92"/>
      <c r="AX4385" s="92"/>
      <c r="AY4385" s="92"/>
      <c r="AZ4385" s="93"/>
      <c r="BA4385" s="93"/>
      <c r="BB4385" s="93"/>
      <c r="BC4385" s="93"/>
      <c r="BD4385" s="93"/>
      <c r="BE4385" s="93"/>
      <c r="BF4385" s="93"/>
      <c r="BG4385" s="93"/>
      <c r="BH4385" s="93"/>
      <c r="BI4385" s="93"/>
      <c r="BJ4385" s="93"/>
      <c r="BK4385" s="93"/>
      <c r="BL4385" s="93"/>
    </row>
    <row r="4386" spans="2:64" x14ac:dyDescent="0.2">
      <c r="B4386" s="43"/>
      <c r="C4386" s="73"/>
      <c r="D4386" s="64"/>
      <c r="E4386" s="55"/>
      <c r="F4386" s="74"/>
      <c r="G4386" s="74"/>
      <c r="H4386" s="74"/>
      <c r="I4386" s="75"/>
      <c r="J4386" s="74"/>
      <c r="L4386" s="55"/>
      <c r="M4386" s="234"/>
      <c r="N4386" s="65"/>
      <c r="O4386" s="76"/>
      <c r="P4386" s="76"/>
      <c r="Q4386" s="65"/>
      <c r="R4386" s="76"/>
      <c r="S4386" s="76"/>
      <c r="T4386" s="76"/>
      <c r="U4386" s="76"/>
      <c r="V4386" s="76"/>
      <c r="W4386" s="76"/>
      <c r="X4386" s="76"/>
      <c r="Y4386" s="76"/>
      <c r="Z4386" s="76"/>
      <c r="AA4386" s="85"/>
      <c r="AB4386" s="85"/>
      <c r="AC4386" s="85"/>
      <c r="AD4386" s="85"/>
      <c r="AE4386" s="85"/>
      <c r="AF4386" s="85"/>
      <c r="AG4386" s="86"/>
      <c r="AH4386" s="85"/>
      <c r="AI4386" s="85"/>
      <c r="AJ4386" s="85"/>
      <c r="AK4386" s="85"/>
      <c r="AL4386" s="85"/>
      <c r="AM4386" s="92"/>
      <c r="AN4386" s="92"/>
      <c r="AO4386" s="92"/>
      <c r="AP4386" s="92"/>
      <c r="AQ4386" s="92"/>
      <c r="AR4386" s="92"/>
      <c r="AS4386" s="92"/>
      <c r="AT4386" s="92"/>
      <c r="AU4386" s="92"/>
      <c r="AV4386" s="92"/>
      <c r="AW4386" s="92"/>
      <c r="AX4386" s="92"/>
      <c r="AY4386" s="92"/>
      <c r="AZ4386" s="93"/>
      <c r="BA4386" s="93"/>
      <c r="BB4386" s="93"/>
      <c r="BC4386" s="93"/>
      <c r="BD4386" s="93"/>
      <c r="BE4386" s="93"/>
      <c r="BF4386" s="93"/>
      <c r="BG4386" s="93"/>
      <c r="BH4386" s="93"/>
      <c r="BI4386" s="93"/>
      <c r="BJ4386" s="93"/>
      <c r="BK4386" s="93"/>
      <c r="BL4386" s="93"/>
    </row>
    <row r="4387" spans="2:64" x14ac:dyDescent="0.2">
      <c r="B4387" s="43"/>
      <c r="C4387" s="73"/>
      <c r="D4387" s="64"/>
      <c r="E4387" s="55"/>
      <c r="F4387" s="74"/>
      <c r="G4387" s="74"/>
      <c r="H4387" s="74"/>
      <c r="I4387" s="75"/>
      <c r="J4387" s="74"/>
      <c r="L4387" s="55"/>
      <c r="M4387" s="234"/>
      <c r="N4387" s="65"/>
      <c r="O4387" s="76"/>
      <c r="P4387" s="76"/>
      <c r="Q4387" s="65"/>
      <c r="R4387" s="76"/>
      <c r="S4387" s="76"/>
      <c r="T4387" s="76"/>
      <c r="U4387" s="76"/>
      <c r="V4387" s="76"/>
      <c r="W4387" s="76"/>
      <c r="X4387" s="76"/>
      <c r="Y4387" s="76"/>
      <c r="Z4387" s="76"/>
      <c r="AA4387" s="85"/>
      <c r="AB4387" s="85"/>
      <c r="AC4387" s="85"/>
      <c r="AD4387" s="85"/>
      <c r="AE4387" s="85"/>
      <c r="AF4387" s="85"/>
      <c r="AG4387" s="86"/>
      <c r="AH4387" s="85"/>
      <c r="AI4387" s="85"/>
      <c r="AJ4387" s="85"/>
      <c r="AK4387" s="85"/>
      <c r="AL4387" s="85"/>
      <c r="AM4387" s="92"/>
      <c r="AN4387" s="92"/>
      <c r="AO4387" s="92"/>
      <c r="AP4387" s="92"/>
      <c r="AQ4387" s="92"/>
      <c r="AR4387" s="92"/>
      <c r="AS4387" s="92"/>
      <c r="AT4387" s="92"/>
      <c r="AU4387" s="92"/>
      <c r="AV4387" s="92"/>
      <c r="AW4387" s="92"/>
      <c r="AX4387" s="92"/>
      <c r="AY4387" s="92"/>
      <c r="AZ4387" s="93"/>
      <c r="BA4387" s="93"/>
      <c r="BB4387" s="93"/>
      <c r="BC4387" s="93"/>
      <c r="BD4387" s="93"/>
      <c r="BE4387" s="93"/>
      <c r="BF4387" s="93"/>
      <c r="BG4387" s="93"/>
      <c r="BH4387" s="93"/>
      <c r="BI4387" s="93"/>
      <c r="BJ4387" s="93"/>
      <c r="BK4387" s="93"/>
      <c r="BL4387" s="93"/>
    </row>
    <row r="4388" spans="2:64" x14ac:dyDescent="0.2">
      <c r="B4388" s="43"/>
      <c r="C4388" s="73"/>
      <c r="D4388" s="64"/>
      <c r="E4388" s="55"/>
      <c r="F4388" s="74"/>
      <c r="G4388" s="74"/>
      <c r="H4388" s="74"/>
      <c r="I4388" s="75"/>
      <c r="J4388" s="74"/>
      <c r="L4388" s="55"/>
      <c r="M4388" s="234"/>
      <c r="N4388" s="65"/>
      <c r="O4388" s="76"/>
      <c r="P4388" s="76"/>
      <c r="Q4388" s="65"/>
      <c r="R4388" s="76"/>
      <c r="S4388" s="76"/>
      <c r="T4388" s="76"/>
      <c r="U4388" s="76"/>
      <c r="V4388" s="76"/>
      <c r="W4388" s="76"/>
      <c r="X4388" s="76"/>
      <c r="Y4388" s="76"/>
      <c r="Z4388" s="76"/>
      <c r="AA4388" s="85"/>
      <c r="AB4388" s="85"/>
      <c r="AC4388" s="85"/>
      <c r="AD4388" s="85"/>
      <c r="AE4388" s="85"/>
      <c r="AF4388" s="85"/>
      <c r="AG4388" s="86"/>
      <c r="AH4388" s="85"/>
      <c r="AI4388" s="85"/>
      <c r="AJ4388" s="85"/>
      <c r="AK4388" s="85"/>
      <c r="AL4388" s="85"/>
      <c r="AM4388" s="92"/>
      <c r="AN4388" s="92"/>
      <c r="AO4388" s="92"/>
      <c r="AP4388" s="92"/>
      <c r="AQ4388" s="92"/>
      <c r="AR4388" s="92"/>
      <c r="AS4388" s="92"/>
      <c r="AT4388" s="92"/>
      <c r="AU4388" s="92"/>
      <c r="AV4388" s="92"/>
      <c r="AW4388" s="92"/>
      <c r="AX4388" s="92"/>
      <c r="AY4388" s="92"/>
      <c r="AZ4388" s="93"/>
      <c r="BA4388" s="93"/>
      <c r="BB4388" s="93"/>
      <c r="BC4388" s="93"/>
      <c r="BD4388" s="93"/>
      <c r="BE4388" s="93"/>
      <c r="BF4388" s="93"/>
      <c r="BG4388" s="93"/>
      <c r="BH4388" s="93"/>
      <c r="BI4388" s="93"/>
      <c r="BJ4388" s="93"/>
      <c r="BK4388" s="93"/>
      <c r="BL4388" s="93"/>
    </row>
    <row r="4389" spans="2:64" x14ac:dyDescent="0.2">
      <c r="B4389" s="43"/>
      <c r="C4389" s="73"/>
      <c r="D4389" s="64"/>
      <c r="E4389" s="55"/>
      <c r="F4389" s="74"/>
      <c r="G4389" s="74"/>
      <c r="H4389" s="74"/>
      <c r="I4389" s="75"/>
      <c r="J4389" s="74"/>
      <c r="L4389" s="55"/>
      <c r="M4389" s="234"/>
      <c r="N4389" s="65"/>
      <c r="O4389" s="76"/>
      <c r="P4389" s="76"/>
      <c r="Q4389" s="65"/>
      <c r="R4389" s="76"/>
      <c r="S4389" s="76"/>
      <c r="T4389" s="76"/>
      <c r="U4389" s="76"/>
      <c r="V4389" s="76"/>
      <c r="W4389" s="76"/>
      <c r="X4389" s="76"/>
      <c r="Y4389" s="76"/>
      <c r="Z4389" s="76"/>
      <c r="AA4389" s="85"/>
      <c r="AB4389" s="85"/>
      <c r="AC4389" s="85"/>
      <c r="AD4389" s="85"/>
      <c r="AE4389" s="85"/>
      <c r="AF4389" s="85"/>
      <c r="AG4389" s="86"/>
      <c r="AH4389" s="85"/>
      <c r="AI4389" s="85"/>
      <c r="AJ4389" s="85"/>
      <c r="AK4389" s="85"/>
      <c r="AL4389" s="85"/>
      <c r="AM4389" s="92"/>
      <c r="AN4389" s="92"/>
      <c r="AO4389" s="92"/>
      <c r="AP4389" s="92"/>
      <c r="AQ4389" s="92"/>
      <c r="AR4389" s="92"/>
      <c r="AS4389" s="92"/>
      <c r="AT4389" s="92"/>
      <c r="AU4389" s="92"/>
      <c r="AV4389" s="92"/>
      <c r="AW4389" s="92"/>
      <c r="AX4389" s="92"/>
      <c r="AY4389" s="92"/>
      <c r="AZ4389" s="93"/>
      <c r="BA4389" s="93"/>
      <c r="BB4389" s="93"/>
      <c r="BC4389" s="93"/>
      <c r="BD4389" s="93"/>
      <c r="BE4389" s="93"/>
      <c r="BF4389" s="93"/>
      <c r="BG4389" s="93"/>
      <c r="BH4389" s="93"/>
      <c r="BI4389" s="93"/>
      <c r="BJ4389" s="93"/>
      <c r="BK4389" s="93"/>
      <c r="BL4389" s="93"/>
    </row>
    <row r="4390" spans="2:64" x14ac:dyDescent="0.2">
      <c r="B4390" s="43"/>
      <c r="C4390" s="73"/>
      <c r="D4390" s="64"/>
      <c r="E4390" s="55"/>
      <c r="F4390" s="74"/>
      <c r="G4390" s="74"/>
      <c r="H4390" s="74"/>
      <c r="I4390" s="75"/>
      <c r="J4390" s="74"/>
      <c r="L4390" s="55"/>
      <c r="M4390" s="234"/>
      <c r="N4390" s="65"/>
      <c r="O4390" s="76"/>
      <c r="P4390" s="76"/>
      <c r="Q4390" s="65"/>
      <c r="R4390" s="76"/>
      <c r="S4390" s="76"/>
      <c r="T4390" s="76"/>
      <c r="U4390" s="76"/>
      <c r="V4390" s="76"/>
      <c r="W4390" s="76"/>
      <c r="X4390" s="76"/>
      <c r="Y4390" s="76"/>
      <c r="Z4390" s="76"/>
      <c r="AA4390" s="85"/>
      <c r="AB4390" s="85"/>
      <c r="AC4390" s="85"/>
      <c r="AD4390" s="85"/>
      <c r="AE4390" s="85"/>
      <c r="AF4390" s="85"/>
      <c r="AG4390" s="86"/>
      <c r="AH4390" s="85"/>
      <c r="AI4390" s="85"/>
      <c r="AJ4390" s="85"/>
      <c r="AK4390" s="85"/>
      <c r="AL4390" s="85"/>
      <c r="AM4390" s="92"/>
      <c r="AN4390" s="92"/>
      <c r="AO4390" s="92"/>
      <c r="AP4390" s="92"/>
      <c r="AQ4390" s="92"/>
      <c r="AR4390" s="92"/>
      <c r="AS4390" s="92"/>
      <c r="AT4390" s="92"/>
      <c r="AU4390" s="92"/>
      <c r="AV4390" s="92"/>
      <c r="AW4390" s="92"/>
      <c r="AX4390" s="92"/>
      <c r="AY4390" s="92"/>
      <c r="AZ4390" s="93"/>
      <c r="BA4390" s="93"/>
      <c r="BB4390" s="93"/>
      <c r="BC4390" s="93"/>
      <c r="BD4390" s="93"/>
      <c r="BE4390" s="93"/>
      <c r="BF4390" s="93"/>
      <c r="BG4390" s="93"/>
      <c r="BH4390" s="93"/>
      <c r="BI4390" s="93"/>
      <c r="BJ4390" s="93"/>
      <c r="BK4390" s="93"/>
      <c r="BL4390" s="93"/>
    </row>
    <row r="4391" spans="2:64" x14ac:dyDescent="0.2">
      <c r="B4391" s="43"/>
      <c r="C4391" s="73"/>
      <c r="D4391" s="64"/>
      <c r="E4391" s="55"/>
      <c r="F4391" s="74"/>
      <c r="G4391" s="74"/>
      <c r="H4391" s="74"/>
      <c r="I4391" s="75"/>
      <c r="J4391" s="74"/>
      <c r="L4391" s="55"/>
      <c r="M4391" s="234"/>
      <c r="N4391" s="65"/>
      <c r="O4391" s="76"/>
      <c r="P4391" s="76"/>
      <c r="Q4391" s="65"/>
      <c r="R4391" s="76"/>
      <c r="S4391" s="76"/>
      <c r="T4391" s="76"/>
      <c r="U4391" s="76"/>
      <c r="V4391" s="76"/>
      <c r="W4391" s="76"/>
      <c r="X4391" s="76"/>
      <c r="Y4391" s="76"/>
      <c r="Z4391" s="76"/>
      <c r="AA4391" s="85"/>
      <c r="AB4391" s="85"/>
      <c r="AC4391" s="85"/>
      <c r="AD4391" s="85"/>
      <c r="AE4391" s="85"/>
      <c r="AF4391" s="85"/>
      <c r="AG4391" s="86"/>
      <c r="AH4391" s="85"/>
      <c r="AI4391" s="85"/>
      <c r="AJ4391" s="85"/>
      <c r="AK4391" s="85"/>
      <c r="AL4391" s="85"/>
      <c r="AM4391" s="92"/>
      <c r="AN4391" s="92"/>
      <c r="AO4391" s="92"/>
      <c r="AP4391" s="92"/>
      <c r="AQ4391" s="92"/>
      <c r="AR4391" s="92"/>
      <c r="AS4391" s="92"/>
      <c r="AT4391" s="92"/>
      <c r="AU4391" s="92"/>
      <c r="AV4391" s="92"/>
      <c r="AW4391" s="92"/>
      <c r="AX4391" s="92"/>
      <c r="AY4391" s="92"/>
      <c r="AZ4391" s="93"/>
      <c r="BA4391" s="93"/>
      <c r="BB4391" s="93"/>
      <c r="BC4391" s="93"/>
      <c r="BD4391" s="93"/>
      <c r="BE4391" s="93"/>
      <c r="BF4391" s="93"/>
      <c r="BG4391" s="93"/>
      <c r="BH4391" s="93"/>
      <c r="BI4391" s="93"/>
      <c r="BJ4391" s="93"/>
      <c r="BK4391" s="93"/>
      <c r="BL4391" s="93"/>
    </row>
    <row r="4392" spans="2:64" x14ac:dyDescent="0.2">
      <c r="B4392" s="43"/>
      <c r="C4392" s="73"/>
      <c r="D4392" s="64"/>
      <c r="E4392" s="55"/>
      <c r="F4392" s="74"/>
      <c r="G4392" s="74"/>
      <c r="H4392" s="74"/>
      <c r="I4392" s="75"/>
      <c r="J4392" s="74"/>
      <c r="L4392" s="55"/>
      <c r="M4392" s="234"/>
      <c r="N4392" s="65"/>
      <c r="O4392" s="76"/>
      <c r="P4392" s="76"/>
      <c r="Q4392" s="65"/>
      <c r="R4392" s="76"/>
      <c r="S4392" s="76"/>
      <c r="T4392" s="76"/>
      <c r="U4392" s="76"/>
      <c r="V4392" s="76"/>
      <c r="W4392" s="76"/>
      <c r="X4392" s="76"/>
      <c r="Y4392" s="76"/>
      <c r="Z4392" s="76"/>
      <c r="AA4392" s="85"/>
      <c r="AB4392" s="85"/>
      <c r="AC4392" s="85"/>
      <c r="AD4392" s="85"/>
      <c r="AE4392" s="85"/>
      <c r="AF4392" s="85"/>
      <c r="AG4392" s="86"/>
      <c r="AH4392" s="85"/>
      <c r="AI4392" s="85"/>
      <c r="AJ4392" s="85"/>
      <c r="AK4392" s="85"/>
      <c r="AL4392" s="85"/>
      <c r="AM4392" s="92"/>
      <c r="AN4392" s="92"/>
      <c r="AO4392" s="92"/>
      <c r="AP4392" s="92"/>
      <c r="AQ4392" s="92"/>
      <c r="AR4392" s="92"/>
      <c r="AS4392" s="92"/>
      <c r="AT4392" s="92"/>
      <c r="AU4392" s="92"/>
      <c r="AV4392" s="92"/>
      <c r="AW4392" s="92"/>
      <c r="AX4392" s="92"/>
      <c r="AY4392" s="92"/>
      <c r="AZ4392" s="93"/>
      <c r="BA4392" s="93"/>
      <c r="BB4392" s="93"/>
      <c r="BC4392" s="93"/>
      <c r="BD4392" s="93"/>
      <c r="BE4392" s="93"/>
      <c r="BF4392" s="93"/>
      <c r="BG4392" s="93"/>
      <c r="BH4392" s="93"/>
      <c r="BI4392" s="93"/>
      <c r="BJ4392" s="93"/>
      <c r="BK4392" s="93"/>
      <c r="BL4392" s="93"/>
    </row>
    <row r="4393" spans="2:64" x14ac:dyDescent="0.2">
      <c r="B4393" s="43"/>
      <c r="C4393" s="73"/>
      <c r="D4393" s="64"/>
      <c r="E4393" s="55"/>
      <c r="F4393" s="74"/>
      <c r="G4393" s="74"/>
      <c r="H4393" s="74"/>
      <c r="I4393" s="75"/>
      <c r="J4393" s="74"/>
      <c r="L4393" s="55"/>
      <c r="M4393" s="234"/>
      <c r="N4393" s="65"/>
      <c r="O4393" s="76"/>
      <c r="P4393" s="76"/>
      <c r="Q4393" s="65"/>
      <c r="R4393" s="76"/>
      <c r="S4393" s="76"/>
      <c r="T4393" s="76"/>
      <c r="U4393" s="76"/>
      <c r="V4393" s="76"/>
      <c r="W4393" s="76"/>
      <c r="X4393" s="76"/>
      <c r="Y4393" s="76"/>
      <c r="Z4393" s="76"/>
      <c r="AA4393" s="85"/>
      <c r="AB4393" s="85"/>
      <c r="AC4393" s="85"/>
      <c r="AD4393" s="85"/>
      <c r="AE4393" s="85"/>
      <c r="AF4393" s="85"/>
      <c r="AG4393" s="86"/>
      <c r="AH4393" s="85"/>
      <c r="AI4393" s="85"/>
      <c r="AJ4393" s="85"/>
      <c r="AK4393" s="85"/>
      <c r="AL4393" s="85"/>
      <c r="AM4393" s="92"/>
      <c r="AN4393" s="92"/>
      <c r="AO4393" s="92"/>
      <c r="AP4393" s="92"/>
      <c r="AQ4393" s="92"/>
      <c r="AR4393" s="92"/>
      <c r="AS4393" s="92"/>
      <c r="AT4393" s="92"/>
      <c r="AU4393" s="92"/>
      <c r="AV4393" s="92"/>
      <c r="AW4393" s="92"/>
      <c r="AX4393" s="92"/>
      <c r="AY4393" s="92"/>
      <c r="AZ4393" s="93"/>
      <c r="BA4393" s="93"/>
      <c r="BB4393" s="93"/>
      <c r="BC4393" s="93"/>
      <c r="BD4393" s="93"/>
      <c r="BE4393" s="93"/>
      <c r="BF4393" s="93"/>
      <c r="BG4393" s="93"/>
      <c r="BH4393" s="93"/>
      <c r="BI4393" s="93"/>
      <c r="BJ4393" s="93"/>
      <c r="BK4393" s="93"/>
      <c r="BL4393" s="93"/>
    </row>
    <row r="4394" spans="2:64" x14ac:dyDescent="0.2">
      <c r="B4394" s="43"/>
      <c r="C4394" s="73"/>
      <c r="D4394" s="64"/>
      <c r="E4394" s="55"/>
      <c r="F4394" s="74"/>
      <c r="G4394" s="74"/>
      <c r="H4394" s="74"/>
      <c r="I4394" s="75"/>
      <c r="J4394" s="74"/>
      <c r="L4394" s="55"/>
      <c r="M4394" s="234"/>
      <c r="N4394" s="65"/>
      <c r="O4394" s="76"/>
      <c r="P4394" s="76"/>
      <c r="Q4394" s="65"/>
      <c r="R4394" s="76"/>
      <c r="S4394" s="76"/>
      <c r="T4394" s="76"/>
      <c r="U4394" s="76"/>
      <c r="V4394" s="76"/>
      <c r="W4394" s="76"/>
      <c r="X4394" s="76"/>
      <c r="Y4394" s="76"/>
      <c r="Z4394" s="76"/>
      <c r="AA4394" s="85"/>
      <c r="AB4394" s="85"/>
      <c r="AC4394" s="85"/>
      <c r="AD4394" s="85"/>
      <c r="AE4394" s="85"/>
      <c r="AF4394" s="85"/>
      <c r="AG4394" s="86"/>
      <c r="AH4394" s="85"/>
      <c r="AI4394" s="85"/>
      <c r="AJ4394" s="85"/>
      <c r="AK4394" s="85"/>
      <c r="AL4394" s="85"/>
      <c r="AM4394" s="92"/>
      <c r="AN4394" s="92"/>
      <c r="AO4394" s="92"/>
      <c r="AP4394" s="92"/>
      <c r="AQ4394" s="92"/>
      <c r="AR4394" s="92"/>
      <c r="AS4394" s="92"/>
      <c r="AT4394" s="92"/>
      <c r="AU4394" s="92"/>
      <c r="AV4394" s="92"/>
      <c r="AW4394" s="92"/>
      <c r="AX4394" s="92"/>
      <c r="AY4394" s="92"/>
      <c r="AZ4394" s="93"/>
      <c r="BA4394" s="93"/>
      <c r="BB4394" s="93"/>
      <c r="BC4394" s="93"/>
      <c r="BD4394" s="93"/>
      <c r="BE4394" s="93"/>
      <c r="BF4394" s="93"/>
      <c r="BG4394" s="93"/>
      <c r="BH4394" s="93"/>
      <c r="BI4394" s="93"/>
      <c r="BJ4394" s="93"/>
      <c r="BK4394" s="93"/>
      <c r="BL4394" s="93"/>
    </row>
    <row r="4395" spans="2:64" x14ac:dyDescent="0.2">
      <c r="B4395" s="43"/>
      <c r="C4395" s="73"/>
      <c r="D4395" s="64"/>
      <c r="E4395" s="55"/>
      <c r="F4395" s="74"/>
      <c r="G4395" s="74"/>
      <c r="H4395" s="74"/>
      <c r="I4395" s="75"/>
      <c r="J4395" s="74"/>
      <c r="L4395" s="55"/>
      <c r="M4395" s="234"/>
      <c r="N4395" s="65"/>
      <c r="O4395" s="76"/>
      <c r="P4395" s="76"/>
      <c r="Q4395" s="65"/>
      <c r="R4395" s="76"/>
      <c r="S4395" s="76"/>
      <c r="T4395" s="76"/>
      <c r="U4395" s="76"/>
      <c r="V4395" s="76"/>
      <c r="W4395" s="76"/>
      <c r="X4395" s="76"/>
      <c r="Y4395" s="76"/>
      <c r="Z4395" s="76"/>
      <c r="AA4395" s="85"/>
      <c r="AB4395" s="85"/>
      <c r="AC4395" s="85"/>
      <c r="AD4395" s="85"/>
      <c r="AE4395" s="85"/>
      <c r="AF4395" s="85"/>
      <c r="AG4395" s="86"/>
      <c r="AH4395" s="85"/>
      <c r="AI4395" s="85"/>
      <c r="AJ4395" s="85"/>
      <c r="AK4395" s="85"/>
      <c r="AL4395" s="85"/>
      <c r="AM4395" s="92"/>
      <c r="AN4395" s="92"/>
      <c r="AO4395" s="92"/>
      <c r="AP4395" s="92"/>
      <c r="AQ4395" s="92"/>
      <c r="AR4395" s="92"/>
      <c r="AS4395" s="92"/>
      <c r="AT4395" s="92"/>
      <c r="AU4395" s="92"/>
      <c r="AV4395" s="92"/>
      <c r="AW4395" s="92"/>
      <c r="AX4395" s="92"/>
      <c r="AY4395" s="92"/>
      <c r="AZ4395" s="93"/>
      <c r="BA4395" s="93"/>
      <c r="BB4395" s="93"/>
      <c r="BC4395" s="93"/>
      <c r="BD4395" s="93"/>
      <c r="BE4395" s="93"/>
      <c r="BF4395" s="93"/>
      <c r="BG4395" s="93"/>
      <c r="BH4395" s="93"/>
      <c r="BI4395" s="93"/>
      <c r="BJ4395" s="93"/>
      <c r="BK4395" s="93"/>
      <c r="BL4395" s="93"/>
    </row>
    <row r="4396" spans="2:64" x14ac:dyDescent="0.2">
      <c r="B4396" s="43"/>
      <c r="C4396" s="73"/>
      <c r="D4396" s="64"/>
      <c r="E4396" s="55"/>
      <c r="F4396" s="74"/>
      <c r="G4396" s="74"/>
      <c r="H4396" s="74"/>
      <c r="I4396" s="75"/>
      <c r="J4396" s="74"/>
      <c r="L4396" s="55"/>
      <c r="M4396" s="234"/>
      <c r="N4396" s="65"/>
      <c r="O4396" s="76"/>
      <c r="P4396" s="76"/>
      <c r="Q4396" s="65"/>
      <c r="R4396" s="76"/>
      <c r="S4396" s="76"/>
      <c r="T4396" s="76"/>
      <c r="U4396" s="76"/>
      <c r="V4396" s="76"/>
      <c r="W4396" s="76"/>
      <c r="X4396" s="76"/>
      <c r="Y4396" s="76"/>
      <c r="Z4396" s="76"/>
      <c r="AA4396" s="85"/>
      <c r="AB4396" s="85"/>
      <c r="AC4396" s="85"/>
      <c r="AD4396" s="85"/>
      <c r="AE4396" s="85"/>
      <c r="AF4396" s="85"/>
      <c r="AG4396" s="86"/>
      <c r="AH4396" s="85"/>
      <c r="AI4396" s="85"/>
      <c r="AJ4396" s="85"/>
      <c r="AK4396" s="85"/>
      <c r="AL4396" s="85"/>
      <c r="AM4396" s="92"/>
      <c r="AN4396" s="92"/>
      <c r="AO4396" s="92"/>
      <c r="AP4396" s="92"/>
      <c r="AQ4396" s="92"/>
      <c r="AR4396" s="92"/>
      <c r="AS4396" s="92"/>
      <c r="AT4396" s="92"/>
      <c r="AU4396" s="92"/>
      <c r="AV4396" s="92"/>
      <c r="AW4396" s="92"/>
      <c r="AX4396" s="92"/>
      <c r="AY4396" s="92"/>
      <c r="AZ4396" s="93"/>
      <c r="BA4396" s="93"/>
      <c r="BB4396" s="93"/>
      <c r="BC4396" s="93"/>
      <c r="BD4396" s="93"/>
      <c r="BE4396" s="93"/>
      <c r="BF4396" s="93"/>
      <c r="BG4396" s="93"/>
      <c r="BH4396" s="93"/>
      <c r="BI4396" s="93"/>
      <c r="BJ4396" s="93"/>
      <c r="BK4396" s="93"/>
      <c r="BL4396" s="93"/>
    </row>
    <row r="4397" spans="2:64" x14ac:dyDescent="0.2">
      <c r="B4397" s="43"/>
      <c r="C4397" s="73"/>
      <c r="D4397" s="64"/>
      <c r="E4397" s="55"/>
      <c r="F4397" s="74"/>
      <c r="G4397" s="74"/>
      <c r="H4397" s="74"/>
      <c r="I4397" s="75"/>
      <c r="J4397" s="74"/>
      <c r="L4397" s="55"/>
      <c r="M4397" s="234"/>
      <c r="N4397" s="65"/>
      <c r="O4397" s="76"/>
      <c r="P4397" s="76"/>
      <c r="Q4397" s="65"/>
      <c r="R4397" s="76"/>
      <c r="S4397" s="76"/>
      <c r="T4397" s="76"/>
      <c r="U4397" s="76"/>
      <c r="V4397" s="76"/>
      <c r="W4397" s="76"/>
      <c r="X4397" s="76"/>
      <c r="Y4397" s="76"/>
      <c r="Z4397" s="76"/>
      <c r="AA4397" s="85"/>
      <c r="AB4397" s="85"/>
      <c r="AC4397" s="85"/>
      <c r="AD4397" s="85"/>
      <c r="AE4397" s="85"/>
      <c r="AF4397" s="85"/>
      <c r="AG4397" s="86"/>
      <c r="AH4397" s="85"/>
      <c r="AI4397" s="85"/>
      <c r="AJ4397" s="85"/>
      <c r="AK4397" s="85"/>
      <c r="AL4397" s="85"/>
      <c r="AM4397" s="92"/>
      <c r="AN4397" s="92"/>
      <c r="AO4397" s="92"/>
      <c r="AP4397" s="92"/>
      <c r="AQ4397" s="92"/>
      <c r="AR4397" s="92"/>
      <c r="AS4397" s="92"/>
      <c r="AT4397" s="92"/>
      <c r="AU4397" s="92"/>
      <c r="AV4397" s="92"/>
      <c r="AW4397" s="92"/>
      <c r="AX4397" s="92"/>
      <c r="AY4397" s="92"/>
      <c r="AZ4397" s="93"/>
      <c r="BA4397" s="93"/>
      <c r="BB4397" s="93"/>
      <c r="BC4397" s="93"/>
      <c r="BD4397" s="93"/>
      <c r="BE4397" s="93"/>
      <c r="BF4397" s="93"/>
      <c r="BG4397" s="93"/>
      <c r="BH4397" s="93"/>
      <c r="BI4397" s="93"/>
      <c r="BJ4397" s="93"/>
      <c r="BK4397" s="93"/>
      <c r="BL4397" s="93"/>
    </row>
    <row r="4398" spans="2:64" x14ac:dyDescent="0.2">
      <c r="B4398" s="43"/>
      <c r="C4398" s="73"/>
      <c r="D4398" s="64"/>
      <c r="E4398" s="55"/>
      <c r="F4398" s="74"/>
      <c r="G4398" s="74"/>
      <c r="H4398" s="74"/>
      <c r="I4398" s="75"/>
      <c r="J4398" s="74"/>
      <c r="L4398" s="55"/>
      <c r="M4398" s="234"/>
      <c r="N4398" s="65"/>
      <c r="O4398" s="76"/>
      <c r="P4398" s="76"/>
      <c r="Q4398" s="65"/>
      <c r="R4398" s="76"/>
      <c r="S4398" s="76"/>
      <c r="T4398" s="76"/>
      <c r="U4398" s="76"/>
      <c r="V4398" s="76"/>
      <c r="W4398" s="76"/>
      <c r="X4398" s="76"/>
      <c r="Y4398" s="76"/>
      <c r="Z4398" s="76"/>
      <c r="AA4398" s="85"/>
      <c r="AB4398" s="85"/>
      <c r="AC4398" s="85"/>
      <c r="AD4398" s="85"/>
      <c r="AE4398" s="85"/>
      <c r="AF4398" s="85"/>
      <c r="AG4398" s="86"/>
      <c r="AH4398" s="85"/>
      <c r="AI4398" s="85"/>
      <c r="AJ4398" s="85"/>
      <c r="AK4398" s="85"/>
      <c r="AL4398" s="85"/>
      <c r="AM4398" s="92"/>
      <c r="AN4398" s="92"/>
      <c r="AO4398" s="92"/>
      <c r="AP4398" s="92"/>
      <c r="AQ4398" s="92"/>
      <c r="AR4398" s="92"/>
      <c r="AS4398" s="92"/>
      <c r="AT4398" s="92"/>
      <c r="AU4398" s="92"/>
      <c r="AV4398" s="92"/>
      <c r="AW4398" s="92"/>
      <c r="AX4398" s="92"/>
      <c r="AY4398" s="92"/>
      <c r="AZ4398" s="93"/>
      <c r="BA4398" s="93"/>
      <c r="BB4398" s="93"/>
      <c r="BC4398" s="93"/>
      <c r="BD4398" s="93"/>
      <c r="BE4398" s="93"/>
      <c r="BF4398" s="93"/>
      <c r="BG4398" s="93"/>
      <c r="BH4398" s="93"/>
      <c r="BI4398" s="93"/>
      <c r="BJ4398" s="93"/>
      <c r="BK4398" s="93"/>
      <c r="BL4398" s="93"/>
    </row>
    <row r="4399" spans="2:64" x14ac:dyDescent="0.2">
      <c r="B4399" s="43"/>
      <c r="C4399" s="73"/>
      <c r="D4399" s="64"/>
      <c r="E4399" s="55"/>
      <c r="F4399" s="74"/>
      <c r="G4399" s="74"/>
      <c r="H4399" s="74"/>
      <c r="I4399" s="75"/>
      <c r="J4399" s="74"/>
      <c r="L4399" s="55"/>
      <c r="M4399" s="234"/>
      <c r="N4399" s="65"/>
      <c r="O4399" s="76"/>
      <c r="P4399" s="76"/>
      <c r="Q4399" s="65"/>
      <c r="R4399" s="76"/>
      <c r="S4399" s="76"/>
      <c r="T4399" s="76"/>
      <c r="U4399" s="76"/>
      <c r="V4399" s="76"/>
      <c r="W4399" s="76"/>
      <c r="X4399" s="76"/>
      <c r="Y4399" s="76"/>
      <c r="Z4399" s="76"/>
      <c r="AA4399" s="85"/>
      <c r="AB4399" s="85"/>
      <c r="AC4399" s="85"/>
      <c r="AD4399" s="85"/>
      <c r="AE4399" s="85"/>
      <c r="AF4399" s="85"/>
      <c r="AG4399" s="86"/>
      <c r="AH4399" s="85"/>
      <c r="AI4399" s="85"/>
      <c r="AJ4399" s="85"/>
      <c r="AK4399" s="85"/>
      <c r="AL4399" s="85"/>
      <c r="AM4399" s="92"/>
      <c r="AN4399" s="92"/>
      <c r="AO4399" s="92"/>
      <c r="AP4399" s="92"/>
      <c r="AQ4399" s="92"/>
      <c r="AR4399" s="92"/>
      <c r="AS4399" s="92"/>
      <c r="AT4399" s="92"/>
      <c r="AU4399" s="92"/>
      <c r="AV4399" s="92"/>
      <c r="AW4399" s="92"/>
      <c r="AX4399" s="92"/>
      <c r="AY4399" s="92"/>
      <c r="AZ4399" s="93"/>
      <c r="BA4399" s="93"/>
      <c r="BB4399" s="93"/>
      <c r="BC4399" s="93"/>
      <c r="BD4399" s="93"/>
      <c r="BE4399" s="93"/>
      <c r="BF4399" s="93"/>
      <c r="BG4399" s="93"/>
      <c r="BH4399" s="93"/>
      <c r="BI4399" s="93"/>
      <c r="BJ4399" s="93"/>
      <c r="BK4399" s="93"/>
      <c r="BL4399" s="93"/>
    </row>
    <row r="4400" spans="2:64" x14ac:dyDescent="0.2">
      <c r="B4400" s="43"/>
      <c r="C4400" s="73"/>
      <c r="D4400" s="64"/>
      <c r="E4400" s="55"/>
      <c r="F4400" s="74"/>
      <c r="G4400" s="74"/>
      <c r="H4400" s="74"/>
      <c r="I4400" s="75"/>
      <c r="J4400" s="74"/>
      <c r="L4400" s="55"/>
      <c r="M4400" s="234"/>
      <c r="N4400" s="65"/>
      <c r="O4400" s="76"/>
      <c r="P4400" s="76"/>
      <c r="Q4400" s="65"/>
      <c r="R4400" s="76"/>
      <c r="S4400" s="76"/>
      <c r="T4400" s="76"/>
      <c r="U4400" s="76"/>
      <c r="V4400" s="76"/>
      <c r="W4400" s="76"/>
      <c r="X4400" s="76"/>
      <c r="Y4400" s="76"/>
      <c r="Z4400" s="76"/>
      <c r="AA4400" s="85"/>
      <c r="AB4400" s="85"/>
      <c r="AC4400" s="85"/>
      <c r="AD4400" s="85"/>
      <c r="AE4400" s="85"/>
      <c r="AF4400" s="85"/>
      <c r="AG4400" s="86"/>
      <c r="AH4400" s="85"/>
      <c r="AI4400" s="85"/>
      <c r="AJ4400" s="85"/>
      <c r="AK4400" s="85"/>
      <c r="AL4400" s="85"/>
      <c r="AM4400" s="92"/>
      <c r="AN4400" s="92"/>
      <c r="AO4400" s="92"/>
      <c r="AP4400" s="92"/>
      <c r="AQ4400" s="92"/>
      <c r="AR4400" s="92"/>
      <c r="AS4400" s="92"/>
      <c r="AT4400" s="92"/>
      <c r="AU4400" s="92"/>
      <c r="AV4400" s="92"/>
      <c r="AW4400" s="92"/>
      <c r="AX4400" s="92"/>
      <c r="AY4400" s="92"/>
      <c r="AZ4400" s="93"/>
      <c r="BA4400" s="93"/>
      <c r="BB4400" s="93"/>
      <c r="BC4400" s="93"/>
      <c r="BD4400" s="93"/>
      <c r="BE4400" s="93"/>
      <c r="BF4400" s="93"/>
      <c r="BG4400" s="93"/>
      <c r="BH4400" s="93"/>
      <c r="BI4400" s="93"/>
      <c r="BJ4400" s="93"/>
      <c r="BK4400" s="93"/>
      <c r="BL4400" s="93"/>
    </row>
    <row r="4401" spans="2:64" x14ac:dyDescent="0.2">
      <c r="B4401" s="43"/>
      <c r="C4401" s="73"/>
      <c r="D4401" s="64"/>
      <c r="E4401" s="55"/>
      <c r="F4401" s="74"/>
      <c r="G4401" s="74"/>
      <c r="H4401" s="74"/>
      <c r="I4401" s="75"/>
      <c r="J4401" s="74"/>
      <c r="L4401" s="55"/>
      <c r="M4401" s="234"/>
      <c r="N4401" s="65"/>
      <c r="O4401" s="76"/>
      <c r="P4401" s="76"/>
      <c r="Q4401" s="65"/>
      <c r="R4401" s="76"/>
      <c r="S4401" s="76"/>
      <c r="T4401" s="76"/>
      <c r="U4401" s="76"/>
      <c r="V4401" s="76"/>
      <c r="W4401" s="76"/>
      <c r="X4401" s="76"/>
      <c r="Y4401" s="76"/>
      <c r="Z4401" s="76"/>
      <c r="AA4401" s="85"/>
      <c r="AB4401" s="85"/>
      <c r="AC4401" s="85"/>
      <c r="AD4401" s="85"/>
      <c r="AE4401" s="85"/>
      <c r="AF4401" s="85"/>
      <c r="AG4401" s="86"/>
      <c r="AH4401" s="85"/>
      <c r="AI4401" s="85"/>
      <c r="AJ4401" s="85"/>
      <c r="AK4401" s="85"/>
      <c r="AL4401" s="85"/>
      <c r="AM4401" s="92"/>
      <c r="AN4401" s="92"/>
      <c r="AO4401" s="92"/>
      <c r="AP4401" s="92"/>
      <c r="AQ4401" s="92"/>
      <c r="AR4401" s="92"/>
      <c r="AS4401" s="92"/>
      <c r="AT4401" s="92"/>
      <c r="AU4401" s="92"/>
      <c r="AV4401" s="92"/>
      <c r="AW4401" s="92"/>
      <c r="AX4401" s="92"/>
      <c r="AY4401" s="92"/>
      <c r="AZ4401" s="93"/>
      <c r="BA4401" s="93"/>
      <c r="BB4401" s="93"/>
      <c r="BC4401" s="93"/>
      <c r="BD4401" s="93"/>
      <c r="BE4401" s="93"/>
      <c r="BF4401" s="93"/>
      <c r="BG4401" s="93"/>
      <c r="BH4401" s="93"/>
      <c r="BI4401" s="93"/>
      <c r="BJ4401" s="93"/>
      <c r="BK4401" s="93"/>
      <c r="BL4401" s="93"/>
    </row>
    <row r="4402" spans="2:64" x14ac:dyDescent="0.2">
      <c r="B4402" s="43"/>
      <c r="C4402" s="73"/>
      <c r="D4402" s="64"/>
      <c r="E4402" s="55"/>
      <c r="F4402" s="74"/>
      <c r="G4402" s="74"/>
      <c r="H4402" s="74"/>
      <c r="I4402" s="75"/>
      <c r="J4402" s="74"/>
      <c r="L4402" s="55"/>
      <c r="M4402" s="234"/>
      <c r="N4402" s="65"/>
      <c r="O4402" s="76"/>
      <c r="P4402" s="76"/>
      <c r="Q4402" s="65"/>
      <c r="R4402" s="76"/>
      <c r="S4402" s="76"/>
      <c r="T4402" s="76"/>
      <c r="U4402" s="76"/>
      <c r="V4402" s="76"/>
      <c r="W4402" s="76"/>
      <c r="X4402" s="76"/>
      <c r="Y4402" s="76"/>
      <c r="Z4402" s="76"/>
      <c r="AA4402" s="85"/>
      <c r="AB4402" s="85"/>
      <c r="AC4402" s="85"/>
      <c r="AD4402" s="85"/>
      <c r="AE4402" s="85"/>
      <c r="AF4402" s="85"/>
      <c r="AG4402" s="86"/>
      <c r="AH4402" s="85"/>
      <c r="AI4402" s="85"/>
      <c r="AJ4402" s="85"/>
      <c r="AK4402" s="85"/>
      <c r="AL4402" s="85"/>
      <c r="AM4402" s="92"/>
      <c r="AN4402" s="92"/>
      <c r="AO4402" s="92"/>
      <c r="AP4402" s="92"/>
      <c r="AQ4402" s="92"/>
      <c r="AR4402" s="92"/>
      <c r="AS4402" s="92"/>
      <c r="AT4402" s="92"/>
      <c r="AU4402" s="92"/>
      <c r="AV4402" s="92"/>
      <c r="AW4402" s="92"/>
      <c r="AX4402" s="92"/>
      <c r="AY4402" s="92"/>
      <c r="AZ4402" s="93"/>
      <c r="BA4402" s="93"/>
      <c r="BB4402" s="93"/>
      <c r="BC4402" s="93"/>
      <c r="BD4402" s="93"/>
      <c r="BE4402" s="93"/>
      <c r="BF4402" s="93"/>
      <c r="BG4402" s="93"/>
      <c r="BH4402" s="93"/>
      <c r="BI4402" s="93"/>
      <c r="BJ4402" s="93"/>
      <c r="BK4402" s="93"/>
      <c r="BL4402" s="93"/>
    </row>
    <row r="4403" spans="2:64" x14ac:dyDescent="0.2">
      <c r="B4403" s="43"/>
      <c r="C4403" s="73"/>
      <c r="D4403" s="64"/>
      <c r="E4403" s="55"/>
      <c r="F4403" s="74"/>
      <c r="G4403" s="74"/>
      <c r="H4403" s="74"/>
      <c r="I4403" s="75"/>
      <c r="J4403" s="74"/>
      <c r="L4403" s="55"/>
      <c r="M4403" s="234"/>
      <c r="N4403" s="65"/>
      <c r="O4403" s="76"/>
      <c r="P4403" s="76"/>
      <c r="Q4403" s="65"/>
      <c r="R4403" s="76"/>
      <c r="S4403" s="76"/>
      <c r="T4403" s="76"/>
      <c r="U4403" s="76"/>
      <c r="V4403" s="76"/>
      <c r="W4403" s="76"/>
      <c r="X4403" s="76"/>
      <c r="Y4403" s="76"/>
      <c r="Z4403" s="76"/>
      <c r="AA4403" s="85"/>
      <c r="AB4403" s="85"/>
      <c r="AC4403" s="85"/>
      <c r="AD4403" s="85"/>
      <c r="AE4403" s="85"/>
      <c r="AF4403" s="85"/>
      <c r="AG4403" s="86"/>
      <c r="AH4403" s="85"/>
      <c r="AI4403" s="85"/>
      <c r="AJ4403" s="85"/>
      <c r="AK4403" s="85"/>
      <c r="AL4403" s="85"/>
      <c r="AM4403" s="92"/>
      <c r="AN4403" s="92"/>
      <c r="AO4403" s="92"/>
      <c r="AP4403" s="92"/>
      <c r="AQ4403" s="92"/>
      <c r="AR4403" s="92"/>
      <c r="AS4403" s="92"/>
      <c r="AT4403" s="92"/>
      <c r="AU4403" s="92"/>
      <c r="AV4403" s="92"/>
      <c r="AW4403" s="92"/>
      <c r="AX4403" s="92"/>
      <c r="AY4403" s="92"/>
      <c r="AZ4403" s="93"/>
      <c r="BA4403" s="93"/>
      <c r="BB4403" s="93"/>
      <c r="BC4403" s="93"/>
      <c r="BD4403" s="93"/>
      <c r="BE4403" s="93"/>
      <c r="BF4403" s="93"/>
      <c r="BG4403" s="93"/>
      <c r="BH4403" s="93"/>
      <c r="BI4403" s="93"/>
      <c r="BJ4403" s="93"/>
      <c r="BK4403" s="93"/>
      <c r="BL4403" s="93"/>
    </row>
    <row r="4404" spans="2:64" x14ac:dyDescent="0.2">
      <c r="B4404" s="43"/>
      <c r="C4404" s="73"/>
      <c r="D4404" s="64"/>
      <c r="E4404" s="55"/>
      <c r="F4404" s="74"/>
      <c r="G4404" s="74"/>
      <c r="H4404" s="74"/>
      <c r="I4404" s="75"/>
      <c r="J4404" s="74"/>
      <c r="L4404" s="55"/>
      <c r="M4404" s="234"/>
      <c r="N4404" s="65"/>
      <c r="O4404" s="76"/>
      <c r="P4404" s="76"/>
      <c r="Q4404" s="65"/>
      <c r="R4404" s="76"/>
      <c r="S4404" s="76"/>
      <c r="T4404" s="76"/>
      <c r="U4404" s="76"/>
      <c r="V4404" s="76"/>
      <c r="W4404" s="76"/>
      <c r="X4404" s="76"/>
      <c r="Y4404" s="76"/>
      <c r="Z4404" s="76"/>
      <c r="AA4404" s="85"/>
      <c r="AB4404" s="85"/>
      <c r="AC4404" s="85"/>
      <c r="AD4404" s="85"/>
      <c r="AE4404" s="85"/>
      <c r="AF4404" s="85"/>
      <c r="AG4404" s="86"/>
      <c r="AH4404" s="85"/>
      <c r="AI4404" s="85"/>
      <c r="AJ4404" s="85"/>
      <c r="AK4404" s="85"/>
      <c r="AL4404" s="85"/>
      <c r="AM4404" s="92"/>
      <c r="AN4404" s="92"/>
      <c r="AO4404" s="92"/>
      <c r="AP4404" s="92"/>
      <c r="AQ4404" s="92"/>
      <c r="AR4404" s="92"/>
      <c r="AS4404" s="92"/>
      <c r="AT4404" s="92"/>
      <c r="AU4404" s="92"/>
      <c r="AV4404" s="92"/>
      <c r="AW4404" s="92"/>
      <c r="AX4404" s="92"/>
      <c r="AY4404" s="92"/>
      <c r="AZ4404" s="93"/>
      <c r="BA4404" s="93"/>
      <c r="BB4404" s="93"/>
      <c r="BC4404" s="93"/>
      <c r="BD4404" s="93"/>
      <c r="BE4404" s="93"/>
      <c r="BF4404" s="93"/>
      <c r="BG4404" s="93"/>
      <c r="BH4404" s="93"/>
      <c r="BI4404" s="93"/>
      <c r="BJ4404" s="93"/>
      <c r="BK4404" s="93"/>
      <c r="BL4404" s="93"/>
    </row>
    <row r="4405" spans="2:64" x14ac:dyDescent="0.2">
      <c r="B4405" s="43"/>
      <c r="C4405" s="73"/>
      <c r="D4405" s="64"/>
      <c r="E4405" s="55"/>
      <c r="F4405" s="74"/>
      <c r="G4405" s="74"/>
      <c r="H4405" s="74"/>
      <c r="I4405" s="75"/>
      <c r="J4405" s="74"/>
      <c r="L4405" s="55"/>
      <c r="M4405" s="234"/>
      <c r="N4405" s="65"/>
      <c r="O4405" s="76"/>
      <c r="P4405" s="76"/>
      <c r="Q4405" s="65"/>
      <c r="R4405" s="76"/>
      <c r="S4405" s="76"/>
      <c r="T4405" s="76"/>
      <c r="U4405" s="76"/>
      <c r="V4405" s="76"/>
      <c r="W4405" s="76"/>
      <c r="X4405" s="76"/>
      <c r="Y4405" s="76"/>
      <c r="Z4405" s="76"/>
      <c r="AA4405" s="85"/>
      <c r="AB4405" s="85"/>
      <c r="AC4405" s="85"/>
      <c r="AD4405" s="85"/>
      <c r="AE4405" s="85"/>
      <c r="AF4405" s="85"/>
      <c r="AG4405" s="86"/>
      <c r="AH4405" s="85"/>
      <c r="AI4405" s="85"/>
      <c r="AJ4405" s="85"/>
      <c r="AK4405" s="85"/>
      <c r="AL4405" s="85"/>
      <c r="AM4405" s="92"/>
      <c r="AN4405" s="92"/>
      <c r="AO4405" s="92"/>
      <c r="AP4405" s="92"/>
      <c r="AQ4405" s="92"/>
      <c r="AR4405" s="92"/>
      <c r="AS4405" s="92"/>
      <c r="AT4405" s="92"/>
      <c r="AU4405" s="92"/>
      <c r="AV4405" s="92"/>
      <c r="AW4405" s="92"/>
      <c r="AX4405" s="92"/>
      <c r="AY4405" s="92"/>
      <c r="AZ4405" s="93"/>
      <c r="BA4405" s="93"/>
      <c r="BB4405" s="93"/>
      <c r="BC4405" s="93"/>
      <c r="BD4405" s="93"/>
      <c r="BE4405" s="93"/>
      <c r="BF4405" s="93"/>
      <c r="BG4405" s="93"/>
      <c r="BH4405" s="93"/>
      <c r="BI4405" s="93"/>
      <c r="BJ4405" s="93"/>
      <c r="BK4405" s="93"/>
      <c r="BL4405" s="93"/>
    </row>
    <row r="4406" spans="2:64" x14ac:dyDescent="0.2">
      <c r="B4406" s="43"/>
      <c r="C4406" s="73"/>
      <c r="D4406" s="64"/>
      <c r="E4406" s="55"/>
      <c r="F4406" s="74"/>
      <c r="G4406" s="74"/>
      <c r="H4406" s="74"/>
      <c r="I4406" s="75"/>
      <c r="J4406" s="74"/>
      <c r="L4406" s="55"/>
      <c r="M4406" s="234"/>
      <c r="N4406" s="65"/>
      <c r="O4406" s="76"/>
      <c r="P4406" s="76"/>
      <c r="Q4406" s="65"/>
      <c r="R4406" s="76"/>
      <c r="S4406" s="76"/>
      <c r="T4406" s="76"/>
      <c r="U4406" s="76"/>
      <c r="V4406" s="76"/>
      <c r="W4406" s="76"/>
      <c r="X4406" s="76"/>
      <c r="Y4406" s="76"/>
      <c r="Z4406" s="76"/>
      <c r="AA4406" s="85"/>
      <c r="AB4406" s="85"/>
      <c r="AC4406" s="85"/>
      <c r="AD4406" s="85"/>
      <c r="AE4406" s="85"/>
      <c r="AF4406" s="85"/>
      <c r="AG4406" s="86"/>
      <c r="AH4406" s="85"/>
      <c r="AI4406" s="85"/>
      <c r="AJ4406" s="85"/>
      <c r="AK4406" s="85"/>
      <c r="AL4406" s="85"/>
      <c r="AM4406" s="92"/>
      <c r="AN4406" s="92"/>
      <c r="AO4406" s="92"/>
      <c r="AP4406" s="92"/>
      <c r="AQ4406" s="92"/>
      <c r="AR4406" s="92"/>
      <c r="AS4406" s="92"/>
      <c r="AT4406" s="92"/>
      <c r="AU4406" s="92"/>
      <c r="AV4406" s="92"/>
      <c r="AW4406" s="92"/>
      <c r="AX4406" s="92"/>
      <c r="AY4406" s="92"/>
      <c r="AZ4406" s="93"/>
      <c r="BA4406" s="93"/>
      <c r="BB4406" s="93"/>
      <c r="BC4406" s="93"/>
      <c r="BD4406" s="93"/>
      <c r="BE4406" s="93"/>
      <c r="BF4406" s="93"/>
      <c r="BG4406" s="93"/>
      <c r="BH4406" s="93"/>
      <c r="BI4406" s="93"/>
      <c r="BJ4406" s="93"/>
      <c r="BK4406" s="93"/>
      <c r="BL4406" s="93"/>
    </row>
    <row r="4407" spans="2:64" x14ac:dyDescent="0.2">
      <c r="B4407" s="43"/>
      <c r="C4407" s="73"/>
      <c r="D4407" s="64"/>
      <c r="E4407" s="55"/>
      <c r="F4407" s="74"/>
      <c r="G4407" s="74"/>
      <c r="H4407" s="74"/>
      <c r="I4407" s="75"/>
      <c r="J4407" s="74"/>
      <c r="L4407" s="55"/>
      <c r="M4407" s="234"/>
      <c r="N4407" s="65"/>
      <c r="O4407" s="76"/>
      <c r="P4407" s="76"/>
      <c r="Q4407" s="65"/>
      <c r="R4407" s="76"/>
      <c r="S4407" s="76"/>
      <c r="T4407" s="76"/>
      <c r="U4407" s="76"/>
      <c r="V4407" s="76"/>
      <c r="W4407" s="76"/>
      <c r="X4407" s="76"/>
      <c r="Y4407" s="76"/>
      <c r="Z4407" s="76"/>
      <c r="AA4407" s="85"/>
      <c r="AB4407" s="85"/>
      <c r="AC4407" s="85"/>
      <c r="AD4407" s="85"/>
      <c r="AE4407" s="85"/>
      <c r="AF4407" s="85"/>
      <c r="AG4407" s="86"/>
      <c r="AH4407" s="85"/>
      <c r="AI4407" s="85"/>
      <c r="AJ4407" s="85"/>
      <c r="AK4407" s="85"/>
      <c r="AL4407" s="85"/>
      <c r="AM4407" s="92"/>
      <c r="AN4407" s="92"/>
      <c r="AO4407" s="92"/>
      <c r="AP4407" s="92"/>
      <c r="AQ4407" s="92"/>
      <c r="AR4407" s="92"/>
      <c r="AS4407" s="92"/>
      <c r="AT4407" s="92"/>
      <c r="AU4407" s="92"/>
      <c r="AV4407" s="92"/>
      <c r="AW4407" s="92"/>
      <c r="AX4407" s="92"/>
      <c r="AY4407" s="92"/>
      <c r="AZ4407" s="93"/>
      <c r="BA4407" s="93"/>
      <c r="BB4407" s="93"/>
      <c r="BC4407" s="93"/>
      <c r="BD4407" s="93"/>
      <c r="BE4407" s="93"/>
      <c r="BF4407" s="93"/>
      <c r="BG4407" s="93"/>
      <c r="BH4407" s="93"/>
      <c r="BI4407" s="93"/>
      <c r="BJ4407" s="93"/>
      <c r="BK4407" s="93"/>
      <c r="BL4407" s="93"/>
    </row>
    <row r="4408" spans="2:64" x14ac:dyDescent="0.2">
      <c r="B4408" s="43"/>
      <c r="C4408" s="73"/>
      <c r="D4408" s="64"/>
      <c r="E4408" s="55"/>
      <c r="F4408" s="74"/>
      <c r="G4408" s="74"/>
      <c r="H4408" s="74"/>
      <c r="I4408" s="75"/>
      <c r="J4408" s="74"/>
      <c r="L4408" s="55"/>
      <c r="M4408" s="234"/>
      <c r="N4408" s="65"/>
      <c r="O4408" s="76"/>
      <c r="P4408" s="76"/>
      <c r="Q4408" s="65"/>
      <c r="R4408" s="76"/>
      <c r="S4408" s="76"/>
      <c r="T4408" s="76"/>
      <c r="U4408" s="76"/>
      <c r="V4408" s="76"/>
      <c r="W4408" s="76"/>
      <c r="X4408" s="76"/>
      <c r="Y4408" s="76"/>
      <c r="Z4408" s="76"/>
      <c r="AA4408" s="85"/>
      <c r="AB4408" s="85"/>
      <c r="AC4408" s="85"/>
      <c r="AD4408" s="85"/>
      <c r="AE4408" s="85"/>
      <c r="AF4408" s="85"/>
      <c r="AG4408" s="86"/>
      <c r="AH4408" s="85"/>
      <c r="AI4408" s="85"/>
      <c r="AJ4408" s="85"/>
      <c r="AK4408" s="85"/>
      <c r="AL4408" s="85"/>
      <c r="AM4408" s="92"/>
      <c r="AN4408" s="92"/>
      <c r="AO4408" s="92"/>
      <c r="AP4408" s="92"/>
      <c r="AQ4408" s="92"/>
      <c r="AR4408" s="92"/>
      <c r="AS4408" s="92"/>
      <c r="AT4408" s="92"/>
      <c r="AU4408" s="92"/>
      <c r="AV4408" s="92"/>
      <c r="AW4408" s="92"/>
      <c r="AX4408" s="92"/>
      <c r="AY4408" s="92"/>
      <c r="AZ4408" s="93"/>
      <c r="BA4408" s="93"/>
      <c r="BB4408" s="93"/>
      <c r="BC4408" s="93"/>
      <c r="BD4408" s="93"/>
      <c r="BE4408" s="93"/>
      <c r="BF4408" s="93"/>
      <c r="BG4408" s="93"/>
      <c r="BH4408" s="93"/>
      <c r="BI4408" s="93"/>
      <c r="BJ4408" s="93"/>
      <c r="BK4408" s="93"/>
      <c r="BL4408" s="93"/>
    </row>
    <row r="4409" spans="2:64" x14ac:dyDescent="0.2">
      <c r="B4409" s="43"/>
      <c r="C4409" s="73"/>
      <c r="D4409" s="64"/>
      <c r="E4409" s="55"/>
      <c r="F4409" s="74"/>
      <c r="G4409" s="74"/>
      <c r="H4409" s="74"/>
      <c r="I4409" s="75"/>
      <c r="J4409" s="74"/>
      <c r="L4409" s="55"/>
      <c r="M4409" s="234"/>
      <c r="N4409" s="65"/>
      <c r="O4409" s="76"/>
      <c r="P4409" s="76"/>
      <c r="Q4409" s="65"/>
      <c r="R4409" s="76"/>
      <c r="S4409" s="76"/>
      <c r="T4409" s="76"/>
      <c r="U4409" s="76"/>
      <c r="V4409" s="76"/>
      <c r="W4409" s="76"/>
      <c r="X4409" s="76"/>
      <c r="Y4409" s="76"/>
      <c r="Z4409" s="76"/>
      <c r="AA4409" s="85"/>
      <c r="AB4409" s="85"/>
      <c r="AC4409" s="85"/>
      <c r="AD4409" s="85"/>
      <c r="AE4409" s="85"/>
      <c r="AF4409" s="85"/>
      <c r="AG4409" s="86"/>
      <c r="AH4409" s="85"/>
      <c r="AI4409" s="85"/>
      <c r="AJ4409" s="85"/>
      <c r="AK4409" s="85"/>
      <c r="AL4409" s="85"/>
      <c r="AM4409" s="92"/>
      <c r="AN4409" s="92"/>
      <c r="AO4409" s="92"/>
      <c r="AP4409" s="92"/>
      <c r="AQ4409" s="92"/>
      <c r="AR4409" s="92"/>
      <c r="AS4409" s="92"/>
      <c r="AT4409" s="92"/>
      <c r="AU4409" s="92"/>
      <c r="AV4409" s="92"/>
      <c r="AW4409" s="92"/>
      <c r="AX4409" s="92"/>
      <c r="AY4409" s="92"/>
      <c r="AZ4409" s="93"/>
      <c r="BA4409" s="93"/>
      <c r="BB4409" s="93"/>
      <c r="BC4409" s="93"/>
      <c r="BD4409" s="93"/>
      <c r="BE4409" s="93"/>
      <c r="BF4409" s="93"/>
      <c r="BG4409" s="93"/>
      <c r="BH4409" s="93"/>
      <c r="BI4409" s="93"/>
      <c r="BJ4409" s="93"/>
      <c r="BK4409" s="93"/>
      <c r="BL4409" s="93"/>
    </row>
    <row r="4410" spans="2:64" x14ac:dyDescent="0.2">
      <c r="B4410" s="43"/>
      <c r="C4410" s="73"/>
      <c r="D4410" s="64"/>
      <c r="E4410" s="55"/>
      <c r="F4410" s="74"/>
      <c r="G4410" s="74"/>
      <c r="H4410" s="74"/>
      <c r="I4410" s="75"/>
      <c r="J4410" s="74"/>
      <c r="L4410" s="55"/>
      <c r="M4410" s="234"/>
      <c r="N4410" s="65"/>
      <c r="O4410" s="76"/>
      <c r="P4410" s="76"/>
      <c r="Q4410" s="65"/>
      <c r="R4410" s="76"/>
      <c r="S4410" s="76"/>
      <c r="T4410" s="76"/>
      <c r="U4410" s="76"/>
      <c r="V4410" s="76"/>
      <c r="W4410" s="76"/>
      <c r="X4410" s="76"/>
      <c r="Y4410" s="76"/>
      <c r="Z4410" s="76"/>
      <c r="AA4410" s="85"/>
      <c r="AB4410" s="85"/>
      <c r="AC4410" s="85"/>
      <c r="AD4410" s="85"/>
      <c r="AE4410" s="85"/>
      <c r="AF4410" s="85"/>
      <c r="AG4410" s="86"/>
      <c r="AH4410" s="85"/>
      <c r="AI4410" s="85"/>
      <c r="AJ4410" s="85"/>
      <c r="AK4410" s="85"/>
      <c r="AL4410" s="85"/>
      <c r="AM4410" s="92"/>
      <c r="AN4410" s="92"/>
      <c r="AO4410" s="92"/>
      <c r="AP4410" s="92"/>
      <c r="AQ4410" s="92"/>
      <c r="AR4410" s="92"/>
      <c r="AS4410" s="92"/>
      <c r="AT4410" s="92"/>
      <c r="AU4410" s="92"/>
      <c r="AV4410" s="92"/>
      <c r="AW4410" s="92"/>
      <c r="AX4410" s="92"/>
      <c r="AY4410" s="92"/>
      <c r="AZ4410" s="93"/>
      <c r="BA4410" s="93"/>
      <c r="BB4410" s="93"/>
      <c r="BC4410" s="93"/>
      <c r="BD4410" s="93"/>
      <c r="BE4410" s="93"/>
      <c r="BF4410" s="93"/>
      <c r="BG4410" s="93"/>
      <c r="BH4410" s="93"/>
      <c r="BI4410" s="93"/>
      <c r="BJ4410" s="93"/>
      <c r="BK4410" s="93"/>
      <c r="BL4410" s="93"/>
    </row>
    <row r="4411" spans="2:64" x14ac:dyDescent="0.2">
      <c r="B4411" s="43"/>
      <c r="C4411" s="73"/>
      <c r="D4411" s="64"/>
      <c r="E4411" s="55"/>
      <c r="F4411" s="74"/>
      <c r="G4411" s="74"/>
      <c r="H4411" s="74"/>
      <c r="I4411" s="75"/>
      <c r="J4411" s="74"/>
      <c r="L4411" s="55"/>
      <c r="M4411" s="234"/>
      <c r="N4411" s="65"/>
      <c r="O4411" s="76"/>
      <c r="P4411" s="76"/>
      <c r="Q4411" s="65"/>
      <c r="R4411" s="76"/>
      <c r="S4411" s="76"/>
      <c r="T4411" s="76"/>
      <c r="U4411" s="76"/>
      <c r="V4411" s="76"/>
      <c r="W4411" s="76"/>
      <c r="X4411" s="76"/>
      <c r="Y4411" s="76"/>
      <c r="Z4411" s="76"/>
      <c r="AA4411" s="85"/>
      <c r="AB4411" s="85"/>
      <c r="AC4411" s="85"/>
      <c r="AD4411" s="85"/>
      <c r="AE4411" s="85"/>
      <c r="AF4411" s="85"/>
      <c r="AG4411" s="86"/>
      <c r="AH4411" s="85"/>
      <c r="AI4411" s="85"/>
      <c r="AJ4411" s="85"/>
      <c r="AK4411" s="85"/>
      <c r="AL4411" s="85"/>
      <c r="AM4411" s="92"/>
      <c r="AN4411" s="92"/>
      <c r="AO4411" s="92"/>
      <c r="AP4411" s="92"/>
      <c r="AQ4411" s="92"/>
      <c r="AR4411" s="92"/>
      <c r="AS4411" s="92"/>
      <c r="AT4411" s="92"/>
      <c r="AU4411" s="92"/>
      <c r="AV4411" s="92"/>
      <c r="AW4411" s="92"/>
      <c r="AX4411" s="92"/>
      <c r="AY4411" s="92"/>
      <c r="AZ4411" s="93"/>
      <c r="BA4411" s="93"/>
      <c r="BB4411" s="93"/>
      <c r="BC4411" s="93"/>
      <c r="BD4411" s="93"/>
      <c r="BE4411" s="93"/>
      <c r="BF4411" s="93"/>
      <c r="BG4411" s="93"/>
      <c r="BH4411" s="93"/>
      <c r="BI4411" s="93"/>
      <c r="BJ4411" s="93"/>
      <c r="BK4411" s="93"/>
      <c r="BL4411" s="93"/>
    </row>
    <row r="4412" spans="2:64" x14ac:dyDescent="0.2">
      <c r="B4412" s="43"/>
      <c r="C4412" s="73"/>
      <c r="D4412" s="64"/>
      <c r="E4412" s="55"/>
      <c r="F4412" s="74"/>
      <c r="G4412" s="74"/>
      <c r="H4412" s="74"/>
      <c r="I4412" s="75"/>
      <c r="J4412" s="74"/>
      <c r="L4412" s="55"/>
      <c r="M4412" s="234"/>
      <c r="N4412" s="65"/>
      <c r="O4412" s="76"/>
      <c r="P4412" s="76"/>
      <c r="Q4412" s="65"/>
      <c r="R4412" s="76"/>
      <c r="S4412" s="76"/>
      <c r="T4412" s="76"/>
      <c r="U4412" s="76"/>
      <c r="V4412" s="76"/>
      <c r="W4412" s="76"/>
      <c r="X4412" s="76"/>
      <c r="Y4412" s="76"/>
      <c r="Z4412" s="76"/>
      <c r="AA4412" s="85"/>
      <c r="AB4412" s="85"/>
      <c r="AC4412" s="85"/>
      <c r="AD4412" s="85"/>
      <c r="AE4412" s="85"/>
      <c r="AF4412" s="85"/>
      <c r="AG4412" s="86"/>
      <c r="AH4412" s="85"/>
      <c r="AI4412" s="85"/>
      <c r="AJ4412" s="85"/>
      <c r="AK4412" s="85"/>
      <c r="AL4412" s="85"/>
      <c r="AM4412" s="92"/>
      <c r="AN4412" s="92"/>
      <c r="AO4412" s="92"/>
      <c r="AP4412" s="92"/>
      <c r="AQ4412" s="92"/>
      <c r="AR4412" s="92"/>
      <c r="AS4412" s="92"/>
      <c r="AT4412" s="92"/>
      <c r="AU4412" s="92"/>
      <c r="AV4412" s="92"/>
      <c r="AW4412" s="92"/>
      <c r="AX4412" s="92"/>
      <c r="AY4412" s="92"/>
      <c r="AZ4412" s="93"/>
      <c r="BA4412" s="93"/>
      <c r="BB4412" s="93"/>
      <c r="BC4412" s="93"/>
      <c r="BD4412" s="93"/>
      <c r="BE4412" s="93"/>
      <c r="BF4412" s="93"/>
      <c r="BG4412" s="93"/>
      <c r="BH4412" s="93"/>
      <c r="BI4412" s="93"/>
      <c r="BJ4412" s="93"/>
      <c r="BK4412" s="93"/>
      <c r="BL4412" s="93"/>
    </row>
    <row r="4413" spans="2:64" x14ac:dyDescent="0.2">
      <c r="B4413" s="43"/>
      <c r="C4413" s="73"/>
      <c r="D4413" s="64"/>
      <c r="E4413" s="55"/>
      <c r="F4413" s="74"/>
      <c r="G4413" s="74"/>
      <c r="H4413" s="74"/>
      <c r="I4413" s="75"/>
      <c r="J4413" s="74"/>
      <c r="L4413" s="55"/>
      <c r="M4413" s="234"/>
      <c r="N4413" s="65"/>
      <c r="O4413" s="76"/>
      <c r="P4413" s="76"/>
      <c r="Q4413" s="65"/>
      <c r="R4413" s="76"/>
      <c r="S4413" s="76"/>
      <c r="T4413" s="76"/>
      <c r="U4413" s="76"/>
      <c r="V4413" s="76"/>
      <c r="W4413" s="76"/>
      <c r="X4413" s="76"/>
      <c r="Y4413" s="76"/>
      <c r="Z4413" s="76"/>
      <c r="AA4413" s="85"/>
      <c r="AB4413" s="85"/>
      <c r="AC4413" s="85"/>
      <c r="AD4413" s="85"/>
      <c r="AE4413" s="85"/>
      <c r="AF4413" s="85"/>
      <c r="AG4413" s="86"/>
      <c r="AH4413" s="85"/>
      <c r="AI4413" s="85"/>
      <c r="AJ4413" s="85"/>
      <c r="AK4413" s="85"/>
      <c r="AL4413" s="85"/>
      <c r="AM4413" s="92"/>
      <c r="AN4413" s="92"/>
      <c r="AO4413" s="92"/>
      <c r="AP4413" s="92"/>
      <c r="AQ4413" s="92"/>
      <c r="AR4413" s="92"/>
      <c r="AS4413" s="92"/>
      <c r="AT4413" s="92"/>
      <c r="AU4413" s="92"/>
      <c r="AV4413" s="92"/>
      <c r="AW4413" s="92"/>
      <c r="AX4413" s="92"/>
      <c r="AY4413" s="92"/>
      <c r="AZ4413" s="93"/>
      <c r="BA4413" s="93"/>
      <c r="BB4413" s="93"/>
      <c r="BC4413" s="93"/>
      <c r="BD4413" s="93"/>
      <c r="BE4413" s="93"/>
      <c r="BF4413" s="93"/>
      <c r="BG4413" s="93"/>
      <c r="BH4413" s="93"/>
      <c r="BI4413" s="93"/>
      <c r="BJ4413" s="93"/>
      <c r="BK4413" s="93"/>
      <c r="BL4413" s="93"/>
    </row>
    <row r="4414" spans="2:64" x14ac:dyDescent="0.2">
      <c r="B4414" s="43"/>
      <c r="C4414" s="73"/>
      <c r="D4414" s="64"/>
      <c r="E4414" s="55"/>
      <c r="F4414" s="74"/>
      <c r="G4414" s="74"/>
      <c r="H4414" s="74"/>
      <c r="I4414" s="75"/>
      <c r="J4414" s="74"/>
      <c r="L4414" s="55"/>
      <c r="M4414" s="234"/>
      <c r="N4414" s="65"/>
      <c r="O4414" s="76"/>
      <c r="P4414" s="76"/>
      <c r="Q4414" s="65"/>
      <c r="R4414" s="76"/>
      <c r="S4414" s="76"/>
      <c r="T4414" s="76"/>
      <c r="U4414" s="76"/>
      <c r="V4414" s="76"/>
      <c r="W4414" s="76"/>
      <c r="X4414" s="76"/>
      <c r="Y4414" s="76"/>
      <c r="Z4414" s="76"/>
      <c r="AA4414" s="85"/>
      <c r="AB4414" s="85"/>
      <c r="AC4414" s="85"/>
      <c r="AD4414" s="85"/>
      <c r="AE4414" s="85"/>
      <c r="AF4414" s="85"/>
      <c r="AG4414" s="86"/>
      <c r="AH4414" s="85"/>
      <c r="AI4414" s="85"/>
      <c r="AJ4414" s="85"/>
      <c r="AK4414" s="85"/>
      <c r="AL4414" s="85"/>
      <c r="AM4414" s="92"/>
      <c r="AN4414" s="92"/>
      <c r="AO4414" s="92"/>
      <c r="AP4414" s="92"/>
      <c r="AQ4414" s="92"/>
      <c r="AR4414" s="92"/>
      <c r="AS4414" s="92"/>
      <c r="AT4414" s="92"/>
      <c r="AU4414" s="92"/>
      <c r="AV4414" s="92"/>
      <c r="AW4414" s="92"/>
      <c r="AX4414" s="92"/>
      <c r="AY4414" s="92"/>
      <c r="AZ4414" s="93"/>
      <c r="BA4414" s="93"/>
      <c r="BB4414" s="93"/>
      <c r="BC4414" s="93"/>
      <c r="BD4414" s="93"/>
      <c r="BE4414" s="93"/>
      <c r="BF4414" s="93"/>
      <c r="BG4414" s="93"/>
      <c r="BH4414" s="93"/>
      <c r="BI4414" s="93"/>
      <c r="BJ4414" s="93"/>
      <c r="BK4414" s="93"/>
      <c r="BL4414" s="93"/>
    </row>
    <row r="4415" spans="2:64" x14ac:dyDescent="0.2">
      <c r="B4415" s="43"/>
      <c r="C4415" s="73"/>
      <c r="D4415" s="64"/>
      <c r="E4415" s="55"/>
      <c r="F4415" s="74"/>
      <c r="G4415" s="74"/>
      <c r="H4415" s="74"/>
      <c r="I4415" s="75"/>
      <c r="J4415" s="74"/>
      <c r="L4415" s="55"/>
      <c r="M4415" s="234"/>
      <c r="N4415" s="65"/>
      <c r="O4415" s="76"/>
      <c r="P4415" s="76"/>
      <c r="Q4415" s="65"/>
      <c r="R4415" s="76"/>
      <c r="S4415" s="76"/>
      <c r="T4415" s="76"/>
      <c r="U4415" s="76"/>
      <c r="V4415" s="76"/>
      <c r="W4415" s="76"/>
      <c r="X4415" s="76"/>
      <c r="Y4415" s="76"/>
      <c r="Z4415" s="76"/>
      <c r="AA4415" s="85"/>
      <c r="AB4415" s="85"/>
      <c r="AC4415" s="85"/>
      <c r="AD4415" s="85"/>
      <c r="AE4415" s="85"/>
      <c r="AF4415" s="85"/>
      <c r="AG4415" s="86"/>
      <c r="AH4415" s="85"/>
      <c r="AI4415" s="85"/>
      <c r="AJ4415" s="85"/>
      <c r="AK4415" s="85"/>
      <c r="AL4415" s="85"/>
      <c r="AM4415" s="92"/>
      <c r="AN4415" s="92"/>
      <c r="AO4415" s="92"/>
      <c r="AP4415" s="92"/>
      <c r="AQ4415" s="92"/>
      <c r="AR4415" s="92"/>
      <c r="AS4415" s="92"/>
      <c r="AT4415" s="92"/>
      <c r="AU4415" s="92"/>
      <c r="AV4415" s="92"/>
      <c r="AW4415" s="92"/>
      <c r="AX4415" s="92"/>
      <c r="AY4415" s="92"/>
      <c r="AZ4415" s="93"/>
      <c r="BA4415" s="93"/>
      <c r="BB4415" s="93"/>
      <c r="BC4415" s="93"/>
      <c r="BD4415" s="93"/>
      <c r="BE4415" s="93"/>
      <c r="BF4415" s="93"/>
      <c r="BG4415" s="93"/>
      <c r="BH4415" s="93"/>
      <c r="BI4415" s="93"/>
      <c r="BJ4415" s="93"/>
      <c r="BK4415" s="93"/>
      <c r="BL4415" s="93"/>
    </row>
    <row r="4416" spans="2:64" x14ac:dyDescent="0.2">
      <c r="B4416" s="43"/>
      <c r="C4416" s="73"/>
      <c r="D4416" s="64"/>
      <c r="E4416" s="55"/>
      <c r="F4416" s="74"/>
      <c r="G4416" s="74"/>
      <c r="H4416" s="74"/>
      <c r="I4416" s="75"/>
      <c r="J4416" s="74"/>
      <c r="L4416" s="55"/>
      <c r="M4416" s="234"/>
      <c r="N4416" s="65"/>
      <c r="O4416" s="76"/>
      <c r="P4416" s="76"/>
      <c r="Q4416" s="65"/>
      <c r="R4416" s="76"/>
      <c r="S4416" s="76"/>
      <c r="T4416" s="76"/>
      <c r="U4416" s="76"/>
      <c r="V4416" s="76"/>
      <c r="W4416" s="76"/>
      <c r="X4416" s="76"/>
      <c r="Y4416" s="76"/>
      <c r="Z4416" s="76"/>
      <c r="AA4416" s="85"/>
      <c r="AB4416" s="85"/>
      <c r="AC4416" s="85"/>
      <c r="AD4416" s="85"/>
      <c r="AE4416" s="85"/>
      <c r="AF4416" s="85"/>
      <c r="AG4416" s="86"/>
      <c r="AH4416" s="85"/>
      <c r="AI4416" s="85"/>
      <c r="AJ4416" s="85"/>
      <c r="AK4416" s="85"/>
      <c r="AL4416" s="85"/>
      <c r="AM4416" s="92"/>
      <c r="AN4416" s="92"/>
      <c r="AO4416" s="92"/>
      <c r="AP4416" s="92"/>
      <c r="AQ4416" s="92"/>
      <c r="AR4416" s="92"/>
      <c r="AS4416" s="92"/>
      <c r="AT4416" s="92"/>
      <c r="AU4416" s="92"/>
      <c r="AV4416" s="92"/>
      <c r="AW4416" s="92"/>
      <c r="AX4416" s="92"/>
      <c r="AY4416" s="92"/>
      <c r="AZ4416" s="93"/>
      <c r="BA4416" s="93"/>
      <c r="BB4416" s="93"/>
      <c r="BC4416" s="93"/>
      <c r="BD4416" s="93"/>
      <c r="BE4416" s="93"/>
      <c r="BF4416" s="93"/>
      <c r="BG4416" s="93"/>
      <c r="BH4416" s="93"/>
      <c r="BI4416" s="93"/>
      <c r="BJ4416" s="93"/>
      <c r="BK4416" s="93"/>
      <c r="BL4416" s="93"/>
    </row>
    <row r="4417" spans="2:64" x14ac:dyDescent="0.2">
      <c r="B4417" s="43"/>
      <c r="C4417" s="73"/>
      <c r="D4417" s="64"/>
      <c r="E4417" s="55"/>
      <c r="F4417" s="74"/>
      <c r="G4417" s="74"/>
      <c r="H4417" s="74"/>
      <c r="I4417" s="75"/>
      <c r="J4417" s="74"/>
      <c r="L4417" s="55"/>
      <c r="M4417" s="234"/>
      <c r="N4417" s="65"/>
      <c r="O4417" s="76"/>
      <c r="P4417" s="76"/>
      <c r="Q4417" s="65"/>
      <c r="R4417" s="76"/>
      <c r="S4417" s="76"/>
      <c r="T4417" s="76"/>
      <c r="U4417" s="76"/>
      <c r="V4417" s="76"/>
      <c r="W4417" s="76"/>
      <c r="X4417" s="76"/>
      <c r="Y4417" s="76"/>
      <c r="Z4417" s="76"/>
      <c r="AA4417" s="85"/>
      <c r="AB4417" s="85"/>
      <c r="AC4417" s="85"/>
      <c r="AD4417" s="85"/>
      <c r="AE4417" s="85"/>
      <c r="AF4417" s="85"/>
      <c r="AG4417" s="86"/>
      <c r="AH4417" s="85"/>
      <c r="AI4417" s="85"/>
      <c r="AJ4417" s="85"/>
      <c r="AK4417" s="85"/>
      <c r="AL4417" s="85"/>
      <c r="AM4417" s="92"/>
      <c r="AN4417" s="92"/>
      <c r="AO4417" s="92"/>
      <c r="AP4417" s="92"/>
      <c r="AQ4417" s="92"/>
      <c r="AR4417" s="92"/>
      <c r="AS4417" s="92"/>
      <c r="AT4417" s="92"/>
      <c r="AU4417" s="92"/>
      <c r="AV4417" s="92"/>
      <c r="AW4417" s="92"/>
      <c r="AX4417" s="92"/>
      <c r="AY4417" s="92"/>
      <c r="AZ4417" s="93"/>
      <c r="BA4417" s="93"/>
      <c r="BB4417" s="93"/>
      <c r="BC4417" s="93"/>
      <c r="BD4417" s="93"/>
      <c r="BE4417" s="93"/>
      <c r="BF4417" s="93"/>
      <c r="BG4417" s="93"/>
      <c r="BH4417" s="93"/>
      <c r="BI4417" s="93"/>
      <c r="BJ4417" s="93"/>
      <c r="BK4417" s="93"/>
      <c r="BL4417" s="93"/>
    </row>
    <row r="4418" spans="2:64" x14ac:dyDescent="0.2">
      <c r="B4418" s="43"/>
      <c r="C4418" s="73"/>
      <c r="D4418" s="64"/>
      <c r="E4418" s="55"/>
      <c r="F4418" s="74"/>
      <c r="G4418" s="74"/>
      <c r="H4418" s="74"/>
      <c r="I4418" s="75"/>
      <c r="J4418" s="74"/>
      <c r="L4418" s="55"/>
      <c r="M4418" s="234"/>
      <c r="N4418" s="65"/>
      <c r="O4418" s="76"/>
      <c r="P4418" s="76"/>
      <c r="Q4418" s="65"/>
      <c r="R4418" s="76"/>
      <c r="S4418" s="76"/>
      <c r="T4418" s="76"/>
      <c r="U4418" s="76"/>
      <c r="V4418" s="76"/>
      <c r="W4418" s="76"/>
      <c r="X4418" s="76"/>
      <c r="Y4418" s="76"/>
      <c r="Z4418" s="76"/>
      <c r="AA4418" s="85"/>
      <c r="AB4418" s="85"/>
      <c r="AC4418" s="85"/>
      <c r="AD4418" s="85"/>
      <c r="AE4418" s="85"/>
      <c r="AF4418" s="85"/>
      <c r="AG4418" s="86"/>
      <c r="AH4418" s="85"/>
      <c r="AI4418" s="85"/>
      <c r="AJ4418" s="85"/>
      <c r="AK4418" s="85"/>
      <c r="AL4418" s="85"/>
      <c r="AM4418" s="92"/>
      <c r="AN4418" s="92"/>
      <c r="AO4418" s="92"/>
      <c r="AP4418" s="92"/>
      <c r="AQ4418" s="92"/>
      <c r="AR4418" s="92"/>
      <c r="AS4418" s="92"/>
      <c r="AT4418" s="92"/>
      <c r="AU4418" s="92"/>
      <c r="AV4418" s="92"/>
      <c r="AW4418" s="92"/>
      <c r="AX4418" s="92"/>
      <c r="AY4418" s="92"/>
      <c r="AZ4418" s="93"/>
      <c r="BA4418" s="93"/>
      <c r="BB4418" s="93"/>
      <c r="BC4418" s="93"/>
      <c r="BD4418" s="93"/>
      <c r="BE4418" s="93"/>
      <c r="BF4418" s="93"/>
      <c r="BG4418" s="93"/>
      <c r="BH4418" s="93"/>
      <c r="BI4418" s="93"/>
      <c r="BJ4418" s="93"/>
      <c r="BK4418" s="93"/>
      <c r="BL4418" s="93"/>
    </row>
    <row r="4419" spans="2:64" x14ac:dyDescent="0.2">
      <c r="B4419" s="43"/>
      <c r="C4419" s="73"/>
      <c r="D4419" s="64"/>
      <c r="E4419" s="55"/>
      <c r="F4419" s="74"/>
      <c r="G4419" s="74"/>
      <c r="H4419" s="74"/>
      <c r="I4419" s="75"/>
      <c r="J4419" s="74"/>
      <c r="L4419" s="55"/>
      <c r="M4419" s="234"/>
      <c r="N4419" s="65"/>
      <c r="O4419" s="76"/>
      <c r="P4419" s="76"/>
      <c r="Q4419" s="65"/>
      <c r="R4419" s="76"/>
      <c r="S4419" s="76"/>
      <c r="T4419" s="76"/>
      <c r="U4419" s="76"/>
      <c r="V4419" s="76"/>
      <c r="W4419" s="76"/>
      <c r="X4419" s="76"/>
      <c r="Y4419" s="76"/>
      <c r="Z4419" s="76"/>
      <c r="AA4419" s="85"/>
      <c r="AB4419" s="85"/>
      <c r="AC4419" s="85"/>
      <c r="AD4419" s="85"/>
      <c r="AE4419" s="85"/>
      <c r="AF4419" s="85"/>
      <c r="AG4419" s="86"/>
      <c r="AH4419" s="85"/>
      <c r="AI4419" s="85"/>
      <c r="AJ4419" s="85"/>
      <c r="AK4419" s="85"/>
      <c r="AL4419" s="85"/>
      <c r="AM4419" s="92"/>
      <c r="AN4419" s="92"/>
      <c r="AO4419" s="92"/>
      <c r="AP4419" s="92"/>
      <c r="AQ4419" s="92"/>
      <c r="AR4419" s="92"/>
      <c r="AS4419" s="92"/>
      <c r="AT4419" s="92"/>
      <c r="AU4419" s="92"/>
      <c r="AV4419" s="92"/>
      <c r="AW4419" s="92"/>
      <c r="AX4419" s="92"/>
      <c r="AY4419" s="92"/>
      <c r="AZ4419" s="93"/>
      <c r="BA4419" s="93"/>
      <c r="BB4419" s="93"/>
      <c r="BC4419" s="93"/>
      <c r="BD4419" s="93"/>
      <c r="BE4419" s="93"/>
      <c r="BF4419" s="93"/>
      <c r="BG4419" s="93"/>
      <c r="BH4419" s="93"/>
      <c r="BI4419" s="93"/>
      <c r="BJ4419" s="93"/>
      <c r="BK4419" s="93"/>
      <c r="BL4419" s="93"/>
    </row>
    <row r="4420" spans="2:64" x14ac:dyDescent="0.2">
      <c r="B4420" s="43"/>
      <c r="C4420" s="73"/>
      <c r="D4420" s="64"/>
      <c r="E4420" s="55"/>
      <c r="F4420" s="74"/>
      <c r="G4420" s="74"/>
      <c r="H4420" s="74"/>
      <c r="I4420" s="75"/>
      <c r="J4420" s="74"/>
      <c r="L4420" s="55"/>
      <c r="M4420" s="234"/>
      <c r="N4420" s="65"/>
      <c r="O4420" s="76"/>
      <c r="P4420" s="76"/>
      <c r="Q4420" s="65"/>
      <c r="R4420" s="76"/>
      <c r="S4420" s="76"/>
      <c r="T4420" s="76"/>
      <c r="U4420" s="76"/>
      <c r="V4420" s="76"/>
      <c r="W4420" s="76"/>
      <c r="X4420" s="76"/>
      <c r="Y4420" s="76"/>
      <c r="Z4420" s="76"/>
      <c r="AA4420" s="85"/>
      <c r="AB4420" s="85"/>
      <c r="AC4420" s="85"/>
      <c r="AD4420" s="85"/>
      <c r="AE4420" s="85"/>
      <c r="AF4420" s="85"/>
      <c r="AG4420" s="86"/>
      <c r="AH4420" s="85"/>
      <c r="AI4420" s="85"/>
      <c r="AJ4420" s="85"/>
      <c r="AK4420" s="85"/>
      <c r="AL4420" s="85"/>
      <c r="AM4420" s="92"/>
      <c r="AN4420" s="92"/>
      <c r="AO4420" s="92"/>
      <c r="AP4420" s="92"/>
      <c r="AQ4420" s="92"/>
      <c r="AR4420" s="92"/>
      <c r="AS4420" s="92"/>
      <c r="AT4420" s="92"/>
      <c r="AU4420" s="92"/>
      <c r="AV4420" s="92"/>
      <c r="AW4420" s="92"/>
      <c r="AX4420" s="92"/>
      <c r="AY4420" s="92"/>
      <c r="AZ4420" s="93"/>
      <c r="BA4420" s="93"/>
      <c r="BB4420" s="93"/>
      <c r="BC4420" s="93"/>
      <c r="BD4420" s="93"/>
      <c r="BE4420" s="93"/>
      <c r="BF4420" s="93"/>
      <c r="BG4420" s="93"/>
      <c r="BH4420" s="93"/>
      <c r="BI4420" s="93"/>
      <c r="BJ4420" s="93"/>
      <c r="BK4420" s="93"/>
      <c r="BL4420" s="93"/>
    </row>
    <row r="4421" spans="2:64" x14ac:dyDescent="0.2">
      <c r="B4421" s="43"/>
      <c r="C4421" s="73"/>
      <c r="D4421" s="64"/>
      <c r="E4421" s="55"/>
      <c r="F4421" s="74"/>
      <c r="G4421" s="74"/>
      <c r="H4421" s="74"/>
      <c r="I4421" s="75"/>
      <c r="J4421" s="74"/>
      <c r="L4421" s="55"/>
      <c r="M4421" s="234"/>
      <c r="N4421" s="65"/>
      <c r="O4421" s="76"/>
      <c r="P4421" s="76"/>
      <c r="Q4421" s="65"/>
      <c r="R4421" s="76"/>
      <c r="S4421" s="76"/>
      <c r="T4421" s="76"/>
      <c r="U4421" s="76"/>
      <c r="V4421" s="76"/>
      <c r="W4421" s="76"/>
      <c r="X4421" s="76"/>
      <c r="Y4421" s="76"/>
      <c r="Z4421" s="76"/>
      <c r="AA4421" s="85"/>
      <c r="AB4421" s="85"/>
      <c r="AC4421" s="85"/>
      <c r="AD4421" s="85"/>
      <c r="AE4421" s="85"/>
      <c r="AF4421" s="85"/>
      <c r="AG4421" s="86"/>
      <c r="AH4421" s="85"/>
      <c r="AI4421" s="85"/>
      <c r="AJ4421" s="85"/>
      <c r="AK4421" s="85"/>
      <c r="AL4421" s="85"/>
      <c r="AM4421" s="92"/>
      <c r="AN4421" s="92"/>
      <c r="AO4421" s="92"/>
      <c r="AP4421" s="92"/>
      <c r="AQ4421" s="92"/>
      <c r="AR4421" s="92"/>
      <c r="AS4421" s="92"/>
      <c r="AT4421" s="92"/>
      <c r="AU4421" s="92"/>
      <c r="AV4421" s="92"/>
      <c r="AW4421" s="92"/>
      <c r="AX4421" s="92"/>
      <c r="AY4421" s="92"/>
      <c r="AZ4421" s="93"/>
      <c r="BA4421" s="93"/>
      <c r="BB4421" s="93"/>
      <c r="BC4421" s="93"/>
      <c r="BD4421" s="93"/>
      <c r="BE4421" s="93"/>
      <c r="BF4421" s="93"/>
      <c r="BG4421" s="93"/>
      <c r="BH4421" s="93"/>
      <c r="BI4421" s="93"/>
      <c r="BJ4421" s="93"/>
      <c r="BK4421" s="93"/>
      <c r="BL4421" s="93"/>
    </row>
    <row r="4422" spans="2:64" x14ac:dyDescent="0.2">
      <c r="B4422" s="43"/>
      <c r="C4422" s="73"/>
      <c r="D4422" s="64"/>
      <c r="E4422" s="55"/>
      <c r="F4422" s="74"/>
      <c r="G4422" s="74"/>
      <c r="H4422" s="74"/>
      <c r="I4422" s="75"/>
      <c r="J4422" s="74"/>
      <c r="L4422" s="55"/>
      <c r="M4422" s="234"/>
      <c r="N4422" s="65"/>
      <c r="O4422" s="76"/>
      <c r="P4422" s="76"/>
      <c r="Q4422" s="65"/>
      <c r="R4422" s="76"/>
      <c r="S4422" s="76"/>
      <c r="T4422" s="76"/>
      <c r="U4422" s="76"/>
      <c r="V4422" s="76"/>
      <c r="W4422" s="76"/>
      <c r="X4422" s="76"/>
      <c r="Y4422" s="76"/>
      <c r="Z4422" s="76"/>
      <c r="AA4422" s="85"/>
      <c r="AB4422" s="85"/>
      <c r="AC4422" s="85"/>
      <c r="AD4422" s="85"/>
      <c r="AE4422" s="85"/>
      <c r="AF4422" s="85"/>
      <c r="AG4422" s="86"/>
      <c r="AH4422" s="85"/>
      <c r="AI4422" s="85"/>
      <c r="AJ4422" s="85"/>
      <c r="AK4422" s="85"/>
      <c r="AL4422" s="85"/>
      <c r="AM4422" s="92"/>
      <c r="AN4422" s="92"/>
      <c r="AO4422" s="92"/>
      <c r="AP4422" s="92"/>
      <c r="AQ4422" s="92"/>
      <c r="AR4422" s="92"/>
      <c r="AS4422" s="92"/>
      <c r="AT4422" s="92"/>
      <c r="AU4422" s="92"/>
      <c r="AV4422" s="92"/>
      <c r="AW4422" s="92"/>
      <c r="AX4422" s="92"/>
      <c r="AY4422" s="92"/>
      <c r="AZ4422" s="93"/>
      <c r="BA4422" s="93"/>
      <c r="BB4422" s="93"/>
      <c r="BC4422" s="93"/>
      <c r="BD4422" s="93"/>
      <c r="BE4422" s="93"/>
      <c r="BF4422" s="93"/>
      <c r="BG4422" s="93"/>
      <c r="BH4422" s="93"/>
      <c r="BI4422" s="93"/>
      <c r="BJ4422" s="93"/>
      <c r="BK4422" s="93"/>
      <c r="BL4422" s="93"/>
    </row>
    <row r="4423" spans="2:64" x14ac:dyDescent="0.2">
      <c r="B4423" s="43"/>
      <c r="C4423" s="73"/>
      <c r="D4423" s="64"/>
      <c r="E4423" s="55"/>
      <c r="F4423" s="74"/>
      <c r="G4423" s="74"/>
      <c r="H4423" s="74"/>
      <c r="I4423" s="75"/>
      <c r="J4423" s="74"/>
      <c r="L4423" s="55"/>
      <c r="M4423" s="234"/>
      <c r="N4423" s="65"/>
      <c r="O4423" s="76"/>
      <c r="P4423" s="76"/>
      <c r="Q4423" s="65"/>
      <c r="R4423" s="76"/>
      <c r="S4423" s="76"/>
      <c r="T4423" s="76"/>
      <c r="U4423" s="76"/>
      <c r="V4423" s="76"/>
      <c r="W4423" s="76"/>
      <c r="X4423" s="76"/>
      <c r="Y4423" s="76"/>
      <c r="Z4423" s="76"/>
      <c r="AA4423" s="85"/>
      <c r="AB4423" s="85"/>
      <c r="AC4423" s="85"/>
      <c r="AD4423" s="85"/>
      <c r="AE4423" s="85"/>
      <c r="AF4423" s="85"/>
      <c r="AG4423" s="86"/>
      <c r="AH4423" s="85"/>
      <c r="AI4423" s="85"/>
      <c r="AJ4423" s="85"/>
      <c r="AK4423" s="85"/>
      <c r="AL4423" s="85"/>
      <c r="AM4423" s="92"/>
      <c r="AN4423" s="92"/>
      <c r="AO4423" s="92"/>
      <c r="AP4423" s="92"/>
      <c r="AQ4423" s="92"/>
      <c r="AR4423" s="92"/>
      <c r="AS4423" s="92"/>
      <c r="AT4423" s="92"/>
      <c r="AU4423" s="92"/>
      <c r="AV4423" s="92"/>
      <c r="AW4423" s="92"/>
      <c r="AX4423" s="92"/>
      <c r="AY4423" s="92"/>
      <c r="AZ4423" s="93"/>
      <c r="BA4423" s="93"/>
      <c r="BB4423" s="93"/>
      <c r="BC4423" s="93"/>
      <c r="BD4423" s="93"/>
      <c r="BE4423" s="93"/>
      <c r="BF4423" s="93"/>
      <c r="BG4423" s="93"/>
      <c r="BH4423" s="93"/>
      <c r="BI4423" s="93"/>
      <c r="BJ4423" s="93"/>
      <c r="BK4423" s="93"/>
      <c r="BL4423" s="93"/>
    </row>
    <row r="4424" spans="2:64" x14ac:dyDescent="0.2">
      <c r="B4424" s="43"/>
      <c r="C4424" s="73"/>
      <c r="D4424" s="64"/>
      <c r="E4424" s="55"/>
      <c r="F4424" s="74"/>
      <c r="G4424" s="74"/>
      <c r="H4424" s="74"/>
      <c r="I4424" s="75"/>
      <c r="J4424" s="74"/>
      <c r="L4424" s="55"/>
      <c r="M4424" s="234"/>
      <c r="N4424" s="65"/>
      <c r="O4424" s="76"/>
      <c r="P4424" s="76"/>
      <c r="Q4424" s="65"/>
      <c r="R4424" s="76"/>
      <c r="S4424" s="76"/>
      <c r="T4424" s="76"/>
      <c r="U4424" s="76"/>
      <c r="V4424" s="76"/>
      <c r="W4424" s="76"/>
      <c r="X4424" s="76"/>
      <c r="Y4424" s="76"/>
      <c r="Z4424" s="76"/>
      <c r="AA4424" s="85"/>
      <c r="AB4424" s="85"/>
      <c r="AC4424" s="85"/>
      <c r="AD4424" s="85"/>
      <c r="AE4424" s="85"/>
      <c r="AF4424" s="85"/>
      <c r="AG4424" s="86"/>
      <c r="AH4424" s="85"/>
      <c r="AI4424" s="85"/>
      <c r="AJ4424" s="85"/>
      <c r="AK4424" s="85"/>
      <c r="AL4424" s="85"/>
      <c r="AM4424" s="92"/>
      <c r="AN4424" s="92"/>
      <c r="AO4424" s="92"/>
      <c r="AP4424" s="92"/>
      <c r="AQ4424" s="92"/>
      <c r="AR4424" s="92"/>
      <c r="AS4424" s="92"/>
      <c r="AT4424" s="92"/>
      <c r="AU4424" s="92"/>
      <c r="AV4424" s="92"/>
      <c r="AW4424" s="92"/>
      <c r="AX4424" s="92"/>
      <c r="AY4424" s="92"/>
      <c r="AZ4424" s="93"/>
      <c r="BA4424" s="93"/>
      <c r="BB4424" s="93"/>
      <c r="BC4424" s="93"/>
      <c r="BD4424" s="93"/>
      <c r="BE4424" s="93"/>
      <c r="BF4424" s="93"/>
      <c r="BG4424" s="93"/>
      <c r="BH4424" s="93"/>
      <c r="BI4424" s="93"/>
      <c r="BJ4424" s="93"/>
      <c r="BK4424" s="93"/>
      <c r="BL4424" s="93"/>
    </row>
    <row r="4425" spans="2:64" x14ac:dyDescent="0.2">
      <c r="B4425" s="43"/>
      <c r="C4425" s="73"/>
      <c r="D4425" s="64"/>
      <c r="E4425" s="55"/>
      <c r="F4425" s="74"/>
      <c r="G4425" s="74"/>
      <c r="H4425" s="74"/>
      <c r="I4425" s="75"/>
      <c r="J4425" s="74"/>
      <c r="L4425" s="55"/>
      <c r="M4425" s="234"/>
      <c r="N4425" s="65"/>
      <c r="O4425" s="76"/>
      <c r="P4425" s="76"/>
      <c r="Q4425" s="65"/>
      <c r="R4425" s="76"/>
      <c r="S4425" s="76"/>
      <c r="T4425" s="76"/>
      <c r="U4425" s="76"/>
      <c r="V4425" s="76"/>
      <c r="W4425" s="76"/>
      <c r="X4425" s="76"/>
      <c r="Y4425" s="76"/>
      <c r="Z4425" s="76"/>
      <c r="AA4425" s="85"/>
      <c r="AB4425" s="85"/>
      <c r="AC4425" s="85"/>
      <c r="AD4425" s="85"/>
      <c r="AE4425" s="85"/>
      <c r="AF4425" s="85"/>
      <c r="AG4425" s="86"/>
      <c r="AH4425" s="85"/>
      <c r="AI4425" s="85"/>
      <c r="AJ4425" s="85"/>
      <c r="AK4425" s="85"/>
      <c r="AL4425" s="85"/>
      <c r="AM4425" s="92"/>
      <c r="AN4425" s="92"/>
      <c r="AO4425" s="92"/>
      <c r="AP4425" s="92"/>
      <c r="AQ4425" s="92"/>
      <c r="AR4425" s="92"/>
      <c r="AS4425" s="92"/>
      <c r="AT4425" s="92"/>
      <c r="AU4425" s="92"/>
      <c r="AV4425" s="92"/>
      <c r="AW4425" s="92"/>
      <c r="AX4425" s="92"/>
      <c r="AY4425" s="92"/>
      <c r="AZ4425" s="93"/>
      <c r="BA4425" s="93"/>
      <c r="BB4425" s="93"/>
      <c r="BC4425" s="93"/>
      <c r="BD4425" s="93"/>
      <c r="BE4425" s="93"/>
      <c r="BF4425" s="93"/>
      <c r="BG4425" s="93"/>
      <c r="BH4425" s="93"/>
      <c r="BI4425" s="93"/>
      <c r="BJ4425" s="93"/>
      <c r="BK4425" s="93"/>
      <c r="BL4425" s="93"/>
    </row>
    <row r="4426" spans="2:64" x14ac:dyDescent="0.2">
      <c r="B4426" s="43"/>
      <c r="C4426" s="73"/>
      <c r="D4426" s="64"/>
      <c r="E4426" s="55"/>
      <c r="F4426" s="74"/>
      <c r="G4426" s="74"/>
      <c r="H4426" s="74"/>
      <c r="I4426" s="75"/>
      <c r="J4426" s="74"/>
      <c r="L4426" s="55"/>
      <c r="M4426" s="234"/>
      <c r="N4426" s="65"/>
      <c r="O4426" s="76"/>
      <c r="P4426" s="76"/>
      <c r="Q4426" s="65"/>
      <c r="R4426" s="76"/>
      <c r="S4426" s="76"/>
      <c r="T4426" s="76"/>
      <c r="U4426" s="76"/>
      <c r="V4426" s="76"/>
      <c r="W4426" s="76"/>
      <c r="X4426" s="76"/>
      <c r="Y4426" s="76"/>
      <c r="Z4426" s="76"/>
      <c r="AA4426" s="85"/>
      <c r="AB4426" s="85"/>
      <c r="AC4426" s="85"/>
      <c r="AD4426" s="85"/>
      <c r="AE4426" s="85"/>
      <c r="AF4426" s="85"/>
      <c r="AG4426" s="86"/>
      <c r="AH4426" s="85"/>
      <c r="AI4426" s="85"/>
      <c r="AJ4426" s="85"/>
      <c r="AK4426" s="85"/>
      <c r="AL4426" s="85"/>
      <c r="AM4426" s="92"/>
      <c r="AN4426" s="92"/>
      <c r="AO4426" s="92"/>
      <c r="AP4426" s="92"/>
      <c r="AQ4426" s="92"/>
      <c r="AR4426" s="92"/>
      <c r="AS4426" s="92"/>
      <c r="AT4426" s="92"/>
      <c r="AU4426" s="92"/>
      <c r="AV4426" s="92"/>
      <c r="AW4426" s="92"/>
      <c r="AX4426" s="92"/>
      <c r="AY4426" s="92"/>
      <c r="AZ4426" s="93"/>
      <c r="BA4426" s="93"/>
      <c r="BB4426" s="93"/>
      <c r="BC4426" s="93"/>
      <c r="BD4426" s="93"/>
      <c r="BE4426" s="93"/>
      <c r="BF4426" s="93"/>
      <c r="BG4426" s="93"/>
      <c r="BH4426" s="93"/>
      <c r="BI4426" s="93"/>
      <c r="BJ4426" s="93"/>
      <c r="BK4426" s="93"/>
      <c r="BL4426" s="93"/>
    </row>
    <row r="4427" spans="2:64" x14ac:dyDescent="0.2">
      <c r="B4427" s="43"/>
      <c r="C4427" s="73"/>
      <c r="D4427" s="64"/>
      <c r="E4427" s="55"/>
      <c r="F4427" s="74"/>
      <c r="G4427" s="74"/>
      <c r="H4427" s="74"/>
      <c r="I4427" s="75"/>
      <c r="J4427" s="74"/>
      <c r="L4427" s="55"/>
      <c r="M4427" s="234"/>
      <c r="N4427" s="65"/>
      <c r="O4427" s="76"/>
      <c r="P4427" s="76"/>
      <c r="Q4427" s="65"/>
      <c r="R4427" s="76"/>
      <c r="S4427" s="76"/>
      <c r="T4427" s="76"/>
      <c r="U4427" s="76"/>
      <c r="V4427" s="76"/>
      <c r="W4427" s="76"/>
      <c r="X4427" s="76"/>
      <c r="Y4427" s="76"/>
      <c r="Z4427" s="76"/>
      <c r="AA4427" s="85"/>
      <c r="AB4427" s="85"/>
      <c r="AC4427" s="85"/>
      <c r="AD4427" s="85"/>
      <c r="AE4427" s="85"/>
      <c r="AF4427" s="85"/>
      <c r="AG4427" s="86"/>
      <c r="AH4427" s="85"/>
      <c r="AI4427" s="85"/>
      <c r="AJ4427" s="85"/>
      <c r="AK4427" s="85"/>
      <c r="AL4427" s="85"/>
      <c r="AM4427" s="92"/>
      <c r="AN4427" s="92"/>
      <c r="AO4427" s="92"/>
      <c r="AP4427" s="92"/>
      <c r="AQ4427" s="92"/>
      <c r="AR4427" s="92"/>
      <c r="AS4427" s="92"/>
      <c r="AT4427" s="92"/>
      <c r="AU4427" s="92"/>
      <c r="AV4427" s="92"/>
      <c r="AW4427" s="92"/>
      <c r="AX4427" s="92"/>
      <c r="AY4427" s="92"/>
      <c r="AZ4427" s="93"/>
      <c r="BA4427" s="93"/>
      <c r="BB4427" s="93"/>
      <c r="BC4427" s="93"/>
      <c r="BD4427" s="93"/>
      <c r="BE4427" s="93"/>
      <c r="BF4427" s="93"/>
      <c r="BG4427" s="93"/>
      <c r="BH4427" s="93"/>
      <c r="BI4427" s="93"/>
      <c r="BJ4427" s="93"/>
      <c r="BK4427" s="93"/>
      <c r="BL4427" s="93"/>
    </row>
    <row r="4428" spans="2:64" x14ac:dyDescent="0.2">
      <c r="B4428" s="43"/>
      <c r="C4428" s="73"/>
      <c r="D4428" s="64"/>
      <c r="E4428" s="55"/>
      <c r="F4428" s="74"/>
      <c r="G4428" s="74"/>
      <c r="H4428" s="74"/>
      <c r="I4428" s="75"/>
      <c r="J4428" s="74"/>
      <c r="L4428" s="55"/>
      <c r="M4428" s="234"/>
      <c r="N4428" s="65"/>
      <c r="O4428" s="76"/>
      <c r="P4428" s="76"/>
      <c r="Q4428" s="65"/>
      <c r="R4428" s="76"/>
      <c r="S4428" s="76"/>
      <c r="T4428" s="76"/>
      <c r="U4428" s="76"/>
      <c r="V4428" s="76"/>
      <c r="W4428" s="76"/>
      <c r="X4428" s="76"/>
      <c r="Y4428" s="76"/>
      <c r="Z4428" s="76"/>
      <c r="AA4428" s="85"/>
      <c r="AB4428" s="85"/>
      <c r="AC4428" s="85"/>
      <c r="AD4428" s="85"/>
      <c r="AE4428" s="85"/>
      <c r="AF4428" s="85"/>
      <c r="AG4428" s="86"/>
      <c r="AH4428" s="85"/>
      <c r="AI4428" s="85"/>
      <c r="AJ4428" s="85"/>
      <c r="AK4428" s="85"/>
      <c r="AL4428" s="85"/>
      <c r="AM4428" s="92"/>
      <c r="AN4428" s="92"/>
      <c r="AO4428" s="92"/>
      <c r="AP4428" s="92"/>
      <c r="AQ4428" s="92"/>
      <c r="AR4428" s="92"/>
      <c r="AS4428" s="92"/>
      <c r="AT4428" s="92"/>
      <c r="AU4428" s="92"/>
      <c r="AV4428" s="92"/>
      <c r="AW4428" s="92"/>
      <c r="AX4428" s="92"/>
      <c r="AY4428" s="92"/>
      <c r="AZ4428" s="93"/>
      <c r="BA4428" s="93"/>
      <c r="BB4428" s="93"/>
      <c r="BC4428" s="93"/>
      <c r="BD4428" s="93"/>
      <c r="BE4428" s="93"/>
      <c r="BF4428" s="93"/>
      <c r="BG4428" s="93"/>
      <c r="BH4428" s="93"/>
      <c r="BI4428" s="93"/>
      <c r="BJ4428" s="93"/>
      <c r="BK4428" s="93"/>
      <c r="BL4428" s="93"/>
    </row>
    <row r="4429" spans="2:64" x14ac:dyDescent="0.2">
      <c r="B4429" s="43"/>
      <c r="C4429" s="73"/>
      <c r="D4429" s="64"/>
      <c r="E4429" s="55"/>
      <c r="F4429" s="74"/>
      <c r="G4429" s="74"/>
      <c r="H4429" s="74"/>
      <c r="I4429" s="75"/>
      <c r="J4429" s="74"/>
      <c r="L4429" s="55"/>
      <c r="M4429" s="234"/>
      <c r="N4429" s="65"/>
      <c r="O4429" s="76"/>
      <c r="P4429" s="76"/>
      <c r="Q4429" s="65"/>
      <c r="R4429" s="76"/>
      <c r="S4429" s="76"/>
      <c r="T4429" s="76"/>
      <c r="U4429" s="76"/>
      <c r="V4429" s="76"/>
      <c r="W4429" s="76"/>
      <c r="X4429" s="76"/>
      <c r="Y4429" s="76"/>
      <c r="Z4429" s="76"/>
      <c r="AA4429" s="85"/>
      <c r="AB4429" s="85"/>
      <c r="AC4429" s="85"/>
      <c r="AD4429" s="85"/>
      <c r="AE4429" s="85"/>
      <c r="AF4429" s="85"/>
      <c r="AG4429" s="86"/>
      <c r="AH4429" s="85"/>
      <c r="AI4429" s="85"/>
      <c r="AJ4429" s="85"/>
      <c r="AK4429" s="85"/>
      <c r="AL4429" s="85"/>
      <c r="AM4429" s="92"/>
      <c r="AN4429" s="92"/>
      <c r="AO4429" s="92"/>
      <c r="AP4429" s="92"/>
      <c r="AQ4429" s="92"/>
      <c r="AR4429" s="92"/>
      <c r="AS4429" s="92"/>
      <c r="AT4429" s="92"/>
      <c r="AU4429" s="92"/>
      <c r="AV4429" s="92"/>
      <c r="AW4429" s="92"/>
      <c r="AX4429" s="92"/>
      <c r="AY4429" s="92"/>
      <c r="AZ4429" s="93"/>
      <c r="BA4429" s="93"/>
      <c r="BB4429" s="93"/>
      <c r="BC4429" s="93"/>
      <c r="BD4429" s="93"/>
      <c r="BE4429" s="93"/>
      <c r="BF4429" s="93"/>
      <c r="BG4429" s="93"/>
      <c r="BH4429" s="93"/>
      <c r="BI4429" s="93"/>
      <c r="BJ4429" s="93"/>
      <c r="BK4429" s="93"/>
      <c r="BL4429" s="93"/>
    </row>
    <row r="4430" spans="2:64" x14ac:dyDescent="0.2">
      <c r="B4430" s="43"/>
      <c r="C4430" s="73"/>
      <c r="D4430" s="64"/>
      <c r="E4430" s="55"/>
      <c r="F4430" s="74"/>
      <c r="G4430" s="74"/>
      <c r="H4430" s="74"/>
      <c r="I4430" s="75"/>
      <c r="J4430" s="74"/>
      <c r="L4430" s="55"/>
      <c r="M4430" s="234"/>
      <c r="N4430" s="65"/>
      <c r="O4430" s="76"/>
      <c r="P4430" s="76"/>
      <c r="Q4430" s="65"/>
      <c r="R4430" s="76"/>
      <c r="S4430" s="76"/>
      <c r="T4430" s="76"/>
      <c r="U4430" s="76"/>
      <c r="V4430" s="76"/>
      <c r="W4430" s="76"/>
      <c r="X4430" s="76"/>
      <c r="Y4430" s="76"/>
      <c r="Z4430" s="76"/>
      <c r="AA4430" s="85"/>
      <c r="AB4430" s="85"/>
      <c r="AC4430" s="85"/>
      <c r="AD4430" s="85"/>
      <c r="AE4430" s="85"/>
      <c r="AF4430" s="85"/>
      <c r="AG4430" s="86"/>
      <c r="AH4430" s="85"/>
      <c r="AI4430" s="85"/>
      <c r="AJ4430" s="85"/>
      <c r="AK4430" s="85"/>
      <c r="AL4430" s="85"/>
      <c r="AM4430" s="92"/>
      <c r="AN4430" s="92"/>
      <c r="AO4430" s="92"/>
      <c r="AP4430" s="92"/>
      <c r="AQ4430" s="92"/>
      <c r="AR4430" s="92"/>
      <c r="AS4430" s="92"/>
      <c r="AT4430" s="92"/>
      <c r="AU4430" s="92"/>
      <c r="AV4430" s="92"/>
      <c r="AW4430" s="92"/>
      <c r="AX4430" s="92"/>
      <c r="AY4430" s="92"/>
      <c r="AZ4430" s="93"/>
      <c r="BA4430" s="93"/>
      <c r="BB4430" s="93"/>
      <c r="BC4430" s="93"/>
      <c r="BD4430" s="93"/>
      <c r="BE4430" s="93"/>
      <c r="BF4430" s="93"/>
      <c r="BG4430" s="93"/>
      <c r="BH4430" s="93"/>
      <c r="BI4430" s="93"/>
      <c r="BJ4430" s="93"/>
      <c r="BK4430" s="93"/>
      <c r="BL4430" s="93"/>
    </row>
    <row r="4431" spans="2:64" x14ac:dyDescent="0.2">
      <c r="B4431" s="43"/>
      <c r="C4431" s="73"/>
      <c r="D4431" s="64"/>
      <c r="E4431" s="55"/>
      <c r="F4431" s="74"/>
      <c r="G4431" s="74"/>
      <c r="H4431" s="74"/>
      <c r="I4431" s="75"/>
      <c r="J4431" s="74"/>
      <c r="L4431" s="55"/>
      <c r="M4431" s="234"/>
      <c r="N4431" s="65"/>
      <c r="O4431" s="76"/>
      <c r="P4431" s="76"/>
      <c r="Q4431" s="65"/>
      <c r="R4431" s="76"/>
      <c r="S4431" s="76"/>
      <c r="T4431" s="76"/>
      <c r="U4431" s="76"/>
      <c r="V4431" s="76"/>
      <c r="W4431" s="76"/>
      <c r="X4431" s="76"/>
      <c r="Y4431" s="76"/>
      <c r="Z4431" s="76"/>
      <c r="AA4431" s="85"/>
      <c r="AB4431" s="85"/>
      <c r="AC4431" s="85"/>
      <c r="AD4431" s="85"/>
      <c r="AE4431" s="85"/>
      <c r="AF4431" s="85"/>
      <c r="AG4431" s="86"/>
      <c r="AH4431" s="85"/>
      <c r="AI4431" s="85"/>
      <c r="AJ4431" s="85"/>
      <c r="AK4431" s="85"/>
      <c r="AL4431" s="85"/>
      <c r="AM4431" s="92"/>
      <c r="AN4431" s="92"/>
      <c r="AO4431" s="92"/>
      <c r="AP4431" s="92"/>
      <c r="AQ4431" s="92"/>
      <c r="AR4431" s="92"/>
      <c r="AS4431" s="92"/>
      <c r="AT4431" s="92"/>
      <c r="AU4431" s="92"/>
      <c r="AV4431" s="92"/>
      <c r="AW4431" s="92"/>
      <c r="AX4431" s="92"/>
      <c r="AY4431" s="92"/>
      <c r="AZ4431" s="93"/>
      <c r="BA4431" s="93"/>
      <c r="BB4431" s="93"/>
      <c r="BC4431" s="93"/>
      <c r="BD4431" s="93"/>
      <c r="BE4431" s="93"/>
      <c r="BF4431" s="93"/>
      <c r="BG4431" s="93"/>
      <c r="BH4431" s="93"/>
      <c r="BI4431" s="93"/>
      <c r="BJ4431" s="93"/>
      <c r="BK4431" s="93"/>
      <c r="BL4431" s="93"/>
    </row>
    <row r="4432" spans="2:64" x14ac:dyDescent="0.2">
      <c r="B4432" s="43"/>
      <c r="C4432" s="73"/>
      <c r="D4432" s="64"/>
      <c r="E4432" s="55"/>
      <c r="F4432" s="74"/>
      <c r="G4432" s="74"/>
      <c r="H4432" s="74"/>
      <c r="I4432" s="75"/>
      <c r="J4432" s="74"/>
      <c r="L4432" s="55"/>
      <c r="M4432" s="234"/>
      <c r="N4432" s="65"/>
      <c r="O4432" s="76"/>
      <c r="P4432" s="76"/>
      <c r="Q4432" s="65"/>
      <c r="R4432" s="76"/>
      <c r="S4432" s="76"/>
      <c r="T4432" s="76"/>
      <c r="U4432" s="76"/>
      <c r="V4432" s="76"/>
      <c r="W4432" s="76"/>
      <c r="X4432" s="76"/>
      <c r="Y4432" s="76"/>
      <c r="Z4432" s="76"/>
      <c r="AA4432" s="85"/>
      <c r="AB4432" s="85"/>
      <c r="AC4432" s="85"/>
      <c r="AD4432" s="85"/>
      <c r="AE4432" s="85"/>
      <c r="AF4432" s="85"/>
      <c r="AG4432" s="86"/>
      <c r="AH4432" s="85"/>
      <c r="AI4432" s="85"/>
      <c r="AJ4432" s="85"/>
      <c r="AK4432" s="85"/>
      <c r="AL4432" s="85"/>
      <c r="AM4432" s="92"/>
      <c r="AN4432" s="92"/>
      <c r="AO4432" s="92"/>
      <c r="AP4432" s="92"/>
      <c r="AQ4432" s="92"/>
      <c r="AR4432" s="92"/>
      <c r="AS4432" s="92"/>
      <c r="AT4432" s="92"/>
      <c r="AU4432" s="92"/>
      <c r="AV4432" s="92"/>
      <c r="AW4432" s="92"/>
      <c r="AX4432" s="92"/>
      <c r="AY4432" s="92"/>
      <c r="AZ4432" s="93"/>
      <c r="BA4432" s="93"/>
      <c r="BB4432" s="93"/>
      <c r="BC4432" s="93"/>
      <c r="BD4432" s="93"/>
      <c r="BE4432" s="93"/>
      <c r="BF4432" s="93"/>
      <c r="BG4432" s="93"/>
      <c r="BH4432" s="93"/>
      <c r="BI4432" s="93"/>
      <c r="BJ4432" s="93"/>
      <c r="BK4432" s="93"/>
      <c r="BL4432" s="93"/>
    </row>
    <row r="4433" spans="2:64" x14ac:dyDescent="0.2">
      <c r="B4433" s="43"/>
      <c r="C4433" s="73"/>
      <c r="D4433" s="64"/>
      <c r="E4433" s="55"/>
      <c r="F4433" s="74"/>
      <c r="G4433" s="74"/>
      <c r="H4433" s="74"/>
      <c r="I4433" s="75"/>
      <c r="J4433" s="74"/>
      <c r="L4433" s="55"/>
      <c r="M4433" s="234"/>
      <c r="N4433" s="65"/>
      <c r="O4433" s="76"/>
      <c r="P4433" s="76"/>
      <c r="Q4433" s="65"/>
      <c r="R4433" s="76"/>
      <c r="S4433" s="76"/>
      <c r="T4433" s="76"/>
      <c r="U4433" s="76"/>
      <c r="V4433" s="76"/>
      <c r="W4433" s="76"/>
      <c r="X4433" s="76"/>
      <c r="Y4433" s="76"/>
      <c r="Z4433" s="76"/>
      <c r="AA4433" s="85"/>
      <c r="AB4433" s="85"/>
      <c r="AC4433" s="85"/>
      <c r="AD4433" s="85"/>
      <c r="AE4433" s="85"/>
      <c r="AF4433" s="85"/>
      <c r="AG4433" s="86"/>
      <c r="AH4433" s="85"/>
      <c r="AI4433" s="85"/>
      <c r="AJ4433" s="85"/>
      <c r="AK4433" s="85"/>
      <c r="AL4433" s="85"/>
      <c r="AM4433" s="92"/>
      <c r="AN4433" s="92"/>
      <c r="AO4433" s="92"/>
      <c r="AP4433" s="92"/>
      <c r="AQ4433" s="92"/>
      <c r="AR4433" s="92"/>
      <c r="AS4433" s="92"/>
      <c r="AT4433" s="92"/>
      <c r="AU4433" s="92"/>
      <c r="AV4433" s="92"/>
      <c r="AW4433" s="92"/>
      <c r="AX4433" s="92"/>
      <c r="AY4433" s="92"/>
      <c r="AZ4433" s="93"/>
      <c r="BA4433" s="93"/>
      <c r="BB4433" s="93"/>
      <c r="BC4433" s="93"/>
      <c r="BD4433" s="93"/>
      <c r="BE4433" s="93"/>
      <c r="BF4433" s="93"/>
      <c r="BG4433" s="93"/>
      <c r="BH4433" s="93"/>
      <c r="BI4433" s="93"/>
      <c r="BJ4433" s="93"/>
      <c r="BK4433" s="93"/>
      <c r="BL4433" s="93"/>
    </row>
    <row r="4434" spans="2:64" x14ac:dyDescent="0.2">
      <c r="B4434" s="43"/>
      <c r="C4434" s="73"/>
      <c r="D4434" s="64"/>
      <c r="E4434" s="55"/>
      <c r="F4434" s="74"/>
      <c r="G4434" s="74"/>
      <c r="H4434" s="74"/>
      <c r="I4434" s="75"/>
      <c r="J4434" s="74"/>
      <c r="L4434" s="55"/>
      <c r="M4434" s="234"/>
      <c r="N4434" s="65"/>
      <c r="O4434" s="76"/>
      <c r="P4434" s="76"/>
      <c r="Q4434" s="65"/>
      <c r="R4434" s="76"/>
      <c r="S4434" s="76"/>
      <c r="T4434" s="76"/>
      <c r="U4434" s="76"/>
      <c r="V4434" s="76"/>
      <c r="W4434" s="76"/>
      <c r="X4434" s="76"/>
      <c r="Y4434" s="76"/>
      <c r="Z4434" s="76"/>
      <c r="AA4434" s="85"/>
      <c r="AB4434" s="85"/>
      <c r="AC4434" s="85"/>
      <c r="AD4434" s="85"/>
      <c r="AE4434" s="85"/>
      <c r="AF4434" s="85"/>
      <c r="AG4434" s="86"/>
      <c r="AH4434" s="85"/>
      <c r="AI4434" s="85"/>
      <c r="AJ4434" s="85"/>
      <c r="AK4434" s="85"/>
      <c r="AL4434" s="85"/>
      <c r="AM4434" s="92"/>
      <c r="AN4434" s="92"/>
      <c r="AO4434" s="92"/>
      <c r="AP4434" s="92"/>
      <c r="AQ4434" s="92"/>
      <c r="AR4434" s="92"/>
      <c r="AS4434" s="92"/>
      <c r="AT4434" s="92"/>
      <c r="AU4434" s="92"/>
      <c r="AV4434" s="92"/>
      <c r="AW4434" s="92"/>
      <c r="AX4434" s="92"/>
      <c r="AY4434" s="92"/>
      <c r="AZ4434" s="93"/>
      <c r="BA4434" s="93"/>
      <c r="BB4434" s="93"/>
      <c r="BC4434" s="93"/>
      <c r="BD4434" s="93"/>
      <c r="BE4434" s="93"/>
      <c r="BF4434" s="93"/>
      <c r="BG4434" s="93"/>
      <c r="BH4434" s="93"/>
      <c r="BI4434" s="93"/>
      <c r="BJ4434" s="93"/>
      <c r="BK4434" s="93"/>
      <c r="BL4434" s="93"/>
    </row>
    <row r="4435" spans="2:64" x14ac:dyDescent="0.2">
      <c r="B4435" s="43"/>
      <c r="C4435" s="73"/>
      <c r="D4435" s="64"/>
      <c r="E4435" s="55"/>
      <c r="F4435" s="74"/>
      <c r="G4435" s="74"/>
      <c r="H4435" s="74"/>
      <c r="I4435" s="75"/>
      <c r="J4435" s="74"/>
      <c r="L4435" s="55"/>
      <c r="M4435" s="234"/>
      <c r="N4435" s="65"/>
      <c r="O4435" s="76"/>
      <c r="P4435" s="76"/>
      <c r="Q4435" s="65"/>
      <c r="R4435" s="76"/>
      <c r="S4435" s="76"/>
      <c r="T4435" s="76"/>
      <c r="U4435" s="76"/>
      <c r="V4435" s="76"/>
      <c r="W4435" s="76"/>
      <c r="X4435" s="76"/>
      <c r="Y4435" s="76"/>
      <c r="Z4435" s="76"/>
      <c r="AA4435" s="85"/>
      <c r="AB4435" s="85"/>
      <c r="AC4435" s="85"/>
      <c r="AD4435" s="85"/>
      <c r="AE4435" s="85"/>
      <c r="AF4435" s="85"/>
      <c r="AG4435" s="86"/>
      <c r="AH4435" s="85"/>
      <c r="AI4435" s="85"/>
      <c r="AJ4435" s="85"/>
      <c r="AK4435" s="85"/>
      <c r="AL4435" s="85"/>
      <c r="AM4435" s="92"/>
      <c r="AN4435" s="92"/>
      <c r="AO4435" s="92"/>
      <c r="AP4435" s="92"/>
      <c r="AQ4435" s="92"/>
      <c r="AR4435" s="92"/>
      <c r="AS4435" s="92"/>
      <c r="AT4435" s="92"/>
      <c r="AU4435" s="92"/>
      <c r="AV4435" s="92"/>
      <c r="AW4435" s="92"/>
      <c r="AX4435" s="92"/>
      <c r="AY4435" s="92"/>
      <c r="AZ4435" s="93"/>
      <c r="BA4435" s="93"/>
      <c r="BB4435" s="93"/>
      <c r="BC4435" s="93"/>
      <c r="BD4435" s="93"/>
      <c r="BE4435" s="93"/>
      <c r="BF4435" s="93"/>
      <c r="BG4435" s="93"/>
      <c r="BH4435" s="93"/>
      <c r="BI4435" s="93"/>
      <c r="BJ4435" s="93"/>
      <c r="BK4435" s="93"/>
      <c r="BL4435" s="93"/>
    </row>
    <row r="4436" spans="2:64" x14ac:dyDescent="0.2">
      <c r="B4436" s="43"/>
      <c r="C4436" s="73"/>
      <c r="D4436" s="64"/>
      <c r="E4436" s="55"/>
      <c r="F4436" s="74"/>
      <c r="G4436" s="74"/>
      <c r="H4436" s="74"/>
      <c r="I4436" s="75"/>
      <c r="J4436" s="74"/>
      <c r="L4436" s="55"/>
      <c r="M4436" s="234"/>
      <c r="N4436" s="65"/>
      <c r="O4436" s="76"/>
      <c r="P4436" s="76"/>
      <c r="Q4436" s="65"/>
      <c r="R4436" s="76"/>
      <c r="S4436" s="76"/>
      <c r="T4436" s="76"/>
      <c r="U4436" s="76"/>
      <c r="V4436" s="76"/>
      <c r="W4436" s="76"/>
      <c r="X4436" s="76"/>
      <c r="Y4436" s="76"/>
      <c r="Z4436" s="76"/>
      <c r="AA4436" s="85"/>
      <c r="AB4436" s="85"/>
      <c r="AC4436" s="85"/>
      <c r="AD4436" s="85"/>
      <c r="AE4436" s="85"/>
      <c r="AF4436" s="85"/>
      <c r="AG4436" s="86"/>
      <c r="AH4436" s="85"/>
      <c r="AI4436" s="85"/>
      <c r="AJ4436" s="85"/>
      <c r="AK4436" s="85"/>
      <c r="AL4436" s="85"/>
      <c r="AM4436" s="92"/>
      <c r="AN4436" s="92"/>
      <c r="AO4436" s="92"/>
      <c r="AP4436" s="92"/>
      <c r="AQ4436" s="92"/>
      <c r="AR4436" s="92"/>
      <c r="AS4436" s="92"/>
      <c r="AT4436" s="92"/>
      <c r="AU4436" s="92"/>
      <c r="AV4436" s="92"/>
      <c r="AW4436" s="92"/>
      <c r="AX4436" s="92"/>
      <c r="AY4436" s="92"/>
      <c r="AZ4436" s="93"/>
      <c r="BA4436" s="93"/>
      <c r="BB4436" s="93"/>
      <c r="BC4436" s="93"/>
      <c r="BD4436" s="93"/>
      <c r="BE4436" s="93"/>
      <c r="BF4436" s="93"/>
      <c r="BG4436" s="93"/>
      <c r="BH4436" s="93"/>
      <c r="BI4436" s="93"/>
      <c r="BJ4436" s="93"/>
      <c r="BK4436" s="93"/>
      <c r="BL4436" s="93"/>
    </row>
    <row r="4437" spans="2:64" x14ac:dyDescent="0.2">
      <c r="B4437" s="43"/>
      <c r="C4437" s="73"/>
      <c r="D4437" s="64"/>
      <c r="E4437" s="55"/>
      <c r="F4437" s="74"/>
      <c r="G4437" s="74"/>
      <c r="H4437" s="74"/>
      <c r="I4437" s="75"/>
      <c r="J4437" s="74"/>
      <c r="L4437" s="55"/>
      <c r="M4437" s="234"/>
      <c r="N4437" s="65"/>
      <c r="O4437" s="76"/>
      <c r="P4437" s="76"/>
      <c r="Q4437" s="65"/>
      <c r="R4437" s="76"/>
      <c r="S4437" s="76"/>
      <c r="T4437" s="76"/>
      <c r="U4437" s="76"/>
      <c r="V4437" s="76"/>
      <c r="W4437" s="76"/>
      <c r="X4437" s="76"/>
      <c r="Y4437" s="76"/>
      <c r="Z4437" s="76"/>
      <c r="AA4437" s="85"/>
      <c r="AB4437" s="85"/>
      <c r="AC4437" s="85"/>
      <c r="AD4437" s="85"/>
      <c r="AE4437" s="85"/>
      <c r="AF4437" s="85"/>
      <c r="AG4437" s="86"/>
      <c r="AH4437" s="85"/>
      <c r="AI4437" s="85"/>
      <c r="AJ4437" s="85"/>
      <c r="AK4437" s="85"/>
      <c r="AL4437" s="85"/>
      <c r="AM4437" s="92"/>
      <c r="AN4437" s="92"/>
      <c r="AO4437" s="92"/>
      <c r="AP4437" s="92"/>
      <c r="AQ4437" s="92"/>
      <c r="AR4437" s="92"/>
      <c r="AS4437" s="92"/>
      <c r="AT4437" s="92"/>
      <c r="AU4437" s="92"/>
      <c r="AV4437" s="92"/>
      <c r="AW4437" s="92"/>
      <c r="AX4437" s="92"/>
      <c r="AY4437" s="92"/>
      <c r="AZ4437" s="93"/>
      <c r="BA4437" s="93"/>
      <c r="BB4437" s="93"/>
      <c r="BC4437" s="93"/>
      <c r="BD4437" s="93"/>
      <c r="BE4437" s="93"/>
      <c r="BF4437" s="93"/>
      <c r="BG4437" s="93"/>
      <c r="BH4437" s="93"/>
      <c r="BI4437" s="93"/>
      <c r="BJ4437" s="93"/>
      <c r="BK4437" s="93"/>
      <c r="BL4437" s="93"/>
    </row>
    <row r="4438" spans="2:64" x14ac:dyDescent="0.2">
      <c r="B4438" s="43"/>
      <c r="C4438" s="73"/>
      <c r="D4438" s="64"/>
      <c r="E4438" s="55"/>
      <c r="F4438" s="74"/>
      <c r="G4438" s="74"/>
      <c r="H4438" s="74"/>
      <c r="I4438" s="75"/>
      <c r="J4438" s="74"/>
      <c r="L4438" s="55"/>
      <c r="M4438" s="234"/>
      <c r="N4438" s="65"/>
      <c r="O4438" s="76"/>
      <c r="P4438" s="76"/>
      <c r="Q4438" s="65"/>
      <c r="R4438" s="76"/>
      <c r="S4438" s="76"/>
      <c r="T4438" s="76"/>
      <c r="U4438" s="76"/>
      <c r="V4438" s="76"/>
      <c r="W4438" s="76"/>
      <c r="X4438" s="76"/>
      <c r="Y4438" s="76"/>
      <c r="Z4438" s="76"/>
      <c r="AA4438" s="85"/>
      <c r="AB4438" s="85"/>
      <c r="AC4438" s="85"/>
      <c r="AD4438" s="85"/>
      <c r="AE4438" s="85"/>
      <c r="AF4438" s="85"/>
      <c r="AG4438" s="86"/>
      <c r="AH4438" s="85"/>
      <c r="AI4438" s="85"/>
      <c r="AJ4438" s="85"/>
      <c r="AK4438" s="85"/>
      <c r="AL4438" s="85"/>
      <c r="AM4438" s="92"/>
      <c r="AN4438" s="92"/>
      <c r="AO4438" s="92"/>
      <c r="AP4438" s="92"/>
      <c r="AQ4438" s="92"/>
      <c r="AR4438" s="92"/>
      <c r="AS4438" s="92"/>
      <c r="AT4438" s="92"/>
      <c r="AU4438" s="92"/>
      <c r="AV4438" s="92"/>
      <c r="AW4438" s="92"/>
      <c r="AX4438" s="92"/>
      <c r="AY4438" s="92"/>
      <c r="AZ4438" s="93"/>
      <c r="BA4438" s="93"/>
      <c r="BB4438" s="93"/>
      <c r="BC4438" s="93"/>
      <c r="BD4438" s="93"/>
      <c r="BE4438" s="93"/>
      <c r="BF4438" s="93"/>
      <c r="BG4438" s="93"/>
      <c r="BH4438" s="93"/>
      <c r="BI4438" s="93"/>
      <c r="BJ4438" s="93"/>
      <c r="BK4438" s="93"/>
      <c r="BL4438" s="93"/>
    </row>
    <row r="4439" spans="2:64" x14ac:dyDescent="0.2">
      <c r="B4439" s="43"/>
      <c r="C4439" s="73"/>
      <c r="D4439" s="64"/>
      <c r="E4439" s="55"/>
      <c r="F4439" s="74"/>
      <c r="G4439" s="74"/>
      <c r="H4439" s="74"/>
      <c r="I4439" s="75"/>
      <c r="J4439" s="74"/>
      <c r="L4439" s="55"/>
      <c r="M4439" s="234"/>
      <c r="N4439" s="65"/>
      <c r="O4439" s="76"/>
      <c r="P4439" s="76"/>
      <c r="Q4439" s="65"/>
      <c r="R4439" s="76"/>
      <c r="S4439" s="76"/>
      <c r="T4439" s="76"/>
      <c r="U4439" s="76"/>
      <c r="V4439" s="76"/>
      <c r="W4439" s="76"/>
      <c r="X4439" s="76"/>
      <c r="Y4439" s="76"/>
      <c r="Z4439" s="76"/>
      <c r="AA4439" s="85"/>
      <c r="AB4439" s="85"/>
      <c r="AC4439" s="85"/>
      <c r="AD4439" s="85"/>
      <c r="AE4439" s="85"/>
      <c r="AF4439" s="85"/>
      <c r="AG4439" s="86"/>
      <c r="AH4439" s="85"/>
      <c r="AI4439" s="85"/>
      <c r="AJ4439" s="85"/>
      <c r="AK4439" s="85"/>
      <c r="AL4439" s="85"/>
      <c r="AM4439" s="92"/>
      <c r="AN4439" s="92"/>
      <c r="AO4439" s="92"/>
      <c r="AP4439" s="92"/>
      <c r="AQ4439" s="92"/>
      <c r="AR4439" s="92"/>
      <c r="AS4439" s="92"/>
      <c r="AT4439" s="92"/>
      <c r="AU4439" s="92"/>
      <c r="AV4439" s="92"/>
      <c r="AW4439" s="92"/>
      <c r="AX4439" s="92"/>
      <c r="AY4439" s="92"/>
      <c r="AZ4439" s="93"/>
      <c r="BA4439" s="93"/>
      <c r="BB4439" s="93"/>
      <c r="BC4439" s="93"/>
      <c r="BD4439" s="93"/>
      <c r="BE4439" s="93"/>
      <c r="BF4439" s="93"/>
      <c r="BG4439" s="93"/>
      <c r="BH4439" s="93"/>
      <c r="BI4439" s="93"/>
      <c r="BJ4439" s="93"/>
      <c r="BK4439" s="93"/>
      <c r="BL4439" s="93"/>
    </row>
    <row r="4440" spans="2:64" x14ac:dyDescent="0.2">
      <c r="B4440" s="43"/>
      <c r="C4440" s="73"/>
      <c r="D4440" s="64"/>
      <c r="E4440" s="55"/>
      <c r="F4440" s="74"/>
      <c r="G4440" s="74"/>
      <c r="H4440" s="74"/>
      <c r="I4440" s="75"/>
      <c r="J4440" s="74"/>
      <c r="L4440" s="55"/>
      <c r="M4440" s="234"/>
      <c r="N4440" s="65"/>
      <c r="O4440" s="76"/>
      <c r="P4440" s="76"/>
      <c r="Q4440" s="65"/>
      <c r="R4440" s="76"/>
      <c r="S4440" s="76"/>
      <c r="T4440" s="76"/>
      <c r="U4440" s="76"/>
      <c r="V4440" s="76"/>
      <c r="W4440" s="76"/>
      <c r="X4440" s="76"/>
      <c r="Y4440" s="76"/>
      <c r="Z4440" s="76"/>
      <c r="AA4440" s="85"/>
      <c r="AB4440" s="85"/>
      <c r="AC4440" s="85"/>
      <c r="AD4440" s="85"/>
      <c r="AE4440" s="85"/>
      <c r="AF4440" s="85"/>
      <c r="AG4440" s="86"/>
      <c r="AH4440" s="85"/>
      <c r="AI4440" s="85"/>
      <c r="AJ4440" s="85"/>
      <c r="AK4440" s="85"/>
      <c r="AL4440" s="85"/>
      <c r="AM4440" s="92"/>
      <c r="AN4440" s="92"/>
      <c r="AO4440" s="92"/>
      <c r="AP4440" s="92"/>
      <c r="AQ4440" s="92"/>
      <c r="AR4440" s="92"/>
      <c r="AS4440" s="92"/>
      <c r="AT4440" s="92"/>
      <c r="AU4440" s="92"/>
      <c r="AV4440" s="92"/>
      <c r="AW4440" s="92"/>
      <c r="AX4440" s="92"/>
      <c r="AY4440" s="92"/>
      <c r="AZ4440" s="93"/>
      <c r="BA4440" s="93"/>
      <c r="BB4440" s="93"/>
      <c r="BC4440" s="93"/>
      <c r="BD4440" s="93"/>
      <c r="BE4440" s="93"/>
      <c r="BF4440" s="93"/>
      <c r="BG4440" s="93"/>
      <c r="BH4440" s="93"/>
      <c r="BI4440" s="93"/>
      <c r="BJ4440" s="93"/>
      <c r="BK4440" s="93"/>
      <c r="BL4440" s="93"/>
    </row>
    <row r="4441" spans="2:64" x14ac:dyDescent="0.2">
      <c r="B4441" s="43"/>
      <c r="C4441" s="73"/>
      <c r="D4441" s="64"/>
      <c r="E4441" s="55"/>
      <c r="F4441" s="74"/>
      <c r="G4441" s="74"/>
      <c r="H4441" s="74"/>
      <c r="I4441" s="75"/>
      <c r="J4441" s="74"/>
      <c r="L4441" s="55"/>
      <c r="M4441" s="234"/>
      <c r="N4441" s="65"/>
      <c r="O4441" s="76"/>
      <c r="P4441" s="76"/>
      <c r="Q4441" s="65"/>
      <c r="R4441" s="76"/>
      <c r="S4441" s="76"/>
      <c r="T4441" s="76"/>
      <c r="U4441" s="76"/>
      <c r="V4441" s="76"/>
      <c r="W4441" s="76"/>
      <c r="X4441" s="76"/>
      <c r="Y4441" s="76"/>
      <c r="Z4441" s="76"/>
      <c r="AA4441" s="85"/>
      <c r="AB4441" s="85"/>
      <c r="AC4441" s="85"/>
      <c r="AD4441" s="85"/>
      <c r="AE4441" s="85"/>
      <c r="AF4441" s="85"/>
      <c r="AG4441" s="86"/>
      <c r="AH4441" s="85"/>
      <c r="AI4441" s="85"/>
      <c r="AJ4441" s="85"/>
      <c r="AK4441" s="85"/>
      <c r="AL4441" s="85"/>
      <c r="AM4441" s="92"/>
      <c r="AN4441" s="92"/>
      <c r="AO4441" s="92"/>
      <c r="AP4441" s="92"/>
      <c r="AQ4441" s="92"/>
      <c r="AR4441" s="92"/>
      <c r="AS4441" s="92"/>
      <c r="AT4441" s="92"/>
      <c r="AU4441" s="92"/>
      <c r="AV4441" s="92"/>
      <c r="AW4441" s="92"/>
      <c r="AX4441" s="92"/>
      <c r="AY4441" s="92"/>
      <c r="AZ4441" s="93"/>
      <c r="BA4441" s="93"/>
      <c r="BB4441" s="93"/>
      <c r="BC4441" s="93"/>
      <c r="BD4441" s="93"/>
      <c r="BE4441" s="93"/>
      <c r="BF4441" s="93"/>
      <c r="BG4441" s="93"/>
      <c r="BH4441" s="93"/>
      <c r="BI4441" s="93"/>
      <c r="BJ4441" s="93"/>
      <c r="BK4441" s="93"/>
      <c r="BL4441" s="93"/>
    </row>
    <row r="4442" spans="2:64" x14ac:dyDescent="0.2">
      <c r="B4442" s="43"/>
      <c r="C4442" s="73"/>
      <c r="D4442" s="64"/>
      <c r="E4442" s="55"/>
      <c r="F4442" s="74"/>
      <c r="G4442" s="74"/>
      <c r="H4442" s="74"/>
      <c r="I4442" s="75"/>
      <c r="J4442" s="74"/>
      <c r="L4442" s="55"/>
      <c r="M4442" s="234"/>
      <c r="N4442" s="65"/>
      <c r="O4442" s="76"/>
      <c r="P4442" s="76"/>
      <c r="Q4442" s="65"/>
      <c r="R4442" s="76"/>
      <c r="S4442" s="76"/>
      <c r="T4442" s="76"/>
      <c r="U4442" s="76"/>
      <c r="V4442" s="76"/>
      <c r="W4442" s="76"/>
      <c r="X4442" s="76"/>
      <c r="Y4442" s="76"/>
      <c r="Z4442" s="76"/>
      <c r="AA4442" s="85"/>
      <c r="AB4442" s="85"/>
      <c r="AC4442" s="85"/>
      <c r="AD4442" s="85"/>
      <c r="AE4442" s="85"/>
      <c r="AF4442" s="85"/>
      <c r="AG4442" s="86"/>
      <c r="AH4442" s="85"/>
      <c r="AI4442" s="85"/>
      <c r="AJ4442" s="85"/>
      <c r="AK4442" s="85"/>
      <c r="AL4442" s="85"/>
      <c r="AM4442" s="92"/>
      <c r="AN4442" s="92"/>
      <c r="AO4442" s="92"/>
      <c r="AP4442" s="92"/>
      <c r="AQ4442" s="92"/>
      <c r="AR4442" s="92"/>
      <c r="AS4442" s="92"/>
      <c r="AT4442" s="92"/>
      <c r="AU4442" s="92"/>
      <c r="AV4442" s="92"/>
      <c r="AW4442" s="92"/>
      <c r="AX4442" s="92"/>
      <c r="AY4442" s="92"/>
      <c r="AZ4442" s="93"/>
      <c r="BA4442" s="93"/>
      <c r="BB4442" s="93"/>
      <c r="BC4442" s="93"/>
      <c r="BD4442" s="93"/>
      <c r="BE4442" s="93"/>
      <c r="BF4442" s="93"/>
      <c r="BG4442" s="93"/>
      <c r="BH4442" s="93"/>
      <c r="BI4442" s="93"/>
      <c r="BJ4442" s="93"/>
      <c r="BK4442" s="93"/>
      <c r="BL4442" s="93"/>
    </row>
    <row r="4443" spans="2:64" x14ac:dyDescent="0.2">
      <c r="B4443" s="43"/>
      <c r="C4443" s="73"/>
      <c r="D4443" s="64"/>
      <c r="E4443" s="55"/>
      <c r="F4443" s="74"/>
      <c r="G4443" s="74"/>
      <c r="H4443" s="74"/>
      <c r="I4443" s="75"/>
      <c r="J4443" s="74"/>
      <c r="L4443" s="55"/>
      <c r="M4443" s="234"/>
      <c r="N4443" s="65"/>
      <c r="O4443" s="76"/>
      <c r="P4443" s="76"/>
      <c r="Q4443" s="65"/>
      <c r="R4443" s="76"/>
      <c r="S4443" s="76"/>
      <c r="T4443" s="76"/>
      <c r="U4443" s="76"/>
      <c r="V4443" s="76"/>
      <c r="W4443" s="76"/>
      <c r="X4443" s="76"/>
      <c r="Y4443" s="76"/>
      <c r="Z4443" s="76"/>
      <c r="AA4443" s="85"/>
      <c r="AB4443" s="85"/>
      <c r="AC4443" s="85"/>
      <c r="AD4443" s="85"/>
      <c r="AE4443" s="85"/>
      <c r="AF4443" s="85"/>
      <c r="AG4443" s="86"/>
      <c r="AH4443" s="85"/>
      <c r="AI4443" s="85"/>
      <c r="AJ4443" s="85"/>
      <c r="AK4443" s="85"/>
      <c r="AL4443" s="85"/>
      <c r="AM4443" s="92"/>
      <c r="AN4443" s="92"/>
      <c r="AO4443" s="92"/>
      <c r="AP4443" s="92"/>
      <c r="AQ4443" s="92"/>
      <c r="AR4443" s="92"/>
      <c r="AS4443" s="92"/>
      <c r="AT4443" s="92"/>
      <c r="AU4443" s="92"/>
      <c r="AV4443" s="92"/>
      <c r="AW4443" s="92"/>
      <c r="AX4443" s="92"/>
      <c r="AY4443" s="92"/>
      <c r="AZ4443" s="93"/>
      <c r="BA4443" s="93"/>
      <c r="BB4443" s="93"/>
      <c r="BC4443" s="93"/>
      <c r="BD4443" s="93"/>
      <c r="BE4443" s="93"/>
      <c r="BF4443" s="93"/>
      <c r="BG4443" s="93"/>
      <c r="BH4443" s="93"/>
      <c r="BI4443" s="93"/>
      <c r="BJ4443" s="93"/>
      <c r="BK4443" s="93"/>
      <c r="BL4443" s="93"/>
    </row>
    <row r="4444" spans="2:64" x14ac:dyDescent="0.2">
      <c r="B4444" s="43"/>
      <c r="C4444" s="73"/>
      <c r="D4444" s="64"/>
      <c r="E4444" s="55"/>
      <c r="F4444" s="74"/>
      <c r="G4444" s="74"/>
      <c r="H4444" s="74"/>
      <c r="I4444" s="75"/>
      <c r="J4444" s="74"/>
      <c r="L4444" s="55"/>
      <c r="M4444" s="234"/>
      <c r="N4444" s="65"/>
      <c r="O4444" s="76"/>
      <c r="P4444" s="76"/>
      <c r="Q4444" s="65"/>
      <c r="R4444" s="76"/>
      <c r="S4444" s="76"/>
      <c r="T4444" s="76"/>
      <c r="U4444" s="76"/>
      <c r="V4444" s="76"/>
      <c r="W4444" s="76"/>
      <c r="X4444" s="76"/>
      <c r="Y4444" s="76"/>
      <c r="Z4444" s="76"/>
      <c r="AA4444" s="85"/>
      <c r="AB4444" s="85"/>
      <c r="AC4444" s="85"/>
      <c r="AD4444" s="85"/>
      <c r="AE4444" s="85"/>
      <c r="AF4444" s="85"/>
      <c r="AG4444" s="86"/>
      <c r="AH4444" s="85"/>
      <c r="AI4444" s="85"/>
      <c r="AJ4444" s="85"/>
      <c r="AK4444" s="85"/>
      <c r="AL4444" s="85"/>
      <c r="AM4444" s="92"/>
      <c r="AN4444" s="92"/>
      <c r="AO4444" s="92"/>
      <c r="AP4444" s="92"/>
      <c r="AQ4444" s="92"/>
      <c r="AR4444" s="92"/>
      <c r="AS4444" s="92"/>
      <c r="AT4444" s="92"/>
      <c r="AU4444" s="92"/>
      <c r="AV4444" s="92"/>
      <c r="AW4444" s="92"/>
      <c r="AX4444" s="92"/>
      <c r="AY4444" s="92"/>
      <c r="AZ4444" s="93"/>
      <c r="BA4444" s="93"/>
      <c r="BB4444" s="93"/>
      <c r="BC4444" s="93"/>
      <c r="BD4444" s="93"/>
      <c r="BE4444" s="93"/>
      <c r="BF4444" s="93"/>
      <c r="BG4444" s="93"/>
      <c r="BH4444" s="93"/>
      <c r="BI4444" s="93"/>
      <c r="BJ4444" s="93"/>
      <c r="BK4444" s="93"/>
      <c r="BL4444" s="93"/>
    </row>
    <row r="4445" spans="2:64" x14ac:dyDescent="0.2">
      <c r="B4445" s="43"/>
      <c r="C4445" s="73"/>
      <c r="D4445" s="64"/>
      <c r="E4445" s="55"/>
      <c r="F4445" s="74"/>
      <c r="G4445" s="74"/>
      <c r="H4445" s="74"/>
      <c r="I4445" s="75"/>
      <c r="J4445" s="74"/>
      <c r="L4445" s="55"/>
      <c r="M4445" s="234"/>
      <c r="N4445" s="65"/>
      <c r="O4445" s="76"/>
      <c r="P4445" s="76"/>
      <c r="Q4445" s="65"/>
      <c r="R4445" s="76"/>
      <c r="S4445" s="76"/>
      <c r="T4445" s="76"/>
      <c r="U4445" s="76"/>
      <c r="V4445" s="76"/>
      <c r="W4445" s="76"/>
      <c r="X4445" s="76"/>
      <c r="Y4445" s="76"/>
      <c r="Z4445" s="76"/>
      <c r="AA4445" s="85"/>
      <c r="AB4445" s="85"/>
      <c r="AC4445" s="85"/>
      <c r="AD4445" s="85"/>
      <c r="AE4445" s="85"/>
      <c r="AF4445" s="85"/>
      <c r="AG4445" s="86"/>
      <c r="AH4445" s="85"/>
      <c r="AI4445" s="85"/>
      <c r="AJ4445" s="85"/>
      <c r="AK4445" s="85"/>
      <c r="AL4445" s="85"/>
      <c r="AM4445" s="92"/>
      <c r="AN4445" s="92"/>
      <c r="AO4445" s="92"/>
      <c r="AP4445" s="92"/>
      <c r="AQ4445" s="92"/>
      <c r="AR4445" s="92"/>
      <c r="AS4445" s="92"/>
      <c r="AT4445" s="92"/>
      <c r="AU4445" s="92"/>
      <c r="AV4445" s="92"/>
      <c r="AW4445" s="92"/>
      <c r="AX4445" s="92"/>
      <c r="AY4445" s="92"/>
      <c r="AZ4445" s="93"/>
      <c r="BA4445" s="93"/>
      <c r="BB4445" s="93"/>
      <c r="BC4445" s="93"/>
      <c r="BD4445" s="93"/>
      <c r="BE4445" s="93"/>
      <c r="BF4445" s="93"/>
      <c r="BG4445" s="93"/>
      <c r="BH4445" s="93"/>
      <c r="BI4445" s="93"/>
      <c r="BJ4445" s="93"/>
      <c r="BK4445" s="93"/>
      <c r="BL4445" s="93"/>
    </row>
    <row r="4446" spans="2:64" x14ac:dyDescent="0.2">
      <c r="B4446" s="43"/>
      <c r="C4446" s="73"/>
      <c r="D4446" s="64"/>
      <c r="E4446" s="55"/>
      <c r="F4446" s="74"/>
      <c r="G4446" s="74"/>
      <c r="H4446" s="74"/>
      <c r="I4446" s="75"/>
      <c r="J4446" s="74"/>
      <c r="L4446" s="55"/>
      <c r="M4446" s="234"/>
      <c r="N4446" s="65"/>
      <c r="O4446" s="76"/>
      <c r="P4446" s="76"/>
      <c r="Q4446" s="65"/>
      <c r="R4446" s="76"/>
      <c r="S4446" s="76"/>
      <c r="T4446" s="76"/>
      <c r="U4446" s="76"/>
      <c r="V4446" s="76"/>
      <c r="W4446" s="76"/>
      <c r="X4446" s="76"/>
      <c r="Y4446" s="76"/>
      <c r="Z4446" s="76"/>
      <c r="AA4446" s="85"/>
      <c r="AB4446" s="85"/>
      <c r="AC4446" s="85"/>
      <c r="AD4446" s="85"/>
      <c r="AE4446" s="85"/>
      <c r="AF4446" s="85"/>
      <c r="AG4446" s="86"/>
      <c r="AH4446" s="85"/>
      <c r="AI4446" s="85"/>
      <c r="AJ4446" s="85"/>
      <c r="AK4446" s="85"/>
      <c r="AL4446" s="85"/>
      <c r="AM4446" s="92"/>
      <c r="AN4446" s="92"/>
      <c r="AO4446" s="92"/>
      <c r="AP4446" s="92"/>
      <c r="AQ4446" s="92"/>
      <c r="AR4446" s="92"/>
      <c r="AS4446" s="92"/>
      <c r="AT4446" s="92"/>
      <c r="AU4446" s="92"/>
      <c r="AV4446" s="92"/>
      <c r="AW4446" s="92"/>
      <c r="AX4446" s="92"/>
      <c r="AY4446" s="92"/>
      <c r="AZ4446" s="93"/>
      <c r="BA4446" s="93"/>
      <c r="BB4446" s="93"/>
      <c r="BC4446" s="93"/>
      <c r="BD4446" s="93"/>
      <c r="BE4446" s="93"/>
      <c r="BF4446" s="93"/>
      <c r="BG4446" s="93"/>
      <c r="BH4446" s="93"/>
      <c r="BI4446" s="93"/>
      <c r="BJ4446" s="93"/>
      <c r="BK4446" s="93"/>
      <c r="BL4446" s="93"/>
    </row>
    <row r="4447" spans="2:64" x14ac:dyDescent="0.2">
      <c r="B4447" s="43"/>
      <c r="C4447" s="73"/>
      <c r="D4447" s="64"/>
      <c r="E4447" s="55"/>
      <c r="F4447" s="74"/>
      <c r="G4447" s="74"/>
      <c r="H4447" s="74"/>
      <c r="I4447" s="75"/>
      <c r="J4447" s="74"/>
      <c r="L4447" s="55"/>
      <c r="M4447" s="234"/>
      <c r="N4447" s="65"/>
      <c r="O4447" s="76"/>
      <c r="P4447" s="76"/>
      <c r="Q4447" s="65"/>
      <c r="R4447" s="76"/>
      <c r="S4447" s="76"/>
      <c r="T4447" s="76"/>
      <c r="U4447" s="76"/>
      <c r="V4447" s="76"/>
      <c r="W4447" s="76"/>
      <c r="X4447" s="76"/>
      <c r="Y4447" s="76"/>
      <c r="Z4447" s="76"/>
      <c r="AA4447" s="85"/>
      <c r="AB4447" s="85"/>
      <c r="AC4447" s="85"/>
      <c r="AD4447" s="85"/>
      <c r="AE4447" s="85"/>
      <c r="AF4447" s="85"/>
      <c r="AG4447" s="86"/>
      <c r="AH4447" s="85"/>
      <c r="AI4447" s="85"/>
      <c r="AJ4447" s="85"/>
      <c r="AK4447" s="85"/>
      <c r="AL4447" s="85"/>
      <c r="AM4447" s="92"/>
      <c r="AN4447" s="92"/>
      <c r="AO4447" s="92"/>
      <c r="AP4447" s="92"/>
      <c r="AQ4447" s="92"/>
      <c r="AR4447" s="92"/>
      <c r="AS4447" s="92"/>
      <c r="AT4447" s="92"/>
      <c r="AU4447" s="92"/>
      <c r="AV4447" s="92"/>
      <c r="AW4447" s="92"/>
      <c r="AX4447" s="92"/>
      <c r="AY4447" s="92"/>
      <c r="AZ4447" s="93"/>
      <c r="BA4447" s="93"/>
      <c r="BB4447" s="93"/>
      <c r="BC4447" s="93"/>
      <c r="BD4447" s="93"/>
      <c r="BE4447" s="93"/>
      <c r="BF4447" s="93"/>
      <c r="BG4447" s="93"/>
      <c r="BH4447" s="93"/>
      <c r="BI4447" s="93"/>
      <c r="BJ4447" s="93"/>
      <c r="BK4447" s="93"/>
      <c r="BL4447" s="93"/>
    </row>
    <row r="4448" spans="2:64" x14ac:dyDescent="0.2">
      <c r="B4448" s="43"/>
      <c r="C4448" s="73"/>
      <c r="D4448" s="64"/>
      <c r="E4448" s="55"/>
      <c r="F4448" s="74"/>
      <c r="G4448" s="74"/>
      <c r="H4448" s="74"/>
      <c r="I4448" s="75"/>
      <c r="J4448" s="74"/>
      <c r="L4448" s="55"/>
      <c r="M4448" s="234"/>
      <c r="N4448" s="65"/>
      <c r="O4448" s="76"/>
      <c r="P4448" s="76"/>
      <c r="Q4448" s="65"/>
      <c r="R4448" s="76"/>
      <c r="S4448" s="76"/>
      <c r="T4448" s="76"/>
      <c r="U4448" s="76"/>
      <c r="V4448" s="76"/>
      <c r="W4448" s="76"/>
      <c r="X4448" s="76"/>
      <c r="Y4448" s="76"/>
      <c r="Z4448" s="76"/>
      <c r="AA4448" s="85"/>
      <c r="AB4448" s="85"/>
      <c r="AC4448" s="85"/>
      <c r="AD4448" s="85"/>
      <c r="AE4448" s="85"/>
      <c r="AF4448" s="85"/>
      <c r="AG4448" s="86"/>
      <c r="AH4448" s="85"/>
      <c r="AI4448" s="85"/>
      <c r="AJ4448" s="85"/>
      <c r="AK4448" s="85"/>
      <c r="AL4448" s="85"/>
      <c r="AM4448" s="92"/>
      <c r="AN4448" s="92"/>
      <c r="AO4448" s="92"/>
      <c r="AP4448" s="92"/>
      <c r="AQ4448" s="92"/>
      <c r="AR4448" s="92"/>
      <c r="AS4448" s="92"/>
      <c r="AT4448" s="92"/>
      <c r="AU4448" s="92"/>
      <c r="AV4448" s="92"/>
      <c r="AW4448" s="92"/>
      <c r="AX4448" s="92"/>
      <c r="AY4448" s="92"/>
      <c r="AZ4448" s="93"/>
      <c r="BA4448" s="93"/>
      <c r="BB4448" s="93"/>
      <c r="BC4448" s="93"/>
      <c r="BD4448" s="93"/>
      <c r="BE4448" s="93"/>
      <c r="BF4448" s="93"/>
      <c r="BG4448" s="93"/>
      <c r="BH4448" s="93"/>
      <c r="BI4448" s="93"/>
      <c r="BJ4448" s="93"/>
      <c r="BK4448" s="93"/>
      <c r="BL4448" s="93"/>
    </row>
    <row r="4449" spans="2:64" x14ac:dyDescent="0.2">
      <c r="B4449" s="43"/>
      <c r="C4449" s="73"/>
      <c r="D4449" s="64"/>
      <c r="E4449" s="55"/>
      <c r="F4449" s="74"/>
      <c r="G4449" s="74"/>
      <c r="H4449" s="74"/>
      <c r="I4449" s="75"/>
      <c r="J4449" s="74"/>
      <c r="L4449" s="55"/>
      <c r="M4449" s="234"/>
      <c r="N4449" s="65"/>
      <c r="O4449" s="76"/>
      <c r="P4449" s="76"/>
      <c r="Q4449" s="65"/>
      <c r="R4449" s="76"/>
      <c r="S4449" s="76"/>
      <c r="T4449" s="76"/>
      <c r="U4449" s="76"/>
      <c r="V4449" s="76"/>
      <c r="W4449" s="76"/>
      <c r="X4449" s="76"/>
      <c r="Y4449" s="76"/>
      <c r="Z4449" s="76"/>
      <c r="AA4449" s="85"/>
      <c r="AB4449" s="85"/>
      <c r="AC4449" s="85"/>
      <c r="AD4449" s="85"/>
      <c r="AE4449" s="85"/>
      <c r="AF4449" s="85"/>
      <c r="AG4449" s="86"/>
      <c r="AH4449" s="85"/>
      <c r="AI4449" s="85"/>
      <c r="AJ4449" s="85"/>
      <c r="AK4449" s="85"/>
      <c r="AL4449" s="85"/>
      <c r="AM4449" s="92"/>
      <c r="AN4449" s="92"/>
      <c r="AO4449" s="92"/>
      <c r="AP4449" s="92"/>
      <c r="AQ4449" s="92"/>
      <c r="AR4449" s="92"/>
      <c r="AS4449" s="92"/>
      <c r="AT4449" s="92"/>
      <c r="AU4449" s="92"/>
      <c r="AV4449" s="92"/>
      <c r="AW4449" s="92"/>
      <c r="AX4449" s="92"/>
      <c r="AY4449" s="92"/>
      <c r="AZ4449" s="93"/>
      <c r="BA4449" s="93"/>
      <c r="BB4449" s="93"/>
      <c r="BC4449" s="93"/>
      <c r="BD4449" s="93"/>
      <c r="BE4449" s="93"/>
      <c r="BF4449" s="93"/>
      <c r="BG4449" s="93"/>
      <c r="BH4449" s="93"/>
      <c r="BI4449" s="93"/>
      <c r="BJ4449" s="93"/>
      <c r="BK4449" s="93"/>
      <c r="BL4449" s="93"/>
    </row>
    <row r="4450" spans="2:64" x14ac:dyDescent="0.2">
      <c r="B4450" s="43"/>
      <c r="C4450" s="73"/>
      <c r="D4450" s="64"/>
      <c r="E4450" s="55"/>
      <c r="F4450" s="74"/>
      <c r="G4450" s="74"/>
      <c r="H4450" s="74"/>
      <c r="I4450" s="75"/>
      <c r="J4450" s="74"/>
      <c r="L4450" s="55"/>
      <c r="M4450" s="234"/>
      <c r="N4450" s="65"/>
      <c r="O4450" s="76"/>
      <c r="P4450" s="76"/>
      <c r="Q4450" s="65"/>
      <c r="R4450" s="76"/>
      <c r="S4450" s="76"/>
      <c r="T4450" s="76"/>
      <c r="U4450" s="76"/>
      <c r="V4450" s="76"/>
      <c r="W4450" s="76"/>
      <c r="X4450" s="76"/>
      <c r="Y4450" s="76"/>
      <c r="Z4450" s="76"/>
      <c r="AA4450" s="85"/>
      <c r="AB4450" s="85"/>
      <c r="AC4450" s="85"/>
      <c r="AD4450" s="85"/>
      <c r="AE4450" s="85"/>
      <c r="AF4450" s="85"/>
      <c r="AG4450" s="86"/>
      <c r="AH4450" s="85"/>
      <c r="AI4450" s="85"/>
      <c r="AJ4450" s="85"/>
      <c r="AK4450" s="85"/>
      <c r="AL4450" s="85"/>
      <c r="AM4450" s="92"/>
      <c r="AN4450" s="92"/>
      <c r="AO4450" s="92"/>
      <c r="AP4450" s="92"/>
      <c r="AQ4450" s="92"/>
      <c r="AR4450" s="92"/>
      <c r="AS4450" s="92"/>
      <c r="AT4450" s="92"/>
      <c r="AU4450" s="92"/>
      <c r="AV4450" s="92"/>
      <c r="AW4450" s="92"/>
      <c r="AX4450" s="92"/>
      <c r="AY4450" s="92"/>
      <c r="AZ4450" s="93"/>
      <c r="BA4450" s="93"/>
      <c r="BB4450" s="93"/>
      <c r="BC4450" s="93"/>
      <c r="BD4450" s="93"/>
      <c r="BE4450" s="93"/>
      <c r="BF4450" s="93"/>
      <c r="BG4450" s="93"/>
      <c r="BH4450" s="93"/>
      <c r="BI4450" s="93"/>
      <c r="BJ4450" s="93"/>
      <c r="BK4450" s="93"/>
      <c r="BL4450" s="93"/>
    </row>
    <row r="4451" spans="2:64" x14ac:dyDescent="0.2">
      <c r="B4451" s="43"/>
      <c r="C4451" s="73"/>
      <c r="D4451" s="64"/>
      <c r="E4451" s="55"/>
      <c r="F4451" s="74"/>
      <c r="G4451" s="74"/>
      <c r="H4451" s="74"/>
      <c r="I4451" s="75"/>
      <c r="J4451" s="74"/>
      <c r="L4451" s="55"/>
      <c r="M4451" s="234"/>
      <c r="N4451" s="65"/>
      <c r="O4451" s="76"/>
      <c r="P4451" s="76"/>
      <c r="Q4451" s="65"/>
      <c r="R4451" s="76"/>
      <c r="S4451" s="76"/>
      <c r="T4451" s="76"/>
      <c r="U4451" s="76"/>
      <c r="V4451" s="76"/>
      <c r="W4451" s="76"/>
      <c r="X4451" s="76"/>
      <c r="Y4451" s="76"/>
      <c r="Z4451" s="76"/>
      <c r="AA4451" s="85"/>
      <c r="AB4451" s="85"/>
      <c r="AC4451" s="85"/>
      <c r="AD4451" s="85"/>
      <c r="AE4451" s="85"/>
      <c r="AF4451" s="85"/>
      <c r="AG4451" s="86"/>
      <c r="AH4451" s="85"/>
      <c r="AI4451" s="85"/>
      <c r="AJ4451" s="85"/>
      <c r="AK4451" s="85"/>
      <c r="AL4451" s="85"/>
      <c r="AM4451" s="92"/>
      <c r="AN4451" s="92"/>
      <c r="AO4451" s="92"/>
      <c r="AP4451" s="92"/>
      <c r="AQ4451" s="92"/>
      <c r="AR4451" s="92"/>
      <c r="AS4451" s="92"/>
      <c r="AT4451" s="92"/>
      <c r="AU4451" s="92"/>
      <c r="AV4451" s="92"/>
      <c r="AW4451" s="92"/>
      <c r="AX4451" s="92"/>
      <c r="AY4451" s="92"/>
      <c r="AZ4451" s="93"/>
      <c r="BA4451" s="93"/>
      <c r="BB4451" s="93"/>
      <c r="BC4451" s="93"/>
      <c r="BD4451" s="93"/>
      <c r="BE4451" s="93"/>
      <c r="BF4451" s="93"/>
      <c r="BG4451" s="93"/>
      <c r="BH4451" s="93"/>
      <c r="BI4451" s="93"/>
      <c r="BJ4451" s="93"/>
      <c r="BK4451" s="93"/>
      <c r="BL4451" s="93"/>
    </row>
    <row r="4452" spans="2:64" x14ac:dyDescent="0.2">
      <c r="B4452" s="43"/>
      <c r="C4452" s="73"/>
      <c r="D4452" s="64"/>
      <c r="E4452" s="55"/>
      <c r="F4452" s="74"/>
      <c r="G4452" s="74"/>
      <c r="H4452" s="74"/>
      <c r="I4452" s="75"/>
      <c r="J4452" s="74"/>
      <c r="L4452" s="55"/>
      <c r="M4452" s="234"/>
      <c r="N4452" s="65"/>
      <c r="O4452" s="76"/>
      <c r="P4452" s="76"/>
      <c r="Q4452" s="65"/>
      <c r="R4452" s="76"/>
      <c r="S4452" s="76"/>
      <c r="T4452" s="76"/>
      <c r="U4452" s="76"/>
      <c r="V4452" s="76"/>
      <c r="W4452" s="76"/>
      <c r="X4452" s="76"/>
      <c r="Y4452" s="76"/>
      <c r="Z4452" s="76"/>
      <c r="AA4452" s="85"/>
      <c r="AB4452" s="85"/>
      <c r="AC4452" s="85"/>
      <c r="AD4452" s="85"/>
      <c r="AE4452" s="85"/>
      <c r="AF4452" s="85"/>
      <c r="AG4452" s="86"/>
      <c r="AH4452" s="85"/>
      <c r="AI4452" s="85"/>
      <c r="AJ4452" s="85"/>
      <c r="AK4452" s="85"/>
      <c r="AL4452" s="85"/>
      <c r="AM4452" s="92"/>
      <c r="AN4452" s="92"/>
      <c r="AO4452" s="92"/>
      <c r="AP4452" s="92"/>
      <c r="AQ4452" s="92"/>
      <c r="AR4452" s="92"/>
      <c r="AS4452" s="92"/>
      <c r="AT4452" s="92"/>
      <c r="AU4452" s="92"/>
      <c r="AV4452" s="92"/>
      <c r="AW4452" s="92"/>
      <c r="AX4452" s="92"/>
      <c r="AY4452" s="92"/>
      <c r="AZ4452" s="93"/>
      <c r="BA4452" s="93"/>
      <c r="BB4452" s="93"/>
      <c r="BC4452" s="93"/>
      <c r="BD4452" s="93"/>
      <c r="BE4452" s="93"/>
      <c r="BF4452" s="93"/>
      <c r="BG4452" s="93"/>
      <c r="BH4452" s="93"/>
      <c r="BI4452" s="93"/>
      <c r="BJ4452" s="93"/>
      <c r="BK4452" s="93"/>
      <c r="BL4452" s="93"/>
    </row>
    <row r="4453" spans="2:64" x14ac:dyDescent="0.2">
      <c r="B4453" s="43"/>
      <c r="C4453" s="73"/>
      <c r="D4453" s="64"/>
      <c r="E4453" s="55"/>
      <c r="F4453" s="74"/>
      <c r="G4453" s="74"/>
      <c r="H4453" s="74"/>
      <c r="I4453" s="75"/>
      <c r="J4453" s="74"/>
      <c r="L4453" s="55"/>
      <c r="M4453" s="234"/>
      <c r="N4453" s="65"/>
      <c r="O4453" s="76"/>
      <c r="P4453" s="76"/>
      <c r="Q4453" s="65"/>
      <c r="R4453" s="76"/>
      <c r="S4453" s="76"/>
      <c r="T4453" s="76"/>
      <c r="U4453" s="76"/>
      <c r="V4453" s="76"/>
      <c r="W4453" s="76"/>
      <c r="X4453" s="76"/>
      <c r="Y4453" s="76"/>
      <c r="Z4453" s="76"/>
      <c r="AA4453" s="85"/>
      <c r="AB4453" s="85"/>
      <c r="AC4453" s="85"/>
      <c r="AD4453" s="85"/>
      <c r="AE4453" s="85"/>
      <c r="AF4453" s="85"/>
      <c r="AG4453" s="86"/>
      <c r="AH4453" s="85"/>
      <c r="AI4453" s="85"/>
      <c r="AJ4453" s="85"/>
      <c r="AK4453" s="85"/>
      <c r="AL4453" s="85"/>
      <c r="AM4453" s="92"/>
      <c r="AN4453" s="92"/>
      <c r="AO4453" s="92"/>
      <c r="AP4453" s="92"/>
      <c r="AQ4453" s="92"/>
      <c r="AR4453" s="92"/>
      <c r="AS4453" s="92"/>
      <c r="AT4453" s="92"/>
      <c r="AU4453" s="92"/>
      <c r="AV4453" s="92"/>
      <c r="AW4453" s="92"/>
      <c r="AX4453" s="92"/>
      <c r="AY4453" s="92"/>
      <c r="AZ4453" s="93"/>
      <c r="BA4453" s="93"/>
      <c r="BB4453" s="93"/>
      <c r="BC4453" s="93"/>
      <c r="BD4453" s="93"/>
      <c r="BE4453" s="93"/>
      <c r="BF4453" s="93"/>
      <c r="BG4453" s="93"/>
      <c r="BH4453" s="93"/>
      <c r="BI4453" s="93"/>
      <c r="BJ4453" s="93"/>
      <c r="BK4453" s="93"/>
      <c r="BL4453" s="93"/>
    </row>
    <row r="4454" spans="2:64" x14ac:dyDescent="0.2">
      <c r="B4454" s="43"/>
      <c r="C4454" s="73"/>
      <c r="D4454" s="64"/>
      <c r="E4454" s="55"/>
      <c r="F4454" s="74"/>
      <c r="G4454" s="74"/>
      <c r="H4454" s="74"/>
      <c r="I4454" s="75"/>
      <c r="J4454" s="74"/>
      <c r="L4454" s="55"/>
      <c r="M4454" s="234"/>
      <c r="N4454" s="65"/>
      <c r="O4454" s="76"/>
      <c r="P4454" s="76"/>
      <c r="Q4454" s="65"/>
      <c r="R4454" s="76"/>
      <c r="S4454" s="76"/>
      <c r="T4454" s="76"/>
      <c r="U4454" s="76"/>
      <c r="V4454" s="76"/>
      <c r="W4454" s="76"/>
      <c r="X4454" s="76"/>
      <c r="Y4454" s="76"/>
      <c r="Z4454" s="76"/>
      <c r="AA4454" s="85"/>
      <c r="AB4454" s="85"/>
      <c r="AC4454" s="85"/>
      <c r="AD4454" s="85"/>
      <c r="AE4454" s="85"/>
      <c r="AF4454" s="85"/>
      <c r="AG4454" s="86"/>
      <c r="AH4454" s="85"/>
      <c r="AI4454" s="85"/>
      <c r="AJ4454" s="85"/>
      <c r="AK4454" s="85"/>
      <c r="AL4454" s="85"/>
      <c r="AM4454" s="92"/>
      <c r="AN4454" s="92"/>
      <c r="AO4454" s="92"/>
      <c r="AP4454" s="92"/>
      <c r="AQ4454" s="92"/>
      <c r="AR4454" s="92"/>
      <c r="AS4454" s="92"/>
      <c r="AT4454" s="92"/>
      <c r="AU4454" s="92"/>
      <c r="AV4454" s="92"/>
      <c r="AW4454" s="92"/>
      <c r="AX4454" s="92"/>
      <c r="AY4454" s="92"/>
      <c r="AZ4454" s="93"/>
      <c r="BA4454" s="93"/>
      <c r="BB4454" s="93"/>
      <c r="BC4454" s="93"/>
      <c r="BD4454" s="93"/>
      <c r="BE4454" s="93"/>
      <c r="BF4454" s="93"/>
      <c r="BG4454" s="93"/>
      <c r="BH4454" s="93"/>
      <c r="BI4454" s="93"/>
      <c r="BJ4454" s="93"/>
      <c r="BK4454" s="93"/>
      <c r="BL4454" s="93"/>
    </row>
    <row r="4455" spans="2:64" x14ac:dyDescent="0.2">
      <c r="B4455" s="43"/>
      <c r="C4455" s="73"/>
      <c r="D4455" s="64"/>
      <c r="E4455" s="55"/>
      <c r="F4455" s="74"/>
      <c r="G4455" s="74"/>
      <c r="H4455" s="74"/>
      <c r="I4455" s="75"/>
      <c r="J4455" s="74"/>
      <c r="L4455" s="55"/>
      <c r="M4455" s="234"/>
      <c r="N4455" s="65"/>
      <c r="O4455" s="76"/>
      <c r="P4455" s="76"/>
      <c r="Q4455" s="65"/>
      <c r="R4455" s="76"/>
      <c r="S4455" s="76"/>
      <c r="T4455" s="76"/>
      <c r="U4455" s="76"/>
      <c r="V4455" s="76"/>
      <c r="W4455" s="76"/>
      <c r="X4455" s="76"/>
      <c r="Y4455" s="76"/>
      <c r="Z4455" s="76"/>
      <c r="AA4455" s="85"/>
      <c r="AB4455" s="85"/>
      <c r="AC4455" s="85"/>
      <c r="AD4455" s="85"/>
      <c r="AE4455" s="85"/>
      <c r="AF4455" s="85"/>
      <c r="AG4455" s="86"/>
      <c r="AH4455" s="85"/>
      <c r="AI4455" s="85"/>
      <c r="AJ4455" s="85"/>
      <c r="AK4455" s="85"/>
      <c r="AL4455" s="85"/>
      <c r="AM4455" s="92"/>
      <c r="AN4455" s="92"/>
      <c r="AO4455" s="92"/>
      <c r="AP4455" s="92"/>
      <c r="AQ4455" s="92"/>
      <c r="AR4455" s="92"/>
      <c r="AS4455" s="92"/>
      <c r="AT4455" s="92"/>
      <c r="AU4455" s="92"/>
      <c r="AV4455" s="92"/>
      <c r="AW4455" s="92"/>
      <c r="AX4455" s="92"/>
      <c r="AY4455" s="92"/>
      <c r="AZ4455" s="93"/>
      <c r="BA4455" s="93"/>
      <c r="BB4455" s="93"/>
      <c r="BC4455" s="93"/>
      <c r="BD4455" s="93"/>
      <c r="BE4455" s="93"/>
      <c r="BF4455" s="93"/>
      <c r="BG4455" s="93"/>
      <c r="BH4455" s="93"/>
      <c r="BI4455" s="93"/>
      <c r="BJ4455" s="93"/>
      <c r="BK4455" s="93"/>
      <c r="BL4455" s="93"/>
    </row>
    <row r="4456" spans="2:64" x14ac:dyDescent="0.2">
      <c r="B4456" s="43"/>
      <c r="C4456" s="73"/>
      <c r="D4456" s="64"/>
      <c r="E4456" s="55"/>
      <c r="F4456" s="74"/>
      <c r="G4456" s="74"/>
      <c r="H4456" s="74"/>
      <c r="I4456" s="75"/>
      <c r="J4456" s="74"/>
      <c r="L4456" s="55"/>
      <c r="M4456" s="234"/>
      <c r="N4456" s="65"/>
      <c r="O4456" s="76"/>
      <c r="P4456" s="76"/>
      <c r="Q4456" s="65"/>
      <c r="R4456" s="76"/>
      <c r="S4456" s="76"/>
      <c r="T4456" s="76"/>
      <c r="U4456" s="76"/>
      <c r="V4456" s="76"/>
      <c r="W4456" s="76"/>
      <c r="X4456" s="76"/>
      <c r="Y4456" s="76"/>
      <c r="Z4456" s="76"/>
      <c r="AA4456" s="85"/>
      <c r="AB4456" s="85"/>
      <c r="AC4456" s="85"/>
      <c r="AD4456" s="85"/>
      <c r="AE4456" s="85"/>
      <c r="AF4456" s="85"/>
      <c r="AG4456" s="86"/>
      <c r="AH4456" s="85"/>
      <c r="AI4456" s="85"/>
      <c r="AJ4456" s="85"/>
      <c r="AK4456" s="85"/>
      <c r="AL4456" s="85"/>
      <c r="AM4456" s="92"/>
      <c r="AN4456" s="92"/>
      <c r="AO4456" s="92"/>
      <c r="AP4456" s="92"/>
      <c r="AQ4456" s="92"/>
      <c r="AR4456" s="92"/>
      <c r="AS4456" s="92"/>
      <c r="AT4456" s="92"/>
      <c r="AU4456" s="92"/>
      <c r="AV4456" s="92"/>
      <c r="AW4456" s="92"/>
      <c r="AX4456" s="92"/>
      <c r="AY4456" s="92"/>
      <c r="AZ4456" s="93"/>
      <c r="BA4456" s="93"/>
      <c r="BB4456" s="93"/>
      <c r="BC4456" s="93"/>
      <c r="BD4456" s="93"/>
      <c r="BE4456" s="93"/>
      <c r="BF4456" s="93"/>
      <c r="BG4456" s="93"/>
      <c r="BH4456" s="93"/>
      <c r="BI4456" s="93"/>
      <c r="BJ4456" s="93"/>
      <c r="BK4456" s="93"/>
      <c r="BL4456" s="93"/>
    </row>
    <row r="4457" spans="2:64" x14ac:dyDescent="0.2">
      <c r="B4457" s="43"/>
      <c r="C4457" s="73"/>
      <c r="D4457" s="64"/>
      <c r="E4457" s="55"/>
      <c r="F4457" s="74"/>
      <c r="G4457" s="74"/>
      <c r="H4457" s="74"/>
      <c r="I4457" s="75"/>
      <c r="J4457" s="74"/>
      <c r="L4457" s="55"/>
      <c r="M4457" s="234"/>
      <c r="N4457" s="65"/>
      <c r="O4457" s="76"/>
      <c r="P4457" s="76"/>
      <c r="Q4457" s="65"/>
      <c r="R4457" s="76"/>
      <c r="S4457" s="76"/>
      <c r="T4457" s="76"/>
      <c r="U4457" s="76"/>
      <c r="V4457" s="76"/>
      <c r="W4457" s="76"/>
      <c r="X4457" s="76"/>
      <c r="Y4457" s="76"/>
      <c r="Z4457" s="76"/>
      <c r="AA4457" s="85"/>
      <c r="AB4457" s="85"/>
      <c r="AC4457" s="85"/>
      <c r="AD4457" s="85"/>
      <c r="AE4457" s="85"/>
      <c r="AF4457" s="85"/>
      <c r="AG4457" s="86"/>
      <c r="AH4457" s="85"/>
      <c r="AI4457" s="85"/>
      <c r="AJ4457" s="85"/>
      <c r="AK4457" s="85"/>
      <c r="AL4457" s="85"/>
      <c r="AM4457" s="92"/>
      <c r="AN4457" s="92"/>
      <c r="AO4457" s="92"/>
      <c r="AP4457" s="92"/>
      <c r="AQ4457" s="92"/>
      <c r="AR4457" s="92"/>
      <c r="AS4457" s="92"/>
      <c r="AT4457" s="92"/>
      <c r="AU4457" s="92"/>
      <c r="AV4457" s="92"/>
      <c r="AW4457" s="92"/>
      <c r="AX4457" s="92"/>
      <c r="AY4457" s="92"/>
      <c r="AZ4457" s="93"/>
      <c r="BA4457" s="93"/>
      <c r="BB4457" s="93"/>
      <c r="BC4457" s="93"/>
      <c r="BD4457" s="93"/>
      <c r="BE4457" s="93"/>
      <c r="BF4457" s="93"/>
      <c r="BG4457" s="93"/>
      <c r="BH4457" s="93"/>
      <c r="BI4457" s="93"/>
      <c r="BJ4457" s="93"/>
      <c r="BK4457" s="93"/>
      <c r="BL4457" s="93"/>
    </row>
    <row r="4458" spans="2:64" x14ac:dyDescent="0.2">
      <c r="B4458" s="43"/>
      <c r="C4458" s="73"/>
      <c r="D4458" s="64"/>
      <c r="E4458" s="55"/>
      <c r="F4458" s="74"/>
      <c r="G4458" s="74"/>
      <c r="H4458" s="74"/>
      <c r="I4458" s="75"/>
      <c r="J4458" s="74"/>
      <c r="L4458" s="55"/>
      <c r="M4458" s="234"/>
      <c r="N4458" s="65"/>
      <c r="O4458" s="76"/>
      <c r="P4458" s="76"/>
      <c r="Q4458" s="65"/>
      <c r="R4458" s="76"/>
      <c r="S4458" s="76"/>
      <c r="T4458" s="76"/>
      <c r="U4458" s="76"/>
      <c r="V4458" s="76"/>
      <c r="W4458" s="76"/>
      <c r="X4458" s="76"/>
      <c r="Y4458" s="76"/>
      <c r="Z4458" s="76"/>
      <c r="AA4458" s="85"/>
      <c r="AB4458" s="85"/>
      <c r="AC4458" s="85"/>
      <c r="AD4458" s="85"/>
      <c r="AE4458" s="85"/>
      <c r="AF4458" s="85"/>
      <c r="AG4458" s="86"/>
      <c r="AH4458" s="85"/>
      <c r="AI4458" s="85"/>
      <c r="AJ4458" s="85"/>
      <c r="AK4458" s="85"/>
      <c r="AL4458" s="85"/>
      <c r="AM4458" s="92"/>
      <c r="AN4458" s="92"/>
      <c r="AO4458" s="92"/>
      <c r="AP4458" s="92"/>
      <c r="AQ4458" s="92"/>
      <c r="AR4458" s="92"/>
      <c r="AS4458" s="92"/>
      <c r="AT4458" s="92"/>
      <c r="AU4458" s="92"/>
      <c r="AV4458" s="92"/>
      <c r="AW4458" s="92"/>
      <c r="AX4458" s="92"/>
      <c r="AY4458" s="92"/>
      <c r="AZ4458" s="93"/>
      <c r="BA4458" s="93"/>
      <c r="BB4458" s="93"/>
      <c r="BC4458" s="93"/>
      <c r="BD4458" s="93"/>
      <c r="BE4458" s="93"/>
      <c r="BF4458" s="93"/>
      <c r="BG4458" s="93"/>
      <c r="BH4458" s="93"/>
      <c r="BI4458" s="93"/>
      <c r="BJ4458" s="93"/>
      <c r="BK4458" s="93"/>
      <c r="BL4458" s="93"/>
    </row>
    <row r="4459" spans="2:64" x14ac:dyDescent="0.2">
      <c r="B4459" s="43"/>
      <c r="C4459" s="73"/>
      <c r="D4459" s="64"/>
      <c r="E4459" s="55"/>
      <c r="F4459" s="74"/>
      <c r="G4459" s="74"/>
      <c r="H4459" s="74"/>
      <c r="I4459" s="75"/>
      <c r="J4459" s="74"/>
      <c r="L4459" s="55"/>
      <c r="M4459" s="234"/>
      <c r="N4459" s="65"/>
      <c r="O4459" s="76"/>
      <c r="P4459" s="76"/>
      <c r="Q4459" s="65"/>
      <c r="R4459" s="76"/>
      <c r="S4459" s="76"/>
      <c r="T4459" s="76"/>
      <c r="U4459" s="76"/>
      <c r="V4459" s="76"/>
      <c r="W4459" s="76"/>
      <c r="X4459" s="76"/>
      <c r="Y4459" s="76"/>
      <c r="Z4459" s="76"/>
      <c r="AA4459" s="85"/>
      <c r="AB4459" s="85"/>
      <c r="AC4459" s="85"/>
      <c r="AD4459" s="85"/>
      <c r="AE4459" s="85"/>
      <c r="AF4459" s="85"/>
      <c r="AG4459" s="86"/>
      <c r="AH4459" s="85"/>
      <c r="AI4459" s="85"/>
      <c r="AJ4459" s="85"/>
      <c r="AK4459" s="85"/>
      <c r="AL4459" s="85"/>
      <c r="AM4459" s="92"/>
      <c r="AN4459" s="92"/>
      <c r="AO4459" s="92"/>
      <c r="AP4459" s="92"/>
      <c r="AQ4459" s="92"/>
      <c r="AR4459" s="92"/>
      <c r="AS4459" s="92"/>
      <c r="AT4459" s="92"/>
      <c r="AU4459" s="92"/>
      <c r="AV4459" s="92"/>
      <c r="AW4459" s="92"/>
      <c r="AX4459" s="92"/>
      <c r="AY4459" s="92"/>
      <c r="AZ4459" s="93"/>
      <c r="BA4459" s="93"/>
      <c r="BB4459" s="93"/>
      <c r="BC4459" s="93"/>
      <c r="BD4459" s="93"/>
      <c r="BE4459" s="93"/>
      <c r="BF4459" s="93"/>
      <c r="BG4459" s="93"/>
      <c r="BH4459" s="93"/>
      <c r="BI4459" s="93"/>
      <c r="BJ4459" s="93"/>
      <c r="BK4459" s="93"/>
      <c r="BL4459" s="93"/>
    </row>
    <row r="4460" spans="2:64" x14ac:dyDescent="0.2">
      <c r="B4460" s="43"/>
      <c r="C4460" s="73"/>
      <c r="D4460" s="64"/>
      <c r="E4460" s="55"/>
      <c r="F4460" s="74"/>
      <c r="G4460" s="74"/>
      <c r="H4460" s="74"/>
      <c r="I4460" s="75"/>
      <c r="J4460" s="74"/>
      <c r="L4460" s="55"/>
      <c r="M4460" s="234"/>
      <c r="N4460" s="65"/>
      <c r="O4460" s="76"/>
      <c r="P4460" s="76"/>
      <c r="Q4460" s="65"/>
      <c r="R4460" s="76"/>
      <c r="S4460" s="76"/>
      <c r="T4460" s="76"/>
      <c r="U4460" s="76"/>
      <c r="V4460" s="76"/>
      <c r="W4460" s="76"/>
      <c r="X4460" s="76"/>
      <c r="Y4460" s="76"/>
      <c r="Z4460" s="76"/>
      <c r="AA4460" s="85"/>
      <c r="AB4460" s="85"/>
      <c r="AC4460" s="85"/>
      <c r="AD4460" s="85"/>
      <c r="AE4460" s="85"/>
      <c r="AF4460" s="85"/>
      <c r="AG4460" s="86"/>
      <c r="AH4460" s="85"/>
      <c r="AI4460" s="85"/>
      <c r="AJ4460" s="85"/>
      <c r="AK4460" s="85"/>
      <c r="AL4460" s="85"/>
      <c r="AM4460" s="92"/>
      <c r="AN4460" s="92"/>
      <c r="AO4460" s="92"/>
      <c r="AP4460" s="92"/>
      <c r="AQ4460" s="92"/>
      <c r="AR4460" s="92"/>
      <c r="AS4460" s="92"/>
      <c r="AT4460" s="92"/>
      <c r="AU4460" s="92"/>
      <c r="AV4460" s="92"/>
      <c r="AW4460" s="92"/>
      <c r="AX4460" s="92"/>
      <c r="AY4460" s="92"/>
      <c r="AZ4460" s="93"/>
      <c r="BA4460" s="93"/>
      <c r="BB4460" s="93"/>
      <c r="BC4460" s="93"/>
      <c r="BD4460" s="93"/>
      <c r="BE4460" s="93"/>
      <c r="BF4460" s="93"/>
      <c r="BG4460" s="93"/>
      <c r="BH4460" s="93"/>
      <c r="BI4460" s="93"/>
      <c r="BJ4460" s="93"/>
      <c r="BK4460" s="93"/>
      <c r="BL4460" s="93"/>
    </row>
    <row r="4461" spans="2:64" x14ac:dyDescent="0.2">
      <c r="B4461" s="43"/>
      <c r="C4461" s="73"/>
      <c r="D4461" s="64"/>
      <c r="E4461" s="55"/>
      <c r="F4461" s="74"/>
      <c r="G4461" s="74"/>
      <c r="H4461" s="74"/>
      <c r="I4461" s="75"/>
      <c r="J4461" s="74"/>
      <c r="L4461" s="55"/>
      <c r="M4461" s="234"/>
      <c r="N4461" s="65"/>
      <c r="O4461" s="76"/>
      <c r="P4461" s="76"/>
      <c r="Q4461" s="65"/>
      <c r="R4461" s="76"/>
      <c r="S4461" s="76"/>
      <c r="T4461" s="76"/>
      <c r="U4461" s="76"/>
      <c r="V4461" s="76"/>
      <c r="W4461" s="76"/>
      <c r="X4461" s="76"/>
      <c r="Y4461" s="76"/>
      <c r="Z4461" s="76"/>
      <c r="AA4461" s="85"/>
      <c r="AB4461" s="85"/>
      <c r="AC4461" s="85"/>
      <c r="AD4461" s="85"/>
      <c r="AE4461" s="85"/>
      <c r="AF4461" s="85"/>
      <c r="AG4461" s="86"/>
      <c r="AH4461" s="85"/>
      <c r="AI4461" s="85"/>
      <c r="AJ4461" s="85"/>
      <c r="AK4461" s="85"/>
      <c r="AL4461" s="85"/>
      <c r="AM4461" s="92"/>
      <c r="AN4461" s="92"/>
      <c r="AO4461" s="92"/>
      <c r="AP4461" s="92"/>
      <c r="AQ4461" s="92"/>
      <c r="AR4461" s="92"/>
      <c r="AS4461" s="92"/>
      <c r="AT4461" s="92"/>
      <c r="AU4461" s="92"/>
      <c r="AV4461" s="92"/>
      <c r="AW4461" s="92"/>
      <c r="AX4461" s="92"/>
      <c r="AY4461" s="92"/>
      <c r="AZ4461" s="93"/>
      <c r="BA4461" s="93"/>
      <c r="BB4461" s="93"/>
      <c r="BC4461" s="93"/>
      <c r="BD4461" s="93"/>
      <c r="BE4461" s="93"/>
      <c r="BF4461" s="93"/>
      <c r="BG4461" s="93"/>
      <c r="BH4461" s="93"/>
      <c r="BI4461" s="93"/>
      <c r="BJ4461" s="93"/>
      <c r="BK4461" s="93"/>
      <c r="BL4461" s="93"/>
    </row>
    <row r="4462" spans="2:64" x14ac:dyDescent="0.2">
      <c r="B4462" s="43"/>
      <c r="C4462" s="73"/>
      <c r="D4462" s="64"/>
      <c r="E4462" s="55"/>
      <c r="F4462" s="74"/>
      <c r="G4462" s="74"/>
      <c r="H4462" s="74"/>
      <c r="I4462" s="75"/>
      <c r="J4462" s="74"/>
      <c r="L4462" s="55"/>
      <c r="M4462" s="234"/>
      <c r="N4462" s="65"/>
      <c r="O4462" s="76"/>
      <c r="P4462" s="76"/>
      <c r="Q4462" s="65"/>
      <c r="R4462" s="76"/>
      <c r="S4462" s="76"/>
      <c r="T4462" s="76"/>
      <c r="U4462" s="76"/>
      <c r="V4462" s="76"/>
      <c r="W4462" s="76"/>
      <c r="X4462" s="76"/>
      <c r="Y4462" s="76"/>
      <c r="Z4462" s="76"/>
      <c r="AA4462" s="85"/>
      <c r="AB4462" s="85"/>
      <c r="AC4462" s="85"/>
      <c r="AD4462" s="85"/>
      <c r="AE4462" s="85"/>
      <c r="AF4462" s="85"/>
      <c r="AG4462" s="86"/>
      <c r="AH4462" s="85"/>
      <c r="AI4462" s="85"/>
      <c r="AJ4462" s="85"/>
      <c r="AK4462" s="85"/>
      <c r="AL4462" s="85"/>
      <c r="AM4462" s="92"/>
      <c r="AN4462" s="92"/>
      <c r="AO4462" s="92"/>
      <c r="AP4462" s="92"/>
      <c r="AQ4462" s="92"/>
      <c r="AR4462" s="92"/>
      <c r="AS4462" s="92"/>
      <c r="AT4462" s="92"/>
      <c r="AU4462" s="92"/>
      <c r="AV4462" s="92"/>
      <c r="AW4462" s="92"/>
      <c r="AX4462" s="92"/>
      <c r="AY4462" s="92"/>
      <c r="AZ4462" s="93"/>
      <c r="BA4462" s="93"/>
      <c r="BB4462" s="93"/>
      <c r="BC4462" s="93"/>
      <c r="BD4462" s="93"/>
      <c r="BE4462" s="93"/>
      <c r="BF4462" s="93"/>
      <c r="BG4462" s="93"/>
      <c r="BH4462" s="93"/>
      <c r="BI4462" s="93"/>
      <c r="BJ4462" s="93"/>
      <c r="BK4462" s="93"/>
      <c r="BL4462" s="93"/>
    </row>
    <row r="4463" spans="2:64" x14ac:dyDescent="0.2">
      <c r="B4463" s="43"/>
      <c r="C4463" s="73"/>
      <c r="D4463" s="64"/>
      <c r="E4463" s="55"/>
      <c r="F4463" s="74"/>
      <c r="G4463" s="74"/>
      <c r="H4463" s="74"/>
      <c r="I4463" s="75"/>
      <c r="J4463" s="74"/>
      <c r="L4463" s="55"/>
      <c r="M4463" s="234"/>
      <c r="N4463" s="65"/>
      <c r="O4463" s="76"/>
      <c r="P4463" s="76"/>
      <c r="Q4463" s="65"/>
      <c r="R4463" s="76"/>
      <c r="S4463" s="76"/>
      <c r="T4463" s="76"/>
      <c r="U4463" s="76"/>
      <c r="V4463" s="76"/>
      <c r="W4463" s="76"/>
      <c r="X4463" s="76"/>
      <c r="Y4463" s="76"/>
      <c r="Z4463" s="76"/>
      <c r="AA4463" s="85"/>
      <c r="AB4463" s="85"/>
      <c r="AC4463" s="85"/>
      <c r="AD4463" s="85"/>
      <c r="AE4463" s="85"/>
      <c r="AF4463" s="85"/>
      <c r="AG4463" s="86"/>
      <c r="AH4463" s="85"/>
      <c r="AI4463" s="85"/>
      <c r="AJ4463" s="85"/>
      <c r="AK4463" s="85"/>
      <c r="AL4463" s="85"/>
      <c r="AM4463" s="92"/>
      <c r="AN4463" s="92"/>
      <c r="AO4463" s="92"/>
      <c r="AP4463" s="92"/>
      <c r="AQ4463" s="92"/>
      <c r="AR4463" s="92"/>
      <c r="AS4463" s="92"/>
      <c r="AT4463" s="92"/>
      <c r="AU4463" s="92"/>
      <c r="AV4463" s="92"/>
      <c r="AW4463" s="92"/>
      <c r="AX4463" s="92"/>
      <c r="AY4463" s="92"/>
      <c r="AZ4463" s="93"/>
      <c r="BA4463" s="93"/>
      <c r="BB4463" s="93"/>
      <c r="BC4463" s="93"/>
      <c r="BD4463" s="93"/>
      <c r="BE4463" s="93"/>
      <c r="BF4463" s="93"/>
      <c r="BG4463" s="93"/>
      <c r="BH4463" s="93"/>
      <c r="BI4463" s="93"/>
      <c r="BJ4463" s="93"/>
      <c r="BK4463" s="93"/>
      <c r="BL4463" s="93"/>
    </row>
    <row r="4464" spans="2:64" x14ac:dyDescent="0.2">
      <c r="B4464" s="43"/>
      <c r="C4464" s="73"/>
      <c r="D4464" s="64"/>
      <c r="E4464" s="55"/>
      <c r="F4464" s="74"/>
      <c r="G4464" s="74"/>
      <c r="H4464" s="74"/>
      <c r="I4464" s="75"/>
      <c r="J4464" s="74"/>
      <c r="L4464" s="55"/>
      <c r="M4464" s="234"/>
      <c r="N4464" s="65"/>
      <c r="O4464" s="76"/>
      <c r="P4464" s="76"/>
      <c r="Q4464" s="65"/>
      <c r="R4464" s="76"/>
      <c r="S4464" s="76"/>
      <c r="T4464" s="76"/>
      <c r="U4464" s="76"/>
      <c r="V4464" s="76"/>
      <c r="W4464" s="76"/>
      <c r="X4464" s="76"/>
      <c r="Y4464" s="76"/>
      <c r="Z4464" s="76"/>
      <c r="AA4464" s="85"/>
      <c r="AB4464" s="85"/>
      <c r="AC4464" s="85"/>
      <c r="AD4464" s="85"/>
      <c r="AE4464" s="85"/>
      <c r="AF4464" s="85"/>
      <c r="AG4464" s="86"/>
      <c r="AH4464" s="85"/>
      <c r="AI4464" s="85"/>
      <c r="AJ4464" s="85"/>
      <c r="AK4464" s="85"/>
      <c r="AL4464" s="85"/>
      <c r="AM4464" s="92"/>
      <c r="AN4464" s="92"/>
      <c r="AO4464" s="92"/>
      <c r="AP4464" s="92"/>
      <c r="AQ4464" s="92"/>
      <c r="AR4464" s="92"/>
      <c r="AS4464" s="92"/>
      <c r="AT4464" s="92"/>
      <c r="AU4464" s="92"/>
      <c r="AV4464" s="92"/>
      <c r="AW4464" s="92"/>
      <c r="AX4464" s="92"/>
      <c r="AY4464" s="92"/>
      <c r="AZ4464" s="93"/>
      <c r="BA4464" s="93"/>
      <c r="BB4464" s="93"/>
      <c r="BC4464" s="93"/>
      <c r="BD4464" s="93"/>
      <c r="BE4464" s="93"/>
      <c r="BF4464" s="93"/>
      <c r="BG4464" s="93"/>
      <c r="BH4464" s="93"/>
      <c r="BI4464" s="93"/>
      <c r="BJ4464" s="93"/>
      <c r="BK4464" s="93"/>
      <c r="BL4464" s="93"/>
    </row>
    <row r="4465" spans="2:64" x14ac:dyDescent="0.2">
      <c r="B4465" s="43"/>
      <c r="C4465" s="73"/>
      <c r="D4465" s="64"/>
      <c r="E4465" s="55"/>
      <c r="F4465" s="74"/>
      <c r="G4465" s="74"/>
      <c r="H4465" s="74"/>
      <c r="I4465" s="75"/>
      <c r="J4465" s="74"/>
      <c r="L4465" s="55"/>
      <c r="M4465" s="234"/>
      <c r="N4465" s="65"/>
      <c r="O4465" s="76"/>
      <c r="P4465" s="76"/>
      <c r="Q4465" s="65"/>
      <c r="R4465" s="76"/>
      <c r="S4465" s="76"/>
      <c r="T4465" s="76"/>
      <c r="U4465" s="76"/>
      <c r="V4465" s="76"/>
      <c r="W4465" s="76"/>
      <c r="X4465" s="76"/>
      <c r="Y4465" s="76"/>
      <c r="Z4465" s="76"/>
      <c r="AA4465" s="85"/>
      <c r="AB4465" s="85"/>
      <c r="AC4465" s="85"/>
      <c r="AD4465" s="85"/>
      <c r="AE4465" s="85"/>
      <c r="AF4465" s="85"/>
      <c r="AG4465" s="86"/>
      <c r="AH4465" s="85"/>
      <c r="AI4465" s="85"/>
      <c r="AJ4465" s="85"/>
      <c r="AK4465" s="85"/>
      <c r="AL4465" s="85"/>
      <c r="AM4465" s="92"/>
      <c r="AN4465" s="92"/>
      <c r="AO4465" s="92"/>
      <c r="AP4465" s="92"/>
      <c r="AQ4465" s="92"/>
      <c r="AR4465" s="92"/>
      <c r="AS4465" s="92"/>
      <c r="AT4465" s="92"/>
      <c r="AU4465" s="92"/>
      <c r="AV4465" s="92"/>
      <c r="AW4465" s="92"/>
      <c r="AX4465" s="92"/>
      <c r="AY4465" s="92"/>
      <c r="AZ4465" s="93"/>
      <c r="BA4465" s="93"/>
      <c r="BB4465" s="93"/>
      <c r="BC4465" s="93"/>
      <c r="BD4465" s="93"/>
      <c r="BE4465" s="93"/>
      <c r="BF4465" s="93"/>
      <c r="BG4465" s="93"/>
      <c r="BH4465" s="93"/>
      <c r="BI4465" s="93"/>
      <c r="BJ4465" s="93"/>
      <c r="BK4465" s="93"/>
      <c r="BL4465" s="93"/>
    </row>
    <row r="4466" spans="2:64" x14ac:dyDescent="0.2">
      <c r="B4466" s="43"/>
      <c r="C4466" s="73"/>
      <c r="D4466" s="64"/>
      <c r="E4466" s="55"/>
      <c r="F4466" s="74"/>
      <c r="G4466" s="74"/>
      <c r="H4466" s="74"/>
      <c r="I4466" s="75"/>
      <c r="J4466" s="74"/>
      <c r="L4466" s="55"/>
      <c r="M4466" s="234"/>
      <c r="N4466" s="65"/>
      <c r="O4466" s="76"/>
      <c r="P4466" s="76"/>
      <c r="Q4466" s="65"/>
      <c r="R4466" s="76"/>
      <c r="S4466" s="76"/>
      <c r="T4466" s="76"/>
      <c r="U4466" s="76"/>
      <c r="V4466" s="76"/>
      <c r="W4466" s="76"/>
      <c r="X4466" s="76"/>
      <c r="Y4466" s="76"/>
      <c r="Z4466" s="76"/>
      <c r="AA4466" s="85"/>
      <c r="AB4466" s="85"/>
      <c r="AC4466" s="85"/>
      <c r="AD4466" s="85"/>
      <c r="AE4466" s="85"/>
      <c r="AF4466" s="85"/>
      <c r="AG4466" s="86"/>
      <c r="AH4466" s="85"/>
      <c r="AI4466" s="85"/>
      <c r="AJ4466" s="85"/>
      <c r="AK4466" s="85"/>
      <c r="AL4466" s="85"/>
      <c r="AM4466" s="92"/>
      <c r="AN4466" s="92"/>
      <c r="AO4466" s="92"/>
      <c r="AP4466" s="92"/>
      <c r="AQ4466" s="92"/>
      <c r="AR4466" s="92"/>
      <c r="AS4466" s="92"/>
      <c r="AT4466" s="92"/>
      <c r="AU4466" s="92"/>
      <c r="AV4466" s="92"/>
      <c r="AW4466" s="92"/>
      <c r="AX4466" s="92"/>
      <c r="AY4466" s="92"/>
      <c r="AZ4466" s="93"/>
      <c r="BA4466" s="93"/>
      <c r="BB4466" s="93"/>
      <c r="BC4466" s="93"/>
      <c r="BD4466" s="93"/>
      <c r="BE4466" s="93"/>
      <c r="BF4466" s="93"/>
      <c r="BG4466" s="93"/>
      <c r="BH4466" s="93"/>
      <c r="BI4466" s="93"/>
      <c r="BJ4466" s="93"/>
      <c r="BK4466" s="93"/>
      <c r="BL4466" s="93"/>
    </row>
    <row r="4467" spans="2:64" x14ac:dyDescent="0.2">
      <c r="B4467" s="43"/>
      <c r="C4467" s="73"/>
      <c r="D4467" s="64"/>
      <c r="E4467" s="55"/>
      <c r="F4467" s="74"/>
      <c r="G4467" s="74"/>
      <c r="H4467" s="74"/>
      <c r="I4467" s="75"/>
      <c r="J4467" s="74"/>
      <c r="L4467" s="55"/>
      <c r="M4467" s="234"/>
      <c r="N4467" s="65"/>
      <c r="O4467" s="76"/>
      <c r="P4467" s="76"/>
      <c r="Q4467" s="65"/>
      <c r="R4467" s="76"/>
      <c r="S4467" s="76"/>
      <c r="T4467" s="76"/>
      <c r="U4467" s="76"/>
      <c r="V4467" s="76"/>
      <c r="W4467" s="76"/>
      <c r="X4467" s="76"/>
      <c r="Y4467" s="76"/>
      <c r="Z4467" s="76"/>
      <c r="AA4467" s="85"/>
      <c r="AB4467" s="85"/>
      <c r="AC4467" s="85"/>
      <c r="AD4467" s="85"/>
      <c r="AE4467" s="85"/>
      <c r="AF4467" s="85"/>
      <c r="AG4467" s="86"/>
      <c r="AH4467" s="85"/>
      <c r="AI4467" s="85"/>
      <c r="AJ4467" s="85"/>
      <c r="AK4467" s="85"/>
      <c r="AL4467" s="85"/>
      <c r="AM4467" s="92"/>
      <c r="AN4467" s="92"/>
      <c r="AO4467" s="92"/>
      <c r="AP4467" s="92"/>
      <c r="AQ4467" s="92"/>
      <c r="AR4467" s="92"/>
      <c r="AS4467" s="92"/>
      <c r="AT4467" s="92"/>
      <c r="AU4467" s="92"/>
      <c r="AV4467" s="92"/>
      <c r="AW4467" s="92"/>
      <c r="AX4467" s="92"/>
      <c r="AY4467" s="92"/>
      <c r="AZ4467" s="93"/>
      <c r="BA4467" s="93"/>
      <c r="BB4467" s="93"/>
      <c r="BC4467" s="93"/>
      <c r="BD4467" s="93"/>
      <c r="BE4467" s="93"/>
      <c r="BF4467" s="93"/>
      <c r="BG4467" s="93"/>
      <c r="BH4467" s="93"/>
      <c r="BI4467" s="93"/>
      <c r="BJ4467" s="93"/>
      <c r="BK4467" s="93"/>
      <c r="BL4467" s="93"/>
    </row>
    <row r="4468" spans="2:64" x14ac:dyDescent="0.2">
      <c r="B4468" s="43"/>
      <c r="C4468" s="73"/>
      <c r="D4468" s="64"/>
      <c r="E4468" s="55"/>
      <c r="F4468" s="74"/>
      <c r="G4468" s="74"/>
      <c r="H4468" s="74"/>
      <c r="I4468" s="75"/>
      <c r="J4468" s="74"/>
      <c r="L4468" s="55"/>
      <c r="M4468" s="234"/>
      <c r="N4468" s="65"/>
      <c r="O4468" s="76"/>
      <c r="P4468" s="76"/>
      <c r="Q4468" s="65"/>
      <c r="R4468" s="76"/>
      <c r="S4468" s="76"/>
      <c r="T4468" s="76"/>
      <c r="U4468" s="76"/>
      <c r="V4468" s="76"/>
      <c r="W4468" s="76"/>
      <c r="X4468" s="76"/>
      <c r="Y4468" s="76"/>
      <c r="Z4468" s="76"/>
      <c r="AA4468" s="85"/>
      <c r="AB4468" s="85"/>
      <c r="AC4468" s="85"/>
      <c r="AD4468" s="85"/>
      <c r="AE4468" s="85"/>
      <c r="AF4468" s="85"/>
      <c r="AG4468" s="86"/>
      <c r="AH4468" s="85"/>
      <c r="AI4468" s="85"/>
      <c r="AJ4468" s="85"/>
      <c r="AK4468" s="85"/>
      <c r="AL4468" s="85"/>
      <c r="AM4468" s="92"/>
      <c r="AN4468" s="92"/>
      <c r="AO4468" s="92"/>
      <c r="AP4468" s="92"/>
      <c r="AQ4468" s="92"/>
      <c r="AR4468" s="92"/>
      <c r="AS4468" s="92"/>
      <c r="AT4468" s="92"/>
      <c r="AU4468" s="92"/>
      <c r="AV4468" s="92"/>
      <c r="AW4468" s="92"/>
      <c r="AX4468" s="92"/>
      <c r="AY4468" s="92"/>
      <c r="AZ4468" s="93"/>
      <c r="BA4468" s="93"/>
      <c r="BB4468" s="93"/>
      <c r="BC4468" s="93"/>
      <c r="BD4468" s="93"/>
      <c r="BE4468" s="93"/>
      <c r="BF4468" s="93"/>
      <c r="BG4468" s="93"/>
      <c r="BH4468" s="93"/>
      <c r="BI4468" s="93"/>
      <c r="BJ4468" s="93"/>
      <c r="BK4468" s="93"/>
      <c r="BL4468" s="93"/>
    </row>
    <row r="4469" spans="2:64" x14ac:dyDescent="0.2">
      <c r="B4469" s="43"/>
      <c r="C4469" s="73"/>
      <c r="D4469" s="64"/>
      <c r="E4469" s="55"/>
      <c r="F4469" s="74"/>
      <c r="G4469" s="74"/>
      <c r="H4469" s="74"/>
      <c r="I4469" s="75"/>
      <c r="J4469" s="74"/>
      <c r="L4469" s="55"/>
      <c r="M4469" s="234"/>
      <c r="N4469" s="65"/>
      <c r="O4469" s="76"/>
      <c r="P4469" s="76"/>
      <c r="Q4469" s="65"/>
      <c r="R4469" s="76"/>
      <c r="S4469" s="76"/>
      <c r="T4469" s="76"/>
      <c r="U4469" s="76"/>
      <c r="V4469" s="76"/>
      <c r="W4469" s="76"/>
      <c r="X4469" s="76"/>
      <c r="Y4469" s="76"/>
      <c r="Z4469" s="76"/>
      <c r="AA4469" s="85"/>
      <c r="AB4469" s="85"/>
      <c r="AC4469" s="85"/>
      <c r="AD4469" s="85"/>
      <c r="AE4469" s="85"/>
      <c r="AF4469" s="85"/>
      <c r="AG4469" s="86"/>
      <c r="AH4469" s="85"/>
      <c r="AI4469" s="85"/>
      <c r="AJ4469" s="85"/>
      <c r="AK4469" s="85"/>
      <c r="AL4469" s="85"/>
      <c r="AM4469" s="92"/>
      <c r="AN4469" s="92"/>
      <c r="AO4469" s="92"/>
      <c r="AP4469" s="92"/>
      <c r="AQ4469" s="92"/>
      <c r="AR4469" s="92"/>
      <c r="AS4469" s="92"/>
      <c r="AT4469" s="92"/>
      <c r="AU4469" s="92"/>
      <c r="AV4469" s="92"/>
      <c r="AW4469" s="92"/>
      <c r="AX4469" s="92"/>
      <c r="AY4469" s="92"/>
      <c r="AZ4469" s="93"/>
      <c r="BA4469" s="93"/>
      <c r="BB4469" s="93"/>
      <c r="BC4469" s="93"/>
      <c r="BD4469" s="93"/>
      <c r="BE4469" s="93"/>
      <c r="BF4469" s="93"/>
      <c r="BG4469" s="93"/>
      <c r="BH4469" s="93"/>
      <c r="BI4469" s="93"/>
      <c r="BJ4469" s="93"/>
      <c r="BK4469" s="93"/>
      <c r="BL4469" s="93"/>
    </row>
    <row r="4470" spans="2:64" x14ac:dyDescent="0.2">
      <c r="B4470" s="43"/>
      <c r="C4470" s="73"/>
      <c r="D4470" s="64"/>
      <c r="E4470" s="55"/>
      <c r="F4470" s="74"/>
      <c r="G4470" s="74"/>
      <c r="H4470" s="74"/>
      <c r="I4470" s="75"/>
      <c r="J4470" s="74"/>
      <c r="L4470" s="55"/>
      <c r="M4470" s="234"/>
      <c r="N4470" s="65"/>
      <c r="O4470" s="76"/>
      <c r="P4470" s="76"/>
      <c r="Q4470" s="65"/>
      <c r="R4470" s="76"/>
      <c r="S4470" s="76"/>
      <c r="T4470" s="76"/>
      <c r="U4470" s="76"/>
      <c r="V4470" s="76"/>
      <c r="W4470" s="76"/>
      <c r="X4470" s="76"/>
      <c r="Y4470" s="76"/>
      <c r="Z4470" s="76"/>
      <c r="AA4470" s="85"/>
      <c r="AB4470" s="85"/>
      <c r="AC4470" s="85"/>
      <c r="AD4470" s="85"/>
      <c r="AE4470" s="85"/>
      <c r="AF4470" s="85"/>
      <c r="AG4470" s="86"/>
      <c r="AH4470" s="85"/>
      <c r="AI4470" s="85"/>
      <c r="AJ4470" s="85"/>
      <c r="AK4470" s="85"/>
      <c r="AL4470" s="85"/>
      <c r="AM4470" s="92"/>
      <c r="AN4470" s="92"/>
      <c r="AO4470" s="92"/>
      <c r="AP4470" s="92"/>
      <c r="AQ4470" s="92"/>
      <c r="AR4470" s="92"/>
      <c r="AS4470" s="92"/>
      <c r="AT4470" s="92"/>
      <c r="AU4470" s="92"/>
      <c r="AV4470" s="92"/>
      <c r="AW4470" s="92"/>
      <c r="AX4470" s="92"/>
      <c r="AY4470" s="92"/>
      <c r="AZ4470" s="93"/>
      <c r="BA4470" s="93"/>
      <c r="BB4470" s="93"/>
      <c r="BC4470" s="93"/>
      <c r="BD4470" s="93"/>
      <c r="BE4470" s="93"/>
      <c r="BF4470" s="93"/>
      <c r="BG4470" s="93"/>
      <c r="BH4470" s="93"/>
      <c r="BI4470" s="93"/>
      <c r="BJ4470" s="93"/>
      <c r="BK4470" s="93"/>
      <c r="BL4470" s="93"/>
    </row>
    <row r="4471" spans="2:64" x14ac:dyDescent="0.2">
      <c r="B4471" s="43"/>
      <c r="C4471" s="73"/>
      <c r="D4471" s="64"/>
      <c r="E4471" s="55"/>
      <c r="F4471" s="74"/>
      <c r="G4471" s="74"/>
      <c r="H4471" s="74"/>
      <c r="I4471" s="75"/>
      <c r="J4471" s="74"/>
      <c r="L4471" s="55"/>
      <c r="M4471" s="234"/>
      <c r="N4471" s="65"/>
      <c r="O4471" s="76"/>
      <c r="P4471" s="76"/>
      <c r="Q4471" s="65"/>
      <c r="R4471" s="76"/>
      <c r="S4471" s="76"/>
      <c r="T4471" s="76"/>
      <c r="U4471" s="76"/>
      <c r="V4471" s="76"/>
      <c r="W4471" s="76"/>
      <c r="X4471" s="76"/>
      <c r="Y4471" s="76"/>
      <c r="Z4471" s="76"/>
      <c r="AA4471" s="85"/>
      <c r="AB4471" s="85"/>
      <c r="AC4471" s="85"/>
      <c r="AD4471" s="85"/>
      <c r="AE4471" s="85"/>
      <c r="AF4471" s="85"/>
      <c r="AG4471" s="86"/>
      <c r="AH4471" s="85"/>
      <c r="AI4471" s="85"/>
      <c r="AJ4471" s="85"/>
      <c r="AK4471" s="85"/>
      <c r="AL4471" s="85"/>
      <c r="AM4471" s="92"/>
      <c r="AN4471" s="92"/>
      <c r="AO4471" s="92"/>
      <c r="AP4471" s="92"/>
      <c r="AQ4471" s="92"/>
      <c r="AR4471" s="92"/>
      <c r="AS4471" s="92"/>
      <c r="AT4471" s="92"/>
      <c r="AU4471" s="92"/>
      <c r="AV4471" s="92"/>
      <c r="AW4471" s="92"/>
      <c r="AX4471" s="92"/>
      <c r="AY4471" s="92"/>
      <c r="AZ4471" s="93"/>
      <c r="BA4471" s="93"/>
      <c r="BB4471" s="93"/>
      <c r="BC4471" s="93"/>
      <c r="BD4471" s="93"/>
      <c r="BE4471" s="93"/>
      <c r="BF4471" s="93"/>
      <c r="BG4471" s="93"/>
      <c r="BH4471" s="93"/>
      <c r="BI4471" s="93"/>
      <c r="BJ4471" s="93"/>
      <c r="BK4471" s="93"/>
      <c r="BL4471" s="93"/>
    </row>
    <row r="4472" spans="2:64" x14ac:dyDescent="0.2">
      <c r="B4472" s="43"/>
      <c r="C4472" s="73"/>
      <c r="D4472" s="64"/>
      <c r="E4472" s="55"/>
      <c r="F4472" s="74"/>
      <c r="G4472" s="74"/>
      <c r="H4472" s="74"/>
      <c r="I4472" s="75"/>
      <c r="J4472" s="74"/>
      <c r="L4472" s="55"/>
      <c r="M4472" s="234"/>
      <c r="N4472" s="65"/>
      <c r="O4472" s="76"/>
      <c r="P4472" s="76"/>
      <c r="Q4472" s="65"/>
      <c r="R4472" s="76"/>
      <c r="S4472" s="76"/>
      <c r="T4472" s="76"/>
      <c r="U4472" s="76"/>
      <c r="V4472" s="76"/>
      <c r="W4472" s="76"/>
      <c r="X4472" s="76"/>
      <c r="Y4472" s="76"/>
      <c r="Z4472" s="76"/>
      <c r="AA4472" s="85"/>
      <c r="AB4472" s="85"/>
      <c r="AC4472" s="85"/>
      <c r="AD4472" s="85"/>
      <c r="AE4472" s="85"/>
      <c r="AF4472" s="85"/>
      <c r="AG4472" s="86"/>
      <c r="AH4472" s="85"/>
      <c r="AI4472" s="85"/>
      <c r="AJ4472" s="85"/>
      <c r="AK4472" s="85"/>
      <c r="AL4472" s="85"/>
      <c r="AM4472" s="92"/>
      <c r="AN4472" s="92"/>
      <c r="AO4472" s="92"/>
      <c r="AP4472" s="92"/>
      <c r="AQ4472" s="92"/>
      <c r="AR4472" s="92"/>
      <c r="AS4472" s="92"/>
      <c r="AT4472" s="92"/>
      <c r="AU4472" s="92"/>
      <c r="AV4472" s="92"/>
      <c r="AW4472" s="92"/>
      <c r="AX4472" s="92"/>
      <c r="AY4472" s="92"/>
      <c r="AZ4472" s="93"/>
      <c r="BA4472" s="93"/>
      <c r="BB4472" s="93"/>
      <c r="BC4472" s="93"/>
      <c r="BD4472" s="93"/>
      <c r="BE4472" s="93"/>
      <c r="BF4472" s="93"/>
      <c r="BG4472" s="93"/>
      <c r="BH4472" s="93"/>
      <c r="BI4472" s="93"/>
      <c r="BJ4472" s="93"/>
      <c r="BK4472" s="93"/>
      <c r="BL4472" s="93"/>
    </row>
    <row r="4473" spans="2:64" x14ac:dyDescent="0.2">
      <c r="B4473" s="43"/>
      <c r="C4473" s="73"/>
      <c r="D4473" s="64"/>
      <c r="E4473" s="55"/>
      <c r="F4473" s="74"/>
      <c r="G4473" s="74"/>
      <c r="H4473" s="74"/>
      <c r="I4473" s="75"/>
      <c r="J4473" s="74"/>
      <c r="L4473" s="55"/>
      <c r="M4473" s="234"/>
      <c r="N4473" s="65"/>
      <c r="O4473" s="76"/>
      <c r="P4473" s="76"/>
      <c r="Q4473" s="65"/>
      <c r="R4473" s="76"/>
      <c r="S4473" s="76"/>
      <c r="T4473" s="76"/>
      <c r="U4473" s="76"/>
      <c r="V4473" s="76"/>
      <c r="W4473" s="76"/>
      <c r="X4473" s="76"/>
      <c r="Y4473" s="76"/>
      <c r="Z4473" s="76"/>
      <c r="AA4473" s="85"/>
      <c r="AB4473" s="85"/>
      <c r="AC4473" s="85"/>
      <c r="AD4473" s="85"/>
      <c r="AE4473" s="85"/>
      <c r="AF4473" s="85"/>
      <c r="AG4473" s="86"/>
      <c r="AH4473" s="85"/>
      <c r="AI4473" s="85"/>
      <c r="AJ4473" s="85"/>
      <c r="AK4473" s="85"/>
      <c r="AL4473" s="85"/>
      <c r="AM4473" s="92"/>
      <c r="AN4473" s="92"/>
      <c r="AO4473" s="92"/>
      <c r="AP4473" s="92"/>
      <c r="AQ4473" s="92"/>
      <c r="AR4473" s="92"/>
      <c r="AS4473" s="92"/>
      <c r="AT4473" s="92"/>
      <c r="AU4473" s="92"/>
      <c r="AV4473" s="92"/>
      <c r="AW4473" s="92"/>
      <c r="AX4473" s="92"/>
      <c r="AY4473" s="92"/>
      <c r="AZ4473" s="93"/>
      <c r="BA4473" s="93"/>
      <c r="BB4473" s="93"/>
      <c r="BC4473" s="93"/>
      <c r="BD4473" s="93"/>
      <c r="BE4473" s="93"/>
      <c r="BF4473" s="93"/>
      <c r="BG4473" s="93"/>
      <c r="BH4473" s="93"/>
      <c r="BI4473" s="93"/>
      <c r="BJ4473" s="93"/>
      <c r="BK4473" s="93"/>
      <c r="BL4473" s="93"/>
    </row>
    <row r="4474" spans="2:64" x14ac:dyDescent="0.2">
      <c r="B4474" s="43"/>
      <c r="C4474" s="73"/>
      <c r="D4474" s="64"/>
      <c r="E4474" s="55"/>
      <c r="F4474" s="74"/>
      <c r="G4474" s="74"/>
      <c r="H4474" s="74"/>
      <c r="I4474" s="75"/>
      <c r="J4474" s="74"/>
      <c r="L4474" s="55"/>
      <c r="M4474" s="234"/>
      <c r="N4474" s="65"/>
      <c r="O4474" s="76"/>
      <c r="P4474" s="76"/>
      <c r="Q4474" s="65"/>
      <c r="R4474" s="76"/>
      <c r="S4474" s="76"/>
      <c r="T4474" s="76"/>
      <c r="U4474" s="76"/>
      <c r="V4474" s="76"/>
      <c r="W4474" s="76"/>
      <c r="X4474" s="76"/>
      <c r="Y4474" s="76"/>
      <c r="Z4474" s="76"/>
      <c r="AA4474" s="85"/>
      <c r="AB4474" s="85"/>
      <c r="AC4474" s="85"/>
      <c r="AD4474" s="85"/>
      <c r="AE4474" s="85"/>
      <c r="AF4474" s="85"/>
      <c r="AG4474" s="86"/>
      <c r="AH4474" s="85"/>
      <c r="AI4474" s="85"/>
      <c r="AJ4474" s="85"/>
      <c r="AK4474" s="85"/>
      <c r="AL4474" s="85"/>
      <c r="AM4474" s="92"/>
      <c r="AN4474" s="92"/>
      <c r="AO4474" s="92"/>
      <c r="AP4474" s="92"/>
      <c r="AQ4474" s="92"/>
      <c r="AR4474" s="92"/>
      <c r="AS4474" s="92"/>
      <c r="AT4474" s="92"/>
      <c r="AU4474" s="92"/>
      <c r="AV4474" s="92"/>
      <c r="AW4474" s="92"/>
      <c r="AX4474" s="92"/>
      <c r="AY4474" s="92"/>
      <c r="AZ4474" s="93"/>
      <c r="BA4474" s="93"/>
      <c r="BB4474" s="93"/>
      <c r="BC4474" s="93"/>
      <c r="BD4474" s="93"/>
      <c r="BE4474" s="93"/>
      <c r="BF4474" s="93"/>
      <c r="BG4474" s="93"/>
      <c r="BH4474" s="93"/>
      <c r="BI4474" s="93"/>
      <c r="BJ4474" s="93"/>
      <c r="BK4474" s="93"/>
      <c r="BL4474" s="93"/>
    </row>
    <row r="4475" spans="2:64" x14ac:dyDescent="0.2">
      <c r="B4475" s="43"/>
      <c r="C4475" s="73"/>
      <c r="D4475" s="64"/>
      <c r="E4475" s="55"/>
      <c r="F4475" s="74"/>
      <c r="G4475" s="74"/>
      <c r="H4475" s="74"/>
      <c r="I4475" s="75"/>
      <c r="J4475" s="74"/>
      <c r="L4475" s="55"/>
      <c r="M4475" s="234"/>
      <c r="N4475" s="65"/>
      <c r="O4475" s="76"/>
      <c r="P4475" s="76"/>
      <c r="Q4475" s="65"/>
      <c r="R4475" s="76"/>
      <c r="S4475" s="76"/>
      <c r="T4475" s="76"/>
      <c r="U4475" s="76"/>
      <c r="V4475" s="76"/>
      <c r="W4475" s="76"/>
      <c r="X4475" s="76"/>
      <c r="Y4475" s="76"/>
      <c r="Z4475" s="76"/>
      <c r="AA4475" s="85"/>
      <c r="AB4475" s="85"/>
      <c r="AC4475" s="85"/>
      <c r="AD4475" s="85"/>
      <c r="AE4475" s="85"/>
      <c r="AF4475" s="85"/>
      <c r="AG4475" s="86"/>
      <c r="AH4475" s="85"/>
      <c r="AI4475" s="85"/>
      <c r="AJ4475" s="85"/>
      <c r="AK4475" s="85"/>
      <c r="AL4475" s="85"/>
      <c r="AM4475" s="92"/>
      <c r="AN4475" s="92"/>
      <c r="AO4475" s="92"/>
      <c r="AP4475" s="92"/>
      <c r="AQ4475" s="92"/>
      <c r="AR4475" s="92"/>
      <c r="AS4475" s="92"/>
      <c r="AT4475" s="92"/>
      <c r="AU4475" s="92"/>
      <c r="AV4475" s="92"/>
      <c r="AW4475" s="92"/>
      <c r="AX4475" s="92"/>
      <c r="AY4475" s="92"/>
      <c r="AZ4475" s="93"/>
      <c r="BA4475" s="93"/>
      <c r="BB4475" s="93"/>
      <c r="BC4475" s="93"/>
      <c r="BD4475" s="93"/>
      <c r="BE4475" s="93"/>
      <c r="BF4475" s="93"/>
      <c r="BG4475" s="93"/>
      <c r="BH4475" s="93"/>
      <c r="BI4475" s="93"/>
      <c r="BJ4475" s="93"/>
      <c r="BK4475" s="93"/>
      <c r="BL4475" s="93"/>
    </row>
    <row r="4476" spans="2:64" x14ac:dyDescent="0.2">
      <c r="B4476" s="43"/>
      <c r="C4476" s="73"/>
      <c r="D4476" s="64"/>
      <c r="E4476" s="55"/>
      <c r="F4476" s="74"/>
      <c r="G4476" s="74"/>
      <c r="H4476" s="74"/>
      <c r="I4476" s="75"/>
      <c r="J4476" s="74"/>
      <c r="L4476" s="55"/>
      <c r="M4476" s="234"/>
      <c r="N4476" s="65"/>
      <c r="O4476" s="76"/>
      <c r="P4476" s="76"/>
      <c r="Q4476" s="65"/>
      <c r="R4476" s="76"/>
      <c r="S4476" s="76"/>
      <c r="T4476" s="76"/>
      <c r="U4476" s="76"/>
      <c r="V4476" s="76"/>
      <c r="W4476" s="76"/>
      <c r="X4476" s="76"/>
      <c r="Y4476" s="76"/>
      <c r="Z4476" s="76"/>
      <c r="AA4476" s="85"/>
      <c r="AB4476" s="85"/>
      <c r="AC4476" s="85"/>
      <c r="AD4476" s="85"/>
      <c r="AE4476" s="85"/>
      <c r="AF4476" s="85"/>
      <c r="AG4476" s="86"/>
      <c r="AH4476" s="85"/>
      <c r="AI4476" s="85"/>
      <c r="AJ4476" s="85"/>
      <c r="AK4476" s="85"/>
      <c r="AL4476" s="85"/>
      <c r="AM4476" s="92"/>
      <c r="AN4476" s="92"/>
      <c r="AO4476" s="92"/>
      <c r="AP4476" s="92"/>
      <c r="AQ4476" s="92"/>
      <c r="AR4476" s="92"/>
      <c r="AS4476" s="92"/>
      <c r="AT4476" s="92"/>
      <c r="AU4476" s="92"/>
      <c r="AV4476" s="92"/>
      <c r="AW4476" s="92"/>
      <c r="AX4476" s="92"/>
      <c r="AY4476" s="92"/>
      <c r="AZ4476" s="93"/>
      <c r="BA4476" s="93"/>
      <c r="BB4476" s="93"/>
      <c r="BC4476" s="93"/>
      <c r="BD4476" s="93"/>
      <c r="BE4476" s="93"/>
      <c r="BF4476" s="93"/>
      <c r="BG4476" s="93"/>
      <c r="BH4476" s="93"/>
      <c r="BI4476" s="93"/>
      <c r="BJ4476" s="93"/>
      <c r="BK4476" s="93"/>
      <c r="BL4476" s="93"/>
    </row>
    <row r="4477" spans="2:64" x14ac:dyDescent="0.2">
      <c r="B4477" s="43"/>
      <c r="C4477" s="73"/>
      <c r="D4477" s="64"/>
      <c r="E4477" s="55"/>
      <c r="F4477" s="74"/>
      <c r="G4477" s="74"/>
      <c r="H4477" s="74"/>
      <c r="I4477" s="75"/>
      <c r="J4477" s="74"/>
      <c r="L4477" s="55"/>
      <c r="M4477" s="234"/>
      <c r="N4477" s="65"/>
      <c r="O4477" s="76"/>
      <c r="P4477" s="76"/>
      <c r="Q4477" s="65"/>
      <c r="R4477" s="76"/>
      <c r="S4477" s="76"/>
      <c r="T4477" s="76"/>
      <c r="U4477" s="76"/>
      <c r="V4477" s="76"/>
      <c r="W4477" s="76"/>
      <c r="X4477" s="76"/>
      <c r="Y4477" s="76"/>
      <c r="Z4477" s="76"/>
      <c r="AA4477" s="85"/>
      <c r="AB4477" s="85"/>
      <c r="AC4477" s="85"/>
      <c r="AD4477" s="85"/>
      <c r="AE4477" s="85"/>
      <c r="AF4477" s="85"/>
      <c r="AG4477" s="86"/>
      <c r="AH4477" s="85"/>
      <c r="AI4477" s="85"/>
      <c r="AJ4477" s="85"/>
      <c r="AK4477" s="85"/>
      <c r="AL4477" s="85"/>
      <c r="AM4477" s="92"/>
      <c r="AN4477" s="92"/>
      <c r="AO4477" s="92"/>
      <c r="AP4477" s="92"/>
      <c r="AQ4477" s="92"/>
      <c r="AR4477" s="92"/>
      <c r="AS4477" s="92"/>
      <c r="AT4477" s="92"/>
      <c r="AU4477" s="92"/>
      <c r="AV4477" s="92"/>
      <c r="AW4477" s="92"/>
      <c r="AX4477" s="92"/>
      <c r="AY4477" s="92"/>
      <c r="AZ4477" s="93"/>
      <c r="BA4477" s="93"/>
      <c r="BB4477" s="93"/>
      <c r="BC4477" s="93"/>
      <c r="BD4477" s="93"/>
      <c r="BE4477" s="93"/>
      <c r="BF4477" s="93"/>
      <c r="BG4477" s="93"/>
      <c r="BH4477" s="93"/>
      <c r="BI4477" s="93"/>
      <c r="BJ4477" s="93"/>
      <c r="BK4477" s="93"/>
      <c r="BL4477" s="93"/>
    </row>
    <row r="4478" spans="2:64" x14ac:dyDescent="0.2">
      <c r="B4478" s="43"/>
      <c r="C4478" s="73"/>
      <c r="D4478" s="64"/>
      <c r="E4478" s="55"/>
      <c r="F4478" s="74"/>
      <c r="G4478" s="74"/>
      <c r="H4478" s="74"/>
      <c r="I4478" s="75"/>
      <c r="J4478" s="74"/>
      <c r="L4478" s="55"/>
      <c r="M4478" s="234"/>
      <c r="N4478" s="65"/>
      <c r="O4478" s="76"/>
      <c r="P4478" s="76"/>
      <c r="Q4478" s="65"/>
      <c r="R4478" s="76"/>
      <c r="S4478" s="76"/>
      <c r="T4478" s="76"/>
      <c r="U4478" s="76"/>
      <c r="V4478" s="76"/>
      <c r="W4478" s="76"/>
      <c r="X4478" s="76"/>
      <c r="Y4478" s="76"/>
      <c r="Z4478" s="76"/>
      <c r="AA4478" s="85"/>
      <c r="AB4478" s="85"/>
      <c r="AC4478" s="85"/>
      <c r="AD4478" s="85"/>
      <c r="AE4478" s="85"/>
      <c r="AF4478" s="85"/>
      <c r="AG4478" s="86"/>
      <c r="AH4478" s="85"/>
      <c r="AI4478" s="85"/>
      <c r="AJ4478" s="85"/>
      <c r="AK4478" s="85"/>
      <c r="AL4478" s="85"/>
      <c r="AM4478" s="92"/>
      <c r="AN4478" s="92"/>
      <c r="AO4478" s="92"/>
      <c r="AP4478" s="92"/>
      <c r="AQ4478" s="92"/>
      <c r="AR4478" s="92"/>
      <c r="AS4478" s="92"/>
      <c r="AT4478" s="92"/>
      <c r="AU4478" s="92"/>
      <c r="AV4478" s="92"/>
      <c r="AW4478" s="92"/>
      <c r="AX4478" s="92"/>
      <c r="AY4478" s="92"/>
      <c r="AZ4478" s="93"/>
      <c r="BA4478" s="93"/>
      <c r="BB4478" s="93"/>
      <c r="BC4478" s="93"/>
      <c r="BD4478" s="93"/>
      <c r="BE4478" s="93"/>
      <c r="BF4478" s="93"/>
      <c r="BG4478" s="93"/>
      <c r="BH4478" s="93"/>
      <c r="BI4478" s="93"/>
      <c r="BJ4478" s="93"/>
      <c r="BK4478" s="93"/>
      <c r="BL4478" s="93"/>
    </row>
    <row r="4479" spans="2:64" x14ac:dyDescent="0.2">
      <c r="B4479" s="43"/>
      <c r="C4479" s="73"/>
      <c r="D4479" s="64"/>
      <c r="E4479" s="55"/>
      <c r="F4479" s="74"/>
      <c r="G4479" s="74"/>
      <c r="H4479" s="74"/>
      <c r="I4479" s="75"/>
      <c r="J4479" s="74"/>
      <c r="L4479" s="55"/>
      <c r="M4479" s="234"/>
      <c r="N4479" s="65"/>
      <c r="O4479" s="76"/>
      <c r="P4479" s="76"/>
      <c r="Q4479" s="65"/>
      <c r="R4479" s="76"/>
      <c r="S4479" s="76"/>
      <c r="T4479" s="76"/>
      <c r="U4479" s="76"/>
      <c r="V4479" s="76"/>
      <c r="W4479" s="76"/>
      <c r="X4479" s="76"/>
      <c r="Y4479" s="76"/>
      <c r="Z4479" s="76"/>
      <c r="AA4479" s="85"/>
      <c r="AB4479" s="85"/>
      <c r="AC4479" s="85"/>
      <c r="AD4479" s="85"/>
      <c r="AE4479" s="85"/>
      <c r="AF4479" s="85"/>
      <c r="AG4479" s="86"/>
      <c r="AH4479" s="85"/>
      <c r="AI4479" s="85"/>
      <c r="AJ4479" s="85"/>
      <c r="AK4479" s="85"/>
      <c r="AL4479" s="85"/>
      <c r="AM4479" s="92"/>
      <c r="AN4479" s="92"/>
      <c r="AO4479" s="92"/>
      <c r="AP4479" s="92"/>
      <c r="AQ4479" s="92"/>
      <c r="AR4479" s="92"/>
      <c r="AS4479" s="92"/>
      <c r="AT4479" s="92"/>
      <c r="AU4479" s="92"/>
      <c r="AV4479" s="92"/>
      <c r="AW4479" s="92"/>
      <c r="AX4479" s="92"/>
      <c r="AY4479" s="92"/>
      <c r="AZ4479" s="93"/>
      <c r="BA4479" s="93"/>
      <c r="BB4479" s="93"/>
      <c r="BC4479" s="93"/>
      <c r="BD4479" s="93"/>
      <c r="BE4479" s="93"/>
      <c r="BF4479" s="93"/>
      <c r="BG4479" s="93"/>
      <c r="BH4479" s="93"/>
      <c r="BI4479" s="93"/>
      <c r="BJ4479" s="93"/>
      <c r="BK4479" s="93"/>
      <c r="BL4479" s="93"/>
    </row>
    <row r="4480" spans="2:64" x14ac:dyDescent="0.2">
      <c r="B4480" s="43"/>
      <c r="C4480" s="73"/>
      <c r="D4480" s="64"/>
      <c r="E4480" s="55"/>
      <c r="F4480" s="74"/>
      <c r="G4480" s="74"/>
      <c r="H4480" s="74"/>
      <c r="I4480" s="75"/>
      <c r="J4480" s="74"/>
      <c r="L4480" s="55"/>
      <c r="M4480" s="234"/>
      <c r="N4480" s="65"/>
      <c r="O4480" s="76"/>
      <c r="P4480" s="76"/>
      <c r="Q4480" s="65"/>
      <c r="R4480" s="76"/>
      <c r="S4480" s="76"/>
      <c r="T4480" s="76"/>
      <c r="U4480" s="76"/>
      <c r="V4480" s="76"/>
      <c r="W4480" s="76"/>
      <c r="X4480" s="76"/>
      <c r="Y4480" s="76"/>
      <c r="Z4480" s="76"/>
      <c r="AA4480" s="85"/>
      <c r="AB4480" s="85"/>
      <c r="AC4480" s="85"/>
      <c r="AD4480" s="85"/>
      <c r="AE4480" s="85"/>
      <c r="AF4480" s="85"/>
      <c r="AG4480" s="86"/>
      <c r="AH4480" s="85"/>
      <c r="AI4480" s="85"/>
      <c r="AJ4480" s="85"/>
      <c r="AK4480" s="85"/>
      <c r="AL4480" s="85"/>
      <c r="AM4480" s="92"/>
      <c r="AN4480" s="92"/>
      <c r="AO4480" s="92"/>
      <c r="AP4480" s="92"/>
      <c r="AQ4480" s="92"/>
      <c r="AR4480" s="92"/>
      <c r="AS4480" s="92"/>
      <c r="AT4480" s="92"/>
      <c r="AU4480" s="92"/>
      <c r="AV4480" s="92"/>
      <c r="AW4480" s="92"/>
      <c r="AX4480" s="92"/>
      <c r="AY4480" s="92"/>
      <c r="AZ4480" s="93"/>
      <c r="BA4480" s="93"/>
      <c r="BB4480" s="93"/>
      <c r="BC4480" s="93"/>
      <c r="BD4480" s="93"/>
      <c r="BE4480" s="93"/>
      <c r="BF4480" s="93"/>
      <c r="BG4480" s="93"/>
      <c r="BH4480" s="93"/>
      <c r="BI4480" s="93"/>
      <c r="BJ4480" s="93"/>
      <c r="BK4480" s="93"/>
      <c r="BL4480" s="93"/>
    </row>
    <row r="4481" spans="2:64" x14ac:dyDescent="0.2">
      <c r="B4481" s="43"/>
      <c r="C4481" s="73"/>
      <c r="D4481" s="64"/>
      <c r="E4481" s="55"/>
      <c r="F4481" s="74"/>
      <c r="G4481" s="74"/>
      <c r="H4481" s="74"/>
      <c r="I4481" s="75"/>
      <c r="J4481" s="74"/>
      <c r="L4481" s="55"/>
      <c r="M4481" s="234"/>
      <c r="N4481" s="65"/>
      <c r="O4481" s="76"/>
      <c r="P4481" s="76"/>
      <c r="Q4481" s="65"/>
      <c r="R4481" s="76"/>
      <c r="S4481" s="76"/>
      <c r="T4481" s="76"/>
      <c r="U4481" s="76"/>
      <c r="V4481" s="76"/>
      <c r="W4481" s="76"/>
      <c r="X4481" s="76"/>
      <c r="Y4481" s="76"/>
      <c r="Z4481" s="76"/>
      <c r="AA4481" s="85"/>
      <c r="AB4481" s="85"/>
      <c r="AC4481" s="85"/>
      <c r="AD4481" s="85"/>
      <c r="AE4481" s="85"/>
      <c r="AF4481" s="85"/>
      <c r="AG4481" s="86"/>
      <c r="AH4481" s="85"/>
      <c r="AI4481" s="85"/>
      <c r="AJ4481" s="85"/>
      <c r="AK4481" s="85"/>
      <c r="AL4481" s="85"/>
      <c r="AM4481" s="92"/>
      <c r="AN4481" s="92"/>
      <c r="AO4481" s="92"/>
      <c r="AP4481" s="92"/>
      <c r="AQ4481" s="92"/>
      <c r="AR4481" s="92"/>
      <c r="AS4481" s="92"/>
      <c r="AT4481" s="92"/>
      <c r="AU4481" s="92"/>
      <c r="AV4481" s="92"/>
      <c r="AW4481" s="92"/>
      <c r="AX4481" s="92"/>
      <c r="AY4481" s="92"/>
      <c r="AZ4481" s="93"/>
      <c r="BA4481" s="93"/>
      <c r="BB4481" s="93"/>
      <c r="BC4481" s="93"/>
      <c r="BD4481" s="93"/>
      <c r="BE4481" s="93"/>
      <c r="BF4481" s="93"/>
      <c r="BG4481" s="93"/>
      <c r="BH4481" s="93"/>
      <c r="BI4481" s="93"/>
      <c r="BJ4481" s="93"/>
      <c r="BK4481" s="93"/>
      <c r="BL4481" s="93"/>
    </row>
    <row r="4482" spans="2:64" x14ac:dyDescent="0.2">
      <c r="B4482" s="43"/>
      <c r="C4482" s="73"/>
      <c r="D4482" s="64"/>
      <c r="E4482" s="55"/>
      <c r="F4482" s="74"/>
      <c r="G4482" s="74"/>
      <c r="H4482" s="74"/>
      <c r="I4482" s="75"/>
      <c r="J4482" s="74"/>
      <c r="L4482" s="55"/>
      <c r="M4482" s="234"/>
      <c r="N4482" s="65"/>
      <c r="O4482" s="76"/>
      <c r="P4482" s="76"/>
      <c r="Q4482" s="65"/>
      <c r="R4482" s="76"/>
      <c r="S4482" s="76"/>
      <c r="T4482" s="76"/>
      <c r="U4482" s="76"/>
      <c r="V4482" s="76"/>
      <c r="W4482" s="76"/>
      <c r="X4482" s="76"/>
      <c r="Y4482" s="76"/>
      <c r="Z4482" s="76"/>
      <c r="AA4482" s="85"/>
      <c r="AB4482" s="85"/>
      <c r="AC4482" s="85"/>
      <c r="AD4482" s="85"/>
      <c r="AE4482" s="85"/>
      <c r="AF4482" s="85"/>
      <c r="AG4482" s="86"/>
      <c r="AH4482" s="85"/>
      <c r="AI4482" s="85"/>
      <c r="AJ4482" s="85"/>
      <c r="AK4482" s="85"/>
      <c r="AL4482" s="85"/>
      <c r="AM4482" s="92"/>
      <c r="AN4482" s="92"/>
      <c r="AO4482" s="92"/>
      <c r="AP4482" s="92"/>
      <c r="AQ4482" s="92"/>
      <c r="AR4482" s="92"/>
      <c r="AS4482" s="92"/>
      <c r="AT4482" s="92"/>
      <c r="AU4482" s="92"/>
      <c r="AV4482" s="92"/>
      <c r="AW4482" s="92"/>
      <c r="AX4482" s="92"/>
      <c r="AY4482" s="92"/>
      <c r="AZ4482" s="93"/>
      <c r="BA4482" s="93"/>
      <c r="BB4482" s="93"/>
      <c r="BC4482" s="93"/>
      <c r="BD4482" s="93"/>
      <c r="BE4482" s="93"/>
      <c r="BF4482" s="93"/>
      <c r="BG4482" s="93"/>
      <c r="BH4482" s="93"/>
      <c r="BI4482" s="93"/>
      <c r="BJ4482" s="93"/>
      <c r="BK4482" s="93"/>
      <c r="BL4482" s="93"/>
    </row>
    <row r="4483" spans="2:64" x14ac:dyDescent="0.2">
      <c r="B4483" s="43"/>
      <c r="C4483" s="73"/>
      <c r="D4483" s="64"/>
      <c r="E4483" s="55"/>
      <c r="F4483" s="74"/>
      <c r="G4483" s="74"/>
      <c r="H4483" s="74"/>
      <c r="I4483" s="75"/>
      <c r="J4483" s="74"/>
      <c r="L4483" s="55"/>
      <c r="M4483" s="234"/>
      <c r="N4483" s="65"/>
      <c r="O4483" s="76"/>
      <c r="P4483" s="76"/>
      <c r="Q4483" s="65"/>
      <c r="R4483" s="76"/>
      <c r="S4483" s="76"/>
      <c r="T4483" s="76"/>
      <c r="U4483" s="76"/>
      <c r="V4483" s="76"/>
      <c r="W4483" s="76"/>
      <c r="X4483" s="76"/>
      <c r="Y4483" s="76"/>
      <c r="Z4483" s="76"/>
      <c r="AA4483" s="85"/>
      <c r="AB4483" s="85"/>
      <c r="AC4483" s="85"/>
      <c r="AD4483" s="85"/>
      <c r="AE4483" s="85"/>
      <c r="AF4483" s="85"/>
      <c r="AG4483" s="86"/>
      <c r="AH4483" s="85"/>
      <c r="AI4483" s="85"/>
      <c r="AJ4483" s="85"/>
      <c r="AK4483" s="85"/>
      <c r="AL4483" s="85"/>
      <c r="AM4483" s="92"/>
      <c r="AN4483" s="92"/>
      <c r="AO4483" s="92"/>
      <c r="AP4483" s="92"/>
      <c r="AQ4483" s="92"/>
      <c r="AR4483" s="92"/>
      <c r="AS4483" s="92"/>
      <c r="AT4483" s="92"/>
      <c r="AU4483" s="92"/>
      <c r="AV4483" s="92"/>
      <c r="AW4483" s="92"/>
      <c r="AX4483" s="92"/>
      <c r="AY4483" s="92"/>
      <c r="AZ4483" s="93"/>
      <c r="BA4483" s="93"/>
      <c r="BB4483" s="93"/>
      <c r="BC4483" s="93"/>
      <c r="BD4483" s="93"/>
      <c r="BE4483" s="93"/>
      <c r="BF4483" s="93"/>
      <c r="BG4483" s="93"/>
      <c r="BH4483" s="93"/>
      <c r="BI4483" s="93"/>
      <c r="BJ4483" s="93"/>
      <c r="BK4483" s="93"/>
      <c r="BL4483" s="93"/>
    </row>
    <row r="4484" spans="2:64" x14ac:dyDescent="0.2">
      <c r="B4484" s="43"/>
      <c r="C4484" s="73"/>
      <c r="D4484" s="64"/>
      <c r="E4484" s="55"/>
      <c r="F4484" s="74"/>
      <c r="G4484" s="74"/>
      <c r="H4484" s="74"/>
      <c r="I4484" s="75"/>
      <c r="J4484" s="74"/>
      <c r="L4484" s="55"/>
      <c r="M4484" s="234"/>
      <c r="N4484" s="65"/>
      <c r="O4484" s="76"/>
      <c r="P4484" s="76"/>
      <c r="Q4484" s="65"/>
      <c r="R4484" s="76"/>
      <c r="S4484" s="76"/>
      <c r="T4484" s="76"/>
      <c r="U4484" s="76"/>
      <c r="V4484" s="76"/>
      <c r="W4484" s="76"/>
      <c r="X4484" s="76"/>
      <c r="Y4484" s="76"/>
      <c r="Z4484" s="76"/>
      <c r="AA4484" s="85"/>
      <c r="AB4484" s="85"/>
      <c r="AC4484" s="85"/>
      <c r="AD4484" s="85"/>
      <c r="AE4484" s="85"/>
      <c r="AF4484" s="85"/>
      <c r="AG4484" s="86"/>
      <c r="AH4484" s="85"/>
      <c r="AI4484" s="85"/>
      <c r="AJ4484" s="85"/>
      <c r="AK4484" s="85"/>
      <c r="AL4484" s="85"/>
      <c r="AM4484" s="92"/>
      <c r="AN4484" s="92"/>
      <c r="AO4484" s="92"/>
      <c r="AP4484" s="92"/>
      <c r="AQ4484" s="92"/>
      <c r="AR4484" s="92"/>
      <c r="AS4484" s="92"/>
      <c r="AT4484" s="92"/>
      <c r="AU4484" s="92"/>
      <c r="AV4484" s="92"/>
      <c r="AW4484" s="92"/>
      <c r="AX4484" s="92"/>
      <c r="AY4484" s="92"/>
      <c r="AZ4484" s="93"/>
      <c r="BA4484" s="93"/>
      <c r="BB4484" s="93"/>
      <c r="BC4484" s="93"/>
      <c r="BD4484" s="93"/>
      <c r="BE4484" s="93"/>
      <c r="BF4484" s="93"/>
      <c r="BG4484" s="93"/>
      <c r="BH4484" s="93"/>
      <c r="BI4484" s="93"/>
      <c r="BJ4484" s="93"/>
      <c r="BK4484" s="93"/>
      <c r="BL4484" s="93"/>
    </row>
    <row r="4485" spans="2:64" x14ac:dyDescent="0.2">
      <c r="B4485" s="43"/>
      <c r="C4485" s="73"/>
      <c r="D4485" s="64"/>
      <c r="E4485" s="55"/>
      <c r="F4485" s="74"/>
      <c r="G4485" s="74"/>
      <c r="H4485" s="74"/>
      <c r="I4485" s="75"/>
      <c r="J4485" s="74"/>
      <c r="L4485" s="55"/>
      <c r="M4485" s="234"/>
      <c r="N4485" s="65"/>
      <c r="O4485" s="76"/>
      <c r="P4485" s="76"/>
      <c r="Q4485" s="65"/>
      <c r="R4485" s="76"/>
      <c r="S4485" s="76"/>
      <c r="T4485" s="76"/>
      <c r="U4485" s="76"/>
      <c r="V4485" s="76"/>
      <c r="W4485" s="76"/>
      <c r="X4485" s="76"/>
      <c r="Y4485" s="76"/>
      <c r="Z4485" s="76"/>
      <c r="AA4485" s="85"/>
      <c r="AB4485" s="85"/>
      <c r="AC4485" s="85"/>
      <c r="AD4485" s="85"/>
      <c r="AE4485" s="85"/>
      <c r="AF4485" s="85"/>
      <c r="AG4485" s="86"/>
      <c r="AH4485" s="85"/>
      <c r="AI4485" s="85"/>
      <c r="AJ4485" s="85"/>
      <c r="AK4485" s="85"/>
      <c r="AL4485" s="85"/>
      <c r="AM4485" s="92"/>
      <c r="AN4485" s="92"/>
      <c r="AO4485" s="92"/>
      <c r="AP4485" s="92"/>
      <c r="AQ4485" s="92"/>
      <c r="AR4485" s="92"/>
      <c r="AS4485" s="92"/>
      <c r="AT4485" s="92"/>
      <c r="AU4485" s="92"/>
      <c r="AV4485" s="92"/>
      <c r="AW4485" s="92"/>
      <c r="AX4485" s="92"/>
      <c r="AY4485" s="92"/>
      <c r="AZ4485" s="93"/>
      <c r="BA4485" s="93"/>
      <c r="BB4485" s="93"/>
      <c r="BC4485" s="93"/>
      <c r="BD4485" s="93"/>
      <c r="BE4485" s="93"/>
      <c r="BF4485" s="93"/>
      <c r="BG4485" s="93"/>
      <c r="BH4485" s="93"/>
      <c r="BI4485" s="93"/>
      <c r="BJ4485" s="93"/>
      <c r="BK4485" s="93"/>
      <c r="BL4485" s="93"/>
    </row>
    <row r="4486" spans="2:64" x14ac:dyDescent="0.2">
      <c r="B4486" s="43"/>
      <c r="C4486" s="73"/>
      <c r="D4486" s="64"/>
      <c r="E4486" s="55"/>
      <c r="F4486" s="74"/>
      <c r="G4486" s="74"/>
      <c r="H4486" s="74"/>
      <c r="I4486" s="75"/>
      <c r="J4486" s="74"/>
      <c r="L4486" s="55"/>
      <c r="M4486" s="234"/>
      <c r="N4486" s="65"/>
      <c r="O4486" s="76"/>
      <c r="P4486" s="76"/>
      <c r="Q4486" s="65"/>
      <c r="R4486" s="76"/>
      <c r="S4486" s="76"/>
      <c r="T4486" s="76"/>
      <c r="U4486" s="76"/>
      <c r="V4486" s="76"/>
      <c r="W4486" s="76"/>
      <c r="X4486" s="76"/>
      <c r="Y4486" s="76"/>
      <c r="Z4486" s="76"/>
      <c r="AA4486" s="85"/>
      <c r="AB4486" s="85"/>
      <c r="AC4486" s="85"/>
      <c r="AD4486" s="85"/>
      <c r="AE4486" s="85"/>
      <c r="AF4486" s="85"/>
      <c r="AG4486" s="86"/>
      <c r="AH4486" s="85"/>
      <c r="AI4486" s="85"/>
      <c r="AJ4486" s="85"/>
      <c r="AK4486" s="85"/>
      <c r="AL4486" s="85"/>
      <c r="AM4486" s="92"/>
      <c r="AN4486" s="92"/>
      <c r="AO4486" s="92"/>
      <c r="AP4486" s="92"/>
      <c r="AQ4486" s="92"/>
      <c r="AR4486" s="92"/>
      <c r="AS4486" s="92"/>
      <c r="AT4486" s="92"/>
      <c r="AU4486" s="92"/>
      <c r="AV4486" s="92"/>
      <c r="AW4486" s="92"/>
      <c r="AX4486" s="92"/>
      <c r="AY4486" s="92"/>
      <c r="AZ4486" s="93"/>
      <c r="BA4486" s="93"/>
      <c r="BB4486" s="93"/>
      <c r="BC4486" s="93"/>
      <c r="BD4486" s="93"/>
      <c r="BE4486" s="93"/>
      <c r="BF4486" s="93"/>
      <c r="BG4486" s="93"/>
      <c r="BH4486" s="93"/>
      <c r="BI4486" s="93"/>
      <c r="BJ4486" s="93"/>
      <c r="BK4486" s="93"/>
      <c r="BL4486" s="93"/>
    </row>
    <row r="4487" spans="2:64" x14ac:dyDescent="0.2">
      <c r="B4487" s="43"/>
      <c r="C4487" s="73"/>
      <c r="D4487" s="64"/>
      <c r="E4487" s="55"/>
      <c r="F4487" s="74"/>
      <c r="G4487" s="74"/>
      <c r="H4487" s="74"/>
      <c r="I4487" s="75"/>
      <c r="J4487" s="74"/>
      <c r="L4487" s="55"/>
      <c r="M4487" s="234"/>
      <c r="N4487" s="65"/>
      <c r="O4487" s="76"/>
      <c r="P4487" s="76"/>
      <c r="Q4487" s="65"/>
      <c r="R4487" s="76"/>
      <c r="S4487" s="76"/>
      <c r="T4487" s="76"/>
      <c r="U4487" s="76"/>
      <c r="V4487" s="76"/>
      <c r="W4487" s="76"/>
      <c r="X4487" s="76"/>
      <c r="Y4487" s="76"/>
      <c r="Z4487" s="76"/>
      <c r="AA4487" s="85"/>
      <c r="AB4487" s="85"/>
      <c r="AC4487" s="85"/>
      <c r="AD4487" s="85"/>
      <c r="AE4487" s="85"/>
      <c r="AF4487" s="85"/>
      <c r="AG4487" s="86"/>
      <c r="AH4487" s="85"/>
      <c r="AI4487" s="85"/>
      <c r="AJ4487" s="85"/>
      <c r="AK4487" s="85"/>
      <c r="AL4487" s="85"/>
      <c r="AM4487" s="92"/>
      <c r="AN4487" s="92"/>
      <c r="AO4487" s="92"/>
      <c r="AP4487" s="92"/>
      <c r="AQ4487" s="92"/>
      <c r="AR4487" s="92"/>
      <c r="AS4487" s="92"/>
      <c r="AT4487" s="92"/>
      <c r="AU4487" s="92"/>
      <c r="AV4487" s="92"/>
      <c r="AW4487" s="92"/>
      <c r="AX4487" s="92"/>
      <c r="AY4487" s="92"/>
      <c r="AZ4487" s="93"/>
      <c r="BA4487" s="93"/>
      <c r="BB4487" s="93"/>
      <c r="BC4487" s="93"/>
      <c r="BD4487" s="93"/>
      <c r="BE4487" s="93"/>
      <c r="BF4487" s="93"/>
      <c r="BG4487" s="93"/>
      <c r="BH4487" s="93"/>
      <c r="BI4487" s="93"/>
      <c r="BJ4487" s="93"/>
      <c r="BK4487" s="93"/>
      <c r="BL4487" s="93"/>
    </row>
    <row r="4488" spans="2:64" x14ac:dyDescent="0.2">
      <c r="B4488" s="43"/>
      <c r="C4488" s="73"/>
      <c r="D4488" s="64"/>
      <c r="E4488" s="55"/>
      <c r="F4488" s="74"/>
      <c r="G4488" s="74"/>
      <c r="H4488" s="74"/>
      <c r="I4488" s="75"/>
      <c r="J4488" s="74"/>
      <c r="L4488" s="55"/>
      <c r="M4488" s="234"/>
      <c r="N4488" s="65"/>
      <c r="O4488" s="76"/>
      <c r="P4488" s="76"/>
      <c r="Q4488" s="65"/>
      <c r="R4488" s="76"/>
      <c r="S4488" s="76"/>
      <c r="T4488" s="76"/>
      <c r="U4488" s="76"/>
      <c r="V4488" s="76"/>
      <c r="W4488" s="76"/>
      <c r="X4488" s="76"/>
      <c r="Y4488" s="76"/>
      <c r="Z4488" s="76"/>
      <c r="AA4488" s="85"/>
      <c r="AB4488" s="85"/>
      <c r="AC4488" s="85"/>
      <c r="AD4488" s="85"/>
      <c r="AE4488" s="85"/>
      <c r="AF4488" s="85"/>
      <c r="AG4488" s="86"/>
      <c r="AH4488" s="85"/>
      <c r="AI4488" s="85"/>
      <c r="AJ4488" s="85"/>
      <c r="AK4488" s="85"/>
      <c r="AL4488" s="85"/>
      <c r="AM4488" s="92"/>
      <c r="AN4488" s="92"/>
      <c r="AO4488" s="92"/>
      <c r="AP4488" s="92"/>
      <c r="AQ4488" s="92"/>
      <c r="AR4488" s="92"/>
      <c r="AS4488" s="92"/>
      <c r="AT4488" s="92"/>
      <c r="AU4488" s="92"/>
      <c r="AV4488" s="92"/>
      <c r="AW4488" s="92"/>
      <c r="AX4488" s="92"/>
      <c r="AY4488" s="92"/>
      <c r="AZ4488" s="93"/>
      <c r="BA4488" s="93"/>
      <c r="BB4488" s="93"/>
      <c r="BC4488" s="93"/>
      <c r="BD4488" s="93"/>
      <c r="BE4488" s="93"/>
      <c r="BF4488" s="93"/>
      <c r="BG4488" s="93"/>
      <c r="BH4488" s="93"/>
      <c r="BI4488" s="93"/>
      <c r="BJ4488" s="93"/>
      <c r="BK4488" s="93"/>
      <c r="BL4488" s="93"/>
    </row>
    <row r="4489" spans="2:64" x14ac:dyDescent="0.2">
      <c r="B4489" s="43"/>
      <c r="C4489" s="73"/>
      <c r="D4489" s="64"/>
      <c r="E4489" s="55"/>
      <c r="F4489" s="74"/>
      <c r="G4489" s="74"/>
      <c r="H4489" s="74"/>
      <c r="I4489" s="75"/>
      <c r="J4489" s="74"/>
      <c r="L4489" s="55"/>
      <c r="M4489" s="234"/>
      <c r="N4489" s="65"/>
      <c r="O4489" s="76"/>
      <c r="P4489" s="76"/>
      <c r="Q4489" s="65"/>
      <c r="R4489" s="76"/>
      <c r="S4489" s="76"/>
      <c r="T4489" s="76"/>
      <c r="U4489" s="76"/>
      <c r="V4489" s="76"/>
      <c r="W4489" s="76"/>
      <c r="X4489" s="76"/>
      <c r="Y4489" s="76"/>
      <c r="Z4489" s="76"/>
      <c r="AA4489" s="85"/>
      <c r="AB4489" s="85"/>
      <c r="AC4489" s="85"/>
      <c r="AD4489" s="85"/>
      <c r="AE4489" s="85"/>
      <c r="AF4489" s="85"/>
      <c r="AG4489" s="86"/>
      <c r="AH4489" s="85"/>
      <c r="AI4489" s="85"/>
      <c r="AJ4489" s="85"/>
      <c r="AK4489" s="85"/>
      <c r="AL4489" s="85"/>
      <c r="AM4489" s="92"/>
      <c r="AN4489" s="92"/>
      <c r="AO4489" s="92"/>
      <c r="AP4489" s="92"/>
      <c r="AQ4489" s="92"/>
      <c r="AR4489" s="92"/>
      <c r="AS4489" s="92"/>
      <c r="AT4489" s="92"/>
      <c r="AU4489" s="92"/>
      <c r="AV4489" s="92"/>
      <c r="AW4489" s="92"/>
      <c r="AX4489" s="92"/>
      <c r="AY4489" s="92"/>
      <c r="AZ4489" s="93"/>
      <c r="BA4489" s="93"/>
      <c r="BB4489" s="93"/>
      <c r="BC4489" s="93"/>
      <c r="BD4489" s="93"/>
      <c r="BE4489" s="93"/>
      <c r="BF4489" s="93"/>
      <c r="BG4489" s="93"/>
      <c r="BH4489" s="93"/>
      <c r="BI4489" s="93"/>
      <c r="BJ4489" s="93"/>
      <c r="BK4489" s="93"/>
      <c r="BL4489" s="93"/>
    </row>
    <row r="4490" spans="2:64" x14ac:dyDescent="0.2">
      <c r="B4490" s="43"/>
      <c r="C4490" s="73"/>
      <c r="D4490" s="64"/>
      <c r="E4490" s="55"/>
      <c r="F4490" s="74"/>
      <c r="G4490" s="74"/>
      <c r="H4490" s="74"/>
      <c r="I4490" s="75"/>
      <c r="J4490" s="74"/>
      <c r="L4490" s="55"/>
      <c r="M4490" s="234"/>
      <c r="N4490" s="65"/>
      <c r="O4490" s="76"/>
      <c r="P4490" s="76"/>
      <c r="Q4490" s="65"/>
      <c r="R4490" s="76"/>
      <c r="S4490" s="76"/>
      <c r="T4490" s="76"/>
      <c r="U4490" s="76"/>
      <c r="V4490" s="76"/>
      <c r="W4490" s="76"/>
      <c r="X4490" s="76"/>
      <c r="Y4490" s="76"/>
      <c r="Z4490" s="76"/>
      <c r="AA4490" s="85"/>
      <c r="AB4490" s="85"/>
      <c r="AC4490" s="85"/>
      <c r="AD4490" s="85"/>
      <c r="AE4490" s="85"/>
      <c r="AF4490" s="85"/>
      <c r="AG4490" s="86"/>
      <c r="AH4490" s="85"/>
      <c r="AI4490" s="85"/>
      <c r="AJ4490" s="85"/>
      <c r="AK4490" s="85"/>
      <c r="AL4490" s="85"/>
      <c r="AM4490" s="92"/>
      <c r="AN4490" s="92"/>
      <c r="AO4490" s="92"/>
      <c r="AP4490" s="92"/>
      <c r="AQ4490" s="92"/>
      <c r="AR4490" s="92"/>
      <c r="AS4490" s="92"/>
      <c r="AT4490" s="92"/>
      <c r="AU4490" s="92"/>
      <c r="AV4490" s="92"/>
      <c r="AW4490" s="92"/>
      <c r="AX4490" s="92"/>
      <c r="AY4490" s="92"/>
      <c r="AZ4490" s="93"/>
      <c r="BA4490" s="93"/>
      <c r="BB4490" s="93"/>
      <c r="BC4490" s="93"/>
      <c r="BD4490" s="93"/>
      <c r="BE4490" s="93"/>
      <c r="BF4490" s="93"/>
      <c r="BG4490" s="93"/>
      <c r="BH4490" s="93"/>
      <c r="BI4490" s="93"/>
      <c r="BJ4490" s="93"/>
      <c r="BK4490" s="93"/>
      <c r="BL4490" s="93"/>
    </row>
    <row r="4491" spans="2:64" x14ac:dyDescent="0.2">
      <c r="B4491" s="43"/>
      <c r="C4491" s="73"/>
      <c r="D4491" s="64"/>
      <c r="E4491" s="55"/>
      <c r="F4491" s="74"/>
      <c r="G4491" s="74"/>
      <c r="H4491" s="74"/>
      <c r="I4491" s="75"/>
      <c r="J4491" s="74"/>
      <c r="L4491" s="55"/>
      <c r="M4491" s="234"/>
      <c r="N4491" s="65"/>
      <c r="O4491" s="76"/>
      <c r="P4491" s="76"/>
      <c r="Q4491" s="65"/>
      <c r="R4491" s="76"/>
      <c r="S4491" s="76"/>
      <c r="T4491" s="76"/>
      <c r="U4491" s="76"/>
      <c r="V4491" s="76"/>
      <c r="W4491" s="76"/>
      <c r="X4491" s="76"/>
      <c r="Y4491" s="76"/>
      <c r="Z4491" s="76"/>
      <c r="AA4491" s="85"/>
      <c r="AB4491" s="85"/>
      <c r="AC4491" s="85"/>
      <c r="AD4491" s="85"/>
      <c r="AE4491" s="85"/>
      <c r="AF4491" s="85"/>
      <c r="AG4491" s="86"/>
      <c r="AH4491" s="85"/>
      <c r="AI4491" s="85"/>
      <c r="AJ4491" s="85"/>
      <c r="AK4491" s="85"/>
      <c r="AL4491" s="85"/>
      <c r="AM4491" s="92"/>
      <c r="AN4491" s="92"/>
      <c r="AO4491" s="92"/>
      <c r="AP4491" s="92"/>
      <c r="AQ4491" s="92"/>
      <c r="AR4491" s="92"/>
      <c r="AS4491" s="92"/>
      <c r="AT4491" s="92"/>
      <c r="AU4491" s="92"/>
      <c r="AV4491" s="92"/>
      <c r="AW4491" s="92"/>
      <c r="AX4491" s="92"/>
      <c r="AY4491" s="92"/>
      <c r="AZ4491" s="93"/>
      <c r="BA4491" s="93"/>
      <c r="BB4491" s="93"/>
      <c r="BC4491" s="93"/>
      <c r="BD4491" s="93"/>
      <c r="BE4491" s="93"/>
      <c r="BF4491" s="93"/>
      <c r="BG4491" s="93"/>
      <c r="BH4491" s="93"/>
      <c r="BI4491" s="93"/>
      <c r="BJ4491" s="93"/>
      <c r="BK4491" s="93"/>
      <c r="BL4491" s="93"/>
    </row>
    <row r="4492" spans="2:64" x14ac:dyDescent="0.2">
      <c r="B4492" s="43"/>
      <c r="C4492" s="73"/>
      <c r="D4492" s="64"/>
      <c r="E4492" s="55"/>
      <c r="F4492" s="74"/>
      <c r="G4492" s="74"/>
      <c r="H4492" s="74"/>
      <c r="I4492" s="75"/>
      <c r="J4492" s="74"/>
      <c r="L4492" s="55"/>
      <c r="M4492" s="234"/>
      <c r="N4492" s="65"/>
      <c r="O4492" s="76"/>
      <c r="P4492" s="76"/>
      <c r="Q4492" s="65"/>
      <c r="R4492" s="76"/>
      <c r="S4492" s="76"/>
      <c r="T4492" s="76"/>
      <c r="U4492" s="76"/>
      <c r="V4492" s="76"/>
      <c r="W4492" s="76"/>
      <c r="X4492" s="76"/>
      <c r="Y4492" s="76"/>
      <c r="Z4492" s="76"/>
      <c r="AA4492" s="85"/>
      <c r="AB4492" s="85"/>
      <c r="AC4492" s="85"/>
      <c r="AD4492" s="85"/>
      <c r="AE4492" s="85"/>
      <c r="AF4492" s="85"/>
      <c r="AG4492" s="86"/>
      <c r="AH4492" s="85"/>
      <c r="AI4492" s="85"/>
      <c r="AJ4492" s="85"/>
      <c r="AK4492" s="85"/>
      <c r="AL4492" s="85"/>
      <c r="AM4492" s="92"/>
      <c r="AN4492" s="92"/>
      <c r="AO4492" s="92"/>
      <c r="AP4492" s="92"/>
      <c r="AQ4492" s="92"/>
      <c r="AR4492" s="92"/>
      <c r="AS4492" s="92"/>
      <c r="AT4492" s="92"/>
      <c r="AU4492" s="92"/>
      <c r="AV4492" s="92"/>
      <c r="AW4492" s="92"/>
      <c r="AX4492" s="92"/>
      <c r="AY4492" s="92"/>
      <c r="AZ4492" s="93"/>
      <c r="BA4492" s="93"/>
      <c r="BB4492" s="93"/>
      <c r="BC4492" s="93"/>
      <c r="BD4492" s="93"/>
      <c r="BE4492" s="93"/>
      <c r="BF4492" s="93"/>
      <c r="BG4492" s="93"/>
      <c r="BH4492" s="93"/>
      <c r="BI4492" s="93"/>
      <c r="BJ4492" s="93"/>
      <c r="BK4492" s="93"/>
      <c r="BL4492" s="93"/>
    </row>
    <row r="4493" spans="2:64" x14ac:dyDescent="0.2">
      <c r="B4493" s="43"/>
      <c r="C4493" s="73"/>
      <c r="D4493" s="64"/>
      <c r="E4493" s="55"/>
      <c r="F4493" s="74"/>
      <c r="G4493" s="74"/>
      <c r="H4493" s="74"/>
      <c r="I4493" s="75"/>
      <c r="J4493" s="74"/>
      <c r="L4493" s="55"/>
      <c r="M4493" s="234"/>
      <c r="N4493" s="65"/>
      <c r="O4493" s="76"/>
      <c r="P4493" s="76"/>
      <c r="Q4493" s="65"/>
      <c r="R4493" s="76"/>
      <c r="S4493" s="76"/>
      <c r="T4493" s="76"/>
      <c r="U4493" s="76"/>
      <c r="V4493" s="76"/>
      <c r="W4493" s="76"/>
      <c r="X4493" s="76"/>
      <c r="Y4493" s="76"/>
      <c r="Z4493" s="76"/>
      <c r="AA4493" s="85"/>
      <c r="AB4493" s="85"/>
      <c r="AC4493" s="85"/>
      <c r="AD4493" s="85"/>
      <c r="AE4493" s="85"/>
      <c r="AF4493" s="85"/>
      <c r="AG4493" s="86"/>
      <c r="AH4493" s="85"/>
      <c r="AI4493" s="85"/>
      <c r="AJ4493" s="85"/>
      <c r="AK4493" s="85"/>
      <c r="AL4493" s="85"/>
      <c r="AM4493" s="92"/>
      <c r="AN4493" s="92"/>
      <c r="AO4493" s="92"/>
      <c r="AP4493" s="92"/>
      <c r="AQ4493" s="92"/>
      <c r="AR4493" s="92"/>
      <c r="AS4493" s="92"/>
      <c r="AT4493" s="92"/>
      <c r="AU4493" s="92"/>
      <c r="AV4493" s="92"/>
      <c r="AW4493" s="92"/>
      <c r="AX4493" s="92"/>
      <c r="AY4493" s="92"/>
      <c r="AZ4493" s="93"/>
      <c r="BA4493" s="93"/>
      <c r="BB4493" s="93"/>
      <c r="BC4493" s="93"/>
      <c r="BD4493" s="93"/>
      <c r="BE4493" s="93"/>
      <c r="BF4493" s="93"/>
      <c r="BG4493" s="93"/>
      <c r="BH4493" s="93"/>
      <c r="BI4493" s="93"/>
      <c r="BJ4493" s="93"/>
      <c r="BK4493" s="93"/>
      <c r="BL4493" s="93"/>
    </row>
    <row r="4494" spans="2:64" x14ac:dyDescent="0.2">
      <c r="B4494" s="43"/>
      <c r="C4494" s="73"/>
      <c r="D4494" s="64"/>
      <c r="E4494" s="55"/>
      <c r="F4494" s="74"/>
      <c r="G4494" s="74"/>
      <c r="H4494" s="74"/>
      <c r="I4494" s="75"/>
      <c r="J4494" s="74"/>
      <c r="L4494" s="55"/>
      <c r="M4494" s="234"/>
      <c r="N4494" s="65"/>
      <c r="O4494" s="76"/>
      <c r="P4494" s="76"/>
      <c r="Q4494" s="65"/>
      <c r="R4494" s="76"/>
      <c r="S4494" s="76"/>
      <c r="T4494" s="76"/>
      <c r="U4494" s="76"/>
      <c r="V4494" s="76"/>
      <c r="W4494" s="76"/>
      <c r="X4494" s="76"/>
      <c r="Y4494" s="76"/>
      <c r="Z4494" s="76"/>
      <c r="AA4494" s="85"/>
      <c r="AB4494" s="85"/>
      <c r="AC4494" s="85"/>
      <c r="AD4494" s="85"/>
      <c r="AE4494" s="85"/>
      <c r="AF4494" s="85"/>
      <c r="AG4494" s="86"/>
      <c r="AH4494" s="85"/>
      <c r="AI4494" s="85"/>
      <c r="AJ4494" s="85"/>
      <c r="AK4494" s="85"/>
      <c r="AL4494" s="85"/>
      <c r="AM4494" s="92"/>
      <c r="AN4494" s="92"/>
      <c r="AO4494" s="92"/>
      <c r="AP4494" s="92"/>
      <c r="AQ4494" s="92"/>
      <c r="AR4494" s="92"/>
      <c r="AS4494" s="92"/>
      <c r="AT4494" s="92"/>
      <c r="AU4494" s="92"/>
      <c r="AV4494" s="92"/>
      <c r="AW4494" s="92"/>
      <c r="AX4494" s="92"/>
      <c r="AY4494" s="92"/>
      <c r="AZ4494" s="93"/>
      <c r="BA4494" s="93"/>
      <c r="BB4494" s="93"/>
      <c r="BC4494" s="93"/>
      <c r="BD4494" s="93"/>
      <c r="BE4494" s="93"/>
      <c r="BF4494" s="93"/>
      <c r="BG4494" s="93"/>
      <c r="BH4494" s="93"/>
      <c r="BI4494" s="93"/>
      <c r="BJ4494" s="93"/>
      <c r="BK4494" s="93"/>
      <c r="BL4494" s="93"/>
    </row>
    <row r="4495" spans="2:64" x14ac:dyDescent="0.2">
      <c r="B4495" s="43"/>
      <c r="C4495" s="73"/>
      <c r="D4495" s="64"/>
      <c r="E4495" s="55"/>
      <c r="F4495" s="74"/>
      <c r="G4495" s="74"/>
      <c r="H4495" s="74"/>
      <c r="I4495" s="75"/>
      <c r="J4495" s="74"/>
      <c r="L4495" s="55"/>
      <c r="M4495" s="234"/>
      <c r="N4495" s="65"/>
      <c r="O4495" s="76"/>
      <c r="P4495" s="76"/>
      <c r="Q4495" s="65"/>
      <c r="R4495" s="76"/>
      <c r="S4495" s="76"/>
      <c r="T4495" s="76"/>
      <c r="U4495" s="76"/>
      <c r="V4495" s="76"/>
      <c r="W4495" s="76"/>
      <c r="X4495" s="76"/>
      <c r="Y4495" s="76"/>
      <c r="Z4495" s="76"/>
      <c r="AA4495" s="85"/>
      <c r="AB4495" s="85"/>
      <c r="AC4495" s="85"/>
      <c r="AD4495" s="85"/>
      <c r="AE4495" s="85"/>
      <c r="AF4495" s="85"/>
      <c r="AG4495" s="86"/>
      <c r="AH4495" s="85"/>
      <c r="AI4495" s="85"/>
      <c r="AJ4495" s="85"/>
      <c r="AK4495" s="85"/>
      <c r="AL4495" s="85"/>
      <c r="AM4495" s="92"/>
      <c r="AN4495" s="92"/>
      <c r="AO4495" s="92"/>
      <c r="AP4495" s="92"/>
      <c r="AQ4495" s="92"/>
      <c r="AR4495" s="92"/>
      <c r="AS4495" s="92"/>
      <c r="AT4495" s="92"/>
      <c r="AU4495" s="92"/>
      <c r="AV4495" s="92"/>
      <c r="AW4495" s="92"/>
      <c r="AX4495" s="92"/>
      <c r="AY4495" s="92"/>
      <c r="AZ4495" s="93"/>
      <c r="BA4495" s="93"/>
      <c r="BB4495" s="93"/>
      <c r="BC4495" s="93"/>
      <c r="BD4495" s="93"/>
      <c r="BE4495" s="93"/>
      <c r="BF4495" s="93"/>
      <c r="BG4495" s="93"/>
      <c r="BH4495" s="93"/>
      <c r="BI4495" s="93"/>
      <c r="BJ4495" s="93"/>
      <c r="BK4495" s="93"/>
      <c r="BL4495" s="93"/>
    </row>
    <row r="4496" spans="2:64" x14ac:dyDescent="0.2">
      <c r="B4496" s="43"/>
      <c r="C4496" s="73"/>
      <c r="D4496" s="64"/>
      <c r="E4496" s="55"/>
      <c r="F4496" s="74"/>
      <c r="G4496" s="74"/>
      <c r="H4496" s="74"/>
      <c r="I4496" s="75"/>
      <c r="J4496" s="74"/>
      <c r="L4496" s="55"/>
      <c r="M4496" s="234"/>
      <c r="N4496" s="65"/>
      <c r="O4496" s="76"/>
      <c r="P4496" s="76"/>
      <c r="Q4496" s="65"/>
      <c r="R4496" s="76"/>
      <c r="S4496" s="76"/>
      <c r="T4496" s="76"/>
      <c r="U4496" s="76"/>
      <c r="V4496" s="76"/>
      <c r="W4496" s="76"/>
      <c r="X4496" s="76"/>
      <c r="Y4496" s="76"/>
      <c r="Z4496" s="76"/>
      <c r="AA4496" s="85"/>
      <c r="AB4496" s="85"/>
      <c r="AC4496" s="85"/>
      <c r="AD4496" s="85"/>
      <c r="AE4496" s="85"/>
      <c r="AF4496" s="85"/>
      <c r="AG4496" s="86"/>
      <c r="AH4496" s="85"/>
      <c r="AI4496" s="85"/>
      <c r="AJ4496" s="85"/>
      <c r="AK4496" s="85"/>
      <c r="AL4496" s="85"/>
      <c r="AM4496" s="92"/>
      <c r="AN4496" s="92"/>
      <c r="AO4496" s="92"/>
      <c r="AP4496" s="92"/>
      <c r="AQ4496" s="92"/>
      <c r="AR4496" s="92"/>
      <c r="AS4496" s="92"/>
      <c r="AT4496" s="92"/>
      <c r="AU4496" s="92"/>
      <c r="AV4496" s="92"/>
      <c r="AW4496" s="92"/>
      <c r="AX4496" s="92"/>
      <c r="AY4496" s="92"/>
      <c r="AZ4496" s="93"/>
      <c r="BA4496" s="93"/>
      <c r="BB4496" s="93"/>
      <c r="BC4496" s="93"/>
      <c r="BD4496" s="93"/>
      <c r="BE4496" s="93"/>
      <c r="BF4496" s="93"/>
      <c r="BG4496" s="93"/>
      <c r="BH4496" s="93"/>
      <c r="BI4496" s="93"/>
      <c r="BJ4496" s="93"/>
      <c r="BK4496" s="93"/>
      <c r="BL4496" s="93"/>
    </row>
    <row r="4497" spans="2:64" x14ac:dyDescent="0.2">
      <c r="B4497" s="43"/>
      <c r="C4497" s="73"/>
      <c r="D4497" s="64"/>
      <c r="E4497" s="55"/>
      <c r="F4497" s="74"/>
      <c r="G4497" s="74"/>
      <c r="H4497" s="74"/>
      <c r="I4497" s="75"/>
      <c r="J4497" s="74"/>
      <c r="L4497" s="55"/>
      <c r="M4497" s="234"/>
      <c r="N4497" s="65"/>
      <c r="O4497" s="76"/>
      <c r="P4497" s="76"/>
      <c r="Q4497" s="65"/>
      <c r="R4497" s="76"/>
      <c r="S4497" s="76"/>
      <c r="T4497" s="76"/>
      <c r="U4497" s="76"/>
      <c r="V4497" s="76"/>
      <c r="W4497" s="76"/>
      <c r="X4497" s="76"/>
      <c r="Y4497" s="76"/>
      <c r="Z4497" s="76"/>
      <c r="AA4497" s="85"/>
      <c r="AB4497" s="85"/>
      <c r="AC4497" s="85"/>
      <c r="AD4497" s="85"/>
      <c r="AE4497" s="85"/>
      <c r="AF4497" s="85"/>
      <c r="AG4497" s="86"/>
      <c r="AH4497" s="85"/>
      <c r="AI4497" s="85"/>
      <c r="AJ4497" s="85"/>
      <c r="AK4497" s="85"/>
      <c r="AL4497" s="85"/>
      <c r="AM4497" s="92"/>
      <c r="AN4497" s="92"/>
      <c r="AO4497" s="92"/>
      <c r="AP4497" s="92"/>
      <c r="AQ4497" s="92"/>
      <c r="AR4497" s="92"/>
      <c r="AS4497" s="92"/>
      <c r="AT4497" s="92"/>
      <c r="AU4497" s="92"/>
      <c r="AV4497" s="92"/>
      <c r="AW4497" s="92"/>
      <c r="AX4497" s="92"/>
      <c r="AY4497" s="92"/>
      <c r="AZ4497" s="93"/>
      <c r="BA4497" s="93"/>
      <c r="BB4497" s="93"/>
      <c r="BC4497" s="93"/>
      <c r="BD4497" s="93"/>
      <c r="BE4497" s="93"/>
      <c r="BF4497" s="93"/>
      <c r="BG4497" s="93"/>
      <c r="BH4497" s="93"/>
      <c r="BI4497" s="93"/>
      <c r="BJ4497" s="93"/>
      <c r="BK4497" s="93"/>
      <c r="BL4497" s="93"/>
    </row>
    <row r="4498" spans="2:64" x14ac:dyDescent="0.2">
      <c r="B4498" s="43"/>
      <c r="C4498" s="73"/>
      <c r="D4498" s="64"/>
      <c r="E4498" s="55"/>
      <c r="F4498" s="74"/>
      <c r="G4498" s="74"/>
      <c r="H4498" s="74"/>
      <c r="I4498" s="75"/>
      <c r="J4498" s="74"/>
      <c r="L4498" s="55"/>
      <c r="M4498" s="234"/>
      <c r="N4498" s="65"/>
      <c r="O4498" s="76"/>
      <c r="P4498" s="76"/>
      <c r="Q4498" s="65"/>
      <c r="R4498" s="76"/>
      <c r="S4498" s="76"/>
      <c r="T4498" s="76"/>
      <c r="U4498" s="76"/>
      <c r="V4498" s="76"/>
      <c r="W4498" s="76"/>
      <c r="X4498" s="76"/>
      <c r="Y4498" s="76"/>
      <c r="Z4498" s="76"/>
      <c r="AA4498" s="85"/>
      <c r="AB4498" s="85"/>
      <c r="AC4498" s="85"/>
      <c r="AD4498" s="85"/>
      <c r="AE4498" s="85"/>
      <c r="AF4498" s="85"/>
      <c r="AG4498" s="86"/>
      <c r="AH4498" s="85"/>
      <c r="AI4498" s="85"/>
      <c r="AJ4498" s="85"/>
      <c r="AK4498" s="85"/>
      <c r="AL4498" s="85"/>
      <c r="AM4498" s="92"/>
      <c r="AN4498" s="92"/>
      <c r="AO4498" s="92"/>
      <c r="AP4498" s="92"/>
      <c r="AQ4498" s="92"/>
      <c r="AR4498" s="92"/>
      <c r="AS4498" s="92"/>
      <c r="AT4498" s="92"/>
      <c r="AU4498" s="92"/>
      <c r="AV4498" s="92"/>
      <c r="AW4498" s="92"/>
      <c r="AX4498" s="92"/>
      <c r="AY4498" s="92"/>
      <c r="AZ4498" s="93"/>
      <c r="BA4498" s="93"/>
      <c r="BB4498" s="93"/>
      <c r="BC4498" s="93"/>
      <c r="BD4498" s="93"/>
      <c r="BE4498" s="93"/>
      <c r="BF4498" s="93"/>
      <c r="BG4498" s="93"/>
      <c r="BH4498" s="93"/>
      <c r="BI4498" s="93"/>
      <c r="BJ4498" s="93"/>
      <c r="BK4498" s="93"/>
      <c r="BL4498" s="93"/>
    </row>
    <row r="4499" spans="2:64" x14ac:dyDescent="0.2">
      <c r="B4499" s="43"/>
      <c r="C4499" s="73"/>
      <c r="D4499" s="64"/>
      <c r="E4499" s="55"/>
      <c r="F4499" s="74"/>
      <c r="G4499" s="74"/>
      <c r="H4499" s="74"/>
      <c r="I4499" s="75"/>
      <c r="J4499" s="74"/>
      <c r="L4499" s="55"/>
      <c r="M4499" s="234"/>
      <c r="N4499" s="65"/>
      <c r="O4499" s="76"/>
      <c r="P4499" s="76"/>
      <c r="Q4499" s="65"/>
      <c r="R4499" s="76"/>
      <c r="S4499" s="76"/>
      <c r="T4499" s="76"/>
      <c r="U4499" s="76"/>
      <c r="V4499" s="76"/>
      <c r="W4499" s="76"/>
      <c r="X4499" s="76"/>
      <c r="Y4499" s="76"/>
      <c r="Z4499" s="76"/>
      <c r="AA4499" s="85"/>
      <c r="AB4499" s="85"/>
      <c r="AC4499" s="85"/>
      <c r="AD4499" s="85"/>
      <c r="AE4499" s="85"/>
      <c r="AF4499" s="85"/>
      <c r="AG4499" s="86"/>
      <c r="AH4499" s="85"/>
      <c r="AI4499" s="85"/>
      <c r="AJ4499" s="85"/>
      <c r="AK4499" s="85"/>
      <c r="AL4499" s="85"/>
      <c r="AM4499" s="92"/>
      <c r="AN4499" s="92"/>
      <c r="AO4499" s="92"/>
      <c r="AP4499" s="92"/>
      <c r="AQ4499" s="92"/>
      <c r="AR4499" s="92"/>
      <c r="AS4499" s="92"/>
      <c r="AT4499" s="92"/>
      <c r="AU4499" s="92"/>
      <c r="AV4499" s="92"/>
      <c r="AW4499" s="92"/>
      <c r="AX4499" s="92"/>
      <c r="AY4499" s="92"/>
      <c r="AZ4499" s="93"/>
      <c r="BA4499" s="93"/>
      <c r="BB4499" s="93"/>
      <c r="BC4499" s="93"/>
      <c r="BD4499" s="93"/>
      <c r="BE4499" s="93"/>
      <c r="BF4499" s="93"/>
      <c r="BG4499" s="93"/>
      <c r="BH4499" s="93"/>
      <c r="BI4499" s="93"/>
      <c r="BJ4499" s="93"/>
      <c r="BK4499" s="93"/>
      <c r="BL4499" s="93"/>
    </row>
    <row r="4500" spans="2:64" x14ac:dyDescent="0.2">
      <c r="B4500" s="43"/>
      <c r="C4500" s="73"/>
      <c r="D4500" s="64"/>
      <c r="E4500" s="55"/>
      <c r="F4500" s="74"/>
      <c r="G4500" s="74"/>
      <c r="H4500" s="74"/>
      <c r="I4500" s="75"/>
      <c r="J4500" s="74"/>
      <c r="L4500" s="55"/>
      <c r="M4500" s="234"/>
      <c r="N4500" s="65"/>
      <c r="O4500" s="76"/>
      <c r="P4500" s="76"/>
      <c r="Q4500" s="65"/>
      <c r="R4500" s="76"/>
      <c r="S4500" s="76"/>
      <c r="T4500" s="76"/>
      <c r="U4500" s="76"/>
      <c r="V4500" s="76"/>
      <c r="W4500" s="76"/>
      <c r="X4500" s="76"/>
      <c r="Y4500" s="76"/>
      <c r="Z4500" s="76"/>
      <c r="AA4500" s="85"/>
      <c r="AB4500" s="85"/>
      <c r="AC4500" s="85"/>
      <c r="AD4500" s="85"/>
      <c r="AE4500" s="85"/>
      <c r="AF4500" s="85"/>
      <c r="AG4500" s="86"/>
      <c r="AH4500" s="85"/>
      <c r="AI4500" s="85"/>
      <c r="AJ4500" s="85"/>
      <c r="AK4500" s="85"/>
      <c r="AL4500" s="85"/>
      <c r="AM4500" s="92"/>
      <c r="AN4500" s="92"/>
      <c r="AO4500" s="92"/>
      <c r="AP4500" s="92"/>
      <c r="AQ4500" s="92"/>
      <c r="AR4500" s="92"/>
      <c r="AS4500" s="92"/>
      <c r="AT4500" s="92"/>
      <c r="AU4500" s="92"/>
      <c r="AV4500" s="92"/>
      <c r="AW4500" s="92"/>
      <c r="AX4500" s="92"/>
      <c r="AY4500" s="92"/>
      <c r="AZ4500" s="93"/>
      <c r="BA4500" s="93"/>
      <c r="BB4500" s="93"/>
      <c r="BC4500" s="93"/>
      <c r="BD4500" s="93"/>
      <c r="BE4500" s="93"/>
      <c r="BF4500" s="93"/>
      <c r="BG4500" s="93"/>
      <c r="BH4500" s="93"/>
      <c r="BI4500" s="93"/>
      <c r="BJ4500" s="93"/>
      <c r="BK4500" s="93"/>
      <c r="BL4500" s="93"/>
    </row>
    <row r="4501" spans="2:64" x14ac:dyDescent="0.2">
      <c r="B4501" s="43"/>
      <c r="C4501" s="73"/>
      <c r="D4501" s="64"/>
      <c r="E4501" s="55"/>
      <c r="F4501" s="74"/>
      <c r="G4501" s="74"/>
      <c r="H4501" s="74"/>
      <c r="I4501" s="75"/>
      <c r="J4501" s="74"/>
      <c r="L4501" s="55"/>
      <c r="M4501" s="234"/>
      <c r="N4501" s="65"/>
      <c r="O4501" s="76"/>
      <c r="P4501" s="76"/>
      <c r="Q4501" s="65"/>
      <c r="R4501" s="76"/>
      <c r="S4501" s="76"/>
      <c r="T4501" s="76"/>
      <c r="U4501" s="76"/>
      <c r="V4501" s="76"/>
      <c r="W4501" s="76"/>
      <c r="X4501" s="76"/>
      <c r="Y4501" s="76"/>
      <c r="Z4501" s="76"/>
      <c r="AA4501" s="85"/>
      <c r="AB4501" s="85"/>
      <c r="AC4501" s="85"/>
      <c r="AD4501" s="85"/>
      <c r="AE4501" s="85"/>
      <c r="AF4501" s="85"/>
      <c r="AG4501" s="86"/>
      <c r="AH4501" s="85"/>
      <c r="AI4501" s="85"/>
      <c r="AJ4501" s="85"/>
      <c r="AK4501" s="85"/>
      <c r="AL4501" s="85"/>
      <c r="AM4501" s="92"/>
      <c r="AN4501" s="92"/>
      <c r="AO4501" s="92"/>
      <c r="AP4501" s="92"/>
      <c r="AQ4501" s="92"/>
      <c r="AR4501" s="92"/>
      <c r="AS4501" s="92"/>
      <c r="AT4501" s="92"/>
      <c r="AU4501" s="92"/>
      <c r="AV4501" s="92"/>
      <c r="AW4501" s="92"/>
      <c r="AX4501" s="92"/>
      <c r="AY4501" s="92"/>
      <c r="AZ4501" s="93"/>
      <c r="BA4501" s="93"/>
      <c r="BB4501" s="93"/>
      <c r="BC4501" s="93"/>
      <c r="BD4501" s="93"/>
      <c r="BE4501" s="93"/>
      <c r="BF4501" s="93"/>
      <c r="BG4501" s="93"/>
      <c r="BH4501" s="93"/>
      <c r="BI4501" s="93"/>
      <c r="BJ4501" s="93"/>
      <c r="BK4501" s="93"/>
      <c r="BL4501" s="93"/>
    </row>
    <row r="4502" spans="2:64" x14ac:dyDescent="0.2">
      <c r="B4502" s="43"/>
      <c r="C4502" s="73"/>
      <c r="D4502" s="64"/>
      <c r="E4502" s="55"/>
      <c r="F4502" s="74"/>
      <c r="G4502" s="74"/>
      <c r="H4502" s="74"/>
      <c r="I4502" s="75"/>
      <c r="J4502" s="74"/>
      <c r="L4502" s="55"/>
      <c r="M4502" s="234"/>
      <c r="N4502" s="65"/>
      <c r="O4502" s="76"/>
      <c r="P4502" s="76"/>
      <c r="Q4502" s="65"/>
      <c r="R4502" s="76"/>
      <c r="S4502" s="76"/>
      <c r="T4502" s="76"/>
      <c r="U4502" s="76"/>
      <c r="V4502" s="76"/>
      <c r="W4502" s="76"/>
      <c r="X4502" s="76"/>
      <c r="Y4502" s="76"/>
      <c r="Z4502" s="76"/>
      <c r="AA4502" s="85"/>
      <c r="AB4502" s="85"/>
      <c r="AC4502" s="85"/>
      <c r="AD4502" s="85"/>
      <c r="AE4502" s="85"/>
      <c r="AF4502" s="85"/>
      <c r="AG4502" s="86"/>
      <c r="AH4502" s="85"/>
      <c r="AI4502" s="85"/>
      <c r="AJ4502" s="85"/>
      <c r="AK4502" s="85"/>
      <c r="AL4502" s="85"/>
      <c r="AM4502" s="92"/>
      <c r="AN4502" s="92"/>
      <c r="AO4502" s="92"/>
      <c r="AP4502" s="92"/>
      <c r="AQ4502" s="92"/>
      <c r="AR4502" s="92"/>
      <c r="AS4502" s="92"/>
      <c r="AT4502" s="92"/>
      <c r="AU4502" s="92"/>
      <c r="AV4502" s="92"/>
      <c r="AW4502" s="92"/>
      <c r="AX4502" s="92"/>
      <c r="AY4502" s="92"/>
      <c r="AZ4502" s="93"/>
      <c r="BA4502" s="93"/>
      <c r="BB4502" s="93"/>
      <c r="BC4502" s="93"/>
      <c r="BD4502" s="93"/>
      <c r="BE4502" s="93"/>
      <c r="BF4502" s="93"/>
      <c r="BG4502" s="93"/>
      <c r="BH4502" s="93"/>
      <c r="BI4502" s="93"/>
      <c r="BJ4502" s="93"/>
      <c r="BK4502" s="93"/>
      <c r="BL4502" s="93"/>
    </row>
    <row r="4503" spans="2:64" x14ac:dyDescent="0.2">
      <c r="B4503" s="43"/>
      <c r="C4503" s="73"/>
      <c r="D4503" s="64"/>
      <c r="E4503" s="55"/>
      <c r="F4503" s="74"/>
      <c r="G4503" s="74"/>
      <c r="H4503" s="74"/>
      <c r="I4503" s="75"/>
      <c r="J4503" s="74"/>
      <c r="L4503" s="55"/>
      <c r="M4503" s="234"/>
      <c r="N4503" s="65"/>
      <c r="O4503" s="76"/>
      <c r="P4503" s="76"/>
      <c r="Q4503" s="65"/>
      <c r="R4503" s="76"/>
      <c r="S4503" s="76"/>
      <c r="T4503" s="76"/>
      <c r="U4503" s="76"/>
      <c r="V4503" s="76"/>
      <c r="W4503" s="76"/>
      <c r="X4503" s="76"/>
      <c r="Y4503" s="76"/>
      <c r="Z4503" s="76"/>
      <c r="AA4503" s="85"/>
      <c r="AB4503" s="85"/>
      <c r="AC4503" s="85"/>
      <c r="AD4503" s="85"/>
      <c r="AE4503" s="85"/>
      <c r="AF4503" s="85"/>
      <c r="AG4503" s="86"/>
      <c r="AH4503" s="85"/>
      <c r="AI4503" s="85"/>
      <c r="AJ4503" s="85"/>
      <c r="AK4503" s="85"/>
      <c r="AL4503" s="85"/>
      <c r="AM4503" s="92"/>
      <c r="AN4503" s="92"/>
      <c r="AO4503" s="92"/>
      <c r="AP4503" s="92"/>
      <c r="AQ4503" s="92"/>
      <c r="AR4503" s="92"/>
      <c r="AS4503" s="92"/>
      <c r="AT4503" s="92"/>
      <c r="AU4503" s="92"/>
      <c r="AV4503" s="92"/>
      <c r="AW4503" s="92"/>
      <c r="AX4503" s="92"/>
      <c r="AY4503" s="92"/>
      <c r="AZ4503" s="93"/>
      <c r="BA4503" s="93"/>
      <c r="BB4503" s="93"/>
      <c r="BC4503" s="93"/>
      <c r="BD4503" s="93"/>
      <c r="BE4503" s="93"/>
      <c r="BF4503" s="93"/>
      <c r="BG4503" s="93"/>
      <c r="BH4503" s="93"/>
      <c r="BI4503" s="93"/>
      <c r="BJ4503" s="93"/>
      <c r="BK4503" s="93"/>
      <c r="BL4503" s="93"/>
    </row>
    <row r="4504" spans="2:64" x14ac:dyDescent="0.2">
      <c r="B4504" s="43"/>
      <c r="C4504" s="73"/>
      <c r="D4504" s="64"/>
      <c r="E4504" s="55"/>
      <c r="F4504" s="74"/>
      <c r="G4504" s="74"/>
      <c r="H4504" s="74"/>
      <c r="I4504" s="75"/>
      <c r="J4504" s="74"/>
      <c r="L4504" s="55"/>
      <c r="M4504" s="234"/>
      <c r="N4504" s="65"/>
      <c r="O4504" s="76"/>
      <c r="P4504" s="76"/>
      <c r="Q4504" s="65"/>
      <c r="R4504" s="76"/>
      <c r="S4504" s="76"/>
      <c r="T4504" s="76"/>
      <c r="U4504" s="76"/>
      <c r="V4504" s="76"/>
      <c r="W4504" s="76"/>
      <c r="X4504" s="76"/>
      <c r="Y4504" s="76"/>
      <c r="Z4504" s="76"/>
      <c r="AA4504" s="85"/>
      <c r="AB4504" s="85"/>
      <c r="AC4504" s="85"/>
      <c r="AD4504" s="85"/>
      <c r="AE4504" s="85"/>
      <c r="AF4504" s="85"/>
      <c r="AG4504" s="86"/>
      <c r="AH4504" s="85"/>
      <c r="AI4504" s="85"/>
      <c r="AJ4504" s="85"/>
      <c r="AK4504" s="85"/>
      <c r="AL4504" s="85"/>
      <c r="AM4504" s="92"/>
      <c r="AN4504" s="92"/>
      <c r="AO4504" s="92"/>
      <c r="AP4504" s="92"/>
      <c r="AQ4504" s="92"/>
      <c r="AR4504" s="92"/>
      <c r="AS4504" s="92"/>
      <c r="AT4504" s="92"/>
      <c r="AU4504" s="92"/>
      <c r="AV4504" s="92"/>
      <c r="AW4504" s="92"/>
      <c r="AX4504" s="92"/>
      <c r="AY4504" s="92"/>
      <c r="AZ4504" s="93"/>
      <c r="BA4504" s="93"/>
      <c r="BB4504" s="93"/>
      <c r="BC4504" s="93"/>
      <c r="BD4504" s="93"/>
      <c r="BE4504" s="93"/>
      <c r="BF4504" s="93"/>
      <c r="BG4504" s="93"/>
      <c r="BH4504" s="93"/>
      <c r="BI4504" s="93"/>
      <c r="BJ4504" s="93"/>
      <c r="BK4504" s="93"/>
      <c r="BL4504" s="93"/>
    </row>
    <row r="4505" spans="2:64" x14ac:dyDescent="0.2">
      <c r="B4505" s="43"/>
      <c r="C4505" s="73"/>
      <c r="D4505" s="64"/>
      <c r="E4505" s="55"/>
      <c r="F4505" s="74"/>
      <c r="G4505" s="74"/>
      <c r="H4505" s="74"/>
      <c r="I4505" s="75"/>
      <c r="J4505" s="74"/>
      <c r="L4505" s="55"/>
      <c r="M4505" s="234"/>
      <c r="N4505" s="65"/>
      <c r="O4505" s="76"/>
      <c r="P4505" s="76"/>
      <c r="Q4505" s="65"/>
      <c r="R4505" s="76"/>
      <c r="S4505" s="76"/>
      <c r="T4505" s="76"/>
      <c r="U4505" s="76"/>
      <c r="V4505" s="76"/>
      <c r="W4505" s="76"/>
      <c r="X4505" s="76"/>
      <c r="Y4505" s="76"/>
      <c r="Z4505" s="76"/>
      <c r="AA4505" s="85"/>
      <c r="AB4505" s="85"/>
      <c r="AC4505" s="85"/>
      <c r="AD4505" s="85"/>
      <c r="AE4505" s="85"/>
      <c r="AF4505" s="85"/>
      <c r="AG4505" s="86"/>
      <c r="AH4505" s="85"/>
      <c r="AI4505" s="85"/>
      <c r="AJ4505" s="85"/>
      <c r="AK4505" s="85"/>
      <c r="AL4505" s="85"/>
      <c r="AM4505" s="92"/>
      <c r="AN4505" s="92"/>
      <c r="AO4505" s="92"/>
      <c r="AP4505" s="92"/>
      <c r="AQ4505" s="92"/>
      <c r="AR4505" s="92"/>
      <c r="AS4505" s="92"/>
      <c r="AT4505" s="92"/>
      <c r="AU4505" s="92"/>
      <c r="AV4505" s="92"/>
      <c r="AW4505" s="92"/>
      <c r="AX4505" s="92"/>
      <c r="AY4505" s="92"/>
      <c r="AZ4505" s="93"/>
      <c r="BA4505" s="93"/>
      <c r="BB4505" s="93"/>
      <c r="BC4505" s="93"/>
      <c r="BD4505" s="93"/>
      <c r="BE4505" s="93"/>
      <c r="BF4505" s="93"/>
      <c r="BG4505" s="93"/>
      <c r="BH4505" s="93"/>
      <c r="BI4505" s="93"/>
      <c r="BJ4505" s="93"/>
      <c r="BK4505" s="93"/>
      <c r="BL4505" s="93"/>
    </row>
    <row r="4506" spans="2:64" x14ac:dyDescent="0.2">
      <c r="B4506" s="43"/>
      <c r="C4506" s="73"/>
      <c r="D4506" s="64"/>
      <c r="E4506" s="55"/>
      <c r="F4506" s="74"/>
      <c r="G4506" s="74"/>
      <c r="H4506" s="74"/>
      <c r="I4506" s="75"/>
      <c r="J4506" s="74"/>
      <c r="L4506" s="55"/>
      <c r="M4506" s="234"/>
      <c r="N4506" s="65"/>
      <c r="O4506" s="76"/>
      <c r="P4506" s="76"/>
      <c r="Q4506" s="65"/>
      <c r="R4506" s="76"/>
      <c r="S4506" s="76"/>
      <c r="T4506" s="76"/>
      <c r="U4506" s="76"/>
      <c r="V4506" s="76"/>
      <c r="W4506" s="76"/>
      <c r="X4506" s="76"/>
      <c r="Y4506" s="76"/>
      <c r="Z4506" s="76"/>
      <c r="AA4506" s="85"/>
      <c r="AB4506" s="85"/>
      <c r="AC4506" s="85"/>
      <c r="AD4506" s="85"/>
      <c r="AE4506" s="85"/>
      <c r="AF4506" s="85"/>
      <c r="AG4506" s="86"/>
      <c r="AH4506" s="85"/>
      <c r="AI4506" s="85"/>
      <c r="AJ4506" s="85"/>
      <c r="AK4506" s="85"/>
      <c r="AL4506" s="85"/>
      <c r="AM4506" s="92"/>
      <c r="AN4506" s="92"/>
      <c r="AO4506" s="92"/>
      <c r="AP4506" s="92"/>
      <c r="AQ4506" s="92"/>
      <c r="AR4506" s="92"/>
      <c r="AS4506" s="92"/>
      <c r="AT4506" s="92"/>
      <c r="AU4506" s="92"/>
      <c r="AV4506" s="92"/>
      <c r="AW4506" s="92"/>
      <c r="AX4506" s="92"/>
      <c r="AY4506" s="92"/>
      <c r="AZ4506" s="93"/>
      <c r="BA4506" s="93"/>
      <c r="BB4506" s="93"/>
      <c r="BC4506" s="93"/>
      <c r="BD4506" s="93"/>
      <c r="BE4506" s="93"/>
      <c r="BF4506" s="93"/>
      <c r="BG4506" s="93"/>
      <c r="BH4506" s="93"/>
      <c r="BI4506" s="93"/>
      <c r="BJ4506" s="93"/>
      <c r="BK4506" s="93"/>
      <c r="BL4506" s="93"/>
    </row>
    <row r="4507" spans="2:64" x14ac:dyDescent="0.2">
      <c r="B4507" s="43"/>
      <c r="C4507" s="73"/>
      <c r="D4507" s="64"/>
      <c r="E4507" s="55"/>
      <c r="F4507" s="74"/>
      <c r="G4507" s="74"/>
      <c r="H4507" s="74"/>
      <c r="I4507" s="75"/>
      <c r="J4507" s="74"/>
      <c r="L4507" s="55"/>
      <c r="M4507" s="234"/>
      <c r="N4507" s="65"/>
      <c r="O4507" s="76"/>
      <c r="P4507" s="76"/>
      <c r="Q4507" s="65"/>
      <c r="R4507" s="76"/>
      <c r="S4507" s="76"/>
      <c r="T4507" s="76"/>
      <c r="U4507" s="76"/>
      <c r="V4507" s="76"/>
      <c r="W4507" s="76"/>
      <c r="X4507" s="76"/>
      <c r="Y4507" s="76"/>
      <c r="Z4507" s="76"/>
      <c r="AA4507" s="85"/>
      <c r="AB4507" s="85"/>
      <c r="AC4507" s="85"/>
      <c r="AD4507" s="85"/>
      <c r="AE4507" s="85"/>
      <c r="AF4507" s="85"/>
      <c r="AG4507" s="86"/>
      <c r="AH4507" s="85"/>
      <c r="AI4507" s="85"/>
      <c r="AJ4507" s="85"/>
      <c r="AK4507" s="85"/>
      <c r="AL4507" s="85"/>
      <c r="AM4507" s="92"/>
      <c r="AN4507" s="92"/>
      <c r="AO4507" s="92"/>
      <c r="AP4507" s="92"/>
      <c r="AQ4507" s="92"/>
      <c r="AR4507" s="92"/>
      <c r="AS4507" s="92"/>
      <c r="AT4507" s="92"/>
      <c r="AU4507" s="92"/>
      <c r="AV4507" s="92"/>
      <c r="AW4507" s="92"/>
      <c r="AX4507" s="92"/>
      <c r="AY4507" s="92"/>
      <c r="AZ4507" s="93"/>
      <c r="BA4507" s="93"/>
      <c r="BB4507" s="93"/>
      <c r="BC4507" s="93"/>
      <c r="BD4507" s="93"/>
      <c r="BE4507" s="93"/>
      <c r="BF4507" s="93"/>
      <c r="BG4507" s="93"/>
      <c r="BH4507" s="93"/>
      <c r="BI4507" s="93"/>
      <c r="BJ4507" s="93"/>
      <c r="BK4507" s="93"/>
      <c r="BL4507" s="93"/>
    </row>
    <row r="4508" spans="2:64" x14ac:dyDescent="0.2">
      <c r="B4508" s="43"/>
      <c r="C4508" s="73"/>
      <c r="D4508" s="64"/>
      <c r="E4508" s="55"/>
      <c r="F4508" s="74"/>
      <c r="G4508" s="74"/>
      <c r="H4508" s="74"/>
      <c r="I4508" s="75"/>
      <c r="J4508" s="74"/>
      <c r="L4508" s="55"/>
      <c r="M4508" s="234"/>
      <c r="N4508" s="65"/>
      <c r="O4508" s="76"/>
      <c r="P4508" s="76"/>
      <c r="Q4508" s="65"/>
      <c r="R4508" s="76"/>
      <c r="S4508" s="76"/>
      <c r="T4508" s="76"/>
      <c r="U4508" s="76"/>
      <c r="V4508" s="76"/>
      <c r="W4508" s="76"/>
      <c r="X4508" s="76"/>
      <c r="Y4508" s="76"/>
      <c r="Z4508" s="76"/>
      <c r="AA4508" s="85"/>
      <c r="AB4508" s="85"/>
      <c r="AC4508" s="85"/>
      <c r="AD4508" s="85"/>
      <c r="AE4508" s="85"/>
      <c r="AF4508" s="85"/>
      <c r="AG4508" s="86"/>
      <c r="AH4508" s="85"/>
      <c r="AI4508" s="85"/>
      <c r="AJ4508" s="85"/>
      <c r="AK4508" s="85"/>
      <c r="AL4508" s="85"/>
      <c r="AM4508" s="92"/>
      <c r="AN4508" s="92"/>
      <c r="AO4508" s="92"/>
      <c r="AP4508" s="92"/>
      <c r="AQ4508" s="92"/>
      <c r="AR4508" s="92"/>
      <c r="AS4508" s="92"/>
      <c r="AT4508" s="92"/>
      <c r="AU4508" s="92"/>
      <c r="AV4508" s="92"/>
      <c r="AW4508" s="92"/>
      <c r="AX4508" s="92"/>
      <c r="AY4508" s="92"/>
      <c r="AZ4508" s="93"/>
      <c r="BA4508" s="93"/>
      <c r="BB4508" s="93"/>
      <c r="BC4508" s="93"/>
      <c r="BD4508" s="93"/>
      <c r="BE4508" s="93"/>
      <c r="BF4508" s="93"/>
      <c r="BG4508" s="93"/>
      <c r="BH4508" s="93"/>
      <c r="BI4508" s="93"/>
      <c r="BJ4508" s="93"/>
      <c r="BK4508" s="93"/>
      <c r="BL4508" s="93"/>
    </row>
    <row r="4509" spans="2:64" x14ac:dyDescent="0.2">
      <c r="B4509" s="43"/>
      <c r="C4509" s="73"/>
      <c r="D4509" s="64"/>
      <c r="E4509" s="55"/>
      <c r="F4509" s="74"/>
      <c r="G4509" s="74"/>
      <c r="H4509" s="74"/>
      <c r="I4509" s="75"/>
      <c r="J4509" s="74"/>
      <c r="L4509" s="55"/>
      <c r="M4509" s="234"/>
      <c r="N4509" s="65"/>
      <c r="O4509" s="76"/>
      <c r="P4509" s="76"/>
      <c r="Q4509" s="65"/>
      <c r="R4509" s="76"/>
      <c r="S4509" s="76"/>
      <c r="T4509" s="76"/>
      <c r="U4509" s="76"/>
      <c r="V4509" s="76"/>
      <c r="W4509" s="76"/>
      <c r="X4509" s="76"/>
      <c r="Y4509" s="76"/>
      <c r="Z4509" s="76"/>
      <c r="AA4509" s="85"/>
      <c r="AB4509" s="85"/>
      <c r="AC4509" s="85"/>
      <c r="AD4509" s="85"/>
      <c r="AE4509" s="85"/>
      <c r="AF4509" s="85"/>
      <c r="AG4509" s="86"/>
      <c r="AH4509" s="85"/>
      <c r="AI4509" s="85"/>
      <c r="AJ4509" s="85"/>
      <c r="AK4509" s="85"/>
      <c r="AL4509" s="85"/>
      <c r="AM4509" s="92"/>
      <c r="AN4509" s="92"/>
      <c r="AO4509" s="92"/>
      <c r="AP4509" s="92"/>
      <c r="AQ4509" s="92"/>
      <c r="AR4509" s="92"/>
      <c r="AS4509" s="92"/>
      <c r="AT4509" s="92"/>
      <c r="AU4509" s="92"/>
      <c r="AV4509" s="92"/>
      <c r="AW4509" s="92"/>
      <c r="AX4509" s="92"/>
      <c r="AY4509" s="92"/>
      <c r="AZ4509" s="93"/>
      <c r="BA4509" s="93"/>
      <c r="BB4509" s="93"/>
      <c r="BC4509" s="93"/>
      <c r="BD4509" s="93"/>
      <c r="BE4509" s="93"/>
      <c r="BF4509" s="93"/>
      <c r="BG4509" s="93"/>
      <c r="BH4509" s="93"/>
      <c r="BI4509" s="93"/>
      <c r="BJ4509" s="93"/>
      <c r="BK4509" s="93"/>
      <c r="BL4509" s="93"/>
    </row>
    <row r="4510" spans="2:64" x14ac:dyDescent="0.2">
      <c r="B4510" s="43"/>
      <c r="C4510" s="73"/>
      <c r="D4510" s="64"/>
      <c r="E4510" s="55"/>
      <c r="F4510" s="74"/>
      <c r="G4510" s="74"/>
      <c r="H4510" s="74"/>
      <c r="I4510" s="75"/>
      <c r="J4510" s="74"/>
      <c r="L4510" s="55"/>
      <c r="M4510" s="234"/>
      <c r="N4510" s="65"/>
      <c r="O4510" s="76"/>
      <c r="P4510" s="76"/>
      <c r="Q4510" s="65"/>
      <c r="R4510" s="76"/>
      <c r="S4510" s="76"/>
      <c r="T4510" s="76"/>
      <c r="U4510" s="76"/>
      <c r="V4510" s="76"/>
      <c r="W4510" s="76"/>
      <c r="X4510" s="76"/>
      <c r="Y4510" s="76"/>
      <c r="Z4510" s="76"/>
      <c r="AA4510" s="85"/>
      <c r="AB4510" s="85"/>
      <c r="AC4510" s="85"/>
      <c r="AD4510" s="85"/>
      <c r="AE4510" s="85"/>
      <c r="AF4510" s="85"/>
      <c r="AG4510" s="86"/>
      <c r="AH4510" s="85"/>
      <c r="AI4510" s="85"/>
      <c r="AJ4510" s="85"/>
      <c r="AK4510" s="85"/>
      <c r="AL4510" s="85"/>
      <c r="AM4510" s="92"/>
      <c r="AN4510" s="92"/>
      <c r="AO4510" s="92"/>
      <c r="AP4510" s="92"/>
      <c r="AQ4510" s="92"/>
      <c r="AR4510" s="92"/>
      <c r="AS4510" s="92"/>
      <c r="AT4510" s="92"/>
      <c r="AU4510" s="92"/>
      <c r="AV4510" s="92"/>
      <c r="AW4510" s="92"/>
      <c r="AX4510" s="92"/>
      <c r="AY4510" s="92"/>
      <c r="AZ4510" s="93"/>
      <c r="BA4510" s="93"/>
      <c r="BB4510" s="93"/>
      <c r="BC4510" s="93"/>
      <c r="BD4510" s="93"/>
      <c r="BE4510" s="93"/>
      <c r="BF4510" s="93"/>
      <c r="BG4510" s="93"/>
      <c r="BH4510" s="93"/>
      <c r="BI4510" s="93"/>
      <c r="BJ4510" s="93"/>
      <c r="BK4510" s="93"/>
      <c r="BL4510" s="93"/>
    </row>
    <row r="4511" spans="2:64" x14ac:dyDescent="0.2">
      <c r="B4511" s="43"/>
      <c r="C4511" s="73"/>
      <c r="D4511" s="64"/>
      <c r="E4511" s="55"/>
      <c r="F4511" s="74"/>
      <c r="G4511" s="74"/>
      <c r="H4511" s="74"/>
      <c r="I4511" s="75"/>
      <c r="J4511" s="74"/>
      <c r="L4511" s="55"/>
      <c r="M4511" s="234"/>
      <c r="N4511" s="65"/>
      <c r="O4511" s="76"/>
      <c r="P4511" s="76"/>
      <c r="Q4511" s="65"/>
      <c r="R4511" s="76"/>
      <c r="S4511" s="76"/>
      <c r="T4511" s="76"/>
      <c r="U4511" s="76"/>
      <c r="V4511" s="76"/>
      <c r="W4511" s="76"/>
      <c r="X4511" s="76"/>
      <c r="Y4511" s="76"/>
      <c r="Z4511" s="76"/>
      <c r="AA4511" s="85"/>
      <c r="AB4511" s="85"/>
      <c r="AC4511" s="85"/>
      <c r="AD4511" s="85"/>
      <c r="AE4511" s="85"/>
      <c r="AF4511" s="85"/>
      <c r="AG4511" s="86"/>
      <c r="AH4511" s="85"/>
      <c r="AI4511" s="85"/>
      <c r="AJ4511" s="85"/>
      <c r="AK4511" s="85"/>
      <c r="AL4511" s="85"/>
      <c r="AM4511" s="92"/>
      <c r="AN4511" s="92"/>
      <c r="AO4511" s="92"/>
      <c r="AP4511" s="92"/>
      <c r="AQ4511" s="92"/>
      <c r="AR4511" s="92"/>
      <c r="AS4511" s="92"/>
      <c r="AT4511" s="92"/>
      <c r="AU4511" s="92"/>
      <c r="AV4511" s="92"/>
      <c r="AW4511" s="92"/>
      <c r="AX4511" s="92"/>
      <c r="AY4511" s="92"/>
      <c r="AZ4511" s="93"/>
      <c r="BA4511" s="93"/>
      <c r="BB4511" s="93"/>
      <c r="BC4511" s="93"/>
      <c r="BD4511" s="93"/>
      <c r="BE4511" s="93"/>
      <c r="BF4511" s="93"/>
      <c r="BG4511" s="93"/>
      <c r="BH4511" s="93"/>
      <c r="BI4511" s="93"/>
      <c r="BJ4511" s="93"/>
      <c r="BK4511" s="93"/>
      <c r="BL4511" s="93"/>
    </row>
    <row r="4512" spans="2:64" x14ac:dyDescent="0.2">
      <c r="B4512" s="43"/>
      <c r="C4512" s="73"/>
      <c r="D4512" s="64"/>
      <c r="E4512" s="55"/>
      <c r="F4512" s="74"/>
      <c r="G4512" s="74"/>
      <c r="H4512" s="74"/>
      <c r="I4512" s="75"/>
      <c r="J4512" s="74"/>
      <c r="L4512" s="55"/>
      <c r="M4512" s="234"/>
      <c r="N4512" s="65"/>
      <c r="O4512" s="76"/>
      <c r="P4512" s="76"/>
      <c r="Q4512" s="65"/>
      <c r="R4512" s="76"/>
      <c r="S4512" s="76"/>
      <c r="T4512" s="76"/>
      <c r="U4512" s="76"/>
      <c r="V4512" s="76"/>
      <c r="W4512" s="76"/>
      <c r="X4512" s="76"/>
      <c r="Y4512" s="76"/>
      <c r="Z4512" s="76"/>
      <c r="AA4512" s="85"/>
      <c r="AB4512" s="85"/>
      <c r="AC4512" s="85"/>
      <c r="AD4512" s="85"/>
      <c r="AE4512" s="85"/>
      <c r="AF4512" s="85"/>
      <c r="AG4512" s="86"/>
      <c r="AH4512" s="85"/>
      <c r="AI4512" s="85"/>
      <c r="AJ4512" s="85"/>
      <c r="AK4512" s="85"/>
      <c r="AL4512" s="85"/>
      <c r="AM4512" s="92"/>
      <c r="AN4512" s="92"/>
      <c r="AO4512" s="92"/>
      <c r="AP4512" s="92"/>
      <c r="AQ4512" s="92"/>
      <c r="AR4512" s="92"/>
      <c r="AS4512" s="92"/>
      <c r="AT4512" s="92"/>
      <c r="AU4512" s="92"/>
      <c r="AV4512" s="92"/>
      <c r="AW4512" s="92"/>
      <c r="AX4512" s="92"/>
      <c r="AY4512" s="92"/>
      <c r="AZ4512" s="93"/>
      <c r="BA4512" s="93"/>
      <c r="BB4512" s="93"/>
      <c r="BC4512" s="93"/>
      <c r="BD4512" s="93"/>
      <c r="BE4512" s="93"/>
      <c r="BF4512" s="93"/>
      <c r="BG4512" s="93"/>
      <c r="BH4512" s="93"/>
      <c r="BI4512" s="93"/>
      <c r="BJ4512" s="93"/>
      <c r="BK4512" s="93"/>
      <c r="BL4512" s="93"/>
    </row>
    <row r="4513" spans="2:64" x14ac:dyDescent="0.2">
      <c r="B4513" s="43"/>
      <c r="C4513" s="73"/>
      <c r="D4513" s="64"/>
      <c r="E4513" s="55"/>
      <c r="F4513" s="74"/>
      <c r="G4513" s="74"/>
      <c r="H4513" s="74"/>
      <c r="I4513" s="75"/>
      <c r="J4513" s="74"/>
      <c r="L4513" s="55"/>
      <c r="M4513" s="234"/>
      <c r="N4513" s="65"/>
      <c r="O4513" s="76"/>
      <c r="P4513" s="76"/>
      <c r="Q4513" s="65"/>
      <c r="R4513" s="76"/>
      <c r="S4513" s="76"/>
      <c r="T4513" s="76"/>
      <c r="U4513" s="76"/>
      <c r="V4513" s="76"/>
      <c r="W4513" s="76"/>
      <c r="X4513" s="76"/>
      <c r="Y4513" s="76"/>
      <c r="Z4513" s="76"/>
      <c r="AA4513" s="85"/>
      <c r="AB4513" s="85"/>
      <c r="AC4513" s="85"/>
      <c r="AD4513" s="85"/>
      <c r="AE4513" s="85"/>
      <c r="AF4513" s="85"/>
      <c r="AG4513" s="86"/>
      <c r="AH4513" s="85"/>
      <c r="AI4513" s="85"/>
      <c r="AJ4513" s="85"/>
      <c r="AK4513" s="85"/>
      <c r="AL4513" s="85"/>
      <c r="AM4513" s="92"/>
      <c r="AN4513" s="92"/>
      <c r="AO4513" s="92"/>
      <c r="AP4513" s="92"/>
      <c r="AQ4513" s="92"/>
      <c r="AR4513" s="92"/>
      <c r="AS4513" s="92"/>
      <c r="AT4513" s="92"/>
      <c r="AU4513" s="92"/>
      <c r="AV4513" s="92"/>
      <c r="AW4513" s="92"/>
      <c r="AX4513" s="92"/>
      <c r="AY4513" s="92"/>
      <c r="AZ4513" s="93"/>
      <c r="BA4513" s="93"/>
      <c r="BB4513" s="93"/>
      <c r="BC4513" s="93"/>
      <c r="BD4513" s="93"/>
      <c r="BE4513" s="93"/>
      <c r="BF4513" s="93"/>
      <c r="BG4513" s="93"/>
      <c r="BH4513" s="93"/>
      <c r="BI4513" s="93"/>
      <c r="BJ4513" s="93"/>
      <c r="BK4513" s="93"/>
      <c r="BL4513" s="93"/>
    </row>
    <row r="4514" spans="2:64" x14ac:dyDescent="0.2">
      <c r="B4514" s="43"/>
      <c r="C4514" s="73"/>
      <c r="D4514" s="64"/>
      <c r="E4514" s="55"/>
      <c r="F4514" s="74"/>
      <c r="G4514" s="74"/>
      <c r="H4514" s="74"/>
      <c r="I4514" s="75"/>
      <c r="J4514" s="74"/>
      <c r="L4514" s="55"/>
      <c r="M4514" s="234"/>
      <c r="N4514" s="65"/>
      <c r="O4514" s="76"/>
      <c r="P4514" s="76"/>
      <c r="Q4514" s="65"/>
      <c r="R4514" s="76"/>
      <c r="S4514" s="76"/>
      <c r="T4514" s="76"/>
      <c r="U4514" s="76"/>
      <c r="V4514" s="76"/>
      <c r="W4514" s="76"/>
      <c r="X4514" s="76"/>
      <c r="Y4514" s="76"/>
      <c r="Z4514" s="76"/>
      <c r="AA4514" s="85"/>
      <c r="AB4514" s="85"/>
      <c r="AC4514" s="85"/>
      <c r="AD4514" s="85"/>
      <c r="AE4514" s="85"/>
      <c r="AF4514" s="85"/>
      <c r="AG4514" s="86"/>
      <c r="AH4514" s="85"/>
      <c r="AI4514" s="85"/>
      <c r="AJ4514" s="85"/>
      <c r="AK4514" s="85"/>
      <c r="AL4514" s="85"/>
      <c r="AM4514" s="92"/>
      <c r="AN4514" s="92"/>
      <c r="AO4514" s="92"/>
      <c r="AP4514" s="92"/>
      <c r="AQ4514" s="92"/>
      <c r="AR4514" s="92"/>
      <c r="AS4514" s="92"/>
      <c r="AT4514" s="92"/>
      <c r="AU4514" s="92"/>
      <c r="AV4514" s="92"/>
      <c r="AW4514" s="92"/>
      <c r="AX4514" s="92"/>
      <c r="AY4514" s="92"/>
      <c r="AZ4514" s="93"/>
      <c r="BA4514" s="93"/>
      <c r="BB4514" s="93"/>
      <c r="BC4514" s="93"/>
      <c r="BD4514" s="93"/>
      <c r="BE4514" s="93"/>
      <c r="BF4514" s="93"/>
      <c r="BG4514" s="93"/>
      <c r="BH4514" s="93"/>
      <c r="BI4514" s="93"/>
      <c r="BJ4514" s="93"/>
      <c r="BK4514" s="93"/>
      <c r="BL4514" s="93"/>
    </row>
    <row r="4515" spans="2:64" x14ac:dyDescent="0.2">
      <c r="B4515" s="43"/>
      <c r="C4515" s="73"/>
      <c r="D4515" s="64"/>
      <c r="E4515" s="55"/>
      <c r="F4515" s="74"/>
      <c r="G4515" s="74"/>
      <c r="H4515" s="74"/>
      <c r="I4515" s="75"/>
      <c r="J4515" s="74"/>
      <c r="L4515" s="55"/>
      <c r="M4515" s="234"/>
      <c r="N4515" s="65"/>
      <c r="O4515" s="76"/>
      <c r="P4515" s="76"/>
      <c r="Q4515" s="65"/>
      <c r="R4515" s="76"/>
      <c r="S4515" s="76"/>
      <c r="T4515" s="76"/>
      <c r="U4515" s="76"/>
      <c r="V4515" s="76"/>
      <c r="W4515" s="76"/>
      <c r="X4515" s="76"/>
      <c r="Y4515" s="76"/>
      <c r="Z4515" s="76"/>
      <c r="AA4515" s="85"/>
      <c r="AB4515" s="85"/>
      <c r="AC4515" s="85"/>
      <c r="AD4515" s="85"/>
      <c r="AE4515" s="85"/>
      <c r="AF4515" s="85"/>
      <c r="AG4515" s="86"/>
      <c r="AH4515" s="85"/>
      <c r="AI4515" s="85"/>
      <c r="AJ4515" s="85"/>
      <c r="AK4515" s="85"/>
      <c r="AL4515" s="85"/>
      <c r="AM4515" s="92"/>
      <c r="AN4515" s="92"/>
      <c r="AO4515" s="92"/>
      <c r="AP4515" s="92"/>
      <c r="AQ4515" s="92"/>
      <c r="AR4515" s="92"/>
      <c r="AS4515" s="92"/>
      <c r="AT4515" s="92"/>
      <c r="AU4515" s="92"/>
      <c r="AV4515" s="92"/>
      <c r="AW4515" s="92"/>
      <c r="AX4515" s="92"/>
      <c r="AY4515" s="92"/>
      <c r="AZ4515" s="93"/>
      <c r="BA4515" s="93"/>
      <c r="BB4515" s="93"/>
      <c r="BC4515" s="93"/>
      <c r="BD4515" s="93"/>
      <c r="BE4515" s="93"/>
      <c r="BF4515" s="93"/>
      <c r="BG4515" s="93"/>
      <c r="BH4515" s="93"/>
      <c r="BI4515" s="93"/>
      <c r="BJ4515" s="93"/>
      <c r="BK4515" s="93"/>
      <c r="BL4515" s="93"/>
    </row>
    <row r="4516" spans="2:64" x14ac:dyDescent="0.2">
      <c r="B4516" s="43"/>
      <c r="C4516" s="73"/>
      <c r="D4516" s="64"/>
      <c r="E4516" s="55"/>
      <c r="F4516" s="74"/>
      <c r="G4516" s="74"/>
      <c r="H4516" s="74"/>
      <c r="I4516" s="75"/>
      <c r="J4516" s="74"/>
      <c r="L4516" s="55"/>
      <c r="M4516" s="234"/>
      <c r="N4516" s="65"/>
      <c r="O4516" s="76"/>
      <c r="P4516" s="76"/>
      <c r="Q4516" s="65"/>
      <c r="R4516" s="76"/>
      <c r="S4516" s="76"/>
      <c r="T4516" s="76"/>
      <c r="U4516" s="76"/>
      <c r="V4516" s="76"/>
      <c r="W4516" s="76"/>
      <c r="X4516" s="76"/>
      <c r="Y4516" s="76"/>
      <c r="Z4516" s="76"/>
      <c r="AA4516" s="85"/>
      <c r="AB4516" s="85"/>
      <c r="AC4516" s="85"/>
      <c r="AD4516" s="85"/>
      <c r="AE4516" s="85"/>
      <c r="AF4516" s="85"/>
      <c r="AG4516" s="86"/>
      <c r="AH4516" s="85"/>
      <c r="AI4516" s="85"/>
      <c r="AJ4516" s="85"/>
      <c r="AK4516" s="85"/>
      <c r="AL4516" s="85"/>
      <c r="AM4516" s="92"/>
      <c r="AN4516" s="92"/>
      <c r="AO4516" s="92"/>
      <c r="AP4516" s="92"/>
      <c r="AQ4516" s="92"/>
      <c r="AR4516" s="92"/>
      <c r="AS4516" s="92"/>
      <c r="AT4516" s="92"/>
      <c r="AU4516" s="92"/>
      <c r="AV4516" s="92"/>
      <c r="AW4516" s="92"/>
      <c r="AX4516" s="92"/>
      <c r="AY4516" s="92"/>
      <c r="AZ4516" s="93"/>
      <c r="BA4516" s="93"/>
      <c r="BB4516" s="93"/>
      <c r="BC4516" s="93"/>
      <c r="BD4516" s="93"/>
      <c r="BE4516" s="93"/>
      <c r="BF4516" s="93"/>
      <c r="BG4516" s="93"/>
      <c r="BH4516" s="93"/>
      <c r="BI4516" s="93"/>
      <c r="BJ4516" s="93"/>
      <c r="BK4516" s="93"/>
      <c r="BL4516" s="93"/>
    </row>
    <row r="4517" spans="2:64" x14ac:dyDescent="0.2">
      <c r="B4517" s="43"/>
      <c r="C4517" s="73"/>
      <c r="D4517" s="64"/>
      <c r="E4517" s="55"/>
      <c r="F4517" s="74"/>
      <c r="G4517" s="74"/>
      <c r="H4517" s="74"/>
      <c r="I4517" s="75"/>
      <c r="J4517" s="74"/>
      <c r="L4517" s="55"/>
      <c r="M4517" s="234"/>
      <c r="N4517" s="65"/>
      <c r="O4517" s="76"/>
      <c r="P4517" s="76"/>
      <c r="Q4517" s="65"/>
      <c r="R4517" s="76"/>
      <c r="S4517" s="76"/>
      <c r="T4517" s="76"/>
      <c r="U4517" s="76"/>
      <c r="V4517" s="76"/>
      <c r="W4517" s="76"/>
      <c r="X4517" s="76"/>
      <c r="Y4517" s="76"/>
      <c r="Z4517" s="76"/>
      <c r="AA4517" s="85"/>
      <c r="AB4517" s="85"/>
      <c r="AC4517" s="85"/>
      <c r="AD4517" s="85"/>
      <c r="AE4517" s="85"/>
      <c r="AF4517" s="85"/>
      <c r="AG4517" s="86"/>
      <c r="AH4517" s="85"/>
      <c r="AI4517" s="85"/>
      <c r="AJ4517" s="85"/>
      <c r="AK4517" s="85"/>
      <c r="AL4517" s="85"/>
      <c r="AM4517" s="92"/>
      <c r="AN4517" s="92"/>
      <c r="AO4517" s="92"/>
      <c r="AP4517" s="92"/>
      <c r="AQ4517" s="92"/>
      <c r="AR4517" s="92"/>
      <c r="AS4517" s="92"/>
      <c r="AT4517" s="92"/>
      <c r="AU4517" s="92"/>
      <c r="AV4517" s="92"/>
      <c r="AW4517" s="92"/>
      <c r="AX4517" s="92"/>
      <c r="AY4517" s="92"/>
      <c r="AZ4517" s="93"/>
      <c r="BA4517" s="93"/>
      <c r="BB4517" s="93"/>
      <c r="BC4517" s="93"/>
      <c r="BD4517" s="93"/>
      <c r="BE4517" s="93"/>
      <c r="BF4517" s="93"/>
      <c r="BG4517" s="93"/>
      <c r="BH4517" s="93"/>
      <c r="BI4517" s="93"/>
      <c r="BJ4517" s="93"/>
      <c r="BK4517" s="93"/>
      <c r="BL4517" s="93"/>
    </row>
    <row r="4518" spans="2:64" x14ac:dyDescent="0.2">
      <c r="B4518" s="43"/>
      <c r="C4518" s="73"/>
      <c r="D4518" s="64"/>
      <c r="E4518" s="55"/>
      <c r="F4518" s="74"/>
      <c r="G4518" s="74"/>
      <c r="H4518" s="74"/>
      <c r="I4518" s="75"/>
      <c r="J4518" s="74"/>
      <c r="L4518" s="55"/>
      <c r="M4518" s="234"/>
      <c r="N4518" s="65"/>
      <c r="O4518" s="76"/>
      <c r="P4518" s="76"/>
      <c r="Q4518" s="65"/>
      <c r="R4518" s="76"/>
      <c r="S4518" s="76"/>
      <c r="T4518" s="76"/>
      <c r="U4518" s="76"/>
      <c r="V4518" s="76"/>
      <c r="W4518" s="76"/>
      <c r="X4518" s="76"/>
      <c r="Y4518" s="76"/>
      <c r="Z4518" s="76"/>
      <c r="AA4518" s="85"/>
      <c r="AB4518" s="85"/>
      <c r="AC4518" s="85"/>
      <c r="AD4518" s="85"/>
      <c r="AE4518" s="85"/>
      <c r="AF4518" s="85"/>
      <c r="AG4518" s="86"/>
      <c r="AH4518" s="85"/>
      <c r="AI4518" s="85"/>
      <c r="AJ4518" s="85"/>
      <c r="AK4518" s="85"/>
      <c r="AL4518" s="85"/>
      <c r="AM4518" s="92"/>
      <c r="AN4518" s="92"/>
      <c r="AO4518" s="92"/>
      <c r="AP4518" s="92"/>
      <c r="AQ4518" s="92"/>
      <c r="AR4518" s="92"/>
      <c r="AS4518" s="92"/>
      <c r="AT4518" s="92"/>
      <c r="AU4518" s="92"/>
      <c r="AV4518" s="92"/>
      <c r="AW4518" s="92"/>
      <c r="AX4518" s="92"/>
      <c r="AY4518" s="92"/>
      <c r="AZ4518" s="93"/>
      <c r="BA4518" s="93"/>
      <c r="BB4518" s="93"/>
      <c r="BC4518" s="93"/>
      <c r="BD4518" s="93"/>
      <c r="BE4518" s="93"/>
      <c r="BF4518" s="93"/>
      <c r="BG4518" s="93"/>
      <c r="BH4518" s="93"/>
      <c r="BI4518" s="93"/>
      <c r="BJ4518" s="93"/>
      <c r="BK4518" s="93"/>
      <c r="BL4518" s="93"/>
    </row>
    <row r="4519" spans="2:64" x14ac:dyDescent="0.2">
      <c r="B4519" s="43"/>
      <c r="C4519" s="73"/>
      <c r="D4519" s="64"/>
      <c r="E4519" s="55"/>
      <c r="F4519" s="74"/>
      <c r="G4519" s="74"/>
      <c r="H4519" s="74"/>
      <c r="I4519" s="75"/>
      <c r="J4519" s="74"/>
      <c r="L4519" s="55"/>
      <c r="M4519" s="234"/>
      <c r="N4519" s="65"/>
      <c r="O4519" s="76"/>
      <c r="P4519" s="76"/>
      <c r="Q4519" s="65"/>
      <c r="R4519" s="76"/>
      <c r="S4519" s="76"/>
      <c r="T4519" s="76"/>
      <c r="U4519" s="76"/>
      <c r="V4519" s="76"/>
      <c r="W4519" s="76"/>
      <c r="X4519" s="76"/>
      <c r="Y4519" s="76"/>
      <c r="Z4519" s="76"/>
      <c r="AA4519" s="85"/>
      <c r="AB4519" s="85"/>
      <c r="AC4519" s="85"/>
      <c r="AD4519" s="85"/>
      <c r="AE4519" s="85"/>
      <c r="AF4519" s="85"/>
      <c r="AG4519" s="86"/>
      <c r="AH4519" s="85"/>
      <c r="AI4519" s="85"/>
      <c r="AJ4519" s="85"/>
      <c r="AK4519" s="85"/>
      <c r="AL4519" s="85"/>
      <c r="AM4519" s="92"/>
      <c r="AN4519" s="92"/>
      <c r="AO4519" s="92"/>
      <c r="AP4519" s="92"/>
      <c r="AQ4519" s="92"/>
      <c r="AR4519" s="92"/>
      <c r="AS4519" s="92"/>
      <c r="AT4519" s="92"/>
      <c r="AU4519" s="92"/>
      <c r="AV4519" s="92"/>
      <c r="AW4519" s="92"/>
      <c r="AX4519" s="92"/>
      <c r="AY4519" s="92"/>
      <c r="AZ4519" s="93"/>
      <c r="BA4519" s="93"/>
      <c r="BB4519" s="93"/>
      <c r="BC4519" s="93"/>
      <c r="BD4519" s="93"/>
      <c r="BE4519" s="93"/>
      <c r="BF4519" s="93"/>
      <c r="BG4519" s="93"/>
      <c r="BH4519" s="93"/>
      <c r="BI4519" s="93"/>
      <c r="BJ4519" s="93"/>
      <c r="BK4519" s="93"/>
      <c r="BL4519" s="93"/>
    </row>
    <row r="4520" spans="2:64" x14ac:dyDescent="0.2">
      <c r="B4520" s="43"/>
      <c r="C4520" s="73"/>
      <c r="D4520" s="64"/>
      <c r="E4520" s="55"/>
      <c r="F4520" s="74"/>
      <c r="G4520" s="74"/>
      <c r="H4520" s="74"/>
      <c r="I4520" s="75"/>
      <c r="J4520" s="74"/>
      <c r="L4520" s="55"/>
      <c r="M4520" s="234"/>
      <c r="N4520" s="65"/>
      <c r="O4520" s="76"/>
      <c r="P4520" s="76"/>
      <c r="Q4520" s="65"/>
      <c r="R4520" s="76"/>
      <c r="S4520" s="76"/>
      <c r="T4520" s="76"/>
      <c r="U4520" s="76"/>
      <c r="V4520" s="76"/>
      <c r="W4520" s="76"/>
      <c r="X4520" s="76"/>
      <c r="Y4520" s="76"/>
      <c r="Z4520" s="76"/>
      <c r="AA4520" s="85"/>
      <c r="AB4520" s="85"/>
      <c r="AC4520" s="85"/>
      <c r="AD4520" s="85"/>
      <c r="AE4520" s="85"/>
      <c r="AF4520" s="85"/>
      <c r="AG4520" s="86"/>
      <c r="AH4520" s="85"/>
      <c r="AI4520" s="85"/>
      <c r="AJ4520" s="85"/>
      <c r="AK4520" s="85"/>
      <c r="AL4520" s="85"/>
      <c r="AM4520" s="92"/>
      <c r="AN4520" s="92"/>
      <c r="AO4520" s="92"/>
      <c r="AP4520" s="92"/>
      <c r="AQ4520" s="92"/>
      <c r="AR4520" s="92"/>
      <c r="AS4520" s="92"/>
      <c r="AT4520" s="92"/>
      <c r="AU4520" s="92"/>
      <c r="AV4520" s="92"/>
      <c r="AW4520" s="92"/>
      <c r="AX4520" s="92"/>
      <c r="AY4520" s="92"/>
      <c r="AZ4520" s="93"/>
      <c r="BA4520" s="93"/>
      <c r="BB4520" s="93"/>
      <c r="BC4520" s="93"/>
      <c r="BD4520" s="93"/>
      <c r="BE4520" s="93"/>
      <c r="BF4520" s="93"/>
      <c r="BG4520" s="93"/>
      <c r="BH4520" s="93"/>
      <c r="BI4520" s="93"/>
      <c r="BJ4520" s="93"/>
      <c r="BK4520" s="93"/>
      <c r="BL4520" s="93"/>
    </row>
    <row r="4521" spans="2:64" x14ac:dyDescent="0.2">
      <c r="B4521" s="43"/>
      <c r="C4521" s="73"/>
      <c r="D4521" s="64"/>
      <c r="E4521" s="55"/>
      <c r="F4521" s="74"/>
      <c r="G4521" s="74"/>
      <c r="H4521" s="74"/>
      <c r="I4521" s="75"/>
      <c r="J4521" s="74"/>
      <c r="L4521" s="55"/>
      <c r="M4521" s="234"/>
      <c r="N4521" s="65"/>
      <c r="O4521" s="76"/>
      <c r="P4521" s="76"/>
      <c r="Q4521" s="65"/>
      <c r="R4521" s="76"/>
      <c r="S4521" s="76"/>
      <c r="T4521" s="76"/>
      <c r="U4521" s="76"/>
      <c r="V4521" s="76"/>
      <c r="W4521" s="76"/>
      <c r="X4521" s="76"/>
      <c r="Y4521" s="76"/>
      <c r="Z4521" s="76"/>
      <c r="AA4521" s="85"/>
      <c r="AB4521" s="85"/>
      <c r="AC4521" s="85"/>
      <c r="AD4521" s="85"/>
      <c r="AE4521" s="85"/>
      <c r="AF4521" s="85"/>
      <c r="AG4521" s="86"/>
      <c r="AH4521" s="85"/>
      <c r="AI4521" s="85"/>
      <c r="AJ4521" s="85"/>
      <c r="AK4521" s="85"/>
      <c r="AL4521" s="85"/>
      <c r="AM4521" s="92"/>
      <c r="AN4521" s="92"/>
      <c r="AO4521" s="92"/>
      <c r="AP4521" s="92"/>
      <c r="AQ4521" s="92"/>
      <c r="AR4521" s="92"/>
      <c r="AS4521" s="92"/>
      <c r="AT4521" s="92"/>
      <c r="AU4521" s="92"/>
      <c r="AV4521" s="92"/>
      <c r="AW4521" s="92"/>
      <c r="AX4521" s="92"/>
      <c r="AY4521" s="92"/>
      <c r="AZ4521" s="93"/>
      <c r="BA4521" s="93"/>
      <c r="BB4521" s="93"/>
      <c r="BC4521" s="93"/>
      <c r="BD4521" s="93"/>
      <c r="BE4521" s="93"/>
      <c r="BF4521" s="93"/>
      <c r="BG4521" s="93"/>
      <c r="BH4521" s="93"/>
      <c r="BI4521" s="93"/>
      <c r="BJ4521" s="93"/>
      <c r="BK4521" s="93"/>
      <c r="BL4521" s="93"/>
    </row>
    <row r="4522" spans="2:64" x14ac:dyDescent="0.2">
      <c r="B4522" s="43"/>
      <c r="C4522" s="73"/>
      <c r="D4522" s="64"/>
      <c r="E4522" s="55"/>
      <c r="F4522" s="74"/>
      <c r="G4522" s="74"/>
      <c r="H4522" s="74"/>
      <c r="I4522" s="75"/>
      <c r="J4522" s="74"/>
      <c r="L4522" s="55"/>
      <c r="M4522" s="234"/>
      <c r="N4522" s="65"/>
      <c r="O4522" s="76"/>
      <c r="P4522" s="76"/>
      <c r="Q4522" s="65"/>
      <c r="R4522" s="76"/>
      <c r="S4522" s="76"/>
      <c r="T4522" s="76"/>
      <c r="U4522" s="76"/>
      <c r="V4522" s="76"/>
      <c r="W4522" s="76"/>
      <c r="X4522" s="76"/>
      <c r="Y4522" s="76"/>
      <c r="Z4522" s="76"/>
      <c r="AA4522" s="85"/>
      <c r="AB4522" s="85"/>
      <c r="AC4522" s="85"/>
      <c r="AD4522" s="85"/>
      <c r="AE4522" s="85"/>
      <c r="AF4522" s="85"/>
      <c r="AG4522" s="86"/>
      <c r="AH4522" s="85"/>
      <c r="AI4522" s="85"/>
      <c r="AJ4522" s="85"/>
      <c r="AK4522" s="85"/>
      <c r="AL4522" s="85"/>
      <c r="AM4522" s="92"/>
      <c r="AN4522" s="92"/>
      <c r="AO4522" s="92"/>
      <c r="AP4522" s="92"/>
      <c r="AQ4522" s="92"/>
      <c r="AR4522" s="92"/>
      <c r="AS4522" s="92"/>
      <c r="AT4522" s="92"/>
      <c r="AU4522" s="92"/>
      <c r="AV4522" s="92"/>
      <c r="AW4522" s="92"/>
      <c r="AX4522" s="92"/>
      <c r="AY4522" s="92"/>
      <c r="AZ4522" s="93"/>
      <c r="BA4522" s="93"/>
      <c r="BB4522" s="93"/>
      <c r="BC4522" s="93"/>
      <c r="BD4522" s="93"/>
      <c r="BE4522" s="93"/>
      <c r="BF4522" s="93"/>
      <c r="BG4522" s="93"/>
      <c r="BH4522" s="93"/>
      <c r="BI4522" s="93"/>
      <c r="BJ4522" s="93"/>
      <c r="BK4522" s="93"/>
      <c r="BL4522" s="93"/>
    </row>
    <row r="4523" spans="2:64" x14ac:dyDescent="0.2">
      <c r="B4523" s="43"/>
      <c r="C4523" s="73"/>
      <c r="D4523" s="64"/>
      <c r="E4523" s="55"/>
      <c r="F4523" s="74"/>
      <c r="G4523" s="74"/>
      <c r="H4523" s="74"/>
      <c r="I4523" s="75"/>
      <c r="J4523" s="74"/>
      <c r="L4523" s="55"/>
      <c r="M4523" s="234"/>
      <c r="N4523" s="65"/>
      <c r="O4523" s="76"/>
      <c r="P4523" s="76"/>
      <c r="Q4523" s="65"/>
      <c r="R4523" s="76"/>
      <c r="S4523" s="76"/>
      <c r="T4523" s="76"/>
      <c r="U4523" s="76"/>
      <c r="V4523" s="76"/>
      <c r="W4523" s="76"/>
      <c r="X4523" s="76"/>
      <c r="Y4523" s="76"/>
      <c r="Z4523" s="76"/>
      <c r="AA4523" s="85"/>
      <c r="AB4523" s="85"/>
      <c r="AC4523" s="85"/>
      <c r="AD4523" s="85"/>
      <c r="AE4523" s="85"/>
      <c r="AF4523" s="85"/>
      <c r="AG4523" s="86"/>
      <c r="AH4523" s="85"/>
      <c r="AI4523" s="85"/>
      <c r="AJ4523" s="85"/>
      <c r="AK4523" s="85"/>
      <c r="AL4523" s="85"/>
      <c r="AM4523" s="92"/>
      <c r="AN4523" s="92"/>
      <c r="AO4523" s="92"/>
      <c r="AP4523" s="92"/>
      <c r="AQ4523" s="92"/>
      <c r="AR4523" s="92"/>
      <c r="AS4523" s="92"/>
      <c r="AT4523" s="92"/>
      <c r="AU4523" s="92"/>
      <c r="AV4523" s="92"/>
      <c r="AW4523" s="92"/>
      <c r="AX4523" s="92"/>
      <c r="AY4523" s="92"/>
      <c r="AZ4523" s="93"/>
      <c r="BA4523" s="93"/>
      <c r="BB4523" s="93"/>
      <c r="BC4523" s="93"/>
      <c r="BD4523" s="93"/>
      <c r="BE4523" s="93"/>
      <c r="BF4523" s="93"/>
      <c r="BG4523" s="93"/>
      <c r="BH4523" s="93"/>
      <c r="BI4523" s="93"/>
      <c r="BJ4523" s="93"/>
      <c r="BK4523" s="93"/>
      <c r="BL4523" s="93"/>
    </row>
    <row r="4524" spans="2:64" x14ac:dyDescent="0.2">
      <c r="B4524" s="43"/>
      <c r="C4524" s="73"/>
      <c r="D4524" s="64"/>
      <c r="E4524" s="55"/>
      <c r="F4524" s="74"/>
      <c r="G4524" s="74"/>
      <c r="H4524" s="74"/>
      <c r="I4524" s="75"/>
      <c r="J4524" s="74"/>
      <c r="L4524" s="55"/>
      <c r="M4524" s="234"/>
      <c r="N4524" s="65"/>
      <c r="O4524" s="76"/>
      <c r="P4524" s="76"/>
      <c r="Q4524" s="65"/>
      <c r="R4524" s="76"/>
      <c r="S4524" s="76"/>
      <c r="T4524" s="76"/>
      <c r="U4524" s="76"/>
      <c r="V4524" s="76"/>
      <c r="W4524" s="76"/>
      <c r="X4524" s="76"/>
      <c r="Y4524" s="76"/>
      <c r="Z4524" s="76"/>
      <c r="AA4524" s="85"/>
      <c r="AB4524" s="85"/>
      <c r="AC4524" s="85"/>
      <c r="AD4524" s="85"/>
      <c r="AE4524" s="85"/>
      <c r="AF4524" s="85"/>
      <c r="AG4524" s="86"/>
      <c r="AH4524" s="85"/>
      <c r="AI4524" s="85"/>
      <c r="AJ4524" s="85"/>
      <c r="AK4524" s="85"/>
      <c r="AL4524" s="85"/>
      <c r="AM4524" s="92"/>
      <c r="AN4524" s="92"/>
      <c r="AO4524" s="92"/>
      <c r="AP4524" s="92"/>
      <c r="AQ4524" s="92"/>
      <c r="AR4524" s="92"/>
      <c r="AS4524" s="92"/>
      <c r="AT4524" s="92"/>
      <c r="AU4524" s="92"/>
      <c r="AV4524" s="92"/>
      <c r="AW4524" s="92"/>
      <c r="AX4524" s="92"/>
      <c r="AY4524" s="92"/>
      <c r="AZ4524" s="93"/>
      <c r="BA4524" s="93"/>
      <c r="BB4524" s="93"/>
      <c r="BC4524" s="93"/>
      <c r="BD4524" s="93"/>
      <c r="BE4524" s="93"/>
      <c r="BF4524" s="93"/>
      <c r="BG4524" s="93"/>
      <c r="BH4524" s="93"/>
      <c r="BI4524" s="93"/>
      <c r="BJ4524" s="93"/>
      <c r="BK4524" s="93"/>
      <c r="BL4524" s="93"/>
    </row>
    <row r="4525" spans="2:64" x14ac:dyDescent="0.2">
      <c r="B4525" s="43"/>
      <c r="C4525" s="73"/>
      <c r="D4525" s="64"/>
      <c r="E4525" s="55"/>
      <c r="F4525" s="74"/>
      <c r="G4525" s="74"/>
      <c r="H4525" s="74"/>
      <c r="I4525" s="75"/>
      <c r="J4525" s="74"/>
      <c r="L4525" s="55"/>
      <c r="M4525" s="234"/>
      <c r="N4525" s="65"/>
      <c r="O4525" s="76"/>
      <c r="P4525" s="76"/>
      <c r="Q4525" s="65"/>
      <c r="R4525" s="76"/>
      <c r="S4525" s="76"/>
      <c r="T4525" s="76"/>
      <c r="U4525" s="76"/>
      <c r="V4525" s="76"/>
      <c r="W4525" s="76"/>
      <c r="X4525" s="76"/>
      <c r="Y4525" s="76"/>
      <c r="Z4525" s="76"/>
      <c r="AA4525" s="85"/>
      <c r="AB4525" s="85"/>
      <c r="AC4525" s="85"/>
      <c r="AD4525" s="85"/>
      <c r="AE4525" s="85"/>
      <c r="AF4525" s="85"/>
      <c r="AG4525" s="86"/>
      <c r="AH4525" s="85"/>
      <c r="AI4525" s="85"/>
      <c r="AJ4525" s="85"/>
      <c r="AK4525" s="85"/>
      <c r="AL4525" s="85"/>
      <c r="AM4525" s="92"/>
      <c r="AN4525" s="92"/>
      <c r="AO4525" s="92"/>
      <c r="AP4525" s="92"/>
      <c r="AQ4525" s="92"/>
      <c r="AR4525" s="92"/>
      <c r="AS4525" s="92"/>
      <c r="AT4525" s="92"/>
      <c r="AU4525" s="92"/>
      <c r="AV4525" s="92"/>
      <c r="AW4525" s="92"/>
      <c r="AX4525" s="92"/>
      <c r="AY4525" s="92"/>
      <c r="AZ4525" s="93"/>
      <c r="BA4525" s="93"/>
      <c r="BB4525" s="93"/>
      <c r="BC4525" s="93"/>
      <c r="BD4525" s="93"/>
      <c r="BE4525" s="93"/>
      <c r="BF4525" s="93"/>
      <c r="BG4525" s="93"/>
      <c r="BH4525" s="93"/>
      <c r="BI4525" s="93"/>
      <c r="BJ4525" s="93"/>
      <c r="BK4525" s="93"/>
      <c r="BL4525" s="93"/>
    </row>
    <row r="4526" spans="2:64" x14ac:dyDescent="0.2">
      <c r="B4526" s="43"/>
      <c r="C4526" s="73"/>
      <c r="D4526" s="64"/>
      <c r="E4526" s="55"/>
      <c r="F4526" s="74"/>
      <c r="G4526" s="74"/>
      <c r="H4526" s="74"/>
      <c r="I4526" s="75"/>
      <c r="J4526" s="74"/>
      <c r="L4526" s="55"/>
      <c r="M4526" s="234"/>
      <c r="N4526" s="65"/>
      <c r="O4526" s="76"/>
      <c r="P4526" s="76"/>
      <c r="Q4526" s="65"/>
      <c r="R4526" s="76"/>
      <c r="S4526" s="76"/>
      <c r="T4526" s="76"/>
      <c r="U4526" s="76"/>
      <c r="V4526" s="76"/>
      <c r="W4526" s="76"/>
      <c r="X4526" s="76"/>
      <c r="Y4526" s="76"/>
      <c r="Z4526" s="76"/>
      <c r="AA4526" s="85"/>
      <c r="AB4526" s="85"/>
      <c r="AC4526" s="85"/>
      <c r="AD4526" s="85"/>
      <c r="AE4526" s="85"/>
      <c r="AF4526" s="85"/>
      <c r="AG4526" s="86"/>
      <c r="AH4526" s="85"/>
      <c r="AI4526" s="85"/>
      <c r="AJ4526" s="85"/>
      <c r="AK4526" s="85"/>
      <c r="AL4526" s="85"/>
      <c r="AM4526" s="92"/>
      <c r="AN4526" s="92"/>
      <c r="AO4526" s="92"/>
      <c r="AP4526" s="92"/>
      <c r="AQ4526" s="92"/>
      <c r="AR4526" s="92"/>
      <c r="AS4526" s="92"/>
      <c r="AT4526" s="92"/>
      <c r="AU4526" s="92"/>
      <c r="AV4526" s="92"/>
      <c r="AW4526" s="92"/>
      <c r="AX4526" s="92"/>
      <c r="AY4526" s="92"/>
      <c r="AZ4526" s="93"/>
      <c r="BA4526" s="93"/>
      <c r="BB4526" s="93"/>
      <c r="BC4526" s="93"/>
      <c r="BD4526" s="93"/>
      <c r="BE4526" s="93"/>
      <c r="BF4526" s="93"/>
      <c r="BG4526" s="93"/>
      <c r="BH4526" s="93"/>
      <c r="BI4526" s="93"/>
      <c r="BJ4526" s="93"/>
      <c r="BK4526" s="93"/>
      <c r="BL4526" s="93"/>
    </row>
    <row r="4527" spans="2:64" x14ac:dyDescent="0.2">
      <c r="B4527" s="43"/>
      <c r="C4527" s="73"/>
      <c r="D4527" s="64"/>
      <c r="E4527" s="55"/>
      <c r="F4527" s="74"/>
      <c r="G4527" s="74"/>
      <c r="H4527" s="74"/>
      <c r="I4527" s="75"/>
      <c r="J4527" s="74"/>
      <c r="L4527" s="55"/>
      <c r="M4527" s="234"/>
      <c r="N4527" s="65"/>
      <c r="O4527" s="76"/>
      <c r="P4527" s="76"/>
      <c r="Q4527" s="65"/>
      <c r="R4527" s="76"/>
      <c r="S4527" s="76"/>
      <c r="T4527" s="76"/>
      <c r="U4527" s="76"/>
      <c r="V4527" s="76"/>
      <c r="W4527" s="76"/>
      <c r="X4527" s="76"/>
      <c r="Y4527" s="76"/>
      <c r="Z4527" s="76"/>
      <c r="AA4527" s="85"/>
      <c r="AB4527" s="85"/>
      <c r="AC4527" s="85"/>
      <c r="AD4527" s="85"/>
      <c r="AE4527" s="85"/>
      <c r="AF4527" s="85"/>
      <c r="AG4527" s="86"/>
      <c r="AH4527" s="85"/>
      <c r="AI4527" s="85"/>
      <c r="AJ4527" s="85"/>
      <c r="AK4527" s="85"/>
      <c r="AL4527" s="85"/>
      <c r="AM4527" s="92"/>
      <c r="AN4527" s="92"/>
      <c r="AO4527" s="92"/>
      <c r="AP4527" s="92"/>
      <c r="AQ4527" s="92"/>
      <c r="AR4527" s="92"/>
      <c r="AS4527" s="92"/>
      <c r="AT4527" s="92"/>
      <c r="AU4527" s="92"/>
      <c r="AV4527" s="92"/>
      <c r="AW4527" s="92"/>
      <c r="AX4527" s="92"/>
      <c r="AY4527" s="92"/>
      <c r="AZ4527" s="93"/>
      <c r="BA4527" s="93"/>
      <c r="BB4527" s="93"/>
      <c r="BC4527" s="93"/>
      <c r="BD4527" s="93"/>
      <c r="BE4527" s="93"/>
      <c r="BF4527" s="93"/>
      <c r="BG4527" s="93"/>
      <c r="BH4527" s="93"/>
      <c r="BI4527" s="93"/>
      <c r="BJ4527" s="93"/>
      <c r="BK4527" s="93"/>
      <c r="BL4527" s="93"/>
    </row>
    <row r="4528" spans="2:64" x14ac:dyDescent="0.2">
      <c r="B4528" s="43"/>
      <c r="C4528" s="73"/>
      <c r="D4528" s="64"/>
      <c r="E4528" s="55"/>
      <c r="F4528" s="74"/>
      <c r="G4528" s="74"/>
      <c r="H4528" s="74"/>
      <c r="I4528" s="75"/>
      <c r="J4528" s="74"/>
      <c r="L4528" s="55"/>
      <c r="M4528" s="234"/>
      <c r="N4528" s="65"/>
      <c r="O4528" s="76"/>
      <c r="P4528" s="76"/>
      <c r="Q4528" s="65"/>
      <c r="R4528" s="76"/>
      <c r="S4528" s="76"/>
      <c r="T4528" s="76"/>
      <c r="U4528" s="76"/>
      <c r="V4528" s="76"/>
      <c r="W4528" s="76"/>
      <c r="X4528" s="76"/>
      <c r="Y4528" s="76"/>
      <c r="Z4528" s="76"/>
      <c r="AA4528" s="85"/>
      <c r="AB4528" s="85"/>
      <c r="AC4528" s="85"/>
      <c r="AD4528" s="85"/>
      <c r="AE4528" s="85"/>
      <c r="AF4528" s="85"/>
      <c r="AG4528" s="86"/>
      <c r="AH4528" s="85"/>
      <c r="AI4528" s="85"/>
      <c r="AJ4528" s="85"/>
      <c r="AK4528" s="85"/>
      <c r="AL4528" s="85"/>
      <c r="AM4528" s="92"/>
      <c r="AN4528" s="92"/>
      <c r="AO4528" s="92"/>
      <c r="AP4528" s="92"/>
      <c r="AQ4528" s="92"/>
      <c r="AR4528" s="92"/>
      <c r="AS4528" s="92"/>
      <c r="AT4528" s="92"/>
      <c r="AU4528" s="92"/>
      <c r="AV4528" s="92"/>
      <c r="AW4528" s="92"/>
      <c r="AX4528" s="92"/>
      <c r="AY4528" s="92"/>
      <c r="AZ4528" s="93"/>
      <c r="BA4528" s="93"/>
      <c r="BB4528" s="93"/>
      <c r="BC4528" s="93"/>
      <c r="BD4528" s="93"/>
      <c r="BE4528" s="93"/>
      <c r="BF4528" s="93"/>
      <c r="BG4528" s="93"/>
      <c r="BH4528" s="93"/>
      <c r="BI4528" s="93"/>
      <c r="BJ4528" s="93"/>
      <c r="BK4528" s="93"/>
      <c r="BL4528" s="93"/>
    </row>
    <row r="4529" spans="2:64" x14ac:dyDescent="0.2">
      <c r="B4529" s="43"/>
      <c r="C4529" s="73"/>
      <c r="D4529" s="64"/>
      <c r="E4529" s="55"/>
      <c r="F4529" s="74"/>
      <c r="G4529" s="74"/>
      <c r="H4529" s="74"/>
      <c r="I4529" s="75"/>
      <c r="J4529" s="74"/>
      <c r="L4529" s="55"/>
      <c r="M4529" s="234"/>
      <c r="N4529" s="65"/>
      <c r="O4529" s="76"/>
      <c r="P4529" s="76"/>
      <c r="Q4529" s="65"/>
      <c r="R4529" s="76"/>
      <c r="S4529" s="76"/>
      <c r="T4529" s="76"/>
      <c r="U4529" s="76"/>
      <c r="V4529" s="76"/>
      <c r="W4529" s="76"/>
      <c r="X4529" s="76"/>
      <c r="Y4529" s="76"/>
      <c r="Z4529" s="76"/>
      <c r="AA4529" s="85"/>
      <c r="AB4529" s="85"/>
      <c r="AC4529" s="85"/>
      <c r="AD4529" s="85"/>
      <c r="AE4529" s="85"/>
      <c r="AF4529" s="85"/>
      <c r="AG4529" s="86"/>
      <c r="AH4529" s="85"/>
      <c r="AI4529" s="85"/>
      <c r="AJ4529" s="85"/>
      <c r="AK4529" s="85"/>
      <c r="AL4529" s="85"/>
      <c r="AM4529" s="92"/>
      <c r="AN4529" s="92"/>
      <c r="AO4529" s="92"/>
      <c r="AP4529" s="92"/>
      <c r="AQ4529" s="92"/>
      <c r="AR4529" s="92"/>
      <c r="AS4529" s="92"/>
      <c r="AT4529" s="92"/>
      <c r="AU4529" s="92"/>
      <c r="AV4529" s="92"/>
      <c r="AW4529" s="92"/>
      <c r="AX4529" s="92"/>
      <c r="AY4529" s="92"/>
      <c r="AZ4529" s="93"/>
      <c r="BA4529" s="93"/>
      <c r="BB4529" s="93"/>
      <c r="BC4529" s="93"/>
      <c r="BD4529" s="93"/>
      <c r="BE4529" s="93"/>
      <c r="BF4529" s="93"/>
      <c r="BG4529" s="93"/>
      <c r="BH4529" s="93"/>
      <c r="BI4529" s="93"/>
      <c r="BJ4529" s="93"/>
      <c r="BK4529" s="93"/>
      <c r="BL4529" s="93"/>
    </row>
    <row r="4530" spans="2:64" x14ac:dyDescent="0.2">
      <c r="B4530" s="43"/>
      <c r="C4530" s="73"/>
      <c r="D4530" s="64"/>
      <c r="E4530" s="55"/>
      <c r="F4530" s="74"/>
      <c r="G4530" s="74"/>
      <c r="H4530" s="74"/>
      <c r="I4530" s="75"/>
      <c r="J4530" s="74"/>
      <c r="L4530" s="55"/>
      <c r="M4530" s="234"/>
      <c r="N4530" s="65"/>
      <c r="O4530" s="76"/>
      <c r="P4530" s="76"/>
      <c r="Q4530" s="65"/>
      <c r="R4530" s="76"/>
      <c r="S4530" s="76"/>
      <c r="T4530" s="76"/>
      <c r="U4530" s="76"/>
      <c r="V4530" s="76"/>
      <c r="W4530" s="76"/>
      <c r="X4530" s="76"/>
      <c r="Y4530" s="76"/>
      <c r="Z4530" s="76"/>
      <c r="AA4530" s="85"/>
      <c r="AB4530" s="85"/>
      <c r="AC4530" s="85"/>
      <c r="AD4530" s="85"/>
      <c r="AE4530" s="85"/>
      <c r="AF4530" s="85"/>
      <c r="AG4530" s="86"/>
      <c r="AH4530" s="85"/>
      <c r="AI4530" s="85"/>
      <c r="AJ4530" s="85"/>
      <c r="AK4530" s="85"/>
      <c r="AL4530" s="85"/>
      <c r="AM4530" s="92"/>
      <c r="AN4530" s="92"/>
      <c r="AO4530" s="92"/>
      <c r="AP4530" s="92"/>
      <c r="AQ4530" s="92"/>
      <c r="AR4530" s="92"/>
      <c r="AS4530" s="92"/>
      <c r="AT4530" s="92"/>
      <c r="AU4530" s="92"/>
      <c r="AV4530" s="92"/>
      <c r="AW4530" s="92"/>
      <c r="AX4530" s="92"/>
      <c r="AY4530" s="92"/>
      <c r="AZ4530" s="93"/>
      <c r="BA4530" s="93"/>
      <c r="BB4530" s="93"/>
      <c r="BC4530" s="93"/>
      <c r="BD4530" s="93"/>
      <c r="BE4530" s="93"/>
      <c r="BF4530" s="93"/>
      <c r="BG4530" s="93"/>
      <c r="BH4530" s="93"/>
      <c r="BI4530" s="93"/>
      <c r="BJ4530" s="93"/>
      <c r="BK4530" s="93"/>
      <c r="BL4530" s="93"/>
    </row>
    <row r="4531" spans="2:64" x14ac:dyDescent="0.2">
      <c r="B4531" s="43"/>
      <c r="C4531" s="73"/>
      <c r="D4531" s="64"/>
      <c r="E4531" s="55"/>
      <c r="F4531" s="74"/>
      <c r="G4531" s="74"/>
      <c r="H4531" s="74"/>
      <c r="I4531" s="75"/>
      <c r="J4531" s="74"/>
      <c r="L4531" s="55"/>
      <c r="M4531" s="234"/>
      <c r="N4531" s="65"/>
      <c r="O4531" s="76"/>
      <c r="P4531" s="76"/>
      <c r="Q4531" s="65"/>
      <c r="R4531" s="76"/>
      <c r="S4531" s="76"/>
      <c r="T4531" s="76"/>
      <c r="U4531" s="76"/>
      <c r="V4531" s="76"/>
      <c r="W4531" s="76"/>
      <c r="X4531" s="76"/>
      <c r="Y4531" s="76"/>
      <c r="Z4531" s="76"/>
      <c r="AA4531" s="85"/>
      <c r="AB4531" s="85"/>
      <c r="AC4531" s="85"/>
      <c r="AD4531" s="85"/>
      <c r="AE4531" s="85"/>
      <c r="AF4531" s="85"/>
      <c r="AG4531" s="86"/>
      <c r="AH4531" s="85"/>
      <c r="AI4531" s="85"/>
      <c r="AJ4531" s="85"/>
      <c r="AK4531" s="85"/>
      <c r="AL4531" s="85"/>
      <c r="AM4531" s="92"/>
      <c r="AN4531" s="92"/>
      <c r="AO4531" s="92"/>
      <c r="AP4531" s="92"/>
      <c r="AQ4531" s="92"/>
      <c r="AR4531" s="92"/>
      <c r="AS4531" s="92"/>
      <c r="AT4531" s="92"/>
      <c r="AU4531" s="92"/>
      <c r="AV4531" s="92"/>
      <c r="AW4531" s="92"/>
      <c r="AX4531" s="92"/>
      <c r="AY4531" s="92"/>
      <c r="AZ4531" s="93"/>
      <c r="BA4531" s="93"/>
      <c r="BB4531" s="93"/>
      <c r="BC4531" s="93"/>
      <c r="BD4531" s="93"/>
      <c r="BE4531" s="93"/>
      <c r="BF4531" s="93"/>
      <c r="BG4531" s="93"/>
      <c r="BH4531" s="93"/>
      <c r="BI4531" s="93"/>
      <c r="BJ4531" s="93"/>
      <c r="BK4531" s="93"/>
      <c r="BL4531" s="93"/>
    </row>
    <row r="4532" spans="2:64" x14ac:dyDescent="0.2">
      <c r="B4532" s="43"/>
      <c r="C4532" s="73"/>
      <c r="D4532" s="64"/>
      <c r="E4532" s="55"/>
      <c r="F4532" s="74"/>
      <c r="G4532" s="74"/>
      <c r="H4532" s="74"/>
      <c r="I4532" s="75"/>
      <c r="J4532" s="74"/>
      <c r="L4532" s="55"/>
      <c r="M4532" s="234"/>
      <c r="N4532" s="65"/>
      <c r="O4532" s="76"/>
      <c r="P4532" s="76"/>
      <c r="Q4532" s="65"/>
      <c r="R4532" s="76"/>
      <c r="S4532" s="76"/>
      <c r="T4532" s="76"/>
      <c r="U4532" s="76"/>
      <c r="V4532" s="76"/>
      <c r="W4532" s="76"/>
      <c r="X4532" s="76"/>
      <c r="Y4532" s="76"/>
      <c r="Z4532" s="76"/>
      <c r="AA4532" s="85"/>
      <c r="AB4532" s="85"/>
      <c r="AC4532" s="85"/>
      <c r="AD4532" s="85"/>
      <c r="AE4532" s="85"/>
      <c r="AF4532" s="85"/>
      <c r="AG4532" s="86"/>
      <c r="AH4532" s="85"/>
      <c r="AI4532" s="85"/>
      <c r="AJ4532" s="85"/>
      <c r="AK4532" s="85"/>
      <c r="AL4532" s="85"/>
      <c r="AM4532" s="92"/>
      <c r="AN4532" s="92"/>
      <c r="AO4532" s="92"/>
      <c r="AP4532" s="92"/>
      <c r="AQ4532" s="92"/>
      <c r="AR4532" s="92"/>
      <c r="AS4532" s="92"/>
      <c r="AT4532" s="92"/>
      <c r="AU4532" s="92"/>
      <c r="AV4532" s="92"/>
      <c r="AW4532" s="92"/>
      <c r="AX4532" s="92"/>
      <c r="AY4532" s="92"/>
      <c r="AZ4532" s="93"/>
      <c r="BA4532" s="93"/>
      <c r="BB4532" s="93"/>
      <c r="BC4532" s="93"/>
      <c r="BD4532" s="93"/>
      <c r="BE4532" s="93"/>
      <c r="BF4532" s="93"/>
      <c r="BG4532" s="93"/>
      <c r="BH4532" s="93"/>
      <c r="BI4532" s="93"/>
      <c r="BJ4532" s="93"/>
      <c r="BK4532" s="93"/>
      <c r="BL4532" s="93"/>
    </row>
    <row r="4533" spans="2:64" x14ac:dyDescent="0.2">
      <c r="B4533" s="43"/>
      <c r="C4533" s="73"/>
      <c r="D4533" s="64"/>
      <c r="E4533" s="55"/>
      <c r="F4533" s="74"/>
      <c r="G4533" s="74"/>
      <c r="H4533" s="74"/>
      <c r="I4533" s="75"/>
      <c r="J4533" s="74"/>
      <c r="L4533" s="55"/>
      <c r="M4533" s="234"/>
      <c r="N4533" s="65"/>
      <c r="O4533" s="76"/>
      <c r="P4533" s="76"/>
      <c r="Q4533" s="65"/>
      <c r="R4533" s="76"/>
      <c r="S4533" s="76"/>
      <c r="T4533" s="76"/>
      <c r="U4533" s="76"/>
      <c r="V4533" s="76"/>
      <c r="W4533" s="76"/>
      <c r="X4533" s="76"/>
      <c r="Y4533" s="76"/>
      <c r="Z4533" s="76"/>
      <c r="AA4533" s="85"/>
      <c r="AB4533" s="85"/>
      <c r="AC4533" s="85"/>
      <c r="AD4533" s="85"/>
      <c r="AE4533" s="85"/>
      <c r="AF4533" s="85"/>
      <c r="AG4533" s="86"/>
      <c r="AH4533" s="85"/>
      <c r="AI4533" s="85"/>
      <c r="AJ4533" s="85"/>
      <c r="AK4533" s="85"/>
      <c r="AL4533" s="85"/>
      <c r="AM4533" s="92"/>
      <c r="AN4533" s="92"/>
      <c r="AO4533" s="92"/>
      <c r="AP4533" s="92"/>
      <c r="AQ4533" s="92"/>
      <c r="AR4533" s="92"/>
      <c r="AS4533" s="92"/>
      <c r="AT4533" s="92"/>
      <c r="AU4533" s="92"/>
      <c r="AV4533" s="92"/>
      <c r="AW4533" s="92"/>
      <c r="AX4533" s="92"/>
      <c r="AY4533" s="92"/>
      <c r="AZ4533" s="93"/>
      <c r="BA4533" s="93"/>
      <c r="BB4533" s="93"/>
      <c r="BC4533" s="93"/>
      <c r="BD4533" s="93"/>
      <c r="BE4533" s="93"/>
      <c r="BF4533" s="93"/>
      <c r="BG4533" s="93"/>
      <c r="BH4533" s="93"/>
      <c r="BI4533" s="93"/>
      <c r="BJ4533" s="93"/>
      <c r="BK4533" s="93"/>
      <c r="BL4533" s="93"/>
    </row>
    <row r="4534" spans="2:64" x14ac:dyDescent="0.2">
      <c r="B4534" s="43"/>
      <c r="C4534" s="73"/>
      <c r="D4534" s="64"/>
      <c r="E4534" s="55"/>
      <c r="F4534" s="74"/>
      <c r="G4534" s="74"/>
      <c r="H4534" s="74"/>
      <c r="I4534" s="75"/>
      <c r="J4534" s="74"/>
      <c r="L4534" s="55"/>
      <c r="M4534" s="234"/>
      <c r="N4534" s="65"/>
      <c r="O4534" s="76"/>
      <c r="P4534" s="76"/>
      <c r="Q4534" s="65"/>
      <c r="R4534" s="76"/>
      <c r="S4534" s="76"/>
      <c r="T4534" s="76"/>
      <c r="U4534" s="76"/>
      <c r="V4534" s="76"/>
      <c r="W4534" s="76"/>
      <c r="X4534" s="76"/>
      <c r="Y4534" s="76"/>
      <c r="Z4534" s="76"/>
      <c r="AA4534" s="85"/>
      <c r="AB4534" s="85"/>
      <c r="AC4534" s="85"/>
      <c r="AD4534" s="85"/>
      <c r="AE4534" s="85"/>
      <c r="AF4534" s="85"/>
      <c r="AG4534" s="86"/>
      <c r="AH4534" s="85"/>
      <c r="AI4534" s="85"/>
      <c r="AJ4534" s="85"/>
      <c r="AK4534" s="85"/>
      <c r="AL4534" s="85"/>
      <c r="AM4534" s="92"/>
      <c r="AN4534" s="92"/>
      <c r="AO4534" s="92"/>
      <c r="AP4534" s="92"/>
      <c r="AQ4534" s="92"/>
      <c r="AR4534" s="92"/>
      <c r="AS4534" s="92"/>
      <c r="AT4534" s="92"/>
      <c r="AU4534" s="92"/>
      <c r="AV4534" s="92"/>
      <c r="AW4534" s="92"/>
      <c r="AX4534" s="92"/>
      <c r="AY4534" s="92"/>
      <c r="AZ4534" s="93"/>
      <c r="BA4534" s="93"/>
      <c r="BB4534" s="93"/>
      <c r="BC4534" s="93"/>
      <c r="BD4534" s="93"/>
      <c r="BE4534" s="93"/>
      <c r="BF4534" s="93"/>
      <c r="BG4534" s="93"/>
      <c r="BH4534" s="93"/>
      <c r="BI4534" s="93"/>
      <c r="BJ4534" s="93"/>
      <c r="BK4534" s="93"/>
      <c r="BL4534" s="93"/>
    </row>
    <row r="4535" spans="2:64" x14ac:dyDescent="0.2">
      <c r="B4535" s="43"/>
      <c r="C4535" s="73"/>
      <c r="D4535" s="64"/>
      <c r="E4535" s="55"/>
      <c r="F4535" s="74"/>
      <c r="G4535" s="74"/>
      <c r="H4535" s="74"/>
      <c r="I4535" s="75"/>
      <c r="J4535" s="74"/>
      <c r="L4535" s="55"/>
      <c r="M4535" s="234"/>
      <c r="N4535" s="65"/>
      <c r="O4535" s="76"/>
      <c r="P4535" s="76"/>
      <c r="Q4535" s="65"/>
      <c r="R4535" s="76"/>
      <c r="S4535" s="76"/>
      <c r="T4535" s="76"/>
      <c r="U4535" s="76"/>
      <c r="V4535" s="76"/>
      <c r="W4535" s="76"/>
      <c r="X4535" s="76"/>
      <c r="Y4535" s="76"/>
      <c r="Z4535" s="76"/>
      <c r="AA4535" s="85"/>
      <c r="AB4535" s="85"/>
      <c r="AC4535" s="85"/>
      <c r="AD4535" s="85"/>
      <c r="AE4535" s="85"/>
      <c r="AF4535" s="85"/>
      <c r="AG4535" s="86"/>
      <c r="AH4535" s="85"/>
      <c r="AI4535" s="85"/>
      <c r="AJ4535" s="85"/>
      <c r="AK4535" s="85"/>
      <c r="AL4535" s="85"/>
      <c r="AM4535" s="92"/>
      <c r="AN4535" s="92"/>
      <c r="AO4535" s="92"/>
      <c r="AP4535" s="92"/>
      <c r="AQ4535" s="92"/>
      <c r="AR4535" s="92"/>
      <c r="AS4535" s="92"/>
      <c r="AT4535" s="92"/>
      <c r="AU4535" s="92"/>
      <c r="AV4535" s="92"/>
      <c r="AW4535" s="92"/>
      <c r="AX4535" s="92"/>
      <c r="AY4535" s="92"/>
      <c r="AZ4535" s="93"/>
      <c r="BA4535" s="93"/>
      <c r="BB4535" s="93"/>
      <c r="BC4535" s="93"/>
      <c r="BD4535" s="93"/>
      <c r="BE4535" s="93"/>
      <c r="BF4535" s="93"/>
      <c r="BG4535" s="93"/>
      <c r="BH4535" s="93"/>
      <c r="BI4535" s="93"/>
      <c r="BJ4535" s="93"/>
      <c r="BK4535" s="93"/>
      <c r="BL4535" s="93"/>
    </row>
    <row r="4536" spans="2:64" x14ac:dyDescent="0.2">
      <c r="B4536" s="43"/>
      <c r="C4536" s="73"/>
      <c r="D4536" s="64"/>
      <c r="E4536" s="55"/>
      <c r="F4536" s="74"/>
      <c r="G4536" s="74"/>
      <c r="H4536" s="74"/>
      <c r="I4536" s="75"/>
      <c r="J4536" s="74"/>
      <c r="L4536" s="55"/>
      <c r="M4536" s="234"/>
      <c r="N4536" s="65"/>
      <c r="O4536" s="76"/>
      <c r="P4536" s="76"/>
      <c r="Q4536" s="65"/>
      <c r="R4536" s="76"/>
      <c r="S4536" s="76"/>
      <c r="T4536" s="76"/>
      <c r="U4536" s="76"/>
      <c r="V4536" s="76"/>
      <c r="W4536" s="76"/>
      <c r="X4536" s="76"/>
      <c r="Y4536" s="76"/>
      <c r="Z4536" s="76"/>
      <c r="AA4536" s="85"/>
      <c r="AB4536" s="85"/>
      <c r="AC4536" s="85"/>
      <c r="AD4536" s="85"/>
      <c r="AE4536" s="85"/>
      <c r="AF4536" s="85"/>
      <c r="AG4536" s="86"/>
      <c r="AH4536" s="85"/>
      <c r="AI4536" s="85"/>
      <c r="AJ4536" s="85"/>
      <c r="AK4536" s="85"/>
      <c r="AL4536" s="85"/>
      <c r="AM4536" s="92"/>
      <c r="AN4536" s="92"/>
      <c r="AO4536" s="92"/>
      <c r="AP4536" s="92"/>
      <c r="AQ4536" s="92"/>
      <c r="AR4536" s="92"/>
      <c r="AS4536" s="92"/>
      <c r="AT4536" s="92"/>
      <c r="AU4536" s="92"/>
      <c r="AV4536" s="92"/>
      <c r="AW4536" s="92"/>
      <c r="AX4536" s="92"/>
      <c r="AY4536" s="92"/>
      <c r="AZ4536" s="93"/>
      <c r="BA4536" s="93"/>
      <c r="BB4536" s="93"/>
      <c r="BC4536" s="93"/>
      <c r="BD4536" s="93"/>
      <c r="BE4536" s="93"/>
      <c r="BF4536" s="93"/>
      <c r="BG4536" s="93"/>
      <c r="BH4536" s="93"/>
      <c r="BI4536" s="93"/>
      <c r="BJ4536" s="93"/>
      <c r="BK4536" s="93"/>
      <c r="BL4536" s="93"/>
    </row>
    <row r="4537" spans="2:64" x14ac:dyDescent="0.2">
      <c r="B4537" s="43"/>
      <c r="C4537" s="73"/>
      <c r="D4537" s="64"/>
      <c r="E4537" s="55"/>
      <c r="F4537" s="74"/>
      <c r="G4537" s="74"/>
      <c r="H4537" s="74"/>
      <c r="I4537" s="75"/>
      <c r="J4537" s="74"/>
      <c r="L4537" s="55"/>
      <c r="M4537" s="234"/>
      <c r="N4537" s="65"/>
      <c r="O4537" s="76"/>
      <c r="P4537" s="76"/>
      <c r="Q4537" s="65"/>
      <c r="R4537" s="76"/>
      <c r="S4537" s="76"/>
      <c r="T4537" s="76"/>
      <c r="U4537" s="76"/>
      <c r="V4537" s="76"/>
      <c r="W4537" s="76"/>
      <c r="X4537" s="76"/>
      <c r="Y4537" s="76"/>
      <c r="Z4537" s="76"/>
      <c r="AA4537" s="85"/>
      <c r="AB4537" s="85"/>
      <c r="AC4537" s="85"/>
      <c r="AD4537" s="85"/>
      <c r="AE4537" s="85"/>
      <c r="AF4537" s="85"/>
      <c r="AG4537" s="86"/>
      <c r="AH4537" s="85"/>
      <c r="AI4537" s="85"/>
      <c r="AJ4537" s="85"/>
      <c r="AK4537" s="85"/>
      <c r="AL4537" s="85"/>
      <c r="AM4537" s="92"/>
      <c r="AN4537" s="92"/>
      <c r="AO4537" s="92"/>
      <c r="AP4537" s="92"/>
      <c r="AQ4537" s="92"/>
      <c r="AR4537" s="92"/>
      <c r="AS4537" s="92"/>
      <c r="AT4537" s="92"/>
      <c r="AU4537" s="92"/>
      <c r="AV4537" s="92"/>
      <c r="AW4537" s="92"/>
      <c r="AX4537" s="92"/>
      <c r="AY4537" s="92"/>
      <c r="AZ4537" s="93"/>
      <c r="BA4537" s="93"/>
      <c r="BB4537" s="93"/>
      <c r="BC4537" s="93"/>
      <c r="BD4537" s="93"/>
      <c r="BE4537" s="93"/>
      <c r="BF4537" s="93"/>
      <c r="BG4537" s="93"/>
      <c r="BH4537" s="93"/>
      <c r="BI4537" s="93"/>
      <c r="BJ4537" s="93"/>
      <c r="BK4537" s="93"/>
      <c r="BL4537" s="93"/>
    </row>
    <row r="4538" spans="2:64" x14ac:dyDescent="0.2">
      <c r="B4538" s="43"/>
      <c r="C4538" s="73"/>
      <c r="D4538" s="64"/>
      <c r="E4538" s="55"/>
      <c r="F4538" s="74"/>
      <c r="G4538" s="74"/>
      <c r="H4538" s="74"/>
      <c r="I4538" s="75"/>
      <c r="J4538" s="74"/>
      <c r="L4538" s="55"/>
      <c r="M4538" s="234"/>
      <c r="N4538" s="65"/>
      <c r="O4538" s="76"/>
      <c r="P4538" s="76"/>
      <c r="Q4538" s="65"/>
      <c r="R4538" s="76"/>
      <c r="S4538" s="76"/>
      <c r="T4538" s="76"/>
      <c r="U4538" s="76"/>
      <c r="V4538" s="76"/>
      <c r="W4538" s="76"/>
      <c r="X4538" s="76"/>
      <c r="Y4538" s="76"/>
      <c r="Z4538" s="76"/>
      <c r="AA4538" s="85"/>
      <c r="AB4538" s="85"/>
      <c r="AC4538" s="85"/>
      <c r="AD4538" s="85"/>
      <c r="AE4538" s="85"/>
      <c r="AF4538" s="85"/>
      <c r="AG4538" s="86"/>
      <c r="AH4538" s="85"/>
      <c r="AI4538" s="85"/>
      <c r="AJ4538" s="85"/>
      <c r="AK4538" s="85"/>
      <c r="AL4538" s="85"/>
      <c r="AM4538" s="92"/>
      <c r="AN4538" s="92"/>
      <c r="AO4538" s="92"/>
      <c r="AP4538" s="92"/>
      <c r="AQ4538" s="92"/>
      <c r="AR4538" s="92"/>
      <c r="AS4538" s="92"/>
      <c r="AT4538" s="92"/>
      <c r="AU4538" s="92"/>
      <c r="AV4538" s="92"/>
      <c r="AW4538" s="92"/>
      <c r="AX4538" s="92"/>
      <c r="AY4538" s="92"/>
      <c r="AZ4538" s="93"/>
      <c r="BA4538" s="93"/>
      <c r="BB4538" s="93"/>
      <c r="BC4538" s="93"/>
      <c r="BD4538" s="93"/>
      <c r="BE4538" s="93"/>
      <c r="BF4538" s="93"/>
      <c r="BG4538" s="93"/>
      <c r="BH4538" s="93"/>
      <c r="BI4538" s="93"/>
      <c r="BJ4538" s="93"/>
      <c r="BK4538" s="93"/>
      <c r="BL4538" s="93"/>
    </row>
    <row r="4539" spans="2:64" x14ac:dyDescent="0.2">
      <c r="B4539" s="43"/>
      <c r="C4539" s="73"/>
      <c r="D4539" s="64"/>
      <c r="E4539" s="55"/>
      <c r="F4539" s="74"/>
      <c r="G4539" s="74"/>
      <c r="H4539" s="74"/>
      <c r="I4539" s="75"/>
      <c r="J4539" s="74"/>
      <c r="L4539" s="55"/>
      <c r="M4539" s="234"/>
      <c r="N4539" s="65"/>
      <c r="O4539" s="76"/>
      <c r="P4539" s="76"/>
      <c r="Q4539" s="65"/>
      <c r="R4539" s="76"/>
      <c r="S4539" s="76"/>
      <c r="T4539" s="76"/>
      <c r="U4539" s="76"/>
      <c r="V4539" s="76"/>
      <c r="W4539" s="76"/>
      <c r="X4539" s="76"/>
      <c r="Y4539" s="76"/>
      <c r="Z4539" s="76"/>
      <c r="AA4539" s="85"/>
      <c r="AB4539" s="85"/>
      <c r="AC4539" s="85"/>
      <c r="AD4539" s="85"/>
      <c r="AE4539" s="85"/>
      <c r="AF4539" s="85"/>
      <c r="AG4539" s="86"/>
      <c r="AH4539" s="85"/>
      <c r="AI4539" s="85"/>
      <c r="AJ4539" s="85"/>
      <c r="AK4539" s="85"/>
      <c r="AL4539" s="85"/>
      <c r="AM4539" s="92"/>
      <c r="AN4539" s="92"/>
      <c r="AO4539" s="92"/>
      <c r="AP4539" s="92"/>
      <c r="AQ4539" s="92"/>
      <c r="AR4539" s="92"/>
      <c r="AS4539" s="92"/>
      <c r="AT4539" s="92"/>
      <c r="AU4539" s="92"/>
      <c r="AV4539" s="92"/>
      <c r="AW4539" s="92"/>
      <c r="AX4539" s="92"/>
      <c r="AY4539" s="92"/>
      <c r="AZ4539" s="93"/>
      <c r="BA4539" s="93"/>
      <c r="BB4539" s="93"/>
      <c r="BC4539" s="93"/>
      <c r="BD4539" s="93"/>
      <c r="BE4539" s="93"/>
      <c r="BF4539" s="93"/>
      <c r="BG4539" s="93"/>
      <c r="BH4539" s="93"/>
      <c r="BI4539" s="93"/>
      <c r="BJ4539" s="93"/>
      <c r="BK4539" s="93"/>
      <c r="BL4539" s="93"/>
    </row>
    <row r="4540" spans="2:64" x14ac:dyDescent="0.2">
      <c r="B4540" s="43"/>
      <c r="C4540" s="73"/>
      <c r="D4540" s="64"/>
      <c r="E4540" s="55"/>
      <c r="F4540" s="74"/>
      <c r="G4540" s="74"/>
      <c r="H4540" s="74"/>
      <c r="I4540" s="75"/>
      <c r="J4540" s="74"/>
      <c r="L4540" s="55"/>
      <c r="M4540" s="234"/>
      <c r="N4540" s="65"/>
      <c r="O4540" s="76"/>
      <c r="P4540" s="76"/>
      <c r="Q4540" s="65"/>
      <c r="R4540" s="76"/>
      <c r="S4540" s="76"/>
      <c r="T4540" s="76"/>
      <c r="U4540" s="76"/>
      <c r="V4540" s="76"/>
      <c r="W4540" s="76"/>
      <c r="X4540" s="76"/>
      <c r="Y4540" s="76"/>
      <c r="Z4540" s="76"/>
      <c r="AA4540" s="85"/>
      <c r="AB4540" s="85"/>
      <c r="AC4540" s="85"/>
      <c r="AD4540" s="85"/>
      <c r="AE4540" s="85"/>
      <c r="AF4540" s="85"/>
      <c r="AG4540" s="86"/>
      <c r="AH4540" s="85"/>
      <c r="AI4540" s="85"/>
      <c r="AJ4540" s="85"/>
      <c r="AK4540" s="85"/>
      <c r="AL4540" s="85"/>
      <c r="AM4540" s="92"/>
      <c r="AN4540" s="92"/>
      <c r="AO4540" s="92"/>
      <c r="AP4540" s="92"/>
      <c r="AQ4540" s="92"/>
      <c r="AR4540" s="92"/>
      <c r="AS4540" s="92"/>
      <c r="AT4540" s="92"/>
      <c r="AU4540" s="92"/>
      <c r="AV4540" s="92"/>
      <c r="AW4540" s="92"/>
      <c r="AX4540" s="92"/>
      <c r="AY4540" s="92"/>
      <c r="AZ4540" s="93"/>
      <c r="BA4540" s="93"/>
      <c r="BB4540" s="93"/>
      <c r="BC4540" s="93"/>
      <c r="BD4540" s="93"/>
      <c r="BE4540" s="93"/>
      <c r="BF4540" s="93"/>
      <c r="BG4540" s="93"/>
      <c r="BH4540" s="93"/>
      <c r="BI4540" s="93"/>
      <c r="BJ4540" s="93"/>
      <c r="BK4540" s="93"/>
      <c r="BL4540" s="93"/>
    </row>
    <row r="4541" spans="2:64" x14ac:dyDescent="0.2">
      <c r="B4541" s="43"/>
      <c r="C4541" s="73"/>
      <c r="D4541" s="64"/>
      <c r="E4541" s="55"/>
      <c r="F4541" s="74"/>
      <c r="G4541" s="74"/>
      <c r="H4541" s="74"/>
      <c r="I4541" s="75"/>
      <c r="J4541" s="74"/>
      <c r="L4541" s="55"/>
      <c r="M4541" s="234"/>
      <c r="N4541" s="65"/>
      <c r="O4541" s="76"/>
      <c r="P4541" s="76"/>
      <c r="Q4541" s="65"/>
      <c r="R4541" s="76"/>
      <c r="S4541" s="76"/>
      <c r="T4541" s="76"/>
      <c r="U4541" s="76"/>
      <c r="V4541" s="76"/>
      <c r="W4541" s="76"/>
      <c r="X4541" s="76"/>
      <c r="Y4541" s="76"/>
      <c r="Z4541" s="76"/>
      <c r="AA4541" s="85"/>
      <c r="AB4541" s="85"/>
      <c r="AC4541" s="85"/>
      <c r="AD4541" s="85"/>
      <c r="AE4541" s="85"/>
      <c r="AF4541" s="85"/>
      <c r="AG4541" s="86"/>
      <c r="AH4541" s="85"/>
      <c r="AI4541" s="85"/>
      <c r="AJ4541" s="85"/>
      <c r="AK4541" s="85"/>
      <c r="AL4541" s="85"/>
      <c r="AM4541" s="92"/>
      <c r="AN4541" s="92"/>
      <c r="AO4541" s="92"/>
      <c r="AP4541" s="92"/>
      <c r="AQ4541" s="92"/>
      <c r="AR4541" s="92"/>
      <c r="AS4541" s="92"/>
      <c r="AT4541" s="92"/>
      <c r="AU4541" s="92"/>
      <c r="AV4541" s="92"/>
      <c r="AW4541" s="92"/>
      <c r="AX4541" s="92"/>
      <c r="AY4541" s="92"/>
      <c r="AZ4541" s="93"/>
      <c r="BA4541" s="93"/>
      <c r="BB4541" s="93"/>
      <c r="BC4541" s="93"/>
      <c r="BD4541" s="93"/>
      <c r="BE4541" s="93"/>
      <c r="BF4541" s="93"/>
      <c r="BG4541" s="93"/>
      <c r="BH4541" s="93"/>
      <c r="BI4541" s="93"/>
      <c r="BJ4541" s="93"/>
      <c r="BK4541" s="93"/>
      <c r="BL4541" s="93"/>
    </row>
    <row r="4542" spans="2:64" x14ac:dyDescent="0.2">
      <c r="B4542" s="43"/>
      <c r="C4542" s="73"/>
      <c r="D4542" s="64"/>
      <c r="E4542" s="55"/>
      <c r="F4542" s="74"/>
      <c r="G4542" s="74"/>
      <c r="H4542" s="74"/>
      <c r="I4542" s="75"/>
      <c r="J4542" s="74"/>
      <c r="L4542" s="55"/>
      <c r="M4542" s="234"/>
      <c r="N4542" s="65"/>
      <c r="O4542" s="76"/>
      <c r="P4542" s="76"/>
      <c r="Q4542" s="65"/>
      <c r="R4542" s="76"/>
      <c r="S4542" s="76"/>
      <c r="T4542" s="76"/>
      <c r="U4542" s="76"/>
      <c r="V4542" s="76"/>
      <c r="W4542" s="76"/>
      <c r="X4542" s="76"/>
      <c r="Y4542" s="76"/>
      <c r="Z4542" s="76"/>
      <c r="AA4542" s="85"/>
      <c r="AB4542" s="85"/>
      <c r="AC4542" s="85"/>
      <c r="AD4542" s="85"/>
      <c r="AE4542" s="85"/>
      <c r="AF4542" s="85"/>
      <c r="AG4542" s="86"/>
      <c r="AH4542" s="85"/>
      <c r="AI4542" s="85"/>
      <c r="AJ4542" s="85"/>
      <c r="AK4542" s="85"/>
      <c r="AL4542" s="85"/>
      <c r="AM4542" s="92"/>
      <c r="AN4542" s="92"/>
      <c r="AO4542" s="92"/>
      <c r="AP4542" s="92"/>
      <c r="AQ4542" s="92"/>
      <c r="AR4542" s="92"/>
      <c r="AS4542" s="92"/>
      <c r="AT4542" s="92"/>
      <c r="AU4542" s="92"/>
      <c r="AV4542" s="92"/>
      <c r="AW4542" s="92"/>
      <c r="AX4542" s="92"/>
      <c r="AY4542" s="92"/>
      <c r="AZ4542" s="93"/>
      <c r="BA4542" s="93"/>
      <c r="BB4542" s="93"/>
      <c r="BC4542" s="93"/>
      <c r="BD4542" s="93"/>
      <c r="BE4542" s="93"/>
      <c r="BF4542" s="93"/>
      <c r="BG4542" s="93"/>
      <c r="BH4542" s="93"/>
      <c r="BI4542" s="93"/>
      <c r="BJ4542" s="93"/>
      <c r="BK4542" s="93"/>
      <c r="BL4542" s="93"/>
    </row>
    <row r="4543" spans="2:64" x14ac:dyDescent="0.2">
      <c r="B4543" s="43"/>
      <c r="C4543" s="73"/>
      <c r="D4543" s="64"/>
      <c r="E4543" s="55"/>
      <c r="F4543" s="74"/>
      <c r="G4543" s="74"/>
      <c r="H4543" s="74"/>
      <c r="I4543" s="75"/>
      <c r="J4543" s="74"/>
      <c r="L4543" s="55"/>
      <c r="M4543" s="234"/>
      <c r="N4543" s="65"/>
      <c r="O4543" s="76"/>
      <c r="P4543" s="76"/>
      <c r="Q4543" s="65"/>
      <c r="R4543" s="76"/>
      <c r="S4543" s="76"/>
      <c r="T4543" s="76"/>
      <c r="U4543" s="76"/>
      <c r="V4543" s="76"/>
      <c r="W4543" s="76"/>
      <c r="X4543" s="76"/>
      <c r="Y4543" s="76"/>
      <c r="Z4543" s="76"/>
      <c r="AA4543" s="85"/>
      <c r="AB4543" s="85"/>
      <c r="AC4543" s="85"/>
      <c r="AD4543" s="85"/>
      <c r="AE4543" s="85"/>
      <c r="AF4543" s="85"/>
      <c r="AG4543" s="86"/>
      <c r="AH4543" s="85"/>
      <c r="AI4543" s="85"/>
      <c r="AJ4543" s="85"/>
      <c r="AK4543" s="85"/>
      <c r="AL4543" s="85"/>
      <c r="AM4543" s="92"/>
      <c r="AN4543" s="92"/>
      <c r="AO4543" s="92"/>
      <c r="AP4543" s="92"/>
      <c r="AQ4543" s="92"/>
      <c r="AR4543" s="92"/>
      <c r="AS4543" s="92"/>
      <c r="AT4543" s="92"/>
      <c r="AU4543" s="92"/>
      <c r="AV4543" s="92"/>
      <c r="AW4543" s="92"/>
      <c r="AX4543" s="92"/>
      <c r="AY4543" s="92"/>
      <c r="AZ4543" s="93"/>
      <c r="BA4543" s="93"/>
      <c r="BB4543" s="93"/>
      <c r="BC4543" s="93"/>
      <c r="BD4543" s="93"/>
      <c r="BE4543" s="93"/>
      <c r="BF4543" s="93"/>
      <c r="BG4543" s="93"/>
      <c r="BH4543" s="93"/>
      <c r="BI4543" s="93"/>
      <c r="BJ4543" s="93"/>
      <c r="BK4543" s="93"/>
      <c r="BL4543" s="93"/>
    </row>
    <row r="4544" spans="2:64" x14ac:dyDescent="0.2">
      <c r="B4544" s="43"/>
      <c r="C4544" s="73"/>
      <c r="D4544" s="64"/>
      <c r="E4544" s="55"/>
      <c r="F4544" s="74"/>
      <c r="G4544" s="74"/>
      <c r="H4544" s="74"/>
      <c r="I4544" s="75"/>
      <c r="J4544" s="74"/>
      <c r="L4544" s="55"/>
      <c r="M4544" s="234"/>
      <c r="N4544" s="65"/>
      <c r="O4544" s="76"/>
      <c r="P4544" s="76"/>
      <c r="Q4544" s="65"/>
      <c r="R4544" s="76"/>
      <c r="S4544" s="76"/>
      <c r="T4544" s="76"/>
      <c r="U4544" s="76"/>
      <c r="V4544" s="76"/>
      <c r="W4544" s="76"/>
      <c r="X4544" s="76"/>
      <c r="Y4544" s="76"/>
      <c r="Z4544" s="76"/>
      <c r="AA4544" s="85"/>
      <c r="AB4544" s="85"/>
      <c r="AC4544" s="85"/>
      <c r="AD4544" s="85"/>
      <c r="AE4544" s="85"/>
      <c r="AF4544" s="85"/>
      <c r="AG4544" s="86"/>
      <c r="AH4544" s="85"/>
      <c r="AI4544" s="85"/>
      <c r="AJ4544" s="85"/>
      <c r="AK4544" s="85"/>
      <c r="AL4544" s="85"/>
      <c r="AM4544" s="92"/>
      <c r="AN4544" s="92"/>
      <c r="AO4544" s="92"/>
      <c r="AP4544" s="92"/>
      <c r="AQ4544" s="92"/>
      <c r="AR4544" s="92"/>
      <c r="AS4544" s="92"/>
      <c r="AT4544" s="92"/>
      <c r="AU4544" s="92"/>
      <c r="AV4544" s="92"/>
      <c r="AW4544" s="92"/>
      <c r="AX4544" s="92"/>
      <c r="AY4544" s="92"/>
      <c r="AZ4544" s="93"/>
      <c r="BA4544" s="93"/>
      <c r="BB4544" s="93"/>
      <c r="BC4544" s="93"/>
      <c r="BD4544" s="93"/>
      <c r="BE4544" s="93"/>
      <c r="BF4544" s="93"/>
      <c r="BG4544" s="93"/>
      <c r="BH4544" s="93"/>
      <c r="BI4544" s="93"/>
      <c r="BJ4544" s="93"/>
      <c r="BK4544" s="93"/>
      <c r="BL4544" s="93"/>
    </row>
    <row r="4545" spans="2:64" x14ac:dyDescent="0.2">
      <c r="B4545" s="43"/>
      <c r="C4545" s="73"/>
      <c r="D4545" s="64"/>
      <c r="E4545" s="55"/>
      <c r="F4545" s="74"/>
      <c r="G4545" s="74"/>
      <c r="H4545" s="74"/>
      <c r="I4545" s="75"/>
      <c r="J4545" s="74"/>
      <c r="L4545" s="55"/>
      <c r="M4545" s="234"/>
      <c r="N4545" s="65"/>
      <c r="O4545" s="76"/>
      <c r="P4545" s="76"/>
      <c r="Q4545" s="65"/>
      <c r="R4545" s="76"/>
      <c r="S4545" s="76"/>
      <c r="T4545" s="76"/>
      <c r="U4545" s="76"/>
      <c r="V4545" s="76"/>
      <c r="W4545" s="76"/>
      <c r="X4545" s="76"/>
      <c r="Y4545" s="76"/>
      <c r="Z4545" s="76"/>
      <c r="AA4545" s="85"/>
      <c r="AB4545" s="85"/>
      <c r="AC4545" s="85"/>
      <c r="AD4545" s="85"/>
      <c r="AE4545" s="85"/>
      <c r="AF4545" s="85"/>
      <c r="AG4545" s="86"/>
      <c r="AH4545" s="85"/>
      <c r="AI4545" s="85"/>
      <c r="AJ4545" s="85"/>
      <c r="AK4545" s="85"/>
      <c r="AL4545" s="85"/>
      <c r="AM4545" s="92"/>
      <c r="AN4545" s="92"/>
      <c r="AO4545" s="92"/>
      <c r="AP4545" s="92"/>
      <c r="AQ4545" s="92"/>
      <c r="AR4545" s="92"/>
      <c r="AS4545" s="92"/>
      <c r="AT4545" s="92"/>
      <c r="AU4545" s="92"/>
      <c r="AV4545" s="92"/>
      <c r="AW4545" s="92"/>
      <c r="AX4545" s="92"/>
      <c r="AY4545" s="92"/>
      <c r="AZ4545" s="93"/>
      <c r="BA4545" s="93"/>
      <c r="BB4545" s="93"/>
      <c r="BC4545" s="93"/>
      <c r="BD4545" s="93"/>
      <c r="BE4545" s="93"/>
      <c r="BF4545" s="93"/>
      <c r="BG4545" s="93"/>
      <c r="BH4545" s="93"/>
      <c r="BI4545" s="93"/>
      <c r="BJ4545" s="93"/>
      <c r="BK4545" s="93"/>
      <c r="BL4545" s="93"/>
    </row>
    <row r="4546" spans="2:64" x14ac:dyDescent="0.2">
      <c r="B4546" s="43"/>
      <c r="C4546" s="73"/>
      <c r="D4546" s="64"/>
      <c r="E4546" s="55"/>
      <c r="F4546" s="74"/>
      <c r="G4546" s="74"/>
      <c r="H4546" s="74"/>
      <c r="I4546" s="75"/>
      <c r="J4546" s="74"/>
      <c r="L4546" s="55"/>
      <c r="M4546" s="234"/>
      <c r="N4546" s="65"/>
      <c r="O4546" s="76"/>
      <c r="P4546" s="76"/>
      <c r="Q4546" s="65"/>
      <c r="R4546" s="76"/>
      <c r="S4546" s="76"/>
      <c r="T4546" s="76"/>
      <c r="U4546" s="76"/>
      <c r="V4546" s="76"/>
      <c r="W4546" s="76"/>
      <c r="X4546" s="76"/>
      <c r="Y4546" s="76"/>
      <c r="Z4546" s="76"/>
      <c r="AA4546" s="85"/>
      <c r="AB4546" s="85"/>
      <c r="AC4546" s="85"/>
      <c r="AD4546" s="85"/>
      <c r="AE4546" s="85"/>
      <c r="AF4546" s="85"/>
      <c r="AG4546" s="86"/>
      <c r="AH4546" s="85"/>
      <c r="AI4546" s="85"/>
      <c r="AJ4546" s="85"/>
      <c r="AK4546" s="85"/>
      <c r="AL4546" s="85"/>
      <c r="AM4546" s="92"/>
      <c r="AN4546" s="92"/>
      <c r="AO4546" s="92"/>
      <c r="AP4546" s="92"/>
      <c r="AQ4546" s="92"/>
      <c r="AR4546" s="92"/>
      <c r="AS4546" s="92"/>
      <c r="AT4546" s="92"/>
      <c r="AU4546" s="92"/>
      <c r="AV4546" s="92"/>
      <c r="AW4546" s="92"/>
      <c r="AX4546" s="92"/>
      <c r="AY4546" s="92"/>
      <c r="AZ4546" s="93"/>
      <c r="BA4546" s="93"/>
      <c r="BB4546" s="93"/>
      <c r="BC4546" s="93"/>
      <c r="BD4546" s="93"/>
      <c r="BE4546" s="93"/>
      <c r="BF4546" s="93"/>
      <c r="BG4546" s="93"/>
      <c r="BH4546" s="93"/>
      <c r="BI4546" s="93"/>
      <c r="BJ4546" s="93"/>
      <c r="BK4546" s="93"/>
      <c r="BL4546" s="93"/>
    </row>
    <row r="4547" spans="2:64" x14ac:dyDescent="0.2">
      <c r="B4547" s="43"/>
      <c r="C4547" s="73"/>
      <c r="D4547" s="64"/>
      <c r="E4547" s="55"/>
      <c r="F4547" s="74"/>
      <c r="G4547" s="74"/>
      <c r="H4547" s="74"/>
      <c r="I4547" s="75"/>
      <c r="J4547" s="74"/>
      <c r="L4547" s="55"/>
      <c r="M4547" s="234"/>
      <c r="N4547" s="65"/>
      <c r="O4547" s="76"/>
      <c r="P4547" s="76"/>
      <c r="Q4547" s="65"/>
      <c r="R4547" s="76"/>
      <c r="S4547" s="76"/>
      <c r="T4547" s="76"/>
      <c r="U4547" s="76"/>
      <c r="V4547" s="76"/>
      <c r="W4547" s="76"/>
      <c r="X4547" s="76"/>
      <c r="Y4547" s="76"/>
      <c r="Z4547" s="76"/>
      <c r="AA4547" s="85"/>
      <c r="AB4547" s="85"/>
      <c r="AC4547" s="85"/>
      <c r="AD4547" s="85"/>
      <c r="AE4547" s="85"/>
      <c r="AF4547" s="85"/>
      <c r="AG4547" s="86"/>
      <c r="AH4547" s="85"/>
      <c r="AI4547" s="85"/>
      <c r="AJ4547" s="85"/>
      <c r="AK4547" s="85"/>
      <c r="AL4547" s="85"/>
      <c r="AM4547" s="92"/>
      <c r="AN4547" s="92"/>
      <c r="AO4547" s="92"/>
      <c r="AP4547" s="92"/>
      <c r="AQ4547" s="92"/>
      <c r="AR4547" s="92"/>
      <c r="AS4547" s="92"/>
      <c r="AT4547" s="92"/>
      <c r="AU4547" s="92"/>
      <c r="AV4547" s="92"/>
      <c r="AW4547" s="92"/>
      <c r="AX4547" s="92"/>
      <c r="AY4547" s="92"/>
      <c r="AZ4547" s="93"/>
      <c r="BA4547" s="93"/>
      <c r="BB4547" s="93"/>
      <c r="BC4547" s="93"/>
      <c r="BD4547" s="93"/>
      <c r="BE4547" s="93"/>
      <c r="BF4547" s="93"/>
      <c r="BG4547" s="93"/>
      <c r="BH4547" s="93"/>
      <c r="BI4547" s="93"/>
      <c r="BJ4547" s="93"/>
      <c r="BK4547" s="93"/>
      <c r="BL4547" s="93"/>
    </row>
    <row r="4548" spans="2:64" x14ac:dyDescent="0.2">
      <c r="B4548" s="43"/>
      <c r="C4548" s="73"/>
      <c r="D4548" s="64"/>
      <c r="E4548" s="55"/>
      <c r="F4548" s="74"/>
      <c r="G4548" s="74"/>
      <c r="H4548" s="74"/>
      <c r="I4548" s="75"/>
      <c r="J4548" s="74"/>
      <c r="L4548" s="55"/>
      <c r="M4548" s="234"/>
      <c r="N4548" s="65"/>
      <c r="O4548" s="76"/>
      <c r="P4548" s="76"/>
      <c r="Q4548" s="65"/>
      <c r="R4548" s="76"/>
      <c r="S4548" s="76"/>
      <c r="T4548" s="76"/>
      <c r="U4548" s="76"/>
      <c r="V4548" s="76"/>
      <c r="W4548" s="76"/>
      <c r="X4548" s="76"/>
      <c r="Y4548" s="76"/>
      <c r="Z4548" s="76"/>
      <c r="AA4548" s="85"/>
      <c r="AB4548" s="85"/>
      <c r="AC4548" s="85"/>
      <c r="AD4548" s="85"/>
      <c r="AE4548" s="85"/>
      <c r="AF4548" s="85"/>
      <c r="AG4548" s="86"/>
      <c r="AH4548" s="85"/>
      <c r="AI4548" s="85"/>
      <c r="AJ4548" s="85"/>
      <c r="AK4548" s="85"/>
      <c r="AL4548" s="85"/>
      <c r="AM4548" s="92"/>
      <c r="AN4548" s="92"/>
      <c r="AO4548" s="92"/>
      <c r="AP4548" s="92"/>
      <c r="AQ4548" s="92"/>
      <c r="AR4548" s="92"/>
      <c r="AS4548" s="92"/>
      <c r="AT4548" s="92"/>
      <c r="AU4548" s="92"/>
      <c r="AV4548" s="92"/>
      <c r="AW4548" s="92"/>
      <c r="AX4548" s="92"/>
      <c r="AY4548" s="92"/>
      <c r="AZ4548" s="93"/>
      <c r="BA4548" s="93"/>
      <c r="BB4548" s="93"/>
      <c r="BC4548" s="93"/>
      <c r="BD4548" s="93"/>
      <c r="BE4548" s="93"/>
      <c r="BF4548" s="93"/>
      <c r="BG4548" s="93"/>
      <c r="BH4548" s="93"/>
      <c r="BI4548" s="93"/>
      <c r="BJ4548" s="93"/>
      <c r="BK4548" s="93"/>
      <c r="BL4548" s="93"/>
    </row>
    <row r="4549" spans="2:64" x14ac:dyDescent="0.2">
      <c r="B4549" s="43"/>
      <c r="C4549" s="73"/>
      <c r="D4549" s="64"/>
      <c r="E4549" s="55"/>
      <c r="F4549" s="74"/>
      <c r="G4549" s="74"/>
      <c r="H4549" s="74"/>
      <c r="I4549" s="75"/>
      <c r="J4549" s="74"/>
      <c r="L4549" s="55"/>
      <c r="M4549" s="234"/>
      <c r="N4549" s="65"/>
      <c r="O4549" s="76"/>
      <c r="P4549" s="76"/>
      <c r="Q4549" s="65"/>
      <c r="R4549" s="76"/>
      <c r="S4549" s="76"/>
      <c r="T4549" s="76"/>
      <c r="U4549" s="76"/>
      <c r="V4549" s="76"/>
      <c r="W4549" s="76"/>
      <c r="X4549" s="76"/>
      <c r="Y4549" s="76"/>
      <c r="Z4549" s="76"/>
      <c r="AA4549" s="85"/>
      <c r="AB4549" s="85"/>
      <c r="AC4549" s="85"/>
      <c r="AD4549" s="85"/>
      <c r="AE4549" s="85"/>
      <c r="AF4549" s="85"/>
      <c r="AG4549" s="86"/>
      <c r="AH4549" s="85"/>
      <c r="AI4549" s="85"/>
      <c r="AJ4549" s="85"/>
      <c r="AK4549" s="85"/>
      <c r="AL4549" s="85"/>
      <c r="AM4549" s="92"/>
      <c r="AN4549" s="92"/>
      <c r="AO4549" s="92"/>
      <c r="AP4549" s="92"/>
      <c r="AQ4549" s="92"/>
      <c r="AR4549" s="92"/>
      <c r="AS4549" s="92"/>
      <c r="AT4549" s="92"/>
      <c r="AU4549" s="92"/>
      <c r="AV4549" s="92"/>
      <c r="AW4549" s="92"/>
      <c r="AX4549" s="92"/>
      <c r="AY4549" s="92"/>
      <c r="AZ4549" s="93"/>
      <c r="BA4549" s="93"/>
      <c r="BB4549" s="93"/>
      <c r="BC4549" s="93"/>
      <c r="BD4549" s="93"/>
      <c r="BE4549" s="93"/>
      <c r="BF4549" s="93"/>
      <c r="BG4549" s="93"/>
      <c r="BH4549" s="93"/>
      <c r="BI4549" s="93"/>
      <c r="BJ4549" s="93"/>
      <c r="BK4549" s="93"/>
      <c r="BL4549" s="93"/>
    </row>
    <row r="4550" spans="2:64" x14ac:dyDescent="0.2">
      <c r="B4550" s="43"/>
      <c r="C4550" s="73"/>
      <c r="D4550" s="64"/>
      <c r="E4550" s="55"/>
      <c r="F4550" s="74"/>
      <c r="G4550" s="74"/>
      <c r="H4550" s="74"/>
      <c r="I4550" s="75"/>
      <c r="J4550" s="74"/>
      <c r="L4550" s="55"/>
      <c r="M4550" s="234"/>
      <c r="N4550" s="65"/>
      <c r="O4550" s="76"/>
      <c r="P4550" s="76"/>
      <c r="Q4550" s="65"/>
      <c r="R4550" s="76"/>
      <c r="S4550" s="76"/>
      <c r="T4550" s="76"/>
      <c r="U4550" s="76"/>
      <c r="V4550" s="76"/>
      <c r="W4550" s="76"/>
      <c r="X4550" s="76"/>
      <c r="Y4550" s="76"/>
      <c r="Z4550" s="76"/>
      <c r="AA4550" s="85"/>
      <c r="AB4550" s="85"/>
      <c r="AC4550" s="85"/>
      <c r="AD4550" s="85"/>
      <c r="AE4550" s="85"/>
      <c r="AF4550" s="85"/>
      <c r="AG4550" s="86"/>
      <c r="AH4550" s="85"/>
      <c r="AI4550" s="85"/>
      <c r="AJ4550" s="85"/>
      <c r="AK4550" s="85"/>
      <c r="AL4550" s="85"/>
      <c r="AM4550" s="92"/>
      <c r="AN4550" s="92"/>
      <c r="AO4550" s="92"/>
      <c r="AP4550" s="92"/>
      <c r="AQ4550" s="92"/>
      <c r="AR4550" s="92"/>
      <c r="AS4550" s="92"/>
      <c r="AT4550" s="92"/>
      <c r="AU4550" s="92"/>
      <c r="AV4550" s="92"/>
      <c r="AW4550" s="92"/>
      <c r="AX4550" s="92"/>
      <c r="AY4550" s="92"/>
      <c r="AZ4550" s="93"/>
      <c r="BA4550" s="93"/>
      <c r="BB4550" s="93"/>
      <c r="BC4550" s="93"/>
      <c r="BD4550" s="93"/>
      <c r="BE4550" s="93"/>
      <c r="BF4550" s="93"/>
      <c r="BG4550" s="93"/>
      <c r="BH4550" s="93"/>
      <c r="BI4550" s="93"/>
      <c r="BJ4550" s="93"/>
      <c r="BK4550" s="93"/>
      <c r="BL4550" s="93"/>
    </row>
    <row r="4551" spans="2:64" x14ac:dyDescent="0.2">
      <c r="B4551" s="43"/>
      <c r="C4551" s="73"/>
      <c r="D4551" s="64"/>
      <c r="E4551" s="55"/>
      <c r="F4551" s="74"/>
      <c r="G4551" s="74"/>
      <c r="H4551" s="74"/>
      <c r="I4551" s="75"/>
      <c r="J4551" s="74"/>
      <c r="L4551" s="55"/>
      <c r="M4551" s="234"/>
      <c r="N4551" s="65"/>
      <c r="O4551" s="76"/>
      <c r="P4551" s="76"/>
      <c r="Q4551" s="65"/>
      <c r="R4551" s="76"/>
      <c r="S4551" s="76"/>
      <c r="T4551" s="76"/>
      <c r="U4551" s="76"/>
      <c r="V4551" s="76"/>
      <c r="W4551" s="76"/>
      <c r="X4551" s="76"/>
      <c r="Y4551" s="76"/>
      <c r="Z4551" s="76"/>
      <c r="AA4551" s="85"/>
      <c r="AB4551" s="85"/>
      <c r="AC4551" s="85"/>
      <c r="AD4551" s="85"/>
      <c r="AE4551" s="85"/>
      <c r="AF4551" s="85"/>
      <c r="AG4551" s="86"/>
      <c r="AH4551" s="85"/>
      <c r="AI4551" s="85"/>
      <c r="AJ4551" s="85"/>
      <c r="AK4551" s="85"/>
      <c r="AL4551" s="85"/>
      <c r="AM4551" s="92"/>
      <c r="AN4551" s="92"/>
      <c r="AO4551" s="92"/>
      <c r="AP4551" s="92"/>
      <c r="AQ4551" s="92"/>
      <c r="AR4551" s="92"/>
      <c r="AS4551" s="92"/>
      <c r="AT4551" s="92"/>
      <c r="AU4551" s="92"/>
      <c r="AV4551" s="92"/>
      <c r="AW4551" s="92"/>
      <c r="AX4551" s="92"/>
      <c r="AY4551" s="92"/>
      <c r="AZ4551" s="93"/>
      <c r="BA4551" s="93"/>
      <c r="BB4551" s="93"/>
      <c r="BC4551" s="93"/>
      <c r="BD4551" s="93"/>
      <c r="BE4551" s="93"/>
      <c r="BF4551" s="93"/>
      <c r="BG4551" s="93"/>
      <c r="BH4551" s="93"/>
      <c r="BI4551" s="93"/>
      <c r="BJ4551" s="93"/>
      <c r="BK4551" s="93"/>
      <c r="BL4551" s="93"/>
    </row>
    <row r="4552" spans="2:64" x14ac:dyDescent="0.2">
      <c r="B4552" s="43"/>
      <c r="C4552" s="73"/>
      <c r="D4552" s="64"/>
      <c r="E4552" s="55"/>
      <c r="F4552" s="74"/>
      <c r="G4552" s="74"/>
      <c r="H4552" s="74"/>
      <c r="I4552" s="75"/>
      <c r="J4552" s="74"/>
      <c r="L4552" s="55"/>
      <c r="M4552" s="234"/>
      <c r="N4552" s="65"/>
      <c r="O4552" s="76"/>
      <c r="P4552" s="76"/>
      <c r="Q4552" s="65"/>
      <c r="R4552" s="76"/>
      <c r="S4552" s="76"/>
      <c r="T4552" s="76"/>
      <c r="U4552" s="76"/>
      <c r="V4552" s="76"/>
      <c r="W4552" s="76"/>
      <c r="X4552" s="76"/>
      <c r="Y4552" s="76"/>
      <c r="Z4552" s="76"/>
      <c r="AA4552" s="85"/>
      <c r="AB4552" s="85"/>
      <c r="AC4552" s="85"/>
      <c r="AD4552" s="85"/>
      <c r="AE4552" s="85"/>
      <c r="AF4552" s="85"/>
      <c r="AG4552" s="86"/>
      <c r="AH4552" s="85"/>
      <c r="AI4552" s="85"/>
      <c r="AJ4552" s="85"/>
      <c r="AK4552" s="85"/>
      <c r="AL4552" s="85"/>
      <c r="AM4552" s="92"/>
      <c r="AN4552" s="92"/>
      <c r="AO4552" s="92"/>
      <c r="AP4552" s="92"/>
      <c r="AQ4552" s="92"/>
      <c r="AR4552" s="92"/>
      <c r="AS4552" s="92"/>
      <c r="AT4552" s="92"/>
      <c r="AU4552" s="92"/>
      <c r="AV4552" s="92"/>
      <c r="AW4552" s="92"/>
      <c r="AX4552" s="92"/>
      <c r="AY4552" s="92"/>
      <c r="AZ4552" s="93"/>
      <c r="BA4552" s="93"/>
      <c r="BB4552" s="93"/>
      <c r="BC4552" s="93"/>
      <c r="BD4552" s="93"/>
      <c r="BE4552" s="93"/>
      <c r="BF4552" s="93"/>
      <c r="BG4552" s="93"/>
      <c r="BH4552" s="93"/>
      <c r="BI4552" s="93"/>
      <c r="BJ4552" s="93"/>
      <c r="BK4552" s="93"/>
      <c r="BL4552" s="93"/>
    </row>
    <row r="4553" spans="2:64" x14ac:dyDescent="0.2">
      <c r="B4553" s="43"/>
      <c r="C4553" s="73"/>
      <c r="D4553" s="64"/>
      <c r="E4553" s="55"/>
      <c r="F4553" s="74"/>
      <c r="G4553" s="74"/>
      <c r="H4553" s="74"/>
      <c r="I4553" s="75"/>
      <c r="J4553" s="74"/>
      <c r="L4553" s="55"/>
      <c r="M4553" s="234"/>
      <c r="N4553" s="65"/>
      <c r="O4553" s="76"/>
      <c r="P4553" s="76"/>
      <c r="Q4553" s="65"/>
      <c r="R4553" s="76"/>
      <c r="S4553" s="76"/>
      <c r="T4553" s="76"/>
      <c r="U4553" s="76"/>
      <c r="V4553" s="76"/>
      <c r="W4553" s="76"/>
      <c r="X4553" s="76"/>
      <c r="Y4553" s="76"/>
      <c r="Z4553" s="76"/>
      <c r="AA4553" s="85"/>
      <c r="AB4553" s="85"/>
      <c r="AC4553" s="85"/>
      <c r="AD4553" s="85"/>
      <c r="AE4553" s="85"/>
      <c r="AF4553" s="85"/>
      <c r="AG4553" s="86"/>
      <c r="AH4553" s="85"/>
      <c r="AI4553" s="85"/>
      <c r="AJ4553" s="85"/>
      <c r="AK4553" s="85"/>
      <c r="AL4553" s="85"/>
      <c r="AM4553" s="92"/>
      <c r="AN4553" s="92"/>
      <c r="AO4553" s="92"/>
      <c r="AP4553" s="92"/>
      <c r="AQ4553" s="92"/>
      <c r="AR4553" s="92"/>
      <c r="AS4553" s="92"/>
      <c r="AT4553" s="92"/>
      <c r="AU4553" s="92"/>
      <c r="AV4553" s="92"/>
      <c r="AW4553" s="92"/>
      <c r="AX4553" s="92"/>
      <c r="AY4553" s="92"/>
      <c r="AZ4553" s="93"/>
      <c r="BA4553" s="93"/>
      <c r="BB4553" s="93"/>
      <c r="BC4553" s="93"/>
      <c r="BD4553" s="93"/>
      <c r="BE4553" s="93"/>
      <c r="BF4553" s="93"/>
      <c r="BG4553" s="93"/>
      <c r="BH4553" s="93"/>
      <c r="BI4553" s="93"/>
      <c r="BJ4553" s="93"/>
      <c r="BK4553" s="93"/>
      <c r="BL4553" s="93"/>
    </row>
    <row r="4554" spans="2:64" x14ac:dyDescent="0.2">
      <c r="B4554" s="43"/>
      <c r="C4554" s="73"/>
      <c r="D4554" s="64"/>
      <c r="E4554" s="55"/>
      <c r="F4554" s="74"/>
      <c r="G4554" s="74"/>
      <c r="H4554" s="74"/>
      <c r="I4554" s="75"/>
      <c r="J4554" s="74"/>
      <c r="L4554" s="55"/>
      <c r="M4554" s="234"/>
      <c r="N4554" s="65"/>
      <c r="O4554" s="76"/>
      <c r="P4554" s="76"/>
      <c r="Q4554" s="65"/>
      <c r="R4554" s="76"/>
      <c r="S4554" s="76"/>
      <c r="T4554" s="76"/>
      <c r="U4554" s="76"/>
      <c r="V4554" s="76"/>
      <c r="W4554" s="76"/>
      <c r="X4554" s="76"/>
      <c r="Y4554" s="76"/>
      <c r="Z4554" s="76"/>
      <c r="AA4554" s="85"/>
      <c r="AB4554" s="85"/>
      <c r="AC4554" s="85"/>
      <c r="AD4554" s="85"/>
      <c r="AE4554" s="85"/>
      <c r="AF4554" s="85"/>
      <c r="AG4554" s="86"/>
      <c r="AH4554" s="85"/>
      <c r="AI4554" s="85"/>
      <c r="AJ4554" s="85"/>
      <c r="AK4554" s="85"/>
      <c r="AL4554" s="85"/>
      <c r="AM4554" s="92"/>
      <c r="AN4554" s="92"/>
      <c r="AO4554" s="92"/>
      <c r="AP4554" s="92"/>
      <c r="AQ4554" s="92"/>
      <c r="AR4554" s="92"/>
      <c r="AS4554" s="92"/>
      <c r="AT4554" s="92"/>
      <c r="AU4554" s="92"/>
      <c r="AV4554" s="92"/>
      <c r="AW4554" s="92"/>
      <c r="AX4554" s="92"/>
      <c r="AY4554" s="92"/>
      <c r="AZ4554" s="93"/>
      <c r="BA4554" s="93"/>
      <c r="BB4554" s="93"/>
      <c r="BC4554" s="93"/>
      <c r="BD4554" s="93"/>
      <c r="BE4554" s="93"/>
      <c r="BF4554" s="93"/>
      <c r="BG4554" s="93"/>
      <c r="BH4554" s="93"/>
      <c r="BI4554" s="93"/>
      <c r="BJ4554" s="93"/>
      <c r="BK4554" s="93"/>
      <c r="BL4554" s="93"/>
    </row>
    <row r="4555" spans="2:64" x14ac:dyDescent="0.2">
      <c r="B4555" s="43"/>
      <c r="C4555" s="73"/>
      <c r="D4555" s="64"/>
      <c r="E4555" s="55"/>
      <c r="F4555" s="74"/>
      <c r="G4555" s="74"/>
      <c r="H4555" s="74"/>
      <c r="I4555" s="75"/>
      <c r="J4555" s="74"/>
      <c r="L4555" s="55"/>
      <c r="M4555" s="234"/>
      <c r="N4555" s="65"/>
      <c r="O4555" s="76"/>
      <c r="P4555" s="76"/>
      <c r="Q4555" s="65"/>
      <c r="R4555" s="76"/>
      <c r="S4555" s="76"/>
      <c r="T4555" s="76"/>
      <c r="U4555" s="76"/>
      <c r="V4555" s="76"/>
      <c r="W4555" s="76"/>
      <c r="X4555" s="76"/>
      <c r="Y4555" s="76"/>
      <c r="Z4555" s="76"/>
      <c r="AA4555" s="85"/>
      <c r="AB4555" s="85"/>
      <c r="AC4555" s="85"/>
      <c r="AD4555" s="85"/>
      <c r="AE4555" s="85"/>
      <c r="AF4555" s="85"/>
      <c r="AG4555" s="86"/>
      <c r="AH4555" s="85"/>
      <c r="AI4555" s="85"/>
      <c r="AJ4555" s="85"/>
      <c r="AK4555" s="85"/>
      <c r="AL4555" s="85"/>
      <c r="AM4555" s="92"/>
      <c r="AN4555" s="92"/>
      <c r="AO4555" s="92"/>
      <c r="AP4555" s="92"/>
      <c r="AQ4555" s="92"/>
      <c r="AR4555" s="92"/>
      <c r="AS4555" s="92"/>
      <c r="AT4555" s="92"/>
      <c r="AU4555" s="92"/>
      <c r="AV4555" s="92"/>
      <c r="AW4555" s="92"/>
      <c r="AX4555" s="92"/>
      <c r="AY4555" s="92"/>
      <c r="AZ4555" s="93"/>
      <c r="BA4555" s="93"/>
      <c r="BB4555" s="93"/>
      <c r="BC4555" s="93"/>
      <c r="BD4555" s="93"/>
      <c r="BE4555" s="93"/>
      <c r="BF4555" s="93"/>
      <c r="BG4555" s="93"/>
      <c r="BH4555" s="93"/>
      <c r="BI4555" s="93"/>
      <c r="BJ4555" s="93"/>
      <c r="BK4555" s="93"/>
      <c r="BL4555" s="93"/>
    </row>
    <row r="4556" spans="2:64" x14ac:dyDescent="0.2">
      <c r="B4556" s="43"/>
      <c r="C4556" s="73"/>
      <c r="D4556" s="64"/>
      <c r="E4556" s="55"/>
      <c r="F4556" s="74"/>
      <c r="G4556" s="74"/>
      <c r="H4556" s="74"/>
      <c r="I4556" s="75"/>
      <c r="J4556" s="74"/>
      <c r="L4556" s="55"/>
      <c r="M4556" s="234"/>
      <c r="N4556" s="65"/>
      <c r="O4556" s="76"/>
      <c r="P4556" s="76"/>
      <c r="Q4556" s="65"/>
      <c r="R4556" s="76"/>
      <c r="S4556" s="76"/>
      <c r="T4556" s="76"/>
      <c r="U4556" s="76"/>
      <c r="V4556" s="76"/>
      <c r="W4556" s="76"/>
      <c r="X4556" s="76"/>
      <c r="Y4556" s="76"/>
      <c r="Z4556" s="76"/>
      <c r="AA4556" s="85"/>
      <c r="AB4556" s="85"/>
      <c r="AC4556" s="85"/>
      <c r="AD4556" s="85"/>
      <c r="AE4556" s="85"/>
      <c r="AF4556" s="85"/>
      <c r="AG4556" s="86"/>
      <c r="AH4556" s="85"/>
      <c r="AI4556" s="85"/>
      <c r="AJ4556" s="85"/>
      <c r="AK4556" s="85"/>
      <c r="AL4556" s="85"/>
      <c r="AM4556" s="92"/>
      <c r="AN4556" s="92"/>
      <c r="AO4556" s="92"/>
      <c r="AP4556" s="92"/>
      <c r="AQ4556" s="92"/>
      <c r="AR4556" s="92"/>
      <c r="AS4556" s="92"/>
      <c r="AT4556" s="92"/>
      <c r="AU4556" s="92"/>
      <c r="AV4556" s="92"/>
      <c r="AW4556" s="92"/>
      <c r="AX4556" s="92"/>
      <c r="AY4556" s="92"/>
      <c r="AZ4556" s="93"/>
      <c r="BA4556" s="93"/>
      <c r="BB4556" s="93"/>
      <c r="BC4556" s="93"/>
      <c r="BD4556" s="93"/>
      <c r="BE4556" s="93"/>
      <c r="BF4556" s="93"/>
      <c r="BG4556" s="93"/>
      <c r="BH4556" s="93"/>
      <c r="BI4556" s="93"/>
      <c r="BJ4556" s="93"/>
      <c r="BK4556" s="93"/>
      <c r="BL4556" s="93"/>
    </row>
    <row r="4557" spans="2:64" x14ac:dyDescent="0.2">
      <c r="B4557" s="43"/>
      <c r="C4557" s="73"/>
      <c r="D4557" s="64"/>
      <c r="E4557" s="55"/>
      <c r="F4557" s="74"/>
      <c r="G4557" s="74"/>
      <c r="H4557" s="74"/>
      <c r="I4557" s="75"/>
      <c r="J4557" s="74"/>
      <c r="L4557" s="55"/>
      <c r="M4557" s="234"/>
      <c r="N4557" s="65"/>
      <c r="O4557" s="76"/>
      <c r="P4557" s="76"/>
      <c r="Q4557" s="65"/>
      <c r="R4557" s="76"/>
      <c r="S4557" s="76"/>
      <c r="T4557" s="76"/>
      <c r="U4557" s="76"/>
      <c r="V4557" s="76"/>
      <c r="W4557" s="76"/>
      <c r="X4557" s="76"/>
      <c r="Y4557" s="76"/>
      <c r="Z4557" s="76"/>
      <c r="AA4557" s="85"/>
      <c r="AB4557" s="85"/>
      <c r="AC4557" s="85"/>
      <c r="AD4557" s="85"/>
      <c r="AE4557" s="85"/>
      <c r="AF4557" s="85"/>
      <c r="AG4557" s="86"/>
      <c r="AH4557" s="85"/>
      <c r="AI4557" s="85"/>
      <c r="AJ4557" s="85"/>
      <c r="AK4557" s="85"/>
      <c r="AL4557" s="85"/>
      <c r="AM4557" s="92"/>
      <c r="AN4557" s="92"/>
      <c r="AO4557" s="92"/>
      <c r="AP4557" s="92"/>
      <c r="AQ4557" s="92"/>
      <c r="AR4557" s="92"/>
      <c r="AS4557" s="92"/>
      <c r="AT4557" s="92"/>
      <c r="AU4557" s="92"/>
      <c r="AV4557" s="92"/>
      <c r="AW4557" s="92"/>
      <c r="AX4557" s="92"/>
      <c r="AY4557" s="92"/>
      <c r="AZ4557" s="93"/>
      <c r="BA4557" s="93"/>
      <c r="BB4557" s="93"/>
      <c r="BC4557" s="93"/>
      <c r="BD4557" s="93"/>
      <c r="BE4557" s="93"/>
      <c r="BF4557" s="93"/>
      <c r="BG4557" s="93"/>
      <c r="BH4557" s="93"/>
      <c r="BI4557" s="93"/>
      <c r="BJ4557" s="93"/>
      <c r="BK4557" s="93"/>
      <c r="BL4557" s="93"/>
    </row>
    <row r="4558" spans="2:64" x14ac:dyDescent="0.2">
      <c r="B4558" s="43"/>
      <c r="C4558" s="73"/>
      <c r="D4558" s="64"/>
      <c r="E4558" s="55"/>
      <c r="F4558" s="74"/>
      <c r="G4558" s="74"/>
      <c r="H4558" s="74"/>
      <c r="I4558" s="75"/>
      <c r="J4558" s="74"/>
      <c r="L4558" s="55"/>
      <c r="M4558" s="234"/>
      <c r="N4558" s="65"/>
      <c r="O4558" s="76"/>
      <c r="P4558" s="76"/>
      <c r="Q4558" s="65"/>
      <c r="R4558" s="76"/>
      <c r="S4558" s="76"/>
      <c r="T4558" s="76"/>
      <c r="U4558" s="76"/>
      <c r="V4558" s="76"/>
      <c r="W4558" s="76"/>
      <c r="X4558" s="76"/>
      <c r="Y4558" s="76"/>
      <c r="Z4558" s="76"/>
      <c r="AA4558" s="85"/>
      <c r="AB4558" s="85"/>
      <c r="AC4558" s="85"/>
      <c r="AD4558" s="85"/>
      <c r="AE4558" s="85"/>
      <c r="AF4558" s="85"/>
      <c r="AG4558" s="86"/>
      <c r="AH4558" s="85"/>
      <c r="AI4558" s="85"/>
      <c r="AJ4558" s="85"/>
      <c r="AK4558" s="85"/>
      <c r="AL4558" s="85"/>
      <c r="AM4558" s="92"/>
      <c r="AN4558" s="92"/>
      <c r="AO4558" s="92"/>
      <c r="AP4558" s="92"/>
      <c r="AQ4558" s="92"/>
      <c r="AR4558" s="92"/>
      <c r="AS4558" s="92"/>
      <c r="AT4558" s="92"/>
      <c r="AU4558" s="92"/>
      <c r="AV4558" s="92"/>
      <c r="AW4558" s="92"/>
      <c r="AX4558" s="92"/>
      <c r="AY4558" s="92"/>
      <c r="AZ4558" s="93"/>
      <c r="BA4558" s="93"/>
      <c r="BB4558" s="93"/>
      <c r="BC4558" s="93"/>
      <c r="BD4558" s="93"/>
      <c r="BE4558" s="93"/>
      <c r="BF4558" s="93"/>
      <c r="BG4558" s="93"/>
      <c r="BH4558" s="93"/>
      <c r="BI4558" s="93"/>
      <c r="BJ4558" s="93"/>
      <c r="BK4558" s="93"/>
      <c r="BL4558" s="93"/>
    </row>
    <row r="4559" spans="2:64" x14ac:dyDescent="0.2">
      <c r="B4559" s="43"/>
      <c r="C4559" s="73"/>
      <c r="D4559" s="64"/>
      <c r="E4559" s="55"/>
      <c r="F4559" s="74"/>
      <c r="G4559" s="74"/>
      <c r="H4559" s="74"/>
      <c r="I4559" s="75"/>
      <c r="J4559" s="74"/>
      <c r="L4559" s="55"/>
      <c r="M4559" s="234"/>
      <c r="N4559" s="65"/>
      <c r="O4559" s="76"/>
      <c r="P4559" s="76"/>
      <c r="Q4559" s="65"/>
      <c r="R4559" s="76"/>
      <c r="S4559" s="76"/>
      <c r="T4559" s="76"/>
      <c r="U4559" s="76"/>
      <c r="V4559" s="76"/>
      <c r="W4559" s="76"/>
      <c r="X4559" s="76"/>
      <c r="Y4559" s="76"/>
      <c r="Z4559" s="76"/>
      <c r="AA4559" s="85"/>
      <c r="AB4559" s="85"/>
      <c r="AC4559" s="85"/>
      <c r="AD4559" s="85"/>
      <c r="AE4559" s="85"/>
      <c r="AF4559" s="85"/>
      <c r="AG4559" s="86"/>
      <c r="AH4559" s="85"/>
      <c r="AI4559" s="85"/>
      <c r="AJ4559" s="85"/>
      <c r="AK4559" s="85"/>
      <c r="AL4559" s="85"/>
      <c r="AM4559" s="92"/>
      <c r="AN4559" s="92"/>
      <c r="AO4559" s="92"/>
      <c r="AP4559" s="92"/>
      <c r="AQ4559" s="92"/>
      <c r="AR4559" s="92"/>
      <c r="AS4559" s="92"/>
      <c r="AT4559" s="92"/>
      <c r="AU4559" s="92"/>
      <c r="AV4559" s="92"/>
      <c r="AW4559" s="92"/>
      <c r="AX4559" s="92"/>
      <c r="AY4559" s="92"/>
      <c r="AZ4559" s="93"/>
      <c r="BA4559" s="93"/>
      <c r="BB4559" s="93"/>
      <c r="BC4559" s="93"/>
      <c r="BD4559" s="93"/>
      <c r="BE4559" s="93"/>
      <c r="BF4559" s="93"/>
      <c r="BG4559" s="93"/>
      <c r="BH4559" s="93"/>
      <c r="BI4559" s="93"/>
      <c r="BJ4559" s="93"/>
      <c r="BK4559" s="93"/>
      <c r="BL4559" s="93"/>
    </row>
    <row r="4560" spans="2:64" x14ac:dyDescent="0.2">
      <c r="B4560" s="43"/>
      <c r="C4560" s="73"/>
      <c r="D4560" s="64"/>
      <c r="E4560" s="55"/>
      <c r="F4560" s="74"/>
      <c r="G4560" s="74"/>
      <c r="H4560" s="74"/>
      <c r="I4560" s="75"/>
      <c r="J4560" s="74"/>
      <c r="L4560" s="55"/>
      <c r="M4560" s="234"/>
      <c r="N4560" s="65"/>
      <c r="O4560" s="76"/>
      <c r="P4560" s="76"/>
      <c r="Q4560" s="65"/>
      <c r="R4560" s="76"/>
      <c r="S4560" s="76"/>
      <c r="T4560" s="76"/>
      <c r="U4560" s="76"/>
      <c r="V4560" s="76"/>
      <c r="W4560" s="76"/>
      <c r="X4560" s="76"/>
      <c r="Y4560" s="76"/>
      <c r="Z4560" s="76"/>
      <c r="AA4560" s="85"/>
      <c r="AB4560" s="85"/>
      <c r="AC4560" s="85"/>
      <c r="AD4560" s="85"/>
      <c r="AE4560" s="85"/>
      <c r="AF4560" s="85"/>
      <c r="AG4560" s="86"/>
      <c r="AH4560" s="85"/>
      <c r="AI4560" s="85"/>
      <c r="AJ4560" s="85"/>
      <c r="AK4560" s="85"/>
      <c r="AL4560" s="85"/>
      <c r="AM4560" s="92"/>
      <c r="AN4560" s="92"/>
      <c r="AO4560" s="92"/>
      <c r="AP4560" s="92"/>
      <c r="AQ4560" s="92"/>
      <c r="AR4560" s="92"/>
      <c r="AS4560" s="92"/>
      <c r="AT4560" s="92"/>
      <c r="AU4560" s="92"/>
      <c r="AV4560" s="92"/>
      <c r="AW4560" s="92"/>
      <c r="AX4560" s="92"/>
      <c r="AY4560" s="92"/>
      <c r="AZ4560" s="93"/>
      <c r="BA4560" s="93"/>
      <c r="BB4560" s="93"/>
      <c r="BC4560" s="93"/>
      <c r="BD4560" s="93"/>
      <c r="BE4560" s="93"/>
      <c r="BF4560" s="93"/>
      <c r="BG4560" s="93"/>
      <c r="BH4560" s="93"/>
      <c r="BI4560" s="93"/>
      <c r="BJ4560" s="93"/>
      <c r="BK4560" s="93"/>
      <c r="BL4560" s="93"/>
    </row>
    <row r="4561" spans="2:64" x14ac:dyDescent="0.2">
      <c r="B4561" s="43"/>
      <c r="C4561" s="73"/>
      <c r="D4561" s="64"/>
      <c r="E4561" s="55"/>
      <c r="F4561" s="74"/>
      <c r="G4561" s="74"/>
      <c r="H4561" s="74"/>
      <c r="I4561" s="75"/>
      <c r="J4561" s="74"/>
      <c r="L4561" s="55"/>
      <c r="M4561" s="234"/>
      <c r="N4561" s="65"/>
      <c r="O4561" s="76"/>
      <c r="P4561" s="76"/>
      <c r="Q4561" s="65"/>
      <c r="R4561" s="76"/>
      <c r="S4561" s="76"/>
      <c r="T4561" s="76"/>
      <c r="U4561" s="76"/>
      <c r="V4561" s="76"/>
      <c r="W4561" s="76"/>
      <c r="X4561" s="76"/>
      <c r="Y4561" s="76"/>
      <c r="Z4561" s="76"/>
      <c r="AA4561" s="85"/>
      <c r="AB4561" s="85"/>
      <c r="AC4561" s="85"/>
      <c r="AD4561" s="85"/>
      <c r="AE4561" s="85"/>
      <c r="AF4561" s="85"/>
      <c r="AG4561" s="86"/>
      <c r="AH4561" s="85"/>
      <c r="AI4561" s="85"/>
      <c r="AJ4561" s="85"/>
      <c r="AK4561" s="85"/>
      <c r="AL4561" s="85"/>
      <c r="AM4561" s="92"/>
      <c r="AN4561" s="92"/>
      <c r="AO4561" s="92"/>
      <c r="AP4561" s="92"/>
      <c r="AQ4561" s="92"/>
      <c r="AR4561" s="92"/>
      <c r="AS4561" s="92"/>
      <c r="AT4561" s="92"/>
      <c r="AU4561" s="92"/>
      <c r="AV4561" s="92"/>
      <c r="AW4561" s="92"/>
      <c r="AX4561" s="92"/>
      <c r="AY4561" s="92"/>
      <c r="AZ4561" s="93"/>
      <c r="BA4561" s="93"/>
      <c r="BB4561" s="93"/>
      <c r="BC4561" s="93"/>
      <c r="BD4561" s="93"/>
      <c r="BE4561" s="93"/>
      <c r="BF4561" s="93"/>
      <c r="BG4561" s="93"/>
      <c r="BH4561" s="93"/>
      <c r="BI4561" s="93"/>
      <c r="BJ4561" s="93"/>
      <c r="BK4561" s="93"/>
      <c r="BL4561" s="93"/>
    </row>
    <row r="4562" spans="2:64" x14ac:dyDescent="0.2">
      <c r="B4562" s="43"/>
      <c r="C4562" s="73"/>
      <c r="D4562" s="64"/>
      <c r="E4562" s="55"/>
      <c r="F4562" s="74"/>
      <c r="G4562" s="74"/>
      <c r="H4562" s="74"/>
      <c r="I4562" s="75"/>
      <c r="J4562" s="74"/>
      <c r="L4562" s="55"/>
      <c r="M4562" s="234"/>
      <c r="N4562" s="65"/>
      <c r="O4562" s="76"/>
      <c r="P4562" s="76"/>
      <c r="Q4562" s="65"/>
      <c r="R4562" s="76"/>
      <c r="S4562" s="76"/>
      <c r="T4562" s="76"/>
      <c r="U4562" s="76"/>
      <c r="V4562" s="76"/>
      <c r="W4562" s="76"/>
      <c r="X4562" s="76"/>
      <c r="Y4562" s="76"/>
      <c r="Z4562" s="76"/>
      <c r="AA4562" s="85"/>
      <c r="AB4562" s="85"/>
      <c r="AC4562" s="85"/>
      <c r="AD4562" s="85"/>
      <c r="AE4562" s="85"/>
      <c r="AF4562" s="85"/>
      <c r="AG4562" s="86"/>
      <c r="AH4562" s="85"/>
      <c r="AI4562" s="85"/>
      <c r="AJ4562" s="85"/>
      <c r="AK4562" s="85"/>
      <c r="AL4562" s="85"/>
      <c r="AM4562" s="92"/>
      <c r="AN4562" s="92"/>
      <c r="AO4562" s="92"/>
      <c r="AP4562" s="92"/>
      <c r="AQ4562" s="92"/>
      <c r="AR4562" s="92"/>
      <c r="AS4562" s="92"/>
      <c r="AT4562" s="92"/>
      <c r="AU4562" s="92"/>
      <c r="AV4562" s="92"/>
      <c r="AW4562" s="92"/>
      <c r="AX4562" s="92"/>
      <c r="AY4562" s="92"/>
      <c r="AZ4562" s="93"/>
      <c r="BA4562" s="93"/>
      <c r="BB4562" s="93"/>
      <c r="BC4562" s="93"/>
      <c r="BD4562" s="93"/>
      <c r="BE4562" s="93"/>
      <c r="BF4562" s="93"/>
      <c r="BG4562" s="93"/>
      <c r="BH4562" s="93"/>
      <c r="BI4562" s="93"/>
      <c r="BJ4562" s="93"/>
      <c r="BK4562" s="93"/>
      <c r="BL4562" s="93"/>
    </row>
    <row r="4563" spans="2:64" x14ac:dyDescent="0.2">
      <c r="B4563" s="43"/>
      <c r="C4563" s="73"/>
      <c r="D4563" s="64"/>
      <c r="E4563" s="55"/>
      <c r="F4563" s="74"/>
      <c r="G4563" s="74"/>
      <c r="H4563" s="74"/>
      <c r="I4563" s="75"/>
      <c r="J4563" s="74"/>
      <c r="L4563" s="55"/>
      <c r="M4563" s="234"/>
      <c r="N4563" s="65"/>
      <c r="O4563" s="76"/>
      <c r="P4563" s="76"/>
      <c r="Q4563" s="65"/>
      <c r="R4563" s="76"/>
      <c r="S4563" s="76"/>
      <c r="T4563" s="76"/>
      <c r="U4563" s="76"/>
      <c r="V4563" s="76"/>
      <c r="W4563" s="76"/>
      <c r="X4563" s="76"/>
      <c r="Y4563" s="76"/>
      <c r="Z4563" s="76"/>
      <c r="AA4563" s="85"/>
      <c r="AB4563" s="85"/>
      <c r="AC4563" s="85"/>
      <c r="AD4563" s="85"/>
      <c r="AE4563" s="85"/>
      <c r="AF4563" s="85"/>
      <c r="AG4563" s="86"/>
      <c r="AH4563" s="85"/>
      <c r="AI4563" s="85"/>
      <c r="AJ4563" s="85"/>
      <c r="AK4563" s="85"/>
      <c r="AL4563" s="85"/>
      <c r="AM4563" s="92"/>
      <c r="AN4563" s="92"/>
      <c r="AO4563" s="92"/>
      <c r="AP4563" s="92"/>
      <c r="AQ4563" s="92"/>
      <c r="AR4563" s="92"/>
      <c r="AS4563" s="92"/>
      <c r="AT4563" s="92"/>
      <c r="AU4563" s="92"/>
      <c r="AV4563" s="92"/>
      <c r="AW4563" s="92"/>
      <c r="AX4563" s="92"/>
      <c r="AY4563" s="92"/>
      <c r="AZ4563" s="93"/>
      <c r="BA4563" s="93"/>
      <c r="BB4563" s="93"/>
      <c r="BC4563" s="93"/>
      <c r="BD4563" s="93"/>
      <c r="BE4563" s="93"/>
      <c r="BF4563" s="93"/>
      <c r="BG4563" s="93"/>
      <c r="BH4563" s="93"/>
      <c r="BI4563" s="93"/>
      <c r="BJ4563" s="93"/>
      <c r="BK4563" s="93"/>
      <c r="BL4563" s="93"/>
    </row>
    <row r="4564" spans="2:64" x14ac:dyDescent="0.2">
      <c r="B4564" s="43"/>
      <c r="C4564" s="73"/>
      <c r="D4564" s="64"/>
      <c r="E4564" s="55"/>
      <c r="F4564" s="74"/>
      <c r="G4564" s="74"/>
      <c r="H4564" s="74"/>
      <c r="I4564" s="75"/>
      <c r="J4564" s="74"/>
      <c r="L4564" s="55"/>
      <c r="M4564" s="234"/>
      <c r="N4564" s="65"/>
      <c r="O4564" s="76"/>
      <c r="P4564" s="76"/>
      <c r="Q4564" s="65"/>
      <c r="R4564" s="76"/>
      <c r="S4564" s="76"/>
      <c r="T4564" s="76"/>
      <c r="U4564" s="76"/>
      <c r="V4564" s="76"/>
      <c r="W4564" s="76"/>
      <c r="X4564" s="76"/>
      <c r="Y4564" s="76"/>
      <c r="Z4564" s="76"/>
      <c r="AA4564" s="85"/>
      <c r="AB4564" s="85"/>
      <c r="AC4564" s="85"/>
      <c r="AD4564" s="85"/>
      <c r="AE4564" s="85"/>
      <c r="AF4564" s="85"/>
      <c r="AG4564" s="86"/>
      <c r="AH4564" s="85"/>
      <c r="AI4564" s="85"/>
      <c r="AJ4564" s="85"/>
      <c r="AK4564" s="85"/>
      <c r="AL4564" s="85"/>
      <c r="AM4564" s="92"/>
      <c r="AN4564" s="92"/>
      <c r="AO4564" s="92"/>
      <c r="AP4564" s="92"/>
      <c r="AQ4564" s="92"/>
      <c r="AR4564" s="92"/>
      <c r="AS4564" s="92"/>
      <c r="AT4564" s="92"/>
      <c r="AU4564" s="92"/>
      <c r="AV4564" s="92"/>
      <c r="AW4564" s="92"/>
      <c r="AX4564" s="92"/>
      <c r="AY4564" s="92"/>
      <c r="AZ4564" s="93"/>
      <c r="BA4564" s="93"/>
      <c r="BB4564" s="93"/>
      <c r="BC4564" s="93"/>
      <c r="BD4564" s="93"/>
      <c r="BE4564" s="93"/>
      <c r="BF4564" s="93"/>
      <c r="BG4564" s="93"/>
      <c r="BH4564" s="93"/>
      <c r="BI4564" s="93"/>
      <c r="BJ4564" s="93"/>
      <c r="BK4564" s="93"/>
      <c r="BL4564" s="93"/>
    </row>
    <row r="4565" spans="2:64" x14ac:dyDescent="0.2">
      <c r="B4565" s="43"/>
      <c r="C4565" s="73"/>
      <c r="D4565" s="64"/>
      <c r="E4565" s="55"/>
      <c r="F4565" s="74"/>
      <c r="G4565" s="74"/>
      <c r="H4565" s="74"/>
      <c r="I4565" s="75"/>
      <c r="J4565" s="74"/>
      <c r="L4565" s="55"/>
      <c r="M4565" s="234"/>
      <c r="N4565" s="65"/>
      <c r="O4565" s="76"/>
      <c r="P4565" s="76"/>
      <c r="Q4565" s="65"/>
      <c r="R4565" s="76"/>
      <c r="S4565" s="76"/>
      <c r="T4565" s="76"/>
      <c r="U4565" s="76"/>
      <c r="V4565" s="76"/>
      <c r="W4565" s="76"/>
      <c r="X4565" s="76"/>
      <c r="Y4565" s="76"/>
      <c r="Z4565" s="76"/>
      <c r="AA4565" s="85"/>
      <c r="AB4565" s="85"/>
      <c r="AC4565" s="85"/>
      <c r="AD4565" s="85"/>
      <c r="AE4565" s="85"/>
      <c r="AF4565" s="85"/>
      <c r="AG4565" s="86"/>
      <c r="AH4565" s="85"/>
      <c r="AI4565" s="85"/>
      <c r="AJ4565" s="85"/>
      <c r="AK4565" s="85"/>
      <c r="AL4565" s="85"/>
      <c r="AM4565" s="92"/>
      <c r="AN4565" s="92"/>
      <c r="AO4565" s="92"/>
      <c r="AP4565" s="92"/>
      <c r="AQ4565" s="92"/>
      <c r="AR4565" s="92"/>
      <c r="AS4565" s="92"/>
      <c r="AT4565" s="92"/>
      <c r="AU4565" s="92"/>
      <c r="AV4565" s="92"/>
      <c r="AW4565" s="92"/>
      <c r="AX4565" s="92"/>
      <c r="AY4565" s="92"/>
      <c r="AZ4565" s="93"/>
      <c r="BA4565" s="93"/>
      <c r="BB4565" s="93"/>
      <c r="BC4565" s="93"/>
      <c r="BD4565" s="93"/>
      <c r="BE4565" s="93"/>
      <c r="BF4565" s="93"/>
      <c r="BG4565" s="93"/>
      <c r="BH4565" s="93"/>
      <c r="BI4565" s="93"/>
      <c r="BJ4565" s="93"/>
      <c r="BK4565" s="93"/>
      <c r="BL4565" s="93"/>
    </row>
    <row r="4566" spans="2:64" x14ac:dyDescent="0.2">
      <c r="B4566" s="43"/>
      <c r="C4566" s="73"/>
      <c r="D4566" s="64"/>
      <c r="E4566" s="55"/>
      <c r="F4566" s="74"/>
      <c r="G4566" s="74"/>
      <c r="H4566" s="74"/>
      <c r="I4566" s="75"/>
      <c r="J4566" s="74"/>
      <c r="L4566" s="55"/>
      <c r="M4566" s="234"/>
      <c r="N4566" s="65"/>
      <c r="O4566" s="76"/>
      <c r="P4566" s="76"/>
      <c r="Q4566" s="65"/>
      <c r="R4566" s="76"/>
      <c r="S4566" s="76"/>
      <c r="T4566" s="76"/>
      <c r="U4566" s="76"/>
      <c r="V4566" s="76"/>
      <c r="W4566" s="76"/>
      <c r="X4566" s="76"/>
      <c r="Y4566" s="76"/>
      <c r="Z4566" s="76"/>
      <c r="AA4566" s="85"/>
      <c r="AB4566" s="85"/>
      <c r="AC4566" s="85"/>
      <c r="AD4566" s="85"/>
      <c r="AE4566" s="85"/>
      <c r="AF4566" s="85"/>
      <c r="AG4566" s="86"/>
      <c r="AH4566" s="85"/>
      <c r="AI4566" s="85"/>
      <c r="AJ4566" s="85"/>
      <c r="AK4566" s="85"/>
      <c r="AL4566" s="85"/>
      <c r="AM4566" s="92"/>
      <c r="AN4566" s="92"/>
      <c r="AO4566" s="92"/>
      <c r="AP4566" s="92"/>
      <c r="AQ4566" s="92"/>
      <c r="AR4566" s="92"/>
      <c r="AS4566" s="92"/>
      <c r="AT4566" s="92"/>
      <c r="AU4566" s="92"/>
      <c r="AV4566" s="92"/>
      <c r="AW4566" s="92"/>
      <c r="AX4566" s="92"/>
      <c r="AY4566" s="92"/>
      <c r="AZ4566" s="93"/>
      <c r="BA4566" s="93"/>
      <c r="BB4566" s="93"/>
      <c r="BC4566" s="93"/>
      <c r="BD4566" s="93"/>
      <c r="BE4566" s="93"/>
      <c r="BF4566" s="93"/>
      <c r="BG4566" s="93"/>
      <c r="BH4566" s="93"/>
      <c r="BI4566" s="93"/>
      <c r="BJ4566" s="93"/>
      <c r="BK4566" s="93"/>
      <c r="BL4566" s="93"/>
    </row>
    <row r="4567" spans="2:64" x14ac:dyDescent="0.2">
      <c r="B4567" s="43"/>
      <c r="C4567" s="73"/>
      <c r="D4567" s="64"/>
      <c r="E4567" s="55"/>
      <c r="F4567" s="74"/>
      <c r="G4567" s="74"/>
      <c r="H4567" s="74"/>
      <c r="I4567" s="75"/>
      <c r="J4567" s="74"/>
      <c r="L4567" s="55"/>
      <c r="M4567" s="234"/>
      <c r="N4567" s="65"/>
      <c r="O4567" s="76"/>
      <c r="P4567" s="76"/>
      <c r="Q4567" s="65"/>
      <c r="R4567" s="76"/>
      <c r="S4567" s="76"/>
      <c r="T4567" s="76"/>
      <c r="U4567" s="76"/>
      <c r="V4567" s="76"/>
      <c r="W4567" s="76"/>
      <c r="X4567" s="76"/>
      <c r="Y4567" s="76"/>
      <c r="Z4567" s="76"/>
      <c r="AA4567" s="85"/>
      <c r="AB4567" s="85"/>
      <c r="AC4567" s="85"/>
      <c r="AD4567" s="85"/>
      <c r="AE4567" s="85"/>
      <c r="AF4567" s="85"/>
      <c r="AG4567" s="86"/>
      <c r="AH4567" s="85"/>
      <c r="AI4567" s="85"/>
      <c r="AJ4567" s="85"/>
      <c r="AK4567" s="85"/>
      <c r="AL4567" s="85"/>
      <c r="AM4567" s="92"/>
      <c r="AN4567" s="92"/>
      <c r="AO4567" s="92"/>
      <c r="AP4567" s="92"/>
      <c r="AQ4567" s="92"/>
      <c r="AR4567" s="92"/>
      <c r="AS4567" s="92"/>
      <c r="AT4567" s="92"/>
      <c r="AU4567" s="92"/>
      <c r="AV4567" s="92"/>
      <c r="AW4567" s="92"/>
      <c r="AX4567" s="92"/>
      <c r="AY4567" s="92"/>
      <c r="AZ4567" s="93"/>
      <c r="BA4567" s="93"/>
      <c r="BB4567" s="93"/>
      <c r="BC4567" s="93"/>
      <c r="BD4567" s="93"/>
      <c r="BE4567" s="93"/>
      <c r="BF4567" s="93"/>
      <c r="BG4567" s="93"/>
      <c r="BH4567" s="93"/>
      <c r="BI4567" s="93"/>
      <c r="BJ4567" s="93"/>
      <c r="BK4567" s="93"/>
      <c r="BL4567" s="93"/>
    </row>
    <row r="4568" spans="2:64" x14ac:dyDescent="0.2">
      <c r="B4568" s="43"/>
      <c r="C4568" s="73"/>
      <c r="D4568" s="64"/>
      <c r="E4568" s="55"/>
      <c r="F4568" s="74"/>
      <c r="G4568" s="74"/>
      <c r="H4568" s="74"/>
      <c r="I4568" s="75"/>
      <c r="J4568" s="74"/>
      <c r="L4568" s="55"/>
      <c r="M4568" s="234"/>
      <c r="N4568" s="65"/>
      <c r="O4568" s="76"/>
      <c r="P4568" s="76"/>
      <c r="Q4568" s="65"/>
      <c r="R4568" s="76"/>
      <c r="S4568" s="76"/>
      <c r="T4568" s="76"/>
      <c r="U4568" s="76"/>
      <c r="V4568" s="76"/>
      <c r="W4568" s="76"/>
      <c r="X4568" s="76"/>
      <c r="Y4568" s="76"/>
      <c r="Z4568" s="76"/>
      <c r="AA4568" s="85"/>
      <c r="AB4568" s="85"/>
      <c r="AC4568" s="85"/>
      <c r="AD4568" s="85"/>
      <c r="AE4568" s="85"/>
      <c r="AF4568" s="85"/>
      <c r="AG4568" s="86"/>
      <c r="AH4568" s="85"/>
      <c r="AI4568" s="85"/>
      <c r="AJ4568" s="85"/>
      <c r="AK4568" s="85"/>
      <c r="AL4568" s="85"/>
      <c r="AM4568" s="92"/>
      <c r="AN4568" s="92"/>
      <c r="AO4568" s="92"/>
      <c r="AP4568" s="92"/>
      <c r="AQ4568" s="92"/>
      <c r="AR4568" s="92"/>
      <c r="AS4568" s="92"/>
      <c r="AT4568" s="92"/>
      <c r="AU4568" s="92"/>
      <c r="AV4568" s="92"/>
      <c r="AW4568" s="92"/>
      <c r="AX4568" s="92"/>
      <c r="AY4568" s="92"/>
      <c r="AZ4568" s="93"/>
      <c r="BA4568" s="93"/>
      <c r="BB4568" s="93"/>
      <c r="BC4568" s="93"/>
      <c r="BD4568" s="93"/>
      <c r="BE4568" s="93"/>
      <c r="BF4568" s="93"/>
      <c r="BG4568" s="93"/>
      <c r="BH4568" s="93"/>
      <c r="BI4568" s="93"/>
      <c r="BJ4568" s="93"/>
      <c r="BK4568" s="93"/>
      <c r="BL4568" s="93"/>
    </row>
    <row r="4569" spans="2:64" x14ac:dyDescent="0.2">
      <c r="B4569" s="43"/>
      <c r="C4569" s="73"/>
      <c r="D4569" s="64"/>
      <c r="E4569" s="55"/>
      <c r="F4569" s="74"/>
      <c r="G4569" s="74"/>
      <c r="H4569" s="74"/>
      <c r="I4569" s="75"/>
      <c r="J4569" s="74"/>
      <c r="L4569" s="55"/>
      <c r="M4569" s="234"/>
      <c r="N4569" s="65"/>
      <c r="O4569" s="76"/>
      <c r="P4569" s="76"/>
      <c r="Q4569" s="65"/>
      <c r="R4569" s="76"/>
      <c r="S4569" s="76"/>
      <c r="T4569" s="76"/>
      <c r="U4569" s="76"/>
      <c r="V4569" s="76"/>
      <c r="W4569" s="76"/>
      <c r="X4569" s="76"/>
      <c r="Y4569" s="76"/>
      <c r="Z4569" s="76"/>
      <c r="AA4569" s="85"/>
      <c r="AB4569" s="85"/>
      <c r="AC4569" s="85"/>
      <c r="AD4569" s="85"/>
      <c r="AE4569" s="85"/>
      <c r="AF4569" s="85"/>
      <c r="AG4569" s="86"/>
      <c r="AH4569" s="85"/>
      <c r="AI4569" s="85"/>
      <c r="AJ4569" s="85"/>
      <c r="AK4569" s="85"/>
      <c r="AL4569" s="85"/>
      <c r="AM4569" s="92"/>
      <c r="AN4569" s="92"/>
      <c r="AO4569" s="92"/>
      <c r="AP4569" s="92"/>
      <c r="AQ4569" s="92"/>
      <c r="AR4569" s="92"/>
      <c r="AS4569" s="92"/>
      <c r="AT4569" s="92"/>
      <c r="AU4569" s="92"/>
      <c r="AV4569" s="92"/>
      <c r="AW4569" s="92"/>
      <c r="AX4569" s="92"/>
      <c r="AY4569" s="92"/>
      <c r="AZ4569" s="93"/>
      <c r="BA4569" s="93"/>
      <c r="BB4569" s="93"/>
      <c r="BC4569" s="93"/>
      <c r="BD4569" s="93"/>
      <c r="BE4569" s="93"/>
      <c r="BF4569" s="93"/>
      <c r="BG4569" s="93"/>
      <c r="BH4569" s="93"/>
      <c r="BI4569" s="93"/>
      <c r="BJ4569" s="93"/>
      <c r="BK4569" s="93"/>
      <c r="BL4569" s="93"/>
    </row>
    <row r="4570" spans="2:64" x14ac:dyDescent="0.2">
      <c r="B4570" s="43"/>
      <c r="C4570" s="73"/>
      <c r="D4570" s="64"/>
      <c r="E4570" s="55"/>
      <c r="F4570" s="74"/>
      <c r="G4570" s="74"/>
      <c r="H4570" s="74"/>
      <c r="I4570" s="75"/>
      <c r="J4570" s="74"/>
      <c r="L4570" s="55"/>
      <c r="M4570" s="234"/>
      <c r="N4570" s="65"/>
      <c r="O4570" s="76"/>
      <c r="P4570" s="76"/>
      <c r="Q4570" s="65"/>
      <c r="R4570" s="76"/>
      <c r="S4570" s="76"/>
      <c r="T4570" s="76"/>
      <c r="U4570" s="76"/>
      <c r="V4570" s="76"/>
      <c r="W4570" s="76"/>
      <c r="X4570" s="76"/>
      <c r="Y4570" s="76"/>
      <c r="Z4570" s="76"/>
      <c r="AA4570" s="85"/>
      <c r="AB4570" s="85"/>
      <c r="AC4570" s="85"/>
      <c r="AD4570" s="85"/>
      <c r="AE4570" s="85"/>
      <c r="AF4570" s="85"/>
      <c r="AG4570" s="86"/>
      <c r="AH4570" s="85"/>
      <c r="AI4570" s="85"/>
      <c r="AJ4570" s="85"/>
      <c r="AK4570" s="85"/>
      <c r="AL4570" s="85"/>
      <c r="AM4570" s="92"/>
      <c r="AN4570" s="92"/>
      <c r="AO4570" s="92"/>
      <c r="AP4570" s="92"/>
      <c r="AQ4570" s="92"/>
      <c r="AR4570" s="92"/>
      <c r="AS4570" s="92"/>
      <c r="AT4570" s="92"/>
      <c r="AU4570" s="92"/>
      <c r="AV4570" s="92"/>
      <c r="AW4570" s="92"/>
      <c r="AX4570" s="92"/>
      <c r="AY4570" s="92"/>
      <c r="AZ4570" s="93"/>
      <c r="BA4570" s="93"/>
      <c r="BB4570" s="93"/>
      <c r="BC4570" s="93"/>
      <c r="BD4570" s="93"/>
      <c r="BE4570" s="93"/>
      <c r="BF4570" s="93"/>
      <c r="BG4570" s="93"/>
      <c r="BH4570" s="93"/>
      <c r="BI4570" s="93"/>
      <c r="BJ4570" s="93"/>
      <c r="BK4570" s="93"/>
      <c r="BL4570" s="93"/>
    </row>
    <row r="4571" spans="2:64" x14ac:dyDescent="0.2">
      <c r="B4571" s="43"/>
      <c r="C4571" s="73"/>
      <c r="D4571" s="64"/>
      <c r="E4571" s="55"/>
      <c r="F4571" s="74"/>
      <c r="G4571" s="74"/>
      <c r="H4571" s="74"/>
      <c r="I4571" s="75"/>
      <c r="J4571" s="74"/>
      <c r="L4571" s="55"/>
      <c r="M4571" s="234"/>
      <c r="N4571" s="65"/>
      <c r="O4571" s="76"/>
      <c r="P4571" s="76"/>
      <c r="Q4571" s="65"/>
      <c r="R4571" s="76"/>
      <c r="S4571" s="76"/>
      <c r="T4571" s="76"/>
      <c r="U4571" s="76"/>
      <c r="V4571" s="76"/>
      <c r="W4571" s="76"/>
      <c r="X4571" s="76"/>
      <c r="Y4571" s="76"/>
      <c r="Z4571" s="76"/>
      <c r="AA4571" s="85"/>
      <c r="AB4571" s="85"/>
      <c r="AC4571" s="85"/>
      <c r="AD4571" s="85"/>
      <c r="AE4571" s="85"/>
      <c r="AF4571" s="85"/>
      <c r="AG4571" s="86"/>
      <c r="AH4571" s="85"/>
      <c r="AI4571" s="85"/>
      <c r="AJ4571" s="85"/>
      <c r="AK4571" s="85"/>
      <c r="AL4571" s="85"/>
      <c r="AM4571" s="92"/>
      <c r="AN4571" s="92"/>
      <c r="AO4571" s="92"/>
      <c r="AP4571" s="92"/>
      <c r="AQ4571" s="92"/>
      <c r="AR4571" s="92"/>
      <c r="AS4571" s="92"/>
      <c r="AT4571" s="92"/>
      <c r="AU4571" s="92"/>
      <c r="AV4571" s="92"/>
      <c r="AW4571" s="92"/>
      <c r="AX4571" s="92"/>
      <c r="AY4571" s="92"/>
      <c r="AZ4571" s="93"/>
      <c r="BA4571" s="93"/>
      <c r="BB4571" s="93"/>
      <c r="BC4571" s="93"/>
      <c r="BD4571" s="93"/>
      <c r="BE4571" s="93"/>
      <c r="BF4571" s="93"/>
      <c r="BG4571" s="93"/>
      <c r="BH4571" s="93"/>
      <c r="BI4571" s="93"/>
      <c r="BJ4571" s="93"/>
      <c r="BK4571" s="93"/>
      <c r="BL4571" s="93"/>
    </row>
    <row r="4572" spans="2:64" x14ac:dyDescent="0.2">
      <c r="B4572" s="43"/>
      <c r="C4572" s="73"/>
      <c r="D4572" s="64"/>
      <c r="E4572" s="55"/>
      <c r="F4572" s="74"/>
      <c r="G4572" s="74"/>
      <c r="H4572" s="74"/>
      <c r="I4572" s="75"/>
      <c r="J4572" s="74"/>
      <c r="L4572" s="55"/>
      <c r="M4572" s="234"/>
      <c r="N4572" s="65"/>
      <c r="O4572" s="76"/>
      <c r="P4572" s="76"/>
      <c r="Q4572" s="65"/>
      <c r="R4572" s="76"/>
      <c r="S4572" s="76"/>
      <c r="T4572" s="76"/>
      <c r="U4572" s="76"/>
      <c r="V4572" s="76"/>
      <c r="W4572" s="76"/>
      <c r="X4572" s="76"/>
      <c r="Y4572" s="76"/>
      <c r="Z4572" s="76"/>
      <c r="AA4572" s="85"/>
      <c r="AB4572" s="85"/>
      <c r="AC4572" s="85"/>
      <c r="AD4572" s="85"/>
      <c r="AE4572" s="85"/>
      <c r="AF4572" s="85"/>
      <c r="AG4572" s="86"/>
      <c r="AH4572" s="85"/>
      <c r="AI4572" s="85"/>
      <c r="AJ4572" s="85"/>
      <c r="AK4572" s="85"/>
      <c r="AL4572" s="85"/>
      <c r="AM4572" s="92"/>
      <c r="AN4572" s="92"/>
      <c r="AO4572" s="92"/>
      <c r="AP4572" s="92"/>
      <c r="AQ4572" s="92"/>
      <c r="AR4572" s="92"/>
      <c r="AS4572" s="92"/>
      <c r="AT4572" s="92"/>
      <c r="AU4572" s="92"/>
      <c r="AV4572" s="92"/>
      <c r="AW4572" s="92"/>
      <c r="AX4572" s="92"/>
      <c r="AY4572" s="92"/>
      <c r="AZ4572" s="93"/>
      <c r="BA4572" s="93"/>
      <c r="BB4572" s="93"/>
      <c r="BC4572" s="93"/>
      <c r="BD4572" s="93"/>
      <c r="BE4572" s="93"/>
      <c r="BF4572" s="93"/>
      <c r="BG4572" s="93"/>
      <c r="BH4572" s="93"/>
      <c r="BI4572" s="93"/>
      <c r="BJ4572" s="93"/>
      <c r="BK4572" s="93"/>
      <c r="BL4572" s="93"/>
    </row>
    <row r="4573" spans="2:64" x14ac:dyDescent="0.2">
      <c r="B4573" s="43"/>
      <c r="C4573" s="73"/>
      <c r="D4573" s="64"/>
      <c r="E4573" s="55"/>
      <c r="F4573" s="74"/>
      <c r="G4573" s="74"/>
      <c r="H4573" s="74"/>
      <c r="I4573" s="75"/>
      <c r="J4573" s="74"/>
      <c r="L4573" s="55"/>
      <c r="M4573" s="234"/>
      <c r="N4573" s="65"/>
      <c r="O4573" s="76"/>
      <c r="P4573" s="76"/>
      <c r="Q4573" s="65"/>
      <c r="R4573" s="76"/>
      <c r="S4573" s="76"/>
      <c r="T4573" s="76"/>
      <c r="U4573" s="76"/>
      <c r="V4573" s="76"/>
      <c r="W4573" s="76"/>
      <c r="X4573" s="76"/>
      <c r="Y4573" s="76"/>
      <c r="Z4573" s="76"/>
      <c r="AA4573" s="85"/>
      <c r="AB4573" s="85"/>
      <c r="AC4573" s="85"/>
      <c r="AD4573" s="85"/>
      <c r="AE4573" s="85"/>
      <c r="AF4573" s="85"/>
      <c r="AG4573" s="86"/>
      <c r="AH4573" s="85"/>
      <c r="AI4573" s="85"/>
      <c r="AJ4573" s="85"/>
      <c r="AK4573" s="85"/>
      <c r="AL4573" s="85"/>
      <c r="AM4573" s="92"/>
      <c r="AN4573" s="92"/>
      <c r="AO4573" s="92"/>
      <c r="AP4573" s="92"/>
      <c r="AQ4573" s="92"/>
      <c r="AR4573" s="92"/>
      <c r="AS4573" s="92"/>
      <c r="AT4573" s="92"/>
      <c r="AU4573" s="92"/>
      <c r="AV4573" s="92"/>
      <c r="AW4573" s="92"/>
      <c r="AX4573" s="92"/>
      <c r="AY4573" s="92"/>
      <c r="AZ4573" s="93"/>
      <c r="BA4573" s="93"/>
      <c r="BB4573" s="93"/>
      <c r="BC4573" s="93"/>
      <c r="BD4573" s="93"/>
      <c r="BE4573" s="93"/>
      <c r="BF4573" s="93"/>
      <c r="BG4573" s="93"/>
      <c r="BH4573" s="93"/>
      <c r="BI4573" s="93"/>
      <c r="BJ4573" s="93"/>
      <c r="BK4573" s="93"/>
      <c r="BL4573" s="93"/>
    </row>
    <row r="4574" spans="2:64" x14ac:dyDescent="0.2">
      <c r="B4574" s="43"/>
      <c r="C4574" s="73"/>
      <c r="D4574" s="64"/>
      <c r="E4574" s="55"/>
      <c r="F4574" s="74"/>
      <c r="G4574" s="74"/>
      <c r="H4574" s="74"/>
      <c r="I4574" s="75"/>
      <c r="J4574" s="74"/>
      <c r="L4574" s="55"/>
      <c r="M4574" s="234"/>
      <c r="N4574" s="65"/>
      <c r="O4574" s="76"/>
      <c r="P4574" s="76"/>
      <c r="Q4574" s="65"/>
      <c r="R4574" s="76"/>
      <c r="S4574" s="76"/>
      <c r="T4574" s="76"/>
      <c r="U4574" s="76"/>
      <c r="V4574" s="76"/>
      <c r="W4574" s="76"/>
      <c r="X4574" s="76"/>
      <c r="Y4574" s="76"/>
      <c r="Z4574" s="76"/>
      <c r="AA4574" s="85"/>
      <c r="AB4574" s="85"/>
      <c r="AC4574" s="85"/>
      <c r="AD4574" s="85"/>
      <c r="AE4574" s="85"/>
      <c r="AF4574" s="85"/>
      <c r="AG4574" s="86"/>
      <c r="AH4574" s="85"/>
      <c r="AI4574" s="85"/>
      <c r="AJ4574" s="85"/>
      <c r="AK4574" s="85"/>
      <c r="AL4574" s="85"/>
      <c r="AM4574" s="92"/>
      <c r="AN4574" s="92"/>
      <c r="AO4574" s="92"/>
      <c r="AP4574" s="92"/>
      <c r="AQ4574" s="92"/>
      <c r="AR4574" s="92"/>
      <c r="AS4574" s="92"/>
      <c r="AT4574" s="92"/>
      <c r="AU4574" s="92"/>
      <c r="AV4574" s="92"/>
      <c r="AW4574" s="92"/>
      <c r="AX4574" s="92"/>
      <c r="AY4574" s="92"/>
      <c r="AZ4574" s="93"/>
      <c r="BA4574" s="93"/>
      <c r="BB4574" s="93"/>
      <c r="BC4574" s="93"/>
      <c r="BD4574" s="93"/>
      <c r="BE4574" s="93"/>
      <c r="BF4574" s="93"/>
      <c r="BG4574" s="93"/>
      <c r="BH4574" s="93"/>
      <c r="BI4574" s="93"/>
      <c r="BJ4574" s="93"/>
      <c r="BK4574" s="93"/>
      <c r="BL4574" s="93"/>
    </row>
    <row r="4575" spans="2:64" x14ac:dyDescent="0.2">
      <c r="B4575" s="43"/>
      <c r="C4575" s="73"/>
      <c r="D4575" s="64"/>
      <c r="E4575" s="55"/>
      <c r="F4575" s="74"/>
      <c r="G4575" s="74"/>
      <c r="H4575" s="74"/>
      <c r="I4575" s="75"/>
      <c r="J4575" s="74"/>
      <c r="L4575" s="55"/>
      <c r="M4575" s="234"/>
      <c r="N4575" s="65"/>
      <c r="O4575" s="76"/>
      <c r="P4575" s="76"/>
      <c r="Q4575" s="65"/>
      <c r="R4575" s="76"/>
      <c r="S4575" s="76"/>
      <c r="T4575" s="76"/>
      <c r="U4575" s="76"/>
      <c r="V4575" s="76"/>
      <c r="W4575" s="76"/>
      <c r="X4575" s="76"/>
      <c r="Y4575" s="76"/>
      <c r="Z4575" s="76"/>
      <c r="AA4575" s="85"/>
      <c r="AB4575" s="85"/>
      <c r="AC4575" s="85"/>
      <c r="AD4575" s="85"/>
      <c r="AE4575" s="85"/>
      <c r="AF4575" s="85"/>
      <c r="AG4575" s="86"/>
      <c r="AH4575" s="85"/>
      <c r="AI4575" s="85"/>
      <c r="AJ4575" s="85"/>
      <c r="AK4575" s="85"/>
      <c r="AL4575" s="85"/>
      <c r="AM4575" s="92"/>
      <c r="AN4575" s="92"/>
      <c r="AO4575" s="92"/>
      <c r="AP4575" s="92"/>
      <c r="AQ4575" s="92"/>
      <c r="AR4575" s="92"/>
      <c r="AS4575" s="92"/>
      <c r="AT4575" s="92"/>
      <c r="AU4575" s="92"/>
      <c r="AV4575" s="92"/>
      <c r="AW4575" s="92"/>
      <c r="AX4575" s="92"/>
      <c r="AY4575" s="92"/>
      <c r="AZ4575" s="93"/>
      <c r="BA4575" s="93"/>
      <c r="BB4575" s="93"/>
      <c r="BC4575" s="93"/>
      <c r="BD4575" s="93"/>
      <c r="BE4575" s="93"/>
      <c r="BF4575" s="93"/>
      <c r="BG4575" s="93"/>
      <c r="BH4575" s="93"/>
      <c r="BI4575" s="93"/>
      <c r="BJ4575" s="93"/>
      <c r="BK4575" s="93"/>
      <c r="BL4575" s="93"/>
    </row>
    <row r="4576" spans="2:64" x14ac:dyDescent="0.2">
      <c r="B4576" s="43"/>
      <c r="C4576" s="73"/>
      <c r="D4576" s="64"/>
      <c r="E4576" s="55"/>
      <c r="F4576" s="74"/>
      <c r="G4576" s="74"/>
      <c r="H4576" s="74"/>
      <c r="I4576" s="75"/>
      <c r="J4576" s="74"/>
      <c r="L4576" s="55"/>
      <c r="M4576" s="234"/>
      <c r="N4576" s="65"/>
      <c r="O4576" s="76"/>
      <c r="P4576" s="76"/>
      <c r="Q4576" s="65"/>
      <c r="R4576" s="76"/>
      <c r="S4576" s="76"/>
      <c r="T4576" s="76"/>
      <c r="U4576" s="76"/>
      <c r="V4576" s="76"/>
      <c r="W4576" s="76"/>
      <c r="X4576" s="76"/>
      <c r="Y4576" s="76"/>
      <c r="Z4576" s="76"/>
      <c r="AA4576" s="85"/>
      <c r="AB4576" s="85"/>
      <c r="AC4576" s="85"/>
      <c r="AD4576" s="85"/>
      <c r="AE4576" s="85"/>
      <c r="AF4576" s="85"/>
      <c r="AG4576" s="86"/>
      <c r="AH4576" s="85"/>
      <c r="AI4576" s="85"/>
      <c r="AJ4576" s="85"/>
      <c r="AK4576" s="85"/>
      <c r="AL4576" s="85"/>
      <c r="AM4576" s="92"/>
      <c r="AN4576" s="92"/>
      <c r="AO4576" s="92"/>
      <c r="AP4576" s="92"/>
      <c r="AQ4576" s="92"/>
      <c r="AR4576" s="92"/>
      <c r="AS4576" s="92"/>
      <c r="AT4576" s="92"/>
      <c r="AU4576" s="92"/>
      <c r="AV4576" s="92"/>
      <c r="AW4576" s="92"/>
      <c r="AX4576" s="92"/>
      <c r="AY4576" s="92"/>
      <c r="AZ4576" s="93"/>
      <c r="BA4576" s="93"/>
      <c r="BB4576" s="93"/>
      <c r="BC4576" s="93"/>
      <c r="BD4576" s="93"/>
      <c r="BE4576" s="93"/>
      <c r="BF4576" s="93"/>
      <c r="BG4576" s="93"/>
      <c r="BH4576" s="93"/>
      <c r="BI4576" s="93"/>
      <c r="BJ4576" s="93"/>
      <c r="BK4576" s="93"/>
      <c r="BL4576" s="93"/>
    </row>
    <row r="4577" spans="2:64" x14ac:dyDescent="0.2">
      <c r="B4577" s="43"/>
      <c r="C4577" s="73"/>
      <c r="D4577" s="64"/>
      <c r="E4577" s="55"/>
      <c r="F4577" s="74"/>
      <c r="G4577" s="74"/>
      <c r="H4577" s="74"/>
      <c r="I4577" s="75"/>
      <c r="J4577" s="74"/>
      <c r="L4577" s="55"/>
      <c r="M4577" s="234"/>
      <c r="N4577" s="65"/>
      <c r="O4577" s="76"/>
      <c r="P4577" s="76"/>
      <c r="Q4577" s="65"/>
      <c r="R4577" s="76"/>
      <c r="S4577" s="76"/>
      <c r="T4577" s="76"/>
      <c r="U4577" s="76"/>
      <c r="V4577" s="76"/>
      <c r="W4577" s="76"/>
      <c r="X4577" s="76"/>
      <c r="Y4577" s="76"/>
      <c r="Z4577" s="76"/>
      <c r="AA4577" s="85"/>
      <c r="AB4577" s="85"/>
      <c r="AC4577" s="85"/>
      <c r="AD4577" s="85"/>
      <c r="AE4577" s="85"/>
      <c r="AF4577" s="85"/>
      <c r="AG4577" s="86"/>
      <c r="AH4577" s="85"/>
      <c r="AI4577" s="85"/>
      <c r="AJ4577" s="85"/>
      <c r="AK4577" s="85"/>
      <c r="AL4577" s="85"/>
      <c r="AM4577" s="92"/>
      <c r="AN4577" s="92"/>
      <c r="AO4577" s="92"/>
      <c r="AP4577" s="92"/>
      <c r="AQ4577" s="92"/>
      <c r="AR4577" s="92"/>
      <c r="AS4577" s="92"/>
      <c r="AT4577" s="92"/>
      <c r="AU4577" s="92"/>
      <c r="AV4577" s="92"/>
      <c r="AW4577" s="92"/>
      <c r="AX4577" s="92"/>
      <c r="AY4577" s="92"/>
      <c r="AZ4577" s="93"/>
      <c r="BA4577" s="93"/>
      <c r="BB4577" s="93"/>
      <c r="BC4577" s="93"/>
      <c r="BD4577" s="93"/>
      <c r="BE4577" s="93"/>
      <c r="BF4577" s="93"/>
      <c r="BG4577" s="93"/>
      <c r="BH4577" s="93"/>
      <c r="BI4577" s="93"/>
      <c r="BJ4577" s="93"/>
      <c r="BK4577" s="93"/>
      <c r="BL4577" s="93"/>
    </row>
    <row r="4578" spans="2:64" x14ac:dyDescent="0.2">
      <c r="B4578" s="43"/>
      <c r="C4578" s="73"/>
      <c r="D4578" s="64"/>
      <c r="E4578" s="55"/>
      <c r="F4578" s="74"/>
      <c r="G4578" s="74"/>
      <c r="H4578" s="74"/>
      <c r="I4578" s="75"/>
      <c r="J4578" s="74"/>
      <c r="L4578" s="55"/>
      <c r="M4578" s="234"/>
      <c r="N4578" s="65"/>
      <c r="O4578" s="76"/>
      <c r="P4578" s="76"/>
      <c r="Q4578" s="65"/>
      <c r="R4578" s="76"/>
      <c r="S4578" s="76"/>
      <c r="T4578" s="76"/>
      <c r="U4578" s="76"/>
      <c r="V4578" s="76"/>
      <c r="W4578" s="76"/>
      <c r="X4578" s="76"/>
      <c r="Y4578" s="76"/>
      <c r="Z4578" s="76"/>
      <c r="AA4578" s="85"/>
      <c r="AB4578" s="85"/>
      <c r="AC4578" s="85"/>
      <c r="AD4578" s="85"/>
      <c r="AE4578" s="85"/>
      <c r="AF4578" s="85"/>
      <c r="AG4578" s="86"/>
      <c r="AH4578" s="85"/>
      <c r="AI4578" s="85"/>
      <c r="AJ4578" s="85"/>
      <c r="AK4578" s="85"/>
      <c r="AL4578" s="85"/>
      <c r="AM4578" s="92"/>
      <c r="AN4578" s="92"/>
      <c r="AO4578" s="92"/>
      <c r="AP4578" s="92"/>
      <c r="AQ4578" s="92"/>
      <c r="AR4578" s="92"/>
      <c r="AS4578" s="92"/>
      <c r="AT4578" s="92"/>
      <c r="AU4578" s="92"/>
      <c r="AV4578" s="92"/>
      <c r="AW4578" s="92"/>
      <c r="AX4578" s="92"/>
      <c r="AY4578" s="92"/>
      <c r="AZ4578" s="93"/>
      <c r="BA4578" s="93"/>
      <c r="BB4578" s="93"/>
      <c r="BC4578" s="93"/>
      <c r="BD4578" s="93"/>
      <c r="BE4578" s="93"/>
      <c r="BF4578" s="93"/>
      <c r="BG4578" s="93"/>
      <c r="BH4578" s="93"/>
      <c r="BI4578" s="93"/>
      <c r="BJ4578" s="93"/>
      <c r="BK4578" s="93"/>
      <c r="BL4578" s="93"/>
    </row>
    <row r="4579" spans="2:64" x14ac:dyDescent="0.2">
      <c r="B4579" s="43"/>
      <c r="C4579" s="73"/>
      <c r="D4579" s="64"/>
      <c r="E4579" s="55"/>
      <c r="F4579" s="74"/>
      <c r="G4579" s="74"/>
      <c r="H4579" s="74"/>
      <c r="I4579" s="75"/>
      <c r="J4579" s="74"/>
      <c r="L4579" s="55"/>
      <c r="M4579" s="234"/>
      <c r="N4579" s="65"/>
      <c r="O4579" s="76"/>
      <c r="P4579" s="76"/>
      <c r="Q4579" s="65"/>
      <c r="R4579" s="76"/>
      <c r="S4579" s="76"/>
      <c r="T4579" s="76"/>
      <c r="U4579" s="76"/>
      <c r="V4579" s="76"/>
      <c r="W4579" s="76"/>
      <c r="X4579" s="76"/>
      <c r="Y4579" s="76"/>
      <c r="Z4579" s="76"/>
      <c r="AA4579" s="85"/>
      <c r="AB4579" s="85"/>
      <c r="AC4579" s="85"/>
      <c r="AD4579" s="85"/>
      <c r="AE4579" s="85"/>
      <c r="AF4579" s="85"/>
      <c r="AG4579" s="86"/>
      <c r="AH4579" s="85"/>
      <c r="AI4579" s="85"/>
      <c r="AJ4579" s="85"/>
      <c r="AK4579" s="85"/>
      <c r="AL4579" s="85"/>
      <c r="AM4579" s="92"/>
      <c r="AN4579" s="92"/>
      <c r="AO4579" s="92"/>
      <c r="AP4579" s="92"/>
      <c r="AQ4579" s="92"/>
      <c r="AR4579" s="92"/>
      <c r="AS4579" s="92"/>
      <c r="AT4579" s="92"/>
      <c r="AU4579" s="92"/>
      <c r="AV4579" s="92"/>
      <c r="AW4579" s="92"/>
      <c r="AX4579" s="92"/>
      <c r="AY4579" s="92"/>
      <c r="AZ4579" s="93"/>
      <c r="BA4579" s="93"/>
      <c r="BB4579" s="93"/>
      <c r="BC4579" s="93"/>
      <c r="BD4579" s="93"/>
      <c r="BE4579" s="93"/>
      <c r="BF4579" s="93"/>
      <c r="BG4579" s="93"/>
      <c r="BH4579" s="93"/>
      <c r="BI4579" s="93"/>
      <c r="BJ4579" s="93"/>
      <c r="BK4579" s="93"/>
      <c r="BL4579" s="93"/>
    </row>
    <row r="4580" spans="2:64" x14ac:dyDescent="0.2">
      <c r="B4580" s="43"/>
      <c r="C4580" s="73"/>
      <c r="D4580" s="64"/>
      <c r="E4580" s="55"/>
      <c r="F4580" s="74"/>
      <c r="G4580" s="74"/>
      <c r="H4580" s="74"/>
      <c r="I4580" s="75"/>
      <c r="J4580" s="74"/>
      <c r="L4580" s="55"/>
      <c r="M4580" s="234"/>
      <c r="N4580" s="65"/>
      <c r="O4580" s="76"/>
      <c r="P4580" s="76"/>
      <c r="Q4580" s="65"/>
      <c r="R4580" s="76"/>
      <c r="S4580" s="76"/>
      <c r="T4580" s="76"/>
      <c r="U4580" s="76"/>
      <c r="V4580" s="76"/>
      <c r="W4580" s="76"/>
      <c r="X4580" s="76"/>
      <c r="Y4580" s="76"/>
      <c r="Z4580" s="76"/>
      <c r="AA4580" s="85"/>
      <c r="AB4580" s="85"/>
      <c r="AC4580" s="85"/>
      <c r="AD4580" s="85"/>
      <c r="AE4580" s="85"/>
      <c r="AF4580" s="85"/>
      <c r="AG4580" s="86"/>
      <c r="AH4580" s="85"/>
      <c r="AI4580" s="85"/>
      <c r="AJ4580" s="85"/>
      <c r="AK4580" s="85"/>
      <c r="AL4580" s="85"/>
      <c r="AM4580" s="92"/>
      <c r="AN4580" s="92"/>
      <c r="AO4580" s="92"/>
      <c r="AP4580" s="92"/>
      <c r="AQ4580" s="92"/>
      <c r="AR4580" s="92"/>
      <c r="AS4580" s="92"/>
      <c r="AT4580" s="92"/>
      <c r="AU4580" s="92"/>
      <c r="AV4580" s="92"/>
      <c r="AW4580" s="92"/>
      <c r="AX4580" s="92"/>
      <c r="AY4580" s="92"/>
      <c r="AZ4580" s="93"/>
      <c r="BA4580" s="93"/>
      <c r="BB4580" s="93"/>
      <c r="BC4580" s="93"/>
      <c r="BD4580" s="93"/>
      <c r="BE4580" s="93"/>
      <c r="BF4580" s="93"/>
      <c r="BG4580" s="93"/>
      <c r="BH4580" s="93"/>
      <c r="BI4580" s="93"/>
      <c r="BJ4580" s="93"/>
      <c r="BK4580" s="93"/>
      <c r="BL4580" s="93"/>
    </row>
    <row r="4581" spans="2:64" x14ac:dyDescent="0.2">
      <c r="B4581" s="43"/>
      <c r="C4581" s="73"/>
      <c r="D4581" s="64"/>
      <c r="E4581" s="55"/>
      <c r="F4581" s="74"/>
      <c r="G4581" s="74"/>
      <c r="H4581" s="74"/>
      <c r="I4581" s="75"/>
      <c r="J4581" s="74"/>
      <c r="L4581" s="55"/>
      <c r="M4581" s="234"/>
      <c r="N4581" s="65"/>
      <c r="O4581" s="76"/>
      <c r="P4581" s="76"/>
      <c r="Q4581" s="65"/>
      <c r="R4581" s="76"/>
      <c r="S4581" s="76"/>
      <c r="T4581" s="76"/>
      <c r="U4581" s="76"/>
      <c r="V4581" s="76"/>
      <c r="W4581" s="76"/>
      <c r="X4581" s="76"/>
      <c r="Y4581" s="76"/>
      <c r="Z4581" s="76"/>
      <c r="AA4581" s="85"/>
      <c r="AB4581" s="85"/>
      <c r="AC4581" s="85"/>
      <c r="AD4581" s="85"/>
      <c r="AE4581" s="85"/>
      <c r="AF4581" s="85"/>
      <c r="AG4581" s="86"/>
      <c r="AH4581" s="85"/>
      <c r="AI4581" s="85"/>
      <c r="AJ4581" s="85"/>
      <c r="AK4581" s="85"/>
      <c r="AL4581" s="85"/>
      <c r="AM4581" s="92"/>
      <c r="AN4581" s="92"/>
      <c r="AO4581" s="92"/>
      <c r="AP4581" s="92"/>
      <c r="AQ4581" s="92"/>
      <c r="AR4581" s="92"/>
      <c r="AS4581" s="92"/>
      <c r="AT4581" s="92"/>
      <c r="AU4581" s="92"/>
      <c r="AV4581" s="92"/>
      <c r="AW4581" s="92"/>
      <c r="AX4581" s="92"/>
      <c r="AY4581" s="92"/>
      <c r="AZ4581" s="93"/>
      <c r="BA4581" s="93"/>
      <c r="BB4581" s="93"/>
      <c r="BC4581" s="93"/>
      <c r="BD4581" s="93"/>
      <c r="BE4581" s="93"/>
      <c r="BF4581" s="93"/>
      <c r="BG4581" s="93"/>
      <c r="BH4581" s="93"/>
      <c r="BI4581" s="93"/>
      <c r="BJ4581" s="93"/>
      <c r="BK4581" s="93"/>
      <c r="BL4581" s="93"/>
    </row>
    <row r="4582" spans="2:64" x14ac:dyDescent="0.2">
      <c r="B4582" s="43"/>
      <c r="C4582" s="73"/>
      <c r="D4582" s="64"/>
      <c r="E4582" s="55"/>
      <c r="F4582" s="74"/>
      <c r="G4582" s="74"/>
      <c r="H4582" s="74"/>
      <c r="I4582" s="75"/>
      <c r="J4582" s="74"/>
      <c r="L4582" s="55"/>
      <c r="M4582" s="234"/>
      <c r="N4582" s="65"/>
      <c r="O4582" s="76"/>
      <c r="P4582" s="76"/>
      <c r="Q4582" s="65"/>
      <c r="R4582" s="76"/>
      <c r="S4582" s="76"/>
      <c r="T4582" s="76"/>
      <c r="U4582" s="76"/>
      <c r="V4582" s="76"/>
      <c r="W4582" s="76"/>
      <c r="X4582" s="76"/>
      <c r="Y4582" s="76"/>
      <c r="Z4582" s="76"/>
      <c r="AA4582" s="85"/>
      <c r="AB4582" s="85"/>
      <c r="AC4582" s="85"/>
      <c r="AD4582" s="85"/>
      <c r="AE4582" s="85"/>
      <c r="AF4582" s="85"/>
      <c r="AG4582" s="86"/>
      <c r="AH4582" s="85"/>
      <c r="AI4582" s="85"/>
      <c r="AJ4582" s="85"/>
      <c r="AK4582" s="85"/>
      <c r="AL4582" s="85"/>
      <c r="AM4582" s="92"/>
      <c r="AN4582" s="92"/>
      <c r="AO4582" s="92"/>
      <c r="AP4582" s="92"/>
      <c r="AQ4582" s="92"/>
      <c r="AR4582" s="92"/>
      <c r="AS4582" s="92"/>
      <c r="AT4582" s="92"/>
      <c r="AU4582" s="92"/>
      <c r="AV4582" s="92"/>
      <c r="AW4582" s="92"/>
      <c r="AX4582" s="92"/>
      <c r="AY4582" s="92"/>
      <c r="AZ4582" s="93"/>
      <c r="BA4582" s="93"/>
      <c r="BB4582" s="93"/>
      <c r="BC4582" s="93"/>
      <c r="BD4582" s="93"/>
      <c r="BE4582" s="93"/>
      <c r="BF4582" s="93"/>
      <c r="BG4582" s="93"/>
      <c r="BH4582" s="93"/>
      <c r="BI4582" s="93"/>
      <c r="BJ4582" s="93"/>
      <c r="BK4582" s="93"/>
      <c r="BL4582" s="93"/>
    </row>
    <row r="4583" spans="2:64" x14ac:dyDescent="0.2">
      <c r="B4583" s="43"/>
      <c r="C4583" s="73"/>
      <c r="D4583" s="64"/>
      <c r="E4583" s="55"/>
      <c r="F4583" s="74"/>
      <c r="G4583" s="74"/>
      <c r="H4583" s="74"/>
      <c r="I4583" s="75"/>
      <c r="J4583" s="74"/>
      <c r="L4583" s="55"/>
      <c r="M4583" s="234"/>
      <c r="N4583" s="65"/>
      <c r="O4583" s="76"/>
      <c r="P4583" s="76"/>
      <c r="Q4583" s="65"/>
      <c r="R4583" s="76"/>
      <c r="S4583" s="76"/>
      <c r="T4583" s="76"/>
      <c r="U4583" s="76"/>
      <c r="V4583" s="76"/>
      <c r="W4583" s="76"/>
      <c r="X4583" s="76"/>
      <c r="Y4583" s="76"/>
      <c r="Z4583" s="76"/>
      <c r="AA4583" s="85"/>
      <c r="AB4583" s="85"/>
      <c r="AC4583" s="85"/>
      <c r="AD4583" s="85"/>
      <c r="AE4583" s="85"/>
      <c r="AF4583" s="85"/>
      <c r="AG4583" s="86"/>
      <c r="AH4583" s="85"/>
      <c r="AI4583" s="85"/>
      <c r="AJ4583" s="85"/>
      <c r="AK4583" s="85"/>
      <c r="AL4583" s="85"/>
      <c r="AM4583" s="92"/>
      <c r="AN4583" s="92"/>
      <c r="AO4583" s="92"/>
      <c r="AP4583" s="92"/>
      <c r="AQ4583" s="92"/>
      <c r="AR4583" s="92"/>
      <c r="AS4583" s="92"/>
      <c r="AT4583" s="92"/>
      <c r="AU4583" s="92"/>
      <c r="AV4583" s="92"/>
      <c r="AW4583" s="92"/>
      <c r="AX4583" s="92"/>
      <c r="AY4583" s="92"/>
      <c r="AZ4583" s="93"/>
      <c r="BA4583" s="93"/>
      <c r="BB4583" s="93"/>
      <c r="BC4583" s="93"/>
      <c r="BD4583" s="93"/>
      <c r="BE4583" s="93"/>
      <c r="BF4583" s="93"/>
      <c r="BG4583" s="93"/>
      <c r="BH4583" s="93"/>
      <c r="BI4583" s="93"/>
      <c r="BJ4583" s="93"/>
      <c r="BK4583" s="93"/>
      <c r="BL4583" s="93"/>
    </row>
    <row r="4584" spans="2:64" x14ac:dyDescent="0.2">
      <c r="B4584" s="43"/>
      <c r="C4584" s="73"/>
      <c r="D4584" s="64"/>
      <c r="E4584" s="55"/>
      <c r="F4584" s="74"/>
      <c r="G4584" s="74"/>
      <c r="H4584" s="74"/>
      <c r="I4584" s="75"/>
      <c r="J4584" s="74"/>
      <c r="L4584" s="55"/>
      <c r="M4584" s="234"/>
      <c r="N4584" s="65"/>
      <c r="O4584" s="76"/>
      <c r="P4584" s="76"/>
      <c r="Q4584" s="65"/>
      <c r="R4584" s="76"/>
      <c r="S4584" s="76"/>
      <c r="T4584" s="76"/>
      <c r="U4584" s="76"/>
      <c r="V4584" s="76"/>
      <c r="W4584" s="76"/>
      <c r="X4584" s="76"/>
      <c r="Y4584" s="76"/>
      <c r="Z4584" s="76"/>
      <c r="AA4584" s="85"/>
      <c r="AB4584" s="85"/>
      <c r="AC4584" s="85"/>
      <c r="AD4584" s="85"/>
      <c r="AE4584" s="85"/>
      <c r="AF4584" s="85"/>
      <c r="AG4584" s="86"/>
      <c r="AH4584" s="85"/>
      <c r="AI4584" s="85"/>
      <c r="AJ4584" s="85"/>
      <c r="AK4584" s="85"/>
      <c r="AL4584" s="85"/>
      <c r="AM4584" s="92"/>
      <c r="AN4584" s="92"/>
      <c r="AO4584" s="92"/>
      <c r="AP4584" s="92"/>
      <c r="AQ4584" s="92"/>
      <c r="AR4584" s="92"/>
      <c r="AS4584" s="92"/>
      <c r="AT4584" s="92"/>
      <c r="AU4584" s="92"/>
      <c r="AV4584" s="92"/>
      <c r="AW4584" s="92"/>
      <c r="AX4584" s="92"/>
      <c r="AY4584" s="92"/>
      <c r="AZ4584" s="93"/>
      <c r="BA4584" s="93"/>
      <c r="BB4584" s="93"/>
      <c r="BC4584" s="93"/>
      <c r="BD4584" s="93"/>
      <c r="BE4584" s="93"/>
      <c r="BF4584" s="93"/>
      <c r="BG4584" s="93"/>
      <c r="BH4584" s="93"/>
      <c r="BI4584" s="93"/>
      <c r="BJ4584" s="93"/>
      <c r="BK4584" s="93"/>
      <c r="BL4584" s="93"/>
    </row>
    <row r="4585" spans="2:64" x14ac:dyDescent="0.2">
      <c r="B4585" s="43"/>
      <c r="C4585" s="73"/>
      <c r="D4585" s="64"/>
      <c r="E4585" s="55"/>
      <c r="F4585" s="74"/>
      <c r="G4585" s="74"/>
      <c r="H4585" s="74"/>
      <c r="I4585" s="75"/>
      <c r="J4585" s="74"/>
      <c r="L4585" s="55"/>
      <c r="M4585" s="234"/>
      <c r="N4585" s="65"/>
      <c r="O4585" s="76"/>
      <c r="P4585" s="76"/>
      <c r="Q4585" s="65"/>
      <c r="R4585" s="76"/>
      <c r="S4585" s="76"/>
      <c r="T4585" s="76"/>
      <c r="U4585" s="76"/>
      <c r="V4585" s="76"/>
      <c r="W4585" s="76"/>
      <c r="X4585" s="76"/>
      <c r="Y4585" s="76"/>
      <c r="Z4585" s="76"/>
      <c r="AA4585" s="85"/>
      <c r="AB4585" s="85"/>
      <c r="AC4585" s="85"/>
      <c r="AD4585" s="85"/>
      <c r="AE4585" s="85"/>
      <c r="AF4585" s="85"/>
      <c r="AG4585" s="86"/>
      <c r="AH4585" s="85"/>
      <c r="AI4585" s="85"/>
      <c r="AJ4585" s="85"/>
      <c r="AK4585" s="85"/>
      <c r="AL4585" s="85"/>
      <c r="AM4585" s="92"/>
      <c r="AN4585" s="92"/>
      <c r="AO4585" s="92"/>
      <c r="AP4585" s="92"/>
      <c r="AQ4585" s="92"/>
      <c r="AR4585" s="92"/>
      <c r="AS4585" s="92"/>
      <c r="AT4585" s="92"/>
      <c r="AU4585" s="92"/>
      <c r="AV4585" s="92"/>
      <c r="AW4585" s="92"/>
      <c r="AX4585" s="92"/>
      <c r="AY4585" s="92"/>
      <c r="AZ4585" s="93"/>
      <c r="BA4585" s="93"/>
      <c r="BB4585" s="93"/>
      <c r="BC4585" s="93"/>
      <c r="BD4585" s="93"/>
      <c r="BE4585" s="93"/>
      <c r="BF4585" s="93"/>
      <c r="BG4585" s="93"/>
      <c r="BH4585" s="93"/>
      <c r="BI4585" s="93"/>
      <c r="BJ4585" s="93"/>
      <c r="BK4585" s="93"/>
      <c r="BL4585" s="93"/>
    </row>
    <row r="4586" spans="2:64" x14ac:dyDescent="0.2">
      <c r="B4586" s="43"/>
      <c r="C4586" s="73"/>
      <c r="D4586" s="64"/>
      <c r="E4586" s="55"/>
      <c r="F4586" s="74"/>
      <c r="G4586" s="74"/>
      <c r="H4586" s="74"/>
      <c r="I4586" s="75"/>
      <c r="J4586" s="74"/>
      <c r="L4586" s="55"/>
      <c r="M4586" s="234"/>
      <c r="N4586" s="65"/>
      <c r="O4586" s="76"/>
      <c r="P4586" s="76"/>
      <c r="Q4586" s="65"/>
      <c r="R4586" s="76"/>
      <c r="S4586" s="76"/>
      <c r="T4586" s="76"/>
      <c r="U4586" s="76"/>
      <c r="V4586" s="76"/>
      <c r="W4586" s="76"/>
      <c r="X4586" s="76"/>
      <c r="Y4586" s="76"/>
      <c r="Z4586" s="76"/>
      <c r="AA4586" s="85"/>
      <c r="AB4586" s="85"/>
      <c r="AC4586" s="85"/>
      <c r="AD4586" s="85"/>
      <c r="AE4586" s="85"/>
      <c r="AF4586" s="85"/>
      <c r="AG4586" s="86"/>
      <c r="AH4586" s="85"/>
      <c r="AI4586" s="85"/>
      <c r="AJ4586" s="85"/>
      <c r="AK4586" s="85"/>
      <c r="AL4586" s="85"/>
      <c r="AM4586" s="92"/>
      <c r="AN4586" s="92"/>
      <c r="AO4586" s="92"/>
      <c r="AP4586" s="92"/>
      <c r="AQ4586" s="92"/>
      <c r="AR4586" s="92"/>
      <c r="AS4586" s="92"/>
      <c r="AT4586" s="92"/>
      <c r="AU4586" s="92"/>
      <c r="AV4586" s="92"/>
      <c r="AW4586" s="92"/>
      <c r="AX4586" s="92"/>
      <c r="AY4586" s="92"/>
      <c r="AZ4586" s="93"/>
      <c r="BA4586" s="93"/>
      <c r="BB4586" s="93"/>
      <c r="BC4586" s="93"/>
      <c r="BD4586" s="93"/>
      <c r="BE4586" s="93"/>
      <c r="BF4586" s="93"/>
      <c r="BG4586" s="93"/>
      <c r="BH4586" s="93"/>
      <c r="BI4586" s="93"/>
      <c r="BJ4586" s="93"/>
      <c r="BK4586" s="93"/>
      <c r="BL4586" s="93"/>
    </row>
    <row r="4587" spans="2:64" x14ac:dyDescent="0.2">
      <c r="B4587" s="43"/>
      <c r="C4587" s="73"/>
      <c r="D4587" s="64"/>
      <c r="E4587" s="55"/>
      <c r="F4587" s="74"/>
      <c r="G4587" s="74"/>
      <c r="H4587" s="74"/>
      <c r="I4587" s="75"/>
      <c r="J4587" s="74"/>
      <c r="L4587" s="55"/>
      <c r="M4587" s="234"/>
      <c r="N4587" s="65"/>
      <c r="O4587" s="76"/>
      <c r="P4587" s="76"/>
      <c r="Q4587" s="65"/>
      <c r="R4587" s="76"/>
      <c r="S4587" s="76"/>
      <c r="T4587" s="76"/>
      <c r="U4587" s="76"/>
      <c r="V4587" s="76"/>
      <c r="W4587" s="76"/>
      <c r="X4587" s="76"/>
      <c r="Y4587" s="76"/>
      <c r="Z4587" s="76"/>
      <c r="AA4587" s="85"/>
      <c r="AB4587" s="85"/>
      <c r="AC4587" s="85"/>
      <c r="AD4587" s="85"/>
      <c r="AE4587" s="85"/>
      <c r="AF4587" s="85"/>
      <c r="AG4587" s="86"/>
      <c r="AH4587" s="85"/>
      <c r="AI4587" s="85"/>
      <c r="AJ4587" s="85"/>
      <c r="AK4587" s="85"/>
      <c r="AL4587" s="85"/>
      <c r="AM4587" s="92"/>
      <c r="AN4587" s="92"/>
      <c r="AO4587" s="92"/>
      <c r="AP4587" s="92"/>
      <c r="AQ4587" s="92"/>
      <c r="AR4587" s="92"/>
      <c r="AS4587" s="92"/>
      <c r="AT4587" s="92"/>
      <c r="AU4587" s="92"/>
      <c r="AV4587" s="92"/>
      <c r="AW4587" s="92"/>
      <c r="AX4587" s="92"/>
      <c r="AY4587" s="92"/>
      <c r="AZ4587" s="93"/>
      <c r="BA4587" s="93"/>
      <c r="BB4587" s="93"/>
      <c r="BC4587" s="93"/>
      <c r="BD4587" s="93"/>
      <c r="BE4587" s="93"/>
      <c r="BF4587" s="93"/>
      <c r="BG4587" s="93"/>
      <c r="BH4587" s="93"/>
      <c r="BI4587" s="93"/>
      <c r="BJ4587" s="93"/>
      <c r="BK4587" s="93"/>
      <c r="BL4587" s="93"/>
    </row>
    <row r="4588" spans="2:64" x14ac:dyDescent="0.2">
      <c r="B4588" s="43"/>
      <c r="C4588" s="73"/>
      <c r="D4588" s="64"/>
      <c r="E4588" s="55"/>
      <c r="F4588" s="74"/>
      <c r="G4588" s="74"/>
      <c r="H4588" s="74"/>
      <c r="I4588" s="75"/>
      <c r="J4588" s="74"/>
      <c r="L4588" s="55"/>
      <c r="M4588" s="234"/>
      <c r="N4588" s="65"/>
      <c r="O4588" s="76"/>
      <c r="P4588" s="76"/>
      <c r="Q4588" s="65"/>
      <c r="R4588" s="76"/>
      <c r="S4588" s="76"/>
      <c r="T4588" s="76"/>
      <c r="U4588" s="76"/>
      <c r="V4588" s="76"/>
      <c r="W4588" s="76"/>
      <c r="X4588" s="76"/>
      <c r="Y4588" s="76"/>
      <c r="Z4588" s="76"/>
      <c r="AA4588" s="85"/>
      <c r="AB4588" s="85"/>
      <c r="AC4588" s="85"/>
      <c r="AD4588" s="85"/>
      <c r="AE4588" s="85"/>
      <c r="AF4588" s="85"/>
      <c r="AG4588" s="86"/>
      <c r="AH4588" s="85"/>
      <c r="AI4588" s="85"/>
      <c r="AJ4588" s="85"/>
      <c r="AK4588" s="85"/>
      <c r="AL4588" s="85"/>
      <c r="AM4588" s="92"/>
      <c r="AN4588" s="92"/>
      <c r="AO4588" s="92"/>
      <c r="AP4588" s="92"/>
      <c r="AQ4588" s="92"/>
      <c r="AR4588" s="92"/>
      <c r="AS4588" s="92"/>
      <c r="AT4588" s="92"/>
      <c r="AU4588" s="92"/>
      <c r="AV4588" s="92"/>
      <c r="AW4588" s="92"/>
      <c r="AX4588" s="92"/>
      <c r="AY4588" s="92"/>
      <c r="AZ4588" s="93"/>
      <c r="BA4588" s="93"/>
      <c r="BB4588" s="93"/>
      <c r="BC4588" s="93"/>
      <c r="BD4588" s="93"/>
      <c r="BE4588" s="93"/>
      <c r="BF4588" s="93"/>
      <c r="BG4588" s="93"/>
      <c r="BH4588" s="93"/>
      <c r="BI4588" s="93"/>
      <c r="BJ4588" s="93"/>
      <c r="BK4588" s="93"/>
      <c r="BL4588" s="93"/>
    </row>
    <row r="4589" spans="2:64" x14ac:dyDescent="0.2">
      <c r="B4589" s="43"/>
      <c r="C4589" s="73"/>
      <c r="D4589" s="64"/>
      <c r="E4589" s="55"/>
      <c r="F4589" s="74"/>
      <c r="G4589" s="74"/>
      <c r="H4589" s="74"/>
      <c r="I4589" s="75"/>
      <c r="J4589" s="74"/>
      <c r="L4589" s="55"/>
      <c r="M4589" s="234"/>
      <c r="N4589" s="65"/>
      <c r="O4589" s="76"/>
      <c r="P4589" s="76"/>
      <c r="Q4589" s="65"/>
      <c r="R4589" s="76"/>
      <c r="S4589" s="76"/>
      <c r="T4589" s="76"/>
      <c r="U4589" s="76"/>
      <c r="V4589" s="76"/>
      <c r="W4589" s="76"/>
      <c r="X4589" s="76"/>
      <c r="Y4589" s="76"/>
      <c r="Z4589" s="76"/>
      <c r="AA4589" s="85"/>
      <c r="AB4589" s="85"/>
      <c r="AC4589" s="85"/>
      <c r="AD4589" s="85"/>
      <c r="AE4589" s="85"/>
      <c r="AF4589" s="85"/>
      <c r="AG4589" s="86"/>
      <c r="AH4589" s="85"/>
      <c r="AI4589" s="85"/>
      <c r="AJ4589" s="85"/>
      <c r="AK4589" s="85"/>
      <c r="AL4589" s="85"/>
      <c r="AM4589" s="92"/>
      <c r="AN4589" s="92"/>
      <c r="AO4589" s="92"/>
      <c r="AP4589" s="92"/>
      <c r="AQ4589" s="92"/>
      <c r="AR4589" s="92"/>
      <c r="AS4589" s="92"/>
      <c r="AT4589" s="92"/>
      <c r="AU4589" s="92"/>
      <c r="AV4589" s="92"/>
      <c r="AW4589" s="92"/>
      <c r="AX4589" s="92"/>
      <c r="AY4589" s="92"/>
      <c r="AZ4589" s="93"/>
      <c r="BA4589" s="93"/>
      <c r="BB4589" s="93"/>
      <c r="BC4589" s="93"/>
      <c r="BD4589" s="93"/>
      <c r="BE4589" s="93"/>
      <c r="BF4589" s="93"/>
      <c r="BG4589" s="93"/>
      <c r="BH4589" s="93"/>
      <c r="BI4589" s="93"/>
      <c r="BJ4589" s="93"/>
      <c r="BK4589" s="93"/>
      <c r="BL4589" s="93"/>
    </row>
    <row r="4590" spans="2:64" x14ac:dyDescent="0.2">
      <c r="B4590" s="43"/>
      <c r="C4590" s="73"/>
      <c r="D4590" s="64"/>
      <c r="E4590" s="55"/>
      <c r="F4590" s="74"/>
      <c r="G4590" s="74"/>
      <c r="H4590" s="74"/>
      <c r="I4590" s="75"/>
      <c r="J4590" s="74"/>
      <c r="L4590" s="55"/>
      <c r="M4590" s="234"/>
      <c r="N4590" s="65"/>
      <c r="O4590" s="76"/>
      <c r="P4590" s="76"/>
      <c r="Q4590" s="65"/>
      <c r="R4590" s="76"/>
      <c r="S4590" s="76"/>
      <c r="T4590" s="76"/>
      <c r="U4590" s="76"/>
      <c r="V4590" s="76"/>
      <c r="W4590" s="76"/>
      <c r="X4590" s="76"/>
      <c r="Y4590" s="76"/>
      <c r="Z4590" s="76"/>
      <c r="AA4590" s="85"/>
      <c r="AB4590" s="85"/>
      <c r="AC4590" s="85"/>
      <c r="AD4590" s="85"/>
      <c r="AE4590" s="85"/>
      <c r="AF4590" s="85"/>
      <c r="AG4590" s="86"/>
      <c r="AH4590" s="85"/>
      <c r="AI4590" s="85"/>
      <c r="AJ4590" s="85"/>
      <c r="AK4590" s="85"/>
      <c r="AL4590" s="85"/>
      <c r="AM4590" s="92"/>
      <c r="AN4590" s="92"/>
      <c r="AO4590" s="92"/>
      <c r="AP4590" s="92"/>
      <c r="AQ4590" s="92"/>
      <c r="AR4590" s="92"/>
      <c r="AS4590" s="92"/>
      <c r="AT4590" s="92"/>
      <c r="AU4590" s="92"/>
      <c r="AV4590" s="92"/>
      <c r="AW4590" s="92"/>
      <c r="AX4590" s="92"/>
      <c r="AY4590" s="92"/>
      <c r="AZ4590" s="93"/>
      <c r="BA4590" s="93"/>
      <c r="BB4590" s="93"/>
      <c r="BC4590" s="93"/>
      <c r="BD4590" s="93"/>
      <c r="BE4590" s="93"/>
      <c r="BF4590" s="93"/>
      <c r="BG4590" s="93"/>
      <c r="BH4590" s="93"/>
      <c r="BI4590" s="93"/>
      <c r="BJ4590" s="93"/>
      <c r="BK4590" s="93"/>
      <c r="BL4590" s="93"/>
    </row>
    <row r="4591" spans="2:64" x14ac:dyDescent="0.2">
      <c r="B4591" s="43"/>
      <c r="C4591" s="73"/>
      <c r="D4591" s="64"/>
      <c r="E4591" s="55"/>
      <c r="F4591" s="74"/>
      <c r="G4591" s="74"/>
      <c r="H4591" s="74"/>
      <c r="I4591" s="75"/>
      <c r="J4591" s="74"/>
      <c r="L4591" s="55"/>
      <c r="M4591" s="234"/>
      <c r="N4591" s="65"/>
      <c r="O4591" s="76"/>
      <c r="P4591" s="76"/>
      <c r="Q4591" s="65"/>
      <c r="R4591" s="76"/>
      <c r="S4591" s="76"/>
      <c r="T4591" s="76"/>
      <c r="U4591" s="76"/>
      <c r="V4591" s="76"/>
      <c r="W4591" s="76"/>
      <c r="X4591" s="76"/>
      <c r="Y4591" s="76"/>
      <c r="Z4591" s="76"/>
      <c r="AA4591" s="85"/>
      <c r="AB4591" s="85"/>
      <c r="AC4591" s="85"/>
      <c r="AD4591" s="85"/>
      <c r="AE4591" s="85"/>
      <c r="AF4591" s="85"/>
      <c r="AG4591" s="86"/>
      <c r="AH4591" s="85"/>
      <c r="AI4591" s="85"/>
      <c r="AJ4591" s="85"/>
      <c r="AK4591" s="85"/>
      <c r="AL4591" s="85"/>
      <c r="AM4591" s="92"/>
      <c r="AN4591" s="92"/>
      <c r="AO4591" s="92"/>
      <c r="AP4591" s="92"/>
      <c r="AQ4591" s="92"/>
      <c r="AR4591" s="92"/>
      <c r="AS4591" s="92"/>
      <c r="AT4591" s="92"/>
      <c r="AU4591" s="92"/>
      <c r="AV4591" s="92"/>
      <c r="AW4591" s="92"/>
      <c r="AX4591" s="92"/>
      <c r="AY4591" s="92"/>
      <c r="AZ4591" s="93"/>
      <c r="BA4591" s="93"/>
      <c r="BB4591" s="93"/>
      <c r="BC4591" s="93"/>
      <c r="BD4591" s="93"/>
      <c r="BE4591" s="93"/>
      <c r="BF4591" s="93"/>
      <c r="BG4591" s="93"/>
      <c r="BH4591" s="93"/>
      <c r="BI4591" s="93"/>
      <c r="BJ4591" s="93"/>
      <c r="BK4591" s="93"/>
      <c r="BL4591" s="93"/>
    </row>
    <row r="4592" spans="2:64" x14ac:dyDescent="0.2">
      <c r="B4592" s="43"/>
      <c r="C4592" s="73"/>
      <c r="D4592" s="64"/>
      <c r="E4592" s="55"/>
      <c r="F4592" s="74"/>
      <c r="G4592" s="74"/>
      <c r="H4592" s="74"/>
      <c r="I4592" s="75"/>
      <c r="J4592" s="74"/>
      <c r="L4592" s="55"/>
      <c r="M4592" s="234"/>
      <c r="N4592" s="65"/>
      <c r="O4592" s="76"/>
      <c r="P4592" s="76"/>
      <c r="Q4592" s="65"/>
      <c r="R4592" s="76"/>
      <c r="S4592" s="76"/>
      <c r="T4592" s="76"/>
      <c r="U4592" s="76"/>
      <c r="V4592" s="76"/>
      <c r="W4592" s="76"/>
      <c r="X4592" s="76"/>
      <c r="Y4592" s="76"/>
      <c r="Z4592" s="76"/>
      <c r="AA4592" s="85"/>
      <c r="AB4592" s="85"/>
      <c r="AC4592" s="85"/>
      <c r="AD4592" s="85"/>
      <c r="AE4592" s="85"/>
      <c r="AF4592" s="85"/>
      <c r="AG4592" s="86"/>
      <c r="AH4592" s="85"/>
      <c r="AI4592" s="85"/>
      <c r="AJ4592" s="85"/>
      <c r="AK4592" s="85"/>
      <c r="AL4592" s="85"/>
      <c r="AM4592" s="92"/>
      <c r="AN4592" s="92"/>
      <c r="AO4592" s="92"/>
      <c r="AP4592" s="92"/>
      <c r="AQ4592" s="92"/>
      <c r="AR4592" s="92"/>
      <c r="AS4592" s="92"/>
      <c r="AT4592" s="92"/>
      <c r="AU4592" s="92"/>
      <c r="AV4592" s="92"/>
      <c r="AW4592" s="92"/>
      <c r="AX4592" s="92"/>
      <c r="AY4592" s="92"/>
      <c r="AZ4592" s="93"/>
      <c r="BA4592" s="93"/>
      <c r="BB4592" s="93"/>
      <c r="BC4592" s="93"/>
      <c r="BD4592" s="93"/>
      <c r="BE4592" s="93"/>
      <c r="BF4592" s="93"/>
      <c r="BG4592" s="93"/>
      <c r="BH4592" s="93"/>
      <c r="BI4592" s="93"/>
      <c r="BJ4592" s="93"/>
      <c r="BK4592" s="93"/>
      <c r="BL4592" s="93"/>
    </row>
    <row r="4593" spans="2:64" x14ac:dyDescent="0.2">
      <c r="B4593" s="43"/>
      <c r="C4593" s="73"/>
      <c r="D4593" s="64"/>
      <c r="E4593" s="55"/>
      <c r="F4593" s="74"/>
      <c r="G4593" s="74"/>
      <c r="H4593" s="74"/>
      <c r="I4593" s="75"/>
      <c r="J4593" s="74"/>
      <c r="L4593" s="55"/>
      <c r="M4593" s="234"/>
      <c r="N4593" s="65"/>
      <c r="O4593" s="76"/>
      <c r="P4593" s="76"/>
      <c r="Q4593" s="65"/>
      <c r="R4593" s="76"/>
      <c r="S4593" s="76"/>
      <c r="T4593" s="76"/>
      <c r="U4593" s="76"/>
      <c r="V4593" s="76"/>
      <c r="W4593" s="76"/>
      <c r="X4593" s="76"/>
      <c r="Y4593" s="76"/>
      <c r="Z4593" s="76"/>
      <c r="AA4593" s="85"/>
      <c r="AB4593" s="85"/>
      <c r="AC4593" s="85"/>
      <c r="AD4593" s="85"/>
      <c r="AE4593" s="85"/>
      <c r="AF4593" s="85"/>
      <c r="AG4593" s="86"/>
      <c r="AH4593" s="85"/>
      <c r="AI4593" s="85"/>
      <c r="AJ4593" s="85"/>
      <c r="AK4593" s="85"/>
      <c r="AL4593" s="85"/>
      <c r="AM4593" s="92"/>
      <c r="AN4593" s="92"/>
      <c r="AO4593" s="92"/>
      <c r="AP4593" s="92"/>
      <c r="AQ4593" s="92"/>
      <c r="AR4593" s="92"/>
      <c r="AS4593" s="92"/>
      <c r="AT4593" s="92"/>
      <c r="AU4593" s="92"/>
      <c r="AV4593" s="92"/>
      <c r="AW4593" s="92"/>
      <c r="AX4593" s="92"/>
      <c r="AY4593" s="92"/>
      <c r="AZ4593" s="93"/>
      <c r="BA4593" s="93"/>
      <c r="BB4593" s="93"/>
      <c r="BC4593" s="93"/>
      <c r="BD4593" s="93"/>
      <c r="BE4593" s="93"/>
      <c r="BF4593" s="93"/>
      <c r="BG4593" s="93"/>
      <c r="BH4593" s="93"/>
      <c r="BI4593" s="93"/>
      <c r="BJ4593" s="93"/>
      <c r="BK4593" s="93"/>
      <c r="BL4593" s="93"/>
    </row>
    <row r="4594" spans="2:64" x14ac:dyDescent="0.2">
      <c r="B4594" s="43"/>
      <c r="C4594" s="73"/>
      <c r="D4594" s="64"/>
      <c r="E4594" s="55"/>
      <c r="F4594" s="74"/>
      <c r="G4594" s="74"/>
      <c r="H4594" s="74"/>
      <c r="I4594" s="75"/>
      <c r="J4594" s="74"/>
      <c r="L4594" s="55"/>
      <c r="M4594" s="234"/>
      <c r="N4594" s="65"/>
      <c r="O4594" s="76"/>
      <c r="P4594" s="76"/>
      <c r="Q4594" s="65"/>
      <c r="R4594" s="76"/>
      <c r="S4594" s="76"/>
      <c r="T4594" s="76"/>
      <c r="U4594" s="76"/>
      <c r="V4594" s="76"/>
      <c r="W4594" s="76"/>
      <c r="X4594" s="76"/>
      <c r="Y4594" s="76"/>
      <c r="Z4594" s="76"/>
      <c r="AA4594" s="85"/>
      <c r="AB4594" s="85"/>
      <c r="AC4594" s="85"/>
      <c r="AD4594" s="85"/>
      <c r="AE4594" s="85"/>
      <c r="AF4594" s="85"/>
      <c r="AG4594" s="86"/>
      <c r="AH4594" s="85"/>
      <c r="AI4594" s="85"/>
      <c r="AJ4594" s="85"/>
      <c r="AK4594" s="85"/>
      <c r="AL4594" s="85"/>
      <c r="AM4594" s="92"/>
      <c r="AN4594" s="92"/>
      <c r="AO4594" s="92"/>
      <c r="AP4594" s="92"/>
      <c r="AQ4594" s="92"/>
      <c r="AR4594" s="92"/>
      <c r="AS4594" s="92"/>
      <c r="AT4594" s="92"/>
      <c r="AU4594" s="92"/>
      <c r="AV4594" s="92"/>
      <c r="AW4594" s="92"/>
      <c r="AX4594" s="92"/>
      <c r="AY4594" s="92"/>
      <c r="AZ4594" s="93"/>
      <c r="BA4594" s="93"/>
      <c r="BB4594" s="93"/>
      <c r="BC4594" s="93"/>
      <c r="BD4594" s="93"/>
      <c r="BE4594" s="93"/>
      <c r="BF4594" s="93"/>
      <c r="BG4594" s="93"/>
      <c r="BH4594" s="93"/>
      <c r="BI4594" s="93"/>
      <c r="BJ4594" s="93"/>
      <c r="BK4594" s="93"/>
      <c r="BL4594" s="93"/>
    </row>
    <row r="4595" spans="2:64" x14ac:dyDescent="0.2">
      <c r="B4595" s="43"/>
      <c r="C4595" s="73"/>
      <c r="D4595" s="64"/>
      <c r="E4595" s="55"/>
      <c r="F4595" s="74"/>
      <c r="G4595" s="74"/>
      <c r="H4595" s="74"/>
      <c r="I4595" s="75"/>
      <c r="J4595" s="74"/>
      <c r="L4595" s="55"/>
      <c r="M4595" s="234"/>
      <c r="N4595" s="65"/>
      <c r="O4595" s="76"/>
      <c r="P4595" s="76"/>
      <c r="Q4595" s="65"/>
      <c r="R4595" s="76"/>
      <c r="S4595" s="76"/>
      <c r="T4595" s="76"/>
      <c r="U4595" s="76"/>
      <c r="V4595" s="76"/>
      <c r="W4595" s="76"/>
      <c r="X4595" s="76"/>
      <c r="Y4595" s="76"/>
      <c r="Z4595" s="76"/>
      <c r="AA4595" s="85"/>
      <c r="AB4595" s="85"/>
      <c r="AC4595" s="85"/>
      <c r="AD4595" s="85"/>
      <c r="AE4595" s="85"/>
      <c r="AF4595" s="85"/>
      <c r="AG4595" s="86"/>
      <c r="AH4595" s="85"/>
      <c r="AI4595" s="85"/>
      <c r="AJ4595" s="85"/>
      <c r="AK4595" s="85"/>
      <c r="AL4595" s="85"/>
      <c r="AM4595" s="92"/>
      <c r="AN4595" s="92"/>
      <c r="AO4595" s="92"/>
      <c r="AP4595" s="92"/>
      <c r="AQ4595" s="92"/>
      <c r="AR4595" s="92"/>
      <c r="AS4595" s="92"/>
      <c r="AT4595" s="92"/>
      <c r="AU4595" s="92"/>
      <c r="AV4595" s="92"/>
      <c r="AW4595" s="92"/>
      <c r="AX4595" s="92"/>
      <c r="AY4595" s="92"/>
      <c r="AZ4595" s="93"/>
      <c r="BA4595" s="93"/>
      <c r="BB4595" s="93"/>
      <c r="BC4595" s="93"/>
      <c r="BD4595" s="93"/>
      <c r="BE4595" s="93"/>
      <c r="BF4595" s="93"/>
      <c r="BG4595" s="93"/>
      <c r="BH4595" s="93"/>
      <c r="BI4595" s="93"/>
      <c r="BJ4595" s="93"/>
      <c r="BK4595" s="93"/>
      <c r="BL4595" s="93"/>
    </row>
    <row r="4596" spans="2:64" x14ac:dyDescent="0.2">
      <c r="B4596" s="43"/>
      <c r="C4596" s="73"/>
      <c r="D4596" s="64"/>
      <c r="E4596" s="55"/>
      <c r="F4596" s="74"/>
      <c r="G4596" s="74"/>
      <c r="H4596" s="74"/>
      <c r="I4596" s="75"/>
      <c r="J4596" s="74"/>
      <c r="L4596" s="55"/>
      <c r="M4596" s="234"/>
      <c r="N4596" s="65"/>
      <c r="O4596" s="76"/>
      <c r="P4596" s="76"/>
      <c r="Q4596" s="65"/>
      <c r="R4596" s="76"/>
      <c r="S4596" s="76"/>
      <c r="T4596" s="76"/>
      <c r="U4596" s="76"/>
      <c r="V4596" s="76"/>
      <c r="W4596" s="76"/>
      <c r="X4596" s="76"/>
      <c r="Y4596" s="76"/>
      <c r="Z4596" s="76"/>
      <c r="AA4596" s="85"/>
      <c r="AB4596" s="85"/>
      <c r="AC4596" s="85"/>
      <c r="AD4596" s="85"/>
      <c r="AE4596" s="85"/>
      <c r="AF4596" s="85"/>
      <c r="AG4596" s="86"/>
      <c r="AH4596" s="85"/>
      <c r="AI4596" s="85"/>
      <c r="AJ4596" s="85"/>
      <c r="AK4596" s="85"/>
      <c r="AL4596" s="85"/>
      <c r="AM4596" s="92"/>
      <c r="AN4596" s="92"/>
      <c r="AO4596" s="92"/>
      <c r="AP4596" s="92"/>
      <c r="AQ4596" s="92"/>
      <c r="AR4596" s="92"/>
      <c r="AS4596" s="92"/>
      <c r="AT4596" s="92"/>
      <c r="AU4596" s="92"/>
      <c r="AV4596" s="92"/>
      <c r="AW4596" s="92"/>
      <c r="AX4596" s="92"/>
      <c r="AY4596" s="92"/>
      <c r="AZ4596" s="93"/>
      <c r="BA4596" s="93"/>
      <c r="BB4596" s="93"/>
      <c r="BC4596" s="93"/>
      <c r="BD4596" s="93"/>
      <c r="BE4596" s="93"/>
      <c r="BF4596" s="93"/>
      <c r="BG4596" s="93"/>
      <c r="BH4596" s="93"/>
      <c r="BI4596" s="93"/>
      <c r="BJ4596" s="93"/>
      <c r="BK4596" s="93"/>
      <c r="BL4596" s="93"/>
    </row>
    <row r="4597" spans="2:64" x14ac:dyDescent="0.2">
      <c r="B4597" s="43"/>
      <c r="C4597" s="73"/>
      <c r="D4597" s="64"/>
      <c r="E4597" s="55"/>
      <c r="F4597" s="74"/>
      <c r="G4597" s="74"/>
      <c r="H4597" s="74"/>
      <c r="I4597" s="75"/>
      <c r="J4597" s="74"/>
      <c r="L4597" s="55"/>
      <c r="M4597" s="234"/>
      <c r="N4597" s="65"/>
      <c r="O4597" s="76"/>
      <c r="P4597" s="76"/>
      <c r="Q4597" s="65"/>
      <c r="R4597" s="76"/>
      <c r="S4597" s="76"/>
      <c r="T4597" s="76"/>
      <c r="U4597" s="76"/>
      <c r="V4597" s="76"/>
      <c r="W4597" s="76"/>
      <c r="X4597" s="76"/>
      <c r="Y4597" s="76"/>
      <c r="Z4597" s="76"/>
      <c r="AA4597" s="85"/>
      <c r="AB4597" s="85"/>
      <c r="AC4597" s="85"/>
      <c r="AD4597" s="85"/>
      <c r="AE4597" s="85"/>
      <c r="AF4597" s="85"/>
      <c r="AG4597" s="86"/>
      <c r="AH4597" s="85"/>
      <c r="AI4597" s="85"/>
      <c r="AJ4597" s="85"/>
      <c r="AK4597" s="85"/>
      <c r="AL4597" s="85"/>
      <c r="AM4597" s="92"/>
      <c r="AN4597" s="92"/>
      <c r="AO4597" s="92"/>
      <c r="AP4597" s="92"/>
      <c r="AQ4597" s="92"/>
      <c r="AR4597" s="92"/>
      <c r="AS4597" s="92"/>
      <c r="AT4597" s="92"/>
      <c r="AU4597" s="92"/>
      <c r="AV4597" s="92"/>
      <c r="AW4597" s="92"/>
      <c r="AX4597" s="92"/>
      <c r="AY4597" s="92"/>
      <c r="AZ4597" s="93"/>
      <c r="BA4597" s="93"/>
      <c r="BB4597" s="93"/>
      <c r="BC4597" s="93"/>
      <c r="BD4597" s="93"/>
      <c r="BE4597" s="93"/>
      <c r="BF4597" s="93"/>
      <c r="BG4597" s="93"/>
      <c r="BH4597" s="93"/>
      <c r="BI4597" s="93"/>
      <c r="BJ4597" s="93"/>
      <c r="BK4597" s="93"/>
      <c r="BL4597" s="93"/>
    </row>
    <row r="4598" spans="2:64" x14ac:dyDescent="0.2">
      <c r="B4598" s="43"/>
      <c r="C4598" s="73"/>
      <c r="D4598" s="64"/>
      <c r="E4598" s="55"/>
      <c r="F4598" s="74"/>
      <c r="G4598" s="74"/>
      <c r="H4598" s="74"/>
      <c r="I4598" s="75"/>
      <c r="J4598" s="74"/>
      <c r="L4598" s="55"/>
      <c r="M4598" s="234"/>
      <c r="N4598" s="65"/>
      <c r="O4598" s="76"/>
      <c r="P4598" s="76"/>
      <c r="Q4598" s="65"/>
      <c r="R4598" s="76"/>
      <c r="S4598" s="76"/>
      <c r="T4598" s="76"/>
      <c r="U4598" s="76"/>
      <c r="V4598" s="76"/>
      <c r="W4598" s="76"/>
      <c r="X4598" s="76"/>
      <c r="Y4598" s="76"/>
      <c r="Z4598" s="76"/>
      <c r="AA4598" s="85"/>
      <c r="AB4598" s="85"/>
      <c r="AC4598" s="85"/>
      <c r="AD4598" s="85"/>
      <c r="AE4598" s="85"/>
      <c r="AF4598" s="85"/>
      <c r="AG4598" s="86"/>
      <c r="AH4598" s="85"/>
      <c r="AI4598" s="85"/>
      <c r="AJ4598" s="85"/>
      <c r="AK4598" s="85"/>
      <c r="AL4598" s="85"/>
      <c r="AM4598" s="92"/>
      <c r="AN4598" s="92"/>
      <c r="AO4598" s="92"/>
      <c r="AP4598" s="92"/>
      <c r="AQ4598" s="92"/>
      <c r="AR4598" s="92"/>
      <c r="AS4598" s="92"/>
      <c r="AT4598" s="92"/>
      <c r="AU4598" s="92"/>
      <c r="AV4598" s="92"/>
      <c r="AW4598" s="92"/>
      <c r="AX4598" s="92"/>
      <c r="AY4598" s="92"/>
      <c r="AZ4598" s="93"/>
      <c r="BA4598" s="93"/>
      <c r="BB4598" s="93"/>
      <c r="BC4598" s="93"/>
      <c r="BD4598" s="93"/>
      <c r="BE4598" s="93"/>
      <c r="BF4598" s="93"/>
      <c r="BG4598" s="93"/>
      <c r="BH4598" s="93"/>
      <c r="BI4598" s="93"/>
      <c r="BJ4598" s="93"/>
      <c r="BK4598" s="93"/>
      <c r="BL4598" s="93"/>
    </row>
    <row r="4599" spans="2:64" x14ac:dyDescent="0.2">
      <c r="B4599" s="43"/>
      <c r="C4599" s="73"/>
      <c r="D4599" s="64"/>
      <c r="E4599" s="55"/>
      <c r="F4599" s="74"/>
      <c r="G4599" s="74"/>
      <c r="H4599" s="74"/>
      <c r="I4599" s="75"/>
      <c r="J4599" s="74"/>
      <c r="L4599" s="55"/>
      <c r="M4599" s="234"/>
      <c r="N4599" s="65"/>
      <c r="O4599" s="76"/>
      <c r="P4599" s="76"/>
      <c r="Q4599" s="65"/>
      <c r="R4599" s="76"/>
      <c r="S4599" s="76"/>
      <c r="T4599" s="76"/>
      <c r="U4599" s="76"/>
      <c r="V4599" s="76"/>
      <c r="W4599" s="76"/>
      <c r="X4599" s="76"/>
      <c r="Y4599" s="76"/>
      <c r="Z4599" s="76"/>
      <c r="AA4599" s="85"/>
      <c r="AB4599" s="85"/>
      <c r="AC4599" s="85"/>
      <c r="AD4599" s="85"/>
      <c r="AE4599" s="85"/>
      <c r="AF4599" s="85"/>
      <c r="AG4599" s="86"/>
      <c r="AH4599" s="85"/>
      <c r="AI4599" s="85"/>
      <c r="AJ4599" s="85"/>
      <c r="AK4599" s="85"/>
      <c r="AL4599" s="85"/>
      <c r="AM4599" s="92"/>
      <c r="AN4599" s="92"/>
      <c r="AO4599" s="92"/>
      <c r="AP4599" s="92"/>
      <c r="AQ4599" s="92"/>
      <c r="AR4599" s="92"/>
      <c r="AS4599" s="92"/>
      <c r="AT4599" s="92"/>
      <c r="AU4599" s="92"/>
      <c r="AV4599" s="92"/>
      <c r="AW4599" s="92"/>
      <c r="AX4599" s="92"/>
      <c r="AY4599" s="92"/>
      <c r="AZ4599" s="93"/>
      <c r="BA4599" s="93"/>
      <c r="BB4599" s="93"/>
      <c r="BC4599" s="93"/>
      <c r="BD4599" s="93"/>
      <c r="BE4599" s="93"/>
      <c r="BF4599" s="93"/>
      <c r="BG4599" s="93"/>
      <c r="BH4599" s="93"/>
      <c r="BI4599" s="93"/>
      <c r="BJ4599" s="93"/>
      <c r="BK4599" s="93"/>
      <c r="BL4599" s="93"/>
    </row>
    <row r="4600" spans="2:64" x14ac:dyDescent="0.2">
      <c r="B4600" s="43"/>
      <c r="C4600" s="73"/>
      <c r="D4600" s="64"/>
      <c r="E4600" s="55"/>
      <c r="F4600" s="74"/>
      <c r="G4600" s="74"/>
      <c r="H4600" s="74"/>
      <c r="I4600" s="75"/>
      <c r="J4600" s="74"/>
      <c r="L4600" s="55"/>
      <c r="M4600" s="234"/>
      <c r="N4600" s="65"/>
      <c r="O4600" s="76"/>
      <c r="P4600" s="76"/>
      <c r="Q4600" s="65"/>
      <c r="R4600" s="76"/>
      <c r="S4600" s="76"/>
      <c r="T4600" s="76"/>
      <c r="U4600" s="76"/>
      <c r="V4600" s="76"/>
      <c r="W4600" s="76"/>
      <c r="X4600" s="76"/>
      <c r="Y4600" s="76"/>
      <c r="Z4600" s="76"/>
      <c r="AA4600" s="85"/>
      <c r="AB4600" s="85"/>
      <c r="AC4600" s="85"/>
      <c r="AD4600" s="85"/>
      <c r="AE4600" s="85"/>
      <c r="AF4600" s="85"/>
      <c r="AG4600" s="86"/>
      <c r="AH4600" s="85"/>
      <c r="AI4600" s="85"/>
      <c r="AJ4600" s="85"/>
      <c r="AK4600" s="85"/>
      <c r="AL4600" s="85"/>
      <c r="AM4600" s="92"/>
      <c r="AN4600" s="92"/>
      <c r="AO4600" s="92"/>
      <c r="AP4600" s="92"/>
      <c r="AQ4600" s="92"/>
      <c r="AR4600" s="92"/>
      <c r="AS4600" s="92"/>
      <c r="AT4600" s="92"/>
      <c r="AU4600" s="92"/>
      <c r="AV4600" s="92"/>
      <c r="AW4600" s="92"/>
      <c r="AX4600" s="92"/>
      <c r="AY4600" s="92"/>
      <c r="AZ4600" s="93"/>
      <c r="BA4600" s="93"/>
      <c r="BB4600" s="93"/>
      <c r="BC4600" s="93"/>
      <c r="BD4600" s="93"/>
      <c r="BE4600" s="93"/>
      <c r="BF4600" s="93"/>
      <c r="BG4600" s="93"/>
      <c r="BH4600" s="93"/>
      <c r="BI4600" s="93"/>
      <c r="BJ4600" s="93"/>
      <c r="BK4600" s="93"/>
      <c r="BL4600" s="93"/>
    </row>
    <row r="4601" spans="2:64" x14ac:dyDescent="0.2">
      <c r="B4601" s="43"/>
      <c r="C4601" s="73"/>
      <c r="D4601" s="64"/>
      <c r="E4601" s="55"/>
      <c r="F4601" s="74"/>
      <c r="G4601" s="74"/>
      <c r="H4601" s="74"/>
      <c r="I4601" s="75"/>
      <c r="J4601" s="74"/>
      <c r="L4601" s="55"/>
      <c r="M4601" s="234"/>
      <c r="N4601" s="65"/>
      <c r="O4601" s="76"/>
      <c r="P4601" s="76"/>
      <c r="Q4601" s="65"/>
      <c r="R4601" s="76"/>
      <c r="S4601" s="76"/>
      <c r="T4601" s="76"/>
      <c r="U4601" s="76"/>
      <c r="V4601" s="76"/>
      <c r="W4601" s="76"/>
      <c r="X4601" s="76"/>
      <c r="Y4601" s="76"/>
      <c r="Z4601" s="76"/>
      <c r="AA4601" s="85"/>
      <c r="AB4601" s="85"/>
      <c r="AC4601" s="85"/>
      <c r="AD4601" s="85"/>
      <c r="AE4601" s="85"/>
      <c r="AF4601" s="85"/>
      <c r="AG4601" s="86"/>
      <c r="AH4601" s="85"/>
      <c r="AI4601" s="85"/>
      <c r="AJ4601" s="85"/>
      <c r="AK4601" s="85"/>
      <c r="AL4601" s="85"/>
      <c r="AM4601" s="92"/>
      <c r="AN4601" s="92"/>
      <c r="AO4601" s="92"/>
      <c r="AP4601" s="92"/>
      <c r="AQ4601" s="92"/>
      <c r="AR4601" s="92"/>
      <c r="AS4601" s="92"/>
      <c r="AT4601" s="92"/>
      <c r="AU4601" s="92"/>
      <c r="AV4601" s="92"/>
      <c r="AW4601" s="92"/>
      <c r="AX4601" s="92"/>
      <c r="AY4601" s="92"/>
      <c r="AZ4601" s="93"/>
      <c r="BA4601" s="93"/>
      <c r="BB4601" s="93"/>
      <c r="BC4601" s="93"/>
      <c r="BD4601" s="93"/>
      <c r="BE4601" s="93"/>
      <c r="BF4601" s="93"/>
      <c r="BG4601" s="93"/>
      <c r="BH4601" s="93"/>
      <c r="BI4601" s="93"/>
      <c r="BJ4601" s="93"/>
      <c r="BK4601" s="93"/>
      <c r="BL4601" s="93"/>
    </row>
    <row r="4602" spans="2:64" x14ac:dyDescent="0.2">
      <c r="B4602" s="43"/>
      <c r="C4602" s="73"/>
      <c r="D4602" s="64"/>
      <c r="E4602" s="55"/>
      <c r="F4602" s="74"/>
      <c r="G4602" s="74"/>
      <c r="H4602" s="74"/>
      <c r="I4602" s="75"/>
      <c r="J4602" s="74"/>
      <c r="L4602" s="55"/>
      <c r="M4602" s="234"/>
      <c r="N4602" s="65"/>
      <c r="O4602" s="76"/>
      <c r="P4602" s="76"/>
      <c r="Q4602" s="65"/>
      <c r="R4602" s="76"/>
      <c r="S4602" s="76"/>
      <c r="T4602" s="76"/>
      <c r="U4602" s="76"/>
      <c r="V4602" s="76"/>
      <c r="W4602" s="76"/>
      <c r="X4602" s="76"/>
      <c r="Y4602" s="76"/>
      <c r="Z4602" s="76"/>
      <c r="AA4602" s="85"/>
      <c r="AB4602" s="85"/>
      <c r="AC4602" s="85"/>
      <c r="AD4602" s="85"/>
      <c r="AE4602" s="85"/>
      <c r="AF4602" s="85"/>
      <c r="AG4602" s="86"/>
      <c r="AH4602" s="85"/>
      <c r="AI4602" s="85"/>
      <c r="AJ4602" s="85"/>
      <c r="AK4602" s="85"/>
      <c r="AL4602" s="85"/>
      <c r="AM4602" s="92"/>
      <c r="AN4602" s="92"/>
      <c r="AO4602" s="92"/>
      <c r="AP4602" s="92"/>
      <c r="AQ4602" s="92"/>
      <c r="AR4602" s="92"/>
      <c r="AS4602" s="92"/>
      <c r="AT4602" s="92"/>
      <c r="AU4602" s="92"/>
      <c r="AV4602" s="92"/>
      <c r="AW4602" s="92"/>
      <c r="AX4602" s="92"/>
      <c r="AY4602" s="92"/>
      <c r="AZ4602" s="93"/>
      <c r="BA4602" s="93"/>
      <c r="BB4602" s="93"/>
      <c r="BC4602" s="93"/>
      <c r="BD4602" s="93"/>
      <c r="BE4602" s="93"/>
      <c r="BF4602" s="93"/>
      <c r="BG4602" s="93"/>
      <c r="BH4602" s="93"/>
      <c r="BI4602" s="93"/>
      <c r="BJ4602" s="93"/>
      <c r="BK4602" s="93"/>
      <c r="BL4602" s="93"/>
    </row>
    <row r="4603" spans="2:64" x14ac:dyDescent="0.2">
      <c r="B4603" s="43"/>
      <c r="C4603" s="73"/>
      <c r="D4603" s="64"/>
      <c r="E4603" s="55"/>
      <c r="F4603" s="74"/>
      <c r="G4603" s="74"/>
      <c r="H4603" s="74"/>
      <c r="I4603" s="75"/>
      <c r="J4603" s="74"/>
      <c r="L4603" s="55"/>
      <c r="M4603" s="234"/>
      <c r="N4603" s="65"/>
      <c r="O4603" s="76"/>
      <c r="P4603" s="76"/>
      <c r="Q4603" s="65"/>
      <c r="R4603" s="76"/>
      <c r="S4603" s="76"/>
      <c r="T4603" s="76"/>
      <c r="U4603" s="76"/>
      <c r="V4603" s="76"/>
      <c r="W4603" s="76"/>
      <c r="X4603" s="76"/>
      <c r="Y4603" s="76"/>
      <c r="Z4603" s="76"/>
      <c r="AA4603" s="85"/>
      <c r="AB4603" s="85"/>
      <c r="AC4603" s="85"/>
      <c r="AD4603" s="85"/>
      <c r="AE4603" s="85"/>
      <c r="AF4603" s="85"/>
      <c r="AG4603" s="86"/>
      <c r="AH4603" s="85"/>
      <c r="AI4603" s="85"/>
      <c r="AJ4603" s="85"/>
      <c r="AK4603" s="85"/>
      <c r="AL4603" s="85"/>
      <c r="AM4603" s="92"/>
      <c r="AN4603" s="92"/>
      <c r="AO4603" s="92"/>
      <c r="AP4603" s="92"/>
      <c r="AQ4603" s="92"/>
      <c r="AR4603" s="92"/>
      <c r="AS4603" s="92"/>
      <c r="AT4603" s="92"/>
      <c r="AU4603" s="92"/>
      <c r="AV4603" s="92"/>
      <c r="AW4603" s="92"/>
      <c r="AX4603" s="92"/>
      <c r="AY4603" s="92"/>
      <c r="AZ4603" s="93"/>
      <c r="BA4603" s="93"/>
      <c r="BB4603" s="93"/>
      <c r="BC4603" s="93"/>
      <c r="BD4603" s="93"/>
      <c r="BE4603" s="93"/>
      <c r="BF4603" s="93"/>
      <c r="BG4603" s="93"/>
      <c r="BH4603" s="93"/>
      <c r="BI4603" s="93"/>
      <c r="BJ4603" s="93"/>
      <c r="BK4603" s="93"/>
      <c r="BL4603" s="93"/>
    </row>
    <row r="4604" spans="2:64" x14ac:dyDescent="0.2">
      <c r="B4604" s="43"/>
      <c r="C4604" s="73"/>
      <c r="D4604" s="64"/>
      <c r="E4604" s="55"/>
      <c r="F4604" s="74"/>
      <c r="G4604" s="74"/>
      <c r="H4604" s="74"/>
      <c r="I4604" s="75"/>
      <c r="J4604" s="74"/>
      <c r="L4604" s="55"/>
      <c r="M4604" s="234"/>
      <c r="N4604" s="65"/>
      <c r="O4604" s="76"/>
      <c r="P4604" s="76"/>
      <c r="Q4604" s="65"/>
      <c r="R4604" s="76"/>
      <c r="S4604" s="76"/>
      <c r="T4604" s="76"/>
      <c r="U4604" s="76"/>
      <c r="V4604" s="76"/>
      <c r="W4604" s="76"/>
      <c r="X4604" s="76"/>
      <c r="Y4604" s="76"/>
      <c r="Z4604" s="76"/>
      <c r="AA4604" s="85"/>
      <c r="AB4604" s="85"/>
      <c r="AC4604" s="85"/>
      <c r="AD4604" s="85"/>
      <c r="AE4604" s="85"/>
      <c r="AF4604" s="85"/>
      <c r="AG4604" s="86"/>
      <c r="AH4604" s="85"/>
      <c r="AI4604" s="85"/>
      <c r="AJ4604" s="85"/>
      <c r="AK4604" s="85"/>
      <c r="AL4604" s="85"/>
      <c r="AM4604" s="92"/>
      <c r="AN4604" s="92"/>
      <c r="AO4604" s="92"/>
      <c r="AP4604" s="92"/>
      <c r="AQ4604" s="92"/>
      <c r="AR4604" s="92"/>
      <c r="AS4604" s="92"/>
      <c r="AT4604" s="92"/>
      <c r="AU4604" s="92"/>
      <c r="AV4604" s="92"/>
      <c r="AW4604" s="92"/>
      <c r="AX4604" s="92"/>
      <c r="AY4604" s="92"/>
      <c r="AZ4604" s="93"/>
      <c r="BA4604" s="93"/>
      <c r="BB4604" s="93"/>
      <c r="BC4604" s="93"/>
      <c r="BD4604" s="93"/>
      <c r="BE4604" s="93"/>
      <c r="BF4604" s="93"/>
      <c r="BG4604" s="93"/>
      <c r="BH4604" s="93"/>
      <c r="BI4604" s="93"/>
      <c r="BJ4604" s="93"/>
      <c r="BK4604" s="93"/>
      <c r="BL4604" s="93"/>
    </row>
    <row r="4605" spans="2:64" x14ac:dyDescent="0.2">
      <c r="B4605" s="43"/>
      <c r="C4605" s="73"/>
      <c r="D4605" s="64"/>
      <c r="E4605" s="55"/>
      <c r="F4605" s="74"/>
      <c r="G4605" s="74"/>
      <c r="H4605" s="74"/>
      <c r="I4605" s="75"/>
      <c r="J4605" s="74"/>
      <c r="L4605" s="55"/>
      <c r="M4605" s="234"/>
      <c r="N4605" s="65"/>
      <c r="O4605" s="76"/>
      <c r="P4605" s="76"/>
      <c r="Q4605" s="65"/>
      <c r="R4605" s="76"/>
      <c r="S4605" s="76"/>
      <c r="T4605" s="76"/>
      <c r="U4605" s="76"/>
      <c r="V4605" s="76"/>
      <c r="W4605" s="76"/>
      <c r="X4605" s="76"/>
      <c r="Y4605" s="76"/>
      <c r="Z4605" s="76"/>
      <c r="AA4605" s="85"/>
      <c r="AB4605" s="85"/>
      <c r="AC4605" s="85"/>
      <c r="AD4605" s="85"/>
      <c r="AE4605" s="85"/>
      <c r="AF4605" s="85"/>
      <c r="AG4605" s="86"/>
      <c r="AH4605" s="85"/>
      <c r="AI4605" s="85"/>
      <c r="AJ4605" s="85"/>
      <c r="AK4605" s="85"/>
      <c r="AL4605" s="85"/>
      <c r="AM4605" s="92"/>
      <c r="AN4605" s="92"/>
      <c r="AO4605" s="92"/>
      <c r="AP4605" s="92"/>
      <c r="AQ4605" s="92"/>
      <c r="AR4605" s="92"/>
      <c r="AS4605" s="92"/>
      <c r="AT4605" s="92"/>
      <c r="AU4605" s="92"/>
      <c r="AV4605" s="92"/>
      <c r="AW4605" s="92"/>
      <c r="AX4605" s="92"/>
      <c r="AY4605" s="92"/>
      <c r="AZ4605" s="93"/>
      <c r="BA4605" s="93"/>
      <c r="BB4605" s="93"/>
      <c r="BC4605" s="93"/>
      <c r="BD4605" s="93"/>
      <c r="BE4605" s="93"/>
      <c r="BF4605" s="93"/>
      <c r="BG4605" s="93"/>
      <c r="BH4605" s="93"/>
      <c r="BI4605" s="93"/>
      <c r="BJ4605" s="93"/>
      <c r="BK4605" s="93"/>
      <c r="BL4605" s="93"/>
    </row>
    <row r="4606" spans="2:64" x14ac:dyDescent="0.2">
      <c r="B4606" s="43"/>
      <c r="C4606" s="73"/>
      <c r="D4606" s="64"/>
      <c r="E4606" s="55"/>
      <c r="F4606" s="74"/>
      <c r="G4606" s="74"/>
      <c r="H4606" s="74"/>
      <c r="I4606" s="75"/>
      <c r="J4606" s="74"/>
      <c r="L4606" s="55"/>
      <c r="M4606" s="234"/>
      <c r="N4606" s="65"/>
      <c r="O4606" s="76"/>
      <c r="P4606" s="76"/>
      <c r="Q4606" s="65"/>
      <c r="R4606" s="76"/>
      <c r="S4606" s="76"/>
      <c r="T4606" s="76"/>
      <c r="U4606" s="76"/>
      <c r="V4606" s="76"/>
      <c r="W4606" s="76"/>
      <c r="X4606" s="76"/>
      <c r="Y4606" s="76"/>
      <c r="Z4606" s="76"/>
      <c r="AA4606" s="85"/>
      <c r="AB4606" s="85"/>
      <c r="AC4606" s="85"/>
      <c r="AD4606" s="85"/>
      <c r="AE4606" s="85"/>
      <c r="AF4606" s="85"/>
      <c r="AG4606" s="86"/>
      <c r="AH4606" s="85"/>
      <c r="AI4606" s="85"/>
      <c r="AJ4606" s="85"/>
      <c r="AK4606" s="85"/>
      <c r="AL4606" s="85"/>
      <c r="AM4606" s="92"/>
      <c r="AN4606" s="92"/>
      <c r="AO4606" s="92"/>
      <c r="AP4606" s="92"/>
      <c r="AQ4606" s="92"/>
      <c r="AR4606" s="92"/>
      <c r="AS4606" s="92"/>
      <c r="AT4606" s="92"/>
      <c r="AU4606" s="92"/>
      <c r="AV4606" s="92"/>
      <c r="AW4606" s="92"/>
      <c r="AX4606" s="92"/>
      <c r="AY4606" s="92"/>
      <c r="AZ4606" s="93"/>
      <c r="BA4606" s="93"/>
      <c r="BB4606" s="93"/>
      <c r="BC4606" s="93"/>
      <c r="BD4606" s="93"/>
      <c r="BE4606" s="93"/>
      <c r="BF4606" s="93"/>
      <c r="BG4606" s="93"/>
      <c r="BH4606" s="93"/>
      <c r="BI4606" s="93"/>
      <c r="BJ4606" s="93"/>
      <c r="BK4606" s="93"/>
      <c r="BL4606" s="93"/>
    </row>
    <row r="4607" spans="2:64" x14ac:dyDescent="0.2">
      <c r="B4607" s="43"/>
      <c r="C4607" s="73"/>
      <c r="D4607" s="64"/>
      <c r="E4607" s="55"/>
      <c r="F4607" s="74"/>
      <c r="G4607" s="74"/>
      <c r="H4607" s="74"/>
      <c r="I4607" s="75"/>
      <c r="J4607" s="74"/>
      <c r="L4607" s="55"/>
      <c r="M4607" s="234"/>
      <c r="N4607" s="65"/>
      <c r="O4607" s="76"/>
      <c r="P4607" s="76"/>
      <c r="Q4607" s="65"/>
      <c r="R4607" s="76"/>
      <c r="S4607" s="76"/>
      <c r="T4607" s="76"/>
      <c r="U4607" s="76"/>
      <c r="V4607" s="76"/>
      <c r="W4607" s="76"/>
      <c r="X4607" s="76"/>
      <c r="Y4607" s="76"/>
      <c r="Z4607" s="76"/>
      <c r="AA4607" s="85"/>
      <c r="AB4607" s="85"/>
      <c r="AC4607" s="85"/>
      <c r="AD4607" s="85"/>
      <c r="AE4607" s="85"/>
      <c r="AF4607" s="85"/>
      <c r="AG4607" s="86"/>
      <c r="AH4607" s="85"/>
      <c r="AI4607" s="85"/>
      <c r="AJ4607" s="85"/>
      <c r="AK4607" s="85"/>
      <c r="AL4607" s="85"/>
      <c r="AM4607" s="92"/>
      <c r="AN4607" s="92"/>
      <c r="AO4607" s="92"/>
      <c r="AP4607" s="92"/>
      <c r="AQ4607" s="92"/>
      <c r="AR4607" s="92"/>
      <c r="AS4607" s="92"/>
      <c r="AT4607" s="92"/>
      <c r="AU4607" s="92"/>
      <c r="AV4607" s="92"/>
      <c r="AW4607" s="92"/>
      <c r="AX4607" s="92"/>
      <c r="AY4607" s="92"/>
      <c r="AZ4607" s="93"/>
      <c r="BA4607" s="93"/>
      <c r="BB4607" s="93"/>
      <c r="BC4607" s="93"/>
      <c r="BD4607" s="93"/>
      <c r="BE4607" s="93"/>
      <c r="BF4607" s="93"/>
      <c r="BG4607" s="93"/>
      <c r="BH4607" s="93"/>
      <c r="BI4607" s="93"/>
      <c r="BJ4607" s="93"/>
      <c r="BK4607" s="93"/>
      <c r="BL4607" s="93"/>
    </row>
    <row r="4608" spans="2:64" x14ac:dyDescent="0.2">
      <c r="B4608" s="43"/>
      <c r="C4608" s="73"/>
      <c r="D4608" s="64"/>
      <c r="E4608" s="55"/>
      <c r="F4608" s="74"/>
      <c r="G4608" s="74"/>
      <c r="H4608" s="74"/>
      <c r="I4608" s="75"/>
      <c r="J4608" s="74"/>
      <c r="L4608" s="55"/>
      <c r="M4608" s="234"/>
      <c r="N4608" s="65"/>
      <c r="O4608" s="76"/>
      <c r="P4608" s="76"/>
      <c r="Q4608" s="65"/>
      <c r="R4608" s="76"/>
      <c r="S4608" s="76"/>
      <c r="T4608" s="76"/>
      <c r="U4608" s="76"/>
      <c r="V4608" s="76"/>
      <c r="W4608" s="76"/>
      <c r="X4608" s="76"/>
      <c r="Y4608" s="76"/>
      <c r="Z4608" s="76"/>
      <c r="AA4608" s="85"/>
      <c r="AB4608" s="85"/>
      <c r="AC4608" s="85"/>
      <c r="AD4608" s="85"/>
      <c r="AE4608" s="85"/>
      <c r="AF4608" s="85"/>
      <c r="AG4608" s="86"/>
      <c r="AH4608" s="85"/>
      <c r="AI4608" s="85"/>
      <c r="AJ4608" s="85"/>
      <c r="AK4608" s="85"/>
      <c r="AL4608" s="85"/>
      <c r="AM4608" s="92"/>
      <c r="AN4608" s="92"/>
      <c r="AO4608" s="92"/>
      <c r="AP4608" s="92"/>
      <c r="AQ4608" s="92"/>
      <c r="AR4608" s="92"/>
      <c r="AS4608" s="92"/>
      <c r="AT4608" s="92"/>
      <c r="AU4608" s="92"/>
      <c r="AV4608" s="92"/>
      <c r="AW4608" s="92"/>
      <c r="AX4608" s="92"/>
      <c r="AY4608" s="92"/>
      <c r="AZ4608" s="93"/>
      <c r="BA4608" s="93"/>
      <c r="BB4608" s="93"/>
      <c r="BC4608" s="93"/>
      <c r="BD4608" s="93"/>
      <c r="BE4608" s="93"/>
      <c r="BF4608" s="93"/>
      <c r="BG4608" s="93"/>
      <c r="BH4608" s="93"/>
      <c r="BI4608" s="93"/>
      <c r="BJ4608" s="93"/>
      <c r="BK4608" s="93"/>
      <c r="BL4608" s="93"/>
    </row>
    <row r="4609" spans="2:64" x14ac:dyDescent="0.2">
      <c r="B4609" s="43"/>
      <c r="C4609" s="73"/>
      <c r="D4609" s="64"/>
      <c r="E4609" s="55"/>
      <c r="F4609" s="74"/>
      <c r="G4609" s="74"/>
      <c r="H4609" s="74"/>
      <c r="I4609" s="75"/>
      <c r="J4609" s="74"/>
      <c r="L4609" s="55"/>
      <c r="M4609" s="234"/>
      <c r="N4609" s="65"/>
      <c r="O4609" s="76"/>
      <c r="P4609" s="76"/>
      <c r="Q4609" s="65"/>
      <c r="R4609" s="76"/>
      <c r="S4609" s="76"/>
      <c r="T4609" s="76"/>
      <c r="U4609" s="76"/>
      <c r="V4609" s="76"/>
      <c r="W4609" s="76"/>
      <c r="X4609" s="76"/>
      <c r="Y4609" s="76"/>
      <c r="Z4609" s="76"/>
      <c r="AA4609" s="85"/>
      <c r="AB4609" s="85"/>
      <c r="AC4609" s="85"/>
      <c r="AD4609" s="85"/>
      <c r="AE4609" s="85"/>
      <c r="AF4609" s="85"/>
      <c r="AG4609" s="86"/>
      <c r="AH4609" s="85"/>
      <c r="AI4609" s="85"/>
      <c r="AJ4609" s="85"/>
      <c r="AK4609" s="85"/>
      <c r="AL4609" s="85"/>
      <c r="AM4609" s="92"/>
      <c r="AN4609" s="92"/>
      <c r="AO4609" s="92"/>
      <c r="AP4609" s="92"/>
      <c r="AQ4609" s="92"/>
      <c r="AR4609" s="92"/>
      <c r="AS4609" s="92"/>
      <c r="AT4609" s="92"/>
      <c r="AU4609" s="92"/>
      <c r="AV4609" s="92"/>
      <c r="AW4609" s="92"/>
      <c r="AX4609" s="92"/>
      <c r="AY4609" s="92"/>
      <c r="AZ4609" s="93"/>
      <c r="BA4609" s="93"/>
      <c r="BB4609" s="93"/>
      <c r="BC4609" s="93"/>
      <c r="BD4609" s="93"/>
      <c r="BE4609" s="93"/>
      <c r="BF4609" s="93"/>
      <c r="BG4609" s="93"/>
      <c r="BH4609" s="93"/>
      <c r="BI4609" s="93"/>
      <c r="BJ4609" s="93"/>
      <c r="BK4609" s="93"/>
      <c r="BL4609" s="93"/>
    </row>
    <row r="4610" spans="2:64" x14ac:dyDescent="0.2">
      <c r="B4610" s="43"/>
      <c r="C4610" s="73"/>
      <c r="D4610" s="64"/>
      <c r="E4610" s="55"/>
      <c r="F4610" s="74"/>
      <c r="G4610" s="74"/>
      <c r="H4610" s="74"/>
      <c r="I4610" s="75"/>
      <c r="J4610" s="74"/>
      <c r="L4610" s="55"/>
      <c r="M4610" s="234"/>
      <c r="N4610" s="65"/>
      <c r="O4610" s="76"/>
      <c r="P4610" s="76"/>
      <c r="Q4610" s="65"/>
      <c r="R4610" s="76"/>
      <c r="S4610" s="76"/>
      <c r="T4610" s="76"/>
      <c r="U4610" s="76"/>
      <c r="V4610" s="76"/>
      <c r="W4610" s="76"/>
      <c r="X4610" s="76"/>
      <c r="Y4610" s="76"/>
      <c r="Z4610" s="76"/>
      <c r="AA4610" s="85"/>
      <c r="AB4610" s="85"/>
      <c r="AC4610" s="85"/>
      <c r="AD4610" s="85"/>
      <c r="AE4610" s="85"/>
      <c r="AF4610" s="85"/>
      <c r="AG4610" s="86"/>
      <c r="AH4610" s="85"/>
      <c r="AI4610" s="85"/>
      <c r="AJ4610" s="85"/>
      <c r="AK4610" s="85"/>
      <c r="AL4610" s="85"/>
      <c r="AM4610" s="92"/>
      <c r="AN4610" s="92"/>
      <c r="AO4610" s="92"/>
      <c r="AP4610" s="92"/>
      <c r="AQ4610" s="92"/>
      <c r="AR4610" s="92"/>
      <c r="AS4610" s="92"/>
      <c r="AT4610" s="92"/>
      <c r="AU4610" s="92"/>
      <c r="AV4610" s="92"/>
      <c r="AW4610" s="92"/>
      <c r="AX4610" s="92"/>
      <c r="AY4610" s="92"/>
      <c r="AZ4610" s="93"/>
      <c r="BA4610" s="93"/>
      <c r="BB4610" s="93"/>
      <c r="BC4610" s="93"/>
      <c r="BD4610" s="93"/>
      <c r="BE4610" s="93"/>
      <c r="BF4610" s="93"/>
      <c r="BG4610" s="93"/>
      <c r="BH4610" s="93"/>
      <c r="BI4610" s="93"/>
      <c r="BJ4610" s="93"/>
      <c r="BK4610" s="93"/>
      <c r="BL4610" s="93"/>
    </row>
    <row r="4611" spans="2:64" x14ac:dyDescent="0.2">
      <c r="B4611" s="43"/>
      <c r="C4611" s="73"/>
      <c r="D4611" s="64"/>
      <c r="E4611" s="55"/>
      <c r="F4611" s="74"/>
      <c r="G4611" s="74"/>
      <c r="H4611" s="74"/>
      <c r="I4611" s="75"/>
      <c r="J4611" s="74"/>
      <c r="L4611" s="55"/>
      <c r="M4611" s="234"/>
      <c r="N4611" s="65"/>
      <c r="O4611" s="76"/>
      <c r="P4611" s="76"/>
      <c r="Q4611" s="65"/>
      <c r="R4611" s="76"/>
      <c r="S4611" s="76"/>
      <c r="T4611" s="76"/>
      <c r="U4611" s="76"/>
      <c r="V4611" s="76"/>
      <c r="W4611" s="76"/>
      <c r="X4611" s="76"/>
      <c r="Y4611" s="76"/>
      <c r="Z4611" s="76"/>
      <c r="AA4611" s="85"/>
      <c r="AB4611" s="85"/>
      <c r="AC4611" s="85"/>
      <c r="AD4611" s="85"/>
      <c r="AE4611" s="85"/>
      <c r="AF4611" s="85"/>
      <c r="AG4611" s="86"/>
      <c r="AH4611" s="85"/>
      <c r="AI4611" s="85"/>
      <c r="AJ4611" s="85"/>
      <c r="AK4611" s="85"/>
      <c r="AL4611" s="85"/>
      <c r="AM4611" s="92"/>
      <c r="AN4611" s="92"/>
      <c r="AO4611" s="92"/>
      <c r="AP4611" s="92"/>
      <c r="AQ4611" s="92"/>
      <c r="AR4611" s="92"/>
      <c r="AS4611" s="92"/>
      <c r="AT4611" s="92"/>
      <c r="AU4611" s="92"/>
      <c r="AV4611" s="92"/>
      <c r="AW4611" s="92"/>
      <c r="AX4611" s="92"/>
      <c r="AY4611" s="92"/>
      <c r="AZ4611" s="93"/>
      <c r="BA4611" s="93"/>
      <c r="BB4611" s="93"/>
      <c r="BC4611" s="93"/>
      <c r="BD4611" s="93"/>
      <c r="BE4611" s="93"/>
      <c r="BF4611" s="93"/>
      <c r="BG4611" s="93"/>
      <c r="BH4611" s="93"/>
      <c r="BI4611" s="93"/>
      <c r="BJ4611" s="93"/>
      <c r="BK4611" s="93"/>
      <c r="BL4611" s="93"/>
    </row>
    <row r="4612" spans="2:64" x14ac:dyDescent="0.2">
      <c r="B4612" s="43"/>
      <c r="C4612" s="73"/>
      <c r="D4612" s="64"/>
      <c r="E4612" s="55"/>
      <c r="F4612" s="74"/>
      <c r="G4612" s="74"/>
      <c r="H4612" s="74"/>
      <c r="I4612" s="75"/>
      <c r="J4612" s="74"/>
      <c r="L4612" s="55"/>
      <c r="M4612" s="234"/>
      <c r="N4612" s="65"/>
      <c r="O4612" s="76"/>
      <c r="P4612" s="76"/>
      <c r="Q4612" s="65"/>
      <c r="R4612" s="76"/>
      <c r="S4612" s="76"/>
      <c r="T4612" s="76"/>
      <c r="U4612" s="76"/>
      <c r="V4612" s="76"/>
      <c r="W4612" s="76"/>
      <c r="X4612" s="76"/>
      <c r="Y4612" s="76"/>
      <c r="Z4612" s="76"/>
      <c r="AA4612" s="85"/>
      <c r="AB4612" s="85"/>
      <c r="AC4612" s="85"/>
      <c r="AD4612" s="85"/>
      <c r="AE4612" s="85"/>
      <c r="AF4612" s="85"/>
      <c r="AG4612" s="86"/>
      <c r="AH4612" s="85"/>
      <c r="AI4612" s="85"/>
      <c r="AJ4612" s="85"/>
      <c r="AK4612" s="85"/>
      <c r="AL4612" s="85"/>
      <c r="AM4612" s="92"/>
      <c r="AN4612" s="92"/>
      <c r="AO4612" s="92"/>
      <c r="AP4612" s="92"/>
      <c r="AQ4612" s="92"/>
      <c r="AR4612" s="92"/>
      <c r="AS4612" s="92"/>
      <c r="AT4612" s="92"/>
      <c r="AU4612" s="92"/>
      <c r="AV4612" s="92"/>
      <c r="AW4612" s="92"/>
      <c r="AX4612" s="92"/>
      <c r="AY4612" s="92"/>
      <c r="AZ4612" s="93"/>
      <c r="BA4612" s="93"/>
      <c r="BB4612" s="93"/>
      <c r="BC4612" s="93"/>
      <c r="BD4612" s="93"/>
      <c r="BE4612" s="93"/>
      <c r="BF4612" s="93"/>
      <c r="BG4612" s="93"/>
      <c r="BH4612" s="93"/>
      <c r="BI4612" s="93"/>
      <c r="BJ4612" s="93"/>
      <c r="BK4612" s="93"/>
      <c r="BL4612" s="93"/>
    </row>
    <row r="4613" spans="2:64" x14ac:dyDescent="0.2">
      <c r="B4613" s="43"/>
      <c r="C4613" s="73"/>
      <c r="D4613" s="64"/>
      <c r="E4613" s="55"/>
      <c r="F4613" s="74"/>
      <c r="G4613" s="74"/>
      <c r="H4613" s="74"/>
      <c r="I4613" s="75"/>
      <c r="J4613" s="74"/>
      <c r="L4613" s="55"/>
      <c r="M4613" s="234"/>
      <c r="N4613" s="65"/>
      <c r="O4613" s="76"/>
      <c r="P4613" s="76"/>
      <c r="Q4613" s="65"/>
      <c r="R4613" s="76"/>
      <c r="S4613" s="76"/>
      <c r="T4613" s="76"/>
      <c r="U4613" s="76"/>
      <c r="V4613" s="76"/>
      <c r="W4613" s="76"/>
      <c r="X4613" s="76"/>
      <c r="Y4613" s="76"/>
      <c r="Z4613" s="76"/>
      <c r="AA4613" s="85"/>
      <c r="AB4613" s="85"/>
      <c r="AC4613" s="85"/>
      <c r="AD4613" s="85"/>
      <c r="AE4613" s="85"/>
      <c r="AF4613" s="85"/>
      <c r="AG4613" s="86"/>
      <c r="AH4613" s="85"/>
      <c r="AI4613" s="85"/>
      <c r="AJ4613" s="85"/>
      <c r="AK4613" s="85"/>
      <c r="AL4613" s="85"/>
      <c r="AM4613" s="92"/>
      <c r="AN4613" s="92"/>
      <c r="AO4613" s="92"/>
      <c r="AP4613" s="92"/>
      <c r="AQ4613" s="92"/>
      <c r="AR4613" s="92"/>
      <c r="AS4613" s="92"/>
      <c r="AT4613" s="92"/>
      <c r="AU4613" s="92"/>
      <c r="AV4613" s="92"/>
      <c r="AW4613" s="92"/>
      <c r="AX4613" s="92"/>
      <c r="AY4613" s="92"/>
      <c r="AZ4613" s="93"/>
      <c r="BA4613" s="93"/>
      <c r="BB4613" s="93"/>
      <c r="BC4613" s="93"/>
      <c r="BD4613" s="93"/>
      <c r="BE4613" s="93"/>
      <c r="BF4613" s="93"/>
      <c r="BG4613" s="93"/>
      <c r="BH4613" s="93"/>
      <c r="BI4613" s="93"/>
      <c r="BJ4613" s="93"/>
      <c r="BK4613" s="93"/>
      <c r="BL4613" s="93"/>
    </row>
    <row r="4614" spans="2:64" x14ac:dyDescent="0.2">
      <c r="B4614" s="43"/>
      <c r="C4614" s="73"/>
      <c r="D4614" s="64"/>
      <c r="E4614" s="55"/>
      <c r="F4614" s="74"/>
      <c r="G4614" s="74"/>
      <c r="H4614" s="74"/>
      <c r="I4614" s="75"/>
      <c r="J4614" s="74"/>
      <c r="L4614" s="55"/>
      <c r="M4614" s="234"/>
      <c r="N4614" s="65"/>
      <c r="O4614" s="76"/>
      <c r="P4614" s="76"/>
      <c r="Q4614" s="65"/>
      <c r="R4614" s="76"/>
      <c r="S4614" s="76"/>
      <c r="T4614" s="76"/>
      <c r="U4614" s="76"/>
      <c r="V4614" s="76"/>
      <c r="W4614" s="76"/>
      <c r="X4614" s="76"/>
      <c r="Y4614" s="76"/>
      <c r="Z4614" s="76"/>
      <c r="AA4614" s="85"/>
      <c r="AB4614" s="85"/>
      <c r="AC4614" s="85"/>
      <c r="AD4614" s="85"/>
      <c r="AE4614" s="85"/>
      <c r="AF4614" s="85"/>
      <c r="AG4614" s="86"/>
      <c r="AH4614" s="85"/>
      <c r="AI4614" s="85"/>
      <c r="AJ4614" s="85"/>
      <c r="AK4614" s="85"/>
      <c r="AL4614" s="85"/>
      <c r="AM4614" s="92"/>
      <c r="AN4614" s="92"/>
      <c r="AO4614" s="92"/>
      <c r="AP4614" s="92"/>
      <c r="AQ4614" s="92"/>
      <c r="AR4614" s="92"/>
      <c r="AS4614" s="92"/>
      <c r="AT4614" s="92"/>
      <c r="AU4614" s="92"/>
      <c r="AV4614" s="92"/>
      <c r="AW4614" s="92"/>
      <c r="AX4614" s="92"/>
      <c r="AY4614" s="92"/>
      <c r="AZ4614" s="93"/>
      <c r="BA4614" s="93"/>
      <c r="BB4614" s="93"/>
      <c r="BC4614" s="93"/>
      <c r="BD4614" s="93"/>
      <c r="BE4614" s="93"/>
      <c r="BF4614" s="93"/>
      <c r="BG4614" s="93"/>
      <c r="BH4614" s="93"/>
      <c r="BI4614" s="93"/>
      <c r="BJ4614" s="93"/>
      <c r="BK4614" s="93"/>
      <c r="BL4614" s="93"/>
    </row>
    <row r="4615" spans="2:64" x14ac:dyDescent="0.2">
      <c r="B4615" s="43"/>
      <c r="C4615" s="73"/>
      <c r="D4615" s="64"/>
      <c r="E4615" s="55"/>
      <c r="F4615" s="74"/>
      <c r="G4615" s="74"/>
      <c r="H4615" s="74"/>
      <c r="I4615" s="75"/>
      <c r="J4615" s="74"/>
      <c r="L4615" s="55"/>
      <c r="M4615" s="234"/>
      <c r="N4615" s="65"/>
      <c r="O4615" s="76"/>
      <c r="P4615" s="76"/>
      <c r="Q4615" s="65"/>
      <c r="R4615" s="76"/>
      <c r="S4615" s="76"/>
      <c r="T4615" s="76"/>
      <c r="U4615" s="76"/>
      <c r="V4615" s="76"/>
      <c r="W4615" s="76"/>
      <c r="X4615" s="76"/>
      <c r="Y4615" s="76"/>
      <c r="Z4615" s="76"/>
      <c r="AA4615" s="85"/>
      <c r="AB4615" s="85"/>
      <c r="AC4615" s="85"/>
      <c r="AD4615" s="85"/>
      <c r="AE4615" s="85"/>
      <c r="AF4615" s="85"/>
      <c r="AG4615" s="86"/>
      <c r="AH4615" s="85"/>
      <c r="AI4615" s="85"/>
      <c r="AJ4615" s="85"/>
      <c r="AK4615" s="85"/>
      <c r="AL4615" s="85"/>
      <c r="AM4615" s="92"/>
      <c r="AN4615" s="92"/>
      <c r="AO4615" s="92"/>
      <c r="AP4615" s="92"/>
      <c r="AQ4615" s="92"/>
      <c r="AR4615" s="92"/>
      <c r="AS4615" s="92"/>
      <c r="AT4615" s="92"/>
      <c r="AU4615" s="92"/>
      <c r="AV4615" s="92"/>
      <c r="AW4615" s="92"/>
      <c r="AX4615" s="92"/>
      <c r="AY4615" s="92"/>
      <c r="AZ4615" s="93"/>
      <c r="BA4615" s="93"/>
      <c r="BB4615" s="93"/>
      <c r="BC4615" s="93"/>
      <c r="BD4615" s="93"/>
      <c r="BE4615" s="93"/>
      <c r="BF4615" s="93"/>
      <c r="BG4615" s="93"/>
      <c r="BH4615" s="93"/>
      <c r="BI4615" s="93"/>
      <c r="BJ4615" s="93"/>
      <c r="BK4615" s="93"/>
      <c r="BL4615" s="93"/>
    </row>
    <row r="4616" spans="2:64" x14ac:dyDescent="0.2">
      <c r="B4616" s="43"/>
      <c r="C4616" s="73"/>
      <c r="D4616" s="64"/>
      <c r="E4616" s="55"/>
      <c r="F4616" s="74"/>
      <c r="G4616" s="74"/>
      <c r="H4616" s="74"/>
      <c r="I4616" s="75"/>
      <c r="J4616" s="74"/>
      <c r="L4616" s="55"/>
      <c r="M4616" s="234"/>
      <c r="N4616" s="65"/>
      <c r="O4616" s="76"/>
      <c r="P4616" s="76"/>
      <c r="Q4616" s="65"/>
      <c r="R4616" s="76"/>
      <c r="S4616" s="76"/>
      <c r="T4616" s="76"/>
      <c r="U4616" s="76"/>
      <c r="V4616" s="76"/>
      <c r="W4616" s="76"/>
      <c r="X4616" s="76"/>
      <c r="Y4616" s="76"/>
      <c r="Z4616" s="76"/>
      <c r="AA4616" s="85"/>
      <c r="AB4616" s="85"/>
      <c r="AC4616" s="85"/>
      <c r="AD4616" s="85"/>
      <c r="AE4616" s="85"/>
      <c r="AF4616" s="85"/>
      <c r="AG4616" s="86"/>
      <c r="AH4616" s="85"/>
      <c r="AI4616" s="85"/>
      <c r="AJ4616" s="85"/>
      <c r="AK4616" s="85"/>
      <c r="AL4616" s="85"/>
      <c r="AM4616" s="92"/>
      <c r="AN4616" s="92"/>
      <c r="AO4616" s="92"/>
      <c r="AP4616" s="92"/>
      <c r="AQ4616" s="92"/>
      <c r="AR4616" s="92"/>
      <c r="AS4616" s="92"/>
      <c r="AT4616" s="92"/>
      <c r="AU4616" s="92"/>
      <c r="AV4616" s="92"/>
      <c r="AW4616" s="92"/>
      <c r="AX4616" s="92"/>
      <c r="AY4616" s="92"/>
      <c r="AZ4616" s="93"/>
      <c r="BA4616" s="93"/>
      <c r="BB4616" s="93"/>
      <c r="BC4616" s="93"/>
      <c r="BD4616" s="93"/>
      <c r="BE4616" s="93"/>
      <c r="BF4616" s="93"/>
      <c r="BG4616" s="93"/>
      <c r="BH4616" s="93"/>
      <c r="BI4616" s="93"/>
      <c r="BJ4616" s="93"/>
      <c r="BK4616" s="93"/>
      <c r="BL4616" s="93"/>
    </row>
    <row r="4617" spans="2:64" x14ac:dyDescent="0.2">
      <c r="B4617" s="43"/>
      <c r="C4617" s="73"/>
      <c r="D4617" s="64"/>
      <c r="E4617" s="55"/>
      <c r="F4617" s="74"/>
      <c r="G4617" s="74"/>
      <c r="H4617" s="74"/>
      <c r="I4617" s="75"/>
      <c r="J4617" s="74"/>
      <c r="L4617" s="55"/>
      <c r="M4617" s="234"/>
      <c r="N4617" s="65"/>
      <c r="O4617" s="76"/>
      <c r="P4617" s="76"/>
      <c r="Q4617" s="65"/>
      <c r="R4617" s="76"/>
      <c r="S4617" s="76"/>
      <c r="T4617" s="76"/>
      <c r="U4617" s="76"/>
      <c r="V4617" s="76"/>
      <c r="W4617" s="76"/>
      <c r="X4617" s="76"/>
      <c r="Y4617" s="76"/>
      <c r="Z4617" s="76"/>
      <c r="AA4617" s="85"/>
      <c r="AB4617" s="85"/>
      <c r="AC4617" s="85"/>
      <c r="AD4617" s="85"/>
      <c r="AE4617" s="85"/>
      <c r="AF4617" s="85"/>
      <c r="AG4617" s="86"/>
      <c r="AH4617" s="85"/>
      <c r="AI4617" s="85"/>
      <c r="AJ4617" s="85"/>
      <c r="AK4617" s="85"/>
      <c r="AL4617" s="85"/>
      <c r="AM4617" s="92"/>
      <c r="AN4617" s="92"/>
      <c r="AO4617" s="92"/>
      <c r="AP4617" s="92"/>
      <c r="AQ4617" s="92"/>
      <c r="AR4617" s="92"/>
      <c r="AS4617" s="92"/>
      <c r="AT4617" s="92"/>
      <c r="AU4617" s="92"/>
      <c r="AV4617" s="92"/>
      <c r="AW4617" s="92"/>
      <c r="AX4617" s="92"/>
      <c r="AY4617" s="92"/>
      <c r="AZ4617" s="93"/>
      <c r="BA4617" s="93"/>
      <c r="BB4617" s="93"/>
      <c r="BC4617" s="93"/>
      <c r="BD4617" s="93"/>
      <c r="BE4617" s="93"/>
      <c r="BF4617" s="93"/>
      <c r="BG4617" s="93"/>
      <c r="BH4617" s="93"/>
      <c r="BI4617" s="93"/>
      <c r="BJ4617" s="93"/>
      <c r="BK4617" s="93"/>
      <c r="BL4617" s="93"/>
    </row>
    <row r="4618" spans="2:64" x14ac:dyDescent="0.2">
      <c r="B4618" s="43"/>
      <c r="C4618" s="73"/>
      <c r="D4618" s="64"/>
      <c r="E4618" s="55"/>
      <c r="F4618" s="74"/>
      <c r="G4618" s="74"/>
      <c r="H4618" s="74"/>
      <c r="I4618" s="75"/>
      <c r="J4618" s="74"/>
      <c r="L4618" s="55"/>
      <c r="M4618" s="234"/>
      <c r="N4618" s="65"/>
      <c r="O4618" s="76"/>
      <c r="P4618" s="76"/>
      <c r="Q4618" s="65"/>
      <c r="R4618" s="76"/>
      <c r="S4618" s="76"/>
      <c r="T4618" s="76"/>
      <c r="U4618" s="76"/>
      <c r="V4618" s="76"/>
      <c r="W4618" s="76"/>
      <c r="X4618" s="76"/>
      <c r="Y4618" s="76"/>
      <c r="Z4618" s="76"/>
      <c r="AA4618" s="85"/>
      <c r="AB4618" s="85"/>
      <c r="AC4618" s="85"/>
      <c r="AD4618" s="85"/>
      <c r="AE4618" s="85"/>
      <c r="AF4618" s="85"/>
      <c r="AG4618" s="86"/>
      <c r="AH4618" s="85"/>
      <c r="AI4618" s="85"/>
      <c r="AJ4618" s="85"/>
      <c r="AK4618" s="85"/>
      <c r="AL4618" s="85"/>
      <c r="AM4618" s="92"/>
      <c r="AN4618" s="92"/>
      <c r="AO4618" s="92"/>
      <c r="AP4618" s="92"/>
      <c r="AQ4618" s="92"/>
      <c r="AR4618" s="92"/>
      <c r="AS4618" s="92"/>
      <c r="AT4618" s="92"/>
      <c r="AU4618" s="92"/>
      <c r="AV4618" s="92"/>
      <c r="AW4618" s="92"/>
      <c r="AX4618" s="92"/>
      <c r="AY4618" s="92"/>
      <c r="AZ4618" s="93"/>
      <c r="BA4618" s="93"/>
      <c r="BB4618" s="93"/>
      <c r="BC4618" s="93"/>
      <c r="BD4618" s="93"/>
      <c r="BE4618" s="93"/>
      <c r="BF4618" s="93"/>
      <c r="BG4618" s="93"/>
      <c r="BH4618" s="93"/>
      <c r="BI4618" s="93"/>
      <c r="BJ4618" s="93"/>
      <c r="BK4618" s="93"/>
      <c r="BL4618" s="93"/>
    </row>
    <row r="4619" spans="2:64" x14ac:dyDescent="0.2">
      <c r="B4619" s="43"/>
      <c r="C4619" s="73"/>
      <c r="D4619" s="64"/>
      <c r="E4619" s="55"/>
      <c r="F4619" s="74"/>
      <c r="G4619" s="74"/>
      <c r="H4619" s="74"/>
      <c r="I4619" s="75"/>
      <c r="J4619" s="74"/>
      <c r="L4619" s="55"/>
      <c r="M4619" s="234"/>
      <c r="N4619" s="65"/>
      <c r="O4619" s="76"/>
      <c r="P4619" s="76"/>
      <c r="Q4619" s="65"/>
      <c r="R4619" s="76"/>
      <c r="S4619" s="76"/>
      <c r="T4619" s="76"/>
      <c r="U4619" s="76"/>
      <c r="V4619" s="76"/>
      <c r="W4619" s="76"/>
      <c r="X4619" s="76"/>
      <c r="Y4619" s="76"/>
      <c r="Z4619" s="76"/>
      <c r="AA4619" s="85"/>
      <c r="AB4619" s="85"/>
      <c r="AC4619" s="85"/>
      <c r="AD4619" s="85"/>
      <c r="AE4619" s="85"/>
      <c r="AF4619" s="85"/>
      <c r="AG4619" s="86"/>
      <c r="AH4619" s="85"/>
      <c r="AI4619" s="85"/>
      <c r="AJ4619" s="85"/>
      <c r="AK4619" s="85"/>
      <c r="AL4619" s="85"/>
      <c r="AM4619" s="92"/>
      <c r="AN4619" s="92"/>
      <c r="AO4619" s="92"/>
      <c r="AP4619" s="92"/>
      <c r="AQ4619" s="92"/>
      <c r="AR4619" s="92"/>
      <c r="AS4619" s="92"/>
      <c r="AT4619" s="92"/>
      <c r="AU4619" s="92"/>
      <c r="AV4619" s="92"/>
      <c r="AW4619" s="92"/>
      <c r="AX4619" s="92"/>
      <c r="AY4619" s="92"/>
      <c r="AZ4619" s="93"/>
      <c r="BA4619" s="93"/>
      <c r="BB4619" s="93"/>
      <c r="BC4619" s="93"/>
      <c r="BD4619" s="93"/>
      <c r="BE4619" s="93"/>
      <c r="BF4619" s="93"/>
      <c r="BG4619" s="93"/>
      <c r="BH4619" s="93"/>
      <c r="BI4619" s="93"/>
      <c r="BJ4619" s="93"/>
      <c r="BK4619" s="93"/>
      <c r="BL4619" s="93"/>
    </row>
    <row r="4620" spans="2:64" x14ac:dyDescent="0.2">
      <c r="B4620" s="43"/>
      <c r="C4620" s="73"/>
      <c r="D4620" s="64"/>
      <c r="E4620" s="55"/>
      <c r="F4620" s="74"/>
      <c r="G4620" s="74"/>
      <c r="H4620" s="74"/>
      <c r="I4620" s="75"/>
      <c r="J4620" s="74"/>
      <c r="L4620" s="55"/>
      <c r="M4620" s="234"/>
      <c r="N4620" s="65"/>
      <c r="O4620" s="76"/>
      <c r="P4620" s="76"/>
      <c r="Q4620" s="65"/>
      <c r="R4620" s="76"/>
      <c r="S4620" s="76"/>
      <c r="T4620" s="76"/>
      <c r="U4620" s="76"/>
      <c r="V4620" s="76"/>
      <c r="W4620" s="76"/>
      <c r="X4620" s="76"/>
      <c r="Y4620" s="76"/>
      <c r="Z4620" s="76"/>
      <c r="AA4620" s="85"/>
      <c r="AB4620" s="85"/>
      <c r="AC4620" s="85"/>
      <c r="AD4620" s="85"/>
      <c r="AE4620" s="85"/>
      <c r="AF4620" s="85"/>
      <c r="AG4620" s="86"/>
      <c r="AH4620" s="85"/>
      <c r="AI4620" s="85"/>
      <c r="AJ4620" s="85"/>
      <c r="AK4620" s="85"/>
      <c r="AL4620" s="85"/>
      <c r="AM4620" s="92"/>
      <c r="AN4620" s="92"/>
      <c r="AO4620" s="92"/>
      <c r="AP4620" s="92"/>
      <c r="AQ4620" s="92"/>
      <c r="AR4620" s="92"/>
      <c r="AS4620" s="92"/>
      <c r="AT4620" s="92"/>
      <c r="AU4620" s="92"/>
      <c r="AV4620" s="92"/>
      <c r="AW4620" s="92"/>
      <c r="AX4620" s="92"/>
      <c r="AY4620" s="92"/>
      <c r="AZ4620" s="93"/>
      <c r="BA4620" s="93"/>
      <c r="BB4620" s="93"/>
      <c r="BC4620" s="93"/>
      <c r="BD4620" s="93"/>
      <c r="BE4620" s="93"/>
      <c r="BF4620" s="93"/>
      <c r="BG4620" s="93"/>
      <c r="BH4620" s="93"/>
      <c r="BI4620" s="93"/>
      <c r="BJ4620" s="93"/>
      <c r="BK4620" s="93"/>
      <c r="BL4620" s="93"/>
    </row>
    <row r="4621" spans="2:64" x14ac:dyDescent="0.2">
      <c r="B4621" s="43"/>
      <c r="C4621" s="73"/>
      <c r="D4621" s="64"/>
      <c r="E4621" s="55"/>
      <c r="F4621" s="74"/>
      <c r="G4621" s="74"/>
      <c r="H4621" s="74"/>
      <c r="I4621" s="75"/>
      <c r="J4621" s="74"/>
      <c r="L4621" s="55"/>
      <c r="M4621" s="234"/>
      <c r="N4621" s="65"/>
      <c r="O4621" s="76"/>
      <c r="P4621" s="76"/>
      <c r="Q4621" s="65"/>
      <c r="R4621" s="76"/>
      <c r="S4621" s="76"/>
      <c r="T4621" s="76"/>
      <c r="U4621" s="76"/>
      <c r="V4621" s="76"/>
      <c r="W4621" s="76"/>
      <c r="X4621" s="76"/>
      <c r="Y4621" s="76"/>
      <c r="Z4621" s="76"/>
      <c r="AA4621" s="85"/>
      <c r="AB4621" s="85"/>
      <c r="AC4621" s="85"/>
      <c r="AD4621" s="85"/>
      <c r="AE4621" s="85"/>
      <c r="AF4621" s="85"/>
      <c r="AG4621" s="86"/>
      <c r="AH4621" s="85"/>
      <c r="AI4621" s="85"/>
      <c r="AJ4621" s="85"/>
      <c r="AK4621" s="85"/>
      <c r="AL4621" s="85"/>
      <c r="AM4621" s="92"/>
      <c r="AN4621" s="92"/>
      <c r="AO4621" s="92"/>
      <c r="AP4621" s="92"/>
      <c r="AQ4621" s="92"/>
      <c r="AR4621" s="92"/>
      <c r="AS4621" s="92"/>
      <c r="AT4621" s="92"/>
      <c r="AU4621" s="92"/>
      <c r="AV4621" s="92"/>
      <c r="AW4621" s="92"/>
      <c r="AX4621" s="92"/>
      <c r="AY4621" s="92"/>
      <c r="AZ4621" s="93"/>
      <c r="BA4621" s="93"/>
      <c r="BB4621" s="93"/>
      <c r="BC4621" s="93"/>
      <c r="BD4621" s="93"/>
      <c r="BE4621" s="93"/>
      <c r="BF4621" s="93"/>
      <c r="BG4621" s="93"/>
      <c r="BH4621" s="93"/>
      <c r="BI4621" s="93"/>
      <c r="BJ4621" s="93"/>
      <c r="BK4621" s="93"/>
      <c r="BL4621" s="93"/>
    </row>
    <row r="4622" spans="2:64" x14ac:dyDescent="0.2">
      <c r="B4622" s="43"/>
      <c r="C4622" s="73"/>
      <c r="D4622" s="64"/>
      <c r="E4622" s="55"/>
      <c r="F4622" s="74"/>
      <c r="G4622" s="74"/>
      <c r="H4622" s="74"/>
      <c r="I4622" s="75"/>
      <c r="J4622" s="74"/>
      <c r="L4622" s="55"/>
      <c r="M4622" s="234"/>
      <c r="N4622" s="65"/>
      <c r="O4622" s="76"/>
      <c r="P4622" s="76"/>
      <c r="Q4622" s="65"/>
      <c r="R4622" s="76"/>
      <c r="S4622" s="76"/>
      <c r="T4622" s="76"/>
      <c r="U4622" s="76"/>
      <c r="V4622" s="76"/>
      <c r="W4622" s="76"/>
      <c r="X4622" s="76"/>
      <c r="Y4622" s="76"/>
      <c r="Z4622" s="76"/>
      <c r="AA4622" s="85"/>
      <c r="AB4622" s="85"/>
      <c r="AC4622" s="85"/>
      <c r="AD4622" s="85"/>
      <c r="AE4622" s="85"/>
      <c r="AF4622" s="85"/>
      <c r="AG4622" s="86"/>
      <c r="AH4622" s="85"/>
      <c r="AI4622" s="85"/>
      <c r="AJ4622" s="85"/>
      <c r="AK4622" s="85"/>
      <c r="AL4622" s="85"/>
      <c r="AM4622" s="92"/>
      <c r="AN4622" s="92"/>
      <c r="AO4622" s="92"/>
      <c r="AP4622" s="92"/>
      <c r="AQ4622" s="92"/>
      <c r="AR4622" s="92"/>
      <c r="AS4622" s="92"/>
      <c r="AT4622" s="92"/>
      <c r="AU4622" s="92"/>
      <c r="AV4622" s="92"/>
      <c r="AW4622" s="92"/>
      <c r="AX4622" s="92"/>
      <c r="AY4622" s="92"/>
      <c r="AZ4622" s="93"/>
      <c r="BA4622" s="93"/>
      <c r="BB4622" s="93"/>
      <c r="BC4622" s="93"/>
      <c r="BD4622" s="93"/>
      <c r="BE4622" s="93"/>
      <c r="BF4622" s="93"/>
      <c r="BG4622" s="93"/>
      <c r="BH4622" s="93"/>
      <c r="BI4622" s="93"/>
      <c r="BJ4622" s="93"/>
      <c r="BK4622" s="93"/>
      <c r="BL4622" s="93"/>
    </row>
    <row r="4623" spans="2:64" x14ac:dyDescent="0.2">
      <c r="B4623" s="43"/>
      <c r="C4623" s="73"/>
      <c r="D4623" s="64"/>
      <c r="E4623" s="55"/>
      <c r="F4623" s="74"/>
      <c r="G4623" s="74"/>
      <c r="H4623" s="74"/>
      <c r="I4623" s="75"/>
      <c r="J4623" s="74"/>
      <c r="L4623" s="55"/>
      <c r="M4623" s="234"/>
      <c r="N4623" s="65"/>
      <c r="O4623" s="76"/>
      <c r="P4623" s="76"/>
      <c r="Q4623" s="65"/>
      <c r="R4623" s="76"/>
      <c r="S4623" s="76"/>
      <c r="T4623" s="76"/>
      <c r="U4623" s="76"/>
      <c r="V4623" s="76"/>
      <c r="W4623" s="76"/>
      <c r="X4623" s="76"/>
      <c r="Y4623" s="76"/>
      <c r="Z4623" s="76"/>
      <c r="AA4623" s="85"/>
      <c r="AB4623" s="85"/>
      <c r="AC4623" s="85"/>
      <c r="AD4623" s="85"/>
      <c r="AE4623" s="85"/>
      <c r="AF4623" s="85"/>
      <c r="AG4623" s="86"/>
      <c r="AH4623" s="85"/>
      <c r="AI4623" s="85"/>
      <c r="AJ4623" s="85"/>
      <c r="AK4623" s="85"/>
      <c r="AL4623" s="85"/>
      <c r="AM4623" s="92"/>
      <c r="AN4623" s="92"/>
      <c r="AO4623" s="92"/>
      <c r="AP4623" s="92"/>
      <c r="AQ4623" s="92"/>
      <c r="AR4623" s="92"/>
      <c r="AS4623" s="92"/>
      <c r="AT4623" s="92"/>
      <c r="AU4623" s="92"/>
      <c r="AV4623" s="92"/>
      <c r="AW4623" s="92"/>
      <c r="AX4623" s="92"/>
      <c r="AY4623" s="92"/>
      <c r="AZ4623" s="93"/>
      <c r="BA4623" s="93"/>
      <c r="BB4623" s="93"/>
      <c r="BC4623" s="93"/>
      <c r="BD4623" s="93"/>
      <c r="BE4623" s="93"/>
      <c r="BF4623" s="93"/>
      <c r="BG4623" s="93"/>
      <c r="BH4623" s="93"/>
      <c r="BI4623" s="93"/>
      <c r="BJ4623" s="93"/>
      <c r="BK4623" s="93"/>
      <c r="BL4623" s="93"/>
    </row>
    <row r="4624" spans="2:64" x14ac:dyDescent="0.2">
      <c r="B4624" s="43"/>
      <c r="C4624" s="73"/>
      <c r="D4624" s="64"/>
      <c r="E4624" s="55"/>
      <c r="F4624" s="74"/>
      <c r="G4624" s="74"/>
      <c r="H4624" s="74"/>
      <c r="I4624" s="75"/>
      <c r="J4624" s="74"/>
      <c r="L4624" s="55"/>
      <c r="M4624" s="234"/>
      <c r="N4624" s="65"/>
      <c r="O4624" s="76"/>
      <c r="P4624" s="76"/>
      <c r="Q4624" s="65"/>
      <c r="R4624" s="76"/>
      <c r="S4624" s="76"/>
      <c r="T4624" s="76"/>
      <c r="U4624" s="76"/>
      <c r="V4624" s="76"/>
      <c r="W4624" s="76"/>
      <c r="X4624" s="76"/>
      <c r="Y4624" s="76"/>
      <c r="Z4624" s="76"/>
      <c r="AA4624" s="85"/>
      <c r="AB4624" s="85"/>
      <c r="AC4624" s="85"/>
      <c r="AD4624" s="85"/>
      <c r="AE4624" s="85"/>
      <c r="AF4624" s="85"/>
      <c r="AG4624" s="86"/>
      <c r="AH4624" s="85"/>
      <c r="AI4624" s="85"/>
      <c r="AJ4624" s="85"/>
      <c r="AK4624" s="85"/>
      <c r="AL4624" s="85"/>
      <c r="AM4624" s="92"/>
      <c r="AN4624" s="92"/>
      <c r="AO4624" s="92"/>
      <c r="AP4624" s="92"/>
      <c r="AQ4624" s="92"/>
      <c r="AR4624" s="92"/>
      <c r="AS4624" s="92"/>
      <c r="AT4624" s="92"/>
      <c r="AU4624" s="92"/>
      <c r="AV4624" s="92"/>
      <c r="AW4624" s="92"/>
      <c r="AX4624" s="92"/>
      <c r="AY4624" s="92"/>
      <c r="AZ4624" s="93"/>
      <c r="BA4624" s="93"/>
      <c r="BB4624" s="93"/>
      <c r="BC4624" s="93"/>
      <c r="BD4624" s="93"/>
      <c r="BE4624" s="93"/>
      <c r="BF4624" s="93"/>
      <c r="BG4624" s="93"/>
      <c r="BH4624" s="93"/>
      <c r="BI4624" s="93"/>
      <c r="BJ4624" s="93"/>
      <c r="BK4624" s="93"/>
      <c r="BL4624" s="93"/>
    </row>
    <row r="4625" spans="2:64" x14ac:dyDescent="0.2">
      <c r="B4625" s="43"/>
      <c r="C4625" s="73"/>
      <c r="D4625" s="64"/>
      <c r="E4625" s="55"/>
      <c r="F4625" s="74"/>
      <c r="G4625" s="74"/>
      <c r="H4625" s="74"/>
      <c r="I4625" s="75"/>
      <c r="J4625" s="74"/>
      <c r="L4625" s="55"/>
      <c r="M4625" s="234"/>
      <c r="N4625" s="65"/>
      <c r="O4625" s="76"/>
      <c r="P4625" s="76"/>
      <c r="Q4625" s="65"/>
      <c r="R4625" s="76"/>
      <c r="S4625" s="76"/>
      <c r="T4625" s="76"/>
      <c r="U4625" s="76"/>
      <c r="V4625" s="76"/>
      <c r="W4625" s="76"/>
      <c r="X4625" s="76"/>
      <c r="Y4625" s="76"/>
      <c r="Z4625" s="76"/>
      <c r="AA4625" s="85"/>
      <c r="AB4625" s="85"/>
      <c r="AC4625" s="85"/>
      <c r="AD4625" s="85"/>
      <c r="AE4625" s="85"/>
      <c r="AF4625" s="85"/>
      <c r="AG4625" s="86"/>
      <c r="AH4625" s="85"/>
      <c r="AI4625" s="85"/>
      <c r="AJ4625" s="85"/>
      <c r="AK4625" s="85"/>
      <c r="AL4625" s="85"/>
      <c r="AM4625" s="92"/>
      <c r="AN4625" s="92"/>
      <c r="AO4625" s="92"/>
      <c r="AP4625" s="92"/>
      <c r="AQ4625" s="92"/>
      <c r="AR4625" s="92"/>
      <c r="AS4625" s="92"/>
      <c r="AT4625" s="92"/>
      <c r="AU4625" s="92"/>
      <c r="AV4625" s="92"/>
      <c r="AW4625" s="92"/>
      <c r="AX4625" s="92"/>
      <c r="AY4625" s="92"/>
      <c r="AZ4625" s="93"/>
      <c r="BA4625" s="93"/>
      <c r="BB4625" s="93"/>
      <c r="BC4625" s="93"/>
      <c r="BD4625" s="93"/>
      <c r="BE4625" s="93"/>
      <c r="BF4625" s="93"/>
      <c r="BG4625" s="93"/>
      <c r="BH4625" s="93"/>
      <c r="BI4625" s="93"/>
      <c r="BJ4625" s="93"/>
      <c r="BK4625" s="93"/>
      <c r="BL4625" s="93"/>
    </row>
    <row r="4626" spans="2:64" x14ac:dyDescent="0.2">
      <c r="B4626" s="43"/>
      <c r="C4626" s="73"/>
      <c r="D4626" s="64"/>
      <c r="E4626" s="55"/>
      <c r="F4626" s="74"/>
      <c r="G4626" s="74"/>
      <c r="H4626" s="74"/>
      <c r="I4626" s="75"/>
      <c r="J4626" s="74"/>
      <c r="L4626" s="55"/>
      <c r="M4626" s="234"/>
      <c r="N4626" s="65"/>
      <c r="O4626" s="76"/>
      <c r="P4626" s="76"/>
      <c r="Q4626" s="65"/>
      <c r="R4626" s="76"/>
      <c r="S4626" s="76"/>
      <c r="T4626" s="76"/>
      <c r="U4626" s="76"/>
      <c r="V4626" s="76"/>
      <c r="W4626" s="76"/>
      <c r="X4626" s="76"/>
      <c r="Y4626" s="76"/>
      <c r="Z4626" s="76"/>
      <c r="AA4626" s="85"/>
      <c r="AB4626" s="85"/>
      <c r="AC4626" s="85"/>
      <c r="AD4626" s="85"/>
      <c r="AE4626" s="85"/>
      <c r="AF4626" s="85"/>
      <c r="AG4626" s="86"/>
      <c r="AH4626" s="85"/>
      <c r="AI4626" s="85"/>
      <c r="AJ4626" s="85"/>
      <c r="AK4626" s="85"/>
      <c r="AL4626" s="85"/>
      <c r="AM4626" s="92"/>
      <c r="AN4626" s="92"/>
      <c r="AO4626" s="92"/>
      <c r="AP4626" s="92"/>
      <c r="AQ4626" s="92"/>
      <c r="AR4626" s="92"/>
      <c r="AS4626" s="92"/>
      <c r="AT4626" s="92"/>
      <c r="AU4626" s="92"/>
      <c r="AV4626" s="92"/>
      <c r="AW4626" s="92"/>
      <c r="AX4626" s="92"/>
      <c r="AY4626" s="92"/>
      <c r="AZ4626" s="93"/>
      <c r="BA4626" s="93"/>
      <c r="BB4626" s="93"/>
      <c r="BC4626" s="93"/>
      <c r="BD4626" s="93"/>
      <c r="BE4626" s="93"/>
      <c r="BF4626" s="93"/>
      <c r="BG4626" s="93"/>
      <c r="BH4626" s="93"/>
      <c r="BI4626" s="93"/>
      <c r="BJ4626" s="93"/>
      <c r="BK4626" s="93"/>
      <c r="BL4626" s="93"/>
    </row>
    <row r="4627" spans="2:64" x14ac:dyDescent="0.2">
      <c r="B4627" s="43"/>
      <c r="C4627" s="73"/>
      <c r="D4627" s="64"/>
      <c r="E4627" s="55"/>
      <c r="F4627" s="74"/>
      <c r="G4627" s="74"/>
      <c r="H4627" s="74"/>
      <c r="I4627" s="75"/>
      <c r="J4627" s="74"/>
      <c r="L4627" s="55"/>
      <c r="M4627" s="234"/>
      <c r="N4627" s="65"/>
      <c r="O4627" s="76"/>
      <c r="P4627" s="76"/>
      <c r="Q4627" s="65"/>
      <c r="R4627" s="76"/>
      <c r="S4627" s="76"/>
      <c r="T4627" s="76"/>
      <c r="U4627" s="76"/>
      <c r="V4627" s="76"/>
      <c r="W4627" s="76"/>
      <c r="X4627" s="76"/>
      <c r="Y4627" s="76"/>
      <c r="Z4627" s="76"/>
      <c r="AA4627" s="85"/>
      <c r="AB4627" s="85"/>
      <c r="AC4627" s="85"/>
      <c r="AD4627" s="85"/>
      <c r="AE4627" s="85"/>
      <c r="AF4627" s="85"/>
      <c r="AG4627" s="86"/>
      <c r="AH4627" s="85"/>
      <c r="AI4627" s="85"/>
      <c r="AJ4627" s="85"/>
      <c r="AK4627" s="85"/>
      <c r="AL4627" s="85"/>
      <c r="AM4627" s="92"/>
      <c r="AN4627" s="92"/>
      <c r="AO4627" s="92"/>
      <c r="AP4627" s="92"/>
      <c r="AQ4627" s="92"/>
      <c r="AR4627" s="92"/>
      <c r="AS4627" s="92"/>
      <c r="AT4627" s="92"/>
      <c r="AU4627" s="92"/>
      <c r="AV4627" s="92"/>
      <c r="AW4627" s="92"/>
      <c r="AX4627" s="92"/>
      <c r="AY4627" s="92"/>
      <c r="AZ4627" s="93"/>
      <c r="BA4627" s="93"/>
      <c r="BB4627" s="93"/>
      <c r="BC4627" s="93"/>
      <c r="BD4627" s="93"/>
      <c r="BE4627" s="93"/>
      <c r="BF4627" s="93"/>
      <c r="BG4627" s="93"/>
      <c r="BH4627" s="93"/>
      <c r="BI4627" s="93"/>
      <c r="BJ4627" s="93"/>
      <c r="BK4627" s="93"/>
      <c r="BL4627" s="93"/>
    </row>
    <row r="4628" spans="2:64" x14ac:dyDescent="0.2">
      <c r="B4628" s="43"/>
      <c r="C4628" s="73"/>
      <c r="D4628" s="64"/>
      <c r="E4628" s="55"/>
      <c r="F4628" s="74"/>
      <c r="G4628" s="74"/>
      <c r="H4628" s="74"/>
      <c r="I4628" s="75"/>
      <c r="J4628" s="74"/>
      <c r="L4628" s="55"/>
      <c r="M4628" s="234"/>
      <c r="N4628" s="65"/>
      <c r="O4628" s="76"/>
      <c r="P4628" s="76"/>
      <c r="Q4628" s="65"/>
      <c r="R4628" s="76"/>
      <c r="S4628" s="76"/>
      <c r="T4628" s="76"/>
      <c r="U4628" s="76"/>
      <c r="V4628" s="76"/>
      <c r="W4628" s="76"/>
      <c r="X4628" s="76"/>
      <c r="Y4628" s="76"/>
      <c r="Z4628" s="76"/>
      <c r="AA4628" s="85"/>
      <c r="AB4628" s="85"/>
      <c r="AC4628" s="85"/>
      <c r="AD4628" s="85"/>
      <c r="AE4628" s="85"/>
      <c r="AF4628" s="85"/>
      <c r="AG4628" s="86"/>
      <c r="AH4628" s="85"/>
      <c r="AI4628" s="85"/>
      <c r="AJ4628" s="85"/>
      <c r="AK4628" s="85"/>
      <c r="AL4628" s="85"/>
      <c r="AM4628" s="92"/>
      <c r="AN4628" s="92"/>
      <c r="AO4628" s="92"/>
      <c r="AP4628" s="92"/>
      <c r="AQ4628" s="92"/>
      <c r="AR4628" s="92"/>
      <c r="AS4628" s="92"/>
      <c r="AT4628" s="92"/>
      <c r="AU4628" s="92"/>
      <c r="AV4628" s="92"/>
      <c r="AW4628" s="92"/>
      <c r="AX4628" s="92"/>
      <c r="AY4628" s="92"/>
      <c r="AZ4628" s="93"/>
      <c r="BA4628" s="93"/>
      <c r="BB4628" s="93"/>
      <c r="BC4628" s="93"/>
      <c r="BD4628" s="93"/>
      <c r="BE4628" s="93"/>
      <c r="BF4628" s="93"/>
      <c r="BG4628" s="93"/>
      <c r="BH4628" s="93"/>
      <c r="BI4628" s="93"/>
      <c r="BJ4628" s="93"/>
      <c r="BK4628" s="93"/>
      <c r="BL4628" s="93"/>
    </row>
    <row r="4629" spans="2:64" x14ac:dyDescent="0.2">
      <c r="B4629" s="43"/>
      <c r="C4629" s="73"/>
      <c r="D4629" s="64"/>
      <c r="E4629" s="55"/>
      <c r="F4629" s="74"/>
      <c r="G4629" s="74"/>
      <c r="H4629" s="74"/>
      <c r="I4629" s="75"/>
      <c r="J4629" s="74"/>
      <c r="L4629" s="55"/>
      <c r="M4629" s="234"/>
      <c r="N4629" s="65"/>
      <c r="O4629" s="76"/>
      <c r="P4629" s="76"/>
      <c r="Q4629" s="65"/>
      <c r="R4629" s="76"/>
      <c r="S4629" s="76"/>
      <c r="T4629" s="76"/>
      <c r="U4629" s="76"/>
      <c r="V4629" s="76"/>
      <c r="W4629" s="76"/>
      <c r="X4629" s="76"/>
      <c r="Y4629" s="76"/>
      <c r="Z4629" s="76"/>
      <c r="AA4629" s="85"/>
      <c r="AB4629" s="85"/>
      <c r="AC4629" s="85"/>
      <c r="AD4629" s="85"/>
      <c r="AE4629" s="85"/>
      <c r="AF4629" s="85"/>
      <c r="AG4629" s="86"/>
      <c r="AH4629" s="85"/>
      <c r="AI4629" s="85"/>
      <c r="AJ4629" s="85"/>
      <c r="AK4629" s="85"/>
      <c r="AL4629" s="85"/>
      <c r="AM4629" s="92"/>
      <c r="AN4629" s="92"/>
      <c r="AO4629" s="92"/>
      <c r="AP4629" s="92"/>
      <c r="AQ4629" s="92"/>
      <c r="AR4629" s="92"/>
      <c r="AS4629" s="92"/>
      <c r="AT4629" s="92"/>
      <c r="AU4629" s="92"/>
      <c r="AV4629" s="92"/>
      <c r="AW4629" s="92"/>
      <c r="AX4629" s="92"/>
      <c r="AY4629" s="92"/>
      <c r="AZ4629" s="93"/>
      <c r="BA4629" s="93"/>
      <c r="BB4629" s="93"/>
      <c r="BC4629" s="93"/>
      <c r="BD4629" s="93"/>
      <c r="BE4629" s="93"/>
      <c r="BF4629" s="93"/>
      <c r="BG4629" s="93"/>
      <c r="BH4629" s="93"/>
      <c r="BI4629" s="93"/>
      <c r="BJ4629" s="93"/>
      <c r="BK4629" s="93"/>
      <c r="BL4629" s="93"/>
    </row>
    <row r="4630" spans="2:64" x14ac:dyDescent="0.2">
      <c r="B4630" s="43"/>
      <c r="C4630" s="73"/>
      <c r="D4630" s="64"/>
      <c r="E4630" s="55"/>
      <c r="F4630" s="74"/>
      <c r="G4630" s="74"/>
      <c r="H4630" s="74"/>
      <c r="I4630" s="75"/>
      <c r="J4630" s="74"/>
      <c r="L4630" s="55"/>
      <c r="M4630" s="234"/>
      <c r="N4630" s="65"/>
      <c r="O4630" s="76"/>
      <c r="P4630" s="76"/>
      <c r="Q4630" s="65"/>
      <c r="R4630" s="76"/>
      <c r="S4630" s="76"/>
      <c r="T4630" s="76"/>
      <c r="U4630" s="76"/>
      <c r="V4630" s="76"/>
      <c r="W4630" s="76"/>
      <c r="X4630" s="76"/>
      <c r="Y4630" s="76"/>
      <c r="Z4630" s="76"/>
      <c r="AA4630" s="85"/>
      <c r="AB4630" s="85"/>
      <c r="AC4630" s="85"/>
      <c r="AD4630" s="85"/>
      <c r="AE4630" s="85"/>
      <c r="AF4630" s="85"/>
      <c r="AG4630" s="86"/>
      <c r="AH4630" s="85"/>
      <c r="AI4630" s="85"/>
      <c r="AJ4630" s="85"/>
      <c r="AK4630" s="85"/>
      <c r="AL4630" s="85"/>
      <c r="AM4630" s="92"/>
      <c r="AN4630" s="92"/>
      <c r="AO4630" s="92"/>
      <c r="AP4630" s="92"/>
      <c r="AQ4630" s="92"/>
      <c r="AR4630" s="92"/>
      <c r="AS4630" s="92"/>
      <c r="AT4630" s="92"/>
      <c r="AU4630" s="92"/>
      <c r="AV4630" s="92"/>
      <c r="AW4630" s="92"/>
      <c r="AX4630" s="92"/>
      <c r="AY4630" s="92"/>
      <c r="AZ4630" s="93"/>
      <c r="BA4630" s="93"/>
      <c r="BB4630" s="93"/>
      <c r="BC4630" s="93"/>
      <c r="BD4630" s="93"/>
      <c r="BE4630" s="93"/>
      <c r="BF4630" s="93"/>
      <c r="BG4630" s="93"/>
      <c r="BH4630" s="93"/>
      <c r="BI4630" s="93"/>
      <c r="BJ4630" s="93"/>
      <c r="BK4630" s="93"/>
      <c r="BL4630" s="93"/>
    </row>
    <row r="4631" spans="2:64" x14ac:dyDescent="0.2">
      <c r="B4631" s="43"/>
      <c r="C4631" s="73"/>
      <c r="D4631" s="64"/>
      <c r="E4631" s="55"/>
      <c r="F4631" s="74"/>
      <c r="G4631" s="74"/>
      <c r="H4631" s="74"/>
      <c r="I4631" s="75"/>
      <c r="J4631" s="74"/>
      <c r="L4631" s="55"/>
      <c r="M4631" s="234"/>
      <c r="N4631" s="65"/>
      <c r="O4631" s="76"/>
      <c r="P4631" s="76"/>
      <c r="Q4631" s="65"/>
      <c r="R4631" s="76"/>
      <c r="S4631" s="76"/>
      <c r="T4631" s="76"/>
      <c r="U4631" s="76"/>
      <c r="V4631" s="76"/>
      <c r="W4631" s="76"/>
      <c r="X4631" s="76"/>
      <c r="Y4631" s="76"/>
      <c r="Z4631" s="76"/>
      <c r="AA4631" s="85"/>
      <c r="AB4631" s="85"/>
      <c r="AC4631" s="85"/>
      <c r="AD4631" s="85"/>
      <c r="AE4631" s="85"/>
      <c r="AF4631" s="85"/>
      <c r="AG4631" s="86"/>
      <c r="AH4631" s="85"/>
      <c r="AI4631" s="85"/>
      <c r="AJ4631" s="85"/>
      <c r="AK4631" s="85"/>
      <c r="AL4631" s="85"/>
      <c r="AM4631" s="92"/>
      <c r="AN4631" s="92"/>
      <c r="AO4631" s="92"/>
      <c r="AP4631" s="92"/>
      <c r="AQ4631" s="92"/>
      <c r="AR4631" s="92"/>
      <c r="AS4631" s="92"/>
      <c r="AT4631" s="92"/>
      <c r="AU4631" s="92"/>
      <c r="AV4631" s="92"/>
      <c r="AW4631" s="92"/>
      <c r="AX4631" s="92"/>
      <c r="AY4631" s="92"/>
      <c r="AZ4631" s="93"/>
      <c r="BA4631" s="93"/>
      <c r="BB4631" s="93"/>
      <c r="BC4631" s="93"/>
      <c r="BD4631" s="93"/>
      <c r="BE4631" s="93"/>
      <c r="BF4631" s="93"/>
      <c r="BG4631" s="93"/>
      <c r="BH4631" s="93"/>
      <c r="BI4631" s="93"/>
      <c r="BJ4631" s="93"/>
      <c r="BK4631" s="93"/>
      <c r="BL4631" s="93"/>
    </row>
    <row r="4632" spans="2:64" x14ac:dyDescent="0.2">
      <c r="B4632" s="43"/>
      <c r="C4632" s="73"/>
      <c r="D4632" s="64"/>
      <c r="E4632" s="55"/>
      <c r="F4632" s="74"/>
      <c r="G4632" s="74"/>
      <c r="H4632" s="74"/>
      <c r="I4632" s="75"/>
      <c r="J4632" s="74"/>
      <c r="L4632" s="55"/>
      <c r="M4632" s="234"/>
      <c r="N4632" s="65"/>
      <c r="O4632" s="76"/>
      <c r="P4632" s="76"/>
      <c r="Q4632" s="65"/>
      <c r="R4632" s="76"/>
      <c r="S4632" s="76"/>
      <c r="T4632" s="76"/>
      <c r="U4632" s="76"/>
      <c r="V4632" s="76"/>
      <c r="W4632" s="76"/>
      <c r="X4632" s="76"/>
      <c r="Y4632" s="76"/>
      <c r="Z4632" s="76"/>
      <c r="AA4632" s="85"/>
      <c r="AB4632" s="85"/>
      <c r="AC4632" s="85"/>
      <c r="AD4632" s="85"/>
      <c r="AE4632" s="85"/>
      <c r="AF4632" s="85"/>
      <c r="AG4632" s="86"/>
      <c r="AH4632" s="85"/>
      <c r="AI4632" s="85"/>
      <c r="AJ4632" s="85"/>
      <c r="AK4632" s="85"/>
      <c r="AL4632" s="85"/>
      <c r="AM4632" s="92"/>
      <c r="AN4632" s="92"/>
      <c r="AO4632" s="92"/>
      <c r="AP4632" s="92"/>
      <c r="AQ4632" s="92"/>
      <c r="AR4632" s="92"/>
      <c r="AS4632" s="92"/>
      <c r="AT4632" s="92"/>
      <c r="AU4632" s="92"/>
      <c r="AV4632" s="92"/>
      <c r="AW4632" s="92"/>
      <c r="AX4632" s="92"/>
      <c r="AY4632" s="92"/>
      <c r="AZ4632" s="93"/>
      <c r="BA4632" s="93"/>
      <c r="BB4632" s="93"/>
      <c r="BC4632" s="93"/>
      <c r="BD4632" s="93"/>
      <c r="BE4632" s="93"/>
      <c r="BF4632" s="93"/>
      <c r="BG4632" s="93"/>
      <c r="BH4632" s="93"/>
      <c r="BI4632" s="93"/>
      <c r="BJ4632" s="93"/>
      <c r="BK4632" s="93"/>
      <c r="BL4632" s="93"/>
    </row>
    <row r="4633" spans="2:64" x14ac:dyDescent="0.2">
      <c r="B4633" s="43"/>
      <c r="C4633" s="73"/>
      <c r="D4633" s="64"/>
      <c r="E4633" s="55"/>
      <c r="F4633" s="74"/>
      <c r="G4633" s="74"/>
      <c r="H4633" s="74"/>
      <c r="I4633" s="75"/>
      <c r="J4633" s="74"/>
      <c r="L4633" s="55"/>
      <c r="M4633" s="234"/>
      <c r="N4633" s="65"/>
      <c r="O4633" s="76"/>
      <c r="P4633" s="76"/>
      <c r="Q4633" s="65"/>
      <c r="R4633" s="76"/>
      <c r="S4633" s="76"/>
      <c r="T4633" s="76"/>
      <c r="U4633" s="76"/>
      <c r="V4633" s="76"/>
      <c r="W4633" s="76"/>
      <c r="X4633" s="76"/>
      <c r="Y4633" s="76"/>
      <c r="Z4633" s="76"/>
      <c r="AA4633" s="85"/>
      <c r="AB4633" s="85"/>
      <c r="AC4633" s="85"/>
      <c r="AD4633" s="85"/>
      <c r="AE4633" s="85"/>
      <c r="AF4633" s="85"/>
      <c r="AG4633" s="86"/>
      <c r="AH4633" s="85"/>
      <c r="AI4633" s="85"/>
      <c r="AJ4633" s="85"/>
      <c r="AK4633" s="85"/>
      <c r="AL4633" s="85"/>
      <c r="AM4633" s="92"/>
      <c r="AN4633" s="92"/>
      <c r="AO4633" s="92"/>
      <c r="AP4633" s="92"/>
      <c r="AQ4633" s="92"/>
      <c r="AR4633" s="92"/>
      <c r="AS4633" s="92"/>
      <c r="AT4633" s="92"/>
      <c r="AU4633" s="92"/>
      <c r="AV4633" s="92"/>
      <c r="AW4633" s="92"/>
      <c r="AX4633" s="92"/>
      <c r="AY4633" s="92"/>
      <c r="AZ4633" s="93"/>
      <c r="BA4633" s="93"/>
      <c r="BB4633" s="93"/>
      <c r="BC4633" s="93"/>
      <c r="BD4633" s="93"/>
      <c r="BE4633" s="93"/>
      <c r="BF4633" s="93"/>
      <c r="BG4633" s="93"/>
      <c r="BH4633" s="93"/>
      <c r="BI4633" s="93"/>
      <c r="BJ4633" s="93"/>
      <c r="BK4633" s="93"/>
      <c r="BL4633" s="93"/>
    </row>
    <row r="4634" spans="2:64" x14ac:dyDescent="0.2">
      <c r="B4634" s="43"/>
      <c r="C4634" s="73"/>
      <c r="D4634" s="64"/>
      <c r="E4634" s="55"/>
      <c r="F4634" s="74"/>
      <c r="G4634" s="74"/>
      <c r="H4634" s="74"/>
      <c r="I4634" s="75"/>
      <c r="J4634" s="74"/>
      <c r="L4634" s="55"/>
      <c r="M4634" s="234"/>
      <c r="N4634" s="65"/>
      <c r="O4634" s="76"/>
      <c r="P4634" s="76"/>
      <c r="Q4634" s="65"/>
      <c r="R4634" s="76"/>
      <c r="S4634" s="76"/>
      <c r="T4634" s="76"/>
      <c r="U4634" s="76"/>
      <c r="V4634" s="76"/>
      <c r="W4634" s="76"/>
      <c r="X4634" s="76"/>
      <c r="Y4634" s="76"/>
      <c r="Z4634" s="76"/>
      <c r="AA4634" s="85"/>
      <c r="AB4634" s="85"/>
      <c r="AC4634" s="85"/>
      <c r="AD4634" s="85"/>
      <c r="AE4634" s="85"/>
      <c r="AF4634" s="85"/>
      <c r="AG4634" s="86"/>
      <c r="AH4634" s="85"/>
      <c r="AI4634" s="85"/>
      <c r="AJ4634" s="85"/>
      <c r="AK4634" s="85"/>
      <c r="AL4634" s="85"/>
      <c r="AM4634" s="92"/>
      <c r="AN4634" s="92"/>
      <c r="AO4634" s="92"/>
      <c r="AP4634" s="92"/>
      <c r="AQ4634" s="92"/>
      <c r="AR4634" s="92"/>
      <c r="AS4634" s="92"/>
      <c r="AT4634" s="92"/>
      <c r="AU4634" s="92"/>
      <c r="AV4634" s="92"/>
      <c r="AW4634" s="92"/>
      <c r="AX4634" s="92"/>
      <c r="AY4634" s="92"/>
      <c r="AZ4634" s="93"/>
      <c r="BA4634" s="93"/>
      <c r="BB4634" s="93"/>
      <c r="BC4634" s="93"/>
      <c r="BD4634" s="93"/>
      <c r="BE4634" s="93"/>
      <c r="BF4634" s="93"/>
      <c r="BG4634" s="93"/>
      <c r="BH4634" s="93"/>
      <c r="BI4634" s="93"/>
      <c r="BJ4634" s="93"/>
      <c r="BK4634" s="93"/>
      <c r="BL4634" s="93"/>
    </row>
    <row r="4635" spans="2:64" x14ac:dyDescent="0.2">
      <c r="B4635" s="43"/>
      <c r="C4635" s="73"/>
      <c r="D4635" s="64"/>
      <c r="E4635" s="55"/>
      <c r="F4635" s="74"/>
      <c r="G4635" s="74"/>
      <c r="H4635" s="74"/>
      <c r="I4635" s="75"/>
      <c r="J4635" s="74"/>
      <c r="L4635" s="55"/>
      <c r="M4635" s="234"/>
      <c r="N4635" s="65"/>
      <c r="O4635" s="76"/>
      <c r="P4635" s="76"/>
      <c r="Q4635" s="65"/>
      <c r="R4635" s="76"/>
      <c r="S4635" s="76"/>
      <c r="T4635" s="76"/>
      <c r="U4635" s="76"/>
      <c r="V4635" s="76"/>
      <c r="W4635" s="76"/>
      <c r="X4635" s="76"/>
      <c r="Y4635" s="76"/>
      <c r="Z4635" s="76"/>
      <c r="AA4635" s="85"/>
      <c r="AB4635" s="85"/>
      <c r="AC4635" s="85"/>
      <c r="AD4635" s="85"/>
      <c r="AE4635" s="85"/>
      <c r="AF4635" s="85"/>
      <c r="AG4635" s="86"/>
      <c r="AH4635" s="85"/>
      <c r="AI4635" s="85"/>
      <c r="AJ4635" s="85"/>
      <c r="AK4635" s="85"/>
      <c r="AL4635" s="85"/>
      <c r="AM4635" s="92"/>
      <c r="AN4635" s="92"/>
      <c r="AO4635" s="92"/>
      <c r="AP4635" s="92"/>
      <c r="AQ4635" s="92"/>
      <c r="AR4635" s="92"/>
      <c r="AS4635" s="92"/>
      <c r="AT4635" s="92"/>
      <c r="AU4635" s="92"/>
      <c r="AV4635" s="92"/>
      <c r="AW4635" s="92"/>
      <c r="AX4635" s="92"/>
      <c r="AY4635" s="92"/>
      <c r="AZ4635" s="93"/>
      <c r="BA4635" s="93"/>
      <c r="BB4635" s="93"/>
      <c r="BC4635" s="93"/>
      <c r="BD4635" s="93"/>
      <c r="BE4635" s="93"/>
      <c r="BF4635" s="93"/>
      <c r="BG4635" s="93"/>
      <c r="BH4635" s="93"/>
      <c r="BI4635" s="93"/>
      <c r="BJ4635" s="93"/>
      <c r="BK4635" s="93"/>
      <c r="BL4635" s="93"/>
    </row>
    <row r="4636" spans="2:64" x14ac:dyDescent="0.2">
      <c r="B4636" s="43"/>
      <c r="C4636" s="73"/>
      <c r="D4636" s="64"/>
      <c r="E4636" s="55"/>
      <c r="F4636" s="74"/>
      <c r="G4636" s="74"/>
      <c r="H4636" s="74"/>
      <c r="I4636" s="75"/>
      <c r="J4636" s="74"/>
      <c r="L4636" s="55"/>
      <c r="M4636" s="234"/>
      <c r="N4636" s="65"/>
      <c r="O4636" s="76"/>
      <c r="P4636" s="76"/>
      <c r="Q4636" s="65"/>
      <c r="R4636" s="76"/>
      <c r="S4636" s="76"/>
      <c r="T4636" s="76"/>
      <c r="U4636" s="76"/>
      <c r="V4636" s="76"/>
      <c r="W4636" s="76"/>
      <c r="X4636" s="76"/>
      <c r="Y4636" s="76"/>
      <c r="Z4636" s="76"/>
      <c r="AA4636" s="85"/>
      <c r="AB4636" s="85"/>
      <c r="AC4636" s="85"/>
      <c r="AD4636" s="85"/>
      <c r="AE4636" s="85"/>
      <c r="AF4636" s="85"/>
      <c r="AG4636" s="86"/>
      <c r="AH4636" s="85"/>
      <c r="AI4636" s="85"/>
      <c r="AJ4636" s="85"/>
      <c r="AK4636" s="85"/>
      <c r="AL4636" s="85"/>
      <c r="AM4636" s="92"/>
      <c r="AN4636" s="92"/>
      <c r="AO4636" s="92"/>
      <c r="AP4636" s="92"/>
      <c r="AQ4636" s="92"/>
      <c r="AR4636" s="92"/>
      <c r="AS4636" s="92"/>
      <c r="AT4636" s="92"/>
      <c r="AU4636" s="92"/>
      <c r="AV4636" s="92"/>
      <c r="AW4636" s="92"/>
      <c r="AX4636" s="92"/>
      <c r="AY4636" s="92"/>
      <c r="AZ4636" s="93"/>
      <c r="BA4636" s="93"/>
      <c r="BB4636" s="93"/>
      <c r="BC4636" s="93"/>
      <c r="BD4636" s="93"/>
      <c r="BE4636" s="93"/>
      <c r="BF4636" s="93"/>
      <c r="BG4636" s="93"/>
      <c r="BH4636" s="93"/>
      <c r="BI4636" s="93"/>
      <c r="BJ4636" s="93"/>
      <c r="BK4636" s="93"/>
      <c r="BL4636" s="93"/>
    </row>
    <row r="4637" spans="2:64" x14ac:dyDescent="0.2">
      <c r="B4637" s="43"/>
      <c r="C4637" s="73"/>
      <c r="D4637" s="64"/>
      <c r="E4637" s="55"/>
      <c r="F4637" s="74"/>
      <c r="G4637" s="74"/>
      <c r="H4637" s="74"/>
      <c r="I4637" s="75"/>
      <c r="J4637" s="74"/>
      <c r="L4637" s="55"/>
      <c r="M4637" s="234"/>
      <c r="N4637" s="65"/>
      <c r="O4637" s="76"/>
      <c r="P4637" s="76"/>
      <c r="Q4637" s="65"/>
      <c r="R4637" s="76"/>
      <c r="S4637" s="76"/>
      <c r="T4637" s="76"/>
      <c r="U4637" s="76"/>
      <c r="V4637" s="76"/>
      <c r="W4637" s="76"/>
      <c r="X4637" s="76"/>
      <c r="Y4637" s="76"/>
      <c r="Z4637" s="76"/>
      <c r="AA4637" s="85"/>
      <c r="AB4637" s="85"/>
      <c r="AC4637" s="85"/>
      <c r="AD4637" s="85"/>
      <c r="AE4637" s="85"/>
      <c r="AF4637" s="85"/>
      <c r="AG4637" s="86"/>
      <c r="AH4637" s="85"/>
      <c r="AI4637" s="85"/>
      <c r="AJ4637" s="85"/>
      <c r="AK4637" s="85"/>
      <c r="AL4637" s="85"/>
      <c r="AM4637" s="92"/>
      <c r="AN4637" s="92"/>
      <c r="AO4637" s="92"/>
      <c r="AP4637" s="92"/>
      <c r="AQ4637" s="92"/>
      <c r="AR4637" s="92"/>
      <c r="AS4637" s="92"/>
      <c r="AT4637" s="92"/>
      <c r="AU4637" s="92"/>
      <c r="AV4637" s="92"/>
      <c r="AW4637" s="92"/>
      <c r="AX4637" s="92"/>
      <c r="AY4637" s="92"/>
      <c r="AZ4637" s="93"/>
      <c r="BA4637" s="93"/>
      <c r="BB4637" s="93"/>
      <c r="BC4637" s="93"/>
      <c r="BD4637" s="93"/>
      <c r="BE4637" s="93"/>
      <c r="BF4637" s="93"/>
      <c r="BG4637" s="93"/>
      <c r="BH4637" s="93"/>
      <c r="BI4637" s="93"/>
      <c r="BJ4637" s="93"/>
      <c r="BK4637" s="93"/>
      <c r="BL4637" s="93"/>
    </row>
    <row r="4638" spans="2:64" x14ac:dyDescent="0.2">
      <c r="B4638" s="43"/>
      <c r="C4638" s="73"/>
      <c r="D4638" s="64"/>
      <c r="E4638" s="55"/>
      <c r="F4638" s="74"/>
      <c r="G4638" s="74"/>
      <c r="H4638" s="74"/>
      <c r="I4638" s="75"/>
      <c r="J4638" s="74"/>
      <c r="L4638" s="55"/>
      <c r="M4638" s="234"/>
      <c r="N4638" s="65"/>
      <c r="O4638" s="76"/>
      <c r="P4638" s="76"/>
      <c r="Q4638" s="65"/>
      <c r="R4638" s="76"/>
      <c r="S4638" s="76"/>
      <c r="T4638" s="76"/>
      <c r="U4638" s="76"/>
      <c r="V4638" s="76"/>
      <c r="W4638" s="76"/>
      <c r="X4638" s="76"/>
      <c r="Y4638" s="76"/>
      <c r="Z4638" s="76"/>
      <c r="AA4638" s="85"/>
      <c r="AB4638" s="85"/>
      <c r="AC4638" s="85"/>
      <c r="AD4638" s="85"/>
      <c r="AE4638" s="85"/>
      <c r="AF4638" s="85"/>
      <c r="AG4638" s="86"/>
      <c r="AH4638" s="85"/>
      <c r="AI4638" s="85"/>
      <c r="AJ4638" s="85"/>
      <c r="AK4638" s="85"/>
      <c r="AL4638" s="85"/>
      <c r="AM4638" s="92"/>
      <c r="AN4638" s="92"/>
      <c r="AO4638" s="92"/>
      <c r="AP4638" s="92"/>
      <c r="AQ4638" s="92"/>
      <c r="AR4638" s="92"/>
      <c r="AS4638" s="92"/>
      <c r="AT4638" s="92"/>
      <c r="AU4638" s="92"/>
      <c r="AV4638" s="92"/>
      <c r="AW4638" s="92"/>
      <c r="AX4638" s="92"/>
      <c r="AY4638" s="92"/>
      <c r="AZ4638" s="93"/>
      <c r="BA4638" s="93"/>
      <c r="BB4638" s="93"/>
      <c r="BC4638" s="93"/>
      <c r="BD4638" s="93"/>
      <c r="BE4638" s="93"/>
      <c r="BF4638" s="93"/>
      <c r="BG4638" s="93"/>
      <c r="BH4638" s="93"/>
      <c r="BI4638" s="93"/>
      <c r="BJ4638" s="93"/>
      <c r="BK4638" s="93"/>
      <c r="BL4638" s="93"/>
    </row>
    <row r="4639" spans="2:64" x14ac:dyDescent="0.2">
      <c r="B4639" s="43"/>
      <c r="C4639" s="73"/>
      <c r="D4639" s="64"/>
      <c r="E4639" s="55"/>
      <c r="F4639" s="74"/>
      <c r="G4639" s="74"/>
      <c r="H4639" s="74"/>
      <c r="I4639" s="75"/>
      <c r="J4639" s="74"/>
      <c r="L4639" s="55"/>
      <c r="M4639" s="234"/>
      <c r="N4639" s="65"/>
      <c r="O4639" s="76"/>
      <c r="P4639" s="76"/>
      <c r="Q4639" s="65"/>
      <c r="R4639" s="76"/>
      <c r="S4639" s="76"/>
      <c r="T4639" s="76"/>
      <c r="U4639" s="76"/>
      <c r="V4639" s="76"/>
      <c r="W4639" s="76"/>
      <c r="X4639" s="76"/>
      <c r="Y4639" s="76"/>
      <c r="Z4639" s="76"/>
      <c r="AA4639" s="85"/>
      <c r="AB4639" s="85"/>
      <c r="AC4639" s="85"/>
      <c r="AD4639" s="85"/>
      <c r="AE4639" s="85"/>
      <c r="AF4639" s="85"/>
      <c r="AG4639" s="86"/>
      <c r="AH4639" s="85"/>
      <c r="AI4639" s="85"/>
      <c r="AJ4639" s="85"/>
      <c r="AK4639" s="85"/>
      <c r="AL4639" s="85"/>
      <c r="AM4639" s="92"/>
      <c r="AN4639" s="92"/>
      <c r="AO4639" s="92"/>
      <c r="AP4639" s="92"/>
      <c r="AQ4639" s="92"/>
      <c r="AR4639" s="92"/>
      <c r="AS4639" s="92"/>
      <c r="AT4639" s="92"/>
      <c r="AU4639" s="92"/>
      <c r="AV4639" s="92"/>
      <c r="AW4639" s="92"/>
      <c r="AX4639" s="92"/>
      <c r="AY4639" s="92"/>
      <c r="AZ4639" s="93"/>
      <c r="BA4639" s="93"/>
      <c r="BB4639" s="93"/>
      <c r="BC4639" s="93"/>
      <c r="BD4639" s="93"/>
      <c r="BE4639" s="93"/>
      <c r="BF4639" s="93"/>
      <c r="BG4639" s="93"/>
      <c r="BH4639" s="93"/>
      <c r="BI4639" s="93"/>
      <c r="BJ4639" s="93"/>
      <c r="BK4639" s="93"/>
      <c r="BL4639" s="93"/>
    </row>
    <row r="4640" spans="2:64" x14ac:dyDescent="0.2">
      <c r="B4640" s="43"/>
      <c r="C4640" s="73"/>
      <c r="D4640" s="64"/>
      <c r="E4640" s="55"/>
      <c r="F4640" s="74"/>
      <c r="G4640" s="74"/>
      <c r="H4640" s="74"/>
      <c r="I4640" s="75"/>
      <c r="J4640" s="74"/>
      <c r="L4640" s="55"/>
      <c r="M4640" s="234"/>
      <c r="N4640" s="65"/>
      <c r="O4640" s="76"/>
      <c r="P4640" s="76"/>
      <c r="Q4640" s="65"/>
      <c r="R4640" s="76"/>
      <c r="S4640" s="76"/>
      <c r="T4640" s="76"/>
      <c r="U4640" s="76"/>
      <c r="V4640" s="76"/>
      <c r="W4640" s="76"/>
      <c r="X4640" s="76"/>
      <c r="Y4640" s="76"/>
      <c r="Z4640" s="76"/>
      <c r="AA4640" s="85"/>
      <c r="AB4640" s="85"/>
      <c r="AC4640" s="85"/>
      <c r="AD4640" s="85"/>
      <c r="AE4640" s="85"/>
      <c r="AF4640" s="85"/>
      <c r="AG4640" s="86"/>
      <c r="AH4640" s="85"/>
      <c r="AI4640" s="85"/>
      <c r="AJ4640" s="85"/>
      <c r="AK4640" s="85"/>
      <c r="AL4640" s="85"/>
      <c r="AM4640" s="92"/>
      <c r="AN4640" s="92"/>
      <c r="AO4640" s="92"/>
      <c r="AP4640" s="92"/>
      <c r="AQ4640" s="92"/>
      <c r="AR4640" s="92"/>
      <c r="AS4640" s="92"/>
      <c r="AT4640" s="92"/>
      <c r="AU4640" s="92"/>
      <c r="AV4640" s="92"/>
      <c r="AW4640" s="92"/>
      <c r="AX4640" s="92"/>
      <c r="AY4640" s="92"/>
      <c r="AZ4640" s="93"/>
      <c r="BA4640" s="93"/>
      <c r="BB4640" s="93"/>
      <c r="BC4640" s="93"/>
      <c r="BD4640" s="93"/>
      <c r="BE4640" s="93"/>
      <c r="BF4640" s="93"/>
      <c r="BG4640" s="93"/>
      <c r="BH4640" s="93"/>
      <c r="BI4640" s="93"/>
      <c r="BJ4640" s="93"/>
      <c r="BK4640" s="93"/>
      <c r="BL4640" s="93"/>
    </row>
    <row r="4641" spans="2:64" x14ac:dyDescent="0.2">
      <c r="B4641" s="43"/>
      <c r="C4641" s="73"/>
      <c r="D4641" s="64"/>
      <c r="E4641" s="55"/>
      <c r="F4641" s="74"/>
      <c r="G4641" s="74"/>
      <c r="H4641" s="74"/>
      <c r="I4641" s="75"/>
      <c r="J4641" s="74"/>
      <c r="L4641" s="55"/>
      <c r="M4641" s="234"/>
      <c r="N4641" s="65"/>
      <c r="O4641" s="76"/>
      <c r="P4641" s="76"/>
      <c r="Q4641" s="65"/>
      <c r="R4641" s="76"/>
      <c r="S4641" s="76"/>
      <c r="T4641" s="76"/>
      <c r="U4641" s="76"/>
      <c r="V4641" s="76"/>
      <c r="W4641" s="76"/>
      <c r="X4641" s="76"/>
      <c r="Y4641" s="76"/>
      <c r="Z4641" s="76"/>
      <c r="AA4641" s="85"/>
      <c r="AB4641" s="85"/>
      <c r="AC4641" s="85"/>
      <c r="AD4641" s="85"/>
      <c r="AE4641" s="85"/>
      <c r="AF4641" s="85"/>
      <c r="AG4641" s="86"/>
      <c r="AH4641" s="85"/>
      <c r="AI4641" s="85"/>
      <c r="AJ4641" s="85"/>
      <c r="AK4641" s="85"/>
      <c r="AL4641" s="85"/>
      <c r="AM4641" s="92"/>
      <c r="AN4641" s="92"/>
      <c r="AO4641" s="92"/>
      <c r="AP4641" s="92"/>
      <c r="AQ4641" s="92"/>
      <c r="AR4641" s="92"/>
      <c r="AS4641" s="92"/>
      <c r="AT4641" s="92"/>
      <c r="AU4641" s="92"/>
      <c r="AV4641" s="92"/>
      <c r="AW4641" s="92"/>
      <c r="AX4641" s="92"/>
      <c r="AY4641" s="92"/>
      <c r="AZ4641" s="93"/>
      <c r="BA4641" s="93"/>
      <c r="BB4641" s="93"/>
      <c r="BC4641" s="93"/>
      <c r="BD4641" s="93"/>
      <c r="BE4641" s="93"/>
      <c r="BF4641" s="93"/>
      <c r="BG4641" s="93"/>
      <c r="BH4641" s="93"/>
      <c r="BI4641" s="93"/>
      <c r="BJ4641" s="93"/>
      <c r="BK4641" s="93"/>
      <c r="BL4641" s="93"/>
    </row>
    <row r="4642" spans="2:64" x14ac:dyDescent="0.2">
      <c r="B4642" s="43"/>
      <c r="C4642" s="73"/>
      <c r="D4642" s="64"/>
      <c r="E4642" s="55"/>
      <c r="F4642" s="74"/>
      <c r="G4642" s="74"/>
      <c r="H4642" s="74"/>
      <c r="I4642" s="75"/>
      <c r="J4642" s="74"/>
      <c r="L4642" s="55"/>
      <c r="M4642" s="234"/>
      <c r="N4642" s="65"/>
      <c r="O4642" s="76"/>
      <c r="P4642" s="76"/>
      <c r="Q4642" s="65"/>
      <c r="R4642" s="76"/>
      <c r="S4642" s="76"/>
      <c r="T4642" s="76"/>
      <c r="U4642" s="76"/>
      <c r="V4642" s="76"/>
      <c r="W4642" s="76"/>
      <c r="X4642" s="76"/>
      <c r="Y4642" s="76"/>
      <c r="Z4642" s="76"/>
      <c r="AA4642" s="85"/>
      <c r="AB4642" s="85"/>
      <c r="AC4642" s="85"/>
      <c r="AD4642" s="85"/>
      <c r="AE4642" s="85"/>
      <c r="AF4642" s="85"/>
      <c r="AG4642" s="86"/>
      <c r="AH4642" s="85"/>
      <c r="AI4642" s="85"/>
      <c r="AJ4642" s="85"/>
      <c r="AK4642" s="85"/>
      <c r="AL4642" s="85"/>
      <c r="AM4642" s="92"/>
      <c r="AN4642" s="92"/>
      <c r="AO4642" s="92"/>
      <c r="AP4642" s="92"/>
      <c r="AQ4642" s="92"/>
      <c r="AR4642" s="92"/>
      <c r="AS4642" s="92"/>
      <c r="AT4642" s="92"/>
      <c r="AU4642" s="92"/>
      <c r="AV4642" s="92"/>
      <c r="AW4642" s="92"/>
      <c r="AX4642" s="92"/>
      <c r="AY4642" s="92"/>
      <c r="AZ4642" s="93"/>
      <c r="BA4642" s="93"/>
      <c r="BB4642" s="93"/>
      <c r="BC4642" s="93"/>
      <c r="BD4642" s="93"/>
      <c r="BE4642" s="93"/>
      <c r="BF4642" s="93"/>
      <c r="BG4642" s="93"/>
      <c r="BH4642" s="93"/>
      <c r="BI4642" s="93"/>
      <c r="BJ4642" s="93"/>
      <c r="BK4642" s="93"/>
      <c r="BL4642" s="93"/>
    </row>
    <row r="4643" spans="2:64" x14ac:dyDescent="0.2">
      <c r="B4643" s="43"/>
      <c r="C4643" s="73"/>
      <c r="D4643" s="64"/>
      <c r="E4643" s="55"/>
      <c r="F4643" s="74"/>
      <c r="G4643" s="74"/>
      <c r="H4643" s="74"/>
      <c r="I4643" s="75"/>
      <c r="J4643" s="74"/>
      <c r="L4643" s="55"/>
      <c r="M4643" s="234"/>
      <c r="N4643" s="65"/>
      <c r="O4643" s="76"/>
      <c r="P4643" s="76"/>
      <c r="Q4643" s="65"/>
      <c r="R4643" s="76"/>
      <c r="S4643" s="76"/>
      <c r="T4643" s="76"/>
      <c r="U4643" s="76"/>
      <c r="V4643" s="76"/>
      <c r="W4643" s="76"/>
      <c r="X4643" s="76"/>
      <c r="Y4643" s="76"/>
      <c r="Z4643" s="76"/>
      <c r="AA4643" s="85"/>
      <c r="AB4643" s="85"/>
      <c r="AC4643" s="85"/>
      <c r="AD4643" s="85"/>
      <c r="AE4643" s="85"/>
      <c r="AF4643" s="85"/>
      <c r="AG4643" s="86"/>
      <c r="AH4643" s="85"/>
      <c r="AI4643" s="85"/>
      <c r="AJ4643" s="85"/>
      <c r="AK4643" s="85"/>
      <c r="AL4643" s="85"/>
      <c r="AM4643" s="92"/>
      <c r="AN4643" s="92"/>
      <c r="AO4643" s="92"/>
      <c r="AP4643" s="92"/>
      <c r="AQ4643" s="92"/>
      <c r="AR4643" s="92"/>
      <c r="AS4643" s="92"/>
      <c r="AT4643" s="92"/>
      <c r="AU4643" s="92"/>
      <c r="AV4643" s="92"/>
      <c r="AW4643" s="92"/>
      <c r="AX4643" s="92"/>
      <c r="AY4643" s="92"/>
      <c r="AZ4643" s="93"/>
      <c r="BA4643" s="93"/>
      <c r="BB4643" s="93"/>
      <c r="BC4643" s="93"/>
      <c r="BD4643" s="93"/>
      <c r="BE4643" s="93"/>
      <c r="BF4643" s="93"/>
      <c r="BG4643" s="93"/>
      <c r="BH4643" s="93"/>
      <c r="BI4643" s="93"/>
      <c r="BJ4643" s="93"/>
      <c r="BK4643" s="93"/>
      <c r="BL4643" s="93"/>
    </row>
    <row r="4644" spans="2:64" x14ac:dyDescent="0.2">
      <c r="B4644" s="43"/>
      <c r="C4644" s="73"/>
      <c r="D4644" s="64"/>
      <c r="E4644" s="55"/>
      <c r="F4644" s="74"/>
      <c r="G4644" s="74"/>
      <c r="H4644" s="74"/>
      <c r="I4644" s="75"/>
      <c r="J4644" s="74"/>
      <c r="L4644" s="55"/>
      <c r="M4644" s="234"/>
      <c r="N4644" s="65"/>
      <c r="O4644" s="76"/>
      <c r="P4644" s="76"/>
      <c r="Q4644" s="65"/>
      <c r="R4644" s="76"/>
      <c r="S4644" s="76"/>
      <c r="T4644" s="76"/>
      <c r="U4644" s="76"/>
      <c r="V4644" s="76"/>
      <c r="W4644" s="76"/>
      <c r="X4644" s="76"/>
      <c r="Y4644" s="76"/>
      <c r="Z4644" s="76"/>
      <c r="AA4644" s="85"/>
      <c r="AB4644" s="85"/>
      <c r="AC4644" s="85"/>
      <c r="AD4644" s="85"/>
      <c r="AE4644" s="85"/>
      <c r="AF4644" s="85"/>
      <c r="AG4644" s="86"/>
      <c r="AH4644" s="85"/>
      <c r="AI4644" s="85"/>
      <c r="AJ4644" s="85"/>
      <c r="AK4644" s="85"/>
      <c r="AL4644" s="85"/>
      <c r="AM4644" s="92"/>
      <c r="AN4644" s="92"/>
      <c r="AO4644" s="92"/>
      <c r="AP4644" s="92"/>
      <c r="AQ4644" s="92"/>
      <c r="AR4644" s="92"/>
      <c r="AS4644" s="92"/>
      <c r="AT4644" s="92"/>
      <c r="AU4644" s="92"/>
      <c r="AV4644" s="92"/>
      <c r="AW4644" s="92"/>
      <c r="AX4644" s="92"/>
      <c r="AY4644" s="92"/>
      <c r="AZ4644" s="93"/>
      <c r="BA4644" s="93"/>
      <c r="BB4644" s="93"/>
      <c r="BC4644" s="93"/>
      <c r="BD4644" s="93"/>
      <c r="BE4644" s="93"/>
      <c r="BF4644" s="93"/>
      <c r="BG4644" s="93"/>
      <c r="BH4644" s="93"/>
      <c r="BI4644" s="93"/>
      <c r="BJ4644" s="93"/>
      <c r="BK4644" s="93"/>
      <c r="BL4644" s="93"/>
    </row>
    <row r="4645" spans="2:64" x14ac:dyDescent="0.2">
      <c r="B4645" s="43"/>
      <c r="C4645" s="73"/>
      <c r="D4645" s="64"/>
      <c r="E4645" s="55"/>
      <c r="F4645" s="74"/>
      <c r="G4645" s="74"/>
      <c r="H4645" s="74"/>
      <c r="I4645" s="75"/>
      <c r="J4645" s="74"/>
      <c r="L4645" s="55"/>
      <c r="M4645" s="234"/>
      <c r="N4645" s="65"/>
      <c r="O4645" s="76"/>
      <c r="P4645" s="76"/>
      <c r="Q4645" s="65"/>
      <c r="R4645" s="76"/>
      <c r="S4645" s="76"/>
      <c r="T4645" s="76"/>
      <c r="U4645" s="76"/>
      <c r="V4645" s="76"/>
      <c r="W4645" s="76"/>
      <c r="X4645" s="76"/>
      <c r="Y4645" s="76"/>
      <c r="Z4645" s="76"/>
      <c r="AA4645" s="85"/>
      <c r="AB4645" s="85"/>
      <c r="AC4645" s="85"/>
      <c r="AD4645" s="85"/>
      <c r="AE4645" s="85"/>
      <c r="AF4645" s="85"/>
      <c r="AG4645" s="86"/>
      <c r="AH4645" s="85"/>
      <c r="AI4645" s="85"/>
      <c r="AJ4645" s="85"/>
      <c r="AK4645" s="85"/>
      <c r="AL4645" s="85"/>
      <c r="AM4645" s="92"/>
      <c r="AN4645" s="92"/>
      <c r="AO4645" s="92"/>
      <c r="AP4645" s="92"/>
      <c r="AQ4645" s="92"/>
      <c r="AR4645" s="92"/>
      <c r="AS4645" s="92"/>
      <c r="AT4645" s="92"/>
      <c r="AU4645" s="92"/>
      <c r="AV4645" s="92"/>
      <c r="AW4645" s="92"/>
      <c r="AX4645" s="92"/>
      <c r="AY4645" s="92"/>
      <c r="AZ4645" s="93"/>
      <c r="BA4645" s="93"/>
      <c r="BB4645" s="93"/>
      <c r="BC4645" s="93"/>
      <c r="BD4645" s="93"/>
      <c r="BE4645" s="93"/>
      <c r="BF4645" s="93"/>
      <c r="BG4645" s="93"/>
      <c r="BH4645" s="93"/>
      <c r="BI4645" s="93"/>
      <c r="BJ4645" s="93"/>
      <c r="BK4645" s="93"/>
      <c r="BL4645" s="93"/>
    </row>
    <row r="4646" spans="2:64" x14ac:dyDescent="0.2">
      <c r="B4646" s="43"/>
      <c r="C4646" s="73"/>
      <c r="D4646" s="64"/>
      <c r="E4646" s="55"/>
      <c r="F4646" s="74"/>
      <c r="G4646" s="74"/>
      <c r="H4646" s="74"/>
      <c r="I4646" s="75"/>
      <c r="J4646" s="74"/>
      <c r="L4646" s="55"/>
      <c r="M4646" s="234"/>
      <c r="N4646" s="65"/>
      <c r="O4646" s="76"/>
      <c r="P4646" s="76"/>
      <c r="Q4646" s="65"/>
      <c r="R4646" s="76"/>
      <c r="S4646" s="76"/>
      <c r="T4646" s="76"/>
      <c r="U4646" s="76"/>
      <c r="V4646" s="76"/>
      <c r="W4646" s="76"/>
      <c r="X4646" s="76"/>
      <c r="Y4646" s="76"/>
      <c r="Z4646" s="76"/>
      <c r="AA4646" s="85"/>
      <c r="AB4646" s="85"/>
      <c r="AC4646" s="85"/>
      <c r="AD4646" s="85"/>
      <c r="AE4646" s="85"/>
      <c r="AF4646" s="85"/>
      <c r="AG4646" s="86"/>
      <c r="AH4646" s="85"/>
      <c r="AI4646" s="85"/>
      <c r="AJ4646" s="85"/>
      <c r="AK4646" s="85"/>
      <c r="AL4646" s="85"/>
      <c r="AM4646" s="92"/>
      <c r="AN4646" s="92"/>
      <c r="AO4646" s="92"/>
      <c r="AP4646" s="92"/>
      <c r="AQ4646" s="92"/>
      <c r="AR4646" s="92"/>
      <c r="AS4646" s="92"/>
      <c r="AT4646" s="92"/>
      <c r="AU4646" s="92"/>
      <c r="AV4646" s="92"/>
      <c r="AW4646" s="92"/>
      <c r="AX4646" s="92"/>
      <c r="AY4646" s="92"/>
      <c r="AZ4646" s="93"/>
      <c r="BA4646" s="93"/>
      <c r="BB4646" s="93"/>
      <c r="BC4646" s="93"/>
      <c r="BD4646" s="93"/>
      <c r="BE4646" s="93"/>
      <c r="BF4646" s="93"/>
      <c r="BG4646" s="93"/>
      <c r="BH4646" s="93"/>
      <c r="BI4646" s="93"/>
      <c r="BJ4646" s="93"/>
      <c r="BK4646" s="93"/>
      <c r="BL4646" s="93"/>
    </row>
    <row r="4647" spans="2:64" x14ac:dyDescent="0.2">
      <c r="B4647" s="43"/>
      <c r="C4647" s="73"/>
      <c r="D4647" s="64"/>
      <c r="E4647" s="55"/>
      <c r="F4647" s="74"/>
      <c r="G4647" s="74"/>
      <c r="H4647" s="74"/>
      <c r="I4647" s="75"/>
      <c r="J4647" s="74"/>
      <c r="L4647" s="55"/>
      <c r="M4647" s="234"/>
      <c r="N4647" s="65"/>
      <c r="O4647" s="76"/>
      <c r="P4647" s="76"/>
      <c r="Q4647" s="65"/>
      <c r="R4647" s="76"/>
      <c r="S4647" s="76"/>
      <c r="T4647" s="76"/>
      <c r="U4647" s="76"/>
      <c r="V4647" s="76"/>
      <c r="W4647" s="76"/>
      <c r="X4647" s="76"/>
      <c r="Y4647" s="76"/>
      <c r="Z4647" s="76"/>
      <c r="AA4647" s="85"/>
      <c r="AB4647" s="85"/>
      <c r="AC4647" s="85"/>
      <c r="AD4647" s="85"/>
      <c r="AE4647" s="85"/>
      <c r="AF4647" s="85"/>
      <c r="AG4647" s="86"/>
      <c r="AH4647" s="85"/>
      <c r="AI4647" s="85"/>
      <c r="AJ4647" s="85"/>
      <c r="AK4647" s="85"/>
      <c r="AL4647" s="85"/>
      <c r="AM4647" s="92"/>
      <c r="AN4647" s="92"/>
      <c r="AO4647" s="92"/>
      <c r="AP4647" s="92"/>
      <c r="AQ4647" s="92"/>
      <c r="AR4647" s="92"/>
      <c r="AS4647" s="92"/>
      <c r="AT4647" s="92"/>
      <c r="AU4647" s="92"/>
      <c r="AV4647" s="92"/>
      <c r="AW4647" s="92"/>
      <c r="AX4647" s="92"/>
      <c r="AY4647" s="92"/>
      <c r="AZ4647" s="93"/>
      <c r="BA4647" s="93"/>
      <c r="BB4647" s="93"/>
      <c r="BC4647" s="93"/>
      <c r="BD4647" s="93"/>
      <c r="BE4647" s="93"/>
      <c r="BF4647" s="93"/>
      <c r="BG4647" s="93"/>
      <c r="BH4647" s="93"/>
      <c r="BI4647" s="93"/>
      <c r="BJ4647" s="93"/>
      <c r="BK4647" s="93"/>
      <c r="BL4647" s="93"/>
    </row>
    <row r="4648" spans="2:64" x14ac:dyDescent="0.2">
      <c r="B4648" s="43"/>
      <c r="C4648" s="73"/>
      <c r="D4648" s="64"/>
      <c r="E4648" s="55"/>
      <c r="F4648" s="74"/>
      <c r="G4648" s="74"/>
      <c r="H4648" s="74"/>
      <c r="I4648" s="75"/>
      <c r="J4648" s="74"/>
      <c r="L4648" s="55"/>
      <c r="M4648" s="234"/>
      <c r="N4648" s="65"/>
      <c r="O4648" s="76"/>
      <c r="P4648" s="76"/>
      <c r="Q4648" s="65"/>
      <c r="R4648" s="76"/>
      <c r="S4648" s="76"/>
      <c r="T4648" s="76"/>
      <c r="U4648" s="76"/>
      <c r="V4648" s="76"/>
      <c r="W4648" s="76"/>
      <c r="X4648" s="76"/>
      <c r="Y4648" s="76"/>
      <c r="Z4648" s="76"/>
      <c r="AA4648" s="85"/>
      <c r="AB4648" s="85"/>
      <c r="AC4648" s="85"/>
      <c r="AD4648" s="85"/>
      <c r="AE4648" s="85"/>
      <c r="AF4648" s="85"/>
      <c r="AG4648" s="86"/>
      <c r="AH4648" s="85"/>
      <c r="AI4648" s="85"/>
      <c r="AJ4648" s="85"/>
      <c r="AK4648" s="85"/>
      <c r="AL4648" s="85"/>
      <c r="AM4648" s="92"/>
      <c r="AN4648" s="92"/>
      <c r="AO4648" s="92"/>
      <c r="AP4648" s="92"/>
      <c r="AQ4648" s="92"/>
      <c r="AR4648" s="92"/>
      <c r="AS4648" s="92"/>
      <c r="AT4648" s="92"/>
      <c r="AU4648" s="92"/>
      <c r="AV4648" s="92"/>
      <c r="AW4648" s="92"/>
      <c r="AX4648" s="92"/>
      <c r="AY4648" s="92"/>
      <c r="AZ4648" s="93"/>
      <c r="BA4648" s="93"/>
      <c r="BB4648" s="93"/>
      <c r="BC4648" s="93"/>
      <c r="BD4648" s="93"/>
      <c r="BE4648" s="93"/>
      <c r="BF4648" s="93"/>
      <c r="BG4648" s="93"/>
      <c r="BH4648" s="93"/>
      <c r="BI4648" s="93"/>
      <c r="BJ4648" s="93"/>
      <c r="BK4648" s="93"/>
      <c r="BL4648" s="93"/>
    </row>
    <row r="4649" spans="2:64" x14ac:dyDescent="0.2">
      <c r="B4649" s="43"/>
      <c r="C4649" s="73"/>
      <c r="D4649" s="64"/>
      <c r="E4649" s="55"/>
      <c r="F4649" s="74"/>
      <c r="G4649" s="74"/>
      <c r="H4649" s="74"/>
      <c r="I4649" s="75"/>
      <c r="J4649" s="74"/>
      <c r="L4649" s="55"/>
      <c r="M4649" s="234"/>
      <c r="N4649" s="65"/>
      <c r="O4649" s="76"/>
      <c r="P4649" s="76"/>
      <c r="Q4649" s="65"/>
      <c r="R4649" s="76"/>
      <c r="S4649" s="76"/>
      <c r="T4649" s="76"/>
      <c r="U4649" s="76"/>
      <c r="V4649" s="76"/>
      <c r="W4649" s="76"/>
      <c r="X4649" s="76"/>
      <c r="Y4649" s="76"/>
      <c r="Z4649" s="76"/>
      <c r="AA4649" s="85"/>
      <c r="AB4649" s="85"/>
      <c r="AC4649" s="85"/>
      <c r="AD4649" s="85"/>
      <c r="AE4649" s="85"/>
      <c r="AF4649" s="85"/>
      <c r="AG4649" s="86"/>
      <c r="AH4649" s="85"/>
      <c r="AI4649" s="85"/>
      <c r="AJ4649" s="85"/>
      <c r="AK4649" s="85"/>
      <c r="AL4649" s="85"/>
      <c r="AM4649" s="92"/>
      <c r="AN4649" s="92"/>
      <c r="AO4649" s="92"/>
      <c r="AP4649" s="92"/>
      <c r="AQ4649" s="92"/>
      <c r="AR4649" s="92"/>
      <c r="AS4649" s="92"/>
      <c r="AT4649" s="92"/>
      <c r="AU4649" s="92"/>
      <c r="AV4649" s="92"/>
      <c r="AW4649" s="92"/>
      <c r="AX4649" s="92"/>
      <c r="AY4649" s="92"/>
      <c r="AZ4649" s="93"/>
      <c r="BA4649" s="93"/>
      <c r="BB4649" s="93"/>
      <c r="BC4649" s="93"/>
      <c r="BD4649" s="93"/>
      <c r="BE4649" s="93"/>
      <c r="BF4649" s="93"/>
      <c r="BG4649" s="93"/>
      <c r="BH4649" s="93"/>
      <c r="BI4649" s="93"/>
      <c r="BJ4649" s="93"/>
      <c r="BK4649" s="93"/>
      <c r="BL4649" s="93"/>
    </row>
    <row r="4650" spans="2:64" x14ac:dyDescent="0.2">
      <c r="B4650" s="43"/>
      <c r="C4650" s="73"/>
      <c r="D4650" s="64"/>
      <c r="E4650" s="55"/>
      <c r="F4650" s="74"/>
      <c r="G4650" s="74"/>
      <c r="H4650" s="74"/>
      <c r="I4650" s="75"/>
      <c r="J4650" s="74"/>
      <c r="L4650" s="55"/>
      <c r="M4650" s="234"/>
      <c r="N4650" s="65"/>
      <c r="O4650" s="76"/>
      <c r="P4650" s="76"/>
      <c r="Q4650" s="65"/>
      <c r="R4650" s="76"/>
      <c r="S4650" s="76"/>
      <c r="T4650" s="76"/>
      <c r="U4650" s="76"/>
      <c r="V4650" s="76"/>
      <c r="W4650" s="76"/>
      <c r="X4650" s="76"/>
      <c r="Y4650" s="76"/>
      <c r="Z4650" s="76"/>
      <c r="AA4650" s="85"/>
      <c r="AB4650" s="85"/>
      <c r="AC4650" s="85"/>
      <c r="AD4650" s="85"/>
      <c r="AE4650" s="85"/>
      <c r="AF4650" s="85"/>
      <c r="AG4650" s="86"/>
      <c r="AH4650" s="85"/>
      <c r="AI4650" s="85"/>
      <c r="AJ4650" s="85"/>
      <c r="AK4650" s="85"/>
      <c r="AL4650" s="85"/>
      <c r="AM4650" s="92"/>
      <c r="AN4650" s="92"/>
      <c r="AO4650" s="92"/>
      <c r="AP4650" s="92"/>
      <c r="AQ4650" s="92"/>
      <c r="AR4650" s="92"/>
      <c r="AS4650" s="92"/>
      <c r="AT4650" s="92"/>
      <c r="AU4650" s="92"/>
      <c r="AV4650" s="92"/>
      <c r="AW4650" s="92"/>
      <c r="AX4650" s="92"/>
      <c r="AY4650" s="92"/>
      <c r="AZ4650" s="93"/>
      <c r="BA4650" s="93"/>
      <c r="BB4650" s="93"/>
      <c r="BC4650" s="93"/>
      <c r="BD4650" s="93"/>
      <c r="BE4650" s="93"/>
      <c r="BF4650" s="93"/>
      <c r="BG4650" s="93"/>
      <c r="BH4650" s="93"/>
      <c r="BI4650" s="93"/>
      <c r="BJ4650" s="93"/>
      <c r="BK4650" s="93"/>
      <c r="BL4650" s="93"/>
    </row>
    <row r="4651" spans="2:64" x14ac:dyDescent="0.2">
      <c r="B4651" s="43"/>
      <c r="C4651" s="73"/>
      <c r="D4651" s="64"/>
      <c r="E4651" s="55"/>
      <c r="F4651" s="74"/>
      <c r="G4651" s="74"/>
      <c r="H4651" s="74"/>
      <c r="I4651" s="75"/>
      <c r="J4651" s="74"/>
      <c r="L4651" s="55"/>
      <c r="M4651" s="234"/>
      <c r="N4651" s="65"/>
      <c r="O4651" s="76"/>
      <c r="P4651" s="76"/>
      <c r="Q4651" s="65"/>
      <c r="R4651" s="76"/>
      <c r="S4651" s="76"/>
      <c r="T4651" s="76"/>
      <c r="U4651" s="76"/>
      <c r="V4651" s="76"/>
      <c r="W4651" s="76"/>
      <c r="X4651" s="76"/>
      <c r="Y4651" s="76"/>
      <c r="Z4651" s="76"/>
      <c r="AA4651" s="85"/>
      <c r="AB4651" s="85"/>
      <c r="AC4651" s="85"/>
      <c r="AD4651" s="85"/>
      <c r="AE4651" s="85"/>
      <c r="AF4651" s="85"/>
      <c r="AG4651" s="86"/>
      <c r="AH4651" s="85"/>
      <c r="AI4651" s="85"/>
      <c r="AJ4651" s="85"/>
      <c r="AK4651" s="85"/>
      <c r="AL4651" s="85"/>
      <c r="AM4651" s="92"/>
      <c r="AN4651" s="92"/>
      <c r="AO4651" s="92"/>
      <c r="AP4651" s="92"/>
      <c r="AQ4651" s="92"/>
      <c r="AR4651" s="92"/>
      <c r="AS4651" s="92"/>
      <c r="AT4651" s="92"/>
      <c r="AU4651" s="92"/>
      <c r="AV4651" s="92"/>
      <c r="AW4651" s="92"/>
      <c r="AX4651" s="92"/>
      <c r="AY4651" s="92"/>
      <c r="AZ4651" s="93"/>
      <c r="BA4651" s="93"/>
      <c r="BB4651" s="93"/>
      <c r="BC4651" s="93"/>
      <c r="BD4651" s="93"/>
      <c r="BE4651" s="93"/>
      <c r="BF4651" s="93"/>
      <c r="BG4651" s="93"/>
      <c r="BH4651" s="93"/>
      <c r="BI4651" s="93"/>
      <c r="BJ4651" s="93"/>
      <c r="BK4651" s="93"/>
      <c r="BL4651" s="93"/>
    </row>
    <row r="4652" spans="2:64" x14ac:dyDescent="0.2">
      <c r="B4652" s="43"/>
      <c r="C4652" s="73"/>
      <c r="D4652" s="64"/>
      <c r="E4652" s="55"/>
      <c r="F4652" s="74"/>
      <c r="G4652" s="74"/>
      <c r="H4652" s="74"/>
      <c r="I4652" s="75"/>
      <c r="J4652" s="74"/>
      <c r="L4652" s="55"/>
      <c r="M4652" s="234"/>
      <c r="N4652" s="65"/>
      <c r="O4652" s="76"/>
      <c r="P4652" s="76"/>
      <c r="Q4652" s="65"/>
      <c r="R4652" s="76"/>
      <c r="S4652" s="76"/>
      <c r="T4652" s="76"/>
      <c r="U4652" s="76"/>
      <c r="V4652" s="76"/>
      <c r="W4652" s="76"/>
      <c r="X4652" s="76"/>
      <c r="Y4652" s="76"/>
      <c r="Z4652" s="76"/>
      <c r="AA4652" s="85"/>
      <c r="AB4652" s="85"/>
      <c r="AC4652" s="85"/>
      <c r="AD4652" s="85"/>
      <c r="AE4652" s="85"/>
      <c r="AF4652" s="85"/>
      <c r="AG4652" s="86"/>
      <c r="AH4652" s="85"/>
      <c r="AI4652" s="85"/>
      <c r="AJ4652" s="85"/>
      <c r="AK4652" s="85"/>
      <c r="AL4652" s="85"/>
      <c r="AM4652" s="92"/>
      <c r="AN4652" s="92"/>
      <c r="AO4652" s="92"/>
      <c r="AP4652" s="92"/>
      <c r="AQ4652" s="92"/>
      <c r="AR4652" s="92"/>
      <c r="AS4652" s="92"/>
      <c r="AT4652" s="92"/>
      <c r="AU4652" s="92"/>
      <c r="AV4652" s="92"/>
      <c r="AW4652" s="92"/>
      <c r="AX4652" s="92"/>
      <c r="AY4652" s="92"/>
      <c r="AZ4652" s="93"/>
      <c r="BA4652" s="93"/>
      <c r="BB4652" s="93"/>
      <c r="BC4652" s="93"/>
      <c r="BD4652" s="93"/>
      <c r="BE4652" s="93"/>
      <c r="BF4652" s="93"/>
      <c r="BG4652" s="93"/>
      <c r="BH4652" s="93"/>
      <c r="BI4652" s="93"/>
      <c r="BJ4652" s="93"/>
      <c r="BK4652" s="93"/>
      <c r="BL4652" s="93"/>
    </row>
    <row r="4653" spans="2:64" x14ac:dyDescent="0.2">
      <c r="B4653" s="43"/>
      <c r="C4653" s="73"/>
      <c r="D4653" s="64"/>
      <c r="E4653" s="55"/>
      <c r="F4653" s="74"/>
      <c r="G4653" s="74"/>
      <c r="H4653" s="74"/>
      <c r="I4653" s="75"/>
      <c r="J4653" s="74"/>
      <c r="L4653" s="55"/>
      <c r="M4653" s="234"/>
      <c r="N4653" s="65"/>
      <c r="O4653" s="76"/>
      <c r="P4653" s="76"/>
      <c r="Q4653" s="65"/>
      <c r="R4653" s="76"/>
      <c r="S4653" s="76"/>
      <c r="T4653" s="76"/>
      <c r="U4653" s="76"/>
      <c r="V4653" s="76"/>
      <c r="W4653" s="76"/>
      <c r="X4653" s="76"/>
      <c r="Y4653" s="76"/>
      <c r="Z4653" s="76"/>
      <c r="AA4653" s="85"/>
      <c r="AB4653" s="85"/>
      <c r="AC4653" s="85"/>
      <c r="AD4653" s="85"/>
      <c r="AE4653" s="85"/>
      <c r="AF4653" s="85"/>
      <c r="AG4653" s="86"/>
      <c r="AH4653" s="85"/>
      <c r="AI4653" s="85"/>
      <c r="AJ4653" s="85"/>
      <c r="AK4653" s="85"/>
      <c r="AL4653" s="85"/>
      <c r="AM4653" s="92"/>
      <c r="AN4653" s="92"/>
      <c r="AO4653" s="92"/>
      <c r="AP4653" s="92"/>
      <c r="AQ4653" s="92"/>
      <c r="AR4653" s="92"/>
      <c r="AS4653" s="92"/>
      <c r="AT4653" s="92"/>
      <c r="AU4653" s="92"/>
      <c r="AV4653" s="92"/>
      <c r="AW4653" s="92"/>
      <c r="AX4653" s="92"/>
      <c r="AY4653" s="92"/>
      <c r="AZ4653" s="93"/>
      <c r="BA4653" s="93"/>
      <c r="BB4653" s="93"/>
      <c r="BC4653" s="93"/>
      <c r="BD4653" s="93"/>
      <c r="BE4653" s="93"/>
      <c r="BF4653" s="93"/>
      <c r="BG4653" s="93"/>
      <c r="BH4653" s="93"/>
      <c r="BI4653" s="93"/>
      <c r="BJ4653" s="93"/>
      <c r="BK4653" s="93"/>
      <c r="BL4653" s="93"/>
    </row>
    <row r="4654" spans="2:64" x14ac:dyDescent="0.2">
      <c r="B4654" s="43"/>
      <c r="C4654" s="73"/>
      <c r="D4654" s="64"/>
      <c r="E4654" s="55"/>
      <c r="F4654" s="74"/>
      <c r="G4654" s="74"/>
      <c r="H4654" s="74"/>
      <c r="I4654" s="75"/>
      <c r="J4654" s="74"/>
      <c r="L4654" s="55"/>
      <c r="M4654" s="234"/>
      <c r="N4654" s="65"/>
      <c r="O4654" s="76"/>
      <c r="P4654" s="76"/>
      <c r="Q4654" s="65"/>
      <c r="R4654" s="76"/>
      <c r="S4654" s="76"/>
      <c r="T4654" s="76"/>
      <c r="U4654" s="76"/>
      <c r="V4654" s="76"/>
      <c r="W4654" s="76"/>
      <c r="X4654" s="76"/>
      <c r="Y4654" s="76"/>
      <c r="Z4654" s="76"/>
      <c r="AA4654" s="85"/>
      <c r="AB4654" s="85"/>
      <c r="AC4654" s="85"/>
      <c r="AD4654" s="85"/>
      <c r="AE4654" s="85"/>
      <c r="AF4654" s="85"/>
      <c r="AG4654" s="86"/>
      <c r="AH4654" s="85"/>
      <c r="AI4654" s="85"/>
      <c r="AJ4654" s="85"/>
      <c r="AK4654" s="85"/>
      <c r="AL4654" s="85"/>
      <c r="AM4654" s="92"/>
      <c r="AN4654" s="92"/>
      <c r="AO4654" s="92"/>
      <c r="AP4654" s="92"/>
      <c r="AQ4654" s="92"/>
      <c r="AR4654" s="92"/>
      <c r="AS4654" s="92"/>
      <c r="AT4654" s="92"/>
      <c r="AU4654" s="92"/>
      <c r="AV4654" s="92"/>
      <c r="AW4654" s="92"/>
      <c r="AX4654" s="92"/>
      <c r="AY4654" s="92"/>
      <c r="AZ4654" s="93"/>
      <c r="BA4654" s="93"/>
      <c r="BB4654" s="93"/>
      <c r="BC4654" s="93"/>
      <c r="BD4654" s="93"/>
      <c r="BE4654" s="93"/>
      <c r="BF4654" s="93"/>
      <c r="BG4654" s="93"/>
      <c r="BH4654" s="93"/>
      <c r="BI4654" s="93"/>
      <c r="BJ4654" s="93"/>
      <c r="BK4654" s="93"/>
      <c r="BL4654" s="93"/>
    </row>
    <row r="4655" spans="2:64" x14ac:dyDescent="0.2">
      <c r="B4655" s="43"/>
      <c r="C4655" s="73"/>
      <c r="D4655" s="64"/>
      <c r="E4655" s="55"/>
      <c r="F4655" s="74"/>
      <c r="G4655" s="74"/>
      <c r="H4655" s="74"/>
      <c r="I4655" s="75"/>
      <c r="J4655" s="74"/>
      <c r="L4655" s="55"/>
      <c r="M4655" s="234"/>
      <c r="N4655" s="65"/>
      <c r="O4655" s="76"/>
      <c r="P4655" s="76"/>
      <c r="Q4655" s="65"/>
      <c r="R4655" s="76"/>
      <c r="S4655" s="76"/>
      <c r="T4655" s="76"/>
      <c r="U4655" s="76"/>
      <c r="V4655" s="76"/>
      <c r="W4655" s="76"/>
      <c r="X4655" s="76"/>
      <c r="Y4655" s="76"/>
      <c r="Z4655" s="76"/>
      <c r="AA4655" s="85"/>
      <c r="AB4655" s="85"/>
      <c r="AC4655" s="85"/>
      <c r="AD4655" s="85"/>
      <c r="AE4655" s="85"/>
      <c r="AF4655" s="85"/>
      <c r="AG4655" s="86"/>
      <c r="AH4655" s="85"/>
      <c r="AI4655" s="85"/>
      <c r="AJ4655" s="85"/>
      <c r="AK4655" s="85"/>
      <c r="AL4655" s="85"/>
      <c r="AM4655" s="92"/>
      <c r="AN4655" s="92"/>
      <c r="AO4655" s="92"/>
      <c r="AP4655" s="92"/>
      <c r="AQ4655" s="92"/>
      <c r="AR4655" s="92"/>
      <c r="AS4655" s="92"/>
      <c r="AT4655" s="92"/>
      <c r="AU4655" s="92"/>
      <c r="AV4655" s="92"/>
      <c r="AW4655" s="92"/>
      <c r="AX4655" s="92"/>
      <c r="AY4655" s="92"/>
      <c r="AZ4655" s="93"/>
      <c r="BA4655" s="93"/>
      <c r="BB4655" s="93"/>
      <c r="BC4655" s="93"/>
      <c r="BD4655" s="93"/>
      <c r="BE4655" s="93"/>
      <c r="BF4655" s="93"/>
      <c r="BG4655" s="93"/>
      <c r="BH4655" s="93"/>
      <c r="BI4655" s="93"/>
      <c r="BJ4655" s="93"/>
      <c r="BK4655" s="93"/>
      <c r="BL4655" s="93"/>
    </row>
    <row r="4656" spans="2:64" x14ac:dyDescent="0.2">
      <c r="B4656" s="43"/>
      <c r="C4656" s="73"/>
      <c r="D4656" s="64"/>
      <c r="E4656" s="55"/>
      <c r="F4656" s="74"/>
      <c r="G4656" s="74"/>
      <c r="H4656" s="74"/>
      <c r="I4656" s="75"/>
      <c r="J4656" s="74"/>
      <c r="L4656" s="55"/>
      <c r="M4656" s="234"/>
      <c r="N4656" s="65"/>
      <c r="O4656" s="76"/>
      <c r="P4656" s="76"/>
      <c r="Q4656" s="65"/>
      <c r="R4656" s="76"/>
      <c r="S4656" s="76"/>
      <c r="T4656" s="76"/>
      <c r="U4656" s="76"/>
      <c r="V4656" s="76"/>
      <c r="W4656" s="76"/>
      <c r="X4656" s="76"/>
      <c r="Y4656" s="76"/>
      <c r="Z4656" s="76"/>
      <c r="AA4656" s="85"/>
      <c r="AB4656" s="85"/>
      <c r="AC4656" s="85"/>
      <c r="AD4656" s="85"/>
      <c r="AE4656" s="85"/>
      <c r="AF4656" s="85"/>
      <c r="AG4656" s="86"/>
      <c r="AH4656" s="85"/>
      <c r="AI4656" s="85"/>
      <c r="AJ4656" s="85"/>
      <c r="AK4656" s="85"/>
      <c r="AL4656" s="85"/>
      <c r="AM4656" s="92"/>
      <c r="AN4656" s="92"/>
      <c r="AO4656" s="92"/>
      <c r="AP4656" s="92"/>
      <c r="AQ4656" s="92"/>
      <c r="AR4656" s="92"/>
      <c r="AS4656" s="92"/>
      <c r="AT4656" s="92"/>
      <c r="AU4656" s="92"/>
      <c r="AV4656" s="92"/>
      <c r="AW4656" s="92"/>
      <c r="AX4656" s="92"/>
      <c r="AY4656" s="92"/>
      <c r="AZ4656" s="93"/>
      <c r="BA4656" s="93"/>
      <c r="BB4656" s="93"/>
      <c r="BC4656" s="93"/>
      <c r="BD4656" s="93"/>
      <c r="BE4656" s="93"/>
      <c r="BF4656" s="93"/>
      <c r="BG4656" s="93"/>
      <c r="BH4656" s="93"/>
      <c r="BI4656" s="93"/>
      <c r="BJ4656" s="93"/>
      <c r="BK4656" s="93"/>
      <c r="BL4656" s="93"/>
    </row>
    <row r="4657" spans="2:64" x14ac:dyDescent="0.2">
      <c r="B4657" s="43"/>
      <c r="C4657" s="73"/>
      <c r="D4657" s="64"/>
      <c r="E4657" s="55"/>
      <c r="F4657" s="74"/>
      <c r="G4657" s="74"/>
      <c r="H4657" s="74"/>
      <c r="I4657" s="75"/>
      <c r="J4657" s="74"/>
      <c r="L4657" s="55"/>
      <c r="M4657" s="234"/>
      <c r="N4657" s="65"/>
      <c r="O4657" s="76"/>
      <c r="P4657" s="76"/>
      <c r="Q4657" s="65"/>
      <c r="R4657" s="76"/>
      <c r="S4657" s="76"/>
      <c r="T4657" s="76"/>
      <c r="U4657" s="76"/>
      <c r="V4657" s="76"/>
      <c r="W4657" s="76"/>
      <c r="X4657" s="76"/>
      <c r="Y4657" s="76"/>
      <c r="Z4657" s="76"/>
      <c r="AA4657" s="85"/>
      <c r="AB4657" s="85"/>
      <c r="AC4657" s="85"/>
      <c r="AD4657" s="85"/>
      <c r="AE4657" s="85"/>
      <c r="AF4657" s="85"/>
      <c r="AG4657" s="86"/>
      <c r="AH4657" s="85"/>
      <c r="AI4657" s="85"/>
      <c r="AJ4657" s="85"/>
      <c r="AK4657" s="85"/>
      <c r="AL4657" s="85"/>
      <c r="AM4657" s="92"/>
      <c r="AN4657" s="92"/>
      <c r="AO4657" s="92"/>
      <c r="AP4657" s="92"/>
      <c r="AQ4657" s="92"/>
      <c r="AR4657" s="92"/>
      <c r="AS4657" s="92"/>
      <c r="AT4657" s="92"/>
      <c r="AU4657" s="92"/>
      <c r="AV4657" s="92"/>
      <c r="AW4657" s="92"/>
      <c r="AX4657" s="92"/>
      <c r="AY4657" s="92"/>
      <c r="AZ4657" s="93"/>
      <c r="BA4657" s="93"/>
      <c r="BB4657" s="93"/>
      <c r="BC4657" s="93"/>
      <c r="BD4657" s="93"/>
      <c r="BE4657" s="93"/>
      <c r="BF4657" s="93"/>
      <c r="BG4657" s="93"/>
      <c r="BH4657" s="93"/>
      <c r="BI4657" s="93"/>
      <c r="BJ4657" s="93"/>
      <c r="BK4657" s="93"/>
      <c r="BL4657" s="93"/>
    </row>
    <row r="4658" spans="2:64" x14ac:dyDescent="0.2">
      <c r="B4658" s="43"/>
      <c r="C4658" s="73"/>
      <c r="D4658" s="64"/>
      <c r="E4658" s="55"/>
      <c r="F4658" s="74"/>
      <c r="G4658" s="74"/>
      <c r="H4658" s="74"/>
      <c r="I4658" s="75"/>
      <c r="J4658" s="74"/>
      <c r="L4658" s="55"/>
      <c r="M4658" s="234"/>
      <c r="N4658" s="65"/>
      <c r="O4658" s="76"/>
      <c r="P4658" s="76"/>
      <c r="Q4658" s="65"/>
      <c r="R4658" s="76"/>
      <c r="S4658" s="76"/>
      <c r="T4658" s="76"/>
      <c r="U4658" s="76"/>
      <c r="V4658" s="76"/>
      <c r="W4658" s="76"/>
      <c r="X4658" s="76"/>
      <c r="Y4658" s="76"/>
      <c r="Z4658" s="76"/>
      <c r="AA4658" s="85"/>
      <c r="AB4658" s="85"/>
      <c r="AC4658" s="85"/>
      <c r="AD4658" s="85"/>
      <c r="AE4658" s="85"/>
      <c r="AF4658" s="85"/>
      <c r="AG4658" s="86"/>
      <c r="AH4658" s="85"/>
      <c r="AI4658" s="85"/>
      <c r="AJ4658" s="85"/>
      <c r="AK4658" s="85"/>
      <c r="AL4658" s="85"/>
      <c r="AM4658" s="92"/>
      <c r="AN4658" s="92"/>
      <c r="AO4658" s="92"/>
      <c r="AP4658" s="92"/>
      <c r="AQ4658" s="92"/>
      <c r="AR4658" s="92"/>
      <c r="AS4658" s="92"/>
      <c r="AT4658" s="92"/>
      <c r="AU4658" s="92"/>
      <c r="AV4658" s="92"/>
      <c r="AW4658" s="92"/>
      <c r="AX4658" s="92"/>
      <c r="AY4658" s="92"/>
      <c r="AZ4658" s="93"/>
      <c r="BA4658" s="93"/>
      <c r="BB4658" s="93"/>
      <c r="BC4658" s="93"/>
      <c r="BD4658" s="93"/>
      <c r="BE4658" s="93"/>
      <c r="BF4658" s="93"/>
      <c r="BG4658" s="93"/>
      <c r="BH4658" s="93"/>
      <c r="BI4658" s="93"/>
      <c r="BJ4658" s="93"/>
      <c r="BK4658" s="93"/>
      <c r="BL4658" s="93"/>
    </row>
    <row r="4659" spans="2:64" x14ac:dyDescent="0.2">
      <c r="B4659" s="43"/>
      <c r="C4659" s="73"/>
      <c r="D4659" s="64"/>
      <c r="E4659" s="55"/>
      <c r="F4659" s="74"/>
      <c r="G4659" s="74"/>
      <c r="H4659" s="74"/>
      <c r="I4659" s="75"/>
      <c r="J4659" s="74"/>
      <c r="L4659" s="55"/>
      <c r="M4659" s="234"/>
      <c r="N4659" s="65"/>
      <c r="O4659" s="76"/>
      <c r="P4659" s="76"/>
      <c r="Q4659" s="65"/>
      <c r="R4659" s="76"/>
      <c r="S4659" s="76"/>
      <c r="T4659" s="76"/>
      <c r="U4659" s="76"/>
      <c r="V4659" s="76"/>
      <c r="W4659" s="76"/>
      <c r="X4659" s="76"/>
      <c r="Y4659" s="76"/>
      <c r="Z4659" s="76"/>
      <c r="AA4659" s="85"/>
      <c r="AB4659" s="85"/>
      <c r="AC4659" s="85"/>
      <c r="AD4659" s="85"/>
      <c r="AE4659" s="85"/>
      <c r="AF4659" s="85"/>
      <c r="AG4659" s="86"/>
      <c r="AH4659" s="85"/>
      <c r="AI4659" s="85"/>
      <c r="AJ4659" s="85"/>
      <c r="AK4659" s="85"/>
      <c r="AL4659" s="85"/>
      <c r="AM4659" s="92"/>
      <c r="AN4659" s="92"/>
      <c r="AO4659" s="92"/>
      <c r="AP4659" s="92"/>
      <c r="AQ4659" s="92"/>
      <c r="AR4659" s="92"/>
      <c r="AS4659" s="92"/>
      <c r="AT4659" s="92"/>
      <c r="AU4659" s="92"/>
      <c r="AV4659" s="92"/>
      <c r="AW4659" s="92"/>
      <c r="AX4659" s="92"/>
      <c r="AY4659" s="92"/>
      <c r="AZ4659" s="93"/>
      <c r="BA4659" s="93"/>
      <c r="BB4659" s="93"/>
      <c r="BC4659" s="93"/>
      <c r="BD4659" s="93"/>
      <c r="BE4659" s="93"/>
      <c r="BF4659" s="93"/>
      <c r="BG4659" s="93"/>
      <c r="BH4659" s="93"/>
      <c r="BI4659" s="93"/>
      <c r="BJ4659" s="93"/>
      <c r="BK4659" s="93"/>
      <c r="BL4659" s="93"/>
    </row>
    <row r="4660" spans="2:64" x14ac:dyDescent="0.2">
      <c r="B4660" s="43"/>
      <c r="C4660" s="73"/>
      <c r="D4660" s="64"/>
      <c r="E4660" s="55"/>
      <c r="F4660" s="74"/>
      <c r="G4660" s="74"/>
      <c r="H4660" s="74"/>
      <c r="I4660" s="75"/>
      <c r="J4660" s="74"/>
      <c r="L4660" s="55"/>
      <c r="M4660" s="234"/>
      <c r="N4660" s="65"/>
      <c r="O4660" s="76"/>
      <c r="P4660" s="76"/>
      <c r="Q4660" s="65"/>
      <c r="R4660" s="76"/>
      <c r="S4660" s="76"/>
      <c r="T4660" s="76"/>
      <c r="U4660" s="76"/>
      <c r="V4660" s="76"/>
      <c r="W4660" s="76"/>
      <c r="X4660" s="76"/>
      <c r="Y4660" s="76"/>
      <c r="Z4660" s="76"/>
      <c r="AA4660" s="85"/>
      <c r="AB4660" s="85"/>
      <c r="AC4660" s="85"/>
      <c r="AD4660" s="85"/>
      <c r="AE4660" s="85"/>
      <c r="AF4660" s="85"/>
      <c r="AG4660" s="86"/>
      <c r="AH4660" s="85"/>
      <c r="AI4660" s="85"/>
      <c r="AJ4660" s="85"/>
      <c r="AK4660" s="85"/>
      <c r="AL4660" s="85"/>
      <c r="AM4660" s="92"/>
      <c r="AN4660" s="92"/>
      <c r="AO4660" s="92"/>
      <c r="AP4660" s="92"/>
      <c r="AQ4660" s="92"/>
      <c r="AR4660" s="92"/>
      <c r="AS4660" s="92"/>
      <c r="AT4660" s="92"/>
      <c r="AU4660" s="92"/>
      <c r="AV4660" s="92"/>
      <c r="AW4660" s="92"/>
      <c r="AX4660" s="92"/>
      <c r="AY4660" s="92"/>
      <c r="AZ4660" s="93"/>
      <c r="BA4660" s="93"/>
      <c r="BB4660" s="93"/>
      <c r="BC4660" s="93"/>
      <c r="BD4660" s="93"/>
      <c r="BE4660" s="93"/>
      <c r="BF4660" s="93"/>
      <c r="BG4660" s="93"/>
      <c r="BH4660" s="93"/>
      <c r="BI4660" s="93"/>
      <c r="BJ4660" s="93"/>
      <c r="BK4660" s="93"/>
      <c r="BL4660" s="93"/>
    </row>
    <row r="4661" spans="2:64" x14ac:dyDescent="0.2">
      <c r="B4661" s="43"/>
      <c r="C4661" s="73"/>
      <c r="D4661" s="64"/>
      <c r="E4661" s="55"/>
      <c r="F4661" s="74"/>
      <c r="G4661" s="74"/>
      <c r="H4661" s="74"/>
      <c r="I4661" s="75"/>
      <c r="J4661" s="74"/>
      <c r="L4661" s="55"/>
      <c r="M4661" s="234"/>
      <c r="N4661" s="65"/>
      <c r="O4661" s="76"/>
      <c r="P4661" s="76"/>
      <c r="Q4661" s="65"/>
      <c r="R4661" s="76"/>
      <c r="S4661" s="76"/>
      <c r="T4661" s="76"/>
      <c r="U4661" s="76"/>
      <c r="V4661" s="76"/>
      <c r="W4661" s="76"/>
      <c r="X4661" s="76"/>
      <c r="Y4661" s="76"/>
      <c r="Z4661" s="76"/>
      <c r="AA4661" s="85"/>
      <c r="AB4661" s="85"/>
      <c r="AC4661" s="85"/>
      <c r="AD4661" s="85"/>
      <c r="AE4661" s="85"/>
      <c r="AF4661" s="85"/>
      <c r="AG4661" s="86"/>
      <c r="AH4661" s="85"/>
      <c r="AI4661" s="85"/>
      <c r="AJ4661" s="85"/>
      <c r="AK4661" s="85"/>
      <c r="AL4661" s="85"/>
      <c r="AM4661" s="92"/>
      <c r="AN4661" s="92"/>
      <c r="AO4661" s="92"/>
      <c r="AP4661" s="92"/>
      <c r="AQ4661" s="92"/>
      <c r="AR4661" s="92"/>
      <c r="AS4661" s="92"/>
      <c r="AT4661" s="92"/>
      <c r="AU4661" s="92"/>
      <c r="AV4661" s="92"/>
      <c r="AW4661" s="92"/>
      <c r="AX4661" s="92"/>
      <c r="AY4661" s="92"/>
      <c r="AZ4661" s="93"/>
      <c r="BA4661" s="93"/>
      <c r="BB4661" s="93"/>
      <c r="BC4661" s="93"/>
      <c r="BD4661" s="93"/>
      <c r="BE4661" s="93"/>
      <c r="BF4661" s="93"/>
      <c r="BG4661" s="93"/>
      <c r="BH4661" s="93"/>
      <c r="BI4661" s="93"/>
      <c r="BJ4661" s="93"/>
      <c r="BK4661" s="93"/>
      <c r="BL4661" s="93"/>
    </row>
    <row r="4662" spans="2:64" x14ac:dyDescent="0.2">
      <c r="B4662" s="43"/>
      <c r="C4662" s="73"/>
      <c r="D4662" s="64"/>
      <c r="E4662" s="55"/>
      <c r="F4662" s="74"/>
      <c r="G4662" s="74"/>
      <c r="H4662" s="74"/>
      <c r="I4662" s="75"/>
      <c r="J4662" s="74"/>
      <c r="L4662" s="55"/>
      <c r="M4662" s="234"/>
      <c r="N4662" s="65"/>
      <c r="O4662" s="76"/>
      <c r="P4662" s="76"/>
      <c r="Q4662" s="65"/>
      <c r="R4662" s="76"/>
      <c r="S4662" s="76"/>
      <c r="T4662" s="76"/>
      <c r="U4662" s="76"/>
      <c r="V4662" s="76"/>
      <c r="W4662" s="76"/>
      <c r="X4662" s="76"/>
      <c r="Y4662" s="76"/>
      <c r="Z4662" s="76"/>
      <c r="AA4662" s="85"/>
      <c r="AB4662" s="85"/>
      <c r="AC4662" s="85"/>
      <c r="AD4662" s="85"/>
      <c r="AE4662" s="85"/>
      <c r="AF4662" s="85"/>
      <c r="AG4662" s="86"/>
      <c r="AH4662" s="85"/>
      <c r="AI4662" s="85"/>
      <c r="AJ4662" s="85"/>
      <c r="AK4662" s="85"/>
      <c r="AL4662" s="85"/>
      <c r="AM4662" s="92"/>
      <c r="AN4662" s="92"/>
      <c r="AO4662" s="92"/>
      <c r="AP4662" s="92"/>
      <c r="AQ4662" s="92"/>
      <c r="AR4662" s="92"/>
      <c r="AS4662" s="92"/>
      <c r="AT4662" s="92"/>
      <c r="AU4662" s="92"/>
      <c r="AV4662" s="92"/>
      <c r="AW4662" s="92"/>
      <c r="AX4662" s="92"/>
      <c r="AY4662" s="92"/>
      <c r="AZ4662" s="93"/>
      <c r="BA4662" s="93"/>
      <c r="BB4662" s="93"/>
      <c r="BC4662" s="93"/>
      <c r="BD4662" s="93"/>
      <c r="BE4662" s="93"/>
      <c r="BF4662" s="93"/>
      <c r="BG4662" s="93"/>
      <c r="BH4662" s="93"/>
      <c r="BI4662" s="93"/>
      <c r="BJ4662" s="93"/>
      <c r="BK4662" s="93"/>
      <c r="BL4662" s="93"/>
    </row>
    <row r="4663" spans="2:64" x14ac:dyDescent="0.2">
      <c r="B4663" s="43"/>
      <c r="C4663" s="73"/>
      <c r="D4663" s="64"/>
      <c r="E4663" s="55"/>
      <c r="F4663" s="74"/>
      <c r="G4663" s="74"/>
      <c r="H4663" s="74"/>
      <c r="I4663" s="75"/>
      <c r="J4663" s="74"/>
      <c r="L4663" s="55"/>
      <c r="M4663" s="234"/>
      <c r="N4663" s="65"/>
      <c r="O4663" s="76"/>
      <c r="P4663" s="76"/>
      <c r="Q4663" s="65"/>
      <c r="R4663" s="76"/>
      <c r="S4663" s="76"/>
      <c r="T4663" s="76"/>
      <c r="U4663" s="76"/>
      <c r="V4663" s="76"/>
      <c r="W4663" s="76"/>
      <c r="X4663" s="76"/>
      <c r="Y4663" s="76"/>
      <c r="Z4663" s="76"/>
      <c r="AA4663" s="85"/>
      <c r="AB4663" s="85"/>
      <c r="AC4663" s="85"/>
      <c r="AD4663" s="85"/>
      <c r="AE4663" s="85"/>
      <c r="AF4663" s="85"/>
      <c r="AG4663" s="86"/>
      <c r="AH4663" s="85"/>
      <c r="AI4663" s="85"/>
      <c r="AJ4663" s="85"/>
      <c r="AK4663" s="85"/>
      <c r="AL4663" s="85"/>
      <c r="AM4663" s="92"/>
      <c r="AN4663" s="92"/>
      <c r="AO4663" s="92"/>
      <c r="AP4663" s="92"/>
      <c r="AQ4663" s="92"/>
      <c r="AR4663" s="92"/>
      <c r="AS4663" s="92"/>
      <c r="AT4663" s="92"/>
      <c r="AU4663" s="92"/>
      <c r="AV4663" s="92"/>
      <c r="AW4663" s="92"/>
      <c r="AX4663" s="92"/>
      <c r="AY4663" s="92"/>
      <c r="AZ4663" s="93"/>
      <c r="BA4663" s="93"/>
      <c r="BB4663" s="93"/>
      <c r="BC4663" s="93"/>
      <c r="BD4663" s="93"/>
      <c r="BE4663" s="93"/>
      <c r="BF4663" s="93"/>
      <c r="BG4663" s="93"/>
      <c r="BH4663" s="93"/>
      <c r="BI4663" s="93"/>
      <c r="BJ4663" s="93"/>
      <c r="BK4663" s="93"/>
      <c r="BL4663" s="93"/>
    </row>
    <row r="4664" spans="2:64" x14ac:dyDescent="0.2">
      <c r="B4664" s="43"/>
      <c r="C4664" s="73"/>
      <c r="D4664" s="64"/>
      <c r="E4664" s="55"/>
      <c r="F4664" s="74"/>
      <c r="G4664" s="74"/>
      <c r="H4664" s="74"/>
      <c r="I4664" s="75"/>
      <c r="J4664" s="74"/>
      <c r="L4664" s="55"/>
      <c r="M4664" s="234"/>
      <c r="N4664" s="65"/>
      <c r="O4664" s="76"/>
      <c r="P4664" s="76"/>
      <c r="Q4664" s="65"/>
      <c r="R4664" s="76"/>
      <c r="S4664" s="76"/>
      <c r="T4664" s="76"/>
      <c r="U4664" s="76"/>
      <c r="V4664" s="76"/>
      <c r="W4664" s="76"/>
      <c r="X4664" s="76"/>
      <c r="Y4664" s="76"/>
      <c r="Z4664" s="76"/>
      <c r="AA4664" s="85"/>
      <c r="AB4664" s="85"/>
      <c r="AC4664" s="85"/>
      <c r="AD4664" s="85"/>
      <c r="AE4664" s="85"/>
      <c r="AF4664" s="85"/>
      <c r="AG4664" s="86"/>
      <c r="AH4664" s="85"/>
      <c r="AI4664" s="85"/>
      <c r="AJ4664" s="85"/>
      <c r="AK4664" s="85"/>
      <c r="AL4664" s="85"/>
      <c r="AM4664" s="92"/>
      <c r="AN4664" s="92"/>
      <c r="AO4664" s="92"/>
      <c r="AP4664" s="92"/>
      <c r="AQ4664" s="92"/>
      <c r="AR4664" s="92"/>
      <c r="AS4664" s="92"/>
      <c r="AT4664" s="92"/>
      <c r="AU4664" s="92"/>
      <c r="AV4664" s="92"/>
      <c r="AW4664" s="92"/>
      <c r="AX4664" s="92"/>
      <c r="AY4664" s="92"/>
      <c r="AZ4664" s="93"/>
      <c r="BA4664" s="93"/>
      <c r="BB4664" s="93"/>
      <c r="BC4664" s="93"/>
      <c r="BD4664" s="93"/>
      <c r="BE4664" s="93"/>
      <c r="BF4664" s="93"/>
      <c r="BG4664" s="93"/>
      <c r="BH4664" s="93"/>
      <c r="BI4664" s="93"/>
      <c r="BJ4664" s="93"/>
      <c r="BK4664" s="93"/>
      <c r="BL4664" s="93"/>
    </row>
    <row r="4665" spans="2:64" x14ac:dyDescent="0.2">
      <c r="B4665" s="43"/>
      <c r="C4665" s="73"/>
      <c r="D4665" s="64"/>
      <c r="E4665" s="55"/>
      <c r="F4665" s="74"/>
      <c r="G4665" s="74"/>
      <c r="H4665" s="74"/>
      <c r="I4665" s="75"/>
      <c r="J4665" s="74"/>
      <c r="L4665" s="55"/>
      <c r="M4665" s="234"/>
      <c r="N4665" s="65"/>
      <c r="O4665" s="76"/>
      <c r="P4665" s="76"/>
      <c r="Q4665" s="65"/>
      <c r="R4665" s="76"/>
      <c r="S4665" s="76"/>
      <c r="T4665" s="76"/>
      <c r="U4665" s="76"/>
      <c r="V4665" s="76"/>
      <c r="W4665" s="76"/>
      <c r="X4665" s="76"/>
      <c r="Y4665" s="76"/>
      <c r="Z4665" s="76"/>
      <c r="AA4665" s="85"/>
      <c r="AB4665" s="85"/>
      <c r="AC4665" s="85"/>
      <c r="AD4665" s="85"/>
      <c r="AE4665" s="85"/>
      <c r="AF4665" s="85"/>
      <c r="AG4665" s="86"/>
      <c r="AH4665" s="85"/>
      <c r="AI4665" s="85"/>
      <c r="AJ4665" s="85"/>
      <c r="AK4665" s="85"/>
      <c r="AL4665" s="85"/>
      <c r="AM4665" s="92"/>
      <c r="AN4665" s="92"/>
      <c r="AO4665" s="92"/>
      <c r="AP4665" s="92"/>
      <c r="AQ4665" s="92"/>
      <c r="AR4665" s="92"/>
      <c r="AS4665" s="92"/>
      <c r="AT4665" s="92"/>
      <c r="AU4665" s="92"/>
      <c r="AV4665" s="92"/>
      <c r="AW4665" s="92"/>
      <c r="AX4665" s="92"/>
      <c r="AY4665" s="92"/>
      <c r="AZ4665" s="93"/>
      <c r="BA4665" s="93"/>
      <c r="BB4665" s="93"/>
      <c r="BC4665" s="93"/>
      <c r="BD4665" s="93"/>
      <c r="BE4665" s="93"/>
      <c r="BF4665" s="93"/>
      <c r="BG4665" s="93"/>
      <c r="BH4665" s="93"/>
      <c r="BI4665" s="93"/>
      <c r="BJ4665" s="93"/>
      <c r="BK4665" s="93"/>
      <c r="BL4665" s="93"/>
    </row>
    <row r="4666" spans="2:64" x14ac:dyDescent="0.2">
      <c r="B4666" s="43"/>
      <c r="C4666" s="73"/>
      <c r="D4666" s="64"/>
      <c r="E4666" s="55"/>
      <c r="F4666" s="74"/>
      <c r="G4666" s="74"/>
      <c r="H4666" s="74"/>
      <c r="I4666" s="75"/>
      <c r="J4666" s="74"/>
      <c r="L4666" s="55"/>
      <c r="M4666" s="234"/>
      <c r="N4666" s="65"/>
      <c r="O4666" s="76"/>
      <c r="P4666" s="76"/>
      <c r="Q4666" s="65"/>
      <c r="R4666" s="76"/>
      <c r="S4666" s="76"/>
      <c r="T4666" s="76"/>
      <c r="U4666" s="76"/>
      <c r="V4666" s="76"/>
      <c r="W4666" s="76"/>
      <c r="X4666" s="76"/>
      <c r="Y4666" s="76"/>
      <c r="Z4666" s="76"/>
      <c r="AA4666" s="85"/>
      <c r="AB4666" s="85"/>
      <c r="AC4666" s="85"/>
      <c r="AD4666" s="85"/>
      <c r="AE4666" s="85"/>
      <c r="AF4666" s="85"/>
      <c r="AG4666" s="86"/>
      <c r="AH4666" s="85"/>
      <c r="AI4666" s="85"/>
      <c r="AJ4666" s="85"/>
      <c r="AK4666" s="85"/>
      <c r="AL4666" s="85"/>
      <c r="AM4666" s="92"/>
      <c r="AN4666" s="92"/>
      <c r="AO4666" s="92"/>
      <c r="AP4666" s="92"/>
      <c r="AQ4666" s="92"/>
      <c r="AR4666" s="92"/>
      <c r="AS4666" s="92"/>
      <c r="AT4666" s="92"/>
      <c r="AU4666" s="92"/>
      <c r="AV4666" s="92"/>
      <c r="AW4666" s="92"/>
      <c r="AX4666" s="92"/>
      <c r="AY4666" s="92"/>
      <c r="AZ4666" s="93"/>
      <c r="BA4666" s="93"/>
      <c r="BB4666" s="93"/>
      <c r="BC4666" s="93"/>
      <c r="BD4666" s="93"/>
      <c r="BE4666" s="93"/>
      <c r="BF4666" s="93"/>
      <c r="BG4666" s="93"/>
      <c r="BH4666" s="93"/>
      <c r="BI4666" s="93"/>
      <c r="BJ4666" s="93"/>
      <c r="BK4666" s="93"/>
      <c r="BL4666" s="93"/>
    </row>
    <row r="4667" spans="2:64" x14ac:dyDescent="0.2">
      <c r="B4667" s="43"/>
      <c r="C4667" s="73"/>
      <c r="D4667" s="64"/>
      <c r="E4667" s="55"/>
      <c r="F4667" s="74"/>
      <c r="G4667" s="74"/>
      <c r="H4667" s="74"/>
      <c r="I4667" s="75"/>
      <c r="J4667" s="74"/>
      <c r="L4667" s="55"/>
      <c r="M4667" s="234"/>
      <c r="N4667" s="65"/>
      <c r="O4667" s="76"/>
      <c r="P4667" s="76"/>
      <c r="Q4667" s="65"/>
      <c r="R4667" s="76"/>
      <c r="S4667" s="76"/>
      <c r="T4667" s="76"/>
      <c r="U4667" s="76"/>
      <c r="V4667" s="76"/>
      <c r="W4667" s="76"/>
      <c r="X4667" s="76"/>
      <c r="Y4667" s="76"/>
      <c r="Z4667" s="76"/>
      <c r="AA4667" s="85"/>
      <c r="AB4667" s="85"/>
      <c r="AC4667" s="85"/>
      <c r="AD4667" s="85"/>
      <c r="AE4667" s="85"/>
      <c r="AF4667" s="85"/>
      <c r="AG4667" s="86"/>
      <c r="AH4667" s="85"/>
      <c r="AI4667" s="85"/>
      <c r="AJ4667" s="85"/>
      <c r="AK4667" s="85"/>
      <c r="AL4667" s="85"/>
      <c r="AM4667" s="92"/>
      <c r="AN4667" s="92"/>
      <c r="AO4667" s="92"/>
      <c r="AP4667" s="92"/>
      <c r="AQ4667" s="92"/>
      <c r="AR4667" s="92"/>
      <c r="AS4667" s="92"/>
      <c r="AT4667" s="92"/>
      <c r="AU4667" s="92"/>
      <c r="AV4667" s="92"/>
      <c r="AW4667" s="92"/>
      <c r="AX4667" s="92"/>
      <c r="AY4667" s="92"/>
      <c r="AZ4667" s="93"/>
      <c r="BA4667" s="93"/>
      <c r="BB4667" s="93"/>
      <c r="BC4667" s="93"/>
      <c r="BD4667" s="93"/>
      <c r="BE4667" s="93"/>
      <c r="BF4667" s="93"/>
      <c r="BG4667" s="93"/>
      <c r="BH4667" s="93"/>
      <c r="BI4667" s="93"/>
      <c r="BJ4667" s="93"/>
      <c r="BK4667" s="93"/>
      <c r="BL4667" s="93"/>
    </row>
    <row r="4668" spans="2:64" x14ac:dyDescent="0.2">
      <c r="B4668" s="43"/>
      <c r="C4668" s="73"/>
      <c r="D4668" s="64"/>
      <c r="E4668" s="55"/>
      <c r="F4668" s="74"/>
      <c r="G4668" s="74"/>
      <c r="H4668" s="74"/>
      <c r="I4668" s="75"/>
      <c r="J4668" s="74"/>
      <c r="L4668" s="55"/>
      <c r="M4668" s="234"/>
      <c r="N4668" s="65"/>
      <c r="O4668" s="76"/>
      <c r="P4668" s="76"/>
      <c r="Q4668" s="65"/>
      <c r="R4668" s="76"/>
      <c r="S4668" s="76"/>
      <c r="T4668" s="76"/>
      <c r="U4668" s="76"/>
      <c r="V4668" s="76"/>
      <c r="W4668" s="76"/>
      <c r="X4668" s="76"/>
      <c r="Y4668" s="76"/>
      <c r="Z4668" s="76"/>
      <c r="AA4668" s="85"/>
      <c r="AB4668" s="85"/>
      <c r="AC4668" s="85"/>
      <c r="AD4668" s="85"/>
      <c r="AE4668" s="85"/>
      <c r="AF4668" s="85"/>
      <c r="AG4668" s="86"/>
      <c r="AH4668" s="85"/>
      <c r="AI4668" s="85"/>
      <c r="AJ4668" s="85"/>
      <c r="AK4668" s="85"/>
      <c r="AL4668" s="85"/>
      <c r="AM4668" s="92"/>
      <c r="AN4668" s="92"/>
      <c r="AO4668" s="92"/>
      <c r="AP4668" s="92"/>
      <c r="AQ4668" s="92"/>
      <c r="AR4668" s="92"/>
      <c r="AS4668" s="92"/>
      <c r="AT4668" s="92"/>
      <c r="AU4668" s="92"/>
      <c r="AV4668" s="92"/>
      <c r="AW4668" s="92"/>
      <c r="AX4668" s="92"/>
      <c r="AY4668" s="92"/>
      <c r="AZ4668" s="93"/>
      <c r="BA4668" s="93"/>
      <c r="BB4668" s="93"/>
      <c r="BC4668" s="93"/>
      <c r="BD4668" s="93"/>
      <c r="BE4668" s="93"/>
      <c r="BF4668" s="93"/>
      <c r="BG4668" s="93"/>
      <c r="BH4668" s="93"/>
      <c r="BI4668" s="93"/>
      <c r="BJ4668" s="93"/>
      <c r="BK4668" s="93"/>
      <c r="BL4668" s="93"/>
    </row>
    <row r="4669" spans="2:64" x14ac:dyDescent="0.2">
      <c r="B4669" s="43"/>
      <c r="C4669" s="73"/>
      <c r="D4669" s="64"/>
      <c r="E4669" s="55"/>
      <c r="F4669" s="74"/>
      <c r="G4669" s="74"/>
      <c r="H4669" s="74"/>
      <c r="I4669" s="75"/>
      <c r="J4669" s="74"/>
      <c r="L4669" s="55"/>
      <c r="M4669" s="234"/>
      <c r="N4669" s="65"/>
      <c r="O4669" s="76"/>
      <c r="P4669" s="76"/>
      <c r="Q4669" s="65"/>
      <c r="R4669" s="76"/>
      <c r="S4669" s="76"/>
      <c r="T4669" s="76"/>
      <c r="U4669" s="76"/>
      <c r="V4669" s="76"/>
      <c r="W4669" s="76"/>
      <c r="X4669" s="76"/>
      <c r="Y4669" s="76"/>
      <c r="Z4669" s="76"/>
      <c r="AA4669" s="85"/>
      <c r="AB4669" s="85"/>
      <c r="AC4669" s="85"/>
      <c r="AD4669" s="85"/>
      <c r="AE4669" s="85"/>
      <c r="AF4669" s="85"/>
      <c r="AG4669" s="86"/>
      <c r="AH4669" s="85"/>
      <c r="AI4669" s="85"/>
      <c r="AJ4669" s="85"/>
      <c r="AK4669" s="85"/>
      <c r="AL4669" s="85"/>
      <c r="AM4669" s="92"/>
      <c r="AN4669" s="92"/>
      <c r="AO4669" s="92"/>
      <c r="AP4669" s="92"/>
      <c r="AQ4669" s="92"/>
      <c r="AR4669" s="92"/>
      <c r="AS4669" s="92"/>
      <c r="AT4669" s="92"/>
      <c r="AU4669" s="92"/>
      <c r="AV4669" s="92"/>
      <c r="AW4669" s="92"/>
      <c r="AX4669" s="92"/>
      <c r="AY4669" s="92"/>
      <c r="AZ4669" s="93"/>
      <c r="BA4669" s="93"/>
      <c r="BB4669" s="93"/>
      <c r="BC4669" s="93"/>
      <c r="BD4669" s="93"/>
      <c r="BE4669" s="93"/>
      <c r="BF4669" s="93"/>
      <c r="BG4669" s="93"/>
      <c r="BH4669" s="93"/>
      <c r="BI4669" s="93"/>
      <c r="BJ4669" s="93"/>
      <c r="BK4669" s="93"/>
      <c r="BL4669" s="93"/>
    </row>
    <row r="4670" spans="2:64" x14ac:dyDescent="0.2">
      <c r="B4670" s="43"/>
      <c r="C4670" s="73"/>
      <c r="D4670" s="64"/>
      <c r="E4670" s="55"/>
      <c r="F4670" s="74"/>
      <c r="G4670" s="74"/>
      <c r="H4670" s="74"/>
      <c r="I4670" s="75"/>
      <c r="J4670" s="74"/>
      <c r="L4670" s="55"/>
      <c r="M4670" s="234"/>
      <c r="N4670" s="65"/>
      <c r="O4670" s="76"/>
      <c r="P4670" s="76"/>
      <c r="Q4670" s="65"/>
      <c r="R4670" s="76"/>
      <c r="S4670" s="76"/>
      <c r="T4670" s="76"/>
      <c r="U4670" s="76"/>
      <c r="V4670" s="76"/>
      <c r="W4670" s="76"/>
      <c r="X4670" s="76"/>
      <c r="Y4670" s="76"/>
      <c r="Z4670" s="76"/>
      <c r="AA4670" s="85"/>
      <c r="AB4670" s="85"/>
      <c r="AC4670" s="85"/>
      <c r="AD4670" s="85"/>
      <c r="AE4670" s="85"/>
      <c r="AF4670" s="85"/>
      <c r="AG4670" s="86"/>
      <c r="AH4670" s="85"/>
      <c r="AI4670" s="85"/>
      <c r="AJ4670" s="85"/>
      <c r="AK4670" s="85"/>
      <c r="AL4670" s="85"/>
      <c r="AM4670" s="92"/>
      <c r="AN4670" s="92"/>
      <c r="AO4670" s="92"/>
      <c r="AP4670" s="92"/>
      <c r="AQ4670" s="92"/>
      <c r="AR4670" s="92"/>
      <c r="AS4670" s="92"/>
      <c r="AT4670" s="92"/>
      <c r="AU4670" s="92"/>
      <c r="AV4670" s="92"/>
      <c r="AW4670" s="92"/>
      <c r="AX4670" s="92"/>
      <c r="AY4670" s="92"/>
      <c r="AZ4670" s="93"/>
      <c r="BA4670" s="93"/>
      <c r="BB4670" s="93"/>
      <c r="BC4670" s="93"/>
      <c r="BD4670" s="93"/>
      <c r="BE4670" s="93"/>
      <c r="BF4670" s="93"/>
      <c r="BG4670" s="93"/>
      <c r="BH4670" s="93"/>
      <c r="BI4670" s="93"/>
      <c r="BJ4670" s="93"/>
      <c r="BK4670" s="93"/>
      <c r="BL4670" s="93"/>
    </row>
    <row r="4671" spans="2:64" x14ac:dyDescent="0.2">
      <c r="B4671" s="43"/>
      <c r="C4671" s="73"/>
      <c r="D4671" s="64"/>
      <c r="E4671" s="55"/>
      <c r="F4671" s="74"/>
      <c r="G4671" s="74"/>
      <c r="H4671" s="74"/>
      <c r="I4671" s="75"/>
      <c r="J4671" s="74"/>
      <c r="L4671" s="55"/>
      <c r="M4671" s="234"/>
      <c r="N4671" s="65"/>
      <c r="O4671" s="76"/>
      <c r="P4671" s="76"/>
      <c r="Q4671" s="65"/>
      <c r="R4671" s="76"/>
      <c r="S4671" s="76"/>
      <c r="T4671" s="76"/>
      <c r="U4671" s="76"/>
      <c r="V4671" s="76"/>
      <c r="W4671" s="76"/>
      <c r="X4671" s="76"/>
      <c r="Y4671" s="76"/>
      <c r="Z4671" s="76"/>
      <c r="AA4671" s="85"/>
      <c r="AB4671" s="85"/>
      <c r="AC4671" s="85"/>
      <c r="AD4671" s="85"/>
      <c r="AE4671" s="85"/>
      <c r="AF4671" s="85"/>
      <c r="AG4671" s="86"/>
      <c r="AH4671" s="85"/>
      <c r="AI4671" s="85"/>
      <c r="AJ4671" s="85"/>
      <c r="AK4671" s="85"/>
      <c r="AL4671" s="85"/>
      <c r="AM4671" s="92"/>
      <c r="AN4671" s="92"/>
      <c r="AO4671" s="92"/>
      <c r="AP4671" s="92"/>
      <c r="AQ4671" s="92"/>
      <c r="AR4671" s="92"/>
      <c r="AS4671" s="92"/>
      <c r="AT4671" s="92"/>
      <c r="AU4671" s="92"/>
      <c r="AV4671" s="92"/>
      <c r="AW4671" s="92"/>
      <c r="AX4671" s="92"/>
      <c r="AY4671" s="92"/>
      <c r="AZ4671" s="93"/>
      <c r="BA4671" s="93"/>
      <c r="BB4671" s="93"/>
      <c r="BC4671" s="93"/>
      <c r="BD4671" s="93"/>
      <c r="BE4671" s="93"/>
      <c r="BF4671" s="93"/>
      <c r="BG4671" s="93"/>
      <c r="BH4671" s="93"/>
      <c r="BI4671" s="93"/>
      <c r="BJ4671" s="93"/>
      <c r="BK4671" s="93"/>
      <c r="BL4671" s="93"/>
    </row>
    <row r="4672" spans="2:64" x14ac:dyDescent="0.2">
      <c r="B4672" s="43"/>
      <c r="C4672" s="73"/>
      <c r="D4672" s="64"/>
      <c r="E4672" s="55"/>
      <c r="F4672" s="74"/>
      <c r="G4672" s="74"/>
      <c r="H4672" s="74"/>
      <c r="I4672" s="75"/>
      <c r="J4672" s="74"/>
      <c r="L4672" s="55"/>
      <c r="M4672" s="234"/>
      <c r="N4672" s="65"/>
      <c r="O4672" s="76"/>
      <c r="P4672" s="76"/>
      <c r="Q4672" s="65"/>
      <c r="R4672" s="76"/>
      <c r="S4672" s="76"/>
      <c r="T4672" s="76"/>
      <c r="U4672" s="76"/>
      <c r="V4672" s="76"/>
      <c r="W4672" s="76"/>
      <c r="X4672" s="76"/>
      <c r="Y4672" s="76"/>
      <c r="Z4672" s="76"/>
      <c r="AA4672" s="85"/>
      <c r="AB4672" s="85"/>
      <c r="AC4672" s="85"/>
      <c r="AD4672" s="85"/>
      <c r="AE4672" s="85"/>
      <c r="AF4672" s="85"/>
      <c r="AG4672" s="86"/>
      <c r="AH4672" s="85"/>
      <c r="AI4672" s="85"/>
      <c r="AJ4672" s="85"/>
      <c r="AK4672" s="85"/>
      <c r="AL4672" s="85"/>
      <c r="AM4672" s="92"/>
      <c r="AN4672" s="92"/>
      <c r="AO4672" s="92"/>
      <c r="AP4672" s="92"/>
      <c r="AQ4672" s="92"/>
      <c r="AR4672" s="92"/>
      <c r="AS4672" s="92"/>
      <c r="AT4672" s="92"/>
      <c r="AU4672" s="92"/>
      <c r="AV4672" s="92"/>
      <c r="AW4672" s="92"/>
      <c r="AX4672" s="92"/>
      <c r="AY4672" s="92"/>
      <c r="AZ4672" s="93"/>
      <c r="BA4672" s="93"/>
      <c r="BB4672" s="93"/>
      <c r="BC4672" s="93"/>
      <c r="BD4672" s="93"/>
      <c r="BE4672" s="93"/>
      <c r="BF4672" s="93"/>
      <c r="BG4672" s="93"/>
      <c r="BH4672" s="93"/>
      <c r="BI4672" s="93"/>
      <c r="BJ4672" s="93"/>
      <c r="BK4672" s="93"/>
      <c r="BL4672" s="93"/>
    </row>
    <row r="4673" spans="2:64" x14ac:dyDescent="0.2">
      <c r="B4673" s="43"/>
      <c r="C4673" s="73"/>
      <c r="D4673" s="64"/>
      <c r="E4673" s="55"/>
      <c r="F4673" s="74"/>
      <c r="G4673" s="74"/>
      <c r="H4673" s="74"/>
      <c r="I4673" s="75"/>
      <c r="J4673" s="74"/>
      <c r="L4673" s="55"/>
      <c r="M4673" s="234"/>
      <c r="N4673" s="65"/>
      <c r="O4673" s="76"/>
      <c r="P4673" s="76"/>
      <c r="Q4673" s="65"/>
      <c r="R4673" s="76"/>
      <c r="S4673" s="76"/>
      <c r="T4673" s="76"/>
      <c r="U4673" s="76"/>
      <c r="V4673" s="76"/>
      <c r="W4673" s="76"/>
      <c r="X4673" s="76"/>
      <c r="Y4673" s="76"/>
      <c r="Z4673" s="76"/>
      <c r="AA4673" s="85"/>
      <c r="AB4673" s="85"/>
      <c r="AC4673" s="85"/>
      <c r="AD4673" s="85"/>
      <c r="AE4673" s="85"/>
      <c r="AF4673" s="85"/>
      <c r="AG4673" s="86"/>
      <c r="AH4673" s="85"/>
      <c r="AI4673" s="85"/>
      <c r="AJ4673" s="85"/>
      <c r="AK4673" s="85"/>
      <c r="AL4673" s="85"/>
      <c r="AM4673" s="92"/>
      <c r="AN4673" s="92"/>
      <c r="AO4673" s="92"/>
      <c r="AP4673" s="92"/>
      <c r="AQ4673" s="92"/>
      <c r="AR4673" s="92"/>
      <c r="AS4673" s="92"/>
      <c r="AT4673" s="92"/>
      <c r="AU4673" s="92"/>
      <c r="AV4673" s="92"/>
      <c r="AW4673" s="92"/>
      <c r="AX4673" s="92"/>
      <c r="AY4673" s="92"/>
      <c r="AZ4673" s="93"/>
      <c r="BA4673" s="93"/>
      <c r="BB4673" s="93"/>
      <c r="BC4673" s="93"/>
      <c r="BD4673" s="93"/>
      <c r="BE4673" s="93"/>
      <c r="BF4673" s="93"/>
      <c r="BG4673" s="93"/>
      <c r="BH4673" s="93"/>
      <c r="BI4673" s="93"/>
      <c r="BJ4673" s="93"/>
      <c r="BK4673" s="93"/>
      <c r="BL4673" s="93"/>
    </row>
    <row r="4674" spans="2:64" x14ac:dyDescent="0.2">
      <c r="B4674" s="43"/>
      <c r="C4674" s="73"/>
      <c r="D4674" s="64"/>
      <c r="E4674" s="55"/>
      <c r="F4674" s="74"/>
      <c r="G4674" s="74"/>
      <c r="H4674" s="74"/>
      <c r="I4674" s="75"/>
      <c r="J4674" s="74"/>
      <c r="L4674" s="55"/>
      <c r="M4674" s="234"/>
      <c r="N4674" s="65"/>
      <c r="O4674" s="76"/>
      <c r="P4674" s="76"/>
      <c r="Q4674" s="65"/>
      <c r="R4674" s="76"/>
      <c r="S4674" s="76"/>
      <c r="T4674" s="76"/>
      <c r="U4674" s="76"/>
      <c r="V4674" s="76"/>
      <c r="W4674" s="76"/>
      <c r="X4674" s="76"/>
      <c r="Y4674" s="76"/>
      <c r="Z4674" s="76"/>
      <c r="AA4674" s="85"/>
      <c r="AB4674" s="85"/>
      <c r="AC4674" s="85"/>
      <c r="AD4674" s="85"/>
      <c r="AE4674" s="85"/>
      <c r="AF4674" s="85"/>
      <c r="AG4674" s="86"/>
      <c r="AH4674" s="85"/>
      <c r="AI4674" s="85"/>
      <c r="AJ4674" s="85"/>
      <c r="AK4674" s="85"/>
      <c r="AL4674" s="85"/>
      <c r="AM4674" s="92"/>
      <c r="AN4674" s="92"/>
      <c r="AO4674" s="92"/>
      <c r="AP4674" s="92"/>
      <c r="AQ4674" s="92"/>
      <c r="AR4674" s="92"/>
      <c r="AS4674" s="92"/>
      <c r="AT4674" s="92"/>
      <c r="AU4674" s="92"/>
      <c r="AV4674" s="92"/>
      <c r="AW4674" s="92"/>
      <c r="AX4674" s="92"/>
      <c r="AY4674" s="92"/>
      <c r="AZ4674" s="93"/>
      <c r="BA4674" s="93"/>
      <c r="BB4674" s="93"/>
      <c r="BC4674" s="93"/>
      <c r="BD4674" s="93"/>
      <c r="BE4674" s="93"/>
      <c r="BF4674" s="93"/>
      <c r="BG4674" s="93"/>
      <c r="BH4674" s="93"/>
      <c r="BI4674" s="93"/>
      <c r="BJ4674" s="93"/>
      <c r="BK4674" s="93"/>
      <c r="BL4674" s="93"/>
    </row>
    <row r="4675" spans="2:64" x14ac:dyDescent="0.2">
      <c r="B4675" s="43"/>
      <c r="C4675" s="73"/>
      <c r="D4675" s="64"/>
      <c r="E4675" s="55"/>
      <c r="F4675" s="74"/>
      <c r="G4675" s="74"/>
      <c r="H4675" s="74"/>
      <c r="I4675" s="75"/>
      <c r="J4675" s="74"/>
      <c r="L4675" s="55"/>
      <c r="M4675" s="234"/>
      <c r="N4675" s="65"/>
      <c r="O4675" s="76"/>
      <c r="P4675" s="76"/>
      <c r="Q4675" s="65"/>
      <c r="R4675" s="76"/>
      <c r="S4675" s="76"/>
      <c r="T4675" s="76"/>
      <c r="U4675" s="76"/>
      <c r="V4675" s="76"/>
      <c r="W4675" s="76"/>
      <c r="X4675" s="76"/>
      <c r="Y4675" s="76"/>
      <c r="Z4675" s="76"/>
      <c r="AA4675" s="85"/>
      <c r="AB4675" s="85"/>
      <c r="AC4675" s="85"/>
      <c r="AD4675" s="85"/>
      <c r="AE4675" s="85"/>
      <c r="AF4675" s="85"/>
      <c r="AG4675" s="86"/>
      <c r="AH4675" s="85"/>
      <c r="AI4675" s="85"/>
      <c r="AJ4675" s="85"/>
      <c r="AK4675" s="85"/>
      <c r="AL4675" s="85"/>
      <c r="AM4675" s="92"/>
      <c r="AN4675" s="92"/>
      <c r="AO4675" s="92"/>
      <c r="AP4675" s="92"/>
      <c r="AQ4675" s="92"/>
      <c r="AR4675" s="92"/>
      <c r="AS4675" s="92"/>
      <c r="AT4675" s="92"/>
      <c r="AU4675" s="92"/>
      <c r="AV4675" s="92"/>
      <c r="AW4675" s="92"/>
      <c r="AX4675" s="92"/>
      <c r="AY4675" s="92"/>
      <c r="AZ4675" s="93"/>
      <c r="BA4675" s="93"/>
      <c r="BB4675" s="93"/>
      <c r="BC4675" s="93"/>
      <c r="BD4675" s="93"/>
      <c r="BE4675" s="93"/>
      <c r="BF4675" s="93"/>
      <c r="BG4675" s="93"/>
      <c r="BH4675" s="93"/>
      <c r="BI4675" s="93"/>
      <c r="BJ4675" s="93"/>
      <c r="BK4675" s="93"/>
      <c r="BL4675" s="93"/>
    </row>
    <row r="4676" spans="2:64" x14ac:dyDescent="0.2">
      <c r="B4676" s="43"/>
      <c r="C4676" s="73"/>
      <c r="D4676" s="64"/>
      <c r="E4676" s="55"/>
      <c r="F4676" s="74"/>
      <c r="G4676" s="74"/>
      <c r="H4676" s="74"/>
      <c r="I4676" s="75"/>
      <c r="J4676" s="74"/>
      <c r="L4676" s="55"/>
      <c r="M4676" s="234"/>
      <c r="N4676" s="65"/>
      <c r="O4676" s="76"/>
      <c r="P4676" s="76"/>
      <c r="Q4676" s="65"/>
      <c r="R4676" s="76"/>
      <c r="S4676" s="76"/>
      <c r="T4676" s="76"/>
      <c r="U4676" s="76"/>
      <c r="V4676" s="76"/>
      <c r="W4676" s="76"/>
      <c r="X4676" s="76"/>
      <c r="Y4676" s="76"/>
      <c r="Z4676" s="76"/>
      <c r="AA4676" s="85"/>
      <c r="AB4676" s="85"/>
      <c r="AC4676" s="85"/>
      <c r="AD4676" s="85"/>
      <c r="AE4676" s="85"/>
      <c r="AF4676" s="85"/>
      <c r="AG4676" s="86"/>
      <c r="AH4676" s="85"/>
      <c r="AI4676" s="85"/>
      <c r="AJ4676" s="85"/>
      <c r="AK4676" s="85"/>
      <c r="AL4676" s="85"/>
      <c r="AM4676" s="92"/>
      <c r="AN4676" s="92"/>
      <c r="AO4676" s="92"/>
      <c r="AP4676" s="92"/>
      <c r="AQ4676" s="92"/>
      <c r="AR4676" s="92"/>
      <c r="AS4676" s="92"/>
      <c r="AT4676" s="92"/>
      <c r="AU4676" s="92"/>
      <c r="AV4676" s="92"/>
      <c r="AW4676" s="92"/>
      <c r="AX4676" s="92"/>
      <c r="AY4676" s="92"/>
      <c r="AZ4676" s="93"/>
      <c r="BA4676" s="93"/>
      <c r="BB4676" s="93"/>
      <c r="BC4676" s="93"/>
      <c r="BD4676" s="93"/>
      <c r="BE4676" s="93"/>
      <c r="BF4676" s="93"/>
      <c r="BG4676" s="93"/>
      <c r="BH4676" s="93"/>
      <c r="BI4676" s="93"/>
      <c r="BJ4676" s="93"/>
      <c r="BK4676" s="93"/>
      <c r="BL4676" s="93"/>
    </row>
    <row r="4677" spans="2:64" x14ac:dyDescent="0.2">
      <c r="B4677" s="43"/>
      <c r="C4677" s="73"/>
      <c r="D4677" s="64"/>
      <c r="E4677" s="55"/>
      <c r="F4677" s="74"/>
      <c r="G4677" s="74"/>
      <c r="H4677" s="74"/>
      <c r="I4677" s="75"/>
      <c r="J4677" s="74"/>
      <c r="L4677" s="55"/>
      <c r="M4677" s="234"/>
      <c r="N4677" s="65"/>
      <c r="O4677" s="76"/>
      <c r="P4677" s="76"/>
      <c r="Q4677" s="65"/>
      <c r="R4677" s="76"/>
      <c r="S4677" s="76"/>
      <c r="T4677" s="76"/>
      <c r="U4677" s="76"/>
      <c r="V4677" s="76"/>
      <c r="W4677" s="76"/>
      <c r="X4677" s="76"/>
      <c r="Y4677" s="76"/>
      <c r="Z4677" s="76"/>
      <c r="AA4677" s="85"/>
      <c r="AB4677" s="85"/>
      <c r="AC4677" s="85"/>
      <c r="AD4677" s="85"/>
      <c r="AE4677" s="85"/>
      <c r="AF4677" s="85"/>
      <c r="AG4677" s="86"/>
      <c r="AH4677" s="85"/>
      <c r="AI4677" s="85"/>
      <c r="AJ4677" s="85"/>
      <c r="AK4677" s="85"/>
      <c r="AL4677" s="85"/>
      <c r="AM4677" s="92"/>
      <c r="AN4677" s="92"/>
      <c r="AO4677" s="92"/>
      <c r="AP4677" s="92"/>
      <c r="AQ4677" s="92"/>
      <c r="AR4677" s="92"/>
      <c r="AS4677" s="92"/>
      <c r="AT4677" s="92"/>
      <c r="AU4677" s="92"/>
      <c r="AV4677" s="92"/>
      <c r="AW4677" s="92"/>
      <c r="AX4677" s="92"/>
      <c r="AY4677" s="92"/>
      <c r="AZ4677" s="93"/>
      <c r="BA4677" s="93"/>
      <c r="BB4677" s="93"/>
      <c r="BC4677" s="93"/>
      <c r="BD4677" s="93"/>
      <c r="BE4677" s="93"/>
      <c r="BF4677" s="93"/>
      <c r="BG4677" s="93"/>
      <c r="BH4677" s="93"/>
      <c r="BI4677" s="93"/>
      <c r="BJ4677" s="93"/>
      <c r="BK4677" s="93"/>
      <c r="BL4677" s="93"/>
    </row>
    <row r="4678" spans="2:64" x14ac:dyDescent="0.2">
      <c r="B4678" s="43"/>
      <c r="C4678" s="73"/>
      <c r="D4678" s="64"/>
      <c r="E4678" s="55"/>
      <c r="F4678" s="74"/>
      <c r="G4678" s="74"/>
      <c r="H4678" s="74"/>
      <c r="I4678" s="75"/>
      <c r="J4678" s="74"/>
      <c r="L4678" s="55"/>
      <c r="M4678" s="234"/>
      <c r="N4678" s="65"/>
      <c r="O4678" s="76"/>
      <c r="P4678" s="76"/>
      <c r="Q4678" s="65"/>
      <c r="R4678" s="76"/>
      <c r="S4678" s="76"/>
      <c r="T4678" s="76"/>
      <c r="U4678" s="76"/>
      <c r="V4678" s="76"/>
      <c r="W4678" s="76"/>
      <c r="X4678" s="76"/>
      <c r="Y4678" s="76"/>
      <c r="Z4678" s="76"/>
      <c r="AA4678" s="85"/>
      <c r="AB4678" s="85"/>
      <c r="AC4678" s="85"/>
      <c r="AD4678" s="85"/>
      <c r="AE4678" s="85"/>
      <c r="AF4678" s="85"/>
      <c r="AG4678" s="86"/>
      <c r="AH4678" s="85"/>
      <c r="AI4678" s="85"/>
      <c r="AJ4678" s="85"/>
      <c r="AK4678" s="85"/>
      <c r="AL4678" s="85"/>
      <c r="AM4678" s="92"/>
      <c r="AN4678" s="92"/>
      <c r="AO4678" s="92"/>
      <c r="AP4678" s="92"/>
      <c r="AQ4678" s="92"/>
      <c r="AR4678" s="92"/>
      <c r="AS4678" s="92"/>
      <c r="AT4678" s="92"/>
      <c r="AU4678" s="92"/>
      <c r="AV4678" s="92"/>
      <c r="AW4678" s="92"/>
      <c r="AX4678" s="92"/>
      <c r="AY4678" s="92"/>
      <c r="AZ4678" s="93"/>
      <c r="BA4678" s="93"/>
      <c r="BB4678" s="93"/>
      <c r="BC4678" s="93"/>
      <c r="BD4678" s="93"/>
      <c r="BE4678" s="93"/>
      <c r="BF4678" s="93"/>
      <c r="BG4678" s="93"/>
      <c r="BH4678" s="93"/>
      <c r="BI4678" s="93"/>
      <c r="BJ4678" s="93"/>
      <c r="BK4678" s="93"/>
      <c r="BL4678" s="93"/>
    </row>
    <row r="4679" spans="2:64" x14ac:dyDescent="0.2">
      <c r="B4679" s="43"/>
      <c r="C4679" s="73"/>
      <c r="D4679" s="64"/>
      <c r="E4679" s="55"/>
      <c r="F4679" s="74"/>
      <c r="G4679" s="74"/>
      <c r="H4679" s="74"/>
      <c r="I4679" s="75"/>
      <c r="J4679" s="74"/>
      <c r="L4679" s="55"/>
      <c r="M4679" s="234"/>
      <c r="N4679" s="65"/>
      <c r="O4679" s="76"/>
      <c r="P4679" s="76"/>
      <c r="Q4679" s="65"/>
      <c r="R4679" s="76"/>
      <c r="S4679" s="76"/>
      <c r="T4679" s="76"/>
      <c r="U4679" s="76"/>
      <c r="V4679" s="76"/>
      <c r="W4679" s="76"/>
      <c r="X4679" s="76"/>
      <c r="Y4679" s="76"/>
      <c r="Z4679" s="76"/>
      <c r="AA4679" s="85"/>
      <c r="AB4679" s="85"/>
      <c r="AC4679" s="85"/>
      <c r="AD4679" s="85"/>
      <c r="AE4679" s="85"/>
      <c r="AF4679" s="85"/>
      <c r="AG4679" s="86"/>
      <c r="AH4679" s="85"/>
      <c r="AI4679" s="85"/>
      <c r="AJ4679" s="85"/>
      <c r="AK4679" s="85"/>
      <c r="AL4679" s="85"/>
      <c r="AM4679" s="92"/>
      <c r="AN4679" s="92"/>
      <c r="AO4679" s="92"/>
      <c r="AP4679" s="92"/>
      <c r="AQ4679" s="92"/>
      <c r="AR4679" s="92"/>
      <c r="AS4679" s="92"/>
      <c r="AT4679" s="92"/>
      <c r="AU4679" s="92"/>
      <c r="AV4679" s="92"/>
      <c r="AW4679" s="92"/>
      <c r="AX4679" s="92"/>
      <c r="AY4679" s="92"/>
      <c r="AZ4679" s="93"/>
      <c r="BA4679" s="93"/>
      <c r="BB4679" s="93"/>
      <c r="BC4679" s="93"/>
      <c r="BD4679" s="93"/>
      <c r="BE4679" s="93"/>
      <c r="BF4679" s="93"/>
      <c r="BG4679" s="93"/>
      <c r="BH4679" s="93"/>
      <c r="BI4679" s="93"/>
      <c r="BJ4679" s="93"/>
      <c r="BK4679" s="93"/>
      <c r="BL4679" s="93"/>
    </row>
    <row r="4680" spans="2:64" x14ac:dyDescent="0.2">
      <c r="B4680" s="43"/>
      <c r="C4680" s="73"/>
      <c r="D4680" s="64"/>
      <c r="E4680" s="55"/>
      <c r="F4680" s="74"/>
      <c r="G4680" s="74"/>
      <c r="H4680" s="74"/>
      <c r="I4680" s="75"/>
      <c r="J4680" s="74"/>
      <c r="L4680" s="55"/>
      <c r="M4680" s="234"/>
      <c r="N4680" s="65"/>
      <c r="O4680" s="76"/>
      <c r="P4680" s="76"/>
      <c r="Q4680" s="65"/>
      <c r="R4680" s="76"/>
      <c r="S4680" s="76"/>
      <c r="T4680" s="76"/>
      <c r="U4680" s="76"/>
      <c r="V4680" s="76"/>
      <c r="W4680" s="76"/>
      <c r="X4680" s="76"/>
      <c r="Y4680" s="76"/>
      <c r="Z4680" s="76"/>
      <c r="AA4680" s="85"/>
      <c r="AB4680" s="85"/>
      <c r="AC4680" s="85"/>
      <c r="AD4680" s="85"/>
      <c r="AE4680" s="85"/>
      <c r="AF4680" s="85"/>
      <c r="AG4680" s="86"/>
      <c r="AH4680" s="85"/>
      <c r="AI4680" s="85"/>
      <c r="AJ4680" s="85"/>
      <c r="AK4680" s="85"/>
      <c r="AL4680" s="85"/>
      <c r="AM4680" s="92"/>
      <c r="AN4680" s="92"/>
      <c r="AO4680" s="92"/>
      <c r="AP4680" s="92"/>
      <c r="AQ4680" s="92"/>
      <c r="AR4680" s="92"/>
      <c r="AS4680" s="92"/>
      <c r="AT4680" s="92"/>
      <c r="AU4680" s="92"/>
      <c r="AV4680" s="92"/>
      <c r="AW4680" s="92"/>
      <c r="AX4680" s="92"/>
      <c r="AY4680" s="92"/>
      <c r="AZ4680" s="93"/>
      <c r="BA4680" s="93"/>
      <c r="BB4680" s="93"/>
      <c r="BC4680" s="93"/>
      <c r="BD4680" s="93"/>
      <c r="BE4680" s="93"/>
      <c r="BF4680" s="93"/>
      <c r="BG4680" s="93"/>
      <c r="BH4680" s="93"/>
      <c r="BI4680" s="93"/>
      <c r="BJ4680" s="93"/>
      <c r="BK4680" s="93"/>
      <c r="BL4680" s="93"/>
    </row>
    <row r="4681" spans="2:64" x14ac:dyDescent="0.2">
      <c r="B4681" s="43"/>
      <c r="C4681" s="73"/>
      <c r="D4681" s="64"/>
      <c r="E4681" s="55"/>
      <c r="F4681" s="74"/>
      <c r="G4681" s="74"/>
      <c r="H4681" s="74"/>
      <c r="I4681" s="75"/>
      <c r="J4681" s="74"/>
      <c r="L4681" s="55"/>
      <c r="M4681" s="234"/>
      <c r="N4681" s="65"/>
      <c r="O4681" s="76"/>
      <c r="P4681" s="76"/>
      <c r="Q4681" s="65"/>
      <c r="R4681" s="76"/>
      <c r="S4681" s="76"/>
      <c r="T4681" s="76"/>
      <c r="U4681" s="76"/>
      <c r="V4681" s="76"/>
      <c r="W4681" s="76"/>
      <c r="X4681" s="76"/>
      <c r="Y4681" s="76"/>
      <c r="Z4681" s="76"/>
      <c r="AA4681" s="85"/>
      <c r="AB4681" s="85"/>
      <c r="AC4681" s="85"/>
      <c r="AD4681" s="85"/>
      <c r="AE4681" s="85"/>
      <c r="AF4681" s="85"/>
      <c r="AG4681" s="86"/>
      <c r="AH4681" s="85"/>
      <c r="AI4681" s="85"/>
      <c r="AJ4681" s="85"/>
      <c r="AK4681" s="85"/>
      <c r="AL4681" s="85"/>
      <c r="AM4681" s="92"/>
      <c r="AN4681" s="92"/>
      <c r="AO4681" s="92"/>
      <c r="AP4681" s="92"/>
      <c r="AQ4681" s="92"/>
      <c r="AR4681" s="92"/>
      <c r="AS4681" s="92"/>
      <c r="AT4681" s="92"/>
      <c r="AU4681" s="92"/>
      <c r="AV4681" s="92"/>
      <c r="AW4681" s="92"/>
      <c r="AX4681" s="92"/>
      <c r="AY4681" s="92"/>
      <c r="AZ4681" s="93"/>
      <c r="BA4681" s="93"/>
      <c r="BB4681" s="93"/>
      <c r="BC4681" s="93"/>
      <c r="BD4681" s="93"/>
      <c r="BE4681" s="93"/>
      <c r="BF4681" s="93"/>
      <c r="BG4681" s="93"/>
      <c r="BH4681" s="93"/>
      <c r="BI4681" s="93"/>
      <c r="BJ4681" s="93"/>
      <c r="BK4681" s="93"/>
      <c r="BL4681" s="93"/>
    </row>
    <row r="4682" spans="2:64" x14ac:dyDescent="0.2">
      <c r="B4682" s="43"/>
      <c r="C4682" s="73"/>
      <c r="D4682" s="64"/>
      <c r="E4682" s="55"/>
      <c r="F4682" s="74"/>
      <c r="G4682" s="74"/>
      <c r="H4682" s="74"/>
      <c r="I4682" s="75"/>
      <c r="J4682" s="74"/>
      <c r="L4682" s="55"/>
      <c r="M4682" s="234"/>
      <c r="N4682" s="65"/>
      <c r="O4682" s="76"/>
      <c r="P4682" s="76"/>
      <c r="Q4682" s="65"/>
      <c r="R4682" s="76"/>
      <c r="S4682" s="76"/>
      <c r="T4682" s="76"/>
      <c r="U4682" s="76"/>
      <c r="V4682" s="76"/>
      <c r="W4682" s="76"/>
      <c r="X4682" s="76"/>
      <c r="Y4682" s="76"/>
      <c r="Z4682" s="76"/>
      <c r="AA4682" s="85"/>
      <c r="AB4682" s="85"/>
      <c r="AC4682" s="85"/>
      <c r="AD4682" s="85"/>
      <c r="AE4682" s="85"/>
      <c r="AF4682" s="85"/>
      <c r="AG4682" s="86"/>
      <c r="AH4682" s="85"/>
      <c r="AI4682" s="85"/>
      <c r="AJ4682" s="85"/>
      <c r="AK4682" s="85"/>
      <c r="AL4682" s="85"/>
      <c r="AM4682" s="92"/>
      <c r="AN4682" s="92"/>
      <c r="AO4682" s="92"/>
      <c r="AP4682" s="92"/>
      <c r="AQ4682" s="92"/>
      <c r="AR4682" s="92"/>
      <c r="AS4682" s="92"/>
      <c r="AT4682" s="92"/>
      <c r="AU4682" s="92"/>
      <c r="AV4682" s="92"/>
      <c r="AW4682" s="92"/>
      <c r="AX4682" s="92"/>
      <c r="AY4682" s="92"/>
      <c r="AZ4682" s="93"/>
      <c r="BA4682" s="93"/>
      <c r="BB4682" s="93"/>
      <c r="BC4682" s="93"/>
      <c r="BD4682" s="93"/>
      <c r="BE4682" s="93"/>
      <c r="BF4682" s="93"/>
      <c r="BG4682" s="93"/>
      <c r="BH4682" s="93"/>
      <c r="BI4682" s="93"/>
      <c r="BJ4682" s="93"/>
      <c r="BK4682" s="93"/>
      <c r="BL4682" s="93"/>
    </row>
    <row r="4683" spans="2:64" x14ac:dyDescent="0.2">
      <c r="B4683" s="43"/>
      <c r="C4683" s="73"/>
      <c r="D4683" s="64"/>
      <c r="E4683" s="55"/>
      <c r="F4683" s="74"/>
      <c r="G4683" s="74"/>
      <c r="H4683" s="74"/>
      <c r="I4683" s="75"/>
      <c r="J4683" s="74"/>
      <c r="L4683" s="55"/>
      <c r="M4683" s="234"/>
      <c r="N4683" s="65"/>
      <c r="O4683" s="76"/>
      <c r="P4683" s="76"/>
      <c r="Q4683" s="65"/>
      <c r="R4683" s="76"/>
      <c r="S4683" s="76"/>
      <c r="T4683" s="76"/>
      <c r="U4683" s="76"/>
      <c r="V4683" s="76"/>
      <c r="W4683" s="76"/>
      <c r="X4683" s="76"/>
      <c r="Y4683" s="76"/>
      <c r="Z4683" s="76"/>
      <c r="AA4683" s="85"/>
      <c r="AB4683" s="85"/>
      <c r="AC4683" s="85"/>
      <c r="AD4683" s="85"/>
      <c r="AE4683" s="85"/>
      <c r="AF4683" s="85"/>
      <c r="AG4683" s="86"/>
      <c r="AH4683" s="85"/>
      <c r="AI4683" s="85"/>
      <c r="AJ4683" s="85"/>
      <c r="AK4683" s="85"/>
      <c r="AL4683" s="85"/>
      <c r="AM4683" s="92"/>
      <c r="AN4683" s="92"/>
      <c r="AO4683" s="92"/>
      <c r="AP4683" s="92"/>
      <c r="AQ4683" s="92"/>
      <c r="AR4683" s="92"/>
      <c r="AS4683" s="92"/>
      <c r="AT4683" s="92"/>
      <c r="AU4683" s="92"/>
      <c r="AV4683" s="92"/>
      <c r="AW4683" s="92"/>
      <c r="AX4683" s="92"/>
      <c r="AY4683" s="92"/>
      <c r="AZ4683" s="93"/>
      <c r="BA4683" s="93"/>
      <c r="BB4683" s="93"/>
      <c r="BC4683" s="93"/>
      <c r="BD4683" s="93"/>
      <c r="BE4683" s="93"/>
      <c r="BF4683" s="93"/>
      <c r="BG4683" s="93"/>
      <c r="BH4683" s="93"/>
      <c r="BI4683" s="93"/>
      <c r="BJ4683" s="93"/>
      <c r="BK4683" s="93"/>
      <c r="BL4683" s="93"/>
    </row>
    <row r="4684" spans="2:64" x14ac:dyDescent="0.2">
      <c r="B4684" s="43"/>
      <c r="C4684" s="73"/>
      <c r="D4684" s="64"/>
      <c r="E4684" s="55"/>
      <c r="F4684" s="74"/>
      <c r="G4684" s="74"/>
      <c r="H4684" s="74"/>
      <c r="I4684" s="75"/>
      <c r="J4684" s="74"/>
      <c r="L4684" s="55"/>
      <c r="M4684" s="234"/>
      <c r="N4684" s="65"/>
      <c r="O4684" s="76"/>
      <c r="P4684" s="76"/>
      <c r="Q4684" s="65"/>
      <c r="R4684" s="76"/>
      <c r="S4684" s="76"/>
      <c r="T4684" s="76"/>
      <c r="U4684" s="76"/>
      <c r="V4684" s="76"/>
      <c r="W4684" s="76"/>
      <c r="X4684" s="76"/>
      <c r="Y4684" s="76"/>
      <c r="Z4684" s="76"/>
      <c r="AA4684" s="85"/>
      <c r="AB4684" s="85"/>
      <c r="AC4684" s="85"/>
      <c r="AD4684" s="85"/>
      <c r="AE4684" s="85"/>
      <c r="AF4684" s="85"/>
      <c r="AG4684" s="86"/>
      <c r="AH4684" s="85"/>
      <c r="AI4684" s="85"/>
      <c r="AJ4684" s="85"/>
      <c r="AK4684" s="85"/>
      <c r="AL4684" s="85"/>
      <c r="AM4684" s="92"/>
      <c r="AN4684" s="92"/>
      <c r="AO4684" s="92"/>
      <c r="AP4684" s="92"/>
      <c r="AQ4684" s="92"/>
      <c r="AR4684" s="92"/>
      <c r="AS4684" s="92"/>
      <c r="AT4684" s="92"/>
      <c r="AU4684" s="92"/>
      <c r="AV4684" s="92"/>
      <c r="AW4684" s="92"/>
      <c r="AX4684" s="92"/>
      <c r="AY4684" s="92"/>
      <c r="AZ4684" s="93"/>
      <c r="BA4684" s="93"/>
      <c r="BB4684" s="93"/>
      <c r="BC4684" s="93"/>
      <c r="BD4684" s="93"/>
      <c r="BE4684" s="93"/>
      <c r="BF4684" s="93"/>
      <c r="BG4684" s="93"/>
      <c r="BH4684" s="93"/>
      <c r="BI4684" s="93"/>
      <c r="BJ4684" s="93"/>
      <c r="BK4684" s="93"/>
      <c r="BL4684" s="93"/>
    </row>
    <row r="4685" spans="2:64" x14ac:dyDescent="0.2">
      <c r="B4685" s="43"/>
      <c r="C4685" s="73"/>
      <c r="D4685" s="64"/>
      <c r="E4685" s="55"/>
      <c r="F4685" s="74"/>
      <c r="G4685" s="74"/>
      <c r="H4685" s="74"/>
      <c r="I4685" s="75"/>
      <c r="J4685" s="74"/>
      <c r="L4685" s="55"/>
      <c r="M4685" s="234"/>
      <c r="N4685" s="65"/>
      <c r="O4685" s="76"/>
      <c r="P4685" s="76"/>
      <c r="Q4685" s="65"/>
      <c r="R4685" s="76"/>
      <c r="S4685" s="76"/>
      <c r="T4685" s="76"/>
      <c r="U4685" s="76"/>
      <c r="V4685" s="76"/>
      <c r="W4685" s="76"/>
      <c r="X4685" s="76"/>
      <c r="Y4685" s="76"/>
      <c r="Z4685" s="76"/>
      <c r="AA4685" s="85"/>
      <c r="AB4685" s="85"/>
      <c r="AC4685" s="85"/>
      <c r="AD4685" s="85"/>
      <c r="AE4685" s="85"/>
      <c r="AF4685" s="85"/>
      <c r="AG4685" s="86"/>
      <c r="AH4685" s="85"/>
      <c r="AI4685" s="85"/>
      <c r="AJ4685" s="85"/>
      <c r="AK4685" s="85"/>
      <c r="AL4685" s="85"/>
      <c r="AM4685" s="92"/>
      <c r="AN4685" s="92"/>
      <c r="AO4685" s="92"/>
      <c r="AP4685" s="92"/>
      <c r="AQ4685" s="92"/>
      <c r="AR4685" s="92"/>
      <c r="AS4685" s="92"/>
      <c r="AT4685" s="92"/>
      <c r="AU4685" s="92"/>
      <c r="AV4685" s="92"/>
      <c r="AW4685" s="92"/>
      <c r="AX4685" s="92"/>
      <c r="AY4685" s="92"/>
      <c r="AZ4685" s="93"/>
      <c r="BA4685" s="93"/>
      <c r="BB4685" s="93"/>
      <c r="BC4685" s="93"/>
      <c r="BD4685" s="93"/>
      <c r="BE4685" s="93"/>
      <c r="BF4685" s="93"/>
      <c r="BG4685" s="93"/>
      <c r="BH4685" s="93"/>
      <c r="BI4685" s="93"/>
      <c r="BJ4685" s="93"/>
      <c r="BK4685" s="93"/>
      <c r="BL4685" s="93"/>
    </row>
    <row r="4686" spans="2:64" x14ac:dyDescent="0.2">
      <c r="B4686" s="43"/>
      <c r="C4686" s="73"/>
      <c r="D4686" s="64"/>
      <c r="E4686" s="55"/>
      <c r="F4686" s="74"/>
      <c r="G4686" s="74"/>
      <c r="H4686" s="74"/>
      <c r="I4686" s="75"/>
      <c r="J4686" s="74"/>
      <c r="L4686" s="55"/>
      <c r="M4686" s="234"/>
      <c r="N4686" s="65"/>
      <c r="O4686" s="76"/>
      <c r="P4686" s="76"/>
      <c r="Q4686" s="65"/>
      <c r="R4686" s="76"/>
      <c r="S4686" s="76"/>
      <c r="T4686" s="76"/>
      <c r="U4686" s="76"/>
      <c r="V4686" s="76"/>
      <c r="W4686" s="76"/>
      <c r="X4686" s="76"/>
      <c r="Y4686" s="76"/>
      <c r="Z4686" s="76"/>
      <c r="AA4686" s="85"/>
      <c r="AB4686" s="85"/>
      <c r="AC4686" s="85"/>
      <c r="AD4686" s="85"/>
      <c r="AE4686" s="85"/>
      <c r="AF4686" s="85"/>
      <c r="AG4686" s="86"/>
      <c r="AH4686" s="85"/>
      <c r="AI4686" s="85"/>
      <c r="AJ4686" s="85"/>
      <c r="AK4686" s="85"/>
      <c r="AL4686" s="85"/>
      <c r="AM4686" s="92"/>
      <c r="AN4686" s="92"/>
      <c r="AO4686" s="92"/>
      <c r="AP4686" s="92"/>
      <c r="AQ4686" s="92"/>
      <c r="AR4686" s="92"/>
      <c r="AS4686" s="92"/>
      <c r="AT4686" s="92"/>
      <c r="AU4686" s="92"/>
      <c r="AV4686" s="92"/>
      <c r="AW4686" s="92"/>
      <c r="AX4686" s="92"/>
      <c r="AY4686" s="92"/>
      <c r="AZ4686" s="93"/>
      <c r="BA4686" s="93"/>
      <c r="BB4686" s="93"/>
      <c r="BC4686" s="93"/>
      <c r="BD4686" s="93"/>
      <c r="BE4686" s="93"/>
      <c r="BF4686" s="93"/>
      <c r="BG4686" s="93"/>
      <c r="BH4686" s="93"/>
      <c r="BI4686" s="93"/>
      <c r="BJ4686" s="93"/>
      <c r="BK4686" s="93"/>
      <c r="BL4686" s="93"/>
    </row>
    <row r="4687" spans="2:64" x14ac:dyDescent="0.2">
      <c r="B4687" s="43"/>
      <c r="C4687" s="73"/>
      <c r="D4687" s="64"/>
      <c r="E4687" s="55"/>
      <c r="F4687" s="74"/>
      <c r="G4687" s="74"/>
      <c r="H4687" s="74"/>
      <c r="I4687" s="75"/>
      <c r="J4687" s="74"/>
      <c r="L4687" s="55"/>
      <c r="M4687" s="234"/>
      <c r="N4687" s="65"/>
      <c r="O4687" s="76"/>
      <c r="P4687" s="76"/>
      <c r="Q4687" s="65"/>
      <c r="R4687" s="76"/>
      <c r="S4687" s="76"/>
      <c r="T4687" s="76"/>
      <c r="U4687" s="76"/>
      <c r="V4687" s="76"/>
      <c r="W4687" s="76"/>
      <c r="X4687" s="76"/>
      <c r="Y4687" s="76"/>
      <c r="Z4687" s="76"/>
      <c r="AA4687" s="85"/>
      <c r="AB4687" s="85"/>
      <c r="AC4687" s="85"/>
      <c r="AD4687" s="85"/>
      <c r="AE4687" s="85"/>
      <c r="AF4687" s="85"/>
      <c r="AG4687" s="86"/>
      <c r="AH4687" s="85"/>
      <c r="AI4687" s="85"/>
      <c r="AJ4687" s="85"/>
      <c r="AK4687" s="85"/>
      <c r="AL4687" s="85"/>
      <c r="AM4687" s="92"/>
      <c r="AN4687" s="92"/>
      <c r="AO4687" s="92"/>
      <c r="AP4687" s="92"/>
      <c r="AQ4687" s="92"/>
      <c r="AR4687" s="92"/>
      <c r="AS4687" s="92"/>
      <c r="AT4687" s="92"/>
      <c r="AU4687" s="92"/>
      <c r="AV4687" s="92"/>
      <c r="AW4687" s="92"/>
      <c r="AX4687" s="92"/>
      <c r="AY4687" s="92"/>
      <c r="AZ4687" s="93"/>
      <c r="BA4687" s="93"/>
      <c r="BB4687" s="93"/>
      <c r="BC4687" s="93"/>
      <c r="BD4687" s="93"/>
      <c r="BE4687" s="93"/>
      <c r="BF4687" s="93"/>
      <c r="BG4687" s="93"/>
      <c r="BH4687" s="93"/>
      <c r="BI4687" s="93"/>
      <c r="BJ4687" s="93"/>
      <c r="BK4687" s="93"/>
      <c r="BL4687" s="93"/>
    </row>
    <row r="4688" spans="2:64" x14ac:dyDescent="0.2">
      <c r="B4688" s="43"/>
      <c r="C4688" s="73"/>
      <c r="D4688" s="64"/>
      <c r="E4688" s="55"/>
      <c r="F4688" s="74"/>
      <c r="G4688" s="74"/>
      <c r="H4688" s="74"/>
      <c r="I4688" s="75"/>
      <c r="J4688" s="74"/>
      <c r="L4688" s="55"/>
      <c r="M4688" s="234"/>
      <c r="N4688" s="65"/>
      <c r="O4688" s="76"/>
      <c r="P4688" s="76"/>
      <c r="Q4688" s="65"/>
      <c r="R4688" s="76"/>
      <c r="S4688" s="76"/>
      <c r="T4688" s="76"/>
      <c r="U4688" s="76"/>
      <c r="V4688" s="76"/>
      <c r="W4688" s="76"/>
      <c r="X4688" s="76"/>
      <c r="Y4688" s="76"/>
      <c r="Z4688" s="76"/>
      <c r="AA4688" s="85"/>
      <c r="AB4688" s="85"/>
      <c r="AC4688" s="85"/>
      <c r="AD4688" s="85"/>
      <c r="AE4688" s="85"/>
      <c r="AF4688" s="85"/>
      <c r="AG4688" s="86"/>
      <c r="AH4688" s="85"/>
      <c r="AI4688" s="85"/>
      <c r="AJ4688" s="85"/>
      <c r="AK4688" s="85"/>
      <c r="AL4688" s="85"/>
      <c r="AM4688" s="92"/>
      <c r="AN4688" s="92"/>
      <c r="AO4688" s="92"/>
      <c r="AP4688" s="92"/>
      <c r="AQ4688" s="92"/>
      <c r="AR4688" s="92"/>
      <c r="AS4688" s="92"/>
      <c r="AT4688" s="92"/>
      <c r="AU4688" s="92"/>
      <c r="AV4688" s="92"/>
      <c r="AW4688" s="92"/>
      <c r="AX4688" s="92"/>
      <c r="AY4688" s="92"/>
      <c r="AZ4688" s="93"/>
      <c r="BA4688" s="93"/>
      <c r="BB4688" s="93"/>
      <c r="BC4688" s="93"/>
      <c r="BD4688" s="93"/>
      <c r="BE4688" s="93"/>
      <c r="BF4688" s="93"/>
      <c r="BG4688" s="93"/>
      <c r="BH4688" s="93"/>
      <c r="BI4688" s="93"/>
      <c r="BJ4688" s="93"/>
      <c r="BK4688" s="93"/>
      <c r="BL4688" s="93"/>
    </row>
    <row r="4689" spans="2:64" x14ac:dyDescent="0.2">
      <c r="B4689" s="43"/>
      <c r="C4689" s="73"/>
      <c r="D4689" s="64"/>
      <c r="E4689" s="55"/>
      <c r="F4689" s="74"/>
      <c r="G4689" s="74"/>
      <c r="H4689" s="74"/>
      <c r="I4689" s="75"/>
      <c r="J4689" s="74"/>
      <c r="L4689" s="55"/>
      <c r="M4689" s="234"/>
      <c r="N4689" s="65"/>
      <c r="O4689" s="76"/>
      <c r="P4689" s="76"/>
      <c r="Q4689" s="65"/>
      <c r="R4689" s="76"/>
      <c r="S4689" s="76"/>
      <c r="T4689" s="76"/>
      <c r="U4689" s="76"/>
      <c r="V4689" s="76"/>
      <c r="W4689" s="76"/>
      <c r="X4689" s="76"/>
      <c r="Y4689" s="76"/>
      <c r="Z4689" s="76"/>
      <c r="AA4689" s="85"/>
      <c r="AB4689" s="85"/>
      <c r="AC4689" s="85"/>
      <c r="AD4689" s="85"/>
      <c r="AE4689" s="85"/>
      <c r="AF4689" s="85"/>
      <c r="AG4689" s="86"/>
      <c r="AH4689" s="85"/>
      <c r="AI4689" s="85"/>
      <c r="AJ4689" s="85"/>
      <c r="AK4689" s="85"/>
      <c r="AL4689" s="85"/>
      <c r="AM4689" s="92"/>
      <c r="AN4689" s="92"/>
      <c r="AO4689" s="92"/>
      <c r="AP4689" s="92"/>
      <c r="AQ4689" s="92"/>
      <c r="AR4689" s="92"/>
      <c r="AS4689" s="92"/>
      <c r="AT4689" s="92"/>
      <c r="AU4689" s="92"/>
      <c r="AV4689" s="92"/>
      <c r="AW4689" s="92"/>
      <c r="AX4689" s="92"/>
      <c r="AY4689" s="92"/>
      <c r="AZ4689" s="93"/>
      <c r="BA4689" s="93"/>
      <c r="BB4689" s="93"/>
      <c r="BC4689" s="93"/>
      <c r="BD4689" s="93"/>
      <c r="BE4689" s="93"/>
      <c r="BF4689" s="93"/>
      <c r="BG4689" s="93"/>
      <c r="BH4689" s="93"/>
      <c r="BI4689" s="93"/>
      <c r="BJ4689" s="93"/>
      <c r="BK4689" s="93"/>
      <c r="BL4689" s="93"/>
    </row>
    <row r="4690" spans="2:64" x14ac:dyDescent="0.2">
      <c r="B4690" s="43"/>
      <c r="C4690" s="73"/>
      <c r="D4690" s="64"/>
      <c r="E4690" s="55"/>
      <c r="F4690" s="74"/>
      <c r="G4690" s="74"/>
      <c r="H4690" s="74"/>
      <c r="I4690" s="75"/>
      <c r="J4690" s="74"/>
      <c r="L4690" s="55"/>
      <c r="M4690" s="234"/>
      <c r="N4690" s="65"/>
      <c r="O4690" s="76"/>
      <c r="P4690" s="76"/>
      <c r="Q4690" s="65"/>
      <c r="R4690" s="76"/>
      <c r="S4690" s="76"/>
      <c r="T4690" s="76"/>
      <c r="U4690" s="76"/>
      <c r="V4690" s="76"/>
      <c r="W4690" s="76"/>
      <c r="X4690" s="76"/>
      <c r="Y4690" s="76"/>
      <c r="Z4690" s="76"/>
      <c r="AA4690" s="85"/>
      <c r="AB4690" s="85"/>
      <c r="AC4690" s="85"/>
      <c r="AD4690" s="85"/>
      <c r="AE4690" s="85"/>
      <c r="AF4690" s="85"/>
      <c r="AG4690" s="86"/>
      <c r="AH4690" s="85"/>
      <c r="AI4690" s="85"/>
      <c r="AJ4690" s="85"/>
      <c r="AK4690" s="85"/>
      <c r="AL4690" s="85"/>
      <c r="AM4690" s="92"/>
      <c r="AN4690" s="92"/>
      <c r="AO4690" s="92"/>
      <c r="AP4690" s="92"/>
      <c r="AQ4690" s="92"/>
      <c r="AR4690" s="92"/>
      <c r="AS4690" s="92"/>
      <c r="AT4690" s="92"/>
      <c r="AU4690" s="92"/>
      <c r="AV4690" s="92"/>
      <c r="AW4690" s="92"/>
      <c r="AX4690" s="92"/>
      <c r="AY4690" s="92"/>
      <c r="AZ4690" s="93"/>
      <c r="BA4690" s="93"/>
      <c r="BB4690" s="93"/>
      <c r="BC4690" s="93"/>
      <c r="BD4690" s="93"/>
      <c r="BE4690" s="93"/>
      <c r="BF4690" s="93"/>
      <c r="BG4690" s="93"/>
      <c r="BH4690" s="93"/>
      <c r="BI4690" s="93"/>
      <c r="BJ4690" s="93"/>
      <c r="BK4690" s="93"/>
      <c r="BL4690" s="93"/>
    </row>
    <row r="4691" spans="2:64" x14ac:dyDescent="0.2">
      <c r="B4691" s="43"/>
      <c r="C4691" s="73"/>
      <c r="D4691" s="64"/>
      <c r="E4691" s="55"/>
      <c r="F4691" s="74"/>
      <c r="G4691" s="74"/>
      <c r="H4691" s="74"/>
      <c r="I4691" s="75"/>
      <c r="J4691" s="74"/>
      <c r="L4691" s="55"/>
      <c r="M4691" s="234"/>
      <c r="N4691" s="65"/>
      <c r="O4691" s="76"/>
      <c r="P4691" s="76"/>
      <c r="Q4691" s="65"/>
      <c r="R4691" s="76"/>
      <c r="S4691" s="76"/>
      <c r="T4691" s="76"/>
      <c r="U4691" s="76"/>
      <c r="V4691" s="76"/>
      <c r="W4691" s="76"/>
      <c r="X4691" s="76"/>
      <c r="Y4691" s="76"/>
      <c r="Z4691" s="76"/>
      <c r="AA4691" s="85"/>
      <c r="AB4691" s="85"/>
      <c r="AC4691" s="85"/>
      <c r="AD4691" s="85"/>
      <c r="AE4691" s="85"/>
      <c r="AF4691" s="85"/>
      <c r="AG4691" s="86"/>
      <c r="AH4691" s="85"/>
      <c r="AI4691" s="85"/>
      <c r="AJ4691" s="85"/>
      <c r="AK4691" s="85"/>
      <c r="AL4691" s="85"/>
      <c r="AM4691" s="92"/>
      <c r="AN4691" s="92"/>
      <c r="AO4691" s="92"/>
      <c r="AP4691" s="92"/>
      <c r="AQ4691" s="92"/>
      <c r="AR4691" s="92"/>
      <c r="AS4691" s="92"/>
      <c r="AT4691" s="92"/>
      <c r="AU4691" s="92"/>
      <c r="AV4691" s="92"/>
      <c r="AW4691" s="92"/>
      <c r="AX4691" s="92"/>
      <c r="AY4691" s="92"/>
      <c r="AZ4691" s="93"/>
      <c r="BA4691" s="93"/>
      <c r="BB4691" s="93"/>
      <c r="BC4691" s="93"/>
      <c r="BD4691" s="93"/>
      <c r="BE4691" s="93"/>
      <c r="BF4691" s="93"/>
      <c r="BG4691" s="93"/>
      <c r="BH4691" s="93"/>
      <c r="BI4691" s="93"/>
      <c r="BJ4691" s="93"/>
      <c r="BK4691" s="93"/>
      <c r="BL4691" s="93"/>
    </row>
    <row r="4692" spans="2:64" x14ac:dyDescent="0.2">
      <c r="B4692" s="43"/>
      <c r="C4692" s="73"/>
      <c r="D4692" s="64"/>
      <c r="E4692" s="55"/>
      <c r="F4692" s="74"/>
      <c r="G4692" s="74"/>
      <c r="H4692" s="74"/>
      <c r="I4692" s="75"/>
      <c r="J4692" s="74"/>
      <c r="L4692" s="55"/>
      <c r="M4692" s="234"/>
      <c r="N4692" s="65"/>
      <c r="O4692" s="76"/>
      <c r="P4692" s="76"/>
      <c r="Q4692" s="65"/>
      <c r="R4692" s="76"/>
      <c r="S4692" s="76"/>
      <c r="T4692" s="76"/>
      <c r="U4692" s="76"/>
      <c r="V4692" s="76"/>
      <c r="W4692" s="76"/>
      <c r="X4692" s="76"/>
      <c r="Y4692" s="76"/>
      <c r="Z4692" s="76"/>
      <c r="AA4692" s="85"/>
      <c r="AB4692" s="85"/>
      <c r="AC4692" s="85"/>
      <c r="AD4692" s="85"/>
      <c r="AE4692" s="85"/>
      <c r="AF4692" s="85"/>
      <c r="AG4692" s="86"/>
      <c r="AH4692" s="85"/>
      <c r="AI4692" s="85"/>
      <c r="AJ4692" s="85"/>
      <c r="AK4692" s="85"/>
      <c r="AL4692" s="85"/>
      <c r="AM4692" s="92"/>
      <c r="AN4692" s="92"/>
      <c r="AO4692" s="92"/>
      <c r="AP4692" s="92"/>
      <c r="AQ4692" s="92"/>
      <c r="AR4692" s="92"/>
      <c r="AS4692" s="92"/>
      <c r="AT4692" s="92"/>
      <c r="AU4692" s="92"/>
      <c r="AV4692" s="92"/>
      <c r="AW4692" s="92"/>
      <c r="AX4692" s="92"/>
      <c r="AY4692" s="92"/>
      <c r="AZ4692" s="93"/>
      <c r="BA4692" s="93"/>
      <c r="BB4692" s="93"/>
      <c r="BC4692" s="93"/>
      <c r="BD4692" s="93"/>
      <c r="BE4692" s="93"/>
      <c r="BF4692" s="93"/>
      <c r="BG4692" s="93"/>
      <c r="BH4692" s="93"/>
      <c r="BI4692" s="93"/>
      <c r="BJ4692" s="93"/>
      <c r="BK4692" s="93"/>
      <c r="BL4692" s="93"/>
    </row>
    <row r="4693" spans="2:64" x14ac:dyDescent="0.2">
      <c r="B4693" s="43"/>
      <c r="C4693" s="73"/>
      <c r="D4693" s="64"/>
      <c r="E4693" s="55"/>
      <c r="F4693" s="74"/>
      <c r="G4693" s="74"/>
      <c r="H4693" s="74"/>
      <c r="I4693" s="75"/>
      <c r="J4693" s="74"/>
      <c r="L4693" s="55"/>
      <c r="M4693" s="234"/>
      <c r="N4693" s="65"/>
      <c r="O4693" s="76"/>
      <c r="P4693" s="76"/>
      <c r="Q4693" s="65"/>
      <c r="R4693" s="76"/>
      <c r="S4693" s="76"/>
      <c r="T4693" s="76"/>
      <c r="U4693" s="76"/>
      <c r="V4693" s="76"/>
      <c r="W4693" s="76"/>
      <c r="X4693" s="76"/>
      <c r="Y4693" s="76"/>
      <c r="Z4693" s="76"/>
      <c r="AA4693" s="85"/>
      <c r="AB4693" s="85"/>
      <c r="AC4693" s="85"/>
      <c r="AD4693" s="85"/>
      <c r="AE4693" s="85"/>
      <c r="AF4693" s="85"/>
      <c r="AG4693" s="86"/>
      <c r="AH4693" s="85"/>
      <c r="AI4693" s="85"/>
      <c r="AJ4693" s="85"/>
      <c r="AK4693" s="85"/>
      <c r="AL4693" s="85"/>
      <c r="AM4693" s="92"/>
      <c r="AN4693" s="92"/>
      <c r="AO4693" s="92"/>
      <c r="AP4693" s="92"/>
      <c r="AQ4693" s="92"/>
      <c r="AR4693" s="92"/>
      <c r="AS4693" s="92"/>
      <c r="AT4693" s="92"/>
      <c r="AU4693" s="92"/>
      <c r="AV4693" s="92"/>
      <c r="AW4693" s="92"/>
      <c r="AX4693" s="92"/>
      <c r="AY4693" s="92"/>
      <c r="AZ4693" s="93"/>
      <c r="BA4693" s="93"/>
      <c r="BB4693" s="93"/>
      <c r="BC4693" s="93"/>
      <c r="BD4693" s="93"/>
      <c r="BE4693" s="93"/>
      <c r="BF4693" s="93"/>
      <c r="BG4693" s="93"/>
      <c r="BH4693" s="93"/>
      <c r="BI4693" s="93"/>
      <c r="BJ4693" s="93"/>
      <c r="BK4693" s="93"/>
      <c r="BL4693" s="93"/>
    </row>
    <row r="4694" spans="2:64" x14ac:dyDescent="0.2">
      <c r="B4694" s="43"/>
      <c r="C4694" s="73"/>
      <c r="D4694" s="64"/>
      <c r="E4694" s="55"/>
      <c r="F4694" s="74"/>
      <c r="G4694" s="74"/>
      <c r="H4694" s="74"/>
      <c r="I4694" s="75"/>
      <c r="J4694" s="74"/>
      <c r="L4694" s="55"/>
      <c r="M4694" s="234"/>
      <c r="N4694" s="65"/>
      <c r="O4694" s="76"/>
      <c r="P4694" s="76"/>
      <c r="Q4694" s="65"/>
      <c r="R4694" s="76"/>
      <c r="S4694" s="76"/>
      <c r="T4694" s="76"/>
      <c r="U4694" s="76"/>
      <c r="V4694" s="76"/>
      <c r="W4694" s="76"/>
      <c r="X4694" s="76"/>
      <c r="Y4694" s="76"/>
      <c r="Z4694" s="76"/>
      <c r="AA4694" s="85"/>
      <c r="AB4694" s="85"/>
      <c r="AC4694" s="85"/>
      <c r="AD4694" s="85"/>
      <c r="AE4694" s="85"/>
      <c r="AF4694" s="85"/>
      <c r="AG4694" s="86"/>
      <c r="AH4694" s="85"/>
      <c r="AI4694" s="85"/>
      <c r="AJ4694" s="85"/>
      <c r="AK4694" s="85"/>
      <c r="AL4694" s="85"/>
      <c r="AM4694" s="92"/>
      <c r="AN4694" s="92"/>
      <c r="AO4694" s="92"/>
      <c r="AP4694" s="92"/>
      <c r="AQ4694" s="92"/>
      <c r="AR4694" s="92"/>
      <c r="AS4694" s="92"/>
      <c r="AT4694" s="92"/>
      <c r="AU4694" s="92"/>
      <c r="AV4694" s="92"/>
      <c r="AW4694" s="92"/>
      <c r="AX4694" s="92"/>
      <c r="AY4694" s="92"/>
      <c r="AZ4694" s="93"/>
      <c r="BA4694" s="93"/>
      <c r="BB4694" s="93"/>
      <c r="BC4694" s="93"/>
      <c r="BD4694" s="93"/>
      <c r="BE4694" s="93"/>
      <c r="BF4694" s="93"/>
      <c r="BG4694" s="93"/>
      <c r="BH4694" s="93"/>
      <c r="BI4694" s="93"/>
      <c r="BJ4694" s="93"/>
      <c r="BK4694" s="93"/>
      <c r="BL4694" s="93"/>
    </row>
    <row r="4695" spans="2:64" x14ac:dyDescent="0.2">
      <c r="B4695" s="43"/>
      <c r="C4695" s="73"/>
      <c r="D4695" s="64"/>
      <c r="E4695" s="55"/>
      <c r="F4695" s="74"/>
      <c r="G4695" s="74"/>
      <c r="H4695" s="74"/>
      <c r="I4695" s="75"/>
      <c r="J4695" s="74"/>
      <c r="L4695" s="55"/>
      <c r="M4695" s="234"/>
      <c r="N4695" s="65"/>
      <c r="O4695" s="76"/>
      <c r="P4695" s="76"/>
      <c r="Q4695" s="65"/>
      <c r="R4695" s="76"/>
      <c r="S4695" s="76"/>
      <c r="T4695" s="76"/>
      <c r="U4695" s="76"/>
      <c r="V4695" s="76"/>
      <c r="W4695" s="76"/>
      <c r="X4695" s="76"/>
      <c r="Y4695" s="76"/>
      <c r="Z4695" s="76"/>
      <c r="AA4695" s="85"/>
      <c r="AB4695" s="85"/>
      <c r="AC4695" s="85"/>
      <c r="AD4695" s="85"/>
      <c r="AE4695" s="85"/>
      <c r="AF4695" s="85"/>
      <c r="AG4695" s="86"/>
      <c r="AH4695" s="85"/>
      <c r="AI4695" s="85"/>
      <c r="AJ4695" s="85"/>
      <c r="AK4695" s="85"/>
      <c r="AL4695" s="85"/>
      <c r="AM4695" s="92"/>
      <c r="AN4695" s="92"/>
      <c r="AO4695" s="92"/>
      <c r="AP4695" s="92"/>
      <c r="AQ4695" s="92"/>
      <c r="AR4695" s="92"/>
      <c r="AS4695" s="92"/>
      <c r="AT4695" s="92"/>
      <c r="AU4695" s="92"/>
      <c r="AV4695" s="92"/>
      <c r="AW4695" s="92"/>
      <c r="AX4695" s="92"/>
      <c r="AY4695" s="92"/>
      <c r="AZ4695" s="93"/>
      <c r="BA4695" s="93"/>
      <c r="BB4695" s="93"/>
      <c r="BC4695" s="93"/>
      <c r="BD4695" s="93"/>
      <c r="BE4695" s="93"/>
      <c r="BF4695" s="93"/>
      <c r="BG4695" s="93"/>
      <c r="BH4695" s="93"/>
      <c r="BI4695" s="93"/>
      <c r="BJ4695" s="93"/>
      <c r="BK4695" s="93"/>
      <c r="BL4695" s="93"/>
    </row>
    <row r="4696" spans="2:64" x14ac:dyDescent="0.2">
      <c r="B4696" s="43"/>
      <c r="C4696" s="73"/>
      <c r="D4696" s="64"/>
      <c r="E4696" s="55"/>
      <c r="F4696" s="74"/>
      <c r="G4696" s="74"/>
      <c r="H4696" s="74"/>
      <c r="I4696" s="75"/>
      <c r="J4696" s="74"/>
      <c r="L4696" s="55"/>
      <c r="M4696" s="234"/>
      <c r="N4696" s="65"/>
      <c r="O4696" s="76"/>
      <c r="P4696" s="76"/>
      <c r="Q4696" s="65"/>
      <c r="R4696" s="76"/>
      <c r="S4696" s="76"/>
      <c r="T4696" s="76"/>
      <c r="U4696" s="76"/>
      <c r="V4696" s="76"/>
      <c r="W4696" s="76"/>
      <c r="X4696" s="76"/>
      <c r="Y4696" s="76"/>
      <c r="Z4696" s="76"/>
      <c r="AA4696" s="85"/>
      <c r="AB4696" s="85"/>
      <c r="AC4696" s="85"/>
      <c r="AD4696" s="85"/>
      <c r="AE4696" s="85"/>
      <c r="AF4696" s="85"/>
      <c r="AG4696" s="86"/>
      <c r="AH4696" s="85"/>
      <c r="AI4696" s="85"/>
      <c r="AJ4696" s="85"/>
      <c r="AK4696" s="85"/>
      <c r="AL4696" s="85"/>
      <c r="AM4696" s="92"/>
      <c r="AN4696" s="92"/>
      <c r="AO4696" s="92"/>
      <c r="AP4696" s="92"/>
      <c r="AQ4696" s="92"/>
      <c r="AR4696" s="92"/>
      <c r="AS4696" s="92"/>
      <c r="AT4696" s="92"/>
      <c r="AU4696" s="92"/>
      <c r="AV4696" s="92"/>
      <c r="AW4696" s="92"/>
      <c r="AX4696" s="92"/>
      <c r="AY4696" s="92"/>
      <c r="AZ4696" s="93"/>
      <c r="BA4696" s="93"/>
      <c r="BB4696" s="93"/>
      <c r="BC4696" s="93"/>
      <c r="BD4696" s="93"/>
      <c r="BE4696" s="93"/>
      <c r="BF4696" s="93"/>
      <c r="BG4696" s="93"/>
      <c r="BH4696" s="93"/>
      <c r="BI4696" s="93"/>
      <c r="BJ4696" s="93"/>
      <c r="BK4696" s="93"/>
      <c r="BL4696" s="93"/>
    </row>
    <row r="4697" spans="2:64" x14ac:dyDescent="0.2">
      <c r="B4697" s="43"/>
      <c r="C4697" s="73"/>
      <c r="D4697" s="64"/>
      <c r="E4697" s="55"/>
      <c r="F4697" s="74"/>
      <c r="G4697" s="74"/>
      <c r="H4697" s="74"/>
      <c r="I4697" s="75"/>
      <c r="J4697" s="74"/>
      <c r="L4697" s="55"/>
      <c r="M4697" s="234"/>
      <c r="N4697" s="65"/>
      <c r="O4697" s="76"/>
      <c r="P4697" s="76"/>
      <c r="Q4697" s="65"/>
      <c r="R4697" s="76"/>
      <c r="S4697" s="76"/>
      <c r="T4697" s="76"/>
      <c r="U4697" s="76"/>
      <c r="V4697" s="76"/>
      <c r="W4697" s="76"/>
      <c r="X4697" s="76"/>
      <c r="Y4697" s="76"/>
      <c r="Z4697" s="76"/>
      <c r="AA4697" s="85"/>
      <c r="AB4697" s="85"/>
      <c r="AC4697" s="85"/>
      <c r="AD4697" s="85"/>
      <c r="AE4697" s="85"/>
      <c r="AF4697" s="85"/>
      <c r="AG4697" s="86"/>
      <c r="AH4697" s="85"/>
      <c r="AI4697" s="85"/>
      <c r="AJ4697" s="85"/>
      <c r="AK4697" s="85"/>
      <c r="AL4697" s="85"/>
      <c r="AM4697" s="92"/>
      <c r="AN4697" s="92"/>
      <c r="AO4697" s="92"/>
      <c r="AP4697" s="92"/>
      <c r="AQ4697" s="92"/>
      <c r="AR4697" s="92"/>
      <c r="AS4697" s="92"/>
      <c r="AT4697" s="92"/>
      <c r="AU4697" s="92"/>
      <c r="AV4697" s="92"/>
      <c r="AW4697" s="92"/>
      <c r="AX4697" s="92"/>
      <c r="AY4697" s="92"/>
      <c r="AZ4697" s="93"/>
      <c r="BA4697" s="93"/>
      <c r="BB4697" s="93"/>
      <c r="BC4697" s="93"/>
      <c r="BD4697" s="93"/>
      <c r="BE4697" s="93"/>
      <c r="BF4697" s="93"/>
      <c r="BG4697" s="93"/>
      <c r="BH4697" s="93"/>
      <c r="BI4697" s="93"/>
      <c r="BJ4697" s="93"/>
      <c r="BK4697" s="93"/>
      <c r="BL4697" s="93"/>
    </row>
    <row r="4698" spans="2:64" x14ac:dyDescent="0.2">
      <c r="B4698" s="43"/>
      <c r="C4698" s="73"/>
      <c r="D4698" s="64"/>
      <c r="E4698" s="55"/>
      <c r="F4698" s="74"/>
      <c r="G4698" s="74"/>
      <c r="H4698" s="74"/>
      <c r="I4698" s="75"/>
      <c r="J4698" s="74"/>
      <c r="L4698" s="55"/>
      <c r="M4698" s="234"/>
      <c r="N4698" s="65"/>
      <c r="O4698" s="76"/>
      <c r="P4698" s="76"/>
      <c r="Q4698" s="65"/>
      <c r="R4698" s="76"/>
      <c r="S4698" s="76"/>
      <c r="T4698" s="76"/>
      <c r="U4698" s="76"/>
      <c r="V4698" s="76"/>
      <c r="W4698" s="76"/>
      <c r="X4698" s="76"/>
      <c r="Y4698" s="76"/>
      <c r="Z4698" s="76"/>
      <c r="AA4698" s="85"/>
      <c r="AB4698" s="85"/>
      <c r="AC4698" s="85"/>
      <c r="AD4698" s="85"/>
      <c r="AE4698" s="85"/>
      <c r="AF4698" s="85"/>
      <c r="AG4698" s="86"/>
      <c r="AH4698" s="85"/>
      <c r="AI4698" s="85"/>
      <c r="AJ4698" s="85"/>
      <c r="AK4698" s="85"/>
      <c r="AL4698" s="85"/>
      <c r="AM4698" s="92"/>
      <c r="AN4698" s="92"/>
      <c r="AO4698" s="92"/>
      <c r="AP4698" s="92"/>
      <c r="AQ4698" s="92"/>
      <c r="AR4698" s="92"/>
      <c r="AS4698" s="92"/>
      <c r="AT4698" s="92"/>
      <c r="AU4698" s="92"/>
      <c r="AV4698" s="92"/>
      <c r="AW4698" s="92"/>
      <c r="AX4698" s="92"/>
      <c r="AY4698" s="92"/>
      <c r="AZ4698" s="93"/>
      <c r="BA4698" s="93"/>
      <c r="BB4698" s="93"/>
      <c r="BC4698" s="93"/>
      <c r="BD4698" s="93"/>
      <c r="BE4698" s="93"/>
      <c r="BF4698" s="93"/>
      <c r="BG4698" s="93"/>
      <c r="BH4698" s="93"/>
      <c r="BI4698" s="93"/>
      <c r="BJ4698" s="93"/>
      <c r="BK4698" s="93"/>
      <c r="BL4698" s="93"/>
    </row>
    <row r="4699" spans="2:64" x14ac:dyDescent="0.2">
      <c r="B4699" s="43"/>
      <c r="C4699" s="73"/>
      <c r="D4699" s="64"/>
      <c r="E4699" s="55"/>
      <c r="F4699" s="74"/>
      <c r="G4699" s="74"/>
      <c r="H4699" s="74"/>
      <c r="I4699" s="75"/>
      <c r="J4699" s="74"/>
      <c r="L4699" s="55"/>
      <c r="M4699" s="234"/>
      <c r="N4699" s="65"/>
      <c r="O4699" s="76"/>
      <c r="P4699" s="76"/>
      <c r="Q4699" s="65"/>
      <c r="R4699" s="76"/>
      <c r="S4699" s="76"/>
      <c r="T4699" s="76"/>
      <c r="U4699" s="76"/>
      <c r="V4699" s="76"/>
      <c r="W4699" s="76"/>
      <c r="X4699" s="76"/>
      <c r="Y4699" s="76"/>
      <c r="Z4699" s="76"/>
      <c r="AA4699" s="85"/>
      <c r="AB4699" s="85"/>
      <c r="AC4699" s="85"/>
      <c r="AD4699" s="85"/>
      <c r="AE4699" s="85"/>
      <c r="AF4699" s="85"/>
      <c r="AG4699" s="86"/>
      <c r="AH4699" s="85"/>
      <c r="AI4699" s="85"/>
      <c r="AJ4699" s="85"/>
      <c r="AK4699" s="85"/>
      <c r="AL4699" s="85"/>
      <c r="AM4699" s="92"/>
      <c r="AN4699" s="92"/>
      <c r="AO4699" s="92"/>
      <c r="AP4699" s="92"/>
      <c r="AQ4699" s="92"/>
      <c r="AR4699" s="92"/>
      <c r="AS4699" s="92"/>
      <c r="AT4699" s="92"/>
      <c r="AU4699" s="92"/>
      <c r="AV4699" s="92"/>
      <c r="AW4699" s="92"/>
      <c r="AX4699" s="92"/>
      <c r="AY4699" s="92"/>
      <c r="AZ4699" s="93"/>
      <c r="BA4699" s="93"/>
      <c r="BB4699" s="93"/>
      <c r="BC4699" s="93"/>
      <c r="BD4699" s="93"/>
      <c r="BE4699" s="93"/>
      <c r="BF4699" s="93"/>
      <c r="BG4699" s="93"/>
      <c r="BH4699" s="93"/>
      <c r="BI4699" s="93"/>
      <c r="BJ4699" s="93"/>
      <c r="BK4699" s="93"/>
      <c r="BL4699" s="93"/>
    </row>
    <row r="4700" spans="2:64" x14ac:dyDescent="0.2">
      <c r="B4700" s="43"/>
      <c r="C4700" s="73"/>
      <c r="D4700" s="64"/>
      <c r="E4700" s="55"/>
      <c r="F4700" s="74"/>
      <c r="G4700" s="74"/>
      <c r="H4700" s="74"/>
      <c r="I4700" s="75"/>
      <c r="J4700" s="74"/>
      <c r="L4700" s="55"/>
      <c r="M4700" s="234"/>
      <c r="N4700" s="65"/>
      <c r="O4700" s="76"/>
      <c r="P4700" s="76"/>
      <c r="Q4700" s="65"/>
      <c r="R4700" s="76"/>
      <c r="S4700" s="76"/>
      <c r="T4700" s="76"/>
      <c r="U4700" s="76"/>
      <c r="V4700" s="76"/>
      <c r="W4700" s="76"/>
      <c r="X4700" s="76"/>
      <c r="Y4700" s="76"/>
      <c r="Z4700" s="76"/>
      <c r="AA4700" s="85"/>
      <c r="AB4700" s="85"/>
      <c r="AC4700" s="85"/>
      <c r="AD4700" s="85"/>
      <c r="AE4700" s="85"/>
      <c r="AF4700" s="85"/>
      <c r="AG4700" s="86"/>
      <c r="AH4700" s="85"/>
      <c r="AI4700" s="85"/>
      <c r="AJ4700" s="85"/>
      <c r="AK4700" s="85"/>
      <c r="AL4700" s="85"/>
      <c r="AM4700" s="92"/>
      <c r="AN4700" s="92"/>
      <c r="AO4700" s="92"/>
      <c r="AP4700" s="92"/>
      <c r="AQ4700" s="92"/>
      <c r="AR4700" s="92"/>
      <c r="AS4700" s="92"/>
      <c r="AT4700" s="92"/>
      <c r="AU4700" s="92"/>
      <c r="AV4700" s="92"/>
      <c r="AW4700" s="92"/>
      <c r="AX4700" s="92"/>
      <c r="AY4700" s="92"/>
      <c r="AZ4700" s="93"/>
      <c r="BA4700" s="93"/>
      <c r="BB4700" s="93"/>
      <c r="BC4700" s="93"/>
      <c r="BD4700" s="93"/>
      <c r="BE4700" s="93"/>
      <c r="BF4700" s="93"/>
      <c r="BG4700" s="93"/>
      <c r="BH4700" s="93"/>
      <c r="BI4700" s="93"/>
      <c r="BJ4700" s="93"/>
      <c r="BK4700" s="93"/>
      <c r="BL4700" s="93"/>
    </row>
    <row r="4701" spans="2:64" x14ac:dyDescent="0.2">
      <c r="B4701" s="43"/>
      <c r="C4701" s="73"/>
      <c r="D4701" s="64"/>
      <c r="E4701" s="55"/>
      <c r="F4701" s="74"/>
      <c r="G4701" s="74"/>
      <c r="H4701" s="74"/>
      <c r="I4701" s="75"/>
      <c r="J4701" s="74"/>
      <c r="L4701" s="55"/>
      <c r="M4701" s="234"/>
      <c r="N4701" s="65"/>
      <c r="O4701" s="76"/>
      <c r="P4701" s="76"/>
      <c r="Q4701" s="65"/>
      <c r="R4701" s="76"/>
      <c r="S4701" s="76"/>
      <c r="T4701" s="76"/>
      <c r="U4701" s="76"/>
      <c r="V4701" s="76"/>
      <c r="W4701" s="76"/>
      <c r="X4701" s="76"/>
      <c r="Y4701" s="76"/>
      <c r="Z4701" s="76"/>
      <c r="AA4701" s="85"/>
      <c r="AB4701" s="85"/>
      <c r="AC4701" s="85"/>
      <c r="AD4701" s="85"/>
      <c r="AE4701" s="85"/>
      <c r="AF4701" s="85"/>
      <c r="AG4701" s="86"/>
      <c r="AH4701" s="85"/>
      <c r="AI4701" s="85"/>
      <c r="AJ4701" s="85"/>
      <c r="AK4701" s="85"/>
      <c r="AL4701" s="85"/>
      <c r="AM4701" s="92"/>
      <c r="AN4701" s="92"/>
      <c r="AO4701" s="92"/>
      <c r="AP4701" s="92"/>
      <c r="AQ4701" s="92"/>
      <c r="AR4701" s="92"/>
      <c r="AS4701" s="92"/>
      <c r="AT4701" s="92"/>
      <c r="AU4701" s="92"/>
      <c r="AV4701" s="92"/>
      <c r="AW4701" s="92"/>
      <c r="AX4701" s="92"/>
      <c r="AY4701" s="92"/>
      <c r="AZ4701" s="93"/>
      <c r="BA4701" s="93"/>
      <c r="BB4701" s="93"/>
      <c r="BC4701" s="93"/>
      <c r="BD4701" s="93"/>
      <c r="BE4701" s="93"/>
      <c r="BF4701" s="93"/>
      <c r="BG4701" s="93"/>
      <c r="BH4701" s="93"/>
      <c r="BI4701" s="93"/>
      <c r="BJ4701" s="93"/>
      <c r="BK4701" s="93"/>
      <c r="BL4701" s="93"/>
    </row>
    <row r="4702" spans="2:64" x14ac:dyDescent="0.2">
      <c r="B4702" s="43"/>
      <c r="C4702" s="73"/>
      <c r="D4702" s="64"/>
      <c r="E4702" s="55"/>
      <c r="F4702" s="74"/>
      <c r="G4702" s="74"/>
      <c r="H4702" s="74"/>
      <c r="I4702" s="75"/>
      <c r="J4702" s="74"/>
      <c r="L4702" s="55"/>
      <c r="M4702" s="234"/>
      <c r="N4702" s="65"/>
      <c r="O4702" s="76"/>
      <c r="P4702" s="76"/>
      <c r="Q4702" s="65"/>
      <c r="R4702" s="76"/>
      <c r="S4702" s="76"/>
      <c r="T4702" s="76"/>
      <c r="U4702" s="76"/>
      <c r="V4702" s="76"/>
      <c r="W4702" s="76"/>
      <c r="X4702" s="76"/>
      <c r="Y4702" s="76"/>
      <c r="Z4702" s="76"/>
      <c r="AA4702" s="85"/>
      <c r="AB4702" s="85"/>
      <c r="AC4702" s="85"/>
      <c r="AD4702" s="85"/>
      <c r="AE4702" s="85"/>
      <c r="AF4702" s="85"/>
      <c r="AG4702" s="86"/>
      <c r="AH4702" s="85"/>
      <c r="AI4702" s="85"/>
      <c r="AJ4702" s="85"/>
      <c r="AK4702" s="85"/>
      <c r="AL4702" s="85"/>
      <c r="AM4702" s="92"/>
      <c r="AN4702" s="92"/>
      <c r="AO4702" s="92"/>
      <c r="AP4702" s="92"/>
      <c r="AQ4702" s="92"/>
      <c r="AR4702" s="92"/>
      <c r="AS4702" s="92"/>
      <c r="AT4702" s="92"/>
      <c r="AU4702" s="92"/>
      <c r="AV4702" s="92"/>
      <c r="AW4702" s="92"/>
      <c r="AX4702" s="92"/>
      <c r="AY4702" s="92"/>
      <c r="AZ4702" s="93"/>
      <c r="BA4702" s="93"/>
      <c r="BB4702" s="93"/>
      <c r="BC4702" s="93"/>
      <c r="BD4702" s="93"/>
      <c r="BE4702" s="93"/>
      <c r="BF4702" s="93"/>
      <c r="BG4702" s="93"/>
      <c r="BH4702" s="93"/>
      <c r="BI4702" s="93"/>
      <c r="BJ4702" s="93"/>
      <c r="BK4702" s="93"/>
      <c r="BL4702" s="93"/>
    </row>
    <row r="4703" spans="2:64" x14ac:dyDescent="0.2">
      <c r="B4703" s="43"/>
      <c r="C4703" s="73"/>
      <c r="D4703" s="64"/>
      <c r="E4703" s="55"/>
      <c r="F4703" s="74"/>
      <c r="G4703" s="74"/>
      <c r="H4703" s="74"/>
      <c r="I4703" s="75"/>
      <c r="J4703" s="74"/>
      <c r="L4703" s="55"/>
      <c r="M4703" s="234"/>
      <c r="N4703" s="65"/>
      <c r="O4703" s="76"/>
      <c r="P4703" s="76"/>
      <c r="Q4703" s="65"/>
      <c r="R4703" s="76"/>
      <c r="S4703" s="76"/>
      <c r="T4703" s="76"/>
      <c r="U4703" s="76"/>
      <c r="V4703" s="76"/>
      <c r="W4703" s="76"/>
      <c r="X4703" s="76"/>
      <c r="Y4703" s="76"/>
      <c r="Z4703" s="76"/>
      <c r="AA4703" s="85"/>
      <c r="AB4703" s="85"/>
      <c r="AC4703" s="85"/>
      <c r="AD4703" s="85"/>
      <c r="AE4703" s="85"/>
      <c r="AF4703" s="85"/>
      <c r="AG4703" s="86"/>
      <c r="AH4703" s="85"/>
      <c r="AI4703" s="85"/>
      <c r="AJ4703" s="85"/>
      <c r="AK4703" s="85"/>
      <c r="AL4703" s="85"/>
      <c r="AM4703" s="92"/>
      <c r="AN4703" s="92"/>
      <c r="AO4703" s="92"/>
      <c r="AP4703" s="92"/>
      <c r="AQ4703" s="92"/>
      <c r="AR4703" s="92"/>
      <c r="AS4703" s="92"/>
      <c r="AT4703" s="92"/>
      <c r="AU4703" s="92"/>
      <c r="AV4703" s="92"/>
      <c r="AW4703" s="92"/>
      <c r="AX4703" s="92"/>
      <c r="AY4703" s="92"/>
      <c r="AZ4703" s="93"/>
      <c r="BA4703" s="93"/>
      <c r="BB4703" s="93"/>
      <c r="BC4703" s="93"/>
      <c r="BD4703" s="93"/>
      <c r="BE4703" s="93"/>
      <c r="BF4703" s="93"/>
      <c r="BG4703" s="93"/>
      <c r="BH4703" s="93"/>
      <c r="BI4703" s="93"/>
      <c r="BJ4703" s="93"/>
      <c r="BK4703" s="93"/>
      <c r="BL4703" s="93"/>
    </row>
    <row r="4704" spans="2:64" x14ac:dyDescent="0.2">
      <c r="B4704" s="43"/>
      <c r="C4704" s="73"/>
      <c r="D4704" s="64"/>
      <c r="E4704" s="55"/>
      <c r="F4704" s="74"/>
      <c r="G4704" s="74"/>
      <c r="H4704" s="74"/>
      <c r="I4704" s="75"/>
      <c r="J4704" s="74"/>
      <c r="L4704" s="55"/>
      <c r="M4704" s="234"/>
      <c r="N4704" s="65"/>
      <c r="O4704" s="76"/>
      <c r="P4704" s="76"/>
      <c r="Q4704" s="65"/>
      <c r="R4704" s="76"/>
      <c r="S4704" s="76"/>
      <c r="T4704" s="76"/>
      <c r="U4704" s="76"/>
      <c r="V4704" s="76"/>
      <c r="W4704" s="76"/>
      <c r="X4704" s="76"/>
      <c r="Y4704" s="76"/>
      <c r="Z4704" s="76"/>
      <c r="AA4704" s="85"/>
      <c r="AB4704" s="85"/>
      <c r="AC4704" s="85"/>
      <c r="AD4704" s="85"/>
      <c r="AE4704" s="85"/>
      <c r="AF4704" s="85"/>
      <c r="AG4704" s="86"/>
      <c r="AH4704" s="85"/>
      <c r="AI4704" s="85"/>
      <c r="AJ4704" s="85"/>
      <c r="AK4704" s="85"/>
      <c r="AL4704" s="85"/>
      <c r="AM4704" s="92"/>
      <c r="AN4704" s="92"/>
      <c r="AO4704" s="92"/>
      <c r="AP4704" s="92"/>
      <c r="AQ4704" s="92"/>
      <c r="AR4704" s="92"/>
      <c r="AS4704" s="92"/>
      <c r="AT4704" s="92"/>
      <c r="AU4704" s="92"/>
      <c r="AV4704" s="92"/>
      <c r="AW4704" s="92"/>
      <c r="AX4704" s="92"/>
      <c r="AY4704" s="92"/>
      <c r="AZ4704" s="93"/>
      <c r="BA4704" s="93"/>
      <c r="BB4704" s="93"/>
      <c r="BC4704" s="93"/>
      <c r="BD4704" s="93"/>
      <c r="BE4704" s="93"/>
      <c r="BF4704" s="93"/>
      <c r="BG4704" s="93"/>
      <c r="BH4704" s="93"/>
      <c r="BI4704" s="93"/>
      <c r="BJ4704" s="93"/>
      <c r="BK4704" s="93"/>
      <c r="BL4704" s="93"/>
    </row>
    <row r="4705" spans="2:64" x14ac:dyDescent="0.2">
      <c r="B4705" s="43"/>
      <c r="C4705" s="73"/>
      <c r="D4705" s="64"/>
      <c r="E4705" s="55"/>
      <c r="F4705" s="74"/>
      <c r="G4705" s="74"/>
      <c r="H4705" s="74"/>
      <c r="I4705" s="75"/>
      <c r="J4705" s="74"/>
      <c r="L4705" s="55"/>
      <c r="M4705" s="234"/>
      <c r="N4705" s="65"/>
      <c r="O4705" s="76"/>
      <c r="P4705" s="76"/>
      <c r="Q4705" s="65"/>
      <c r="R4705" s="76"/>
      <c r="S4705" s="76"/>
      <c r="T4705" s="76"/>
      <c r="U4705" s="76"/>
      <c r="V4705" s="76"/>
      <c r="W4705" s="76"/>
      <c r="X4705" s="76"/>
      <c r="Y4705" s="76"/>
      <c r="Z4705" s="76"/>
      <c r="AA4705" s="85"/>
      <c r="AB4705" s="85"/>
      <c r="AC4705" s="85"/>
      <c r="AD4705" s="85"/>
      <c r="AE4705" s="85"/>
      <c r="AF4705" s="85"/>
      <c r="AG4705" s="86"/>
      <c r="AH4705" s="85"/>
      <c r="AI4705" s="85"/>
      <c r="AJ4705" s="85"/>
      <c r="AK4705" s="85"/>
      <c r="AL4705" s="85"/>
      <c r="AM4705" s="92"/>
      <c r="AN4705" s="92"/>
      <c r="AO4705" s="92"/>
      <c r="AP4705" s="92"/>
      <c r="AQ4705" s="92"/>
      <c r="AR4705" s="92"/>
      <c r="AS4705" s="92"/>
      <c r="AT4705" s="92"/>
      <c r="AU4705" s="92"/>
      <c r="AV4705" s="92"/>
      <c r="AW4705" s="92"/>
      <c r="AX4705" s="92"/>
      <c r="AY4705" s="92"/>
      <c r="AZ4705" s="93"/>
      <c r="BA4705" s="93"/>
      <c r="BB4705" s="93"/>
      <c r="BC4705" s="93"/>
      <c r="BD4705" s="93"/>
      <c r="BE4705" s="93"/>
      <c r="BF4705" s="93"/>
      <c r="BG4705" s="93"/>
      <c r="BH4705" s="93"/>
      <c r="BI4705" s="93"/>
      <c r="BJ4705" s="93"/>
      <c r="BK4705" s="93"/>
      <c r="BL4705" s="93"/>
    </row>
    <row r="4706" spans="2:64" x14ac:dyDescent="0.2">
      <c r="B4706" s="43"/>
      <c r="C4706" s="73"/>
      <c r="D4706" s="64"/>
      <c r="E4706" s="55"/>
      <c r="F4706" s="74"/>
      <c r="G4706" s="74"/>
      <c r="H4706" s="74"/>
      <c r="I4706" s="75"/>
      <c r="J4706" s="74"/>
      <c r="L4706" s="55"/>
      <c r="M4706" s="234"/>
      <c r="N4706" s="65"/>
      <c r="O4706" s="76"/>
      <c r="P4706" s="76"/>
      <c r="Q4706" s="65"/>
      <c r="R4706" s="76"/>
      <c r="S4706" s="76"/>
      <c r="T4706" s="76"/>
      <c r="U4706" s="76"/>
      <c r="V4706" s="76"/>
      <c r="W4706" s="76"/>
      <c r="X4706" s="76"/>
      <c r="Y4706" s="76"/>
      <c r="Z4706" s="76"/>
      <c r="AA4706" s="85"/>
      <c r="AB4706" s="85"/>
      <c r="AC4706" s="85"/>
      <c r="AD4706" s="85"/>
      <c r="AE4706" s="85"/>
      <c r="AF4706" s="85"/>
      <c r="AG4706" s="86"/>
      <c r="AH4706" s="85"/>
      <c r="AI4706" s="85"/>
      <c r="AJ4706" s="85"/>
      <c r="AK4706" s="85"/>
      <c r="AL4706" s="85"/>
      <c r="AM4706" s="92"/>
      <c r="AN4706" s="92"/>
      <c r="AO4706" s="92"/>
      <c r="AP4706" s="92"/>
      <c r="AQ4706" s="92"/>
      <c r="AR4706" s="92"/>
      <c r="AS4706" s="92"/>
      <c r="AT4706" s="92"/>
      <c r="AU4706" s="92"/>
      <c r="AV4706" s="92"/>
      <c r="AW4706" s="92"/>
      <c r="AX4706" s="92"/>
      <c r="AY4706" s="92"/>
      <c r="AZ4706" s="93"/>
      <c r="BA4706" s="93"/>
      <c r="BB4706" s="93"/>
      <c r="BC4706" s="93"/>
      <c r="BD4706" s="93"/>
      <c r="BE4706" s="93"/>
      <c r="BF4706" s="93"/>
      <c r="BG4706" s="93"/>
      <c r="BH4706" s="93"/>
      <c r="BI4706" s="93"/>
      <c r="BJ4706" s="93"/>
      <c r="BK4706" s="93"/>
      <c r="BL4706" s="93"/>
    </row>
    <row r="4707" spans="2:64" x14ac:dyDescent="0.2">
      <c r="B4707" s="43"/>
      <c r="C4707" s="73"/>
      <c r="D4707" s="64"/>
      <c r="E4707" s="55"/>
      <c r="F4707" s="74"/>
      <c r="G4707" s="74"/>
      <c r="H4707" s="74"/>
      <c r="I4707" s="75"/>
      <c r="J4707" s="74"/>
      <c r="L4707" s="55"/>
      <c r="M4707" s="234"/>
      <c r="N4707" s="65"/>
      <c r="O4707" s="76"/>
      <c r="P4707" s="76"/>
      <c r="Q4707" s="65"/>
      <c r="R4707" s="76"/>
      <c r="S4707" s="76"/>
      <c r="T4707" s="76"/>
      <c r="U4707" s="76"/>
      <c r="V4707" s="76"/>
      <c r="W4707" s="76"/>
      <c r="X4707" s="76"/>
      <c r="Y4707" s="76"/>
      <c r="Z4707" s="76"/>
      <c r="AA4707" s="85"/>
      <c r="AB4707" s="85"/>
      <c r="AC4707" s="85"/>
      <c r="AD4707" s="85"/>
      <c r="AE4707" s="85"/>
      <c r="AF4707" s="85"/>
      <c r="AG4707" s="86"/>
      <c r="AH4707" s="85"/>
      <c r="AI4707" s="85"/>
      <c r="AJ4707" s="85"/>
      <c r="AK4707" s="85"/>
      <c r="AL4707" s="85"/>
      <c r="AM4707" s="92"/>
      <c r="AN4707" s="92"/>
      <c r="AO4707" s="92"/>
      <c r="AP4707" s="92"/>
      <c r="AQ4707" s="92"/>
      <c r="AR4707" s="92"/>
      <c r="AS4707" s="92"/>
      <c r="AT4707" s="92"/>
      <c r="AU4707" s="92"/>
      <c r="AV4707" s="92"/>
      <c r="AW4707" s="92"/>
      <c r="AX4707" s="92"/>
      <c r="AY4707" s="92"/>
      <c r="AZ4707" s="93"/>
      <c r="BA4707" s="93"/>
      <c r="BB4707" s="93"/>
      <c r="BC4707" s="93"/>
      <c r="BD4707" s="93"/>
      <c r="BE4707" s="93"/>
      <c r="BF4707" s="93"/>
      <c r="BG4707" s="93"/>
      <c r="BH4707" s="93"/>
      <c r="BI4707" s="93"/>
      <c r="BJ4707" s="93"/>
      <c r="BK4707" s="93"/>
      <c r="BL4707" s="93"/>
    </row>
    <row r="4708" spans="2:64" x14ac:dyDescent="0.2">
      <c r="B4708" s="43"/>
      <c r="C4708" s="73"/>
      <c r="D4708" s="64"/>
      <c r="E4708" s="55"/>
      <c r="F4708" s="74"/>
      <c r="G4708" s="74"/>
      <c r="H4708" s="74"/>
      <c r="I4708" s="75"/>
      <c r="J4708" s="74"/>
      <c r="L4708" s="55"/>
      <c r="M4708" s="234"/>
      <c r="N4708" s="65"/>
      <c r="O4708" s="76"/>
      <c r="P4708" s="76"/>
      <c r="Q4708" s="65"/>
      <c r="R4708" s="76"/>
      <c r="S4708" s="76"/>
      <c r="T4708" s="76"/>
      <c r="U4708" s="76"/>
      <c r="V4708" s="76"/>
      <c r="W4708" s="76"/>
      <c r="X4708" s="76"/>
      <c r="Y4708" s="76"/>
      <c r="Z4708" s="76"/>
      <c r="AA4708" s="85"/>
      <c r="AB4708" s="85"/>
      <c r="AC4708" s="85"/>
      <c r="AD4708" s="85"/>
      <c r="AE4708" s="85"/>
      <c r="AF4708" s="85"/>
      <c r="AG4708" s="86"/>
      <c r="AH4708" s="85"/>
      <c r="AI4708" s="85"/>
      <c r="AJ4708" s="85"/>
      <c r="AK4708" s="85"/>
      <c r="AL4708" s="85"/>
      <c r="AM4708" s="92"/>
      <c r="AN4708" s="92"/>
      <c r="AO4708" s="92"/>
      <c r="AP4708" s="92"/>
      <c r="AQ4708" s="92"/>
      <c r="AR4708" s="92"/>
      <c r="AS4708" s="92"/>
      <c r="AT4708" s="92"/>
      <c r="AU4708" s="92"/>
      <c r="AV4708" s="92"/>
      <c r="AW4708" s="92"/>
      <c r="AX4708" s="92"/>
      <c r="AY4708" s="92"/>
      <c r="AZ4708" s="93"/>
      <c r="BA4708" s="93"/>
      <c r="BB4708" s="93"/>
      <c r="BC4708" s="93"/>
      <c r="BD4708" s="93"/>
      <c r="BE4708" s="93"/>
      <c r="BF4708" s="93"/>
      <c r="BG4708" s="93"/>
      <c r="BH4708" s="93"/>
      <c r="BI4708" s="93"/>
      <c r="BJ4708" s="93"/>
      <c r="BK4708" s="93"/>
      <c r="BL4708" s="93"/>
    </row>
    <row r="4709" spans="2:64" x14ac:dyDescent="0.2">
      <c r="B4709" s="43"/>
      <c r="C4709" s="73"/>
      <c r="D4709" s="64"/>
      <c r="E4709" s="55"/>
      <c r="F4709" s="74"/>
      <c r="G4709" s="74"/>
      <c r="H4709" s="74"/>
      <c r="I4709" s="75"/>
      <c r="J4709" s="74"/>
      <c r="L4709" s="55"/>
      <c r="M4709" s="234"/>
      <c r="N4709" s="65"/>
      <c r="O4709" s="76"/>
      <c r="P4709" s="76"/>
      <c r="Q4709" s="65"/>
      <c r="R4709" s="76"/>
      <c r="S4709" s="76"/>
      <c r="T4709" s="76"/>
      <c r="U4709" s="76"/>
      <c r="V4709" s="76"/>
      <c r="W4709" s="76"/>
      <c r="X4709" s="76"/>
      <c r="Y4709" s="76"/>
      <c r="Z4709" s="76"/>
      <c r="AA4709" s="85"/>
      <c r="AB4709" s="85"/>
      <c r="AC4709" s="85"/>
      <c r="AD4709" s="85"/>
      <c r="AE4709" s="85"/>
      <c r="AF4709" s="85"/>
      <c r="AG4709" s="86"/>
      <c r="AH4709" s="85"/>
      <c r="AI4709" s="85"/>
      <c r="AJ4709" s="85"/>
      <c r="AK4709" s="85"/>
      <c r="AL4709" s="85"/>
      <c r="AM4709" s="92"/>
      <c r="AN4709" s="92"/>
      <c r="AO4709" s="92"/>
      <c r="AP4709" s="92"/>
      <c r="AQ4709" s="92"/>
      <c r="AR4709" s="92"/>
      <c r="AS4709" s="92"/>
      <c r="AT4709" s="92"/>
      <c r="AU4709" s="92"/>
      <c r="AV4709" s="92"/>
      <c r="AW4709" s="92"/>
      <c r="AX4709" s="92"/>
      <c r="AY4709" s="92"/>
      <c r="AZ4709" s="93"/>
      <c r="BA4709" s="93"/>
      <c r="BB4709" s="93"/>
      <c r="BC4709" s="93"/>
      <c r="BD4709" s="93"/>
      <c r="BE4709" s="93"/>
      <c r="BF4709" s="93"/>
      <c r="BG4709" s="93"/>
      <c r="BH4709" s="93"/>
      <c r="BI4709" s="93"/>
      <c r="BJ4709" s="93"/>
      <c r="BK4709" s="93"/>
      <c r="BL4709" s="93"/>
    </row>
    <row r="4710" spans="2:64" x14ac:dyDescent="0.2">
      <c r="B4710" s="43"/>
      <c r="C4710" s="73"/>
      <c r="D4710" s="64"/>
      <c r="E4710" s="55"/>
      <c r="F4710" s="74"/>
      <c r="G4710" s="74"/>
      <c r="H4710" s="74"/>
      <c r="I4710" s="75"/>
      <c r="J4710" s="74"/>
      <c r="L4710" s="55"/>
      <c r="M4710" s="234"/>
      <c r="N4710" s="65"/>
      <c r="O4710" s="76"/>
      <c r="P4710" s="76"/>
      <c r="Q4710" s="65"/>
      <c r="R4710" s="76"/>
      <c r="S4710" s="76"/>
      <c r="T4710" s="76"/>
      <c r="U4710" s="76"/>
      <c r="V4710" s="76"/>
      <c r="W4710" s="76"/>
      <c r="X4710" s="76"/>
      <c r="Y4710" s="76"/>
      <c r="Z4710" s="76"/>
      <c r="AA4710" s="85"/>
      <c r="AB4710" s="85"/>
      <c r="AC4710" s="85"/>
      <c r="AD4710" s="85"/>
      <c r="AE4710" s="85"/>
      <c r="AF4710" s="85"/>
      <c r="AG4710" s="86"/>
      <c r="AH4710" s="85"/>
      <c r="AI4710" s="85"/>
      <c r="AJ4710" s="85"/>
      <c r="AK4710" s="85"/>
      <c r="AL4710" s="85"/>
      <c r="AM4710" s="92"/>
      <c r="AN4710" s="92"/>
      <c r="AO4710" s="92"/>
      <c r="AP4710" s="92"/>
      <c r="AQ4710" s="92"/>
      <c r="AR4710" s="92"/>
      <c r="AS4710" s="92"/>
      <c r="AT4710" s="92"/>
      <c r="AU4710" s="92"/>
      <c r="AV4710" s="92"/>
      <c r="AW4710" s="92"/>
      <c r="AX4710" s="92"/>
      <c r="AY4710" s="92"/>
      <c r="AZ4710" s="93"/>
      <c r="BA4710" s="93"/>
      <c r="BB4710" s="93"/>
      <c r="BC4710" s="93"/>
      <c r="BD4710" s="93"/>
      <c r="BE4710" s="93"/>
      <c r="BF4710" s="93"/>
      <c r="BG4710" s="93"/>
      <c r="BH4710" s="93"/>
      <c r="BI4710" s="93"/>
      <c r="BJ4710" s="93"/>
      <c r="BK4710" s="93"/>
      <c r="BL4710" s="93"/>
    </row>
    <row r="4711" spans="2:64" x14ac:dyDescent="0.2">
      <c r="B4711" s="43"/>
      <c r="C4711" s="73"/>
      <c r="D4711" s="64"/>
      <c r="E4711" s="55"/>
      <c r="F4711" s="74"/>
      <c r="G4711" s="74"/>
      <c r="H4711" s="74"/>
      <c r="I4711" s="75"/>
      <c r="J4711" s="74"/>
      <c r="L4711" s="55"/>
      <c r="M4711" s="234"/>
      <c r="N4711" s="65"/>
      <c r="O4711" s="76"/>
      <c r="P4711" s="76"/>
      <c r="Q4711" s="65"/>
      <c r="R4711" s="76"/>
      <c r="S4711" s="76"/>
      <c r="T4711" s="76"/>
      <c r="U4711" s="76"/>
      <c r="V4711" s="76"/>
      <c r="W4711" s="76"/>
      <c r="X4711" s="76"/>
      <c r="Y4711" s="76"/>
      <c r="Z4711" s="76"/>
      <c r="AA4711" s="85"/>
      <c r="AB4711" s="85"/>
      <c r="AC4711" s="85"/>
      <c r="AD4711" s="85"/>
      <c r="AE4711" s="85"/>
      <c r="AF4711" s="85"/>
      <c r="AG4711" s="86"/>
      <c r="AH4711" s="85"/>
      <c r="AI4711" s="85"/>
      <c r="AJ4711" s="85"/>
      <c r="AK4711" s="85"/>
      <c r="AL4711" s="85"/>
      <c r="AM4711" s="92"/>
      <c r="AN4711" s="92"/>
      <c r="AO4711" s="92"/>
      <c r="AP4711" s="92"/>
      <c r="AQ4711" s="92"/>
      <c r="AR4711" s="92"/>
      <c r="AS4711" s="92"/>
      <c r="AT4711" s="92"/>
      <c r="AU4711" s="92"/>
      <c r="AV4711" s="92"/>
      <c r="AW4711" s="92"/>
      <c r="AX4711" s="92"/>
      <c r="AY4711" s="92"/>
      <c r="AZ4711" s="93"/>
      <c r="BA4711" s="93"/>
      <c r="BB4711" s="93"/>
      <c r="BC4711" s="93"/>
      <c r="BD4711" s="93"/>
      <c r="BE4711" s="93"/>
      <c r="BF4711" s="93"/>
      <c r="BG4711" s="93"/>
      <c r="BH4711" s="93"/>
      <c r="BI4711" s="93"/>
      <c r="BJ4711" s="93"/>
      <c r="BK4711" s="93"/>
      <c r="BL4711" s="93"/>
    </row>
    <row r="4712" spans="2:64" x14ac:dyDescent="0.2">
      <c r="B4712" s="43"/>
      <c r="C4712" s="73"/>
      <c r="D4712" s="64"/>
      <c r="E4712" s="55"/>
      <c r="F4712" s="74"/>
      <c r="G4712" s="74"/>
      <c r="H4712" s="74"/>
      <c r="I4712" s="75"/>
      <c r="J4712" s="74"/>
      <c r="L4712" s="55"/>
      <c r="M4712" s="234"/>
      <c r="N4712" s="65"/>
      <c r="O4712" s="76"/>
      <c r="P4712" s="76"/>
      <c r="Q4712" s="65"/>
      <c r="R4712" s="76"/>
      <c r="S4712" s="76"/>
      <c r="T4712" s="76"/>
      <c r="U4712" s="76"/>
      <c r="V4712" s="76"/>
      <c r="W4712" s="76"/>
      <c r="X4712" s="76"/>
      <c r="Y4712" s="76"/>
      <c r="Z4712" s="76"/>
      <c r="AA4712" s="85"/>
      <c r="AB4712" s="85"/>
      <c r="AC4712" s="85"/>
      <c r="AD4712" s="85"/>
      <c r="AE4712" s="85"/>
      <c r="AF4712" s="85"/>
      <c r="AG4712" s="86"/>
      <c r="AH4712" s="85"/>
      <c r="AI4712" s="85"/>
      <c r="AJ4712" s="85"/>
      <c r="AK4712" s="85"/>
      <c r="AL4712" s="85"/>
      <c r="AM4712" s="92"/>
      <c r="AN4712" s="92"/>
      <c r="AO4712" s="92"/>
      <c r="AP4712" s="92"/>
      <c r="AQ4712" s="92"/>
      <c r="AR4712" s="92"/>
      <c r="AS4712" s="92"/>
      <c r="AT4712" s="92"/>
      <c r="AU4712" s="92"/>
      <c r="AV4712" s="92"/>
      <c r="AW4712" s="92"/>
      <c r="AX4712" s="92"/>
      <c r="AY4712" s="92"/>
      <c r="AZ4712" s="93"/>
      <c r="BA4712" s="93"/>
      <c r="BB4712" s="93"/>
      <c r="BC4712" s="93"/>
      <c r="BD4712" s="93"/>
      <c r="BE4712" s="93"/>
      <c r="BF4712" s="93"/>
      <c r="BG4712" s="93"/>
      <c r="BH4712" s="93"/>
      <c r="BI4712" s="93"/>
      <c r="BJ4712" s="93"/>
      <c r="BK4712" s="93"/>
      <c r="BL4712" s="93"/>
    </row>
    <row r="4713" spans="2:64" x14ac:dyDescent="0.2">
      <c r="B4713" s="43"/>
      <c r="C4713" s="73"/>
      <c r="D4713" s="64"/>
      <c r="E4713" s="55"/>
      <c r="F4713" s="74"/>
      <c r="G4713" s="74"/>
      <c r="H4713" s="74"/>
      <c r="I4713" s="75"/>
      <c r="J4713" s="74"/>
      <c r="L4713" s="55"/>
      <c r="M4713" s="234"/>
      <c r="N4713" s="65"/>
      <c r="O4713" s="76"/>
      <c r="P4713" s="76"/>
      <c r="Q4713" s="65"/>
      <c r="R4713" s="76"/>
      <c r="S4713" s="76"/>
      <c r="T4713" s="76"/>
      <c r="U4713" s="76"/>
      <c r="V4713" s="76"/>
      <c r="W4713" s="76"/>
      <c r="X4713" s="76"/>
      <c r="Y4713" s="76"/>
      <c r="Z4713" s="76"/>
      <c r="AA4713" s="85"/>
      <c r="AB4713" s="85"/>
      <c r="AC4713" s="85"/>
      <c r="AD4713" s="85"/>
      <c r="AE4713" s="85"/>
      <c r="AF4713" s="85"/>
      <c r="AG4713" s="86"/>
      <c r="AH4713" s="85"/>
      <c r="AI4713" s="85"/>
      <c r="AJ4713" s="85"/>
      <c r="AK4713" s="85"/>
      <c r="AL4713" s="85"/>
      <c r="AM4713" s="92"/>
      <c r="AN4713" s="92"/>
      <c r="AO4713" s="92"/>
      <c r="AP4713" s="92"/>
      <c r="AQ4713" s="92"/>
      <c r="AR4713" s="92"/>
      <c r="AS4713" s="92"/>
      <c r="AT4713" s="92"/>
      <c r="AU4713" s="92"/>
      <c r="AV4713" s="92"/>
      <c r="AW4713" s="92"/>
      <c r="AX4713" s="92"/>
      <c r="AY4713" s="92"/>
      <c r="AZ4713" s="93"/>
      <c r="BA4713" s="93"/>
      <c r="BB4713" s="93"/>
      <c r="BC4713" s="93"/>
      <c r="BD4713" s="93"/>
      <c r="BE4713" s="93"/>
      <c r="BF4713" s="93"/>
      <c r="BG4713" s="93"/>
      <c r="BH4713" s="93"/>
      <c r="BI4713" s="93"/>
      <c r="BJ4713" s="93"/>
      <c r="BK4713" s="93"/>
      <c r="BL4713" s="93"/>
    </row>
    <row r="4714" spans="2:64" x14ac:dyDescent="0.2">
      <c r="B4714" s="43"/>
      <c r="C4714" s="73"/>
      <c r="D4714" s="64"/>
      <c r="E4714" s="55"/>
      <c r="F4714" s="74"/>
      <c r="G4714" s="74"/>
      <c r="H4714" s="74"/>
      <c r="I4714" s="75"/>
      <c r="J4714" s="74"/>
      <c r="L4714" s="55"/>
      <c r="M4714" s="234"/>
      <c r="N4714" s="65"/>
      <c r="O4714" s="76"/>
      <c r="P4714" s="76"/>
      <c r="Q4714" s="65"/>
      <c r="R4714" s="76"/>
      <c r="S4714" s="76"/>
      <c r="T4714" s="76"/>
      <c r="U4714" s="76"/>
      <c r="V4714" s="76"/>
      <c r="W4714" s="76"/>
      <c r="X4714" s="76"/>
      <c r="Y4714" s="76"/>
      <c r="Z4714" s="76"/>
      <c r="AA4714" s="85"/>
      <c r="AB4714" s="85"/>
      <c r="AC4714" s="85"/>
      <c r="AD4714" s="85"/>
      <c r="AE4714" s="85"/>
      <c r="AF4714" s="85"/>
      <c r="AG4714" s="86"/>
      <c r="AH4714" s="85"/>
      <c r="AI4714" s="85"/>
      <c r="AJ4714" s="85"/>
      <c r="AK4714" s="85"/>
      <c r="AL4714" s="85"/>
      <c r="AM4714" s="92"/>
      <c r="AN4714" s="92"/>
      <c r="AO4714" s="92"/>
      <c r="AP4714" s="92"/>
      <c r="AQ4714" s="92"/>
      <c r="AR4714" s="92"/>
      <c r="AS4714" s="92"/>
      <c r="AT4714" s="92"/>
      <c r="AU4714" s="92"/>
      <c r="AV4714" s="92"/>
      <c r="AW4714" s="92"/>
      <c r="AX4714" s="92"/>
      <c r="AY4714" s="92"/>
      <c r="AZ4714" s="93"/>
      <c r="BA4714" s="93"/>
      <c r="BB4714" s="93"/>
      <c r="BC4714" s="93"/>
      <c r="BD4714" s="93"/>
      <c r="BE4714" s="93"/>
      <c r="BF4714" s="93"/>
      <c r="BG4714" s="93"/>
      <c r="BH4714" s="93"/>
      <c r="BI4714" s="93"/>
      <c r="BJ4714" s="93"/>
      <c r="BK4714" s="93"/>
      <c r="BL4714" s="93"/>
    </row>
    <row r="4715" spans="2:64" x14ac:dyDescent="0.2">
      <c r="B4715" s="43"/>
      <c r="C4715" s="73"/>
      <c r="D4715" s="64"/>
      <c r="E4715" s="55"/>
      <c r="F4715" s="74"/>
      <c r="G4715" s="74"/>
      <c r="H4715" s="74"/>
      <c r="I4715" s="75"/>
      <c r="J4715" s="74"/>
      <c r="L4715" s="55"/>
      <c r="M4715" s="234"/>
      <c r="N4715" s="65"/>
      <c r="O4715" s="76"/>
      <c r="P4715" s="76"/>
      <c r="Q4715" s="65"/>
      <c r="R4715" s="76"/>
      <c r="S4715" s="76"/>
      <c r="T4715" s="76"/>
      <c r="U4715" s="76"/>
      <c r="V4715" s="76"/>
      <c r="W4715" s="76"/>
      <c r="X4715" s="76"/>
      <c r="Y4715" s="76"/>
      <c r="Z4715" s="76"/>
      <c r="AA4715" s="85"/>
      <c r="AB4715" s="85"/>
      <c r="AC4715" s="85"/>
      <c r="AD4715" s="85"/>
      <c r="AE4715" s="85"/>
      <c r="AF4715" s="85"/>
      <c r="AG4715" s="86"/>
      <c r="AH4715" s="85"/>
      <c r="AI4715" s="85"/>
      <c r="AJ4715" s="85"/>
      <c r="AK4715" s="85"/>
      <c r="AL4715" s="85"/>
      <c r="AM4715" s="92"/>
      <c r="AN4715" s="92"/>
      <c r="AO4715" s="92"/>
      <c r="AP4715" s="92"/>
      <c r="AQ4715" s="92"/>
      <c r="AR4715" s="92"/>
      <c r="AS4715" s="92"/>
      <c r="AT4715" s="92"/>
      <c r="AU4715" s="92"/>
      <c r="AV4715" s="92"/>
      <c r="AW4715" s="92"/>
      <c r="AX4715" s="92"/>
      <c r="AY4715" s="92"/>
      <c r="AZ4715" s="93"/>
      <c r="BA4715" s="93"/>
      <c r="BB4715" s="93"/>
      <c r="BC4715" s="93"/>
      <c r="BD4715" s="93"/>
      <c r="BE4715" s="93"/>
      <c r="BF4715" s="93"/>
      <c r="BG4715" s="93"/>
      <c r="BH4715" s="93"/>
      <c r="BI4715" s="93"/>
      <c r="BJ4715" s="93"/>
      <c r="BK4715" s="93"/>
      <c r="BL4715" s="93"/>
    </row>
    <row r="4716" spans="2:64" x14ac:dyDescent="0.2">
      <c r="B4716" s="43"/>
      <c r="C4716" s="73"/>
      <c r="D4716" s="64"/>
      <c r="E4716" s="55"/>
      <c r="F4716" s="74"/>
      <c r="G4716" s="74"/>
      <c r="H4716" s="74"/>
      <c r="I4716" s="75"/>
      <c r="J4716" s="74"/>
      <c r="L4716" s="55"/>
      <c r="M4716" s="234"/>
      <c r="N4716" s="65"/>
      <c r="O4716" s="76"/>
      <c r="P4716" s="76"/>
      <c r="Q4716" s="65"/>
      <c r="R4716" s="76"/>
      <c r="S4716" s="76"/>
      <c r="T4716" s="76"/>
      <c r="U4716" s="76"/>
      <c r="V4716" s="76"/>
      <c r="W4716" s="76"/>
      <c r="X4716" s="76"/>
      <c r="Y4716" s="76"/>
      <c r="Z4716" s="76"/>
      <c r="AA4716" s="85"/>
      <c r="AB4716" s="85"/>
      <c r="AC4716" s="85"/>
      <c r="AD4716" s="85"/>
      <c r="AE4716" s="85"/>
      <c r="AF4716" s="85"/>
      <c r="AG4716" s="86"/>
      <c r="AH4716" s="85"/>
      <c r="AI4716" s="85"/>
      <c r="AJ4716" s="85"/>
      <c r="AK4716" s="85"/>
      <c r="AL4716" s="85"/>
      <c r="AM4716" s="92"/>
      <c r="AN4716" s="92"/>
      <c r="AO4716" s="92"/>
      <c r="AP4716" s="92"/>
      <c r="AQ4716" s="92"/>
      <c r="AR4716" s="92"/>
      <c r="AS4716" s="92"/>
      <c r="AT4716" s="92"/>
      <c r="AU4716" s="92"/>
      <c r="AV4716" s="92"/>
      <c r="AW4716" s="92"/>
      <c r="AX4716" s="92"/>
      <c r="AY4716" s="92"/>
      <c r="AZ4716" s="93"/>
      <c r="BA4716" s="93"/>
      <c r="BB4716" s="93"/>
      <c r="BC4716" s="93"/>
      <c r="BD4716" s="93"/>
      <c r="BE4716" s="93"/>
      <c r="BF4716" s="93"/>
      <c r="BG4716" s="93"/>
      <c r="BH4716" s="93"/>
      <c r="BI4716" s="93"/>
      <c r="BJ4716" s="93"/>
      <c r="BK4716" s="93"/>
      <c r="BL4716" s="93"/>
    </row>
    <row r="4717" spans="2:64" x14ac:dyDescent="0.2">
      <c r="B4717" s="43"/>
      <c r="C4717" s="73"/>
      <c r="D4717" s="64"/>
      <c r="E4717" s="55"/>
      <c r="F4717" s="74"/>
      <c r="G4717" s="74"/>
      <c r="H4717" s="74"/>
      <c r="I4717" s="75"/>
      <c r="J4717" s="74"/>
      <c r="L4717" s="55"/>
      <c r="M4717" s="234"/>
      <c r="N4717" s="65"/>
      <c r="O4717" s="76"/>
      <c r="P4717" s="76"/>
      <c r="Q4717" s="65"/>
      <c r="R4717" s="76"/>
      <c r="S4717" s="76"/>
      <c r="T4717" s="76"/>
      <c r="U4717" s="76"/>
      <c r="V4717" s="76"/>
      <c r="W4717" s="76"/>
      <c r="X4717" s="76"/>
      <c r="Y4717" s="76"/>
      <c r="Z4717" s="76"/>
      <c r="AA4717" s="85"/>
      <c r="AB4717" s="85"/>
      <c r="AC4717" s="85"/>
      <c r="AD4717" s="85"/>
      <c r="AE4717" s="85"/>
      <c r="AF4717" s="85"/>
      <c r="AG4717" s="86"/>
      <c r="AH4717" s="85"/>
      <c r="AI4717" s="85"/>
      <c r="AJ4717" s="85"/>
      <c r="AK4717" s="85"/>
      <c r="AL4717" s="85"/>
      <c r="AM4717" s="92"/>
      <c r="AN4717" s="92"/>
      <c r="AO4717" s="92"/>
      <c r="AP4717" s="92"/>
      <c r="AQ4717" s="92"/>
      <c r="AR4717" s="92"/>
      <c r="AS4717" s="92"/>
      <c r="AT4717" s="92"/>
      <c r="AU4717" s="92"/>
      <c r="AV4717" s="92"/>
      <c r="AW4717" s="92"/>
      <c r="AX4717" s="92"/>
      <c r="AY4717" s="92"/>
      <c r="AZ4717" s="93"/>
      <c r="BA4717" s="93"/>
      <c r="BB4717" s="93"/>
      <c r="BC4717" s="93"/>
      <c r="BD4717" s="93"/>
      <c r="BE4717" s="93"/>
      <c r="BF4717" s="93"/>
      <c r="BG4717" s="93"/>
      <c r="BH4717" s="93"/>
      <c r="BI4717" s="93"/>
      <c r="BJ4717" s="93"/>
      <c r="BK4717" s="93"/>
      <c r="BL4717" s="93"/>
    </row>
    <row r="4718" spans="2:64" x14ac:dyDescent="0.2">
      <c r="B4718" s="43"/>
      <c r="C4718" s="73"/>
      <c r="D4718" s="64"/>
      <c r="E4718" s="55"/>
      <c r="F4718" s="74"/>
      <c r="G4718" s="74"/>
      <c r="H4718" s="74"/>
      <c r="I4718" s="75"/>
      <c r="J4718" s="74"/>
      <c r="L4718" s="55"/>
      <c r="M4718" s="234"/>
      <c r="N4718" s="65"/>
      <c r="O4718" s="76"/>
      <c r="P4718" s="76"/>
      <c r="Q4718" s="65"/>
      <c r="R4718" s="76"/>
      <c r="S4718" s="76"/>
      <c r="T4718" s="76"/>
      <c r="U4718" s="76"/>
      <c r="V4718" s="76"/>
      <c r="W4718" s="76"/>
      <c r="X4718" s="76"/>
      <c r="Y4718" s="76"/>
      <c r="Z4718" s="76"/>
      <c r="AA4718" s="85"/>
      <c r="AB4718" s="85"/>
      <c r="AC4718" s="85"/>
      <c r="AD4718" s="85"/>
      <c r="AE4718" s="85"/>
      <c r="AF4718" s="85"/>
      <c r="AG4718" s="86"/>
      <c r="AH4718" s="85"/>
      <c r="AI4718" s="85"/>
      <c r="AJ4718" s="85"/>
      <c r="AK4718" s="85"/>
      <c r="AL4718" s="85"/>
      <c r="AM4718" s="92"/>
      <c r="AN4718" s="92"/>
      <c r="AO4718" s="92"/>
      <c r="AP4718" s="92"/>
      <c r="AQ4718" s="92"/>
      <c r="AR4718" s="92"/>
      <c r="AS4718" s="92"/>
      <c r="AT4718" s="92"/>
      <c r="AU4718" s="92"/>
      <c r="AV4718" s="92"/>
      <c r="AW4718" s="92"/>
      <c r="AX4718" s="92"/>
      <c r="AY4718" s="92"/>
      <c r="AZ4718" s="93"/>
      <c r="BA4718" s="93"/>
      <c r="BB4718" s="93"/>
      <c r="BC4718" s="93"/>
      <c r="BD4718" s="93"/>
      <c r="BE4718" s="93"/>
      <c r="BF4718" s="93"/>
      <c r="BG4718" s="93"/>
      <c r="BH4718" s="93"/>
      <c r="BI4718" s="93"/>
      <c r="BJ4718" s="93"/>
      <c r="BK4718" s="93"/>
      <c r="BL4718" s="93"/>
    </row>
    <row r="4719" spans="2:64" x14ac:dyDescent="0.2">
      <c r="B4719" s="43"/>
      <c r="C4719" s="73"/>
      <c r="D4719" s="64"/>
      <c r="E4719" s="55"/>
      <c r="F4719" s="74"/>
      <c r="G4719" s="74"/>
      <c r="H4719" s="74"/>
      <c r="I4719" s="75"/>
      <c r="J4719" s="74"/>
      <c r="L4719" s="55"/>
      <c r="M4719" s="234"/>
      <c r="N4719" s="65"/>
      <c r="O4719" s="76"/>
      <c r="P4719" s="76"/>
      <c r="Q4719" s="65"/>
      <c r="R4719" s="76"/>
      <c r="S4719" s="76"/>
      <c r="T4719" s="76"/>
      <c r="U4719" s="76"/>
      <c r="V4719" s="76"/>
      <c r="W4719" s="76"/>
      <c r="X4719" s="76"/>
      <c r="Y4719" s="76"/>
      <c r="Z4719" s="76"/>
      <c r="AA4719" s="85"/>
      <c r="AB4719" s="85"/>
      <c r="AC4719" s="85"/>
      <c r="AD4719" s="85"/>
      <c r="AE4719" s="85"/>
      <c r="AF4719" s="85"/>
      <c r="AG4719" s="86"/>
      <c r="AH4719" s="85"/>
      <c r="AI4719" s="85"/>
      <c r="AJ4719" s="85"/>
      <c r="AK4719" s="85"/>
      <c r="AL4719" s="85"/>
      <c r="AM4719" s="92"/>
      <c r="AN4719" s="92"/>
      <c r="AO4719" s="92"/>
      <c r="AP4719" s="92"/>
      <c r="AQ4719" s="92"/>
      <c r="AR4719" s="92"/>
      <c r="AS4719" s="92"/>
      <c r="AT4719" s="92"/>
      <c r="AU4719" s="92"/>
      <c r="AV4719" s="92"/>
      <c r="AW4719" s="92"/>
      <c r="AX4719" s="92"/>
      <c r="AY4719" s="92"/>
      <c r="AZ4719" s="93"/>
      <c r="BA4719" s="93"/>
      <c r="BB4719" s="93"/>
      <c r="BC4719" s="93"/>
      <c r="BD4719" s="93"/>
      <c r="BE4719" s="93"/>
      <c r="BF4719" s="93"/>
      <c r="BG4719" s="93"/>
      <c r="BH4719" s="93"/>
      <c r="BI4719" s="93"/>
      <c r="BJ4719" s="93"/>
      <c r="BK4719" s="93"/>
      <c r="BL4719" s="93"/>
    </row>
    <row r="4720" spans="2:64" x14ac:dyDescent="0.2">
      <c r="B4720" s="43"/>
      <c r="C4720" s="73"/>
      <c r="D4720" s="64"/>
      <c r="E4720" s="55"/>
      <c r="F4720" s="74"/>
      <c r="G4720" s="74"/>
      <c r="H4720" s="74"/>
      <c r="I4720" s="75"/>
      <c r="J4720" s="74"/>
      <c r="L4720" s="55"/>
      <c r="M4720" s="234"/>
      <c r="N4720" s="65"/>
      <c r="O4720" s="76"/>
      <c r="P4720" s="76"/>
      <c r="Q4720" s="65"/>
      <c r="R4720" s="76"/>
      <c r="S4720" s="76"/>
      <c r="T4720" s="76"/>
      <c r="U4720" s="76"/>
      <c r="V4720" s="76"/>
      <c r="W4720" s="76"/>
      <c r="X4720" s="76"/>
      <c r="Y4720" s="76"/>
      <c r="Z4720" s="76"/>
      <c r="AA4720" s="85"/>
      <c r="AB4720" s="85"/>
      <c r="AC4720" s="85"/>
      <c r="AD4720" s="85"/>
      <c r="AE4720" s="85"/>
      <c r="AF4720" s="85"/>
      <c r="AG4720" s="86"/>
      <c r="AH4720" s="85"/>
      <c r="AI4720" s="85"/>
      <c r="AJ4720" s="85"/>
      <c r="AK4720" s="85"/>
      <c r="AL4720" s="85"/>
      <c r="AM4720" s="92"/>
      <c r="AN4720" s="92"/>
      <c r="AO4720" s="92"/>
      <c r="AP4720" s="92"/>
      <c r="AQ4720" s="92"/>
      <c r="AR4720" s="92"/>
      <c r="AS4720" s="92"/>
      <c r="AT4720" s="92"/>
      <c r="AU4720" s="92"/>
      <c r="AV4720" s="92"/>
      <c r="AW4720" s="92"/>
      <c r="AX4720" s="92"/>
      <c r="AY4720" s="92"/>
      <c r="AZ4720" s="93"/>
      <c r="BA4720" s="93"/>
      <c r="BB4720" s="93"/>
      <c r="BC4720" s="93"/>
      <c r="BD4720" s="93"/>
      <c r="BE4720" s="93"/>
      <c r="BF4720" s="93"/>
      <c r="BG4720" s="93"/>
      <c r="BH4720" s="93"/>
      <c r="BI4720" s="93"/>
      <c r="BJ4720" s="93"/>
      <c r="BK4720" s="93"/>
      <c r="BL4720" s="93"/>
    </row>
    <row r="4721" spans="2:64" x14ac:dyDescent="0.2">
      <c r="B4721" s="43"/>
      <c r="C4721" s="73"/>
      <c r="D4721" s="64"/>
      <c r="E4721" s="55"/>
      <c r="F4721" s="74"/>
      <c r="G4721" s="74"/>
      <c r="H4721" s="74"/>
      <c r="I4721" s="75"/>
      <c r="J4721" s="74"/>
      <c r="L4721" s="55"/>
      <c r="M4721" s="234"/>
      <c r="N4721" s="65"/>
      <c r="O4721" s="76"/>
      <c r="P4721" s="76"/>
      <c r="Q4721" s="65"/>
      <c r="R4721" s="76"/>
      <c r="S4721" s="76"/>
      <c r="T4721" s="76"/>
      <c r="U4721" s="76"/>
      <c r="V4721" s="76"/>
      <c r="W4721" s="76"/>
      <c r="X4721" s="76"/>
      <c r="Y4721" s="76"/>
      <c r="Z4721" s="76"/>
      <c r="AA4721" s="85"/>
      <c r="AB4721" s="85"/>
      <c r="AC4721" s="85"/>
      <c r="AD4721" s="85"/>
      <c r="AE4721" s="85"/>
      <c r="AF4721" s="85"/>
      <c r="AG4721" s="86"/>
      <c r="AH4721" s="85"/>
      <c r="AI4721" s="85"/>
      <c r="AJ4721" s="85"/>
      <c r="AK4721" s="85"/>
      <c r="AL4721" s="85"/>
      <c r="AM4721" s="92"/>
      <c r="AN4721" s="92"/>
      <c r="AO4721" s="92"/>
      <c r="AP4721" s="92"/>
      <c r="AQ4721" s="92"/>
      <c r="AR4721" s="92"/>
      <c r="AS4721" s="92"/>
      <c r="AT4721" s="92"/>
      <c r="AU4721" s="92"/>
      <c r="AV4721" s="92"/>
      <c r="AW4721" s="92"/>
      <c r="AX4721" s="92"/>
      <c r="AY4721" s="92"/>
      <c r="AZ4721" s="93"/>
      <c r="BA4721" s="93"/>
      <c r="BB4721" s="93"/>
      <c r="BC4721" s="93"/>
      <c r="BD4721" s="93"/>
      <c r="BE4721" s="93"/>
      <c r="BF4721" s="93"/>
      <c r="BG4721" s="93"/>
      <c r="BH4721" s="93"/>
      <c r="BI4721" s="93"/>
      <c r="BJ4721" s="93"/>
      <c r="BK4721" s="93"/>
      <c r="BL4721" s="93"/>
    </row>
    <row r="4722" spans="2:64" x14ac:dyDescent="0.2">
      <c r="B4722" s="43"/>
      <c r="C4722" s="73"/>
      <c r="D4722" s="64"/>
      <c r="E4722" s="55"/>
      <c r="F4722" s="74"/>
      <c r="G4722" s="74"/>
      <c r="H4722" s="74"/>
      <c r="I4722" s="75"/>
      <c r="J4722" s="74"/>
      <c r="L4722" s="55"/>
      <c r="M4722" s="234"/>
      <c r="N4722" s="65"/>
      <c r="O4722" s="76"/>
      <c r="P4722" s="76"/>
      <c r="Q4722" s="65"/>
      <c r="R4722" s="76"/>
      <c r="S4722" s="76"/>
      <c r="T4722" s="76"/>
      <c r="U4722" s="76"/>
      <c r="V4722" s="76"/>
      <c r="W4722" s="76"/>
      <c r="X4722" s="76"/>
      <c r="Y4722" s="76"/>
      <c r="Z4722" s="76"/>
      <c r="AA4722" s="85"/>
      <c r="AB4722" s="85"/>
      <c r="AC4722" s="85"/>
      <c r="AD4722" s="85"/>
      <c r="AE4722" s="85"/>
      <c r="AF4722" s="85"/>
      <c r="AG4722" s="86"/>
      <c r="AH4722" s="85"/>
      <c r="AI4722" s="85"/>
      <c r="AJ4722" s="85"/>
      <c r="AK4722" s="85"/>
      <c r="AL4722" s="85"/>
      <c r="AM4722" s="92"/>
      <c r="AN4722" s="92"/>
      <c r="AO4722" s="92"/>
      <c r="AP4722" s="92"/>
      <c r="AQ4722" s="92"/>
      <c r="AR4722" s="92"/>
      <c r="AS4722" s="92"/>
      <c r="AT4722" s="92"/>
      <c r="AU4722" s="92"/>
      <c r="AV4722" s="92"/>
      <c r="AW4722" s="92"/>
      <c r="AX4722" s="92"/>
      <c r="AY4722" s="92"/>
      <c r="AZ4722" s="93"/>
      <c r="BA4722" s="93"/>
      <c r="BB4722" s="93"/>
      <c r="BC4722" s="93"/>
      <c r="BD4722" s="93"/>
      <c r="BE4722" s="93"/>
      <c r="BF4722" s="93"/>
      <c r="BG4722" s="93"/>
      <c r="BH4722" s="93"/>
      <c r="BI4722" s="93"/>
      <c r="BJ4722" s="93"/>
      <c r="BK4722" s="93"/>
      <c r="BL4722" s="93"/>
    </row>
    <row r="4723" spans="2:64" x14ac:dyDescent="0.2">
      <c r="B4723" s="43"/>
      <c r="C4723" s="73"/>
      <c r="D4723" s="64"/>
      <c r="E4723" s="55"/>
      <c r="F4723" s="74"/>
      <c r="G4723" s="74"/>
      <c r="H4723" s="74"/>
      <c r="I4723" s="75"/>
      <c r="J4723" s="74"/>
      <c r="L4723" s="55"/>
      <c r="M4723" s="234"/>
      <c r="N4723" s="65"/>
      <c r="O4723" s="76"/>
      <c r="P4723" s="76"/>
      <c r="Q4723" s="65"/>
      <c r="R4723" s="76"/>
      <c r="S4723" s="76"/>
      <c r="T4723" s="76"/>
      <c r="U4723" s="76"/>
      <c r="V4723" s="76"/>
      <c r="W4723" s="76"/>
      <c r="X4723" s="76"/>
      <c r="Y4723" s="76"/>
      <c r="Z4723" s="76"/>
      <c r="AA4723" s="85"/>
      <c r="AB4723" s="85"/>
      <c r="AC4723" s="85"/>
      <c r="AD4723" s="85"/>
      <c r="AE4723" s="85"/>
      <c r="AF4723" s="85"/>
      <c r="AG4723" s="86"/>
      <c r="AH4723" s="85"/>
      <c r="AI4723" s="85"/>
      <c r="AJ4723" s="85"/>
      <c r="AK4723" s="85"/>
      <c r="AL4723" s="85"/>
      <c r="AM4723" s="92"/>
      <c r="AN4723" s="92"/>
      <c r="AO4723" s="92"/>
      <c r="AP4723" s="92"/>
      <c r="AQ4723" s="92"/>
      <c r="AR4723" s="92"/>
      <c r="AS4723" s="92"/>
      <c r="AT4723" s="92"/>
      <c r="AU4723" s="92"/>
      <c r="AV4723" s="92"/>
      <c r="AW4723" s="92"/>
      <c r="AX4723" s="92"/>
      <c r="AY4723" s="92"/>
      <c r="AZ4723" s="93"/>
      <c r="BA4723" s="93"/>
      <c r="BB4723" s="93"/>
      <c r="BC4723" s="93"/>
      <c r="BD4723" s="93"/>
      <c r="BE4723" s="93"/>
      <c r="BF4723" s="93"/>
      <c r="BG4723" s="93"/>
      <c r="BH4723" s="93"/>
      <c r="BI4723" s="93"/>
      <c r="BJ4723" s="93"/>
      <c r="BK4723" s="93"/>
      <c r="BL4723" s="93"/>
    </row>
    <row r="4724" spans="2:64" x14ac:dyDescent="0.2">
      <c r="B4724" s="43"/>
      <c r="C4724" s="73"/>
      <c r="D4724" s="64"/>
      <c r="E4724" s="55"/>
      <c r="F4724" s="74"/>
      <c r="G4724" s="74"/>
      <c r="H4724" s="74"/>
      <c r="I4724" s="75"/>
      <c r="J4724" s="74"/>
      <c r="L4724" s="55"/>
      <c r="M4724" s="234"/>
      <c r="N4724" s="65"/>
      <c r="O4724" s="76"/>
      <c r="P4724" s="76"/>
      <c r="Q4724" s="65"/>
      <c r="R4724" s="76"/>
      <c r="S4724" s="76"/>
      <c r="T4724" s="76"/>
      <c r="U4724" s="76"/>
      <c r="V4724" s="76"/>
      <c r="W4724" s="76"/>
      <c r="X4724" s="76"/>
      <c r="Y4724" s="76"/>
      <c r="Z4724" s="76"/>
      <c r="AA4724" s="85"/>
      <c r="AB4724" s="85"/>
      <c r="AC4724" s="85"/>
      <c r="AD4724" s="85"/>
      <c r="AE4724" s="85"/>
      <c r="AF4724" s="85"/>
      <c r="AG4724" s="86"/>
      <c r="AH4724" s="85"/>
      <c r="AI4724" s="85"/>
      <c r="AJ4724" s="85"/>
      <c r="AK4724" s="85"/>
      <c r="AL4724" s="85"/>
      <c r="AM4724" s="92"/>
      <c r="AN4724" s="92"/>
      <c r="AO4724" s="92"/>
      <c r="AP4724" s="92"/>
      <c r="AQ4724" s="92"/>
      <c r="AR4724" s="92"/>
      <c r="AS4724" s="92"/>
      <c r="AT4724" s="92"/>
      <c r="AU4724" s="92"/>
      <c r="AV4724" s="92"/>
      <c r="AW4724" s="92"/>
      <c r="AX4724" s="92"/>
      <c r="AY4724" s="92"/>
      <c r="AZ4724" s="93"/>
      <c r="BA4724" s="93"/>
      <c r="BB4724" s="93"/>
      <c r="BC4724" s="93"/>
      <c r="BD4724" s="93"/>
      <c r="BE4724" s="93"/>
      <c r="BF4724" s="93"/>
      <c r="BG4724" s="93"/>
      <c r="BH4724" s="93"/>
      <c r="BI4724" s="93"/>
      <c r="BJ4724" s="93"/>
      <c r="BK4724" s="93"/>
      <c r="BL4724" s="93"/>
    </row>
    <row r="4725" spans="2:64" x14ac:dyDescent="0.2">
      <c r="B4725" s="43"/>
      <c r="C4725" s="73"/>
      <c r="D4725" s="64"/>
      <c r="E4725" s="55"/>
      <c r="F4725" s="74"/>
      <c r="G4725" s="74"/>
      <c r="H4725" s="74"/>
      <c r="I4725" s="75"/>
      <c r="J4725" s="74"/>
      <c r="L4725" s="55"/>
      <c r="M4725" s="234"/>
      <c r="N4725" s="65"/>
      <c r="O4725" s="76"/>
      <c r="P4725" s="76"/>
      <c r="Q4725" s="65"/>
      <c r="R4725" s="76"/>
      <c r="S4725" s="76"/>
      <c r="T4725" s="76"/>
      <c r="U4725" s="76"/>
      <c r="V4725" s="76"/>
      <c r="W4725" s="76"/>
      <c r="X4725" s="76"/>
      <c r="Y4725" s="76"/>
      <c r="Z4725" s="76"/>
      <c r="AA4725" s="85"/>
      <c r="AB4725" s="85"/>
      <c r="AC4725" s="85"/>
      <c r="AD4725" s="85"/>
      <c r="AE4725" s="85"/>
      <c r="AF4725" s="85"/>
      <c r="AG4725" s="86"/>
      <c r="AH4725" s="85"/>
      <c r="AI4725" s="85"/>
      <c r="AJ4725" s="85"/>
      <c r="AK4725" s="85"/>
      <c r="AL4725" s="85"/>
      <c r="AM4725" s="92"/>
      <c r="AN4725" s="92"/>
      <c r="AO4725" s="92"/>
      <c r="AP4725" s="92"/>
      <c r="AQ4725" s="92"/>
      <c r="AR4725" s="92"/>
      <c r="AS4725" s="92"/>
      <c r="AT4725" s="92"/>
      <c r="AU4725" s="92"/>
      <c r="AV4725" s="92"/>
      <c r="AW4725" s="92"/>
      <c r="AX4725" s="92"/>
      <c r="AY4725" s="92"/>
      <c r="AZ4725" s="93"/>
      <c r="BA4725" s="93"/>
      <c r="BB4725" s="93"/>
      <c r="BC4725" s="93"/>
      <c r="BD4725" s="93"/>
      <c r="BE4725" s="93"/>
      <c r="BF4725" s="93"/>
      <c r="BG4725" s="93"/>
      <c r="BH4725" s="93"/>
      <c r="BI4725" s="93"/>
      <c r="BJ4725" s="93"/>
      <c r="BK4725" s="93"/>
      <c r="BL4725" s="93"/>
    </row>
    <row r="4726" spans="2:64" x14ac:dyDescent="0.2">
      <c r="B4726" s="43"/>
      <c r="C4726" s="73"/>
      <c r="D4726" s="64"/>
      <c r="E4726" s="55"/>
      <c r="F4726" s="74"/>
      <c r="G4726" s="74"/>
      <c r="H4726" s="74"/>
      <c r="I4726" s="75"/>
      <c r="J4726" s="74"/>
      <c r="L4726" s="55"/>
      <c r="M4726" s="234"/>
      <c r="N4726" s="65"/>
      <c r="O4726" s="76"/>
      <c r="P4726" s="76"/>
      <c r="Q4726" s="65"/>
      <c r="R4726" s="76"/>
      <c r="S4726" s="76"/>
      <c r="T4726" s="76"/>
      <c r="U4726" s="76"/>
      <c r="V4726" s="76"/>
      <c r="W4726" s="76"/>
      <c r="X4726" s="76"/>
      <c r="Y4726" s="76"/>
      <c r="Z4726" s="76"/>
      <c r="AA4726" s="85"/>
      <c r="AB4726" s="85"/>
      <c r="AC4726" s="85"/>
      <c r="AD4726" s="85"/>
      <c r="AE4726" s="85"/>
      <c r="AF4726" s="85"/>
      <c r="AG4726" s="86"/>
      <c r="AH4726" s="85"/>
      <c r="AI4726" s="85"/>
      <c r="AJ4726" s="85"/>
      <c r="AK4726" s="85"/>
      <c r="AL4726" s="85"/>
      <c r="AM4726" s="92"/>
      <c r="AN4726" s="92"/>
      <c r="AO4726" s="92"/>
      <c r="AP4726" s="92"/>
      <c r="AQ4726" s="92"/>
      <c r="AR4726" s="92"/>
      <c r="AS4726" s="92"/>
      <c r="AT4726" s="92"/>
      <c r="AU4726" s="92"/>
      <c r="AV4726" s="92"/>
      <c r="AW4726" s="92"/>
      <c r="AX4726" s="92"/>
      <c r="AY4726" s="92"/>
      <c r="AZ4726" s="93"/>
      <c r="BA4726" s="93"/>
      <c r="BB4726" s="93"/>
      <c r="BC4726" s="93"/>
      <c r="BD4726" s="93"/>
      <c r="BE4726" s="93"/>
      <c r="BF4726" s="93"/>
      <c r="BG4726" s="93"/>
      <c r="BH4726" s="93"/>
      <c r="BI4726" s="93"/>
      <c r="BJ4726" s="93"/>
      <c r="BK4726" s="93"/>
      <c r="BL4726" s="93"/>
    </row>
    <row r="4727" spans="2:64" x14ac:dyDescent="0.2">
      <c r="B4727" s="43"/>
      <c r="C4727" s="73"/>
      <c r="D4727" s="64"/>
      <c r="E4727" s="55"/>
      <c r="F4727" s="74"/>
      <c r="G4727" s="74"/>
      <c r="H4727" s="74"/>
      <c r="I4727" s="75"/>
      <c r="J4727" s="74"/>
      <c r="L4727" s="55"/>
      <c r="M4727" s="234"/>
      <c r="N4727" s="65"/>
      <c r="O4727" s="76"/>
      <c r="P4727" s="76"/>
      <c r="Q4727" s="65"/>
      <c r="R4727" s="76"/>
      <c r="S4727" s="76"/>
      <c r="T4727" s="76"/>
      <c r="U4727" s="76"/>
      <c r="V4727" s="76"/>
      <c r="W4727" s="76"/>
      <c r="X4727" s="76"/>
      <c r="Y4727" s="76"/>
      <c r="Z4727" s="76"/>
      <c r="AA4727" s="85"/>
      <c r="AB4727" s="85"/>
      <c r="AC4727" s="85"/>
      <c r="AD4727" s="85"/>
      <c r="AE4727" s="85"/>
      <c r="AF4727" s="85"/>
      <c r="AG4727" s="86"/>
      <c r="AH4727" s="85"/>
      <c r="AI4727" s="85"/>
      <c r="AJ4727" s="85"/>
      <c r="AK4727" s="85"/>
      <c r="AL4727" s="85"/>
      <c r="AM4727" s="92"/>
      <c r="AN4727" s="92"/>
      <c r="AO4727" s="92"/>
      <c r="AP4727" s="92"/>
      <c r="AQ4727" s="92"/>
      <c r="AR4727" s="92"/>
      <c r="AS4727" s="92"/>
      <c r="AT4727" s="92"/>
      <c r="AU4727" s="92"/>
      <c r="AV4727" s="92"/>
      <c r="AW4727" s="92"/>
      <c r="AX4727" s="92"/>
      <c r="AY4727" s="92"/>
      <c r="AZ4727" s="93"/>
      <c r="BA4727" s="93"/>
      <c r="BB4727" s="93"/>
      <c r="BC4727" s="93"/>
      <c r="BD4727" s="93"/>
      <c r="BE4727" s="93"/>
      <c r="BF4727" s="93"/>
      <c r="BG4727" s="93"/>
      <c r="BH4727" s="93"/>
      <c r="BI4727" s="93"/>
      <c r="BJ4727" s="93"/>
      <c r="BK4727" s="93"/>
      <c r="BL4727" s="93"/>
    </row>
    <row r="4728" spans="2:64" x14ac:dyDescent="0.2">
      <c r="B4728" s="43"/>
      <c r="C4728" s="73"/>
      <c r="D4728" s="64"/>
      <c r="E4728" s="55"/>
      <c r="F4728" s="74"/>
      <c r="G4728" s="74"/>
      <c r="H4728" s="74"/>
      <c r="I4728" s="75"/>
      <c r="J4728" s="74"/>
      <c r="L4728" s="55"/>
      <c r="M4728" s="234"/>
      <c r="N4728" s="65"/>
      <c r="O4728" s="76"/>
      <c r="P4728" s="76"/>
      <c r="Q4728" s="65"/>
      <c r="R4728" s="76"/>
      <c r="S4728" s="76"/>
      <c r="T4728" s="76"/>
      <c r="U4728" s="76"/>
      <c r="V4728" s="76"/>
      <c r="W4728" s="76"/>
      <c r="X4728" s="76"/>
      <c r="Y4728" s="76"/>
      <c r="Z4728" s="76"/>
      <c r="AA4728" s="85"/>
      <c r="AB4728" s="85"/>
      <c r="AC4728" s="85"/>
      <c r="AD4728" s="85"/>
      <c r="AE4728" s="85"/>
      <c r="AF4728" s="85"/>
      <c r="AG4728" s="86"/>
      <c r="AH4728" s="85"/>
      <c r="AI4728" s="85"/>
      <c r="AJ4728" s="85"/>
      <c r="AK4728" s="85"/>
      <c r="AL4728" s="85"/>
      <c r="AM4728" s="92"/>
      <c r="AN4728" s="92"/>
      <c r="AO4728" s="92"/>
      <c r="AP4728" s="92"/>
      <c r="AQ4728" s="92"/>
      <c r="AR4728" s="92"/>
      <c r="AS4728" s="92"/>
      <c r="AT4728" s="92"/>
      <c r="AU4728" s="92"/>
      <c r="AV4728" s="92"/>
      <c r="AW4728" s="92"/>
      <c r="AX4728" s="92"/>
      <c r="AY4728" s="92"/>
      <c r="AZ4728" s="93"/>
      <c r="BA4728" s="93"/>
      <c r="BB4728" s="93"/>
      <c r="BC4728" s="93"/>
      <c r="BD4728" s="93"/>
      <c r="BE4728" s="93"/>
      <c r="BF4728" s="93"/>
      <c r="BG4728" s="93"/>
      <c r="BH4728" s="93"/>
      <c r="BI4728" s="93"/>
      <c r="BJ4728" s="93"/>
      <c r="BK4728" s="93"/>
      <c r="BL4728" s="93"/>
    </row>
    <row r="4729" spans="2:64" x14ac:dyDescent="0.2">
      <c r="B4729" s="43"/>
      <c r="C4729" s="73"/>
      <c r="D4729" s="64"/>
      <c r="E4729" s="55"/>
      <c r="F4729" s="74"/>
      <c r="G4729" s="74"/>
      <c r="H4729" s="74"/>
      <c r="I4729" s="75"/>
      <c r="J4729" s="74"/>
      <c r="L4729" s="55"/>
      <c r="M4729" s="234"/>
      <c r="N4729" s="65"/>
      <c r="O4729" s="76"/>
      <c r="P4729" s="76"/>
      <c r="Q4729" s="65"/>
      <c r="R4729" s="76"/>
      <c r="S4729" s="76"/>
      <c r="T4729" s="76"/>
      <c r="U4729" s="76"/>
      <c r="V4729" s="76"/>
      <c r="W4729" s="76"/>
      <c r="X4729" s="76"/>
      <c r="Y4729" s="76"/>
      <c r="Z4729" s="76"/>
      <c r="AA4729" s="85"/>
      <c r="AB4729" s="85"/>
      <c r="AC4729" s="85"/>
      <c r="AD4729" s="85"/>
      <c r="AE4729" s="85"/>
      <c r="AF4729" s="85"/>
      <c r="AG4729" s="86"/>
      <c r="AH4729" s="85"/>
      <c r="AI4729" s="85"/>
      <c r="AJ4729" s="85"/>
      <c r="AK4729" s="85"/>
      <c r="AL4729" s="85"/>
      <c r="AM4729" s="92"/>
      <c r="AN4729" s="92"/>
      <c r="AO4729" s="92"/>
      <c r="AP4729" s="92"/>
      <c r="AQ4729" s="92"/>
      <c r="AR4729" s="92"/>
      <c r="AS4729" s="92"/>
      <c r="AT4729" s="92"/>
      <c r="AU4729" s="92"/>
      <c r="AV4729" s="92"/>
      <c r="AW4729" s="92"/>
      <c r="AX4729" s="92"/>
      <c r="AY4729" s="92"/>
      <c r="AZ4729" s="93"/>
      <c r="BA4729" s="93"/>
      <c r="BB4729" s="93"/>
      <c r="BC4729" s="93"/>
      <c r="BD4729" s="93"/>
      <c r="BE4729" s="93"/>
      <c r="BF4729" s="93"/>
      <c r="BG4729" s="93"/>
      <c r="BH4729" s="93"/>
      <c r="BI4729" s="93"/>
      <c r="BJ4729" s="93"/>
      <c r="BK4729" s="93"/>
      <c r="BL4729" s="93"/>
    </row>
    <row r="4730" spans="2:64" x14ac:dyDescent="0.2">
      <c r="B4730" s="43"/>
      <c r="C4730" s="73"/>
      <c r="D4730" s="64"/>
      <c r="E4730" s="55"/>
      <c r="F4730" s="74"/>
      <c r="G4730" s="74"/>
      <c r="H4730" s="74"/>
      <c r="I4730" s="75"/>
      <c r="J4730" s="74"/>
      <c r="L4730" s="55"/>
      <c r="M4730" s="234"/>
      <c r="N4730" s="65"/>
      <c r="O4730" s="76"/>
      <c r="P4730" s="76"/>
      <c r="Q4730" s="65"/>
      <c r="R4730" s="76"/>
      <c r="S4730" s="76"/>
      <c r="T4730" s="76"/>
      <c r="U4730" s="76"/>
      <c r="V4730" s="76"/>
      <c r="W4730" s="76"/>
      <c r="X4730" s="76"/>
      <c r="Y4730" s="76"/>
      <c r="Z4730" s="76"/>
      <c r="AA4730" s="85"/>
      <c r="AB4730" s="85"/>
      <c r="AC4730" s="85"/>
      <c r="AD4730" s="85"/>
      <c r="AE4730" s="85"/>
      <c r="AF4730" s="85"/>
      <c r="AG4730" s="86"/>
      <c r="AH4730" s="85"/>
      <c r="AI4730" s="85"/>
      <c r="AJ4730" s="85"/>
      <c r="AK4730" s="85"/>
      <c r="AL4730" s="85"/>
      <c r="AM4730" s="92"/>
      <c r="AN4730" s="92"/>
      <c r="AO4730" s="92"/>
      <c r="AP4730" s="92"/>
      <c r="AQ4730" s="92"/>
      <c r="AR4730" s="92"/>
      <c r="AS4730" s="92"/>
      <c r="AT4730" s="92"/>
      <c r="AU4730" s="92"/>
      <c r="AV4730" s="92"/>
      <c r="AW4730" s="92"/>
      <c r="AX4730" s="92"/>
      <c r="AY4730" s="92"/>
      <c r="AZ4730" s="93"/>
      <c r="BA4730" s="93"/>
      <c r="BB4730" s="93"/>
      <c r="BC4730" s="93"/>
      <c r="BD4730" s="93"/>
      <c r="BE4730" s="93"/>
      <c r="BF4730" s="93"/>
      <c r="BG4730" s="93"/>
      <c r="BH4730" s="93"/>
      <c r="BI4730" s="93"/>
      <c r="BJ4730" s="93"/>
      <c r="BK4730" s="93"/>
      <c r="BL4730" s="93"/>
    </row>
    <row r="4731" spans="2:64" x14ac:dyDescent="0.2">
      <c r="B4731" s="43"/>
      <c r="C4731" s="73"/>
      <c r="D4731" s="64"/>
      <c r="E4731" s="55"/>
      <c r="F4731" s="74"/>
      <c r="G4731" s="74"/>
      <c r="H4731" s="74"/>
      <c r="I4731" s="75"/>
      <c r="J4731" s="74"/>
      <c r="L4731" s="55"/>
      <c r="M4731" s="234"/>
      <c r="N4731" s="65"/>
      <c r="O4731" s="76"/>
      <c r="P4731" s="76"/>
      <c r="Q4731" s="65"/>
      <c r="R4731" s="76"/>
      <c r="S4731" s="76"/>
      <c r="T4731" s="76"/>
      <c r="U4731" s="76"/>
      <c r="V4731" s="76"/>
      <c r="W4731" s="76"/>
      <c r="X4731" s="76"/>
      <c r="Y4731" s="76"/>
      <c r="Z4731" s="76"/>
      <c r="AA4731" s="85"/>
      <c r="AB4731" s="85"/>
      <c r="AC4731" s="85"/>
      <c r="AD4731" s="85"/>
      <c r="AE4731" s="85"/>
      <c r="AF4731" s="85"/>
      <c r="AG4731" s="86"/>
      <c r="AH4731" s="85"/>
      <c r="AI4731" s="85"/>
      <c r="AJ4731" s="85"/>
      <c r="AK4731" s="85"/>
      <c r="AL4731" s="85"/>
      <c r="AM4731" s="92"/>
      <c r="AN4731" s="92"/>
      <c r="AO4731" s="92"/>
      <c r="AP4731" s="92"/>
      <c r="AQ4731" s="92"/>
      <c r="AR4731" s="92"/>
      <c r="AS4731" s="92"/>
      <c r="AT4731" s="92"/>
      <c r="AU4731" s="92"/>
      <c r="AV4731" s="92"/>
      <c r="AW4731" s="92"/>
      <c r="AX4731" s="92"/>
      <c r="AY4731" s="92"/>
      <c r="AZ4731" s="93"/>
      <c r="BA4731" s="93"/>
      <c r="BB4731" s="93"/>
      <c r="BC4731" s="93"/>
      <c r="BD4731" s="93"/>
      <c r="BE4731" s="93"/>
      <c r="BF4731" s="93"/>
      <c r="BG4731" s="93"/>
      <c r="BH4731" s="93"/>
      <c r="BI4731" s="93"/>
      <c r="BJ4731" s="93"/>
      <c r="BK4731" s="93"/>
      <c r="BL4731" s="93"/>
    </row>
    <row r="4732" spans="2:64" x14ac:dyDescent="0.2">
      <c r="B4732" s="43"/>
      <c r="C4732" s="73"/>
      <c r="D4732" s="64"/>
      <c r="E4732" s="55"/>
      <c r="F4732" s="74"/>
      <c r="G4732" s="74"/>
      <c r="H4732" s="74"/>
      <c r="I4732" s="75"/>
      <c r="J4732" s="74"/>
      <c r="L4732" s="55"/>
      <c r="M4732" s="234"/>
      <c r="N4732" s="65"/>
      <c r="O4732" s="76"/>
      <c r="P4732" s="76"/>
      <c r="Q4732" s="65"/>
      <c r="R4732" s="76"/>
      <c r="S4732" s="76"/>
      <c r="T4732" s="76"/>
      <c r="U4732" s="76"/>
      <c r="V4732" s="76"/>
      <c r="W4732" s="76"/>
      <c r="X4732" s="76"/>
      <c r="Y4732" s="76"/>
      <c r="Z4732" s="76"/>
      <c r="AA4732" s="85"/>
      <c r="AB4732" s="85"/>
      <c r="AC4732" s="85"/>
      <c r="AD4732" s="85"/>
      <c r="AE4732" s="85"/>
      <c r="AF4732" s="85"/>
      <c r="AG4732" s="86"/>
      <c r="AH4732" s="85"/>
      <c r="AI4732" s="85"/>
      <c r="AJ4732" s="85"/>
      <c r="AK4732" s="85"/>
      <c r="AL4732" s="85"/>
      <c r="AM4732" s="92"/>
      <c r="AN4732" s="92"/>
      <c r="AO4732" s="92"/>
      <c r="AP4732" s="92"/>
      <c r="AQ4732" s="92"/>
      <c r="AR4732" s="92"/>
      <c r="AS4732" s="92"/>
      <c r="AT4732" s="92"/>
      <c r="AU4732" s="92"/>
      <c r="AV4732" s="92"/>
      <c r="AW4732" s="92"/>
      <c r="AX4732" s="92"/>
      <c r="AY4732" s="92"/>
      <c r="AZ4732" s="93"/>
      <c r="BA4732" s="93"/>
      <c r="BB4732" s="93"/>
      <c r="BC4732" s="93"/>
      <c r="BD4732" s="93"/>
      <c r="BE4732" s="93"/>
      <c r="BF4732" s="93"/>
      <c r="BG4732" s="93"/>
      <c r="BH4732" s="93"/>
      <c r="BI4732" s="93"/>
      <c r="BJ4732" s="93"/>
      <c r="BK4732" s="93"/>
      <c r="BL4732" s="93"/>
    </row>
    <row r="4733" spans="2:64" x14ac:dyDescent="0.2">
      <c r="B4733" s="43"/>
      <c r="C4733" s="73"/>
      <c r="D4733" s="64"/>
      <c r="E4733" s="55"/>
      <c r="F4733" s="74"/>
      <c r="G4733" s="74"/>
      <c r="H4733" s="74"/>
      <c r="I4733" s="75"/>
      <c r="J4733" s="74"/>
      <c r="L4733" s="55"/>
      <c r="M4733" s="234"/>
      <c r="N4733" s="65"/>
      <c r="O4733" s="76"/>
      <c r="P4733" s="76"/>
      <c r="Q4733" s="65"/>
      <c r="R4733" s="76"/>
      <c r="S4733" s="76"/>
      <c r="T4733" s="76"/>
      <c r="U4733" s="76"/>
      <c r="V4733" s="76"/>
      <c r="W4733" s="76"/>
      <c r="X4733" s="76"/>
      <c r="Y4733" s="76"/>
      <c r="Z4733" s="76"/>
      <c r="AA4733" s="85"/>
      <c r="AB4733" s="85"/>
      <c r="AC4733" s="85"/>
      <c r="AD4733" s="85"/>
      <c r="AE4733" s="85"/>
      <c r="AF4733" s="85"/>
      <c r="AG4733" s="86"/>
      <c r="AH4733" s="85"/>
      <c r="AI4733" s="85"/>
      <c r="AJ4733" s="85"/>
      <c r="AK4733" s="85"/>
      <c r="AL4733" s="85"/>
      <c r="AM4733" s="92"/>
      <c r="AN4733" s="92"/>
      <c r="AO4733" s="92"/>
      <c r="AP4733" s="92"/>
      <c r="AQ4733" s="92"/>
      <c r="AR4733" s="92"/>
      <c r="AS4733" s="92"/>
      <c r="AT4733" s="92"/>
      <c r="AU4733" s="92"/>
      <c r="AV4733" s="92"/>
      <c r="AW4733" s="92"/>
      <c r="AX4733" s="92"/>
      <c r="AY4733" s="92"/>
      <c r="AZ4733" s="93"/>
      <c r="BA4733" s="93"/>
      <c r="BB4733" s="93"/>
      <c r="BC4733" s="93"/>
      <c r="BD4733" s="93"/>
      <c r="BE4733" s="93"/>
      <c r="BF4733" s="93"/>
      <c r="BG4733" s="93"/>
      <c r="BH4733" s="93"/>
      <c r="BI4733" s="93"/>
      <c r="BJ4733" s="93"/>
      <c r="BK4733" s="93"/>
      <c r="BL4733" s="93"/>
    </row>
    <row r="4734" spans="2:64" x14ac:dyDescent="0.2">
      <c r="B4734" s="43"/>
      <c r="C4734" s="73"/>
      <c r="D4734" s="64"/>
      <c r="E4734" s="55"/>
      <c r="F4734" s="74"/>
      <c r="G4734" s="74"/>
      <c r="H4734" s="74"/>
      <c r="I4734" s="75"/>
      <c r="J4734" s="74"/>
      <c r="L4734" s="55"/>
      <c r="M4734" s="234"/>
      <c r="N4734" s="65"/>
      <c r="O4734" s="76"/>
      <c r="P4734" s="76"/>
      <c r="Q4734" s="65"/>
      <c r="R4734" s="76"/>
      <c r="S4734" s="76"/>
      <c r="T4734" s="76"/>
      <c r="U4734" s="76"/>
      <c r="V4734" s="76"/>
      <c r="W4734" s="76"/>
      <c r="X4734" s="76"/>
      <c r="Y4734" s="76"/>
      <c r="Z4734" s="76"/>
      <c r="AA4734" s="85"/>
      <c r="AB4734" s="85"/>
      <c r="AC4734" s="85"/>
      <c r="AD4734" s="85"/>
      <c r="AE4734" s="85"/>
      <c r="AF4734" s="85"/>
      <c r="AG4734" s="86"/>
      <c r="AH4734" s="85"/>
      <c r="AI4734" s="85"/>
      <c r="AJ4734" s="85"/>
      <c r="AK4734" s="85"/>
      <c r="AL4734" s="85"/>
      <c r="AM4734" s="92"/>
      <c r="AN4734" s="92"/>
      <c r="AO4734" s="92"/>
      <c r="AP4734" s="92"/>
      <c r="AQ4734" s="92"/>
      <c r="AR4734" s="92"/>
      <c r="AS4734" s="92"/>
      <c r="AT4734" s="92"/>
      <c r="AU4734" s="92"/>
      <c r="AV4734" s="92"/>
      <c r="AW4734" s="92"/>
      <c r="AX4734" s="92"/>
      <c r="AY4734" s="92"/>
      <c r="AZ4734" s="93"/>
      <c r="BA4734" s="93"/>
      <c r="BB4734" s="93"/>
      <c r="BC4734" s="93"/>
      <c r="BD4734" s="93"/>
      <c r="BE4734" s="93"/>
      <c r="BF4734" s="93"/>
      <c r="BG4734" s="93"/>
      <c r="BH4734" s="93"/>
      <c r="BI4734" s="93"/>
      <c r="BJ4734" s="93"/>
      <c r="BK4734" s="93"/>
      <c r="BL4734" s="93"/>
    </row>
    <row r="4735" spans="2:64" x14ac:dyDescent="0.2">
      <c r="B4735" s="43"/>
      <c r="C4735" s="73"/>
      <c r="D4735" s="64"/>
      <c r="E4735" s="55"/>
      <c r="F4735" s="74"/>
      <c r="G4735" s="74"/>
      <c r="H4735" s="74"/>
      <c r="I4735" s="75"/>
      <c r="J4735" s="74"/>
      <c r="L4735" s="55"/>
      <c r="M4735" s="234"/>
      <c r="N4735" s="65"/>
      <c r="O4735" s="76"/>
      <c r="P4735" s="76"/>
      <c r="Q4735" s="65"/>
      <c r="R4735" s="76"/>
      <c r="S4735" s="76"/>
      <c r="T4735" s="76"/>
      <c r="U4735" s="76"/>
      <c r="V4735" s="76"/>
      <c r="W4735" s="76"/>
      <c r="X4735" s="76"/>
      <c r="Y4735" s="76"/>
      <c r="Z4735" s="76"/>
      <c r="AA4735" s="85"/>
      <c r="AB4735" s="85"/>
      <c r="AC4735" s="85"/>
      <c r="AD4735" s="85"/>
      <c r="AE4735" s="85"/>
      <c r="AF4735" s="85"/>
      <c r="AG4735" s="86"/>
      <c r="AH4735" s="85"/>
      <c r="AI4735" s="85"/>
      <c r="AJ4735" s="85"/>
      <c r="AK4735" s="85"/>
      <c r="AL4735" s="85"/>
      <c r="AM4735" s="92"/>
      <c r="AN4735" s="92"/>
      <c r="AO4735" s="92"/>
      <c r="AP4735" s="92"/>
      <c r="AQ4735" s="92"/>
      <c r="AR4735" s="92"/>
      <c r="AS4735" s="92"/>
      <c r="AT4735" s="92"/>
      <c r="AU4735" s="92"/>
      <c r="AV4735" s="92"/>
      <c r="AW4735" s="92"/>
      <c r="AX4735" s="92"/>
      <c r="AY4735" s="92"/>
      <c r="AZ4735" s="93"/>
      <c r="BA4735" s="93"/>
      <c r="BB4735" s="93"/>
      <c r="BC4735" s="93"/>
      <c r="BD4735" s="93"/>
      <c r="BE4735" s="93"/>
      <c r="BF4735" s="93"/>
      <c r="BG4735" s="93"/>
      <c r="BH4735" s="93"/>
      <c r="BI4735" s="93"/>
      <c r="BJ4735" s="93"/>
      <c r="BK4735" s="93"/>
      <c r="BL4735" s="93"/>
    </row>
    <row r="4736" spans="2:64" x14ac:dyDescent="0.2">
      <c r="B4736" s="43"/>
      <c r="C4736" s="73"/>
      <c r="D4736" s="64"/>
      <c r="E4736" s="55"/>
      <c r="F4736" s="74"/>
      <c r="G4736" s="74"/>
      <c r="H4736" s="74"/>
      <c r="I4736" s="75"/>
      <c r="J4736" s="74"/>
      <c r="L4736" s="55"/>
      <c r="M4736" s="234"/>
      <c r="N4736" s="65"/>
      <c r="O4736" s="76"/>
      <c r="P4736" s="76"/>
      <c r="Q4736" s="65"/>
      <c r="R4736" s="76"/>
      <c r="S4736" s="76"/>
      <c r="T4736" s="76"/>
      <c r="U4736" s="76"/>
      <c r="V4736" s="76"/>
      <c r="W4736" s="76"/>
      <c r="X4736" s="76"/>
      <c r="Y4736" s="76"/>
      <c r="Z4736" s="76"/>
      <c r="AA4736" s="85"/>
      <c r="AB4736" s="85"/>
      <c r="AC4736" s="85"/>
      <c r="AD4736" s="85"/>
      <c r="AE4736" s="85"/>
      <c r="AF4736" s="85"/>
      <c r="AG4736" s="86"/>
      <c r="AH4736" s="85"/>
      <c r="AI4736" s="85"/>
      <c r="AJ4736" s="85"/>
      <c r="AK4736" s="85"/>
      <c r="AL4736" s="85"/>
      <c r="AM4736" s="92"/>
      <c r="AN4736" s="92"/>
      <c r="AO4736" s="92"/>
      <c r="AP4736" s="92"/>
      <c r="AQ4736" s="92"/>
      <c r="AR4736" s="92"/>
      <c r="AS4736" s="92"/>
      <c r="AT4736" s="92"/>
      <c r="AU4736" s="92"/>
      <c r="AV4736" s="92"/>
      <c r="AW4736" s="92"/>
      <c r="AX4736" s="92"/>
      <c r="AY4736" s="92"/>
      <c r="AZ4736" s="93"/>
      <c r="BA4736" s="93"/>
      <c r="BB4736" s="93"/>
      <c r="BC4736" s="93"/>
      <c r="BD4736" s="93"/>
      <c r="BE4736" s="93"/>
      <c r="BF4736" s="93"/>
      <c r="BG4736" s="93"/>
      <c r="BH4736" s="93"/>
      <c r="BI4736" s="93"/>
      <c r="BJ4736" s="93"/>
      <c r="BK4736" s="93"/>
      <c r="BL4736" s="93"/>
    </row>
    <row r="4737" spans="2:64" x14ac:dyDescent="0.2">
      <c r="B4737" s="43"/>
      <c r="C4737" s="73"/>
      <c r="D4737" s="64"/>
      <c r="E4737" s="55"/>
      <c r="F4737" s="74"/>
      <c r="G4737" s="74"/>
      <c r="H4737" s="74"/>
      <c r="I4737" s="75"/>
      <c r="J4737" s="74"/>
      <c r="L4737" s="55"/>
      <c r="M4737" s="234"/>
      <c r="N4737" s="65"/>
      <c r="O4737" s="76"/>
      <c r="P4737" s="76"/>
      <c r="Q4737" s="65"/>
      <c r="R4737" s="76"/>
      <c r="S4737" s="76"/>
      <c r="T4737" s="76"/>
      <c r="U4737" s="76"/>
      <c r="V4737" s="76"/>
      <c r="W4737" s="76"/>
      <c r="X4737" s="76"/>
      <c r="Y4737" s="76"/>
      <c r="Z4737" s="76"/>
      <c r="AA4737" s="85"/>
      <c r="AB4737" s="85"/>
      <c r="AC4737" s="85"/>
      <c r="AD4737" s="85"/>
      <c r="AE4737" s="85"/>
      <c r="AF4737" s="85"/>
      <c r="AG4737" s="86"/>
      <c r="AH4737" s="85"/>
      <c r="AI4737" s="85"/>
      <c r="AJ4737" s="85"/>
      <c r="AK4737" s="85"/>
      <c r="AL4737" s="85"/>
      <c r="AM4737" s="92"/>
      <c r="AN4737" s="92"/>
      <c r="AO4737" s="92"/>
      <c r="AP4737" s="92"/>
      <c r="AQ4737" s="92"/>
      <c r="AR4737" s="92"/>
      <c r="AS4737" s="92"/>
      <c r="AT4737" s="92"/>
      <c r="AU4737" s="92"/>
      <c r="AV4737" s="92"/>
      <c r="AW4737" s="92"/>
      <c r="AX4737" s="92"/>
      <c r="AY4737" s="92"/>
      <c r="AZ4737" s="93"/>
      <c r="BA4737" s="93"/>
      <c r="BB4737" s="93"/>
      <c r="BC4737" s="93"/>
      <c r="BD4737" s="93"/>
      <c r="BE4737" s="93"/>
      <c r="BF4737" s="93"/>
      <c r="BG4737" s="93"/>
      <c r="BH4737" s="93"/>
      <c r="BI4737" s="93"/>
      <c r="BJ4737" s="93"/>
      <c r="BK4737" s="93"/>
      <c r="BL4737" s="93"/>
    </row>
    <row r="4738" spans="2:64" x14ac:dyDescent="0.2">
      <c r="B4738" s="43"/>
      <c r="C4738" s="73"/>
      <c r="D4738" s="64"/>
      <c r="E4738" s="55"/>
      <c r="F4738" s="74"/>
      <c r="G4738" s="74"/>
      <c r="H4738" s="74"/>
      <c r="I4738" s="75"/>
      <c r="J4738" s="74"/>
      <c r="L4738" s="55"/>
      <c r="M4738" s="234"/>
      <c r="N4738" s="65"/>
      <c r="O4738" s="76"/>
      <c r="P4738" s="76"/>
      <c r="Q4738" s="65"/>
      <c r="R4738" s="76"/>
      <c r="S4738" s="76"/>
      <c r="T4738" s="76"/>
      <c r="U4738" s="76"/>
      <c r="V4738" s="76"/>
      <c r="W4738" s="76"/>
      <c r="X4738" s="76"/>
      <c r="Y4738" s="76"/>
      <c r="Z4738" s="76"/>
      <c r="AA4738" s="85"/>
      <c r="AB4738" s="85"/>
      <c r="AC4738" s="85"/>
      <c r="AD4738" s="85"/>
      <c r="AE4738" s="85"/>
      <c r="AF4738" s="85"/>
      <c r="AG4738" s="86"/>
      <c r="AH4738" s="85"/>
      <c r="AI4738" s="85"/>
      <c r="AJ4738" s="85"/>
      <c r="AK4738" s="85"/>
      <c r="AL4738" s="85"/>
      <c r="AM4738" s="92"/>
      <c r="AN4738" s="92"/>
      <c r="AO4738" s="92"/>
      <c r="AP4738" s="92"/>
      <c r="AQ4738" s="92"/>
      <c r="AR4738" s="92"/>
      <c r="AS4738" s="92"/>
      <c r="AT4738" s="92"/>
      <c r="AU4738" s="92"/>
      <c r="AV4738" s="92"/>
      <c r="AW4738" s="92"/>
      <c r="AX4738" s="92"/>
      <c r="AY4738" s="92"/>
      <c r="AZ4738" s="93"/>
      <c r="BA4738" s="93"/>
      <c r="BB4738" s="93"/>
      <c r="BC4738" s="93"/>
      <c r="BD4738" s="93"/>
      <c r="BE4738" s="93"/>
      <c r="BF4738" s="93"/>
      <c r="BG4738" s="93"/>
      <c r="BH4738" s="93"/>
      <c r="BI4738" s="93"/>
      <c r="BJ4738" s="93"/>
      <c r="BK4738" s="93"/>
      <c r="BL4738" s="93"/>
    </row>
    <row r="4739" spans="2:64" x14ac:dyDescent="0.2">
      <c r="B4739" s="43"/>
      <c r="C4739" s="73"/>
      <c r="D4739" s="64"/>
      <c r="E4739" s="55"/>
      <c r="F4739" s="74"/>
      <c r="G4739" s="74"/>
      <c r="H4739" s="74"/>
      <c r="I4739" s="75"/>
      <c r="J4739" s="74"/>
      <c r="L4739" s="55"/>
      <c r="M4739" s="234"/>
      <c r="N4739" s="65"/>
      <c r="O4739" s="76"/>
      <c r="P4739" s="76"/>
      <c r="Q4739" s="65"/>
      <c r="R4739" s="76"/>
      <c r="S4739" s="76"/>
      <c r="T4739" s="76"/>
      <c r="U4739" s="76"/>
      <c r="V4739" s="76"/>
      <c r="W4739" s="76"/>
      <c r="X4739" s="76"/>
      <c r="Y4739" s="76"/>
      <c r="Z4739" s="76"/>
      <c r="AA4739" s="85"/>
      <c r="AB4739" s="85"/>
      <c r="AC4739" s="85"/>
      <c r="AD4739" s="85"/>
      <c r="AE4739" s="85"/>
      <c r="AF4739" s="85"/>
      <c r="AG4739" s="86"/>
      <c r="AH4739" s="85"/>
      <c r="AI4739" s="85"/>
      <c r="AJ4739" s="85"/>
      <c r="AK4739" s="85"/>
      <c r="AL4739" s="85"/>
      <c r="AM4739" s="92"/>
      <c r="AN4739" s="92"/>
      <c r="AO4739" s="92"/>
      <c r="AP4739" s="92"/>
      <c r="AQ4739" s="92"/>
      <c r="AR4739" s="92"/>
      <c r="AS4739" s="92"/>
      <c r="AT4739" s="92"/>
      <c r="AU4739" s="92"/>
      <c r="AV4739" s="92"/>
      <c r="AW4739" s="92"/>
      <c r="AX4739" s="92"/>
      <c r="AY4739" s="92"/>
      <c r="AZ4739" s="93"/>
      <c r="BA4739" s="93"/>
      <c r="BB4739" s="93"/>
      <c r="BC4739" s="93"/>
      <c r="BD4739" s="93"/>
      <c r="BE4739" s="93"/>
      <c r="BF4739" s="93"/>
      <c r="BG4739" s="93"/>
      <c r="BH4739" s="93"/>
      <c r="BI4739" s="93"/>
      <c r="BJ4739" s="93"/>
      <c r="BK4739" s="93"/>
      <c r="BL4739" s="93"/>
    </row>
    <row r="4740" spans="2:64" x14ac:dyDescent="0.2">
      <c r="B4740" s="43"/>
      <c r="C4740" s="73"/>
      <c r="D4740" s="64"/>
      <c r="E4740" s="55"/>
      <c r="F4740" s="74"/>
      <c r="G4740" s="74"/>
      <c r="H4740" s="74"/>
      <c r="I4740" s="75"/>
      <c r="J4740" s="74"/>
      <c r="L4740" s="55"/>
      <c r="M4740" s="234"/>
      <c r="N4740" s="65"/>
      <c r="O4740" s="76"/>
      <c r="P4740" s="76"/>
      <c r="Q4740" s="65"/>
      <c r="R4740" s="76"/>
      <c r="S4740" s="76"/>
      <c r="T4740" s="76"/>
      <c r="U4740" s="76"/>
      <c r="V4740" s="76"/>
      <c r="W4740" s="76"/>
      <c r="X4740" s="76"/>
      <c r="Y4740" s="76"/>
      <c r="Z4740" s="76"/>
      <c r="AA4740" s="85"/>
      <c r="AB4740" s="85"/>
      <c r="AC4740" s="85"/>
      <c r="AD4740" s="85"/>
      <c r="AE4740" s="85"/>
      <c r="AF4740" s="85"/>
      <c r="AG4740" s="86"/>
      <c r="AH4740" s="85"/>
      <c r="AI4740" s="85"/>
      <c r="AJ4740" s="85"/>
      <c r="AK4740" s="85"/>
      <c r="AL4740" s="85"/>
      <c r="AM4740" s="92"/>
      <c r="AN4740" s="92"/>
      <c r="AO4740" s="92"/>
      <c r="AP4740" s="92"/>
      <c r="AQ4740" s="92"/>
      <c r="AR4740" s="92"/>
      <c r="AS4740" s="92"/>
      <c r="AT4740" s="92"/>
      <c r="AU4740" s="92"/>
      <c r="AV4740" s="92"/>
      <c r="AW4740" s="92"/>
      <c r="AX4740" s="92"/>
      <c r="AY4740" s="92"/>
      <c r="AZ4740" s="93"/>
      <c r="BA4740" s="93"/>
      <c r="BB4740" s="93"/>
      <c r="BC4740" s="93"/>
      <c r="BD4740" s="93"/>
      <c r="BE4740" s="93"/>
      <c r="BF4740" s="93"/>
      <c r="BG4740" s="93"/>
      <c r="BH4740" s="93"/>
      <c r="BI4740" s="93"/>
      <c r="BJ4740" s="93"/>
      <c r="BK4740" s="93"/>
      <c r="BL4740" s="93"/>
    </row>
    <row r="4741" spans="2:64" x14ac:dyDescent="0.2">
      <c r="B4741" s="43"/>
      <c r="C4741" s="73"/>
      <c r="D4741" s="64"/>
      <c r="E4741" s="55"/>
      <c r="F4741" s="74"/>
      <c r="G4741" s="74"/>
      <c r="H4741" s="74"/>
      <c r="I4741" s="75"/>
      <c r="J4741" s="74"/>
      <c r="L4741" s="55"/>
      <c r="M4741" s="234"/>
      <c r="N4741" s="65"/>
      <c r="O4741" s="76"/>
      <c r="P4741" s="76"/>
      <c r="Q4741" s="65"/>
      <c r="R4741" s="76"/>
      <c r="S4741" s="76"/>
      <c r="T4741" s="76"/>
      <c r="U4741" s="76"/>
      <c r="V4741" s="76"/>
      <c r="W4741" s="76"/>
      <c r="X4741" s="76"/>
      <c r="Y4741" s="76"/>
      <c r="Z4741" s="76"/>
      <c r="AA4741" s="85"/>
      <c r="AB4741" s="85"/>
      <c r="AC4741" s="85"/>
      <c r="AD4741" s="85"/>
      <c r="AE4741" s="85"/>
      <c r="AF4741" s="85"/>
      <c r="AG4741" s="86"/>
      <c r="AH4741" s="85"/>
      <c r="AI4741" s="85"/>
      <c r="AJ4741" s="85"/>
      <c r="AK4741" s="85"/>
      <c r="AL4741" s="85"/>
      <c r="AM4741" s="92"/>
      <c r="AN4741" s="92"/>
      <c r="AO4741" s="92"/>
      <c r="AP4741" s="92"/>
      <c r="AQ4741" s="92"/>
      <c r="AR4741" s="92"/>
      <c r="AS4741" s="92"/>
      <c r="AT4741" s="92"/>
      <c r="AU4741" s="92"/>
      <c r="AV4741" s="92"/>
      <c r="AW4741" s="92"/>
      <c r="AX4741" s="92"/>
      <c r="AY4741" s="92"/>
      <c r="AZ4741" s="93"/>
      <c r="BA4741" s="93"/>
      <c r="BB4741" s="93"/>
      <c r="BC4741" s="93"/>
      <c r="BD4741" s="93"/>
      <c r="BE4741" s="93"/>
      <c r="BF4741" s="93"/>
      <c r="BG4741" s="93"/>
      <c r="BH4741" s="93"/>
      <c r="BI4741" s="93"/>
      <c r="BJ4741" s="93"/>
      <c r="BK4741" s="93"/>
      <c r="BL4741" s="93"/>
    </row>
    <row r="4742" spans="2:64" x14ac:dyDescent="0.2">
      <c r="B4742" s="43"/>
      <c r="C4742" s="73"/>
      <c r="D4742" s="64"/>
      <c r="E4742" s="55"/>
      <c r="F4742" s="74"/>
      <c r="G4742" s="74"/>
      <c r="H4742" s="74"/>
      <c r="I4742" s="75"/>
      <c r="J4742" s="74"/>
      <c r="L4742" s="55"/>
      <c r="M4742" s="234"/>
      <c r="N4742" s="65"/>
      <c r="O4742" s="76"/>
      <c r="P4742" s="76"/>
      <c r="Q4742" s="65"/>
      <c r="R4742" s="76"/>
      <c r="S4742" s="76"/>
      <c r="T4742" s="76"/>
      <c r="U4742" s="76"/>
      <c r="V4742" s="76"/>
      <c r="W4742" s="76"/>
      <c r="X4742" s="76"/>
      <c r="Y4742" s="76"/>
      <c r="Z4742" s="76"/>
      <c r="AA4742" s="85"/>
      <c r="AB4742" s="85"/>
      <c r="AC4742" s="85"/>
      <c r="AD4742" s="85"/>
      <c r="AE4742" s="85"/>
      <c r="AF4742" s="85"/>
      <c r="AG4742" s="86"/>
      <c r="AH4742" s="85"/>
      <c r="AI4742" s="85"/>
      <c r="AJ4742" s="85"/>
      <c r="AK4742" s="85"/>
      <c r="AL4742" s="85"/>
      <c r="AM4742" s="92"/>
      <c r="AN4742" s="92"/>
      <c r="AO4742" s="92"/>
      <c r="AP4742" s="92"/>
      <c r="AQ4742" s="92"/>
      <c r="AR4742" s="92"/>
      <c r="AS4742" s="92"/>
      <c r="AT4742" s="92"/>
      <c r="AU4742" s="92"/>
      <c r="AV4742" s="92"/>
      <c r="AW4742" s="92"/>
      <c r="AX4742" s="92"/>
      <c r="AY4742" s="92"/>
      <c r="AZ4742" s="93"/>
      <c r="BA4742" s="93"/>
      <c r="BB4742" s="93"/>
      <c r="BC4742" s="93"/>
      <c r="BD4742" s="93"/>
      <c r="BE4742" s="93"/>
      <c r="BF4742" s="93"/>
      <c r="BG4742" s="93"/>
      <c r="BH4742" s="93"/>
      <c r="BI4742" s="93"/>
      <c r="BJ4742" s="93"/>
      <c r="BK4742" s="93"/>
      <c r="BL4742" s="93"/>
    </row>
    <row r="4743" spans="2:64" x14ac:dyDescent="0.2">
      <c r="B4743" s="43"/>
      <c r="C4743" s="73"/>
      <c r="D4743" s="64"/>
      <c r="E4743" s="55"/>
      <c r="F4743" s="74"/>
      <c r="G4743" s="74"/>
      <c r="H4743" s="74"/>
      <c r="I4743" s="75"/>
      <c r="J4743" s="74"/>
      <c r="L4743" s="55"/>
      <c r="M4743" s="234"/>
      <c r="N4743" s="65"/>
      <c r="O4743" s="76"/>
      <c r="P4743" s="76"/>
      <c r="Q4743" s="65"/>
      <c r="R4743" s="76"/>
      <c r="S4743" s="76"/>
      <c r="T4743" s="76"/>
      <c r="U4743" s="76"/>
      <c r="V4743" s="76"/>
      <c r="W4743" s="76"/>
      <c r="X4743" s="76"/>
      <c r="Y4743" s="76"/>
      <c r="Z4743" s="76"/>
      <c r="AA4743" s="85"/>
      <c r="AB4743" s="85"/>
      <c r="AC4743" s="85"/>
      <c r="AD4743" s="85"/>
      <c r="AE4743" s="85"/>
      <c r="AF4743" s="85"/>
      <c r="AG4743" s="86"/>
      <c r="AH4743" s="85"/>
      <c r="AI4743" s="85"/>
      <c r="AJ4743" s="85"/>
      <c r="AK4743" s="85"/>
      <c r="AL4743" s="85"/>
      <c r="AM4743" s="92"/>
      <c r="AN4743" s="92"/>
      <c r="AO4743" s="92"/>
      <c r="AP4743" s="92"/>
      <c r="AQ4743" s="92"/>
      <c r="AR4743" s="92"/>
      <c r="AS4743" s="92"/>
      <c r="AT4743" s="92"/>
      <c r="AU4743" s="92"/>
      <c r="AV4743" s="92"/>
      <c r="AW4743" s="92"/>
      <c r="AX4743" s="92"/>
      <c r="AY4743" s="92"/>
      <c r="AZ4743" s="93"/>
      <c r="BA4743" s="93"/>
      <c r="BB4743" s="93"/>
      <c r="BC4743" s="93"/>
      <c r="BD4743" s="93"/>
      <c r="BE4743" s="93"/>
      <c r="BF4743" s="93"/>
      <c r="BG4743" s="93"/>
      <c r="BH4743" s="93"/>
      <c r="BI4743" s="93"/>
      <c r="BJ4743" s="93"/>
      <c r="BK4743" s="93"/>
      <c r="BL4743" s="93"/>
    </row>
    <row r="4744" spans="2:64" x14ac:dyDescent="0.2">
      <c r="B4744" s="43"/>
      <c r="C4744" s="73"/>
      <c r="D4744" s="64"/>
      <c r="E4744" s="55"/>
      <c r="F4744" s="74"/>
      <c r="G4744" s="74"/>
      <c r="H4744" s="74"/>
      <c r="I4744" s="75"/>
      <c r="J4744" s="74"/>
      <c r="L4744" s="55"/>
      <c r="M4744" s="234"/>
      <c r="N4744" s="65"/>
      <c r="O4744" s="76"/>
      <c r="P4744" s="76"/>
      <c r="Q4744" s="65"/>
      <c r="R4744" s="76"/>
      <c r="S4744" s="76"/>
      <c r="T4744" s="76"/>
      <c r="U4744" s="76"/>
      <c r="V4744" s="76"/>
      <c r="W4744" s="76"/>
      <c r="X4744" s="76"/>
      <c r="Y4744" s="76"/>
      <c r="Z4744" s="76"/>
      <c r="AA4744" s="85"/>
      <c r="AB4744" s="85"/>
      <c r="AC4744" s="85"/>
      <c r="AD4744" s="85"/>
      <c r="AE4744" s="85"/>
      <c r="AF4744" s="85"/>
      <c r="AG4744" s="86"/>
      <c r="AH4744" s="85"/>
      <c r="AI4744" s="85"/>
      <c r="AJ4744" s="85"/>
      <c r="AK4744" s="85"/>
      <c r="AL4744" s="85"/>
      <c r="AM4744" s="92"/>
      <c r="AN4744" s="92"/>
      <c r="AO4744" s="92"/>
      <c r="AP4744" s="92"/>
      <c r="AQ4744" s="92"/>
      <c r="AR4744" s="92"/>
      <c r="AS4744" s="92"/>
      <c r="AT4744" s="92"/>
      <c r="AU4744" s="92"/>
      <c r="AV4744" s="92"/>
      <c r="AW4744" s="92"/>
      <c r="AX4744" s="92"/>
      <c r="AY4744" s="92"/>
      <c r="AZ4744" s="93"/>
      <c r="BA4744" s="93"/>
      <c r="BB4744" s="93"/>
      <c r="BC4744" s="93"/>
      <c r="BD4744" s="93"/>
      <c r="BE4744" s="93"/>
      <c r="BF4744" s="93"/>
      <c r="BG4744" s="93"/>
      <c r="BH4744" s="93"/>
      <c r="BI4744" s="93"/>
      <c r="BJ4744" s="93"/>
      <c r="BK4744" s="93"/>
      <c r="BL4744" s="93"/>
    </row>
    <row r="4745" spans="2:64" x14ac:dyDescent="0.2">
      <c r="B4745" s="43"/>
      <c r="C4745" s="73"/>
      <c r="D4745" s="64"/>
      <c r="E4745" s="55"/>
      <c r="F4745" s="74"/>
      <c r="G4745" s="74"/>
      <c r="H4745" s="74"/>
      <c r="I4745" s="75"/>
      <c r="J4745" s="74"/>
      <c r="L4745" s="55"/>
      <c r="M4745" s="234"/>
      <c r="N4745" s="65"/>
      <c r="O4745" s="76"/>
      <c r="P4745" s="76"/>
      <c r="Q4745" s="65"/>
      <c r="R4745" s="76"/>
      <c r="S4745" s="76"/>
      <c r="T4745" s="76"/>
      <c r="U4745" s="76"/>
      <c r="V4745" s="76"/>
      <c r="W4745" s="76"/>
      <c r="X4745" s="76"/>
      <c r="Y4745" s="76"/>
      <c r="Z4745" s="76"/>
      <c r="AA4745" s="85"/>
      <c r="AB4745" s="85"/>
      <c r="AC4745" s="85"/>
      <c r="AD4745" s="85"/>
      <c r="AE4745" s="85"/>
      <c r="AF4745" s="85"/>
      <c r="AG4745" s="86"/>
      <c r="AH4745" s="85"/>
      <c r="AI4745" s="85"/>
      <c r="AJ4745" s="85"/>
      <c r="AK4745" s="85"/>
      <c r="AL4745" s="85"/>
      <c r="AM4745" s="92"/>
      <c r="AN4745" s="92"/>
      <c r="AO4745" s="92"/>
      <c r="AP4745" s="92"/>
      <c r="AQ4745" s="92"/>
      <c r="AR4745" s="92"/>
      <c r="AS4745" s="92"/>
      <c r="AT4745" s="92"/>
      <c r="AU4745" s="92"/>
      <c r="AV4745" s="92"/>
      <c r="AW4745" s="92"/>
      <c r="AX4745" s="92"/>
      <c r="AY4745" s="92"/>
      <c r="AZ4745" s="93"/>
      <c r="BA4745" s="93"/>
      <c r="BB4745" s="93"/>
      <c r="BC4745" s="93"/>
      <c r="BD4745" s="93"/>
      <c r="BE4745" s="93"/>
      <c r="BF4745" s="93"/>
      <c r="BG4745" s="93"/>
      <c r="BH4745" s="93"/>
      <c r="BI4745" s="93"/>
      <c r="BJ4745" s="93"/>
      <c r="BK4745" s="93"/>
      <c r="BL4745" s="93"/>
    </row>
    <row r="4746" spans="2:64" x14ac:dyDescent="0.2">
      <c r="B4746" s="43"/>
      <c r="C4746" s="73"/>
      <c r="D4746" s="64"/>
      <c r="E4746" s="55"/>
      <c r="F4746" s="74"/>
      <c r="G4746" s="74"/>
      <c r="H4746" s="74"/>
      <c r="I4746" s="75"/>
      <c r="J4746" s="74"/>
      <c r="L4746" s="55"/>
      <c r="M4746" s="234"/>
      <c r="N4746" s="65"/>
      <c r="O4746" s="76"/>
      <c r="P4746" s="76"/>
      <c r="Q4746" s="65"/>
      <c r="R4746" s="76"/>
      <c r="S4746" s="76"/>
      <c r="T4746" s="76"/>
      <c r="U4746" s="76"/>
      <c r="V4746" s="76"/>
      <c r="W4746" s="76"/>
      <c r="X4746" s="76"/>
      <c r="Y4746" s="76"/>
      <c r="Z4746" s="76"/>
      <c r="AA4746" s="85"/>
      <c r="AB4746" s="85"/>
      <c r="AC4746" s="85"/>
      <c r="AD4746" s="85"/>
      <c r="AE4746" s="85"/>
      <c r="AF4746" s="85"/>
      <c r="AG4746" s="86"/>
      <c r="AH4746" s="85"/>
      <c r="AI4746" s="85"/>
      <c r="AJ4746" s="85"/>
      <c r="AK4746" s="85"/>
      <c r="AL4746" s="85"/>
      <c r="AM4746" s="92"/>
      <c r="AN4746" s="92"/>
      <c r="AO4746" s="92"/>
      <c r="AP4746" s="92"/>
      <c r="AQ4746" s="92"/>
      <c r="AR4746" s="92"/>
      <c r="AS4746" s="92"/>
      <c r="AT4746" s="92"/>
      <c r="AU4746" s="92"/>
      <c r="AV4746" s="92"/>
      <c r="AW4746" s="92"/>
      <c r="AX4746" s="92"/>
      <c r="AY4746" s="92"/>
      <c r="AZ4746" s="93"/>
      <c r="BA4746" s="93"/>
      <c r="BB4746" s="93"/>
      <c r="BC4746" s="93"/>
      <c r="BD4746" s="93"/>
      <c r="BE4746" s="93"/>
      <c r="BF4746" s="93"/>
      <c r="BG4746" s="93"/>
      <c r="BH4746" s="93"/>
      <c r="BI4746" s="93"/>
      <c r="BJ4746" s="93"/>
      <c r="BK4746" s="93"/>
      <c r="BL4746" s="93"/>
    </row>
    <row r="4747" spans="2:64" x14ac:dyDescent="0.2">
      <c r="B4747" s="43"/>
      <c r="C4747" s="73"/>
      <c r="D4747" s="64"/>
      <c r="E4747" s="55"/>
      <c r="F4747" s="74"/>
      <c r="G4747" s="74"/>
      <c r="H4747" s="74"/>
      <c r="I4747" s="75"/>
      <c r="J4747" s="74"/>
      <c r="L4747" s="55"/>
      <c r="M4747" s="234"/>
      <c r="N4747" s="65"/>
      <c r="O4747" s="76"/>
      <c r="P4747" s="76"/>
      <c r="Q4747" s="65"/>
      <c r="R4747" s="76"/>
      <c r="S4747" s="76"/>
      <c r="T4747" s="76"/>
      <c r="U4747" s="76"/>
      <c r="V4747" s="76"/>
      <c r="W4747" s="76"/>
      <c r="X4747" s="76"/>
      <c r="Y4747" s="76"/>
      <c r="Z4747" s="76"/>
      <c r="AA4747" s="85"/>
      <c r="AB4747" s="85"/>
      <c r="AC4747" s="85"/>
      <c r="AD4747" s="85"/>
      <c r="AE4747" s="85"/>
      <c r="AF4747" s="85"/>
      <c r="AG4747" s="86"/>
      <c r="AH4747" s="85"/>
      <c r="AI4747" s="85"/>
      <c r="AJ4747" s="85"/>
      <c r="AK4747" s="85"/>
      <c r="AL4747" s="85"/>
      <c r="AM4747" s="92"/>
      <c r="AN4747" s="92"/>
      <c r="AO4747" s="92"/>
      <c r="AP4747" s="92"/>
      <c r="AQ4747" s="92"/>
      <c r="AR4747" s="92"/>
      <c r="AS4747" s="92"/>
      <c r="AT4747" s="92"/>
      <c r="AU4747" s="92"/>
      <c r="AV4747" s="92"/>
      <c r="AW4747" s="92"/>
      <c r="AX4747" s="92"/>
      <c r="AY4747" s="92"/>
      <c r="AZ4747" s="93"/>
      <c r="BA4747" s="93"/>
      <c r="BB4747" s="93"/>
      <c r="BC4747" s="93"/>
      <c r="BD4747" s="93"/>
      <c r="BE4747" s="93"/>
      <c r="BF4747" s="93"/>
      <c r="BG4747" s="93"/>
      <c r="BH4747" s="93"/>
      <c r="BI4747" s="93"/>
      <c r="BJ4747" s="93"/>
      <c r="BK4747" s="93"/>
      <c r="BL4747" s="93"/>
    </row>
    <row r="4748" spans="2:64" x14ac:dyDescent="0.2">
      <c r="B4748" s="43"/>
      <c r="C4748" s="73"/>
      <c r="D4748" s="64"/>
      <c r="E4748" s="55"/>
      <c r="F4748" s="74"/>
      <c r="G4748" s="74"/>
      <c r="H4748" s="74"/>
      <c r="I4748" s="75"/>
      <c r="J4748" s="74"/>
      <c r="L4748" s="55"/>
      <c r="M4748" s="234"/>
      <c r="N4748" s="65"/>
      <c r="O4748" s="76"/>
      <c r="P4748" s="76"/>
      <c r="Q4748" s="65"/>
      <c r="R4748" s="76"/>
      <c r="S4748" s="76"/>
      <c r="T4748" s="76"/>
      <c r="U4748" s="76"/>
      <c r="V4748" s="76"/>
      <c r="W4748" s="76"/>
      <c r="X4748" s="76"/>
      <c r="Y4748" s="76"/>
      <c r="Z4748" s="76"/>
      <c r="AA4748" s="85"/>
      <c r="AB4748" s="85"/>
      <c r="AC4748" s="85"/>
      <c r="AD4748" s="85"/>
      <c r="AE4748" s="85"/>
      <c r="AF4748" s="85"/>
      <c r="AG4748" s="86"/>
      <c r="AH4748" s="85"/>
      <c r="AI4748" s="85"/>
      <c r="AJ4748" s="85"/>
      <c r="AK4748" s="85"/>
      <c r="AL4748" s="85"/>
      <c r="AM4748" s="92"/>
      <c r="AN4748" s="92"/>
      <c r="AO4748" s="92"/>
      <c r="AP4748" s="92"/>
      <c r="AQ4748" s="92"/>
      <c r="AR4748" s="92"/>
      <c r="AS4748" s="92"/>
      <c r="AT4748" s="92"/>
      <c r="AU4748" s="92"/>
      <c r="AV4748" s="92"/>
      <c r="AW4748" s="92"/>
      <c r="AX4748" s="92"/>
      <c r="AY4748" s="92"/>
      <c r="AZ4748" s="93"/>
      <c r="BA4748" s="93"/>
      <c r="BB4748" s="93"/>
      <c r="BC4748" s="93"/>
      <c r="BD4748" s="93"/>
      <c r="BE4748" s="93"/>
      <c r="BF4748" s="93"/>
      <c r="BG4748" s="93"/>
      <c r="BH4748" s="93"/>
      <c r="BI4748" s="93"/>
      <c r="BJ4748" s="93"/>
      <c r="BK4748" s="93"/>
      <c r="BL4748" s="93"/>
    </row>
    <row r="4749" spans="2:64" x14ac:dyDescent="0.2">
      <c r="B4749" s="43"/>
      <c r="C4749" s="73"/>
      <c r="D4749" s="64"/>
      <c r="E4749" s="55"/>
      <c r="F4749" s="74"/>
      <c r="G4749" s="74"/>
      <c r="H4749" s="74"/>
      <c r="I4749" s="75"/>
      <c r="J4749" s="74"/>
      <c r="L4749" s="55"/>
      <c r="M4749" s="234"/>
      <c r="N4749" s="65"/>
      <c r="O4749" s="76"/>
      <c r="P4749" s="76"/>
      <c r="Q4749" s="65"/>
      <c r="R4749" s="76"/>
      <c r="S4749" s="76"/>
      <c r="T4749" s="76"/>
      <c r="U4749" s="76"/>
      <c r="V4749" s="76"/>
      <c r="W4749" s="76"/>
      <c r="X4749" s="76"/>
      <c r="Y4749" s="76"/>
      <c r="Z4749" s="76"/>
      <c r="AA4749" s="85"/>
      <c r="AB4749" s="85"/>
      <c r="AC4749" s="85"/>
      <c r="AD4749" s="85"/>
      <c r="AE4749" s="85"/>
      <c r="AF4749" s="85"/>
      <c r="AG4749" s="86"/>
      <c r="AH4749" s="85"/>
      <c r="AI4749" s="85"/>
      <c r="AJ4749" s="85"/>
      <c r="AK4749" s="85"/>
      <c r="AL4749" s="85"/>
      <c r="AM4749" s="92"/>
      <c r="AN4749" s="92"/>
      <c r="AO4749" s="92"/>
      <c r="AP4749" s="92"/>
      <c r="AQ4749" s="92"/>
      <c r="AR4749" s="92"/>
      <c r="AS4749" s="92"/>
      <c r="AT4749" s="92"/>
      <c r="AU4749" s="92"/>
      <c r="AV4749" s="92"/>
      <c r="AW4749" s="92"/>
      <c r="AX4749" s="92"/>
      <c r="AY4749" s="92"/>
      <c r="AZ4749" s="93"/>
      <c r="BA4749" s="93"/>
      <c r="BB4749" s="93"/>
      <c r="BC4749" s="93"/>
      <c r="BD4749" s="93"/>
      <c r="BE4749" s="93"/>
      <c r="BF4749" s="93"/>
      <c r="BG4749" s="93"/>
      <c r="BH4749" s="93"/>
      <c r="BI4749" s="93"/>
      <c r="BJ4749" s="93"/>
      <c r="BK4749" s="93"/>
      <c r="BL4749" s="93"/>
    </row>
    <row r="4750" spans="2:64" x14ac:dyDescent="0.2">
      <c r="B4750" s="43"/>
      <c r="C4750" s="73"/>
      <c r="D4750" s="64"/>
      <c r="E4750" s="55"/>
      <c r="F4750" s="74"/>
      <c r="G4750" s="74"/>
      <c r="H4750" s="74"/>
      <c r="I4750" s="75"/>
      <c r="J4750" s="74"/>
      <c r="L4750" s="55"/>
      <c r="M4750" s="234"/>
      <c r="N4750" s="65"/>
      <c r="O4750" s="76"/>
      <c r="P4750" s="76"/>
      <c r="Q4750" s="65"/>
      <c r="R4750" s="76"/>
      <c r="S4750" s="76"/>
      <c r="T4750" s="76"/>
      <c r="U4750" s="76"/>
      <c r="V4750" s="76"/>
      <c r="W4750" s="76"/>
      <c r="X4750" s="76"/>
      <c r="Y4750" s="76"/>
      <c r="Z4750" s="76"/>
      <c r="AA4750" s="85"/>
      <c r="AB4750" s="85"/>
      <c r="AC4750" s="85"/>
      <c r="AD4750" s="85"/>
      <c r="AE4750" s="85"/>
      <c r="AF4750" s="85"/>
      <c r="AG4750" s="86"/>
      <c r="AH4750" s="85"/>
      <c r="AI4750" s="85"/>
      <c r="AJ4750" s="85"/>
      <c r="AK4750" s="85"/>
      <c r="AL4750" s="85"/>
      <c r="AM4750" s="92"/>
      <c r="AN4750" s="92"/>
      <c r="AO4750" s="92"/>
      <c r="AP4750" s="92"/>
      <c r="AQ4750" s="92"/>
      <c r="AR4750" s="92"/>
      <c r="AS4750" s="92"/>
      <c r="AT4750" s="92"/>
      <c r="AU4750" s="92"/>
      <c r="AV4750" s="92"/>
      <c r="AW4750" s="92"/>
      <c r="AX4750" s="92"/>
      <c r="AY4750" s="92"/>
      <c r="AZ4750" s="93"/>
      <c r="BA4750" s="93"/>
      <c r="BB4750" s="93"/>
      <c r="BC4750" s="93"/>
      <c r="BD4750" s="93"/>
      <c r="BE4750" s="93"/>
      <c r="BF4750" s="93"/>
      <c r="BG4750" s="93"/>
      <c r="BH4750" s="93"/>
      <c r="BI4750" s="93"/>
      <c r="BJ4750" s="93"/>
      <c r="BK4750" s="93"/>
      <c r="BL4750" s="93"/>
    </row>
    <row r="4751" spans="2:64" x14ac:dyDescent="0.2">
      <c r="B4751" s="43"/>
      <c r="C4751" s="73"/>
      <c r="D4751" s="64"/>
      <c r="E4751" s="55"/>
      <c r="F4751" s="74"/>
      <c r="G4751" s="74"/>
      <c r="H4751" s="74"/>
      <c r="I4751" s="75"/>
      <c r="J4751" s="74"/>
      <c r="L4751" s="55"/>
      <c r="M4751" s="234"/>
      <c r="N4751" s="65"/>
      <c r="O4751" s="76"/>
      <c r="P4751" s="76"/>
      <c r="Q4751" s="65"/>
      <c r="R4751" s="76"/>
      <c r="S4751" s="76"/>
      <c r="T4751" s="76"/>
      <c r="U4751" s="76"/>
      <c r="V4751" s="76"/>
      <c r="W4751" s="76"/>
      <c r="X4751" s="76"/>
      <c r="Y4751" s="76"/>
      <c r="Z4751" s="76"/>
      <c r="AA4751" s="85"/>
      <c r="AB4751" s="85"/>
      <c r="AC4751" s="85"/>
      <c r="AD4751" s="85"/>
      <c r="AE4751" s="85"/>
      <c r="AF4751" s="85"/>
      <c r="AG4751" s="86"/>
      <c r="AH4751" s="85"/>
      <c r="AI4751" s="85"/>
      <c r="AJ4751" s="85"/>
      <c r="AK4751" s="85"/>
      <c r="AL4751" s="85"/>
      <c r="AM4751" s="92"/>
      <c r="AN4751" s="92"/>
      <c r="AO4751" s="92"/>
      <c r="AP4751" s="92"/>
      <c r="AQ4751" s="92"/>
      <c r="AR4751" s="92"/>
      <c r="AS4751" s="92"/>
      <c r="AT4751" s="92"/>
      <c r="AU4751" s="92"/>
      <c r="AV4751" s="92"/>
      <c r="AW4751" s="92"/>
      <c r="AX4751" s="92"/>
      <c r="AY4751" s="92"/>
      <c r="AZ4751" s="93"/>
      <c r="BA4751" s="93"/>
      <c r="BB4751" s="93"/>
      <c r="BC4751" s="93"/>
      <c r="BD4751" s="93"/>
      <c r="BE4751" s="93"/>
      <c r="BF4751" s="93"/>
      <c r="BG4751" s="93"/>
      <c r="BH4751" s="93"/>
      <c r="BI4751" s="93"/>
      <c r="BJ4751" s="93"/>
      <c r="BK4751" s="93"/>
      <c r="BL4751" s="93"/>
    </row>
    <row r="4752" spans="2:64" x14ac:dyDescent="0.2">
      <c r="B4752" s="43"/>
      <c r="C4752" s="73"/>
      <c r="D4752" s="64"/>
      <c r="E4752" s="55"/>
      <c r="F4752" s="74"/>
      <c r="G4752" s="74"/>
      <c r="H4752" s="74"/>
      <c r="I4752" s="75"/>
      <c r="J4752" s="74"/>
      <c r="L4752" s="55"/>
      <c r="M4752" s="234"/>
      <c r="N4752" s="65"/>
      <c r="O4752" s="76"/>
      <c r="P4752" s="76"/>
      <c r="Q4752" s="65"/>
      <c r="R4752" s="76"/>
      <c r="S4752" s="76"/>
      <c r="T4752" s="76"/>
      <c r="U4752" s="76"/>
      <c r="V4752" s="76"/>
      <c r="W4752" s="76"/>
      <c r="X4752" s="76"/>
      <c r="Y4752" s="76"/>
      <c r="Z4752" s="76"/>
      <c r="AA4752" s="85"/>
      <c r="AB4752" s="85"/>
      <c r="AC4752" s="85"/>
      <c r="AD4752" s="85"/>
      <c r="AE4752" s="85"/>
      <c r="AF4752" s="85"/>
      <c r="AG4752" s="86"/>
      <c r="AH4752" s="85"/>
      <c r="AI4752" s="85"/>
      <c r="AJ4752" s="85"/>
      <c r="AK4752" s="85"/>
      <c r="AL4752" s="85"/>
      <c r="AM4752" s="92"/>
      <c r="AN4752" s="92"/>
      <c r="AO4752" s="92"/>
      <c r="AP4752" s="92"/>
      <c r="AQ4752" s="92"/>
      <c r="AR4752" s="92"/>
      <c r="AS4752" s="92"/>
      <c r="AT4752" s="92"/>
      <c r="AU4752" s="92"/>
      <c r="AV4752" s="92"/>
      <c r="AW4752" s="92"/>
      <c r="AX4752" s="92"/>
      <c r="AY4752" s="92"/>
      <c r="AZ4752" s="93"/>
      <c r="BA4752" s="93"/>
      <c r="BB4752" s="93"/>
      <c r="BC4752" s="93"/>
      <c r="BD4752" s="93"/>
      <c r="BE4752" s="93"/>
      <c r="BF4752" s="93"/>
      <c r="BG4752" s="93"/>
      <c r="BH4752" s="93"/>
      <c r="BI4752" s="93"/>
      <c r="BJ4752" s="93"/>
      <c r="BK4752" s="93"/>
      <c r="BL4752" s="93"/>
    </row>
    <row r="4753" spans="2:64" x14ac:dyDescent="0.2">
      <c r="B4753" s="43"/>
      <c r="C4753" s="73"/>
      <c r="D4753" s="64"/>
      <c r="E4753" s="55"/>
      <c r="F4753" s="74"/>
      <c r="G4753" s="74"/>
      <c r="H4753" s="74"/>
      <c r="I4753" s="75"/>
      <c r="J4753" s="74"/>
      <c r="L4753" s="55"/>
      <c r="M4753" s="234"/>
      <c r="N4753" s="65"/>
      <c r="O4753" s="76"/>
      <c r="P4753" s="76"/>
      <c r="Q4753" s="65"/>
      <c r="R4753" s="76"/>
      <c r="S4753" s="76"/>
      <c r="T4753" s="76"/>
      <c r="U4753" s="76"/>
      <c r="V4753" s="76"/>
      <c r="W4753" s="76"/>
      <c r="X4753" s="76"/>
      <c r="Y4753" s="76"/>
      <c r="Z4753" s="76"/>
      <c r="AA4753" s="85"/>
      <c r="AB4753" s="85"/>
      <c r="AC4753" s="85"/>
      <c r="AD4753" s="85"/>
      <c r="AE4753" s="85"/>
      <c r="AF4753" s="85"/>
      <c r="AG4753" s="86"/>
      <c r="AH4753" s="85"/>
      <c r="AI4753" s="85"/>
      <c r="AJ4753" s="85"/>
      <c r="AK4753" s="85"/>
      <c r="AL4753" s="85"/>
      <c r="AM4753" s="92"/>
      <c r="AN4753" s="92"/>
      <c r="AO4753" s="92"/>
      <c r="AP4753" s="92"/>
      <c r="AQ4753" s="92"/>
      <c r="AR4753" s="92"/>
      <c r="AS4753" s="92"/>
      <c r="AT4753" s="92"/>
      <c r="AU4753" s="92"/>
      <c r="AV4753" s="92"/>
      <c r="AW4753" s="92"/>
      <c r="AX4753" s="92"/>
      <c r="AY4753" s="92"/>
      <c r="AZ4753" s="93"/>
      <c r="BA4753" s="93"/>
      <c r="BB4753" s="93"/>
      <c r="BC4753" s="93"/>
      <c r="BD4753" s="93"/>
      <c r="BE4753" s="93"/>
      <c r="BF4753" s="93"/>
      <c r="BG4753" s="93"/>
      <c r="BH4753" s="93"/>
      <c r="BI4753" s="93"/>
      <c r="BJ4753" s="93"/>
      <c r="BK4753" s="93"/>
      <c r="BL4753" s="93"/>
    </row>
    <row r="4754" spans="2:64" x14ac:dyDescent="0.2">
      <c r="B4754" s="43"/>
      <c r="C4754" s="73"/>
      <c r="D4754" s="64"/>
      <c r="E4754" s="55"/>
      <c r="F4754" s="74"/>
      <c r="G4754" s="74"/>
      <c r="H4754" s="74"/>
      <c r="I4754" s="75"/>
      <c r="J4754" s="74"/>
      <c r="L4754" s="55"/>
      <c r="M4754" s="234"/>
      <c r="N4754" s="65"/>
      <c r="O4754" s="76"/>
      <c r="P4754" s="76"/>
      <c r="Q4754" s="65"/>
      <c r="R4754" s="76"/>
      <c r="S4754" s="76"/>
      <c r="T4754" s="76"/>
      <c r="U4754" s="76"/>
      <c r="V4754" s="76"/>
      <c r="W4754" s="76"/>
      <c r="X4754" s="76"/>
      <c r="Y4754" s="76"/>
      <c r="Z4754" s="76"/>
      <c r="AA4754" s="85"/>
      <c r="AB4754" s="85"/>
      <c r="AC4754" s="85"/>
      <c r="AD4754" s="85"/>
      <c r="AE4754" s="85"/>
      <c r="AF4754" s="85"/>
      <c r="AG4754" s="86"/>
      <c r="AH4754" s="85"/>
      <c r="AI4754" s="85"/>
      <c r="AJ4754" s="85"/>
      <c r="AK4754" s="85"/>
      <c r="AL4754" s="85"/>
      <c r="AM4754" s="92"/>
      <c r="AN4754" s="92"/>
      <c r="AO4754" s="92"/>
      <c r="AP4754" s="92"/>
      <c r="AQ4754" s="92"/>
      <c r="AR4754" s="92"/>
      <c r="AS4754" s="92"/>
      <c r="AT4754" s="92"/>
      <c r="AU4754" s="92"/>
      <c r="AV4754" s="92"/>
      <c r="AW4754" s="92"/>
      <c r="AX4754" s="92"/>
      <c r="AY4754" s="92"/>
      <c r="AZ4754" s="93"/>
      <c r="BA4754" s="93"/>
      <c r="BB4754" s="93"/>
      <c r="BC4754" s="93"/>
      <c r="BD4754" s="93"/>
      <c r="BE4754" s="93"/>
      <c r="BF4754" s="93"/>
      <c r="BG4754" s="93"/>
      <c r="BH4754" s="93"/>
      <c r="BI4754" s="93"/>
      <c r="BJ4754" s="93"/>
      <c r="BK4754" s="93"/>
      <c r="BL4754" s="93"/>
    </row>
    <row r="4755" spans="2:64" x14ac:dyDescent="0.2">
      <c r="B4755" s="43"/>
      <c r="C4755" s="73"/>
      <c r="D4755" s="64"/>
      <c r="E4755" s="55"/>
      <c r="F4755" s="74"/>
      <c r="G4755" s="74"/>
      <c r="H4755" s="74"/>
      <c r="I4755" s="75"/>
      <c r="J4755" s="74"/>
      <c r="L4755" s="55"/>
      <c r="M4755" s="234"/>
      <c r="N4755" s="65"/>
      <c r="O4755" s="76"/>
      <c r="P4755" s="76"/>
      <c r="Q4755" s="65"/>
      <c r="R4755" s="76"/>
      <c r="S4755" s="76"/>
      <c r="T4755" s="76"/>
      <c r="U4755" s="76"/>
      <c r="V4755" s="76"/>
      <c r="W4755" s="76"/>
      <c r="X4755" s="76"/>
      <c r="Y4755" s="76"/>
      <c r="Z4755" s="76"/>
      <c r="AA4755" s="85"/>
      <c r="AB4755" s="85"/>
      <c r="AC4755" s="85"/>
      <c r="AD4755" s="85"/>
      <c r="AE4755" s="85"/>
      <c r="AF4755" s="85"/>
      <c r="AG4755" s="86"/>
      <c r="AH4755" s="85"/>
      <c r="AI4755" s="85"/>
      <c r="AJ4755" s="85"/>
      <c r="AK4755" s="85"/>
      <c r="AL4755" s="85"/>
      <c r="AM4755" s="92"/>
      <c r="AN4755" s="92"/>
      <c r="AO4755" s="92"/>
      <c r="AP4755" s="92"/>
      <c r="AQ4755" s="92"/>
      <c r="AR4755" s="92"/>
      <c r="AS4755" s="92"/>
      <c r="AT4755" s="92"/>
      <c r="AU4755" s="92"/>
      <c r="AV4755" s="92"/>
      <c r="AW4755" s="92"/>
      <c r="AX4755" s="92"/>
      <c r="AY4755" s="92"/>
      <c r="AZ4755" s="93"/>
      <c r="BA4755" s="93"/>
      <c r="BB4755" s="93"/>
      <c r="BC4755" s="93"/>
      <c r="BD4755" s="93"/>
      <c r="BE4755" s="93"/>
      <c r="BF4755" s="93"/>
      <c r="BG4755" s="93"/>
      <c r="BH4755" s="93"/>
      <c r="BI4755" s="93"/>
      <c r="BJ4755" s="93"/>
      <c r="BK4755" s="93"/>
      <c r="BL4755" s="93"/>
    </row>
    <row r="4756" spans="2:64" x14ac:dyDescent="0.2">
      <c r="B4756" s="43"/>
      <c r="C4756" s="73"/>
      <c r="D4756" s="64"/>
      <c r="E4756" s="55"/>
      <c r="F4756" s="74"/>
      <c r="G4756" s="74"/>
      <c r="H4756" s="74"/>
      <c r="I4756" s="75"/>
      <c r="J4756" s="74"/>
      <c r="L4756" s="55"/>
      <c r="M4756" s="234"/>
      <c r="N4756" s="65"/>
      <c r="O4756" s="76"/>
      <c r="P4756" s="76"/>
      <c r="Q4756" s="65"/>
      <c r="R4756" s="76"/>
      <c r="S4756" s="76"/>
      <c r="T4756" s="76"/>
      <c r="U4756" s="76"/>
      <c r="V4756" s="76"/>
      <c r="W4756" s="76"/>
      <c r="X4756" s="76"/>
      <c r="Y4756" s="76"/>
      <c r="Z4756" s="76"/>
      <c r="AA4756" s="85"/>
      <c r="AB4756" s="85"/>
      <c r="AC4756" s="85"/>
      <c r="AD4756" s="85"/>
      <c r="AE4756" s="85"/>
      <c r="AF4756" s="85"/>
      <c r="AG4756" s="86"/>
      <c r="AH4756" s="85"/>
      <c r="AI4756" s="85"/>
      <c r="AJ4756" s="85"/>
      <c r="AK4756" s="85"/>
      <c r="AL4756" s="85"/>
      <c r="AM4756" s="92"/>
      <c r="AN4756" s="92"/>
      <c r="AO4756" s="92"/>
      <c r="AP4756" s="92"/>
      <c r="AQ4756" s="92"/>
      <c r="AR4756" s="92"/>
      <c r="AS4756" s="92"/>
      <c r="AT4756" s="92"/>
      <c r="AU4756" s="92"/>
      <c r="AV4756" s="92"/>
      <c r="AW4756" s="92"/>
      <c r="AX4756" s="92"/>
      <c r="AY4756" s="92"/>
      <c r="AZ4756" s="93"/>
      <c r="BA4756" s="93"/>
      <c r="BB4756" s="93"/>
      <c r="BC4756" s="93"/>
      <c r="BD4756" s="93"/>
      <c r="BE4756" s="93"/>
      <c r="BF4756" s="93"/>
      <c r="BG4756" s="93"/>
      <c r="BH4756" s="93"/>
      <c r="BI4756" s="93"/>
      <c r="BJ4756" s="93"/>
      <c r="BK4756" s="93"/>
      <c r="BL4756" s="93"/>
    </row>
    <row r="4757" spans="2:64" x14ac:dyDescent="0.2">
      <c r="B4757" s="43"/>
      <c r="C4757" s="73"/>
      <c r="D4757" s="64"/>
      <c r="E4757" s="55"/>
      <c r="F4757" s="74"/>
      <c r="G4757" s="74"/>
      <c r="H4757" s="74"/>
      <c r="I4757" s="75"/>
      <c r="J4757" s="74"/>
      <c r="L4757" s="55"/>
      <c r="M4757" s="234"/>
      <c r="N4757" s="65"/>
      <c r="O4757" s="76"/>
      <c r="P4757" s="76"/>
      <c r="Q4757" s="65"/>
      <c r="R4757" s="76"/>
      <c r="S4757" s="76"/>
      <c r="T4757" s="76"/>
      <c r="U4757" s="76"/>
      <c r="V4757" s="76"/>
      <c r="W4757" s="76"/>
      <c r="X4757" s="76"/>
      <c r="Y4757" s="76"/>
      <c r="Z4757" s="76"/>
      <c r="AA4757" s="85"/>
      <c r="AB4757" s="85"/>
      <c r="AC4757" s="85"/>
      <c r="AD4757" s="85"/>
      <c r="AE4757" s="85"/>
      <c r="AF4757" s="85"/>
      <c r="AG4757" s="86"/>
      <c r="AH4757" s="85"/>
      <c r="AI4757" s="85"/>
      <c r="AJ4757" s="85"/>
      <c r="AK4757" s="85"/>
      <c r="AL4757" s="85"/>
      <c r="AM4757" s="92"/>
      <c r="AN4757" s="92"/>
      <c r="AO4757" s="92"/>
      <c r="AP4757" s="92"/>
      <c r="AQ4757" s="92"/>
      <c r="AR4757" s="92"/>
      <c r="AS4757" s="92"/>
      <c r="AT4757" s="92"/>
      <c r="AU4757" s="92"/>
      <c r="AV4757" s="92"/>
      <c r="AW4757" s="92"/>
      <c r="AX4757" s="92"/>
      <c r="AY4757" s="92"/>
      <c r="AZ4757" s="93"/>
      <c r="BA4757" s="93"/>
      <c r="BB4757" s="93"/>
      <c r="BC4757" s="93"/>
      <c r="BD4757" s="93"/>
      <c r="BE4757" s="93"/>
      <c r="BF4757" s="93"/>
      <c r="BG4757" s="93"/>
      <c r="BH4757" s="93"/>
      <c r="BI4757" s="93"/>
      <c r="BJ4757" s="93"/>
      <c r="BK4757" s="93"/>
      <c r="BL4757" s="93"/>
    </row>
    <row r="4758" spans="2:64" x14ac:dyDescent="0.2">
      <c r="B4758" s="43"/>
      <c r="C4758" s="73"/>
      <c r="D4758" s="64"/>
      <c r="E4758" s="55"/>
      <c r="F4758" s="74"/>
      <c r="G4758" s="74"/>
      <c r="H4758" s="74"/>
      <c r="I4758" s="75"/>
      <c r="J4758" s="74"/>
      <c r="L4758" s="55"/>
      <c r="M4758" s="234"/>
      <c r="N4758" s="65"/>
      <c r="O4758" s="76"/>
      <c r="P4758" s="76"/>
      <c r="Q4758" s="65"/>
      <c r="R4758" s="76"/>
      <c r="S4758" s="76"/>
      <c r="T4758" s="76"/>
      <c r="U4758" s="76"/>
      <c r="V4758" s="76"/>
      <c r="W4758" s="76"/>
      <c r="X4758" s="76"/>
      <c r="Y4758" s="76"/>
      <c r="Z4758" s="76"/>
      <c r="AA4758" s="85"/>
      <c r="AB4758" s="85"/>
      <c r="AC4758" s="85"/>
      <c r="AD4758" s="85"/>
      <c r="AE4758" s="85"/>
      <c r="AF4758" s="85"/>
      <c r="AG4758" s="86"/>
      <c r="AH4758" s="85"/>
      <c r="AI4758" s="85"/>
      <c r="AJ4758" s="85"/>
      <c r="AK4758" s="85"/>
      <c r="AL4758" s="85"/>
      <c r="AM4758" s="92"/>
      <c r="AN4758" s="92"/>
      <c r="AO4758" s="92"/>
      <c r="AP4758" s="92"/>
      <c r="AQ4758" s="92"/>
      <c r="AR4758" s="92"/>
      <c r="AS4758" s="92"/>
      <c r="AT4758" s="92"/>
      <c r="AU4758" s="92"/>
      <c r="AV4758" s="92"/>
      <c r="AW4758" s="92"/>
      <c r="AX4758" s="92"/>
      <c r="AY4758" s="92"/>
      <c r="AZ4758" s="93"/>
      <c r="BA4758" s="93"/>
      <c r="BB4758" s="93"/>
      <c r="BC4758" s="93"/>
      <c r="BD4758" s="93"/>
      <c r="BE4758" s="93"/>
      <c r="BF4758" s="93"/>
      <c r="BG4758" s="93"/>
      <c r="BH4758" s="93"/>
      <c r="BI4758" s="93"/>
      <c r="BJ4758" s="93"/>
      <c r="BK4758" s="93"/>
      <c r="BL4758" s="93"/>
    </row>
    <row r="4759" spans="2:64" x14ac:dyDescent="0.2">
      <c r="B4759" s="43"/>
      <c r="C4759" s="73"/>
      <c r="D4759" s="64"/>
      <c r="E4759" s="55"/>
      <c r="F4759" s="74"/>
      <c r="G4759" s="74"/>
      <c r="H4759" s="74"/>
      <c r="I4759" s="75"/>
      <c r="J4759" s="74"/>
      <c r="L4759" s="55"/>
      <c r="M4759" s="234"/>
      <c r="N4759" s="65"/>
      <c r="O4759" s="76"/>
      <c r="P4759" s="76"/>
      <c r="Q4759" s="65"/>
      <c r="R4759" s="76"/>
      <c r="S4759" s="76"/>
      <c r="T4759" s="76"/>
      <c r="U4759" s="76"/>
      <c r="V4759" s="76"/>
      <c r="W4759" s="76"/>
      <c r="X4759" s="76"/>
      <c r="Y4759" s="76"/>
      <c r="Z4759" s="76"/>
      <c r="AA4759" s="85"/>
      <c r="AB4759" s="85"/>
      <c r="AC4759" s="85"/>
      <c r="AD4759" s="85"/>
      <c r="AE4759" s="85"/>
      <c r="AF4759" s="85"/>
      <c r="AG4759" s="86"/>
      <c r="AH4759" s="85"/>
      <c r="AI4759" s="85"/>
      <c r="AJ4759" s="85"/>
      <c r="AK4759" s="85"/>
      <c r="AL4759" s="85"/>
      <c r="AM4759" s="92"/>
      <c r="AN4759" s="92"/>
      <c r="AO4759" s="92"/>
      <c r="AP4759" s="92"/>
      <c r="AQ4759" s="92"/>
      <c r="AR4759" s="92"/>
      <c r="AS4759" s="92"/>
      <c r="AT4759" s="92"/>
      <c r="AU4759" s="92"/>
      <c r="AV4759" s="92"/>
      <c r="AW4759" s="92"/>
      <c r="AX4759" s="92"/>
      <c r="AY4759" s="92"/>
      <c r="AZ4759" s="93"/>
      <c r="BA4759" s="93"/>
      <c r="BB4759" s="93"/>
      <c r="BC4759" s="93"/>
      <c r="BD4759" s="93"/>
      <c r="BE4759" s="93"/>
      <c r="BF4759" s="93"/>
      <c r="BG4759" s="93"/>
      <c r="BH4759" s="93"/>
      <c r="BI4759" s="93"/>
      <c r="BJ4759" s="93"/>
      <c r="BK4759" s="93"/>
      <c r="BL4759" s="93"/>
    </row>
    <row r="4760" spans="2:64" x14ac:dyDescent="0.2">
      <c r="B4760" s="43"/>
      <c r="C4760" s="73"/>
      <c r="D4760" s="64"/>
      <c r="E4760" s="55"/>
      <c r="F4760" s="74"/>
      <c r="G4760" s="74"/>
      <c r="H4760" s="74"/>
      <c r="I4760" s="75"/>
      <c r="J4760" s="74"/>
      <c r="L4760" s="55"/>
      <c r="M4760" s="234"/>
      <c r="N4760" s="65"/>
      <c r="O4760" s="76"/>
      <c r="P4760" s="76"/>
      <c r="Q4760" s="65"/>
      <c r="R4760" s="76"/>
      <c r="S4760" s="76"/>
      <c r="T4760" s="76"/>
      <c r="U4760" s="76"/>
      <c r="V4760" s="76"/>
      <c r="W4760" s="76"/>
      <c r="X4760" s="76"/>
      <c r="Y4760" s="76"/>
      <c r="Z4760" s="76"/>
      <c r="AA4760" s="85"/>
      <c r="AB4760" s="85"/>
      <c r="AC4760" s="85"/>
      <c r="AD4760" s="85"/>
      <c r="AE4760" s="85"/>
      <c r="AF4760" s="85"/>
      <c r="AG4760" s="86"/>
      <c r="AH4760" s="85"/>
      <c r="AI4760" s="85"/>
      <c r="AJ4760" s="85"/>
      <c r="AK4760" s="85"/>
      <c r="AL4760" s="85"/>
      <c r="AM4760" s="92"/>
      <c r="AN4760" s="92"/>
      <c r="AO4760" s="92"/>
      <c r="AP4760" s="92"/>
      <c r="AQ4760" s="92"/>
      <c r="AR4760" s="92"/>
      <c r="AS4760" s="92"/>
      <c r="AT4760" s="92"/>
      <c r="AU4760" s="92"/>
      <c r="AV4760" s="92"/>
      <c r="AW4760" s="92"/>
      <c r="AX4760" s="92"/>
      <c r="AY4760" s="92"/>
      <c r="AZ4760" s="93"/>
      <c r="BA4760" s="93"/>
      <c r="BB4760" s="93"/>
      <c r="BC4760" s="93"/>
      <c r="BD4760" s="93"/>
      <c r="BE4760" s="93"/>
      <c r="BF4760" s="93"/>
      <c r="BG4760" s="93"/>
      <c r="BH4760" s="93"/>
      <c r="BI4760" s="93"/>
      <c r="BJ4760" s="93"/>
      <c r="BK4760" s="93"/>
      <c r="BL4760" s="93"/>
    </row>
    <row r="4761" spans="2:64" x14ac:dyDescent="0.2">
      <c r="B4761" s="43"/>
      <c r="C4761" s="73"/>
      <c r="D4761" s="64"/>
      <c r="E4761" s="55"/>
      <c r="F4761" s="74"/>
      <c r="G4761" s="74"/>
      <c r="H4761" s="74"/>
      <c r="I4761" s="75"/>
      <c r="J4761" s="74"/>
      <c r="L4761" s="55"/>
      <c r="M4761" s="234"/>
      <c r="N4761" s="65"/>
      <c r="O4761" s="76"/>
      <c r="P4761" s="76"/>
      <c r="Q4761" s="65"/>
      <c r="R4761" s="76"/>
      <c r="S4761" s="76"/>
      <c r="T4761" s="76"/>
      <c r="U4761" s="76"/>
      <c r="V4761" s="76"/>
      <c r="W4761" s="76"/>
      <c r="X4761" s="76"/>
      <c r="Y4761" s="76"/>
      <c r="Z4761" s="76"/>
      <c r="AA4761" s="85"/>
      <c r="AB4761" s="85"/>
      <c r="AC4761" s="85"/>
      <c r="AD4761" s="85"/>
      <c r="AE4761" s="85"/>
      <c r="AF4761" s="85"/>
      <c r="AG4761" s="86"/>
      <c r="AH4761" s="85"/>
      <c r="AI4761" s="85"/>
      <c r="AJ4761" s="85"/>
      <c r="AK4761" s="85"/>
      <c r="AL4761" s="85"/>
      <c r="AM4761" s="92"/>
      <c r="AN4761" s="92"/>
      <c r="AO4761" s="92"/>
      <c r="AP4761" s="92"/>
      <c r="AQ4761" s="92"/>
      <c r="AR4761" s="92"/>
      <c r="AS4761" s="92"/>
      <c r="AT4761" s="92"/>
      <c r="AU4761" s="92"/>
      <c r="AV4761" s="92"/>
      <c r="AW4761" s="92"/>
      <c r="AX4761" s="92"/>
      <c r="AY4761" s="92"/>
      <c r="AZ4761" s="93"/>
      <c r="BA4761" s="93"/>
      <c r="BB4761" s="93"/>
      <c r="BC4761" s="93"/>
      <c r="BD4761" s="93"/>
      <c r="BE4761" s="93"/>
      <c r="BF4761" s="93"/>
      <c r="BG4761" s="93"/>
      <c r="BH4761" s="93"/>
      <c r="BI4761" s="93"/>
      <c r="BJ4761" s="93"/>
      <c r="BK4761" s="93"/>
      <c r="BL4761" s="93"/>
    </row>
    <row r="4762" spans="2:64" x14ac:dyDescent="0.2">
      <c r="B4762" s="43"/>
      <c r="C4762" s="73"/>
      <c r="D4762" s="64"/>
      <c r="E4762" s="55"/>
      <c r="F4762" s="74"/>
      <c r="G4762" s="74"/>
      <c r="H4762" s="74"/>
      <c r="I4762" s="75"/>
      <c r="J4762" s="74"/>
      <c r="L4762" s="55"/>
      <c r="M4762" s="234"/>
      <c r="N4762" s="65"/>
      <c r="O4762" s="76"/>
      <c r="P4762" s="76"/>
      <c r="Q4762" s="65"/>
      <c r="R4762" s="76"/>
      <c r="S4762" s="76"/>
      <c r="T4762" s="76"/>
      <c r="U4762" s="76"/>
      <c r="V4762" s="76"/>
      <c r="W4762" s="76"/>
      <c r="X4762" s="76"/>
      <c r="Y4762" s="76"/>
      <c r="Z4762" s="76"/>
      <c r="AA4762" s="85"/>
      <c r="AB4762" s="85"/>
      <c r="AC4762" s="85"/>
      <c r="AD4762" s="85"/>
      <c r="AE4762" s="85"/>
      <c r="AF4762" s="85"/>
      <c r="AG4762" s="86"/>
      <c r="AH4762" s="85"/>
      <c r="AI4762" s="85"/>
      <c r="AJ4762" s="85"/>
      <c r="AK4762" s="85"/>
      <c r="AL4762" s="85"/>
      <c r="AM4762" s="92"/>
      <c r="AN4762" s="92"/>
      <c r="AO4762" s="92"/>
      <c r="AP4762" s="92"/>
      <c r="AQ4762" s="92"/>
      <c r="AR4762" s="92"/>
      <c r="AS4762" s="92"/>
      <c r="AT4762" s="92"/>
      <c r="AU4762" s="92"/>
      <c r="AV4762" s="92"/>
      <c r="AW4762" s="92"/>
      <c r="AX4762" s="92"/>
      <c r="AY4762" s="92"/>
      <c r="AZ4762" s="93"/>
      <c r="BA4762" s="93"/>
      <c r="BB4762" s="93"/>
      <c r="BC4762" s="93"/>
      <c r="BD4762" s="93"/>
      <c r="BE4762" s="93"/>
      <c r="BF4762" s="93"/>
      <c r="BG4762" s="93"/>
      <c r="BH4762" s="93"/>
      <c r="BI4762" s="93"/>
      <c r="BJ4762" s="93"/>
      <c r="BK4762" s="93"/>
      <c r="BL4762" s="93"/>
    </row>
    <row r="4763" spans="2:64" x14ac:dyDescent="0.2">
      <c r="B4763" s="43"/>
      <c r="C4763" s="73"/>
      <c r="D4763" s="64"/>
      <c r="E4763" s="55"/>
      <c r="F4763" s="74"/>
      <c r="G4763" s="74"/>
      <c r="H4763" s="74"/>
      <c r="I4763" s="75"/>
      <c r="J4763" s="74"/>
      <c r="L4763" s="55"/>
      <c r="M4763" s="234"/>
      <c r="N4763" s="65"/>
      <c r="O4763" s="76"/>
      <c r="P4763" s="76"/>
      <c r="Q4763" s="65"/>
      <c r="R4763" s="76"/>
      <c r="S4763" s="76"/>
      <c r="T4763" s="76"/>
      <c r="U4763" s="76"/>
      <c r="V4763" s="76"/>
      <c r="W4763" s="76"/>
      <c r="X4763" s="76"/>
      <c r="Y4763" s="76"/>
      <c r="Z4763" s="76"/>
      <c r="AA4763" s="85"/>
      <c r="AB4763" s="85"/>
      <c r="AC4763" s="85"/>
      <c r="AD4763" s="85"/>
      <c r="AE4763" s="85"/>
      <c r="AF4763" s="85"/>
      <c r="AG4763" s="86"/>
      <c r="AH4763" s="85"/>
      <c r="AI4763" s="85"/>
      <c r="AJ4763" s="85"/>
      <c r="AK4763" s="85"/>
      <c r="AL4763" s="85"/>
      <c r="AM4763" s="92"/>
      <c r="AN4763" s="92"/>
      <c r="AO4763" s="92"/>
      <c r="AP4763" s="92"/>
      <c r="AQ4763" s="92"/>
      <c r="AR4763" s="92"/>
      <c r="AS4763" s="92"/>
      <c r="AT4763" s="92"/>
      <c r="AU4763" s="92"/>
      <c r="AV4763" s="92"/>
      <c r="AW4763" s="92"/>
      <c r="AX4763" s="92"/>
      <c r="AY4763" s="92"/>
      <c r="AZ4763" s="93"/>
      <c r="BA4763" s="93"/>
      <c r="BB4763" s="93"/>
      <c r="BC4763" s="93"/>
      <c r="BD4763" s="93"/>
      <c r="BE4763" s="93"/>
      <c r="BF4763" s="93"/>
      <c r="BG4763" s="93"/>
      <c r="BH4763" s="93"/>
      <c r="BI4763" s="93"/>
      <c r="BJ4763" s="93"/>
      <c r="BK4763" s="93"/>
      <c r="BL4763" s="93"/>
    </row>
    <row r="4764" spans="2:64" x14ac:dyDescent="0.2">
      <c r="B4764" s="43"/>
      <c r="C4764" s="73"/>
      <c r="D4764" s="64"/>
      <c r="E4764" s="55"/>
      <c r="F4764" s="74"/>
      <c r="G4764" s="74"/>
      <c r="H4764" s="74"/>
      <c r="I4764" s="75"/>
      <c r="J4764" s="74"/>
      <c r="L4764" s="55"/>
      <c r="M4764" s="234"/>
      <c r="N4764" s="65"/>
      <c r="O4764" s="76"/>
      <c r="P4764" s="76"/>
      <c r="Q4764" s="65"/>
      <c r="R4764" s="76"/>
      <c r="S4764" s="76"/>
      <c r="T4764" s="76"/>
      <c r="U4764" s="76"/>
      <c r="V4764" s="76"/>
      <c r="W4764" s="76"/>
      <c r="X4764" s="76"/>
      <c r="Y4764" s="76"/>
      <c r="Z4764" s="76"/>
      <c r="AA4764" s="85"/>
      <c r="AB4764" s="85"/>
      <c r="AC4764" s="85"/>
      <c r="AD4764" s="85"/>
      <c r="AE4764" s="85"/>
      <c r="AF4764" s="85"/>
      <c r="AG4764" s="86"/>
      <c r="AH4764" s="85"/>
      <c r="AI4764" s="85"/>
      <c r="AJ4764" s="85"/>
      <c r="AK4764" s="85"/>
      <c r="AL4764" s="85"/>
      <c r="AM4764" s="92"/>
      <c r="AN4764" s="92"/>
      <c r="AO4764" s="92"/>
      <c r="AP4764" s="92"/>
      <c r="AQ4764" s="92"/>
      <c r="AR4764" s="92"/>
      <c r="AS4764" s="92"/>
      <c r="AT4764" s="92"/>
      <c r="AU4764" s="92"/>
      <c r="AV4764" s="92"/>
      <c r="AW4764" s="92"/>
      <c r="AX4764" s="92"/>
      <c r="AY4764" s="92"/>
      <c r="AZ4764" s="93"/>
      <c r="BA4764" s="93"/>
      <c r="BB4764" s="93"/>
      <c r="BC4764" s="93"/>
      <c r="BD4764" s="93"/>
      <c r="BE4764" s="93"/>
      <c r="BF4764" s="93"/>
      <c r="BG4764" s="93"/>
      <c r="BH4764" s="93"/>
      <c r="BI4764" s="93"/>
      <c r="BJ4764" s="93"/>
      <c r="BK4764" s="93"/>
      <c r="BL4764" s="93"/>
    </row>
    <row r="4765" spans="2:64" x14ac:dyDescent="0.2">
      <c r="B4765" s="43"/>
      <c r="C4765" s="73"/>
      <c r="D4765" s="64"/>
      <c r="E4765" s="55"/>
      <c r="F4765" s="74"/>
      <c r="G4765" s="74"/>
      <c r="H4765" s="74"/>
      <c r="I4765" s="75"/>
      <c r="J4765" s="74"/>
      <c r="L4765" s="55"/>
      <c r="M4765" s="234"/>
      <c r="N4765" s="65"/>
      <c r="O4765" s="76"/>
      <c r="P4765" s="76"/>
      <c r="Q4765" s="65"/>
      <c r="R4765" s="76"/>
      <c r="S4765" s="76"/>
      <c r="T4765" s="76"/>
      <c r="U4765" s="76"/>
      <c r="V4765" s="76"/>
      <c r="W4765" s="76"/>
      <c r="X4765" s="76"/>
      <c r="Y4765" s="76"/>
      <c r="Z4765" s="76"/>
      <c r="AA4765" s="85"/>
      <c r="AB4765" s="85"/>
      <c r="AC4765" s="85"/>
      <c r="AD4765" s="85"/>
      <c r="AE4765" s="85"/>
      <c r="AF4765" s="85"/>
      <c r="AG4765" s="86"/>
      <c r="AH4765" s="85"/>
      <c r="AI4765" s="85"/>
      <c r="AJ4765" s="85"/>
      <c r="AK4765" s="85"/>
      <c r="AL4765" s="85"/>
      <c r="AM4765" s="92"/>
      <c r="AN4765" s="92"/>
      <c r="AO4765" s="92"/>
      <c r="AP4765" s="92"/>
      <c r="AQ4765" s="92"/>
      <c r="AR4765" s="92"/>
      <c r="AS4765" s="92"/>
      <c r="AT4765" s="92"/>
      <c r="AU4765" s="92"/>
      <c r="AV4765" s="92"/>
      <c r="AW4765" s="92"/>
      <c r="AX4765" s="92"/>
      <c r="AY4765" s="92"/>
      <c r="AZ4765" s="93"/>
      <c r="BA4765" s="93"/>
      <c r="BB4765" s="93"/>
      <c r="BC4765" s="93"/>
      <c r="BD4765" s="93"/>
      <c r="BE4765" s="93"/>
      <c r="BF4765" s="93"/>
      <c r="BG4765" s="93"/>
      <c r="BH4765" s="93"/>
      <c r="BI4765" s="93"/>
      <c r="BJ4765" s="93"/>
      <c r="BK4765" s="93"/>
      <c r="BL4765" s="93"/>
    </row>
    <row r="4766" spans="2:64" x14ac:dyDescent="0.2">
      <c r="B4766" s="43"/>
      <c r="C4766" s="73"/>
      <c r="D4766" s="64"/>
      <c r="E4766" s="55"/>
      <c r="F4766" s="74"/>
      <c r="G4766" s="74"/>
      <c r="H4766" s="74"/>
      <c r="I4766" s="75"/>
      <c r="J4766" s="74"/>
      <c r="L4766" s="55"/>
      <c r="M4766" s="234"/>
      <c r="N4766" s="65"/>
      <c r="O4766" s="76"/>
      <c r="P4766" s="76"/>
      <c r="Q4766" s="65"/>
      <c r="R4766" s="76"/>
      <c r="S4766" s="76"/>
      <c r="T4766" s="76"/>
      <c r="U4766" s="76"/>
      <c r="V4766" s="76"/>
      <c r="W4766" s="76"/>
      <c r="X4766" s="76"/>
      <c r="Y4766" s="76"/>
      <c r="Z4766" s="76"/>
      <c r="AA4766" s="85"/>
      <c r="AB4766" s="85"/>
      <c r="AC4766" s="85"/>
      <c r="AD4766" s="85"/>
      <c r="AE4766" s="85"/>
      <c r="AF4766" s="85"/>
      <c r="AG4766" s="86"/>
      <c r="AH4766" s="85"/>
      <c r="AI4766" s="85"/>
      <c r="AJ4766" s="85"/>
      <c r="AK4766" s="85"/>
      <c r="AL4766" s="85"/>
      <c r="AM4766" s="92"/>
      <c r="AN4766" s="92"/>
      <c r="AO4766" s="92"/>
      <c r="AP4766" s="92"/>
      <c r="AQ4766" s="92"/>
      <c r="AR4766" s="92"/>
      <c r="AS4766" s="92"/>
      <c r="AT4766" s="92"/>
      <c r="AU4766" s="92"/>
      <c r="AV4766" s="92"/>
      <c r="AW4766" s="92"/>
      <c r="AX4766" s="92"/>
      <c r="AY4766" s="92"/>
      <c r="AZ4766" s="93"/>
      <c r="BA4766" s="93"/>
      <c r="BB4766" s="93"/>
      <c r="BC4766" s="93"/>
      <c r="BD4766" s="93"/>
      <c r="BE4766" s="93"/>
      <c r="BF4766" s="93"/>
      <c r="BG4766" s="93"/>
      <c r="BH4766" s="93"/>
      <c r="BI4766" s="93"/>
      <c r="BJ4766" s="93"/>
      <c r="BK4766" s="93"/>
      <c r="BL4766" s="93"/>
    </row>
    <row r="4767" spans="2:64" x14ac:dyDescent="0.2">
      <c r="B4767" s="43"/>
      <c r="C4767" s="73"/>
      <c r="D4767" s="64"/>
      <c r="E4767" s="55"/>
      <c r="F4767" s="74"/>
      <c r="G4767" s="74"/>
      <c r="H4767" s="74"/>
      <c r="I4767" s="75"/>
      <c r="J4767" s="74"/>
      <c r="L4767" s="55"/>
      <c r="M4767" s="234"/>
      <c r="N4767" s="65"/>
      <c r="O4767" s="76"/>
      <c r="P4767" s="76"/>
      <c r="Q4767" s="65"/>
      <c r="R4767" s="76"/>
      <c r="S4767" s="76"/>
      <c r="T4767" s="76"/>
      <c r="U4767" s="76"/>
      <c r="V4767" s="76"/>
      <c r="W4767" s="76"/>
      <c r="X4767" s="76"/>
      <c r="Y4767" s="76"/>
      <c r="Z4767" s="76"/>
      <c r="AA4767" s="85"/>
      <c r="AB4767" s="85"/>
      <c r="AC4767" s="85"/>
      <c r="AD4767" s="85"/>
      <c r="AE4767" s="85"/>
      <c r="AF4767" s="85"/>
      <c r="AG4767" s="86"/>
      <c r="AH4767" s="85"/>
      <c r="AI4767" s="85"/>
      <c r="AJ4767" s="85"/>
      <c r="AK4767" s="85"/>
      <c r="AL4767" s="85"/>
      <c r="AM4767" s="92"/>
      <c r="AN4767" s="92"/>
      <c r="AO4767" s="92"/>
      <c r="AP4767" s="92"/>
      <c r="AQ4767" s="92"/>
      <c r="AR4767" s="92"/>
      <c r="AS4767" s="92"/>
      <c r="AT4767" s="92"/>
      <c r="AU4767" s="92"/>
      <c r="AV4767" s="92"/>
      <c r="AW4767" s="92"/>
      <c r="AX4767" s="92"/>
      <c r="AY4767" s="92"/>
      <c r="AZ4767" s="93"/>
      <c r="BA4767" s="93"/>
      <c r="BB4767" s="93"/>
      <c r="BC4767" s="93"/>
      <c r="BD4767" s="93"/>
      <c r="BE4767" s="93"/>
      <c r="BF4767" s="93"/>
      <c r="BG4767" s="93"/>
      <c r="BH4767" s="93"/>
      <c r="BI4767" s="93"/>
      <c r="BJ4767" s="93"/>
      <c r="BK4767" s="93"/>
      <c r="BL4767" s="93"/>
    </row>
    <row r="4768" spans="2:64" x14ac:dyDescent="0.2">
      <c r="B4768" s="43"/>
      <c r="C4768" s="73"/>
      <c r="D4768" s="64"/>
      <c r="E4768" s="55"/>
      <c r="F4768" s="74"/>
      <c r="G4768" s="74"/>
      <c r="H4768" s="74"/>
      <c r="I4768" s="75"/>
      <c r="J4768" s="74"/>
      <c r="L4768" s="55"/>
      <c r="M4768" s="234"/>
      <c r="N4768" s="65"/>
      <c r="O4768" s="76"/>
      <c r="P4768" s="76"/>
      <c r="Q4768" s="65"/>
      <c r="R4768" s="76"/>
      <c r="S4768" s="76"/>
      <c r="T4768" s="76"/>
      <c r="U4768" s="76"/>
      <c r="V4768" s="76"/>
      <c r="W4768" s="76"/>
      <c r="X4768" s="76"/>
      <c r="Y4768" s="76"/>
      <c r="Z4768" s="76"/>
      <c r="AA4768" s="85"/>
      <c r="AB4768" s="85"/>
      <c r="AC4768" s="85"/>
      <c r="AD4768" s="85"/>
      <c r="AE4768" s="85"/>
      <c r="AF4768" s="85"/>
      <c r="AG4768" s="86"/>
      <c r="AH4768" s="85"/>
      <c r="AI4768" s="85"/>
      <c r="AJ4768" s="85"/>
      <c r="AK4768" s="85"/>
      <c r="AL4768" s="85"/>
      <c r="AM4768" s="92"/>
      <c r="AN4768" s="92"/>
      <c r="AO4768" s="92"/>
      <c r="AP4768" s="92"/>
      <c r="AQ4768" s="92"/>
      <c r="AR4768" s="92"/>
      <c r="AS4768" s="92"/>
      <c r="AT4768" s="92"/>
      <c r="AU4768" s="92"/>
      <c r="AV4768" s="92"/>
      <c r="AW4768" s="92"/>
      <c r="AX4768" s="92"/>
      <c r="AY4768" s="92"/>
      <c r="AZ4768" s="93"/>
      <c r="BA4768" s="93"/>
      <c r="BB4768" s="93"/>
      <c r="BC4768" s="93"/>
      <c r="BD4768" s="93"/>
      <c r="BE4768" s="93"/>
      <c r="BF4768" s="93"/>
      <c r="BG4768" s="93"/>
      <c r="BH4768" s="93"/>
      <c r="BI4768" s="93"/>
      <c r="BJ4768" s="93"/>
      <c r="BK4768" s="93"/>
      <c r="BL4768" s="93"/>
    </row>
    <row r="4769" spans="2:64" x14ac:dyDescent="0.2">
      <c r="B4769" s="43"/>
      <c r="C4769" s="73"/>
      <c r="D4769" s="64"/>
      <c r="E4769" s="55"/>
      <c r="F4769" s="74"/>
      <c r="G4769" s="74"/>
      <c r="H4769" s="74"/>
      <c r="I4769" s="75"/>
      <c r="J4769" s="74"/>
      <c r="L4769" s="55"/>
      <c r="M4769" s="234"/>
      <c r="N4769" s="65"/>
      <c r="O4769" s="76"/>
      <c r="P4769" s="76"/>
      <c r="Q4769" s="65"/>
      <c r="R4769" s="76"/>
      <c r="S4769" s="76"/>
      <c r="T4769" s="76"/>
      <c r="U4769" s="76"/>
      <c r="V4769" s="76"/>
      <c r="W4769" s="76"/>
      <c r="X4769" s="76"/>
      <c r="Y4769" s="76"/>
      <c r="Z4769" s="76"/>
      <c r="AA4769" s="85"/>
      <c r="AB4769" s="85"/>
      <c r="AC4769" s="85"/>
      <c r="AD4769" s="85"/>
      <c r="AE4769" s="85"/>
      <c r="AF4769" s="85"/>
      <c r="AG4769" s="86"/>
      <c r="AH4769" s="85"/>
      <c r="AI4769" s="85"/>
      <c r="AJ4769" s="85"/>
      <c r="AK4769" s="85"/>
      <c r="AL4769" s="85"/>
      <c r="AM4769" s="92"/>
      <c r="AN4769" s="92"/>
      <c r="AO4769" s="92"/>
      <c r="AP4769" s="92"/>
      <c r="AQ4769" s="92"/>
      <c r="AR4769" s="92"/>
      <c r="AS4769" s="92"/>
      <c r="AT4769" s="92"/>
      <c r="AU4769" s="92"/>
      <c r="AV4769" s="92"/>
      <c r="AW4769" s="92"/>
      <c r="AX4769" s="92"/>
      <c r="AY4769" s="92"/>
      <c r="AZ4769" s="93"/>
      <c r="BA4769" s="93"/>
      <c r="BB4769" s="93"/>
      <c r="BC4769" s="93"/>
      <c r="BD4769" s="93"/>
      <c r="BE4769" s="93"/>
      <c r="BF4769" s="93"/>
      <c r="BG4769" s="93"/>
      <c r="BH4769" s="93"/>
      <c r="BI4769" s="93"/>
      <c r="BJ4769" s="93"/>
      <c r="BK4769" s="93"/>
      <c r="BL4769" s="93"/>
    </row>
    <row r="4770" spans="2:64" x14ac:dyDescent="0.2">
      <c r="B4770" s="43"/>
      <c r="C4770" s="73"/>
      <c r="D4770" s="64"/>
      <c r="E4770" s="55"/>
      <c r="F4770" s="74"/>
      <c r="G4770" s="74"/>
      <c r="H4770" s="74"/>
      <c r="I4770" s="75"/>
      <c r="J4770" s="74"/>
      <c r="L4770" s="55"/>
      <c r="M4770" s="234"/>
      <c r="N4770" s="65"/>
      <c r="O4770" s="76"/>
      <c r="P4770" s="76"/>
      <c r="Q4770" s="65"/>
      <c r="R4770" s="76"/>
      <c r="S4770" s="76"/>
      <c r="T4770" s="76"/>
      <c r="U4770" s="76"/>
      <c r="V4770" s="76"/>
      <c r="W4770" s="76"/>
      <c r="X4770" s="76"/>
      <c r="Y4770" s="76"/>
      <c r="Z4770" s="76"/>
      <c r="AA4770" s="85"/>
      <c r="AB4770" s="85"/>
      <c r="AC4770" s="85"/>
      <c r="AD4770" s="85"/>
      <c r="AE4770" s="85"/>
      <c r="AF4770" s="85"/>
      <c r="AG4770" s="86"/>
      <c r="AH4770" s="85"/>
      <c r="AI4770" s="85"/>
      <c r="AJ4770" s="85"/>
      <c r="AK4770" s="85"/>
      <c r="AL4770" s="85"/>
      <c r="AM4770" s="92"/>
      <c r="AN4770" s="92"/>
      <c r="AO4770" s="92"/>
      <c r="AP4770" s="92"/>
      <c r="AQ4770" s="92"/>
      <c r="AR4770" s="92"/>
      <c r="AS4770" s="92"/>
      <c r="AT4770" s="92"/>
      <c r="AU4770" s="92"/>
      <c r="AV4770" s="92"/>
      <c r="AW4770" s="92"/>
      <c r="AX4770" s="92"/>
      <c r="AY4770" s="92"/>
      <c r="AZ4770" s="93"/>
      <c r="BA4770" s="93"/>
      <c r="BB4770" s="93"/>
      <c r="BC4770" s="93"/>
      <c r="BD4770" s="93"/>
      <c r="BE4770" s="93"/>
      <c r="BF4770" s="93"/>
      <c r="BG4770" s="93"/>
      <c r="BH4770" s="93"/>
      <c r="BI4770" s="93"/>
      <c r="BJ4770" s="93"/>
      <c r="BK4770" s="93"/>
      <c r="BL4770" s="93"/>
    </row>
    <row r="4771" spans="2:64" x14ac:dyDescent="0.2">
      <c r="B4771" s="43"/>
      <c r="C4771" s="73"/>
      <c r="D4771" s="64"/>
      <c r="E4771" s="55"/>
      <c r="F4771" s="74"/>
      <c r="G4771" s="74"/>
      <c r="H4771" s="74"/>
      <c r="I4771" s="75"/>
      <c r="J4771" s="74"/>
      <c r="L4771" s="55"/>
      <c r="M4771" s="234"/>
      <c r="N4771" s="65"/>
      <c r="O4771" s="76"/>
      <c r="P4771" s="76"/>
      <c r="Q4771" s="65"/>
      <c r="R4771" s="76"/>
      <c r="S4771" s="76"/>
      <c r="T4771" s="76"/>
      <c r="U4771" s="76"/>
      <c r="V4771" s="76"/>
      <c r="W4771" s="76"/>
      <c r="X4771" s="76"/>
      <c r="Y4771" s="76"/>
      <c r="Z4771" s="76"/>
      <c r="AA4771" s="85"/>
      <c r="AB4771" s="85"/>
      <c r="AC4771" s="85"/>
      <c r="AD4771" s="85"/>
      <c r="AE4771" s="85"/>
      <c r="AF4771" s="85"/>
      <c r="AG4771" s="86"/>
      <c r="AH4771" s="85"/>
      <c r="AI4771" s="85"/>
      <c r="AJ4771" s="85"/>
      <c r="AK4771" s="85"/>
      <c r="AL4771" s="85"/>
      <c r="AM4771" s="92"/>
      <c r="AN4771" s="92"/>
      <c r="AO4771" s="92"/>
      <c r="AP4771" s="92"/>
      <c r="AQ4771" s="92"/>
      <c r="AR4771" s="92"/>
      <c r="AS4771" s="92"/>
      <c r="AT4771" s="92"/>
      <c r="AU4771" s="92"/>
      <c r="AV4771" s="92"/>
      <c r="AW4771" s="92"/>
      <c r="AX4771" s="92"/>
      <c r="AY4771" s="92"/>
      <c r="AZ4771" s="93"/>
      <c r="BA4771" s="93"/>
      <c r="BB4771" s="93"/>
      <c r="BC4771" s="93"/>
      <c r="BD4771" s="93"/>
      <c r="BE4771" s="93"/>
      <c r="BF4771" s="93"/>
      <c r="BG4771" s="93"/>
      <c r="BH4771" s="93"/>
      <c r="BI4771" s="93"/>
      <c r="BJ4771" s="93"/>
      <c r="BK4771" s="93"/>
      <c r="BL4771" s="93"/>
    </row>
    <row r="4772" spans="2:64" x14ac:dyDescent="0.2">
      <c r="B4772" s="43"/>
      <c r="C4772" s="73"/>
      <c r="D4772" s="64"/>
      <c r="E4772" s="55"/>
      <c r="F4772" s="74"/>
      <c r="G4772" s="74"/>
      <c r="H4772" s="74"/>
      <c r="I4772" s="75"/>
      <c r="J4772" s="74"/>
      <c r="L4772" s="55"/>
      <c r="M4772" s="234"/>
      <c r="N4772" s="65"/>
      <c r="O4772" s="76"/>
      <c r="P4772" s="76"/>
      <c r="Q4772" s="65"/>
      <c r="R4772" s="76"/>
      <c r="S4772" s="76"/>
      <c r="T4772" s="76"/>
      <c r="U4772" s="76"/>
      <c r="V4772" s="76"/>
      <c r="W4772" s="76"/>
      <c r="X4772" s="76"/>
      <c r="Y4772" s="76"/>
      <c r="Z4772" s="76"/>
      <c r="AA4772" s="85"/>
      <c r="AB4772" s="85"/>
      <c r="AC4772" s="85"/>
      <c r="AD4772" s="85"/>
      <c r="AE4772" s="85"/>
      <c r="AF4772" s="85"/>
      <c r="AG4772" s="86"/>
      <c r="AH4772" s="85"/>
      <c r="AI4772" s="85"/>
      <c r="AJ4772" s="85"/>
      <c r="AK4772" s="85"/>
      <c r="AL4772" s="85"/>
      <c r="AM4772" s="92"/>
      <c r="AN4772" s="92"/>
      <c r="AO4772" s="92"/>
      <c r="AP4772" s="92"/>
      <c r="AQ4772" s="92"/>
      <c r="AR4772" s="92"/>
      <c r="AS4772" s="92"/>
      <c r="AT4772" s="92"/>
      <c r="AU4772" s="92"/>
      <c r="AV4772" s="92"/>
      <c r="AW4772" s="92"/>
      <c r="AX4772" s="92"/>
      <c r="AY4772" s="92"/>
      <c r="AZ4772" s="93"/>
      <c r="BA4772" s="93"/>
      <c r="BB4772" s="93"/>
      <c r="BC4772" s="93"/>
      <c r="BD4772" s="93"/>
      <c r="BE4772" s="93"/>
      <c r="BF4772" s="93"/>
      <c r="BG4772" s="93"/>
      <c r="BH4772" s="93"/>
      <c r="BI4772" s="93"/>
      <c r="BJ4772" s="93"/>
      <c r="BK4772" s="93"/>
      <c r="BL4772" s="93"/>
    </row>
    <row r="4773" spans="2:64" x14ac:dyDescent="0.2">
      <c r="B4773" s="43"/>
      <c r="C4773" s="73"/>
      <c r="D4773" s="64"/>
      <c r="E4773" s="55"/>
      <c r="F4773" s="74"/>
      <c r="G4773" s="74"/>
      <c r="H4773" s="74"/>
      <c r="I4773" s="75"/>
      <c r="J4773" s="74"/>
      <c r="L4773" s="55"/>
      <c r="M4773" s="234"/>
      <c r="N4773" s="65"/>
      <c r="O4773" s="76"/>
      <c r="P4773" s="76"/>
      <c r="Q4773" s="65"/>
      <c r="R4773" s="76"/>
      <c r="S4773" s="76"/>
      <c r="T4773" s="76"/>
      <c r="U4773" s="76"/>
      <c r="V4773" s="76"/>
      <c r="W4773" s="76"/>
      <c r="X4773" s="76"/>
      <c r="Y4773" s="76"/>
      <c r="Z4773" s="76"/>
      <c r="AA4773" s="85"/>
      <c r="AB4773" s="85"/>
      <c r="AC4773" s="85"/>
      <c r="AD4773" s="85"/>
      <c r="AE4773" s="85"/>
      <c r="AF4773" s="85"/>
      <c r="AG4773" s="86"/>
      <c r="AH4773" s="85"/>
      <c r="AI4773" s="85"/>
      <c r="AJ4773" s="85"/>
      <c r="AK4773" s="85"/>
      <c r="AL4773" s="85"/>
      <c r="AM4773" s="92"/>
      <c r="AN4773" s="92"/>
      <c r="AO4773" s="92"/>
      <c r="AP4773" s="92"/>
      <c r="AQ4773" s="92"/>
      <c r="AR4773" s="92"/>
      <c r="AS4773" s="92"/>
      <c r="AT4773" s="92"/>
      <c r="AU4773" s="92"/>
      <c r="AV4773" s="92"/>
      <c r="AW4773" s="92"/>
      <c r="AX4773" s="92"/>
      <c r="AY4773" s="92"/>
      <c r="AZ4773" s="93"/>
      <c r="BA4773" s="93"/>
      <c r="BB4773" s="93"/>
      <c r="BC4773" s="93"/>
      <c r="BD4773" s="93"/>
      <c r="BE4773" s="93"/>
      <c r="BF4773" s="93"/>
      <c r="BG4773" s="93"/>
      <c r="BH4773" s="93"/>
      <c r="BI4773" s="93"/>
      <c r="BJ4773" s="93"/>
      <c r="BK4773" s="93"/>
      <c r="BL4773" s="93"/>
    </row>
    <row r="4774" spans="2:64" x14ac:dyDescent="0.2">
      <c r="B4774" s="43"/>
      <c r="C4774" s="73"/>
      <c r="D4774" s="64"/>
      <c r="E4774" s="55"/>
      <c r="F4774" s="74"/>
      <c r="G4774" s="74"/>
      <c r="H4774" s="74"/>
      <c r="I4774" s="75"/>
      <c r="J4774" s="74"/>
      <c r="L4774" s="55"/>
      <c r="M4774" s="234"/>
      <c r="N4774" s="65"/>
      <c r="O4774" s="76"/>
      <c r="P4774" s="76"/>
      <c r="Q4774" s="65"/>
      <c r="R4774" s="76"/>
      <c r="S4774" s="76"/>
      <c r="T4774" s="76"/>
      <c r="U4774" s="76"/>
      <c r="V4774" s="76"/>
      <c r="W4774" s="76"/>
      <c r="X4774" s="76"/>
      <c r="Y4774" s="76"/>
      <c r="Z4774" s="76"/>
      <c r="AA4774" s="85"/>
      <c r="AB4774" s="85"/>
      <c r="AC4774" s="85"/>
      <c r="AD4774" s="85"/>
      <c r="AE4774" s="85"/>
      <c r="AF4774" s="85"/>
      <c r="AG4774" s="86"/>
      <c r="AH4774" s="85"/>
      <c r="AI4774" s="85"/>
      <c r="AJ4774" s="85"/>
      <c r="AK4774" s="85"/>
      <c r="AL4774" s="85"/>
      <c r="AM4774" s="92"/>
      <c r="AN4774" s="92"/>
      <c r="AO4774" s="92"/>
      <c r="AP4774" s="92"/>
      <c r="AQ4774" s="92"/>
      <c r="AR4774" s="92"/>
      <c r="AS4774" s="92"/>
      <c r="AT4774" s="92"/>
      <c r="AU4774" s="92"/>
      <c r="AV4774" s="92"/>
      <c r="AW4774" s="92"/>
      <c r="AX4774" s="92"/>
      <c r="AY4774" s="92"/>
      <c r="AZ4774" s="93"/>
      <c r="BA4774" s="93"/>
      <c r="BB4774" s="93"/>
      <c r="BC4774" s="93"/>
      <c r="BD4774" s="93"/>
      <c r="BE4774" s="93"/>
      <c r="BF4774" s="93"/>
      <c r="BG4774" s="93"/>
      <c r="BH4774" s="93"/>
      <c r="BI4774" s="93"/>
      <c r="BJ4774" s="93"/>
      <c r="BK4774" s="93"/>
      <c r="BL4774" s="93"/>
    </row>
    <row r="4775" spans="2:64" x14ac:dyDescent="0.2">
      <c r="B4775" s="43"/>
      <c r="C4775" s="73"/>
      <c r="D4775" s="64"/>
      <c r="E4775" s="55"/>
      <c r="F4775" s="74"/>
      <c r="G4775" s="74"/>
      <c r="H4775" s="74"/>
      <c r="I4775" s="75"/>
      <c r="J4775" s="74"/>
      <c r="L4775" s="55"/>
      <c r="M4775" s="234"/>
      <c r="N4775" s="65"/>
      <c r="O4775" s="76"/>
      <c r="P4775" s="76"/>
      <c r="Q4775" s="65"/>
      <c r="R4775" s="76"/>
      <c r="S4775" s="76"/>
      <c r="T4775" s="76"/>
      <c r="U4775" s="76"/>
      <c r="V4775" s="76"/>
      <c r="W4775" s="76"/>
      <c r="X4775" s="76"/>
      <c r="Y4775" s="76"/>
      <c r="Z4775" s="76"/>
      <c r="AA4775" s="85"/>
      <c r="AB4775" s="85"/>
      <c r="AC4775" s="85"/>
      <c r="AD4775" s="85"/>
      <c r="AE4775" s="85"/>
      <c r="AF4775" s="85"/>
      <c r="AG4775" s="86"/>
      <c r="AH4775" s="85"/>
      <c r="AI4775" s="85"/>
      <c r="AJ4775" s="85"/>
      <c r="AK4775" s="85"/>
      <c r="AL4775" s="85"/>
      <c r="AM4775" s="92"/>
      <c r="AN4775" s="92"/>
      <c r="AO4775" s="92"/>
      <c r="AP4775" s="92"/>
      <c r="AQ4775" s="92"/>
      <c r="AR4775" s="92"/>
      <c r="AS4775" s="92"/>
      <c r="AT4775" s="92"/>
      <c r="AU4775" s="92"/>
      <c r="AV4775" s="92"/>
      <c r="AW4775" s="92"/>
      <c r="AX4775" s="92"/>
      <c r="AY4775" s="92"/>
      <c r="AZ4775" s="93"/>
      <c r="BA4775" s="93"/>
      <c r="BB4775" s="93"/>
      <c r="BC4775" s="93"/>
      <c r="BD4775" s="93"/>
      <c r="BE4775" s="93"/>
      <c r="BF4775" s="93"/>
      <c r="BG4775" s="93"/>
      <c r="BH4775" s="93"/>
      <c r="BI4775" s="93"/>
      <c r="BJ4775" s="93"/>
      <c r="BK4775" s="93"/>
      <c r="BL4775" s="93"/>
    </row>
    <row r="4776" spans="2:64" x14ac:dyDescent="0.2">
      <c r="B4776" s="43"/>
      <c r="C4776" s="73"/>
      <c r="D4776" s="64"/>
      <c r="E4776" s="55"/>
      <c r="F4776" s="74"/>
      <c r="G4776" s="74"/>
      <c r="H4776" s="74"/>
      <c r="I4776" s="75"/>
      <c r="J4776" s="74"/>
      <c r="L4776" s="55"/>
      <c r="M4776" s="234"/>
      <c r="N4776" s="65"/>
      <c r="O4776" s="76"/>
      <c r="P4776" s="76"/>
      <c r="Q4776" s="65"/>
      <c r="R4776" s="76"/>
      <c r="S4776" s="76"/>
      <c r="T4776" s="76"/>
      <c r="U4776" s="76"/>
      <c r="V4776" s="76"/>
      <c r="W4776" s="76"/>
      <c r="X4776" s="76"/>
      <c r="Y4776" s="76"/>
      <c r="Z4776" s="76"/>
      <c r="AA4776" s="85"/>
      <c r="AB4776" s="85"/>
      <c r="AC4776" s="85"/>
      <c r="AD4776" s="85"/>
      <c r="AE4776" s="85"/>
      <c r="AF4776" s="85"/>
      <c r="AG4776" s="86"/>
      <c r="AH4776" s="85"/>
      <c r="AI4776" s="85"/>
      <c r="AJ4776" s="85"/>
      <c r="AK4776" s="85"/>
      <c r="AL4776" s="85"/>
      <c r="AM4776" s="92"/>
      <c r="AN4776" s="92"/>
      <c r="AO4776" s="92"/>
      <c r="AP4776" s="92"/>
      <c r="AQ4776" s="92"/>
      <c r="AR4776" s="92"/>
      <c r="AS4776" s="92"/>
      <c r="AT4776" s="92"/>
      <c r="AU4776" s="92"/>
      <c r="AV4776" s="92"/>
      <c r="AW4776" s="92"/>
      <c r="AX4776" s="92"/>
      <c r="AY4776" s="92"/>
      <c r="AZ4776" s="93"/>
      <c r="BA4776" s="93"/>
      <c r="BB4776" s="93"/>
      <c r="BC4776" s="93"/>
      <c r="BD4776" s="93"/>
      <c r="BE4776" s="93"/>
      <c r="BF4776" s="93"/>
      <c r="BG4776" s="93"/>
      <c r="BH4776" s="93"/>
      <c r="BI4776" s="93"/>
      <c r="BJ4776" s="93"/>
      <c r="BK4776" s="93"/>
      <c r="BL4776" s="93"/>
    </row>
    <row r="4777" spans="2:64" x14ac:dyDescent="0.2">
      <c r="B4777" s="43"/>
      <c r="C4777" s="73"/>
      <c r="D4777" s="64"/>
      <c r="E4777" s="55"/>
      <c r="F4777" s="74"/>
      <c r="G4777" s="74"/>
      <c r="H4777" s="74"/>
      <c r="I4777" s="75"/>
      <c r="J4777" s="74"/>
      <c r="L4777" s="55"/>
      <c r="M4777" s="234"/>
      <c r="N4777" s="65"/>
      <c r="O4777" s="76"/>
      <c r="P4777" s="76"/>
      <c r="Q4777" s="65"/>
      <c r="R4777" s="76"/>
      <c r="S4777" s="76"/>
      <c r="T4777" s="76"/>
      <c r="U4777" s="76"/>
      <c r="V4777" s="76"/>
      <c r="W4777" s="76"/>
      <c r="X4777" s="76"/>
      <c r="Y4777" s="76"/>
      <c r="Z4777" s="76"/>
      <c r="AA4777" s="85"/>
      <c r="AB4777" s="85"/>
      <c r="AC4777" s="85"/>
      <c r="AD4777" s="85"/>
      <c r="AE4777" s="85"/>
      <c r="AF4777" s="85"/>
      <c r="AG4777" s="86"/>
      <c r="AH4777" s="85"/>
      <c r="AI4777" s="85"/>
      <c r="AJ4777" s="85"/>
      <c r="AK4777" s="85"/>
      <c r="AL4777" s="85"/>
      <c r="AM4777" s="92"/>
      <c r="AN4777" s="92"/>
      <c r="AO4777" s="92"/>
      <c r="AP4777" s="92"/>
      <c r="AQ4777" s="92"/>
      <c r="AR4777" s="92"/>
      <c r="AS4777" s="92"/>
      <c r="AT4777" s="92"/>
      <c r="AU4777" s="92"/>
      <c r="AV4777" s="92"/>
      <c r="AW4777" s="92"/>
      <c r="AX4777" s="92"/>
      <c r="AY4777" s="92"/>
      <c r="AZ4777" s="93"/>
      <c r="BA4777" s="93"/>
      <c r="BB4777" s="93"/>
      <c r="BC4777" s="93"/>
      <c r="BD4777" s="93"/>
      <c r="BE4777" s="93"/>
      <c r="BF4777" s="93"/>
      <c r="BG4777" s="93"/>
      <c r="BH4777" s="93"/>
      <c r="BI4777" s="93"/>
      <c r="BJ4777" s="93"/>
      <c r="BK4777" s="93"/>
      <c r="BL4777" s="93"/>
    </row>
    <row r="4778" spans="2:64" x14ac:dyDescent="0.2">
      <c r="B4778" s="43"/>
      <c r="C4778" s="73"/>
      <c r="D4778" s="64"/>
      <c r="E4778" s="55"/>
      <c r="F4778" s="74"/>
      <c r="G4778" s="74"/>
      <c r="H4778" s="74"/>
      <c r="I4778" s="75"/>
      <c r="J4778" s="74"/>
      <c r="L4778" s="55"/>
      <c r="M4778" s="234"/>
      <c r="N4778" s="65"/>
      <c r="O4778" s="76"/>
      <c r="P4778" s="76"/>
      <c r="Q4778" s="65"/>
      <c r="R4778" s="76"/>
      <c r="S4778" s="76"/>
      <c r="T4778" s="76"/>
      <c r="U4778" s="76"/>
      <c r="V4778" s="76"/>
      <c r="W4778" s="76"/>
      <c r="X4778" s="76"/>
      <c r="Y4778" s="76"/>
      <c r="Z4778" s="76"/>
      <c r="AA4778" s="85"/>
      <c r="AB4778" s="85"/>
      <c r="AC4778" s="85"/>
      <c r="AD4778" s="85"/>
      <c r="AE4778" s="85"/>
      <c r="AF4778" s="85"/>
      <c r="AG4778" s="86"/>
      <c r="AH4778" s="85"/>
      <c r="AI4778" s="85"/>
      <c r="AJ4778" s="85"/>
      <c r="AK4778" s="85"/>
      <c r="AL4778" s="85"/>
      <c r="AM4778" s="92"/>
      <c r="AN4778" s="92"/>
      <c r="AO4778" s="92"/>
      <c r="AP4778" s="92"/>
      <c r="AQ4778" s="92"/>
      <c r="AR4778" s="92"/>
      <c r="AS4778" s="92"/>
      <c r="AT4778" s="92"/>
      <c r="AU4778" s="92"/>
      <c r="AV4778" s="92"/>
      <c r="AW4778" s="92"/>
      <c r="AX4778" s="92"/>
      <c r="AY4778" s="92"/>
      <c r="AZ4778" s="93"/>
      <c r="BA4778" s="93"/>
      <c r="BB4778" s="93"/>
      <c r="BC4778" s="93"/>
      <c r="BD4778" s="93"/>
      <c r="BE4778" s="93"/>
      <c r="BF4778" s="93"/>
      <c r="BG4778" s="93"/>
      <c r="BH4778" s="93"/>
      <c r="BI4778" s="93"/>
      <c r="BJ4778" s="93"/>
      <c r="BK4778" s="93"/>
      <c r="BL4778" s="93"/>
    </row>
    <row r="4779" spans="2:64" x14ac:dyDescent="0.2">
      <c r="B4779" s="43"/>
      <c r="C4779" s="73"/>
      <c r="D4779" s="64"/>
      <c r="E4779" s="55"/>
      <c r="F4779" s="74"/>
      <c r="G4779" s="74"/>
      <c r="H4779" s="74"/>
      <c r="I4779" s="75"/>
      <c r="J4779" s="74"/>
      <c r="L4779" s="55"/>
      <c r="M4779" s="234"/>
      <c r="N4779" s="65"/>
      <c r="O4779" s="76"/>
      <c r="P4779" s="76"/>
      <c r="Q4779" s="65"/>
      <c r="R4779" s="76"/>
      <c r="S4779" s="76"/>
      <c r="T4779" s="76"/>
      <c r="U4779" s="76"/>
      <c r="V4779" s="76"/>
      <c r="W4779" s="76"/>
      <c r="X4779" s="76"/>
      <c r="Y4779" s="76"/>
      <c r="Z4779" s="76"/>
      <c r="AA4779" s="85"/>
      <c r="AB4779" s="85"/>
      <c r="AC4779" s="85"/>
      <c r="AD4779" s="85"/>
      <c r="AE4779" s="85"/>
      <c r="AF4779" s="85"/>
      <c r="AG4779" s="86"/>
      <c r="AH4779" s="85"/>
      <c r="AI4779" s="85"/>
      <c r="AJ4779" s="85"/>
      <c r="AK4779" s="85"/>
      <c r="AL4779" s="85"/>
      <c r="AM4779" s="92"/>
      <c r="AN4779" s="92"/>
      <c r="AO4779" s="92"/>
      <c r="AP4779" s="92"/>
      <c r="AQ4779" s="92"/>
      <c r="AR4779" s="92"/>
      <c r="AS4779" s="92"/>
      <c r="AT4779" s="92"/>
      <c r="AU4779" s="92"/>
      <c r="AV4779" s="92"/>
      <c r="AW4779" s="92"/>
      <c r="AX4779" s="92"/>
      <c r="AY4779" s="92"/>
      <c r="AZ4779" s="93"/>
      <c r="BA4779" s="93"/>
      <c r="BB4779" s="93"/>
      <c r="BC4779" s="93"/>
      <c r="BD4779" s="93"/>
      <c r="BE4779" s="93"/>
      <c r="BF4779" s="93"/>
      <c r="BG4779" s="93"/>
      <c r="BH4779" s="93"/>
      <c r="BI4779" s="93"/>
      <c r="BJ4779" s="93"/>
      <c r="BK4779" s="93"/>
      <c r="BL4779" s="93"/>
    </row>
    <row r="4780" spans="2:64" x14ac:dyDescent="0.2">
      <c r="B4780" s="43"/>
      <c r="C4780" s="73"/>
      <c r="D4780" s="64"/>
      <c r="E4780" s="55"/>
      <c r="F4780" s="74"/>
      <c r="G4780" s="74"/>
      <c r="H4780" s="74"/>
      <c r="I4780" s="75"/>
      <c r="J4780" s="74"/>
      <c r="L4780" s="55"/>
      <c r="M4780" s="234"/>
      <c r="N4780" s="65"/>
      <c r="O4780" s="76"/>
      <c r="P4780" s="76"/>
      <c r="Q4780" s="65"/>
      <c r="R4780" s="76"/>
      <c r="S4780" s="76"/>
      <c r="T4780" s="76"/>
      <c r="U4780" s="76"/>
      <c r="V4780" s="76"/>
      <c r="W4780" s="76"/>
      <c r="X4780" s="76"/>
      <c r="Y4780" s="76"/>
      <c r="Z4780" s="76"/>
      <c r="AA4780" s="85"/>
      <c r="AB4780" s="85"/>
      <c r="AC4780" s="85"/>
      <c r="AD4780" s="85"/>
      <c r="AE4780" s="85"/>
      <c r="AF4780" s="85"/>
      <c r="AG4780" s="86"/>
      <c r="AH4780" s="85"/>
      <c r="AI4780" s="85"/>
      <c r="AJ4780" s="85"/>
      <c r="AK4780" s="85"/>
      <c r="AL4780" s="85"/>
      <c r="AM4780" s="92"/>
      <c r="AN4780" s="92"/>
      <c r="AO4780" s="92"/>
      <c r="AP4780" s="92"/>
      <c r="AQ4780" s="92"/>
      <c r="AR4780" s="92"/>
      <c r="AS4780" s="92"/>
      <c r="AT4780" s="92"/>
      <c r="AU4780" s="92"/>
      <c r="AV4780" s="92"/>
      <c r="AW4780" s="92"/>
      <c r="AX4780" s="92"/>
      <c r="AY4780" s="92"/>
      <c r="AZ4780" s="93"/>
      <c r="BA4780" s="93"/>
      <c r="BB4780" s="93"/>
      <c r="BC4780" s="93"/>
      <c r="BD4780" s="93"/>
      <c r="BE4780" s="93"/>
      <c r="BF4780" s="93"/>
      <c r="BG4780" s="93"/>
      <c r="BH4780" s="93"/>
      <c r="BI4780" s="93"/>
      <c r="BJ4780" s="93"/>
      <c r="BK4780" s="93"/>
      <c r="BL4780" s="93"/>
    </row>
    <row r="4781" spans="2:64" x14ac:dyDescent="0.2">
      <c r="B4781" s="43"/>
      <c r="C4781" s="73"/>
      <c r="D4781" s="64"/>
      <c r="E4781" s="55"/>
      <c r="F4781" s="74"/>
      <c r="G4781" s="74"/>
      <c r="H4781" s="74"/>
      <c r="I4781" s="75"/>
      <c r="J4781" s="74"/>
      <c r="L4781" s="55"/>
      <c r="M4781" s="234"/>
      <c r="N4781" s="65"/>
      <c r="O4781" s="76"/>
      <c r="P4781" s="76"/>
      <c r="Q4781" s="65"/>
      <c r="R4781" s="76"/>
      <c r="S4781" s="76"/>
      <c r="T4781" s="76"/>
      <c r="U4781" s="76"/>
      <c r="V4781" s="76"/>
      <c r="W4781" s="76"/>
      <c r="X4781" s="76"/>
      <c r="Y4781" s="76"/>
      <c r="Z4781" s="76"/>
      <c r="AA4781" s="85"/>
      <c r="AB4781" s="85"/>
      <c r="AC4781" s="85"/>
      <c r="AD4781" s="85"/>
      <c r="AE4781" s="85"/>
      <c r="AF4781" s="85"/>
      <c r="AG4781" s="86"/>
      <c r="AH4781" s="85"/>
      <c r="AI4781" s="85"/>
      <c r="AJ4781" s="85"/>
      <c r="AK4781" s="85"/>
      <c r="AL4781" s="85"/>
      <c r="AM4781" s="92"/>
      <c r="AN4781" s="92"/>
      <c r="AO4781" s="92"/>
      <c r="AP4781" s="92"/>
      <c r="AQ4781" s="92"/>
      <c r="AR4781" s="92"/>
      <c r="AS4781" s="92"/>
      <c r="AT4781" s="92"/>
      <c r="AU4781" s="92"/>
      <c r="AV4781" s="92"/>
      <c r="AW4781" s="92"/>
      <c r="AX4781" s="92"/>
      <c r="AY4781" s="92"/>
      <c r="AZ4781" s="93"/>
      <c r="BA4781" s="93"/>
      <c r="BB4781" s="93"/>
      <c r="BC4781" s="93"/>
      <c r="BD4781" s="93"/>
      <c r="BE4781" s="93"/>
      <c r="BF4781" s="93"/>
      <c r="BG4781" s="93"/>
      <c r="BH4781" s="93"/>
      <c r="BI4781" s="93"/>
      <c r="BJ4781" s="93"/>
      <c r="BK4781" s="93"/>
      <c r="BL4781" s="93"/>
    </row>
    <row r="4782" spans="2:64" x14ac:dyDescent="0.2">
      <c r="B4782" s="43"/>
      <c r="C4782" s="73"/>
      <c r="D4782" s="64"/>
      <c r="E4782" s="55"/>
      <c r="F4782" s="74"/>
      <c r="G4782" s="74"/>
      <c r="H4782" s="74"/>
      <c r="I4782" s="75"/>
      <c r="J4782" s="74"/>
      <c r="L4782" s="55"/>
      <c r="M4782" s="234"/>
      <c r="N4782" s="65"/>
      <c r="O4782" s="76"/>
      <c r="P4782" s="76"/>
      <c r="Q4782" s="65"/>
      <c r="R4782" s="76"/>
      <c r="S4782" s="76"/>
      <c r="T4782" s="76"/>
      <c r="U4782" s="76"/>
      <c r="V4782" s="76"/>
      <c r="W4782" s="76"/>
      <c r="X4782" s="76"/>
      <c r="Y4782" s="76"/>
      <c r="Z4782" s="76"/>
      <c r="AA4782" s="85"/>
      <c r="AB4782" s="85"/>
      <c r="AC4782" s="85"/>
      <c r="AD4782" s="85"/>
      <c r="AE4782" s="85"/>
      <c r="AF4782" s="85"/>
      <c r="AG4782" s="86"/>
      <c r="AH4782" s="85"/>
      <c r="AI4782" s="85"/>
      <c r="AJ4782" s="85"/>
      <c r="AK4782" s="85"/>
      <c r="AL4782" s="85"/>
      <c r="AM4782" s="92"/>
      <c r="AN4782" s="92"/>
      <c r="AO4782" s="92"/>
      <c r="AP4782" s="92"/>
      <c r="AQ4782" s="92"/>
      <c r="AR4782" s="92"/>
      <c r="AS4782" s="92"/>
      <c r="AT4782" s="92"/>
      <c r="AU4782" s="92"/>
      <c r="AV4782" s="92"/>
      <c r="AW4782" s="92"/>
      <c r="AX4782" s="92"/>
      <c r="AY4782" s="92"/>
      <c r="AZ4782" s="93"/>
      <c r="BA4782" s="93"/>
      <c r="BB4782" s="93"/>
      <c r="BC4782" s="93"/>
      <c r="BD4782" s="93"/>
      <c r="BE4782" s="93"/>
      <c r="BF4782" s="93"/>
      <c r="BG4782" s="93"/>
      <c r="BH4782" s="93"/>
      <c r="BI4782" s="93"/>
      <c r="BJ4782" s="93"/>
      <c r="BK4782" s="93"/>
      <c r="BL4782" s="93"/>
    </row>
    <row r="4783" spans="2:64" x14ac:dyDescent="0.2">
      <c r="B4783" s="43"/>
      <c r="C4783" s="73"/>
      <c r="D4783" s="64"/>
      <c r="E4783" s="55"/>
      <c r="F4783" s="74"/>
      <c r="G4783" s="74"/>
      <c r="H4783" s="74"/>
      <c r="I4783" s="75"/>
      <c r="J4783" s="74"/>
      <c r="L4783" s="55"/>
      <c r="M4783" s="234"/>
      <c r="N4783" s="65"/>
      <c r="O4783" s="76"/>
      <c r="P4783" s="76"/>
      <c r="Q4783" s="65"/>
      <c r="R4783" s="76"/>
      <c r="S4783" s="76"/>
      <c r="T4783" s="76"/>
      <c r="U4783" s="76"/>
      <c r="V4783" s="76"/>
      <c r="W4783" s="76"/>
      <c r="X4783" s="76"/>
      <c r="Y4783" s="76"/>
      <c r="Z4783" s="76"/>
      <c r="AA4783" s="85"/>
      <c r="AB4783" s="85"/>
      <c r="AC4783" s="85"/>
      <c r="AD4783" s="85"/>
      <c r="AE4783" s="85"/>
      <c r="AF4783" s="85"/>
      <c r="AG4783" s="86"/>
      <c r="AH4783" s="85"/>
      <c r="AI4783" s="85"/>
      <c r="AJ4783" s="85"/>
      <c r="AK4783" s="85"/>
      <c r="AL4783" s="85"/>
      <c r="AM4783" s="92"/>
      <c r="AN4783" s="92"/>
      <c r="AO4783" s="92"/>
      <c r="AP4783" s="92"/>
      <c r="AQ4783" s="92"/>
      <c r="AR4783" s="92"/>
      <c r="AS4783" s="92"/>
      <c r="AT4783" s="92"/>
      <c r="AU4783" s="92"/>
      <c r="AV4783" s="92"/>
      <c r="AW4783" s="92"/>
      <c r="AX4783" s="92"/>
      <c r="AY4783" s="92"/>
      <c r="AZ4783" s="93"/>
      <c r="BA4783" s="93"/>
      <c r="BB4783" s="93"/>
      <c r="BC4783" s="93"/>
      <c r="BD4783" s="93"/>
      <c r="BE4783" s="93"/>
      <c r="BF4783" s="93"/>
      <c r="BG4783" s="93"/>
      <c r="BH4783" s="93"/>
      <c r="BI4783" s="93"/>
      <c r="BJ4783" s="93"/>
      <c r="BK4783" s="93"/>
      <c r="BL4783" s="93"/>
    </row>
    <row r="4784" spans="2:64" x14ac:dyDescent="0.2">
      <c r="B4784" s="43"/>
      <c r="C4784" s="73"/>
      <c r="D4784" s="64"/>
      <c r="E4784" s="55"/>
      <c r="F4784" s="74"/>
      <c r="G4784" s="74"/>
      <c r="H4784" s="74"/>
      <c r="I4784" s="75"/>
      <c r="J4784" s="74"/>
      <c r="L4784" s="55"/>
      <c r="M4784" s="234"/>
      <c r="N4784" s="65"/>
      <c r="O4784" s="76"/>
      <c r="P4784" s="76"/>
      <c r="Q4784" s="65"/>
      <c r="R4784" s="76"/>
      <c r="S4784" s="76"/>
      <c r="T4784" s="76"/>
      <c r="U4784" s="76"/>
      <c r="V4784" s="76"/>
      <c r="W4784" s="76"/>
      <c r="X4784" s="76"/>
      <c r="Y4784" s="76"/>
      <c r="Z4784" s="76"/>
      <c r="AA4784" s="85"/>
      <c r="AB4784" s="85"/>
      <c r="AC4784" s="85"/>
      <c r="AD4784" s="85"/>
      <c r="AE4784" s="85"/>
      <c r="AF4784" s="85"/>
      <c r="AG4784" s="86"/>
      <c r="AH4784" s="85"/>
      <c r="AI4784" s="85"/>
      <c r="AJ4784" s="85"/>
      <c r="AK4784" s="85"/>
      <c r="AL4784" s="85"/>
      <c r="AM4784" s="92"/>
      <c r="AN4784" s="92"/>
      <c r="AO4784" s="92"/>
      <c r="AP4784" s="92"/>
      <c r="AQ4784" s="92"/>
      <c r="AR4784" s="92"/>
      <c r="AS4784" s="92"/>
      <c r="AT4784" s="92"/>
      <c r="AU4784" s="92"/>
      <c r="AV4784" s="92"/>
      <c r="AW4784" s="92"/>
      <c r="AX4784" s="92"/>
      <c r="AY4784" s="92"/>
      <c r="AZ4784" s="93"/>
      <c r="BA4784" s="93"/>
      <c r="BB4784" s="93"/>
      <c r="BC4784" s="93"/>
      <c r="BD4784" s="93"/>
      <c r="BE4784" s="93"/>
      <c r="BF4784" s="93"/>
      <c r="BG4784" s="93"/>
      <c r="BH4784" s="93"/>
      <c r="BI4784" s="93"/>
      <c r="BJ4784" s="93"/>
      <c r="BK4784" s="93"/>
      <c r="BL4784" s="93"/>
    </row>
    <row r="4785" spans="2:64" x14ac:dyDescent="0.2">
      <c r="B4785" s="43"/>
      <c r="C4785" s="73"/>
      <c r="D4785" s="64"/>
      <c r="E4785" s="55"/>
      <c r="F4785" s="74"/>
      <c r="G4785" s="74"/>
      <c r="H4785" s="74"/>
      <c r="I4785" s="75"/>
      <c r="J4785" s="74"/>
      <c r="L4785" s="55"/>
      <c r="M4785" s="234"/>
      <c r="N4785" s="65"/>
      <c r="O4785" s="76"/>
      <c r="P4785" s="76"/>
      <c r="Q4785" s="65"/>
      <c r="R4785" s="76"/>
      <c r="S4785" s="76"/>
      <c r="T4785" s="76"/>
      <c r="U4785" s="76"/>
      <c r="V4785" s="76"/>
      <c r="W4785" s="76"/>
      <c r="X4785" s="76"/>
      <c r="Y4785" s="76"/>
      <c r="Z4785" s="76"/>
      <c r="AA4785" s="85"/>
      <c r="AB4785" s="85"/>
      <c r="AC4785" s="85"/>
      <c r="AD4785" s="85"/>
      <c r="AE4785" s="85"/>
      <c r="AF4785" s="85"/>
      <c r="AG4785" s="86"/>
      <c r="AH4785" s="85"/>
      <c r="AI4785" s="85"/>
      <c r="AJ4785" s="85"/>
      <c r="AK4785" s="85"/>
      <c r="AL4785" s="85"/>
      <c r="AM4785" s="92"/>
      <c r="AN4785" s="92"/>
      <c r="AO4785" s="92"/>
      <c r="AP4785" s="92"/>
      <c r="AQ4785" s="92"/>
      <c r="AR4785" s="92"/>
      <c r="AS4785" s="92"/>
      <c r="AT4785" s="92"/>
      <c r="AU4785" s="92"/>
      <c r="AV4785" s="92"/>
      <c r="AW4785" s="92"/>
      <c r="AX4785" s="92"/>
      <c r="AY4785" s="92"/>
      <c r="AZ4785" s="93"/>
      <c r="BA4785" s="93"/>
      <c r="BB4785" s="93"/>
      <c r="BC4785" s="93"/>
      <c r="BD4785" s="93"/>
      <c r="BE4785" s="93"/>
      <c r="BF4785" s="93"/>
      <c r="BG4785" s="93"/>
      <c r="BH4785" s="93"/>
      <c r="BI4785" s="93"/>
      <c r="BJ4785" s="93"/>
      <c r="BK4785" s="93"/>
      <c r="BL4785" s="93"/>
    </row>
    <row r="4786" spans="2:64" x14ac:dyDescent="0.2">
      <c r="B4786" s="43"/>
      <c r="C4786" s="73"/>
      <c r="D4786" s="64"/>
      <c r="E4786" s="55"/>
      <c r="F4786" s="74"/>
      <c r="G4786" s="74"/>
      <c r="H4786" s="74"/>
      <c r="I4786" s="75"/>
      <c r="J4786" s="74"/>
      <c r="L4786" s="55"/>
      <c r="M4786" s="234"/>
      <c r="N4786" s="65"/>
      <c r="O4786" s="76"/>
      <c r="P4786" s="76"/>
      <c r="Q4786" s="65"/>
      <c r="R4786" s="76"/>
      <c r="S4786" s="76"/>
      <c r="T4786" s="76"/>
      <c r="U4786" s="76"/>
      <c r="V4786" s="76"/>
      <c r="W4786" s="76"/>
      <c r="X4786" s="76"/>
      <c r="Y4786" s="76"/>
      <c r="Z4786" s="76"/>
      <c r="AA4786" s="85"/>
      <c r="AB4786" s="85"/>
      <c r="AC4786" s="85"/>
      <c r="AD4786" s="85"/>
      <c r="AE4786" s="85"/>
      <c r="AF4786" s="85"/>
      <c r="AG4786" s="86"/>
      <c r="AH4786" s="85"/>
      <c r="AI4786" s="85"/>
      <c r="AJ4786" s="85"/>
      <c r="AK4786" s="85"/>
      <c r="AL4786" s="85"/>
      <c r="AM4786" s="92"/>
      <c r="AN4786" s="92"/>
      <c r="AO4786" s="92"/>
      <c r="AP4786" s="92"/>
      <c r="AQ4786" s="92"/>
      <c r="AR4786" s="92"/>
      <c r="AS4786" s="92"/>
      <c r="AT4786" s="92"/>
      <c r="AU4786" s="92"/>
      <c r="AV4786" s="92"/>
      <c r="AW4786" s="92"/>
      <c r="AX4786" s="92"/>
      <c r="AY4786" s="92"/>
      <c r="AZ4786" s="93"/>
      <c r="BA4786" s="93"/>
      <c r="BB4786" s="93"/>
      <c r="BC4786" s="93"/>
      <c r="BD4786" s="93"/>
      <c r="BE4786" s="93"/>
      <c r="BF4786" s="93"/>
      <c r="BG4786" s="93"/>
      <c r="BH4786" s="93"/>
      <c r="BI4786" s="93"/>
      <c r="BJ4786" s="93"/>
      <c r="BK4786" s="93"/>
      <c r="BL4786" s="93"/>
    </row>
    <row r="4787" spans="2:64" x14ac:dyDescent="0.2">
      <c r="B4787" s="43"/>
      <c r="C4787" s="73"/>
      <c r="D4787" s="64"/>
      <c r="E4787" s="55"/>
      <c r="F4787" s="74"/>
      <c r="G4787" s="74"/>
      <c r="H4787" s="74"/>
      <c r="I4787" s="75"/>
      <c r="J4787" s="74"/>
      <c r="L4787" s="55"/>
      <c r="M4787" s="234"/>
      <c r="N4787" s="65"/>
      <c r="O4787" s="76"/>
      <c r="P4787" s="76"/>
      <c r="Q4787" s="65"/>
      <c r="R4787" s="76"/>
      <c r="S4787" s="76"/>
      <c r="T4787" s="76"/>
      <c r="U4787" s="76"/>
      <c r="V4787" s="76"/>
      <c r="W4787" s="76"/>
      <c r="X4787" s="76"/>
      <c r="Y4787" s="76"/>
      <c r="Z4787" s="76"/>
      <c r="AA4787" s="85"/>
      <c r="AB4787" s="85"/>
      <c r="AC4787" s="85"/>
      <c r="AD4787" s="85"/>
      <c r="AE4787" s="85"/>
      <c r="AF4787" s="85"/>
      <c r="AG4787" s="86"/>
      <c r="AH4787" s="85"/>
      <c r="AI4787" s="85"/>
      <c r="AJ4787" s="85"/>
      <c r="AK4787" s="85"/>
      <c r="AL4787" s="85"/>
      <c r="AM4787" s="92"/>
      <c r="AN4787" s="92"/>
      <c r="AO4787" s="92"/>
      <c r="AP4787" s="92"/>
      <c r="AQ4787" s="92"/>
      <c r="AR4787" s="92"/>
      <c r="AS4787" s="92"/>
      <c r="AT4787" s="92"/>
      <c r="AU4787" s="92"/>
      <c r="AV4787" s="92"/>
      <c r="AW4787" s="92"/>
      <c r="AX4787" s="92"/>
      <c r="AY4787" s="92"/>
      <c r="AZ4787" s="93"/>
      <c r="BA4787" s="93"/>
      <c r="BB4787" s="93"/>
      <c r="BC4787" s="93"/>
      <c r="BD4787" s="93"/>
      <c r="BE4787" s="93"/>
      <c r="BF4787" s="93"/>
      <c r="BG4787" s="93"/>
      <c r="BH4787" s="93"/>
      <c r="BI4787" s="93"/>
      <c r="BJ4787" s="93"/>
      <c r="BK4787" s="93"/>
      <c r="BL4787" s="93"/>
    </row>
    <row r="4788" spans="2:64" x14ac:dyDescent="0.2">
      <c r="B4788" s="43"/>
      <c r="C4788" s="73"/>
      <c r="D4788" s="64"/>
      <c r="E4788" s="55"/>
      <c r="F4788" s="74"/>
      <c r="G4788" s="74"/>
      <c r="H4788" s="74"/>
      <c r="I4788" s="75"/>
      <c r="J4788" s="74"/>
      <c r="L4788" s="55"/>
      <c r="M4788" s="234"/>
      <c r="N4788" s="65"/>
      <c r="O4788" s="76"/>
      <c r="P4788" s="76"/>
      <c r="Q4788" s="65"/>
      <c r="R4788" s="76"/>
      <c r="S4788" s="76"/>
      <c r="T4788" s="76"/>
      <c r="U4788" s="76"/>
      <c r="V4788" s="76"/>
      <c r="W4788" s="76"/>
      <c r="X4788" s="76"/>
      <c r="Y4788" s="76"/>
      <c r="Z4788" s="76"/>
      <c r="AA4788" s="85"/>
      <c r="AB4788" s="85"/>
      <c r="AC4788" s="85"/>
      <c r="AD4788" s="85"/>
      <c r="AE4788" s="85"/>
      <c r="AF4788" s="85"/>
      <c r="AG4788" s="86"/>
      <c r="AH4788" s="85"/>
      <c r="AI4788" s="85"/>
      <c r="AJ4788" s="85"/>
      <c r="AK4788" s="85"/>
      <c r="AL4788" s="85"/>
      <c r="AM4788" s="92"/>
      <c r="AN4788" s="92"/>
      <c r="AO4788" s="92"/>
      <c r="AP4788" s="92"/>
      <c r="AQ4788" s="92"/>
      <c r="AR4788" s="92"/>
      <c r="AS4788" s="92"/>
      <c r="AT4788" s="92"/>
      <c r="AU4788" s="92"/>
      <c r="AV4788" s="92"/>
      <c r="AW4788" s="92"/>
      <c r="AX4788" s="92"/>
      <c r="AY4788" s="92"/>
      <c r="AZ4788" s="93"/>
      <c r="BA4788" s="93"/>
      <c r="BB4788" s="93"/>
      <c r="BC4788" s="93"/>
      <c r="BD4788" s="93"/>
      <c r="BE4788" s="93"/>
      <c r="BF4788" s="93"/>
      <c r="BG4788" s="93"/>
      <c r="BH4788" s="93"/>
      <c r="BI4788" s="93"/>
      <c r="BJ4788" s="93"/>
      <c r="BK4788" s="93"/>
      <c r="BL4788" s="93"/>
    </row>
    <row r="4789" spans="2:64" x14ac:dyDescent="0.2">
      <c r="B4789" s="43"/>
      <c r="C4789" s="73"/>
      <c r="D4789" s="64"/>
      <c r="E4789" s="55"/>
      <c r="F4789" s="74"/>
      <c r="G4789" s="74"/>
      <c r="H4789" s="74"/>
      <c r="I4789" s="75"/>
      <c r="J4789" s="74"/>
      <c r="L4789" s="55"/>
      <c r="M4789" s="234"/>
      <c r="N4789" s="65"/>
      <c r="O4789" s="76"/>
      <c r="P4789" s="76"/>
      <c r="Q4789" s="65"/>
      <c r="R4789" s="76"/>
      <c r="S4789" s="76"/>
      <c r="T4789" s="76"/>
      <c r="U4789" s="76"/>
      <c r="V4789" s="76"/>
      <c r="W4789" s="76"/>
      <c r="X4789" s="76"/>
      <c r="Y4789" s="76"/>
      <c r="Z4789" s="76"/>
      <c r="AA4789" s="85"/>
      <c r="AB4789" s="85"/>
      <c r="AC4789" s="85"/>
      <c r="AD4789" s="85"/>
      <c r="AE4789" s="85"/>
      <c r="AF4789" s="85"/>
      <c r="AG4789" s="86"/>
      <c r="AH4789" s="85"/>
      <c r="AI4789" s="85"/>
      <c r="AJ4789" s="85"/>
      <c r="AK4789" s="85"/>
      <c r="AL4789" s="85"/>
      <c r="AM4789" s="92"/>
      <c r="AN4789" s="92"/>
      <c r="AO4789" s="92"/>
      <c r="AP4789" s="92"/>
      <c r="AQ4789" s="92"/>
      <c r="AR4789" s="92"/>
      <c r="AS4789" s="92"/>
      <c r="AT4789" s="92"/>
      <c r="AU4789" s="92"/>
      <c r="AV4789" s="92"/>
      <c r="AW4789" s="92"/>
      <c r="AX4789" s="92"/>
      <c r="AY4789" s="92"/>
      <c r="AZ4789" s="93"/>
      <c r="BA4789" s="93"/>
      <c r="BB4789" s="93"/>
      <c r="BC4789" s="93"/>
      <c r="BD4789" s="93"/>
      <c r="BE4789" s="93"/>
      <c r="BF4789" s="93"/>
      <c r="BG4789" s="93"/>
      <c r="BH4789" s="93"/>
      <c r="BI4789" s="93"/>
      <c r="BJ4789" s="93"/>
      <c r="BK4789" s="93"/>
      <c r="BL4789" s="93"/>
    </row>
    <row r="4790" spans="2:64" x14ac:dyDescent="0.2">
      <c r="B4790" s="43"/>
      <c r="C4790" s="73"/>
      <c r="D4790" s="64"/>
      <c r="E4790" s="55"/>
      <c r="F4790" s="74"/>
      <c r="G4790" s="74"/>
      <c r="H4790" s="74"/>
      <c r="I4790" s="75"/>
      <c r="J4790" s="74"/>
      <c r="L4790" s="55"/>
      <c r="M4790" s="234"/>
      <c r="N4790" s="65"/>
      <c r="O4790" s="76"/>
      <c r="P4790" s="76"/>
      <c r="Q4790" s="65"/>
      <c r="R4790" s="76"/>
      <c r="S4790" s="76"/>
      <c r="T4790" s="76"/>
      <c r="U4790" s="76"/>
      <c r="V4790" s="76"/>
      <c r="W4790" s="76"/>
      <c r="X4790" s="76"/>
      <c r="Y4790" s="76"/>
      <c r="Z4790" s="76"/>
      <c r="AA4790" s="85"/>
      <c r="AB4790" s="85"/>
      <c r="AC4790" s="85"/>
      <c r="AD4790" s="85"/>
      <c r="AE4790" s="85"/>
      <c r="AF4790" s="85"/>
      <c r="AG4790" s="86"/>
      <c r="AH4790" s="85"/>
      <c r="AI4790" s="85"/>
      <c r="AJ4790" s="85"/>
      <c r="AK4790" s="85"/>
      <c r="AL4790" s="85"/>
      <c r="AM4790" s="92"/>
      <c r="AN4790" s="92"/>
      <c r="AO4790" s="92"/>
      <c r="AP4790" s="92"/>
      <c r="AQ4790" s="92"/>
      <c r="AR4790" s="92"/>
      <c r="AS4790" s="92"/>
      <c r="AT4790" s="92"/>
      <c r="AU4790" s="92"/>
      <c r="AV4790" s="92"/>
      <c r="AW4790" s="92"/>
      <c r="AX4790" s="92"/>
      <c r="AY4790" s="92"/>
      <c r="AZ4790" s="93"/>
      <c r="BA4790" s="93"/>
      <c r="BB4790" s="93"/>
      <c r="BC4790" s="93"/>
      <c r="BD4790" s="93"/>
      <c r="BE4790" s="93"/>
      <c r="BF4790" s="93"/>
      <c r="BG4790" s="93"/>
      <c r="BH4790" s="93"/>
      <c r="BI4790" s="93"/>
      <c r="BJ4790" s="93"/>
      <c r="BK4790" s="93"/>
      <c r="BL4790" s="93"/>
    </row>
    <row r="4791" spans="2:64" x14ac:dyDescent="0.2">
      <c r="B4791" s="43"/>
      <c r="C4791" s="73"/>
      <c r="D4791" s="64"/>
      <c r="E4791" s="55"/>
      <c r="F4791" s="74"/>
      <c r="G4791" s="74"/>
      <c r="H4791" s="74"/>
      <c r="I4791" s="75"/>
      <c r="J4791" s="74"/>
      <c r="L4791" s="55"/>
      <c r="M4791" s="234"/>
      <c r="N4791" s="65"/>
      <c r="O4791" s="76"/>
      <c r="P4791" s="76"/>
      <c r="Q4791" s="65"/>
      <c r="R4791" s="76"/>
      <c r="S4791" s="76"/>
      <c r="T4791" s="76"/>
      <c r="U4791" s="76"/>
      <c r="V4791" s="76"/>
      <c r="W4791" s="76"/>
      <c r="X4791" s="76"/>
      <c r="Y4791" s="76"/>
      <c r="Z4791" s="76"/>
      <c r="AA4791" s="85"/>
      <c r="AB4791" s="85"/>
      <c r="AC4791" s="85"/>
      <c r="AD4791" s="85"/>
      <c r="AE4791" s="85"/>
      <c r="AF4791" s="85"/>
      <c r="AG4791" s="86"/>
      <c r="AH4791" s="85"/>
      <c r="AI4791" s="85"/>
      <c r="AJ4791" s="85"/>
      <c r="AK4791" s="85"/>
      <c r="AL4791" s="85"/>
      <c r="AM4791" s="92"/>
      <c r="AN4791" s="92"/>
      <c r="AO4791" s="92"/>
      <c r="AP4791" s="92"/>
      <c r="AQ4791" s="92"/>
      <c r="AR4791" s="92"/>
      <c r="AS4791" s="92"/>
      <c r="AT4791" s="92"/>
      <c r="AU4791" s="92"/>
      <c r="AV4791" s="92"/>
      <c r="AW4791" s="92"/>
      <c r="AX4791" s="92"/>
      <c r="AY4791" s="92"/>
      <c r="AZ4791" s="93"/>
      <c r="BA4791" s="93"/>
      <c r="BB4791" s="93"/>
      <c r="BC4791" s="93"/>
      <c r="BD4791" s="93"/>
      <c r="BE4791" s="93"/>
      <c r="BF4791" s="93"/>
      <c r="BG4791" s="93"/>
      <c r="BH4791" s="93"/>
      <c r="BI4791" s="93"/>
      <c r="BJ4791" s="93"/>
      <c r="BK4791" s="93"/>
      <c r="BL4791" s="93"/>
    </row>
    <row r="4792" spans="2:64" x14ac:dyDescent="0.2">
      <c r="B4792" s="43"/>
      <c r="C4792" s="73"/>
      <c r="D4792" s="64"/>
      <c r="E4792" s="55"/>
      <c r="F4792" s="74"/>
      <c r="G4792" s="74"/>
      <c r="H4792" s="74"/>
      <c r="I4792" s="75"/>
      <c r="J4792" s="74"/>
      <c r="L4792" s="55"/>
      <c r="M4792" s="234"/>
      <c r="N4792" s="65"/>
      <c r="O4792" s="76"/>
      <c r="P4792" s="76"/>
      <c r="Q4792" s="65"/>
      <c r="R4792" s="76"/>
      <c r="S4792" s="76"/>
      <c r="T4792" s="76"/>
      <c r="U4792" s="76"/>
      <c r="V4792" s="76"/>
      <c r="W4792" s="76"/>
      <c r="X4792" s="76"/>
      <c r="Y4792" s="76"/>
      <c r="Z4792" s="76"/>
      <c r="AA4792" s="85"/>
      <c r="AB4792" s="85"/>
      <c r="AC4792" s="85"/>
      <c r="AD4792" s="85"/>
      <c r="AE4792" s="85"/>
      <c r="AF4792" s="85"/>
      <c r="AG4792" s="86"/>
      <c r="AH4792" s="85"/>
      <c r="AI4792" s="85"/>
      <c r="AJ4792" s="85"/>
      <c r="AK4792" s="85"/>
      <c r="AL4792" s="85"/>
      <c r="AM4792" s="92"/>
      <c r="AN4792" s="92"/>
      <c r="AO4792" s="92"/>
      <c r="AP4792" s="92"/>
      <c r="AQ4792" s="92"/>
      <c r="AR4792" s="92"/>
      <c r="AS4792" s="92"/>
      <c r="AT4792" s="92"/>
      <c r="AU4792" s="92"/>
      <c r="AV4792" s="92"/>
      <c r="AW4792" s="92"/>
      <c r="AX4792" s="92"/>
      <c r="AY4792" s="92"/>
      <c r="AZ4792" s="93"/>
      <c r="BA4792" s="93"/>
      <c r="BB4792" s="93"/>
      <c r="BC4792" s="93"/>
      <c r="BD4792" s="93"/>
      <c r="BE4792" s="93"/>
      <c r="BF4792" s="93"/>
      <c r="BG4792" s="93"/>
      <c r="BH4792" s="93"/>
      <c r="BI4792" s="93"/>
      <c r="BJ4792" s="93"/>
      <c r="BK4792" s="93"/>
      <c r="BL4792" s="93"/>
    </row>
    <row r="4793" spans="2:64" x14ac:dyDescent="0.2">
      <c r="B4793" s="43"/>
      <c r="C4793" s="73"/>
      <c r="D4793" s="64"/>
      <c r="E4793" s="55"/>
      <c r="F4793" s="74"/>
      <c r="G4793" s="74"/>
      <c r="H4793" s="74"/>
      <c r="I4793" s="75"/>
      <c r="J4793" s="74"/>
      <c r="L4793" s="55"/>
      <c r="M4793" s="234"/>
      <c r="N4793" s="65"/>
      <c r="O4793" s="76"/>
      <c r="P4793" s="76"/>
      <c r="Q4793" s="65"/>
      <c r="R4793" s="76"/>
      <c r="S4793" s="76"/>
      <c r="T4793" s="76"/>
      <c r="U4793" s="76"/>
      <c r="V4793" s="76"/>
      <c r="W4793" s="76"/>
      <c r="X4793" s="76"/>
      <c r="Y4793" s="76"/>
      <c r="Z4793" s="76"/>
      <c r="AA4793" s="85"/>
      <c r="AB4793" s="85"/>
      <c r="AC4793" s="85"/>
      <c r="AD4793" s="85"/>
      <c r="AE4793" s="85"/>
      <c r="AF4793" s="85"/>
      <c r="AG4793" s="86"/>
      <c r="AH4793" s="85"/>
      <c r="AI4793" s="85"/>
      <c r="AJ4793" s="85"/>
      <c r="AK4793" s="85"/>
      <c r="AL4793" s="85"/>
      <c r="AM4793" s="92"/>
      <c r="AN4793" s="92"/>
      <c r="AO4793" s="92"/>
      <c r="AP4793" s="92"/>
      <c r="AQ4793" s="92"/>
      <c r="AR4793" s="92"/>
      <c r="AS4793" s="92"/>
      <c r="AT4793" s="92"/>
      <c r="AU4793" s="92"/>
      <c r="AV4793" s="92"/>
      <c r="AW4793" s="92"/>
      <c r="AX4793" s="92"/>
      <c r="AY4793" s="92"/>
      <c r="AZ4793" s="93"/>
      <c r="BA4793" s="93"/>
      <c r="BB4793" s="93"/>
      <c r="BC4793" s="93"/>
      <c r="BD4793" s="93"/>
      <c r="BE4793" s="93"/>
      <c r="BF4793" s="93"/>
      <c r="BG4793" s="93"/>
      <c r="BH4793" s="93"/>
      <c r="BI4793" s="93"/>
      <c r="BJ4793" s="93"/>
      <c r="BK4793" s="93"/>
      <c r="BL4793" s="93"/>
    </row>
    <row r="4794" spans="2:64" x14ac:dyDescent="0.2">
      <c r="B4794" s="43"/>
      <c r="C4794" s="73"/>
      <c r="D4794" s="64"/>
      <c r="E4794" s="55"/>
      <c r="F4794" s="74"/>
      <c r="G4794" s="74"/>
      <c r="H4794" s="74"/>
      <c r="I4794" s="75"/>
      <c r="J4794" s="74"/>
      <c r="L4794" s="55"/>
      <c r="M4794" s="234"/>
      <c r="N4794" s="65"/>
      <c r="O4794" s="76"/>
      <c r="P4794" s="76"/>
      <c r="Q4794" s="65"/>
      <c r="R4794" s="76"/>
      <c r="S4794" s="76"/>
      <c r="T4794" s="76"/>
      <c r="U4794" s="76"/>
      <c r="V4794" s="76"/>
      <c r="W4794" s="76"/>
      <c r="X4794" s="76"/>
      <c r="Y4794" s="76"/>
      <c r="Z4794" s="76"/>
      <c r="AA4794" s="85"/>
      <c r="AB4794" s="85"/>
      <c r="AC4794" s="85"/>
      <c r="AD4794" s="85"/>
      <c r="AE4794" s="85"/>
      <c r="AF4794" s="85"/>
      <c r="AG4794" s="86"/>
      <c r="AH4794" s="85"/>
      <c r="AI4794" s="85"/>
      <c r="AJ4794" s="85"/>
      <c r="AK4794" s="85"/>
      <c r="AL4794" s="85"/>
      <c r="AM4794" s="92"/>
      <c r="AN4794" s="92"/>
      <c r="AO4794" s="92"/>
      <c r="AP4794" s="92"/>
      <c r="AQ4794" s="92"/>
      <c r="AR4794" s="92"/>
      <c r="AS4794" s="92"/>
      <c r="AT4794" s="92"/>
      <c r="AU4794" s="92"/>
      <c r="AV4794" s="92"/>
      <c r="AW4794" s="92"/>
      <c r="AX4794" s="92"/>
      <c r="AY4794" s="92"/>
      <c r="AZ4794" s="93"/>
      <c r="BA4794" s="93"/>
      <c r="BB4794" s="93"/>
      <c r="BC4794" s="93"/>
      <c r="BD4794" s="93"/>
      <c r="BE4794" s="93"/>
      <c r="BF4794" s="93"/>
      <c r="BG4794" s="93"/>
      <c r="BH4794" s="93"/>
      <c r="BI4794" s="93"/>
      <c r="BJ4794" s="93"/>
      <c r="BK4794" s="93"/>
      <c r="BL4794" s="93"/>
    </row>
    <row r="4795" spans="2:64" x14ac:dyDescent="0.2">
      <c r="B4795" s="43"/>
      <c r="C4795" s="73"/>
      <c r="D4795" s="64"/>
      <c r="E4795" s="55"/>
      <c r="F4795" s="74"/>
      <c r="G4795" s="74"/>
      <c r="H4795" s="74"/>
      <c r="I4795" s="75"/>
      <c r="J4795" s="74"/>
      <c r="L4795" s="55"/>
      <c r="M4795" s="234"/>
      <c r="N4795" s="65"/>
      <c r="O4795" s="76"/>
      <c r="P4795" s="76"/>
      <c r="Q4795" s="65"/>
      <c r="R4795" s="76"/>
      <c r="S4795" s="76"/>
      <c r="T4795" s="76"/>
      <c r="U4795" s="76"/>
      <c r="V4795" s="76"/>
      <c r="W4795" s="76"/>
      <c r="X4795" s="76"/>
      <c r="Y4795" s="76"/>
      <c r="Z4795" s="76"/>
      <c r="AA4795" s="85"/>
      <c r="AB4795" s="85"/>
      <c r="AC4795" s="85"/>
      <c r="AD4795" s="85"/>
      <c r="AE4795" s="85"/>
      <c r="AF4795" s="85"/>
      <c r="AG4795" s="86"/>
      <c r="AH4795" s="85"/>
      <c r="AI4795" s="85"/>
      <c r="AJ4795" s="85"/>
      <c r="AK4795" s="85"/>
      <c r="AL4795" s="85"/>
      <c r="AM4795" s="92"/>
      <c r="AN4795" s="92"/>
      <c r="AO4795" s="92"/>
      <c r="AP4795" s="92"/>
      <c r="AQ4795" s="92"/>
      <c r="AR4795" s="92"/>
      <c r="AS4795" s="92"/>
      <c r="AT4795" s="92"/>
      <c r="AU4795" s="92"/>
      <c r="AV4795" s="92"/>
      <c r="AW4795" s="92"/>
      <c r="AX4795" s="92"/>
      <c r="AY4795" s="92"/>
      <c r="AZ4795" s="93"/>
      <c r="BA4795" s="93"/>
      <c r="BB4795" s="93"/>
      <c r="BC4795" s="93"/>
      <c r="BD4795" s="93"/>
      <c r="BE4795" s="93"/>
      <c r="BF4795" s="93"/>
      <c r="BG4795" s="93"/>
      <c r="BH4795" s="93"/>
      <c r="BI4795" s="93"/>
      <c r="BJ4795" s="93"/>
      <c r="BK4795" s="93"/>
      <c r="BL4795" s="93"/>
    </row>
    <row r="4796" spans="2:64" x14ac:dyDescent="0.2">
      <c r="B4796" s="43"/>
      <c r="C4796" s="73"/>
      <c r="D4796" s="64"/>
      <c r="E4796" s="55"/>
      <c r="F4796" s="74"/>
      <c r="G4796" s="74"/>
      <c r="H4796" s="74"/>
      <c r="I4796" s="75"/>
      <c r="J4796" s="74"/>
      <c r="L4796" s="55"/>
      <c r="M4796" s="234"/>
      <c r="N4796" s="65"/>
      <c r="O4796" s="76"/>
      <c r="P4796" s="76"/>
      <c r="Q4796" s="65"/>
      <c r="R4796" s="76"/>
      <c r="S4796" s="76"/>
      <c r="T4796" s="76"/>
      <c r="U4796" s="76"/>
      <c r="V4796" s="76"/>
      <c r="W4796" s="76"/>
      <c r="X4796" s="76"/>
      <c r="Y4796" s="76"/>
      <c r="Z4796" s="76"/>
      <c r="AA4796" s="85"/>
      <c r="AB4796" s="85"/>
      <c r="AC4796" s="85"/>
      <c r="AD4796" s="85"/>
      <c r="AE4796" s="85"/>
      <c r="AF4796" s="85"/>
      <c r="AG4796" s="86"/>
      <c r="AH4796" s="85"/>
      <c r="AI4796" s="85"/>
      <c r="AJ4796" s="85"/>
      <c r="AK4796" s="85"/>
      <c r="AL4796" s="85"/>
      <c r="AM4796" s="92"/>
      <c r="AN4796" s="92"/>
      <c r="AO4796" s="92"/>
      <c r="AP4796" s="92"/>
      <c r="AQ4796" s="92"/>
      <c r="AR4796" s="92"/>
      <c r="AS4796" s="92"/>
      <c r="AT4796" s="92"/>
      <c r="AU4796" s="92"/>
      <c r="AV4796" s="92"/>
      <c r="AW4796" s="92"/>
      <c r="AX4796" s="92"/>
      <c r="AY4796" s="92"/>
      <c r="AZ4796" s="93"/>
      <c r="BA4796" s="93"/>
      <c r="BB4796" s="93"/>
      <c r="BC4796" s="93"/>
      <c r="BD4796" s="93"/>
      <c r="BE4796" s="93"/>
      <c r="BF4796" s="93"/>
      <c r="BG4796" s="93"/>
      <c r="BH4796" s="93"/>
      <c r="BI4796" s="93"/>
      <c r="BJ4796" s="93"/>
      <c r="BK4796" s="93"/>
      <c r="BL4796" s="93"/>
    </row>
    <row r="4797" spans="2:64" x14ac:dyDescent="0.2">
      <c r="B4797" s="43"/>
      <c r="C4797" s="73"/>
      <c r="D4797" s="64"/>
      <c r="E4797" s="55"/>
      <c r="F4797" s="74"/>
      <c r="G4797" s="74"/>
      <c r="H4797" s="74"/>
      <c r="I4797" s="75"/>
      <c r="J4797" s="74"/>
      <c r="L4797" s="55"/>
      <c r="M4797" s="234"/>
      <c r="N4797" s="65"/>
      <c r="O4797" s="76"/>
      <c r="P4797" s="76"/>
      <c r="Q4797" s="65"/>
      <c r="R4797" s="76"/>
      <c r="S4797" s="76"/>
      <c r="T4797" s="76"/>
      <c r="U4797" s="76"/>
      <c r="V4797" s="76"/>
      <c r="W4797" s="76"/>
      <c r="X4797" s="76"/>
      <c r="Y4797" s="76"/>
      <c r="Z4797" s="76"/>
      <c r="AA4797" s="85"/>
      <c r="AB4797" s="85"/>
      <c r="AC4797" s="85"/>
      <c r="AD4797" s="85"/>
      <c r="AE4797" s="85"/>
      <c r="AF4797" s="85"/>
      <c r="AG4797" s="86"/>
      <c r="AH4797" s="85"/>
      <c r="AI4797" s="85"/>
      <c r="AJ4797" s="85"/>
      <c r="AK4797" s="85"/>
      <c r="AL4797" s="85"/>
      <c r="AM4797" s="92"/>
      <c r="AN4797" s="92"/>
      <c r="AO4797" s="92"/>
      <c r="AP4797" s="92"/>
      <c r="AQ4797" s="92"/>
      <c r="AR4797" s="92"/>
      <c r="AS4797" s="92"/>
      <c r="AT4797" s="92"/>
      <c r="AU4797" s="92"/>
      <c r="AV4797" s="92"/>
      <c r="AW4797" s="92"/>
      <c r="AX4797" s="92"/>
      <c r="AY4797" s="92"/>
      <c r="AZ4797" s="93"/>
      <c r="BA4797" s="93"/>
      <c r="BB4797" s="93"/>
      <c r="BC4797" s="93"/>
      <c r="BD4797" s="93"/>
      <c r="BE4797" s="93"/>
      <c r="BF4797" s="93"/>
      <c r="BG4797" s="93"/>
      <c r="BH4797" s="93"/>
      <c r="BI4797" s="93"/>
      <c r="BJ4797" s="93"/>
      <c r="BK4797" s="93"/>
      <c r="BL4797" s="93"/>
    </row>
    <row r="4798" spans="2:64" x14ac:dyDescent="0.2">
      <c r="B4798" s="43"/>
      <c r="C4798" s="73"/>
      <c r="D4798" s="64"/>
      <c r="E4798" s="55"/>
      <c r="F4798" s="74"/>
      <c r="G4798" s="74"/>
      <c r="H4798" s="74"/>
      <c r="I4798" s="75"/>
      <c r="J4798" s="74"/>
      <c r="L4798" s="55"/>
      <c r="M4798" s="234"/>
      <c r="N4798" s="65"/>
      <c r="O4798" s="76"/>
      <c r="P4798" s="76"/>
      <c r="Q4798" s="65"/>
      <c r="R4798" s="76"/>
      <c r="S4798" s="76"/>
      <c r="T4798" s="76"/>
      <c r="U4798" s="76"/>
      <c r="V4798" s="76"/>
      <c r="W4798" s="76"/>
      <c r="X4798" s="76"/>
      <c r="Y4798" s="76"/>
      <c r="Z4798" s="76"/>
      <c r="AA4798" s="85"/>
      <c r="AB4798" s="85"/>
      <c r="AC4798" s="85"/>
      <c r="AD4798" s="85"/>
      <c r="AE4798" s="85"/>
      <c r="AF4798" s="85"/>
      <c r="AG4798" s="86"/>
      <c r="AH4798" s="85"/>
      <c r="AI4798" s="85"/>
      <c r="AJ4798" s="85"/>
      <c r="AK4798" s="85"/>
      <c r="AL4798" s="85"/>
      <c r="AM4798" s="92"/>
      <c r="AN4798" s="92"/>
      <c r="AO4798" s="92"/>
      <c r="AP4798" s="92"/>
      <c r="AQ4798" s="92"/>
      <c r="AR4798" s="92"/>
      <c r="AS4798" s="92"/>
      <c r="AT4798" s="92"/>
      <c r="AU4798" s="92"/>
      <c r="AV4798" s="92"/>
      <c r="AW4798" s="92"/>
      <c r="AX4798" s="92"/>
      <c r="AY4798" s="92"/>
      <c r="AZ4798" s="93"/>
      <c r="BA4798" s="93"/>
      <c r="BB4798" s="93"/>
      <c r="BC4798" s="93"/>
      <c r="BD4798" s="93"/>
      <c r="BE4798" s="93"/>
      <c r="BF4798" s="93"/>
      <c r="BG4798" s="93"/>
      <c r="BH4798" s="93"/>
      <c r="BI4798" s="93"/>
      <c r="BJ4798" s="93"/>
      <c r="BK4798" s="93"/>
      <c r="BL4798" s="93"/>
    </row>
    <row r="4799" spans="2:64" x14ac:dyDescent="0.2">
      <c r="B4799" s="43"/>
      <c r="C4799" s="73"/>
      <c r="D4799" s="64"/>
      <c r="E4799" s="55"/>
      <c r="F4799" s="74"/>
      <c r="G4799" s="74"/>
      <c r="H4799" s="74"/>
      <c r="I4799" s="75"/>
      <c r="J4799" s="74"/>
      <c r="L4799" s="55"/>
      <c r="M4799" s="234"/>
      <c r="N4799" s="65"/>
      <c r="O4799" s="76"/>
      <c r="P4799" s="76"/>
      <c r="Q4799" s="65"/>
      <c r="R4799" s="76"/>
      <c r="S4799" s="76"/>
      <c r="T4799" s="76"/>
      <c r="U4799" s="76"/>
      <c r="V4799" s="76"/>
      <c r="W4799" s="76"/>
      <c r="X4799" s="76"/>
      <c r="Y4799" s="76"/>
      <c r="Z4799" s="76"/>
      <c r="AA4799" s="85"/>
      <c r="AB4799" s="85"/>
      <c r="AC4799" s="85"/>
      <c r="AD4799" s="85"/>
      <c r="AE4799" s="85"/>
      <c r="AF4799" s="85"/>
      <c r="AG4799" s="86"/>
      <c r="AH4799" s="85"/>
      <c r="AI4799" s="85"/>
      <c r="AJ4799" s="85"/>
      <c r="AK4799" s="85"/>
      <c r="AL4799" s="85"/>
      <c r="AM4799" s="92"/>
      <c r="AN4799" s="92"/>
      <c r="AO4799" s="92"/>
      <c r="AP4799" s="92"/>
      <c r="AQ4799" s="92"/>
      <c r="AR4799" s="92"/>
      <c r="AS4799" s="92"/>
      <c r="AT4799" s="92"/>
      <c r="AU4799" s="92"/>
      <c r="AV4799" s="92"/>
      <c r="AW4799" s="92"/>
      <c r="AX4799" s="92"/>
      <c r="AY4799" s="92"/>
      <c r="AZ4799" s="93"/>
      <c r="BA4799" s="93"/>
      <c r="BB4799" s="93"/>
      <c r="BC4799" s="93"/>
      <c r="BD4799" s="93"/>
      <c r="BE4799" s="93"/>
      <c r="BF4799" s="93"/>
      <c r="BG4799" s="93"/>
      <c r="BH4799" s="93"/>
      <c r="BI4799" s="93"/>
      <c r="BJ4799" s="93"/>
      <c r="BK4799" s="93"/>
      <c r="BL4799" s="93"/>
    </row>
    <row r="4800" spans="2:64" x14ac:dyDescent="0.2">
      <c r="B4800" s="43"/>
      <c r="C4800" s="73"/>
      <c r="D4800" s="64"/>
      <c r="E4800" s="55"/>
      <c r="F4800" s="74"/>
      <c r="G4800" s="74"/>
      <c r="H4800" s="74"/>
      <c r="I4800" s="75"/>
      <c r="J4800" s="74"/>
      <c r="L4800" s="55"/>
      <c r="M4800" s="234"/>
      <c r="N4800" s="65"/>
      <c r="O4800" s="76"/>
      <c r="P4800" s="76"/>
      <c r="Q4800" s="65"/>
      <c r="R4800" s="76"/>
      <c r="S4800" s="76"/>
      <c r="T4800" s="76"/>
      <c r="U4800" s="76"/>
      <c r="V4800" s="76"/>
      <c r="W4800" s="76"/>
      <c r="X4800" s="76"/>
      <c r="Y4800" s="76"/>
      <c r="Z4800" s="76"/>
      <c r="AA4800" s="85"/>
      <c r="AB4800" s="85"/>
      <c r="AC4800" s="85"/>
      <c r="AD4800" s="85"/>
      <c r="AE4800" s="85"/>
      <c r="AF4800" s="85"/>
      <c r="AG4800" s="86"/>
      <c r="AH4800" s="85"/>
      <c r="AI4800" s="85"/>
      <c r="AJ4800" s="85"/>
      <c r="AK4800" s="85"/>
      <c r="AL4800" s="85"/>
      <c r="AM4800" s="92"/>
      <c r="AN4800" s="92"/>
      <c r="AO4800" s="92"/>
      <c r="AP4800" s="92"/>
      <c r="AQ4800" s="92"/>
      <c r="AR4800" s="92"/>
      <c r="AS4800" s="92"/>
      <c r="AT4800" s="92"/>
      <c r="AU4800" s="92"/>
      <c r="AV4800" s="92"/>
      <c r="AW4800" s="92"/>
      <c r="AX4800" s="92"/>
      <c r="AY4800" s="92"/>
      <c r="AZ4800" s="93"/>
      <c r="BA4800" s="93"/>
      <c r="BB4800" s="93"/>
      <c r="BC4800" s="93"/>
      <c r="BD4800" s="93"/>
      <c r="BE4800" s="93"/>
      <c r="BF4800" s="93"/>
      <c r="BG4800" s="93"/>
      <c r="BH4800" s="93"/>
      <c r="BI4800" s="93"/>
      <c r="BJ4800" s="93"/>
      <c r="BK4800" s="93"/>
      <c r="BL4800" s="93"/>
    </row>
    <row r="4801" spans="2:64" x14ac:dyDescent="0.2">
      <c r="B4801" s="43"/>
      <c r="C4801" s="73"/>
      <c r="D4801" s="64"/>
      <c r="E4801" s="55"/>
      <c r="F4801" s="74"/>
      <c r="G4801" s="74"/>
      <c r="H4801" s="74"/>
      <c r="I4801" s="75"/>
      <c r="J4801" s="74"/>
      <c r="L4801" s="55"/>
      <c r="M4801" s="234"/>
      <c r="N4801" s="65"/>
      <c r="O4801" s="76"/>
      <c r="P4801" s="76"/>
      <c r="Q4801" s="65"/>
      <c r="R4801" s="76"/>
      <c r="S4801" s="76"/>
      <c r="T4801" s="76"/>
      <c r="U4801" s="76"/>
      <c r="V4801" s="76"/>
      <c r="W4801" s="76"/>
      <c r="X4801" s="76"/>
      <c r="Y4801" s="76"/>
      <c r="Z4801" s="76"/>
      <c r="AA4801" s="85"/>
      <c r="AB4801" s="85"/>
      <c r="AC4801" s="85"/>
      <c r="AD4801" s="85"/>
      <c r="AE4801" s="85"/>
      <c r="AF4801" s="85"/>
      <c r="AG4801" s="86"/>
      <c r="AH4801" s="85"/>
      <c r="AI4801" s="85"/>
      <c r="AJ4801" s="85"/>
      <c r="AK4801" s="85"/>
      <c r="AL4801" s="85"/>
      <c r="AM4801" s="92"/>
      <c r="AN4801" s="92"/>
      <c r="AO4801" s="92"/>
      <c r="AP4801" s="92"/>
      <c r="AQ4801" s="92"/>
      <c r="AR4801" s="92"/>
      <c r="AS4801" s="92"/>
      <c r="AT4801" s="92"/>
      <c r="AU4801" s="92"/>
      <c r="AV4801" s="92"/>
      <c r="AW4801" s="92"/>
      <c r="AX4801" s="92"/>
      <c r="AY4801" s="92"/>
      <c r="AZ4801" s="93"/>
      <c r="BA4801" s="93"/>
      <c r="BB4801" s="93"/>
      <c r="BC4801" s="93"/>
      <c r="BD4801" s="93"/>
      <c r="BE4801" s="93"/>
      <c r="BF4801" s="93"/>
      <c r="BG4801" s="93"/>
      <c r="BH4801" s="93"/>
      <c r="BI4801" s="93"/>
      <c r="BJ4801" s="93"/>
      <c r="BK4801" s="93"/>
      <c r="BL4801" s="93"/>
    </row>
    <row r="4802" spans="2:64" x14ac:dyDescent="0.2">
      <c r="B4802" s="43"/>
      <c r="C4802" s="73"/>
      <c r="D4802" s="64"/>
      <c r="E4802" s="55"/>
      <c r="F4802" s="74"/>
      <c r="G4802" s="74"/>
      <c r="H4802" s="74"/>
      <c r="I4802" s="75"/>
      <c r="J4802" s="74"/>
      <c r="L4802" s="55"/>
      <c r="M4802" s="234"/>
      <c r="N4802" s="65"/>
      <c r="O4802" s="76"/>
      <c r="P4802" s="76"/>
      <c r="Q4802" s="65"/>
      <c r="R4802" s="76"/>
      <c r="S4802" s="76"/>
      <c r="T4802" s="76"/>
      <c r="U4802" s="76"/>
      <c r="V4802" s="76"/>
      <c r="W4802" s="76"/>
      <c r="X4802" s="76"/>
      <c r="Y4802" s="76"/>
      <c r="Z4802" s="76"/>
      <c r="AA4802" s="85"/>
      <c r="AB4802" s="85"/>
      <c r="AC4802" s="85"/>
      <c r="AD4802" s="85"/>
      <c r="AE4802" s="85"/>
      <c r="AF4802" s="85"/>
      <c r="AG4802" s="86"/>
      <c r="AH4802" s="85"/>
      <c r="AI4802" s="85"/>
      <c r="AJ4802" s="85"/>
      <c r="AK4802" s="85"/>
      <c r="AL4802" s="85"/>
      <c r="AM4802" s="92"/>
      <c r="AN4802" s="92"/>
      <c r="AO4802" s="92"/>
      <c r="AP4802" s="92"/>
      <c r="AQ4802" s="92"/>
      <c r="AR4802" s="92"/>
      <c r="AS4802" s="92"/>
      <c r="AT4802" s="92"/>
      <c r="AU4802" s="92"/>
      <c r="AV4802" s="92"/>
      <c r="AW4802" s="92"/>
      <c r="AX4802" s="92"/>
      <c r="AY4802" s="92"/>
      <c r="AZ4802" s="93"/>
      <c r="BA4802" s="93"/>
      <c r="BB4802" s="93"/>
      <c r="BC4802" s="93"/>
      <c r="BD4802" s="93"/>
      <c r="BE4802" s="93"/>
      <c r="BF4802" s="93"/>
      <c r="BG4802" s="93"/>
      <c r="BH4802" s="93"/>
      <c r="BI4802" s="93"/>
      <c r="BJ4802" s="93"/>
      <c r="BK4802" s="93"/>
      <c r="BL4802" s="93"/>
    </row>
    <row r="4803" spans="2:64" x14ac:dyDescent="0.2">
      <c r="B4803" s="43"/>
      <c r="C4803" s="73"/>
      <c r="D4803" s="64"/>
      <c r="E4803" s="55"/>
      <c r="F4803" s="74"/>
      <c r="G4803" s="74"/>
      <c r="H4803" s="74"/>
      <c r="I4803" s="75"/>
      <c r="J4803" s="74"/>
      <c r="L4803" s="55"/>
      <c r="M4803" s="234"/>
      <c r="N4803" s="65"/>
      <c r="O4803" s="76"/>
      <c r="P4803" s="76"/>
      <c r="Q4803" s="65"/>
      <c r="R4803" s="76"/>
      <c r="S4803" s="76"/>
      <c r="T4803" s="76"/>
      <c r="U4803" s="76"/>
      <c r="V4803" s="76"/>
      <c r="W4803" s="76"/>
      <c r="X4803" s="76"/>
      <c r="Y4803" s="76"/>
      <c r="Z4803" s="76"/>
      <c r="AA4803" s="85"/>
      <c r="AB4803" s="85"/>
      <c r="AC4803" s="85"/>
      <c r="AD4803" s="85"/>
      <c r="AE4803" s="85"/>
      <c r="AF4803" s="85"/>
      <c r="AG4803" s="86"/>
      <c r="AH4803" s="85"/>
      <c r="AI4803" s="85"/>
      <c r="AJ4803" s="85"/>
      <c r="AK4803" s="85"/>
      <c r="AL4803" s="85"/>
      <c r="AM4803" s="92"/>
      <c r="AN4803" s="92"/>
      <c r="AO4803" s="92"/>
      <c r="AP4803" s="92"/>
      <c r="AQ4803" s="92"/>
      <c r="AR4803" s="92"/>
      <c r="AS4803" s="92"/>
      <c r="AT4803" s="92"/>
      <c r="AU4803" s="92"/>
      <c r="AV4803" s="92"/>
      <c r="AW4803" s="92"/>
      <c r="AX4803" s="92"/>
      <c r="AY4803" s="92"/>
      <c r="AZ4803" s="93"/>
      <c r="BA4803" s="93"/>
      <c r="BB4803" s="93"/>
      <c r="BC4803" s="93"/>
      <c r="BD4803" s="93"/>
      <c r="BE4803" s="93"/>
      <c r="BF4803" s="93"/>
      <c r="BG4803" s="93"/>
      <c r="BH4803" s="93"/>
      <c r="BI4803" s="93"/>
      <c r="BJ4803" s="93"/>
      <c r="BK4803" s="93"/>
      <c r="BL4803" s="93"/>
    </row>
    <row r="4804" spans="2:64" x14ac:dyDescent="0.2">
      <c r="B4804" s="43"/>
      <c r="C4804" s="73"/>
      <c r="D4804" s="64"/>
      <c r="E4804" s="55"/>
      <c r="F4804" s="74"/>
      <c r="G4804" s="74"/>
      <c r="H4804" s="74"/>
      <c r="I4804" s="75"/>
      <c r="J4804" s="74"/>
      <c r="L4804" s="55"/>
      <c r="M4804" s="234"/>
      <c r="N4804" s="65"/>
      <c r="O4804" s="76"/>
      <c r="P4804" s="76"/>
      <c r="Q4804" s="65"/>
      <c r="R4804" s="76"/>
      <c r="S4804" s="76"/>
      <c r="T4804" s="76"/>
      <c r="U4804" s="76"/>
      <c r="V4804" s="76"/>
      <c r="W4804" s="76"/>
      <c r="X4804" s="76"/>
      <c r="Y4804" s="76"/>
      <c r="Z4804" s="76"/>
      <c r="AA4804" s="85"/>
      <c r="AB4804" s="85"/>
      <c r="AC4804" s="85"/>
      <c r="AD4804" s="85"/>
      <c r="AE4804" s="85"/>
      <c r="AF4804" s="85"/>
      <c r="AG4804" s="86"/>
      <c r="AH4804" s="85"/>
      <c r="AI4804" s="85"/>
      <c r="AJ4804" s="85"/>
      <c r="AK4804" s="85"/>
      <c r="AL4804" s="85"/>
      <c r="AM4804" s="92"/>
      <c r="AN4804" s="92"/>
      <c r="AO4804" s="92"/>
      <c r="AP4804" s="92"/>
      <c r="AQ4804" s="92"/>
      <c r="AR4804" s="92"/>
      <c r="AS4804" s="92"/>
      <c r="AT4804" s="92"/>
      <c r="AU4804" s="92"/>
      <c r="AV4804" s="92"/>
      <c r="AW4804" s="92"/>
      <c r="AX4804" s="92"/>
      <c r="AY4804" s="92"/>
      <c r="AZ4804" s="93"/>
      <c r="BA4804" s="93"/>
      <c r="BB4804" s="93"/>
      <c r="BC4804" s="93"/>
      <c r="BD4804" s="93"/>
      <c r="BE4804" s="93"/>
      <c r="BF4804" s="93"/>
      <c r="BG4804" s="93"/>
      <c r="BH4804" s="93"/>
      <c r="BI4804" s="93"/>
      <c r="BJ4804" s="93"/>
      <c r="BK4804" s="93"/>
      <c r="BL4804" s="93"/>
    </row>
    <row r="4805" spans="2:64" x14ac:dyDescent="0.2">
      <c r="B4805" s="43"/>
      <c r="C4805" s="73"/>
      <c r="D4805" s="64"/>
      <c r="E4805" s="55"/>
      <c r="F4805" s="74"/>
      <c r="G4805" s="74"/>
      <c r="H4805" s="74"/>
      <c r="I4805" s="75"/>
      <c r="J4805" s="74"/>
      <c r="L4805" s="55"/>
      <c r="M4805" s="234"/>
      <c r="N4805" s="65"/>
      <c r="O4805" s="76"/>
      <c r="P4805" s="76"/>
      <c r="Q4805" s="65"/>
      <c r="R4805" s="76"/>
      <c r="S4805" s="76"/>
      <c r="T4805" s="76"/>
      <c r="U4805" s="76"/>
      <c r="V4805" s="76"/>
      <c r="W4805" s="76"/>
      <c r="X4805" s="76"/>
      <c r="Y4805" s="76"/>
      <c r="Z4805" s="76"/>
      <c r="AA4805" s="85"/>
      <c r="AB4805" s="85"/>
      <c r="AC4805" s="85"/>
      <c r="AD4805" s="85"/>
      <c r="AE4805" s="85"/>
      <c r="AF4805" s="85"/>
      <c r="AG4805" s="86"/>
      <c r="AH4805" s="85"/>
      <c r="AI4805" s="85"/>
      <c r="AJ4805" s="85"/>
      <c r="AK4805" s="85"/>
      <c r="AL4805" s="85"/>
      <c r="AM4805" s="92"/>
      <c r="AN4805" s="92"/>
      <c r="AO4805" s="92"/>
      <c r="AP4805" s="92"/>
      <c r="AQ4805" s="92"/>
      <c r="AR4805" s="92"/>
      <c r="AS4805" s="92"/>
      <c r="AT4805" s="92"/>
      <c r="AU4805" s="92"/>
      <c r="AV4805" s="92"/>
      <c r="AW4805" s="92"/>
      <c r="AX4805" s="92"/>
      <c r="AY4805" s="92"/>
      <c r="AZ4805" s="93"/>
      <c r="BA4805" s="93"/>
      <c r="BB4805" s="93"/>
      <c r="BC4805" s="93"/>
      <c r="BD4805" s="93"/>
      <c r="BE4805" s="93"/>
      <c r="BF4805" s="93"/>
      <c r="BG4805" s="93"/>
      <c r="BH4805" s="93"/>
      <c r="BI4805" s="93"/>
      <c r="BJ4805" s="93"/>
      <c r="BK4805" s="93"/>
      <c r="BL4805" s="93"/>
    </row>
    <row r="4806" spans="2:64" x14ac:dyDescent="0.2">
      <c r="B4806" s="43"/>
      <c r="C4806" s="73"/>
      <c r="D4806" s="64"/>
      <c r="E4806" s="55"/>
      <c r="F4806" s="74"/>
      <c r="G4806" s="74"/>
      <c r="H4806" s="74"/>
      <c r="I4806" s="75"/>
      <c r="J4806" s="74"/>
      <c r="L4806" s="55"/>
      <c r="M4806" s="234"/>
      <c r="N4806" s="65"/>
      <c r="O4806" s="76"/>
      <c r="P4806" s="76"/>
      <c r="Q4806" s="65"/>
      <c r="R4806" s="76"/>
      <c r="S4806" s="76"/>
      <c r="T4806" s="76"/>
      <c r="U4806" s="76"/>
      <c r="V4806" s="76"/>
      <c r="W4806" s="76"/>
      <c r="X4806" s="76"/>
      <c r="Y4806" s="76"/>
      <c r="Z4806" s="76"/>
      <c r="AA4806" s="85"/>
      <c r="AB4806" s="85"/>
      <c r="AC4806" s="85"/>
      <c r="AD4806" s="85"/>
      <c r="AE4806" s="85"/>
      <c r="AF4806" s="85"/>
      <c r="AG4806" s="86"/>
      <c r="AH4806" s="85"/>
      <c r="AI4806" s="85"/>
      <c r="AJ4806" s="85"/>
      <c r="AK4806" s="85"/>
      <c r="AL4806" s="85"/>
      <c r="AM4806" s="92"/>
      <c r="AN4806" s="92"/>
      <c r="AO4806" s="92"/>
      <c r="AP4806" s="92"/>
      <c r="AQ4806" s="92"/>
      <c r="AR4806" s="92"/>
      <c r="AS4806" s="92"/>
      <c r="AT4806" s="92"/>
      <c r="AU4806" s="92"/>
      <c r="AV4806" s="92"/>
      <c r="AW4806" s="92"/>
      <c r="AX4806" s="92"/>
      <c r="AY4806" s="92"/>
      <c r="AZ4806" s="93"/>
      <c r="BA4806" s="93"/>
      <c r="BB4806" s="93"/>
      <c r="BC4806" s="93"/>
      <c r="BD4806" s="93"/>
      <c r="BE4806" s="93"/>
      <c r="BF4806" s="93"/>
      <c r="BG4806" s="93"/>
      <c r="BH4806" s="93"/>
      <c r="BI4806" s="93"/>
      <c r="BJ4806" s="93"/>
      <c r="BK4806" s="93"/>
      <c r="BL4806" s="93"/>
    </row>
    <row r="4807" spans="2:64" x14ac:dyDescent="0.2">
      <c r="B4807" s="43"/>
      <c r="C4807" s="73"/>
      <c r="D4807" s="64"/>
      <c r="E4807" s="55"/>
      <c r="F4807" s="74"/>
      <c r="G4807" s="74"/>
      <c r="H4807" s="74"/>
      <c r="I4807" s="75"/>
      <c r="J4807" s="74"/>
      <c r="L4807" s="55"/>
      <c r="M4807" s="234"/>
      <c r="N4807" s="65"/>
      <c r="O4807" s="76"/>
      <c r="P4807" s="76"/>
      <c r="Q4807" s="65"/>
      <c r="R4807" s="76"/>
      <c r="S4807" s="76"/>
      <c r="T4807" s="76"/>
      <c r="U4807" s="76"/>
      <c r="V4807" s="76"/>
      <c r="W4807" s="76"/>
      <c r="X4807" s="76"/>
      <c r="Y4807" s="76"/>
      <c r="Z4807" s="76"/>
      <c r="AA4807" s="85"/>
      <c r="AB4807" s="85"/>
      <c r="AC4807" s="85"/>
      <c r="AD4807" s="85"/>
      <c r="AE4807" s="85"/>
      <c r="AF4807" s="85"/>
      <c r="AG4807" s="86"/>
      <c r="AH4807" s="85"/>
      <c r="AI4807" s="85"/>
      <c r="AJ4807" s="85"/>
      <c r="AK4807" s="85"/>
      <c r="AL4807" s="85"/>
      <c r="AM4807" s="92"/>
      <c r="AN4807" s="92"/>
      <c r="AO4807" s="92"/>
      <c r="AP4807" s="92"/>
      <c r="AQ4807" s="92"/>
      <c r="AR4807" s="92"/>
      <c r="AS4807" s="92"/>
      <c r="AT4807" s="92"/>
      <c r="AU4807" s="92"/>
      <c r="AV4807" s="92"/>
      <c r="AW4807" s="92"/>
      <c r="AX4807" s="92"/>
      <c r="AY4807" s="92"/>
      <c r="AZ4807" s="93"/>
      <c r="BA4807" s="93"/>
      <c r="BB4807" s="93"/>
      <c r="BC4807" s="93"/>
      <c r="BD4807" s="93"/>
      <c r="BE4807" s="93"/>
      <c r="BF4807" s="93"/>
      <c r="BG4807" s="93"/>
      <c r="BH4807" s="93"/>
      <c r="BI4807" s="93"/>
      <c r="BJ4807" s="93"/>
      <c r="BK4807" s="93"/>
      <c r="BL4807" s="93"/>
    </row>
    <row r="4808" spans="2:64" x14ac:dyDescent="0.2">
      <c r="B4808" s="43"/>
      <c r="C4808" s="73"/>
      <c r="D4808" s="64"/>
      <c r="E4808" s="55"/>
      <c r="F4808" s="74"/>
      <c r="G4808" s="74"/>
      <c r="H4808" s="74"/>
      <c r="I4808" s="75"/>
      <c r="J4808" s="74"/>
      <c r="L4808" s="55"/>
      <c r="M4808" s="234"/>
      <c r="N4808" s="65"/>
      <c r="O4808" s="76"/>
      <c r="P4808" s="76"/>
      <c r="Q4808" s="65"/>
      <c r="R4808" s="76"/>
      <c r="S4808" s="76"/>
      <c r="T4808" s="76"/>
      <c r="U4808" s="76"/>
      <c r="V4808" s="76"/>
      <c r="W4808" s="76"/>
      <c r="X4808" s="76"/>
      <c r="Y4808" s="76"/>
      <c r="Z4808" s="76"/>
      <c r="AA4808" s="85"/>
      <c r="AB4808" s="85"/>
      <c r="AC4808" s="85"/>
      <c r="AD4808" s="85"/>
      <c r="AE4808" s="85"/>
      <c r="AF4808" s="85"/>
      <c r="AG4808" s="86"/>
      <c r="AH4808" s="85"/>
      <c r="AI4808" s="85"/>
      <c r="AJ4808" s="85"/>
      <c r="AK4808" s="85"/>
      <c r="AL4808" s="85"/>
      <c r="AM4808" s="92"/>
      <c r="AN4808" s="92"/>
      <c r="AO4808" s="92"/>
      <c r="AP4808" s="92"/>
      <c r="AQ4808" s="92"/>
      <c r="AR4808" s="92"/>
      <c r="AS4808" s="92"/>
      <c r="AT4808" s="92"/>
      <c r="AU4808" s="92"/>
      <c r="AV4808" s="92"/>
      <c r="AW4808" s="92"/>
      <c r="AX4808" s="92"/>
      <c r="AY4808" s="92"/>
      <c r="AZ4808" s="93"/>
      <c r="BA4808" s="93"/>
      <c r="BB4808" s="93"/>
      <c r="BC4808" s="93"/>
      <c r="BD4808" s="93"/>
      <c r="BE4808" s="93"/>
      <c r="BF4808" s="93"/>
      <c r="BG4808" s="93"/>
      <c r="BH4808" s="93"/>
      <c r="BI4808" s="93"/>
      <c r="BJ4808" s="93"/>
      <c r="BK4808" s="93"/>
      <c r="BL4808" s="93"/>
    </row>
    <row r="4809" spans="2:64" x14ac:dyDescent="0.2">
      <c r="B4809" s="43"/>
      <c r="C4809" s="73"/>
      <c r="D4809" s="64"/>
      <c r="E4809" s="55"/>
      <c r="F4809" s="74"/>
      <c r="G4809" s="74"/>
      <c r="H4809" s="74"/>
      <c r="I4809" s="75"/>
      <c r="J4809" s="74"/>
      <c r="L4809" s="55"/>
      <c r="M4809" s="234"/>
      <c r="N4809" s="65"/>
      <c r="O4809" s="76"/>
      <c r="P4809" s="76"/>
      <c r="Q4809" s="65"/>
      <c r="R4809" s="76"/>
      <c r="S4809" s="76"/>
      <c r="T4809" s="76"/>
      <c r="U4809" s="76"/>
      <c r="V4809" s="76"/>
      <c r="W4809" s="76"/>
      <c r="X4809" s="76"/>
      <c r="Y4809" s="76"/>
      <c r="Z4809" s="76"/>
      <c r="AA4809" s="85"/>
      <c r="AB4809" s="85"/>
      <c r="AC4809" s="85"/>
      <c r="AD4809" s="85"/>
      <c r="AE4809" s="85"/>
      <c r="AF4809" s="85"/>
      <c r="AG4809" s="86"/>
      <c r="AH4809" s="85"/>
      <c r="AI4809" s="85"/>
      <c r="AJ4809" s="85"/>
      <c r="AK4809" s="85"/>
      <c r="AL4809" s="85"/>
      <c r="AM4809" s="92"/>
      <c r="AN4809" s="92"/>
      <c r="AO4809" s="92"/>
      <c r="AP4809" s="92"/>
      <c r="AQ4809" s="92"/>
      <c r="AR4809" s="92"/>
      <c r="AS4809" s="92"/>
      <c r="AT4809" s="92"/>
      <c r="AU4809" s="92"/>
      <c r="AV4809" s="92"/>
      <c r="AW4809" s="92"/>
      <c r="AX4809" s="92"/>
      <c r="AY4809" s="92"/>
      <c r="AZ4809" s="93"/>
      <c r="BA4809" s="93"/>
      <c r="BB4809" s="93"/>
      <c r="BC4809" s="93"/>
      <c r="BD4809" s="93"/>
      <c r="BE4809" s="93"/>
      <c r="BF4809" s="93"/>
      <c r="BG4809" s="93"/>
      <c r="BH4809" s="93"/>
      <c r="BI4809" s="93"/>
      <c r="BJ4809" s="93"/>
      <c r="BK4809" s="93"/>
      <c r="BL4809" s="93"/>
    </row>
    <row r="4810" spans="2:64" x14ac:dyDescent="0.2">
      <c r="B4810" s="43"/>
      <c r="C4810" s="73"/>
      <c r="D4810" s="64"/>
      <c r="E4810" s="55"/>
      <c r="F4810" s="74"/>
      <c r="G4810" s="74"/>
      <c r="H4810" s="74"/>
      <c r="I4810" s="75"/>
      <c r="J4810" s="74"/>
      <c r="L4810" s="55"/>
      <c r="M4810" s="234"/>
      <c r="N4810" s="65"/>
      <c r="O4810" s="76"/>
      <c r="P4810" s="76"/>
      <c r="Q4810" s="65"/>
      <c r="R4810" s="76"/>
      <c r="S4810" s="76"/>
      <c r="T4810" s="76"/>
      <c r="U4810" s="76"/>
      <c r="V4810" s="76"/>
      <c r="W4810" s="76"/>
      <c r="X4810" s="76"/>
      <c r="Y4810" s="76"/>
      <c r="Z4810" s="76"/>
      <c r="AA4810" s="85"/>
      <c r="AB4810" s="85"/>
      <c r="AC4810" s="85"/>
      <c r="AD4810" s="85"/>
      <c r="AE4810" s="85"/>
      <c r="AF4810" s="85"/>
      <c r="AG4810" s="86"/>
      <c r="AH4810" s="85"/>
      <c r="AI4810" s="85"/>
      <c r="AJ4810" s="85"/>
      <c r="AK4810" s="85"/>
      <c r="AL4810" s="85"/>
      <c r="AM4810" s="92"/>
      <c r="AN4810" s="92"/>
      <c r="AO4810" s="92"/>
      <c r="AP4810" s="92"/>
      <c r="AQ4810" s="92"/>
      <c r="AR4810" s="92"/>
      <c r="AS4810" s="92"/>
      <c r="AT4810" s="92"/>
      <c r="AU4810" s="92"/>
      <c r="AV4810" s="92"/>
      <c r="AW4810" s="92"/>
      <c r="AX4810" s="92"/>
      <c r="AY4810" s="92"/>
      <c r="AZ4810" s="93"/>
      <c r="BA4810" s="93"/>
      <c r="BB4810" s="93"/>
      <c r="BC4810" s="93"/>
      <c r="BD4810" s="93"/>
      <c r="BE4810" s="93"/>
      <c r="BF4810" s="93"/>
      <c r="BG4810" s="93"/>
      <c r="BH4810" s="93"/>
      <c r="BI4810" s="93"/>
      <c r="BJ4810" s="93"/>
      <c r="BK4810" s="93"/>
      <c r="BL4810" s="93"/>
    </row>
    <row r="4811" spans="2:64" x14ac:dyDescent="0.2">
      <c r="B4811" s="43"/>
      <c r="C4811" s="73"/>
      <c r="D4811" s="64"/>
      <c r="E4811" s="55"/>
      <c r="F4811" s="74"/>
      <c r="G4811" s="74"/>
      <c r="H4811" s="74"/>
      <c r="I4811" s="75"/>
      <c r="J4811" s="74"/>
      <c r="L4811" s="55"/>
      <c r="M4811" s="234"/>
      <c r="N4811" s="65"/>
      <c r="O4811" s="76"/>
      <c r="P4811" s="76"/>
      <c r="Q4811" s="65"/>
      <c r="R4811" s="76"/>
      <c r="S4811" s="76"/>
      <c r="T4811" s="76"/>
      <c r="U4811" s="76"/>
      <c r="V4811" s="76"/>
      <c r="W4811" s="76"/>
      <c r="X4811" s="76"/>
      <c r="Y4811" s="76"/>
      <c r="Z4811" s="76"/>
      <c r="AA4811" s="85"/>
      <c r="AB4811" s="85"/>
      <c r="AC4811" s="85"/>
      <c r="AD4811" s="85"/>
      <c r="AE4811" s="85"/>
      <c r="AF4811" s="85"/>
      <c r="AG4811" s="86"/>
      <c r="AH4811" s="85"/>
      <c r="AI4811" s="85"/>
      <c r="AJ4811" s="85"/>
      <c r="AK4811" s="85"/>
      <c r="AL4811" s="85"/>
      <c r="AM4811" s="92"/>
      <c r="AN4811" s="92"/>
      <c r="AO4811" s="92"/>
      <c r="AP4811" s="92"/>
      <c r="AQ4811" s="92"/>
      <c r="AR4811" s="92"/>
      <c r="AS4811" s="92"/>
      <c r="AT4811" s="92"/>
      <c r="AU4811" s="92"/>
      <c r="AV4811" s="92"/>
      <c r="AW4811" s="92"/>
      <c r="AX4811" s="92"/>
      <c r="AY4811" s="92"/>
      <c r="AZ4811" s="93"/>
      <c r="BA4811" s="93"/>
      <c r="BB4811" s="93"/>
      <c r="BC4811" s="93"/>
      <c r="BD4811" s="93"/>
      <c r="BE4811" s="93"/>
      <c r="BF4811" s="93"/>
      <c r="BG4811" s="93"/>
      <c r="BH4811" s="93"/>
      <c r="BI4811" s="93"/>
      <c r="BJ4811" s="93"/>
      <c r="BK4811" s="93"/>
      <c r="BL4811" s="93"/>
    </row>
    <row r="4812" spans="2:64" x14ac:dyDescent="0.2">
      <c r="B4812" s="43"/>
      <c r="C4812" s="73"/>
      <c r="D4812" s="64"/>
      <c r="E4812" s="55"/>
      <c r="F4812" s="74"/>
      <c r="G4812" s="74"/>
      <c r="H4812" s="74"/>
      <c r="I4812" s="75"/>
      <c r="J4812" s="74"/>
      <c r="L4812" s="55"/>
      <c r="M4812" s="234"/>
      <c r="N4812" s="65"/>
      <c r="O4812" s="76"/>
      <c r="P4812" s="76"/>
      <c r="Q4812" s="65"/>
      <c r="R4812" s="76"/>
      <c r="S4812" s="76"/>
      <c r="T4812" s="76"/>
      <c r="U4812" s="76"/>
      <c r="V4812" s="76"/>
      <c r="W4812" s="76"/>
      <c r="X4812" s="76"/>
      <c r="Y4812" s="76"/>
      <c r="Z4812" s="76"/>
      <c r="AA4812" s="85"/>
      <c r="AB4812" s="85"/>
      <c r="AC4812" s="85"/>
      <c r="AD4812" s="85"/>
      <c r="AE4812" s="85"/>
      <c r="AF4812" s="85"/>
      <c r="AG4812" s="86"/>
      <c r="AH4812" s="85"/>
      <c r="AI4812" s="85"/>
      <c r="AJ4812" s="85"/>
      <c r="AK4812" s="85"/>
      <c r="AL4812" s="85"/>
      <c r="AM4812" s="92"/>
      <c r="AN4812" s="92"/>
      <c r="AO4812" s="92"/>
      <c r="AP4812" s="92"/>
      <c r="AQ4812" s="92"/>
      <c r="AR4812" s="92"/>
      <c r="AS4812" s="92"/>
      <c r="AT4812" s="92"/>
      <c r="AU4812" s="92"/>
      <c r="AV4812" s="92"/>
      <c r="AW4812" s="92"/>
      <c r="AX4812" s="92"/>
      <c r="AY4812" s="92"/>
      <c r="AZ4812" s="93"/>
      <c r="BA4812" s="93"/>
      <c r="BB4812" s="93"/>
      <c r="BC4812" s="93"/>
      <c r="BD4812" s="93"/>
      <c r="BE4812" s="93"/>
      <c r="BF4812" s="93"/>
      <c r="BG4812" s="93"/>
      <c r="BH4812" s="93"/>
      <c r="BI4812" s="93"/>
      <c r="BJ4812" s="93"/>
      <c r="BK4812" s="93"/>
      <c r="BL4812" s="93"/>
    </row>
    <row r="4813" spans="2:64" x14ac:dyDescent="0.2">
      <c r="B4813" s="43"/>
      <c r="C4813" s="73"/>
      <c r="D4813" s="64"/>
      <c r="E4813" s="55"/>
      <c r="F4813" s="74"/>
      <c r="G4813" s="74"/>
      <c r="H4813" s="74"/>
      <c r="I4813" s="75"/>
      <c r="J4813" s="74"/>
      <c r="L4813" s="55"/>
      <c r="M4813" s="234"/>
      <c r="N4813" s="65"/>
      <c r="O4813" s="76"/>
      <c r="P4813" s="76"/>
      <c r="Q4813" s="65"/>
      <c r="R4813" s="76"/>
      <c r="S4813" s="76"/>
      <c r="T4813" s="76"/>
      <c r="U4813" s="76"/>
      <c r="V4813" s="76"/>
      <c r="W4813" s="76"/>
      <c r="X4813" s="76"/>
      <c r="Y4813" s="76"/>
      <c r="Z4813" s="76"/>
      <c r="AA4813" s="85"/>
      <c r="AB4813" s="85"/>
      <c r="AC4813" s="85"/>
      <c r="AD4813" s="85"/>
      <c r="AE4813" s="85"/>
      <c r="AF4813" s="85"/>
      <c r="AG4813" s="86"/>
      <c r="AH4813" s="85"/>
      <c r="AI4813" s="85"/>
      <c r="AJ4813" s="85"/>
      <c r="AK4813" s="85"/>
      <c r="AL4813" s="85"/>
      <c r="AM4813" s="92"/>
      <c r="AN4813" s="92"/>
      <c r="AO4813" s="92"/>
      <c r="AP4813" s="92"/>
      <c r="AQ4813" s="92"/>
      <c r="AR4813" s="92"/>
      <c r="AS4813" s="92"/>
      <c r="AT4813" s="92"/>
      <c r="AU4813" s="92"/>
      <c r="AV4813" s="92"/>
      <c r="AW4813" s="92"/>
      <c r="AX4813" s="92"/>
      <c r="AY4813" s="92"/>
      <c r="AZ4813" s="93"/>
      <c r="BA4813" s="93"/>
      <c r="BB4813" s="93"/>
      <c r="BC4813" s="93"/>
      <c r="BD4813" s="93"/>
      <c r="BE4813" s="93"/>
      <c r="BF4813" s="93"/>
      <c r="BG4813" s="93"/>
      <c r="BH4813" s="93"/>
      <c r="BI4813" s="93"/>
      <c r="BJ4813" s="93"/>
      <c r="BK4813" s="93"/>
      <c r="BL4813" s="93"/>
    </row>
    <row r="4814" spans="2:64" x14ac:dyDescent="0.2">
      <c r="B4814" s="43"/>
      <c r="C4814" s="73"/>
      <c r="D4814" s="64"/>
      <c r="E4814" s="55"/>
      <c r="F4814" s="74"/>
      <c r="G4814" s="74"/>
      <c r="H4814" s="74"/>
      <c r="I4814" s="75"/>
      <c r="J4814" s="74"/>
      <c r="L4814" s="55"/>
      <c r="M4814" s="234"/>
      <c r="N4814" s="65"/>
      <c r="O4814" s="76"/>
      <c r="P4814" s="76"/>
      <c r="Q4814" s="65"/>
      <c r="R4814" s="76"/>
      <c r="S4814" s="76"/>
      <c r="T4814" s="76"/>
      <c r="U4814" s="76"/>
      <c r="V4814" s="76"/>
      <c r="W4814" s="76"/>
      <c r="X4814" s="76"/>
      <c r="Y4814" s="76"/>
      <c r="Z4814" s="76"/>
      <c r="AA4814" s="85"/>
      <c r="AB4814" s="85"/>
      <c r="AC4814" s="85"/>
      <c r="AD4814" s="85"/>
      <c r="AE4814" s="85"/>
      <c r="AF4814" s="85"/>
      <c r="AG4814" s="86"/>
      <c r="AH4814" s="85"/>
      <c r="AI4814" s="85"/>
      <c r="AJ4814" s="85"/>
      <c r="AK4814" s="85"/>
      <c r="AL4814" s="85"/>
      <c r="AM4814" s="92"/>
      <c r="AN4814" s="92"/>
      <c r="AO4814" s="92"/>
      <c r="AP4814" s="92"/>
      <c r="AQ4814" s="92"/>
      <c r="AR4814" s="92"/>
      <c r="AS4814" s="92"/>
      <c r="AT4814" s="92"/>
      <c r="AU4814" s="92"/>
      <c r="AV4814" s="92"/>
      <c r="AW4814" s="92"/>
      <c r="AX4814" s="92"/>
      <c r="AY4814" s="92"/>
      <c r="AZ4814" s="93"/>
      <c r="BA4814" s="93"/>
      <c r="BB4814" s="93"/>
      <c r="BC4814" s="93"/>
      <c r="BD4814" s="93"/>
      <c r="BE4814" s="93"/>
      <c r="BF4814" s="93"/>
      <c r="BG4814" s="93"/>
      <c r="BH4814" s="93"/>
      <c r="BI4814" s="93"/>
      <c r="BJ4814" s="93"/>
      <c r="BK4814" s="93"/>
      <c r="BL4814" s="93"/>
    </row>
    <row r="4815" spans="2:64" x14ac:dyDescent="0.2">
      <c r="B4815" s="43"/>
      <c r="C4815" s="73"/>
      <c r="D4815" s="64"/>
      <c r="E4815" s="55"/>
      <c r="F4815" s="74"/>
      <c r="G4815" s="74"/>
      <c r="H4815" s="74"/>
      <c r="I4815" s="75"/>
      <c r="J4815" s="74"/>
      <c r="L4815" s="55"/>
      <c r="M4815" s="234"/>
      <c r="N4815" s="65"/>
      <c r="O4815" s="76"/>
      <c r="P4815" s="76"/>
      <c r="Q4815" s="65"/>
      <c r="R4815" s="76"/>
      <c r="S4815" s="76"/>
      <c r="T4815" s="76"/>
      <c r="U4815" s="76"/>
      <c r="V4815" s="76"/>
      <c r="W4815" s="76"/>
      <c r="X4815" s="76"/>
      <c r="Y4815" s="76"/>
      <c r="Z4815" s="76"/>
      <c r="AA4815" s="85"/>
      <c r="AB4815" s="85"/>
      <c r="AC4815" s="85"/>
      <c r="AD4815" s="85"/>
      <c r="AE4815" s="85"/>
      <c r="AF4815" s="85"/>
      <c r="AG4815" s="86"/>
      <c r="AH4815" s="85"/>
      <c r="AI4815" s="85"/>
      <c r="AJ4815" s="85"/>
      <c r="AK4815" s="85"/>
      <c r="AL4815" s="85"/>
      <c r="AM4815" s="92"/>
      <c r="AN4815" s="92"/>
      <c r="AO4815" s="92"/>
      <c r="AP4815" s="92"/>
      <c r="AQ4815" s="92"/>
      <c r="AR4815" s="92"/>
      <c r="AS4815" s="92"/>
      <c r="AT4815" s="92"/>
      <c r="AU4815" s="92"/>
      <c r="AV4815" s="92"/>
      <c r="AW4815" s="92"/>
      <c r="AX4815" s="92"/>
      <c r="AY4815" s="92"/>
      <c r="AZ4815" s="93"/>
      <c r="BA4815" s="93"/>
      <c r="BB4815" s="93"/>
      <c r="BC4815" s="93"/>
      <c r="BD4815" s="93"/>
      <c r="BE4815" s="93"/>
      <c r="BF4815" s="93"/>
      <c r="BG4815" s="93"/>
      <c r="BH4815" s="93"/>
      <c r="BI4815" s="93"/>
      <c r="BJ4815" s="93"/>
      <c r="BK4815" s="93"/>
      <c r="BL4815" s="93"/>
    </row>
    <row r="4816" spans="2:64" x14ac:dyDescent="0.2">
      <c r="B4816" s="43"/>
      <c r="C4816" s="73"/>
      <c r="D4816" s="64"/>
      <c r="E4816" s="55"/>
      <c r="F4816" s="74"/>
      <c r="G4816" s="74"/>
      <c r="H4816" s="74"/>
      <c r="I4816" s="75"/>
      <c r="J4816" s="74"/>
      <c r="L4816" s="55"/>
      <c r="M4816" s="234"/>
      <c r="N4816" s="65"/>
      <c r="O4816" s="76"/>
      <c r="P4816" s="76"/>
      <c r="Q4816" s="65"/>
      <c r="R4816" s="76"/>
      <c r="S4816" s="76"/>
      <c r="T4816" s="76"/>
      <c r="U4816" s="76"/>
      <c r="V4816" s="76"/>
      <c r="W4816" s="76"/>
      <c r="X4816" s="76"/>
      <c r="Y4816" s="76"/>
      <c r="Z4816" s="76"/>
      <c r="AA4816" s="85"/>
      <c r="AB4816" s="85"/>
      <c r="AC4816" s="85"/>
      <c r="AD4816" s="85"/>
      <c r="AE4816" s="85"/>
      <c r="AF4816" s="85"/>
      <c r="AG4816" s="86"/>
      <c r="AH4816" s="85"/>
      <c r="AI4816" s="85"/>
      <c r="AJ4816" s="85"/>
      <c r="AK4816" s="85"/>
      <c r="AL4816" s="85"/>
      <c r="AM4816" s="92"/>
      <c r="AN4816" s="92"/>
      <c r="AO4816" s="92"/>
      <c r="AP4816" s="92"/>
      <c r="AQ4816" s="92"/>
      <c r="AR4816" s="92"/>
      <c r="AS4816" s="92"/>
      <c r="AT4816" s="92"/>
      <c r="AU4816" s="92"/>
      <c r="AV4816" s="92"/>
      <c r="AW4816" s="92"/>
      <c r="AX4816" s="92"/>
      <c r="AY4816" s="92"/>
      <c r="AZ4816" s="93"/>
      <c r="BA4816" s="93"/>
      <c r="BB4816" s="93"/>
      <c r="BC4816" s="93"/>
      <c r="BD4816" s="93"/>
      <c r="BE4816" s="93"/>
      <c r="BF4816" s="93"/>
      <c r="BG4816" s="93"/>
      <c r="BH4816" s="93"/>
      <c r="BI4816" s="93"/>
      <c r="BJ4816" s="93"/>
      <c r="BK4816" s="93"/>
      <c r="BL4816" s="93"/>
    </row>
    <row r="4817" spans="2:64" x14ac:dyDescent="0.2">
      <c r="B4817" s="43"/>
      <c r="C4817" s="73"/>
      <c r="D4817" s="64"/>
      <c r="E4817" s="55"/>
      <c r="F4817" s="74"/>
      <c r="G4817" s="74"/>
      <c r="H4817" s="74"/>
      <c r="I4817" s="75"/>
      <c r="J4817" s="74"/>
      <c r="L4817" s="55"/>
      <c r="M4817" s="234"/>
      <c r="N4817" s="65"/>
      <c r="O4817" s="76"/>
      <c r="P4817" s="76"/>
      <c r="Q4817" s="65"/>
      <c r="R4817" s="76"/>
      <c r="S4817" s="76"/>
      <c r="T4817" s="76"/>
      <c r="U4817" s="76"/>
      <c r="V4817" s="76"/>
      <c r="W4817" s="76"/>
      <c r="X4817" s="76"/>
      <c r="Y4817" s="76"/>
      <c r="Z4817" s="76"/>
      <c r="AA4817" s="85"/>
      <c r="AB4817" s="85"/>
      <c r="AC4817" s="85"/>
      <c r="AD4817" s="85"/>
      <c r="AE4817" s="85"/>
      <c r="AF4817" s="85"/>
      <c r="AG4817" s="86"/>
      <c r="AH4817" s="85"/>
      <c r="AI4817" s="85"/>
      <c r="AJ4817" s="85"/>
      <c r="AK4817" s="85"/>
      <c r="AL4817" s="85"/>
      <c r="AM4817" s="92"/>
      <c r="AN4817" s="92"/>
      <c r="AO4817" s="92"/>
      <c r="AP4817" s="92"/>
      <c r="AQ4817" s="92"/>
      <c r="AR4817" s="92"/>
      <c r="AS4817" s="92"/>
      <c r="AT4817" s="92"/>
      <c r="AU4817" s="92"/>
      <c r="AV4817" s="92"/>
      <c r="AW4817" s="92"/>
      <c r="AX4817" s="92"/>
      <c r="AY4817" s="92"/>
      <c r="AZ4817" s="93"/>
      <c r="BA4817" s="93"/>
      <c r="BB4817" s="93"/>
      <c r="BC4817" s="93"/>
      <c r="BD4817" s="93"/>
      <c r="BE4817" s="93"/>
      <c r="BF4817" s="93"/>
      <c r="BG4817" s="93"/>
      <c r="BH4817" s="93"/>
      <c r="BI4817" s="93"/>
      <c r="BJ4817" s="93"/>
      <c r="BK4817" s="93"/>
      <c r="BL4817" s="93"/>
    </row>
    <row r="4818" spans="2:64" x14ac:dyDescent="0.2">
      <c r="B4818" s="43"/>
      <c r="C4818" s="73"/>
      <c r="D4818" s="64"/>
      <c r="E4818" s="55"/>
      <c r="F4818" s="74"/>
      <c r="G4818" s="74"/>
      <c r="H4818" s="74"/>
      <c r="I4818" s="75"/>
      <c r="J4818" s="74"/>
      <c r="L4818" s="55"/>
      <c r="M4818" s="234"/>
      <c r="N4818" s="65"/>
      <c r="O4818" s="76"/>
      <c r="P4818" s="76"/>
      <c r="Q4818" s="65"/>
      <c r="R4818" s="76"/>
      <c r="S4818" s="76"/>
      <c r="T4818" s="76"/>
      <c r="U4818" s="76"/>
      <c r="V4818" s="76"/>
      <c r="W4818" s="76"/>
      <c r="X4818" s="76"/>
      <c r="Y4818" s="76"/>
      <c r="Z4818" s="76"/>
      <c r="AA4818" s="85"/>
      <c r="AB4818" s="85"/>
      <c r="AC4818" s="85"/>
      <c r="AD4818" s="85"/>
      <c r="AE4818" s="85"/>
      <c r="AF4818" s="85"/>
      <c r="AG4818" s="86"/>
      <c r="AH4818" s="85"/>
      <c r="AI4818" s="85"/>
      <c r="AJ4818" s="85"/>
      <c r="AK4818" s="85"/>
      <c r="AL4818" s="85"/>
      <c r="AM4818" s="92"/>
      <c r="AN4818" s="92"/>
      <c r="AO4818" s="92"/>
      <c r="AP4818" s="92"/>
      <c r="AQ4818" s="92"/>
      <c r="AR4818" s="92"/>
      <c r="AS4818" s="92"/>
      <c r="AT4818" s="92"/>
      <c r="AU4818" s="92"/>
      <c r="AV4818" s="92"/>
      <c r="AW4818" s="92"/>
      <c r="AX4818" s="92"/>
      <c r="AY4818" s="92"/>
      <c r="AZ4818" s="93"/>
      <c r="BA4818" s="93"/>
      <c r="BB4818" s="93"/>
      <c r="BC4818" s="93"/>
      <c r="BD4818" s="93"/>
      <c r="BE4818" s="93"/>
      <c r="BF4818" s="93"/>
      <c r="BG4818" s="93"/>
      <c r="BH4818" s="93"/>
      <c r="BI4818" s="93"/>
      <c r="BJ4818" s="93"/>
      <c r="BK4818" s="93"/>
      <c r="BL4818" s="93"/>
    </row>
    <row r="4819" spans="2:64" x14ac:dyDescent="0.2">
      <c r="B4819" s="43"/>
      <c r="C4819" s="73"/>
      <c r="D4819" s="64"/>
      <c r="E4819" s="55"/>
      <c r="F4819" s="74"/>
      <c r="G4819" s="74"/>
      <c r="H4819" s="74"/>
      <c r="I4819" s="75"/>
      <c r="J4819" s="74"/>
      <c r="L4819" s="55"/>
      <c r="M4819" s="234"/>
      <c r="N4819" s="65"/>
      <c r="O4819" s="76"/>
      <c r="P4819" s="76"/>
      <c r="Q4819" s="65"/>
      <c r="R4819" s="76"/>
      <c r="S4819" s="76"/>
      <c r="T4819" s="76"/>
      <c r="U4819" s="76"/>
      <c r="V4819" s="76"/>
      <c r="W4819" s="76"/>
      <c r="X4819" s="76"/>
      <c r="Y4819" s="76"/>
      <c r="Z4819" s="76"/>
      <c r="AA4819" s="85"/>
      <c r="AB4819" s="85"/>
      <c r="AC4819" s="85"/>
      <c r="AD4819" s="85"/>
      <c r="AE4819" s="85"/>
      <c r="AF4819" s="85"/>
      <c r="AG4819" s="86"/>
      <c r="AH4819" s="85"/>
      <c r="AI4819" s="85"/>
      <c r="AJ4819" s="85"/>
      <c r="AK4819" s="85"/>
      <c r="AL4819" s="85"/>
      <c r="AM4819" s="92"/>
      <c r="AN4819" s="92"/>
      <c r="AO4819" s="92"/>
      <c r="AP4819" s="92"/>
      <c r="AQ4819" s="92"/>
      <c r="AR4819" s="92"/>
      <c r="AS4819" s="92"/>
      <c r="AT4819" s="92"/>
      <c r="AU4819" s="92"/>
      <c r="AV4819" s="92"/>
      <c r="AW4819" s="92"/>
      <c r="AX4819" s="92"/>
      <c r="AY4819" s="92"/>
      <c r="AZ4819" s="93"/>
      <c r="BA4819" s="93"/>
      <c r="BB4819" s="93"/>
      <c r="BC4819" s="93"/>
      <c r="BD4819" s="93"/>
      <c r="BE4819" s="93"/>
      <c r="BF4819" s="93"/>
      <c r="BG4819" s="93"/>
      <c r="BH4819" s="93"/>
      <c r="BI4819" s="93"/>
      <c r="BJ4819" s="93"/>
      <c r="BK4819" s="93"/>
      <c r="BL4819" s="93"/>
    </row>
    <row r="4820" spans="2:64" x14ac:dyDescent="0.2">
      <c r="B4820" s="43"/>
      <c r="C4820" s="73"/>
      <c r="D4820" s="64"/>
      <c r="E4820" s="55"/>
      <c r="F4820" s="74"/>
      <c r="G4820" s="74"/>
      <c r="H4820" s="74"/>
      <c r="I4820" s="75"/>
      <c r="J4820" s="74"/>
      <c r="L4820" s="55"/>
      <c r="M4820" s="234"/>
      <c r="N4820" s="65"/>
      <c r="O4820" s="76"/>
      <c r="P4820" s="76"/>
      <c r="Q4820" s="65"/>
      <c r="R4820" s="76"/>
      <c r="S4820" s="76"/>
      <c r="T4820" s="76"/>
      <c r="U4820" s="76"/>
      <c r="V4820" s="76"/>
      <c r="W4820" s="76"/>
      <c r="X4820" s="76"/>
      <c r="Y4820" s="76"/>
      <c r="Z4820" s="76"/>
      <c r="AA4820" s="85"/>
      <c r="AB4820" s="85"/>
      <c r="AC4820" s="85"/>
      <c r="AD4820" s="85"/>
      <c r="AE4820" s="85"/>
      <c r="AF4820" s="85"/>
      <c r="AG4820" s="86"/>
      <c r="AH4820" s="85"/>
      <c r="AI4820" s="85"/>
      <c r="AJ4820" s="85"/>
      <c r="AK4820" s="85"/>
      <c r="AL4820" s="85"/>
      <c r="AM4820" s="92"/>
      <c r="AN4820" s="92"/>
      <c r="AO4820" s="92"/>
      <c r="AP4820" s="92"/>
      <c r="AQ4820" s="92"/>
      <c r="AR4820" s="92"/>
      <c r="AS4820" s="92"/>
      <c r="AT4820" s="92"/>
      <c r="AU4820" s="92"/>
      <c r="AV4820" s="92"/>
      <c r="AW4820" s="92"/>
      <c r="AX4820" s="92"/>
      <c r="AY4820" s="92"/>
      <c r="AZ4820" s="93"/>
      <c r="BA4820" s="93"/>
      <c r="BB4820" s="93"/>
      <c r="BC4820" s="93"/>
      <c r="BD4820" s="93"/>
      <c r="BE4820" s="93"/>
      <c r="BF4820" s="93"/>
      <c r="BG4820" s="93"/>
      <c r="BH4820" s="93"/>
      <c r="BI4820" s="93"/>
      <c r="BJ4820" s="93"/>
      <c r="BK4820" s="93"/>
      <c r="BL4820" s="93"/>
    </row>
    <row r="4821" spans="2:64" x14ac:dyDescent="0.2">
      <c r="B4821" s="43"/>
      <c r="C4821" s="73"/>
      <c r="D4821" s="64"/>
      <c r="E4821" s="55"/>
      <c r="F4821" s="74"/>
      <c r="G4821" s="74"/>
      <c r="H4821" s="74"/>
      <c r="I4821" s="75"/>
      <c r="J4821" s="74"/>
      <c r="L4821" s="55"/>
      <c r="M4821" s="234"/>
      <c r="N4821" s="65"/>
      <c r="O4821" s="76"/>
      <c r="P4821" s="76"/>
      <c r="Q4821" s="65"/>
      <c r="R4821" s="76"/>
      <c r="S4821" s="76"/>
      <c r="T4821" s="76"/>
      <c r="U4821" s="76"/>
      <c r="V4821" s="76"/>
      <c r="W4821" s="76"/>
      <c r="X4821" s="76"/>
      <c r="Y4821" s="76"/>
      <c r="Z4821" s="76"/>
      <c r="AA4821" s="85"/>
      <c r="AB4821" s="85"/>
      <c r="AC4821" s="85"/>
      <c r="AD4821" s="85"/>
      <c r="AE4821" s="85"/>
      <c r="AF4821" s="85"/>
      <c r="AG4821" s="86"/>
      <c r="AH4821" s="85"/>
      <c r="AI4821" s="85"/>
      <c r="AJ4821" s="85"/>
      <c r="AK4821" s="85"/>
      <c r="AL4821" s="85"/>
      <c r="AM4821" s="92"/>
      <c r="AN4821" s="92"/>
      <c r="AO4821" s="92"/>
      <c r="AP4821" s="92"/>
      <c r="AQ4821" s="92"/>
      <c r="AR4821" s="92"/>
      <c r="AS4821" s="92"/>
      <c r="AT4821" s="92"/>
      <c r="AU4821" s="92"/>
      <c r="AV4821" s="92"/>
      <c r="AW4821" s="92"/>
      <c r="AX4821" s="92"/>
      <c r="AY4821" s="92"/>
      <c r="AZ4821" s="93"/>
      <c r="BA4821" s="93"/>
      <c r="BB4821" s="93"/>
      <c r="BC4821" s="93"/>
      <c r="BD4821" s="93"/>
      <c r="BE4821" s="93"/>
      <c r="BF4821" s="93"/>
      <c r="BG4821" s="93"/>
      <c r="BH4821" s="93"/>
      <c r="BI4821" s="93"/>
      <c r="BJ4821" s="93"/>
      <c r="BK4821" s="93"/>
      <c r="BL4821" s="93"/>
    </row>
    <row r="4822" spans="2:64" x14ac:dyDescent="0.2">
      <c r="B4822" s="43"/>
      <c r="C4822" s="73"/>
      <c r="D4822" s="64"/>
      <c r="E4822" s="55"/>
      <c r="F4822" s="74"/>
      <c r="G4822" s="74"/>
      <c r="H4822" s="74"/>
      <c r="I4822" s="75"/>
      <c r="J4822" s="74"/>
      <c r="L4822" s="55"/>
      <c r="M4822" s="234"/>
      <c r="N4822" s="65"/>
      <c r="O4822" s="76"/>
      <c r="P4822" s="76"/>
      <c r="Q4822" s="65"/>
      <c r="R4822" s="76"/>
      <c r="S4822" s="76"/>
      <c r="T4822" s="76"/>
      <c r="U4822" s="76"/>
      <c r="V4822" s="76"/>
      <c r="W4822" s="76"/>
      <c r="X4822" s="76"/>
      <c r="Y4822" s="76"/>
      <c r="Z4822" s="76"/>
      <c r="AA4822" s="85"/>
      <c r="AB4822" s="85"/>
      <c r="AC4822" s="85"/>
      <c r="AD4822" s="85"/>
      <c r="AE4822" s="85"/>
      <c r="AF4822" s="85"/>
      <c r="AG4822" s="86"/>
      <c r="AH4822" s="85"/>
      <c r="AI4822" s="85"/>
      <c r="AJ4822" s="85"/>
      <c r="AK4822" s="85"/>
      <c r="AL4822" s="85"/>
      <c r="AM4822" s="92"/>
      <c r="AN4822" s="92"/>
      <c r="AO4822" s="92"/>
      <c r="AP4822" s="92"/>
      <c r="AQ4822" s="92"/>
      <c r="AR4822" s="92"/>
      <c r="AS4822" s="92"/>
      <c r="AT4822" s="92"/>
      <c r="AU4822" s="92"/>
      <c r="AV4822" s="92"/>
      <c r="AW4822" s="92"/>
      <c r="AX4822" s="92"/>
      <c r="AY4822" s="92"/>
      <c r="AZ4822" s="93"/>
      <c r="BA4822" s="93"/>
      <c r="BB4822" s="93"/>
      <c r="BC4822" s="93"/>
      <c r="BD4822" s="93"/>
      <c r="BE4822" s="93"/>
      <c r="BF4822" s="93"/>
      <c r="BG4822" s="93"/>
      <c r="BH4822" s="93"/>
      <c r="BI4822" s="93"/>
      <c r="BJ4822" s="93"/>
      <c r="BK4822" s="93"/>
      <c r="BL4822" s="93"/>
    </row>
    <row r="4823" spans="2:64" x14ac:dyDescent="0.2">
      <c r="B4823" s="43"/>
      <c r="C4823" s="73"/>
      <c r="D4823" s="64"/>
      <c r="E4823" s="55"/>
      <c r="F4823" s="74"/>
      <c r="G4823" s="74"/>
      <c r="H4823" s="74"/>
      <c r="I4823" s="75"/>
      <c r="J4823" s="74"/>
      <c r="L4823" s="55"/>
      <c r="M4823" s="234"/>
      <c r="N4823" s="65"/>
      <c r="O4823" s="76"/>
      <c r="P4823" s="76"/>
      <c r="Q4823" s="65"/>
      <c r="R4823" s="76"/>
      <c r="S4823" s="76"/>
      <c r="T4823" s="76"/>
      <c r="U4823" s="76"/>
      <c r="V4823" s="76"/>
      <c r="W4823" s="76"/>
      <c r="X4823" s="76"/>
      <c r="Y4823" s="76"/>
      <c r="Z4823" s="76"/>
      <c r="AA4823" s="85"/>
      <c r="AB4823" s="85"/>
      <c r="AC4823" s="85"/>
      <c r="AD4823" s="85"/>
      <c r="AE4823" s="85"/>
      <c r="AF4823" s="85"/>
      <c r="AG4823" s="86"/>
      <c r="AH4823" s="85"/>
      <c r="AI4823" s="85"/>
      <c r="AJ4823" s="85"/>
      <c r="AK4823" s="85"/>
      <c r="AL4823" s="85"/>
      <c r="AM4823" s="92"/>
      <c r="AN4823" s="92"/>
      <c r="AO4823" s="92"/>
      <c r="AP4823" s="92"/>
      <c r="AQ4823" s="92"/>
      <c r="AR4823" s="92"/>
      <c r="AS4823" s="92"/>
      <c r="AT4823" s="92"/>
      <c r="AU4823" s="92"/>
      <c r="AV4823" s="92"/>
      <c r="AW4823" s="92"/>
      <c r="AX4823" s="92"/>
      <c r="AY4823" s="92"/>
      <c r="AZ4823" s="93"/>
      <c r="BA4823" s="93"/>
      <c r="BB4823" s="93"/>
      <c r="BC4823" s="93"/>
      <c r="BD4823" s="93"/>
      <c r="BE4823" s="93"/>
      <c r="BF4823" s="93"/>
      <c r="BG4823" s="93"/>
      <c r="BH4823" s="93"/>
      <c r="BI4823" s="93"/>
      <c r="BJ4823" s="93"/>
      <c r="BK4823" s="93"/>
      <c r="BL4823" s="93"/>
    </row>
    <row r="4824" spans="2:64" x14ac:dyDescent="0.2">
      <c r="B4824" s="43"/>
      <c r="C4824" s="73"/>
      <c r="D4824" s="64"/>
      <c r="E4824" s="55"/>
      <c r="F4824" s="74"/>
      <c r="G4824" s="74"/>
      <c r="H4824" s="74"/>
      <c r="I4824" s="75"/>
      <c r="J4824" s="74"/>
      <c r="L4824" s="55"/>
      <c r="M4824" s="234"/>
      <c r="N4824" s="65"/>
      <c r="O4824" s="76"/>
      <c r="P4824" s="76"/>
      <c r="Q4824" s="65"/>
      <c r="R4824" s="76"/>
      <c r="S4824" s="76"/>
      <c r="T4824" s="76"/>
      <c r="U4824" s="76"/>
      <c r="V4824" s="76"/>
      <c r="W4824" s="76"/>
      <c r="X4824" s="76"/>
      <c r="Y4824" s="76"/>
      <c r="Z4824" s="76"/>
      <c r="AA4824" s="85"/>
      <c r="AB4824" s="85"/>
      <c r="AC4824" s="85"/>
      <c r="AD4824" s="85"/>
      <c r="AE4824" s="85"/>
      <c r="AF4824" s="85"/>
      <c r="AG4824" s="86"/>
      <c r="AH4824" s="85"/>
      <c r="AI4824" s="85"/>
      <c r="AJ4824" s="85"/>
      <c r="AK4824" s="85"/>
      <c r="AL4824" s="85"/>
      <c r="AM4824" s="92"/>
      <c r="AN4824" s="92"/>
      <c r="AO4824" s="92"/>
      <c r="AP4824" s="92"/>
      <c r="AQ4824" s="92"/>
      <c r="AR4824" s="92"/>
      <c r="AS4824" s="92"/>
      <c r="AT4824" s="92"/>
      <c r="AU4824" s="92"/>
      <c r="AV4824" s="92"/>
      <c r="AW4824" s="92"/>
      <c r="AX4824" s="92"/>
      <c r="AY4824" s="92"/>
      <c r="AZ4824" s="93"/>
      <c r="BA4824" s="93"/>
      <c r="BB4824" s="93"/>
      <c r="BC4824" s="93"/>
      <c r="BD4824" s="93"/>
      <c r="BE4824" s="93"/>
      <c r="BF4824" s="93"/>
      <c r="BG4824" s="93"/>
      <c r="BH4824" s="93"/>
      <c r="BI4824" s="93"/>
      <c r="BJ4824" s="93"/>
      <c r="BK4824" s="93"/>
      <c r="BL4824" s="93"/>
    </row>
    <row r="4825" spans="2:64" x14ac:dyDescent="0.2">
      <c r="B4825" s="43"/>
      <c r="C4825" s="73"/>
      <c r="D4825" s="64"/>
      <c r="E4825" s="55"/>
      <c r="F4825" s="74"/>
      <c r="G4825" s="74"/>
      <c r="H4825" s="74"/>
      <c r="I4825" s="75"/>
      <c r="J4825" s="74"/>
      <c r="L4825" s="55"/>
      <c r="M4825" s="234"/>
      <c r="N4825" s="65"/>
      <c r="O4825" s="76"/>
      <c r="P4825" s="76"/>
      <c r="Q4825" s="65"/>
      <c r="R4825" s="76"/>
      <c r="S4825" s="76"/>
      <c r="T4825" s="76"/>
      <c r="U4825" s="76"/>
      <c r="V4825" s="76"/>
      <c r="W4825" s="76"/>
      <c r="X4825" s="76"/>
      <c r="Y4825" s="76"/>
      <c r="Z4825" s="76"/>
      <c r="AA4825" s="85"/>
      <c r="AB4825" s="85"/>
      <c r="AC4825" s="85"/>
      <c r="AD4825" s="85"/>
      <c r="AE4825" s="85"/>
      <c r="AF4825" s="85"/>
      <c r="AG4825" s="86"/>
      <c r="AH4825" s="85"/>
      <c r="AI4825" s="85"/>
      <c r="AJ4825" s="85"/>
      <c r="AK4825" s="85"/>
      <c r="AL4825" s="85"/>
      <c r="AM4825" s="92"/>
      <c r="AN4825" s="92"/>
      <c r="AO4825" s="92"/>
      <c r="AP4825" s="92"/>
      <c r="AQ4825" s="92"/>
      <c r="AR4825" s="92"/>
      <c r="AS4825" s="92"/>
      <c r="AT4825" s="92"/>
      <c r="AU4825" s="92"/>
      <c r="AV4825" s="92"/>
      <c r="AW4825" s="92"/>
      <c r="AX4825" s="92"/>
      <c r="AY4825" s="92"/>
      <c r="AZ4825" s="93"/>
      <c r="BA4825" s="93"/>
      <c r="BB4825" s="93"/>
      <c r="BC4825" s="93"/>
      <c r="BD4825" s="93"/>
      <c r="BE4825" s="93"/>
      <c r="BF4825" s="93"/>
      <c r="BG4825" s="93"/>
      <c r="BH4825" s="93"/>
      <c r="BI4825" s="93"/>
      <c r="BJ4825" s="93"/>
      <c r="BK4825" s="93"/>
      <c r="BL4825" s="93"/>
    </row>
    <row r="4826" spans="2:64" x14ac:dyDescent="0.2">
      <c r="B4826" s="43"/>
      <c r="C4826" s="73"/>
      <c r="D4826" s="64"/>
      <c r="E4826" s="55"/>
      <c r="F4826" s="74"/>
      <c r="G4826" s="74"/>
      <c r="H4826" s="74"/>
      <c r="I4826" s="75"/>
      <c r="J4826" s="74"/>
      <c r="L4826" s="55"/>
      <c r="M4826" s="234"/>
      <c r="N4826" s="65"/>
      <c r="O4826" s="76"/>
      <c r="P4826" s="76"/>
      <c r="Q4826" s="65"/>
      <c r="R4826" s="76"/>
      <c r="S4826" s="76"/>
      <c r="T4826" s="76"/>
      <c r="U4826" s="76"/>
      <c r="V4826" s="76"/>
      <c r="W4826" s="76"/>
      <c r="X4826" s="76"/>
      <c r="Y4826" s="76"/>
      <c r="Z4826" s="76"/>
      <c r="AA4826" s="85"/>
      <c r="AB4826" s="85"/>
      <c r="AC4826" s="85"/>
      <c r="AD4826" s="85"/>
      <c r="AE4826" s="85"/>
      <c r="AF4826" s="85"/>
      <c r="AG4826" s="86"/>
      <c r="AH4826" s="85"/>
      <c r="AI4826" s="85"/>
      <c r="AJ4826" s="85"/>
      <c r="AK4826" s="85"/>
      <c r="AL4826" s="85"/>
      <c r="AM4826" s="92"/>
      <c r="AN4826" s="92"/>
      <c r="AO4826" s="92"/>
      <c r="AP4826" s="92"/>
      <c r="AQ4826" s="92"/>
      <c r="AR4826" s="92"/>
      <c r="AS4826" s="92"/>
      <c r="AT4826" s="92"/>
      <c r="AU4826" s="92"/>
      <c r="AV4826" s="92"/>
      <c r="AW4826" s="92"/>
      <c r="AX4826" s="92"/>
      <c r="AY4826" s="92"/>
      <c r="AZ4826" s="93"/>
      <c r="BA4826" s="93"/>
      <c r="BB4826" s="93"/>
      <c r="BC4826" s="93"/>
      <c r="BD4826" s="93"/>
      <c r="BE4826" s="93"/>
      <c r="BF4826" s="93"/>
      <c r="BG4826" s="93"/>
      <c r="BH4826" s="93"/>
      <c r="BI4826" s="93"/>
      <c r="BJ4826" s="93"/>
      <c r="BK4826" s="93"/>
      <c r="BL4826" s="93"/>
    </row>
    <row r="4827" spans="2:64" x14ac:dyDescent="0.2">
      <c r="B4827" s="43"/>
      <c r="C4827" s="73"/>
      <c r="D4827" s="64"/>
      <c r="E4827" s="55"/>
      <c r="F4827" s="74"/>
      <c r="G4827" s="74"/>
      <c r="H4827" s="74"/>
      <c r="I4827" s="75"/>
      <c r="J4827" s="74"/>
      <c r="L4827" s="55"/>
      <c r="M4827" s="234"/>
      <c r="N4827" s="65"/>
      <c r="O4827" s="76"/>
      <c r="P4827" s="76"/>
      <c r="Q4827" s="65"/>
      <c r="R4827" s="76"/>
      <c r="S4827" s="76"/>
      <c r="T4827" s="76"/>
      <c r="U4827" s="76"/>
      <c r="V4827" s="76"/>
      <c r="W4827" s="76"/>
      <c r="X4827" s="76"/>
      <c r="Y4827" s="76"/>
      <c r="Z4827" s="76"/>
      <c r="AA4827" s="85"/>
      <c r="AB4827" s="85"/>
      <c r="AC4827" s="85"/>
      <c r="AD4827" s="85"/>
      <c r="AE4827" s="85"/>
      <c r="AF4827" s="85"/>
      <c r="AG4827" s="86"/>
      <c r="AH4827" s="85"/>
      <c r="AI4827" s="85"/>
      <c r="AJ4827" s="85"/>
      <c r="AK4827" s="85"/>
      <c r="AL4827" s="85"/>
      <c r="AM4827" s="92"/>
      <c r="AN4827" s="92"/>
      <c r="AO4827" s="92"/>
      <c r="AP4827" s="92"/>
      <c r="AQ4827" s="92"/>
      <c r="AR4827" s="92"/>
      <c r="AS4827" s="92"/>
      <c r="AT4827" s="92"/>
      <c r="AU4827" s="92"/>
      <c r="AV4827" s="92"/>
      <c r="AW4827" s="92"/>
      <c r="AX4827" s="92"/>
      <c r="AY4827" s="92"/>
      <c r="AZ4827" s="93"/>
      <c r="BA4827" s="93"/>
      <c r="BB4827" s="93"/>
      <c r="BC4827" s="93"/>
      <c r="BD4827" s="93"/>
      <c r="BE4827" s="93"/>
      <c r="BF4827" s="93"/>
      <c r="BG4827" s="93"/>
      <c r="BH4827" s="93"/>
      <c r="BI4827" s="93"/>
      <c r="BJ4827" s="93"/>
      <c r="BK4827" s="93"/>
      <c r="BL4827" s="93"/>
    </row>
    <row r="4828" spans="2:64" x14ac:dyDescent="0.2">
      <c r="B4828" s="43"/>
      <c r="C4828" s="73"/>
      <c r="D4828" s="64"/>
      <c r="E4828" s="55"/>
      <c r="F4828" s="74"/>
      <c r="G4828" s="74"/>
      <c r="H4828" s="74"/>
      <c r="I4828" s="75"/>
      <c r="J4828" s="74"/>
      <c r="L4828" s="55"/>
      <c r="M4828" s="234"/>
      <c r="N4828" s="65"/>
      <c r="O4828" s="76"/>
      <c r="P4828" s="76"/>
      <c r="Q4828" s="65"/>
      <c r="R4828" s="76"/>
      <c r="S4828" s="76"/>
      <c r="T4828" s="76"/>
      <c r="U4828" s="76"/>
      <c r="V4828" s="76"/>
      <c r="W4828" s="76"/>
      <c r="X4828" s="76"/>
      <c r="Y4828" s="76"/>
      <c r="Z4828" s="76"/>
      <c r="AA4828" s="85"/>
      <c r="AB4828" s="85"/>
      <c r="AC4828" s="85"/>
      <c r="AD4828" s="85"/>
      <c r="AE4828" s="85"/>
      <c r="AF4828" s="85"/>
      <c r="AG4828" s="86"/>
      <c r="AH4828" s="85"/>
      <c r="AI4828" s="85"/>
      <c r="AJ4828" s="85"/>
      <c r="AK4828" s="85"/>
      <c r="AL4828" s="85"/>
      <c r="AM4828" s="92"/>
      <c r="AN4828" s="92"/>
      <c r="AO4828" s="92"/>
      <c r="AP4828" s="92"/>
      <c r="AQ4828" s="92"/>
      <c r="AR4828" s="92"/>
      <c r="AS4828" s="92"/>
      <c r="AT4828" s="92"/>
      <c r="AU4828" s="92"/>
      <c r="AV4828" s="92"/>
      <c r="AW4828" s="92"/>
      <c r="AX4828" s="92"/>
      <c r="AY4828" s="92"/>
      <c r="AZ4828" s="93"/>
      <c r="BA4828" s="93"/>
      <c r="BB4828" s="93"/>
      <c r="BC4828" s="93"/>
      <c r="BD4828" s="93"/>
      <c r="BE4828" s="93"/>
      <c r="BF4828" s="93"/>
      <c r="BG4828" s="93"/>
      <c r="BH4828" s="93"/>
      <c r="BI4828" s="93"/>
      <c r="BJ4828" s="93"/>
      <c r="BK4828" s="93"/>
      <c r="BL4828" s="93"/>
    </row>
    <row r="4829" spans="2:64" x14ac:dyDescent="0.2">
      <c r="B4829" s="43"/>
      <c r="C4829" s="73"/>
      <c r="D4829" s="64"/>
      <c r="E4829" s="55"/>
      <c r="F4829" s="74"/>
      <c r="G4829" s="74"/>
      <c r="H4829" s="74"/>
      <c r="I4829" s="75"/>
      <c r="J4829" s="74"/>
      <c r="L4829" s="55"/>
      <c r="M4829" s="234"/>
      <c r="N4829" s="65"/>
      <c r="O4829" s="76"/>
      <c r="P4829" s="76"/>
      <c r="Q4829" s="65"/>
      <c r="R4829" s="76"/>
      <c r="S4829" s="76"/>
      <c r="T4829" s="76"/>
      <c r="U4829" s="76"/>
      <c r="V4829" s="76"/>
      <c r="W4829" s="76"/>
      <c r="X4829" s="76"/>
      <c r="Y4829" s="76"/>
      <c r="Z4829" s="76"/>
      <c r="AA4829" s="85"/>
      <c r="AB4829" s="85"/>
      <c r="AC4829" s="85"/>
      <c r="AD4829" s="85"/>
      <c r="AE4829" s="85"/>
      <c r="AF4829" s="85"/>
      <c r="AG4829" s="86"/>
      <c r="AH4829" s="85"/>
      <c r="AI4829" s="85"/>
      <c r="AJ4829" s="85"/>
      <c r="AK4829" s="85"/>
      <c r="AL4829" s="85"/>
      <c r="AM4829" s="92"/>
      <c r="AN4829" s="92"/>
      <c r="AO4829" s="92"/>
      <c r="AP4829" s="92"/>
      <c r="AQ4829" s="92"/>
      <c r="AR4829" s="92"/>
      <c r="AS4829" s="92"/>
      <c r="AT4829" s="92"/>
      <c r="AU4829" s="92"/>
      <c r="AV4829" s="92"/>
      <c r="AW4829" s="92"/>
      <c r="AX4829" s="92"/>
      <c r="AY4829" s="92"/>
      <c r="AZ4829" s="93"/>
      <c r="BA4829" s="93"/>
      <c r="BB4829" s="93"/>
      <c r="BC4829" s="93"/>
      <c r="BD4829" s="93"/>
      <c r="BE4829" s="93"/>
      <c r="BF4829" s="93"/>
      <c r="BG4829" s="93"/>
      <c r="BH4829" s="93"/>
      <c r="BI4829" s="93"/>
      <c r="BJ4829" s="93"/>
      <c r="BK4829" s="93"/>
      <c r="BL4829" s="93"/>
    </row>
    <row r="4830" spans="2:64" x14ac:dyDescent="0.2">
      <c r="B4830" s="43"/>
      <c r="C4830" s="73"/>
      <c r="D4830" s="64"/>
      <c r="E4830" s="55"/>
      <c r="F4830" s="74"/>
      <c r="G4830" s="74"/>
      <c r="H4830" s="74"/>
      <c r="I4830" s="75"/>
      <c r="J4830" s="74"/>
      <c r="L4830" s="55"/>
      <c r="M4830" s="234"/>
      <c r="N4830" s="65"/>
      <c r="O4830" s="76"/>
      <c r="P4830" s="76"/>
      <c r="Q4830" s="65"/>
      <c r="R4830" s="76"/>
      <c r="S4830" s="76"/>
      <c r="T4830" s="76"/>
      <c r="U4830" s="76"/>
      <c r="V4830" s="76"/>
      <c r="W4830" s="76"/>
      <c r="X4830" s="76"/>
      <c r="Y4830" s="76"/>
      <c r="Z4830" s="76"/>
      <c r="AA4830" s="85"/>
      <c r="AB4830" s="85"/>
      <c r="AC4830" s="85"/>
      <c r="AD4830" s="85"/>
      <c r="AE4830" s="85"/>
      <c r="AF4830" s="85"/>
      <c r="AG4830" s="86"/>
      <c r="AH4830" s="85"/>
      <c r="AI4830" s="85"/>
      <c r="AJ4830" s="85"/>
      <c r="AK4830" s="85"/>
      <c r="AL4830" s="85"/>
      <c r="AM4830" s="92"/>
      <c r="AN4830" s="92"/>
      <c r="AO4830" s="92"/>
      <c r="AP4830" s="92"/>
      <c r="AQ4830" s="92"/>
      <c r="AR4830" s="92"/>
      <c r="AS4830" s="92"/>
      <c r="AT4830" s="92"/>
      <c r="AU4830" s="92"/>
      <c r="AV4830" s="92"/>
      <c r="AW4830" s="92"/>
      <c r="AX4830" s="92"/>
      <c r="AY4830" s="92"/>
      <c r="AZ4830" s="93"/>
      <c r="BA4830" s="93"/>
      <c r="BB4830" s="93"/>
      <c r="BC4830" s="93"/>
      <c r="BD4830" s="93"/>
      <c r="BE4830" s="93"/>
      <c r="BF4830" s="93"/>
      <c r="BG4830" s="93"/>
      <c r="BH4830" s="93"/>
      <c r="BI4830" s="93"/>
      <c r="BJ4830" s="93"/>
      <c r="BK4830" s="93"/>
      <c r="BL4830" s="93"/>
    </row>
    <row r="4831" spans="2:64" x14ac:dyDescent="0.2">
      <c r="B4831" s="43"/>
      <c r="C4831" s="73"/>
      <c r="D4831" s="64"/>
      <c r="E4831" s="55"/>
      <c r="F4831" s="74"/>
      <c r="G4831" s="74"/>
      <c r="H4831" s="74"/>
      <c r="I4831" s="75"/>
      <c r="J4831" s="74"/>
      <c r="L4831" s="55"/>
      <c r="M4831" s="234"/>
      <c r="N4831" s="65"/>
      <c r="O4831" s="76"/>
      <c r="P4831" s="76"/>
      <c r="Q4831" s="65"/>
      <c r="R4831" s="76"/>
      <c r="S4831" s="76"/>
      <c r="T4831" s="76"/>
      <c r="U4831" s="76"/>
      <c r="V4831" s="76"/>
      <c r="W4831" s="76"/>
      <c r="X4831" s="76"/>
      <c r="Y4831" s="76"/>
      <c r="Z4831" s="76"/>
      <c r="AA4831" s="85"/>
      <c r="AB4831" s="85"/>
      <c r="AC4831" s="85"/>
      <c r="AD4831" s="85"/>
      <c r="AE4831" s="85"/>
      <c r="AF4831" s="85"/>
      <c r="AG4831" s="86"/>
      <c r="AH4831" s="85"/>
      <c r="AI4831" s="85"/>
      <c r="AJ4831" s="85"/>
      <c r="AK4831" s="85"/>
      <c r="AL4831" s="85"/>
      <c r="AM4831" s="92"/>
      <c r="AN4831" s="92"/>
      <c r="AO4831" s="92"/>
      <c r="AP4831" s="92"/>
      <c r="AQ4831" s="92"/>
      <c r="AR4831" s="92"/>
      <c r="AS4831" s="92"/>
      <c r="AT4831" s="92"/>
      <c r="AU4831" s="92"/>
      <c r="AV4831" s="92"/>
      <c r="AW4831" s="92"/>
      <c r="AX4831" s="92"/>
      <c r="AY4831" s="92"/>
      <c r="AZ4831" s="93"/>
      <c r="BA4831" s="93"/>
      <c r="BB4831" s="93"/>
      <c r="BC4831" s="93"/>
      <c r="BD4831" s="93"/>
      <c r="BE4831" s="93"/>
      <c r="BF4831" s="93"/>
      <c r="BG4831" s="93"/>
      <c r="BH4831" s="93"/>
      <c r="BI4831" s="93"/>
      <c r="BJ4831" s="93"/>
      <c r="BK4831" s="93"/>
      <c r="BL4831" s="93"/>
    </row>
    <row r="4832" spans="2:64" x14ac:dyDescent="0.2">
      <c r="B4832" s="43"/>
      <c r="C4832" s="73"/>
      <c r="D4832" s="64"/>
      <c r="E4832" s="55"/>
      <c r="F4832" s="74"/>
      <c r="G4832" s="74"/>
      <c r="H4832" s="74"/>
      <c r="I4832" s="75"/>
      <c r="J4832" s="74"/>
      <c r="L4832" s="55"/>
      <c r="M4832" s="234"/>
      <c r="N4832" s="65"/>
      <c r="O4832" s="76"/>
      <c r="P4832" s="76"/>
      <c r="Q4832" s="65"/>
      <c r="R4832" s="76"/>
      <c r="S4832" s="76"/>
      <c r="T4832" s="76"/>
      <c r="U4832" s="76"/>
      <c r="V4832" s="76"/>
      <c r="W4832" s="76"/>
      <c r="X4832" s="76"/>
      <c r="Y4832" s="76"/>
      <c r="Z4832" s="76"/>
      <c r="AA4832" s="85"/>
      <c r="AB4832" s="85"/>
      <c r="AC4832" s="85"/>
      <c r="AD4832" s="85"/>
      <c r="AE4832" s="85"/>
      <c r="AF4832" s="85"/>
      <c r="AG4832" s="86"/>
      <c r="AH4832" s="85"/>
      <c r="AI4832" s="85"/>
      <c r="AJ4832" s="85"/>
      <c r="AK4832" s="85"/>
      <c r="AL4832" s="85"/>
      <c r="AM4832" s="92"/>
      <c r="AN4832" s="92"/>
      <c r="AO4832" s="92"/>
      <c r="AP4832" s="92"/>
      <c r="AQ4832" s="92"/>
      <c r="AR4832" s="92"/>
      <c r="AS4832" s="92"/>
      <c r="AT4832" s="92"/>
      <c r="AU4832" s="92"/>
      <c r="AV4832" s="92"/>
      <c r="AW4832" s="92"/>
      <c r="AX4832" s="92"/>
      <c r="AY4832" s="92"/>
      <c r="AZ4832" s="93"/>
      <c r="BA4832" s="93"/>
      <c r="BB4832" s="93"/>
      <c r="BC4832" s="93"/>
      <c r="BD4832" s="93"/>
      <c r="BE4832" s="93"/>
      <c r="BF4832" s="93"/>
      <c r="BG4832" s="93"/>
      <c r="BH4832" s="93"/>
      <c r="BI4832" s="93"/>
      <c r="BJ4832" s="93"/>
      <c r="BK4832" s="93"/>
      <c r="BL4832" s="93"/>
    </row>
    <row r="4833" spans="2:64" x14ac:dyDescent="0.2">
      <c r="B4833" s="43"/>
      <c r="C4833" s="73"/>
      <c r="D4833" s="64"/>
      <c r="E4833" s="55"/>
      <c r="F4833" s="74"/>
      <c r="G4833" s="74"/>
      <c r="H4833" s="74"/>
      <c r="I4833" s="75"/>
      <c r="J4833" s="74"/>
      <c r="L4833" s="55"/>
      <c r="M4833" s="234"/>
      <c r="N4833" s="65"/>
      <c r="O4833" s="76"/>
      <c r="P4833" s="76"/>
      <c r="Q4833" s="65"/>
      <c r="R4833" s="76"/>
      <c r="S4833" s="76"/>
      <c r="T4833" s="76"/>
      <c r="U4833" s="76"/>
      <c r="V4833" s="76"/>
      <c r="W4833" s="76"/>
      <c r="X4833" s="76"/>
      <c r="Y4833" s="76"/>
      <c r="Z4833" s="76"/>
      <c r="AA4833" s="85"/>
      <c r="AB4833" s="85"/>
      <c r="AC4833" s="85"/>
      <c r="AD4833" s="85"/>
      <c r="AE4833" s="85"/>
      <c r="AF4833" s="85"/>
      <c r="AG4833" s="86"/>
      <c r="AH4833" s="85"/>
      <c r="AI4833" s="85"/>
      <c r="AJ4833" s="85"/>
      <c r="AK4833" s="85"/>
      <c r="AL4833" s="85"/>
      <c r="AM4833" s="92"/>
      <c r="AN4833" s="92"/>
      <c r="AO4833" s="92"/>
      <c r="AP4833" s="92"/>
      <c r="AQ4833" s="92"/>
      <c r="AR4833" s="92"/>
      <c r="AS4833" s="92"/>
      <c r="AT4833" s="92"/>
      <c r="AU4833" s="92"/>
      <c r="AV4833" s="92"/>
      <c r="AW4833" s="92"/>
      <c r="AX4833" s="92"/>
      <c r="AY4833" s="92"/>
      <c r="AZ4833" s="93"/>
      <c r="BA4833" s="93"/>
      <c r="BB4833" s="93"/>
      <c r="BC4833" s="93"/>
      <c r="BD4833" s="93"/>
      <c r="BE4833" s="93"/>
      <c r="BF4833" s="93"/>
      <c r="BG4833" s="93"/>
      <c r="BH4833" s="93"/>
      <c r="BI4833" s="93"/>
      <c r="BJ4833" s="93"/>
      <c r="BK4833" s="93"/>
      <c r="BL4833" s="93"/>
    </row>
    <row r="4834" spans="2:64" x14ac:dyDescent="0.2">
      <c r="B4834" s="43"/>
      <c r="C4834" s="73"/>
      <c r="D4834" s="64"/>
      <c r="E4834" s="55"/>
      <c r="F4834" s="74"/>
      <c r="G4834" s="74"/>
      <c r="H4834" s="74"/>
      <c r="I4834" s="75"/>
      <c r="J4834" s="74"/>
      <c r="L4834" s="55"/>
      <c r="M4834" s="234"/>
      <c r="N4834" s="65"/>
      <c r="O4834" s="76"/>
      <c r="P4834" s="76"/>
      <c r="Q4834" s="65"/>
      <c r="R4834" s="76"/>
      <c r="S4834" s="76"/>
      <c r="T4834" s="76"/>
      <c r="U4834" s="76"/>
      <c r="V4834" s="76"/>
      <c r="W4834" s="76"/>
      <c r="X4834" s="76"/>
      <c r="Y4834" s="76"/>
      <c r="Z4834" s="76"/>
      <c r="AA4834" s="85"/>
      <c r="AB4834" s="85"/>
      <c r="AC4834" s="85"/>
      <c r="AD4834" s="85"/>
      <c r="AE4834" s="85"/>
      <c r="AF4834" s="85"/>
      <c r="AG4834" s="86"/>
      <c r="AH4834" s="85"/>
      <c r="AI4834" s="85"/>
      <c r="AJ4834" s="85"/>
      <c r="AK4834" s="85"/>
      <c r="AL4834" s="85"/>
      <c r="AM4834" s="92"/>
      <c r="AN4834" s="92"/>
      <c r="AO4834" s="92"/>
      <c r="AP4834" s="92"/>
      <c r="AQ4834" s="92"/>
      <c r="AR4834" s="92"/>
      <c r="AS4834" s="92"/>
      <c r="AT4834" s="92"/>
      <c r="AU4834" s="92"/>
      <c r="AV4834" s="92"/>
      <c r="AW4834" s="92"/>
      <c r="AX4834" s="92"/>
      <c r="AY4834" s="92"/>
      <c r="AZ4834" s="93"/>
      <c r="BA4834" s="93"/>
      <c r="BB4834" s="93"/>
      <c r="BC4834" s="93"/>
      <c r="BD4834" s="93"/>
      <c r="BE4834" s="93"/>
      <c r="BF4834" s="93"/>
      <c r="BG4834" s="93"/>
      <c r="BH4834" s="93"/>
      <c r="BI4834" s="93"/>
      <c r="BJ4834" s="93"/>
      <c r="BK4834" s="93"/>
      <c r="BL4834" s="93"/>
    </row>
    <row r="4835" spans="2:64" x14ac:dyDescent="0.2">
      <c r="B4835" s="43"/>
      <c r="C4835" s="73"/>
      <c r="D4835" s="64"/>
      <c r="E4835" s="55"/>
      <c r="F4835" s="74"/>
      <c r="G4835" s="74"/>
      <c r="H4835" s="74"/>
      <c r="I4835" s="75"/>
      <c r="J4835" s="74"/>
      <c r="L4835" s="55"/>
      <c r="M4835" s="234"/>
      <c r="N4835" s="65"/>
      <c r="O4835" s="76"/>
      <c r="P4835" s="76"/>
      <c r="Q4835" s="65"/>
      <c r="R4835" s="76"/>
      <c r="S4835" s="76"/>
      <c r="T4835" s="76"/>
      <c r="U4835" s="76"/>
      <c r="V4835" s="76"/>
      <c r="W4835" s="76"/>
      <c r="X4835" s="76"/>
      <c r="Y4835" s="76"/>
      <c r="Z4835" s="76"/>
      <c r="AA4835" s="85"/>
      <c r="AB4835" s="85"/>
      <c r="AC4835" s="85"/>
      <c r="AD4835" s="85"/>
      <c r="AE4835" s="85"/>
      <c r="AF4835" s="85"/>
      <c r="AG4835" s="86"/>
      <c r="AH4835" s="85"/>
      <c r="AI4835" s="85"/>
      <c r="AJ4835" s="85"/>
      <c r="AK4835" s="85"/>
      <c r="AL4835" s="85"/>
      <c r="AM4835" s="92"/>
      <c r="AN4835" s="92"/>
      <c r="AO4835" s="92"/>
      <c r="AP4835" s="92"/>
      <c r="AQ4835" s="92"/>
      <c r="AR4835" s="92"/>
      <c r="AS4835" s="92"/>
      <c r="AT4835" s="92"/>
      <c r="AU4835" s="92"/>
      <c r="AV4835" s="92"/>
      <c r="AW4835" s="92"/>
      <c r="AX4835" s="92"/>
      <c r="AY4835" s="92"/>
      <c r="AZ4835" s="93"/>
      <c r="BA4835" s="93"/>
      <c r="BB4835" s="93"/>
      <c r="BC4835" s="93"/>
      <c r="BD4835" s="93"/>
      <c r="BE4835" s="93"/>
      <c r="BF4835" s="93"/>
      <c r="BG4835" s="93"/>
      <c r="BH4835" s="93"/>
      <c r="BI4835" s="93"/>
      <c r="BJ4835" s="93"/>
      <c r="BK4835" s="93"/>
      <c r="BL4835" s="93"/>
    </row>
    <row r="4836" spans="2:64" x14ac:dyDescent="0.2">
      <c r="B4836" s="43"/>
      <c r="C4836" s="73"/>
      <c r="D4836" s="64"/>
      <c r="E4836" s="55"/>
      <c r="F4836" s="74"/>
      <c r="G4836" s="74"/>
      <c r="H4836" s="74"/>
      <c r="I4836" s="75"/>
      <c r="J4836" s="74"/>
      <c r="L4836" s="55"/>
      <c r="M4836" s="234"/>
      <c r="N4836" s="65"/>
      <c r="O4836" s="76"/>
      <c r="P4836" s="76"/>
      <c r="Q4836" s="65"/>
      <c r="R4836" s="76"/>
      <c r="S4836" s="76"/>
      <c r="T4836" s="76"/>
      <c r="U4836" s="76"/>
      <c r="V4836" s="76"/>
      <c r="W4836" s="76"/>
      <c r="X4836" s="76"/>
      <c r="Y4836" s="76"/>
      <c r="Z4836" s="76"/>
      <c r="AA4836" s="85"/>
      <c r="AB4836" s="85"/>
      <c r="AC4836" s="85"/>
      <c r="AD4836" s="85"/>
      <c r="AE4836" s="85"/>
      <c r="AF4836" s="85"/>
      <c r="AG4836" s="86"/>
      <c r="AH4836" s="85"/>
      <c r="AI4836" s="85"/>
      <c r="AJ4836" s="85"/>
      <c r="AK4836" s="85"/>
      <c r="AL4836" s="85"/>
      <c r="AM4836" s="92"/>
      <c r="AN4836" s="92"/>
      <c r="AO4836" s="92"/>
      <c r="AP4836" s="92"/>
      <c r="AQ4836" s="92"/>
      <c r="AR4836" s="92"/>
      <c r="AS4836" s="92"/>
      <c r="AT4836" s="92"/>
      <c r="AU4836" s="92"/>
      <c r="AV4836" s="92"/>
      <c r="AW4836" s="92"/>
      <c r="AX4836" s="92"/>
      <c r="AY4836" s="92"/>
      <c r="AZ4836" s="93"/>
      <c r="BA4836" s="93"/>
      <c r="BB4836" s="93"/>
      <c r="BC4836" s="93"/>
      <c r="BD4836" s="93"/>
      <c r="BE4836" s="93"/>
      <c r="BF4836" s="93"/>
      <c r="BG4836" s="93"/>
      <c r="BH4836" s="93"/>
      <c r="BI4836" s="93"/>
      <c r="BJ4836" s="93"/>
      <c r="BK4836" s="93"/>
      <c r="BL4836" s="93"/>
    </row>
    <row r="4837" spans="2:64" x14ac:dyDescent="0.2">
      <c r="B4837" s="43"/>
      <c r="C4837" s="73"/>
      <c r="D4837" s="64"/>
      <c r="E4837" s="55"/>
      <c r="F4837" s="74"/>
      <c r="G4837" s="74"/>
      <c r="H4837" s="74"/>
      <c r="I4837" s="75"/>
      <c r="J4837" s="74"/>
      <c r="L4837" s="55"/>
      <c r="M4837" s="234"/>
      <c r="N4837" s="65"/>
      <c r="O4837" s="76"/>
      <c r="P4837" s="76"/>
      <c r="Q4837" s="65"/>
      <c r="R4837" s="76"/>
      <c r="S4837" s="76"/>
      <c r="T4837" s="76"/>
      <c r="U4837" s="76"/>
      <c r="V4837" s="76"/>
      <c r="W4837" s="76"/>
      <c r="X4837" s="76"/>
      <c r="Y4837" s="76"/>
      <c r="Z4837" s="76"/>
      <c r="AA4837" s="85"/>
      <c r="AB4837" s="85"/>
      <c r="AC4837" s="85"/>
      <c r="AD4837" s="85"/>
      <c r="AE4837" s="85"/>
      <c r="AF4837" s="85"/>
      <c r="AG4837" s="86"/>
      <c r="AH4837" s="85"/>
      <c r="AI4837" s="85"/>
      <c r="AJ4837" s="85"/>
      <c r="AK4837" s="85"/>
      <c r="AL4837" s="85"/>
      <c r="AM4837" s="92"/>
      <c r="AN4837" s="92"/>
      <c r="AO4837" s="92"/>
      <c r="AP4837" s="92"/>
      <c r="AQ4837" s="92"/>
      <c r="AR4837" s="92"/>
      <c r="AS4837" s="92"/>
      <c r="AT4837" s="92"/>
      <c r="AU4837" s="92"/>
      <c r="AV4837" s="92"/>
      <c r="AW4837" s="92"/>
      <c r="AX4837" s="92"/>
      <c r="AY4837" s="92"/>
      <c r="AZ4837" s="93"/>
      <c r="BA4837" s="93"/>
      <c r="BB4837" s="93"/>
      <c r="BC4837" s="93"/>
      <c r="BD4837" s="93"/>
      <c r="BE4837" s="93"/>
      <c r="BF4837" s="93"/>
      <c r="BG4837" s="93"/>
      <c r="BH4837" s="93"/>
      <c r="BI4837" s="93"/>
      <c r="BJ4837" s="93"/>
      <c r="BK4837" s="93"/>
      <c r="BL4837" s="93"/>
    </row>
    <row r="4838" spans="2:64" x14ac:dyDescent="0.2">
      <c r="B4838" s="43"/>
      <c r="C4838" s="73"/>
      <c r="D4838" s="64"/>
      <c r="E4838" s="55"/>
      <c r="F4838" s="74"/>
      <c r="G4838" s="74"/>
      <c r="H4838" s="74"/>
      <c r="I4838" s="75"/>
      <c r="J4838" s="74"/>
      <c r="L4838" s="55"/>
      <c r="M4838" s="234"/>
      <c r="N4838" s="65"/>
      <c r="O4838" s="76"/>
      <c r="P4838" s="76"/>
      <c r="Q4838" s="65"/>
      <c r="R4838" s="76"/>
      <c r="S4838" s="76"/>
      <c r="T4838" s="76"/>
      <c r="U4838" s="76"/>
      <c r="V4838" s="76"/>
      <c r="W4838" s="76"/>
      <c r="X4838" s="76"/>
      <c r="Y4838" s="76"/>
      <c r="Z4838" s="76"/>
      <c r="AA4838" s="85"/>
      <c r="AB4838" s="85"/>
      <c r="AC4838" s="85"/>
      <c r="AD4838" s="85"/>
      <c r="AE4838" s="85"/>
      <c r="AF4838" s="85"/>
      <c r="AG4838" s="86"/>
      <c r="AH4838" s="85"/>
      <c r="AI4838" s="85"/>
      <c r="AJ4838" s="85"/>
      <c r="AK4838" s="85"/>
      <c r="AL4838" s="85"/>
      <c r="AM4838" s="92"/>
      <c r="AN4838" s="92"/>
      <c r="AO4838" s="92"/>
      <c r="AP4838" s="92"/>
      <c r="AQ4838" s="92"/>
      <c r="AR4838" s="92"/>
      <c r="AS4838" s="92"/>
      <c r="AT4838" s="92"/>
      <c r="AU4838" s="92"/>
      <c r="AV4838" s="92"/>
      <c r="AW4838" s="92"/>
      <c r="AX4838" s="92"/>
      <c r="AY4838" s="92"/>
      <c r="AZ4838" s="93"/>
      <c r="BA4838" s="93"/>
      <c r="BB4838" s="93"/>
      <c r="BC4838" s="93"/>
      <c r="BD4838" s="93"/>
      <c r="BE4838" s="93"/>
      <c r="BF4838" s="93"/>
      <c r="BG4838" s="93"/>
      <c r="BH4838" s="93"/>
      <c r="BI4838" s="93"/>
      <c r="BJ4838" s="93"/>
      <c r="BK4838" s="93"/>
      <c r="BL4838" s="93"/>
    </row>
    <row r="4839" spans="2:64" x14ac:dyDescent="0.2">
      <c r="B4839" s="43"/>
      <c r="C4839" s="73"/>
      <c r="D4839" s="64"/>
      <c r="E4839" s="55"/>
      <c r="F4839" s="74"/>
      <c r="G4839" s="74"/>
      <c r="H4839" s="74"/>
      <c r="I4839" s="75"/>
      <c r="J4839" s="74"/>
      <c r="L4839" s="55"/>
      <c r="M4839" s="234"/>
      <c r="N4839" s="65"/>
      <c r="O4839" s="76"/>
      <c r="P4839" s="76"/>
      <c r="Q4839" s="65"/>
      <c r="R4839" s="76"/>
      <c r="S4839" s="76"/>
      <c r="T4839" s="76"/>
      <c r="U4839" s="76"/>
      <c r="V4839" s="76"/>
      <c r="W4839" s="76"/>
      <c r="X4839" s="76"/>
      <c r="Y4839" s="76"/>
      <c r="Z4839" s="76"/>
      <c r="AA4839" s="85"/>
      <c r="AB4839" s="85"/>
      <c r="AC4839" s="85"/>
      <c r="AD4839" s="85"/>
      <c r="AE4839" s="85"/>
      <c r="AF4839" s="85"/>
      <c r="AG4839" s="86"/>
      <c r="AH4839" s="85"/>
      <c r="AI4839" s="85"/>
      <c r="AJ4839" s="85"/>
      <c r="AK4839" s="85"/>
      <c r="AL4839" s="85"/>
      <c r="AM4839" s="92"/>
      <c r="AN4839" s="92"/>
      <c r="AO4839" s="92"/>
      <c r="AP4839" s="92"/>
      <c r="AQ4839" s="92"/>
      <c r="AR4839" s="92"/>
      <c r="AS4839" s="92"/>
      <c r="AT4839" s="92"/>
      <c r="AU4839" s="92"/>
      <c r="AV4839" s="92"/>
      <c r="AW4839" s="92"/>
      <c r="AX4839" s="92"/>
      <c r="AY4839" s="92"/>
      <c r="AZ4839" s="93"/>
      <c r="BA4839" s="93"/>
      <c r="BB4839" s="93"/>
      <c r="BC4839" s="93"/>
      <c r="BD4839" s="93"/>
      <c r="BE4839" s="93"/>
      <c r="BF4839" s="93"/>
      <c r="BG4839" s="93"/>
      <c r="BH4839" s="93"/>
      <c r="BI4839" s="93"/>
      <c r="BJ4839" s="93"/>
      <c r="BK4839" s="93"/>
      <c r="BL4839" s="93"/>
    </row>
    <row r="4840" spans="2:64" x14ac:dyDescent="0.2">
      <c r="B4840" s="43"/>
      <c r="C4840" s="73"/>
      <c r="D4840" s="64"/>
      <c r="E4840" s="55"/>
      <c r="F4840" s="74"/>
      <c r="G4840" s="74"/>
      <c r="H4840" s="74"/>
      <c r="I4840" s="75"/>
      <c r="J4840" s="74"/>
      <c r="L4840" s="55"/>
      <c r="M4840" s="234"/>
      <c r="N4840" s="65"/>
      <c r="O4840" s="76"/>
      <c r="P4840" s="76"/>
      <c r="Q4840" s="65"/>
      <c r="R4840" s="76"/>
      <c r="S4840" s="76"/>
      <c r="T4840" s="76"/>
      <c r="U4840" s="76"/>
      <c r="V4840" s="76"/>
      <c r="W4840" s="76"/>
      <c r="X4840" s="76"/>
      <c r="Y4840" s="76"/>
      <c r="Z4840" s="76"/>
      <c r="AA4840" s="85"/>
      <c r="AB4840" s="85"/>
      <c r="AC4840" s="85"/>
      <c r="AD4840" s="85"/>
      <c r="AE4840" s="85"/>
      <c r="AF4840" s="85"/>
      <c r="AG4840" s="86"/>
      <c r="AH4840" s="85"/>
      <c r="AI4840" s="85"/>
      <c r="AJ4840" s="85"/>
      <c r="AK4840" s="85"/>
      <c r="AL4840" s="85"/>
      <c r="AM4840" s="92"/>
      <c r="AN4840" s="92"/>
      <c r="AO4840" s="92"/>
      <c r="AP4840" s="92"/>
      <c r="AQ4840" s="92"/>
      <c r="AR4840" s="92"/>
      <c r="AS4840" s="92"/>
      <c r="AT4840" s="92"/>
      <c r="AU4840" s="92"/>
      <c r="AV4840" s="92"/>
      <c r="AW4840" s="92"/>
      <c r="AX4840" s="92"/>
      <c r="AY4840" s="92"/>
      <c r="AZ4840" s="93"/>
      <c r="BA4840" s="93"/>
      <c r="BB4840" s="93"/>
      <c r="BC4840" s="93"/>
      <c r="BD4840" s="93"/>
      <c r="BE4840" s="93"/>
      <c r="BF4840" s="93"/>
      <c r="BG4840" s="93"/>
      <c r="BH4840" s="93"/>
      <c r="BI4840" s="93"/>
      <c r="BJ4840" s="93"/>
      <c r="BK4840" s="93"/>
      <c r="BL4840" s="93"/>
    </row>
    <row r="4841" spans="2:64" x14ac:dyDescent="0.2">
      <c r="B4841" s="43"/>
      <c r="C4841" s="73"/>
      <c r="D4841" s="64"/>
      <c r="E4841" s="55"/>
      <c r="F4841" s="74"/>
      <c r="G4841" s="74"/>
      <c r="H4841" s="74"/>
      <c r="I4841" s="75"/>
      <c r="J4841" s="74"/>
      <c r="L4841" s="55"/>
      <c r="M4841" s="234"/>
      <c r="N4841" s="65"/>
      <c r="O4841" s="76"/>
      <c r="P4841" s="76"/>
      <c r="Q4841" s="65"/>
      <c r="R4841" s="76"/>
      <c r="S4841" s="76"/>
      <c r="T4841" s="76"/>
      <c r="U4841" s="76"/>
      <c r="V4841" s="76"/>
      <c r="W4841" s="76"/>
      <c r="X4841" s="76"/>
      <c r="Y4841" s="76"/>
      <c r="Z4841" s="76"/>
      <c r="AA4841" s="85"/>
      <c r="AB4841" s="85"/>
      <c r="AC4841" s="85"/>
      <c r="AD4841" s="85"/>
      <c r="AE4841" s="85"/>
      <c r="AF4841" s="85"/>
      <c r="AG4841" s="86"/>
      <c r="AH4841" s="85"/>
      <c r="AI4841" s="85"/>
      <c r="AJ4841" s="85"/>
      <c r="AK4841" s="85"/>
      <c r="AL4841" s="85"/>
      <c r="AM4841" s="92"/>
      <c r="AN4841" s="92"/>
      <c r="AO4841" s="92"/>
      <c r="AP4841" s="92"/>
      <c r="AQ4841" s="92"/>
      <c r="AR4841" s="92"/>
      <c r="AS4841" s="92"/>
      <c r="AT4841" s="92"/>
      <c r="AU4841" s="92"/>
      <c r="AV4841" s="92"/>
      <c r="AW4841" s="92"/>
      <c r="AX4841" s="92"/>
      <c r="AY4841" s="92"/>
      <c r="AZ4841" s="93"/>
      <c r="BA4841" s="93"/>
      <c r="BB4841" s="93"/>
      <c r="BC4841" s="93"/>
      <c r="BD4841" s="93"/>
      <c r="BE4841" s="93"/>
      <c r="BF4841" s="93"/>
      <c r="BG4841" s="93"/>
      <c r="BH4841" s="93"/>
      <c r="BI4841" s="93"/>
      <c r="BJ4841" s="93"/>
      <c r="BK4841" s="93"/>
      <c r="BL4841" s="93"/>
    </row>
    <row r="4842" spans="2:64" x14ac:dyDescent="0.2">
      <c r="B4842" s="43"/>
      <c r="C4842" s="73"/>
      <c r="D4842" s="64"/>
      <c r="E4842" s="55"/>
      <c r="F4842" s="74"/>
      <c r="G4842" s="74"/>
      <c r="H4842" s="74"/>
      <c r="I4842" s="75"/>
      <c r="J4842" s="74"/>
      <c r="L4842" s="55"/>
      <c r="M4842" s="234"/>
      <c r="N4842" s="65"/>
      <c r="O4842" s="76"/>
      <c r="P4842" s="76"/>
      <c r="Q4842" s="65"/>
      <c r="R4842" s="76"/>
      <c r="S4842" s="76"/>
      <c r="T4842" s="76"/>
      <c r="U4842" s="76"/>
      <c r="V4842" s="76"/>
      <c r="W4842" s="76"/>
      <c r="X4842" s="76"/>
      <c r="Y4842" s="76"/>
      <c r="Z4842" s="76"/>
      <c r="AA4842" s="85"/>
      <c r="AB4842" s="85"/>
      <c r="AC4842" s="85"/>
      <c r="AD4842" s="85"/>
      <c r="AE4842" s="85"/>
      <c r="AF4842" s="85"/>
      <c r="AG4842" s="86"/>
      <c r="AH4842" s="85"/>
      <c r="AI4842" s="85"/>
      <c r="AJ4842" s="85"/>
      <c r="AK4842" s="85"/>
      <c r="AL4842" s="85"/>
      <c r="AM4842" s="92"/>
      <c r="AN4842" s="92"/>
      <c r="AO4842" s="92"/>
      <c r="AP4842" s="92"/>
      <c r="AQ4842" s="92"/>
      <c r="AR4842" s="92"/>
      <c r="AS4842" s="92"/>
      <c r="AT4842" s="92"/>
      <c r="AU4842" s="92"/>
      <c r="AV4842" s="92"/>
      <c r="AW4842" s="92"/>
      <c r="AX4842" s="92"/>
      <c r="AY4842" s="92"/>
      <c r="AZ4842" s="93"/>
      <c r="BA4842" s="93"/>
      <c r="BB4842" s="93"/>
      <c r="BC4842" s="93"/>
      <c r="BD4842" s="93"/>
      <c r="BE4842" s="93"/>
      <c r="BF4842" s="93"/>
      <c r="BG4842" s="93"/>
      <c r="BH4842" s="93"/>
      <c r="BI4842" s="93"/>
      <c r="BJ4842" s="93"/>
      <c r="BK4842" s="93"/>
      <c r="BL4842" s="93"/>
    </row>
    <row r="4843" spans="2:64" x14ac:dyDescent="0.2">
      <c r="B4843" s="43"/>
      <c r="C4843" s="73"/>
      <c r="D4843" s="64"/>
      <c r="E4843" s="55"/>
      <c r="F4843" s="74"/>
      <c r="G4843" s="74"/>
      <c r="H4843" s="74"/>
      <c r="I4843" s="75"/>
      <c r="J4843" s="74"/>
      <c r="L4843" s="55"/>
      <c r="M4843" s="234"/>
      <c r="N4843" s="65"/>
      <c r="O4843" s="76"/>
      <c r="P4843" s="76"/>
      <c r="Q4843" s="65"/>
      <c r="R4843" s="76"/>
      <c r="S4843" s="76"/>
      <c r="T4843" s="76"/>
      <c r="U4843" s="76"/>
      <c r="V4843" s="76"/>
      <c r="W4843" s="76"/>
      <c r="X4843" s="76"/>
      <c r="Y4843" s="76"/>
      <c r="Z4843" s="76"/>
      <c r="AA4843" s="85"/>
      <c r="AB4843" s="85"/>
      <c r="AC4843" s="85"/>
      <c r="AD4843" s="85"/>
      <c r="AE4843" s="85"/>
      <c r="AF4843" s="85"/>
      <c r="AG4843" s="86"/>
      <c r="AH4843" s="85"/>
      <c r="AI4843" s="85"/>
      <c r="AJ4843" s="85"/>
      <c r="AK4843" s="85"/>
      <c r="AL4843" s="85"/>
      <c r="AM4843" s="92"/>
      <c r="AN4843" s="92"/>
      <c r="AO4843" s="92"/>
      <c r="AP4843" s="92"/>
      <c r="AQ4843" s="92"/>
      <c r="AR4843" s="92"/>
      <c r="AS4843" s="92"/>
      <c r="AT4843" s="92"/>
      <c r="AU4843" s="92"/>
      <c r="AV4843" s="92"/>
      <c r="AW4843" s="92"/>
      <c r="AX4843" s="92"/>
      <c r="AY4843" s="92"/>
      <c r="AZ4843" s="93"/>
      <c r="BA4843" s="93"/>
      <c r="BB4843" s="93"/>
      <c r="BC4843" s="93"/>
      <c r="BD4843" s="93"/>
      <c r="BE4843" s="93"/>
      <c r="BF4843" s="93"/>
      <c r="BG4843" s="93"/>
      <c r="BH4843" s="93"/>
      <c r="BI4843" s="93"/>
      <c r="BJ4843" s="93"/>
      <c r="BK4843" s="93"/>
      <c r="BL4843" s="93"/>
    </row>
    <row r="4844" spans="2:64" x14ac:dyDescent="0.2">
      <c r="B4844" s="43"/>
      <c r="C4844" s="73"/>
      <c r="D4844" s="64"/>
      <c r="E4844" s="55"/>
      <c r="F4844" s="74"/>
      <c r="G4844" s="74"/>
      <c r="H4844" s="74"/>
      <c r="I4844" s="75"/>
      <c r="J4844" s="74"/>
      <c r="L4844" s="55"/>
      <c r="M4844" s="234"/>
      <c r="N4844" s="65"/>
      <c r="O4844" s="76"/>
      <c r="P4844" s="76"/>
      <c r="Q4844" s="65"/>
      <c r="R4844" s="76"/>
      <c r="S4844" s="76"/>
      <c r="T4844" s="76"/>
      <c r="U4844" s="76"/>
      <c r="V4844" s="76"/>
      <c r="W4844" s="76"/>
      <c r="X4844" s="76"/>
      <c r="Y4844" s="76"/>
      <c r="Z4844" s="76"/>
      <c r="AA4844" s="85"/>
      <c r="AB4844" s="85"/>
      <c r="AC4844" s="85"/>
      <c r="AD4844" s="85"/>
      <c r="AE4844" s="85"/>
      <c r="AF4844" s="85"/>
      <c r="AG4844" s="86"/>
      <c r="AH4844" s="85"/>
      <c r="AI4844" s="85"/>
      <c r="AJ4844" s="85"/>
      <c r="AK4844" s="85"/>
      <c r="AL4844" s="85"/>
      <c r="AM4844" s="92"/>
      <c r="AN4844" s="92"/>
      <c r="AO4844" s="92"/>
      <c r="AP4844" s="92"/>
      <c r="AQ4844" s="92"/>
      <c r="AR4844" s="92"/>
      <c r="AS4844" s="92"/>
      <c r="AT4844" s="92"/>
      <c r="AU4844" s="92"/>
      <c r="AV4844" s="92"/>
      <c r="AW4844" s="92"/>
      <c r="AX4844" s="92"/>
      <c r="AY4844" s="92"/>
      <c r="AZ4844" s="93"/>
      <c r="BA4844" s="93"/>
      <c r="BB4844" s="93"/>
      <c r="BC4844" s="93"/>
      <c r="BD4844" s="93"/>
      <c r="BE4844" s="93"/>
      <c r="BF4844" s="93"/>
      <c r="BG4844" s="93"/>
      <c r="BH4844" s="93"/>
      <c r="BI4844" s="93"/>
      <c r="BJ4844" s="93"/>
      <c r="BK4844" s="93"/>
      <c r="BL4844" s="93"/>
    </row>
    <row r="4845" spans="2:64" x14ac:dyDescent="0.2">
      <c r="B4845" s="43"/>
      <c r="C4845" s="73"/>
      <c r="D4845" s="64"/>
      <c r="E4845" s="55"/>
      <c r="F4845" s="74"/>
      <c r="G4845" s="74"/>
      <c r="H4845" s="74"/>
      <c r="I4845" s="75"/>
      <c r="J4845" s="74"/>
      <c r="L4845" s="55"/>
      <c r="M4845" s="234"/>
      <c r="N4845" s="65"/>
      <c r="O4845" s="76"/>
      <c r="P4845" s="76"/>
      <c r="Q4845" s="65"/>
      <c r="R4845" s="76"/>
      <c r="S4845" s="76"/>
      <c r="T4845" s="76"/>
      <c r="U4845" s="76"/>
      <c r="V4845" s="76"/>
      <c r="W4845" s="76"/>
      <c r="X4845" s="76"/>
      <c r="Y4845" s="76"/>
      <c r="Z4845" s="76"/>
      <c r="AA4845" s="85"/>
      <c r="AB4845" s="85"/>
      <c r="AC4845" s="85"/>
      <c r="AD4845" s="85"/>
      <c r="AE4845" s="85"/>
      <c r="AF4845" s="85"/>
      <c r="AG4845" s="86"/>
      <c r="AH4845" s="85"/>
      <c r="AI4845" s="85"/>
      <c r="AJ4845" s="85"/>
      <c r="AK4845" s="85"/>
      <c r="AL4845" s="85"/>
      <c r="AM4845" s="92"/>
      <c r="AN4845" s="92"/>
      <c r="AO4845" s="92"/>
      <c r="AP4845" s="92"/>
      <c r="AQ4845" s="92"/>
      <c r="AR4845" s="92"/>
      <c r="AS4845" s="92"/>
      <c r="AT4845" s="92"/>
      <c r="AU4845" s="92"/>
      <c r="AV4845" s="92"/>
      <c r="AW4845" s="92"/>
      <c r="AX4845" s="92"/>
      <c r="AY4845" s="92"/>
      <c r="AZ4845" s="93"/>
      <c r="BA4845" s="93"/>
      <c r="BB4845" s="93"/>
      <c r="BC4845" s="93"/>
      <c r="BD4845" s="93"/>
      <c r="BE4845" s="93"/>
      <c r="BF4845" s="93"/>
      <c r="BG4845" s="93"/>
      <c r="BH4845" s="93"/>
      <c r="BI4845" s="93"/>
      <c r="BJ4845" s="93"/>
      <c r="BK4845" s="93"/>
      <c r="BL4845" s="93"/>
    </row>
    <row r="4846" spans="2:64" x14ac:dyDescent="0.2">
      <c r="B4846" s="43"/>
      <c r="C4846" s="73"/>
      <c r="D4846" s="64"/>
      <c r="E4846" s="55"/>
      <c r="F4846" s="74"/>
      <c r="G4846" s="74"/>
      <c r="H4846" s="74"/>
      <c r="I4846" s="75"/>
      <c r="J4846" s="74"/>
      <c r="L4846" s="55"/>
      <c r="M4846" s="234"/>
      <c r="N4846" s="65"/>
      <c r="O4846" s="76"/>
      <c r="P4846" s="76"/>
      <c r="Q4846" s="65"/>
      <c r="R4846" s="76"/>
      <c r="S4846" s="76"/>
      <c r="T4846" s="76"/>
      <c r="U4846" s="76"/>
      <c r="V4846" s="76"/>
      <c r="W4846" s="76"/>
      <c r="X4846" s="76"/>
      <c r="Y4846" s="76"/>
      <c r="Z4846" s="76"/>
      <c r="AA4846" s="85"/>
      <c r="AB4846" s="85"/>
      <c r="AC4846" s="85"/>
      <c r="AD4846" s="85"/>
      <c r="AE4846" s="85"/>
      <c r="AF4846" s="85"/>
      <c r="AG4846" s="86"/>
      <c r="AH4846" s="85"/>
      <c r="AI4846" s="85"/>
      <c r="AJ4846" s="85"/>
      <c r="AK4846" s="85"/>
      <c r="AL4846" s="85"/>
      <c r="AM4846" s="92"/>
      <c r="AN4846" s="92"/>
      <c r="AO4846" s="92"/>
      <c r="AP4846" s="92"/>
      <c r="AQ4846" s="92"/>
      <c r="AR4846" s="92"/>
      <c r="AS4846" s="92"/>
      <c r="AT4846" s="92"/>
      <c r="AU4846" s="92"/>
      <c r="AV4846" s="92"/>
      <c r="AW4846" s="92"/>
      <c r="AX4846" s="92"/>
      <c r="AY4846" s="92"/>
      <c r="AZ4846" s="93"/>
      <c r="BA4846" s="93"/>
      <c r="BB4846" s="93"/>
      <c r="BC4846" s="93"/>
      <c r="BD4846" s="93"/>
      <c r="BE4846" s="93"/>
      <c r="BF4846" s="93"/>
      <c r="BG4846" s="93"/>
      <c r="BH4846" s="93"/>
      <c r="BI4846" s="93"/>
      <c r="BJ4846" s="93"/>
      <c r="BK4846" s="93"/>
      <c r="BL4846" s="93"/>
    </row>
    <row r="4847" spans="2:64" x14ac:dyDescent="0.2">
      <c r="B4847" s="43"/>
      <c r="C4847" s="73"/>
      <c r="D4847" s="64"/>
      <c r="E4847" s="55"/>
      <c r="F4847" s="74"/>
      <c r="G4847" s="74"/>
      <c r="H4847" s="74"/>
      <c r="I4847" s="75"/>
      <c r="J4847" s="74"/>
      <c r="L4847" s="55"/>
      <c r="M4847" s="234"/>
      <c r="N4847" s="65"/>
      <c r="O4847" s="76"/>
      <c r="P4847" s="76"/>
      <c r="Q4847" s="65"/>
      <c r="R4847" s="76"/>
      <c r="S4847" s="76"/>
      <c r="T4847" s="76"/>
      <c r="U4847" s="76"/>
      <c r="V4847" s="76"/>
      <c r="W4847" s="76"/>
      <c r="X4847" s="76"/>
      <c r="Y4847" s="76"/>
      <c r="Z4847" s="76"/>
      <c r="AA4847" s="85"/>
      <c r="AB4847" s="85"/>
      <c r="AC4847" s="85"/>
      <c r="AD4847" s="85"/>
      <c r="AE4847" s="85"/>
      <c r="AF4847" s="85"/>
      <c r="AG4847" s="86"/>
      <c r="AH4847" s="85"/>
      <c r="AI4847" s="85"/>
      <c r="AJ4847" s="85"/>
      <c r="AK4847" s="85"/>
      <c r="AL4847" s="85"/>
      <c r="AM4847" s="92"/>
      <c r="AN4847" s="92"/>
      <c r="AO4847" s="92"/>
      <c r="AP4847" s="92"/>
      <c r="AQ4847" s="92"/>
      <c r="AR4847" s="92"/>
      <c r="AS4847" s="92"/>
      <c r="AT4847" s="92"/>
      <c r="AU4847" s="92"/>
      <c r="AV4847" s="92"/>
      <c r="AW4847" s="92"/>
      <c r="AX4847" s="92"/>
      <c r="AY4847" s="92"/>
      <c r="AZ4847" s="93"/>
      <c r="BA4847" s="93"/>
      <c r="BB4847" s="93"/>
      <c r="BC4847" s="93"/>
      <c r="BD4847" s="93"/>
      <c r="BE4847" s="93"/>
      <c r="BF4847" s="93"/>
      <c r="BG4847" s="93"/>
      <c r="BH4847" s="93"/>
      <c r="BI4847" s="93"/>
      <c r="BJ4847" s="93"/>
      <c r="BK4847" s="93"/>
      <c r="BL4847" s="93"/>
    </row>
    <row r="4848" spans="2:64" x14ac:dyDescent="0.2">
      <c r="B4848" s="43"/>
      <c r="C4848" s="73"/>
      <c r="D4848" s="64"/>
      <c r="E4848" s="55"/>
      <c r="F4848" s="74"/>
      <c r="G4848" s="74"/>
      <c r="H4848" s="74"/>
      <c r="I4848" s="75"/>
      <c r="J4848" s="74"/>
      <c r="L4848" s="55"/>
      <c r="M4848" s="234"/>
      <c r="N4848" s="65"/>
      <c r="O4848" s="76"/>
      <c r="P4848" s="76"/>
      <c r="Q4848" s="65"/>
      <c r="R4848" s="76"/>
      <c r="S4848" s="76"/>
      <c r="T4848" s="76"/>
      <c r="U4848" s="76"/>
      <c r="V4848" s="76"/>
      <c r="W4848" s="76"/>
      <c r="X4848" s="76"/>
      <c r="Y4848" s="76"/>
      <c r="Z4848" s="76"/>
      <c r="AA4848" s="85"/>
      <c r="AB4848" s="85"/>
      <c r="AC4848" s="85"/>
      <c r="AD4848" s="85"/>
      <c r="AE4848" s="85"/>
      <c r="AF4848" s="85"/>
      <c r="AG4848" s="86"/>
      <c r="AH4848" s="85"/>
      <c r="AI4848" s="85"/>
      <c r="AJ4848" s="85"/>
      <c r="AK4848" s="85"/>
      <c r="AL4848" s="85"/>
      <c r="AM4848" s="92"/>
      <c r="AN4848" s="92"/>
      <c r="AO4848" s="92"/>
      <c r="AP4848" s="92"/>
      <c r="AQ4848" s="92"/>
      <c r="AR4848" s="92"/>
      <c r="AS4848" s="92"/>
      <c r="AT4848" s="92"/>
      <c r="AU4848" s="92"/>
      <c r="AV4848" s="92"/>
      <c r="AW4848" s="92"/>
      <c r="AX4848" s="92"/>
      <c r="AY4848" s="92"/>
      <c r="AZ4848" s="93"/>
      <c r="BA4848" s="93"/>
      <c r="BB4848" s="93"/>
      <c r="BC4848" s="93"/>
      <c r="BD4848" s="93"/>
      <c r="BE4848" s="93"/>
      <c r="BF4848" s="93"/>
      <c r="BG4848" s="93"/>
      <c r="BH4848" s="93"/>
      <c r="BI4848" s="93"/>
      <c r="BJ4848" s="93"/>
      <c r="BK4848" s="93"/>
      <c r="BL4848" s="93"/>
    </row>
    <row r="4849" spans="2:64" x14ac:dyDescent="0.2">
      <c r="B4849" s="43"/>
      <c r="C4849" s="73"/>
      <c r="D4849" s="64"/>
      <c r="E4849" s="55"/>
      <c r="F4849" s="74"/>
      <c r="G4849" s="74"/>
      <c r="H4849" s="74"/>
      <c r="I4849" s="75"/>
      <c r="J4849" s="74"/>
      <c r="L4849" s="55"/>
      <c r="M4849" s="234"/>
      <c r="N4849" s="65"/>
      <c r="O4849" s="76"/>
      <c r="P4849" s="76"/>
      <c r="Q4849" s="65"/>
      <c r="R4849" s="76"/>
      <c r="S4849" s="76"/>
      <c r="T4849" s="76"/>
      <c r="U4849" s="76"/>
      <c r="V4849" s="76"/>
      <c r="W4849" s="76"/>
      <c r="X4849" s="76"/>
      <c r="Y4849" s="76"/>
      <c r="Z4849" s="76"/>
      <c r="AA4849" s="85"/>
      <c r="AB4849" s="85"/>
      <c r="AC4849" s="85"/>
      <c r="AD4849" s="85"/>
      <c r="AE4849" s="85"/>
      <c r="AF4849" s="85"/>
      <c r="AG4849" s="86"/>
      <c r="AH4849" s="85"/>
      <c r="AI4849" s="85"/>
      <c r="AJ4849" s="85"/>
      <c r="AK4849" s="85"/>
      <c r="AL4849" s="85"/>
      <c r="AM4849" s="92"/>
      <c r="AN4849" s="92"/>
      <c r="AO4849" s="92"/>
      <c r="AP4849" s="92"/>
      <c r="AQ4849" s="92"/>
      <c r="AR4849" s="92"/>
      <c r="AS4849" s="92"/>
      <c r="AT4849" s="92"/>
      <c r="AU4849" s="92"/>
      <c r="AV4849" s="92"/>
      <c r="AW4849" s="92"/>
      <c r="AX4849" s="92"/>
      <c r="AY4849" s="92"/>
      <c r="AZ4849" s="93"/>
      <c r="BA4849" s="93"/>
      <c r="BB4849" s="93"/>
      <c r="BC4849" s="93"/>
      <c r="BD4849" s="93"/>
      <c r="BE4849" s="93"/>
      <c r="BF4849" s="93"/>
      <c r="BG4849" s="93"/>
      <c r="BH4849" s="93"/>
      <c r="BI4849" s="93"/>
      <c r="BJ4849" s="93"/>
      <c r="BK4849" s="93"/>
      <c r="BL4849" s="93"/>
    </row>
    <row r="4850" spans="2:64" x14ac:dyDescent="0.2">
      <c r="B4850" s="43"/>
      <c r="C4850" s="73"/>
      <c r="D4850" s="64"/>
      <c r="E4850" s="55"/>
      <c r="F4850" s="74"/>
      <c r="G4850" s="74"/>
      <c r="H4850" s="74"/>
      <c r="I4850" s="75"/>
      <c r="J4850" s="74"/>
      <c r="L4850" s="55"/>
      <c r="M4850" s="234"/>
      <c r="N4850" s="65"/>
      <c r="O4850" s="76"/>
      <c r="P4850" s="76"/>
      <c r="Q4850" s="65"/>
      <c r="R4850" s="76"/>
      <c r="S4850" s="76"/>
      <c r="T4850" s="76"/>
      <c r="U4850" s="76"/>
      <c r="V4850" s="76"/>
      <c r="W4850" s="76"/>
      <c r="X4850" s="76"/>
      <c r="Y4850" s="76"/>
      <c r="Z4850" s="76"/>
      <c r="AA4850" s="85"/>
      <c r="AB4850" s="85"/>
      <c r="AC4850" s="85"/>
      <c r="AD4850" s="85"/>
      <c r="AE4850" s="85"/>
      <c r="AF4850" s="85"/>
      <c r="AG4850" s="86"/>
      <c r="AH4850" s="85"/>
      <c r="AI4850" s="85"/>
      <c r="AJ4850" s="85"/>
      <c r="AK4850" s="85"/>
      <c r="AL4850" s="85"/>
      <c r="AM4850" s="92"/>
      <c r="AN4850" s="92"/>
      <c r="AO4850" s="92"/>
      <c r="AP4850" s="92"/>
      <c r="AQ4850" s="92"/>
      <c r="AR4850" s="92"/>
      <c r="AS4850" s="92"/>
      <c r="AT4850" s="92"/>
      <c r="AU4850" s="92"/>
      <c r="AV4850" s="92"/>
      <c r="AW4850" s="92"/>
      <c r="AX4850" s="92"/>
      <c r="AY4850" s="92"/>
      <c r="AZ4850" s="93"/>
      <c r="BA4850" s="93"/>
      <c r="BB4850" s="93"/>
      <c r="BC4850" s="93"/>
      <c r="BD4850" s="93"/>
      <c r="BE4850" s="93"/>
      <c r="BF4850" s="93"/>
      <c r="BG4850" s="93"/>
      <c r="BH4850" s="93"/>
      <c r="BI4850" s="93"/>
      <c r="BJ4850" s="93"/>
      <c r="BK4850" s="93"/>
      <c r="BL4850" s="93"/>
    </row>
    <row r="4851" spans="2:64" x14ac:dyDescent="0.2">
      <c r="B4851" s="43"/>
      <c r="C4851" s="73"/>
      <c r="D4851" s="64"/>
      <c r="E4851" s="55"/>
      <c r="F4851" s="74"/>
      <c r="G4851" s="74"/>
      <c r="H4851" s="74"/>
      <c r="I4851" s="75"/>
      <c r="J4851" s="74"/>
      <c r="L4851" s="55"/>
      <c r="M4851" s="234"/>
      <c r="N4851" s="65"/>
      <c r="O4851" s="76"/>
      <c r="P4851" s="76"/>
      <c r="Q4851" s="65"/>
      <c r="R4851" s="76"/>
      <c r="S4851" s="76"/>
      <c r="T4851" s="76"/>
      <c r="U4851" s="76"/>
      <c r="V4851" s="76"/>
      <c r="W4851" s="76"/>
      <c r="X4851" s="76"/>
      <c r="Y4851" s="76"/>
      <c r="Z4851" s="76"/>
      <c r="AA4851" s="85"/>
      <c r="AB4851" s="85"/>
      <c r="AC4851" s="85"/>
      <c r="AD4851" s="85"/>
      <c r="AE4851" s="85"/>
      <c r="AF4851" s="85"/>
      <c r="AG4851" s="86"/>
      <c r="AH4851" s="85"/>
      <c r="AI4851" s="85"/>
      <c r="AJ4851" s="85"/>
      <c r="AK4851" s="85"/>
      <c r="AL4851" s="85"/>
      <c r="AM4851" s="92"/>
      <c r="AN4851" s="92"/>
      <c r="AO4851" s="92"/>
      <c r="AP4851" s="92"/>
      <c r="AQ4851" s="92"/>
      <c r="AR4851" s="92"/>
      <c r="AS4851" s="92"/>
      <c r="AT4851" s="92"/>
      <c r="AU4851" s="92"/>
      <c r="AV4851" s="92"/>
      <c r="AW4851" s="92"/>
      <c r="AX4851" s="92"/>
      <c r="AY4851" s="92"/>
      <c r="AZ4851" s="93"/>
      <c r="BA4851" s="93"/>
      <c r="BB4851" s="93"/>
      <c r="BC4851" s="93"/>
      <c r="BD4851" s="93"/>
      <c r="BE4851" s="93"/>
      <c r="BF4851" s="93"/>
      <c r="BG4851" s="93"/>
      <c r="BH4851" s="93"/>
      <c r="BI4851" s="93"/>
      <c r="BJ4851" s="93"/>
      <c r="BK4851" s="93"/>
      <c r="BL4851" s="93"/>
    </row>
    <row r="4852" spans="2:64" x14ac:dyDescent="0.2">
      <c r="B4852" s="43"/>
      <c r="C4852" s="73"/>
      <c r="D4852" s="64"/>
      <c r="E4852" s="55"/>
      <c r="F4852" s="74"/>
      <c r="G4852" s="74"/>
      <c r="H4852" s="74"/>
      <c r="I4852" s="75"/>
      <c r="J4852" s="74"/>
      <c r="L4852" s="55"/>
      <c r="M4852" s="234"/>
      <c r="N4852" s="65"/>
      <c r="O4852" s="76"/>
      <c r="P4852" s="76"/>
      <c r="Q4852" s="65"/>
      <c r="R4852" s="76"/>
      <c r="S4852" s="76"/>
      <c r="T4852" s="76"/>
      <c r="U4852" s="76"/>
      <c r="V4852" s="76"/>
      <c r="W4852" s="76"/>
      <c r="X4852" s="76"/>
      <c r="Y4852" s="76"/>
      <c r="Z4852" s="76"/>
      <c r="AA4852" s="85"/>
      <c r="AB4852" s="85"/>
      <c r="AC4852" s="85"/>
      <c r="AD4852" s="85"/>
      <c r="AE4852" s="85"/>
      <c r="AF4852" s="85"/>
      <c r="AG4852" s="86"/>
      <c r="AH4852" s="85"/>
      <c r="AI4852" s="85"/>
      <c r="AJ4852" s="85"/>
      <c r="AK4852" s="85"/>
      <c r="AL4852" s="85"/>
      <c r="AM4852" s="92"/>
      <c r="AN4852" s="92"/>
      <c r="AO4852" s="92"/>
      <c r="AP4852" s="92"/>
      <c r="AQ4852" s="92"/>
      <c r="AR4852" s="92"/>
      <c r="AS4852" s="92"/>
      <c r="AT4852" s="92"/>
      <c r="AU4852" s="92"/>
      <c r="AV4852" s="92"/>
      <c r="AW4852" s="92"/>
      <c r="AX4852" s="92"/>
      <c r="AY4852" s="92"/>
      <c r="AZ4852" s="93"/>
      <c r="BA4852" s="93"/>
      <c r="BB4852" s="93"/>
      <c r="BC4852" s="93"/>
      <c r="BD4852" s="93"/>
      <c r="BE4852" s="93"/>
      <c r="BF4852" s="93"/>
      <c r="BG4852" s="93"/>
      <c r="BH4852" s="93"/>
      <c r="BI4852" s="93"/>
      <c r="BJ4852" s="93"/>
      <c r="BK4852" s="93"/>
      <c r="BL4852" s="93"/>
    </row>
    <row r="4853" spans="2:64" x14ac:dyDescent="0.2">
      <c r="B4853" s="43"/>
      <c r="C4853" s="73"/>
      <c r="D4853" s="64"/>
      <c r="E4853" s="55"/>
      <c r="F4853" s="74"/>
      <c r="G4853" s="74"/>
      <c r="H4853" s="74"/>
      <c r="I4853" s="75"/>
      <c r="J4853" s="74"/>
      <c r="L4853" s="55"/>
      <c r="M4853" s="234"/>
      <c r="N4853" s="65"/>
      <c r="O4853" s="76"/>
      <c r="P4853" s="76"/>
      <c r="Q4853" s="65"/>
      <c r="R4853" s="76"/>
      <c r="S4853" s="76"/>
      <c r="T4853" s="76"/>
      <c r="U4853" s="76"/>
      <c r="V4853" s="76"/>
      <c r="W4853" s="76"/>
      <c r="X4853" s="76"/>
      <c r="Y4853" s="76"/>
      <c r="Z4853" s="76"/>
      <c r="AA4853" s="85"/>
      <c r="AB4853" s="85"/>
      <c r="AC4853" s="85"/>
      <c r="AD4853" s="85"/>
      <c r="AE4853" s="85"/>
      <c r="AF4853" s="85"/>
      <c r="AG4853" s="86"/>
      <c r="AH4853" s="85"/>
      <c r="AI4853" s="85"/>
      <c r="AJ4853" s="85"/>
      <c r="AK4853" s="85"/>
      <c r="AL4853" s="85"/>
      <c r="AM4853" s="92"/>
      <c r="AN4853" s="92"/>
      <c r="AO4853" s="92"/>
      <c r="AP4853" s="92"/>
      <c r="AQ4853" s="92"/>
      <c r="AR4853" s="92"/>
      <c r="AS4853" s="92"/>
      <c r="AT4853" s="92"/>
      <c r="AU4853" s="92"/>
      <c r="AV4853" s="92"/>
      <c r="AW4853" s="92"/>
      <c r="AX4853" s="92"/>
      <c r="AY4853" s="92"/>
      <c r="AZ4853" s="93"/>
      <c r="BA4853" s="93"/>
      <c r="BB4853" s="93"/>
      <c r="BC4853" s="93"/>
      <c r="BD4853" s="93"/>
      <c r="BE4853" s="93"/>
      <c r="BF4853" s="93"/>
      <c r="BG4853" s="93"/>
      <c r="BH4853" s="93"/>
      <c r="BI4853" s="93"/>
      <c r="BJ4853" s="93"/>
      <c r="BK4853" s="93"/>
      <c r="BL4853" s="93"/>
    </row>
    <row r="4854" spans="2:64" x14ac:dyDescent="0.2">
      <c r="B4854" s="43"/>
      <c r="C4854" s="73"/>
      <c r="D4854" s="64"/>
      <c r="E4854" s="55"/>
      <c r="F4854" s="74"/>
      <c r="G4854" s="74"/>
      <c r="H4854" s="74"/>
      <c r="I4854" s="75"/>
      <c r="J4854" s="74"/>
      <c r="L4854" s="55"/>
      <c r="M4854" s="234"/>
      <c r="N4854" s="65"/>
      <c r="O4854" s="76"/>
      <c r="P4854" s="76"/>
      <c r="Q4854" s="65"/>
      <c r="R4854" s="76"/>
      <c r="S4854" s="76"/>
      <c r="T4854" s="76"/>
      <c r="U4854" s="76"/>
      <c r="V4854" s="76"/>
      <c r="W4854" s="76"/>
      <c r="X4854" s="76"/>
      <c r="Y4854" s="76"/>
      <c r="Z4854" s="76"/>
      <c r="AA4854" s="85"/>
      <c r="AB4854" s="85"/>
      <c r="AC4854" s="85"/>
      <c r="AD4854" s="85"/>
      <c r="AE4854" s="85"/>
      <c r="AF4854" s="85"/>
      <c r="AG4854" s="86"/>
      <c r="AH4854" s="85"/>
      <c r="AI4854" s="85"/>
      <c r="AJ4854" s="85"/>
      <c r="AK4854" s="85"/>
      <c r="AL4854" s="85"/>
      <c r="AM4854" s="92"/>
      <c r="AN4854" s="92"/>
      <c r="AO4854" s="92"/>
      <c r="AP4854" s="92"/>
      <c r="AQ4854" s="92"/>
      <c r="AR4854" s="92"/>
      <c r="AS4854" s="92"/>
      <c r="AT4854" s="92"/>
      <c r="AU4854" s="92"/>
      <c r="AV4854" s="92"/>
      <c r="AW4854" s="92"/>
      <c r="AX4854" s="92"/>
      <c r="AY4854" s="92"/>
      <c r="AZ4854" s="93"/>
      <c r="BA4854" s="93"/>
      <c r="BB4854" s="93"/>
      <c r="BC4854" s="93"/>
      <c r="BD4854" s="93"/>
      <c r="BE4854" s="93"/>
      <c r="BF4854" s="93"/>
      <c r="BG4854" s="93"/>
      <c r="BH4854" s="93"/>
      <c r="BI4854" s="93"/>
      <c r="BJ4854" s="93"/>
      <c r="BK4854" s="93"/>
      <c r="BL4854" s="93"/>
    </row>
    <row r="4855" spans="2:64" x14ac:dyDescent="0.2">
      <c r="B4855" s="43"/>
      <c r="C4855" s="73"/>
      <c r="D4855" s="64"/>
      <c r="E4855" s="55"/>
      <c r="F4855" s="74"/>
      <c r="G4855" s="74"/>
      <c r="H4855" s="74"/>
      <c r="I4855" s="75"/>
      <c r="J4855" s="74"/>
      <c r="L4855" s="55"/>
      <c r="M4855" s="234"/>
      <c r="N4855" s="65"/>
      <c r="O4855" s="76"/>
      <c r="P4855" s="76"/>
      <c r="Q4855" s="65"/>
      <c r="R4855" s="76"/>
      <c r="S4855" s="76"/>
      <c r="T4855" s="76"/>
      <c r="U4855" s="76"/>
      <c r="V4855" s="76"/>
      <c r="W4855" s="76"/>
      <c r="X4855" s="76"/>
      <c r="Y4855" s="76"/>
      <c r="Z4855" s="76"/>
      <c r="AA4855" s="85"/>
      <c r="AB4855" s="85"/>
      <c r="AC4855" s="85"/>
      <c r="AD4855" s="85"/>
      <c r="AE4855" s="85"/>
      <c r="AF4855" s="85"/>
      <c r="AG4855" s="86"/>
      <c r="AH4855" s="85"/>
      <c r="AI4855" s="85"/>
      <c r="AJ4855" s="85"/>
      <c r="AK4855" s="85"/>
      <c r="AL4855" s="85"/>
      <c r="AM4855" s="92"/>
      <c r="AN4855" s="92"/>
      <c r="AO4855" s="92"/>
      <c r="AP4855" s="92"/>
      <c r="AQ4855" s="92"/>
      <c r="AR4855" s="92"/>
      <c r="AS4855" s="92"/>
      <c r="AT4855" s="92"/>
      <c r="AU4855" s="92"/>
      <c r="AV4855" s="92"/>
      <c r="AW4855" s="92"/>
      <c r="AX4855" s="92"/>
      <c r="AY4855" s="92"/>
      <c r="AZ4855" s="93"/>
      <c r="BA4855" s="93"/>
      <c r="BB4855" s="93"/>
      <c r="BC4855" s="93"/>
      <c r="BD4855" s="93"/>
      <c r="BE4855" s="93"/>
      <c r="BF4855" s="93"/>
      <c r="BG4855" s="93"/>
      <c r="BH4855" s="93"/>
      <c r="BI4855" s="93"/>
      <c r="BJ4855" s="93"/>
      <c r="BK4855" s="93"/>
      <c r="BL4855" s="93"/>
    </row>
    <row r="4856" spans="2:64" x14ac:dyDescent="0.2">
      <c r="B4856" s="43"/>
      <c r="C4856" s="73"/>
      <c r="D4856" s="64"/>
      <c r="E4856" s="55"/>
      <c r="F4856" s="74"/>
      <c r="G4856" s="74"/>
      <c r="H4856" s="74"/>
      <c r="I4856" s="75"/>
      <c r="J4856" s="74"/>
      <c r="L4856" s="55"/>
      <c r="M4856" s="234"/>
      <c r="N4856" s="65"/>
      <c r="O4856" s="76"/>
      <c r="P4856" s="76"/>
      <c r="Q4856" s="65"/>
      <c r="R4856" s="76"/>
      <c r="S4856" s="76"/>
      <c r="T4856" s="76"/>
      <c r="U4856" s="76"/>
      <c r="V4856" s="76"/>
      <c r="W4856" s="76"/>
      <c r="X4856" s="76"/>
      <c r="Y4856" s="76"/>
      <c r="Z4856" s="76"/>
      <c r="AA4856" s="85"/>
      <c r="AB4856" s="85"/>
      <c r="AC4856" s="85"/>
      <c r="AD4856" s="85"/>
      <c r="AE4856" s="85"/>
      <c r="AF4856" s="85"/>
      <c r="AG4856" s="86"/>
      <c r="AH4856" s="85"/>
      <c r="AI4856" s="85"/>
      <c r="AJ4856" s="85"/>
      <c r="AK4856" s="85"/>
      <c r="AL4856" s="85"/>
      <c r="AM4856" s="92"/>
      <c r="AN4856" s="92"/>
      <c r="AO4856" s="92"/>
      <c r="AP4856" s="92"/>
      <c r="AQ4856" s="92"/>
      <c r="AR4856" s="92"/>
      <c r="AS4856" s="92"/>
      <c r="AT4856" s="92"/>
      <c r="AU4856" s="92"/>
      <c r="AV4856" s="92"/>
      <c r="AW4856" s="92"/>
      <c r="AX4856" s="92"/>
      <c r="AY4856" s="92"/>
      <c r="AZ4856" s="93"/>
      <c r="BA4856" s="93"/>
      <c r="BB4856" s="93"/>
      <c r="BC4856" s="93"/>
      <c r="BD4856" s="93"/>
      <c r="BE4856" s="93"/>
      <c r="BF4856" s="93"/>
      <c r="BG4856" s="93"/>
      <c r="BH4856" s="93"/>
      <c r="BI4856" s="93"/>
      <c r="BJ4856" s="93"/>
      <c r="BK4856" s="93"/>
      <c r="BL4856" s="93"/>
    </row>
    <row r="4857" spans="2:64" x14ac:dyDescent="0.2">
      <c r="B4857" s="43"/>
      <c r="C4857" s="73"/>
      <c r="D4857" s="64"/>
      <c r="E4857" s="55"/>
      <c r="F4857" s="74"/>
      <c r="G4857" s="74"/>
      <c r="H4857" s="74"/>
      <c r="I4857" s="75"/>
      <c r="J4857" s="74"/>
      <c r="L4857" s="55"/>
      <c r="M4857" s="234"/>
      <c r="N4857" s="65"/>
      <c r="O4857" s="76"/>
      <c r="P4857" s="76"/>
      <c r="Q4857" s="65"/>
      <c r="R4857" s="76"/>
      <c r="S4857" s="76"/>
      <c r="T4857" s="76"/>
      <c r="U4857" s="76"/>
      <c r="V4857" s="76"/>
      <c r="W4857" s="76"/>
      <c r="X4857" s="76"/>
      <c r="Y4857" s="76"/>
      <c r="Z4857" s="76"/>
      <c r="AA4857" s="85"/>
      <c r="AB4857" s="85"/>
      <c r="AC4857" s="85"/>
      <c r="AD4857" s="85"/>
      <c r="AE4857" s="85"/>
      <c r="AF4857" s="85"/>
      <c r="AG4857" s="86"/>
      <c r="AH4857" s="85"/>
      <c r="AI4857" s="85"/>
      <c r="AJ4857" s="85"/>
      <c r="AK4857" s="85"/>
      <c r="AL4857" s="85"/>
      <c r="AM4857" s="92"/>
      <c r="AN4857" s="92"/>
      <c r="AO4857" s="92"/>
      <c r="AP4857" s="92"/>
      <c r="AQ4857" s="92"/>
      <c r="AR4857" s="92"/>
      <c r="AS4857" s="92"/>
      <c r="AT4857" s="92"/>
      <c r="AU4857" s="92"/>
      <c r="AV4857" s="92"/>
      <c r="AW4857" s="92"/>
      <c r="AX4857" s="92"/>
      <c r="AY4857" s="92"/>
      <c r="AZ4857" s="93"/>
      <c r="BA4857" s="93"/>
      <c r="BB4857" s="93"/>
      <c r="BC4857" s="93"/>
      <c r="BD4857" s="93"/>
      <c r="BE4857" s="93"/>
      <c r="BF4857" s="93"/>
      <c r="BG4857" s="93"/>
      <c r="BH4857" s="93"/>
      <c r="BI4857" s="93"/>
      <c r="BJ4857" s="93"/>
      <c r="BK4857" s="93"/>
      <c r="BL4857" s="93"/>
    </row>
    <row r="4858" spans="2:64" x14ac:dyDescent="0.2">
      <c r="B4858" s="43"/>
      <c r="C4858" s="73"/>
      <c r="D4858" s="64"/>
      <c r="E4858" s="55"/>
      <c r="F4858" s="74"/>
      <c r="G4858" s="74"/>
      <c r="H4858" s="74"/>
      <c r="I4858" s="75"/>
      <c r="J4858" s="74"/>
      <c r="L4858" s="55"/>
      <c r="M4858" s="234"/>
      <c r="N4858" s="65"/>
      <c r="O4858" s="76"/>
      <c r="P4858" s="76"/>
      <c r="Q4858" s="65"/>
      <c r="R4858" s="76"/>
      <c r="S4858" s="76"/>
      <c r="T4858" s="76"/>
      <c r="U4858" s="76"/>
      <c r="V4858" s="76"/>
      <c r="W4858" s="76"/>
      <c r="X4858" s="76"/>
      <c r="Y4858" s="76"/>
      <c r="Z4858" s="76"/>
      <c r="AA4858" s="85"/>
      <c r="AB4858" s="85"/>
      <c r="AC4858" s="85"/>
      <c r="AD4858" s="85"/>
      <c r="AE4858" s="85"/>
      <c r="AF4858" s="85"/>
      <c r="AG4858" s="86"/>
      <c r="AH4858" s="85"/>
      <c r="AI4858" s="85"/>
      <c r="AJ4858" s="85"/>
      <c r="AK4858" s="85"/>
      <c r="AL4858" s="85"/>
      <c r="AM4858" s="92"/>
      <c r="AN4858" s="92"/>
      <c r="AO4858" s="92"/>
      <c r="AP4858" s="92"/>
      <c r="AQ4858" s="92"/>
      <c r="AR4858" s="92"/>
      <c r="AS4858" s="92"/>
      <c r="AT4858" s="92"/>
      <c r="AU4858" s="92"/>
      <c r="AV4858" s="92"/>
      <c r="AW4858" s="92"/>
      <c r="AX4858" s="92"/>
      <c r="AY4858" s="92"/>
      <c r="AZ4858" s="93"/>
      <c r="BA4858" s="93"/>
      <c r="BB4858" s="93"/>
      <c r="BC4858" s="93"/>
      <c r="BD4858" s="93"/>
      <c r="BE4858" s="93"/>
      <c r="BF4858" s="93"/>
      <c r="BG4858" s="93"/>
      <c r="BH4858" s="93"/>
      <c r="BI4858" s="93"/>
      <c r="BJ4858" s="93"/>
      <c r="BK4858" s="93"/>
      <c r="BL4858" s="93"/>
    </row>
    <row r="4859" spans="2:64" x14ac:dyDescent="0.2">
      <c r="B4859" s="43"/>
      <c r="C4859" s="73"/>
      <c r="D4859" s="64"/>
      <c r="E4859" s="55"/>
      <c r="F4859" s="74"/>
      <c r="G4859" s="74"/>
      <c r="H4859" s="74"/>
      <c r="I4859" s="75"/>
      <c r="J4859" s="74"/>
      <c r="L4859" s="55"/>
      <c r="M4859" s="234"/>
      <c r="N4859" s="65"/>
      <c r="O4859" s="76"/>
      <c r="P4859" s="76"/>
      <c r="Q4859" s="65"/>
      <c r="R4859" s="76"/>
      <c r="S4859" s="76"/>
      <c r="T4859" s="76"/>
      <c r="U4859" s="76"/>
      <c r="V4859" s="76"/>
      <c r="W4859" s="76"/>
      <c r="X4859" s="76"/>
      <c r="Y4859" s="76"/>
      <c r="Z4859" s="76"/>
      <c r="AA4859" s="85"/>
      <c r="AB4859" s="85"/>
      <c r="AC4859" s="85"/>
      <c r="AD4859" s="85"/>
      <c r="AE4859" s="85"/>
      <c r="AF4859" s="85"/>
      <c r="AG4859" s="86"/>
      <c r="AH4859" s="85"/>
      <c r="AI4859" s="85"/>
      <c r="AJ4859" s="85"/>
      <c r="AK4859" s="85"/>
      <c r="AL4859" s="85"/>
      <c r="AM4859" s="92"/>
      <c r="AN4859" s="92"/>
      <c r="AO4859" s="92"/>
      <c r="AP4859" s="92"/>
      <c r="AQ4859" s="92"/>
      <c r="AR4859" s="92"/>
      <c r="AS4859" s="92"/>
      <c r="AT4859" s="92"/>
      <c r="AU4859" s="92"/>
      <c r="AV4859" s="92"/>
      <c r="AW4859" s="92"/>
      <c r="AX4859" s="92"/>
      <c r="AY4859" s="92"/>
      <c r="AZ4859" s="93"/>
      <c r="BA4859" s="93"/>
      <c r="BB4859" s="93"/>
      <c r="BC4859" s="93"/>
      <c r="BD4859" s="93"/>
      <c r="BE4859" s="93"/>
      <c r="BF4859" s="93"/>
      <c r="BG4859" s="93"/>
      <c r="BH4859" s="93"/>
      <c r="BI4859" s="93"/>
      <c r="BJ4859" s="93"/>
      <c r="BK4859" s="93"/>
      <c r="BL4859" s="93"/>
    </row>
    <row r="4860" spans="2:64" x14ac:dyDescent="0.2">
      <c r="B4860" s="43"/>
      <c r="C4860" s="73"/>
      <c r="D4860" s="64"/>
      <c r="E4860" s="55"/>
      <c r="F4860" s="74"/>
      <c r="G4860" s="74"/>
      <c r="H4860" s="74"/>
      <c r="I4860" s="75"/>
      <c r="J4860" s="74"/>
      <c r="L4860" s="55"/>
      <c r="M4860" s="234"/>
      <c r="N4860" s="65"/>
      <c r="O4860" s="76"/>
      <c r="P4860" s="76"/>
      <c r="Q4860" s="65"/>
      <c r="R4860" s="76"/>
      <c r="S4860" s="76"/>
      <c r="T4860" s="76"/>
      <c r="U4860" s="76"/>
      <c r="V4860" s="76"/>
      <c r="W4860" s="76"/>
      <c r="X4860" s="76"/>
      <c r="Y4860" s="76"/>
      <c r="Z4860" s="76"/>
      <c r="AA4860" s="85"/>
      <c r="AB4860" s="85"/>
      <c r="AC4860" s="85"/>
      <c r="AD4860" s="85"/>
      <c r="AE4860" s="85"/>
      <c r="AF4860" s="85"/>
      <c r="AG4860" s="86"/>
      <c r="AH4860" s="85"/>
      <c r="AI4860" s="85"/>
      <c r="AJ4860" s="85"/>
      <c r="AK4860" s="85"/>
      <c r="AL4860" s="85"/>
      <c r="AM4860" s="92"/>
      <c r="AN4860" s="92"/>
      <c r="AO4860" s="92"/>
      <c r="AP4860" s="92"/>
      <c r="AQ4860" s="92"/>
      <c r="AR4860" s="92"/>
      <c r="AS4860" s="92"/>
      <c r="AT4860" s="92"/>
      <c r="AU4860" s="92"/>
      <c r="AV4860" s="92"/>
      <c r="AW4860" s="92"/>
      <c r="AX4860" s="92"/>
      <c r="AY4860" s="92"/>
      <c r="AZ4860" s="93"/>
      <c r="BA4860" s="93"/>
      <c r="BB4860" s="93"/>
      <c r="BC4860" s="93"/>
      <c r="BD4860" s="93"/>
      <c r="BE4860" s="93"/>
      <c r="BF4860" s="93"/>
      <c r="BG4860" s="93"/>
      <c r="BH4860" s="93"/>
      <c r="BI4860" s="93"/>
      <c r="BJ4860" s="93"/>
      <c r="BK4860" s="93"/>
      <c r="BL4860" s="93"/>
    </row>
    <row r="4861" spans="2:64" x14ac:dyDescent="0.2">
      <c r="B4861" s="43"/>
      <c r="C4861" s="73"/>
      <c r="D4861" s="64"/>
      <c r="E4861" s="55"/>
      <c r="F4861" s="74"/>
      <c r="G4861" s="74"/>
      <c r="H4861" s="74"/>
      <c r="I4861" s="75"/>
      <c r="J4861" s="74"/>
      <c r="L4861" s="55"/>
      <c r="M4861" s="234"/>
      <c r="N4861" s="65"/>
      <c r="O4861" s="76"/>
      <c r="P4861" s="76"/>
      <c r="Q4861" s="65"/>
      <c r="R4861" s="76"/>
      <c r="S4861" s="76"/>
      <c r="T4861" s="76"/>
      <c r="U4861" s="76"/>
      <c r="V4861" s="76"/>
      <c r="W4861" s="76"/>
      <c r="X4861" s="76"/>
      <c r="Y4861" s="76"/>
      <c r="Z4861" s="76"/>
      <c r="AA4861" s="85"/>
      <c r="AB4861" s="85"/>
      <c r="AC4861" s="85"/>
      <c r="AD4861" s="85"/>
      <c r="AE4861" s="85"/>
      <c r="AF4861" s="85"/>
      <c r="AG4861" s="86"/>
      <c r="AH4861" s="85"/>
      <c r="AI4861" s="85"/>
      <c r="AJ4861" s="85"/>
      <c r="AK4861" s="85"/>
      <c r="AL4861" s="85"/>
      <c r="AM4861" s="92"/>
      <c r="AN4861" s="92"/>
      <c r="AO4861" s="92"/>
      <c r="AP4861" s="92"/>
      <c r="AQ4861" s="92"/>
      <c r="AR4861" s="92"/>
      <c r="AS4861" s="92"/>
      <c r="AT4861" s="92"/>
      <c r="AU4861" s="92"/>
      <c r="AV4861" s="92"/>
      <c r="AW4861" s="92"/>
      <c r="AX4861" s="92"/>
      <c r="AY4861" s="92"/>
      <c r="AZ4861" s="93"/>
      <c r="BA4861" s="93"/>
      <c r="BB4861" s="93"/>
      <c r="BC4861" s="93"/>
      <c r="BD4861" s="93"/>
      <c r="BE4861" s="93"/>
      <c r="BF4861" s="93"/>
      <c r="BG4861" s="93"/>
      <c r="BH4861" s="93"/>
      <c r="BI4861" s="93"/>
      <c r="BJ4861" s="93"/>
      <c r="BK4861" s="93"/>
      <c r="BL4861" s="93"/>
    </row>
    <row r="4862" spans="2:64" x14ac:dyDescent="0.2">
      <c r="B4862" s="43"/>
      <c r="C4862" s="73"/>
      <c r="D4862" s="64"/>
      <c r="E4862" s="55"/>
      <c r="F4862" s="74"/>
      <c r="G4862" s="74"/>
      <c r="H4862" s="74"/>
      <c r="I4862" s="75"/>
      <c r="J4862" s="74"/>
      <c r="L4862" s="55"/>
      <c r="M4862" s="234"/>
      <c r="N4862" s="65"/>
      <c r="O4862" s="76"/>
      <c r="P4862" s="76"/>
      <c r="Q4862" s="65"/>
      <c r="R4862" s="76"/>
      <c r="S4862" s="76"/>
      <c r="T4862" s="76"/>
      <c r="U4862" s="76"/>
      <c r="V4862" s="76"/>
      <c r="W4862" s="76"/>
      <c r="X4862" s="76"/>
      <c r="Y4862" s="76"/>
      <c r="Z4862" s="76"/>
      <c r="AA4862" s="85"/>
      <c r="AB4862" s="85"/>
      <c r="AC4862" s="85"/>
      <c r="AD4862" s="85"/>
      <c r="AE4862" s="85"/>
      <c r="AF4862" s="85"/>
      <c r="AG4862" s="86"/>
      <c r="AH4862" s="85"/>
      <c r="AI4862" s="85"/>
      <c r="AJ4862" s="85"/>
      <c r="AK4862" s="85"/>
      <c r="AL4862" s="85"/>
      <c r="AM4862" s="92"/>
      <c r="AN4862" s="92"/>
      <c r="AO4862" s="92"/>
      <c r="AP4862" s="92"/>
      <c r="AQ4862" s="92"/>
      <c r="AR4862" s="92"/>
      <c r="AS4862" s="92"/>
      <c r="AT4862" s="92"/>
      <c r="AU4862" s="92"/>
      <c r="AV4862" s="92"/>
      <c r="AW4862" s="92"/>
      <c r="AX4862" s="92"/>
      <c r="AY4862" s="92"/>
      <c r="AZ4862" s="93"/>
      <c r="BA4862" s="93"/>
      <c r="BB4862" s="93"/>
      <c r="BC4862" s="93"/>
      <c r="BD4862" s="93"/>
      <c r="BE4862" s="93"/>
      <c r="BF4862" s="93"/>
      <c r="BG4862" s="93"/>
      <c r="BH4862" s="93"/>
      <c r="BI4862" s="93"/>
      <c r="BJ4862" s="93"/>
      <c r="BK4862" s="93"/>
      <c r="BL4862" s="93"/>
    </row>
    <row r="4863" spans="2:64" x14ac:dyDescent="0.2">
      <c r="B4863" s="43"/>
      <c r="C4863" s="73"/>
      <c r="D4863" s="64"/>
      <c r="E4863" s="55"/>
      <c r="F4863" s="74"/>
      <c r="G4863" s="74"/>
      <c r="H4863" s="74"/>
      <c r="I4863" s="75"/>
      <c r="J4863" s="74"/>
      <c r="L4863" s="55"/>
      <c r="M4863" s="234"/>
      <c r="N4863" s="65"/>
      <c r="O4863" s="76"/>
      <c r="P4863" s="76"/>
      <c r="Q4863" s="65"/>
      <c r="R4863" s="76"/>
      <c r="S4863" s="76"/>
      <c r="T4863" s="76"/>
      <c r="U4863" s="76"/>
      <c r="V4863" s="76"/>
      <c r="W4863" s="76"/>
      <c r="X4863" s="76"/>
      <c r="Y4863" s="76"/>
      <c r="Z4863" s="76"/>
      <c r="AA4863" s="85"/>
      <c r="AB4863" s="85"/>
      <c r="AC4863" s="85"/>
      <c r="AD4863" s="85"/>
      <c r="AE4863" s="85"/>
      <c r="AF4863" s="85"/>
      <c r="AG4863" s="86"/>
      <c r="AH4863" s="85"/>
      <c r="AI4863" s="85"/>
      <c r="AJ4863" s="85"/>
      <c r="AK4863" s="85"/>
      <c r="AL4863" s="85"/>
      <c r="AM4863" s="92"/>
      <c r="AN4863" s="92"/>
      <c r="AO4863" s="92"/>
      <c r="AP4863" s="92"/>
      <c r="AQ4863" s="92"/>
      <c r="AR4863" s="92"/>
      <c r="AS4863" s="92"/>
      <c r="AT4863" s="92"/>
      <c r="AU4863" s="92"/>
      <c r="AV4863" s="92"/>
      <c r="AW4863" s="92"/>
      <c r="AX4863" s="92"/>
      <c r="AY4863" s="92"/>
      <c r="AZ4863" s="93"/>
      <c r="BA4863" s="93"/>
      <c r="BB4863" s="93"/>
      <c r="BC4863" s="93"/>
      <c r="BD4863" s="93"/>
      <c r="BE4863" s="93"/>
      <c r="BF4863" s="93"/>
      <c r="BG4863" s="93"/>
      <c r="BH4863" s="93"/>
      <c r="BI4863" s="93"/>
      <c r="BJ4863" s="93"/>
      <c r="BK4863" s="93"/>
      <c r="BL4863" s="93"/>
    </row>
    <row r="4864" spans="2:64" x14ac:dyDescent="0.2">
      <c r="B4864" s="43"/>
      <c r="C4864" s="73"/>
      <c r="D4864" s="64"/>
      <c r="E4864" s="55"/>
      <c r="F4864" s="74"/>
      <c r="G4864" s="74"/>
      <c r="H4864" s="74"/>
      <c r="I4864" s="75"/>
      <c r="J4864" s="74"/>
      <c r="L4864" s="55"/>
      <c r="M4864" s="234"/>
      <c r="N4864" s="65"/>
      <c r="O4864" s="76"/>
      <c r="P4864" s="76"/>
      <c r="Q4864" s="65"/>
      <c r="R4864" s="76"/>
      <c r="S4864" s="76"/>
      <c r="T4864" s="76"/>
      <c r="U4864" s="76"/>
      <c r="V4864" s="76"/>
      <c r="W4864" s="76"/>
      <c r="X4864" s="76"/>
      <c r="Y4864" s="76"/>
      <c r="Z4864" s="76"/>
      <c r="AA4864" s="85"/>
      <c r="AB4864" s="85"/>
      <c r="AC4864" s="85"/>
      <c r="AD4864" s="85"/>
      <c r="AE4864" s="85"/>
      <c r="AF4864" s="85"/>
      <c r="AG4864" s="86"/>
      <c r="AH4864" s="85"/>
      <c r="AI4864" s="85"/>
      <c r="AJ4864" s="85"/>
      <c r="AK4864" s="85"/>
      <c r="AL4864" s="85"/>
      <c r="AM4864" s="92"/>
      <c r="AN4864" s="92"/>
      <c r="AO4864" s="92"/>
      <c r="AP4864" s="92"/>
      <c r="AQ4864" s="92"/>
      <c r="AR4864" s="92"/>
      <c r="AS4864" s="92"/>
      <c r="AT4864" s="92"/>
      <c r="AU4864" s="92"/>
      <c r="AV4864" s="92"/>
      <c r="AW4864" s="92"/>
      <c r="AX4864" s="92"/>
      <c r="AY4864" s="92"/>
      <c r="AZ4864" s="93"/>
      <c r="BA4864" s="93"/>
      <c r="BB4864" s="93"/>
      <c r="BC4864" s="93"/>
      <c r="BD4864" s="93"/>
      <c r="BE4864" s="93"/>
      <c r="BF4864" s="93"/>
      <c r="BG4864" s="93"/>
      <c r="BH4864" s="93"/>
      <c r="BI4864" s="93"/>
      <c r="BJ4864" s="93"/>
      <c r="BK4864" s="93"/>
      <c r="BL4864" s="93"/>
    </row>
    <row r="4865" spans="2:64" x14ac:dyDescent="0.2">
      <c r="B4865" s="43"/>
      <c r="C4865" s="73"/>
      <c r="D4865" s="64"/>
      <c r="E4865" s="55"/>
      <c r="F4865" s="74"/>
      <c r="G4865" s="74"/>
      <c r="H4865" s="74"/>
      <c r="I4865" s="75"/>
      <c r="J4865" s="74"/>
      <c r="L4865" s="55"/>
      <c r="M4865" s="234"/>
      <c r="N4865" s="65"/>
      <c r="O4865" s="76"/>
      <c r="P4865" s="76"/>
      <c r="Q4865" s="65"/>
      <c r="R4865" s="76"/>
      <c r="S4865" s="76"/>
      <c r="T4865" s="76"/>
      <c r="U4865" s="76"/>
      <c r="V4865" s="76"/>
      <c r="W4865" s="76"/>
      <c r="X4865" s="76"/>
      <c r="Y4865" s="76"/>
      <c r="Z4865" s="76"/>
      <c r="AA4865" s="85"/>
      <c r="AB4865" s="85"/>
      <c r="AC4865" s="85"/>
      <c r="AD4865" s="85"/>
      <c r="AE4865" s="85"/>
      <c r="AF4865" s="85"/>
      <c r="AG4865" s="86"/>
      <c r="AH4865" s="85"/>
      <c r="AI4865" s="85"/>
      <c r="AJ4865" s="85"/>
      <c r="AK4865" s="85"/>
      <c r="AL4865" s="85"/>
      <c r="AM4865" s="92"/>
      <c r="AN4865" s="92"/>
      <c r="AO4865" s="92"/>
      <c r="AP4865" s="92"/>
      <c r="AQ4865" s="92"/>
      <c r="AR4865" s="92"/>
      <c r="AS4865" s="92"/>
      <c r="AT4865" s="92"/>
      <c r="AU4865" s="92"/>
      <c r="AV4865" s="92"/>
      <c r="AW4865" s="92"/>
      <c r="AX4865" s="92"/>
      <c r="AY4865" s="92"/>
      <c r="AZ4865" s="93"/>
      <c r="BA4865" s="93"/>
      <c r="BB4865" s="93"/>
      <c r="BC4865" s="93"/>
      <c r="BD4865" s="93"/>
      <c r="BE4865" s="93"/>
      <c r="BF4865" s="93"/>
      <c r="BG4865" s="93"/>
      <c r="BH4865" s="93"/>
      <c r="BI4865" s="93"/>
      <c r="BJ4865" s="93"/>
      <c r="BK4865" s="93"/>
      <c r="BL4865" s="93"/>
    </row>
    <row r="4866" spans="2:64" x14ac:dyDescent="0.2">
      <c r="B4866" s="43"/>
      <c r="C4866" s="73"/>
      <c r="D4866" s="64"/>
      <c r="E4866" s="55"/>
      <c r="F4866" s="74"/>
      <c r="G4866" s="74"/>
      <c r="H4866" s="74"/>
      <c r="I4866" s="75"/>
      <c r="J4866" s="74"/>
      <c r="L4866" s="55"/>
      <c r="M4866" s="234"/>
      <c r="N4866" s="65"/>
      <c r="O4866" s="76"/>
      <c r="P4866" s="76"/>
      <c r="Q4866" s="65"/>
      <c r="R4866" s="76"/>
      <c r="S4866" s="76"/>
      <c r="T4866" s="76"/>
      <c r="U4866" s="76"/>
      <c r="V4866" s="76"/>
      <c r="W4866" s="76"/>
      <c r="X4866" s="76"/>
      <c r="Y4866" s="76"/>
      <c r="Z4866" s="76"/>
      <c r="AA4866" s="85"/>
      <c r="AB4866" s="85"/>
      <c r="AC4866" s="85"/>
      <c r="AD4866" s="85"/>
      <c r="AE4866" s="85"/>
      <c r="AF4866" s="85"/>
      <c r="AG4866" s="86"/>
      <c r="AH4866" s="85"/>
      <c r="AI4866" s="85"/>
      <c r="AJ4866" s="85"/>
      <c r="AK4866" s="85"/>
      <c r="AL4866" s="85"/>
      <c r="AM4866" s="92"/>
      <c r="AN4866" s="92"/>
      <c r="AO4866" s="92"/>
      <c r="AP4866" s="92"/>
      <c r="AQ4866" s="92"/>
      <c r="AR4866" s="92"/>
      <c r="AS4866" s="92"/>
      <c r="AT4866" s="92"/>
      <c r="AU4866" s="92"/>
      <c r="AV4866" s="92"/>
      <c r="AW4866" s="92"/>
      <c r="AX4866" s="92"/>
      <c r="AY4866" s="92"/>
      <c r="AZ4866" s="93"/>
      <c r="BA4866" s="93"/>
      <c r="BB4866" s="93"/>
      <c r="BC4866" s="93"/>
      <c r="BD4866" s="93"/>
      <c r="BE4866" s="93"/>
      <c r="BF4866" s="93"/>
      <c r="BG4866" s="93"/>
      <c r="BH4866" s="93"/>
      <c r="BI4866" s="93"/>
      <c r="BJ4866" s="93"/>
      <c r="BK4866" s="93"/>
      <c r="BL4866" s="93"/>
    </row>
    <row r="4867" spans="2:64" x14ac:dyDescent="0.2">
      <c r="B4867" s="43"/>
      <c r="C4867" s="73"/>
      <c r="D4867" s="64"/>
      <c r="E4867" s="55"/>
      <c r="F4867" s="74"/>
      <c r="G4867" s="74"/>
      <c r="H4867" s="74"/>
      <c r="I4867" s="75"/>
      <c r="J4867" s="74"/>
      <c r="L4867" s="55"/>
      <c r="M4867" s="234"/>
      <c r="N4867" s="65"/>
      <c r="O4867" s="76"/>
      <c r="P4867" s="76"/>
      <c r="Q4867" s="65"/>
      <c r="R4867" s="76"/>
      <c r="S4867" s="76"/>
      <c r="T4867" s="76"/>
      <c r="U4867" s="76"/>
      <c r="V4867" s="76"/>
      <c r="W4867" s="76"/>
      <c r="X4867" s="76"/>
      <c r="Y4867" s="76"/>
      <c r="Z4867" s="76"/>
      <c r="AA4867" s="85"/>
      <c r="AB4867" s="85"/>
      <c r="AC4867" s="85"/>
      <c r="AD4867" s="85"/>
      <c r="AE4867" s="85"/>
      <c r="AF4867" s="85"/>
      <c r="AG4867" s="86"/>
      <c r="AH4867" s="85"/>
      <c r="AI4867" s="85"/>
      <c r="AJ4867" s="85"/>
      <c r="AK4867" s="85"/>
      <c r="AL4867" s="85"/>
      <c r="AM4867" s="92"/>
      <c r="AN4867" s="92"/>
      <c r="AO4867" s="92"/>
      <c r="AP4867" s="92"/>
      <c r="AQ4867" s="92"/>
      <c r="AR4867" s="92"/>
      <c r="AS4867" s="92"/>
      <c r="AT4867" s="92"/>
      <c r="AU4867" s="92"/>
      <c r="AV4867" s="92"/>
      <c r="AW4867" s="92"/>
      <c r="AX4867" s="92"/>
      <c r="AY4867" s="92"/>
      <c r="AZ4867" s="93"/>
      <c r="BA4867" s="93"/>
      <c r="BB4867" s="93"/>
      <c r="BC4867" s="93"/>
      <c r="BD4867" s="93"/>
      <c r="BE4867" s="93"/>
      <c r="BF4867" s="93"/>
      <c r="BG4867" s="93"/>
      <c r="BH4867" s="93"/>
      <c r="BI4867" s="93"/>
      <c r="BJ4867" s="93"/>
      <c r="BK4867" s="93"/>
      <c r="BL4867" s="93"/>
    </row>
    <row r="4868" spans="2:64" x14ac:dyDescent="0.2">
      <c r="B4868" s="43"/>
      <c r="C4868" s="73"/>
      <c r="D4868" s="64"/>
      <c r="E4868" s="55"/>
      <c r="F4868" s="74"/>
      <c r="G4868" s="74"/>
      <c r="H4868" s="74"/>
      <c r="I4868" s="75"/>
      <c r="J4868" s="74"/>
      <c r="L4868" s="55"/>
      <c r="M4868" s="234"/>
      <c r="N4868" s="65"/>
      <c r="O4868" s="76"/>
      <c r="P4868" s="76"/>
      <c r="Q4868" s="65"/>
      <c r="R4868" s="76"/>
      <c r="S4868" s="76"/>
      <c r="T4868" s="76"/>
      <c r="U4868" s="76"/>
      <c r="V4868" s="76"/>
      <c r="W4868" s="76"/>
      <c r="X4868" s="76"/>
      <c r="Y4868" s="76"/>
      <c r="Z4868" s="76"/>
      <c r="AA4868" s="85"/>
      <c r="AB4868" s="85"/>
      <c r="AC4868" s="85"/>
      <c r="AD4868" s="85"/>
      <c r="AE4868" s="85"/>
      <c r="AF4868" s="85"/>
      <c r="AG4868" s="86"/>
      <c r="AH4868" s="85"/>
      <c r="AI4868" s="85"/>
      <c r="AJ4868" s="85"/>
      <c r="AK4868" s="85"/>
      <c r="AL4868" s="85"/>
      <c r="AM4868" s="92"/>
      <c r="AN4868" s="92"/>
      <c r="AO4868" s="92"/>
      <c r="AP4868" s="92"/>
      <c r="AQ4868" s="92"/>
      <c r="AR4868" s="92"/>
      <c r="AS4868" s="92"/>
      <c r="AT4868" s="92"/>
      <c r="AU4868" s="92"/>
      <c r="AV4868" s="92"/>
      <c r="AW4868" s="92"/>
      <c r="AX4868" s="92"/>
      <c r="AY4868" s="92"/>
      <c r="AZ4868" s="93"/>
      <c r="BA4868" s="93"/>
      <c r="BB4868" s="93"/>
      <c r="BC4868" s="93"/>
      <c r="BD4868" s="93"/>
      <c r="BE4868" s="93"/>
      <c r="BF4868" s="93"/>
      <c r="BG4868" s="93"/>
      <c r="BH4868" s="93"/>
      <c r="BI4868" s="93"/>
      <c r="BJ4868" s="93"/>
      <c r="BK4868" s="93"/>
      <c r="BL4868" s="93"/>
    </row>
    <row r="4869" spans="2:64" x14ac:dyDescent="0.2">
      <c r="B4869" s="43"/>
      <c r="C4869" s="73"/>
      <c r="D4869" s="64"/>
      <c r="E4869" s="55"/>
      <c r="F4869" s="74"/>
      <c r="G4869" s="74"/>
      <c r="H4869" s="74"/>
      <c r="I4869" s="75"/>
      <c r="J4869" s="74"/>
      <c r="L4869" s="55"/>
      <c r="M4869" s="234"/>
      <c r="N4869" s="65"/>
      <c r="O4869" s="76"/>
      <c r="P4869" s="76"/>
      <c r="Q4869" s="65"/>
      <c r="R4869" s="76"/>
      <c r="S4869" s="76"/>
      <c r="T4869" s="76"/>
      <c r="U4869" s="76"/>
      <c r="V4869" s="76"/>
      <c r="W4869" s="76"/>
      <c r="X4869" s="76"/>
      <c r="Y4869" s="76"/>
      <c r="Z4869" s="76"/>
      <c r="AA4869" s="85"/>
      <c r="AB4869" s="85"/>
      <c r="AC4869" s="85"/>
      <c r="AD4869" s="85"/>
      <c r="AE4869" s="85"/>
      <c r="AF4869" s="85"/>
      <c r="AG4869" s="86"/>
      <c r="AH4869" s="85"/>
      <c r="AI4869" s="85"/>
      <c r="AJ4869" s="85"/>
      <c r="AK4869" s="85"/>
      <c r="AL4869" s="85"/>
      <c r="AM4869" s="92"/>
      <c r="AN4869" s="92"/>
      <c r="AO4869" s="92"/>
      <c r="AP4869" s="92"/>
      <c r="AQ4869" s="92"/>
      <c r="AR4869" s="92"/>
      <c r="AS4869" s="92"/>
      <c r="AT4869" s="92"/>
      <c r="AU4869" s="92"/>
      <c r="AV4869" s="92"/>
      <c r="AW4869" s="92"/>
      <c r="AX4869" s="92"/>
      <c r="AY4869" s="92"/>
      <c r="AZ4869" s="93"/>
      <c r="BA4869" s="93"/>
      <c r="BB4869" s="93"/>
      <c r="BC4869" s="93"/>
      <c r="BD4869" s="93"/>
      <c r="BE4869" s="93"/>
      <c r="BF4869" s="93"/>
      <c r="BG4869" s="93"/>
      <c r="BH4869" s="93"/>
      <c r="BI4869" s="93"/>
      <c r="BJ4869" s="93"/>
      <c r="BK4869" s="93"/>
      <c r="BL4869" s="93"/>
    </row>
    <row r="4870" spans="2:64" x14ac:dyDescent="0.2">
      <c r="B4870" s="43"/>
      <c r="C4870" s="73"/>
      <c r="D4870" s="64"/>
      <c r="E4870" s="55"/>
      <c r="F4870" s="74"/>
      <c r="G4870" s="74"/>
      <c r="H4870" s="74"/>
      <c r="I4870" s="75"/>
      <c r="J4870" s="74"/>
      <c r="L4870" s="55"/>
      <c r="M4870" s="234"/>
      <c r="N4870" s="65"/>
      <c r="O4870" s="76"/>
      <c r="P4870" s="76"/>
      <c r="Q4870" s="65"/>
      <c r="R4870" s="76"/>
      <c r="S4870" s="76"/>
      <c r="T4870" s="76"/>
      <c r="U4870" s="76"/>
      <c r="V4870" s="76"/>
      <c r="W4870" s="76"/>
      <c r="X4870" s="76"/>
      <c r="Y4870" s="76"/>
      <c r="Z4870" s="76"/>
      <c r="AA4870" s="85"/>
      <c r="AB4870" s="85"/>
      <c r="AC4870" s="85"/>
      <c r="AD4870" s="85"/>
      <c r="AE4870" s="85"/>
      <c r="AF4870" s="85"/>
      <c r="AG4870" s="86"/>
      <c r="AH4870" s="85"/>
      <c r="AI4870" s="85"/>
      <c r="AJ4870" s="85"/>
      <c r="AK4870" s="85"/>
      <c r="AL4870" s="85"/>
      <c r="AM4870" s="92"/>
      <c r="AN4870" s="92"/>
      <c r="AO4870" s="92"/>
      <c r="AP4870" s="92"/>
      <c r="AQ4870" s="92"/>
      <c r="AR4870" s="92"/>
      <c r="AS4870" s="92"/>
      <c r="AT4870" s="92"/>
      <c r="AU4870" s="92"/>
      <c r="AV4870" s="92"/>
      <c r="AW4870" s="92"/>
      <c r="AX4870" s="92"/>
      <c r="AY4870" s="92"/>
      <c r="AZ4870" s="93"/>
      <c r="BA4870" s="93"/>
      <c r="BB4870" s="93"/>
      <c r="BC4870" s="93"/>
      <c r="BD4870" s="93"/>
      <c r="BE4870" s="93"/>
      <c r="BF4870" s="93"/>
      <c r="BG4870" s="93"/>
      <c r="BH4870" s="93"/>
      <c r="BI4870" s="93"/>
      <c r="BJ4870" s="93"/>
      <c r="BK4870" s="93"/>
      <c r="BL4870" s="93"/>
    </row>
    <row r="4871" spans="2:64" x14ac:dyDescent="0.2">
      <c r="B4871" s="43"/>
      <c r="C4871" s="73"/>
      <c r="D4871" s="64"/>
      <c r="E4871" s="55"/>
      <c r="F4871" s="74"/>
      <c r="G4871" s="74"/>
      <c r="H4871" s="74"/>
      <c r="I4871" s="75"/>
      <c r="J4871" s="74"/>
      <c r="L4871" s="55"/>
      <c r="M4871" s="234"/>
      <c r="N4871" s="65"/>
      <c r="O4871" s="76"/>
      <c r="P4871" s="76"/>
      <c r="Q4871" s="65"/>
      <c r="R4871" s="76"/>
      <c r="S4871" s="76"/>
      <c r="T4871" s="76"/>
      <c r="U4871" s="76"/>
      <c r="V4871" s="76"/>
      <c r="W4871" s="76"/>
      <c r="X4871" s="76"/>
      <c r="Y4871" s="76"/>
      <c r="Z4871" s="76"/>
      <c r="AA4871" s="85"/>
      <c r="AB4871" s="85"/>
      <c r="AC4871" s="85"/>
      <c r="AD4871" s="85"/>
      <c r="AE4871" s="85"/>
      <c r="AF4871" s="85"/>
      <c r="AG4871" s="86"/>
      <c r="AH4871" s="85"/>
      <c r="AI4871" s="85"/>
      <c r="AJ4871" s="85"/>
      <c r="AK4871" s="85"/>
      <c r="AL4871" s="85"/>
      <c r="AM4871" s="92"/>
      <c r="AN4871" s="92"/>
      <c r="AO4871" s="92"/>
      <c r="AP4871" s="92"/>
      <c r="AQ4871" s="92"/>
      <c r="AR4871" s="92"/>
      <c r="AS4871" s="92"/>
      <c r="AT4871" s="92"/>
      <c r="AU4871" s="92"/>
      <c r="AV4871" s="92"/>
      <c r="AW4871" s="92"/>
      <c r="AX4871" s="92"/>
      <c r="AY4871" s="92"/>
      <c r="AZ4871" s="93"/>
      <c r="BA4871" s="93"/>
      <c r="BB4871" s="93"/>
      <c r="BC4871" s="93"/>
      <c r="BD4871" s="93"/>
      <c r="BE4871" s="93"/>
      <c r="BF4871" s="93"/>
      <c r="BG4871" s="93"/>
      <c r="BH4871" s="93"/>
      <c r="BI4871" s="93"/>
      <c r="BJ4871" s="93"/>
      <c r="BK4871" s="93"/>
      <c r="BL4871" s="93"/>
    </row>
    <row r="4872" spans="2:64" x14ac:dyDescent="0.2">
      <c r="B4872" s="43"/>
      <c r="C4872" s="73"/>
      <c r="D4872" s="64"/>
      <c r="E4872" s="55"/>
      <c r="F4872" s="74"/>
      <c r="G4872" s="74"/>
      <c r="H4872" s="74"/>
      <c r="I4872" s="75"/>
      <c r="J4872" s="74"/>
      <c r="L4872" s="55"/>
      <c r="M4872" s="234"/>
      <c r="N4872" s="65"/>
      <c r="O4872" s="76"/>
      <c r="P4872" s="76"/>
      <c r="Q4872" s="65"/>
      <c r="R4872" s="76"/>
      <c r="S4872" s="76"/>
      <c r="T4872" s="76"/>
      <c r="U4872" s="76"/>
      <c r="V4872" s="76"/>
      <c r="W4872" s="76"/>
      <c r="X4872" s="76"/>
      <c r="Y4872" s="76"/>
      <c r="Z4872" s="76"/>
      <c r="AA4872" s="85"/>
      <c r="AB4872" s="85"/>
      <c r="AC4872" s="85"/>
      <c r="AD4872" s="85"/>
      <c r="AE4872" s="85"/>
      <c r="AF4872" s="85"/>
      <c r="AG4872" s="86"/>
      <c r="AH4872" s="85"/>
      <c r="AI4872" s="85"/>
      <c r="AJ4872" s="85"/>
      <c r="AK4872" s="85"/>
      <c r="AL4872" s="85"/>
      <c r="AM4872" s="92"/>
      <c r="AN4872" s="92"/>
      <c r="AO4872" s="92"/>
      <c r="AP4872" s="92"/>
      <c r="AQ4872" s="92"/>
      <c r="AR4872" s="92"/>
      <c r="AS4872" s="92"/>
      <c r="AT4872" s="92"/>
      <c r="AU4872" s="92"/>
      <c r="AV4872" s="92"/>
      <c r="AW4872" s="92"/>
      <c r="AX4872" s="92"/>
      <c r="AY4872" s="92"/>
      <c r="AZ4872" s="93"/>
      <c r="BA4872" s="93"/>
      <c r="BB4872" s="93"/>
      <c r="BC4872" s="93"/>
      <c r="BD4872" s="93"/>
      <c r="BE4872" s="93"/>
      <c r="BF4872" s="93"/>
      <c r="BG4872" s="93"/>
      <c r="BH4872" s="93"/>
      <c r="BI4872" s="93"/>
      <c r="BJ4872" s="93"/>
      <c r="BK4872" s="93"/>
      <c r="BL4872" s="93"/>
    </row>
    <row r="4873" spans="2:64" x14ac:dyDescent="0.2">
      <c r="B4873" s="43"/>
      <c r="C4873" s="73"/>
      <c r="D4873" s="64"/>
      <c r="E4873" s="55"/>
      <c r="F4873" s="74"/>
      <c r="G4873" s="74"/>
      <c r="H4873" s="74"/>
      <c r="I4873" s="75"/>
      <c r="J4873" s="74"/>
      <c r="L4873" s="55"/>
      <c r="M4873" s="234"/>
      <c r="N4873" s="65"/>
      <c r="O4873" s="76"/>
      <c r="P4873" s="76"/>
      <c r="Q4873" s="65"/>
      <c r="R4873" s="76"/>
      <c r="S4873" s="76"/>
      <c r="T4873" s="76"/>
      <c r="U4873" s="76"/>
      <c r="V4873" s="76"/>
      <c r="W4873" s="76"/>
      <c r="X4873" s="76"/>
      <c r="Y4873" s="76"/>
      <c r="Z4873" s="76"/>
      <c r="AA4873" s="85"/>
      <c r="AB4873" s="85"/>
      <c r="AC4873" s="85"/>
      <c r="AD4873" s="85"/>
      <c r="AE4873" s="85"/>
      <c r="AF4873" s="85"/>
      <c r="AG4873" s="86"/>
      <c r="AH4873" s="85"/>
      <c r="AI4873" s="85"/>
      <c r="AJ4873" s="85"/>
      <c r="AK4873" s="85"/>
      <c r="AL4873" s="85"/>
      <c r="AM4873" s="92"/>
      <c r="AN4873" s="92"/>
      <c r="AO4873" s="92"/>
      <c r="AP4873" s="92"/>
      <c r="AQ4873" s="92"/>
      <c r="AR4873" s="92"/>
      <c r="AS4873" s="92"/>
      <c r="AT4873" s="92"/>
      <c r="AU4873" s="92"/>
      <c r="AV4873" s="92"/>
      <c r="AW4873" s="92"/>
      <c r="AX4873" s="92"/>
      <c r="AY4873" s="92"/>
      <c r="AZ4873" s="93"/>
      <c r="BA4873" s="93"/>
      <c r="BB4873" s="93"/>
      <c r="BC4873" s="93"/>
      <c r="BD4873" s="93"/>
      <c r="BE4873" s="93"/>
      <c r="BF4873" s="93"/>
      <c r="BG4873" s="93"/>
      <c r="BH4873" s="93"/>
      <c r="BI4873" s="93"/>
      <c r="BJ4873" s="93"/>
      <c r="BK4873" s="93"/>
      <c r="BL4873" s="93"/>
    </row>
    <row r="4874" spans="2:64" x14ac:dyDescent="0.2">
      <c r="B4874" s="43"/>
      <c r="C4874" s="73"/>
      <c r="D4874" s="64"/>
      <c r="E4874" s="55"/>
      <c r="F4874" s="74"/>
      <c r="G4874" s="74"/>
      <c r="H4874" s="74"/>
      <c r="I4874" s="75"/>
      <c r="J4874" s="74"/>
      <c r="L4874" s="55"/>
      <c r="M4874" s="234"/>
      <c r="N4874" s="65"/>
      <c r="O4874" s="76"/>
      <c r="P4874" s="76"/>
      <c r="Q4874" s="65"/>
      <c r="R4874" s="76"/>
      <c r="S4874" s="76"/>
      <c r="T4874" s="76"/>
      <c r="U4874" s="76"/>
      <c r="V4874" s="76"/>
      <c r="W4874" s="76"/>
      <c r="X4874" s="76"/>
      <c r="Y4874" s="76"/>
      <c r="Z4874" s="76"/>
      <c r="AA4874" s="85"/>
      <c r="AB4874" s="85"/>
      <c r="AC4874" s="85"/>
      <c r="AD4874" s="85"/>
      <c r="AE4874" s="85"/>
      <c r="AF4874" s="85"/>
      <c r="AG4874" s="86"/>
      <c r="AH4874" s="85"/>
      <c r="AI4874" s="85"/>
      <c r="AJ4874" s="85"/>
      <c r="AK4874" s="85"/>
      <c r="AL4874" s="85"/>
      <c r="AM4874" s="92"/>
      <c r="AN4874" s="92"/>
      <c r="AO4874" s="92"/>
      <c r="AP4874" s="92"/>
      <c r="AQ4874" s="92"/>
      <c r="AR4874" s="92"/>
      <c r="AS4874" s="92"/>
      <c r="AT4874" s="92"/>
      <c r="AU4874" s="92"/>
      <c r="AV4874" s="92"/>
      <c r="AW4874" s="92"/>
      <c r="AX4874" s="92"/>
      <c r="AY4874" s="92"/>
      <c r="AZ4874" s="93"/>
      <c r="BA4874" s="93"/>
      <c r="BB4874" s="93"/>
      <c r="BC4874" s="93"/>
      <c r="BD4874" s="93"/>
      <c r="BE4874" s="93"/>
      <c r="BF4874" s="93"/>
      <c r="BG4874" s="93"/>
      <c r="BH4874" s="93"/>
      <c r="BI4874" s="93"/>
      <c r="BJ4874" s="93"/>
      <c r="BK4874" s="93"/>
      <c r="BL4874" s="93"/>
    </row>
    <row r="4875" spans="2:64" x14ac:dyDescent="0.2">
      <c r="B4875" s="43"/>
      <c r="C4875" s="73"/>
      <c r="D4875" s="64"/>
      <c r="E4875" s="55"/>
      <c r="F4875" s="74"/>
      <c r="G4875" s="74"/>
      <c r="H4875" s="74"/>
      <c r="I4875" s="75"/>
      <c r="J4875" s="74"/>
      <c r="L4875" s="55"/>
      <c r="M4875" s="234"/>
      <c r="N4875" s="65"/>
      <c r="O4875" s="76"/>
      <c r="P4875" s="76"/>
      <c r="Q4875" s="65"/>
      <c r="R4875" s="76"/>
      <c r="S4875" s="76"/>
      <c r="T4875" s="76"/>
      <c r="U4875" s="76"/>
      <c r="V4875" s="76"/>
      <c r="W4875" s="76"/>
      <c r="X4875" s="76"/>
      <c r="Y4875" s="76"/>
      <c r="Z4875" s="76"/>
      <c r="AA4875" s="85"/>
      <c r="AB4875" s="85"/>
      <c r="AC4875" s="85"/>
      <c r="AD4875" s="85"/>
      <c r="AE4875" s="85"/>
      <c r="AF4875" s="85"/>
      <c r="AG4875" s="86"/>
      <c r="AH4875" s="85"/>
      <c r="AI4875" s="85"/>
      <c r="AJ4875" s="85"/>
      <c r="AK4875" s="85"/>
      <c r="AL4875" s="85"/>
      <c r="AM4875" s="92"/>
      <c r="AN4875" s="92"/>
      <c r="AO4875" s="92"/>
      <c r="AP4875" s="92"/>
      <c r="AQ4875" s="92"/>
      <c r="AR4875" s="92"/>
      <c r="AS4875" s="92"/>
      <c r="AT4875" s="92"/>
      <c r="AU4875" s="92"/>
      <c r="AV4875" s="92"/>
      <c r="AW4875" s="92"/>
      <c r="AX4875" s="92"/>
      <c r="AY4875" s="92"/>
      <c r="AZ4875" s="93"/>
      <c r="BA4875" s="93"/>
      <c r="BB4875" s="93"/>
      <c r="BC4875" s="93"/>
      <c r="BD4875" s="93"/>
      <c r="BE4875" s="93"/>
      <c r="BF4875" s="93"/>
      <c r="BG4875" s="93"/>
      <c r="BH4875" s="93"/>
      <c r="BI4875" s="93"/>
      <c r="BJ4875" s="93"/>
      <c r="BK4875" s="93"/>
      <c r="BL4875" s="93"/>
    </row>
    <row r="4876" spans="2:64" x14ac:dyDescent="0.2">
      <c r="B4876" s="43"/>
      <c r="C4876" s="73"/>
      <c r="D4876" s="64"/>
      <c r="E4876" s="55"/>
      <c r="F4876" s="74"/>
      <c r="G4876" s="74"/>
      <c r="H4876" s="74"/>
      <c r="I4876" s="75"/>
      <c r="J4876" s="74"/>
      <c r="L4876" s="55"/>
      <c r="M4876" s="234"/>
      <c r="N4876" s="65"/>
      <c r="O4876" s="76"/>
      <c r="P4876" s="76"/>
      <c r="Q4876" s="65"/>
      <c r="R4876" s="76"/>
      <c r="S4876" s="76"/>
      <c r="T4876" s="76"/>
      <c r="U4876" s="76"/>
      <c r="V4876" s="76"/>
      <c r="W4876" s="76"/>
      <c r="X4876" s="76"/>
      <c r="Y4876" s="76"/>
      <c r="Z4876" s="76"/>
      <c r="AA4876" s="85"/>
      <c r="AB4876" s="85"/>
      <c r="AC4876" s="85"/>
      <c r="AD4876" s="85"/>
      <c r="AE4876" s="85"/>
      <c r="AF4876" s="85"/>
      <c r="AG4876" s="86"/>
      <c r="AH4876" s="85"/>
      <c r="AI4876" s="85"/>
      <c r="AJ4876" s="85"/>
      <c r="AK4876" s="85"/>
      <c r="AL4876" s="85"/>
      <c r="AM4876" s="92"/>
      <c r="AN4876" s="92"/>
      <c r="AO4876" s="92"/>
      <c r="AP4876" s="92"/>
      <c r="AQ4876" s="92"/>
      <c r="AR4876" s="92"/>
      <c r="AS4876" s="92"/>
      <c r="AT4876" s="92"/>
      <c r="AU4876" s="92"/>
      <c r="AV4876" s="92"/>
      <c r="AW4876" s="92"/>
      <c r="AX4876" s="92"/>
      <c r="AY4876" s="92"/>
      <c r="AZ4876" s="93"/>
      <c r="BA4876" s="93"/>
      <c r="BB4876" s="93"/>
      <c r="BC4876" s="93"/>
      <c r="BD4876" s="93"/>
      <c r="BE4876" s="93"/>
      <c r="BF4876" s="93"/>
      <c r="BG4876" s="93"/>
      <c r="BH4876" s="93"/>
      <c r="BI4876" s="93"/>
      <c r="BJ4876" s="93"/>
      <c r="BK4876" s="93"/>
      <c r="BL4876" s="93"/>
    </row>
    <row r="4877" spans="2:64" x14ac:dyDescent="0.2">
      <c r="B4877" s="43"/>
      <c r="C4877" s="73"/>
      <c r="D4877" s="64"/>
      <c r="E4877" s="55"/>
      <c r="F4877" s="74"/>
      <c r="G4877" s="74"/>
      <c r="H4877" s="74"/>
      <c r="I4877" s="75"/>
      <c r="J4877" s="74"/>
      <c r="L4877" s="55"/>
      <c r="M4877" s="234"/>
      <c r="N4877" s="65"/>
      <c r="O4877" s="76"/>
      <c r="P4877" s="76"/>
      <c r="Q4877" s="65"/>
      <c r="R4877" s="76"/>
      <c r="S4877" s="76"/>
      <c r="T4877" s="76"/>
      <c r="U4877" s="76"/>
      <c r="V4877" s="76"/>
      <c r="W4877" s="76"/>
      <c r="X4877" s="76"/>
      <c r="Y4877" s="76"/>
      <c r="Z4877" s="76"/>
      <c r="AA4877" s="85"/>
      <c r="AB4877" s="85"/>
      <c r="AC4877" s="85"/>
      <c r="AD4877" s="85"/>
      <c r="AE4877" s="85"/>
      <c r="AF4877" s="85"/>
      <c r="AG4877" s="86"/>
      <c r="AH4877" s="85"/>
      <c r="AI4877" s="85"/>
      <c r="AJ4877" s="85"/>
      <c r="AK4877" s="85"/>
      <c r="AL4877" s="85"/>
      <c r="AM4877" s="92"/>
      <c r="AN4877" s="92"/>
      <c r="AO4877" s="92"/>
      <c r="AP4877" s="92"/>
      <c r="AQ4877" s="92"/>
      <c r="AR4877" s="92"/>
      <c r="AS4877" s="92"/>
      <c r="AT4877" s="92"/>
      <c r="AU4877" s="92"/>
      <c r="AV4877" s="92"/>
      <c r="AW4877" s="92"/>
      <c r="AX4877" s="92"/>
      <c r="AY4877" s="92"/>
      <c r="AZ4877" s="93"/>
      <c r="BA4877" s="93"/>
      <c r="BB4877" s="93"/>
      <c r="BC4877" s="93"/>
      <c r="BD4877" s="93"/>
      <c r="BE4877" s="93"/>
      <c r="BF4877" s="93"/>
      <c r="BG4877" s="93"/>
      <c r="BH4877" s="93"/>
      <c r="BI4877" s="93"/>
      <c r="BJ4877" s="93"/>
      <c r="BK4877" s="93"/>
      <c r="BL4877" s="93"/>
    </row>
    <row r="4878" spans="2:64" x14ac:dyDescent="0.2">
      <c r="B4878" s="43"/>
      <c r="C4878" s="73"/>
      <c r="D4878" s="64"/>
      <c r="E4878" s="55"/>
      <c r="F4878" s="74"/>
      <c r="G4878" s="74"/>
      <c r="H4878" s="74"/>
      <c r="I4878" s="75"/>
      <c r="J4878" s="74"/>
      <c r="L4878" s="55"/>
      <c r="M4878" s="234"/>
      <c r="N4878" s="65"/>
      <c r="O4878" s="76"/>
      <c r="P4878" s="76"/>
      <c r="Q4878" s="65"/>
      <c r="R4878" s="76"/>
      <c r="S4878" s="76"/>
      <c r="T4878" s="76"/>
      <c r="U4878" s="76"/>
      <c r="V4878" s="76"/>
      <c r="W4878" s="76"/>
      <c r="X4878" s="76"/>
      <c r="Y4878" s="76"/>
      <c r="Z4878" s="76"/>
      <c r="AA4878" s="85"/>
      <c r="AB4878" s="85"/>
      <c r="AC4878" s="85"/>
      <c r="AD4878" s="85"/>
      <c r="AE4878" s="85"/>
      <c r="AF4878" s="85"/>
      <c r="AG4878" s="86"/>
      <c r="AH4878" s="85"/>
      <c r="AI4878" s="85"/>
      <c r="AJ4878" s="85"/>
      <c r="AK4878" s="85"/>
      <c r="AL4878" s="85"/>
      <c r="AM4878" s="92"/>
      <c r="AN4878" s="92"/>
      <c r="AO4878" s="92"/>
      <c r="AP4878" s="92"/>
      <c r="AQ4878" s="92"/>
      <c r="AR4878" s="92"/>
      <c r="AS4878" s="92"/>
      <c r="AT4878" s="92"/>
      <c r="AU4878" s="92"/>
      <c r="AV4878" s="92"/>
      <c r="AW4878" s="92"/>
      <c r="AX4878" s="92"/>
      <c r="AY4878" s="92"/>
      <c r="AZ4878" s="93"/>
      <c r="BA4878" s="93"/>
      <c r="BB4878" s="93"/>
      <c r="BC4878" s="93"/>
      <c r="BD4878" s="93"/>
      <c r="BE4878" s="93"/>
      <c r="BF4878" s="93"/>
      <c r="BG4878" s="93"/>
      <c r="BH4878" s="93"/>
      <c r="BI4878" s="93"/>
      <c r="BJ4878" s="93"/>
      <c r="BK4878" s="93"/>
      <c r="BL4878" s="93"/>
    </row>
    <row r="4879" spans="2:64" x14ac:dyDescent="0.2">
      <c r="B4879" s="43"/>
      <c r="C4879" s="73"/>
      <c r="D4879" s="64"/>
      <c r="E4879" s="55"/>
      <c r="F4879" s="74"/>
      <c r="G4879" s="74"/>
      <c r="H4879" s="74"/>
      <c r="I4879" s="75"/>
      <c r="J4879" s="74"/>
      <c r="L4879" s="55"/>
      <c r="M4879" s="234"/>
      <c r="N4879" s="65"/>
      <c r="O4879" s="76"/>
      <c r="P4879" s="76"/>
      <c r="Q4879" s="65"/>
      <c r="R4879" s="76"/>
      <c r="S4879" s="76"/>
      <c r="T4879" s="76"/>
      <c r="U4879" s="76"/>
      <c r="V4879" s="76"/>
      <c r="W4879" s="76"/>
      <c r="X4879" s="76"/>
      <c r="Y4879" s="76"/>
      <c r="Z4879" s="76"/>
      <c r="AA4879" s="85"/>
      <c r="AB4879" s="85"/>
      <c r="AC4879" s="85"/>
      <c r="AD4879" s="85"/>
      <c r="AE4879" s="85"/>
      <c r="AF4879" s="85"/>
      <c r="AG4879" s="86"/>
      <c r="AH4879" s="85"/>
      <c r="AI4879" s="85"/>
      <c r="AJ4879" s="85"/>
      <c r="AK4879" s="85"/>
      <c r="AL4879" s="85"/>
      <c r="AM4879" s="92"/>
      <c r="AN4879" s="92"/>
      <c r="AO4879" s="92"/>
      <c r="AP4879" s="92"/>
      <c r="AQ4879" s="92"/>
      <c r="AR4879" s="92"/>
      <c r="AS4879" s="92"/>
      <c r="AT4879" s="92"/>
      <c r="AU4879" s="92"/>
      <c r="AV4879" s="92"/>
      <c r="AW4879" s="92"/>
      <c r="AX4879" s="92"/>
      <c r="AY4879" s="92"/>
      <c r="AZ4879" s="93"/>
      <c r="BA4879" s="93"/>
      <c r="BB4879" s="93"/>
      <c r="BC4879" s="93"/>
      <c r="BD4879" s="93"/>
      <c r="BE4879" s="93"/>
      <c r="BF4879" s="93"/>
      <c r="BG4879" s="93"/>
      <c r="BH4879" s="93"/>
      <c r="BI4879" s="93"/>
      <c r="BJ4879" s="93"/>
      <c r="BK4879" s="93"/>
      <c r="BL4879" s="93"/>
    </row>
    <row r="4880" spans="2:64" x14ac:dyDescent="0.2">
      <c r="B4880" s="43"/>
      <c r="C4880" s="73"/>
      <c r="D4880" s="64"/>
      <c r="E4880" s="55"/>
      <c r="F4880" s="74"/>
      <c r="G4880" s="74"/>
      <c r="H4880" s="74"/>
      <c r="I4880" s="75"/>
      <c r="J4880" s="74"/>
      <c r="L4880" s="55"/>
      <c r="M4880" s="234"/>
      <c r="N4880" s="65"/>
      <c r="O4880" s="76"/>
      <c r="P4880" s="76"/>
      <c r="Q4880" s="65"/>
      <c r="R4880" s="76"/>
      <c r="S4880" s="76"/>
      <c r="T4880" s="76"/>
      <c r="U4880" s="76"/>
      <c r="V4880" s="76"/>
      <c r="W4880" s="76"/>
      <c r="X4880" s="76"/>
      <c r="Y4880" s="76"/>
      <c r="Z4880" s="76"/>
      <c r="AA4880" s="85"/>
      <c r="AB4880" s="85"/>
      <c r="AC4880" s="85"/>
      <c r="AD4880" s="85"/>
      <c r="AE4880" s="85"/>
      <c r="AF4880" s="85"/>
      <c r="AG4880" s="86"/>
      <c r="AH4880" s="85"/>
      <c r="AI4880" s="85"/>
      <c r="AJ4880" s="85"/>
      <c r="AK4880" s="85"/>
      <c r="AL4880" s="85"/>
      <c r="AM4880" s="92"/>
      <c r="AN4880" s="92"/>
      <c r="AO4880" s="92"/>
      <c r="AP4880" s="92"/>
      <c r="AQ4880" s="92"/>
      <c r="AR4880" s="92"/>
      <c r="AS4880" s="92"/>
      <c r="AT4880" s="92"/>
      <c r="AU4880" s="92"/>
      <c r="AV4880" s="92"/>
      <c r="AW4880" s="92"/>
      <c r="AX4880" s="92"/>
      <c r="AY4880" s="92"/>
      <c r="AZ4880" s="93"/>
      <c r="BA4880" s="93"/>
      <c r="BB4880" s="93"/>
      <c r="BC4880" s="93"/>
      <c r="BD4880" s="93"/>
      <c r="BE4880" s="93"/>
      <c r="BF4880" s="93"/>
      <c r="BG4880" s="93"/>
      <c r="BH4880" s="93"/>
      <c r="BI4880" s="93"/>
      <c r="BJ4880" s="93"/>
      <c r="BK4880" s="93"/>
      <c r="BL4880" s="93"/>
    </row>
    <row r="4881" spans="2:64" x14ac:dyDescent="0.2">
      <c r="B4881" s="43"/>
      <c r="C4881" s="73"/>
      <c r="D4881" s="64"/>
      <c r="E4881" s="55"/>
      <c r="F4881" s="74"/>
      <c r="G4881" s="74"/>
      <c r="H4881" s="74"/>
      <c r="I4881" s="75"/>
      <c r="J4881" s="74"/>
      <c r="L4881" s="55"/>
      <c r="M4881" s="234"/>
      <c r="N4881" s="65"/>
      <c r="O4881" s="76"/>
      <c r="P4881" s="76"/>
      <c r="Q4881" s="65"/>
      <c r="R4881" s="76"/>
      <c r="S4881" s="76"/>
      <c r="T4881" s="76"/>
      <c r="U4881" s="76"/>
      <c r="V4881" s="76"/>
      <c r="W4881" s="76"/>
      <c r="X4881" s="76"/>
      <c r="Y4881" s="76"/>
      <c r="Z4881" s="76"/>
      <c r="AA4881" s="85"/>
      <c r="AB4881" s="85"/>
      <c r="AC4881" s="85"/>
      <c r="AD4881" s="85"/>
      <c r="AE4881" s="85"/>
      <c r="AF4881" s="85"/>
      <c r="AG4881" s="86"/>
      <c r="AH4881" s="85"/>
      <c r="AI4881" s="85"/>
      <c r="AJ4881" s="85"/>
      <c r="AK4881" s="85"/>
      <c r="AL4881" s="85"/>
      <c r="AM4881" s="92"/>
      <c r="AN4881" s="92"/>
      <c r="AO4881" s="92"/>
      <c r="AP4881" s="92"/>
      <c r="AQ4881" s="92"/>
      <c r="AR4881" s="92"/>
      <c r="AS4881" s="92"/>
      <c r="AT4881" s="92"/>
      <c r="AU4881" s="92"/>
      <c r="AV4881" s="92"/>
      <c r="AW4881" s="92"/>
      <c r="AX4881" s="92"/>
      <c r="AY4881" s="92"/>
      <c r="AZ4881" s="93"/>
      <c r="BA4881" s="93"/>
      <c r="BB4881" s="93"/>
      <c r="BC4881" s="93"/>
      <c r="BD4881" s="93"/>
      <c r="BE4881" s="93"/>
      <c r="BF4881" s="93"/>
      <c r="BG4881" s="93"/>
      <c r="BH4881" s="93"/>
      <c r="BI4881" s="93"/>
      <c r="BJ4881" s="93"/>
      <c r="BK4881" s="93"/>
      <c r="BL4881" s="93"/>
    </row>
    <row r="4882" spans="2:64" x14ac:dyDescent="0.2">
      <c r="B4882" s="43"/>
      <c r="C4882" s="73"/>
      <c r="D4882" s="64"/>
      <c r="E4882" s="55"/>
      <c r="F4882" s="74"/>
      <c r="G4882" s="74"/>
      <c r="H4882" s="74"/>
      <c r="I4882" s="75"/>
      <c r="J4882" s="74"/>
      <c r="L4882" s="55"/>
      <c r="M4882" s="234"/>
      <c r="N4882" s="65"/>
      <c r="O4882" s="76"/>
      <c r="P4882" s="76"/>
      <c r="Q4882" s="65"/>
      <c r="R4882" s="76"/>
      <c r="S4882" s="76"/>
      <c r="T4882" s="76"/>
      <c r="U4882" s="76"/>
      <c r="V4882" s="76"/>
      <c r="W4882" s="76"/>
      <c r="X4882" s="76"/>
      <c r="Y4882" s="76"/>
      <c r="Z4882" s="76"/>
      <c r="AA4882" s="85"/>
      <c r="AB4882" s="85"/>
      <c r="AC4882" s="85"/>
      <c r="AD4882" s="85"/>
      <c r="AE4882" s="85"/>
      <c r="AF4882" s="85"/>
      <c r="AG4882" s="86"/>
      <c r="AH4882" s="85"/>
      <c r="AI4882" s="85"/>
      <c r="AJ4882" s="85"/>
      <c r="AK4882" s="85"/>
      <c r="AL4882" s="85"/>
      <c r="AM4882" s="92"/>
      <c r="AN4882" s="92"/>
      <c r="AO4882" s="92"/>
      <c r="AP4882" s="92"/>
      <c r="AQ4882" s="92"/>
      <c r="AR4882" s="92"/>
      <c r="AS4882" s="92"/>
      <c r="AT4882" s="92"/>
      <c r="AU4882" s="92"/>
      <c r="AV4882" s="92"/>
      <c r="AW4882" s="92"/>
      <c r="AX4882" s="92"/>
      <c r="AY4882" s="92"/>
      <c r="AZ4882" s="93"/>
      <c r="BA4882" s="93"/>
      <c r="BB4882" s="93"/>
      <c r="BC4882" s="93"/>
      <c r="BD4882" s="93"/>
      <c r="BE4882" s="93"/>
      <c r="BF4882" s="93"/>
      <c r="BG4882" s="93"/>
      <c r="BH4882" s="93"/>
      <c r="BI4882" s="93"/>
      <c r="BJ4882" s="93"/>
      <c r="BK4882" s="93"/>
      <c r="BL4882" s="93"/>
    </row>
    <row r="4883" spans="2:64" x14ac:dyDescent="0.2">
      <c r="B4883" s="43"/>
      <c r="C4883" s="73"/>
      <c r="D4883" s="64"/>
      <c r="E4883" s="55"/>
      <c r="F4883" s="74"/>
      <c r="G4883" s="74"/>
      <c r="H4883" s="74"/>
      <c r="I4883" s="75"/>
      <c r="J4883" s="74"/>
      <c r="L4883" s="55"/>
      <c r="M4883" s="234"/>
      <c r="N4883" s="65"/>
      <c r="O4883" s="76"/>
      <c r="P4883" s="76"/>
      <c r="Q4883" s="65"/>
      <c r="R4883" s="76"/>
      <c r="S4883" s="76"/>
      <c r="T4883" s="76"/>
      <c r="U4883" s="76"/>
      <c r="V4883" s="76"/>
      <c r="W4883" s="76"/>
      <c r="X4883" s="76"/>
      <c r="Y4883" s="76"/>
      <c r="Z4883" s="76"/>
      <c r="AA4883" s="85"/>
      <c r="AB4883" s="85"/>
      <c r="AC4883" s="85"/>
      <c r="AD4883" s="85"/>
      <c r="AE4883" s="85"/>
      <c r="AF4883" s="85"/>
      <c r="AG4883" s="86"/>
      <c r="AH4883" s="85"/>
      <c r="AI4883" s="85"/>
      <c r="AJ4883" s="85"/>
      <c r="AK4883" s="85"/>
      <c r="AL4883" s="85"/>
      <c r="AM4883" s="92"/>
      <c r="AN4883" s="92"/>
      <c r="AO4883" s="92"/>
      <c r="AP4883" s="92"/>
      <c r="AQ4883" s="92"/>
      <c r="AR4883" s="92"/>
      <c r="AS4883" s="92"/>
      <c r="AT4883" s="92"/>
      <c r="AU4883" s="92"/>
      <c r="AV4883" s="92"/>
      <c r="AW4883" s="92"/>
      <c r="AX4883" s="92"/>
      <c r="AY4883" s="92"/>
      <c r="AZ4883" s="93"/>
      <c r="BA4883" s="93"/>
      <c r="BB4883" s="93"/>
      <c r="BC4883" s="93"/>
      <c r="BD4883" s="93"/>
      <c r="BE4883" s="93"/>
      <c r="BF4883" s="93"/>
      <c r="BG4883" s="93"/>
      <c r="BH4883" s="93"/>
      <c r="BI4883" s="93"/>
      <c r="BJ4883" s="93"/>
      <c r="BK4883" s="93"/>
      <c r="BL4883" s="93"/>
    </row>
    <row r="4884" spans="2:64" x14ac:dyDescent="0.2">
      <c r="B4884" s="43"/>
      <c r="C4884" s="73"/>
      <c r="D4884" s="64"/>
      <c r="E4884" s="55"/>
      <c r="F4884" s="74"/>
      <c r="G4884" s="74"/>
      <c r="H4884" s="74"/>
      <c r="I4884" s="75"/>
      <c r="J4884" s="74"/>
      <c r="L4884" s="55"/>
      <c r="M4884" s="234"/>
      <c r="N4884" s="65"/>
      <c r="O4884" s="76"/>
      <c r="P4884" s="76"/>
      <c r="Q4884" s="65"/>
      <c r="R4884" s="76"/>
      <c r="S4884" s="76"/>
      <c r="T4884" s="76"/>
      <c r="U4884" s="76"/>
      <c r="V4884" s="76"/>
      <c r="W4884" s="76"/>
      <c r="X4884" s="76"/>
      <c r="Y4884" s="76"/>
      <c r="Z4884" s="76"/>
      <c r="AA4884" s="85"/>
      <c r="AB4884" s="85"/>
      <c r="AC4884" s="85"/>
      <c r="AD4884" s="85"/>
      <c r="AE4884" s="85"/>
      <c r="AF4884" s="85"/>
      <c r="AG4884" s="86"/>
      <c r="AH4884" s="85"/>
      <c r="AI4884" s="85"/>
      <c r="AJ4884" s="85"/>
      <c r="AK4884" s="85"/>
      <c r="AL4884" s="85"/>
      <c r="AM4884" s="92"/>
      <c r="AN4884" s="92"/>
      <c r="AO4884" s="92"/>
      <c r="AP4884" s="92"/>
      <c r="AQ4884" s="92"/>
      <c r="AR4884" s="92"/>
      <c r="AS4884" s="92"/>
      <c r="AT4884" s="92"/>
      <c r="AU4884" s="92"/>
      <c r="AV4884" s="92"/>
      <c r="AW4884" s="92"/>
      <c r="AX4884" s="92"/>
      <c r="AY4884" s="92"/>
      <c r="AZ4884" s="93"/>
      <c r="BA4884" s="93"/>
      <c r="BB4884" s="93"/>
      <c r="BC4884" s="93"/>
      <c r="BD4884" s="93"/>
      <c r="BE4884" s="93"/>
      <c r="BF4884" s="93"/>
      <c r="BG4884" s="93"/>
      <c r="BH4884" s="93"/>
      <c r="BI4884" s="93"/>
      <c r="BJ4884" s="93"/>
      <c r="BK4884" s="93"/>
      <c r="BL4884" s="93"/>
    </row>
    <row r="4885" spans="2:64" x14ac:dyDescent="0.2">
      <c r="B4885" s="43"/>
      <c r="C4885" s="73"/>
      <c r="D4885" s="64"/>
      <c r="E4885" s="55"/>
      <c r="F4885" s="74"/>
      <c r="G4885" s="74"/>
      <c r="H4885" s="74"/>
      <c r="I4885" s="75"/>
      <c r="J4885" s="74"/>
      <c r="L4885" s="55"/>
      <c r="M4885" s="234"/>
      <c r="N4885" s="65"/>
      <c r="O4885" s="76"/>
      <c r="P4885" s="76"/>
      <c r="Q4885" s="65"/>
      <c r="R4885" s="76"/>
      <c r="S4885" s="76"/>
      <c r="T4885" s="76"/>
      <c r="U4885" s="76"/>
      <c r="V4885" s="76"/>
      <c r="W4885" s="76"/>
      <c r="X4885" s="76"/>
      <c r="Y4885" s="76"/>
      <c r="Z4885" s="76"/>
      <c r="AA4885" s="85"/>
      <c r="AB4885" s="85"/>
      <c r="AC4885" s="85"/>
      <c r="AD4885" s="85"/>
      <c r="AE4885" s="85"/>
      <c r="AF4885" s="85"/>
      <c r="AG4885" s="86"/>
      <c r="AH4885" s="85"/>
      <c r="AI4885" s="85"/>
      <c r="AJ4885" s="85"/>
      <c r="AK4885" s="85"/>
      <c r="AL4885" s="85"/>
      <c r="AM4885" s="92"/>
      <c r="AN4885" s="92"/>
      <c r="AO4885" s="92"/>
      <c r="AP4885" s="92"/>
      <c r="AQ4885" s="92"/>
      <c r="AR4885" s="92"/>
      <c r="AS4885" s="92"/>
      <c r="AT4885" s="92"/>
      <c r="AU4885" s="92"/>
      <c r="AV4885" s="92"/>
      <c r="AW4885" s="92"/>
      <c r="AX4885" s="92"/>
      <c r="AY4885" s="92"/>
      <c r="AZ4885" s="93"/>
      <c r="BA4885" s="93"/>
      <c r="BB4885" s="93"/>
      <c r="BC4885" s="93"/>
      <c r="BD4885" s="93"/>
      <c r="BE4885" s="93"/>
      <c r="BF4885" s="93"/>
      <c r="BG4885" s="93"/>
      <c r="BH4885" s="93"/>
      <c r="BI4885" s="93"/>
      <c r="BJ4885" s="93"/>
      <c r="BK4885" s="93"/>
      <c r="BL4885" s="93"/>
    </row>
    <row r="4886" spans="2:64" x14ac:dyDescent="0.2">
      <c r="B4886" s="43"/>
      <c r="C4886" s="73"/>
      <c r="D4886" s="64"/>
      <c r="E4886" s="55"/>
      <c r="F4886" s="74"/>
      <c r="G4886" s="74"/>
      <c r="H4886" s="74"/>
      <c r="I4886" s="75"/>
      <c r="J4886" s="74"/>
      <c r="L4886" s="55"/>
      <c r="M4886" s="234"/>
      <c r="N4886" s="65"/>
      <c r="O4886" s="76"/>
      <c r="P4886" s="76"/>
      <c r="Q4886" s="65"/>
      <c r="R4886" s="76"/>
      <c r="S4886" s="76"/>
      <c r="T4886" s="76"/>
      <c r="U4886" s="76"/>
      <c r="V4886" s="76"/>
      <c r="W4886" s="76"/>
      <c r="X4886" s="76"/>
      <c r="Y4886" s="76"/>
      <c r="Z4886" s="76"/>
      <c r="AA4886" s="85"/>
      <c r="AB4886" s="85"/>
      <c r="AC4886" s="85"/>
      <c r="AD4886" s="85"/>
      <c r="AE4886" s="85"/>
      <c r="AF4886" s="85"/>
      <c r="AG4886" s="86"/>
      <c r="AH4886" s="85"/>
      <c r="AI4886" s="85"/>
      <c r="AJ4886" s="85"/>
      <c r="AK4886" s="85"/>
      <c r="AL4886" s="85"/>
      <c r="AM4886" s="92"/>
      <c r="AN4886" s="92"/>
      <c r="AO4886" s="92"/>
      <c r="AP4886" s="92"/>
      <c r="AQ4886" s="92"/>
      <c r="AR4886" s="92"/>
      <c r="AS4886" s="92"/>
      <c r="AT4886" s="92"/>
      <c r="AU4886" s="92"/>
      <c r="AV4886" s="92"/>
      <c r="AW4886" s="92"/>
      <c r="AX4886" s="92"/>
      <c r="AY4886" s="92"/>
      <c r="AZ4886" s="93"/>
      <c r="BA4886" s="93"/>
      <c r="BB4886" s="93"/>
      <c r="BC4886" s="93"/>
      <c r="BD4886" s="93"/>
      <c r="BE4886" s="93"/>
      <c r="BF4886" s="93"/>
      <c r="BG4886" s="93"/>
      <c r="BH4886" s="93"/>
      <c r="BI4886" s="93"/>
      <c r="BJ4886" s="93"/>
      <c r="BK4886" s="93"/>
      <c r="BL4886" s="93"/>
    </row>
    <row r="4887" spans="2:64" x14ac:dyDescent="0.2">
      <c r="B4887" s="43"/>
      <c r="C4887" s="73"/>
      <c r="D4887" s="64"/>
      <c r="E4887" s="55"/>
      <c r="F4887" s="74"/>
      <c r="G4887" s="74"/>
      <c r="H4887" s="74"/>
      <c r="I4887" s="75"/>
      <c r="J4887" s="74"/>
      <c r="L4887" s="55"/>
      <c r="M4887" s="234"/>
      <c r="N4887" s="65"/>
      <c r="O4887" s="76"/>
      <c r="P4887" s="76"/>
      <c r="Q4887" s="65"/>
      <c r="R4887" s="76"/>
      <c r="S4887" s="76"/>
      <c r="T4887" s="76"/>
      <c r="U4887" s="76"/>
      <c r="V4887" s="76"/>
      <c r="W4887" s="76"/>
      <c r="X4887" s="76"/>
      <c r="Y4887" s="76"/>
      <c r="Z4887" s="76"/>
      <c r="AA4887" s="85"/>
      <c r="AB4887" s="85"/>
      <c r="AC4887" s="85"/>
      <c r="AD4887" s="85"/>
      <c r="AE4887" s="85"/>
      <c r="AF4887" s="85"/>
      <c r="AG4887" s="86"/>
      <c r="AH4887" s="85"/>
      <c r="AI4887" s="85"/>
      <c r="AJ4887" s="85"/>
      <c r="AK4887" s="85"/>
      <c r="AL4887" s="85"/>
      <c r="AM4887" s="92"/>
      <c r="AN4887" s="92"/>
      <c r="AO4887" s="92"/>
      <c r="AP4887" s="92"/>
      <c r="AQ4887" s="92"/>
      <c r="AR4887" s="92"/>
      <c r="AS4887" s="92"/>
      <c r="AT4887" s="92"/>
      <c r="AU4887" s="92"/>
      <c r="AV4887" s="92"/>
      <c r="AW4887" s="92"/>
      <c r="AX4887" s="92"/>
      <c r="AY4887" s="92"/>
      <c r="AZ4887" s="93"/>
      <c r="BA4887" s="93"/>
      <c r="BB4887" s="93"/>
      <c r="BC4887" s="93"/>
      <c r="BD4887" s="93"/>
      <c r="BE4887" s="93"/>
      <c r="BF4887" s="93"/>
      <c r="BG4887" s="93"/>
      <c r="BH4887" s="93"/>
      <c r="BI4887" s="93"/>
      <c r="BJ4887" s="93"/>
      <c r="BK4887" s="93"/>
      <c r="BL4887" s="93"/>
    </row>
    <row r="4888" spans="2:64" x14ac:dyDescent="0.2">
      <c r="B4888" s="43"/>
      <c r="C4888" s="73"/>
      <c r="D4888" s="64"/>
      <c r="E4888" s="55"/>
      <c r="F4888" s="74"/>
      <c r="G4888" s="74"/>
      <c r="H4888" s="74"/>
      <c r="I4888" s="75"/>
      <c r="J4888" s="74"/>
      <c r="L4888" s="55"/>
      <c r="M4888" s="234"/>
      <c r="N4888" s="65"/>
      <c r="O4888" s="76"/>
      <c r="P4888" s="76"/>
      <c r="Q4888" s="65"/>
      <c r="R4888" s="76"/>
      <c r="S4888" s="76"/>
      <c r="T4888" s="76"/>
      <c r="U4888" s="76"/>
      <c r="V4888" s="76"/>
      <c r="W4888" s="76"/>
      <c r="X4888" s="76"/>
      <c r="Y4888" s="76"/>
      <c r="Z4888" s="76"/>
      <c r="AA4888" s="85"/>
      <c r="AB4888" s="85"/>
      <c r="AC4888" s="85"/>
      <c r="AD4888" s="85"/>
      <c r="AE4888" s="85"/>
      <c r="AF4888" s="85"/>
      <c r="AG4888" s="86"/>
      <c r="AH4888" s="85"/>
      <c r="AI4888" s="85"/>
      <c r="AJ4888" s="85"/>
      <c r="AK4888" s="85"/>
      <c r="AL4888" s="85"/>
      <c r="AM4888" s="92"/>
      <c r="AN4888" s="92"/>
      <c r="AO4888" s="92"/>
      <c r="AP4888" s="92"/>
      <c r="AQ4888" s="92"/>
      <c r="AR4888" s="92"/>
      <c r="AS4888" s="92"/>
      <c r="AT4888" s="92"/>
      <c r="AU4888" s="92"/>
      <c r="AV4888" s="92"/>
      <c r="AW4888" s="92"/>
      <c r="AX4888" s="92"/>
      <c r="AY4888" s="92"/>
      <c r="AZ4888" s="93"/>
      <c r="BA4888" s="93"/>
      <c r="BB4888" s="93"/>
      <c r="BC4888" s="93"/>
      <c r="BD4888" s="93"/>
      <c r="BE4888" s="93"/>
      <c r="BF4888" s="93"/>
      <c r="BG4888" s="93"/>
      <c r="BH4888" s="93"/>
      <c r="BI4888" s="93"/>
      <c r="BJ4888" s="93"/>
      <c r="BK4888" s="93"/>
      <c r="BL4888" s="93"/>
    </row>
    <row r="4889" spans="2:64" x14ac:dyDescent="0.2">
      <c r="B4889" s="43"/>
      <c r="C4889" s="73"/>
      <c r="D4889" s="64"/>
      <c r="E4889" s="55"/>
      <c r="F4889" s="74"/>
      <c r="G4889" s="74"/>
      <c r="H4889" s="74"/>
      <c r="I4889" s="75"/>
      <c r="J4889" s="74"/>
      <c r="L4889" s="55"/>
      <c r="M4889" s="234"/>
      <c r="N4889" s="65"/>
      <c r="O4889" s="76"/>
      <c r="P4889" s="76"/>
      <c r="Q4889" s="65"/>
      <c r="R4889" s="76"/>
      <c r="S4889" s="76"/>
      <c r="T4889" s="76"/>
      <c r="U4889" s="76"/>
      <c r="V4889" s="76"/>
      <c r="W4889" s="76"/>
      <c r="X4889" s="76"/>
      <c r="Y4889" s="76"/>
      <c r="Z4889" s="76"/>
      <c r="AA4889" s="85"/>
      <c r="AB4889" s="85"/>
      <c r="AC4889" s="85"/>
      <c r="AD4889" s="85"/>
      <c r="AE4889" s="85"/>
      <c r="AF4889" s="85"/>
      <c r="AG4889" s="86"/>
      <c r="AH4889" s="85"/>
      <c r="AI4889" s="85"/>
      <c r="AJ4889" s="85"/>
      <c r="AK4889" s="85"/>
      <c r="AL4889" s="85"/>
      <c r="AM4889" s="92"/>
      <c r="AN4889" s="92"/>
      <c r="AO4889" s="92"/>
      <c r="AP4889" s="92"/>
      <c r="AQ4889" s="92"/>
      <c r="AR4889" s="92"/>
      <c r="AS4889" s="92"/>
      <c r="AT4889" s="92"/>
      <c r="AU4889" s="92"/>
      <c r="AV4889" s="92"/>
      <c r="AW4889" s="92"/>
      <c r="AX4889" s="92"/>
      <c r="AY4889" s="92"/>
      <c r="AZ4889" s="93"/>
      <c r="BA4889" s="93"/>
      <c r="BB4889" s="93"/>
      <c r="BC4889" s="93"/>
      <c r="BD4889" s="93"/>
      <c r="BE4889" s="93"/>
      <c r="BF4889" s="93"/>
      <c r="BG4889" s="93"/>
      <c r="BH4889" s="93"/>
      <c r="BI4889" s="93"/>
      <c r="BJ4889" s="93"/>
      <c r="BK4889" s="93"/>
      <c r="BL4889" s="93"/>
    </row>
    <row r="4890" spans="2:64" x14ac:dyDescent="0.2">
      <c r="B4890" s="43"/>
      <c r="C4890" s="73"/>
      <c r="D4890" s="64"/>
      <c r="E4890" s="55"/>
      <c r="F4890" s="74"/>
      <c r="G4890" s="74"/>
      <c r="H4890" s="74"/>
      <c r="I4890" s="75"/>
      <c r="J4890" s="74"/>
      <c r="L4890" s="55"/>
      <c r="M4890" s="234"/>
      <c r="N4890" s="65"/>
      <c r="O4890" s="76"/>
      <c r="P4890" s="76"/>
      <c r="Q4890" s="65"/>
      <c r="R4890" s="76"/>
      <c r="S4890" s="76"/>
      <c r="T4890" s="76"/>
      <c r="U4890" s="76"/>
      <c r="V4890" s="76"/>
      <c r="W4890" s="76"/>
      <c r="X4890" s="76"/>
      <c r="Y4890" s="76"/>
      <c r="Z4890" s="76"/>
      <c r="AA4890" s="85"/>
      <c r="AB4890" s="85"/>
      <c r="AC4890" s="85"/>
      <c r="AD4890" s="85"/>
      <c r="AE4890" s="85"/>
      <c r="AF4890" s="85"/>
      <c r="AG4890" s="86"/>
      <c r="AH4890" s="85"/>
      <c r="AI4890" s="85"/>
      <c r="AJ4890" s="85"/>
      <c r="AK4890" s="85"/>
      <c r="AL4890" s="85"/>
      <c r="AM4890" s="92"/>
      <c r="AN4890" s="92"/>
      <c r="AO4890" s="92"/>
      <c r="AP4890" s="92"/>
      <c r="AQ4890" s="92"/>
      <c r="AR4890" s="92"/>
      <c r="AS4890" s="92"/>
      <c r="AT4890" s="92"/>
      <c r="AU4890" s="92"/>
      <c r="AV4890" s="92"/>
      <c r="AW4890" s="92"/>
      <c r="AX4890" s="92"/>
      <c r="AY4890" s="92"/>
      <c r="AZ4890" s="93"/>
      <c r="BA4890" s="93"/>
      <c r="BB4890" s="93"/>
      <c r="BC4890" s="93"/>
      <c r="BD4890" s="93"/>
      <c r="BE4890" s="93"/>
      <c r="BF4890" s="93"/>
      <c r="BG4890" s="93"/>
      <c r="BH4890" s="93"/>
      <c r="BI4890" s="93"/>
      <c r="BJ4890" s="93"/>
      <c r="BK4890" s="93"/>
      <c r="BL4890" s="93"/>
    </row>
    <row r="4891" spans="2:64" x14ac:dyDescent="0.2">
      <c r="B4891" s="43"/>
      <c r="C4891" s="73"/>
      <c r="D4891" s="64"/>
      <c r="E4891" s="55"/>
      <c r="F4891" s="74"/>
      <c r="G4891" s="74"/>
      <c r="H4891" s="74"/>
      <c r="I4891" s="75"/>
      <c r="J4891" s="74"/>
      <c r="L4891" s="55"/>
      <c r="M4891" s="234"/>
      <c r="N4891" s="65"/>
      <c r="O4891" s="76"/>
      <c r="P4891" s="76"/>
      <c r="Q4891" s="65"/>
      <c r="R4891" s="76"/>
      <c r="S4891" s="76"/>
      <c r="T4891" s="76"/>
      <c r="U4891" s="76"/>
      <c r="V4891" s="76"/>
      <c r="W4891" s="76"/>
      <c r="X4891" s="76"/>
      <c r="Y4891" s="76"/>
      <c r="Z4891" s="76"/>
      <c r="AA4891" s="85"/>
      <c r="AB4891" s="85"/>
      <c r="AC4891" s="85"/>
      <c r="AD4891" s="85"/>
      <c r="AE4891" s="85"/>
      <c r="AF4891" s="85"/>
      <c r="AG4891" s="86"/>
      <c r="AH4891" s="85"/>
      <c r="AI4891" s="85"/>
      <c r="AJ4891" s="85"/>
      <c r="AK4891" s="85"/>
      <c r="AL4891" s="85"/>
      <c r="AM4891" s="92"/>
      <c r="AN4891" s="92"/>
      <c r="AO4891" s="92"/>
      <c r="AP4891" s="92"/>
      <c r="AQ4891" s="92"/>
      <c r="AR4891" s="92"/>
      <c r="AS4891" s="92"/>
      <c r="AT4891" s="92"/>
      <c r="AU4891" s="92"/>
      <c r="AV4891" s="92"/>
      <c r="AW4891" s="92"/>
      <c r="AX4891" s="92"/>
      <c r="AY4891" s="92"/>
      <c r="AZ4891" s="93"/>
      <c r="BA4891" s="93"/>
      <c r="BB4891" s="93"/>
      <c r="BC4891" s="93"/>
      <c r="BD4891" s="93"/>
      <c r="BE4891" s="93"/>
      <c r="BF4891" s="93"/>
      <c r="BG4891" s="93"/>
      <c r="BH4891" s="93"/>
      <c r="BI4891" s="93"/>
      <c r="BJ4891" s="93"/>
      <c r="BK4891" s="93"/>
      <c r="BL4891" s="93"/>
    </row>
    <row r="4892" spans="2:64" x14ac:dyDescent="0.2">
      <c r="B4892" s="43"/>
      <c r="C4892" s="73"/>
      <c r="D4892" s="64"/>
      <c r="E4892" s="55"/>
      <c r="F4892" s="74"/>
      <c r="G4892" s="74"/>
      <c r="H4892" s="74"/>
      <c r="I4892" s="75"/>
      <c r="J4892" s="74"/>
      <c r="L4892" s="55"/>
      <c r="M4892" s="234"/>
      <c r="N4892" s="65"/>
      <c r="O4892" s="76"/>
      <c r="P4892" s="76"/>
      <c r="Q4892" s="65"/>
      <c r="R4892" s="76"/>
      <c r="S4892" s="76"/>
      <c r="T4892" s="76"/>
      <c r="U4892" s="76"/>
      <c r="V4892" s="76"/>
      <c r="W4892" s="76"/>
      <c r="X4892" s="76"/>
      <c r="Y4892" s="76"/>
      <c r="Z4892" s="76"/>
      <c r="AA4892" s="85"/>
      <c r="AB4892" s="85"/>
      <c r="AC4892" s="85"/>
      <c r="AD4892" s="85"/>
      <c r="AE4892" s="85"/>
      <c r="AF4892" s="85"/>
      <c r="AG4892" s="86"/>
      <c r="AH4892" s="85"/>
      <c r="AI4892" s="85"/>
      <c r="AJ4892" s="85"/>
      <c r="AK4892" s="85"/>
      <c r="AL4892" s="85"/>
      <c r="AM4892" s="92"/>
      <c r="AN4892" s="92"/>
      <c r="AO4892" s="92"/>
      <c r="AP4892" s="92"/>
      <c r="AQ4892" s="92"/>
      <c r="AR4892" s="92"/>
      <c r="AS4892" s="92"/>
      <c r="AT4892" s="92"/>
      <c r="AU4892" s="92"/>
      <c r="AV4892" s="92"/>
      <c r="AW4892" s="92"/>
      <c r="AX4892" s="92"/>
      <c r="AY4892" s="92"/>
      <c r="AZ4892" s="93"/>
      <c r="BA4892" s="93"/>
      <c r="BB4892" s="93"/>
      <c r="BC4892" s="93"/>
      <c r="BD4892" s="93"/>
      <c r="BE4892" s="93"/>
      <c r="BF4892" s="93"/>
      <c r="BG4892" s="93"/>
      <c r="BH4892" s="93"/>
      <c r="BI4892" s="93"/>
      <c r="BJ4892" s="93"/>
      <c r="BK4892" s="93"/>
      <c r="BL4892" s="93"/>
    </row>
    <row r="4893" spans="2:64" x14ac:dyDescent="0.2">
      <c r="B4893" s="43"/>
      <c r="C4893" s="73"/>
      <c r="D4893" s="64"/>
      <c r="E4893" s="55"/>
      <c r="F4893" s="74"/>
      <c r="G4893" s="74"/>
      <c r="H4893" s="74"/>
      <c r="I4893" s="75"/>
      <c r="J4893" s="74"/>
      <c r="L4893" s="55"/>
      <c r="M4893" s="234"/>
      <c r="N4893" s="65"/>
      <c r="O4893" s="76"/>
      <c r="P4893" s="76"/>
      <c r="Q4893" s="65"/>
      <c r="R4893" s="76"/>
      <c r="S4893" s="76"/>
      <c r="T4893" s="76"/>
      <c r="U4893" s="76"/>
      <c r="V4893" s="76"/>
      <c r="W4893" s="76"/>
      <c r="X4893" s="76"/>
      <c r="Y4893" s="76"/>
      <c r="Z4893" s="76"/>
      <c r="AA4893" s="85"/>
      <c r="AB4893" s="85"/>
      <c r="AC4893" s="85"/>
      <c r="AD4893" s="85"/>
      <c r="AE4893" s="85"/>
      <c r="AF4893" s="85"/>
      <c r="AG4893" s="86"/>
      <c r="AH4893" s="85"/>
      <c r="AI4893" s="85"/>
      <c r="AJ4893" s="85"/>
      <c r="AK4893" s="85"/>
      <c r="AL4893" s="85"/>
      <c r="AM4893" s="92"/>
      <c r="AN4893" s="92"/>
      <c r="AO4893" s="92"/>
      <c r="AP4893" s="92"/>
      <c r="AQ4893" s="92"/>
      <c r="AR4893" s="92"/>
      <c r="AS4893" s="92"/>
      <c r="AT4893" s="92"/>
      <c r="AU4893" s="92"/>
      <c r="AV4893" s="92"/>
      <c r="AW4893" s="92"/>
      <c r="AX4893" s="92"/>
      <c r="AY4893" s="92"/>
      <c r="AZ4893" s="93"/>
      <c r="BA4893" s="93"/>
      <c r="BB4893" s="93"/>
      <c r="BC4893" s="93"/>
      <c r="BD4893" s="93"/>
      <c r="BE4893" s="93"/>
      <c r="BF4893" s="93"/>
      <c r="BG4893" s="93"/>
      <c r="BH4893" s="93"/>
      <c r="BI4893" s="93"/>
      <c r="BJ4893" s="93"/>
      <c r="BK4893" s="93"/>
      <c r="BL4893" s="93"/>
    </row>
    <row r="4894" spans="2:64" x14ac:dyDescent="0.2">
      <c r="B4894" s="43"/>
      <c r="C4894" s="73"/>
      <c r="D4894" s="64"/>
      <c r="E4894" s="55"/>
      <c r="F4894" s="74"/>
      <c r="G4894" s="74"/>
      <c r="H4894" s="74"/>
      <c r="I4894" s="75"/>
      <c r="J4894" s="74"/>
      <c r="L4894" s="55"/>
      <c r="M4894" s="234"/>
      <c r="N4894" s="65"/>
      <c r="O4894" s="76"/>
      <c r="P4894" s="76"/>
      <c r="Q4894" s="65"/>
      <c r="R4894" s="76"/>
      <c r="S4894" s="76"/>
      <c r="T4894" s="76"/>
      <c r="U4894" s="76"/>
      <c r="V4894" s="76"/>
      <c r="W4894" s="76"/>
      <c r="X4894" s="76"/>
      <c r="Y4894" s="76"/>
      <c r="Z4894" s="76"/>
      <c r="AA4894" s="85"/>
      <c r="AB4894" s="85"/>
      <c r="AC4894" s="85"/>
      <c r="AD4894" s="85"/>
      <c r="AE4894" s="85"/>
      <c r="AF4894" s="85"/>
      <c r="AG4894" s="86"/>
      <c r="AH4894" s="85"/>
      <c r="AI4894" s="85"/>
      <c r="AJ4894" s="85"/>
      <c r="AK4894" s="85"/>
      <c r="AL4894" s="85"/>
      <c r="AM4894" s="92"/>
      <c r="AN4894" s="92"/>
      <c r="AO4894" s="92"/>
      <c r="AP4894" s="92"/>
      <c r="AQ4894" s="92"/>
      <c r="AR4894" s="92"/>
      <c r="AS4894" s="92"/>
      <c r="AT4894" s="92"/>
      <c r="AU4894" s="92"/>
      <c r="AV4894" s="92"/>
      <c r="AW4894" s="92"/>
      <c r="AX4894" s="92"/>
      <c r="AY4894" s="92"/>
      <c r="AZ4894" s="93"/>
      <c r="BA4894" s="93"/>
      <c r="BB4894" s="93"/>
      <c r="BC4894" s="93"/>
      <c r="BD4894" s="93"/>
      <c r="BE4894" s="93"/>
      <c r="BF4894" s="93"/>
      <c r="BG4894" s="93"/>
      <c r="BH4894" s="93"/>
      <c r="BI4894" s="93"/>
      <c r="BJ4894" s="93"/>
      <c r="BK4894" s="93"/>
      <c r="BL4894" s="93"/>
    </row>
    <row r="4895" spans="2:64" x14ac:dyDescent="0.2">
      <c r="B4895" s="43"/>
      <c r="C4895" s="73"/>
      <c r="D4895" s="64"/>
      <c r="E4895" s="55"/>
      <c r="F4895" s="74"/>
      <c r="G4895" s="74"/>
      <c r="H4895" s="74"/>
      <c r="I4895" s="75"/>
      <c r="J4895" s="74"/>
      <c r="L4895" s="55"/>
      <c r="M4895" s="234"/>
      <c r="N4895" s="65"/>
      <c r="O4895" s="76"/>
      <c r="P4895" s="76"/>
      <c r="Q4895" s="65"/>
      <c r="R4895" s="76"/>
      <c r="S4895" s="76"/>
      <c r="T4895" s="76"/>
      <c r="U4895" s="76"/>
      <c r="V4895" s="76"/>
      <c r="W4895" s="76"/>
      <c r="X4895" s="76"/>
      <c r="Y4895" s="76"/>
      <c r="Z4895" s="76"/>
      <c r="AA4895" s="85"/>
      <c r="AB4895" s="85"/>
      <c r="AC4895" s="85"/>
      <c r="AD4895" s="85"/>
      <c r="AE4895" s="85"/>
      <c r="AF4895" s="85"/>
      <c r="AG4895" s="86"/>
      <c r="AH4895" s="85"/>
      <c r="AI4895" s="85"/>
      <c r="AJ4895" s="85"/>
      <c r="AK4895" s="85"/>
      <c r="AL4895" s="85"/>
      <c r="AM4895" s="92"/>
      <c r="AN4895" s="92"/>
      <c r="AO4895" s="92"/>
      <c r="AP4895" s="92"/>
      <c r="AQ4895" s="92"/>
      <c r="AR4895" s="92"/>
      <c r="AS4895" s="92"/>
      <c r="AT4895" s="92"/>
      <c r="AU4895" s="92"/>
      <c r="AV4895" s="92"/>
      <c r="AW4895" s="92"/>
      <c r="AX4895" s="92"/>
      <c r="AY4895" s="92"/>
      <c r="AZ4895" s="93"/>
      <c r="BA4895" s="93"/>
      <c r="BB4895" s="93"/>
      <c r="BC4895" s="93"/>
      <c r="BD4895" s="93"/>
      <c r="BE4895" s="93"/>
      <c r="BF4895" s="93"/>
      <c r="BG4895" s="93"/>
      <c r="BH4895" s="93"/>
      <c r="BI4895" s="93"/>
      <c r="BJ4895" s="93"/>
      <c r="BK4895" s="93"/>
      <c r="BL4895" s="93"/>
    </row>
    <row r="4896" spans="2:64" x14ac:dyDescent="0.2">
      <c r="B4896" s="43"/>
      <c r="C4896" s="73"/>
      <c r="D4896" s="64"/>
      <c r="E4896" s="55"/>
      <c r="F4896" s="74"/>
      <c r="G4896" s="74"/>
      <c r="H4896" s="74"/>
      <c r="I4896" s="75"/>
      <c r="J4896" s="74"/>
      <c r="L4896" s="55"/>
      <c r="M4896" s="234"/>
      <c r="N4896" s="65"/>
      <c r="O4896" s="76"/>
      <c r="P4896" s="76"/>
      <c r="Q4896" s="65"/>
      <c r="R4896" s="76"/>
      <c r="S4896" s="76"/>
      <c r="T4896" s="76"/>
      <c r="U4896" s="76"/>
      <c r="V4896" s="76"/>
      <c r="W4896" s="76"/>
      <c r="X4896" s="76"/>
      <c r="Y4896" s="76"/>
      <c r="Z4896" s="76"/>
      <c r="AA4896" s="85"/>
      <c r="AB4896" s="85"/>
      <c r="AC4896" s="85"/>
      <c r="AD4896" s="85"/>
      <c r="AE4896" s="85"/>
      <c r="AF4896" s="85"/>
      <c r="AG4896" s="86"/>
      <c r="AH4896" s="85"/>
      <c r="AI4896" s="85"/>
      <c r="AJ4896" s="85"/>
      <c r="AK4896" s="85"/>
      <c r="AL4896" s="85"/>
      <c r="AM4896" s="92"/>
      <c r="AN4896" s="92"/>
      <c r="AO4896" s="92"/>
      <c r="AP4896" s="92"/>
      <c r="AQ4896" s="92"/>
      <c r="AR4896" s="92"/>
      <c r="AS4896" s="92"/>
      <c r="AT4896" s="92"/>
      <c r="AU4896" s="92"/>
      <c r="AV4896" s="92"/>
      <c r="AW4896" s="92"/>
      <c r="AX4896" s="92"/>
      <c r="AY4896" s="92"/>
      <c r="AZ4896" s="93"/>
      <c r="BA4896" s="93"/>
      <c r="BB4896" s="93"/>
      <c r="BC4896" s="93"/>
      <c r="BD4896" s="93"/>
      <c r="BE4896" s="93"/>
      <c r="BF4896" s="93"/>
      <c r="BG4896" s="93"/>
      <c r="BH4896" s="93"/>
      <c r="BI4896" s="93"/>
      <c r="BJ4896" s="93"/>
      <c r="BK4896" s="93"/>
      <c r="BL4896" s="93"/>
    </row>
    <row r="4897" spans="2:64" x14ac:dyDescent="0.2">
      <c r="B4897" s="43"/>
      <c r="C4897" s="73"/>
      <c r="D4897" s="64"/>
      <c r="E4897" s="55"/>
      <c r="F4897" s="74"/>
      <c r="G4897" s="74"/>
      <c r="H4897" s="74"/>
      <c r="I4897" s="75"/>
      <c r="J4897" s="74"/>
      <c r="L4897" s="55"/>
      <c r="M4897" s="234"/>
      <c r="N4897" s="65"/>
      <c r="O4897" s="76"/>
      <c r="P4897" s="76"/>
      <c r="Q4897" s="65"/>
      <c r="R4897" s="76"/>
      <c r="S4897" s="76"/>
      <c r="T4897" s="76"/>
      <c r="U4897" s="76"/>
      <c r="V4897" s="76"/>
      <c r="W4897" s="76"/>
      <c r="X4897" s="76"/>
      <c r="Y4897" s="76"/>
      <c r="Z4897" s="76"/>
      <c r="AA4897" s="85"/>
      <c r="AB4897" s="85"/>
      <c r="AC4897" s="85"/>
      <c r="AD4897" s="85"/>
      <c r="AE4897" s="85"/>
      <c r="AF4897" s="85"/>
      <c r="AG4897" s="86"/>
      <c r="AH4897" s="85"/>
      <c r="AI4897" s="85"/>
      <c r="AJ4897" s="85"/>
      <c r="AK4897" s="85"/>
      <c r="AL4897" s="85"/>
      <c r="AM4897" s="92"/>
      <c r="AN4897" s="92"/>
      <c r="AO4897" s="92"/>
      <c r="AP4897" s="92"/>
      <c r="AQ4897" s="92"/>
      <c r="AR4897" s="92"/>
      <c r="AS4897" s="92"/>
      <c r="AT4897" s="92"/>
      <c r="AU4897" s="92"/>
      <c r="AV4897" s="92"/>
      <c r="AW4897" s="92"/>
      <c r="AX4897" s="92"/>
      <c r="AY4897" s="92"/>
      <c r="AZ4897" s="93"/>
      <c r="BA4897" s="93"/>
      <c r="BB4897" s="93"/>
      <c r="BC4897" s="93"/>
      <c r="BD4897" s="93"/>
      <c r="BE4897" s="93"/>
      <c r="BF4897" s="93"/>
      <c r="BG4897" s="93"/>
      <c r="BH4897" s="93"/>
      <c r="BI4897" s="93"/>
      <c r="BJ4897" s="93"/>
      <c r="BK4897" s="93"/>
      <c r="BL4897" s="93"/>
    </row>
    <row r="4898" spans="2:64" x14ac:dyDescent="0.2">
      <c r="B4898" s="43"/>
      <c r="C4898" s="73"/>
      <c r="D4898" s="64"/>
      <c r="E4898" s="55"/>
      <c r="F4898" s="74"/>
      <c r="G4898" s="74"/>
      <c r="H4898" s="74"/>
      <c r="I4898" s="75"/>
      <c r="J4898" s="74"/>
      <c r="L4898" s="55"/>
      <c r="M4898" s="234"/>
      <c r="N4898" s="65"/>
      <c r="O4898" s="76"/>
      <c r="P4898" s="76"/>
      <c r="Q4898" s="65"/>
      <c r="R4898" s="76"/>
      <c r="S4898" s="76"/>
      <c r="T4898" s="76"/>
      <c r="U4898" s="76"/>
      <c r="V4898" s="76"/>
      <c r="W4898" s="76"/>
      <c r="X4898" s="76"/>
      <c r="Y4898" s="76"/>
      <c r="Z4898" s="76"/>
      <c r="AA4898" s="85"/>
      <c r="AB4898" s="85"/>
      <c r="AC4898" s="85"/>
      <c r="AD4898" s="85"/>
      <c r="AE4898" s="85"/>
      <c r="AF4898" s="85"/>
      <c r="AG4898" s="86"/>
      <c r="AH4898" s="85"/>
      <c r="AI4898" s="85"/>
      <c r="AJ4898" s="85"/>
      <c r="AK4898" s="85"/>
      <c r="AL4898" s="85"/>
      <c r="AM4898" s="92"/>
      <c r="AN4898" s="92"/>
      <c r="AO4898" s="92"/>
      <c r="AP4898" s="92"/>
      <c r="AQ4898" s="92"/>
      <c r="AR4898" s="92"/>
      <c r="AS4898" s="92"/>
      <c r="AT4898" s="92"/>
      <c r="AU4898" s="92"/>
      <c r="AV4898" s="92"/>
      <c r="AW4898" s="92"/>
      <c r="AX4898" s="92"/>
      <c r="AY4898" s="92"/>
      <c r="AZ4898" s="93"/>
      <c r="BA4898" s="93"/>
      <c r="BB4898" s="93"/>
      <c r="BC4898" s="93"/>
      <c r="BD4898" s="93"/>
      <c r="BE4898" s="93"/>
      <c r="BF4898" s="93"/>
      <c r="BG4898" s="93"/>
      <c r="BH4898" s="93"/>
      <c r="BI4898" s="93"/>
      <c r="BJ4898" s="93"/>
      <c r="BK4898" s="93"/>
      <c r="BL4898" s="93"/>
    </row>
    <row r="4899" spans="2:64" x14ac:dyDescent="0.2">
      <c r="B4899" s="43"/>
      <c r="C4899" s="73"/>
      <c r="D4899" s="64"/>
      <c r="E4899" s="55"/>
      <c r="F4899" s="74"/>
      <c r="G4899" s="74"/>
      <c r="H4899" s="74"/>
      <c r="I4899" s="75"/>
      <c r="J4899" s="74"/>
      <c r="L4899" s="55"/>
      <c r="M4899" s="234"/>
      <c r="N4899" s="65"/>
      <c r="O4899" s="76"/>
      <c r="P4899" s="76"/>
      <c r="Q4899" s="65"/>
      <c r="R4899" s="76"/>
      <c r="S4899" s="76"/>
      <c r="T4899" s="76"/>
      <c r="U4899" s="76"/>
      <c r="V4899" s="76"/>
      <c r="W4899" s="76"/>
      <c r="X4899" s="76"/>
      <c r="Y4899" s="76"/>
      <c r="Z4899" s="76"/>
      <c r="AA4899" s="85"/>
      <c r="AB4899" s="85"/>
      <c r="AC4899" s="85"/>
      <c r="AD4899" s="85"/>
      <c r="AE4899" s="85"/>
      <c r="AF4899" s="85"/>
      <c r="AG4899" s="86"/>
      <c r="AH4899" s="85"/>
      <c r="AI4899" s="85"/>
      <c r="AJ4899" s="85"/>
      <c r="AK4899" s="85"/>
      <c r="AL4899" s="85"/>
      <c r="AM4899" s="92"/>
      <c r="AN4899" s="92"/>
      <c r="AO4899" s="92"/>
      <c r="AP4899" s="92"/>
      <c r="AQ4899" s="92"/>
      <c r="AR4899" s="92"/>
      <c r="AS4899" s="92"/>
      <c r="AT4899" s="92"/>
      <c r="AU4899" s="92"/>
      <c r="AV4899" s="92"/>
      <c r="AW4899" s="92"/>
      <c r="AX4899" s="92"/>
      <c r="AY4899" s="92"/>
      <c r="AZ4899" s="93"/>
      <c r="BA4899" s="93"/>
      <c r="BB4899" s="93"/>
      <c r="BC4899" s="93"/>
      <c r="BD4899" s="93"/>
      <c r="BE4899" s="93"/>
      <c r="BF4899" s="93"/>
      <c r="BG4899" s="93"/>
      <c r="BH4899" s="93"/>
      <c r="BI4899" s="93"/>
      <c r="BJ4899" s="93"/>
      <c r="BK4899" s="93"/>
      <c r="BL4899" s="93"/>
    </row>
    <row r="4900" spans="2:64" x14ac:dyDescent="0.2">
      <c r="B4900" s="43"/>
      <c r="C4900" s="73"/>
      <c r="D4900" s="64"/>
      <c r="E4900" s="55"/>
      <c r="F4900" s="74"/>
      <c r="G4900" s="74"/>
      <c r="H4900" s="74"/>
      <c r="I4900" s="75"/>
      <c r="J4900" s="74"/>
      <c r="L4900" s="55"/>
      <c r="M4900" s="234"/>
      <c r="N4900" s="65"/>
      <c r="O4900" s="76"/>
      <c r="P4900" s="76"/>
      <c r="Q4900" s="65"/>
      <c r="R4900" s="76"/>
      <c r="S4900" s="76"/>
      <c r="T4900" s="76"/>
      <c r="U4900" s="76"/>
      <c r="V4900" s="76"/>
      <c r="W4900" s="76"/>
      <c r="X4900" s="76"/>
      <c r="Y4900" s="76"/>
      <c r="Z4900" s="76"/>
      <c r="AA4900" s="85"/>
      <c r="AB4900" s="85"/>
      <c r="AC4900" s="85"/>
      <c r="AD4900" s="85"/>
      <c r="AE4900" s="85"/>
      <c r="AF4900" s="85"/>
      <c r="AG4900" s="86"/>
      <c r="AH4900" s="85"/>
      <c r="AI4900" s="85"/>
      <c r="AJ4900" s="85"/>
      <c r="AK4900" s="85"/>
      <c r="AL4900" s="85"/>
      <c r="AM4900" s="92"/>
      <c r="AN4900" s="92"/>
      <c r="AO4900" s="92"/>
      <c r="AP4900" s="92"/>
      <c r="AQ4900" s="92"/>
      <c r="AR4900" s="92"/>
      <c r="AS4900" s="92"/>
      <c r="AT4900" s="92"/>
      <c r="AU4900" s="92"/>
      <c r="AV4900" s="92"/>
      <c r="AW4900" s="92"/>
      <c r="AX4900" s="92"/>
      <c r="AY4900" s="92"/>
      <c r="AZ4900" s="93"/>
      <c r="BA4900" s="93"/>
      <c r="BB4900" s="93"/>
      <c r="BC4900" s="93"/>
      <c r="BD4900" s="93"/>
      <c r="BE4900" s="93"/>
      <c r="BF4900" s="93"/>
      <c r="BG4900" s="93"/>
      <c r="BH4900" s="93"/>
      <c r="BI4900" s="93"/>
      <c r="BJ4900" s="93"/>
      <c r="BK4900" s="93"/>
      <c r="BL4900" s="93"/>
    </row>
    <row r="4901" spans="2:64" x14ac:dyDescent="0.2">
      <c r="B4901" s="43"/>
      <c r="C4901" s="73"/>
      <c r="D4901" s="64"/>
      <c r="E4901" s="55"/>
      <c r="F4901" s="74"/>
      <c r="G4901" s="74"/>
      <c r="H4901" s="74"/>
      <c r="I4901" s="75"/>
      <c r="J4901" s="74"/>
      <c r="L4901" s="55"/>
      <c r="M4901" s="234"/>
      <c r="N4901" s="65"/>
      <c r="O4901" s="76"/>
      <c r="P4901" s="76"/>
      <c r="Q4901" s="65"/>
      <c r="R4901" s="76"/>
      <c r="S4901" s="76"/>
      <c r="T4901" s="76"/>
      <c r="U4901" s="76"/>
      <c r="V4901" s="76"/>
      <c r="W4901" s="76"/>
      <c r="X4901" s="76"/>
      <c r="Y4901" s="76"/>
      <c r="Z4901" s="76"/>
      <c r="AA4901" s="85"/>
      <c r="AB4901" s="85"/>
      <c r="AC4901" s="85"/>
      <c r="AD4901" s="85"/>
      <c r="AE4901" s="85"/>
      <c r="AF4901" s="85"/>
      <c r="AG4901" s="86"/>
      <c r="AH4901" s="85"/>
      <c r="AI4901" s="85"/>
      <c r="AJ4901" s="85"/>
      <c r="AK4901" s="85"/>
      <c r="AL4901" s="85"/>
      <c r="AM4901" s="92"/>
      <c r="AN4901" s="92"/>
      <c r="AO4901" s="92"/>
      <c r="AP4901" s="92"/>
      <c r="AQ4901" s="92"/>
      <c r="AR4901" s="92"/>
      <c r="AS4901" s="92"/>
      <c r="AT4901" s="92"/>
      <c r="AU4901" s="92"/>
      <c r="AV4901" s="92"/>
      <c r="AW4901" s="92"/>
      <c r="AX4901" s="92"/>
      <c r="AY4901" s="92"/>
      <c r="AZ4901" s="93"/>
      <c r="BA4901" s="93"/>
      <c r="BB4901" s="93"/>
      <c r="BC4901" s="93"/>
      <c r="BD4901" s="93"/>
      <c r="BE4901" s="93"/>
      <c r="BF4901" s="93"/>
      <c r="BG4901" s="93"/>
      <c r="BH4901" s="93"/>
      <c r="BI4901" s="93"/>
      <c r="BJ4901" s="93"/>
      <c r="BK4901" s="93"/>
      <c r="BL4901" s="93"/>
    </row>
    <row r="4902" spans="2:64" x14ac:dyDescent="0.2">
      <c r="B4902" s="43"/>
      <c r="C4902" s="73"/>
      <c r="D4902" s="64"/>
      <c r="E4902" s="55"/>
      <c r="F4902" s="74"/>
      <c r="G4902" s="74"/>
      <c r="H4902" s="74"/>
      <c r="I4902" s="75"/>
      <c r="J4902" s="74"/>
      <c r="L4902" s="55"/>
      <c r="M4902" s="234"/>
      <c r="N4902" s="65"/>
      <c r="O4902" s="76"/>
      <c r="P4902" s="76"/>
      <c r="Q4902" s="65"/>
      <c r="R4902" s="76"/>
      <c r="S4902" s="76"/>
      <c r="T4902" s="76"/>
      <c r="U4902" s="76"/>
      <c r="V4902" s="76"/>
      <c r="W4902" s="76"/>
      <c r="X4902" s="76"/>
      <c r="Y4902" s="76"/>
      <c r="Z4902" s="76"/>
      <c r="AA4902" s="85"/>
      <c r="AB4902" s="85"/>
      <c r="AC4902" s="85"/>
      <c r="AD4902" s="85"/>
      <c r="AE4902" s="85"/>
      <c r="AF4902" s="85"/>
      <c r="AG4902" s="86"/>
      <c r="AH4902" s="85"/>
      <c r="AI4902" s="85"/>
      <c r="AJ4902" s="85"/>
      <c r="AK4902" s="85"/>
      <c r="AL4902" s="85"/>
      <c r="AM4902" s="92"/>
      <c r="AN4902" s="92"/>
      <c r="AO4902" s="92"/>
      <c r="AP4902" s="92"/>
      <c r="AQ4902" s="92"/>
      <c r="AR4902" s="92"/>
      <c r="AS4902" s="92"/>
      <c r="AT4902" s="92"/>
      <c r="AU4902" s="92"/>
      <c r="AV4902" s="92"/>
      <c r="AW4902" s="92"/>
      <c r="AX4902" s="92"/>
      <c r="AY4902" s="92"/>
      <c r="AZ4902" s="93"/>
      <c r="BA4902" s="93"/>
      <c r="BB4902" s="93"/>
      <c r="BC4902" s="93"/>
      <c r="BD4902" s="93"/>
      <c r="BE4902" s="93"/>
      <c r="BF4902" s="93"/>
      <c r="BG4902" s="93"/>
      <c r="BH4902" s="93"/>
      <c r="BI4902" s="93"/>
      <c r="BJ4902" s="93"/>
      <c r="BK4902" s="93"/>
      <c r="BL4902" s="93"/>
    </row>
    <row r="4903" spans="2:64" x14ac:dyDescent="0.2">
      <c r="B4903" s="43"/>
      <c r="C4903" s="73"/>
      <c r="D4903" s="64"/>
      <c r="E4903" s="55"/>
      <c r="F4903" s="74"/>
      <c r="G4903" s="74"/>
      <c r="H4903" s="74"/>
      <c r="I4903" s="75"/>
      <c r="J4903" s="74"/>
      <c r="L4903" s="55"/>
      <c r="M4903" s="234"/>
      <c r="N4903" s="65"/>
      <c r="O4903" s="76"/>
      <c r="P4903" s="76"/>
      <c r="Q4903" s="65"/>
      <c r="R4903" s="76"/>
      <c r="S4903" s="76"/>
      <c r="T4903" s="76"/>
      <c r="U4903" s="76"/>
      <c r="V4903" s="76"/>
      <c r="W4903" s="76"/>
      <c r="X4903" s="76"/>
      <c r="Y4903" s="76"/>
      <c r="Z4903" s="76"/>
      <c r="AA4903" s="85"/>
      <c r="AB4903" s="85"/>
      <c r="AC4903" s="85"/>
      <c r="AD4903" s="85"/>
      <c r="AE4903" s="85"/>
      <c r="AF4903" s="85"/>
      <c r="AG4903" s="86"/>
      <c r="AH4903" s="85"/>
      <c r="AI4903" s="85"/>
      <c r="AJ4903" s="85"/>
      <c r="AK4903" s="85"/>
      <c r="AL4903" s="85"/>
      <c r="AM4903" s="92"/>
      <c r="AN4903" s="92"/>
      <c r="AO4903" s="92"/>
      <c r="AP4903" s="92"/>
      <c r="AQ4903" s="92"/>
      <c r="AR4903" s="92"/>
      <c r="AS4903" s="92"/>
      <c r="AT4903" s="92"/>
      <c r="AU4903" s="92"/>
      <c r="AV4903" s="92"/>
      <c r="AW4903" s="92"/>
      <c r="AX4903" s="92"/>
      <c r="AY4903" s="92"/>
      <c r="AZ4903" s="93"/>
      <c r="BA4903" s="93"/>
      <c r="BB4903" s="93"/>
      <c r="BC4903" s="93"/>
      <c r="BD4903" s="93"/>
      <c r="BE4903" s="93"/>
      <c r="BF4903" s="93"/>
      <c r="BG4903" s="93"/>
      <c r="BH4903" s="93"/>
      <c r="BI4903" s="93"/>
      <c r="BJ4903" s="93"/>
      <c r="BK4903" s="93"/>
      <c r="BL4903" s="93"/>
    </row>
    <row r="4904" spans="2:64" x14ac:dyDescent="0.2">
      <c r="B4904" s="43"/>
      <c r="C4904" s="73"/>
      <c r="D4904" s="64"/>
      <c r="E4904" s="55"/>
      <c r="F4904" s="74"/>
      <c r="G4904" s="74"/>
      <c r="H4904" s="74"/>
      <c r="I4904" s="75"/>
      <c r="J4904" s="74"/>
      <c r="L4904" s="55"/>
      <c r="M4904" s="234"/>
      <c r="N4904" s="65"/>
      <c r="O4904" s="76"/>
      <c r="P4904" s="76"/>
      <c r="Q4904" s="65"/>
      <c r="R4904" s="76"/>
      <c r="S4904" s="76"/>
      <c r="T4904" s="76"/>
      <c r="U4904" s="76"/>
      <c r="V4904" s="76"/>
      <c r="W4904" s="76"/>
      <c r="X4904" s="76"/>
      <c r="Y4904" s="76"/>
      <c r="Z4904" s="76"/>
      <c r="AA4904" s="85"/>
      <c r="AB4904" s="85"/>
      <c r="AC4904" s="85"/>
      <c r="AD4904" s="85"/>
      <c r="AE4904" s="85"/>
      <c r="AF4904" s="85"/>
      <c r="AG4904" s="86"/>
      <c r="AH4904" s="85"/>
      <c r="AI4904" s="85"/>
      <c r="AJ4904" s="85"/>
      <c r="AK4904" s="85"/>
      <c r="AL4904" s="85"/>
      <c r="AM4904" s="92"/>
      <c r="AN4904" s="92"/>
      <c r="AO4904" s="92"/>
      <c r="AP4904" s="92"/>
      <c r="AQ4904" s="92"/>
      <c r="AR4904" s="92"/>
      <c r="AS4904" s="92"/>
      <c r="AT4904" s="92"/>
      <c r="AU4904" s="92"/>
      <c r="AV4904" s="92"/>
      <c r="AW4904" s="92"/>
      <c r="AX4904" s="92"/>
      <c r="AY4904" s="92"/>
      <c r="AZ4904" s="93"/>
      <c r="BA4904" s="93"/>
      <c r="BB4904" s="93"/>
      <c r="BC4904" s="93"/>
      <c r="BD4904" s="93"/>
      <c r="BE4904" s="93"/>
      <c r="BF4904" s="93"/>
      <c r="BG4904" s="93"/>
      <c r="BH4904" s="93"/>
      <c r="BI4904" s="93"/>
      <c r="BJ4904" s="93"/>
      <c r="BK4904" s="93"/>
      <c r="BL4904" s="93"/>
    </row>
    <row r="4905" spans="2:64" x14ac:dyDescent="0.2">
      <c r="B4905" s="43"/>
      <c r="C4905" s="73"/>
      <c r="D4905" s="64"/>
      <c r="E4905" s="55"/>
      <c r="F4905" s="74"/>
      <c r="G4905" s="74"/>
      <c r="H4905" s="74"/>
      <c r="I4905" s="75"/>
      <c r="J4905" s="74"/>
      <c r="L4905" s="55"/>
      <c r="M4905" s="234"/>
      <c r="N4905" s="65"/>
      <c r="O4905" s="76"/>
      <c r="P4905" s="76"/>
      <c r="Q4905" s="65"/>
      <c r="R4905" s="76"/>
      <c r="S4905" s="76"/>
      <c r="T4905" s="76"/>
      <c r="U4905" s="76"/>
      <c r="V4905" s="76"/>
      <c r="W4905" s="76"/>
      <c r="X4905" s="76"/>
      <c r="Y4905" s="76"/>
      <c r="Z4905" s="76"/>
      <c r="AA4905" s="85"/>
      <c r="AB4905" s="85"/>
      <c r="AC4905" s="85"/>
      <c r="AD4905" s="85"/>
      <c r="AE4905" s="85"/>
      <c r="AF4905" s="85"/>
      <c r="AG4905" s="86"/>
      <c r="AH4905" s="85"/>
      <c r="AI4905" s="85"/>
      <c r="AJ4905" s="85"/>
      <c r="AK4905" s="85"/>
      <c r="AL4905" s="85"/>
      <c r="AM4905" s="92"/>
      <c r="AN4905" s="92"/>
      <c r="AO4905" s="92"/>
      <c r="AP4905" s="92"/>
      <c r="AQ4905" s="92"/>
      <c r="AR4905" s="92"/>
      <c r="AS4905" s="92"/>
      <c r="AT4905" s="92"/>
      <c r="AU4905" s="92"/>
      <c r="AV4905" s="92"/>
      <c r="AW4905" s="92"/>
      <c r="AX4905" s="92"/>
      <c r="AY4905" s="92"/>
      <c r="AZ4905" s="93"/>
      <c r="BA4905" s="93"/>
      <c r="BB4905" s="93"/>
      <c r="BC4905" s="93"/>
      <c r="BD4905" s="93"/>
      <c r="BE4905" s="93"/>
      <c r="BF4905" s="93"/>
      <c r="BG4905" s="93"/>
      <c r="BH4905" s="93"/>
      <c r="BI4905" s="93"/>
      <c r="BJ4905" s="93"/>
      <c r="BK4905" s="93"/>
      <c r="BL4905" s="93"/>
    </row>
    <row r="4906" spans="2:64" x14ac:dyDescent="0.2">
      <c r="B4906" s="43"/>
      <c r="C4906" s="73"/>
      <c r="D4906" s="64"/>
      <c r="E4906" s="55"/>
      <c r="F4906" s="74"/>
      <c r="G4906" s="74"/>
      <c r="H4906" s="74"/>
      <c r="I4906" s="75"/>
      <c r="J4906" s="74"/>
      <c r="L4906" s="55"/>
      <c r="M4906" s="234"/>
      <c r="N4906" s="65"/>
      <c r="O4906" s="76"/>
      <c r="P4906" s="76"/>
      <c r="Q4906" s="65"/>
      <c r="R4906" s="76"/>
      <c r="S4906" s="76"/>
      <c r="T4906" s="76"/>
      <c r="U4906" s="76"/>
      <c r="V4906" s="76"/>
      <c r="W4906" s="76"/>
      <c r="X4906" s="76"/>
      <c r="Y4906" s="76"/>
      <c r="Z4906" s="76"/>
      <c r="AA4906" s="85"/>
      <c r="AB4906" s="85"/>
      <c r="AC4906" s="85"/>
      <c r="AD4906" s="85"/>
      <c r="AE4906" s="85"/>
      <c r="AF4906" s="85"/>
      <c r="AG4906" s="86"/>
      <c r="AH4906" s="85"/>
      <c r="AI4906" s="85"/>
      <c r="AJ4906" s="85"/>
      <c r="AK4906" s="85"/>
      <c r="AL4906" s="85"/>
      <c r="AM4906" s="92"/>
      <c r="AN4906" s="92"/>
      <c r="AO4906" s="92"/>
      <c r="AP4906" s="92"/>
      <c r="AQ4906" s="92"/>
      <c r="AR4906" s="92"/>
      <c r="AS4906" s="92"/>
      <c r="AT4906" s="92"/>
      <c r="AU4906" s="92"/>
      <c r="AV4906" s="92"/>
      <c r="AW4906" s="92"/>
      <c r="AX4906" s="92"/>
      <c r="AY4906" s="92"/>
      <c r="AZ4906" s="93"/>
      <c r="BA4906" s="93"/>
      <c r="BB4906" s="93"/>
      <c r="BC4906" s="93"/>
      <c r="BD4906" s="93"/>
      <c r="BE4906" s="93"/>
      <c r="BF4906" s="93"/>
      <c r="BG4906" s="93"/>
      <c r="BH4906" s="93"/>
      <c r="BI4906" s="93"/>
      <c r="BJ4906" s="93"/>
      <c r="BK4906" s="93"/>
      <c r="BL4906" s="93"/>
    </row>
    <row r="4907" spans="2:64" x14ac:dyDescent="0.2">
      <c r="B4907" s="43"/>
      <c r="C4907" s="73"/>
      <c r="D4907" s="64"/>
      <c r="E4907" s="55"/>
      <c r="F4907" s="74"/>
      <c r="G4907" s="74"/>
      <c r="H4907" s="74"/>
      <c r="I4907" s="75"/>
      <c r="J4907" s="74"/>
      <c r="L4907" s="55"/>
      <c r="M4907" s="234"/>
      <c r="N4907" s="65"/>
      <c r="O4907" s="76"/>
      <c r="P4907" s="76"/>
      <c r="Q4907" s="65"/>
      <c r="R4907" s="76"/>
      <c r="S4907" s="76"/>
      <c r="T4907" s="76"/>
      <c r="U4907" s="76"/>
      <c r="V4907" s="76"/>
      <c r="W4907" s="76"/>
      <c r="X4907" s="76"/>
      <c r="Y4907" s="76"/>
      <c r="Z4907" s="76"/>
      <c r="AA4907" s="85"/>
      <c r="AB4907" s="85"/>
      <c r="AC4907" s="85"/>
      <c r="AD4907" s="85"/>
      <c r="AE4907" s="85"/>
      <c r="AF4907" s="85"/>
      <c r="AG4907" s="86"/>
      <c r="AH4907" s="85"/>
      <c r="AI4907" s="85"/>
      <c r="AJ4907" s="85"/>
      <c r="AK4907" s="85"/>
      <c r="AL4907" s="85"/>
      <c r="AM4907" s="92"/>
      <c r="AN4907" s="92"/>
      <c r="AO4907" s="92"/>
      <c r="AP4907" s="92"/>
      <c r="AQ4907" s="92"/>
      <c r="AR4907" s="92"/>
      <c r="AS4907" s="92"/>
      <c r="AT4907" s="92"/>
      <c r="AU4907" s="92"/>
      <c r="AV4907" s="92"/>
      <c r="AW4907" s="92"/>
      <c r="AX4907" s="92"/>
      <c r="AY4907" s="92"/>
      <c r="AZ4907" s="93"/>
      <c r="BA4907" s="93"/>
      <c r="BB4907" s="93"/>
      <c r="BC4907" s="93"/>
      <c r="BD4907" s="93"/>
      <c r="BE4907" s="93"/>
      <c r="BF4907" s="93"/>
      <c r="BG4907" s="93"/>
      <c r="BH4907" s="93"/>
      <c r="BI4907" s="93"/>
      <c r="BJ4907" s="93"/>
      <c r="BK4907" s="93"/>
      <c r="BL4907" s="93"/>
    </row>
    <row r="4908" spans="2:64" x14ac:dyDescent="0.2">
      <c r="B4908" s="43"/>
      <c r="C4908" s="73"/>
      <c r="D4908" s="64"/>
      <c r="E4908" s="55"/>
      <c r="F4908" s="74"/>
      <c r="G4908" s="74"/>
      <c r="H4908" s="74"/>
      <c r="I4908" s="75"/>
      <c r="J4908" s="74"/>
      <c r="L4908" s="55"/>
      <c r="M4908" s="234"/>
      <c r="N4908" s="65"/>
      <c r="O4908" s="76"/>
      <c r="P4908" s="76"/>
      <c r="Q4908" s="65"/>
      <c r="R4908" s="76"/>
      <c r="S4908" s="76"/>
      <c r="T4908" s="76"/>
      <c r="U4908" s="76"/>
      <c r="V4908" s="76"/>
      <c r="W4908" s="76"/>
      <c r="X4908" s="76"/>
      <c r="Y4908" s="76"/>
      <c r="Z4908" s="76"/>
      <c r="AA4908" s="85"/>
      <c r="AB4908" s="85"/>
      <c r="AC4908" s="85"/>
      <c r="AD4908" s="85"/>
      <c r="AE4908" s="85"/>
      <c r="AF4908" s="85"/>
      <c r="AG4908" s="86"/>
      <c r="AH4908" s="85"/>
      <c r="AI4908" s="85"/>
      <c r="AJ4908" s="85"/>
      <c r="AK4908" s="85"/>
      <c r="AL4908" s="85"/>
      <c r="AM4908" s="92"/>
      <c r="AN4908" s="92"/>
      <c r="AO4908" s="92"/>
      <c r="AP4908" s="92"/>
      <c r="AQ4908" s="92"/>
      <c r="AR4908" s="92"/>
      <c r="AS4908" s="92"/>
      <c r="AT4908" s="92"/>
      <c r="AU4908" s="92"/>
      <c r="AV4908" s="92"/>
      <c r="AW4908" s="92"/>
      <c r="AX4908" s="92"/>
      <c r="AY4908" s="92"/>
      <c r="AZ4908" s="93"/>
      <c r="BA4908" s="93"/>
      <c r="BB4908" s="93"/>
      <c r="BC4908" s="93"/>
      <c r="BD4908" s="93"/>
      <c r="BE4908" s="93"/>
      <c r="BF4908" s="93"/>
      <c r="BG4908" s="93"/>
      <c r="BH4908" s="93"/>
      <c r="BI4908" s="93"/>
      <c r="BJ4908" s="93"/>
      <c r="BK4908" s="93"/>
      <c r="BL4908" s="93"/>
    </row>
    <row r="4909" spans="2:64" x14ac:dyDescent="0.2">
      <c r="B4909" s="43"/>
      <c r="C4909" s="73"/>
      <c r="D4909" s="64"/>
      <c r="E4909" s="55"/>
      <c r="F4909" s="74"/>
      <c r="G4909" s="74"/>
      <c r="H4909" s="74"/>
      <c r="I4909" s="75"/>
      <c r="J4909" s="74"/>
      <c r="L4909" s="55"/>
      <c r="M4909" s="234"/>
      <c r="N4909" s="65"/>
      <c r="O4909" s="76"/>
      <c r="P4909" s="76"/>
      <c r="Q4909" s="65"/>
      <c r="R4909" s="76"/>
      <c r="S4909" s="76"/>
      <c r="T4909" s="76"/>
      <c r="U4909" s="76"/>
      <c r="V4909" s="76"/>
      <c r="W4909" s="76"/>
      <c r="X4909" s="76"/>
      <c r="Y4909" s="76"/>
      <c r="Z4909" s="76"/>
      <c r="AA4909" s="85"/>
      <c r="AB4909" s="85"/>
      <c r="AC4909" s="85"/>
      <c r="AD4909" s="85"/>
      <c r="AE4909" s="85"/>
      <c r="AF4909" s="85"/>
      <c r="AG4909" s="86"/>
      <c r="AH4909" s="85"/>
      <c r="AI4909" s="85"/>
      <c r="AJ4909" s="85"/>
      <c r="AK4909" s="85"/>
      <c r="AL4909" s="85"/>
      <c r="AM4909" s="92"/>
      <c r="AN4909" s="92"/>
      <c r="AO4909" s="92"/>
      <c r="AP4909" s="92"/>
      <c r="AQ4909" s="92"/>
      <c r="AR4909" s="92"/>
      <c r="AS4909" s="92"/>
      <c r="AT4909" s="92"/>
      <c r="AU4909" s="92"/>
      <c r="AV4909" s="92"/>
      <c r="AW4909" s="92"/>
      <c r="AX4909" s="92"/>
      <c r="AY4909" s="92"/>
      <c r="AZ4909" s="93"/>
      <c r="BA4909" s="93"/>
      <c r="BB4909" s="93"/>
      <c r="BC4909" s="93"/>
      <c r="BD4909" s="93"/>
      <c r="BE4909" s="93"/>
      <c r="BF4909" s="93"/>
      <c r="BG4909" s="93"/>
      <c r="BH4909" s="93"/>
      <c r="BI4909" s="93"/>
      <c r="BJ4909" s="93"/>
      <c r="BK4909" s="93"/>
      <c r="BL4909" s="93"/>
    </row>
    <row r="4910" spans="2:64" x14ac:dyDescent="0.2">
      <c r="B4910" s="43"/>
      <c r="C4910" s="73"/>
      <c r="D4910" s="64"/>
      <c r="E4910" s="55"/>
      <c r="F4910" s="74"/>
      <c r="G4910" s="74"/>
      <c r="H4910" s="74"/>
      <c r="I4910" s="75"/>
      <c r="J4910" s="74"/>
      <c r="L4910" s="55"/>
      <c r="M4910" s="234"/>
      <c r="N4910" s="65"/>
      <c r="O4910" s="76"/>
      <c r="P4910" s="76"/>
      <c r="Q4910" s="65"/>
      <c r="R4910" s="76"/>
      <c r="S4910" s="76"/>
      <c r="T4910" s="76"/>
      <c r="U4910" s="76"/>
      <c r="V4910" s="76"/>
      <c r="W4910" s="76"/>
      <c r="X4910" s="76"/>
      <c r="Y4910" s="76"/>
      <c r="Z4910" s="76"/>
      <c r="AA4910" s="85"/>
      <c r="AB4910" s="85"/>
      <c r="AC4910" s="85"/>
      <c r="AD4910" s="85"/>
      <c r="AE4910" s="85"/>
      <c r="AF4910" s="85"/>
      <c r="AG4910" s="86"/>
      <c r="AH4910" s="85"/>
      <c r="AI4910" s="85"/>
      <c r="AJ4910" s="85"/>
      <c r="AK4910" s="85"/>
      <c r="AL4910" s="85"/>
      <c r="AM4910" s="92"/>
      <c r="AN4910" s="92"/>
      <c r="AO4910" s="92"/>
      <c r="AP4910" s="92"/>
      <c r="AQ4910" s="92"/>
      <c r="AR4910" s="92"/>
      <c r="AS4910" s="92"/>
      <c r="AT4910" s="92"/>
      <c r="AU4910" s="92"/>
      <c r="AV4910" s="92"/>
      <c r="AW4910" s="92"/>
      <c r="AX4910" s="92"/>
      <c r="AY4910" s="92"/>
      <c r="AZ4910" s="93"/>
      <c r="BA4910" s="93"/>
      <c r="BB4910" s="93"/>
      <c r="BC4910" s="93"/>
      <c r="BD4910" s="93"/>
      <c r="BE4910" s="93"/>
      <c r="BF4910" s="93"/>
      <c r="BG4910" s="93"/>
      <c r="BH4910" s="93"/>
      <c r="BI4910" s="93"/>
      <c r="BJ4910" s="93"/>
      <c r="BK4910" s="93"/>
      <c r="BL4910" s="93"/>
    </row>
    <row r="4911" spans="2:64" x14ac:dyDescent="0.2">
      <c r="B4911" s="43"/>
      <c r="C4911" s="73"/>
      <c r="D4911" s="64"/>
      <c r="E4911" s="55"/>
      <c r="F4911" s="74"/>
      <c r="G4911" s="74"/>
      <c r="H4911" s="74"/>
      <c r="I4911" s="75"/>
      <c r="J4911" s="74"/>
      <c r="L4911" s="55"/>
      <c r="M4911" s="234"/>
      <c r="N4911" s="65"/>
      <c r="O4911" s="76"/>
      <c r="P4911" s="76"/>
      <c r="Q4911" s="65"/>
      <c r="R4911" s="76"/>
      <c r="S4911" s="76"/>
      <c r="T4911" s="76"/>
      <c r="U4911" s="76"/>
      <c r="V4911" s="76"/>
      <c r="W4911" s="76"/>
      <c r="X4911" s="76"/>
      <c r="Y4911" s="76"/>
      <c r="Z4911" s="76"/>
      <c r="AA4911" s="85"/>
      <c r="AB4911" s="85"/>
      <c r="AC4911" s="85"/>
      <c r="AD4911" s="85"/>
      <c r="AE4911" s="85"/>
      <c r="AF4911" s="85"/>
      <c r="AG4911" s="86"/>
      <c r="AH4911" s="85"/>
      <c r="AI4911" s="85"/>
      <c r="AJ4911" s="85"/>
      <c r="AK4911" s="85"/>
      <c r="AL4911" s="85"/>
      <c r="AM4911" s="92"/>
      <c r="AN4911" s="92"/>
      <c r="AO4911" s="92"/>
      <c r="AP4911" s="92"/>
      <c r="AQ4911" s="92"/>
      <c r="AR4911" s="92"/>
      <c r="AS4911" s="92"/>
      <c r="AT4911" s="92"/>
      <c r="AU4911" s="92"/>
      <c r="AV4911" s="92"/>
      <c r="AW4911" s="92"/>
      <c r="AX4911" s="92"/>
      <c r="AY4911" s="92"/>
      <c r="AZ4911" s="93"/>
      <c r="BA4911" s="93"/>
      <c r="BB4911" s="93"/>
      <c r="BC4911" s="93"/>
      <c r="BD4911" s="93"/>
      <c r="BE4911" s="93"/>
      <c r="BF4911" s="93"/>
      <c r="BG4911" s="93"/>
      <c r="BH4911" s="93"/>
      <c r="BI4911" s="93"/>
      <c r="BJ4911" s="93"/>
      <c r="BK4911" s="93"/>
      <c r="BL4911" s="93"/>
    </row>
    <row r="4912" spans="2:64" x14ac:dyDescent="0.2">
      <c r="B4912" s="43"/>
      <c r="C4912" s="73"/>
      <c r="D4912" s="64"/>
      <c r="E4912" s="55"/>
      <c r="F4912" s="74"/>
      <c r="G4912" s="74"/>
      <c r="H4912" s="74"/>
      <c r="I4912" s="75"/>
      <c r="J4912" s="74"/>
      <c r="L4912" s="55"/>
      <c r="M4912" s="234"/>
      <c r="N4912" s="65"/>
      <c r="O4912" s="76"/>
      <c r="P4912" s="76"/>
      <c r="Q4912" s="65"/>
      <c r="R4912" s="76"/>
      <c r="S4912" s="76"/>
      <c r="T4912" s="76"/>
      <c r="U4912" s="76"/>
      <c r="V4912" s="76"/>
      <c r="W4912" s="76"/>
      <c r="X4912" s="76"/>
      <c r="Y4912" s="76"/>
      <c r="Z4912" s="76"/>
      <c r="AA4912" s="85"/>
      <c r="AB4912" s="85"/>
      <c r="AC4912" s="85"/>
      <c r="AD4912" s="85"/>
      <c r="AE4912" s="85"/>
      <c r="AF4912" s="85"/>
      <c r="AG4912" s="86"/>
      <c r="AH4912" s="85"/>
      <c r="AI4912" s="85"/>
      <c r="AJ4912" s="85"/>
      <c r="AK4912" s="85"/>
      <c r="AL4912" s="85"/>
      <c r="AM4912" s="92"/>
      <c r="AN4912" s="92"/>
      <c r="AO4912" s="92"/>
      <c r="AP4912" s="92"/>
      <c r="AQ4912" s="92"/>
      <c r="AR4912" s="92"/>
      <c r="AS4912" s="92"/>
      <c r="AT4912" s="92"/>
      <c r="AU4912" s="92"/>
      <c r="AV4912" s="92"/>
      <c r="AW4912" s="92"/>
      <c r="AX4912" s="92"/>
      <c r="AY4912" s="92"/>
      <c r="AZ4912" s="93"/>
      <c r="BA4912" s="93"/>
      <c r="BB4912" s="93"/>
      <c r="BC4912" s="93"/>
      <c r="BD4912" s="93"/>
      <c r="BE4912" s="93"/>
      <c r="BF4912" s="93"/>
      <c r="BG4912" s="93"/>
      <c r="BH4912" s="93"/>
      <c r="BI4912" s="93"/>
      <c r="BJ4912" s="93"/>
      <c r="BK4912" s="93"/>
      <c r="BL4912" s="93"/>
    </row>
    <row r="4913" spans="2:64" x14ac:dyDescent="0.2">
      <c r="B4913" s="43"/>
      <c r="C4913" s="73"/>
      <c r="D4913" s="64"/>
      <c r="E4913" s="55"/>
      <c r="F4913" s="74"/>
      <c r="G4913" s="74"/>
      <c r="H4913" s="74"/>
      <c r="I4913" s="75"/>
      <c r="J4913" s="74"/>
      <c r="L4913" s="55"/>
      <c r="M4913" s="234"/>
      <c r="N4913" s="65"/>
      <c r="O4913" s="76"/>
      <c r="P4913" s="76"/>
      <c r="Q4913" s="65"/>
      <c r="R4913" s="76"/>
      <c r="S4913" s="76"/>
      <c r="T4913" s="76"/>
      <c r="U4913" s="76"/>
      <c r="V4913" s="76"/>
      <c r="W4913" s="76"/>
      <c r="X4913" s="76"/>
      <c r="Y4913" s="76"/>
      <c r="Z4913" s="76"/>
      <c r="AA4913" s="85"/>
      <c r="AB4913" s="85"/>
      <c r="AC4913" s="85"/>
      <c r="AD4913" s="85"/>
      <c r="AE4913" s="85"/>
      <c r="AF4913" s="85"/>
      <c r="AG4913" s="86"/>
      <c r="AH4913" s="85"/>
      <c r="AI4913" s="85"/>
      <c r="AJ4913" s="85"/>
      <c r="AK4913" s="85"/>
      <c r="AL4913" s="85"/>
      <c r="AM4913" s="92"/>
      <c r="AN4913" s="92"/>
      <c r="AO4913" s="92"/>
      <c r="AP4913" s="92"/>
      <c r="AQ4913" s="92"/>
      <c r="AR4913" s="92"/>
      <c r="AS4913" s="92"/>
      <c r="AT4913" s="92"/>
      <c r="AU4913" s="92"/>
      <c r="AV4913" s="92"/>
      <c r="AW4913" s="92"/>
      <c r="AX4913" s="92"/>
      <c r="AY4913" s="92"/>
      <c r="AZ4913" s="93"/>
      <c r="BA4913" s="93"/>
      <c r="BB4913" s="93"/>
      <c r="BC4913" s="93"/>
      <c r="BD4913" s="93"/>
      <c r="BE4913" s="93"/>
      <c r="BF4913" s="93"/>
      <c r="BG4913" s="93"/>
      <c r="BH4913" s="93"/>
      <c r="BI4913" s="93"/>
      <c r="BJ4913" s="93"/>
      <c r="BK4913" s="93"/>
      <c r="BL4913" s="93"/>
    </row>
    <row r="4914" spans="2:64" x14ac:dyDescent="0.2">
      <c r="B4914" s="43"/>
      <c r="C4914" s="73"/>
      <c r="D4914" s="64"/>
      <c r="E4914" s="55"/>
      <c r="F4914" s="74"/>
      <c r="G4914" s="74"/>
      <c r="H4914" s="74"/>
      <c r="I4914" s="75"/>
      <c r="J4914" s="74"/>
      <c r="L4914" s="55"/>
      <c r="M4914" s="234"/>
      <c r="N4914" s="65"/>
      <c r="O4914" s="76"/>
      <c r="P4914" s="76"/>
      <c r="Q4914" s="65"/>
      <c r="R4914" s="76"/>
      <c r="S4914" s="76"/>
      <c r="T4914" s="76"/>
      <c r="U4914" s="76"/>
      <c r="V4914" s="76"/>
      <c r="W4914" s="76"/>
      <c r="X4914" s="76"/>
      <c r="Y4914" s="76"/>
      <c r="Z4914" s="76"/>
      <c r="AA4914" s="85"/>
      <c r="AB4914" s="85"/>
      <c r="AC4914" s="85"/>
      <c r="AD4914" s="85"/>
      <c r="AE4914" s="85"/>
      <c r="AF4914" s="85"/>
      <c r="AG4914" s="86"/>
      <c r="AH4914" s="85"/>
      <c r="AI4914" s="85"/>
      <c r="AJ4914" s="85"/>
      <c r="AK4914" s="85"/>
      <c r="AL4914" s="85"/>
      <c r="AM4914" s="92"/>
      <c r="AN4914" s="92"/>
      <c r="AO4914" s="92"/>
      <c r="AP4914" s="92"/>
      <c r="AQ4914" s="92"/>
      <c r="AR4914" s="92"/>
      <c r="AS4914" s="92"/>
      <c r="AT4914" s="92"/>
      <c r="AU4914" s="92"/>
      <c r="AV4914" s="92"/>
      <c r="AW4914" s="92"/>
      <c r="AX4914" s="92"/>
      <c r="AY4914" s="92"/>
      <c r="AZ4914" s="93"/>
      <c r="BA4914" s="93"/>
      <c r="BB4914" s="93"/>
      <c r="BC4914" s="93"/>
      <c r="BD4914" s="93"/>
      <c r="BE4914" s="93"/>
      <c r="BF4914" s="93"/>
      <c r="BG4914" s="93"/>
      <c r="BH4914" s="93"/>
      <c r="BI4914" s="93"/>
      <c r="BJ4914" s="93"/>
      <c r="BK4914" s="93"/>
      <c r="BL4914" s="93"/>
    </row>
    <row r="4915" spans="2:64" x14ac:dyDescent="0.2">
      <c r="B4915" s="43"/>
      <c r="C4915" s="73"/>
      <c r="D4915" s="64"/>
      <c r="E4915" s="55"/>
      <c r="F4915" s="74"/>
      <c r="G4915" s="74"/>
      <c r="H4915" s="74"/>
      <c r="I4915" s="75"/>
      <c r="J4915" s="74"/>
      <c r="L4915" s="55"/>
      <c r="M4915" s="234"/>
      <c r="N4915" s="65"/>
      <c r="O4915" s="76"/>
      <c r="P4915" s="76"/>
      <c r="Q4915" s="65"/>
      <c r="R4915" s="76"/>
      <c r="S4915" s="76"/>
      <c r="T4915" s="76"/>
      <c r="U4915" s="76"/>
      <c r="V4915" s="76"/>
      <c r="W4915" s="76"/>
      <c r="X4915" s="76"/>
      <c r="Y4915" s="76"/>
      <c r="Z4915" s="76"/>
      <c r="AA4915" s="85"/>
      <c r="AB4915" s="85"/>
      <c r="AC4915" s="85"/>
      <c r="AD4915" s="85"/>
      <c r="AE4915" s="85"/>
      <c r="AF4915" s="85"/>
      <c r="AG4915" s="86"/>
      <c r="AH4915" s="85"/>
      <c r="AI4915" s="85"/>
      <c r="AJ4915" s="85"/>
      <c r="AK4915" s="85"/>
      <c r="AL4915" s="85"/>
      <c r="AM4915" s="92"/>
      <c r="AN4915" s="92"/>
      <c r="AO4915" s="92"/>
      <c r="AP4915" s="92"/>
      <c r="AQ4915" s="92"/>
      <c r="AR4915" s="92"/>
      <c r="AS4915" s="92"/>
      <c r="AT4915" s="92"/>
      <c r="AU4915" s="92"/>
      <c r="AV4915" s="92"/>
      <c r="AW4915" s="92"/>
      <c r="AX4915" s="92"/>
      <c r="AY4915" s="92"/>
      <c r="AZ4915" s="93"/>
      <c r="BA4915" s="93"/>
      <c r="BB4915" s="93"/>
      <c r="BC4915" s="93"/>
      <c r="BD4915" s="93"/>
      <c r="BE4915" s="93"/>
      <c r="BF4915" s="93"/>
      <c r="BG4915" s="93"/>
      <c r="BH4915" s="93"/>
      <c r="BI4915" s="93"/>
      <c r="BJ4915" s="93"/>
      <c r="BK4915" s="93"/>
      <c r="BL4915" s="93"/>
    </row>
    <row r="4916" spans="2:64" x14ac:dyDescent="0.2">
      <c r="B4916" s="43"/>
      <c r="C4916" s="73"/>
      <c r="D4916" s="64"/>
      <c r="E4916" s="55"/>
      <c r="F4916" s="74"/>
      <c r="G4916" s="74"/>
      <c r="H4916" s="74"/>
      <c r="I4916" s="75"/>
      <c r="J4916" s="74"/>
      <c r="L4916" s="55"/>
      <c r="M4916" s="234"/>
      <c r="N4916" s="65"/>
      <c r="O4916" s="76"/>
      <c r="P4916" s="76"/>
      <c r="Q4916" s="65"/>
      <c r="R4916" s="76"/>
      <c r="S4916" s="76"/>
      <c r="T4916" s="76"/>
      <c r="U4916" s="76"/>
      <c r="V4916" s="76"/>
      <c r="W4916" s="76"/>
      <c r="X4916" s="76"/>
      <c r="Y4916" s="76"/>
      <c r="Z4916" s="76"/>
      <c r="AA4916" s="85"/>
      <c r="AB4916" s="85"/>
      <c r="AC4916" s="85"/>
      <c r="AD4916" s="85"/>
      <c r="AE4916" s="85"/>
      <c r="AF4916" s="85"/>
      <c r="AG4916" s="86"/>
      <c r="AH4916" s="85"/>
      <c r="AI4916" s="85"/>
      <c r="AJ4916" s="85"/>
      <c r="AK4916" s="85"/>
      <c r="AL4916" s="85"/>
      <c r="AM4916" s="92"/>
      <c r="AN4916" s="92"/>
      <c r="AO4916" s="92"/>
      <c r="AP4916" s="92"/>
      <c r="AQ4916" s="92"/>
      <c r="AR4916" s="92"/>
      <c r="AS4916" s="92"/>
      <c r="AT4916" s="92"/>
      <c r="AU4916" s="92"/>
      <c r="AV4916" s="92"/>
      <c r="AW4916" s="92"/>
      <c r="AX4916" s="92"/>
      <c r="AY4916" s="92"/>
      <c r="AZ4916" s="93"/>
      <c r="BA4916" s="93"/>
      <c r="BB4916" s="93"/>
      <c r="BC4916" s="93"/>
      <c r="BD4916" s="93"/>
      <c r="BE4916" s="93"/>
      <c r="BF4916" s="93"/>
      <c r="BG4916" s="93"/>
      <c r="BH4916" s="93"/>
      <c r="BI4916" s="93"/>
      <c r="BJ4916" s="93"/>
      <c r="BK4916" s="93"/>
      <c r="BL4916" s="93"/>
    </row>
    <row r="4917" spans="2:64" x14ac:dyDescent="0.2">
      <c r="B4917" s="43"/>
      <c r="C4917" s="73"/>
      <c r="D4917" s="64"/>
      <c r="E4917" s="55"/>
      <c r="F4917" s="74"/>
      <c r="G4917" s="74"/>
      <c r="H4917" s="74"/>
      <c r="I4917" s="75"/>
      <c r="J4917" s="74"/>
      <c r="L4917" s="55"/>
      <c r="M4917" s="234"/>
      <c r="N4917" s="65"/>
      <c r="O4917" s="76"/>
      <c r="P4917" s="76"/>
      <c r="Q4917" s="65"/>
      <c r="R4917" s="76"/>
      <c r="S4917" s="76"/>
      <c r="T4917" s="76"/>
      <c r="U4917" s="76"/>
      <c r="V4917" s="76"/>
      <c r="W4917" s="76"/>
      <c r="X4917" s="76"/>
      <c r="Y4917" s="76"/>
      <c r="Z4917" s="76"/>
      <c r="AA4917" s="85"/>
      <c r="AB4917" s="85"/>
      <c r="AC4917" s="85"/>
      <c r="AD4917" s="85"/>
      <c r="AE4917" s="85"/>
      <c r="AF4917" s="85"/>
      <c r="AG4917" s="86"/>
      <c r="AH4917" s="85"/>
      <c r="AI4917" s="85"/>
      <c r="AJ4917" s="85"/>
      <c r="AK4917" s="85"/>
      <c r="AL4917" s="85"/>
      <c r="AM4917" s="92"/>
      <c r="AN4917" s="92"/>
      <c r="AO4917" s="92"/>
      <c r="AP4917" s="92"/>
      <c r="AQ4917" s="92"/>
      <c r="AR4917" s="92"/>
      <c r="AS4917" s="92"/>
      <c r="AT4917" s="92"/>
      <c r="AU4917" s="92"/>
      <c r="AV4917" s="92"/>
      <c r="AW4917" s="92"/>
      <c r="AX4917" s="92"/>
      <c r="AY4917" s="92"/>
      <c r="AZ4917" s="93"/>
      <c r="BA4917" s="93"/>
      <c r="BB4917" s="93"/>
      <c r="BC4917" s="93"/>
      <c r="BD4917" s="93"/>
      <c r="BE4917" s="93"/>
      <c r="BF4917" s="93"/>
      <c r="BG4917" s="93"/>
      <c r="BH4917" s="93"/>
      <c r="BI4917" s="93"/>
      <c r="BJ4917" s="93"/>
      <c r="BK4917" s="93"/>
      <c r="BL4917" s="93"/>
    </row>
    <row r="4918" spans="2:64" x14ac:dyDescent="0.2">
      <c r="B4918" s="43"/>
      <c r="C4918" s="73"/>
      <c r="D4918" s="64"/>
      <c r="E4918" s="55"/>
      <c r="F4918" s="74"/>
      <c r="G4918" s="74"/>
      <c r="H4918" s="74"/>
      <c r="I4918" s="75"/>
      <c r="J4918" s="74"/>
      <c r="L4918" s="55"/>
      <c r="M4918" s="234"/>
      <c r="N4918" s="65"/>
      <c r="O4918" s="76"/>
      <c r="P4918" s="76"/>
      <c r="Q4918" s="65"/>
      <c r="R4918" s="76"/>
      <c r="S4918" s="76"/>
      <c r="T4918" s="76"/>
      <c r="U4918" s="76"/>
      <c r="V4918" s="76"/>
      <c r="W4918" s="76"/>
      <c r="X4918" s="76"/>
      <c r="Y4918" s="76"/>
      <c r="Z4918" s="76"/>
      <c r="AA4918" s="85"/>
      <c r="AB4918" s="85"/>
      <c r="AC4918" s="85"/>
      <c r="AD4918" s="85"/>
      <c r="AE4918" s="85"/>
      <c r="AF4918" s="85"/>
      <c r="AG4918" s="86"/>
      <c r="AH4918" s="85"/>
      <c r="AI4918" s="85"/>
      <c r="AJ4918" s="85"/>
      <c r="AK4918" s="85"/>
      <c r="AL4918" s="85"/>
      <c r="AM4918" s="92"/>
      <c r="AN4918" s="92"/>
      <c r="AO4918" s="92"/>
      <c r="AP4918" s="92"/>
      <c r="AQ4918" s="92"/>
      <c r="AR4918" s="92"/>
      <c r="AS4918" s="92"/>
      <c r="AT4918" s="92"/>
      <c r="AU4918" s="92"/>
      <c r="AV4918" s="92"/>
      <c r="AW4918" s="92"/>
      <c r="AX4918" s="92"/>
      <c r="AY4918" s="92"/>
      <c r="AZ4918" s="93"/>
      <c r="BA4918" s="93"/>
      <c r="BB4918" s="93"/>
      <c r="BC4918" s="93"/>
      <c r="BD4918" s="93"/>
      <c r="BE4918" s="93"/>
      <c r="BF4918" s="93"/>
      <c r="BG4918" s="93"/>
      <c r="BH4918" s="93"/>
      <c r="BI4918" s="93"/>
      <c r="BJ4918" s="93"/>
      <c r="BK4918" s="93"/>
      <c r="BL4918" s="93"/>
    </row>
    <row r="4919" spans="2:64" x14ac:dyDescent="0.2">
      <c r="B4919" s="43"/>
      <c r="C4919" s="73"/>
      <c r="D4919" s="64"/>
      <c r="E4919" s="55"/>
      <c r="F4919" s="74"/>
      <c r="G4919" s="74"/>
      <c r="H4919" s="74"/>
      <c r="I4919" s="75"/>
      <c r="J4919" s="74"/>
      <c r="L4919" s="55"/>
      <c r="M4919" s="234"/>
      <c r="N4919" s="65"/>
      <c r="O4919" s="76"/>
      <c r="P4919" s="76"/>
      <c r="Q4919" s="65"/>
      <c r="R4919" s="76"/>
      <c r="S4919" s="76"/>
      <c r="T4919" s="76"/>
      <c r="U4919" s="76"/>
      <c r="V4919" s="76"/>
      <c r="W4919" s="76"/>
      <c r="X4919" s="76"/>
      <c r="Y4919" s="76"/>
      <c r="Z4919" s="76"/>
      <c r="AA4919" s="85"/>
      <c r="AB4919" s="85"/>
      <c r="AC4919" s="85"/>
      <c r="AD4919" s="85"/>
      <c r="AE4919" s="85"/>
      <c r="AF4919" s="85"/>
      <c r="AG4919" s="86"/>
      <c r="AH4919" s="85"/>
      <c r="AI4919" s="85"/>
      <c r="AJ4919" s="85"/>
      <c r="AK4919" s="85"/>
      <c r="AL4919" s="85"/>
      <c r="AM4919" s="92"/>
      <c r="AN4919" s="92"/>
      <c r="AO4919" s="92"/>
      <c r="AP4919" s="92"/>
      <c r="AQ4919" s="92"/>
      <c r="AR4919" s="92"/>
      <c r="AS4919" s="92"/>
      <c r="AT4919" s="92"/>
      <c r="AU4919" s="92"/>
      <c r="AV4919" s="92"/>
      <c r="AW4919" s="92"/>
      <c r="AX4919" s="92"/>
      <c r="AY4919" s="92"/>
      <c r="AZ4919" s="93"/>
      <c r="BA4919" s="93"/>
      <c r="BB4919" s="93"/>
      <c r="BC4919" s="93"/>
      <c r="BD4919" s="93"/>
      <c r="BE4919" s="93"/>
      <c r="BF4919" s="93"/>
      <c r="BG4919" s="93"/>
      <c r="BH4919" s="93"/>
      <c r="BI4919" s="93"/>
      <c r="BJ4919" s="93"/>
      <c r="BK4919" s="93"/>
      <c r="BL4919" s="93"/>
    </row>
    <row r="4920" spans="2:64" x14ac:dyDescent="0.2">
      <c r="B4920" s="43"/>
      <c r="C4920" s="73"/>
      <c r="D4920" s="64"/>
      <c r="E4920" s="55"/>
      <c r="F4920" s="74"/>
      <c r="G4920" s="74"/>
      <c r="H4920" s="74"/>
      <c r="I4920" s="75"/>
      <c r="J4920" s="74"/>
      <c r="L4920" s="55"/>
      <c r="M4920" s="234"/>
      <c r="N4920" s="65"/>
      <c r="O4920" s="76"/>
      <c r="P4920" s="76"/>
      <c r="Q4920" s="65"/>
      <c r="R4920" s="76"/>
      <c r="S4920" s="76"/>
      <c r="T4920" s="76"/>
      <c r="U4920" s="76"/>
      <c r="V4920" s="76"/>
      <c r="W4920" s="76"/>
      <c r="X4920" s="76"/>
      <c r="Y4920" s="76"/>
      <c r="Z4920" s="76"/>
      <c r="AA4920" s="85"/>
      <c r="AB4920" s="85"/>
      <c r="AC4920" s="85"/>
      <c r="AD4920" s="85"/>
      <c r="AE4920" s="85"/>
      <c r="AF4920" s="85"/>
      <c r="AG4920" s="86"/>
      <c r="AH4920" s="85"/>
      <c r="AI4920" s="85"/>
      <c r="AJ4920" s="85"/>
      <c r="AK4920" s="85"/>
      <c r="AL4920" s="85"/>
      <c r="AM4920" s="92"/>
      <c r="AN4920" s="92"/>
      <c r="AO4920" s="92"/>
      <c r="AP4920" s="92"/>
      <c r="AQ4920" s="92"/>
      <c r="AR4920" s="92"/>
      <c r="AS4920" s="92"/>
      <c r="AT4920" s="92"/>
      <c r="AU4920" s="92"/>
      <c r="AV4920" s="92"/>
      <c r="AW4920" s="92"/>
      <c r="AX4920" s="92"/>
      <c r="AY4920" s="92"/>
      <c r="AZ4920" s="93"/>
      <c r="BA4920" s="93"/>
      <c r="BB4920" s="93"/>
      <c r="BC4920" s="93"/>
      <c r="BD4920" s="93"/>
      <c r="BE4920" s="93"/>
      <c r="BF4920" s="93"/>
      <c r="BG4920" s="93"/>
      <c r="BH4920" s="93"/>
      <c r="BI4920" s="93"/>
      <c r="BJ4920" s="93"/>
      <c r="BK4920" s="93"/>
      <c r="BL4920" s="93"/>
    </row>
    <row r="4921" spans="2:64" x14ac:dyDescent="0.2">
      <c r="B4921" s="43"/>
      <c r="C4921" s="73"/>
      <c r="D4921" s="64"/>
      <c r="E4921" s="55"/>
      <c r="F4921" s="74"/>
      <c r="G4921" s="74"/>
      <c r="H4921" s="74"/>
      <c r="I4921" s="75"/>
      <c r="J4921" s="74"/>
      <c r="L4921" s="55"/>
      <c r="M4921" s="234"/>
      <c r="N4921" s="65"/>
      <c r="O4921" s="76"/>
      <c r="P4921" s="76"/>
      <c r="Q4921" s="65"/>
      <c r="R4921" s="76"/>
      <c r="S4921" s="76"/>
      <c r="T4921" s="76"/>
      <c r="U4921" s="76"/>
      <c r="V4921" s="76"/>
      <c r="W4921" s="76"/>
      <c r="X4921" s="76"/>
      <c r="Y4921" s="76"/>
      <c r="Z4921" s="76"/>
      <c r="AA4921" s="85"/>
      <c r="AB4921" s="85"/>
      <c r="AC4921" s="85"/>
      <c r="AD4921" s="85"/>
      <c r="AE4921" s="85"/>
      <c r="AF4921" s="85"/>
      <c r="AG4921" s="86"/>
      <c r="AH4921" s="85"/>
      <c r="AI4921" s="85"/>
      <c r="AJ4921" s="85"/>
      <c r="AK4921" s="85"/>
      <c r="AL4921" s="85"/>
      <c r="AM4921" s="92"/>
      <c r="AN4921" s="92"/>
      <c r="AO4921" s="92"/>
      <c r="AP4921" s="92"/>
      <c r="AQ4921" s="92"/>
      <c r="AR4921" s="92"/>
      <c r="AS4921" s="92"/>
      <c r="AT4921" s="92"/>
      <c r="AU4921" s="92"/>
      <c r="AV4921" s="92"/>
      <c r="AW4921" s="92"/>
      <c r="AX4921" s="92"/>
      <c r="AY4921" s="92"/>
      <c r="AZ4921" s="93"/>
      <c r="BA4921" s="93"/>
      <c r="BB4921" s="93"/>
      <c r="BC4921" s="93"/>
      <c r="BD4921" s="93"/>
      <c r="BE4921" s="93"/>
      <c r="BF4921" s="93"/>
      <c r="BG4921" s="93"/>
      <c r="BH4921" s="93"/>
      <c r="BI4921" s="93"/>
      <c r="BJ4921" s="93"/>
      <c r="BK4921" s="93"/>
      <c r="BL4921" s="93"/>
    </row>
    <row r="4922" spans="2:64" x14ac:dyDescent="0.2">
      <c r="B4922" s="43"/>
      <c r="C4922" s="73"/>
      <c r="D4922" s="64"/>
      <c r="E4922" s="55"/>
      <c r="F4922" s="74"/>
      <c r="G4922" s="74"/>
      <c r="H4922" s="74"/>
      <c r="I4922" s="75"/>
      <c r="J4922" s="74"/>
      <c r="L4922" s="55"/>
      <c r="M4922" s="234"/>
      <c r="N4922" s="65"/>
      <c r="O4922" s="76"/>
      <c r="P4922" s="76"/>
      <c r="Q4922" s="65"/>
      <c r="R4922" s="76"/>
      <c r="S4922" s="76"/>
      <c r="T4922" s="76"/>
      <c r="U4922" s="76"/>
      <c r="V4922" s="76"/>
      <c r="W4922" s="76"/>
      <c r="X4922" s="76"/>
      <c r="Y4922" s="76"/>
      <c r="Z4922" s="76"/>
      <c r="AA4922" s="85"/>
      <c r="AB4922" s="85"/>
      <c r="AC4922" s="85"/>
      <c r="AD4922" s="85"/>
      <c r="AE4922" s="85"/>
      <c r="AF4922" s="85"/>
      <c r="AG4922" s="86"/>
      <c r="AH4922" s="85"/>
      <c r="AI4922" s="85"/>
      <c r="AJ4922" s="85"/>
      <c r="AK4922" s="85"/>
      <c r="AL4922" s="85"/>
      <c r="AM4922" s="92"/>
      <c r="AN4922" s="92"/>
      <c r="AO4922" s="92"/>
      <c r="AP4922" s="92"/>
      <c r="AQ4922" s="92"/>
      <c r="AR4922" s="92"/>
      <c r="AS4922" s="92"/>
      <c r="AT4922" s="92"/>
      <c r="AU4922" s="92"/>
      <c r="AV4922" s="92"/>
      <c r="AW4922" s="92"/>
      <c r="AX4922" s="92"/>
      <c r="AY4922" s="92"/>
      <c r="AZ4922" s="93"/>
      <c r="BA4922" s="93"/>
      <c r="BB4922" s="93"/>
      <c r="BC4922" s="93"/>
      <c r="BD4922" s="93"/>
      <c r="BE4922" s="93"/>
      <c r="BF4922" s="93"/>
      <c r="BG4922" s="93"/>
      <c r="BH4922" s="93"/>
      <c r="BI4922" s="93"/>
      <c r="BJ4922" s="93"/>
      <c r="BK4922" s="93"/>
      <c r="BL4922" s="93"/>
    </row>
    <row r="4923" spans="2:64" x14ac:dyDescent="0.2">
      <c r="B4923" s="43"/>
      <c r="C4923" s="73"/>
      <c r="D4923" s="64"/>
      <c r="E4923" s="55"/>
      <c r="F4923" s="74"/>
      <c r="G4923" s="74"/>
      <c r="H4923" s="74"/>
      <c r="I4923" s="75"/>
      <c r="J4923" s="74"/>
      <c r="L4923" s="55"/>
      <c r="M4923" s="234"/>
      <c r="N4923" s="65"/>
      <c r="O4923" s="76"/>
      <c r="P4923" s="76"/>
      <c r="Q4923" s="65"/>
      <c r="R4923" s="76"/>
      <c r="S4923" s="76"/>
      <c r="T4923" s="76"/>
      <c r="U4923" s="76"/>
      <c r="V4923" s="76"/>
      <c r="W4923" s="76"/>
      <c r="X4923" s="76"/>
      <c r="Y4923" s="76"/>
      <c r="Z4923" s="76"/>
      <c r="AA4923" s="85"/>
      <c r="AB4923" s="85"/>
      <c r="AC4923" s="85"/>
      <c r="AD4923" s="85"/>
      <c r="AE4923" s="85"/>
      <c r="AF4923" s="85"/>
      <c r="AG4923" s="86"/>
      <c r="AH4923" s="85"/>
      <c r="AI4923" s="85"/>
      <c r="AJ4923" s="85"/>
      <c r="AK4923" s="85"/>
      <c r="AL4923" s="85"/>
      <c r="AM4923" s="92"/>
      <c r="AN4923" s="92"/>
      <c r="AO4923" s="92"/>
      <c r="AP4923" s="92"/>
      <c r="AQ4923" s="92"/>
      <c r="AR4923" s="92"/>
      <c r="AS4923" s="92"/>
      <c r="AT4923" s="92"/>
      <c r="AU4923" s="92"/>
      <c r="AV4923" s="92"/>
      <c r="AW4923" s="92"/>
      <c r="AX4923" s="92"/>
      <c r="AY4923" s="92"/>
      <c r="AZ4923" s="93"/>
      <c r="BA4923" s="93"/>
      <c r="BB4923" s="93"/>
      <c r="BC4923" s="93"/>
      <c r="BD4923" s="93"/>
      <c r="BE4923" s="93"/>
      <c r="BF4923" s="93"/>
      <c r="BG4923" s="93"/>
      <c r="BH4923" s="93"/>
      <c r="BI4923" s="93"/>
      <c r="BJ4923" s="93"/>
      <c r="BK4923" s="93"/>
      <c r="BL4923" s="93"/>
    </row>
    <row r="4924" spans="2:64" x14ac:dyDescent="0.2">
      <c r="B4924" s="43"/>
      <c r="C4924" s="73"/>
      <c r="D4924" s="64"/>
      <c r="E4924" s="55"/>
      <c r="F4924" s="74"/>
      <c r="G4924" s="74"/>
      <c r="H4924" s="74"/>
      <c r="I4924" s="75"/>
      <c r="J4924" s="74"/>
      <c r="L4924" s="55"/>
      <c r="M4924" s="234"/>
      <c r="N4924" s="65"/>
      <c r="O4924" s="76"/>
      <c r="P4924" s="76"/>
      <c r="Q4924" s="65"/>
      <c r="R4924" s="76"/>
      <c r="S4924" s="76"/>
      <c r="T4924" s="76"/>
      <c r="U4924" s="76"/>
      <c r="V4924" s="76"/>
      <c r="W4924" s="76"/>
      <c r="X4924" s="76"/>
      <c r="Y4924" s="76"/>
      <c r="Z4924" s="76"/>
      <c r="AA4924" s="85"/>
      <c r="AB4924" s="85"/>
      <c r="AC4924" s="85"/>
      <c r="AD4924" s="85"/>
      <c r="AE4924" s="85"/>
      <c r="AF4924" s="85"/>
      <c r="AG4924" s="86"/>
      <c r="AH4924" s="85"/>
      <c r="AI4924" s="85"/>
      <c r="AJ4924" s="85"/>
      <c r="AK4924" s="85"/>
      <c r="AL4924" s="85"/>
      <c r="AM4924" s="92"/>
      <c r="AN4924" s="92"/>
      <c r="AO4924" s="92"/>
      <c r="AP4924" s="92"/>
      <c r="AQ4924" s="92"/>
      <c r="AR4924" s="92"/>
      <c r="AS4924" s="92"/>
      <c r="AT4924" s="92"/>
      <c r="AU4924" s="92"/>
      <c r="AV4924" s="92"/>
      <c r="AW4924" s="92"/>
      <c r="AX4924" s="92"/>
      <c r="AY4924" s="92"/>
      <c r="AZ4924" s="93"/>
      <c r="BA4924" s="93"/>
      <c r="BB4924" s="93"/>
      <c r="BC4924" s="93"/>
      <c r="BD4924" s="93"/>
      <c r="BE4924" s="93"/>
      <c r="BF4924" s="93"/>
      <c r="BG4924" s="93"/>
      <c r="BH4924" s="93"/>
      <c r="BI4924" s="93"/>
      <c r="BJ4924" s="93"/>
      <c r="BK4924" s="93"/>
      <c r="BL4924" s="93"/>
    </row>
    <row r="4925" spans="2:64" x14ac:dyDescent="0.2">
      <c r="B4925" s="43"/>
      <c r="C4925" s="73"/>
      <c r="D4925" s="64"/>
      <c r="E4925" s="55"/>
      <c r="F4925" s="74"/>
      <c r="G4925" s="74"/>
      <c r="H4925" s="74"/>
      <c r="I4925" s="75"/>
      <c r="J4925" s="74"/>
      <c r="L4925" s="55"/>
      <c r="M4925" s="234"/>
      <c r="N4925" s="65"/>
      <c r="O4925" s="76"/>
      <c r="P4925" s="76"/>
      <c r="Q4925" s="65"/>
      <c r="R4925" s="76"/>
      <c r="S4925" s="76"/>
      <c r="T4925" s="76"/>
      <c r="U4925" s="76"/>
      <c r="V4925" s="76"/>
      <c r="W4925" s="76"/>
      <c r="X4925" s="76"/>
      <c r="Y4925" s="76"/>
      <c r="Z4925" s="76"/>
      <c r="AA4925" s="85"/>
      <c r="AB4925" s="85"/>
      <c r="AC4925" s="85"/>
      <c r="AD4925" s="85"/>
      <c r="AE4925" s="85"/>
      <c r="AF4925" s="85"/>
      <c r="AG4925" s="86"/>
      <c r="AH4925" s="85"/>
      <c r="AI4925" s="85"/>
      <c r="AJ4925" s="85"/>
      <c r="AK4925" s="85"/>
      <c r="AL4925" s="85"/>
      <c r="AM4925" s="92"/>
      <c r="AN4925" s="92"/>
      <c r="AO4925" s="92"/>
      <c r="AP4925" s="92"/>
      <c r="AQ4925" s="92"/>
      <c r="AR4925" s="92"/>
      <c r="AS4925" s="92"/>
      <c r="AT4925" s="92"/>
      <c r="AU4925" s="92"/>
      <c r="AV4925" s="92"/>
      <c r="AW4925" s="92"/>
      <c r="AX4925" s="92"/>
      <c r="AY4925" s="92"/>
      <c r="AZ4925" s="93"/>
      <c r="BA4925" s="93"/>
      <c r="BB4925" s="93"/>
      <c r="BC4925" s="93"/>
      <c r="BD4925" s="93"/>
      <c r="BE4925" s="93"/>
      <c r="BF4925" s="93"/>
      <c r="BG4925" s="93"/>
      <c r="BH4925" s="93"/>
      <c r="BI4925" s="93"/>
      <c r="BJ4925" s="93"/>
      <c r="BK4925" s="93"/>
      <c r="BL4925" s="93"/>
    </row>
    <row r="4926" spans="2:64" x14ac:dyDescent="0.2">
      <c r="B4926" s="43"/>
      <c r="C4926" s="73"/>
      <c r="D4926" s="64"/>
      <c r="E4926" s="55"/>
      <c r="F4926" s="74"/>
      <c r="G4926" s="74"/>
      <c r="H4926" s="74"/>
      <c r="I4926" s="75"/>
      <c r="J4926" s="74"/>
      <c r="L4926" s="55"/>
      <c r="M4926" s="234"/>
      <c r="N4926" s="65"/>
      <c r="O4926" s="76"/>
      <c r="P4926" s="76"/>
      <c r="Q4926" s="65"/>
      <c r="R4926" s="76"/>
      <c r="S4926" s="76"/>
      <c r="T4926" s="76"/>
      <c r="U4926" s="76"/>
      <c r="V4926" s="76"/>
      <c r="W4926" s="76"/>
      <c r="X4926" s="76"/>
      <c r="Y4926" s="76"/>
      <c r="Z4926" s="76"/>
      <c r="AA4926" s="85"/>
      <c r="AB4926" s="85"/>
      <c r="AC4926" s="85"/>
      <c r="AD4926" s="85"/>
      <c r="AE4926" s="85"/>
      <c r="AF4926" s="85"/>
      <c r="AG4926" s="86"/>
      <c r="AH4926" s="85"/>
      <c r="AI4926" s="85"/>
      <c r="AJ4926" s="85"/>
      <c r="AK4926" s="85"/>
      <c r="AL4926" s="85"/>
      <c r="AM4926" s="92"/>
      <c r="AN4926" s="92"/>
      <c r="AO4926" s="92"/>
      <c r="AP4926" s="92"/>
      <c r="AQ4926" s="92"/>
      <c r="AR4926" s="92"/>
      <c r="AS4926" s="92"/>
      <c r="AT4926" s="92"/>
      <c r="AU4926" s="92"/>
      <c r="AV4926" s="92"/>
      <c r="AW4926" s="92"/>
      <c r="AX4926" s="92"/>
      <c r="AY4926" s="92"/>
      <c r="AZ4926" s="93"/>
      <c r="BA4926" s="93"/>
      <c r="BB4926" s="93"/>
      <c r="BC4926" s="93"/>
      <c r="BD4926" s="93"/>
      <c r="BE4926" s="93"/>
      <c r="BF4926" s="93"/>
      <c r="BG4926" s="93"/>
      <c r="BH4926" s="93"/>
      <c r="BI4926" s="93"/>
      <c r="BJ4926" s="93"/>
      <c r="BK4926" s="93"/>
      <c r="BL4926" s="93"/>
    </row>
    <row r="4927" spans="2:64" x14ac:dyDescent="0.2">
      <c r="B4927" s="43"/>
      <c r="C4927" s="73"/>
      <c r="D4927" s="64"/>
      <c r="E4927" s="55"/>
      <c r="F4927" s="74"/>
      <c r="G4927" s="74"/>
      <c r="H4927" s="74"/>
      <c r="I4927" s="75"/>
      <c r="J4927" s="74"/>
      <c r="L4927" s="55"/>
      <c r="M4927" s="234"/>
      <c r="N4927" s="65"/>
      <c r="O4927" s="76"/>
      <c r="P4927" s="76"/>
      <c r="Q4927" s="65"/>
      <c r="R4927" s="76"/>
      <c r="S4927" s="76"/>
      <c r="T4927" s="76"/>
      <c r="U4927" s="76"/>
      <c r="V4927" s="76"/>
      <c r="W4927" s="76"/>
      <c r="X4927" s="76"/>
      <c r="Y4927" s="76"/>
      <c r="Z4927" s="76"/>
      <c r="AA4927" s="85"/>
      <c r="AB4927" s="85"/>
      <c r="AC4927" s="85"/>
      <c r="AD4927" s="85"/>
      <c r="AE4927" s="85"/>
      <c r="AF4927" s="85"/>
      <c r="AG4927" s="86"/>
      <c r="AH4927" s="85"/>
      <c r="AI4927" s="85"/>
      <c r="AJ4927" s="85"/>
      <c r="AK4927" s="85"/>
      <c r="AL4927" s="85"/>
      <c r="AM4927" s="92"/>
      <c r="AN4927" s="92"/>
      <c r="AO4927" s="92"/>
      <c r="AP4927" s="92"/>
      <c r="AQ4927" s="92"/>
      <c r="AR4927" s="92"/>
      <c r="AS4927" s="92"/>
      <c r="AT4927" s="92"/>
      <c r="AU4927" s="92"/>
      <c r="AV4927" s="92"/>
      <c r="AW4927" s="92"/>
      <c r="AX4927" s="92"/>
      <c r="AY4927" s="92"/>
      <c r="AZ4927" s="93"/>
      <c r="BA4927" s="93"/>
      <c r="BB4927" s="93"/>
      <c r="BC4927" s="93"/>
      <c r="BD4927" s="93"/>
      <c r="BE4927" s="93"/>
      <c r="BF4927" s="93"/>
      <c r="BG4927" s="93"/>
      <c r="BH4927" s="93"/>
      <c r="BI4927" s="93"/>
      <c r="BJ4927" s="93"/>
      <c r="BK4927" s="93"/>
      <c r="BL4927" s="93"/>
    </row>
    <row r="4928" spans="2:64" x14ac:dyDescent="0.2">
      <c r="B4928" s="43"/>
      <c r="C4928" s="73"/>
      <c r="D4928" s="64"/>
      <c r="E4928" s="55"/>
      <c r="F4928" s="74"/>
      <c r="G4928" s="74"/>
      <c r="H4928" s="74"/>
      <c r="I4928" s="75"/>
      <c r="J4928" s="74"/>
      <c r="L4928" s="55"/>
      <c r="M4928" s="234"/>
      <c r="N4928" s="65"/>
      <c r="O4928" s="76"/>
      <c r="P4928" s="76"/>
      <c r="Q4928" s="65"/>
      <c r="R4928" s="76"/>
      <c r="S4928" s="76"/>
      <c r="T4928" s="76"/>
      <c r="U4928" s="76"/>
      <c r="V4928" s="76"/>
      <c r="W4928" s="76"/>
      <c r="X4928" s="76"/>
      <c r="Y4928" s="76"/>
      <c r="Z4928" s="76"/>
      <c r="AA4928" s="85"/>
      <c r="AB4928" s="85"/>
      <c r="AC4928" s="85"/>
      <c r="AD4928" s="85"/>
      <c r="AE4928" s="85"/>
      <c r="AF4928" s="85"/>
      <c r="AG4928" s="86"/>
      <c r="AH4928" s="85"/>
      <c r="AI4928" s="85"/>
      <c r="AJ4928" s="85"/>
      <c r="AK4928" s="85"/>
      <c r="AL4928" s="85"/>
      <c r="AM4928" s="92"/>
      <c r="AN4928" s="92"/>
      <c r="AO4928" s="92"/>
      <c r="AP4928" s="92"/>
      <c r="AQ4928" s="92"/>
      <c r="AR4928" s="92"/>
      <c r="AS4928" s="92"/>
      <c r="AT4928" s="92"/>
      <c r="AU4928" s="92"/>
      <c r="AV4928" s="92"/>
      <c r="AW4928" s="92"/>
      <c r="AX4928" s="92"/>
      <c r="AY4928" s="92"/>
      <c r="AZ4928" s="93"/>
      <c r="BA4928" s="93"/>
      <c r="BB4928" s="93"/>
      <c r="BC4928" s="93"/>
      <c r="BD4928" s="93"/>
      <c r="BE4928" s="93"/>
      <c r="BF4928" s="93"/>
      <c r="BG4928" s="93"/>
      <c r="BH4928" s="93"/>
      <c r="BI4928" s="93"/>
      <c r="BJ4928" s="93"/>
      <c r="BK4928" s="93"/>
      <c r="BL4928" s="93"/>
    </row>
    <row r="4929" spans="2:64" x14ac:dyDescent="0.2">
      <c r="B4929" s="43"/>
      <c r="C4929" s="73"/>
      <c r="D4929" s="64"/>
      <c r="E4929" s="55"/>
      <c r="F4929" s="74"/>
      <c r="G4929" s="74"/>
      <c r="H4929" s="74"/>
      <c r="I4929" s="75"/>
      <c r="J4929" s="74"/>
      <c r="L4929" s="55"/>
      <c r="M4929" s="234"/>
      <c r="N4929" s="65"/>
      <c r="O4929" s="76"/>
      <c r="P4929" s="76"/>
      <c r="Q4929" s="65"/>
      <c r="R4929" s="76"/>
      <c r="S4929" s="76"/>
      <c r="T4929" s="76"/>
      <c r="U4929" s="76"/>
      <c r="V4929" s="76"/>
      <c r="W4929" s="76"/>
      <c r="X4929" s="76"/>
      <c r="Y4929" s="76"/>
      <c r="Z4929" s="76"/>
      <c r="AA4929" s="85"/>
      <c r="AB4929" s="85"/>
      <c r="AC4929" s="85"/>
      <c r="AD4929" s="85"/>
      <c r="AE4929" s="85"/>
      <c r="AF4929" s="85"/>
      <c r="AG4929" s="86"/>
      <c r="AH4929" s="85"/>
      <c r="AI4929" s="85"/>
      <c r="AJ4929" s="85"/>
      <c r="AK4929" s="85"/>
      <c r="AL4929" s="85"/>
      <c r="AM4929" s="92"/>
      <c r="AN4929" s="92"/>
      <c r="AO4929" s="92"/>
      <c r="AP4929" s="92"/>
      <c r="AQ4929" s="92"/>
      <c r="AR4929" s="92"/>
      <c r="AS4929" s="92"/>
      <c r="AT4929" s="92"/>
      <c r="AU4929" s="92"/>
      <c r="AV4929" s="92"/>
      <c r="AW4929" s="92"/>
      <c r="AX4929" s="92"/>
      <c r="AY4929" s="92"/>
      <c r="AZ4929" s="93"/>
      <c r="BA4929" s="93"/>
      <c r="BB4929" s="93"/>
      <c r="BC4929" s="93"/>
      <c r="BD4929" s="93"/>
      <c r="BE4929" s="93"/>
      <c r="BF4929" s="93"/>
      <c r="BG4929" s="93"/>
      <c r="BH4929" s="93"/>
      <c r="BI4929" s="93"/>
      <c r="BJ4929" s="93"/>
      <c r="BK4929" s="93"/>
      <c r="BL4929" s="93"/>
    </row>
    <row r="4930" spans="2:64" x14ac:dyDescent="0.2">
      <c r="B4930" s="43"/>
      <c r="C4930" s="73"/>
      <c r="D4930" s="64"/>
      <c r="E4930" s="55"/>
      <c r="F4930" s="74"/>
      <c r="G4930" s="74"/>
      <c r="H4930" s="74"/>
      <c r="I4930" s="75"/>
      <c r="J4930" s="74"/>
      <c r="L4930" s="55"/>
      <c r="M4930" s="234"/>
      <c r="N4930" s="65"/>
      <c r="O4930" s="76"/>
      <c r="P4930" s="76"/>
      <c r="Q4930" s="65"/>
      <c r="R4930" s="76"/>
      <c r="S4930" s="76"/>
      <c r="T4930" s="76"/>
      <c r="U4930" s="76"/>
      <c r="V4930" s="76"/>
      <c r="W4930" s="76"/>
      <c r="X4930" s="76"/>
      <c r="Y4930" s="76"/>
      <c r="Z4930" s="76"/>
      <c r="AA4930" s="85"/>
      <c r="AB4930" s="85"/>
      <c r="AC4930" s="85"/>
      <c r="AD4930" s="85"/>
      <c r="AE4930" s="85"/>
      <c r="AF4930" s="85"/>
      <c r="AG4930" s="86"/>
      <c r="AH4930" s="85"/>
      <c r="AI4930" s="85"/>
      <c r="AJ4930" s="85"/>
      <c r="AK4930" s="85"/>
      <c r="AL4930" s="85"/>
      <c r="AM4930" s="92"/>
      <c r="AN4930" s="92"/>
      <c r="AO4930" s="92"/>
      <c r="AP4930" s="92"/>
      <c r="AQ4930" s="92"/>
      <c r="AR4930" s="92"/>
      <c r="AS4930" s="92"/>
      <c r="AT4930" s="92"/>
      <c r="AU4930" s="92"/>
      <c r="AV4930" s="92"/>
      <c r="AW4930" s="92"/>
      <c r="AX4930" s="92"/>
      <c r="AY4930" s="92"/>
      <c r="AZ4930" s="93"/>
      <c r="BA4930" s="93"/>
      <c r="BB4930" s="93"/>
      <c r="BC4930" s="93"/>
      <c r="BD4930" s="93"/>
      <c r="BE4930" s="93"/>
      <c r="BF4930" s="93"/>
      <c r="BG4930" s="93"/>
      <c r="BH4930" s="93"/>
      <c r="BI4930" s="93"/>
      <c r="BJ4930" s="93"/>
      <c r="BK4930" s="93"/>
      <c r="BL4930" s="93"/>
    </row>
    <row r="4931" spans="2:64" x14ac:dyDescent="0.2">
      <c r="B4931" s="43"/>
      <c r="C4931" s="73"/>
      <c r="D4931" s="64"/>
      <c r="E4931" s="55"/>
      <c r="F4931" s="74"/>
      <c r="G4931" s="74"/>
      <c r="H4931" s="74"/>
      <c r="I4931" s="75"/>
      <c r="J4931" s="74"/>
      <c r="L4931" s="55"/>
      <c r="M4931" s="234"/>
      <c r="N4931" s="65"/>
      <c r="O4931" s="76"/>
      <c r="P4931" s="76"/>
      <c r="Q4931" s="65"/>
      <c r="R4931" s="76"/>
      <c r="S4931" s="76"/>
      <c r="T4931" s="76"/>
      <c r="U4931" s="76"/>
      <c r="V4931" s="76"/>
      <c r="W4931" s="76"/>
      <c r="X4931" s="76"/>
      <c r="Y4931" s="76"/>
      <c r="Z4931" s="76"/>
      <c r="AA4931" s="85"/>
      <c r="AB4931" s="85"/>
      <c r="AC4931" s="85"/>
      <c r="AD4931" s="85"/>
      <c r="AE4931" s="85"/>
      <c r="AF4931" s="85"/>
      <c r="AG4931" s="86"/>
      <c r="AH4931" s="85"/>
      <c r="AI4931" s="85"/>
      <c r="AJ4931" s="85"/>
      <c r="AK4931" s="85"/>
      <c r="AL4931" s="85"/>
      <c r="AM4931" s="92"/>
      <c r="AN4931" s="92"/>
      <c r="AO4931" s="92"/>
      <c r="AP4931" s="92"/>
      <c r="AQ4931" s="92"/>
      <c r="AR4931" s="92"/>
      <c r="AS4931" s="92"/>
      <c r="AT4931" s="92"/>
      <c r="AU4931" s="92"/>
      <c r="AV4931" s="92"/>
      <c r="AW4931" s="92"/>
      <c r="AX4931" s="92"/>
      <c r="AY4931" s="92"/>
      <c r="AZ4931" s="93"/>
      <c r="BA4931" s="93"/>
      <c r="BB4931" s="93"/>
      <c r="BC4931" s="93"/>
      <c r="BD4931" s="93"/>
      <c r="BE4931" s="93"/>
      <c r="BF4931" s="93"/>
      <c r="BG4931" s="93"/>
      <c r="BH4931" s="93"/>
      <c r="BI4931" s="93"/>
      <c r="BJ4931" s="93"/>
      <c r="BK4931" s="93"/>
      <c r="BL4931" s="93"/>
    </row>
    <row r="4932" spans="2:64" x14ac:dyDescent="0.2">
      <c r="B4932" s="43"/>
      <c r="C4932" s="73"/>
      <c r="D4932" s="64"/>
      <c r="E4932" s="55"/>
      <c r="F4932" s="74"/>
      <c r="G4932" s="74"/>
      <c r="H4932" s="74"/>
      <c r="I4932" s="75"/>
      <c r="J4932" s="74"/>
      <c r="L4932" s="55"/>
      <c r="M4932" s="234"/>
      <c r="N4932" s="65"/>
      <c r="O4932" s="76"/>
      <c r="P4932" s="76"/>
      <c r="Q4932" s="65"/>
      <c r="R4932" s="76"/>
      <c r="S4932" s="76"/>
      <c r="T4932" s="76"/>
      <c r="U4932" s="76"/>
      <c r="V4932" s="76"/>
      <c r="W4932" s="76"/>
      <c r="X4932" s="76"/>
      <c r="Y4932" s="76"/>
      <c r="Z4932" s="76"/>
      <c r="AA4932" s="85"/>
      <c r="AB4932" s="85"/>
      <c r="AC4932" s="85"/>
      <c r="AD4932" s="85"/>
      <c r="AE4932" s="85"/>
      <c r="AF4932" s="85"/>
      <c r="AG4932" s="86"/>
      <c r="AH4932" s="85"/>
      <c r="AI4932" s="85"/>
      <c r="AJ4932" s="85"/>
      <c r="AK4932" s="85"/>
      <c r="AL4932" s="85"/>
      <c r="AM4932" s="92"/>
      <c r="AN4932" s="92"/>
      <c r="AO4932" s="92"/>
      <c r="AP4932" s="92"/>
      <c r="AQ4932" s="92"/>
      <c r="AR4932" s="92"/>
      <c r="AS4932" s="92"/>
      <c r="AT4932" s="92"/>
      <c r="AU4932" s="92"/>
      <c r="AV4932" s="92"/>
      <c r="AW4932" s="92"/>
      <c r="AX4932" s="92"/>
      <c r="AY4932" s="92"/>
      <c r="AZ4932" s="93"/>
      <c r="BA4932" s="93"/>
      <c r="BB4932" s="93"/>
      <c r="BC4932" s="93"/>
      <c r="BD4932" s="93"/>
      <c r="BE4932" s="93"/>
      <c r="BF4932" s="93"/>
      <c r="BG4932" s="93"/>
      <c r="BH4932" s="93"/>
      <c r="BI4932" s="93"/>
      <c r="BJ4932" s="93"/>
      <c r="BK4932" s="93"/>
      <c r="BL4932" s="93"/>
    </row>
    <row r="4933" spans="2:64" x14ac:dyDescent="0.2">
      <c r="B4933" s="43"/>
      <c r="C4933" s="73"/>
      <c r="D4933" s="64"/>
      <c r="E4933" s="55"/>
      <c r="F4933" s="74"/>
      <c r="G4933" s="74"/>
      <c r="H4933" s="74"/>
      <c r="I4933" s="75"/>
      <c r="J4933" s="74"/>
      <c r="L4933" s="55"/>
      <c r="M4933" s="234"/>
      <c r="N4933" s="65"/>
      <c r="O4933" s="76"/>
      <c r="P4933" s="76"/>
      <c r="Q4933" s="65"/>
      <c r="R4933" s="76"/>
      <c r="S4933" s="76"/>
      <c r="T4933" s="76"/>
      <c r="U4933" s="76"/>
      <c r="V4933" s="76"/>
      <c r="W4933" s="76"/>
      <c r="X4933" s="76"/>
      <c r="Y4933" s="76"/>
      <c r="Z4933" s="76"/>
      <c r="AA4933" s="85"/>
      <c r="AB4933" s="85"/>
      <c r="AC4933" s="85"/>
      <c r="AD4933" s="85"/>
      <c r="AE4933" s="85"/>
      <c r="AF4933" s="85"/>
      <c r="AG4933" s="86"/>
      <c r="AH4933" s="85"/>
      <c r="AI4933" s="85"/>
      <c r="AJ4933" s="85"/>
      <c r="AK4933" s="85"/>
      <c r="AL4933" s="85"/>
      <c r="AM4933" s="92"/>
      <c r="AN4933" s="92"/>
      <c r="AO4933" s="92"/>
      <c r="AP4933" s="92"/>
      <c r="AQ4933" s="92"/>
      <c r="AR4933" s="92"/>
      <c r="AS4933" s="92"/>
      <c r="AT4933" s="92"/>
      <c r="AU4933" s="92"/>
      <c r="AV4933" s="92"/>
      <c r="AW4933" s="92"/>
      <c r="AX4933" s="92"/>
      <c r="AY4933" s="92"/>
      <c r="AZ4933" s="93"/>
      <c r="BA4933" s="93"/>
      <c r="BB4933" s="93"/>
      <c r="BC4933" s="93"/>
      <c r="BD4933" s="93"/>
      <c r="BE4933" s="93"/>
      <c r="BF4933" s="93"/>
      <c r="BG4933" s="93"/>
      <c r="BH4933" s="93"/>
      <c r="BI4933" s="93"/>
      <c r="BJ4933" s="93"/>
      <c r="BK4933" s="93"/>
      <c r="BL4933" s="93"/>
    </row>
    <row r="4934" spans="2:64" x14ac:dyDescent="0.2">
      <c r="B4934" s="43"/>
      <c r="C4934" s="73"/>
      <c r="D4934" s="64"/>
      <c r="E4934" s="55"/>
      <c r="F4934" s="74"/>
      <c r="G4934" s="74"/>
      <c r="H4934" s="74"/>
      <c r="I4934" s="75"/>
      <c r="J4934" s="74"/>
      <c r="L4934" s="55"/>
      <c r="M4934" s="234"/>
      <c r="N4934" s="65"/>
      <c r="O4934" s="76"/>
      <c r="P4934" s="76"/>
      <c r="Q4934" s="65"/>
      <c r="R4934" s="76"/>
      <c r="S4934" s="76"/>
      <c r="T4934" s="76"/>
      <c r="U4934" s="76"/>
      <c r="V4934" s="76"/>
      <c r="W4934" s="76"/>
      <c r="X4934" s="76"/>
      <c r="Y4934" s="76"/>
      <c r="Z4934" s="76"/>
      <c r="AA4934" s="85"/>
      <c r="AB4934" s="85"/>
      <c r="AC4934" s="85"/>
      <c r="AD4934" s="85"/>
      <c r="AE4934" s="85"/>
      <c r="AF4934" s="85"/>
      <c r="AG4934" s="86"/>
      <c r="AH4934" s="85"/>
      <c r="AI4934" s="85"/>
      <c r="AJ4934" s="85"/>
      <c r="AK4934" s="85"/>
      <c r="AL4934" s="85"/>
      <c r="AM4934" s="92"/>
      <c r="AN4934" s="92"/>
      <c r="AO4934" s="92"/>
      <c r="AP4934" s="92"/>
      <c r="AQ4934" s="92"/>
      <c r="AR4934" s="92"/>
      <c r="AS4934" s="92"/>
      <c r="AT4934" s="92"/>
      <c r="AU4934" s="92"/>
      <c r="AV4934" s="92"/>
      <c r="AW4934" s="92"/>
      <c r="AX4934" s="92"/>
      <c r="AY4934" s="92"/>
      <c r="AZ4934" s="93"/>
      <c r="BA4934" s="93"/>
      <c r="BB4934" s="93"/>
      <c r="BC4934" s="93"/>
      <c r="BD4934" s="93"/>
      <c r="BE4934" s="93"/>
      <c r="BF4934" s="93"/>
      <c r="BG4934" s="93"/>
      <c r="BH4934" s="93"/>
      <c r="BI4934" s="93"/>
      <c r="BJ4934" s="93"/>
      <c r="BK4934" s="93"/>
      <c r="BL4934" s="93"/>
    </row>
    <row r="4935" spans="2:64" x14ac:dyDescent="0.2">
      <c r="B4935" s="43"/>
      <c r="C4935" s="73"/>
      <c r="D4935" s="64"/>
      <c r="E4935" s="55"/>
      <c r="F4935" s="74"/>
      <c r="G4935" s="74"/>
      <c r="H4935" s="74"/>
      <c r="I4935" s="75"/>
      <c r="J4935" s="74"/>
      <c r="L4935" s="55"/>
      <c r="M4935" s="234"/>
      <c r="N4935" s="65"/>
      <c r="O4935" s="76"/>
      <c r="P4935" s="76"/>
      <c r="Q4935" s="65"/>
      <c r="R4935" s="76"/>
      <c r="S4935" s="76"/>
      <c r="T4935" s="76"/>
      <c r="U4935" s="76"/>
      <c r="V4935" s="76"/>
      <c r="W4935" s="76"/>
      <c r="X4935" s="76"/>
      <c r="Y4935" s="76"/>
      <c r="Z4935" s="76"/>
      <c r="AA4935" s="85"/>
      <c r="AB4935" s="85"/>
      <c r="AC4935" s="85"/>
      <c r="AD4935" s="85"/>
      <c r="AE4935" s="85"/>
      <c r="AF4935" s="85"/>
      <c r="AG4935" s="86"/>
      <c r="AH4935" s="85"/>
      <c r="AI4935" s="85"/>
      <c r="AJ4935" s="85"/>
      <c r="AK4935" s="85"/>
      <c r="AL4935" s="85"/>
      <c r="AM4935" s="92"/>
      <c r="AN4935" s="92"/>
      <c r="AO4935" s="92"/>
      <c r="AP4935" s="92"/>
      <c r="AQ4935" s="92"/>
      <c r="AR4935" s="92"/>
      <c r="AS4935" s="92"/>
      <c r="AT4935" s="92"/>
      <c r="AU4935" s="92"/>
      <c r="AV4935" s="92"/>
      <c r="AW4935" s="92"/>
      <c r="AX4935" s="92"/>
      <c r="AY4935" s="92"/>
      <c r="AZ4935" s="93"/>
      <c r="BA4935" s="93"/>
      <c r="BB4935" s="93"/>
      <c r="BC4935" s="93"/>
      <c r="BD4935" s="93"/>
      <c r="BE4935" s="93"/>
      <c r="BF4935" s="93"/>
      <c r="BG4935" s="93"/>
      <c r="BH4935" s="93"/>
      <c r="BI4935" s="93"/>
      <c r="BJ4935" s="93"/>
      <c r="BK4935" s="93"/>
      <c r="BL4935" s="93"/>
    </row>
    <row r="4936" spans="2:64" x14ac:dyDescent="0.2">
      <c r="B4936" s="43"/>
      <c r="C4936" s="73"/>
      <c r="D4936" s="64"/>
      <c r="E4936" s="55"/>
      <c r="F4936" s="74"/>
      <c r="G4936" s="74"/>
      <c r="H4936" s="74"/>
      <c r="I4936" s="75"/>
      <c r="J4936" s="74"/>
      <c r="L4936" s="55"/>
      <c r="M4936" s="234"/>
      <c r="N4936" s="65"/>
      <c r="O4936" s="76"/>
      <c r="P4936" s="76"/>
      <c r="Q4936" s="65"/>
      <c r="R4936" s="76"/>
      <c r="S4936" s="76"/>
      <c r="T4936" s="76"/>
      <c r="U4936" s="76"/>
      <c r="V4936" s="76"/>
      <c r="W4936" s="76"/>
      <c r="X4936" s="76"/>
      <c r="Y4936" s="76"/>
      <c r="Z4936" s="76"/>
      <c r="AA4936" s="85"/>
      <c r="AB4936" s="85"/>
      <c r="AC4936" s="85"/>
      <c r="AD4936" s="85"/>
      <c r="AE4936" s="85"/>
      <c r="AF4936" s="85"/>
      <c r="AG4936" s="86"/>
      <c r="AH4936" s="85"/>
      <c r="AI4936" s="85"/>
      <c r="AJ4936" s="85"/>
      <c r="AK4936" s="85"/>
      <c r="AL4936" s="85"/>
      <c r="AM4936" s="92"/>
      <c r="AN4936" s="92"/>
      <c r="AO4936" s="92"/>
      <c r="AP4936" s="92"/>
      <c r="AQ4936" s="92"/>
      <c r="AR4936" s="92"/>
      <c r="AS4936" s="92"/>
      <c r="AT4936" s="92"/>
      <c r="AU4936" s="92"/>
      <c r="AV4936" s="92"/>
      <c r="AW4936" s="92"/>
      <c r="AX4936" s="92"/>
      <c r="AY4936" s="92"/>
      <c r="AZ4936" s="93"/>
      <c r="BA4936" s="93"/>
      <c r="BB4936" s="93"/>
      <c r="BC4936" s="93"/>
      <c r="BD4936" s="93"/>
      <c r="BE4936" s="93"/>
      <c r="BF4936" s="93"/>
      <c r="BG4936" s="93"/>
      <c r="BH4936" s="93"/>
      <c r="BI4936" s="93"/>
      <c r="BJ4936" s="93"/>
      <c r="BK4936" s="93"/>
      <c r="BL4936" s="93"/>
    </row>
    <row r="4937" spans="2:64" x14ac:dyDescent="0.2">
      <c r="B4937" s="43"/>
      <c r="C4937" s="73"/>
      <c r="D4937" s="64"/>
      <c r="E4937" s="55"/>
      <c r="F4937" s="74"/>
      <c r="G4937" s="74"/>
      <c r="H4937" s="74"/>
      <c r="I4937" s="75"/>
      <c r="J4937" s="74"/>
      <c r="L4937" s="55"/>
      <c r="M4937" s="234"/>
      <c r="N4937" s="65"/>
      <c r="O4937" s="76"/>
      <c r="P4937" s="76"/>
      <c r="Q4937" s="65"/>
      <c r="R4937" s="76"/>
      <c r="S4937" s="76"/>
      <c r="T4937" s="76"/>
      <c r="U4937" s="76"/>
      <c r="V4937" s="76"/>
      <c r="W4937" s="76"/>
      <c r="X4937" s="76"/>
      <c r="Y4937" s="76"/>
      <c r="Z4937" s="76"/>
      <c r="AA4937" s="85"/>
      <c r="AB4937" s="85"/>
      <c r="AC4937" s="85"/>
      <c r="AD4937" s="85"/>
      <c r="AE4937" s="85"/>
      <c r="AF4937" s="85"/>
      <c r="AG4937" s="86"/>
      <c r="AH4937" s="85"/>
      <c r="AI4937" s="85"/>
      <c r="AJ4937" s="85"/>
      <c r="AK4937" s="85"/>
      <c r="AL4937" s="85"/>
      <c r="AM4937" s="92"/>
      <c r="AN4937" s="92"/>
      <c r="AO4937" s="92"/>
      <c r="AP4937" s="92"/>
      <c r="AQ4937" s="92"/>
      <c r="AR4937" s="92"/>
      <c r="AS4937" s="92"/>
      <c r="AT4937" s="92"/>
      <c r="AU4937" s="92"/>
      <c r="AV4937" s="92"/>
      <c r="AW4937" s="92"/>
      <c r="AX4937" s="92"/>
      <c r="AY4937" s="92"/>
      <c r="AZ4937" s="93"/>
      <c r="BA4937" s="93"/>
      <c r="BB4937" s="93"/>
      <c r="BC4937" s="93"/>
      <c r="BD4937" s="93"/>
      <c r="BE4937" s="93"/>
      <c r="BF4937" s="93"/>
      <c r="BG4937" s="93"/>
      <c r="BH4937" s="93"/>
      <c r="BI4937" s="93"/>
      <c r="BJ4937" s="93"/>
      <c r="BK4937" s="93"/>
      <c r="BL4937" s="93"/>
    </row>
    <row r="4938" spans="2:64" x14ac:dyDescent="0.2">
      <c r="B4938" s="43"/>
      <c r="C4938" s="73"/>
      <c r="D4938" s="64"/>
      <c r="E4938" s="55"/>
      <c r="F4938" s="74"/>
      <c r="G4938" s="74"/>
      <c r="H4938" s="74"/>
      <c r="I4938" s="75"/>
      <c r="J4938" s="74"/>
      <c r="L4938" s="55"/>
      <c r="M4938" s="234"/>
      <c r="N4938" s="65"/>
      <c r="O4938" s="76"/>
      <c r="P4938" s="76"/>
      <c r="Q4938" s="65"/>
      <c r="R4938" s="76"/>
      <c r="S4938" s="76"/>
      <c r="T4938" s="76"/>
      <c r="U4938" s="76"/>
      <c r="V4938" s="76"/>
      <c r="W4938" s="76"/>
      <c r="X4938" s="76"/>
      <c r="Y4938" s="76"/>
      <c r="Z4938" s="76"/>
      <c r="AA4938" s="85"/>
      <c r="AB4938" s="85"/>
      <c r="AC4938" s="85"/>
      <c r="AD4938" s="85"/>
      <c r="AE4938" s="85"/>
      <c r="AF4938" s="85"/>
      <c r="AG4938" s="86"/>
      <c r="AH4938" s="85"/>
      <c r="AI4938" s="85"/>
      <c r="AJ4938" s="85"/>
      <c r="AK4938" s="85"/>
      <c r="AL4938" s="85"/>
      <c r="AM4938" s="92"/>
      <c r="AN4938" s="92"/>
      <c r="AO4938" s="92"/>
      <c r="AP4938" s="92"/>
      <c r="AQ4938" s="92"/>
      <c r="AR4938" s="92"/>
      <c r="AS4938" s="92"/>
      <c r="AT4938" s="92"/>
      <c r="AU4938" s="92"/>
      <c r="AV4938" s="92"/>
      <c r="AW4938" s="92"/>
      <c r="AX4938" s="92"/>
      <c r="AY4938" s="92"/>
      <c r="AZ4938" s="93"/>
      <c r="BA4938" s="93"/>
      <c r="BB4938" s="93"/>
      <c r="BC4938" s="93"/>
      <c r="BD4938" s="93"/>
      <c r="BE4938" s="93"/>
      <c r="BF4938" s="93"/>
      <c r="BG4938" s="93"/>
      <c r="BH4938" s="93"/>
      <c r="BI4938" s="93"/>
      <c r="BJ4938" s="93"/>
      <c r="BK4938" s="93"/>
      <c r="BL4938" s="93"/>
    </row>
    <row r="4939" spans="2:64" x14ac:dyDescent="0.2">
      <c r="B4939" s="43"/>
      <c r="C4939" s="73"/>
      <c r="D4939" s="64"/>
      <c r="E4939" s="55"/>
      <c r="F4939" s="74"/>
      <c r="G4939" s="74"/>
      <c r="H4939" s="74"/>
      <c r="I4939" s="75"/>
      <c r="J4939" s="74"/>
      <c r="L4939" s="55"/>
      <c r="M4939" s="234"/>
      <c r="N4939" s="65"/>
      <c r="O4939" s="76"/>
      <c r="P4939" s="76"/>
      <c r="Q4939" s="65"/>
      <c r="R4939" s="76"/>
      <c r="S4939" s="76"/>
      <c r="T4939" s="76"/>
      <c r="U4939" s="76"/>
      <c r="V4939" s="76"/>
      <c r="W4939" s="76"/>
      <c r="X4939" s="76"/>
      <c r="Y4939" s="76"/>
      <c r="Z4939" s="76"/>
      <c r="AA4939" s="85"/>
      <c r="AB4939" s="85"/>
      <c r="AC4939" s="85"/>
      <c r="AD4939" s="85"/>
      <c r="AE4939" s="85"/>
      <c r="AF4939" s="85"/>
      <c r="AG4939" s="86"/>
      <c r="AH4939" s="85"/>
      <c r="AI4939" s="85"/>
      <c r="AJ4939" s="85"/>
      <c r="AK4939" s="85"/>
      <c r="AL4939" s="85"/>
      <c r="AM4939" s="92"/>
      <c r="AN4939" s="92"/>
      <c r="AO4939" s="92"/>
      <c r="AP4939" s="92"/>
      <c r="AQ4939" s="92"/>
      <c r="AR4939" s="92"/>
      <c r="AS4939" s="92"/>
      <c r="AT4939" s="92"/>
      <c r="AU4939" s="92"/>
      <c r="AV4939" s="92"/>
      <c r="AW4939" s="92"/>
      <c r="AX4939" s="92"/>
      <c r="AY4939" s="92"/>
      <c r="AZ4939" s="93"/>
      <c r="BA4939" s="93"/>
      <c r="BB4939" s="93"/>
      <c r="BC4939" s="93"/>
      <c r="BD4939" s="93"/>
      <c r="BE4939" s="93"/>
      <c r="BF4939" s="93"/>
      <c r="BG4939" s="93"/>
      <c r="BH4939" s="93"/>
      <c r="BI4939" s="93"/>
      <c r="BJ4939" s="93"/>
      <c r="BK4939" s="93"/>
      <c r="BL4939" s="93"/>
    </row>
    <row r="4940" spans="2:64" x14ac:dyDescent="0.2">
      <c r="B4940" s="43"/>
      <c r="C4940" s="73"/>
      <c r="D4940" s="64"/>
      <c r="E4940" s="55"/>
      <c r="F4940" s="74"/>
      <c r="G4940" s="74"/>
      <c r="H4940" s="74"/>
      <c r="I4940" s="75"/>
      <c r="J4940" s="74"/>
      <c r="L4940" s="55"/>
      <c r="M4940" s="234"/>
      <c r="N4940" s="65"/>
      <c r="O4940" s="76"/>
      <c r="P4940" s="76"/>
      <c r="Q4940" s="65"/>
      <c r="R4940" s="76"/>
      <c r="S4940" s="76"/>
      <c r="T4940" s="76"/>
      <c r="U4940" s="76"/>
      <c r="V4940" s="76"/>
      <c r="W4940" s="76"/>
      <c r="X4940" s="76"/>
      <c r="Y4940" s="76"/>
      <c r="Z4940" s="76"/>
      <c r="AA4940" s="85"/>
      <c r="AB4940" s="85"/>
      <c r="AC4940" s="85"/>
      <c r="AD4940" s="85"/>
      <c r="AE4940" s="85"/>
      <c r="AF4940" s="85"/>
      <c r="AG4940" s="86"/>
      <c r="AH4940" s="85"/>
      <c r="AI4940" s="85"/>
      <c r="AJ4940" s="85"/>
      <c r="AK4940" s="85"/>
      <c r="AL4940" s="85"/>
      <c r="AM4940" s="92"/>
      <c r="AN4940" s="92"/>
      <c r="AO4940" s="92"/>
      <c r="AP4940" s="92"/>
      <c r="AQ4940" s="92"/>
      <c r="AR4940" s="92"/>
      <c r="AS4940" s="92"/>
      <c r="AT4940" s="92"/>
      <c r="AU4940" s="92"/>
      <c r="AV4940" s="92"/>
      <c r="AW4940" s="92"/>
      <c r="AX4940" s="92"/>
      <c r="AY4940" s="92"/>
      <c r="AZ4940" s="93"/>
      <c r="BA4940" s="93"/>
      <c r="BB4940" s="93"/>
      <c r="BC4940" s="93"/>
      <c r="BD4940" s="93"/>
      <c r="BE4940" s="93"/>
      <c r="BF4940" s="93"/>
      <c r="BG4940" s="93"/>
      <c r="BH4940" s="93"/>
      <c r="BI4940" s="93"/>
      <c r="BJ4940" s="93"/>
      <c r="BK4940" s="93"/>
      <c r="BL4940" s="93"/>
    </row>
    <row r="4941" spans="2:64" x14ac:dyDescent="0.2">
      <c r="B4941" s="43"/>
      <c r="C4941" s="73"/>
      <c r="D4941" s="64"/>
      <c r="E4941" s="55"/>
      <c r="F4941" s="74"/>
      <c r="G4941" s="74"/>
      <c r="H4941" s="74"/>
      <c r="I4941" s="75"/>
      <c r="J4941" s="74"/>
      <c r="L4941" s="55"/>
      <c r="M4941" s="234"/>
      <c r="N4941" s="65"/>
      <c r="O4941" s="76"/>
      <c r="P4941" s="76"/>
      <c r="Q4941" s="65"/>
      <c r="R4941" s="76"/>
      <c r="S4941" s="76"/>
      <c r="T4941" s="76"/>
      <c r="U4941" s="76"/>
      <c r="V4941" s="76"/>
      <c r="W4941" s="76"/>
      <c r="X4941" s="76"/>
      <c r="Y4941" s="76"/>
      <c r="Z4941" s="76"/>
      <c r="AA4941" s="85"/>
      <c r="AB4941" s="85"/>
      <c r="AC4941" s="85"/>
      <c r="AD4941" s="85"/>
      <c r="AE4941" s="85"/>
      <c r="AF4941" s="85"/>
      <c r="AG4941" s="86"/>
      <c r="AH4941" s="85"/>
      <c r="AI4941" s="85"/>
      <c r="AJ4941" s="85"/>
      <c r="AK4941" s="85"/>
      <c r="AL4941" s="85"/>
      <c r="AM4941" s="92"/>
      <c r="AN4941" s="92"/>
      <c r="AO4941" s="92"/>
      <c r="AP4941" s="92"/>
      <c r="AQ4941" s="92"/>
      <c r="AR4941" s="92"/>
      <c r="AS4941" s="92"/>
      <c r="AT4941" s="92"/>
      <c r="AU4941" s="92"/>
      <c r="AV4941" s="92"/>
      <c r="AW4941" s="92"/>
      <c r="AX4941" s="92"/>
      <c r="AY4941" s="92"/>
      <c r="AZ4941" s="93"/>
      <c r="BA4941" s="93"/>
      <c r="BB4941" s="93"/>
      <c r="BC4941" s="93"/>
      <c r="BD4941" s="93"/>
      <c r="BE4941" s="93"/>
      <c r="BF4941" s="93"/>
      <c r="BG4941" s="93"/>
      <c r="BH4941" s="93"/>
      <c r="BI4941" s="93"/>
      <c r="BJ4941" s="93"/>
      <c r="BK4941" s="93"/>
      <c r="BL4941" s="93"/>
    </row>
    <row r="4942" spans="2:64" x14ac:dyDescent="0.2">
      <c r="B4942" s="43"/>
      <c r="C4942" s="73"/>
      <c r="D4942" s="64"/>
      <c r="E4942" s="55"/>
      <c r="F4942" s="74"/>
      <c r="G4942" s="74"/>
      <c r="H4942" s="74"/>
      <c r="I4942" s="75"/>
      <c r="J4942" s="74"/>
      <c r="L4942" s="55"/>
      <c r="M4942" s="234"/>
      <c r="N4942" s="65"/>
      <c r="O4942" s="76"/>
      <c r="P4942" s="76"/>
      <c r="Q4942" s="65"/>
      <c r="R4942" s="76"/>
      <c r="S4942" s="76"/>
      <c r="T4942" s="76"/>
      <c r="U4942" s="76"/>
      <c r="V4942" s="76"/>
      <c r="W4942" s="76"/>
      <c r="X4942" s="76"/>
      <c r="Y4942" s="76"/>
      <c r="Z4942" s="76"/>
      <c r="AA4942" s="85"/>
      <c r="AB4942" s="85"/>
      <c r="AC4942" s="85"/>
      <c r="AD4942" s="85"/>
      <c r="AE4942" s="85"/>
      <c r="AF4942" s="85"/>
      <c r="AG4942" s="86"/>
      <c r="AH4942" s="85"/>
      <c r="AI4942" s="85"/>
      <c r="AJ4942" s="85"/>
      <c r="AK4942" s="85"/>
      <c r="AL4942" s="85"/>
      <c r="AM4942" s="92"/>
      <c r="AN4942" s="92"/>
      <c r="AO4942" s="92"/>
      <c r="AP4942" s="92"/>
      <c r="AQ4942" s="92"/>
      <c r="AR4942" s="92"/>
      <c r="AS4942" s="92"/>
      <c r="AT4942" s="92"/>
      <c r="AU4942" s="92"/>
      <c r="AV4942" s="92"/>
      <c r="AW4942" s="92"/>
      <c r="AX4942" s="92"/>
      <c r="AY4942" s="92"/>
      <c r="AZ4942" s="93"/>
      <c r="BA4942" s="93"/>
      <c r="BB4942" s="93"/>
      <c r="BC4942" s="93"/>
      <c r="BD4942" s="93"/>
      <c r="BE4942" s="93"/>
      <c r="BF4942" s="93"/>
      <c r="BG4942" s="93"/>
      <c r="BH4942" s="93"/>
      <c r="BI4942" s="93"/>
      <c r="BJ4942" s="93"/>
      <c r="BK4942" s="93"/>
      <c r="BL4942" s="93"/>
    </row>
    <row r="4943" spans="2:64" x14ac:dyDescent="0.2">
      <c r="B4943" s="43"/>
      <c r="C4943" s="73"/>
      <c r="D4943" s="64"/>
      <c r="E4943" s="55"/>
      <c r="F4943" s="74"/>
      <c r="G4943" s="74"/>
      <c r="H4943" s="74"/>
      <c r="I4943" s="75"/>
      <c r="J4943" s="74"/>
      <c r="L4943" s="55"/>
      <c r="M4943" s="234"/>
      <c r="N4943" s="65"/>
      <c r="O4943" s="76"/>
      <c r="P4943" s="76"/>
      <c r="Q4943" s="65"/>
      <c r="R4943" s="76"/>
      <c r="S4943" s="76"/>
      <c r="T4943" s="76"/>
      <c r="U4943" s="76"/>
      <c r="V4943" s="76"/>
      <c r="W4943" s="76"/>
      <c r="X4943" s="76"/>
      <c r="Y4943" s="76"/>
      <c r="Z4943" s="76"/>
      <c r="AA4943" s="85"/>
      <c r="AB4943" s="85"/>
      <c r="AC4943" s="85"/>
      <c r="AD4943" s="85"/>
      <c r="AE4943" s="85"/>
      <c r="AF4943" s="85"/>
      <c r="AG4943" s="86"/>
      <c r="AH4943" s="85"/>
      <c r="AI4943" s="85"/>
      <c r="AJ4943" s="85"/>
      <c r="AK4943" s="85"/>
      <c r="AL4943" s="85"/>
      <c r="AM4943" s="92"/>
      <c r="AN4943" s="92"/>
      <c r="AO4943" s="92"/>
      <c r="AP4943" s="92"/>
      <c r="AQ4943" s="92"/>
      <c r="AR4943" s="92"/>
      <c r="AS4943" s="92"/>
      <c r="AT4943" s="92"/>
      <c r="AU4943" s="92"/>
      <c r="AV4943" s="92"/>
      <c r="AW4943" s="92"/>
      <c r="AX4943" s="92"/>
      <c r="AY4943" s="92"/>
      <c r="AZ4943" s="93"/>
      <c r="BA4943" s="93"/>
      <c r="BB4943" s="93"/>
      <c r="BC4943" s="93"/>
      <c r="BD4943" s="93"/>
      <c r="BE4943" s="93"/>
      <c r="BF4943" s="93"/>
      <c r="BG4943" s="93"/>
      <c r="BH4943" s="93"/>
      <c r="BI4943" s="93"/>
      <c r="BJ4943" s="93"/>
      <c r="BK4943" s="93"/>
      <c r="BL4943" s="93"/>
    </row>
    <row r="4944" spans="2:64" x14ac:dyDescent="0.2">
      <c r="B4944" s="43"/>
      <c r="C4944" s="73"/>
      <c r="D4944" s="64"/>
      <c r="E4944" s="55"/>
      <c r="F4944" s="74"/>
      <c r="G4944" s="74"/>
      <c r="H4944" s="74"/>
      <c r="I4944" s="75"/>
      <c r="J4944" s="74"/>
      <c r="L4944" s="55"/>
      <c r="M4944" s="234"/>
      <c r="N4944" s="65"/>
      <c r="O4944" s="76"/>
      <c r="P4944" s="76"/>
      <c r="Q4944" s="65"/>
      <c r="R4944" s="76"/>
      <c r="S4944" s="76"/>
      <c r="T4944" s="76"/>
      <c r="U4944" s="76"/>
      <c r="V4944" s="76"/>
      <c r="W4944" s="76"/>
      <c r="X4944" s="76"/>
      <c r="Y4944" s="76"/>
      <c r="Z4944" s="76"/>
      <c r="AA4944" s="85"/>
      <c r="AB4944" s="85"/>
      <c r="AC4944" s="85"/>
      <c r="AD4944" s="85"/>
      <c r="AE4944" s="85"/>
      <c r="AF4944" s="85"/>
      <c r="AG4944" s="86"/>
      <c r="AH4944" s="85"/>
      <c r="AI4944" s="85"/>
      <c r="AJ4944" s="85"/>
      <c r="AK4944" s="85"/>
      <c r="AL4944" s="85"/>
      <c r="AM4944" s="92"/>
      <c r="AN4944" s="92"/>
      <c r="AO4944" s="92"/>
      <c r="AP4944" s="92"/>
      <c r="AQ4944" s="92"/>
      <c r="AR4944" s="92"/>
      <c r="AS4944" s="92"/>
      <c r="AT4944" s="92"/>
      <c r="AU4944" s="92"/>
      <c r="AV4944" s="92"/>
      <c r="AW4944" s="92"/>
      <c r="AX4944" s="92"/>
      <c r="AY4944" s="92"/>
      <c r="AZ4944" s="93"/>
      <c r="BA4944" s="93"/>
      <c r="BB4944" s="93"/>
      <c r="BC4944" s="93"/>
      <c r="BD4944" s="93"/>
      <c r="BE4944" s="93"/>
      <c r="BF4944" s="93"/>
      <c r="BG4944" s="93"/>
      <c r="BH4944" s="93"/>
      <c r="BI4944" s="93"/>
      <c r="BJ4944" s="93"/>
      <c r="BK4944" s="93"/>
      <c r="BL4944" s="93"/>
    </row>
    <row r="4945" spans="2:64" x14ac:dyDescent="0.2">
      <c r="B4945" s="43"/>
      <c r="C4945" s="73"/>
      <c r="D4945" s="64"/>
      <c r="E4945" s="55"/>
      <c r="F4945" s="74"/>
      <c r="G4945" s="74"/>
      <c r="H4945" s="74"/>
      <c r="I4945" s="75"/>
      <c r="J4945" s="74"/>
      <c r="L4945" s="55"/>
      <c r="M4945" s="234"/>
      <c r="N4945" s="65"/>
      <c r="O4945" s="76"/>
      <c r="P4945" s="76"/>
      <c r="Q4945" s="65"/>
      <c r="R4945" s="76"/>
      <c r="S4945" s="76"/>
      <c r="T4945" s="76"/>
      <c r="U4945" s="76"/>
      <c r="V4945" s="76"/>
      <c r="W4945" s="76"/>
      <c r="X4945" s="76"/>
      <c r="Y4945" s="76"/>
      <c r="Z4945" s="76"/>
      <c r="AA4945" s="85"/>
      <c r="AB4945" s="85"/>
      <c r="AC4945" s="85"/>
      <c r="AD4945" s="85"/>
      <c r="AE4945" s="85"/>
      <c r="AF4945" s="85"/>
      <c r="AG4945" s="86"/>
      <c r="AH4945" s="85"/>
      <c r="AI4945" s="85"/>
      <c r="AJ4945" s="85"/>
      <c r="AK4945" s="85"/>
      <c r="AL4945" s="85"/>
      <c r="AM4945" s="92"/>
      <c r="AN4945" s="92"/>
      <c r="AO4945" s="92"/>
      <c r="AP4945" s="92"/>
      <c r="AQ4945" s="92"/>
      <c r="AR4945" s="92"/>
      <c r="AS4945" s="92"/>
      <c r="AT4945" s="92"/>
      <c r="AU4945" s="92"/>
      <c r="AV4945" s="92"/>
      <c r="AW4945" s="92"/>
      <c r="AX4945" s="92"/>
      <c r="AY4945" s="92"/>
      <c r="AZ4945" s="93"/>
      <c r="BA4945" s="93"/>
      <c r="BB4945" s="93"/>
      <c r="BC4945" s="93"/>
      <c r="BD4945" s="93"/>
      <c r="BE4945" s="93"/>
      <c r="BF4945" s="93"/>
      <c r="BG4945" s="93"/>
      <c r="BH4945" s="93"/>
      <c r="BI4945" s="93"/>
      <c r="BJ4945" s="93"/>
      <c r="BK4945" s="93"/>
      <c r="BL4945" s="93"/>
    </row>
    <row r="4946" spans="2:64" x14ac:dyDescent="0.2">
      <c r="B4946" s="43"/>
      <c r="C4946" s="73"/>
      <c r="D4946" s="64"/>
      <c r="E4946" s="55"/>
      <c r="F4946" s="74"/>
      <c r="G4946" s="74"/>
      <c r="H4946" s="74"/>
      <c r="I4946" s="75"/>
      <c r="J4946" s="74"/>
      <c r="L4946" s="55"/>
      <c r="M4946" s="234"/>
      <c r="N4946" s="65"/>
      <c r="O4946" s="76"/>
      <c r="P4946" s="76"/>
      <c r="Q4946" s="65"/>
      <c r="R4946" s="76"/>
      <c r="S4946" s="76"/>
      <c r="T4946" s="76"/>
      <c r="U4946" s="76"/>
      <c r="V4946" s="76"/>
      <c r="W4946" s="76"/>
      <c r="X4946" s="76"/>
      <c r="Y4946" s="76"/>
      <c r="Z4946" s="76"/>
      <c r="AA4946" s="85"/>
      <c r="AB4946" s="85"/>
      <c r="AC4946" s="85"/>
      <c r="AD4946" s="85"/>
      <c r="AE4946" s="85"/>
      <c r="AF4946" s="85"/>
      <c r="AG4946" s="86"/>
      <c r="AH4946" s="85"/>
      <c r="AI4946" s="85"/>
      <c r="AJ4946" s="85"/>
      <c r="AK4946" s="85"/>
      <c r="AL4946" s="85"/>
      <c r="AM4946" s="92"/>
      <c r="AN4946" s="92"/>
      <c r="AO4946" s="92"/>
      <c r="AP4946" s="92"/>
      <c r="AQ4946" s="92"/>
      <c r="AR4946" s="92"/>
      <c r="AS4946" s="92"/>
      <c r="AT4946" s="92"/>
      <c r="AU4946" s="92"/>
      <c r="AV4946" s="92"/>
      <c r="AW4946" s="92"/>
      <c r="AX4946" s="92"/>
      <c r="AY4946" s="92"/>
      <c r="AZ4946" s="93"/>
      <c r="BA4946" s="93"/>
      <c r="BB4946" s="93"/>
      <c r="BC4946" s="93"/>
      <c r="BD4946" s="93"/>
      <c r="BE4946" s="93"/>
      <c r="BF4946" s="93"/>
      <c r="BG4946" s="93"/>
      <c r="BH4946" s="93"/>
      <c r="BI4946" s="93"/>
      <c r="BJ4946" s="93"/>
      <c r="BK4946" s="93"/>
      <c r="BL4946" s="93"/>
    </row>
    <row r="4947" spans="2:64" x14ac:dyDescent="0.2">
      <c r="B4947" s="43"/>
      <c r="C4947" s="73"/>
      <c r="D4947" s="64"/>
      <c r="E4947" s="55"/>
      <c r="F4947" s="74"/>
      <c r="G4947" s="74"/>
      <c r="H4947" s="74"/>
      <c r="I4947" s="75"/>
      <c r="J4947" s="74"/>
      <c r="L4947" s="55"/>
      <c r="M4947" s="234"/>
      <c r="N4947" s="65"/>
      <c r="O4947" s="76"/>
      <c r="P4947" s="76"/>
      <c r="Q4947" s="65"/>
      <c r="R4947" s="76"/>
      <c r="S4947" s="76"/>
      <c r="T4947" s="76"/>
      <c r="U4947" s="76"/>
      <c r="V4947" s="76"/>
      <c r="W4947" s="76"/>
      <c r="X4947" s="76"/>
      <c r="Y4947" s="76"/>
      <c r="Z4947" s="76"/>
      <c r="AA4947" s="85"/>
      <c r="AB4947" s="85"/>
      <c r="AC4947" s="85"/>
      <c r="AD4947" s="85"/>
      <c r="AE4947" s="85"/>
      <c r="AF4947" s="85"/>
      <c r="AG4947" s="86"/>
      <c r="AH4947" s="85"/>
      <c r="AI4947" s="85"/>
      <c r="AJ4947" s="85"/>
      <c r="AK4947" s="85"/>
      <c r="AL4947" s="85"/>
      <c r="AM4947" s="92"/>
      <c r="AN4947" s="92"/>
      <c r="AO4947" s="92"/>
      <c r="AP4947" s="92"/>
      <c r="AQ4947" s="92"/>
      <c r="AR4947" s="92"/>
      <c r="AS4947" s="92"/>
      <c r="AT4947" s="92"/>
      <c r="AU4947" s="92"/>
      <c r="AV4947" s="92"/>
      <c r="AW4947" s="92"/>
      <c r="AX4947" s="92"/>
      <c r="AY4947" s="92"/>
      <c r="AZ4947" s="93"/>
      <c r="BA4947" s="93"/>
      <c r="BB4947" s="93"/>
      <c r="BC4947" s="93"/>
      <c r="BD4947" s="93"/>
      <c r="BE4947" s="93"/>
      <c r="BF4947" s="93"/>
      <c r="BG4947" s="93"/>
      <c r="BH4947" s="93"/>
      <c r="BI4947" s="93"/>
      <c r="BJ4947" s="93"/>
      <c r="BK4947" s="93"/>
      <c r="BL4947" s="93"/>
    </row>
    <row r="4948" spans="2:64" x14ac:dyDescent="0.2">
      <c r="B4948" s="43"/>
      <c r="C4948" s="73"/>
      <c r="D4948" s="64"/>
      <c r="E4948" s="55"/>
      <c r="F4948" s="74"/>
      <c r="G4948" s="74"/>
      <c r="H4948" s="74"/>
      <c r="I4948" s="75"/>
      <c r="J4948" s="74"/>
      <c r="L4948" s="55"/>
      <c r="M4948" s="234"/>
      <c r="N4948" s="65"/>
      <c r="O4948" s="76"/>
      <c r="P4948" s="76"/>
      <c r="Q4948" s="65"/>
      <c r="R4948" s="76"/>
      <c r="S4948" s="76"/>
      <c r="T4948" s="76"/>
      <c r="U4948" s="76"/>
      <c r="V4948" s="76"/>
      <c r="W4948" s="76"/>
      <c r="X4948" s="76"/>
      <c r="Y4948" s="76"/>
      <c r="Z4948" s="76"/>
      <c r="AA4948" s="85"/>
      <c r="AB4948" s="85"/>
      <c r="AC4948" s="85"/>
      <c r="AD4948" s="85"/>
      <c r="AE4948" s="85"/>
      <c r="AF4948" s="85"/>
      <c r="AG4948" s="86"/>
      <c r="AH4948" s="85"/>
      <c r="AI4948" s="85"/>
      <c r="AJ4948" s="85"/>
      <c r="AK4948" s="85"/>
      <c r="AL4948" s="85"/>
      <c r="AM4948" s="92"/>
      <c r="AN4948" s="92"/>
      <c r="AO4948" s="92"/>
      <c r="AP4948" s="92"/>
      <c r="AQ4948" s="92"/>
      <c r="AR4948" s="92"/>
      <c r="AS4948" s="92"/>
      <c r="AT4948" s="92"/>
      <c r="AU4948" s="92"/>
      <c r="AV4948" s="92"/>
      <c r="AW4948" s="92"/>
      <c r="AX4948" s="92"/>
      <c r="AY4948" s="92"/>
      <c r="AZ4948" s="93"/>
      <c r="BA4948" s="93"/>
      <c r="BB4948" s="93"/>
      <c r="BC4948" s="93"/>
      <c r="BD4948" s="93"/>
      <c r="BE4948" s="93"/>
      <c r="BF4948" s="93"/>
      <c r="BG4948" s="93"/>
      <c r="BH4948" s="93"/>
      <c r="BI4948" s="93"/>
      <c r="BJ4948" s="93"/>
      <c r="BK4948" s="93"/>
      <c r="BL4948" s="93"/>
    </row>
    <row r="4949" spans="2:64" x14ac:dyDescent="0.2">
      <c r="B4949" s="43"/>
      <c r="C4949" s="73"/>
      <c r="D4949" s="64"/>
      <c r="E4949" s="55"/>
      <c r="F4949" s="74"/>
      <c r="G4949" s="74"/>
      <c r="H4949" s="74"/>
      <c r="I4949" s="75"/>
      <c r="J4949" s="74"/>
      <c r="L4949" s="55"/>
      <c r="M4949" s="234"/>
      <c r="N4949" s="65"/>
      <c r="O4949" s="76"/>
      <c r="P4949" s="76"/>
      <c r="Q4949" s="65"/>
      <c r="R4949" s="76"/>
      <c r="S4949" s="76"/>
      <c r="T4949" s="76"/>
      <c r="U4949" s="76"/>
      <c r="V4949" s="76"/>
      <c r="W4949" s="76"/>
      <c r="X4949" s="76"/>
      <c r="Y4949" s="76"/>
      <c r="Z4949" s="76"/>
      <c r="AA4949" s="85"/>
      <c r="AB4949" s="85"/>
      <c r="AC4949" s="85"/>
      <c r="AD4949" s="85"/>
      <c r="AE4949" s="85"/>
      <c r="AF4949" s="85"/>
      <c r="AG4949" s="86"/>
      <c r="AH4949" s="85"/>
      <c r="AI4949" s="85"/>
      <c r="AJ4949" s="85"/>
      <c r="AK4949" s="85"/>
      <c r="AL4949" s="85"/>
      <c r="AM4949" s="92"/>
      <c r="AN4949" s="92"/>
      <c r="AO4949" s="92"/>
      <c r="AP4949" s="92"/>
      <c r="AQ4949" s="92"/>
      <c r="AR4949" s="92"/>
      <c r="AS4949" s="92"/>
      <c r="AT4949" s="92"/>
      <c r="AU4949" s="92"/>
      <c r="AV4949" s="92"/>
      <c r="AW4949" s="92"/>
      <c r="AX4949" s="92"/>
      <c r="AY4949" s="92"/>
      <c r="AZ4949" s="93"/>
      <c r="BA4949" s="93"/>
      <c r="BB4949" s="93"/>
      <c r="BC4949" s="93"/>
      <c r="BD4949" s="93"/>
      <c r="BE4949" s="93"/>
      <c r="BF4949" s="93"/>
      <c r="BG4949" s="93"/>
      <c r="BH4949" s="93"/>
      <c r="BI4949" s="93"/>
      <c r="BJ4949" s="93"/>
      <c r="BK4949" s="93"/>
      <c r="BL4949" s="93"/>
    </row>
    <row r="4950" spans="2:64" x14ac:dyDescent="0.2">
      <c r="B4950" s="43"/>
      <c r="C4950" s="73"/>
      <c r="D4950" s="64"/>
      <c r="E4950" s="55"/>
      <c r="F4950" s="74"/>
      <c r="G4950" s="74"/>
      <c r="H4950" s="74"/>
      <c r="I4950" s="75"/>
      <c r="J4950" s="74"/>
      <c r="L4950" s="55"/>
      <c r="M4950" s="234"/>
      <c r="N4950" s="65"/>
      <c r="O4950" s="76"/>
      <c r="P4950" s="76"/>
      <c r="Q4950" s="65"/>
      <c r="R4950" s="76"/>
      <c r="S4950" s="76"/>
      <c r="T4950" s="76"/>
      <c r="U4950" s="76"/>
      <c r="V4950" s="76"/>
      <c r="W4950" s="76"/>
      <c r="X4950" s="76"/>
      <c r="Y4950" s="76"/>
      <c r="Z4950" s="76"/>
      <c r="AA4950" s="85"/>
      <c r="AB4950" s="85"/>
      <c r="AC4950" s="85"/>
      <c r="AD4950" s="85"/>
      <c r="AE4950" s="85"/>
      <c r="AF4950" s="85"/>
      <c r="AG4950" s="86"/>
      <c r="AH4950" s="85"/>
      <c r="AI4950" s="85"/>
      <c r="AJ4950" s="85"/>
      <c r="AK4950" s="85"/>
      <c r="AL4950" s="85"/>
      <c r="AM4950" s="92"/>
      <c r="AN4950" s="92"/>
      <c r="AO4950" s="92"/>
      <c r="AP4950" s="92"/>
      <c r="AQ4950" s="92"/>
      <c r="AR4950" s="92"/>
      <c r="AS4950" s="92"/>
      <c r="AT4950" s="92"/>
      <c r="AU4950" s="92"/>
      <c r="AV4950" s="92"/>
      <c r="AW4950" s="92"/>
      <c r="AX4950" s="92"/>
      <c r="AY4950" s="92"/>
      <c r="AZ4950" s="93"/>
      <c r="BA4950" s="93"/>
      <c r="BB4950" s="93"/>
      <c r="BC4950" s="93"/>
      <c r="BD4950" s="93"/>
      <c r="BE4950" s="93"/>
      <c r="BF4950" s="93"/>
      <c r="BG4950" s="93"/>
      <c r="BH4950" s="93"/>
      <c r="BI4950" s="93"/>
      <c r="BJ4950" s="93"/>
      <c r="BK4950" s="93"/>
      <c r="BL4950" s="93"/>
    </row>
    <row r="4951" spans="2:64" x14ac:dyDescent="0.2">
      <c r="B4951" s="43"/>
      <c r="C4951" s="73"/>
      <c r="D4951" s="64"/>
      <c r="E4951" s="55"/>
      <c r="F4951" s="74"/>
      <c r="G4951" s="74"/>
      <c r="H4951" s="74"/>
      <c r="I4951" s="75"/>
      <c r="J4951" s="74"/>
      <c r="L4951" s="55"/>
      <c r="M4951" s="234"/>
      <c r="N4951" s="65"/>
      <c r="O4951" s="76"/>
      <c r="P4951" s="76"/>
      <c r="Q4951" s="65"/>
      <c r="R4951" s="76"/>
      <c r="S4951" s="76"/>
      <c r="T4951" s="76"/>
      <c r="U4951" s="76"/>
      <c r="V4951" s="76"/>
      <c r="W4951" s="76"/>
      <c r="X4951" s="76"/>
      <c r="Y4951" s="76"/>
      <c r="Z4951" s="76"/>
      <c r="AA4951" s="85"/>
      <c r="AB4951" s="85"/>
      <c r="AC4951" s="85"/>
      <c r="AD4951" s="85"/>
      <c r="AE4951" s="85"/>
      <c r="AF4951" s="85"/>
      <c r="AG4951" s="86"/>
      <c r="AH4951" s="85"/>
      <c r="AI4951" s="85"/>
      <c r="AJ4951" s="85"/>
      <c r="AK4951" s="85"/>
      <c r="AL4951" s="85"/>
      <c r="AM4951" s="92"/>
      <c r="AN4951" s="92"/>
      <c r="AO4951" s="92"/>
      <c r="AP4951" s="92"/>
      <c r="AQ4951" s="92"/>
      <c r="AR4951" s="92"/>
      <c r="AS4951" s="92"/>
      <c r="AT4951" s="92"/>
      <c r="AU4951" s="92"/>
      <c r="AV4951" s="92"/>
      <c r="AW4951" s="92"/>
      <c r="AX4951" s="92"/>
      <c r="AY4951" s="92"/>
      <c r="AZ4951" s="93"/>
      <c r="BA4951" s="93"/>
      <c r="BB4951" s="93"/>
      <c r="BC4951" s="93"/>
      <c r="BD4951" s="93"/>
      <c r="BE4951" s="93"/>
      <c r="BF4951" s="93"/>
      <c r="BG4951" s="93"/>
      <c r="BH4951" s="93"/>
      <c r="BI4951" s="93"/>
      <c r="BJ4951" s="93"/>
      <c r="BK4951" s="93"/>
      <c r="BL4951" s="93"/>
    </row>
    <row r="4952" spans="2:64" x14ac:dyDescent="0.2">
      <c r="B4952" s="43"/>
      <c r="C4952" s="73"/>
      <c r="D4952" s="64"/>
      <c r="E4952" s="55"/>
      <c r="F4952" s="74"/>
      <c r="G4952" s="74"/>
      <c r="H4952" s="74"/>
      <c r="I4952" s="75"/>
      <c r="J4952" s="74"/>
      <c r="L4952" s="55"/>
      <c r="M4952" s="234"/>
      <c r="N4952" s="65"/>
      <c r="O4952" s="76"/>
      <c r="P4952" s="76"/>
      <c r="Q4952" s="65"/>
      <c r="R4952" s="76"/>
      <c r="S4952" s="76"/>
      <c r="T4952" s="76"/>
      <c r="U4952" s="76"/>
      <c r="V4952" s="76"/>
      <c r="W4952" s="76"/>
      <c r="X4952" s="76"/>
      <c r="Y4952" s="76"/>
      <c r="Z4952" s="76"/>
      <c r="AA4952" s="85"/>
      <c r="AB4952" s="85"/>
      <c r="AC4952" s="85"/>
      <c r="AD4952" s="85"/>
      <c r="AE4952" s="85"/>
      <c r="AF4952" s="85"/>
      <c r="AG4952" s="86"/>
      <c r="AH4952" s="85"/>
      <c r="AI4952" s="85"/>
      <c r="AJ4952" s="85"/>
      <c r="AK4952" s="85"/>
      <c r="AL4952" s="85"/>
      <c r="AM4952" s="92"/>
      <c r="AN4952" s="92"/>
      <c r="AO4952" s="92"/>
      <c r="AP4952" s="92"/>
      <c r="AQ4952" s="92"/>
      <c r="AR4952" s="92"/>
      <c r="AS4952" s="92"/>
      <c r="AT4952" s="92"/>
      <c r="AU4952" s="92"/>
      <c r="AV4952" s="92"/>
      <c r="AW4952" s="92"/>
      <c r="AX4952" s="92"/>
      <c r="AY4952" s="92"/>
      <c r="AZ4952" s="93"/>
      <c r="BA4952" s="93"/>
      <c r="BB4952" s="93"/>
      <c r="BC4952" s="93"/>
      <c r="BD4952" s="93"/>
      <c r="BE4952" s="93"/>
      <c r="BF4952" s="93"/>
      <c r="BG4952" s="93"/>
      <c r="BH4952" s="93"/>
      <c r="BI4952" s="93"/>
      <c r="BJ4952" s="93"/>
      <c r="BK4952" s="93"/>
      <c r="BL4952" s="93"/>
    </row>
    <row r="4953" spans="2:64" x14ac:dyDescent="0.2">
      <c r="B4953" s="43"/>
      <c r="C4953" s="73"/>
      <c r="D4953" s="64"/>
      <c r="E4953" s="55"/>
      <c r="F4953" s="74"/>
      <c r="G4953" s="74"/>
      <c r="H4953" s="74"/>
      <c r="I4953" s="75"/>
      <c r="J4953" s="74"/>
      <c r="L4953" s="55"/>
      <c r="M4953" s="234"/>
      <c r="N4953" s="65"/>
      <c r="O4953" s="76"/>
      <c r="P4953" s="76"/>
      <c r="Q4953" s="65"/>
      <c r="R4953" s="76"/>
      <c r="S4953" s="76"/>
      <c r="T4953" s="76"/>
      <c r="U4953" s="76"/>
      <c r="V4953" s="76"/>
      <c r="W4953" s="76"/>
      <c r="X4953" s="76"/>
      <c r="Y4953" s="76"/>
      <c r="Z4953" s="76"/>
      <c r="AA4953" s="85"/>
      <c r="AB4953" s="85"/>
      <c r="AC4953" s="85"/>
      <c r="AD4953" s="85"/>
      <c r="AE4953" s="85"/>
      <c r="AF4953" s="85"/>
      <c r="AG4953" s="86"/>
      <c r="AH4953" s="85"/>
      <c r="AI4953" s="85"/>
      <c r="AJ4953" s="85"/>
      <c r="AK4953" s="85"/>
      <c r="AL4953" s="85"/>
      <c r="AM4953" s="92"/>
      <c r="AN4953" s="92"/>
      <c r="AO4953" s="92"/>
      <c r="AP4953" s="92"/>
      <c r="AQ4953" s="92"/>
      <c r="AR4953" s="92"/>
      <c r="AS4953" s="92"/>
      <c r="AT4953" s="92"/>
      <c r="AU4953" s="92"/>
      <c r="AV4953" s="92"/>
      <c r="AW4953" s="92"/>
      <c r="AX4953" s="92"/>
      <c r="AY4953" s="92"/>
      <c r="AZ4953" s="93"/>
      <c r="BA4953" s="93"/>
      <c r="BB4953" s="93"/>
      <c r="BC4953" s="93"/>
      <c r="BD4953" s="93"/>
      <c r="BE4953" s="93"/>
      <c r="BF4953" s="93"/>
      <c r="BG4953" s="93"/>
      <c r="BH4953" s="93"/>
      <c r="BI4953" s="93"/>
      <c r="BJ4953" s="93"/>
      <c r="BK4953" s="93"/>
      <c r="BL4953" s="93"/>
    </row>
    <row r="4954" spans="2:64" x14ac:dyDescent="0.2">
      <c r="B4954" s="43"/>
      <c r="C4954" s="73"/>
      <c r="D4954" s="64"/>
      <c r="E4954" s="55"/>
      <c r="F4954" s="74"/>
      <c r="G4954" s="74"/>
      <c r="H4954" s="74"/>
      <c r="I4954" s="75"/>
      <c r="J4954" s="74"/>
      <c r="L4954" s="55"/>
      <c r="M4954" s="234"/>
      <c r="N4954" s="65"/>
      <c r="O4954" s="76"/>
      <c r="P4954" s="76"/>
      <c r="Q4954" s="65"/>
      <c r="R4954" s="76"/>
      <c r="S4954" s="76"/>
      <c r="T4954" s="76"/>
      <c r="U4954" s="76"/>
      <c r="V4954" s="76"/>
      <c r="W4954" s="76"/>
      <c r="X4954" s="76"/>
      <c r="Y4954" s="76"/>
      <c r="Z4954" s="76"/>
      <c r="AA4954" s="85"/>
      <c r="AB4954" s="85"/>
      <c r="AC4954" s="85"/>
      <c r="AD4954" s="85"/>
      <c r="AE4954" s="85"/>
      <c r="AF4954" s="85"/>
      <c r="AG4954" s="86"/>
      <c r="AH4954" s="85"/>
      <c r="AI4954" s="85"/>
      <c r="AJ4954" s="85"/>
      <c r="AK4954" s="85"/>
      <c r="AL4954" s="85"/>
      <c r="AM4954" s="92"/>
      <c r="AN4954" s="92"/>
      <c r="AO4954" s="92"/>
      <c r="AP4954" s="92"/>
      <c r="AQ4954" s="92"/>
      <c r="AR4954" s="92"/>
      <c r="AS4954" s="92"/>
      <c r="AT4954" s="92"/>
      <c r="AU4954" s="92"/>
      <c r="AV4954" s="92"/>
      <c r="AW4954" s="92"/>
      <c r="AX4954" s="92"/>
      <c r="AY4954" s="92"/>
      <c r="AZ4954" s="93"/>
      <c r="BA4954" s="93"/>
      <c r="BB4954" s="93"/>
      <c r="BC4954" s="93"/>
      <c r="BD4954" s="93"/>
      <c r="BE4954" s="93"/>
      <c r="BF4954" s="93"/>
      <c r="BG4954" s="93"/>
      <c r="BH4954" s="93"/>
      <c r="BI4954" s="93"/>
      <c r="BJ4954" s="93"/>
      <c r="BK4954" s="93"/>
      <c r="BL4954" s="93"/>
    </row>
    <row r="4955" spans="2:64" x14ac:dyDescent="0.2">
      <c r="B4955" s="43"/>
      <c r="C4955" s="73"/>
      <c r="D4955" s="64"/>
      <c r="E4955" s="55"/>
      <c r="F4955" s="74"/>
      <c r="G4955" s="74"/>
      <c r="H4955" s="74"/>
      <c r="I4955" s="75"/>
      <c r="J4955" s="74"/>
      <c r="L4955" s="55"/>
      <c r="M4955" s="234"/>
      <c r="N4955" s="65"/>
      <c r="O4955" s="76"/>
      <c r="P4955" s="76"/>
      <c r="Q4955" s="65"/>
      <c r="R4955" s="76"/>
      <c r="S4955" s="76"/>
      <c r="T4955" s="76"/>
      <c r="U4955" s="76"/>
      <c r="V4955" s="76"/>
      <c r="W4955" s="76"/>
      <c r="X4955" s="76"/>
      <c r="Y4955" s="76"/>
      <c r="Z4955" s="76"/>
      <c r="AA4955" s="85"/>
      <c r="AB4955" s="85"/>
      <c r="AC4955" s="85"/>
      <c r="AD4955" s="85"/>
      <c r="AE4955" s="85"/>
      <c r="AF4955" s="85"/>
      <c r="AG4955" s="86"/>
      <c r="AH4955" s="85"/>
      <c r="AI4955" s="85"/>
      <c r="AJ4955" s="85"/>
      <c r="AK4955" s="85"/>
      <c r="AL4955" s="85"/>
      <c r="AM4955" s="92"/>
      <c r="AN4955" s="92"/>
      <c r="AO4955" s="92"/>
      <c r="AP4955" s="92"/>
      <c r="AQ4955" s="92"/>
      <c r="AR4955" s="92"/>
      <c r="AS4955" s="92"/>
      <c r="AT4955" s="92"/>
      <c r="AU4955" s="92"/>
      <c r="AV4955" s="92"/>
      <c r="AW4955" s="92"/>
      <c r="AX4955" s="92"/>
      <c r="AY4955" s="92"/>
      <c r="AZ4955" s="93"/>
      <c r="BA4955" s="93"/>
      <c r="BB4955" s="93"/>
      <c r="BC4955" s="93"/>
      <c r="BD4955" s="93"/>
      <c r="BE4955" s="93"/>
      <c r="BF4955" s="93"/>
      <c r="BG4955" s="93"/>
      <c r="BH4955" s="93"/>
      <c r="BI4955" s="93"/>
      <c r="BJ4955" s="93"/>
      <c r="BK4955" s="93"/>
      <c r="BL4955" s="93"/>
    </row>
    <row r="4956" spans="2:64" x14ac:dyDescent="0.2">
      <c r="B4956" s="43"/>
      <c r="C4956" s="73"/>
      <c r="D4956" s="64"/>
      <c r="E4956" s="55"/>
      <c r="F4956" s="74"/>
      <c r="G4956" s="74"/>
      <c r="H4956" s="74"/>
      <c r="I4956" s="75"/>
      <c r="J4956" s="74"/>
      <c r="L4956" s="55"/>
      <c r="M4956" s="234"/>
      <c r="N4956" s="65"/>
      <c r="O4956" s="76"/>
      <c r="P4956" s="76"/>
      <c r="Q4956" s="65"/>
      <c r="R4956" s="76"/>
      <c r="S4956" s="76"/>
      <c r="T4956" s="76"/>
      <c r="U4956" s="76"/>
      <c r="V4956" s="76"/>
      <c r="W4956" s="76"/>
      <c r="X4956" s="76"/>
      <c r="Y4956" s="76"/>
      <c r="Z4956" s="76"/>
      <c r="AA4956" s="85"/>
      <c r="AB4956" s="85"/>
      <c r="AC4956" s="85"/>
      <c r="AD4956" s="85"/>
      <c r="AE4956" s="85"/>
      <c r="AF4956" s="85"/>
      <c r="AG4956" s="86"/>
      <c r="AH4956" s="85"/>
      <c r="AI4956" s="85"/>
      <c r="AJ4956" s="85"/>
      <c r="AK4956" s="85"/>
      <c r="AL4956" s="85"/>
      <c r="AM4956" s="92"/>
      <c r="AN4956" s="92"/>
      <c r="AO4956" s="92"/>
      <c r="AP4956" s="92"/>
      <c r="AQ4956" s="92"/>
      <c r="AR4956" s="92"/>
      <c r="AS4956" s="92"/>
      <c r="AT4956" s="92"/>
      <c r="AU4956" s="92"/>
      <c r="AV4956" s="92"/>
      <c r="AW4956" s="92"/>
      <c r="AX4956" s="92"/>
      <c r="AY4956" s="92"/>
      <c r="AZ4956" s="93"/>
      <c r="BA4956" s="93"/>
      <c r="BB4956" s="93"/>
      <c r="BC4956" s="93"/>
      <c r="BD4956" s="93"/>
      <c r="BE4956" s="93"/>
      <c r="BF4956" s="93"/>
      <c r="BG4956" s="93"/>
      <c r="BH4956" s="93"/>
      <c r="BI4956" s="93"/>
      <c r="BJ4956" s="93"/>
      <c r="BK4956" s="93"/>
      <c r="BL4956" s="93"/>
    </row>
    <row r="4957" spans="2:64" x14ac:dyDescent="0.2">
      <c r="B4957" s="43"/>
      <c r="C4957" s="73"/>
      <c r="D4957" s="64"/>
      <c r="E4957" s="55"/>
      <c r="F4957" s="74"/>
      <c r="G4957" s="74"/>
      <c r="H4957" s="74"/>
      <c r="I4957" s="75"/>
      <c r="J4957" s="74"/>
      <c r="L4957" s="55"/>
      <c r="M4957" s="234"/>
      <c r="N4957" s="65"/>
      <c r="O4957" s="76"/>
      <c r="P4957" s="76"/>
      <c r="Q4957" s="65"/>
      <c r="R4957" s="76"/>
      <c r="S4957" s="76"/>
      <c r="T4957" s="76"/>
      <c r="U4957" s="76"/>
      <c r="V4957" s="76"/>
      <c r="W4957" s="76"/>
      <c r="X4957" s="76"/>
      <c r="Y4957" s="76"/>
      <c r="Z4957" s="76"/>
      <c r="AA4957" s="85"/>
      <c r="AB4957" s="85"/>
      <c r="AC4957" s="85"/>
      <c r="AD4957" s="85"/>
      <c r="AE4957" s="85"/>
      <c r="AF4957" s="85"/>
      <c r="AG4957" s="86"/>
      <c r="AH4957" s="85"/>
      <c r="AI4957" s="85"/>
      <c r="AJ4957" s="85"/>
      <c r="AK4957" s="85"/>
      <c r="AL4957" s="85"/>
      <c r="AM4957" s="92"/>
      <c r="AN4957" s="92"/>
      <c r="AO4957" s="92"/>
      <c r="AP4957" s="92"/>
      <c r="AQ4957" s="92"/>
      <c r="AR4957" s="92"/>
      <c r="AS4957" s="92"/>
      <c r="AT4957" s="92"/>
      <c r="AU4957" s="92"/>
      <c r="AV4957" s="92"/>
      <c r="AW4957" s="92"/>
      <c r="AX4957" s="92"/>
      <c r="AY4957" s="92"/>
      <c r="AZ4957" s="93"/>
      <c r="BA4957" s="93"/>
      <c r="BB4957" s="93"/>
      <c r="BC4957" s="93"/>
      <c r="BD4957" s="93"/>
      <c r="BE4957" s="93"/>
      <c r="BF4957" s="93"/>
      <c r="BG4957" s="93"/>
      <c r="BH4957" s="93"/>
      <c r="BI4957" s="93"/>
      <c r="BJ4957" s="93"/>
      <c r="BK4957" s="93"/>
      <c r="BL4957" s="93"/>
    </row>
    <row r="4958" spans="2:64" x14ac:dyDescent="0.2">
      <c r="B4958" s="43"/>
      <c r="C4958" s="73"/>
      <c r="D4958" s="64"/>
      <c r="E4958" s="55"/>
      <c r="F4958" s="74"/>
      <c r="G4958" s="74"/>
      <c r="H4958" s="74"/>
      <c r="I4958" s="75"/>
      <c r="J4958" s="74"/>
      <c r="L4958" s="55"/>
      <c r="M4958" s="234"/>
      <c r="N4958" s="65"/>
      <c r="O4958" s="76"/>
      <c r="P4958" s="76"/>
      <c r="Q4958" s="65"/>
      <c r="R4958" s="76"/>
      <c r="S4958" s="76"/>
      <c r="T4958" s="76"/>
      <c r="U4958" s="76"/>
      <c r="V4958" s="76"/>
      <c r="W4958" s="76"/>
      <c r="X4958" s="76"/>
      <c r="Y4958" s="76"/>
      <c r="Z4958" s="76"/>
      <c r="AA4958" s="85"/>
      <c r="AB4958" s="85"/>
      <c r="AC4958" s="85"/>
      <c r="AD4958" s="85"/>
      <c r="AE4958" s="85"/>
      <c r="AF4958" s="85"/>
      <c r="AG4958" s="86"/>
      <c r="AH4958" s="85"/>
      <c r="AI4958" s="85"/>
      <c r="AJ4958" s="85"/>
      <c r="AK4958" s="85"/>
      <c r="AL4958" s="85"/>
      <c r="AM4958" s="92"/>
      <c r="AN4958" s="92"/>
      <c r="AO4958" s="92"/>
      <c r="AP4958" s="92"/>
      <c r="AQ4958" s="92"/>
      <c r="AR4958" s="92"/>
      <c r="AS4958" s="92"/>
      <c r="AT4958" s="92"/>
      <c r="AU4958" s="92"/>
      <c r="AV4958" s="92"/>
      <c r="AW4958" s="92"/>
      <c r="AX4958" s="92"/>
      <c r="AY4958" s="92"/>
      <c r="AZ4958" s="93"/>
      <c r="BA4958" s="93"/>
      <c r="BB4958" s="93"/>
      <c r="BC4958" s="93"/>
      <c r="BD4958" s="93"/>
      <c r="BE4958" s="93"/>
      <c r="BF4958" s="93"/>
      <c r="BG4958" s="93"/>
      <c r="BH4958" s="93"/>
      <c r="BI4958" s="93"/>
      <c r="BJ4958" s="93"/>
      <c r="BK4958" s="93"/>
      <c r="BL4958" s="93"/>
    </row>
    <row r="4959" spans="2:64" x14ac:dyDescent="0.2">
      <c r="B4959" s="43"/>
      <c r="C4959" s="73"/>
      <c r="D4959" s="64"/>
      <c r="E4959" s="55"/>
      <c r="F4959" s="74"/>
      <c r="G4959" s="74"/>
      <c r="H4959" s="74"/>
      <c r="I4959" s="75"/>
      <c r="J4959" s="74"/>
      <c r="L4959" s="55"/>
      <c r="M4959" s="234"/>
      <c r="N4959" s="65"/>
      <c r="O4959" s="76"/>
      <c r="P4959" s="76"/>
      <c r="Q4959" s="65"/>
      <c r="R4959" s="76"/>
      <c r="S4959" s="76"/>
      <c r="T4959" s="76"/>
      <c r="U4959" s="76"/>
      <c r="V4959" s="76"/>
      <c r="W4959" s="76"/>
      <c r="X4959" s="76"/>
      <c r="Y4959" s="76"/>
      <c r="Z4959" s="76"/>
      <c r="AA4959" s="85"/>
      <c r="AB4959" s="85"/>
      <c r="AC4959" s="85"/>
      <c r="AD4959" s="85"/>
      <c r="AE4959" s="85"/>
      <c r="AF4959" s="85"/>
      <c r="AG4959" s="86"/>
      <c r="AH4959" s="85"/>
      <c r="AI4959" s="85"/>
      <c r="AJ4959" s="85"/>
      <c r="AK4959" s="85"/>
      <c r="AL4959" s="85"/>
      <c r="AM4959" s="92"/>
      <c r="AN4959" s="92"/>
      <c r="AO4959" s="92"/>
      <c r="AP4959" s="92"/>
      <c r="AQ4959" s="92"/>
      <c r="AR4959" s="92"/>
      <c r="AS4959" s="92"/>
      <c r="AT4959" s="92"/>
      <c r="AU4959" s="92"/>
      <c r="AV4959" s="92"/>
      <c r="AW4959" s="92"/>
      <c r="AX4959" s="92"/>
      <c r="AY4959" s="92"/>
      <c r="AZ4959" s="93"/>
      <c r="BA4959" s="93"/>
      <c r="BB4959" s="93"/>
      <c r="BC4959" s="93"/>
      <c r="BD4959" s="93"/>
      <c r="BE4959" s="93"/>
      <c r="BF4959" s="93"/>
      <c r="BG4959" s="93"/>
      <c r="BH4959" s="93"/>
      <c r="BI4959" s="93"/>
      <c r="BJ4959" s="93"/>
      <c r="BK4959" s="93"/>
      <c r="BL4959" s="93"/>
    </row>
    <row r="4960" spans="2:64" x14ac:dyDescent="0.2">
      <c r="B4960" s="43"/>
      <c r="C4960" s="73"/>
      <c r="D4960" s="64"/>
      <c r="E4960" s="55"/>
      <c r="F4960" s="74"/>
      <c r="G4960" s="74"/>
      <c r="H4960" s="74"/>
      <c r="I4960" s="75"/>
      <c r="J4960" s="74"/>
      <c r="L4960" s="55"/>
      <c r="M4960" s="234"/>
      <c r="N4960" s="65"/>
      <c r="O4960" s="76"/>
      <c r="P4960" s="76"/>
      <c r="Q4960" s="65"/>
      <c r="R4960" s="76"/>
      <c r="S4960" s="76"/>
      <c r="T4960" s="76"/>
      <c r="U4960" s="76"/>
      <c r="V4960" s="76"/>
      <c r="W4960" s="76"/>
      <c r="X4960" s="76"/>
      <c r="Y4960" s="76"/>
      <c r="Z4960" s="76"/>
      <c r="AA4960" s="85"/>
      <c r="AB4960" s="85"/>
      <c r="AC4960" s="85"/>
      <c r="AD4960" s="85"/>
      <c r="AE4960" s="85"/>
      <c r="AF4960" s="85"/>
      <c r="AG4960" s="86"/>
      <c r="AH4960" s="85"/>
      <c r="AI4960" s="85"/>
      <c r="AJ4960" s="85"/>
      <c r="AK4960" s="85"/>
      <c r="AL4960" s="85"/>
      <c r="AM4960" s="92"/>
      <c r="AN4960" s="92"/>
      <c r="AO4960" s="92"/>
      <c r="AP4960" s="92"/>
      <c r="AQ4960" s="92"/>
      <c r="AR4960" s="92"/>
      <c r="AS4960" s="92"/>
      <c r="AT4960" s="92"/>
      <c r="AU4960" s="92"/>
      <c r="AV4960" s="92"/>
      <c r="AW4960" s="92"/>
      <c r="AX4960" s="92"/>
      <c r="AY4960" s="92"/>
      <c r="AZ4960" s="93"/>
      <c r="BA4960" s="93"/>
      <c r="BB4960" s="93"/>
      <c r="BC4960" s="93"/>
      <c r="BD4960" s="93"/>
      <c r="BE4960" s="93"/>
      <c r="BF4960" s="93"/>
      <c r="BG4960" s="93"/>
      <c r="BH4960" s="93"/>
      <c r="BI4960" s="93"/>
      <c r="BJ4960" s="93"/>
      <c r="BK4960" s="93"/>
      <c r="BL4960" s="93"/>
    </row>
    <row r="4961" spans="2:64" x14ac:dyDescent="0.2">
      <c r="B4961" s="43"/>
      <c r="C4961" s="73"/>
      <c r="D4961" s="64"/>
      <c r="E4961" s="55"/>
      <c r="F4961" s="74"/>
      <c r="G4961" s="74"/>
      <c r="H4961" s="74"/>
      <c r="I4961" s="75"/>
      <c r="J4961" s="74"/>
      <c r="L4961" s="55"/>
      <c r="M4961" s="234"/>
      <c r="N4961" s="65"/>
      <c r="O4961" s="76"/>
      <c r="P4961" s="76"/>
      <c r="Q4961" s="65"/>
      <c r="R4961" s="76"/>
      <c r="S4961" s="76"/>
      <c r="T4961" s="76"/>
      <c r="U4961" s="76"/>
      <c r="V4961" s="76"/>
      <c r="W4961" s="76"/>
      <c r="X4961" s="76"/>
      <c r="Y4961" s="76"/>
      <c r="Z4961" s="76"/>
      <c r="AA4961" s="85"/>
      <c r="AB4961" s="85"/>
      <c r="AC4961" s="85"/>
      <c r="AD4961" s="85"/>
      <c r="AE4961" s="85"/>
      <c r="AF4961" s="85"/>
      <c r="AG4961" s="86"/>
      <c r="AH4961" s="85"/>
      <c r="AI4961" s="85"/>
      <c r="AJ4961" s="85"/>
      <c r="AK4961" s="85"/>
      <c r="AL4961" s="85"/>
      <c r="AM4961" s="92"/>
      <c r="AN4961" s="92"/>
      <c r="AO4961" s="92"/>
      <c r="AP4961" s="92"/>
      <c r="AQ4961" s="92"/>
      <c r="AR4961" s="92"/>
      <c r="AS4961" s="92"/>
      <c r="AT4961" s="92"/>
      <c r="AU4961" s="92"/>
      <c r="AV4961" s="92"/>
      <c r="AW4961" s="92"/>
      <c r="AX4961" s="92"/>
      <c r="AY4961" s="92"/>
      <c r="AZ4961" s="93"/>
      <c r="BA4961" s="93"/>
      <c r="BB4961" s="93"/>
      <c r="BC4961" s="93"/>
      <c r="BD4961" s="93"/>
      <c r="BE4961" s="93"/>
      <c r="BF4961" s="93"/>
      <c r="BG4961" s="93"/>
      <c r="BH4961" s="93"/>
      <c r="BI4961" s="93"/>
      <c r="BJ4961" s="93"/>
      <c r="BK4961" s="93"/>
      <c r="BL4961" s="93"/>
    </row>
    <row r="4962" spans="2:64" x14ac:dyDescent="0.2">
      <c r="B4962" s="43"/>
      <c r="C4962" s="73"/>
      <c r="D4962" s="64"/>
      <c r="E4962" s="55"/>
      <c r="F4962" s="74"/>
      <c r="G4962" s="74"/>
      <c r="H4962" s="74"/>
      <c r="I4962" s="75"/>
      <c r="J4962" s="74"/>
      <c r="L4962" s="55"/>
      <c r="M4962" s="234"/>
      <c r="N4962" s="65"/>
      <c r="O4962" s="76"/>
      <c r="P4962" s="76"/>
      <c r="Q4962" s="65"/>
      <c r="R4962" s="76"/>
      <c r="S4962" s="76"/>
      <c r="T4962" s="76"/>
      <c r="U4962" s="76"/>
      <c r="V4962" s="76"/>
      <c r="W4962" s="76"/>
      <c r="X4962" s="76"/>
      <c r="Y4962" s="76"/>
      <c r="Z4962" s="76"/>
      <c r="AA4962" s="85"/>
      <c r="AB4962" s="85"/>
      <c r="AC4962" s="85"/>
      <c r="AD4962" s="85"/>
      <c r="AE4962" s="85"/>
      <c r="AF4962" s="85"/>
      <c r="AG4962" s="86"/>
      <c r="AH4962" s="85"/>
      <c r="AI4962" s="85"/>
      <c r="AJ4962" s="85"/>
      <c r="AK4962" s="85"/>
      <c r="AL4962" s="85"/>
      <c r="AM4962" s="92"/>
      <c r="AN4962" s="92"/>
      <c r="AO4962" s="92"/>
      <c r="AP4962" s="92"/>
      <c r="AQ4962" s="92"/>
      <c r="AR4962" s="92"/>
      <c r="AS4962" s="92"/>
      <c r="AT4962" s="92"/>
      <c r="AU4962" s="92"/>
      <c r="AV4962" s="92"/>
      <c r="AW4962" s="92"/>
      <c r="AX4962" s="92"/>
      <c r="AY4962" s="92"/>
      <c r="AZ4962" s="93"/>
      <c r="BA4962" s="93"/>
      <c r="BB4962" s="93"/>
      <c r="BC4962" s="93"/>
      <c r="BD4962" s="93"/>
      <c r="BE4962" s="93"/>
      <c r="BF4962" s="93"/>
      <c r="BG4962" s="93"/>
      <c r="BH4962" s="93"/>
      <c r="BI4962" s="93"/>
      <c r="BJ4962" s="93"/>
      <c r="BK4962" s="93"/>
      <c r="BL4962" s="93"/>
    </row>
    <row r="4963" spans="2:64" x14ac:dyDescent="0.2">
      <c r="B4963" s="43"/>
      <c r="C4963" s="73"/>
      <c r="D4963" s="64"/>
      <c r="E4963" s="55"/>
      <c r="F4963" s="74"/>
      <c r="G4963" s="74"/>
      <c r="H4963" s="74"/>
      <c r="I4963" s="75"/>
      <c r="J4963" s="74"/>
      <c r="L4963" s="55"/>
      <c r="M4963" s="234"/>
      <c r="N4963" s="65"/>
      <c r="O4963" s="76"/>
      <c r="P4963" s="76"/>
      <c r="Q4963" s="65"/>
      <c r="R4963" s="76"/>
      <c r="S4963" s="76"/>
      <c r="T4963" s="76"/>
      <c r="U4963" s="76"/>
      <c r="V4963" s="76"/>
      <c r="W4963" s="76"/>
      <c r="X4963" s="76"/>
      <c r="Y4963" s="76"/>
      <c r="Z4963" s="76"/>
      <c r="AA4963" s="85"/>
      <c r="AB4963" s="85"/>
      <c r="AC4963" s="85"/>
      <c r="AD4963" s="85"/>
      <c r="AE4963" s="85"/>
      <c r="AF4963" s="85"/>
      <c r="AG4963" s="86"/>
      <c r="AH4963" s="85"/>
      <c r="AI4963" s="85"/>
      <c r="AJ4963" s="85"/>
      <c r="AK4963" s="85"/>
      <c r="AL4963" s="85"/>
      <c r="AM4963" s="92"/>
      <c r="AN4963" s="92"/>
      <c r="AO4963" s="92"/>
      <c r="AP4963" s="92"/>
      <c r="AQ4963" s="92"/>
      <c r="AR4963" s="92"/>
      <c r="AS4963" s="92"/>
      <c r="AT4963" s="92"/>
      <c r="AU4963" s="92"/>
      <c r="AV4963" s="92"/>
      <c r="AW4963" s="92"/>
      <c r="AX4963" s="92"/>
      <c r="AY4963" s="92"/>
      <c r="AZ4963" s="93"/>
      <c r="BA4963" s="93"/>
      <c r="BB4963" s="93"/>
      <c r="BC4963" s="93"/>
      <c r="BD4963" s="93"/>
      <c r="BE4963" s="93"/>
      <c r="BF4963" s="93"/>
      <c r="BG4963" s="93"/>
      <c r="BH4963" s="93"/>
      <c r="BI4963" s="93"/>
      <c r="BJ4963" s="93"/>
      <c r="BK4963" s="93"/>
      <c r="BL4963" s="93"/>
    </row>
    <row r="4964" spans="2:64" x14ac:dyDescent="0.2">
      <c r="B4964" s="43"/>
      <c r="C4964" s="73"/>
      <c r="D4964" s="64"/>
      <c r="E4964" s="55"/>
      <c r="F4964" s="74"/>
      <c r="G4964" s="74"/>
      <c r="H4964" s="74"/>
      <c r="I4964" s="75"/>
      <c r="J4964" s="74"/>
      <c r="L4964" s="55"/>
      <c r="M4964" s="234"/>
      <c r="N4964" s="65"/>
      <c r="O4964" s="76"/>
      <c r="P4964" s="76"/>
      <c r="Q4964" s="65"/>
      <c r="R4964" s="76"/>
      <c r="S4964" s="76"/>
      <c r="T4964" s="76"/>
      <c r="U4964" s="76"/>
      <c r="V4964" s="76"/>
      <c r="W4964" s="76"/>
      <c r="X4964" s="76"/>
      <c r="Y4964" s="76"/>
      <c r="Z4964" s="76"/>
      <c r="AA4964" s="85"/>
      <c r="AB4964" s="85"/>
      <c r="AC4964" s="85"/>
      <c r="AD4964" s="85"/>
      <c r="AE4964" s="85"/>
      <c r="AF4964" s="85"/>
      <c r="AG4964" s="86"/>
      <c r="AH4964" s="85"/>
      <c r="AI4964" s="85"/>
      <c r="AJ4964" s="85"/>
      <c r="AK4964" s="85"/>
      <c r="AL4964" s="85"/>
      <c r="AM4964" s="92"/>
      <c r="AN4964" s="92"/>
      <c r="AO4964" s="92"/>
      <c r="AP4964" s="92"/>
      <c r="AQ4964" s="92"/>
      <c r="AR4964" s="92"/>
      <c r="AS4964" s="92"/>
      <c r="AT4964" s="92"/>
      <c r="AU4964" s="92"/>
      <c r="AV4964" s="92"/>
      <c r="AW4964" s="92"/>
      <c r="AX4964" s="92"/>
      <c r="AY4964" s="92"/>
      <c r="AZ4964" s="93"/>
      <c r="BA4964" s="93"/>
      <c r="BB4964" s="93"/>
      <c r="BC4964" s="93"/>
      <c r="BD4964" s="93"/>
      <c r="BE4964" s="93"/>
      <c r="BF4964" s="93"/>
      <c r="BG4964" s="93"/>
      <c r="BH4964" s="93"/>
      <c r="BI4964" s="93"/>
      <c r="BJ4964" s="93"/>
      <c r="BK4964" s="93"/>
      <c r="BL4964" s="93"/>
    </row>
    <row r="4965" spans="2:64" x14ac:dyDescent="0.2">
      <c r="B4965" s="43"/>
      <c r="C4965" s="73"/>
      <c r="D4965" s="64"/>
      <c r="E4965" s="55"/>
      <c r="F4965" s="74"/>
      <c r="G4965" s="74"/>
      <c r="H4965" s="74"/>
      <c r="I4965" s="75"/>
      <c r="J4965" s="74"/>
      <c r="L4965" s="55"/>
      <c r="M4965" s="234"/>
      <c r="N4965" s="65"/>
      <c r="O4965" s="76"/>
      <c r="P4965" s="76"/>
      <c r="Q4965" s="65"/>
      <c r="R4965" s="76"/>
      <c r="S4965" s="76"/>
      <c r="T4965" s="76"/>
      <c r="U4965" s="76"/>
      <c r="V4965" s="76"/>
      <c r="W4965" s="76"/>
      <c r="X4965" s="76"/>
      <c r="Y4965" s="76"/>
      <c r="Z4965" s="76"/>
      <c r="AA4965" s="85"/>
      <c r="AB4965" s="85"/>
      <c r="AC4965" s="85"/>
      <c r="AD4965" s="85"/>
      <c r="AE4965" s="85"/>
      <c r="AF4965" s="85"/>
      <c r="AG4965" s="86"/>
      <c r="AH4965" s="85"/>
      <c r="AI4965" s="85"/>
      <c r="AJ4965" s="85"/>
      <c r="AK4965" s="85"/>
      <c r="AL4965" s="85"/>
      <c r="AM4965" s="92"/>
      <c r="AN4965" s="92"/>
      <c r="AO4965" s="92"/>
      <c r="AP4965" s="92"/>
      <c r="AQ4965" s="92"/>
      <c r="AR4965" s="92"/>
      <c r="AS4965" s="92"/>
      <c r="AT4965" s="92"/>
      <c r="AU4965" s="92"/>
      <c r="AV4965" s="92"/>
      <c r="AW4965" s="92"/>
      <c r="AX4965" s="92"/>
      <c r="AY4965" s="92"/>
      <c r="AZ4965" s="93"/>
      <c r="BA4965" s="93"/>
      <c r="BB4965" s="93"/>
      <c r="BC4965" s="93"/>
      <c r="BD4965" s="93"/>
      <c r="BE4965" s="93"/>
      <c r="BF4965" s="93"/>
      <c r="BG4965" s="93"/>
      <c r="BH4965" s="93"/>
      <c r="BI4965" s="93"/>
      <c r="BJ4965" s="93"/>
      <c r="BK4965" s="93"/>
      <c r="BL4965" s="93"/>
    </row>
    <row r="4966" spans="2:64" x14ac:dyDescent="0.2">
      <c r="B4966" s="43"/>
      <c r="C4966" s="73"/>
      <c r="D4966" s="64"/>
      <c r="E4966" s="55"/>
      <c r="F4966" s="74"/>
      <c r="G4966" s="74"/>
      <c r="H4966" s="74"/>
      <c r="I4966" s="75"/>
      <c r="J4966" s="74"/>
      <c r="L4966" s="55"/>
      <c r="M4966" s="234"/>
      <c r="N4966" s="65"/>
      <c r="O4966" s="76"/>
      <c r="P4966" s="76"/>
      <c r="Q4966" s="65"/>
      <c r="R4966" s="76"/>
      <c r="S4966" s="76"/>
      <c r="T4966" s="76"/>
      <c r="U4966" s="76"/>
      <c r="V4966" s="76"/>
      <c r="W4966" s="76"/>
      <c r="X4966" s="76"/>
      <c r="Y4966" s="76"/>
      <c r="Z4966" s="76"/>
      <c r="AA4966" s="85"/>
      <c r="AB4966" s="85"/>
      <c r="AC4966" s="85"/>
      <c r="AD4966" s="85"/>
      <c r="AE4966" s="85"/>
      <c r="AF4966" s="85"/>
      <c r="AG4966" s="86"/>
      <c r="AH4966" s="85"/>
      <c r="AI4966" s="85"/>
      <c r="AJ4966" s="85"/>
      <c r="AK4966" s="85"/>
      <c r="AL4966" s="85"/>
      <c r="AM4966" s="92"/>
      <c r="AN4966" s="92"/>
      <c r="AO4966" s="92"/>
      <c r="AP4966" s="92"/>
      <c r="AQ4966" s="92"/>
      <c r="AR4966" s="92"/>
      <c r="AS4966" s="92"/>
      <c r="AT4966" s="92"/>
      <c r="AU4966" s="92"/>
      <c r="AV4966" s="92"/>
      <c r="AW4966" s="92"/>
      <c r="AX4966" s="92"/>
      <c r="AY4966" s="92"/>
      <c r="AZ4966" s="93"/>
      <c r="BA4966" s="93"/>
      <c r="BB4966" s="93"/>
      <c r="BC4966" s="93"/>
      <c r="BD4966" s="93"/>
      <c r="BE4966" s="93"/>
      <c r="BF4966" s="93"/>
      <c r="BG4966" s="93"/>
      <c r="BH4966" s="93"/>
      <c r="BI4966" s="93"/>
      <c r="BJ4966" s="93"/>
      <c r="BK4966" s="93"/>
      <c r="BL4966" s="93"/>
    </row>
    <row r="4967" spans="2:64" x14ac:dyDescent="0.2">
      <c r="B4967" s="43"/>
      <c r="C4967" s="73"/>
      <c r="D4967" s="64"/>
      <c r="E4967" s="55"/>
      <c r="F4967" s="74"/>
      <c r="G4967" s="74"/>
      <c r="H4967" s="74"/>
      <c r="I4967" s="75"/>
      <c r="J4967" s="74"/>
      <c r="L4967" s="55"/>
      <c r="M4967" s="234"/>
      <c r="N4967" s="65"/>
      <c r="O4967" s="76"/>
      <c r="P4967" s="76"/>
      <c r="Q4967" s="65"/>
      <c r="R4967" s="76"/>
      <c r="S4967" s="76"/>
      <c r="T4967" s="76"/>
      <c r="U4967" s="76"/>
      <c r="V4967" s="76"/>
      <c r="W4967" s="76"/>
      <c r="X4967" s="76"/>
      <c r="Y4967" s="76"/>
      <c r="Z4967" s="76"/>
      <c r="AA4967" s="85"/>
      <c r="AB4967" s="85"/>
      <c r="AC4967" s="85"/>
      <c r="AD4967" s="85"/>
      <c r="AE4967" s="85"/>
      <c r="AF4967" s="85"/>
      <c r="AG4967" s="86"/>
      <c r="AH4967" s="85"/>
      <c r="AI4967" s="85"/>
      <c r="AJ4967" s="85"/>
      <c r="AK4967" s="85"/>
      <c r="AL4967" s="85"/>
      <c r="AM4967" s="92"/>
      <c r="AN4967" s="92"/>
      <c r="AO4967" s="92"/>
      <c r="AP4967" s="92"/>
      <c r="AQ4967" s="92"/>
      <c r="AR4967" s="92"/>
      <c r="AS4967" s="92"/>
      <c r="AT4967" s="92"/>
      <c r="AU4967" s="92"/>
      <c r="AV4967" s="92"/>
      <c r="AW4967" s="92"/>
      <c r="AX4967" s="92"/>
      <c r="AY4967" s="92"/>
      <c r="AZ4967" s="93"/>
      <c r="BA4967" s="93"/>
      <c r="BB4967" s="93"/>
      <c r="BC4967" s="93"/>
      <c r="BD4967" s="93"/>
      <c r="BE4967" s="93"/>
      <c r="BF4967" s="93"/>
      <c r="BG4967" s="93"/>
      <c r="BH4967" s="93"/>
      <c r="BI4967" s="93"/>
      <c r="BJ4967" s="93"/>
      <c r="BK4967" s="93"/>
      <c r="BL4967" s="93"/>
    </row>
    <row r="4968" spans="2:64" x14ac:dyDescent="0.2">
      <c r="B4968" s="43"/>
      <c r="C4968" s="73"/>
      <c r="D4968" s="64"/>
      <c r="E4968" s="55"/>
      <c r="F4968" s="74"/>
      <c r="G4968" s="74"/>
      <c r="H4968" s="74"/>
      <c r="I4968" s="75"/>
      <c r="J4968" s="74"/>
      <c r="L4968" s="55"/>
      <c r="M4968" s="234"/>
      <c r="N4968" s="65"/>
      <c r="O4968" s="76"/>
      <c r="P4968" s="76"/>
      <c r="Q4968" s="65"/>
      <c r="R4968" s="76"/>
      <c r="S4968" s="76"/>
      <c r="T4968" s="76"/>
      <c r="U4968" s="76"/>
      <c r="V4968" s="76"/>
      <c r="W4968" s="76"/>
      <c r="X4968" s="76"/>
      <c r="Y4968" s="76"/>
      <c r="Z4968" s="76"/>
      <c r="AA4968" s="85"/>
      <c r="AB4968" s="85"/>
      <c r="AC4968" s="85"/>
      <c r="AD4968" s="85"/>
      <c r="AE4968" s="85"/>
      <c r="AF4968" s="85"/>
      <c r="AG4968" s="86"/>
      <c r="AH4968" s="85"/>
      <c r="AI4968" s="85"/>
      <c r="AJ4968" s="85"/>
      <c r="AK4968" s="85"/>
      <c r="AL4968" s="85"/>
      <c r="AM4968" s="92"/>
      <c r="AN4968" s="92"/>
      <c r="AO4968" s="92"/>
      <c r="AP4968" s="92"/>
      <c r="AQ4968" s="92"/>
      <c r="AR4968" s="92"/>
      <c r="AS4968" s="92"/>
      <c r="AT4968" s="92"/>
      <c r="AU4968" s="92"/>
      <c r="AV4968" s="92"/>
      <c r="AW4968" s="92"/>
      <c r="AX4968" s="92"/>
      <c r="AY4968" s="92"/>
      <c r="AZ4968" s="93"/>
      <c r="BA4968" s="93"/>
      <c r="BB4968" s="93"/>
      <c r="BC4968" s="93"/>
      <c r="BD4968" s="93"/>
      <c r="BE4968" s="93"/>
      <c r="BF4968" s="93"/>
      <c r="BG4968" s="93"/>
      <c r="BH4968" s="93"/>
      <c r="BI4968" s="93"/>
      <c r="BJ4968" s="93"/>
      <c r="BK4968" s="93"/>
      <c r="BL4968" s="93"/>
    </row>
    <row r="4969" spans="2:64" x14ac:dyDescent="0.2">
      <c r="B4969" s="43"/>
      <c r="C4969" s="73"/>
      <c r="D4969" s="64"/>
      <c r="E4969" s="55"/>
      <c r="F4969" s="74"/>
      <c r="G4969" s="74"/>
      <c r="H4969" s="74"/>
      <c r="I4969" s="75"/>
      <c r="J4969" s="74"/>
      <c r="L4969" s="55"/>
      <c r="M4969" s="234"/>
      <c r="N4969" s="65"/>
      <c r="O4969" s="76"/>
      <c r="P4969" s="76"/>
      <c r="Q4969" s="65"/>
      <c r="R4969" s="76"/>
      <c r="S4969" s="76"/>
      <c r="T4969" s="76"/>
      <c r="U4969" s="76"/>
      <c r="V4969" s="76"/>
      <c r="W4969" s="76"/>
      <c r="X4969" s="76"/>
      <c r="Y4969" s="76"/>
      <c r="Z4969" s="76"/>
      <c r="AA4969" s="85"/>
      <c r="AB4969" s="85"/>
      <c r="AC4969" s="85"/>
      <c r="AD4969" s="85"/>
      <c r="AE4969" s="85"/>
      <c r="AF4969" s="85"/>
      <c r="AG4969" s="86"/>
      <c r="AH4969" s="85"/>
      <c r="AI4969" s="85"/>
      <c r="AJ4969" s="85"/>
      <c r="AK4969" s="85"/>
      <c r="AL4969" s="85"/>
      <c r="AM4969" s="92"/>
      <c r="AN4969" s="92"/>
      <c r="AO4969" s="92"/>
      <c r="AP4969" s="92"/>
      <c r="AQ4969" s="92"/>
      <c r="AR4969" s="92"/>
      <c r="AS4969" s="92"/>
      <c r="AT4969" s="92"/>
      <c r="AU4969" s="92"/>
      <c r="AV4969" s="92"/>
      <c r="AW4969" s="92"/>
      <c r="AX4969" s="92"/>
      <c r="AY4969" s="92"/>
      <c r="AZ4969" s="93"/>
      <c r="BA4969" s="93"/>
      <c r="BB4969" s="93"/>
      <c r="BC4969" s="93"/>
      <c r="BD4969" s="93"/>
      <c r="BE4969" s="93"/>
      <c r="BF4969" s="93"/>
      <c r="BG4969" s="93"/>
      <c r="BH4969" s="93"/>
      <c r="BI4969" s="93"/>
      <c r="BJ4969" s="93"/>
      <c r="BK4969" s="93"/>
      <c r="BL4969" s="93"/>
    </row>
    <row r="4970" spans="2:64" x14ac:dyDescent="0.2">
      <c r="B4970" s="43"/>
      <c r="C4970" s="73"/>
      <c r="D4970" s="64"/>
      <c r="E4970" s="55"/>
      <c r="F4970" s="74"/>
      <c r="G4970" s="74"/>
      <c r="H4970" s="74"/>
      <c r="I4970" s="75"/>
      <c r="J4970" s="74"/>
      <c r="L4970" s="55"/>
      <c r="M4970" s="234"/>
      <c r="N4970" s="65"/>
      <c r="O4970" s="76"/>
      <c r="P4970" s="76"/>
      <c r="Q4970" s="65"/>
      <c r="R4970" s="76"/>
      <c r="S4970" s="76"/>
      <c r="T4970" s="76"/>
      <c r="U4970" s="76"/>
      <c r="V4970" s="76"/>
      <c r="W4970" s="76"/>
      <c r="X4970" s="76"/>
      <c r="Y4970" s="76"/>
      <c r="Z4970" s="76"/>
      <c r="AA4970" s="85"/>
      <c r="AB4970" s="85"/>
      <c r="AC4970" s="85"/>
      <c r="AD4970" s="85"/>
      <c r="AE4970" s="85"/>
      <c r="AF4970" s="85"/>
      <c r="AG4970" s="86"/>
      <c r="AH4970" s="85"/>
      <c r="AI4970" s="85"/>
      <c r="AJ4970" s="85"/>
      <c r="AK4970" s="85"/>
      <c r="AL4970" s="85"/>
      <c r="AM4970" s="92"/>
      <c r="AN4970" s="92"/>
      <c r="AO4970" s="92"/>
      <c r="AP4970" s="92"/>
      <c r="AQ4970" s="92"/>
      <c r="AR4970" s="92"/>
      <c r="AS4970" s="92"/>
      <c r="AT4970" s="92"/>
      <c r="AU4970" s="92"/>
      <c r="AV4970" s="92"/>
      <c r="AW4970" s="92"/>
      <c r="AX4970" s="92"/>
      <c r="AY4970" s="92"/>
      <c r="AZ4970" s="93"/>
      <c r="BA4970" s="93"/>
      <c r="BB4970" s="93"/>
      <c r="BC4970" s="93"/>
      <c r="BD4970" s="93"/>
      <c r="BE4970" s="93"/>
      <c r="BF4970" s="93"/>
      <c r="BG4970" s="93"/>
      <c r="BH4970" s="93"/>
      <c r="BI4970" s="93"/>
      <c r="BJ4970" s="93"/>
      <c r="BK4970" s="93"/>
      <c r="BL4970" s="93"/>
    </row>
    <row r="4971" spans="2:64" x14ac:dyDescent="0.2">
      <c r="B4971" s="43"/>
      <c r="C4971" s="73"/>
      <c r="D4971" s="64"/>
      <c r="E4971" s="55"/>
      <c r="F4971" s="74"/>
      <c r="G4971" s="74"/>
      <c r="H4971" s="74"/>
      <c r="I4971" s="75"/>
      <c r="J4971" s="74"/>
      <c r="L4971" s="55"/>
      <c r="M4971" s="234"/>
      <c r="N4971" s="65"/>
      <c r="O4971" s="76"/>
      <c r="P4971" s="76"/>
      <c r="Q4971" s="65"/>
      <c r="R4971" s="76"/>
      <c r="S4971" s="76"/>
      <c r="T4971" s="76"/>
      <c r="U4971" s="76"/>
      <c r="V4971" s="76"/>
      <c r="W4971" s="76"/>
      <c r="X4971" s="76"/>
      <c r="Y4971" s="76"/>
      <c r="Z4971" s="76"/>
      <c r="AA4971" s="85"/>
      <c r="AB4971" s="85"/>
      <c r="AC4971" s="85"/>
      <c r="AD4971" s="85"/>
      <c r="AE4971" s="85"/>
      <c r="AF4971" s="85"/>
      <c r="AG4971" s="86"/>
      <c r="AH4971" s="85"/>
      <c r="AI4971" s="85"/>
      <c r="AJ4971" s="85"/>
      <c r="AK4971" s="85"/>
      <c r="AL4971" s="85"/>
      <c r="AM4971" s="92"/>
      <c r="AN4971" s="92"/>
      <c r="AO4971" s="92"/>
      <c r="AP4971" s="92"/>
      <c r="AQ4971" s="92"/>
      <c r="AR4971" s="92"/>
      <c r="AS4971" s="92"/>
      <c r="AT4971" s="92"/>
      <c r="AU4971" s="92"/>
      <c r="AV4971" s="92"/>
      <c r="AW4971" s="92"/>
      <c r="AX4971" s="92"/>
      <c r="AY4971" s="92"/>
      <c r="AZ4971" s="93"/>
      <c r="BA4971" s="93"/>
      <c r="BB4971" s="93"/>
      <c r="BC4971" s="93"/>
      <c r="BD4971" s="93"/>
      <c r="BE4971" s="93"/>
      <c r="BF4971" s="93"/>
      <c r="BG4971" s="93"/>
      <c r="BH4971" s="93"/>
      <c r="BI4971" s="93"/>
      <c r="BJ4971" s="93"/>
      <c r="BK4971" s="93"/>
      <c r="BL4971" s="93"/>
    </row>
    <row r="4972" spans="2:64" x14ac:dyDescent="0.2">
      <c r="B4972" s="43"/>
      <c r="C4972" s="73"/>
      <c r="D4972" s="64"/>
      <c r="E4972" s="55"/>
      <c r="F4972" s="74"/>
      <c r="G4972" s="74"/>
      <c r="H4972" s="74"/>
      <c r="I4972" s="75"/>
      <c r="J4972" s="74"/>
      <c r="L4972" s="55"/>
      <c r="M4972" s="234"/>
      <c r="N4972" s="65"/>
      <c r="O4972" s="76"/>
      <c r="P4972" s="76"/>
      <c r="Q4972" s="65"/>
      <c r="R4972" s="76"/>
      <c r="S4972" s="76"/>
      <c r="T4972" s="76"/>
      <c r="U4972" s="76"/>
      <c r="V4972" s="76"/>
      <c r="W4972" s="76"/>
      <c r="X4972" s="76"/>
      <c r="Y4972" s="76"/>
      <c r="Z4972" s="76"/>
      <c r="AA4972" s="85"/>
      <c r="AB4972" s="85"/>
      <c r="AC4972" s="85"/>
      <c r="AD4972" s="85"/>
      <c r="AE4972" s="85"/>
      <c r="AF4972" s="85"/>
      <c r="AG4972" s="86"/>
      <c r="AH4972" s="85"/>
      <c r="AI4972" s="85"/>
      <c r="AJ4972" s="85"/>
      <c r="AK4972" s="85"/>
      <c r="AL4972" s="85"/>
      <c r="AM4972" s="92"/>
      <c r="AN4972" s="92"/>
      <c r="AO4972" s="92"/>
      <c r="AP4972" s="92"/>
      <c r="AQ4972" s="92"/>
      <c r="AR4972" s="92"/>
      <c r="AS4972" s="92"/>
      <c r="AT4972" s="92"/>
      <c r="AU4972" s="92"/>
      <c r="AV4972" s="92"/>
      <c r="AW4972" s="92"/>
      <c r="AX4972" s="92"/>
      <c r="AY4972" s="92"/>
      <c r="AZ4972" s="93"/>
      <c r="BA4972" s="93"/>
      <c r="BB4972" s="93"/>
      <c r="BC4972" s="93"/>
      <c r="BD4972" s="93"/>
      <c r="BE4972" s="93"/>
      <c r="BF4972" s="93"/>
      <c r="BG4972" s="93"/>
      <c r="BH4972" s="93"/>
      <c r="BI4972" s="93"/>
      <c r="BJ4972" s="93"/>
      <c r="BK4972" s="93"/>
      <c r="BL4972" s="93"/>
    </row>
    <row r="4973" spans="2:64" x14ac:dyDescent="0.2">
      <c r="B4973" s="43"/>
      <c r="C4973" s="73"/>
      <c r="D4973" s="64"/>
      <c r="E4973" s="55"/>
      <c r="F4973" s="74"/>
      <c r="G4973" s="74"/>
      <c r="H4973" s="74"/>
      <c r="I4973" s="75"/>
      <c r="J4973" s="74"/>
      <c r="L4973" s="55"/>
      <c r="M4973" s="234"/>
      <c r="N4973" s="65"/>
      <c r="O4973" s="76"/>
      <c r="P4973" s="76"/>
      <c r="Q4973" s="65"/>
      <c r="R4973" s="76"/>
      <c r="S4973" s="76"/>
      <c r="T4973" s="76"/>
      <c r="U4973" s="76"/>
      <c r="V4973" s="76"/>
      <c r="W4973" s="76"/>
      <c r="X4973" s="76"/>
      <c r="Y4973" s="76"/>
      <c r="Z4973" s="76"/>
      <c r="AA4973" s="85"/>
      <c r="AB4973" s="85"/>
      <c r="AC4973" s="85"/>
      <c r="AD4973" s="85"/>
      <c r="AE4973" s="85"/>
      <c r="AF4973" s="85"/>
      <c r="AG4973" s="86"/>
      <c r="AH4973" s="85"/>
      <c r="AI4973" s="85"/>
      <c r="AJ4973" s="85"/>
      <c r="AK4973" s="85"/>
      <c r="AL4973" s="85"/>
      <c r="AM4973" s="92"/>
      <c r="AN4973" s="92"/>
      <c r="AO4973" s="92"/>
      <c r="AP4973" s="92"/>
      <c r="AQ4973" s="92"/>
      <c r="AR4973" s="92"/>
      <c r="AS4973" s="92"/>
      <c r="AT4973" s="92"/>
      <c r="AU4973" s="92"/>
      <c r="AV4973" s="92"/>
      <c r="AW4973" s="92"/>
      <c r="AX4973" s="92"/>
      <c r="AY4973" s="92"/>
      <c r="AZ4973" s="93"/>
      <c r="BA4973" s="93"/>
      <c r="BB4973" s="93"/>
      <c r="BC4973" s="93"/>
      <c r="BD4973" s="93"/>
      <c r="BE4973" s="93"/>
      <c r="BF4973" s="93"/>
      <c r="BG4973" s="93"/>
      <c r="BH4973" s="93"/>
      <c r="BI4973" s="93"/>
      <c r="BJ4973" s="93"/>
      <c r="BK4973" s="93"/>
      <c r="BL4973" s="93"/>
    </row>
    <row r="4974" spans="2:64" x14ac:dyDescent="0.2">
      <c r="B4974" s="43"/>
      <c r="C4974" s="73"/>
      <c r="D4974" s="64"/>
      <c r="E4974" s="55"/>
      <c r="F4974" s="74"/>
      <c r="G4974" s="74"/>
      <c r="H4974" s="74"/>
      <c r="I4974" s="75"/>
      <c r="J4974" s="74"/>
      <c r="L4974" s="55"/>
      <c r="M4974" s="234"/>
      <c r="N4974" s="65"/>
      <c r="O4974" s="76"/>
      <c r="P4974" s="76"/>
      <c r="Q4974" s="65"/>
      <c r="R4974" s="76"/>
      <c r="S4974" s="76"/>
      <c r="T4974" s="76"/>
      <c r="U4974" s="76"/>
      <c r="V4974" s="76"/>
      <c r="W4974" s="76"/>
      <c r="X4974" s="76"/>
      <c r="Y4974" s="76"/>
      <c r="Z4974" s="76"/>
      <c r="AA4974" s="85"/>
      <c r="AB4974" s="85"/>
      <c r="AC4974" s="85"/>
      <c r="AD4974" s="85"/>
      <c r="AE4974" s="85"/>
      <c r="AF4974" s="85"/>
      <c r="AG4974" s="86"/>
      <c r="AH4974" s="85"/>
      <c r="AI4974" s="85"/>
      <c r="AJ4974" s="85"/>
      <c r="AK4974" s="85"/>
      <c r="AL4974" s="85"/>
      <c r="AM4974" s="92"/>
      <c r="AN4974" s="92"/>
      <c r="AO4974" s="92"/>
      <c r="AP4974" s="92"/>
      <c r="AQ4974" s="92"/>
      <c r="AR4974" s="92"/>
      <c r="AS4974" s="92"/>
      <c r="AT4974" s="92"/>
      <c r="AU4974" s="92"/>
      <c r="AV4974" s="92"/>
      <c r="AW4974" s="92"/>
      <c r="AX4974" s="92"/>
      <c r="AY4974" s="92"/>
      <c r="AZ4974" s="93"/>
      <c r="BA4974" s="93"/>
      <c r="BB4974" s="93"/>
      <c r="BC4974" s="93"/>
      <c r="BD4974" s="93"/>
      <c r="BE4974" s="93"/>
      <c r="BF4974" s="93"/>
      <c r="BG4974" s="93"/>
      <c r="BH4974" s="93"/>
      <c r="BI4974" s="93"/>
      <c r="BJ4974" s="93"/>
      <c r="BK4974" s="93"/>
      <c r="BL4974" s="93"/>
    </row>
    <row r="4975" spans="2:64" x14ac:dyDescent="0.2">
      <c r="B4975" s="43"/>
      <c r="C4975" s="73"/>
      <c r="D4975" s="64"/>
      <c r="E4975" s="55"/>
      <c r="F4975" s="74"/>
      <c r="G4975" s="74"/>
      <c r="H4975" s="74"/>
      <c r="I4975" s="75"/>
      <c r="J4975" s="74"/>
      <c r="L4975" s="55"/>
      <c r="M4975" s="234"/>
      <c r="N4975" s="65"/>
      <c r="O4975" s="76"/>
      <c r="P4975" s="76"/>
      <c r="Q4975" s="65"/>
      <c r="R4975" s="76"/>
      <c r="S4975" s="76"/>
      <c r="T4975" s="76"/>
      <c r="U4975" s="76"/>
      <c r="V4975" s="76"/>
      <c r="W4975" s="76"/>
      <c r="X4975" s="76"/>
      <c r="Y4975" s="76"/>
      <c r="Z4975" s="76"/>
      <c r="AA4975" s="85"/>
      <c r="AB4975" s="85"/>
      <c r="AC4975" s="85"/>
      <c r="AD4975" s="85"/>
      <c r="AE4975" s="85"/>
      <c r="AF4975" s="85"/>
      <c r="AG4975" s="86"/>
      <c r="AH4975" s="85"/>
      <c r="AI4975" s="85"/>
      <c r="AJ4975" s="85"/>
      <c r="AK4975" s="85"/>
      <c r="AL4975" s="85"/>
      <c r="AM4975" s="92"/>
      <c r="AN4975" s="92"/>
      <c r="AO4975" s="92"/>
      <c r="AP4975" s="92"/>
      <c r="AQ4975" s="92"/>
      <c r="AR4975" s="92"/>
      <c r="AS4975" s="92"/>
      <c r="AT4975" s="92"/>
      <c r="AU4975" s="92"/>
      <c r="AV4975" s="92"/>
      <c r="AW4975" s="92"/>
      <c r="AX4975" s="92"/>
      <c r="AY4975" s="92"/>
      <c r="AZ4975" s="93"/>
      <c r="BA4975" s="93"/>
      <c r="BB4975" s="93"/>
      <c r="BC4975" s="93"/>
      <c r="BD4975" s="93"/>
      <c r="BE4975" s="93"/>
      <c r="BF4975" s="93"/>
      <c r="BG4975" s="93"/>
      <c r="BH4975" s="93"/>
      <c r="BI4975" s="93"/>
      <c r="BJ4975" s="93"/>
      <c r="BK4975" s="93"/>
      <c r="BL4975" s="93"/>
    </row>
    <row r="4976" spans="2:64" x14ac:dyDescent="0.2">
      <c r="B4976" s="43"/>
      <c r="C4976" s="73"/>
      <c r="D4976" s="64"/>
      <c r="E4976" s="55"/>
      <c r="F4976" s="74"/>
      <c r="G4976" s="74"/>
      <c r="H4976" s="74"/>
      <c r="I4976" s="75"/>
      <c r="J4976" s="74"/>
      <c r="L4976" s="55"/>
      <c r="M4976" s="234"/>
      <c r="N4976" s="65"/>
      <c r="O4976" s="76"/>
      <c r="P4976" s="76"/>
      <c r="Q4976" s="65"/>
      <c r="R4976" s="76"/>
      <c r="S4976" s="76"/>
      <c r="T4976" s="76"/>
      <c r="U4976" s="76"/>
      <c r="V4976" s="76"/>
      <c r="W4976" s="76"/>
      <c r="X4976" s="76"/>
      <c r="Y4976" s="76"/>
      <c r="Z4976" s="76"/>
      <c r="AA4976" s="85"/>
      <c r="AB4976" s="85"/>
      <c r="AC4976" s="85"/>
      <c r="AD4976" s="85"/>
      <c r="AE4976" s="85"/>
      <c r="AF4976" s="85"/>
      <c r="AG4976" s="86"/>
      <c r="AH4976" s="85"/>
      <c r="AI4976" s="85"/>
      <c r="AJ4976" s="85"/>
      <c r="AK4976" s="85"/>
      <c r="AL4976" s="85"/>
      <c r="AM4976" s="92"/>
      <c r="AN4976" s="92"/>
      <c r="AO4976" s="92"/>
      <c r="AP4976" s="92"/>
      <c r="AQ4976" s="92"/>
      <c r="AR4976" s="92"/>
      <c r="AS4976" s="92"/>
      <c r="AT4976" s="92"/>
      <c r="AU4976" s="92"/>
      <c r="AV4976" s="92"/>
      <c r="AW4976" s="92"/>
      <c r="AX4976" s="92"/>
      <c r="AY4976" s="92"/>
      <c r="AZ4976" s="93"/>
      <c r="BA4976" s="93"/>
      <c r="BB4976" s="93"/>
      <c r="BC4976" s="93"/>
      <c r="BD4976" s="93"/>
      <c r="BE4976" s="93"/>
      <c r="BF4976" s="93"/>
      <c r="BG4976" s="93"/>
      <c r="BH4976" s="93"/>
      <c r="BI4976" s="93"/>
      <c r="BJ4976" s="93"/>
      <c r="BK4976" s="93"/>
      <c r="BL4976" s="93"/>
    </row>
    <row r="4977" spans="2:64" x14ac:dyDescent="0.2">
      <c r="B4977" s="43"/>
      <c r="C4977" s="73"/>
      <c r="D4977" s="64"/>
      <c r="E4977" s="55"/>
      <c r="F4977" s="74"/>
      <c r="G4977" s="74"/>
      <c r="H4977" s="74"/>
      <c r="I4977" s="75"/>
      <c r="J4977" s="74"/>
      <c r="L4977" s="55"/>
      <c r="M4977" s="234"/>
      <c r="N4977" s="65"/>
      <c r="O4977" s="76"/>
      <c r="P4977" s="76"/>
      <c r="Q4977" s="65"/>
      <c r="R4977" s="76"/>
      <c r="S4977" s="76"/>
      <c r="T4977" s="76"/>
      <c r="U4977" s="76"/>
      <c r="V4977" s="76"/>
      <c r="W4977" s="76"/>
      <c r="X4977" s="76"/>
      <c r="Y4977" s="76"/>
      <c r="Z4977" s="76"/>
      <c r="AA4977" s="85"/>
      <c r="AB4977" s="85"/>
      <c r="AC4977" s="85"/>
      <c r="AD4977" s="85"/>
      <c r="AE4977" s="85"/>
      <c r="AF4977" s="85"/>
      <c r="AG4977" s="86"/>
      <c r="AH4977" s="85"/>
      <c r="AI4977" s="85"/>
      <c r="AJ4977" s="85"/>
      <c r="AK4977" s="85"/>
      <c r="AL4977" s="85"/>
      <c r="AM4977" s="92"/>
      <c r="AN4977" s="92"/>
      <c r="AO4977" s="92"/>
      <c r="AP4977" s="92"/>
      <c r="AQ4977" s="92"/>
      <c r="AR4977" s="92"/>
      <c r="AS4977" s="92"/>
      <c r="AT4977" s="92"/>
      <c r="AU4977" s="92"/>
      <c r="AV4977" s="92"/>
      <c r="AW4977" s="92"/>
      <c r="AX4977" s="92"/>
      <c r="AY4977" s="92"/>
      <c r="AZ4977" s="93"/>
      <c r="BA4977" s="93"/>
      <c r="BB4977" s="93"/>
      <c r="BC4977" s="93"/>
      <c r="BD4977" s="93"/>
      <c r="BE4977" s="93"/>
      <c r="BF4977" s="93"/>
      <c r="BG4977" s="93"/>
      <c r="BH4977" s="93"/>
      <c r="BI4977" s="93"/>
      <c r="BJ4977" s="93"/>
      <c r="BK4977" s="93"/>
      <c r="BL4977" s="93"/>
    </row>
    <row r="4978" spans="2:64" x14ac:dyDescent="0.2">
      <c r="B4978" s="43"/>
      <c r="C4978" s="73"/>
      <c r="D4978" s="64"/>
      <c r="E4978" s="55"/>
      <c r="F4978" s="74"/>
      <c r="G4978" s="74"/>
      <c r="H4978" s="74"/>
      <c r="I4978" s="75"/>
      <c r="J4978" s="74"/>
      <c r="L4978" s="55"/>
      <c r="M4978" s="234"/>
      <c r="N4978" s="65"/>
      <c r="O4978" s="76"/>
      <c r="P4978" s="76"/>
      <c r="Q4978" s="65"/>
      <c r="R4978" s="76"/>
      <c r="S4978" s="76"/>
      <c r="T4978" s="76"/>
      <c r="U4978" s="76"/>
      <c r="V4978" s="76"/>
      <c r="W4978" s="76"/>
      <c r="X4978" s="76"/>
      <c r="Y4978" s="76"/>
      <c r="Z4978" s="76"/>
      <c r="AA4978" s="85"/>
      <c r="AB4978" s="85"/>
      <c r="AC4978" s="85"/>
      <c r="AD4978" s="85"/>
      <c r="AE4978" s="85"/>
      <c r="AF4978" s="85"/>
      <c r="AG4978" s="86"/>
      <c r="AH4978" s="85"/>
      <c r="AI4978" s="85"/>
      <c r="AJ4978" s="85"/>
      <c r="AK4978" s="85"/>
      <c r="AL4978" s="85"/>
      <c r="AM4978" s="92"/>
      <c r="AN4978" s="92"/>
      <c r="AO4978" s="92"/>
      <c r="AP4978" s="92"/>
      <c r="AQ4978" s="92"/>
      <c r="AR4978" s="92"/>
      <c r="AS4978" s="92"/>
      <c r="AT4978" s="92"/>
      <c r="AU4978" s="92"/>
      <c r="AV4978" s="92"/>
      <c r="AW4978" s="92"/>
      <c r="AX4978" s="92"/>
      <c r="AY4978" s="92"/>
      <c r="AZ4978" s="93"/>
      <c r="BA4978" s="93"/>
      <c r="BB4978" s="93"/>
      <c r="BC4978" s="93"/>
      <c r="BD4978" s="93"/>
      <c r="BE4978" s="93"/>
      <c r="BF4978" s="93"/>
      <c r="BG4978" s="93"/>
      <c r="BH4978" s="93"/>
      <c r="BI4978" s="93"/>
      <c r="BJ4978" s="93"/>
      <c r="BK4978" s="93"/>
      <c r="BL4978" s="93"/>
    </row>
    <row r="4979" spans="2:64" x14ac:dyDescent="0.2">
      <c r="B4979" s="43"/>
      <c r="C4979" s="73"/>
      <c r="D4979" s="64"/>
      <c r="E4979" s="55"/>
      <c r="F4979" s="74"/>
      <c r="G4979" s="74"/>
      <c r="H4979" s="74"/>
      <c r="I4979" s="75"/>
      <c r="J4979" s="74"/>
      <c r="L4979" s="55"/>
      <c r="M4979" s="234"/>
      <c r="N4979" s="65"/>
      <c r="O4979" s="76"/>
      <c r="P4979" s="76"/>
      <c r="Q4979" s="65"/>
      <c r="R4979" s="76"/>
      <c r="S4979" s="76"/>
      <c r="T4979" s="76"/>
      <c r="U4979" s="76"/>
      <c r="V4979" s="76"/>
      <c r="W4979" s="76"/>
      <c r="X4979" s="76"/>
      <c r="Y4979" s="76"/>
      <c r="Z4979" s="76"/>
      <c r="AA4979" s="85"/>
      <c r="AB4979" s="85"/>
      <c r="AC4979" s="85"/>
      <c r="AD4979" s="85"/>
      <c r="AE4979" s="85"/>
      <c r="AF4979" s="85"/>
      <c r="AG4979" s="86"/>
      <c r="AH4979" s="85"/>
      <c r="AI4979" s="85"/>
      <c r="AJ4979" s="85"/>
      <c r="AK4979" s="85"/>
      <c r="AL4979" s="85"/>
      <c r="AM4979" s="92"/>
      <c r="AN4979" s="92"/>
      <c r="AO4979" s="92"/>
      <c r="AP4979" s="92"/>
      <c r="AQ4979" s="92"/>
      <c r="AR4979" s="92"/>
      <c r="AS4979" s="92"/>
      <c r="AT4979" s="92"/>
      <c r="AU4979" s="92"/>
      <c r="AV4979" s="92"/>
      <c r="AW4979" s="92"/>
      <c r="AX4979" s="92"/>
      <c r="AY4979" s="92"/>
      <c r="AZ4979" s="93"/>
      <c r="BA4979" s="93"/>
      <c r="BB4979" s="93"/>
      <c r="BC4979" s="93"/>
      <c r="BD4979" s="93"/>
      <c r="BE4979" s="93"/>
      <c r="BF4979" s="93"/>
      <c r="BG4979" s="93"/>
      <c r="BH4979" s="93"/>
      <c r="BI4979" s="93"/>
      <c r="BJ4979" s="93"/>
      <c r="BK4979" s="93"/>
      <c r="BL4979" s="93"/>
    </row>
    <row r="4980" spans="2:64" x14ac:dyDescent="0.2">
      <c r="B4980" s="43"/>
      <c r="C4980" s="73"/>
      <c r="D4980" s="64"/>
      <c r="E4980" s="55"/>
      <c r="F4980" s="74"/>
      <c r="G4980" s="74"/>
      <c r="H4980" s="74"/>
      <c r="I4980" s="75"/>
      <c r="J4980" s="74"/>
      <c r="L4980" s="55"/>
      <c r="M4980" s="234"/>
      <c r="N4980" s="65"/>
      <c r="O4980" s="76"/>
      <c r="P4980" s="76"/>
      <c r="Q4980" s="65"/>
      <c r="R4980" s="76"/>
      <c r="S4980" s="76"/>
      <c r="T4980" s="76"/>
      <c r="U4980" s="76"/>
      <c r="V4980" s="76"/>
      <c r="W4980" s="76"/>
      <c r="X4980" s="76"/>
      <c r="Y4980" s="76"/>
      <c r="Z4980" s="76"/>
      <c r="AA4980" s="85"/>
      <c r="AB4980" s="85"/>
      <c r="AC4980" s="85"/>
      <c r="AD4980" s="85"/>
      <c r="AE4980" s="85"/>
      <c r="AF4980" s="85"/>
      <c r="AG4980" s="86"/>
      <c r="AH4980" s="85"/>
      <c r="AI4980" s="85"/>
      <c r="AJ4980" s="85"/>
      <c r="AK4980" s="85"/>
      <c r="AL4980" s="85"/>
      <c r="AM4980" s="92"/>
      <c r="AN4980" s="92"/>
      <c r="AO4980" s="92"/>
      <c r="AP4980" s="92"/>
      <c r="AQ4980" s="92"/>
      <c r="AR4980" s="92"/>
      <c r="AS4980" s="92"/>
      <c r="AT4980" s="92"/>
      <c r="AU4980" s="92"/>
      <c r="AV4980" s="92"/>
      <c r="AW4980" s="92"/>
      <c r="AX4980" s="92"/>
      <c r="AY4980" s="92"/>
      <c r="AZ4980" s="93"/>
      <c r="BA4980" s="93"/>
      <c r="BB4980" s="93"/>
      <c r="BC4980" s="93"/>
      <c r="BD4980" s="93"/>
      <c r="BE4980" s="93"/>
      <c r="BF4980" s="93"/>
      <c r="BG4980" s="93"/>
      <c r="BH4980" s="93"/>
      <c r="BI4980" s="93"/>
      <c r="BJ4980" s="93"/>
      <c r="BK4980" s="93"/>
      <c r="BL4980" s="93"/>
    </row>
    <row r="4981" spans="2:64" x14ac:dyDescent="0.2">
      <c r="B4981" s="43"/>
      <c r="C4981" s="73"/>
      <c r="D4981" s="64"/>
      <c r="E4981" s="55"/>
      <c r="F4981" s="74"/>
      <c r="G4981" s="74"/>
      <c r="H4981" s="74"/>
      <c r="I4981" s="75"/>
      <c r="J4981" s="74"/>
      <c r="L4981" s="55"/>
      <c r="M4981" s="234"/>
      <c r="N4981" s="65"/>
      <c r="O4981" s="76"/>
      <c r="P4981" s="76"/>
      <c r="Q4981" s="65"/>
      <c r="R4981" s="76"/>
      <c r="S4981" s="76"/>
      <c r="T4981" s="76"/>
      <c r="U4981" s="76"/>
      <c r="V4981" s="76"/>
      <c r="W4981" s="76"/>
      <c r="X4981" s="76"/>
      <c r="Y4981" s="76"/>
      <c r="Z4981" s="76"/>
      <c r="AA4981" s="85"/>
      <c r="AB4981" s="85"/>
      <c r="AC4981" s="85"/>
      <c r="AD4981" s="85"/>
      <c r="AE4981" s="85"/>
      <c r="AF4981" s="85"/>
      <c r="AG4981" s="86"/>
      <c r="AH4981" s="85"/>
      <c r="AI4981" s="85"/>
      <c r="AJ4981" s="85"/>
      <c r="AK4981" s="85"/>
      <c r="AL4981" s="85"/>
      <c r="AM4981" s="92"/>
      <c r="AN4981" s="92"/>
      <c r="AO4981" s="92"/>
      <c r="AP4981" s="92"/>
      <c r="AQ4981" s="92"/>
      <c r="AR4981" s="92"/>
      <c r="AS4981" s="92"/>
      <c r="AT4981" s="92"/>
      <c r="AU4981" s="92"/>
      <c r="AV4981" s="92"/>
      <c r="AW4981" s="92"/>
      <c r="AX4981" s="92"/>
      <c r="AY4981" s="92"/>
      <c r="AZ4981" s="93"/>
      <c r="BA4981" s="93"/>
      <c r="BB4981" s="93"/>
      <c r="BC4981" s="93"/>
      <c r="BD4981" s="93"/>
      <c r="BE4981" s="93"/>
      <c r="BF4981" s="93"/>
      <c r="BG4981" s="93"/>
      <c r="BH4981" s="93"/>
      <c r="BI4981" s="93"/>
      <c r="BJ4981" s="93"/>
      <c r="BK4981" s="93"/>
      <c r="BL4981" s="93"/>
    </row>
    <row r="4982" spans="2:64" x14ac:dyDescent="0.2">
      <c r="B4982" s="43"/>
      <c r="C4982" s="73"/>
      <c r="D4982" s="64"/>
      <c r="E4982" s="55"/>
      <c r="F4982" s="74"/>
      <c r="G4982" s="74"/>
      <c r="H4982" s="74"/>
      <c r="I4982" s="75"/>
      <c r="J4982" s="74"/>
      <c r="L4982" s="55"/>
      <c r="M4982" s="234"/>
      <c r="N4982" s="65"/>
      <c r="O4982" s="76"/>
      <c r="P4982" s="76"/>
      <c r="Q4982" s="65"/>
      <c r="R4982" s="76"/>
      <c r="S4982" s="76"/>
      <c r="T4982" s="76"/>
      <c r="U4982" s="76"/>
      <c r="V4982" s="76"/>
      <c r="W4982" s="76"/>
      <c r="X4982" s="76"/>
      <c r="Y4982" s="76"/>
      <c r="Z4982" s="76"/>
      <c r="AA4982" s="85"/>
      <c r="AB4982" s="85"/>
      <c r="AC4982" s="85"/>
      <c r="AD4982" s="85"/>
      <c r="AE4982" s="85"/>
      <c r="AF4982" s="85"/>
      <c r="AG4982" s="86"/>
      <c r="AH4982" s="85"/>
      <c r="AI4982" s="85"/>
      <c r="AJ4982" s="85"/>
      <c r="AK4982" s="85"/>
      <c r="AL4982" s="85"/>
      <c r="AM4982" s="92"/>
      <c r="AN4982" s="92"/>
      <c r="AO4982" s="92"/>
      <c r="AP4982" s="92"/>
      <c r="AQ4982" s="92"/>
      <c r="AR4982" s="92"/>
      <c r="AS4982" s="92"/>
      <c r="AT4982" s="92"/>
      <c r="AU4982" s="92"/>
      <c r="AV4982" s="92"/>
      <c r="AW4982" s="92"/>
      <c r="AX4982" s="92"/>
      <c r="AY4982" s="92"/>
      <c r="AZ4982" s="93"/>
      <c r="BA4982" s="93"/>
      <c r="BB4982" s="93"/>
      <c r="BC4982" s="93"/>
      <c r="BD4982" s="93"/>
      <c r="BE4982" s="93"/>
      <c r="BF4982" s="93"/>
      <c r="BG4982" s="93"/>
      <c r="BH4982" s="93"/>
      <c r="BI4982" s="93"/>
      <c r="BJ4982" s="93"/>
      <c r="BK4982" s="93"/>
      <c r="BL4982" s="93"/>
    </row>
    <row r="4983" spans="2:64" x14ac:dyDescent="0.2">
      <c r="B4983" s="43"/>
      <c r="C4983" s="73"/>
      <c r="D4983" s="64"/>
      <c r="E4983" s="55"/>
      <c r="F4983" s="74"/>
      <c r="G4983" s="74"/>
      <c r="H4983" s="74"/>
      <c r="I4983" s="75"/>
      <c r="J4983" s="74"/>
      <c r="L4983" s="55"/>
      <c r="M4983" s="234"/>
      <c r="N4983" s="65"/>
      <c r="O4983" s="76"/>
      <c r="P4983" s="76"/>
      <c r="Q4983" s="65"/>
      <c r="R4983" s="76"/>
      <c r="S4983" s="76"/>
      <c r="T4983" s="76"/>
      <c r="U4983" s="76"/>
      <c r="V4983" s="76"/>
      <c r="W4983" s="76"/>
      <c r="X4983" s="76"/>
      <c r="Y4983" s="76"/>
      <c r="Z4983" s="76"/>
      <c r="AA4983" s="85"/>
      <c r="AB4983" s="85"/>
      <c r="AC4983" s="85"/>
      <c r="AD4983" s="85"/>
      <c r="AE4983" s="85"/>
      <c r="AF4983" s="85"/>
      <c r="AG4983" s="86"/>
      <c r="AH4983" s="85"/>
      <c r="AI4983" s="85"/>
      <c r="AJ4983" s="85"/>
      <c r="AK4983" s="85"/>
      <c r="AL4983" s="85"/>
      <c r="AM4983" s="92"/>
      <c r="AN4983" s="92"/>
      <c r="AO4983" s="92"/>
      <c r="AP4983" s="92"/>
      <c r="AQ4983" s="92"/>
      <c r="AR4983" s="92"/>
      <c r="AS4983" s="92"/>
      <c r="AT4983" s="92"/>
      <c r="AU4983" s="92"/>
      <c r="AV4983" s="92"/>
      <c r="AW4983" s="92"/>
      <c r="AX4983" s="92"/>
      <c r="AY4983" s="92"/>
      <c r="AZ4983" s="93"/>
      <c r="BA4983" s="93"/>
      <c r="BB4983" s="93"/>
      <c r="BC4983" s="93"/>
      <c r="BD4983" s="93"/>
      <c r="BE4983" s="93"/>
      <c r="BF4983" s="93"/>
      <c r="BG4983" s="93"/>
      <c r="BH4983" s="93"/>
      <c r="BI4983" s="93"/>
      <c r="BJ4983" s="93"/>
      <c r="BK4983" s="93"/>
      <c r="BL4983" s="93"/>
    </row>
    <row r="4984" spans="2:64" x14ac:dyDescent="0.2">
      <c r="B4984" s="43"/>
      <c r="C4984" s="73"/>
      <c r="D4984" s="64"/>
      <c r="E4984" s="55"/>
      <c r="F4984" s="74"/>
      <c r="G4984" s="74"/>
      <c r="H4984" s="74"/>
      <c r="I4984" s="75"/>
      <c r="J4984" s="74"/>
      <c r="L4984" s="55"/>
      <c r="M4984" s="234"/>
      <c r="N4984" s="65"/>
      <c r="O4984" s="76"/>
      <c r="P4984" s="76"/>
      <c r="Q4984" s="65"/>
      <c r="R4984" s="76"/>
      <c r="S4984" s="76"/>
      <c r="T4984" s="76"/>
      <c r="U4984" s="76"/>
      <c r="V4984" s="76"/>
      <c r="W4984" s="76"/>
      <c r="X4984" s="76"/>
      <c r="Y4984" s="76"/>
      <c r="Z4984" s="76"/>
      <c r="AA4984" s="85"/>
      <c r="AB4984" s="85"/>
      <c r="AC4984" s="85"/>
      <c r="AD4984" s="85"/>
      <c r="AE4984" s="85"/>
      <c r="AF4984" s="85"/>
      <c r="AG4984" s="86"/>
      <c r="AH4984" s="85"/>
      <c r="AI4984" s="85"/>
      <c r="AJ4984" s="85"/>
      <c r="AK4984" s="85"/>
      <c r="AL4984" s="85"/>
      <c r="AM4984" s="92"/>
      <c r="AN4984" s="92"/>
      <c r="AO4984" s="92"/>
      <c r="AP4984" s="92"/>
      <c r="AQ4984" s="92"/>
      <c r="AR4984" s="92"/>
      <c r="AS4984" s="92"/>
      <c r="AT4984" s="92"/>
      <c r="AU4984" s="92"/>
      <c r="AV4984" s="92"/>
      <c r="AW4984" s="92"/>
      <c r="AX4984" s="92"/>
      <c r="AY4984" s="92"/>
      <c r="AZ4984" s="93"/>
      <c r="BA4984" s="93"/>
      <c r="BB4984" s="93"/>
      <c r="BC4984" s="93"/>
      <c r="BD4984" s="93"/>
      <c r="BE4984" s="93"/>
      <c r="BF4984" s="93"/>
      <c r="BG4984" s="93"/>
      <c r="BH4984" s="93"/>
      <c r="BI4984" s="93"/>
      <c r="BJ4984" s="93"/>
      <c r="BK4984" s="93"/>
      <c r="BL4984" s="93"/>
    </row>
    <row r="4985" spans="2:64" x14ac:dyDescent="0.2">
      <c r="B4985" s="43"/>
      <c r="C4985" s="73"/>
      <c r="D4985" s="64"/>
      <c r="E4985" s="55"/>
      <c r="F4985" s="74"/>
      <c r="G4985" s="74"/>
      <c r="H4985" s="74"/>
      <c r="I4985" s="75"/>
      <c r="J4985" s="74"/>
      <c r="L4985" s="55"/>
      <c r="M4985" s="234"/>
      <c r="N4985" s="65"/>
      <c r="O4985" s="76"/>
      <c r="P4985" s="76"/>
      <c r="Q4985" s="65"/>
      <c r="R4985" s="76"/>
      <c r="S4985" s="76"/>
      <c r="T4985" s="76"/>
      <c r="U4985" s="76"/>
      <c r="V4985" s="76"/>
      <c r="W4985" s="76"/>
      <c r="X4985" s="76"/>
      <c r="Y4985" s="76"/>
      <c r="Z4985" s="76"/>
      <c r="AA4985" s="85"/>
      <c r="AB4985" s="85"/>
      <c r="AC4985" s="85"/>
      <c r="AD4985" s="85"/>
      <c r="AE4985" s="85"/>
      <c r="AF4985" s="85"/>
      <c r="AG4985" s="86"/>
      <c r="AH4985" s="85"/>
      <c r="AI4985" s="85"/>
      <c r="AJ4985" s="85"/>
      <c r="AK4985" s="85"/>
      <c r="AL4985" s="85"/>
      <c r="AM4985" s="92"/>
      <c r="AN4985" s="92"/>
      <c r="AO4985" s="92"/>
      <c r="AP4985" s="92"/>
      <c r="AQ4985" s="92"/>
      <c r="AR4985" s="92"/>
      <c r="AS4985" s="92"/>
      <c r="AT4985" s="92"/>
      <c r="AU4985" s="92"/>
      <c r="AV4985" s="92"/>
      <c r="AW4985" s="92"/>
      <c r="AX4985" s="92"/>
      <c r="AY4985" s="92"/>
      <c r="AZ4985" s="93"/>
      <c r="BA4985" s="93"/>
      <c r="BB4985" s="93"/>
      <c r="BC4985" s="93"/>
      <c r="BD4985" s="93"/>
      <c r="BE4985" s="93"/>
      <c r="BF4985" s="93"/>
      <c r="BG4985" s="93"/>
      <c r="BH4985" s="93"/>
      <c r="BI4985" s="93"/>
      <c r="BJ4985" s="93"/>
      <c r="BK4985" s="93"/>
      <c r="BL4985" s="93"/>
    </row>
    <row r="4986" spans="2:64" x14ac:dyDescent="0.2">
      <c r="B4986" s="43"/>
      <c r="C4986" s="73"/>
      <c r="D4986" s="64"/>
      <c r="E4986" s="55"/>
      <c r="F4986" s="74"/>
      <c r="G4986" s="74"/>
      <c r="H4986" s="74"/>
      <c r="I4986" s="75"/>
      <c r="J4986" s="74"/>
      <c r="L4986" s="55"/>
      <c r="M4986" s="234"/>
      <c r="N4986" s="65"/>
      <c r="O4986" s="76"/>
      <c r="P4986" s="76"/>
      <c r="Q4986" s="65"/>
      <c r="R4986" s="76"/>
      <c r="S4986" s="76"/>
      <c r="T4986" s="76"/>
      <c r="U4986" s="76"/>
      <c r="V4986" s="76"/>
      <c r="W4986" s="76"/>
      <c r="X4986" s="76"/>
      <c r="Y4986" s="76"/>
      <c r="Z4986" s="76"/>
      <c r="AA4986" s="85"/>
      <c r="AB4986" s="85"/>
      <c r="AC4986" s="85"/>
      <c r="AD4986" s="85"/>
      <c r="AE4986" s="85"/>
      <c r="AF4986" s="85"/>
      <c r="AG4986" s="86"/>
      <c r="AH4986" s="85"/>
      <c r="AI4986" s="85"/>
      <c r="AJ4986" s="85"/>
      <c r="AK4986" s="85"/>
      <c r="AL4986" s="85"/>
      <c r="AM4986" s="92"/>
      <c r="AN4986" s="92"/>
      <c r="AO4986" s="92"/>
      <c r="AP4986" s="92"/>
      <c r="AQ4986" s="92"/>
      <c r="AR4986" s="92"/>
      <c r="AS4986" s="92"/>
      <c r="AT4986" s="92"/>
      <c r="AU4986" s="92"/>
      <c r="AV4986" s="92"/>
      <c r="AW4986" s="92"/>
      <c r="AX4986" s="92"/>
      <c r="AY4986" s="92"/>
      <c r="AZ4986" s="93"/>
      <c r="BA4986" s="93"/>
      <c r="BB4986" s="93"/>
      <c r="BC4986" s="93"/>
      <c r="BD4986" s="93"/>
      <c r="BE4986" s="93"/>
      <c r="BF4986" s="93"/>
      <c r="BG4986" s="93"/>
      <c r="BH4986" s="93"/>
      <c r="BI4986" s="93"/>
      <c r="BJ4986" s="93"/>
      <c r="BK4986" s="93"/>
      <c r="BL4986" s="93"/>
    </row>
    <row r="4987" spans="2:64" x14ac:dyDescent="0.2">
      <c r="B4987" s="43"/>
      <c r="C4987" s="73"/>
      <c r="D4987" s="64"/>
      <c r="E4987" s="55"/>
      <c r="F4987" s="74"/>
      <c r="G4987" s="74"/>
      <c r="H4987" s="74"/>
      <c r="I4987" s="75"/>
      <c r="J4987" s="74"/>
      <c r="L4987" s="55"/>
      <c r="M4987" s="234"/>
      <c r="N4987" s="65"/>
      <c r="O4987" s="76"/>
      <c r="P4987" s="76"/>
      <c r="Q4987" s="65"/>
      <c r="R4987" s="76"/>
      <c r="S4987" s="76"/>
      <c r="T4987" s="76"/>
      <c r="U4987" s="76"/>
      <c r="V4987" s="76"/>
      <c r="W4987" s="76"/>
      <c r="X4987" s="76"/>
      <c r="Y4987" s="76"/>
      <c r="Z4987" s="76"/>
      <c r="AA4987" s="85"/>
      <c r="AB4987" s="85"/>
      <c r="AC4987" s="85"/>
      <c r="AD4987" s="85"/>
      <c r="AE4987" s="85"/>
      <c r="AF4987" s="85"/>
      <c r="AG4987" s="86"/>
      <c r="AH4987" s="85"/>
      <c r="AI4987" s="85"/>
      <c r="AJ4987" s="85"/>
      <c r="AK4987" s="85"/>
      <c r="AL4987" s="85"/>
      <c r="AM4987" s="92"/>
      <c r="AN4987" s="92"/>
      <c r="AO4987" s="92"/>
      <c r="AP4987" s="92"/>
      <c r="AQ4987" s="92"/>
      <c r="AR4987" s="92"/>
      <c r="AS4987" s="92"/>
      <c r="AT4987" s="92"/>
      <c r="AU4987" s="92"/>
      <c r="AV4987" s="92"/>
      <c r="AW4987" s="92"/>
      <c r="AX4987" s="92"/>
      <c r="AY4987" s="92"/>
      <c r="AZ4987" s="93"/>
      <c r="BA4987" s="93"/>
      <c r="BB4987" s="93"/>
      <c r="BC4987" s="93"/>
      <c r="BD4987" s="93"/>
      <c r="BE4987" s="93"/>
      <c r="BF4987" s="93"/>
      <c r="BG4987" s="93"/>
      <c r="BH4987" s="93"/>
      <c r="BI4987" s="93"/>
      <c r="BJ4987" s="93"/>
      <c r="BK4987" s="93"/>
      <c r="BL4987" s="93"/>
    </row>
    <row r="4988" spans="2:64" x14ac:dyDescent="0.2">
      <c r="B4988" s="43"/>
      <c r="C4988" s="73"/>
      <c r="D4988" s="64"/>
      <c r="E4988" s="55"/>
      <c r="F4988" s="74"/>
      <c r="G4988" s="74"/>
      <c r="H4988" s="74"/>
      <c r="I4988" s="75"/>
      <c r="J4988" s="74"/>
      <c r="L4988" s="55"/>
      <c r="M4988" s="234"/>
      <c r="N4988" s="65"/>
      <c r="O4988" s="76"/>
      <c r="P4988" s="76"/>
      <c r="Q4988" s="65"/>
      <c r="R4988" s="76"/>
      <c r="S4988" s="76"/>
      <c r="T4988" s="76"/>
      <c r="U4988" s="76"/>
      <c r="V4988" s="76"/>
      <c r="W4988" s="76"/>
      <c r="X4988" s="76"/>
      <c r="Y4988" s="76"/>
      <c r="Z4988" s="76"/>
      <c r="AA4988" s="85"/>
      <c r="AB4988" s="85"/>
      <c r="AC4988" s="85"/>
      <c r="AD4988" s="85"/>
      <c r="AE4988" s="85"/>
      <c r="AF4988" s="85"/>
      <c r="AG4988" s="86"/>
      <c r="AH4988" s="85"/>
      <c r="AI4988" s="85"/>
      <c r="AJ4988" s="85"/>
      <c r="AK4988" s="85"/>
      <c r="AL4988" s="85"/>
      <c r="AM4988" s="92"/>
      <c r="AN4988" s="92"/>
      <c r="AO4988" s="92"/>
      <c r="AP4988" s="92"/>
      <c r="AQ4988" s="92"/>
      <c r="AR4988" s="92"/>
      <c r="AS4988" s="92"/>
      <c r="AT4988" s="92"/>
      <c r="AU4988" s="92"/>
      <c r="AV4988" s="92"/>
      <c r="AW4988" s="92"/>
      <c r="AX4988" s="92"/>
      <c r="AY4988" s="92"/>
      <c r="AZ4988" s="93"/>
      <c r="BA4988" s="93"/>
      <c r="BB4988" s="93"/>
      <c r="BC4988" s="93"/>
      <c r="BD4988" s="93"/>
      <c r="BE4988" s="93"/>
      <c r="BF4988" s="93"/>
      <c r="BG4988" s="93"/>
      <c r="BH4988" s="93"/>
      <c r="BI4988" s="93"/>
      <c r="BJ4988" s="93"/>
      <c r="BK4988" s="93"/>
      <c r="BL4988" s="93"/>
    </row>
    <row r="4989" spans="2:64" x14ac:dyDescent="0.2">
      <c r="B4989" s="43"/>
      <c r="C4989" s="73"/>
      <c r="D4989" s="64"/>
      <c r="E4989" s="55"/>
      <c r="F4989" s="74"/>
      <c r="G4989" s="74"/>
      <c r="H4989" s="74"/>
      <c r="I4989" s="75"/>
      <c r="J4989" s="74"/>
      <c r="L4989" s="55"/>
      <c r="M4989" s="234"/>
      <c r="N4989" s="65"/>
      <c r="O4989" s="76"/>
      <c r="P4989" s="76"/>
      <c r="Q4989" s="65"/>
      <c r="R4989" s="76"/>
      <c r="S4989" s="76"/>
      <c r="T4989" s="76"/>
      <c r="U4989" s="76"/>
      <c r="V4989" s="76"/>
      <c r="W4989" s="76"/>
      <c r="X4989" s="76"/>
      <c r="Y4989" s="76"/>
      <c r="Z4989" s="76"/>
      <c r="AA4989" s="85"/>
      <c r="AB4989" s="85"/>
      <c r="AC4989" s="85"/>
      <c r="AD4989" s="85"/>
      <c r="AE4989" s="85"/>
      <c r="AF4989" s="85"/>
      <c r="AG4989" s="86"/>
      <c r="AH4989" s="85"/>
      <c r="AI4989" s="85"/>
      <c r="AJ4989" s="85"/>
      <c r="AK4989" s="85"/>
      <c r="AL4989" s="85"/>
      <c r="AM4989" s="92"/>
      <c r="AN4989" s="92"/>
      <c r="AO4989" s="92"/>
      <c r="AP4989" s="92"/>
      <c r="AQ4989" s="92"/>
      <c r="AR4989" s="92"/>
      <c r="AS4989" s="92"/>
      <c r="AT4989" s="92"/>
      <c r="AU4989" s="92"/>
      <c r="AV4989" s="92"/>
      <c r="AW4989" s="92"/>
      <c r="AX4989" s="92"/>
      <c r="AY4989" s="92"/>
      <c r="AZ4989" s="93"/>
      <c r="BA4989" s="93"/>
      <c r="BB4989" s="93"/>
      <c r="BC4989" s="93"/>
      <c r="BD4989" s="93"/>
      <c r="BE4989" s="93"/>
      <c r="BF4989" s="93"/>
      <c r="BG4989" s="93"/>
      <c r="BH4989" s="93"/>
      <c r="BI4989" s="93"/>
      <c r="BJ4989" s="93"/>
      <c r="BK4989" s="93"/>
      <c r="BL4989" s="93"/>
    </row>
    <row r="4990" spans="2:64" x14ac:dyDescent="0.2">
      <c r="B4990" s="43"/>
      <c r="C4990" s="73"/>
      <c r="D4990" s="64"/>
      <c r="E4990" s="55"/>
      <c r="F4990" s="74"/>
      <c r="G4990" s="74"/>
      <c r="H4990" s="74"/>
      <c r="I4990" s="75"/>
      <c r="J4990" s="74"/>
      <c r="L4990" s="55"/>
      <c r="M4990" s="234"/>
      <c r="N4990" s="65"/>
      <c r="O4990" s="76"/>
      <c r="P4990" s="76"/>
      <c r="Q4990" s="65"/>
      <c r="R4990" s="76"/>
      <c r="S4990" s="76"/>
      <c r="T4990" s="76"/>
      <c r="U4990" s="76"/>
      <c r="V4990" s="76"/>
      <c r="W4990" s="76"/>
      <c r="X4990" s="76"/>
      <c r="Y4990" s="76"/>
      <c r="Z4990" s="76"/>
      <c r="AA4990" s="85"/>
      <c r="AB4990" s="85"/>
      <c r="AC4990" s="85"/>
      <c r="AD4990" s="85"/>
      <c r="AE4990" s="85"/>
      <c r="AF4990" s="85"/>
      <c r="AG4990" s="86"/>
      <c r="AH4990" s="85"/>
      <c r="AI4990" s="85"/>
      <c r="AJ4990" s="85"/>
      <c r="AK4990" s="85"/>
      <c r="AL4990" s="85"/>
      <c r="AM4990" s="92"/>
      <c r="AN4990" s="92"/>
      <c r="AO4990" s="92"/>
      <c r="AP4990" s="92"/>
      <c r="AQ4990" s="92"/>
      <c r="AR4990" s="92"/>
      <c r="AS4990" s="92"/>
      <c r="AT4990" s="92"/>
      <c r="AU4990" s="92"/>
      <c r="AV4990" s="92"/>
      <c r="AW4990" s="92"/>
      <c r="AX4990" s="92"/>
      <c r="AY4990" s="92"/>
      <c r="AZ4990" s="93"/>
      <c r="BA4990" s="93"/>
      <c r="BB4990" s="93"/>
      <c r="BC4990" s="93"/>
      <c r="BD4990" s="93"/>
      <c r="BE4990" s="93"/>
      <c r="BF4990" s="93"/>
      <c r="BG4990" s="93"/>
      <c r="BH4990" s="93"/>
      <c r="BI4990" s="93"/>
      <c r="BJ4990" s="93"/>
      <c r="BK4990" s="93"/>
      <c r="BL4990" s="93"/>
    </row>
    <row r="4991" spans="2:64" x14ac:dyDescent="0.2">
      <c r="B4991" s="43"/>
      <c r="C4991" s="73"/>
      <c r="D4991" s="64"/>
      <c r="E4991" s="55"/>
      <c r="F4991" s="74"/>
      <c r="G4991" s="74"/>
      <c r="H4991" s="74"/>
      <c r="I4991" s="75"/>
      <c r="J4991" s="74"/>
      <c r="L4991" s="55"/>
      <c r="M4991" s="234"/>
      <c r="N4991" s="65"/>
      <c r="O4991" s="76"/>
      <c r="P4991" s="76"/>
      <c r="Q4991" s="65"/>
      <c r="R4991" s="76"/>
      <c r="S4991" s="76"/>
      <c r="T4991" s="76"/>
      <c r="U4991" s="76"/>
      <c r="V4991" s="76"/>
      <c r="W4991" s="76"/>
      <c r="X4991" s="76"/>
      <c r="Y4991" s="76"/>
      <c r="Z4991" s="76"/>
      <c r="AA4991" s="85"/>
      <c r="AB4991" s="85"/>
      <c r="AC4991" s="85"/>
      <c r="AD4991" s="85"/>
      <c r="AE4991" s="85"/>
      <c r="AF4991" s="85"/>
      <c r="AG4991" s="86"/>
      <c r="AH4991" s="85"/>
      <c r="AI4991" s="85"/>
      <c r="AJ4991" s="85"/>
      <c r="AK4991" s="85"/>
      <c r="AL4991" s="85"/>
      <c r="AM4991" s="92"/>
      <c r="AN4991" s="92"/>
      <c r="AO4991" s="92"/>
      <c r="AP4991" s="92"/>
      <c r="AQ4991" s="92"/>
      <c r="AR4991" s="92"/>
      <c r="AS4991" s="92"/>
      <c r="AT4991" s="92"/>
      <c r="AU4991" s="92"/>
      <c r="AV4991" s="92"/>
      <c r="AW4991" s="92"/>
      <c r="AX4991" s="92"/>
      <c r="AY4991" s="92"/>
      <c r="AZ4991" s="93"/>
      <c r="BA4991" s="93"/>
      <c r="BB4991" s="93"/>
      <c r="BC4991" s="93"/>
      <c r="BD4991" s="93"/>
      <c r="BE4991" s="93"/>
      <c r="BF4991" s="93"/>
      <c r="BG4991" s="93"/>
      <c r="BH4991" s="93"/>
      <c r="BI4991" s="93"/>
      <c r="BJ4991" s="93"/>
      <c r="BK4991" s="93"/>
      <c r="BL4991" s="93"/>
    </row>
    <row r="4992" spans="2:64" x14ac:dyDescent="0.2">
      <c r="B4992" s="43"/>
      <c r="C4992" s="73"/>
      <c r="D4992" s="64"/>
      <c r="E4992" s="55"/>
      <c r="F4992" s="74"/>
      <c r="G4992" s="74"/>
      <c r="H4992" s="74"/>
      <c r="I4992" s="75"/>
      <c r="J4992" s="74"/>
      <c r="L4992" s="55"/>
      <c r="M4992" s="234"/>
      <c r="N4992" s="65"/>
      <c r="O4992" s="76"/>
      <c r="P4992" s="76"/>
      <c r="Q4992" s="65"/>
      <c r="R4992" s="76"/>
      <c r="S4992" s="76"/>
      <c r="T4992" s="76"/>
      <c r="U4992" s="76"/>
      <c r="V4992" s="76"/>
      <c r="W4992" s="76"/>
      <c r="X4992" s="76"/>
      <c r="Y4992" s="76"/>
      <c r="Z4992" s="76"/>
      <c r="AA4992" s="85"/>
      <c r="AB4992" s="85"/>
      <c r="AC4992" s="85"/>
      <c r="AD4992" s="85"/>
      <c r="AE4992" s="85"/>
      <c r="AF4992" s="85"/>
      <c r="AG4992" s="86"/>
      <c r="AH4992" s="85"/>
      <c r="AI4992" s="85"/>
      <c r="AJ4992" s="85"/>
      <c r="AK4992" s="85"/>
      <c r="AL4992" s="85"/>
      <c r="AM4992" s="92"/>
      <c r="AN4992" s="92"/>
      <c r="AO4992" s="92"/>
      <c r="AP4992" s="92"/>
      <c r="AQ4992" s="92"/>
      <c r="AR4992" s="92"/>
      <c r="AS4992" s="92"/>
      <c r="AT4992" s="92"/>
      <c r="AU4992" s="92"/>
      <c r="AV4992" s="92"/>
      <c r="AW4992" s="92"/>
      <c r="AX4992" s="92"/>
      <c r="AY4992" s="92"/>
      <c r="AZ4992" s="93"/>
      <c r="BA4992" s="93"/>
      <c r="BB4992" s="93"/>
      <c r="BC4992" s="93"/>
      <c r="BD4992" s="93"/>
      <c r="BE4992" s="93"/>
      <c r="BF4992" s="93"/>
      <c r="BG4992" s="93"/>
      <c r="BH4992" s="93"/>
      <c r="BI4992" s="93"/>
      <c r="BJ4992" s="93"/>
      <c r="BK4992" s="93"/>
      <c r="BL4992" s="93"/>
    </row>
    <row r="4993" spans="2:64" x14ac:dyDescent="0.2">
      <c r="B4993" s="43"/>
      <c r="C4993" s="73"/>
      <c r="D4993" s="64"/>
      <c r="E4993" s="55"/>
      <c r="F4993" s="74"/>
      <c r="G4993" s="74"/>
      <c r="H4993" s="74"/>
      <c r="I4993" s="75"/>
      <c r="J4993" s="74"/>
      <c r="L4993" s="55"/>
      <c r="M4993" s="234"/>
      <c r="N4993" s="65"/>
      <c r="O4993" s="76"/>
      <c r="P4993" s="76"/>
      <c r="Q4993" s="65"/>
      <c r="R4993" s="76"/>
      <c r="S4993" s="76"/>
      <c r="T4993" s="76"/>
      <c r="U4993" s="76"/>
      <c r="V4993" s="76"/>
      <c r="W4993" s="76"/>
      <c r="X4993" s="76"/>
      <c r="Y4993" s="76"/>
      <c r="Z4993" s="76"/>
      <c r="AA4993" s="85"/>
      <c r="AB4993" s="85"/>
      <c r="AC4993" s="85"/>
      <c r="AD4993" s="85"/>
      <c r="AE4993" s="85"/>
      <c r="AF4993" s="85"/>
      <c r="AG4993" s="86"/>
      <c r="AH4993" s="85"/>
      <c r="AI4993" s="85"/>
      <c r="AJ4993" s="85"/>
      <c r="AK4993" s="85"/>
      <c r="AL4993" s="85"/>
      <c r="AM4993" s="92"/>
      <c r="AN4993" s="92"/>
      <c r="AO4993" s="92"/>
      <c r="AP4993" s="92"/>
      <c r="AQ4993" s="92"/>
      <c r="AR4993" s="92"/>
      <c r="AS4993" s="92"/>
      <c r="AT4993" s="92"/>
      <c r="AU4993" s="92"/>
      <c r="AV4993" s="92"/>
      <c r="AW4993" s="92"/>
      <c r="AX4993" s="92"/>
      <c r="AY4993" s="92"/>
      <c r="AZ4993" s="93"/>
      <c r="BA4993" s="93"/>
      <c r="BB4993" s="93"/>
      <c r="BC4993" s="93"/>
      <c r="BD4993" s="93"/>
      <c r="BE4993" s="93"/>
      <c r="BF4993" s="93"/>
      <c r="BG4993" s="93"/>
      <c r="BH4993" s="93"/>
      <c r="BI4993" s="93"/>
      <c r="BJ4993" s="93"/>
      <c r="BK4993" s="93"/>
      <c r="BL4993" s="93"/>
    </row>
    <row r="4994" spans="2:64" x14ac:dyDescent="0.2">
      <c r="B4994" s="43"/>
      <c r="C4994" s="73"/>
      <c r="D4994" s="64"/>
      <c r="E4994" s="55"/>
      <c r="F4994" s="74"/>
      <c r="G4994" s="74"/>
      <c r="H4994" s="74"/>
      <c r="I4994" s="75"/>
      <c r="J4994" s="74"/>
      <c r="L4994" s="55"/>
      <c r="M4994" s="234"/>
      <c r="N4994" s="65"/>
      <c r="O4994" s="76"/>
      <c r="P4994" s="76"/>
      <c r="Q4994" s="65"/>
      <c r="R4994" s="76"/>
      <c r="S4994" s="76"/>
      <c r="T4994" s="76"/>
      <c r="U4994" s="76"/>
      <c r="V4994" s="76"/>
      <c r="W4994" s="76"/>
      <c r="X4994" s="76"/>
      <c r="Y4994" s="76"/>
      <c r="Z4994" s="76"/>
      <c r="AA4994" s="85"/>
      <c r="AB4994" s="85"/>
      <c r="AC4994" s="85"/>
      <c r="AD4994" s="85"/>
      <c r="AE4994" s="85"/>
      <c r="AF4994" s="85"/>
      <c r="AG4994" s="86"/>
      <c r="AH4994" s="85"/>
      <c r="AI4994" s="85"/>
      <c r="AJ4994" s="85"/>
      <c r="AK4994" s="85"/>
      <c r="AL4994" s="85"/>
      <c r="AM4994" s="92"/>
      <c r="AN4994" s="92"/>
      <c r="AO4994" s="92"/>
      <c r="AP4994" s="92"/>
      <c r="AQ4994" s="92"/>
      <c r="AR4994" s="92"/>
      <c r="AS4994" s="92"/>
      <c r="AT4994" s="92"/>
      <c r="AU4994" s="92"/>
      <c r="AV4994" s="92"/>
      <c r="AW4994" s="92"/>
      <c r="AX4994" s="92"/>
      <c r="AY4994" s="92"/>
      <c r="AZ4994" s="93"/>
      <c r="BA4994" s="93"/>
      <c r="BB4994" s="93"/>
      <c r="BC4994" s="93"/>
      <c r="BD4994" s="93"/>
      <c r="BE4994" s="93"/>
      <c r="BF4994" s="93"/>
      <c r="BG4994" s="93"/>
      <c r="BH4994" s="93"/>
      <c r="BI4994" s="93"/>
      <c r="BJ4994" s="93"/>
      <c r="BK4994" s="93"/>
      <c r="BL4994" s="93"/>
    </row>
    <row r="4995" spans="2:64" x14ac:dyDescent="0.2">
      <c r="B4995" s="43"/>
      <c r="C4995" s="73"/>
      <c r="D4995" s="64"/>
      <c r="E4995" s="55"/>
      <c r="F4995" s="74"/>
      <c r="G4995" s="74"/>
      <c r="H4995" s="74"/>
      <c r="I4995" s="75"/>
      <c r="J4995" s="74"/>
      <c r="L4995" s="55"/>
      <c r="M4995" s="234"/>
      <c r="N4995" s="65"/>
      <c r="O4995" s="76"/>
      <c r="P4995" s="76"/>
      <c r="Q4995" s="65"/>
      <c r="R4995" s="76"/>
      <c r="S4995" s="76"/>
      <c r="T4995" s="76"/>
      <c r="U4995" s="76"/>
      <c r="V4995" s="76"/>
      <c r="W4995" s="76"/>
      <c r="X4995" s="76"/>
      <c r="Y4995" s="76"/>
      <c r="Z4995" s="76"/>
      <c r="AA4995" s="85"/>
      <c r="AB4995" s="85"/>
      <c r="AC4995" s="85"/>
      <c r="AD4995" s="85"/>
      <c r="AE4995" s="85"/>
      <c r="AF4995" s="85"/>
      <c r="AG4995" s="86"/>
      <c r="AH4995" s="85"/>
      <c r="AI4995" s="85"/>
      <c r="AJ4995" s="85"/>
      <c r="AK4995" s="85"/>
      <c r="AL4995" s="85"/>
      <c r="AM4995" s="92"/>
      <c r="AN4995" s="92"/>
      <c r="AO4995" s="92"/>
      <c r="AP4995" s="92"/>
      <c r="AQ4995" s="92"/>
      <c r="AR4995" s="92"/>
      <c r="AS4995" s="92"/>
      <c r="AT4995" s="92"/>
      <c r="AU4995" s="92"/>
      <c r="AV4995" s="92"/>
      <c r="AW4995" s="92"/>
      <c r="AX4995" s="92"/>
      <c r="AY4995" s="92"/>
      <c r="AZ4995" s="93"/>
      <c r="BA4995" s="93"/>
      <c r="BB4995" s="93"/>
      <c r="BC4995" s="93"/>
      <c r="BD4995" s="93"/>
      <c r="BE4995" s="93"/>
      <c r="BF4995" s="93"/>
      <c r="BG4995" s="93"/>
      <c r="BH4995" s="93"/>
      <c r="BI4995" s="93"/>
      <c r="BJ4995" s="93"/>
      <c r="BK4995" s="93"/>
      <c r="BL4995" s="93"/>
    </row>
    <row r="4996" spans="2:64" x14ac:dyDescent="0.2">
      <c r="B4996" s="43"/>
      <c r="C4996" s="73"/>
      <c r="D4996" s="64"/>
      <c r="E4996" s="55"/>
      <c r="F4996" s="74"/>
      <c r="G4996" s="74"/>
      <c r="H4996" s="74"/>
      <c r="I4996" s="75"/>
      <c r="J4996" s="74"/>
      <c r="L4996" s="55"/>
      <c r="M4996" s="234"/>
      <c r="N4996" s="65"/>
      <c r="O4996" s="76"/>
      <c r="P4996" s="76"/>
      <c r="Q4996" s="65"/>
      <c r="R4996" s="76"/>
      <c r="S4996" s="76"/>
      <c r="T4996" s="76"/>
      <c r="U4996" s="76"/>
      <c r="V4996" s="76"/>
      <c r="W4996" s="76"/>
      <c r="X4996" s="76"/>
      <c r="Y4996" s="76"/>
      <c r="Z4996" s="76"/>
      <c r="AA4996" s="85"/>
      <c r="AB4996" s="85"/>
      <c r="AC4996" s="85"/>
      <c r="AD4996" s="85"/>
      <c r="AE4996" s="85"/>
      <c r="AF4996" s="85"/>
      <c r="AG4996" s="86"/>
      <c r="AH4996" s="85"/>
      <c r="AI4996" s="85"/>
      <c r="AJ4996" s="85"/>
      <c r="AK4996" s="85"/>
      <c r="AL4996" s="85"/>
      <c r="AM4996" s="92"/>
      <c r="AN4996" s="92"/>
      <c r="AO4996" s="92"/>
      <c r="AP4996" s="92"/>
      <c r="AQ4996" s="92"/>
      <c r="AR4996" s="92"/>
      <c r="AS4996" s="92"/>
      <c r="AT4996" s="92"/>
      <c r="AU4996" s="92"/>
      <c r="AV4996" s="92"/>
      <c r="AW4996" s="92"/>
      <c r="AX4996" s="92"/>
      <c r="AY4996" s="92"/>
      <c r="AZ4996" s="93"/>
      <c r="BA4996" s="93"/>
      <c r="BB4996" s="93"/>
      <c r="BC4996" s="93"/>
      <c r="BD4996" s="93"/>
      <c r="BE4996" s="93"/>
      <c r="BF4996" s="93"/>
      <c r="BG4996" s="93"/>
      <c r="BH4996" s="93"/>
      <c r="BI4996" s="93"/>
      <c r="BJ4996" s="93"/>
      <c r="BK4996" s="93"/>
      <c r="BL4996" s="93"/>
    </row>
    <row r="4997" spans="2:64" x14ac:dyDescent="0.2">
      <c r="B4997" s="43"/>
      <c r="C4997" s="73"/>
      <c r="D4997" s="64"/>
      <c r="E4997" s="55"/>
      <c r="F4997" s="74"/>
      <c r="G4997" s="74"/>
      <c r="H4997" s="74"/>
      <c r="I4997" s="75"/>
      <c r="J4997" s="74"/>
      <c r="L4997" s="55"/>
      <c r="M4997" s="234"/>
      <c r="N4997" s="65"/>
      <c r="O4997" s="76"/>
      <c r="P4997" s="76"/>
      <c r="Q4997" s="65"/>
      <c r="R4997" s="76"/>
      <c r="S4997" s="76"/>
      <c r="T4997" s="76"/>
      <c r="U4997" s="76"/>
      <c r="V4997" s="76"/>
      <c r="W4997" s="76"/>
      <c r="X4997" s="76"/>
      <c r="Y4997" s="76"/>
      <c r="Z4997" s="76"/>
      <c r="AA4997" s="85"/>
      <c r="AB4997" s="85"/>
      <c r="AC4997" s="85"/>
      <c r="AD4997" s="85"/>
      <c r="AE4997" s="85"/>
      <c r="AF4997" s="85"/>
      <c r="AG4997" s="86"/>
      <c r="AH4997" s="85"/>
      <c r="AI4997" s="85"/>
      <c r="AJ4997" s="85"/>
      <c r="AK4997" s="85"/>
      <c r="AL4997" s="85"/>
      <c r="AM4997" s="92"/>
      <c r="AN4997" s="92"/>
      <c r="AO4997" s="92"/>
      <c r="AP4997" s="92"/>
      <c r="AQ4997" s="92"/>
      <c r="AR4997" s="92"/>
      <c r="AS4997" s="92"/>
      <c r="AT4997" s="92"/>
      <c r="AU4997" s="92"/>
      <c r="AV4997" s="92"/>
      <c r="AW4997" s="92"/>
      <c r="AX4997" s="92"/>
      <c r="AY4997" s="92"/>
      <c r="AZ4997" s="93"/>
      <c r="BA4997" s="93"/>
      <c r="BB4997" s="93"/>
      <c r="BC4997" s="93"/>
      <c r="BD4997" s="93"/>
      <c r="BE4997" s="93"/>
      <c r="BF4997" s="93"/>
      <c r="BG4997" s="93"/>
      <c r="BH4997" s="93"/>
      <c r="BI4997" s="93"/>
      <c r="BJ4997" s="93"/>
      <c r="BK4997" s="93"/>
      <c r="BL4997" s="93"/>
    </row>
    <row r="4998" spans="2:64" x14ac:dyDescent="0.2">
      <c r="B4998" s="43"/>
      <c r="C4998" s="73"/>
      <c r="D4998" s="64"/>
      <c r="E4998" s="55"/>
      <c r="F4998" s="74"/>
      <c r="G4998" s="74"/>
      <c r="H4998" s="74"/>
      <c r="I4998" s="75"/>
      <c r="J4998" s="74"/>
      <c r="L4998" s="55"/>
      <c r="M4998" s="234"/>
      <c r="N4998" s="65"/>
      <c r="O4998" s="76"/>
      <c r="P4998" s="76"/>
      <c r="Q4998" s="65"/>
      <c r="R4998" s="76"/>
      <c r="S4998" s="76"/>
      <c r="T4998" s="76"/>
      <c r="U4998" s="76"/>
      <c r="V4998" s="76"/>
      <c r="W4998" s="76"/>
      <c r="X4998" s="76"/>
      <c r="Y4998" s="76"/>
      <c r="Z4998" s="76"/>
      <c r="AA4998" s="85"/>
      <c r="AB4998" s="85"/>
      <c r="AC4998" s="85"/>
      <c r="AD4998" s="85"/>
      <c r="AE4998" s="85"/>
      <c r="AF4998" s="85"/>
      <c r="AG4998" s="86"/>
      <c r="AH4998" s="85"/>
      <c r="AI4998" s="85"/>
      <c r="AJ4998" s="85"/>
      <c r="AK4998" s="85"/>
      <c r="AL4998" s="85"/>
      <c r="AM4998" s="92"/>
      <c r="AN4998" s="92"/>
      <c r="AO4998" s="92"/>
      <c r="AP4998" s="92"/>
      <c r="AQ4998" s="92"/>
      <c r="AR4998" s="92"/>
      <c r="AS4998" s="92"/>
      <c r="AT4998" s="92"/>
      <c r="AU4998" s="92"/>
      <c r="AV4998" s="92"/>
      <c r="AW4998" s="92"/>
      <c r="AX4998" s="92"/>
      <c r="AY4998" s="92"/>
      <c r="AZ4998" s="93"/>
      <c r="BA4998" s="93"/>
      <c r="BB4998" s="93"/>
      <c r="BC4998" s="93"/>
      <c r="BD4998" s="93"/>
      <c r="BE4998" s="93"/>
      <c r="BF4998" s="93"/>
      <c r="BG4998" s="93"/>
      <c r="BH4998" s="93"/>
      <c r="BI4998" s="93"/>
      <c r="BJ4998" s="93"/>
      <c r="BK4998" s="93"/>
      <c r="BL4998" s="93"/>
    </row>
    <row r="4999" spans="2:64" x14ac:dyDescent="0.2">
      <c r="B4999" s="43"/>
      <c r="C4999" s="73"/>
      <c r="D4999" s="64"/>
      <c r="E4999" s="55"/>
      <c r="F4999" s="74"/>
      <c r="G4999" s="74"/>
      <c r="H4999" s="74"/>
      <c r="I4999" s="75"/>
      <c r="J4999" s="74"/>
      <c r="L4999" s="55"/>
      <c r="M4999" s="234"/>
      <c r="N4999" s="65"/>
      <c r="O4999" s="76"/>
      <c r="P4999" s="76"/>
      <c r="Q4999" s="65"/>
      <c r="R4999" s="76"/>
      <c r="S4999" s="76"/>
      <c r="T4999" s="76"/>
      <c r="U4999" s="76"/>
      <c r="V4999" s="76"/>
      <c r="W4999" s="76"/>
      <c r="X4999" s="76"/>
      <c r="Y4999" s="76"/>
      <c r="Z4999" s="76"/>
      <c r="AA4999" s="85"/>
      <c r="AB4999" s="85"/>
      <c r="AC4999" s="85"/>
      <c r="AD4999" s="85"/>
      <c r="AE4999" s="85"/>
      <c r="AF4999" s="85"/>
      <c r="AG4999" s="86"/>
      <c r="AH4999" s="85"/>
      <c r="AI4999" s="85"/>
      <c r="AJ4999" s="85"/>
      <c r="AK4999" s="85"/>
      <c r="AL4999" s="85"/>
      <c r="AM4999" s="92"/>
      <c r="AN4999" s="92"/>
      <c r="AO4999" s="92"/>
      <c r="AP4999" s="92"/>
      <c r="AQ4999" s="92"/>
      <c r="AR4999" s="92"/>
      <c r="AS4999" s="92"/>
      <c r="AT4999" s="92"/>
      <c r="AU4999" s="92"/>
      <c r="AV4999" s="92"/>
      <c r="AW4999" s="92"/>
      <c r="AX4999" s="92"/>
      <c r="AY4999" s="92"/>
      <c r="AZ4999" s="93"/>
      <c r="BA4999" s="93"/>
      <c r="BB4999" s="93"/>
      <c r="BC4999" s="93"/>
      <c r="BD4999" s="93"/>
      <c r="BE4999" s="93"/>
      <c r="BF4999" s="93"/>
      <c r="BG4999" s="93"/>
      <c r="BH4999" s="93"/>
      <c r="BI4999" s="93"/>
      <c r="BJ4999" s="93"/>
      <c r="BK4999" s="93"/>
      <c r="BL4999" s="93"/>
    </row>
    <row r="5000" spans="2:64" x14ac:dyDescent="0.2">
      <c r="B5000" s="43"/>
      <c r="C5000" s="73"/>
      <c r="D5000" s="64"/>
      <c r="E5000" s="55"/>
      <c r="F5000" s="74"/>
      <c r="G5000" s="74"/>
      <c r="H5000" s="74"/>
      <c r="I5000" s="75"/>
      <c r="J5000" s="74"/>
      <c r="L5000" s="55"/>
      <c r="M5000" s="234"/>
      <c r="N5000" s="65"/>
      <c r="O5000" s="76"/>
      <c r="P5000" s="76"/>
      <c r="Q5000" s="65"/>
      <c r="R5000" s="76"/>
      <c r="S5000" s="76"/>
      <c r="T5000" s="76"/>
      <c r="U5000" s="76"/>
      <c r="V5000" s="76"/>
      <c r="W5000" s="76"/>
      <c r="X5000" s="76"/>
      <c r="Y5000" s="76"/>
      <c r="Z5000" s="76"/>
      <c r="AA5000" s="85"/>
      <c r="AB5000" s="85"/>
      <c r="AC5000" s="85"/>
      <c r="AD5000" s="85"/>
      <c r="AE5000" s="85"/>
      <c r="AF5000" s="85"/>
      <c r="AG5000" s="86"/>
      <c r="AH5000" s="85"/>
      <c r="AI5000" s="85"/>
      <c r="AJ5000" s="85"/>
      <c r="AK5000" s="85"/>
      <c r="AL5000" s="85"/>
      <c r="AM5000" s="92"/>
      <c r="AN5000" s="92"/>
      <c r="AO5000" s="92"/>
      <c r="AP5000" s="92"/>
      <c r="AQ5000" s="92"/>
      <c r="AR5000" s="92"/>
      <c r="AS5000" s="92"/>
      <c r="AT5000" s="92"/>
      <c r="AU5000" s="92"/>
      <c r="AV5000" s="92"/>
      <c r="AW5000" s="92"/>
      <c r="AX5000" s="92"/>
      <c r="AY5000" s="92"/>
      <c r="AZ5000" s="93"/>
      <c r="BA5000" s="93"/>
      <c r="BB5000" s="93"/>
      <c r="BC5000" s="93"/>
      <c r="BD5000" s="93"/>
      <c r="BE5000" s="93"/>
      <c r="BF5000" s="93"/>
      <c r="BG5000" s="93"/>
      <c r="BH5000" s="93"/>
      <c r="BI5000" s="93"/>
      <c r="BJ5000" s="93"/>
      <c r="BK5000" s="93"/>
      <c r="BL5000" s="93"/>
    </row>
    <row r="5001" spans="2:64" x14ac:dyDescent="0.2">
      <c r="B5001" s="43"/>
      <c r="C5001" s="73"/>
      <c r="D5001" s="64"/>
      <c r="E5001" s="55"/>
      <c r="F5001" s="74"/>
      <c r="G5001" s="74"/>
      <c r="H5001" s="74"/>
      <c r="I5001" s="75"/>
      <c r="J5001" s="74"/>
      <c r="L5001" s="55"/>
      <c r="M5001" s="234"/>
      <c r="N5001" s="65"/>
      <c r="O5001" s="76"/>
      <c r="P5001" s="76"/>
      <c r="Q5001" s="65"/>
      <c r="R5001" s="76"/>
      <c r="S5001" s="76"/>
      <c r="T5001" s="76"/>
      <c r="U5001" s="76"/>
      <c r="V5001" s="76"/>
      <c r="W5001" s="76"/>
      <c r="X5001" s="76"/>
      <c r="Y5001" s="76"/>
      <c r="Z5001" s="76"/>
      <c r="AA5001" s="85"/>
      <c r="AB5001" s="85"/>
      <c r="AC5001" s="85"/>
      <c r="AD5001" s="85"/>
      <c r="AE5001" s="85"/>
      <c r="AF5001" s="85"/>
      <c r="AG5001" s="86"/>
      <c r="AH5001" s="85"/>
      <c r="AI5001" s="85"/>
      <c r="AJ5001" s="85"/>
      <c r="AK5001" s="85"/>
      <c r="AL5001" s="85"/>
      <c r="AM5001" s="92"/>
      <c r="AN5001" s="92"/>
      <c r="AO5001" s="92"/>
      <c r="AP5001" s="92"/>
      <c r="AQ5001" s="92"/>
      <c r="AR5001" s="92"/>
      <c r="AS5001" s="92"/>
      <c r="AT5001" s="92"/>
      <c r="AU5001" s="92"/>
      <c r="AV5001" s="92"/>
      <c r="AW5001" s="92"/>
      <c r="AX5001" s="92"/>
      <c r="AY5001" s="92"/>
      <c r="AZ5001" s="93"/>
      <c r="BA5001" s="93"/>
      <c r="BB5001" s="93"/>
      <c r="BC5001" s="93"/>
      <c r="BD5001" s="93"/>
      <c r="BE5001" s="93"/>
      <c r="BF5001" s="93"/>
      <c r="BG5001" s="93"/>
      <c r="BH5001" s="93"/>
      <c r="BI5001" s="93"/>
      <c r="BJ5001" s="93"/>
      <c r="BK5001" s="93"/>
      <c r="BL5001" s="93"/>
    </row>
    <row r="5002" spans="2:64" x14ac:dyDescent="0.2">
      <c r="B5002" s="43"/>
      <c r="C5002" s="73"/>
      <c r="D5002" s="64"/>
      <c r="E5002" s="55"/>
      <c r="F5002" s="74"/>
      <c r="G5002" s="74"/>
      <c r="H5002" s="74"/>
      <c r="I5002" s="75"/>
      <c r="J5002" s="74"/>
      <c r="L5002" s="55"/>
      <c r="M5002" s="234"/>
      <c r="N5002" s="65"/>
      <c r="O5002" s="76"/>
      <c r="P5002" s="76"/>
      <c r="Q5002" s="65"/>
      <c r="R5002" s="76"/>
      <c r="S5002" s="76"/>
      <c r="T5002" s="76"/>
      <c r="U5002" s="76"/>
      <c r="V5002" s="76"/>
      <c r="W5002" s="76"/>
      <c r="X5002" s="76"/>
      <c r="Y5002" s="76"/>
      <c r="Z5002" s="76"/>
      <c r="AA5002" s="85"/>
      <c r="AB5002" s="85"/>
      <c r="AC5002" s="85"/>
      <c r="AD5002" s="85"/>
      <c r="AE5002" s="85"/>
      <c r="AF5002" s="85"/>
      <c r="AG5002" s="86"/>
      <c r="AH5002" s="85"/>
      <c r="AI5002" s="85"/>
      <c r="AJ5002" s="85"/>
      <c r="AK5002" s="85"/>
      <c r="AL5002" s="85"/>
      <c r="AM5002" s="92"/>
      <c r="AN5002" s="92"/>
      <c r="AO5002" s="92"/>
      <c r="AP5002" s="92"/>
      <c r="AQ5002" s="92"/>
      <c r="AR5002" s="92"/>
      <c r="AS5002" s="92"/>
      <c r="AT5002" s="92"/>
      <c r="AU5002" s="92"/>
      <c r="AV5002" s="92"/>
      <c r="AW5002" s="92"/>
      <c r="AX5002" s="92"/>
      <c r="AY5002" s="92"/>
      <c r="AZ5002" s="93"/>
      <c r="BA5002" s="93"/>
      <c r="BB5002" s="93"/>
      <c r="BC5002" s="93"/>
      <c r="BD5002" s="93"/>
      <c r="BE5002" s="93"/>
      <c r="BF5002" s="93"/>
      <c r="BG5002" s="93"/>
      <c r="BH5002" s="93"/>
      <c r="BI5002" s="93"/>
      <c r="BJ5002" s="93"/>
      <c r="BK5002" s="93"/>
      <c r="BL5002" s="93"/>
    </row>
    <row r="5003" spans="2:64" x14ac:dyDescent="0.2">
      <c r="B5003" s="43"/>
      <c r="C5003" s="73"/>
      <c r="D5003" s="64"/>
      <c r="E5003" s="55"/>
      <c r="F5003" s="74"/>
      <c r="G5003" s="74"/>
      <c r="H5003" s="74"/>
      <c r="I5003" s="75"/>
      <c r="J5003" s="74"/>
      <c r="L5003" s="55"/>
      <c r="M5003" s="234"/>
      <c r="N5003" s="65"/>
      <c r="O5003" s="76"/>
      <c r="P5003" s="76"/>
      <c r="Q5003" s="65"/>
      <c r="R5003" s="76"/>
      <c r="S5003" s="76"/>
      <c r="T5003" s="76"/>
      <c r="U5003" s="76"/>
      <c r="V5003" s="76"/>
      <c r="W5003" s="76"/>
      <c r="X5003" s="76"/>
      <c r="Y5003" s="76"/>
      <c r="Z5003" s="76"/>
      <c r="AA5003" s="85"/>
      <c r="AB5003" s="85"/>
      <c r="AC5003" s="85"/>
      <c r="AD5003" s="85"/>
      <c r="AE5003" s="85"/>
      <c r="AF5003" s="85"/>
      <c r="AG5003" s="86"/>
      <c r="AH5003" s="85"/>
      <c r="AI5003" s="85"/>
      <c r="AJ5003" s="85"/>
      <c r="AK5003" s="85"/>
      <c r="AL5003" s="85"/>
      <c r="AM5003" s="92"/>
      <c r="AN5003" s="92"/>
      <c r="AO5003" s="92"/>
      <c r="AP5003" s="92"/>
      <c r="AQ5003" s="92"/>
      <c r="AR5003" s="92"/>
      <c r="AS5003" s="92"/>
      <c r="AT5003" s="92"/>
      <c r="AU5003" s="92"/>
      <c r="AV5003" s="92"/>
      <c r="AW5003" s="92"/>
      <c r="AX5003" s="92"/>
      <c r="AY5003" s="92"/>
      <c r="AZ5003" s="93"/>
      <c r="BA5003" s="93"/>
      <c r="BB5003" s="93"/>
      <c r="BC5003" s="93"/>
      <c r="BD5003" s="93"/>
      <c r="BE5003" s="93"/>
      <c r="BF5003" s="93"/>
      <c r="BG5003" s="93"/>
      <c r="BH5003" s="93"/>
      <c r="BI5003" s="93"/>
      <c r="BJ5003" s="93"/>
      <c r="BK5003" s="93"/>
      <c r="BL5003" s="93"/>
    </row>
    <row r="5004" spans="2:64" x14ac:dyDescent="0.2">
      <c r="B5004" s="43"/>
      <c r="C5004" s="73"/>
      <c r="D5004" s="64"/>
      <c r="E5004" s="55"/>
      <c r="F5004" s="74"/>
      <c r="G5004" s="74"/>
      <c r="H5004" s="74"/>
      <c r="I5004" s="75"/>
      <c r="J5004" s="74"/>
      <c r="L5004" s="55"/>
      <c r="M5004" s="234"/>
      <c r="N5004" s="65"/>
      <c r="O5004" s="76"/>
      <c r="P5004" s="76"/>
      <c r="Q5004" s="65"/>
      <c r="R5004" s="76"/>
      <c r="S5004" s="76"/>
      <c r="T5004" s="76"/>
      <c r="U5004" s="76"/>
      <c r="V5004" s="76"/>
      <c r="W5004" s="76"/>
      <c r="X5004" s="76"/>
      <c r="Y5004" s="76"/>
      <c r="Z5004" s="76"/>
      <c r="AA5004" s="85"/>
      <c r="AB5004" s="85"/>
      <c r="AC5004" s="85"/>
      <c r="AD5004" s="85"/>
      <c r="AE5004" s="85"/>
      <c r="AF5004" s="85"/>
      <c r="AG5004" s="86"/>
      <c r="AH5004" s="85"/>
      <c r="AI5004" s="85"/>
      <c r="AJ5004" s="85"/>
      <c r="AK5004" s="85"/>
      <c r="AL5004" s="85"/>
      <c r="AM5004" s="92"/>
      <c r="AN5004" s="92"/>
      <c r="AO5004" s="92"/>
      <c r="AP5004" s="92"/>
      <c r="AQ5004" s="92"/>
      <c r="AR5004" s="92"/>
      <c r="AS5004" s="92"/>
      <c r="AT5004" s="92"/>
      <c r="AU5004" s="92"/>
      <c r="AV5004" s="92"/>
      <c r="AW5004" s="92"/>
      <c r="AX5004" s="92"/>
      <c r="AY5004" s="92"/>
      <c r="AZ5004" s="93"/>
      <c r="BA5004" s="93"/>
      <c r="BB5004" s="93"/>
      <c r="BC5004" s="93"/>
      <c r="BD5004" s="93"/>
      <c r="BE5004" s="93"/>
      <c r="BF5004" s="93"/>
      <c r="BG5004" s="93"/>
      <c r="BH5004" s="93"/>
      <c r="BI5004" s="93"/>
      <c r="BJ5004" s="93"/>
      <c r="BK5004" s="93"/>
      <c r="BL5004" s="93"/>
    </row>
    <row r="5005" spans="2:64" x14ac:dyDescent="0.2">
      <c r="B5005" s="43"/>
      <c r="C5005" s="73"/>
      <c r="D5005" s="64"/>
      <c r="E5005" s="55"/>
      <c r="F5005" s="74"/>
      <c r="G5005" s="74"/>
      <c r="H5005" s="74"/>
      <c r="I5005" s="75"/>
      <c r="J5005" s="74"/>
      <c r="L5005" s="55"/>
      <c r="M5005" s="234"/>
      <c r="N5005" s="65"/>
      <c r="O5005" s="76"/>
      <c r="P5005" s="76"/>
      <c r="Q5005" s="65"/>
      <c r="R5005" s="76"/>
      <c r="S5005" s="76"/>
      <c r="T5005" s="76"/>
      <c r="U5005" s="76"/>
      <c r="V5005" s="76"/>
      <c r="W5005" s="76"/>
      <c r="X5005" s="76"/>
      <c r="Y5005" s="76"/>
      <c r="Z5005" s="76"/>
      <c r="AA5005" s="85"/>
      <c r="AB5005" s="85"/>
      <c r="AC5005" s="85"/>
      <c r="AD5005" s="85"/>
      <c r="AE5005" s="85"/>
      <c r="AF5005" s="85"/>
      <c r="AG5005" s="86"/>
      <c r="AH5005" s="85"/>
      <c r="AI5005" s="85"/>
      <c r="AJ5005" s="85"/>
      <c r="AK5005" s="85"/>
      <c r="AL5005" s="85"/>
      <c r="AM5005" s="92"/>
      <c r="AN5005" s="92"/>
      <c r="AO5005" s="92"/>
      <c r="AP5005" s="92"/>
      <c r="AQ5005" s="92"/>
      <c r="AR5005" s="92"/>
      <c r="AS5005" s="92"/>
      <c r="AT5005" s="92"/>
      <c r="AU5005" s="92"/>
      <c r="AV5005" s="92"/>
      <c r="AW5005" s="92"/>
      <c r="AX5005" s="92"/>
      <c r="AY5005" s="92"/>
      <c r="AZ5005" s="93"/>
      <c r="BA5005" s="93"/>
      <c r="BB5005" s="93"/>
      <c r="BC5005" s="93"/>
      <c r="BD5005" s="93"/>
      <c r="BE5005" s="93"/>
      <c r="BF5005" s="93"/>
      <c r="BG5005" s="93"/>
      <c r="BH5005" s="93"/>
      <c r="BI5005" s="93"/>
      <c r="BJ5005" s="93"/>
      <c r="BK5005" s="93"/>
      <c r="BL5005" s="93"/>
    </row>
    <row r="5006" spans="2:64" x14ac:dyDescent="0.2">
      <c r="B5006" s="43"/>
      <c r="C5006" s="73"/>
      <c r="D5006" s="64"/>
      <c r="E5006" s="55"/>
      <c r="F5006" s="74"/>
      <c r="G5006" s="74"/>
      <c r="H5006" s="74"/>
      <c r="I5006" s="75"/>
      <c r="J5006" s="74"/>
      <c r="L5006" s="55"/>
      <c r="M5006" s="234"/>
      <c r="N5006" s="65"/>
      <c r="O5006" s="76"/>
      <c r="P5006" s="76"/>
      <c r="Q5006" s="65"/>
      <c r="R5006" s="76"/>
      <c r="S5006" s="76"/>
      <c r="T5006" s="76"/>
      <c r="U5006" s="76"/>
      <c r="V5006" s="76"/>
      <c r="W5006" s="76"/>
      <c r="X5006" s="76"/>
      <c r="Y5006" s="76"/>
      <c r="Z5006" s="76"/>
      <c r="AA5006" s="85"/>
      <c r="AB5006" s="85"/>
      <c r="AC5006" s="85"/>
      <c r="AD5006" s="85"/>
      <c r="AE5006" s="85"/>
      <c r="AF5006" s="85"/>
      <c r="AG5006" s="86"/>
      <c r="AH5006" s="85"/>
      <c r="AI5006" s="85"/>
      <c r="AJ5006" s="85"/>
      <c r="AK5006" s="85"/>
      <c r="AL5006" s="85"/>
      <c r="AM5006" s="92"/>
      <c r="AN5006" s="92"/>
      <c r="AO5006" s="92"/>
      <c r="AP5006" s="92"/>
      <c r="AQ5006" s="92"/>
      <c r="AR5006" s="92"/>
      <c r="AS5006" s="92"/>
      <c r="AT5006" s="92"/>
      <c r="AU5006" s="92"/>
      <c r="AV5006" s="92"/>
      <c r="AW5006" s="92"/>
      <c r="AX5006" s="92"/>
      <c r="AY5006" s="92"/>
      <c r="AZ5006" s="93"/>
      <c r="BA5006" s="93"/>
      <c r="BB5006" s="93"/>
      <c r="BC5006" s="93"/>
      <c r="BD5006" s="93"/>
      <c r="BE5006" s="93"/>
      <c r="BF5006" s="93"/>
      <c r="BG5006" s="93"/>
      <c r="BH5006" s="93"/>
      <c r="BI5006" s="93"/>
      <c r="BJ5006" s="93"/>
      <c r="BK5006" s="93"/>
      <c r="BL5006" s="93"/>
    </row>
    <row r="5007" spans="2:64" x14ac:dyDescent="0.2">
      <c r="B5007" s="43"/>
      <c r="C5007" s="73"/>
      <c r="D5007" s="64"/>
      <c r="E5007" s="55"/>
      <c r="F5007" s="74"/>
      <c r="G5007" s="74"/>
      <c r="H5007" s="74"/>
      <c r="I5007" s="75"/>
      <c r="J5007" s="74"/>
      <c r="L5007" s="55"/>
      <c r="M5007" s="234"/>
      <c r="N5007" s="65"/>
      <c r="O5007" s="76"/>
      <c r="P5007" s="76"/>
      <c r="Q5007" s="65"/>
      <c r="R5007" s="76"/>
      <c r="S5007" s="76"/>
      <c r="T5007" s="76"/>
      <c r="U5007" s="76"/>
      <c r="V5007" s="76"/>
      <c r="W5007" s="76"/>
      <c r="X5007" s="76"/>
      <c r="Y5007" s="76"/>
      <c r="Z5007" s="76"/>
      <c r="AA5007" s="85"/>
      <c r="AB5007" s="85"/>
      <c r="AC5007" s="85"/>
      <c r="AD5007" s="85"/>
      <c r="AE5007" s="85"/>
      <c r="AF5007" s="85"/>
      <c r="AG5007" s="86"/>
      <c r="AH5007" s="85"/>
      <c r="AI5007" s="85"/>
      <c r="AJ5007" s="85"/>
      <c r="AK5007" s="85"/>
      <c r="AL5007" s="85"/>
      <c r="AM5007" s="92"/>
      <c r="AN5007" s="92"/>
      <c r="AO5007" s="92"/>
      <c r="AP5007" s="92"/>
      <c r="AQ5007" s="92"/>
      <c r="AR5007" s="92"/>
      <c r="AS5007" s="92"/>
      <c r="AT5007" s="92"/>
      <c r="AU5007" s="92"/>
      <c r="AV5007" s="92"/>
      <c r="AW5007" s="92"/>
      <c r="AX5007" s="92"/>
      <c r="AY5007" s="92"/>
      <c r="AZ5007" s="93"/>
      <c r="BA5007" s="93"/>
      <c r="BB5007" s="93"/>
      <c r="BC5007" s="93"/>
      <c r="BD5007" s="93"/>
      <c r="BE5007" s="93"/>
      <c r="BF5007" s="93"/>
      <c r="BG5007" s="93"/>
      <c r="BH5007" s="93"/>
      <c r="BI5007" s="93"/>
      <c r="BJ5007" s="93"/>
      <c r="BK5007" s="93"/>
      <c r="BL5007" s="93"/>
    </row>
    <row r="5008" spans="2:64" x14ac:dyDescent="0.2">
      <c r="B5008" s="43"/>
      <c r="C5008" s="73"/>
      <c r="D5008" s="64"/>
      <c r="E5008" s="55"/>
      <c r="F5008" s="74"/>
      <c r="G5008" s="74"/>
      <c r="H5008" s="74"/>
      <c r="I5008" s="75"/>
      <c r="J5008" s="74"/>
      <c r="L5008" s="55"/>
      <c r="M5008" s="234"/>
      <c r="N5008" s="65"/>
      <c r="O5008" s="76"/>
      <c r="P5008" s="76"/>
      <c r="Q5008" s="65"/>
      <c r="R5008" s="76"/>
      <c r="S5008" s="76"/>
      <c r="T5008" s="76"/>
      <c r="U5008" s="76"/>
      <c r="V5008" s="76"/>
      <c r="W5008" s="76"/>
      <c r="X5008" s="76"/>
      <c r="Y5008" s="76"/>
      <c r="Z5008" s="76"/>
      <c r="AA5008" s="85"/>
      <c r="AB5008" s="85"/>
      <c r="AC5008" s="85"/>
      <c r="AD5008" s="85"/>
      <c r="AE5008" s="85"/>
      <c r="AF5008" s="85"/>
      <c r="AG5008" s="86"/>
      <c r="AH5008" s="85"/>
      <c r="AI5008" s="85"/>
      <c r="AJ5008" s="85"/>
      <c r="AK5008" s="85"/>
      <c r="AL5008" s="85"/>
      <c r="AM5008" s="92"/>
      <c r="AN5008" s="92"/>
      <c r="AO5008" s="92"/>
      <c r="AP5008" s="92"/>
      <c r="AQ5008" s="92"/>
      <c r="AR5008" s="92"/>
      <c r="AS5008" s="92"/>
      <c r="AT5008" s="92"/>
      <c r="AU5008" s="92"/>
      <c r="AV5008" s="92"/>
      <c r="AW5008" s="92"/>
      <c r="AX5008" s="92"/>
      <c r="AY5008" s="92"/>
      <c r="AZ5008" s="93"/>
      <c r="BA5008" s="93"/>
      <c r="BB5008" s="93"/>
      <c r="BC5008" s="93"/>
      <c r="BD5008" s="93"/>
      <c r="BE5008" s="93"/>
      <c r="BF5008" s="93"/>
      <c r="BG5008" s="93"/>
      <c r="BH5008" s="93"/>
      <c r="BI5008" s="93"/>
      <c r="BJ5008" s="93"/>
      <c r="BK5008" s="93"/>
      <c r="BL5008" s="93"/>
    </row>
    <row r="5009" spans="2:64" x14ac:dyDescent="0.2">
      <c r="B5009" s="43"/>
      <c r="C5009" s="73"/>
      <c r="D5009" s="64"/>
      <c r="E5009" s="55"/>
      <c r="F5009" s="74"/>
      <c r="G5009" s="74"/>
      <c r="H5009" s="74"/>
      <c r="I5009" s="75"/>
      <c r="J5009" s="74"/>
      <c r="L5009" s="55"/>
      <c r="M5009" s="234"/>
      <c r="N5009" s="65"/>
      <c r="O5009" s="76"/>
      <c r="P5009" s="76"/>
      <c r="Q5009" s="65"/>
      <c r="R5009" s="76"/>
      <c r="S5009" s="76"/>
      <c r="T5009" s="76"/>
      <c r="U5009" s="76"/>
      <c r="V5009" s="76"/>
      <c r="W5009" s="76"/>
      <c r="X5009" s="76"/>
      <c r="Y5009" s="76"/>
      <c r="Z5009" s="76"/>
      <c r="AA5009" s="85"/>
      <c r="AB5009" s="85"/>
      <c r="AC5009" s="85"/>
      <c r="AD5009" s="85"/>
      <c r="AE5009" s="85"/>
      <c r="AF5009" s="85"/>
      <c r="AG5009" s="86"/>
      <c r="AH5009" s="85"/>
      <c r="AI5009" s="85"/>
      <c r="AJ5009" s="85"/>
      <c r="AK5009" s="85"/>
      <c r="AL5009" s="85"/>
      <c r="AM5009" s="92"/>
      <c r="AN5009" s="92"/>
      <c r="AO5009" s="92"/>
      <c r="AP5009" s="92"/>
      <c r="AQ5009" s="92"/>
      <c r="AR5009" s="92"/>
      <c r="AS5009" s="92"/>
      <c r="AT5009" s="92"/>
      <c r="AU5009" s="92"/>
      <c r="AV5009" s="92"/>
      <c r="AW5009" s="92"/>
      <c r="AX5009" s="92"/>
      <c r="AY5009" s="92"/>
      <c r="AZ5009" s="93"/>
      <c r="BA5009" s="93"/>
      <c r="BB5009" s="93"/>
      <c r="BC5009" s="93"/>
      <c r="BD5009" s="93"/>
      <c r="BE5009" s="93"/>
      <c r="BF5009" s="93"/>
      <c r="BG5009" s="93"/>
      <c r="BH5009" s="93"/>
      <c r="BI5009" s="93"/>
      <c r="BJ5009" s="93"/>
      <c r="BK5009" s="93"/>
      <c r="BL5009" s="93"/>
    </row>
    <row r="5010" spans="2:64" x14ac:dyDescent="0.2">
      <c r="B5010" s="43"/>
      <c r="C5010" s="73"/>
      <c r="D5010" s="64"/>
      <c r="E5010" s="55"/>
      <c r="F5010" s="74"/>
      <c r="G5010" s="74"/>
      <c r="H5010" s="74"/>
      <c r="I5010" s="75"/>
      <c r="J5010" s="74"/>
      <c r="L5010" s="55"/>
      <c r="M5010" s="234"/>
      <c r="N5010" s="65"/>
      <c r="O5010" s="76"/>
      <c r="P5010" s="76"/>
      <c r="Q5010" s="65"/>
      <c r="R5010" s="76"/>
      <c r="S5010" s="76"/>
      <c r="T5010" s="76"/>
      <c r="U5010" s="76"/>
      <c r="V5010" s="76"/>
      <c r="W5010" s="76"/>
      <c r="X5010" s="76"/>
      <c r="Y5010" s="76"/>
      <c r="Z5010" s="76"/>
      <c r="AA5010" s="85"/>
      <c r="AB5010" s="85"/>
      <c r="AC5010" s="85"/>
      <c r="AD5010" s="85"/>
      <c r="AE5010" s="85"/>
      <c r="AF5010" s="85"/>
      <c r="AG5010" s="86"/>
      <c r="AH5010" s="85"/>
      <c r="AI5010" s="85"/>
      <c r="AJ5010" s="85"/>
      <c r="AK5010" s="85"/>
      <c r="AL5010" s="85"/>
      <c r="AM5010" s="92"/>
      <c r="AN5010" s="92"/>
      <c r="AO5010" s="92"/>
      <c r="AP5010" s="92"/>
      <c r="AQ5010" s="92"/>
      <c r="AR5010" s="92"/>
      <c r="AS5010" s="92"/>
      <c r="AT5010" s="92"/>
      <c r="AU5010" s="92"/>
      <c r="AV5010" s="92"/>
      <c r="AW5010" s="92"/>
      <c r="AX5010" s="92"/>
      <c r="AY5010" s="92"/>
      <c r="AZ5010" s="93"/>
      <c r="BA5010" s="93"/>
      <c r="BB5010" s="93"/>
      <c r="BC5010" s="93"/>
      <c r="BD5010" s="93"/>
      <c r="BE5010" s="93"/>
      <c r="BF5010" s="93"/>
      <c r="BG5010" s="93"/>
      <c r="BH5010" s="93"/>
      <c r="BI5010" s="93"/>
      <c r="BJ5010" s="93"/>
      <c r="BK5010" s="93"/>
      <c r="BL5010" s="93"/>
    </row>
    <row r="5011" spans="2:64" x14ac:dyDescent="0.2">
      <c r="B5011" s="43"/>
      <c r="C5011" s="73"/>
      <c r="D5011" s="64"/>
      <c r="E5011" s="55"/>
      <c r="F5011" s="74"/>
      <c r="G5011" s="74"/>
      <c r="H5011" s="74"/>
      <c r="I5011" s="75"/>
      <c r="J5011" s="74"/>
      <c r="L5011" s="55"/>
      <c r="M5011" s="234"/>
      <c r="N5011" s="65"/>
      <c r="O5011" s="76"/>
      <c r="P5011" s="76"/>
      <c r="Q5011" s="65"/>
      <c r="R5011" s="76"/>
      <c r="S5011" s="76"/>
      <c r="T5011" s="76"/>
      <c r="U5011" s="76"/>
      <c r="V5011" s="76"/>
      <c r="W5011" s="76"/>
      <c r="X5011" s="76"/>
      <c r="Y5011" s="76"/>
      <c r="Z5011" s="76"/>
      <c r="AA5011" s="85"/>
      <c r="AB5011" s="85"/>
      <c r="AC5011" s="85"/>
      <c r="AD5011" s="85"/>
      <c r="AE5011" s="85"/>
      <c r="AF5011" s="85"/>
      <c r="AG5011" s="86"/>
      <c r="AH5011" s="85"/>
      <c r="AI5011" s="85"/>
      <c r="AJ5011" s="85"/>
      <c r="AK5011" s="85"/>
      <c r="AL5011" s="85"/>
      <c r="AM5011" s="92"/>
      <c r="AN5011" s="92"/>
      <c r="AO5011" s="92"/>
      <c r="AP5011" s="92"/>
      <c r="AQ5011" s="92"/>
      <c r="AR5011" s="92"/>
      <c r="AS5011" s="92"/>
      <c r="AT5011" s="92"/>
      <c r="AU5011" s="92"/>
      <c r="AV5011" s="92"/>
      <c r="AW5011" s="92"/>
      <c r="AX5011" s="92"/>
      <c r="AY5011" s="92"/>
      <c r="AZ5011" s="93"/>
      <c r="BA5011" s="93"/>
      <c r="BB5011" s="93"/>
      <c r="BC5011" s="93"/>
      <c r="BD5011" s="93"/>
      <c r="BE5011" s="93"/>
      <c r="BF5011" s="93"/>
      <c r="BG5011" s="93"/>
      <c r="BH5011" s="93"/>
      <c r="BI5011" s="93"/>
      <c r="BJ5011" s="93"/>
      <c r="BK5011" s="93"/>
      <c r="BL5011" s="93"/>
    </row>
    <row r="5012" spans="2:64" x14ac:dyDescent="0.2">
      <c r="B5012" s="43"/>
      <c r="C5012" s="73"/>
      <c r="D5012" s="64"/>
      <c r="E5012" s="55"/>
      <c r="F5012" s="74"/>
      <c r="G5012" s="74"/>
      <c r="H5012" s="74"/>
      <c r="I5012" s="75"/>
      <c r="J5012" s="74"/>
      <c r="L5012" s="55"/>
      <c r="M5012" s="234"/>
      <c r="N5012" s="65"/>
      <c r="O5012" s="76"/>
      <c r="P5012" s="76"/>
      <c r="Q5012" s="65"/>
      <c r="R5012" s="76"/>
      <c r="S5012" s="76"/>
      <c r="T5012" s="76"/>
      <c r="U5012" s="76"/>
      <c r="V5012" s="76"/>
      <c r="W5012" s="76"/>
      <c r="X5012" s="76"/>
      <c r="Y5012" s="76"/>
      <c r="Z5012" s="76"/>
      <c r="AA5012" s="85"/>
      <c r="AB5012" s="85"/>
      <c r="AC5012" s="85"/>
      <c r="AD5012" s="85"/>
      <c r="AE5012" s="85"/>
      <c r="AF5012" s="85"/>
      <c r="AG5012" s="86"/>
      <c r="AH5012" s="85"/>
      <c r="AI5012" s="85"/>
      <c r="AJ5012" s="85"/>
      <c r="AK5012" s="85"/>
      <c r="AL5012" s="85"/>
      <c r="AM5012" s="92"/>
      <c r="AN5012" s="92"/>
      <c r="AO5012" s="92"/>
      <c r="AP5012" s="92"/>
      <c r="AQ5012" s="92"/>
      <c r="AR5012" s="92"/>
      <c r="AS5012" s="92"/>
      <c r="AT5012" s="92"/>
      <c r="AU5012" s="92"/>
      <c r="AV5012" s="92"/>
      <c r="AW5012" s="92"/>
      <c r="AX5012" s="92"/>
      <c r="AY5012" s="92"/>
      <c r="AZ5012" s="93"/>
      <c r="BA5012" s="93"/>
      <c r="BB5012" s="93"/>
      <c r="BC5012" s="93"/>
      <c r="BD5012" s="93"/>
      <c r="BE5012" s="93"/>
      <c r="BF5012" s="93"/>
      <c r="BG5012" s="93"/>
      <c r="BH5012" s="93"/>
      <c r="BI5012" s="93"/>
      <c r="BJ5012" s="93"/>
      <c r="BK5012" s="93"/>
      <c r="BL5012" s="93"/>
    </row>
    <row r="5013" spans="2:64" x14ac:dyDescent="0.2">
      <c r="B5013" s="43"/>
      <c r="C5013" s="73"/>
      <c r="D5013" s="64"/>
      <c r="E5013" s="55"/>
      <c r="F5013" s="74"/>
      <c r="G5013" s="74"/>
      <c r="H5013" s="74"/>
      <c r="I5013" s="75"/>
      <c r="J5013" s="74"/>
      <c r="L5013" s="55"/>
      <c r="M5013" s="234"/>
      <c r="N5013" s="65"/>
      <c r="O5013" s="76"/>
      <c r="P5013" s="76"/>
      <c r="Q5013" s="65"/>
      <c r="R5013" s="76"/>
      <c r="S5013" s="76"/>
      <c r="T5013" s="76"/>
      <c r="U5013" s="76"/>
      <c r="V5013" s="76"/>
      <c r="W5013" s="76"/>
      <c r="X5013" s="76"/>
      <c r="Y5013" s="76"/>
      <c r="Z5013" s="76"/>
      <c r="AA5013" s="85"/>
      <c r="AB5013" s="85"/>
      <c r="AC5013" s="85"/>
      <c r="AD5013" s="85"/>
      <c r="AE5013" s="85"/>
      <c r="AF5013" s="85"/>
      <c r="AG5013" s="86"/>
      <c r="AH5013" s="85"/>
      <c r="AI5013" s="85"/>
      <c r="AJ5013" s="85"/>
      <c r="AK5013" s="85"/>
      <c r="AL5013" s="85"/>
      <c r="AM5013" s="92"/>
      <c r="AN5013" s="92"/>
      <c r="AO5013" s="92"/>
      <c r="AP5013" s="92"/>
      <c r="AQ5013" s="92"/>
      <c r="AR5013" s="92"/>
      <c r="AS5013" s="92"/>
      <c r="AT5013" s="92"/>
      <c r="AU5013" s="92"/>
      <c r="AV5013" s="92"/>
      <c r="AW5013" s="92"/>
      <c r="AX5013" s="92"/>
      <c r="AY5013" s="92"/>
      <c r="AZ5013" s="93"/>
      <c r="BA5013" s="93"/>
      <c r="BB5013" s="93"/>
      <c r="BC5013" s="93"/>
      <c r="BD5013" s="93"/>
      <c r="BE5013" s="93"/>
      <c r="BF5013" s="93"/>
      <c r="BG5013" s="93"/>
      <c r="BH5013" s="93"/>
      <c r="BI5013" s="93"/>
      <c r="BJ5013" s="93"/>
      <c r="BK5013" s="93"/>
      <c r="BL5013" s="93"/>
    </row>
    <row r="5014" spans="2:64" x14ac:dyDescent="0.2">
      <c r="B5014" s="43"/>
      <c r="C5014" s="73"/>
      <c r="D5014" s="64"/>
      <c r="E5014" s="55"/>
      <c r="F5014" s="74"/>
      <c r="G5014" s="74"/>
      <c r="H5014" s="74"/>
      <c r="I5014" s="75"/>
      <c r="J5014" s="74"/>
      <c r="L5014" s="55"/>
      <c r="M5014" s="234"/>
      <c r="N5014" s="65"/>
      <c r="O5014" s="76"/>
      <c r="P5014" s="76"/>
      <c r="Q5014" s="65"/>
      <c r="R5014" s="76"/>
      <c r="S5014" s="76"/>
      <c r="T5014" s="76"/>
      <c r="U5014" s="76"/>
      <c r="V5014" s="76"/>
      <c r="W5014" s="76"/>
      <c r="X5014" s="76"/>
      <c r="Y5014" s="76"/>
      <c r="Z5014" s="76"/>
      <c r="AA5014" s="85"/>
      <c r="AB5014" s="85"/>
      <c r="AC5014" s="85"/>
      <c r="AD5014" s="85"/>
      <c r="AE5014" s="85"/>
      <c r="AF5014" s="85"/>
      <c r="AG5014" s="86"/>
      <c r="AH5014" s="85"/>
      <c r="AI5014" s="85"/>
      <c r="AJ5014" s="85"/>
      <c r="AK5014" s="85"/>
      <c r="AL5014" s="85"/>
      <c r="AM5014" s="92"/>
      <c r="AN5014" s="92"/>
      <c r="AO5014" s="92"/>
      <c r="AP5014" s="92"/>
      <c r="AQ5014" s="92"/>
      <c r="AR5014" s="92"/>
      <c r="AS5014" s="92"/>
      <c r="AT5014" s="92"/>
      <c r="AU5014" s="92"/>
      <c r="AV5014" s="92"/>
      <c r="AW5014" s="92"/>
      <c r="AX5014" s="92"/>
      <c r="AY5014" s="92"/>
      <c r="AZ5014" s="93"/>
      <c r="BA5014" s="93"/>
      <c r="BB5014" s="93"/>
      <c r="BC5014" s="93"/>
      <c r="BD5014" s="93"/>
      <c r="BE5014" s="93"/>
      <c r="BF5014" s="93"/>
      <c r="BG5014" s="93"/>
      <c r="BH5014" s="93"/>
      <c r="BI5014" s="93"/>
      <c r="BJ5014" s="93"/>
      <c r="BK5014" s="93"/>
      <c r="BL5014" s="93"/>
    </row>
    <row r="5015" spans="2:64" x14ac:dyDescent="0.2">
      <c r="B5015" s="43"/>
      <c r="C5015" s="73"/>
      <c r="D5015" s="64"/>
      <c r="E5015" s="55"/>
      <c r="F5015" s="74"/>
      <c r="G5015" s="74"/>
      <c r="H5015" s="74"/>
      <c r="I5015" s="75"/>
      <c r="J5015" s="74"/>
      <c r="L5015" s="55"/>
      <c r="M5015" s="234"/>
      <c r="N5015" s="65"/>
      <c r="O5015" s="76"/>
      <c r="P5015" s="76"/>
      <c r="Q5015" s="65"/>
      <c r="R5015" s="76"/>
      <c r="S5015" s="76"/>
      <c r="T5015" s="76"/>
      <c r="U5015" s="76"/>
      <c r="V5015" s="76"/>
      <c r="W5015" s="76"/>
      <c r="X5015" s="76"/>
      <c r="Y5015" s="76"/>
      <c r="Z5015" s="76"/>
      <c r="AA5015" s="85"/>
      <c r="AB5015" s="85"/>
      <c r="AC5015" s="85"/>
      <c r="AD5015" s="85"/>
      <c r="AE5015" s="85"/>
      <c r="AF5015" s="85"/>
      <c r="AG5015" s="86"/>
      <c r="AH5015" s="85"/>
      <c r="AI5015" s="85"/>
      <c r="AJ5015" s="85"/>
      <c r="AK5015" s="85"/>
      <c r="AL5015" s="85"/>
      <c r="AM5015" s="92"/>
      <c r="AN5015" s="92"/>
      <c r="AO5015" s="92"/>
      <c r="AP5015" s="92"/>
      <c r="AQ5015" s="92"/>
      <c r="AR5015" s="92"/>
      <c r="AS5015" s="92"/>
      <c r="AT5015" s="92"/>
      <c r="AU5015" s="92"/>
      <c r="AV5015" s="92"/>
      <c r="AW5015" s="92"/>
      <c r="AX5015" s="92"/>
      <c r="AY5015" s="92"/>
      <c r="AZ5015" s="93"/>
      <c r="BA5015" s="93"/>
      <c r="BB5015" s="93"/>
      <c r="BC5015" s="93"/>
      <c r="BD5015" s="93"/>
      <c r="BE5015" s="93"/>
      <c r="BF5015" s="93"/>
      <c r="BG5015" s="93"/>
      <c r="BH5015" s="93"/>
      <c r="BI5015" s="93"/>
      <c r="BJ5015" s="93"/>
      <c r="BK5015" s="93"/>
      <c r="BL5015" s="93"/>
    </row>
    <row r="5016" spans="2:64" x14ac:dyDescent="0.2">
      <c r="B5016" s="43"/>
      <c r="C5016" s="73"/>
      <c r="D5016" s="64"/>
      <c r="E5016" s="55"/>
      <c r="F5016" s="74"/>
      <c r="G5016" s="74"/>
      <c r="H5016" s="74"/>
      <c r="I5016" s="75"/>
      <c r="J5016" s="74"/>
      <c r="L5016" s="55"/>
      <c r="M5016" s="234"/>
      <c r="N5016" s="65"/>
      <c r="O5016" s="76"/>
      <c r="P5016" s="76"/>
      <c r="Q5016" s="65"/>
      <c r="R5016" s="76"/>
      <c r="S5016" s="76"/>
      <c r="T5016" s="76"/>
      <c r="U5016" s="76"/>
      <c r="V5016" s="76"/>
      <c r="W5016" s="76"/>
      <c r="X5016" s="76"/>
      <c r="Y5016" s="76"/>
      <c r="Z5016" s="76"/>
      <c r="AA5016" s="85"/>
      <c r="AB5016" s="85"/>
      <c r="AC5016" s="85"/>
      <c r="AD5016" s="85"/>
      <c r="AE5016" s="85"/>
      <c r="AF5016" s="85"/>
      <c r="AG5016" s="86"/>
      <c r="AH5016" s="85"/>
      <c r="AI5016" s="85"/>
      <c r="AJ5016" s="85"/>
      <c r="AK5016" s="85"/>
      <c r="AL5016" s="85"/>
      <c r="AM5016" s="92"/>
      <c r="AN5016" s="92"/>
      <c r="AO5016" s="92"/>
      <c r="AP5016" s="92"/>
      <c r="AQ5016" s="92"/>
      <c r="AR5016" s="92"/>
      <c r="AS5016" s="92"/>
      <c r="AT5016" s="92"/>
      <c r="AU5016" s="92"/>
      <c r="AV5016" s="92"/>
      <c r="AW5016" s="92"/>
      <c r="AX5016" s="92"/>
      <c r="AY5016" s="92"/>
      <c r="AZ5016" s="93"/>
      <c r="BA5016" s="93"/>
      <c r="BB5016" s="93"/>
      <c r="BC5016" s="93"/>
      <c r="BD5016" s="93"/>
      <c r="BE5016" s="93"/>
      <c r="BF5016" s="93"/>
      <c r="BG5016" s="93"/>
      <c r="BH5016" s="93"/>
      <c r="BI5016" s="93"/>
      <c r="BJ5016" s="93"/>
      <c r="BK5016" s="93"/>
      <c r="BL5016" s="93"/>
    </row>
    <row r="5017" spans="2:64" x14ac:dyDescent="0.2">
      <c r="B5017" s="43"/>
      <c r="C5017" s="73"/>
      <c r="D5017" s="64"/>
      <c r="E5017" s="55"/>
      <c r="F5017" s="74"/>
      <c r="G5017" s="74"/>
      <c r="H5017" s="74"/>
      <c r="I5017" s="75"/>
      <c r="J5017" s="74"/>
      <c r="L5017" s="55"/>
      <c r="M5017" s="234"/>
      <c r="N5017" s="65"/>
      <c r="O5017" s="76"/>
      <c r="P5017" s="76"/>
      <c r="Q5017" s="65"/>
      <c r="R5017" s="76"/>
      <c r="S5017" s="76"/>
      <c r="T5017" s="76"/>
      <c r="U5017" s="76"/>
      <c r="V5017" s="76"/>
      <c r="W5017" s="76"/>
      <c r="X5017" s="76"/>
      <c r="Y5017" s="76"/>
      <c r="Z5017" s="76"/>
      <c r="AA5017" s="85"/>
      <c r="AB5017" s="85"/>
      <c r="AC5017" s="85"/>
      <c r="AD5017" s="85"/>
      <c r="AE5017" s="85"/>
      <c r="AF5017" s="85"/>
      <c r="AG5017" s="86"/>
      <c r="AH5017" s="85"/>
      <c r="AI5017" s="85"/>
      <c r="AJ5017" s="85"/>
      <c r="AK5017" s="85"/>
      <c r="AL5017" s="85"/>
      <c r="AM5017" s="92"/>
      <c r="AN5017" s="92"/>
      <c r="AO5017" s="92"/>
      <c r="AP5017" s="92"/>
      <c r="AQ5017" s="92"/>
      <c r="AR5017" s="92"/>
      <c r="AS5017" s="92"/>
      <c r="AT5017" s="92"/>
      <c r="AU5017" s="92"/>
      <c r="AV5017" s="92"/>
      <c r="AW5017" s="92"/>
      <c r="AX5017" s="92"/>
      <c r="AY5017" s="92"/>
      <c r="AZ5017" s="93"/>
      <c r="BA5017" s="93"/>
      <c r="BB5017" s="93"/>
      <c r="BC5017" s="93"/>
      <c r="BD5017" s="93"/>
      <c r="BE5017" s="93"/>
      <c r="BF5017" s="93"/>
      <c r="BG5017" s="93"/>
      <c r="BH5017" s="93"/>
      <c r="BI5017" s="93"/>
      <c r="BJ5017" s="93"/>
      <c r="BK5017" s="93"/>
      <c r="BL5017" s="93"/>
    </row>
    <row r="5018" spans="2:64" x14ac:dyDescent="0.2">
      <c r="B5018" s="43"/>
      <c r="C5018" s="73"/>
      <c r="D5018" s="64"/>
      <c r="E5018" s="55"/>
      <c r="F5018" s="74"/>
      <c r="G5018" s="74"/>
      <c r="H5018" s="74"/>
      <c r="I5018" s="75"/>
      <c r="J5018" s="74"/>
      <c r="L5018" s="55"/>
      <c r="M5018" s="234"/>
      <c r="N5018" s="65"/>
      <c r="O5018" s="76"/>
      <c r="P5018" s="76"/>
      <c r="Q5018" s="65"/>
      <c r="R5018" s="76"/>
      <c r="S5018" s="76"/>
      <c r="T5018" s="76"/>
      <c r="U5018" s="76"/>
      <c r="V5018" s="76"/>
      <c r="W5018" s="76"/>
      <c r="X5018" s="76"/>
      <c r="Y5018" s="76"/>
      <c r="Z5018" s="76"/>
      <c r="AA5018" s="85"/>
      <c r="AB5018" s="85"/>
      <c r="AC5018" s="85"/>
      <c r="AD5018" s="85"/>
      <c r="AE5018" s="85"/>
      <c r="AF5018" s="85"/>
      <c r="AG5018" s="86"/>
      <c r="AH5018" s="85"/>
      <c r="AI5018" s="85"/>
      <c r="AJ5018" s="85"/>
      <c r="AK5018" s="85"/>
      <c r="AL5018" s="85"/>
      <c r="AM5018" s="92"/>
      <c r="AN5018" s="92"/>
      <c r="AO5018" s="92"/>
      <c r="AP5018" s="92"/>
      <c r="AQ5018" s="92"/>
      <c r="AR5018" s="92"/>
      <c r="AS5018" s="92"/>
      <c r="AT5018" s="92"/>
      <c r="AU5018" s="92"/>
      <c r="AV5018" s="92"/>
      <c r="AW5018" s="92"/>
      <c r="AX5018" s="92"/>
      <c r="AY5018" s="92"/>
      <c r="AZ5018" s="93"/>
      <c r="BA5018" s="93"/>
      <c r="BB5018" s="93"/>
      <c r="BC5018" s="93"/>
      <c r="BD5018" s="93"/>
      <c r="BE5018" s="93"/>
      <c r="BF5018" s="93"/>
      <c r="BG5018" s="93"/>
      <c r="BH5018" s="93"/>
      <c r="BI5018" s="93"/>
      <c r="BJ5018" s="93"/>
      <c r="BK5018" s="93"/>
      <c r="BL5018" s="93"/>
    </row>
    <row r="5019" spans="2:64" x14ac:dyDescent="0.2">
      <c r="B5019" s="43"/>
      <c r="C5019" s="73"/>
      <c r="D5019" s="64"/>
      <c r="E5019" s="55"/>
      <c r="F5019" s="74"/>
      <c r="G5019" s="74"/>
      <c r="H5019" s="74"/>
      <c r="I5019" s="75"/>
      <c r="J5019" s="74"/>
      <c r="L5019" s="55"/>
      <c r="M5019" s="234"/>
      <c r="N5019" s="65"/>
      <c r="O5019" s="76"/>
      <c r="P5019" s="76"/>
      <c r="Q5019" s="65"/>
      <c r="R5019" s="76"/>
      <c r="S5019" s="76"/>
      <c r="T5019" s="76"/>
      <c r="U5019" s="76"/>
      <c r="V5019" s="76"/>
      <c r="W5019" s="76"/>
      <c r="X5019" s="76"/>
      <c r="Y5019" s="76"/>
      <c r="Z5019" s="76"/>
      <c r="AA5019" s="85"/>
      <c r="AB5019" s="85"/>
      <c r="AC5019" s="85"/>
      <c r="AD5019" s="85"/>
      <c r="AE5019" s="85"/>
      <c r="AF5019" s="85"/>
      <c r="AG5019" s="86"/>
      <c r="AH5019" s="85"/>
      <c r="AI5019" s="85"/>
      <c r="AJ5019" s="85"/>
      <c r="AK5019" s="85"/>
      <c r="AL5019" s="85"/>
      <c r="AM5019" s="92"/>
      <c r="AN5019" s="92"/>
      <c r="AO5019" s="92"/>
      <c r="AP5019" s="92"/>
      <c r="AQ5019" s="92"/>
      <c r="AR5019" s="92"/>
      <c r="AS5019" s="92"/>
      <c r="AT5019" s="92"/>
      <c r="AU5019" s="92"/>
      <c r="AV5019" s="92"/>
      <c r="AW5019" s="92"/>
      <c r="AX5019" s="92"/>
      <c r="AY5019" s="92"/>
      <c r="AZ5019" s="93"/>
      <c r="BA5019" s="93"/>
      <c r="BB5019" s="93"/>
      <c r="BC5019" s="93"/>
      <c r="BD5019" s="93"/>
      <c r="BE5019" s="93"/>
      <c r="BF5019" s="93"/>
      <c r="BG5019" s="93"/>
      <c r="BH5019" s="93"/>
      <c r="BI5019" s="93"/>
      <c r="BJ5019" s="93"/>
      <c r="BK5019" s="93"/>
      <c r="BL5019" s="93"/>
    </row>
    <row r="5020" spans="2:64" x14ac:dyDescent="0.2">
      <c r="B5020" s="43"/>
      <c r="C5020" s="73"/>
      <c r="D5020" s="64"/>
      <c r="E5020" s="55"/>
      <c r="F5020" s="74"/>
      <c r="G5020" s="74"/>
      <c r="H5020" s="74"/>
      <c r="I5020" s="75"/>
      <c r="J5020" s="74"/>
      <c r="L5020" s="55"/>
      <c r="M5020" s="234"/>
      <c r="N5020" s="65"/>
      <c r="O5020" s="76"/>
      <c r="P5020" s="76"/>
      <c r="Q5020" s="65"/>
      <c r="R5020" s="76"/>
      <c r="S5020" s="76"/>
      <c r="T5020" s="76"/>
      <c r="U5020" s="76"/>
      <c r="V5020" s="76"/>
      <c r="W5020" s="76"/>
      <c r="X5020" s="76"/>
      <c r="Y5020" s="76"/>
      <c r="Z5020" s="76"/>
      <c r="AA5020" s="85"/>
      <c r="AB5020" s="85"/>
      <c r="AC5020" s="85"/>
      <c r="AD5020" s="85"/>
      <c r="AE5020" s="85"/>
      <c r="AF5020" s="85"/>
      <c r="AG5020" s="86"/>
      <c r="AH5020" s="85"/>
      <c r="AI5020" s="85"/>
      <c r="AJ5020" s="85"/>
      <c r="AK5020" s="85"/>
      <c r="AL5020" s="85"/>
      <c r="AM5020" s="92"/>
      <c r="AN5020" s="92"/>
      <c r="AO5020" s="92"/>
      <c r="AP5020" s="92"/>
      <c r="AQ5020" s="92"/>
      <c r="AR5020" s="92"/>
      <c r="AS5020" s="92"/>
      <c r="AT5020" s="92"/>
      <c r="AU5020" s="92"/>
      <c r="AV5020" s="92"/>
      <c r="AW5020" s="92"/>
      <c r="AX5020" s="92"/>
      <c r="AY5020" s="92"/>
      <c r="AZ5020" s="93"/>
      <c r="BA5020" s="93"/>
      <c r="BB5020" s="93"/>
      <c r="BC5020" s="93"/>
      <c r="BD5020" s="93"/>
      <c r="BE5020" s="93"/>
      <c r="BF5020" s="93"/>
      <c r="BG5020" s="93"/>
      <c r="BH5020" s="93"/>
      <c r="BI5020" s="93"/>
      <c r="BJ5020" s="93"/>
      <c r="BK5020" s="93"/>
      <c r="BL5020" s="93"/>
    </row>
    <row r="5021" spans="2:64" x14ac:dyDescent="0.2">
      <c r="B5021" s="43"/>
      <c r="C5021" s="73"/>
      <c r="D5021" s="64"/>
      <c r="E5021" s="55"/>
      <c r="F5021" s="74"/>
      <c r="G5021" s="74"/>
      <c r="H5021" s="74"/>
      <c r="I5021" s="75"/>
      <c r="J5021" s="74"/>
      <c r="L5021" s="55"/>
      <c r="M5021" s="234"/>
      <c r="N5021" s="65"/>
      <c r="O5021" s="76"/>
      <c r="P5021" s="76"/>
      <c r="Q5021" s="65"/>
      <c r="R5021" s="76"/>
      <c r="S5021" s="76"/>
      <c r="T5021" s="76"/>
      <c r="U5021" s="76"/>
      <c r="V5021" s="76"/>
      <c r="W5021" s="76"/>
      <c r="X5021" s="76"/>
      <c r="Y5021" s="76"/>
      <c r="Z5021" s="76"/>
      <c r="AA5021" s="85"/>
      <c r="AB5021" s="85"/>
      <c r="AC5021" s="85"/>
      <c r="AD5021" s="85"/>
      <c r="AE5021" s="85"/>
      <c r="AF5021" s="85"/>
      <c r="AG5021" s="86"/>
      <c r="AH5021" s="85"/>
      <c r="AI5021" s="85"/>
      <c r="AJ5021" s="85"/>
      <c r="AK5021" s="85"/>
      <c r="AL5021" s="85"/>
      <c r="AM5021" s="92"/>
      <c r="AN5021" s="92"/>
      <c r="AO5021" s="92"/>
      <c r="AP5021" s="92"/>
      <c r="AQ5021" s="92"/>
      <c r="AR5021" s="92"/>
      <c r="AS5021" s="92"/>
      <c r="AT5021" s="92"/>
      <c r="AU5021" s="92"/>
      <c r="AV5021" s="92"/>
      <c r="AW5021" s="92"/>
      <c r="AX5021" s="92"/>
      <c r="AY5021" s="92"/>
      <c r="AZ5021" s="93"/>
      <c r="BA5021" s="93"/>
      <c r="BB5021" s="93"/>
      <c r="BC5021" s="93"/>
      <c r="BD5021" s="93"/>
      <c r="BE5021" s="93"/>
      <c r="BF5021" s="93"/>
      <c r="BG5021" s="93"/>
      <c r="BH5021" s="93"/>
      <c r="BI5021" s="93"/>
      <c r="BJ5021" s="93"/>
      <c r="BK5021" s="93"/>
      <c r="BL5021" s="93"/>
    </row>
    <row r="5022" spans="2:64" x14ac:dyDescent="0.2">
      <c r="B5022" s="43"/>
      <c r="C5022" s="73"/>
      <c r="D5022" s="64"/>
      <c r="E5022" s="55"/>
      <c r="F5022" s="74"/>
      <c r="G5022" s="74"/>
      <c r="H5022" s="74"/>
      <c r="I5022" s="75"/>
      <c r="J5022" s="74"/>
      <c r="L5022" s="55"/>
      <c r="M5022" s="234"/>
      <c r="N5022" s="65"/>
      <c r="O5022" s="76"/>
      <c r="P5022" s="76"/>
      <c r="Q5022" s="65"/>
      <c r="R5022" s="76"/>
      <c r="S5022" s="76"/>
      <c r="T5022" s="76"/>
      <c r="U5022" s="76"/>
      <c r="V5022" s="76"/>
      <c r="W5022" s="76"/>
      <c r="X5022" s="76"/>
      <c r="Y5022" s="76"/>
      <c r="Z5022" s="76"/>
      <c r="AA5022" s="85"/>
      <c r="AB5022" s="85"/>
      <c r="AC5022" s="85"/>
      <c r="AD5022" s="85"/>
      <c r="AE5022" s="85"/>
      <c r="AF5022" s="85"/>
      <c r="AG5022" s="86"/>
      <c r="AH5022" s="85"/>
      <c r="AI5022" s="85"/>
      <c r="AJ5022" s="85"/>
      <c r="AK5022" s="85"/>
      <c r="AL5022" s="85"/>
      <c r="AM5022" s="92"/>
      <c r="AN5022" s="92"/>
      <c r="AO5022" s="92"/>
      <c r="AP5022" s="92"/>
      <c r="AQ5022" s="92"/>
      <c r="AR5022" s="92"/>
      <c r="AS5022" s="92"/>
      <c r="AT5022" s="92"/>
      <c r="AU5022" s="92"/>
      <c r="AV5022" s="92"/>
      <c r="AW5022" s="92"/>
      <c r="AX5022" s="92"/>
      <c r="AY5022" s="92"/>
      <c r="AZ5022" s="93"/>
      <c r="BA5022" s="93"/>
      <c r="BB5022" s="93"/>
      <c r="BC5022" s="93"/>
      <c r="BD5022" s="93"/>
      <c r="BE5022" s="93"/>
      <c r="BF5022" s="93"/>
      <c r="BG5022" s="93"/>
      <c r="BH5022" s="93"/>
      <c r="BI5022" s="93"/>
      <c r="BJ5022" s="93"/>
      <c r="BK5022" s="93"/>
      <c r="BL5022" s="93"/>
    </row>
    <row r="5023" spans="2:64" x14ac:dyDescent="0.2">
      <c r="B5023" s="43"/>
      <c r="C5023" s="73"/>
      <c r="D5023" s="64"/>
      <c r="E5023" s="55"/>
      <c r="F5023" s="74"/>
      <c r="G5023" s="74"/>
      <c r="H5023" s="74"/>
      <c r="I5023" s="75"/>
      <c r="J5023" s="74"/>
      <c r="L5023" s="55"/>
      <c r="M5023" s="234"/>
      <c r="N5023" s="65"/>
      <c r="O5023" s="76"/>
      <c r="P5023" s="76"/>
      <c r="Q5023" s="65"/>
      <c r="R5023" s="76"/>
      <c r="S5023" s="76"/>
      <c r="T5023" s="76"/>
      <c r="U5023" s="76"/>
      <c r="V5023" s="76"/>
      <c r="W5023" s="76"/>
      <c r="X5023" s="76"/>
      <c r="Y5023" s="76"/>
      <c r="Z5023" s="76"/>
      <c r="AA5023" s="85"/>
      <c r="AB5023" s="85"/>
      <c r="AC5023" s="85"/>
      <c r="AD5023" s="85"/>
      <c r="AE5023" s="85"/>
      <c r="AF5023" s="85"/>
      <c r="AG5023" s="86"/>
      <c r="AH5023" s="85"/>
      <c r="AI5023" s="85"/>
      <c r="AJ5023" s="85"/>
      <c r="AK5023" s="85"/>
      <c r="AL5023" s="85"/>
      <c r="AM5023" s="92"/>
      <c r="AN5023" s="92"/>
      <c r="AO5023" s="92"/>
      <c r="AP5023" s="92"/>
      <c r="AQ5023" s="92"/>
      <c r="AR5023" s="92"/>
      <c r="AS5023" s="92"/>
      <c r="AT5023" s="92"/>
      <c r="AU5023" s="92"/>
      <c r="AV5023" s="92"/>
      <c r="AW5023" s="92"/>
      <c r="AX5023" s="92"/>
      <c r="AY5023" s="92"/>
      <c r="AZ5023" s="93"/>
      <c r="BA5023" s="93"/>
      <c r="BB5023" s="93"/>
      <c r="BC5023" s="93"/>
      <c r="BD5023" s="93"/>
      <c r="BE5023" s="93"/>
      <c r="BF5023" s="93"/>
      <c r="BG5023" s="93"/>
      <c r="BH5023" s="93"/>
      <c r="BI5023" s="93"/>
      <c r="BJ5023" s="93"/>
      <c r="BK5023" s="93"/>
      <c r="BL5023" s="93"/>
    </row>
    <row r="5024" spans="2:64" x14ac:dyDescent="0.2">
      <c r="B5024" s="43"/>
      <c r="C5024" s="73"/>
      <c r="D5024" s="64"/>
      <c r="E5024" s="55"/>
      <c r="F5024" s="74"/>
      <c r="G5024" s="74"/>
      <c r="H5024" s="74"/>
      <c r="I5024" s="75"/>
      <c r="J5024" s="74"/>
      <c r="L5024" s="55"/>
      <c r="M5024" s="234"/>
      <c r="N5024" s="65"/>
      <c r="O5024" s="76"/>
      <c r="P5024" s="76"/>
      <c r="Q5024" s="65"/>
      <c r="R5024" s="76"/>
      <c r="S5024" s="76"/>
      <c r="T5024" s="76"/>
      <c r="U5024" s="76"/>
      <c r="V5024" s="76"/>
      <c r="W5024" s="76"/>
      <c r="X5024" s="76"/>
      <c r="Y5024" s="76"/>
      <c r="Z5024" s="76"/>
      <c r="AA5024" s="85"/>
      <c r="AB5024" s="85"/>
      <c r="AC5024" s="85"/>
      <c r="AD5024" s="85"/>
      <c r="AE5024" s="85"/>
      <c r="AF5024" s="85"/>
      <c r="AG5024" s="86"/>
      <c r="AH5024" s="85"/>
      <c r="AI5024" s="85"/>
      <c r="AJ5024" s="85"/>
      <c r="AK5024" s="85"/>
      <c r="AL5024" s="85"/>
      <c r="AM5024" s="92"/>
      <c r="AN5024" s="92"/>
      <c r="AO5024" s="92"/>
      <c r="AP5024" s="92"/>
      <c r="AQ5024" s="92"/>
      <c r="AR5024" s="92"/>
      <c r="AS5024" s="92"/>
      <c r="AT5024" s="92"/>
      <c r="AU5024" s="92"/>
      <c r="AV5024" s="92"/>
      <c r="AW5024" s="92"/>
      <c r="AX5024" s="92"/>
      <c r="AY5024" s="92"/>
      <c r="AZ5024" s="93"/>
      <c r="BA5024" s="93"/>
      <c r="BB5024" s="93"/>
      <c r="BC5024" s="93"/>
      <c r="BD5024" s="93"/>
      <c r="BE5024" s="93"/>
      <c r="BF5024" s="93"/>
      <c r="BG5024" s="93"/>
      <c r="BH5024" s="93"/>
      <c r="BI5024" s="93"/>
      <c r="BJ5024" s="93"/>
      <c r="BK5024" s="93"/>
      <c r="BL5024" s="93"/>
    </row>
    <row r="5025" spans="2:64" x14ac:dyDescent="0.2">
      <c r="B5025" s="43"/>
      <c r="C5025" s="73"/>
      <c r="D5025" s="64"/>
      <c r="E5025" s="55"/>
      <c r="F5025" s="74"/>
      <c r="G5025" s="74"/>
      <c r="H5025" s="74"/>
      <c r="I5025" s="75"/>
      <c r="J5025" s="74"/>
      <c r="L5025" s="55"/>
      <c r="M5025" s="234"/>
      <c r="N5025" s="65"/>
      <c r="O5025" s="76"/>
      <c r="P5025" s="76"/>
      <c r="Q5025" s="65"/>
      <c r="R5025" s="76"/>
      <c r="S5025" s="76"/>
      <c r="T5025" s="76"/>
      <c r="U5025" s="76"/>
      <c r="V5025" s="76"/>
      <c r="W5025" s="76"/>
      <c r="X5025" s="76"/>
      <c r="Y5025" s="76"/>
      <c r="Z5025" s="76"/>
      <c r="AA5025" s="85"/>
      <c r="AB5025" s="85"/>
      <c r="AC5025" s="85"/>
      <c r="AD5025" s="85"/>
      <c r="AE5025" s="85"/>
      <c r="AF5025" s="85"/>
      <c r="AG5025" s="86"/>
      <c r="AH5025" s="85"/>
      <c r="AI5025" s="85"/>
      <c r="AJ5025" s="85"/>
      <c r="AK5025" s="85"/>
      <c r="AL5025" s="85"/>
      <c r="AM5025" s="92"/>
      <c r="AN5025" s="92"/>
      <c r="AO5025" s="92"/>
      <c r="AP5025" s="92"/>
      <c r="AQ5025" s="92"/>
      <c r="AR5025" s="92"/>
      <c r="AS5025" s="92"/>
      <c r="AT5025" s="92"/>
      <c r="AU5025" s="92"/>
      <c r="AV5025" s="92"/>
      <c r="AW5025" s="92"/>
      <c r="AX5025" s="92"/>
      <c r="AY5025" s="92"/>
      <c r="AZ5025" s="93"/>
      <c r="BA5025" s="93"/>
      <c r="BB5025" s="93"/>
      <c r="BC5025" s="93"/>
      <c r="BD5025" s="93"/>
      <c r="BE5025" s="93"/>
      <c r="BF5025" s="93"/>
      <c r="BG5025" s="93"/>
      <c r="BH5025" s="93"/>
      <c r="BI5025" s="93"/>
      <c r="BJ5025" s="93"/>
      <c r="BK5025" s="93"/>
      <c r="BL5025" s="93"/>
    </row>
    <row r="5026" spans="2:64" x14ac:dyDescent="0.2">
      <c r="B5026" s="43"/>
      <c r="C5026" s="73"/>
      <c r="D5026" s="64"/>
      <c r="E5026" s="55"/>
      <c r="F5026" s="74"/>
      <c r="G5026" s="74"/>
      <c r="H5026" s="74"/>
      <c r="I5026" s="75"/>
      <c r="J5026" s="74"/>
      <c r="L5026" s="55"/>
      <c r="M5026" s="234"/>
      <c r="N5026" s="65"/>
      <c r="O5026" s="76"/>
      <c r="P5026" s="76"/>
      <c r="Q5026" s="65"/>
      <c r="R5026" s="76"/>
      <c r="S5026" s="76"/>
      <c r="T5026" s="76"/>
      <c r="U5026" s="76"/>
      <c r="V5026" s="76"/>
      <c r="W5026" s="76"/>
      <c r="X5026" s="76"/>
      <c r="Y5026" s="76"/>
      <c r="Z5026" s="76"/>
      <c r="AA5026" s="85"/>
      <c r="AB5026" s="85"/>
      <c r="AC5026" s="85"/>
      <c r="AD5026" s="85"/>
      <c r="AE5026" s="85"/>
      <c r="AF5026" s="85"/>
      <c r="AG5026" s="86"/>
      <c r="AH5026" s="85"/>
      <c r="AI5026" s="85"/>
      <c r="AJ5026" s="85"/>
      <c r="AK5026" s="85"/>
      <c r="AL5026" s="85"/>
      <c r="AM5026" s="92"/>
      <c r="AN5026" s="92"/>
      <c r="AO5026" s="92"/>
      <c r="AP5026" s="92"/>
      <c r="AQ5026" s="92"/>
      <c r="AR5026" s="92"/>
      <c r="AS5026" s="92"/>
      <c r="AT5026" s="92"/>
      <c r="AU5026" s="92"/>
      <c r="AV5026" s="92"/>
      <c r="AW5026" s="92"/>
      <c r="AX5026" s="92"/>
      <c r="AY5026" s="92"/>
      <c r="AZ5026" s="93"/>
      <c r="BA5026" s="93"/>
      <c r="BB5026" s="93"/>
      <c r="BC5026" s="93"/>
      <c r="BD5026" s="93"/>
      <c r="BE5026" s="93"/>
      <c r="BF5026" s="93"/>
      <c r="BG5026" s="93"/>
      <c r="BH5026" s="93"/>
      <c r="BI5026" s="93"/>
      <c r="BJ5026" s="93"/>
      <c r="BK5026" s="93"/>
      <c r="BL5026" s="93"/>
    </row>
    <row r="5027" spans="2:64" x14ac:dyDescent="0.2">
      <c r="B5027" s="43"/>
      <c r="C5027" s="73"/>
      <c r="D5027" s="64"/>
      <c r="E5027" s="55"/>
      <c r="F5027" s="74"/>
      <c r="G5027" s="74"/>
      <c r="H5027" s="74"/>
      <c r="I5027" s="75"/>
      <c r="J5027" s="74"/>
      <c r="L5027" s="55"/>
      <c r="M5027" s="234"/>
      <c r="N5027" s="65"/>
      <c r="O5027" s="76"/>
      <c r="P5027" s="76"/>
      <c r="Q5027" s="65"/>
      <c r="R5027" s="76"/>
      <c r="S5027" s="76"/>
      <c r="T5027" s="76"/>
      <c r="U5027" s="76"/>
      <c r="V5027" s="76"/>
      <c r="W5027" s="76"/>
      <c r="X5027" s="76"/>
      <c r="Y5027" s="76"/>
      <c r="Z5027" s="76"/>
      <c r="AA5027" s="85"/>
      <c r="AB5027" s="85"/>
      <c r="AC5027" s="85"/>
      <c r="AD5027" s="85"/>
      <c r="AE5027" s="85"/>
      <c r="AF5027" s="85"/>
      <c r="AG5027" s="86"/>
      <c r="AH5027" s="85"/>
      <c r="AI5027" s="85"/>
      <c r="AJ5027" s="85"/>
      <c r="AK5027" s="85"/>
      <c r="AL5027" s="85"/>
      <c r="AM5027" s="92"/>
      <c r="AN5027" s="92"/>
      <c r="AO5027" s="92"/>
      <c r="AP5027" s="92"/>
      <c r="AQ5027" s="92"/>
      <c r="AR5027" s="92"/>
      <c r="AS5027" s="92"/>
      <c r="AT5027" s="92"/>
      <c r="AU5027" s="92"/>
      <c r="AV5027" s="92"/>
      <c r="AW5027" s="92"/>
      <c r="AX5027" s="92"/>
      <c r="AY5027" s="92"/>
      <c r="AZ5027" s="93"/>
      <c r="BA5027" s="93"/>
      <c r="BB5027" s="93"/>
      <c r="BC5027" s="93"/>
      <c r="BD5027" s="93"/>
      <c r="BE5027" s="93"/>
      <c r="BF5027" s="93"/>
      <c r="BG5027" s="93"/>
      <c r="BH5027" s="93"/>
      <c r="BI5027" s="93"/>
      <c r="BJ5027" s="93"/>
      <c r="BK5027" s="93"/>
      <c r="BL5027" s="93"/>
    </row>
    <row r="5028" spans="2:64" x14ac:dyDescent="0.2">
      <c r="B5028" s="43"/>
      <c r="C5028" s="73"/>
      <c r="D5028" s="64"/>
      <c r="E5028" s="55"/>
      <c r="F5028" s="74"/>
      <c r="G5028" s="74"/>
      <c r="H5028" s="74"/>
      <c r="I5028" s="75"/>
      <c r="J5028" s="74"/>
      <c r="L5028" s="55"/>
      <c r="M5028" s="234"/>
      <c r="N5028" s="65"/>
      <c r="O5028" s="76"/>
      <c r="P5028" s="76"/>
      <c r="Q5028" s="65"/>
      <c r="R5028" s="76"/>
      <c r="S5028" s="76"/>
      <c r="T5028" s="76"/>
      <c r="U5028" s="76"/>
      <c r="V5028" s="76"/>
      <c r="W5028" s="76"/>
      <c r="X5028" s="76"/>
      <c r="Y5028" s="76"/>
      <c r="Z5028" s="76"/>
      <c r="AA5028" s="85"/>
      <c r="AB5028" s="85"/>
      <c r="AC5028" s="85"/>
      <c r="AD5028" s="85"/>
      <c r="AE5028" s="85"/>
      <c r="AF5028" s="85"/>
      <c r="AG5028" s="86"/>
      <c r="AH5028" s="85"/>
      <c r="AI5028" s="85"/>
      <c r="AJ5028" s="85"/>
      <c r="AK5028" s="85"/>
      <c r="AL5028" s="85"/>
      <c r="AM5028" s="92"/>
      <c r="AN5028" s="92"/>
      <c r="AO5028" s="92"/>
      <c r="AP5028" s="92"/>
      <c r="AQ5028" s="92"/>
      <c r="AR5028" s="92"/>
      <c r="AS5028" s="92"/>
      <c r="AT5028" s="92"/>
      <c r="AU5028" s="92"/>
      <c r="AV5028" s="92"/>
      <c r="AW5028" s="92"/>
      <c r="AX5028" s="92"/>
      <c r="AY5028" s="92"/>
      <c r="AZ5028" s="93"/>
      <c r="BA5028" s="93"/>
      <c r="BB5028" s="93"/>
      <c r="BC5028" s="93"/>
      <c r="BD5028" s="93"/>
      <c r="BE5028" s="93"/>
      <c r="BF5028" s="93"/>
      <c r="BG5028" s="93"/>
      <c r="BH5028" s="93"/>
      <c r="BI5028" s="93"/>
      <c r="BJ5028" s="93"/>
      <c r="BK5028" s="93"/>
      <c r="BL5028" s="93"/>
    </row>
    <row r="5029" spans="2:64" x14ac:dyDescent="0.2">
      <c r="B5029" s="43"/>
      <c r="C5029" s="73"/>
      <c r="D5029" s="64"/>
      <c r="E5029" s="55"/>
      <c r="F5029" s="74"/>
      <c r="G5029" s="74"/>
      <c r="H5029" s="74"/>
      <c r="I5029" s="75"/>
      <c r="J5029" s="74"/>
      <c r="L5029" s="55"/>
      <c r="M5029" s="234"/>
      <c r="N5029" s="65"/>
      <c r="O5029" s="76"/>
      <c r="P5029" s="76"/>
      <c r="Q5029" s="65"/>
      <c r="R5029" s="76"/>
      <c r="S5029" s="76"/>
      <c r="T5029" s="76"/>
      <c r="U5029" s="76"/>
      <c r="V5029" s="76"/>
      <c r="W5029" s="76"/>
      <c r="X5029" s="76"/>
      <c r="Y5029" s="76"/>
      <c r="Z5029" s="76"/>
      <c r="AA5029" s="85"/>
      <c r="AB5029" s="85"/>
      <c r="AC5029" s="85"/>
      <c r="AD5029" s="85"/>
      <c r="AE5029" s="85"/>
      <c r="AF5029" s="85"/>
      <c r="AG5029" s="86"/>
      <c r="AH5029" s="85"/>
      <c r="AI5029" s="85"/>
      <c r="AJ5029" s="85"/>
      <c r="AK5029" s="85"/>
      <c r="AL5029" s="85"/>
      <c r="AM5029" s="92"/>
      <c r="AN5029" s="92"/>
      <c r="AO5029" s="92"/>
      <c r="AP5029" s="92"/>
      <c r="AQ5029" s="92"/>
      <c r="AR5029" s="92"/>
      <c r="AS5029" s="92"/>
      <c r="AT5029" s="92"/>
      <c r="AU5029" s="92"/>
      <c r="AV5029" s="92"/>
      <c r="AW5029" s="92"/>
      <c r="AX5029" s="92"/>
      <c r="AY5029" s="92"/>
      <c r="AZ5029" s="93"/>
      <c r="BA5029" s="93"/>
      <c r="BB5029" s="93"/>
      <c r="BC5029" s="93"/>
      <c r="BD5029" s="93"/>
      <c r="BE5029" s="93"/>
      <c r="BF5029" s="93"/>
      <c r="BG5029" s="93"/>
      <c r="BH5029" s="93"/>
      <c r="BI5029" s="93"/>
      <c r="BJ5029" s="93"/>
      <c r="BK5029" s="93"/>
      <c r="BL5029" s="93"/>
    </row>
    <row r="5030" spans="2:64" x14ac:dyDescent="0.2">
      <c r="B5030" s="43"/>
      <c r="C5030" s="73"/>
      <c r="D5030" s="64"/>
      <c r="E5030" s="55"/>
      <c r="F5030" s="74"/>
      <c r="G5030" s="74"/>
      <c r="H5030" s="74"/>
      <c r="I5030" s="75"/>
      <c r="J5030" s="74"/>
      <c r="L5030" s="55"/>
      <c r="M5030" s="234"/>
      <c r="N5030" s="65"/>
      <c r="O5030" s="76"/>
      <c r="P5030" s="76"/>
      <c r="Q5030" s="65"/>
      <c r="R5030" s="76"/>
      <c r="S5030" s="76"/>
      <c r="T5030" s="76"/>
      <c r="U5030" s="76"/>
      <c r="V5030" s="76"/>
      <c r="W5030" s="76"/>
      <c r="X5030" s="76"/>
      <c r="Y5030" s="76"/>
      <c r="Z5030" s="76"/>
      <c r="AA5030" s="85"/>
      <c r="AB5030" s="85"/>
      <c r="AC5030" s="85"/>
      <c r="AD5030" s="85"/>
      <c r="AE5030" s="85"/>
      <c r="AF5030" s="85"/>
      <c r="AG5030" s="86"/>
      <c r="AH5030" s="85"/>
      <c r="AI5030" s="85"/>
      <c r="AJ5030" s="85"/>
      <c r="AK5030" s="85"/>
      <c r="AL5030" s="85"/>
      <c r="AM5030" s="92"/>
      <c r="AN5030" s="92"/>
      <c r="AO5030" s="92"/>
      <c r="AP5030" s="92"/>
      <c r="AQ5030" s="92"/>
      <c r="AR5030" s="92"/>
      <c r="AS5030" s="92"/>
      <c r="AT5030" s="92"/>
      <c r="AU5030" s="92"/>
      <c r="AV5030" s="92"/>
      <c r="AW5030" s="92"/>
      <c r="AX5030" s="92"/>
      <c r="AY5030" s="92"/>
      <c r="AZ5030" s="93"/>
      <c r="BA5030" s="93"/>
      <c r="BB5030" s="93"/>
      <c r="BC5030" s="93"/>
      <c r="BD5030" s="93"/>
      <c r="BE5030" s="93"/>
      <c r="BF5030" s="93"/>
      <c r="BG5030" s="93"/>
      <c r="BH5030" s="93"/>
      <c r="BI5030" s="93"/>
      <c r="BJ5030" s="93"/>
      <c r="BK5030" s="93"/>
      <c r="BL5030" s="93"/>
    </row>
    <row r="5031" spans="2:64" x14ac:dyDescent="0.2">
      <c r="B5031" s="43"/>
      <c r="C5031" s="73"/>
      <c r="D5031" s="64"/>
      <c r="E5031" s="55"/>
      <c r="F5031" s="74"/>
      <c r="G5031" s="74"/>
      <c r="H5031" s="74"/>
      <c r="I5031" s="75"/>
      <c r="J5031" s="74"/>
      <c r="L5031" s="55"/>
      <c r="M5031" s="234"/>
      <c r="N5031" s="65"/>
      <c r="O5031" s="76"/>
      <c r="P5031" s="76"/>
      <c r="Q5031" s="65"/>
      <c r="R5031" s="76"/>
      <c r="S5031" s="76"/>
      <c r="T5031" s="76"/>
      <c r="U5031" s="76"/>
      <c r="V5031" s="76"/>
      <c r="W5031" s="76"/>
      <c r="X5031" s="76"/>
      <c r="Y5031" s="76"/>
      <c r="Z5031" s="76"/>
      <c r="AA5031" s="85"/>
      <c r="AB5031" s="85"/>
      <c r="AC5031" s="85"/>
      <c r="AD5031" s="85"/>
      <c r="AE5031" s="85"/>
      <c r="AF5031" s="85"/>
      <c r="AG5031" s="86"/>
      <c r="AH5031" s="85"/>
      <c r="AI5031" s="85"/>
      <c r="AJ5031" s="85"/>
      <c r="AK5031" s="85"/>
      <c r="AL5031" s="85"/>
      <c r="AM5031" s="92"/>
      <c r="AN5031" s="92"/>
      <c r="AO5031" s="92"/>
      <c r="AP5031" s="92"/>
      <c r="AQ5031" s="92"/>
      <c r="AR5031" s="92"/>
      <c r="AS5031" s="92"/>
      <c r="AT5031" s="92"/>
      <c r="AU5031" s="92"/>
      <c r="AV5031" s="92"/>
      <c r="AW5031" s="92"/>
      <c r="AX5031" s="92"/>
      <c r="AY5031" s="92"/>
      <c r="AZ5031" s="93"/>
      <c r="BA5031" s="93"/>
      <c r="BB5031" s="93"/>
      <c r="BC5031" s="93"/>
      <c r="BD5031" s="93"/>
      <c r="BE5031" s="93"/>
      <c r="BF5031" s="93"/>
      <c r="BG5031" s="93"/>
      <c r="BH5031" s="93"/>
      <c r="BI5031" s="93"/>
      <c r="BJ5031" s="93"/>
      <c r="BK5031" s="93"/>
      <c r="BL5031" s="93"/>
    </row>
    <row r="5032" spans="2:64" x14ac:dyDescent="0.2">
      <c r="B5032" s="43"/>
      <c r="C5032" s="73"/>
      <c r="D5032" s="64"/>
      <c r="E5032" s="55"/>
      <c r="F5032" s="74"/>
      <c r="G5032" s="74"/>
      <c r="H5032" s="74"/>
      <c r="I5032" s="75"/>
      <c r="J5032" s="74"/>
      <c r="L5032" s="55"/>
      <c r="M5032" s="234"/>
      <c r="N5032" s="65"/>
      <c r="O5032" s="76"/>
      <c r="P5032" s="76"/>
      <c r="Q5032" s="65"/>
      <c r="R5032" s="76"/>
      <c r="S5032" s="76"/>
      <c r="T5032" s="76"/>
      <c r="U5032" s="76"/>
      <c r="V5032" s="76"/>
      <c r="W5032" s="76"/>
      <c r="X5032" s="76"/>
      <c r="Y5032" s="76"/>
      <c r="Z5032" s="76"/>
      <c r="AA5032" s="85"/>
      <c r="AB5032" s="85"/>
      <c r="AC5032" s="85"/>
      <c r="AD5032" s="85"/>
      <c r="AE5032" s="85"/>
      <c r="AF5032" s="85"/>
      <c r="AG5032" s="86"/>
      <c r="AH5032" s="85"/>
      <c r="AI5032" s="85"/>
      <c r="AJ5032" s="85"/>
      <c r="AK5032" s="85"/>
      <c r="AL5032" s="85"/>
      <c r="AM5032" s="92"/>
      <c r="AN5032" s="92"/>
      <c r="AO5032" s="92"/>
      <c r="AP5032" s="92"/>
      <c r="AQ5032" s="92"/>
      <c r="AR5032" s="92"/>
      <c r="AS5032" s="92"/>
      <c r="AT5032" s="92"/>
      <c r="AU5032" s="92"/>
      <c r="AV5032" s="92"/>
      <c r="AW5032" s="92"/>
      <c r="AX5032" s="92"/>
      <c r="AY5032" s="92"/>
      <c r="AZ5032" s="93"/>
      <c r="BA5032" s="93"/>
      <c r="BB5032" s="93"/>
      <c r="BC5032" s="93"/>
      <c r="BD5032" s="93"/>
      <c r="BE5032" s="93"/>
      <c r="BF5032" s="93"/>
      <c r="BG5032" s="93"/>
      <c r="BH5032" s="93"/>
      <c r="BI5032" s="93"/>
      <c r="BJ5032" s="93"/>
      <c r="BK5032" s="93"/>
      <c r="BL5032" s="93"/>
    </row>
    <row r="5033" spans="2:64" x14ac:dyDescent="0.2">
      <c r="B5033" s="43"/>
      <c r="C5033" s="73"/>
      <c r="D5033" s="64"/>
      <c r="E5033" s="55"/>
      <c r="F5033" s="74"/>
      <c r="G5033" s="74"/>
      <c r="H5033" s="74"/>
      <c r="I5033" s="75"/>
      <c r="J5033" s="74"/>
      <c r="L5033" s="55"/>
      <c r="M5033" s="234"/>
      <c r="N5033" s="65"/>
      <c r="O5033" s="76"/>
      <c r="P5033" s="76"/>
      <c r="Q5033" s="65"/>
      <c r="R5033" s="76"/>
      <c r="S5033" s="76"/>
      <c r="T5033" s="76"/>
      <c r="U5033" s="76"/>
      <c r="V5033" s="76"/>
      <c r="W5033" s="76"/>
      <c r="X5033" s="76"/>
      <c r="Y5033" s="76"/>
      <c r="Z5033" s="76"/>
      <c r="AA5033" s="85"/>
      <c r="AB5033" s="85"/>
      <c r="AC5033" s="85"/>
      <c r="AD5033" s="85"/>
      <c r="AE5033" s="85"/>
      <c r="AF5033" s="85"/>
      <c r="AG5033" s="86"/>
      <c r="AH5033" s="85"/>
      <c r="AI5033" s="85"/>
      <c r="AJ5033" s="85"/>
      <c r="AK5033" s="85"/>
      <c r="AL5033" s="85"/>
      <c r="AM5033" s="92"/>
      <c r="AN5033" s="92"/>
      <c r="AO5033" s="92"/>
      <c r="AP5033" s="92"/>
      <c r="AQ5033" s="92"/>
      <c r="AR5033" s="92"/>
      <c r="AS5033" s="92"/>
      <c r="AT5033" s="92"/>
      <c r="AU5033" s="92"/>
      <c r="AV5033" s="92"/>
      <c r="AW5033" s="92"/>
      <c r="AX5033" s="92"/>
      <c r="AY5033" s="92"/>
      <c r="AZ5033" s="93"/>
      <c r="BA5033" s="93"/>
      <c r="BB5033" s="93"/>
      <c r="BC5033" s="93"/>
      <c r="BD5033" s="93"/>
      <c r="BE5033" s="93"/>
      <c r="BF5033" s="93"/>
      <c r="BG5033" s="93"/>
      <c r="BH5033" s="93"/>
      <c r="BI5033" s="93"/>
      <c r="BJ5033" s="93"/>
      <c r="BK5033" s="93"/>
      <c r="BL5033" s="93"/>
    </row>
    <row r="5034" spans="2:64" x14ac:dyDescent="0.2">
      <c r="B5034" s="43"/>
      <c r="C5034" s="73"/>
      <c r="D5034" s="64"/>
      <c r="E5034" s="55"/>
      <c r="F5034" s="74"/>
      <c r="G5034" s="74"/>
      <c r="H5034" s="74"/>
      <c r="I5034" s="75"/>
      <c r="J5034" s="74"/>
      <c r="L5034" s="55"/>
      <c r="M5034" s="234"/>
      <c r="N5034" s="65"/>
      <c r="O5034" s="76"/>
      <c r="P5034" s="76"/>
      <c r="Q5034" s="65"/>
      <c r="R5034" s="76"/>
      <c r="S5034" s="76"/>
      <c r="T5034" s="76"/>
      <c r="U5034" s="76"/>
      <c r="V5034" s="76"/>
      <c r="W5034" s="76"/>
      <c r="X5034" s="76"/>
      <c r="Y5034" s="76"/>
      <c r="Z5034" s="76"/>
      <c r="AA5034" s="85"/>
      <c r="AB5034" s="85"/>
      <c r="AC5034" s="85"/>
      <c r="AD5034" s="85"/>
      <c r="AE5034" s="85"/>
      <c r="AF5034" s="85"/>
      <c r="AG5034" s="86"/>
      <c r="AH5034" s="85"/>
      <c r="AI5034" s="85"/>
      <c r="AJ5034" s="85"/>
      <c r="AK5034" s="85"/>
      <c r="AL5034" s="85"/>
      <c r="AM5034" s="92"/>
      <c r="AN5034" s="92"/>
      <c r="AO5034" s="92"/>
      <c r="AP5034" s="92"/>
      <c r="AQ5034" s="92"/>
      <c r="AR5034" s="92"/>
      <c r="AS5034" s="92"/>
      <c r="AT5034" s="92"/>
      <c r="AU5034" s="92"/>
      <c r="AV5034" s="92"/>
      <c r="AW5034" s="92"/>
      <c r="AX5034" s="92"/>
      <c r="AY5034" s="92"/>
      <c r="AZ5034" s="93"/>
      <c r="BA5034" s="93"/>
      <c r="BB5034" s="93"/>
      <c r="BC5034" s="93"/>
      <c r="BD5034" s="93"/>
      <c r="BE5034" s="93"/>
      <c r="BF5034" s="93"/>
      <c r="BG5034" s="93"/>
      <c r="BH5034" s="93"/>
      <c r="BI5034" s="93"/>
      <c r="BJ5034" s="93"/>
      <c r="BK5034" s="93"/>
      <c r="BL5034" s="93"/>
    </row>
    <row r="5035" spans="2:64" x14ac:dyDescent="0.2">
      <c r="B5035" s="43"/>
      <c r="C5035" s="73"/>
      <c r="D5035" s="64"/>
      <c r="E5035" s="55"/>
      <c r="F5035" s="74"/>
      <c r="G5035" s="74"/>
      <c r="H5035" s="74"/>
      <c r="I5035" s="75"/>
      <c r="J5035" s="74"/>
      <c r="L5035" s="55"/>
      <c r="M5035" s="234"/>
      <c r="N5035" s="65"/>
      <c r="O5035" s="76"/>
      <c r="P5035" s="76"/>
      <c r="Q5035" s="65"/>
      <c r="R5035" s="76"/>
      <c r="S5035" s="76"/>
      <c r="T5035" s="76"/>
      <c r="U5035" s="76"/>
      <c r="V5035" s="76"/>
      <c r="W5035" s="76"/>
      <c r="X5035" s="76"/>
      <c r="Y5035" s="76"/>
      <c r="Z5035" s="76"/>
      <c r="AA5035" s="85"/>
      <c r="AB5035" s="85"/>
      <c r="AC5035" s="85"/>
      <c r="AD5035" s="85"/>
      <c r="AE5035" s="85"/>
      <c r="AF5035" s="85"/>
      <c r="AG5035" s="86"/>
      <c r="AH5035" s="85"/>
      <c r="AI5035" s="85"/>
      <c r="AJ5035" s="85"/>
      <c r="AK5035" s="85"/>
      <c r="AL5035" s="85"/>
      <c r="AM5035" s="92"/>
      <c r="AN5035" s="92"/>
      <c r="AO5035" s="92"/>
      <c r="AP5035" s="92"/>
      <c r="AQ5035" s="92"/>
      <c r="AR5035" s="92"/>
      <c r="AS5035" s="92"/>
      <c r="AT5035" s="92"/>
      <c r="AU5035" s="92"/>
      <c r="AV5035" s="92"/>
      <c r="AW5035" s="92"/>
      <c r="AX5035" s="92"/>
      <c r="AY5035" s="92"/>
      <c r="AZ5035" s="93"/>
      <c r="BA5035" s="93"/>
      <c r="BB5035" s="93"/>
      <c r="BC5035" s="93"/>
      <c r="BD5035" s="93"/>
      <c r="BE5035" s="93"/>
      <c r="BF5035" s="93"/>
      <c r="BG5035" s="93"/>
      <c r="BH5035" s="93"/>
      <c r="BI5035" s="93"/>
      <c r="BJ5035" s="93"/>
      <c r="BK5035" s="93"/>
      <c r="BL5035" s="93"/>
    </row>
    <row r="5036" spans="2:64" x14ac:dyDescent="0.2">
      <c r="B5036" s="43"/>
      <c r="C5036" s="73"/>
      <c r="D5036" s="64"/>
      <c r="E5036" s="55"/>
      <c r="F5036" s="74"/>
      <c r="G5036" s="74"/>
      <c r="H5036" s="74"/>
      <c r="I5036" s="75"/>
      <c r="J5036" s="74"/>
      <c r="L5036" s="55"/>
      <c r="M5036" s="234"/>
      <c r="N5036" s="65"/>
      <c r="O5036" s="76"/>
      <c r="P5036" s="76"/>
      <c r="Q5036" s="65"/>
      <c r="R5036" s="76"/>
      <c r="S5036" s="76"/>
      <c r="T5036" s="76"/>
      <c r="U5036" s="76"/>
      <c r="V5036" s="76"/>
      <c r="W5036" s="76"/>
      <c r="X5036" s="76"/>
      <c r="Y5036" s="76"/>
      <c r="Z5036" s="76"/>
      <c r="AA5036" s="85"/>
      <c r="AB5036" s="85"/>
      <c r="AC5036" s="85"/>
      <c r="AD5036" s="85"/>
      <c r="AE5036" s="85"/>
      <c r="AF5036" s="85"/>
      <c r="AG5036" s="86"/>
      <c r="AH5036" s="85"/>
      <c r="AI5036" s="85"/>
      <c r="AJ5036" s="85"/>
      <c r="AK5036" s="85"/>
      <c r="AL5036" s="85"/>
      <c r="AM5036" s="92"/>
      <c r="AN5036" s="92"/>
      <c r="AO5036" s="92"/>
      <c r="AP5036" s="92"/>
      <c r="AQ5036" s="92"/>
      <c r="AR5036" s="92"/>
      <c r="AS5036" s="92"/>
      <c r="AT5036" s="92"/>
      <c r="AU5036" s="92"/>
      <c r="AV5036" s="92"/>
      <c r="AW5036" s="92"/>
      <c r="AX5036" s="92"/>
      <c r="AY5036" s="92"/>
      <c r="AZ5036" s="93"/>
      <c r="BA5036" s="93"/>
      <c r="BB5036" s="93"/>
      <c r="BC5036" s="93"/>
      <c r="BD5036" s="93"/>
      <c r="BE5036" s="93"/>
      <c r="BF5036" s="93"/>
      <c r="BG5036" s="93"/>
      <c r="BH5036" s="93"/>
      <c r="BI5036" s="93"/>
      <c r="BJ5036" s="93"/>
      <c r="BK5036" s="93"/>
      <c r="BL5036" s="93"/>
    </row>
    <row r="5037" spans="2:64" x14ac:dyDescent="0.2">
      <c r="B5037" s="43"/>
      <c r="C5037" s="73"/>
      <c r="D5037" s="64"/>
      <c r="E5037" s="55"/>
      <c r="F5037" s="74"/>
      <c r="G5037" s="74"/>
      <c r="H5037" s="74"/>
      <c r="I5037" s="75"/>
      <c r="J5037" s="74"/>
      <c r="L5037" s="55"/>
      <c r="M5037" s="234"/>
      <c r="N5037" s="65"/>
      <c r="O5037" s="76"/>
      <c r="P5037" s="76"/>
      <c r="Q5037" s="65"/>
      <c r="R5037" s="76"/>
      <c r="S5037" s="76"/>
      <c r="T5037" s="76"/>
      <c r="U5037" s="76"/>
      <c r="V5037" s="76"/>
      <c r="W5037" s="76"/>
      <c r="X5037" s="76"/>
      <c r="Y5037" s="76"/>
      <c r="Z5037" s="76"/>
      <c r="AA5037" s="85"/>
      <c r="AB5037" s="85"/>
      <c r="AC5037" s="85"/>
      <c r="AD5037" s="85"/>
      <c r="AE5037" s="85"/>
      <c r="AF5037" s="85"/>
      <c r="AG5037" s="86"/>
      <c r="AH5037" s="85"/>
      <c r="AI5037" s="85"/>
      <c r="AJ5037" s="85"/>
      <c r="AK5037" s="85"/>
      <c r="AL5037" s="85"/>
      <c r="AM5037" s="92"/>
      <c r="AN5037" s="92"/>
      <c r="AO5037" s="92"/>
      <c r="AP5037" s="92"/>
      <c r="AQ5037" s="92"/>
      <c r="AR5037" s="92"/>
      <c r="AS5037" s="92"/>
      <c r="AT5037" s="92"/>
      <c r="AU5037" s="92"/>
      <c r="AV5037" s="92"/>
      <c r="AW5037" s="92"/>
      <c r="AX5037" s="92"/>
      <c r="AY5037" s="92"/>
      <c r="AZ5037" s="93"/>
      <c r="BA5037" s="93"/>
      <c r="BB5037" s="93"/>
      <c r="BC5037" s="93"/>
      <c r="BD5037" s="93"/>
      <c r="BE5037" s="93"/>
      <c r="BF5037" s="93"/>
      <c r="BG5037" s="93"/>
      <c r="BH5037" s="93"/>
      <c r="BI5037" s="93"/>
      <c r="BJ5037" s="93"/>
      <c r="BK5037" s="93"/>
      <c r="BL5037" s="93"/>
    </row>
    <row r="5038" spans="2:64" x14ac:dyDescent="0.2">
      <c r="B5038" s="43"/>
      <c r="C5038" s="73"/>
      <c r="D5038" s="64"/>
      <c r="E5038" s="55"/>
      <c r="F5038" s="74"/>
      <c r="G5038" s="74"/>
      <c r="H5038" s="74"/>
      <c r="I5038" s="75"/>
      <c r="J5038" s="74"/>
      <c r="L5038" s="55"/>
      <c r="M5038" s="234"/>
      <c r="N5038" s="65"/>
      <c r="O5038" s="76"/>
      <c r="P5038" s="76"/>
      <c r="Q5038" s="65"/>
      <c r="R5038" s="76"/>
      <c r="S5038" s="76"/>
      <c r="T5038" s="76"/>
      <c r="U5038" s="76"/>
      <c r="V5038" s="76"/>
      <c r="W5038" s="76"/>
      <c r="X5038" s="76"/>
      <c r="Y5038" s="76"/>
      <c r="Z5038" s="76"/>
      <c r="AA5038" s="85"/>
      <c r="AB5038" s="85"/>
      <c r="AC5038" s="85"/>
      <c r="AD5038" s="85"/>
      <c r="AE5038" s="85"/>
      <c r="AF5038" s="85"/>
      <c r="AG5038" s="86"/>
      <c r="AH5038" s="85"/>
      <c r="AI5038" s="85"/>
      <c r="AJ5038" s="85"/>
      <c r="AK5038" s="85"/>
      <c r="AL5038" s="85"/>
      <c r="AM5038" s="92"/>
      <c r="AN5038" s="92"/>
      <c r="AO5038" s="92"/>
      <c r="AP5038" s="92"/>
      <c r="AQ5038" s="92"/>
      <c r="AR5038" s="92"/>
      <c r="AS5038" s="92"/>
      <c r="AT5038" s="92"/>
      <c r="AU5038" s="92"/>
      <c r="AV5038" s="92"/>
      <c r="AW5038" s="92"/>
      <c r="AX5038" s="92"/>
      <c r="AY5038" s="92"/>
      <c r="AZ5038" s="93"/>
      <c r="BA5038" s="93"/>
      <c r="BB5038" s="93"/>
      <c r="BC5038" s="93"/>
      <c r="BD5038" s="93"/>
      <c r="BE5038" s="93"/>
      <c r="BF5038" s="93"/>
      <c r="BG5038" s="93"/>
      <c r="BH5038" s="93"/>
      <c r="BI5038" s="93"/>
      <c r="BJ5038" s="93"/>
      <c r="BK5038" s="93"/>
      <c r="BL5038" s="93"/>
    </row>
    <row r="5039" spans="2:64" x14ac:dyDescent="0.2">
      <c r="B5039" s="43"/>
      <c r="C5039" s="73"/>
      <c r="D5039" s="64"/>
      <c r="E5039" s="55"/>
      <c r="F5039" s="74"/>
      <c r="G5039" s="74"/>
      <c r="H5039" s="74"/>
      <c r="I5039" s="75"/>
      <c r="J5039" s="74"/>
      <c r="L5039" s="55"/>
      <c r="M5039" s="234"/>
      <c r="N5039" s="65"/>
      <c r="O5039" s="76"/>
      <c r="P5039" s="76"/>
      <c r="Q5039" s="65"/>
      <c r="R5039" s="76"/>
      <c r="S5039" s="76"/>
      <c r="T5039" s="76"/>
      <c r="U5039" s="76"/>
      <c r="V5039" s="76"/>
      <c r="W5039" s="76"/>
      <c r="X5039" s="76"/>
      <c r="Y5039" s="76"/>
      <c r="Z5039" s="76"/>
      <c r="AA5039" s="85"/>
      <c r="AB5039" s="85"/>
      <c r="AC5039" s="85"/>
      <c r="AD5039" s="85"/>
      <c r="AE5039" s="85"/>
      <c r="AF5039" s="85"/>
      <c r="AG5039" s="86"/>
      <c r="AH5039" s="85"/>
      <c r="AI5039" s="85"/>
      <c r="AJ5039" s="85"/>
      <c r="AK5039" s="85"/>
      <c r="AL5039" s="85"/>
      <c r="AM5039" s="92"/>
      <c r="AN5039" s="92"/>
      <c r="AO5039" s="92"/>
      <c r="AP5039" s="92"/>
      <c r="AQ5039" s="92"/>
      <c r="AR5039" s="92"/>
      <c r="AS5039" s="92"/>
      <c r="AT5039" s="92"/>
      <c r="AU5039" s="92"/>
      <c r="AV5039" s="92"/>
      <c r="AW5039" s="92"/>
      <c r="AX5039" s="92"/>
      <c r="AY5039" s="92"/>
      <c r="AZ5039" s="93"/>
      <c r="BA5039" s="93"/>
      <c r="BB5039" s="93"/>
      <c r="BC5039" s="93"/>
      <c r="BD5039" s="93"/>
      <c r="BE5039" s="93"/>
      <c r="BF5039" s="93"/>
      <c r="BG5039" s="93"/>
      <c r="BH5039" s="93"/>
      <c r="BI5039" s="93"/>
      <c r="BJ5039" s="93"/>
      <c r="BK5039" s="93"/>
      <c r="BL5039" s="93"/>
    </row>
    <row r="5040" spans="2:64" x14ac:dyDescent="0.2">
      <c r="B5040" s="43"/>
      <c r="C5040" s="73"/>
      <c r="D5040" s="64"/>
      <c r="E5040" s="55"/>
      <c r="F5040" s="74"/>
      <c r="G5040" s="74"/>
      <c r="H5040" s="74"/>
      <c r="I5040" s="75"/>
      <c r="J5040" s="74"/>
      <c r="L5040" s="55"/>
      <c r="M5040" s="234"/>
      <c r="N5040" s="65"/>
      <c r="O5040" s="76"/>
      <c r="P5040" s="76"/>
      <c r="Q5040" s="65"/>
      <c r="R5040" s="76"/>
      <c r="S5040" s="76"/>
      <c r="T5040" s="76"/>
      <c r="U5040" s="76"/>
      <c r="V5040" s="76"/>
      <c r="W5040" s="76"/>
      <c r="X5040" s="76"/>
      <c r="Y5040" s="76"/>
      <c r="Z5040" s="76"/>
      <c r="AA5040" s="85"/>
      <c r="AB5040" s="85"/>
      <c r="AC5040" s="85"/>
      <c r="AD5040" s="85"/>
      <c r="AE5040" s="85"/>
      <c r="AF5040" s="85"/>
      <c r="AG5040" s="86"/>
      <c r="AH5040" s="85"/>
      <c r="AI5040" s="85"/>
      <c r="AJ5040" s="85"/>
      <c r="AK5040" s="85"/>
      <c r="AL5040" s="85"/>
      <c r="AM5040" s="92"/>
      <c r="AN5040" s="92"/>
      <c r="AO5040" s="92"/>
      <c r="AP5040" s="92"/>
      <c r="AQ5040" s="92"/>
      <c r="AR5040" s="92"/>
      <c r="AS5040" s="92"/>
      <c r="AT5040" s="92"/>
      <c r="AU5040" s="92"/>
      <c r="AV5040" s="92"/>
      <c r="AW5040" s="92"/>
      <c r="AX5040" s="92"/>
      <c r="AY5040" s="92"/>
      <c r="AZ5040" s="93"/>
      <c r="BA5040" s="93"/>
      <c r="BB5040" s="93"/>
      <c r="BC5040" s="93"/>
      <c r="BD5040" s="93"/>
      <c r="BE5040" s="93"/>
      <c r="BF5040" s="93"/>
      <c r="BG5040" s="93"/>
      <c r="BH5040" s="93"/>
      <c r="BI5040" s="93"/>
      <c r="BJ5040" s="93"/>
      <c r="BK5040" s="93"/>
      <c r="BL5040" s="93"/>
    </row>
    <row r="5041" spans="2:64" x14ac:dyDescent="0.2">
      <c r="B5041" s="43"/>
      <c r="C5041" s="73"/>
      <c r="D5041" s="64"/>
      <c r="E5041" s="55"/>
      <c r="F5041" s="74"/>
      <c r="G5041" s="74"/>
      <c r="H5041" s="74"/>
      <c r="I5041" s="75"/>
      <c r="J5041" s="74"/>
      <c r="L5041" s="55"/>
      <c r="M5041" s="234"/>
      <c r="N5041" s="65"/>
      <c r="O5041" s="76"/>
      <c r="P5041" s="76"/>
      <c r="Q5041" s="65"/>
      <c r="R5041" s="76"/>
      <c r="S5041" s="76"/>
      <c r="T5041" s="76"/>
      <c r="U5041" s="76"/>
      <c r="V5041" s="76"/>
      <c r="W5041" s="76"/>
      <c r="X5041" s="76"/>
      <c r="Y5041" s="76"/>
      <c r="Z5041" s="76"/>
      <c r="AA5041" s="85"/>
      <c r="AB5041" s="85"/>
      <c r="AC5041" s="85"/>
      <c r="AD5041" s="85"/>
      <c r="AE5041" s="85"/>
      <c r="AF5041" s="85"/>
      <c r="AG5041" s="86"/>
      <c r="AH5041" s="85"/>
      <c r="AI5041" s="85"/>
      <c r="AJ5041" s="85"/>
      <c r="AK5041" s="85"/>
      <c r="AL5041" s="85"/>
      <c r="AM5041" s="92"/>
      <c r="AN5041" s="92"/>
      <c r="AO5041" s="92"/>
      <c r="AP5041" s="92"/>
      <c r="AQ5041" s="92"/>
      <c r="AR5041" s="92"/>
      <c r="AS5041" s="92"/>
      <c r="AT5041" s="92"/>
      <c r="AU5041" s="92"/>
      <c r="AV5041" s="92"/>
      <c r="AW5041" s="92"/>
      <c r="AX5041" s="92"/>
      <c r="AY5041" s="92"/>
      <c r="AZ5041" s="93"/>
      <c r="BA5041" s="93"/>
      <c r="BB5041" s="93"/>
      <c r="BC5041" s="93"/>
      <c r="BD5041" s="93"/>
      <c r="BE5041" s="93"/>
      <c r="BF5041" s="93"/>
      <c r="BG5041" s="93"/>
      <c r="BH5041" s="93"/>
      <c r="BI5041" s="93"/>
      <c r="BJ5041" s="93"/>
      <c r="BK5041" s="93"/>
      <c r="BL5041" s="93"/>
    </row>
    <row r="5042" spans="2:64" x14ac:dyDescent="0.2">
      <c r="B5042" s="43"/>
      <c r="C5042" s="73"/>
      <c r="D5042" s="64"/>
      <c r="E5042" s="55"/>
      <c r="F5042" s="74"/>
      <c r="G5042" s="74"/>
      <c r="H5042" s="74"/>
      <c r="I5042" s="75"/>
      <c r="J5042" s="74"/>
      <c r="L5042" s="55"/>
      <c r="M5042" s="234"/>
      <c r="N5042" s="65"/>
      <c r="O5042" s="76"/>
      <c r="P5042" s="76"/>
      <c r="Q5042" s="65"/>
      <c r="R5042" s="76"/>
      <c r="S5042" s="76"/>
      <c r="T5042" s="76"/>
      <c r="U5042" s="76"/>
      <c r="V5042" s="76"/>
      <c r="W5042" s="76"/>
      <c r="X5042" s="76"/>
      <c r="Y5042" s="76"/>
      <c r="Z5042" s="76"/>
      <c r="AA5042" s="85"/>
      <c r="AB5042" s="85"/>
      <c r="AC5042" s="85"/>
      <c r="AD5042" s="85"/>
      <c r="AE5042" s="85"/>
      <c r="AF5042" s="85"/>
      <c r="AG5042" s="86"/>
      <c r="AH5042" s="85"/>
      <c r="AI5042" s="85"/>
      <c r="AJ5042" s="85"/>
      <c r="AK5042" s="85"/>
      <c r="AL5042" s="85"/>
      <c r="AM5042" s="92"/>
      <c r="AN5042" s="92"/>
      <c r="AO5042" s="92"/>
      <c r="AP5042" s="92"/>
      <c r="AQ5042" s="92"/>
      <c r="AR5042" s="92"/>
      <c r="AS5042" s="92"/>
      <c r="AT5042" s="92"/>
      <c r="AU5042" s="92"/>
      <c r="AV5042" s="92"/>
      <c r="AW5042" s="92"/>
      <c r="AX5042" s="92"/>
      <c r="AY5042" s="92"/>
      <c r="AZ5042" s="93"/>
      <c r="BA5042" s="93"/>
      <c r="BB5042" s="93"/>
      <c r="BC5042" s="93"/>
      <c r="BD5042" s="93"/>
      <c r="BE5042" s="93"/>
      <c r="BF5042" s="93"/>
      <c r="BG5042" s="93"/>
      <c r="BH5042" s="93"/>
      <c r="BI5042" s="93"/>
      <c r="BJ5042" s="93"/>
      <c r="BK5042" s="93"/>
      <c r="BL5042" s="93"/>
    </row>
    <row r="5043" spans="2:64" x14ac:dyDescent="0.2">
      <c r="B5043" s="43"/>
      <c r="C5043" s="73"/>
      <c r="D5043" s="64"/>
      <c r="E5043" s="55"/>
      <c r="F5043" s="74"/>
      <c r="G5043" s="74"/>
      <c r="H5043" s="74"/>
      <c r="I5043" s="75"/>
      <c r="J5043" s="74"/>
      <c r="L5043" s="55"/>
      <c r="M5043" s="234"/>
      <c r="N5043" s="65"/>
      <c r="O5043" s="76"/>
      <c r="P5043" s="76"/>
      <c r="Q5043" s="65"/>
      <c r="R5043" s="76"/>
      <c r="S5043" s="76"/>
      <c r="T5043" s="76"/>
      <c r="U5043" s="76"/>
      <c r="V5043" s="76"/>
      <c r="W5043" s="76"/>
      <c r="X5043" s="76"/>
      <c r="Y5043" s="76"/>
      <c r="Z5043" s="76"/>
      <c r="AA5043" s="85"/>
      <c r="AB5043" s="85"/>
      <c r="AC5043" s="85"/>
      <c r="AD5043" s="85"/>
      <c r="AE5043" s="85"/>
      <c r="AF5043" s="85"/>
      <c r="AG5043" s="86"/>
      <c r="AH5043" s="85"/>
      <c r="AI5043" s="85"/>
      <c r="AJ5043" s="85"/>
      <c r="AK5043" s="85"/>
      <c r="AL5043" s="85"/>
      <c r="AM5043" s="92"/>
      <c r="AN5043" s="92"/>
      <c r="AO5043" s="92"/>
      <c r="AP5043" s="92"/>
      <c r="AQ5043" s="92"/>
      <c r="AR5043" s="92"/>
      <c r="AS5043" s="92"/>
      <c r="AT5043" s="92"/>
      <c r="AU5043" s="92"/>
      <c r="AV5043" s="92"/>
      <c r="AW5043" s="92"/>
      <c r="AX5043" s="92"/>
      <c r="AY5043" s="92"/>
      <c r="AZ5043" s="93"/>
      <c r="BA5043" s="93"/>
      <c r="BB5043" s="93"/>
      <c r="BC5043" s="93"/>
      <c r="BD5043" s="93"/>
      <c r="BE5043" s="93"/>
      <c r="BF5043" s="93"/>
      <c r="BG5043" s="93"/>
      <c r="BH5043" s="93"/>
      <c r="BI5043" s="93"/>
      <c r="BJ5043" s="93"/>
      <c r="BK5043" s="93"/>
      <c r="BL5043" s="93"/>
    </row>
    <row r="5044" spans="2:64" x14ac:dyDescent="0.2">
      <c r="B5044" s="43"/>
      <c r="C5044" s="73"/>
      <c r="D5044" s="64"/>
      <c r="E5044" s="55"/>
      <c r="F5044" s="74"/>
      <c r="G5044" s="74"/>
      <c r="H5044" s="74"/>
      <c r="I5044" s="75"/>
      <c r="J5044" s="74"/>
      <c r="L5044" s="55"/>
      <c r="M5044" s="234"/>
      <c r="N5044" s="65"/>
      <c r="O5044" s="76"/>
      <c r="P5044" s="76"/>
      <c r="Q5044" s="65"/>
      <c r="R5044" s="76"/>
      <c r="S5044" s="76"/>
      <c r="T5044" s="76"/>
      <c r="U5044" s="76"/>
      <c r="V5044" s="76"/>
      <c r="W5044" s="76"/>
      <c r="X5044" s="76"/>
      <c r="Y5044" s="76"/>
      <c r="Z5044" s="76"/>
      <c r="AA5044" s="85"/>
      <c r="AB5044" s="85"/>
      <c r="AC5044" s="85"/>
      <c r="AD5044" s="85"/>
      <c r="AE5044" s="85"/>
      <c r="AF5044" s="85"/>
      <c r="AG5044" s="86"/>
      <c r="AH5044" s="85"/>
      <c r="AI5044" s="85"/>
      <c r="AJ5044" s="85"/>
      <c r="AK5044" s="85"/>
      <c r="AL5044" s="85"/>
      <c r="AM5044" s="92"/>
      <c r="AN5044" s="92"/>
      <c r="AO5044" s="92"/>
      <c r="AP5044" s="92"/>
      <c r="AQ5044" s="92"/>
      <c r="AR5044" s="92"/>
      <c r="AS5044" s="92"/>
      <c r="AT5044" s="92"/>
      <c r="AU5044" s="92"/>
      <c r="AV5044" s="92"/>
      <c r="AW5044" s="92"/>
      <c r="AX5044" s="92"/>
      <c r="AY5044" s="92"/>
      <c r="AZ5044" s="93"/>
      <c r="BA5044" s="93"/>
      <c r="BB5044" s="93"/>
      <c r="BC5044" s="93"/>
      <c r="BD5044" s="93"/>
      <c r="BE5044" s="93"/>
      <c r="BF5044" s="93"/>
      <c r="BG5044" s="93"/>
      <c r="BH5044" s="93"/>
      <c r="BI5044" s="93"/>
      <c r="BJ5044" s="93"/>
      <c r="BK5044" s="93"/>
      <c r="BL5044" s="93"/>
    </row>
    <row r="5045" spans="2:64" x14ac:dyDescent="0.2">
      <c r="B5045" s="43"/>
      <c r="C5045" s="73"/>
      <c r="D5045" s="64"/>
      <c r="E5045" s="55"/>
      <c r="F5045" s="74"/>
      <c r="G5045" s="74"/>
      <c r="H5045" s="74"/>
      <c r="I5045" s="75"/>
      <c r="J5045" s="74"/>
      <c r="L5045" s="55"/>
      <c r="M5045" s="234"/>
      <c r="N5045" s="65"/>
      <c r="O5045" s="76"/>
      <c r="P5045" s="76"/>
      <c r="Q5045" s="65"/>
      <c r="R5045" s="76"/>
      <c r="S5045" s="76"/>
      <c r="T5045" s="76"/>
      <c r="U5045" s="76"/>
      <c r="V5045" s="76"/>
      <c r="W5045" s="76"/>
      <c r="X5045" s="76"/>
      <c r="Y5045" s="76"/>
      <c r="Z5045" s="76"/>
      <c r="AA5045" s="85"/>
      <c r="AB5045" s="85"/>
      <c r="AC5045" s="85"/>
      <c r="AD5045" s="85"/>
      <c r="AE5045" s="85"/>
      <c r="AF5045" s="85"/>
      <c r="AG5045" s="86"/>
      <c r="AH5045" s="85"/>
      <c r="AI5045" s="85"/>
      <c r="AJ5045" s="85"/>
      <c r="AK5045" s="85"/>
      <c r="AL5045" s="85"/>
      <c r="AM5045" s="92"/>
      <c r="AN5045" s="92"/>
      <c r="AO5045" s="92"/>
      <c r="AP5045" s="92"/>
      <c r="AQ5045" s="92"/>
      <c r="AR5045" s="92"/>
      <c r="AS5045" s="92"/>
      <c r="AT5045" s="92"/>
      <c r="AU5045" s="92"/>
      <c r="AV5045" s="92"/>
      <c r="AW5045" s="92"/>
      <c r="AX5045" s="92"/>
      <c r="AY5045" s="92"/>
      <c r="AZ5045" s="93"/>
      <c r="BA5045" s="93"/>
      <c r="BB5045" s="93"/>
      <c r="BC5045" s="93"/>
      <c r="BD5045" s="93"/>
      <c r="BE5045" s="93"/>
      <c r="BF5045" s="93"/>
      <c r="BG5045" s="93"/>
      <c r="BH5045" s="93"/>
      <c r="BI5045" s="93"/>
      <c r="BJ5045" s="93"/>
      <c r="BK5045" s="93"/>
      <c r="BL5045" s="93"/>
    </row>
    <row r="5046" spans="2:64" x14ac:dyDescent="0.2">
      <c r="B5046" s="43"/>
      <c r="C5046" s="73"/>
      <c r="D5046" s="64"/>
      <c r="E5046" s="55"/>
      <c r="F5046" s="74"/>
      <c r="G5046" s="74"/>
      <c r="H5046" s="74"/>
      <c r="I5046" s="75"/>
      <c r="J5046" s="74"/>
      <c r="L5046" s="55"/>
      <c r="M5046" s="234"/>
      <c r="N5046" s="65"/>
      <c r="O5046" s="76"/>
      <c r="P5046" s="76"/>
      <c r="Q5046" s="65"/>
      <c r="R5046" s="76"/>
      <c r="S5046" s="76"/>
      <c r="T5046" s="76"/>
      <c r="U5046" s="76"/>
      <c r="V5046" s="76"/>
      <c r="W5046" s="76"/>
      <c r="X5046" s="76"/>
      <c r="Y5046" s="76"/>
      <c r="Z5046" s="76"/>
      <c r="AA5046" s="85"/>
      <c r="AB5046" s="85"/>
      <c r="AC5046" s="85"/>
      <c r="AD5046" s="85"/>
      <c r="AE5046" s="85"/>
      <c r="AF5046" s="85"/>
      <c r="AG5046" s="86"/>
      <c r="AH5046" s="85"/>
      <c r="AI5046" s="85"/>
      <c r="AJ5046" s="85"/>
      <c r="AK5046" s="85"/>
      <c r="AL5046" s="85"/>
      <c r="AM5046" s="92"/>
      <c r="AN5046" s="92"/>
      <c r="AO5046" s="92"/>
      <c r="AP5046" s="92"/>
      <c r="AQ5046" s="92"/>
      <c r="AR5046" s="92"/>
      <c r="AS5046" s="92"/>
      <c r="AT5046" s="92"/>
      <c r="AU5046" s="92"/>
      <c r="AV5046" s="92"/>
      <c r="AW5046" s="92"/>
      <c r="AX5046" s="92"/>
      <c r="AY5046" s="92"/>
      <c r="AZ5046" s="93"/>
      <c r="BA5046" s="93"/>
      <c r="BB5046" s="93"/>
      <c r="BC5046" s="93"/>
      <c r="BD5046" s="93"/>
      <c r="BE5046" s="93"/>
      <c r="BF5046" s="93"/>
      <c r="BG5046" s="93"/>
      <c r="BH5046" s="93"/>
      <c r="BI5046" s="93"/>
      <c r="BJ5046" s="93"/>
      <c r="BK5046" s="93"/>
      <c r="BL5046" s="93"/>
    </row>
    <row r="5047" spans="2:64" x14ac:dyDescent="0.2">
      <c r="B5047" s="43"/>
      <c r="C5047" s="73"/>
      <c r="D5047" s="64"/>
      <c r="E5047" s="55"/>
      <c r="F5047" s="74"/>
      <c r="G5047" s="74"/>
      <c r="H5047" s="74"/>
      <c r="I5047" s="75"/>
      <c r="J5047" s="74"/>
      <c r="L5047" s="55"/>
      <c r="M5047" s="234"/>
      <c r="N5047" s="65"/>
      <c r="O5047" s="76"/>
      <c r="P5047" s="76"/>
      <c r="Q5047" s="65"/>
      <c r="R5047" s="76"/>
      <c r="S5047" s="76"/>
      <c r="T5047" s="76"/>
      <c r="U5047" s="76"/>
      <c r="V5047" s="76"/>
      <c r="W5047" s="76"/>
      <c r="X5047" s="76"/>
      <c r="Y5047" s="76"/>
      <c r="Z5047" s="76"/>
      <c r="AA5047" s="85"/>
      <c r="AB5047" s="85"/>
      <c r="AC5047" s="85"/>
      <c r="AD5047" s="85"/>
      <c r="AE5047" s="85"/>
      <c r="AF5047" s="85"/>
      <c r="AG5047" s="86"/>
      <c r="AH5047" s="85"/>
      <c r="AI5047" s="85"/>
      <c r="AJ5047" s="85"/>
      <c r="AK5047" s="85"/>
      <c r="AL5047" s="85"/>
      <c r="AM5047" s="92"/>
      <c r="AN5047" s="92"/>
      <c r="AO5047" s="92"/>
      <c r="AP5047" s="92"/>
      <c r="AQ5047" s="92"/>
      <c r="AR5047" s="92"/>
      <c r="AS5047" s="92"/>
      <c r="AT5047" s="92"/>
      <c r="AU5047" s="92"/>
      <c r="AV5047" s="92"/>
      <c r="AW5047" s="92"/>
      <c r="AX5047" s="92"/>
      <c r="AY5047" s="92"/>
      <c r="AZ5047" s="93"/>
      <c r="BA5047" s="93"/>
      <c r="BB5047" s="93"/>
      <c r="BC5047" s="93"/>
      <c r="BD5047" s="93"/>
      <c r="BE5047" s="93"/>
      <c r="BF5047" s="93"/>
      <c r="BG5047" s="93"/>
      <c r="BH5047" s="93"/>
      <c r="BI5047" s="93"/>
      <c r="BJ5047" s="93"/>
      <c r="BK5047" s="93"/>
      <c r="BL5047" s="93"/>
    </row>
    <row r="5048" spans="2:64" x14ac:dyDescent="0.2">
      <c r="B5048" s="43"/>
      <c r="C5048" s="73"/>
      <c r="D5048" s="64"/>
      <c r="E5048" s="55"/>
      <c r="F5048" s="74"/>
      <c r="G5048" s="74"/>
      <c r="H5048" s="74"/>
      <c r="I5048" s="75"/>
      <c r="J5048" s="74"/>
      <c r="L5048" s="55"/>
      <c r="M5048" s="234"/>
      <c r="N5048" s="65"/>
      <c r="O5048" s="76"/>
      <c r="P5048" s="76"/>
      <c r="Q5048" s="65"/>
      <c r="R5048" s="76"/>
      <c r="S5048" s="76"/>
      <c r="T5048" s="76"/>
      <c r="U5048" s="76"/>
      <c r="V5048" s="76"/>
      <c r="W5048" s="76"/>
      <c r="X5048" s="76"/>
      <c r="Y5048" s="76"/>
      <c r="Z5048" s="76"/>
      <c r="AA5048" s="85"/>
      <c r="AB5048" s="85"/>
      <c r="AC5048" s="85"/>
      <c r="AD5048" s="85"/>
      <c r="AE5048" s="85"/>
      <c r="AF5048" s="85"/>
      <c r="AG5048" s="86"/>
      <c r="AH5048" s="85"/>
      <c r="AI5048" s="85"/>
      <c r="AJ5048" s="85"/>
      <c r="AK5048" s="85"/>
      <c r="AL5048" s="85"/>
      <c r="AM5048" s="92"/>
      <c r="AN5048" s="92"/>
      <c r="AO5048" s="92"/>
      <c r="AP5048" s="92"/>
      <c r="AQ5048" s="92"/>
      <c r="AR5048" s="92"/>
      <c r="AS5048" s="92"/>
      <c r="AT5048" s="92"/>
      <c r="AU5048" s="92"/>
      <c r="AV5048" s="92"/>
      <c r="AW5048" s="92"/>
      <c r="AX5048" s="92"/>
      <c r="AY5048" s="92"/>
      <c r="AZ5048" s="93"/>
      <c r="BA5048" s="93"/>
      <c r="BB5048" s="93"/>
      <c r="BC5048" s="93"/>
      <c r="BD5048" s="93"/>
      <c r="BE5048" s="93"/>
      <c r="BF5048" s="93"/>
      <c r="BG5048" s="93"/>
      <c r="BH5048" s="93"/>
      <c r="BI5048" s="93"/>
      <c r="BJ5048" s="93"/>
      <c r="BK5048" s="93"/>
      <c r="BL5048" s="93"/>
    </row>
    <row r="5049" spans="2:64" x14ac:dyDescent="0.2">
      <c r="B5049" s="43"/>
      <c r="C5049" s="73"/>
      <c r="D5049" s="64"/>
      <c r="E5049" s="55"/>
      <c r="F5049" s="74"/>
      <c r="G5049" s="74"/>
      <c r="H5049" s="74"/>
      <c r="I5049" s="75"/>
      <c r="J5049" s="74"/>
      <c r="L5049" s="55"/>
      <c r="M5049" s="234"/>
      <c r="N5049" s="65"/>
      <c r="O5049" s="76"/>
      <c r="P5049" s="76"/>
      <c r="Q5049" s="65"/>
      <c r="R5049" s="76"/>
      <c r="S5049" s="76"/>
      <c r="T5049" s="76"/>
      <c r="U5049" s="76"/>
      <c r="V5049" s="76"/>
      <c r="W5049" s="76"/>
      <c r="X5049" s="76"/>
      <c r="Y5049" s="76"/>
      <c r="Z5049" s="76"/>
      <c r="AA5049" s="85"/>
      <c r="AB5049" s="85"/>
      <c r="AC5049" s="85"/>
      <c r="AD5049" s="85"/>
      <c r="AE5049" s="85"/>
      <c r="AF5049" s="85"/>
      <c r="AG5049" s="86"/>
      <c r="AH5049" s="85"/>
      <c r="AI5049" s="85"/>
      <c r="AJ5049" s="85"/>
      <c r="AK5049" s="85"/>
      <c r="AL5049" s="85"/>
      <c r="AM5049" s="92"/>
      <c r="AN5049" s="92"/>
      <c r="AO5049" s="92"/>
      <c r="AP5049" s="92"/>
      <c r="AQ5049" s="92"/>
      <c r="AR5049" s="92"/>
      <c r="AS5049" s="92"/>
      <c r="AT5049" s="92"/>
      <c r="AU5049" s="92"/>
      <c r="AV5049" s="92"/>
      <c r="AW5049" s="92"/>
      <c r="AX5049" s="92"/>
      <c r="AY5049" s="92"/>
      <c r="AZ5049" s="93"/>
      <c r="BA5049" s="93"/>
      <c r="BB5049" s="93"/>
      <c r="BC5049" s="93"/>
      <c r="BD5049" s="93"/>
      <c r="BE5049" s="93"/>
      <c r="BF5049" s="93"/>
      <c r="BG5049" s="93"/>
      <c r="BH5049" s="93"/>
      <c r="BI5049" s="93"/>
      <c r="BJ5049" s="93"/>
      <c r="BK5049" s="93"/>
      <c r="BL5049" s="93"/>
    </row>
    <row r="5050" spans="2:64" x14ac:dyDescent="0.2">
      <c r="B5050" s="43"/>
      <c r="C5050" s="73"/>
      <c r="D5050" s="64"/>
      <c r="E5050" s="55"/>
      <c r="F5050" s="74"/>
      <c r="G5050" s="74"/>
      <c r="H5050" s="74"/>
      <c r="I5050" s="75"/>
      <c r="J5050" s="74"/>
      <c r="L5050" s="55"/>
      <c r="M5050" s="234"/>
      <c r="N5050" s="65"/>
      <c r="O5050" s="76"/>
      <c r="P5050" s="76"/>
      <c r="Q5050" s="65"/>
      <c r="R5050" s="76"/>
      <c r="S5050" s="76"/>
      <c r="T5050" s="76"/>
      <c r="U5050" s="76"/>
      <c r="V5050" s="76"/>
      <c r="W5050" s="76"/>
      <c r="X5050" s="76"/>
      <c r="Y5050" s="76"/>
      <c r="Z5050" s="76"/>
      <c r="AA5050" s="85"/>
      <c r="AB5050" s="85"/>
      <c r="AC5050" s="85"/>
      <c r="AD5050" s="85"/>
      <c r="AE5050" s="85"/>
      <c r="AF5050" s="85"/>
      <c r="AG5050" s="86"/>
      <c r="AH5050" s="85"/>
      <c r="AI5050" s="85"/>
      <c r="AJ5050" s="85"/>
      <c r="AK5050" s="85"/>
      <c r="AL5050" s="85"/>
      <c r="AM5050" s="92"/>
      <c r="AN5050" s="92"/>
      <c r="AO5050" s="92"/>
      <c r="AP5050" s="92"/>
      <c r="AQ5050" s="92"/>
      <c r="AR5050" s="92"/>
      <c r="AS5050" s="92"/>
      <c r="AT5050" s="92"/>
      <c r="AU5050" s="92"/>
      <c r="AV5050" s="92"/>
      <c r="AW5050" s="92"/>
      <c r="AX5050" s="92"/>
      <c r="AY5050" s="92"/>
      <c r="AZ5050" s="93"/>
      <c r="BA5050" s="93"/>
      <c r="BB5050" s="93"/>
      <c r="BC5050" s="93"/>
      <c r="BD5050" s="93"/>
      <c r="BE5050" s="93"/>
      <c r="BF5050" s="93"/>
      <c r="BG5050" s="93"/>
      <c r="BH5050" s="93"/>
      <c r="BI5050" s="93"/>
      <c r="BJ5050" s="93"/>
      <c r="BK5050" s="93"/>
      <c r="BL5050" s="93"/>
    </row>
    <row r="5051" spans="2:64" x14ac:dyDescent="0.2">
      <c r="B5051" s="43"/>
      <c r="C5051" s="73"/>
      <c r="D5051" s="64"/>
      <c r="E5051" s="55"/>
      <c r="F5051" s="74"/>
      <c r="G5051" s="74"/>
      <c r="H5051" s="74"/>
      <c r="I5051" s="75"/>
      <c r="J5051" s="74"/>
      <c r="L5051" s="55"/>
      <c r="M5051" s="234"/>
      <c r="N5051" s="65"/>
      <c r="O5051" s="76"/>
      <c r="P5051" s="76"/>
      <c r="Q5051" s="65"/>
      <c r="R5051" s="76"/>
      <c r="S5051" s="76"/>
      <c r="T5051" s="76"/>
      <c r="U5051" s="76"/>
      <c r="V5051" s="76"/>
      <c r="W5051" s="76"/>
      <c r="X5051" s="76"/>
      <c r="Y5051" s="76"/>
      <c r="Z5051" s="76"/>
      <c r="AA5051" s="85"/>
      <c r="AB5051" s="85"/>
      <c r="AC5051" s="85"/>
      <c r="AD5051" s="85"/>
      <c r="AE5051" s="85"/>
      <c r="AF5051" s="85"/>
      <c r="AG5051" s="86"/>
      <c r="AH5051" s="85"/>
      <c r="AI5051" s="85"/>
      <c r="AJ5051" s="85"/>
      <c r="AK5051" s="85"/>
      <c r="AL5051" s="85"/>
      <c r="AM5051" s="92"/>
      <c r="AN5051" s="92"/>
      <c r="AO5051" s="92"/>
      <c r="AP5051" s="92"/>
      <c r="AQ5051" s="92"/>
      <c r="AR5051" s="92"/>
      <c r="AS5051" s="92"/>
      <c r="AT5051" s="92"/>
      <c r="AU5051" s="92"/>
      <c r="AV5051" s="92"/>
      <c r="AW5051" s="92"/>
      <c r="AX5051" s="92"/>
      <c r="AY5051" s="92"/>
      <c r="AZ5051" s="93"/>
      <c r="BA5051" s="93"/>
      <c r="BB5051" s="93"/>
      <c r="BC5051" s="93"/>
      <c r="BD5051" s="93"/>
      <c r="BE5051" s="93"/>
      <c r="BF5051" s="93"/>
      <c r="BG5051" s="93"/>
      <c r="BH5051" s="93"/>
      <c r="BI5051" s="93"/>
      <c r="BJ5051" s="93"/>
      <c r="BK5051" s="93"/>
      <c r="BL5051" s="93"/>
    </row>
    <row r="5052" spans="2:64" x14ac:dyDescent="0.2">
      <c r="B5052" s="43"/>
      <c r="C5052" s="73"/>
      <c r="D5052" s="64"/>
      <c r="E5052" s="55"/>
      <c r="F5052" s="74"/>
      <c r="G5052" s="74"/>
      <c r="H5052" s="74"/>
      <c r="I5052" s="75"/>
      <c r="J5052" s="74"/>
      <c r="L5052" s="55"/>
      <c r="M5052" s="234"/>
      <c r="N5052" s="65"/>
      <c r="O5052" s="76"/>
      <c r="P5052" s="76"/>
      <c r="Q5052" s="65"/>
      <c r="R5052" s="76"/>
      <c r="S5052" s="76"/>
      <c r="T5052" s="76"/>
      <c r="U5052" s="76"/>
      <c r="V5052" s="76"/>
      <c r="W5052" s="76"/>
      <c r="X5052" s="76"/>
      <c r="Y5052" s="76"/>
      <c r="Z5052" s="76"/>
      <c r="AA5052" s="85"/>
      <c r="AB5052" s="85"/>
      <c r="AC5052" s="85"/>
      <c r="AD5052" s="85"/>
      <c r="AE5052" s="85"/>
      <c r="AF5052" s="85"/>
      <c r="AG5052" s="86"/>
      <c r="AH5052" s="85"/>
      <c r="AI5052" s="85"/>
      <c r="AJ5052" s="85"/>
      <c r="AK5052" s="85"/>
      <c r="AL5052" s="85"/>
      <c r="AM5052" s="92"/>
      <c r="AN5052" s="92"/>
      <c r="AO5052" s="92"/>
      <c r="AP5052" s="92"/>
      <c r="AQ5052" s="92"/>
      <c r="AR5052" s="92"/>
      <c r="AS5052" s="92"/>
      <c r="AT5052" s="92"/>
      <c r="AU5052" s="92"/>
      <c r="AV5052" s="92"/>
      <c r="AW5052" s="92"/>
      <c r="AX5052" s="92"/>
      <c r="AY5052" s="92"/>
      <c r="AZ5052" s="93"/>
      <c r="BA5052" s="93"/>
      <c r="BB5052" s="93"/>
      <c r="BC5052" s="93"/>
      <c r="BD5052" s="93"/>
      <c r="BE5052" s="93"/>
      <c r="BF5052" s="93"/>
      <c r="BG5052" s="93"/>
      <c r="BH5052" s="93"/>
      <c r="BI5052" s="93"/>
      <c r="BJ5052" s="93"/>
      <c r="BK5052" s="93"/>
      <c r="BL5052" s="93"/>
    </row>
    <row r="5053" spans="2:64" x14ac:dyDescent="0.2">
      <c r="B5053" s="43"/>
      <c r="C5053" s="73"/>
      <c r="D5053" s="64"/>
      <c r="E5053" s="55"/>
      <c r="F5053" s="74"/>
      <c r="G5053" s="74"/>
      <c r="H5053" s="74"/>
      <c r="I5053" s="75"/>
      <c r="J5053" s="74"/>
      <c r="L5053" s="55"/>
      <c r="M5053" s="234"/>
      <c r="N5053" s="65"/>
      <c r="O5053" s="76"/>
      <c r="P5053" s="76"/>
      <c r="Q5053" s="65"/>
      <c r="R5053" s="76"/>
      <c r="S5053" s="76"/>
      <c r="T5053" s="76"/>
      <c r="U5053" s="76"/>
      <c r="V5053" s="76"/>
      <c r="W5053" s="76"/>
      <c r="X5053" s="76"/>
      <c r="Y5053" s="76"/>
      <c r="Z5053" s="76"/>
      <c r="AA5053" s="85"/>
      <c r="AB5053" s="85"/>
      <c r="AC5053" s="85"/>
      <c r="AD5053" s="85"/>
      <c r="AE5053" s="85"/>
      <c r="AF5053" s="85"/>
      <c r="AG5053" s="86"/>
      <c r="AH5053" s="85"/>
      <c r="AI5053" s="85"/>
      <c r="AJ5053" s="85"/>
      <c r="AK5053" s="85"/>
      <c r="AL5053" s="85"/>
      <c r="AM5053" s="92"/>
      <c r="AN5053" s="92"/>
      <c r="AO5053" s="92"/>
      <c r="AP5053" s="92"/>
      <c r="AQ5053" s="92"/>
      <c r="AR5053" s="92"/>
      <c r="AS5053" s="92"/>
      <c r="AT5053" s="92"/>
      <c r="AU5053" s="92"/>
      <c r="AV5053" s="92"/>
      <c r="AW5053" s="92"/>
      <c r="AX5053" s="92"/>
      <c r="AY5053" s="92"/>
      <c r="AZ5053" s="93"/>
      <c r="BA5053" s="93"/>
      <c r="BB5053" s="93"/>
      <c r="BC5053" s="93"/>
      <c r="BD5053" s="93"/>
      <c r="BE5053" s="93"/>
      <c r="BF5053" s="93"/>
      <c r="BG5053" s="93"/>
      <c r="BH5053" s="93"/>
      <c r="BI5053" s="93"/>
      <c r="BJ5053" s="93"/>
      <c r="BK5053" s="93"/>
      <c r="BL5053" s="93"/>
    </row>
    <row r="5054" spans="2:64" x14ac:dyDescent="0.2">
      <c r="B5054" s="43"/>
      <c r="C5054" s="73"/>
      <c r="D5054" s="64"/>
      <c r="E5054" s="55"/>
      <c r="F5054" s="74"/>
      <c r="G5054" s="74"/>
      <c r="H5054" s="74"/>
      <c r="I5054" s="75"/>
      <c r="J5054" s="74"/>
      <c r="L5054" s="55"/>
      <c r="M5054" s="234"/>
      <c r="N5054" s="65"/>
      <c r="O5054" s="76"/>
      <c r="P5054" s="76"/>
      <c r="Q5054" s="65"/>
      <c r="R5054" s="76"/>
      <c r="S5054" s="76"/>
      <c r="T5054" s="76"/>
      <c r="U5054" s="76"/>
      <c r="V5054" s="76"/>
      <c r="W5054" s="76"/>
      <c r="X5054" s="76"/>
      <c r="Y5054" s="76"/>
      <c r="Z5054" s="76"/>
      <c r="AA5054" s="85"/>
      <c r="AB5054" s="85"/>
      <c r="AC5054" s="85"/>
      <c r="AD5054" s="85"/>
      <c r="AE5054" s="85"/>
      <c r="AF5054" s="85"/>
      <c r="AG5054" s="86"/>
      <c r="AH5054" s="85"/>
      <c r="AI5054" s="85"/>
      <c r="AJ5054" s="85"/>
      <c r="AK5054" s="85"/>
      <c r="AL5054" s="85"/>
      <c r="AM5054" s="92"/>
      <c r="AN5054" s="92"/>
      <c r="AO5054" s="92"/>
      <c r="AP5054" s="92"/>
      <c r="AQ5054" s="92"/>
      <c r="AR5054" s="92"/>
      <c r="AS5054" s="92"/>
      <c r="AT5054" s="92"/>
      <c r="AU5054" s="92"/>
      <c r="AV5054" s="92"/>
      <c r="AW5054" s="92"/>
      <c r="AX5054" s="92"/>
      <c r="AY5054" s="92"/>
      <c r="AZ5054" s="93"/>
      <c r="BA5054" s="93"/>
      <c r="BB5054" s="93"/>
      <c r="BC5054" s="93"/>
      <c r="BD5054" s="93"/>
      <c r="BE5054" s="93"/>
      <c r="BF5054" s="93"/>
      <c r="BG5054" s="93"/>
      <c r="BH5054" s="93"/>
      <c r="BI5054" s="93"/>
      <c r="BJ5054" s="93"/>
      <c r="BK5054" s="93"/>
      <c r="BL5054" s="93"/>
    </row>
    <row r="5055" spans="2:64" x14ac:dyDescent="0.2">
      <c r="B5055" s="43"/>
      <c r="C5055" s="73"/>
      <c r="D5055" s="64"/>
      <c r="E5055" s="55"/>
      <c r="F5055" s="74"/>
      <c r="G5055" s="74"/>
      <c r="H5055" s="74"/>
      <c r="I5055" s="75"/>
      <c r="J5055" s="74"/>
      <c r="L5055" s="55"/>
      <c r="M5055" s="234"/>
      <c r="N5055" s="65"/>
      <c r="O5055" s="76"/>
      <c r="P5055" s="76"/>
      <c r="Q5055" s="65"/>
      <c r="R5055" s="76"/>
      <c r="S5055" s="76"/>
      <c r="T5055" s="76"/>
      <c r="U5055" s="76"/>
      <c r="V5055" s="76"/>
      <c r="W5055" s="76"/>
      <c r="X5055" s="76"/>
      <c r="Y5055" s="76"/>
      <c r="Z5055" s="76"/>
      <c r="AA5055" s="85"/>
      <c r="AB5055" s="85"/>
      <c r="AC5055" s="85"/>
      <c r="AD5055" s="85"/>
      <c r="AE5055" s="85"/>
      <c r="AF5055" s="85"/>
      <c r="AG5055" s="86"/>
      <c r="AH5055" s="85"/>
      <c r="AI5055" s="85"/>
      <c r="AJ5055" s="85"/>
      <c r="AK5055" s="85"/>
      <c r="AL5055" s="85"/>
      <c r="AM5055" s="92"/>
      <c r="AN5055" s="92"/>
      <c r="AO5055" s="92"/>
      <c r="AP5055" s="92"/>
      <c r="AQ5055" s="92"/>
      <c r="AR5055" s="92"/>
      <c r="AS5055" s="92"/>
      <c r="AT5055" s="92"/>
      <c r="AU5055" s="92"/>
      <c r="AV5055" s="92"/>
      <c r="AW5055" s="92"/>
      <c r="AX5055" s="92"/>
      <c r="AY5055" s="92"/>
      <c r="AZ5055" s="93"/>
      <c r="BA5055" s="93"/>
      <c r="BB5055" s="93"/>
      <c r="BC5055" s="93"/>
      <c r="BD5055" s="93"/>
      <c r="BE5055" s="93"/>
      <c r="BF5055" s="93"/>
      <c r="BG5055" s="93"/>
      <c r="BH5055" s="93"/>
      <c r="BI5055" s="93"/>
      <c r="BJ5055" s="93"/>
      <c r="BK5055" s="93"/>
      <c r="BL5055" s="93"/>
    </row>
    <row r="5056" spans="2:64" x14ac:dyDescent="0.2">
      <c r="B5056" s="43"/>
      <c r="C5056" s="73"/>
      <c r="D5056" s="64"/>
      <c r="E5056" s="55"/>
      <c r="F5056" s="74"/>
      <c r="G5056" s="74"/>
      <c r="H5056" s="74"/>
      <c r="I5056" s="75"/>
      <c r="J5056" s="74"/>
      <c r="L5056" s="55"/>
      <c r="M5056" s="234"/>
      <c r="N5056" s="65"/>
      <c r="O5056" s="76"/>
      <c r="P5056" s="76"/>
      <c r="Q5056" s="65"/>
      <c r="R5056" s="76"/>
      <c r="S5056" s="76"/>
      <c r="T5056" s="76"/>
      <c r="U5056" s="76"/>
      <c r="V5056" s="76"/>
      <c r="W5056" s="76"/>
      <c r="X5056" s="76"/>
      <c r="Y5056" s="76"/>
      <c r="Z5056" s="76"/>
      <c r="AA5056" s="85"/>
      <c r="AB5056" s="85"/>
      <c r="AC5056" s="85"/>
      <c r="AD5056" s="85"/>
      <c r="AE5056" s="85"/>
      <c r="AF5056" s="85"/>
      <c r="AG5056" s="86"/>
      <c r="AH5056" s="85"/>
      <c r="AI5056" s="85"/>
      <c r="AJ5056" s="85"/>
      <c r="AK5056" s="85"/>
      <c r="AL5056" s="85"/>
      <c r="AM5056" s="92"/>
      <c r="AN5056" s="92"/>
      <c r="AO5056" s="92"/>
      <c r="AP5056" s="92"/>
      <c r="AQ5056" s="92"/>
      <c r="AR5056" s="92"/>
      <c r="AS5056" s="92"/>
      <c r="AT5056" s="92"/>
      <c r="AU5056" s="92"/>
      <c r="AV5056" s="92"/>
      <c r="AW5056" s="92"/>
      <c r="AX5056" s="92"/>
      <c r="AY5056" s="92"/>
      <c r="AZ5056" s="93"/>
      <c r="BA5056" s="93"/>
      <c r="BB5056" s="93"/>
      <c r="BC5056" s="93"/>
      <c r="BD5056" s="93"/>
      <c r="BE5056" s="93"/>
      <c r="BF5056" s="93"/>
      <c r="BG5056" s="93"/>
      <c r="BH5056" s="93"/>
      <c r="BI5056" s="93"/>
      <c r="BJ5056" s="93"/>
      <c r="BK5056" s="93"/>
      <c r="BL5056" s="93"/>
    </row>
    <row r="5057" spans="2:64" x14ac:dyDescent="0.2">
      <c r="B5057" s="43"/>
      <c r="C5057" s="73"/>
      <c r="D5057" s="64"/>
      <c r="E5057" s="55"/>
      <c r="F5057" s="74"/>
      <c r="G5057" s="74"/>
      <c r="H5057" s="74"/>
      <c r="I5057" s="75"/>
      <c r="J5057" s="74"/>
      <c r="L5057" s="55"/>
      <c r="M5057" s="234"/>
      <c r="N5057" s="65"/>
      <c r="O5057" s="76"/>
      <c r="P5057" s="76"/>
      <c r="Q5057" s="65"/>
      <c r="R5057" s="76"/>
      <c r="S5057" s="76"/>
      <c r="T5057" s="76"/>
      <c r="U5057" s="76"/>
      <c r="V5057" s="76"/>
      <c r="W5057" s="76"/>
      <c r="X5057" s="76"/>
      <c r="Y5057" s="76"/>
      <c r="Z5057" s="76"/>
      <c r="AA5057" s="85"/>
      <c r="AB5057" s="85"/>
      <c r="AC5057" s="85"/>
      <c r="AD5057" s="85"/>
      <c r="AE5057" s="85"/>
      <c r="AF5057" s="85"/>
      <c r="AG5057" s="86"/>
      <c r="AH5057" s="85"/>
      <c r="AI5057" s="85"/>
      <c r="AJ5057" s="85"/>
      <c r="AK5057" s="85"/>
      <c r="AL5057" s="85"/>
      <c r="AM5057" s="92"/>
      <c r="AN5057" s="92"/>
      <c r="AO5057" s="92"/>
      <c r="AP5057" s="92"/>
      <c r="AQ5057" s="92"/>
      <c r="AR5057" s="92"/>
      <c r="AS5057" s="92"/>
      <c r="AT5057" s="92"/>
      <c r="AU5057" s="92"/>
      <c r="AV5057" s="92"/>
      <c r="AW5057" s="92"/>
      <c r="AX5057" s="92"/>
      <c r="AY5057" s="92"/>
      <c r="AZ5057" s="93"/>
      <c r="BA5057" s="93"/>
      <c r="BB5057" s="93"/>
      <c r="BC5057" s="93"/>
      <c r="BD5057" s="93"/>
      <c r="BE5057" s="93"/>
      <c r="BF5057" s="93"/>
      <c r="BG5057" s="93"/>
      <c r="BH5057" s="93"/>
      <c r="BI5057" s="93"/>
      <c r="BJ5057" s="93"/>
      <c r="BK5057" s="93"/>
      <c r="BL5057" s="93"/>
    </row>
    <row r="5058" spans="2:64" x14ac:dyDescent="0.2">
      <c r="B5058" s="43"/>
      <c r="C5058" s="73"/>
      <c r="D5058" s="64"/>
      <c r="E5058" s="55"/>
      <c r="F5058" s="74"/>
      <c r="G5058" s="74"/>
      <c r="H5058" s="74"/>
      <c r="I5058" s="75"/>
      <c r="J5058" s="74"/>
      <c r="L5058" s="55"/>
      <c r="M5058" s="234"/>
      <c r="N5058" s="65"/>
      <c r="O5058" s="76"/>
      <c r="P5058" s="76"/>
      <c r="Q5058" s="65"/>
      <c r="R5058" s="76"/>
      <c r="S5058" s="76"/>
      <c r="T5058" s="76"/>
      <c r="U5058" s="76"/>
      <c r="V5058" s="76"/>
      <c r="W5058" s="76"/>
      <c r="X5058" s="76"/>
      <c r="Y5058" s="76"/>
      <c r="Z5058" s="76"/>
      <c r="AA5058" s="85"/>
      <c r="AB5058" s="85"/>
      <c r="AC5058" s="85"/>
      <c r="AD5058" s="85"/>
      <c r="AE5058" s="85"/>
      <c r="AF5058" s="85"/>
      <c r="AG5058" s="86"/>
      <c r="AH5058" s="85"/>
      <c r="AI5058" s="85"/>
      <c r="AJ5058" s="85"/>
      <c r="AK5058" s="85"/>
      <c r="AL5058" s="85"/>
      <c r="AM5058" s="92"/>
      <c r="AN5058" s="92"/>
      <c r="AO5058" s="92"/>
      <c r="AP5058" s="92"/>
      <c r="AQ5058" s="92"/>
      <c r="AR5058" s="92"/>
      <c r="AS5058" s="92"/>
      <c r="AT5058" s="92"/>
      <c r="AU5058" s="92"/>
      <c r="AV5058" s="92"/>
      <c r="AW5058" s="92"/>
      <c r="AX5058" s="92"/>
      <c r="AY5058" s="92"/>
      <c r="AZ5058" s="93"/>
      <c r="BA5058" s="93"/>
      <c r="BB5058" s="93"/>
      <c r="BC5058" s="93"/>
      <c r="BD5058" s="93"/>
      <c r="BE5058" s="93"/>
      <c r="BF5058" s="93"/>
      <c r="BG5058" s="93"/>
      <c r="BH5058" s="93"/>
      <c r="BI5058" s="93"/>
      <c r="BJ5058" s="93"/>
      <c r="BK5058" s="93"/>
      <c r="BL5058" s="93"/>
    </row>
    <row r="5059" spans="2:64" x14ac:dyDescent="0.2">
      <c r="B5059" s="43"/>
      <c r="C5059" s="73"/>
      <c r="D5059" s="64"/>
      <c r="E5059" s="55"/>
      <c r="F5059" s="74"/>
      <c r="G5059" s="74"/>
      <c r="H5059" s="74"/>
      <c r="I5059" s="75"/>
      <c r="J5059" s="74"/>
      <c r="L5059" s="55"/>
      <c r="M5059" s="234"/>
      <c r="N5059" s="65"/>
      <c r="O5059" s="76"/>
      <c r="P5059" s="76"/>
      <c r="Q5059" s="65"/>
      <c r="R5059" s="76"/>
      <c r="S5059" s="76"/>
      <c r="T5059" s="76"/>
      <c r="U5059" s="76"/>
      <c r="V5059" s="76"/>
      <c r="W5059" s="76"/>
      <c r="X5059" s="76"/>
      <c r="Y5059" s="76"/>
      <c r="Z5059" s="76"/>
      <c r="AA5059" s="85"/>
      <c r="AB5059" s="85"/>
      <c r="AC5059" s="85"/>
      <c r="AD5059" s="85"/>
      <c r="AE5059" s="85"/>
      <c r="AF5059" s="85"/>
      <c r="AG5059" s="86"/>
      <c r="AH5059" s="85"/>
      <c r="AI5059" s="85"/>
      <c r="AJ5059" s="85"/>
      <c r="AK5059" s="85"/>
      <c r="AL5059" s="85"/>
      <c r="AM5059" s="92"/>
      <c r="AN5059" s="92"/>
      <c r="AO5059" s="92"/>
      <c r="AP5059" s="92"/>
      <c r="AQ5059" s="92"/>
      <c r="AR5059" s="92"/>
      <c r="AS5059" s="92"/>
      <c r="AT5059" s="92"/>
      <c r="AU5059" s="92"/>
      <c r="AV5059" s="92"/>
      <c r="AW5059" s="92"/>
      <c r="AX5059" s="92"/>
      <c r="AY5059" s="92"/>
      <c r="AZ5059" s="93"/>
      <c r="BA5059" s="93"/>
      <c r="BB5059" s="93"/>
      <c r="BC5059" s="93"/>
      <c r="BD5059" s="93"/>
      <c r="BE5059" s="93"/>
      <c r="BF5059" s="93"/>
      <c r="BG5059" s="93"/>
      <c r="BH5059" s="93"/>
      <c r="BI5059" s="93"/>
      <c r="BJ5059" s="93"/>
      <c r="BK5059" s="93"/>
      <c r="BL5059" s="93"/>
    </row>
    <row r="5060" spans="2:64" x14ac:dyDescent="0.2">
      <c r="B5060" s="43"/>
      <c r="C5060" s="73"/>
      <c r="D5060" s="64"/>
      <c r="E5060" s="55"/>
      <c r="F5060" s="74"/>
      <c r="G5060" s="74"/>
      <c r="H5060" s="74"/>
      <c r="I5060" s="75"/>
      <c r="J5060" s="74"/>
      <c r="L5060" s="55"/>
      <c r="M5060" s="234"/>
      <c r="N5060" s="65"/>
      <c r="O5060" s="76"/>
      <c r="P5060" s="76"/>
      <c r="Q5060" s="65"/>
      <c r="R5060" s="76"/>
      <c r="S5060" s="76"/>
      <c r="T5060" s="76"/>
      <c r="U5060" s="76"/>
      <c r="V5060" s="76"/>
      <c r="W5060" s="76"/>
      <c r="X5060" s="76"/>
      <c r="Y5060" s="76"/>
      <c r="Z5060" s="76"/>
      <c r="AA5060" s="85"/>
      <c r="AB5060" s="85"/>
      <c r="AC5060" s="85"/>
      <c r="AD5060" s="85"/>
      <c r="AE5060" s="85"/>
      <c r="AF5060" s="85"/>
      <c r="AG5060" s="86"/>
      <c r="AH5060" s="85"/>
      <c r="AI5060" s="85"/>
      <c r="AJ5060" s="85"/>
      <c r="AK5060" s="85"/>
      <c r="AL5060" s="85"/>
      <c r="AM5060" s="92"/>
      <c r="AN5060" s="92"/>
      <c r="AO5060" s="92"/>
      <c r="AP5060" s="92"/>
      <c r="AQ5060" s="92"/>
      <c r="AR5060" s="92"/>
      <c r="AS5060" s="92"/>
      <c r="AT5060" s="92"/>
      <c r="AU5060" s="92"/>
      <c r="AV5060" s="92"/>
      <c r="AW5060" s="92"/>
      <c r="AX5060" s="92"/>
      <c r="AY5060" s="92"/>
      <c r="AZ5060" s="93"/>
      <c r="BA5060" s="93"/>
      <c r="BB5060" s="93"/>
      <c r="BC5060" s="93"/>
      <c r="BD5060" s="93"/>
      <c r="BE5060" s="93"/>
      <c r="BF5060" s="93"/>
      <c r="BG5060" s="93"/>
      <c r="BH5060" s="93"/>
      <c r="BI5060" s="93"/>
      <c r="BJ5060" s="93"/>
      <c r="BK5060" s="93"/>
      <c r="BL5060" s="93"/>
    </row>
    <row r="5061" spans="2:64" x14ac:dyDescent="0.2">
      <c r="B5061" s="43"/>
      <c r="C5061" s="73"/>
      <c r="D5061" s="64"/>
      <c r="E5061" s="55"/>
      <c r="F5061" s="74"/>
      <c r="G5061" s="74"/>
      <c r="H5061" s="74"/>
      <c r="I5061" s="75"/>
      <c r="J5061" s="74"/>
      <c r="L5061" s="55"/>
      <c r="M5061" s="234"/>
      <c r="N5061" s="65"/>
      <c r="O5061" s="76"/>
      <c r="P5061" s="76"/>
      <c r="Q5061" s="65"/>
      <c r="R5061" s="76"/>
      <c r="S5061" s="76"/>
      <c r="T5061" s="76"/>
      <c r="U5061" s="76"/>
      <c r="V5061" s="76"/>
      <c r="W5061" s="76"/>
      <c r="X5061" s="76"/>
      <c r="Y5061" s="76"/>
      <c r="Z5061" s="76"/>
      <c r="AA5061" s="85"/>
      <c r="AB5061" s="85"/>
      <c r="AC5061" s="85"/>
      <c r="AD5061" s="85"/>
      <c r="AE5061" s="85"/>
      <c r="AF5061" s="85"/>
      <c r="AG5061" s="86"/>
      <c r="AH5061" s="85"/>
      <c r="AI5061" s="85"/>
      <c r="AJ5061" s="85"/>
      <c r="AK5061" s="85"/>
      <c r="AL5061" s="85"/>
      <c r="AM5061" s="92"/>
      <c r="AN5061" s="92"/>
      <c r="AO5061" s="92"/>
      <c r="AP5061" s="92"/>
      <c r="AQ5061" s="92"/>
      <c r="AR5061" s="92"/>
      <c r="AS5061" s="92"/>
      <c r="AT5061" s="92"/>
      <c r="AU5061" s="92"/>
      <c r="AV5061" s="92"/>
      <c r="AW5061" s="92"/>
      <c r="AX5061" s="92"/>
      <c r="AY5061" s="92"/>
      <c r="AZ5061" s="93"/>
      <c r="BA5061" s="93"/>
      <c r="BB5061" s="93"/>
      <c r="BC5061" s="93"/>
      <c r="BD5061" s="93"/>
      <c r="BE5061" s="93"/>
      <c r="BF5061" s="93"/>
      <c r="BG5061" s="93"/>
      <c r="BH5061" s="93"/>
      <c r="BI5061" s="93"/>
      <c r="BJ5061" s="93"/>
      <c r="BK5061" s="93"/>
      <c r="BL5061" s="93"/>
    </row>
    <row r="5062" spans="2:64" x14ac:dyDescent="0.2">
      <c r="B5062" s="43"/>
      <c r="C5062" s="73"/>
      <c r="D5062" s="64"/>
      <c r="E5062" s="55"/>
      <c r="F5062" s="74"/>
      <c r="G5062" s="74"/>
      <c r="H5062" s="74"/>
      <c r="I5062" s="75"/>
      <c r="J5062" s="74"/>
      <c r="L5062" s="55"/>
      <c r="M5062" s="234"/>
      <c r="N5062" s="65"/>
      <c r="O5062" s="76"/>
      <c r="P5062" s="76"/>
      <c r="Q5062" s="65"/>
      <c r="R5062" s="76"/>
      <c r="S5062" s="76"/>
      <c r="T5062" s="76"/>
      <c r="U5062" s="76"/>
      <c r="V5062" s="76"/>
      <c r="W5062" s="76"/>
      <c r="X5062" s="76"/>
      <c r="Y5062" s="76"/>
      <c r="Z5062" s="76"/>
      <c r="AA5062" s="85"/>
      <c r="AB5062" s="85"/>
      <c r="AC5062" s="85"/>
      <c r="AD5062" s="85"/>
      <c r="AE5062" s="85"/>
      <c r="AF5062" s="85"/>
      <c r="AG5062" s="86"/>
      <c r="AH5062" s="85"/>
      <c r="AI5062" s="85"/>
      <c r="AJ5062" s="85"/>
      <c r="AK5062" s="85"/>
      <c r="AL5062" s="85"/>
      <c r="AM5062" s="92"/>
      <c r="AN5062" s="92"/>
      <c r="AO5062" s="92"/>
      <c r="AP5062" s="92"/>
      <c r="AQ5062" s="92"/>
      <c r="AR5062" s="92"/>
      <c r="AS5062" s="92"/>
      <c r="AT5062" s="92"/>
      <c r="AU5062" s="92"/>
      <c r="AV5062" s="92"/>
      <c r="AW5062" s="92"/>
      <c r="AX5062" s="92"/>
      <c r="AY5062" s="92"/>
      <c r="AZ5062" s="93"/>
      <c r="BA5062" s="93"/>
      <c r="BB5062" s="93"/>
      <c r="BC5062" s="93"/>
      <c r="BD5062" s="93"/>
      <c r="BE5062" s="93"/>
      <c r="BF5062" s="93"/>
      <c r="BG5062" s="93"/>
      <c r="BH5062" s="93"/>
      <c r="BI5062" s="93"/>
      <c r="BJ5062" s="93"/>
      <c r="BK5062" s="93"/>
      <c r="BL5062" s="93"/>
    </row>
    <row r="5063" spans="2:64" x14ac:dyDescent="0.2">
      <c r="B5063" s="43"/>
      <c r="C5063" s="73"/>
      <c r="D5063" s="64"/>
      <c r="E5063" s="55"/>
      <c r="F5063" s="74"/>
      <c r="G5063" s="74"/>
      <c r="H5063" s="74"/>
      <c r="I5063" s="75"/>
      <c r="J5063" s="74"/>
      <c r="L5063" s="55"/>
      <c r="M5063" s="234"/>
      <c r="N5063" s="65"/>
      <c r="O5063" s="76"/>
      <c r="P5063" s="76"/>
      <c r="Q5063" s="65"/>
      <c r="R5063" s="76"/>
      <c r="S5063" s="76"/>
      <c r="T5063" s="76"/>
      <c r="U5063" s="76"/>
      <c r="V5063" s="76"/>
      <c r="W5063" s="76"/>
      <c r="X5063" s="76"/>
      <c r="Y5063" s="76"/>
      <c r="Z5063" s="76"/>
      <c r="AA5063" s="85"/>
      <c r="AB5063" s="85"/>
      <c r="AC5063" s="85"/>
      <c r="AD5063" s="85"/>
      <c r="AE5063" s="85"/>
      <c r="AF5063" s="85"/>
      <c r="AG5063" s="86"/>
      <c r="AH5063" s="85"/>
      <c r="AI5063" s="85"/>
      <c r="AJ5063" s="85"/>
      <c r="AK5063" s="85"/>
      <c r="AL5063" s="85"/>
      <c r="AM5063" s="92"/>
      <c r="AN5063" s="92"/>
      <c r="AO5063" s="92"/>
      <c r="AP5063" s="92"/>
      <c r="AQ5063" s="92"/>
      <c r="AR5063" s="92"/>
      <c r="AS5063" s="92"/>
      <c r="AT5063" s="92"/>
      <c r="AU5063" s="92"/>
      <c r="AV5063" s="92"/>
      <c r="AW5063" s="92"/>
      <c r="AX5063" s="92"/>
      <c r="AY5063" s="92"/>
      <c r="AZ5063" s="93"/>
      <c r="BA5063" s="93"/>
      <c r="BB5063" s="93"/>
      <c r="BC5063" s="93"/>
      <c r="BD5063" s="93"/>
      <c r="BE5063" s="93"/>
      <c r="BF5063" s="93"/>
      <c r="BG5063" s="93"/>
      <c r="BH5063" s="93"/>
      <c r="BI5063" s="93"/>
      <c r="BJ5063" s="93"/>
      <c r="BK5063" s="93"/>
      <c r="BL5063" s="93"/>
    </row>
    <row r="5064" spans="2:64" x14ac:dyDescent="0.2">
      <c r="B5064" s="43"/>
      <c r="C5064" s="73"/>
      <c r="D5064" s="64"/>
      <c r="E5064" s="55"/>
      <c r="F5064" s="74"/>
      <c r="G5064" s="74"/>
      <c r="H5064" s="74"/>
      <c r="I5064" s="75"/>
      <c r="J5064" s="74"/>
      <c r="L5064" s="55"/>
      <c r="M5064" s="234"/>
      <c r="N5064" s="65"/>
      <c r="O5064" s="76"/>
      <c r="P5064" s="76"/>
      <c r="Q5064" s="65"/>
      <c r="R5064" s="76"/>
      <c r="S5064" s="76"/>
      <c r="T5064" s="76"/>
      <c r="U5064" s="76"/>
      <c r="V5064" s="76"/>
      <c r="W5064" s="76"/>
      <c r="X5064" s="76"/>
      <c r="Y5064" s="76"/>
      <c r="Z5064" s="76"/>
      <c r="AA5064" s="85"/>
      <c r="AB5064" s="85"/>
      <c r="AC5064" s="85"/>
      <c r="AD5064" s="85"/>
      <c r="AE5064" s="85"/>
      <c r="AF5064" s="85"/>
      <c r="AG5064" s="86"/>
      <c r="AH5064" s="85"/>
      <c r="AI5064" s="85"/>
      <c r="AJ5064" s="85"/>
      <c r="AK5064" s="85"/>
      <c r="AL5064" s="85"/>
      <c r="AM5064" s="92"/>
      <c r="AN5064" s="92"/>
      <c r="AO5064" s="92"/>
      <c r="AP5064" s="92"/>
      <c r="AQ5064" s="92"/>
      <c r="AR5064" s="92"/>
      <c r="AS5064" s="92"/>
      <c r="AT5064" s="92"/>
      <c r="AU5064" s="92"/>
      <c r="AV5064" s="92"/>
      <c r="AW5064" s="92"/>
      <c r="AX5064" s="92"/>
      <c r="AY5064" s="92"/>
      <c r="AZ5064" s="93"/>
      <c r="BA5064" s="93"/>
      <c r="BB5064" s="93"/>
      <c r="BC5064" s="93"/>
      <c r="BD5064" s="93"/>
      <c r="BE5064" s="93"/>
      <c r="BF5064" s="93"/>
      <c r="BG5064" s="93"/>
      <c r="BH5064" s="93"/>
      <c r="BI5064" s="93"/>
      <c r="BJ5064" s="93"/>
      <c r="BK5064" s="93"/>
      <c r="BL5064" s="93"/>
    </row>
    <row r="5065" spans="2:64" x14ac:dyDescent="0.2">
      <c r="B5065" s="43"/>
      <c r="C5065" s="73"/>
      <c r="D5065" s="64"/>
      <c r="E5065" s="55"/>
      <c r="F5065" s="74"/>
      <c r="G5065" s="74"/>
      <c r="H5065" s="74"/>
      <c r="I5065" s="75"/>
      <c r="J5065" s="74"/>
      <c r="L5065" s="55"/>
      <c r="M5065" s="234"/>
      <c r="N5065" s="65"/>
      <c r="O5065" s="76"/>
      <c r="P5065" s="76"/>
      <c r="Q5065" s="65"/>
      <c r="R5065" s="76"/>
      <c r="S5065" s="76"/>
      <c r="T5065" s="76"/>
      <c r="U5065" s="76"/>
      <c r="V5065" s="76"/>
      <c r="W5065" s="76"/>
      <c r="X5065" s="76"/>
      <c r="Y5065" s="76"/>
      <c r="Z5065" s="76"/>
      <c r="AA5065" s="85"/>
      <c r="AB5065" s="85"/>
      <c r="AC5065" s="85"/>
      <c r="AD5065" s="85"/>
      <c r="AE5065" s="85"/>
      <c r="AF5065" s="85"/>
      <c r="AG5065" s="86"/>
      <c r="AH5065" s="85"/>
      <c r="AI5065" s="85"/>
      <c r="AJ5065" s="85"/>
      <c r="AK5065" s="85"/>
      <c r="AL5065" s="85"/>
      <c r="AM5065" s="92"/>
      <c r="AN5065" s="92"/>
      <c r="AO5065" s="92"/>
      <c r="AP5065" s="92"/>
      <c r="AQ5065" s="92"/>
      <c r="AR5065" s="92"/>
      <c r="AS5065" s="92"/>
      <c r="AT5065" s="92"/>
      <c r="AU5065" s="92"/>
      <c r="AV5065" s="92"/>
      <c r="AW5065" s="92"/>
      <c r="AX5065" s="92"/>
      <c r="AY5065" s="92"/>
      <c r="AZ5065" s="93"/>
      <c r="BA5065" s="93"/>
      <c r="BB5065" s="93"/>
      <c r="BC5065" s="93"/>
      <c r="BD5065" s="93"/>
      <c r="BE5065" s="93"/>
      <c r="BF5065" s="93"/>
      <c r="BG5065" s="93"/>
      <c r="BH5065" s="93"/>
      <c r="BI5065" s="93"/>
      <c r="BJ5065" s="93"/>
      <c r="BK5065" s="93"/>
      <c r="BL5065" s="93"/>
    </row>
    <row r="5066" spans="2:64" x14ac:dyDescent="0.2">
      <c r="B5066" s="43"/>
      <c r="C5066" s="73"/>
      <c r="D5066" s="64"/>
      <c r="E5066" s="55"/>
      <c r="F5066" s="74"/>
      <c r="G5066" s="74"/>
      <c r="H5066" s="74"/>
      <c r="I5066" s="75"/>
      <c r="J5066" s="74"/>
      <c r="L5066" s="55"/>
      <c r="M5066" s="234"/>
      <c r="N5066" s="65"/>
      <c r="O5066" s="76"/>
      <c r="P5066" s="76"/>
      <c r="Q5066" s="65"/>
      <c r="R5066" s="76"/>
      <c r="S5066" s="76"/>
      <c r="T5066" s="76"/>
      <c r="U5066" s="76"/>
      <c r="V5066" s="76"/>
      <c r="W5066" s="76"/>
      <c r="X5066" s="76"/>
      <c r="Y5066" s="76"/>
      <c r="Z5066" s="76"/>
      <c r="AA5066" s="85"/>
      <c r="AB5066" s="85"/>
      <c r="AC5066" s="85"/>
      <c r="AD5066" s="85"/>
      <c r="AE5066" s="85"/>
      <c r="AF5066" s="85"/>
      <c r="AG5066" s="86"/>
      <c r="AH5066" s="85"/>
      <c r="AI5066" s="85"/>
      <c r="AJ5066" s="85"/>
      <c r="AK5066" s="85"/>
      <c r="AL5066" s="85"/>
      <c r="AM5066" s="92"/>
      <c r="AN5066" s="92"/>
      <c r="AO5066" s="92"/>
      <c r="AP5066" s="92"/>
      <c r="AQ5066" s="92"/>
      <c r="AR5066" s="92"/>
      <c r="AS5066" s="92"/>
      <c r="AT5066" s="92"/>
      <c r="AU5066" s="92"/>
      <c r="AV5066" s="92"/>
      <c r="AW5066" s="92"/>
      <c r="AX5066" s="92"/>
      <c r="AY5066" s="92"/>
      <c r="AZ5066" s="93"/>
      <c r="BA5066" s="93"/>
      <c r="BB5066" s="93"/>
      <c r="BC5066" s="93"/>
      <c r="BD5066" s="93"/>
      <c r="BE5066" s="93"/>
      <c r="BF5066" s="93"/>
      <c r="BG5066" s="93"/>
      <c r="BH5066" s="93"/>
      <c r="BI5066" s="93"/>
      <c r="BJ5066" s="93"/>
      <c r="BK5066" s="93"/>
      <c r="BL5066" s="93"/>
    </row>
    <row r="5067" spans="2:64" x14ac:dyDescent="0.2">
      <c r="B5067" s="43"/>
      <c r="C5067" s="73"/>
      <c r="D5067" s="64"/>
      <c r="E5067" s="55"/>
      <c r="F5067" s="74"/>
      <c r="G5067" s="74"/>
      <c r="H5067" s="74"/>
      <c r="I5067" s="75"/>
      <c r="J5067" s="74"/>
      <c r="L5067" s="55"/>
      <c r="M5067" s="234"/>
      <c r="N5067" s="65"/>
      <c r="O5067" s="76"/>
      <c r="P5067" s="76"/>
      <c r="Q5067" s="65"/>
      <c r="R5067" s="76"/>
      <c r="S5067" s="76"/>
      <c r="T5067" s="76"/>
      <c r="U5067" s="76"/>
      <c r="V5067" s="76"/>
      <c r="W5067" s="76"/>
      <c r="X5067" s="76"/>
      <c r="Y5067" s="76"/>
      <c r="Z5067" s="76"/>
      <c r="AA5067" s="85"/>
      <c r="AB5067" s="85"/>
      <c r="AC5067" s="85"/>
      <c r="AD5067" s="85"/>
      <c r="AE5067" s="85"/>
      <c r="AF5067" s="85"/>
      <c r="AG5067" s="86"/>
      <c r="AH5067" s="85"/>
      <c r="AI5067" s="85"/>
      <c r="AJ5067" s="85"/>
      <c r="AK5067" s="85"/>
      <c r="AL5067" s="85"/>
      <c r="AM5067" s="92"/>
      <c r="AN5067" s="92"/>
      <c r="AO5067" s="92"/>
      <c r="AP5067" s="92"/>
      <c r="AQ5067" s="92"/>
      <c r="AR5067" s="92"/>
      <c r="AS5067" s="92"/>
      <c r="AT5067" s="92"/>
      <c r="AU5067" s="92"/>
      <c r="AV5067" s="92"/>
      <c r="AW5067" s="92"/>
      <c r="AX5067" s="92"/>
      <c r="AY5067" s="92"/>
      <c r="AZ5067" s="93"/>
      <c r="BA5067" s="93"/>
      <c r="BB5067" s="93"/>
      <c r="BC5067" s="93"/>
      <c r="BD5067" s="93"/>
      <c r="BE5067" s="93"/>
      <c r="BF5067" s="93"/>
      <c r="BG5067" s="93"/>
      <c r="BH5067" s="93"/>
      <c r="BI5067" s="93"/>
      <c r="BJ5067" s="93"/>
      <c r="BK5067" s="93"/>
      <c r="BL5067" s="93"/>
    </row>
    <row r="5068" spans="2:64" x14ac:dyDescent="0.2">
      <c r="B5068" s="43"/>
      <c r="C5068" s="73"/>
      <c r="D5068" s="64"/>
      <c r="E5068" s="55"/>
      <c r="F5068" s="74"/>
      <c r="G5068" s="74"/>
      <c r="H5068" s="74"/>
      <c r="I5068" s="75"/>
      <c r="J5068" s="74"/>
      <c r="L5068" s="55"/>
      <c r="M5068" s="234"/>
      <c r="N5068" s="65"/>
      <c r="O5068" s="76"/>
      <c r="P5068" s="76"/>
      <c r="Q5068" s="65"/>
      <c r="R5068" s="76"/>
      <c r="S5068" s="76"/>
      <c r="T5068" s="76"/>
      <c r="U5068" s="76"/>
      <c r="V5068" s="76"/>
      <c r="W5068" s="76"/>
      <c r="X5068" s="76"/>
      <c r="Y5068" s="76"/>
      <c r="Z5068" s="76"/>
      <c r="AA5068" s="85"/>
      <c r="AB5068" s="85"/>
      <c r="AC5068" s="85"/>
      <c r="AD5068" s="85"/>
      <c r="AE5068" s="85"/>
      <c r="AF5068" s="85"/>
      <c r="AG5068" s="86"/>
      <c r="AH5068" s="85"/>
      <c r="AI5068" s="85"/>
      <c r="AJ5068" s="85"/>
      <c r="AK5068" s="85"/>
      <c r="AL5068" s="85"/>
      <c r="AM5068" s="92"/>
      <c r="AN5068" s="92"/>
      <c r="AO5068" s="92"/>
      <c r="AP5068" s="92"/>
      <c r="AQ5068" s="92"/>
      <c r="AR5068" s="92"/>
      <c r="AS5068" s="92"/>
      <c r="AT5068" s="92"/>
      <c r="AU5068" s="92"/>
      <c r="AV5068" s="92"/>
      <c r="AW5068" s="92"/>
      <c r="AX5068" s="92"/>
      <c r="AY5068" s="92"/>
      <c r="AZ5068" s="93"/>
      <c r="BA5068" s="93"/>
      <c r="BB5068" s="93"/>
      <c r="BC5068" s="93"/>
      <c r="BD5068" s="93"/>
      <c r="BE5068" s="93"/>
      <c r="BF5068" s="93"/>
      <c r="BG5068" s="93"/>
      <c r="BH5068" s="93"/>
      <c r="BI5068" s="93"/>
      <c r="BJ5068" s="93"/>
      <c r="BK5068" s="93"/>
      <c r="BL5068" s="93"/>
    </row>
    <row r="5069" spans="2:64" x14ac:dyDescent="0.2">
      <c r="B5069" s="43"/>
      <c r="C5069" s="73"/>
      <c r="D5069" s="64"/>
      <c r="E5069" s="55"/>
      <c r="F5069" s="74"/>
      <c r="G5069" s="74"/>
      <c r="H5069" s="74"/>
      <c r="I5069" s="75"/>
      <c r="J5069" s="74"/>
      <c r="L5069" s="55"/>
      <c r="M5069" s="234"/>
      <c r="N5069" s="65"/>
      <c r="O5069" s="76"/>
      <c r="P5069" s="76"/>
      <c r="Q5069" s="65"/>
      <c r="R5069" s="76"/>
      <c r="S5069" s="76"/>
      <c r="T5069" s="76"/>
      <c r="U5069" s="76"/>
      <c r="V5069" s="76"/>
      <c r="W5069" s="76"/>
      <c r="X5069" s="76"/>
      <c r="Y5069" s="76"/>
      <c r="Z5069" s="76"/>
      <c r="AA5069" s="85"/>
      <c r="AB5069" s="85"/>
      <c r="AC5069" s="85"/>
      <c r="AD5069" s="85"/>
      <c r="AE5069" s="85"/>
      <c r="AF5069" s="85"/>
      <c r="AG5069" s="86"/>
      <c r="AH5069" s="85"/>
      <c r="AI5069" s="85"/>
      <c r="AJ5069" s="85"/>
      <c r="AK5069" s="85"/>
      <c r="AL5069" s="85"/>
      <c r="AM5069" s="92"/>
      <c r="AN5069" s="92"/>
      <c r="AO5069" s="92"/>
      <c r="AP5069" s="92"/>
      <c r="AQ5069" s="92"/>
      <c r="AR5069" s="92"/>
      <c r="AS5069" s="92"/>
      <c r="AT5069" s="92"/>
      <c r="AU5069" s="92"/>
      <c r="AV5069" s="92"/>
      <c r="AW5069" s="92"/>
      <c r="AX5069" s="92"/>
      <c r="AY5069" s="92"/>
      <c r="AZ5069" s="93"/>
      <c r="BA5069" s="93"/>
      <c r="BB5069" s="93"/>
      <c r="BC5069" s="93"/>
      <c r="BD5069" s="93"/>
      <c r="BE5069" s="93"/>
      <c r="BF5069" s="93"/>
      <c r="BG5069" s="93"/>
      <c r="BH5069" s="93"/>
      <c r="BI5069" s="93"/>
      <c r="BJ5069" s="93"/>
      <c r="BK5069" s="93"/>
      <c r="BL5069" s="93"/>
    </row>
    <row r="5070" spans="2:64" x14ac:dyDescent="0.2">
      <c r="B5070" s="43"/>
      <c r="C5070" s="73"/>
      <c r="D5070" s="64"/>
      <c r="E5070" s="55"/>
      <c r="F5070" s="74"/>
      <c r="G5070" s="74"/>
      <c r="H5070" s="74"/>
      <c r="I5070" s="75"/>
      <c r="J5070" s="74"/>
      <c r="L5070" s="55"/>
      <c r="M5070" s="234"/>
      <c r="N5070" s="65"/>
      <c r="O5070" s="76"/>
      <c r="P5070" s="76"/>
      <c r="Q5070" s="65"/>
      <c r="R5070" s="76"/>
      <c r="S5070" s="76"/>
      <c r="T5070" s="76"/>
      <c r="U5070" s="76"/>
      <c r="V5070" s="76"/>
      <c r="W5070" s="76"/>
      <c r="X5070" s="76"/>
      <c r="Y5070" s="76"/>
      <c r="Z5070" s="76"/>
      <c r="AA5070" s="85"/>
      <c r="AB5070" s="85"/>
      <c r="AC5070" s="85"/>
      <c r="AD5070" s="85"/>
      <c r="AE5070" s="85"/>
      <c r="AF5070" s="85"/>
      <c r="AG5070" s="86"/>
      <c r="AH5070" s="85"/>
      <c r="AI5070" s="85"/>
      <c r="AJ5070" s="85"/>
      <c r="AK5070" s="85"/>
      <c r="AL5070" s="85"/>
      <c r="AM5070" s="92"/>
      <c r="AN5070" s="92"/>
      <c r="AO5070" s="92"/>
      <c r="AP5070" s="92"/>
      <c r="AQ5070" s="92"/>
      <c r="AR5070" s="92"/>
      <c r="AS5070" s="92"/>
      <c r="AT5070" s="92"/>
      <c r="AU5070" s="92"/>
      <c r="AV5070" s="92"/>
      <c r="AW5070" s="92"/>
      <c r="AX5070" s="92"/>
      <c r="AY5070" s="92"/>
      <c r="AZ5070" s="93"/>
      <c r="BA5070" s="93"/>
      <c r="BB5070" s="93"/>
      <c r="BC5070" s="93"/>
      <c r="BD5070" s="93"/>
      <c r="BE5070" s="93"/>
      <c r="BF5070" s="93"/>
      <c r="BG5070" s="93"/>
      <c r="BH5070" s="93"/>
      <c r="BI5070" s="93"/>
      <c r="BJ5070" s="93"/>
      <c r="BK5070" s="93"/>
      <c r="BL5070" s="93"/>
    </row>
    <row r="5071" spans="2:64" x14ac:dyDescent="0.2">
      <c r="B5071" s="43"/>
      <c r="C5071" s="73"/>
      <c r="D5071" s="64"/>
      <c r="E5071" s="55"/>
      <c r="F5071" s="74"/>
      <c r="G5071" s="74"/>
      <c r="H5071" s="74"/>
      <c r="I5071" s="75"/>
      <c r="J5071" s="74"/>
      <c r="L5071" s="55"/>
      <c r="M5071" s="234"/>
      <c r="N5071" s="65"/>
      <c r="O5071" s="76"/>
      <c r="P5071" s="76"/>
      <c r="Q5071" s="65"/>
      <c r="R5071" s="76"/>
      <c r="S5071" s="76"/>
      <c r="T5071" s="76"/>
      <c r="U5071" s="76"/>
      <c r="V5071" s="76"/>
      <c r="W5071" s="76"/>
      <c r="X5071" s="76"/>
      <c r="Y5071" s="76"/>
      <c r="Z5071" s="76"/>
      <c r="AA5071" s="85"/>
      <c r="AB5071" s="85"/>
      <c r="AC5071" s="85"/>
      <c r="AD5071" s="85"/>
      <c r="AE5071" s="85"/>
      <c r="AF5071" s="85"/>
      <c r="AG5071" s="86"/>
      <c r="AH5071" s="85"/>
      <c r="AI5071" s="85"/>
      <c r="AJ5071" s="85"/>
      <c r="AK5071" s="85"/>
      <c r="AL5071" s="85"/>
      <c r="AM5071" s="92"/>
      <c r="AN5071" s="92"/>
      <c r="AO5071" s="92"/>
      <c r="AP5071" s="92"/>
      <c r="AQ5071" s="92"/>
      <c r="AR5071" s="92"/>
      <c r="AS5071" s="92"/>
      <c r="AT5071" s="92"/>
      <c r="AU5071" s="92"/>
      <c r="AV5071" s="92"/>
      <c r="AW5071" s="92"/>
      <c r="AX5071" s="92"/>
      <c r="AY5071" s="92"/>
      <c r="AZ5071" s="93"/>
      <c r="BA5071" s="93"/>
      <c r="BB5071" s="93"/>
      <c r="BC5071" s="93"/>
      <c r="BD5071" s="93"/>
      <c r="BE5071" s="93"/>
      <c r="BF5071" s="93"/>
      <c r="BG5071" s="93"/>
      <c r="BH5071" s="93"/>
      <c r="BI5071" s="93"/>
      <c r="BJ5071" s="93"/>
      <c r="BK5071" s="93"/>
      <c r="BL5071" s="93"/>
    </row>
    <row r="5072" spans="2:64" x14ac:dyDescent="0.2">
      <c r="B5072" s="43"/>
      <c r="C5072" s="73"/>
      <c r="D5072" s="64"/>
      <c r="E5072" s="55"/>
      <c r="F5072" s="74"/>
      <c r="G5072" s="74"/>
      <c r="H5072" s="74"/>
      <c r="I5072" s="75"/>
      <c r="J5072" s="74"/>
      <c r="L5072" s="55"/>
      <c r="M5072" s="234"/>
      <c r="N5072" s="65"/>
      <c r="O5072" s="76"/>
      <c r="P5072" s="76"/>
      <c r="Q5072" s="65"/>
      <c r="R5072" s="76"/>
      <c r="S5072" s="76"/>
      <c r="T5072" s="76"/>
      <c r="U5072" s="76"/>
      <c r="V5072" s="76"/>
      <c r="W5072" s="76"/>
      <c r="X5072" s="76"/>
      <c r="Y5072" s="76"/>
      <c r="Z5072" s="76"/>
      <c r="AA5072" s="85"/>
      <c r="AB5072" s="85"/>
      <c r="AC5072" s="85"/>
      <c r="AD5072" s="85"/>
      <c r="AE5072" s="85"/>
      <c r="AF5072" s="85"/>
      <c r="AG5072" s="86"/>
      <c r="AH5072" s="85"/>
      <c r="AI5072" s="85"/>
      <c r="AJ5072" s="85"/>
      <c r="AK5072" s="85"/>
      <c r="AL5072" s="85"/>
      <c r="AM5072" s="92"/>
      <c r="AN5072" s="92"/>
      <c r="AO5072" s="92"/>
      <c r="AP5072" s="92"/>
      <c r="AQ5072" s="92"/>
      <c r="AR5072" s="92"/>
      <c r="AS5072" s="92"/>
      <c r="AT5072" s="92"/>
      <c r="AU5072" s="92"/>
      <c r="AV5072" s="92"/>
      <c r="AW5072" s="92"/>
      <c r="AX5072" s="92"/>
      <c r="AY5072" s="92"/>
      <c r="AZ5072" s="93"/>
      <c r="BA5072" s="93"/>
      <c r="BB5072" s="93"/>
      <c r="BC5072" s="93"/>
      <c r="BD5072" s="93"/>
      <c r="BE5072" s="93"/>
      <c r="BF5072" s="93"/>
      <c r="BG5072" s="93"/>
      <c r="BH5072" s="93"/>
      <c r="BI5072" s="93"/>
      <c r="BJ5072" s="93"/>
      <c r="BK5072" s="93"/>
      <c r="BL5072" s="93"/>
    </row>
    <row r="5073" spans="2:64" x14ac:dyDescent="0.2">
      <c r="B5073" s="43"/>
      <c r="C5073" s="73"/>
      <c r="D5073" s="64"/>
      <c r="E5073" s="55"/>
      <c r="F5073" s="74"/>
      <c r="G5073" s="74"/>
      <c r="H5073" s="74"/>
      <c r="I5073" s="75"/>
      <c r="J5073" s="74"/>
      <c r="L5073" s="55"/>
      <c r="M5073" s="234"/>
      <c r="N5073" s="65"/>
      <c r="O5073" s="76"/>
      <c r="P5073" s="76"/>
      <c r="Q5073" s="65"/>
      <c r="R5073" s="76"/>
      <c r="S5073" s="76"/>
      <c r="T5073" s="76"/>
      <c r="U5073" s="76"/>
      <c r="V5073" s="76"/>
      <c r="W5073" s="76"/>
      <c r="X5073" s="76"/>
      <c r="Y5073" s="76"/>
      <c r="Z5073" s="76"/>
      <c r="AA5073" s="85"/>
      <c r="AB5073" s="85"/>
      <c r="AC5073" s="85"/>
      <c r="AD5073" s="85"/>
      <c r="AE5073" s="85"/>
      <c r="AF5073" s="85"/>
      <c r="AG5073" s="86"/>
      <c r="AH5073" s="85"/>
      <c r="AI5073" s="85"/>
      <c r="AJ5073" s="85"/>
      <c r="AK5073" s="85"/>
      <c r="AL5073" s="85"/>
      <c r="AM5073" s="92"/>
      <c r="AN5073" s="92"/>
      <c r="AO5073" s="92"/>
      <c r="AP5073" s="92"/>
      <c r="AQ5073" s="92"/>
      <c r="AR5073" s="92"/>
      <c r="AS5073" s="92"/>
      <c r="AT5073" s="92"/>
      <c r="AU5073" s="92"/>
      <c r="AV5073" s="92"/>
      <c r="AW5073" s="92"/>
      <c r="AX5073" s="92"/>
      <c r="AY5073" s="92"/>
      <c r="AZ5073" s="93"/>
      <c r="BA5073" s="93"/>
      <c r="BB5073" s="93"/>
      <c r="BC5073" s="93"/>
      <c r="BD5073" s="93"/>
      <c r="BE5073" s="93"/>
      <c r="BF5073" s="93"/>
      <c r="BG5073" s="93"/>
      <c r="BH5073" s="93"/>
      <c r="BI5073" s="93"/>
      <c r="BJ5073" s="93"/>
      <c r="BK5073" s="93"/>
      <c r="BL5073" s="93"/>
    </row>
    <row r="5074" spans="2:64" x14ac:dyDescent="0.2">
      <c r="B5074" s="43"/>
      <c r="C5074" s="73"/>
      <c r="D5074" s="64"/>
      <c r="E5074" s="55"/>
      <c r="F5074" s="74"/>
      <c r="G5074" s="74"/>
      <c r="H5074" s="74"/>
      <c r="I5074" s="75"/>
      <c r="J5074" s="74"/>
      <c r="L5074" s="55"/>
      <c r="M5074" s="234"/>
      <c r="N5074" s="65"/>
      <c r="O5074" s="76"/>
      <c r="P5074" s="76"/>
      <c r="Q5074" s="65"/>
      <c r="R5074" s="76"/>
      <c r="S5074" s="76"/>
      <c r="T5074" s="76"/>
      <c r="U5074" s="76"/>
      <c r="V5074" s="76"/>
      <c r="W5074" s="76"/>
      <c r="X5074" s="76"/>
      <c r="Y5074" s="76"/>
      <c r="Z5074" s="76"/>
      <c r="AA5074" s="85"/>
      <c r="AB5074" s="85"/>
      <c r="AC5074" s="85"/>
      <c r="AD5074" s="85"/>
      <c r="AE5074" s="85"/>
      <c r="AF5074" s="85"/>
      <c r="AG5074" s="86"/>
      <c r="AH5074" s="85"/>
      <c r="AI5074" s="85"/>
      <c r="AJ5074" s="85"/>
      <c r="AK5074" s="85"/>
      <c r="AL5074" s="85"/>
      <c r="AM5074" s="92"/>
      <c r="AN5074" s="92"/>
      <c r="AO5074" s="92"/>
      <c r="AP5074" s="92"/>
      <c r="AQ5074" s="92"/>
      <c r="AR5074" s="92"/>
      <c r="AS5074" s="92"/>
      <c r="AT5074" s="92"/>
      <c r="AU5074" s="92"/>
      <c r="AV5074" s="92"/>
      <c r="AW5074" s="92"/>
      <c r="AX5074" s="92"/>
      <c r="AY5074" s="92"/>
      <c r="AZ5074" s="93"/>
      <c r="BA5074" s="93"/>
      <c r="BB5074" s="93"/>
      <c r="BC5074" s="93"/>
      <c r="BD5074" s="93"/>
      <c r="BE5074" s="93"/>
      <c r="BF5074" s="93"/>
      <c r="BG5074" s="93"/>
      <c r="BH5074" s="93"/>
      <c r="BI5074" s="93"/>
      <c r="BJ5074" s="93"/>
      <c r="BK5074" s="93"/>
      <c r="BL5074" s="93"/>
    </row>
    <row r="5075" spans="2:64" x14ac:dyDescent="0.2">
      <c r="B5075" s="43"/>
      <c r="C5075" s="73"/>
      <c r="D5075" s="64"/>
      <c r="E5075" s="55"/>
      <c r="F5075" s="74"/>
      <c r="G5075" s="74"/>
      <c r="H5075" s="74"/>
      <c r="I5075" s="75"/>
      <c r="J5075" s="74"/>
      <c r="L5075" s="55"/>
      <c r="M5075" s="234"/>
      <c r="N5075" s="65"/>
      <c r="O5075" s="76"/>
      <c r="P5075" s="76"/>
      <c r="Q5075" s="65"/>
      <c r="R5075" s="76"/>
      <c r="S5075" s="76"/>
      <c r="T5075" s="76"/>
      <c r="U5075" s="76"/>
      <c r="V5075" s="76"/>
      <c r="W5075" s="76"/>
      <c r="X5075" s="76"/>
      <c r="Y5075" s="76"/>
      <c r="Z5075" s="76"/>
      <c r="AA5075" s="85"/>
      <c r="AB5075" s="85"/>
      <c r="AC5075" s="85"/>
      <c r="AD5075" s="85"/>
      <c r="AE5075" s="85"/>
      <c r="AF5075" s="85"/>
      <c r="AG5075" s="86"/>
      <c r="AH5075" s="85"/>
      <c r="AI5075" s="85"/>
      <c r="AJ5075" s="85"/>
      <c r="AK5075" s="85"/>
      <c r="AL5075" s="85"/>
      <c r="AM5075" s="92"/>
      <c r="AN5075" s="92"/>
      <c r="AO5075" s="92"/>
      <c r="AP5075" s="92"/>
      <c r="AQ5075" s="92"/>
      <c r="AR5075" s="92"/>
      <c r="AS5075" s="92"/>
      <c r="AT5075" s="92"/>
      <c r="AU5075" s="92"/>
      <c r="AV5075" s="92"/>
      <c r="AW5075" s="92"/>
      <c r="AX5075" s="92"/>
      <c r="AY5075" s="92"/>
      <c r="AZ5075" s="93"/>
      <c r="BA5075" s="93"/>
      <c r="BB5075" s="93"/>
      <c r="BC5075" s="93"/>
      <c r="BD5075" s="93"/>
      <c r="BE5075" s="93"/>
      <c r="BF5075" s="93"/>
      <c r="BG5075" s="93"/>
      <c r="BH5075" s="93"/>
      <c r="BI5075" s="93"/>
      <c r="BJ5075" s="93"/>
      <c r="BK5075" s="93"/>
      <c r="BL5075" s="93"/>
    </row>
    <row r="5076" spans="2:64" x14ac:dyDescent="0.2">
      <c r="B5076" s="43"/>
      <c r="C5076" s="73"/>
      <c r="D5076" s="64"/>
      <c r="E5076" s="55"/>
      <c r="F5076" s="74"/>
      <c r="G5076" s="74"/>
      <c r="H5076" s="74"/>
      <c r="I5076" s="75"/>
      <c r="J5076" s="74"/>
      <c r="L5076" s="55"/>
      <c r="M5076" s="234"/>
      <c r="N5076" s="65"/>
      <c r="O5076" s="76"/>
      <c r="P5076" s="76"/>
      <c r="Q5076" s="65"/>
      <c r="R5076" s="76"/>
      <c r="S5076" s="76"/>
      <c r="T5076" s="76"/>
      <c r="U5076" s="76"/>
      <c r="V5076" s="76"/>
      <c r="W5076" s="76"/>
      <c r="X5076" s="76"/>
      <c r="Y5076" s="76"/>
      <c r="Z5076" s="76"/>
      <c r="AA5076" s="85"/>
      <c r="AB5076" s="85"/>
      <c r="AC5076" s="85"/>
      <c r="AD5076" s="85"/>
      <c r="AE5076" s="85"/>
      <c r="AF5076" s="85"/>
      <c r="AG5076" s="86"/>
      <c r="AH5076" s="85"/>
      <c r="AI5076" s="85"/>
      <c r="AJ5076" s="85"/>
      <c r="AK5076" s="85"/>
      <c r="AL5076" s="85"/>
      <c r="AM5076" s="92"/>
      <c r="AN5076" s="92"/>
      <c r="AO5076" s="92"/>
      <c r="AP5076" s="92"/>
      <c r="AQ5076" s="92"/>
      <c r="AR5076" s="92"/>
      <c r="AS5076" s="92"/>
      <c r="AT5076" s="92"/>
      <c r="AU5076" s="92"/>
      <c r="AV5076" s="92"/>
      <c r="AW5076" s="92"/>
      <c r="AX5076" s="92"/>
      <c r="AY5076" s="92"/>
      <c r="AZ5076" s="93"/>
      <c r="BA5076" s="93"/>
      <c r="BB5076" s="93"/>
      <c r="BC5076" s="93"/>
      <c r="BD5076" s="93"/>
      <c r="BE5076" s="93"/>
      <c r="BF5076" s="93"/>
      <c r="BG5076" s="93"/>
      <c r="BH5076" s="93"/>
      <c r="BI5076" s="93"/>
      <c r="BJ5076" s="93"/>
      <c r="BK5076" s="93"/>
      <c r="BL5076" s="93"/>
    </row>
    <row r="5077" spans="2:64" x14ac:dyDescent="0.2">
      <c r="B5077" s="43"/>
      <c r="C5077" s="73"/>
      <c r="D5077" s="64"/>
      <c r="E5077" s="55"/>
      <c r="F5077" s="74"/>
      <c r="G5077" s="74"/>
      <c r="H5077" s="74"/>
      <c r="I5077" s="75"/>
      <c r="J5077" s="74"/>
      <c r="L5077" s="55"/>
      <c r="M5077" s="234"/>
      <c r="N5077" s="65"/>
      <c r="O5077" s="76"/>
      <c r="P5077" s="76"/>
      <c r="Q5077" s="65"/>
      <c r="R5077" s="76"/>
      <c r="S5077" s="76"/>
      <c r="T5077" s="76"/>
      <c r="U5077" s="76"/>
      <c r="V5077" s="76"/>
      <c r="W5077" s="76"/>
      <c r="X5077" s="76"/>
      <c r="Y5077" s="76"/>
      <c r="Z5077" s="76"/>
      <c r="AA5077" s="85"/>
      <c r="AB5077" s="85"/>
      <c r="AC5077" s="85"/>
      <c r="AD5077" s="85"/>
      <c r="AE5077" s="85"/>
      <c r="AF5077" s="85"/>
      <c r="AG5077" s="86"/>
      <c r="AH5077" s="85"/>
      <c r="AI5077" s="85"/>
      <c r="AJ5077" s="85"/>
      <c r="AK5077" s="85"/>
      <c r="AL5077" s="85"/>
      <c r="AM5077" s="92"/>
      <c r="AN5077" s="92"/>
      <c r="AO5077" s="92"/>
      <c r="AP5077" s="92"/>
      <c r="AQ5077" s="92"/>
      <c r="AR5077" s="92"/>
      <c r="AS5077" s="92"/>
      <c r="AT5077" s="92"/>
      <c r="AU5077" s="92"/>
      <c r="AV5077" s="92"/>
      <c r="AW5077" s="92"/>
      <c r="AX5077" s="92"/>
      <c r="AY5077" s="92"/>
      <c r="AZ5077" s="93"/>
      <c r="BA5077" s="93"/>
      <c r="BB5077" s="93"/>
      <c r="BC5077" s="93"/>
      <c r="BD5077" s="93"/>
      <c r="BE5077" s="93"/>
      <c r="BF5077" s="93"/>
      <c r="BG5077" s="93"/>
      <c r="BH5077" s="93"/>
      <c r="BI5077" s="93"/>
      <c r="BJ5077" s="93"/>
      <c r="BK5077" s="93"/>
      <c r="BL5077" s="93"/>
    </row>
    <row r="5078" spans="2:64" x14ac:dyDescent="0.2">
      <c r="B5078" s="43"/>
      <c r="C5078" s="73"/>
      <c r="D5078" s="64"/>
      <c r="E5078" s="55"/>
      <c r="F5078" s="74"/>
      <c r="G5078" s="74"/>
      <c r="H5078" s="74"/>
      <c r="I5078" s="75"/>
      <c r="J5078" s="74"/>
      <c r="L5078" s="55"/>
      <c r="M5078" s="234"/>
      <c r="N5078" s="65"/>
      <c r="O5078" s="76"/>
      <c r="P5078" s="76"/>
      <c r="Q5078" s="65"/>
      <c r="R5078" s="76"/>
      <c r="S5078" s="76"/>
      <c r="T5078" s="76"/>
      <c r="U5078" s="76"/>
      <c r="V5078" s="76"/>
      <c r="W5078" s="76"/>
      <c r="X5078" s="76"/>
      <c r="Y5078" s="76"/>
      <c r="Z5078" s="76"/>
      <c r="AA5078" s="85"/>
      <c r="AB5078" s="85"/>
      <c r="AC5078" s="85"/>
      <c r="AD5078" s="85"/>
      <c r="AE5078" s="85"/>
      <c r="AF5078" s="85"/>
      <c r="AG5078" s="86"/>
      <c r="AH5078" s="85"/>
      <c r="AI5078" s="85"/>
      <c r="AJ5078" s="85"/>
      <c r="AK5078" s="85"/>
      <c r="AL5078" s="85"/>
      <c r="AM5078" s="92"/>
      <c r="AN5078" s="92"/>
      <c r="AO5078" s="92"/>
      <c r="AP5078" s="92"/>
      <c r="AQ5078" s="92"/>
      <c r="AR5078" s="92"/>
      <c r="AS5078" s="92"/>
      <c r="AT5078" s="92"/>
      <c r="AU5078" s="92"/>
      <c r="AV5078" s="92"/>
      <c r="AW5078" s="92"/>
      <c r="AX5078" s="92"/>
      <c r="AY5078" s="92"/>
      <c r="AZ5078" s="93"/>
      <c r="BA5078" s="93"/>
      <c r="BB5078" s="93"/>
      <c r="BC5078" s="93"/>
      <c r="BD5078" s="93"/>
      <c r="BE5078" s="93"/>
      <c r="BF5078" s="93"/>
      <c r="BG5078" s="93"/>
      <c r="BH5078" s="93"/>
      <c r="BI5078" s="93"/>
      <c r="BJ5078" s="93"/>
      <c r="BK5078" s="93"/>
      <c r="BL5078" s="93"/>
    </row>
    <row r="5079" spans="2:64" x14ac:dyDescent="0.2">
      <c r="B5079" s="43"/>
      <c r="C5079" s="73"/>
      <c r="D5079" s="64"/>
      <c r="E5079" s="55"/>
      <c r="F5079" s="74"/>
      <c r="G5079" s="74"/>
      <c r="H5079" s="74"/>
      <c r="I5079" s="75"/>
      <c r="J5079" s="74"/>
      <c r="L5079" s="55"/>
      <c r="M5079" s="234"/>
      <c r="N5079" s="65"/>
      <c r="O5079" s="76"/>
      <c r="P5079" s="76"/>
      <c r="Q5079" s="65"/>
      <c r="R5079" s="76"/>
      <c r="S5079" s="76"/>
      <c r="T5079" s="76"/>
      <c r="U5079" s="76"/>
      <c r="V5079" s="76"/>
      <c r="W5079" s="76"/>
      <c r="X5079" s="76"/>
      <c r="Y5079" s="76"/>
      <c r="Z5079" s="76"/>
      <c r="AA5079" s="85"/>
      <c r="AB5079" s="85"/>
      <c r="AC5079" s="85"/>
      <c r="AD5079" s="85"/>
      <c r="AE5079" s="85"/>
      <c r="AF5079" s="85"/>
      <c r="AG5079" s="86"/>
      <c r="AH5079" s="85"/>
      <c r="AI5079" s="85"/>
      <c r="AJ5079" s="85"/>
      <c r="AK5079" s="85"/>
      <c r="AL5079" s="85"/>
      <c r="AM5079" s="92"/>
      <c r="AN5079" s="92"/>
      <c r="AO5079" s="92"/>
      <c r="AP5079" s="92"/>
      <c r="AQ5079" s="92"/>
      <c r="AR5079" s="92"/>
      <c r="AS5079" s="92"/>
      <c r="AT5079" s="92"/>
      <c r="AU5079" s="92"/>
      <c r="AV5079" s="92"/>
      <c r="AW5079" s="92"/>
      <c r="AX5079" s="92"/>
      <c r="AY5079" s="92"/>
      <c r="AZ5079" s="93"/>
      <c r="BA5079" s="93"/>
      <c r="BB5079" s="93"/>
      <c r="BC5079" s="93"/>
      <c r="BD5079" s="93"/>
      <c r="BE5079" s="93"/>
      <c r="BF5079" s="93"/>
      <c r="BG5079" s="93"/>
      <c r="BH5079" s="93"/>
      <c r="BI5079" s="93"/>
      <c r="BJ5079" s="93"/>
      <c r="BK5079" s="93"/>
      <c r="BL5079" s="93"/>
    </row>
    <row r="5080" spans="2:64" x14ac:dyDescent="0.2">
      <c r="B5080" s="43"/>
      <c r="C5080" s="73"/>
      <c r="D5080" s="64"/>
      <c r="E5080" s="55"/>
      <c r="F5080" s="74"/>
      <c r="G5080" s="74"/>
      <c r="H5080" s="74"/>
      <c r="I5080" s="75"/>
      <c r="J5080" s="74"/>
      <c r="L5080" s="55"/>
      <c r="M5080" s="234"/>
      <c r="N5080" s="65"/>
      <c r="O5080" s="76"/>
      <c r="P5080" s="76"/>
      <c r="Q5080" s="65"/>
      <c r="R5080" s="76"/>
      <c r="S5080" s="76"/>
      <c r="T5080" s="76"/>
      <c r="U5080" s="76"/>
      <c r="V5080" s="76"/>
      <c r="W5080" s="76"/>
      <c r="X5080" s="76"/>
      <c r="Y5080" s="76"/>
      <c r="Z5080" s="76"/>
      <c r="AA5080" s="85"/>
      <c r="AB5080" s="85"/>
      <c r="AC5080" s="85"/>
      <c r="AD5080" s="85"/>
      <c r="AE5080" s="85"/>
      <c r="AF5080" s="85"/>
      <c r="AG5080" s="86"/>
      <c r="AH5080" s="85"/>
      <c r="AI5080" s="85"/>
      <c r="AJ5080" s="85"/>
      <c r="AK5080" s="85"/>
      <c r="AL5080" s="85"/>
      <c r="AM5080" s="92"/>
      <c r="AN5080" s="92"/>
      <c r="AO5080" s="92"/>
      <c r="AP5080" s="92"/>
      <c r="AQ5080" s="92"/>
      <c r="AR5080" s="92"/>
      <c r="AS5080" s="92"/>
      <c r="AT5080" s="92"/>
      <c r="AU5080" s="92"/>
      <c r="AV5080" s="92"/>
      <c r="AW5080" s="92"/>
      <c r="AX5080" s="92"/>
      <c r="AY5080" s="92"/>
      <c r="AZ5080" s="93"/>
      <c r="BA5080" s="93"/>
      <c r="BB5080" s="93"/>
      <c r="BC5080" s="93"/>
      <c r="BD5080" s="93"/>
      <c r="BE5080" s="93"/>
      <c r="BF5080" s="93"/>
      <c r="BG5080" s="93"/>
      <c r="BH5080" s="93"/>
      <c r="BI5080" s="93"/>
      <c r="BJ5080" s="93"/>
      <c r="BK5080" s="93"/>
      <c r="BL5080" s="93"/>
    </row>
    <row r="5081" spans="2:64" x14ac:dyDescent="0.2">
      <c r="B5081" s="43"/>
      <c r="C5081" s="73"/>
      <c r="D5081" s="64"/>
      <c r="E5081" s="55"/>
      <c r="F5081" s="74"/>
      <c r="G5081" s="74"/>
      <c r="H5081" s="74"/>
      <c r="I5081" s="75"/>
      <c r="J5081" s="74"/>
      <c r="L5081" s="55"/>
      <c r="M5081" s="234"/>
      <c r="N5081" s="65"/>
      <c r="O5081" s="76"/>
      <c r="P5081" s="76"/>
      <c r="Q5081" s="65"/>
      <c r="R5081" s="76"/>
      <c r="S5081" s="76"/>
      <c r="T5081" s="76"/>
      <c r="U5081" s="76"/>
      <c r="V5081" s="76"/>
      <c r="W5081" s="76"/>
      <c r="X5081" s="76"/>
      <c r="Y5081" s="76"/>
      <c r="Z5081" s="76"/>
      <c r="AA5081" s="85"/>
      <c r="AB5081" s="85"/>
      <c r="AC5081" s="85"/>
      <c r="AD5081" s="85"/>
      <c r="AE5081" s="85"/>
      <c r="AF5081" s="85"/>
      <c r="AG5081" s="86"/>
      <c r="AH5081" s="85"/>
      <c r="AI5081" s="85"/>
      <c r="AJ5081" s="85"/>
      <c r="AK5081" s="85"/>
      <c r="AL5081" s="85"/>
      <c r="AM5081" s="92"/>
      <c r="AN5081" s="92"/>
      <c r="AO5081" s="92"/>
      <c r="AP5081" s="92"/>
      <c r="AQ5081" s="92"/>
      <c r="AR5081" s="92"/>
      <c r="AS5081" s="92"/>
      <c r="AT5081" s="92"/>
      <c r="AU5081" s="92"/>
      <c r="AV5081" s="92"/>
      <c r="AW5081" s="92"/>
      <c r="AX5081" s="92"/>
      <c r="AY5081" s="92"/>
      <c r="AZ5081" s="93"/>
      <c r="BA5081" s="93"/>
      <c r="BB5081" s="93"/>
      <c r="BC5081" s="93"/>
      <c r="BD5081" s="93"/>
      <c r="BE5081" s="93"/>
      <c r="BF5081" s="93"/>
      <c r="BG5081" s="93"/>
      <c r="BH5081" s="93"/>
      <c r="BI5081" s="93"/>
      <c r="BJ5081" s="93"/>
      <c r="BK5081" s="93"/>
      <c r="BL5081" s="93"/>
    </row>
    <row r="5082" spans="2:64" x14ac:dyDescent="0.2">
      <c r="B5082" s="43"/>
      <c r="C5082" s="73"/>
      <c r="D5082" s="64"/>
      <c r="E5082" s="55"/>
      <c r="F5082" s="74"/>
      <c r="G5082" s="74"/>
      <c r="H5082" s="74"/>
      <c r="I5082" s="75"/>
      <c r="J5082" s="74"/>
      <c r="L5082" s="55"/>
      <c r="M5082" s="234"/>
      <c r="N5082" s="65"/>
      <c r="O5082" s="76"/>
      <c r="P5082" s="76"/>
      <c r="Q5082" s="65"/>
      <c r="R5082" s="76"/>
      <c r="S5082" s="76"/>
      <c r="T5082" s="76"/>
      <c r="U5082" s="76"/>
      <c r="V5082" s="76"/>
      <c r="W5082" s="76"/>
      <c r="X5082" s="76"/>
      <c r="Y5082" s="76"/>
      <c r="Z5082" s="76"/>
      <c r="AA5082" s="85"/>
      <c r="AB5082" s="85"/>
      <c r="AC5082" s="85"/>
      <c r="AD5082" s="85"/>
      <c r="AE5082" s="85"/>
      <c r="AF5082" s="85"/>
      <c r="AG5082" s="86"/>
      <c r="AH5082" s="85"/>
      <c r="AI5082" s="85"/>
      <c r="AJ5082" s="85"/>
      <c r="AK5082" s="85"/>
      <c r="AL5082" s="85"/>
      <c r="AM5082" s="92"/>
      <c r="AN5082" s="92"/>
      <c r="AO5082" s="92"/>
      <c r="AP5082" s="92"/>
      <c r="AQ5082" s="92"/>
      <c r="AR5082" s="92"/>
      <c r="AS5082" s="92"/>
      <c r="AT5082" s="92"/>
      <c r="AU5082" s="92"/>
      <c r="AV5082" s="92"/>
      <c r="AW5082" s="92"/>
      <c r="AX5082" s="92"/>
      <c r="AY5082" s="92"/>
      <c r="AZ5082" s="93"/>
      <c r="BA5082" s="93"/>
      <c r="BB5082" s="93"/>
      <c r="BC5082" s="93"/>
      <c r="BD5082" s="93"/>
      <c r="BE5082" s="93"/>
      <c r="BF5082" s="93"/>
      <c r="BG5082" s="93"/>
      <c r="BH5082" s="93"/>
      <c r="BI5082" s="93"/>
      <c r="BJ5082" s="93"/>
      <c r="BK5082" s="93"/>
      <c r="BL5082" s="93"/>
    </row>
    <row r="5083" spans="2:64" x14ac:dyDescent="0.2">
      <c r="B5083" s="43"/>
      <c r="C5083" s="73"/>
      <c r="D5083" s="64"/>
      <c r="E5083" s="55"/>
      <c r="F5083" s="74"/>
      <c r="G5083" s="74"/>
      <c r="H5083" s="74"/>
      <c r="I5083" s="75"/>
      <c r="J5083" s="74"/>
      <c r="L5083" s="55"/>
      <c r="M5083" s="234"/>
      <c r="N5083" s="65"/>
      <c r="O5083" s="76"/>
      <c r="P5083" s="76"/>
      <c r="Q5083" s="65"/>
      <c r="R5083" s="76"/>
      <c r="S5083" s="76"/>
      <c r="T5083" s="76"/>
      <c r="U5083" s="76"/>
      <c r="V5083" s="76"/>
      <c r="W5083" s="76"/>
      <c r="X5083" s="76"/>
      <c r="Y5083" s="76"/>
      <c r="Z5083" s="76"/>
      <c r="AA5083" s="85"/>
      <c r="AB5083" s="85"/>
      <c r="AC5083" s="85"/>
      <c r="AD5083" s="85"/>
      <c r="AE5083" s="85"/>
      <c r="AF5083" s="85"/>
      <c r="AG5083" s="86"/>
      <c r="AH5083" s="85"/>
      <c r="AI5083" s="85"/>
      <c r="AJ5083" s="85"/>
      <c r="AK5083" s="85"/>
      <c r="AL5083" s="85"/>
      <c r="AM5083" s="92"/>
      <c r="AN5083" s="92"/>
      <c r="AO5083" s="92"/>
      <c r="AP5083" s="92"/>
      <c r="AQ5083" s="92"/>
      <c r="AR5083" s="92"/>
      <c r="AS5083" s="92"/>
      <c r="AT5083" s="92"/>
      <c r="AU5083" s="92"/>
      <c r="AV5083" s="92"/>
      <c r="AW5083" s="92"/>
      <c r="AX5083" s="92"/>
      <c r="AY5083" s="92"/>
      <c r="AZ5083" s="93"/>
      <c r="BA5083" s="93"/>
      <c r="BB5083" s="93"/>
      <c r="BC5083" s="93"/>
      <c r="BD5083" s="93"/>
      <c r="BE5083" s="93"/>
      <c r="BF5083" s="93"/>
      <c r="BG5083" s="93"/>
      <c r="BH5083" s="93"/>
      <c r="BI5083" s="93"/>
      <c r="BJ5083" s="93"/>
      <c r="BK5083" s="93"/>
      <c r="BL5083" s="93"/>
    </row>
    <row r="5084" spans="2:64" x14ac:dyDescent="0.2">
      <c r="B5084" s="43"/>
      <c r="C5084" s="73"/>
      <c r="D5084" s="64"/>
      <c r="E5084" s="55"/>
      <c r="F5084" s="74"/>
      <c r="G5084" s="74"/>
      <c r="H5084" s="74"/>
      <c r="I5084" s="75"/>
      <c r="J5084" s="74"/>
      <c r="L5084" s="55"/>
      <c r="M5084" s="234"/>
      <c r="N5084" s="65"/>
      <c r="O5084" s="76"/>
      <c r="P5084" s="76"/>
      <c r="Q5084" s="65"/>
      <c r="R5084" s="76"/>
      <c r="S5084" s="76"/>
      <c r="T5084" s="76"/>
      <c r="U5084" s="76"/>
      <c r="V5084" s="76"/>
      <c r="W5084" s="76"/>
      <c r="X5084" s="76"/>
      <c r="Y5084" s="76"/>
      <c r="Z5084" s="76"/>
      <c r="AA5084" s="85"/>
      <c r="AB5084" s="85"/>
      <c r="AC5084" s="85"/>
      <c r="AD5084" s="85"/>
      <c r="AE5084" s="85"/>
      <c r="AF5084" s="85"/>
      <c r="AG5084" s="86"/>
      <c r="AH5084" s="85"/>
      <c r="AI5084" s="85"/>
      <c r="AJ5084" s="85"/>
      <c r="AK5084" s="85"/>
      <c r="AL5084" s="85"/>
      <c r="AM5084" s="92"/>
      <c r="AN5084" s="92"/>
      <c r="AO5084" s="92"/>
      <c r="AP5084" s="92"/>
      <c r="AQ5084" s="92"/>
      <c r="AR5084" s="92"/>
      <c r="AS5084" s="92"/>
      <c r="AT5084" s="92"/>
      <c r="AU5084" s="92"/>
      <c r="AV5084" s="92"/>
      <c r="AW5084" s="92"/>
      <c r="AX5084" s="92"/>
      <c r="AY5084" s="92"/>
      <c r="AZ5084" s="93"/>
      <c r="BA5084" s="93"/>
      <c r="BB5084" s="93"/>
      <c r="BC5084" s="93"/>
      <c r="BD5084" s="93"/>
      <c r="BE5084" s="93"/>
      <c r="BF5084" s="93"/>
      <c r="BG5084" s="93"/>
      <c r="BH5084" s="93"/>
      <c r="BI5084" s="93"/>
      <c r="BJ5084" s="93"/>
      <c r="BK5084" s="93"/>
      <c r="BL5084" s="93"/>
    </row>
    <row r="5085" spans="2:64" x14ac:dyDescent="0.2">
      <c r="B5085" s="43"/>
      <c r="C5085" s="73"/>
      <c r="D5085" s="64"/>
      <c r="E5085" s="55"/>
      <c r="F5085" s="74"/>
      <c r="G5085" s="74"/>
      <c r="H5085" s="74"/>
      <c r="I5085" s="75"/>
      <c r="J5085" s="74"/>
      <c r="L5085" s="55"/>
      <c r="M5085" s="234"/>
      <c r="N5085" s="65"/>
      <c r="O5085" s="76"/>
      <c r="P5085" s="76"/>
      <c r="Q5085" s="65"/>
      <c r="R5085" s="76"/>
      <c r="S5085" s="76"/>
      <c r="T5085" s="76"/>
      <c r="U5085" s="76"/>
      <c r="V5085" s="76"/>
      <c r="W5085" s="76"/>
      <c r="X5085" s="76"/>
      <c r="Y5085" s="76"/>
      <c r="Z5085" s="76"/>
      <c r="AA5085" s="85"/>
      <c r="AB5085" s="85"/>
      <c r="AC5085" s="85"/>
      <c r="AD5085" s="85"/>
      <c r="AE5085" s="85"/>
      <c r="AF5085" s="85"/>
      <c r="AG5085" s="86"/>
      <c r="AH5085" s="85"/>
      <c r="AI5085" s="85"/>
      <c r="AJ5085" s="85"/>
      <c r="AK5085" s="85"/>
      <c r="AL5085" s="85"/>
      <c r="AM5085" s="92"/>
      <c r="AN5085" s="92"/>
      <c r="AO5085" s="92"/>
      <c r="AP5085" s="92"/>
      <c r="AQ5085" s="92"/>
      <c r="AR5085" s="92"/>
      <c r="AS5085" s="92"/>
      <c r="AT5085" s="92"/>
      <c r="AU5085" s="92"/>
      <c r="AV5085" s="92"/>
      <c r="AW5085" s="92"/>
      <c r="AX5085" s="92"/>
      <c r="AY5085" s="92"/>
      <c r="AZ5085" s="93"/>
      <c r="BA5085" s="93"/>
      <c r="BB5085" s="93"/>
      <c r="BC5085" s="93"/>
      <c r="BD5085" s="93"/>
      <c r="BE5085" s="93"/>
      <c r="BF5085" s="93"/>
      <c r="BG5085" s="93"/>
      <c r="BH5085" s="93"/>
      <c r="BI5085" s="93"/>
      <c r="BJ5085" s="93"/>
      <c r="BK5085" s="93"/>
      <c r="BL5085" s="93"/>
    </row>
    <row r="5086" spans="2:64" x14ac:dyDescent="0.2">
      <c r="B5086" s="43"/>
      <c r="C5086" s="73"/>
      <c r="D5086" s="64"/>
      <c r="E5086" s="55"/>
      <c r="F5086" s="74"/>
      <c r="G5086" s="74"/>
      <c r="H5086" s="74"/>
      <c r="I5086" s="75"/>
      <c r="J5086" s="74"/>
      <c r="L5086" s="55"/>
      <c r="M5086" s="234"/>
      <c r="N5086" s="65"/>
      <c r="O5086" s="76"/>
      <c r="P5086" s="76"/>
      <c r="Q5086" s="65"/>
      <c r="R5086" s="76"/>
      <c r="S5086" s="76"/>
      <c r="T5086" s="76"/>
      <c r="U5086" s="76"/>
      <c r="V5086" s="76"/>
      <c r="W5086" s="76"/>
      <c r="X5086" s="76"/>
      <c r="Y5086" s="76"/>
      <c r="Z5086" s="76"/>
      <c r="AA5086" s="85"/>
      <c r="AB5086" s="85"/>
      <c r="AC5086" s="85"/>
      <c r="AD5086" s="85"/>
      <c r="AE5086" s="85"/>
      <c r="AF5086" s="85"/>
      <c r="AG5086" s="86"/>
      <c r="AH5086" s="85"/>
      <c r="AI5086" s="85"/>
      <c r="AJ5086" s="85"/>
      <c r="AK5086" s="85"/>
      <c r="AL5086" s="85"/>
      <c r="AM5086" s="92"/>
      <c r="AN5086" s="92"/>
      <c r="AO5086" s="92"/>
      <c r="AP5086" s="92"/>
      <c r="AQ5086" s="92"/>
      <c r="AR5086" s="92"/>
      <c r="AS5086" s="92"/>
      <c r="AT5086" s="92"/>
      <c r="AU5086" s="92"/>
      <c r="AV5086" s="92"/>
      <c r="AW5086" s="92"/>
      <c r="AX5086" s="92"/>
      <c r="AY5086" s="92"/>
      <c r="AZ5086" s="93"/>
      <c r="BA5086" s="93"/>
      <c r="BB5086" s="93"/>
      <c r="BC5086" s="93"/>
      <c r="BD5086" s="93"/>
      <c r="BE5086" s="93"/>
      <c r="BF5086" s="93"/>
      <c r="BG5086" s="93"/>
      <c r="BH5086" s="93"/>
      <c r="BI5086" s="93"/>
      <c r="BJ5086" s="93"/>
      <c r="BK5086" s="93"/>
      <c r="BL5086" s="93"/>
    </row>
    <row r="5087" spans="2:64" x14ac:dyDescent="0.2">
      <c r="B5087" s="43"/>
      <c r="C5087" s="73"/>
      <c r="D5087" s="64"/>
      <c r="E5087" s="55"/>
      <c r="F5087" s="74"/>
      <c r="G5087" s="74"/>
      <c r="H5087" s="74"/>
      <c r="I5087" s="75"/>
      <c r="J5087" s="74"/>
      <c r="L5087" s="55"/>
      <c r="M5087" s="234"/>
      <c r="N5087" s="65"/>
      <c r="O5087" s="76"/>
      <c r="P5087" s="76"/>
      <c r="Q5087" s="65"/>
      <c r="R5087" s="76"/>
      <c r="S5087" s="76"/>
      <c r="T5087" s="76"/>
      <c r="U5087" s="76"/>
      <c r="V5087" s="76"/>
      <c r="W5087" s="76"/>
      <c r="X5087" s="76"/>
      <c r="Y5087" s="76"/>
      <c r="Z5087" s="76"/>
      <c r="AA5087" s="85"/>
      <c r="AB5087" s="85"/>
      <c r="AC5087" s="85"/>
      <c r="AD5087" s="85"/>
      <c r="AE5087" s="85"/>
      <c r="AF5087" s="85"/>
      <c r="AG5087" s="86"/>
      <c r="AH5087" s="85"/>
      <c r="AI5087" s="85"/>
      <c r="AJ5087" s="85"/>
      <c r="AK5087" s="85"/>
      <c r="AL5087" s="85"/>
      <c r="AM5087" s="92"/>
      <c r="AN5087" s="92"/>
      <c r="AO5087" s="92"/>
      <c r="AP5087" s="92"/>
      <c r="AQ5087" s="92"/>
      <c r="AR5087" s="92"/>
      <c r="AS5087" s="92"/>
      <c r="AT5087" s="92"/>
      <c r="AU5087" s="92"/>
      <c r="AV5087" s="92"/>
      <c r="AW5087" s="92"/>
      <c r="AX5087" s="92"/>
      <c r="AY5087" s="92"/>
      <c r="AZ5087" s="93"/>
      <c r="BA5087" s="93"/>
      <c r="BB5087" s="93"/>
      <c r="BC5087" s="93"/>
      <c r="BD5087" s="93"/>
      <c r="BE5087" s="93"/>
      <c r="BF5087" s="93"/>
      <c r="BG5087" s="93"/>
      <c r="BH5087" s="93"/>
      <c r="BI5087" s="93"/>
      <c r="BJ5087" s="93"/>
      <c r="BK5087" s="93"/>
      <c r="BL5087" s="93"/>
    </row>
    <row r="5088" spans="2:64" x14ac:dyDescent="0.2">
      <c r="B5088" s="43"/>
      <c r="C5088" s="73"/>
      <c r="D5088" s="64"/>
      <c r="E5088" s="55"/>
      <c r="F5088" s="74"/>
      <c r="G5088" s="74"/>
      <c r="H5088" s="74"/>
      <c r="I5088" s="75"/>
      <c r="J5088" s="74"/>
      <c r="L5088" s="55"/>
      <c r="M5088" s="234"/>
      <c r="N5088" s="65"/>
      <c r="O5088" s="76"/>
      <c r="P5088" s="76"/>
      <c r="Q5088" s="65"/>
      <c r="R5088" s="76"/>
      <c r="S5088" s="76"/>
      <c r="T5088" s="76"/>
      <c r="U5088" s="76"/>
      <c r="V5088" s="76"/>
      <c r="W5088" s="76"/>
      <c r="X5088" s="76"/>
      <c r="Y5088" s="76"/>
      <c r="Z5088" s="76"/>
      <c r="AA5088" s="85"/>
      <c r="AB5088" s="85"/>
      <c r="AC5088" s="85"/>
      <c r="AD5088" s="85"/>
      <c r="AE5088" s="85"/>
      <c r="AF5088" s="85"/>
      <c r="AG5088" s="86"/>
      <c r="AH5088" s="85"/>
      <c r="AI5088" s="85"/>
      <c r="AJ5088" s="85"/>
      <c r="AK5088" s="85"/>
      <c r="AL5088" s="85"/>
      <c r="AM5088" s="92"/>
      <c r="AN5088" s="92"/>
      <c r="AO5088" s="92"/>
      <c r="AP5088" s="92"/>
      <c r="AQ5088" s="92"/>
      <c r="AR5088" s="92"/>
      <c r="AS5088" s="92"/>
      <c r="AT5088" s="92"/>
      <c r="AU5088" s="92"/>
      <c r="AV5088" s="92"/>
      <c r="AW5088" s="92"/>
      <c r="AX5088" s="92"/>
      <c r="AY5088" s="92"/>
      <c r="AZ5088" s="93"/>
      <c r="BA5088" s="93"/>
      <c r="BB5088" s="93"/>
      <c r="BC5088" s="93"/>
      <c r="BD5088" s="93"/>
      <c r="BE5088" s="93"/>
      <c r="BF5088" s="93"/>
      <c r="BG5088" s="93"/>
      <c r="BH5088" s="93"/>
      <c r="BI5088" s="93"/>
      <c r="BJ5088" s="93"/>
      <c r="BK5088" s="93"/>
      <c r="BL5088" s="93"/>
    </row>
    <row r="5089" spans="2:64" x14ac:dyDescent="0.2">
      <c r="B5089" s="43"/>
      <c r="C5089" s="73"/>
      <c r="D5089" s="64"/>
      <c r="E5089" s="55"/>
      <c r="F5089" s="74"/>
      <c r="G5089" s="74"/>
      <c r="H5089" s="74"/>
      <c r="I5089" s="75"/>
      <c r="J5089" s="74"/>
      <c r="L5089" s="55"/>
      <c r="M5089" s="234"/>
      <c r="N5089" s="65"/>
      <c r="O5089" s="76"/>
      <c r="P5089" s="76"/>
      <c r="Q5089" s="65"/>
      <c r="R5089" s="76"/>
      <c r="S5089" s="76"/>
      <c r="T5089" s="76"/>
      <c r="U5089" s="76"/>
      <c r="V5089" s="76"/>
      <c r="W5089" s="76"/>
      <c r="X5089" s="76"/>
      <c r="Y5089" s="76"/>
      <c r="Z5089" s="76"/>
      <c r="AA5089" s="85"/>
      <c r="AB5089" s="85"/>
      <c r="AC5089" s="85"/>
      <c r="AD5089" s="85"/>
      <c r="AE5089" s="85"/>
      <c r="AF5089" s="85"/>
      <c r="AG5089" s="86"/>
      <c r="AH5089" s="85"/>
      <c r="AI5089" s="85"/>
      <c r="AJ5089" s="85"/>
      <c r="AK5089" s="85"/>
      <c r="AL5089" s="85"/>
      <c r="AM5089" s="92"/>
      <c r="AN5089" s="92"/>
      <c r="AO5089" s="92"/>
      <c r="AP5089" s="92"/>
      <c r="AQ5089" s="92"/>
      <c r="AR5089" s="92"/>
      <c r="AS5089" s="92"/>
      <c r="AT5089" s="92"/>
      <c r="AU5089" s="92"/>
      <c r="AV5089" s="92"/>
      <c r="AW5089" s="92"/>
      <c r="AX5089" s="92"/>
      <c r="AY5089" s="92"/>
      <c r="AZ5089" s="93"/>
      <c r="BA5089" s="93"/>
      <c r="BB5089" s="93"/>
      <c r="BC5089" s="93"/>
      <c r="BD5089" s="93"/>
      <c r="BE5089" s="93"/>
      <c r="BF5089" s="93"/>
      <c r="BG5089" s="93"/>
      <c r="BH5089" s="93"/>
      <c r="BI5089" s="93"/>
      <c r="BJ5089" s="93"/>
      <c r="BK5089" s="93"/>
      <c r="BL5089" s="93"/>
    </row>
    <row r="5090" spans="2:64" x14ac:dyDescent="0.2">
      <c r="B5090" s="43"/>
      <c r="C5090" s="73"/>
      <c r="D5090" s="64"/>
      <c r="E5090" s="55"/>
      <c r="F5090" s="74"/>
      <c r="G5090" s="74"/>
      <c r="H5090" s="74"/>
      <c r="I5090" s="75"/>
      <c r="J5090" s="74"/>
      <c r="L5090" s="55"/>
      <c r="M5090" s="234"/>
      <c r="N5090" s="65"/>
      <c r="O5090" s="76"/>
      <c r="P5090" s="76"/>
      <c r="Q5090" s="65"/>
      <c r="R5090" s="76"/>
      <c r="S5090" s="76"/>
      <c r="T5090" s="76"/>
      <c r="U5090" s="76"/>
      <c r="V5090" s="76"/>
      <c r="W5090" s="76"/>
      <c r="X5090" s="76"/>
      <c r="Y5090" s="76"/>
      <c r="Z5090" s="76"/>
      <c r="AA5090" s="85"/>
      <c r="AB5090" s="85"/>
      <c r="AC5090" s="85"/>
      <c r="AD5090" s="85"/>
      <c r="AE5090" s="85"/>
      <c r="AF5090" s="85"/>
      <c r="AG5090" s="86"/>
      <c r="AH5090" s="85"/>
      <c r="AI5090" s="85"/>
      <c r="AJ5090" s="85"/>
      <c r="AK5090" s="85"/>
      <c r="AL5090" s="85"/>
      <c r="AM5090" s="92"/>
      <c r="AN5090" s="92"/>
      <c r="AO5090" s="92"/>
      <c r="AP5090" s="92"/>
      <c r="AQ5090" s="92"/>
      <c r="AR5090" s="92"/>
      <c r="AS5090" s="92"/>
      <c r="AT5090" s="92"/>
      <c r="AU5090" s="92"/>
      <c r="AV5090" s="92"/>
      <c r="AW5090" s="92"/>
      <c r="AX5090" s="92"/>
      <c r="AY5090" s="92"/>
      <c r="AZ5090" s="93"/>
      <c r="BA5090" s="93"/>
      <c r="BB5090" s="93"/>
      <c r="BC5090" s="93"/>
      <c r="BD5090" s="93"/>
      <c r="BE5090" s="93"/>
      <c r="BF5090" s="93"/>
      <c r="BG5090" s="93"/>
      <c r="BH5090" s="93"/>
      <c r="BI5090" s="93"/>
      <c r="BJ5090" s="93"/>
      <c r="BK5090" s="93"/>
      <c r="BL5090" s="93"/>
    </row>
    <row r="5091" spans="2:64" x14ac:dyDescent="0.2">
      <c r="B5091" s="43"/>
      <c r="C5091" s="73"/>
      <c r="D5091" s="64"/>
      <c r="E5091" s="55"/>
      <c r="F5091" s="74"/>
      <c r="G5091" s="74"/>
      <c r="H5091" s="74"/>
      <c r="I5091" s="75"/>
      <c r="J5091" s="74"/>
      <c r="L5091" s="55"/>
      <c r="M5091" s="234"/>
      <c r="N5091" s="65"/>
      <c r="O5091" s="76"/>
      <c r="P5091" s="76"/>
      <c r="Q5091" s="65"/>
      <c r="R5091" s="76"/>
      <c r="S5091" s="76"/>
      <c r="T5091" s="76"/>
      <c r="U5091" s="76"/>
      <c r="V5091" s="76"/>
      <c r="W5091" s="76"/>
      <c r="X5091" s="76"/>
      <c r="Y5091" s="76"/>
      <c r="Z5091" s="76"/>
      <c r="AA5091" s="85"/>
      <c r="AB5091" s="85"/>
      <c r="AC5091" s="85"/>
      <c r="AD5091" s="85"/>
      <c r="AE5091" s="85"/>
      <c r="AF5091" s="85"/>
      <c r="AG5091" s="86"/>
      <c r="AH5091" s="85"/>
      <c r="AI5091" s="85"/>
      <c r="AJ5091" s="85"/>
      <c r="AK5091" s="85"/>
      <c r="AL5091" s="85"/>
      <c r="AM5091" s="92"/>
      <c r="AN5091" s="92"/>
      <c r="AO5091" s="92"/>
      <c r="AP5091" s="92"/>
      <c r="AQ5091" s="92"/>
      <c r="AR5091" s="92"/>
      <c r="AS5091" s="92"/>
      <c r="AT5091" s="92"/>
      <c r="AU5091" s="92"/>
      <c r="AV5091" s="92"/>
      <c r="AW5091" s="92"/>
      <c r="AX5091" s="92"/>
      <c r="AY5091" s="92"/>
      <c r="AZ5091" s="93"/>
      <c r="BA5091" s="93"/>
      <c r="BB5091" s="93"/>
      <c r="BC5091" s="93"/>
      <c r="BD5091" s="93"/>
      <c r="BE5091" s="93"/>
      <c r="BF5091" s="93"/>
      <c r="BG5091" s="93"/>
      <c r="BH5091" s="93"/>
      <c r="BI5091" s="93"/>
      <c r="BJ5091" s="93"/>
      <c r="BK5091" s="93"/>
      <c r="BL5091" s="93"/>
    </row>
    <row r="5092" spans="2:64" x14ac:dyDescent="0.2">
      <c r="B5092" s="43"/>
      <c r="C5092" s="73"/>
      <c r="D5092" s="64"/>
      <c r="E5092" s="55"/>
      <c r="F5092" s="74"/>
      <c r="G5092" s="74"/>
      <c r="H5092" s="74"/>
      <c r="I5092" s="75"/>
      <c r="J5092" s="74"/>
      <c r="L5092" s="55"/>
      <c r="M5092" s="234"/>
      <c r="N5092" s="65"/>
      <c r="O5092" s="76"/>
      <c r="P5092" s="76"/>
      <c r="Q5092" s="65"/>
      <c r="R5092" s="76"/>
      <c r="S5092" s="76"/>
      <c r="T5092" s="76"/>
      <c r="U5092" s="76"/>
      <c r="V5092" s="76"/>
      <c r="W5092" s="76"/>
      <c r="X5092" s="76"/>
      <c r="Y5092" s="76"/>
      <c r="Z5092" s="76"/>
      <c r="AA5092" s="85"/>
      <c r="AB5092" s="85"/>
      <c r="AC5092" s="85"/>
      <c r="AD5092" s="85"/>
      <c r="AE5092" s="85"/>
      <c r="AF5092" s="85"/>
      <c r="AG5092" s="86"/>
      <c r="AH5092" s="85"/>
      <c r="AI5092" s="85"/>
      <c r="AJ5092" s="85"/>
      <c r="AK5092" s="85"/>
      <c r="AL5092" s="85"/>
      <c r="AM5092" s="92"/>
      <c r="AN5092" s="92"/>
      <c r="AO5092" s="92"/>
      <c r="AP5092" s="92"/>
      <c r="AQ5092" s="92"/>
      <c r="AR5092" s="92"/>
      <c r="AS5092" s="92"/>
      <c r="AT5092" s="92"/>
      <c r="AU5092" s="92"/>
      <c r="AV5092" s="92"/>
      <c r="AW5092" s="92"/>
      <c r="AX5092" s="92"/>
      <c r="AY5092" s="92"/>
      <c r="AZ5092" s="93"/>
      <c r="BA5092" s="93"/>
      <c r="BB5092" s="93"/>
      <c r="BC5092" s="93"/>
      <c r="BD5092" s="93"/>
      <c r="BE5092" s="93"/>
      <c r="BF5092" s="93"/>
      <c r="BG5092" s="93"/>
      <c r="BH5092" s="93"/>
      <c r="BI5092" s="93"/>
      <c r="BJ5092" s="93"/>
      <c r="BK5092" s="93"/>
      <c r="BL5092" s="93"/>
    </row>
    <row r="5093" spans="2:64" x14ac:dyDescent="0.2">
      <c r="B5093" s="43"/>
      <c r="C5093" s="73"/>
      <c r="D5093" s="64"/>
      <c r="E5093" s="55"/>
      <c r="F5093" s="74"/>
      <c r="G5093" s="74"/>
      <c r="H5093" s="74"/>
      <c r="I5093" s="75"/>
      <c r="J5093" s="74"/>
      <c r="L5093" s="55"/>
      <c r="M5093" s="234"/>
      <c r="N5093" s="65"/>
      <c r="O5093" s="76"/>
      <c r="P5093" s="76"/>
      <c r="Q5093" s="65"/>
      <c r="R5093" s="76"/>
      <c r="S5093" s="76"/>
      <c r="T5093" s="76"/>
      <c r="U5093" s="76"/>
      <c r="V5093" s="76"/>
      <c r="W5093" s="76"/>
      <c r="X5093" s="76"/>
      <c r="Y5093" s="76"/>
      <c r="Z5093" s="76"/>
      <c r="AA5093" s="85"/>
      <c r="AB5093" s="85"/>
      <c r="AC5093" s="85"/>
      <c r="AD5093" s="85"/>
      <c r="AE5093" s="85"/>
      <c r="AF5093" s="85"/>
      <c r="AG5093" s="86"/>
      <c r="AH5093" s="85"/>
      <c r="AI5093" s="85"/>
      <c r="AJ5093" s="85"/>
      <c r="AK5093" s="85"/>
      <c r="AL5093" s="85"/>
      <c r="AM5093" s="92"/>
      <c r="AN5093" s="92"/>
      <c r="AO5093" s="92"/>
      <c r="AP5093" s="92"/>
      <c r="AQ5093" s="92"/>
      <c r="AR5093" s="92"/>
      <c r="AS5093" s="92"/>
      <c r="AT5093" s="92"/>
      <c r="AU5093" s="92"/>
      <c r="AV5093" s="92"/>
      <c r="AW5093" s="92"/>
      <c r="AX5093" s="92"/>
      <c r="AY5093" s="92"/>
      <c r="AZ5093" s="93"/>
      <c r="BA5093" s="93"/>
      <c r="BB5093" s="93"/>
      <c r="BC5093" s="93"/>
      <c r="BD5093" s="93"/>
      <c r="BE5093" s="93"/>
      <c r="BF5093" s="93"/>
      <c r="BG5093" s="93"/>
      <c r="BH5093" s="93"/>
      <c r="BI5093" s="93"/>
      <c r="BJ5093" s="93"/>
      <c r="BK5093" s="93"/>
      <c r="BL5093" s="93"/>
    </row>
    <row r="5094" spans="2:64" x14ac:dyDescent="0.2">
      <c r="B5094" s="43"/>
      <c r="C5094" s="73"/>
      <c r="D5094" s="64"/>
      <c r="E5094" s="55"/>
      <c r="F5094" s="74"/>
      <c r="G5094" s="74"/>
      <c r="H5094" s="74"/>
      <c r="I5094" s="75"/>
      <c r="J5094" s="74"/>
      <c r="L5094" s="55"/>
      <c r="M5094" s="234"/>
      <c r="N5094" s="65"/>
      <c r="O5094" s="76"/>
      <c r="P5094" s="76"/>
      <c r="Q5094" s="65"/>
      <c r="R5094" s="76"/>
      <c r="S5094" s="76"/>
      <c r="T5094" s="76"/>
      <c r="U5094" s="76"/>
      <c r="V5094" s="76"/>
      <c r="W5094" s="76"/>
      <c r="X5094" s="76"/>
      <c r="Y5094" s="76"/>
      <c r="Z5094" s="76"/>
      <c r="AA5094" s="85"/>
      <c r="AB5094" s="85"/>
      <c r="AC5094" s="85"/>
      <c r="AD5094" s="85"/>
      <c r="AE5094" s="85"/>
      <c r="AF5094" s="85"/>
      <c r="AG5094" s="86"/>
      <c r="AH5094" s="85"/>
      <c r="AI5094" s="85"/>
      <c r="AJ5094" s="85"/>
      <c r="AK5094" s="85"/>
      <c r="AL5094" s="85"/>
      <c r="AM5094" s="92"/>
      <c r="AN5094" s="92"/>
      <c r="AO5094" s="92"/>
      <c r="AP5094" s="92"/>
      <c r="AQ5094" s="92"/>
      <c r="AR5094" s="92"/>
      <c r="AS5094" s="92"/>
      <c r="AT5094" s="92"/>
      <c r="AU5094" s="92"/>
      <c r="AV5094" s="92"/>
      <c r="AW5094" s="92"/>
      <c r="AX5094" s="92"/>
      <c r="AY5094" s="92"/>
      <c r="AZ5094" s="93"/>
      <c r="BA5094" s="93"/>
      <c r="BB5094" s="93"/>
      <c r="BC5094" s="93"/>
      <c r="BD5094" s="93"/>
      <c r="BE5094" s="93"/>
      <c r="BF5094" s="93"/>
      <c r="BG5094" s="93"/>
      <c r="BH5094" s="93"/>
      <c r="BI5094" s="93"/>
      <c r="BJ5094" s="93"/>
      <c r="BK5094" s="93"/>
      <c r="BL5094" s="93"/>
    </row>
    <row r="5095" spans="2:64" x14ac:dyDescent="0.2">
      <c r="B5095" s="43"/>
      <c r="C5095" s="73"/>
      <c r="D5095" s="64"/>
      <c r="E5095" s="55"/>
      <c r="F5095" s="74"/>
      <c r="G5095" s="74"/>
      <c r="H5095" s="74"/>
      <c r="I5095" s="75"/>
      <c r="J5095" s="74"/>
      <c r="L5095" s="55"/>
      <c r="M5095" s="234"/>
      <c r="N5095" s="65"/>
      <c r="O5095" s="76"/>
      <c r="P5095" s="76"/>
      <c r="Q5095" s="65"/>
      <c r="R5095" s="76"/>
      <c r="S5095" s="76"/>
      <c r="T5095" s="76"/>
      <c r="U5095" s="76"/>
      <c r="V5095" s="76"/>
      <c r="W5095" s="76"/>
      <c r="X5095" s="76"/>
      <c r="Y5095" s="76"/>
      <c r="Z5095" s="76"/>
      <c r="AA5095" s="85"/>
      <c r="AB5095" s="85"/>
      <c r="AC5095" s="85"/>
      <c r="AD5095" s="85"/>
      <c r="AE5095" s="85"/>
      <c r="AF5095" s="85"/>
      <c r="AG5095" s="86"/>
      <c r="AH5095" s="85"/>
      <c r="AI5095" s="85"/>
      <c r="AJ5095" s="85"/>
      <c r="AK5095" s="85"/>
      <c r="AL5095" s="85"/>
      <c r="AM5095" s="92"/>
      <c r="AN5095" s="92"/>
      <c r="AO5095" s="92"/>
      <c r="AP5095" s="92"/>
      <c r="AQ5095" s="92"/>
      <c r="AR5095" s="92"/>
      <c r="AS5095" s="92"/>
      <c r="AT5095" s="92"/>
      <c r="AU5095" s="92"/>
      <c r="AV5095" s="92"/>
      <c r="AW5095" s="92"/>
      <c r="AX5095" s="92"/>
      <c r="AY5095" s="92"/>
      <c r="AZ5095" s="93"/>
      <c r="BA5095" s="93"/>
      <c r="BB5095" s="93"/>
      <c r="BC5095" s="93"/>
      <c r="BD5095" s="93"/>
      <c r="BE5095" s="93"/>
      <c r="BF5095" s="93"/>
      <c r="BG5095" s="93"/>
      <c r="BH5095" s="93"/>
      <c r="BI5095" s="93"/>
      <c r="BJ5095" s="93"/>
      <c r="BK5095" s="93"/>
      <c r="BL5095" s="93"/>
    </row>
    <row r="5096" spans="2:64" x14ac:dyDescent="0.2">
      <c r="B5096" s="43"/>
      <c r="C5096" s="73"/>
      <c r="D5096" s="64"/>
      <c r="E5096" s="55"/>
      <c r="F5096" s="74"/>
      <c r="G5096" s="74"/>
      <c r="H5096" s="74"/>
      <c r="I5096" s="75"/>
      <c r="J5096" s="74"/>
      <c r="L5096" s="55"/>
      <c r="M5096" s="234"/>
      <c r="N5096" s="65"/>
      <c r="O5096" s="76"/>
      <c r="P5096" s="76"/>
      <c r="Q5096" s="65"/>
      <c r="R5096" s="76"/>
      <c r="S5096" s="76"/>
      <c r="T5096" s="76"/>
      <c r="U5096" s="76"/>
      <c r="V5096" s="76"/>
      <c r="W5096" s="76"/>
      <c r="X5096" s="76"/>
      <c r="Y5096" s="76"/>
      <c r="Z5096" s="76"/>
      <c r="AA5096" s="85"/>
      <c r="AB5096" s="85"/>
      <c r="AC5096" s="85"/>
      <c r="AD5096" s="85"/>
      <c r="AE5096" s="85"/>
      <c r="AF5096" s="85"/>
      <c r="AG5096" s="86"/>
      <c r="AH5096" s="85"/>
      <c r="AI5096" s="85"/>
      <c r="AJ5096" s="85"/>
      <c r="AK5096" s="85"/>
      <c r="AL5096" s="85"/>
      <c r="AM5096" s="92"/>
      <c r="AN5096" s="92"/>
      <c r="AO5096" s="92"/>
      <c r="AP5096" s="92"/>
      <c r="AQ5096" s="92"/>
      <c r="AR5096" s="92"/>
      <c r="AS5096" s="92"/>
      <c r="AT5096" s="92"/>
      <c r="AU5096" s="92"/>
      <c r="AV5096" s="92"/>
      <c r="AW5096" s="92"/>
      <c r="AX5096" s="92"/>
      <c r="AY5096" s="92"/>
      <c r="AZ5096" s="93"/>
      <c r="BA5096" s="93"/>
      <c r="BB5096" s="93"/>
      <c r="BC5096" s="93"/>
      <c r="BD5096" s="93"/>
      <c r="BE5096" s="93"/>
      <c r="BF5096" s="93"/>
      <c r="BG5096" s="93"/>
      <c r="BH5096" s="93"/>
      <c r="BI5096" s="93"/>
      <c r="BJ5096" s="93"/>
      <c r="BK5096" s="93"/>
      <c r="BL5096" s="93"/>
    </row>
    <row r="5097" spans="2:64" x14ac:dyDescent="0.2">
      <c r="B5097" s="43"/>
      <c r="C5097" s="73"/>
      <c r="D5097" s="64"/>
      <c r="E5097" s="55"/>
      <c r="F5097" s="74"/>
      <c r="G5097" s="74"/>
      <c r="H5097" s="74"/>
      <c r="I5097" s="75"/>
      <c r="J5097" s="74"/>
      <c r="L5097" s="55"/>
      <c r="M5097" s="234"/>
      <c r="N5097" s="65"/>
      <c r="O5097" s="76"/>
      <c r="P5097" s="76"/>
      <c r="Q5097" s="65"/>
      <c r="R5097" s="76"/>
      <c r="S5097" s="76"/>
      <c r="T5097" s="76"/>
      <c r="U5097" s="76"/>
      <c r="V5097" s="76"/>
      <c r="W5097" s="76"/>
      <c r="X5097" s="76"/>
      <c r="Y5097" s="76"/>
      <c r="Z5097" s="76"/>
      <c r="AA5097" s="85"/>
      <c r="AB5097" s="85"/>
      <c r="AC5097" s="85"/>
      <c r="AD5097" s="85"/>
      <c r="AE5097" s="85"/>
      <c r="AF5097" s="85"/>
      <c r="AG5097" s="86"/>
      <c r="AH5097" s="85"/>
      <c r="AI5097" s="85"/>
      <c r="AJ5097" s="85"/>
      <c r="AK5097" s="85"/>
      <c r="AL5097" s="85"/>
      <c r="AM5097" s="92"/>
      <c r="AN5097" s="92"/>
      <c r="AO5097" s="92"/>
      <c r="AP5097" s="92"/>
      <c r="AQ5097" s="92"/>
      <c r="AR5097" s="92"/>
      <c r="AS5097" s="92"/>
      <c r="AT5097" s="92"/>
      <c r="AU5097" s="92"/>
      <c r="AV5097" s="92"/>
      <c r="AW5097" s="92"/>
      <c r="AX5097" s="92"/>
      <c r="AY5097" s="92"/>
      <c r="AZ5097" s="93"/>
      <c r="BA5097" s="93"/>
      <c r="BB5097" s="93"/>
      <c r="BC5097" s="93"/>
      <c r="BD5097" s="93"/>
      <c r="BE5097" s="93"/>
      <c r="BF5097" s="93"/>
      <c r="BG5097" s="93"/>
      <c r="BH5097" s="93"/>
      <c r="BI5097" s="93"/>
      <c r="BJ5097" s="93"/>
      <c r="BK5097" s="93"/>
      <c r="BL5097" s="93"/>
    </row>
    <row r="5098" spans="2:64" x14ac:dyDescent="0.2">
      <c r="B5098" s="43"/>
      <c r="C5098" s="73"/>
      <c r="D5098" s="64"/>
      <c r="E5098" s="55"/>
      <c r="F5098" s="74"/>
      <c r="G5098" s="74"/>
      <c r="H5098" s="74"/>
      <c r="I5098" s="75"/>
      <c r="J5098" s="74"/>
      <c r="L5098" s="55"/>
      <c r="M5098" s="234"/>
      <c r="N5098" s="65"/>
      <c r="O5098" s="76"/>
      <c r="P5098" s="76"/>
      <c r="Q5098" s="65"/>
      <c r="R5098" s="76"/>
      <c r="S5098" s="76"/>
      <c r="T5098" s="76"/>
      <c r="U5098" s="76"/>
      <c r="V5098" s="76"/>
      <c r="W5098" s="76"/>
      <c r="X5098" s="76"/>
      <c r="Y5098" s="76"/>
      <c r="Z5098" s="76"/>
      <c r="AA5098" s="85"/>
      <c r="AB5098" s="85"/>
      <c r="AC5098" s="85"/>
      <c r="AD5098" s="85"/>
      <c r="AE5098" s="85"/>
      <c r="AF5098" s="85"/>
      <c r="AG5098" s="86"/>
      <c r="AH5098" s="85"/>
      <c r="AI5098" s="85"/>
      <c r="AJ5098" s="85"/>
      <c r="AK5098" s="85"/>
      <c r="AL5098" s="85"/>
      <c r="AM5098" s="92"/>
      <c r="AN5098" s="92"/>
      <c r="AO5098" s="92"/>
      <c r="AP5098" s="92"/>
      <c r="AQ5098" s="92"/>
      <c r="AR5098" s="92"/>
      <c r="AS5098" s="92"/>
      <c r="AT5098" s="92"/>
      <c r="AU5098" s="92"/>
      <c r="AV5098" s="92"/>
      <c r="AW5098" s="92"/>
      <c r="AX5098" s="92"/>
      <c r="AY5098" s="92"/>
      <c r="AZ5098" s="93"/>
      <c r="BA5098" s="93"/>
      <c r="BB5098" s="93"/>
      <c r="BC5098" s="93"/>
      <c r="BD5098" s="93"/>
      <c r="BE5098" s="93"/>
      <c r="BF5098" s="93"/>
      <c r="BG5098" s="93"/>
      <c r="BH5098" s="93"/>
      <c r="BI5098" s="93"/>
      <c r="BJ5098" s="93"/>
      <c r="BK5098" s="93"/>
      <c r="BL5098" s="93"/>
    </row>
    <row r="5099" spans="2:64" x14ac:dyDescent="0.2">
      <c r="B5099" s="43"/>
      <c r="C5099" s="73"/>
      <c r="D5099" s="64"/>
      <c r="E5099" s="55"/>
      <c r="F5099" s="74"/>
      <c r="G5099" s="74"/>
      <c r="H5099" s="74"/>
      <c r="I5099" s="75"/>
      <c r="J5099" s="74"/>
      <c r="L5099" s="55"/>
      <c r="M5099" s="234"/>
      <c r="N5099" s="65"/>
      <c r="O5099" s="76"/>
      <c r="P5099" s="76"/>
      <c r="Q5099" s="65"/>
      <c r="R5099" s="76"/>
      <c r="S5099" s="76"/>
      <c r="T5099" s="76"/>
      <c r="U5099" s="76"/>
      <c r="V5099" s="76"/>
      <c r="W5099" s="76"/>
      <c r="X5099" s="76"/>
      <c r="Y5099" s="76"/>
      <c r="Z5099" s="76"/>
      <c r="AA5099" s="85"/>
      <c r="AB5099" s="85"/>
      <c r="AC5099" s="85"/>
      <c r="AD5099" s="85"/>
      <c r="AE5099" s="85"/>
      <c r="AF5099" s="85"/>
      <c r="AG5099" s="86"/>
      <c r="AH5099" s="85"/>
      <c r="AI5099" s="85"/>
      <c r="AJ5099" s="85"/>
      <c r="AK5099" s="85"/>
      <c r="AL5099" s="85"/>
      <c r="AM5099" s="92"/>
      <c r="AN5099" s="92"/>
      <c r="AO5099" s="92"/>
      <c r="AP5099" s="92"/>
      <c r="AQ5099" s="92"/>
      <c r="AR5099" s="92"/>
      <c r="AS5099" s="92"/>
      <c r="AT5099" s="92"/>
      <c r="AU5099" s="92"/>
      <c r="AV5099" s="92"/>
      <c r="AW5099" s="92"/>
      <c r="AX5099" s="92"/>
      <c r="AY5099" s="92"/>
      <c r="AZ5099" s="93"/>
      <c r="BA5099" s="93"/>
      <c r="BB5099" s="93"/>
      <c r="BC5099" s="93"/>
      <c r="BD5099" s="93"/>
      <c r="BE5099" s="93"/>
      <c r="BF5099" s="93"/>
      <c r="BG5099" s="93"/>
      <c r="BH5099" s="93"/>
      <c r="BI5099" s="93"/>
      <c r="BJ5099" s="93"/>
      <c r="BK5099" s="93"/>
      <c r="BL5099" s="93"/>
    </row>
    <row r="5100" spans="2:64" x14ac:dyDescent="0.2">
      <c r="B5100" s="43"/>
      <c r="C5100" s="73"/>
      <c r="D5100" s="64"/>
      <c r="E5100" s="55"/>
      <c r="F5100" s="74"/>
      <c r="G5100" s="74"/>
      <c r="H5100" s="74"/>
      <c r="I5100" s="75"/>
      <c r="J5100" s="74"/>
      <c r="L5100" s="55"/>
      <c r="M5100" s="234"/>
      <c r="N5100" s="65"/>
      <c r="O5100" s="76"/>
      <c r="P5100" s="76"/>
      <c r="Q5100" s="65"/>
      <c r="R5100" s="76"/>
      <c r="S5100" s="76"/>
      <c r="T5100" s="76"/>
      <c r="U5100" s="76"/>
      <c r="V5100" s="76"/>
      <c r="W5100" s="76"/>
      <c r="X5100" s="76"/>
      <c r="Y5100" s="76"/>
      <c r="Z5100" s="76"/>
      <c r="AA5100" s="85"/>
      <c r="AB5100" s="85"/>
      <c r="AC5100" s="85"/>
      <c r="AD5100" s="85"/>
      <c r="AE5100" s="85"/>
      <c r="AF5100" s="85"/>
      <c r="AG5100" s="86"/>
      <c r="AH5100" s="85"/>
      <c r="AI5100" s="85"/>
      <c r="AJ5100" s="85"/>
      <c r="AK5100" s="85"/>
      <c r="AL5100" s="85"/>
      <c r="AM5100" s="92"/>
      <c r="AN5100" s="92"/>
      <c r="AO5100" s="92"/>
      <c r="AP5100" s="92"/>
      <c r="AQ5100" s="92"/>
      <c r="AR5100" s="92"/>
      <c r="AS5100" s="92"/>
      <c r="AT5100" s="92"/>
      <c r="AU5100" s="92"/>
      <c r="AV5100" s="92"/>
      <c r="AW5100" s="92"/>
      <c r="AX5100" s="92"/>
      <c r="AY5100" s="92"/>
      <c r="AZ5100" s="93"/>
      <c r="BA5100" s="93"/>
      <c r="BB5100" s="93"/>
      <c r="BC5100" s="93"/>
      <c r="BD5100" s="93"/>
      <c r="BE5100" s="93"/>
      <c r="BF5100" s="93"/>
      <c r="BG5100" s="93"/>
      <c r="BH5100" s="93"/>
      <c r="BI5100" s="93"/>
      <c r="BJ5100" s="93"/>
      <c r="BK5100" s="93"/>
      <c r="BL5100" s="93"/>
    </row>
    <row r="5101" spans="2:64" x14ac:dyDescent="0.2">
      <c r="B5101" s="43"/>
      <c r="C5101" s="73"/>
      <c r="D5101" s="64"/>
      <c r="E5101" s="55"/>
      <c r="F5101" s="74"/>
      <c r="G5101" s="74"/>
      <c r="H5101" s="74"/>
      <c r="I5101" s="75"/>
      <c r="J5101" s="74"/>
      <c r="L5101" s="55"/>
      <c r="M5101" s="234"/>
      <c r="N5101" s="65"/>
      <c r="O5101" s="76"/>
      <c r="P5101" s="76"/>
      <c r="Q5101" s="65"/>
      <c r="R5101" s="76"/>
      <c r="S5101" s="76"/>
      <c r="T5101" s="76"/>
      <c r="U5101" s="76"/>
      <c r="V5101" s="76"/>
      <c r="W5101" s="76"/>
      <c r="X5101" s="76"/>
      <c r="Y5101" s="76"/>
      <c r="Z5101" s="76"/>
      <c r="AA5101" s="85"/>
      <c r="AB5101" s="85"/>
      <c r="AC5101" s="85"/>
      <c r="AD5101" s="85"/>
      <c r="AE5101" s="85"/>
      <c r="AF5101" s="85"/>
      <c r="AG5101" s="86"/>
      <c r="AH5101" s="85"/>
      <c r="AI5101" s="85"/>
      <c r="AJ5101" s="85"/>
      <c r="AK5101" s="85"/>
      <c r="AL5101" s="85"/>
      <c r="AM5101" s="92"/>
      <c r="AN5101" s="92"/>
      <c r="AO5101" s="92"/>
      <c r="AP5101" s="92"/>
      <c r="AQ5101" s="92"/>
      <c r="AR5101" s="92"/>
      <c r="AS5101" s="92"/>
      <c r="AT5101" s="92"/>
      <c r="AU5101" s="92"/>
      <c r="AV5101" s="92"/>
      <c r="AW5101" s="92"/>
      <c r="AX5101" s="92"/>
      <c r="AY5101" s="92"/>
      <c r="AZ5101" s="93"/>
      <c r="BA5101" s="93"/>
      <c r="BB5101" s="93"/>
      <c r="BC5101" s="93"/>
      <c r="BD5101" s="93"/>
      <c r="BE5101" s="93"/>
      <c r="BF5101" s="93"/>
      <c r="BG5101" s="93"/>
      <c r="BH5101" s="93"/>
      <c r="BI5101" s="93"/>
      <c r="BJ5101" s="93"/>
      <c r="BK5101" s="93"/>
      <c r="BL5101" s="93"/>
    </row>
    <row r="5102" spans="2:64" x14ac:dyDescent="0.2">
      <c r="B5102" s="43"/>
      <c r="C5102" s="73"/>
      <c r="D5102" s="64"/>
      <c r="E5102" s="55"/>
      <c r="F5102" s="74"/>
      <c r="G5102" s="74"/>
      <c r="H5102" s="74"/>
      <c r="I5102" s="75"/>
      <c r="J5102" s="74"/>
      <c r="L5102" s="55"/>
      <c r="M5102" s="234"/>
      <c r="N5102" s="65"/>
      <c r="O5102" s="76"/>
      <c r="P5102" s="76"/>
      <c r="Q5102" s="65"/>
      <c r="R5102" s="76"/>
      <c r="S5102" s="76"/>
      <c r="T5102" s="76"/>
      <c r="U5102" s="76"/>
      <c r="V5102" s="76"/>
      <c r="W5102" s="76"/>
      <c r="X5102" s="76"/>
      <c r="Y5102" s="76"/>
      <c r="Z5102" s="76"/>
      <c r="AA5102" s="85"/>
      <c r="AB5102" s="85"/>
      <c r="AC5102" s="85"/>
      <c r="AD5102" s="85"/>
      <c r="AE5102" s="85"/>
      <c r="AF5102" s="85"/>
      <c r="AG5102" s="86"/>
      <c r="AH5102" s="85"/>
      <c r="AI5102" s="85"/>
      <c r="AJ5102" s="85"/>
      <c r="AK5102" s="85"/>
      <c r="AL5102" s="85"/>
      <c r="AM5102" s="92"/>
      <c r="AN5102" s="92"/>
      <c r="AO5102" s="92"/>
      <c r="AP5102" s="92"/>
      <c r="AQ5102" s="92"/>
      <c r="AR5102" s="92"/>
      <c r="AS5102" s="92"/>
      <c r="AT5102" s="92"/>
      <c r="AU5102" s="92"/>
      <c r="AV5102" s="92"/>
      <c r="AW5102" s="92"/>
      <c r="AX5102" s="92"/>
      <c r="AY5102" s="92"/>
      <c r="AZ5102" s="93"/>
      <c r="BA5102" s="93"/>
      <c r="BB5102" s="93"/>
      <c r="BC5102" s="93"/>
      <c r="BD5102" s="93"/>
      <c r="BE5102" s="93"/>
      <c r="BF5102" s="93"/>
      <c r="BG5102" s="93"/>
      <c r="BH5102" s="93"/>
      <c r="BI5102" s="93"/>
      <c r="BJ5102" s="93"/>
      <c r="BK5102" s="93"/>
      <c r="BL5102" s="93"/>
    </row>
    <row r="5103" spans="2:64" x14ac:dyDescent="0.2">
      <c r="B5103" s="43"/>
      <c r="C5103" s="73"/>
      <c r="D5103" s="64"/>
      <c r="E5103" s="55"/>
      <c r="F5103" s="74"/>
      <c r="G5103" s="74"/>
      <c r="H5103" s="74"/>
      <c r="I5103" s="75"/>
      <c r="J5103" s="74"/>
      <c r="L5103" s="55"/>
      <c r="M5103" s="234"/>
      <c r="N5103" s="65"/>
      <c r="O5103" s="76"/>
      <c r="P5103" s="76"/>
      <c r="Q5103" s="65"/>
      <c r="R5103" s="76"/>
      <c r="S5103" s="76"/>
      <c r="T5103" s="76"/>
      <c r="U5103" s="76"/>
      <c r="V5103" s="76"/>
      <c r="W5103" s="76"/>
      <c r="X5103" s="76"/>
      <c r="Y5103" s="76"/>
      <c r="Z5103" s="76"/>
      <c r="AA5103" s="85"/>
      <c r="AB5103" s="85"/>
      <c r="AC5103" s="85"/>
      <c r="AD5103" s="85"/>
      <c r="AE5103" s="85"/>
      <c r="AF5103" s="85"/>
      <c r="AG5103" s="86"/>
      <c r="AH5103" s="85"/>
      <c r="AI5103" s="85"/>
      <c r="AJ5103" s="85"/>
      <c r="AK5103" s="85"/>
      <c r="AL5103" s="85"/>
      <c r="AM5103" s="92"/>
      <c r="AN5103" s="92"/>
      <c r="AO5103" s="92"/>
      <c r="AP5103" s="92"/>
      <c r="AQ5103" s="92"/>
      <c r="AR5103" s="92"/>
      <c r="AS5103" s="92"/>
      <c r="AT5103" s="92"/>
      <c r="AU5103" s="92"/>
      <c r="AV5103" s="92"/>
      <c r="AW5103" s="92"/>
      <c r="AX5103" s="92"/>
      <c r="AY5103" s="92"/>
      <c r="AZ5103" s="93"/>
      <c r="BA5103" s="93"/>
      <c r="BB5103" s="93"/>
      <c r="BC5103" s="93"/>
      <c r="BD5103" s="93"/>
      <c r="BE5103" s="93"/>
      <c r="BF5103" s="93"/>
      <c r="BG5103" s="93"/>
      <c r="BH5103" s="93"/>
      <c r="BI5103" s="93"/>
      <c r="BJ5103" s="93"/>
      <c r="BK5103" s="93"/>
      <c r="BL5103" s="93"/>
    </row>
    <row r="5104" spans="2:64" x14ac:dyDescent="0.2">
      <c r="B5104" s="43"/>
      <c r="C5104" s="73"/>
      <c r="D5104" s="64"/>
      <c r="E5104" s="55"/>
      <c r="F5104" s="74"/>
      <c r="G5104" s="74"/>
      <c r="H5104" s="74"/>
      <c r="I5104" s="75"/>
      <c r="J5104" s="74"/>
      <c r="L5104" s="55"/>
      <c r="M5104" s="234"/>
      <c r="N5104" s="65"/>
      <c r="O5104" s="76"/>
      <c r="P5104" s="76"/>
      <c r="Q5104" s="65"/>
      <c r="R5104" s="76"/>
      <c r="S5104" s="76"/>
      <c r="T5104" s="76"/>
      <c r="U5104" s="76"/>
      <c r="V5104" s="76"/>
      <c r="W5104" s="76"/>
      <c r="X5104" s="76"/>
      <c r="Y5104" s="76"/>
      <c r="Z5104" s="76"/>
      <c r="AA5104" s="85"/>
      <c r="AB5104" s="85"/>
      <c r="AC5104" s="85"/>
      <c r="AD5104" s="85"/>
      <c r="AE5104" s="85"/>
      <c r="AF5104" s="85"/>
      <c r="AG5104" s="86"/>
      <c r="AH5104" s="85"/>
      <c r="AI5104" s="85"/>
      <c r="AJ5104" s="85"/>
      <c r="AK5104" s="85"/>
      <c r="AL5104" s="85"/>
      <c r="AM5104" s="92"/>
      <c r="AN5104" s="92"/>
      <c r="AO5104" s="92"/>
      <c r="AP5104" s="92"/>
      <c r="AQ5104" s="92"/>
      <c r="AR5104" s="92"/>
      <c r="AS5104" s="92"/>
      <c r="AT5104" s="92"/>
      <c r="AU5104" s="92"/>
      <c r="AV5104" s="92"/>
      <c r="AW5104" s="92"/>
      <c r="AX5104" s="92"/>
      <c r="AY5104" s="92"/>
      <c r="AZ5104" s="93"/>
      <c r="BA5104" s="93"/>
      <c r="BB5104" s="93"/>
      <c r="BC5104" s="93"/>
      <c r="BD5104" s="93"/>
      <c r="BE5104" s="93"/>
      <c r="BF5104" s="93"/>
      <c r="BG5104" s="93"/>
      <c r="BH5104" s="93"/>
      <c r="BI5104" s="93"/>
      <c r="BJ5104" s="93"/>
      <c r="BK5104" s="93"/>
      <c r="BL5104" s="93"/>
    </row>
    <row r="5105" spans="2:64" x14ac:dyDescent="0.2">
      <c r="B5105" s="43"/>
      <c r="C5105" s="73"/>
      <c r="D5105" s="64"/>
      <c r="E5105" s="55"/>
      <c r="F5105" s="74"/>
      <c r="G5105" s="74"/>
      <c r="H5105" s="74"/>
      <c r="I5105" s="75"/>
      <c r="J5105" s="74"/>
      <c r="L5105" s="55"/>
      <c r="M5105" s="234"/>
      <c r="N5105" s="65"/>
      <c r="O5105" s="76"/>
      <c r="P5105" s="76"/>
      <c r="Q5105" s="65"/>
      <c r="R5105" s="76"/>
      <c r="S5105" s="76"/>
      <c r="T5105" s="76"/>
      <c r="U5105" s="76"/>
      <c r="V5105" s="76"/>
      <c r="W5105" s="76"/>
      <c r="X5105" s="76"/>
      <c r="Y5105" s="76"/>
      <c r="Z5105" s="76"/>
      <c r="AA5105" s="85"/>
      <c r="AB5105" s="85"/>
      <c r="AC5105" s="85"/>
      <c r="AD5105" s="85"/>
      <c r="AE5105" s="85"/>
      <c r="AF5105" s="85"/>
      <c r="AG5105" s="86"/>
      <c r="AH5105" s="85"/>
      <c r="AI5105" s="85"/>
      <c r="AJ5105" s="85"/>
      <c r="AK5105" s="85"/>
      <c r="AL5105" s="85"/>
      <c r="AM5105" s="92"/>
      <c r="AN5105" s="92"/>
      <c r="AO5105" s="92"/>
      <c r="AP5105" s="92"/>
      <c r="AQ5105" s="92"/>
      <c r="AR5105" s="92"/>
      <c r="AS5105" s="92"/>
      <c r="AT5105" s="92"/>
      <c r="AU5105" s="92"/>
      <c r="AV5105" s="92"/>
      <c r="AW5105" s="92"/>
      <c r="AX5105" s="92"/>
      <c r="AY5105" s="92"/>
      <c r="AZ5105" s="93"/>
      <c r="BA5105" s="93"/>
      <c r="BB5105" s="93"/>
      <c r="BC5105" s="93"/>
      <c r="BD5105" s="93"/>
      <c r="BE5105" s="93"/>
      <c r="BF5105" s="93"/>
      <c r="BG5105" s="93"/>
      <c r="BH5105" s="93"/>
      <c r="BI5105" s="93"/>
      <c r="BJ5105" s="93"/>
      <c r="BK5105" s="93"/>
      <c r="BL5105" s="93"/>
    </row>
    <row r="5106" spans="2:64" x14ac:dyDescent="0.2">
      <c r="B5106" s="43"/>
      <c r="C5106" s="73"/>
      <c r="D5106" s="64"/>
      <c r="E5106" s="55"/>
      <c r="F5106" s="74"/>
      <c r="G5106" s="74"/>
      <c r="H5106" s="74"/>
      <c r="I5106" s="75"/>
      <c r="J5106" s="74"/>
      <c r="L5106" s="55"/>
      <c r="M5106" s="234"/>
      <c r="N5106" s="65"/>
      <c r="O5106" s="76"/>
      <c r="P5106" s="76"/>
      <c r="Q5106" s="65"/>
      <c r="R5106" s="76"/>
      <c r="S5106" s="76"/>
      <c r="T5106" s="76"/>
      <c r="U5106" s="76"/>
      <c r="V5106" s="76"/>
      <c r="W5106" s="76"/>
      <c r="X5106" s="76"/>
      <c r="Y5106" s="76"/>
      <c r="Z5106" s="76"/>
      <c r="AA5106" s="85"/>
      <c r="AB5106" s="85"/>
      <c r="AC5106" s="85"/>
      <c r="AD5106" s="85"/>
      <c r="AE5106" s="85"/>
      <c r="AF5106" s="85"/>
      <c r="AG5106" s="86"/>
      <c r="AH5106" s="85"/>
      <c r="AI5106" s="85"/>
      <c r="AJ5106" s="85"/>
      <c r="AK5106" s="85"/>
      <c r="AL5106" s="85"/>
      <c r="AM5106" s="92"/>
      <c r="AN5106" s="92"/>
      <c r="AO5106" s="92"/>
      <c r="AP5106" s="92"/>
      <c r="AQ5106" s="92"/>
      <c r="AR5106" s="92"/>
      <c r="AS5106" s="92"/>
      <c r="AT5106" s="92"/>
      <c r="AU5106" s="92"/>
      <c r="AV5106" s="92"/>
      <c r="AW5106" s="92"/>
      <c r="AX5106" s="92"/>
      <c r="AY5106" s="92"/>
      <c r="AZ5106" s="93"/>
      <c r="BA5106" s="93"/>
      <c r="BB5106" s="93"/>
      <c r="BC5106" s="93"/>
      <c r="BD5106" s="93"/>
      <c r="BE5106" s="93"/>
      <c r="BF5106" s="93"/>
      <c r="BG5106" s="93"/>
      <c r="BH5106" s="93"/>
      <c r="BI5106" s="93"/>
      <c r="BJ5106" s="93"/>
      <c r="BK5106" s="93"/>
      <c r="BL5106" s="93"/>
    </row>
    <row r="5107" spans="2:64" x14ac:dyDescent="0.2">
      <c r="B5107" s="43"/>
      <c r="C5107" s="73"/>
      <c r="D5107" s="64"/>
      <c r="E5107" s="55"/>
      <c r="F5107" s="74"/>
      <c r="G5107" s="74"/>
      <c r="H5107" s="74"/>
      <c r="I5107" s="75"/>
      <c r="J5107" s="74"/>
      <c r="L5107" s="55"/>
      <c r="M5107" s="234"/>
      <c r="N5107" s="65"/>
      <c r="O5107" s="76"/>
      <c r="P5107" s="76"/>
      <c r="Q5107" s="65"/>
      <c r="R5107" s="76"/>
      <c r="S5107" s="76"/>
      <c r="T5107" s="76"/>
      <c r="U5107" s="76"/>
      <c r="V5107" s="76"/>
      <c r="W5107" s="76"/>
      <c r="X5107" s="76"/>
      <c r="Y5107" s="76"/>
      <c r="Z5107" s="76"/>
      <c r="AA5107" s="85"/>
      <c r="AB5107" s="85"/>
      <c r="AC5107" s="85"/>
      <c r="AD5107" s="85"/>
      <c r="AE5107" s="85"/>
      <c r="AF5107" s="85"/>
      <c r="AG5107" s="86"/>
      <c r="AH5107" s="85"/>
      <c r="AI5107" s="85"/>
      <c r="AJ5107" s="85"/>
      <c r="AK5107" s="85"/>
      <c r="AL5107" s="85"/>
      <c r="AM5107" s="92"/>
      <c r="AN5107" s="92"/>
      <c r="AO5107" s="92"/>
      <c r="AP5107" s="92"/>
      <c r="AQ5107" s="92"/>
      <c r="AR5107" s="92"/>
      <c r="AS5107" s="92"/>
      <c r="AT5107" s="92"/>
      <c r="AU5107" s="92"/>
      <c r="AV5107" s="92"/>
      <c r="AW5107" s="92"/>
      <c r="AX5107" s="92"/>
      <c r="AY5107" s="92"/>
      <c r="AZ5107" s="93"/>
      <c r="BA5107" s="93"/>
      <c r="BB5107" s="93"/>
      <c r="BC5107" s="93"/>
      <c r="BD5107" s="93"/>
      <c r="BE5107" s="93"/>
      <c r="BF5107" s="93"/>
      <c r="BG5107" s="93"/>
      <c r="BH5107" s="93"/>
      <c r="BI5107" s="93"/>
      <c r="BJ5107" s="93"/>
      <c r="BK5107" s="93"/>
      <c r="BL5107" s="93"/>
    </row>
    <row r="5108" spans="2:64" x14ac:dyDescent="0.2">
      <c r="B5108" s="43"/>
      <c r="C5108" s="73"/>
      <c r="D5108" s="64"/>
      <c r="E5108" s="55"/>
      <c r="F5108" s="74"/>
      <c r="G5108" s="74"/>
      <c r="H5108" s="74"/>
      <c r="I5108" s="75"/>
      <c r="J5108" s="74"/>
      <c r="L5108" s="55"/>
      <c r="M5108" s="234"/>
      <c r="N5108" s="65"/>
      <c r="O5108" s="76"/>
      <c r="P5108" s="76"/>
      <c r="Q5108" s="65"/>
      <c r="R5108" s="76"/>
      <c r="S5108" s="76"/>
      <c r="T5108" s="76"/>
      <c r="U5108" s="76"/>
      <c r="V5108" s="76"/>
      <c r="W5108" s="76"/>
      <c r="X5108" s="76"/>
      <c r="Y5108" s="76"/>
      <c r="Z5108" s="76"/>
      <c r="AA5108" s="85"/>
      <c r="AB5108" s="85"/>
      <c r="AC5108" s="85"/>
      <c r="AD5108" s="85"/>
      <c r="AE5108" s="85"/>
      <c r="AF5108" s="85"/>
      <c r="AG5108" s="86"/>
      <c r="AH5108" s="85"/>
      <c r="AI5108" s="85"/>
      <c r="AJ5108" s="85"/>
      <c r="AK5108" s="85"/>
      <c r="AL5108" s="85"/>
      <c r="AM5108" s="92"/>
      <c r="AN5108" s="92"/>
      <c r="AO5108" s="92"/>
      <c r="AP5108" s="92"/>
      <c r="AQ5108" s="92"/>
      <c r="AR5108" s="92"/>
      <c r="AS5108" s="92"/>
      <c r="AT5108" s="92"/>
      <c r="AU5108" s="92"/>
      <c r="AV5108" s="92"/>
      <c r="AW5108" s="92"/>
      <c r="AX5108" s="92"/>
      <c r="AY5108" s="92"/>
      <c r="AZ5108" s="93"/>
      <c r="BA5108" s="93"/>
      <c r="BB5108" s="93"/>
      <c r="BC5108" s="93"/>
      <c r="BD5108" s="93"/>
      <c r="BE5108" s="93"/>
      <c r="BF5108" s="93"/>
      <c r="BG5108" s="93"/>
      <c r="BH5108" s="93"/>
      <c r="BI5108" s="93"/>
      <c r="BJ5108" s="93"/>
      <c r="BK5108" s="93"/>
      <c r="BL5108" s="93"/>
    </row>
    <row r="5109" spans="2:64" x14ac:dyDescent="0.2">
      <c r="B5109" s="43"/>
      <c r="C5109" s="73"/>
      <c r="D5109" s="64"/>
      <c r="E5109" s="55"/>
      <c r="F5109" s="74"/>
      <c r="G5109" s="74"/>
      <c r="H5109" s="74"/>
      <c r="I5109" s="75"/>
      <c r="J5109" s="74"/>
      <c r="L5109" s="55"/>
      <c r="M5109" s="234"/>
      <c r="N5109" s="65"/>
      <c r="O5109" s="76"/>
      <c r="P5109" s="76"/>
      <c r="Q5109" s="65"/>
      <c r="R5109" s="76"/>
      <c r="S5109" s="76"/>
      <c r="T5109" s="76"/>
      <c r="U5109" s="76"/>
      <c r="V5109" s="76"/>
      <c r="W5109" s="76"/>
      <c r="X5109" s="76"/>
      <c r="Y5109" s="76"/>
      <c r="Z5109" s="76"/>
      <c r="AA5109" s="85"/>
      <c r="AB5109" s="85"/>
      <c r="AC5109" s="85"/>
      <c r="AD5109" s="85"/>
      <c r="AE5109" s="85"/>
      <c r="AF5109" s="85"/>
      <c r="AG5109" s="86"/>
      <c r="AH5109" s="85"/>
      <c r="AI5109" s="85"/>
      <c r="AJ5109" s="85"/>
      <c r="AK5109" s="85"/>
      <c r="AL5109" s="85"/>
      <c r="AM5109" s="92"/>
      <c r="AN5109" s="92"/>
      <c r="AO5109" s="92"/>
      <c r="AP5109" s="92"/>
      <c r="AQ5109" s="92"/>
      <c r="AR5109" s="92"/>
      <c r="AS5109" s="92"/>
      <c r="AT5109" s="92"/>
      <c r="AU5109" s="92"/>
      <c r="AV5109" s="92"/>
      <c r="AW5109" s="92"/>
      <c r="AX5109" s="92"/>
      <c r="AY5109" s="92"/>
      <c r="AZ5109" s="93"/>
      <c r="BA5109" s="93"/>
      <c r="BB5109" s="93"/>
      <c r="BC5109" s="93"/>
      <c r="BD5109" s="93"/>
      <c r="BE5109" s="93"/>
      <c r="BF5109" s="93"/>
      <c r="BG5109" s="93"/>
      <c r="BH5109" s="93"/>
      <c r="BI5109" s="93"/>
      <c r="BJ5109" s="93"/>
      <c r="BK5109" s="93"/>
      <c r="BL5109" s="93"/>
    </row>
    <row r="5110" spans="2:64" x14ac:dyDescent="0.2">
      <c r="B5110" s="43"/>
      <c r="C5110" s="73"/>
      <c r="D5110" s="64"/>
      <c r="E5110" s="55"/>
      <c r="F5110" s="74"/>
      <c r="G5110" s="74"/>
      <c r="H5110" s="74"/>
      <c r="I5110" s="75"/>
      <c r="J5110" s="74"/>
      <c r="L5110" s="55"/>
      <c r="M5110" s="234"/>
      <c r="N5110" s="65"/>
      <c r="O5110" s="76"/>
      <c r="P5110" s="76"/>
      <c r="Q5110" s="65"/>
      <c r="R5110" s="76"/>
      <c r="S5110" s="76"/>
      <c r="T5110" s="76"/>
      <c r="U5110" s="76"/>
      <c r="V5110" s="76"/>
      <c r="W5110" s="76"/>
      <c r="X5110" s="76"/>
      <c r="Y5110" s="76"/>
      <c r="Z5110" s="76"/>
      <c r="AA5110" s="85"/>
      <c r="AB5110" s="85"/>
      <c r="AC5110" s="85"/>
      <c r="AD5110" s="85"/>
      <c r="AE5110" s="85"/>
      <c r="AF5110" s="85"/>
      <c r="AG5110" s="86"/>
      <c r="AH5110" s="85"/>
      <c r="AI5110" s="85"/>
      <c r="AJ5110" s="85"/>
      <c r="AK5110" s="85"/>
      <c r="AL5110" s="85"/>
      <c r="AM5110" s="92"/>
      <c r="AN5110" s="92"/>
      <c r="AO5110" s="92"/>
      <c r="AP5110" s="92"/>
      <c r="AQ5110" s="92"/>
      <c r="AR5110" s="92"/>
      <c r="AS5110" s="92"/>
      <c r="AT5110" s="92"/>
      <c r="AU5110" s="92"/>
      <c r="AV5110" s="92"/>
      <c r="AW5110" s="92"/>
      <c r="AX5110" s="92"/>
      <c r="AY5110" s="92"/>
      <c r="AZ5110" s="93"/>
      <c r="BA5110" s="93"/>
      <c r="BB5110" s="93"/>
      <c r="BC5110" s="93"/>
      <c r="BD5110" s="93"/>
      <c r="BE5110" s="93"/>
      <c r="BF5110" s="93"/>
      <c r="BG5110" s="93"/>
      <c r="BH5110" s="93"/>
      <c r="BI5110" s="93"/>
      <c r="BJ5110" s="93"/>
      <c r="BK5110" s="93"/>
      <c r="BL5110" s="93"/>
    </row>
    <row r="5111" spans="2:64" x14ac:dyDescent="0.2">
      <c r="B5111" s="43"/>
      <c r="C5111" s="73"/>
      <c r="D5111" s="64"/>
      <c r="E5111" s="55"/>
      <c r="F5111" s="74"/>
      <c r="G5111" s="74"/>
      <c r="H5111" s="74"/>
      <c r="I5111" s="75"/>
      <c r="J5111" s="74"/>
      <c r="L5111" s="55"/>
      <c r="M5111" s="234"/>
      <c r="N5111" s="65"/>
      <c r="O5111" s="76"/>
      <c r="P5111" s="76"/>
      <c r="Q5111" s="65"/>
      <c r="R5111" s="76"/>
      <c r="S5111" s="76"/>
      <c r="T5111" s="76"/>
      <c r="U5111" s="76"/>
      <c r="V5111" s="76"/>
      <c r="W5111" s="76"/>
      <c r="X5111" s="76"/>
      <c r="Y5111" s="76"/>
      <c r="Z5111" s="76"/>
      <c r="AA5111" s="85"/>
      <c r="AB5111" s="85"/>
      <c r="AC5111" s="85"/>
      <c r="AD5111" s="85"/>
      <c r="AE5111" s="85"/>
      <c r="AF5111" s="85"/>
      <c r="AG5111" s="86"/>
      <c r="AH5111" s="85"/>
      <c r="AI5111" s="85"/>
      <c r="AJ5111" s="85"/>
      <c r="AK5111" s="85"/>
      <c r="AL5111" s="85"/>
      <c r="AM5111" s="92"/>
      <c r="AN5111" s="92"/>
      <c r="AO5111" s="92"/>
      <c r="AP5111" s="92"/>
      <c r="AQ5111" s="92"/>
      <c r="AR5111" s="92"/>
      <c r="AS5111" s="92"/>
      <c r="AT5111" s="92"/>
      <c r="AU5111" s="92"/>
      <c r="AV5111" s="92"/>
      <c r="AW5111" s="92"/>
      <c r="AX5111" s="92"/>
      <c r="AY5111" s="92"/>
      <c r="AZ5111" s="93"/>
      <c r="BA5111" s="93"/>
      <c r="BB5111" s="93"/>
      <c r="BC5111" s="93"/>
      <c r="BD5111" s="93"/>
      <c r="BE5111" s="93"/>
      <c r="BF5111" s="93"/>
      <c r="BG5111" s="93"/>
      <c r="BH5111" s="93"/>
      <c r="BI5111" s="93"/>
      <c r="BJ5111" s="93"/>
      <c r="BK5111" s="93"/>
      <c r="BL5111" s="93"/>
    </row>
    <row r="5112" spans="2:64" x14ac:dyDescent="0.2">
      <c r="B5112" s="43"/>
      <c r="C5112" s="73"/>
      <c r="D5112" s="64"/>
      <c r="E5112" s="55"/>
      <c r="F5112" s="74"/>
      <c r="G5112" s="74"/>
      <c r="H5112" s="74"/>
      <c r="I5112" s="75"/>
      <c r="J5112" s="74"/>
      <c r="L5112" s="55"/>
      <c r="M5112" s="234"/>
      <c r="N5112" s="65"/>
      <c r="O5112" s="76"/>
      <c r="P5112" s="76"/>
      <c r="Q5112" s="65"/>
      <c r="R5112" s="76"/>
      <c r="S5112" s="76"/>
      <c r="T5112" s="76"/>
      <c r="U5112" s="76"/>
      <c r="V5112" s="76"/>
      <c r="W5112" s="76"/>
      <c r="X5112" s="76"/>
      <c r="Y5112" s="76"/>
      <c r="Z5112" s="76"/>
      <c r="AA5112" s="85"/>
      <c r="AB5112" s="85"/>
      <c r="AC5112" s="85"/>
      <c r="AD5112" s="85"/>
      <c r="AE5112" s="85"/>
      <c r="AF5112" s="85"/>
      <c r="AG5112" s="86"/>
      <c r="AH5112" s="85"/>
      <c r="AI5112" s="85"/>
      <c r="AJ5112" s="85"/>
      <c r="AK5112" s="85"/>
      <c r="AL5112" s="85"/>
      <c r="AM5112" s="92"/>
      <c r="AN5112" s="92"/>
      <c r="AO5112" s="92"/>
      <c r="AP5112" s="92"/>
      <c r="AQ5112" s="92"/>
      <c r="AR5112" s="92"/>
      <c r="AS5112" s="92"/>
      <c r="AT5112" s="92"/>
      <c r="AU5112" s="92"/>
      <c r="AV5112" s="92"/>
      <c r="AW5112" s="92"/>
      <c r="AX5112" s="92"/>
      <c r="AY5112" s="92"/>
      <c r="AZ5112" s="93"/>
      <c r="BA5112" s="93"/>
      <c r="BB5112" s="93"/>
      <c r="BC5112" s="93"/>
      <c r="BD5112" s="93"/>
      <c r="BE5112" s="93"/>
      <c r="BF5112" s="93"/>
      <c r="BG5112" s="93"/>
      <c r="BH5112" s="93"/>
      <c r="BI5112" s="93"/>
      <c r="BJ5112" s="93"/>
      <c r="BK5112" s="93"/>
      <c r="BL5112" s="93"/>
    </row>
    <row r="5113" spans="2:64" x14ac:dyDescent="0.2">
      <c r="B5113" s="43"/>
      <c r="C5113" s="73"/>
      <c r="D5113" s="64"/>
      <c r="E5113" s="55"/>
      <c r="F5113" s="74"/>
      <c r="G5113" s="74"/>
      <c r="H5113" s="74"/>
      <c r="I5113" s="75"/>
      <c r="J5113" s="74"/>
      <c r="L5113" s="55"/>
      <c r="M5113" s="234"/>
      <c r="N5113" s="65"/>
      <c r="O5113" s="76"/>
      <c r="P5113" s="76"/>
      <c r="Q5113" s="65"/>
      <c r="R5113" s="76"/>
      <c r="S5113" s="76"/>
      <c r="T5113" s="76"/>
      <c r="U5113" s="76"/>
      <c r="V5113" s="76"/>
      <c r="W5113" s="76"/>
      <c r="X5113" s="76"/>
      <c r="Y5113" s="76"/>
      <c r="Z5113" s="76"/>
      <c r="AA5113" s="85"/>
      <c r="AB5113" s="85"/>
      <c r="AC5113" s="85"/>
      <c r="AD5113" s="85"/>
      <c r="AE5113" s="85"/>
      <c r="AF5113" s="85"/>
      <c r="AG5113" s="86"/>
      <c r="AH5113" s="85"/>
      <c r="AI5113" s="85"/>
      <c r="AJ5113" s="85"/>
      <c r="AK5113" s="85"/>
      <c r="AL5113" s="85"/>
      <c r="AM5113" s="92"/>
      <c r="AN5113" s="92"/>
      <c r="AO5113" s="92"/>
      <c r="AP5113" s="92"/>
      <c r="AQ5113" s="92"/>
      <c r="AR5113" s="92"/>
      <c r="AS5113" s="92"/>
      <c r="AT5113" s="92"/>
      <c r="AU5113" s="92"/>
      <c r="AV5113" s="92"/>
      <c r="AW5113" s="92"/>
      <c r="AX5113" s="92"/>
      <c r="AY5113" s="92"/>
      <c r="AZ5113" s="93"/>
      <c r="BA5113" s="93"/>
      <c r="BB5113" s="93"/>
      <c r="BC5113" s="93"/>
      <c r="BD5113" s="93"/>
      <c r="BE5113" s="93"/>
      <c r="BF5113" s="93"/>
      <c r="BG5113" s="93"/>
      <c r="BH5113" s="93"/>
      <c r="BI5113" s="93"/>
      <c r="BJ5113" s="93"/>
      <c r="BK5113" s="93"/>
      <c r="BL5113" s="93"/>
    </row>
    <row r="5114" spans="2:64" x14ac:dyDescent="0.2">
      <c r="B5114" s="43"/>
      <c r="C5114" s="73"/>
      <c r="D5114" s="64"/>
      <c r="E5114" s="55"/>
      <c r="F5114" s="74"/>
      <c r="G5114" s="74"/>
      <c r="H5114" s="74"/>
      <c r="I5114" s="75"/>
      <c r="J5114" s="74"/>
      <c r="L5114" s="55"/>
      <c r="M5114" s="234"/>
      <c r="N5114" s="65"/>
      <c r="O5114" s="76"/>
      <c r="P5114" s="76"/>
      <c r="Q5114" s="65"/>
      <c r="R5114" s="76"/>
      <c r="S5114" s="76"/>
      <c r="T5114" s="76"/>
      <c r="U5114" s="76"/>
      <c r="V5114" s="76"/>
      <c r="W5114" s="76"/>
      <c r="X5114" s="76"/>
      <c r="Y5114" s="76"/>
      <c r="Z5114" s="76"/>
      <c r="AA5114" s="85"/>
      <c r="AB5114" s="85"/>
      <c r="AC5114" s="85"/>
      <c r="AD5114" s="85"/>
      <c r="AE5114" s="85"/>
      <c r="AF5114" s="85"/>
      <c r="AG5114" s="86"/>
      <c r="AH5114" s="85"/>
      <c r="AI5114" s="85"/>
      <c r="AJ5114" s="85"/>
      <c r="AK5114" s="85"/>
      <c r="AL5114" s="85"/>
      <c r="AM5114" s="92"/>
      <c r="AN5114" s="92"/>
      <c r="AO5114" s="92"/>
      <c r="AP5114" s="92"/>
      <c r="AQ5114" s="92"/>
      <c r="AR5114" s="92"/>
      <c r="AS5114" s="92"/>
      <c r="AT5114" s="92"/>
      <c r="AU5114" s="92"/>
      <c r="AV5114" s="92"/>
      <c r="AW5114" s="92"/>
      <c r="AX5114" s="92"/>
      <c r="AY5114" s="92"/>
      <c r="AZ5114" s="93"/>
      <c r="BA5114" s="93"/>
      <c r="BB5114" s="93"/>
      <c r="BC5114" s="93"/>
      <c r="BD5114" s="93"/>
      <c r="BE5114" s="93"/>
      <c r="BF5114" s="93"/>
      <c r="BG5114" s="93"/>
      <c r="BH5114" s="93"/>
      <c r="BI5114" s="93"/>
      <c r="BJ5114" s="93"/>
      <c r="BK5114" s="93"/>
      <c r="BL5114" s="93"/>
    </row>
    <row r="5115" spans="2:64" x14ac:dyDescent="0.2">
      <c r="B5115" s="43"/>
      <c r="C5115" s="73"/>
      <c r="D5115" s="64"/>
      <c r="E5115" s="55"/>
      <c r="F5115" s="74"/>
      <c r="G5115" s="74"/>
      <c r="H5115" s="74"/>
      <c r="I5115" s="75"/>
      <c r="J5115" s="74"/>
      <c r="L5115" s="55"/>
      <c r="M5115" s="234"/>
      <c r="N5115" s="65"/>
      <c r="O5115" s="76"/>
      <c r="P5115" s="76"/>
      <c r="Q5115" s="65"/>
      <c r="R5115" s="76"/>
      <c r="S5115" s="76"/>
      <c r="T5115" s="76"/>
      <c r="U5115" s="76"/>
      <c r="V5115" s="76"/>
      <c r="W5115" s="76"/>
      <c r="X5115" s="76"/>
      <c r="Y5115" s="76"/>
      <c r="Z5115" s="76"/>
      <c r="AA5115" s="85"/>
      <c r="AB5115" s="85"/>
      <c r="AC5115" s="85"/>
      <c r="AD5115" s="85"/>
      <c r="AE5115" s="85"/>
      <c r="AF5115" s="85"/>
      <c r="AG5115" s="86"/>
      <c r="AH5115" s="85"/>
      <c r="AI5115" s="85"/>
      <c r="AJ5115" s="85"/>
      <c r="AK5115" s="85"/>
      <c r="AL5115" s="85"/>
      <c r="AM5115" s="92"/>
      <c r="AN5115" s="92"/>
      <c r="AO5115" s="92"/>
      <c r="AP5115" s="92"/>
      <c r="AQ5115" s="92"/>
      <c r="AR5115" s="92"/>
      <c r="AS5115" s="92"/>
      <c r="AT5115" s="92"/>
      <c r="AU5115" s="92"/>
      <c r="AV5115" s="92"/>
      <c r="AW5115" s="92"/>
      <c r="AX5115" s="92"/>
      <c r="AY5115" s="92"/>
      <c r="AZ5115" s="93"/>
      <c r="BA5115" s="93"/>
      <c r="BB5115" s="93"/>
      <c r="BC5115" s="93"/>
      <c r="BD5115" s="93"/>
      <c r="BE5115" s="93"/>
      <c r="BF5115" s="93"/>
      <c r="BG5115" s="93"/>
      <c r="BH5115" s="93"/>
      <c r="BI5115" s="93"/>
      <c r="BJ5115" s="93"/>
      <c r="BK5115" s="93"/>
      <c r="BL5115" s="93"/>
    </row>
    <row r="5116" spans="2:64" x14ac:dyDescent="0.2">
      <c r="B5116" s="43"/>
      <c r="C5116" s="73"/>
      <c r="D5116" s="64"/>
      <c r="E5116" s="55"/>
      <c r="F5116" s="74"/>
      <c r="G5116" s="74"/>
      <c r="H5116" s="74"/>
      <c r="I5116" s="75"/>
      <c r="J5116" s="74"/>
      <c r="L5116" s="55"/>
      <c r="M5116" s="234"/>
      <c r="N5116" s="65"/>
      <c r="O5116" s="76"/>
      <c r="P5116" s="76"/>
      <c r="Q5116" s="65"/>
      <c r="R5116" s="76"/>
      <c r="S5116" s="76"/>
      <c r="T5116" s="76"/>
      <c r="U5116" s="76"/>
      <c r="V5116" s="76"/>
      <c r="W5116" s="76"/>
      <c r="X5116" s="76"/>
      <c r="Y5116" s="76"/>
      <c r="Z5116" s="76"/>
      <c r="AA5116" s="85"/>
      <c r="AB5116" s="85"/>
      <c r="AC5116" s="85"/>
      <c r="AD5116" s="85"/>
      <c r="AE5116" s="85"/>
      <c r="AF5116" s="85"/>
      <c r="AG5116" s="86"/>
      <c r="AH5116" s="85"/>
      <c r="AI5116" s="85"/>
      <c r="AJ5116" s="85"/>
      <c r="AK5116" s="85"/>
      <c r="AL5116" s="85"/>
      <c r="AM5116" s="92"/>
      <c r="AN5116" s="92"/>
      <c r="AO5116" s="92"/>
      <c r="AP5116" s="92"/>
      <c r="AQ5116" s="92"/>
      <c r="AR5116" s="92"/>
      <c r="AS5116" s="92"/>
      <c r="AT5116" s="92"/>
      <c r="AU5116" s="92"/>
      <c r="AV5116" s="92"/>
      <c r="AW5116" s="92"/>
      <c r="AX5116" s="92"/>
      <c r="AY5116" s="92"/>
      <c r="AZ5116" s="93"/>
      <c r="BA5116" s="93"/>
      <c r="BB5116" s="93"/>
      <c r="BC5116" s="93"/>
      <c r="BD5116" s="93"/>
      <c r="BE5116" s="93"/>
      <c r="BF5116" s="93"/>
      <c r="BG5116" s="93"/>
      <c r="BH5116" s="93"/>
      <c r="BI5116" s="93"/>
      <c r="BJ5116" s="93"/>
      <c r="BK5116" s="93"/>
      <c r="BL5116" s="93"/>
    </row>
    <row r="5117" spans="2:64" x14ac:dyDescent="0.2">
      <c r="B5117" s="43"/>
      <c r="C5117" s="73"/>
      <c r="D5117" s="64"/>
      <c r="E5117" s="55"/>
      <c r="F5117" s="74"/>
      <c r="G5117" s="74"/>
      <c r="H5117" s="74"/>
      <c r="I5117" s="75"/>
      <c r="J5117" s="74"/>
      <c r="L5117" s="55"/>
      <c r="M5117" s="234"/>
      <c r="N5117" s="65"/>
      <c r="O5117" s="76"/>
      <c r="P5117" s="76"/>
      <c r="Q5117" s="65"/>
      <c r="R5117" s="76"/>
      <c r="S5117" s="76"/>
      <c r="T5117" s="76"/>
      <c r="U5117" s="76"/>
      <c r="V5117" s="76"/>
      <c r="W5117" s="76"/>
      <c r="X5117" s="76"/>
      <c r="Y5117" s="76"/>
      <c r="Z5117" s="76"/>
      <c r="AA5117" s="85"/>
      <c r="AB5117" s="85"/>
      <c r="AC5117" s="85"/>
      <c r="AD5117" s="85"/>
      <c r="AE5117" s="85"/>
      <c r="AF5117" s="85"/>
      <c r="AG5117" s="86"/>
      <c r="AH5117" s="85"/>
      <c r="AI5117" s="85"/>
      <c r="AJ5117" s="85"/>
      <c r="AK5117" s="85"/>
      <c r="AL5117" s="85"/>
      <c r="AM5117" s="92"/>
      <c r="AN5117" s="92"/>
      <c r="AO5117" s="92"/>
      <c r="AP5117" s="92"/>
      <c r="AQ5117" s="92"/>
      <c r="AR5117" s="92"/>
      <c r="AS5117" s="92"/>
      <c r="AT5117" s="92"/>
      <c r="AU5117" s="92"/>
      <c r="AV5117" s="92"/>
      <c r="AW5117" s="92"/>
      <c r="AX5117" s="92"/>
      <c r="AY5117" s="92"/>
      <c r="AZ5117" s="93"/>
      <c r="BA5117" s="93"/>
      <c r="BB5117" s="93"/>
      <c r="BC5117" s="93"/>
      <c r="BD5117" s="93"/>
      <c r="BE5117" s="93"/>
      <c r="BF5117" s="93"/>
      <c r="BG5117" s="93"/>
      <c r="BH5117" s="93"/>
      <c r="BI5117" s="93"/>
      <c r="BJ5117" s="93"/>
      <c r="BK5117" s="93"/>
      <c r="BL5117" s="93"/>
    </row>
    <row r="5118" spans="2:64" x14ac:dyDescent="0.2">
      <c r="B5118" s="43"/>
      <c r="C5118" s="73"/>
      <c r="D5118" s="64"/>
      <c r="E5118" s="55"/>
      <c r="F5118" s="74"/>
      <c r="G5118" s="74"/>
      <c r="H5118" s="74"/>
      <c r="I5118" s="75"/>
      <c r="J5118" s="74"/>
      <c r="L5118" s="55"/>
      <c r="M5118" s="234"/>
      <c r="N5118" s="65"/>
      <c r="O5118" s="76"/>
      <c r="P5118" s="76"/>
      <c r="Q5118" s="65"/>
      <c r="R5118" s="76"/>
      <c r="S5118" s="76"/>
      <c r="T5118" s="76"/>
      <c r="U5118" s="76"/>
      <c r="V5118" s="76"/>
      <c r="W5118" s="76"/>
      <c r="X5118" s="76"/>
      <c r="Y5118" s="76"/>
      <c r="Z5118" s="76"/>
      <c r="AA5118" s="85"/>
      <c r="AB5118" s="85"/>
      <c r="AC5118" s="85"/>
      <c r="AD5118" s="85"/>
      <c r="AE5118" s="85"/>
      <c r="AF5118" s="85"/>
      <c r="AG5118" s="86"/>
      <c r="AH5118" s="85"/>
      <c r="AI5118" s="85"/>
      <c r="AJ5118" s="85"/>
      <c r="AK5118" s="85"/>
      <c r="AL5118" s="85"/>
      <c r="AM5118" s="92"/>
      <c r="AN5118" s="92"/>
      <c r="AO5118" s="92"/>
      <c r="AP5118" s="92"/>
      <c r="AQ5118" s="92"/>
      <c r="AR5118" s="92"/>
      <c r="AS5118" s="92"/>
      <c r="AT5118" s="92"/>
      <c r="AU5118" s="92"/>
      <c r="AV5118" s="92"/>
      <c r="AW5118" s="92"/>
      <c r="AX5118" s="92"/>
      <c r="AY5118" s="92"/>
      <c r="AZ5118" s="93"/>
      <c r="BA5118" s="93"/>
      <c r="BB5118" s="93"/>
      <c r="BC5118" s="93"/>
      <c r="BD5118" s="93"/>
      <c r="BE5118" s="93"/>
      <c r="BF5118" s="93"/>
      <c r="BG5118" s="93"/>
      <c r="BH5118" s="93"/>
      <c r="BI5118" s="93"/>
      <c r="BJ5118" s="93"/>
      <c r="BK5118" s="93"/>
      <c r="BL5118" s="93"/>
    </row>
    <row r="5119" spans="2:64" x14ac:dyDescent="0.2">
      <c r="B5119" s="43"/>
      <c r="C5119" s="73"/>
      <c r="D5119" s="64"/>
      <c r="E5119" s="55"/>
      <c r="F5119" s="74"/>
      <c r="G5119" s="74"/>
      <c r="H5119" s="74"/>
      <c r="I5119" s="75"/>
      <c r="J5119" s="74"/>
      <c r="L5119" s="55"/>
      <c r="M5119" s="234"/>
      <c r="N5119" s="65"/>
      <c r="O5119" s="76"/>
      <c r="P5119" s="76"/>
      <c r="Q5119" s="65"/>
      <c r="R5119" s="76"/>
      <c r="S5119" s="76"/>
      <c r="T5119" s="76"/>
      <c r="U5119" s="76"/>
      <c r="V5119" s="76"/>
      <c r="W5119" s="76"/>
      <c r="X5119" s="76"/>
      <c r="Y5119" s="76"/>
      <c r="Z5119" s="76"/>
      <c r="AA5119" s="85"/>
      <c r="AB5119" s="85"/>
      <c r="AC5119" s="85"/>
      <c r="AD5119" s="85"/>
      <c r="AE5119" s="85"/>
      <c r="AF5119" s="85"/>
      <c r="AG5119" s="86"/>
      <c r="AH5119" s="85"/>
      <c r="AI5119" s="85"/>
      <c r="AJ5119" s="85"/>
      <c r="AK5119" s="85"/>
      <c r="AL5119" s="85"/>
      <c r="AM5119" s="92"/>
      <c r="AN5119" s="92"/>
      <c r="AO5119" s="92"/>
      <c r="AP5119" s="92"/>
      <c r="AQ5119" s="92"/>
      <c r="AR5119" s="92"/>
      <c r="AS5119" s="92"/>
      <c r="AT5119" s="92"/>
      <c r="AU5119" s="92"/>
      <c r="AV5119" s="92"/>
      <c r="AW5119" s="92"/>
      <c r="AX5119" s="92"/>
      <c r="AY5119" s="92"/>
      <c r="AZ5119" s="93"/>
      <c r="BA5119" s="93"/>
      <c r="BB5119" s="93"/>
      <c r="BC5119" s="93"/>
      <c r="BD5119" s="93"/>
      <c r="BE5119" s="93"/>
      <c r="BF5119" s="93"/>
      <c r="BG5119" s="93"/>
      <c r="BH5119" s="93"/>
      <c r="BI5119" s="93"/>
      <c r="BJ5119" s="93"/>
      <c r="BK5119" s="93"/>
      <c r="BL5119" s="93"/>
    </row>
    <row r="5120" spans="2:64" x14ac:dyDescent="0.2">
      <c r="B5120" s="43"/>
      <c r="C5120" s="73"/>
      <c r="D5120" s="64"/>
      <c r="E5120" s="55"/>
      <c r="F5120" s="74"/>
      <c r="G5120" s="74"/>
      <c r="H5120" s="74"/>
      <c r="I5120" s="75"/>
      <c r="J5120" s="74"/>
      <c r="L5120" s="55"/>
      <c r="M5120" s="234"/>
      <c r="N5120" s="65"/>
      <c r="O5120" s="76"/>
      <c r="P5120" s="76"/>
      <c r="Q5120" s="65"/>
      <c r="R5120" s="76"/>
      <c r="S5120" s="76"/>
      <c r="T5120" s="76"/>
      <c r="U5120" s="76"/>
      <c r="V5120" s="76"/>
      <c r="W5120" s="76"/>
      <c r="X5120" s="76"/>
      <c r="Y5120" s="76"/>
      <c r="Z5120" s="76"/>
      <c r="AA5120" s="85"/>
      <c r="AB5120" s="85"/>
      <c r="AC5120" s="85"/>
      <c r="AD5120" s="85"/>
      <c r="AE5120" s="85"/>
      <c r="AF5120" s="85"/>
      <c r="AG5120" s="86"/>
      <c r="AH5120" s="85"/>
      <c r="AI5120" s="85"/>
      <c r="AJ5120" s="85"/>
      <c r="AK5120" s="85"/>
      <c r="AL5120" s="85"/>
      <c r="AM5120" s="92"/>
      <c r="AN5120" s="92"/>
      <c r="AO5120" s="92"/>
      <c r="AP5120" s="92"/>
      <c r="AQ5120" s="92"/>
      <c r="AR5120" s="92"/>
      <c r="AS5120" s="92"/>
      <c r="AT5120" s="92"/>
      <c r="AU5120" s="92"/>
      <c r="AV5120" s="92"/>
      <c r="AW5120" s="92"/>
      <c r="AX5120" s="92"/>
      <c r="AY5120" s="92"/>
      <c r="AZ5120" s="93"/>
      <c r="BA5120" s="93"/>
      <c r="BB5120" s="93"/>
      <c r="BC5120" s="93"/>
      <c r="BD5120" s="93"/>
      <c r="BE5120" s="93"/>
      <c r="BF5120" s="93"/>
      <c r="BG5120" s="93"/>
      <c r="BH5120" s="93"/>
      <c r="BI5120" s="93"/>
      <c r="BJ5120" s="93"/>
      <c r="BK5120" s="93"/>
      <c r="BL5120" s="93"/>
    </row>
    <row r="5121" spans="2:64" x14ac:dyDescent="0.2">
      <c r="B5121" s="43"/>
      <c r="C5121" s="73"/>
      <c r="D5121" s="64"/>
      <c r="E5121" s="55"/>
      <c r="F5121" s="74"/>
      <c r="G5121" s="74"/>
      <c r="H5121" s="74"/>
      <c r="I5121" s="75"/>
      <c r="J5121" s="74"/>
      <c r="L5121" s="55"/>
      <c r="M5121" s="234"/>
      <c r="N5121" s="65"/>
      <c r="O5121" s="76"/>
      <c r="P5121" s="76"/>
      <c r="Q5121" s="65"/>
      <c r="R5121" s="76"/>
      <c r="S5121" s="76"/>
      <c r="T5121" s="76"/>
      <c r="U5121" s="76"/>
      <c r="V5121" s="76"/>
      <c r="W5121" s="76"/>
      <c r="X5121" s="76"/>
      <c r="Y5121" s="76"/>
      <c r="Z5121" s="76"/>
      <c r="AA5121" s="85"/>
      <c r="AB5121" s="85"/>
      <c r="AC5121" s="85"/>
      <c r="AD5121" s="85"/>
      <c r="AE5121" s="85"/>
      <c r="AF5121" s="85"/>
      <c r="AG5121" s="86"/>
      <c r="AH5121" s="85"/>
      <c r="AI5121" s="85"/>
      <c r="AJ5121" s="85"/>
      <c r="AK5121" s="85"/>
      <c r="AL5121" s="85"/>
      <c r="AM5121" s="92"/>
      <c r="AN5121" s="92"/>
      <c r="AO5121" s="92"/>
      <c r="AP5121" s="92"/>
      <c r="AQ5121" s="92"/>
      <c r="AR5121" s="92"/>
      <c r="AS5121" s="92"/>
      <c r="AT5121" s="92"/>
      <c r="AU5121" s="92"/>
      <c r="AV5121" s="92"/>
      <c r="AW5121" s="92"/>
      <c r="AX5121" s="92"/>
      <c r="AY5121" s="92"/>
      <c r="AZ5121" s="93"/>
      <c r="BA5121" s="93"/>
      <c r="BB5121" s="93"/>
      <c r="BC5121" s="93"/>
      <c r="BD5121" s="93"/>
      <c r="BE5121" s="93"/>
      <c r="BF5121" s="93"/>
      <c r="BG5121" s="93"/>
      <c r="BH5121" s="93"/>
      <c r="BI5121" s="93"/>
      <c r="BJ5121" s="93"/>
      <c r="BK5121" s="93"/>
      <c r="BL5121" s="93"/>
    </row>
    <row r="5122" spans="2:64" x14ac:dyDescent="0.2">
      <c r="B5122" s="43"/>
      <c r="C5122" s="73"/>
      <c r="D5122" s="64"/>
      <c r="E5122" s="55"/>
      <c r="F5122" s="74"/>
      <c r="G5122" s="74"/>
      <c r="H5122" s="74"/>
      <c r="I5122" s="75"/>
      <c r="J5122" s="74"/>
      <c r="L5122" s="55"/>
      <c r="M5122" s="234"/>
      <c r="N5122" s="65"/>
      <c r="O5122" s="76"/>
      <c r="P5122" s="76"/>
      <c r="Q5122" s="65"/>
      <c r="R5122" s="76"/>
      <c r="S5122" s="76"/>
      <c r="T5122" s="76"/>
      <c r="U5122" s="76"/>
      <c r="V5122" s="76"/>
      <c r="W5122" s="76"/>
      <c r="X5122" s="76"/>
      <c r="Y5122" s="76"/>
      <c r="Z5122" s="76"/>
      <c r="AA5122" s="85"/>
      <c r="AB5122" s="85"/>
      <c r="AC5122" s="85"/>
      <c r="AD5122" s="85"/>
      <c r="AE5122" s="85"/>
      <c r="AF5122" s="85"/>
      <c r="AG5122" s="86"/>
      <c r="AH5122" s="85"/>
      <c r="AI5122" s="85"/>
      <c r="AJ5122" s="85"/>
      <c r="AK5122" s="85"/>
      <c r="AL5122" s="85"/>
      <c r="AM5122" s="92"/>
      <c r="AN5122" s="92"/>
      <c r="AO5122" s="92"/>
      <c r="AP5122" s="92"/>
      <c r="AQ5122" s="92"/>
      <c r="AR5122" s="92"/>
      <c r="AS5122" s="92"/>
      <c r="AT5122" s="92"/>
      <c r="AU5122" s="92"/>
      <c r="AV5122" s="92"/>
      <c r="AW5122" s="92"/>
      <c r="AX5122" s="92"/>
      <c r="AY5122" s="92"/>
      <c r="AZ5122" s="93"/>
      <c r="BA5122" s="93"/>
      <c r="BB5122" s="93"/>
      <c r="BC5122" s="93"/>
      <c r="BD5122" s="93"/>
      <c r="BE5122" s="93"/>
      <c r="BF5122" s="93"/>
      <c r="BG5122" s="93"/>
      <c r="BH5122" s="93"/>
      <c r="BI5122" s="93"/>
      <c r="BJ5122" s="93"/>
      <c r="BK5122" s="93"/>
      <c r="BL5122" s="93"/>
    </row>
    <row r="5123" spans="2:64" x14ac:dyDescent="0.2">
      <c r="B5123" s="43"/>
      <c r="C5123" s="73"/>
      <c r="D5123" s="64"/>
      <c r="E5123" s="55"/>
      <c r="F5123" s="74"/>
      <c r="G5123" s="74"/>
      <c r="H5123" s="74"/>
      <c r="I5123" s="75"/>
      <c r="J5123" s="74"/>
      <c r="L5123" s="55"/>
      <c r="M5123" s="234"/>
      <c r="N5123" s="65"/>
      <c r="O5123" s="76"/>
      <c r="P5123" s="76"/>
      <c r="Q5123" s="65"/>
      <c r="R5123" s="76"/>
      <c r="S5123" s="76"/>
      <c r="T5123" s="76"/>
      <c r="U5123" s="76"/>
      <c r="V5123" s="76"/>
      <c r="W5123" s="76"/>
      <c r="X5123" s="76"/>
      <c r="Y5123" s="76"/>
      <c r="Z5123" s="76"/>
      <c r="AA5123" s="85"/>
      <c r="AB5123" s="85"/>
      <c r="AC5123" s="85"/>
      <c r="AD5123" s="85"/>
      <c r="AE5123" s="85"/>
      <c r="AF5123" s="85"/>
      <c r="AG5123" s="86"/>
      <c r="AH5123" s="85"/>
      <c r="AI5123" s="85"/>
      <c r="AJ5123" s="85"/>
      <c r="AK5123" s="85"/>
      <c r="AL5123" s="85"/>
      <c r="AM5123" s="92"/>
      <c r="AN5123" s="92"/>
      <c r="AO5123" s="92"/>
      <c r="AP5123" s="92"/>
      <c r="AQ5123" s="92"/>
      <c r="AR5123" s="92"/>
      <c r="AS5123" s="92"/>
      <c r="AT5123" s="92"/>
      <c r="AU5123" s="92"/>
      <c r="AV5123" s="92"/>
      <c r="AW5123" s="92"/>
      <c r="AX5123" s="92"/>
      <c r="AY5123" s="92"/>
      <c r="AZ5123" s="93"/>
      <c r="BA5123" s="93"/>
      <c r="BB5123" s="93"/>
      <c r="BC5123" s="93"/>
      <c r="BD5123" s="93"/>
      <c r="BE5123" s="93"/>
      <c r="BF5123" s="93"/>
      <c r="BG5123" s="93"/>
      <c r="BH5123" s="93"/>
      <c r="BI5123" s="93"/>
      <c r="BJ5123" s="93"/>
      <c r="BK5123" s="93"/>
      <c r="BL5123" s="93"/>
    </row>
    <row r="5124" spans="2:64" x14ac:dyDescent="0.2">
      <c r="B5124" s="43"/>
      <c r="C5124" s="73"/>
      <c r="D5124" s="64"/>
      <c r="E5124" s="55"/>
      <c r="F5124" s="74"/>
      <c r="G5124" s="74"/>
      <c r="H5124" s="74"/>
      <c r="I5124" s="75"/>
      <c r="J5124" s="74"/>
      <c r="L5124" s="55"/>
      <c r="M5124" s="234"/>
      <c r="N5124" s="65"/>
      <c r="O5124" s="76"/>
      <c r="P5124" s="76"/>
      <c r="Q5124" s="65"/>
      <c r="R5124" s="76"/>
      <c r="S5124" s="76"/>
      <c r="T5124" s="76"/>
      <c r="U5124" s="76"/>
      <c r="V5124" s="76"/>
      <c r="W5124" s="76"/>
      <c r="X5124" s="76"/>
      <c r="Y5124" s="76"/>
      <c r="Z5124" s="76"/>
      <c r="AA5124" s="85"/>
      <c r="AB5124" s="85"/>
      <c r="AC5124" s="85"/>
      <c r="AD5124" s="85"/>
      <c r="AE5124" s="85"/>
      <c r="AF5124" s="85"/>
      <c r="AG5124" s="86"/>
      <c r="AH5124" s="85"/>
      <c r="AI5124" s="85"/>
      <c r="AJ5124" s="85"/>
      <c r="AK5124" s="85"/>
      <c r="AL5124" s="85"/>
      <c r="AM5124" s="92"/>
      <c r="AN5124" s="92"/>
      <c r="AO5124" s="92"/>
      <c r="AP5124" s="92"/>
      <c r="AQ5124" s="92"/>
      <c r="AR5124" s="92"/>
      <c r="AS5124" s="92"/>
      <c r="AT5124" s="92"/>
      <c r="AU5124" s="92"/>
      <c r="AV5124" s="92"/>
      <c r="AW5124" s="92"/>
      <c r="AX5124" s="92"/>
      <c r="AY5124" s="92"/>
      <c r="AZ5124" s="93"/>
      <c r="BA5124" s="93"/>
      <c r="BB5124" s="93"/>
      <c r="BC5124" s="93"/>
      <c r="BD5124" s="93"/>
      <c r="BE5124" s="93"/>
      <c r="BF5124" s="93"/>
      <c r="BG5124" s="93"/>
      <c r="BH5124" s="93"/>
      <c r="BI5124" s="93"/>
      <c r="BJ5124" s="93"/>
      <c r="BK5124" s="93"/>
      <c r="BL5124" s="93"/>
    </row>
    <row r="5125" spans="2:64" x14ac:dyDescent="0.2">
      <c r="B5125" s="43"/>
      <c r="C5125" s="73"/>
      <c r="D5125" s="64"/>
      <c r="E5125" s="55"/>
      <c r="F5125" s="74"/>
      <c r="G5125" s="74"/>
      <c r="H5125" s="74"/>
      <c r="I5125" s="75"/>
      <c r="J5125" s="74"/>
      <c r="L5125" s="55"/>
      <c r="M5125" s="234"/>
      <c r="N5125" s="65"/>
      <c r="O5125" s="76"/>
      <c r="P5125" s="76"/>
      <c r="Q5125" s="65"/>
      <c r="R5125" s="76"/>
      <c r="S5125" s="76"/>
      <c r="T5125" s="76"/>
      <c r="U5125" s="76"/>
      <c r="V5125" s="76"/>
      <c r="W5125" s="76"/>
      <c r="X5125" s="76"/>
      <c r="Y5125" s="76"/>
      <c r="Z5125" s="76"/>
      <c r="AA5125" s="85"/>
      <c r="AB5125" s="85"/>
      <c r="AC5125" s="85"/>
      <c r="AD5125" s="85"/>
      <c r="AE5125" s="85"/>
      <c r="AF5125" s="85"/>
      <c r="AG5125" s="86"/>
      <c r="AH5125" s="85"/>
      <c r="AI5125" s="85"/>
      <c r="AJ5125" s="85"/>
      <c r="AK5125" s="85"/>
      <c r="AL5125" s="85"/>
      <c r="AM5125" s="92"/>
      <c r="AN5125" s="92"/>
      <c r="AO5125" s="92"/>
      <c r="AP5125" s="92"/>
      <c r="AQ5125" s="92"/>
      <c r="AR5125" s="92"/>
      <c r="AS5125" s="92"/>
      <c r="AT5125" s="92"/>
      <c r="AU5125" s="92"/>
      <c r="AV5125" s="92"/>
      <c r="AW5125" s="92"/>
      <c r="AX5125" s="92"/>
      <c r="AY5125" s="92"/>
      <c r="AZ5125" s="93"/>
      <c r="BA5125" s="93"/>
      <c r="BB5125" s="93"/>
      <c r="BC5125" s="93"/>
      <c r="BD5125" s="93"/>
      <c r="BE5125" s="93"/>
      <c r="BF5125" s="93"/>
      <c r="BG5125" s="93"/>
      <c r="BH5125" s="93"/>
      <c r="BI5125" s="93"/>
      <c r="BJ5125" s="93"/>
      <c r="BK5125" s="93"/>
      <c r="BL5125" s="93"/>
    </row>
    <row r="5126" spans="2:64" x14ac:dyDescent="0.2">
      <c r="B5126" s="43"/>
      <c r="C5126" s="73"/>
      <c r="D5126" s="64"/>
      <c r="E5126" s="55"/>
      <c r="F5126" s="74"/>
      <c r="G5126" s="74"/>
      <c r="H5126" s="74"/>
      <c r="I5126" s="75"/>
      <c r="J5126" s="74"/>
      <c r="L5126" s="55"/>
      <c r="M5126" s="234"/>
      <c r="N5126" s="65"/>
      <c r="O5126" s="76"/>
      <c r="P5126" s="76"/>
      <c r="Q5126" s="65"/>
      <c r="R5126" s="76"/>
      <c r="S5126" s="76"/>
      <c r="T5126" s="76"/>
      <c r="U5126" s="76"/>
      <c r="V5126" s="76"/>
      <c r="W5126" s="76"/>
      <c r="X5126" s="76"/>
      <c r="Y5126" s="76"/>
      <c r="Z5126" s="76"/>
      <c r="AA5126" s="85"/>
      <c r="AB5126" s="85"/>
      <c r="AC5126" s="85"/>
      <c r="AD5126" s="85"/>
      <c r="AE5126" s="85"/>
      <c r="AF5126" s="85"/>
      <c r="AG5126" s="86"/>
      <c r="AH5126" s="85"/>
      <c r="AI5126" s="85"/>
      <c r="AJ5126" s="85"/>
      <c r="AK5126" s="85"/>
      <c r="AL5126" s="85"/>
      <c r="AM5126" s="92"/>
      <c r="AN5126" s="92"/>
      <c r="AO5126" s="92"/>
      <c r="AP5126" s="92"/>
      <c r="AQ5126" s="92"/>
      <c r="AR5126" s="92"/>
      <c r="AS5126" s="92"/>
      <c r="AT5126" s="92"/>
      <c r="AU5126" s="92"/>
      <c r="AV5126" s="92"/>
      <c r="AW5126" s="92"/>
      <c r="AX5126" s="92"/>
      <c r="AY5126" s="92"/>
      <c r="AZ5126" s="93"/>
      <c r="BA5126" s="93"/>
      <c r="BB5126" s="93"/>
      <c r="BC5126" s="93"/>
      <c r="BD5126" s="93"/>
      <c r="BE5126" s="93"/>
      <c r="BF5126" s="93"/>
      <c r="BG5126" s="93"/>
      <c r="BH5126" s="93"/>
      <c r="BI5126" s="93"/>
      <c r="BJ5126" s="93"/>
      <c r="BK5126" s="93"/>
      <c r="BL5126" s="93"/>
    </row>
    <row r="5127" spans="2:64" x14ac:dyDescent="0.2">
      <c r="B5127" s="43"/>
      <c r="C5127" s="73"/>
      <c r="D5127" s="64"/>
      <c r="E5127" s="55"/>
      <c r="F5127" s="74"/>
      <c r="G5127" s="74"/>
      <c r="H5127" s="74"/>
      <c r="I5127" s="75"/>
      <c r="J5127" s="74"/>
      <c r="L5127" s="55"/>
      <c r="M5127" s="234"/>
      <c r="N5127" s="65"/>
      <c r="O5127" s="76"/>
      <c r="P5127" s="76"/>
      <c r="Q5127" s="65"/>
      <c r="R5127" s="76"/>
      <c r="S5127" s="76"/>
      <c r="T5127" s="76"/>
      <c r="U5127" s="76"/>
      <c r="V5127" s="76"/>
      <c r="W5127" s="76"/>
      <c r="X5127" s="76"/>
      <c r="Y5127" s="76"/>
      <c r="Z5127" s="76"/>
      <c r="AA5127" s="85"/>
      <c r="AB5127" s="85"/>
      <c r="AC5127" s="85"/>
      <c r="AD5127" s="85"/>
      <c r="AE5127" s="85"/>
      <c r="AF5127" s="85"/>
      <c r="AG5127" s="86"/>
      <c r="AH5127" s="85"/>
      <c r="AI5127" s="85"/>
      <c r="AJ5127" s="85"/>
      <c r="AK5127" s="85"/>
      <c r="AL5127" s="85"/>
      <c r="AM5127" s="92"/>
      <c r="AN5127" s="92"/>
      <c r="AO5127" s="92"/>
      <c r="AP5127" s="92"/>
      <c r="AQ5127" s="92"/>
      <c r="AR5127" s="92"/>
      <c r="AS5127" s="92"/>
      <c r="AT5127" s="92"/>
      <c r="AU5127" s="92"/>
      <c r="AV5127" s="92"/>
      <c r="AW5127" s="92"/>
      <c r="AX5127" s="92"/>
      <c r="AY5127" s="92"/>
      <c r="AZ5127" s="93"/>
      <c r="BA5127" s="93"/>
      <c r="BB5127" s="93"/>
      <c r="BC5127" s="93"/>
      <c r="BD5127" s="93"/>
      <c r="BE5127" s="93"/>
      <c r="BF5127" s="93"/>
      <c r="BG5127" s="93"/>
      <c r="BH5127" s="93"/>
      <c r="BI5127" s="93"/>
      <c r="BJ5127" s="93"/>
      <c r="BK5127" s="93"/>
      <c r="BL5127" s="93"/>
    </row>
    <row r="5128" spans="2:64" x14ac:dyDescent="0.2">
      <c r="B5128" s="43"/>
      <c r="C5128" s="73"/>
      <c r="D5128" s="64"/>
      <c r="E5128" s="55"/>
      <c r="F5128" s="74"/>
      <c r="G5128" s="74"/>
      <c r="H5128" s="74"/>
      <c r="I5128" s="75"/>
      <c r="J5128" s="74"/>
      <c r="L5128" s="55"/>
      <c r="M5128" s="234"/>
      <c r="N5128" s="65"/>
      <c r="O5128" s="76"/>
      <c r="P5128" s="76"/>
      <c r="Q5128" s="65"/>
      <c r="R5128" s="76"/>
      <c r="S5128" s="76"/>
      <c r="T5128" s="76"/>
      <c r="U5128" s="76"/>
      <c r="V5128" s="76"/>
      <c r="W5128" s="76"/>
      <c r="X5128" s="76"/>
      <c r="Y5128" s="76"/>
      <c r="Z5128" s="76"/>
      <c r="AA5128" s="85"/>
      <c r="AB5128" s="85"/>
      <c r="AC5128" s="85"/>
      <c r="AD5128" s="85"/>
      <c r="AE5128" s="85"/>
      <c r="AF5128" s="85"/>
      <c r="AG5128" s="86"/>
      <c r="AH5128" s="85"/>
      <c r="AI5128" s="85"/>
      <c r="AJ5128" s="85"/>
      <c r="AK5128" s="85"/>
      <c r="AL5128" s="85"/>
      <c r="AM5128" s="92"/>
      <c r="AN5128" s="92"/>
      <c r="AO5128" s="92"/>
      <c r="AP5128" s="92"/>
      <c r="AQ5128" s="92"/>
      <c r="AR5128" s="92"/>
      <c r="AS5128" s="92"/>
      <c r="AT5128" s="92"/>
      <c r="AU5128" s="92"/>
      <c r="AV5128" s="92"/>
      <c r="AW5128" s="92"/>
      <c r="AX5128" s="92"/>
      <c r="AY5128" s="92"/>
      <c r="AZ5128" s="93"/>
      <c r="BA5128" s="93"/>
      <c r="BB5128" s="93"/>
      <c r="BC5128" s="93"/>
      <c r="BD5128" s="93"/>
      <c r="BE5128" s="93"/>
      <c r="BF5128" s="93"/>
      <c r="BG5128" s="93"/>
      <c r="BH5128" s="93"/>
      <c r="BI5128" s="93"/>
      <c r="BJ5128" s="93"/>
      <c r="BK5128" s="93"/>
      <c r="BL5128" s="93"/>
    </row>
    <row r="5129" spans="2:64" x14ac:dyDescent="0.2">
      <c r="B5129" s="43"/>
      <c r="C5129" s="73"/>
      <c r="D5129" s="64"/>
      <c r="E5129" s="55"/>
      <c r="F5129" s="74"/>
      <c r="G5129" s="74"/>
      <c r="H5129" s="74"/>
      <c r="I5129" s="75"/>
      <c r="J5129" s="74"/>
      <c r="L5129" s="55"/>
      <c r="M5129" s="234"/>
      <c r="N5129" s="65"/>
      <c r="O5129" s="76"/>
      <c r="P5129" s="76"/>
      <c r="Q5129" s="65"/>
      <c r="R5129" s="76"/>
      <c r="S5129" s="76"/>
      <c r="T5129" s="76"/>
      <c r="U5129" s="76"/>
      <c r="V5129" s="76"/>
      <c r="W5129" s="76"/>
      <c r="X5129" s="76"/>
      <c r="Y5129" s="76"/>
      <c r="Z5129" s="76"/>
      <c r="AA5129" s="85"/>
      <c r="AB5129" s="85"/>
      <c r="AC5129" s="85"/>
      <c r="AD5129" s="85"/>
      <c r="AE5129" s="85"/>
      <c r="AF5129" s="85"/>
      <c r="AG5129" s="86"/>
      <c r="AH5129" s="85"/>
      <c r="AI5129" s="85"/>
      <c r="AJ5129" s="85"/>
      <c r="AK5129" s="85"/>
      <c r="AL5129" s="85"/>
      <c r="AM5129" s="92"/>
      <c r="AN5129" s="92"/>
      <c r="AO5129" s="92"/>
      <c r="AP5129" s="92"/>
      <c r="AQ5129" s="92"/>
      <c r="AR5129" s="92"/>
      <c r="AS5129" s="92"/>
      <c r="AT5129" s="92"/>
      <c r="AU5129" s="92"/>
      <c r="AV5129" s="92"/>
      <c r="AW5129" s="92"/>
      <c r="AX5129" s="92"/>
      <c r="AY5129" s="92"/>
      <c r="AZ5129" s="93"/>
      <c r="BA5129" s="93"/>
      <c r="BB5129" s="93"/>
      <c r="BC5129" s="93"/>
      <c r="BD5129" s="93"/>
      <c r="BE5129" s="93"/>
      <c r="BF5129" s="93"/>
      <c r="BG5129" s="93"/>
      <c r="BH5129" s="93"/>
      <c r="BI5129" s="93"/>
      <c r="BJ5129" s="93"/>
      <c r="BK5129" s="93"/>
      <c r="BL5129" s="93"/>
    </row>
    <row r="5130" spans="2:64" x14ac:dyDescent="0.2">
      <c r="B5130" s="43"/>
      <c r="C5130" s="73"/>
      <c r="D5130" s="64"/>
      <c r="E5130" s="55"/>
      <c r="F5130" s="74"/>
      <c r="G5130" s="74"/>
      <c r="H5130" s="74"/>
      <c r="I5130" s="75"/>
      <c r="J5130" s="74"/>
      <c r="L5130" s="55"/>
      <c r="M5130" s="234"/>
      <c r="N5130" s="65"/>
      <c r="O5130" s="76"/>
      <c r="P5130" s="76"/>
      <c r="Q5130" s="65"/>
      <c r="R5130" s="76"/>
      <c r="S5130" s="76"/>
      <c r="T5130" s="76"/>
      <c r="U5130" s="76"/>
      <c r="V5130" s="76"/>
      <c r="W5130" s="76"/>
      <c r="X5130" s="76"/>
      <c r="Y5130" s="76"/>
      <c r="Z5130" s="76"/>
      <c r="AA5130" s="85"/>
      <c r="AB5130" s="85"/>
      <c r="AC5130" s="85"/>
      <c r="AD5130" s="85"/>
      <c r="AE5130" s="85"/>
      <c r="AF5130" s="85"/>
      <c r="AG5130" s="86"/>
      <c r="AH5130" s="85"/>
      <c r="AI5130" s="85"/>
      <c r="AJ5130" s="85"/>
      <c r="AK5130" s="85"/>
      <c r="AL5130" s="85"/>
      <c r="AM5130" s="92"/>
      <c r="AN5130" s="92"/>
      <c r="AO5130" s="92"/>
      <c r="AP5130" s="92"/>
      <c r="AQ5130" s="92"/>
      <c r="AR5130" s="92"/>
      <c r="AS5130" s="92"/>
      <c r="AT5130" s="92"/>
      <c r="AU5130" s="92"/>
      <c r="AV5130" s="92"/>
      <c r="AW5130" s="92"/>
      <c r="AX5130" s="92"/>
      <c r="AY5130" s="92"/>
      <c r="AZ5130" s="93"/>
      <c r="BA5130" s="93"/>
      <c r="BB5130" s="93"/>
      <c r="BC5130" s="93"/>
      <c r="BD5130" s="93"/>
      <c r="BE5130" s="93"/>
      <c r="BF5130" s="93"/>
      <c r="BG5130" s="93"/>
      <c r="BH5130" s="93"/>
      <c r="BI5130" s="93"/>
      <c r="BJ5130" s="93"/>
      <c r="BK5130" s="93"/>
      <c r="BL5130" s="93"/>
    </row>
    <row r="5131" spans="2:64" x14ac:dyDescent="0.2">
      <c r="B5131" s="43"/>
      <c r="C5131" s="73"/>
      <c r="D5131" s="64"/>
      <c r="E5131" s="55"/>
      <c r="F5131" s="74"/>
      <c r="G5131" s="74"/>
      <c r="H5131" s="74"/>
      <c r="I5131" s="75"/>
      <c r="J5131" s="74"/>
      <c r="L5131" s="55"/>
      <c r="M5131" s="234"/>
      <c r="N5131" s="65"/>
      <c r="O5131" s="76"/>
      <c r="P5131" s="76"/>
      <c r="Q5131" s="65"/>
      <c r="R5131" s="76"/>
      <c r="S5131" s="76"/>
      <c r="T5131" s="76"/>
      <c r="U5131" s="76"/>
      <c r="V5131" s="76"/>
      <c r="W5131" s="76"/>
      <c r="X5131" s="76"/>
      <c r="Y5131" s="76"/>
      <c r="Z5131" s="76"/>
      <c r="AA5131" s="85"/>
      <c r="AB5131" s="85"/>
      <c r="AC5131" s="85"/>
      <c r="AD5131" s="85"/>
      <c r="AE5131" s="85"/>
      <c r="AF5131" s="85"/>
      <c r="AG5131" s="86"/>
      <c r="AH5131" s="85"/>
      <c r="AI5131" s="85"/>
      <c r="AJ5131" s="85"/>
      <c r="AK5131" s="85"/>
      <c r="AL5131" s="85"/>
      <c r="AM5131" s="92"/>
      <c r="AN5131" s="92"/>
      <c r="AO5131" s="92"/>
      <c r="AP5131" s="92"/>
      <c r="AQ5131" s="92"/>
      <c r="AR5131" s="92"/>
      <c r="AS5131" s="92"/>
      <c r="AT5131" s="92"/>
      <c r="AU5131" s="92"/>
      <c r="AV5131" s="92"/>
      <c r="AW5131" s="92"/>
      <c r="AX5131" s="92"/>
      <c r="AY5131" s="92"/>
      <c r="AZ5131" s="93"/>
      <c r="BA5131" s="93"/>
      <c r="BB5131" s="93"/>
      <c r="BC5131" s="93"/>
      <c r="BD5131" s="93"/>
      <c r="BE5131" s="93"/>
      <c r="BF5131" s="93"/>
      <c r="BG5131" s="93"/>
      <c r="BH5131" s="93"/>
      <c r="BI5131" s="93"/>
      <c r="BJ5131" s="93"/>
      <c r="BK5131" s="93"/>
      <c r="BL5131" s="93"/>
    </row>
    <row r="5132" spans="2:64" x14ac:dyDescent="0.2">
      <c r="B5132" s="43"/>
      <c r="C5132" s="73"/>
      <c r="D5132" s="64"/>
      <c r="E5132" s="55"/>
      <c r="F5132" s="74"/>
      <c r="G5132" s="74"/>
      <c r="H5132" s="74"/>
      <c r="I5132" s="75"/>
      <c r="J5132" s="74"/>
      <c r="L5132" s="55"/>
      <c r="M5132" s="234"/>
      <c r="N5132" s="65"/>
      <c r="O5132" s="76"/>
      <c r="P5132" s="76"/>
      <c r="Q5132" s="65"/>
      <c r="R5132" s="76"/>
      <c r="S5132" s="76"/>
      <c r="T5132" s="76"/>
      <c r="U5132" s="76"/>
      <c r="V5132" s="76"/>
      <c r="W5132" s="76"/>
      <c r="X5132" s="76"/>
      <c r="Y5132" s="76"/>
      <c r="Z5132" s="76"/>
      <c r="AA5132" s="85"/>
      <c r="AB5132" s="85"/>
      <c r="AC5132" s="85"/>
      <c r="AD5132" s="85"/>
      <c r="AE5132" s="85"/>
      <c r="AF5132" s="85"/>
      <c r="AG5132" s="86"/>
      <c r="AH5132" s="85"/>
      <c r="AI5132" s="85"/>
      <c r="AJ5132" s="85"/>
      <c r="AK5132" s="85"/>
      <c r="AL5132" s="85"/>
      <c r="AM5132" s="92"/>
      <c r="AN5132" s="92"/>
      <c r="AO5132" s="92"/>
      <c r="AP5132" s="92"/>
      <c r="AQ5132" s="92"/>
      <c r="AR5132" s="92"/>
      <c r="AS5132" s="92"/>
      <c r="AT5132" s="92"/>
      <c r="AU5132" s="92"/>
      <c r="AV5132" s="92"/>
      <c r="AW5132" s="92"/>
      <c r="AX5132" s="92"/>
      <c r="AY5132" s="92"/>
      <c r="AZ5132" s="93"/>
      <c r="BA5132" s="93"/>
      <c r="BB5132" s="93"/>
      <c r="BC5132" s="93"/>
      <c r="BD5132" s="93"/>
      <c r="BE5132" s="93"/>
      <c r="BF5132" s="93"/>
      <c r="BG5132" s="93"/>
      <c r="BH5132" s="93"/>
      <c r="BI5132" s="93"/>
      <c r="BJ5132" s="93"/>
      <c r="BK5132" s="93"/>
      <c r="BL5132" s="93"/>
    </row>
    <row r="5133" spans="2:64" x14ac:dyDescent="0.2">
      <c r="B5133" s="43"/>
      <c r="C5133" s="73"/>
      <c r="D5133" s="64"/>
      <c r="E5133" s="55"/>
      <c r="F5133" s="74"/>
      <c r="G5133" s="74"/>
      <c r="H5133" s="74"/>
      <c r="I5133" s="75"/>
      <c r="J5133" s="74"/>
      <c r="L5133" s="55"/>
      <c r="M5133" s="234"/>
      <c r="N5133" s="65"/>
      <c r="O5133" s="76"/>
      <c r="P5133" s="76"/>
      <c r="Q5133" s="65"/>
      <c r="R5133" s="76"/>
      <c r="S5133" s="76"/>
      <c r="T5133" s="76"/>
      <c r="U5133" s="76"/>
      <c r="V5133" s="76"/>
      <c r="W5133" s="76"/>
      <c r="X5133" s="76"/>
      <c r="Y5133" s="76"/>
      <c r="Z5133" s="76"/>
      <c r="AA5133" s="85"/>
      <c r="AB5133" s="85"/>
      <c r="AC5133" s="85"/>
      <c r="AD5133" s="85"/>
      <c r="AE5133" s="85"/>
      <c r="AF5133" s="85"/>
      <c r="AG5133" s="86"/>
      <c r="AH5133" s="85"/>
      <c r="AI5133" s="85"/>
      <c r="AJ5133" s="85"/>
      <c r="AK5133" s="85"/>
      <c r="AL5133" s="85"/>
      <c r="AM5133" s="92"/>
      <c r="AN5133" s="92"/>
      <c r="AO5133" s="92"/>
      <c r="AP5133" s="92"/>
      <c r="AQ5133" s="92"/>
      <c r="AR5133" s="92"/>
      <c r="AS5133" s="92"/>
      <c r="AT5133" s="92"/>
      <c r="AU5133" s="92"/>
      <c r="AV5133" s="92"/>
      <c r="AW5133" s="92"/>
      <c r="AX5133" s="92"/>
      <c r="AY5133" s="92"/>
      <c r="AZ5133" s="93"/>
      <c r="BA5133" s="93"/>
      <c r="BB5133" s="93"/>
      <c r="BC5133" s="93"/>
      <c r="BD5133" s="93"/>
      <c r="BE5133" s="93"/>
      <c r="BF5133" s="93"/>
      <c r="BG5133" s="93"/>
      <c r="BH5133" s="93"/>
      <c r="BI5133" s="93"/>
      <c r="BJ5133" s="93"/>
      <c r="BK5133" s="93"/>
      <c r="BL5133" s="93"/>
    </row>
    <row r="5134" spans="2:64" x14ac:dyDescent="0.2">
      <c r="B5134" s="43"/>
      <c r="C5134" s="73"/>
      <c r="D5134" s="64"/>
      <c r="E5134" s="55"/>
      <c r="F5134" s="74"/>
      <c r="G5134" s="74"/>
      <c r="H5134" s="74"/>
      <c r="I5134" s="75"/>
      <c r="J5134" s="74"/>
      <c r="L5134" s="55"/>
      <c r="M5134" s="234"/>
      <c r="N5134" s="65"/>
      <c r="O5134" s="76"/>
      <c r="P5134" s="76"/>
      <c r="Q5134" s="65"/>
      <c r="R5134" s="76"/>
      <c r="S5134" s="76"/>
      <c r="T5134" s="76"/>
      <c r="U5134" s="76"/>
      <c r="V5134" s="76"/>
      <c r="W5134" s="76"/>
      <c r="X5134" s="76"/>
      <c r="Y5134" s="76"/>
      <c r="Z5134" s="76"/>
      <c r="AA5134" s="85"/>
      <c r="AB5134" s="85"/>
      <c r="AC5134" s="85"/>
      <c r="AD5134" s="85"/>
      <c r="AE5134" s="85"/>
      <c r="AF5134" s="85"/>
      <c r="AG5134" s="86"/>
      <c r="AH5134" s="85"/>
      <c r="AI5134" s="85"/>
      <c r="AJ5134" s="85"/>
      <c r="AK5134" s="85"/>
      <c r="AL5134" s="85"/>
      <c r="AM5134" s="92"/>
      <c r="AN5134" s="92"/>
      <c r="AO5134" s="92"/>
      <c r="AP5134" s="92"/>
      <c r="AQ5134" s="92"/>
      <c r="AR5134" s="92"/>
      <c r="AS5134" s="92"/>
      <c r="AT5134" s="92"/>
      <c r="AU5134" s="92"/>
      <c r="AV5134" s="92"/>
      <c r="AW5134" s="92"/>
      <c r="AX5134" s="92"/>
      <c r="AY5134" s="92"/>
      <c r="AZ5134" s="93"/>
      <c r="BA5134" s="93"/>
      <c r="BB5134" s="93"/>
      <c r="BC5134" s="93"/>
      <c r="BD5134" s="93"/>
      <c r="BE5134" s="93"/>
      <c r="BF5134" s="93"/>
      <c r="BG5134" s="93"/>
      <c r="BH5134" s="93"/>
      <c r="BI5134" s="93"/>
      <c r="BJ5134" s="93"/>
      <c r="BK5134" s="93"/>
      <c r="BL5134" s="93"/>
    </row>
    <row r="5135" spans="2:64" x14ac:dyDescent="0.2">
      <c r="B5135" s="43"/>
      <c r="C5135" s="73"/>
      <c r="D5135" s="64"/>
      <c r="E5135" s="55"/>
      <c r="F5135" s="74"/>
      <c r="G5135" s="74"/>
      <c r="H5135" s="74"/>
      <c r="I5135" s="75"/>
      <c r="J5135" s="74"/>
      <c r="L5135" s="55"/>
      <c r="M5135" s="234"/>
      <c r="N5135" s="65"/>
      <c r="O5135" s="76"/>
      <c r="P5135" s="76"/>
      <c r="Q5135" s="65"/>
      <c r="R5135" s="76"/>
      <c r="S5135" s="76"/>
      <c r="T5135" s="76"/>
      <c r="U5135" s="76"/>
      <c r="V5135" s="76"/>
      <c r="W5135" s="76"/>
      <c r="X5135" s="76"/>
      <c r="Y5135" s="76"/>
      <c r="Z5135" s="76"/>
      <c r="AA5135" s="85"/>
      <c r="AB5135" s="85"/>
      <c r="AC5135" s="85"/>
      <c r="AD5135" s="85"/>
      <c r="AE5135" s="85"/>
      <c r="AF5135" s="85"/>
      <c r="AG5135" s="86"/>
      <c r="AH5135" s="85"/>
      <c r="AI5135" s="85"/>
      <c r="AJ5135" s="85"/>
      <c r="AK5135" s="85"/>
      <c r="AL5135" s="85"/>
      <c r="AM5135" s="92"/>
      <c r="AN5135" s="92"/>
      <c r="AO5135" s="92"/>
      <c r="AP5135" s="92"/>
      <c r="AQ5135" s="92"/>
      <c r="AR5135" s="92"/>
      <c r="AS5135" s="92"/>
      <c r="AT5135" s="92"/>
      <c r="AU5135" s="92"/>
      <c r="AV5135" s="92"/>
      <c r="AW5135" s="92"/>
      <c r="AX5135" s="92"/>
      <c r="AY5135" s="92"/>
      <c r="AZ5135" s="93"/>
      <c r="BA5135" s="93"/>
      <c r="BB5135" s="93"/>
      <c r="BC5135" s="93"/>
      <c r="BD5135" s="93"/>
      <c r="BE5135" s="93"/>
      <c r="BF5135" s="93"/>
      <c r="BG5135" s="93"/>
      <c r="BH5135" s="93"/>
      <c r="BI5135" s="93"/>
      <c r="BJ5135" s="93"/>
      <c r="BK5135" s="93"/>
      <c r="BL5135" s="93"/>
    </row>
    <row r="5136" spans="2:64" x14ac:dyDescent="0.2">
      <c r="B5136" s="43"/>
      <c r="C5136" s="73"/>
      <c r="D5136" s="64"/>
      <c r="E5136" s="55"/>
      <c r="F5136" s="74"/>
      <c r="G5136" s="74"/>
      <c r="H5136" s="74"/>
      <c r="I5136" s="75"/>
      <c r="J5136" s="74"/>
      <c r="L5136" s="55"/>
      <c r="M5136" s="234"/>
      <c r="N5136" s="65"/>
      <c r="O5136" s="76"/>
      <c r="P5136" s="76"/>
      <c r="Q5136" s="65"/>
      <c r="R5136" s="76"/>
      <c r="S5136" s="76"/>
      <c r="T5136" s="76"/>
      <c r="U5136" s="76"/>
      <c r="V5136" s="76"/>
      <c r="W5136" s="76"/>
      <c r="X5136" s="76"/>
      <c r="Y5136" s="76"/>
      <c r="Z5136" s="76"/>
      <c r="AA5136" s="85"/>
      <c r="AB5136" s="85"/>
      <c r="AC5136" s="85"/>
      <c r="AD5136" s="85"/>
      <c r="AE5136" s="85"/>
      <c r="AF5136" s="85"/>
      <c r="AG5136" s="86"/>
      <c r="AH5136" s="85"/>
      <c r="AI5136" s="85"/>
      <c r="AJ5136" s="85"/>
      <c r="AK5136" s="85"/>
      <c r="AL5136" s="85"/>
      <c r="AM5136" s="92"/>
      <c r="AN5136" s="92"/>
      <c r="AO5136" s="92"/>
      <c r="AP5136" s="92"/>
      <c r="AQ5136" s="92"/>
      <c r="AR5136" s="92"/>
      <c r="AS5136" s="92"/>
      <c r="AT5136" s="92"/>
      <c r="AU5136" s="92"/>
      <c r="AV5136" s="92"/>
      <c r="AW5136" s="92"/>
      <c r="AX5136" s="92"/>
      <c r="AY5136" s="92"/>
      <c r="AZ5136" s="93"/>
      <c r="BA5136" s="93"/>
      <c r="BB5136" s="93"/>
      <c r="BC5136" s="93"/>
      <c r="BD5136" s="93"/>
      <c r="BE5136" s="93"/>
      <c r="BF5136" s="93"/>
      <c r="BG5136" s="93"/>
      <c r="BH5136" s="93"/>
      <c r="BI5136" s="93"/>
      <c r="BJ5136" s="93"/>
      <c r="BK5136" s="93"/>
      <c r="BL5136" s="93"/>
    </row>
    <row r="5137" spans="2:64" x14ac:dyDescent="0.2">
      <c r="B5137" s="43"/>
      <c r="C5137" s="73"/>
      <c r="D5137" s="64"/>
      <c r="E5137" s="55"/>
      <c r="F5137" s="74"/>
      <c r="G5137" s="74"/>
      <c r="H5137" s="74"/>
      <c r="I5137" s="75"/>
      <c r="J5137" s="74"/>
      <c r="L5137" s="55"/>
      <c r="M5137" s="234"/>
      <c r="N5137" s="65"/>
      <c r="O5137" s="76"/>
      <c r="P5137" s="76"/>
      <c r="Q5137" s="65"/>
      <c r="R5137" s="76"/>
      <c r="S5137" s="76"/>
      <c r="T5137" s="76"/>
      <c r="U5137" s="76"/>
      <c r="V5137" s="76"/>
      <c r="W5137" s="76"/>
      <c r="X5137" s="76"/>
      <c r="Y5137" s="76"/>
      <c r="Z5137" s="76"/>
      <c r="AA5137" s="85"/>
      <c r="AB5137" s="85"/>
      <c r="AC5137" s="85"/>
      <c r="AD5137" s="85"/>
      <c r="AE5137" s="85"/>
      <c r="AF5137" s="85"/>
      <c r="AG5137" s="86"/>
      <c r="AH5137" s="85"/>
      <c r="AI5137" s="85"/>
      <c r="AJ5137" s="85"/>
      <c r="AK5137" s="85"/>
      <c r="AL5137" s="85"/>
      <c r="AM5137" s="92"/>
      <c r="AN5137" s="92"/>
      <c r="AO5137" s="92"/>
      <c r="AP5137" s="92"/>
      <c r="AQ5137" s="92"/>
      <c r="AR5137" s="92"/>
      <c r="AS5137" s="92"/>
      <c r="AT5137" s="92"/>
      <c r="AU5137" s="92"/>
      <c r="AV5137" s="92"/>
      <c r="AW5137" s="92"/>
      <c r="AX5137" s="92"/>
      <c r="AY5137" s="92"/>
      <c r="AZ5137" s="93"/>
      <c r="BA5137" s="93"/>
      <c r="BB5137" s="93"/>
      <c r="BC5137" s="93"/>
      <c r="BD5137" s="93"/>
      <c r="BE5137" s="93"/>
      <c r="BF5137" s="93"/>
      <c r="BG5137" s="93"/>
      <c r="BH5137" s="93"/>
      <c r="BI5137" s="93"/>
      <c r="BJ5137" s="93"/>
      <c r="BK5137" s="93"/>
      <c r="BL5137" s="93"/>
    </row>
    <row r="5138" spans="2:64" x14ac:dyDescent="0.2">
      <c r="B5138" s="43"/>
      <c r="C5138" s="73"/>
      <c r="D5138" s="64"/>
      <c r="E5138" s="55"/>
      <c r="F5138" s="74"/>
      <c r="G5138" s="74"/>
      <c r="H5138" s="74"/>
      <c r="I5138" s="75"/>
      <c r="J5138" s="74"/>
      <c r="L5138" s="55"/>
      <c r="M5138" s="234"/>
      <c r="N5138" s="65"/>
      <c r="O5138" s="76"/>
      <c r="P5138" s="76"/>
      <c r="Q5138" s="65"/>
      <c r="R5138" s="76"/>
      <c r="S5138" s="76"/>
      <c r="T5138" s="76"/>
      <c r="U5138" s="76"/>
      <c r="V5138" s="76"/>
      <c r="W5138" s="76"/>
      <c r="X5138" s="76"/>
      <c r="Y5138" s="76"/>
      <c r="Z5138" s="76"/>
      <c r="AA5138" s="85"/>
      <c r="AB5138" s="85"/>
      <c r="AC5138" s="85"/>
      <c r="AD5138" s="85"/>
      <c r="AE5138" s="85"/>
      <c r="AF5138" s="85"/>
      <c r="AG5138" s="86"/>
      <c r="AH5138" s="85"/>
      <c r="AI5138" s="85"/>
      <c r="AJ5138" s="85"/>
      <c r="AK5138" s="85"/>
      <c r="AL5138" s="85"/>
      <c r="AM5138" s="92"/>
      <c r="AN5138" s="92"/>
      <c r="AO5138" s="92"/>
      <c r="AP5138" s="92"/>
      <c r="AQ5138" s="92"/>
      <c r="AR5138" s="92"/>
      <c r="AS5138" s="92"/>
      <c r="AT5138" s="92"/>
      <c r="AU5138" s="92"/>
      <c r="AV5138" s="92"/>
      <c r="AW5138" s="92"/>
      <c r="AX5138" s="92"/>
      <c r="AY5138" s="92"/>
      <c r="AZ5138" s="93"/>
      <c r="BA5138" s="93"/>
      <c r="BB5138" s="93"/>
      <c r="BC5138" s="93"/>
      <c r="BD5138" s="93"/>
      <c r="BE5138" s="93"/>
      <c r="BF5138" s="93"/>
      <c r="BG5138" s="93"/>
      <c r="BH5138" s="93"/>
      <c r="BI5138" s="93"/>
      <c r="BJ5138" s="93"/>
      <c r="BK5138" s="93"/>
      <c r="BL5138" s="93"/>
    </row>
    <row r="5139" spans="2:64" x14ac:dyDescent="0.2">
      <c r="B5139" s="43"/>
      <c r="C5139" s="73"/>
      <c r="D5139" s="64"/>
      <c r="E5139" s="55"/>
      <c r="F5139" s="74"/>
      <c r="G5139" s="74"/>
      <c r="H5139" s="74"/>
      <c r="I5139" s="75"/>
      <c r="J5139" s="74"/>
      <c r="L5139" s="55"/>
      <c r="M5139" s="234"/>
      <c r="N5139" s="65"/>
      <c r="O5139" s="76"/>
      <c r="P5139" s="76"/>
      <c r="Q5139" s="65"/>
      <c r="R5139" s="76"/>
      <c r="S5139" s="76"/>
      <c r="T5139" s="76"/>
      <c r="U5139" s="76"/>
      <c r="V5139" s="76"/>
      <c r="W5139" s="76"/>
      <c r="X5139" s="76"/>
      <c r="Y5139" s="76"/>
      <c r="Z5139" s="76"/>
      <c r="AA5139" s="85"/>
      <c r="AB5139" s="85"/>
      <c r="AC5139" s="85"/>
      <c r="AD5139" s="85"/>
      <c r="AE5139" s="85"/>
      <c r="AF5139" s="85"/>
      <c r="AG5139" s="86"/>
      <c r="AH5139" s="85"/>
      <c r="AI5139" s="85"/>
      <c r="AJ5139" s="85"/>
      <c r="AK5139" s="85"/>
      <c r="AL5139" s="85"/>
      <c r="AM5139" s="92"/>
      <c r="AN5139" s="92"/>
      <c r="AO5139" s="92"/>
      <c r="AP5139" s="92"/>
      <c r="AQ5139" s="92"/>
      <c r="AR5139" s="92"/>
      <c r="AS5139" s="92"/>
      <c r="AT5139" s="92"/>
      <c r="AU5139" s="92"/>
      <c r="AV5139" s="92"/>
      <c r="AW5139" s="92"/>
      <c r="AX5139" s="92"/>
      <c r="AY5139" s="92"/>
      <c r="AZ5139" s="93"/>
      <c r="BA5139" s="93"/>
      <c r="BB5139" s="93"/>
      <c r="BC5139" s="93"/>
      <c r="BD5139" s="93"/>
      <c r="BE5139" s="93"/>
      <c r="BF5139" s="93"/>
      <c r="BG5139" s="93"/>
      <c r="BH5139" s="93"/>
      <c r="BI5139" s="93"/>
      <c r="BJ5139" s="93"/>
      <c r="BK5139" s="93"/>
      <c r="BL5139" s="93"/>
    </row>
    <row r="5140" spans="2:64" x14ac:dyDescent="0.2">
      <c r="B5140" s="43"/>
      <c r="C5140" s="73"/>
      <c r="D5140" s="64"/>
      <c r="E5140" s="55"/>
      <c r="F5140" s="74"/>
      <c r="G5140" s="74"/>
      <c r="H5140" s="74"/>
      <c r="I5140" s="75"/>
      <c r="J5140" s="74"/>
      <c r="L5140" s="55"/>
      <c r="M5140" s="234"/>
      <c r="N5140" s="65"/>
      <c r="O5140" s="76"/>
      <c r="P5140" s="76"/>
      <c r="Q5140" s="65"/>
      <c r="R5140" s="76"/>
      <c r="S5140" s="76"/>
      <c r="T5140" s="76"/>
      <c r="U5140" s="76"/>
      <c r="V5140" s="76"/>
      <c r="W5140" s="76"/>
      <c r="X5140" s="76"/>
      <c r="Y5140" s="76"/>
      <c r="Z5140" s="76"/>
      <c r="AA5140" s="85"/>
      <c r="AB5140" s="85"/>
      <c r="AC5140" s="85"/>
      <c r="AD5140" s="85"/>
      <c r="AE5140" s="85"/>
      <c r="AF5140" s="85"/>
      <c r="AG5140" s="86"/>
      <c r="AH5140" s="85"/>
      <c r="AI5140" s="85"/>
      <c r="AJ5140" s="85"/>
      <c r="AK5140" s="85"/>
      <c r="AL5140" s="85"/>
      <c r="AM5140" s="92"/>
      <c r="AN5140" s="92"/>
      <c r="AO5140" s="92"/>
      <c r="AP5140" s="92"/>
      <c r="AQ5140" s="92"/>
      <c r="AR5140" s="92"/>
      <c r="AS5140" s="92"/>
      <c r="AT5140" s="92"/>
      <c r="AU5140" s="92"/>
      <c r="AV5140" s="92"/>
      <c r="AW5140" s="92"/>
      <c r="AX5140" s="92"/>
      <c r="AY5140" s="92"/>
      <c r="AZ5140" s="93"/>
      <c r="BA5140" s="93"/>
      <c r="BB5140" s="93"/>
      <c r="BC5140" s="93"/>
      <c r="BD5140" s="93"/>
      <c r="BE5140" s="93"/>
      <c r="BF5140" s="93"/>
      <c r="BG5140" s="93"/>
      <c r="BH5140" s="93"/>
      <c r="BI5140" s="93"/>
      <c r="BJ5140" s="93"/>
      <c r="BK5140" s="93"/>
      <c r="BL5140" s="93"/>
    </row>
    <row r="5141" spans="2:64" x14ac:dyDescent="0.2">
      <c r="B5141" s="43"/>
      <c r="C5141" s="73"/>
      <c r="D5141" s="64"/>
      <c r="E5141" s="55"/>
      <c r="F5141" s="74"/>
      <c r="G5141" s="74"/>
      <c r="H5141" s="74"/>
      <c r="I5141" s="75"/>
      <c r="J5141" s="74"/>
      <c r="L5141" s="55"/>
      <c r="M5141" s="234"/>
      <c r="N5141" s="65"/>
      <c r="O5141" s="76"/>
      <c r="P5141" s="76"/>
      <c r="Q5141" s="65"/>
      <c r="R5141" s="76"/>
      <c r="S5141" s="76"/>
      <c r="T5141" s="76"/>
      <c r="U5141" s="76"/>
      <c r="V5141" s="76"/>
      <c r="W5141" s="76"/>
      <c r="X5141" s="76"/>
      <c r="Y5141" s="76"/>
      <c r="Z5141" s="76"/>
      <c r="AA5141" s="85"/>
      <c r="AB5141" s="85"/>
      <c r="AC5141" s="85"/>
      <c r="AD5141" s="85"/>
      <c r="AE5141" s="85"/>
      <c r="AF5141" s="85"/>
      <c r="AG5141" s="86"/>
      <c r="AH5141" s="85"/>
      <c r="AI5141" s="85"/>
      <c r="AJ5141" s="85"/>
      <c r="AK5141" s="85"/>
      <c r="AL5141" s="85"/>
      <c r="AM5141" s="92"/>
      <c r="AN5141" s="92"/>
      <c r="AO5141" s="92"/>
      <c r="AP5141" s="92"/>
      <c r="AQ5141" s="92"/>
      <c r="AR5141" s="92"/>
      <c r="AS5141" s="92"/>
      <c r="AT5141" s="92"/>
      <c r="AU5141" s="92"/>
      <c r="AV5141" s="92"/>
      <c r="AW5141" s="92"/>
      <c r="AX5141" s="92"/>
      <c r="AY5141" s="92"/>
      <c r="AZ5141" s="93"/>
      <c r="BA5141" s="93"/>
      <c r="BB5141" s="93"/>
      <c r="BC5141" s="93"/>
      <c r="BD5141" s="93"/>
      <c r="BE5141" s="93"/>
      <c r="BF5141" s="93"/>
      <c r="BG5141" s="93"/>
      <c r="BH5141" s="93"/>
      <c r="BI5141" s="93"/>
      <c r="BJ5141" s="93"/>
      <c r="BK5141" s="93"/>
      <c r="BL5141" s="93"/>
    </row>
    <row r="5142" spans="2:64" x14ac:dyDescent="0.2">
      <c r="B5142" s="43"/>
      <c r="C5142" s="73"/>
      <c r="D5142" s="64"/>
      <c r="E5142" s="55"/>
      <c r="F5142" s="74"/>
      <c r="G5142" s="74"/>
      <c r="H5142" s="74"/>
      <c r="I5142" s="75"/>
      <c r="J5142" s="74"/>
      <c r="L5142" s="55"/>
      <c r="M5142" s="234"/>
      <c r="N5142" s="65"/>
      <c r="O5142" s="76"/>
      <c r="P5142" s="76"/>
      <c r="Q5142" s="65"/>
      <c r="R5142" s="76"/>
      <c r="S5142" s="76"/>
      <c r="T5142" s="76"/>
      <c r="U5142" s="76"/>
      <c r="V5142" s="76"/>
      <c r="W5142" s="76"/>
      <c r="X5142" s="76"/>
      <c r="Y5142" s="76"/>
      <c r="Z5142" s="76"/>
      <c r="AA5142" s="85"/>
      <c r="AB5142" s="85"/>
      <c r="AC5142" s="85"/>
      <c r="AD5142" s="85"/>
      <c r="AE5142" s="85"/>
      <c r="AF5142" s="85"/>
      <c r="AG5142" s="86"/>
      <c r="AH5142" s="85"/>
      <c r="AI5142" s="85"/>
      <c r="AJ5142" s="85"/>
      <c r="AK5142" s="85"/>
      <c r="AL5142" s="85"/>
      <c r="AM5142" s="92"/>
      <c r="AN5142" s="92"/>
      <c r="AO5142" s="92"/>
      <c r="AP5142" s="92"/>
      <c r="AQ5142" s="92"/>
      <c r="AR5142" s="92"/>
      <c r="AS5142" s="92"/>
      <c r="AT5142" s="92"/>
      <c r="AU5142" s="92"/>
      <c r="AV5142" s="92"/>
      <c r="AW5142" s="92"/>
      <c r="AX5142" s="92"/>
      <c r="AY5142" s="92"/>
      <c r="AZ5142" s="93"/>
      <c r="BA5142" s="93"/>
      <c r="BB5142" s="93"/>
      <c r="BC5142" s="93"/>
      <c r="BD5142" s="93"/>
      <c r="BE5142" s="93"/>
      <c r="BF5142" s="93"/>
      <c r="BG5142" s="93"/>
      <c r="BH5142" s="93"/>
      <c r="BI5142" s="93"/>
      <c r="BJ5142" s="93"/>
      <c r="BK5142" s="93"/>
      <c r="BL5142" s="93"/>
    </row>
    <row r="5143" spans="2:64" x14ac:dyDescent="0.2">
      <c r="B5143" s="43"/>
      <c r="C5143" s="73"/>
      <c r="D5143" s="64"/>
      <c r="E5143" s="55"/>
      <c r="F5143" s="74"/>
      <c r="G5143" s="74"/>
      <c r="H5143" s="74"/>
      <c r="I5143" s="75"/>
      <c r="J5143" s="74"/>
      <c r="L5143" s="55"/>
      <c r="M5143" s="234"/>
      <c r="N5143" s="65"/>
      <c r="O5143" s="76"/>
      <c r="P5143" s="76"/>
      <c r="Q5143" s="65"/>
      <c r="R5143" s="76"/>
      <c r="S5143" s="76"/>
      <c r="T5143" s="76"/>
      <c r="U5143" s="76"/>
      <c r="V5143" s="76"/>
      <c r="W5143" s="76"/>
      <c r="X5143" s="76"/>
      <c r="Y5143" s="76"/>
      <c r="Z5143" s="76"/>
      <c r="AA5143" s="85"/>
      <c r="AB5143" s="85"/>
      <c r="AC5143" s="85"/>
      <c r="AD5143" s="85"/>
      <c r="AE5143" s="85"/>
      <c r="AF5143" s="85"/>
      <c r="AG5143" s="86"/>
      <c r="AH5143" s="85"/>
      <c r="AI5143" s="85"/>
      <c r="AJ5143" s="85"/>
      <c r="AK5143" s="85"/>
      <c r="AL5143" s="85"/>
      <c r="AM5143" s="92"/>
      <c r="AN5143" s="92"/>
      <c r="AO5143" s="92"/>
      <c r="AP5143" s="92"/>
      <c r="AQ5143" s="92"/>
      <c r="AR5143" s="92"/>
      <c r="AS5143" s="92"/>
      <c r="AT5143" s="92"/>
      <c r="AU5143" s="92"/>
      <c r="AV5143" s="92"/>
      <c r="AW5143" s="92"/>
      <c r="AX5143" s="92"/>
      <c r="AY5143" s="92"/>
      <c r="AZ5143" s="93"/>
      <c r="BA5143" s="93"/>
      <c r="BB5143" s="93"/>
      <c r="BC5143" s="93"/>
      <c r="BD5143" s="93"/>
      <c r="BE5143" s="93"/>
      <c r="BF5143" s="93"/>
      <c r="BG5143" s="93"/>
      <c r="BH5143" s="93"/>
      <c r="BI5143" s="93"/>
      <c r="BJ5143" s="93"/>
      <c r="BK5143" s="93"/>
      <c r="BL5143" s="93"/>
    </row>
    <row r="5144" spans="2:64" x14ac:dyDescent="0.2">
      <c r="B5144" s="43"/>
      <c r="C5144" s="73"/>
      <c r="D5144" s="64"/>
      <c r="E5144" s="55"/>
      <c r="F5144" s="74"/>
      <c r="G5144" s="74"/>
      <c r="H5144" s="74"/>
      <c r="I5144" s="75"/>
      <c r="J5144" s="74"/>
      <c r="L5144" s="55"/>
      <c r="M5144" s="234"/>
      <c r="N5144" s="65"/>
      <c r="O5144" s="76"/>
      <c r="P5144" s="76"/>
      <c r="Q5144" s="65"/>
      <c r="R5144" s="76"/>
      <c r="S5144" s="76"/>
      <c r="T5144" s="76"/>
      <c r="U5144" s="76"/>
      <c r="V5144" s="76"/>
      <c r="W5144" s="76"/>
      <c r="X5144" s="76"/>
      <c r="Y5144" s="76"/>
      <c r="Z5144" s="76"/>
      <c r="AA5144" s="85"/>
      <c r="AB5144" s="85"/>
      <c r="AC5144" s="85"/>
      <c r="AD5144" s="85"/>
      <c r="AE5144" s="85"/>
      <c r="AF5144" s="85"/>
      <c r="AG5144" s="86"/>
      <c r="AH5144" s="85"/>
      <c r="AI5144" s="85"/>
      <c r="AJ5144" s="85"/>
      <c r="AK5144" s="85"/>
      <c r="AL5144" s="85"/>
      <c r="AM5144" s="92"/>
      <c r="AN5144" s="92"/>
      <c r="AO5144" s="92"/>
      <c r="AP5144" s="92"/>
      <c r="AQ5144" s="92"/>
      <c r="AR5144" s="92"/>
      <c r="AS5144" s="92"/>
      <c r="AT5144" s="92"/>
      <c r="AU5144" s="92"/>
      <c r="AV5144" s="92"/>
      <c r="AW5144" s="92"/>
      <c r="AX5144" s="92"/>
      <c r="AY5144" s="92"/>
      <c r="AZ5144" s="93"/>
      <c r="BA5144" s="93"/>
      <c r="BB5144" s="93"/>
      <c r="BC5144" s="93"/>
      <c r="BD5144" s="93"/>
      <c r="BE5144" s="93"/>
      <c r="BF5144" s="93"/>
      <c r="BG5144" s="93"/>
      <c r="BH5144" s="93"/>
      <c r="BI5144" s="93"/>
      <c r="BJ5144" s="93"/>
      <c r="BK5144" s="93"/>
      <c r="BL5144" s="93"/>
    </row>
    <row r="5145" spans="2:64" x14ac:dyDescent="0.2">
      <c r="B5145" s="43"/>
      <c r="C5145" s="73"/>
      <c r="D5145" s="64"/>
      <c r="E5145" s="55"/>
      <c r="F5145" s="74"/>
      <c r="G5145" s="74"/>
      <c r="H5145" s="74"/>
      <c r="I5145" s="75"/>
      <c r="J5145" s="74"/>
      <c r="L5145" s="55"/>
      <c r="M5145" s="234"/>
      <c r="N5145" s="65"/>
      <c r="O5145" s="76"/>
      <c r="P5145" s="76"/>
      <c r="Q5145" s="65"/>
      <c r="R5145" s="76"/>
      <c r="S5145" s="76"/>
      <c r="T5145" s="76"/>
      <c r="U5145" s="76"/>
      <c r="V5145" s="76"/>
      <c r="W5145" s="76"/>
      <c r="X5145" s="76"/>
      <c r="Y5145" s="76"/>
      <c r="Z5145" s="76"/>
      <c r="AA5145" s="85"/>
      <c r="AB5145" s="85"/>
      <c r="AC5145" s="85"/>
      <c r="AD5145" s="85"/>
      <c r="AE5145" s="85"/>
      <c r="AF5145" s="85"/>
      <c r="AG5145" s="86"/>
      <c r="AH5145" s="85"/>
      <c r="AI5145" s="85"/>
      <c r="AJ5145" s="85"/>
      <c r="AK5145" s="85"/>
      <c r="AL5145" s="85"/>
      <c r="AM5145" s="92"/>
      <c r="AN5145" s="92"/>
      <c r="AO5145" s="92"/>
      <c r="AP5145" s="92"/>
      <c r="AQ5145" s="92"/>
      <c r="AR5145" s="92"/>
      <c r="AS5145" s="92"/>
      <c r="AT5145" s="92"/>
      <c r="AU5145" s="92"/>
      <c r="AV5145" s="92"/>
      <c r="AW5145" s="92"/>
      <c r="AX5145" s="92"/>
      <c r="AY5145" s="92"/>
      <c r="AZ5145" s="93"/>
      <c r="BA5145" s="93"/>
      <c r="BB5145" s="93"/>
      <c r="BC5145" s="93"/>
      <c r="BD5145" s="93"/>
      <c r="BE5145" s="93"/>
      <c r="BF5145" s="93"/>
      <c r="BG5145" s="93"/>
      <c r="BH5145" s="93"/>
      <c r="BI5145" s="93"/>
      <c r="BJ5145" s="93"/>
      <c r="BK5145" s="93"/>
      <c r="BL5145" s="93"/>
    </row>
    <row r="5146" spans="2:64" x14ac:dyDescent="0.2">
      <c r="B5146" s="43"/>
      <c r="C5146" s="73"/>
      <c r="D5146" s="64"/>
      <c r="E5146" s="55"/>
      <c r="F5146" s="74"/>
      <c r="G5146" s="74"/>
      <c r="H5146" s="74"/>
      <c r="I5146" s="75"/>
      <c r="J5146" s="74"/>
      <c r="L5146" s="55"/>
      <c r="M5146" s="234"/>
      <c r="N5146" s="65"/>
      <c r="O5146" s="76"/>
      <c r="P5146" s="76"/>
      <c r="Q5146" s="65"/>
      <c r="R5146" s="76"/>
      <c r="S5146" s="76"/>
      <c r="T5146" s="76"/>
      <c r="U5146" s="76"/>
      <c r="V5146" s="76"/>
      <c r="W5146" s="76"/>
      <c r="X5146" s="76"/>
      <c r="Y5146" s="76"/>
      <c r="Z5146" s="76"/>
      <c r="AA5146" s="85"/>
      <c r="AB5146" s="85"/>
      <c r="AC5146" s="85"/>
      <c r="AD5146" s="85"/>
      <c r="AE5146" s="85"/>
      <c r="AF5146" s="85"/>
      <c r="AG5146" s="86"/>
      <c r="AH5146" s="85"/>
      <c r="AI5146" s="85"/>
      <c r="AJ5146" s="85"/>
      <c r="AK5146" s="85"/>
      <c r="AL5146" s="85"/>
      <c r="AM5146" s="92"/>
      <c r="AN5146" s="92"/>
      <c r="AO5146" s="92"/>
      <c r="AP5146" s="92"/>
      <c r="AQ5146" s="92"/>
      <c r="AR5146" s="92"/>
      <c r="AS5146" s="92"/>
      <c r="AT5146" s="92"/>
      <c r="AU5146" s="92"/>
      <c r="AV5146" s="92"/>
      <c r="AW5146" s="92"/>
      <c r="AX5146" s="92"/>
      <c r="AY5146" s="92"/>
      <c r="AZ5146" s="93"/>
      <c r="BA5146" s="93"/>
      <c r="BB5146" s="93"/>
      <c r="BC5146" s="93"/>
      <c r="BD5146" s="93"/>
      <c r="BE5146" s="93"/>
      <c r="BF5146" s="93"/>
      <c r="BG5146" s="93"/>
      <c r="BH5146" s="93"/>
      <c r="BI5146" s="93"/>
      <c r="BJ5146" s="93"/>
      <c r="BK5146" s="93"/>
      <c r="BL5146" s="93"/>
    </row>
    <row r="5147" spans="2:64" x14ac:dyDescent="0.2">
      <c r="B5147" s="43"/>
      <c r="C5147" s="73"/>
      <c r="D5147" s="64"/>
      <c r="E5147" s="55"/>
      <c r="F5147" s="74"/>
      <c r="G5147" s="74"/>
      <c r="H5147" s="74"/>
      <c r="I5147" s="75"/>
      <c r="J5147" s="74"/>
      <c r="L5147" s="55"/>
      <c r="M5147" s="234"/>
      <c r="N5147" s="65"/>
      <c r="O5147" s="76"/>
      <c r="P5147" s="76"/>
      <c r="Q5147" s="65"/>
      <c r="R5147" s="76"/>
      <c r="S5147" s="76"/>
      <c r="T5147" s="76"/>
      <c r="U5147" s="76"/>
      <c r="V5147" s="76"/>
      <c r="W5147" s="76"/>
      <c r="X5147" s="76"/>
      <c r="Y5147" s="76"/>
      <c r="Z5147" s="76"/>
      <c r="AA5147" s="85"/>
      <c r="AB5147" s="85"/>
      <c r="AC5147" s="85"/>
      <c r="AD5147" s="85"/>
      <c r="AE5147" s="85"/>
      <c r="AF5147" s="85"/>
      <c r="AG5147" s="86"/>
      <c r="AH5147" s="85"/>
      <c r="AI5147" s="85"/>
      <c r="AJ5147" s="85"/>
      <c r="AK5147" s="85"/>
      <c r="AL5147" s="85"/>
      <c r="AM5147" s="92"/>
      <c r="AN5147" s="92"/>
      <c r="AO5147" s="92"/>
      <c r="AP5147" s="92"/>
      <c r="AQ5147" s="92"/>
      <c r="AR5147" s="92"/>
      <c r="AS5147" s="92"/>
      <c r="AT5147" s="92"/>
      <c r="AU5147" s="92"/>
      <c r="AV5147" s="92"/>
      <c r="AW5147" s="92"/>
      <c r="AX5147" s="92"/>
      <c r="AY5147" s="92"/>
      <c r="AZ5147" s="93"/>
      <c r="BA5147" s="93"/>
      <c r="BB5147" s="93"/>
      <c r="BC5147" s="93"/>
      <c r="BD5147" s="93"/>
      <c r="BE5147" s="93"/>
      <c r="BF5147" s="93"/>
      <c r="BG5147" s="93"/>
      <c r="BH5147" s="93"/>
      <c r="BI5147" s="93"/>
      <c r="BJ5147" s="93"/>
      <c r="BK5147" s="93"/>
      <c r="BL5147" s="93"/>
    </row>
    <row r="5148" spans="2:64" x14ac:dyDescent="0.2">
      <c r="B5148" s="43"/>
      <c r="C5148" s="73"/>
      <c r="D5148" s="64"/>
      <c r="E5148" s="55"/>
      <c r="F5148" s="74"/>
      <c r="G5148" s="74"/>
      <c r="H5148" s="74"/>
      <c r="I5148" s="75"/>
      <c r="J5148" s="74"/>
      <c r="L5148" s="55"/>
      <c r="M5148" s="234"/>
      <c r="N5148" s="65"/>
      <c r="O5148" s="76"/>
      <c r="P5148" s="76"/>
      <c r="Q5148" s="65"/>
      <c r="R5148" s="76"/>
      <c r="S5148" s="76"/>
      <c r="T5148" s="76"/>
      <c r="U5148" s="76"/>
      <c r="V5148" s="76"/>
      <c r="W5148" s="76"/>
      <c r="X5148" s="76"/>
      <c r="Y5148" s="76"/>
      <c r="Z5148" s="76"/>
      <c r="AA5148" s="85"/>
      <c r="AB5148" s="85"/>
      <c r="AC5148" s="85"/>
      <c r="AD5148" s="85"/>
      <c r="AE5148" s="85"/>
      <c r="AF5148" s="85"/>
      <c r="AG5148" s="86"/>
      <c r="AH5148" s="85"/>
      <c r="AI5148" s="85"/>
      <c r="AJ5148" s="85"/>
      <c r="AK5148" s="85"/>
      <c r="AL5148" s="85"/>
      <c r="AM5148" s="92"/>
      <c r="AN5148" s="92"/>
      <c r="AO5148" s="92"/>
      <c r="AP5148" s="92"/>
      <c r="AQ5148" s="92"/>
      <c r="AR5148" s="92"/>
      <c r="AS5148" s="92"/>
      <c r="AT5148" s="92"/>
      <c r="AU5148" s="92"/>
      <c r="AV5148" s="92"/>
      <c r="AW5148" s="92"/>
      <c r="AX5148" s="92"/>
      <c r="AY5148" s="92"/>
      <c r="AZ5148" s="93"/>
      <c r="BA5148" s="93"/>
      <c r="BB5148" s="93"/>
      <c r="BC5148" s="93"/>
      <c r="BD5148" s="93"/>
      <c r="BE5148" s="93"/>
      <c r="BF5148" s="93"/>
      <c r="BG5148" s="93"/>
      <c r="BH5148" s="93"/>
      <c r="BI5148" s="93"/>
      <c r="BJ5148" s="93"/>
      <c r="BK5148" s="93"/>
      <c r="BL5148" s="93"/>
    </row>
    <row r="5149" spans="2:64" x14ac:dyDescent="0.2">
      <c r="B5149" s="43"/>
      <c r="C5149" s="73"/>
      <c r="D5149" s="64"/>
      <c r="E5149" s="55"/>
      <c r="F5149" s="74"/>
      <c r="G5149" s="74"/>
      <c r="H5149" s="74"/>
      <c r="I5149" s="75"/>
      <c r="J5149" s="74"/>
      <c r="L5149" s="55"/>
      <c r="M5149" s="234"/>
      <c r="N5149" s="65"/>
      <c r="O5149" s="76"/>
      <c r="P5149" s="76"/>
      <c r="Q5149" s="65"/>
      <c r="R5149" s="76"/>
      <c r="S5149" s="76"/>
      <c r="T5149" s="76"/>
      <c r="U5149" s="76"/>
      <c r="V5149" s="76"/>
      <c r="W5149" s="76"/>
      <c r="X5149" s="76"/>
      <c r="Y5149" s="76"/>
      <c r="Z5149" s="76"/>
      <c r="AA5149" s="85"/>
      <c r="AB5149" s="85"/>
      <c r="AC5149" s="85"/>
      <c r="AD5149" s="85"/>
      <c r="AE5149" s="85"/>
      <c r="AF5149" s="85"/>
      <c r="AG5149" s="86"/>
      <c r="AH5149" s="85"/>
      <c r="AI5149" s="85"/>
      <c r="AJ5149" s="85"/>
      <c r="AK5149" s="85"/>
      <c r="AL5149" s="85"/>
      <c r="AM5149" s="92"/>
      <c r="AN5149" s="92"/>
      <c r="AO5149" s="92"/>
      <c r="AP5149" s="92"/>
      <c r="AQ5149" s="92"/>
      <c r="AR5149" s="92"/>
      <c r="AS5149" s="92"/>
      <c r="AT5149" s="92"/>
      <c r="AU5149" s="92"/>
      <c r="AV5149" s="92"/>
      <c r="AW5149" s="92"/>
      <c r="AX5149" s="92"/>
      <c r="AY5149" s="92"/>
      <c r="AZ5149" s="93"/>
      <c r="BA5149" s="93"/>
      <c r="BB5149" s="93"/>
      <c r="BC5149" s="93"/>
      <c r="BD5149" s="93"/>
      <c r="BE5149" s="93"/>
      <c r="BF5149" s="93"/>
      <c r="BG5149" s="93"/>
      <c r="BH5149" s="93"/>
      <c r="BI5149" s="93"/>
      <c r="BJ5149" s="93"/>
      <c r="BK5149" s="93"/>
      <c r="BL5149" s="93"/>
    </row>
    <row r="5150" spans="2:64" x14ac:dyDescent="0.2">
      <c r="B5150" s="43"/>
      <c r="C5150" s="73"/>
      <c r="D5150" s="64"/>
      <c r="E5150" s="55"/>
      <c r="F5150" s="74"/>
      <c r="G5150" s="74"/>
      <c r="H5150" s="74"/>
      <c r="I5150" s="75"/>
      <c r="J5150" s="74"/>
      <c r="L5150" s="55"/>
      <c r="M5150" s="234"/>
      <c r="N5150" s="65"/>
      <c r="O5150" s="76"/>
      <c r="P5150" s="76"/>
      <c r="Q5150" s="65"/>
      <c r="R5150" s="76"/>
      <c r="S5150" s="76"/>
      <c r="T5150" s="76"/>
      <c r="U5150" s="76"/>
      <c r="V5150" s="76"/>
      <c r="W5150" s="76"/>
      <c r="X5150" s="76"/>
      <c r="Y5150" s="76"/>
      <c r="Z5150" s="76"/>
      <c r="AA5150" s="85"/>
      <c r="AB5150" s="85"/>
      <c r="AC5150" s="85"/>
      <c r="AD5150" s="85"/>
      <c r="AE5150" s="85"/>
      <c r="AF5150" s="85"/>
      <c r="AG5150" s="86"/>
      <c r="AH5150" s="85"/>
      <c r="AI5150" s="85"/>
      <c r="AJ5150" s="85"/>
      <c r="AK5150" s="85"/>
      <c r="AL5150" s="85"/>
      <c r="AM5150" s="92"/>
      <c r="AN5150" s="92"/>
      <c r="AO5150" s="92"/>
      <c r="AP5150" s="92"/>
      <c r="AQ5150" s="92"/>
      <c r="AR5150" s="92"/>
      <c r="AS5150" s="92"/>
      <c r="AT5150" s="92"/>
      <c r="AU5150" s="92"/>
      <c r="AV5150" s="92"/>
      <c r="AW5150" s="92"/>
      <c r="AX5150" s="92"/>
      <c r="AY5150" s="92"/>
      <c r="AZ5150" s="93"/>
      <c r="BA5150" s="93"/>
      <c r="BB5150" s="93"/>
      <c r="BC5150" s="93"/>
      <c r="BD5150" s="93"/>
      <c r="BE5150" s="93"/>
      <c r="BF5150" s="93"/>
      <c r="BG5150" s="93"/>
      <c r="BH5150" s="93"/>
      <c r="BI5150" s="93"/>
      <c r="BJ5150" s="93"/>
      <c r="BK5150" s="93"/>
      <c r="BL5150" s="93"/>
    </row>
    <row r="5151" spans="2:64" x14ac:dyDescent="0.2">
      <c r="B5151" s="43"/>
      <c r="C5151" s="73"/>
      <c r="D5151" s="64"/>
      <c r="E5151" s="55"/>
      <c r="F5151" s="74"/>
      <c r="G5151" s="74"/>
      <c r="H5151" s="74"/>
      <c r="I5151" s="75"/>
      <c r="J5151" s="74"/>
      <c r="L5151" s="55"/>
      <c r="M5151" s="234"/>
      <c r="N5151" s="65"/>
      <c r="O5151" s="76"/>
      <c r="P5151" s="76"/>
      <c r="Q5151" s="65"/>
      <c r="R5151" s="76"/>
      <c r="S5151" s="76"/>
      <c r="T5151" s="76"/>
      <c r="U5151" s="76"/>
      <c r="V5151" s="76"/>
      <c r="W5151" s="76"/>
      <c r="X5151" s="76"/>
      <c r="Y5151" s="76"/>
      <c r="Z5151" s="76"/>
      <c r="AA5151" s="85"/>
      <c r="AB5151" s="85"/>
      <c r="AC5151" s="85"/>
      <c r="AD5151" s="85"/>
      <c r="AE5151" s="85"/>
      <c r="AF5151" s="85"/>
      <c r="AG5151" s="86"/>
      <c r="AH5151" s="85"/>
      <c r="AI5151" s="85"/>
      <c r="AJ5151" s="85"/>
      <c r="AK5151" s="85"/>
      <c r="AL5151" s="85"/>
      <c r="AM5151" s="92"/>
      <c r="AN5151" s="92"/>
      <c r="AO5151" s="92"/>
      <c r="AP5151" s="92"/>
      <c r="AQ5151" s="92"/>
      <c r="AR5151" s="92"/>
      <c r="AS5151" s="92"/>
      <c r="AT5151" s="92"/>
      <c r="AU5151" s="92"/>
      <c r="AV5151" s="92"/>
      <c r="AW5151" s="92"/>
      <c r="AX5151" s="92"/>
      <c r="AY5151" s="92"/>
      <c r="AZ5151" s="93"/>
      <c r="BA5151" s="93"/>
      <c r="BB5151" s="93"/>
      <c r="BC5151" s="93"/>
      <c r="BD5151" s="93"/>
      <c r="BE5151" s="93"/>
      <c r="BF5151" s="93"/>
      <c r="BG5151" s="93"/>
      <c r="BH5151" s="93"/>
      <c r="BI5151" s="93"/>
      <c r="BJ5151" s="93"/>
      <c r="BK5151" s="93"/>
      <c r="BL5151" s="93"/>
    </row>
    <row r="5152" spans="2:64" x14ac:dyDescent="0.2">
      <c r="B5152" s="43"/>
      <c r="C5152" s="73"/>
      <c r="D5152" s="64"/>
      <c r="E5152" s="55"/>
      <c r="F5152" s="74"/>
      <c r="G5152" s="74"/>
      <c r="H5152" s="74"/>
      <c r="I5152" s="75"/>
      <c r="J5152" s="74"/>
      <c r="L5152" s="55"/>
      <c r="M5152" s="234"/>
      <c r="N5152" s="65"/>
      <c r="O5152" s="76"/>
      <c r="P5152" s="76"/>
      <c r="Q5152" s="65"/>
      <c r="R5152" s="76"/>
      <c r="S5152" s="76"/>
      <c r="T5152" s="76"/>
      <c r="U5152" s="76"/>
      <c r="V5152" s="76"/>
      <c r="W5152" s="76"/>
      <c r="X5152" s="76"/>
      <c r="Y5152" s="76"/>
      <c r="Z5152" s="76"/>
      <c r="AA5152" s="85"/>
      <c r="AB5152" s="85"/>
      <c r="AC5152" s="85"/>
      <c r="AD5152" s="85"/>
      <c r="AE5152" s="85"/>
      <c r="AF5152" s="85"/>
      <c r="AG5152" s="86"/>
      <c r="AH5152" s="85"/>
      <c r="AI5152" s="85"/>
      <c r="AJ5152" s="85"/>
      <c r="AK5152" s="85"/>
      <c r="AL5152" s="85"/>
      <c r="AM5152" s="92"/>
      <c r="AN5152" s="92"/>
      <c r="AO5152" s="92"/>
      <c r="AP5152" s="92"/>
      <c r="AQ5152" s="92"/>
      <c r="AR5152" s="92"/>
      <c r="AS5152" s="92"/>
      <c r="AT5152" s="92"/>
      <c r="AU5152" s="92"/>
      <c r="AV5152" s="92"/>
      <c r="AW5152" s="92"/>
      <c r="AX5152" s="92"/>
      <c r="AY5152" s="92"/>
      <c r="AZ5152" s="93"/>
      <c r="BA5152" s="93"/>
      <c r="BB5152" s="93"/>
      <c r="BC5152" s="93"/>
      <c r="BD5152" s="93"/>
      <c r="BE5152" s="93"/>
      <c r="BF5152" s="93"/>
      <c r="BG5152" s="93"/>
      <c r="BH5152" s="93"/>
      <c r="BI5152" s="93"/>
      <c r="BJ5152" s="93"/>
      <c r="BK5152" s="93"/>
      <c r="BL5152" s="93"/>
    </row>
    <row r="5153" spans="2:64" x14ac:dyDescent="0.2">
      <c r="B5153" s="43"/>
      <c r="C5153" s="73"/>
      <c r="D5153" s="64"/>
      <c r="E5153" s="55"/>
      <c r="F5153" s="74"/>
      <c r="G5153" s="74"/>
      <c r="H5153" s="74"/>
      <c r="I5153" s="75"/>
      <c r="J5153" s="74"/>
      <c r="L5153" s="55"/>
      <c r="M5153" s="234"/>
      <c r="N5153" s="65"/>
      <c r="O5153" s="76"/>
      <c r="P5153" s="76"/>
      <c r="Q5153" s="65"/>
      <c r="R5153" s="76"/>
      <c r="S5153" s="76"/>
      <c r="T5153" s="76"/>
      <c r="U5153" s="76"/>
      <c r="V5153" s="76"/>
      <c r="W5153" s="76"/>
      <c r="X5153" s="76"/>
      <c r="Y5153" s="76"/>
      <c r="Z5153" s="76"/>
      <c r="AA5153" s="85"/>
      <c r="AB5153" s="85"/>
      <c r="AC5153" s="85"/>
      <c r="AD5153" s="85"/>
      <c r="AE5153" s="85"/>
      <c r="AF5153" s="85"/>
      <c r="AG5153" s="86"/>
      <c r="AH5153" s="85"/>
      <c r="AI5153" s="85"/>
      <c r="AJ5153" s="85"/>
      <c r="AK5153" s="85"/>
      <c r="AL5153" s="85"/>
      <c r="AM5153" s="92"/>
      <c r="AN5153" s="92"/>
      <c r="AO5153" s="92"/>
      <c r="AP5153" s="92"/>
      <c r="AQ5153" s="92"/>
      <c r="AR5153" s="92"/>
      <c r="AS5153" s="92"/>
      <c r="AT5153" s="92"/>
      <c r="AU5153" s="92"/>
      <c r="AV5153" s="92"/>
      <c r="AW5153" s="92"/>
      <c r="AX5153" s="92"/>
      <c r="AY5153" s="92"/>
      <c r="AZ5153" s="93"/>
      <c r="BA5153" s="93"/>
      <c r="BB5153" s="93"/>
      <c r="BC5153" s="93"/>
      <c r="BD5153" s="93"/>
      <c r="BE5153" s="93"/>
      <c r="BF5153" s="93"/>
      <c r="BG5153" s="93"/>
      <c r="BH5153" s="93"/>
      <c r="BI5153" s="93"/>
      <c r="BJ5153" s="93"/>
      <c r="BK5153" s="93"/>
      <c r="BL5153" s="93"/>
    </row>
    <row r="5154" spans="2:64" x14ac:dyDescent="0.2">
      <c r="B5154" s="43"/>
      <c r="C5154" s="73"/>
      <c r="D5154" s="64"/>
      <c r="E5154" s="55"/>
      <c r="F5154" s="74"/>
      <c r="G5154" s="74"/>
      <c r="H5154" s="74"/>
      <c r="I5154" s="75"/>
      <c r="J5154" s="74"/>
      <c r="L5154" s="55"/>
      <c r="M5154" s="234"/>
      <c r="N5154" s="65"/>
      <c r="O5154" s="76"/>
      <c r="P5154" s="76"/>
      <c r="Q5154" s="65"/>
      <c r="R5154" s="76"/>
      <c r="S5154" s="76"/>
      <c r="T5154" s="76"/>
      <c r="U5154" s="76"/>
      <c r="V5154" s="76"/>
      <c r="W5154" s="76"/>
      <c r="X5154" s="76"/>
      <c r="Y5154" s="76"/>
      <c r="Z5154" s="76"/>
      <c r="AA5154" s="85"/>
      <c r="AB5154" s="85"/>
      <c r="AC5154" s="85"/>
      <c r="AD5154" s="85"/>
      <c r="AE5154" s="85"/>
      <c r="AF5154" s="85"/>
      <c r="AG5154" s="86"/>
      <c r="AH5154" s="85"/>
      <c r="AI5154" s="85"/>
      <c r="AJ5154" s="85"/>
      <c r="AK5154" s="85"/>
      <c r="AL5154" s="85"/>
      <c r="AM5154" s="92"/>
      <c r="AN5154" s="92"/>
      <c r="AO5154" s="92"/>
      <c r="AP5154" s="92"/>
      <c r="AQ5154" s="92"/>
      <c r="AR5154" s="92"/>
      <c r="AS5154" s="92"/>
      <c r="AT5154" s="92"/>
      <c r="AU5154" s="92"/>
      <c r="AV5154" s="92"/>
      <c r="AW5154" s="92"/>
      <c r="AX5154" s="92"/>
      <c r="AY5154" s="92"/>
      <c r="AZ5154" s="93"/>
      <c r="BA5154" s="93"/>
      <c r="BB5154" s="93"/>
      <c r="BC5154" s="93"/>
      <c r="BD5154" s="93"/>
      <c r="BE5154" s="93"/>
      <c r="BF5154" s="93"/>
      <c r="BG5154" s="93"/>
      <c r="BH5154" s="93"/>
      <c r="BI5154" s="93"/>
      <c r="BJ5154" s="93"/>
      <c r="BK5154" s="93"/>
      <c r="BL5154" s="93"/>
    </row>
    <row r="5155" spans="2:64" x14ac:dyDescent="0.2">
      <c r="B5155" s="43"/>
      <c r="C5155" s="73"/>
      <c r="D5155" s="64"/>
      <c r="E5155" s="55"/>
      <c r="F5155" s="74"/>
      <c r="G5155" s="74"/>
      <c r="H5155" s="74"/>
      <c r="I5155" s="75"/>
      <c r="J5155" s="74"/>
      <c r="L5155" s="55"/>
      <c r="M5155" s="234"/>
      <c r="N5155" s="65"/>
      <c r="O5155" s="76"/>
      <c r="P5155" s="76"/>
      <c r="Q5155" s="65"/>
      <c r="R5155" s="76"/>
      <c r="S5155" s="76"/>
      <c r="T5155" s="76"/>
      <c r="U5155" s="76"/>
      <c r="V5155" s="76"/>
      <c r="W5155" s="76"/>
      <c r="X5155" s="76"/>
      <c r="Y5155" s="76"/>
      <c r="Z5155" s="76"/>
      <c r="AA5155" s="85"/>
      <c r="AB5155" s="85"/>
      <c r="AC5155" s="85"/>
      <c r="AD5155" s="85"/>
      <c r="AE5155" s="85"/>
      <c r="AF5155" s="85"/>
      <c r="AG5155" s="86"/>
      <c r="AH5155" s="85"/>
      <c r="AI5155" s="85"/>
      <c r="AJ5155" s="85"/>
      <c r="AK5155" s="85"/>
      <c r="AL5155" s="85"/>
      <c r="AM5155" s="92"/>
      <c r="AN5155" s="92"/>
      <c r="AO5155" s="92"/>
      <c r="AP5155" s="92"/>
      <c r="AQ5155" s="92"/>
      <c r="AR5155" s="92"/>
      <c r="AS5155" s="92"/>
      <c r="AT5155" s="92"/>
      <c r="AU5155" s="92"/>
      <c r="AV5155" s="92"/>
      <c r="AW5155" s="92"/>
      <c r="AX5155" s="92"/>
      <c r="AY5155" s="92"/>
      <c r="AZ5155" s="93"/>
      <c r="BA5155" s="93"/>
      <c r="BB5155" s="93"/>
      <c r="BC5155" s="93"/>
      <c r="BD5155" s="93"/>
      <c r="BE5155" s="93"/>
      <c r="BF5155" s="93"/>
      <c r="BG5155" s="93"/>
      <c r="BH5155" s="93"/>
      <c r="BI5155" s="93"/>
      <c r="BJ5155" s="93"/>
      <c r="BK5155" s="93"/>
      <c r="BL5155" s="93"/>
    </row>
    <row r="5156" spans="2:64" x14ac:dyDescent="0.2">
      <c r="B5156" s="43"/>
      <c r="C5156" s="73"/>
      <c r="D5156" s="64"/>
      <c r="E5156" s="55"/>
      <c r="F5156" s="74"/>
      <c r="G5156" s="74"/>
      <c r="H5156" s="74"/>
      <c r="I5156" s="75"/>
      <c r="J5156" s="74"/>
      <c r="L5156" s="55"/>
      <c r="M5156" s="234"/>
      <c r="N5156" s="65"/>
      <c r="O5156" s="76"/>
      <c r="P5156" s="76"/>
      <c r="Q5156" s="65"/>
      <c r="R5156" s="76"/>
      <c r="S5156" s="76"/>
      <c r="T5156" s="76"/>
      <c r="U5156" s="76"/>
      <c r="V5156" s="76"/>
      <c r="W5156" s="76"/>
      <c r="X5156" s="76"/>
      <c r="Y5156" s="76"/>
      <c r="Z5156" s="76"/>
      <c r="AA5156" s="85"/>
      <c r="AB5156" s="85"/>
      <c r="AC5156" s="85"/>
      <c r="AD5156" s="85"/>
      <c r="AE5156" s="85"/>
      <c r="AF5156" s="85"/>
      <c r="AG5156" s="86"/>
      <c r="AH5156" s="85"/>
      <c r="AI5156" s="85"/>
      <c r="AJ5156" s="85"/>
      <c r="AK5156" s="85"/>
      <c r="AL5156" s="85"/>
      <c r="AM5156" s="92"/>
      <c r="AN5156" s="92"/>
      <c r="AO5156" s="92"/>
      <c r="AP5156" s="92"/>
      <c r="AQ5156" s="92"/>
      <c r="AR5156" s="92"/>
      <c r="AS5156" s="92"/>
      <c r="AT5156" s="92"/>
      <c r="AU5156" s="92"/>
      <c r="AV5156" s="92"/>
      <c r="AW5156" s="92"/>
      <c r="AX5156" s="92"/>
      <c r="AY5156" s="92"/>
      <c r="AZ5156" s="93"/>
      <c r="BA5156" s="93"/>
      <c r="BB5156" s="93"/>
      <c r="BC5156" s="93"/>
      <c r="BD5156" s="93"/>
      <c r="BE5156" s="93"/>
      <c r="BF5156" s="93"/>
      <c r="BG5156" s="93"/>
      <c r="BH5156" s="93"/>
      <c r="BI5156" s="93"/>
      <c r="BJ5156" s="93"/>
      <c r="BK5156" s="93"/>
      <c r="BL5156" s="93"/>
    </row>
    <row r="5157" spans="2:64" x14ac:dyDescent="0.2">
      <c r="B5157" s="43"/>
      <c r="C5157" s="73"/>
      <c r="D5157" s="64"/>
      <c r="E5157" s="55"/>
      <c r="F5157" s="74"/>
      <c r="G5157" s="74"/>
      <c r="H5157" s="74"/>
      <c r="I5157" s="75"/>
      <c r="J5157" s="74"/>
      <c r="L5157" s="55"/>
      <c r="M5157" s="234"/>
      <c r="N5157" s="65"/>
      <c r="O5157" s="76"/>
      <c r="P5157" s="76"/>
      <c r="Q5157" s="65"/>
      <c r="R5157" s="76"/>
      <c r="S5157" s="76"/>
      <c r="T5157" s="76"/>
      <c r="U5157" s="76"/>
      <c r="V5157" s="76"/>
      <c r="W5157" s="76"/>
      <c r="X5157" s="76"/>
      <c r="Y5157" s="76"/>
      <c r="Z5157" s="76"/>
      <c r="AA5157" s="85"/>
      <c r="AB5157" s="85"/>
      <c r="AC5157" s="85"/>
      <c r="AD5157" s="85"/>
      <c r="AE5157" s="85"/>
      <c r="AF5157" s="85"/>
      <c r="AG5157" s="86"/>
      <c r="AH5157" s="85"/>
      <c r="AI5157" s="85"/>
      <c r="AJ5157" s="85"/>
      <c r="AK5157" s="85"/>
      <c r="AL5157" s="85"/>
      <c r="AM5157" s="92"/>
      <c r="AN5157" s="92"/>
      <c r="AO5157" s="92"/>
      <c r="AP5157" s="92"/>
      <c r="AQ5157" s="92"/>
      <c r="AR5157" s="92"/>
      <c r="AS5157" s="92"/>
      <c r="AT5157" s="92"/>
      <c r="AU5157" s="92"/>
      <c r="AV5157" s="92"/>
      <c r="AW5157" s="92"/>
      <c r="AX5157" s="92"/>
      <c r="AY5157" s="92"/>
      <c r="AZ5157" s="93"/>
      <c r="BA5157" s="93"/>
      <c r="BB5157" s="93"/>
      <c r="BC5157" s="93"/>
      <c r="BD5157" s="93"/>
      <c r="BE5157" s="93"/>
      <c r="BF5157" s="93"/>
      <c r="BG5157" s="93"/>
      <c r="BH5157" s="93"/>
      <c r="BI5157" s="93"/>
      <c r="BJ5157" s="93"/>
      <c r="BK5157" s="93"/>
      <c r="BL5157" s="93"/>
    </row>
    <row r="5158" spans="2:64" x14ac:dyDescent="0.2">
      <c r="B5158" s="43"/>
      <c r="C5158" s="73"/>
      <c r="D5158" s="64"/>
      <c r="E5158" s="55"/>
      <c r="F5158" s="74"/>
      <c r="G5158" s="74"/>
      <c r="H5158" s="74"/>
      <c r="I5158" s="75"/>
      <c r="J5158" s="74"/>
      <c r="L5158" s="55"/>
      <c r="M5158" s="234"/>
      <c r="N5158" s="65"/>
      <c r="O5158" s="76"/>
      <c r="P5158" s="76"/>
      <c r="Q5158" s="65"/>
      <c r="R5158" s="76"/>
      <c r="S5158" s="76"/>
      <c r="T5158" s="76"/>
      <c r="U5158" s="76"/>
      <c r="V5158" s="76"/>
      <c r="W5158" s="76"/>
      <c r="X5158" s="76"/>
      <c r="Y5158" s="76"/>
      <c r="Z5158" s="76"/>
      <c r="AA5158" s="85"/>
      <c r="AB5158" s="85"/>
      <c r="AC5158" s="85"/>
      <c r="AD5158" s="85"/>
      <c r="AE5158" s="85"/>
      <c r="AF5158" s="85"/>
      <c r="AG5158" s="86"/>
      <c r="AH5158" s="85"/>
      <c r="AI5158" s="85"/>
      <c r="AJ5158" s="85"/>
      <c r="AK5158" s="85"/>
      <c r="AL5158" s="85"/>
      <c r="AM5158" s="92"/>
      <c r="AN5158" s="92"/>
      <c r="AO5158" s="92"/>
      <c r="AP5158" s="92"/>
      <c r="AQ5158" s="92"/>
      <c r="AR5158" s="92"/>
      <c r="AS5158" s="92"/>
      <c r="AT5158" s="92"/>
      <c r="AU5158" s="92"/>
      <c r="AV5158" s="92"/>
      <c r="AW5158" s="92"/>
      <c r="AX5158" s="92"/>
      <c r="AY5158" s="92"/>
      <c r="AZ5158" s="93"/>
      <c r="BA5158" s="93"/>
      <c r="BB5158" s="93"/>
      <c r="BC5158" s="93"/>
      <c r="BD5158" s="93"/>
      <c r="BE5158" s="93"/>
      <c r="BF5158" s="93"/>
      <c r="BG5158" s="93"/>
      <c r="BH5158" s="93"/>
      <c r="BI5158" s="93"/>
      <c r="BJ5158" s="93"/>
      <c r="BK5158" s="93"/>
      <c r="BL5158" s="93"/>
    </row>
    <row r="5159" spans="2:64" x14ac:dyDescent="0.2">
      <c r="B5159" s="43"/>
      <c r="C5159" s="73"/>
      <c r="D5159" s="64"/>
      <c r="E5159" s="55"/>
      <c r="F5159" s="74"/>
      <c r="G5159" s="74"/>
      <c r="H5159" s="74"/>
      <c r="I5159" s="75"/>
      <c r="J5159" s="74"/>
      <c r="L5159" s="55"/>
      <c r="M5159" s="234"/>
      <c r="N5159" s="65"/>
      <c r="O5159" s="76"/>
      <c r="P5159" s="76"/>
      <c r="Q5159" s="65"/>
      <c r="R5159" s="76"/>
      <c r="S5159" s="76"/>
      <c r="T5159" s="76"/>
      <c r="U5159" s="76"/>
      <c r="V5159" s="76"/>
      <c r="W5159" s="76"/>
      <c r="X5159" s="76"/>
      <c r="Y5159" s="76"/>
      <c r="Z5159" s="76"/>
      <c r="AA5159" s="85"/>
      <c r="AB5159" s="85"/>
      <c r="AC5159" s="85"/>
      <c r="AD5159" s="85"/>
      <c r="AE5159" s="85"/>
      <c r="AF5159" s="85"/>
      <c r="AG5159" s="86"/>
      <c r="AH5159" s="85"/>
      <c r="AI5159" s="85"/>
      <c r="AJ5159" s="85"/>
      <c r="AK5159" s="85"/>
      <c r="AL5159" s="85"/>
      <c r="AM5159" s="92"/>
      <c r="AN5159" s="92"/>
      <c r="AO5159" s="92"/>
      <c r="AP5159" s="92"/>
      <c r="AQ5159" s="92"/>
      <c r="AR5159" s="92"/>
      <c r="AS5159" s="92"/>
      <c r="AT5159" s="92"/>
      <c r="AU5159" s="92"/>
      <c r="AV5159" s="92"/>
      <c r="AW5159" s="92"/>
      <c r="AX5159" s="92"/>
      <c r="AY5159" s="92"/>
      <c r="AZ5159" s="93"/>
      <c r="BA5159" s="93"/>
      <c r="BB5159" s="93"/>
      <c r="BC5159" s="93"/>
      <c r="BD5159" s="93"/>
      <c r="BE5159" s="93"/>
      <c r="BF5159" s="93"/>
      <c r="BG5159" s="93"/>
      <c r="BH5159" s="93"/>
      <c r="BI5159" s="93"/>
      <c r="BJ5159" s="93"/>
      <c r="BK5159" s="93"/>
      <c r="BL5159" s="93"/>
    </row>
    <row r="5160" spans="2:64" x14ac:dyDescent="0.2">
      <c r="B5160" s="43"/>
      <c r="C5160" s="73"/>
      <c r="D5160" s="64"/>
      <c r="E5160" s="55"/>
      <c r="F5160" s="74"/>
      <c r="G5160" s="74"/>
      <c r="H5160" s="74"/>
      <c r="I5160" s="75"/>
      <c r="J5160" s="74"/>
      <c r="L5160" s="55"/>
      <c r="M5160" s="234"/>
      <c r="N5160" s="65"/>
      <c r="O5160" s="76"/>
      <c r="P5160" s="76"/>
      <c r="Q5160" s="65"/>
      <c r="R5160" s="76"/>
      <c r="S5160" s="76"/>
      <c r="T5160" s="76"/>
      <c r="U5160" s="76"/>
      <c r="V5160" s="76"/>
      <c r="W5160" s="76"/>
      <c r="X5160" s="76"/>
      <c r="Y5160" s="76"/>
      <c r="Z5160" s="76"/>
      <c r="AA5160" s="85"/>
      <c r="AB5160" s="85"/>
      <c r="AC5160" s="85"/>
      <c r="AD5160" s="85"/>
      <c r="AE5160" s="85"/>
      <c r="AF5160" s="85"/>
      <c r="AG5160" s="86"/>
      <c r="AH5160" s="85"/>
      <c r="AI5160" s="85"/>
      <c r="AJ5160" s="85"/>
      <c r="AK5160" s="85"/>
      <c r="AL5160" s="85"/>
      <c r="AM5160" s="92"/>
      <c r="AN5160" s="92"/>
      <c r="AO5160" s="92"/>
      <c r="AP5160" s="92"/>
      <c r="AQ5160" s="92"/>
      <c r="AR5160" s="92"/>
      <c r="AS5160" s="92"/>
      <c r="AT5160" s="92"/>
      <c r="AU5160" s="92"/>
      <c r="AV5160" s="92"/>
      <c r="AW5160" s="92"/>
      <c r="AX5160" s="92"/>
      <c r="AY5160" s="92"/>
      <c r="AZ5160" s="93"/>
      <c r="BA5160" s="93"/>
      <c r="BB5160" s="93"/>
      <c r="BC5160" s="93"/>
      <c r="BD5160" s="93"/>
      <c r="BE5160" s="93"/>
      <c r="BF5160" s="93"/>
      <c r="BG5160" s="93"/>
      <c r="BH5160" s="93"/>
      <c r="BI5160" s="93"/>
      <c r="BJ5160" s="93"/>
      <c r="BK5160" s="93"/>
      <c r="BL5160" s="93"/>
    </row>
    <row r="5161" spans="2:64" x14ac:dyDescent="0.2">
      <c r="B5161" s="43"/>
      <c r="C5161" s="73"/>
      <c r="D5161" s="64"/>
      <c r="E5161" s="55"/>
      <c r="F5161" s="74"/>
      <c r="G5161" s="74"/>
      <c r="H5161" s="74"/>
      <c r="I5161" s="75"/>
      <c r="J5161" s="74"/>
      <c r="L5161" s="55"/>
      <c r="M5161" s="234"/>
      <c r="N5161" s="65"/>
      <c r="O5161" s="76"/>
      <c r="P5161" s="76"/>
      <c r="Q5161" s="65"/>
      <c r="R5161" s="76"/>
      <c r="S5161" s="76"/>
      <c r="T5161" s="76"/>
      <c r="U5161" s="76"/>
      <c r="V5161" s="76"/>
      <c r="W5161" s="76"/>
      <c r="X5161" s="76"/>
      <c r="Y5161" s="76"/>
      <c r="Z5161" s="76"/>
      <c r="AA5161" s="85"/>
      <c r="AB5161" s="85"/>
      <c r="AC5161" s="85"/>
      <c r="AD5161" s="85"/>
      <c r="AE5161" s="85"/>
      <c r="AF5161" s="85"/>
      <c r="AG5161" s="86"/>
      <c r="AH5161" s="85"/>
      <c r="AI5161" s="85"/>
      <c r="AJ5161" s="85"/>
      <c r="AK5161" s="85"/>
      <c r="AL5161" s="85"/>
      <c r="AM5161" s="92"/>
      <c r="AN5161" s="92"/>
      <c r="AO5161" s="92"/>
      <c r="AP5161" s="92"/>
      <c r="AQ5161" s="92"/>
      <c r="AR5161" s="92"/>
      <c r="AS5161" s="92"/>
      <c r="AT5161" s="92"/>
      <c r="AU5161" s="92"/>
      <c r="AV5161" s="92"/>
      <c r="AW5161" s="92"/>
      <c r="AX5161" s="92"/>
      <c r="AY5161" s="92"/>
      <c r="AZ5161" s="93"/>
      <c r="BA5161" s="93"/>
      <c r="BB5161" s="93"/>
      <c r="BC5161" s="93"/>
      <c r="BD5161" s="93"/>
      <c r="BE5161" s="93"/>
      <c r="BF5161" s="93"/>
      <c r="BG5161" s="93"/>
      <c r="BH5161" s="93"/>
      <c r="BI5161" s="93"/>
      <c r="BJ5161" s="93"/>
      <c r="BK5161" s="93"/>
      <c r="BL5161" s="93"/>
    </row>
    <row r="5162" spans="2:64" x14ac:dyDescent="0.2">
      <c r="B5162" s="43"/>
      <c r="C5162" s="73"/>
      <c r="D5162" s="64"/>
      <c r="E5162" s="55"/>
      <c r="F5162" s="74"/>
      <c r="G5162" s="74"/>
      <c r="H5162" s="74"/>
      <c r="I5162" s="75"/>
      <c r="J5162" s="74"/>
      <c r="L5162" s="55"/>
      <c r="M5162" s="234"/>
      <c r="N5162" s="65"/>
      <c r="O5162" s="76"/>
      <c r="P5162" s="76"/>
      <c r="Q5162" s="65"/>
      <c r="R5162" s="76"/>
      <c r="S5162" s="76"/>
      <c r="T5162" s="76"/>
      <c r="U5162" s="76"/>
      <c r="V5162" s="76"/>
      <c r="W5162" s="76"/>
      <c r="X5162" s="76"/>
      <c r="Y5162" s="76"/>
      <c r="Z5162" s="76"/>
      <c r="AA5162" s="85"/>
      <c r="AB5162" s="85"/>
      <c r="AC5162" s="85"/>
      <c r="AD5162" s="85"/>
      <c r="AE5162" s="85"/>
      <c r="AF5162" s="85"/>
      <c r="AG5162" s="86"/>
      <c r="AH5162" s="85"/>
      <c r="AI5162" s="85"/>
      <c r="AJ5162" s="85"/>
      <c r="AK5162" s="85"/>
      <c r="AL5162" s="85"/>
      <c r="AM5162" s="92"/>
      <c r="AN5162" s="92"/>
      <c r="AO5162" s="92"/>
      <c r="AP5162" s="92"/>
      <c r="AQ5162" s="92"/>
      <c r="AR5162" s="92"/>
      <c r="AS5162" s="92"/>
      <c r="AT5162" s="92"/>
      <c r="AU5162" s="92"/>
      <c r="AV5162" s="92"/>
      <c r="AW5162" s="92"/>
      <c r="AX5162" s="92"/>
      <c r="AY5162" s="92"/>
      <c r="AZ5162" s="93"/>
      <c r="BA5162" s="93"/>
      <c r="BB5162" s="93"/>
      <c r="BC5162" s="93"/>
      <c r="BD5162" s="93"/>
      <c r="BE5162" s="93"/>
      <c r="BF5162" s="93"/>
      <c r="BG5162" s="93"/>
      <c r="BH5162" s="93"/>
      <c r="BI5162" s="93"/>
      <c r="BJ5162" s="93"/>
      <c r="BK5162" s="93"/>
      <c r="BL5162" s="93"/>
    </row>
    <row r="5163" spans="2:64" x14ac:dyDescent="0.2">
      <c r="B5163" s="43"/>
      <c r="C5163" s="73"/>
      <c r="D5163" s="64"/>
      <c r="E5163" s="55"/>
      <c r="F5163" s="74"/>
      <c r="G5163" s="74"/>
      <c r="H5163" s="74"/>
      <c r="I5163" s="75"/>
      <c r="J5163" s="74"/>
      <c r="L5163" s="55"/>
      <c r="M5163" s="234"/>
      <c r="N5163" s="65"/>
      <c r="O5163" s="76"/>
      <c r="P5163" s="76"/>
      <c r="Q5163" s="65"/>
      <c r="R5163" s="76"/>
      <c r="S5163" s="76"/>
      <c r="T5163" s="76"/>
      <c r="U5163" s="76"/>
      <c r="V5163" s="76"/>
      <c r="W5163" s="76"/>
      <c r="X5163" s="76"/>
      <c r="Y5163" s="76"/>
      <c r="Z5163" s="76"/>
      <c r="AA5163" s="85"/>
      <c r="AB5163" s="85"/>
      <c r="AC5163" s="85"/>
      <c r="AD5163" s="85"/>
      <c r="AE5163" s="85"/>
      <c r="AF5163" s="85"/>
      <c r="AG5163" s="86"/>
      <c r="AH5163" s="85"/>
      <c r="AI5163" s="85"/>
      <c r="AJ5163" s="85"/>
      <c r="AK5163" s="85"/>
      <c r="AL5163" s="85"/>
      <c r="AM5163" s="92"/>
      <c r="AN5163" s="92"/>
      <c r="AO5163" s="92"/>
      <c r="AP5163" s="92"/>
      <c r="AQ5163" s="92"/>
      <c r="AR5163" s="92"/>
      <c r="AS5163" s="92"/>
      <c r="AT5163" s="92"/>
      <c r="AU5163" s="92"/>
      <c r="AV5163" s="92"/>
      <c r="AW5163" s="92"/>
      <c r="AX5163" s="92"/>
      <c r="AY5163" s="92"/>
      <c r="AZ5163" s="93"/>
      <c r="BA5163" s="93"/>
      <c r="BB5163" s="93"/>
      <c r="BC5163" s="93"/>
      <c r="BD5163" s="93"/>
      <c r="BE5163" s="93"/>
      <c r="BF5163" s="93"/>
      <c r="BG5163" s="93"/>
      <c r="BH5163" s="93"/>
      <c r="BI5163" s="93"/>
      <c r="BJ5163" s="93"/>
      <c r="BK5163" s="93"/>
      <c r="BL5163" s="93"/>
    </row>
    <row r="5164" spans="2:64" x14ac:dyDescent="0.2">
      <c r="B5164" s="43"/>
      <c r="C5164" s="73"/>
      <c r="D5164" s="64"/>
      <c r="E5164" s="55"/>
      <c r="F5164" s="74"/>
      <c r="G5164" s="74"/>
      <c r="H5164" s="74"/>
      <c r="I5164" s="75"/>
      <c r="J5164" s="74"/>
      <c r="L5164" s="55"/>
      <c r="M5164" s="234"/>
      <c r="N5164" s="65"/>
      <c r="O5164" s="76"/>
      <c r="P5164" s="76"/>
      <c r="Q5164" s="65"/>
      <c r="R5164" s="76"/>
      <c r="S5164" s="76"/>
      <c r="T5164" s="76"/>
      <c r="U5164" s="76"/>
      <c r="V5164" s="76"/>
      <c r="W5164" s="76"/>
      <c r="X5164" s="76"/>
      <c r="Y5164" s="76"/>
      <c r="Z5164" s="76"/>
      <c r="AA5164" s="85"/>
      <c r="AB5164" s="85"/>
      <c r="AC5164" s="85"/>
      <c r="AD5164" s="85"/>
      <c r="AE5164" s="85"/>
      <c r="AF5164" s="85"/>
      <c r="AG5164" s="86"/>
      <c r="AH5164" s="85"/>
      <c r="AI5164" s="85"/>
      <c r="AJ5164" s="85"/>
      <c r="AK5164" s="85"/>
      <c r="AL5164" s="85"/>
      <c r="AM5164" s="92"/>
      <c r="AN5164" s="92"/>
      <c r="AO5164" s="92"/>
      <c r="AP5164" s="92"/>
      <c r="AQ5164" s="92"/>
      <c r="AR5164" s="92"/>
      <c r="AS5164" s="92"/>
      <c r="AT5164" s="92"/>
      <c r="AU5164" s="92"/>
      <c r="AV5164" s="92"/>
      <c r="AW5164" s="92"/>
      <c r="AX5164" s="92"/>
      <c r="AY5164" s="92"/>
      <c r="AZ5164" s="93"/>
      <c r="BA5164" s="93"/>
      <c r="BB5164" s="93"/>
      <c r="BC5164" s="93"/>
      <c r="BD5164" s="93"/>
      <c r="BE5164" s="93"/>
      <c r="BF5164" s="93"/>
      <c r="BG5164" s="93"/>
      <c r="BH5164" s="93"/>
      <c r="BI5164" s="93"/>
      <c r="BJ5164" s="93"/>
      <c r="BK5164" s="93"/>
      <c r="BL5164" s="93"/>
    </row>
    <row r="5165" spans="2:64" x14ac:dyDescent="0.2">
      <c r="B5165" s="43"/>
      <c r="C5165" s="73"/>
      <c r="D5165" s="64"/>
      <c r="E5165" s="55"/>
      <c r="F5165" s="74"/>
      <c r="G5165" s="74"/>
      <c r="H5165" s="74"/>
      <c r="I5165" s="75"/>
      <c r="J5165" s="74"/>
      <c r="L5165" s="55"/>
      <c r="M5165" s="234"/>
      <c r="N5165" s="65"/>
      <c r="O5165" s="76"/>
      <c r="P5165" s="76"/>
      <c r="Q5165" s="65"/>
      <c r="R5165" s="76"/>
      <c r="S5165" s="76"/>
      <c r="T5165" s="76"/>
      <c r="U5165" s="76"/>
      <c r="V5165" s="76"/>
      <c r="W5165" s="76"/>
      <c r="X5165" s="76"/>
      <c r="Y5165" s="76"/>
      <c r="Z5165" s="76"/>
      <c r="AA5165" s="85"/>
      <c r="AB5165" s="85"/>
      <c r="AC5165" s="85"/>
      <c r="AD5165" s="85"/>
      <c r="AE5165" s="85"/>
      <c r="AF5165" s="85"/>
      <c r="AG5165" s="86"/>
      <c r="AH5165" s="85"/>
      <c r="AI5165" s="85"/>
      <c r="AJ5165" s="85"/>
      <c r="AK5165" s="85"/>
      <c r="AL5165" s="85"/>
      <c r="AM5165" s="92"/>
      <c r="AN5165" s="92"/>
      <c r="AO5165" s="92"/>
      <c r="AP5165" s="92"/>
      <c r="AQ5165" s="92"/>
      <c r="AR5165" s="92"/>
      <c r="AS5165" s="92"/>
      <c r="AT5165" s="92"/>
      <c r="AU5165" s="92"/>
      <c r="AV5165" s="92"/>
      <c r="AW5165" s="92"/>
      <c r="AX5165" s="92"/>
      <c r="AY5165" s="92"/>
      <c r="AZ5165" s="93"/>
      <c r="BA5165" s="93"/>
      <c r="BB5165" s="93"/>
      <c r="BC5165" s="93"/>
      <c r="BD5165" s="93"/>
      <c r="BE5165" s="93"/>
      <c r="BF5165" s="93"/>
      <c r="BG5165" s="93"/>
      <c r="BH5165" s="93"/>
      <c r="BI5165" s="93"/>
      <c r="BJ5165" s="93"/>
      <c r="BK5165" s="93"/>
      <c r="BL5165" s="93"/>
    </row>
    <row r="5166" spans="2:64" x14ac:dyDescent="0.2">
      <c r="B5166" s="43"/>
      <c r="C5166" s="73"/>
      <c r="D5166" s="64"/>
      <c r="E5166" s="55"/>
      <c r="F5166" s="74"/>
      <c r="G5166" s="74"/>
      <c r="H5166" s="74"/>
      <c r="I5166" s="75"/>
      <c r="J5166" s="74"/>
      <c r="L5166" s="55"/>
      <c r="M5166" s="234"/>
      <c r="N5166" s="65"/>
      <c r="O5166" s="76"/>
      <c r="P5166" s="76"/>
      <c r="Q5166" s="65"/>
      <c r="R5166" s="76"/>
      <c r="S5166" s="76"/>
      <c r="T5166" s="76"/>
      <c r="U5166" s="76"/>
      <c r="V5166" s="76"/>
      <c r="W5166" s="76"/>
      <c r="X5166" s="76"/>
      <c r="Y5166" s="76"/>
      <c r="Z5166" s="76"/>
      <c r="AA5166" s="85"/>
      <c r="AB5166" s="85"/>
      <c r="AC5166" s="85"/>
      <c r="AD5166" s="85"/>
      <c r="AE5166" s="85"/>
      <c r="AF5166" s="85"/>
      <c r="AG5166" s="86"/>
      <c r="AH5166" s="85"/>
      <c r="AI5166" s="85"/>
      <c r="AJ5166" s="85"/>
      <c r="AK5166" s="85"/>
      <c r="AL5166" s="85"/>
      <c r="AM5166" s="92"/>
      <c r="AN5166" s="92"/>
      <c r="AO5166" s="92"/>
      <c r="AP5166" s="92"/>
      <c r="AQ5166" s="92"/>
      <c r="AR5166" s="92"/>
      <c r="AS5166" s="92"/>
      <c r="AT5166" s="92"/>
      <c r="AU5166" s="92"/>
      <c r="AV5166" s="92"/>
      <c r="AW5166" s="92"/>
      <c r="AX5166" s="92"/>
      <c r="AY5166" s="92"/>
      <c r="AZ5166" s="93"/>
      <c r="BA5166" s="93"/>
      <c r="BB5166" s="93"/>
      <c r="BC5166" s="93"/>
      <c r="BD5166" s="93"/>
      <c r="BE5166" s="93"/>
      <c r="BF5166" s="93"/>
      <c r="BG5166" s="93"/>
      <c r="BH5166" s="93"/>
      <c r="BI5166" s="93"/>
      <c r="BJ5166" s="93"/>
      <c r="BK5166" s="93"/>
      <c r="BL5166" s="93"/>
    </row>
    <row r="5167" spans="2:64" x14ac:dyDescent="0.2">
      <c r="B5167" s="43"/>
      <c r="C5167" s="73"/>
      <c r="D5167" s="64"/>
      <c r="E5167" s="55"/>
      <c r="F5167" s="74"/>
      <c r="G5167" s="74"/>
      <c r="H5167" s="74"/>
      <c r="I5167" s="75"/>
      <c r="J5167" s="74"/>
      <c r="L5167" s="55"/>
      <c r="M5167" s="234"/>
      <c r="N5167" s="65"/>
      <c r="O5167" s="76"/>
      <c r="P5167" s="76"/>
      <c r="Q5167" s="65"/>
      <c r="R5167" s="76"/>
      <c r="S5167" s="76"/>
      <c r="T5167" s="76"/>
      <c r="U5167" s="76"/>
      <c r="V5167" s="76"/>
      <c r="W5167" s="76"/>
      <c r="X5167" s="76"/>
      <c r="Y5167" s="76"/>
      <c r="Z5167" s="76"/>
      <c r="AA5167" s="85"/>
      <c r="AB5167" s="85"/>
      <c r="AC5167" s="85"/>
      <c r="AD5167" s="85"/>
      <c r="AE5167" s="85"/>
      <c r="AF5167" s="85"/>
      <c r="AG5167" s="86"/>
      <c r="AH5167" s="85"/>
      <c r="AI5167" s="85"/>
      <c r="AJ5167" s="85"/>
      <c r="AK5167" s="85"/>
      <c r="AL5167" s="85"/>
      <c r="AM5167" s="92"/>
      <c r="AN5167" s="92"/>
      <c r="AO5167" s="92"/>
      <c r="AP5167" s="92"/>
      <c r="AQ5167" s="92"/>
      <c r="AR5167" s="92"/>
      <c r="AS5167" s="92"/>
      <c r="AT5167" s="92"/>
      <c r="AU5167" s="92"/>
      <c r="AV5167" s="92"/>
      <c r="AW5167" s="92"/>
      <c r="AX5167" s="92"/>
      <c r="AY5167" s="92"/>
      <c r="AZ5167" s="93"/>
      <c r="BA5167" s="93"/>
      <c r="BB5167" s="93"/>
      <c r="BC5167" s="93"/>
      <c r="BD5167" s="93"/>
      <c r="BE5167" s="93"/>
      <c r="BF5167" s="93"/>
      <c r="BG5167" s="93"/>
      <c r="BH5167" s="93"/>
      <c r="BI5167" s="93"/>
      <c r="BJ5167" s="93"/>
      <c r="BK5167" s="93"/>
      <c r="BL5167" s="93"/>
    </row>
    <row r="5168" spans="2:64" x14ac:dyDescent="0.2">
      <c r="B5168" s="43"/>
      <c r="C5168" s="73"/>
      <c r="D5168" s="64"/>
      <c r="E5168" s="55"/>
      <c r="F5168" s="74"/>
      <c r="G5168" s="74"/>
      <c r="H5168" s="74"/>
      <c r="I5168" s="75"/>
      <c r="J5168" s="74"/>
      <c r="L5168" s="55"/>
      <c r="M5168" s="234"/>
      <c r="N5168" s="65"/>
      <c r="O5168" s="76"/>
      <c r="P5168" s="76"/>
      <c r="Q5168" s="65"/>
      <c r="R5168" s="76"/>
      <c r="S5168" s="76"/>
      <c r="T5168" s="76"/>
      <c r="U5168" s="76"/>
      <c r="V5168" s="76"/>
      <c r="W5168" s="76"/>
      <c r="X5168" s="76"/>
      <c r="Y5168" s="76"/>
      <c r="Z5168" s="76"/>
      <c r="AA5168" s="85"/>
      <c r="AB5168" s="85"/>
      <c r="AC5168" s="85"/>
      <c r="AD5168" s="85"/>
      <c r="AE5168" s="85"/>
      <c r="AF5168" s="85"/>
      <c r="AG5168" s="86"/>
      <c r="AH5168" s="85"/>
      <c r="AI5168" s="85"/>
      <c r="AJ5168" s="85"/>
      <c r="AK5168" s="85"/>
      <c r="AL5168" s="85"/>
      <c r="AM5168" s="92"/>
      <c r="AN5168" s="92"/>
      <c r="AO5168" s="92"/>
      <c r="AP5168" s="92"/>
      <c r="AQ5168" s="92"/>
      <c r="AR5168" s="92"/>
      <c r="AS5168" s="92"/>
      <c r="AT5168" s="92"/>
      <c r="AU5168" s="92"/>
      <c r="AV5168" s="92"/>
      <c r="AW5168" s="92"/>
      <c r="AX5168" s="92"/>
      <c r="AY5168" s="92"/>
      <c r="AZ5168" s="93"/>
      <c r="BA5168" s="93"/>
      <c r="BB5168" s="93"/>
      <c r="BC5168" s="93"/>
      <c r="BD5168" s="93"/>
      <c r="BE5168" s="93"/>
      <c r="BF5168" s="93"/>
      <c r="BG5168" s="93"/>
      <c r="BH5168" s="93"/>
      <c r="BI5168" s="93"/>
      <c r="BJ5168" s="93"/>
      <c r="BK5168" s="93"/>
      <c r="BL5168" s="93"/>
    </row>
    <row r="5169" spans="2:64" x14ac:dyDescent="0.2">
      <c r="B5169" s="43"/>
      <c r="C5169" s="73"/>
      <c r="D5169" s="64"/>
      <c r="E5169" s="55"/>
      <c r="F5169" s="74"/>
      <c r="G5169" s="74"/>
      <c r="H5169" s="74"/>
      <c r="I5169" s="75"/>
      <c r="J5169" s="74"/>
      <c r="L5169" s="55"/>
      <c r="M5169" s="234"/>
      <c r="N5169" s="65"/>
      <c r="O5169" s="76"/>
      <c r="P5169" s="76"/>
      <c r="Q5169" s="65"/>
      <c r="R5169" s="76"/>
      <c r="S5169" s="76"/>
      <c r="T5169" s="76"/>
      <c r="U5169" s="76"/>
      <c r="V5169" s="76"/>
      <c r="W5169" s="76"/>
      <c r="X5169" s="76"/>
      <c r="Y5169" s="76"/>
      <c r="Z5169" s="76"/>
      <c r="AA5169" s="85"/>
      <c r="AB5169" s="85"/>
      <c r="AC5169" s="85"/>
      <c r="AD5169" s="85"/>
      <c r="AE5169" s="85"/>
      <c r="AF5169" s="85"/>
      <c r="AG5169" s="86"/>
      <c r="AH5169" s="85"/>
      <c r="AI5169" s="85"/>
      <c r="AJ5169" s="85"/>
      <c r="AK5169" s="85"/>
      <c r="AL5169" s="85"/>
      <c r="AM5169" s="92"/>
      <c r="AN5169" s="92"/>
      <c r="AO5169" s="92"/>
      <c r="AP5169" s="92"/>
      <c r="AQ5169" s="92"/>
      <c r="AR5169" s="92"/>
      <c r="AS5169" s="92"/>
      <c r="AT5169" s="92"/>
      <c r="AU5169" s="92"/>
      <c r="AV5169" s="92"/>
      <c r="AW5169" s="92"/>
      <c r="AX5169" s="92"/>
      <c r="AY5169" s="92"/>
      <c r="AZ5169" s="93"/>
      <c r="BA5169" s="93"/>
      <c r="BB5169" s="93"/>
      <c r="BC5169" s="93"/>
      <c r="BD5169" s="93"/>
      <c r="BE5169" s="93"/>
      <c r="BF5169" s="93"/>
      <c r="BG5169" s="93"/>
      <c r="BH5169" s="93"/>
      <c r="BI5169" s="93"/>
      <c r="BJ5169" s="93"/>
      <c r="BK5169" s="93"/>
      <c r="BL5169" s="93"/>
    </row>
    <row r="5170" spans="2:64" x14ac:dyDescent="0.2">
      <c r="B5170" s="43"/>
      <c r="C5170" s="73"/>
      <c r="D5170" s="64"/>
      <c r="E5170" s="55"/>
      <c r="F5170" s="74"/>
      <c r="G5170" s="74"/>
      <c r="H5170" s="74"/>
      <c r="I5170" s="75"/>
      <c r="J5170" s="74"/>
      <c r="L5170" s="55"/>
      <c r="M5170" s="234"/>
      <c r="N5170" s="65"/>
      <c r="O5170" s="76"/>
      <c r="P5170" s="76"/>
      <c r="Q5170" s="65"/>
      <c r="R5170" s="76"/>
      <c r="S5170" s="76"/>
      <c r="T5170" s="76"/>
      <c r="U5170" s="76"/>
      <c r="V5170" s="76"/>
      <c r="W5170" s="76"/>
      <c r="X5170" s="76"/>
      <c r="Y5170" s="76"/>
      <c r="Z5170" s="76"/>
      <c r="AA5170" s="85"/>
      <c r="AB5170" s="85"/>
      <c r="AC5170" s="85"/>
      <c r="AD5170" s="85"/>
      <c r="AE5170" s="85"/>
      <c r="AF5170" s="85"/>
      <c r="AG5170" s="86"/>
      <c r="AH5170" s="85"/>
      <c r="AI5170" s="85"/>
      <c r="AJ5170" s="85"/>
      <c r="AK5170" s="85"/>
      <c r="AL5170" s="85"/>
      <c r="AM5170" s="92"/>
      <c r="AN5170" s="92"/>
      <c r="AO5170" s="92"/>
      <c r="AP5170" s="92"/>
      <c r="AQ5170" s="92"/>
      <c r="AR5170" s="92"/>
      <c r="AS5170" s="92"/>
      <c r="AT5170" s="92"/>
      <c r="AU5170" s="92"/>
      <c r="AV5170" s="92"/>
      <c r="AW5170" s="92"/>
      <c r="AX5170" s="92"/>
      <c r="AY5170" s="92"/>
      <c r="AZ5170" s="93"/>
      <c r="BA5170" s="93"/>
      <c r="BB5170" s="93"/>
      <c r="BC5170" s="93"/>
      <c r="BD5170" s="93"/>
      <c r="BE5170" s="93"/>
      <c r="BF5170" s="93"/>
      <c r="BG5170" s="93"/>
      <c r="BH5170" s="93"/>
      <c r="BI5170" s="93"/>
      <c r="BJ5170" s="93"/>
      <c r="BK5170" s="93"/>
      <c r="BL5170" s="93"/>
    </row>
    <row r="5171" spans="2:64" x14ac:dyDescent="0.2">
      <c r="B5171" s="43"/>
      <c r="C5171" s="73"/>
      <c r="D5171" s="64"/>
      <c r="E5171" s="55"/>
      <c r="F5171" s="74"/>
      <c r="G5171" s="74"/>
      <c r="H5171" s="74"/>
      <c r="I5171" s="75"/>
      <c r="J5171" s="74"/>
      <c r="L5171" s="55"/>
      <c r="M5171" s="234"/>
      <c r="N5171" s="65"/>
      <c r="O5171" s="76"/>
      <c r="P5171" s="76"/>
      <c r="Q5171" s="65"/>
      <c r="R5171" s="76"/>
      <c r="S5171" s="76"/>
      <c r="T5171" s="76"/>
      <c r="U5171" s="76"/>
      <c r="V5171" s="76"/>
      <c r="W5171" s="76"/>
      <c r="X5171" s="76"/>
      <c r="Y5171" s="76"/>
      <c r="Z5171" s="76"/>
      <c r="AA5171" s="85"/>
      <c r="AB5171" s="85"/>
      <c r="AC5171" s="85"/>
      <c r="AD5171" s="85"/>
      <c r="AE5171" s="85"/>
      <c r="AF5171" s="85"/>
      <c r="AG5171" s="86"/>
      <c r="AH5171" s="85"/>
      <c r="AI5171" s="85"/>
      <c r="AJ5171" s="85"/>
      <c r="AK5171" s="85"/>
      <c r="AL5171" s="85"/>
      <c r="AM5171" s="92"/>
      <c r="AN5171" s="92"/>
      <c r="AO5171" s="92"/>
      <c r="AP5171" s="92"/>
      <c r="AQ5171" s="92"/>
      <c r="AR5171" s="92"/>
      <c r="AS5171" s="92"/>
      <c r="AT5171" s="92"/>
      <c r="AU5171" s="92"/>
      <c r="AV5171" s="92"/>
      <c r="AW5171" s="92"/>
      <c r="AX5171" s="92"/>
      <c r="AY5171" s="92"/>
      <c r="AZ5171" s="93"/>
      <c r="BA5171" s="93"/>
      <c r="BB5171" s="93"/>
      <c r="BC5171" s="93"/>
      <c r="BD5171" s="93"/>
      <c r="BE5171" s="93"/>
      <c r="BF5171" s="93"/>
      <c r="BG5171" s="93"/>
      <c r="BH5171" s="93"/>
      <c r="BI5171" s="93"/>
      <c r="BJ5171" s="93"/>
      <c r="BK5171" s="93"/>
      <c r="BL5171" s="93"/>
    </row>
    <row r="5172" spans="2:64" x14ac:dyDescent="0.2">
      <c r="B5172" s="43"/>
      <c r="C5172" s="73"/>
      <c r="D5172" s="64"/>
      <c r="E5172" s="55"/>
      <c r="F5172" s="74"/>
      <c r="G5172" s="74"/>
      <c r="H5172" s="74"/>
      <c r="I5172" s="75"/>
      <c r="J5172" s="74"/>
      <c r="L5172" s="55"/>
      <c r="M5172" s="234"/>
      <c r="N5172" s="65"/>
      <c r="O5172" s="76"/>
      <c r="P5172" s="76"/>
      <c r="Q5172" s="65"/>
      <c r="R5172" s="76"/>
      <c r="S5172" s="76"/>
      <c r="T5172" s="76"/>
      <c r="U5172" s="76"/>
      <c r="V5172" s="76"/>
      <c r="W5172" s="76"/>
      <c r="X5172" s="76"/>
      <c r="Y5172" s="76"/>
      <c r="Z5172" s="76"/>
      <c r="AA5172" s="85"/>
      <c r="AB5172" s="85"/>
      <c r="AC5172" s="85"/>
      <c r="AD5172" s="85"/>
      <c r="AE5172" s="85"/>
      <c r="AF5172" s="85"/>
      <c r="AG5172" s="86"/>
      <c r="AH5172" s="85"/>
      <c r="AI5172" s="85"/>
      <c r="AJ5172" s="85"/>
      <c r="AK5172" s="85"/>
      <c r="AL5172" s="85"/>
      <c r="AM5172" s="92"/>
      <c r="AN5172" s="92"/>
      <c r="AO5172" s="92"/>
      <c r="AP5172" s="92"/>
      <c r="AQ5172" s="92"/>
      <c r="AR5172" s="92"/>
      <c r="AS5172" s="92"/>
      <c r="AT5172" s="92"/>
      <c r="AU5172" s="92"/>
      <c r="AV5172" s="92"/>
      <c r="AW5172" s="92"/>
      <c r="AX5172" s="92"/>
      <c r="AY5172" s="92"/>
      <c r="AZ5172" s="93"/>
      <c r="BA5172" s="93"/>
      <c r="BB5172" s="93"/>
      <c r="BC5172" s="93"/>
      <c r="BD5172" s="93"/>
      <c r="BE5172" s="93"/>
      <c r="BF5172" s="93"/>
      <c r="BG5172" s="93"/>
      <c r="BH5172" s="93"/>
      <c r="BI5172" s="93"/>
      <c r="BJ5172" s="93"/>
      <c r="BK5172" s="93"/>
      <c r="BL5172" s="93"/>
    </row>
    <row r="5173" spans="2:64" x14ac:dyDescent="0.2">
      <c r="B5173" s="43"/>
      <c r="C5173" s="73"/>
      <c r="D5173" s="64"/>
      <c r="E5173" s="55"/>
      <c r="F5173" s="74"/>
      <c r="G5173" s="74"/>
      <c r="H5173" s="74"/>
      <c r="I5173" s="75"/>
      <c r="J5173" s="74"/>
      <c r="L5173" s="55"/>
      <c r="M5173" s="234"/>
      <c r="N5173" s="65"/>
      <c r="O5173" s="76"/>
      <c r="P5173" s="76"/>
      <c r="Q5173" s="65"/>
      <c r="R5173" s="76"/>
      <c r="S5173" s="76"/>
      <c r="T5173" s="76"/>
      <c r="U5173" s="76"/>
      <c r="V5173" s="76"/>
      <c r="W5173" s="76"/>
      <c r="X5173" s="76"/>
      <c r="Y5173" s="76"/>
      <c r="Z5173" s="76"/>
      <c r="AA5173" s="85"/>
      <c r="AB5173" s="85"/>
      <c r="AC5173" s="85"/>
      <c r="AD5173" s="85"/>
      <c r="AE5173" s="85"/>
      <c r="AF5173" s="85"/>
      <c r="AG5173" s="86"/>
      <c r="AH5173" s="85"/>
      <c r="AI5173" s="85"/>
      <c r="AJ5173" s="85"/>
      <c r="AK5173" s="85"/>
      <c r="AL5173" s="85"/>
      <c r="AM5173" s="92"/>
      <c r="AN5173" s="92"/>
      <c r="AO5173" s="92"/>
      <c r="AP5173" s="92"/>
      <c r="AQ5173" s="92"/>
      <c r="AR5173" s="92"/>
      <c r="AS5173" s="92"/>
      <c r="AT5173" s="92"/>
      <c r="AU5173" s="92"/>
      <c r="AV5173" s="92"/>
      <c r="AW5173" s="92"/>
      <c r="AX5173" s="92"/>
      <c r="AY5173" s="92"/>
      <c r="AZ5173" s="93"/>
      <c r="BA5173" s="93"/>
      <c r="BB5173" s="93"/>
      <c r="BC5173" s="93"/>
      <c r="BD5173" s="93"/>
      <c r="BE5173" s="93"/>
      <c r="BF5173" s="93"/>
      <c r="BG5173" s="93"/>
      <c r="BH5173" s="93"/>
      <c r="BI5173" s="93"/>
      <c r="BJ5173" s="93"/>
      <c r="BK5173" s="93"/>
      <c r="BL5173" s="93"/>
    </row>
    <row r="5174" spans="2:64" x14ac:dyDescent="0.2">
      <c r="B5174" s="43"/>
      <c r="C5174" s="73"/>
      <c r="D5174" s="64"/>
      <c r="E5174" s="55"/>
      <c r="F5174" s="74"/>
      <c r="G5174" s="74"/>
      <c r="H5174" s="74"/>
      <c r="I5174" s="75"/>
      <c r="J5174" s="74"/>
      <c r="L5174" s="55"/>
      <c r="M5174" s="234"/>
      <c r="N5174" s="65"/>
      <c r="O5174" s="76"/>
      <c r="P5174" s="76"/>
      <c r="Q5174" s="65"/>
      <c r="R5174" s="76"/>
      <c r="S5174" s="76"/>
      <c r="T5174" s="76"/>
      <c r="U5174" s="76"/>
      <c r="V5174" s="76"/>
      <c r="W5174" s="76"/>
      <c r="X5174" s="76"/>
      <c r="Y5174" s="76"/>
      <c r="Z5174" s="76"/>
      <c r="AA5174" s="85"/>
      <c r="AB5174" s="85"/>
      <c r="AC5174" s="85"/>
      <c r="AD5174" s="85"/>
      <c r="AE5174" s="85"/>
      <c r="AF5174" s="85"/>
      <c r="AG5174" s="86"/>
      <c r="AH5174" s="85"/>
      <c r="AI5174" s="85"/>
      <c r="AJ5174" s="85"/>
      <c r="AK5174" s="85"/>
      <c r="AL5174" s="85"/>
      <c r="AM5174" s="92"/>
      <c r="AN5174" s="92"/>
      <c r="AO5174" s="92"/>
      <c r="AP5174" s="92"/>
      <c r="AQ5174" s="92"/>
      <c r="AR5174" s="92"/>
      <c r="AS5174" s="92"/>
      <c r="AT5174" s="92"/>
      <c r="AU5174" s="92"/>
      <c r="AV5174" s="92"/>
      <c r="AW5174" s="92"/>
      <c r="AX5174" s="92"/>
      <c r="AY5174" s="92"/>
      <c r="AZ5174" s="93"/>
      <c r="BA5174" s="93"/>
      <c r="BB5174" s="93"/>
      <c r="BC5174" s="93"/>
      <c r="BD5174" s="93"/>
      <c r="BE5174" s="93"/>
      <c r="BF5174" s="93"/>
      <c r="BG5174" s="93"/>
      <c r="BH5174" s="93"/>
      <c r="BI5174" s="93"/>
      <c r="BJ5174" s="93"/>
      <c r="BK5174" s="93"/>
      <c r="BL5174" s="93"/>
    </row>
    <row r="5175" spans="2:64" x14ac:dyDescent="0.2">
      <c r="B5175" s="43"/>
      <c r="C5175" s="73"/>
      <c r="D5175" s="64"/>
      <c r="E5175" s="55"/>
      <c r="F5175" s="74"/>
      <c r="G5175" s="74"/>
      <c r="H5175" s="74"/>
      <c r="I5175" s="75"/>
      <c r="J5175" s="74"/>
      <c r="L5175" s="55"/>
      <c r="M5175" s="234"/>
      <c r="N5175" s="65"/>
      <c r="O5175" s="76"/>
      <c r="P5175" s="76"/>
      <c r="Q5175" s="65"/>
      <c r="R5175" s="76"/>
      <c r="S5175" s="76"/>
      <c r="T5175" s="76"/>
      <c r="U5175" s="76"/>
      <c r="V5175" s="76"/>
      <c r="W5175" s="76"/>
      <c r="X5175" s="76"/>
      <c r="Y5175" s="76"/>
      <c r="Z5175" s="76"/>
      <c r="AA5175" s="85"/>
      <c r="AB5175" s="85"/>
      <c r="AC5175" s="85"/>
      <c r="AD5175" s="85"/>
      <c r="AE5175" s="85"/>
      <c r="AF5175" s="85"/>
      <c r="AG5175" s="86"/>
      <c r="AH5175" s="85"/>
      <c r="AI5175" s="85"/>
      <c r="AJ5175" s="85"/>
      <c r="AK5175" s="85"/>
      <c r="AL5175" s="85"/>
      <c r="AM5175" s="92"/>
      <c r="AN5175" s="92"/>
      <c r="AO5175" s="92"/>
      <c r="AP5175" s="92"/>
      <c r="AQ5175" s="92"/>
      <c r="AR5175" s="92"/>
      <c r="AS5175" s="92"/>
      <c r="AT5175" s="92"/>
      <c r="AU5175" s="92"/>
      <c r="AV5175" s="92"/>
      <c r="AW5175" s="92"/>
      <c r="AX5175" s="92"/>
      <c r="AY5175" s="92"/>
      <c r="AZ5175" s="93"/>
      <c r="BA5175" s="93"/>
      <c r="BB5175" s="93"/>
      <c r="BC5175" s="93"/>
      <c r="BD5175" s="93"/>
      <c r="BE5175" s="93"/>
      <c r="BF5175" s="93"/>
      <c r="BG5175" s="93"/>
      <c r="BH5175" s="93"/>
      <c r="BI5175" s="93"/>
      <c r="BJ5175" s="93"/>
      <c r="BK5175" s="93"/>
      <c r="BL5175" s="93"/>
    </row>
    <row r="5176" spans="2:64" x14ac:dyDescent="0.2">
      <c r="B5176" s="43"/>
      <c r="C5176" s="73"/>
      <c r="D5176" s="64"/>
      <c r="E5176" s="55"/>
      <c r="F5176" s="74"/>
      <c r="G5176" s="74"/>
      <c r="H5176" s="74"/>
      <c r="I5176" s="75"/>
      <c r="J5176" s="74"/>
      <c r="L5176" s="55"/>
      <c r="M5176" s="234"/>
      <c r="N5176" s="65"/>
      <c r="O5176" s="76"/>
      <c r="P5176" s="76"/>
      <c r="Q5176" s="65"/>
      <c r="R5176" s="76"/>
      <c r="S5176" s="76"/>
      <c r="T5176" s="76"/>
      <c r="U5176" s="76"/>
      <c r="V5176" s="76"/>
      <c r="W5176" s="76"/>
      <c r="X5176" s="76"/>
      <c r="Y5176" s="76"/>
      <c r="Z5176" s="76"/>
      <c r="AA5176" s="85"/>
      <c r="AB5176" s="85"/>
      <c r="AC5176" s="85"/>
      <c r="AD5176" s="85"/>
      <c r="AE5176" s="85"/>
      <c r="AF5176" s="85"/>
      <c r="AG5176" s="86"/>
      <c r="AH5176" s="85"/>
      <c r="AI5176" s="85"/>
      <c r="AJ5176" s="85"/>
      <c r="AK5176" s="85"/>
      <c r="AL5176" s="85"/>
      <c r="AM5176" s="92"/>
      <c r="AN5176" s="92"/>
      <c r="AO5176" s="92"/>
      <c r="AP5176" s="92"/>
      <c r="AQ5176" s="92"/>
      <c r="AR5176" s="92"/>
      <c r="AS5176" s="92"/>
      <c r="AT5176" s="92"/>
      <c r="AU5176" s="92"/>
      <c r="AV5176" s="92"/>
      <c r="AW5176" s="92"/>
      <c r="AX5176" s="92"/>
      <c r="AY5176" s="92"/>
      <c r="AZ5176" s="93"/>
      <c r="BA5176" s="93"/>
      <c r="BB5176" s="93"/>
      <c r="BC5176" s="93"/>
      <c r="BD5176" s="93"/>
      <c r="BE5176" s="93"/>
      <c r="BF5176" s="93"/>
      <c r="BG5176" s="93"/>
      <c r="BH5176" s="93"/>
      <c r="BI5176" s="93"/>
      <c r="BJ5176" s="93"/>
      <c r="BK5176" s="93"/>
      <c r="BL5176" s="93"/>
    </row>
    <row r="5177" spans="2:64" x14ac:dyDescent="0.2">
      <c r="B5177" s="43"/>
      <c r="C5177" s="73"/>
      <c r="D5177" s="64"/>
      <c r="E5177" s="55"/>
      <c r="F5177" s="74"/>
      <c r="G5177" s="74"/>
      <c r="H5177" s="74"/>
      <c r="I5177" s="75"/>
      <c r="J5177" s="74"/>
      <c r="L5177" s="55"/>
      <c r="M5177" s="234"/>
      <c r="N5177" s="65"/>
      <c r="O5177" s="76"/>
      <c r="P5177" s="76"/>
      <c r="Q5177" s="65"/>
      <c r="R5177" s="76"/>
      <c r="S5177" s="76"/>
      <c r="T5177" s="76"/>
      <c r="U5177" s="76"/>
      <c r="V5177" s="76"/>
      <c r="W5177" s="76"/>
      <c r="X5177" s="76"/>
      <c r="Y5177" s="76"/>
      <c r="Z5177" s="76"/>
      <c r="AA5177" s="85"/>
      <c r="AB5177" s="85"/>
      <c r="AC5177" s="85"/>
      <c r="AD5177" s="85"/>
      <c r="AE5177" s="85"/>
      <c r="AF5177" s="85"/>
      <c r="AG5177" s="86"/>
      <c r="AH5177" s="85"/>
      <c r="AI5177" s="85"/>
      <c r="AJ5177" s="85"/>
      <c r="AK5177" s="85"/>
      <c r="AL5177" s="85"/>
      <c r="AM5177" s="92"/>
      <c r="AN5177" s="92"/>
      <c r="AO5177" s="92"/>
      <c r="AP5177" s="92"/>
      <c r="AQ5177" s="92"/>
      <c r="AR5177" s="92"/>
      <c r="AS5177" s="92"/>
      <c r="AT5177" s="92"/>
      <c r="AU5177" s="92"/>
      <c r="AV5177" s="92"/>
      <c r="AW5177" s="92"/>
      <c r="AX5177" s="92"/>
      <c r="AY5177" s="92"/>
      <c r="AZ5177" s="93"/>
      <c r="BA5177" s="93"/>
      <c r="BB5177" s="93"/>
      <c r="BC5177" s="93"/>
      <c r="BD5177" s="93"/>
      <c r="BE5177" s="93"/>
      <c r="BF5177" s="93"/>
      <c r="BG5177" s="93"/>
      <c r="BH5177" s="93"/>
      <c r="BI5177" s="93"/>
      <c r="BJ5177" s="93"/>
      <c r="BK5177" s="93"/>
      <c r="BL5177" s="93"/>
    </row>
    <row r="5178" spans="2:64" x14ac:dyDescent="0.2">
      <c r="B5178" s="43"/>
      <c r="C5178" s="73"/>
      <c r="D5178" s="64"/>
      <c r="E5178" s="55"/>
      <c r="F5178" s="74"/>
      <c r="G5178" s="74"/>
      <c r="H5178" s="74"/>
      <c r="I5178" s="75"/>
      <c r="J5178" s="74"/>
      <c r="L5178" s="55"/>
      <c r="M5178" s="234"/>
      <c r="N5178" s="65"/>
      <c r="O5178" s="76"/>
      <c r="P5178" s="76"/>
      <c r="Q5178" s="65"/>
      <c r="R5178" s="76"/>
      <c r="S5178" s="76"/>
      <c r="T5178" s="76"/>
      <c r="U5178" s="76"/>
      <c r="V5178" s="76"/>
      <c r="W5178" s="76"/>
      <c r="X5178" s="76"/>
      <c r="Y5178" s="76"/>
      <c r="Z5178" s="76"/>
      <c r="AA5178" s="85"/>
      <c r="AB5178" s="85"/>
      <c r="AC5178" s="85"/>
      <c r="AD5178" s="85"/>
      <c r="AE5178" s="85"/>
      <c r="AF5178" s="85"/>
      <c r="AG5178" s="86"/>
      <c r="AH5178" s="85"/>
      <c r="AI5178" s="85"/>
      <c r="AJ5178" s="85"/>
      <c r="AK5178" s="85"/>
      <c r="AL5178" s="85"/>
      <c r="AM5178" s="92"/>
      <c r="AN5178" s="92"/>
      <c r="AO5178" s="92"/>
      <c r="AP5178" s="92"/>
      <c r="AQ5178" s="92"/>
      <c r="AR5178" s="92"/>
      <c r="AS5178" s="92"/>
      <c r="AT5178" s="92"/>
      <c r="AU5178" s="92"/>
      <c r="AV5178" s="92"/>
      <c r="AW5178" s="92"/>
      <c r="AX5178" s="92"/>
      <c r="AY5178" s="92"/>
      <c r="AZ5178" s="93"/>
      <c r="BA5178" s="93"/>
      <c r="BB5178" s="93"/>
      <c r="BC5178" s="93"/>
      <c r="BD5178" s="93"/>
      <c r="BE5178" s="93"/>
      <c r="BF5178" s="93"/>
      <c r="BG5178" s="93"/>
      <c r="BH5178" s="93"/>
      <c r="BI5178" s="93"/>
      <c r="BJ5178" s="93"/>
      <c r="BK5178" s="93"/>
      <c r="BL5178" s="93"/>
    </row>
    <row r="5179" spans="2:64" x14ac:dyDescent="0.2">
      <c r="B5179" s="43"/>
      <c r="C5179" s="73"/>
      <c r="D5179" s="64"/>
      <c r="E5179" s="55"/>
      <c r="F5179" s="74"/>
      <c r="G5179" s="74"/>
      <c r="H5179" s="74"/>
      <c r="I5179" s="75"/>
      <c r="J5179" s="74"/>
      <c r="L5179" s="55"/>
      <c r="M5179" s="234"/>
      <c r="N5179" s="65"/>
      <c r="O5179" s="76"/>
      <c r="P5179" s="76"/>
      <c r="Q5179" s="65"/>
      <c r="R5179" s="76"/>
      <c r="S5179" s="76"/>
      <c r="T5179" s="76"/>
      <c r="U5179" s="76"/>
      <c r="V5179" s="76"/>
      <c r="W5179" s="76"/>
      <c r="X5179" s="76"/>
      <c r="Y5179" s="76"/>
      <c r="Z5179" s="76"/>
      <c r="AA5179" s="85"/>
      <c r="AB5179" s="85"/>
      <c r="AC5179" s="85"/>
      <c r="AD5179" s="85"/>
      <c r="AE5179" s="85"/>
      <c r="AF5179" s="85"/>
      <c r="AG5179" s="86"/>
      <c r="AH5179" s="85"/>
      <c r="AI5179" s="85"/>
      <c r="AJ5179" s="85"/>
      <c r="AK5179" s="85"/>
      <c r="AL5179" s="85"/>
      <c r="AM5179" s="92"/>
      <c r="AN5179" s="92"/>
      <c r="AO5179" s="92"/>
      <c r="AP5179" s="92"/>
      <c r="AQ5179" s="92"/>
      <c r="AR5179" s="92"/>
      <c r="AS5179" s="92"/>
      <c r="AT5179" s="92"/>
      <c r="AU5179" s="92"/>
      <c r="AV5179" s="92"/>
      <c r="AW5179" s="92"/>
      <c r="AX5179" s="92"/>
      <c r="AY5179" s="92"/>
      <c r="AZ5179" s="93"/>
      <c r="BA5179" s="93"/>
      <c r="BB5179" s="93"/>
      <c r="BC5179" s="93"/>
      <c r="BD5179" s="93"/>
      <c r="BE5179" s="93"/>
      <c r="BF5179" s="93"/>
      <c r="BG5179" s="93"/>
      <c r="BH5179" s="93"/>
      <c r="BI5179" s="93"/>
      <c r="BJ5179" s="93"/>
      <c r="BK5179" s="93"/>
      <c r="BL5179" s="93"/>
    </row>
    <row r="5180" spans="2:64" x14ac:dyDescent="0.2">
      <c r="B5180" s="43"/>
      <c r="C5180" s="73"/>
      <c r="D5180" s="64"/>
      <c r="E5180" s="55"/>
      <c r="F5180" s="74"/>
      <c r="G5180" s="74"/>
      <c r="H5180" s="74"/>
      <c r="I5180" s="75"/>
      <c r="J5180" s="74"/>
      <c r="L5180" s="55"/>
      <c r="M5180" s="234"/>
      <c r="N5180" s="65"/>
      <c r="O5180" s="76"/>
      <c r="P5180" s="76"/>
      <c r="Q5180" s="65"/>
      <c r="R5180" s="76"/>
      <c r="S5180" s="76"/>
      <c r="T5180" s="76"/>
      <c r="U5180" s="76"/>
      <c r="V5180" s="76"/>
      <c r="W5180" s="76"/>
      <c r="X5180" s="76"/>
      <c r="Y5180" s="76"/>
      <c r="Z5180" s="76"/>
      <c r="AA5180" s="85"/>
      <c r="AB5180" s="85"/>
      <c r="AC5180" s="85"/>
      <c r="AD5180" s="85"/>
      <c r="AE5180" s="85"/>
      <c r="AF5180" s="85"/>
      <c r="AG5180" s="86"/>
      <c r="AH5180" s="85"/>
      <c r="AI5180" s="85"/>
      <c r="AJ5180" s="85"/>
      <c r="AK5180" s="85"/>
      <c r="AL5180" s="85"/>
      <c r="AM5180" s="92"/>
      <c r="AN5180" s="92"/>
      <c r="AO5180" s="92"/>
      <c r="AP5180" s="92"/>
      <c r="AQ5180" s="92"/>
      <c r="AR5180" s="92"/>
      <c r="AS5180" s="92"/>
      <c r="AT5180" s="92"/>
      <c r="AU5180" s="92"/>
      <c r="AV5180" s="92"/>
      <c r="AW5180" s="92"/>
      <c r="AX5180" s="92"/>
      <c r="AY5180" s="92"/>
      <c r="AZ5180" s="93"/>
      <c r="BA5180" s="93"/>
      <c r="BB5180" s="93"/>
      <c r="BC5180" s="93"/>
      <c r="BD5180" s="93"/>
      <c r="BE5180" s="93"/>
      <c r="BF5180" s="93"/>
      <c r="BG5180" s="93"/>
      <c r="BH5180" s="93"/>
      <c r="BI5180" s="93"/>
      <c r="BJ5180" s="93"/>
      <c r="BK5180" s="93"/>
      <c r="BL5180" s="93"/>
    </row>
    <row r="5181" spans="2:64" x14ac:dyDescent="0.2">
      <c r="B5181" s="43"/>
      <c r="C5181" s="73"/>
      <c r="D5181" s="64"/>
      <c r="E5181" s="55"/>
      <c r="F5181" s="74"/>
      <c r="G5181" s="74"/>
      <c r="H5181" s="74"/>
      <c r="I5181" s="75"/>
      <c r="J5181" s="74"/>
      <c r="L5181" s="55"/>
      <c r="M5181" s="234"/>
      <c r="N5181" s="65"/>
      <c r="O5181" s="76"/>
      <c r="P5181" s="76"/>
      <c r="Q5181" s="65"/>
      <c r="R5181" s="76"/>
      <c r="S5181" s="76"/>
      <c r="T5181" s="76"/>
      <c r="U5181" s="76"/>
      <c r="V5181" s="76"/>
      <c r="W5181" s="76"/>
      <c r="X5181" s="76"/>
      <c r="Y5181" s="76"/>
      <c r="Z5181" s="76"/>
      <c r="AA5181" s="85"/>
      <c r="AB5181" s="85"/>
      <c r="AC5181" s="85"/>
      <c r="AD5181" s="85"/>
      <c r="AE5181" s="85"/>
      <c r="AF5181" s="85"/>
      <c r="AG5181" s="86"/>
      <c r="AH5181" s="85"/>
      <c r="AI5181" s="85"/>
      <c r="AJ5181" s="85"/>
      <c r="AK5181" s="85"/>
      <c r="AL5181" s="85"/>
      <c r="AM5181" s="92"/>
      <c r="AN5181" s="92"/>
      <c r="AO5181" s="92"/>
      <c r="AP5181" s="92"/>
      <c r="AQ5181" s="92"/>
      <c r="AR5181" s="92"/>
      <c r="AS5181" s="92"/>
      <c r="AT5181" s="92"/>
      <c r="AU5181" s="92"/>
      <c r="AV5181" s="92"/>
      <c r="AW5181" s="92"/>
      <c r="AX5181" s="92"/>
      <c r="AY5181" s="92"/>
      <c r="AZ5181" s="93"/>
      <c r="BA5181" s="93"/>
      <c r="BB5181" s="93"/>
      <c r="BC5181" s="93"/>
      <c r="BD5181" s="93"/>
      <c r="BE5181" s="93"/>
      <c r="BF5181" s="93"/>
      <c r="BG5181" s="93"/>
      <c r="BH5181" s="93"/>
      <c r="BI5181" s="93"/>
      <c r="BJ5181" s="93"/>
      <c r="BK5181" s="93"/>
      <c r="BL5181" s="93"/>
    </row>
    <row r="5182" spans="2:64" x14ac:dyDescent="0.2">
      <c r="B5182" s="43"/>
      <c r="C5182" s="73"/>
      <c r="D5182" s="64"/>
      <c r="E5182" s="55"/>
      <c r="F5182" s="74"/>
      <c r="G5182" s="74"/>
      <c r="H5182" s="74"/>
      <c r="I5182" s="75"/>
      <c r="J5182" s="74"/>
      <c r="L5182" s="55"/>
      <c r="M5182" s="234"/>
      <c r="N5182" s="65"/>
      <c r="O5182" s="76"/>
      <c r="P5182" s="76"/>
      <c r="Q5182" s="65"/>
      <c r="R5182" s="76"/>
      <c r="S5182" s="76"/>
      <c r="T5182" s="76"/>
      <c r="U5182" s="76"/>
      <c r="V5182" s="76"/>
      <c r="W5182" s="76"/>
      <c r="X5182" s="76"/>
      <c r="Y5182" s="76"/>
      <c r="Z5182" s="76"/>
      <c r="AA5182" s="85"/>
      <c r="AB5182" s="85"/>
      <c r="AC5182" s="85"/>
      <c r="AD5182" s="85"/>
      <c r="AE5182" s="85"/>
      <c r="AF5182" s="85"/>
      <c r="AG5182" s="86"/>
      <c r="AH5182" s="85"/>
      <c r="AI5182" s="85"/>
      <c r="AJ5182" s="85"/>
      <c r="AK5182" s="85"/>
      <c r="AL5182" s="85"/>
      <c r="AM5182" s="92"/>
      <c r="AN5182" s="92"/>
      <c r="AO5182" s="92"/>
      <c r="AP5182" s="92"/>
      <c r="AQ5182" s="92"/>
      <c r="AR5182" s="92"/>
      <c r="AS5182" s="92"/>
      <c r="AT5182" s="92"/>
      <c r="AU5182" s="92"/>
      <c r="AV5182" s="92"/>
      <c r="AW5182" s="92"/>
      <c r="AX5182" s="92"/>
      <c r="AY5182" s="92"/>
      <c r="AZ5182" s="93"/>
      <c r="BA5182" s="93"/>
      <c r="BB5182" s="93"/>
      <c r="BC5182" s="93"/>
      <c r="BD5182" s="93"/>
      <c r="BE5182" s="93"/>
      <c r="BF5182" s="93"/>
      <c r="BG5182" s="93"/>
      <c r="BH5182" s="93"/>
      <c r="BI5182" s="93"/>
      <c r="BJ5182" s="93"/>
      <c r="BK5182" s="93"/>
      <c r="BL5182" s="93"/>
    </row>
    <row r="5183" spans="2:64" x14ac:dyDescent="0.2">
      <c r="B5183" s="43"/>
      <c r="C5183" s="73"/>
      <c r="D5183" s="64"/>
      <c r="E5183" s="55"/>
      <c r="F5183" s="74"/>
      <c r="G5183" s="74"/>
      <c r="H5183" s="74"/>
      <c r="I5183" s="75"/>
      <c r="J5183" s="74"/>
      <c r="L5183" s="55"/>
      <c r="M5183" s="234"/>
      <c r="N5183" s="65"/>
      <c r="O5183" s="76"/>
      <c r="P5183" s="76"/>
      <c r="Q5183" s="65"/>
      <c r="R5183" s="76"/>
      <c r="S5183" s="76"/>
      <c r="T5183" s="76"/>
      <c r="U5183" s="76"/>
      <c r="V5183" s="76"/>
      <c r="W5183" s="76"/>
      <c r="X5183" s="76"/>
      <c r="Y5183" s="76"/>
      <c r="Z5183" s="76"/>
      <c r="AA5183" s="85"/>
      <c r="AB5183" s="85"/>
      <c r="AC5183" s="85"/>
      <c r="AD5183" s="85"/>
      <c r="AE5183" s="85"/>
      <c r="AF5183" s="85"/>
      <c r="AG5183" s="86"/>
      <c r="AH5183" s="85"/>
      <c r="AI5183" s="85"/>
      <c r="AJ5183" s="85"/>
      <c r="AK5183" s="85"/>
      <c r="AL5183" s="85"/>
      <c r="AM5183" s="92"/>
      <c r="AN5183" s="92"/>
      <c r="AO5183" s="92"/>
      <c r="AP5183" s="92"/>
      <c r="AQ5183" s="92"/>
      <c r="AR5183" s="92"/>
      <c r="AS5183" s="92"/>
      <c r="AT5183" s="92"/>
      <c r="AU5183" s="92"/>
      <c r="AV5183" s="92"/>
      <c r="AW5183" s="92"/>
      <c r="AX5183" s="92"/>
      <c r="AY5183" s="92"/>
      <c r="AZ5183" s="93"/>
      <c r="BA5183" s="93"/>
      <c r="BB5183" s="93"/>
      <c r="BC5183" s="93"/>
      <c r="BD5183" s="93"/>
      <c r="BE5183" s="93"/>
      <c r="BF5183" s="93"/>
      <c r="BG5183" s="93"/>
      <c r="BH5183" s="93"/>
      <c r="BI5183" s="93"/>
      <c r="BJ5183" s="93"/>
      <c r="BK5183" s="93"/>
      <c r="BL5183" s="93"/>
    </row>
    <row r="5184" spans="2:64" x14ac:dyDescent="0.2">
      <c r="B5184" s="43"/>
      <c r="C5184" s="73"/>
      <c r="D5184" s="64"/>
      <c r="E5184" s="55"/>
      <c r="F5184" s="74"/>
      <c r="G5184" s="74"/>
      <c r="H5184" s="74"/>
      <c r="I5184" s="75"/>
      <c r="J5184" s="74"/>
      <c r="L5184" s="55"/>
      <c r="M5184" s="234"/>
      <c r="N5184" s="65"/>
      <c r="O5184" s="76"/>
      <c r="P5184" s="76"/>
      <c r="Q5184" s="65"/>
      <c r="R5184" s="76"/>
      <c r="S5184" s="76"/>
      <c r="T5184" s="76"/>
      <c r="U5184" s="76"/>
      <c r="V5184" s="76"/>
      <c r="W5184" s="76"/>
      <c r="X5184" s="76"/>
      <c r="Y5184" s="76"/>
      <c r="Z5184" s="76"/>
      <c r="AA5184" s="85"/>
      <c r="AB5184" s="85"/>
      <c r="AC5184" s="85"/>
      <c r="AD5184" s="85"/>
      <c r="AE5184" s="85"/>
      <c r="AF5184" s="85"/>
      <c r="AG5184" s="86"/>
      <c r="AH5184" s="85"/>
      <c r="AI5184" s="85"/>
      <c r="AJ5184" s="85"/>
      <c r="AK5184" s="85"/>
      <c r="AL5184" s="85"/>
      <c r="AM5184" s="92"/>
      <c r="AN5184" s="92"/>
      <c r="AO5184" s="92"/>
      <c r="AP5184" s="92"/>
      <c r="AQ5184" s="92"/>
      <c r="AR5184" s="92"/>
      <c r="AS5184" s="92"/>
      <c r="AT5184" s="92"/>
      <c r="AU5184" s="92"/>
      <c r="AV5184" s="92"/>
      <c r="AW5184" s="92"/>
      <c r="AX5184" s="92"/>
      <c r="AY5184" s="92"/>
      <c r="AZ5184" s="93"/>
      <c r="BA5184" s="93"/>
      <c r="BB5184" s="93"/>
      <c r="BC5184" s="93"/>
      <c r="BD5184" s="93"/>
      <c r="BE5184" s="93"/>
      <c r="BF5184" s="93"/>
      <c r="BG5184" s="93"/>
      <c r="BH5184" s="93"/>
      <c r="BI5184" s="93"/>
      <c r="BJ5184" s="93"/>
      <c r="BK5184" s="93"/>
      <c r="BL5184" s="93"/>
    </row>
    <row r="5185" spans="2:64" x14ac:dyDescent="0.2">
      <c r="B5185" s="43"/>
      <c r="C5185" s="73"/>
      <c r="D5185" s="64"/>
      <c r="E5185" s="55"/>
      <c r="F5185" s="74"/>
      <c r="G5185" s="74"/>
      <c r="H5185" s="74"/>
      <c r="I5185" s="75"/>
      <c r="J5185" s="74"/>
      <c r="L5185" s="55"/>
      <c r="M5185" s="234"/>
      <c r="N5185" s="65"/>
      <c r="O5185" s="76"/>
      <c r="P5185" s="76"/>
      <c r="Q5185" s="65"/>
      <c r="R5185" s="76"/>
      <c r="S5185" s="76"/>
      <c r="T5185" s="76"/>
      <c r="U5185" s="76"/>
      <c r="V5185" s="76"/>
      <c r="W5185" s="76"/>
      <c r="X5185" s="76"/>
      <c r="Y5185" s="76"/>
      <c r="Z5185" s="76"/>
      <c r="AA5185" s="85"/>
      <c r="AB5185" s="85"/>
      <c r="AC5185" s="85"/>
      <c r="AD5185" s="85"/>
      <c r="AE5185" s="85"/>
      <c r="AF5185" s="85"/>
      <c r="AG5185" s="86"/>
      <c r="AH5185" s="85"/>
      <c r="AI5185" s="85"/>
      <c r="AJ5185" s="85"/>
      <c r="AK5185" s="85"/>
      <c r="AL5185" s="85"/>
      <c r="AM5185" s="92"/>
      <c r="AN5185" s="92"/>
      <c r="AO5185" s="92"/>
      <c r="AP5185" s="92"/>
      <c r="AQ5185" s="92"/>
      <c r="AR5185" s="92"/>
      <c r="AS5185" s="92"/>
      <c r="AT5185" s="92"/>
      <c r="AU5185" s="92"/>
      <c r="AV5185" s="92"/>
      <c r="AW5185" s="92"/>
      <c r="AX5185" s="92"/>
      <c r="AY5185" s="92"/>
      <c r="AZ5185" s="93"/>
      <c r="BA5185" s="93"/>
      <c r="BB5185" s="93"/>
      <c r="BC5185" s="93"/>
      <c r="BD5185" s="93"/>
      <c r="BE5185" s="93"/>
      <c r="BF5185" s="93"/>
      <c r="BG5185" s="93"/>
      <c r="BH5185" s="93"/>
      <c r="BI5185" s="93"/>
      <c r="BJ5185" s="93"/>
      <c r="BK5185" s="93"/>
      <c r="BL5185" s="93"/>
    </row>
    <row r="5186" spans="2:64" x14ac:dyDescent="0.2">
      <c r="B5186" s="43"/>
      <c r="C5186" s="73"/>
      <c r="D5186" s="64"/>
      <c r="E5186" s="55"/>
      <c r="F5186" s="74"/>
      <c r="G5186" s="74"/>
      <c r="H5186" s="74"/>
      <c r="I5186" s="75"/>
      <c r="J5186" s="74"/>
      <c r="L5186" s="55"/>
      <c r="M5186" s="234"/>
      <c r="N5186" s="65"/>
      <c r="O5186" s="76"/>
      <c r="P5186" s="76"/>
      <c r="Q5186" s="65"/>
      <c r="R5186" s="76"/>
      <c r="S5186" s="76"/>
      <c r="T5186" s="76"/>
      <c r="U5186" s="76"/>
      <c r="V5186" s="76"/>
      <c r="W5186" s="76"/>
      <c r="X5186" s="76"/>
      <c r="Y5186" s="76"/>
      <c r="Z5186" s="76"/>
      <c r="AA5186" s="85"/>
      <c r="AB5186" s="85"/>
      <c r="AC5186" s="85"/>
      <c r="AD5186" s="85"/>
      <c r="AE5186" s="85"/>
      <c r="AF5186" s="85"/>
      <c r="AG5186" s="86"/>
      <c r="AH5186" s="85"/>
      <c r="AI5186" s="85"/>
      <c r="AJ5186" s="85"/>
      <c r="AK5186" s="85"/>
      <c r="AL5186" s="85"/>
      <c r="AM5186" s="92"/>
      <c r="AN5186" s="92"/>
      <c r="AO5186" s="92"/>
      <c r="AP5186" s="92"/>
      <c r="AQ5186" s="92"/>
      <c r="AR5186" s="92"/>
      <c r="AS5186" s="92"/>
      <c r="AT5186" s="92"/>
      <c r="AU5186" s="92"/>
      <c r="AV5186" s="92"/>
      <c r="AW5186" s="92"/>
      <c r="AX5186" s="92"/>
      <c r="AY5186" s="92"/>
      <c r="AZ5186" s="93"/>
      <c r="BA5186" s="93"/>
      <c r="BB5186" s="93"/>
      <c r="BC5186" s="93"/>
      <c r="BD5186" s="93"/>
      <c r="BE5186" s="93"/>
      <c r="BF5186" s="93"/>
      <c r="BG5186" s="93"/>
      <c r="BH5186" s="93"/>
      <c r="BI5186" s="93"/>
      <c r="BJ5186" s="93"/>
      <c r="BK5186" s="93"/>
      <c r="BL5186" s="93"/>
    </row>
    <row r="5187" spans="2:64" x14ac:dyDescent="0.2">
      <c r="B5187" s="43"/>
      <c r="C5187" s="73"/>
      <c r="D5187" s="64"/>
      <c r="E5187" s="55"/>
      <c r="F5187" s="74"/>
      <c r="G5187" s="74"/>
      <c r="H5187" s="74"/>
      <c r="I5187" s="75"/>
      <c r="J5187" s="74"/>
      <c r="L5187" s="55"/>
      <c r="M5187" s="234"/>
      <c r="N5187" s="65"/>
      <c r="O5187" s="76"/>
      <c r="P5187" s="76"/>
      <c r="Q5187" s="65"/>
      <c r="R5187" s="76"/>
      <c r="S5187" s="76"/>
      <c r="T5187" s="76"/>
      <c r="U5187" s="76"/>
      <c r="V5187" s="76"/>
      <c r="W5187" s="76"/>
      <c r="X5187" s="76"/>
      <c r="Y5187" s="76"/>
      <c r="Z5187" s="76"/>
      <c r="AA5187" s="85"/>
      <c r="AB5187" s="85"/>
      <c r="AC5187" s="85"/>
      <c r="AD5187" s="85"/>
      <c r="AE5187" s="85"/>
      <c r="AF5187" s="85"/>
      <c r="AG5187" s="86"/>
      <c r="AH5187" s="85"/>
      <c r="AI5187" s="85"/>
      <c r="AJ5187" s="85"/>
      <c r="AK5187" s="85"/>
      <c r="AL5187" s="85"/>
      <c r="AM5187" s="92"/>
      <c r="AN5187" s="92"/>
      <c r="AO5187" s="92"/>
      <c r="AP5187" s="92"/>
      <c r="AQ5187" s="92"/>
      <c r="AR5187" s="92"/>
      <c r="AS5187" s="92"/>
      <c r="AT5187" s="92"/>
      <c r="AU5187" s="92"/>
      <c r="AV5187" s="92"/>
      <c r="AW5187" s="92"/>
      <c r="AX5187" s="92"/>
      <c r="AY5187" s="92"/>
      <c r="AZ5187" s="93"/>
      <c r="BA5187" s="93"/>
      <c r="BB5187" s="93"/>
      <c r="BC5187" s="93"/>
      <c r="BD5187" s="93"/>
      <c r="BE5187" s="93"/>
      <c r="BF5187" s="93"/>
      <c r="BG5187" s="93"/>
      <c r="BH5187" s="93"/>
      <c r="BI5187" s="93"/>
      <c r="BJ5187" s="93"/>
      <c r="BK5187" s="93"/>
      <c r="BL5187" s="93"/>
    </row>
    <row r="5188" spans="2:64" x14ac:dyDescent="0.2">
      <c r="B5188" s="43"/>
      <c r="C5188" s="73"/>
      <c r="D5188" s="64"/>
      <c r="E5188" s="55"/>
      <c r="F5188" s="74"/>
      <c r="G5188" s="74"/>
      <c r="H5188" s="74"/>
      <c r="I5188" s="75"/>
      <c r="J5188" s="74"/>
      <c r="L5188" s="55"/>
      <c r="M5188" s="234"/>
      <c r="N5188" s="65"/>
      <c r="O5188" s="76"/>
      <c r="P5188" s="76"/>
      <c r="Q5188" s="65"/>
      <c r="R5188" s="76"/>
      <c r="S5188" s="76"/>
      <c r="T5188" s="76"/>
      <c r="U5188" s="76"/>
      <c r="V5188" s="76"/>
      <c r="W5188" s="76"/>
      <c r="X5188" s="76"/>
      <c r="Y5188" s="76"/>
      <c r="Z5188" s="76"/>
      <c r="AA5188" s="85"/>
      <c r="AB5188" s="85"/>
      <c r="AC5188" s="85"/>
      <c r="AD5188" s="85"/>
      <c r="AE5188" s="85"/>
      <c r="AF5188" s="85"/>
      <c r="AG5188" s="86"/>
      <c r="AH5188" s="85"/>
      <c r="AI5188" s="85"/>
      <c r="AJ5188" s="85"/>
      <c r="AK5188" s="85"/>
      <c r="AL5188" s="85"/>
      <c r="AM5188" s="92"/>
      <c r="AN5188" s="92"/>
      <c r="AO5188" s="92"/>
      <c r="AP5188" s="92"/>
      <c r="AQ5188" s="92"/>
      <c r="AR5188" s="92"/>
      <c r="AS5188" s="92"/>
      <c r="AT5188" s="92"/>
      <c r="AU5188" s="92"/>
      <c r="AV5188" s="92"/>
      <c r="AW5188" s="92"/>
      <c r="AX5188" s="92"/>
      <c r="AY5188" s="92"/>
      <c r="AZ5188" s="93"/>
      <c r="BA5188" s="93"/>
      <c r="BB5188" s="93"/>
      <c r="BC5188" s="93"/>
      <c r="BD5188" s="93"/>
      <c r="BE5188" s="93"/>
      <c r="BF5188" s="93"/>
      <c r="BG5188" s="93"/>
      <c r="BH5188" s="93"/>
      <c r="BI5188" s="93"/>
      <c r="BJ5188" s="93"/>
      <c r="BK5188" s="93"/>
      <c r="BL5188" s="93"/>
    </row>
    <row r="5189" spans="2:64" x14ac:dyDescent="0.2">
      <c r="B5189" s="43"/>
      <c r="C5189" s="73"/>
      <c r="D5189" s="64"/>
      <c r="E5189" s="55"/>
      <c r="F5189" s="74"/>
      <c r="G5189" s="74"/>
      <c r="H5189" s="74"/>
      <c r="I5189" s="75"/>
      <c r="J5189" s="74"/>
      <c r="L5189" s="55"/>
      <c r="M5189" s="234"/>
      <c r="N5189" s="65"/>
      <c r="O5189" s="76"/>
      <c r="P5189" s="76"/>
      <c r="Q5189" s="65"/>
      <c r="R5189" s="76"/>
      <c r="S5189" s="76"/>
      <c r="T5189" s="76"/>
      <c r="U5189" s="76"/>
      <c r="V5189" s="76"/>
      <c r="W5189" s="76"/>
      <c r="X5189" s="76"/>
      <c r="Y5189" s="76"/>
      <c r="Z5189" s="76"/>
      <c r="AA5189" s="85"/>
      <c r="AB5189" s="85"/>
      <c r="AC5189" s="85"/>
      <c r="AD5189" s="85"/>
      <c r="AE5189" s="85"/>
      <c r="AF5189" s="85"/>
      <c r="AG5189" s="86"/>
      <c r="AH5189" s="85"/>
      <c r="AI5189" s="85"/>
      <c r="AJ5189" s="85"/>
      <c r="AK5189" s="85"/>
      <c r="AL5189" s="85"/>
      <c r="AM5189" s="92"/>
      <c r="AN5189" s="92"/>
      <c r="AO5189" s="92"/>
      <c r="AP5189" s="92"/>
      <c r="AQ5189" s="92"/>
      <c r="AR5189" s="92"/>
      <c r="AS5189" s="92"/>
      <c r="AT5189" s="92"/>
      <c r="AU5189" s="92"/>
      <c r="AV5189" s="92"/>
      <c r="AW5189" s="92"/>
      <c r="AX5189" s="92"/>
      <c r="AY5189" s="92"/>
      <c r="AZ5189" s="93"/>
      <c r="BA5189" s="93"/>
      <c r="BB5189" s="93"/>
      <c r="BC5189" s="93"/>
      <c r="BD5189" s="93"/>
      <c r="BE5189" s="93"/>
      <c r="BF5189" s="93"/>
      <c r="BG5189" s="93"/>
      <c r="BH5189" s="93"/>
      <c r="BI5189" s="93"/>
      <c r="BJ5189" s="93"/>
      <c r="BK5189" s="93"/>
      <c r="BL5189" s="93"/>
    </row>
    <row r="5190" spans="2:64" x14ac:dyDescent="0.2">
      <c r="B5190" s="43"/>
      <c r="C5190" s="73"/>
      <c r="D5190" s="64"/>
      <c r="E5190" s="55"/>
      <c r="F5190" s="74"/>
      <c r="G5190" s="74"/>
      <c r="H5190" s="74"/>
      <c r="I5190" s="75"/>
      <c r="J5190" s="74"/>
      <c r="L5190" s="55"/>
      <c r="M5190" s="234"/>
      <c r="N5190" s="65"/>
      <c r="O5190" s="76"/>
      <c r="P5190" s="76"/>
      <c r="Q5190" s="65"/>
      <c r="R5190" s="76"/>
      <c r="S5190" s="76"/>
      <c r="T5190" s="76"/>
      <c r="U5190" s="76"/>
      <c r="V5190" s="76"/>
      <c r="W5190" s="76"/>
      <c r="X5190" s="76"/>
      <c r="Y5190" s="76"/>
      <c r="Z5190" s="76"/>
      <c r="AA5190" s="85"/>
      <c r="AB5190" s="85"/>
      <c r="AC5190" s="85"/>
      <c r="AD5190" s="85"/>
      <c r="AE5190" s="85"/>
      <c r="AF5190" s="85"/>
      <c r="AG5190" s="86"/>
      <c r="AH5190" s="85"/>
      <c r="AI5190" s="85"/>
      <c r="AJ5190" s="85"/>
      <c r="AK5190" s="85"/>
      <c r="AL5190" s="85"/>
      <c r="AM5190" s="92"/>
      <c r="AN5190" s="92"/>
      <c r="AO5190" s="92"/>
      <c r="AP5190" s="92"/>
      <c r="AQ5190" s="92"/>
      <c r="AR5190" s="92"/>
      <c r="AS5190" s="92"/>
      <c r="AT5190" s="92"/>
      <c r="AU5190" s="92"/>
      <c r="AV5190" s="92"/>
      <c r="AW5190" s="92"/>
      <c r="AX5190" s="92"/>
      <c r="AY5190" s="92"/>
      <c r="AZ5190" s="93"/>
      <c r="BA5190" s="93"/>
      <c r="BB5190" s="93"/>
      <c r="BC5190" s="93"/>
      <c r="BD5190" s="93"/>
      <c r="BE5190" s="93"/>
      <c r="BF5190" s="93"/>
      <c r="BG5190" s="93"/>
      <c r="BH5190" s="93"/>
      <c r="BI5190" s="93"/>
      <c r="BJ5190" s="93"/>
      <c r="BK5190" s="93"/>
      <c r="BL5190" s="93"/>
    </row>
    <row r="5191" spans="2:64" x14ac:dyDescent="0.2">
      <c r="B5191" s="43"/>
      <c r="C5191" s="73"/>
      <c r="D5191" s="64"/>
      <c r="E5191" s="55"/>
      <c r="F5191" s="74"/>
      <c r="G5191" s="74"/>
      <c r="H5191" s="74"/>
      <c r="I5191" s="75"/>
      <c r="J5191" s="74"/>
      <c r="L5191" s="55"/>
      <c r="M5191" s="234"/>
      <c r="N5191" s="65"/>
      <c r="O5191" s="76"/>
      <c r="P5191" s="76"/>
      <c r="Q5191" s="65"/>
      <c r="R5191" s="76"/>
      <c r="S5191" s="76"/>
      <c r="T5191" s="76"/>
      <c r="U5191" s="76"/>
      <c r="V5191" s="76"/>
      <c r="W5191" s="76"/>
      <c r="X5191" s="76"/>
      <c r="Y5191" s="76"/>
      <c r="Z5191" s="76"/>
      <c r="AA5191" s="85"/>
      <c r="AB5191" s="85"/>
      <c r="AC5191" s="85"/>
      <c r="AD5191" s="85"/>
      <c r="AE5191" s="85"/>
      <c r="AF5191" s="85"/>
      <c r="AG5191" s="86"/>
      <c r="AH5191" s="85"/>
      <c r="AI5191" s="85"/>
      <c r="AJ5191" s="85"/>
      <c r="AK5191" s="85"/>
      <c r="AL5191" s="85"/>
      <c r="AM5191" s="92"/>
      <c r="AN5191" s="92"/>
      <c r="AO5191" s="92"/>
      <c r="AP5191" s="92"/>
      <c r="AQ5191" s="92"/>
      <c r="AR5191" s="92"/>
      <c r="AS5191" s="92"/>
      <c r="AT5191" s="92"/>
      <c r="AU5191" s="92"/>
      <c r="AV5191" s="92"/>
      <c r="AW5191" s="92"/>
      <c r="AX5191" s="92"/>
      <c r="AY5191" s="92"/>
      <c r="AZ5191" s="93"/>
      <c r="BA5191" s="93"/>
      <c r="BB5191" s="93"/>
      <c r="BC5191" s="93"/>
      <c r="BD5191" s="93"/>
      <c r="BE5191" s="93"/>
      <c r="BF5191" s="93"/>
      <c r="BG5191" s="93"/>
      <c r="BH5191" s="93"/>
      <c r="BI5191" s="93"/>
      <c r="BJ5191" s="93"/>
      <c r="BK5191" s="93"/>
      <c r="BL5191" s="93"/>
    </row>
    <row r="5192" spans="2:64" x14ac:dyDescent="0.2">
      <c r="B5192" s="43"/>
      <c r="C5192" s="73"/>
      <c r="D5192" s="64"/>
      <c r="E5192" s="55"/>
      <c r="F5192" s="74"/>
      <c r="G5192" s="74"/>
      <c r="H5192" s="74"/>
      <c r="I5192" s="75"/>
      <c r="J5192" s="74"/>
      <c r="L5192" s="55"/>
      <c r="M5192" s="234"/>
      <c r="N5192" s="65"/>
      <c r="O5192" s="76"/>
      <c r="P5192" s="76"/>
      <c r="Q5192" s="65"/>
      <c r="R5192" s="76"/>
      <c r="S5192" s="76"/>
      <c r="T5192" s="76"/>
      <c r="U5192" s="76"/>
      <c r="V5192" s="76"/>
      <c r="W5192" s="76"/>
      <c r="X5192" s="76"/>
      <c r="Y5192" s="76"/>
      <c r="Z5192" s="76"/>
      <c r="AA5192" s="85"/>
      <c r="AB5192" s="85"/>
      <c r="AC5192" s="85"/>
      <c r="AD5192" s="85"/>
      <c r="AE5192" s="85"/>
      <c r="AF5192" s="85"/>
      <c r="AG5192" s="86"/>
      <c r="AH5192" s="85"/>
      <c r="AI5192" s="85"/>
      <c r="AJ5192" s="85"/>
      <c r="AK5192" s="85"/>
      <c r="AL5192" s="85"/>
      <c r="AM5192" s="92"/>
      <c r="AN5192" s="92"/>
      <c r="AO5192" s="92"/>
      <c r="AP5192" s="92"/>
      <c r="AQ5192" s="92"/>
      <c r="AR5192" s="92"/>
      <c r="AS5192" s="92"/>
      <c r="AT5192" s="92"/>
      <c r="AU5192" s="92"/>
      <c r="AV5192" s="92"/>
      <c r="AW5192" s="92"/>
      <c r="AX5192" s="92"/>
      <c r="AY5192" s="92"/>
      <c r="AZ5192" s="93"/>
      <c r="BA5192" s="93"/>
      <c r="BB5192" s="93"/>
      <c r="BC5192" s="93"/>
      <c r="BD5192" s="93"/>
      <c r="BE5192" s="93"/>
      <c r="BF5192" s="93"/>
      <c r="BG5192" s="93"/>
      <c r="BH5192" s="93"/>
      <c r="BI5192" s="93"/>
      <c r="BJ5192" s="93"/>
      <c r="BK5192" s="93"/>
      <c r="BL5192" s="93"/>
    </row>
    <row r="5193" spans="2:64" x14ac:dyDescent="0.2">
      <c r="B5193" s="43"/>
      <c r="C5193" s="73"/>
      <c r="D5193" s="64"/>
      <c r="E5193" s="55"/>
      <c r="F5193" s="74"/>
      <c r="G5193" s="74"/>
      <c r="H5193" s="74"/>
      <c r="I5193" s="75"/>
      <c r="J5193" s="74"/>
      <c r="L5193" s="55"/>
      <c r="M5193" s="234"/>
      <c r="N5193" s="65"/>
      <c r="O5193" s="76"/>
      <c r="P5193" s="76"/>
      <c r="Q5193" s="65"/>
      <c r="R5193" s="76"/>
      <c r="S5193" s="76"/>
      <c r="T5193" s="76"/>
      <c r="U5193" s="76"/>
      <c r="V5193" s="76"/>
      <c r="W5193" s="76"/>
      <c r="X5193" s="76"/>
      <c r="Y5193" s="76"/>
      <c r="Z5193" s="76"/>
      <c r="AA5193" s="85"/>
      <c r="AB5193" s="85"/>
      <c r="AC5193" s="85"/>
      <c r="AD5193" s="85"/>
      <c r="AE5193" s="85"/>
      <c r="AF5193" s="85"/>
      <c r="AG5193" s="86"/>
      <c r="AH5193" s="85"/>
      <c r="AI5193" s="85"/>
      <c r="AJ5193" s="85"/>
      <c r="AK5193" s="85"/>
      <c r="AL5193" s="85"/>
      <c r="AM5193" s="92"/>
      <c r="AN5193" s="92"/>
      <c r="AO5193" s="92"/>
      <c r="AP5193" s="92"/>
      <c r="AQ5193" s="92"/>
      <c r="AR5193" s="92"/>
      <c r="AS5193" s="92"/>
      <c r="AT5193" s="92"/>
      <c r="AU5193" s="92"/>
      <c r="AV5193" s="92"/>
      <c r="AW5193" s="92"/>
      <c r="AX5193" s="92"/>
      <c r="AY5193" s="92"/>
      <c r="AZ5193" s="93"/>
      <c r="BA5193" s="93"/>
      <c r="BB5193" s="93"/>
      <c r="BC5193" s="93"/>
      <c r="BD5193" s="93"/>
      <c r="BE5193" s="93"/>
      <c r="BF5193" s="93"/>
      <c r="BG5193" s="93"/>
      <c r="BH5193" s="93"/>
      <c r="BI5193" s="93"/>
      <c r="BJ5193" s="93"/>
      <c r="BK5193" s="93"/>
      <c r="BL5193" s="93"/>
    </row>
    <row r="5194" spans="2:64" x14ac:dyDescent="0.2">
      <c r="B5194" s="43"/>
      <c r="C5194" s="73"/>
      <c r="D5194" s="64"/>
      <c r="E5194" s="55"/>
      <c r="F5194" s="74"/>
      <c r="G5194" s="74"/>
      <c r="H5194" s="74"/>
      <c r="I5194" s="75"/>
      <c r="J5194" s="74"/>
      <c r="L5194" s="55"/>
      <c r="M5194" s="234"/>
      <c r="N5194" s="65"/>
      <c r="O5194" s="76"/>
      <c r="P5194" s="76"/>
      <c r="Q5194" s="65"/>
      <c r="R5194" s="76"/>
      <c r="S5194" s="76"/>
      <c r="T5194" s="76"/>
      <c r="U5194" s="76"/>
      <c r="V5194" s="76"/>
      <c r="W5194" s="76"/>
      <c r="X5194" s="76"/>
      <c r="Y5194" s="76"/>
      <c r="Z5194" s="76"/>
      <c r="AA5194" s="85"/>
      <c r="AB5194" s="85"/>
      <c r="AC5194" s="85"/>
      <c r="AD5194" s="85"/>
      <c r="AE5194" s="85"/>
      <c r="AF5194" s="85"/>
      <c r="AG5194" s="86"/>
      <c r="AH5194" s="85"/>
      <c r="AI5194" s="85"/>
      <c r="AJ5194" s="85"/>
      <c r="AK5194" s="85"/>
      <c r="AL5194" s="85"/>
      <c r="AM5194" s="92"/>
      <c r="AN5194" s="92"/>
      <c r="AO5194" s="92"/>
      <c r="AP5194" s="92"/>
      <c r="AQ5194" s="92"/>
      <c r="AR5194" s="92"/>
      <c r="AS5194" s="92"/>
      <c r="AT5194" s="92"/>
      <c r="AU5194" s="92"/>
      <c r="AV5194" s="92"/>
      <c r="AW5194" s="92"/>
      <c r="AX5194" s="92"/>
      <c r="AY5194" s="92"/>
      <c r="AZ5194" s="93"/>
      <c r="BA5194" s="93"/>
      <c r="BB5194" s="93"/>
      <c r="BC5194" s="93"/>
      <c r="BD5194" s="93"/>
      <c r="BE5194" s="93"/>
      <c r="BF5194" s="93"/>
      <c r="BG5194" s="93"/>
      <c r="BH5194" s="93"/>
      <c r="BI5194" s="93"/>
      <c r="BJ5194" s="93"/>
      <c r="BK5194" s="93"/>
      <c r="BL5194" s="93"/>
    </row>
    <row r="5195" spans="2:64" x14ac:dyDescent="0.2">
      <c r="B5195" s="43"/>
      <c r="C5195" s="73"/>
      <c r="D5195" s="64"/>
      <c r="E5195" s="55"/>
      <c r="F5195" s="74"/>
      <c r="G5195" s="74"/>
      <c r="H5195" s="74"/>
      <c r="I5195" s="75"/>
      <c r="J5195" s="74"/>
      <c r="L5195" s="55"/>
      <c r="M5195" s="234"/>
      <c r="N5195" s="65"/>
      <c r="O5195" s="76"/>
      <c r="P5195" s="76"/>
      <c r="Q5195" s="65"/>
      <c r="R5195" s="76"/>
      <c r="S5195" s="76"/>
      <c r="T5195" s="76"/>
      <c r="U5195" s="76"/>
      <c r="V5195" s="76"/>
      <c r="W5195" s="76"/>
      <c r="X5195" s="76"/>
      <c r="Y5195" s="76"/>
      <c r="Z5195" s="76"/>
      <c r="AA5195" s="85"/>
      <c r="AB5195" s="85"/>
      <c r="AC5195" s="85"/>
      <c r="AD5195" s="85"/>
      <c r="AE5195" s="85"/>
      <c r="AF5195" s="85"/>
      <c r="AG5195" s="86"/>
      <c r="AH5195" s="85"/>
      <c r="AI5195" s="85"/>
      <c r="AJ5195" s="85"/>
      <c r="AK5195" s="85"/>
      <c r="AL5195" s="85"/>
      <c r="AM5195" s="92"/>
      <c r="AN5195" s="92"/>
      <c r="AO5195" s="92"/>
      <c r="AP5195" s="92"/>
      <c r="AQ5195" s="92"/>
      <c r="AR5195" s="92"/>
      <c r="AS5195" s="92"/>
      <c r="AT5195" s="92"/>
      <c r="AU5195" s="92"/>
      <c r="AV5195" s="92"/>
      <c r="AW5195" s="92"/>
      <c r="AX5195" s="92"/>
      <c r="AY5195" s="92"/>
      <c r="AZ5195" s="93"/>
      <c r="BA5195" s="93"/>
      <c r="BB5195" s="93"/>
      <c r="BC5195" s="93"/>
      <c r="BD5195" s="93"/>
      <c r="BE5195" s="93"/>
      <c r="BF5195" s="93"/>
      <c r="BG5195" s="93"/>
      <c r="BH5195" s="93"/>
      <c r="BI5195" s="93"/>
      <c r="BJ5195" s="93"/>
      <c r="BK5195" s="93"/>
      <c r="BL5195" s="93"/>
    </row>
    <row r="5196" spans="2:64" x14ac:dyDescent="0.2">
      <c r="B5196" s="43"/>
      <c r="C5196" s="73"/>
      <c r="D5196" s="64"/>
      <c r="E5196" s="55"/>
      <c r="F5196" s="74"/>
      <c r="G5196" s="74"/>
      <c r="H5196" s="74"/>
      <c r="I5196" s="75"/>
      <c r="J5196" s="74"/>
      <c r="L5196" s="55"/>
      <c r="M5196" s="234"/>
      <c r="N5196" s="65"/>
      <c r="O5196" s="76"/>
      <c r="P5196" s="76"/>
      <c r="Q5196" s="65"/>
      <c r="R5196" s="76"/>
      <c r="S5196" s="76"/>
      <c r="T5196" s="76"/>
      <c r="U5196" s="76"/>
      <c r="V5196" s="76"/>
      <c r="W5196" s="76"/>
      <c r="X5196" s="76"/>
      <c r="Y5196" s="76"/>
      <c r="Z5196" s="76"/>
      <c r="AA5196" s="85"/>
      <c r="AB5196" s="85"/>
      <c r="AC5196" s="85"/>
      <c r="AD5196" s="85"/>
      <c r="AE5196" s="85"/>
      <c r="AF5196" s="85"/>
      <c r="AG5196" s="86"/>
      <c r="AH5196" s="85"/>
      <c r="AI5196" s="85"/>
      <c r="AJ5196" s="85"/>
      <c r="AK5196" s="85"/>
      <c r="AL5196" s="85"/>
      <c r="AM5196" s="92"/>
      <c r="AN5196" s="92"/>
      <c r="AO5196" s="92"/>
      <c r="AP5196" s="92"/>
      <c r="AQ5196" s="92"/>
      <c r="AR5196" s="92"/>
      <c r="AS5196" s="92"/>
      <c r="AT5196" s="92"/>
      <c r="AU5196" s="92"/>
      <c r="AV5196" s="92"/>
      <c r="AW5196" s="92"/>
      <c r="AX5196" s="92"/>
      <c r="AY5196" s="92"/>
      <c r="AZ5196" s="93"/>
      <c r="BA5196" s="93"/>
      <c r="BB5196" s="93"/>
      <c r="BC5196" s="93"/>
      <c r="BD5196" s="93"/>
      <c r="BE5196" s="93"/>
      <c r="BF5196" s="93"/>
      <c r="BG5196" s="93"/>
      <c r="BH5196" s="93"/>
      <c r="BI5196" s="93"/>
      <c r="BJ5196" s="93"/>
      <c r="BK5196" s="93"/>
      <c r="BL5196" s="93"/>
    </row>
    <row r="5197" spans="2:64" x14ac:dyDescent="0.2">
      <c r="B5197" s="43"/>
      <c r="C5197" s="73"/>
      <c r="D5197" s="64"/>
      <c r="E5197" s="55"/>
      <c r="F5197" s="74"/>
      <c r="G5197" s="74"/>
      <c r="H5197" s="74"/>
      <c r="I5197" s="75"/>
      <c r="J5197" s="74"/>
      <c r="L5197" s="55"/>
      <c r="M5197" s="234"/>
      <c r="N5197" s="65"/>
      <c r="O5197" s="76"/>
      <c r="P5197" s="76"/>
      <c r="Q5197" s="65"/>
      <c r="R5197" s="76"/>
      <c r="S5197" s="76"/>
      <c r="T5197" s="76"/>
      <c r="U5197" s="76"/>
      <c r="V5197" s="76"/>
      <c r="W5197" s="76"/>
      <c r="X5197" s="76"/>
      <c r="Y5197" s="76"/>
      <c r="Z5197" s="76"/>
      <c r="AA5197" s="85"/>
      <c r="AB5197" s="85"/>
      <c r="AC5197" s="85"/>
      <c r="AD5197" s="85"/>
      <c r="AE5197" s="85"/>
      <c r="AF5197" s="85"/>
      <c r="AG5197" s="86"/>
      <c r="AH5197" s="85"/>
      <c r="AI5197" s="85"/>
      <c r="AJ5197" s="85"/>
      <c r="AK5197" s="85"/>
      <c r="AL5197" s="85"/>
      <c r="AM5197" s="92"/>
      <c r="AN5197" s="92"/>
      <c r="AO5197" s="92"/>
      <c r="AP5197" s="92"/>
      <c r="AQ5197" s="92"/>
      <c r="AR5197" s="92"/>
      <c r="AS5197" s="92"/>
      <c r="AT5197" s="92"/>
      <c r="AU5197" s="92"/>
      <c r="AV5197" s="92"/>
      <c r="AW5197" s="92"/>
      <c r="AX5197" s="92"/>
      <c r="AY5197" s="92"/>
      <c r="AZ5197" s="93"/>
      <c r="BA5197" s="93"/>
      <c r="BB5197" s="93"/>
      <c r="BC5197" s="93"/>
      <c r="BD5197" s="93"/>
      <c r="BE5197" s="93"/>
      <c r="BF5197" s="93"/>
      <c r="BG5197" s="93"/>
      <c r="BH5197" s="93"/>
      <c r="BI5197" s="93"/>
      <c r="BJ5197" s="93"/>
      <c r="BK5197" s="93"/>
      <c r="BL5197" s="93"/>
    </row>
    <row r="5198" spans="2:64" x14ac:dyDescent="0.2">
      <c r="B5198" s="43"/>
      <c r="C5198" s="73"/>
      <c r="D5198" s="64"/>
      <c r="E5198" s="55"/>
      <c r="F5198" s="74"/>
      <c r="G5198" s="74"/>
      <c r="H5198" s="74"/>
      <c r="I5198" s="75"/>
      <c r="J5198" s="74"/>
      <c r="L5198" s="55"/>
      <c r="M5198" s="234"/>
      <c r="N5198" s="65"/>
      <c r="O5198" s="76"/>
      <c r="P5198" s="76"/>
      <c r="Q5198" s="65"/>
      <c r="R5198" s="76"/>
      <c r="S5198" s="76"/>
      <c r="T5198" s="76"/>
      <c r="U5198" s="76"/>
      <c r="V5198" s="76"/>
      <c r="W5198" s="76"/>
      <c r="X5198" s="76"/>
      <c r="Y5198" s="76"/>
      <c r="Z5198" s="76"/>
      <c r="AA5198" s="85"/>
      <c r="AB5198" s="85"/>
      <c r="AC5198" s="85"/>
      <c r="AD5198" s="85"/>
      <c r="AE5198" s="85"/>
      <c r="AF5198" s="85"/>
      <c r="AG5198" s="86"/>
      <c r="AH5198" s="85"/>
      <c r="AI5198" s="85"/>
      <c r="AJ5198" s="85"/>
      <c r="AK5198" s="85"/>
      <c r="AL5198" s="85"/>
      <c r="AM5198" s="92"/>
      <c r="AN5198" s="92"/>
      <c r="AO5198" s="92"/>
      <c r="AP5198" s="92"/>
      <c r="AQ5198" s="92"/>
      <c r="AR5198" s="92"/>
      <c r="AS5198" s="92"/>
      <c r="AT5198" s="92"/>
      <c r="AU5198" s="92"/>
      <c r="AV5198" s="92"/>
      <c r="AW5198" s="92"/>
      <c r="AX5198" s="92"/>
      <c r="AY5198" s="92"/>
      <c r="AZ5198" s="93"/>
      <c r="BA5198" s="93"/>
      <c r="BB5198" s="93"/>
      <c r="BC5198" s="93"/>
      <c r="BD5198" s="93"/>
      <c r="BE5198" s="93"/>
      <c r="BF5198" s="93"/>
      <c r="BG5198" s="93"/>
      <c r="BH5198" s="93"/>
      <c r="BI5198" s="93"/>
      <c r="BJ5198" s="93"/>
      <c r="BK5198" s="93"/>
      <c r="BL5198" s="93"/>
    </row>
    <row r="5199" spans="2:64" x14ac:dyDescent="0.2">
      <c r="B5199" s="43"/>
      <c r="C5199" s="73"/>
      <c r="D5199" s="64"/>
      <c r="E5199" s="55"/>
      <c r="F5199" s="74"/>
      <c r="G5199" s="74"/>
      <c r="H5199" s="74"/>
      <c r="I5199" s="75"/>
      <c r="J5199" s="74"/>
      <c r="L5199" s="55"/>
      <c r="M5199" s="234"/>
      <c r="N5199" s="65"/>
      <c r="O5199" s="76"/>
      <c r="P5199" s="76"/>
      <c r="Q5199" s="65"/>
      <c r="R5199" s="76"/>
      <c r="S5199" s="76"/>
      <c r="T5199" s="76"/>
      <c r="U5199" s="76"/>
      <c r="V5199" s="76"/>
      <c r="W5199" s="76"/>
      <c r="X5199" s="76"/>
      <c r="Y5199" s="76"/>
      <c r="Z5199" s="76"/>
      <c r="AA5199" s="85"/>
      <c r="AB5199" s="85"/>
      <c r="AC5199" s="85"/>
      <c r="AD5199" s="85"/>
      <c r="AE5199" s="85"/>
      <c r="AF5199" s="85"/>
      <c r="AG5199" s="86"/>
      <c r="AH5199" s="85"/>
      <c r="AI5199" s="85"/>
      <c r="AJ5199" s="85"/>
      <c r="AK5199" s="85"/>
      <c r="AL5199" s="85"/>
      <c r="AM5199" s="92"/>
      <c r="AN5199" s="92"/>
      <c r="AO5199" s="92"/>
      <c r="AP5199" s="92"/>
      <c r="AQ5199" s="92"/>
      <c r="AR5199" s="92"/>
      <c r="AS5199" s="92"/>
      <c r="AT5199" s="92"/>
      <c r="AU5199" s="92"/>
      <c r="AV5199" s="92"/>
      <c r="AW5199" s="92"/>
      <c r="AX5199" s="92"/>
      <c r="AY5199" s="92"/>
      <c r="AZ5199" s="93"/>
      <c r="BA5199" s="93"/>
      <c r="BB5199" s="93"/>
      <c r="BC5199" s="93"/>
      <c r="BD5199" s="93"/>
      <c r="BE5199" s="93"/>
      <c r="BF5199" s="93"/>
      <c r="BG5199" s="93"/>
      <c r="BH5199" s="93"/>
      <c r="BI5199" s="93"/>
      <c r="BJ5199" s="93"/>
      <c r="BK5199" s="93"/>
      <c r="BL5199" s="93"/>
    </row>
    <row r="5200" spans="2:64" x14ac:dyDescent="0.2">
      <c r="B5200" s="43"/>
      <c r="C5200" s="73"/>
      <c r="D5200" s="64"/>
      <c r="E5200" s="55"/>
      <c r="F5200" s="74"/>
      <c r="G5200" s="74"/>
      <c r="H5200" s="74"/>
      <c r="I5200" s="75"/>
      <c r="J5200" s="74"/>
      <c r="L5200" s="55"/>
      <c r="M5200" s="234"/>
      <c r="N5200" s="65"/>
      <c r="O5200" s="76"/>
      <c r="P5200" s="76"/>
      <c r="Q5200" s="65"/>
      <c r="R5200" s="76"/>
      <c r="S5200" s="76"/>
      <c r="T5200" s="76"/>
      <c r="U5200" s="76"/>
      <c r="V5200" s="76"/>
      <c r="W5200" s="76"/>
      <c r="X5200" s="76"/>
      <c r="Y5200" s="76"/>
      <c r="Z5200" s="76"/>
      <c r="AA5200" s="85"/>
      <c r="AB5200" s="85"/>
      <c r="AC5200" s="85"/>
      <c r="AD5200" s="85"/>
      <c r="AE5200" s="85"/>
      <c r="AF5200" s="85"/>
      <c r="AG5200" s="86"/>
      <c r="AH5200" s="85"/>
      <c r="AI5200" s="85"/>
      <c r="AJ5200" s="85"/>
      <c r="AK5200" s="85"/>
      <c r="AL5200" s="85"/>
      <c r="AM5200" s="92"/>
      <c r="AN5200" s="92"/>
      <c r="AO5200" s="92"/>
      <c r="AP5200" s="92"/>
      <c r="AQ5200" s="92"/>
      <c r="AR5200" s="92"/>
      <c r="AS5200" s="92"/>
      <c r="AT5200" s="92"/>
      <c r="AU5200" s="92"/>
      <c r="AV5200" s="92"/>
      <c r="AW5200" s="92"/>
      <c r="AX5200" s="92"/>
      <c r="AY5200" s="92"/>
      <c r="AZ5200" s="93"/>
      <c r="BA5200" s="93"/>
      <c r="BB5200" s="93"/>
      <c r="BC5200" s="93"/>
      <c r="BD5200" s="93"/>
      <c r="BE5200" s="93"/>
      <c r="BF5200" s="93"/>
      <c r="BG5200" s="93"/>
      <c r="BH5200" s="93"/>
      <c r="BI5200" s="93"/>
      <c r="BJ5200" s="93"/>
      <c r="BK5200" s="93"/>
      <c r="BL5200" s="93"/>
    </row>
    <row r="5201" spans="2:64" x14ac:dyDescent="0.2">
      <c r="B5201" s="43"/>
      <c r="C5201" s="73"/>
      <c r="D5201" s="64"/>
      <c r="E5201" s="55"/>
      <c r="F5201" s="74"/>
      <c r="G5201" s="74"/>
      <c r="H5201" s="74"/>
      <c r="I5201" s="75"/>
      <c r="J5201" s="74"/>
      <c r="L5201" s="55"/>
      <c r="M5201" s="234"/>
      <c r="N5201" s="65"/>
      <c r="O5201" s="76"/>
      <c r="P5201" s="76"/>
      <c r="Q5201" s="65"/>
      <c r="R5201" s="76"/>
      <c r="S5201" s="76"/>
      <c r="T5201" s="76"/>
      <c r="U5201" s="76"/>
      <c r="V5201" s="76"/>
      <c r="W5201" s="76"/>
      <c r="X5201" s="76"/>
      <c r="Y5201" s="76"/>
      <c r="Z5201" s="76"/>
      <c r="AA5201" s="85"/>
      <c r="AB5201" s="85"/>
      <c r="AC5201" s="85"/>
      <c r="AD5201" s="85"/>
      <c r="AE5201" s="85"/>
      <c r="AF5201" s="85"/>
      <c r="AG5201" s="86"/>
      <c r="AH5201" s="85"/>
      <c r="AI5201" s="85"/>
      <c r="AJ5201" s="85"/>
      <c r="AK5201" s="85"/>
      <c r="AL5201" s="85"/>
      <c r="AM5201" s="92"/>
      <c r="AN5201" s="92"/>
      <c r="AO5201" s="92"/>
      <c r="AP5201" s="92"/>
      <c r="AQ5201" s="92"/>
      <c r="AR5201" s="92"/>
      <c r="AS5201" s="92"/>
      <c r="AT5201" s="92"/>
      <c r="AU5201" s="92"/>
      <c r="AV5201" s="92"/>
      <c r="AW5201" s="92"/>
      <c r="AX5201" s="92"/>
      <c r="AY5201" s="92"/>
      <c r="AZ5201" s="93"/>
      <c r="BA5201" s="93"/>
      <c r="BB5201" s="93"/>
      <c r="BC5201" s="93"/>
      <c r="BD5201" s="93"/>
      <c r="BE5201" s="93"/>
      <c r="BF5201" s="93"/>
      <c r="BG5201" s="93"/>
      <c r="BH5201" s="93"/>
      <c r="BI5201" s="93"/>
      <c r="BJ5201" s="93"/>
      <c r="BK5201" s="93"/>
      <c r="BL5201" s="93"/>
    </row>
    <row r="5202" spans="2:64" x14ac:dyDescent="0.2">
      <c r="B5202" s="43"/>
      <c r="C5202" s="73"/>
      <c r="D5202" s="64"/>
      <c r="E5202" s="55"/>
      <c r="F5202" s="74"/>
      <c r="G5202" s="74"/>
      <c r="H5202" s="74"/>
      <c r="I5202" s="75"/>
      <c r="J5202" s="74"/>
      <c r="L5202" s="55"/>
      <c r="M5202" s="234"/>
      <c r="N5202" s="65"/>
      <c r="O5202" s="76"/>
      <c r="P5202" s="76"/>
      <c r="Q5202" s="65"/>
      <c r="R5202" s="76"/>
      <c r="S5202" s="76"/>
      <c r="T5202" s="76"/>
      <c r="U5202" s="76"/>
      <c r="V5202" s="76"/>
      <c r="W5202" s="76"/>
      <c r="X5202" s="76"/>
      <c r="Y5202" s="76"/>
      <c r="Z5202" s="76"/>
      <c r="AA5202" s="85"/>
      <c r="AB5202" s="85"/>
      <c r="AC5202" s="85"/>
      <c r="AD5202" s="85"/>
      <c r="AE5202" s="85"/>
      <c r="AF5202" s="85"/>
      <c r="AG5202" s="86"/>
      <c r="AH5202" s="85"/>
      <c r="AI5202" s="85"/>
      <c r="AJ5202" s="85"/>
      <c r="AK5202" s="85"/>
      <c r="AL5202" s="85"/>
      <c r="AM5202" s="92"/>
      <c r="AN5202" s="92"/>
      <c r="AO5202" s="92"/>
      <c r="AP5202" s="92"/>
      <c r="AQ5202" s="92"/>
      <c r="AR5202" s="92"/>
      <c r="AS5202" s="92"/>
      <c r="AT5202" s="92"/>
      <c r="AU5202" s="92"/>
      <c r="AV5202" s="92"/>
      <c r="AW5202" s="92"/>
      <c r="AX5202" s="92"/>
      <c r="AY5202" s="92"/>
      <c r="AZ5202" s="93"/>
      <c r="BA5202" s="93"/>
      <c r="BB5202" s="93"/>
      <c r="BC5202" s="93"/>
      <c r="BD5202" s="93"/>
      <c r="BE5202" s="93"/>
      <c r="BF5202" s="93"/>
      <c r="BG5202" s="93"/>
      <c r="BH5202" s="93"/>
      <c r="BI5202" s="93"/>
      <c r="BJ5202" s="93"/>
      <c r="BK5202" s="93"/>
      <c r="BL5202" s="93"/>
    </row>
    <row r="5203" spans="2:64" x14ac:dyDescent="0.2">
      <c r="B5203" s="43"/>
      <c r="C5203" s="73"/>
      <c r="D5203" s="64"/>
      <c r="E5203" s="55"/>
      <c r="F5203" s="74"/>
      <c r="G5203" s="74"/>
      <c r="H5203" s="74"/>
      <c r="I5203" s="75"/>
      <c r="J5203" s="74"/>
      <c r="L5203" s="55"/>
      <c r="M5203" s="234"/>
      <c r="N5203" s="65"/>
      <c r="O5203" s="76"/>
      <c r="P5203" s="76"/>
      <c r="Q5203" s="65"/>
      <c r="R5203" s="76"/>
      <c r="S5203" s="76"/>
      <c r="T5203" s="76"/>
      <c r="U5203" s="76"/>
      <c r="V5203" s="76"/>
      <c r="W5203" s="76"/>
      <c r="X5203" s="76"/>
      <c r="Y5203" s="76"/>
      <c r="Z5203" s="76"/>
      <c r="AA5203" s="85"/>
      <c r="AB5203" s="85"/>
      <c r="AC5203" s="85"/>
      <c r="AD5203" s="85"/>
      <c r="AE5203" s="85"/>
      <c r="AF5203" s="85"/>
      <c r="AG5203" s="86"/>
      <c r="AH5203" s="85"/>
      <c r="AI5203" s="85"/>
      <c r="AJ5203" s="85"/>
      <c r="AK5203" s="85"/>
      <c r="AL5203" s="85"/>
      <c r="AM5203" s="92"/>
      <c r="AN5203" s="92"/>
      <c r="AO5203" s="92"/>
      <c r="AP5203" s="92"/>
      <c r="AQ5203" s="92"/>
      <c r="AR5203" s="92"/>
      <c r="AS5203" s="92"/>
      <c r="AT5203" s="92"/>
      <c r="AU5203" s="92"/>
      <c r="AV5203" s="92"/>
      <c r="AW5203" s="92"/>
      <c r="AX5203" s="92"/>
      <c r="AY5203" s="92"/>
      <c r="AZ5203" s="93"/>
      <c r="BA5203" s="93"/>
      <c r="BB5203" s="93"/>
      <c r="BC5203" s="93"/>
      <c r="BD5203" s="93"/>
      <c r="BE5203" s="93"/>
      <c r="BF5203" s="93"/>
      <c r="BG5203" s="93"/>
      <c r="BH5203" s="93"/>
      <c r="BI5203" s="93"/>
      <c r="BJ5203" s="93"/>
      <c r="BK5203" s="93"/>
      <c r="BL5203" s="93"/>
    </row>
    <row r="5204" spans="2:64" x14ac:dyDescent="0.2">
      <c r="B5204" s="43"/>
      <c r="C5204" s="73"/>
      <c r="D5204" s="64"/>
      <c r="E5204" s="55"/>
      <c r="F5204" s="74"/>
      <c r="G5204" s="74"/>
      <c r="H5204" s="74"/>
      <c r="I5204" s="75"/>
      <c r="J5204" s="74"/>
      <c r="L5204" s="55"/>
      <c r="M5204" s="234"/>
      <c r="N5204" s="65"/>
      <c r="O5204" s="76"/>
      <c r="P5204" s="76"/>
      <c r="Q5204" s="65"/>
      <c r="R5204" s="76"/>
      <c r="S5204" s="76"/>
      <c r="T5204" s="76"/>
      <c r="U5204" s="76"/>
      <c r="V5204" s="76"/>
      <c r="W5204" s="76"/>
      <c r="X5204" s="76"/>
      <c r="Y5204" s="76"/>
      <c r="Z5204" s="76"/>
      <c r="AA5204" s="85"/>
      <c r="AB5204" s="85"/>
      <c r="AC5204" s="85"/>
      <c r="AD5204" s="85"/>
      <c r="AE5204" s="85"/>
      <c r="AF5204" s="85"/>
      <c r="AG5204" s="86"/>
      <c r="AH5204" s="85"/>
      <c r="AI5204" s="85"/>
      <c r="AJ5204" s="85"/>
      <c r="AK5204" s="85"/>
      <c r="AL5204" s="85"/>
      <c r="AM5204" s="92"/>
      <c r="AN5204" s="92"/>
      <c r="AO5204" s="92"/>
      <c r="AP5204" s="92"/>
      <c r="AQ5204" s="92"/>
      <c r="AR5204" s="92"/>
      <c r="AS5204" s="92"/>
      <c r="AT5204" s="92"/>
      <c r="AU5204" s="92"/>
      <c r="AV5204" s="92"/>
      <c r="AW5204" s="92"/>
      <c r="AX5204" s="92"/>
      <c r="AY5204" s="92"/>
      <c r="AZ5204" s="93"/>
      <c r="BA5204" s="93"/>
      <c r="BB5204" s="93"/>
      <c r="BC5204" s="93"/>
      <c r="BD5204" s="93"/>
      <c r="BE5204" s="93"/>
      <c r="BF5204" s="93"/>
      <c r="BG5204" s="93"/>
      <c r="BH5204" s="93"/>
      <c r="BI5204" s="93"/>
      <c r="BJ5204" s="93"/>
      <c r="BK5204" s="93"/>
      <c r="BL5204" s="93"/>
    </row>
    <row r="5205" spans="2:64" x14ac:dyDescent="0.2">
      <c r="B5205" s="43"/>
      <c r="C5205" s="73"/>
      <c r="D5205" s="64"/>
      <c r="E5205" s="55"/>
      <c r="F5205" s="74"/>
      <c r="G5205" s="74"/>
      <c r="H5205" s="74"/>
      <c r="I5205" s="75"/>
      <c r="J5205" s="74"/>
      <c r="L5205" s="55"/>
      <c r="M5205" s="234"/>
      <c r="N5205" s="65"/>
      <c r="O5205" s="76"/>
      <c r="P5205" s="76"/>
      <c r="Q5205" s="65"/>
      <c r="R5205" s="76"/>
      <c r="S5205" s="76"/>
      <c r="T5205" s="76"/>
      <c r="U5205" s="76"/>
      <c r="V5205" s="76"/>
      <c r="W5205" s="76"/>
      <c r="X5205" s="76"/>
      <c r="Y5205" s="76"/>
      <c r="Z5205" s="76"/>
      <c r="AA5205" s="85"/>
      <c r="AB5205" s="85"/>
      <c r="AC5205" s="85"/>
      <c r="AD5205" s="85"/>
      <c r="AE5205" s="85"/>
      <c r="AF5205" s="85"/>
      <c r="AG5205" s="86"/>
      <c r="AH5205" s="85"/>
      <c r="AI5205" s="85"/>
      <c r="AJ5205" s="85"/>
      <c r="AK5205" s="85"/>
      <c r="AL5205" s="85"/>
      <c r="AM5205" s="92"/>
      <c r="AN5205" s="92"/>
      <c r="AO5205" s="92"/>
      <c r="AP5205" s="92"/>
      <c r="AQ5205" s="92"/>
      <c r="AR5205" s="92"/>
      <c r="AS5205" s="92"/>
      <c r="AT5205" s="92"/>
      <c r="AU5205" s="92"/>
      <c r="AV5205" s="92"/>
      <c r="AW5205" s="92"/>
      <c r="AX5205" s="92"/>
      <c r="AY5205" s="92"/>
      <c r="AZ5205" s="93"/>
      <c r="BA5205" s="93"/>
      <c r="BB5205" s="93"/>
      <c r="BC5205" s="93"/>
      <c r="BD5205" s="93"/>
      <c r="BE5205" s="93"/>
      <c r="BF5205" s="93"/>
      <c r="BG5205" s="93"/>
      <c r="BH5205" s="93"/>
      <c r="BI5205" s="93"/>
      <c r="BJ5205" s="93"/>
      <c r="BK5205" s="93"/>
      <c r="BL5205" s="93"/>
    </row>
    <row r="5206" spans="2:64" x14ac:dyDescent="0.2">
      <c r="B5206" s="43"/>
      <c r="C5206" s="73"/>
      <c r="D5206" s="64"/>
      <c r="E5206" s="55"/>
      <c r="F5206" s="74"/>
      <c r="G5206" s="74"/>
      <c r="H5206" s="74"/>
      <c r="I5206" s="75"/>
      <c r="J5206" s="74"/>
      <c r="L5206" s="55"/>
      <c r="M5206" s="234"/>
      <c r="N5206" s="65"/>
      <c r="O5206" s="76"/>
      <c r="P5206" s="76"/>
      <c r="Q5206" s="65"/>
      <c r="R5206" s="76"/>
      <c r="S5206" s="76"/>
      <c r="T5206" s="76"/>
      <c r="U5206" s="76"/>
      <c r="V5206" s="76"/>
      <c r="W5206" s="76"/>
      <c r="X5206" s="76"/>
      <c r="Y5206" s="76"/>
      <c r="Z5206" s="76"/>
      <c r="AA5206" s="85"/>
      <c r="AB5206" s="85"/>
      <c r="AC5206" s="85"/>
      <c r="AD5206" s="85"/>
      <c r="AE5206" s="85"/>
      <c r="AF5206" s="85"/>
      <c r="AG5206" s="86"/>
      <c r="AH5206" s="85"/>
      <c r="AI5206" s="85"/>
      <c r="AJ5206" s="85"/>
      <c r="AK5206" s="85"/>
      <c r="AL5206" s="85"/>
      <c r="AM5206" s="92"/>
      <c r="AN5206" s="92"/>
      <c r="AO5206" s="92"/>
      <c r="AP5206" s="92"/>
      <c r="AQ5206" s="92"/>
      <c r="AR5206" s="92"/>
      <c r="AS5206" s="92"/>
      <c r="AT5206" s="92"/>
      <c r="AU5206" s="92"/>
      <c r="AV5206" s="92"/>
      <c r="AW5206" s="92"/>
      <c r="AX5206" s="92"/>
      <c r="AY5206" s="92"/>
      <c r="AZ5206" s="93"/>
      <c r="BA5206" s="93"/>
      <c r="BB5206" s="93"/>
      <c r="BC5206" s="93"/>
      <c r="BD5206" s="93"/>
      <c r="BE5206" s="93"/>
      <c r="BF5206" s="93"/>
      <c r="BG5206" s="93"/>
      <c r="BH5206" s="93"/>
      <c r="BI5206" s="93"/>
      <c r="BJ5206" s="93"/>
      <c r="BK5206" s="93"/>
      <c r="BL5206" s="93"/>
    </row>
    <row r="5207" spans="2:64" x14ac:dyDescent="0.2">
      <c r="B5207" s="43"/>
      <c r="C5207" s="73"/>
      <c r="D5207" s="64"/>
      <c r="E5207" s="55"/>
      <c r="F5207" s="74"/>
      <c r="G5207" s="74"/>
      <c r="H5207" s="74"/>
      <c r="I5207" s="75"/>
      <c r="J5207" s="74"/>
      <c r="L5207" s="55"/>
      <c r="M5207" s="234"/>
      <c r="N5207" s="65"/>
      <c r="O5207" s="76"/>
      <c r="P5207" s="76"/>
      <c r="Q5207" s="65"/>
      <c r="R5207" s="76"/>
      <c r="S5207" s="76"/>
      <c r="T5207" s="76"/>
      <c r="U5207" s="76"/>
      <c r="V5207" s="76"/>
      <c r="W5207" s="76"/>
      <c r="X5207" s="76"/>
      <c r="Y5207" s="76"/>
      <c r="Z5207" s="76"/>
      <c r="AA5207" s="85"/>
      <c r="AB5207" s="85"/>
      <c r="AC5207" s="85"/>
      <c r="AD5207" s="85"/>
      <c r="AE5207" s="85"/>
      <c r="AF5207" s="85"/>
      <c r="AG5207" s="86"/>
      <c r="AH5207" s="85"/>
      <c r="AI5207" s="85"/>
      <c r="AJ5207" s="85"/>
      <c r="AK5207" s="85"/>
      <c r="AL5207" s="85"/>
      <c r="AM5207" s="92"/>
      <c r="AN5207" s="92"/>
      <c r="AO5207" s="92"/>
      <c r="AP5207" s="92"/>
      <c r="AQ5207" s="92"/>
      <c r="AR5207" s="92"/>
      <c r="AS5207" s="92"/>
      <c r="AT5207" s="92"/>
      <c r="AU5207" s="92"/>
      <c r="AV5207" s="92"/>
      <c r="AW5207" s="92"/>
      <c r="AX5207" s="92"/>
      <c r="AY5207" s="92"/>
      <c r="AZ5207" s="93"/>
      <c r="BA5207" s="93"/>
      <c r="BB5207" s="93"/>
      <c r="BC5207" s="93"/>
      <c r="BD5207" s="93"/>
      <c r="BE5207" s="93"/>
      <c r="BF5207" s="93"/>
      <c r="BG5207" s="93"/>
      <c r="BH5207" s="93"/>
      <c r="BI5207" s="93"/>
      <c r="BJ5207" s="93"/>
      <c r="BK5207" s="93"/>
      <c r="BL5207" s="93"/>
    </row>
    <row r="5208" spans="2:64" x14ac:dyDescent="0.2">
      <c r="B5208" s="43"/>
      <c r="C5208" s="73"/>
      <c r="D5208" s="64"/>
      <c r="E5208" s="55"/>
      <c r="F5208" s="74"/>
      <c r="G5208" s="74"/>
      <c r="H5208" s="74"/>
      <c r="I5208" s="75"/>
      <c r="J5208" s="74"/>
      <c r="L5208" s="55"/>
      <c r="M5208" s="234"/>
      <c r="N5208" s="65"/>
      <c r="O5208" s="76"/>
      <c r="P5208" s="76"/>
      <c r="Q5208" s="65"/>
      <c r="R5208" s="76"/>
      <c r="S5208" s="76"/>
      <c r="T5208" s="76"/>
      <c r="U5208" s="76"/>
      <c r="V5208" s="76"/>
      <c r="W5208" s="76"/>
      <c r="X5208" s="76"/>
      <c r="Y5208" s="76"/>
      <c r="Z5208" s="76"/>
      <c r="AA5208" s="85"/>
      <c r="AB5208" s="85"/>
      <c r="AC5208" s="85"/>
      <c r="AD5208" s="85"/>
      <c r="AE5208" s="85"/>
      <c r="AF5208" s="85"/>
      <c r="AG5208" s="86"/>
      <c r="AH5208" s="85"/>
      <c r="AI5208" s="85"/>
      <c r="AJ5208" s="85"/>
      <c r="AK5208" s="85"/>
      <c r="AL5208" s="85"/>
      <c r="AM5208" s="92"/>
      <c r="AN5208" s="92"/>
      <c r="AO5208" s="92"/>
      <c r="AP5208" s="92"/>
      <c r="AQ5208" s="92"/>
      <c r="AR5208" s="92"/>
      <c r="AS5208" s="92"/>
      <c r="AT5208" s="92"/>
      <c r="AU5208" s="92"/>
      <c r="AV5208" s="92"/>
      <c r="AW5208" s="92"/>
      <c r="AX5208" s="92"/>
      <c r="AY5208" s="92"/>
      <c r="AZ5208" s="93"/>
      <c r="BA5208" s="93"/>
      <c r="BB5208" s="93"/>
      <c r="BC5208" s="93"/>
      <c r="BD5208" s="93"/>
      <c r="BE5208" s="93"/>
      <c r="BF5208" s="93"/>
      <c r="BG5208" s="93"/>
      <c r="BH5208" s="93"/>
      <c r="BI5208" s="93"/>
      <c r="BJ5208" s="93"/>
      <c r="BK5208" s="93"/>
      <c r="BL5208" s="93"/>
    </row>
    <row r="5209" spans="2:64" x14ac:dyDescent="0.2">
      <c r="B5209" s="43"/>
      <c r="C5209" s="73"/>
      <c r="D5209" s="64"/>
      <c r="E5209" s="55"/>
      <c r="F5209" s="74"/>
      <c r="G5209" s="74"/>
      <c r="H5209" s="74"/>
      <c r="I5209" s="75"/>
      <c r="J5209" s="74"/>
      <c r="L5209" s="55"/>
      <c r="M5209" s="234"/>
      <c r="N5209" s="65"/>
      <c r="O5209" s="76"/>
      <c r="P5209" s="76"/>
      <c r="Q5209" s="65"/>
      <c r="R5209" s="76"/>
      <c r="S5209" s="76"/>
      <c r="T5209" s="76"/>
      <c r="U5209" s="76"/>
      <c r="V5209" s="76"/>
      <c r="W5209" s="76"/>
      <c r="X5209" s="76"/>
      <c r="Y5209" s="76"/>
      <c r="Z5209" s="76"/>
      <c r="AA5209" s="85"/>
      <c r="AB5209" s="85"/>
      <c r="AC5209" s="85"/>
      <c r="AD5209" s="85"/>
      <c r="AE5209" s="85"/>
      <c r="AF5209" s="85"/>
      <c r="AG5209" s="86"/>
      <c r="AH5209" s="85"/>
      <c r="AI5209" s="85"/>
      <c r="AJ5209" s="85"/>
      <c r="AK5209" s="85"/>
      <c r="AL5209" s="85"/>
      <c r="AM5209" s="92"/>
      <c r="AN5209" s="92"/>
      <c r="AO5209" s="92"/>
      <c r="AP5209" s="92"/>
      <c r="AQ5209" s="92"/>
      <c r="AR5209" s="92"/>
      <c r="AS5209" s="92"/>
      <c r="AT5209" s="92"/>
      <c r="AU5209" s="92"/>
      <c r="AV5209" s="92"/>
      <c r="AW5209" s="92"/>
      <c r="AX5209" s="92"/>
      <c r="AY5209" s="92"/>
      <c r="AZ5209" s="93"/>
      <c r="BA5209" s="93"/>
      <c r="BB5209" s="93"/>
      <c r="BC5209" s="93"/>
      <c r="BD5209" s="93"/>
      <c r="BE5209" s="93"/>
      <c r="BF5209" s="93"/>
      <c r="BG5209" s="93"/>
      <c r="BH5209" s="93"/>
      <c r="BI5209" s="93"/>
      <c r="BJ5209" s="93"/>
      <c r="BK5209" s="93"/>
      <c r="BL5209" s="93"/>
    </row>
    <row r="5210" spans="2:64" x14ac:dyDescent="0.2">
      <c r="B5210" s="43"/>
      <c r="C5210" s="73"/>
      <c r="D5210" s="64"/>
      <c r="E5210" s="55"/>
      <c r="F5210" s="74"/>
      <c r="G5210" s="74"/>
      <c r="H5210" s="74"/>
      <c r="I5210" s="75"/>
      <c r="J5210" s="74"/>
      <c r="L5210" s="55"/>
      <c r="M5210" s="234"/>
      <c r="N5210" s="65"/>
      <c r="O5210" s="76"/>
      <c r="P5210" s="76"/>
      <c r="Q5210" s="65"/>
      <c r="R5210" s="76"/>
      <c r="S5210" s="76"/>
      <c r="T5210" s="76"/>
      <c r="U5210" s="76"/>
      <c r="V5210" s="76"/>
      <c r="W5210" s="76"/>
      <c r="X5210" s="76"/>
      <c r="Y5210" s="76"/>
      <c r="Z5210" s="76"/>
      <c r="AA5210" s="85"/>
      <c r="AB5210" s="85"/>
      <c r="AC5210" s="85"/>
      <c r="AD5210" s="85"/>
      <c r="AE5210" s="85"/>
      <c r="AF5210" s="85"/>
      <c r="AG5210" s="86"/>
      <c r="AH5210" s="85"/>
      <c r="AI5210" s="85"/>
      <c r="AJ5210" s="85"/>
      <c r="AK5210" s="85"/>
      <c r="AL5210" s="85"/>
      <c r="AM5210" s="92"/>
      <c r="AN5210" s="92"/>
      <c r="AO5210" s="92"/>
      <c r="AP5210" s="92"/>
      <c r="AQ5210" s="92"/>
      <c r="AR5210" s="92"/>
      <c r="AS5210" s="92"/>
      <c r="AT5210" s="92"/>
      <c r="AU5210" s="92"/>
      <c r="AV5210" s="92"/>
      <c r="AW5210" s="92"/>
      <c r="AX5210" s="92"/>
      <c r="AY5210" s="92"/>
      <c r="AZ5210" s="93"/>
      <c r="BA5210" s="93"/>
      <c r="BB5210" s="93"/>
      <c r="BC5210" s="93"/>
      <c r="BD5210" s="93"/>
      <c r="BE5210" s="93"/>
      <c r="BF5210" s="93"/>
      <c r="BG5210" s="93"/>
      <c r="BH5210" s="93"/>
      <c r="BI5210" s="93"/>
      <c r="BJ5210" s="93"/>
      <c r="BK5210" s="93"/>
      <c r="BL5210" s="93"/>
    </row>
    <row r="5211" spans="2:64" x14ac:dyDescent="0.2">
      <c r="B5211" s="43"/>
      <c r="C5211" s="73"/>
      <c r="D5211" s="64"/>
      <c r="E5211" s="55"/>
      <c r="F5211" s="74"/>
      <c r="G5211" s="74"/>
      <c r="H5211" s="74"/>
      <c r="I5211" s="75"/>
      <c r="J5211" s="74"/>
      <c r="L5211" s="55"/>
      <c r="M5211" s="234"/>
      <c r="N5211" s="65"/>
      <c r="O5211" s="76"/>
      <c r="P5211" s="76"/>
      <c r="Q5211" s="65"/>
      <c r="R5211" s="76"/>
      <c r="S5211" s="76"/>
      <c r="T5211" s="76"/>
      <c r="U5211" s="76"/>
      <c r="V5211" s="76"/>
      <c r="W5211" s="76"/>
      <c r="X5211" s="76"/>
      <c r="Y5211" s="76"/>
      <c r="Z5211" s="76"/>
      <c r="AA5211" s="85"/>
      <c r="AB5211" s="85"/>
      <c r="AC5211" s="85"/>
      <c r="AD5211" s="85"/>
      <c r="AE5211" s="85"/>
      <c r="AF5211" s="85"/>
      <c r="AG5211" s="86"/>
      <c r="AH5211" s="85"/>
      <c r="AI5211" s="85"/>
      <c r="AJ5211" s="85"/>
      <c r="AK5211" s="85"/>
      <c r="AL5211" s="85"/>
      <c r="AM5211" s="92"/>
      <c r="AN5211" s="92"/>
      <c r="AO5211" s="92"/>
      <c r="AP5211" s="92"/>
      <c r="AQ5211" s="92"/>
      <c r="AR5211" s="92"/>
      <c r="AS5211" s="92"/>
      <c r="AT5211" s="92"/>
      <c r="AU5211" s="92"/>
      <c r="AV5211" s="92"/>
      <c r="AW5211" s="92"/>
      <c r="AX5211" s="92"/>
      <c r="AY5211" s="92"/>
      <c r="AZ5211" s="93"/>
      <c r="BA5211" s="93"/>
      <c r="BB5211" s="93"/>
      <c r="BC5211" s="93"/>
      <c r="BD5211" s="93"/>
      <c r="BE5211" s="93"/>
      <c r="BF5211" s="93"/>
      <c r="BG5211" s="93"/>
      <c r="BH5211" s="93"/>
      <c r="BI5211" s="93"/>
      <c r="BJ5211" s="93"/>
      <c r="BK5211" s="93"/>
      <c r="BL5211" s="93"/>
    </row>
    <row r="5212" spans="2:64" x14ac:dyDescent="0.2">
      <c r="B5212" s="43"/>
      <c r="C5212" s="73"/>
      <c r="D5212" s="64"/>
      <c r="E5212" s="55"/>
      <c r="F5212" s="74"/>
      <c r="G5212" s="74"/>
      <c r="H5212" s="74"/>
      <c r="I5212" s="75"/>
      <c r="J5212" s="74"/>
      <c r="L5212" s="55"/>
      <c r="M5212" s="234"/>
      <c r="N5212" s="65"/>
      <c r="O5212" s="76"/>
      <c r="P5212" s="76"/>
      <c r="Q5212" s="65"/>
      <c r="R5212" s="76"/>
      <c r="S5212" s="76"/>
      <c r="T5212" s="76"/>
      <c r="U5212" s="76"/>
      <c r="V5212" s="76"/>
      <c r="W5212" s="76"/>
      <c r="X5212" s="76"/>
      <c r="Y5212" s="76"/>
      <c r="Z5212" s="76"/>
      <c r="AA5212" s="85"/>
      <c r="AB5212" s="85"/>
      <c r="AC5212" s="85"/>
      <c r="AD5212" s="85"/>
      <c r="AE5212" s="85"/>
      <c r="AF5212" s="85"/>
      <c r="AG5212" s="86"/>
      <c r="AH5212" s="85"/>
      <c r="AI5212" s="85"/>
      <c r="AJ5212" s="85"/>
      <c r="AK5212" s="85"/>
      <c r="AL5212" s="85"/>
      <c r="AM5212" s="92"/>
      <c r="AN5212" s="92"/>
      <c r="AO5212" s="92"/>
      <c r="AP5212" s="92"/>
      <c r="AQ5212" s="92"/>
      <c r="AR5212" s="92"/>
      <c r="AS5212" s="92"/>
      <c r="AT5212" s="92"/>
      <c r="AU5212" s="92"/>
      <c r="AV5212" s="92"/>
      <c r="AW5212" s="92"/>
      <c r="AX5212" s="92"/>
      <c r="AY5212" s="92"/>
      <c r="AZ5212" s="93"/>
      <c r="BA5212" s="93"/>
      <c r="BB5212" s="93"/>
      <c r="BC5212" s="93"/>
      <c r="BD5212" s="93"/>
      <c r="BE5212" s="93"/>
      <c r="BF5212" s="93"/>
      <c r="BG5212" s="93"/>
      <c r="BH5212" s="93"/>
      <c r="BI5212" s="93"/>
      <c r="BJ5212" s="93"/>
      <c r="BK5212" s="93"/>
      <c r="BL5212" s="93"/>
    </row>
    <row r="5213" spans="2:64" x14ac:dyDescent="0.2">
      <c r="B5213" s="43"/>
      <c r="C5213" s="73"/>
      <c r="D5213" s="64"/>
      <c r="E5213" s="55"/>
      <c r="F5213" s="74"/>
      <c r="G5213" s="74"/>
      <c r="H5213" s="74"/>
      <c r="I5213" s="75"/>
      <c r="J5213" s="74"/>
      <c r="L5213" s="55"/>
      <c r="M5213" s="234"/>
      <c r="N5213" s="65"/>
      <c r="O5213" s="76"/>
      <c r="P5213" s="76"/>
      <c r="Q5213" s="65"/>
      <c r="R5213" s="76"/>
      <c r="S5213" s="76"/>
      <c r="T5213" s="76"/>
      <c r="U5213" s="76"/>
      <c r="V5213" s="76"/>
      <c r="W5213" s="76"/>
      <c r="X5213" s="76"/>
      <c r="Y5213" s="76"/>
      <c r="Z5213" s="76"/>
      <c r="AA5213" s="85"/>
      <c r="AB5213" s="85"/>
      <c r="AC5213" s="85"/>
      <c r="AD5213" s="85"/>
      <c r="AE5213" s="85"/>
      <c r="AF5213" s="85"/>
      <c r="AG5213" s="86"/>
      <c r="AH5213" s="85"/>
      <c r="AI5213" s="85"/>
      <c r="AJ5213" s="85"/>
      <c r="AK5213" s="85"/>
      <c r="AL5213" s="85"/>
      <c r="AM5213" s="92"/>
      <c r="AN5213" s="92"/>
      <c r="AO5213" s="92"/>
      <c r="AP5213" s="92"/>
      <c r="AQ5213" s="92"/>
      <c r="AR5213" s="92"/>
      <c r="AS5213" s="92"/>
      <c r="AT5213" s="92"/>
      <c r="AU5213" s="92"/>
      <c r="AV5213" s="92"/>
      <c r="AW5213" s="92"/>
      <c r="AX5213" s="92"/>
      <c r="AY5213" s="92"/>
      <c r="AZ5213" s="93"/>
      <c r="BA5213" s="93"/>
      <c r="BB5213" s="93"/>
      <c r="BC5213" s="93"/>
      <c r="BD5213" s="93"/>
      <c r="BE5213" s="93"/>
      <c r="BF5213" s="93"/>
      <c r="BG5213" s="93"/>
      <c r="BH5213" s="93"/>
      <c r="BI5213" s="93"/>
      <c r="BJ5213" s="93"/>
      <c r="BK5213" s="93"/>
      <c r="BL5213" s="93"/>
    </row>
    <row r="5214" spans="2:64" x14ac:dyDescent="0.2">
      <c r="B5214" s="43"/>
      <c r="C5214" s="73"/>
      <c r="D5214" s="64"/>
      <c r="E5214" s="55"/>
      <c r="F5214" s="74"/>
      <c r="G5214" s="74"/>
      <c r="H5214" s="74"/>
      <c r="I5214" s="75"/>
      <c r="J5214" s="74"/>
      <c r="L5214" s="55"/>
      <c r="M5214" s="234"/>
      <c r="N5214" s="65"/>
      <c r="O5214" s="76"/>
      <c r="P5214" s="76"/>
      <c r="Q5214" s="65"/>
      <c r="R5214" s="76"/>
      <c r="S5214" s="76"/>
      <c r="T5214" s="76"/>
      <c r="U5214" s="76"/>
      <c r="V5214" s="76"/>
      <c r="W5214" s="76"/>
      <c r="X5214" s="76"/>
      <c r="Y5214" s="76"/>
      <c r="Z5214" s="76"/>
      <c r="AA5214" s="85"/>
      <c r="AB5214" s="85"/>
      <c r="AC5214" s="85"/>
      <c r="AD5214" s="85"/>
      <c r="AE5214" s="85"/>
      <c r="AF5214" s="85"/>
      <c r="AG5214" s="86"/>
      <c r="AH5214" s="85"/>
      <c r="AI5214" s="85"/>
      <c r="AJ5214" s="85"/>
      <c r="AK5214" s="85"/>
      <c r="AL5214" s="85"/>
      <c r="AM5214" s="92"/>
      <c r="AN5214" s="92"/>
      <c r="AO5214" s="92"/>
      <c r="AP5214" s="92"/>
      <c r="AQ5214" s="92"/>
      <c r="AR5214" s="92"/>
      <c r="AS5214" s="92"/>
      <c r="AT5214" s="92"/>
      <c r="AU5214" s="92"/>
      <c r="AV5214" s="92"/>
      <c r="AW5214" s="92"/>
      <c r="AX5214" s="92"/>
      <c r="AY5214" s="92"/>
      <c r="AZ5214" s="93"/>
      <c r="BA5214" s="93"/>
      <c r="BB5214" s="93"/>
      <c r="BC5214" s="93"/>
      <c r="BD5214" s="93"/>
      <c r="BE5214" s="93"/>
      <c r="BF5214" s="93"/>
      <c r="BG5214" s="93"/>
      <c r="BH5214" s="93"/>
      <c r="BI5214" s="93"/>
      <c r="BJ5214" s="93"/>
      <c r="BK5214" s="93"/>
      <c r="BL5214" s="93"/>
    </row>
    <row r="5215" spans="2:64" x14ac:dyDescent="0.2">
      <c r="B5215" s="43"/>
      <c r="C5215" s="73"/>
      <c r="D5215" s="64"/>
      <c r="E5215" s="55"/>
      <c r="F5215" s="74"/>
      <c r="G5215" s="74"/>
      <c r="H5215" s="74"/>
      <c r="I5215" s="75"/>
      <c r="J5215" s="74"/>
      <c r="L5215" s="55"/>
      <c r="M5215" s="234"/>
      <c r="N5215" s="65"/>
      <c r="O5215" s="76"/>
      <c r="P5215" s="76"/>
      <c r="Q5215" s="65"/>
      <c r="R5215" s="76"/>
      <c r="S5215" s="76"/>
      <c r="T5215" s="76"/>
      <c r="U5215" s="76"/>
      <c r="V5215" s="76"/>
      <c r="W5215" s="76"/>
      <c r="X5215" s="76"/>
      <c r="Y5215" s="76"/>
      <c r="Z5215" s="76"/>
      <c r="AA5215" s="85"/>
      <c r="AB5215" s="85"/>
      <c r="AC5215" s="85"/>
      <c r="AD5215" s="85"/>
      <c r="AE5215" s="85"/>
      <c r="AF5215" s="85"/>
      <c r="AG5215" s="86"/>
      <c r="AH5215" s="85"/>
      <c r="AI5215" s="85"/>
      <c r="AJ5215" s="85"/>
      <c r="AK5215" s="85"/>
      <c r="AL5215" s="85"/>
      <c r="AM5215" s="92"/>
      <c r="AN5215" s="92"/>
      <c r="AO5215" s="92"/>
      <c r="AP5215" s="92"/>
      <c r="AQ5215" s="92"/>
      <c r="AR5215" s="92"/>
      <c r="AS5215" s="92"/>
      <c r="AT5215" s="92"/>
      <c r="AU5215" s="92"/>
      <c r="AV5215" s="92"/>
      <c r="AW5215" s="92"/>
      <c r="AX5215" s="92"/>
      <c r="AY5215" s="92"/>
      <c r="AZ5215" s="93"/>
      <c r="BA5215" s="93"/>
      <c r="BB5215" s="93"/>
      <c r="BC5215" s="93"/>
      <c r="BD5215" s="93"/>
      <c r="BE5215" s="93"/>
      <c r="BF5215" s="93"/>
      <c r="BG5215" s="93"/>
      <c r="BH5215" s="93"/>
      <c r="BI5215" s="93"/>
      <c r="BJ5215" s="93"/>
      <c r="BK5215" s="93"/>
      <c r="BL5215" s="93"/>
    </row>
    <row r="5216" spans="2:64" x14ac:dyDescent="0.2">
      <c r="B5216" s="43"/>
      <c r="C5216" s="73"/>
      <c r="D5216" s="64"/>
      <c r="E5216" s="55"/>
      <c r="F5216" s="74"/>
      <c r="G5216" s="74"/>
      <c r="H5216" s="74"/>
      <c r="I5216" s="75"/>
      <c r="J5216" s="74"/>
      <c r="L5216" s="55"/>
      <c r="M5216" s="234"/>
      <c r="N5216" s="65"/>
      <c r="O5216" s="76"/>
      <c r="P5216" s="76"/>
      <c r="Q5216" s="65"/>
      <c r="R5216" s="76"/>
      <c r="S5216" s="76"/>
      <c r="T5216" s="76"/>
      <c r="U5216" s="76"/>
      <c r="V5216" s="76"/>
      <c r="W5216" s="76"/>
      <c r="X5216" s="76"/>
      <c r="Y5216" s="76"/>
      <c r="Z5216" s="76"/>
      <c r="AA5216" s="85"/>
      <c r="AB5216" s="85"/>
      <c r="AC5216" s="85"/>
      <c r="AD5216" s="85"/>
      <c r="AE5216" s="85"/>
      <c r="AF5216" s="85"/>
      <c r="AG5216" s="86"/>
      <c r="AH5216" s="85"/>
      <c r="AI5216" s="85"/>
      <c r="AJ5216" s="85"/>
      <c r="AK5216" s="85"/>
      <c r="AL5216" s="85"/>
      <c r="AM5216" s="92"/>
      <c r="AN5216" s="92"/>
      <c r="AO5216" s="92"/>
      <c r="AP5216" s="92"/>
      <c r="AQ5216" s="92"/>
      <c r="AR5216" s="92"/>
      <c r="AS5216" s="92"/>
      <c r="AT5216" s="92"/>
      <c r="AU5216" s="92"/>
      <c r="AV5216" s="92"/>
      <c r="AW5216" s="92"/>
      <c r="AX5216" s="92"/>
      <c r="AY5216" s="92"/>
      <c r="AZ5216" s="93"/>
      <c r="BA5216" s="93"/>
      <c r="BB5216" s="93"/>
      <c r="BC5216" s="93"/>
      <c r="BD5216" s="93"/>
      <c r="BE5216" s="93"/>
      <c r="BF5216" s="93"/>
      <c r="BG5216" s="93"/>
      <c r="BH5216" s="93"/>
      <c r="BI5216" s="93"/>
      <c r="BJ5216" s="93"/>
      <c r="BK5216" s="93"/>
      <c r="BL5216" s="93"/>
    </row>
    <row r="5217" spans="2:64" x14ac:dyDescent="0.2">
      <c r="B5217" s="43"/>
      <c r="C5217" s="73"/>
      <c r="D5217" s="64"/>
      <c r="E5217" s="55"/>
      <c r="F5217" s="74"/>
      <c r="G5217" s="74"/>
      <c r="H5217" s="74"/>
      <c r="I5217" s="75"/>
      <c r="J5217" s="74"/>
      <c r="L5217" s="55"/>
      <c r="M5217" s="234"/>
      <c r="N5217" s="65"/>
      <c r="O5217" s="76"/>
      <c r="P5217" s="76"/>
      <c r="Q5217" s="65"/>
      <c r="R5217" s="76"/>
      <c r="S5217" s="76"/>
      <c r="T5217" s="76"/>
      <c r="U5217" s="76"/>
      <c r="V5217" s="76"/>
      <c r="W5217" s="76"/>
      <c r="X5217" s="76"/>
      <c r="Y5217" s="76"/>
      <c r="Z5217" s="76"/>
      <c r="AA5217" s="85"/>
      <c r="AB5217" s="85"/>
      <c r="AC5217" s="85"/>
      <c r="AD5217" s="85"/>
      <c r="AE5217" s="85"/>
      <c r="AF5217" s="85"/>
      <c r="AG5217" s="86"/>
      <c r="AH5217" s="85"/>
      <c r="AI5217" s="85"/>
      <c r="AJ5217" s="85"/>
      <c r="AK5217" s="85"/>
      <c r="AL5217" s="85"/>
      <c r="AM5217" s="92"/>
      <c r="AN5217" s="92"/>
      <c r="AO5217" s="92"/>
      <c r="AP5217" s="92"/>
      <c r="AQ5217" s="92"/>
      <c r="AR5217" s="92"/>
      <c r="AS5217" s="92"/>
      <c r="AT5217" s="92"/>
      <c r="AU5217" s="92"/>
      <c r="AV5217" s="92"/>
      <c r="AW5217" s="92"/>
      <c r="AX5217" s="92"/>
      <c r="AY5217" s="92"/>
      <c r="AZ5217" s="93"/>
      <c r="BA5217" s="93"/>
      <c r="BB5217" s="93"/>
      <c r="BC5217" s="93"/>
      <c r="BD5217" s="93"/>
      <c r="BE5217" s="93"/>
      <c r="BF5217" s="93"/>
      <c r="BG5217" s="93"/>
      <c r="BH5217" s="93"/>
      <c r="BI5217" s="93"/>
      <c r="BJ5217" s="93"/>
      <c r="BK5217" s="93"/>
      <c r="BL5217" s="93"/>
    </row>
    <row r="5218" spans="2:64" x14ac:dyDescent="0.2">
      <c r="B5218" s="43"/>
      <c r="C5218" s="73"/>
      <c r="D5218" s="64"/>
      <c r="E5218" s="55"/>
      <c r="F5218" s="74"/>
      <c r="G5218" s="74"/>
      <c r="H5218" s="74"/>
      <c r="I5218" s="75"/>
      <c r="J5218" s="74"/>
      <c r="L5218" s="55"/>
      <c r="M5218" s="234"/>
      <c r="N5218" s="65"/>
      <c r="O5218" s="76"/>
      <c r="P5218" s="76"/>
      <c r="Q5218" s="65"/>
      <c r="R5218" s="76"/>
      <c r="S5218" s="76"/>
      <c r="T5218" s="76"/>
      <c r="U5218" s="76"/>
      <c r="V5218" s="76"/>
      <c r="W5218" s="76"/>
      <c r="X5218" s="76"/>
      <c r="Y5218" s="76"/>
      <c r="Z5218" s="76"/>
      <c r="AA5218" s="85"/>
      <c r="AB5218" s="85"/>
      <c r="AC5218" s="85"/>
      <c r="AD5218" s="85"/>
      <c r="AE5218" s="85"/>
      <c r="AF5218" s="85"/>
      <c r="AG5218" s="86"/>
      <c r="AH5218" s="85"/>
      <c r="AI5218" s="85"/>
      <c r="AJ5218" s="85"/>
      <c r="AK5218" s="85"/>
      <c r="AL5218" s="85"/>
      <c r="AM5218" s="92"/>
      <c r="AN5218" s="92"/>
      <c r="AO5218" s="92"/>
      <c r="AP5218" s="92"/>
      <c r="AQ5218" s="92"/>
      <c r="AR5218" s="92"/>
      <c r="AS5218" s="92"/>
      <c r="AT5218" s="92"/>
      <c r="AU5218" s="92"/>
      <c r="AV5218" s="92"/>
      <c r="AW5218" s="92"/>
      <c r="AX5218" s="92"/>
      <c r="AY5218" s="92"/>
      <c r="AZ5218" s="93"/>
      <c r="BA5218" s="93"/>
      <c r="BB5218" s="93"/>
      <c r="BC5218" s="93"/>
      <c r="BD5218" s="93"/>
      <c r="BE5218" s="93"/>
      <c r="BF5218" s="93"/>
      <c r="BG5218" s="93"/>
      <c r="BH5218" s="93"/>
      <c r="BI5218" s="93"/>
      <c r="BJ5218" s="93"/>
      <c r="BK5218" s="93"/>
      <c r="BL5218" s="93"/>
    </row>
    <row r="5219" spans="2:64" x14ac:dyDescent="0.2">
      <c r="B5219" s="43"/>
      <c r="C5219" s="73"/>
      <c r="D5219" s="64"/>
      <c r="E5219" s="55"/>
      <c r="F5219" s="74"/>
      <c r="G5219" s="74"/>
      <c r="H5219" s="74"/>
      <c r="I5219" s="75"/>
      <c r="J5219" s="74"/>
      <c r="L5219" s="55"/>
      <c r="M5219" s="234"/>
      <c r="N5219" s="65"/>
      <c r="O5219" s="76"/>
      <c r="P5219" s="76"/>
      <c r="Q5219" s="65"/>
      <c r="R5219" s="76"/>
      <c r="S5219" s="76"/>
      <c r="T5219" s="76"/>
      <c r="U5219" s="76"/>
      <c r="V5219" s="76"/>
      <c r="W5219" s="76"/>
      <c r="X5219" s="76"/>
      <c r="Y5219" s="76"/>
      <c r="Z5219" s="76"/>
      <c r="AA5219" s="85"/>
      <c r="AB5219" s="85"/>
      <c r="AC5219" s="85"/>
      <c r="AD5219" s="85"/>
      <c r="AE5219" s="85"/>
      <c r="AF5219" s="85"/>
      <c r="AG5219" s="86"/>
      <c r="AH5219" s="85"/>
      <c r="AI5219" s="85"/>
      <c r="AJ5219" s="85"/>
      <c r="AK5219" s="85"/>
      <c r="AL5219" s="85"/>
      <c r="AM5219" s="92"/>
      <c r="AN5219" s="92"/>
      <c r="AO5219" s="92"/>
      <c r="AP5219" s="92"/>
      <c r="AQ5219" s="92"/>
      <c r="AR5219" s="92"/>
      <c r="AS5219" s="92"/>
      <c r="AT5219" s="92"/>
      <c r="AU5219" s="92"/>
      <c r="AV5219" s="92"/>
      <c r="AW5219" s="92"/>
      <c r="AX5219" s="92"/>
      <c r="AY5219" s="92"/>
      <c r="AZ5219" s="93"/>
      <c r="BA5219" s="93"/>
      <c r="BB5219" s="93"/>
      <c r="BC5219" s="93"/>
      <c r="BD5219" s="93"/>
      <c r="BE5219" s="93"/>
      <c r="BF5219" s="93"/>
      <c r="BG5219" s="93"/>
      <c r="BH5219" s="93"/>
      <c r="BI5219" s="93"/>
      <c r="BJ5219" s="93"/>
      <c r="BK5219" s="93"/>
      <c r="BL5219" s="93"/>
    </row>
    <row r="5220" spans="2:64" x14ac:dyDescent="0.2">
      <c r="B5220" s="43"/>
      <c r="C5220" s="73"/>
      <c r="D5220" s="64"/>
      <c r="E5220" s="55"/>
      <c r="F5220" s="74"/>
      <c r="G5220" s="74"/>
      <c r="H5220" s="74"/>
      <c r="I5220" s="75"/>
      <c r="J5220" s="74"/>
      <c r="L5220" s="55"/>
      <c r="M5220" s="234"/>
      <c r="N5220" s="65"/>
      <c r="O5220" s="76"/>
      <c r="P5220" s="76"/>
      <c r="Q5220" s="65"/>
      <c r="R5220" s="76"/>
      <c r="S5220" s="76"/>
      <c r="T5220" s="76"/>
      <c r="U5220" s="76"/>
      <c r="V5220" s="76"/>
      <c r="W5220" s="76"/>
      <c r="X5220" s="76"/>
      <c r="Y5220" s="76"/>
      <c r="Z5220" s="76"/>
      <c r="AA5220" s="85"/>
      <c r="AB5220" s="85"/>
      <c r="AC5220" s="85"/>
      <c r="AD5220" s="85"/>
      <c r="AE5220" s="85"/>
      <c r="AF5220" s="85"/>
      <c r="AG5220" s="86"/>
      <c r="AH5220" s="85"/>
      <c r="AI5220" s="85"/>
      <c r="AJ5220" s="85"/>
      <c r="AK5220" s="85"/>
      <c r="AL5220" s="85"/>
      <c r="AM5220" s="92"/>
      <c r="AN5220" s="92"/>
      <c r="AO5220" s="92"/>
      <c r="AP5220" s="92"/>
      <c r="AQ5220" s="92"/>
      <c r="AR5220" s="92"/>
      <c r="AS5220" s="92"/>
      <c r="AT5220" s="92"/>
      <c r="AU5220" s="92"/>
      <c r="AV5220" s="92"/>
      <c r="AW5220" s="92"/>
      <c r="AX5220" s="92"/>
      <c r="AY5220" s="92"/>
      <c r="AZ5220" s="93"/>
      <c r="BA5220" s="93"/>
      <c r="BB5220" s="93"/>
      <c r="BC5220" s="93"/>
      <c r="BD5220" s="93"/>
      <c r="BE5220" s="93"/>
      <c r="BF5220" s="93"/>
      <c r="BG5220" s="93"/>
      <c r="BH5220" s="93"/>
      <c r="BI5220" s="93"/>
      <c r="BJ5220" s="93"/>
      <c r="BK5220" s="93"/>
      <c r="BL5220" s="93"/>
    </row>
    <row r="5221" spans="2:64" x14ac:dyDescent="0.2">
      <c r="B5221" s="43"/>
      <c r="C5221" s="73"/>
      <c r="D5221" s="64"/>
      <c r="E5221" s="55"/>
      <c r="F5221" s="74"/>
      <c r="G5221" s="74"/>
      <c r="H5221" s="74"/>
      <c r="I5221" s="75"/>
      <c r="J5221" s="74"/>
      <c r="L5221" s="55"/>
      <c r="M5221" s="234"/>
      <c r="N5221" s="65"/>
      <c r="O5221" s="76"/>
      <c r="P5221" s="76"/>
      <c r="Q5221" s="65"/>
      <c r="R5221" s="76"/>
      <c r="S5221" s="76"/>
      <c r="T5221" s="76"/>
      <c r="U5221" s="76"/>
      <c r="V5221" s="76"/>
      <c r="W5221" s="76"/>
      <c r="X5221" s="76"/>
      <c r="Y5221" s="76"/>
      <c r="Z5221" s="76"/>
      <c r="AA5221" s="85"/>
      <c r="AB5221" s="85"/>
      <c r="AC5221" s="85"/>
      <c r="AD5221" s="85"/>
      <c r="AE5221" s="85"/>
      <c r="AF5221" s="85"/>
      <c r="AG5221" s="86"/>
      <c r="AH5221" s="85"/>
      <c r="AI5221" s="85"/>
      <c r="AJ5221" s="85"/>
      <c r="AK5221" s="85"/>
      <c r="AL5221" s="85"/>
      <c r="AM5221" s="92"/>
      <c r="AN5221" s="92"/>
      <c r="AO5221" s="92"/>
      <c r="AP5221" s="92"/>
      <c r="AQ5221" s="92"/>
      <c r="AR5221" s="92"/>
      <c r="AS5221" s="92"/>
      <c r="AT5221" s="92"/>
      <c r="AU5221" s="92"/>
      <c r="AV5221" s="92"/>
      <c r="AW5221" s="92"/>
      <c r="AX5221" s="92"/>
      <c r="AY5221" s="92"/>
      <c r="AZ5221" s="93"/>
      <c r="BA5221" s="93"/>
      <c r="BB5221" s="93"/>
      <c r="BC5221" s="93"/>
      <c r="BD5221" s="93"/>
      <c r="BE5221" s="93"/>
      <c r="BF5221" s="93"/>
      <c r="BG5221" s="93"/>
      <c r="BH5221" s="93"/>
      <c r="BI5221" s="93"/>
      <c r="BJ5221" s="93"/>
      <c r="BK5221" s="93"/>
      <c r="BL5221" s="93"/>
    </row>
    <row r="5222" spans="2:64" x14ac:dyDescent="0.2">
      <c r="B5222" s="43"/>
      <c r="C5222" s="73"/>
      <c r="D5222" s="64"/>
      <c r="E5222" s="55"/>
      <c r="F5222" s="74"/>
      <c r="G5222" s="74"/>
      <c r="H5222" s="74"/>
      <c r="I5222" s="75"/>
      <c r="J5222" s="74"/>
      <c r="L5222" s="55"/>
      <c r="M5222" s="234"/>
      <c r="N5222" s="65"/>
      <c r="O5222" s="76"/>
      <c r="P5222" s="76"/>
      <c r="Q5222" s="65"/>
      <c r="R5222" s="76"/>
      <c r="S5222" s="76"/>
      <c r="T5222" s="76"/>
      <c r="U5222" s="76"/>
      <c r="V5222" s="76"/>
      <c r="W5222" s="76"/>
      <c r="X5222" s="76"/>
      <c r="Y5222" s="76"/>
      <c r="Z5222" s="76"/>
      <c r="AA5222" s="85"/>
      <c r="AB5222" s="85"/>
      <c r="AC5222" s="85"/>
      <c r="AD5222" s="85"/>
      <c r="AE5222" s="85"/>
      <c r="AF5222" s="85"/>
      <c r="AG5222" s="86"/>
      <c r="AH5222" s="85"/>
      <c r="AI5222" s="85"/>
      <c r="AJ5222" s="85"/>
      <c r="AK5222" s="85"/>
      <c r="AL5222" s="85"/>
      <c r="AM5222" s="92"/>
      <c r="AN5222" s="92"/>
      <c r="AO5222" s="92"/>
      <c r="AP5222" s="92"/>
      <c r="AQ5222" s="92"/>
      <c r="AR5222" s="92"/>
      <c r="AS5222" s="92"/>
      <c r="AT5222" s="92"/>
      <c r="AU5222" s="92"/>
      <c r="AV5222" s="92"/>
      <c r="AW5222" s="92"/>
      <c r="AX5222" s="92"/>
      <c r="AY5222" s="92"/>
      <c r="AZ5222" s="93"/>
      <c r="BA5222" s="93"/>
      <c r="BB5222" s="93"/>
      <c r="BC5222" s="93"/>
      <c r="BD5222" s="93"/>
      <c r="BE5222" s="93"/>
      <c r="BF5222" s="93"/>
      <c r="BG5222" s="93"/>
      <c r="BH5222" s="93"/>
      <c r="BI5222" s="93"/>
      <c r="BJ5222" s="93"/>
      <c r="BK5222" s="93"/>
      <c r="BL5222" s="93"/>
    </row>
    <row r="5223" spans="2:64" x14ac:dyDescent="0.2">
      <c r="B5223" s="43"/>
      <c r="C5223" s="73"/>
      <c r="D5223" s="64"/>
      <c r="E5223" s="55"/>
      <c r="F5223" s="74"/>
      <c r="G5223" s="74"/>
      <c r="H5223" s="74"/>
      <c r="I5223" s="75"/>
      <c r="J5223" s="74"/>
      <c r="L5223" s="55"/>
      <c r="M5223" s="234"/>
      <c r="N5223" s="65"/>
      <c r="O5223" s="76"/>
      <c r="P5223" s="76"/>
      <c r="Q5223" s="65"/>
      <c r="R5223" s="76"/>
      <c r="S5223" s="76"/>
      <c r="T5223" s="76"/>
      <c r="U5223" s="76"/>
      <c r="V5223" s="76"/>
      <c r="W5223" s="76"/>
      <c r="X5223" s="76"/>
      <c r="Y5223" s="76"/>
      <c r="Z5223" s="76"/>
      <c r="AA5223" s="85"/>
      <c r="AB5223" s="85"/>
      <c r="AC5223" s="85"/>
      <c r="AD5223" s="85"/>
      <c r="AE5223" s="85"/>
      <c r="AF5223" s="85"/>
      <c r="AG5223" s="86"/>
      <c r="AH5223" s="85"/>
      <c r="AI5223" s="85"/>
      <c r="AJ5223" s="85"/>
      <c r="AK5223" s="85"/>
      <c r="AL5223" s="85"/>
      <c r="AM5223" s="92"/>
      <c r="AN5223" s="92"/>
      <c r="AO5223" s="92"/>
      <c r="AP5223" s="92"/>
      <c r="AQ5223" s="92"/>
      <c r="AR5223" s="92"/>
      <c r="AS5223" s="92"/>
      <c r="AT5223" s="92"/>
      <c r="AU5223" s="92"/>
      <c r="AV5223" s="92"/>
      <c r="AW5223" s="92"/>
      <c r="AX5223" s="92"/>
      <c r="AY5223" s="92"/>
      <c r="AZ5223" s="93"/>
      <c r="BA5223" s="93"/>
      <c r="BB5223" s="93"/>
      <c r="BC5223" s="93"/>
      <c r="BD5223" s="93"/>
      <c r="BE5223" s="93"/>
      <c r="BF5223" s="93"/>
      <c r="BG5223" s="93"/>
      <c r="BH5223" s="93"/>
      <c r="BI5223" s="93"/>
      <c r="BJ5223" s="93"/>
      <c r="BK5223" s="93"/>
      <c r="BL5223" s="93"/>
    </row>
    <row r="5224" spans="2:64" x14ac:dyDescent="0.2">
      <c r="B5224" s="43"/>
      <c r="C5224" s="73"/>
      <c r="D5224" s="64"/>
      <c r="E5224" s="55"/>
      <c r="F5224" s="74"/>
      <c r="G5224" s="74"/>
      <c r="H5224" s="74"/>
      <c r="I5224" s="75"/>
      <c r="J5224" s="74"/>
      <c r="L5224" s="55"/>
      <c r="M5224" s="234"/>
      <c r="N5224" s="65"/>
      <c r="O5224" s="76"/>
      <c r="P5224" s="76"/>
      <c r="Q5224" s="65"/>
      <c r="R5224" s="76"/>
      <c r="S5224" s="76"/>
      <c r="T5224" s="76"/>
      <c r="U5224" s="76"/>
      <c r="V5224" s="76"/>
      <c r="W5224" s="76"/>
      <c r="X5224" s="76"/>
      <c r="Y5224" s="76"/>
      <c r="Z5224" s="76"/>
      <c r="AA5224" s="85"/>
      <c r="AB5224" s="85"/>
      <c r="AC5224" s="85"/>
      <c r="AD5224" s="85"/>
      <c r="AE5224" s="85"/>
      <c r="AF5224" s="85"/>
      <c r="AG5224" s="86"/>
      <c r="AH5224" s="85"/>
      <c r="AI5224" s="85"/>
      <c r="AJ5224" s="85"/>
      <c r="AK5224" s="85"/>
      <c r="AL5224" s="85"/>
      <c r="AM5224" s="92"/>
      <c r="AN5224" s="92"/>
      <c r="AO5224" s="92"/>
      <c r="AP5224" s="92"/>
      <c r="AQ5224" s="92"/>
      <c r="AR5224" s="92"/>
      <c r="AS5224" s="92"/>
      <c r="AT5224" s="92"/>
      <c r="AU5224" s="92"/>
      <c r="AV5224" s="92"/>
      <c r="AW5224" s="92"/>
      <c r="AX5224" s="92"/>
      <c r="AY5224" s="92"/>
      <c r="AZ5224" s="93"/>
      <c r="BA5224" s="93"/>
      <c r="BB5224" s="93"/>
      <c r="BC5224" s="93"/>
      <c r="BD5224" s="93"/>
      <c r="BE5224" s="93"/>
      <c r="BF5224" s="93"/>
      <c r="BG5224" s="93"/>
      <c r="BH5224" s="93"/>
      <c r="BI5224" s="93"/>
      <c r="BJ5224" s="93"/>
      <c r="BK5224" s="93"/>
      <c r="BL5224" s="93"/>
    </row>
    <row r="5225" spans="2:64" x14ac:dyDescent="0.2">
      <c r="B5225" s="43"/>
      <c r="C5225" s="73"/>
      <c r="D5225" s="64"/>
      <c r="E5225" s="55"/>
      <c r="F5225" s="74"/>
      <c r="G5225" s="74"/>
      <c r="H5225" s="74"/>
      <c r="I5225" s="75"/>
      <c r="J5225" s="74"/>
      <c r="L5225" s="55"/>
      <c r="M5225" s="234"/>
      <c r="N5225" s="65"/>
      <c r="O5225" s="76"/>
      <c r="P5225" s="76"/>
      <c r="Q5225" s="65"/>
      <c r="R5225" s="76"/>
      <c r="S5225" s="76"/>
      <c r="T5225" s="76"/>
      <c r="U5225" s="76"/>
      <c r="V5225" s="76"/>
      <c r="W5225" s="76"/>
      <c r="X5225" s="76"/>
      <c r="Y5225" s="76"/>
      <c r="Z5225" s="76"/>
      <c r="AA5225" s="85"/>
      <c r="AB5225" s="85"/>
      <c r="AC5225" s="85"/>
      <c r="AD5225" s="85"/>
      <c r="AE5225" s="85"/>
      <c r="AF5225" s="85"/>
      <c r="AG5225" s="86"/>
      <c r="AH5225" s="85"/>
      <c r="AI5225" s="85"/>
      <c r="AJ5225" s="85"/>
      <c r="AK5225" s="85"/>
      <c r="AL5225" s="85"/>
      <c r="AM5225" s="92"/>
      <c r="AN5225" s="92"/>
      <c r="AO5225" s="92"/>
      <c r="AP5225" s="92"/>
      <c r="AQ5225" s="92"/>
      <c r="AR5225" s="92"/>
      <c r="AS5225" s="92"/>
      <c r="AT5225" s="92"/>
      <c r="AU5225" s="92"/>
      <c r="AV5225" s="92"/>
      <c r="AW5225" s="92"/>
      <c r="AX5225" s="92"/>
      <c r="AY5225" s="92"/>
      <c r="AZ5225" s="93"/>
      <c r="BA5225" s="93"/>
      <c r="BB5225" s="93"/>
      <c r="BC5225" s="93"/>
      <c r="BD5225" s="93"/>
      <c r="BE5225" s="93"/>
      <c r="BF5225" s="93"/>
      <c r="BG5225" s="93"/>
      <c r="BH5225" s="93"/>
      <c r="BI5225" s="93"/>
      <c r="BJ5225" s="93"/>
      <c r="BK5225" s="93"/>
      <c r="BL5225" s="93"/>
    </row>
    <row r="5226" spans="2:64" x14ac:dyDescent="0.2">
      <c r="B5226" s="43"/>
      <c r="C5226" s="73"/>
      <c r="D5226" s="64"/>
      <c r="E5226" s="55"/>
      <c r="F5226" s="74"/>
      <c r="G5226" s="74"/>
      <c r="H5226" s="74"/>
      <c r="I5226" s="75"/>
      <c r="J5226" s="74"/>
      <c r="L5226" s="55"/>
      <c r="M5226" s="234"/>
      <c r="N5226" s="65"/>
      <c r="O5226" s="76"/>
      <c r="P5226" s="76"/>
      <c r="Q5226" s="65"/>
      <c r="R5226" s="76"/>
      <c r="S5226" s="76"/>
      <c r="T5226" s="76"/>
      <c r="U5226" s="76"/>
      <c r="V5226" s="76"/>
      <c r="W5226" s="76"/>
      <c r="X5226" s="76"/>
      <c r="Y5226" s="76"/>
      <c r="Z5226" s="76"/>
      <c r="AA5226" s="85"/>
      <c r="AB5226" s="85"/>
      <c r="AC5226" s="85"/>
      <c r="AD5226" s="85"/>
      <c r="AE5226" s="85"/>
      <c r="AF5226" s="85"/>
      <c r="AG5226" s="86"/>
      <c r="AH5226" s="85"/>
      <c r="AI5226" s="85"/>
      <c r="AJ5226" s="85"/>
      <c r="AK5226" s="85"/>
      <c r="AL5226" s="85"/>
      <c r="AM5226" s="92"/>
      <c r="AN5226" s="92"/>
      <c r="AO5226" s="92"/>
      <c r="AP5226" s="92"/>
      <c r="AQ5226" s="92"/>
      <c r="AR5226" s="92"/>
      <c r="AS5226" s="92"/>
      <c r="AT5226" s="92"/>
      <c r="AU5226" s="92"/>
      <c r="AV5226" s="92"/>
      <c r="AW5226" s="92"/>
      <c r="AX5226" s="92"/>
      <c r="AY5226" s="92"/>
      <c r="AZ5226" s="93"/>
      <c r="BA5226" s="93"/>
      <c r="BB5226" s="93"/>
      <c r="BC5226" s="93"/>
      <c r="BD5226" s="93"/>
      <c r="BE5226" s="93"/>
      <c r="BF5226" s="93"/>
      <c r="BG5226" s="93"/>
      <c r="BH5226" s="93"/>
      <c r="BI5226" s="93"/>
      <c r="BJ5226" s="93"/>
      <c r="BK5226" s="93"/>
      <c r="BL5226" s="93"/>
    </row>
    <row r="5227" spans="2:64" x14ac:dyDescent="0.2">
      <c r="B5227" s="43"/>
      <c r="C5227" s="73"/>
      <c r="D5227" s="64"/>
      <c r="E5227" s="55"/>
      <c r="F5227" s="74"/>
      <c r="G5227" s="74"/>
      <c r="H5227" s="74"/>
      <c r="I5227" s="75"/>
      <c r="J5227" s="74"/>
      <c r="L5227" s="55"/>
      <c r="M5227" s="234"/>
      <c r="N5227" s="65"/>
      <c r="O5227" s="76"/>
      <c r="P5227" s="76"/>
      <c r="Q5227" s="65"/>
      <c r="R5227" s="76"/>
      <c r="S5227" s="76"/>
      <c r="T5227" s="76"/>
      <c r="U5227" s="76"/>
      <c r="V5227" s="76"/>
      <c r="W5227" s="76"/>
      <c r="X5227" s="76"/>
      <c r="Y5227" s="76"/>
      <c r="Z5227" s="76"/>
      <c r="AA5227" s="85"/>
      <c r="AB5227" s="85"/>
      <c r="AC5227" s="85"/>
      <c r="AD5227" s="85"/>
      <c r="AE5227" s="85"/>
      <c r="AF5227" s="85"/>
      <c r="AG5227" s="86"/>
      <c r="AH5227" s="85"/>
      <c r="AI5227" s="85"/>
      <c r="AJ5227" s="85"/>
      <c r="AK5227" s="85"/>
      <c r="AL5227" s="85"/>
      <c r="AM5227" s="92"/>
      <c r="AN5227" s="92"/>
      <c r="AO5227" s="92"/>
      <c r="AP5227" s="92"/>
      <c r="AQ5227" s="92"/>
      <c r="AR5227" s="92"/>
      <c r="AS5227" s="92"/>
      <c r="AT5227" s="92"/>
      <c r="AU5227" s="92"/>
      <c r="AV5227" s="92"/>
      <c r="AW5227" s="92"/>
      <c r="AX5227" s="92"/>
      <c r="AY5227" s="92"/>
      <c r="AZ5227" s="93"/>
      <c r="BA5227" s="93"/>
      <c r="BB5227" s="93"/>
      <c r="BC5227" s="93"/>
      <c r="BD5227" s="93"/>
      <c r="BE5227" s="93"/>
      <c r="BF5227" s="93"/>
      <c r="BG5227" s="93"/>
      <c r="BH5227" s="93"/>
      <c r="BI5227" s="93"/>
      <c r="BJ5227" s="93"/>
      <c r="BK5227" s="93"/>
      <c r="BL5227" s="93"/>
    </row>
    <row r="5228" spans="2:64" x14ac:dyDescent="0.2">
      <c r="B5228" s="43"/>
      <c r="C5228" s="73"/>
      <c r="D5228" s="64"/>
      <c r="E5228" s="55"/>
      <c r="F5228" s="74"/>
      <c r="G5228" s="74"/>
      <c r="H5228" s="74"/>
      <c r="I5228" s="75"/>
      <c r="J5228" s="74"/>
      <c r="L5228" s="55"/>
      <c r="M5228" s="234"/>
      <c r="N5228" s="65"/>
      <c r="O5228" s="76"/>
      <c r="P5228" s="76"/>
      <c r="Q5228" s="65"/>
      <c r="R5228" s="76"/>
      <c r="S5228" s="76"/>
      <c r="T5228" s="76"/>
      <c r="U5228" s="76"/>
      <c r="V5228" s="76"/>
      <c r="W5228" s="76"/>
      <c r="X5228" s="76"/>
      <c r="Y5228" s="76"/>
      <c r="Z5228" s="76"/>
      <c r="AA5228" s="85"/>
      <c r="AB5228" s="85"/>
      <c r="AC5228" s="85"/>
      <c r="AD5228" s="85"/>
      <c r="AE5228" s="85"/>
      <c r="AF5228" s="85"/>
      <c r="AG5228" s="86"/>
      <c r="AH5228" s="85"/>
      <c r="AI5228" s="85"/>
      <c r="AJ5228" s="85"/>
      <c r="AK5228" s="85"/>
      <c r="AL5228" s="85"/>
      <c r="AM5228" s="92"/>
      <c r="AN5228" s="92"/>
      <c r="AO5228" s="92"/>
      <c r="AP5228" s="92"/>
      <c r="AQ5228" s="92"/>
      <c r="AR5228" s="92"/>
      <c r="AS5228" s="92"/>
      <c r="AT5228" s="92"/>
      <c r="AU5228" s="92"/>
      <c r="AV5228" s="92"/>
      <c r="AW5228" s="92"/>
      <c r="AX5228" s="92"/>
      <c r="AY5228" s="92"/>
      <c r="AZ5228" s="93"/>
      <c r="BA5228" s="93"/>
      <c r="BB5228" s="93"/>
      <c r="BC5228" s="93"/>
      <c r="BD5228" s="93"/>
      <c r="BE5228" s="93"/>
      <c r="BF5228" s="93"/>
      <c r="BG5228" s="93"/>
      <c r="BH5228" s="93"/>
      <c r="BI5228" s="93"/>
      <c r="BJ5228" s="93"/>
      <c r="BK5228" s="93"/>
      <c r="BL5228" s="93"/>
    </row>
    <row r="5229" spans="2:64" x14ac:dyDescent="0.2">
      <c r="B5229" s="43"/>
      <c r="C5229" s="73"/>
      <c r="D5229" s="64"/>
      <c r="E5229" s="55"/>
      <c r="F5229" s="74"/>
      <c r="G5229" s="74"/>
      <c r="H5229" s="74"/>
      <c r="I5229" s="75"/>
      <c r="J5229" s="74"/>
      <c r="L5229" s="55"/>
      <c r="M5229" s="234"/>
      <c r="N5229" s="65"/>
      <c r="O5229" s="76"/>
      <c r="P5229" s="76"/>
      <c r="Q5229" s="65"/>
      <c r="R5229" s="76"/>
      <c r="S5229" s="76"/>
      <c r="T5229" s="76"/>
      <c r="U5229" s="76"/>
      <c r="V5229" s="76"/>
      <c r="W5229" s="76"/>
      <c r="X5229" s="76"/>
      <c r="Y5229" s="76"/>
      <c r="Z5229" s="76"/>
      <c r="AA5229" s="85"/>
      <c r="AB5229" s="85"/>
      <c r="AC5229" s="85"/>
      <c r="AD5229" s="85"/>
      <c r="AE5229" s="85"/>
      <c r="AF5229" s="85"/>
      <c r="AG5229" s="86"/>
      <c r="AH5229" s="85"/>
      <c r="AI5229" s="85"/>
      <c r="AJ5229" s="85"/>
      <c r="AK5229" s="85"/>
      <c r="AL5229" s="85"/>
      <c r="AM5229" s="92"/>
      <c r="AN5229" s="92"/>
      <c r="AO5229" s="92"/>
      <c r="AP5229" s="92"/>
      <c r="AQ5229" s="92"/>
      <c r="AR5229" s="92"/>
      <c r="AS5229" s="92"/>
      <c r="AT5229" s="92"/>
      <c r="AU5229" s="92"/>
      <c r="AV5229" s="92"/>
      <c r="AW5229" s="92"/>
      <c r="AX5229" s="92"/>
      <c r="AY5229" s="92"/>
      <c r="AZ5229" s="93"/>
      <c r="BA5229" s="93"/>
      <c r="BB5229" s="93"/>
      <c r="BC5229" s="93"/>
      <c r="BD5229" s="93"/>
      <c r="BE5229" s="93"/>
      <c r="BF5229" s="93"/>
      <c r="BG5229" s="93"/>
      <c r="BH5229" s="93"/>
      <c r="BI5229" s="93"/>
      <c r="BJ5229" s="93"/>
      <c r="BK5229" s="93"/>
      <c r="BL5229" s="93"/>
    </row>
    <row r="5230" spans="2:64" x14ac:dyDescent="0.2">
      <c r="B5230" s="43"/>
      <c r="C5230" s="73"/>
      <c r="D5230" s="64"/>
      <c r="E5230" s="55"/>
      <c r="F5230" s="74"/>
      <c r="G5230" s="74"/>
      <c r="H5230" s="74"/>
      <c r="I5230" s="75"/>
      <c r="J5230" s="74"/>
      <c r="L5230" s="55"/>
      <c r="M5230" s="234"/>
      <c r="N5230" s="65"/>
      <c r="O5230" s="76"/>
      <c r="P5230" s="76"/>
      <c r="Q5230" s="65"/>
      <c r="R5230" s="76"/>
      <c r="S5230" s="76"/>
      <c r="T5230" s="76"/>
      <c r="U5230" s="76"/>
      <c r="V5230" s="76"/>
      <c r="W5230" s="76"/>
      <c r="X5230" s="76"/>
      <c r="Y5230" s="76"/>
      <c r="Z5230" s="76"/>
      <c r="AA5230" s="85"/>
      <c r="AB5230" s="85"/>
      <c r="AC5230" s="85"/>
      <c r="AD5230" s="85"/>
      <c r="AE5230" s="85"/>
      <c r="AF5230" s="85"/>
      <c r="AG5230" s="86"/>
      <c r="AH5230" s="85"/>
      <c r="AI5230" s="85"/>
      <c r="AJ5230" s="85"/>
      <c r="AK5230" s="85"/>
      <c r="AL5230" s="85"/>
      <c r="AM5230" s="92"/>
      <c r="AN5230" s="92"/>
      <c r="AO5230" s="92"/>
      <c r="AP5230" s="92"/>
      <c r="AQ5230" s="92"/>
      <c r="AR5230" s="92"/>
      <c r="AS5230" s="92"/>
      <c r="AT5230" s="92"/>
      <c r="AU5230" s="92"/>
      <c r="AV5230" s="92"/>
      <c r="AW5230" s="92"/>
      <c r="AX5230" s="92"/>
      <c r="AY5230" s="92"/>
      <c r="AZ5230" s="93"/>
      <c r="BA5230" s="93"/>
      <c r="BB5230" s="93"/>
      <c r="BC5230" s="93"/>
      <c r="BD5230" s="93"/>
      <c r="BE5230" s="93"/>
      <c r="BF5230" s="93"/>
      <c r="BG5230" s="93"/>
      <c r="BH5230" s="93"/>
      <c r="BI5230" s="93"/>
      <c r="BJ5230" s="93"/>
      <c r="BK5230" s="93"/>
      <c r="BL5230" s="93"/>
    </row>
    <row r="5231" spans="2:64" x14ac:dyDescent="0.2">
      <c r="B5231" s="43"/>
      <c r="C5231" s="73"/>
      <c r="D5231" s="64"/>
      <c r="E5231" s="55"/>
      <c r="F5231" s="74"/>
      <c r="G5231" s="74"/>
      <c r="H5231" s="74"/>
      <c r="I5231" s="75"/>
      <c r="J5231" s="74"/>
      <c r="L5231" s="55"/>
      <c r="M5231" s="234"/>
      <c r="N5231" s="65"/>
      <c r="O5231" s="76"/>
      <c r="P5231" s="76"/>
      <c r="Q5231" s="65"/>
      <c r="R5231" s="76"/>
      <c r="S5231" s="76"/>
      <c r="T5231" s="76"/>
      <c r="U5231" s="76"/>
      <c r="V5231" s="76"/>
      <c r="W5231" s="76"/>
      <c r="X5231" s="76"/>
      <c r="Y5231" s="76"/>
      <c r="Z5231" s="76"/>
      <c r="AA5231" s="85"/>
      <c r="AB5231" s="85"/>
      <c r="AC5231" s="85"/>
      <c r="AD5231" s="85"/>
      <c r="AE5231" s="85"/>
      <c r="AF5231" s="85"/>
      <c r="AG5231" s="86"/>
      <c r="AH5231" s="85"/>
      <c r="AI5231" s="85"/>
      <c r="AJ5231" s="85"/>
      <c r="AK5231" s="85"/>
      <c r="AL5231" s="85"/>
      <c r="AM5231" s="92"/>
      <c r="AN5231" s="92"/>
      <c r="AO5231" s="92"/>
      <c r="AP5231" s="92"/>
      <c r="AQ5231" s="92"/>
      <c r="AR5231" s="92"/>
      <c r="AS5231" s="92"/>
      <c r="AT5231" s="92"/>
      <c r="AU5231" s="92"/>
      <c r="AV5231" s="92"/>
      <c r="AW5231" s="92"/>
      <c r="AX5231" s="92"/>
      <c r="AY5231" s="92"/>
      <c r="AZ5231" s="93"/>
      <c r="BA5231" s="93"/>
      <c r="BB5231" s="93"/>
      <c r="BC5231" s="93"/>
      <c r="BD5231" s="93"/>
      <c r="BE5231" s="93"/>
      <c r="BF5231" s="93"/>
      <c r="BG5231" s="93"/>
      <c r="BH5231" s="93"/>
      <c r="BI5231" s="93"/>
      <c r="BJ5231" s="93"/>
      <c r="BK5231" s="93"/>
      <c r="BL5231" s="93"/>
    </row>
    <row r="5232" spans="2:64" x14ac:dyDescent="0.2">
      <c r="B5232" s="43"/>
      <c r="C5232" s="73"/>
      <c r="D5232" s="64"/>
      <c r="E5232" s="55"/>
      <c r="F5232" s="74"/>
      <c r="G5232" s="74"/>
      <c r="H5232" s="74"/>
      <c r="I5232" s="75"/>
      <c r="J5232" s="74"/>
      <c r="L5232" s="55"/>
      <c r="M5232" s="234"/>
      <c r="N5232" s="65"/>
      <c r="O5232" s="76"/>
      <c r="P5232" s="76"/>
      <c r="Q5232" s="65"/>
      <c r="R5232" s="76"/>
      <c r="S5232" s="76"/>
      <c r="T5232" s="76"/>
      <c r="U5232" s="76"/>
      <c r="V5232" s="76"/>
      <c r="W5232" s="76"/>
      <c r="X5232" s="76"/>
      <c r="Y5232" s="76"/>
      <c r="Z5232" s="76"/>
      <c r="AA5232" s="85"/>
      <c r="AB5232" s="85"/>
      <c r="AC5232" s="85"/>
      <c r="AD5232" s="85"/>
      <c r="AE5232" s="85"/>
      <c r="AF5232" s="85"/>
      <c r="AG5232" s="86"/>
      <c r="AH5232" s="85"/>
      <c r="AI5232" s="85"/>
      <c r="AJ5232" s="85"/>
      <c r="AK5232" s="85"/>
      <c r="AL5232" s="85"/>
      <c r="AM5232" s="92"/>
      <c r="AN5232" s="92"/>
      <c r="AO5232" s="92"/>
      <c r="AP5232" s="92"/>
      <c r="AQ5232" s="92"/>
      <c r="AR5232" s="92"/>
      <c r="AS5232" s="92"/>
      <c r="AT5232" s="92"/>
      <c r="AU5232" s="92"/>
      <c r="AV5232" s="92"/>
      <c r="AW5232" s="92"/>
      <c r="AX5232" s="92"/>
      <c r="AY5232" s="92"/>
      <c r="AZ5232" s="93"/>
      <c r="BA5232" s="93"/>
      <c r="BB5232" s="93"/>
      <c r="BC5232" s="93"/>
      <c r="BD5232" s="93"/>
      <c r="BE5232" s="93"/>
      <c r="BF5232" s="93"/>
      <c r="BG5232" s="93"/>
      <c r="BH5232" s="93"/>
      <c r="BI5232" s="93"/>
      <c r="BJ5232" s="93"/>
      <c r="BK5232" s="93"/>
      <c r="BL5232" s="93"/>
    </row>
    <row r="5233" spans="2:64" x14ac:dyDescent="0.2">
      <c r="B5233" s="43"/>
      <c r="C5233" s="73"/>
      <c r="D5233" s="64"/>
      <c r="E5233" s="55"/>
      <c r="F5233" s="74"/>
      <c r="G5233" s="74"/>
      <c r="H5233" s="74"/>
      <c r="I5233" s="75"/>
      <c r="J5233" s="74"/>
      <c r="L5233" s="55"/>
      <c r="M5233" s="234"/>
      <c r="N5233" s="65"/>
      <c r="O5233" s="76"/>
      <c r="P5233" s="76"/>
      <c r="Q5233" s="65"/>
      <c r="R5233" s="76"/>
      <c r="S5233" s="76"/>
      <c r="T5233" s="76"/>
      <c r="U5233" s="76"/>
      <c r="V5233" s="76"/>
      <c r="W5233" s="76"/>
      <c r="X5233" s="76"/>
      <c r="Y5233" s="76"/>
      <c r="Z5233" s="76"/>
      <c r="AA5233" s="85"/>
      <c r="AB5233" s="85"/>
      <c r="AC5233" s="85"/>
      <c r="AD5233" s="85"/>
      <c r="AE5233" s="85"/>
      <c r="AF5233" s="85"/>
      <c r="AG5233" s="86"/>
      <c r="AH5233" s="85"/>
      <c r="AI5233" s="85"/>
      <c r="AJ5233" s="85"/>
      <c r="AK5233" s="85"/>
      <c r="AL5233" s="85"/>
      <c r="AM5233" s="92"/>
      <c r="AN5233" s="92"/>
      <c r="AO5233" s="92"/>
      <c r="AP5233" s="92"/>
      <c r="AQ5233" s="92"/>
      <c r="AR5233" s="92"/>
      <c r="AS5233" s="92"/>
      <c r="AT5233" s="92"/>
      <c r="AU5233" s="92"/>
      <c r="AV5233" s="92"/>
      <c r="AW5233" s="92"/>
      <c r="AX5233" s="92"/>
      <c r="AY5233" s="92"/>
      <c r="AZ5233" s="93"/>
      <c r="BA5233" s="93"/>
      <c r="BB5233" s="93"/>
      <c r="BC5233" s="93"/>
      <c r="BD5233" s="93"/>
      <c r="BE5233" s="93"/>
      <c r="BF5233" s="93"/>
      <c r="BG5233" s="93"/>
      <c r="BH5233" s="93"/>
      <c r="BI5233" s="93"/>
      <c r="BJ5233" s="93"/>
      <c r="BK5233" s="93"/>
      <c r="BL5233" s="93"/>
    </row>
    <row r="5234" spans="2:64" x14ac:dyDescent="0.2">
      <c r="B5234" s="43"/>
      <c r="C5234" s="73"/>
      <c r="D5234" s="64"/>
      <c r="E5234" s="55"/>
      <c r="F5234" s="74"/>
      <c r="G5234" s="74"/>
      <c r="H5234" s="74"/>
      <c r="I5234" s="75"/>
      <c r="J5234" s="74"/>
      <c r="L5234" s="55"/>
      <c r="M5234" s="234"/>
      <c r="N5234" s="65"/>
      <c r="O5234" s="76"/>
      <c r="P5234" s="76"/>
      <c r="Q5234" s="65"/>
      <c r="R5234" s="76"/>
      <c r="S5234" s="76"/>
      <c r="T5234" s="76"/>
      <c r="U5234" s="76"/>
      <c r="V5234" s="76"/>
      <c r="W5234" s="76"/>
      <c r="X5234" s="76"/>
      <c r="Y5234" s="76"/>
      <c r="Z5234" s="76"/>
      <c r="AA5234" s="85"/>
      <c r="AB5234" s="85"/>
      <c r="AC5234" s="85"/>
      <c r="AD5234" s="85"/>
      <c r="AE5234" s="85"/>
      <c r="AF5234" s="85"/>
      <c r="AG5234" s="86"/>
      <c r="AH5234" s="85"/>
      <c r="AI5234" s="85"/>
      <c r="AJ5234" s="85"/>
      <c r="AK5234" s="85"/>
      <c r="AL5234" s="85"/>
      <c r="AM5234" s="92"/>
      <c r="AN5234" s="92"/>
      <c r="AO5234" s="92"/>
      <c r="AP5234" s="92"/>
      <c r="AQ5234" s="92"/>
      <c r="AR5234" s="92"/>
      <c r="AS5234" s="92"/>
      <c r="AT5234" s="92"/>
      <c r="AU5234" s="92"/>
      <c r="AV5234" s="92"/>
      <c r="AW5234" s="92"/>
      <c r="AX5234" s="92"/>
      <c r="AY5234" s="92"/>
      <c r="AZ5234" s="93"/>
      <c r="BA5234" s="93"/>
      <c r="BB5234" s="93"/>
      <c r="BC5234" s="93"/>
      <c r="BD5234" s="93"/>
      <c r="BE5234" s="93"/>
      <c r="BF5234" s="93"/>
      <c r="BG5234" s="93"/>
      <c r="BH5234" s="93"/>
      <c r="BI5234" s="93"/>
      <c r="BJ5234" s="93"/>
      <c r="BK5234" s="93"/>
      <c r="BL5234" s="93"/>
    </row>
    <row r="5235" spans="2:64" x14ac:dyDescent="0.2">
      <c r="B5235" s="43"/>
      <c r="C5235" s="73"/>
      <c r="D5235" s="64"/>
      <c r="E5235" s="55"/>
      <c r="F5235" s="74"/>
      <c r="G5235" s="74"/>
      <c r="H5235" s="74"/>
      <c r="I5235" s="75"/>
      <c r="J5235" s="74"/>
      <c r="L5235" s="55"/>
      <c r="M5235" s="234"/>
      <c r="N5235" s="65"/>
      <c r="O5235" s="76"/>
      <c r="P5235" s="76"/>
      <c r="Q5235" s="65"/>
      <c r="R5235" s="76"/>
      <c r="S5235" s="76"/>
      <c r="T5235" s="76"/>
      <c r="U5235" s="76"/>
      <c r="V5235" s="76"/>
      <c r="W5235" s="76"/>
      <c r="X5235" s="76"/>
      <c r="Y5235" s="76"/>
      <c r="Z5235" s="76"/>
      <c r="AA5235" s="85"/>
      <c r="AB5235" s="85"/>
      <c r="AC5235" s="85"/>
      <c r="AD5235" s="85"/>
      <c r="AE5235" s="85"/>
      <c r="AF5235" s="85"/>
      <c r="AG5235" s="86"/>
      <c r="AH5235" s="85"/>
      <c r="AI5235" s="85"/>
      <c r="AJ5235" s="85"/>
      <c r="AK5235" s="85"/>
      <c r="AL5235" s="85"/>
      <c r="AM5235" s="92"/>
      <c r="AN5235" s="92"/>
      <c r="AO5235" s="92"/>
      <c r="AP5235" s="92"/>
      <c r="AQ5235" s="92"/>
      <c r="AR5235" s="92"/>
      <c r="AS5235" s="92"/>
      <c r="AT5235" s="92"/>
      <c r="AU5235" s="92"/>
      <c r="AV5235" s="92"/>
      <c r="AW5235" s="92"/>
      <c r="AX5235" s="92"/>
      <c r="AY5235" s="92"/>
      <c r="AZ5235" s="93"/>
      <c r="BA5235" s="93"/>
      <c r="BB5235" s="93"/>
      <c r="BC5235" s="93"/>
      <c r="BD5235" s="93"/>
      <c r="BE5235" s="93"/>
      <c r="BF5235" s="93"/>
      <c r="BG5235" s="93"/>
      <c r="BH5235" s="93"/>
      <c r="BI5235" s="93"/>
      <c r="BJ5235" s="93"/>
      <c r="BK5235" s="93"/>
      <c r="BL5235" s="93"/>
    </row>
    <row r="5236" spans="2:64" x14ac:dyDescent="0.2">
      <c r="B5236" s="43"/>
      <c r="C5236" s="73"/>
      <c r="D5236" s="64"/>
      <c r="E5236" s="55"/>
      <c r="F5236" s="74"/>
      <c r="G5236" s="74"/>
      <c r="H5236" s="74"/>
      <c r="I5236" s="75"/>
      <c r="J5236" s="74"/>
      <c r="L5236" s="55"/>
      <c r="M5236" s="234"/>
      <c r="N5236" s="65"/>
      <c r="O5236" s="76"/>
      <c r="P5236" s="76"/>
      <c r="Q5236" s="65"/>
      <c r="R5236" s="76"/>
      <c r="S5236" s="76"/>
      <c r="T5236" s="76"/>
      <c r="U5236" s="76"/>
      <c r="V5236" s="76"/>
      <c r="W5236" s="76"/>
      <c r="X5236" s="76"/>
      <c r="Y5236" s="76"/>
      <c r="Z5236" s="76"/>
      <c r="AA5236" s="85"/>
      <c r="AB5236" s="85"/>
      <c r="AC5236" s="85"/>
      <c r="AD5236" s="85"/>
      <c r="AE5236" s="85"/>
      <c r="AF5236" s="85"/>
      <c r="AG5236" s="86"/>
      <c r="AH5236" s="85"/>
      <c r="AI5236" s="85"/>
      <c r="AJ5236" s="85"/>
      <c r="AK5236" s="85"/>
      <c r="AL5236" s="85"/>
      <c r="AM5236" s="92"/>
      <c r="AN5236" s="92"/>
      <c r="AO5236" s="92"/>
      <c r="AP5236" s="92"/>
      <c r="AQ5236" s="92"/>
      <c r="AR5236" s="92"/>
      <c r="AS5236" s="92"/>
      <c r="AT5236" s="92"/>
      <c r="AU5236" s="92"/>
      <c r="AV5236" s="92"/>
      <c r="AW5236" s="92"/>
      <c r="AX5236" s="92"/>
      <c r="AY5236" s="92"/>
      <c r="AZ5236" s="93"/>
      <c r="BA5236" s="93"/>
      <c r="BB5236" s="93"/>
      <c r="BC5236" s="93"/>
      <c r="BD5236" s="93"/>
      <c r="BE5236" s="93"/>
      <c r="BF5236" s="93"/>
      <c r="BG5236" s="93"/>
      <c r="BH5236" s="93"/>
      <c r="BI5236" s="93"/>
      <c r="BJ5236" s="93"/>
      <c r="BK5236" s="93"/>
      <c r="BL5236" s="93"/>
    </row>
    <row r="5237" spans="2:64" x14ac:dyDescent="0.2">
      <c r="B5237" s="43"/>
      <c r="C5237" s="73"/>
      <c r="D5237" s="64"/>
      <c r="E5237" s="55"/>
      <c r="F5237" s="74"/>
      <c r="G5237" s="74"/>
      <c r="H5237" s="74"/>
      <c r="I5237" s="75"/>
      <c r="J5237" s="74"/>
      <c r="L5237" s="55"/>
      <c r="M5237" s="234"/>
      <c r="N5237" s="65"/>
      <c r="O5237" s="76"/>
      <c r="P5237" s="76"/>
      <c r="Q5237" s="65"/>
      <c r="R5237" s="76"/>
      <c r="S5237" s="76"/>
      <c r="T5237" s="76"/>
      <c r="U5237" s="76"/>
      <c r="V5237" s="76"/>
      <c r="W5237" s="76"/>
      <c r="X5237" s="76"/>
      <c r="Y5237" s="76"/>
      <c r="Z5237" s="76"/>
      <c r="AA5237" s="85"/>
      <c r="AB5237" s="85"/>
      <c r="AC5237" s="85"/>
      <c r="AD5237" s="85"/>
      <c r="AE5237" s="85"/>
      <c r="AF5237" s="85"/>
      <c r="AG5237" s="86"/>
      <c r="AH5237" s="85"/>
      <c r="AI5237" s="85"/>
      <c r="AJ5237" s="85"/>
      <c r="AK5237" s="85"/>
      <c r="AL5237" s="85"/>
      <c r="AM5237" s="92"/>
      <c r="AN5237" s="92"/>
      <c r="AO5237" s="92"/>
      <c r="AP5237" s="92"/>
      <c r="AQ5237" s="92"/>
      <c r="AR5237" s="92"/>
      <c r="AS5237" s="92"/>
      <c r="AT5237" s="92"/>
      <c r="AU5237" s="92"/>
      <c r="AV5237" s="92"/>
      <c r="AW5237" s="92"/>
      <c r="AX5237" s="92"/>
      <c r="AY5237" s="92"/>
      <c r="AZ5237" s="93"/>
      <c r="BA5237" s="93"/>
      <c r="BB5237" s="93"/>
      <c r="BC5237" s="93"/>
      <c r="BD5237" s="93"/>
      <c r="BE5237" s="93"/>
      <c r="BF5237" s="93"/>
      <c r="BG5237" s="93"/>
      <c r="BH5237" s="93"/>
      <c r="BI5237" s="93"/>
      <c r="BJ5237" s="93"/>
      <c r="BK5237" s="93"/>
      <c r="BL5237" s="93"/>
    </row>
    <row r="5238" spans="2:64" x14ac:dyDescent="0.2">
      <c r="B5238" s="43"/>
      <c r="C5238" s="73"/>
      <c r="D5238" s="64"/>
      <c r="E5238" s="55"/>
      <c r="F5238" s="74"/>
      <c r="G5238" s="74"/>
      <c r="H5238" s="74"/>
      <c r="I5238" s="75"/>
      <c r="J5238" s="74"/>
      <c r="L5238" s="55"/>
      <c r="M5238" s="234"/>
      <c r="N5238" s="65"/>
      <c r="O5238" s="76"/>
      <c r="P5238" s="76"/>
      <c r="Q5238" s="65"/>
      <c r="R5238" s="76"/>
      <c r="S5238" s="76"/>
      <c r="T5238" s="76"/>
      <c r="U5238" s="76"/>
      <c r="V5238" s="76"/>
      <c r="W5238" s="76"/>
      <c r="X5238" s="76"/>
      <c r="Y5238" s="76"/>
      <c r="Z5238" s="76"/>
      <c r="AA5238" s="85"/>
      <c r="AB5238" s="85"/>
      <c r="AC5238" s="85"/>
      <c r="AD5238" s="85"/>
      <c r="AE5238" s="85"/>
      <c r="AF5238" s="85"/>
      <c r="AG5238" s="86"/>
      <c r="AH5238" s="85"/>
      <c r="AI5238" s="85"/>
      <c r="AJ5238" s="85"/>
      <c r="AK5238" s="85"/>
      <c r="AL5238" s="85"/>
      <c r="AM5238" s="92"/>
      <c r="AN5238" s="92"/>
      <c r="AO5238" s="92"/>
      <c r="AP5238" s="92"/>
      <c r="AQ5238" s="92"/>
      <c r="AR5238" s="92"/>
      <c r="AS5238" s="92"/>
      <c r="AT5238" s="92"/>
      <c r="AU5238" s="92"/>
      <c r="AV5238" s="92"/>
      <c r="AW5238" s="92"/>
      <c r="AX5238" s="92"/>
      <c r="AY5238" s="92"/>
      <c r="AZ5238" s="93"/>
      <c r="BA5238" s="93"/>
      <c r="BB5238" s="93"/>
      <c r="BC5238" s="93"/>
      <c r="BD5238" s="93"/>
      <c r="BE5238" s="93"/>
      <c r="BF5238" s="93"/>
      <c r="BG5238" s="93"/>
      <c r="BH5238" s="93"/>
      <c r="BI5238" s="93"/>
      <c r="BJ5238" s="93"/>
      <c r="BK5238" s="93"/>
      <c r="BL5238" s="93"/>
    </row>
    <row r="5239" spans="2:64" x14ac:dyDescent="0.2">
      <c r="B5239" s="43"/>
      <c r="C5239" s="73"/>
      <c r="D5239" s="64"/>
      <c r="E5239" s="55"/>
      <c r="F5239" s="74"/>
      <c r="G5239" s="74"/>
      <c r="H5239" s="74"/>
      <c r="I5239" s="75"/>
      <c r="J5239" s="74"/>
      <c r="L5239" s="55"/>
      <c r="M5239" s="234"/>
      <c r="N5239" s="65"/>
      <c r="O5239" s="76"/>
      <c r="P5239" s="76"/>
      <c r="Q5239" s="65"/>
      <c r="R5239" s="76"/>
      <c r="S5239" s="76"/>
      <c r="T5239" s="76"/>
      <c r="U5239" s="76"/>
      <c r="V5239" s="76"/>
      <c r="W5239" s="76"/>
      <c r="X5239" s="76"/>
      <c r="Y5239" s="76"/>
      <c r="Z5239" s="76"/>
      <c r="AA5239" s="85"/>
      <c r="AB5239" s="85"/>
      <c r="AC5239" s="85"/>
      <c r="AD5239" s="85"/>
      <c r="AE5239" s="85"/>
      <c r="AF5239" s="85"/>
      <c r="AG5239" s="86"/>
      <c r="AH5239" s="85"/>
      <c r="AI5239" s="85"/>
      <c r="AJ5239" s="85"/>
      <c r="AK5239" s="85"/>
      <c r="AL5239" s="85"/>
      <c r="AM5239" s="92"/>
      <c r="AN5239" s="92"/>
      <c r="AO5239" s="92"/>
      <c r="AP5239" s="92"/>
      <c r="AQ5239" s="92"/>
      <c r="AR5239" s="92"/>
      <c r="AS5239" s="92"/>
      <c r="AT5239" s="92"/>
      <c r="AU5239" s="92"/>
      <c r="AV5239" s="92"/>
      <c r="AW5239" s="92"/>
      <c r="AX5239" s="92"/>
      <c r="AY5239" s="92"/>
      <c r="AZ5239" s="93"/>
      <c r="BA5239" s="93"/>
      <c r="BB5239" s="93"/>
      <c r="BC5239" s="93"/>
      <c r="BD5239" s="93"/>
      <c r="BE5239" s="93"/>
      <c r="BF5239" s="93"/>
      <c r="BG5239" s="93"/>
      <c r="BH5239" s="93"/>
      <c r="BI5239" s="93"/>
      <c r="BJ5239" s="93"/>
      <c r="BK5239" s="93"/>
      <c r="BL5239" s="93"/>
    </row>
    <row r="5240" spans="2:64" x14ac:dyDescent="0.2">
      <c r="B5240" s="43"/>
      <c r="C5240" s="73"/>
      <c r="D5240" s="64"/>
      <c r="E5240" s="55"/>
      <c r="F5240" s="74"/>
      <c r="G5240" s="74"/>
      <c r="H5240" s="74"/>
      <c r="I5240" s="75"/>
      <c r="J5240" s="74"/>
      <c r="L5240" s="55"/>
      <c r="M5240" s="234"/>
      <c r="N5240" s="65"/>
      <c r="O5240" s="76"/>
      <c r="P5240" s="76"/>
      <c r="Q5240" s="65"/>
      <c r="R5240" s="76"/>
      <c r="S5240" s="76"/>
      <c r="T5240" s="76"/>
      <c r="U5240" s="76"/>
      <c r="V5240" s="76"/>
      <c r="W5240" s="76"/>
      <c r="X5240" s="76"/>
      <c r="Y5240" s="76"/>
      <c r="Z5240" s="76"/>
      <c r="AA5240" s="85"/>
      <c r="AB5240" s="85"/>
      <c r="AC5240" s="85"/>
      <c r="AD5240" s="85"/>
      <c r="AE5240" s="85"/>
      <c r="AF5240" s="85"/>
      <c r="AG5240" s="86"/>
      <c r="AH5240" s="85"/>
      <c r="AI5240" s="85"/>
      <c r="AJ5240" s="85"/>
      <c r="AK5240" s="85"/>
      <c r="AL5240" s="85"/>
      <c r="AM5240" s="92"/>
      <c r="AN5240" s="92"/>
      <c r="AO5240" s="92"/>
      <c r="AP5240" s="92"/>
      <c r="AQ5240" s="92"/>
      <c r="AR5240" s="92"/>
      <c r="AS5240" s="92"/>
      <c r="AT5240" s="92"/>
      <c r="AU5240" s="92"/>
      <c r="AV5240" s="92"/>
      <c r="AW5240" s="92"/>
      <c r="AX5240" s="92"/>
      <c r="AY5240" s="92"/>
      <c r="AZ5240" s="93"/>
      <c r="BA5240" s="93"/>
      <c r="BB5240" s="93"/>
      <c r="BC5240" s="93"/>
      <c r="BD5240" s="93"/>
      <c r="BE5240" s="93"/>
      <c r="BF5240" s="93"/>
      <c r="BG5240" s="93"/>
      <c r="BH5240" s="93"/>
      <c r="BI5240" s="93"/>
      <c r="BJ5240" s="93"/>
      <c r="BK5240" s="93"/>
      <c r="BL5240" s="93"/>
    </row>
    <row r="5241" spans="2:64" x14ac:dyDescent="0.2">
      <c r="B5241" s="43"/>
      <c r="C5241" s="73"/>
      <c r="D5241" s="64"/>
      <c r="E5241" s="55"/>
      <c r="F5241" s="74"/>
      <c r="G5241" s="74"/>
      <c r="H5241" s="74"/>
      <c r="I5241" s="75"/>
      <c r="J5241" s="74"/>
      <c r="L5241" s="55"/>
      <c r="M5241" s="234"/>
      <c r="N5241" s="65"/>
      <c r="O5241" s="76"/>
      <c r="P5241" s="76"/>
      <c r="Q5241" s="65"/>
      <c r="R5241" s="76"/>
      <c r="S5241" s="76"/>
      <c r="T5241" s="76"/>
      <c r="U5241" s="76"/>
      <c r="V5241" s="76"/>
      <c r="W5241" s="76"/>
      <c r="X5241" s="76"/>
      <c r="Y5241" s="76"/>
      <c r="Z5241" s="76"/>
      <c r="AA5241" s="85"/>
      <c r="AB5241" s="85"/>
      <c r="AC5241" s="85"/>
      <c r="AD5241" s="85"/>
      <c r="AE5241" s="85"/>
      <c r="AF5241" s="85"/>
      <c r="AG5241" s="86"/>
      <c r="AH5241" s="85"/>
      <c r="AI5241" s="85"/>
      <c r="AJ5241" s="85"/>
      <c r="AK5241" s="85"/>
      <c r="AL5241" s="85"/>
      <c r="AM5241" s="92"/>
      <c r="AN5241" s="92"/>
      <c r="AO5241" s="92"/>
      <c r="AP5241" s="92"/>
      <c r="AQ5241" s="92"/>
      <c r="AR5241" s="92"/>
      <c r="AS5241" s="92"/>
      <c r="AT5241" s="92"/>
      <c r="AU5241" s="92"/>
      <c r="AV5241" s="92"/>
      <c r="AW5241" s="92"/>
      <c r="AX5241" s="92"/>
      <c r="AY5241" s="92"/>
      <c r="AZ5241" s="93"/>
      <c r="BA5241" s="93"/>
      <c r="BB5241" s="93"/>
      <c r="BC5241" s="93"/>
      <c r="BD5241" s="93"/>
      <c r="BE5241" s="93"/>
      <c r="BF5241" s="93"/>
      <c r="BG5241" s="93"/>
      <c r="BH5241" s="93"/>
      <c r="BI5241" s="93"/>
      <c r="BJ5241" s="93"/>
      <c r="BK5241" s="93"/>
      <c r="BL5241" s="93"/>
    </row>
    <row r="5242" spans="2:64" x14ac:dyDescent="0.2">
      <c r="B5242" s="43"/>
      <c r="C5242" s="73"/>
      <c r="D5242" s="64"/>
      <c r="E5242" s="55"/>
      <c r="F5242" s="74"/>
      <c r="G5242" s="74"/>
      <c r="H5242" s="74"/>
      <c r="I5242" s="75"/>
      <c r="J5242" s="74"/>
      <c r="L5242" s="55"/>
      <c r="M5242" s="234"/>
      <c r="N5242" s="65"/>
      <c r="O5242" s="76"/>
      <c r="P5242" s="76"/>
      <c r="Q5242" s="65"/>
      <c r="R5242" s="76"/>
      <c r="S5242" s="76"/>
      <c r="T5242" s="76"/>
      <c r="U5242" s="76"/>
      <c r="V5242" s="76"/>
      <c r="W5242" s="76"/>
      <c r="X5242" s="76"/>
      <c r="Y5242" s="76"/>
      <c r="Z5242" s="76"/>
      <c r="AA5242" s="85"/>
      <c r="AB5242" s="85"/>
      <c r="AC5242" s="85"/>
      <c r="AD5242" s="85"/>
      <c r="AE5242" s="85"/>
      <c r="AF5242" s="85"/>
      <c r="AG5242" s="86"/>
      <c r="AH5242" s="85"/>
      <c r="AI5242" s="85"/>
      <c r="AJ5242" s="85"/>
      <c r="AK5242" s="85"/>
      <c r="AL5242" s="85"/>
      <c r="AM5242" s="92"/>
      <c r="AN5242" s="92"/>
      <c r="AO5242" s="92"/>
      <c r="AP5242" s="92"/>
      <c r="AQ5242" s="92"/>
      <c r="AR5242" s="92"/>
      <c r="AS5242" s="92"/>
      <c r="AT5242" s="92"/>
      <c r="AU5242" s="92"/>
      <c r="AV5242" s="92"/>
      <c r="AW5242" s="92"/>
      <c r="AX5242" s="92"/>
      <c r="AY5242" s="92"/>
      <c r="AZ5242" s="93"/>
      <c r="BA5242" s="93"/>
      <c r="BB5242" s="93"/>
      <c r="BC5242" s="93"/>
      <c r="BD5242" s="93"/>
      <c r="BE5242" s="93"/>
      <c r="BF5242" s="93"/>
      <c r="BG5242" s="93"/>
      <c r="BH5242" s="93"/>
      <c r="BI5242" s="93"/>
      <c r="BJ5242" s="93"/>
      <c r="BK5242" s="93"/>
      <c r="BL5242" s="93"/>
    </row>
    <row r="5243" spans="2:64" x14ac:dyDescent="0.2">
      <c r="B5243" s="43"/>
      <c r="C5243" s="73"/>
      <c r="D5243" s="64"/>
      <c r="E5243" s="55"/>
      <c r="F5243" s="74"/>
      <c r="G5243" s="74"/>
      <c r="H5243" s="74"/>
      <c r="I5243" s="75"/>
      <c r="J5243" s="74"/>
      <c r="L5243" s="55"/>
      <c r="M5243" s="234"/>
      <c r="N5243" s="65"/>
      <c r="O5243" s="76"/>
      <c r="P5243" s="76"/>
      <c r="Q5243" s="65"/>
      <c r="R5243" s="76"/>
      <c r="S5243" s="76"/>
      <c r="T5243" s="76"/>
      <c r="U5243" s="76"/>
      <c r="V5243" s="76"/>
      <c r="W5243" s="76"/>
      <c r="X5243" s="76"/>
      <c r="Y5243" s="76"/>
      <c r="Z5243" s="76"/>
      <c r="AA5243" s="85"/>
      <c r="AB5243" s="85"/>
      <c r="AC5243" s="85"/>
      <c r="AD5243" s="85"/>
      <c r="AE5243" s="85"/>
      <c r="AF5243" s="85"/>
      <c r="AG5243" s="86"/>
      <c r="AH5243" s="85"/>
      <c r="AI5243" s="85"/>
      <c r="AJ5243" s="85"/>
      <c r="AK5243" s="85"/>
      <c r="AL5243" s="85"/>
      <c r="AM5243" s="92"/>
      <c r="AN5243" s="92"/>
      <c r="AO5243" s="92"/>
      <c r="AP5243" s="92"/>
      <c r="AQ5243" s="92"/>
      <c r="AR5243" s="92"/>
      <c r="AS5243" s="92"/>
      <c r="AT5243" s="92"/>
      <c r="AU5243" s="92"/>
      <c r="AV5243" s="92"/>
      <c r="AW5243" s="92"/>
      <c r="AX5243" s="92"/>
      <c r="AY5243" s="92"/>
      <c r="AZ5243" s="93"/>
      <c r="BA5243" s="93"/>
      <c r="BB5243" s="93"/>
      <c r="BC5243" s="93"/>
      <c r="BD5243" s="93"/>
      <c r="BE5243" s="93"/>
      <c r="BF5243" s="93"/>
      <c r="BG5243" s="93"/>
      <c r="BH5243" s="93"/>
      <c r="BI5243" s="93"/>
      <c r="BJ5243" s="93"/>
      <c r="BK5243" s="93"/>
      <c r="BL5243" s="93"/>
    </row>
    <row r="5244" spans="2:64" x14ac:dyDescent="0.2">
      <c r="B5244" s="43"/>
      <c r="C5244" s="73"/>
      <c r="D5244" s="64"/>
      <c r="E5244" s="55"/>
      <c r="F5244" s="74"/>
      <c r="G5244" s="74"/>
      <c r="H5244" s="74"/>
      <c r="I5244" s="75"/>
      <c r="J5244" s="74"/>
      <c r="L5244" s="55"/>
      <c r="M5244" s="234"/>
      <c r="N5244" s="65"/>
      <c r="O5244" s="76"/>
      <c r="P5244" s="76"/>
      <c r="Q5244" s="65"/>
      <c r="R5244" s="76"/>
      <c r="S5244" s="76"/>
      <c r="T5244" s="76"/>
      <c r="U5244" s="76"/>
      <c r="V5244" s="76"/>
      <c r="W5244" s="76"/>
      <c r="X5244" s="76"/>
      <c r="Y5244" s="76"/>
      <c r="Z5244" s="76"/>
      <c r="AA5244" s="85"/>
      <c r="AB5244" s="85"/>
      <c r="AC5244" s="85"/>
      <c r="AD5244" s="85"/>
      <c r="AE5244" s="85"/>
      <c r="AF5244" s="85"/>
      <c r="AG5244" s="86"/>
      <c r="AH5244" s="85"/>
      <c r="AI5244" s="85"/>
      <c r="AJ5244" s="85"/>
      <c r="AK5244" s="85"/>
      <c r="AL5244" s="85"/>
      <c r="AM5244" s="92"/>
      <c r="AN5244" s="92"/>
      <c r="AO5244" s="92"/>
      <c r="AP5244" s="92"/>
      <c r="AQ5244" s="92"/>
      <c r="AR5244" s="92"/>
      <c r="AS5244" s="92"/>
      <c r="AT5244" s="92"/>
      <c r="AU5244" s="92"/>
      <c r="AV5244" s="92"/>
      <c r="AW5244" s="92"/>
      <c r="AX5244" s="92"/>
      <c r="AY5244" s="92"/>
      <c r="AZ5244" s="93"/>
      <c r="BA5244" s="93"/>
      <c r="BB5244" s="93"/>
      <c r="BC5244" s="93"/>
      <c r="BD5244" s="93"/>
      <c r="BE5244" s="93"/>
      <c r="BF5244" s="93"/>
      <c r="BG5244" s="93"/>
      <c r="BH5244" s="93"/>
      <c r="BI5244" s="93"/>
      <c r="BJ5244" s="93"/>
      <c r="BK5244" s="93"/>
      <c r="BL5244" s="93"/>
    </row>
    <row r="5245" spans="2:64" x14ac:dyDescent="0.2">
      <c r="B5245" s="43"/>
      <c r="C5245" s="73"/>
      <c r="D5245" s="64"/>
      <c r="E5245" s="55"/>
      <c r="F5245" s="74"/>
      <c r="G5245" s="74"/>
      <c r="H5245" s="74"/>
      <c r="I5245" s="75"/>
      <c r="J5245" s="74"/>
      <c r="L5245" s="55"/>
      <c r="M5245" s="234"/>
      <c r="N5245" s="65"/>
      <c r="O5245" s="76"/>
      <c r="P5245" s="76"/>
      <c r="Q5245" s="65"/>
      <c r="R5245" s="76"/>
      <c r="S5245" s="76"/>
      <c r="T5245" s="76"/>
      <c r="U5245" s="76"/>
      <c r="V5245" s="76"/>
      <c r="W5245" s="76"/>
      <c r="X5245" s="76"/>
      <c r="Y5245" s="76"/>
      <c r="Z5245" s="76"/>
      <c r="AA5245" s="85"/>
      <c r="AB5245" s="85"/>
      <c r="AC5245" s="85"/>
      <c r="AD5245" s="85"/>
      <c r="AE5245" s="85"/>
      <c r="AF5245" s="85"/>
      <c r="AG5245" s="86"/>
      <c r="AH5245" s="85"/>
      <c r="AI5245" s="85"/>
      <c r="AJ5245" s="85"/>
      <c r="AK5245" s="85"/>
      <c r="AL5245" s="85"/>
      <c r="AM5245" s="92"/>
      <c r="AN5245" s="92"/>
      <c r="AO5245" s="92"/>
      <c r="AP5245" s="92"/>
      <c r="AQ5245" s="92"/>
      <c r="AR5245" s="92"/>
      <c r="AS5245" s="92"/>
      <c r="AT5245" s="92"/>
      <c r="AU5245" s="92"/>
      <c r="AV5245" s="92"/>
      <c r="AW5245" s="92"/>
      <c r="AX5245" s="92"/>
      <c r="AY5245" s="92"/>
      <c r="AZ5245" s="93"/>
      <c r="BA5245" s="93"/>
      <c r="BB5245" s="93"/>
      <c r="BC5245" s="93"/>
      <c r="BD5245" s="93"/>
      <c r="BE5245" s="93"/>
      <c r="BF5245" s="93"/>
      <c r="BG5245" s="93"/>
      <c r="BH5245" s="93"/>
      <c r="BI5245" s="93"/>
      <c r="BJ5245" s="93"/>
      <c r="BK5245" s="93"/>
      <c r="BL5245" s="93"/>
    </row>
    <row r="5246" spans="2:64" x14ac:dyDescent="0.2">
      <c r="B5246" s="43"/>
      <c r="C5246" s="73"/>
      <c r="D5246" s="64"/>
      <c r="E5246" s="55"/>
      <c r="F5246" s="74"/>
      <c r="G5246" s="74"/>
      <c r="H5246" s="74"/>
      <c r="I5246" s="75"/>
      <c r="J5246" s="74"/>
      <c r="L5246" s="55"/>
      <c r="M5246" s="234"/>
      <c r="N5246" s="65"/>
      <c r="O5246" s="76"/>
      <c r="P5246" s="76"/>
      <c r="Q5246" s="65"/>
      <c r="R5246" s="76"/>
      <c r="S5246" s="76"/>
      <c r="T5246" s="76"/>
      <c r="U5246" s="76"/>
      <c r="V5246" s="76"/>
      <c r="W5246" s="76"/>
      <c r="X5246" s="76"/>
      <c r="Y5246" s="76"/>
      <c r="Z5246" s="76"/>
      <c r="AA5246" s="85"/>
      <c r="AB5246" s="85"/>
      <c r="AC5246" s="85"/>
      <c r="AD5246" s="85"/>
      <c r="AE5246" s="85"/>
      <c r="AF5246" s="85"/>
      <c r="AG5246" s="86"/>
      <c r="AH5246" s="85"/>
      <c r="AI5246" s="85"/>
      <c r="AJ5246" s="85"/>
      <c r="AK5246" s="85"/>
      <c r="AL5246" s="85"/>
      <c r="AM5246" s="92"/>
      <c r="AN5246" s="92"/>
      <c r="AO5246" s="92"/>
      <c r="AP5246" s="92"/>
      <c r="AQ5246" s="92"/>
      <c r="AR5246" s="92"/>
      <c r="AS5246" s="92"/>
      <c r="AT5246" s="92"/>
      <c r="AU5246" s="92"/>
      <c r="AV5246" s="92"/>
      <c r="AW5246" s="92"/>
      <c r="AX5246" s="92"/>
      <c r="AY5246" s="92"/>
      <c r="AZ5246" s="93"/>
      <c r="BA5246" s="93"/>
      <c r="BB5246" s="93"/>
      <c r="BC5246" s="93"/>
      <c r="BD5246" s="93"/>
      <c r="BE5246" s="93"/>
      <c r="BF5246" s="93"/>
      <c r="BG5246" s="93"/>
      <c r="BH5246" s="93"/>
      <c r="BI5246" s="93"/>
      <c r="BJ5246" s="93"/>
      <c r="BK5246" s="93"/>
      <c r="BL5246" s="93"/>
    </row>
    <row r="5247" spans="2:64" x14ac:dyDescent="0.2">
      <c r="B5247" s="43"/>
      <c r="C5247" s="73"/>
      <c r="D5247" s="64"/>
      <c r="E5247" s="55"/>
      <c r="F5247" s="74"/>
      <c r="G5247" s="74"/>
      <c r="H5247" s="74"/>
      <c r="I5247" s="75"/>
      <c r="J5247" s="74"/>
      <c r="L5247" s="55"/>
      <c r="M5247" s="234"/>
      <c r="N5247" s="65"/>
      <c r="O5247" s="76"/>
      <c r="P5247" s="76"/>
      <c r="Q5247" s="65"/>
      <c r="R5247" s="76"/>
      <c r="S5247" s="76"/>
      <c r="T5247" s="76"/>
      <c r="U5247" s="76"/>
      <c r="V5247" s="76"/>
      <c r="W5247" s="76"/>
      <c r="X5247" s="76"/>
      <c r="Y5247" s="76"/>
      <c r="Z5247" s="76"/>
      <c r="AA5247" s="85"/>
      <c r="AB5247" s="85"/>
      <c r="AC5247" s="85"/>
      <c r="AD5247" s="85"/>
      <c r="AE5247" s="85"/>
      <c r="AF5247" s="85"/>
      <c r="AG5247" s="86"/>
      <c r="AH5247" s="85"/>
      <c r="AI5247" s="85"/>
      <c r="AJ5247" s="85"/>
      <c r="AK5247" s="85"/>
      <c r="AL5247" s="85"/>
      <c r="AM5247" s="92"/>
      <c r="AN5247" s="92"/>
      <c r="AO5247" s="92"/>
      <c r="AP5247" s="92"/>
      <c r="AQ5247" s="92"/>
      <c r="AR5247" s="92"/>
      <c r="AS5247" s="92"/>
      <c r="AT5247" s="92"/>
      <c r="AU5247" s="92"/>
      <c r="AV5247" s="92"/>
      <c r="AW5247" s="92"/>
      <c r="AX5247" s="92"/>
      <c r="AY5247" s="92"/>
      <c r="AZ5247" s="93"/>
      <c r="BA5247" s="93"/>
      <c r="BB5247" s="93"/>
      <c r="BC5247" s="93"/>
      <c r="BD5247" s="93"/>
      <c r="BE5247" s="93"/>
      <c r="BF5247" s="93"/>
      <c r="BG5247" s="93"/>
      <c r="BH5247" s="93"/>
      <c r="BI5247" s="93"/>
      <c r="BJ5247" s="93"/>
      <c r="BK5247" s="93"/>
      <c r="BL5247" s="93"/>
    </row>
    <row r="5248" spans="2:64" x14ac:dyDescent="0.2">
      <c r="B5248" s="43"/>
      <c r="C5248" s="73"/>
      <c r="D5248" s="64"/>
      <c r="E5248" s="55"/>
      <c r="F5248" s="74"/>
      <c r="G5248" s="74"/>
      <c r="H5248" s="74"/>
      <c r="I5248" s="75"/>
      <c r="J5248" s="74"/>
      <c r="L5248" s="55"/>
      <c r="M5248" s="234"/>
      <c r="N5248" s="65"/>
      <c r="O5248" s="76"/>
      <c r="P5248" s="76"/>
      <c r="Q5248" s="65"/>
      <c r="R5248" s="76"/>
      <c r="S5248" s="76"/>
      <c r="T5248" s="76"/>
      <c r="U5248" s="76"/>
      <c r="V5248" s="76"/>
      <c r="W5248" s="76"/>
      <c r="X5248" s="76"/>
      <c r="Y5248" s="76"/>
      <c r="Z5248" s="76"/>
      <c r="AA5248" s="85"/>
      <c r="AB5248" s="85"/>
      <c r="AC5248" s="85"/>
      <c r="AD5248" s="85"/>
      <c r="AE5248" s="85"/>
      <c r="AF5248" s="85"/>
      <c r="AG5248" s="86"/>
      <c r="AH5248" s="85"/>
      <c r="AI5248" s="85"/>
      <c r="AJ5248" s="85"/>
      <c r="AK5248" s="85"/>
      <c r="AL5248" s="85"/>
      <c r="AM5248" s="92"/>
      <c r="AN5248" s="92"/>
      <c r="AO5248" s="92"/>
      <c r="AP5248" s="92"/>
      <c r="AQ5248" s="92"/>
      <c r="AR5248" s="92"/>
      <c r="AS5248" s="92"/>
      <c r="AT5248" s="92"/>
      <c r="AU5248" s="92"/>
      <c r="AV5248" s="92"/>
      <c r="AW5248" s="92"/>
      <c r="AX5248" s="92"/>
      <c r="AY5248" s="92"/>
      <c r="AZ5248" s="93"/>
      <c r="BA5248" s="93"/>
      <c r="BB5248" s="93"/>
      <c r="BC5248" s="93"/>
      <c r="BD5248" s="93"/>
      <c r="BE5248" s="93"/>
      <c r="BF5248" s="93"/>
      <c r="BG5248" s="93"/>
      <c r="BH5248" s="93"/>
      <c r="BI5248" s="93"/>
      <c r="BJ5248" s="93"/>
      <c r="BK5248" s="93"/>
      <c r="BL5248" s="93"/>
    </row>
    <row r="5249" spans="2:64" x14ac:dyDescent="0.2">
      <c r="B5249" s="43"/>
      <c r="C5249" s="73"/>
      <c r="D5249" s="64"/>
      <c r="E5249" s="55"/>
      <c r="F5249" s="74"/>
      <c r="G5249" s="74"/>
      <c r="H5249" s="74"/>
      <c r="I5249" s="75"/>
      <c r="J5249" s="74"/>
      <c r="L5249" s="55"/>
      <c r="M5249" s="234"/>
      <c r="N5249" s="65"/>
      <c r="O5249" s="76"/>
      <c r="P5249" s="76"/>
      <c r="Q5249" s="65"/>
      <c r="R5249" s="76"/>
      <c r="S5249" s="76"/>
      <c r="T5249" s="76"/>
      <c r="U5249" s="76"/>
      <c r="V5249" s="76"/>
      <c r="W5249" s="76"/>
      <c r="X5249" s="76"/>
      <c r="Y5249" s="76"/>
      <c r="Z5249" s="76"/>
      <c r="AA5249" s="85"/>
      <c r="AB5249" s="85"/>
      <c r="AC5249" s="85"/>
      <c r="AD5249" s="85"/>
      <c r="AE5249" s="85"/>
      <c r="AF5249" s="85"/>
      <c r="AG5249" s="86"/>
      <c r="AH5249" s="85"/>
      <c r="AI5249" s="85"/>
      <c r="AJ5249" s="85"/>
      <c r="AK5249" s="85"/>
      <c r="AL5249" s="85"/>
      <c r="AM5249" s="92"/>
      <c r="AN5249" s="92"/>
      <c r="AO5249" s="92"/>
      <c r="AP5249" s="92"/>
      <c r="AQ5249" s="92"/>
      <c r="AR5249" s="92"/>
      <c r="AS5249" s="92"/>
      <c r="AT5249" s="92"/>
      <c r="AU5249" s="92"/>
      <c r="AV5249" s="92"/>
      <c r="AW5249" s="92"/>
      <c r="AX5249" s="92"/>
      <c r="AY5249" s="92"/>
      <c r="AZ5249" s="93"/>
      <c r="BA5249" s="93"/>
      <c r="BB5249" s="93"/>
      <c r="BC5249" s="93"/>
      <c r="BD5249" s="93"/>
      <c r="BE5249" s="93"/>
      <c r="BF5249" s="93"/>
      <c r="BG5249" s="93"/>
      <c r="BH5249" s="93"/>
      <c r="BI5249" s="93"/>
      <c r="BJ5249" s="93"/>
      <c r="BK5249" s="93"/>
      <c r="BL5249" s="93"/>
    </row>
    <row r="5250" spans="2:64" x14ac:dyDescent="0.2">
      <c r="B5250" s="43"/>
      <c r="C5250" s="73"/>
      <c r="D5250" s="64"/>
      <c r="E5250" s="55"/>
      <c r="F5250" s="74"/>
      <c r="G5250" s="74"/>
      <c r="H5250" s="74"/>
      <c r="I5250" s="75"/>
      <c r="J5250" s="74"/>
      <c r="L5250" s="55"/>
      <c r="M5250" s="234"/>
      <c r="N5250" s="65"/>
      <c r="O5250" s="76"/>
      <c r="P5250" s="76"/>
      <c r="Q5250" s="65"/>
      <c r="R5250" s="76"/>
      <c r="S5250" s="76"/>
      <c r="T5250" s="76"/>
      <c r="U5250" s="76"/>
      <c r="V5250" s="76"/>
      <c r="W5250" s="76"/>
      <c r="X5250" s="76"/>
      <c r="Y5250" s="76"/>
      <c r="Z5250" s="76"/>
      <c r="AA5250" s="85"/>
      <c r="AB5250" s="85"/>
      <c r="AC5250" s="85"/>
      <c r="AD5250" s="85"/>
      <c r="AE5250" s="85"/>
      <c r="AF5250" s="85"/>
      <c r="AG5250" s="86"/>
      <c r="AH5250" s="85"/>
      <c r="AI5250" s="85"/>
      <c r="AJ5250" s="85"/>
      <c r="AK5250" s="85"/>
      <c r="AL5250" s="85"/>
      <c r="AM5250" s="92"/>
      <c r="AN5250" s="92"/>
      <c r="AO5250" s="92"/>
      <c r="AP5250" s="92"/>
      <c r="AQ5250" s="92"/>
      <c r="AR5250" s="92"/>
      <c r="AS5250" s="92"/>
      <c r="AT5250" s="92"/>
      <c r="AU5250" s="92"/>
      <c r="AV5250" s="92"/>
      <c r="AW5250" s="92"/>
      <c r="AX5250" s="92"/>
      <c r="AY5250" s="92"/>
      <c r="AZ5250" s="93"/>
      <c r="BA5250" s="93"/>
      <c r="BB5250" s="93"/>
      <c r="BC5250" s="93"/>
      <c r="BD5250" s="93"/>
      <c r="BE5250" s="93"/>
      <c r="BF5250" s="93"/>
      <c r="BG5250" s="93"/>
      <c r="BH5250" s="93"/>
      <c r="BI5250" s="93"/>
      <c r="BJ5250" s="93"/>
      <c r="BK5250" s="93"/>
      <c r="BL5250" s="93"/>
    </row>
    <row r="5251" spans="2:64" x14ac:dyDescent="0.2">
      <c r="B5251" s="43"/>
      <c r="C5251" s="73"/>
      <c r="D5251" s="64"/>
      <c r="E5251" s="55"/>
      <c r="F5251" s="74"/>
      <c r="G5251" s="74"/>
      <c r="H5251" s="74"/>
      <c r="I5251" s="75"/>
      <c r="J5251" s="74"/>
      <c r="L5251" s="55"/>
      <c r="M5251" s="234"/>
      <c r="N5251" s="65"/>
      <c r="O5251" s="76"/>
      <c r="P5251" s="76"/>
      <c r="Q5251" s="65"/>
      <c r="R5251" s="76"/>
      <c r="S5251" s="76"/>
      <c r="T5251" s="76"/>
      <c r="U5251" s="76"/>
      <c r="V5251" s="76"/>
      <c r="W5251" s="76"/>
      <c r="X5251" s="76"/>
      <c r="Y5251" s="76"/>
      <c r="Z5251" s="76"/>
      <c r="AA5251" s="85"/>
      <c r="AB5251" s="85"/>
      <c r="AC5251" s="85"/>
      <c r="AD5251" s="85"/>
      <c r="AE5251" s="85"/>
      <c r="AF5251" s="85"/>
      <c r="AG5251" s="86"/>
      <c r="AH5251" s="85"/>
      <c r="AI5251" s="85"/>
      <c r="AJ5251" s="85"/>
      <c r="AK5251" s="85"/>
      <c r="AL5251" s="85"/>
      <c r="AM5251" s="92"/>
      <c r="AN5251" s="92"/>
      <c r="AO5251" s="92"/>
      <c r="AP5251" s="92"/>
      <c r="AQ5251" s="92"/>
      <c r="AR5251" s="92"/>
      <c r="AS5251" s="92"/>
      <c r="AT5251" s="92"/>
      <c r="AU5251" s="92"/>
      <c r="AV5251" s="92"/>
      <c r="AW5251" s="92"/>
      <c r="AX5251" s="92"/>
      <c r="AY5251" s="92"/>
      <c r="AZ5251" s="93"/>
      <c r="BA5251" s="93"/>
      <c r="BB5251" s="93"/>
      <c r="BC5251" s="93"/>
      <c r="BD5251" s="93"/>
      <c r="BE5251" s="93"/>
      <c r="BF5251" s="93"/>
      <c r="BG5251" s="93"/>
      <c r="BH5251" s="93"/>
      <c r="BI5251" s="93"/>
      <c r="BJ5251" s="93"/>
      <c r="BK5251" s="93"/>
      <c r="BL5251" s="93"/>
    </row>
    <row r="5252" spans="2:64" x14ac:dyDescent="0.2">
      <c r="B5252" s="43"/>
      <c r="C5252" s="73"/>
      <c r="D5252" s="64"/>
      <c r="E5252" s="55"/>
      <c r="F5252" s="74"/>
      <c r="G5252" s="74"/>
      <c r="H5252" s="74"/>
      <c r="I5252" s="75"/>
      <c r="J5252" s="74"/>
      <c r="L5252" s="55"/>
      <c r="M5252" s="234"/>
      <c r="N5252" s="65"/>
      <c r="O5252" s="76"/>
      <c r="P5252" s="76"/>
      <c r="Q5252" s="65"/>
      <c r="R5252" s="76"/>
      <c r="S5252" s="76"/>
      <c r="T5252" s="76"/>
      <c r="U5252" s="76"/>
      <c r="V5252" s="76"/>
      <c r="W5252" s="76"/>
      <c r="X5252" s="76"/>
      <c r="Y5252" s="76"/>
      <c r="Z5252" s="76"/>
      <c r="AA5252" s="85"/>
      <c r="AB5252" s="85"/>
      <c r="AC5252" s="85"/>
      <c r="AD5252" s="85"/>
      <c r="AE5252" s="85"/>
      <c r="AF5252" s="85"/>
      <c r="AG5252" s="86"/>
      <c r="AH5252" s="85"/>
      <c r="AI5252" s="85"/>
      <c r="AJ5252" s="85"/>
      <c r="AK5252" s="85"/>
      <c r="AL5252" s="85"/>
      <c r="AM5252" s="92"/>
      <c r="AN5252" s="92"/>
      <c r="AO5252" s="92"/>
      <c r="AP5252" s="92"/>
      <c r="AQ5252" s="92"/>
      <c r="AR5252" s="92"/>
      <c r="AS5252" s="92"/>
      <c r="AT5252" s="92"/>
      <c r="AU5252" s="92"/>
      <c r="AV5252" s="92"/>
      <c r="AW5252" s="92"/>
      <c r="AX5252" s="92"/>
      <c r="AY5252" s="92"/>
      <c r="AZ5252" s="93"/>
      <c r="BA5252" s="93"/>
      <c r="BB5252" s="93"/>
      <c r="BC5252" s="93"/>
      <c r="BD5252" s="93"/>
      <c r="BE5252" s="93"/>
      <c r="BF5252" s="93"/>
      <c r="BG5252" s="93"/>
      <c r="BH5252" s="93"/>
      <c r="BI5252" s="93"/>
      <c r="BJ5252" s="93"/>
      <c r="BK5252" s="93"/>
      <c r="BL5252" s="93"/>
    </row>
    <row r="5253" spans="2:64" x14ac:dyDescent="0.2">
      <c r="B5253" s="43"/>
      <c r="C5253" s="73"/>
      <c r="D5253" s="64"/>
      <c r="E5253" s="55"/>
      <c r="F5253" s="74"/>
      <c r="G5253" s="74"/>
      <c r="H5253" s="74"/>
      <c r="I5253" s="75"/>
      <c r="J5253" s="74"/>
      <c r="L5253" s="55"/>
      <c r="M5253" s="234"/>
      <c r="N5253" s="65"/>
      <c r="O5253" s="76"/>
      <c r="P5253" s="76"/>
      <c r="Q5253" s="65"/>
      <c r="R5253" s="76"/>
      <c r="S5253" s="76"/>
      <c r="T5253" s="76"/>
      <c r="U5253" s="76"/>
      <c r="V5253" s="76"/>
      <c r="W5253" s="76"/>
      <c r="X5253" s="76"/>
      <c r="Y5253" s="76"/>
      <c r="Z5253" s="76"/>
      <c r="AA5253" s="85"/>
      <c r="AB5253" s="85"/>
      <c r="AC5253" s="85"/>
      <c r="AD5253" s="85"/>
      <c r="AE5253" s="85"/>
      <c r="AF5253" s="85"/>
      <c r="AG5253" s="86"/>
      <c r="AH5253" s="85"/>
      <c r="AI5253" s="85"/>
      <c r="AJ5253" s="85"/>
      <c r="AK5253" s="85"/>
      <c r="AL5253" s="85"/>
      <c r="AM5253" s="92"/>
      <c r="AN5253" s="92"/>
      <c r="AO5253" s="92"/>
      <c r="AP5253" s="92"/>
      <c r="AQ5253" s="92"/>
      <c r="AR5253" s="92"/>
      <c r="AS5253" s="92"/>
      <c r="AT5253" s="92"/>
      <c r="AU5253" s="92"/>
      <c r="AV5253" s="92"/>
      <c r="AW5253" s="92"/>
      <c r="AX5253" s="92"/>
      <c r="AY5253" s="92"/>
      <c r="AZ5253" s="93"/>
      <c r="BA5253" s="93"/>
      <c r="BB5253" s="93"/>
      <c r="BC5253" s="93"/>
      <c r="BD5253" s="93"/>
      <c r="BE5253" s="93"/>
      <c r="BF5253" s="93"/>
      <c r="BG5253" s="93"/>
      <c r="BH5253" s="93"/>
      <c r="BI5253" s="93"/>
      <c r="BJ5253" s="93"/>
      <c r="BK5253" s="93"/>
      <c r="BL5253" s="93"/>
    </row>
    <row r="5254" spans="2:64" x14ac:dyDescent="0.2">
      <c r="B5254" s="43"/>
      <c r="C5254" s="73"/>
      <c r="D5254" s="64"/>
      <c r="E5254" s="55"/>
      <c r="F5254" s="74"/>
      <c r="G5254" s="74"/>
      <c r="H5254" s="74"/>
      <c r="I5254" s="75"/>
      <c r="J5254" s="74"/>
      <c r="L5254" s="55"/>
      <c r="M5254" s="234"/>
      <c r="N5254" s="65"/>
      <c r="O5254" s="76"/>
      <c r="P5254" s="76"/>
      <c r="Q5254" s="65"/>
      <c r="R5254" s="76"/>
      <c r="S5254" s="76"/>
      <c r="T5254" s="76"/>
      <c r="U5254" s="76"/>
      <c r="V5254" s="76"/>
      <c r="W5254" s="76"/>
      <c r="X5254" s="76"/>
      <c r="Y5254" s="76"/>
      <c r="Z5254" s="76"/>
      <c r="AA5254" s="85"/>
      <c r="AB5254" s="85"/>
      <c r="AC5254" s="85"/>
      <c r="AD5254" s="85"/>
      <c r="AE5254" s="85"/>
      <c r="AF5254" s="85"/>
      <c r="AG5254" s="86"/>
      <c r="AH5254" s="85"/>
      <c r="AI5254" s="85"/>
      <c r="AJ5254" s="85"/>
      <c r="AK5254" s="85"/>
      <c r="AL5254" s="85"/>
      <c r="AM5254" s="92"/>
      <c r="AN5254" s="92"/>
      <c r="AO5254" s="92"/>
      <c r="AP5254" s="92"/>
      <c r="AQ5254" s="92"/>
      <c r="AR5254" s="92"/>
      <c r="AS5254" s="92"/>
      <c r="AT5254" s="92"/>
      <c r="AU5254" s="92"/>
      <c r="AV5254" s="92"/>
      <c r="AW5254" s="92"/>
      <c r="AX5254" s="92"/>
      <c r="AY5254" s="92"/>
      <c r="AZ5254" s="93"/>
      <c r="BA5254" s="93"/>
      <c r="BB5254" s="93"/>
      <c r="BC5254" s="93"/>
      <c r="BD5254" s="93"/>
      <c r="BE5254" s="93"/>
      <c r="BF5254" s="93"/>
      <c r="BG5254" s="93"/>
      <c r="BH5254" s="93"/>
      <c r="BI5254" s="93"/>
      <c r="BJ5254" s="93"/>
      <c r="BK5254" s="93"/>
      <c r="BL5254" s="93"/>
    </row>
    <row r="5255" spans="2:64" x14ac:dyDescent="0.2">
      <c r="B5255" s="43"/>
      <c r="C5255" s="73"/>
      <c r="D5255" s="64"/>
      <c r="E5255" s="55"/>
      <c r="F5255" s="74"/>
      <c r="G5255" s="74"/>
      <c r="H5255" s="74"/>
      <c r="I5255" s="75"/>
      <c r="J5255" s="74"/>
      <c r="L5255" s="55"/>
      <c r="M5255" s="234"/>
      <c r="N5255" s="65"/>
      <c r="O5255" s="76"/>
      <c r="P5255" s="76"/>
      <c r="Q5255" s="65"/>
      <c r="R5255" s="76"/>
      <c r="S5255" s="76"/>
      <c r="T5255" s="76"/>
      <c r="U5255" s="76"/>
      <c r="V5255" s="76"/>
      <c r="W5255" s="76"/>
      <c r="X5255" s="76"/>
      <c r="Y5255" s="76"/>
      <c r="Z5255" s="76"/>
      <c r="AA5255" s="85"/>
      <c r="AB5255" s="85"/>
      <c r="AC5255" s="85"/>
      <c r="AD5255" s="85"/>
      <c r="AE5255" s="85"/>
      <c r="AF5255" s="85"/>
      <c r="AG5255" s="86"/>
      <c r="AH5255" s="85"/>
      <c r="AI5255" s="85"/>
      <c r="AJ5255" s="85"/>
      <c r="AK5255" s="85"/>
      <c r="AL5255" s="85"/>
      <c r="AM5255" s="92"/>
      <c r="AN5255" s="92"/>
      <c r="AO5255" s="92"/>
      <c r="AP5255" s="92"/>
      <c r="AQ5255" s="92"/>
      <c r="AR5255" s="92"/>
      <c r="AS5255" s="92"/>
      <c r="AT5255" s="92"/>
      <c r="AU5255" s="92"/>
      <c r="AV5255" s="92"/>
      <c r="AW5255" s="92"/>
      <c r="AX5255" s="92"/>
      <c r="AY5255" s="92"/>
      <c r="AZ5255" s="93"/>
      <c r="BA5255" s="93"/>
      <c r="BB5255" s="93"/>
      <c r="BC5255" s="93"/>
      <c r="BD5255" s="93"/>
      <c r="BE5255" s="93"/>
      <c r="BF5255" s="93"/>
      <c r="BG5255" s="93"/>
      <c r="BH5255" s="93"/>
      <c r="BI5255" s="93"/>
      <c r="BJ5255" s="93"/>
      <c r="BK5255" s="93"/>
      <c r="BL5255" s="93"/>
    </row>
    <row r="5256" spans="2:64" x14ac:dyDescent="0.2">
      <c r="B5256" s="43"/>
      <c r="C5256" s="73"/>
      <c r="D5256" s="64"/>
      <c r="E5256" s="55"/>
      <c r="F5256" s="74"/>
      <c r="G5256" s="74"/>
      <c r="H5256" s="74"/>
      <c r="I5256" s="75"/>
      <c r="J5256" s="74"/>
      <c r="L5256" s="55"/>
      <c r="M5256" s="234"/>
      <c r="N5256" s="65"/>
      <c r="O5256" s="76"/>
      <c r="P5256" s="76"/>
      <c r="Q5256" s="65"/>
      <c r="R5256" s="76"/>
      <c r="S5256" s="76"/>
      <c r="T5256" s="76"/>
      <c r="U5256" s="76"/>
      <c r="V5256" s="76"/>
      <c r="W5256" s="76"/>
      <c r="X5256" s="76"/>
      <c r="Y5256" s="76"/>
      <c r="Z5256" s="76"/>
      <c r="AA5256" s="85"/>
      <c r="AB5256" s="85"/>
      <c r="AC5256" s="85"/>
      <c r="AD5256" s="85"/>
      <c r="AE5256" s="85"/>
      <c r="AF5256" s="85"/>
      <c r="AG5256" s="86"/>
      <c r="AH5256" s="85"/>
      <c r="AI5256" s="85"/>
      <c r="AJ5256" s="85"/>
      <c r="AK5256" s="85"/>
      <c r="AL5256" s="85"/>
      <c r="AM5256" s="92"/>
      <c r="AN5256" s="92"/>
      <c r="AO5256" s="92"/>
      <c r="AP5256" s="92"/>
      <c r="AQ5256" s="92"/>
      <c r="AR5256" s="92"/>
      <c r="AS5256" s="92"/>
      <c r="AT5256" s="92"/>
      <c r="AU5256" s="92"/>
      <c r="AV5256" s="92"/>
      <c r="AW5256" s="92"/>
      <c r="AX5256" s="92"/>
      <c r="AY5256" s="92"/>
      <c r="AZ5256" s="93"/>
      <c r="BA5256" s="93"/>
      <c r="BB5256" s="93"/>
      <c r="BC5256" s="93"/>
      <c r="BD5256" s="93"/>
      <c r="BE5256" s="93"/>
      <c r="BF5256" s="93"/>
      <c r="BG5256" s="93"/>
      <c r="BH5256" s="93"/>
      <c r="BI5256" s="93"/>
      <c r="BJ5256" s="93"/>
      <c r="BK5256" s="93"/>
      <c r="BL5256" s="93"/>
    </row>
    <row r="5257" spans="2:64" x14ac:dyDescent="0.2">
      <c r="B5257" s="43"/>
      <c r="C5257" s="73"/>
      <c r="D5257" s="64"/>
      <c r="E5257" s="55"/>
      <c r="F5257" s="74"/>
      <c r="G5257" s="74"/>
      <c r="H5257" s="74"/>
      <c r="I5257" s="75"/>
      <c r="J5257" s="74"/>
      <c r="L5257" s="55"/>
      <c r="M5257" s="234"/>
      <c r="N5257" s="65"/>
      <c r="O5257" s="76"/>
      <c r="P5257" s="76"/>
      <c r="Q5257" s="65"/>
      <c r="R5257" s="76"/>
      <c r="S5257" s="76"/>
      <c r="T5257" s="76"/>
      <c r="U5257" s="76"/>
      <c r="V5257" s="76"/>
      <c r="W5257" s="76"/>
      <c r="X5257" s="76"/>
      <c r="Y5257" s="76"/>
      <c r="Z5257" s="76"/>
      <c r="AA5257" s="85"/>
      <c r="AB5257" s="85"/>
      <c r="AC5257" s="85"/>
      <c r="AD5257" s="85"/>
      <c r="AE5257" s="85"/>
      <c r="AF5257" s="85"/>
      <c r="AG5257" s="86"/>
      <c r="AH5257" s="85"/>
      <c r="AI5257" s="85"/>
      <c r="AJ5257" s="85"/>
      <c r="AK5257" s="85"/>
      <c r="AL5257" s="85"/>
      <c r="AM5257" s="92"/>
      <c r="AN5257" s="92"/>
      <c r="AO5257" s="92"/>
      <c r="AP5257" s="92"/>
      <c r="AQ5257" s="92"/>
      <c r="AR5257" s="92"/>
      <c r="AS5257" s="92"/>
      <c r="AT5257" s="92"/>
      <c r="AU5257" s="92"/>
      <c r="AV5257" s="92"/>
      <c r="AW5257" s="92"/>
      <c r="AX5257" s="92"/>
      <c r="AY5257" s="92"/>
      <c r="AZ5257" s="93"/>
      <c r="BA5257" s="93"/>
      <c r="BB5257" s="93"/>
      <c r="BC5257" s="93"/>
      <c r="BD5257" s="93"/>
      <c r="BE5257" s="93"/>
      <c r="BF5257" s="93"/>
      <c r="BG5257" s="93"/>
      <c r="BH5257" s="93"/>
      <c r="BI5257" s="93"/>
      <c r="BJ5257" s="93"/>
      <c r="BK5257" s="93"/>
      <c r="BL5257" s="93"/>
    </row>
    <row r="5258" spans="2:64" x14ac:dyDescent="0.2">
      <c r="B5258" s="43"/>
      <c r="C5258" s="73"/>
      <c r="D5258" s="64"/>
      <c r="E5258" s="55"/>
      <c r="F5258" s="74"/>
      <c r="G5258" s="74"/>
      <c r="H5258" s="74"/>
      <c r="I5258" s="75"/>
      <c r="J5258" s="74"/>
      <c r="L5258" s="55"/>
      <c r="M5258" s="234"/>
      <c r="N5258" s="65"/>
      <c r="O5258" s="76"/>
      <c r="P5258" s="76"/>
      <c r="Q5258" s="65"/>
      <c r="R5258" s="76"/>
      <c r="S5258" s="76"/>
      <c r="T5258" s="76"/>
      <c r="U5258" s="76"/>
      <c r="V5258" s="76"/>
      <c r="W5258" s="76"/>
      <c r="X5258" s="76"/>
      <c r="Y5258" s="76"/>
      <c r="Z5258" s="76"/>
      <c r="AA5258" s="85"/>
      <c r="AB5258" s="85"/>
      <c r="AC5258" s="85"/>
      <c r="AD5258" s="85"/>
      <c r="AE5258" s="85"/>
      <c r="AF5258" s="85"/>
      <c r="AG5258" s="86"/>
      <c r="AH5258" s="85"/>
      <c r="AI5258" s="85"/>
      <c r="AJ5258" s="85"/>
      <c r="AK5258" s="85"/>
      <c r="AL5258" s="85"/>
      <c r="AM5258" s="92"/>
      <c r="AN5258" s="92"/>
      <c r="AO5258" s="92"/>
      <c r="AP5258" s="92"/>
      <c r="AQ5258" s="92"/>
      <c r="AR5258" s="92"/>
      <c r="AS5258" s="92"/>
      <c r="AT5258" s="92"/>
      <c r="AU5258" s="92"/>
      <c r="AV5258" s="92"/>
      <c r="AW5258" s="92"/>
      <c r="AX5258" s="92"/>
      <c r="AY5258" s="92"/>
      <c r="AZ5258" s="93"/>
      <c r="BA5258" s="93"/>
      <c r="BB5258" s="93"/>
      <c r="BC5258" s="93"/>
      <c r="BD5258" s="93"/>
      <c r="BE5258" s="93"/>
      <c r="BF5258" s="93"/>
      <c r="BG5258" s="93"/>
      <c r="BH5258" s="93"/>
      <c r="BI5258" s="93"/>
      <c r="BJ5258" s="93"/>
      <c r="BK5258" s="93"/>
      <c r="BL5258" s="93"/>
    </row>
    <row r="5259" spans="2:64" x14ac:dyDescent="0.2">
      <c r="B5259" s="43"/>
      <c r="C5259" s="73"/>
      <c r="D5259" s="64"/>
      <c r="E5259" s="55"/>
      <c r="F5259" s="74"/>
      <c r="G5259" s="74"/>
      <c r="H5259" s="74"/>
      <c r="I5259" s="75"/>
      <c r="J5259" s="74"/>
      <c r="L5259" s="55"/>
      <c r="M5259" s="234"/>
      <c r="N5259" s="65"/>
      <c r="O5259" s="76"/>
      <c r="P5259" s="76"/>
      <c r="Q5259" s="65"/>
      <c r="R5259" s="76"/>
      <c r="S5259" s="76"/>
      <c r="T5259" s="76"/>
      <c r="U5259" s="76"/>
      <c r="V5259" s="76"/>
      <c r="W5259" s="76"/>
      <c r="X5259" s="76"/>
      <c r="Y5259" s="76"/>
      <c r="Z5259" s="76"/>
      <c r="AA5259" s="85"/>
      <c r="AB5259" s="85"/>
      <c r="AC5259" s="85"/>
      <c r="AD5259" s="85"/>
      <c r="AE5259" s="85"/>
      <c r="AF5259" s="85"/>
      <c r="AG5259" s="86"/>
      <c r="AH5259" s="85"/>
      <c r="AI5259" s="85"/>
      <c r="AJ5259" s="85"/>
      <c r="AK5259" s="85"/>
      <c r="AL5259" s="85"/>
      <c r="AM5259" s="92"/>
      <c r="AN5259" s="92"/>
      <c r="AO5259" s="92"/>
      <c r="AP5259" s="92"/>
      <c r="AQ5259" s="92"/>
      <c r="AR5259" s="92"/>
      <c r="AS5259" s="92"/>
      <c r="AT5259" s="92"/>
      <c r="AU5259" s="92"/>
      <c r="AV5259" s="92"/>
      <c r="AW5259" s="92"/>
      <c r="AX5259" s="92"/>
      <c r="AY5259" s="92"/>
      <c r="AZ5259" s="93"/>
      <c r="BA5259" s="93"/>
      <c r="BB5259" s="93"/>
      <c r="BC5259" s="93"/>
      <c r="BD5259" s="93"/>
      <c r="BE5259" s="93"/>
      <c r="BF5259" s="93"/>
      <c r="BG5259" s="93"/>
      <c r="BH5259" s="93"/>
      <c r="BI5259" s="93"/>
      <c r="BJ5259" s="93"/>
      <c r="BK5259" s="93"/>
      <c r="BL5259" s="93"/>
    </row>
    <row r="5260" spans="2:64" x14ac:dyDescent="0.2">
      <c r="B5260" s="43"/>
      <c r="C5260" s="73"/>
      <c r="D5260" s="64"/>
      <c r="E5260" s="55"/>
      <c r="F5260" s="74"/>
      <c r="G5260" s="74"/>
      <c r="H5260" s="74"/>
      <c r="I5260" s="75"/>
      <c r="J5260" s="74"/>
      <c r="L5260" s="55"/>
      <c r="M5260" s="234"/>
      <c r="N5260" s="65"/>
      <c r="O5260" s="76"/>
      <c r="P5260" s="76"/>
      <c r="Q5260" s="65"/>
      <c r="R5260" s="76"/>
      <c r="S5260" s="76"/>
      <c r="T5260" s="76"/>
      <c r="U5260" s="76"/>
      <c r="V5260" s="76"/>
      <c r="W5260" s="76"/>
      <c r="X5260" s="76"/>
      <c r="Y5260" s="76"/>
      <c r="Z5260" s="76"/>
      <c r="AA5260" s="85"/>
      <c r="AB5260" s="85"/>
      <c r="AC5260" s="85"/>
      <c r="AD5260" s="85"/>
      <c r="AE5260" s="85"/>
      <c r="AF5260" s="85"/>
      <c r="AG5260" s="86"/>
      <c r="AH5260" s="85"/>
      <c r="AI5260" s="85"/>
      <c r="AJ5260" s="85"/>
      <c r="AK5260" s="85"/>
      <c r="AL5260" s="85"/>
      <c r="AM5260" s="92"/>
      <c r="AN5260" s="92"/>
      <c r="AO5260" s="92"/>
      <c r="AP5260" s="92"/>
      <c r="AQ5260" s="92"/>
      <c r="AR5260" s="92"/>
      <c r="AS5260" s="92"/>
      <c r="AT5260" s="92"/>
      <c r="AU5260" s="92"/>
      <c r="AV5260" s="92"/>
      <c r="AW5260" s="92"/>
      <c r="AX5260" s="92"/>
      <c r="AY5260" s="92"/>
      <c r="AZ5260" s="93"/>
      <c r="BA5260" s="93"/>
      <c r="BB5260" s="93"/>
      <c r="BC5260" s="93"/>
      <c r="BD5260" s="93"/>
      <c r="BE5260" s="93"/>
      <c r="BF5260" s="93"/>
      <c r="BG5260" s="93"/>
      <c r="BH5260" s="93"/>
      <c r="BI5260" s="93"/>
      <c r="BJ5260" s="93"/>
      <c r="BK5260" s="93"/>
      <c r="BL5260" s="93"/>
    </row>
    <row r="5261" spans="2:64" x14ac:dyDescent="0.2">
      <c r="B5261" s="43"/>
      <c r="C5261" s="73"/>
      <c r="D5261" s="64"/>
      <c r="E5261" s="55"/>
      <c r="F5261" s="74"/>
      <c r="G5261" s="74"/>
      <c r="H5261" s="74"/>
      <c r="I5261" s="75"/>
      <c r="J5261" s="74"/>
      <c r="L5261" s="55"/>
      <c r="M5261" s="234"/>
      <c r="N5261" s="65"/>
      <c r="O5261" s="76"/>
      <c r="P5261" s="76"/>
      <c r="Q5261" s="65"/>
      <c r="R5261" s="76"/>
      <c r="S5261" s="76"/>
      <c r="T5261" s="76"/>
      <c r="U5261" s="76"/>
      <c r="V5261" s="76"/>
      <c r="W5261" s="76"/>
      <c r="X5261" s="76"/>
      <c r="Y5261" s="76"/>
      <c r="Z5261" s="76"/>
      <c r="AA5261" s="85"/>
      <c r="AB5261" s="85"/>
      <c r="AC5261" s="85"/>
      <c r="AD5261" s="85"/>
      <c r="AE5261" s="85"/>
      <c r="AF5261" s="85"/>
      <c r="AG5261" s="86"/>
      <c r="AH5261" s="85"/>
      <c r="AI5261" s="85"/>
      <c r="AJ5261" s="85"/>
      <c r="AK5261" s="85"/>
      <c r="AL5261" s="85"/>
      <c r="AM5261" s="92"/>
      <c r="AN5261" s="92"/>
      <c r="AO5261" s="92"/>
      <c r="AP5261" s="92"/>
      <c r="AQ5261" s="92"/>
      <c r="AR5261" s="92"/>
      <c r="AS5261" s="92"/>
      <c r="AT5261" s="92"/>
      <c r="AU5261" s="92"/>
      <c r="AV5261" s="92"/>
      <c r="AW5261" s="92"/>
      <c r="AX5261" s="92"/>
      <c r="AY5261" s="92"/>
      <c r="AZ5261" s="93"/>
      <c r="BA5261" s="93"/>
      <c r="BB5261" s="93"/>
      <c r="BC5261" s="93"/>
      <c r="BD5261" s="93"/>
      <c r="BE5261" s="93"/>
      <c r="BF5261" s="93"/>
      <c r="BG5261" s="93"/>
      <c r="BH5261" s="93"/>
      <c r="BI5261" s="93"/>
      <c r="BJ5261" s="93"/>
      <c r="BK5261" s="93"/>
      <c r="BL5261" s="93"/>
    </row>
    <row r="5262" spans="2:64" x14ac:dyDescent="0.2">
      <c r="B5262" s="43"/>
      <c r="C5262" s="73"/>
      <c r="D5262" s="64"/>
      <c r="E5262" s="55"/>
      <c r="F5262" s="74"/>
      <c r="G5262" s="74"/>
      <c r="H5262" s="74"/>
      <c r="I5262" s="75"/>
      <c r="J5262" s="74"/>
      <c r="L5262" s="55"/>
      <c r="M5262" s="234"/>
      <c r="N5262" s="65"/>
      <c r="O5262" s="76"/>
      <c r="P5262" s="76"/>
      <c r="Q5262" s="65"/>
      <c r="R5262" s="76"/>
      <c r="S5262" s="76"/>
      <c r="T5262" s="76"/>
      <c r="U5262" s="76"/>
      <c r="V5262" s="76"/>
      <c r="W5262" s="76"/>
      <c r="X5262" s="76"/>
      <c r="Y5262" s="76"/>
      <c r="Z5262" s="76"/>
      <c r="AA5262" s="85"/>
      <c r="AB5262" s="85"/>
      <c r="AC5262" s="85"/>
      <c r="AD5262" s="85"/>
      <c r="AE5262" s="85"/>
      <c r="AF5262" s="85"/>
      <c r="AG5262" s="86"/>
      <c r="AH5262" s="85"/>
      <c r="AI5262" s="85"/>
      <c r="AJ5262" s="85"/>
      <c r="AK5262" s="85"/>
      <c r="AL5262" s="85"/>
      <c r="AM5262" s="92"/>
      <c r="AN5262" s="92"/>
      <c r="AO5262" s="92"/>
      <c r="AP5262" s="92"/>
      <c r="AQ5262" s="92"/>
      <c r="AR5262" s="92"/>
      <c r="AS5262" s="92"/>
      <c r="AT5262" s="92"/>
      <c r="AU5262" s="92"/>
      <c r="AV5262" s="92"/>
      <c r="AW5262" s="92"/>
      <c r="AX5262" s="92"/>
      <c r="AY5262" s="92"/>
      <c r="AZ5262" s="93"/>
      <c r="BA5262" s="93"/>
      <c r="BB5262" s="93"/>
      <c r="BC5262" s="93"/>
      <c r="BD5262" s="93"/>
      <c r="BE5262" s="93"/>
      <c r="BF5262" s="93"/>
      <c r="BG5262" s="93"/>
      <c r="BH5262" s="93"/>
      <c r="BI5262" s="93"/>
      <c r="BJ5262" s="93"/>
      <c r="BK5262" s="93"/>
      <c r="BL5262" s="93"/>
    </row>
    <row r="5263" spans="2:64" x14ac:dyDescent="0.2">
      <c r="B5263" s="43"/>
      <c r="C5263" s="73"/>
      <c r="D5263" s="64"/>
      <c r="E5263" s="55"/>
      <c r="F5263" s="74"/>
      <c r="G5263" s="74"/>
      <c r="H5263" s="74"/>
      <c r="I5263" s="75"/>
      <c r="J5263" s="74"/>
      <c r="L5263" s="55"/>
      <c r="M5263" s="234"/>
      <c r="N5263" s="65"/>
      <c r="O5263" s="76"/>
      <c r="P5263" s="76"/>
      <c r="Q5263" s="65"/>
      <c r="R5263" s="76"/>
      <c r="S5263" s="76"/>
      <c r="T5263" s="76"/>
      <c r="U5263" s="76"/>
      <c r="V5263" s="76"/>
      <c r="W5263" s="76"/>
      <c r="X5263" s="76"/>
      <c r="Y5263" s="76"/>
      <c r="Z5263" s="76"/>
      <c r="AA5263" s="85"/>
      <c r="AB5263" s="85"/>
      <c r="AC5263" s="85"/>
      <c r="AD5263" s="85"/>
      <c r="AE5263" s="85"/>
      <c r="AF5263" s="85"/>
      <c r="AG5263" s="86"/>
      <c r="AH5263" s="85"/>
      <c r="AI5263" s="85"/>
      <c r="AJ5263" s="85"/>
      <c r="AK5263" s="85"/>
      <c r="AL5263" s="85"/>
      <c r="AM5263" s="92"/>
      <c r="AN5263" s="92"/>
      <c r="AO5263" s="92"/>
      <c r="AP5263" s="92"/>
      <c r="AQ5263" s="92"/>
      <c r="AR5263" s="92"/>
      <c r="AS5263" s="92"/>
      <c r="AT5263" s="92"/>
      <c r="AU5263" s="92"/>
      <c r="AV5263" s="92"/>
      <c r="AW5263" s="92"/>
      <c r="AX5263" s="92"/>
      <c r="AY5263" s="92"/>
      <c r="AZ5263" s="93"/>
      <c r="BA5263" s="93"/>
      <c r="BB5263" s="93"/>
      <c r="BC5263" s="93"/>
      <c r="BD5263" s="93"/>
      <c r="BE5263" s="93"/>
      <c r="BF5263" s="93"/>
      <c r="BG5263" s="93"/>
      <c r="BH5263" s="93"/>
      <c r="BI5263" s="93"/>
      <c r="BJ5263" s="93"/>
      <c r="BK5263" s="93"/>
      <c r="BL5263" s="93"/>
    </row>
    <row r="5264" spans="2:64" x14ac:dyDescent="0.2">
      <c r="B5264" s="43"/>
      <c r="C5264" s="73"/>
      <c r="D5264" s="64"/>
      <c r="E5264" s="55"/>
      <c r="F5264" s="74"/>
      <c r="G5264" s="74"/>
      <c r="H5264" s="74"/>
      <c r="I5264" s="75"/>
      <c r="J5264" s="74"/>
      <c r="L5264" s="55"/>
      <c r="M5264" s="234"/>
      <c r="N5264" s="65"/>
      <c r="O5264" s="76"/>
      <c r="P5264" s="76"/>
      <c r="Q5264" s="65"/>
      <c r="R5264" s="76"/>
      <c r="S5264" s="76"/>
      <c r="T5264" s="76"/>
      <c r="U5264" s="76"/>
      <c r="V5264" s="76"/>
      <c r="W5264" s="76"/>
      <c r="X5264" s="76"/>
      <c r="Y5264" s="76"/>
      <c r="Z5264" s="76"/>
      <c r="AA5264" s="85"/>
      <c r="AB5264" s="85"/>
      <c r="AC5264" s="85"/>
      <c r="AD5264" s="85"/>
      <c r="AE5264" s="85"/>
      <c r="AF5264" s="85"/>
      <c r="AG5264" s="86"/>
      <c r="AH5264" s="85"/>
      <c r="AI5264" s="85"/>
      <c r="AJ5264" s="85"/>
      <c r="AK5264" s="85"/>
      <c r="AL5264" s="85"/>
      <c r="AM5264" s="92"/>
      <c r="AN5264" s="92"/>
      <c r="AO5264" s="92"/>
      <c r="AP5264" s="92"/>
      <c r="AQ5264" s="92"/>
      <c r="AR5264" s="92"/>
      <c r="AS5264" s="92"/>
      <c r="AT5264" s="92"/>
      <c r="AU5264" s="92"/>
      <c r="AV5264" s="92"/>
      <c r="AW5264" s="92"/>
      <c r="AX5264" s="92"/>
      <c r="AY5264" s="92"/>
      <c r="AZ5264" s="93"/>
      <c r="BA5264" s="93"/>
      <c r="BB5264" s="93"/>
      <c r="BC5264" s="93"/>
      <c r="BD5264" s="93"/>
      <c r="BE5264" s="93"/>
      <c r="BF5264" s="93"/>
      <c r="BG5264" s="93"/>
      <c r="BH5264" s="93"/>
      <c r="BI5264" s="93"/>
      <c r="BJ5264" s="93"/>
      <c r="BK5264" s="93"/>
      <c r="BL5264" s="93"/>
    </row>
    <row r="5265" spans="2:64" x14ac:dyDescent="0.2">
      <c r="B5265" s="43"/>
      <c r="C5265" s="73"/>
      <c r="D5265" s="64"/>
      <c r="E5265" s="55"/>
      <c r="F5265" s="74"/>
      <c r="G5265" s="74"/>
      <c r="H5265" s="74"/>
      <c r="I5265" s="75"/>
      <c r="J5265" s="74"/>
      <c r="L5265" s="55"/>
      <c r="M5265" s="234"/>
      <c r="N5265" s="65"/>
      <c r="O5265" s="76"/>
      <c r="P5265" s="76"/>
      <c r="Q5265" s="65"/>
      <c r="R5265" s="76"/>
      <c r="S5265" s="76"/>
      <c r="T5265" s="76"/>
      <c r="U5265" s="76"/>
      <c r="V5265" s="76"/>
      <c r="W5265" s="76"/>
      <c r="X5265" s="76"/>
      <c r="Y5265" s="76"/>
      <c r="Z5265" s="76"/>
      <c r="AA5265" s="85"/>
      <c r="AB5265" s="85"/>
      <c r="AC5265" s="85"/>
      <c r="AD5265" s="85"/>
      <c r="AE5265" s="85"/>
      <c r="AF5265" s="85"/>
      <c r="AG5265" s="86"/>
      <c r="AH5265" s="85"/>
      <c r="AI5265" s="85"/>
      <c r="AJ5265" s="85"/>
      <c r="AK5265" s="85"/>
      <c r="AL5265" s="85"/>
      <c r="AM5265" s="92"/>
      <c r="AN5265" s="92"/>
      <c r="AO5265" s="92"/>
      <c r="AP5265" s="92"/>
      <c r="AQ5265" s="92"/>
      <c r="AR5265" s="92"/>
      <c r="AS5265" s="92"/>
      <c r="AT5265" s="92"/>
      <c r="AU5265" s="92"/>
      <c r="AV5265" s="92"/>
      <c r="AW5265" s="92"/>
      <c r="AX5265" s="92"/>
      <c r="AY5265" s="92"/>
      <c r="AZ5265" s="93"/>
      <c r="BA5265" s="93"/>
      <c r="BB5265" s="93"/>
      <c r="BC5265" s="93"/>
      <c r="BD5265" s="93"/>
      <c r="BE5265" s="93"/>
      <c r="BF5265" s="93"/>
      <c r="BG5265" s="93"/>
      <c r="BH5265" s="93"/>
      <c r="BI5265" s="93"/>
      <c r="BJ5265" s="93"/>
      <c r="BK5265" s="93"/>
      <c r="BL5265" s="93"/>
    </row>
    <row r="5266" spans="2:64" x14ac:dyDescent="0.2">
      <c r="B5266" s="43"/>
      <c r="C5266" s="73"/>
      <c r="D5266" s="64"/>
      <c r="E5266" s="55"/>
      <c r="F5266" s="74"/>
      <c r="G5266" s="74"/>
      <c r="H5266" s="74"/>
      <c r="I5266" s="75"/>
      <c r="J5266" s="74"/>
      <c r="L5266" s="55"/>
      <c r="M5266" s="234"/>
      <c r="N5266" s="65"/>
      <c r="O5266" s="76"/>
      <c r="P5266" s="76"/>
      <c r="Q5266" s="65"/>
      <c r="R5266" s="76"/>
      <c r="S5266" s="76"/>
      <c r="T5266" s="76"/>
      <c r="U5266" s="76"/>
      <c r="V5266" s="76"/>
      <c r="W5266" s="76"/>
      <c r="X5266" s="76"/>
      <c r="Y5266" s="76"/>
      <c r="Z5266" s="76"/>
      <c r="AA5266" s="85"/>
      <c r="AB5266" s="85"/>
      <c r="AC5266" s="85"/>
      <c r="AD5266" s="85"/>
      <c r="AE5266" s="85"/>
      <c r="AF5266" s="85"/>
      <c r="AG5266" s="86"/>
      <c r="AH5266" s="85"/>
      <c r="AI5266" s="85"/>
      <c r="AJ5266" s="85"/>
      <c r="AK5266" s="85"/>
      <c r="AL5266" s="85"/>
      <c r="AM5266" s="92"/>
      <c r="AN5266" s="92"/>
      <c r="AO5266" s="92"/>
      <c r="AP5266" s="92"/>
      <c r="AQ5266" s="92"/>
      <c r="AR5266" s="92"/>
      <c r="AS5266" s="92"/>
      <c r="AT5266" s="92"/>
      <c r="AU5266" s="92"/>
      <c r="AV5266" s="92"/>
      <c r="AW5266" s="92"/>
      <c r="AX5266" s="92"/>
      <c r="AY5266" s="92"/>
      <c r="AZ5266" s="93"/>
      <c r="BA5266" s="93"/>
      <c r="BB5266" s="93"/>
      <c r="BC5266" s="93"/>
      <c r="BD5266" s="93"/>
      <c r="BE5266" s="93"/>
      <c r="BF5266" s="93"/>
      <c r="BG5266" s="93"/>
      <c r="BH5266" s="93"/>
      <c r="BI5266" s="93"/>
      <c r="BJ5266" s="93"/>
      <c r="BK5266" s="93"/>
      <c r="BL5266" s="93"/>
    </row>
    <row r="5267" spans="2:64" x14ac:dyDescent="0.2">
      <c r="B5267" s="43"/>
      <c r="C5267" s="73"/>
      <c r="D5267" s="64"/>
      <c r="E5267" s="55"/>
      <c r="F5267" s="74"/>
      <c r="G5267" s="74"/>
      <c r="H5267" s="74"/>
      <c r="I5267" s="75"/>
      <c r="J5267" s="74"/>
      <c r="L5267" s="55"/>
      <c r="M5267" s="234"/>
      <c r="N5267" s="65"/>
      <c r="O5267" s="76"/>
      <c r="P5267" s="76"/>
      <c r="Q5267" s="65"/>
      <c r="R5267" s="76"/>
      <c r="S5267" s="76"/>
      <c r="T5267" s="76"/>
      <c r="U5267" s="76"/>
      <c r="V5267" s="76"/>
      <c r="W5267" s="76"/>
      <c r="X5267" s="76"/>
      <c r="Y5267" s="76"/>
      <c r="Z5267" s="76"/>
      <c r="AA5267" s="85"/>
      <c r="AB5267" s="85"/>
      <c r="AC5267" s="85"/>
      <c r="AD5267" s="85"/>
      <c r="AE5267" s="85"/>
      <c r="AF5267" s="85"/>
      <c r="AG5267" s="86"/>
      <c r="AH5267" s="85"/>
      <c r="AI5267" s="85"/>
      <c r="AJ5267" s="85"/>
      <c r="AK5267" s="85"/>
      <c r="AL5267" s="85"/>
      <c r="AM5267" s="92"/>
      <c r="AN5267" s="92"/>
      <c r="AO5267" s="92"/>
      <c r="AP5267" s="92"/>
      <c r="AQ5267" s="92"/>
      <c r="AR5267" s="92"/>
      <c r="AS5267" s="92"/>
      <c r="AT5267" s="92"/>
      <c r="AU5267" s="92"/>
      <c r="AV5267" s="92"/>
      <c r="AW5267" s="92"/>
      <c r="AX5267" s="92"/>
      <c r="AY5267" s="92"/>
      <c r="AZ5267" s="93"/>
      <c r="BA5267" s="93"/>
      <c r="BB5267" s="93"/>
      <c r="BC5267" s="93"/>
      <c r="BD5267" s="93"/>
      <c r="BE5267" s="93"/>
      <c r="BF5267" s="93"/>
      <c r="BG5267" s="93"/>
      <c r="BH5267" s="93"/>
      <c r="BI5267" s="93"/>
      <c r="BJ5267" s="93"/>
      <c r="BK5267" s="93"/>
      <c r="BL5267" s="93"/>
    </row>
    <row r="5268" spans="2:64" x14ac:dyDescent="0.2">
      <c r="B5268" s="43"/>
      <c r="C5268" s="73"/>
      <c r="D5268" s="64"/>
      <c r="E5268" s="55"/>
      <c r="F5268" s="74"/>
      <c r="G5268" s="74"/>
      <c r="H5268" s="74"/>
      <c r="I5268" s="75"/>
      <c r="J5268" s="74"/>
      <c r="L5268" s="55"/>
      <c r="M5268" s="234"/>
      <c r="N5268" s="65"/>
      <c r="O5268" s="76"/>
      <c r="P5268" s="76"/>
      <c r="Q5268" s="65"/>
      <c r="R5268" s="76"/>
      <c r="S5268" s="76"/>
      <c r="T5268" s="76"/>
      <c r="U5268" s="76"/>
      <c r="V5268" s="76"/>
      <c r="W5268" s="76"/>
      <c r="X5268" s="76"/>
      <c r="Y5268" s="76"/>
      <c r="Z5268" s="76"/>
      <c r="AA5268" s="85"/>
      <c r="AB5268" s="85"/>
      <c r="AC5268" s="85"/>
      <c r="AD5268" s="85"/>
      <c r="AE5268" s="85"/>
      <c r="AF5268" s="85"/>
      <c r="AG5268" s="86"/>
      <c r="AH5268" s="85"/>
      <c r="AI5268" s="85"/>
      <c r="AJ5268" s="85"/>
      <c r="AK5268" s="85"/>
      <c r="AL5268" s="85"/>
      <c r="AM5268" s="92"/>
      <c r="AN5268" s="92"/>
      <c r="AO5268" s="92"/>
      <c r="AP5268" s="92"/>
      <c r="AQ5268" s="92"/>
      <c r="AR5268" s="92"/>
      <c r="AS5268" s="92"/>
      <c r="AT5268" s="92"/>
      <c r="AU5268" s="92"/>
      <c r="AV5268" s="92"/>
      <c r="AW5268" s="92"/>
      <c r="AX5268" s="92"/>
      <c r="AY5268" s="92"/>
      <c r="AZ5268" s="93"/>
      <c r="BA5268" s="93"/>
      <c r="BB5268" s="93"/>
      <c r="BC5268" s="93"/>
      <c r="BD5268" s="93"/>
      <c r="BE5268" s="93"/>
      <c r="BF5268" s="93"/>
      <c r="BG5268" s="93"/>
      <c r="BH5268" s="93"/>
      <c r="BI5268" s="93"/>
      <c r="BJ5268" s="93"/>
      <c r="BK5268" s="93"/>
      <c r="BL5268" s="93"/>
    </row>
    <row r="5269" spans="2:64" x14ac:dyDescent="0.2">
      <c r="B5269" s="43"/>
      <c r="C5269" s="73"/>
      <c r="D5269" s="64"/>
      <c r="E5269" s="55"/>
      <c r="F5269" s="74"/>
      <c r="G5269" s="74"/>
      <c r="H5269" s="74"/>
      <c r="I5269" s="75"/>
      <c r="J5269" s="74"/>
      <c r="L5269" s="55"/>
      <c r="M5269" s="234"/>
      <c r="N5269" s="65"/>
      <c r="O5269" s="76"/>
      <c r="P5269" s="76"/>
      <c r="Q5269" s="65"/>
      <c r="R5269" s="76"/>
      <c r="S5269" s="76"/>
      <c r="T5269" s="76"/>
      <c r="U5269" s="76"/>
      <c r="V5269" s="76"/>
      <c r="W5269" s="76"/>
      <c r="X5269" s="76"/>
      <c r="Y5269" s="76"/>
      <c r="Z5269" s="76"/>
      <c r="AA5269" s="85"/>
      <c r="AB5269" s="85"/>
      <c r="AC5269" s="85"/>
      <c r="AD5269" s="85"/>
      <c r="AE5269" s="85"/>
      <c r="AF5269" s="85"/>
      <c r="AG5269" s="86"/>
      <c r="AH5269" s="85"/>
      <c r="AI5269" s="85"/>
      <c r="AJ5269" s="85"/>
      <c r="AK5269" s="85"/>
      <c r="AL5269" s="85"/>
      <c r="AM5269" s="92"/>
      <c r="AN5269" s="92"/>
      <c r="AO5269" s="92"/>
      <c r="AP5269" s="92"/>
      <c r="AQ5269" s="92"/>
      <c r="AR5269" s="92"/>
      <c r="AS5269" s="92"/>
      <c r="AT5269" s="92"/>
      <c r="AU5269" s="92"/>
      <c r="AV5269" s="92"/>
      <c r="AW5269" s="92"/>
      <c r="AX5269" s="92"/>
      <c r="AY5269" s="92"/>
      <c r="AZ5269" s="93"/>
      <c r="BA5269" s="93"/>
      <c r="BB5269" s="93"/>
      <c r="BC5269" s="93"/>
      <c r="BD5269" s="93"/>
      <c r="BE5269" s="93"/>
      <c r="BF5269" s="93"/>
      <c r="BG5269" s="93"/>
      <c r="BH5269" s="93"/>
      <c r="BI5269" s="93"/>
      <c r="BJ5269" s="93"/>
      <c r="BK5269" s="93"/>
      <c r="BL5269" s="93"/>
    </row>
    <row r="5270" spans="2:64" x14ac:dyDescent="0.2">
      <c r="B5270" s="43"/>
      <c r="C5270" s="73"/>
      <c r="D5270" s="64"/>
      <c r="E5270" s="55"/>
      <c r="F5270" s="74"/>
      <c r="G5270" s="74"/>
      <c r="H5270" s="74"/>
      <c r="I5270" s="75"/>
      <c r="J5270" s="74"/>
      <c r="L5270" s="55"/>
      <c r="M5270" s="234"/>
      <c r="N5270" s="65"/>
      <c r="O5270" s="76"/>
      <c r="P5270" s="76"/>
      <c r="Q5270" s="65"/>
      <c r="R5270" s="76"/>
      <c r="S5270" s="76"/>
      <c r="T5270" s="76"/>
      <c r="U5270" s="76"/>
      <c r="V5270" s="76"/>
      <c r="W5270" s="76"/>
      <c r="X5270" s="76"/>
      <c r="Y5270" s="76"/>
      <c r="Z5270" s="76"/>
      <c r="AA5270" s="85"/>
      <c r="AB5270" s="85"/>
      <c r="AC5270" s="85"/>
      <c r="AD5270" s="85"/>
      <c r="AE5270" s="85"/>
      <c r="AF5270" s="85"/>
      <c r="AG5270" s="86"/>
      <c r="AH5270" s="85"/>
      <c r="AI5270" s="85"/>
      <c r="AJ5270" s="85"/>
      <c r="AK5270" s="85"/>
      <c r="AL5270" s="85"/>
      <c r="AM5270" s="92"/>
      <c r="AN5270" s="92"/>
      <c r="AO5270" s="92"/>
      <c r="AP5270" s="92"/>
      <c r="AQ5270" s="92"/>
      <c r="AR5270" s="92"/>
      <c r="AS5270" s="92"/>
      <c r="AT5270" s="92"/>
      <c r="AU5270" s="92"/>
      <c r="AV5270" s="92"/>
      <c r="AW5270" s="92"/>
      <c r="AX5270" s="92"/>
      <c r="AY5270" s="92"/>
      <c r="AZ5270" s="93"/>
      <c r="BA5270" s="93"/>
      <c r="BB5270" s="93"/>
      <c r="BC5270" s="93"/>
      <c r="BD5270" s="93"/>
      <c r="BE5270" s="93"/>
      <c r="BF5270" s="93"/>
      <c r="BG5270" s="93"/>
      <c r="BH5270" s="93"/>
      <c r="BI5270" s="93"/>
      <c r="BJ5270" s="93"/>
      <c r="BK5270" s="93"/>
      <c r="BL5270" s="93"/>
    </row>
    <row r="5271" spans="2:64" x14ac:dyDescent="0.2">
      <c r="B5271" s="43"/>
      <c r="C5271" s="73"/>
      <c r="D5271" s="64"/>
      <c r="E5271" s="55"/>
      <c r="F5271" s="74"/>
      <c r="G5271" s="74"/>
      <c r="H5271" s="74"/>
      <c r="I5271" s="75"/>
      <c r="J5271" s="74"/>
      <c r="L5271" s="55"/>
      <c r="M5271" s="234"/>
      <c r="N5271" s="65"/>
      <c r="O5271" s="76"/>
      <c r="P5271" s="76"/>
      <c r="Q5271" s="65"/>
      <c r="R5271" s="76"/>
      <c r="S5271" s="76"/>
      <c r="T5271" s="76"/>
      <c r="U5271" s="76"/>
      <c r="V5271" s="76"/>
      <c r="W5271" s="76"/>
      <c r="X5271" s="76"/>
      <c r="Y5271" s="76"/>
      <c r="Z5271" s="76"/>
      <c r="AA5271" s="85"/>
      <c r="AB5271" s="85"/>
      <c r="AC5271" s="85"/>
      <c r="AD5271" s="85"/>
      <c r="AE5271" s="85"/>
      <c r="AF5271" s="85"/>
      <c r="AG5271" s="86"/>
      <c r="AH5271" s="85"/>
      <c r="AI5271" s="85"/>
      <c r="AJ5271" s="85"/>
      <c r="AK5271" s="85"/>
      <c r="AL5271" s="85"/>
      <c r="AM5271" s="92"/>
      <c r="AN5271" s="92"/>
      <c r="AO5271" s="92"/>
      <c r="AP5271" s="92"/>
      <c r="AQ5271" s="92"/>
      <c r="AR5271" s="92"/>
      <c r="AS5271" s="92"/>
      <c r="AT5271" s="92"/>
      <c r="AU5271" s="92"/>
      <c r="AV5271" s="92"/>
      <c r="AW5271" s="92"/>
      <c r="AX5271" s="92"/>
      <c r="AY5271" s="92"/>
      <c r="AZ5271" s="93"/>
      <c r="BA5271" s="93"/>
      <c r="BB5271" s="93"/>
      <c r="BC5271" s="93"/>
      <c r="BD5271" s="93"/>
      <c r="BE5271" s="93"/>
      <c r="BF5271" s="93"/>
      <c r="BG5271" s="93"/>
      <c r="BH5271" s="93"/>
      <c r="BI5271" s="93"/>
      <c r="BJ5271" s="93"/>
      <c r="BK5271" s="93"/>
      <c r="BL5271" s="93"/>
    </row>
    <row r="5272" spans="2:64" x14ac:dyDescent="0.2">
      <c r="B5272" s="43"/>
      <c r="C5272" s="73"/>
      <c r="D5272" s="64"/>
      <c r="E5272" s="55"/>
      <c r="F5272" s="74"/>
      <c r="G5272" s="74"/>
      <c r="H5272" s="74"/>
      <c r="I5272" s="75"/>
      <c r="J5272" s="74"/>
      <c r="L5272" s="55"/>
      <c r="M5272" s="234"/>
      <c r="N5272" s="65"/>
      <c r="O5272" s="76"/>
      <c r="P5272" s="76"/>
      <c r="Q5272" s="65"/>
      <c r="R5272" s="76"/>
      <c r="S5272" s="76"/>
      <c r="T5272" s="76"/>
      <c r="U5272" s="76"/>
      <c r="V5272" s="76"/>
      <c r="W5272" s="76"/>
      <c r="X5272" s="76"/>
      <c r="Y5272" s="76"/>
      <c r="Z5272" s="76"/>
      <c r="AA5272" s="85"/>
      <c r="AB5272" s="85"/>
      <c r="AC5272" s="85"/>
      <c r="AD5272" s="85"/>
      <c r="AE5272" s="85"/>
      <c r="AF5272" s="85"/>
      <c r="AG5272" s="86"/>
      <c r="AH5272" s="85"/>
      <c r="AI5272" s="85"/>
      <c r="AJ5272" s="85"/>
      <c r="AK5272" s="85"/>
      <c r="AL5272" s="85"/>
      <c r="AM5272" s="92"/>
      <c r="AN5272" s="92"/>
      <c r="AO5272" s="92"/>
      <c r="AP5272" s="92"/>
      <c r="AQ5272" s="92"/>
      <c r="AR5272" s="92"/>
      <c r="AS5272" s="92"/>
      <c r="AT5272" s="92"/>
      <c r="AU5272" s="92"/>
      <c r="AV5272" s="92"/>
      <c r="AW5272" s="92"/>
      <c r="AX5272" s="92"/>
      <c r="AY5272" s="92"/>
      <c r="AZ5272" s="93"/>
      <c r="BA5272" s="93"/>
      <c r="BB5272" s="93"/>
      <c r="BC5272" s="93"/>
      <c r="BD5272" s="93"/>
      <c r="BE5272" s="93"/>
      <c r="BF5272" s="93"/>
      <c r="BG5272" s="93"/>
      <c r="BH5272" s="93"/>
      <c r="BI5272" s="93"/>
      <c r="BJ5272" s="93"/>
      <c r="BK5272" s="93"/>
      <c r="BL5272" s="93"/>
    </row>
    <row r="5273" spans="2:64" x14ac:dyDescent="0.2">
      <c r="B5273" s="43"/>
      <c r="C5273" s="73"/>
      <c r="D5273" s="64"/>
      <c r="E5273" s="55"/>
      <c r="F5273" s="74"/>
      <c r="G5273" s="74"/>
      <c r="H5273" s="74"/>
      <c r="I5273" s="75"/>
      <c r="J5273" s="74"/>
      <c r="L5273" s="55"/>
      <c r="M5273" s="234"/>
      <c r="N5273" s="65"/>
      <c r="O5273" s="76"/>
      <c r="P5273" s="76"/>
      <c r="Q5273" s="65"/>
      <c r="R5273" s="76"/>
      <c r="S5273" s="76"/>
      <c r="T5273" s="76"/>
      <c r="U5273" s="76"/>
      <c r="V5273" s="76"/>
      <c r="W5273" s="76"/>
      <c r="X5273" s="76"/>
      <c r="Y5273" s="76"/>
      <c r="Z5273" s="76"/>
      <c r="AA5273" s="85"/>
      <c r="AB5273" s="85"/>
      <c r="AC5273" s="85"/>
      <c r="AD5273" s="85"/>
      <c r="AE5273" s="85"/>
      <c r="AF5273" s="85"/>
      <c r="AG5273" s="86"/>
      <c r="AH5273" s="85"/>
      <c r="AI5273" s="85"/>
      <c r="AJ5273" s="85"/>
      <c r="AK5273" s="85"/>
      <c r="AL5273" s="85"/>
      <c r="AM5273" s="92"/>
      <c r="AN5273" s="92"/>
      <c r="AO5273" s="92"/>
      <c r="AP5273" s="92"/>
      <c r="AQ5273" s="92"/>
      <c r="AR5273" s="92"/>
      <c r="AS5273" s="92"/>
      <c r="AT5273" s="92"/>
      <c r="AU5273" s="92"/>
      <c r="AV5273" s="92"/>
      <c r="AW5273" s="92"/>
      <c r="AX5273" s="92"/>
      <c r="AY5273" s="92"/>
      <c r="AZ5273" s="93"/>
      <c r="BA5273" s="93"/>
      <c r="BB5273" s="93"/>
      <c r="BC5273" s="93"/>
      <c r="BD5273" s="93"/>
      <c r="BE5273" s="93"/>
      <c r="BF5273" s="93"/>
      <c r="BG5273" s="93"/>
      <c r="BH5273" s="93"/>
      <c r="BI5273" s="93"/>
      <c r="BJ5273" s="93"/>
      <c r="BK5273" s="93"/>
      <c r="BL5273" s="93"/>
    </row>
    <row r="5274" spans="2:64" x14ac:dyDescent="0.2">
      <c r="B5274" s="43"/>
      <c r="C5274" s="73"/>
      <c r="D5274" s="64"/>
      <c r="E5274" s="55"/>
      <c r="F5274" s="74"/>
      <c r="G5274" s="74"/>
      <c r="H5274" s="74"/>
      <c r="I5274" s="75"/>
      <c r="J5274" s="74"/>
      <c r="L5274" s="55"/>
      <c r="M5274" s="234"/>
      <c r="N5274" s="65"/>
      <c r="O5274" s="76"/>
      <c r="P5274" s="76"/>
      <c r="Q5274" s="65"/>
      <c r="R5274" s="76"/>
      <c r="S5274" s="76"/>
      <c r="T5274" s="76"/>
      <c r="U5274" s="76"/>
      <c r="V5274" s="76"/>
      <c r="W5274" s="76"/>
      <c r="X5274" s="76"/>
      <c r="Y5274" s="76"/>
      <c r="Z5274" s="76"/>
      <c r="AA5274" s="85"/>
      <c r="AB5274" s="85"/>
      <c r="AC5274" s="85"/>
      <c r="AD5274" s="85"/>
      <c r="AE5274" s="85"/>
      <c r="AF5274" s="85"/>
      <c r="AG5274" s="86"/>
      <c r="AH5274" s="85"/>
      <c r="AI5274" s="85"/>
      <c r="AJ5274" s="85"/>
      <c r="AK5274" s="85"/>
      <c r="AL5274" s="85"/>
      <c r="AM5274" s="92"/>
      <c r="AN5274" s="92"/>
      <c r="AO5274" s="92"/>
      <c r="AP5274" s="92"/>
      <c r="AQ5274" s="92"/>
      <c r="AR5274" s="92"/>
      <c r="AS5274" s="92"/>
      <c r="AT5274" s="92"/>
      <c r="AU5274" s="92"/>
      <c r="AV5274" s="92"/>
      <c r="AW5274" s="92"/>
      <c r="AX5274" s="92"/>
      <c r="AY5274" s="92"/>
      <c r="AZ5274" s="93"/>
      <c r="BA5274" s="93"/>
      <c r="BB5274" s="93"/>
      <c r="BC5274" s="93"/>
      <c r="BD5274" s="93"/>
      <c r="BE5274" s="93"/>
      <c r="BF5274" s="93"/>
      <c r="BG5274" s="93"/>
      <c r="BH5274" s="93"/>
      <c r="BI5274" s="93"/>
      <c r="BJ5274" s="93"/>
      <c r="BK5274" s="93"/>
      <c r="BL5274" s="93"/>
    </row>
    <row r="5275" spans="2:64" x14ac:dyDescent="0.2">
      <c r="B5275" s="43"/>
      <c r="C5275" s="73"/>
      <c r="D5275" s="64"/>
      <c r="E5275" s="55"/>
      <c r="F5275" s="74"/>
      <c r="G5275" s="74"/>
      <c r="H5275" s="74"/>
      <c r="I5275" s="75"/>
      <c r="J5275" s="74"/>
      <c r="L5275" s="55"/>
      <c r="M5275" s="234"/>
      <c r="N5275" s="65"/>
      <c r="O5275" s="76"/>
      <c r="P5275" s="76"/>
      <c r="Q5275" s="65"/>
      <c r="R5275" s="76"/>
      <c r="S5275" s="76"/>
      <c r="T5275" s="76"/>
      <c r="U5275" s="76"/>
      <c r="V5275" s="76"/>
      <c r="W5275" s="76"/>
      <c r="X5275" s="76"/>
      <c r="Y5275" s="76"/>
      <c r="Z5275" s="76"/>
      <c r="AA5275" s="85"/>
      <c r="AB5275" s="85"/>
      <c r="AC5275" s="85"/>
      <c r="AD5275" s="85"/>
      <c r="AE5275" s="85"/>
      <c r="AF5275" s="85"/>
      <c r="AG5275" s="86"/>
      <c r="AH5275" s="85"/>
      <c r="AI5275" s="85"/>
      <c r="AJ5275" s="85"/>
      <c r="AK5275" s="85"/>
      <c r="AL5275" s="85"/>
      <c r="AM5275" s="92"/>
      <c r="AN5275" s="92"/>
      <c r="AO5275" s="92"/>
      <c r="AP5275" s="92"/>
      <c r="AQ5275" s="92"/>
      <c r="AR5275" s="92"/>
      <c r="AS5275" s="92"/>
      <c r="AT5275" s="92"/>
      <c r="AU5275" s="92"/>
      <c r="AV5275" s="92"/>
      <c r="AW5275" s="92"/>
      <c r="AX5275" s="92"/>
      <c r="AY5275" s="92"/>
      <c r="AZ5275" s="93"/>
      <c r="BA5275" s="93"/>
      <c r="BB5275" s="93"/>
      <c r="BC5275" s="93"/>
      <c r="BD5275" s="93"/>
      <c r="BE5275" s="93"/>
      <c r="BF5275" s="93"/>
      <c r="BG5275" s="93"/>
      <c r="BH5275" s="93"/>
      <c r="BI5275" s="93"/>
      <c r="BJ5275" s="93"/>
      <c r="BK5275" s="93"/>
      <c r="BL5275" s="93"/>
    </row>
    <row r="5276" spans="2:64" x14ac:dyDescent="0.2">
      <c r="B5276" s="43"/>
      <c r="C5276" s="73"/>
      <c r="D5276" s="64"/>
      <c r="E5276" s="55"/>
      <c r="F5276" s="74"/>
      <c r="G5276" s="74"/>
      <c r="H5276" s="74"/>
      <c r="I5276" s="75"/>
      <c r="J5276" s="74"/>
      <c r="L5276" s="55"/>
      <c r="M5276" s="234"/>
      <c r="N5276" s="65"/>
      <c r="O5276" s="76"/>
      <c r="P5276" s="76"/>
      <c r="Q5276" s="65"/>
      <c r="R5276" s="76"/>
      <c r="S5276" s="76"/>
      <c r="T5276" s="76"/>
      <c r="U5276" s="76"/>
      <c r="V5276" s="76"/>
      <c r="W5276" s="76"/>
      <c r="X5276" s="76"/>
      <c r="Y5276" s="76"/>
      <c r="Z5276" s="76"/>
      <c r="AA5276" s="85"/>
      <c r="AB5276" s="85"/>
      <c r="AC5276" s="85"/>
      <c r="AD5276" s="85"/>
      <c r="AE5276" s="85"/>
      <c r="AF5276" s="85"/>
      <c r="AG5276" s="86"/>
      <c r="AH5276" s="85"/>
      <c r="AI5276" s="85"/>
      <c r="AJ5276" s="85"/>
      <c r="AK5276" s="85"/>
      <c r="AL5276" s="85"/>
      <c r="AM5276" s="92"/>
      <c r="AN5276" s="92"/>
      <c r="AO5276" s="92"/>
      <c r="AP5276" s="92"/>
      <c r="AQ5276" s="92"/>
      <c r="AR5276" s="92"/>
      <c r="AS5276" s="92"/>
      <c r="AT5276" s="92"/>
      <c r="AU5276" s="92"/>
      <c r="AV5276" s="92"/>
      <c r="AW5276" s="92"/>
      <c r="AX5276" s="92"/>
      <c r="AY5276" s="92"/>
      <c r="AZ5276" s="93"/>
      <c r="BA5276" s="93"/>
      <c r="BB5276" s="93"/>
      <c r="BC5276" s="93"/>
      <c r="BD5276" s="93"/>
      <c r="BE5276" s="93"/>
      <c r="BF5276" s="93"/>
      <c r="BG5276" s="93"/>
      <c r="BH5276" s="93"/>
      <c r="BI5276" s="93"/>
      <c r="BJ5276" s="93"/>
      <c r="BK5276" s="93"/>
      <c r="BL5276" s="93"/>
    </row>
    <row r="5277" spans="2:64" x14ac:dyDescent="0.2">
      <c r="B5277" s="43"/>
      <c r="C5277" s="73"/>
      <c r="D5277" s="64"/>
      <c r="E5277" s="55"/>
      <c r="F5277" s="74"/>
      <c r="G5277" s="74"/>
      <c r="H5277" s="74"/>
      <c r="I5277" s="75"/>
      <c r="J5277" s="74"/>
      <c r="L5277" s="55"/>
      <c r="M5277" s="234"/>
      <c r="N5277" s="65"/>
      <c r="O5277" s="76"/>
      <c r="P5277" s="76"/>
      <c r="Q5277" s="65"/>
      <c r="R5277" s="76"/>
      <c r="S5277" s="76"/>
      <c r="T5277" s="76"/>
      <c r="U5277" s="76"/>
      <c r="V5277" s="76"/>
      <c r="W5277" s="76"/>
      <c r="X5277" s="76"/>
      <c r="Y5277" s="76"/>
      <c r="Z5277" s="76"/>
      <c r="AA5277" s="85"/>
      <c r="AB5277" s="85"/>
      <c r="AC5277" s="85"/>
      <c r="AD5277" s="85"/>
      <c r="AE5277" s="85"/>
      <c r="AF5277" s="85"/>
      <c r="AG5277" s="86"/>
      <c r="AH5277" s="85"/>
      <c r="AI5277" s="85"/>
      <c r="AJ5277" s="85"/>
      <c r="AK5277" s="85"/>
      <c r="AL5277" s="85"/>
      <c r="AM5277" s="92"/>
      <c r="AN5277" s="92"/>
      <c r="AO5277" s="92"/>
      <c r="AP5277" s="92"/>
      <c r="AQ5277" s="92"/>
      <c r="AR5277" s="92"/>
      <c r="AS5277" s="92"/>
      <c r="AT5277" s="92"/>
      <c r="AU5277" s="92"/>
      <c r="AV5277" s="92"/>
      <c r="AW5277" s="92"/>
      <c r="AX5277" s="92"/>
      <c r="AY5277" s="92"/>
      <c r="AZ5277" s="93"/>
      <c r="BA5277" s="93"/>
      <c r="BB5277" s="93"/>
      <c r="BC5277" s="93"/>
      <c r="BD5277" s="93"/>
      <c r="BE5277" s="93"/>
      <c r="BF5277" s="93"/>
      <c r="BG5277" s="93"/>
      <c r="BH5277" s="93"/>
      <c r="BI5277" s="93"/>
      <c r="BJ5277" s="93"/>
      <c r="BK5277" s="93"/>
      <c r="BL5277" s="93"/>
    </row>
    <row r="5278" spans="2:64" x14ac:dyDescent="0.2">
      <c r="B5278" s="43"/>
      <c r="C5278" s="73"/>
      <c r="D5278" s="64"/>
      <c r="E5278" s="55"/>
      <c r="F5278" s="74"/>
      <c r="G5278" s="74"/>
      <c r="H5278" s="74"/>
      <c r="I5278" s="75"/>
      <c r="J5278" s="74"/>
      <c r="L5278" s="55"/>
      <c r="M5278" s="234"/>
      <c r="N5278" s="65"/>
      <c r="O5278" s="76"/>
      <c r="P5278" s="76"/>
      <c r="Q5278" s="65"/>
      <c r="R5278" s="76"/>
      <c r="S5278" s="76"/>
      <c r="T5278" s="76"/>
      <c r="U5278" s="76"/>
      <c r="V5278" s="76"/>
      <c r="W5278" s="76"/>
      <c r="X5278" s="76"/>
      <c r="Y5278" s="76"/>
      <c r="Z5278" s="76"/>
      <c r="AA5278" s="85"/>
      <c r="AB5278" s="85"/>
      <c r="AC5278" s="85"/>
      <c r="AD5278" s="85"/>
      <c r="AE5278" s="85"/>
      <c r="AF5278" s="85"/>
      <c r="AG5278" s="86"/>
      <c r="AH5278" s="85"/>
      <c r="AI5278" s="85"/>
      <c r="AJ5278" s="85"/>
      <c r="AK5278" s="85"/>
      <c r="AL5278" s="85"/>
      <c r="AM5278" s="92"/>
      <c r="AN5278" s="92"/>
      <c r="AO5278" s="92"/>
      <c r="AP5278" s="92"/>
      <c r="AQ5278" s="92"/>
      <c r="AR5278" s="92"/>
      <c r="AS5278" s="92"/>
      <c r="AT5278" s="92"/>
      <c r="AU5278" s="92"/>
      <c r="AV5278" s="92"/>
      <c r="AW5278" s="92"/>
      <c r="AX5278" s="92"/>
      <c r="AY5278" s="92"/>
      <c r="AZ5278" s="93"/>
      <c r="BA5278" s="93"/>
      <c r="BB5278" s="93"/>
      <c r="BC5278" s="93"/>
      <c r="BD5278" s="93"/>
      <c r="BE5278" s="93"/>
      <c r="BF5278" s="93"/>
      <c r="BG5278" s="93"/>
      <c r="BH5278" s="93"/>
      <c r="BI5278" s="93"/>
      <c r="BJ5278" s="93"/>
      <c r="BK5278" s="93"/>
      <c r="BL5278" s="93"/>
    </row>
    <row r="5279" spans="2:64" x14ac:dyDescent="0.2">
      <c r="B5279" s="43"/>
      <c r="C5279" s="73"/>
      <c r="D5279" s="64"/>
      <c r="E5279" s="55"/>
      <c r="F5279" s="74"/>
      <c r="G5279" s="74"/>
      <c r="H5279" s="74"/>
      <c r="I5279" s="75"/>
      <c r="J5279" s="74"/>
      <c r="L5279" s="55"/>
      <c r="M5279" s="234"/>
      <c r="N5279" s="65"/>
      <c r="O5279" s="76"/>
      <c r="P5279" s="76"/>
      <c r="Q5279" s="65"/>
      <c r="R5279" s="76"/>
      <c r="S5279" s="76"/>
      <c r="T5279" s="76"/>
      <c r="U5279" s="76"/>
      <c r="V5279" s="76"/>
      <c r="W5279" s="76"/>
      <c r="X5279" s="76"/>
      <c r="Y5279" s="76"/>
      <c r="Z5279" s="76"/>
      <c r="AA5279" s="85"/>
      <c r="AB5279" s="85"/>
      <c r="AC5279" s="85"/>
      <c r="AD5279" s="85"/>
      <c r="AE5279" s="85"/>
      <c r="AF5279" s="85"/>
      <c r="AG5279" s="86"/>
      <c r="AH5279" s="85"/>
      <c r="AI5279" s="85"/>
      <c r="AJ5279" s="85"/>
      <c r="AK5279" s="85"/>
      <c r="AL5279" s="85"/>
      <c r="AM5279" s="92"/>
      <c r="AN5279" s="92"/>
      <c r="AO5279" s="92"/>
      <c r="AP5279" s="92"/>
      <c r="AQ5279" s="92"/>
      <c r="AR5279" s="92"/>
      <c r="AS5279" s="92"/>
      <c r="AT5279" s="92"/>
      <c r="AU5279" s="92"/>
      <c r="AV5279" s="92"/>
      <c r="AW5279" s="92"/>
      <c r="AX5279" s="92"/>
      <c r="AY5279" s="92"/>
      <c r="AZ5279" s="93"/>
      <c r="BA5279" s="93"/>
      <c r="BB5279" s="93"/>
      <c r="BC5279" s="93"/>
      <c r="BD5279" s="93"/>
      <c r="BE5279" s="93"/>
      <c r="BF5279" s="93"/>
      <c r="BG5279" s="93"/>
      <c r="BH5279" s="93"/>
      <c r="BI5279" s="93"/>
      <c r="BJ5279" s="93"/>
      <c r="BK5279" s="93"/>
      <c r="BL5279" s="93"/>
    </row>
    <row r="5280" spans="2:64" x14ac:dyDescent="0.2">
      <c r="B5280" s="43"/>
      <c r="C5280" s="73"/>
      <c r="D5280" s="64"/>
      <c r="E5280" s="55"/>
      <c r="F5280" s="74"/>
      <c r="G5280" s="74"/>
      <c r="H5280" s="74"/>
      <c r="I5280" s="75"/>
      <c r="J5280" s="74"/>
      <c r="L5280" s="55"/>
      <c r="M5280" s="234"/>
      <c r="N5280" s="65"/>
      <c r="O5280" s="76"/>
      <c r="P5280" s="76"/>
      <c r="Q5280" s="65"/>
      <c r="R5280" s="76"/>
      <c r="S5280" s="76"/>
      <c r="T5280" s="76"/>
      <c r="U5280" s="76"/>
      <c r="V5280" s="76"/>
      <c r="W5280" s="76"/>
      <c r="X5280" s="76"/>
      <c r="Y5280" s="76"/>
      <c r="Z5280" s="76"/>
      <c r="AA5280" s="85"/>
      <c r="AB5280" s="85"/>
      <c r="AC5280" s="85"/>
      <c r="AD5280" s="85"/>
      <c r="AE5280" s="85"/>
      <c r="AF5280" s="85"/>
      <c r="AG5280" s="86"/>
      <c r="AH5280" s="85"/>
      <c r="AI5280" s="85"/>
      <c r="AJ5280" s="85"/>
      <c r="AK5280" s="85"/>
      <c r="AL5280" s="85"/>
      <c r="AM5280" s="92"/>
      <c r="AN5280" s="92"/>
      <c r="AO5280" s="92"/>
      <c r="AP5280" s="92"/>
      <c r="AQ5280" s="92"/>
      <c r="AR5280" s="92"/>
      <c r="AS5280" s="92"/>
      <c r="AT5280" s="92"/>
      <c r="AU5280" s="92"/>
      <c r="AV5280" s="92"/>
      <c r="AW5280" s="92"/>
      <c r="AX5280" s="92"/>
      <c r="AY5280" s="92"/>
      <c r="AZ5280" s="93"/>
      <c r="BA5280" s="93"/>
      <c r="BB5280" s="93"/>
      <c r="BC5280" s="93"/>
      <c r="BD5280" s="93"/>
      <c r="BE5280" s="93"/>
      <c r="BF5280" s="93"/>
      <c r="BG5280" s="93"/>
      <c r="BH5280" s="93"/>
      <c r="BI5280" s="93"/>
      <c r="BJ5280" s="93"/>
      <c r="BK5280" s="93"/>
      <c r="BL5280" s="93"/>
    </row>
    <row r="5281" spans="2:64" x14ac:dyDescent="0.2">
      <c r="B5281" s="43"/>
      <c r="C5281" s="73"/>
      <c r="D5281" s="64"/>
      <c r="E5281" s="55"/>
      <c r="F5281" s="74"/>
      <c r="G5281" s="74"/>
      <c r="H5281" s="74"/>
      <c r="I5281" s="75"/>
      <c r="J5281" s="74"/>
      <c r="L5281" s="55"/>
      <c r="M5281" s="234"/>
      <c r="N5281" s="65"/>
      <c r="O5281" s="76"/>
      <c r="P5281" s="76"/>
      <c r="Q5281" s="65"/>
      <c r="R5281" s="76"/>
      <c r="S5281" s="76"/>
      <c r="T5281" s="76"/>
      <c r="U5281" s="76"/>
      <c r="V5281" s="76"/>
      <c r="W5281" s="76"/>
      <c r="X5281" s="76"/>
      <c r="Y5281" s="76"/>
      <c r="Z5281" s="76"/>
      <c r="AA5281" s="85"/>
      <c r="AB5281" s="85"/>
      <c r="AC5281" s="85"/>
      <c r="AD5281" s="85"/>
      <c r="AE5281" s="85"/>
      <c r="AF5281" s="85"/>
      <c r="AG5281" s="86"/>
      <c r="AH5281" s="85"/>
      <c r="AI5281" s="85"/>
      <c r="AJ5281" s="85"/>
      <c r="AK5281" s="85"/>
      <c r="AL5281" s="85"/>
      <c r="AM5281" s="92"/>
      <c r="AN5281" s="92"/>
      <c r="AO5281" s="92"/>
      <c r="AP5281" s="92"/>
      <c r="AQ5281" s="92"/>
      <c r="AR5281" s="92"/>
      <c r="AS5281" s="92"/>
      <c r="AT5281" s="92"/>
      <c r="AU5281" s="92"/>
      <c r="AV5281" s="92"/>
      <c r="AW5281" s="92"/>
      <c r="AX5281" s="92"/>
      <c r="AY5281" s="92"/>
      <c r="AZ5281" s="93"/>
      <c r="BA5281" s="93"/>
      <c r="BB5281" s="93"/>
      <c r="BC5281" s="93"/>
      <c r="BD5281" s="93"/>
      <c r="BE5281" s="93"/>
      <c r="BF5281" s="93"/>
      <c r="BG5281" s="93"/>
      <c r="BH5281" s="93"/>
      <c r="BI5281" s="93"/>
      <c r="BJ5281" s="93"/>
      <c r="BK5281" s="93"/>
      <c r="BL5281" s="93"/>
    </row>
    <row r="5282" spans="2:64" x14ac:dyDescent="0.2">
      <c r="B5282" s="43"/>
      <c r="C5282" s="73"/>
      <c r="D5282" s="64"/>
      <c r="E5282" s="55"/>
      <c r="F5282" s="74"/>
      <c r="G5282" s="74"/>
      <c r="H5282" s="74"/>
      <c r="I5282" s="75"/>
      <c r="J5282" s="74"/>
      <c r="L5282" s="55"/>
      <c r="M5282" s="234"/>
      <c r="N5282" s="65"/>
      <c r="O5282" s="76"/>
      <c r="P5282" s="76"/>
      <c r="Q5282" s="65"/>
      <c r="R5282" s="76"/>
      <c r="S5282" s="76"/>
      <c r="T5282" s="76"/>
      <c r="U5282" s="76"/>
      <c r="V5282" s="76"/>
      <c r="W5282" s="76"/>
      <c r="X5282" s="76"/>
      <c r="Y5282" s="76"/>
      <c r="Z5282" s="76"/>
      <c r="AA5282" s="85"/>
      <c r="AB5282" s="85"/>
      <c r="AC5282" s="85"/>
      <c r="AD5282" s="85"/>
      <c r="AE5282" s="85"/>
      <c r="AF5282" s="85"/>
      <c r="AG5282" s="86"/>
      <c r="AH5282" s="85"/>
      <c r="AI5282" s="85"/>
      <c r="AJ5282" s="85"/>
      <c r="AK5282" s="85"/>
      <c r="AL5282" s="85"/>
      <c r="AM5282" s="92"/>
      <c r="AN5282" s="92"/>
      <c r="AO5282" s="92"/>
      <c r="AP5282" s="92"/>
      <c r="AQ5282" s="92"/>
      <c r="AR5282" s="92"/>
      <c r="AS5282" s="92"/>
      <c r="AT5282" s="92"/>
      <c r="AU5282" s="92"/>
      <c r="AV5282" s="92"/>
      <c r="AW5282" s="92"/>
      <c r="AX5282" s="92"/>
      <c r="AY5282" s="92"/>
      <c r="AZ5282" s="93"/>
      <c r="BA5282" s="93"/>
      <c r="BB5282" s="93"/>
      <c r="BC5282" s="93"/>
      <c r="BD5282" s="93"/>
      <c r="BE5282" s="93"/>
      <c r="BF5282" s="93"/>
      <c r="BG5282" s="93"/>
      <c r="BH5282" s="93"/>
      <c r="BI5282" s="93"/>
      <c r="BJ5282" s="93"/>
      <c r="BK5282" s="93"/>
      <c r="BL5282" s="93"/>
    </row>
    <row r="5283" spans="2:64" x14ac:dyDescent="0.2">
      <c r="B5283" s="43"/>
      <c r="C5283" s="73"/>
      <c r="D5283" s="64"/>
      <c r="E5283" s="55"/>
      <c r="F5283" s="74"/>
      <c r="G5283" s="74"/>
      <c r="H5283" s="74"/>
      <c r="I5283" s="75"/>
      <c r="J5283" s="74"/>
      <c r="L5283" s="55"/>
      <c r="M5283" s="234"/>
      <c r="N5283" s="65"/>
      <c r="O5283" s="76"/>
      <c r="P5283" s="76"/>
      <c r="Q5283" s="65"/>
      <c r="R5283" s="76"/>
      <c r="S5283" s="76"/>
      <c r="T5283" s="76"/>
      <c r="U5283" s="76"/>
      <c r="V5283" s="76"/>
      <c r="W5283" s="76"/>
      <c r="X5283" s="76"/>
      <c r="Y5283" s="76"/>
      <c r="Z5283" s="76"/>
      <c r="AA5283" s="85"/>
      <c r="AB5283" s="85"/>
      <c r="AC5283" s="85"/>
      <c r="AD5283" s="85"/>
      <c r="AE5283" s="85"/>
      <c r="AF5283" s="85"/>
      <c r="AG5283" s="86"/>
      <c r="AH5283" s="85"/>
      <c r="AI5283" s="85"/>
      <c r="AJ5283" s="85"/>
      <c r="AK5283" s="85"/>
      <c r="AL5283" s="85"/>
      <c r="AM5283" s="92"/>
      <c r="AN5283" s="92"/>
      <c r="AO5283" s="92"/>
      <c r="AP5283" s="92"/>
      <c r="AQ5283" s="92"/>
      <c r="AR5283" s="92"/>
      <c r="AS5283" s="92"/>
      <c r="AT5283" s="92"/>
      <c r="AU5283" s="92"/>
      <c r="AV5283" s="92"/>
      <c r="AW5283" s="92"/>
      <c r="AX5283" s="92"/>
      <c r="AY5283" s="92"/>
      <c r="AZ5283" s="93"/>
      <c r="BA5283" s="93"/>
      <c r="BB5283" s="93"/>
      <c r="BC5283" s="93"/>
      <c r="BD5283" s="93"/>
      <c r="BE5283" s="93"/>
      <c r="BF5283" s="93"/>
      <c r="BG5283" s="93"/>
      <c r="BH5283" s="93"/>
      <c r="BI5283" s="93"/>
      <c r="BJ5283" s="93"/>
      <c r="BK5283" s="93"/>
      <c r="BL5283" s="93"/>
    </row>
    <row r="5284" spans="2:64" x14ac:dyDescent="0.2">
      <c r="B5284" s="43"/>
      <c r="C5284" s="73"/>
      <c r="D5284" s="64"/>
      <c r="E5284" s="55"/>
      <c r="F5284" s="74"/>
      <c r="G5284" s="74"/>
      <c r="H5284" s="74"/>
      <c r="I5284" s="75"/>
      <c r="J5284" s="74"/>
      <c r="L5284" s="55"/>
      <c r="M5284" s="234"/>
      <c r="N5284" s="65"/>
      <c r="O5284" s="76"/>
      <c r="P5284" s="76"/>
      <c r="Q5284" s="65"/>
      <c r="R5284" s="76"/>
      <c r="S5284" s="76"/>
      <c r="T5284" s="76"/>
      <c r="U5284" s="76"/>
      <c r="V5284" s="76"/>
      <c r="W5284" s="76"/>
      <c r="X5284" s="76"/>
      <c r="Y5284" s="76"/>
      <c r="Z5284" s="76"/>
      <c r="AA5284" s="85"/>
      <c r="AB5284" s="85"/>
      <c r="AC5284" s="85"/>
      <c r="AD5284" s="85"/>
      <c r="AE5284" s="85"/>
      <c r="AF5284" s="85"/>
      <c r="AG5284" s="86"/>
      <c r="AH5284" s="85"/>
      <c r="AI5284" s="85"/>
      <c r="AJ5284" s="85"/>
      <c r="AK5284" s="85"/>
      <c r="AL5284" s="85"/>
      <c r="AM5284" s="92"/>
      <c r="AN5284" s="92"/>
      <c r="AO5284" s="92"/>
      <c r="AP5284" s="92"/>
      <c r="AQ5284" s="92"/>
      <c r="AR5284" s="92"/>
      <c r="AS5284" s="92"/>
      <c r="AT5284" s="92"/>
      <c r="AU5284" s="92"/>
      <c r="AV5284" s="92"/>
      <c r="AW5284" s="92"/>
      <c r="AX5284" s="92"/>
      <c r="AY5284" s="92"/>
      <c r="AZ5284" s="93"/>
      <c r="BA5284" s="93"/>
      <c r="BB5284" s="93"/>
      <c r="BC5284" s="93"/>
      <c r="BD5284" s="93"/>
      <c r="BE5284" s="93"/>
      <c r="BF5284" s="93"/>
      <c r="BG5284" s="93"/>
      <c r="BH5284" s="93"/>
      <c r="BI5284" s="93"/>
      <c r="BJ5284" s="93"/>
      <c r="BK5284" s="93"/>
      <c r="BL5284" s="93"/>
    </row>
    <row r="5285" spans="2:64" x14ac:dyDescent="0.2">
      <c r="B5285" s="43"/>
      <c r="C5285" s="73"/>
      <c r="D5285" s="64"/>
      <c r="E5285" s="55"/>
      <c r="F5285" s="74"/>
      <c r="G5285" s="74"/>
      <c r="H5285" s="74"/>
      <c r="I5285" s="75"/>
      <c r="J5285" s="74"/>
      <c r="L5285" s="55"/>
      <c r="M5285" s="234"/>
      <c r="N5285" s="65"/>
      <c r="O5285" s="76"/>
      <c r="P5285" s="76"/>
      <c r="Q5285" s="65"/>
      <c r="R5285" s="76"/>
      <c r="S5285" s="76"/>
      <c r="T5285" s="76"/>
      <c r="U5285" s="76"/>
      <c r="V5285" s="76"/>
      <c r="W5285" s="76"/>
      <c r="X5285" s="76"/>
      <c r="Y5285" s="76"/>
      <c r="Z5285" s="76"/>
      <c r="AA5285" s="85"/>
      <c r="AB5285" s="85"/>
      <c r="AC5285" s="85"/>
      <c r="AD5285" s="85"/>
      <c r="AE5285" s="85"/>
      <c r="AF5285" s="85"/>
      <c r="AG5285" s="86"/>
      <c r="AH5285" s="85"/>
      <c r="AI5285" s="85"/>
      <c r="AJ5285" s="85"/>
      <c r="AK5285" s="85"/>
      <c r="AL5285" s="85"/>
      <c r="AM5285" s="92"/>
      <c r="AN5285" s="92"/>
      <c r="AO5285" s="92"/>
      <c r="AP5285" s="92"/>
      <c r="AQ5285" s="92"/>
      <c r="AR5285" s="92"/>
      <c r="AS5285" s="92"/>
      <c r="AT5285" s="92"/>
      <c r="AU5285" s="92"/>
      <c r="AV5285" s="92"/>
      <c r="AW5285" s="92"/>
      <c r="AX5285" s="92"/>
      <c r="AY5285" s="92"/>
      <c r="AZ5285" s="93"/>
      <c r="BA5285" s="93"/>
      <c r="BB5285" s="93"/>
      <c r="BC5285" s="93"/>
      <c r="BD5285" s="93"/>
      <c r="BE5285" s="93"/>
      <c r="BF5285" s="93"/>
      <c r="BG5285" s="93"/>
      <c r="BH5285" s="93"/>
      <c r="BI5285" s="93"/>
      <c r="BJ5285" s="93"/>
      <c r="BK5285" s="93"/>
      <c r="BL5285" s="93"/>
    </row>
    <row r="5286" spans="2:64" x14ac:dyDescent="0.2">
      <c r="B5286" s="43"/>
      <c r="C5286" s="73"/>
      <c r="D5286" s="64"/>
      <c r="E5286" s="55"/>
      <c r="F5286" s="74"/>
      <c r="G5286" s="74"/>
      <c r="H5286" s="74"/>
      <c r="I5286" s="75"/>
      <c r="J5286" s="74"/>
      <c r="L5286" s="55"/>
      <c r="M5286" s="234"/>
      <c r="N5286" s="65"/>
      <c r="O5286" s="76"/>
      <c r="P5286" s="76"/>
      <c r="Q5286" s="65"/>
      <c r="R5286" s="76"/>
      <c r="S5286" s="76"/>
      <c r="T5286" s="76"/>
      <c r="U5286" s="76"/>
      <c r="V5286" s="76"/>
      <c r="W5286" s="76"/>
      <c r="X5286" s="76"/>
      <c r="Y5286" s="76"/>
      <c r="Z5286" s="76"/>
      <c r="AA5286" s="85"/>
      <c r="AB5286" s="85"/>
      <c r="AC5286" s="85"/>
      <c r="AD5286" s="85"/>
      <c r="AE5286" s="85"/>
      <c r="AF5286" s="85"/>
      <c r="AG5286" s="86"/>
      <c r="AH5286" s="85"/>
      <c r="AI5286" s="85"/>
      <c r="AJ5286" s="85"/>
      <c r="AK5286" s="85"/>
      <c r="AL5286" s="85"/>
      <c r="AM5286" s="92"/>
      <c r="AN5286" s="92"/>
      <c r="AO5286" s="92"/>
      <c r="AP5286" s="92"/>
      <c r="AQ5286" s="92"/>
      <c r="AR5286" s="92"/>
      <c r="AS5286" s="92"/>
      <c r="AT5286" s="92"/>
      <c r="AU5286" s="92"/>
      <c r="AV5286" s="92"/>
      <c r="AW5286" s="92"/>
      <c r="AX5286" s="92"/>
      <c r="AY5286" s="92"/>
      <c r="AZ5286" s="93"/>
      <c r="BA5286" s="93"/>
      <c r="BB5286" s="93"/>
      <c r="BC5286" s="93"/>
      <c r="BD5286" s="93"/>
      <c r="BE5286" s="93"/>
      <c r="BF5286" s="93"/>
      <c r="BG5286" s="93"/>
      <c r="BH5286" s="93"/>
      <c r="BI5286" s="93"/>
      <c r="BJ5286" s="93"/>
      <c r="BK5286" s="93"/>
      <c r="BL5286" s="93"/>
    </row>
    <row r="5287" spans="2:64" x14ac:dyDescent="0.2">
      <c r="B5287" s="43"/>
      <c r="C5287" s="73"/>
      <c r="D5287" s="64"/>
      <c r="E5287" s="55"/>
      <c r="F5287" s="74"/>
      <c r="G5287" s="74"/>
      <c r="H5287" s="74"/>
      <c r="I5287" s="75"/>
      <c r="J5287" s="74"/>
      <c r="L5287" s="55"/>
      <c r="M5287" s="234"/>
      <c r="N5287" s="65"/>
      <c r="O5287" s="76"/>
      <c r="P5287" s="76"/>
      <c r="Q5287" s="65"/>
      <c r="R5287" s="76"/>
      <c r="S5287" s="76"/>
      <c r="T5287" s="76"/>
      <c r="U5287" s="76"/>
      <c r="V5287" s="76"/>
      <c r="W5287" s="76"/>
      <c r="X5287" s="76"/>
      <c r="Y5287" s="76"/>
      <c r="Z5287" s="76"/>
      <c r="AA5287" s="85"/>
      <c r="AB5287" s="85"/>
      <c r="AC5287" s="85"/>
      <c r="AD5287" s="85"/>
      <c r="AE5287" s="85"/>
      <c r="AF5287" s="85"/>
      <c r="AG5287" s="86"/>
      <c r="AH5287" s="85"/>
      <c r="AI5287" s="85"/>
      <c r="AJ5287" s="85"/>
      <c r="AK5287" s="85"/>
      <c r="AL5287" s="85"/>
      <c r="AM5287" s="92"/>
      <c r="AN5287" s="92"/>
      <c r="AO5287" s="92"/>
      <c r="AP5287" s="92"/>
      <c r="AQ5287" s="92"/>
      <c r="AR5287" s="92"/>
      <c r="AS5287" s="92"/>
      <c r="AT5287" s="92"/>
      <c r="AU5287" s="92"/>
      <c r="AV5287" s="92"/>
      <c r="AW5287" s="92"/>
      <c r="AX5287" s="92"/>
      <c r="AY5287" s="92"/>
      <c r="AZ5287" s="93"/>
      <c r="BA5287" s="93"/>
      <c r="BB5287" s="93"/>
      <c r="BC5287" s="93"/>
      <c r="BD5287" s="93"/>
      <c r="BE5287" s="93"/>
      <c r="BF5287" s="93"/>
      <c r="BG5287" s="93"/>
      <c r="BH5287" s="93"/>
      <c r="BI5287" s="93"/>
      <c r="BJ5287" s="93"/>
      <c r="BK5287" s="93"/>
      <c r="BL5287" s="93"/>
    </row>
    <row r="5288" spans="2:64" x14ac:dyDescent="0.2">
      <c r="B5288" s="43"/>
      <c r="C5288" s="73"/>
      <c r="D5288" s="64"/>
      <c r="E5288" s="55"/>
      <c r="F5288" s="74"/>
      <c r="G5288" s="74"/>
      <c r="H5288" s="74"/>
      <c r="I5288" s="75"/>
      <c r="J5288" s="74"/>
      <c r="L5288" s="55"/>
      <c r="M5288" s="234"/>
      <c r="N5288" s="65"/>
      <c r="O5288" s="76"/>
      <c r="P5288" s="76"/>
      <c r="Q5288" s="65"/>
      <c r="R5288" s="76"/>
      <c r="S5288" s="76"/>
      <c r="T5288" s="76"/>
      <c r="U5288" s="76"/>
      <c r="V5288" s="76"/>
      <c r="W5288" s="76"/>
      <c r="X5288" s="76"/>
      <c r="Y5288" s="76"/>
      <c r="Z5288" s="76"/>
      <c r="AA5288" s="85"/>
      <c r="AB5288" s="85"/>
      <c r="AC5288" s="85"/>
      <c r="AD5288" s="85"/>
      <c r="AE5288" s="85"/>
      <c r="AF5288" s="85"/>
      <c r="AG5288" s="86"/>
      <c r="AH5288" s="85"/>
      <c r="AI5288" s="85"/>
      <c r="AJ5288" s="85"/>
      <c r="AK5288" s="85"/>
      <c r="AL5288" s="85"/>
      <c r="AM5288" s="92"/>
      <c r="AN5288" s="92"/>
      <c r="AO5288" s="92"/>
      <c r="AP5288" s="92"/>
      <c r="AQ5288" s="92"/>
      <c r="AR5288" s="92"/>
      <c r="AS5288" s="92"/>
      <c r="AT5288" s="92"/>
      <c r="AU5288" s="92"/>
      <c r="AV5288" s="92"/>
      <c r="AW5288" s="92"/>
      <c r="AX5288" s="92"/>
      <c r="AY5288" s="92"/>
      <c r="AZ5288" s="93"/>
      <c r="BA5288" s="93"/>
      <c r="BB5288" s="93"/>
      <c r="BC5288" s="93"/>
      <c r="BD5288" s="93"/>
      <c r="BE5288" s="93"/>
      <c r="BF5288" s="93"/>
      <c r="BG5288" s="93"/>
      <c r="BH5288" s="93"/>
      <c r="BI5288" s="93"/>
      <c r="BJ5288" s="93"/>
      <c r="BK5288" s="93"/>
      <c r="BL5288" s="93"/>
    </row>
    <row r="5289" spans="2:64" x14ac:dyDescent="0.2">
      <c r="B5289" s="43"/>
      <c r="C5289" s="73"/>
      <c r="D5289" s="64"/>
      <c r="E5289" s="55"/>
      <c r="F5289" s="74"/>
      <c r="G5289" s="74"/>
      <c r="H5289" s="74"/>
      <c r="I5289" s="75"/>
      <c r="J5289" s="74"/>
      <c r="L5289" s="55"/>
      <c r="M5289" s="234"/>
      <c r="N5289" s="65"/>
      <c r="O5289" s="76"/>
      <c r="P5289" s="76"/>
      <c r="Q5289" s="65"/>
      <c r="R5289" s="76"/>
      <c r="S5289" s="76"/>
      <c r="T5289" s="76"/>
      <c r="U5289" s="76"/>
      <c r="V5289" s="76"/>
      <c r="W5289" s="76"/>
      <c r="X5289" s="76"/>
      <c r="Y5289" s="76"/>
      <c r="Z5289" s="76"/>
      <c r="AA5289" s="85"/>
      <c r="AB5289" s="85"/>
      <c r="AC5289" s="85"/>
      <c r="AD5289" s="85"/>
      <c r="AE5289" s="85"/>
      <c r="AF5289" s="85"/>
      <c r="AG5289" s="86"/>
      <c r="AH5289" s="85"/>
      <c r="AI5289" s="85"/>
      <c r="AJ5289" s="85"/>
      <c r="AK5289" s="85"/>
      <c r="AL5289" s="85"/>
      <c r="AM5289" s="92"/>
      <c r="AN5289" s="92"/>
      <c r="AO5289" s="92"/>
      <c r="AP5289" s="92"/>
      <c r="AQ5289" s="92"/>
      <c r="AR5289" s="92"/>
      <c r="AS5289" s="92"/>
      <c r="AT5289" s="92"/>
      <c r="AU5289" s="92"/>
      <c r="AV5289" s="92"/>
      <c r="AW5289" s="92"/>
      <c r="AX5289" s="92"/>
      <c r="AY5289" s="92"/>
      <c r="AZ5289" s="93"/>
      <c r="BA5289" s="93"/>
      <c r="BB5289" s="93"/>
      <c r="BC5289" s="93"/>
      <c r="BD5289" s="93"/>
      <c r="BE5289" s="93"/>
      <c r="BF5289" s="93"/>
      <c r="BG5289" s="93"/>
      <c r="BH5289" s="93"/>
      <c r="BI5289" s="93"/>
      <c r="BJ5289" s="93"/>
      <c r="BK5289" s="93"/>
      <c r="BL5289" s="93"/>
    </row>
    <row r="5290" spans="2:64" x14ac:dyDescent="0.2">
      <c r="B5290" s="43"/>
      <c r="C5290" s="73"/>
      <c r="D5290" s="64"/>
      <c r="E5290" s="55"/>
      <c r="F5290" s="74"/>
      <c r="G5290" s="74"/>
      <c r="H5290" s="74"/>
      <c r="I5290" s="75"/>
      <c r="J5290" s="74"/>
      <c r="L5290" s="55"/>
      <c r="M5290" s="234"/>
      <c r="N5290" s="65"/>
      <c r="O5290" s="76"/>
      <c r="P5290" s="76"/>
      <c r="Q5290" s="65"/>
      <c r="R5290" s="76"/>
      <c r="S5290" s="76"/>
      <c r="T5290" s="76"/>
      <c r="U5290" s="76"/>
      <c r="V5290" s="76"/>
      <c r="W5290" s="76"/>
      <c r="X5290" s="76"/>
      <c r="Y5290" s="76"/>
      <c r="Z5290" s="76"/>
      <c r="AA5290" s="85"/>
      <c r="AB5290" s="85"/>
      <c r="AC5290" s="85"/>
      <c r="AD5290" s="85"/>
      <c r="AE5290" s="85"/>
      <c r="AF5290" s="85"/>
      <c r="AG5290" s="86"/>
      <c r="AH5290" s="85"/>
      <c r="AI5290" s="85"/>
      <c r="AJ5290" s="85"/>
      <c r="AK5290" s="85"/>
      <c r="AL5290" s="85"/>
      <c r="AM5290" s="92"/>
      <c r="AN5290" s="92"/>
      <c r="AO5290" s="92"/>
      <c r="AP5290" s="92"/>
      <c r="AQ5290" s="92"/>
      <c r="AR5290" s="92"/>
      <c r="AS5290" s="92"/>
      <c r="AT5290" s="92"/>
      <c r="AU5290" s="92"/>
      <c r="AV5290" s="92"/>
      <c r="AW5290" s="92"/>
      <c r="AX5290" s="92"/>
      <c r="AY5290" s="92"/>
      <c r="AZ5290" s="93"/>
      <c r="BA5290" s="93"/>
      <c r="BB5290" s="93"/>
      <c r="BC5290" s="93"/>
      <c r="BD5290" s="93"/>
      <c r="BE5290" s="93"/>
      <c r="BF5290" s="93"/>
      <c r="BG5290" s="93"/>
      <c r="BH5290" s="93"/>
      <c r="BI5290" s="93"/>
      <c r="BJ5290" s="93"/>
      <c r="BK5290" s="93"/>
      <c r="BL5290" s="93"/>
    </row>
    <row r="5291" spans="2:64" x14ac:dyDescent="0.2">
      <c r="B5291" s="43"/>
      <c r="C5291" s="73"/>
      <c r="D5291" s="64"/>
      <c r="E5291" s="55"/>
      <c r="F5291" s="74"/>
      <c r="G5291" s="74"/>
      <c r="H5291" s="74"/>
      <c r="I5291" s="75"/>
      <c r="J5291" s="74"/>
      <c r="L5291" s="55"/>
      <c r="M5291" s="234"/>
      <c r="N5291" s="65"/>
      <c r="O5291" s="76"/>
      <c r="P5291" s="76"/>
      <c r="Q5291" s="65"/>
      <c r="R5291" s="76"/>
      <c r="S5291" s="76"/>
      <c r="T5291" s="76"/>
      <c r="U5291" s="76"/>
      <c r="V5291" s="76"/>
      <c r="W5291" s="76"/>
      <c r="X5291" s="76"/>
      <c r="Y5291" s="76"/>
      <c r="Z5291" s="76"/>
      <c r="AA5291" s="85"/>
      <c r="AB5291" s="85"/>
      <c r="AC5291" s="85"/>
      <c r="AD5291" s="85"/>
      <c r="AE5291" s="85"/>
      <c r="AF5291" s="85"/>
      <c r="AG5291" s="86"/>
      <c r="AH5291" s="85"/>
      <c r="AI5291" s="85"/>
      <c r="AJ5291" s="85"/>
      <c r="AK5291" s="85"/>
      <c r="AL5291" s="85"/>
      <c r="AM5291" s="92"/>
      <c r="AN5291" s="92"/>
      <c r="AO5291" s="92"/>
      <c r="AP5291" s="92"/>
      <c r="AQ5291" s="92"/>
      <c r="AR5291" s="92"/>
      <c r="AS5291" s="92"/>
      <c r="AT5291" s="92"/>
      <c r="AU5291" s="92"/>
      <c r="AV5291" s="92"/>
      <c r="AW5291" s="92"/>
      <c r="AX5291" s="92"/>
      <c r="AY5291" s="92"/>
      <c r="AZ5291" s="93"/>
      <c r="BA5291" s="93"/>
      <c r="BB5291" s="93"/>
      <c r="BC5291" s="93"/>
      <c r="BD5291" s="93"/>
      <c r="BE5291" s="93"/>
      <c r="BF5291" s="93"/>
      <c r="BG5291" s="93"/>
      <c r="BH5291" s="93"/>
      <c r="BI5291" s="93"/>
      <c r="BJ5291" s="93"/>
      <c r="BK5291" s="93"/>
      <c r="BL5291" s="93"/>
    </row>
    <row r="5292" spans="2:64" x14ac:dyDescent="0.2">
      <c r="B5292" s="43"/>
      <c r="C5292" s="73"/>
      <c r="D5292" s="64"/>
      <c r="E5292" s="55"/>
      <c r="F5292" s="74"/>
      <c r="G5292" s="74"/>
      <c r="H5292" s="74"/>
      <c r="I5292" s="75"/>
      <c r="J5292" s="74"/>
      <c r="L5292" s="55"/>
      <c r="M5292" s="234"/>
      <c r="N5292" s="65"/>
      <c r="O5292" s="76"/>
      <c r="P5292" s="76"/>
      <c r="Q5292" s="65"/>
      <c r="R5292" s="76"/>
      <c r="S5292" s="76"/>
      <c r="T5292" s="76"/>
      <c r="U5292" s="76"/>
      <c r="V5292" s="76"/>
      <c r="W5292" s="76"/>
      <c r="X5292" s="76"/>
      <c r="Y5292" s="76"/>
      <c r="Z5292" s="76"/>
      <c r="AA5292" s="85"/>
      <c r="AB5292" s="85"/>
      <c r="AC5292" s="85"/>
      <c r="AD5292" s="85"/>
      <c r="AE5292" s="85"/>
      <c r="AF5292" s="85"/>
      <c r="AG5292" s="86"/>
      <c r="AH5292" s="85"/>
      <c r="AI5292" s="85"/>
      <c r="AJ5292" s="85"/>
      <c r="AK5292" s="85"/>
      <c r="AL5292" s="85"/>
      <c r="AM5292" s="92"/>
      <c r="AN5292" s="92"/>
      <c r="AO5292" s="92"/>
      <c r="AP5292" s="92"/>
      <c r="AQ5292" s="92"/>
      <c r="AR5292" s="92"/>
      <c r="AS5292" s="92"/>
      <c r="AT5292" s="92"/>
      <c r="AU5292" s="92"/>
      <c r="AV5292" s="92"/>
      <c r="AW5292" s="92"/>
      <c r="AX5292" s="92"/>
      <c r="AY5292" s="92"/>
      <c r="AZ5292" s="93"/>
      <c r="BA5292" s="93"/>
      <c r="BB5292" s="93"/>
      <c r="BC5292" s="93"/>
      <c r="BD5292" s="93"/>
      <c r="BE5292" s="93"/>
      <c r="BF5292" s="93"/>
      <c r="BG5292" s="93"/>
      <c r="BH5292" s="93"/>
      <c r="BI5292" s="93"/>
      <c r="BJ5292" s="93"/>
      <c r="BK5292" s="93"/>
      <c r="BL5292" s="93"/>
    </row>
    <row r="5293" spans="2:64" x14ac:dyDescent="0.2">
      <c r="B5293" s="43"/>
      <c r="C5293" s="73"/>
      <c r="D5293" s="64"/>
      <c r="E5293" s="55"/>
      <c r="F5293" s="74"/>
      <c r="G5293" s="74"/>
      <c r="H5293" s="74"/>
      <c r="I5293" s="75"/>
      <c r="J5293" s="74"/>
      <c r="L5293" s="55"/>
      <c r="M5293" s="234"/>
      <c r="N5293" s="65"/>
      <c r="O5293" s="76"/>
      <c r="P5293" s="76"/>
      <c r="Q5293" s="65"/>
      <c r="R5293" s="76"/>
      <c r="S5293" s="76"/>
      <c r="T5293" s="76"/>
      <c r="U5293" s="76"/>
      <c r="V5293" s="76"/>
      <c r="W5293" s="76"/>
      <c r="X5293" s="76"/>
      <c r="Y5293" s="76"/>
      <c r="Z5293" s="76"/>
      <c r="AA5293" s="85"/>
      <c r="AB5293" s="85"/>
      <c r="AC5293" s="85"/>
      <c r="AD5293" s="85"/>
      <c r="AE5293" s="85"/>
      <c r="AF5293" s="85"/>
      <c r="AG5293" s="86"/>
      <c r="AH5293" s="85"/>
      <c r="AI5293" s="85"/>
      <c r="AJ5293" s="85"/>
      <c r="AK5293" s="85"/>
      <c r="AL5293" s="85"/>
      <c r="AM5293" s="92"/>
      <c r="AN5293" s="92"/>
      <c r="AO5293" s="92"/>
      <c r="AP5293" s="92"/>
      <c r="AQ5293" s="92"/>
      <c r="AR5293" s="92"/>
      <c r="AS5293" s="92"/>
      <c r="AT5293" s="92"/>
      <c r="AU5293" s="92"/>
      <c r="AV5293" s="92"/>
      <c r="AW5293" s="92"/>
      <c r="AX5293" s="92"/>
      <c r="AY5293" s="92"/>
      <c r="AZ5293" s="93"/>
      <c r="BA5293" s="93"/>
      <c r="BB5293" s="93"/>
      <c r="BC5293" s="93"/>
      <c r="BD5293" s="93"/>
      <c r="BE5293" s="93"/>
      <c r="BF5293" s="93"/>
      <c r="BG5293" s="93"/>
      <c r="BH5293" s="93"/>
      <c r="BI5293" s="93"/>
      <c r="BJ5293" s="93"/>
      <c r="BK5293" s="93"/>
      <c r="BL5293" s="93"/>
    </row>
    <row r="5294" spans="2:64" x14ac:dyDescent="0.2">
      <c r="B5294" s="43"/>
      <c r="C5294" s="73"/>
      <c r="D5294" s="64"/>
      <c r="E5294" s="55"/>
      <c r="F5294" s="74"/>
      <c r="G5294" s="74"/>
      <c r="H5294" s="74"/>
      <c r="I5294" s="75"/>
      <c r="J5294" s="74"/>
      <c r="L5294" s="55"/>
      <c r="M5294" s="234"/>
      <c r="N5294" s="65"/>
      <c r="O5294" s="76"/>
      <c r="P5294" s="76"/>
      <c r="Q5294" s="65"/>
      <c r="R5294" s="76"/>
      <c r="S5294" s="76"/>
      <c r="T5294" s="76"/>
      <c r="U5294" s="76"/>
      <c r="V5294" s="76"/>
      <c r="W5294" s="76"/>
      <c r="X5294" s="76"/>
      <c r="Y5294" s="76"/>
      <c r="Z5294" s="76"/>
      <c r="AA5294" s="85"/>
      <c r="AB5294" s="85"/>
      <c r="AC5294" s="85"/>
      <c r="AD5294" s="85"/>
      <c r="AE5294" s="85"/>
      <c r="AF5294" s="85"/>
      <c r="AG5294" s="86"/>
      <c r="AH5294" s="85"/>
      <c r="AI5294" s="85"/>
      <c r="AJ5294" s="85"/>
      <c r="AK5294" s="85"/>
      <c r="AL5294" s="85"/>
      <c r="AM5294" s="92"/>
      <c r="AN5294" s="92"/>
      <c r="AO5294" s="92"/>
      <c r="AP5294" s="92"/>
      <c r="AQ5294" s="92"/>
      <c r="AR5294" s="92"/>
      <c r="AS5294" s="92"/>
      <c r="AT5294" s="92"/>
      <c r="AU5294" s="92"/>
      <c r="AV5294" s="92"/>
      <c r="AW5294" s="92"/>
      <c r="AX5294" s="92"/>
      <c r="AY5294" s="92"/>
      <c r="AZ5294" s="93"/>
      <c r="BA5294" s="93"/>
      <c r="BB5294" s="93"/>
      <c r="BC5294" s="93"/>
      <c r="BD5294" s="93"/>
      <c r="BE5294" s="93"/>
      <c r="BF5294" s="93"/>
      <c r="BG5294" s="93"/>
      <c r="BH5294" s="93"/>
      <c r="BI5294" s="93"/>
      <c r="BJ5294" s="93"/>
      <c r="BK5294" s="93"/>
      <c r="BL5294" s="93"/>
    </row>
    <row r="5295" spans="2:64" x14ac:dyDescent="0.2">
      <c r="B5295" s="43"/>
      <c r="C5295" s="73"/>
      <c r="D5295" s="64"/>
      <c r="E5295" s="55"/>
      <c r="F5295" s="74"/>
      <c r="G5295" s="74"/>
      <c r="H5295" s="74"/>
      <c r="I5295" s="75"/>
      <c r="J5295" s="74"/>
      <c r="L5295" s="55"/>
      <c r="M5295" s="234"/>
      <c r="N5295" s="65"/>
      <c r="O5295" s="76"/>
      <c r="P5295" s="76"/>
      <c r="Q5295" s="65"/>
      <c r="R5295" s="76"/>
      <c r="S5295" s="76"/>
      <c r="T5295" s="76"/>
      <c r="U5295" s="76"/>
      <c r="V5295" s="76"/>
      <c r="W5295" s="76"/>
      <c r="X5295" s="76"/>
      <c r="Y5295" s="76"/>
      <c r="Z5295" s="76"/>
      <c r="AA5295" s="85"/>
      <c r="AB5295" s="85"/>
      <c r="AC5295" s="85"/>
      <c r="AD5295" s="85"/>
      <c r="AE5295" s="85"/>
      <c r="AF5295" s="85"/>
      <c r="AG5295" s="86"/>
      <c r="AH5295" s="85"/>
      <c r="AI5295" s="85"/>
      <c r="AJ5295" s="85"/>
      <c r="AK5295" s="85"/>
      <c r="AL5295" s="85"/>
      <c r="AM5295" s="92"/>
      <c r="AN5295" s="92"/>
      <c r="AO5295" s="92"/>
      <c r="AP5295" s="92"/>
      <c r="AQ5295" s="92"/>
      <c r="AR5295" s="92"/>
      <c r="AS5295" s="92"/>
      <c r="AT5295" s="92"/>
      <c r="AU5295" s="92"/>
      <c r="AV5295" s="92"/>
      <c r="AW5295" s="92"/>
      <c r="AX5295" s="92"/>
      <c r="AY5295" s="92"/>
      <c r="AZ5295" s="93"/>
      <c r="BA5295" s="93"/>
      <c r="BB5295" s="93"/>
      <c r="BC5295" s="93"/>
      <c r="BD5295" s="93"/>
      <c r="BE5295" s="93"/>
      <c r="BF5295" s="93"/>
      <c r="BG5295" s="93"/>
      <c r="BH5295" s="93"/>
      <c r="BI5295" s="93"/>
      <c r="BJ5295" s="93"/>
      <c r="BK5295" s="93"/>
      <c r="BL5295" s="93"/>
    </row>
    <row r="5296" spans="2:64" x14ac:dyDescent="0.2">
      <c r="B5296" s="43"/>
      <c r="C5296" s="73"/>
      <c r="D5296" s="64"/>
      <c r="E5296" s="55"/>
      <c r="F5296" s="74"/>
      <c r="G5296" s="74"/>
      <c r="H5296" s="74"/>
      <c r="I5296" s="75"/>
      <c r="J5296" s="74"/>
      <c r="L5296" s="55"/>
      <c r="M5296" s="234"/>
      <c r="N5296" s="65"/>
      <c r="O5296" s="76"/>
      <c r="P5296" s="76"/>
      <c r="Q5296" s="65"/>
      <c r="R5296" s="76"/>
      <c r="S5296" s="76"/>
      <c r="T5296" s="76"/>
      <c r="U5296" s="76"/>
      <c r="V5296" s="76"/>
      <c r="W5296" s="76"/>
      <c r="X5296" s="76"/>
      <c r="Y5296" s="76"/>
      <c r="Z5296" s="76"/>
      <c r="AA5296" s="85"/>
      <c r="AB5296" s="85"/>
      <c r="AC5296" s="85"/>
      <c r="AD5296" s="85"/>
      <c r="AE5296" s="85"/>
      <c r="AF5296" s="85"/>
      <c r="AG5296" s="86"/>
      <c r="AH5296" s="85"/>
      <c r="AI5296" s="85"/>
      <c r="AJ5296" s="85"/>
      <c r="AK5296" s="85"/>
      <c r="AL5296" s="85"/>
      <c r="AM5296" s="92"/>
      <c r="AN5296" s="92"/>
      <c r="AO5296" s="92"/>
      <c r="AP5296" s="92"/>
      <c r="AQ5296" s="92"/>
      <c r="AR5296" s="92"/>
      <c r="AS5296" s="92"/>
      <c r="AT5296" s="92"/>
      <c r="AU5296" s="92"/>
      <c r="AV5296" s="92"/>
      <c r="AW5296" s="92"/>
      <c r="AX5296" s="92"/>
      <c r="AY5296" s="92"/>
      <c r="AZ5296" s="93"/>
      <c r="BA5296" s="93"/>
      <c r="BB5296" s="93"/>
      <c r="BC5296" s="93"/>
      <c r="BD5296" s="93"/>
      <c r="BE5296" s="93"/>
      <c r="BF5296" s="93"/>
      <c r="BG5296" s="93"/>
      <c r="BH5296" s="93"/>
      <c r="BI5296" s="93"/>
      <c r="BJ5296" s="93"/>
      <c r="BK5296" s="93"/>
      <c r="BL5296" s="93"/>
    </row>
    <row r="5297" spans="2:64" x14ac:dyDescent="0.2">
      <c r="B5297" s="43"/>
      <c r="C5297" s="73"/>
      <c r="D5297" s="64"/>
      <c r="E5297" s="55"/>
      <c r="F5297" s="74"/>
      <c r="G5297" s="74"/>
      <c r="H5297" s="74"/>
      <c r="I5297" s="75"/>
      <c r="J5297" s="74"/>
      <c r="L5297" s="55"/>
      <c r="M5297" s="234"/>
      <c r="N5297" s="65"/>
      <c r="O5297" s="76"/>
      <c r="P5297" s="76"/>
      <c r="Q5297" s="65"/>
      <c r="R5297" s="76"/>
      <c r="S5297" s="76"/>
      <c r="T5297" s="76"/>
      <c r="U5297" s="76"/>
      <c r="V5297" s="76"/>
      <c r="W5297" s="76"/>
      <c r="X5297" s="76"/>
      <c r="Y5297" s="76"/>
      <c r="Z5297" s="76"/>
      <c r="AA5297" s="85"/>
      <c r="AB5297" s="85"/>
      <c r="AC5297" s="85"/>
      <c r="AD5297" s="85"/>
      <c r="AE5297" s="85"/>
      <c r="AF5297" s="85"/>
      <c r="AG5297" s="86"/>
      <c r="AH5297" s="85"/>
      <c r="AI5297" s="85"/>
      <c r="AJ5297" s="85"/>
      <c r="AK5297" s="85"/>
      <c r="AL5297" s="85"/>
      <c r="AM5297" s="92"/>
      <c r="AN5297" s="92"/>
      <c r="AO5297" s="92"/>
      <c r="AP5297" s="92"/>
      <c r="AQ5297" s="92"/>
      <c r="AR5297" s="92"/>
      <c r="AS5297" s="92"/>
      <c r="AT5297" s="92"/>
      <c r="AU5297" s="92"/>
      <c r="AV5297" s="92"/>
      <c r="AW5297" s="92"/>
      <c r="AX5297" s="92"/>
      <c r="AY5297" s="92"/>
      <c r="AZ5297" s="93"/>
      <c r="BA5297" s="93"/>
      <c r="BB5297" s="93"/>
      <c r="BC5297" s="93"/>
      <c r="BD5297" s="93"/>
      <c r="BE5297" s="93"/>
      <c r="BF5297" s="93"/>
      <c r="BG5297" s="93"/>
      <c r="BH5297" s="93"/>
      <c r="BI5297" s="93"/>
      <c r="BJ5297" s="93"/>
      <c r="BK5297" s="93"/>
      <c r="BL5297" s="93"/>
    </row>
    <row r="5298" spans="2:64" x14ac:dyDescent="0.2">
      <c r="B5298" s="43"/>
      <c r="C5298" s="73"/>
      <c r="D5298" s="64"/>
      <c r="E5298" s="55"/>
      <c r="F5298" s="74"/>
      <c r="G5298" s="74"/>
      <c r="H5298" s="74"/>
      <c r="I5298" s="75"/>
      <c r="J5298" s="74"/>
      <c r="L5298" s="55"/>
      <c r="M5298" s="234"/>
      <c r="N5298" s="65"/>
      <c r="O5298" s="76"/>
      <c r="P5298" s="76"/>
      <c r="Q5298" s="65"/>
      <c r="R5298" s="76"/>
      <c r="S5298" s="76"/>
      <c r="T5298" s="76"/>
      <c r="U5298" s="76"/>
      <c r="V5298" s="76"/>
      <c r="W5298" s="76"/>
      <c r="X5298" s="76"/>
      <c r="Y5298" s="76"/>
      <c r="Z5298" s="76"/>
      <c r="AA5298" s="85"/>
      <c r="AB5298" s="85"/>
      <c r="AC5298" s="85"/>
      <c r="AD5298" s="85"/>
      <c r="AE5298" s="85"/>
      <c r="AF5298" s="85"/>
      <c r="AG5298" s="86"/>
      <c r="AH5298" s="85"/>
      <c r="AI5298" s="85"/>
      <c r="AJ5298" s="85"/>
      <c r="AK5298" s="85"/>
      <c r="AL5298" s="85"/>
      <c r="AM5298" s="92"/>
      <c r="AN5298" s="92"/>
      <c r="AO5298" s="92"/>
      <c r="AP5298" s="92"/>
      <c r="AQ5298" s="92"/>
      <c r="AR5298" s="92"/>
      <c r="AS5298" s="92"/>
      <c r="AT5298" s="92"/>
      <c r="AU5298" s="92"/>
      <c r="AV5298" s="92"/>
      <c r="AW5298" s="92"/>
      <c r="AX5298" s="92"/>
      <c r="AY5298" s="92"/>
      <c r="AZ5298" s="93"/>
      <c r="BA5298" s="93"/>
      <c r="BB5298" s="93"/>
      <c r="BC5298" s="93"/>
      <c r="BD5298" s="93"/>
      <c r="BE5298" s="93"/>
      <c r="BF5298" s="93"/>
      <c r="BG5298" s="93"/>
      <c r="BH5298" s="93"/>
      <c r="BI5298" s="93"/>
      <c r="BJ5298" s="93"/>
      <c r="BK5298" s="93"/>
      <c r="BL5298" s="93"/>
    </row>
    <row r="5299" spans="2:64" x14ac:dyDescent="0.2">
      <c r="B5299" s="43"/>
      <c r="C5299" s="73"/>
      <c r="D5299" s="64"/>
      <c r="E5299" s="55"/>
      <c r="F5299" s="74"/>
      <c r="G5299" s="74"/>
      <c r="H5299" s="74"/>
      <c r="I5299" s="75"/>
      <c r="J5299" s="74"/>
      <c r="L5299" s="55"/>
      <c r="M5299" s="234"/>
      <c r="N5299" s="65"/>
      <c r="O5299" s="76"/>
      <c r="P5299" s="76"/>
      <c r="Q5299" s="65"/>
      <c r="R5299" s="76"/>
      <c r="S5299" s="76"/>
      <c r="T5299" s="76"/>
      <c r="U5299" s="76"/>
      <c r="V5299" s="76"/>
      <c r="W5299" s="76"/>
      <c r="X5299" s="76"/>
      <c r="Y5299" s="76"/>
      <c r="Z5299" s="76"/>
      <c r="AA5299" s="85"/>
      <c r="AB5299" s="85"/>
      <c r="AC5299" s="85"/>
      <c r="AD5299" s="85"/>
      <c r="AE5299" s="85"/>
      <c r="AF5299" s="85"/>
      <c r="AG5299" s="86"/>
      <c r="AH5299" s="85"/>
      <c r="AI5299" s="85"/>
      <c r="AJ5299" s="85"/>
      <c r="AK5299" s="85"/>
      <c r="AL5299" s="85"/>
      <c r="AM5299" s="92"/>
      <c r="AN5299" s="92"/>
      <c r="AO5299" s="92"/>
      <c r="AP5299" s="92"/>
      <c r="AQ5299" s="92"/>
      <c r="AR5299" s="92"/>
      <c r="AS5299" s="92"/>
      <c r="AT5299" s="92"/>
      <c r="AU5299" s="92"/>
      <c r="AV5299" s="92"/>
      <c r="AW5299" s="92"/>
      <c r="AX5299" s="92"/>
      <c r="AY5299" s="92"/>
      <c r="AZ5299" s="93"/>
      <c r="BA5299" s="93"/>
      <c r="BB5299" s="93"/>
      <c r="BC5299" s="93"/>
      <c r="BD5299" s="93"/>
      <c r="BE5299" s="93"/>
      <c r="BF5299" s="93"/>
      <c r="BG5299" s="93"/>
      <c r="BH5299" s="93"/>
      <c r="BI5299" s="93"/>
      <c r="BJ5299" s="93"/>
      <c r="BK5299" s="93"/>
      <c r="BL5299" s="93"/>
    </row>
    <row r="5300" spans="2:64" x14ac:dyDescent="0.2">
      <c r="B5300" s="43"/>
      <c r="C5300" s="73"/>
      <c r="D5300" s="64"/>
      <c r="E5300" s="55"/>
      <c r="F5300" s="74"/>
      <c r="G5300" s="74"/>
      <c r="H5300" s="74"/>
      <c r="I5300" s="75"/>
      <c r="J5300" s="74"/>
      <c r="L5300" s="55"/>
      <c r="M5300" s="234"/>
      <c r="N5300" s="65"/>
      <c r="O5300" s="76"/>
      <c r="P5300" s="76"/>
      <c r="Q5300" s="65"/>
      <c r="R5300" s="76"/>
      <c r="S5300" s="76"/>
      <c r="T5300" s="76"/>
      <c r="U5300" s="76"/>
      <c r="V5300" s="76"/>
      <c r="W5300" s="76"/>
      <c r="X5300" s="76"/>
      <c r="Y5300" s="76"/>
      <c r="Z5300" s="76"/>
      <c r="AA5300" s="85"/>
      <c r="AB5300" s="85"/>
      <c r="AC5300" s="85"/>
      <c r="AD5300" s="85"/>
      <c r="AE5300" s="85"/>
      <c r="AF5300" s="85"/>
      <c r="AG5300" s="86"/>
      <c r="AH5300" s="85"/>
      <c r="AI5300" s="85"/>
      <c r="AJ5300" s="85"/>
      <c r="AK5300" s="85"/>
      <c r="AL5300" s="85"/>
      <c r="AM5300" s="92"/>
      <c r="AN5300" s="92"/>
      <c r="AO5300" s="92"/>
      <c r="AP5300" s="92"/>
      <c r="AQ5300" s="92"/>
      <c r="AR5300" s="92"/>
      <c r="AS5300" s="92"/>
      <c r="AT5300" s="92"/>
      <c r="AU5300" s="92"/>
      <c r="AV5300" s="92"/>
      <c r="AW5300" s="92"/>
      <c r="AX5300" s="92"/>
      <c r="AY5300" s="92"/>
      <c r="AZ5300" s="93"/>
      <c r="BA5300" s="93"/>
      <c r="BB5300" s="93"/>
      <c r="BC5300" s="93"/>
      <c r="BD5300" s="93"/>
      <c r="BE5300" s="93"/>
      <c r="BF5300" s="93"/>
      <c r="BG5300" s="93"/>
      <c r="BH5300" s="93"/>
      <c r="BI5300" s="93"/>
      <c r="BJ5300" s="93"/>
      <c r="BK5300" s="93"/>
      <c r="BL5300" s="93"/>
    </row>
    <row r="5301" spans="2:64" x14ac:dyDescent="0.2">
      <c r="B5301" s="43"/>
      <c r="C5301" s="73"/>
      <c r="D5301" s="64"/>
      <c r="E5301" s="55"/>
      <c r="F5301" s="74"/>
      <c r="G5301" s="74"/>
      <c r="H5301" s="74"/>
      <c r="I5301" s="75"/>
      <c r="J5301" s="74"/>
      <c r="L5301" s="55"/>
      <c r="M5301" s="234"/>
      <c r="N5301" s="65"/>
      <c r="O5301" s="76"/>
      <c r="P5301" s="76"/>
      <c r="Q5301" s="65"/>
      <c r="R5301" s="76"/>
      <c r="S5301" s="76"/>
      <c r="T5301" s="76"/>
      <c r="U5301" s="76"/>
      <c r="V5301" s="76"/>
      <c r="W5301" s="76"/>
      <c r="X5301" s="76"/>
      <c r="Y5301" s="76"/>
      <c r="Z5301" s="76"/>
      <c r="AA5301" s="85"/>
      <c r="AB5301" s="85"/>
      <c r="AC5301" s="85"/>
      <c r="AD5301" s="85"/>
      <c r="AE5301" s="85"/>
      <c r="AF5301" s="85"/>
      <c r="AG5301" s="86"/>
      <c r="AH5301" s="85"/>
      <c r="AI5301" s="85"/>
      <c r="AJ5301" s="85"/>
      <c r="AK5301" s="85"/>
      <c r="AL5301" s="85"/>
      <c r="AM5301" s="92"/>
      <c r="AN5301" s="92"/>
      <c r="AO5301" s="92"/>
      <c r="AP5301" s="92"/>
      <c r="AQ5301" s="92"/>
      <c r="AR5301" s="92"/>
      <c r="AS5301" s="92"/>
      <c r="AT5301" s="92"/>
      <c r="AU5301" s="92"/>
      <c r="AV5301" s="92"/>
      <c r="AW5301" s="92"/>
      <c r="AX5301" s="92"/>
      <c r="AY5301" s="92"/>
      <c r="AZ5301" s="93"/>
      <c r="BA5301" s="93"/>
      <c r="BB5301" s="93"/>
      <c r="BC5301" s="93"/>
      <c r="BD5301" s="93"/>
      <c r="BE5301" s="93"/>
      <c r="BF5301" s="93"/>
      <c r="BG5301" s="93"/>
      <c r="BH5301" s="93"/>
      <c r="BI5301" s="93"/>
      <c r="BJ5301" s="93"/>
      <c r="BK5301" s="93"/>
      <c r="BL5301" s="93"/>
    </row>
    <row r="5302" spans="2:64" x14ac:dyDescent="0.2">
      <c r="B5302" s="43"/>
      <c r="C5302" s="73"/>
      <c r="D5302" s="64"/>
      <c r="E5302" s="55"/>
      <c r="F5302" s="74"/>
      <c r="G5302" s="74"/>
      <c r="H5302" s="74"/>
      <c r="I5302" s="75"/>
      <c r="J5302" s="74"/>
      <c r="L5302" s="55"/>
      <c r="M5302" s="234"/>
      <c r="N5302" s="65"/>
      <c r="O5302" s="76"/>
      <c r="P5302" s="76"/>
      <c r="Q5302" s="65"/>
      <c r="R5302" s="76"/>
      <c r="S5302" s="76"/>
      <c r="T5302" s="76"/>
      <c r="U5302" s="76"/>
      <c r="V5302" s="76"/>
      <c r="W5302" s="76"/>
      <c r="X5302" s="76"/>
      <c r="Y5302" s="76"/>
      <c r="Z5302" s="76"/>
      <c r="AA5302" s="85"/>
      <c r="AB5302" s="85"/>
      <c r="AC5302" s="85"/>
      <c r="AD5302" s="85"/>
      <c r="AE5302" s="85"/>
      <c r="AF5302" s="85"/>
      <c r="AG5302" s="86"/>
      <c r="AH5302" s="85"/>
      <c r="AI5302" s="85"/>
      <c r="AJ5302" s="85"/>
      <c r="AK5302" s="85"/>
      <c r="AL5302" s="85"/>
      <c r="AM5302" s="92"/>
      <c r="AN5302" s="92"/>
      <c r="AO5302" s="92"/>
      <c r="AP5302" s="92"/>
      <c r="AQ5302" s="92"/>
      <c r="AR5302" s="92"/>
      <c r="AS5302" s="92"/>
      <c r="AT5302" s="92"/>
      <c r="AU5302" s="92"/>
      <c r="AV5302" s="92"/>
      <c r="AW5302" s="92"/>
      <c r="AX5302" s="92"/>
      <c r="AY5302" s="92"/>
      <c r="AZ5302" s="93"/>
      <c r="BA5302" s="93"/>
      <c r="BB5302" s="93"/>
      <c r="BC5302" s="93"/>
      <c r="BD5302" s="93"/>
      <c r="BE5302" s="93"/>
      <c r="BF5302" s="93"/>
      <c r="BG5302" s="93"/>
      <c r="BH5302" s="93"/>
      <c r="BI5302" s="93"/>
      <c r="BJ5302" s="93"/>
      <c r="BK5302" s="93"/>
      <c r="BL5302" s="93"/>
    </row>
    <row r="5303" spans="2:64" x14ac:dyDescent="0.2">
      <c r="B5303" s="43"/>
      <c r="C5303" s="73"/>
      <c r="D5303" s="64"/>
      <c r="E5303" s="55"/>
      <c r="F5303" s="74"/>
      <c r="G5303" s="74"/>
      <c r="H5303" s="74"/>
      <c r="I5303" s="75"/>
      <c r="J5303" s="74"/>
      <c r="L5303" s="55"/>
      <c r="M5303" s="234"/>
      <c r="N5303" s="65"/>
      <c r="O5303" s="76"/>
      <c r="P5303" s="76"/>
      <c r="Q5303" s="65"/>
      <c r="R5303" s="76"/>
      <c r="S5303" s="76"/>
      <c r="T5303" s="76"/>
      <c r="U5303" s="76"/>
      <c r="V5303" s="76"/>
      <c r="W5303" s="76"/>
      <c r="X5303" s="76"/>
      <c r="Y5303" s="76"/>
      <c r="Z5303" s="76"/>
      <c r="AA5303" s="85"/>
      <c r="AB5303" s="85"/>
      <c r="AC5303" s="85"/>
      <c r="AD5303" s="85"/>
      <c r="AE5303" s="85"/>
      <c r="AF5303" s="85"/>
      <c r="AG5303" s="86"/>
      <c r="AH5303" s="85"/>
      <c r="AI5303" s="85"/>
      <c r="AJ5303" s="85"/>
      <c r="AK5303" s="85"/>
      <c r="AL5303" s="85"/>
      <c r="AM5303" s="92"/>
      <c r="AN5303" s="92"/>
      <c r="AO5303" s="92"/>
      <c r="AP5303" s="92"/>
      <c r="AQ5303" s="92"/>
      <c r="AR5303" s="92"/>
      <c r="AS5303" s="92"/>
      <c r="AT5303" s="92"/>
      <c r="AU5303" s="92"/>
      <c r="AV5303" s="92"/>
      <c r="AW5303" s="92"/>
      <c r="AX5303" s="92"/>
      <c r="AY5303" s="92"/>
      <c r="AZ5303" s="93"/>
      <c r="BA5303" s="93"/>
      <c r="BB5303" s="93"/>
      <c r="BC5303" s="93"/>
      <c r="BD5303" s="93"/>
      <c r="BE5303" s="93"/>
      <c r="BF5303" s="93"/>
      <c r="BG5303" s="93"/>
      <c r="BH5303" s="93"/>
      <c r="BI5303" s="93"/>
      <c r="BJ5303" s="93"/>
      <c r="BK5303" s="93"/>
      <c r="BL5303" s="93"/>
    </row>
    <row r="5304" spans="2:64" x14ac:dyDescent="0.2">
      <c r="B5304" s="43"/>
      <c r="C5304" s="73"/>
      <c r="D5304" s="64"/>
      <c r="E5304" s="55"/>
      <c r="F5304" s="74"/>
      <c r="G5304" s="74"/>
      <c r="H5304" s="74"/>
      <c r="I5304" s="75"/>
      <c r="J5304" s="74"/>
      <c r="L5304" s="55"/>
      <c r="M5304" s="234"/>
      <c r="N5304" s="65"/>
      <c r="O5304" s="76"/>
      <c r="P5304" s="76"/>
      <c r="Q5304" s="65"/>
      <c r="R5304" s="76"/>
      <c r="S5304" s="76"/>
      <c r="T5304" s="76"/>
      <c r="U5304" s="76"/>
      <c r="V5304" s="76"/>
      <c r="W5304" s="76"/>
      <c r="X5304" s="76"/>
      <c r="Y5304" s="76"/>
      <c r="Z5304" s="76"/>
      <c r="AA5304" s="85"/>
      <c r="AB5304" s="85"/>
      <c r="AC5304" s="85"/>
      <c r="AD5304" s="85"/>
      <c r="AE5304" s="85"/>
      <c r="AF5304" s="85"/>
      <c r="AG5304" s="86"/>
      <c r="AH5304" s="85"/>
      <c r="AI5304" s="85"/>
      <c r="AJ5304" s="85"/>
      <c r="AK5304" s="85"/>
      <c r="AL5304" s="85"/>
      <c r="AM5304" s="92"/>
      <c r="AN5304" s="92"/>
      <c r="AO5304" s="92"/>
      <c r="AP5304" s="92"/>
      <c r="AQ5304" s="92"/>
      <c r="AR5304" s="92"/>
      <c r="AS5304" s="92"/>
      <c r="AT5304" s="92"/>
      <c r="AU5304" s="92"/>
      <c r="AV5304" s="92"/>
      <c r="AW5304" s="92"/>
      <c r="AX5304" s="92"/>
      <c r="AY5304" s="92"/>
      <c r="AZ5304" s="93"/>
      <c r="BA5304" s="93"/>
      <c r="BB5304" s="93"/>
      <c r="BC5304" s="93"/>
      <c r="BD5304" s="93"/>
      <c r="BE5304" s="93"/>
      <c r="BF5304" s="93"/>
      <c r="BG5304" s="93"/>
      <c r="BH5304" s="93"/>
      <c r="BI5304" s="93"/>
      <c r="BJ5304" s="93"/>
      <c r="BK5304" s="93"/>
      <c r="BL5304" s="93"/>
    </row>
    <row r="5305" spans="2:64" x14ac:dyDescent="0.2">
      <c r="B5305" s="43"/>
      <c r="C5305" s="73"/>
      <c r="D5305" s="64"/>
      <c r="E5305" s="55"/>
      <c r="F5305" s="74"/>
      <c r="G5305" s="74"/>
      <c r="H5305" s="74"/>
      <c r="I5305" s="75"/>
      <c r="J5305" s="74"/>
      <c r="L5305" s="55"/>
      <c r="M5305" s="234"/>
      <c r="N5305" s="65"/>
      <c r="O5305" s="76"/>
      <c r="P5305" s="76"/>
      <c r="Q5305" s="65"/>
      <c r="R5305" s="76"/>
      <c r="S5305" s="76"/>
      <c r="T5305" s="76"/>
      <c r="U5305" s="76"/>
      <c r="V5305" s="76"/>
      <c r="W5305" s="76"/>
      <c r="X5305" s="76"/>
      <c r="Y5305" s="76"/>
      <c r="Z5305" s="76"/>
      <c r="AA5305" s="85"/>
      <c r="AB5305" s="85"/>
      <c r="AC5305" s="85"/>
      <c r="AD5305" s="85"/>
      <c r="AE5305" s="85"/>
      <c r="AF5305" s="85"/>
      <c r="AG5305" s="86"/>
      <c r="AH5305" s="85"/>
      <c r="AI5305" s="85"/>
      <c r="AJ5305" s="85"/>
      <c r="AK5305" s="85"/>
      <c r="AL5305" s="85"/>
      <c r="AM5305" s="92"/>
      <c r="AN5305" s="92"/>
      <c r="AO5305" s="92"/>
      <c r="AP5305" s="92"/>
      <c r="AQ5305" s="92"/>
      <c r="AR5305" s="92"/>
      <c r="AS5305" s="92"/>
      <c r="AT5305" s="92"/>
      <c r="AU5305" s="92"/>
      <c r="AV5305" s="92"/>
      <c r="AW5305" s="92"/>
      <c r="AX5305" s="92"/>
      <c r="AY5305" s="92"/>
      <c r="AZ5305" s="93"/>
      <c r="BA5305" s="93"/>
      <c r="BB5305" s="93"/>
      <c r="BC5305" s="93"/>
      <c r="BD5305" s="93"/>
      <c r="BE5305" s="93"/>
      <c r="BF5305" s="93"/>
      <c r="BG5305" s="93"/>
      <c r="BH5305" s="93"/>
      <c r="BI5305" s="93"/>
      <c r="BJ5305" s="93"/>
      <c r="BK5305" s="93"/>
      <c r="BL5305" s="93"/>
    </row>
    <row r="5306" spans="2:64" x14ac:dyDescent="0.2">
      <c r="B5306" s="43"/>
      <c r="C5306" s="73"/>
      <c r="D5306" s="64"/>
      <c r="E5306" s="55"/>
      <c r="F5306" s="74"/>
      <c r="G5306" s="74"/>
      <c r="H5306" s="74"/>
      <c r="I5306" s="75"/>
      <c r="J5306" s="74"/>
      <c r="L5306" s="55"/>
      <c r="M5306" s="234"/>
      <c r="N5306" s="65"/>
      <c r="O5306" s="76"/>
      <c r="P5306" s="76"/>
      <c r="Q5306" s="65"/>
      <c r="R5306" s="76"/>
      <c r="S5306" s="76"/>
      <c r="T5306" s="76"/>
      <c r="U5306" s="76"/>
      <c r="V5306" s="76"/>
      <c r="W5306" s="76"/>
      <c r="X5306" s="76"/>
      <c r="Y5306" s="76"/>
      <c r="Z5306" s="76"/>
      <c r="AA5306" s="85"/>
      <c r="AB5306" s="85"/>
      <c r="AC5306" s="85"/>
      <c r="AD5306" s="85"/>
      <c r="AE5306" s="85"/>
      <c r="AF5306" s="85"/>
      <c r="AG5306" s="86"/>
      <c r="AH5306" s="85"/>
      <c r="AI5306" s="85"/>
      <c r="AJ5306" s="85"/>
      <c r="AK5306" s="85"/>
      <c r="AL5306" s="85"/>
      <c r="AM5306" s="92"/>
      <c r="AN5306" s="92"/>
      <c r="AO5306" s="92"/>
      <c r="AP5306" s="92"/>
      <c r="AQ5306" s="92"/>
      <c r="AR5306" s="92"/>
      <c r="AS5306" s="92"/>
      <c r="AT5306" s="92"/>
      <c r="AU5306" s="92"/>
      <c r="AV5306" s="92"/>
      <c r="AW5306" s="92"/>
      <c r="AX5306" s="92"/>
      <c r="AY5306" s="92"/>
      <c r="AZ5306" s="93"/>
      <c r="BA5306" s="93"/>
      <c r="BB5306" s="93"/>
      <c r="BC5306" s="93"/>
      <c r="BD5306" s="93"/>
      <c r="BE5306" s="93"/>
      <c r="BF5306" s="93"/>
      <c r="BG5306" s="93"/>
      <c r="BH5306" s="93"/>
      <c r="BI5306" s="93"/>
      <c r="BJ5306" s="93"/>
      <c r="BK5306" s="93"/>
      <c r="BL5306" s="93"/>
    </row>
    <row r="5307" spans="2:64" x14ac:dyDescent="0.2">
      <c r="B5307" s="43"/>
      <c r="C5307" s="73"/>
      <c r="D5307" s="64"/>
      <c r="E5307" s="55"/>
      <c r="F5307" s="74"/>
      <c r="G5307" s="74"/>
      <c r="H5307" s="74"/>
      <c r="I5307" s="75"/>
      <c r="J5307" s="74"/>
      <c r="L5307" s="55"/>
      <c r="M5307" s="234"/>
      <c r="N5307" s="65"/>
      <c r="O5307" s="76"/>
      <c r="P5307" s="76"/>
      <c r="Q5307" s="65"/>
      <c r="R5307" s="76"/>
      <c r="S5307" s="76"/>
      <c r="T5307" s="76"/>
      <c r="U5307" s="76"/>
      <c r="V5307" s="76"/>
      <c r="W5307" s="76"/>
      <c r="X5307" s="76"/>
      <c r="Y5307" s="76"/>
      <c r="Z5307" s="76"/>
      <c r="AA5307" s="85"/>
      <c r="AB5307" s="85"/>
      <c r="AC5307" s="85"/>
      <c r="AD5307" s="85"/>
      <c r="AE5307" s="85"/>
      <c r="AF5307" s="85"/>
      <c r="AG5307" s="86"/>
      <c r="AH5307" s="85"/>
      <c r="AI5307" s="85"/>
      <c r="AJ5307" s="85"/>
      <c r="AK5307" s="85"/>
      <c r="AL5307" s="85"/>
      <c r="AM5307" s="92"/>
      <c r="AN5307" s="92"/>
      <c r="AO5307" s="92"/>
      <c r="AP5307" s="92"/>
      <c r="AQ5307" s="92"/>
      <c r="AR5307" s="92"/>
      <c r="AS5307" s="92"/>
      <c r="AT5307" s="92"/>
      <c r="AU5307" s="92"/>
      <c r="AV5307" s="92"/>
      <c r="AW5307" s="92"/>
      <c r="AX5307" s="92"/>
      <c r="AY5307" s="92"/>
      <c r="AZ5307" s="93"/>
      <c r="BA5307" s="93"/>
      <c r="BB5307" s="93"/>
      <c r="BC5307" s="93"/>
      <c r="BD5307" s="93"/>
      <c r="BE5307" s="93"/>
      <c r="BF5307" s="93"/>
      <c r="BG5307" s="93"/>
      <c r="BH5307" s="93"/>
      <c r="BI5307" s="93"/>
      <c r="BJ5307" s="93"/>
      <c r="BK5307" s="93"/>
      <c r="BL5307" s="93"/>
    </row>
    <row r="5308" spans="2:64" x14ac:dyDescent="0.2">
      <c r="B5308" s="43"/>
      <c r="C5308" s="73"/>
      <c r="D5308" s="64"/>
      <c r="E5308" s="55"/>
      <c r="F5308" s="74"/>
      <c r="G5308" s="74"/>
      <c r="H5308" s="74"/>
      <c r="I5308" s="75"/>
      <c r="J5308" s="74"/>
      <c r="L5308" s="55"/>
      <c r="M5308" s="234"/>
      <c r="N5308" s="65"/>
      <c r="O5308" s="76"/>
      <c r="P5308" s="76"/>
      <c r="Q5308" s="65"/>
      <c r="R5308" s="76"/>
      <c r="S5308" s="76"/>
      <c r="T5308" s="76"/>
      <c r="U5308" s="76"/>
      <c r="V5308" s="76"/>
      <c r="W5308" s="76"/>
      <c r="X5308" s="76"/>
      <c r="Y5308" s="76"/>
      <c r="Z5308" s="76"/>
      <c r="AA5308" s="85"/>
      <c r="AB5308" s="85"/>
      <c r="AC5308" s="85"/>
      <c r="AD5308" s="85"/>
      <c r="AE5308" s="85"/>
      <c r="AF5308" s="85"/>
      <c r="AG5308" s="86"/>
      <c r="AH5308" s="85"/>
      <c r="AI5308" s="85"/>
      <c r="AJ5308" s="85"/>
      <c r="AK5308" s="85"/>
      <c r="AL5308" s="85"/>
      <c r="AM5308" s="92"/>
      <c r="AN5308" s="92"/>
      <c r="AO5308" s="92"/>
      <c r="AP5308" s="92"/>
      <c r="AQ5308" s="92"/>
      <c r="AR5308" s="92"/>
      <c r="AS5308" s="92"/>
      <c r="AT5308" s="92"/>
      <c r="AU5308" s="92"/>
      <c r="AV5308" s="92"/>
      <c r="AW5308" s="92"/>
      <c r="AX5308" s="92"/>
      <c r="AY5308" s="92"/>
      <c r="AZ5308" s="93"/>
      <c r="BA5308" s="93"/>
      <c r="BB5308" s="93"/>
      <c r="BC5308" s="93"/>
      <c r="BD5308" s="93"/>
      <c r="BE5308" s="93"/>
      <c r="BF5308" s="93"/>
      <c r="BG5308" s="93"/>
      <c r="BH5308" s="93"/>
      <c r="BI5308" s="93"/>
      <c r="BJ5308" s="93"/>
      <c r="BK5308" s="93"/>
      <c r="BL5308" s="93"/>
    </row>
    <row r="5309" spans="2:64" x14ac:dyDescent="0.2">
      <c r="B5309" s="43"/>
      <c r="C5309" s="73"/>
      <c r="D5309" s="64"/>
      <c r="E5309" s="55"/>
      <c r="F5309" s="74"/>
      <c r="G5309" s="74"/>
      <c r="H5309" s="74"/>
      <c r="I5309" s="75"/>
      <c r="J5309" s="74"/>
      <c r="L5309" s="55"/>
      <c r="M5309" s="234"/>
      <c r="N5309" s="65"/>
      <c r="O5309" s="76"/>
      <c r="P5309" s="76"/>
      <c r="Q5309" s="65"/>
      <c r="R5309" s="76"/>
      <c r="S5309" s="76"/>
      <c r="T5309" s="76"/>
      <c r="U5309" s="76"/>
      <c r="V5309" s="76"/>
      <c r="W5309" s="76"/>
      <c r="X5309" s="76"/>
      <c r="Y5309" s="76"/>
      <c r="Z5309" s="76"/>
      <c r="AA5309" s="85"/>
      <c r="AB5309" s="85"/>
      <c r="AC5309" s="85"/>
      <c r="AD5309" s="85"/>
      <c r="AE5309" s="85"/>
      <c r="AF5309" s="85"/>
      <c r="AG5309" s="86"/>
      <c r="AH5309" s="85"/>
      <c r="AI5309" s="85"/>
      <c r="AJ5309" s="85"/>
      <c r="AK5309" s="85"/>
      <c r="AL5309" s="85"/>
      <c r="AM5309" s="92"/>
      <c r="AN5309" s="92"/>
      <c r="AO5309" s="92"/>
      <c r="AP5309" s="92"/>
      <c r="AQ5309" s="92"/>
      <c r="AR5309" s="92"/>
      <c r="AS5309" s="92"/>
      <c r="AT5309" s="92"/>
      <c r="AU5309" s="92"/>
      <c r="AV5309" s="92"/>
      <c r="AW5309" s="92"/>
      <c r="AX5309" s="92"/>
      <c r="AY5309" s="92"/>
      <c r="AZ5309" s="93"/>
      <c r="BA5309" s="93"/>
      <c r="BB5309" s="93"/>
      <c r="BC5309" s="93"/>
      <c r="BD5309" s="93"/>
      <c r="BE5309" s="93"/>
      <c r="BF5309" s="93"/>
      <c r="BG5309" s="93"/>
      <c r="BH5309" s="93"/>
      <c r="BI5309" s="93"/>
      <c r="BJ5309" s="93"/>
      <c r="BK5309" s="93"/>
      <c r="BL5309" s="93"/>
    </row>
    <row r="5310" spans="2:64" x14ac:dyDescent="0.2">
      <c r="B5310" s="43"/>
      <c r="C5310" s="73"/>
      <c r="D5310" s="64"/>
      <c r="E5310" s="55"/>
      <c r="F5310" s="74"/>
      <c r="G5310" s="74"/>
      <c r="H5310" s="74"/>
      <c r="I5310" s="75"/>
      <c r="J5310" s="74"/>
      <c r="L5310" s="55"/>
      <c r="M5310" s="234"/>
      <c r="N5310" s="65"/>
      <c r="O5310" s="76"/>
      <c r="P5310" s="76"/>
      <c r="Q5310" s="65"/>
      <c r="R5310" s="76"/>
      <c r="S5310" s="76"/>
      <c r="T5310" s="76"/>
      <c r="U5310" s="76"/>
      <c r="V5310" s="76"/>
      <c r="W5310" s="76"/>
      <c r="X5310" s="76"/>
      <c r="Y5310" s="76"/>
      <c r="Z5310" s="76"/>
      <c r="AA5310" s="85"/>
      <c r="AB5310" s="85"/>
      <c r="AC5310" s="85"/>
      <c r="AD5310" s="85"/>
      <c r="AE5310" s="85"/>
      <c r="AF5310" s="85"/>
      <c r="AG5310" s="86"/>
      <c r="AH5310" s="85"/>
      <c r="AI5310" s="85"/>
      <c r="AJ5310" s="85"/>
      <c r="AK5310" s="85"/>
      <c r="AL5310" s="85"/>
      <c r="AM5310" s="92"/>
      <c r="AN5310" s="92"/>
      <c r="AO5310" s="92"/>
      <c r="AP5310" s="92"/>
      <c r="AQ5310" s="92"/>
      <c r="AR5310" s="92"/>
      <c r="AS5310" s="92"/>
      <c r="AT5310" s="92"/>
      <c r="AU5310" s="92"/>
      <c r="AV5310" s="92"/>
      <c r="AW5310" s="92"/>
      <c r="AX5310" s="92"/>
      <c r="AY5310" s="92"/>
      <c r="AZ5310" s="93"/>
      <c r="BA5310" s="93"/>
      <c r="BB5310" s="93"/>
      <c r="BC5310" s="93"/>
      <c r="BD5310" s="93"/>
      <c r="BE5310" s="93"/>
      <c r="BF5310" s="93"/>
      <c r="BG5310" s="93"/>
      <c r="BH5310" s="93"/>
      <c r="BI5310" s="93"/>
      <c r="BJ5310" s="93"/>
      <c r="BK5310" s="93"/>
      <c r="BL5310" s="93"/>
    </row>
    <row r="5311" spans="2:64" x14ac:dyDescent="0.2">
      <c r="B5311" s="43"/>
      <c r="C5311" s="73"/>
      <c r="D5311" s="64"/>
      <c r="E5311" s="55"/>
      <c r="F5311" s="74"/>
      <c r="G5311" s="74"/>
      <c r="H5311" s="74"/>
      <c r="I5311" s="75"/>
      <c r="J5311" s="74"/>
      <c r="L5311" s="55"/>
      <c r="M5311" s="234"/>
      <c r="N5311" s="65"/>
      <c r="O5311" s="76"/>
      <c r="P5311" s="76"/>
      <c r="Q5311" s="65"/>
      <c r="R5311" s="76"/>
      <c r="S5311" s="76"/>
      <c r="T5311" s="76"/>
      <c r="U5311" s="76"/>
      <c r="V5311" s="76"/>
      <c r="W5311" s="76"/>
      <c r="X5311" s="76"/>
      <c r="Y5311" s="76"/>
      <c r="Z5311" s="76"/>
      <c r="AA5311" s="85"/>
      <c r="AB5311" s="85"/>
      <c r="AC5311" s="85"/>
      <c r="AD5311" s="85"/>
      <c r="AE5311" s="85"/>
      <c r="AF5311" s="85"/>
      <c r="AG5311" s="86"/>
      <c r="AH5311" s="85"/>
      <c r="AI5311" s="85"/>
      <c r="AJ5311" s="85"/>
      <c r="AK5311" s="85"/>
      <c r="AL5311" s="85"/>
      <c r="AM5311" s="92"/>
      <c r="AN5311" s="92"/>
      <c r="AO5311" s="92"/>
      <c r="AP5311" s="92"/>
      <c r="AQ5311" s="92"/>
      <c r="AR5311" s="92"/>
      <c r="AS5311" s="92"/>
      <c r="AT5311" s="92"/>
      <c r="AU5311" s="92"/>
      <c r="AV5311" s="92"/>
      <c r="AW5311" s="92"/>
      <c r="AX5311" s="92"/>
      <c r="AY5311" s="92"/>
      <c r="AZ5311" s="93"/>
      <c r="BA5311" s="93"/>
      <c r="BB5311" s="93"/>
      <c r="BC5311" s="93"/>
      <c r="BD5311" s="93"/>
      <c r="BE5311" s="93"/>
      <c r="BF5311" s="93"/>
      <c r="BG5311" s="93"/>
      <c r="BH5311" s="93"/>
      <c r="BI5311" s="93"/>
      <c r="BJ5311" s="93"/>
      <c r="BK5311" s="93"/>
      <c r="BL5311" s="93"/>
    </row>
    <row r="5312" spans="2:64" x14ac:dyDescent="0.2">
      <c r="B5312" s="43"/>
      <c r="C5312" s="73"/>
      <c r="D5312" s="64"/>
      <c r="E5312" s="55"/>
      <c r="F5312" s="74"/>
      <c r="G5312" s="74"/>
      <c r="H5312" s="74"/>
      <c r="I5312" s="75"/>
      <c r="J5312" s="74"/>
      <c r="L5312" s="55"/>
      <c r="M5312" s="234"/>
      <c r="N5312" s="65"/>
      <c r="O5312" s="76"/>
      <c r="P5312" s="76"/>
      <c r="Q5312" s="65"/>
      <c r="R5312" s="76"/>
      <c r="S5312" s="76"/>
      <c r="T5312" s="76"/>
      <c r="U5312" s="76"/>
      <c r="V5312" s="76"/>
      <c r="W5312" s="76"/>
      <c r="X5312" s="76"/>
      <c r="Y5312" s="76"/>
      <c r="Z5312" s="76"/>
      <c r="AA5312" s="85"/>
      <c r="AB5312" s="85"/>
      <c r="AC5312" s="85"/>
      <c r="AD5312" s="85"/>
      <c r="AE5312" s="85"/>
      <c r="AF5312" s="85"/>
      <c r="AG5312" s="86"/>
      <c r="AH5312" s="85"/>
      <c r="AI5312" s="85"/>
      <c r="AJ5312" s="85"/>
      <c r="AK5312" s="85"/>
      <c r="AL5312" s="85"/>
      <c r="AM5312" s="92"/>
      <c r="AN5312" s="92"/>
      <c r="AO5312" s="92"/>
      <c r="AP5312" s="92"/>
      <c r="AQ5312" s="92"/>
      <c r="AR5312" s="92"/>
      <c r="AS5312" s="92"/>
      <c r="AT5312" s="92"/>
      <c r="AU5312" s="92"/>
      <c r="AV5312" s="92"/>
      <c r="AW5312" s="92"/>
      <c r="AX5312" s="92"/>
      <c r="AY5312" s="92"/>
      <c r="AZ5312" s="93"/>
      <c r="BA5312" s="93"/>
      <c r="BB5312" s="93"/>
      <c r="BC5312" s="93"/>
      <c r="BD5312" s="93"/>
      <c r="BE5312" s="93"/>
      <c r="BF5312" s="93"/>
      <c r="BG5312" s="93"/>
      <c r="BH5312" s="93"/>
      <c r="BI5312" s="93"/>
      <c r="BJ5312" s="93"/>
      <c r="BK5312" s="93"/>
      <c r="BL5312" s="93"/>
    </row>
    <row r="5313" spans="2:64" x14ac:dyDescent="0.2">
      <c r="B5313" s="43"/>
      <c r="C5313" s="73"/>
      <c r="D5313" s="64"/>
      <c r="E5313" s="55"/>
      <c r="F5313" s="74"/>
      <c r="G5313" s="74"/>
      <c r="H5313" s="74"/>
      <c r="I5313" s="75"/>
      <c r="J5313" s="74"/>
      <c r="L5313" s="55"/>
      <c r="M5313" s="234"/>
      <c r="N5313" s="65"/>
      <c r="O5313" s="76"/>
      <c r="P5313" s="76"/>
      <c r="Q5313" s="65"/>
      <c r="R5313" s="76"/>
      <c r="S5313" s="76"/>
      <c r="T5313" s="76"/>
      <c r="U5313" s="76"/>
      <c r="V5313" s="76"/>
      <c r="W5313" s="76"/>
      <c r="X5313" s="76"/>
      <c r="Y5313" s="76"/>
      <c r="Z5313" s="76"/>
      <c r="AA5313" s="85"/>
      <c r="AB5313" s="85"/>
      <c r="AC5313" s="85"/>
      <c r="AD5313" s="85"/>
      <c r="AE5313" s="85"/>
      <c r="AF5313" s="85"/>
      <c r="AG5313" s="86"/>
      <c r="AH5313" s="85"/>
      <c r="AI5313" s="85"/>
      <c r="AJ5313" s="85"/>
      <c r="AK5313" s="85"/>
      <c r="AL5313" s="85"/>
      <c r="AM5313" s="92"/>
      <c r="AN5313" s="92"/>
      <c r="AO5313" s="92"/>
      <c r="AP5313" s="92"/>
      <c r="AQ5313" s="92"/>
      <c r="AR5313" s="92"/>
      <c r="AS5313" s="92"/>
      <c r="AT5313" s="92"/>
      <c r="AU5313" s="92"/>
      <c r="AV5313" s="92"/>
      <c r="AW5313" s="92"/>
      <c r="AX5313" s="92"/>
      <c r="AY5313" s="92"/>
      <c r="AZ5313" s="93"/>
      <c r="BA5313" s="93"/>
      <c r="BB5313" s="93"/>
      <c r="BC5313" s="93"/>
      <c r="BD5313" s="93"/>
      <c r="BE5313" s="93"/>
      <c r="BF5313" s="93"/>
      <c r="BG5313" s="93"/>
      <c r="BH5313" s="93"/>
      <c r="BI5313" s="93"/>
      <c r="BJ5313" s="93"/>
      <c r="BK5313" s="93"/>
      <c r="BL5313" s="93"/>
    </row>
    <row r="5314" spans="2:64" x14ac:dyDescent="0.2">
      <c r="B5314" s="43"/>
      <c r="C5314" s="73"/>
      <c r="D5314" s="64"/>
      <c r="E5314" s="55"/>
      <c r="F5314" s="74"/>
      <c r="G5314" s="74"/>
      <c r="H5314" s="74"/>
      <c r="I5314" s="75"/>
      <c r="J5314" s="74"/>
      <c r="L5314" s="55"/>
      <c r="M5314" s="234"/>
      <c r="N5314" s="65"/>
      <c r="O5314" s="76"/>
      <c r="P5314" s="76"/>
      <c r="Q5314" s="65"/>
      <c r="R5314" s="76"/>
      <c r="S5314" s="76"/>
      <c r="T5314" s="76"/>
      <c r="U5314" s="76"/>
      <c r="V5314" s="76"/>
      <c r="W5314" s="76"/>
      <c r="X5314" s="76"/>
      <c r="Y5314" s="76"/>
      <c r="Z5314" s="76"/>
      <c r="AA5314" s="85"/>
      <c r="AB5314" s="85"/>
      <c r="AC5314" s="85"/>
      <c r="AD5314" s="85"/>
      <c r="AE5314" s="85"/>
      <c r="AF5314" s="85"/>
      <c r="AG5314" s="86"/>
      <c r="AH5314" s="85"/>
      <c r="AI5314" s="85"/>
      <c r="AJ5314" s="85"/>
      <c r="AK5314" s="85"/>
      <c r="AL5314" s="85"/>
      <c r="AM5314" s="92"/>
      <c r="AN5314" s="92"/>
      <c r="AO5314" s="92"/>
      <c r="AP5314" s="92"/>
      <c r="AQ5314" s="92"/>
      <c r="AR5314" s="92"/>
      <c r="AS5314" s="92"/>
      <c r="AT5314" s="92"/>
      <c r="AU5314" s="92"/>
      <c r="AV5314" s="92"/>
      <c r="AW5314" s="92"/>
      <c r="AX5314" s="92"/>
      <c r="AY5314" s="92"/>
      <c r="AZ5314" s="93"/>
      <c r="BA5314" s="93"/>
      <c r="BB5314" s="93"/>
      <c r="BC5314" s="93"/>
      <c r="BD5314" s="93"/>
      <c r="BE5314" s="93"/>
      <c r="BF5314" s="93"/>
      <c r="BG5314" s="93"/>
      <c r="BH5314" s="93"/>
      <c r="BI5314" s="93"/>
      <c r="BJ5314" s="93"/>
      <c r="BK5314" s="93"/>
      <c r="BL5314" s="93"/>
    </row>
    <row r="5315" spans="2:64" x14ac:dyDescent="0.2">
      <c r="B5315" s="43"/>
      <c r="C5315" s="73"/>
      <c r="D5315" s="64"/>
      <c r="E5315" s="55"/>
      <c r="F5315" s="74"/>
      <c r="G5315" s="74"/>
      <c r="H5315" s="74"/>
      <c r="I5315" s="75"/>
      <c r="J5315" s="74"/>
      <c r="L5315" s="55"/>
      <c r="M5315" s="234"/>
      <c r="N5315" s="65"/>
      <c r="O5315" s="76"/>
      <c r="P5315" s="76"/>
      <c r="Q5315" s="65"/>
      <c r="R5315" s="76"/>
      <c r="S5315" s="76"/>
      <c r="T5315" s="76"/>
      <c r="U5315" s="76"/>
      <c r="V5315" s="76"/>
      <c r="W5315" s="76"/>
      <c r="X5315" s="76"/>
      <c r="Y5315" s="76"/>
      <c r="Z5315" s="76"/>
      <c r="AA5315" s="85"/>
      <c r="AB5315" s="85"/>
      <c r="AC5315" s="85"/>
      <c r="AD5315" s="85"/>
      <c r="AE5315" s="85"/>
      <c r="AF5315" s="85"/>
      <c r="AG5315" s="86"/>
      <c r="AH5315" s="85"/>
      <c r="AI5315" s="85"/>
      <c r="AJ5315" s="85"/>
      <c r="AK5315" s="85"/>
      <c r="AL5315" s="85"/>
      <c r="AM5315" s="92"/>
      <c r="AN5315" s="92"/>
      <c r="AO5315" s="92"/>
      <c r="AP5315" s="92"/>
      <c r="AQ5315" s="92"/>
      <c r="AR5315" s="92"/>
      <c r="AS5315" s="92"/>
      <c r="AT5315" s="92"/>
      <c r="AU5315" s="92"/>
      <c r="AV5315" s="92"/>
      <c r="AW5315" s="92"/>
      <c r="AX5315" s="92"/>
      <c r="AY5315" s="92"/>
      <c r="AZ5315" s="93"/>
      <c r="BA5315" s="93"/>
      <c r="BB5315" s="93"/>
      <c r="BC5315" s="93"/>
      <c r="BD5315" s="93"/>
      <c r="BE5315" s="93"/>
      <c r="BF5315" s="93"/>
      <c r="BG5315" s="93"/>
      <c r="BH5315" s="93"/>
      <c r="BI5315" s="93"/>
      <c r="BJ5315" s="93"/>
      <c r="BK5315" s="93"/>
      <c r="BL5315" s="93"/>
    </row>
    <row r="5316" spans="2:64" x14ac:dyDescent="0.2">
      <c r="B5316" s="43"/>
      <c r="C5316" s="73"/>
      <c r="D5316" s="64"/>
      <c r="E5316" s="55"/>
      <c r="F5316" s="74"/>
      <c r="G5316" s="74"/>
      <c r="H5316" s="74"/>
      <c r="I5316" s="75"/>
      <c r="J5316" s="74"/>
      <c r="L5316" s="55"/>
      <c r="M5316" s="234"/>
      <c r="N5316" s="65"/>
      <c r="O5316" s="76"/>
      <c r="P5316" s="76"/>
      <c r="Q5316" s="65"/>
      <c r="R5316" s="76"/>
      <c r="S5316" s="76"/>
      <c r="T5316" s="76"/>
      <c r="U5316" s="76"/>
      <c r="V5316" s="76"/>
      <c r="W5316" s="76"/>
      <c r="X5316" s="76"/>
      <c r="Y5316" s="76"/>
      <c r="Z5316" s="76"/>
      <c r="AA5316" s="85"/>
      <c r="AB5316" s="85"/>
      <c r="AC5316" s="85"/>
      <c r="AD5316" s="85"/>
      <c r="AE5316" s="85"/>
      <c r="AF5316" s="85"/>
      <c r="AG5316" s="86"/>
      <c r="AH5316" s="85"/>
      <c r="AI5316" s="85"/>
      <c r="AJ5316" s="85"/>
      <c r="AK5316" s="85"/>
      <c r="AL5316" s="85"/>
      <c r="AM5316" s="92"/>
      <c r="AN5316" s="92"/>
      <c r="AO5316" s="92"/>
      <c r="AP5316" s="92"/>
      <c r="AQ5316" s="92"/>
      <c r="AR5316" s="92"/>
      <c r="AS5316" s="92"/>
      <c r="AT5316" s="92"/>
      <c r="AU5316" s="92"/>
      <c r="AV5316" s="92"/>
      <c r="AW5316" s="92"/>
      <c r="AX5316" s="92"/>
      <c r="AY5316" s="92"/>
      <c r="AZ5316" s="93"/>
      <c r="BA5316" s="93"/>
      <c r="BB5316" s="93"/>
      <c r="BC5316" s="93"/>
      <c r="BD5316" s="93"/>
      <c r="BE5316" s="93"/>
      <c r="BF5316" s="93"/>
      <c r="BG5316" s="93"/>
      <c r="BH5316" s="93"/>
      <c r="BI5316" s="93"/>
      <c r="BJ5316" s="93"/>
      <c r="BK5316" s="93"/>
      <c r="BL5316" s="93"/>
    </row>
    <row r="5317" spans="2:64" x14ac:dyDescent="0.2">
      <c r="B5317" s="43"/>
      <c r="C5317" s="73"/>
      <c r="D5317" s="64"/>
      <c r="E5317" s="55"/>
      <c r="F5317" s="74"/>
      <c r="G5317" s="74"/>
      <c r="H5317" s="74"/>
      <c r="I5317" s="75"/>
      <c r="J5317" s="74"/>
      <c r="L5317" s="55"/>
      <c r="M5317" s="234"/>
      <c r="N5317" s="65"/>
      <c r="O5317" s="76"/>
      <c r="P5317" s="76"/>
      <c r="Q5317" s="65"/>
      <c r="R5317" s="76"/>
      <c r="S5317" s="76"/>
      <c r="T5317" s="76"/>
      <c r="U5317" s="76"/>
      <c r="V5317" s="76"/>
      <c r="W5317" s="76"/>
      <c r="X5317" s="76"/>
      <c r="Y5317" s="76"/>
      <c r="Z5317" s="76"/>
      <c r="AA5317" s="85"/>
      <c r="AB5317" s="85"/>
      <c r="AC5317" s="85"/>
      <c r="AD5317" s="85"/>
      <c r="AE5317" s="85"/>
      <c r="AF5317" s="85"/>
      <c r="AG5317" s="86"/>
      <c r="AH5317" s="85"/>
      <c r="AI5317" s="85"/>
      <c r="AJ5317" s="85"/>
      <c r="AK5317" s="85"/>
      <c r="AL5317" s="85"/>
      <c r="AM5317" s="92"/>
      <c r="AN5317" s="92"/>
      <c r="AO5317" s="92"/>
      <c r="AP5317" s="92"/>
      <c r="AQ5317" s="92"/>
      <c r="AR5317" s="92"/>
      <c r="AS5317" s="92"/>
      <c r="AT5317" s="92"/>
      <c r="AU5317" s="92"/>
      <c r="AV5317" s="92"/>
      <c r="AW5317" s="92"/>
      <c r="AX5317" s="92"/>
      <c r="AY5317" s="92"/>
      <c r="AZ5317" s="93"/>
      <c r="BA5317" s="93"/>
      <c r="BB5317" s="93"/>
      <c r="BC5317" s="93"/>
      <c r="BD5317" s="93"/>
      <c r="BE5317" s="93"/>
      <c r="BF5317" s="93"/>
      <c r="BG5317" s="93"/>
      <c r="BH5317" s="93"/>
      <c r="BI5317" s="93"/>
      <c r="BJ5317" s="93"/>
      <c r="BK5317" s="93"/>
      <c r="BL5317" s="93"/>
    </row>
    <row r="5318" spans="2:64" x14ac:dyDescent="0.2">
      <c r="B5318" s="43"/>
      <c r="C5318" s="73"/>
      <c r="D5318" s="64"/>
      <c r="E5318" s="55"/>
      <c r="F5318" s="74"/>
      <c r="G5318" s="74"/>
      <c r="H5318" s="74"/>
      <c r="I5318" s="75"/>
      <c r="J5318" s="74"/>
      <c r="L5318" s="55"/>
      <c r="M5318" s="234"/>
      <c r="N5318" s="65"/>
      <c r="O5318" s="76"/>
      <c r="P5318" s="76"/>
      <c r="Q5318" s="65"/>
      <c r="R5318" s="76"/>
      <c r="S5318" s="76"/>
      <c r="T5318" s="76"/>
      <c r="U5318" s="76"/>
      <c r="V5318" s="76"/>
      <c r="W5318" s="76"/>
      <c r="X5318" s="76"/>
      <c r="Y5318" s="76"/>
      <c r="Z5318" s="76"/>
      <c r="AA5318" s="85"/>
      <c r="AB5318" s="85"/>
      <c r="AC5318" s="85"/>
      <c r="AD5318" s="85"/>
      <c r="AE5318" s="85"/>
      <c r="AF5318" s="85"/>
      <c r="AG5318" s="86"/>
      <c r="AH5318" s="85"/>
      <c r="AI5318" s="85"/>
      <c r="AJ5318" s="85"/>
      <c r="AK5318" s="85"/>
      <c r="AL5318" s="85"/>
      <c r="AM5318" s="92"/>
      <c r="AN5318" s="92"/>
      <c r="AO5318" s="92"/>
      <c r="AP5318" s="92"/>
      <c r="AQ5318" s="92"/>
      <c r="AR5318" s="92"/>
      <c r="AS5318" s="92"/>
      <c r="AT5318" s="92"/>
      <c r="AU5318" s="92"/>
      <c r="AV5318" s="92"/>
      <c r="AW5318" s="92"/>
      <c r="AX5318" s="92"/>
      <c r="AY5318" s="92"/>
      <c r="AZ5318" s="93"/>
      <c r="BA5318" s="93"/>
      <c r="BB5318" s="93"/>
      <c r="BC5318" s="93"/>
      <c r="BD5318" s="93"/>
      <c r="BE5318" s="93"/>
      <c r="BF5318" s="93"/>
      <c r="BG5318" s="93"/>
      <c r="BH5318" s="93"/>
      <c r="BI5318" s="93"/>
      <c r="BJ5318" s="93"/>
      <c r="BK5318" s="93"/>
      <c r="BL5318" s="93"/>
    </row>
    <row r="5319" spans="2:64" x14ac:dyDescent="0.2">
      <c r="B5319" s="43"/>
      <c r="C5319" s="73"/>
      <c r="D5319" s="64"/>
      <c r="E5319" s="55"/>
      <c r="F5319" s="74"/>
      <c r="G5319" s="74"/>
      <c r="H5319" s="74"/>
      <c r="I5319" s="75"/>
      <c r="J5319" s="74"/>
      <c r="L5319" s="55"/>
      <c r="M5319" s="234"/>
      <c r="N5319" s="65"/>
      <c r="O5319" s="76"/>
      <c r="P5319" s="76"/>
      <c r="Q5319" s="65"/>
      <c r="R5319" s="76"/>
      <c r="S5319" s="76"/>
      <c r="T5319" s="76"/>
      <c r="U5319" s="76"/>
      <c r="V5319" s="76"/>
      <c r="W5319" s="76"/>
      <c r="X5319" s="76"/>
      <c r="Y5319" s="76"/>
      <c r="Z5319" s="76"/>
      <c r="AA5319" s="85"/>
      <c r="AB5319" s="85"/>
      <c r="AC5319" s="85"/>
      <c r="AD5319" s="85"/>
      <c r="AE5319" s="85"/>
      <c r="AF5319" s="85"/>
      <c r="AG5319" s="86"/>
      <c r="AH5319" s="85"/>
      <c r="AI5319" s="85"/>
      <c r="AJ5319" s="85"/>
      <c r="AK5319" s="85"/>
      <c r="AL5319" s="85"/>
      <c r="AM5319" s="92"/>
      <c r="AN5319" s="92"/>
      <c r="AO5319" s="92"/>
      <c r="AP5319" s="92"/>
      <c r="AQ5319" s="92"/>
      <c r="AR5319" s="92"/>
      <c r="AS5319" s="92"/>
      <c r="AT5319" s="92"/>
      <c r="AU5319" s="92"/>
      <c r="AV5319" s="92"/>
      <c r="AW5319" s="92"/>
      <c r="AX5319" s="92"/>
      <c r="AY5319" s="92"/>
      <c r="AZ5319" s="93"/>
      <c r="BA5319" s="93"/>
      <c r="BB5319" s="93"/>
      <c r="BC5319" s="93"/>
      <c r="BD5319" s="93"/>
      <c r="BE5319" s="93"/>
      <c r="BF5319" s="93"/>
      <c r="BG5319" s="93"/>
      <c r="BH5319" s="93"/>
      <c r="BI5319" s="93"/>
      <c r="BJ5319" s="93"/>
      <c r="BK5319" s="93"/>
      <c r="BL5319" s="93"/>
    </row>
    <row r="5320" spans="2:64" x14ac:dyDescent="0.2">
      <c r="B5320" s="43"/>
      <c r="C5320" s="73"/>
      <c r="D5320" s="64"/>
      <c r="E5320" s="55"/>
      <c r="F5320" s="74"/>
      <c r="G5320" s="74"/>
      <c r="H5320" s="74"/>
      <c r="I5320" s="75"/>
      <c r="J5320" s="74"/>
      <c r="L5320" s="55"/>
      <c r="M5320" s="234"/>
      <c r="N5320" s="65"/>
      <c r="O5320" s="76"/>
      <c r="P5320" s="76"/>
      <c r="Q5320" s="65"/>
      <c r="R5320" s="76"/>
      <c r="S5320" s="76"/>
      <c r="T5320" s="76"/>
      <c r="U5320" s="76"/>
      <c r="V5320" s="76"/>
      <c r="W5320" s="76"/>
      <c r="X5320" s="76"/>
      <c r="Y5320" s="76"/>
      <c r="Z5320" s="76"/>
      <c r="AA5320" s="85"/>
      <c r="AB5320" s="85"/>
      <c r="AC5320" s="85"/>
      <c r="AD5320" s="85"/>
      <c r="AE5320" s="85"/>
      <c r="AF5320" s="85"/>
      <c r="AG5320" s="86"/>
      <c r="AH5320" s="85"/>
      <c r="AI5320" s="85"/>
      <c r="AJ5320" s="85"/>
      <c r="AK5320" s="85"/>
      <c r="AL5320" s="85"/>
      <c r="AM5320" s="92"/>
      <c r="AN5320" s="92"/>
      <c r="AO5320" s="92"/>
      <c r="AP5320" s="92"/>
      <c r="AQ5320" s="92"/>
      <c r="AR5320" s="92"/>
      <c r="AS5320" s="92"/>
      <c r="AT5320" s="92"/>
      <c r="AU5320" s="92"/>
      <c r="AV5320" s="92"/>
      <c r="AW5320" s="92"/>
      <c r="AX5320" s="92"/>
      <c r="AY5320" s="92"/>
      <c r="AZ5320" s="93"/>
      <c r="BA5320" s="93"/>
      <c r="BB5320" s="93"/>
      <c r="BC5320" s="93"/>
      <c r="BD5320" s="93"/>
      <c r="BE5320" s="93"/>
      <c r="BF5320" s="93"/>
      <c r="BG5320" s="93"/>
      <c r="BH5320" s="93"/>
      <c r="BI5320" s="93"/>
      <c r="BJ5320" s="93"/>
      <c r="BK5320" s="93"/>
      <c r="BL5320" s="93"/>
    </row>
    <row r="5321" spans="2:64" x14ac:dyDescent="0.2">
      <c r="B5321" s="43"/>
      <c r="C5321" s="73"/>
      <c r="D5321" s="64"/>
      <c r="E5321" s="55"/>
      <c r="F5321" s="74"/>
      <c r="G5321" s="74"/>
      <c r="H5321" s="74"/>
      <c r="I5321" s="75"/>
      <c r="J5321" s="74"/>
      <c r="L5321" s="55"/>
      <c r="M5321" s="234"/>
      <c r="N5321" s="65"/>
      <c r="O5321" s="76"/>
      <c r="P5321" s="76"/>
      <c r="Q5321" s="65"/>
      <c r="R5321" s="76"/>
      <c r="S5321" s="76"/>
      <c r="T5321" s="76"/>
      <c r="U5321" s="76"/>
      <c r="V5321" s="76"/>
      <c r="W5321" s="76"/>
      <c r="X5321" s="76"/>
      <c r="Y5321" s="76"/>
      <c r="Z5321" s="76"/>
      <c r="AA5321" s="85"/>
      <c r="AB5321" s="85"/>
      <c r="AC5321" s="85"/>
      <c r="AD5321" s="85"/>
      <c r="AE5321" s="85"/>
      <c r="AF5321" s="85"/>
      <c r="AG5321" s="86"/>
      <c r="AH5321" s="85"/>
      <c r="AI5321" s="85"/>
      <c r="AJ5321" s="85"/>
      <c r="AK5321" s="85"/>
      <c r="AL5321" s="85"/>
      <c r="AM5321" s="92"/>
      <c r="AN5321" s="92"/>
      <c r="AO5321" s="92"/>
      <c r="AP5321" s="92"/>
      <c r="AQ5321" s="92"/>
      <c r="AR5321" s="92"/>
      <c r="AS5321" s="92"/>
      <c r="AT5321" s="92"/>
      <c r="AU5321" s="92"/>
      <c r="AV5321" s="92"/>
      <c r="AW5321" s="92"/>
      <c r="AX5321" s="92"/>
      <c r="AY5321" s="92"/>
      <c r="AZ5321" s="93"/>
      <c r="BA5321" s="93"/>
      <c r="BB5321" s="93"/>
      <c r="BC5321" s="93"/>
      <c r="BD5321" s="93"/>
      <c r="BE5321" s="93"/>
      <c r="BF5321" s="93"/>
      <c r="BG5321" s="93"/>
      <c r="BH5321" s="93"/>
      <c r="BI5321" s="93"/>
      <c r="BJ5321" s="93"/>
      <c r="BK5321" s="93"/>
      <c r="BL5321" s="93"/>
    </row>
    <row r="5322" spans="2:64" x14ac:dyDescent="0.2">
      <c r="B5322" s="43"/>
      <c r="C5322" s="73"/>
      <c r="D5322" s="64"/>
      <c r="E5322" s="55"/>
      <c r="F5322" s="74"/>
      <c r="G5322" s="74"/>
      <c r="H5322" s="74"/>
      <c r="I5322" s="75"/>
      <c r="J5322" s="74"/>
      <c r="L5322" s="55"/>
      <c r="M5322" s="234"/>
      <c r="N5322" s="65"/>
      <c r="O5322" s="76"/>
      <c r="P5322" s="76"/>
      <c r="Q5322" s="65"/>
      <c r="R5322" s="76"/>
      <c r="S5322" s="76"/>
      <c r="T5322" s="76"/>
      <c r="U5322" s="76"/>
      <c r="V5322" s="76"/>
      <c r="W5322" s="76"/>
      <c r="X5322" s="76"/>
      <c r="Y5322" s="76"/>
      <c r="Z5322" s="76"/>
      <c r="AA5322" s="85"/>
      <c r="AB5322" s="85"/>
      <c r="AC5322" s="85"/>
      <c r="AD5322" s="85"/>
      <c r="AE5322" s="85"/>
      <c r="AF5322" s="85"/>
      <c r="AG5322" s="86"/>
      <c r="AH5322" s="85"/>
      <c r="AI5322" s="85"/>
      <c r="AJ5322" s="85"/>
      <c r="AK5322" s="85"/>
      <c r="AL5322" s="85"/>
      <c r="AM5322" s="92"/>
      <c r="AN5322" s="92"/>
      <c r="AO5322" s="92"/>
      <c r="AP5322" s="92"/>
      <c r="AQ5322" s="92"/>
      <c r="AR5322" s="92"/>
      <c r="AS5322" s="92"/>
      <c r="AT5322" s="92"/>
      <c r="AU5322" s="92"/>
      <c r="AV5322" s="92"/>
      <c r="AW5322" s="92"/>
      <c r="AX5322" s="92"/>
      <c r="AY5322" s="92"/>
      <c r="AZ5322" s="93"/>
      <c r="BA5322" s="93"/>
      <c r="BB5322" s="93"/>
      <c r="BC5322" s="93"/>
      <c r="BD5322" s="93"/>
      <c r="BE5322" s="93"/>
      <c r="BF5322" s="93"/>
      <c r="BG5322" s="93"/>
      <c r="BH5322" s="93"/>
      <c r="BI5322" s="93"/>
      <c r="BJ5322" s="93"/>
      <c r="BK5322" s="93"/>
      <c r="BL5322" s="93"/>
    </row>
    <row r="5323" spans="2:64" x14ac:dyDescent="0.2">
      <c r="B5323" s="43"/>
      <c r="C5323" s="73"/>
      <c r="D5323" s="64"/>
      <c r="E5323" s="55"/>
      <c r="F5323" s="74"/>
      <c r="G5323" s="74"/>
      <c r="H5323" s="74"/>
      <c r="I5323" s="75"/>
      <c r="J5323" s="74"/>
      <c r="L5323" s="55"/>
      <c r="M5323" s="234"/>
      <c r="N5323" s="65"/>
      <c r="O5323" s="76"/>
      <c r="P5323" s="76"/>
      <c r="Q5323" s="65"/>
      <c r="R5323" s="76"/>
      <c r="S5323" s="76"/>
      <c r="T5323" s="76"/>
      <c r="U5323" s="76"/>
      <c r="V5323" s="76"/>
      <c r="W5323" s="76"/>
      <c r="X5323" s="76"/>
      <c r="Y5323" s="76"/>
      <c r="Z5323" s="76"/>
      <c r="AA5323" s="85"/>
      <c r="AB5323" s="85"/>
      <c r="AC5323" s="85"/>
      <c r="AD5323" s="85"/>
      <c r="AE5323" s="85"/>
      <c r="AF5323" s="85"/>
      <c r="AG5323" s="86"/>
      <c r="AH5323" s="85"/>
      <c r="AI5323" s="85"/>
      <c r="AJ5323" s="85"/>
      <c r="AK5323" s="85"/>
      <c r="AL5323" s="85"/>
      <c r="AM5323" s="92"/>
      <c r="AN5323" s="92"/>
      <c r="AO5323" s="92"/>
      <c r="AP5323" s="92"/>
      <c r="AQ5323" s="92"/>
      <c r="AR5323" s="92"/>
      <c r="AS5323" s="92"/>
      <c r="AT5323" s="92"/>
      <c r="AU5323" s="92"/>
      <c r="AV5323" s="92"/>
      <c r="AW5323" s="92"/>
      <c r="AX5323" s="92"/>
      <c r="AY5323" s="92"/>
      <c r="AZ5323" s="93"/>
      <c r="BA5323" s="93"/>
      <c r="BB5323" s="93"/>
      <c r="BC5323" s="93"/>
      <c r="BD5323" s="93"/>
      <c r="BE5323" s="93"/>
      <c r="BF5323" s="93"/>
      <c r="BG5323" s="93"/>
      <c r="BH5323" s="93"/>
      <c r="BI5323" s="93"/>
      <c r="BJ5323" s="93"/>
      <c r="BK5323" s="93"/>
      <c r="BL5323" s="93"/>
    </row>
    <row r="5324" spans="2:64" x14ac:dyDescent="0.2">
      <c r="B5324" s="43"/>
      <c r="C5324" s="73"/>
      <c r="D5324" s="64"/>
      <c r="E5324" s="55"/>
      <c r="F5324" s="74"/>
      <c r="G5324" s="74"/>
      <c r="H5324" s="74"/>
      <c r="I5324" s="75"/>
      <c r="J5324" s="74"/>
      <c r="L5324" s="55"/>
      <c r="M5324" s="234"/>
      <c r="N5324" s="65"/>
      <c r="O5324" s="76"/>
      <c r="P5324" s="76"/>
      <c r="Q5324" s="65"/>
      <c r="R5324" s="76"/>
      <c r="S5324" s="76"/>
      <c r="T5324" s="76"/>
      <c r="U5324" s="76"/>
      <c r="V5324" s="76"/>
      <c r="W5324" s="76"/>
      <c r="X5324" s="76"/>
      <c r="Y5324" s="76"/>
      <c r="Z5324" s="76"/>
      <c r="AA5324" s="85"/>
      <c r="AB5324" s="85"/>
      <c r="AC5324" s="85"/>
      <c r="AD5324" s="85"/>
      <c r="AE5324" s="85"/>
      <c r="AF5324" s="85"/>
      <c r="AG5324" s="86"/>
      <c r="AH5324" s="85"/>
      <c r="AI5324" s="85"/>
      <c r="AJ5324" s="85"/>
      <c r="AK5324" s="85"/>
      <c r="AL5324" s="85"/>
      <c r="AM5324" s="92"/>
      <c r="AN5324" s="92"/>
      <c r="AO5324" s="92"/>
      <c r="AP5324" s="92"/>
      <c r="AQ5324" s="92"/>
      <c r="AR5324" s="92"/>
      <c r="AS5324" s="92"/>
      <c r="AT5324" s="92"/>
      <c r="AU5324" s="92"/>
      <c r="AV5324" s="92"/>
      <c r="AW5324" s="92"/>
      <c r="AX5324" s="92"/>
      <c r="AY5324" s="92"/>
      <c r="AZ5324" s="93"/>
      <c r="BA5324" s="93"/>
      <c r="BB5324" s="93"/>
      <c r="BC5324" s="93"/>
      <c r="BD5324" s="93"/>
      <c r="BE5324" s="93"/>
      <c r="BF5324" s="93"/>
      <c r="BG5324" s="93"/>
      <c r="BH5324" s="93"/>
      <c r="BI5324" s="93"/>
      <c r="BJ5324" s="93"/>
      <c r="BK5324" s="93"/>
      <c r="BL5324" s="93"/>
    </row>
    <row r="5325" spans="2:64" x14ac:dyDescent="0.2">
      <c r="B5325" s="43"/>
      <c r="C5325" s="73"/>
      <c r="D5325" s="64"/>
      <c r="E5325" s="55"/>
      <c r="F5325" s="74"/>
      <c r="G5325" s="74"/>
      <c r="H5325" s="74"/>
      <c r="I5325" s="75"/>
      <c r="J5325" s="74"/>
      <c r="L5325" s="55"/>
      <c r="M5325" s="234"/>
      <c r="N5325" s="65"/>
      <c r="O5325" s="76"/>
      <c r="P5325" s="76"/>
      <c r="Q5325" s="65"/>
      <c r="R5325" s="76"/>
      <c r="S5325" s="76"/>
      <c r="T5325" s="76"/>
      <c r="U5325" s="76"/>
      <c r="V5325" s="76"/>
      <c r="W5325" s="76"/>
      <c r="X5325" s="76"/>
      <c r="Y5325" s="76"/>
      <c r="Z5325" s="76"/>
      <c r="AA5325" s="85"/>
      <c r="AB5325" s="85"/>
      <c r="AC5325" s="85"/>
      <c r="AD5325" s="85"/>
      <c r="AE5325" s="85"/>
      <c r="AF5325" s="85"/>
      <c r="AG5325" s="86"/>
      <c r="AH5325" s="85"/>
      <c r="AI5325" s="85"/>
      <c r="AJ5325" s="85"/>
      <c r="AK5325" s="85"/>
      <c r="AL5325" s="85"/>
      <c r="AM5325" s="92"/>
      <c r="AN5325" s="92"/>
      <c r="AO5325" s="92"/>
      <c r="AP5325" s="92"/>
      <c r="AQ5325" s="92"/>
      <c r="AR5325" s="92"/>
      <c r="AS5325" s="92"/>
      <c r="AT5325" s="92"/>
      <c r="AU5325" s="92"/>
      <c r="AV5325" s="92"/>
      <c r="AW5325" s="92"/>
      <c r="AX5325" s="92"/>
      <c r="AY5325" s="92"/>
      <c r="AZ5325" s="93"/>
      <c r="BA5325" s="93"/>
      <c r="BB5325" s="93"/>
      <c r="BC5325" s="93"/>
      <c r="BD5325" s="93"/>
      <c r="BE5325" s="93"/>
      <c r="BF5325" s="93"/>
      <c r="BG5325" s="93"/>
      <c r="BH5325" s="93"/>
      <c r="BI5325" s="93"/>
      <c r="BJ5325" s="93"/>
      <c r="BK5325" s="93"/>
      <c r="BL5325" s="93"/>
    </row>
    <row r="5326" spans="2:64" x14ac:dyDescent="0.2">
      <c r="B5326" s="43"/>
      <c r="C5326" s="73"/>
      <c r="D5326" s="64"/>
      <c r="E5326" s="55"/>
      <c r="F5326" s="74"/>
      <c r="G5326" s="74"/>
      <c r="H5326" s="74"/>
      <c r="I5326" s="75"/>
      <c r="J5326" s="74"/>
      <c r="L5326" s="55"/>
      <c r="M5326" s="234"/>
      <c r="N5326" s="65"/>
      <c r="O5326" s="76"/>
      <c r="P5326" s="76"/>
      <c r="Q5326" s="65"/>
      <c r="R5326" s="76"/>
      <c r="S5326" s="76"/>
      <c r="T5326" s="76"/>
      <c r="U5326" s="76"/>
      <c r="V5326" s="76"/>
      <c r="W5326" s="76"/>
      <c r="X5326" s="76"/>
      <c r="Y5326" s="76"/>
      <c r="Z5326" s="76"/>
      <c r="AA5326" s="85"/>
      <c r="AB5326" s="85"/>
      <c r="AC5326" s="85"/>
      <c r="AD5326" s="85"/>
      <c r="AE5326" s="85"/>
      <c r="AF5326" s="85"/>
      <c r="AG5326" s="86"/>
      <c r="AH5326" s="85"/>
      <c r="AI5326" s="85"/>
      <c r="AJ5326" s="85"/>
      <c r="AK5326" s="85"/>
      <c r="AL5326" s="85"/>
      <c r="AM5326" s="92"/>
      <c r="AN5326" s="92"/>
      <c r="AO5326" s="92"/>
      <c r="AP5326" s="92"/>
      <c r="AQ5326" s="92"/>
      <c r="AR5326" s="92"/>
      <c r="AS5326" s="92"/>
      <c r="AT5326" s="92"/>
      <c r="AU5326" s="92"/>
      <c r="AV5326" s="92"/>
      <c r="AW5326" s="92"/>
      <c r="AX5326" s="92"/>
      <c r="AY5326" s="92"/>
      <c r="AZ5326" s="93"/>
      <c r="BA5326" s="93"/>
      <c r="BB5326" s="93"/>
      <c r="BC5326" s="93"/>
      <c r="BD5326" s="93"/>
      <c r="BE5326" s="93"/>
      <c r="BF5326" s="93"/>
      <c r="BG5326" s="93"/>
      <c r="BH5326" s="93"/>
      <c r="BI5326" s="93"/>
      <c r="BJ5326" s="93"/>
      <c r="BK5326" s="93"/>
      <c r="BL5326" s="93"/>
    </row>
    <row r="5327" spans="2:64" x14ac:dyDescent="0.2">
      <c r="B5327" s="43"/>
      <c r="C5327" s="73"/>
      <c r="D5327" s="64"/>
      <c r="E5327" s="55"/>
      <c r="F5327" s="74"/>
      <c r="G5327" s="74"/>
      <c r="H5327" s="74"/>
      <c r="I5327" s="75"/>
      <c r="J5327" s="74"/>
      <c r="L5327" s="55"/>
      <c r="M5327" s="234"/>
      <c r="N5327" s="65"/>
      <c r="O5327" s="76"/>
      <c r="P5327" s="76"/>
      <c r="Q5327" s="65"/>
      <c r="R5327" s="76"/>
      <c r="S5327" s="76"/>
      <c r="T5327" s="76"/>
      <c r="U5327" s="76"/>
      <c r="V5327" s="76"/>
      <c r="W5327" s="76"/>
      <c r="X5327" s="76"/>
      <c r="Y5327" s="76"/>
      <c r="Z5327" s="76"/>
      <c r="AA5327" s="85"/>
      <c r="AB5327" s="85"/>
      <c r="AC5327" s="85"/>
      <c r="AD5327" s="85"/>
      <c r="AE5327" s="85"/>
      <c r="AF5327" s="85"/>
      <c r="AG5327" s="86"/>
      <c r="AH5327" s="85"/>
      <c r="AI5327" s="85"/>
      <c r="AJ5327" s="85"/>
      <c r="AK5327" s="85"/>
      <c r="AL5327" s="85"/>
      <c r="AM5327" s="92"/>
      <c r="AN5327" s="92"/>
      <c r="AO5327" s="92"/>
      <c r="AP5327" s="92"/>
      <c r="AQ5327" s="92"/>
      <c r="AR5327" s="92"/>
      <c r="AS5327" s="92"/>
      <c r="AT5327" s="92"/>
      <c r="AU5327" s="92"/>
      <c r="AV5327" s="92"/>
      <c r="AW5327" s="92"/>
      <c r="AX5327" s="92"/>
      <c r="AY5327" s="92"/>
      <c r="AZ5327" s="93"/>
      <c r="BA5327" s="93"/>
      <c r="BB5327" s="93"/>
      <c r="BC5327" s="93"/>
      <c r="BD5327" s="93"/>
      <c r="BE5327" s="93"/>
      <c r="BF5327" s="93"/>
      <c r="BG5327" s="93"/>
      <c r="BH5327" s="93"/>
      <c r="BI5327" s="93"/>
      <c r="BJ5327" s="93"/>
      <c r="BK5327" s="93"/>
      <c r="BL5327" s="93"/>
    </row>
    <row r="5328" spans="2:64" x14ac:dyDescent="0.2">
      <c r="B5328" s="43"/>
      <c r="C5328" s="73"/>
      <c r="D5328" s="64"/>
      <c r="E5328" s="55"/>
      <c r="F5328" s="74"/>
      <c r="G5328" s="74"/>
      <c r="H5328" s="74"/>
      <c r="I5328" s="75"/>
      <c r="J5328" s="74"/>
      <c r="L5328" s="55"/>
      <c r="M5328" s="234"/>
      <c r="N5328" s="65"/>
      <c r="O5328" s="76"/>
      <c r="P5328" s="76"/>
      <c r="Q5328" s="65"/>
      <c r="R5328" s="76"/>
      <c r="S5328" s="76"/>
      <c r="T5328" s="76"/>
      <c r="U5328" s="76"/>
      <c r="V5328" s="76"/>
      <c r="W5328" s="76"/>
      <c r="X5328" s="76"/>
      <c r="Y5328" s="76"/>
      <c r="Z5328" s="76"/>
      <c r="AA5328" s="85"/>
      <c r="AB5328" s="85"/>
      <c r="AC5328" s="85"/>
      <c r="AD5328" s="85"/>
      <c r="AE5328" s="85"/>
      <c r="AF5328" s="85"/>
      <c r="AG5328" s="86"/>
      <c r="AH5328" s="85"/>
      <c r="AI5328" s="85"/>
      <c r="AJ5328" s="85"/>
      <c r="AK5328" s="85"/>
      <c r="AL5328" s="85"/>
      <c r="AM5328" s="92"/>
      <c r="AN5328" s="92"/>
      <c r="AO5328" s="92"/>
      <c r="AP5328" s="92"/>
      <c r="AQ5328" s="92"/>
      <c r="AR5328" s="92"/>
      <c r="AS5328" s="92"/>
      <c r="AT5328" s="92"/>
      <c r="AU5328" s="92"/>
      <c r="AV5328" s="92"/>
      <c r="AW5328" s="92"/>
      <c r="AX5328" s="92"/>
      <c r="AY5328" s="92"/>
      <c r="AZ5328" s="93"/>
      <c r="BA5328" s="93"/>
      <c r="BB5328" s="93"/>
      <c r="BC5328" s="93"/>
      <c r="BD5328" s="93"/>
      <c r="BE5328" s="93"/>
      <c r="BF5328" s="93"/>
      <c r="BG5328" s="93"/>
      <c r="BH5328" s="93"/>
      <c r="BI5328" s="93"/>
      <c r="BJ5328" s="93"/>
      <c r="BK5328" s="93"/>
      <c r="BL5328" s="93"/>
    </row>
    <row r="5329" spans="2:64" x14ac:dyDescent="0.2">
      <c r="B5329" s="43"/>
      <c r="C5329" s="73"/>
      <c r="D5329" s="64"/>
      <c r="E5329" s="55"/>
      <c r="F5329" s="74"/>
      <c r="G5329" s="74"/>
      <c r="H5329" s="74"/>
      <c r="I5329" s="75"/>
      <c r="J5329" s="74"/>
      <c r="L5329" s="55"/>
      <c r="M5329" s="234"/>
      <c r="N5329" s="65"/>
      <c r="O5329" s="76"/>
      <c r="P5329" s="76"/>
      <c r="Q5329" s="65"/>
      <c r="R5329" s="76"/>
      <c r="S5329" s="76"/>
      <c r="T5329" s="76"/>
      <c r="U5329" s="76"/>
      <c r="V5329" s="76"/>
      <c r="W5329" s="76"/>
      <c r="X5329" s="76"/>
      <c r="Y5329" s="76"/>
      <c r="Z5329" s="76"/>
      <c r="AA5329" s="85"/>
      <c r="AB5329" s="85"/>
      <c r="AC5329" s="85"/>
      <c r="AD5329" s="85"/>
      <c r="AE5329" s="85"/>
      <c r="AF5329" s="85"/>
      <c r="AG5329" s="86"/>
      <c r="AH5329" s="85"/>
      <c r="AI5329" s="85"/>
      <c r="AJ5329" s="85"/>
      <c r="AK5329" s="85"/>
      <c r="AL5329" s="85"/>
      <c r="AM5329" s="92"/>
      <c r="AN5329" s="92"/>
      <c r="AO5329" s="92"/>
      <c r="AP5329" s="92"/>
      <c r="AQ5329" s="92"/>
      <c r="AR5329" s="92"/>
      <c r="AS5329" s="92"/>
      <c r="AT5329" s="92"/>
      <c r="AU5329" s="92"/>
      <c r="AV5329" s="92"/>
      <c r="AW5329" s="92"/>
      <c r="AX5329" s="92"/>
      <c r="AY5329" s="92"/>
      <c r="AZ5329" s="93"/>
      <c r="BA5329" s="93"/>
      <c r="BB5329" s="93"/>
      <c r="BC5329" s="93"/>
      <c r="BD5329" s="93"/>
      <c r="BE5329" s="93"/>
      <c r="BF5329" s="93"/>
      <c r="BG5329" s="93"/>
      <c r="BH5329" s="93"/>
      <c r="BI5329" s="93"/>
      <c r="BJ5329" s="93"/>
      <c r="BK5329" s="93"/>
      <c r="BL5329" s="93"/>
    </row>
    <row r="5330" spans="2:64" x14ac:dyDescent="0.2">
      <c r="B5330" s="43"/>
      <c r="C5330" s="73"/>
      <c r="D5330" s="64"/>
      <c r="E5330" s="55"/>
      <c r="F5330" s="74"/>
      <c r="G5330" s="74"/>
      <c r="H5330" s="74"/>
      <c r="I5330" s="75"/>
      <c r="J5330" s="74"/>
      <c r="L5330" s="55"/>
      <c r="M5330" s="234"/>
      <c r="N5330" s="65"/>
      <c r="O5330" s="76"/>
      <c r="P5330" s="76"/>
      <c r="Q5330" s="65"/>
      <c r="R5330" s="76"/>
      <c r="S5330" s="76"/>
      <c r="T5330" s="76"/>
      <c r="U5330" s="76"/>
      <c r="V5330" s="76"/>
      <c r="W5330" s="76"/>
      <c r="X5330" s="76"/>
      <c r="Y5330" s="76"/>
      <c r="Z5330" s="76"/>
      <c r="AA5330" s="85"/>
      <c r="AB5330" s="85"/>
      <c r="AC5330" s="85"/>
      <c r="AD5330" s="85"/>
      <c r="AE5330" s="85"/>
      <c r="AF5330" s="85"/>
      <c r="AG5330" s="86"/>
      <c r="AH5330" s="85"/>
      <c r="AI5330" s="85"/>
      <c r="AJ5330" s="85"/>
      <c r="AK5330" s="85"/>
      <c r="AL5330" s="85"/>
      <c r="AM5330" s="92"/>
      <c r="AN5330" s="92"/>
      <c r="AO5330" s="92"/>
      <c r="AP5330" s="92"/>
      <c r="AQ5330" s="92"/>
      <c r="AR5330" s="92"/>
      <c r="AS5330" s="92"/>
      <c r="AT5330" s="92"/>
      <c r="AU5330" s="92"/>
      <c r="AV5330" s="92"/>
      <c r="AW5330" s="92"/>
      <c r="AX5330" s="92"/>
      <c r="AY5330" s="92"/>
      <c r="AZ5330" s="93"/>
      <c r="BA5330" s="93"/>
      <c r="BB5330" s="93"/>
      <c r="BC5330" s="93"/>
      <c r="BD5330" s="93"/>
      <c r="BE5330" s="93"/>
      <c r="BF5330" s="93"/>
      <c r="BG5330" s="93"/>
      <c r="BH5330" s="93"/>
      <c r="BI5330" s="93"/>
      <c r="BJ5330" s="93"/>
      <c r="BK5330" s="93"/>
      <c r="BL5330" s="93"/>
    </row>
    <row r="5331" spans="2:64" x14ac:dyDescent="0.2">
      <c r="B5331" s="43"/>
      <c r="C5331" s="73"/>
      <c r="D5331" s="64"/>
      <c r="E5331" s="55"/>
      <c r="F5331" s="74"/>
      <c r="G5331" s="74"/>
      <c r="H5331" s="74"/>
      <c r="I5331" s="75"/>
      <c r="J5331" s="74"/>
      <c r="L5331" s="55"/>
      <c r="M5331" s="234"/>
      <c r="N5331" s="65"/>
      <c r="O5331" s="76"/>
      <c r="P5331" s="76"/>
      <c r="Q5331" s="65"/>
      <c r="R5331" s="76"/>
      <c r="S5331" s="76"/>
      <c r="T5331" s="76"/>
      <c r="U5331" s="76"/>
      <c r="V5331" s="76"/>
      <c r="W5331" s="76"/>
      <c r="X5331" s="76"/>
      <c r="Y5331" s="76"/>
      <c r="Z5331" s="76"/>
      <c r="AA5331" s="85"/>
      <c r="AB5331" s="85"/>
      <c r="AC5331" s="85"/>
      <c r="AD5331" s="85"/>
      <c r="AE5331" s="85"/>
      <c r="AF5331" s="85"/>
      <c r="AG5331" s="86"/>
      <c r="AH5331" s="85"/>
      <c r="AI5331" s="85"/>
      <c r="AJ5331" s="85"/>
      <c r="AK5331" s="85"/>
      <c r="AL5331" s="85"/>
      <c r="AM5331" s="92"/>
      <c r="AN5331" s="92"/>
      <c r="AO5331" s="92"/>
      <c r="AP5331" s="92"/>
      <c r="AQ5331" s="92"/>
      <c r="AR5331" s="92"/>
      <c r="AS5331" s="92"/>
      <c r="AT5331" s="92"/>
      <c r="AU5331" s="92"/>
      <c r="AV5331" s="92"/>
      <c r="AW5331" s="92"/>
      <c r="AX5331" s="92"/>
      <c r="AY5331" s="92"/>
      <c r="AZ5331" s="93"/>
      <c r="BA5331" s="93"/>
      <c r="BB5331" s="93"/>
      <c r="BC5331" s="93"/>
      <c r="BD5331" s="93"/>
      <c r="BE5331" s="93"/>
      <c r="BF5331" s="93"/>
      <c r="BG5331" s="93"/>
      <c r="BH5331" s="93"/>
      <c r="BI5331" s="93"/>
      <c r="BJ5331" s="93"/>
      <c r="BK5331" s="93"/>
      <c r="BL5331" s="93"/>
    </row>
    <row r="5332" spans="2:64" x14ac:dyDescent="0.2">
      <c r="B5332" s="43"/>
      <c r="C5332" s="73"/>
      <c r="D5332" s="64"/>
      <c r="E5332" s="55"/>
      <c r="F5332" s="74"/>
      <c r="G5332" s="74"/>
      <c r="H5332" s="74"/>
      <c r="I5332" s="75"/>
      <c r="J5332" s="74"/>
      <c r="L5332" s="55"/>
      <c r="M5332" s="234"/>
      <c r="N5332" s="65"/>
      <c r="O5332" s="76"/>
      <c r="P5332" s="76"/>
      <c r="Q5332" s="65"/>
      <c r="R5332" s="76"/>
      <c r="S5332" s="76"/>
      <c r="T5332" s="76"/>
      <c r="U5332" s="76"/>
      <c r="V5332" s="76"/>
      <c r="W5332" s="76"/>
      <c r="X5332" s="76"/>
      <c r="Y5332" s="76"/>
      <c r="Z5332" s="76"/>
      <c r="AA5332" s="85"/>
      <c r="AB5332" s="85"/>
      <c r="AC5332" s="85"/>
      <c r="AD5332" s="85"/>
      <c r="AE5332" s="85"/>
      <c r="AF5332" s="85"/>
      <c r="AG5332" s="86"/>
      <c r="AH5332" s="85"/>
      <c r="AI5332" s="85"/>
      <c r="AJ5332" s="85"/>
      <c r="AK5332" s="85"/>
      <c r="AL5332" s="85"/>
      <c r="AM5332" s="92"/>
      <c r="AN5332" s="92"/>
      <c r="AO5332" s="92"/>
      <c r="AP5332" s="92"/>
      <c r="AQ5332" s="92"/>
      <c r="AR5332" s="92"/>
      <c r="AS5332" s="92"/>
      <c r="AT5332" s="92"/>
      <c r="AU5332" s="92"/>
      <c r="AV5332" s="92"/>
      <c r="AW5332" s="92"/>
      <c r="AX5332" s="92"/>
      <c r="AY5332" s="92"/>
      <c r="AZ5332" s="93"/>
      <c r="BA5332" s="93"/>
      <c r="BB5332" s="93"/>
      <c r="BC5332" s="93"/>
      <c r="BD5332" s="93"/>
      <c r="BE5332" s="93"/>
      <c r="BF5332" s="93"/>
      <c r="BG5332" s="93"/>
      <c r="BH5332" s="93"/>
      <c r="BI5332" s="93"/>
      <c r="BJ5332" s="93"/>
      <c r="BK5332" s="93"/>
      <c r="BL5332" s="93"/>
    </row>
    <row r="5333" spans="2:64" x14ac:dyDescent="0.2">
      <c r="B5333" s="43"/>
      <c r="C5333" s="73"/>
      <c r="D5333" s="64"/>
      <c r="E5333" s="55"/>
      <c r="F5333" s="74"/>
      <c r="G5333" s="74"/>
      <c r="H5333" s="74"/>
      <c r="I5333" s="75"/>
      <c r="J5333" s="74"/>
      <c r="L5333" s="55"/>
      <c r="M5333" s="234"/>
      <c r="N5333" s="65"/>
      <c r="O5333" s="76"/>
      <c r="P5333" s="76"/>
      <c r="Q5333" s="65"/>
      <c r="R5333" s="76"/>
      <c r="S5333" s="76"/>
      <c r="T5333" s="76"/>
      <c r="U5333" s="76"/>
      <c r="V5333" s="76"/>
      <c r="W5333" s="76"/>
      <c r="X5333" s="76"/>
      <c r="Y5333" s="76"/>
      <c r="Z5333" s="76"/>
      <c r="AA5333" s="85"/>
      <c r="AB5333" s="85"/>
      <c r="AC5333" s="85"/>
      <c r="AD5333" s="85"/>
      <c r="AE5333" s="85"/>
      <c r="AF5333" s="85"/>
      <c r="AG5333" s="86"/>
      <c r="AH5333" s="85"/>
      <c r="AI5333" s="85"/>
      <c r="AJ5333" s="85"/>
      <c r="AK5333" s="85"/>
      <c r="AL5333" s="85"/>
      <c r="AM5333" s="92"/>
      <c r="AN5333" s="92"/>
      <c r="AO5333" s="92"/>
      <c r="AP5333" s="92"/>
      <c r="AQ5333" s="92"/>
      <c r="AR5333" s="92"/>
      <c r="AS5333" s="92"/>
      <c r="AT5333" s="92"/>
      <c r="AU5333" s="92"/>
      <c r="AV5333" s="92"/>
      <c r="AW5333" s="92"/>
      <c r="AX5333" s="92"/>
      <c r="AY5333" s="92"/>
      <c r="AZ5333" s="93"/>
      <c r="BA5333" s="93"/>
      <c r="BB5333" s="93"/>
      <c r="BC5333" s="93"/>
      <c r="BD5333" s="93"/>
      <c r="BE5333" s="93"/>
      <c r="BF5333" s="93"/>
      <c r="BG5333" s="93"/>
      <c r="BH5333" s="93"/>
      <c r="BI5333" s="93"/>
      <c r="BJ5333" s="93"/>
      <c r="BK5333" s="93"/>
      <c r="BL5333" s="93"/>
    </row>
    <row r="5334" spans="2:64" x14ac:dyDescent="0.2">
      <c r="B5334" s="43"/>
      <c r="C5334" s="73"/>
      <c r="D5334" s="64"/>
      <c r="E5334" s="55"/>
      <c r="F5334" s="74"/>
      <c r="G5334" s="74"/>
      <c r="H5334" s="74"/>
      <c r="I5334" s="75"/>
      <c r="J5334" s="74"/>
      <c r="L5334" s="55"/>
      <c r="M5334" s="234"/>
      <c r="N5334" s="65"/>
      <c r="O5334" s="76"/>
      <c r="P5334" s="76"/>
      <c r="Q5334" s="65"/>
      <c r="R5334" s="76"/>
      <c r="S5334" s="76"/>
      <c r="T5334" s="76"/>
      <c r="U5334" s="76"/>
      <c r="V5334" s="76"/>
      <c r="W5334" s="76"/>
      <c r="X5334" s="76"/>
      <c r="Y5334" s="76"/>
      <c r="Z5334" s="76"/>
      <c r="AA5334" s="85"/>
      <c r="AB5334" s="85"/>
      <c r="AC5334" s="85"/>
      <c r="AD5334" s="85"/>
      <c r="AE5334" s="85"/>
      <c r="AF5334" s="85"/>
      <c r="AG5334" s="86"/>
      <c r="AH5334" s="85"/>
      <c r="AI5334" s="85"/>
      <c r="AJ5334" s="85"/>
      <c r="AK5334" s="85"/>
      <c r="AL5334" s="85"/>
      <c r="AM5334" s="92"/>
      <c r="AN5334" s="92"/>
      <c r="AO5334" s="92"/>
      <c r="AP5334" s="92"/>
      <c r="AQ5334" s="92"/>
      <c r="AR5334" s="92"/>
      <c r="AS5334" s="92"/>
      <c r="AT5334" s="92"/>
      <c r="AU5334" s="92"/>
      <c r="AV5334" s="92"/>
      <c r="AW5334" s="92"/>
      <c r="AX5334" s="92"/>
      <c r="AY5334" s="92"/>
      <c r="AZ5334" s="93"/>
      <c r="BA5334" s="93"/>
      <c r="BB5334" s="93"/>
      <c r="BC5334" s="93"/>
      <c r="BD5334" s="93"/>
      <c r="BE5334" s="93"/>
      <c r="BF5334" s="93"/>
      <c r="BG5334" s="93"/>
      <c r="BH5334" s="93"/>
      <c r="BI5334" s="93"/>
      <c r="BJ5334" s="93"/>
      <c r="BK5334" s="93"/>
      <c r="BL5334" s="93"/>
    </row>
    <row r="5335" spans="2:64" x14ac:dyDescent="0.2">
      <c r="B5335" s="43"/>
      <c r="C5335" s="73"/>
      <c r="D5335" s="64"/>
      <c r="E5335" s="55"/>
      <c r="F5335" s="74"/>
      <c r="G5335" s="74"/>
      <c r="H5335" s="74"/>
      <c r="I5335" s="75"/>
      <c r="J5335" s="74"/>
      <c r="L5335" s="55"/>
      <c r="M5335" s="234"/>
      <c r="N5335" s="65"/>
      <c r="O5335" s="76"/>
      <c r="P5335" s="76"/>
      <c r="Q5335" s="65"/>
      <c r="R5335" s="76"/>
      <c r="S5335" s="76"/>
      <c r="T5335" s="76"/>
      <c r="U5335" s="76"/>
      <c r="V5335" s="76"/>
      <c r="W5335" s="76"/>
      <c r="X5335" s="76"/>
      <c r="Y5335" s="76"/>
      <c r="Z5335" s="76"/>
      <c r="AA5335" s="85"/>
      <c r="AB5335" s="85"/>
      <c r="AC5335" s="85"/>
      <c r="AD5335" s="85"/>
      <c r="AE5335" s="85"/>
      <c r="AF5335" s="85"/>
      <c r="AG5335" s="86"/>
      <c r="AH5335" s="85"/>
      <c r="AI5335" s="85"/>
      <c r="AJ5335" s="85"/>
      <c r="AK5335" s="85"/>
      <c r="AL5335" s="85"/>
      <c r="AM5335" s="92"/>
      <c r="AN5335" s="92"/>
      <c r="AO5335" s="92"/>
      <c r="AP5335" s="92"/>
      <c r="AQ5335" s="92"/>
      <c r="AR5335" s="92"/>
      <c r="AS5335" s="92"/>
      <c r="AT5335" s="92"/>
      <c r="AU5335" s="92"/>
      <c r="AV5335" s="92"/>
      <c r="AW5335" s="92"/>
      <c r="AX5335" s="92"/>
      <c r="AY5335" s="92"/>
      <c r="AZ5335" s="93"/>
      <c r="BA5335" s="93"/>
      <c r="BB5335" s="93"/>
      <c r="BC5335" s="93"/>
      <c r="BD5335" s="93"/>
      <c r="BE5335" s="93"/>
      <c r="BF5335" s="93"/>
      <c r="BG5335" s="93"/>
      <c r="BH5335" s="93"/>
      <c r="BI5335" s="93"/>
      <c r="BJ5335" s="93"/>
      <c r="BK5335" s="93"/>
      <c r="BL5335" s="93"/>
    </row>
    <row r="5336" spans="2:64" x14ac:dyDescent="0.2">
      <c r="B5336" s="43"/>
      <c r="C5336" s="73"/>
      <c r="D5336" s="64"/>
      <c r="E5336" s="55"/>
      <c r="F5336" s="74"/>
      <c r="G5336" s="74"/>
      <c r="H5336" s="74"/>
      <c r="I5336" s="75"/>
      <c r="J5336" s="74"/>
      <c r="L5336" s="55"/>
      <c r="M5336" s="234"/>
      <c r="N5336" s="65"/>
      <c r="O5336" s="76"/>
      <c r="P5336" s="76"/>
      <c r="Q5336" s="65"/>
      <c r="R5336" s="76"/>
      <c r="S5336" s="76"/>
      <c r="T5336" s="76"/>
      <c r="U5336" s="76"/>
      <c r="V5336" s="76"/>
      <c r="W5336" s="76"/>
      <c r="X5336" s="76"/>
      <c r="Y5336" s="76"/>
      <c r="Z5336" s="76"/>
      <c r="AA5336" s="85"/>
      <c r="AB5336" s="85"/>
      <c r="AC5336" s="85"/>
      <c r="AD5336" s="85"/>
      <c r="AE5336" s="85"/>
      <c r="AF5336" s="85"/>
      <c r="AG5336" s="86"/>
      <c r="AH5336" s="85"/>
      <c r="AI5336" s="85"/>
      <c r="AJ5336" s="85"/>
      <c r="AK5336" s="85"/>
      <c r="AL5336" s="85"/>
      <c r="AM5336" s="92"/>
      <c r="AN5336" s="92"/>
      <c r="AO5336" s="92"/>
      <c r="AP5336" s="92"/>
      <c r="AQ5336" s="92"/>
      <c r="AR5336" s="92"/>
      <c r="AS5336" s="92"/>
      <c r="AT5336" s="92"/>
      <c r="AU5336" s="92"/>
      <c r="AV5336" s="92"/>
      <c r="AW5336" s="92"/>
      <c r="AX5336" s="92"/>
      <c r="AY5336" s="92"/>
      <c r="AZ5336" s="93"/>
      <c r="BA5336" s="93"/>
      <c r="BB5336" s="93"/>
      <c r="BC5336" s="93"/>
      <c r="BD5336" s="93"/>
      <c r="BE5336" s="93"/>
      <c r="BF5336" s="93"/>
      <c r="BG5336" s="93"/>
      <c r="BH5336" s="93"/>
      <c r="BI5336" s="93"/>
      <c r="BJ5336" s="93"/>
      <c r="BK5336" s="93"/>
      <c r="BL5336" s="93"/>
    </row>
    <row r="5337" spans="2:64" x14ac:dyDescent="0.2">
      <c r="B5337" s="43"/>
      <c r="C5337" s="73"/>
      <c r="D5337" s="64"/>
      <c r="E5337" s="55"/>
      <c r="F5337" s="74"/>
      <c r="G5337" s="74"/>
      <c r="H5337" s="74"/>
      <c r="I5337" s="75"/>
      <c r="J5337" s="74"/>
      <c r="L5337" s="55"/>
      <c r="M5337" s="234"/>
      <c r="N5337" s="65"/>
      <c r="O5337" s="76"/>
      <c r="P5337" s="76"/>
      <c r="Q5337" s="65"/>
      <c r="R5337" s="76"/>
      <c r="S5337" s="76"/>
      <c r="T5337" s="76"/>
      <c r="U5337" s="76"/>
      <c r="V5337" s="76"/>
      <c r="W5337" s="76"/>
      <c r="X5337" s="76"/>
      <c r="Y5337" s="76"/>
      <c r="Z5337" s="76"/>
      <c r="AA5337" s="85"/>
      <c r="AB5337" s="85"/>
      <c r="AC5337" s="85"/>
      <c r="AD5337" s="85"/>
      <c r="AE5337" s="85"/>
      <c r="AF5337" s="85"/>
      <c r="AG5337" s="86"/>
      <c r="AH5337" s="85"/>
      <c r="AI5337" s="85"/>
      <c r="AJ5337" s="85"/>
      <c r="AK5337" s="85"/>
      <c r="AL5337" s="85"/>
      <c r="AM5337" s="92"/>
      <c r="AN5337" s="92"/>
      <c r="AO5337" s="92"/>
      <c r="AP5337" s="92"/>
      <c r="AQ5337" s="92"/>
      <c r="AR5337" s="92"/>
      <c r="AS5337" s="92"/>
      <c r="AT5337" s="92"/>
      <c r="AU5337" s="92"/>
      <c r="AV5337" s="92"/>
      <c r="AW5337" s="92"/>
      <c r="AX5337" s="92"/>
      <c r="AY5337" s="92"/>
      <c r="AZ5337" s="93"/>
      <c r="BA5337" s="93"/>
      <c r="BB5337" s="93"/>
      <c r="BC5337" s="93"/>
      <c r="BD5337" s="93"/>
      <c r="BE5337" s="93"/>
      <c r="BF5337" s="93"/>
      <c r="BG5337" s="93"/>
      <c r="BH5337" s="93"/>
      <c r="BI5337" s="93"/>
      <c r="BJ5337" s="93"/>
      <c r="BK5337" s="93"/>
      <c r="BL5337" s="93"/>
    </row>
    <row r="5338" spans="2:64" x14ac:dyDescent="0.2">
      <c r="B5338" s="43"/>
      <c r="C5338" s="73"/>
      <c r="D5338" s="64"/>
      <c r="E5338" s="55"/>
      <c r="F5338" s="74"/>
      <c r="G5338" s="74"/>
      <c r="H5338" s="74"/>
      <c r="I5338" s="75"/>
      <c r="J5338" s="74"/>
      <c r="L5338" s="55"/>
      <c r="M5338" s="234"/>
      <c r="N5338" s="65"/>
      <c r="O5338" s="76"/>
      <c r="P5338" s="76"/>
      <c r="Q5338" s="65"/>
      <c r="R5338" s="76"/>
      <c r="S5338" s="76"/>
      <c r="T5338" s="76"/>
      <c r="U5338" s="76"/>
      <c r="V5338" s="76"/>
      <c r="W5338" s="76"/>
      <c r="X5338" s="76"/>
      <c r="Y5338" s="76"/>
      <c r="Z5338" s="76"/>
      <c r="AA5338" s="85"/>
      <c r="AB5338" s="85"/>
      <c r="AC5338" s="85"/>
      <c r="AD5338" s="85"/>
      <c r="AE5338" s="85"/>
      <c r="AF5338" s="85"/>
      <c r="AG5338" s="86"/>
      <c r="AH5338" s="85"/>
      <c r="AI5338" s="85"/>
      <c r="AJ5338" s="85"/>
      <c r="AK5338" s="85"/>
      <c r="AL5338" s="85"/>
      <c r="AM5338" s="92"/>
      <c r="AN5338" s="92"/>
      <c r="AO5338" s="92"/>
      <c r="AP5338" s="92"/>
      <c r="AQ5338" s="92"/>
      <c r="AR5338" s="92"/>
      <c r="AS5338" s="92"/>
      <c r="AT5338" s="92"/>
      <c r="AU5338" s="92"/>
      <c r="AV5338" s="92"/>
      <c r="AW5338" s="92"/>
      <c r="AX5338" s="92"/>
      <c r="AY5338" s="92"/>
      <c r="AZ5338" s="93"/>
      <c r="BA5338" s="93"/>
      <c r="BB5338" s="93"/>
      <c r="BC5338" s="93"/>
      <c r="BD5338" s="93"/>
      <c r="BE5338" s="93"/>
      <c r="BF5338" s="93"/>
      <c r="BG5338" s="93"/>
      <c r="BH5338" s="93"/>
      <c r="BI5338" s="93"/>
      <c r="BJ5338" s="93"/>
      <c r="BK5338" s="93"/>
      <c r="BL5338" s="93"/>
    </row>
    <row r="5339" spans="2:64" x14ac:dyDescent="0.2">
      <c r="B5339" s="43"/>
      <c r="C5339" s="73"/>
      <c r="D5339" s="64"/>
      <c r="E5339" s="55"/>
      <c r="F5339" s="74"/>
      <c r="G5339" s="74"/>
      <c r="H5339" s="74"/>
      <c r="I5339" s="75"/>
      <c r="J5339" s="74"/>
      <c r="L5339" s="55"/>
      <c r="M5339" s="234"/>
      <c r="N5339" s="65"/>
      <c r="O5339" s="76"/>
      <c r="P5339" s="76"/>
      <c r="Q5339" s="65"/>
      <c r="R5339" s="76"/>
      <c r="S5339" s="76"/>
      <c r="T5339" s="76"/>
      <c r="U5339" s="76"/>
      <c r="V5339" s="76"/>
      <c r="W5339" s="76"/>
      <c r="X5339" s="76"/>
      <c r="Y5339" s="76"/>
      <c r="Z5339" s="76"/>
      <c r="AA5339" s="85"/>
      <c r="AB5339" s="85"/>
      <c r="AC5339" s="85"/>
      <c r="AD5339" s="85"/>
      <c r="AE5339" s="85"/>
      <c r="AF5339" s="85"/>
      <c r="AG5339" s="86"/>
      <c r="AH5339" s="85"/>
      <c r="AI5339" s="85"/>
      <c r="AJ5339" s="85"/>
      <c r="AK5339" s="85"/>
      <c r="AL5339" s="85"/>
      <c r="AM5339" s="92"/>
      <c r="AN5339" s="92"/>
      <c r="AO5339" s="92"/>
      <c r="AP5339" s="92"/>
      <c r="AQ5339" s="92"/>
      <c r="AR5339" s="92"/>
      <c r="AS5339" s="92"/>
      <c r="AT5339" s="92"/>
      <c r="AU5339" s="92"/>
      <c r="AV5339" s="92"/>
      <c r="AW5339" s="92"/>
      <c r="AX5339" s="92"/>
      <c r="AY5339" s="92"/>
      <c r="AZ5339" s="93"/>
      <c r="BA5339" s="93"/>
      <c r="BB5339" s="93"/>
      <c r="BC5339" s="93"/>
      <c r="BD5339" s="93"/>
      <c r="BE5339" s="93"/>
      <c r="BF5339" s="93"/>
      <c r="BG5339" s="93"/>
      <c r="BH5339" s="93"/>
      <c r="BI5339" s="93"/>
      <c r="BJ5339" s="93"/>
      <c r="BK5339" s="93"/>
      <c r="BL5339" s="93"/>
    </row>
    <row r="5340" spans="2:64" x14ac:dyDescent="0.2">
      <c r="B5340" s="43"/>
      <c r="C5340" s="73"/>
      <c r="D5340" s="64"/>
      <c r="E5340" s="55"/>
      <c r="F5340" s="74"/>
      <c r="G5340" s="74"/>
      <c r="H5340" s="74"/>
      <c r="I5340" s="75"/>
      <c r="J5340" s="74"/>
      <c r="L5340" s="55"/>
      <c r="M5340" s="234"/>
      <c r="N5340" s="65"/>
      <c r="O5340" s="76"/>
      <c r="P5340" s="76"/>
      <c r="Q5340" s="65"/>
      <c r="R5340" s="76"/>
      <c r="S5340" s="76"/>
      <c r="T5340" s="76"/>
      <c r="U5340" s="76"/>
      <c r="V5340" s="76"/>
      <c r="W5340" s="76"/>
      <c r="X5340" s="76"/>
      <c r="Y5340" s="76"/>
      <c r="Z5340" s="76"/>
      <c r="AA5340" s="85"/>
      <c r="AB5340" s="85"/>
      <c r="AC5340" s="85"/>
      <c r="AD5340" s="85"/>
      <c r="AE5340" s="85"/>
      <c r="AF5340" s="85"/>
      <c r="AG5340" s="86"/>
      <c r="AH5340" s="85"/>
      <c r="AI5340" s="85"/>
      <c r="AJ5340" s="85"/>
      <c r="AK5340" s="85"/>
      <c r="AL5340" s="85"/>
      <c r="AM5340" s="92"/>
      <c r="AN5340" s="92"/>
      <c r="AO5340" s="92"/>
      <c r="AP5340" s="92"/>
      <c r="AQ5340" s="92"/>
      <c r="AR5340" s="92"/>
      <c r="AS5340" s="92"/>
      <c r="AT5340" s="92"/>
      <c r="AU5340" s="92"/>
      <c r="AV5340" s="92"/>
      <c r="AW5340" s="92"/>
      <c r="AX5340" s="92"/>
      <c r="AY5340" s="92"/>
      <c r="AZ5340" s="93"/>
      <c r="BA5340" s="93"/>
      <c r="BB5340" s="93"/>
      <c r="BC5340" s="93"/>
      <c r="BD5340" s="93"/>
      <c r="BE5340" s="93"/>
      <c r="BF5340" s="93"/>
      <c r="BG5340" s="93"/>
      <c r="BH5340" s="93"/>
      <c r="BI5340" s="93"/>
      <c r="BJ5340" s="93"/>
      <c r="BK5340" s="93"/>
      <c r="BL5340" s="93"/>
    </row>
    <row r="5341" spans="2:64" x14ac:dyDescent="0.2">
      <c r="B5341" s="43"/>
      <c r="C5341" s="73"/>
      <c r="D5341" s="64"/>
      <c r="E5341" s="55"/>
      <c r="F5341" s="74"/>
      <c r="G5341" s="74"/>
      <c r="H5341" s="74"/>
      <c r="I5341" s="75"/>
      <c r="J5341" s="74"/>
      <c r="L5341" s="55"/>
      <c r="M5341" s="234"/>
      <c r="N5341" s="65"/>
      <c r="O5341" s="76"/>
      <c r="P5341" s="76"/>
      <c r="Q5341" s="65"/>
      <c r="R5341" s="76"/>
      <c r="S5341" s="76"/>
      <c r="T5341" s="76"/>
      <c r="U5341" s="76"/>
      <c r="V5341" s="76"/>
      <c r="W5341" s="76"/>
      <c r="X5341" s="76"/>
      <c r="Y5341" s="76"/>
      <c r="Z5341" s="76"/>
      <c r="AA5341" s="85"/>
      <c r="AB5341" s="85"/>
      <c r="AC5341" s="85"/>
      <c r="AD5341" s="85"/>
      <c r="AE5341" s="85"/>
      <c r="AF5341" s="85"/>
      <c r="AG5341" s="86"/>
      <c r="AH5341" s="85"/>
      <c r="AI5341" s="85"/>
      <c r="AJ5341" s="85"/>
      <c r="AK5341" s="85"/>
      <c r="AL5341" s="85"/>
      <c r="AM5341" s="92"/>
      <c r="AN5341" s="92"/>
      <c r="AO5341" s="92"/>
      <c r="AP5341" s="92"/>
      <c r="AQ5341" s="92"/>
      <c r="AR5341" s="92"/>
      <c r="AS5341" s="92"/>
      <c r="AT5341" s="92"/>
      <c r="AU5341" s="92"/>
      <c r="AV5341" s="92"/>
      <c r="AW5341" s="92"/>
      <c r="AX5341" s="92"/>
      <c r="AY5341" s="92"/>
      <c r="AZ5341" s="93"/>
      <c r="BA5341" s="93"/>
      <c r="BB5341" s="93"/>
      <c r="BC5341" s="93"/>
      <c r="BD5341" s="93"/>
      <c r="BE5341" s="93"/>
      <c r="BF5341" s="93"/>
      <c r="BG5341" s="93"/>
      <c r="BH5341" s="93"/>
      <c r="BI5341" s="93"/>
      <c r="BJ5341" s="93"/>
      <c r="BK5341" s="93"/>
      <c r="BL5341" s="93"/>
    </row>
    <row r="5342" spans="2:64" x14ac:dyDescent="0.2">
      <c r="B5342" s="43"/>
      <c r="C5342" s="73"/>
      <c r="D5342" s="64"/>
      <c r="E5342" s="55"/>
      <c r="F5342" s="74"/>
      <c r="G5342" s="74"/>
      <c r="H5342" s="74"/>
      <c r="I5342" s="75"/>
      <c r="J5342" s="74"/>
      <c r="L5342" s="55"/>
      <c r="M5342" s="234"/>
      <c r="N5342" s="65"/>
      <c r="O5342" s="76"/>
      <c r="P5342" s="76"/>
      <c r="Q5342" s="65"/>
      <c r="R5342" s="76"/>
      <c r="S5342" s="76"/>
      <c r="T5342" s="76"/>
      <c r="U5342" s="76"/>
      <c r="V5342" s="76"/>
      <c r="W5342" s="76"/>
      <c r="X5342" s="76"/>
      <c r="Y5342" s="76"/>
      <c r="Z5342" s="76"/>
      <c r="AA5342" s="85"/>
      <c r="AB5342" s="85"/>
      <c r="AC5342" s="85"/>
      <c r="AD5342" s="85"/>
      <c r="AE5342" s="85"/>
      <c r="AF5342" s="85"/>
      <c r="AG5342" s="86"/>
      <c r="AH5342" s="85"/>
      <c r="AI5342" s="85"/>
      <c r="AJ5342" s="85"/>
      <c r="AK5342" s="85"/>
      <c r="AL5342" s="85"/>
      <c r="AM5342" s="92"/>
      <c r="AN5342" s="92"/>
      <c r="AO5342" s="92"/>
      <c r="AP5342" s="92"/>
      <c r="AQ5342" s="92"/>
      <c r="AR5342" s="92"/>
      <c r="AS5342" s="92"/>
      <c r="AT5342" s="92"/>
      <c r="AU5342" s="92"/>
      <c r="AV5342" s="92"/>
      <c r="AW5342" s="92"/>
      <c r="AX5342" s="92"/>
      <c r="AY5342" s="92"/>
      <c r="AZ5342" s="93"/>
      <c r="BA5342" s="93"/>
      <c r="BB5342" s="93"/>
      <c r="BC5342" s="93"/>
      <c r="BD5342" s="93"/>
      <c r="BE5342" s="93"/>
      <c r="BF5342" s="93"/>
      <c r="BG5342" s="93"/>
      <c r="BH5342" s="93"/>
      <c r="BI5342" s="93"/>
      <c r="BJ5342" s="93"/>
      <c r="BK5342" s="93"/>
      <c r="BL5342" s="93"/>
    </row>
    <row r="5343" spans="2:64" x14ac:dyDescent="0.2">
      <c r="B5343" s="43"/>
      <c r="C5343" s="73"/>
      <c r="D5343" s="64"/>
      <c r="E5343" s="55"/>
      <c r="F5343" s="74"/>
      <c r="G5343" s="74"/>
      <c r="H5343" s="74"/>
      <c r="I5343" s="75"/>
      <c r="J5343" s="74"/>
      <c r="L5343" s="55"/>
      <c r="M5343" s="234"/>
      <c r="N5343" s="65"/>
      <c r="O5343" s="76"/>
      <c r="P5343" s="76"/>
      <c r="Q5343" s="65"/>
      <c r="R5343" s="76"/>
      <c r="S5343" s="76"/>
      <c r="T5343" s="76"/>
      <c r="U5343" s="76"/>
      <c r="V5343" s="76"/>
      <c r="W5343" s="76"/>
      <c r="X5343" s="76"/>
      <c r="Y5343" s="76"/>
      <c r="Z5343" s="76"/>
      <c r="AA5343" s="85"/>
      <c r="AB5343" s="85"/>
      <c r="AC5343" s="85"/>
      <c r="AD5343" s="85"/>
      <c r="AE5343" s="85"/>
      <c r="AF5343" s="85"/>
      <c r="AG5343" s="86"/>
      <c r="AH5343" s="85"/>
      <c r="AI5343" s="85"/>
      <c r="AJ5343" s="85"/>
      <c r="AK5343" s="85"/>
      <c r="AL5343" s="85"/>
      <c r="AM5343" s="92"/>
      <c r="AN5343" s="92"/>
      <c r="AO5343" s="92"/>
      <c r="AP5343" s="92"/>
      <c r="AQ5343" s="92"/>
      <c r="AR5343" s="92"/>
      <c r="AS5343" s="92"/>
      <c r="AT5343" s="92"/>
      <c r="AU5343" s="92"/>
      <c r="AV5343" s="92"/>
      <c r="AW5343" s="92"/>
      <c r="AX5343" s="92"/>
      <c r="AY5343" s="92"/>
      <c r="AZ5343" s="93"/>
      <c r="BA5343" s="93"/>
      <c r="BB5343" s="93"/>
      <c r="BC5343" s="93"/>
      <c r="BD5343" s="93"/>
      <c r="BE5343" s="93"/>
      <c r="BF5343" s="93"/>
      <c r="BG5343" s="93"/>
      <c r="BH5343" s="93"/>
      <c r="BI5343" s="93"/>
      <c r="BJ5343" s="93"/>
      <c r="BK5343" s="93"/>
      <c r="BL5343" s="93"/>
    </row>
    <row r="5344" spans="2:64" x14ac:dyDescent="0.2">
      <c r="B5344" s="43"/>
      <c r="C5344" s="73"/>
      <c r="D5344" s="64"/>
      <c r="E5344" s="55"/>
      <c r="F5344" s="74"/>
      <c r="G5344" s="74"/>
      <c r="H5344" s="74"/>
      <c r="I5344" s="75"/>
      <c r="J5344" s="74"/>
      <c r="L5344" s="55"/>
      <c r="M5344" s="234"/>
      <c r="N5344" s="65"/>
      <c r="O5344" s="76"/>
      <c r="P5344" s="76"/>
      <c r="Q5344" s="65"/>
      <c r="R5344" s="76"/>
      <c r="S5344" s="76"/>
      <c r="T5344" s="76"/>
      <c r="U5344" s="76"/>
      <c r="V5344" s="76"/>
      <c r="W5344" s="76"/>
      <c r="X5344" s="76"/>
      <c r="Y5344" s="76"/>
      <c r="Z5344" s="76"/>
      <c r="AA5344" s="85"/>
      <c r="AB5344" s="85"/>
      <c r="AC5344" s="85"/>
      <c r="AD5344" s="85"/>
      <c r="AE5344" s="85"/>
      <c r="AF5344" s="85"/>
      <c r="AG5344" s="86"/>
      <c r="AH5344" s="85"/>
      <c r="AI5344" s="85"/>
      <c r="AJ5344" s="85"/>
      <c r="AK5344" s="85"/>
      <c r="AL5344" s="85"/>
      <c r="AM5344" s="92"/>
      <c r="AN5344" s="92"/>
      <c r="AO5344" s="92"/>
      <c r="AP5344" s="92"/>
      <c r="AQ5344" s="92"/>
      <c r="AR5344" s="92"/>
      <c r="AS5344" s="92"/>
      <c r="AT5344" s="92"/>
      <c r="AU5344" s="92"/>
      <c r="AV5344" s="92"/>
      <c r="AW5344" s="92"/>
      <c r="AX5344" s="92"/>
      <c r="AY5344" s="92"/>
      <c r="AZ5344" s="93"/>
      <c r="BA5344" s="93"/>
      <c r="BB5344" s="93"/>
      <c r="BC5344" s="93"/>
      <c r="BD5344" s="93"/>
      <c r="BE5344" s="93"/>
      <c r="BF5344" s="93"/>
      <c r="BG5344" s="93"/>
      <c r="BH5344" s="93"/>
      <c r="BI5344" s="93"/>
      <c r="BJ5344" s="93"/>
      <c r="BK5344" s="93"/>
      <c r="BL5344" s="93"/>
    </row>
    <row r="5345" spans="2:64" x14ac:dyDescent="0.2">
      <c r="B5345" s="43"/>
      <c r="C5345" s="73"/>
      <c r="D5345" s="64"/>
      <c r="E5345" s="55"/>
      <c r="F5345" s="74"/>
      <c r="G5345" s="74"/>
      <c r="H5345" s="74"/>
      <c r="I5345" s="75"/>
      <c r="J5345" s="74"/>
      <c r="L5345" s="55"/>
      <c r="M5345" s="234"/>
      <c r="N5345" s="65"/>
      <c r="O5345" s="76"/>
      <c r="P5345" s="76"/>
      <c r="Q5345" s="65"/>
      <c r="R5345" s="76"/>
      <c r="S5345" s="76"/>
      <c r="T5345" s="76"/>
      <c r="U5345" s="76"/>
      <c r="V5345" s="76"/>
      <c r="W5345" s="76"/>
      <c r="X5345" s="76"/>
      <c r="Y5345" s="76"/>
      <c r="Z5345" s="76"/>
      <c r="AA5345" s="85"/>
      <c r="AB5345" s="85"/>
      <c r="AC5345" s="85"/>
      <c r="AD5345" s="85"/>
      <c r="AE5345" s="85"/>
      <c r="AF5345" s="85"/>
      <c r="AG5345" s="86"/>
      <c r="AH5345" s="85"/>
      <c r="AI5345" s="85"/>
      <c r="AJ5345" s="85"/>
      <c r="AK5345" s="85"/>
      <c r="AL5345" s="85"/>
      <c r="AM5345" s="92"/>
      <c r="AN5345" s="92"/>
      <c r="AO5345" s="92"/>
      <c r="AP5345" s="92"/>
      <c r="AQ5345" s="92"/>
      <c r="AR5345" s="92"/>
      <c r="AS5345" s="92"/>
      <c r="AT5345" s="92"/>
      <c r="AU5345" s="92"/>
      <c r="AV5345" s="92"/>
      <c r="AW5345" s="92"/>
      <c r="AX5345" s="92"/>
      <c r="AY5345" s="92"/>
      <c r="AZ5345" s="93"/>
      <c r="BA5345" s="93"/>
      <c r="BB5345" s="93"/>
      <c r="BC5345" s="93"/>
      <c r="BD5345" s="93"/>
      <c r="BE5345" s="93"/>
      <c r="BF5345" s="93"/>
      <c r="BG5345" s="93"/>
      <c r="BH5345" s="93"/>
      <c r="BI5345" s="93"/>
      <c r="BJ5345" s="93"/>
      <c r="BK5345" s="93"/>
      <c r="BL5345" s="93"/>
    </row>
    <row r="5346" spans="2:64" x14ac:dyDescent="0.2">
      <c r="B5346" s="43"/>
      <c r="C5346" s="73"/>
      <c r="D5346" s="64"/>
      <c r="E5346" s="55"/>
      <c r="F5346" s="74"/>
      <c r="G5346" s="74"/>
      <c r="H5346" s="74"/>
      <c r="I5346" s="75"/>
      <c r="J5346" s="74"/>
      <c r="L5346" s="55"/>
      <c r="M5346" s="234"/>
      <c r="N5346" s="65"/>
      <c r="O5346" s="76"/>
      <c r="P5346" s="76"/>
      <c r="Q5346" s="65"/>
      <c r="R5346" s="76"/>
      <c r="S5346" s="76"/>
      <c r="T5346" s="76"/>
      <c r="U5346" s="76"/>
      <c r="V5346" s="76"/>
      <c r="W5346" s="76"/>
      <c r="X5346" s="76"/>
      <c r="Y5346" s="76"/>
      <c r="Z5346" s="76"/>
      <c r="AA5346" s="85"/>
      <c r="AB5346" s="85"/>
      <c r="AC5346" s="85"/>
      <c r="AD5346" s="85"/>
      <c r="AE5346" s="85"/>
      <c r="AF5346" s="85"/>
      <c r="AG5346" s="86"/>
      <c r="AH5346" s="85"/>
      <c r="AI5346" s="85"/>
      <c r="AJ5346" s="85"/>
      <c r="AK5346" s="85"/>
      <c r="AL5346" s="85"/>
      <c r="AM5346" s="92"/>
      <c r="AN5346" s="92"/>
      <c r="AO5346" s="92"/>
      <c r="AP5346" s="92"/>
      <c r="AQ5346" s="92"/>
      <c r="AR5346" s="92"/>
      <c r="AS5346" s="92"/>
      <c r="AT5346" s="92"/>
      <c r="AU5346" s="92"/>
      <c r="AV5346" s="92"/>
      <c r="AW5346" s="92"/>
      <c r="AX5346" s="92"/>
      <c r="AY5346" s="92"/>
      <c r="AZ5346" s="93"/>
      <c r="BA5346" s="93"/>
      <c r="BB5346" s="93"/>
      <c r="BC5346" s="93"/>
      <c r="BD5346" s="93"/>
      <c r="BE5346" s="93"/>
      <c r="BF5346" s="93"/>
      <c r="BG5346" s="93"/>
      <c r="BH5346" s="93"/>
      <c r="BI5346" s="93"/>
      <c r="BJ5346" s="93"/>
      <c r="BK5346" s="93"/>
      <c r="BL5346" s="93"/>
    </row>
    <row r="5347" spans="2:64" x14ac:dyDescent="0.2">
      <c r="B5347" s="43"/>
      <c r="C5347" s="73"/>
      <c r="D5347" s="64"/>
      <c r="E5347" s="55"/>
      <c r="F5347" s="74"/>
      <c r="G5347" s="74"/>
      <c r="H5347" s="74"/>
      <c r="I5347" s="75"/>
      <c r="J5347" s="74"/>
      <c r="L5347" s="55"/>
      <c r="M5347" s="234"/>
      <c r="N5347" s="65"/>
      <c r="O5347" s="76"/>
      <c r="P5347" s="76"/>
      <c r="Q5347" s="65"/>
      <c r="R5347" s="76"/>
      <c r="S5347" s="76"/>
      <c r="T5347" s="76"/>
      <c r="U5347" s="76"/>
      <c r="V5347" s="76"/>
      <c r="W5347" s="76"/>
      <c r="X5347" s="76"/>
      <c r="Y5347" s="76"/>
      <c r="Z5347" s="76"/>
      <c r="AA5347" s="85"/>
      <c r="AB5347" s="85"/>
      <c r="AC5347" s="85"/>
      <c r="AD5347" s="85"/>
      <c r="AE5347" s="85"/>
      <c r="AF5347" s="85"/>
      <c r="AG5347" s="86"/>
      <c r="AH5347" s="85"/>
      <c r="AI5347" s="85"/>
      <c r="AJ5347" s="85"/>
      <c r="AK5347" s="85"/>
      <c r="AL5347" s="85"/>
      <c r="AM5347" s="92"/>
      <c r="AN5347" s="92"/>
      <c r="AO5347" s="92"/>
      <c r="AP5347" s="92"/>
      <c r="AQ5347" s="92"/>
      <c r="AR5347" s="92"/>
      <c r="AS5347" s="92"/>
      <c r="AT5347" s="92"/>
      <c r="AU5347" s="92"/>
      <c r="AV5347" s="92"/>
      <c r="AW5347" s="92"/>
      <c r="AX5347" s="92"/>
      <c r="AY5347" s="92"/>
      <c r="AZ5347" s="93"/>
      <c r="BA5347" s="93"/>
      <c r="BB5347" s="93"/>
      <c r="BC5347" s="93"/>
      <c r="BD5347" s="93"/>
      <c r="BE5347" s="93"/>
      <c r="BF5347" s="93"/>
      <c r="BG5347" s="93"/>
      <c r="BH5347" s="93"/>
      <c r="BI5347" s="93"/>
      <c r="BJ5347" s="93"/>
      <c r="BK5347" s="93"/>
      <c r="BL5347" s="93"/>
    </row>
    <row r="5348" spans="2:64" x14ac:dyDescent="0.2">
      <c r="B5348" s="43"/>
      <c r="C5348" s="73"/>
      <c r="D5348" s="64"/>
      <c r="E5348" s="55"/>
      <c r="F5348" s="74"/>
      <c r="G5348" s="74"/>
      <c r="H5348" s="74"/>
      <c r="I5348" s="75"/>
      <c r="J5348" s="74"/>
      <c r="L5348" s="55"/>
      <c r="M5348" s="234"/>
      <c r="N5348" s="65"/>
      <c r="O5348" s="76"/>
      <c r="P5348" s="76"/>
      <c r="Q5348" s="65"/>
      <c r="R5348" s="76"/>
      <c r="S5348" s="76"/>
      <c r="T5348" s="76"/>
      <c r="U5348" s="76"/>
      <c r="V5348" s="76"/>
      <c r="W5348" s="76"/>
      <c r="X5348" s="76"/>
      <c r="Y5348" s="76"/>
      <c r="Z5348" s="76"/>
      <c r="AA5348" s="85"/>
      <c r="AB5348" s="85"/>
      <c r="AC5348" s="85"/>
      <c r="AD5348" s="85"/>
      <c r="AE5348" s="85"/>
      <c r="AF5348" s="85"/>
      <c r="AG5348" s="86"/>
      <c r="AH5348" s="85"/>
      <c r="AI5348" s="85"/>
      <c r="AJ5348" s="85"/>
      <c r="AK5348" s="85"/>
      <c r="AL5348" s="85"/>
      <c r="AM5348" s="92"/>
      <c r="AN5348" s="92"/>
      <c r="AO5348" s="92"/>
      <c r="AP5348" s="92"/>
      <c r="AQ5348" s="92"/>
      <c r="AR5348" s="92"/>
      <c r="AS5348" s="92"/>
      <c r="AT5348" s="92"/>
      <c r="AU5348" s="92"/>
      <c r="AV5348" s="92"/>
      <c r="AW5348" s="92"/>
      <c r="AX5348" s="92"/>
      <c r="AY5348" s="92"/>
      <c r="AZ5348" s="93"/>
      <c r="BA5348" s="93"/>
      <c r="BB5348" s="93"/>
      <c r="BC5348" s="93"/>
      <c r="BD5348" s="93"/>
      <c r="BE5348" s="93"/>
      <c r="BF5348" s="93"/>
      <c r="BG5348" s="93"/>
      <c r="BH5348" s="93"/>
      <c r="BI5348" s="93"/>
      <c r="BJ5348" s="93"/>
      <c r="BK5348" s="93"/>
      <c r="BL5348" s="93"/>
    </row>
    <row r="5349" spans="2:64" x14ac:dyDescent="0.2">
      <c r="B5349" s="43"/>
      <c r="C5349" s="73"/>
      <c r="D5349" s="64"/>
      <c r="E5349" s="55"/>
      <c r="F5349" s="74"/>
      <c r="G5349" s="74"/>
      <c r="H5349" s="74"/>
      <c r="I5349" s="75"/>
      <c r="J5349" s="74"/>
      <c r="L5349" s="55"/>
      <c r="M5349" s="234"/>
      <c r="N5349" s="65"/>
      <c r="O5349" s="76"/>
      <c r="P5349" s="76"/>
      <c r="Q5349" s="65"/>
      <c r="R5349" s="76"/>
      <c r="S5349" s="76"/>
      <c r="T5349" s="76"/>
      <c r="U5349" s="76"/>
      <c r="V5349" s="76"/>
      <c r="W5349" s="76"/>
      <c r="X5349" s="76"/>
      <c r="Y5349" s="76"/>
      <c r="Z5349" s="76"/>
      <c r="AA5349" s="85"/>
      <c r="AB5349" s="85"/>
      <c r="AC5349" s="85"/>
      <c r="AD5349" s="85"/>
      <c r="AE5349" s="85"/>
      <c r="AF5349" s="85"/>
      <c r="AG5349" s="86"/>
      <c r="AH5349" s="85"/>
      <c r="AI5349" s="85"/>
      <c r="AJ5349" s="85"/>
      <c r="AK5349" s="85"/>
      <c r="AL5349" s="85"/>
      <c r="AM5349" s="92"/>
      <c r="AN5349" s="92"/>
      <c r="AO5349" s="92"/>
      <c r="AP5349" s="92"/>
      <c r="AQ5349" s="92"/>
      <c r="AR5349" s="92"/>
      <c r="AS5349" s="92"/>
      <c r="AT5349" s="92"/>
      <c r="AU5349" s="92"/>
      <c r="AV5349" s="92"/>
      <c r="AW5349" s="92"/>
      <c r="AX5349" s="92"/>
      <c r="AY5349" s="92"/>
      <c r="AZ5349" s="93"/>
      <c r="BA5349" s="93"/>
      <c r="BB5349" s="93"/>
      <c r="BC5349" s="93"/>
      <c r="BD5349" s="93"/>
      <c r="BE5349" s="93"/>
      <c r="BF5349" s="93"/>
      <c r="BG5349" s="93"/>
      <c r="BH5349" s="93"/>
      <c r="BI5349" s="93"/>
      <c r="BJ5349" s="93"/>
      <c r="BK5349" s="93"/>
      <c r="BL5349" s="93"/>
    </row>
    <row r="5350" spans="2:64" x14ac:dyDescent="0.2">
      <c r="B5350" s="43"/>
      <c r="C5350" s="73"/>
      <c r="D5350" s="64"/>
      <c r="E5350" s="55"/>
      <c r="F5350" s="74"/>
      <c r="G5350" s="74"/>
      <c r="H5350" s="74"/>
      <c r="I5350" s="75"/>
      <c r="J5350" s="74"/>
      <c r="L5350" s="55"/>
      <c r="M5350" s="234"/>
      <c r="N5350" s="65"/>
      <c r="O5350" s="76"/>
      <c r="P5350" s="76"/>
      <c r="Q5350" s="65"/>
      <c r="R5350" s="76"/>
      <c r="S5350" s="76"/>
      <c r="T5350" s="76"/>
      <c r="U5350" s="76"/>
      <c r="V5350" s="76"/>
      <c r="W5350" s="76"/>
      <c r="X5350" s="76"/>
      <c r="Y5350" s="76"/>
      <c r="Z5350" s="76"/>
      <c r="AA5350" s="85"/>
      <c r="AB5350" s="85"/>
      <c r="AC5350" s="85"/>
      <c r="AD5350" s="85"/>
      <c r="AE5350" s="85"/>
      <c r="AF5350" s="85"/>
      <c r="AG5350" s="86"/>
      <c r="AH5350" s="85"/>
      <c r="AI5350" s="85"/>
      <c r="AJ5350" s="85"/>
      <c r="AK5350" s="85"/>
      <c r="AL5350" s="85"/>
      <c r="AM5350" s="92"/>
      <c r="AN5350" s="92"/>
      <c r="AO5350" s="92"/>
      <c r="AP5350" s="92"/>
      <c r="AQ5350" s="92"/>
      <c r="AR5350" s="92"/>
      <c r="AS5350" s="92"/>
      <c r="AT5350" s="92"/>
      <c r="AU5350" s="92"/>
      <c r="AV5350" s="92"/>
      <c r="AW5350" s="92"/>
      <c r="AX5350" s="92"/>
      <c r="AY5350" s="92"/>
      <c r="AZ5350" s="93"/>
      <c r="BA5350" s="93"/>
      <c r="BB5350" s="93"/>
      <c r="BC5350" s="93"/>
      <c r="BD5350" s="93"/>
      <c r="BE5350" s="93"/>
      <c r="BF5350" s="93"/>
      <c r="BG5350" s="93"/>
      <c r="BH5350" s="93"/>
      <c r="BI5350" s="93"/>
      <c r="BJ5350" s="93"/>
      <c r="BK5350" s="93"/>
      <c r="BL5350" s="93"/>
    </row>
    <row r="5351" spans="2:64" x14ac:dyDescent="0.2">
      <c r="B5351" s="43"/>
      <c r="C5351" s="73"/>
      <c r="D5351" s="64"/>
      <c r="E5351" s="55"/>
      <c r="F5351" s="74"/>
      <c r="G5351" s="74"/>
      <c r="H5351" s="74"/>
      <c r="I5351" s="75"/>
      <c r="J5351" s="74"/>
      <c r="L5351" s="55"/>
      <c r="M5351" s="234"/>
      <c r="N5351" s="65"/>
      <c r="O5351" s="76"/>
      <c r="P5351" s="76"/>
      <c r="Q5351" s="65"/>
      <c r="R5351" s="76"/>
      <c r="S5351" s="76"/>
      <c r="T5351" s="76"/>
      <c r="U5351" s="76"/>
      <c r="V5351" s="76"/>
      <c r="W5351" s="76"/>
      <c r="X5351" s="76"/>
      <c r="Y5351" s="76"/>
      <c r="Z5351" s="76"/>
      <c r="AA5351" s="85"/>
      <c r="AB5351" s="85"/>
      <c r="AC5351" s="85"/>
      <c r="AD5351" s="85"/>
      <c r="AE5351" s="85"/>
      <c r="AF5351" s="85"/>
      <c r="AG5351" s="86"/>
      <c r="AH5351" s="85"/>
      <c r="AI5351" s="85"/>
      <c r="AJ5351" s="85"/>
      <c r="AK5351" s="85"/>
      <c r="AL5351" s="85"/>
      <c r="AM5351" s="92"/>
      <c r="AN5351" s="92"/>
      <c r="AO5351" s="92"/>
      <c r="AP5351" s="92"/>
      <c r="AQ5351" s="92"/>
      <c r="AR5351" s="92"/>
      <c r="AS5351" s="92"/>
      <c r="AT5351" s="92"/>
      <c r="AU5351" s="92"/>
      <c r="AV5351" s="92"/>
      <c r="AW5351" s="92"/>
      <c r="AX5351" s="92"/>
      <c r="AY5351" s="92"/>
      <c r="AZ5351" s="93"/>
      <c r="BA5351" s="93"/>
      <c r="BB5351" s="93"/>
      <c r="BC5351" s="93"/>
      <c r="BD5351" s="93"/>
      <c r="BE5351" s="93"/>
      <c r="BF5351" s="93"/>
      <c r="BG5351" s="93"/>
      <c r="BH5351" s="93"/>
      <c r="BI5351" s="93"/>
      <c r="BJ5351" s="93"/>
      <c r="BK5351" s="93"/>
      <c r="BL5351" s="93"/>
    </row>
    <row r="5352" spans="2:64" x14ac:dyDescent="0.2">
      <c r="B5352" s="43"/>
      <c r="C5352" s="73"/>
      <c r="D5352" s="64"/>
      <c r="E5352" s="55"/>
      <c r="F5352" s="74"/>
      <c r="G5352" s="74"/>
      <c r="H5352" s="74"/>
      <c r="I5352" s="75"/>
      <c r="J5352" s="74"/>
      <c r="L5352" s="55"/>
      <c r="M5352" s="234"/>
      <c r="N5352" s="65"/>
      <c r="O5352" s="76"/>
      <c r="P5352" s="76"/>
      <c r="Q5352" s="65"/>
      <c r="R5352" s="76"/>
      <c r="S5352" s="76"/>
      <c r="T5352" s="76"/>
      <c r="U5352" s="76"/>
      <c r="V5352" s="76"/>
      <c r="W5352" s="76"/>
      <c r="X5352" s="76"/>
      <c r="Y5352" s="76"/>
      <c r="Z5352" s="76"/>
      <c r="AA5352" s="85"/>
      <c r="AB5352" s="85"/>
      <c r="AC5352" s="85"/>
      <c r="AD5352" s="85"/>
      <c r="AE5352" s="85"/>
      <c r="AF5352" s="85"/>
      <c r="AG5352" s="86"/>
      <c r="AH5352" s="85"/>
      <c r="AI5352" s="85"/>
      <c r="AJ5352" s="85"/>
      <c r="AK5352" s="85"/>
      <c r="AL5352" s="85"/>
      <c r="AM5352" s="92"/>
      <c r="AN5352" s="92"/>
      <c r="AO5352" s="92"/>
      <c r="AP5352" s="92"/>
      <c r="AQ5352" s="92"/>
      <c r="AR5352" s="92"/>
      <c r="AS5352" s="92"/>
      <c r="AT5352" s="92"/>
      <c r="AU5352" s="92"/>
      <c r="AV5352" s="92"/>
      <c r="AW5352" s="92"/>
      <c r="AX5352" s="92"/>
      <c r="AY5352" s="92"/>
      <c r="AZ5352" s="93"/>
      <c r="BA5352" s="93"/>
      <c r="BB5352" s="93"/>
      <c r="BC5352" s="93"/>
      <c r="BD5352" s="93"/>
      <c r="BE5352" s="93"/>
      <c r="BF5352" s="93"/>
      <c r="BG5352" s="93"/>
      <c r="BH5352" s="93"/>
      <c r="BI5352" s="93"/>
      <c r="BJ5352" s="93"/>
      <c r="BK5352" s="93"/>
      <c r="BL5352" s="93"/>
    </row>
    <row r="5353" spans="2:64" x14ac:dyDescent="0.2">
      <c r="B5353" s="43"/>
      <c r="C5353" s="73"/>
      <c r="D5353" s="64"/>
      <c r="E5353" s="55"/>
      <c r="F5353" s="74"/>
      <c r="G5353" s="74"/>
      <c r="H5353" s="74"/>
      <c r="I5353" s="75"/>
      <c r="J5353" s="74"/>
      <c r="L5353" s="55"/>
      <c r="M5353" s="234"/>
      <c r="N5353" s="65"/>
      <c r="O5353" s="76"/>
      <c r="P5353" s="76"/>
      <c r="Q5353" s="65"/>
      <c r="R5353" s="76"/>
      <c r="S5353" s="76"/>
      <c r="T5353" s="76"/>
      <c r="U5353" s="76"/>
      <c r="V5353" s="76"/>
      <c r="W5353" s="76"/>
      <c r="X5353" s="76"/>
      <c r="Y5353" s="76"/>
      <c r="Z5353" s="76"/>
      <c r="AA5353" s="85"/>
      <c r="AB5353" s="85"/>
      <c r="AC5353" s="85"/>
      <c r="AD5353" s="85"/>
      <c r="AE5353" s="85"/>
      <c r="AF5353" s="85"/>
      <c r="AG5353" s="86"/>
      <c r="AH5353" s="85"/>
      <c r="AI5353" s="85"/>
      <c r="AJ5353" s="85"/>
      <c r="AK5353" s="85"/>
      <c r="AL5353" s="85"/>
      <c r="AM5353" s="92"/>
      <c r="AN5353" s="92"/>
      <c r="AO5353" s="92"/>
      <c r="AP5353" s="92"/>
      <c r="AQ5353" s="92"/>
      <c r="AR5353" s="92"/>
      <c r="AS5353" s="92"/>
      <c r="AT5353" s="92"/>
      <c r="AU5353" s="92"/>
      <c r="AV5353" s="92"/>
      <c r="AW5353" s="92"/>
      <c r="AX5353" s="92"/>
      <c r="AY5353" s="92"/>
      <c r="AZ5353" s="93"/>
      <c r="BA5353" s="93"/>
      <c r="BB5353" s="93"/>
      <c r="BC5353" s="93"/>
      <c r="BD5353" s="93"/>
      <c r="BE5353" s="93"/>
      <c r="BF5353" s="93"/>
      <c r="BG5353" s="93"/>
      <c r="BH5353" s="93"/>
      <c r="BI5353" s="93"/>
      <c r="BJ5353" s="93"/>
      <c r="BK5353" s="93"/>
      <c r="BL5353" s="93"/>
    </row>
    <row r="5354" spans="2:64" x14ac:dyDescent="0.2">
      <c r="B5354" s="43"/>
      <c r="C5354" s="73"/>
      <c r="D5354" s="64"/>
      <c r="E5354" s="55"/>
      <c r="F5354" s="74"/>
      <c r="G5354" s="74"/>
      <c r="H5354" s="74"/>
      <c r="I5354" s="75"/>
      <c r="J5354" s="74"/>
      <c r="L5354" s="55"/>
      <c r="M5354" s="234"/>
      <c r="N5354" s="65"/>
      <c r="O5354" s="76"/>
      <c r="P5354" s="76"/>
      <c r="Q5354" s="65"/>
      <c r="R5354" s="76"/>
      <c r="S5354" s="76"/>
      <c r="T5354" s="76"/>
      <c r="U5354" s="76"/>
      <c r="V5354" s="76"/>
      <c r="W5354" s="76"/>
      <c r="X5354" s="76"/>
      <c r="Y5354" s="76"/>
      <c r="Z5354" s="76"/>
      <c r="AA5354" s="85"/>
      <c r="AB5354" s="85"/>
      <c r="AC5354" s="85"/>
      <c r="AD5354" s="85"/>
      <c r="AE5354" s="85"/>
      <c r="AF5354" s="85"/>
      <c r="AG5354" s="86"/>
      <c r="AH5354" s="85"/>
      <c r="AI5354" s="85"/>
      <c r="AJ5354" s="85"/>
      <c r="AK5354" s="85"/>
      <c r="AL5354" s="85"/>
      <c r="AM5354" s="92"/>
      <c r="AN5354" s="92"/>
      <c r="AO5354" s="92"/>
      <c r="AP5354" s="92"/>
      <c r="AQ5354" s="92"/>
      <c r="AR5354" s="92"/>
      <c r="AS5354" s="92"/>
      <c r="AT5354" s="92"/>
      <c r="AU5354" s="92"/>
      <c r="AV5354" s="92"/>
      <c r="AW5354" s="92"/>
      <c r="AX5354" s="92"/>
      <c r="AY5354" s="92"/>
      <c r="AZ5354" s="93"/>
      <c r="BA5354" s="93"/>
      <c r="BB5354" s="93"/>
      <c r="BC5354" s="93"/>
      <c r="BD5354" s="93"/>
      <c r="BE5354" s="93"/>
      <c r="BF5354" s="93"/>
      <c r="BG5354" s="93"/>
      <c r="BH5354" s="93"/>
      <c r="BI5354" s="93"/>
      <c r="BJ5354" s="93"/>
      <c r="BK5354" s="93"/>
      <c r="BL5354" s="93"/>
    </row>
    <row r="5355" spans="2:64" x14ac:dyDescent="0.2">
      <c r="B5355" s="43"/>
      <c r="C5355" s="73"/>
      <c r="D5355" s="64"/>
      <c r="E5355" s="55"/>
      <c r="F5355" s="74"/>
      <c r="G5355" s="74"/>
      <c r="H5355" s="74"/>
      <c r="I5355" s="75"/>
      <c r="J5355" s="74"/>
      <c r="L5355" s="55"/>
      <c r="M5355" s="234"/>
      <c r="N5355" s="65"/>
      <c r="O5355" s="76"/>
      <c r="P5355" s="76"/>
      <c r="Q5355" s="65"/>
      <c r="R5355" s="76"/>
      <c r="S5355" s="76"/>
      <c r="T5355" s="76"/>
      <c r="U5355" s="76"/>
      <c r="V5355" s="76"/>
      <c r="W5355" s="76"/>
      <c r="X5355" s="76"/>
      <c r="Y5355" s="76"/>
      <c r="Z5355" s="76"/>
      <c r="AA5355" s="85"/>
      <c r="AB5355" s="85"/>
      <c r="AC5355" s="85"/>
      <c r="AD5355" s="85"/>
      <c r="AE5355" s="85"/>
      <c r="AF5355" s="85"/>
      <c r="AG5355" s="86"/>
      <c r="AH5355" s="85"/>
      <c r="AI5355" s="85"/>
      <c r="AJ5355" s="85"/>
      <c r="AK5355" s="85"/>
      <c r="AL5355" s="85"/>
      <c r="AM5355" s="92"/>
      <c r="AN5355" s="92"/>
      <c r="AO5355" s="92"/>
      <c r="AP5355" s="92"/>
      <c r="AQ5355" s="92"/>
      <c r="AR5355" s="92"/>
      <c r="AS5355" s="92"/>
      <c r="AT5355" s="92"/>
      <c r="AU5355" s="92"/>
      <c r="AV5355" s="92"/>
      <c r="AW5355" s="92"/>
      <c r="AX5355" s="92"/>
      <c r="AY5355" s="92"/>
      <c r="AZ5355" s="93"/>
      <c r="BA5355" s="93"/>
      <c r="BB5355" s="93"/>
      <c r="BC5355" s="93"/>
      <c r="BD5355" s="93"/>
      <c r="BE5355" s="93"/>
      <c r="BF5355" s="93"/>
      <c r="BG5355" s="93"/>
      <c r="BH5355" s="93"/>
      <c r="BI5355" s="93"/>
      <c r="BJ5355" s="93"/>
      <c r="BK5355" s="93"/>
      <c r="BL5355" s="93"/>
    </row>
    <row r="5356" spans="2:64" x14ac:dyDescent="0.2">
      <c r="B5356" s="43"/>
      <c r="C5356" s="73"/>
      <c r="D5356" s="64"/>
      <c r="E5356" s="55"/>
      <c r="F5356" s="74"/>
      <c r="G5356" s="74"/>
      <c r="H5356" s="74"/>
      <c r="I5356" s="75"/>
      <c r="J5356" s="74"/>
      <c r="L5356" s="55"/>
      <c r="M5356" s="234"/>
      <c r="N5356" s="65"/>
      <c r="O5356" s="76"/>
      <c r="P5356" s="76"/>
      <c r="Q5356" s="65"/>
      <c r="R5356" s="76"/>
      <c r="S5356" s="76"/>
      <c r="T5356" s="76"/>
      <c r="U5356" s="76"/>
      <c r="V5356" s="76"/>
      <c r="W5356" s="76"/>
      <c r="X5356" s="76"/>
      <c r="Y5356" s="76"/>
      <c r="Z5356" s="76"/>
      <c r="AA5356" s="85"/>
      <c r="AB5356" s="85"/>
      <c r="AC5356" s="85"/>
      <c r="AD5356" s="85"/>
      <c r="AE5356" s="85"/>
      <c r="AF5356" s="85"/>
      <c r="AG5356" s="86"/>
      <c r="AH5356" s="85"/>
      <c r="AI5356" s="85"/>
      <c r="AJ5356" s="85"/>
      <c r="AK5356" s="85"/>
      <c r="AL5356" s="85"/>
      <c r="AM5356" s="92"/>
      <c r="AN5356" s="92"/>
      <c r="AO5356" s="92"/>
      <c r="AP5356" s="92"/>
      <c r="AQ5356" s="92"/>
      <c r="AR5356" s="92"/>
      <c r="AS5356" s="92"/>
      <c r="AT5356" s="92"/>
      <c r="AU5356" s="92"/>
      <c r="AV5356" s="92"/>
      <c r="AW5356" s="92"/>
      <c r="AX5356" s="92"/>
      <c r="AY5356" s="92"/>
      <c r="AZ5356" s="93"/>
      <c r="BA5356" s="93"/>
      <c r="BB5356" s="93"/>
      <c r="BC5356" s="93"/>
      <c r="BD5356" s="93"/>
      <c r="BE5356" s="93"/>
      <c r="BF5356" s="93"/>
      <c r="BG5356" s="93"/>
      <c r="BH5356" s="93"/>
      <c r="BI5356" s="93"/>
      <c r="BJ5356" s="93"/>
      <c r="BK5356" s="93"/>
      <c r="BL5356" s="93"/>
    </row>
    <row r="5357" spans="2:64" x14ac:dyDescent="0.2">
      <c r="B5357" s="43"/>
      <c r="C5357" s="73"/>
      <c r="D5357" s="64"/>
      <c r="E5357" s="55"/>
      <c r="F5357" s="74"/>
      <c r="G5357" s="74"/>
      <c r="H5357" s="74"/>
      <c r="I5357" s="75"/>
      <c r="J5357" s="74"/>
      <c r="L5357" s="55"/>
      <c r="M5357" s="234"/>
      <c r="N5357" s="65"/>
      <c r="O5357" s="76"/>
      <c r="P5357" s="76"/>
      <c r="Q5357" s="65"/>
      <c r="R5357" s="76"/>
      <c r="S5357" s="76"/>
      <c r="T5357" s="76"/>
      <c r="U5357" s="76"/>
      <c r="V5357" s="76"/>
      <c r="W5357" s="76"/>
      <c r="X5357" s="76"/>
      <c r="Y5357" s="76"/>
      <c r="Z5357" s="76"/>
      <c r="AA5357" s="85"/>
      <c r="AB5357" s="85"/>
      <c r="AC5357" s="85"/>
      <c r="AD5357" s="85"/>
      <c r="AE5357" s="85"/>
      <c r="AF5357" s="85"/>
      <c r="AG5357" s="86"/>
      <c r="AH5357" s="85"/>
      <c r="AI5357" s="85"/>
      <c r="AJ5357" s="85"/>
      <c r="AK5357" s="85"/>
      <c r="AL5357" s="85"/>
      <c r="AM5357" s="92"/>
      <c r="AN5357" s="92"/>
      <c r="AO5357" s="92"/>
      <c r="AP5357" s="92"/>
      <c r="AQ5357" s="92"/>
      <c r="AR5357" s="92"/>
      <c r="AS5357" s="92"/>
      <c r="AT5357" s="92"/>
      <c r="AU5357" s="92"/>
      <c r="AV5357" s="92"/>
      <c r="AW5357" s="92"/>
      <c r="AX5357" s="92"/>
      <c r="AY5357" s="92"/>
      <c r="AZ5357" s="93"/>
      <c r="BA5357" s="93"/>
      <c r="BB5357" s="93"/>
      <c r="BC5357" s="93"/>
      <c r="BD5357" s="93"/>
      <c r="BE5357" s="93"/>
      <c r="BF5357" s="93"/>
      <c r="BG5357" s="93"/>
      <c r="BH5357" s="93"/>
      <c r="BI5357" s="93"/>
      <c r="BJ5357" s="93"/>
      <c r="BK5357" s="93"/>
      <c r="BL5357" s="93"/>
    </row>
    <row r="5358" spans="2:64" x14ac:dyDescent="0.2">
      <c r="B5358" s="43"/>
      <c r="C5358" s="73"/>
      <c r="D5358" s="64"/>
      <c r="E5358" s="55"/>
      <c r="F5358" s="74"/>
      <c r="G5358" s="74"/>
      <c r="H5358" s="74"/>
      <c r="I5358" s="75"/>
      <c r="J5358" s="74"/>
      <c r="L5358" s="55"/>
      <c r="M5358" s="234"/>
      <c r="N5358" s="65"/>
      <c r="O5358" s="76"/>
      <c r="P5358" s="76"/>
      <c r="Q5358" s="65"/>
      <c r="R5358" s="76"/>
      <c r="S5358" s="76"/>
      <c r="T5358" s="76"/>
      <c r="U5358" s="76"/>
      <c r="V5358" s="76"/>
      <c r="W5358" s="76"/>
      <c r="X5358" s="76"/>
      <c r="Y5358" s="76"/>
      <c r="Z5358" s="76"/>
      <c r="AA5358" s="85"/>
      <c r="AB5358" s="85"/>
      <c r="AC5358" s="85"/>
      <c r="AD5358" s="85"/>
      <c r="AE5358" s="85"/>
      <c r="AF5358" s="85"/>
      <c r="AG5358" s="86"/>
      <c r="AH5358" s="85"/>
      <c r="AI5358" s="85"/>
      <c r="AJ5358" s="85"/>
      <c r="AK5358" s="85"/>
      <c r="AL5358" s="85"/>
      <c r="AM5358" s="92"/>
      <c r="AN5358" s="92"/>
      <c r="AO5358" s="92"/>
      <c r="AP5358" s="92"/>
      <c r="AQ5358" s="92"/>
      <c r="AR5358" s="92"/>
      <c r="AS5358" s="92"/>
      <c r="AT5358" s="92"/>
      <c r="AU5358" s="92"/>
      <c r="AV5358" s="92"/>
      <c r="AW5358" s="92"/>
      <c r="AX5358" s="92"/>
      <c r="AY5358" s="92"/>
      <c r="AZ5358" s="93"/>
      <c r="BA5358" s="93"/>
      <c r="BB5358" s="93"/>
      <c r="BC5358" s="93"/>
      <c r="BD5358" s="93"/>
      <c r="BE5358" s="93"/>
      <c r="BF5358" s="93"/>
      <c r="BG5358" s="93"/>
      <c r="BH5358" s="93"/>
      <c r="BI5358" s="93"/>
      <c r="BJ5358" s="93"/>
      <c r="BK5358" s="93"/>
      <c r="BL5358" s="93"/>
    </row>
    <row r="5359" spans="2:64" x14ac:dyDescent="0.2">
      <c r="B5359" s="43"/>
      <c r="C5359" s="73"/>
      <c r="D5359" s="64"/>
      <c r="E5359" s="55"/>
      <c r="F5359" s="74"/>
      <c r="G5359" s="74"/>
      <c r="H5359" s="74"/>
      <c r="I5359" s="75"/>
      <c r="J5359" s="74"/>
      <c r="L5359" s="55"/>
      <c r="M5359" s="234"/>
      <c r="N5359" s="65"/>
      <c r="O5359" s="76"/>
      <c r="P5359" s="76"/>
      <c r="Q5359" s="65"/>
      <c r="R5359" s="76"/>
      <c r="S5359" s="76"/>
      <c r="T5359" s="76"/>
      <c r="U5359" s="76"/>
      <c r="V5359" s="76"/>
      <c r="W5359" s="76"/>
      <c r="X5359" s="76"/>
      <c r="Y5359" s="76"/>
      <c r="Z5359" s="76"/>
      <c r="AA5359" s="85"/>
      <c r="AB5359" s="85"/>
      <c r="AC5359" s="85"/>
      <c r="AD5359" s="85"/>
      <c r="AE5359" s="85"/>
      <c r="AF5359" s="85"/>
      <c r="AG5359" s="86"/>
      <c r="AH5359" s="85"/>
      <c r="AI5359" s="85"/>
      <c r="AJ5359" s="85"/>
      <c r="AK5359" s="85"/>
      <c r="AL5359" s="85"/>
      <c r="AM5359" s="92"/>
      <c r="AN5359" s="92"/>
      <c r="AO5359" s="92"/>
      <c r="AP5359" s="92"/>
      <c r="AQ5359" s="92"/>
      <c r="AR5359" s="92"/>
      <c r="AS5359" s="92"/>
      <c r="AT5359" s="92"/>
      <c r="AU5359" s="92"/>
      <c r="AV5359" s="92"/>
      <c r="AW5359" s="92"/>
      <c r="AX5359" s="92"/>
      <c r="AY5359" s="92"/>
      <c r="AZ5359" s="93"/>
      <c r="BA5359" s="93"/>
      <c r="BB5359" s="93"/>
      <c r="BC5359" s="93"/>
      <c r="BD5359" s="93"/>
      <c r="BE5359" s="93"/>
      <c r="BF5359" s="93"/>
      <c r="BG5359" s="93"/>
      <c r="BH5359" s="93"/>
      <c r="BI5359" s="93"/>
      <c r="BJ5359" s="93"/>
      <c r="BK5359" s="93"/>
      <c r="BL5359" s="93"/>
    </row>
    <row r="5360" spans="2:64" x14ac:dyDescent="0.2">
      <c r="B5360" s="43"/>
      <c r="C5360" s="73"/>
      <c r="D5360" s="64"/>
      <c r="E5360" s="55"/>
      <c r="F5360" s="74"/>
      <c r="G5360" s="74"/>
      <c r="H5360" s="74"/>
      <c r="I5360" s="75"/>
      <c r="J5360" s="74"/>
      <c r="L5360" s="55"/>
      <c r="M5360" s="234"/>
      <c r="N5360" s="65"/>
      <c r="O5360" s="76"/>
      <c r="P5360" s="76"/>
      <c r="Q5360" s="65"/>
      <c r="R5360" s="76"/>
      <c r="S5360" s="76"/>
      <c r="T5360" s="76"/>
      <c r="U5360" s="76"/>
      <c r="V5360" s="76"/>
      <c r="W5360" s="76"/>
      <c r="X5360" s="76"/>
      <c r="Y5360" s="76"/>
      <c r="Z5360" s="76"/>
      <c r="AA5360" s="85"/>
      <c r="AB5360" s="85"/>
      <c r="AC5360" s="85"/>
      <c r="AD5360" s="85"/>
      <c r="AE5360" s="85"/>
      <c r="AF5360" s="85"/>
      <c r="AG5360" s="86"/>
      <c r="AH5360" s="85"/>
      <c r="AI5360" s="85"/>
      <c r="AJ5360" s="85"/>
      <c r="AK5360" s="85"/>
      <c r="AL5360" s="85"/>
      <c r="AM5360" s="92"/>
      <c r="AN5360" s="92"/>
      <c r="AO5360" s="92"/>
      <c r="AP5360" s="92"/>
      <c r="AQ5360" s="92"/>
      <c r="AR5360" s="92"/>
      <c r="AS5360" s="92"/>
      <c r="AT5360" s="92"/>
      <c r="AU5360" s="92"/>
      <c r="AV5360" s="92"/>
      <c r="AW5360" s="92"/>
      <c r="AX5360" s="92"/>
      <c r="AY5360" s="92"/>
      <c r="AZ5360" s="93"/>
      <c r="BA5360" s="93"/>
      <c r="BB5360" s="93"/>
      <c r="BC5360" s="93"/>
      <c r="BD5360" s="93"/>
      <c r="BE5360" s="93"/>
      <c r="BF5360" s="93"/>
      <c r="BG5360" s="93"/>
      <c r="BH5360" s="93"/>
      <c r="BI5360" s="93"/>
      <c r="BJ5360" s="93"/>
      <c r="BK5360" s="93"/>
      <c r="BL5360" s="93"/>
    </row>
    <row r="5361" spans="2:64" x14ac:dyDescent="0.2">
      <c r="B5361" s="43"/>
      <c r="C5361" s="73"/>
      <c r="D5361" s="64"/>
      <c r="E5361" s="55"/>
      <c r="F5361" s="74"/>
      <c r="G5361" s="74"/>
      <c r="H5361" s="74"/>
      <c r="I5361" s="75"/>
      <c r="J5361" s="74"/>
      <c r="L5361" s="55"/>
      <c r="M5361" s="234"/>
      <c r="N5361" s="65"/>
      <c r="O5361" s="76"/>
      <c r="P5361" s="76"/>
      <c r="Q5361" s="65"/>
      <c r="R5361" s="76"/>
      <c r="S5361" s="76"/>
      <c r="T5361" s="76"/>
      <c r="U5361" s="76"/>
      <c r="V5361" s="76"/>
      <c r="W5361" s="76"/>
      <c r="X5361" s="76"/>
      <c r="Y5361" s="76"/>
      <c r="Z5361" s="76"/>
      <c r="AA5361" s="85"/>
      <c r="AB5361" s="85"/>
      <c r="AC5361" s="85"/>
      <c r="AD5361" s="85"/>
      <c r="AE5361" s="85"/>
      <c r="AF5361" s="85"/>
      <c r="AG5361" s="86"/>
      <c r="AH5361" s="85"/>
      <c r="AI5361" s="85"/>
      <c r="AJ5361" s="85"/>
      <c r="AK5361" s="85"/>
      <c r="AL5361" s="85"/>
      <c r="AM5361" s="92"/>
      <c r="AN5361" s="92"/>
      <c r="AO5361" s="92"/>
      <c r="AP5361" s="92"/>
      <c r="AQ5361" s="92"/>
      <c r="AR5361" s="92"/>
      <c r="AS5361" s="92"/>
      <c r="AT5361" s="92"/>
      <c r="AU5361" s="92"/>
      <c r="AV5361" s="92"/>
      <c r="AW5361" s="92"/>
      <c r="AX5361" s="92"/>
      <c r="AY5361" s="92"/>
      <c r="AZ5361" s="93"/>
      <c r="BA5361" s="93"/>
      <c r="BB5361" s="93"/>
      <c r="BC5361" s="93"/>
      <c r="BD5361" s="93"/>
      <c r="BE5361" s="93"/>
      <c r="BF5361" s="93"/>
      <c r="BG5361" s="93"/>
      <c r="BH5361" s="93"/>
      <c r="BI5361" s="93"/>
      <c r="BJ5361" s="93"/>
      <c r="BK5361" s="93"/>
      <c r="BL5361" s="93"/>
    </row>
    <row r="5362" spans="2:64" x14ac:dyDescent="0.2">
      <c r="B5362" s="43"/>
      <c r="C5362" s="73"/>
      <c r="D5362" s="64"/>
      <c r="E5362" s="55"/>
      <c r="F5362" s="74"/>
      <c r="G5362" s="74"/>
      <c r="H5362" s="74"/>
      <c r="I5362" s="75"/>
      <c r="J5362" s="74"/>
      <c r="L5362" s="55"/>
      <c r="M5362" s="234"/>
      <c r="N5362" s="65"/>
      <c r="O5362" s="76"/>
      <c r="P5362" s="76"/>
      <c r="Q5362" s="65"/>
      <c r="R5362" s="76"/>
      <c r="S5362" s="76"/>
      <c r="T5362" s="76"/>
      <c r="U5362" s="76"/>
      <c r="V5362" s="76"/>
      <c r="W5362" s="76"/>
      <c r="X5362" s="76"/>
      <c r="Y5362" s="76"/>
      <c r="Z5362" s="76"/>
      <c r="AA5362" s="85"/>
      <c r="AB5362" s="85"/>
      <c r="AC5362" s="85"/>
      <c r="AD5362" s="85"/>
      <c r="AE5362" s="85"/>
      <c r="AF5362" s="85"/>
      <c r="AG5362" s="86"/>
      <c r="AH5362" s="85"/>
      <c r="AI5362" s="85"/>
      <c r="AJ5362" s="85"/>
      <c r="AK5362" s="85"/>
      <c r="AL5362" s="85"/>
      <c r="AM5362" s="92"/>
      <c r="AN5362" s="92"/>
      <c r="AO5362" s="92"/>
      <c r="AP5362" s="92"/>
      <c r="AQ5362" s="92"/>
      <c r="AR5362" s="92"/>
      <c r="AS5362" s="92"/>
      <c r="AT5362" s="92"/>
      <c r="AU5362" s="92"/>
      <c r="AV5362" s="92"/>
      <c r="AW5362" s="92"/>
      <c r="AX5362" s="92"/>
      <c r="AY5362" s="92"/>
      <c r="AZ5362" s="93"/>
      <c r="BA5362" s="93"/>
      <c r="BB5362" s="93"/>
      <c r="BC5362" s="93"/>
      <c r="BD5362" s="93"/>
      <c r="BE5362" s="93"/>
      <c r="BF5362" s="93"/>
      <c r="BG5362" s="93"/>
      <c r="BH5362" s="93"/>
      <c r="BI5362" s="93"/>
      <c r="BJ5362" s="93"/>
      <c r="BK5362" s="93"/>
      <c r="BL5362" s="93"/>
    </row>
    <row r="5363" spans="2:64" x14ac:dyDescent="0.2">
      <c r="B5363" s="43"/>
      <c r="C5363" s="73"/>
      <c r="D5363" s="64"/>
      <c r="E5363" s="55"/>
      <c r="F5363" s="74"/>
      <c r="G5363" s="74"/>
      <c r="H5363" s="74"/>
      <c r="I5363" s="75"/>
      <c r="J5363" s="74"/>
      <c r="L5363" s="55"/>
      <c r="M5363" s="234"/>
      <c r="N5363" s="65"/>
      <c r="O5363" s="76"/>
      <c r="P5363" s="76"/>
      <c r="Q5363" s="65"/>
      <c r="R5363" s="76"/>
      <c r="S5363" s="76"/>
      <c r="T5363" s="76"/>
      <c r="U5363" s="76"/>
      <c r="V5363" s="76"/>
      <c r="W5363" s="76"/>
      <c r="X5363" s="76"/>
      <c r="Y5363" s="76"/>
      <c r="Z5363" s="76"/>
      <c r="AA5363" s="85"/>
      <c r="AB5363" s="85"/>
      <c r="AC5363" s="85"/>
      <c r="AD5363" s="85"/>
      <c r="AE5363" s="85"/>
      <c r="AF5363" s="85"/>
      <c r="AG5363" s="86"/>
      <c r="AH5363" s="85"/>
      <c r="AI5363" s="85"/>
      <c r="AJ5363" s="85"/>
      <c r="AK5363" s="85"/>
      <c r="AL5363" s="85"/>
      <c r="AM5363" s="92"/>
      <c r="AN5363" s="92"/>
      <c r="AO5363" s="92"/>
      <c r="AP5363" s="92"/>
      <c r="AQ5363" s="92"/>
      <c r="AR5363" s="92"/>
      <c r="AS5363" s="92"/>
      <c r="AT5363" s="92"/>
      <c r="AU5363" s="92"/>
      <c r="AV5363" s="92"/>
      <c r="AW5363" s="92"/>
      <c r="AX5363" s="92"/>
      <c r="AY5363" s="92"/>
      <c r="AZ5363" s="93"/>
      <c r="BA5363" s="93"/>
      <c r="BB5363" s="93"/>
      <c r="BC5363" s="93"/>
      <c r="BD5363" s="93"/>
      <c r="BE5363" s="93"/>
      <c r="BF5363" s="93"/>
      <c r="BG5363" s="93"/>
      <c r="BH5363" s="93"/>
      <c r="BI5363" s="93"/>
      <c r="BJ5363" s="93"/>
      <c r="BK5363" s="93"/>
      <c r="BL5363" s="93"/>
    </row>
    <row r="5364" spans="2:64" x14ac:dyDescent="0.2">
      <c r="B5364" s="43"/>
      <c r="C5364" s="73"/>
      <c r="D5364" s="64"/>
      <c r="E5364" s="55"/>
      <c r="F5364" s="74"/>
      <c r="G5364" s="74"/>
      <c r="H5364" s="74"/>
      <c r="I5364" s="75"/>
      <c r="J5364" s="74"/>
      <c r="L5364" s="55"/>
      <c r="M5364" s="234"/>
      <c r="N5364" s="65"/>
      <c r="O5364" s="76"/>
      <c r="P5364" s="76"/>
      <c r="Q5364" s="65"/>
      <c r="R5364" s="76"/>
      <c r="S5364" s="76"/>
      <c r="T5364" s="76"/>
      <c r="U5364" s="76"/>
      <c r="V5364" s="76"/>
      <c r="W5364" s="76"/>
      <c r="X5364" s="76"/>
      <c r="Y5364" s="76"/>
      <c r="Z5364" s="76"/>
      <c r="AA5364" s="85"/>
      <c r="AB5364" s="85"/>
      <c r="AC5364" s="85"/>
      <c r="AD5364" s="85"/>
      <c r="AE5364" s="85"/>
      <c r="AF5364" s="85"/>
      <c r="AG5364" s="86"/>
      <c r="AH5364" s="85"/>
      <c r="AI5364" s="85"/>
      <c r="AJ5364" s="85"/>
      <c r="AK5364" s="85"/>
      <c r="AL5364" s="85"/>
      <c r="AM5364" s="92"/>
      <c r="AN5364" s="92"/>
      <c r="AO5364" s="92"/>
      <c r="AP5364" s="92"/>
      <c r="AQ5364" s="92"/>
      <c r="AR5364" s="92"/>
      <c r="AS5364" s="92"/>
      <c r="AT5364" s="92"/>
      <c r="AU5364" s="92"/>
      <c r="AV5364" s="92"/>
      <c r="AW5364" s="92"/>
      <c r="AX5364" s="92"/>
      <c r="AY5364" s="92"/>
      <c r="AZ5364" s="93"/>
      <c r="BA5364" s="93"/>
      <c r="BB5364" s="93"/>
      <c r="BC5364" s="93"/>
      <c r="BD5364" s="93"/>
      <c r="BE5364" s="93"/>
      <c r="BF5364" s="93"/>
      <c r="BG5364" s="93"/>
      <c r="BH5364" s="93"/>
      <c r="BI5364" s="93"/>
      <c r="BJ5364" s="93"/>
      <c r="BK5364" s="93"/>
      <c r="BL5364" s="93"/>
    </row>
    <row r="5365" spans="2:64" x14ac:dyDescent="0.2">
      <c r="B5365" s="43"/>
      <c r="C5365" s="73"/>
      <c r="D5365" s="64"/>
      <c r="E5365" s="55"/>
      <c r="F5365" s="74"/>
      <c r="G5365" s="74"/>
      <c r="H5365" s="74"/>
      <c r="I5365" s="75"/>
      <c r="J5365" s="74"/>
      <c r="L5365" s="55"/>
      <c r="M5365" s="234"/>
      <c r="N5365" s="65"/>
      <c r="O5365" s="76"/>
      <c r="P5365" s="76"/>
      <c r="Q5365" s="65"/>
      <c r="R5365" s="76"/>
      <c r="S5365" s="76"/>
      <c r="T5365" s="76"/>
      <c r="U5365" s="76"/>
      <c r="V5365" s="76"/>
      <c r="W5365" s="76"/>
      <c r="X5365" s="76"/>
      <c r="Y5365" s="76"/>
      <c r="Z5365" s="76"/>
      <c r="AA5365" s="85"/>
      <c r="AB5365" s="85"/>
      <c r="AC5365" s="85"/>
      <c r="AD5365" s="85"/>
      <c r="AE5365" s="85"/>
      <c r="AF5365" s="85"/>
      <c r="AG5365" s="86"/>
      <c r="AH5365" s="85"/>
      <c r="AI5365" s="85"/>
      <c r="AJ5365" s="85"/>
      <c r="AK5365" s="85"/>
      <c r="AL5365" s="85"/>
      <c r="AM5365" s="92"/>
      <c r="AN5365" s="92"/>
      <c r="AO5365" s="92"/>
      <c r="AP5365" s="92"/>
      <c r="AQ5365" s="92"/>
      <c r="AR5365" s="92"/>
      <c r="AS5365" s="92"/>
      <c r="AT5365" s="92"/>
      <c r="AU5365" s="92"/>
      <c r="AV5365" s="92"/>
      <c r="AW5365" s="92"/>
      <c r="AX5365" s="92"/>
      <c r="AY5365" s="92"/>
      <c r="AZ5365" s="93"/>
      <c r="BA5365" s="93"/>
      <c r="BB5365" s="93"/>
      <c r="BC5365" s="93"/>
      <c r="BD5365" s="93"/>
      <c r="BE5365" s="93"/>
      <c r="BF5365" s="93"/>
      <c r="BG5365" s="93"/>
      <c r="BH5365" s="93"/>
      <c r="BI5365" s="93"/>
      <c r="BJ5365" s="93"/>
      <c r="BK5365" s="93"/>
      <c r="BL5365" s="93"/>
    </row>
    <row r="5366" spans="2:64" x14ac:dyDescent="0.2">
      <c r="B5366" s="43"/>
      <c r="C5366" s="73"/>
      <c r="D5366" s="64"/>
      <c r="E5366" s="55"/>
      <c r="F5366" s="74"/>
      <c r="G5366" s="74"/>
      <c r="H5366" s="74"/>
      <c r="I5366" s="75"/>
      <c r="J5366" s="74"/>
      <c r="L5366" s="55"/>
      <c r="M5366" s="234"/>
      <c r="N5366" s="65"/>
      <c r="O5366" s="76"/>
      <c r="P5366" s="76"/>
      <c r="Q5366" s="65"/>
      <c r="R5366" s="76"/>
      <c r="S5366" s="76"/>
      <c r="T5366" s="76"/>
      <c r="U5366" s="76"/>
      <c r="V5366" s="76"/>
      <c r="W5366" s="76"/>
      <c r="X5366" s="76"/>
      <c r="Y5366" s="76"/>
      <c r="Z5366" s="76"/>
      <c r="AA5366" s="85"/>
      <c r="AB5366" s="85"/>
      <c r="AC5366" s="85"/>
      <c r="AD5366" s="85"/>
      <c r="AE5366" s="85"/>
      <c r="AF5366" s="85"/>
      <c r="AG5366" s="86"/>
      <c r="AH5366" s="85"/>
      <c r="AI5366" s="85"/>
      <c r="AJ5366" s="85"/>
      <c r="AK5366" s="85"/>
      <c r="AL5366" s="85"/>
      <c r="AM5366" s="92"/>
      <c r="AN5366" s="92"/>
      <c r="AO5366" s="92"/>
      <c r="AP5366" s="92"/>
      <c r="AQ5366" s="92"/>
      <c r="AR5366" s="92"/>
      <c r="AS5366" s="92"/>
      <c r="AT5366" s="92"/>
      <c r="AU5366" s="92"/>
      <c r="AV5366" s="92"/>
      <c r="AW5366" s="92"/>
      <c r="AX5366" s="92"/>
      <c r="AY5366" s="92"/>
      <c r="AZ5366" s="93"/>
      <c r="BA5366" s="93"/>
      <c r="BB5366" s="93"/>
      <c r="BC5366" s="93"/>
      <c r="BD5366" s="93"/>
      <c r="BE5366" s="93"/>
      <c r="BF5366" s="93"/>
      <c r="BG5366" s="93"/>
      <c r="BH5366" s="93"/>
      <c r="BI5366" s="93"/>
      <c r="BJ5366" s="93"/>
      <c r="BK5366" s="93"/>
      <c r="BL5366" s="93"/>
    </row>
    <row r="5367" spans="2:64" x14ac:dyDescent="0.2">
      <c r="B5367" s="43"/>
      <c r="C5367" s="73"/>
      <c r="D5367" s="64"/>
      <c r="E5367" s="55"/>
      <c r="F5367" s="74"/>
      <c r="G5367" s="74"/>
      <c r="H5367" s="74"/>
      <c r="I5367" s="75"/>
      <c r="J5367" s="74"/>
      <c r="L5367" s="55"/>
      <c r="M5367" s="234"/>
      <c r="N5367" s="65"/>
      <c r="O5367" s="76"/>
      <c r="P5367" s="76"/>
      <c r="Q5367" s="65"/>
      <c r="R5367" s="76"/>
      <c r="S5367" s="76"/>
      <c r="T5367" s="76"/>
      <c r="U5367" s="76"/>
      <c r="V5367" s="76"/>
      <c r="W5367" s="76"/>
      <c r="X5367" s="76"/>
      <c r="Y5367" s="76"/>
      <c r="Z5367" s="76"/>
      <c r="AA5367" s="85"/>
      <c r="AB5367" s="85"/>
      <c r="AC5367" s="85"/>
      <c r="AD5367" s="85"/>
      <c r="AE5367" s="85"/>
      <c r="AF5367" s="85"/>
      <c r="AG5367" s="86"/>
      <c r="AH5367" s="85"/>
      <c r="AI5367" s="85"/>
      <c r="AJ5367" s="85"/>
      <c r="AK5367" s="85"/>
      <c r="AL5367" s="85"/>
      <c r="AM5367" s="92"/>
      <c r="AN5367" s="92"/>
      <c r="AO5367" s="92"/>
      <c r="AP5367" s="92"/>
      <c r="AQ5367" s="92"/>
      <c r="AR5367" s="92"/>
      <c r="AS5367" s="92"/>
      <c r="AT5367" s="92"/>
      <c r="AU5367" s="92"/>
      <c r="AV5367" s="92"/>
      <c r="AW5367" s="92"/>
      <c r="AX5367" s="92"/>
      <c r="AY5367" s="92"/>
      <c r="AZ5367" s="93"/>
      <c r="BA5367" s="93"/>
      <c r="BB5367" s="93"/>
      <c r="BC5367" s="93"/>
      <c r="BD5367" s="93"/>
      <c r="BE5367" s="93"/>
      <c r="BF5367" s="93"/>
      <c r="BG5367" s="93"/>
      <c r="BH5367" s="93"/>
      <c r="BI5367" s="93"/>
      <c r="BJ5367" s="93"/>
      <c r="BK5367" s="93"/>
      <c r="BL5367" s="93"/>
    </row>
    <row r="5368" spans="2:64" x14ac:dyDescent="0.2">
      <c r="B5368" s="43"/>
      <c r="C5368" s="73"/>
      <c r="D5368" s="64"/>
      <c r="E5368" s="55"/>
      <c r="F5368" s="74"/>
      <c r="G5368" s="74"/>
      <c r="H5368" s="74"/>
      <c r="I5368" s="75"/>
      <c r="J5368" s="74"/>
      <c r="L5368" s="55"/>
      <c r="M5368" s="234"/>
      <c r="N5368" s="65"/>
      <c r="O5368" s="76"/>
      <c r="P5368" s="76"/>
      <c r="Q5368" s="65"/>
      <c r="R5368" s="76"/>
      <c r="S5368" s="76"/>
      <c r="T5368" s="76"/>
      <c r="U5368" s="76"/>
      <c r="V5368" s="76"/>
      <c r="W5368" s="76"/>
      <c r="X5368" s="76"/>
      <c r="Y5368" s="76"/>
      <c r="Z5368" s="76"/>
      <c r="AA5368" s="85"/>
      <c r="AB5368" s="85"/>
      <c r="AC5368" s="85"/>
      <c r="AD5368" s="85"/>
      <c r="AE5368" s="85"/>
      <c r="AF5368" s="85"/>
      <c r="AG5368" s="86"/>
      <c r="AH5368" s="85"/>
      <c r="AI5368" s="85"/>
      <c r="AJ5368" s="85"/>
      <c r="AK5368" s="85"/>
      <c r="AL5368" s="85"/>
      <c r="AM5368" s="92"/>
      <c r="AN5368" s="92"/>
      <c r="AO5368" s="92"/>
      <c r="AP5368" s="92"/>
      <c r="AQ5368" s="92"/>
      <c r="AR5368" s="92"/>
      <c r="AS5368" s="92"/>
      <c r="AT5368" s="92"/>
      <c r="AU5368" s="92"/>
      <c r="AV5368" s="92"/>
      <c r="AW5368" s="92"/>
      <c r="AX5368" s="92"/>
      <c r="AY5368" s="92"/>
      <c r="AZ5368" s="93"/>
      <c r="BA5368" s="93"/>
      <c r="BB5368" s="93"/>
      <c r="BC5368" s="93"/>
      <c r="BD5368" s="93"/>
      <c r="BE5368" s="93"/>
      <c r="BF5368" s="93"/>
      <c r="BG5368" s="93"/>
      <c r="BH5368" s="93"/>
      <c r="BI5368" s="93"/>
      <c r="BJ5368" s="93"/>
      <c r="BK5368" s="93"/>
      <c r="BL5368" s="93"/>
    </row>
    <row r="5369" spans="2:64" x14ac:dyDescent="0.2">
      <c r="B5369" s="43"/>
      <c r="C5369" s="73"/>
      <c r="D5369" s="64"/>
      <c r="E5369" s="55"/>
      <c r="F5369" s="74"/>
      <c r="G5369" s="74"/>
      <c r="H5369" s="74"/>
      <c r="I5369" s="75"/>
      <c r="J5369" s="74"/>
      <c r="L5369" s="55"/>
      <c r="M5369" s="234"/>
      <c r="N5369" s="65"/>
      <c r="O5369" s="76"/>
      <c r="P5369" s="76"/>
      <c r="Q5369" s="65"/>
      <c r="R5369" s="76"/>
      <c r="S5369" s="76"/>
      <c r="T5369" s="76"/>
      <c r="U5369" s="76"/>
      <c r="V5369" s="76"/>
      <c r="W5369" s="76"/>
      <c r="X5369" s="76"/>
      <c r="Y5369" s="76"/>
      <c r="Z5369" s="76"/>
      <c r="AA5369" s="85"/>
      <c r="AB5369" s="85"/>
      <c r="AC5369" s="85"/>
      <c r="AD5369" s="85"/>
      <c r="AE5369" s="85"/>
      <c r="AF5369" s="85"/>
      <c r="AG5369" s="86"/>
      <c r="AH5369" s="85"/>
      <c r="AI5369" s="85"/>
      <c r="AJ5369" s="85"/>
      <c r="AK5369" s="85"/>
      <c r="AL5369" s="85"/>
      <c r="AM5369" s="92"/>
      <c r="AN5369" s="92"/>
      <c r="AO5369" s="92"/>
      <c r="AP5369" s="92"/>
      <c r="AQ5369" s="92"/>
      <c r="AR5369" s="92"/>
      <c r="AS5369" s="92"/>
      <c r="AT5369" s="92"/>
      <c r="AU5369" s="92"/>
      <c r="AV5369" s="92"/>
      <c r="AW5369" s="92"/>
      <c r="AX5369" s="92"/>
      <c r="AY5369" s="92"/>
      <c r="AZ5369" s="93"/>
      <c r="BA5369" s="93"/>
      <c r="BB5369" s="93"/>
      <c r="BC5369" s="93"/>
      <c r="BD5369" s="93"/>
      <c r="BE5369" s="93"/>
      <c r="BF5369" s="93"/>
      <c r="BG5369" s="93"/>
      <c r="BH5369" s="93"/>
      <c r="BI5369" s="93"/>
      <c r="BJ5369" s="93"/>
      <c r="BK5369" s="93"/>
      <c r="BL5369" s="93"/>
    </row>
    <row r="5370" spans="2:64" x14ac:dyDescent="0.2">
      <c r="B5370" s="43"/>
      <c r="C5370" s="73"/>
      <c r="D5370" s="64"/>
      <c r="E5370" s="55"/>
      <c r="F5370" s="74"/>
      <c r="G5370" s="74"/>
      <c r="H5370" s="74"/>
      <c r="I5370" s="75"/>
      <c r="J5370" s="74"/>
      <c r="L5370" s="55"/>
      <c r="M5370" s="234"/>
      <c r="N5370" s="65"/>
      <c r="O5370" s="76"/>
      <c r="P5370" s="76"/>
      <c r="Q5370" s="65"/>
      <c r="R5370" s="76"/>
      <c r="S5370" s="76"/>
      <c r="T5370" s="76"/>
      <c r="U5370" s="76"/>
      <c r="V5370" s="76"/>
      <c r="W5370" s="76"/>
      <c r="X5370" s="76"/>
      <c r="Y5370" s="76"/>
      <c r="Z5370" s="76"/>
      <c r="AA5370" s="85"/>
      <c r="AB5370" s="85"/>
      <c r="AC5370" s="85"/>
      <c r="AD5370" s="85"/>
      <c r="AE5370" s="85"/>
      <c r="AF5370" s="85"/>
      <c r="AG5370" s="86"/>
      <c r="AH5370" s="85"/>
      <c r="AI5370" s="85"/>
      <c r="AJ5370" s="85"/>
      <c r="AK5370" s="85"/>
      <c r="AL5370" s="85"/>
      <c r="AM5370" s="92"/>
      <c r="AN5370" s="92"/>
      <c r="AO5370" s="92"/>
      <c r="AP5370" s="92"/>
      <c r="AQ5370" s="92"/>
      <c r="AR5370" s="92"/>
      <c r="AS5370" s="92"/>
      <c r="AT5370" s="92"/>
      <c r="AU5370" s="92"/>
      <c r="AV5370" s="92"/>
      <c r="AW5370" s="92"/>
      <c r="AX5370" s="92"/>
      <c r="AY5370" s="92"/>
      <c r="AZ5370" s="93"/>
      <c r="BA5370" s="93"/>
      <c r="BB5370" s="93"/>
      <c r="BC5370" s="93"/>
      <c r="BD5370" s="93"/>
      <c r="BE5370" s="93"/>
      <c r="BF5370" s="93"/>
      <c r="BG5370" s="93"/>
      <c r="BH5370" s="93"/>
      <c r="BI5370" s="93"/>
      <c r="BJ5370" s="93"/>
      <c r="BK5370" s="93"/>
      <c r="BL5370" s="93"/>
    </row>
    <row r="5371" spans="2:64" x14ac:dyDescent="0.2">
      <c r="B5371" s="43"/>
      <c r="C5371" s="73"/>
      <c r="D5371" s="64"/>
      <c r="E5371" s="55"/>
      <c r="F5371" s="74"/>
      <c r="G5371" s="74"/>
      <c r="H5371" s="74"/>
      <c r="I5371" s="75"/>
      <c r="J5371" s="74"/>
      <c r="L5371" s="55"/>
      <c r="M5371" s="234"/>
      <c r="N5371" s="65"/>
      <c r="O5371" s="76"/>
      <c r="P5371" s="76"/>
      <c r="Q5371" s="65"/>
      <c r="R5371" s="76"/>
      <c r="S5371" s="76"/>
      <c r="T5371" s="76"/>
      <c r="U5371" s="76"/>
      <c r="V5371" s="76"/>
      <c r="W5371" s="76"/>
      <c r="X5371" s="76"/>
      <c r="Y5371" s="76"/>
      <c r="Z5371" s="76"/>
      <c r="AA5371" s="85"/>
      <c r="AB5371" s="85"/>
      <c r="AC5371" s="85"/>
      <c r="AD5371" s="85"/>
      <c r="AE5371" s="85"/>
      <c r="AF5371" s="85"/>
      <c r="AG5371" s="86"/>
      <c r="AH5371" s="85"/>
      <c r="AI5371" s="85"/>
      <c r="AJ5371" s="85"/>
      <c r="AK5371" s="85"/>
      <c r="AL5371" s="85"/>
      <c r="AM5371" s="92"/>
      <c r="AN5371" s="92"/>
      <c r="AO5371" s="92"/>
      <c r="AP5371" s="92"/>
      <c r="AQ5371" s="92"/>
      <c r="AR5371" s="92"/>
      <c r="AS5371" s="92"/>
      <c r="AT5371" s="92"/>
      <c r="AU5371" s="92"/>
      <c r="AV5371" s="92"/>
      <c r="AW5371" s="92"/>
      <c r="AX5371" s="92"/>
      <c r="AY5371" s="92"/>
      <c r="AZ5371" s="93"/>
      <c r="BA5371" s="93"/>
      <c r="BB5371" s="93"/>
      <c r="BC5371" s="93"/>
      <c r="BD5371" s="93"/>
      <c r="BE5371" s="93"/>
      <c r="BF5371" s="93"/>
      <c r="BG5371" s="93"/>
      <c r="BH5371" s="93"/>
      <c r="BI5371" s="93"/>
      <c r="BJ5371" s="93"/>
      <c r="BK5371" s="93"/>
      <c r="BL5371" s="93"/>
    </row>
    <row r="5372" spans="2:64" x14ac:dyDescent="0.2">
      <c r="B5372" s="43"/>
      <c r="C5372" s="73"/>
      <c r="D5372" s="64"/>
      <c r="E5372" s="55"/>
      <c r="F5372" s="74"/>
      <c r="G5372" s="74"/>
      <c r="H5372" s="74"/>
      <c r="I5372" s="75"/>
      <c r="J5372" s="74"/>
      <c r="L5372" s="55"/>
      <c r="M5372" s="234"/>
      <c r="N5372" s="65"/>
      <c r="O5372" s="76"/>
      <c r="P5372" s="76"/>
      <c r="Q5372" s="65"/>
      <c r="R5372" s="76"/>
      <c r="S5372" s="76"/>
      <c r="T5372" s="76"/>
      <c r="U5372" s="76"/>
      <c r="V5372" s="76"/>
      <c r="W5372" s="76"/>
      <c r="X5372" s="76"/>
      <c r="Y5372" s="76"/>
      <c r="Z5372" s="76"/>
      <c r="AA5372" s="85"/>
      <c r="AB5372" s="85"/>
      <c r="AC5372" s="85"/>
      <c r="AD5372" s="85"/>
      <c r="AE5372" s="85"/>
      <c r="AF5372" s="85"/>
      <c r="AG5372" s="86"/>
      <c r="AH5372" s="85"/>
      <c r="AI5372" s="85"/>
      <c r="AJ5372" s="85"/>
      <c r="AK5372" s="85"/>
      <c r="AL5372" s="85"/>
      <c r="AM5372" s="92"/>
      <c r="AN5372" s="92"/>
      <c r="AO5372" s="92"/>
      <c r="AP5372" s="92"/>
      <c r="AQ5372" s="92"/>
      <c r="AR5372" s="92"/>
      <c r="AS5372" s="92"/>
      <c r="AT5372" s="92"/>
      <c r="AU5372" s="92"/>
      <c r="AV5372" s="92"/>
      <c r="AW5372" s="92"/>
      <c r="AX5372" s="92"/>
      <c r="AY5372" s="92"/>
      <c r="AZ5372" s="93"/>
      <c r="BA5372" s="93"/>
      <c r="BB5372" s="93"/>
      <c r="BC5372" s="93"/>
      <c r="BD5372" s="93"/>
      <c r="BE5372" s="93"/>
      <c r="BF5372" s="93"/>
      <c r="BG5372" s="93"/>
      <c r="BH5372" s="93"/>
      <c r="BI5372" s="93"/>
      <c r="BJ5372" s="93"/>
      <c r="BK5372" s="93"/>
      <c r="BL5372" s="93"/>
    </row>
    <row r="5373" spans="2:64" x14ac:dyDescent="0.2">
      <c r="B5373" s="43"/>
      <c r="C5373" s="73"/>
      <c r="D5373" s="64"/>
      <c r="E5373" s="55"/>
      <c r="F5373" s="74"/>
      <c r="G5373" s="74"/>
      <c r="H5373" s="74"/>
      <c r="I5373" s="75"/>
      <c r="J5373" s="74"/>
      <c r="L5373" s="55"/>
      <c r="M5373" s="234"/>
      <c r="N5373" s="65"/>
      <c r="O5373" s="76"/>
      <c r="P5373" s="76"/>
      <c r="Q5373" s="65"/>
      <c r="R5373" s="76"/>
      <c r="S5373" s="76"/>
      <c r="T5373" s="76"/>
      <c r="U5373" s="76"/>
      <c r="V5373" s="76"/>
      <c r="W5373" s="76"/>
      <c r="X5373" s="76"/>
      <c r="Y5373" s="76"/>
      <c r="Z5373" s="76"/>
      <c r="AA5373" s="85"/>
      <c r="AB5373" s="85"/>
      <c r="AC5373" s="85"/>
      <c r="AD5373" s="85"/>
      <c r="AE5373" s="85"/>
      <c r="AF5373" s="85"/>
      <c r="AG5373" s="86"/>
      <c r="AH5373" s="85"/>
      <c r="AI5373" s="85"/>
      <c r="AJ5373" s="85"/>
      <c r="AK5373" s="85"/>
      <c r="AL5373" s="85"/>
      <c r="AM5373" s="92"/>
      <c r="AN5373" s="92"/>
      <c r="AO5373" s="92"/>
      <c r="AP5373" s="92"/>
      <c r="AQ5373" s="92"/>
      <c r="AR5373" s="92"/>
      <c r="AS5373" s="92"/>
      <c r="AT5373" s="92"/>
      <c r="AU5373" s="92"/>
      <c r="AV5373" s="92"/>
      <c r="AW5373" s="92"/>
      <c r="AX5373" s="92"/>
      <c r="AY5373" s="92"/>
      <c r="AZ5373" s="93"/>
      <c r="BA5373" s="93"/>
      <c r="BB5373" s="93"/>
      <c r="BC5373" s="93"/>
      <c r="BD5373" s="93"/>
      <c r="BE5373" s="93"/>
      <c r="BF5373" s="93"/>
      <c r="BG5373" s="93"/>
      <c r="BH5373" s="93"/>
      <c r="BI5373" s="93"/>
      <c r="BJ5373" s="93"/>
      <c r="BK5373" s="93"/>
      <c r="BL5373" s="93"/>
    </row>
    <row r="5374" spans="2:64" x14ac:dyDescent="0.2">
      <c r="B5374" s="43"/>
      <c r="C5374" s="73"/>
      <c r="D5374" s="64"/>
      <c r="E5374" s="55"/>
      <c r="F5374" s="74"/>
      <c r="G5374" s="74"/>
      <c r="H5374" s="74"/>
      <c r="I5374" s="75"/>
      <c r="J5374" s="74"/>
      <c r="L5374" s="55"/>
      <c r="M5374" s="234"/>
      <c r="N5374" s="65"/>
      <c r="O5374" s="76"/>
      <c r="P5374" s="76"/>
      <c r="Q5374" s="65"/>
      <c r="R5374" s="76"/>
      <c r="S5374" s="76"/>
      <c r="T5374" s="76"/>
      <c r="U5374" s="76"/>
      <c r="V5374" s="76"/>
      <c r="W5374" s="76"/>
      <c r="X5374" s="76"/>
      <c r="Y5374" s="76"/>
      <c r="Z5374" s="76"/>
      <c r="AA5374" s="85"/>
      <c r="AB5374" s="85"/>
      <c r="AC5374" s="85"/>
      <c r="AD5374" s="85"/>
      <c r="AE5374" s="85"/>
      <c r="AF5374" s="85"/>
      <c r="AG5374" s="86"/>
      <c r="AH5374" s="85"/>
      <c r="AI5374" s="85"/>
      <c r="AJ5374" s="85"/>
      <c r="AK5374" s="85"/>
      <c r="AL5374" s="85"/>
      <c r="AM5374" s="92"/>
      <c r="AN5374" s="92"/>
      <c r="AO5374" s="92"/>
      <c r="AP5374" s="92"/>
      <c r="AQ5374" s="92"/>
      <c r="AR5374" s="92"/>
      <c r="AS5374" s="92"/>
      <c r="AT5374" s="92"/>
      <c r="AU5374" s="92"/>
      <c r="AV5374" s="92"/>
      <c r="AW5374" s="92"/>
      <c r="AX5374" s="92"/>
      <c r="AY5374" s="92"/>
      <c r="AZ5374" s="93"/>
      <c r="BA5374" s="93"/>
      <c r="BB5374" s="93"/>
      <c r="BC5374" s="93"/>
      <c r="BD5374" s="93"/>
      <c r="BE5374" s="93"/>
      <c r="BF5374" s="93"/>
      <c r="BG5374" s="93"/>
      <c r="BH5374" s="93"/>
      <c r="BI5374" s="93"/>
      <c r="BJ5374" s="93"/>
      <c r="BK5374" s="93"/>
      <c r="BL5374" s="93"/>
    </row>
    <row r="5375" spans="2:64" x14ac:dyDescent="0.2">
      <c r="B5375" s="43"/>
      <c r="C5375" s="73"/>
      <c r="D5375" s="64"/>
      <c r="E5375" s="55"/>
      <c r="F5375" s="74"/>
      <c r="G5375" s="74"/>
      <c r="H5375" s="74"/>
      <c r="I5375" s="75"/>
      <c r="J5375" s="74"/>
      <c r="L5375" s="55"/>
      <c r="M5375" s="234"/>
      <c r="N5375" s="65"/>
      <c r="O5375" s="76"/>
      <c r="P5375" s="76"/>
      <c r="Q5375" s="65"/>
      <c r="R5375" s="76"/>
      <c r="S5375" s="76"/>
      <c r="T5375" s="76"/>
      <c r="U5375" s="76"/>
      <c r="V5375" s="76"/>
      <c r="W5375" s="76"/>
      <c r="X5375" s="76"/>
      <c r="Y5375" s="76"/>
      <c r="Z5375" s="76"/>
      <c r="AA5375" s="85"/>
      <c r="AB5375" s="85"/>
      <c r="AC5375" s="85"/>
      <c r="AD5375" s="85"/>
      <c r="AE5375" s="85"/>
      <c r="AF5375" s="85"/>
      <c r="AG5375" s="86"/>
      <c r="AH5375" s="85"/>
      <c r="AI5375" s="85"/>
      <c r="AJ5375" s="85"/>
      <c r="AK5375" s="85"/>
      <c r="AL5375" s="85"/>
      <c r="AM5375" s="92"/>
      <c r="AN5375" s="92"/>
      <c r="AO5375" s="92"/>
      <c r="AP5375" s="92"/>
      <c r="AQ5375" s="92"/>
      <c r="AR5375" s="92"/>
      <c r="AS5375" s="92"/>
      <c r="AT5375" s="92"/>
      <c r="AU5375" s="92"/>
      <c r="AV5375" s="92"/>
      <c r="AW5375" s="92"/>
      <c r="AX5375" s="92"/>
      <c r="AY5375" s="92"/>
      <c r="AZ5375" s="93"/>
      <c r="BA5375" s="93"/>
      <c r="BB5375" s="93"/>
      <c r="BC5375" s="93"/>
      <c r="BD5375" s="93"/>
      <c r="BE5375" s="93"/>
      <c r="BF5375" s="93"/>
      <c r="BG5375" s="93"/>
      <c r="BH5375" s="93"/>
      <c r="BI5375" s="93"/>
      <c r="BJ5375" s="93"/>
      <c r="BK5375" s="93"/>
      <c r="BL5375" s="93"/>
    </row>
    <row r="5376" spans="2:64" x14ac:dyDescent="0.2">
      <c r="B5376" s="43"/>
      <c r="C5376" s="73"/>
      <c r="D5376" s="64"/>
      <c r="E5376" s="55"/>
      <c r="F5376" s="74"/>
      <c r="G5376" s="74"/>
      <c r="H5376" s="74"/>
      <c r="I5376" s="75"/>
      <c r="J5376" s="74"/>
      <c r="L5376" s="55"/>
      <c r="M5376" s="234"/>
      <c r="N5376" s="65"/>
      <c r="O5376" s="76"/>
      <c r="P5376" s="76"/>
      <c r="Q5376" s="65"/>
      <c r="R5376" s="76"/>
      <c r="S5376" s="76"/>
      <c r="T5376" s="76"/>
      <c r="U5376" s="76"/>
      <c r="V5376" s="76"/>
      <c r="W5376" s="76"/>
      <c r="X5376" s="76"/>
      <c r="Y5376" s="76"/>
      <c r="Z5376" s="76"/>
      <c r="AA5376" s="85"/>
      <c r="AB5376" s="85"/>
      <c r="AC5376" s="85"/>
      <c r="AD5376" s="85"/>
      <c r="AE5376" s="85"/>
      <c r="AF5376" s="85"/>
      <c r="AG5376" s="86"/>
      <c r="AH5376" s="85"/>
      <c r="AI5376" s="85"/>
      <c r="AJ5376" s="85"/>
      <c r="AK5376" s="85"/>
      <c r="AL5376" s="85"/>
      <c r="AM5376" s="92"/>
      <c r="AN5376" s="92"/>
      <c r="AO5376" s="92"/>
      <c r="AP5376" s="92"/>
      <c r="AQ5376" s="92"/>
      <c r="AR5376" s="92"/>
      <c r="AS5376" s="92"/>
      <c r="AT5376" s="92"/>
      <c r="AU5376" s="92"/>
      <c r="AV5376" s="92"/>
      <c r="AW5376" s="92"/>
      <c r="AX5376" s="92"/>
      <c r="AY5376" s="92"/>
      <c r="AZ5376" s="93"/>
      <c r="BA5376" s="93"/>
      <c r="BB5376" s="93"/>
      <c r="BC5376" s="93"/>
      <c r="BD5376" s="93"/>
      <c r="BE5376" s="93"/>
      <c r="BF5376" s="93"/>
      <c r="BG5376" s="93"/>
      <c r="BH5376" s="93"/>
      <c r="BI5376" s="93"/>
      <c r="BJ5376" s="93"/>
      <c r="BK5376" s="93"/>
      <c r="BL5376" s="93"/>
    </row>
    <row r="5377" spans="2:64" x14ac:dyDescent="0.2">
      <c r="B5377" s="43"/>
      <c r="C5377" s="73"/>
      <c r="D5377" s="64"/>
      <c r="E5377" s="55"/>
      <c r="F5377" s="74"/>
      <c r="G5377" s="74"/>
      <c r="H5377" s="74"/>
      <c r="I5377" s="75"/>
      <c r="J5377" s="74"/>
      <c r="L5377" s="55"/>
      <c r="M5377" s="234"/>
      <c r="N5377" s="65"/>
      <c r="O5377" s="76"/>
      <c r="P5377" s="76"/>
      <c r="Q5377" s="65"/>
      <c r="R5377" s="76"/>
      <c r="S5377" s="76"/>
      <c r="T5377" s="76"/>
      <c r="U5377" s="76"/>
      <c r="V5377" s="76"/>
      <c r="W5377" s="76"/>
      <c r="X5377" s="76"/>
      <c r="Y5377" s="76"/>
      <c r="Z5377" s="76"/>
      <c r="AA5377" s="85"/>
      <c r="AB5377" s="85"/>
      <c r="AC5377" s="85"/>
      <c r="AD5377" s="85"/>
      <c r="AE5377" s="85"/>
      <c r="AF5377" s="85"/>
      <c r="AG5377" s="86"/>
      <c r="AH5377" s="85"/>
      <c r="AI5377" s="85"/>
      <c r="AJ5377" s="85"/>
      <c r="AK5377" s="85"/>
      <c r="AL5377" s="85"/>
      <c r="AM5377" s="92"/>
      <c r="AN5377" s="92"/>
      <c r="AO5377" s="92"/>
      <c r="AP5377" s="92"/>
      <c r="AQ5377" s="92"/>
      <c r="AR5377" s="92"/>
      <c r="AS5377" s="92"/>
      <c r="AT5377" s="92"/>
      <c r="AU5377" s="92"/>
      <c r="AV5377" s="92"/>
      <c r="AW5377" s="92"/>
      <c r="AX5377" s="92"/>
      <c r="AY5377" s="92"/>
      <c r="AZ5377" s="93"/>
      <c r="BA5377" s="93"/>
      <c r="BB5377" s="93"/>
      <c r="BC5377" s="93"/>
      <c r="BD5377" s="93"/>
      <c r="BE5377" s="93"/>
      <c r="BF5377" s="93"/>
      <c r="BG5377" s="93"/>
      <c r="BH5377" s="93"/>
      <c r="BI5377" s="93"/>
      <c r="BJ5377" s="93"/>
      <c r="BK5377" s="93"/>
      <c r="BL5377" s="93"/>
    </row>
    <row r="5378" spans="2:64" x14ac:dyDescent="0.2">
      <c r="B5378" s="43"/>
      <c r="C5378" s="73"/>
      <c r="D5378" s="64"/>
      <c r="E5378" s="55"/>
      <c r="F5378" s="74"/>
      <c r="G5378" s="74"/>
      <c r="H5378" s="74"/>
      <c r="I5378" s="75"/>
      <c r="J5378" s="74"/>
      <c r="L5378" s="55"/>
      <c r="M5378" s="234"/>
      <c r="N5378" s="65"/>
      <c r="O5378" s="76"/>
      <c r="P5378" s="76"/>
      <c r="Q5378" s="65"/>
      <c r="R5378" s="76"/>
      <c r="S5378" s="76"/>
      <c r="T5378" s="76"/>
      <c r="U5378" s="76"/>
      <c r="V5378" s="76"/>
      <c r="W5378" s="76"/>
      <c r="X5378" s="76"/>
      <c r="Y5378" s="76"/>
      <c r="Z5378" s="76"/>
      <c r="AA5378" s="85"/>
      <c r="AB5378" s="85"/>
      <c r="AC5378" s="85"/>
      <c r="AD5378" s="85"/>
      <c r="AE5378" s="85"/>
      <c r="AF5378" s="85"/>
      <c r="AG5378" s="86"/>
      <c r="AH5378" s="85"/>
      <c r="AI5378" s="85"/>
      <c r="AJ5378" s="85"/>
      <c r="AK5378" s="85"/>
      <c r="AL5378" s="85"/>
      <c r="AM5378" s="92"/>
      <c r="AN5378" s="92"/>
      <c r="AO5378" s="92"/>
      <c r="AP5378" s="92"/>
      <c r="AQ5378" s="92"/>
      <c r="AR5378" s="92"/>
      <c r="AS5378" s="92"/>
      <c r="AT5378" s="92"/>
      <c r="AU5378" s="92"/>
      <c r="AV5378" s="92"/>
      <c r="AW5378" s="92"/>
      <c r="AX5378" s="92"/>
      <c r="AY5378" s="92"/>
      <c r="AZ5378" s="93"/>
      <c r="BA5378" s="93"/>
      <c r="BB5378" s="93"/>
      <c r="BC5378" s="93"/>
      <c r="BD5378" s="93"/>
      <c r="BE5378" s="93"/>
      <c r="BF5378" s="93"/>
      <c r="BG5378" s="93"/>
      <c r="BH5378" s="93"/>
      <c r="BI5378" s="93"/>
      <c r="BJ5378" s="93"/>
      <c r="BK5378" s="93"/>
      <c r="BL5378" s="93"/>
    </row>
    <row r="5379" spans="2:64" x14ac:dyDescent="0.2">
      <c r="B5379" s="43"/>
      <c r="C5379" s="73"/>
      <c r="D5379" s="64"/>
      <c r="E5379" s="55"/>
      <c r="F5379" s="74"/>
      <c r="G5379" s="74"/>
      <c r="H5379" s="74"/>
      <c r="I5379" s="75"/>
      <c r="J5379" s="74"/>
      <c r="L5379" s="55"/>
      <c r="M5379" s="234"/>
      <c r="N5379" s="65"/>
      <c r="O5379" s="76"/>
      <c r="P5379" s="76"/>
      <c r="Q5379" s="65"/>
      <c r="R5379" s="76"/>
      <c r="S5379" s="76"/>
      <c r="T5379" s="76"/>
      <c r="U5379" s="76"/>
      <c r="V5379" s="76"/>
      <c r="W5379" s="76"/>
      <c r="X5379" s="76"/>
      <c r="Y5379" s="76"/>
      <c r="Z5379" s="76"/>
      <c r="AA5379" s="85"/>
      <c r="AB5379" s="85"/>
      <c r="AC5379" s="85"/>
      <c r="AD5379" s="85"/>
      <c r="AE5379" s="85"/>
      <c r="AF5379" s="85"/>
      <c r="AG5379" s="86"/>
      <c r="AH5379" s="85"/>
      <c r="AI5379" s="85"/>
      <c r="AJ5379" s="85"/>
      <c r="AK5379" s="85"/>
      <c r="AL5379" s="85"/>
      <c r="AM5379" s="92"/>
      <c r="AN5379" s="92"/>
      <c r="AO5379" s="92"/>
      <c r="AP5379" s="92"/>
      <c r="AQ5379" s="92"/>
      <c r="AR5379" s="92"/>
      <c r="AS5379" s="92"/>
      <c r="AT5379" s="92"/>
      <c r="AU5379" s="92"/>
      <c r="AV5379" s="92"/>
      <c r="AW5379" s="92"/>
      <c r="AX5379" s="92"/>
      <c r="AY5379" s="92"/>
      <c r="AZ5379" s="93"/>
      <c r="BA5379" s="93"/>
      <c r="BB5379" s="93"/>
      <c r="BC5379" s="93"/>
      <c r="BD5379" s="93"/>
      <c r="BE5379" s="93"/>
      <c r="BF5379" s="93"/>
      <c r="BG5379" s="93"/>
      <c r="BH5379" s="93"/>
      <c r="BI5379" s="93"/>
      <c r="BJ5379" s="93"/>
      <c r="BK5379" s="93"/>
      <c r="BL5379" s="93"/>
    </row>
    <row r="5380" spans="2:64" x14ac:dyDescent="0.2">
      <c r="B5380" s="43"/>
      <c r="C5380" s="73"/>
      <c r="D5380" s="64"/>
      <c r="E5380" s="55"/>
      <c r="F5380" s="74"/>
      <c r="G5380" s="74"/>
      <c r="H5380" s="74"/>
      <c r="I5380" s="75"/>
      <c r="J5380" s="74"/>
      <c r="L5380" s="55"/>
      <c r="M5380" s="234"/>
      <c r="N5380" s="65"/>
      <c r="O5380" s="76"/>
      <c r="P5380" s="76"/>
      <c r="Q5380" s="65"/>
      <c r="R5380" s="76"/>
      <c r="S5380" s="76"/>
      <c r="T5380" s="76"/>
      <c r="U5380" s="76"/>
      <c r="V5380" s="76"/>
      <c r="W5380" s="76"/>
      <c r="X5380" s="76"/>
      <c r="Y5380" s="76"/>
      <c r="Z5380" s="76"/>
      <c r="AA5380" s="85"/>
      <c r="AB5380" s="85"/>
      <c r="AC5380" s="85"/>
      <c r="AD5380" s="85"/>
      <c r="AE5380" s="85"/>
      <c r="AF5380" s="85"/>
      <c r="AG5380" s="86"/>
      <c r="AH5380" s="85"/>
      <c r="AI5380" s="85"/>
      <c r="AJ5380" s="85"/>
      <c r="AK5380" s="85"/>
      <c r="AL5380" s="85"/>
      <c r="AM5380" s="92"/>
      <c r="AN5380" s="92"/>
      <c r="AO5380" s="92"/>
      <c r="AP5380" s="92"/>
      <c r="AQ5380" s="92"/>
      <c r="AR5380" s="92"/>
      <c r="AS5380" s="92"/>
      <c r="AT5380" s="92"/>
      <c r="AU5380" s="92"/>
      <c r="AV5380" s="92"/>
      <c r="AW5380" s="92"/>
      <c r="AX5380" s="92"/>
      <c r="AY5380" s="92"/>
      <c r="AZ5380" s="93"/>
      <c r="BA5380" s="93"/>
      <c r="BB5380" s="93"/>
      <c r="BC5380" s="93"/>
      <c r="BD5380" s="93"/>
      <c r="BE5380" s="93"/>
      <c r="BF5380" s="93"/>
      <c r="BG5380" s="93"/>
      <c r="BH5380" s="93"/>
      <c r="BI5380" s="93"/>
      <c r="BJ5380" s="93"/>
      <c r="BK5380" s="93"/>
      <c r="BL5380" s="93"/>
    </row>
    <row r="5381" spans="2:64" x14ac:dyDescent="0.2">
      <c r="B5381" s="43"/>
      <c r="C5381" s="73"/>
      <c r="D5381" s="64"/>
      <c r="E5381" s="55"/>
      <c r="F5381" s="74"/>
      <c r="G5381" s="74"/>
      <c r="H5381" s="74"/>
      <c r="I5381" s="75"/>
      <c r="J5381" s="74"/>
      <c r="L5381" s="55"/>
      <c r="M5381" s="234"/>
      <c r="N5381" s="65"/>
      <c r="O5381" s="76"/>
      <c r="P5381" s="76"/>
      <c r="Q5381" s="65"/>
      <c r="R5381" s="76"/>
      <c r="S5381" s="76"/>
      <c r="T5381" s="76"/>
      <c r="U5381" s="76"/>
      <c r="V5381" s="76"/>
      <c r="W5381" s="76"/>
      <c r="X5381" s="76"/>
      <c r="Y5381" s="76"/>
      <c r="Z5381" s="76"/>
      <c r="AA5381" s="85"/>
      <c r="AB5381" s="85"/>
      <c r="AC5381" s="85"/>
      <c r="AD5381" s="85"/>
      <c r="AE5381" s="85"/>
      <c r="AF5381" s="85"/>
      <c r="AG5381" s="86"/>
      <c r="AH5381" s="85"/>
      <c r="AI5381" s="85"/>
      <c r="AJ5381" s="85"/>
      <c r="AK5381" s="85"/>
      <c r="AL5381" s="85"/>
      <c r="AM5381" s="92"/>
      <c r="AN5381" s="92"/>
      <c r="AO5381" s="92"/>
      <c r="AP5381" s="92"/>
      <c r="AQ5381" s="92"/>
      <c r="AR5381" s="92"/>
      <c r="AS5381" s="92"/>
      <c r="AT5381" s="92"/>
      <c r="AU5381" s="92"/>
      <c r="AV5381" s="92"/>
      <c r="AW5381" s="92"/>
      <c r="AX5381" s="92"/>
      <c r="AY5381" s="92"/>
      <c r="AZ5381" s="93"/>
      <c r="BA5381" s="93"/>
      <c r="BB5381" s="93"/>
      <c r="BC5381" s="93"/>
      <c r="BD5381" s="93"/>
      <c r="BE5381" s="93"/>
      <c r="BF5381" s="93"/>
      <c r="BG5381" s="93"/>
      <c r="BH5381" s="93"/>
      <c r="BI5381" s="93"/>
      <c r="BJ5381" s="93"/>
      <c r="BK5381" s="93"/>
      <c r="BL5381" s="93"/>
    </row>
    <row r="5382" spans="2:64" x14ac:dyDescent="0.2">
      <c r="B5382" s="43"/>
      <c r="C5382" s="73"/>
      <c r="D5382" s="64"/>
      <c r="E5382" s="55"/>
      <c r="F5382" s="74"/>
      <c r="G5382" s="74"/>
      <c r="H5382" s="74"/>
      <c r="I5382" s="75"/>
      <c r="J5382" s="74"/>
      <c r="L5382" s="55"/>
      <c r="M5382" s="234"/>
      <c r="N5382" s="65"/>
      <c r="O5382" s="76"/>
      <c r="P5382" s="76"/>
      <c r="Q5382" s="65"/>
      <c r="R5382" s="76"/>
      <c r="S5382" s="76"/>
      <c r="T5382" s="76"/>
      <c r="U5382" s="76"/>
      <c r="V5382" s="76"/>
      <c r="W5382" s="76"/>
      <c r="X5382" s="76"/>
      <c r="Y5382" s="76"/>
      <c r="Z5382" s="76"/>
      <c r="AA5382" s="85"/>
      <c r="AB5382" s="85"/>
      <c r="AC5382" s="85"/>
      <c r="AD5382" s="85"/>
      <c r="AE5382" s="85"/>
      <c r="AF5382" s="85"/>
      <c r="AG5382" s="86"/>
      <c r="AH5382" s="85"/>
      <c r="AI5382" s="85"/>
      <c r="AJ5382" s="85"/>
      <c r="AK5382" s="85"/>
      <c r="AL5382" s="85"/>
      <c r="AM5382" s="92"/>
      <c r="AN5382" s="92"/>
      <c r="AO5382" s="92"/>
      <c r="AP5382" s="92"/>
      <c r="AQ5382" s="92"/>
      <c r="AR5382" s="92"/>
      <c r="AS5382" s="92"/>
      <c r="AT5382" s="92"/>
      <c r="AU5382" s="92"/>
      <c r="AV5382" s="92"/>
      <c r="AW5382" s="92"/>
      <c r="AX5382" s="92"/>
      <c r="AY5382" s="92"/>
      <c r="AZ5382" s="93"/>
      <c r="BA5382" s="93"/>
      <c r="BB5382" s="93"/>
      <c r="BC5382" s="93"/>
      <c r="BD5382" s="93"/>
      <c r="BE5382" s="93"/>
      <c r="BF5382" s="93"/>
      <c r="BG5382" s="93"/>
      <c r="BH5382" s="93"/>
      <c r="BI5382" s="93"/>
      <c r="BJ5382" s="93"/>
      <c r="BK5382" s="93"/>
      <c r="BL5382" s="93"/>
    </row>
    <row r="5383" spans="2:64" x14ac:dyDescent="0.2">
      <c r="B5383" s="43"/>
      <c r="C5383" s="73"/>
      <c r="D5383" s="64"/>
      <c r="E5383" s="55"/>
      <c r="F5383" s="74"/>
      <c r="G5383" s="74"/>
      <c r="H5383" s="74"/>
      <c r="I5383" s="75"/>
      <c r="J5383" s="74"/>
      <c r="L5383" s="55"/>
      <c r="M5383" s="234"/>
      <c r="N5383" s="65"/>
      <c r="O5383" s="76"/>
      <c r="P5383" s="76"/>
      <c r="Q5383" s="65"/>
      <c r="R5383" s="76"/>
      <c r="S5383" s="76"/>
      <c r="T5383" s="76"/>
      <c r="U5383" s="76"/>
      <c r="V5383" s="76"/>
      <c r="W5383" s="76"/>
      <c r="X5383" s="76"/>
      <c r="Y5383" s="76"/>
      <c r="Z5383" s="76"/>
      <c r="AA5383" s="85"/>
      <c r="AB5383" s="85"/>
      <c r="AC5383" s="85"/>
      <c r="AD5383" s="85"/>
      <c r="AE5383" s="85"/>
      <c r="AF5383" s="85"/>
      <c r="AG5383" s="86"/>
      <c r="AH5383" s="85"/>
      <c r="AI5383" s="85"/>
      <c r="AJ5383" s="85"/>
      <c r="AK5383" s="85"/>
      <c r="AL5383" s="85"/>
      <c r="AM5383" s="92"/>
      <c r="AN5383" s="92"/>
      <c r="AO5383" s="92"/>
      <c r="AP5383" s="92"/>
      <c r="AQ5383" s="92"/>
      <c r="AR5383" s="92"/>
      <c r="AS5383" s="92"/>
      <c r="AT5383" s="92"/>
      <c r="AU5383" s="92"/>
      <c r="AV5383" s="92"/>
      <c r="AW5383" s="92"/>
      <c r="AX5383" s="92"/>
      <c r="AY5383" s="92"/>
      <c r="AZ5383" s="93"/>
      <c r="BA5383" s="93"/>
      <c r="BB5383" s="93"/>
      <c r="BC5383" s="93"/>
      <c r="BD5383" s="93"/>
      <c r="BE5383" s="93"/>
      <c r="BF5383" s="93"/>
      <c r="BG5383" s="93"/>
      <c r="BH5383" s="93"/>
      <c r="BI5383" s="93"/>
      <c r="BJ5383" s="93"/>
      <c r="BK5383" s="93"/>
      <c r="BL5383" s="93"/>
    </row>
    <row r="5384" spans="2:64" x14ac:dyDescent="0.2">
      <c r="B5384" s="43"/>
      <c r="C5384" s="73"/>
      <c r="D5384" s="64"/>
      <c r="E5384" s="55"/>
      <c r="F5384" s="74"/>
      <c r="G5384" s="74"/>
      <c r="H5384" s="74"/>
      <c r="I5384" s="75"/>
      <c r="J5384" s="74"/>
      <c r="L5384" s="55"/>
      <c r="M5384" s="234"/>
      <c r="N5384" s="65"/>
      <c r="O5384" s="76"/>
      <c r="P5384" s="76"/>
      <c r="Q5384" s="65"/>
      <c r="R5384" s="76"/>
      <c r="S5384" s="76"/>
      <c r="T5384" s="76"/>
      <c r="U5384" s="76"/>
      <c r="V5384" s="76"/>
      <c r="W5384" s="76"/>
      <c r="X5384" s="76"/>
      <c r="Y5384" s="76"/>
      <c r="Z5384" s="76"/>
      <c r="AA5384" s="85"/>
      <c r="AB5384" s="85"/>
      <c r="AC5384" s="85"/>
      <c r="AD5384" s="85"/>
      <c r="AE5384" s="85"/>
      <c r="AF5384" s="85"/>
      <c r="AG5384" s="86"/>
      <c r="AH5384" s="85"/>
      <c r="AI5384" s="85"/>
      <c r="AJ5384" s="85"/>
      <c r="AK5384" s="85"/>
      <c r="AL5384" s="85"/>
      <c r="AM5384" s="92"/>
      <c r="AN5384" s="92"/>
      <c r="AO5384" s="92"/>
      <c r="AP5384" s="92"/>
      <c r="AQ5384" s="92"/>
      <c r="AR5384" s="92"/>
      <c r="AS5384" s="92"/>
      <c r="AT5384" s="92"/>
      <c r="AU5384" s="92"/>
      <c r="AV5384" s="92"/>
      <c r="AW5384" s="92"/>
      <c r="AX5384" s="92"/>
      <c r="AY5384" s="92"/>
      <c r="AZ5384" s="93"/>
      <c r="BA5384" s="93"/>
      <c r="BB5384" s="93"/>
      <c r="BC5384" s="93"/>
      <c r="BD5384" s="93"/>
      <c r="BE5384" s="93"/>
      <c r="BF5384" s="93"/>
      <c r="BG5384" s="93"/>
      <c r="BH5384" s="93"/>
      <c r="BI5384" s="93"/>
      <c r="BJ5384" s="93"/>
      <c r="BK5384" s="93"/>
      <c r="BL5384" s="93"/>
    </row>
    <row r="5385" spans="2:64" x14ac:dyDescent="0.2">
      <c r="B5385" s="43"/>
      <c r="C5385" s="73"/>
      <c r="D5385" s="64"/>
      <c r="E5385" s="55"/>
      <c r="F5385" s="74"/>
      <c r="G5385" s="74"/>
      <c r="H5385" s="74"/>
      <c r="I5385" s="75"/>
      <c r="J5385" s="74"/>
      <c r="L5385" s="55"/>
      <c r="M5385" s="234"/>
      <c r="N5385" s="65"/>
      <c r="O5385" s="76"/>
      <c r="P5385" s="76"/>
      <c r="Q5385" s="65"/>
      <c r="R5385" s="76"/>
      <c r="S5385" s="76"/>
      <c r="T5385" s="76"/>
      <c r="U5385" s="76"/>
      <c r="V5385" s="76"/>
      <c r="W5385" s="76"/>
      <c r="X5385" s="76"/>
      <c r="Y5385" s="76"/>
      <c r="Z5385" s="76"/>
      <c r="AA5385" s="85"/>
      <c r="AB5385" s="85"/>
      <c r="AC5385" s="85"/>
      <c r="AD5385" s="85"/>
      <c r="AE5385" s="85"/>
      <c r="AF5385" s="85"/>
      <c r="AG5385" s="86"/>
      <c r="AH5385" s="85"/>
      <c r="AI5385" s="85"/>
      <c r="AJ5385" s="85"/>
      <c r="AK5385" s="85"/>
      <c r="AL5385" s="85"/>
      <c r="AM5385" s="92"/>
      <c r="AN5385" s="92"/>
      <c r="AO5385" s="92"/>
      <c r="AP5385" s="92"/>
      <c r="AQ5385" s="92"/>
      <c r="AR5385" s="92"/>
      <c r="AS5385" s="92"/>
      <c r="AT5385" s="92"/>
      <c r="AU5385" s="92"/>
      <c r="AV5385" s="92"/>
      <c r="AW5385" s="92"/>
      <c r="AX5385" s="92"/>
      <c r="AY5385" s="92"/>
      <c r="AZ5385" s="93"/>
      <c r="BA5385" s="93"/>
      <c r="BB5385" s="93"/>
      <c r="BC5385" s="93"/>
      <c r="BD5385" s="93"/>
      <c r="BE5385" s="93"/>
      <c r="BF5385" s="93"/>
      <c r="BG5385" s="93"/>
      <c r="BH5385" s="93"/>
      <c r="BI5385" s="93"/>
      <c r="BJ5385" s="93"/>
      <c r="BK5385" s="93"/>
      <c r="BL5385" s="93"/>
    </row>
    <row r="5386" spans="2:64" x14ac:dyDescent="0.2">
      <c r="B5386" s="43"/>
      <c r="C5386" s="73"/>
      <c r="D5386" s="64"/>
      <c r="E5386" s="55"/>
      <c r="F5386" s="74"/>
      <c r="G5386" s="74"/>
      <c r="H5386" s="74"/>
      <c r="I5386" s="75"/>
      <c r="J5386" s="74"/>
      <c r="L5386" s="55"/>
      <c r="M5386" s="234"/>
      <c r="N5386" s="65"/>
      <c r="O5386" s="76"/>
      <c r="P5386" s="76"/>
      <c r="Q5386" s="65"/>
      <c r="R5386" s="76"/>
      <c r="S5386" s="76"/>
      <c r="T5386" s="76"/>
      <c r="U5386" s="76"/>
      <c r="V5386" s="76"/>
      <c r="W5386" s="76"/>
      <c r="X5386" s="76"/>
      <c r="Y5386" s="76"/>
      <c r="Z5386" s="76"/>
      <c r="AA5386" s="85"/>
      <c r="AB5386" s="85"/>
      <c r="AC5386" s="85"/>
      <c r="AD5386" s="85"/>
      <c r="AE5386" s="85"/>
      <c r="AF5386" s="85"/>
      <c r="AG5386" s="86"/>
      <c r="AH5386" s="85"/>
      <c r="AI5386" s="85"/>
      <c r="AJ5386" s="85"/>
      <c r="AK5386" s="85"/>
      <c r="AL5386" s="85"/>
      <c r="AM5386" s="92"/>
      <c r="AN5386" s="92"/>
      <c r="AO5386" s="92"/>
      <c r="AP5386" s="92"/>
      <c r="AQ5386" s="92"/>
      <c r="AR5386" s="92"/>
      <c r="AS5386" s="92"/>
      <c r="AT5386" s="92"/>
      <c r="AU5386" s="92"/>
      <c r="AV5386" s="92"/>
      <c r="AW5386" s="92"/>
      <c r="AX5386" s="92"/>
      <c r="AY5386" s="92"/>
      <c r="AZ5386" s="93"/>
      <c r="BA5386" s="93"/>
      <c r="BB5386" s="93"/>
      <c r="BC5386" s="93"/>
      <c r="BD5386" s="93"/>
      <c r="BE5386" s="93"/>
      <c r="BF5386" s="93"/>
      <c r="BG5386" s="93"/>
      <c r="BH5386" s="93"/>
      <c r="BI5386" s="93"/>
      <c r="BJ5386" s="93"/>
      <c r="BK5386" s="93"/>
      <c r="BL5386" s="93"/>
    </row>
    <row r="5387" spans="2:64" x14ac:dyDescent="0.2">
      <c r="B5387" s="43"/>
      <c r="C5387" s="73"/>
      <c r="D5387" s="64"/>
      <c r="E5387" s="55"/>
      <c r="F5387" s="74"/>
      <c r="G5387" s="74"/>
      <c r="H5387" s="74"/>
      <c r="I5387" s="75"/>
      <c r="J5387" s="74"/>
      <c r="L5387" s="55"/>
      <c r="M5387" s="234"/>
      <c r="N5387" s="65"/>
      <c r="O5387" s="76"/>
      <c r="P5387" s="76"/>
      <c r="Q5387" s="65"/>
      <c r="R5387" s="76"/>
      <c r="S5387" s="76"/>
      <c r="T5387" s="76"/>
      <c r="U5387" s="76"/>
      <c r="V5387" s="76"/>
      <c r="W5387" s="76"/>
      <c r="X5387" s="76"/>
      <c r="Y5387" s="76"/>
      <c r="Z5387" s="76"/>
      <c r="AA5387" s="85"/>
      <c r="AB5387" s="85"/>
      <c r="AC5387" s="85"/>
      <c r="AD5387" s="85"/>
      <c r="AE5387" s="85"/>
      <c r="AF5387" s="85"/>
      <c r="AG5387" s="86"/>
      <c r="AH5387" s="85"/>
      <c r="AI5387" s="85"/>
      <c r="AJ5387" s="85"/>
      <c r="AK5387" s="85"/>
      <c r="AL5387" s="85"/>
      <c r="AM5387" s="92"/>
      <c r="AN5387" s="92"/>
      <c r="AO5387" s="92"/>
      <c r="AP5387" s="92"/>
      <c r="AQ5387" s="92"/>
      <c r="AR5387" s="92"/>
      <c r="AS5387" s="92"/>
      <c r="AT5387" s="92"/>
      <c r="AU5387" s="92"/>
      <c r="AV5387" s="92"/>
      <c r="AW5387" s="92"/>
      <c r="AX5387" s="92"/>
      <c r="AY5387" s="92"/>
      <c r="AZ5387" s="93"/>
      <c r="BA5387" s="93"/>
      <c r="BB5387" s="93"/>
      <c r="BC5387" s="93"/>
      <c r="BD5387" s="93"/>
      <c r="BE5387" s="93"/>
      <c r="BF5387" s="93"/>
      <c r="BG5387" s="93"/>
      <c r="BH5387" s="93"/>
      <c r="BI5387" s="93"/>
      <c r="BJ5387" s="93"/>
      <c r="BK5387" s="93"/>
      <c r="BL5387" s="93"/>
    </row>
    <row r="5388" spans="2:64" x14ac:dyDescent="0.2">
      <c r="B5388" s="43"/>
      <c r="C5388" s="73"/>
      <c r="D5388" s="64"/>
      <c r="E5388" s="55"/>
      <c r="F5388" s="74"/>
      <c r="G5388" s="74"/>
      <c r="H5388" s="74"/>
      <c r="I5388" s="75"/>
      <c r="J5388" s="74"/>
      <c r="L5388" s="55"/>
      <c r="M5388" s="234"/>
      <c r="N5388" s="65"/>
      <c r="O5388" s="76"/>
      <c r="P5388" s="76"/>
      <c r="Q5388" s="65"/>
      <c r="R5388" s="76"/>
      <c r="S5388" s="76"/>
      <c r="T5388" s="76"/>
      <c r="U5388" s="76"/>
      <c r="V5388" s="76"/>
      <c r="W5388" s="76"/>
      <c r="X5388" s="76"/>
      <c r="Y5388" s="76"/>
      <c r="Z5388" s="76"/>
      <c r="AA5388" s="85"/>
      <c r="AB5388" s="85"/>
      <c r="AC5388" s="85"/>
      <c r="AD5388" s="85"/>
      <c r="AE5388" s="85"/>
      <c r="AF5388" s="85"/>
      <c r="AG5388" s="86"/>
      <c r="AH5388" s="85"/>
      <c r="AI5388" s="85"/>
      <c r="AJ5388" s="85"/>
      <c r="AK5388" s="85"/>
      <c r="AL5388" s="85"/>
      <c r="AM5388" s="92"/>
      <c r="AN5388" s="92"/>
      <c r="AO5388" s="92"/>
      <c r="AP5388" s="92"/>
      <c r="AQ5388" s="92"/>
      <c r="AR5388" s="92"/>
      <c r="AS5388" s="92"/>
      <c r="AT5388" s="92"/>
      <c r="AU5388" s="92"/>
      <c r="AV5388" s="92"/>
      <c r="AW5388" s="92"/>
      <c r="AX5388" s="92"/>
      <c r="AY5388" s="92"/>
      <c r="AZ5388" s="93"/>
      <c r="BA5388" s="93"/>
      <c r="BB5388" s="93"/>
      <c r="BC5388" s="93"/>
      <c r="BD5388" s="93"/>
      <c r="BE5388" s="93"/>
      <c r="BF5388" s="93"/>
      <c r="BG5388" s="93"/>
      <c r="BH5388" s="93"/>
      <c r="BI5388" s="93"/>
      <c r="BJ5388" s="93"/>
      <c r="BK5388" s="93"/>
      <c r="BL5388" s="93"/>
    </row>
    <row r="5389" spans="2:64" x14ac:dyDescent="0.2">
      <c r="B5389" s="43"/>
      <c r="C5389" s="73"/>
      <c r="D5389" s="64"/>
      <c r="E5389" s="55"/>
      <c r="F5389" s="74"/>
      <c r="G5389" s="74"/>
      <c r="H5389" s="74"/>
      <c r="I5389" s="75"/>
      <c r="J5389" s="74"/>
      <c r="L5389" s="55"/>
      <c r="M5389" s="234"/>
      <c r="N5389" s="65"/>
      <c r="O5389" s="76"/>
      <c r="P5389" s="76"/>
      <c r="Q5389" s="65"/>
      <c r="R5389" s="76"/>
      <c r="S5389" s="76"/>
      <c r="T5389" s="76"/>
      <c r="U5389" s="76"/>
      <c r="V5389" s="76"/>
      <c r="W5389" s="76"/>
      <c r="X5389" s="76"/>
      <c r="Y5389" s="76"/>
      <c r="Z5389" s="76"/>
      <c r="AA5389" s="85"/>
      <c r="AB5389" s="85"/>
      <c r="AC5389" s="85"/>
      <c r="AD5389" s="85"/>
      <c r="AE5389" s="85"/>
      <c r="AF5389" s="85"/>
      <c r="AG5389" s="86"/>
      <c r="AH5389" s="85"/>
      <c r="AI5389" s="85"/>
      <c r="AJ5389" s="85"/>
      <c r="AK5389" s="85"/>
      <c r="AL5389" s="85"/>
      <c r="AM5389" s="92"/>
      <c r="AN5389" s="92"/>
      <c r="AO5389" s="92"/>
      <c r="AP5389" s="92"/>
      <c r="AQ5389" s="92"/>
      <c r="AR5389" s="92"/>
      <c r="AS5389" s="92"/>
      <c r="AT5389" s="92"/>
      <c r="AU5389" s="92"/>
      <c r="AV5389" s="92"/>
      <c r="AW5389" s="92"/>
      <c r="AX5389" s="92"/>
      <c r="AY5389" s="92"/>
      <c r="AZ5389" s="93"/>
      <c r="BA5389" s="93"/>
      <c r="BB5389" s="93"/>
      <c r="BC5389" s="93"/>
      <c r="BD5389" s="93"/>
      <c r="BE5389" s="93"/>
      <c r="BF5389" s="93"/>
      <c r="BG5389" s="93"/>
      <c r="BH5389" s="93"/>
      <c r="BI5389" s="93"/>
      <c r="BJ5389" s="93"/>
      <c r="BK5389" s="93"/>
      <c r="BL5389" s="93"/>
    </row>
    <row r="5390" spans="2:64" x14ac:dyDescent="0.2">
      <c r="B5390" s="43"/>
      <c r="C5390" s="73"/>
      <c r="D5390" s="64"/>
      <c r="E5390" s="55"/>
      <c r="F5390" s="74"/>
      <c r="G5390" s="74"/>
      <c r="H5390" s="74"/>
      <c r="I5390" s="75"/>
      <c r="J5390" s="74"/>
      <c r="L5390" s="55"/>
      <c r="M5390" s="234"/>
      <c r="N5390" s="65"/>
      <c r="O5390" s="76"/>
      <c r="P5390" s="76"/>
      <c r="Q5390" s="65"/>
      <c r="R5390" s="76"/>
      <c r="S5390" s="76"/>
      <c r="T5390" s="76"/>
      <c r="U5390" s="76"/>
      <c r="V5390" s="76"/>
      <c r="W5390" s="76"/>
      <c r="X5390" s="76"/>
      <c r="Y5390" s="76"/>
      <c r="Z5390" s="76"/>
      <c r="AA5390" s="85"/>
      <c r="AB5390" s="85"/>
      <c r="AC5390" s="85"/>
      <c r="AD5390" s="85"/>
      <c r="AE5390" s="85"/>
      <c r="AF5390" s="85"/>
      <c r="AG5390" s="86"/>
      <c r="AH5390" s="85"/>
      <c r="AI5390" s="85"/>
      <c r="AJ5390" s="85"/>
      <c r="AK5390" s="85"/>
      <c r="AL5390" s="85"/>
      <c r="AM5390" s="92"/>
      <c r="AN5390" s="92"/>
      <c r="AO5390" s="92"/>
      <c r="AP5390" s="92"/>
      <c r="AQ5390" s="92"/>
      <c r="AR5390" s="92"/>
      <c r="AS5390" s="92"/>
      <c r="AT5390" s="92"/>
      <c r="AU5390" s="92"/>
      <c r="AV5390" s="92"/>
      <c r="AW5390" s="92"/>
      <c r="AX5390" s="92"/>
      <c r="AY5390" s="92"/>
      <c r="AZ5390" s="93"/>
      <c r="BA5390" s="93"/>
      <c r="BB5390" s="93"/>
      <c r="BC5390" s="93"/>
      <c r="BD5390" s="93"/>
      <c r="BE5390" s="93"/>
      <c r="BF5390" s="93"/>
      <c r="BG5390" s="93"/>
      <c r="BH5390" s="93"/>
      <c r="BI5390" s="93"/>
      <c r="BJ5390" s="93"/>
      <c r="BK5390" s="93"/>
      <c r="BL5390" s="93"/>
    </row>
    <row r="5391" spans="2:64" x14ac:dyDescent="0.2">
      <c r="B5391" s="43"/>
      <c r="C5391" s="73"/>
      <c r="D5391" s="64"/>
      <c r="E5391" s="55"/>
      <c r="F5391" s="74"/>
      <c r="G5391" s="74"/>
      <c r="H5391" s="74"/>
      <c r="I5391" s="75"/>
      <c r="J5391" s="74"/>
      <c r="L5391" s="55"/>
      <c r="M5391" s="234"/>
      <c r="N5391" s="65"/>
      <c r="O5391" s="76"/>
      <c r="P5391" s="76"/>
      <c r="Q5391" s="65"/>
      <c r="R5391" s="76"/>
      <c r="S5391" s="76"/>
      <c r="T5391" s="76"/>
      <c r="U5391" s="76"/>
      <c r="V5391" s="76"/>
      <c r="W5391" s="76"/>
      <c r="X5391" s="76"/>
      <c r="Y5391" s="76"/>
      <c r="Z5391" s="76"/>
      <c r="AA5391" s="85"/>
      <c r="AB5391" s="85"/>
      <c r="AC5391" s="85"/>
      <c r="AD5391" s="85"/>
      <c r="AE5391" s="85"/>
      <c r="AF5391" s="85"/>
      <c r="AG5391" s="86"/>
      <c r="AH5391" s="85"/>
      <c r="AI5391" s="85"/>
      <c r="AJ5391" s="85"/>
      <c r="AK5391" s="85"/>
      <c r="AL5391" s="85"/>
      <c r="AM5391" s="92"/>
      <c r="AN5391" s="92"/>
      <c r="AO5391" s="92"/>
      <c r="AP5391" s="92"/>
      <c r="AQ5391" s="92"/>
      <c r="AR5391" s="92"/>
      <c r="AS5391" s="92"/>
      <c r="AT5391" s="92"/>
      <c r="AU5391" s="92"/>
      <c r="AV5391" s="92"/>
      <c r="AW5391" s="92"/>
      <c r="AX5391" s="92"/>
      <c r="AY5391" s="92"/>
      <c r="AZ5391" s="93"/>
      <c r="BA5391" s="93"/>
      <c r="BB5391" s="93"/>
      <c r="BC5391" s="93"/>
      <c r="BD5391" s="93"/>
      <c r="BE5391" s="93"/>
      <c r="BF5391" s="93"/>
      <c r="BG5391" s="93"/>
      <c r="BH5391" s="93"/>
      <c r="BI5391" s="93"/>
      <c r="BJ5391" s="93"/>
      <c r="BK5391" s="93"/>
      <c r="BL5391" s="93"/>
    </row>
    <row r="5392" spans="2:64" x14ac:dyDescent="0.2">
      <c r="B5392" s="43"/>
      <c r="C5392" s="73"/>
      <c r="D5392" s="64"/>
      <c r="E5392" s="55"/>
      <c r="F5392" s="74"/>
      <c r="G5392" s="74"/>
      <c r="H5392" s="74"/>
      <c r="I5392" s="75"/>
      <c r="J5392" s="74"/>
      <c r="L5392" s="55"/>
      <c r="M5392" s="234"/>
      <c r="N5392" s="65"/>
      <c r="O5392" s="76"/>
      <c r="P5392" s="76"/>
      <c r="Q5392" s="65"/>
      <c r="R5392" s="76"/>
      <c r="S5392" s="76"/>
      <c r="T5392" s="76"/>
      <c r="U5392" s="76"/>
      <c r="V5392" s="76"/>
      <c r="W5392" s="76"/>
      <c r="X5392" s="76"/>
      <c r="Y5392" s="76"/>
      <c r="Z5392" s="76"/>
      <c r="AA5392" s="85"/>
      <c r="AB5392" s="85"/>
      <c r="AC5392" s="85"/>
      <c r="AD5392" s="85"/>
      <c r="AE5392" s="85"/>
      <c r="AF5392" s="85"/>
      <c r="AG5392" s="86"/>
      <c r="AH5392" s="85"/>
      <c r="AI5392" s="85"/>
      <c r="AJ5392" s="85"/>
      <c r="AK5392" s="85"/>
      <c r="AL5392" s="85"/>
      <c r="AM5392" s="92"/>
      <c r="AN5392" s="92"/>
      <c r="AO5392" s="92"/>
      <c r="AP5392" s="92"/>
      <c r="AQ5392" s="92"/>
      <c r="AR5392" s="92"/>
      <c r="AS5392" s="92"/>
      <c r="AT5392" s="92"/>
      <c r="AU5392" s="92"/>
      <c r="AV5392" s="92"/>
      <c r="AW5392" s="92"/>
      <c r="AX5392" s="92"/>
      <c r="AY5392" s="92"/>
      <c r="AZ5392" s="93"/>
      <c r="BA5392" s="93"/>
      <c r="BB5392" s="93"/>
      <c r="BC5392" s="93"/>
      <c r="BD5392" s="93"/>
      <c r="BE5392" s="93"/>
      <c r="BF5392" s="93"/>
      <c r="BG5392" s="93"/>
      <c r="BH5392" s="93"/>
      <c r="BI5392" s="93"/>
      <c r="BJ5392" s="93"/>
      <c r="BK5392" s="93"/>
      <c r="BL5392" s="93"/>
    </row>
    <row r="5393" spans="2:64" x14ac:dyDescent="0.2">
      <c r="B5393" s="43"/>
      <c r="C5393" s="73"/>
      <c r="D5393" s="64"/>
      <c r="E5393" s="55"/>
      <c r="F5393" s="74"/>
      <c r="G5393" s="74"/>
      <c r="H5393" s="74"/>
      <c r="I5393" s="75"/>
      <c r="J5393" s="74"/>
      <c r="L5393" s="55"/>
      <c r="M5393" s="234"/>
      <c r="N5393" s="65"/>
      <c r="O5393" s="76"/>
      <c r="P5393" s="76"/>
      <c r="Q5393" s="65"/>
      <c r="R5393" s="76"/>
      <c r="S5393" s="76"/>
      <c r="T5393" s="76"/>
      <c r="U5393" s="76"/>
      <c r="V5393" s="76"/>
      <c r="W5393" s="76"/>
      <c r="X5393" s="76"/>
      <c r="Y5393" s="76"/>
      <c r="Z5393" s="76"/>
      <c r="AA5393" s="85"/>
      <c r="AB5393" s="85"/>
      <c r="AC5393" s="85"/>
      <c r="AD5393" s="85"/>
      <c r="AE5393" s="85"/>
      <c r="AF5393" s="85"/>
      <c r="AG5393" s="86"/>
      <c r="AH5393" s="85"/>
      <c r="AI5393" s="85"/>
      <c r="AJ5393" s="85"/>
      <c r="AK5393" s="85"/>
      <c r="AL5393" s="85"/>
      <c r="AM5393" s="92"/>
      <c r="AN5393" s="92"/>
      <c r="AO5393" s="92"/>
      <c r="AP5393" s="92"/>
      <c r="AQ5393" s="92"/>
      <c r="AR5393" s="92"/>
      <c r="AS5393" s="92"/>
      <c r="AT5393" s="92"/>
      <c r="AU5393" s="92"/>
      <c r="AV5393" s="92"/>
      <c r="AW5393" s="92"/>
      <c r="AX5393" s="92"/>
      <c r="AY5393" s="92"/>
      <c r="AZ5393" s="93"/>
      <c r="BA5393" s="93"/>
      <c r="BB5393" s="93"/>
      <c r="BC5393" s="93"/>
      <c r="BD5393" s="93"/>
      <c r="BE5393" s="93"/>
      <c r="BF5393" s="93"/>
      <c r="BG5393" s="93"/>
      <c r="BH5393" s="93"/>
      <c r="BI5393" s="93"/>
      <c r="BJ5393" s="93"/>
      <c r="BK5393" s="93"/>
      <c r="BL5393" s="93"/>
    </row>
    <row r="5394" spans="2:64" x14ac:dyDescent="0.2">
      <c r="B5394" s="43"/>
      <c r="C5394" s="73"/>
      <c r="D5394" s="64"/>
      <c r="E5394" s="55"/>
      <c r="F5394" s="74"/>
      <c r="G5394" s="74"/>
      <c r="H5394" s="74"/>
      <c r="I5394" s="75"/>
      <c r="J5394" s="74"/>
      <c r="L5394" s="55"/>
      <c r="M5394" s="234"/>
      <c r="N5394" s="65"/>
      <c r="O5394" s="76"/>
      <c r="P5394" s="76"/>
      <c r="Q5394" s="65"/>
      <c r="R5394" s="76"/>
      <c r="S5394" s="76"/>
      <c r="T5394" s="76"/>
      <c r="U5394" s="76"/>
      <c r="V5394" s="76"/>
      <c r="W5394" s="76"/>
      <c r="X5394" s="76"/>
      <c r="Y5394" s="76"/>
      <c r="Z5394" s="76"/>
      <c r="AA5394" s="85"/>
      <c r="AB5394" s="85"/>
      <c r="AC5394" s="85"/>
      <c r="AD5394" s="85"/>
      <c r="AE5394" s="85"/>
      <c r="AF5394" s="85"/>
      <c r="AG5394" s="86"/>
      <c r="AH5394" s="85"/>
      <c r="AI5394" s="85"/>
      <c r="AJ5394" s="85"/>
      <c r="AK5394" s="85"/>
      <c r="AL5394" s="85"/>
      <c r="AM5394" s="92"/>
      <c r="AN5394" s="92"/>
      <c r="AO5394" s="92"/>
      <c r="AP5394" s="92"/>
      <c r="AQ5394" s="92"/>
      <c r="AR5394" s="92"/>
      <c r="AS5394" s="92"/>
      <c r="AT5394" s="92"/>
      <c r="AU5394" s="92"/>
      <c r="AV5394" s="92"/>
      <c r="AW5394" s="92"/>
      <c r="AX5394" s="92"/>
      <c r="AY5394" s="92"/>
      <c r="AZ5394" s="93"/>
      <c r="BA5394" s="93"/>
      <c r="BB5394" s="93"/>
      <c r="BC5394" s="93"/>
      <c r="BD5394" s="93"/>
      <c r="BE5394" s="93"/>
      <c r="BF5394" s="93"/>
      <c r="BG5394" s="93"/>
      <c r="BH5394" s="93"/>
      <c r="BI5394" s="93"/>
      <c r="BJ5394" s="93"/>
      <c r="BK5394" s="93"/>
      <c r="BL5394" s="93"/>
    </row>
    <row r="5395" spans="2:64" x14ac:dyDescent="0.2">
      <c r="B5395" s="43"/>
      <c r="C5395" s="73"/>
      <c r="D5395" s="64"/>
      <c r="E5395" s="55"/>
      <c r="F5395" s="74"/>
      <c r="G5395" s="74"/>
      <c r="H5395" s="74"/>
      <c r="I5395" s="75"/>
      <c r="J5395" s="74"/>
      <c r="L5395" s="55"/>
      <c r="M5395" s="234"/>
      <c r="N5395" s="65"/>
      <c r="O5395" s="76"/>
      <c r="P5395" s="76"/>
      <c r="Q5395" s="65"/>
      <c r="R5395" s="76"/>
      <c r="S5395" s="76"/>
      <c r="T5395" s="76"/>
      <c r="U5395" s="76"/>
      <c r="V5395" s="76"/>
      <c r="W5395" s="76"/>
      <c r="X5395" s="76"/>
      <c r="Y5395" s="76"/>
      <c r="Z5395" s="76"/>
      <c r="AA5395" s="85"/>
      <c r="AB5395" s="85"/>
      <c r="AC5395" s="85"/>
      <c r="AD5395" s="85"/>
      <c r="AE5395" s="85"/>
      <c r="AF5395" s="85"/>
      <c r="AG5395" s="86"/>
      <c r="AH5395" s="85"/>
      <c r="AI5395" s="85"/>
      <c r="AJ5395" s="85"/>
      <c r="AK5395" s="85"/>
      <c r="AL5395" s="85"/>
      <c r="AM5395" s="92"/>
      <c r="AN5395" s="92"/>
      <c r="AO5395" s="92"/>
      <c r="AP5395" s="92"/>
      <c r="AQ5395" s="92"/>
      <c r="AR5395" s="92"/>
      <c r="AS5395" s="92"/>
      <c r="AT5395" s="92"/>
      <c r="AU5395" s="92"/>
      <c r="AV5395" s="92"/>
      <c r="AW5395" s="92"/>
      <c r="AX5395" s="92"/>
      <c r="AY5395" s="92"/>
      <c r="AZ5395" s="93"/>
      <c r="BA5395" s="93"/>
      <c r="BB5395" s="93"/>
      <c r="BC5395" s="93"/>
      <c r="BD5395" s="93"/>
      <c r="BE5395" s="93"/>
      <c r="BF5395" s="93"/>
      <c r="BG5395" s="93"/>
      <c r="BH5395" s="93"/>
      <c r="BI5395" s="93"/>
      <c r="BJ5395" s="93"/>
      <c r="BK5395" s="93"/>
      <c r="BL5395" s="93"/>
    </row>
    <row r="5396" spans="2:64" x14ac:dyDescent="0.2">
      <c r="B5396" s="43"/>
      <c r="C5396" s="73"/>
      <c r="D5396" s="64"/>
      <c r="E5396" s="55"/>
      <c r="F5396" s="74"/>
      <c r="G5396" s="74"/>
      <c r="H5396" s="74"/>
      <c r="I5396" s="75"/>
      <c r="J5396" s="74"/>
      <c r="L5396" s="55"/>
      <c r="M5396" s="234"/>
      <c r="N5396" s="65"/>
      <c r="O5396" s="76"/>
      <c r="P5396" s="76"/>
      <c r="Q5396" s="65"/>
      <c r="R5396" s="76"/>
      <c r="S5396" s="76"/>
      <c r="T5396" s="76"/>
      <c r="U5396" s="76"/>
      <c r="V5396" s="76"/>
      <c r="W5396" s="76"/>
      <c r="X5396" s="76"/>
      <c r="Y5396" s="76"/>
      <c r="Z5396" s="76"/>
      <c r="AA5396" s="85"/>
      <c r="AB5396" s="85"/>
      <c r="AC5396" s="85"/>
      <c r="AD5396" s="85"/>
      <c r="AE5396" s="85"/>
      <c r="AF5396" s="85"/>
      <c r="AG5396" s="86"/>
      <c r="AH5396" s="85"/>
      <c r="AI5396" s="85"/>
      <c r="AJ5396" s="85"/>
      <c r="AK5396" s="85"/>
      <c r="AL5396" s="85"/>
      <c r="AM5396" s="92"/>
      <c r="AN5396" s="92"/>
      <c r="AO5396" s="92"/>
      <c r="AP5396" s="92"/>
      <c r="AQ5396" s="92"/>
      <c r="AR5396" s="92"/>
      <c r="AS5396" s="92"/>
      <c r="AT5396" s="92"/>
      <c r="AU5396" s="92"/>
      <c r="AV5396" s="92"/>
      <c r="AW5396" s="92"/>
      <c r="AX5396" s="92"/>
      <c r="AY5396" s="92"/>
      <c r="AZ5396" s="93"/>
      <c r="BA5396" s="93"/>
      <c r="BB5396" s="93"/>
      <c r="BC5396" s="93"/>
      <c r="BD5396" s="93"/>
      <c r="BE5396" s="93"/>
      <c r="BF5396" s="93"/>
      <c r="BG5396" s="93"/>
      <c r="BH5396" s="93"/>
      <c r="BI5396" s="93"/>
      <c r="BJ5396" s="93"/>
      <c r="BK5396" s="93"/>
      <c r="BL5396" s="93"/>
    </row>
    <row r="5397" spans="2:64" x14ac:dyDescent="0.2">
      <c r="B5397" s="43"/>
      <c r="C5397" s="73"/>
      <c r="D5397" s="64"/>
      <c r="E5397" s="55"/>
      <c r="F5397" s="74"/>
      <c r="G5397" s="74"/>
      <c r="H5397" s="74"/>
      <c r="I5397" s="75"/>
      <c r="J5397" s="74"/>
      <c r="L5397" s="55"/>
      <c r="M5397" s="234"/>
      <c r="N5397" s="65"/>
      <c r="O5397" s="76"/>
      <c r="P5397" s="76"/>
      <c r="Q5397" s="65"/>
      <c r="R5397" s="76"/>
      <c r="S5397" s="76"/>
      <c r="T5397" s="76"/>
      <c r="U5397" s="76"/>
      <c r="V5397" s="76"/>
      <c r="W5397" s="76"/>
      <c r="X5397" s="76"/>
      <c r="Y5397" s="76"/>
      <c r="Z5397" s="76"/>
      <c r="AA5397" s="85"/>
      <c r="AB5397" s="85"/>
      <c r="AC5397" s="85"/>
      <c r="AD5397" s="85"/>
      <c r="AE5397" s="85"/>
      <c r="AF5397" s="85"/>
      <c r="AG5397" s="86"/>
      <c r="AH5397" s="85"/>
      <c r="AI5397" s="85"/>
      <c r="AJ5397" s="85"/>
      <c r="AK5397" s="85"/>
      <c r="AL5397" s="85"/>
      <c r="AM5397" s="92"/>
      <c r="AN5397" s="92"/>
      <c r="AO5397" s="92"/>
      <c r="AP5397" s="92"/>
      <c r="AQ5397" s="92"/>
      <c r="AR5397" s="92"/>
      <c r="AS5397" s="92"/>
      <c r="AT5397" s="92"/>
      <c r="AU5397" s="92"/>
      <c r="AV5397" s="92"/>
      <c r="AW5397" s="92"/>
      <c r="AX5397" s="92"/>
      <c r="AY5397" s="92"/>
      <c r="AZ5397" s="93"/>
      <c r="BA5397" s="93"/>
      <c r="BB5397" s="93"/>
      <c r="BC5397" s="93"/>
      <c r="BD5397" s="93"/>
      <c r="BE5397" s="93"/>
      <c r="BF5397" s="93"/>
      <c r="BG5397" s="93"/>
      <c r="BH5397" s="93"/>
      <c r="BI5397" s="93"/>
      <c r="BJ5397" s="93"/>
      <c r="BK5397" s="93"/>
      <c r="BL5397" s="93"/>
    </row>
    <row r="5398" spans="2:64" x14ac:dyDescent="0.2">
      <c r="B5398" s="43"/>
      <c r="C5398" s="73"/>
      <c r="D5398" s="64"/>
      <c r="E5398" s="55"/>
      <c r="F5398" s="74"/>
      <c r="G5398" s="74"/>
      <c r="H5398" s="74"/>
      <c r="I5398" s="75"/>
      <c r="J5398" s="74"/>
      <c r="L5398" s="55"/>
      <c r="M5398" s="234"/>
      <c r="N5398" s="65"/>
      <c r="O5398" s="76"/>
      <c r="P5398" s="76"/>
      <c r="Q5398" s="65"/>
      <c r="R5398" s="76"/>
      <c r="S5398" s="76"/>
      <c r="T5398" s="76"/>
      <c r="U5398" s="76"/>
      <c r="V5398" s="76"/>
      <c r="W5398" s="76"/>
      <c r="X5398" s="76"/>
      <c r="Y5398" s="76"/>
      <c r="Z5398" s="76"/>
      <c r="AA5398" s="85"/>
      <c r="AB5398" s="85"/>
      <c r="AC5398" s="85"/>
      <c r="AD5398" s="85"/>
      <c r="AE5398" s="85"/>
      <c r="AF5398" s="85"/>
      <c r="AG5398" s="86"/>
      <c r="AH5398" s="85"/>
      <c r="AI5398" s="85"/>
      <c r="AJ5398" s="85"/>
      <c r="AK5398" s="85"/>
      <c r="AL5398" s="85"/>
      <c r="AM5398" s="92"/>
      <c r="AN5398" s="92"/>
      <c r="AO5398" s="92"/>
      <c r="AP5398" s="92"/>
      <c r="AQ5398" s="92"/>
      <c r="AR5398" s="92"/>
      <c r="AS5398" s="92"/>
      <c r="AT5398" s="92"/>
      <c r="AU5398" s="92"/>
      <c r="AV5398" s="92"/>
      <c r="AW5398" s="92"/>
      <c r="AX5398" s="92"/>
      <c r="AY5398" s="92"/>
      <c r="AZ5398" s="93"/>
      <c r="BA5398" s="93"/>
      <c r="BB5398" s="93"/>
      <c r="BC5398" s="93"/>
      <c r="BD5398" s="93"/>
      <c r="BE5398" s="93"/>
      <c r="BF5398" s="93"/>
      <c r="BG5398" s="93"/>
      <c r="BH5398" s="93"/>
      <c r="BI5398" s="93"/>
      <c r="BJ5398" s="93"/>
      <c r="BK5398" s="93"/>
      <c r="BL5398" s="93"/>
    </row>
    <row r="5399" spans="2:64" x14ac:dyDescent="0.2">
      <c r="B5399" s="43"/>
      <c r="C5399" s="73"/>
      <c r="D5399" s="64"/>
      <c r="E5399" s="55"/>
      <c r="F5399" s="74"/>
      <c r="G5399" s="74"/>
      <c r="H5399" s="74"/>
      <c r="I5399" s="75"/>
      <c r="J5399" s="74"/>
      <c r="L5399" s="55"/>
      <c r="M5399" s="234"/>
      <c r="N5399" s="65"/>
      <c r="O5399" s="76"/>
      <c r="P5399" s="76"/>
      <c r="Q5399" s="65"/>
      <c r="R5399" s="76"/>
      <c r="S5399" s="76"/>
      <c r="T5399" s="76"/>
      <c r="U5399" s="76"/>
      <c r="V5399" s="76"/>
      <c r="W5399" s="76"/>
      <c r="X5399" s="76"/>
      <c r="Y5399" s="76"/>
      <c r="Z5399" s="76"/>
      <c r="AA5399" s="85"/>
      <c r="AB5399" s="85"/>
      <c r="AC5399" s="85"/>
      <c r="AD5399" s="85"/>
      <c r="AE5399" s="85"/>
      <c r="AF5399" s="85"/>
      <c r="AG5399" s="86"/>
      <c r="AH5399" s="85"/>
      <c r="AI5399" s="85"/>
      <c r="AJ5399" s="85"/>
      <c r="AK5399" s="85"/>
      <c r="AL5399" s="85"/>
      <c r="AM5399" s="92"/>
      <c r="AN5399" s="92"/>
      <c r="AO5399" s="92"/>
      <c r="AP5399" s="92"/>
      <c r="AQ5399" s="92"/>
      <c r="AR5399" s="92"/>
      <c r="AS5399" s="92"/>
      <c r="AT5399" s="92"/>
      <c r="AU5399" s="92"/>
      <c r="AV5399" s="92"/>
      <c r="AW5399" s="92"/>
      <c r="AX5399" s="92"/>
      <c r="AY5399" s="92"/>
      <c r="AZ5399" s="93"/>
      <c r="BA5399" s="93"/>
      <c r="BB5399" s="93"/>
      <c r="BC5399" s="93"/>
      <c r="BD5399" s="93"/>
      <c r="BE5399" s="93"/>
      <c r="BF5399" s="93"/>
      <c r="BG5399" s="93"/>
      <c r="BH5399" s="93"/>
      <c r="BI5399" s="93"/>
      <c r="BJ5399" s="93"/>
      <c r="BK5399" s="93"/>
      <c r="BL5399" s="93"/>
    </row>
    <row r="5400" spans="2:64" x14ac:dyDescent="0.2">
      <c r="B5400" s="43"/>
      <c r="C5400" s="73"/>
      <c r="D5400" s="64"/>
      <c r="E5400" s="55"/>
      <c r="F5400" s="74"/>
      <c r="G5400" s="74"/>
      <c r="H5400" s="74"/>
      <c r="I5400" s="75"/>
      <c r="J5400" s="74"/>
      <c r="L5400" s="55"/>
      <c r="M5400" s="234"/>
      <c r="N5400" s="65"/>
      <c r="O5400" s="76"/>
      <c r="P5400" s="76"/>
      <c r="Q5400" s="65"/>
      <c r="R5400" s="76"/>
      <c r="S5400" s="76"/>
      <c r="T5400" s="76"/>
      <c r="U5400" s="76"/>
      <c r="V5400" s="76"/>
      <c r="W5400" s="76"/>
      <c r="X5400" s="76"/>
      <c r="Y5400" s="76"/>
      <c r="Z5400" s="76"/>
      <c r="AA5400" s="85"/>
      <c r="AB5400" s="85"/>
      <c r="AC5400" s="85"/>
      <c r="AD5400" s="85"/>
      <c r="AE5400" s="85"/>
      <c r="AF5400" s="85"/>
      <c r="AG5400" s="86"/>
      <c r="AH5400" s="85"/>
      <c r="AI5400" s="85"/>
      <c r="AJ5400" s="85"/>
      <c r="AK5400" s="85"/>
      <c r="AL5400" s="85"/>
      <c r="AM5400" s="92"/>
      <c r="AN5400" s="92"/>
      <c r="AO5400" s="92"/>
      <c r="AP5400" s="92"/>
      <c r="AQ5400" s="92"/>
      <c r="AR5400" s="92"/>
      <c r="AS5400" s="92"/>
      <c r="AT5400" s="92"/>
      <c r="AU5400" s="92"/>
      <c r="AV5400" s="92"/>
      <c r="AW5400" s="92"/>
      <c r="AX5400" s="92"/>
      <c r="AY5400" s="92"/>
      <c r="AZ5400" s="93"/>
      <c r="BA5400" s="93"/>
      <c r="BB5400" s="93"/>
      <c r="BC5400" s="93"/>
      <c r="BD5400" s="93"/>
      <c r="BE5400" s="93"/>
      <c r="BF5400" s="93"/>
      <c r="BG5400" s="93"/>
      <c r="BH5400" s="93"/>
      <c r="BI5400" s="93"/>
      <c r="BJ5400" s="93"/>
      <c r="BK5400" s="93"/>
      <c r="BL5400" s="93"/>
    </row>
    <row r="5401" spans="2:64" x14ac:dyDescent="0.2">
      <c r="B5401" s="43"/>
      <c r="C5401" s="73"/>
      <c r="D5401" s="64"/>
      <c r="E5401" s="55"/>
      <c r="F5401" s="74"/>
      <c r="G5401" s="74"/>
      <c r="H5401" s="74"/>
      <c r="I5401" s="75"/>
      <c r="J5401" s="74"/>
      <c r="L5401" s="55"/>
      <c r="M5401" s="234"/>
      <c r="N5401" s="65"/>
      <c r="O5401" s="76"/>
      <c r="P5401" s="76"/>
      <c r="Q5401" s="65"/>
      <c r="R5401" s="76"/>
      <c r="S5401" s="76"/>
      <c r="T5401" s="76"/>
      <c r="U5401" s="76"/>
      <c r="V5401" s="76"/>
      <c r="W5401" s="76"/>
      <c r="X5401" s="76"/>
      <c r="Y5401" s="76"/>
      <c r="Z5401" s="76"/>
      <c r="AA5401" s="85"/>
      <c r="AB5401" s="85"/>
      <c r="AC5401" s="85"/>
      <c r="AD5401" s="85"/>
      <c r="AE5401" s="85"/>
      <c r="AF5401" s="85"/>
      <c r="AG5401" s="86"/>
      <c r="AH5401" s="85"/>
      <c r="AI5401" s="85"/>
      <c r="AJ5401" s="85"/>
      <c r="AK5401" s="85"/>
      <c r="AL5401" s="85"/>
      <c r="AM5401" s="92"/>
      <c r="AN5401" s="92"/>
      <c r="AO5401" s="92"/>
      <c r="AP5401" s="92"/>
      <c r="AQ5401" s="92"/>
      <c r="AR5401" s="92"/>
      <c r="AS5401" s="92"/>
      <c r="AT5401" s="92"/>
      <c r="AU5401" s="92"/>
      <c r="AV5401" s="92"/>
      <c r="AW5401" s="92"/>
      <c r="AX5401" s="92"/>
      <c r="AY5401" s="92"/>
      <c r="AZ5401" s="93"/>
      <c r="BA5401" s="93"/>
      <c r="BB5401" s="93"/>
      <c r="BC5401" s="93"/>
      <c r="BD5401" s="93"/>
      <c r="BE5401" s="93"/>
      <c r="BF5401" s="93"/>
      <c r="BG5401" s="93"/>
      <c r="BH5401" s="93"/>
      <c r="BI5401" s="93"/>
      <c r="BJ5401" s="93"/>
      <c r="BK5401" s="93"/>
      <c r="BL5401" s="93"/>
    </row>
    <row r="5402" spans="2:64" x14ac:dyDescent="0.2">
      <c r="B5402" s="43"/>
      <c r="C5402" s="73"/>
      <c r="D5402" s="64"/>
      <c r="E5402" s="55"/>
      <c r="F5402" s="74"/>
      <c r="G5402" s="74"/>
      <c r="H5402" s="74"/>
      <c r="I5402" s="75"/>
      <c r="J5402" s="74"/>
      <c r="L5402" s="55"/>
      <c r="M5402" s="234"/>
      <c r="N5402" s="65"/>
      <c r="O5402" s="76"/>
      <c r="P5402" s="76"/>
      <c r="Q5402" s="65"/>
      <c r="R5402" s="76"/>
      <c r="S5402" s="76"/>
      <c r="T5402" s="76"/>
      <c r="U5402" s="76"/>
      <c r="V5402" s="76"/>
      <c r="W5402" s="76"/>
      <c r="X5402" s="76"/>
      <c r="Y5402" s="76"/>
      <c r="Z5402" s="76"/>
      <c r="AA5402" s="85"/>
      <c r="AB5402" s="85"/>
      <c r="AC5402" s="85"/>
      <c r="AD5402" s="85"/>
      <c r="AE5402" s="85"/>
      <c r="AF5402" s="85"/>
      <c r="AG5402" s="86"/>
      <c r="AH5402" s="85"/>
      <c r="AI5402" s="85"/>
      <c r="AJ5402" s="85"/>
      <c r="AK5402" s="85"/>
      <c r="AL5402" s="85"/>
      <c r="AM5402" s="92"/>
      <c r="AN5402" s="92"/>
      <c r="AO5402" s="92"/>
      <c r="AP5402" s="92"/>
      <c r="AQ5402" s="92"/>
      <c r="AR5402" s="92"/>
      <c r="AS5402" s="92"/>
      <c r="AT5402" s="92"/>
      <c r="AU5402" s="92"/>
      <c r="AV5402" s="92"/>
      <c r="AW5402" s="92"/>
      <c r="AX5402" s="92"/>
      <c r="AY5402" s="92"/>
      <c r="AZ5402" s="93"/>
      <c r="BA5402" s="93"/>
      <c r="BB5402" s="93"/>
      <c r="BC5402" s="93"/>
      <c r="BD5402" s="93"/>
      <c r="BE5402" s="93"/>
      <c r="BF5402" s="93"/>
      <c r="BG5402" s="93"/>
      <c r="BH5402" s="93"/>
      <c r="BI5402" s="93"/>
      <c r="BJ5402" s="93"/>
      <c r="BK5402" s="93"/>
      <c r="BL5402" s="93"/>
    </row>
    <row r="5403" spans="2:64" x14ac:dyDescent="0.2">
      <c r="B5403" s="43"/>
      <c r="C5403" s="73"/>
      <c r="D5403" s="64"/>
      <c r="E5403" s="55"/>
      <c r="F5403" s="74"/>
      <c r="G5403" s="74"/>
      <c r="H5403" s="74"/>
      <c r="I5403" s="75"/>
      <c r="J5403" s="74"/>
      <c r="L5403" s="55"/>
      <c r="M5403" s="234"/>
      <c r="N5403" s="65"/>
      <c r="O5403" s="76"/>
      <c r="P5403" s="76"/>
      <c r="Q5403" s="65"/>
      <c r="R5403" s="76"/>
      <c r="S5403" s="76"/>
      <c r="T5403" s="76"/>
      <c r="U5403" s="76"/>
      <c r="V5403" s="76"/>
      <c r="W5403" s="76"/>
      <c r="X5403" s="76"/>
      <c r="Y5403" s="76"/>
      <c r="Z5403" s="76"/>
      <c r="AA5403" s="85"/>
      <c r="AB5403" s="85"/>
      <c r="AC5403" s="85"/>
      <c r="AD5403" s="85"/>
      <c r="AE5403" s="85"/>
      <c r="AF5403" s="85"/>
      <c r="AG5403" s="86"/>
      <c r="AH5403" s="85"/>
      <c r="AI5403" s="85"/>
      <c r="AJ5403" s="85"/>
      <c r="AK5403" s="85"/>
      <c r="AL5403" s="85"/>
      <c r="AM5403" s="92"/>
      <c r="AN5403" s="92"/>
      <c r="AO5403" s="92"/>
      <c r="AP5403" s="92"/>
      <c r="AQ5403" s="92"/>
      <c r="AR5403" s="92"/>
      <c r="AS5403" s="92"/>
      <c r="AT5403" s="92"/>
      <c r="AU5403" s="92"/>
      <c r="AV5403" s="92"/>
      <c r="AW5403" s="92"/>
      <c r="AX5403" s="92"/>
      <c r="AY5403" s="92"/>
      <c r="AZ5403" s="93"/>
      <c r="BA5403" s="93"/>
      <c r="BB5403" s="93"/>
      <c r="BC5403" s="93"/>
      <c r="BD5403" s="93"/>
      <c r="BE5403" s="93"/>
      <c r="BF5403" s="93"/>
      <c r="BG5403" s="93"/>
      <c r="BH5403" s="93"/>
      <c r="BI5403" s="93"/>
      <c r="BJ5403" s="93"/>
      <c r="BK5403" s="93"/>
      <c r="BL5403" s="93"/>
    </row>
    <row r="5404" spans="2:64" x14ac:dyDescent="0.2">
      <c r="B5404" s="43"/>
      <c r="C5404" s="73"/>
      <c r="D5404" s="64"/>
      <c r="E5404" s="55"/>
      <c r="F5404" s="74"/>
      <c r="G5404" s="74"/>
      <c r="H5404" s="74"/>
      <c r="I5404" s="75"/>
      <c r="J5404" s="74"/>
      <c r="L5404" s="55"/>
      <c r="M5404" s="234"/>
      <c r="N5404" s="65"/>
      <c r="O5404" s="76"/>
      <c r="P5404" s="76"/>
      <c r="Q5404" s="65"/>
      <c r="R5404" s="76"/>
      <c r="S5404" s="76"/>
      <c r="T5404" s="76"/>
      <c r="U5404" s="76"/>
      <c r="V5404" s="76"/>
      <c r="W5404" s="76"/>
      <c r="X5404" s="76"/>
      <c r="Y5404" s="76"/>
      <c r="Z5404" s="76"/>
      <c r="AA5404" s="85"/>
      <c r="AB5404" s="85"/>
      <c r="AC5404" s="85"/>
      <c r="AD5404" s="85"/>
      <c r="AE5404" s="85"/>
      <c r="AF5404" s="85"/>
      <c r="AG5404" s="86"/>
      <c r="AH5404" s="85"/>
      <c r="AI5404" s="85"/>
      <c r="AJ5404" s="85"/>
      <c r="AK5404" s="85"/>
      <c r="AL5404" s="85"/>
      <c r="AM5404" s="92"/>
      <c r="AN5404" s="92"/>
      <c r="AO5404" s="92"/>
      <c r="AP5404" s="92"/>
      <c r="AQ5404" s="92"/>
      <c r="AR5404" s="92"/>
      <c r="AS5404" s="92"/>
      <c r="AT5404" s="92"/>
      <c r="AU5404" s="92"/>
      <c r="AV5404" s="92"/>
      <c r="AW5404" s="92"/>
      <c r="AX5404" s="92"/>
      <c r="AY5404" s="92"/>
      <c r="AZ5404" s="93"/>
      <c r="BA5404" s="93"/>
      <c r="BB5404" s="93"/>
      <c r="BC5404" s="93"/>
      <c r="BD5404" s="93"/>
      <c r="BE5404" s="93"/>
      <c r="BF5404" s="93"/>
      <c r="BG5404" s="93"/>
      <c r="BH5404" s="93"/>
      <c r="BI5404" s="93"/>
      <c r="BJ5404" s="93"/>
      <c r="BK5404" s="93"/>
      <c r="BL5404" s="93"/>
    </row>
    <row r="5405" spans="2:64" x14ac:dyDescent="0.2">
      <c r="B5405" s="43"/>
      <c r="C5405" s="73"/>
      <c r="D5405" s="64"/>
      <c r="E5405" s="55"/>
      <c r="F5405" s="74"/>
      <c r="G5405" s="74"/>
      <c r="H5405" s="74"/>
      <c r="I5405" s="75"/>
      <c r="J5405" s="74"/>
      <c r="L5405" s="55"/>
      <c r="M5405" s="234"/>
      <c r="N5405" s="65"/>
      <c r="O5405" s="76"/>
      <c r="P5405" s="76"/>
      <c r="Q5405" s="65"/>
      <c r="R5405" s="76"/>
      <c r="S5405" s="76"/>
      <c r="T5405" s="76"/>
      <c r="U5405" s="76"/>
      <c r="V5405" s="76"/>
      <c r="W5405" s="76"/>
      <c r="X5405" s="76"/>
      <c r="Y5405" s="76"/>
      <c r="Z5405" s="76"/>
      <c r="AA5405" s="85"/>
      <c r="AB5405" s="85"/>
      <c r="AC5405" s="85"/>
      <c r="AD5405" s="85"/>
      <c r="AE5405" s="85"/>
      <c r="AF5405" s="85"/>
      <c r="AG5405" s="86"/>
      <c r="AH5405" s="85"/>
      <c r="AI5405" s="85"/>
      <c r="AJ5405" s="85"/>
      <c r="AK5405" s="85"/>
      <c r="AL5405" s="85"/>
      <c r="AM5405" s="92"/>
      <c r="AN5405" s="92"/>
      <c r="AO5405" s="92"/>
      <c r="AP5405" s="92"/>
      <c r="AQ5405" s="92"/>
      <c r="AR5405" s="92"/>
      <c r="AS5405" s="92"/>
      <c r="AT5405" s="92"/>
      <c r="AU5405" s="92"/>
      <c r="AV5405" s="92"/>
      <c r="AW5405" s="92"/>
      <c r="AX5405" s="92"/>
      <c r="AY5405" s="92"/>
      <c r="AZ5405" s="93"/>
      <c r="BA5405" s="93"/>
      <c r="BB5405" s="93"/>
      <c r="BC5405" s="93"/>
      <c r="BD5405" s="93"/>
      <c r="BE5405" s="93"/>
      <c r="BF5405" s="93"/>
      <c r="BG5405" s="93"/>
      <c r="BH5405" s="93"/>
      <c r="BI5405" s="93"/>
      <c r="BJ5405" s="93"/>
      <c r="BK5405" s="93"/>
      <c r="BL5405" s="93"/>
    </row>
    <row r="5406" spans="2:64" x14ac:dyDescent="0.2">
      <c r="B5406" s="43"/>
      <c r="C5406" s="73"/>
      <c r="D5406" s="64"/>
      <c r="E5406" s="55"/>
      <c r="F5406" s="74"/>
      <c r="G5406" s="74"/>
      <c r="H5406" s="74"/>
      <c r="I5406" s="75"/>
      <c r="J5406" s="74"/>
      <c r="L5406" s="55"/>
      <c r="M5406" s="234"/>
      <c r="N5406" s="65"/>
      <c r="O5406" s="76"/>
      <c r="P5406" s="76"/>
      <c r="Q5406" s="65"/>
      <c r="R5406" s="76"/>
      <c r="S5406" s="76"/>
      <c r="T5406" s="76"/>
      <c r="U5406" s="76"/>
      <c r="V5406" s="76"/>
      <c r="W5406" s="76"/>
      <c r="X5406" s="76"/>
      <c r="Y5406" s="76"/>
      <c r="Z5406" s="76"/>
      <c r="AA5406" s="85"/>
      <c r="AB5406" s="85"/>
      <c r="AC5406" s="85"/>
      <c r="AD5406" s="85"/>
      <c r="AE5406" s="85"/>
      <c r="AF5406" s="85"/>
      <c r="AG5406" s="86"/>
      <c r="AH5406" s="85"/>
      <c r="AI5406" s="85"/>
      <c r="AJ5406" s="85"/>
      <c r="AK5406" s="85"/>
      <c r="AL5406" s="85"/>
      <c r="AM5406" s="92"/>
      <c r="AN5406" s="92"/>
      <c r="AO5406" s="92"/>
      <c r="AP5406" s="92"/>
      <c r="AQ5406" s="92"/>
      <c r="AR5406" s="92"/>
      <c r="AS5406" s="92"/>
      <c r="AT5406" s="92"/>
      <c r="AU5406" s="92"/>
      <c r="AV5406" s="92"/>
      <c r="AW5406" s="92"/>
      <c r="AX5406" s="92"/>
      <c r="AY5406" s="92"/>
      <c r="AZ5406" s="93"/>
      <c r="BA5406" s="93"/>
      <c r="BB5406" s="93"/>
      <c r="BC5406" s="93"/>
      <c r="BD5406" s="93"/>
      <c r="BE5406" s="93"/>
      <c r="BF5406" s="93"/>
      <c r="BG5406" s="93"/>
      <c r="BH5406" s="93"/>
      <c r="BI5406" s="93"/>
      <c r="BJ5406" s="93"/>
      <c r="BK5406" s="93"/>
      <c r="BL5406" s="93"/>
    </row>
    <row r="5407" spans="2:64" x14ac:dyDescent="0.2">
      <c r="B5407" s="43"/>
      <c r="C5407" s="73"/>
      <c r="D5407" s="64"/>
      <c r="E5407" s="55"/>
      <c r="F5407" s="74"/>
      <c r="G5407" s="74"/>
      <c r="H5407" s="74"/>
      <c r="I5407" s="75"/>
      <c r="J5407" s="74"/>
      <c r="L5407" s="55"/>
      <c r="M5407" s="234"/>
      <c r="N5407" s="65"/>
      <c r="O5407" s="76"/>
      <c r="P5407" s="76"/>
      <c r="Q5407" s="65"/>
      <c r="R5407" s="76"/>
      <c r="S5407" s="76"/>
      <c r="T5407" s="76"/>
      <c r="U5407" s="76"/>
      <c r="V5407" s="76"/>
      <c r="W5407" s="76"/>
      <c r="X5407" s="76"/>
      <c r="Y5407" s="76"/>
      <c r="Z5407" s="76"/>
      <c r="AA5407" s="85"/>
      <c r="AB5407" s="85"/>
      <c r="AC5407" s="85"/>
      <c r="AD5407" s="85"/>
      <c r="AE5407" s="85"/>
      <c r="AF5407" s="85"/>
      <c r="AG5407" s="86"/>
      <c r="AH5407" s="85"/>
      <c r="AI5407" s="85"/>
      <c r="AJ5407" s="85"/>
      <c r="AK5407" s="85"/>
      <c r="AL5407" s="85"/>
      <c r="AM5407" s="92"/>
      <c r="AN5407" s="92"/>
      <c r="AO5407" s="92"/>
      <c r="AP5407" s="92"/>
      <c r="AQ5407" s="92"/>
      <c r="AR5407" s="92"/>
      <c r="AS5407" s="92"/>
      <c r="AT5407" s="92"/>
      <c r="AU5407" s="92"/>
      <c r="AV5407" s="92"/>
      <c r="AW5407" s="92"/>
      <c r="AX5407" s="92"/>
      <c r="AY5407" s="92"/>
      <c r="AZ5407" s="93"/>
      <c r="BA5407" s="93"/>
      <c r="BB5407" s="93"/>
      <c r="BC5407" s="93"/>
      <c r="BD5407" s="93"/>
      <c r="BE5407" s="93"/>
      <c r="BF5407" s="93"/>
      <c r="BG5407" s="93"/>
      <c r="BH5407" s="93"/>
      <c r="BI5407" s="93"/>
      <c r="BJ5407" s="93"/>
      <c r="BK5407" s="93"/>
      <c r="BL5407" s="93"/>
    </row>
    <row r="5408" spans="2:64" x14ac:dyDescent="0.2">
      <c r="B5408" s="43"/>
      <c r="C5408" s="73"/>
      <c r="D5408" s="64"/>
      <c r="E5408" s="55"/>
      <c r="F5408" s="74"/>
      <c r="G5408" s="74"/>
      <c r="H5408" s="74"/>
      <c r="I5408" s="75"/>
      <c r="J5408" s="74"/>
      <c r="L5408" s="55"/>
      <c r="M5408" s="234"/>
      <c r="N5408" s="65"/>
      <c r="O5408" s="76"/>
      <c r="P5408" s="76"/>
      <c r="Q5408" s="65"/>
      <c r="R5408" s="76"/>
      <c r="S5408" s="76"/>
      <c r="T5408" s="76"/>
      <c r="U5408" s="76"/>
      <c r="V5408" s="76"/>
      <c r="W5408" s="76"/>
      <c r="X5408" s="76"/>
      <c r="Y5408" s="76"/>
      <c r="Z5408" s="76"/>
      <c r="AA5408" s="85"/>
      <c r="AB5408" s="85"/>
      <c r="AC5408" s="85"/>
      <c r="AD5408" s="85"/>
      <c r="AE5408" s="85"/>
      <c r="AF5408" s="85"/>
      <c r="AG5408" s="86"/>
      <c r="AH5408" s="85"/>
      <c r="AI5408" s="85"/>
      <c r="AJ5408" s="85"/>
      <c r="AK5408" s="85"/>
      <c r="AL5408" s="85"/>
      <c r="AM5408" s="92"/>
      <c r="AN5408" s="92"/>
      <c r="AO5408" s="92"/>
      <c r="AP5408" s="92"/>
      <c r="AQ5408" s="92"/>
      <c r="AR5408" s="92"/>
      <c r="AS5408" s="92"/>
      <c r="AT5408" s="92"/>
      <c r="AU5408" s="92"/>
      <c r="AV5408" s="92"/>
      <c r="AW5408" s="92"/>
      <c r="AX5408" s="92"/>
      <c r="AY5408" s="92"/>
      <c r="AZ5408" s="93"/>
      <c r="BA5408" s="93"/>
      <c r="BB5408" s="93"/>
      <c r="BC5408" s="93"/>
      <c r="BD5408" s="93"/>
      <c r="BE5408" s="93"/>
      <c r="BF5408" s="93"/>
      <c r="BG5408" s="93"/>
      <c r="BH5408" s="93"/>
      <c r="BI5408" s="93"/>
      <c r="BJ5408" s="93"/>
      <c r="BK5408" s="93"/>
      <c r="BL5408" s="93"/>
    </row>
    <row r="5409" spans="2:64" x14ac:dyDescent="0.2">
      <c r="B5409" s="43"/>
      <c r="C5409" s="73"/>
      <c r="D5409" s="64"/>
      <c r="E5409" s="55"/>
      <c r="F5409" s="74"/>
      <c r="G5409" s="74"/>
      <c r="H5409" s="74"/>
      <c r="I5409" s="75"/>
      <c r="J5409" s="74"/>
      <c r="L5409" s="55"/>
      <c r="M5409" s="234"/>
      <c r="N5409" s="65"/>
      <c r="O5409" s="76"/>
      <c r="P5409" s="76"/>
      <c r="Q5409" s="65"/>
      <c r="R5409" s="76"/>
      <c r="S5409" s="76"/>
      <c r="T5409" s="76"/>
      <c r="U5409" s="76"/>
      <c r="V5409" s="76"/>
      <c r="W5409" s="76"/>
      <c r="X5409" s="76"/>
      <c r="Y5409" s="76"/>
      <c r="Z5409" s="76"/>
      <c r="AA5409" s="85"/>
      <c r="AB5409" s="85"/>
      <c r="AC5409" s="85"/>
      <c r="AD5409" s="85"/>
      <c r="AE5409" s="85"/>
      <c r="AF5409" s="85"/>
      <c r="AG5409" s="86"/>
      <c r="AH5409" s="85"/>
      <c r="AI5409" s="85"/>
      <c r="AJ5409" s="85"/>
      <c r="AK5409" s="85"/>
      <c r="AL5409" s="85"/>
      <c r="AM5409" s="92"/>
      <c r="AN5409" s="92"/>
      <c r="AO5409" s="92"/>
      <c r="AP5409" s="92"/>
      <c r="AQ5409" s="92"/>
      <c r="AR5409" s="92"/>
      <c r="AS5409" s="92"/>
      <c r="AT5409" s="92"/>
      <c r="AU5409" s="92"/>
      <c r="AV5409" s="92"/>
      <c r="AW5409" s="92"/>
      <c r="AX5409" s="92"/>
      <c r="AY5409" s="92"/>
      <c r="AZ5409" s="93"/>
      <c r="BA5409" s="93"/>
      <c r="BB5409" s="93"/>
      <c r="BC5409" s="93"/>
      <c r="BD5409" s="93"/>
      <c r="BE5409" s="93"/>
      <c r="BF5409" s="93"/>
      <c r="BG5409" s="93"/>
      <c r="BH5409" s="93"/>
      <c r="BI5409" s="93"/>
      <c r="BJ5409" s="93"/>
      <c r="BK5409" s="93"/>
      <c r="BL5409" s="93"/>
    </row>
    <row r="5410" spans="2:64" x14ac:dyDescent="0.2">
      <c r="B5410" s="43"/>
      <c r="C5410" s="73"/>
      <c r="D5410" s="64"/>
      <c r="E5410" s="55"/>
      <c r="F5410" s="74"/>
      <c r="G5410" s="74"/>
      <c r="H5410" s="74"/>
      <c r="I5410" s="75"/>
      <c r="J5410" s="74"/>
      <c r="L5410" s="55"/>
      <c r="M5410" s="234"/>
      <c r="N5410" s="65"/>
      <c r="O5410" s="76"/>
      <c r="P5410" s="76"/>
      <c r="Q5410" s="65"/>
      <c r="R5410" s="76"/>
      <c r="S5410" s="76"/>
      <c r="T5410" s="76"/>
      <c r="U5410" s="76"/>
      <c r="V5410" s="76"/>
      <c r="W5410" s="76"/>
      <c r="X5410" s="76"/>
      <c r="Y5410" s="76"/>
      <c r="Z5410" s="76"/>
      <c r="AA5410" s="85"/>
      <c r="AB5410" s="85"/>
      <c r="AC5410" s="85"/>
      <c r="AD5410" s="85"/>
      <c r="AE5410" s="85"/>
      <c r="AF5410" s="85"/>
      <c r="AG5410" s="86"/>
      <c r="AH5410" s="85"/>
      <c r="AI5410" s="85"/>
      <c r="AJ5410" s="85"/>
      <c r="AK5410" s="85"/>
      <c r="AL5410" s="85"/>
      <c r="AM5410" s="92"/>
      <c r="AN5410" s="92"/>
      <c r="AO5410" s="92"/>
      <c r="AP5410" s="92"/>
      <c r="AQ5410" s="92"/>
      <c r="AR5410" s="92"/>
      <c r="AS5410" s="92"/>
      <c r="AT5410" s="92"/>
      <c r="AU5410" s="92"/>
      <c r="AV5410" s="92"/>
      <c r="AW5410" s="92"/>
      <c r="AX5410" s="92"/>
      <c r="AY5410" s="92"/>
      <c r="AZ5410" s="93"/>
      <c r="BA5410" s="93"/>
      <c r="BB5410" s="93"/>
      <c r="BC5410" s="93"/>
      <c r="BD5410" s="93"/>
      <c r="BE5410" s="93"/>
      <c r="BF5410" s="93"/>
      <c r="BG5410" s="93"/>
      <c r="BH5410" s="93"/>
      <c r="BI5410" s="93"/>
      <c r="BJ5410" s="93"/>
      <c r="BK5410" s="93"/>
      <c r="BL5410" s="93"/>
    </row>
    <row r="5411" spans="2:64" x14ac:dyDescent="0.2">
      <c r="B5411" s="43"/>
      <c r="C5411" s="73"/>
      <c r="D5411" s="64"/>
      <c r="E5411" s="55"/>
      <c r="F5411" s="74"/>
      <c r="G5411" s="74"/>
      <c r="H5411" s="74"/>
      <c r="I5411" s="75"/>
      <c r="J5411" s="74"/>
      <c r="L5411" s="55"/>
      <c r="M5411" s="234"/>
      <c r="N5411" s="65"/>
      <c r="O5411" s="76"/>
      <c r="P5411" s="76"/>
      <c r="Q5411" s="65"/>
      <c r="R5411" s="76"/>
      <c r="S5411" s="76"/>
      <c r="T5411" s="76"/>
      <c r="U5411" s="76"/>
      <c r="V5411" s="76"/>
      <c r="W5411" s="76"/>
      <c r="X5411" s="76"/>
      <c r="Y5411" s="76"/>
      <c r="Z5411" s="76"/>
      <c r="AA5411" s="85"/>
      <c r="AB5411" s="85"/>
      <c r="AC5411" s="85"/>
      <c r="AD5411" s="85"/>
      <c r="AE5411" s="85"/>
      <c r="AF5411" s="85"/>
      <c r="AG5411" s="86"/>
      <c r="AH5411" s="85"/>
      <c r="AI5411" s="85"/>
      <c r="AJ5411" s="85"/>
      <c r="AK5411" s="85"/>
      <c r="AL5411" s="85"/>
      <c r="AM5411" s="92"/>
      <c r="AN5411" s="92"/>
      <c r="AO5411" s="92"/>
      <c r="AP5411" s="92"/>
      <c r="AQ5411" s="92"/>
      <c r="AR5411" s="92"/>
      <c r="AS5411" s="92"/>
      <c r="AT5411" s="92"/>
      <c r="AU5411" s="92"/>
      <c r="AV5411" s="92"/>
      <c r="AW5411" s="92"/>
      <c r="AX5411" s="92"/>
      <c r="AY5411" s="92"/>
      <c r="AZ5411" s="93"/>
      <c r="BA5411" s="93"/>
      <c r="BB5411" s="93"/>
      <c r="BC5411" s="93"/>
      <c r="BD5411" s="93"/>
      <c r="BE5411" s="93"/>
      <c r="BF5411" s="93"/>
      <c r="BG5411" s="93"/>
      <c r="BH5411" s="93"/>
      <c r="BI5411" s="93"/>
      <c r="BJ5411" s="93"/>
      <c r="BK5411" s="93"/>
      <c r="BL5411" s="93"/>
    </row>
    <row r="5412" spans="2:64" x14ac:dyDescent="0.2">
      <c r="B5412" s="43"/>
      <c r="C5412" s="73"/>
      <c r="D5412" s="64"/>
      <c r="E5412" s="55"/>
      <c r="F5412" s="74"/>
      <c r="G5412" s="74"/>
      <c r="H5412" s="74"/>
      <c r="I5412" s="75"/>
      <c r="J5412" s="74"/>
      <c r="L5412" s="55"/>
      <c r="M5412" s="234"/>
      <c r="N5412" s="65"/>
      <c r="O5412" s="76"/>
      <c r="P5412" s="76"/>
      <c r="Q5412" s="65"/>
      <c r="R5412" s="76"/>
      <c r="S5412" s="76"/>
      <c r="T5412" s="76"/>
      <c r="U5412" s="76"/>
      <c r="V5412" s="76"/>
      <c r="W5412" s="76"/>
      <c r="X5412" s="76"/>
      <c r="Y5412" s="76"/>
      <c r="Z5412" s="76"/>
      <c r="AA5412" s="85"/>
      <c r="AB5412" s="85"/>
      <c r="AC5412" s="85"/>
      <c r="AD5412" s="85"/>
      <c r="AE5412" s="85"/>
      <c r="AF5412" s="85"/>
      <c r="AG5412" s="86"/>
      <c r="AH5412" s="85"/>
      <c r="AI5412" s="85"/>
      <c r="AJ5412" s="85"/>
      <c r="AK5412" s="85"/>
      <c r="AL5412" s="85"/>
      <c r="AM5412" s="92"/>
      <c r="AN5412" s="92"/>
      <c r="AO5412" s="92"/>
      <c r="AP5412" s="92"/>
      <c r="AQ5412" s="92"/>
      <c r="AR5412" s="92"/>
      <c r="AS5412" s="92"/>
      <c r="AT5412" s="92"/>
      <c r="AU5412" s="92"/>
      <c r="AV5412" s="92"/>
      <c r="AW5412" s="92"/>
      <c r="AX5412" s="92"/>
      <c r="AY5412" s="92"/>
      <c r="AZ5412" s="93"/>
      <c r="BA5412" s="93"/>
      <c r="BB5412" s="93"/>
      <c r="BC5412" s="93"/>
      <c r="BD5412" s="93"/>
      <c r="BE5412" s="93"/>
      <c r="BF5412" s="93"/>
      <c r="BG5412" s="93"/>
      <c r="BH5412" s="93"/>
      <c r="BI5412" s="93"/>
      <c r="BJ5412" s="93"/>
      <c r="BK5412" s="93"/>
      <c r="BL5412" s="93"/>
    </row>
    <row r="5413" spans="2:64" x14ac:dyDescent="0.2">
      <c r="B5413" s="43"/>
      <c r="C5413" s="73"/>
      <c r="D5413" s="64"/>
      <c r="E5413" s="55"/>
      <c r="F5413" s="74"/>
      <c r="G5413" s="74"/>
      <c r="H5413" s="74"/>
      <c r="I5413" s="75"/>
      <c r="J5413" s="74"/>
      <c r="L5413" s="55"/>
      <c r="M5413" s="234"/>
      <c r="N5413" s="65"/>
      <c r="O5413" s="76"/>
      <c r="P5413" s="76"/>
      <c r="Q5413" s="65"/>
      <c r="R5413" s="76"/>
      <c r="S5413" s="76"/>
      <c r="T5413" s="76"/>
      <c r="U5413" s="76"/>
      <c r="V5413" s="76"/>
      <c r="W5413" s="76"/>
      <c r="X5413" s="76"/>
      <c r="Y5413" s="76"/>
      <c r="Z5413" s="76"/>
      <c r="AA5413" s="85"/>
      <c r="AB5413" s="85"/>
      <c r="AC5413" s="85"/>
      <c r="AD5413" s="85"/>
      <c r="AE5413" s="85"/>
      <c r="AF5413" s="85"/>
      <c r="AG5413" s="86"/>
      <c r="AH5413" s="85"/>
      <c r="AI5413" s="85"/>
      <c r="AJ5413" s="85"/>
      <c r="AK5413" s="85"/>
      <c r="AL5413" s="85"/>
      <c r="AM5413" s="92"/>
      <c r="AN5413" s="92"/>
      <c r="AO5413" s="92"/>
      <c r="AP5413" s="92"/>
      <c r="AQ5413" s="92"/>
      <c r="AR5413" s="92"/>
      <c r="AS5413" s="92"/>
      <c r="AT5413" s="92"/>
      <c r="AU5413" s="92"/>
      <c r="AV5413" s="92"/>
      <c r="AW5413" s="92"/>
      <c r="AX5413" s="92"/>
      <c r="AY5413" s="92"/>
      <c r="AZ5413" s="93"/>
      <c r="BA5413" s="93"/>
      <c r="BB5413" s="93"/>
      <c r="BC5413" s="93"/>
      <c r="BD5413" s="93"/>
      <c r="BE5413" s="93"/>
      <c r="BF5413" s="93"/>
      <c r="BG5413" s="93"/>
      <c r="BH5413" s="93"/>
      <c r="BI5413" s="93"/>
      <c r="BJ5413" s="93"/>
      <c r="BK5413" s="93"/>
      <c r="BL5413" s="93"/>
    </row>
    <row r="5414" spans="2:64" x14ac:dyDescent="0.2">
      <c r="B5414" s="43"/>
      <c r="C5414" s="73"/>
      <c r="D5414" s="64"/>
      <c r="E5414" s="55"/>
      <c r="F5414" s="74"/>
      <c r="G5414" s="74"/>
      <c r="H5414" s="74"/>
      <c r="I5414" s="75"/>
      <c r="J5414" s="74"/>
      <c r="L5414" s="55"/>
      <c r="M5414" s="234"/>
      <c r="N5414" s="65"/>
      <c r="O5414" s="76"/>
      <c r="P5414" s="76"/>
      <c r="Q5414" s="65"/>
      <c r="R5414" s="76"/>
      <c r="S5414" s="76"/>
      <c r="T5414" s="76"/>
      <c r="U5414" s="76"/>
      <c r="V5414" s="76"/>
      <c r="W5414" s="76"/>
      <c r="X5414" s="76"/>
      <c r="Y5414" s="76"/>
      <c r="Z5414" s="76"/>
      <c r="AA5414" s="85"/>
      <c r="AB5414" s="85"/>
      <c r="AC5414" s="85"/>
      <c r="AD5414" s="85"/>
      <c r="AE5414" s="85"/>
      <c r="AF5414" s="85"/>
      <c r="AG5414" s="86"/>
      <c r="AH5414" s="85"/>
      <c r="AI5414" s="85"/>
      <c r="AJ5414" s="85"/>
      <c r="AK5414" s="85"/>
      <c r="AL5414" s="85"/>
      <c r="AM5414" s="92"/>
      <c r="AN5414" s="92"/>
      <c r="AO5414" s="92"/>
      <c r="AP5414" s="92"/>
      <c r="AQ5414" s="92"/>
      <c r="AR5414" s="92"/>
      <c r="AS5414" s="92"/>
      <c r="AT5414" s="92"/>
      <c r="AU5414" s="92"/>
      <c r="AV5414" s="92"/>
      <c r="AW5414" s="92"/>
      <c r="AX5414" s="92"/>
      <c r="AY5414" s="92"/>
      <c r="AZ5414" s="93"/>
      <c r="BA5414" s="93"/>
      <c r="BB5414" s="93"/>
      <c r="BC5414" s="93"/>
      <c r="BD5414" s="93"/>
      <c r="BE5414" s="93"/>
      <c r="BF5414" s="93"/>
      <c r="BG5414" s="93"/>
      <c r="BH5414" s="93"/>
      <c r="BI5414" s="93"/>
      <c r="BJ5414" s="93"/>
      <c r="BK5414" s="93"/>
      <c r="BL5414" s="93"/>
    </row>
    <row r="5415" spans="2:64" x14ac:dyDescent="0.2">
      <c r="B5415" s="43"/>
      <c r="C5415" s="73"/>
      <c r="D5415" s="64"/>
      <c r="E5415" s="55"/>
      <c r="F5415" s="74"/>
      <c r="G5415" s="74"/>
      <c r="H5415" s="74"/>
      <c r="I5415" s="75"/>
      <c r="J5415" s="74"/>
      <c r="L5415" s="55"/>
      <c r="M5415" s="234"/>
      <c r="N5415" s="65"/>
      <c r="O5415" s="76"/>
      <c r="P5415" s="76"/>
      <c r="Q5415" s="65"/>
      <c r="R5415" s="76"/>
      <c r="S5415" s="76"/>
      <c r="T5415" s="76"/>
      <c r="U5415" s="76"/>
      <c r="V5415" s="76"/>
      <c r="W5415" s="76"/>
      <c r="X5415" s="76"/>
      <c r="Y5415" s="76"/>
      <c r="Z5415" s="76"/>
      <c r="AA5415" s="85"/>
      <c r="AB5415" s="85"/>
      <c r="AC5415" s="85"/>
      <c r="AD5415" s="85"/>
      <c r="AE5415" s="85"/>
      <c r="AF5415" s="85"/>
      <c r="AG5415" s="86"/>
      <c r="AH5415" s="85"/>
      <c r="AI5415" s="85"/>
      <c r="AJ5415" s="85"/>
      <c r="AK5415" s="85"/>
      <c r="AL5415" s="85"/>
      <c r="AM5415" s="92"/>
      <c r="AN5415" s="92"/>
      <c r="AO5415" s="92"/>
      <c r="AP5415" s="92"/>
      <c r="AQ5415" s="92"/>
      <c r="AR5415" s="92"/>
      <c r="AS5415" s="92"/>
      <c r="AT5415" s="92"/>
      <c r="AU5415" s="92"/>
      <c r="AV5415" s="92"/>
      <c r="AW5415" s="92"/>
      <c r="AX5415" s="92"/>
      <c r="AY5415" s="92"/>
      <c r="AZ5415" s="93"/>
      <c r="BA5415" s="93"/>
      <c r="BB5415" s="93"/>
      <c r="BC5415" s="93"/>
      <c r="BD5415" s="93"/>
      <c r="BE5415" s="93"/>
      <c r="BF5415" s="93"/>
      <c r="BG5415" s="93"/>
      <c r="BH5415" s="93"/>
      <c r="BI5415" s="93"/>
      <c r="BJ5415" s="93"/>
      <c r="BK5415" s="93"/>
      <c r="BL5415" s="93"/>
    </row>
    <row r="5416" spans="2:64" x14ac:dyDescent="0.2">
      <c r="B5416" s="43"/>
      <c r="C5416" s="73"/>
      <c r="D5416" s="64"/>
      <c r="E5416" s="55"/>
      <c r="F5416" s="74"/>
      <c r="G5416" s="74"/>
      <c r="H5416" s="74"/>
      <c r="I5416" s="75"/>
      <c r="J5416" s="74"/>
      <c r="L5416" s="55"/>
      <c r="M5416" s="234"/>
      <c r="N5416" s="65"/>
      <c r="O5416" s="76"/>
      <c r="P5416" s="76"/>
      <c r="Q5416" s="65"/>
      <c r="R5416" s="76"/>
      <c r="S5416" s="76"/>
      <c r="T5416" s="76"/>
      <c r="U5416" s="76"/>
      <c r="V5416" s="76"/>
      <c r="W5416" s="76"/>
      <c r="X5416" s="76"/>
      <c r="Y5416" s="76"/>
      <c r="Z5416" s="76"/>
      <c r="AA5416" s="85"/>
      <c r="AB5416" s="85"/>
      <c r="AC5416" s="85"/>
      <c r="AD5416" s="85"/>
      <c r="AE5416" s="85"/>
      <c r="AF5416" s="85"/>
      <c r="AG5416" s="86"/>
      <c r="AH5416" s="85"/>
      <c r="AI5416" s="85"/>
      <c r="AJ5416" s="85"/>
      <c r="AK5416" s="85"/>
      <c r="AL5416" s="85"/>
      <c r="AM5416" s="92"/>
      <c r="AN5416" s="92"/>
      <c r="AO5416" s="92"/>
      <c r="AP5416" s="92"/>
      <c r="AQ5416" s="92"/>
      <c r="AR5416" s="92"/>
      <c r="AS5416" s="92"/>
      <c r="AT5416" s="92"/>
      <c r="AU5416" s="92"/>
      <c r="AV5416" s="92"/>
      <c r="AW5416" s="92"/>
      <c r="AX5416" s="92"/>
      <c r="AY5416" s="92"/>
      <c r="AZ5416" s="93"/>
      <c r="BA5416" s="93"/>
      <c r="BB5416" s="93"/>
      <c r="BC5416" s="93"/>
      <c r="BD5416" s="93"/>
      <c r="BE5416" s="93"/>
      <c r="BF5416" s="93"/>
      <c r="BG5416" s="93"/>
      <c r="BH5416" s="93"/>
      <c r="BI5416" s="93"/>
      <c r="BJ5416" s="93"/>
      <c r="BK5416" s="93"/>
      <c r="BL5416" s="93"/>
    </row>
    <row r="5417" spans="2:64" x14ac:dyDescent="0.2">
      <c r="B5417" s="43"/>
      <c r="C5417" s="73"/>
      <c r="D5417" s="64"/>
      <c r="E5417" s="55"/>
      <c r="F5417" s="74"/>
      <c r="G5417" s="74"/>
      <c r="H5417" s="74"/>
      <c r="I5417" s="75"/>
      <c r="J5417" s="74"/>
      <c r="L5417" s="55"/>
      <c r="M5417" s="234"/>
      <c r="N5417" s="65"/>
      <c r="O5417" s="76"/>
      <c r="P5417" s="76"/>
      <c r="Q5417" s="65"/>
      <c r="R5417" s="76"/>
      <c r="S5417" s="76"/>
      <c r="T5417" s="76"/>
      <c r="U5417" s="76"/>
      <c r="V5417" s="76"/>
      <c r="W5417" s="76"/>
      <c r="X5417" s="76"/>
      <c r="Y5417" s="76"/>
      <c r="Z5417" s="76"/>
      <c r="AA5417" s="85"/>
      <c r="AB5417" s="85"/>
      <c r="AC5417" s="85"/>
      <c r="AD5417" s="85"/>
      <c r="AE5417" s="85"/>
      <c r="AF5417" s="85"/>
      <c r="AG5417" s="86"/>
      <c r="AH5417" s="85"/>
      <c r="AI5417" s="85"/>
      <c r="AJ5417" s="85"/>
      <c r="AK5417" s="85"/>
      <c r="AL5417" s="85"/>
      <c r="AM5417" s="92"/>
      <c r="AN5417" s="92"/>
      <c r="AO5417" s="92"/>
      <c r="AP5417" s="92"/>
      <c r="AQ5417" s="92"/>
      <c r="AR5417" s="92"/>
      <c r="AS5417" s="92"/>
      <c r="AT5417" s="92"/>
      <c r="AU5417" s="92"/>
      <c r="AV5417" s="92"/>
      <c r="AW5417" s="92"/>
      <c r="AX5417" s="92"/>
      <c r="AY5417" s="92"/>
      <c r="AZ5417" s="93"/>
      <c r="BA5417" s="93"/>
      <c r="BB5417" s="93"/>
      <c r="BC5417" s="93"/>
      <c r="BD5417" s="93"/>
      <c r="BE5417" s="93"/>
      <c r="BF5417" s="93"/>
      <c r="BG5417" s="93"/>
      <c r="BH5417" s="93"/>
      <c r="BI5417" s="93"/>
      <c r="BJ5417" s="93"/>
      <c r="BK5417" s="93"/>
      <c r="BL5417" s="93"/>
    </row>
    <row r="5418" spans="2:64" x14ac:dyDescent="0.2">
      <c r="B5418" s="43"/>
      <c r="C5418" s="73"/>
      <c r="D5418" s="64"/>
      <c r="E5418" s="55"/>
      <c r="F5418" s="74"/>
      <c r="G5418" s="74"/>
      <c r="H5418" s="74"/>
      <c r="I5418" s="75"/>
      <c r="J5418" s="74"/>
      <c r="L5418" s="55"/>
      <c r="M5418" s="234"/>
      <c r="N5418" s="65"/>
      <c r="O5418" s="76"/>
      <c r="P5418" s="76"/>
      <c r="Q5418" s="65"/>
      <c r="R5418" s="76"/>
      <c r="S5418" s="76"/>
      <c r="T5418" s="76"/>
      <c r="U5418" s="76"/>
      <c r="V5418" s="76"/>
      <c r="W5418" s="76"/>
      <c r="X5418" s="76"/>
      <c r="Y5418" s="76"/>
      <c r="Z5418" s="76"/>
      <c r="AA5418" s="85"/>
      <c r="AB5418" s="85"/>
      <c r="AC5418" s="85"/>
      <c r="AD5418" s="85"/>
      <c r="AE5418" s="85"/>
      <c r="AF5418" s="85"/>
      <c r="AG5418" s="86"/>
      <c r="AH5418" s="85"/>
      <c r="AI5418" s="85"/>
      <c r="AJ5418" s="85"/>
      <c r="AK5418" s="85"/>
      <c r="AL5418" s="85"/>
      <c r="AM5418" s="92"/>
      <c r="AN5418" s="92"/>
      <c r="AO5418" s="92"/>
      <c r="AP5418" s="92"/>
      <c r="AQ5418" s="92"/>
      <c r="AR5418" s="92"/>
      <c r="AS5418" s="92"/>
      <c r="AT5418" s="92"/>
      <c r="AU5418" s="92"/>
      <c r="AV5418" s="92"/>
      <c r="AW5418" s="92"/>
      <c r="AX5418" s="92"/>
      <c r="AY5418" s="92"/>
      <c r="AZ5418" s="93"/>
      <c r="BA5418" s="93"/>
      <c r="BB5418" s="93"/>
      <c r="BC5418" s="93"/>
      <c r="BD5418" s="93"/>
      <c r="BE5418" s="93"/>
      <c r="BF5418" s="93"/>
      <c r="BG5418" s="93"/>
      <c r="BH5418" s="93"/>
      <c r="BI5418" s="93"/>
      <c r="BJ5418" s="93"/>
      <c r="BK5418" s="93"/>
      <c r="BL5418" s="93"/>
    </row>
    <row r="5419" spans="2:64" x14ac:dyDescent="0.2">
      <c r="B5419" s="43"/>
      <c r="C5419" s="73"/>
      <c r="D5419" s="64"/>
      <c r="E5419" s="55"/>
      <c r="F5419" s="74"/>
      <c r="G5419" s="74"/>
      <c r="H5419" s="74"/>
      <c r="I5419" s="75"/>
      <c r="J5419" s="74"/>
      <c r="L5419" s="55"/>
      <c r="M5419" s="234"/>
      <c r="N5419" s="65"/>
      <c r="O5419" s="76"/>
      <c r="P5419" s="76"/>
      <c r="Q5419" s="65"/>
      <c r="R5419" s="76"/>
      <c r="S5419" s="76"/>
      <c r="T5419" s="76"/>
      <c r="U5419" s="76"/>
      <c r="V5419" s="76"/>
      <c r="W5419" s="76"/>
      <c r="X5419" s="76"/>
      <c r="Y5419" s="76"/>
      <c r="Z5419" s="76"/>
      <c r="AA5419" s="85"/>
      <c r="AB5419" s="85"/>
      <c r="AC5419" s="85"/>
      <c r="AD5419" s="85"/>
      <c r="AE5419" s="85"/>
      <c r="AF5419" s="85"/>
      <c r="AG5419" s="86"/>
      <c r="AH5419" s="85"/>
      <c r="AI5419" s="85"/>
      <c r="AJ5419" s="85"/>
      <c r="AK5419" s="85"/>
      <c r="AL5419" s="85"/>
      <c r="AM5419" s="92"/>
      <c r="AN5419" s="92"/>
      <c r="AO5419" s="92"/>
      <c r="AP5419" s="92"/>
      <c r="AQ5419" s="92"/>
      <c r="AR5419" s="92"/>
      <c r="AS5419" s="92"/>
      <c r="AT5419" s="92"/>
      <c r="AU5419" s="92"/>
      <c r="AV5419" s="92"/>
      <c r="AW5419" s="92"/>
      <c r="AX5419" s="92"/>
      <c r="AY5419" s="92"/>
      <c r="AZ5419" s="93"/>
      <c r="BA5419" s="93"/>
      <c r="BB5419" s="93"/>
      <c r="BC5419" s="93"/>
      <c r="BD5419" s="93"/>
      <c r="BE5419" s="93"/>
      <c r="BF5419" s="93"/>
      <c r="BG5419" s="93"/>
      <c r="BH5419" s="93"/>
      <c r="BI5419" s="93"/>
      <c r="BJ5419" s="93"/>
      <c r="BK5419" s="93"/>
      <c r="BL5419" s="93"/>
    </row>
    <row r="5420" spans="2:64" x14ac:dyDescent="0.2">
      <c r="B5420" s="43"/>
      <c r="C5420" s="73"/>
      <c r="D5420" s="64"/>
      <c r="E5420" s="55"/>
      <c r="F5420" s="74"/>
      <c r="G5420" s="74"/>
      <c r="H5420" s="74"/>
      <c r="I5420" s="75"/>
      <c r="J5420" s="74"/>
      <c r="L5420" s="55"/>
      <c r="M5420" s="234"/>
      <c r="N5420" s="65"/>
      <c r="O5420" s="76"/>
      <c r="P5420" s="76"/>
      <c r="Q5420" s="65"/>
      <c r="R5420" s="76"/>
      <c r="S5420" s="76"/>
      <c r="T5420" s="76"/>
      <c r="U5420" s="76"/>
      <c r="V5420" s="76"/>
      <c r="W5420" s="76"/>
      <c r="X5420" s="76"/>
      <c r="Y5420" s="76"/>
      <c r="Z5420" s="76"/>
      <c r="AA5420" s="85"/>
      <c r="AB5420" s="85"/>
      <c r="AC5420" s="85"/>
      <c r="AD5420" s="85"/>
      <c r="AE5420" s="85"/>
      <c r="AF5420" s="85"/>
      <c r="AG5420" s="86"/>
      <c r="AH5420" s="85"/>
      <c r="AI5420" s="85"/>
      <c r="AJ5420" s="85"/>
      <c r="AK5420" s="85"/>
      <c r="AL5420" s="85"/>
      <c r="AM5420" s="92"/>
      <c r="AN5420" s="92"/>
      <c r="AO5420" s="92"/>
      <c r="AP5420" s="92"/>
      <c r="AQ5420" s="92"/>
      <c r="AR5420" s="92"/>
      <c r="AS5420" s="92"/>
      <c r="AT5420" s="92"/>
      <c r="AU5420" s="92"/>
      <c r="AV5420" s="92"/>
      <c r="AW5420" s="92"/>
      <c r="AX5420" s="92"/>
      <c r="AY5420" s="92"/>
      <c r="AZ5420" s="93"/>
      <c r="BA5420" s="93"/>
      <c r="BB5420" s="93"/>
      <c r="BC5420" s="93"/>
      <c r="BD5420" s="93"/>
      <c r="BE5420" s="93"/>
      <c r="BF5420" s="93"/>
      <c r="BG5420" s="93"/>
      <c r="BH5420" s="93"/>
      <c r="BI5420" s="93"/>
      <c r="BJ5420" s="93"/>
      <c r="BK5420" s="93"/>
      <c r="BL5420" s="93"/>
    </row>
    <row r="5421" spans="2:64" x14ac:dyDescent="0.2">
      <c r="B5421" s="43"/>
      <c r="C5421" s="73"/>
      <c r="D5421" s="64"/>
      <c r="E5421" s="55"/>
      <c r="F5421" s="74"/>
      <c r="G5421" s="74"/>
      <c r="H5421" s="74"/>
      <c r="I5421" s="75"/>
      <c r="J5421" s="74"/>
      <c r="L5421" s="55"/>
      <c r="M5421" s="234"/>
      <c r="N5421" s="65"/>
      <c r="O5421" s="76"/>
      <c r="P5421" s="76"/>
      <c r="Q5421" s="65"/>
      <c r="R5421" s="76"/>
      <c r="S5421" s="76"/>
      <c r="T5421" s="76"/>
      <c r="U5421" s="76"/>
      <c r="V5421" s="76"/>
      <c r="W5421" s="76"/>
      <c r="X5421" s="76"/>
      <c r="Y5421" s="76"/>
      <c r="Z5421" s="76"/>
      <c r="AA5421" s="85"/>
      <c r="AB5421" s="85"/>
      <c r="AC5421" s="85"/>
      <c r="AD5421" s="85"/>
      <c r="AE5421" s="85"/>
      <c r="AF5421" s="85"/>
      <c r="AG5421" s="86"/>
      <c r="AH5421" s="85"/>
      <c r="AI5421" s="85"/>
      <c r="AJ5421" s="85"/>
      <c r="AK5421" s="85"/>
      <c r="AL5421" s="85"/>
      <c r="AM5421" s="92"/>
      <c r="AN5421" s="92"/>
      <c r="AO5421" s="92"/>
      <c r="AP5421" s="92"/>
      <c r="AQ5421" s="92"/>
      <c r="AR5421" s="92"/>
      <c r="AS5421" s="92"/>
      <c r="AT5421" s="92"/>
      <c r="AU5421" s="92"/>
      <c r="AV5421" s="92"/>
      <c r="AW5421" s="92"/>
      <c r="AX5421" s="92"/>
      <c r="AY5421" s="92"/>
      <c r="AZ5421" s="93"/>
      <c r="BA5421" s="93"/>
      <c r="BB5421" s="93"/>
      <c r="BC5421" s="93"/>
      <c r="BD5421" s="93"/>
      <c r="BE5421" s="93"/>
      <c r="BF5421" s="93"/>
      <c r="BG5421" s="93"/>
      <c r="BH5421" s="93"/>
      <c r="BI5421" s="93"/>
      <c r="BJ5421" s="93"/>
      <c r="BK5421" s="93"/>
      <c r="BL5421" s="93"/>
    </row>
    <row r="5422" spans="2:64" x14ac:dyDescent="0.2">
      <c r="B5422" s="43"/>
      <c r="C5422" s="73"/>
      <c r="D5422" s="64"/>
      <c r="E5422" s="55"/>
      <c r="F5422" s="74"/>
      <c r="G5422" s="74"/>
      <c r="H5422" s="74"/>
      <c r="I5422" s="75"/>
      <c r="J5422" s="74"/>
      <c r="L5422" s="55"/>
      <c r="M5422" s="234"/>
      <c r="N5422" s="65"/>
      <c r="O5422" s="76"/>
      <c r="P5422" s="76"/>
      <c r="Q5422" s="65"/>
      <c r="R5422" s="76"/>
      <c r="S5422" s="76"/>
      <c r="T5422" s="76"/>
      <c r="U5422" s="76"/>
      <c r="V5422" s="76"/>
      <c r="W5422" s="76"/>
      <c r="X5422" s="76"/>
      <c r="Y5422" s="76"/>
      <c r="Z5422" s="76"/>
      <c r="AA5422" s="85"/>
      <c r="AB5422" s="85"/>
      <c r="AC5422" s="85"/>
      <c r="AD5422" s="85"/>
      <c r="AE5422" s="85"/>
      <c r="AF5422" s="85"/>
      <c r="AG5422" s="86"/>
      <c r="AH5422" s="85"/>
      <c r="AI5422" s="85"/>
      <c r="AJ5422" s="85"/>
      <c r="AK5422" s="85"/>
      <c r="AL5422" s="85"/>
      <c r="AM5422" s="92"/>
      <c r="AN5422" s="92"/>
      <c r="AO5422" s="92"/>
      <c r="AP5422" s="92"/>
      <c r="AQ5422" s="92"/>
      <c r="AR5422" s="92"/>
      <c r="AS5422" s="92"/>
      <c r="AT5422" s="92"/>
      <c r="AU5422" s="92"/>
      <c r="AV5422" s="92"/>
      <c r="AW5422" s="92"/>
      <c r="AX5422" s="92"/>
      <c r="AY5422" s="92"/>
      <c r="AZ5422" s="93"/>
      <c r="BA5422" s="93"/>
      <c r="BB5422" s="93"/>
      <c r="BC5422" s="93"/>
      <c r="BD5422" s="93"/>
      <c r="BE5422" s="93"/>
      <c r="BF5422" s="93"/>
      <c r="BG5422" s="93"/>
      <c r="BH5422" s="93"/>
      <c r="BI5422" s="93"/>
      <c r="BJ5422" s="93"/>
      <c r="BK5422" s="93"/>
      <c r="BL5422" s="93"/>
    </row>
    <row r="5423" spans="2:64" x14ac:dyDescent="0.2">
      <c r="B5423" s="43"/>
      <c r="C5423" s="73"/>
      <c r="D5423" s="64"/>
      <c r="E5423" s="55"/>
      <c r="F5423" s="74"/>
      <c r="G5423" s="74"/>
      <c r="H5423" s="74"/>
      <c r="I5423" s="75"/>
      <c r="J5423" s="74"/>
      <c r="L5423" s="55"/>
      <c r="M5423" s="234"/>
      <c r="N5423" s="65"/>
      <c r="O5423" s="76"/>
      <c r="P5423" s="76"/>
      <c r="Q5423" s="65"/>
      <c r="R5423" s="76"/>
      <c r="S5423" s="76"/>
      <c r="T5423" s="76"/>
      <c r="U5423" s="76"/>
      <c r="V5423" s="76"/>
      <c r="W5423" s="76"/>
      <c r="X5423" s="76"/>
      <c r="Y5423" s="76"/>
      <c r="Z5423" s="76"/>
      <c r="AA5423" s="85"/>
      <c r="AB5423" s="85"/>
      <c r="AC5423" s="85"/>
      <c r="AD5423" s="85"/>
      <c r="AE5423" s="85"/>
      <c r="AF5423" s="85"/>
      <c r="AG5423" s="86"/>
      <c r="AH5423" s="85"/>
      <c r="AI5423" s="85"/>
      <c r="AJ5423" s="85"/>
      <c r="AK5423" s="85"/>
      <c r="AL5423" s="85"/>
      <c r="AM5423" s="92"/>
      <c r="AN5423" s="92"/>
      <c r="AO5423" s="92"/>
      <c r="AP5423" s="92"/>
      <c r="AQ5423" s="92"/>
      <c r="AR5423" s="92"/>
      <c r="AS5423" s="92"/>
      <c r="AT5423" s="92"/>
      <c r="AU5423" s="92"/>
      <c r="AV5423" s="92"/>
      <c r="AW5423" s="92"/>
      <c r="AX5423" s="92"/>
      <c r="AY5423" s="92"/>
      <c r="AZ5423" s="93"/>
      <c r="BA5423" s="93"/>
      <c r="BB5423" s="93"/>
      <c r="BC5423" s="93"/>
      <c r="BD5423" s="93"/>
      <c r="BE5423" s="93"/>
      <c r="BF5423" s="93"/>
      <c r="BG5423" s="93"/>
      <c r="BH5423" s="93"/>
      <c r="BI5423" s="93"/>
      <c r="BJ5423" s="93"/>
      <c r="BK5423" s="93"/>
      <c r="BL5423" s="93"/>
    </row>
    <row r="5424" spans="2:64" x14ac:dyDescent="0.2">
      <c r="B5424" s="43"/>
      <c r="C5424" s="73"/>
      <c r="D5424" s="64"/>
      <c r="E5424" s="55"/>
      <c r="F5424" s="74"/>
      <c r="G5424" s="74"/>
      <c r="H5424" s="74"/>
      <c r="I5424" s="75"/>
      <c r="J5424" s="74"/>
      <c r="L5424" s="55"/>
      <c r="M5424" s="234"/>
      <c r="N5424" s="65"/>
      <c r="O5424" s="76"/>
      <c r="P5424" s="76"/>
      <c r="Q5424" s="65"/>
      <c r="R5424" s="76"/>
      <c r="S5424" s="76"/>
      <c r="T5424" s="76"/>
      <c r="U5424" s="76"/>
      <c r="V5424" s="76"/>
      <c r="W5424" s="76"/>
      <c r="X5424" s="76"/>
      <c r="Y5424" s="76"/>
      <c r="Z5424" s="76"/>
      <c r="AA5424" s="85"/>
      <c r="AB5424" s="85"/>
      <c r="AC5424" s="85"/>
      <c r="AD5424" s="85"/>
      <c r="AE5424" s="85"/>
      <c r="AF5424" s="85"/>
      <c r="AG5424" s="86"/>
      <c r="AH5424" s="85"/>
      <c r="AI5424" s="85"/>
      <c r="AJ5424" s="85"/>
      <c r="AK5424" s="85"/>
      <c r="AL5424" s="85"/>
      <c r="AM5424" s="92"/>
      <c r="AN5424" s="92"/>
      <c r="AO5424" s="92"/>
      <c r="AP5424" s="92"/>
      <c r="AQ5424" s="92"/>
      <c r="AR5424" s="92"/>
      <c r="AS5424" s="92"/>
      <c r="AT5424" s="92"/>
      <c r="AU5424" s="92"/>
      <c r="AV5424" s="92"/>
      <c r="AW5424" s="92"/>
      <c r="AX5424" s="92"/>
      <c r="AY5424" s="92"/>
      <c r="AZ5424" s="93"/>
      <c r="BA5424" s="93"/>
      <c r="BB5424" s="93"/>
      <c r="BC5424" s="93"/>
      <c r="BD5424" s="93"/>
      <c r="BE5424" s="93"/>
      <c r="BF5424" s="93"/>
      <c r="BG5424" s="93"/>
      <c r="BH5424" s="93"/>
      <c r="BI5424" s="93"/>
      <c r="BJ5424" s="93"/>
      <c r="BK5424" s="93"/>
      <c r="BL5424" s="93"/>
    </row>
    <row r="5425" spans="2:64" x14ac:dyDescent="0.2">
      <c r="B5425" s="43"/>
      <c r="C5425" s="73"/>
      <c r="D5425" s="64"/>
      <c r="E5425" s="55"/>
      <c r="F5425" s="74"/>
      <c r="G5425" s="74"/>
      <c r="H5425" s="74"/>
      <c r="I5425" s="75"/>
      <c r="J5425" s="74"/>
      <c r="L5425" s="55"/>
      <c r="M5425" s="234"/>
      <c r="N5425" s="65"/>
      <c r="O5425" s="76"/>
      <c r="P5425" s="76"/>
      <c r="Q5425" s="65"/>
      <c r="R5425" s="76"/>
      <c r="S5425" s="76"/>
      <c r="T5425" s="76"/>
      <c r="U5425" s="76"/>
      <c r="V5425" s="76"/>
      <c r="W5425" s="76"/>
      <c r="X5425" s="76"/>
      <c r="Y5425" s="76"/>
      <c r="Z5425" s="76"/>
      <c r="AA5425" s="85"/>
      <c r="AB5425" s="85"/>
      <c r="AC5425" s="85"/>
      <c r="AD5425" s="85"/>
      <c r="AE5425" s="85"/>
      <c r="AF5425" s="85"/>
      <c r="AG5425" s="86"/>
      <c r="AH5425" s="85"/>
      <c r="AI5425" s="85"/>
      <c r="AJ5425" s="85"/>
      <c r="AK5425" s="85"/>
      <c r="AL5425" s="85"/>
      <c r="AM5425" s="92"/>
      <c r="AN5425" s="92"/>
      <c r="AO5425" s="92"/>
      <c r="AP5425" s="92"/>
      <c r="AQ5425" s="92"/>
      <c r="AR5425" s="92"/>
      <c r="AS5425" s="92"/>
      <c r="AT5425" s="92"/>
      <c r="AU5425" s="92"/>
      <c r="AV5425" s="92"/>
      <c r="AW5425" s="92"/>
      <c r="AX5425" s="92"/>
      <c r="AY5425" s="92"/>
      <c r="AZ5425" s="93"/>
      <c r="BA5425" s="93"/>
      <c r="BB5425" s="93"/>
      <c r="BC5425" s="93"/>
      <c r="BD5425" s="93"/>
      <c r="BE5425" s="93"/>
      <c r="BF5425" s="93"/>
      <c r="BG5425" s="93"/>
      <c r="BH5425" s="93"/>
      <c r="BI5425" s="93"/>
      <c r="BJ5425" s="93"/>
      <c r="BK5425" s="93"/>
      <c r="BL5425" s="93"/>
    </row>
    <row r="5426" spans="2:64" x14ac:dyDescent="0.2">
      <c r="B5426" s="43"/>
      <c r="C5426" s="73"/>
      <c r="D5426" s="64"/>
      <c r="E5426" s="55"/>
      <c r="F5426" s="74"/>
      <c r="G5426" s="74"/>
      <c r="H5426" s="74"/>
      <c r="I5426" s="75"/>
      <c r="J5426" s="74"/>
      <c r="L5426" s="55"/>
      <c r="M5426" s="234"/>
      <c r="N5426" s="65"/>
      <c r="O5426" s="76"/>
      <c r="P5426" s="76"/>
      <c r="Q5426" s="65"/>
      <c r="R5426" s="76"/>
      <c r="S5426" s="76"/>
      <c r="T5426" s="76"/>
      <c r="U5426" s="76"/>
      <c r="V5426" s="76"/>
      <c r="W5426" s="76"/>
      <c r="X5426" s="76"/>
      <c r="Y5426" s="76"/>
      <c r="Z5426" s="76"/>
      <c r="AA5426" s="85"/>
      <c r="AB5426" s="85"/>
      <c r="AC5426" s="85"/>
      <c r="AD5426" s="85"/>
      <c r="AE5426" s="85"/>
      <c r="AF5426" s="85"/>
      <c r="AG5426" s="86"/>
      <c r="AH5426" s="85"/>
      <c r="AI5426" s="85"/>
      <c r="AJ5426" s="85"/>
      <c r="AK5426" s="85"/>
      <c r="AL5426" s="85"/>
      <c r="AM5426" s="92"/>
      <c r="AN5426" s="92"/>
      <c r="AO5426" s="92"/>
      <c r="AP5426" s="92"/>
      <c r="AQ5426" s="92"/>
      <c r="AR5426" s="92"/>
      <c r="AS5426" s="92"/>
      <c r="AT5426" s="92"/>
      <c r="AU5426" s="92"/>
      <c r="AV5426" s="92"/>
      <c r="AW5426" s="92"/>
      <c r="AX5426" s="92"/>
      <c r="AY5426" s="92"/>
      <c r="AZ5426" s="93"/>
      <c r="BA5426" s="93"/>
      <c r="BB5426" s="93"/>
      <c r="BC5426" s="93"/>
      <c r="BD5426" s="93"/>
      <c r="BE5426" s="93"/>
      <c r="BF5426" s="93"/>
      <c r="BG5426" s="93"/>
      <c r="BH5426" s="93"/>
      <c r="BI5426" s="93"/>
      <c r="BJ5426" s="93"/>
      <c r="BK5426" s="93"/>
      <c r="BL5426" s="93"/>
    </row>
    <row r="5427" spans="2:64" x14ac:dyDescent="0.2">
      <c r="B5427" s="43"/>
      <c r="C5427" s="73"/>
      <c r="D5427" s="64"/>
      <c r="E5427" s="55"/>
      <c r="F5427" s="74"/>
      <c r="G5427" s="74"/>
      <c r="H5427" s="74"/>
      <c r="I5427" s="75"/>
      <c r="J5427" s="74"/>
      <c r="L5427" s="55"/>
      <c r="M5427" s="234"/>
      <c r="N5427" s="65"/>
      <c r="O5427" s="76"/>
      <c r="P5427" s="76"/>
      <c r="Q5427" s="65"/>
      <c r="R5427" s="76"/>
      <c r="S5427" s="76"/>
      <c r="T5427" s="76"/>
      <c r="U5427" s="76"/>
      <c r="V5427" s="76"/>
      <c r="W5427" s="76"/>
      <c r="X5427" s="76"/>
      <c r="Y5427" s="76"/>
      <c r="Z5427" s="76"/>
      <c r="AA5427" s="85"/>
      <c r="AB5427" s="85"/>
      <c r="AC5427" s="85"/>
      <c r="AD5427" s="85"/>
      <c r="AE5427" s="85"/>
      <c r="AF5427" s="85"/>
      <c r="AG5427" s="86"/>
      <c r="AH5427" s="85"/>
      <c r="AI5427" s="85"/>
      <c r="AJ5427" s="85"/>
      <c r="AK5427" s="85"/>
      <c r="AL5427" s="85"/>
      <c r="AM5427" s="92"/>
      <c r="AN5427" s="92"/>
      <c r="AO5427" s="92"/>
      <c r="AP5427" s="92"/>
      <c r="AQ5427" s="92"/>
      <c r="AR5427" s="92"/>
      <c r="AS5427" s="92"/>
      <c r="AT5427" s="92"/>
      <c r="AU5427" s="92"/>
      <c r="AV5427" s="92"/>
      <c r="AW5427" s="92"/>
      <c r="AX5427" s="92"/>
      <c r="AY5427" s="92"/>
      <c r="AZ5427" s="93"/>
      <c r="BA5427" s="93"/>
      <c r="BB5427" s="93"/>
      <c r="BC5427" s="93"/>
      <c r="BD5427" s="93"/>
      <c r="BE5427" s="93"/>
      <c r="BF5427" s="93"/>
      <c r="BG5427" s="93"/>
      <c r="BH5427" s="93"/>
      <c r="BI5427" s="93"/>
      <c r="BJ5427" s="93"/>
      <c r="BK5427" s="93"/>
      <c r="BL5427" s="93"/>
    </row>
    <row r="5428" spans="2:64" x14ac:dyDescent="0.2">
      <c r="B5428" s="43"/>
      <c r="C5428" s="73"/>
      <c r="D5428" s="64"/>
      <c r="E5428" s="55"/>
      <c r="F5428" s="74"/>
      <c r="G5428" s="74"/>
      <c r="H5428" s="74"/>
      <c r="I5428" s="75"/>
      <c r="J5428" s="74"/>
      <c r="L5428" s="55"/>
      <c r="M5428" s="234"/>
      <c r="N5428" s="65"/>
      <c r="O5428" s="76"/>
      <c r="P5428" s="76"/>
      <c r="Q5428" s="65"/>
      <c r="R5428" s="76"/>
      <c r="S5428" s="76"/>
      <c r="T5428" s="76"/>
      <c r="U5428" s="76"/>
      <c r="V5428" s="76"/>
      <c r="W5428" s="76"/>
      <c r="X5428" s="76"/>
      <c r="Y5428" s="76"/>
      <c r="Z5428" s="76"/>
      <c r="AA5428" s="85"/>
      <c r="AB5428" s="85"/>
      <c r="AC5428" s="85"/>
      <c r="AD5428" s="85"/>
      <c r="AE5428" s="85"/>
      <c r="AF5428" s="85"/>
      <c r="AG5428" s="86"/>
      <c r="AH5428" s="85"/>
      <c r="AI5428" s="85"/>
      <c r="AJ5428" s="85"/>
      <c r="AK5428" s="85"/>
      <c r="AL5428" s="85"/>
      <c r="AM5428" s="92"/>
      <c r="AN5428" s="92"/>
      <c r="AO5428" s="92"/>
      <c r="AP5428" s="92"/>
      <c r="AQ5428" s="92"/>
      <c r="AR5428" s="92"/>
      <c r="AS5428" s="92"/>
      <c r="AT5428" s="92"/>
      <c r="AU5428" s="92"/>
      <c r="AV5428" s="92"/>
      <c r="AW5428" s="92"/>
      <c r="AX5428" s="92"/>
      <c r="AY5428" s="92"/>
      <c r="AZ5428" s="93"/>
      <c r="BA5428" s="93"/>
      <c r="BB5428" s="93"/>
      <c r="BC5428" s="93"/>
      <c r="BD5428" s="93"/>
      <c r="BE5428" s="93"/>
      <c r="BF5428" s="93"/>
      <c r="BG5428" s="93"/>
      <c r="BH5428" s="93"/>
      <c r="BI5428" s="93"/>
      <c r="BJ5428" s="93"/>
      <c r="BK5428" s="93"/>
      <c r="BL5428" s="93"/>
    </row>
    <row r="5429" spans="2:64" x14ac:dyDescent="0.2">
      <c r="B5429" s="43"/>
      <c r="C5429" s="73"/>
      <c r="D5429" s="64"/>
      <c r="E5429" s="55"/>
      <c r="F5429" s="74"/>
      <c r="G5429" s="74"/>
      <c r="H5429" s="74"/>
      <c r="I5429" s="75"/>
      <c r="J5429" s="74"/>
      <c r="L5429" s="55"/>
      <c r="M5429" s="234"/>
      <c r="N5429" s="65"/>
      <c r="O5429" s="76"/>
      <c r="P5429" s="76"/>
      <c r="Q5429" s="65"/>
      <c r="R5429" s="76"/>
      <c r="S5429" s="76"/>
      <c r="T5429" s="76"/>
      <c r="U5429" s="76"/>
      <c r="V5429" s="76"/>
      <c r="W5429" s="76"/>
      <c r="X5429" s="76"/>
      <c r="Y5429" s="76"/>
      <c r="Z5429" s="76"/>
      <c r="AA5429" s="85"/>
      <c r="AB5429" s="85"/>
      <c r="AC5429" s="85"/>
      <c r="AD5429" s="85"/>
      <c r="AE5429" s="85"/>
      <c r="AF5429" s="85"/>
      <c r="AG5429" s="86"/>
      <c r="AH5429" s="85"/>
      <c r="AI5429" s="85"/>
      <c r="AJ5429" s="85"/>
      <c r="AK5429" s="85"/>
      <c r="AL5429" s="85"/>
      <c r="AM5429" s="92"/>
      <c r="AN5429" s="92"/>
      <c r="AO5429" s="92"/>
      <c r="AP5429" s="92"/>
      <c r="AQ5429" s="92"/>
      <c r="AR5429" s="92"/>
      <c r="AS5429" s="92"/>
      <c r="AT5429" s="92"/>
      <c r="AU5429" s="92"/>
      <c r="AV5429" s="92"/>
      <c r="AW5429" s="92"/>
      <c r="AX5429" s="92"/>
      <c r="AY5429" s="92"/>
      <c r="AZ5429" s="93"/>
      <c r="BA5429" s="93"/>
      <c r="BB5429" s="93"/>
      <c r="BC5429" s="93"/>
      <c r="BD5429" s="93"/>
      <c r="BE5429" s="93"/>
      <c r="BF5429" s="93"/>
      <c r="BG5429" s="93"/>
      <c r="BH5429" s="93"/>
      <c r="BI5429" s="93"/>
      <c r="BJ5429" s="93"/>
      <c r="BK5429" s="93"/>
      <c r="BL5429" s="93"/>
    </row>
    <row r="5430" spans="2:64" x14ac:dyDescent="0.2">
      <c r="B5430" s="43"/>
      <c r="C5430" s="73"/>
      <c r="D5430" s="64"/>
      <c r="E5430" s="55"/>
      <c r="F5430" s="74"/>
      <c r="G5430" s="74"/>
      <c r="H5430" s="74"/>
      <c r="I5430" s="75"/>
      <c r="J5430" s="74"/>
      <c r="L5430" s="55"/>
      <c r="M5430" s="234"/>
      <c r="N5430" s="65"/>
      <c r="O5430" s="76"/>
      <c r="P5430" s="76"/>
      <c r="Q5430" s="65"/>
      <c r="R5430" s="76"/>
      <c r="S5430" s="76"/>
      <c r="T5430" s="76"/>
      <c r="U5430" s="76"/>
      <c r="V5430" s="76"/>
      <c r="W5430" s="76"/>
      <c r="X5430" s="76"/>
      <c r="Y5430" s="76"/>
      <c r="Z5430" s="76"/>
      <c r="AA5430" s="85"/>
      <c r="AB5430" s="85"/>
      <c r="AC5430" s="85"/>
      <c r="AD5430" s="85"/>
      <c r="AE5430" s="85"/>
      <c r="AF5430" s="85"/>
      <c r="AG5430" s="86"/>
      <c r="AH5430" s="85"/>
      <c r="AI5430" s="85"/>
      <c r="AJ5430" s="85"/>
      <c r="AK5430" s="85"/>
      <c r="AL5430" s="85"/>
      <c r="AM5430" s="92"/>
      <c r="AN5430" s="92"/>
      <c r="AO5430" s="92"/>
      <c r="AP5430" s="92"/>
      <c r="AQ5430" s="92"/>
      <c r="AR5430" s="92"/>
      <c r="AS5430" s="92"/>
      <c r="AT5430" s="92"/>
      <c r="AU5430" s="92"/>
      <c r="AV5430" s="92"/>
      <c r="AW5430" s="92"/>
      <c r="AX5430" s="92"/>
      <c r="AY5430" s="92"/>
      <c r="AZ5430" s="93"/>
      <c r="BA5430" s="93"/>
      <c r="BB5430" s="93"/>
      <c r="BC5430" s="93"/>
      <c r="BD5430" s="93"/>
      <c r="BE5430" s="93"/>
      <c r="BF5430" s="93"/>
      <c r="BG5430" s="93"/>
      <c r="BH5430" s="93"/>
      <c r="BI5430" s="93"/>
      <c r="BJ5430" s="93"/>
      <c r="BK5430" s="93"/>
      <c r="BL5430" s="93"/>
    </row>
    <row r="5431" spans="2:64" x14ac:dyDescent="0.2">
      <c r="B5431" s="43"/>
      <c r="C5431" s="73"/>
      <c r="D5431" s="64"/>
      <c r="E5431" s="55"/>
      <c r="F5431" s="74"/>
      <c r="G5431" s="74"/>
      <c r="H5431" s="74"/>
      <c r="I5431" s="75"/>
      <c r="J5431" s="74"/>
      <c r="L5431" s="55"/>
      <c r="M5431" s="234"/>
      <c r="N5431" s="65"/>
      <c r="O5431" s="76"/>
      <c r="P5431" s="76"/>
      <c r="Q5431" s="65"/>
      <c r="R5431" s="76"/>
      <c r="S5431" s="76"/>
      <c r="T5431" s="76"/>
      <c r="U5431" s="76"/>
      <c r="V5431" s="76"/>
      <c r="W5431" s="76"/>
      <c r="X5431" s="76"/>
      <c r="Y5431" s="76"/>
      <c r="Z5431" s="76"/>
      <c r="AA5431" s="85"/>
      <c r="AB5431" s="85"/>
      <c r="AC5431" s="85"/>
      <c r="AD5431" s="85"/>
      <c r="AE5431" s="85"/>
      <c r="AF5431" s="85"/>
      <c r="AG5431" s="86"/>
      <c r="AH5431" s="85"/>
      <c r="AI5431" s="85"/>
      <c r="AJ5431" s="85"/>
      <c r="AK5431" s="85"/>
      <c r="AL5431" s="85"/>
      <c r="AM5431" s="92"/>
      <c r="AN5431" s="92"/>
      <c r="AO5431" s="92"/>
      <c r="AP5431" s="92"/>
      <c r="AQ5431" s="92"/>
      <c r="AR5431" s="92"/>
      <c r="AS5431" s="92"/>
      <c r="AT5431" s="92"/>
      <c r="AU5431" s="92"/>
      <c r="AV5431" s="92"/>
      <c r="AW5431" s="92"/>
      <c r="AX5431" s="92"/>
      <c r="AY5431" s="92"/>
      <c r="AZ5431" s="93"/>
      <c r="BA5431" s="93"/>
      <c r="BB5431" s="93"/>
      <c r="BC5431" s="93"/>
      <c r="BD5431" s="93"/>
      <c r="BE5431" s="93"/>
      <c r="BF5431" s="93"/>
      <c r="BG5431" s="93"/>
      <c r="BH5431" s="93"/>
      <c r="BI5431" s="93"/>
      <c r="BJ5431" s="93"/>
      <c r="BK5431" s="93"/>
      <c r="BL5431" s="93"/>
    </row>
    <row r="5432" spans="2:64" x14ac:dyDescent="0.2">
      <c r="B5432" s="43"/>
      <c r="C5432" s="73"/>
      <c r="D5432" s="64"/>
      <c r="E5432" s="55"/>
      <c r="F5432" s="74"/>
      <c r="G5432" s="74"/>
      <c r="H5432" s="74"/>
      <c r="I5432" s="75"/>
      <c r="J5432" s="74"/>
      <c r="L5432" s="55"/>
      <c r="M5432" s="234"/>
      <c r="N5432" s="65"/>
      <c r="O5432" s="76"/>
      <c r="P5432" s="76"/>
      <c r="Q5432" s="65"/>
      <c r="R5432" s="76"/>
      <c r="S5432" s="76"/>
      <c r="T5432" s="76"/>
      <c r="U5432" s="76"/>
      <c r="V5432" s="76"/>
      <c r="W5432" s="76"/>
      <c r="X5432" s="76"/>
      <c r="Y5432" s="76"/>
      <c r="Z5432" s="76"/>
      <c r="AA5432" s="85"/>
      <c r="AB5432" s="85"/>
      <c r="AC5432" s="85"/>
      <c r="AD5432" s="85"/>
      <c r="AE5432" s="85"/>
      <c r="AF5432" s="85"/>
      <c r="AG5432" s="86"/>
      <c r="AH5432" s="85"/>
      <c r="AI5432" s="85"/>
      <c r="AJ5432" s="85"/>
      <c r="AK5432" s="85"/>
      <c r="AL5432" s="85"/>
      <c r="AM5432" s="92"/>
      <c r="AN5432" s="92"/>
      <c r="AO5432" s="92"/>
      <c r="AP5432" s="92"/>
      <c r="AQ5432" s="92"/>
      <c r="AR5432" s="92"/>
      <c r="AS5432" s="92"/>
      <c r="AT5432" s="92"/>
      <c r="AU5432" s="92"/>
      <c r="AV5432" s="92"/>
      <c r="AW5432" s="92"/>
      <c r="AX5432" s="92"/>
      <c r="AY5432" s="92"/>
      <c r="AZ5432" s="93"/>
      <c r="BA5432" s="93"/>
      <c r="BB5432" s="93"/>
      <c r="BC5432" s="93"/>
      <c r="BD5432" s="93"/>
      <c r="BE5432" s="93"/>
      <c r="BF5432" s="93"/>
      <c r="BG5432" s="93"/>
      <c r="BH5432" s="93"/>
      <c r="BI5432" s="93"/>
      <c r="BJ5432" s="93"/>
      <c r="BK5432" s="93"/>
      <c r="BL5432" s="93"/>
    </row>
    <row r="5433" spans="2:64" x14ac:dyDescent="0.2">
      <c r="B5433" s="43"/>
      <c r="C5433" s="73"/>
      <c r="D5433" s="64"/>
      <c r="E5433" s="55"/>
      <c r="F5433" s="74"/>
      <c r="G5433" s="74"/>
      <c r="H5433" s="74"/>
      <c r="I5433" s="75"/>
      <c r="J5433" s="74"/>
      <c r="L5433" s="55"/>
      <c r="M5433" s="234"/>
      <c r="N5433" s="65"/>
      <c r="O5433" s="76"/>
      <c r="P5433" s="76"/>
      <c r="Q5433" s="65"/>
      <c r="R5433" s="76"/>
      <c r="S5433" s="76"/>
      <c r="T5433" s="76"/>
      <c r="U5433" s="76"/>
      <c r="V5433" s="76"/>
      <c r="W5433" s="76"/>
      <c r="X5433" s="76"/>
      <c r="Y5433" s="76"/>
      <c r="Z5433" s="76"/>
      <c r="AA5433" s="85"/>
      <c r="AB5433" s="85"/>
      <c r="AC5433" s="85"/>
      <c r="AD5433" s="85"/>
      <c r="AE5433" s="85"/>
      <c r="AF5433" s="85"/>
      <c r="AG5433" s="86"/>
      <c r="AH5433" s="85"/>
      <c r="AI5433" s="85"/>
      <c r="AJ5433" s="85"/>
      <c r="AK5433" s="85"/>
      <c r="AL5433" s="85"/>
      <c r="AM5433" s="92"/>
      <c r="AN5433" s="92"/>
      <c r="AO5433" s="92"/>
      <c r="AP5433" s="92"/>
      <c r="AQ5433" s="92"/>
      <c r="AR5433" s="92"/>
      <c r="AS5433" s="92"/>
      <c r="AT5433" s="92"/>
      <c r="AU5433" s="92"/>
      <c r="AV5433" s="92"/>
      <c r="AW5433" s="92"/>
      <c r="AX5433" s="92"/>
      <c r="AY5433" s="92"/>
      <c r="AZ5433" s="93"/>
      <c r="BA5433" s="93"/>
      <c r="BB5433" s="93"/>
      <c r="BC5433" s="93"/>
      <c r="BD5433" s="93"/>
      <c r="BE5433" s="93"/>
      <c r="BF5433" s="93"/>
      <c r="BG5433" s="93"/>
      <c r="BH5433" s="93"/>
      <c r="BI5433" s="93"/>
      <c r="BJ5433" s="93"/>
      <c r="BK5433" s="93"/>
      <c r="BL5433" s="93"/>
    </row>
    <row r="5434" spans="2:64" x14ac:dyDescent="0.2">
      <c r="B5434" s="43"/>
      <c r="C5434" s="73"/>
      <c r="D5434" s="64"/>
      <c r="E5434" s="55"/>
      <c r="F5434" s="74"/>
      <c r="G5434" s="74"/>
      <c r="H5434" s="74"/>
      <c r="I5434" s="75"/>
      <c r="J5434" s="74"/>
      <c r="L5434" s="55"/>
      <c r="M5434" s="234"/>
      <c r="N5434" s="65"/>
      <c r="O5434" s="76"/>
      <c r="P5434" s="76"/>
      <c r="Q5434" s="65"/>
      <c r="R5434" s="76"/>
      <c r="S5434" s="76"/>
      <c r="T5434" s="76"/>
      <c r="U5434" s="76"/>
      <c r="V5434" s="76"/>
      <c r="W5434" s="76"/>
      <c r="X5434" s="76"/>
      <c r="Y5434" s="76"/>
      <c r="Z5434" s="76"/>
      <c r="AA5434" s="85"/>
      <c r="AB5434" s="85"/>
      <c r="AC5434" s="85"/>
      <c r="AD5434" s="85"/>
      <c r="AE5434" s="85"/>
      <c r="AF5434" s="85"/>
      <c r="AG5434" s="86"/>
      <c r="AH5434" s="85"/>
      <c r="AI5434" s="85"/>
      <c r="AJ5434" s="85"/>
      <c r="AK5434" s="85"/>
      <c r="AL5434" s="85"/>
      <c r="AM5434" s="92"/>
      <c r="AN5434" s="92"/>
      <c r="AO5434" s="92"/>
      <c r="AP5434" s="92"/>
      <c r="AQ5434" s="92"/>
      <c r="AR5434" s="92"/>
      <c r="AS5434" s="92"/>
      <c r="AT5434" s="92"/>
      <c r="AU5434" s="92"/>
      <c r="AV5434" s="92"/>
      <c r="AW5434" s="92"/>
      <c r="AX5434" s="92"/>
      <c r="AY5434" s="92"/>
      <c r="AZ5434" s="93"/>
      <c r="BA5434" s="93"/>
      <c r="BB5434" s="93"/>
      <c r="BC5434" s="93"/>
      <c r="BD5434" s="93"/>
      <c r="BE5434" s="93"/>
      <c r="BF5434" s="93"/>
      <c r="BG5434" s="93"/>
      <c r="BH5434" s="93"/>
      <c r="BI5434" s="93"/>
      <c r="BJ5434" s="93"/>
      <c r="BK5434" s="93"/>
      <c r="BL5434" s="93"/>
    </row>
    <row r="5435" spans="2:64" x14ac:dyDescent="0.2">
      <c r="B5435" s="43"/>
      <c r="C5435" s="73"/>
      <c r="D5435" s="64"/>
      <c r="E5435" s="55"/>
      <c r="F5435" s="74"/>
      <c r="G5435" s="74"/>
      <c r="H5435" s="74"/>
      <c r="I5435" s="75"/>
      <c r="J5435" s="74"/>
      <c r="L5435" s="55"/>
      <c r="M5435" s="234"/>
      <c r="N5435" s="65"/>
      <c r="O5435" s="76"/>
      <c r="P5435" s="76"/>
      <c r="Q5435" s="65"/>
      <c r="R5435" s="76"/>
      <c r="S5435" s="76"/>
      <c r="T5435" s="76"/>
      <c r="U5435" s="76"/>
      <c r="V5435" s="76"/>
      <c r="W5435" s="76"/>
      <c r="X5435" s="76"/>
      <c r="Y5435" s="76"/>
      <c r="Z5435" s="76"/>
      <c r="AA5435" s="85"/>
      <c r="AB5435" s="85"/>
      <c r="AC5435" s="85"/>
      <c r="AD5435" s="85"/>
      <c r="AE5435" s="85"/>
      <c r="AF5435" s="85"/>
      <c r="AG5435" s="86"/>
      <c r="AH5435" s="85"/>
      <c r="AI5435" s="85"/>
      <c r="AJ5435" s="85"/>
      <c r="AK5435" s="85"/>
      <c r="AL5435" s="85"/>
      <c r="AM5435" s="92"/>
      <c r="AN5435" s="92"/>
      <c r="AO5435" s="92"/>
      <c r="AP5435" s="92"/>
      <c r="AQ5435" s="92"/>
      <c r="AR5435" s="92"/>
      <c r="AS5435" s="92"/>
      <c r="AT5435" s="92"/>
      <c r="AU5435" s="92"/>
      <c r="AV5435" s="92"/>
      <c r="AW5435" s="92"/>
      <c r="AX5435" s="92"/>
      <c r="AY5435" s="92"/>
      <c r="AZ5435" s="93"/>
      <c r="BA5435" s="93"/>
      <c r="BB5435" s="93"/>
      <c r="BC5435" s="93"/>
      <c r="BD5435" s="93"/>
      <c r="BE5435" s="93"/>
      <c r="BF5435" s="93"/>
      <c r="BG5435" s="93"/>
      <c r="BH5435" s="93"/>
      <c r="BI5435" s="93"/>
      <c r="BJ5435" s="93"/>
      <c r="BK5435" s="93"/>
      <c r="BL5435" s="93"/>
    </row>
    <row r="5436" spans="2:64" x14ac:dyDescent="0.2">
      <c r="B5436" s="43"/>
      <c r="C5436" s="73"/>
      <c r="D5436" s="64"/>
      <c r="E5436" s="55"/>
      <c r="F5436" s="74"/>
      <c r="G5436" s="74"/>
      <c r="H5436" s="74"/>
      <c r="I5436" s="75"/>
      <c r="J5436" s="74"/>
      <c r="L5436" s="55"/>
      <c r="M5436" s="234"/>
      <c r="N5436" s="65"/>
      <c r="O5436" s="76"/>
      <c r="P5436" s="76"/>
      <c r="Q5436" s="65"/>
      <c r="R5436" s="76"/>
      <c r="S5436" s="76"/>
      <c r="T5436" s="76"/>
      <c r="U5436" s="76"/>
      <c r="V5436" s="76"/>
      <c r="W5436" s="76"/>
      <c r="X5436" s="76"/>
      <c r="Y5436" s="76"/>
      <c r="Z5436" s="76"/>
      <c r="AA5436" s="85"/>
      <c r="AB5436" s="85"/>
      <c r="AC5436" s="85"/>
      <c r="AD5436" s="85"/>
      <c r="AE5436" s="85"/>
      <c r="AF5436" s="85"/>
      <c r="AG5436" s="86"/>
      <c r="AH5436" s="85"/>
      <c r="AI5436" s="85"/>
      <c r="AJ5436" s="85"/>
      <c r="AK5436" s="85"/>
      <c r="AL5436" s="85"/>
      <c r="AM5436" s="92"/>
      <c r="AN5436" s="92"/>
      <c r="AO5436" s="92"/>
      <c r="AP5436" s="92"/>
      <c r="AQ5436" s="92"/>
      <c r="AR5436" s="92"/>
      <c r="AS5436" s="92"/>
      <c r="AT5436" s="92"/>
      <c r="AU5436" s="92"/>
      <c r="AV5436" s="92"/>
      <c r="AW5436" s="92"/>
      <c r="AX5436" s="92"/>
      <c r="AY5436" s="92"/>
      <c r="AZ5436" s="93"/>
      <c r="BA5436" s="93"/>
      <c r="BB5436" s="93"/>
      <c r="BC5436" s="93"/>
      <c r="BD5436" s="93"/>
      <c r="BE5436" s="93"/>
      <c r="BF5436" s="93"/>
      <c r="BG5436" s="93"/>
      <c r="BH5436" s="93"/>
      <c r="BI5436" s="93"/>
      <c r="BJ5436" s="93"/>
      <c r="BK5436" s="93"/>
      <c r="BL5436" s="93"/>
    </row>
    <row r="5437" spans="2:64" x14ac:dyDescent="0.2">
      <c r="B5437" s="43"/>
      <c r="C5437" s="73"/>
      <c r="D5437" s="64"/>
      <c r="E5437" s="55"/>
      <c r="F5437" s="74"/>
      <c r="G5437" s="74"/>
      <c r="H5437" s="74"/>
      <c r="I5437" s="75"/>
      <c r="J5437" s="74"/>
      <c r="L5437" s="55"/>
      <c r="M5437" s="234"/>
      <c r="N5437" s="65"/>
      <c r="O5437" s="76"/>
      <c r="P5437" s="76"/>
      <c r="Q5437" s="65"/>
      <c r="R5437" s="76"/>
      <c r="S5437" s="76"/>
      <c r="T5437" s="76"/>
      <c r="U5437" s="76"/>
      <c r="V5437" s="76"/>
      <c r="W5437" s="76"/>
      <c r="X5437" s="76"/>
      <c r="Y5437" s="76"/>
      <c r="Z5437" s="76"/>
      <c r="AA5437" s="85"/>
      <c r="AB5437" s="85"/>
      <c r="AC5437" s="85"/>
      <c r="AD5437" s="85"/>
      <c r="AE5437" s="85"/>
      <c r="AF5437" s="85"/>
      <c r="AG5437" s="86"/>
      <c r="AH5437" s="85"/>
      <c r="AI5437" s="85"/>
      <c r="AJ5437" s="85"/>
      <c r="AK5437" s="85"/>
      <c r="AL5437" s="85"/>
      <c r="AM5437" s="92"/>
      <c r="AN5437" s="92"/>
      <c r="AO5437" s="92"/>
      <c r="AP5437" s="92"/>
      <c r="AQ5437" s="92"/>
      <c r="AR5437" s="92"/>
      <c r="AS5437" s="92"/>
      <c r="AT5437" s="92"/>
      <c r="AU5437" s="92"/>
      <c r="AV5437" s="92"/>
      <c r="AW5437" s="92"/>
      <c r="AX5437" s="92"/>
      <c r="AY5437" s="92"/>
      <c r="AZ5437" s="93"/>
      <c r="BA5437" s="93"/>
      <c r="BB5437" s="93"/>
      <c r="BC5437" s="93"/>
      <c r="BD5437" s="93"/>
      <c r="BE5437" s="93"/>
      <c r="BF5437" s="93"/>
      <c r="BG5437" s="93"/>
      <c r="BH5437" s="93"/>
      <c r="BI5437" s="93"/>
      <c r="BJ5437" s="93"/>
      <c r="BK5437" s="93"/>
      <c r="BL5437" s="93"/>
    </row>
    <row r="5438" spans="2:64" x14ac:dyDescent="0.2">
      <c r="B5438" s="43"/>
      <c r="C5438" s="73"/>
      <c r="D5438" s="64"/>
      <c r="E5438" s="55"/>
      <c r="F5438" s="74"/>
      <c r="G5438" s="74"/>
      <c r="H5438" s="74"/>
      <c r="I5438" s="75"/>
      <c r="J5438" s="74"/>
      <c r="L5438" s="55"/>
      <c r="M5438" s="234"/>
      <c r="N5438" s="65"/>
      <c r="O5438" s="76"/>
      <c r="P5438" s="76"/>
      <c r="Q5438" s="65"/>
      <c r="R5438" s="76"/>
      <c r="S5438" s="76"/>
      <c r="T5438" s="76"/>
      <c r="U5438" s="76"/>
      <c r="V5438" s="76"/>
      <c r="W5438" s="76"/>
      <c r="X5438" s="76"/>
      <c r="Y5438" s="76"/>
      <c r="Z5438" s="76"/>
      <c r="AA5438" s="85"/>
      <c r="AB5438" s="85"/>
      <c r="AC5438" s="85"/>
      <c r="AD5438" s="85"/>
      <c r="AE5438" s="85"/>
      <c r="AF5438" s="85"/>
      <c r="AG5438" s="86"/>
      <c r="AH5438" s="85"/>
      <c r="AI5438" s="85"/>
      <c r="AJ5438" s="85"/>
      <c r="AK5438" s="85"/>
      <c r="AL5438" s="85"/>
      <c r="AM5438" s="92"/>
      <c r="AN5438" s="92"/>
      <c r="AO5438" s="92"/>
      <c r="AP5438" s="92"/>
      <c r="AQ5438" s="92"/>
      <c r="AR5438" s="92"/>
      <c r="AS5438" s="92"/>
      <c r="AT5438" s="92"/>
      <c r="AU5438" s="92"/>
      <c r="AV5438" s="92"/>
      <c r="AW5438" s="92"/>
      <c r="AX5438" s="92"/>
      <c r="AY5438" s="92"/>
      <c r="AZ5438" s="93"/>
      <c r="BA5438" s="93"/>
      <c r="BB5438" s="93"/>
      <c r="BC5438" s="93"/>
      <c r="BD5438" s="93"/>
      <c r="BE5438" s="93"/>
      <c r="BF5438" s="93"/>
      <c r="BG5438" s="93"/>
      <c r="BH5438" s="93"/>
      <c r="BI5438" s="93"/>
      <c r="BJ5438" s="93"/>
      <c r="BK5438" s="93"/>
      <c r="BL5438" s="93"/>
    </row>
    <row r="5439" spans="2:64" x14ac:dyDescent="0.2">
      <c r="B5439" s="43"/>
      <c r="C5439" s="73"/>
      <c r="D5439" s="64"/>
      <c r="E5439" s="55"/>
      <c r="F5439" s="74"/>
      <c r="G5439" s="74"/>
      <c r="H5439" s="74"/>
      <c r="I5439" s="75"/>
      <c r="J5439" s="74"/>
      <c r="L5439" s="55"/>
      <c r="M5439" s="234"/>
      <c r="N5439" s="65"/>
      <c r="O5439" s="76"/>
      <c r="P5439" s="76"/>
      <c r="Q5439" s="65"/>
      <c r="R5439" s="76"/>
      <c r="S5439" s="76"/>
      <c r="T5439" s="76"/>
      <c r="U5439" s="76"/>
      <c r="V5439" s="76"/>
      <c r="W5439" s="76"/>
      <c r="X5439" s="76"/>
      <c r="Y5439" s="76"/>
      <c r="Z5439" s="76"/>
      <c r="AA5439" s="85"/>
      <c r="AB5439" s="85"/>
      <c r="AC5439" s="85"/>
      <c r="AD5439" s="85"/>
      <c r="AE5439" s="85"/>
      <c r="AF5439" s="85"/>
      <c r="AG5439" s="86"/>
      <c r="AH5439" s="85"/>
      <c r="AI5439" s="85"/>
      <c r="AJ5439" s="85"/>
      <c r="AK5439" s="85"/>
      <c r="AL5439" s="85"/>
      <c r="AM5439" s="92"/>
      <c r="AN5439" s="92"/>
      <c r="AO5439" s="92"/>
      <c r="AP5439" s="92"/>
      <c r="AQ5439" s="92"/>
      <c r="AR5439" s="92"/>
      <c r="AS5439" s="92"/>
      <c r="AT5439" s="92"/>
      <c r="AU5439" s="92"/>
      <c r="AV5439" s="92"/>
      <c r="AW5439" s="92"/>
      <c r="AX5439" s="92"/>
      <c r="AY5439" s="92"/>
      <c r="AZ5439" s="93"/>
      <c r="BA5439" s="93"/>
      <c r="BB5439" s="93"/>
      <c r="BC5439" s="93"/>
      <c r="BD5439" s="93"/>
      <c r="BE5439" s="93"/>
      <c r="BF5439" s="93"/>
      <c r="BG5439" s="93"/>
      <c r="BH5439" s="93"/>
      <c r="BI5439" s="93"/>
      <c r="BJ5439" s="93"/>
      <c r="BK5439" s="93"/>
      <c r="BL5439" s="93"/>
    </row>
    <row r="5440" spans="2:64" x14ac:dyDescent="0.2">
      <c r="B5440" s="43"/>
      <c r="C5440" s="73"/>
      <c r="D5440" s="64"/>
      <c r="E5440" s="55"/>
      <c r="F5440" s="74"/>
      <c r="G5440" s="74"/>
      <c r="H5440" s="74"/>
      <c r="I5440" s="75"/>
      <c r="J5440" s="74"/>
      <c r="L5440" s="55"/>
      <c r="M5440" s="234"/>
      <c r="N5440" s="65"/>
      <c r="O5440" s="76"/>
      <c r="P5440" s="76"/>
      <c r="Q5440" s="65"/>
      <c r="R5440" s="76"/>
      <c r="S5440" s="76"/>
      <c r="T5440" s="76"/>
      <c r="U5440" s="76"/>
      <c r="V5440" s="76"/>
      <c r="W5440" s="76"/>
      <c r="X5440" s="76"/>
      <c r="Y5440" s="76"/>
      <c r="Z5440" s="76"/>
      <c r="AA5440" s="85"/>
      <c r="AB5440" s="85"/>
      <c r="AC5440" s="85"/>
      <c r="AD5440" s="85"/>
      <c r="AE5440" s="85"/>
      <c r="AF5440" s="85"/>
      <c r="AG5440" s="86"/>
      <c r="AH5440" s="85"/>
      <c r="AI5440" s="85"/>
      <c r="AJ5440" s="85"/>
      <c r="AK5440" s="85"/>
      <c r="AL5440" s="85"/>
      <c r="AM5440" s="92"/>
      <c r="AN5440" s="92"/>
      <c r="AO5440" s="92"/>
      <c r="AP5440" s="92"/>
      <c r="AQ5440" s="92"/>
      <c r="AR5440" s="92"/>
      <c r="AS5440" s="92"/>
      <c r="AT5440" s="92"/>
      <c r="AU5440" s="92"/>
      <c r="AV5440" s="92"/>
      <c r="AW5440" s="92"/>
      <c r="AX5440" s="92"/>
      <c r="AY5440" s="92"/>
      <c r="AZ5440" s="93"/>
      <c r="BA5440" s="93"/>
      <c r="BB5440" s="93"/>
      <c r="BC5440" s="93"/>
      <c r="BD5440" s="93"/>
      <c r="BE5440" s="93"/>
      <c r="BF5440" s="93"/>
      <c r="BG5440" s="93"/>
      <c r="BH5440" s="93"/>
      <c r="BI5440" s="93"/>
      <c r="BJ5440" s="93"/>
      <c r="BK5440" s="93"/>
      <c r="BL5440" s="93"/>
    </row>
    <row r="5441" spans="2:64" x14ac:dyDescent="0.2">
      <c r="B5441" s="43"/>
      <c r="C5441" s="73"/>
      <c r="D5441" s="64"/>
      <c r="E5441" s="55"/>
      <c r="F5441" s="74"/>
      <c r="G5441" s="74"/>
      <c r="H5441" s="74"/>
      <c r="I5441" s="75"/>
      <c r="J5441" s="74"/>
      <c r="L5441" s="55"/>
      <c r="M5441" s="234"/>
      <c r="N5441" s="65"/>
      <c r="O5441" s="76"/>
      <c r="P5441" s="76"/>
      <c r="Q5441" s="65"/>
      <c r="R5441" s="76"/>
      <c r="S5441" s="76"/>
      <c r="T5441" s="76"/>
      <c r="U5441" s="76"/>
      <c r="V5441" s="76"/>
      <c r="W5441" s="76"/>
      <c r="X5441" s="76"/>
      <c r="Y5441" s="76"/>
      <c r="Z5441" s="76"/>
      <c r="AA5441" s="85"/>
      <c r="AB5441" s="85"/>
      <c r="AC5441" s="85"/>
      <c r="AD5441" s="85"/>
      <c r="AE5441" s="85"/>
      <c r="AF5441" s="85"/>
      <c r="AG5441" s="86"/>
      <c r="AH5441" s="85"/>
      <c r="AI5441" s="85"/>
      <c r="AJ5441" s="85"/>
      <c r="AK5441" s="85"/>
      <c r="AL5441" s="85"/>
      <c r="AM5441" s="92"/>
      <c r="AN5441" s="92"/>
      <c r="AO5441" s="92"/>
      <c r="AP5441" s="92"/>
      <c r="AQ5441" s="92"/>
      <c r="AR5441" s="92"/>
      <c r="AS5441" s="92"/>
      <c r="AT5441" s="92"/>
      <c r="AU5441" s="92"/>
      <c r="AV5441" s="92"/>
      <c r="AW5441" s="92"/>
      <c r="AX5441" s="92"/>
      <c r="AY5441" s="92"/>
      <c r="AZ5441" s="93"/>
      <c r="BA5441" s="93"/>
      <c r="BB5441" s="93"/>
      <c r="BC5441" s="93"/>
      <c r="BD5441" s="93"/>
      <c r="BE5441" s="93"/>
      <c r="BF5441" s="93"/>
      <c r="BG5441" s="93"/>
      <c r="BH5441" s="93"/>
      <c r="BI5441" s="93"/>
      <c r="BJ5441" s="93"/>
      <c r="BK5441" s="93"/>
      <c r="BL5441" s="93"/>
    </row>
    <row r="5442" spans="2:64" x14ac:dyDescent="0.2">
      <c r="B5442" s="43"/>
      <c r="C5442" s="73"/>
      <c r="D5442" s="64"/>
      <c r="E5442" s="55"/>
      <c r="F5442" s="74"/>
      <c r="G5442" s="74"/>
      <c r="H5442" s="74"/>
      <c r="I5442" s="75"/>
      <c r="J5442" s="74"/>
      <c r="L5442" s="55"/>
      <c r="M5442" s="234"/>
      <c r="N5442" s="65"/>
      <c r="O5442" s="76"/>
      <c r="P5442" s="76"/>
      <c r="Q5442" s="65"/>
      <c r="R5442" s="76"/>
      <c r="S5442" s="76"/>
      <c r="T5442" s="76"/>
      <c r="U5442" s="76"/>
      <c r="V5442" s="76"/>
      <c r="W5442" s="76"/>
      <c r="X5442" s="76"/>
      <c r="Y5442" s="76"/>
      <c r="Z5442" s="76"/>
      <c r="AA5442" s="85"/>
      <c r="AB5442" s="85"/>
      <c r="AC5442" s="85"/>
      <c r="AD5442" s="85"/>
      <c r="AE5442" s="85"/>
      <c r="AF5442" s="85"/>
      <c r="AG5442" s="86"/>
      <c r="AH5442" s="85"/>
      <c r="AI5442" s="85"/>
      <c r="AJ5442" s="85"/>
      <c r="AK5442" s="85"/>
      <c r="AL5442" s="85"/>
      <c r="AM5442" s="92"/>
      <c r="AN5442" s="92"/>
      <c r="AO5442" s="92"/>
      <c r="AP5442" s="92"/>
      <c r="AQ5442" s="92"/>
      <c r="AR5442" s="92"/>
      <c r="AS5442" s="92"/>
      <c r="AT5442" s="92"/>
      <c r="AU5442" s="92"/>
      <c r="AV5442" s="92"/>
      <c r="AW5442" s="92"/>
      <c r="AX5442" s="92"/>
      <c r="AY5442" s="92"/>
      <c r="AZ5442" s="93"/>
      <c r="BA5442" s="93"/>
      <c r="BB5442" s="93"/>
      <c r="BC5442" s="93"/>
      <c r="BD5442" s="93"/>
      <c r="BE5442" s="93"/>
      <c r="BF5442" s="93"/>
      <c r="BG5442" s="93"/>
      <c r="BH5442" s="93"/>
      <c r="BI5442" s="93"/>
      <c r="BJ5442" s="93"/>
      <c r="BK5442" s="93"/>
      <c r="BL5442" s="93"/>
    </row>
    <row r="5443" spans="2:64" x14ac:dyDescent="0.2">
      <c r="B5443" s="43"/>
      <c r="C5443" s="73"/>
      <c r="D5443" s="64"/>
      <c r="E5443" s="55"/>
      <c r="F5443" s="74"/>
      <c r="G5443" s="74"/>
      <c r="H5443" s="74"/>
      <c r="I5443" s="75"/>
      <c r="J5443" s="74"/>
      <c r="L5443" s="55"/>
      <c r="M5443" s="234"/>
      <c r="N5443" s="65"/>
      <c r="O5443" s="76"/>
      <c r="P5443" s="76"/>
      <c r="Q5443" s="65"/>
      <c r="R5443" s="76"/>
      <c r="S5443" s="76"/>
      <c r="T5443" s="76"/>
      <c r="U5443" s="76"/>
      <c r="V5443" s="76"/>
      <c r="W5443" s="76"/>
      <c r="X5443" s="76"/>
      <c r="Y5443" s="76"/>
      <c r="Z5443" s="76"/>
      <c r="AA5443" s="85"/>
      <c r="AB5443" s="85"/>
      <c r="AC5443" s="85"/>
      <c r="AD5443" s="85"/>
      <c r="AE5443" s="85"/>
      <c r="AF5443" s="85"/>
      <c r="AG5443" s="86"/>
      <c r="AH5443" s="85"/>
      <c r="AI5443" s="85"/>
      <c r="AJ5443" s="85"/>
      <c r="AK5443" s="85"/>
      <c r="AL5443" s="85"/>
      <c r="AM5443" s="92"/>
      <c r="AN5443" s="92"/>
      <c r="AO5443" s="92"/>
      <c r="AP5443" s="92"/>
      <c r="AQ5443" s="92"/>
      <c r="AR5443" s="92"/>
      <c r="AS5443" s="92"/>
      <c r="AT5443" s="92"/>
      <c r="AU5443" s="92"/>
      <c r="AV5443" s="92"/>
      <c r="AW5443" s="92"/>
      <c r="AX5443" s="92"/>
      <c r="AY5443" s="92"/>
      <c r="AZ5443" s="93"/>
      <c r="BA5443" s="93"/>
      <c r="BB5443" s="93"/>
      <c r="BC5443" s="93"/>
      <c r="BD5443" s="93"/>
      <c r="BE5443" s="93"/>
      <c r="BF5443" s="93"/>
      <c r="BG5443" s="93"/>
      <c r="BH5443" s="93"/>
      <c r="BI5443" s="93"/>
      <c r="BJ5443" s="93"/>
      <c r="BK5443" s="93"/>
      <c r="BL5443" s="93"/>
    </row>
    <row r="5444" spans="2:64" x14ac:dyDescent="0.2">
      <c r="B5444" s="43"/>
      <c r="C5444" s="73"/>
      <c r="D5444" s="64"/>
      <c r="E5444" s="55"/>
      <c r="F5444" s="74"/>
      <c r="G5444" s="74"/>
      <c r="H5444" s="74"/>
      <c r="I5444" s="75"/>
      <c r="J5444" s="74"/>
      <c r="L5444" s="55"/>
      <c r="M5444" s="234"/>
      <c r="N5444" s="65"/>
      <c r="O5444" s="76"/>
      <c r="P5444" s="76"/>
      <c r="Q5444" s="65"/>
      <c r="R5444" s="76"/>
      <c r="S5444" s="76"/>
      <c r="T5444" s="76"/>
      <c r="U5444" s="76"/>
      <c r="V5444" s="76"/>
      <c r="W5444" s="76"/>
      <c r="X5444" s="76"/>
      <c r="Y5444" s="76"/>
      <c r="Z5444" s="76"/>
      <c r="AA5444" s="85"/>
      <c r="AB5444" s="85"/>
      <c r="AC5444" s="85"/>
      <c r="AD5444" s="85"/>
      <c r="AE5444" s="85"/>
      <c r="AF5444" s="85"/>
      <c r="AG5444" s="86"/>
      <c r="AH5444" s="85"/>
      <c r="AI5444" s="85"/>
      <c r="AJ5444" s="85"/>
      <c r="AK5444" s="85"/>
      <c r="AL5444" s="85"/>
      <c r="AM5444" s="92"/>
      <c r="AN5444" s="92"/>
      <c r="AO5444" s="92"/>
      <c r="AP5444" s="92"/>
      <c r="AQ5444" s="92"/>
      <c r="AR5444" s="92"/>
      <c r="AS5444" s="92"/>
      <c r="AT5444" s="92"/>
      <c r="AU5444" s="92"/>
      <c r="AV5444" s="92"/>
      <c r="AW5444" s="92"/>
      <c r="AX5444" s="92"/>
      <c r="AY5444" s="92"/>
      <c r="AZ5444" s="93"/>
      <c r="BA5444" s="93"/>
      <c r="BB5444" s="93"/>
      <c r="BC5444" s="93"/>
      <c r="BD5444" s="93"/>
      <c r="BE5444" s="93"/>
      <c r="BF5444" s="93"/>
      <c r="BG5444" s="93"/>
      <c r="BH5444" s="93"/>
      <c r="BI5444" s="93"/>
      <c r="BJ5444" s="93"/>
      <c r="BK5444" s="93"/>
      <c r="BL5444" s="93"/>
    </row>
    <row r="5445" spans="2:64" x14ac:dyDescent="0.2">
      <c r="B5445" s="43"/>
      <c r="C5445" s="73"/>
      <c r="D5445" s="64"/>
      <c r="E5445" s="55"/>
      <c r="F5445" s="74"/>
      <c r="G5445" s="74"/>
      <c r="H5445" s="74"/>
      <c r="I5445" s="75"/>
      <c r="J5445" s="74"/>
      <c r="L5445" s="55"/>
      <c r="M5445" s="234"/>
      <c r="N5445" s="65"/>
      <c r="O5445" s="76"/>
      <c r="P5445" s="76"/>
      <c r="Q5445" s="65"/>
      <c r="R5445" s="76"/>
      <c r="S5445" s="76"/>
      <c r="T5445" s="76"/>
      <c r="U5445" s="76"/>
      <c r="V5445" s="76"/>
      <c r="W5445" s="76"/>
      <c r="X5445" s="76"/>
      <c r="Y5445" s="76"/>
      <c r="Z5445" s="76"/>
      <c r="AA5445" s="85"/>
      <c r="AB5445" s="85"/>
      <c r="AC5445" s="85"/>
      <c r="AD5445" s="85"/>
      <c r="AE5445" s="85"/>
      <c r="AF5445" s="85"/>
      <c r="AG5445" s="86"/>
      <c r="AH5445" s="85"/>
      <c r="AI5445" s="85"/>
      <c r="AJ5445" s="85"/>
      <c r="AK5445" s="85"/>
      <c r="AL5445" s="85"/>
      <c r="AM5445" s="92"/>
      <c r="AN5445" s="92"/>
      <c r="AO5445" s="92"/>
      <c r="AP5445" s="92"/>
      <c r="AQ5445" s="92"/>
      <c r="AR5445" s="92"/>
      <c r="AS5445" s="92"/>
      <c r="AT5445" s="92"/>
      <c r="AU5445" s="92"/>
      <c r="AV5445" s="92"/>
      <c r="AW5445" s="92"/>
      <c r="AX5445" s="92"/>
      <c r="AY5445" s="92"/>
      <c r="AZ5445" s="93"/>
      <c r="BA5445" s="93"/>
      <c r="BB5445" s="93"/>
      <c r="BC5445" s="93"/>
      <c r="BD5445" s="93"/>
      <c r="BE5445" s="93"/>
      <c r="BF5445" s="93"/>
      <c r="BG5445" s="93"/>
      <c r="BH5445" s="93"/>
      <c r="BI5445" s="93"/>
      <c r="BJ5445" s="93"/>
      <c r="BK5445" s="93"/>
      <c r="BL5445" s="93"/>
    </row>
    <row r="5446" spans="2:64" x14ac:dyDescent="0.2">
      <c r="B5446" s="43"/>
      <c r="C5446" s="73"/>
      <c r="D5446" s="64"/>
      <c r="E5446" s="55"/>
      <c r="F5446" s="74"/>
      <c r="G5446" s="74"/>
      <c r="H5446" s="74"/>
      <c r="I5446" s="75"/>
      <c r="J5446" s="74"/>
      <c r="L5446" s="55"/>
      <c r="M5446" s="234"/>
      <c r="N5446" s="65"/>
      <c r="O5446" s="76"/>
      <c r="P5446" s="76"/>
      <c r="Q5446" s="65"/>
      <c r="R5446" s="76"/>
      <c r="S5446" s="76"/>
      <c r="T5446" s="76"/>
      <c r="U5446" s="76"/>
      <c r="V5446" s="76"/>
      <c r="W5446" s="76"/>
      <c r="X5446" s="76"/>
      <c r="Y5446" s="76"/>
      <c r="Z5446" s="76"/>
      <c r="AA5446" s="85"/>
      <c r="AB5446" s="85"/>
      <c r="AC5446" s="85"/>
      <c r="AD5446" s="85"/>
      <c r="AE5446" s="85"/>
      <c r="AF5446" s="85"/>
      <c r="AG5446" s="86"/>
      <c r="AH5446" s="85"/>
      <c r="AI5446" s="85"/>
      <c r="AJ5446" s="85"/>
      <c r="AK5446" s="85"/>
      <c r="AL5446" s="85"/>
      <c r="AM5446" s="92"/>
      <c r="AN5446" s="92"/>
      <c r="AO5446" s="92"/>
      <c r="AP5446" s="92"/>
      <c r="AQ5446" s="92"/>
      <c r="AR5446" s="92"/>
      <c r="AS5446" s="92"/>
      <c r="AT5446" s="92"/>
      <c r="AU5446" s="92"/>
      <c r="AV5446" s="92"/>
      <c r="AW5446" s="92"/>
      <c r="AX5446" s="92"/>
      <c r="AY5446" s="92"/>
      <c r="AZ5446" s="93"/>
      <c r="BA5446" s="93"/>
      <c r="BB5446" s="93"/>
      <c r="BC5446" s="93"/>
      <c r="BD5446" s="93"/>
      <c r="BE5446" s="93"/>
      <c r="BF5446" s="93"/>
      <c r="BG5446" s="93"/>
      <c r="BH5446" s="93"/>
      <c r="BI5446" s="93"/>
      <c r="BJ5446" s="93"/>
      <c r="BK5446" s="93"/>
      <c r="BL5446" s="93"/>
    </row>
    <row r="5447" spans="2:64" x14ac:dyDescent="0.2">
      <c r="B5447" s="43"/>
      <c r="C5447" s="73"/>
      <c r="D5447" s="64"/>
      <c r="E5447" s="55"/>
      <c r="F5447" s="74"/>
      <c r="G5447" s="74"/>
      <c r="H5447" s="74"/>
      <c r="I5447" s="75"/>
      <c r="J5447" s="74"/>
      <c r="L5447" s="55"/>
      <c r="M5447" s="234"/>
      <c r="N5447" s="65"/>
      <c r="O5447" s="76"/>
      <c r="P5447" s="76"/>
      <c r="Q5447" s="65"/>
      <c r="R5447" s="76"/>
      <c r="S5447" s="76"/>
      <c r="T5447" s="76"/>
      <c r="U5447" s="76"/>
      <c r="V5447" s="76"/>
      <c r="W5447" s="76"/>
      <c r="X5447" s="76"/>
      <c r="Y5447" s="76"/>
      <c r="Z5447" s="76"/>
      <c r="AA5447" s="85"/>
      <c r="AB5447" s="85"/>
      <c r="AC5447" s="85"/>
      <c r="AD5447" s="85"/>
      <c r="AE5447" s="85"/>
      <c r="AF5447" s="85"/>
      <c r="AG5447" s="86"/>
      <c r="AH5447" s="85"/>
      <c r="AI5447" s="85"/>
      <c r="AJ5447" s="85"/>
      <c r="AK5447" s="85"/>
      <c r="AL5447" s="85"/>
      <c r="AM5447" s="92"/>
      <c r="AN5447" s="92"/>
      <c r="AO5447" s="92"/>
      <c r="AP5447" s="92"/>
      <c r="AQ5447" s="92"/>
      <c r="AR5447" s="92"/>
      <c r="AS5447" s="92"/>
      <c r="AT5447" s="92"/>
      <c r="AU5447" s="92"/>
      <c r="AV5447" s="92"/>
      <c r="AW5447" s="92"/>
      <c r="AX5447" s="92"/>
      <c r="AY5447" s="92"/>
      <c r="AZ5447" s="93"/>
      <c r="BA5447" s="93"/>
      <c r="BB5447" s="93"/>
      <c r="BC5447" s="93"/>
      <c r="BD5447" s="93"/>
      <c r="BE5447" s="93"/>
      <c r="BF5447" s="93"/>
      <c r="BG5447" s="93"/>
      <c r="BH5447" s="93"/>
      <c r="BI5447" s="93"/>
      <c r="BJ5447" s="93"/>
      <c r="BK5447" s="93"/>
      <c r="BL5447" s="93"/>
    </row>
    <row r="5448" spans="2:64" x14ac:dyDescent="0.2">
      <c r="B5448" s="43"/>
      <c r="C5448" s="73"/>
      <c r="D5448" s="64"/>
      <c r="E5448" s="55"/>
      <c r="F5448" s="74"/>
      <c r="G5448" s="74"/>
      <c r="H5448" s="74"/>
      <c r="I5448" s="75"/>
      <c r="J5448" s="74"/>
      <c r="L5448" s="55"/>
      <c r="M5448" s="234"/>
      <c r="N5448" s="65"/>
      <c r="O5448" s="76"/>
      <c r="P5448" s="76"/>
      <c r="Q5448" s="65"/>
      <c r="R5448" s="76"/>
      <c r="S5448" s="76"/>
      <c r="T5448" s="76"/>
      <c r="U5448" s="76"/>
      <c r="V5448" s="76"/>
      <c r="W5448" s="76"/>
      <c r="X5448" s="76"/>
      <c r="Y5448" s="76"/>
      <c r="Z5448" s="76"/>
      <c r="AA5448" s="85"/>
      <c r="AB5448" s="85"/>
      <c r="AC5448" s="85"/>
      <c r="AD5448" s="85"/>
      <c r="AE5448" s="85"/>
      <c r="AF5448" s="85"/>
      <c r="AG5448" s="86"/>
      <c r="AH5448" s="85"/>
      <c r="AI5448" s="85"/>
      <c r="AJ5448" s="85"/>
      <c r="AK5448" s="85"/>
      <c r="AL5448" s="85"/>
      <c r="AM5448" s="92"/>
      <c r="AN5448" s="92"/>
      <c r="AO5448" s="92"/>
      <c r="AP5448" s="92"/>
      <c r="AQ5448" s="92"/>
      <c r="AR5448" s="92"/>
      <c r="AS5448" s="92"/>
      <c r="AT5448" s="92"/>
      <c r="AU5448" s="92"/>
      <c r="AV5448" s="92"/>
      <c r="AW5448" s="92"/>
      <c r="AX5448" s="92"/>
      <c r="AY5448" s="92"/>
      <c r="AZ5448" s="93"/>
      <c r="BA5448" s="93"/>
      <c r="BB5448" s="93"/>
      <c r="BC5448" s="93"/>
      <c r="BD5448" s="93"/>
      <c r="BE5448" s="93"/>
      <c r="BF5448" s="93"/>
      <c r="BG5448" s="93"/>
      <c r="BH5448" s="93"/>
      <c r="BI5448" s="93"/>
      <c r="BJ5448" s="93"/>
      <c r="BK5448" s="93"/>
      <c r="BL5448" s="93"/>
    </row>
    <row r="5449" spans="2:64" x14ac:dyDescent="0.2">
      <c r="B5449" s="43"/>
      <c r="C5449" s="73"/>
      <c r="D5449" s="64"/>
      <c r="E5449" s="55"/>
      <c r="F5449" s="74"/>
      <c r="G5449" s="74"/>
      <c r="H5449" s="74"/>
      <c r="I5449" s="75"/>
      <c r="J5449" s="74"/>
      <c r="L5449" s="55"/>
      <c r="M5449" s="234"/>
      <c r="N5449" s="65"/>
      <c r="O5449" s="76"/>
      <c r="P5449" s="76"/>
      <c r="Q5449" s="65"/>
      <c r="R5449" s="76"/>
      <c r="S5449" s="76"/>
      <c r="T5449" s="76"/>
      <c r="U5449" s="76"/>
      <c r="V5449" s="76"/>
      <c r="W5449" s="76"/>
      <c r="X5449" s="76"/>
      <c r="Y5449" s="76"/>
      <c r="Z5449" s="76"/>
      <c r="AA5449" s="85"/>
      <c r="AB5449" s="85"/>
      <c r="AC5449" s="85"/>
      <c r="AD5449" s="85"/>
      <c r="AE5449" s="85"/>
      <c r="AF5449" s="85"/>
      <c r="AG5449" s="86"/>
      <c r="AH5449" s="85"/>
      <c r="AI5449" s="85"/>
      <c r="AJ5449" s="85"/>
      <c r="AK5449" s="85"/>
      <c r="AL5449" s="85"/>
      <c r="AM5449" s="92"/>
      <c r="AN5449" s="92"/>
      <c r="AO5449" s="92"/>
      <c r="AP5449" s="92"/>
      <c r="AQ5449" s="92"/>
      <c r="AR5449" s="92"/>
      <c r="AS5449" s="92"/>
      <c r="AT5449" s="92"/>
      <c r="AU5449" s="92"/>
      <c r="AV5449" s="92"/>
      <c r="AW5449" s="92"/>
      <c r="AX5449" s="92"/>
      <c r="AY5449" s="92"/>
      <c r="AZ5449" s="93"/>
      <c r="BA5449" s="93"/>
      <c r="BB5449" s="93"/>
      <c r="BC5449" s="93"/>
      <c r="BD5449" s="93"/>
      <c r="BE5449" s="93"/>
      <c r="BF5449" s="93"/>
      <c r="BG5449" s="93"/>
      <c r="BH5449" s="93"/>
      <c r="BI5449" s="93"/>
      <c r="BJ5449" s="93"/>
      <c r="BK5449" s="93"/>
      <c r="BL5449" s="93"/>
    </row>
    <row r="5450" spans="2:64" x14ac:dyDescent="0.2">
      <c r="B5450" s="43"/>
      <c r="C5450" s="73"/>
      <c r="D5450" s="64"/>
      <c r="E5450" s="55"/>
      <c r="F5450" s="74"/>
      <c r="G5450" s="74"/>
      <c r="H5450" s="74"/>
      <c r="I5450" s="75"/>
      <c r="J5450" s="74"/>
      <c r="L5450" s="55"/>
      <c r="M5450" s="234"/>
      <c r="N5450" s="65"/>
      <c r="O5450" s="76"/>
      <c r="P5450" s="76"/>
      <c r="Q5450" s="65"/>
      <c r="R5450" s="76"/>
      <c r="S5450" s="76"/>
      <c r="T5450" s="76"/>
      <c r="U5450" s="76"/>
      <c r="V5450" s="76"/>
      <c r="W5450" s="76"/>
      <c r="X5450" s="76"/>
      <c r="Y5450" s="76"/>
      <c r="Z5450" s="76"/>
      <c r="AA5450" s="85"/>
      <c r="AB5450" s="85"/>
      <c r="AC5450" s="85"/>
      <c r="AD5450" s="85"/>
      <c r="AE5450" s="85"/>
      <c r="AF5450" s="85"/>
      <c r="AG5450" s="86"/>
      <c r="AH5450" s="85"/>
      <c r="AI5450" s="85"/>
      <c r="AJ5450" s="85"/>
      <c r="AK5450" s="85"/>
      <c r="AL5450" s="85"/>
      <c r="AM5450" s="92"/>
      <c r="AN5450" s="92"/>
      <c r="AO5450" s="92"/>
      <c r="AP5450" s="92"/>
      <c r="AQ5450" s="92"/>
      <c r="AR5450" s="92"/>
      <c r="AS5450" s="92"/>
      <c r="AT5450" s="92"/>
      <c r="AU5450" s="92"/>
      <c r="AV5450" s="92"/>
      <c r="AW5450" s="92"/>
      <c r="AX5450" s="92"/>
      <c r="AY5450" s="92"/>
      <c r="AZ5450" s="93"/>
      <c r="BA5450" s="93"/>
      <c r="BB5450" s="93"/>
      <c r="BC5450" s="93"/>
      <c r="BD5450" s="93"/>
      <c r="BE5450" s="93"/>
      <c r="BF5450" s="93"/>
      <c r="BG5450" s="93"/>
      <c r="BH5450" s="93"/>
      <c r="BI5450" s="93"/>
      <c r="BJ5450" s="93"/>
      <c r="BK5450" s="93"/>
      <c r="BL5450" s="93"/>
    </row>
    <row r="5451" spans="2:64" x14ac:dyDescent="0.2">
      <c r="B5451" s="43"/>
      <c r="C5451" s="73"/>
      <c r="D5451" s="64"/>
      <c r="E5451" s="55"/>
      <c r="F5451" s="74"/>
      <c r="G5451" s="74"/>
      <c r="H5451" s="74"/>
      <c r="I5451" s="75"/>
      <c r="J5451" s="74"/>
      <c r="L5451" s="55"/>
      <c r="M5451" s="234"/>
      <c r="N5451" s="65"/>
      <c r="O5451" s="76"/>
      <c r="P5451" s="76"/>
      <c r="Q5451" s="65"/>
      <c r="R5451" s="76"/>
      <c r="S5451" s="76"/>
      <c r="T5451" s="76"/>
      <c r="U5451" s="76"/>
      <c r="V5451" s="76"/>
      <c r="W5451" s="76"/>
      <c r="X5451" s="76"/>
      <c r="Y5451" s="76"/>
      <c r="Z5451" s="76"/>
      <c r="AA5451" s="85"/>
      <c r="AB5451" s="85"/>
      <c r="AC5451" s="85"/>
      <c r="AD5451" s="85"/>
      <c r="AE5451" s="85"/>
      <c r="AF5451" s="85"/>
      <c r="AG5451" s="86"/>
      <c r="AH5451" s="85"/>
      <c r="AI5451" s="85"/>
      <c r="AJ5451" s="85"/>
      <c r="AK5451" s="85"/>
      <c r="AL5451" s="85"/>
      <c r="AM5451" s="92"/>
      <c r="AN5451" s="92"/>
      <c r="AO5451" s="92"/>
      <c r="AP5451" s="92"/>
      <c r="AQ5451" s="92"/>
      <c r="AR5451" s="92"/>
      <c r="AS5451" s="92"/>
      <c r="AT5451" s="92"/>
      <c r="AU5451" s="92"/>
      <c r="AV5451" s="92"/>
      <c r="AW5451" s="92"/>
      <c r="AX5451" s="92"/>
      <c r="AY5451" s="92"/>
      <c r="AZ5451" s="93"/>
      <c r="BA5451" s="93"/>
      <c r="BB5451" s="93"/>
      <c r="BC5451" s="93"/>
      <c r="BD5451" s="93"/>
      <c r="BE5451" s="93"/>
      <c r="BF5451" s="93"/>
      <c r="BG5451" s="93"/>
      <c r="BH5451" s="93"/>
      <c r="BI5451" s="93"/>
      <c r="BJ5451" s="93"/>
      <c r="BK5451" s="93"/>
      <c r="BL5451" s="93"/>
    </row>
    <row r="5452" spans="2:64" x14ac:dyDescent="0.2">
      <c r="B5452" s="43"/>
      <c r="C5452" s="73"/>
      <c r="D5452" s="64"/>
      <c r="E5452" s="55"/>
      <c r="F5452" s="74"/>
      <c r="G5452" s="74"/>
      <c r="H5452" s="74"/>
      <c r="I5452" s="75"/>
      <c r="J5452" s="74"/>
      <c r="L5452" s="55"/>
      <c r="M5452" s="234"/>
      <c r="N5452" s="65"/>
      <c r="O5452" s="76"/>
      <c r="P5452" s="76"/>
      <c r="Q5452" s="65"/>
      <c r="R5452" s="76"/>
      <c r="S5452" s="76"/>
      <c r="T5452" s="76"/>
      <c r="U5452" s="76"/>
      <c r="V5452" s="76"/>
      <c r="W5452" s="76"/>
      <c r="X5452" s="76"/>
      <c r="Y5452" s="76"/>
      <c r="Z5452" s="76"/>
      <c r="AA5452" s="85"/>
      <c r="AB5452" s="85"/>
      <c r="AC5452" s="85"/>
      <c r="AD5452" s="85"/>
      <c r="AE5452" s="85"/>
      <c r="AF5452" s="85"/>
      <c r="AG5452" s="86"/>
      <c r="AH5452" s="85"/>
      <c r="AI5452" s="85"/>
      <c r="AJ5452" s="85"/>
      <c r="AK5452" s="85"/>
      <c r="AL5452" s="85"/>
      <c r="AM5452" s="92"/>
      <c r="AN5452" s="92"/>
      <c r="AO5452" s="92"/>
      <c r="AP5452" s="92"/>
      <c r="AQ5452" s="92"/>
      <c r="AR5452" s="92"/>
      <c r="AS5452" s="92"/>
      <c r="AT5452" s="92"/>
      <c r="AU5452" s="92"/>
      <c r="AV5452" s="92"/>
      <c r="AW5452" s="92"/>
      <c r="AX5452" s="92"/>
      <c r="AY5452" s="92"/>
      <c r="AZ5452" s="93"/>
      <c r="BA5452" s="93"/>
      <c r="BB5452" s="93"/>
      <c r="BC5452" s="93"/>
      <c r="BD5452" s="93"/>
      <c r="BE5452" s="93"/>
      <c r="BF5452" s="93"/>
      <c r="BG5452" s="93"/>
      <c r="BH5452" s="93"/>
      <c r="BI5452" s="93"/>
      <c r="BJ5452" s="93"/>
      <c r="BK5452" s="93"/>
      <c r="BL5452" s="93"/>
    </row>
    <row r="5453" spans="2:64" x14ac:dyDescent="0.2">
      <c r="B5453" s="43"/>
      <c r="C5453" s="73"/>
      <c r="D5453" s="64"/>
      <c r="E5453" s="55"/>
      <c r="F5453" s="74"/>
      <c r="G5453" s="74"/>
      <c r="H5453" s="74"/>
      <c r="I5453" s="75"/>
      <c r="J5453" s="74"/>
      <c r="L5453" s="55"/>
      <c r="M5453" s="234"/>
      <c r="N5453" s="65"/>
      <c r="O5453" s="76"/>
      <c r="P5453" s="76"/>
      <c r="Q5453" s="65"/>
      <c r="R5453" s="76"/>
      <c r="S5453" s="76"/>
      <c r="T5453" s="76"/>
      <c r="U5453" s="76"/>
      <c r="V5453" s="76"/>
      <c r="W5453" s="76"/>
      <c r="X5453" s="76"/>
      <c r="Y5453" s="76"/>
      <c r="Z5453" s="76"/>
      <c r="AA5453" s="85"/>
      <c r="AB5453" s="85"/>
      <c r="AC5453" s="85"/>
      <c r="AD5453" s="85"/>
      <c r="AE5453" s="85"/>
      <c r="AF5453" s="85"/>
      <c r="AG5453" s="86"/>
      <c r="AH5453" s="85"/>
      <c r="AI5453" s="85"/>
      <c r="AJ5453" s="85"/>
      <c r="AK5453" s="85"/>
      <c r="AL5453" s="85"/>
      <c r="AM5453" s="92"/>
      <c r="AN5453" s="92"/>
      <c r="AO5453" s="92"/>
      <c r="AP5453" s="92"/>
      <c r="AQ5453" s="92"/>
      <c r="AR5453" s="92"/>
      <c r="AS5453" s="92"/>
      <c r="AT5453" s="92"/>
      <c r="AU5453" s="92"/>
      <c r="AV5453" s="92"/>
      <c r="AW5453" s="92"/>
      <c r="AX5453" s="92"/>
      <c r="AY5453" s="92"/>
      <c r="AZ5453" s="93"/>
      <c r="BA5453" s="93"/>
      <c r="BB5453" s="93"/>
      <c r="BC5453" s="93"/>
      <c r="BD5453" s="93"/>
      <c r="BE5453" s="93"/>
      <c r="BF5453" s="93"/>
      <c r="BG5453" s="93"/>
      <c r="BH5453" s="93"/>
      <c r="BI5453" s="93"/>
      <c r="BJ5453" s="93"/>
      <c r="BK5453" s="93"/>
      <c r="BL5453" s="93"/>
    </row>
    <row r="5454" spans="2:64" x14ac:dyDescent="0.2">
      <c r="B5454" s="43"/>
      <c r="C5454" s="73"/>
      <c r="D5454" s="64"/>
      <c r="E5454" s="55"/>
      <c r="F5454" s="74"/>
      <c r="G5454" s="74"/>
      <c r="H5454" s="74"/>
      <c r="I5454" s="75"/>
      <c r="J5454" s="74"/>
      <c r="L5454" s="55"/>
      <c r="M5454" s="234"/>
      <c r="N5454" s="65"/>
      <c r="O5454" s="76"/>
      <c r="P5454" s="76"/>
      <c r="Q5454" s="65"/>
      <c r="R5454" s="76"/>
      <c r="S5454" s="76"/>
      <c r="T5454" s="76"/>
      <c r="U5454" s="76"/>
      <c r="V5454" s="76"/>
      <c r="W5454" s="76"/>
      <c r="X5454" s="76"/>
      <c r="Y5454" s="76"/>
      <c r="Z5454" s="76"/>
      <c r="AA5454" s="85"/>
      <c r="AB5454" s="85"/>
      <c r="AC5454" s="85"/>
      <c r="AD5454" s="85"/>
      <c r="AE5454" s="85"/>
      <c r="AF5454" s="85"/>
      <c r="AG5454" s="86"/>
      <c r="AH5454" s="85"/>
      <c r="AI5454" s="85"/>
      <c r="AJ5454" s="85"/>
      <c r="AK5454" s="85"/>
      <c r="AL5454" s="85"/>
      <c r="AM5454" s="92"/>
      <c r="AN5454" s="92"/>
      <c r="AO5454" s="92"/>
      <c r="AP5454" s="92"/>
      <c r="AQ5454" s="92"/>
      <c r="AR5454" s="92"/>
      <c r="AS5454" s="92"/>
      <c r="AT5454" s="92"/>
      <c r="AU5454" s="92"/>
      <c r="AV5454" s="92"/>
      <c r="AW5454" s="92"/>
      <c r="AX5454" s="92"/>
      <c r="AY5454" s="92"/>
      <c r="AZ5454" s="93"/>
      <c r="BA5454" s="93"/>
      <c r="BB5454" s="93"/>
      <c r="BC5454" s="93"/>
      <c r="BD5454" s="93"/>
      <c r="BE5454" s="93"/>
      <c r="BF5454" s="93"/>
      <c r="BG5454" s="93"/>
      <c r="BH5454" s="93"/>
      <c r="BI5454" s="93"/>
      <c r="BJ5454" s="93"/>
      <c r="BK5454" s="93"/>
      <c r="BL5454" s="93"/>
    </row>
    <row r="5455" spans="2:64" x14ac:dyDescent="0.2">
      <c r="B5455" s="43"/>
      <c r="C5455" s="73"/>
      <c r="D5455" s="64"/>
      <c r="E5455" s="55"/>
      <c r="F5455" s="74"/>
      <c r="G5455" s="74"/>
      <c r="H5455" s="74"/>
      <c r="I5455" s="75"/>
      <c r="J5455" s="74"/>
      <c r="L5455" s="55"/>
      <c r="M5455" s="234"/>
      <c r="N5455" s="65"/>
      <c r="O5455" s="76"/>
      <c r="P5455" s="76"/>
      <c r="Q5455" s="65"/>
      <c r="R5455" s="76"/>
      <c r="S5455" s="76"/>
      <c r="T5455" s="76"/>
      <c r="U5455" s="76"/>
      <c r="V5455" s="76"/>
      <c r="W5455" s="76"/>
      <c r="X5455" s="76"/>
      <c r="Y5455" s="76"/>
      <c r="Z5455" s="76"/>
      <c r="AA5455" s="85"/>
      <c r="AB5455" s="85"/>
      <c r="AC5455" s="85"/>
      <c r="AD5455" s="85"/>
      <c r="AE5455" s="85"/>
      <c r="AF5455" s="85"/>
      <c r="AG5455" s="86"/>
      <c r="AH5455" s="85"/>
      <c r="AI5455" s="85"/>
      <c r="AJ5455" s="85"/>
      <c r="AK5455" s="85"/>
      <c r="AL5455" s="85"/>
      <c r="AM5455" s="92"/>
      <c r="AN5455" s="92"/>
      <c r="AO5455" s="92"/>
      <c r="AP5455" s="92"/>
      <c r="AQ5455" s="92"/>
      <c r="AR5455" s="92"/>
      <c r="AS5455" s="92"/>
      <c r="AT5455" s="92"/>
      <c r="AU5455" s="92"/>
      <c r="AV5455" s="92"/>
      <c r="AW5455" s="92"/>
      <c r="AX5455" s="92"/>
      <c r="AY5455" s="92"/>
      <c r="AZ5455" s="93"/>
      <c r="BA5455" s="93"/>
      <c r="BB5455" s="93"/>
      <c r="BC5455" s="93"/>
      <c r="BD5455" s="93"/>
      <c r="BE5455" s="93"/>
      <c r="BF5455" s="93"/>
      <c r="BG5455" s="93"/>
      <c r="BH5455" s="93"/>
      <c r="BI5455" s="93"/>
      <c r="BJ5455" s="93"/>
      <c r="BK5455" s="93"/>
      <c r="BL5455" s="93"/>
    </row>
    <row r="5456" spans="2:64" x14ac:dyDescent="0.2">
      <c r="B5456" s="43"/>
      <c r="C5456" s="73"/>
      <c r="D5456" s="64"/>
      <c r="E5456" s="55"/>
      <c r="F5456" s="74"/>
      <c r="G5456" s="74"/>
      <c r="H5456" s="74"/>
      <c r="I5456" s="75"/>
      <c r="J5456" s="74"/>
      <c r="L5456" s="55"/>
      <c r="M5456" s="234"/>
      <c r="N5456" s="65"/>
      <c r="O5456" s="76"/>
      <c r="P5456" s="76"/>
      <c r="Q5456" s="65"/>
      <c r="R5456" s="76"/>
      <c r="S5456" s="76"/>
      <c r="T5456" s="76"/>
      <c r="U5456" s="76"/>
      <c r="V5456" s="76"/>
      <c r="W5456" s="76"/>
      <c r="X5456" s="76"/>
      <c r="Y5456" s="76"/>
      <c r="Z5456" s="76"/>
      <c r="AA5456" s="85"/>
      <c r="AB5456" s="85"/>
      <c r="AC5456" s="85"/>
      <c r="AD5456" s="85"/>
      <c r="AE5456" s="85"/>
      <c r="AF5456" s="85"/>
      <c r="AG5456" s="86"/>
      <c r="AH5456" s="85"/>
      <c r="AI5456" s="85"/>
      <c r="AJ5456" s="85"/>
      <c r="AK5456" s="85"/>
      <c r="AL5456" s="85"/>
      <c r="AM5456" s="92"/>
      <c r="AN5456" s="92"/>
      <c r="AO5456" s="92"/>
      <c r="AP5456" s="92"/>
      <c r="AQ5456" s="92"/>
      <c r="AR5456" s="92"/>
      <c r="AS5456" s="92"/>
      <c r="AT5456" s="92"/>
      <c r="AU5456" s="92"/>
      <c r="AV5456" s="92"/>
      <c r="AW5456" s="92"/>
      <c r="AX5456" s="92"/>
      <c r="AY5456" s="92"/>
      <c r="AZ5456" s="93"/>
      <c r="BA5456" s="93"/>
      <c r="BB5456" s="93"/>
      <c r="BC5456" s="93"/>
      <c r="BD5456" s="93"/>
      <c r="BE5456" s="93"/>
      <c r="BF5456" s="93"/>
      <c r="BG5456" s="93"/>
      <c r="BH5456" s="93"/>
      <c r="BI5456" s="93"/>
      <c r="BJ5456" s="93"/>
      <c r="BK5456" s="93"/>
      <c r="BL5456" s="93"/>
    </row>
    <row r="5457" spans="2:64" x14ac:dyDescent="0.2">
      <c r="B5457" s="43"/>
      <c r="C5457" s="73"/>
      <c r="D5457" s="64"/>
      <c r="E5457" s="55"/>
      <c r="F5457" s="74"/>
      <c r="G5457" s="74"/>
      <c r="H5457" s="74"/>
      <c r="I5457" s="75"/>
      <c r="J5457" s="74"/>
      <c r="L5457" s="55"/>
      <c r="M5457" s="234"/>
      <c r="N5457" s="65"/>
      <c r="O5457" s="76"/>
      <c r="P5457" s="76"/>
      <c r="Q5457" s="65"/>
      <c r="R5457" s="76"/>
      <c r="S5457" s="76"/>
      <c r="T5457" s="76"/>
      <c r="U5457" s="76"/>
      <c r="V5457" s="76"/>
      <c r="W5457" s="76"/>
      <c r="X5457" s="76"/>
      <c r="Y5457" s="76"/>
      <c r="Z5457" s="76"/>
      <c r="AA5457" s="85"/>
      <c r="AB5457" s="85"/>
      <c r="AC5457" s="85"/>
      <c r="AD5457" s="85"/>
      <c r="AE5457" s="85"/>
      <c r="AF5457" s="85"/>
      <c r="AG5457" s="86"/>
      <c r="AH5457" s="85"/>
      <c r="AI5457" s="85"/>
      <c r="AJ5457" s="85"/>
      <c r="AK5457" s="85"/>
      <c r="AL5457" s="85"/>
      <c r="AM5457" s="92"/>
      <c r="AN5457" s="92"/>
      <c r="AO5457" s="92"/>
      <c r="AP5457" s="92"/>
      <c r="AQ5457" s="92"/>
      <c r="AR5457" s="92"/>
      <c r="AS5457" s="92"/>
      <c r="AT5457" s="92"/>
      <c r="AU5457" s="92"/>
      <c r="AV5457" s="92"/>
      <c r="AW5457" s="92"/>
      <c r="AX5457" s="92"/>
      <c r="AY5457" s="92"/>
      <c r="AZ5457" s="93"/>
      <c r="BA5457" s="93"/>
      <c r="BB5457" s="93"/>
      <c r="BC5457" s="93"/>
      <c r="BD5457" s="93"/>
      <c r="BE5457" s="93"/>
      <c r="BF5457" s="93"/>
      <c r="BG5457" s="93"/>
      <c r="BH5457" s="93"/>
      <c r="BI5457" s="93"/>
      <c r="BJ5457" s="93"/>
      <c r="BK5457" s="93"/>
      <c r="BL5457" s="93"/>
    </row>
    <row r="5458" spans="2:64" x14ac:dyDescent="0.2">
      <c r="B5458" s="43"/>
      <c r="C5458" s="73"/>
      <c r="D5458" s="64"/>
      <c r="E5458" s="55"/>
      <c r="F5458" s="74"/>
      <c r="G5458" s="74"/>
      <c r="H5458" s="74"/>
      <c r="I5458" s="75"/>
      <c r="J5458" s="74"/>
      <c r="L5458" s="55"/>
      <c r="M5458" s="234"/>
      <c r="N5458" s="65"/>
      <c r="O5458" s="76"/>
      <c r="P5458" s="76"/>
      <c r="Q5458" s="65"/>
      <c r="R5458" s="76"/>
      <c r="S5458" s="76"/>
      <c r="T5458" s="76"/>
      <c r="U5458" s="76"/>
      <c r="V5458" s="76"/>
      <c r="W5458" s="76"/>
      <c r="X5458" s="76"/>
      <c r="Y5458" s="76"/>
      <c r="Z5458" s="76"/>
      <c r="AA5458" s="85"/>
      <c r="AB5458" s="85"/>
      <c r="AC5458" s="85"/>
      <c r="AD5458" s="85"/>
      <c r="AE5458" s="85"/>
      <c r="AF5458" s="85"/>
      <c r="AG5458" s="86"/>
      <c r="AH5458" s="85"/>
      <c r="AI5458" s="85"/>
      <c r="AJ5458" s="85"/>
      <c r="AK5458" s="85"/>
      <c r="AL5458" s="85"/>
      <c r="AM5458" s="92"/>
      <c r="AN5458" s="92"/>
      <c r="AO5458" s="92"/>
      <c r="AP5458" s="92"/>
      <c r="AQ5458" s="92"/>
      <c r="AR5458" s="92"/>
      <c r="AS5458" s="92"/>
      <c r="AT5458" s="92"/>
      <c r="AU5458" s="92"/>
      <c r="AV5458" s="92"/>
      <c r="AW5458" s="92"/>
      <c r="AX5458" s="92"/>
      <c r="AY5458" s="92"/>
      <c r="AZ5458" s="93"/>
      <c r="BA5458" s="93"/>
      <c r="BB5458" s="93"/>
      <c r="BC5458" s="93"/>
      <c r="BD5458" s="93"/>
      <c r="BE5458" s="93"/>
      <c r="BF5458" s="93"/>
      <c r="BG5458" s="93"/>
      <c r="BH5458" s="93"/>
      <c r="BI5458" s="93"/>
      <c r="BJ5458" s="93"/>
      <c r="BK5458" s="93"/>
      <c r="BL5458" s="93"/>
    </row>
    <row r="5459" spans="2:64" x14ac:dyDescent="0.2">
      <c r="B5459" s="43"/>
      <c r="C5459" s="73"/>
      <c r="D5459" s="64"/>
      <c r="E5459" s="55"/>
      <c r="F5459" s="74"/>
      <c r="G5459" s="74"/>
      <c r="H5459" s="74"/>
      <c r="I5459" s="75"/>
      <c r="J5459" s="74"/>
      <c r="L5459" s="55"/>
      <c r="M5459" s="234"/>
      <c r="N5459" s="65"/>
      <c r="O5459" s="76"/>
      <c r="P5459" s="76"/>
      <c r="Q5459" s="65"/>
      <c r="R5459" s="76"/>
      <c r="S5459" s="76"/>
      <c r="T5459" s="76"/>
      <c r="U5459" s="76"/>
      <c r="V5459" s="76"/>
      <c r="W5459" s="76"/>
      <c r="X5459" s="76"/>
      <c r="Y5459" s="76"/>
      <c r="Z5459" s="76"/>
      <c r="AA5459" s="85"/>
      <c r="AB5459" s="85"/>
      <c r="AC5459" s="85"/>
      <c r="AD5459" s="85"/>
      <c r="AE5459" s="85"/>
      <c r="AF5459" s="85"/>
      <c r="AG5459" s="86"/>
      <c r="AH5459" s="85"/>
      <c r="AI5459" s="85"/>
      <c r="AJ5459" s="85"/>
      <c r="AK5459" s="85"/>
      <c r="AL5459" s="85"/>
      <c r="AM5459" s="92"/>
      <c r="AN5459" s="92"/>
      <c r="AO5459" s="92"/>
      <c r="AP5459" s="92"/>
      <c r="AQ5459" s="92"/>
      <c r="AR5459" s="92"/>
      <c r="AS5459" s="92"/>
      <c r="AT5459" s="92"/>
      <c r="AU5459" s="92"/>
      <c r="AV5459" s="92"/>
      <c r="AW5459" s="92"/>
      <c r="AX5459" s="92"/>
      <c r="AY5459" s="92"/>
      <c r="AZ5459" s="93"/>
      <c r="BA5459" s="93"/>
      <c r="BB5459" s="93"/>
      <c r="BC5459" s="93"/>
      <c r="BD5459" s="93"/>
      <c r="BE5459" s="93"/>
      <c r="BF5459" s="93"/>
      <c r="BG5459" s="93"/>
      <c r="BH5459" s="93"/>
      <c r="BI5459" s="93"/>
      <c r="BJ5459" s="93"/>
      <c r="BK5459" s="93"/>
      <c r="BL5459" s="93"/>
    </row>
    <row r="5460" spans="2:64" x14ac:dyDescent="0.2">
      <c r="B5460" s="43"/>
      <c r="C5460" s="73"/>
      <c r="D5460" s="64"/>
      <c r="E5460" s="55"/>
      <c r="F5460" s="74"/>
      <c r="G5460" s="74"/>
      <c r="H5460" s="74"/>
      <c r="I5460" s="75"/>
      <c r="J5460" s="74"/>
      <c r="L5460" s="55"/>
      <c r="M5460" s="234"/>
      <c r="N5460" s="65"/>
      <c r="O5460" s="76"/>
      <c r="P5460" s="76"/>
      <c r="Q5460" s="65"/>
      <c r="R5460" s="76"/>
      <c r="S5460" s="76"/>
      <c r="T5460" s="76"/>
      <c r="U5460" s="76"/>
      <c r="V5460" s="76"/>
      <c r="W5460" s="76"/>
      <c r="X5460" s="76"/>
      <c r="Y5460" s="76"/>
      <c r="Z5460" s="76"/>
      <c r="AA5460" s="85"/>
      <c r="AB5460" s="85"/>
      <c r="AC5460" s="85"/>
      <c r="AD5460" s="85"/>
      <c r="AE5460" s="85"/>
      <c r="AF5460" s="85"/>
      <c r="AG5460" s="86"/>
      <c r="AH5460" s="85"/>
      <c r="AI5460" s="85"/>
      <c r="AJ5460" s="85"/>
      <c r="AK5460" s="85"/>
      <c r="AL5460" s="85"/>
      <c r="AM5460" s="92"/>
      <c r="AN5460" s="92"/>
      <c r="AO5460" s="92"/>
      <c r="AP5460" s="92"/>
      <c r="AQ5460" s="92"/>
      <c r="AR5460" s="92"/>
      <c r="AS5460" s="92"/>
      <c r="AT5460" s="92"/>
      <c r="AU5460" s="92"/>
      <c r="AV5460" s="92"/>
      <c r="AW5460" s="92"/>
      <c r="AX5460" s="92"/>
      <c r="AY5460" s="92"/>
      <c r="AZ5460" s="93"/>
      <c r="BA5460" s="93"/>
      <c r="BB5460" s="93"/>
      <c r="BC5460" s="93"/>
      <c r="BD5460" s="93"/>
      <c r="BE5460" s="93"/>
      <c r="BF5460" s="93"/>
      <c r="BG5460" s="93"/>
      <c r="BH5460" s="93"/>
      <c r="BI5460" s="93"/>
      <c r="BJ5460" s="93"/>
      <c r="BK5460" s="93"/>
      <c r="BL5460" s="93"/>
    </row>
    <row r="5461" spans="2:64" x14ac:dyDescent="0.2">
      <c r="B5461" s="43"/>
      <c r="C5461" s="73"/>
      <c r="D5461" s="64"/>
      <c r="E5461" s="55"/>
      <c r="F5461" s="74"/>
      <c r="G5461" s="74"/>
      <c r="H5461" s="74"/>
      <c r="I5461" s="75"/>
      <c r="J5461" s="74"/>
      <c r="L5461" s="55"/>
      <c r="M5461" s="234"/>
      <c r="N5461" s="65"/>
      <c r="O5461" s="76"/>
      <c r="P5461" s="76"/>
      <c r="Q5461" s="65"/>
      <c r="R5461" s="76"/>
      <c r="S5461" s="76"/>
      <c r="T5461" s="76"/>
      <c r="U5461" s="76"/>
      <c r="V5461" s="76"/>
      <c r="W5461" s="76"/>
      <c r="X5461" s="76"/>
      <c r="Y5461" s="76"/>
      <c r="Z5461" s="76"/>
      <c r="AA5461" s="85"/>
      <c r="AB5461" s="85"/>
      <c r="AC5461" s="85"/>
      <c r="AD5461" s="85"/>
      <c r="AE5461" s="85"/>
      <c r="AF5461" s="85"/>
      <c r="AG5461" s="86"/>
      <c r="AH5461" s="85"/>
      <c r="AI5461" s="85"/>
      <c r="AJ5461" s="85"/>
      <c r="AK5461" s="85"/>
      <c r="AL5461" s="85"/>
      <c r="AM5461" s="92"/>
      <c r="AN5461" s="92"/>
      <c r="AO5461" s="92"/>
      <c r="AP5461" s="92"/>
      <c r="AQ5461" s="92"/>
      <c r="AR5461" s="92"/>
      <c r="AS5461" s="92"/>
      <c r="AT5461" s="92"/>
      <c r="AU5461" s="92"/>
      <c r="AV5461" s="92"/>
      <c r="AW5461" s="92"/>
      <c r="AX5461" s="92"/>
      <c r="AY5461" s="92"/>
      <c r="AZ5461" s="93"/>
      <c r="BA5461" s="93"/>
      <c r="BB5461" s="93"/>
      <c r="BC5461" s="93"/>
      <c r="BD5461" s="93"/>
      <c r="BE5461" s="93"/>
      <c r="BF5461" s="93"/>
      <c r="BG5461" s="93"/>
      <c r="BH5461" s="93"/>
      <c r="BI5461" s="93"/>
      <c r="BJ5461" s="93"/>
      <c r="BK5461" s="93"/>
      <c r="BL5461" s="93"/>
    </row>
    <row r="5462" spans="2:64" x14ac:dyDescent="0.2">
      <c r="B5462" s="43"/>
      <c r="C5462" s="73"/>
      <c r="D5462" s="64"/>
      <c r="E5462" s="55"/>
      <c r="F5462" s="74"/>
      <c r="G5462" s="74"/>
      <c r="H5462" s="74"/>
      <c r="I5462" s="75"/>
      <c r="J5462" s="74"/>
      <c r="L5462" s="55"/>
      <c r="M5462" s="234"/>
      <c r="N5462" s="65"/>
      <c r="O5462" s="76"/>
      <c r="P5462" s="76"/>
      <c r="Q5462" s="65"/>
      <c r="R5462" s="76"/>
      <c r="S5462" s="76"/>
      <c r="T5462" s="76"/>
      <c r="U5462" s="76"/>
      <c r="V5462" s="76"/>
      <c r="W5462" s="76"/>
      <c r="X5462" s="76"/>
      <c r="Y5462" s="76"/>
      <c r="Z5462" s="76"/>
      <c r="AA5462" s="85"/>
      <c r="AB5462" s="85"/>
      <c r="AC5462" s="85"/>
      <c r="AD5462" s="85"/>
      <c r="AE5462" s="85"/>
      <c r="AF5462" s="85"/>
      <c r="AG5462" s="86"/>
      <c r="AH5462" s="85"/>
      <c r="AI5462" s="85"/>
      <c r="AJ5462" s="85"/>
      <c r="AK5462" s="85"/>
      <c r="AL5462" s="85"/>
      <c r="AM5462" s="92"/>
      <c r="AN5462" s="92"/>
      <c r="AO5462" s="92"/>
      <c r="AP5462" s="92"/>
      <c r="AQ5462" s="92"/>
      <c r="AR5462" s="92"/>
      <c r="AS5462" s="92"/>
      <c r="AT5462" s="92"/>
      <c r="AU5462" s="92"/>
      <c r="AV5462" s="92"/>
      <c r="AW5462" s="92"/>
      <c r="AX5462" s="92"/>
      <c r="AY5462" s="92"/>
      <c r="AZ5462" s="93"/>
      <c r="BA5462" s="93"/>
      <c r="BB5462" s="93"/>
      <c r="BC5462" s="93"/>
      <c r="BD5462" s="93"/>
      <c r="BE5462" s="93"/>
      <c r="BF5462" s="93"/>
      <c r="BG5462" s="93"/>
      <c r="BH5462" s="93"/>
      <c r="BI5462" s="93"/>
      <c r="BJ5462" s="93"/>
      <c r="BK5462" s="93"/>
      <c r="BL5462" s="93"/>
    </row>
    <row r="5463" spans="2:64" x14ac:dyDescent="0.2">
      <c r="B5463" s="43"/>
      <c r="C5463" s="73"/>
      <c r="D5463" s="64"/>
      <c r="E5463" s="55"/>
      <c r="F5463" s="74"/>
      <c r="G5463" s="74"/>
      <c r="H5463" s="74"/>
      <c r="I5463" s="75"/>
      <c r="J5463" s="74"/>
      <c r="L5463" s="55"/>
      <c r="M5463" s="234"/>
      <c r="N5463" s="65"/>
      <c r="O5463" s="76"/>
      <c r="P5463" s="76"/>
      <c r="Q5463" s="65"/>
      <c r="R5463" s="76"/>
      <c r="S5463" s="76"/>
      <c r="T5463" s="76"/>
      <c r="U5463" s="76"/>
      <c r="V5463" s="76"/>
      <c r="W5463" s="76"/>
      <c r="X5463" s="76"/>
      <c r="Y5463" s="76"/>
      <c r="Z5463" s="76"/>
      <c r="AA5463" s="85"/>
      <c r="AB5463" s="85"/>
      <c r="AC5463" s="85"/>
      <c r="AD5463" s="85"/>
      <c r="AE5463" s="85"/>
      <c r="AF5463" s="85"/>
      <c r="AG5463" s="86"/>
      <c r="AH5463" s="85"/>
      <c r="AI5463" s="85"/>
      <c r="AJ5463" s="85"/>
      <c r="AK5463" s="85"/>
      <c r="AL5463" s="85"/>
      <c r="AM5463" s="92"/>
      <c r="AN5463" s="92"/>
      <c r="AO5463" s="92"/>
      <c r="AP5463" s="92"/>
      <c r="AQ5463" s="92"/>
      <c r="AR5463" s="92"/>
      <c r="AS5463" s="92"/>
      <c r="AT5463" s="92"/>
      <c r="AU5463" s="92"/>
      <c r="AV5463" s="92"/>
      <c r="AW5463" s="92"/>
      <c r="AX5463" s="92"/>
      <c r="AY5463" s="92"/>
      <c r="AZ5463" s="93"/>
      <c r="BA5463" s="93"/>
      <c r="BB5463" s="93"/>
      <c r="BC5463" s="93"/>
      <c r="BD5463" s="93"/>
      <c r="BE5463" s="93"/>
      <c r="BF5463" s="93"/>
      <c r="BG5463" s="93"/>
      <c r="BH5463" s="93"/>
      <c r="BI5463" s="93"/>
      <c r="BJ5463" s="93"/>
      <c r="BK5463" s="93"/>
      <c r="BL5463" s="93"/>
    </row>
    <row r="5464" spans="2:64" x14ac:dyDescent="0.2">
      <c r="B5464" s="43"/>
      <c r="C5464" s="73"/>
      <c r="D5464" s="64"/>
      <c r="E5464" s="55"/>
      <c r="F5464" s="74"/>
      <c r="G5464" s="74"/>
      <c r="H5464" s="74"/>
      <c r="I5464" s="75"/>
      <c r="J5464" s="74"/>
      <c r="L5464" s="55"/>
      <c r="M5464" s="234"/>
      <c r="N5464" s="65"/>
      <c r="O5464" s="76"/>
      <c r="P5464" s="76"/>
      <c r="Q5464" s="65"/>
      <c r="R5464" s="76"/>
      <c r="S5464" s="76"/>
      <c r="T5464" s="76"/>
      <c r="U5464" s="76"/>
      <c r="V5464" s="76"/>
      <c r="W5464" s="76"/>
      <c r="X5464" s="76"/>
      <c r="Y5464" s="76"/>
      <c r="Z5464" s="76"/>
      <c r="AA5464" s="85"/>
      <c r="AB5464" s="85"/>
      <c r="AC5464" s="85"/>
      <c r="AD5464" s="85"/>
      <c r="AE5464" s="85"/>
      <c r="AF5464" s="85"/>
      <c r="AG5464" s="86"/>
      <c r="AH5464" s="85"/>
      <c r="AI5464" s="85"/>
      <c r="AJ5464" s="85"/>
      <c r="AK5464" s="85"/>
      <c r="AL5464" s="85"/>
      <c r="AM5464" s="92"/>
      <c r="AN5464" s="92"/>
      <c r="AO5464" s="92"/>
      <c r="AP5464" s="92"/>
      <c r="AQ5464" s="92"/>
      <c r="AR5464" s="92"/>
      <c r="AS5464" s="92"/>
      <c r="AT5464" s="92"/>
      <c r="AU5464" s="92"/>
      <c r="AV5464" s="92"/>
      <c r="AW5464" s="92"/>
      <c r="AX5464" s="92"/>
      <c r="AY5464" s="92"/>
      <c r="AZ5464" s="93"/>
      <c r="BA5464" s="93"/>
      <c r="BB5464" s="93"/>
      <c r="BC5464" s="93"/>
      <c r="BD5464" s="93"/>
      <c r="BE5464" s="93"/>
      <c r="BF5464" s="93"/>
      <c r="BG5464" s="93"/>
      <c r="BH5464" s="93"/>
      <c r="BI5464" s="93"/>
      <c r="BJ5464" s="93"/>
      <c r="BK5464" s="93"/>
      <c r="BL5464" s="93"/>
    </row>
    <row r="5465" spans="2:64" x14ac:dyDescent="0.2">
      <c r="B5465" s="43"/>
      <c r="C5465" s="73"/>
      <c r="D5465" s="64"/>
      <c r="E5465" s="55"/>
      <c r="F5465" s="74"/>
      <c r="G5465" s="74"/>
      <c r="H5465" s="74"/>
      <c r="I5465" s="75"/>
      <c r="J5465" s="74"/>
      <c r="L5465" s="55"/>
      <c r="M5465" s="234"/>
      <c r="N5465" s="65"/>
      <c r="O5465" s="76"/>
      <c r="P5465" s="76"/>
      <c r="Q5465" s="65"/>
      <c r="R5465" s="76"/>
      <c r="S5465" s="76"/>
      <c r="T5465" s="76"/>
      <c r="U5465" s="76"/>
      <c r="V5465" s="76"/>
      <c r="W5465" s="76"/>
      <c r="X5465" s="76"/>
      <c r="Y5465" s="76"/>
      <c r="Z5465" s="76"/>
      <c r="AA5465" s="85"/>
      <c r="AB5465" s="85"/>
      <c r="AC5465" s="85"/>
      <c r="AD5465" s="85"/>
      <c r="AE5465" s="85"/>
      <c r="AF5465" s="85"/>
      <c r="AG5465" s="86"/>
      <c r="AH5465" s="85"/>
      <c r="AI5465" s="85"/>
      <c r="AJ5465" s="85"/>
      <c r="AK5465" s="85"/>
      <c r="AL5465" s="85"/>
      <c r="AM5465" s="92"/>
      <c r="AN5465" s="92"/>
      <c r="AO5465" s="92"/>
      <c r="AP5465" s="92"/>
      <c r="AQ5465" s="92"/>
      <c r="AR5465" s="92"/>
      <c r="AS5465" s="92"/>
      <c r="AT5465" s="92"/>
      <c r="AU5465" s="92"/>
      <c r="AV5465" s="92"/>
      <c r="AW5465" s="92"/>
      <c r="AX5465" s="92"/>
      <c r="AY5465" s="92"/>
      <c r="AZ5465" s="93"/>
      <c r="BA5465" s="93"/>
      <c r="BB5465" s="93"/>
      <c r="BC5465" s="93"/>
      <c r="BD5465" s="93"/>
      <c r="BE5465" s="93"/>
      <c r="BF5465" s="93"/>
      <c r="BG5465" s="93"/>
      <c r="BH5465" s="93"/>
      <c r="BI5465" s="93"/>
      <c r="BJ5465" s="93"/>
      <c r="BK5465" s="93"/>
      <c r="BL5465" s="93"/>
    </row>
    <row r="5466" spans="2:64" x14ac:dyDescent="0.2">
      <c r="B5466" s="43"/>
      <c r="C5466" s="73"/>
      <c r="D5466" s="64"/>
      <c r="E5466" s="55"/>
      <c r="F5466" s="74"/>
      <c r="G5466" s="74"/>
      <c r="H5466" s="74"/>
      <c r="I5466" s="75"/>
      <c r="J5466" s="74"/>
      <c r="L5466" s="55"/>
      <c r="M5466" s="234"/>
      <c r="N5466" s="65"/>
      <c r="O5466" s="76"/>
      <c r="P5466" s="76"/>
      <c r="Q5466" s="65"/>
      <c r="R5466" s="76"/>
      <c r="S5466" s="76"/>
      <c r="T5466" s="76"/>
      <c r="U5466" s="76"/>
      <c r="V5466" s="76"/>
      <c r="W5466" s="76"/>
      <c r="X5466" s="76"/>
      <c r="Y5466" s="76"/>
      <c r="Z5466" s="76"/>
      <c r="AA5466" s="85"/>
      <c r="AB5466" s="85"/>
      <c r="AC5466" s="85"/>
      <c r="AD5466" s="85"/>
      <c r="AE5466" s="85"/>
      <c r="AF5466" s="85"/>
      <c r="AG5466" s="86"/>
      <c r="AH5466" s="85"/>
      <c r="AI5466" s="85"/>
      <c r="AJ5466" s="85"/>
      <c r="AK5466" s="85"/>
      <c r="AL5466" s="85"/>
      <c r="AM5466" s="92"/>
      <c r="AN5466" s="92"/>
      <c r="AO5466" s="92"/>
      <c r="AP5466" s="92"/>
      <c r="AQ5466" s="92"/>
      <c r="AR5466" s="92"/>
      <c r="AS5466" s="92"/>
      <c r="AT5466" s="92"/>
      <c r="AU5466" s="92"/>
      <c r="AV5466" s="92"/>
      <c r="AW5466" s="92"/>
      <c r="AX5466" s="92"/>
      <c r="AY5466" s="92"/>
      <c r="AZ5466" s="93"/>
      <c r="BA5466" s="93"/>
      <c r="BB5466" s="93"/>
      <c r="BC5466" s="93"/>
      <c r="BD5466" s="93"/>
      <c r="BE5466" s="93"/>
      <c r="BF5466" s="93"/>
      <c r="BG5466" s="93"/>
      <c r="BH5466" s="93"/>
      <c r="BI5466" s="93"/>
      <c r="BJ5466" s="93"/>
      <c r="BK5466" s="93"/>
      <c r="BL5466" s="93"/>
    </row>
    <row r="5467" spans="2:64" x14ac:dyDescent="0.2">
      <c r="B5467" s="43"/>
      <c r="C5467" s="73"/>
      <c r="D5467" s="64"/>
      <c r="E5467" s="55"/>
      <c r="F5467" s="74"/>
      <c r="G5467" s="74"/>
      <c r="H5467" s="74"/>
      <c r="I5467" s="75"/>
      <c r="J5467" s="74"/>
      <c r="L5467" s="55"/>
      <c r="M5467" s="234"/>
      <c r="N5467" s="65"/>
      <c r="O5467" s="76"/>
      <c r="P5467" s="76"/>
      <c r="Q5467" s="65"/>
      <c r="R5467" s="76"/>
      <c r="S5467" s="76"/>
      <c r="T5467" s="76"/>
      <c r="U5467" s="76"/>
      <c r="V5467" s="76"/>
      <c r="W5467" s="76"/>
      <c r="X5467" s="76"/>
      <c r="Y5467" s="76"/>
      <c r="Z5467" s="76"/>
      <c r="AA5467" s="85"/>
      <c r="AB5467" s="85"/>
      <c r="AC5467" s="85"/>
      <c r="AD5467" s="85"/>
      <c r="AE5467" s="85"/>
      <c r="AF5467" s="85"/>
      <c r="AG5467" s="86"/>
      <c r="AH5467" s="85"/>
      <c r="AI5467" s="85"/>
      <c r="AJ5467" s="85"/>
      <c r="AK5467" s="85"/>
      <c r="AL5467" s="85"/>
      <c r="AM5467" s="92"/>
      <c r="AN5467" s="92"/>
      <c r="AO5467" s="92"/>
      <c r="AP5467" s="92"/>
      <c r="AQ5467" s="92"/>
      <c r="AR5467" s="92"/>
      <c r="AS5467" s="92"/>
      <c r="AT5467" s="92"/>
      <c r="AU5467" s="92"/>
      <c r="AV5467" s="92"/>
      <c r="AW5467" s="92"/>
      <c r="AX5467" s="92"/>
      <c r="AY5467" s="92"/>
      <c r="AZ5467" s="93"/>
      <c r="BA5467" s="93"/>
      <c r="BB5467" s="93"/>
      <c r="BC5467" s="93"/>
      <c r="BD5467" s="93"/>
      <c r="BE5467" s="93"/>
      <c r="BF5467" s="93"/>
      <c r="BG5467" s="93"/>
      <c r="BH5467" s="93"/>
      <c r="BI5467" s="93"/>
      <c r="BJ5467" s="93"/>
      <c r="BK5467" s="93"/>
      <c r="BL5467" s="93"/>
    </row>
    <row r="5468" spans="2:64" x14ac:dyDescent="0.2">
      <c r="B5468" s="43"/>
      <c r="C5468" s="73"/>
      <c r="D5468" s="64"/>
      <c r="E5468" s="55"/>
      <c r="F5468" s="74"/>
      <c r="G5468" s="74"/>
      <c r="H5468" s="74"/>
      <c r="I5468" s="75"/>
      <c r="J5468" s="74"/>
      <c r="L5468" s="55"/>
      <c r="M5468" s="234"/>
      <c r="N5468" s="65"/>
      <c r="O5468" s="76"/>
      <c r="P5468" s="76"/>
      <c r="Q5468" s="65"/>
      <c r="R5468" s="76"/>
      <c r="S5468" s="76"/>
      <c r="T5468" s="76"/>
      <c r="U5468" s="76"/>
      <c r="V5468" s="76"/>
      <c r="W5468" s="76"/>
      <c r="X5468" s="76"/>
      <c r="Y5468" s="76"/>
      <c r="Z5468" s="76"/>
      <c r="AA5468" s="85"/>
      <c r="AB5468" s="85"/>
      <c r="AC5468" s="85"/>
      <c r="AD5468" s="85"/>
      <c r="AE5468" s="85"/>
      <c r="AF5468" s="85"/>
      <c r="AG5468" s="86"/>
      <c r="AH5468" s="85"/>
      <c r="AI5468" s="85"/>
      <c r="AJ5468" s="85"/>
      <c r="AK5468" s="85"/>
      <c r="AL5468" s="85"/>
      <c r="AM5468" s="92"/>
      <c r="AN5468" s="92"/>
      <c r="AO5468" s="92"/>
      <c r="AP5468" s="92"/>
      <c r="AQ5468" s="92"/>
      <c r="AR5468" s="92"/>
      <c r="AS5468" s="92"/>
      <c r="AT5468" s="92"/>
      <c r="AU5468" s="92"/>
      <c r="AV5468" s="92"/>
      <c r="AW5468" s="92"/>
      <c r="AX5468" s="92"/>
      <c r="AY5468" s="92"/>
      <c r="AZ5468" s="93"/>
      <c r="BA5468" s="93"/>
      <c r="BB5468" s="93"/>
      <c r="BC5468" s="93"/>
      <c r="BD5468" s="93"/>
      <c r="BE5468" s="93"/>
      <c r="BF5468" s="93"/>
      <c r="BG5468" s="93"/>
      <c r="BH5468" s="93"/>
      <c r="BI5468" s="93"/>
      <c r="BJ5468" s="93"/>
      <c r="BK5468" s="93"/>
      <c r="BL5468" s="93"/>
    </row>
    <row r="5469" spans="2:64" x14ac:dyDescent="0.2">
      <c r="B5469" s="43"/>
      <c r="C5469" s="73"/>
      <c r="D5469" s="64"/>
      <c r="E5469" s="55"/>
      <c r="F5469" s="74"/>
      <c r="G5469" s="74"/>
      <c r="H5469" s="74"/>
      <c r="I5469" s="75"/>
      <c r="J5469" s="74"/>
      <c r="L5469" s="55"/>
      <c r="M5469" s="234"/>
      <c r="N5469" s="65"/>
      <c r="O5469" s="76"/>
      <c r="P5469" s="76"/>
      <c r="Q5469" s="65"/>
      <c r="R5469" s="76"/>
      <c r="S5469" s="76"/>
      <c r="T5469" s="76"/>
      <c r="U5469" s="76"/>
      <c r="V5469" s="76"/>
      <c r="W5469" s="76"/>
      <c r="X5469" s="76"/>
      <c r="Y5469" s="76"/>
      <c r="Z5469" s="76"/>
      <c r="AA5469" s="85"/>
      <c r="AB5469" s="85"/>
      <c r="AC5469" s="85"/>
      <c r="AD5469" s="85"/>
      <c r="AE5469" s="85"/>
      <c r="AF5469" s="85"/>
      <c r="AG5469" s="86"/>
      <c r="AH5469" s="85"/>
      <c r="AI5469" s="85"/>
      <c r="AJ5469" s="85"/>
      <c r="AK5469" s="85"/>
      <c r="AL5469" s="85"/>
      <c r="AM5469" s="92"/>
      <c r="AN5469" s="92"/>
      <c r="AO5469" s="92"/>
      <c r="AP5469" s="92"/>
      <c r="AQ5469" s="92"/>
      <c r="AR5469" s="92"/>
      <c r="AS5469" s="92"/>
      <c r="AT5469" s="92"/>
      <c r="AU5469" s="92"/>
      <c r="AV5469" s="92"/>
      <c r="AW5469" s="92"/>
      <c r="AX5469" s="92"/>
      <c r="AY5469" s="92"/>
      <c r="AZ5469" s="93"/>
      <c r="BA5469" s="93"/>
      <c r="BB5469" s="93"/>
      <c r="BC5469" s="93"/>
      <c r="BD5469" s="93"/>
      <c r="BE5469" s="93"/>
      <c r="BF5469" s="93"/>
      <c r="BG5469" s="93"/>
      <c r="BH5469" s="93"/>
      <c r="BI5469" s="93"/>
      <c r="BJ5469" s="93"/>
      <c r="BK5469" s="93"/>
      <c r="BL5469" s="93"/>
    </row>
    <row r="5470" spans="2:64" x14ac:dyDescent="0.2">
      <c r="B5470" s="43"/>
      <c r="C5470" s="73"/>
      <c r="D5470" s="64"/>
      <c r="E5470" s="55"/>
      <c r="F5470" s="74"/>
      <c r="G5470" s="74"/>
      <c r="H5470" s="74"/>
      <c r="I5470" s="75"/>
      <c r="J5470" s="74"/>
      <c r="L5470" s="55"/>
      <c r="M5470" s="234"/>
      <c r="N5470" s="65"/>
      <c r="O5470" s="76"/>
      <c r="P5470" s="76"/>
      <c r="Q5470" s="65"/>
      <c r="R5470" s="76"/>
      <c r="S5470" s="76"/>
      <c r="T5470" s="76"/>
      <c r="U5470" s="76"/>
      <c r="V5470" s="76"/>
      <c r="W5470" s="76"/>
      <c r="X5470" s="76"/>
      <c r="Y5470" s="76"/>
      <c r="Z5470" s="76"/>
      <c r="AA5470" s="85"/>
      <c r="AB5470" s="85"/>
      <c r="AC5470" s="85"/>
      <c r="AD5470" s="85"/>
      <c r="AE5470" s="85"/>
      <c r="AF5470" s="85"/>
      <c r="AG5470" s="86"/>
      <c r="AH5470" s="85"/>
      <c r="AI5470" s="85"/>
      <c r="AJ5470" s="85"/>
      <c r="AK5470" s="85"/>
      <c r="AL5470" s="85"/>
      <c r="AM5470" s="92"/>
      <c r="AN5470" s="92"/>
      <c r="AO5470" s="92"/>
      <c r="AP5470" s="92"/>
      <c r="AQ5470" s="92"/>
      <c r="AR5470" s="92"/>
      <c r="AS5470" s="92"/>
      <c r="AT5470" s="92"/>
      <c r="AU5470" s="92"/>
      <c r="AV5470" s="92"/>
      <c r="AW5470" s="92"/>
      <c r="AX5470" s="92"/>
      <c r="AY5470" s="92"/>
      <c r="AZ5470" s="93"/>
      <c r="BA5470" s="93"/>
      <c r="BB5470" s="93"/>
      <c r="BC5470" s="93"/>
      <c r="BD5470" s="93"/>
      <c r="BE5470" s="93"/>
      <c r="BF5470" s="93"/>
      <c r="BG5470" s="93"/>
      <c r="BH5470" s="93"/>
      <c r="BI5470" s="93"/>
      <c r="BJ5470" s="93"/>
      <c r="BK5470" s="93"/>
      <c r="BL5470" s="93"/>
    </row>
    <row r="5471" spans="2:64" x14ac:dyDescent="0.2">
      <c r="B5471" s="43"/>
      <c r="C5471" s="73"/>
      <c r="D5471" s="64"/>
      <c r="E5471" s="55"/>
      <c r="F5471" s="74"/>
      <c r="G5471" s="74"/>
      <c r="H5471" s="74"/>
      <c r="I5471" s="75"/>
      <c r="J5471" s="74"/>
      <c r="L5471" s="55"/>
      <c r="M5471" s="234"/>
      <c r="N5471" s="65"/>
      <c r="O5471" s="76"/>
      <c r="P5471" s="76"/>
      <c r="Q5471" s="65"/>
      <c r="R5471" s="76"/>
      <c r="S5471" s="76"/>
      <c r="T5471" s="76"/>
      <c r="U5471" s="76"/>
      <c r="V5471" s="76"/>
      <c r="W5471" s="76"/>
      <c r="X5471" s="76"/>
      <c r="Y5471" s="76"/>
      <c r="Z5471" s="76"/>
      <c r="AA5471" s="85"/>
      <c r="AB5471" s="85"/>
      <c r="AC5471" s="85"/>
      <c r="AD5471" s="85"/>
      <c r="AE5471" s="85"/>
      <c r="AF5471" s="85"/>
      <c r="AG5471" s="86"/>
      <c r="AH5471" s="85"/>
      <c r="AI5471" s="85"/>
      <c r="AJ5471" s="85"/>
      <c r="AK5471" s="85"/>
      <c r="AL5471" s="85"/>
      <c r="AM5471" s="92"/>
      <c r="AN5471" s="92"/>
      <c r="AO5471" s="92"/>
      <c r="AP5471" s="92"/>
      <c r="AQ5471" s="92"/>
      <c r="AR5471" s="92"/>
      <c r="AS5471" s="92"/>
      <c r="AT5471" s="92"/>
      <c r="AU5471" s="92"/>
      <c r="AV5471" s="92"/>
      <c r="AW5471" s="92"/>
      <c r="AX5471" s="92"/>
      <c r="AY5471" s="92"/>
      <c r="AZ5471" s="93"/>
      <c r="BA5471" s="93"/>
      <c r="BB5471" s="93"/>
      <c r="BC5471" s="93"/>
      <c r="BD5471" s="93"/>
      <c r="BE5471" s="93"/>
      <c r="BF5471" s="93"/>
      <c r="BG5471" s="93"/>
      <c r="BH5471" s="93"/>
      <c r="BI5471" s="93"/>
      <c r="BJ5471" s="93"/>
      <c r="BK5471" s="93"/>
      <c r="BL5471" s="93"/>
    </row>
    <row r="5472" spans="2:64" x14ac:dyDescent="0.2">
      <c r="B5472" s="43"/>
      <c r="C5472" s="73"/>
      <c r="D5472" s="64"/>
      <c r="E5472" s="55"/>
      <c r="F5472" s="74"/>
      <c r="G5472" s="74"/>
      <c r="H5472" s="74"/>
      <c r="I5472" s="75"/>
      <c r="J5472" s="74"/>
      <c r="L5472" s="55"/>
      <c r="M5472" s="234"/>
      <c r="N5472" s="65"/>
      <c r="O5472" s="76"/>
      <c r="P5472" s="76"/>
      <c r="Q5472" s="65"/>
      <c r="R5472" s="76"/>
      <c r="S5472" s="76"/>
      <c r="T5472" s="76"/>
      <c r="U5472" s="76"/>
      <c r="V5472" s="76"/>
      <c r="W5472" s="76"/>
      <c r="X5472" s="76"/>
      <c r="Y5472" s="76"/>
      <c r="Z5472" s="76"/>
      <c r="AA5472" s="85"/>
      <c r="AB5472" s="85"/>
      <c r="AC5472" s="85"/>
      <c r="AD5472" s="85"/>
      <c r="AE5472" s="85"/>
      <c r="AF5472" s="85"/>
      <c r="AG5472" s="86"/>
      <c r="AH5472" s="85"/>
      <c r="AI5472" s="85"/>
      <c r="AJ5472" s="85"/>
      <c r="AK5472" s="85"/>
      <c r="AL5472" s="85"/>
      <c r="AM5472" s="92"/>
      <c r="AN5472" s="92"/>
      <c r="AO5472" s="92"/>
      <c r="AP5472" s="92"/>
      <c r="AQ5472" s="92"/>
      <c r="AR5472" s="92"/>
      <c r="AS5472" s="92"/>
      <c r="AT5472" s="92"/>
      <c r="AU5472" s="92"/>
      <c r="AV5472" s="92"/>
      <c r="AW5472" s="92"/>
      <c r="AX5472" s="92"/>
      <c r="AY5472" s="92"/>
      <c r="AZ5472" s="93"/>
      <c r="BA5472" s="93"/>
      <c r="BB5472" s="93"/>
      <c r="BC5472" s="93"/>
      <c r="BD5472" s="93"/>
      <c r="BE5472" s="93"/>
      <c r="BF5472" s="93"/>
      <c r="BG5472" s="93"/>
      <c r="BH5472" s="93"/>
      <c r="BI5472" s="93"/>
      <c r="BJ5472" s="93"/>
      <c r="BK5472" s="93"/>
      <c r="BL5472" s="93"/>
    </row>
    <row r="5473" spans="2:64" x14ac:dyDescent="0.2">
      <c r="B5473" s="43"/>
      <c r="C5473" s="73"/>
      <c r="D5473" s="64"/>
      <c r="E5473" s="55"/>
      <c r="F5473" s="74"/>
      <c r="G5473" s="74"/>
      <c r="H5473" s="74"/>
      <c r="I5473" s="75"/>
      <c r="J5473" s="74"/>
      <c r="L5473" s="55"/>
      <c r="M5473" s="234"/>
      <c r="N5473" s="65"/>
      <c r="O5473" s="76"/>
      <c r="P5473" s="76"/>
      <c r="Q5473" s="65"/>
      <c r="R5473" s="76"/>
      <c r="S5473" s="76"/>
      <c r="T5473" s="76"/>
      <c r="U5473" s="76"/>
      <c r="V5473" s="76"/>
      <c r="W5473" s="76"/>
      <c r="X5473" s="76"/>
      <c r="Y5473" s="76"/>
      <c r="Z5473" s="76"/>
      <c r="AA5473" s="85"/>
      <c r="AB5473" s="85"/>
      <c r="AC5473" s="85"/>
      <c r="AD5473" s="85"/>
      <c r="AE5473" s="85"/>
      <c r="AF5473" s="85"/>
      <c r="AG5473" s="86"/>
      <c r="AH5473" s="85"/>
      <c r="AI5473" s="85"/>
      <c r="AJ5473" s="85"/>
      <c r="AK5473" s="85"/>
      <c r="AL5473" s="85"/>
      <c r="AM5473" s="92"/>
      <c r="AN5473" s="92"/>
      <c r="AO5473" s="92"/>
      <c r="AP5473" s="92"/>
      <c r="AQ5473" s="92"/>
      <c r="AR5473" s="92"/>
      <c r="AS5473" s="92"/>
      <c r="AT5473" s="92"/>
      <c r="AU5473" s="92"/>
      <c r="AV5473" s="92"/>
      <c r="AW5473" s="92"/>
      <c r="AX5473" s="92"/>
      <c r="AY5473" s="92"/>
      <c r="AZ5473" s="93"/>
      <c r="BA5473" s="93"/>
      <c r="BB5473" s="93"/>
      <c r="BC5473" s="93"/>
      <c r="BD5473" s="93"/>
      <c r="BE5473" s="93"/>
      <c r="BF5473" s="93"/>
      <c r="BG5473" s="93"/>
      <c r="BH5473" s="93"/>
      <c r="BI5473" s="93"/>
      <c r="BJ5473" s="93"/>
      <c r="BK5473" s="93"/>
      <c r="BL5473" s="93"/>
    </row>
    <row r="5474" spans="2:64" x14ac:dyDescent="0.2">
      <c r="B5474" s="43"/>
      <c r="C5474" s="73"/>
      <c r="D5474" s="64"/>
      <c r="E5474" s="55"/>
      <c r="F5474" s="74"/>
      <c r="G5474" s="74"/>
      <c r="H5474" s="74"/>
      <c r="I5474" s="75"/>
      <c r="J5474" s="74"/>
      <c r="L5474" s="55"/>
      <c r="M5474" s="234"/>
      <c r="N5474" s="65"/>
      <c r="O5474" s="76"/>
      <c r="P5474" s="76"/>
      <c r="Q5474" s="65"/>
      <c r="R5474" s="76"/>
      <c r="S5474" s="76"/>
      <c r="T5474" s="76"/>
      <c r="U5474" s="76"/>
      <c r="V5474" s="76"/>
      <c r="W5474" s="76"/>
      <c r="X5474" s="76"/>
      <c r="Y5474" s="76"/>
      <c r="Z5474" s="76"/>
      <c r="AA5474" s="85"/>
      <c r="AB5474" s="85"/>
      <c r="AC5474" s="85"/>
      <c r="AD5474" s="85"/>
      <c r="AE5474" s="85"/>
      <c r="AF5474" s="85"/>
      <c r="AG5474" s="86"/>
      <c r="AH5474" s="85"/>
      <c r="AI5474" s="85"/>
      <c r="AJ5474" s="85"/>
      <c r="AK5474" s="85"/>
      <c r="AL5474" s="85"/>
      <c r="AM5474" s="92"/>
      <c r="AN5474" s="92"/>
      <c r="AO5474" s="92"/>
      <c r="AP5474" s="92"/>
      <c r="AQ5474" s="92"/>
      <c r="AR5474" s="92"/>
      <c r="AS5474" s="92"/>
      <c r="AT5474" s="92"/>
      <c r="AU5474" s="92"/>
      <c r="AV5474" s="92"/>
      <c r="AW5474" s="92"/>
      <c r="AX5474" s="92"/>
      <c r="AY5474" s="92"/>
      <c r="AZ5474" s="93"/>
      <c r="BA5474" s="93"/>
      <c r="BB5474" s="93"/>
      <c r="BC5474" s="93"/>
      <c r="BD5474" s="93"/>
      <c r="BE5474" s="93"/>
      <c r="BF5474" s="93"/>
      <c r="BG5474" s="93"/>
      <c r="BH5474" s="93"/>
      <c r="BI5474" s="93"/>
      <c r="BJ5474" s="93"/>
      <c r="BK5474" s="93"/>
      <c r="BL5474" s="93"/>
    </row>
    <row r="5475" spans="2:64" x14ac:dyDescent="0.2">
      <c r="B5475" s="43"/>
      <c r="C5475" s="73"/>
      <c r="D5475" s="64"/>
      <c r="E5475" s="55"/>
      <c r="F5475" s="74"/>
      <c r="G5475" s="74"/>
      <c r="H5475" s="74"/>
      <c r="I5475" s="75"/>
      <c r="J5475" s="74"/>
      <c r="L5475" s="55"/>
      <c r="M5475" s="234"/>
      <c r="N5475" s="65"/>
      <c r="O5475" s="76"/>
      <c r="P5475" s="76"/>
      <c r="Q5475" s="65"/>
      <c r="R5475" s="76"/>
      <c r="S5475" s="76"/>
      <c r="T5475" s="76"/>
      <c r="U5475" s="76"/>
      <c r="V5475" s="76"/>
      <c r="W5475" s="76"/>
      <c r="X5475" s="76"/>
      <c r="Y5475" s="76"/>
      <c r="Z5475" s="76"/>
      <c r="AA5475" s="85"/>
      <c r="AB5475" s="85"/>
      <c r="AC5475" s="85"/>
      <c r="AD5475" s="85"/>
      <c r="AE5475" s="85"/>
      <c r="AF5475" s="85"/>
      <c r="AG5475" s="86"/>
      <c r="AH5475" s="85"/>
      <c r="AI5475" s="85"/>
      <c r="AJ5475" s="85"/>
      <c r="AK5475" s="85"/>
      <c r="AL5475" s="85"/>
      <c r="AM5475" s="92"/>
      <c r="AN5475" s="92"/>
      <c r="AO5475" s="92"/>
      <c r="AP5475" s="92"/>
      <c r="AQ5475" s="92"/>
      <c r="AR5475" s="92"/>
      <c r="AS5475" s="92"/>
      <c r="AT5475" s="92"/>
      <c r="AU5475" s="92"/>
      <c r="AV5475" s="92"/>
      <c r="AW5475" s="92"/>
      <c r="AX5475" s="92"/>
      <c r="AY5475" s="92"/>
      <c r="AZ5475" s="93"/>
      <c r="BA5475" s="93"/>
      <c r="BB5475" s="93"/>
      <c r="BC5475" s="93"/>
      <c r="BD5475" s="93"/>
      <c r="BE5475" s="93"/>
      <c r="BF5475" s="93"/>
      <c r="BG5475" s="93"/>
      <c r="BH5475" s="93"/>
      <c r="BI5475" s="93"/>
      <c r="BJ5475" s="93"/>
      <c r="BK5475" s="93"/>
      <c r="BL5475" s="93"/>
    </row>
    <row r="5476" spans="2:64" x14ac:dyDescent="0.2">
      <c r="B5476" s="43"/>
      <c r="C5476" s="73"/>
      <c r="D5476" s="64"/>
      <c r="E5476" s="55"/>
      <c r="F5476" s="74"/>
      <c r="G5476" s="74"/>
      <c r="H5476" s="74"/>
      <c r="I5476" s="75"/>
      <c r="J5476" s="74"/>
      <c r="L5476" s="55"/>
      <c r="M5476" s="234"/>
      <c r="N5476" s="65"/>
      <c r="O5476" s="76"/>
      <c r="P5476" s="76"/>
      <c r="Q5476" s="65"/>
      <c r="R5476" s="76"/>
      <c r="S5476" s="76"/>
      <c r="T5476" s="76"/>
      <c r="U5476" s="76"/>
      <c r="V5476" s="76"/>
      <c r="W5476" s="76"/>
      <c r="X5476" s="76"/>
      <c r="Y5476" s="76"/>
      <c r="Z5476" s="76"/>
      <c r="AA5476" s="85"/>
      <c r="AB5476" s="85"/>
      <c r="AC5476" s="85"/>
      <c r="AD5476" s="85"/>
      <c r="AE5476" s="85"/>
      <c r="AF5476" s="85"/>
      <c r="AG5476" s="86"/>
      <c r="AH5476" s="85"/>
      <c r="AI5476" s="85"/>
      <c r="AJ5476" s="85"/>
      <c r="AK5476" s="85"/>
      <c r="AL5476" s="85"/>
      <c r="AM5476" s="92"/>
      <c r="AN5476" s="92"/>
      <c r="AO5476" s="92"/>
      <c r="AP5476" s="92"/>
      <c r="AQ5476" s="92"/>
      <c r="AR5476" s="92"/>
      <c r="AS5476" s="92"/>
      <c r="AT5476" s="92"/>
      <c r="AU5476" s="92"/>
      <c r="AV5476" s="92"/>
      <c r="AW5476" s="92"/>
      <c r="AX5476" s="92"/>
      <c r="AY5476" s="92"/>
      <c r="AZ5476" s="93"/>
      <c r="BA5476" s="93"/>
      <c r="BB5476" s="93"/>
      <c r="BC5476" s="93"/>
      <c r="BD5476" s="93"/>
      <c r="BE5476" s="93"/>
      <c r="BF5476" s="93"/>
      <c r="BG5476" s="93"/>
      <c r="BH5476" s="93"/>
      <c r="BI5476" s="93"/>
      <c r="BJ5476" s="93"/>
      <c r="BK5476" s="93"/>
      <c r="BL5476" s="93"/>
    </row>
    <row r="5477" spans="2:64" x14ac:dyDescent="0.2">
      <c r="B5477" s="43"/>
      <c r="C5477" s="73"/>
      <c r="D5477" s="64"/>
      <c r="E5477" s="55"/>
      <c r="F5477" s="74"/>
      <c r="G5477" s="74"/>
      <c r="H5477" s="74"/>
      <c r="I5477" s="75"/>
      <c r="J5477" s="74"/>
      <c r="L5477" s="55"/>
      <c r="M5477" s="234"/>
      <c r="N5477" s="65"/>
      <c r="O5477" s="76"/>
      <c r="P5477" s="76"/>
      <c r="Q5477" s="65"/>
      <c r="R5477" s="76"/>
      <c r="S5477" s="76"/>
      <c r="T5477" s="76"/>
      <c r="U5477" s="76"/>
      <c r="V5477" s="76"/>
      <c r="W5477" s="76"/>
      <c r="X5477" s="76"/>
      <c r="Y5477" s="76"/>
      <c r="Z5477" s="76"/>
      <c r="AA5477" s="85"/>
      <c r="AB5477" s="85"/>
      <c r="AC5477" s="85"/>
      <c r="AD5477" s="85"/>
      <c r="AE5477" s="85"/>
      <c r="AF5477" s="85"/>
      <c r="AG5477" s="86"/>
      <c r="AH5477" s="85"/>
      <c r="AI5477" s="85"/>
      <c r="AJ5477" s="85"/>
      <c r="AK5477" s="85"/>
      <c r="AL5477" s="85"/>
      <c r="AM5477" s="92"/>
      <c r="AN5477" s="92"/>
      <c r="AO5477" s="92"/>
      <c r="AP5477" s="92"/>
      <c r="AQ5477" s="92"/>
      <c r="AR5477" s="92"/>
      <c r="AS5477" s="92"/>
      <c r="AT5477" s="92"/>
      <c r="AU5477" s="92"/>
      <c r="AV5477" s="92"/>
      <c r="AW5477" s="92"/>
      <c r="AX5477" s="92"/>
      <c r="AY5477" s="92"/>
      <c r="AZ5477" s="93"/>
      <c r="BA5477" s="93"/>
      <c r="BB5477" s="93"/>
      <c r="BC5477" s="93"/>
      <c r="BD5477" s="93"/>
      <c r="BE5477" s="93"/>
      <c r="BF5477" s="93"/>
      <c r="BG5477" s="93"/>
      <c r="BH5477" s="93"/>
      <c r="BI5477" s="93"/>
      <c r="BJ5477" s="93"/>
      <c r="BK5477" s="93"/>
      <c r="BL5477" s="93"/>
    </row>
    <row r="5478" spans="2:64" x14ac:dyDescent="0.2">
      <c r="B5478" s="43"/>
      <c r="C5478" s="73"/>
      <c r="D5478" s="64"/>
      <c r="E5478" s="55"/>
      <c r="F5478" s="74"/>
      <c r="G5478" s="74"/>
      <c r="H5478" s="74"/>
      <c r="I5478" s="75"/>
      <c r="J5478" s="74"/>
      <c r="L5478" s="55"/>
      <c r="M5478" s="234"/>
      <c r="N5478" s="65"/>
      <c r="O5478" s="76"/>
      <c r="P5478" s="76"/>
      <c r="Q5478" s="65"/>
      <c r="R5478" s="76"/>
      <c r="S5478" s="76"/>
      <c r="T5478" s="76"/>
      <c r="U5478" s="76"/>
      <c r="V5478" s="76"/>
      <c r="W5478" s="76"/>
      <c r="X5478" s="76"/>
      <c r="Y5478" s="76"/>
      <c r="Z5478" s="76"/>
      <c r="AA5478" s="85"/>
      <c r="AB5478" s="85"/>
      <c r="AC5478" s="85"/>
      <c r="AD5478" s="85"/>
      <c r="AE5478" s="85"/>
      <c r="AF5478" s="85"/>
      <c r="AG5478" s="86"/>
      <c r="AH5478" s="85"/>
      <c r="AI5478" s="85"/>
      <c r="AJ5478" s="85"/>
      <c r="AK5478" s="85"/>
      <c r="AL5478" s="85"/>
      <c r="AM5478" s="92"/>
      <c r="AN5478" s="92"/>
      <c r="AO5478" s="92"/>
      <c r="AP5478" s="92"/>
      <c r="AQ5478" s="92"/>
      <c r="AR5478" s="92"/>
      <c r="AS5478" s="92"/>
      <c r="AT5478" s="92"/>
      <c r="AU5478" s="92"/>
      <c r="AV5478" s="92"/>
      <c r="AW5478" s="92"/>
      <c r="AX5478" s="92"/>
      <c r="AY5478" s="92"/>
      <c r="AZ5478" s="93"/>
      <c r="BA5478" s="93"/>
      <c r="BB5478" s="93"/>
      <c r="BC5478" s="93"/>
      <c r="BD5478" s="93"/>
      <c r="BE5478" s="93"/>
      <c r="BF5478" s="93"/>
      <c r="BG5478" s="93"/>
      <c r="BH5478" s="93"/>
      <c r="BI5478" s="93"/>
      <c r="BJ5478" s="93"/>
      <c r="BK5478" s="93"/>
      <c r="BL5478" s="93"/>
    </row>
    <row r="5479" spans="2:64" x14ac:dyDescent="0.2">
      <c r="B5479" s="43"/>
      <c r="C5479" s="73"/>
      <c r="D5479" s="64"/>
      <c r="E5479" s="55"/>
      <c r="F5479" s="74"/>
      <c r="G5479" s="74"/>
      <c r="H5479" s="74"/>
      <c r="I5479" s="75"/>
      <c r="J5479" s="74"/>
      <c r="L5479" s="55"/>
      <c r="M5479" s="234"/>
      <c r="N5479" s="65"/>
      <c r="O5479" s="76"/>
      <c r="P5479" s="76"/>
      <c r="Q5479" s="65"/>
      <c r="R5479" s="76"/>
      <c r="S5479" s="76"/>
      <c r="T5479" s="76"/>
      <c r="U5479" s="76"/>
      <c r="V5479" s="76"/>
      <c r="W5479" s="76"/>
      <c r="X5479" s="76"/>
      <c r="Y5479" s="76"/>
      <c r="Z5479" s="76"/>
      <c r="AA5479" s="85"/>
      <c r="AB5479" s="85"/>
      <c r="AC5479" s="85"/>
      <c r="AD5479" s="85"/>
      <c r="AE5479" s="85"/>
      <c r="AF5479" s="85"/>
      <c r="AG5479" s="86"/>
      <c r="AH5479" s="85"/>
      <c r="AI5479" s="85"/>
      <c r="AJ5479" s="85"/>
      <c r="AK5479" s="85"/>
      <c r="AL5479" s="85"/>
      <c r="AM5479" s="92"/>
      <c r="AN5479" s="92"/>
      <c r="AO5479" s="92"/>
      <c r="AP5479" s="92"/>
      <c r="AQ5479" s="92"/>
      <c r="AR5479" s="92"/>
      <c r="AS5479" s="92"/>
      <c r="AT5479" s="92"/>
      <c r="AU5479" s="92"/>
      <c r="AV5479" s="92"/>
      <c r="AW5479" s="92"/>
      <c r="AX5479" s="92"/>
      <c r="AY5479" s="92"/>
      <c r="AZ5479" s="93"/>
      <c r="BA5479" s="93"/>
      <c r="BB5479" s="93"/>
      <c r="BC5479" s="93"/>
      <c r="BD5479" s="93"/>
      <c r="BE5479" s="93"/>
      <c r="BF5479" s="93"/>
      <c r="BG5479" s="93"/>
      <c r="BH5479" s="93"/>
      <c r="BI5479" s="93"/>
      <c r="BJ5479" s="93"/>
      <c r="BK5479" s="93"/>
      <c r="BL5479" s="93"/>
    </row>
    <row r="5480" spans="2:64" x14ac:dyDescent="0.2">
      <c r="B5480" s="43"/>
      <c r="C5480" s="73"/>
      <c r="D5480" s="64"/>
      <c r="E5480" s="55"/>
      <c r="F5480" s="74"/>
      <c r="G5480" s="74"/>
      <c r="H5480" s="74"/>
      <c r="I5480" s="75"/>
      <c r="J5480" s="74"/>
      <c r="L5480" s="55"/>
      <c r="M5480" s="234"/>
      <c r="N5480" s="65"/>
      <c r="O5480" s="76"/>
      <c r="P5480" s="76"/>
      <c r="Q5480" s="65"/>
      <c r="R5480" s="76"/>
      <c r="S5480" s="76"/>
      <c r="T5480" s="76"/>
      <c r="U5480" s="76"/>
      <c r="V5480" s="76"/>
      <c r="W5480" s="76"/>
      <c r="X5480" s="76"/>
      <c r="Y5480" s="76"/>
      <c r="Z5480" s="76"/>
      <c r="AA5480" s="85"/>
      <c r="AB5480" s="85"/>
      <c r="AC5480" s="85"/>
      <c r="AD5480" s="85"/>
      <c r="AE5480" s="85"/>
      <c r="AF5480" s="85"/>
      <c r="AG5480" s="86"/>
      <c r="AH5480" s="85"/>
      <c r="AI5480" s="85"/>
      <c r="AJ5480" s="85"/>
      <c r="AK5480" s="85"/>
      <c r="AL5480" s="85"/>
      <c r="AM5480" s="92"/>
      <c r="AN5480" s="92"/>
      <c r="AO5480" s="92"/>
      <c r="AP5480" s="92"/>
      <c r="AQ5480" s="92"/>
      <c r="AR5480" s="92"/>
      <c r="AS5480" s="92"/>
      <c r="AT5480" s="92"/>
      <c r="AU5480" s="92"/>
      <c r="AV5480" s="92"/>
      <c r="AW5480" s="92"/>
      <c r="AX5480" s="92"/>
      <c r="AY5480" s="92"/>
      <c r="AZ5480" s="93"/>
      <c r="BA5480" s="93"/>
      <c r="BB5480" s="93"/>
      <c r="BC5480" s="93"/>
      <c r="BD5480" s="93"/>
      <c r="BE5480" s="93"/>
      <c r="BF5480" s="93"/>
      <c r="BG5480" s="93"/>
      <c r="BH5480" s="93"/>
      <c r="BI5480" s="93"/>
      <c r="BJ5480" s="93"/>
      <c r="BK5480" s="93"/>
      <c r="BL5480" s="93"/>
    </row>
    <row r="5481" spans="2:64" x14ac:dyDescent="0.2">
      <c r="B5481" s="43"/>
      <c r="C5481" s="73"/>
      <c r="D5481" s="64"/>
      <c r="E5481" s="55"/>
      <c r="F5481" s="74"/>
      <c r="G5481" s="74"/>
      <c r="H5481" s="74"/>
      <c r="I5481" s="75"/>
      <c r="J5481" s="74"/>
      <c r="L5481" s="55"/>
      <c r="M5481" s="234"/>
      <c r="N5481" s="65"/>
      <c r="O5481" s="76"/>
      <c r="P5481" s="76"/>
      <c r="Q5481" s="65"/>
      <c r="R5481" s="76"/>
      <c r="S5481" s="76"/>
      <c r="T5481" s="76"/>
      <c r="U5481" s="76"/>
      <c r="V5481" s="76"/>
      <c r="W5481" s="76"/>
      <c r="X5481" s="76"/>
      <c r="Y5481" s="76"/>
      <c r="Z5481" s="76"/>
      <c r="AA5481" s="85"/>
      <c r="AB5481" s="85"/>
      <c r="AC5481" s="85"/>
      <c r="AD5481" s="85"/>
      <c r="AE5481" s="85"/>
      <c r="AF5481" s="85"/>
      <c r="AG5481" s="86"/>
      <c r="AH5481" s="85"/>
      <c r="AI5481" s="85"/>
      <c r="AJ5481" s="85"/>
      <c r="AK5481" s="85"/>
      <c r="AL5481" s="85"/>
      <c r="AM5481" s="92"/>
      <c r="AN5481" s="92"/>
      <c r="AO5481" s="92"/>
      <c r="AP5481" s="92"/>
      <c r="AQ5481" s="92"/>
      <c r="AR5481" s="92"/>
      <c r="AS5481" s="92"/>
      <c r="AT5481" s="92"/>
      <c r="AU5481" s="92"/>
      <c r="AV5481" s="92"/>
      <c r="AW5481" s="92"/>
      <c r="AX5481" s="92"/>
      <c r="AY5481" s="92"/>
      <c r="AZ5481" s="93"/>
      <c r="BA5481" s="93"/>
      <c r="BB5481" s="93"/>
      <c r="BC5481" s="93"/>
      <c r="BD5481" s="93"/>
      <c r="BE5481" s="93"/>
      <c r="BF5481" s="93"/>
      <c r="BG5481" s="93"/>
      <c r="BH5481" s="93"/>
      <c r="BI5481" s="93"/>
      <c r="BJ5481" s="93"/>
      <c r="BK5481" s="93"/>
      <c r="BL5481" s="93"/>
    </row>
    <row r="5482" spans="2:64" x14ac:dyDescent="0.2">
      <c r="B5482" s="43"/>
      <c r="C5482" s="73"/>
      <c r="D5482" s="64"/>
      <c r="E5482" s="55"/>
      <c r="F5482" s="74"/>
      <c r="G5482" s="74"/>
      <c r="H5482" s="74"/>
      <c r="I5482" s="75"/>
      <c r="J5482" s="74"/>
      <c r="L5482" s="55"/>
      <c r="M5482" s="234"/>
      <c r="N5482" s="65"/>
      <c r="O5482" s="76"/>
      <c r="P5482" s="76"/>
      <c r="Q5482" s="65"/>
      <c r="R5482" s="76"/>
      <c r="S5482" s="76"/>
      <c r="T5482" s="76"/>
      <c r="U5482" s="76"/>
      <c r="V5482" s="76"/>
      <c r="W5482" s="76"/>
      <c r="X5482" s="76"/>
      <c r="Y5482" s="76"/>
      <c r="Z5482" s="76"/>
      <c r="AA5482" s="85"/>
      <c r="AB5482" s="85"/>
      <c r="AC5482" s="85"/>
      <c r="AD5482" s="85"/>
      <c r="AE5482" s="85"/>
      <c r="AF5482" s="85"/>
      <c r="AG5482" s="86"/>
      <c r="AH5482" s="85"/>
      <c r="AI5482" s="85"/>
      <c r="AJ5482" s="85"/>
      <c r="AK5482" s="85"/>
      <c r="AL5482" s="85"/>
      <c r="AM5482" s="92"/>
      <c r="AN5482" s="92"/>
      <c r="AO5482" s="92"/>
      <c r="AP5482" s="92"/>
      <c r="AQ5482" s="92"/>
      <c r="AR5482" s="92"/>
      <c r="AS5482" s="92"/>
      <c r="AT5482" s="92"/>
      <c r="AU5482" s="92"/>
      <c r="AV5482" s="92"/>
      <c r="AW5482" s="92"/>
      <c r="AX5482" s="92"/>
      <c r="AY5482" s="92"/>
      <c r="AZ5482" s="93"/>
      <c r="BA5482" s="93"/>
      <c r="BB5482" s="93"/>
      <c r="BC5482" s="93"/>
      <c r="BD5482" s="93"/>
      <c r="BE5482" s="93"/>
      <c r="BF5482" s="93"/>
      <c r="BG5482" s="93"/>
      <c r="BH5482" s="93"/>
      <c r="BI5482" s="93"/>
      <c r="BJ5482" s="93"/>
      <c r="BK5482" s="93"/>
      <c r="BL5482" s="93"/>
    </row>
    <row r="5483" spans="2:64" x14ac:dyDescent="0.2">
      <c r="B5483" s="43"/>
      <c r="C5483" s="73"/>
      <c r="D5483" s="64"/>
      <c r="E5483" s="55"/>
      <c r="F5483" s="74"/>
      <c r="G5483" s="74"/>
      <c r="H5483" s="74"/>
      <c r="I5483" s="75"/>
      <c r="J5483" s="74"/>
      <c r="L5483" s="55"/>
      <c r="M5483" s="234"/>
      <c r="N5483" s="65"/>
      <c r="O5483" s="76"/>
      <c r="P5483" s="76"/>
      <c r="Q5483" s="65"/>
      <c r="R5483" s="76"/>
      <c r="S5483" s="76"/>
      <c r="T5483" s="76"/>
      <c r="U5483" s="76"/>
      <c r="V5483" s="76"/>
      <c r="W5483" s="76"/>
      <c r="X5483" s="76"/>
      <c r="Y5483" s="76"/>
      <c r="Z5483" s="76"/>
      <c r="AA5483" s="85"/>
      <c r="AB5483" s="85"/>
      <c r="AC5483" s="85"/>
      <c r="AD5483" s="85"/>
      <c r="AE5483" s="85"/>
      <c r="AF5483" s="85"/>
      <c r="AG5483" s="86"/>
      <c r="AH5483" s="85"/>
      <c r="AI5483" s="85"/>
      <c r="AJ5483" s="85"/>
      <c r="AK5483" s="85"/>
      <c r="AL5483" s="85"/>
      <c r="AM5483" s="92"/>
      <c r="AN5483" s="92"/>
      <c r="AO5483" s="92"/>
      <c r="AP5483" s="92"/>
      <c r="AQ5483" s="92"/>
      <c r="AR5483" s="92"/>
      <c r="AS5483" s="92"/>
      <c r="AT5483" s="92"/>
      <c r="AU5483" s="92"/>
      <c r="AV5483" s="92"/>
      <c r="AW5483" s="92"/>
      <c r="AX5483" s="92"/>
      <c r="AY5483" s="92"/>
      <c r="AZ5483" s="93"/>
      <c r="BA5483" s="93"/>
      <c r="BB5483" s="93"/>
      <c r="BC5483" s="93"/>
      <c r="BD5483" s="93"/>
      <c r="BE5483" s="93"/>
      <c r="BF5483" s="93"/>
      <c r="BG5483" s="93"/>
      <c r="BH5483" s="93"/>
      <c r="BI5483" s="93"/>
      <c r="BJ5483" s="93"/>
      <c r="BK5483" s="93"/>
      <c r="BL5483" s="93"/>
    </row>
    <row r="5484" spans="2:64" x14ac:dyDescent="0.2">
      <c r="B5484" s="43"/>
      <c r="C5484" s="73"/>
      <c r="D5484" s="64"/>
      <c r="E5484" s="55"/>
      <c r="F5484" s="74"/>
      <c r="G5484" s="74"/>
      <c r="H5484" s="74"/>
      <c r="I5484" s="75"/>
      <c r="J5484" s="74"/>
      <c r="L5484" s="55"/>
      <c r="M5484" s="234"/>
      <c r="N5484" s="65"/>
      <c r="O5484" s="76"/>
      <c r="P5484" s="76"/>
      <c r="Q5484" s="65"/>
      <c r="R5484" s="76"/>
      <c r="S5484" s="76"/>
      <c r="T5484" s="76"/>
      <c r="U5484" s="76"/>
      <c r="V5484" s="76"/>
      <c r="W5484" s="76"/>
      <c r="X5484" s="76"/>
      <c r="Y5484" s="76"/>
      <c r="Z5484" s="76"/>
      <c r="AA5484" s="85"/>
      <c r="AB5484" s="85"/>
      <c r="AC5484" s="85"/>
      <c r="AD5484" s="85"/>
      <c r="AE5484" s="85"/>
      <c r="AF5484" s="85"/>
      <c r="AG5484" s="86"/>
      <c r="AH5484" s="85"/>
      <c r="AI5484" s="85"/>
      <c r="AJ5484" s="85"/>
      <c r="AK5484" s="85"/>
      <c r="AL5484" s="85"/>
      <c r="AM5484" s="92"/>
      <c r="AN5484" s="92"/>
      <c r="AO5484" s="92"/>
      <c r="AP5484" s="92"/>
      <c r="AQ5484" s="92"/>
      <c r="AR5484" s="92"/>
      <c r="AS5484" s="92"/>
      <c r="AT5484" s="92"/>
      <c r="AU5484" s="92"/>
      <c r="AV5484" s="92"/>
      <c r="AW5484" s="92"/>
      <c r="AX5484" s="92"/>
      <c r="AY5484" s="92"/>
      <c r="AZ5484" s="93"/>
      <c r="BA5484" s="93"/>
      <c r="BB5484" s="93"/>
      <c r="BC5484" s="93"/>
      <c r="BD5484" s="93"/>
      <c r="BE5484" s="93"/>
      <c r="BF5484" s="93"/>
      <c r="BG5484" s="93"/>
      <c r="BH5484" s="93"/>
      <c r="BI5484" s="93"/>
      <c r="BJ5484" s="93"/>
      <c r="BK5484" s="93"/>
      <c r="BL5484" s="93"/>
    </row>
    <row r="5485" spans="2:64" x14ac:dyDescent="0.2">
      <c r="B5485" s="43"/>
      <c r="C5485" s="73"/>
      <c r="D5485" s="64"/>
      <c r="E5485" s="55"/>
      <c r="F5485" s="74"/>
      <c r="G5485" s="74"/>
      <c r="H5485" s="74"/>
      <c r="I5485" s="75"/>
      <c r="J5485" s="74"/>
      <c r="L5485" s="55"/>
      <c r="M5485" s="234"/>
      <c r="N5485" s="65"/>
      <c r="O5485" s="76"/>
      <c r="P5485" s="76"/>
      <c r="Q5485" s="65"/>
      <c r="R5485" s="76"/>
      <c r="S5485" s="76"/>
      <c r="T5485" s="76"/>
      <c r="U5485" s="76"/>
      <c r="V5485" s="76"/>
      <c r="W5485" s="76"/>
      <c r="X5485" s="76"/>
      <c r="Y5485" s="76"/>
      <c r="Z5485" s="76"/>
      <c r="AA5485" s="85"/>
      <c r="AB5485" s="85"/>
      <c r="AC5485" s="85"/>
      <c r="AD5485" s="85"/>
      <c r="AE5485" s="85"/>
      <c r="AF5485" s="85"/>
      <c r="AG5485" s="86"/>
      <c r="AH5485" s="85"/>
      <c r="AI5485" s="85"/>
      <c r="AJ5485" s="85"/>
      <c r="AK5485" s="85"/>
      <c r="AL5485" s="85"/>
      <c r="AM5485" s="92"/>
      <c r="AN5485" s="92"/>
      <c r="AO5485" s="92"/>
      <c r="AP5485" s="92"/>
      <c r="AQ5485" s="92"/>
      <c r="AR5485" s="92"/>
      <c r="AS5485" s="92"/>
      <c r="AT5485" s="92"/>
      <c r="AU5485" s="92"/>
      <c r="AV5485" s="92"/>
      <c r="AW5485" s="92"/>
      <c r="AX5485" s="92"/>
      <c r="AY5485" s="92"/>
      <c r="AZ5485" s="93"/>
      <c r="BA5485" s="93"/>
      <c r="BB5485" s="93"/>
      <c r="BC5485" s="93"/>
      <c r="BD5485" s="93"/>
      <c r="BE5485" s="93"/>
      <c r="BF5485" s="93"/>
      <c r="BG5485" s="93"/>
      <c r="BH5485" s="93"/>
      <c r="BI5485" s="93"/>
      <c r="BJ5485" s="93"/>
      <c r="BK5485" s="93"/>
      <c r="BL5485" s="93"/>
    </row>
    <row r="5486" spans="2:64" x14ac:dyDescent="0.2">
      <c r="B5486" s="43"/>
      <c r="C5486" s="73"/>
      <c r="D5486" s="64"/>
      <c r="E5486" s="55"/>
      <c r="F5486" s="74"/>
      <c r="G5486" s="74"/>
      <c r="H5486" s="74"/>
      <c r="I5486" s="75"/>
      <c r="J5486" s="74"/>
      <c r="L5486" s="55"/>
      <c r="M5486" s="234"/>
      <c r="N5486" s="65"/>
      <c r="O5486" s="76"/>
      <c r="P5486" s="76"/>
      <c r="Q5486" s="65"/>
      <c r="R5486" s="76"/>
      <c r="S5486" s="76"/>
      <c r="T5486" s="76"/>
      <c r="U5486" s="76"/>
      <c r="V5486" s="76"/>
      <c r="W5486" s="76"/>
      <c r="X5486" s="76"/>
      <c r="Y5486" s="76"/>
      <c r="Z5486" s="76"/>
      <c r="AA5486" s="85"/>
      <c r="AB5486" s="85"/>
      <c r="AC5486" s="85"/>
      <c r="AD5486" s="85"/>
      <c r="AE5486" s="85"/>
      <c r="AF5486" s="85"/>
      <c r="AG5486" s="86"/>
      <c r="AH5486" s="85"/>
      <c r="AI5486" s="85"/>
      <c r="AJ5486" s="85"/>
      <c r="AK5486" s="85"/>
      <c r="AL5486" s="85"/>
      <c r="AM5486" s="92"/>
      <c r="AN5486" s="92"/>
      <c r="AO5486" s="92"/>
      <c r="AP5486" s="92"/>
      <c r="AQ5486" s="92"/>
      <c r="AR5486" s="92"/>
      <c r="AS5486" s="92"/>
      <c r="AT5486" s="92"/>
      <c r="AU5486" s="92"/>
      <c r="AV5486" s="92"/>
      <c r="AW5486" s="92"/>
      <c r="AX5486" s="92"/>
      <c r="AY5486" s="92"/>
      <c r="AZ5486" s="93"/>
      <c r="BA5486" s="93"/>
      <c r="BB5486" s="93"/>
      <c r="BC5486" s="93"/>
      <c r="BD5486" s="93"/>
      <c r="BE5486" s="93"/>
      <c r="BF5486" s="93"/>
      <c r="BG5486" s="93"/>
      <c r="BH5486" s="93"/>
      <c r="BI5486" s="93"/>
      <c r="BJ5486" s="93"/>
      <c r="BK5486" s="93"/>
      <c r="BL5486" s="93"/>
    </row>
    <row r="5487" spans="2:64" x14ac:dyDescent="0.2">
      <c r="B5487" s="43"/>
      <c r="C5487" s="73"/>
      <c r="D5487" s="64"/>
      <c r="E5487" s="55"/>
      <c r="F5487" s="74"/>
      <c r="G5487" s="74"/>
      <c r="H5487" s="74"/>
      <c r="I5487" s="75"/>
      <c r="J5487" s="74"/>
      <c r="L5487" s="55"/>
      <c r="M5487" s="234"/>
      <c r="N5487" s="65"/>
      <c r="O5487" s="76"/>
      <c r="P5487" s="76"/>
      <c r="Q5487" s="65"/>
      <c r="R5487" s="76"/>
      <c r="S5487" s="76"/>
      <c r="T5487" s="76"/>
      <c r="U5487" s="76"/>
      <c r="V5487" s="76"/>
      <c r="W5487" s="76"/>
      <c r="X5487" s="76"/>
      <c r="Y5487" s="76"/>
      <c r="Z5487" s="76"/>
      <c r="AA5487" s="85"/>
      <c r="AB5487" s="85"/>
      <c r="AC5487" s="85"/>
      <c r="AD5487" s="85"/>
      <c r="AE5487" s="85"/>
      <c r="AF5487" s="85"/>
      <c r="AG5487" s="86"/>
      <c r="AH5487" s="85"/>
      <c r="AI5487" s="85"/>
      <c r="AJ5487" s="85"/>
      <c r="AK5487" s="85"/>
      <c r="AL5487" s="85"/>
      <c r="AM5487" s="92"/>
      <c r="AN5487" s="92"/>
      <c r="AO5487" s="92"/>
      <c r="AP5487" s="92"/>
      <c r="AQ5487" s="92"/>
      <c r="AR5487" s="92"/>
      <c r="AS5487" s="92"/>
      <c r="AT5487" s="92"/>
      <c r="AU5487" s="92"/>
      <c r="AV5487" s="92"/>
      <c r="AW5487" s="92"/>
      <c r="AX5487" s="92"/>
      <c r="AY5487" s="92"/>
      <c r="AZ5487" s="93"/>
      <c r="BA5487" s="93"/>
      <c r="BB5487" s="93"/>
      <c r="BC5487" s="93"/>
      <c r="BD5487" s="93"/>
      <c r="BE5487" s="93"/>
      <c r="BF5487" s="93"/>
      <c r="BG5487" s="93"/>
      <c r="BH5487" s="93"/>
      <c r="BI5487" s="93"/>
      <c r="BJ5487" s="93"/>
      <c r="BK5487" s="93"/>
      <c r="BL5487" s="93"/>
    </row>
    <row r="5488" spans="2:64" x14ac:dyDescent="0.2">
      <c r="B5488" s="43"/>
      <c r="C5488" s="73"/>
      <c r="D5488" s="64"/>
      <c r="E5488" s="55"/>
      <c r="F5488" s="74"/>
      <c r="G5488" s="74"/>
      <c r="H5488" s="74"/>
      <c r="I5488" s="75"/>
      <c r="J5488" s="74"/>
      <c r="L5488" s="55"/>
      <c r="M5488" s="234"/>
      <c r="N5488" s="65"/>
      <c r="O5488" s="76"/>
      <c r="P5488" s="76"/>
      <c r="Q5488" s="65"/>
      <c r="R5488" s="76"/>
      <c r="S5488" s="76"/>
      <c r="T5488" s="76"/>
      <c r="U5488" s="76"/>
      <c r="V5488" s="76"/>
      <c r="W5488" s="76"/>
      <c r="X5488" s="76"/>
      <c r="Y5488" s="76"/>
      <c r="Z5488" s="76"/>
      <c r="AA5488" s="85"/>
      <c r="AB5488" s="85"/>
      <c r="AC5488" s="85"/>
      <c r="AD5488" s="85"/>
      <c r="AE5488" s="85"/>
      <c r="AF5488" s="85"/>
      <c r="AG5488" s="86"/>
      <c r="AH5488" s="85"/>
      <c r="AI5488" s="85"/>
      <c r="AJ5488" s="85"/>
      <c r="AK5488" s="85"/>
      <c r="AL5488" s="85"/>
      <c r="AM5488" s="92"/>
      <c r="AN5488" s="92"/>
      <c r="AO5488" s="92"/>
      <c r="AP5488" s="92"/>
      <c r="AQ5488" s="92"/>
      <c r="AR5488" s="92"/>
      <c r="AS5488" s="92"/>
      <c r="AT5488" s="92"/>
      <c r="AU5488" s="92"/>
      <c r="AV5488" s="92"/>
      <c r="AW5488" s="92"/>
      <c r="AX5488" s="92"/>
      <c r="AY5488" s="92"/>
      <c r="AZ5488" s="93"/>
      <c r="BA5488" s="93"/>
      <c r="BB5488" s="93"/>
      <c r="BC5488" s="93"/>
      <c r="BD5488" s="93"/>
      <c r="BE5488" s="93"/>
      <c r="BF5488" s="93"/>
      <c r="BG5488" s="93"/>
      <c r="BH5488" s="93"/>
      <c r="BI5488" s="93"/>
      <c r="BJ5488" s="93"/>
      <c r="BK5488" s="93"/>
      <c r="BL5488" s="93"/>
    </row>
    <row r="5489" spans="2:64" x14ac:dyDescent="0.2">
      <c r="B5489" s="43"/>
      <c r="C5489" s="73"/>
      <c r="D5489" s="64"/>
      <c r="E5489" s="55"/>
      <c r="F5489" s="74"/>
      <c r="G5489" s="74"/>
      <c r="H5489" s="74"/>
      <c r="I5489" s="75"/>
      <c r="J5489" s="74"/>
      <c r="L5489" s="55"/>
      <c r="M5489" s="234"/>
      <c r="N5489" s="65"/>
      <c r="O5489" s="76"/>
      <c r="P5489" s="76"/>
      <c r="Q5489" s="65"/>
      <c r="R5489" s="76"/>
      <c r="S5489" s="76"/>
      <c r="T5489" s="76"/>
      <c r="U5489" s="76"/>
      <c r="V5489" s="76"/>
      <c r="W5489" s="76"/>
      <c r="X5489" s="76"/>
      <c r="Y5489" s="76"/>
      <c r="Z5489" s="76"/>
      <c r="AA5489" s="85"/>
      <c r="AB5489" s="85"/>
      <c r="AC5489" s="85"/>
      <c r="AD5489" s="85"/>
      <c r="AE5489" s="85"/>
      <c r="AF5489" s="85"/>
      <c r="AG5489" s="86"/>
      <c r="AH5489" s="85"/>
      <c r="AI5489" s="85"/>
      <c r="AJ5489" s="85"/>
      <c r="AK5489" s="85"/>
      <c r="AL5489" s="85"/>
      <c r="AM5489" s="92"/>
      <c r="AN5489" s="92"/>
      <c r="AO5489" s="92"/>
      <c r="AP5489" s="92"/>
      <c r="AQ5489" s="92"/>
      <c r="AR5489" s="92"/>
      <c r="AS5489" s="92"/>
      <c r="AT5489" s="92"/>
      <c r="AU5489" s="92"/>
      <c r="AV5489" s="92"/>
      <c r="AW5489" s="92"/>
      <c r="AX5489" s="92"/>
      <c r="AY5489" s="92"/>
      <c r="AZ5489" s="93"/>
      <c r="BA5489" s="93"/>
      <c r="BB5489" s="93"/>
      <c r="BC5489" s="93"/>
      <c r="BD5489" s="93"/>
      <c r="BE5489" s="93"/>
      <c r="BF5489" s="93"/>
      <c r="BG5489" s="93"/>
      <c r="BH5489" s="93"/>
      <c r="BI5489" s="93"/>
      <c r="BJ5489" s="93"/>
      <c r="BK5489" s="93"/>
      <c r="BL5489" s="93"/>
    </row>
    <row r="5490" spans="2:64" x14ac:dyDescent="0.2">
      <c r="B5490" s="43"/>
      <c r="C5490" s="73"/>
      <c r="D5490" s="64"/>
      <c r="E5490" s="55"/>
      <c r="F5490" s="74"/>
      <c r="G5490" s="74"/>
      <c r="H5490" s="74"/>
      <c r="I5490" s="75"/>
      <c r="J5490" s="74"/>
      <c r="L5490" s="55"/>
      <c r="M5490" s="234"/>
      <c r="N5490" s="65"/>
      <c r="O5490" s="76"/>
      <c r="P5490" s="76"/>
      <c r="Q5490" s="65"/>
      <c r="R5490" s="76"/>
      <c r="S5490" s="76"/>
      <c r="T5490" s="76"/>
      <c r="U5490" s="76"/>
      <c r="V5490" s="76"/>
      <c r="W5490" s="76"/>
      <c r="X5490" s="76"/>
      <c r="Y5490" s="76"/>
      <c r="Z5490" s="76"/>
      <c r="AA5490" s="85"/>
      <c r="AB5490" s="85"/>
      <c r="AC5490" s="85"/>
      <c r="AD5490" s="85"/>
      <c r="AE5490" s="85"/>
      <c r="AF5490" s="85"/>
      <c r="AG5490" s="86"/>
      <c r="AH5490" s="85"/>
      <c r="AI5490" s="85"/>
      <c r="AJ5490" s="85"/>
      <c r="AK5490" s="85"/>
      <c r="AL5490" s="85"/>
      <c r="AM5490" s="92"/>
      <c r="AN5490" s="92"/>
      <c r="AO5490" s="92"/>
      <c r="AP5490" s="92"/>
      <c r="AQ5490" s="92"/>
      <c r="AR5490" s="92"/>
      <c r="AS5490" s="92"/>
      <c r="AT5490" s="92"/>
      <c r="AU5490" s="92"/>
      <c r="AV5490" s="92"/>
      <c r="AW5490" s="92"/>
      <c r="AX5490" s="92"/>
      <c r="AY5490" s="92"/>
      <c r="AZ5490" s="93"/>
      <c r="BA5490" s="93"/>
      <c r="BB5490" s="93"/>
      <c r="BC5490" s="93"/>
      <c r="BD5490" s="93"/>
      <c r="BE5490" s="93"/>
      <c r="BF5490" s="93"/>
      <c r="BG5490" s="93"/>
      <c r="BH5490" s="93"/>
      <c r="BI5490" s="93"/>
      <c r="BJ5490" s="93"/>
      <c r="BK5490" s="93"/>
      <c r="BL5490" s="93"/>
    </row>
    <row r="5491" spans="2:64" x14ac:dyDescent="0.2">
      <c r="B5491" s="43"/>
      <c r="C5491" s="73"/>
      <c r="D5491" s="64"/>
      <c r="E5491" s="55"/>
      <c r="F5491" s="74"/>
      <c r="G5491" s="74"/>
      <c r="H5491" s="74"/>
      <c r="I5491" s="75"/>
      <c r="J5491" s="74"/>
      <c r="L5491" s="55"/>
      <c r="M5491" s="234"/>
      <c r="N5491" s="65"/>
      <c r="O5491" s="76"/>
      <c r="P5491" s="76"/>
      <c r="Q5491" s="65"/>
      <c r="R5491" s="76"/>
      <c r="S5491" s="76"/>
      <c r="T5491" s="76"/>
      <c r="U5491" s="76"/>
      <c r="V5491" s="76"/>
      <c r="W5491" s="76"/>
      <c r="X5491" s="76"/>
      <c r="Y5491" s="76"/>
      <c r="Z5491" s="76"/>
      <c r="AA5491" s="85"/>
      <c r="AB5491" s="85"/>
      <c r="AC5491" s="85"/>
      <c r="AD5491" s="85"/>
      <c r="AE5491" s="85"/>
      <c r="AF5491" s="85"/>
      <c r="AG5491" s="86"/>
      <c r="AH5491" s="85"/>
      <c r="AI5491" s="85"/>
      <c r="AJ5491" s="85"/>
      <c r="AK5491" s="85"/>
      <c r="AL5491" s="85"/>
      <c r="AM5491" s="92"/>
      <c r="AN5491" s="92"/>
      <c r="AO5491" s="92"/>
      <c r="AP5491" s="92"/>
      <c r="AQ5491" s="92"/>
      <c r="AR5491" s="92"/>
      <c r="AS5491" s="92"/>
      <c r="AT5491" s="92"/>
      <c r="AU5491" s="92"/>
      <c r="AV5491" s="92"/>
      <c r="AW5491" s="92"/>
      <c r="AX5491" s="92"/>
      <c r="AY5491" s="92"/>
      <c r="AZ5491" s="93"/>
      <c r="BA5491" s="93"/>
      <c r="BB5491" s="93"/>
      <c r="BC5491" s="93"/>
      <c r="BD5491" s="93"/>
      <c r="BE5491" s="93"/>
      <c r="BF5491" s="93"/>
      <c r="BG5491" s="93"/>
      <c r="BH5491" s="93"/>
      <c r="BI5491" s="93"/>
      <c r="BJ5491" s="93"/>
      <c r="BK5491" s="93"/>
      <c r="BL5491" s="93"/>
    </row>
    <row r="5492" spans="2:64" x14ac:dyDescent="0.2">
      <c r="B5492" s="43"/>
      <c r="C5492" s="73"/>
      <c r="D5492" s="64"/>
      <c r="E5492" s="55"/>
      <c r="F5492" s="74"/>
      <c r="G5492" s="74"/>
      <c r="H5492" s="74"/>
      <c r="I5492" s="75"/>
      <c r="J5492" s="74"/>
      <c r="L5492" s="55"/>
      <c r="M5492" s="234"/>
      <c r="N5492" s="65"/>
      <c r="O5492" s="76"/>
      <c r="P5492" s="76"/>
      <c r="Q5492" s="65"/>
      <c r="R5492" s="76"/>
      <c r="S5492" s="76"/>
      <c r="T5492" s="76"/>
      <c r="U5492" s="76"/>
      <c r="V5492" s="76"/>
      <c r="W5492" s="76"/>
      <c r="X5492" s="76"/>
      <c r="Y5492" s="76"/>
      <c r="Z5492" s="76"/>
      <c r="AA5492" s="85"/>
      <c r="AB5492" s="85"/>
      <c r="AC5492" s="85"/>
      <c r="AD5492" s="85"/>
      <c r="AE5492" s="85"/>
      <c r="AF5492" s="85"/>
      <c r="AG5492" s="86"/>
      <c r="AH5492" s="85"/>
      <c r="AI5492" s="85"/>
      <c r="AJ5492" s="85"/>
      <c r="AK5492" s="85"/>
      <c r="AL5492" s="85"/>
      <c r="AM5492" s="92"/>
      <c r="AN5492" s="92"/>
      <c r="AO5492" s="92"/>
      <c r="AP5492" s="92"/>
      <c r="AQ5492" s="92"/>
      <c r="AR5492" s="92"/>
      <c r="AS5492" s="92"/>
      <c r="AT5492" s="92"/>
      <c r="AU5492" s="92"/>
      <c r="AV5492" s="92"/>
      <c r="AW5492" s="92"/>
      <c r="AX5492" s="92"/>
      <c r="AY5492" s="92"/>
      <c r="AZ5492" s="93"/>
      <c r="BA5492" s="93"/>
      <c r="BB5492" s="93"/>
      <c r="BC5492" s="93"/>
      <c r="BD5492" s="93"/>
      <c r="BE5492" s="93"/>
      <c r="BF5492" s="93"/>
      <c r="BG5492" s="93"/>
      <c r="BH5492" s="93"/>
      <c r="BI5492" s="93"/>
      <c r="BJ5492" s="93"/>
      <c r="BK5492" s="93"/>
      <c r="BL5492" s="93"/>
    </row>
    <row r="5493" spans="2:64" x14ac:dyDescent="0.2">
      <c r="B5493" s="43"/>
      <c r="C5493" s="73"/>
      <c r="D5493" s="64"/>
      <c r="E5493" s="55"/>
      <c r="F5493" s="74"/>
      <c r="G5493" s="74"/>
      <c r="H5493" s="74"/>
      <c r="I5493" s="75"/>
      <c r="J5493" s="74"/>
      <c r="L5493" s="55"/>
      <c r="M5493" s="234"/>
      <c r="N5493" s="65"/>
      <c r="O5493" s="76"/>
      <c r="P5493" s="76"/>
      <c r="Q5493" s="65"/>
      <c r="R5493" s="76"/>
      <c r="S5493" s="76"/>
      <c r="T5493" s="76"/>
      <c r="U5493" s="76"/>
      <c r="V5493" s="76"/>
      <c r="W5493" s="76"/>
      <c r="X5493" s="76"/>
      <c r="Y5493" s="76"/>
      <c r="Z5493" s="76"/>
      <c r="AA5493" s="85"/>
      <c r="AB5493" s="85"/>
      <c r="AC5493" s="85"/>
      <c r="AD5493" s="85"/>
      <c r="AE5493" s="85"/>
      <c r="AF5493" s="85"/>
      <c r="AG5493" s="86"/>
      <c r="AH5493" s="85"/>
      <c r="AI5493" s="85"/>
      <c r="AJ5493" s="85"/>
      <c r="AK5493" s="85"/>
      <c r="AL5493" s="85"/>
      <c r="AM5493" s="92"/>
      <c r="AN5493" s="92"/>
      <c r="AO5493" s="92"/>
      <c r="AP5493" s="92"/>
      <c r="AQ5493" s="92"/>
      <c r="AR5493" s="92"/>
      <c r="AS5493" s="92"/>
      <c r="AT5493" s="92"/>
      <c r="AU5493" s="92"/>
      <c r="AV5493" s="92"/>
      <c r="AW5493" s="92"/>
      <c r="AX5493" s="92"/>
      <c r="AY5493" s="92"/>
      <c r="AZ5493" s="93"/>
      <c r="BA5493" s="93"/>
      <c r="BB5493" s="93"/>
      <c r="BC5493" s="93"/>
      <c r="BD5493" s="93"/>
      <c r="BE5493" s="93"/>
      <c r="BF5493" s="93"/>
      <c r="BG5493" s="93"/>
      <c r="BH5493" s="93"/>
      <c r="BI5493" s="93"/>
      <c r="BJ5493" s="93"/>
      <c r="BK5493" s="93"/>
      <c r="BL5493" s="93"/>
    </row>
    <row r="5494" spans="2:64" x14ac:dyDescent="0.2">
      <c r="B5494" s="43"/>
      <c r="C5494" s="73"/>
      <c r="D5494" s="64"/>
      <c r="E5494" s="55"/>
      <c r="F5494" s="74"/>
      <c r="G5494" s="74"/>
      <c r="H5494" s="74"/>
      <c r="I5494" s="75"/>
      <c r="J5494" s="74"/>
      <c r="L5494" s="55"/>
      <c r="M5494" s="234"/>
      <c r="N5494" s="65"/>
      <c r="O5494" s="76"/>
      <c r="P5494" s="76"/>
      <c r="Q5494" s="65"/>
      <c r="R5494" s="76"/>
      <c r="S5494" s="76"/>
      <c r="T5494" s="76"/>
      <c r="U5494" s="76"/>
      <c r="V5494" s="76"/>
      <c r="W5494" s="76"/>
      <c r="X5494" s="76"/>
      <c r="Y5494" s="76"/>
      <c r="Z5494" s="76"/>
      <c r="AA5494" s="85"/>
      <c r="AB5494" s="85"/>
      <c r="AC5494" s="85"/>
      <c r="AD5494" s="85"/>
      <c r="AE5494" s="85"/>
      <c r="AF5494" s="85"/>
      <c r="AG5494" s="86"/>
      <c r="AH5494" s="85"/>
      <c r="AI5494" s="85"/>
      <c r="AJ5494" s="85"/>
      <c r="AK5494" s="85"/>
      <c r="AL5494" s="85"/>
      <c r="AM5494" s="92"/>
      <c r="AN5494" s="92"/>
      <c r="AO5494" s="92"/>
      <c r="AP5494" s="92"/>
      <c r="AQ5494" s="92"/>
      <c r="AR5494" s="92"/>
      <c r="AS5494" s="92"/>
      <c r="AT5494" s="92"/>
      <c r="AU5494" s="92"/>
      <c r="AV5494" s="92"/>
      <c r="AW5494" s="92"/>
      <c r="AX5494" s="92"/>
      <c r="AY5494" s="92"/>
      <c r="AZ5494" s="93"/>
      <c r="BA5494" s="93"/>
      <c r="BB5494" s="93"/>
      <c r="BC5494" s="93"/>
      <c r="BD5494" s="93"/>
      <c r="BE5494" s="93"/>
      <c r="BF5494" s="93"/>
      <c r="BG5494" s="93"/>
      <c r="BH5494" s="93"/>
      <c r="BI5494" s="93"/>
      <c r="BJ5494" s="93"/>
      <c r="BK5494" s="93"/>
      <c r="BL5494" s="93"/>
    </row>
    <row r="5495" spans="2:64" x14ac:dyDescent="0.2">
      <c r="B5495" s="43"/>
      <c r="C5495" s="73"/>
      <c r="D5495" s="64"/>
      <c r="E5495" s="55"/>
      <c r="F5495" s="74"/>
      <c r="G5495" s="74"/>
      <c r="H5495" s="74"/>
      <c r="I5495" s="75"/>
      <c r="J5495" s="74"/>
      <c r="L5495" s="55"/>
      <c r="M5495" s="234"/>
      <c r="N5495" s="65"/>
      <c r="O5495" s="76"/>
      <c r="P5495" s="76"/>
      <c r="Q5495" s="65"/>
      <c r="R5495" s="76"/>
      <c r="S5495" s="76"/>
      <c r="T5495" s="76"/>
      <c r="U5495" s="76"/>
      <c r="V5495" s="76"/>
      <c r="W5495" s="76"/>
      <c r="X5495" s="76"/>
      <c r="Y5495" s="76"/>
      <c r="Z5495" s="76"/>
      <c r="AA5495" s="85"/>
      <c r="AB5495" s="85"/>
      <c r="AC5495" s="85"/>
      <c r="AD5495" s="85"/>
      <c r="AE5495" s="85"/>
      <c r="AF5495" s="85"/>
      <c r="AG5495" s="86"/>
      <c r="AH5495" s="85"/>
      <c r="AI5495" s="85"/>
      <c r="AJ5495" s="85"/>
      <c r="AK5495" s="85"/>
      <c r="AL5495" s="85"/>
      <c r="AM5495" s="92"/>
      <c r="AN5495" s="92"/>
      <c r="AO5495" s="92"/>
      <c r="AP5495" s="92"/>
      <c r="AQ5495" s="92"/>
      <c r="AR5495" s="92"/>
      <c r="AS5495" s="92"/>
      <c r="AT5495" s="92"/>
      <c r="AU5495" s="92"/>
      <c r="AV5495" s="92"/>
      <c r="AW5495" s="92"/>
      <c r="AX5495" s="92"/>
      <c r="AY5495" s="92"/>
      <c r="AZ5495" s="93"/>
      <c r="BA5495" s="93"/>
      <c r="BB5495" s="93"/>
      <c r="BC5495" s="93"/>
      <c r="BD5495" s="93"/>
      <c r="BE5495" s="93"/>
      <c r="BF5495" s="93"/>
      <c r="BG5495" s="93"/>
      <c r="BH5495" s="93"/>
      <c r="BI5495" s="93"/>
      <c r="BJ5495" s="93"/>
      <c r="BK5495" s="93"/>
      <c r="BL5495" s="93"/>
    </row>
    <row r="5496" spans="2:64" x14ac:dyDescent="0.2">
      <c r="B5496" s="43"/>
      <c r="C5496" s="73"/>
      <c r="D5496" s="64"/>
      <c r="E5496" s="55"/>
      <c r="F5496" s="74"/>
      <c r="G5496" s="74"/>
      <c r="H5496" s="74"/>
      <c r="I5496" s="75"/>
      <c r="J5496" s="74"/>
      <c r="L5496" s="55"/>
      <c r="M5496" s="234"/>
      <c r="N5496" s="65"/>
      <c r="O5496" s="76"/>
      <c r="P5496" s="76"/>
      <c r="Q5496" s="65"/>
      <c r="R5496" s="76"/>
      <c r="S5496" s="76"/>
      <c r="T5496" s="76"/>
      <c r="U5496" s="76"/>
      <c r="V5496" s="76"/>
      <c r="W5496" s="76"/>
      <c r="X5496" s="76"/>
      <c r="Y5496" s="76"/>
      <c r="Z5496" s="76"/>
      <c r="AA5496" s="85"/>
      <c r="AB5496" s="85"/>
      <c r="AC5496" s="85"/>
      <c r="AD5496" s="85"/>
      <c r="AE5496" s="85"/>
      <c r="AF5496" s="85"/>
      <c r="AG5496" s="86"/>
      <c r="AH5496" s="85"/>
      <c r="AI5496" s="85"/>
      <c r="AJ5496" s="85"/>
      <c r="AK5496" s="85"/>
      <c r="AL5496" s="85"/>
      <c r="AM5496" s="92"/>
      <c r="AN5496" s="92"/>
      <c r="AO5496" s="92"/>
      <c r="AP5496" s="92"/>
      <c r="AQ5496" s="92"/>
      <c r="AR5496" s="92"/>
      <c r="AS5496" s="92"/>
      <c r="AT5496" s="92"/>
      <c r="AU5496" s="92"/>
      <c r="AV5496" s="92"/>
      <c r="AW5496" s="92"/>
      <c r="AX5496" s="92"/>
      <c r="AY5496" s="92"/>
      <c r="AZ5496" s="93"/>
      <c r="BA5496" s="93"/>
      <c r="BB5496" s="93"/>
      <c r="BC5496" s="93"/>
      <c r="BD5496" s="93"/>
      <c r="BE5496" s="93"/>
      <c r="BF5496" s="93"/>
      <c r="BG5496" s="93"/>
      <c r="BH5496" s="93"/>
      <c r="BI5496" s="93"/>
      <c r="BJ5496" s="93"/>
      <c r="BK5496" s="93"/>
      <c r="BL5496" s="93"/>
    </row>
    <row r="5497" spans="2:64" x14ac:dyDescent="0.2">
      <c r="B5497" s="43"/>
      <c r="C5497" s="73"/>
      <c r="D5497" s="64"/>
      <c r="E5497" s="55"/>
      <c r="F5497" s="74"/>
      <c r="G5497" s="74"/>
      <c r="H5497" s="74"/>
      <c r="I5497" s="75"/>
      <c r="J5497" s="74"/>
      <c r="L5497" s="55"/>
      <c r="M5497" s="234"/>
      <c r="N5497" s="65"/>
      <c r="O5497" s="76"/>
      <c r="P5497" s="76"/>
      <c r="Q5497" s="65"/>
      <c r="R5497" s="76"/>
      <c r="S5497" s="76"/>
      <c r="T5497" s="76"/>
      <c r="U5497" s="76"/>
      <c r="V5497" s="76"/>
      <c r="W5497" s="76"/>
      <c r="X5497" s="76"/>
      <c r="Y5497" s="76"/>
      <c r="Z5497" s="76"/>
      <c r="AA5497" s="85"/>
      <c r="AB5497" s="85"/>
      <c r="AC5497" s="85"/>
      <c r="AD5497" s="85"/>
      <c r="AE5497" s="85"/>
      <c r="AF5497" s="85"/>
      <c r="AG5497" s="86"/>
      <c r="AH5497" s="85"/>
      <c r="AI5497" s="85"/>
      <c r="AJ5497" s="85"/>
      <c r="AK5497" s="85"/>
      <c r="AL5497" s="85"/>
      <c r="AM5497" s="92"/>
      <c r="AN5497" s="92"/>
      <c r="AO5497" s="92"/>
      <c r="AP5497" s="92"/>
      <c r="AQ5497" s="92"/>
      <c r="AR5497" s="92"/>
      <c r="AS5497" s="92"/>
      <c r="AT5497" s="92"/>
      <c r="AU5497" s="92"/>
      <c r="AV5497" s="92"/>
      <c r="AW5497" s="92"/>
      <c r="AX5497" s="92"/>
      <c r="AY5497" s="92"/>
      <c r="AZ5497" s="93"/>
      <c r="BA5497" s="93"/>
      <c r="BB5497" s="93"/>
      <c r="BC5497" s="93"/>
      <c r="BD5497" s="93"/>
      <c r="BE5497" s="93"/>
      <c r="BF5497" s="93"/>
      <c r="BG5497" s="93"/>
      <c r="BH5497" s="93"/>
      <c r="BI5497" s="93"/>
      <c r="BJ5497" s="93"/>
      <c r="BK5497" s="93"/>
      <c r="BL5497" s="93"/>
    </row>
    <row r="5498" spans="2:64" x14ac:dyDescent="0.2">
      <c r="B5498" s="43"/>
      <c r="C5498" s="73"/>
      <c r="D5498" s="64"/>
      <c r="E5498" s="55"/>
      <c r="F5498" s="74"/>
      <c r="G5498" s="74"/>
      <c r="H5498" s="74"/>
      <c r="I5498" s="75"/>
      <c r="J5498" s="74"/>
      <c r="L5498" s="55"/>
      <c r="M5498" s="234"/>
      <c r="N5498" s="65"/>
      <c r="O5498" s="76"/>
      <c r="P5498" s="76"/>
      <c r="Q5498" s="65"/>
      <c r="R5498" s="76"/>
      <c r="S5498" s="76"/>
      <c r="T5498" s="76"/>
      <c r="U5498" s="76"/>
      <c r="V5498" s="76"/>
      <c r="W5498" s="76"/>
      <c r="X5498" s="76"/>
      <c r="Y5498" s="76"/>
      <c r="Z5498" s="76"/>
      <c r="AA5498" s="85"/>
      <c r="AB5498" s="85"/>
      <c r="AC5498" s="85"/>
      <c r="AD5498" s="85"/>
      <c r="AE5498" s="85"/>
      <c r="AF5498" s="85"/>
      <c r="AG5498" s="86"/>
      <c r="AH5498" s="85"/>
      <c r="AI5498" s="85"/>
      <c r="AJ5498" s="85"/>
      <c r="AK5498" s="85"/>
      <c r="AL5498" s="85"/>
      <c r="AM5498" s="92"/>
      <c r="AN5498" s="92"/>
      <c r="AO5498" s="92"/>
      <c r="AP5498" s="92"/>
      <c r="AQ5498" s="92"/>
      <c r="AR5498" s="92"/>
      <c r="AS5498" s="92"/>
      <c r="AT5498" s="92"/>
      <c r="AU5498" s="92"/>
      <c r="AV5498" s="92"/>
      <c r="AW5498" s="92"/>
      <c r="AX5498" s="92"/>
      <c r="AY5498" s="92"/>
      <c r="AZ5498" s="93"/>
      <c r="BA5498" s="93"/>
      <c r="BB5498" s="93"/>
      <c r="BC5498" s="93"/>
      <c r="BD5498" s="93"/>
      <c r="BE5498" s="93"/>
      <c r="BF5498" s="93"/>
      <c r="BG5498" s="93"/>
      <c r="BH5498" s="93"/>
      <c r="BI5498" s="93"/>
      <c r="BJ5498" s="93"/>
      <c r="BK5498" s="93"/>
      <c r="BL5498" s="93"/>
    </row>
    <row r="5499" spans="2:64" x14ac:dyDescent="0.2">
      <c r="B5499" s="43"/>
      <c r="C5499" s="73"/>
      <c r="D5499" s="64"/>
      <c r="E5499" s="55"/>
      <c r="F5499" s="74"/>
      <c r="G5499" s="74"/>
      <c r="H5499" s="74"/>
      <c r="I5499" s="75"/>
      <c r="J5499" s="74"/>
      <c r="L5499" s="55"/>
      <c r="M5499" s="234"/>
      <c r="N5499" s="65"/>
      <c r="O5499" s="76"/>
      <c r="P5499" s="76"/>
      <c r="Q5499" s="65"/>
      <c r="R5499" s="76"/>
      <c r="S5499" s="76"/>
      <c r="T5499" s="76"/>
      <c r="U5499" s="76"/>
      <c r="V5499" s="76"/>
      <c r="W5499" s="76"/>
      <c r="X5499" s="76"/>
      <c r="Y5499" s="76"/>
      <c r="Z5499" s="76"/>
      <c r="AA5499" s="85"/>
      <c r="AB5499" s="85"/>
      <c r="AC5499" s="85"/>
      <c r="AD5499" s="85"/>
      <c r="AE5499" s="85"/>
      <c r="AF5499" s="85"/>
      <c r="AG5499" s="86"/>
      <c r="AH5499" s="85"/>
      <c r="AI5499" s="85"/>
      <c r="AJ5499" s="85"/>
      <c r="AK5499" s="85"/>
      <c r="AL5499" s="85"/>
      <c r="AM5499" s="92"/>
      <c r="AN5499" s="92"/>
      <c r="AO5499" s="92"/>
      <c r="AP5499" s="92"/>
      <c r="AQ5499" s="92"/>
      <c r="AR5499" s="92"/>
      <c r="AS5499" s="92"/>
      <c r="AT5499" s="92"/>
      <c r="AU5499" s="92"/>
      <c r="AV5499" s="92"/>
      <c r="AW5499" s="92"/>
      <c r="AX5499" s="92"/>
      <c r="AY5499" s="92"/>
      <c r="AZ5499" s="93"/>
      <c r="BA5499" s="93"/>
      <c r="BB5499" s="93"/>
      <c r="BC5499" s="93"/>
      <c r="BD5499" s="93"/>
      <c r="BE5499" s="93"/>
      <c r="BF5499" s="93"/>
      <c r="BG5499" s="93"/>
      <c r="BH5499" s="93"/>
      <c r="BI5499" s="93"/>
      <c r="BJ5499" s="93"/>
      <c r="BK5499" s="93"/>
      <c r="BL5499" s="93"/>
    </row>
    <row r="5500" spans="2:64" x14ac:dyDescent="0.2">
      <c r="B5500" s="43"/>
      <c r="C5500" s="73"/>
      <c r="D5500" s="64"/>
      <c r="E5500" s="55"/>
      <c r="F5500" s="74"/>
      <c r="G5500" s="74"/>
      <c r="H5500" s="74"/>
      <c r="I5500" s="75"/>
      <c r="J5500" s="74"/>
      <c r="L5500" s="55"/>
      <c r="M5500" s="234"/>
      <c r="N5500" s="65"/>
      <c r="O5500" s="76"/>
      <c r="P5500" s="76"/>
      <c r="Q5500" s="65"/>
      <c r="R5500" s="76"/>
      <c r="S5500" s="76"/>
      <c r="T5500" s="76"/>
      <c r="U5500" s="76"/>
      <c r="V5500" s="76"/>
      <c r="W5500" s="76"/>
      <c r="X5500" s="76"/>
      <c r="Y5500" s="76"/>
      <c r="Z5500" s="76"/>
      <c r="AA5500" s="85"/>
      <c r="AB5500" s="85"/>
      <c r="AC5500" s="85"/>
      <c r="AD5500" s="85"/>
      <c r="AE5500" s="85"/>
      <c r="AF5500" s="85"/>
      <c r="AG5500" s="86"/>
      <c r="AH5500" s="85"/>
      <c r="AI5500" s="85"/>
      <c r="AJ5500" s="85"/>
      <c r="AK5500" s="85"/>
      <c r="AL5500" s="85"/>
      <c r="AM5500" s="92"/>
      <c r="AN5500" s="92"/>
      <c r="AO5500" s="92"/>
      <c r="AP5500" s="92"/>
      <c r="AQ5500" s="92"/>
      <c r="AR5500" s="92"/>
      <c r="AS5500" s="92"/>
      <c r="AT5500" s="92"/>
      <c r="AU5500" s="92"/>
      <c r="AV5500" s="92"/>
      <c r="AW5500" s="92"/>
      <c r="AX5500" s="92"/>
      <c r="AY5500" s="92"/>
      <c r="AZ5500" s="93"/>
      <c r="BA5500" s="93"/>
      <c r="BB5500" s="93"/>
      <c r="BC5500" s="93"/>
      <c r="BD5500" s="93"/>
      <c r="BE5500" s="93"/>
      <c r="BF5500" s="93"/>
      <c r="BG5500" s="93"/>
      <c r="BH5500" s="93"/>
      <c r="BI5500" s="93"/>
      <c r="BJ5500" s="93"/>
      <c r="BK5500" s="93"/>
      <c r="BL5500" s="93"/>
    </row>
    <row r="5501" spans="2:64" x14ac:dyDescent="0.2">
      <c r="B5501" s="43"/>
      <c r="C5501" s="73"/>
      <c r="D5501" s="64"/>
      <c r="E5501" s="55"/>
      <c r="F5501" s="74"/>
      <c r="G5501" s="74"/>
      <c r="H5501" s="74"/>
      <c r="I5501" s="75"/>
      <c r="J5501" s="74"/>
      <c r="L5501" s="55"/>
      <c r="M5501" s="234"/>
      <c r="N5501" s="65"/>
      <c r="O5501" s="76"/>
      <c r="P5501" s="76"/>
      <c r="Q5501" s="65"/>
      <c r="R5501" s="76"/>
      <c r="S5501" s="76"/>
      <c r="T5501" s="76"/>
      <c r="U5501" s="76"/>
      <c r="V5501" s="76"/>
      <c r="W5501" s="76"/>
      <c r="X5501" s="76"/>
      <c r="Y5501" s="76"/>
      <c r="Z5501" s="76"/>
      <c r="AA5501" s="85"/>
      <c r="AB5501" s="85"/>
      <c r="AC5501" s="85"/>
      <c r="AD5501" s="85"/>
      <c r="AE5501" s="85"/>
      <c r="AF5501" s="85"/>
      <c r="AG5501" s="86"/>
      <c r="AH5501" s="85"/>
      <c r="AI5501" s="85"/>
      <c r="AJ5501" s="85"/>
      <c r="AK5501" s="85"/>
      <c r="AL5501" s="85"/>
      <c r="AM5501" s="92"/>
      <c r="AN5501" s="92"/>
      <c r="AO5501" s="92"/>
      <c r="AP5501" s="92"/>
      <c r="AQ5501" s="92"/>
      <c r="AR5501" s="92"/>
      <c r="AS5501" s="92"/>
      <c r="AT5501" s="92"/>
      <c r="AU5501" s="92"/>
      <c r="AV5501" s="92"/>
      <c r="AW5501" s="92"/>
      <c r="AX5501" s="92"/>
      <c r="AY5501" s="92"/>
      <c r="AZ5501" s="93"/>
      <c r="BA5501" s="93"/>
      <c r="BB5501" s="93"/>
      <c r="BC5501" s="93"/>
      <c r="BD5501" s="93"/>
      <c r="BE5501" s="93"/>
      <c r="BF5501" s="93"/>
      <c r="BG5501" s="93"/>
      <c r="BH5501" s="93"/>
      <c r="BI5501" s="93"/>
      <c r="BJ5501" s="93"/>
      <c r="BK5501" s="93"/>
      <c r="BL5501" s="93"/>
    </row>
    <row r="5502" spans="2:64" x14ac:dyDescent="0.2">
      <c r="B5502" s="43"/>
      <c r="C5502" s="73"/>
      <c r="D5502" s="64"/>
      <c r="E5502" s="55"/>
      <c r="F5502" s="74"/>
      <c r="G5502" s="74"/>
      <c r="H5502" s="74"/>
      <c r="I5502" s="75"/>
      <c r="J5502" s="74"/>
      <c r="L5502" s="55"/>
      <c r="M5502" s="234"/>
      <c r="N5502" s="65"/>
      <c r="O5502" s="76"/>
      <c r="P5502" s="76"/>
      <c r="Q5502" s="65"/>
      <c r="R5502" s="76"/>
      <c r="S5502" s="76"/>
      <c r="T5502" s="76"/>
      <c r="U5502" s="76"/>
      <c r="V5502" s="76"/>
      <c r="W5502" s="76"/>
      <c r="X5502" s="76"/>
      <c r="Y5502" s="76"/>
      <c r="Z5502" s="76"/>
      <c r="AA5502" s="85"/>
      <c r="AB5502" s="85"/>
      <c r="AC5502" s="85"/>
      <c r="AD5502" s="85"/>
      <c r="AE5502" s="85"/>
      <c r="AF5502" s="85"/>
      <c r="AG5502" s="86"/>
      <c r="AH5502" s="85"/>
      <c r="AI5502" s="85"/>
      <c r="AJ5502" s="85"/>
      <c r="AK5502" s="85"/>
      <c r="AL5502" s="85"/>
      <c r="AM5502" s="92"/>
      <c r="AN5502" s="92"/>
      <c r="AO5502" s="92"/>
      <c r="AP5502" s="92"/>
      <c r="AQ5502" s="92"/>
      <c r="AR5502" s="92"/>
      <c r="AS5502" s="92"/>
      <c r="AT5502" s="92"/>
      <c r="AU5502" s="92"/>
      <c r="AV5502" s="92"/>
      <c r="AW5502" s="92"/>
      <c r="AX5502" s="92"/>
      <c r="AY5502" s="92"/>
      <c r="AZ5502" s="93"/>
      <c r="BA5502" s="93"/>
      <c r="BB5502" s="93"/>
      <c r="BC5502" s="93"/>
      <c r="BD5502" s="93"/>
      <c r="BE5502" s="93"/>
      <c r="BF5502" s="93"/>
      <c r="BG5502" s="93"/>
      <c r="BH5502" s="93"/>
      <c r="BI5502" s="93"/>
      <c r="BJ5502" s="93"/>
      <c r="BK5502" s="93"/>
      <c r="BL5502" s="93"/>
    </row>
    <row r="5503" spans="2:64" x14ac:dyDescent="0.2">
      <c r="B5503" s="43"/>
      <c r="C5503" s="73"/>
      <c r="D5503" s="64"/>
      <c r="E5503" s="55"/>
      <c r="F5503" s="74"/>
      <c r="G5503" s="74"/>
      <c r="H5503" s="74"/>
      <c r="I5503" s="75"/>
      <c r="J5503" s="74"/>
      <c r="L5503" s="55"/>
      <c r="M5503" s="234"/>
      <c r="N5503" s="65"/>
      <c r="O5503" s="76"/>
      <c r="P5503" s="76"/>
      <c r="Q5503" s="65"/>
      <c r="R5503" s="76"/>
      <c r="S5503" s="76"/>
      <c r="T5503" s="76"/>
      <c r="U5503" s="76"/>
      <c r="V5503" s="76"/>
      <c r="W5503" s="76"/>
      <c r="X5503" s="76"/>
      <c r="Y5503" s="76"/>
      <c r="Z5503" s="76"/>
      <c r="AA5503" s="85"/>
      <c r="AB5503" s="85"/>
      <c r="AC5503" s="85"/>
      <c r="AD5503" s="85"/>
      <c r="AE5503" s="85"/>
      <c r="AF5503" s="85"/>
      <c r="AG5503" s="86"/>
      <c r="AH5503" s="85"/>
      <c r="AI5503" s="85"/>
      <c r="AJ5503" s="85"/>
      <c r="AK5503" s="85"/>
      <c r="AL5503" s="85"/>
      <c r="AM5503" s="92"/>
      <c r="AN5503" s="92"/>
      <c r="AO5503" s="92"/>
      <c r="AP5503" s="92"/>
      <c r="AQ5503" s="92"/>
      <c r="AR5503" s="92"/>
      <c r="AS5503" s="92"/>
      <c r="AT5503" s="92"/>
      <c r="AU5503" s="92"/>
      <c r="AV5503" s="92"/>
      <c r="AW5503" s="92"/>
      <c r="AX5503" s="92"/>
      <c r="AY5503" s="92"/>
      <c r="AZ5503" s="93"/>
      <c r="BA5503" s="93"/>
      <c r="BB5503" s="93"/>
      <c r="BC5503" s="93"/>
      <c r="BD5503" s="93"/>
      <c r="BE5503" s="93"/>
      <c r="BF5503" s="93"/>
      <c r="BG5503" s="93"/>
      <c r="BH5503" s="93"/>
      <c r="BI5503" s="93"/>
      <c r="BJ5503" s="93"/>
      <c r="BK5503" s="93"/>
      <c r="BL5503" s="93"/>
    </row>
    <row r="5504" spans="2:64" x14ac:dyDescent="0.2">
      <c r="B5504" s="43"/>
      <c r="C5504" s="73"/>
      <c r="D5504" s="64"/>
      <c r="E5504" s="55"/>
      <c r="F5504" s="74"/>
      <c r="G5504" s="74"/>
      <c r="H5504" s="74"/>
      <c r="I5504" s="75"/>
      <c r="J5504" s="74"/>
      <c r="L5504" s="55"/>
      <c r="M5504" s="234"/>
      <c r="N5504" s="65"/>
      <c r="O5504" s="76"/>
      <c r="P5504" s="76"/>
      <c r="Q5504" s="65"/>
      <c r="R5504" s="76"/>
      <c r="S5504" s="76"/>
      <c r="T5504" s="76"/>
      <c r="U5504" s="76"/>
      <c r="V5504" s="76"/>
      <c r="W5504" s="76"/>
      <c r="X5504" s="76"/>
      <c r="Y5504" s="76"/>
      <c r="Z5504" s="76"/>
      <c r="AA5504" s="85"/>
      <c r="AB5504" s="85"/>
      <c r="AC5504" s="85"/>
      <c r="AD5504" s="85"/>
      <c r="AE5504" s="85"/>
      <c r="AF5504" s="85"/>
      <c r="AG5504" s="86"/>
      <c r="AH5504" s="85"/>
      <c r="AI5504" s="85"/>
      <c r="AJ5504" s="85"/>
      <c r="AK5504" s="85"/>
      <c r="AL5504" s="85"/>
      <c r="AM5504" s="92"/>
      <c r="AN5504" s="92"/>
      <c r="AO5504" s="92"/>
      <c r="AP5504" s="92"/>
      <c r="AQ5504" s="92"/>
      <c r="AR5504" s="92"/>
      <c r="AS5504" s="92"/>
      <c r="AT5504" s="92"/>
      <c r="AU5504" s="92"/>
      <c r="AV5504" s="92"/>
      <c r="AW5504" s="92"/>
      <c r="AX5504" s="92"/>
      <c r="AY5504" s="92"/>
      <c r="AZ5504" s="93"/>
      <c r="BA5504" s="93"/>
      <c r="BB5504" s="93"/>
      <c r="BC5504" s="93"/>
      <c r="BD5504" s="93"/>
      <c r="BE5504" s="93"/>
      <c r="BF5504" s="93"/>
      <c r="BG5504" s="93"/>
      <c r="BH5504" s="93"/>
      <c r="BI5504" s="93"/>
      <c r="BJ5504" s="93"/>
      <c r="BK5504" s="93"/>
      <c r="BL5504" s="93"/>
    </row>
    <row r="5505" spans="2:64" x14ac:dyDescent="0.2">
      <c r="B5505" s="43"/>
      <c r="C5505" s="73"/>
      <c r="D5505" s="64"/>
      <c r="E5505" s="55"/>
      <c r="F5505" s="74"/>
      <c r="G5505" s="74"/>
      <c r="H5505" s="74"/>
      <c r="I5505" s="75"/>
      <c r="J5505" s="74"/>
      <c r="L5505" s="55"/>
      <c r="M5505" s="234"/>
      <c r="N5505" s="65"/>
      <c r="O5505" s="76"/>
      <c r="P5505" s="76"/>
      <c r="Q5505" s="65"/>
      <c r="R5505" s="76"/>
      <c r="S5505" s="76"/>
      <c r="T5505" s="76"/>
      <c r="U5505" s="76"/>
      <c r="V5505" s="76"/>
      <c r="W5505" s="76"/>
      <c r="X5505" s="76"/>
      <c r="Y5505" s="76"/>
      <c r="Z5505" s="76"/>
      <c r="AA5505" s="85"/>
      <c r="AB5505" s="85"/>
      <c r="AC5505" s="85"/>
      <c r="AD5505" s="85"/>
      <c r="AE5505" s="85"/>
      <c r="AF5505" s="85"/>
      <c r="AG5505" s="86"/>
      <c r="AH5505" s="85"/>
      <c r="AI5505" s="85"/>
      <c r="AJ5505" s="85"/>
      <c r="AK5505" s="85"/>
      <c r="AL5505" s="85"/>
      <c r="AM5505" s="92"/>
      <c r="AN5505" s="92"/>
      <c r="AO5505" s="92"/>
      <c r="AP5505" s="92"/>
      <c r="AQ5505" s="92"/>
      <c r="AR5505" s="92"/>
      <c r="AS5505" s="92"/>
      <c r="AT5505" s="92"/>
      <c r="AU5505" s="92"/>
      <c r="AV5505" s="92"/>
      <c r="AW5505" s="92"/>
      <c r="AX5505" s="92"/>
      <c r="AY5505" s="92"/>
      <c r="AZ5505" s="93"/>
      <c r="BA5505" s="93"/>
      <c r="BB5505" s="93"/>
      <c r="BC5505" s="93"/>
      <c r="BD5505" s="93"/>
      <c r="BE5505" s="93"/>
      <c r="BF5505" s="93"/>
      <c r="BG5505" s="93"/>
      <c r="BH5505" s="93"/>
      <c r="BI5505" s="93"/>
      <c r="BJ5505" s="93"/>
      <c r="BK5505" s="93"/>
      <c r="BL5505" s="93"/>
    </row>
    <row r="5506" spans="2:64" x14ac:dyDescent="0.2">
      <c r="B5506" s="43"/>
      <c r="C5506" s="73"/>
      <c r="D5506" s="64"/>
      <c r="E5506" s="55"/>
      <c r="F5506" s="74"/>
      <c r="G5506" s="74"/>
      <c r="H5506" s="74"/>
      <c r="I5506" s="75"/>
      <c r="J5506" s="74"/>
      <c r="L5506" s="55"/>
      <c r="M5506" s="234"/>
      <c r="N5506" s="65"/>
      <c r="O5506" s="76"/>
      <c r="P5506" s="76"/>
      <c r="Q5506" s="65"/>
      <c r="R5506" s="76"/>
      <c r="S5506" s="76"/>
      <c r="T5506" s="76"/>
      <c r="U5506" s="76"/>
      <c r="V5506" s="76"/>
      <c r="W5506" s="76"/>
      <c r="X5506" s="76"/>
      <c r="Y5506" s="76"/>
      <c r="Z5506" s="76"/>
      <c r="AA5506" s="85"/>
      <c r="AB5506" s="85"/>
      <c r="AC5506" s="85"/>
      <c r="AD5506" s="85"/>
      <c r="AE5506" s="85"/>
      <c r="AF5506" s="85"/>
      <c r="AG5506" s="86"/>
      <c r="AH5506" s="85"/>
      <c r="AI5506" s="85"/>
      <c r="AJ5506" s="85"/>
      <c r="AK5506" s="85"/>
      <c r="AL5506" s="85"/>
      <c r="AM5506" s="92"/>
      <c r="AN5506" s="92"/>
      <c r="AO5506" s="92"/>
      <c r="AP5506" s="92"/>
      <c r="AQ5506" s="92"/>
      <c r="AR5506" s="92"/>
      <c r="AS5506" s="92"/>
      <c r="AT5506" s="92"/>
      <c r="AU5506" s="92"/>
      <c r="AV5506" s="92"/>
      <c r="AW5506" s="92"/>
      <c r="AX5506" s="92"/>
      <c r="AY5506" s="92"/>
      <c r="AZ5506" s="93"/>
      <c r="BA5506" s="93"/>
      <c r="BB5506" s="93"/>
      <c r="BC5506" s="93"/>
      <c r="BD5506" s="93"/>
      <c r="BE5506" s="93"/>
      <c r="BF5506" s="93"/>
      <c r="BG5506" s="93"/>
      <c r="BH5506" s="93"/>
      <c r="BI5506" s="93"/>
      <c r="BJ5506" s="93"/>
      <c r="BK5506" s="93"/>
      <c r="BL5506" s="93"/>
    </row>
    <row r="5507" spans="2:64" x14ac:dyDescent="0.2">
      <c r="B5507" s="43"/>
      <c r="C5507" s="73"/>
      <c r="D5507" s="64"/>
      <c r="E5507" s="55"/>
      <c r="F5507" s="74"/>
      <c r="G5507" s="74"/>
      <c r="H5507" s="74"/>
      <c r="I5507" s="75"/>
      <c r="J5507" s="74"/>
      <c r="L5507" s="55"/>
      <c r="M5507" s="234"/>
      <c r="N5507" s="65"/>
      <c r="O5507" s="76"/>
      <c r="P5507" s="76"/>
      <c r="Q5507" s="65"/>
      <c r="R5507" s="76"/>
      <c r="S5507" s="76"/>
      <c r="T5507" s="76"/>
      <c r="U5507" s="76"/>
      <c r="V5507" s="76"/>
      <c r="W5507" s="76"/>
      <c r="X5507" s="76"/>
      <c r="Y5507" s="76"/>
      <c r="Z5507" s="76"/>
      <c r="AA5507" s="85"/>
      <c r="AB5507" s="85"/>
      <c r="AC5507" s="85"/>
      <c r="AD5507" s="85"/>
      <c r="AE5507" s="85"/>
      <c r="AF5507" s="85"/>
      <c r="AG5507" s="86"/>
      <c r="AH5507" s="85"/>
      <c r="AI5507" s="85"/>
      <c r="AJ5507" s="85"/>
      <c r="AK5507" s="85"/>
      <c r="AL5507" s="85"/>
      <c r="AM5507" s="92"/>
      <c r="AN5507" s="92"/>
      <c r="AO5507" s="92"/>
      <c r="AP5507" s="92"/>
      <c r="AQ5507" s="92"/>
      <c r="AR5507" s="92"/>
      <c r="AS5507" s="92"/>
      <c r="AT5507" s="92"/>
      <c r="AU5507" s="92"/>
      <c r="AV5507" s="92"/>
      <c r="AW5507" s="92"/>
      <c r="AX5507" s="92"/>
      <c r="AY5507" s="92"/>
      <c r="AZ5507" s="93"/>
      <c r="BA5507" s="93"/>
      <c r="BB5507" s="93"/>
      <c r="BC5507" s="93"/>
      <c r="BD5507" s="93"/>
      <c r="BE5507" s="93"/>
      <c r="BF5507" s="93"/>
      <c r="BG5507" s="93"/>
      <c r="BH5507" s="93"/>
      <c r="BI5507" s="93"/>
      <c r="BJ5507" s="93"/>
      <c r="BK5507" s="93"/>
      <c r="BL5507" s="93"/>
    </row>
    <row r="5508" spans="2:64" x14ac:dyDescent="0.2">
      <c r="B5508" s="43"/>
      <c r="C5508" s="73"/>
      <c r="D5508" s="64"/>
      <c r="E5508" s="55"/>
      <c r="F5508" s="74"/>
      <c r="G5508" s="74"/>
      <c r="H5508" s="74"/>
      <c r="I5508" s="75"/>
      <c r="J5508" s="74"/>
      <c r="L5508" s="55"/>
      <c r="M5508" s="234"/>
      <c r="N5508" s="65"/>
      <c r="O5508" s="76"/>
      <c r="P5508" s="76"/>
      <c r="Q5508" s="65"/>
      <c r="R5508" s="76"/>
      <c r="S5508" s="76"/>
      <c r="T5508" s="76"/>
      <c r="U5508" s="76"/>
      <c r="V5508" s="76"/>
      <c r="W5508" s="76"/>
      <c r="X5508" s="76"/>
      <c r="Y5508" s="76"/>
      <c r="Z5508" s="76"/>
      <c r="AA5508" s="85"/>
      <c r="AB5508" s="85"/>
      <c r="AC5508" s="85"/>
      <c r="AD5508" s="85"/>
      <c r="AE5508" s="85"/>
      <c r="AF5508" s="85"/>
      <c r="AG5508" s="86"/>
      <c r="AH5508" s="85"/>
      <c r="AI5508" s="85"/>
      <c r="AJ5508" s="85"/>
      <c r="AK5508" s="85"/>
      <c r="AL5508" s="85"/>
      <c r="AM5508" s="92"/>
      <c r="AN5508" s="92"/>
      <c r="AO5508" s="92"/>
      <c r="AP5508" s="92"/>
      <c r="AQ5508" s="92"/>
      <c r="AR5508" s="92"/>
      <c r="AS5508" s="92"/>
      <c r="AT5508" s="92"/>
      <c r="AU5508" s="92"/>
      <c r="AV5508" s="92"/>
      <c r="AW5508" s="92"/>
      <c r="AX5508" s="92"/>
      <c r="AY5508" s="92"/>
      <c r="AZ5508" s="93"/>
      <c r="BA5508" s="93"/>
      <c r="BB5508" s="93"/>
      <c r="BC5508" s="93"/>
      <c r="BD5508" s="93"/>
      <c r="BE5508" s="93"/>
      <c r="BF5508" s="93"/>
      <c r="BG5508" s="93"/>
      <c r="BH5508" s="93"/>
      <c r="BI5508" s="93"/>
      <c r="BJ5508" s="93"/>
      <c r="BK5508" s="93"/>
      <c r="BL5508" s="93"/>
    </row>
    <row r="5509" spans="2:64" x14ac:dyDescent="0.2">
      <c r="B5509" s="43"/>
      <c r="C5509" s="73"/>
      <c r="D5509" s="64"/>
      <c r="E5509" s="55"/>
      <c r="F5509" s="74"/>
      <c r="G5509" s="74"/>
      <c r="H5509" s="74"/>
      <c r="I5509" s="75"/>
      <c r="J5509" s="74"/>
      <c r="L5509" s="55"/>
      <c r="M5509" s="234"/>
      <c r="N5509" s="65"/>
      <c r="O5509" s="76"/>
      <c r="P5509" s="76"/>
      <c r="Q5509" s="65"/>
      <c r="R5509" s="76"/>
      <c r="S5509" s="76"/>
      <c r="T5509" s="76"/>
      <c r="U5509" s="76"/>
      <c r="V5509" s="76"/>
      <c r="W5509" s="76"/>
      <c r="X5509" s="76"/>
      <c r="Y5509" s="76"/>
      <c r="Z5509" s="76"/>
      <c r="AA5509" s="85"/>
      <c r="AB5509" s="85"/>
      <c r="AC5509" s="85"/>
      <c r="AD5509" s="85"/>
      <c r="AE5509" s="85"/>
      <c r="AF5509" s="85"/>
      <c r="AG5509" s="86"/>
      <c r="AH5509" s="85"/>
      <c r="AI5509" s="85"/>
      <c r="AJ5509" s="85"/>
      <c r="AK5509" s="85"/>
      <c r="AL5509" s="85"/>
      <c r="AM5509" s="92"/>
      <c r="AN5509" s="92"/>
      <c r="AO5509" s="92"/>
      <c r="AP5509" s="92"/>
      <c r="AQ5509" s="92"/>
      <c r="AR5509" s="92"/>
      <c r="AS5509" s="92"/>
      <c r="AT5509" s="92"/>
      <c r="AU5509" s="92"/>
      <c r="AV5509" s="92"/>
      <c r="AW5509" s="92"/>
      <c r="AX5509" s="92"/>
      <c r="AY5509" s="92"/>
      <c r="AZ5509" s="93"/>
      <c r="BA5509" s="93"/>
      <c r="BB5509" s="93"/>
      <c r="BC5509" s="93"/>
      <c r="BD5509" s="93"/>
      <c r="BE5509" s="93"/>
      <c r="BF5509" s="93"/>
      <c r="BG5509" s="93"/>
      <c r="BH5509" s="93"/>
      <c r="BI5509" s="93"/>
      <c r="BJ5509" s="93"/>
      <c r="BK5509" s="93"/>
      <c r="BL5509" s="93"/>
    </row>
    <row r="5510" spans="2:64" x14ac:dyDescent="0.2">
      <c r="B5510" s="43"/>
      <c r="C5510" s="73"/>
      <c r="D5510" s="64"/>
      <c r="E5510" s="55"/>
      <c r="F5510" s="74"/>
      <c r="G5510" s="74"/>
      <c r="H5510" s="74"/>
      <c r="I5510" s="75"/>
      <c r="J5510" s="74"/>
      <c r="L5510" s="55"/>
      <c r="M5510" s="234"/>
      <c r="N5510" s="65"/>
      <c r="O5510" s="76"/>
      <c r="P5510" s="76"/>
      <c r="Q5510" s="65"/>
      <c r="R5510" s="76"/>
      <c r="S5510" s="76"/>
      <c r="T5510" s="76"/>
      <c r="U5510" s="76"/>
      <c r="V5510" s="76"/>
      <c r="W5510" s="76"/>
      <c r="X5510" s="76"/>
      <c r="Y5510" s="76"/>
      <c r="Z5510" s="76"/>
      <c r="AA5510" s="85"/>
      <c r="AB5510" s="85"/>
      <c r="AC5510" s="85"/>
      <c r="AD5510" s="85"/>
      <c r="AE5510" s="85"/>
      <c r="AF5510" s="85"/>
      <c r="AG5510" s="86"/>
      <c r="AH5510" s="85"/>
      <c r="AI5510" s="85"/>
      <c r="AJ5510" s="85"/>
      <c r="AK5510" s="85"/>
      <c r="AL5510" s="85"/>
      <c r="AM5510" s="92"/>
      <c r="AN5510" s="92"/>
      <c r="AO5510" s="92"/>
      <c r="AP5510" s="92"/>
      <c r="AQ5510" s="92"/>
      <c r="AR5510" s="92"/>
      <c r="AS5510" s="92"/>
      <c r="AT5510" s="92"/>
      <c r="AU5510" s="92"/>
      <c r="AV5510" s="92"/>
      <c r="AW5510" s="92"/>
      <c r="AX5510" s="92"/>
      <c r="AY5510" s="92"/>
      <c r="AZ5510" s="93"/>
      <c r="BA5510" s="93"/>
      <c r="BB5510" s="93"/>
      <c r="BC5510" s="93"/>
      <c r="BD5510" s="93"/>
      <c r="BE5510" s="93"/>
      <c r="BF5510" s="93"/>
      <c r="BG5510" s="93"/>
      <c r="BH5510" s="93"/>
      <c r="BI5510" s="93"/>
      <c r="BJ5510" s="93"/>
      <c r="BK5510" s="93"/>
      <c r="BL5510" s="93"/>
    </row>
    <row r="5511" spans="2:64" x14ac:dyDescent="0.2">
      <c r="B5511" s="43"/>
      <c r="C5511" s="73"/>
      <c r="D5511" s="64"/>
      <c r="E5511" s="55"/>
      <c r="F5511" s="74"/>
      <c r="G5511" s="74"/>
      <c r="H5511" s="74"/>
      <c r="I5511" s="75"/>
      <c r="J5511" s="74"/>
      <c r="L5511" s="55"/>
      <c r="M5511" s="234"/>
      <c r="N5511" s="65"/>
      <c r="O5511" s="76"/>
      <c r="P5511" s="76"/>
      <c r="Q5511" s="65"/>
      <c r="R5511" s="76"/>
      <c r="S5511" s="76"/>
      <c r="T5511" s="76"/>
      <c r="U5511" s="76"/>
      <c r="V5511" s="76"/>
      <c r="W5511" s="76"/>
      <c r="X5511" s="76"/>
      <c r="Y5511" s="76"/>
      <c r="Z5511" s="76"/>
      <c r="AA5511" s="85"/>
      <c r="AB5511" s="85"/>
      <c r="AC5511" s="85"/>
      <c r="AD5511" s="85"/>
      <c r="AE5511" s="85"/>
      <c r="AF5511" s="85"/>
      <c r="AG5511" s="86"/>
      <c r="AH5511" s="85"/>
      <c r="AI5511" s="85"/>
      <c r="AJ5511" s="85"/>
      <c r="AK5511" s="85"/>
      <c r="AL5511" s="85"/>
      <c r="AM5511" s="92"/>
      <c r="AN5511" s="92"/>
      <c r="AO5511" s="92"/>
      <c r="AP5511" s="92"/>
      <c r="AQ5511" s="92"/>
      <c r="AR5511" s="92"/>
      <c r="AS5511" s="92"/>
      <c r="AT5511" s="92"/>
      <c r="AU5511" s="92"/>
      <c r="AV5511" s="92"/>
      <c r="AW5511" s="92"/>
      <c r="AX5511" s="92"/>
      <c r="AY5511" s="92"/>
      <c r="AZ5511" s="93"/>
      <c r="BA5511" s="93"/>
      <c r="BB5511" s="93"/>
      <c r="BC5511" s="93"/>
      <c r="BD5511" s="93"/>
      <c r="BE5511" s="93"/>
      <c r="BF5511" s="93"/>
      <c r="BG5511" s="93"/>
      <c r="BH5511" s="93"/>
      <c r="BI5511" s="93"/>
      <c r="BJ5511" s="93"/>
      <c r="BK5511" s="93"/>
      <c r="BL5511" s="93"/>
    </row>
    <row r="5512" spans="2:64" x14ac:dyDescent="0.2">
      <c r="B5512" s="43"/>
      <c r="C5512" s="73"/>
      <c r="D5512" s="64"/>
      <c r="E5512" s="55"/>
      <c r="F5512" s="74"/>
      <c r="G5512" s="74"/>
      <c r="H5512" s="74"/>
      <c r="I5512" s="75"/>
      <c r="J5512" s="74"/>
      <c r="L5512" s="55"/>
      <c r="M5512" s="234"/>
      <c r="N5512" s="65"/>
      <c r="O5512" s="76"/>
      <c r="P5512" s="76"/>
      <c r="Q5512" s="65"/>
      <c r="R5512" s="76"/>
      <c r="S5512" s="76"/>
      <c r="T5512" s="76"/>
      <c r="U5512" s="76"/>
      <c r="V5512" s="76"/>
      <c r="W5512" s="76"/>
      <c r="X5512" s="76"/>
      <c r="Y5512" s="76"/>
      <c r="Z5512" s="76"/>
      <c r="AA5512" s="85"/>
      <c r="AB5512" s="85"/>
      <c r="AC5512" s="85"/>
      <c r="AD5512" s="85"/>
      <c r="AE5512" s="85"/>
      <c r="AF5512" s="85"/>
      <c r="AG5512" s="86"/>
      <c r="AH5512" s="85"/>
      <c r="AI5512" s="85"/>
      <c r="AJ5512" s="85"/>
      <c r="AK5512" s="85"/>
      <c r="AL5512" s="85"/>
      <c r="AM5512" s="92"/>
      <c r="AN5512" s="92"/>
      <c r="AO5512" s="92"/>
      <c r="AP5512" s="92"/>
      <c r="AQ5512" s="92"/>
      <c r="AR5512" s="92"/>
      <c r="AS5512" s="92"/>
      <c r="AT5512" s="92"/>
      <c r="AU5512" s="92"/>
      <c r="AV5512" s="92"/>
      <c r="AW5512" s="92"/>
      <c r="AX5512" s="92"/>
      <c r="AY5512" s="92"/>
      <c r="AZ5512" s="93"/>
      <c r="BA5512" s="93"/>
      <c r="BB5512" s="93"/>
      <c r="BC5512" s="93"/>
      <c r="BD5512" s="93"/>
      <c r="BE5512" s="93"/>
      <c r="BF5512" s="93"/>
      <c r="BG5512" s="93"/>
      <c r="BH5512" s="93"/>
      <c r="BI5512" s="93"/>
      <c r="BJ5512" s="93"/>
      <c r="BK5512" s="93"/>
      <c r="BL5512" s="93"/>
    </row>
    <row r="5513" spans="2:64" x14ac:dyDescent="0.2">
      <c r="B5513" s="43"/>
      <c r="C5513" s="73"/>
      <c r="D5513" s="64"/>
      <c r="E5513" s="55"/>
      <c r="F5513" s="74"/>
      <c r="G5513" s="74"/>
      <c r="H5513" s="74"/>
      <c r="I5513" s="75"/>
      <c r="J5513" s="74"/>
      <c r="L5513" s="55"/>
      <c r="M5513" s="234"/>
      <c r="N5513" s="65"/>
      <c r="O5513" s="76"/>
      <c r="P5513" s="76"/>
      <c r="Q5513" s="65"/>
      <c r="R5513" s="76"/>
      <c r="S5513" s="76"/>
      <c r="T5513" s="76"/>
      <c r="U5513" s="76"/>
      <c r="V5513" s="76"/>
      <c r="W5513" s="76"/>
      <c r="X5513" s="76"/>
      <c r="Y5513" s="76"/>
      <c r="Z5513" s="76"/>
      <c r="AA5513" s="85"/>
      <c r="AB5513" s="85"/>
      <c r="AC5513" s="85"/>
      <c r="AD5513" s="85"/>
      <c r="AE5513" s="85"/>
      <c r="AF5513" s="85"/>
      <c r="AG5513" s="86"/>
      <c r="AH5513" s="85"/>
      <c r="AI5513" s="85"/>
      <c r="AJ5513" s="85"/>
      <c r="AK5513" s="85"/>
      <c r="AL5513" s="85"/>
      <c r="AM5513" s="92"/>
      <c r="AN5513" s="92"/>
      <c r="AO5513" s="92"/>
      <c r="AP5513" s="92"/>
      <c r="AQ5513" s="92"/>
      <c r="AR5513" s="92"/>
      <c r="AS5513" s="92"/>
      <c r="AT5513" s="92"/>
      <c r="AU5513" s="92"/>
      <c r="AV5513" s="92"/>
      <c r="AW5513" s="92"/>
      <c r="AX5513" s="92"/>
      <c r="AY5513" s="92"/>
      <c r="AZ5513" s="93"/>
      <c r="BA5513" s="93"/>
      <c r="BB5513" s="93"/>
      <c r="BC5513" s="93"/>
      <c r="BD5513" s="93"/>
      <c r="BE5513" s="93"/>
      <c r="BF5513" s="93"/>
      <c r="BG5513" s="93"/>
      <c r="BH5513" s="93"/>
      <c r="BI5513" s="93"/>
      <c r="BJ5513" s="93"/>
      <c r="BK5513" s="93"/>
      <c r="BL5513" s="93"/>
    </row>
    <row r="5514" spans="2:64" x14ac:dyDescent="0.2">
      <c r="B5514" s="43"/>
      <c r="C5514" s="73"/>
      <c r="D5514" s="64"/>
      <c r="E5514" s="55"/>
      <c r="F5514" s="74"/>
      <c r="G5514" s="74"/>
      <c r="H5514" s="74"/>
      <c r="I5514" s="75"/>
      <c r="J5514" s="74"/>
      <c r="L5514" s="55"/>
      <c r="M5514" s="234"/>
      <c r="N5514" s="65"/>
      <c r="O5514" s="76"/>
      <c r="P5514" s="76"/>
      <c r="Q5514" s="65"/>
      <c r="R5514" s="76"/>
      <c r="S5514" s="76"/>
      <c r="T5514" s="76"/>
      <c r="U5514" s="76"/>
      <c r="V5514" s="76"/>
      <c r="W5514" s="76"/>
      <c r="X5514" s="76"/>
      <c r="Y5514" s="76"/>
      <c r="Z5514" s="76"/>
      <c r="AA5514" s="85"/>
      <c r="AB5514" s="85"/>
      <c r="AC5514" s="85"/>
      <c r="AD5514" s="85"/>
      <c r="AE5514" s="85"/>
      <c r="AF5514" s="85"/>
      <c r="AG5514" s="86"/>
      <c r="AH5514" s="85"/>
      <c r="AI5514" s="85"/>
      <c r="AJ5514" s="85"/>
      <c r="AK5514" s="85"/>
      <c r="AL5514" s="85"/>
      <c r="AM5514" s="92"/>
      <c r="AN5514" s="92"/>
      <c r="AO5514" s="92"/>
      <c r="AP5514" s="92"/>
      <c r="AQ5514" s="92"/>
      <c r="AR5514" s="92"/>
      <c r="AS5514" s="92"/>
      <c r="AT5514" s="92"/>
      <c r="AU5514" s="92"/>
      <c r="AV5514" s="92"/>
      <c r="AW5514" s="92"/>
      <c r="AX5514" s="92"/>
      <c r="AY5514" s="92"/>
      <c r="AZ5514" s="93"/>
      <c r="BA5514" s="93"/>
      <c r="BB5514" s="93"/>
      <c r="BC5514" s="93"/>
      <c r="BD5514" s="93"/>
      <c r="BE5514" s="93"/>
      <c r="BF5514" s="93"/>
      <c r="BG5514" s="93"/>
      <c r="BH5514" s="93"/>
      <c r="BI5514" s="93"/>
      <c r="BJ5514" s="93"/>
      <c r="BK5514" s="93"/>
      <c r="BL5514" s="93"/>
    </row>
    <row r="5515" spans="2:64" x14ac:dyDescent="0.2">
      <c r="B5515" s="43"/>
      <c r="C5515" s="73"/>
      <c r="D5515" s="64"/>
      <c r="E5515" s="55"/>
      <c r="F5515" s="74"/>
      <c r="G5515" s="74"/>
      <c r="H5515" s="74"/>
      <c r="I5515" s="75"/>
      <c r="J5515" s="74"/>
      <c r="L5515" s="55"/>
      <c r="M5515" s="234"/>
      <c r="N5515" s="65"/>
      <c r="O5515" s="76"/>
      <c r="P5515" s="76"/>
      <c r="Q5515" s="65"/>
      <c r="R5515" s="76"/>
      <c r="S5515" s="76"/>
      <c r="T5515" s="76"/>
      <c r="U5515" s="76"/>
      <c r="V5515" s="76"/>
      <c r="W5515" s="76"/>
      <c r="X5515" s="76"/>
      <c r="Y5515" s="76"/>
      <c r="Z5515" s="76"/>
      <c r="AA5515" s="85"/>
      <c r="AB5515" s="85"/>
      <c r="AC5515" s="85"/>
      <c r="AD5515" s="85"/>
      <c r="AE5515" s="85"/>
      <c r="AF5515" s="85"/>
      <c r="AG5515" s="86"/>
      <c r="AH5515" s="85"/>
      <c r="AI5515" s="85"/>
      <c r="AJ5515" s="85"/>
      <c r="AK5515" s="85"/>
      <c r="AL5515" s="85"/>
      <c r="AM5515" s="92"/>
      <c r="AN5515" s="92"/>
      <c r="AO5515" s="92"/>
      <c r="AP5515" s="92"/>
      <c r="AQ5515" s="92"/>
      <c r="AR5515" s="92"/>
      <c r="AS5515" s="92"/>
      <c r="AT5515" s="92"/>
      <c r="AU5515" s="92"/>
      <c r="AV5515" s="92"/>
      <c r="AW5515" s="92"/>
      <c r="AX5515" s="92"/>
      <c r="AY5515" s="92"/>
      <c r="AZ5515" s="93"/>
      <c r="BA5515" s="93"/>
      <c r="BB5515" s="93"/>
      <c r="BC5515" s="93"/>
      <c r="BD5515" s="93"/>
      <c r="BE5515" s="93"/>
      <c r="BF5515" s="93"/>
      <c r="BG5515" s="93"/>
      <c r="BH5515" s="93"/>
      <c r="BI5515" s="93"/>
      <c r="BJ5515" s="93"/>
      <c r="BK5515" s="93"/>
      <c r="BL5515" s="93"/>
    </row>
    <row r="5516" spans="2:64" x14ac:dyDescent="0.2">
      <c r="B5516" s="43"/>
      <c r="C5516" s="73"/>
      <c r="D5516" s="64"/>
      <c r="E5516" s="55"/>
      <c r="F5516" s="74"/>
      <c r="G5516" s="74"/>
      <c r="H5516" s="74"/>
      <c r="I5516" s="75"/>
      <c r="J5516" s="74"/>
      <c r="L5516" s="55"/>
      <c r="M5516" s="234"/>
      <c r="N5516" s="65"/>
      <c r="O5516" s="76"/>
      <c r="P5516" s="76"/>
      <c r="Q5516" s="65"/>
      <c r="R5516" s="76"/>
      <c r="S5516" s="76"/>
      <c r="T5516" s="76"/>
      <c r="U5516" s="76"/>
      <c r="V5516" s="76"/>
      <c r="W5516" s="76"/>
      <c r="X5516" s="76"/>
      <c r="Y5516" s="76"/>
      <c r="Z5516" s="76"/>
      <c r="AA5516" s="85"/>
      <c r="AB5516" s="85"/>
      <c r="AC5516" s="85"/>
      <c r="AD5516" s="85"/>
      <c r="AE5516" s="85"/>
      <c r="AF5516" s="85"/>
      <c r="AG5516" s="86"/>
      <c r="AH5516" s="85"/>
      <c r="AI5516" s="85"/>
      <c r="AJ5516" s="85"/>
      <c r="AK5516" s="85"/>
      <c r="AL5516" s="85"/>
      <c r="AM5516" s="92"/>
      <c r="AN5516" s="92"/>
      <c r="AO5516" s="92"/>
      <c r="AP5516" s="92"/>
      <c r="AQ5516" s="92"/>
      <c r="AR5516" s="92"/>
      <c r="AS5516" s="92"/>
      <c r="AT5516" s="92"/>
      <c r="AU5516" s="92"/>
      <c r="AV5516" s="92"/>
      <c r="AW5516" s="92"/>
      <c r="AX5516" s="92"/>
      <c r="AY5516" s="92"/>
      <c r="AZ5516" s="93"/>
      <c r="BA5516" s="93"/>
      <c r="BB5516" s="93"/>
      <c r="BC5516" s="93"/>
      <c r="BD5516" s="93"/>
      <c r="BE5516" s="93"/>
      <c r="BF5516" s="93"/>
      <c r="BG5516" s="93"/>
      <c r="BH5516" s="93"/>
      <c r="BI5516" s="93"/>
      <c r="BJ5516" s="93"/>
      <c r="BK5516" s="93"/>
      <c r="BL5516" s="93"/>
    </row>
    <row r="5517" spans="2:64" x14ac:dyDescent="0.2">
      <c r="B5517" s="43"/>
      <c r="C5517" s="73"/>
      <c r="D5517" s="64"/>
      <c r="E5517" s="55"/>
      <c r="F5517" s="74"/>
      <c r="G5517" s="74"/>
      <c r="H5517" s="74"/>
      <c r="I5517" s="75"/>
      <c r="J5517" s="74"/>
      <c r="L5517" s="55"/>
      <c r="M5517" s="234"/>
      <c r="N5517" s="65"/>
      <c r="O5517" s="76"/>
      <c r="P5517" s="76"/>
      <c r="Q5517" s="65"/>
      <c r="R5517" s="76"/>
      <c r="S5517" s="76"/>
      <c r="T5517" s="76"/>
      <c r="U5517" s="76"/>
      <c r="V5517" s="76"/>
      <c r="W5517" s="76"/>
      <c r="X5517" s="76"/>
      <c r="Y5517" s="76"/>
      <c r="Z5517" s="76"/>
      <c r="AA5517" s="85"/>
      <c r="AB5517" s="85"/>
      <c r="AC5517" s="85"/>
      <c r="AD5517" s="85"/>
      <c r="AE5517" s="85"/>
      <c r="AF5517" s="85"/>
      <c r="AG5517" s="86"/>
      <c r="AH5517" s="85"/>
      <c r="AI5517" s="85"/>
      <c r="AJ5517" s="85"/>
      <c r="AK5517" s="85"/>
      <c r="AL5517" s="85"/>
      <c r="AM5517" s="92"/>
      <c r="AN5517" s="92"/>
      <c r="AO5517" s="92"/>
      <c r="AP5517" s="92"/>
      <c r="AQ5517" s="92"/>
      <c r="AR5517" s="92"/>
      <c r="AS5517" s="92"/>
      <c r="AT5517" s="92"/>
      <c r="AU5517" s="92"/>
      <c r="AV5517" s="92"/>
      <c r="AW5517" s="92"/>
      <c r="AX5517" s="92"/>
      <c r="AY5517" s="92"/>
      <c r="AZ5517" s="93"/>
      <c r="BA5517" s="93"/>
      <c r="BB5517" s="93"/>
      <c r="BC5517" s="93"/>
      <c r="BD5517" s="93"/>
      <c r="BE5517" s="93"/>
      <c r="BF5517" s="93"/>
      <c r="BG5517" s="93"/>
      <c r="BH5517" s="93"/>
      <c r="BI5517" s="93"/>
      <c r="BJ5517" s="93"/>
      <c r="BK5517" s="93"/>
      <c r="BL5517" s="93"/>
    </row>
    <row r="5518" spans="2:64" x14ac:dyDescent="0.2">
      <c r="B5518" s="43"/>
      <c r="C5518" s="73"/>
      <c r="D5518" s="64"/>
      <c r="E5518" s="55"/>
      <c r="F5518" s="74"/>
      <c r="G5518" s="74"/>
      <c r="H5518" s="74"/>
      <c r="I5518" s="75"/>
      <c r="J5518" s="74"/>
      <c r="L5518" s="55"/>
      <c r="M5518" s="234"/>
      <c r="N5518" s="65"/>
      <c r="O5518" s="76"/>
      <c r="P5518" s="76"/>
      <c r="Q5518" s="65"/>
      <c r="R5518" s="76"/>
      <c r="S5518" s="76"/>
      <c r="T5518" s="76"/>
      <c r="U5518" s="76"/>
      <c r="V5518" s="76"/>
      <c r="W5518" s="76"/>
      <c r="X5518" s="76"/>
      <c r="Y5518" s="76"/>
      <c r="Z5518" s="76"/>
      <c r="AA5518" s="85"/>
      <c r="AB5518" s="85"/>
      <c r="AC5518" s="85"/>
      <c r="AD5518" s="85"/>
      <c r="AE5518" s="85"/>
      <c r="AF5518" s="85"/>
      <c r="AG5518" s="86"/>
      <c r="AH5518" s="85"/>
      <c r="AI5518" s="85"/>
      <c r="AJ5518" s="85"/>
      <c r="AK5518" s="85"/>
      <c r="AL5518" s="85"/>
      <c r="AM5518" s="92"/>
      <c r="AN5518" s="92"/>
      <c r="AO5518" s="92"/>
      <c r="AP5518" s="92"/>
      <c r="AQ5518" s="92"/>
      <c r="AR5518" s="92"/>
      <c r="AS5518" s="92"/>
      <c r="AT5518" s="92"/>
      <c r="AU5518" s="92"/>
      <c r="AV5518" s="92"/>
      <c r="AW5518" s="92"/>
      <c r="AX5518" s="92"/>
      <c r="AY5518" s="92"/>
      <c r="AZ5518" s="93"/>
      <c r="BA5518" s="93"/>
      <c r="BB5518" s="93"/>
      <c r="BC5518" s="93"/>
      <c r="BD5518" s="93"/>
      <c r="BE5518" s="93"/>
      <c r="BF5518" s="93"/>
      <c r="BG5518" s="93"/>
      <c r="BH5518" s="93"/>
      <c r="BI5518" s="93"/>
      <c r="BJ5518" s="93"/>
      <c r="BK5518" s="93"/>
      <c r="BL5518" s="93"/>
    </row>
    <row r="5519" spans="2:64" x14ac:dyDescent="0.2">
      <c r="B5519" s="43"/>
      <c r="C5519" s="73"/>
      <c r="D5519" s="64"/>
      <c r="E5519" s="55"/>
      <c r="F5519" s="74"/>
      <c r="G5519" s="74"/>
      <c r="H5519" s="74"/>
      <c r="I5519" s="75"/>
      <c r="J5519" s="74"/>
      <c r="L5519" s="55"/>
      <c r="M5519" s="234"/>
      <c r="N5519" s="65"/>
      <c r="O5519" s="76"/>
      <c r="P5519" s="76"/>
      <c r="Q5519" s="65"/>
      <c r="R5519" s="76"/>
      <c r="S5519" s="76"/>
      <c r="T5519" s="76"/>
      <c r="U5519" s="76"/>
      <c r="V5519" s="76"/>
      <c r="W5519" s="76"/>
      <c r="X5519" s="76"/>
      <c r="Y5519" s="76"/>
      <c r="Z5519" s="76"/>
      <c r="AA5519" s="85"/>
      <c r="AB5519" s="85"/>
      <c r="AC5519" s="85"/>
      <c r="AD5519" s="85"/>
      <c r="AE5519" s="85"/>
      <c r="AF5519" s="85"/>
      <c r="AG5519" s="86"/>
      <c r="AH5519" s="85"/>
      <c r="AI5519" s="85"/>
      <c r="AJ5519" s="85"/>
      <c r="AK5519" s="85"/>
      <c r="AL5519" s="85"/>
      <c r="AM5519" s="92"/>
      <c r="AN5519" s="92"/>
      <c r="AO5519" s="92"/>
      <c r="AP5519" s="92"/>
      <c r="AQ5519" s="92"/>
      <c r="AR5519" s="92"/>
      <c r="AS5519" s="92"/>
      <c r="AT5519" s="92"/>
      <c r="AU5519" s="92"/>
      <c r="AV5519" s="92"/>
      <c r="AW5519" s="92"/>
      <c r="AX5519" s="92"/>
      <c r="AY5519" s="92"/>
      <c r="AZ5519" s="93"/>
      <c r="BA5519" s="93"/>
      <c r="BB5519" s="93"/>
      <c r="BC5519" s="93"/>
      <c r="BD5519" s="93"/>
      <c r="BE5519" s="93"/>
      <c r="BF5519" s="93"/>
      <c r="BG5519" s="93"/>
      <c r="BH5519" s="93"/>
      <c r="BI5519" s="93"/>
      <c r="BJ5519" s="93"/>
      <c r="BK5519" s="93"/>
      <c r="BL5519" s="93"/>
    </row>
    <row r="5520" spans="2:64" x14ac:dyDescent="0.2">
      <c r="B5520" s="43"/>
      <c r="C5520" s="73"/>
      <c r="D5520" s="64"/>
      <c r="E5520" s="55"/>
      <c r="F5520" s="74"/>
      <c r="G5520" s="74"/>
      <c r="H5520" s="74"/>
      <c r="I5520" s="75"/>
      <c r="J5520" s="74"/>
      <c r="L5520" s="55"/>
      <c r="M5520" s="234"/>
      <c r="N5520" s="65"/>
      <c r="O5520" s="76"/>
      <c r="P5520" s="76"/>
      <c r="Q5520" s="65"/>
      <c r="R5520" s="76"/>
      <c r="S5520" s="76"/>
      <c r="T5520" s="76"/>
      <c r="U5520" s="76"/>
      <c r="V5520" s="76"/>
      <c r="W5520" s="76"/>
      <c r="X5520" s="76"/>
      <c r="Y5520" s="76"/>
      <c r="Z5520" s="76"/>
      <c r="AA5520" s="85"/>
      <c r="AB5520" s="85"/>
      <c r="AC5520" s="85"/>
      <c r="AD5520" s="85"/>
      <c r="AE5520" s="85"/>
      <c r="AF5520" s="85"/>
      <c r="AG5520" s="86"/>
      <c r="AH5520" s="85"/>
      <c r="AI5520" s="85"/>
      <c r="AJ5520" s="85"/>
      <c r="AK5520" s="85"/>
      <c r="AL5520" s="85"/>
      <c r="AM5520" s="92"/>
      <c r="AN5520" s="92"/>
      <c r="AO5520" s="92"/>
      <c r="AP5520" s="92"/>
      <c r="AQ5520" s="92"/>
      <c r="AR5520" s="92"/>
      <c r="AS5520" s="92"/>
      <c r="AT5520" s="92"/>
      <c r="AU5520" s="92"/>
      <c r="AV5520" s="92"/>
      <c r="AW5520" s="92"/>
      <c r="AX5520" s="92"/>
      <c r="AY5520" s="92"/>
      <c r="AZ5520" s="93"/>
      <c r="BA5520" s="93"/>
      <c r="BB5520" s="93"/>
      <c r="BC5520" s="93"/>
      <c r="BD5520" s="93"/>
      <c r="BE5520" s="93"/>
      <c r="BF5520" s="93"/>
      <c r="BG5520" s="93"/>
      <c r="BH5520" s="93"/>
      <c r="BI5520" s="93"/>
      <c r="BJ5520" s="93"/>
      <c r="BK5520" s="93"/>
      <c r="BL5520" s="93"/>
    </row>
    <row r="5521" spans="2:64" x14ac:dyDescent="0.2">
      <c r="B5521" s="43"/>
      <c r="C5521" s="73"/>
      <c r="D5521" s="64"/>
      <c r="E5521" s="55"/>
      <c r="F5521" s="74"/>
      <c r="G5521" s="74"/>
      <c r="H5521" s="74"/>
      <c r="I5521" s="75"/>
      <c r="J5521" s="74"/>
      <c r="L5521" s="55"/>
      <c r="M5521" s="234"/>
      <c r="N5521" s="65"/>
      <c r="O5521" s="76"/>
      <c r="P5521" s="76"/>
      <c r="Q5521" s="65"/>
      <c r="R5521" s="76"/>
      <c r="S5521" s="76"/>
      <c r="T5521" s="76"/>
      <c r="U5521" s="76"/>
      <c r="V5521" s="76"/>
      <c r="W5521" s="76"/>
      <c r="X5521" s="76"/>
      <c r="Y5521" s="76"/>
      <c r="Z5521" s="76"/>
      <c r="AA5521" s="85"/>
      <c r="AB5521" s="85"/>
      <c r="AC5521" s="85"/>
      <c r="AD5521" s="85"/>
      <c r="AE5521" s="85"/>
      <c r="AF5521" s="85"/>
      <c r="AG5521" s="86"/>
      <c r="AH5521" s="85"/>
      <c r="AI5521" s="85"/>
      <c r="AJ5521" s="85"/>
      <c r="AK5521" s="85"/>
      <c r="AL5521" s="85"/>
      <c r="AM5521" s="92"/>
      <c r="AN5521" s="92"/>
      <c r="AO5521" s="92"/>
      <c r="AP5521" s="92"/>
      <c r="AQ5521" s="92"/>
      <c r="AR5521" s="92"/>
      <c r="AS5521" s="92"/>
      <c r="AT5521" s="92"/>
      <c r="AU5521" s="92"/>
      <c r="AV5521" s="92"/>
      <c r="AW5521" s="92"/>
      <c r="AX5521" s="92"/>
      <c r="AY5521" s="92"/>
      <c r="AZ5521" s="93"/>
      <c r="BA5521" s="93"/>
      <c r="BB5521" s="93"/>
      <c r="BC5521" s="93"/>
      <c r="BD5521" s="93"/>
      <c r="BE5521" s="93"/>
      <c r="BF5521" s="93"/>
      <c r="BG5521" s="93"/>
      <c r="BH5521" s="93"/>
      <c r="BI5521" s="93"/>
      <c r="BJ5521" s="93"/>
      <c r="BK5521" s="93"/>
      <c r="BL5521" s="93"/>
    </row>
    <row r="5522" spans="2:64" x14ac:dyDescent="0.2">
      <c r="B5522" s="43"/>
      <c r="C5522" s="73"/>
      <c r="D5522" s="64"/>
      <c r="E5522" s="55"/>
      <c r="F5522" s="74"/>
      <c r="G5522" s="74"/>
      <c r="H5522" s="74"/>
      <c r="I5522" s="75"/>
      <c r="J5522" s="74"/>
      <c r="L5522" s="55"/>
      <c r="M5522" s="234"/>
      <c r="N5522" s="65"/>
      <c r="O5522" s="76"/>
      <c r="P5522" s="76"/>
      <c r="Q5522" s="65"/>
      <c r="R5522" s="76"/>
      <c r="S5522" s="76"/>
      <c r="T5522" s="76"/>
      <c r="U5522" s="76"/>
      <c r="V5522" s="76"/>
      <c r="W5522" s="76"/>
      <c r="X5522" s="76"/>
      <c r="Y5522" s="76"/>
      <c r="Z5522" s="76"/>
      <c r="AA5522" s="85"/>
      <c r="AB5522" s="85"/>
      <c r="AC5522" s="85"/>
      <c r="AD5522" s="85"/>
      <c r="AE5522" s="85"/>
      <c r="AF5522" s="85"/>
      <c r="AG5522" s="86"/>
      <c r="AH5522" s="85"/>
      <c r="AI5522" s="85"/>
      <c r="AJ5522" s="85"/>
      <c r="AK5522" s="85"/>
      <c r="AL5522" s="85"/>
      <c r="AM5522" s="92"/>
      <c r="AN5522" s="92"/>
      <c r="AO5522" s="92"/>
      <c r="AP5522" s="92"/>
      <c r="AQ5522" s="92"/>
      <c r="AR5522" s="92"/>
      <c r="AS5522" s="92"/>
      <c r="AT5522" s="92"/>
      <c r="AU5522" s="92"/>
      <c r="AV5522" s="92"/>
      <c r="AW5522" s="92"/>
      <c r="AX5522" s="92"/>
      <c r="AY5522" s="92"/>
      <c r="AZ5522" s="93"/>
      <c r="BA5522" s="93"/>
      <c r="BB5522" s="93"/>
      <c r="BC5522" s="93"/>
      <c r="BD5522" s="93"/>
      <c r="BE5522" s="93"/>
      <c r="BF5522" s="93"/>
      <c r="BG5522" s="93"/>
      <c r="BH5522" s="93"/>
      <c r="BI5522" s="93"/>
      <c r="BJ5522" s="93"/>
      <c r="BK5522" s="93"/>
      <c r="BL5522" s="93"/>
    </row>
    <row r="5523" spans="2:64" x14ac:dyDescent="0.2">
      <c r="B5523" s="43"/>
      <c r="C5523" s="73"/>
      <c r="D5523" s="64"/>
      <c r="E5523" s="55"/>
      <c r="F5523" s="74"/>
      <c r="G5523" s="74"/>
      <c r="H5523" s="74"/>
      <c r="I5523" s="75"/>
      <c r="J5523" s="74"/>
      <c r="L5523" s="55"/>
      <c r="M5523" s="234"/>
      <c r="N5523" s="65"/>
      <c r="O5523" s="76"/>
      <c r="P5523" s="76"/>
      <c r="Q5523" s="65"/>
      <c r="R5523" s="76"/>
      <c r="S5523" s="76"/>
      <c r="T5523" s="76"/>
      <c r="U5523" s="76"/>
      <c r="V5523" s="76"/>
      <c r="W5523" s="76"/>
      <c r="X5523" s="76"/>
      <c r="Y5523" s="76"/>
      <c r="Z5523" s="76"/>
      <c r="AA5523" s="85"/>
      <c r="AB5523" s="85"/>
      <c r="AC5523" s="85"/>
      <c r="AD5523" s="85"/>
      <c r="AE5523" s="85"/>
      <c r="AF5523" s="85"/>
      <c r="AG5523" s="86"/>
      <c r="AH5523" s="85"/>
      <c r="AI5523" s="85"/>
      <c r="AJ5523" s="85"/>
      <c r="AK5523" s="85"/>
      <c r="AL5523" s="85"/>
      <c r="AM5523" s="92"/>
      <c r="AN5523" s="92"/>
      <c r="AO5523" s="92"/>
      <c r="AP5523" s="92"/>
      <c r="AQ5523" s="92"/>
      <c r="AR5523" s="92"/>
      <c r="AS5523" s="92"/>
      <c r="AT5523" s="92"/>
      <c r="AU5523" s="92"/>
      <c r="AV5523" s="92"/>
      <c r="AW5523" s="92"/>
      <c r="AX5523" s="92"/>
      <c r="AY5523" s="92"/>
      <c r="AZ5523" s="93"/>
      <c r="BA5523" s="93"/>
      <c r="BB5523" s="93"/>
      <c r="BC5523" s="93"/>
      <c r="BD5523" s="93"/>
      <c r="BE5523" s="93"/>
      <c r="BF5523" s="93"/>
      <c r="BG5523" s="93"/>
      <c r="BH5523" s="93"/>
      <c r="BI5523" s="93"/>
      <c r="BJ5523" s="93"/>
      <c r="BK5523" s="93"/>
      <c r="BL5523" s="93"/>
    </row>
    <row r="5524" spans="2:64" x14ac:dyDescent="0.2">
      <c r="B5524" s="43"/>
      <c r="C5524" s="73"/>
      <c r="D5524" s="64"/>
      <c r="E5524" s="55"/>
      <c r="F5524" s="74"/>
      <c r="G5524" s="74"/>
      <c r="H5524" s="74"/>
      <c r="I5524" s="75"/>
      <c r="J5524" s="74"/>
      <c r="L5524" s="55"/>
      <c r="M5524" s="234"/>
      <c r="N5524" s="65"/>
      <c r="O5524" s="76"/>
      <c r="P5524" s="76"/>
      <c r="Q5524" s="65"/>
      <c r="R5524" s="76"/>
      <c r="S5524" s="76"/>
      <c r="T5524" s="76"/>
      <c r="U5524" s="76"/>
      <c r="V5524" s="76"/>
      <c r="W5524" s="76"/>
      <c r="X5524" s="76"/>
      <c r="Y5524" s="76"/>
      <c r="Z5524" s="76"/>
      <c r="AA5524" s="85"/>
      <c r="AB5524" s="85"/>
      <c r="AC5524" s="85"/>
      <c r="AD5524" s="85"/>
      <c r="AE5524" s="85"/>
      <c r="AF5524" s="85"/>
      <c r="AG5524" s="86"/>
      <c r="AH5524" s="85"/>
      <c r="AI5524" s="85"/>
      <c r="AJ5524" s="85"/>
      <c r="AK5524" s="85"/>
      <c r="AL5524" s="85"/>
      <c r="AM5524" s="92"/>
      <c r="AN5524" s="92"/>
      <c r="AO5524" s="92"/>
      <c r="AP5524" s="92"/>
      <c r="AQ5524" s="92"/>
      <c r="AR5524" s="92"/>
      <c r="AS5524" s="92"/>
      <c r="AT5524" s="92"/>
      <c r="AU5524" s="92"/>
      <c r="AV5524" s="92"/>
      <c r="AW5524" s="92"/>
      <c r="AX5524" s="92"/>
      <c r="AY5524" s="92"/>
      <c r="AZ5524" s="93"/>
      <c r="BA5524" s="93"/>
      <c r="BB5524" s="93"/>
      <c r="BC5524" s="93"/>
      <c r="BD5524" s="93"/>
      <c r="BE5524" s="93"/>
      <c r="BF5524" s="93"/>
      <c r="BG5524" s="93"/>
      <c r="BH5524" s="93"/>
      <c r="BI5524" s="93"/>
      <c r="BJ5524" s="93"/>
      <c r="BK5524" s="93"/>
      <c r="BL5524" s="93"/>
    </row>
    <row r="5525" spans="2:64" x14ac:dyDescent="0.2">
      <c r="B5525" s="43"/>
      <c r="C5525" s="73"/>
      <c r="D5525" s="64"/>
      <c r="E5525" s="55"/>
      <c r="F5525" s="74"/>
      <c r="G5525" s="74"/>
      <c r="H5525" s="74"/>
      <c r="I5525" s="75"/>
      <c r="J5525" s="74"/>
      <c r="L5525" s="55"/>
      <c r="M5525" s="234"/>
      <c r="N5525" s="65"/>
      <c r="O5525" s="76"/>
      <c r="P5525" s="76"/>
      <c r="Q5525" s="65"/>
      <c r="R5525" s="76"/>
      <c r="S5525" s="76"/>
      <c r="T5525" s="76"/>
      <c r="U5525" s="76"/>
      <c r="V5525" s="76"/>
      <c r="W5525" s="76"/>
      <c r="X5525" s="76"/>
      <c r="Y5525" s="76"/>
      <c r="Z5525" s="76"/>
      <c r="AA5525" s="85"/>
      <c r="AB5525" s="85"/>
      <c r="AC5525" s="85"/>
      <c r="AD5525" s="85"/>
      <c r="AE5525" s="85"/>
      <c r="AF5525" s="85"/>
      <c r="AG5525" s="86"/>
      <c r="AH5525" s="85"/>
      <c r="AI5525" s="85"/>
      <c r="AJ5525" s="85"/>
      <c r="AK5525" s="85"/>
      <c r="AL5525" s="85"/>
      <c r="AM5525" s="92"/>
      <c r="AN5525" s="92"/>
      <c r="AO5525" s="92"/>
      <c r="AP5525" s="92"/>
      <c r="AQ5525" s="92"/>
      <c r="AR5525" s="92"/>
      <c r="AS5525" s="92"/>
      <c r="AT5525" s="92"/>
      <c r="AU5525" s="92"/>
      <c r="AV5525" s="92"/>
      <c r="AW5525" s="92"/>
      <c r="AX5525" s="92"/>
      <c r="AY5525" s="92"/>
      <c r="AZ5525" s="93"/>
      <c r="BA5525" s="93"/>
      <c r="BB5525" s="93"/>
      <c r="BC5525" s="93"/>
      <c r="BD5525" s="93"/>
      <c r="BE5525" s="93"/>
      <c r="BF5525" s="93"/>
      <c r="BG5525" s="93"/>
      <c r="BH5525" s="93"/>
      <c r="BI5525" s="93"/>
      <c r="BJ5525" s="93"/>
      <c r="BK5525" s="93"/>
      <c r="BL5525" s="93"/>
    </row>
    <row r="5526" spans="2:64" x14ac:dyDescent="0.2">
      <c r="B5526" s="43"/>
      <c r="C5526" s="73"/>
      <c r="D5526" s="64"/>
      <c r="E5526" s="55"/>
      <c r="F5526" s="74"/>
      <c r="G5526" s="74"/>
      <c r="H5526" s="74"/>
      <c r="I5526" s="75"/>
      <c r="J5526" s="74"/>
      <c r="L5526" s="55"/>
      <c r="M5526" s="234"/>
      <c r="N5526" s="65"/>
      <c r="O5526" s="76"/>
      <c r="P5526" s="76"/>
      <c r="Q5526" s="65"/>
      <c r="R5526" s="76"/>
      <c r="S5526" s="76"/>
      <c r="T5526" s="76"/>
      <c r="U5526" s="76"/>
      <c r="V5526" s="76"/>
      <c r="W5526" s="76"/>
      <c r="X5526" s="76"/>
      <c r="Y5526" s="76"/>
      <c r="Z5526" s="76"/>
      <c r="AA5526" s="85"/>
      <c r="AB5526" s="85"/>
      <c r="AC5526" s="85"/>
      <c r="AD5526" s="85"/>
      <c r="AE5526" s="85"/>
      <c r="AF5526" s="85"/>
      <c r="AG5526" s="86"/>
      <c r="AH5526" s="85"/>
      <c r="AI5526" s="85"/>
      <c r="AJ5526" s="85"/>
      <c r="AK5526" s="85"/>
      <c r="AL5526" s="85"/>
      <c r="AM5526" s="92"/>
      <c r="AN5526" s="92"/>
      <c r="AO5526" s="92"/>
      <c r="AP5526" s="92"/>
      <c r="AQ5526" s="92"/>
      <c r="AR5526" s="92"/>
      <c r="AS5526" s="92"/>
      <c r="AT5526" s="92"/>
      <c r="AU5526" s="92"/>
      <c r="AV5526" s="92"/>
      <c r="AW5526" s="92"/>
      <c r="AX5526" s="92"/>
      <c r="AY5526" s="92"/>
      <c r="AZ5526" s="93"/>
      <c r="BA5526" s="93"/>
      <c r="BB5526" s="93"/>
      <c r="BC5526" s="93"/>
      <c r="BD5526" s="93"/>
      <c r="BE5526" s="93"/>
      <c r="BF5526" s="93"/>
      <c r="BG5526" s="93"/>
      <c r="BH5526" s="93"/>
      <c r="BI5526" s="93"/>
      <c r="BJ5526" s="93"/>
      <c r="BK5526" s="93"/>
      <c r="BL5526" s="93"/>
    </row>
    <row r="5527" spans="2:64" x14ac:dyDescent="0.2">
      <c r="B5527" s="43"/>
      <c r="C5527" s="73"/>
      <c r="D5527" s="64"/>
      <c r="E5527" s="55"/>
      <c r="F5527" s="74"/>
      <c r="G5527" s="74"/>
      <c r="H5527" s="74"/>
      <c r="I5527" s="75"/>
      <c r="J5527" s="74"/>
      <c r="L5527" s="55"/>
      <c r="M5527" s="234"/>
      <c r="N5527" s="65"/>
      <c r="O5527" s="76"/>
      <c r="P5527" s="76"/>
      <c r="Q5527" s="65"/>
      <c r="R5527" s="76"/>
      <c r="S5527" s="76"/>
      <c r="T5527" s="76"/>
      <c r="U5527" s="76"/>
      <c r="V5527" s="76"/>
      <c r="W5527" s="76"/>
      <c r="X5527" s="76"/>
      <c r="Y5527" s="76"/>
      <c r="Z5527" s="76"/>
      <c r="AA5527" s="85"/>
      <c r="AB5527" s="85"/>
      <c r="AC5527" s="85"/>
      <c r="AD5527" s="85"/>
      <c r="AE5527" s="85"/>
      <c r="AF5527" s="85"/>
      <c r="AG5527" s="86"/>
      <c r="AH5527" s="85"/>
      <c r="AI5527" s="85"/>
      <c r="AJ5527" s="85"/>
      <c r="AK5527" s="85"/>
      <c r="AL5527" s="85"/>
      <c r="AM5527" s="92"/>
      <c r="AN5527" s="92"/>
      <c r="AO5527" s="92"/>
      <c r="AP5527" s="92"/>
      <c r="AQ5527" s="92"/>
      <c r="AR5527" s="92"/>
      <c r="AS5527" s="92"/>
      <c r="AT5527" s="92"/>
      <c r="AU5527" s="92"/>
      <c r="AV5527" s="92"/>
      <c r="AW5527" s="92"/>
      <c r="AX5527" s="92"/>
      <c r="AY5527" s="92"/>
      <c r="AZ5527" s="93"/>
      <c r="BA5527" s="93"/>
      <c r="BB5527" s="93"/>
      <c r="BC5527" s="93"/>
      <c r="BD5527" s="93"/>
      <c r="BE5527" s="93"/>
      <c r="BF5527" s="93"/>
      <c r="BG5527" s="93"/>
      <c r="BH5527" s="93"/>
      <c r="BI5527" s="93"/>
      <c r="BJ5527" s="93"/>
      <c r="BK5527" s="93"/>
      <c r="BL5527" s="93"/>
    </row>
    <row r="5528" spans="2:64" x14ac:dyDescent="0.2">
      <c r="B5528" s="43"/>
      <c r="C5528" s="73"/>
      <c r="D5528" s="64"/>
      <c r="E5528" s="55"/>
      <c r="F5528" s="74"/>
      <c r="G5528" s="74"/>
      <c r="H5528" s="74"/>
      <c r="I5528" s="75"/>
      <c r="J5528" s="74"/>
      <c r="L5528" s="55"/>
      <c r="M5528" s="234"/>
      <c r="N5528" s="65"/>
      <c r="O5528" s="76"/>
      <c r="P5528" s="76"/>
      <c r="Q5528" s="65"/>
      <c r="R5528" s="76"/>
      <c r="S5528" s="76"/>
      <c r="T5528" s="76"/>
      <c r="U5528" s="76"/>
      <c r="V5528" s="76"/>
      <c r="W5528" s="76"/>
      <c r="X5528" s="76"/>
      <c r="Y5528" s="76"/>
      <c r="Z5528" s="76"/>
      <c r="AA5528" s="85"/>
      <c r="AB5528" s="85"/>
      <c r="AC5528" s="85"/>
      <c r="AD5528" s="85"/>
      <c r="AE5528" s="85"/>
      <c r="AF5528" s="85"/>
      <c r="AG5528" s="86"/>
      <c r="AH5528" s="85"/>
      <c r="AI5528" s="85"/>
      <c r="AJ5528" s="85"/>
      <c r="AK5528" s="85"/>
      <c r="AL5528" s="85"/>
      <c r="AM5528" s="92"/>
      <c r="AN5528" s="92"/>
      <c r="AO5528" s="92"/>
      <c r="AP5528" s="92"/>
      <c r="AQ5528" s="92"/>
      <c r="AR5528" s="92"/>
      <c r="AS5528" s="92"/>
      <c r="AT5528" s="92"/>
      <c r="AU5528" s="92"/>
      <c r="AV5528" s="92"/>
      <c r="AW5528" s="92"/>
      <c r="AX5528" s="92"/>
      <c r="AY5528" s="92"/>
      <c r="AZ5528" s="93"/>
      <c r="BA5528" s="93"/>
      <c r="BB5528" s="93"/>
      <c r="BC5528" s="93"/>
      <c r="BD5528" s="93"/>
      <c r="BE5528" s="93"/>
      <c r="BF5528" s="93"/>
      <c r="BG5528" s="93"/>
      <c r="BH5528" s="93"/>
      <c r="BI5528" s="93"/>
      <c r="BJ5528" s="93"/>
      <c r="BK5528" s="93"/>
      <c r="BL5528" s="93"/>
    </row>
    <row r="5529" spans="2:64" x14ac:dyDescent="0.2">
      <c r="B5529" s="43"/>
      <c r="C5529" s="73"/>
      <c r="D5529" s="64"/>
      <c r="E5529" s="55"/>
      <c r="F5529" s="74"/>
      <c r="G5529" s="74"/>
      <c r="H5529" s="74"/>
      <c r="I5529" s="75"/>
      <c r="J5529" s="74"/>
      <c r="L5529" s="55"/>
      <c r="M5529" s="234"/>
      <c r="N5529" s="65"/>
      <c r="O5529" s="76"/>
      <c r="P5529" s="76"/>
      <c r="Q5529" s="65"/>
      <c r="R5529" s="76"/>
      <c r="S5529" s="76"/>
      <c r="T5529" s="76"/>
      <c r="U5529" s="76"/>
      <c r="V5529" s="76"/>
      <c r="W5529" s="76"/>
      <c r="X5529" s="76"/>
      <c r="Y5529" s="76"/>
      <c r="Z5529" s="76"/>
      <c r="AA5529" s="85"/>
      <c r="AB5529" s="85"/>
      <c r="AC5529" s="85"/>
      <c r="AD5529" s="85"/>
      <c r="AE5529" s="85"/>
      <c r="AF5529" s="85"/>
      <c r="AG5529" s="86"/>
      <c r="AH5529" s="85"/>
      <c r="AI5529" s="85"/>
      <c r="AJ5529" s="85"/>
      <c r="AK5529" s="85"/>
      <c r="AL5529" s="85"/>
      <c r="AM5529" s="92"/>
      <c r="AN5529" s="92"/>
      <c r="AO5529" s="92"/>
      <c r="AP5529" s="92"/>
      <c r="AQ5529" s="92"/>
      <c r="AR5529" s="92"/>
      <c r="AS5529" s="92"/>
      <c r="AT5529" s="92"/>
      <c r="AU5529" s="92"/>
      <c r="AV5529" s="92"/>
      <c r="AW5529" s="92"/>
      <c r="AX5529" s="92"/>
      <c r="AY5529" s="92"/>
      <c r="AZ5529" s="93"/>
      <c r="BA5529" s="93"/>
      <c r="BB5529" s="93"/>
      <c r="BC5529" s="93"/>
      <c r="BD5529" s="93"/>
      <c r="BE5529" s="93"/>
      <c r="BF5529" s="93"/>
      <c r="BG5529" s="93"/>
      <c r="BH5529" s="93"/>
      <c r="BI5529" s="93"/>
      <c r="BJ5529" s="93"/>
      <c r="BK5529" s="93"/>
      <c r="BL5529" s="93"/>
    </row>
    <row r="5530" spans="2:64" x14ac:dyDescent="0.2">
      <c r="B5530" s="43"/>
      <c r="C5530" s="73"/>
      <c r="D5530" s="64"/>
      <c r="E5530" s="55"/>
      <c r="F5530" s="74"/>
      <c r="G5530" s="74"/>
      <c r="H5530" s="74"/>
      <c r="I5530" s="75"/>
      <c r="J5530" s="74"/>
      <c r="L5530" s="55"/>
      <c r="M5530" s="234"/>
      <c r="N5530" s="65"/>
      <c r="O5530" s="76"/>
      <c r="P5530" s="76"/>
      <c r="Q5530" s="65"/>
      <c r="R5530" s="76"/>
      <c r="S5530" s="76"/>
      <c r="T5530" s="76"/>
      <c r="U5530" s="76"/>
      <c r="V5530" s="76"/>
      <c r="W5530" s="76"/>
      <c r="X5530" s="76"/>
      <c r="Y5530" s="76"/>
      <c r="Z5530" s="76"/>
      <c r="AA5530" s="85"/>
      <c r="AB5530" s="85"/>
      <c r="AC5530" s="85"/>
      <c r="AD5530" s="85"/>
      <c r="AE5530" s="85"/>
      <c r="AF5530" s="85"/>
      <c r="AG5530" s="86"/>
      <c r="AH5530" s="85"/>
      <c r="AI5530" s="85"/>
      <c r="AJ5530" s="85"/>
      <c r="AK5530" s="85"/>
      <c r="AL5530" s="85"/>
      <c r="AM5530" s="92"/>
      <c r="AN5530" s="92"/>
      <c r="AO5530" s="92"/>
      <c r="AP5530" s="92"/>
      <c r="AQ5530" s="92"/>
      <c r="AR5530" s="92"/>
      <c r="AS5530" s="92"/>
      <c r="AT5530" s="92"/>
      <c r="AU5530" s="92"/>
      <c r="AV5530" s="92"/>
      <c r="AW5530" s="92"/>
      <c r="AX5530" s="92"/>
      <c r="AY5530" s="92"/>
      <c r="AZ5530" s="93"/>
      <c r="BA5530" s="93"/>
      <c r="BB5530" s="93"/>
      <c r="BC5530" s="93"/>
      <c r="BD5530" s="93"/>
      <c r="BE5530" s="93"/>
      <c r="BF5530" s="93"/>
      <c r="BG5530" s="93"/>
      <c r="BH5530" s="93"/>
      <c r="BI5530" s="93"/>
      <c r="BJ5530" s="93"/>
      <c r="BK5530" s="93"/>
      <c r="BL5530" s="93"/>
    </row>
    <row r="5531" spans="2:64" x14ac:dyDescent="0.2">
      <c r="B5531" s="43"/>
      <c r="C5531" s="73"/>
      <c r="D5531" s="64"/>
      <c r="E5531" s="55"/>
      <c r="F5531" s="74"/>
      <c r="G5531" s="74"/>
      <c r="H5531" s="74"/>
      <c r="I5531" s="75"/>
      <c r="J5531" s="74"/>
      <c r="L5531" s="55"/>
      <c r="M5531" s="234"/>
      <c r="N5531" s="65"/>
      <c r="O5531" s="76"/>
      <c r="P5531" s="76"/>
      <c r="Q5531" s="65"/>
      <c r="R5531" s="76"/>
      <c r="S5531" s="76"/>
      <c r="T5531" s="76"/>
      <c r="U5531" s="76"/>
      <c r="V5531" s="76"/>
      <c r="W5531" s="76"/>
      <c r="X5531" s="76"/>
      <c r="Y5531" s="76"/>
      <c r="Z5531" s="76"/>
      <c r="AA5531" s="85"/>
      <c r="AB5531" s="85"/>
      <c r="AC5531" s="85"/>
      <c r="AD5531" s="85"/>
      <c r="AE5531" s="85"/>
      <c r="AF5531" s="85"/>
      <c r="AG5531" s="86"/>
      <c r="AH5531" s="85"/>
      <c r="AI5531" s="85"/>
      <c r="AJ5531" s="85"/>
      <c r="AK5531" s="85"/>
      <c r="AL5531" s="85"/>
      <c r="AM5531" s="92"/>
      <c r="AN5531" s="92"/>
      <c r="AO5531" s="92"/>
      <c r="AP5531" s="92"/>
      <c r="AQ5531" s="92"/>
      <c r="AR5531" s="92"/>
      <c r="AS5531" s="92"/>
      <c r="AT5531" s="92"/>
      <c r="AU5531" s="92"/>
      <c r="AV5531" s="92"/>
      <c r="AW5531" s="92"/>
      <c r="AX5531" s="92"/>
      <c r="AY5531" s="92"/>
      <c r="AZ5531" s="93"/>
      <c r="BA5531" s="93"/>
      <c r="BB5531" s="93"/>
      <c r="BC5531" s="93"/>
      <c r="BD5531" s="93"/>
      <c r="BE5531" s="93"/>
      <c r="BF5531" s="93"/>
      <c r="BG5531" s="93"/>
      <c r="BH5531" s="93"/>
      <c r="BI5531" s="93"/>
      <c r="BJ5531" s="93"/>
      <c r="BK5531" s="93"/>
      <c r="BL5531" s="93"/>
    </row>
    <row r="5532" spans="2:64" x14ac:dyDescent="0.2">
      <c r="B5532" s="43"/>
      <c r="C5532" s="73"/>
      <c r="D5532" s="64"/>
      <c r="E5532" s="55"/>
      <c r="F5532" s="74"/>
      <c r="G5532" s="74"/>
      <c r="H5532" s="74"/>
      <c r="I5532" s="75"/>
      <c r="J5532" s="74"/>
      <c r="L5532" s="55"/>
      <c r="M5532" s="234"/>
      <c r="N5532" s="65"/>
      <c r="O5532" s="76"/>
      <c r="P5532" s="76"/>
      <c r="Q5532" s="65"/>
      <c r="R5532" s="76"/>
      <c r="S5532" s="76"/>
      <c r="T5532" s="76"/>
      <c r="U5532" s="76"/>
      <c r="V5532" s="76"/>
      <c r="W5532" s="76"/>
      <c r="X5532" s="76"/>
      <c r="Y5532" s="76"/>
      <c r="Z5532" s="76"/>
      <c r="AA5532" s="85"/>
      <c r="AB5532" s="85"/>
      <c r="AC5532" s="85"/>
      <c r="AD5532" s="85"/>
      <c r="AE5532" s="85"/>
      <c r="AF5532" s="85"/>
      <c r="AG5532" s="86"/>
      <c r="AH5532" s="85"/>
      <c r="AI5532" s="85"/>
      <c r="AJ5532" s="85"/>
      <c r="AK5532" s="85"/>
      <c r="AL5532" s="85"/>
      <c r="AM5532" s="92"/>
      <c r="AN5532" s="92"/>
      <c r="AO5532" s="92"/>
      <c r="AP5532" s="92"/>
      <c r="AQ5532" s="92"/>
      <c r="AR5532" s="92"/>
      <c r="AS5532" s="92"/>
      <c r="AT5532" s="92"/>
      <c r="AU5532" s="92"/>
      <c r="AV5532" s="92"/>
      <c r="AW5532" s="92"/>
      <c r="AX5532" s="92"/>
      <c r="AY5532" s="92"/>
      <c r="AZ5532" s="93"/>
      <c r="BA5532" s="93"/>
      <c r="BB5532" s="93"/>
      <c r="BC5532" s="93"/>
      <c r="BD5532" s="93"/>
      <c r="BE5532" s="93"/>
      <c r="BF5532" s="93"/>
      <c r="BG5532" s="93"/>
      <c r="BH5532" s="93"/>
      <c r="BI5532" s="93"/>
      <c r="BJ5532" s="93"/>
      <c r="BK5532" s="93"/>
      <c r="BL5532" s="93"/>
    </row>
    <row r="5533" spans="2:64" x14ac:dyDescent="0.2">
      <c r="B5533" s="43"/>
      <c r="C5533" s="73"/>
      <c r="D5533" s="64"/>
      <c r="E5533" s="55"/>
      <c r="F5533" s="74"/>
      <c r="G5533" s="74"/>
      <c r="H5533" s="74"/>
      <c r="I5533" s="75"/>
      <c r="J5533" s="74"/>
      <c r="L5533" s="55"/>
      <c r="M5533" s="234"/>
      <c r="N5533" s="65"/>
      <c r="O5533" s="76"/>
      <c r="P5533" s="76"/>
      <c r="Q5533" s="65"/>
      <c r="R5533" s="76"/>
      <c r="S5533" s="76"/>
      <c r="T5533" s="76"/>
      <c r="U5533" s="76"/>
      <c r="V5533" s="76"/>
      <c r="W5533" s="76"/>
      <c r="X5533" s="76"/>
      <c r="Y5533" s="76"/>
      <c r="Z5533" s="76"/>
      <c r="AA5533" s="85"/>
      <c r="AB5533" s="85"/>
      <c r="AC5533" s="85"/>
      <c r="AD5533" s="85"/>
      <c r="AE5533" s="85"/>
      <c r="AF5533" s="85"/>
      <c r="AG5533" s="86"/>
      <c r="AH5533" s="85"/>
      <c r="AI5533" s="85"/>
      <c r="AJ5533" s="85"/>
      <c r="AK5533" s="85"/>
      <c r="AL5533" s="85"/>
      <c r="AM5533" s="92"/>
      <c r="AN5533" s="92"/>
      <c r="AO5533" s="92"/>
      <c r="AP5533" s="92"/>
      <c r="AQ5533" s="92"/>
      <c r="AR5533" s="92"/>
      <c r="AS5533" s="92"/>
      <c r="AT5533" s="92"/>
      <c r="AU5533" s="92"/>
      <c r="AV5533" s="92"/>
      <c r="AW5533" s="92"/>
      <c r="AX5533" s="92"/>
      <c r="AY5533" s="92"/>
      <c r="AZ5533" s="93"/>
      <c r="BA5533" s="93"/>
      <c r="BB5533" s="93"/>
      <c r="BC5533" s="93"/>
      <c r="BD5533" s="93"/>
      <c r="BE5533" s="93"/>
      <c r="BF5533" s="93"/>
      <c r="BG5533" s="93"/>
      <c r="BH5533" s="93"/>
      <c r="BI5533" s="93"/>
      <c r="BJ5533" s="93"/>
      <c r="BK5533" s="93"/>
      <c r="BL5533" s="93"/>
    </row>
    <row r="5534" spans="2:64" x14ac:dyDescent="0.2">
      <c r="B5534" s="43"/>
      <c r="C5534" s="73"/>
      <c r="D5534" s="64"/>
      <c r="E5534" s="55"/>
      <c r="F5534" s="74"/>
      <c r="G5534" s="74"/>
      <c r="H5534" s="74"/>
      <c r="I5534" s="75"/>
      <c r="J5534" s="74"/>
      <c r="L5534" s="55"/>
      <c r="M5534" s="234"/>
      <c r="N5534" s="65"/>
      <c r="O5534" s="76"/>
      <c r="P5534" s="76"/>
      <c r="Q5534" s="65"/>
      <c r="R5534" s="76"/>
      <c r="S5534" s="76"/>
      <c r="T5534" s="76"/>
      <c r="U5534" s="76"/>
      <c r="V5534" s="76"/>
      <c r="W5534" s="76"/>
      <c r="X5534" s="76"/>
      <c r="Y5534" s="76"/>
      <c r="Z5534" s="76"/>
      <c r="AA5534" s="85"/>
      <c r="AB5534" s="85"/>
      <c r="AC5534" s="85"/>
      <c r="AD5534" s="85"/>
      <c r="AE5534" s="85"/>
      <c r="AF5534" s="85"/>
      <c r="AG5534" s="86"/>
      <c r="AH5534" s="85"/>
      <c r="AI5534" s="85"/>
      <c r="AJ5534" s="85"/>
      <c r="AK5534" s="85"/>
      <c r="AL5534" s="85"/>
      <c r="AM5534" s="92"/>
      <c r="AN5534" s="92"/>
      <c r="AO5534" s="92"/>
      <c r="AP5534" s="92"/>
      <c r="AQ5534" s="92"/>
      <c r="AR5534" s="92"/>
      <c r="AS5534" s="92"/>
      <c r="AT5534" s="92"/>
      <c r="AU5534" s="92"/>
      <c r="AV5534" s="92"/>
      <c r="AW5534" s="92"/>
      <c r="AX5534" s="92"/>
      <c r="AY5534" s="92"/>
      <c r="AZ5534" s="93"/>
      <c r="BA5534" s="93"/>
      <c r="BB5534" s="93"/>
      <c r="BC5534" s="93"/>
      <c r="BD5534" s="93"/>
      <c r="BE5534" s="93"/>
      <c r="BF5534" s="93"/>
      <c r="BG5534" s="93"/>
      <c r="BH5534" s="93"/>
      <c r="BI5534" s="93"/>
      <c r="BJ5534" s="93"/>
      <c r="BK5534" s="93"/>
      <c r="BL5534" s="93"/>
    </row>
    <row r="5535" spans="2:64" x14ac:dyDescent="0.2">
      <c r="B5535" s="43"/>
      <c r="C5535" s="73"/>
      <c r="D5535" s="64"/>
      <c r="E5535" s="55"/>
      <c r="F5535" s="74"/>
      <c r="G5535" s="74"/>
      <c r="H5535" s="74"/>
      <c r="I5535" s="75"/>
      <c r="J5535" s="74"/>
      <c r="L5535" s="55"/>
      <c r="M5535" s="234"/>
      <c r="N5535" s="65"/>
      <c r="O5535" s="76"/>
      <c r="P5535" s="76"/>
      <c r="Q5535" s="65"/>
      <c r="R5535" s="76"/>
      <c r="S5535" s="76"/>
      <c r="T5535" s="76"/>
      <c r="U5535" s="76"/>
      <c r="V5535" s="76"/>
      <c r="W5535" s="76"/>
      <c r="X5535" s="76"/>
      <c r="Y5535" s="76"/>
      <c r="Z5535" s="76"/>
      <c r="AA5535" s="85"/>
      <c r="AB5535" s="85"/>
      <c r="AC5535" s="85"/>
      <c r="AD5535" s="85"/>
      <c r="AE5535" s="85"/>
      <c r="AF5535" s="85"/>
      <c r="AG5535" s="86"/>
      <c r="AH5535" s="85"/>
      <c r="AI5535" s="85"/>
      <c r="AJ5535" s="85"/>
      <c r="AK5535" s="85"/>
      <c r="AL5535" s="85"/>
      <c r="AM5535" s="92"/>
      <c r="AN5535" s="92"/>
      <c r="AO5535" s="92"/>
      <c r="AP5535" s="92"/>
      <c r="AQ5535" s="92"/>
      <c r="AR5535" s="92"/>
      <c r="AS5535" s="92"/>
      <c r="AT5535" s="92"/>
      <c r="AU5535" s="92"/>
      <c r="AV5535" s="92"/>
      <c r="AW5535" s="92"/>
      <c r="AX5535" s="92"/>
      <c r="AY5535" s="92"/>
      <c r="AZ5535" s="93"/>
      <c r="BA5535" s="93"/>
      <c r="BB5535" s="93"/>
      <c r="BC5535" s="93"/>
      <c r="BD5535" s="93"/>
      <c r="BE5535" s="93"/>
      <c r="BF5535" s="93"/>
      <c r="BG5535" s="93"/>
      <c r="BH5535" s="93"/>
      <c r="BI5535" s="93"/>
      <c r="BJ5535" s="93"/>
      <c r="BK5535" s="93"/>
      <c r="BL5535" s="93"/>
    </row>
    <row r="5536" spans="2:64" x14ac:dyDescent="0.2">
      <c r="B5536" s="43"/>
      <c r="C5536" s="73"/>
      <c r="D5536" s="64"/>
      <c r="E5536" s="55"/>
      <c r="F5536" s="74"/>
      <c r="G5536" s="74"/>
      <c r="H5536" s="74"/>
      <c r="I5536" s="75"/>
      <c r="J5536" s="74"/>
      <c r="L5536" s="55"/>
      <c r="M5536" s="234"/>
      <c r="N5536" s="65"/>
      <c r="O5536" s="76"/>
      <c r="P5536" s="76"/>
      <c r="Q5536" s="65"/>
      <c r="R5536" s="76"/>
      <c r="S5536" s="76"/>
      <c r="T5536" s="76"/>
      <c r="U5536" s="76"/>
      <c r="V5536" s="76"/>
      <c r="W5536" s="76"/>
      <c r="X5536" s="76"/>
      <c r="Y5536" s="76"/>
      <c r="Z5536" s="76"/>
      <c r="AA5536" s="85"/>
      <c r="AB5536" s="85"/>
      <c r="AC5536" s="85"/>
      <c r="AD5536" s="85"/>
      <c r="AE5536" s="85"/>
      <c r="AF5536" s="85"/>
      <c r="AG5536" s="86"/>
      <c r="AH5536" s="85"/>
      <c r="AI5536" s="85"/>
      <c r="AJ5536" s="85"/>
      <c r="AK5536" s="85"/>
      <c r="AL5536" s="85"/>
      <c r="AM5536" s="92"/>
      <c r="AN5536" s="92"/>
      <c r="AO5536" s="92"/>
      <c r="AP5536" s="92"/>
      <c r="AQ5536" s="92"/>
      <c r="AR5536" s="92"/>
      <c r="AS5536" s="92"/>
      <c r="AT5536" s="92"/>
      <c r="AU5536" s="92"/>
      <c r="AV5536" s="92"/>
      <c r="AW5536" s="92"/>
      <c r="AX5536" s="92"/>
      <c r="AY5536" s="92"/>
      <c r="AZ5536" s="93"/>
      <c r="BA5536" s="93"/>
      <c r="BB5536" s="93"/>
      <c r="BC5536" s="93"/>
      <c r="BD5536" s="93"/>
      <c r="BE5536" s="93"/>
      <c r="BF5536" s="93"/>
      <c r="BG5536" s="93"/>
      <c r="BH5536" s="93"/>
      <c r="BI5536" s="93"/>
      <c r="BJ5536" s="93"/>
      <c r="BK5536" s="93"/>
      <c r="BL5536" s="93"/>
    </row>
    <row r="5537" spans="2:64" x14ac:dyDescent="0.2">
      <c r="B5537" s="43"/>
      <c r="C5537" s="73"/>
      <c r="D5537" s="64"/>
      <c r="E5537" s="55"/>
      <c r="F5537" s="74"/>
      <c r="G5537" s="74"/>
      <c r="H5537" s="74"/>
      <c r="I5537" s="75"/>
      <c r="J5537" s="74"/>
      <c r="L5537" s="55"/>
      <c r="M5537" s="234"/>
      <c r="N5537" s="65"/>
      <c r="O5537" s="76"/>
      <c r="P5537" s="76"/>
      <c r="Q5537" s="65"/>
      <c r="R5537" s="76"/>
      <c r="S5537" s="76"/>
      <c r="T5537" s="76"/>
      <c r="U5537" s="76"/>
      <c r="V5537" s="76"/>
      <c r="W5537" s="76"/>
      <c r="X5537" s="76"/>
      <c r="Y5537" s="76"/>
      <c r="Z5537" s="76"/>
      <c r="AA5537" s="85"/>
      <c r="AB5537" s="85"/>
      <c r="AC5537" s="85"/>
      <c r="AD5537" s="85"/>
      <c r="AE5537" s="85"/>
      <c r="AF5537" s="85"/>
      <c r="AG5537" s="86"/>
      <c r="AH5537" s="85"/>
      <c r="AI5537" s="85"/>
      <c r="AJ5537" s="85"/>
      <c r="AK5537" s="85"/>
      <c r="AL5537" s="85"/>
      <c r="AM5537" s="92"/>
      <c r="AN5537" s="92"/>
      <c r="AO5537" s="92"/>
      <c r="AP5537" s="92"/>
      <c r="AQ5537" s="92"/>
      <c r="AR5537" s="92"/>
      <c r="AS5537" s="92"/>
      <c r="AT5537" s="92"/>
      <c r="AU5537" s="92"/>
      <c r="AV5537" s="92"/>
      <c r="AW5537" s="92"/>
      <c r="AX5537" s="92"/>
      <c r="AY5537" s="92"/>
      <c r="AZ5537" s="93"/>
      <c r="BA5537" s="93"/>
      <c r="BB5537" s="93"/>
      <c r="BC5537" s="93"/>
      <c r="BD5537" s="93"/>
      <c r="BE5537" s="93"/>
      <c r="BF5537" s="93"/>
      <c r="BG5537" s="93"/>
      <c r="BH5537" s="93"/>
      <c r="BI5537" s="93"/>
      <c r="BJ5537" s="93"/>
      <c r="BK5537" s="93"/>
      <c r="BL5537" s="93"/>
    </row>
    <row r="5538" spans="2:64" x14ac:dyDescent="0.2">
      <c r="B5538" s="43"/>
      <c r="C5538" s="73"/>
      <c r="D5538" s="64"/>
      <c r="E5538" s="55"/>
      <c r="F5538" s="74"/>
      <c r="G5538" s="74"/>
      <c r="H5538" s="74"/>
      <c r="I5538" s="75"/>
      <c r="J5538" s="74"/>
      <c r="L5538" s="55"/>
      <c r="M5538" s="234"/>
      <c r="N5538" s="65"/>
      <c r="O5538" s="76"/>
      <c r="P5538" s="76"/>
      <c r="Q5538" s="65"/>
      <c r="R5538" s="76"/>
      <c r="S5538" s="76"/>
      <c r="T5538" s="76"/>
      <c r="U5538" s="76"/>
      <c r="V5538" s="76"/>
      <c r="W5538" s="76"/>
      <c r="X5538" s="76"/>
      <c r="Y5538" s="76"/>
      <c r="Z5538" s="76"/>
      <c r="AA5538" s="85"/>
      <c r="AB5538" s="85"/>
      <c r="AC5538" s="85"/>
      <c r="AD5538" s="85"/>
      <c r="AE5538" s="85"/>
      <c r="AF5538" s="85"/>
      <c r="AG5538" s="86"/>
      <c r="AH5538" s="85"/>
      <c r="AI5538" s="85"/>
      <c r="AJ5538" s="85"/>
      <c r="AK5538" s="85"/>
      <c r="AL5538" s="85"/>
      <c r="AM5538" s="92"/>
      <c r="AN5538" s="92"/>
      <c r="AO5538" s="92"/>
      <c r="AP5538" s="92"/>
      <c r="AQ5538" s="92"/>
      <c r="AR5538" s="92"/>
      <c r="AS5538" s="92"/>
      <c r="AT5538" s="92"/>
      <c r="AU5538" s="92"/>
      <c r="AV5538" s="92"/>
      <c r="AW5538" s="92"/>
      <c r="AX5538" s="92"/>
      <c r="AY5538" s="92"/>
      <c r="AZ5538" s="93"/>
      <c r="BA5538" s="93"/>
      <c r="BB5538" s="93"/>
      <c r="BC5538" s="93"/>
      <c r="BD5538" s="93"/>
      <c r="BE5538" s="93"/>
      <c r="BF5538" s="93"/>
      <c r="BG5538" s="93"/>
      <c r="BH5538" s="93"/>
      <c r="BI5538" s="93"/>
      <c r="BJ5538" s="93"/>
      <c r="BK5538" s="93"/>
      <c r="BL5538" s="93"/>
    </row>
    <row r="5539" spans="2:64" x14ac:dyDescent="0.2">
      <c r="B5539" s="43"/>
      <c r="C5539" s="73"/>
      <c r="D5539" s="64"/>
      <c r="E5539" s="55"/>
      <c r="F5539" s="74"/>
      <c r="G5539" s="74"/>
      <c r="H5539" s="74"/>
      <c r="I5539" s="75"/>
      <c r="J5539" s="74"/>
      <c r="L5539" s="55"/>
      <c r="M5539" s="234"/>
      <c r="N5539" s="65"/>
      <c r="O5539" s="76"/>
      <c r="P5539" s="76"/>
      <c r="Q5539" s="65"/>
      <c r="R5539" s="76"/>
      <c r="S5539" s="76"/>
      <c r="T5539" s="76"/>
      <c r="U5539" s="76"/>
      <c r="V5539" s="76"/>
      <c r="W5539" s="76"/>
      <c r="X5539" s="76"/>
      <c r="Y5539" s="76"/>
      <c r="Z5539" s="76"/>
      <c r="AA5539" s="85"/>
      <c r="AB5539" s="85"/>
      <c r="AC5539" s="85"/>
      <c r="AD5539" s="85"/>
      <c r="AE5539" s="85"/>
      <c r="AF5539" s="85"/>
      <c r="AG5539" s="86"/>
      <c r="AH5539" s="85"/>
      <c r="AI5539" s="85"/>
      <c r="AJ5539" s="85"/>
      <c r="AK5539" s="85"/>
      <c r="AL5539" s="85"/>
      <c r="AM5539" s="92"/>
      <c r="AN5539" s="92"/>
      <c r="AO5539" s="92"/>
      <c r="AP5539" s="92"/>
      <c r="AQ5539" s="92"/>
      <c r="AR5539" s="92"/>
      <c r="AS5539" s="92"/>
      <c r="AT5539" s="92"/>
      <c r="AU5539" s="92"/>
      <c r="AV5539" s="92"/>
      <c r="AW5539" s="92"/>
      <c r="AX5539" s="92"/>
      <c r="AY5539" s="92"/>
      <c r="AZ5539" s="93"/>
      <c r="BA5539" s="93"/>
      <c r="BB5539" s="93"/>
      <c r="BC5539" s="93"/>
      <c r="BD5539" s="93"/>
      <c r="BE5539" s="93"/>
      <c r="BF5539" s="93"/>
      <c r="BG5539" s="93"/>
      <c r="BH5539" s="93"/>
      <c r="BI5539" s="93"/>
      <c r="BJ5539" s="93"/>
      <c r="BK5539" s="93"/>
      <c r="BL5539" s="93"/>
    </row>
    <row r="5540" spans="2:64" x14ac:dyDescent="0.2">
      <c r="B5540" s="43"/>
      <c r="C5540" s="73"/>
      <c r="D5540" s="64"/>
      <c r="E5540" s="55"/>
      <c r="F5540" s="74"/>
      <c r="G5540" s="74"/>
      <c r="H5540" s="74"/>
      <c r="I5540" s="75"/>
      <c r="J5540" s="74"/>
      <c r="L5540" s="55"/>
      <c r="M5540" s="234"/>
      <c r="N5540" s="65"/>
      <c r="O5540" s="76"/>
      <c r="P5540" s="76"/>
      <c r="Q5540" s="65"/>
      <c r="R5540" s="76"/>
      <c r="S5540" s="76"/>
      <c r="T5540" s="76"/>
      <c r="U5540" s="76"/>
      <c r="V5540" s="76"/>
      <c r="W5540" s="76"/>
      <c r="X5540" s="76"/>
      <c r="Y5540" s="76"/>
      <c r="Z5540" s="76"/>
      <c r="AA5540" s="85"/>
      <c r="AB5540" s="85"/>
      <c r="AC5540" s="85"/>
      <c r="AD5540" s="85"/>
      <c r="AE5540" s="85"/>
      <c r="AF5540" s="85"/>
      <c r="AG5540" s="86"/>
      <c r="AH5540" s="85"/>
      <c r="AI5540" s="85"/>
      <c r="AJ5540" s="85"/>
      <c r="AK5540" s="85"/>
      <c r="AL5540" s="85"/>
      <c r="AM5540" s="92"/>
      <c r="AN5540" s="92"/>
      <c r="AO5540" s="92"/>
      <c r="AP5540" s="92"/>
      <c r="AQ5540" s="92"/>
      <c r="AR5540" s="92"/>
      <c r="AS5540" s="92"/>
      <c r="AT5540" s="92"/>
      <c r="AU5540" s="92"/>
      <c r="AV5540" s="92"/>
      <c r="AW5540" s="92"/>
      <c r="AX5540" s="92"/>
      <c r="AY5540" s="92"/>
      <c r="AZ5540" s="93"/>
      <c r="BA5540" s="93"/>
      <c r="BB5540" s="93"/>
      <c r="BC5540" s="93"/>
      <c r="BD5540" s="93"/>
      <c r="BE5540" s="93"/>
      <c r="BF5540" s="93"/>
      <c r="BG5540" s="93"/>
      <c r="BH5540" s="93"/>
      <c r="BI5540" s="93"/>
      <c r="BJ5540" s="93"/>
      <c r="BK5540" s="93"/>
      <c r="BL5540" s="93"/>
    </row>
    <row r="5541" spans="2:64" x14ac:dyDescent="0.2">
      <c r="B5541" s="43"/>
      <c r="C5541" s="73"/>
      <c r="D5541" s="64"/>
      <c r="E5541" s="55"/>
      <c r="F5541" s="74"/>
      <c r="G5541" s="74"/>
      <c r="H5541" s="74"/>
      <c r="I5541" s="75"/>
      <c r="J5541" s="74"/>
      <c r="L5541" s="55"/>
      <c r="M5541" s="234"/>
      <c r="N5541" s="65"/>
      <c r="O5541" s="76"/>
      <c r="P5541" s="76"/>
      <c r="Q5541" s="65"/>
      <c r="R5541" s="76"/>
      <c r="S5541" s="76"/>
      <c r="T5541" s="76"/>
      <c r="U5541" s="76"/>
      <c r="V5541" s="76"/>
      <c r="W5541" s="76"/>
      <c r="X5541" s="76"/>
      <c r="Y5541" s="76"/>
      <c r="Z5541" s="76"/>
      <c r="AA5541" s="85"/>
      <c r="AB5541" s="85"/>
      <c r="AC5541" s="85"/>
      <c r="AD5541" s="85"/>
      <c r="AE5541" s="85"/>
      <c r="AF5541" s="85"/>
      <c r="AG5541" s="86"/>
      <c r="AH5541" s="85"/>
      <c r="AI5541" s="85"/>
      <c r="AJ5541" s="85"/>
      <c r="AK5541" s="85"/>
      <c r="AL5541" s="85"/>
      <c r="AM5541" s="92"/>
      <c r="AN5541" s="92"/>
      <c r="AO5541" s="92"/>
      <c r="AP5541" s="92"/>
      <c r="AQ5541" s="92"/>
      <c r="AR5541" s="92"/>
      <c r="AS5541" s="92"/>
      <c r="AT5541" s="92"/>
      <c r="AU5541" s="92"/>
      <c r="AV5541" s="92"/>
      <c r="AW5541" s="92"/>
      <c r="AX5541" s="92"/>
      <c r="AY5541" s="92"/>
      <c r="AZ5541" s="93"/>
      <c r="BA5541" s="93"/>
      <c r="BB5541" s="93"/>
      <c r="BC5541" s="93"/>
      <c r="BD5541" s="93"/>
      <c r="BE5541" s="93"/>
      <c r="BF5541" s="93"/>
      <c r="BG5541" s="93"/>
      <c r="BH5541" s="93"/>
      <c r="BI5541" s="93"/>
      <c r="BJ5541" s="93"/>
      <c r="BK5541" s="93"/>
      <c r="BL5541" s="93"/>
    </row>
    <row r="5542" spans="2:64" x14ac:dyDescent="0.2">
      <c r="B5542" s="43"/>
      <c r="C5542" s="73"/>
      <c r="D5542" s="64"/>
      <c r="E5542" s="55"/>
      <c r="F5542" s="74"/>
      <c r="G5542" s="74"/>
      <c r="H5542" s="74"/>
      <c r="I5542" s="75"/>
      <c r="J5542" s="74"/>
      <c r="L5542" s="55"/>
      <c r="M5542" s="234"/>
      <c r="N5542" s="65"/>
      <c r="O5542" s="76"/>
      <c r="P5542" s="76"/>
      <c r="Q5542" s="65"/>
      <c r="R5542" s="76"/>
      <c r="S5542" s="76"/>
      <c r="T5542" s="76"/>
      <c r="U5542" s="76"/>
      <c r="V5542" s="76"/>
      <c r="W5542" s="76"/>
      <c r="X5542" s="76"/>
      <c r="Y5542" s="76"/>
      <c r="Z5542" s="76"/>
      <c r="AA5542" s="85"/>
      <c r="AB5542" s="85"/>
      <c r="AC5542" s="85"/>
      <c r="AD5542" s="85"/>
      <c r="AE5542" s="85"/>
      <c r="AF5542" s="85"/>
      <c r="AG5542" s="86"/>
      <c r="AH5542" s="85"/>
      <c r="AI5542" s="85"/>
      <c r="AJ5542" s="85"/>
      <c r="AK5542" s="85"/>
      <c r="AL5542" s="85"/>
      <c r="AM5542" s="92"/>
      <c r="AN5542" s="92"/>
      <c r="AO5542" s="92"/>
      <c r="AP5542" s="92"/>
      <c r="AQ5542" s="92"/>
      <c r="AR5542" s="92"/>
      <c r="AS5542" s="92"/>
      <c r="AT5542" s="92"/>
      <c r="AU5542" s="92"/>
      <c r="AV5542" s="92"/>
      <c r="AW5542" s="92"/>
      <c r="AX5542" s="92"/>
      <c r="AY5542" s="92"/>
      <c r="AZ5542" s="93"/>
      <c r="BA5542" s="93"/>
      <c r="BB5542" s="93"/>
      <c r="BC5542" s="93"/>
      <c r="BD5542" s="93"/>
      <c r="BE5542" s="93"/>
      <c r="BF5542" s="93"/>
      <c r="BG5542" s="93"/>
      <c r="BH5542" s="93"/>
      <c r="BI5542" s="93"/>
      <c r="BJ5542" s="93"/>
      <c r="BK5542" s="93"/>
      <c r="BL5542" s="93"/>
    </row>
    <row r="5543" spans="2:64" x14ac:dyDescent="0.2">
      <c r="B5543" s="43"/>
      <c r="C5543" s="73"/>
      <c r="D5543" s="64"/>
      <c r="E5543" s="55"/>
      <c r="F5543" s="74"/>
      <c r="G5543" s="74"/>
      <c r="H5543" s="74"/>
      <c r="I5543" s="75"/>
      <c r="J5543" s="74"/>
      <c r="L5543" s="55"/>
      <c r="M5543" s="234"/>
      <c r="N5543" s="65"/>
      <c r="O5543" s="76"/>
      <c r="P5543" s="76"/>
      <c r="Q5543" s="65"/>
      <c r="R5543" s="76"/>
      <c r="S5543" s="76"/>
      <c r="T5543" s="76"/>
      <c r="U5543" s="76"/>
      <c r="V5543" s="76"/>
      <c r="W5543" s="76"/>
      <c r="X5543" s="76"/>
      <c r="Y5543" s="76"/>
      <c r="Z5543" s="76"/>
      <c r="AA5543" s="85"/>
      <c r="AB5543" s="85"/>
      <c r="AC5543" s="85"/>
      <c r="AD5543" s="85"/>
      <c r="AE5543" s="85"/>
      <c r="AF5543" s="85"/>
      <c r="AG5543" s="86"/>
      <c r="AH5543" s="85"/>
      <c r="AI5543" s="85"/>
      <c r="AJ5543" s="85"/>
      <c r="AK5543" s="85"/>
      <c r="AL5543" s="85"/>
      <c r="AM5543" s="92"/>
      <c r="AN5543" s="92"/>
      <c r="AO5543" s="92"/>
      <c r="AP5543" s="92"/>
      <c r="AQ5543" s="92"/>
      <c r="AR5543" s="92"/>
      <c r="AS5543" s="92"/>
      <c r="AT5543" s="92"/>
      <c r="AU5543" s="92"/>
      <c r="AV5543" s="92"/>
      <c r="AW5543" s="92"/>
      <c r="AX5543" s="92"/>
      <c r="AY5543" s="92"/>
      <c r="AZ5543" s="93"/>
      <c r="BA5543" s="93"/>
      <c r="BB5543" s="93"/>
      <c r="BC5543" s="93"/>
      <c r="BD5543" s="93"/>
      <c r="BE5543" s="93"/>
      <c r="BF5543" s="93"/>
      <c r="BG5543" s="93"/>
      <c r="BH5543" s="93"/>
      <c r="BI5543" s="93"/>
      <c r="BJ5543" s="93"/>
      <c r="BK5543" s="93"/>
      <c r="BL5543" s="93"/>
    </row>
    <row r="5544" spans="2:64" x14ac:dyDescent="0.2">
      <c r="B5544" s="43"/>
      <c r="C5544" s="73"/>
      <c r="D5544" s="64"/>
      <c r="E5544" s="55"/>
      <c r="F5544" s="74"/>
      <c r="G5544" s="74"/>
      <c r="H5544" s="74"/>
      <c r="I5544" s="75"/>
      <c r="J5544" s="74"/>
      <c r="L5544" s="55"/>
      <c r="M5544" s="234"/>
      <c r="N5544" s="65"/>
      <c r="O5544" s="76"/>
      <c r="P5544" s="76"/>
      <c r="Q5544" s="65"/>
      <c r="R5544" s="76"/>
      <c r="S5544" s="76"/>
      <c r="T5544" s="76"/>
      <c r="U5544" s="76"/>
      <c r="V5544" s="76"/>
      <c r="W5544" s="76"/>
      <c r="X5544" s="76"/>
      <c r="Y5544" s="76"/>
      <c r="Z5544" s="76"/>
      <c r="AA5544" s="85"/>
      <c r="AB5544" s="85"/>
      <c r="AC5544" s="85"/>
      <c r="AD5544" s="85"/>
      <c r="AE5544" s="85"/>
      <c r="AF5544" s="85"/>
      <c r="AG5544" s="86"/>
      <c r="AH5544" s="85"/>
      <c r="AI5544" s="85"/>
      <c r="AJ5544" s="85"/>
      <c r="AK5544" s="85"/>
      <c r="AL5544" s="85"/>
      <c r="AM5544" s="92"/>
      <c r="AN5544" s="92"/>
      <c r="AO5544" s="92"/>
      <c r="AP5544" s="92"/>
      <c r="AQ5544" s="92"/>
      <c r="AR5544" s="92"/>
      <c r="AS5544" s="92"/>
      <c r="AT5544" s="92"/>
      <c r="AU5544" s="92"/>
      <c r="AV5544" s="92"/>
      <c r="AW5544" s="92"/>
      <c r="AX5544" s="92"/>
      <c r="AY5544" s="92"/>
      <c r="AZ5544" s="93"/>
      <c r="BA5544" s="93"/>
      <c r="BB5544" s="93"/>
      <c r="BC5544" s="93"/>
      <c r="BD5544" s="93"/>
      <c r="BE5544" s="93"/>
      <c r="BF5544" s="93"/>
      <c r="BG5544" s="93"/>
      <c r="BH5544" s="93"/>
      <c r="BI5544" s="93"/>
      <c r="BJ5544" s="93"/>
      <c r="BK5544" s="93"/>
      <c r="BL5544" s="93"/>
    </row>
    <row r="5545" spans="2:64" x14ac:dyDescent="0.2">
      <c r="B5545" s="43"/>
      <c r="C5545" s="73"/>
      <c r="D5545" s="64"/>
      <c r="E5545" s="55"/>
      <c r="F5545" s="74"/>
      <c r="G5545" s="74"/>
      <c r="H5545" s="74"/>
      <c r="I5545" s="75"/>
      <c r="J5545" s="74"/>
      <c r="L5545" s="55"/>
      <c r="M5545" s="234"/>
      <c r="N5545" s="65"/>
      <c r="O5545" s="76"/>
      <c r="P5545" s="76"/>
      <c r="Q5545" s="65"/>
      <c r="R5545" s="76"/>
      <c r="S5545" s="76"/>
      <c r="T5545" s="76"/>
      <c r="U5545" s="76"/>
      <c r="V5545" s="76"/>
      <c r="W5545" s="76"/>
      <c r="X5545" s="76"/>
      <c r="Y5545" s="76"/>
      <c r="Z5545" s="76"/>
      <c r="AA5545" s="85"/>
      <c r="AB5545" s="85"/>
      <c r="AC5545" s="85"/>
      <c r="AD5545" s="85"/>
      <c r="AE5545" s="85"/>
      <c r="AF5545" s="85"/>
      <c r="AG5545" s="86"/>
      <c r="AH5545" s="85"/>
      <c r="AI5545" s="85"/>
      <c r="AJ5545" s="85"/>
      <c r="AK5545" s="85"/>
      <c r="AL5545" s="85"/>
      <c r="AM5545" s="92"/>
      <c r="AN5545" s="92"/>
      <c r="AO5545" s="92"/>
      <c r="AP5545" s="92"/>
      <c r="AQ5545" s="92"/>
      <c r="AR5545" s="92"/>
      <c r="AS5545" s="92"/>
      <c r="AT5545" s="92"/>
      <c r="AU5545" s="92"/>
      <c r="AV5545" s="92"/>
      <c r="AW5545" s="92"/>
      <c r="AX5545" s="92"/>
      <c r="AY5545" s="92"/>
      <c r="AZ5545" s="93"/>
      <c r="BA5545" s="93"/>
      <c r="BB5545" s="93"/>
      <c r="BC5545" s="93"/>
      <c r="BD5545" s="93"/>
      <c r="BE5545" s="93"/>
      <c r="BF5545" s="93"/>
      <c r="BG5545" s="93"/>
      <c r="BH5545" s="93"/>
      <c r="BI5545" s="93"/>
      <c r="BJ5545" s="93"/>
      <c r="BK5545" s="93"/>
      <c r="BL5545" s="93"/>
    </row>
    <row r="5546" spans="2:64" x14ac:dyDescent="0.2">
      <c r="B5546" s="43"/>
      <c r="C5546" s="73"/>
      <c r="D5546" s="64"/>
      <c r="E5546" s="55"/>
      <c r="F5546" s="74"/>
      <c r="G5546" s="74"/>
      <c r="H5546" s="74"/>
      <c r="I5546" s="75"/>
      <c r="J5546" s="74"/>
      <c r="L5546" s="55"/>
      <c r="M5546" s="234"/>
      <c r="N5546" s="65"/>
      <c r="O5546" s="76"/>
      <c r="P5546" s="76"/>
      <c r="Q5546" s="65"/>
      <c r="R5546" s="76"/>
      <c r="S5546" s="76"/>
      <c r="T5546" s="76"/>
      <c r="U5546" s="76"/>
      <c r="V5546" s="76"/>
      <c r="W5546" s="76"/>
      <c r="X5546" s="76"/>
      <c r="Y5546" s="76"/>
      <c r="Z5546" s="76"/>
      <c r="AA5546" s="85"/>
      <c r="AB5546" s="85"/>
      <c r="AC5546" s="85"/>
      <c r="AD5546" s="85"/>
      <c r="AE5546" s="85"/>
      <c r="AF5546" s="85"/>
      <c r="AG5546" s="86"/>
      <c r="AH5546" s="85"/>
      <c r="AI5546" s="85"/>
      <c r="AJ5546" s="85"/>
      <c r="AK5546" s="85"/>
      <c r="AL5546" s="85"/>
      <c r="AM5546" s="92"/>
      <c r="AN5546" s="92"/>
      <c r="AO5546" s="92"/>
      <c r="AP5546" s="92"/>
      <c r="AQ5546" s="92"/>
      <c r="AR5546" s="92"/>
      <c r="AS5546" s="92"/>
      <c r="AT5546" s="92"/>
      <c r="AU5546" s="92"/>
      <c r="AV5546" s="92"/>
      <c r="AW5546" s="92"/>
      <c r="AX5546" s="92"/>
      <c r="AY5546" s="92"/>
      <c r="AZ5546" s="93"/>
      <c r="BA5546" s="93"/>
      <c r="BB5546" s="93"/>
      <c r="BC5546" s="93"/>
      <c r="BD5546" s="93"/>
      <c r="BE5546" s="93"/>
      <c r="BF5546" s="93"/>
      <c r="BG5546" s="93"/>
      <c r="BH5546" s="93"/>
      <c r="BI5546" s="93"/>
      <c r="BJ5546" s="93"/>
      <c r="BK5546" s="93"/>
      <c r="BL5546" s="93"/>
    </row>
    <row r="5547" spans="2:64" x14ac:dyDescent="0.2">
      <c r="B5547" s="43"/>
      <c r="C5547" s="73"/>
      <c r="D5547" s="64"/>
      <c r="E5547" s="55"/>
      <c r="F5547" s="74"/>
      <c r="G5547" s="74"/>
      <c r="H5547" s="74"/>
      <c r="I5547" s="75"/>
      <c r="J5547" s="74"/>
      <c r="L5547" s="55"/>
      <c r="M5547" s="234"/>
      <c r="N5547" s="65"/>
      <c r="O5547" s="76"/>
      <c r="P5547" s="76"/>
      <c r="Q5547" s="65"/>
      <c r="R5547" s="76"/>
      <c r="S5547" s="76"/>
      <c r="T5547" s="76"/>
      <c r="U5547" s="76"/>
      <c r="V5547" s="76"/>
      <c r="W5547" s="76"/>
      <c r="X5547" s="76"/>
      <c r="Y5547" s="76"/>
      <c r="Z5547" s="76"/>
      <c r="AA5547" s="85"/>
      <c r="AB5547" s="85"/>
      <c r="AC5547" s="85"/>
      <c r="AD5547" s="85"/>
      <c r="AE5547" s="85"/>
      <c r="AF5547" s="85"/>
      <c r="AG5547" s="86"/>
      <c r="AH5547" s="85"/>
      <c r="AI5547" s="85"/>
      <c r="AJ5547" s="85"/>
      <c r="AK5547" s="85"/>
      <c r="AL5547" s="85"/>
      <c r="AM5547" s="92"/>
      <c r="AN5547" s="92"/>
      <c r="AO5547" s="92"/>
      <c r="AP5547" s="92"/>
      <c r="AQ5547" s="92"/>
      <c r="AR5547" s="92"/>
      <c r="AS5547" s="92"/>
      <c r="AT5547" s="92"/>
      <c r="AU5547" s="92"/>
      <c r="AV5547" s="92"/>
      <c r="AW5547" s="92"/>
      <c r="AX5547" s="92"/>
      <c r="AY5547" s="92"/>
      <c r="AZ5547" s="93"/>
      <c r="BA5547" s="93"/>
      <c r="BB5547" s="93"/>
      <c r="BC5547" s="93"/>
      <c r="BD5547" s="93"/>
      <c r="BE5547" s="93"/>
      <c r="BF5547" s="93"/>
      <c r="BG5547" s="93"/>
      <c r="BH5547" s="93"/>
      <c r="BI5547" s="93"/>
      <c r="BJ5547" s="93"/>
      <c r="BK5547" s="93"/>
      <c r="BL5547" s="93"/>
    </row>
    <row r="5548" spans="2:64" x14ac:dyDescent="0.2">
      <c r="B5548" s="43"/>
      <c r="C5548" s="73"/>
      <c r="D5548" s="64"/>
      <c r="E5548" s="55"/>
      <c r="F5548" s="74"/>
      <c r="G5548" s="74"/>
      <c r="H5548" s="74"/>
      <c r="I5548" s="75"/>
      <c r="J5548" s="74"/>
      <c r="L5548" s="55"/>
      <c r="M5548" s="234"/>
      <c r="N5548" s="65"/>
      <c r="O5548" s="76"/>
      <c r="P5548" s="76"/>
      <c r="Q5548" s="65"/>
      <c r="R5548" s="76"/>
      <c r="S5548" s="76"/>
      <c r="T5548" s="76"/>
      <c r="U5548" s="76"/>
      <c r="V5548" s="76"/>
      <c r="W5548" s="76"/>
      <c r="X5548" s="76"/>
      <c r="Y5548" s="76"/>
      <c r="Z5548" s="76"/>
      <c r="AA5548" s="85"/>
      <c r="AB5548" s="85"/>
      <c r="AC5548" s="85"/>
      <c r="AD5548" s="85"/>
      <c r="AE5548" s="85"/>
      <c r="AF5548" s="85"/>
      <c r="AG5548" s="86"/>
      <c r="AH5548" s="85"/>
      <c r="AI5548" s="85"/>
      <c r="AJ5548" s="85"/>
      <c r="AK5548" s="85"/>
      <c r="AL5548" s="85"/>
      <c r="AM5548" s="92"/>
      <c r="AN5548" s="92"/>
      <c r="AO5548" s="92"/>
      <c r="AP5548" s="92"/>
      <c r="AQ5548" s="92"/>
      <c r="AR5548" s="92"/>
      <c r="AS5548" s="92"/>
      <c r="AT5548" s="92"/>
      <c r="AU5548" s="92"/>
      <c r="AV5548" s="92"/>
      <c r="AW5548" s="92"/>
      <c r="AX5548" s="92"/>
      <c r="AY5548" s="92"/>
      <c r="AZ5548" s="93"/>
      <c r="BA5548" s="93"/>
      <c r="BB5548" s="93"/>
      <c r="BC5548" s="93"/>
      <c r="BD5548" s="93"/>
      <c r="BE5548" s="93"/>
      <c r="BF5548" s="93"/>
      <c r="BG5548" s="93"/>
      <c r="BH5548" s="93"/>
      <c r="BI5548" s="93"/>
      <c r="BJ5548" s="93"/>
      <c r="BK5548" s="93"/>
      <c r="BL5548" s="93"/>
    </row>
    <row r="5549" spans="2:64" x14ac:dyDescent="0.2">
      <c r="B5549" s="43"/>
      <c r="C5549" s="73"/>
      <c r="D5549" s="64"/>
      <c r="E5549" s="55"/>
      <c r="F5549" s="74"/>
      <c r="G5549" s="74"/>
      <c r="H5549" s="74"/>
      <c r="I5549" s="75"/>
      <c r="J5549" s="74"/>
      <c r="L5549" s="55"/>
      <c r="M5549" s="234"/>
      <c r="N5549" s="65"/>
      <c r="O5549" s="76"/>
      <c r="P5549" s="76"/>
      <c r="Q5549" s="65"/>
      <c r="R5549" s="76"/>
      <c r="S5549" s="76"/>
      <c r="T5549" s="76"/>
      <c r="U5549" s="76"/>
      <c r="V5549" s="76"/>
      <c r="W5549" s="76"/>
      <c r="X5549" s="76"/>
      <c r="Y5549" s="76"/>
      <c r="Z5549" s="76"/>
      <c r="AA5549" s="85"/>
      <c r="AB5549" s="85"/>
      <c r="AC5549" s="85"/>
      <c r="AD5549" s="85"/>
      <c r="AE5549" s="85"/>
      <c r="AF5549" s="85"/>
      <c r="AG5549" s="86"/>
      <c r="AH5549" s="85"/>
      <c r="AI5549" s="85"/>
      <c r="AJ5549" s="85"/>
      <c r="AK5549" s="85"/>
      <c r="AL5549" s="85"/>
      <c r="AM5549" s="92"/>
      <c r="AN5549" s="92"/>
      <c r="AO5549" s="92"/>
      <c r="AP5549" s="92"/>
      <c r="AQ5549" s="92"/>
      <c r="AR5549" s="92"/>
      <c r="AS5549" s="92"/>
      <c r="AT5549" s="92"/>
      <c r="AU5549" s="92"/>
      <c r="AV5549" s="92"/>
      <c r="AW5549" s="92"/>
      <c r="AX5549" s="92"/>
      <c r="AY5549" s="92"/>
      <c r="AZ5549" s="93"/>
      <c r="BA5549" s="93"/>
      <c r="BB5549" s="93"/>
      <c r="BC5549" s="93"/>
      <c r="BD5549" s="93"/>
      <c r="BE5549" s="93"/>
      <c r="BF5549" s="93"/>
      <c r="BG5549" s="93"/>
      <c r="BH5549" s="93"/>
      <c r="BI5549" s="93"/>
      <c r="BJ5549" s="93"/>
      <c r="BK5549" s="93"/>
      <c r="BL5549" s="93"/>
    </row>
    <row r="5550" spans="2:64" x14ac:dyDescent="0.2">
      <c r="B5550" s="43"/>
      <c r="C5550" s="73"/>
      <c r="D5550" s="64"/>
      <c r="E5550" s="55"/>
      <c r="F5550" s="74"/>
      <c r="G5550" s="74"/>
      <c r="H5550" s="74"/>
      <c r="I5550" s="75"/>
      <c r="J5550" s="74"/>
      <c r="L5550" s="55"/>
      <c r="M5550" s="234"/>
      <c r="N5550" s="65"/>
      <c r="O5550" s="76"/>
      <c r="P5550" s="76"/>
      <c r="Q5550" s="65"/>
      <c r="R5550" s="76"/>
      <c r="S5550" s="76"/>
      <c r="T5550" s="76"/>
      <c r="U5550" s="76"/>
      <c r="V5550" s="76"/>
      <c r="W5550" s="76"/>
      <c r="X5550" s="76"/>
      <c r="Y5550" s="76"/>
      <c r="Z5550" s="76"/>
      <c r="AA5550" s="85"/>
      <c r="AB5550" s="85"/>
      <c r="AC5550" s="85"/>
      <c r="AD5550" s="85"/>
      <c r="AE5550" s="85"/>
      <c r="AF5550" s="85"/>
      <c r="AG5550" s="86"/>
      <c r="AH5550" s="85"/>
      <c r="AI5550" s="85"/>
      <c r="AJ5550" s="85"/>
      <c r="AK5550" s="85"/>
      <c r="AL5550" s="85"/>
      <c r="AM5550" s="92"/>
      <c r="AN5550" s="92"/>
      <c r="AO5550" s="92"/>
      <c r="AP5550" s="92"/>
      <c r="AQ5550" s="92"/>
      <c r="AR5550" s="92"/>
      <c r="AS5550" s="92"/>
      <c r="AT5550" s="92"/>
      <c r="AU5550" s="92"/>
      <c r="AV5550" s="92"/>
      <c r="AW5550" s="92"/>
      <c r="AX5550" s="92"/>
      <c r="AY5550" s="92"/>
      <c r="AZ5550" s="93"/>
      <c r="BA5550" s="93"/>
      <c r="BB5550" s="93"/>
      <c r="BC5550" s="93"/>
      <c r="BD5550" s="93"/>
      <c r="BE5550" s="93"/>
      <c r="BF5550" s="93"/>
      <c r="BG5550" s="93"/>
      <c r="BH5550" s="93"/>
      <c r="BI5550" s="93"/>
      <c r="BJ5550" s="93"/>
      <c r="BK5550" s="93"/>
      <c r="BL5550" s="93"/>
    </row>
    <row r="5551" spans="2:64" x14ac:dyDescent="0.2">
      <c r="B5551" s="43"/>
      <c r="C5551" s="73"/>
      <c r="D5551" s="64"/>
      <c r="E5551" s="55"/>
      <c r="F5551" s="74"/>
      <c r="G5551" s="74"/>
      <c r="H5551" s="74"/>
      <c r="I5551" s="75"/>
      <c r="J5551" s="74"/>
      <c r="L5551" s="55"/>
      <c r="M5551" s="234"/>
      <c r="N5551" s="65"/>
      <c r="O5551" s="76"/>
      <c r="P5551" s="76"/>
      <c r="Q5551" s="65"/>
      <c r="R5551" s="76"/>
      <c r="S5551" s="76"/>
      <c r="T5551" s="76"/>
      <c r="U5551" s="76"/>
      <c r="V5551" s="76"/>
      <c r="W5551" s="76"/>
      <c r="X5551" s="76"/>
      <c r="Y5551" s="76"/>
      <c r="Z5551" s="76"/>
      <c r="AA5551" s="85"/>
      <c r="AB5551" s="85"/>
      <c r="AC5551" s="85"/>
      <c r="AD5551" s="85"/>
      <c r="AE5551" s="85"/>
      <c r="AF5551" s="85"/>
      <c r="AG5551" s="86"/>
      <c r="AH5551" s="85"/>
      <c r="AI5551" s="85"/>
      <c r="AJ5551" s="85"/>
      <c r="AK5551" s="85"/>
      <c r="AL5551" s="85"/>
      <c r="AM5551" s="92"/>
      <c r="AN5551" s="92"/>
      <c r="AO5551" s="92"/>
      <c r="AP5551" s="92"/>
      <c r="AQ5551" s="92"/>
      <c r="AR5551" s="92"/>
      <c r="AS5551" s="92"/>
      <c r="AT5551" s="92"/>
      <c r="AU5551" s="92"/>
      <c r="AV5551" s="92"/>
      <c r="AW5551" s="92"/>
      <c r="AX5551" s="92"/>
      <c r="AY5551" s="92"/>
      <c r="AZ5551" s="93"/>
      <c r="BA5551" s="93"/>
      <c r="BB5551" s="93"/>
      <c r="BC5551" s="93"/>
      <c r="BD5551" s="93"/>
      <c r="BE5551" s="93"/>
      <c r="BF5551" s="93"/>
      <c r="BG5551" s="93"/>
      <c r="BH5551" s="93"/>
      <c r="BI5551" s="93"/>
      <c r="BJ5551" s="93"/>
      <c r="BK5551" s="93"/>
      <c r="BL5551" s="93"/>
    </row>
    <row r="5552" spans="2:64" x14ac:dyDescent="0.2">
      <c r="B5552" s="43"/>
      <c r="C5552" s="73"/>
      <c r="D5552" s="64"/>
      <c r="E5552" s="55"/>
      <c r="F5552" s="74"/>
      <c r="G5552" s="74"/>
      <c r="H5552" s="74"/>
      <c r="I5552" s="75"/>
      <c r="J5552" s="74"/>
      <c r="L5552" s="55"/>
      <c r="M5552" s="234"/>
      <c r="N5552" s="65"/>
      <c r="O5552" s="76"/>
      <c r="P5552" s="76"/>
      <c r="Q5552" s="65"/>
      <c r="R5552" s="76"/>
      <c r="S5552" s="76"/>
      <c r="T5552" s="76"/>
      <c r="U5552" s="76"/>
      <c r="V5552" s="76"/>
      <c r="W5552" s="76"/>
      <c r="X5552" s="76"/>
      <c r="Y5552" s="76"/>
      <c r="Z5552" s="76"/>
      <c r="AA5552" s="85"/>
      <c r="AB5552" s="85"/>
      <c r="AC5552" s="85"/>
      <c r="AD5552" s="85"/>
      <c r="AE5552" s="85"/>
      <c r="AF5552" s="85"/>
      <c r="AG5552" s="86"/>
      <c r="AH5552" s="85"/>
      <c r="AI5552" s="85"/>
      <c r="AJ5552" s="85"/>
      <c r="AK5552" s="85"/>
      <c r="AL5552" s="85"/>
      <c r="AM5552" s="92"/>
      <c r="AN5552" s="92"/>
      <c r="AO5552" s="92"/>
      <c r="AP5552" s="92"/>
      <c r="AQ5552" s="92"/>
      <c r="AR5552" s="92"/>
      <c r="AS5552" s="92"/>
      <c r="AT5552" s="92"/>
      <c r="AU5552" s="92"/>
      <c r="AV5552" s="92"/>
      <c r="AW5552" s="92"/>
      <c r="AX5552" s="92"/>
      <c r="AY5552" s="92"/>
      <c r="AZ5552" s="93"/>
      <c r="BA5552" s="93"/>
      <c r="BB5552" s="93"/>
      <c r="BC5552" s="93"/>
      <c r="BD5552" s="93"/>
      <c r="BE5552" s="93"/>
      <c r="BF5552" s="93"/>
      <c r="BG5552" s="93"/>
      <c r="BH5552" s="93"/>
      <c r="BI5552" s="93"/>
      <c r="BJ5552" s="93"/>
      <c r="BK5552" s="93"/>
      <c r="BL5552" s="93"/>
    </row>
    <row r="5553" spans="2:64" x14ac:dyDescent="0.2">
      <c r="B5553" s="43"/>
      <c r="C5553" s="73"/>
      <c r="D5553" s="64"/>
      <c r="E5553" s="55"/>
      <c r="F5553" s="74"/>
      <c r="G5553" s="74"/>
      <c r="H5553" s="74"/>
      <c r="I5553" s="75"/>
      <c r="J5553" s="74"/>
      <c r="L5553" s="55"/>
      <c r="M5553" s="234"/>
      <c r="N5553" s="65"/>
      <c r="O5553" s="76"/>
      <c r="P5553" s="76"/>
      <c r="Q5553" s="65"/>
      <c r="R5553" s="76"/>
      <c r="S5553" s="76"/>
      <c r="T5553" s="76"/>
      <c r="U5553" s="76"/>
      <c r="V5553" s="76"/>
      <c r="W5553" s="76"/>
      <c r="X5553" s="76"/>
      <c r="Y5553" s="76"/>
      <c r="Z5553" s="76"/>
      <c r="AA5553" s="85"/>
      <c r="AB5553" s="85"/>
      <c r="AC5553" s="85"/>
      <c r="AD5553" s="85"/>
      <c r="AE5553" s="85"/>
      <c r="AF5553" s="85"/>
      <c r="AG5553" s="86"/>
      <c r="AH5553" s="85"/>
      <c r="AI5553" s="85"/>
      <c r="AJ5553" s="85"/>
      <c r="AK5553" s="85"/>
      <c r="AL5553" s="85"/>
      <c r="AM5553" s="92"/>
      <c r="AN5553" s="92"/>
      <c r="AO5553" s="92"/>
      <c r="AP5553" s="92"/>
      <c r="AQ5553" s="92"/>
      <c r="AR5553" s="92"/>
      <c r="AS5553" s="92"/>
      <c r="AT5553" s="92"/>
      <c r="AU5553" s="92"/>
      <c r="AV5553" s="92"/>
      <c r="AW5553" s="92"/>
      <c r="AX5553" s="92"/>
      <c r="AY5553" s="92"/>
      <c r="AZ5553" s="93"/>
      <c r="BA5553" s="93"/>
      <c r="BB5553" s="93"/>
      <c r="BC5553" s="93"/>
      <c r="BD5553" s="93"/>
      <c r="BE5553" s="93"/>
      <c r="BF5553" s="93"/>
      <c r="BG5553" s="93"/>
      <c r="BH5553" s="93"/>
      <c r="BI5553" s="93"/>
      <c r="BJ5553" s="93"/>
      <c r="BK5553" s="93"/>
      <c r="BL5553" s="93"/>
    </row>
    <row r="5554" spans="2:64" x14ac:dyDescent="0.2">
      <c r="B5554" s="43"/>
      <c r="C5554" s="73"/>
      <c r="D5554" s="64"/>
      <c r="E5554" s="55"/>
      <c r="F5554" s="74"/>
      <c r="G5554" s="74"/>
      <c r="H5554" s="74"/>
      <c r="I5554" s="75"/>
      <c r="J5554" s="74"/>
      <c r="L5554" s="55"/>
      <c r="M5554" s="234"/>
      <c r="N5554" s="65"/>
      <c r="O5554" s="76"/>
      <c r="P5554" s="76"/>
      <c r="Q5554" s="65"/>
      <c r="R5554" s="76"/>
      <c r="S5554" s="76"/>
      <c r="T5554" s="76"/>
      <c r="U5554" s="76"/>
      <c r="V5554" s="76"/>
      <c r="W5554" s="76"/>
      <c r="X5554" s="76"/>
      <c r="Y5554" s="76"/>
      <c r="Z5554" s="76"/>
      <c r="AA5554" s="85"/>
      <c r="AB5554" s="85"/>
      <c r="AC5554" s="85"/>
      <c r="AD5554" s="85"/>
      <c r="AE5554" s="85"/>
      <c r="AF5554" s="85"/>
      <c r="AG5554" s="86"/>
      <c r="AH5554" s="85"/>
      <c r="AI5554" s="85"/>
      <c r="AJ5554" s="85"/>
      <c r="AK5554" s="85"/>
      <c r="AL5554" s="85"/>
      <c r="AM5554" s="92"/>
      <c r="AN5554" s="92"/>
      <c r="AO5554" s="92"/>
      <c r="AP5554" s="92"/>
      <c r="AQ5554" s="92"/>
      <c r="AR5554" s="92"/>
      <c r="AS5554" s="92"/>
      <c r="AT5554" s="92"/>
      <c r="AU5554" s="92"/>
      <c r="AV5554" s="92"/>
      <c r="AW5554" s="92"/>
      <c r="AX5554" s="92"/>
      <c r="AY5554" s="92"/>
      <c r="AZ5554" s="93"/>
      <c r="BA5554" s="93"/>
      <c r="BB5554" s="93"/>
      <c r="BC5554" s="93"/>
      <c r="BD5554" s="93"/>
      <c r="BE5554" s="93"/>
      <c r="BF5554" s="93"/>
      <c r="BG5554" s="93"/>
      <c r="BH5554" s="93"/>
      <c r="BI5554" s="93"/>
      <c r="BJ5554" s="93"/>
      <c r="BK5554" s="93"/>
      <c r="BL5554" s="93"/>
    </row>
    <row r="5555" spans="2:64" x14ac:dyDescent="0.2">
      <c r="B5555" s="43"/>
      <c r="C5555" s="73"/>
      <c r="D5555" s="64"/>
      <c r="E5555" s="55"/>
      <c r="F5555" s="74"/>
      <c r="G5555" s="74"/>
      <c r="H5555" s="74"/>
      <c r="I5555" s="75"/>
      <c r="J5555" s="74"/>
      <c r="L5555" s="55"/>
      <c r="M5555" s="234"/>
      <c r="N5555" s="65"/>
      <c r="O5555" s="76"/>
      <c r="P5555" s="76"/>
      <c r="Q5555" s="65"/>
      <c r="R5555" s="76"/>
      <c r="S5555" s="76"/>
      <c r="T5555" s="76"/>
      <c r="U5555" s="76"/>
      <c r="V5555" s="76"/>
      <c r="W5555" s="76"/>
      <c r="X5555" s="76"/>
      <c r="Y5555" s="76"/>
      <c r="Z5555" s="76"/>
      <c r="AA5555" s="85"/>
      <c r="AB5555" s="85"/>
      <c r="AC5555" s="85"/>
      <c r="AD5555" s="85"/>
      <c r="AE5555" s="85"/>
      <c r="AF5555" s="85"/>
      <c r="AG5555" s="86"/>
      <c r="AH5555" s="85"/>
      <c r="AI5555" s="85"/>
      <c r="AJ5555" s="85"/>
      <c r="AK5555" s="85"/>
      <c r="AL5555" s="85"/>
      <c r="AM5555" s="92"/>
      <c r="AN5555" s="92"/>
      <c r="AO5555" s="92"/>
      <c r="AP5555" s="92"/>
      <c r="AQ5555" s="92"/>
      <c r="AR5555" s="92"/>
      <c r="AS5555" s="92"/>
      <c r="AT5555" s="92"/>
      <c r="AU5555" s="92"/>
      <c r="AV5555" s="92"/>
      <c r="AW5555" s="92"/>
      <c r="AX5555" s="92"/>
      <c r="AY5555" s="92"/>
      <c r="AZ5555" s="93"/>
      <c r="BA5555" s="93"/>
      <c r="BB5555" s="93"/>
      <c r="BC5555" s="93"/>
      <c r="BD5555" s="93"/>
      <c r="BE5555" s="93"/>
      <c r="BF5555" s="93"/>
      <c r="BG5555" s="93"/>
      <c r="BH5555" s="93"/>
      <c r="BI5555" s="93"/>
      <c r="BJ5555" s="93"/>
      <c r="BK5555" s="93"/>
      <c r="BL5555" s="93"/>
    </row>
    <row r="5556" spans="2:64" x14ac:dyDescent="0.2">
      <c r="B5556" s="43"/>
      <c r="C5556" s="73"/>
      <c r="D5556" s="64"/>
      <c r="E5556" s="55"/>
      <c r="F5556" s="74"/>
      <c r="G5556" s="74"/>
      <c r="H5556" s="74"/>
      <c r="I5556" s="75"/>
      <c r="J5556" s="74"/>
      <c r="L5556" s="55"/>
      <c r="M5556" s="234"/>
      <c r="N5556" s="65"/>
      <c r="O5556" s="76"/>
      <c r="P5556" s="76"/>
      <c r="Q5556" s="65"/>
      <c r="R5556" s="76"/>
      <c r="S5556" s="76"/>
      <c r="T5556" s="76"/>
      <c r="U5556" s="76"/>
      <c r="V5556" s="76"/>
      <c r="W5556" s="76"/>
      <c r="X5556" s="76"/>
      <c r="Y5556" s="76"/>
      <c r="Z5556" s="76"/>
      <c r="AA5556" s="85"/>
      <c r="AB5556" s="85"/>
      <c r="AC5556" s="85"/>
      <c r="AD5556" s="85"/>
      <c r="AE5556" s="85"/>
      <c r="AF5556" s="85"/>
      <c r="AG5556" s="86"/>
      <c r="AH5556" s="85"/>
      <c r="AI5556" s="85"/>
      <c r="AJ5556" s="85"/>
      <c r="AK5556" s="85"/>
      <c r="AL5556" s="85"/>
      <c r="AM5556" s="92"/>
      <c r="AN5556" s="92"/>
      <c r="AO5556" s="92"/>
      <c r="AP5556" s="92"/>
      <c r="AQ5556" s="92"/>
      <c r="AR5556" s="92"/>
      <c r="AS5556" s="92"/>
      <c r="AT5556" s="92"/>
      <c r="AU5556" s="92"/>
      <c r="AV5556" s="92"/>
      <c r="AW5556" s="92"/>
      <c r="AX5556" s="92"/>
      <c r="AY5556" s="92"/>
      <c r="AZ5556" s="93"/>
      <c r="BA5556" s="93"/>
      <c r="BB5556" s="93"/>
      <c r="BC5556" s="93"/>
      <c r="BD5556" s="93"/>
      <c r="BE5556" s="93"/>
      <c r="BF5556" s="93"/>
      <c r="BG5556" s="93"/>
      <c r="BH5556" s="93"/>
      <c r="BI5556" s="93"/>
      <c r="BJ5556" s="93"/>
      <c r="BK5556" s="93"/>
      <c r="BL5556" s="93"/>
    </row>
    <row r="5557" spans="2:64" x14ac:dyDescent="0.2">
      <c r="B5557" s="43"/>
      <c r="C5557" s="73"/>
      <c r="D5557" s="64"/>
      <c r="E5557" s="55"/>
      <c r="F5557" s="74"/>
      <c r="G5557" s="74"/>
      <c r="H5557" s="74"/>
      <c r="I5557" s="75"/>
      <c r="J5557" s="74"/>
      <c r="L5557" s="55"/>
      <c r="M5557" s="234"/>
      <c r="N5557" s="65"/>
      <c r="O5557" s="76"/>
      <c r="P5557" s="76"/>
      <c r="Q5557" s="65"/>
      <c r="R5557" s="76"/>
      <c r="S5557" s="76"/>
      <c r="T5557" s="76"/>
      <c r="U5557" s="76"/>
      <c r="V5557" s="76"/>
      <c r="W5557" s="76"/>
      <c r="X5557" s="76"/>
      <c r="Y5557" s="76"/>
      <c r="Z5557" s="76"/>
      <c r="AA5557" s="85"/>
      <c r="AB5557" s="85"/>
      <c r="AC5557" s="85"/>
      <c r="AD5557" s="85"/>
      <c r="AE5557" s="85"/>
      <c r="AF5557" s="85"/>
      <c r="AG5557" s="86"/>
      <c r="AH5557" s="85"/>
      <c r="AI5557" s="85"/>
      <c r="AJ5557" s="85"/>
      <c r="AK5557" s="85"/>
      <c r="AL5557" s="85"/>
      <c r="AM5557" s="92"/>
      <c r="AN5557" s="92"/>
      <c r="AO5557" s="92"/>
      <c r="AP5557" s="92"/>
      <c r="AQ5557" s="92"/>
      <c r="AR5557" s="92"/>
      <c r="AS5557" s="92"/>
      <c r="AT5557" s="92"/>
      <c r="AU5557" s="92"/>
      <c r="AV5557" s="92"/>
      <c r="AW5557" s="92"/>
      <c r="AX5557" s="92"/>
      <c r="AY5557" s="92"/>
      <c r="AZ5557" s="93"/>
      <c r="BA5557" s="93"/>
      <c r="BB5557" s="93"/>
      <c r="BC5557" s="93"/>
      <c r="BD5557" s="93"/>
      <c r="BE5557" s="93"/>
      <c r="BF5557" s="93"/>
      <c r="BG5557" s="93"/>
      <c r="BH5557" s="93"/>
      <c r="BI5557" s="93"/>
      <c r="BJ5557" s="93"/>
      <c r="BK5557" s="93"/>
      <c r="BL5557" s="93"/>
    </row>
    <row r="5558" spans="2:64" x14ac:dyDescent="0.2">
      <c r="B5558" s="43"/>
      <c r="C5558" s="73"/>
      <c r="D5558" s="64"/>
      <c r="E5558" s="55"/>
      <c r="F5558" s="74"/>
      <c r="G5558" s="74"/>
      <c r="H5558" s="74"/>
      <c r="I5558" s="75"/>
      <c r="J5558" s="74"/>
      <c r="L5558" s="55"/>
      <c r="M5558" s="234"/>
      <c r="N5558" s="65"/>
      <c r="O5558" s="76"/>
      <c r="P5558" s="76"/>
      <c r="Q5558" s="65"/>
      <c r="R5558" s="76"/>
      <c r="S5558" s="76"/>
      <c r="T5558" s="76"/>
      <c r="U5558" s="76"/>
      <c r="V5558" s="76"/>
      <c r="W5558" s="76"/>
      <c r="X5558" s="76"/>
      <c r="Y5558" s="76"/>
      <c r="Z5558" s="76"/>
      <c r="AA5558" s="85"/>
      <c r="AB5558" s="85"/>
      <c r="AC5558" s="85"/>
      <c r="AD5558" s="85"/>
      <c r="AE5558" s="85"/>
      <c r="AF5558" s="85"/>
      <c r="AG5558" s="86"/>
      <c r="AH5558" s="85"/>
      <c r="AI5558" s="85"/>
      <c r="AJ5558" s="85"/>
      <c r="AK5558" s="85"/>
      <c r="AL5558" s="85"/>
      <c r="AM5558" s="92"/>
      <c r="AN5558" s="92"/>
      <c r="AO5558" s="92"/>
      <c r="AP5558" s="92"/>
      <c r="AQ5558" s="92"/>
      <c r="AR5558" s="92"/>
      <c r="AS5558" s="92"/>
      <c r="AT5558" s="92"/>
      <c r="AU5558" s="92"/>
      <c r="AV5558" s="92"/>
      <c r="AW5558" s="92"/>
      <c r="AX5558" s="92"/>
      <c r="AY5558" s="92"/>
      <c r="AZ5558" s="93"/>
      <c r="BA5558" s="93"/>
      <c r="BB5558" s="93"/>
      <c r="BC5558" s="93"/>
      <c r="BD5558" s="93"/>
      <c r="BE5558" s="93"/>
      <c r="BF5558" s="93"/>
      <c r="BG5558" s="93"/>
      <c r="BH5558" s="93"/>
      <c r="BI5558" s="93"/>
      <c r="BJ5558" s="93"/>
      <c r="BK5558" s="93"/>
      <c r="BL5558" s="93"/>
    </row>
    <row r="5559" spans="2:64" x14ac:dyDescent="0.2">
      <c r="B5559" s="43"/>
      <c r="C5559" s="73"/>
      <c r="D5559" s="64"/>
      <c r="E5559" s="55"/>
      <c r="F5559" s="74"/>
      <c r="G5559" s="74"/>
      <c r="H5559" s="74"/>
      <c r="I5559" s="75"/>
      <c r="J5559" s="74"/>
      <c r="L5559" s="55"/>
      <c r="M5559" s="234"/>
      <c r="N5559" s="65"/>
      <c r="O5559" s="76"/>
      <c r="P5559" s="76"/>
      <c r="Q5559" s="65"/>
      <c r="R5559" s="76"/>
      <c r="S5559" s="76"/>
      <c r="T5559" s="76"/>
      <c r="U5559" s="76"/>
      <c r="V5559" s="76"/>
      <c r="W5559" s="76"/>
      <c r="X5559" s="76"/>
      <c r="Y5559" s="76"/>
      <c r="Z5559" s="76"/>
      <c r="AA5559" s="85"/>
      <c r="AB5559" s="85"/>
      <c r="AC5559" s="85"/>
      <c r="AD5559" s="85"/>
      <c r="AE5559" s="85"/>
      <c r="AF5559" s="85"/>
      <c r="AG5559" s="86"/>
      <c r="AH5559" s="85"/>
      <c r="AI5559" s="85"/>
      <c r="AJ5559" s="85"/>
      <c r="AK5559" s="85"/>
      <c r="AL5559" s="85"/>
      <c r="AM5559" s="92"/>
      <c r="AN5559" s="92"/>
      <c r="AO5559" s="92"/>
      <c r="AP5559" s="92"/>
      <c r="AQ5559" s="92"/>
      <c r="AR5559" s="92"/>
      <c r="AS5559" s="92"/>
      <c r="AT5559" s="92"/>
      <c r="AU5559" s="92"/>
      <c r="AV5559" s="92"/>
      <c r="AW5559" s="92"/>
      <c r="AX5559" s="92"/>
      <c r="AY5559" s="92"/>
      <c r="AZ5559" s="93"/>
      <c r="BA5559" s="93"/>
      <c r="BB5559" s="93"/>
      <c r="BC5559" s="93"/>
      <c r="BD5559" s="93"/>
      <c r="BE5559" s="93"/>
      <c r="BF5559" s="93"/>
      <c r="BG5559" s="93"/>
      <c r="BH5559" s="93"/>
      <c r="BI5559" s="93"/>
      <c r="BJ5559" s="93"/>
      <c r="BK5559" s="93"/>
      <c r="BL5559" s="93"/>
    </row>
    <row r="5560" spans="2:64" x14ac:dyDescent="0.2">
      <c r="B5560" s="43"/>
      <c r="C5560" s="73"/>
      <c r="D5560" s="64"/>
      <c r="E5560" s="55"/>
      <c r="F5560" s="74"/>
      <c r="G5560" s="74"/>
      <c r="H5560" s="74"/>
      <c r="I5560" s="75"/>
      <c r="J5560" s="74"/>
      <c r="L5560" s="55"/>
      <c r="M5560" s="234"/>
      <c r="N5560" s="65"/>
      <c r="O5560" s="76"/>
      <c r="P5560" s="76"/>
      <c r="Q5560" s="65"/>
      <c r="R5560" s="76"/>
      <c r="S5560" s="76"/>
      <c r="T5560" s="76"/>
      <c r="U5560" s="76"/>
      <c r="V5560" s="76"/>
      <c r="W5560" s="76"/>
      <c r="X5560" s="76"/>
      <c r="Y5560" s="76"/>
      <c r="Z5560" s="76"/>
      <c r="AA5560" s="85"/>
      <c r="AB5560" s="85"/>
      <c r="AC5560" s="85"/>
      <c r="AD5560" s="85"/>
      <c r="AE5560" s="85"/>
      <c r="AF5560" s="85"/>
      <c r="AG5560" s="86"/>
      <c r="AH5560" s="85"/>
      <c r="AI5560" s="85"/>
      <c r="AJ5560" s="85"/>
      <c r="AK5560" s="85"/>
      <c r="AL5560" s="85"/>
      <c r="AM5560" s="92"/>
      <c r="AN5560" s="92"/>
      <c r="AO5560" s="92"/>
      <c r="AP5560" s="92"/>
      <c r="AQ5560" s="92"/>
      <c r="AR5560" s="92"/>
      <c r="AS5560" s="92"/>
      <c r="AT5560" s="92"/>
      <c r="AU5560" s="92"/>
      <c r="AV5560" s="92"/>
      <c r="AW5560" s="92"/>
      <c r="AX5560" s="92"/>
      <c r="AY5560" s="92"/>
      <c r="AZ5560" s="93"/>
      <c r="BA5560" s="93"/>
      <c r="BB5560" s="93"/>
      <c r="BC5560" s="93"/>
      <c r="BD5560" s="93"/>
      <c r="BE5560" s="93"/>
      <c r="BF5560" s="93"/>
      <c r="BG5560" s="93"/>
      <c r="BH5560" s="93"/>
      <c r="BI5560" s="93"/>
      <c r="BJ5560" s="93"/>
      <c r="BK5560" s="93"/>
      <c r="BL5560" s="93"/>
    </row>
    <row r="5561" spans="2:64" x14ac:dyDescent="0.2">
      <c r="B5561" s="43"/>
      <c r="C5561" s="73"/>
      <c r="D5561" s="64"/>
      <c r="E5561" s="55"/>
      <c r="F5561" s="74"/>
      <c r="G5561" s="74"/>
      <c r="H5561" s="74"/>
      <c r="I5561" s="75"/>
      <c r="J5561" s="74"/>
      <c r="L5561" s="55"/>
      <c r="M5561" s="234"/>
      <c r="N5561" s="65"/>
      <c r="O5561" s="76"/>
      <c r="P5561" s="76"/>
      <c r="Q5561" s="65"/>
      <c r="R5561" s="76"/>
      <c r="S5561" s="76"/>
      <c r="T5561" s="76"/>
      <c r="U5561" s="76"/>
      <c r="V5561" s="76"/>
      <c r="W5561" s="76"/>
      <c r="X5561" s="76"/>
      <c r="Y5561" s="76"/>
      <c r="Z5561" s="76"/>
      <c r="AA5561" s="85"/>
      <c r="AB5561" s="85"/>
      <c r="AC5561" s="85"/>
      <c r="AD5561" s="85"/>
      <c r="AE5561" s="85"/>
      <c r="AF5561" s="85"/>
      <c r="AG5561" s="86"/>
      <c r="AH5561" s="85"/>
      <c r="AI5561" s="85"/>
      <c r="AJ5561" s="85"/>
      <c r="AK5561" s="85"/>
      <c r="AL5561" s="85"/>
      <c r="AM5561" s="92"/>
      <c r="AN5561" s="92"/>
      <c r="AO5561" s="92"/>
      <c r="AP5561" s="92"/>
      <c r="AQ5561" s="92"/>
      <c r="AR5561" s="92"/>
      <c r="AS5561" s="92"/>
      <c r="AT5561" s="92"/>
      <c r="AU5561" s="92"/>
      <c r="AV5561" s="92"/>
      <c r="AW5561" s="92"/>
      <c r="AX5561" s="92"/>
      <c r="AY5561" s="92"/>
      <c r="AZ5561" s="93"/>
      <c r="BA5561" s="93"/>
      <c r="BB5561" s="93"/>
      <c r="BC5561" s="93"/>
      <c r="BD5561" s="93"/>
      <c r="BE5561" s="93"/>
      <c r="BF5561" s="93"/>
      <c r="BG5561" s="93"/>
      <c r="BH5561" s="93"/>
      <c r="BI5561" s="93"/>
      <c r="BJ5561" s="93"/>
      <c r="BK5561" s="93"/>
      <c r="BL5561" s="93"/>
    </row>
    <row r="5562" spans="2:64" x14ac:dyDescent="0.2">
      <c r="B5562" s="43"/>
      <c r="C5562" s="73"/>
      <c r="D5562" s="64"/>
      <c r="E5562" s="55"/>
      <c r="F5562" s="74"/>
      <c r="G5562" s="74"/>
      <c r="H5562" s="74"/>
      <c r="I5562" s="75"/>
      <c r="J5562" s="74"/>
      <c r="L5562" s="55"/>
      <c r="M5562" s="234"/>
      <c r="N5562" s="65"/>
      <c r="O5562" s="76"/>
      <c r="P5562" s="76"/>
      <c r="Q5562" s="65"/>
      <c r="R5562" s="76"/>
      <c r="S5562" s="76"/>
      <c r="T5562" s="76"/>
      <c r="U5562" s="76"/>
      <c r="V5562" s="76"/>
      <c r="W5562" s="76"/>
      <c r="X5562" s="76"/>
      <c r="Y5562" s="76"/>
      <c r="Z5562" s="76"/>
      <c r="AA5562" s="85"/>
      <c r="AB5562" s="85"/>
      <c r="AC5562" s="85"/>
      <c r="AD5562" s="85"/>
      <c r="AE5562" s="85"/>
      <c r="AF5562" s="85"/>
      <c r="AG5562" s="86"/>
      <c r="AH5562" s="85"/>
      <c r="AI5562" s="85"/>
      <c r="AJ5562" s="85"/>
      <c r="AK5562" s="85"/>
      <c r="AL5562" s="85"/>
      <c r="AM5562" s="92"/>
      <c r="AN5562" s="92"/>
      <c r="AO5562" s="92"/>
      <c r="AP5562" s="92"/>
      <c r="AQ5562" s="92"/>
      <c r="AR5562" s="92"/>
      <c r="AS5562" s="92"/>
      <c r="AT5562" s="92"/>
      <c r="AU5562" s="92"/>
      <c r="AV5562" s="92"/>
      <c r="AW5562" s="92"/>
      <c r="AX5562" s="92"/>
      <c r="AY5562" s="92"/>
      <c r="AZ5562" s="93"/>
      <c r="BA5562" s="93"/>
      <c r="BB5562" s="93"/>
      <c r="BC5562" s="93"/>
      <c r="BD5562" s="93"/>
      <c r="BE5562" s="93"/>
      <c r="BF5562" s="93"/>
      <c r="BG5562" s="93"/>
      <c r="BH5562" s="93"/>
      <c r="BI5562" s="93"/>
      <c r="BJ5562" s="93"/>
      <c r="BK5562" s="93"/>
      <c r="BL5562" s="93"/>
    </row>
    <row r="5563" spans="2:64" x14ac:dyDescent="0.2">
      <c r="B5563" s="43"/>
      <c r="C5563" s="73"/>
      <c r="D5563" s="64"/>
      <c r="E5563" s="55"/>
      <c r="F5563" s="74"/>
      <c r="G5563" s="74"/>
      <c r="H5563" s="74"/>
      <c r="I5563" s="75"/>
      <c r="J5563" s="74"/>
      <c r="L5563" s="55"/>
      <c r="M5563" s="234"/>
      <c r="N5563" s="65"/>
      <c r="O5563" s="76"/>
      <c r="P5563" s="76"/>
      <c r="Q5563" s="65"/>
      <c r="R5563" s="76"/>
      <c r="S5563" s="76"/>
      <c r="T5563" s="76"/>
      <c r="U5563" s="76"/>
      <c r="V5563" s="76"/>
      <c r="W5563" s="76"/>
      <c r="X5563" s="76"/>
      <c r="Y5563" s="76"/>
      <c r="Z5563" s="76"/>
      <c r="AA5563" s="85"/>
      <c r="AB5563" s="85"/>
      <c r="AC5563" s="85"/>
      <c r="AD5563" s="85"/>
      <c r="AE5563" s="85"/>
      <c r="AF5563" s="85"/>
      <c r="AG5563" s="86"/>
      <c r="AH5563" s="85"/>
      <c r="AI5563" s="85"/>
      <c r="AJ5563" s="85"/>
      <c r="AK5563" s="85"/>
      <c r="AL5563" s="85"/>
      <c r="AM5563" s="92"/>
      <c r="AN5563" s="92"/>
      <c r="AO5563" s="92"/>
      <c r="AP5563" s="92"/>
      <c r="AQ5563" s="92"/>
      <c r="AR5563" s="92"/>
      <c r="AS5563" s="92"/>
      <c r="AT5563" s="92"/>
      <c r="AU5563" s="92"/>
      <c r="AV5563" s="92"/>
      <c r="AW5563" s="92"/>
      <c r="AX5563" s="92"/>
      <c r="AY5563" s="92"/>
      <c r="AZ5563" s="93"/>
      <c r="BA5563" s="93"/>
      <c r="BB5563" s="93"/>
      <c r="BC5563" s="93"/>
      <c r="BD5563" s="93"/>
      <c r="BE5563" s="93"/>
      <c r="BF5563" s="93"/>
      <c r="BG5563" s="93"/>
      <c r="BH5563" s="93"/>
      <c r="BI5563" s="93"/>
      <c r="BJ5563" s="93"/>
      <c r="BK5563" s="93"/>
      <c r="BL5563" s="93"/>
    </row>
    <row r="5564" spans="2:64" x14ac:dyDescent="0.2">
      <c r="B5564" s="43"/>
      <c r="C5564" s="73"/>
      <c r="D5564" s="64"/>
      <c r="E5564" s="55"/>
      <c r="F5564" s="74"/>
      <c r="G5564" s="74"/>
      <c r="H5564" s="74"/>
      <c r="I5564" s="75"/>
      <c r="J5564" s="74"/>
      <c r="L5564" s="55"/>
      <c r="M5564" s="234"/>
      <c r="N5564" s="65"/>
      <c r="O5564" s="76"/>
      <c r="P5564" s="76"/>
      <c r="Q5564" s="65"/>
      <c r="R5564" s="76"/>
      <c r="S5564" s="76"/>
      <c r="T5564" s="76"/>
      <c r="U5564" s="76"/>
      <c r="V5564" s="76"/>
      <c r="W5564" s="76"/>
      <c r="X5564" s="76"/>
      <c r="Y5564" s="76"/>
      <c r="Z5564" s="76"/>
      <c r="AA5564" s="85"/>
      <c r="AB5564" s="85"/>
      <c r="AC5564" s="85"/>
      <c r="AD5564" s="85"/>
      <c r="AE5564" s="85"/>
      <c r="AF5564" s="85"/>
      <c r="AG5564" s="86"/>
      <c r="AH5564" s="85"/>
      <c r="AI5564" s="85"/>
      <c r="AJ5564" s="85"/>
      <c r="AK5564" s="85"/>
      <c r="AL5564" s="85"/>
      <c r="AM5564" s="92"/>
      <c r="AN5564" s="92"/>
      <c r="AO5564" s="92"/>
      <c r="AP5564" s="92"/>
      <c r="AQ5564" s="92"/>
      <c r="AR5564" s="92"/>
      <c r="AS5564" s="92"/>
      <c r="AT5564" s="92"/>
      <c r="AU5564" s="92"/>
      <c r="AV5564" s="92"/>
      <c r="AW5564" s="92"/>
      <c r="AX5564" s="92"/>
      <c r="AY5564" s="92"/>
      <c r="AZ5564" s="93"/>
      <c r="BA5564" s="93"/>
      <c r="BB5564" s="93"/>
      <c r="BC5564" s="93"/>
      <c r="BD5564" s="93"/>
      <c r="BE5564" s="93"/>
      <c r="BF5564" s="93"/>
      <c r="BG5564" s="93"/>
      <c r="BH5564" s="93"/>
      <c r="BI5564" s="93"/>
      <c r="BJ5564" s="93"/>
      <c r="BK5564" s="93"/>
      <c r="BL5564" s="93"/>
    </row>
    <row r="5565" spans="2:64" x14ac:dyDescent="0.2">
      <c r="B5565" s="43"/>
      <c r="C5565" s="73"/>
      <c r="D5565" s="64"/>
      <c r="E5565" s="55"/>
      <c r="F5565" s="74"/>
      <c r="G5565" s="74"/>
      <c r="H5565" s="74"/>
      <c r="I5565" s="75"/>
      <c r="J5565" s="74"/>
      <c r="L5565" s="55"/>
      <c r="M5565" s="234"/>
      <c r="N5565" s="65"/>
      <c r="O5565" s="76"/>
      <c r="P5565" s="76"/>
      <c r="Q5565" s="65"/>
      <c r="R5565" s="76"/>
      <c r="S5565" s="76"/>
      <c r="T5565" s="76"/>
      <c r="U5565" s="76"/>
      <c r="V5565" s="76"/>
      <c r="W5565" s="76"/>
      <c r="X5565" s="76"/>
      <c r="Y5565" s="76"/>
      <c r="Z5565" s="76"/>
      <c r="AA5565" s="85"/>
      <c r="AB5565" s="85"/>
      <c r="AC5565" s="85"/>
      <c r="AD5565" s="85"/>
      <c r="AE5565" s="85"/>
      <c r="AF5565" s="85"/>
      <c r="AG5565" s="86"/>
      <c r="AH5565" s="85"/>
      <c r="AI5565" s="85"/>
      <c r="AJ5565" s="85"/>
      <c r="AK5565" s="85"/>
      <c r="AL5565" s="85"/>
      <c r="AM5565" s="92"/>
      <c r="AN5565" s="92"/>
      <c r="AO5565" s="92"/>
      <c r="AP5565" s="92"/>
      <c r="AQ5565" s="92"/>
      <c r="AR5565" s="92"/>
      <c r="AS5565" s="92"/>
      <c r="AT5565" s="92"/>
      <c r="AU5565" s="92"/>
      <c r="AV5565" s="92"/>
      <c r="AW5565" s="92"/>
      <c r="AX5565" s="92"/>
      <c r="AY5565" s="92"/>
      <c r="AZ5565" s="93"/>
      <c r="BA5565" s="93"/>
      <c r="BB5565" s="93"/>
      <c r="BC5565" s="93"/>
      <c r="BD5565" s="93"/>
      <c r="BE5565" s="93"/>
      <c r="BF5565" s="93"/>
      <c r="BG5565" s="93"/>
      <c r="BH5565" s="93"/>
      <c r="BI5565" s="93"/>
      <c r="BJ5565" s="93"/>
      <c r="BK5565" s="93"/>
      <c r="BL5565" s="93"/>
    </row>
    <row r="5566" spans="2:64" x14ac:dyDescent="0.2">
      <c r="B5566" s="43"/>
      <c r="C5566" s="73"/>
      <c r="D5566" s="64"/>
      <c r="E5566" s="55"/>
      <c r="F5566" s="74"/>
      <c r="G5566" s="74"/>
      <c r="H5566" s="74"/>
      <c r="I5566" s="75"/>
      <c r="J5566" s="74"/>
      <c r="L5566" s="55"/>
      <c r="M5566" s="234"/>
      <c r="N5566" s="65"/>
      <c r="O5566" s="76"/>
      <c r="P5566" s="76"/>
      <c r="Q5566" s="65"/>
      <c r="R5566" s="76"/>
      <c r="S5566" s="76"/>
      <c r="T5566" s="76"/>
      <c r="U5566" s="76"/>
      <c r="V5566" s="76"/>
      <c r="W5566" s="76"/>
      <c r="X5566" s="76"/>
      <c r="Y5566" s="76"/>
      <c r="Z5566" s="76"/>
      <c r="AA5566" s="85"/>
      <c r="AB5566" s="85"/>
      <c r="AC5566" s="85"/>
      <c r="AD5566" s="85"/>
      <c r="AE5566" s="85"/>
      <c r="AF5566" s="85"/>
      <c r="AG5566" s="86"/>
      <c r="AH5566" s="85"/>
      <c r="AI5566" s="85"/>
      <c r="AJ5566" s="85"/>
      <c r="AK5566" s="85"/>
      <c r="AL5566" s="85"/>
      <c r="AM5566" s="92"/>
      <c r="AN5566" s="92"/>
      <c r="AO5566" s="92"/>
      <c r="AP5566" s="92"/>
      <c r="AQ5566" s="92"/>
      <c r="AR5566" s="92"/>
      <c r="AS5566" s="92"/>
      <c r="AT5566" s="92"/>
      <c r="AU5566" s="92"/>
      <c r="AV5566" s="92"/>
      <c r="AW5566" s="92"/>
      <c r="AX5566" s="92"/>
      <c r="AY5566" s="92"/>
      <c r="AZ5566" s="93"/>
      <c r="BA5566" s="93"/>
      <c r="BB5566" s="93"/>
      <c r="BC5566" s="93"/>
      <c r="BD5566" s="93"/>
      <c r="BE5566" s="93"/>
      <c r="BF5566" s="93"/>
      <c r="BG5566" s="93"/>
      <c r="BH5566" s="93"/>
      <c r="BI5566" s="93"/>
      <c r="BJ5566" s="93"/>
      <c r="BK5566" s="93"/>
      <c r="BL5566" s="93"/>
    </row>
    <row r="5567" spans="2:64" x14ac:dyDescent="0.2">
      <c r="B5567" s="43"/>
      <c r="C5567" s="73"/>
      <c r="D5567" s="64"/>
      <c r="E5567" s="55"/>
      <c r="F5567" s="74"/>
      <c r="G5567" s="74"/>
      <c r="H5567" s="74"/>
      <c r="I5567" s="75"/>
      <c r="J5567" s="74"/>
      <c r="L5567" s="55"/>
      <c r="M5567" s="234"/>
      <c r="N5567" s="65"/>
      <c r="O5567" s="76"/>
      <c r="P5567" s="76"/>
      <c r="Q5567" s="65"/>
      <c r="R5567" s="76"/>
      <c r="S5567" s="76"/>
      <c r="T5567" s="76"/>
      <c r="U5567" s="76"/>
      <c r="V5567" s="76"/>
      <c r="W5567" s="76"/>
      <c r="X5567" s="76"/>
      <c r="Y5567" s="76"/>
      <c r="Z5567" s="76"/>
      <c r="AA5567" s="85"/>
      <c r="AB5567" s="85"/>
      <c r="AC5567" s="85"/>
      <c r="AD5567" s="85"/>
      <c r="AE5567" s="85"/>
      <c r="AF5567" s="85"/>
      <c r="AG5567" s="86"/>
      <c r="AH5567" s="85"/>
      <c r="AI5567" s="85"/>
      <c r="AJ5567" s="85"/>
      <c r="AK5567" s="85"/>
      <c r="AL5567" s="85"/>
      <c r="AM5567" s="92"/>
      <c r="AN5567" s="92"/>
      <c r="AO5567" s="92"/>
      <c r="AP5567" s="92"/>
      <c r="AQ5567" s="92"/>
      <c r="AR5567" s="92"/>
      <c r="AS5567" s="92"/>
      <c r="AT5567" s="92"/>
      <c r="AU5567" s="92"/>
      <c r="AV5567" s="92"/>
      <c r="AW5567" s="92"/>
      <c r="AX5567" s="92"/>
      <c r="AY5567" s="92"/>
      <c r="AZ5567" s="93"/>
      <c r="BA5567" s="93"/>
      <c r="BB5567" s="93"/>
      <c r="BC5567" s="93"/>
      <c r="BD5567" s="93"/>
      <c r="BE5567" s="93"/>
      <c r="BF5567" s="93"/>
      <c r="BG5567" s="93"/>
      <c r="BH5567" s="93"/>
      <c r="BI5567" s="93"/>
      <c r="BJ5567" s="93"/>
      <c r="BK5567" s="93"/>
      <c r="BL5567" s="93"/>
    </row>
    <row r="5568" spans="2:64" x14ac:dyDescent="0.2">
      <c r="B5568" s="43"/>
      <c r="C5568" s="73"/>
      <c r="D5568" s="64"/>
      <c r="E5568" s="55"/>
      <c r="F5568" s="74"/>
      <c r="G5568" s="74"/>
      <c r="H5568" s="74"/>
      <c r="I5568" s="75"/>
      <c r="J5568" s="74"/>
      <c r="L5568" s="55"/>
      <c r="M5568" s="234"/>
      <c r="N5568" s="65"/>
      <c r="O5568" s="76"/>
      <c r="P5568" s="76"/>
      <c r="Q5568" s="65"/>
      <c r="R5568" s="76"/>
      <c r="S5568" s="76"/>
      <c r="T5568" s="76"/>
      <c r="U5568" s="76"/>
      <c r="V5568" s="76"/>
      <c r="W5568" s="76"/>
      <c r="X5568" s="76"/>
      <c r="Y5568" s="76"/>
      <c r="Z5568" s="76"/>
      <c r="AA5568" s="85"/>
      <c r="AB5568" s="85"/>
      <c r="AC5568" s="85"/>
      <c r="AD5568" s="85"/>
      <c r="AE5568" s="85"/>
      <c r="AF5568" s="85"/>
      <c r="AG5568" s="86"/>
      <c r="AH5568" s="85"/>
      <c r="AI5568" s="85"/>
      <c r="AJ5568" s="85"/>
      <c r="AK5568" s="85"/>
      <c r="AL5568" s="85"/>
      <c r="AM5568" s="92"/>
      <c r="AN5568" s="92"/>
      <c r="AO5568" s="92"/>
      <c r="AP5568" s="92"/>
      <c r="AQ5568" s="92"/>
      <c r="AR5568" s="92"/>
      <c r="AS5568" s="92"/>
      <c r="AT5568" s="92"/>
      <c r="AU5568" s="92"/>
      <c r="AV5568" s="92"/>
      <c r="AW5568" s="92"/>
      <c r="AX5568" s="92"/>
      <c r="AY5568" s="92"/>
      <c r="AZ5568" s="93"/>
      <c r="BA5568" s="93"/>
      <c r="BB5568" s="93"/>
      <c r="BC5568" s="93"/>
      <c r="BD5568" s="93"/>
      <c r="BE5568" s="93"/>
      <c r="BF5568" s="93"/>
      <c r="BG5568" s="93"/>
      <c r="BH5568" s="93"/>
      <c r="BI5568" s="93"/>
      <c r="BJ5568" s="93"/>
      <c r="BK5568" s="93"/>
      <c r="BL5568" s="93"/>
    </row>
    <row r="5569" spans="2:64" x14ac:dyDescent="0.2">
      <c r="B5569" s="43"/>
      <c r="C5569" s="73"/>
      <c r="D5569" s="64"/>
      <c r="E5569" s="55"/>
      <c r="F5569" s="74"/>
      <c r="G5569" s="74"/>
      <c r="H5569" s="74"/>
      <c r="I5569" s="75"/>
      <c r="J5569" s="74"/>
      <c r="L5569" s="55"/>
      <c r="M5569" s="234"/>
      <c r="N5569" s="65"/>
      <c r="O5569" s="76"/>
      <c r="P5569" s="76"/>
      <c r="Q5569" s="65"/>
      <c r="R5569" s="76"/>
      <c r="S5569" s="76"/>
      <c r="T5569" s="76"/>
      <c r="U5569" s="76"/>
      <c r="V5569" s="76"/>
      <c r="W5569" s="76"/>
      <c r="X5569" s="76"/>
      <c r="Y5569" s="76"/>
      <c r="Z5569" s="76"/>
      <c r="AA5569" s="85"/>
      <c r="AB5569" s="85"/>
      <c r="AC5569" s="85"/>
      <c r="AD5569" s="85"/>
      <c r="AE5569" s="85"/>
      <c r="AF5569" s="85"/>
      <c r="AG5569" s="86"/>
      <c r="AH5569" s="85"/>
      <c r="AI5569" s="85"/>
      <c r="AJ5569" s="85"/>
      <c r="AK5569" s="85"/>
      <c r="AL5569" s="85"/>
      <c r="AM5569" s="92"/>
      <c r="AN5569" s="92"/>
      <c r="AO5569" s="92"/>
      <c r="AP5569" s="92"/>
      <c r="AQ5569" s="92"/>
      <c r="AR5569" s="92"/>
      <c r="AS5569" s="92"/>
      <c r="AT5569" s="92"/>
      <c r="AU5569" s="92"/>
      <c r="AV5569" s="92"/>
      <c r="AW5569" s="92"/>
      <c r="AX5569" s="92"/>
      <c r="AY5569" s="92"/>
      <c r="AZ5569" s="93"/>
      <c r="BA5569" s="93"/>
      <c r="BB5569" s="93"/>
      <c r="BC5569" s="93"/>
      <c r="BD5569" s="93"/>
      <c r="BE5569" s="93"/>
      <c r="BF5569" s="93"/>
      <c r="BG5569" s="93"/>
      <c r="BH5569" s="93"/>
      <c r="BI5569" s="93"/>
      <c r="BJ5569" s="93"/>
      <c r="BK5569" s="93"/>
      <c r="BL5569" s="93"/>
    </row>
    <row r="5570" spans="2:64" x14ac:dyDescent="0.2">
      <c r="B5570" s="43"/>
      <c r="C5570" s="73"/>
      <c r="D5570" s="64"/>
      <c r="E5570" s="55"/>
      <c r="F5570" s="74"/>
      <c r="G5570" s="74"/>
      <c r="H5570" s="74"/>
      <c r="I5570" s="75"/>
      <c r="J5570" s="74"/>
      <c r="L5570" s="55"/>
      <c r="M5570" s="234"/>
      <c r="N5570" s="65"/>
      <c r="O5570" s="76"/>
      <c r="P5570" s="76"/>
      <c r="Q5570" s="65"/>
      <c r="R5570" s="76"/>
      <c r="S5570" s="76"/>
      <c r="T5570" s="76"/>
      <c r="U5570" s="76"/>
      <c r="V5570" s="76"/>
      <c r="W5570" s="76"/>
      <c r="X5570" s="76"/>
      <c r="Y5570" s="76"/>
      <c r="Z5570" s="76"/>
      <c r="AA5570" s="85"/>
      <c r="AB5570" s="85"/>
      <c r="AC5570" s="85"/>
      <c r="AD5570" s="85"/>
      <c r="AE5570" s="85"/>
      <c r="AF5570" s="85"/>
      <c r="AG5570" s="86"/>
      <c r="AH5570" s="85"/>
      <c r="AI5570" s="85"/>
      <c r="AJ5570" s="85"/>
      <c r="AK5570" s="85"/>
      <c r="AL5570" s="85"/>
      <c r="AM5570" s="92"/>
      <c r="AN5570" s="92"/>
      <c r="AO5570" s="92"/>
      <c r="AP5570" s="92"/>
      <c r="AQ5570" s="92"/>
      <c r="AR5570" s="92"/>
      <c r="AS5570" s="92"/>
      <c r="AT5570" s="92"/>
      <c r="AU5570" s="92"/>
      <c r="AV5570" s="92"/>
      <c r="AW5570" s="92"/>
      <c r="AX5570" s="92"/>
      <c r="AY5570" s="92"/>
      <c r="AZ5570" s="93"/>
      <c r="BA5570" s="93"/>
      <c r="BB5570" s="93"/>
      <c r="BC5570" s="93"/>
      <c r="BD5570" s="93"/>
      <c r="BE5570" s="93"/>
      <c r="BF5570" s="93"/>
      <c r="BG5570" s="93"/>
      <c r="BH5570" s="93"/>
      <c r="BI5570" s="93"/>
      <c r="BJ5570" s="93"/>
      <c r="BK5570" s="93"/>
      <c r="BL5570" s="93"/>
    </row>
    <row r="5571" spans="2:64" x14ac:dyDescent="0.2">
      <c r="B5571" s="43"/>
      <c r="C5571" s="73"/>
      <c r="D5571" s="64"/>
      <c r="E5571" s="55"/>
      <c r="F5571" s="74"/>
      <c r="G5571" s="74"/>
      <c r="H5571" s="74"/>
      <c r="I5571" s="75"/>
      <c r="J5571" s="74"/>
      <c r="L5571" s="55"/>
      <c r="M5571" s="234"/>
      <c r="N5571" s="65"/>
      <c r="O5571" s="76"/>
      <c r="P5571" s="76"/>
      <c r="Q5571" s="65"/>
      <c r="R5571" s="76"/>
      <c r="S5571" s="76"/>
      <c r="T5571" s="76"/>
      <c r="U5571" s="76"/>
      <c r="V5571" s="76"/>
      <c r="W5571" s="76"/>
      <c r="X5571" s="76"/>
      <c r="Y5571" s="76"/>
      <c r="Z5571" s="76"/>
      <c r="AA5571" s="85"/>
      <c r="AB5571" s="85"/>
      <c r="AC5571" s="85"/>
      <c r="AD5571" s="85"/>
      <c r="AE5571" s="85"/>
      <c r="AF5571" s="85"/>
      <c r="AG5571" s="86"/>
      <c r="AH5571" s="85"/>
      <c r="AI5571" s="85"/>
      <c r="AJ5571" s="85"/>
      <c r="AK5571" s="85"/>
      <c r="AL5571" s="85"/>
      <c r="AM5571" s="92"/>
      <c r="AN5571" s="92"/>
      <c r="AO5571" s="92"/>
      <c r="AP5571" s="92"/>
      <c r="AQ5571" s="92"/>
      <c r="AR5571" s="92"/>
      <c r="AS5571" s="92"/>
      <c r="AT5571" s="92"/>
      <c r="AU5571" s="92"/>
      <c r="AV5571" s="92"/>
      <c r="AW5571" s="92"/>
      <c r="AX5571" s="92"/>
      <c r="AY5571" s="92"/>
      <c r="AZ5571" s="93"/>
      <c r="BA5571" s="93"/>
      <c r="BB5571" s="93"/>
      <c r="BC5571" s="93"/>
      <c r="BD5571" s="93"/>
      <c r="BE5571" s="93"/>
      <c r="BF5571" s="93"/>
      <c r="BG5571" s="93"/>
      <c r="BH5571" s="93"/>
      <c r="BI5571" s="93"/>
      <c r="BJ5571" s="93"/>
      <c r="BK5571" s="93"/>
      <c r="BL5571" s="93"/>
    </row>
    <row r="5572" spans="2:64" x14ac:dyDescent="0.2">
      <c r="B5572" s="43"/>
      <c r="C5572" s="73"/>
      <c r="D5572" s="64"/>
      <c r="E5572" s="55"/>
      <c r="F5572" s="74"/>
      <c r="G5572" s="74"/>
      <c r="H5572" s="74"/>
      <c r="I5572" s="75"/>
      <c r="J5572" s="74"/>
      <c r="L5572" s="55"/>
      <c r="M5572" s="234"/>
      <c r="N5572" s="65"/>
      <c r="O5572" s="76"/>
      <c r="P5572" s="76"/>
      <c r="Q5572" s="65"/>
      <c r="R5572" s="76"/>
      <c r="S5572" s="76"/>
      <c r="T5572" s="76"/>
      <c r="U5572" s="76"/>
      <c r="V5572" s="76"/>
      <c r="W5572" s="76"/>
      <c r="X5572" s="76"/>
      <c r="Y5572" s="76"/>
      <c r="Z5572" s="76"/>
      <c r="AA5572" s="85"/>
      <c r="AB5572" s="85"/>
      <c r="AC5572" s="85"/>
      <c r="AD5572" s="85"/>
      <c r="AE5572" s="85"/>
      <c r="AF5572" s="85"/>
      <c r="AG5572" s="86"/>
      <c r="AH5572" s="85"/>
      <c r="AI5572" s="85"/>
      <c r="AJ5572" s="85"/>
      <c r="AK5572" s="85"/>
      <c r="AL5572" s="85"/>
      <c r="AM5572" s="92"/>
      <c r="AN5572" s="92"/>
      <c r="AO5572" s="92"/>
      <c r="AP5572" s="92"/>
      <c r="AQ5572" s="92"/>
      <c r="AR5572" s="92"/>
      <c r="AS5572" s="92"/>
      <c r="AT5572" s="92"/>
      <c r="AU5572" s="92"/>
      <c r="AV5572" s="92"/>
      <c r="AW5572" s="92"/>
      <c r="AX5572" s="92"/>
      <c r="AY5572" s="92"/>
      <c r="AZ5572" s="93"/>
      <c r="BA5572" s="93"/>
      <c r="BB5572" s="93"/>
      <c r="BC5572" s="93"/>
      <c r="BD5572" s="93"/>
      <c r="BE5572" s="93"/>
      <c r="BF5572" s="93"/>
      <c r="BG5572" s="93"/>
      <c r="BH5572" s="93"/>
      <c r="BI5572" s="93"/>
      <c r="BJ5572" s="93"/>
      <c r="BK5572" s="93"/>
      <c r="BL5572" s="93"/>
    </row>
    <row r="5573" spans="2:64" x14ac:dyDescent="0.2">
      <c r="B5573" s="43"/>
      <c r="C5573" s="73"/>
      <c r="D5573" s="64"/>
      <c r="E5573" s="55"/>
      <c r="F5573" s="74"/>
      <c r="G5573" s="74"/>
      <c r="H5573" s="74"/>
      <c r="I5573" s="75"/>
      <c r="J5573" s="74"/>
      <c r="L5573" s="55"/>
      <c r="M5573" s="234"/>
      <c r="N5573" s="65"/>
      <c r="O5573" s="76"/>
      <c r="P5573" s="76"/>
      <c r="Q5573" s="65"/>
      <c r="R5573" s="76"/>
      <c r="S5573" s="76"/>
      <c r="T5573" s="76"/>
      <c r="U5573" s="76"/>
      <c r="V5573" s="76"/>
      <c r="W5573" s="76"/>
      <c r="X5573" s="76"/>
      <c r="Y5573" s="76"/>
      <c r="Z5573" s="76"/>
      <c r="AA5573" s="85"/>
      <c r="AB5573" s="85"/>
      <c r="AC5573" s="85"/>
      <c r="AD5573" s="85"/>
      <c r="AE5573" s="85"/>
      <c r="AF5573" s="85"/>
      <c r="AG5573" s="86"/>
      <c r="AH5573" s="85"/>
      <c r="AI5573" s="85"/>
      <c r="AJ5573" s="85"/>
      <c r="AK5573" s="85"/>
      <c r="AL5573" s="85"/>
      <c r="AM5573" s="92"/>
      <c r="AN5573" s="92"/>
      <c r="AO5573" s="92"/>
      <c r="AP5573" s="92"/>
      <c r="AQ5573" s="92"/>
      <c r="AR5573" s="92"/>
      <c r="AS5573" s="92"/>
      <c r="AT5573" s="92"/>
      <c r="AU5573" s="92"/>
      <c r="AV5573" s="92"/>
      <c r="AW5573" s="92"/>
      <c r="AX5573" s="92"/>
      <c r="AY5573" s="92"/>
      <c r="AZ5573" s="93"/>
      <c r="BA5573" s="93"/>
      <c r="BB5573" s="93"/>
      <c r="BC5573" s="93"/>
      <c r="BD5573" s="93"/>
      <c r="BE5573" s="93"/>
      <c r="BF5573" s="93"/>
      <c r="BG5573" s="93"/>
      <c r="BH5573" s="93"/>
      <c r="BI5573" s="93"/>
      <c r="BJ5573" s="93"/>
      <c r="BK5573" s="93"/>
      <c r="BL5573" s="93"/>
    </row>
    <row r="5574" spans="2:64" x14ac:dyDescent="0.2">
      <c r="B5574" s="43"/>
      <c r="C5574" s="73"/>
      <c r="D5574" s="64"/>
      <c r="E5574" s="55"/>
      <c r="F5574" s="74"/>
      <c r="G5574" s="74"/>
      <c r="H5574" s="74"/>
      <c r="I5574" s="75"/>
      <c r="J5574" s="74"/>
      <c r="L5574" s="55"/>
      <c r="M5574" s="234"/>
      <c r="N5574" s="65"/>
      <c r="O5574" s="76"/>
      <c r="P5574" s="76"/>
      <c r="Q5574" s="65"/>
      <c r="R5574" s="76"/>
      <c r="S5574" s="76"/>
      <c r="T5574" s="76"/>
      <c r="U5574" s="76"/>
      <c r="V5574" s="76"/>
      <c r="W5574" s="76"/>
      <c r="X5574" s="76"/>
      <c r="Y5574" s="76"/>
      <c r="Z5574" s="76"/>
      <c r="AA5574" s="85"/>
      <c r="AB5574" s="85"/>
      <c r="AC5574" s="85"/>
      <c r="AD5574" s="85"/>
      <c r="AE5574" s="85"/>
      <c r="AF5574" s="85"/>
      <c r="AG5574" s="86"/>
      <c r="AH5574" s="85"/>
      <c r="AI5574" s="85"/>
      <c r="AJ5574" s="85"/>
      <c r="AK5574" s="85"/>
      <c r="AL5574" s="85"/>
      <c r="AM5574" s="92"/>
      <c r="AN5574" s="92"/>
      <c r="AO5574" s="92"/>
      <c r="AP5574" s="92"/>
      <c r="AQ5574" s="92"/>
      <c r="AR5574" s="92"/>
      <c r="AS5574" s="92"/>
      <c r="AT5574" s="92"/>
      <c r="AU5574" s="92"/>
      <c r="AV5574" s="92"/>
      <c r="AW5574" s="92"/>
      <c r="AX5574" s="92"/>
      <c r="AY5574" s="92"/>
      <c r="AZ5574" s="93"/>
      <c r="BA5574" s="93"/>
      <c r="BB5574" s="93"/>
      <c r="BC5574" s="93"/>
      <c r="BD5574" s="93"/>
      <c r="BE5574" s="93"/>
      <c r="BF5574" s="93"/>
      <c r="BG5574" s="93"/>
      <c r="BH5574" s="93"/>
      <c r="BI5574" s="93"/>
      <c r="BJ5574" s="93"/>
      <c r="BK5574" s="93"/>
      <c r="BL5574" s="93"/>
    </row>
    <row r="5575" spans="2:64" x14ac:dyDescent="0.2">
      <c r="B5575" s="43"/>
      <c r="C5575" s="73"/>
      <c r="D5575" s="64"/>
      <c r="E5575" s="55"/>
      <c r="F5575" s="74"/>
      <c r="G5575" s="74"/>
      <c r="H5575" s="74"/>
      <c r="I5575" s="75"/>
      <c r="J5575" s="74"/>
      <c r="L5575" s="55"/>
      <c r="M5575" s="234"/>
      <c r="N5575" s="65"/>
      <c r="O5575" s="76"/>
      <c r="P5575" s="76"/>
      <c r="Q5575" s="65"/>
      <c r="R5575" s="76"/>
      <c r="S5575" s="76"/>
      <c r="T5575" s="76"/>
      <c r="U5575" s="76"/>
      <c r="V5575" s="76"/>
      <c r="W5575" s="76"/>
      <c r="X5575" s="76"/>
      <c r="Y5575" s="76"/>
      <c r="Z5575" s="76"/>
      <c r="AA5575" s="85"/>
      <c r="AB5575" s="85"/>
      <c r="AC5575" s="85"/>
      <c r="AD5575" s="85"/>
      <c r="AE5575" s="85"/>
      <c r="AF5575" s="85"/>
      <c r="AG5575" s="86"/>
      <c r="AH5575" s="85"/>
      <c r="AI5575" s="85"/>
      <c r="AJ5575" s="85"/>
      <c r="AK5575" s="85"/>
      <c r="AL5575" s="85"/>
      <c r="AM5575" s="92"/>
      <c r="AN5575" s="92"/>
      <c r="AO5575" s="92"/>
      <c r="AP5575" s="92"/>
      <c r="AQ5575" s="92"/>
      <c r="AR5575" s="92"/>
      <c r="AS5575" s="92"/>
      <c r="AT5575" s="92"/>
      <c r="AU5575" s="92"/>
      <c r="AV5575" s="92"/>
      <c r="AW5575" s="92"/>
      <c r="AX5575" s="92"/>
      <c r="AY5575" s="92"/>
      <c r="AZ5575" s="93"/>
      <c r="BA5575" s="93"/>
      <c r="BB5575" s="93"/>
      <c r="BC5575" s="93"/>
      <c r="BD5575" s="93"/>
      <c r="BE5575" s="93"/>
      <c r="BF5575" s="93"/>
      <c r="BG5575" s="93"/>
      <c r="BH5575" s="93"/>
      <c r="BI5575" s="93"/>
      <c r="BJ5575" s="93"/>
      <c r="BK5575" s="93"/>
      <c r="BL5575" s="93"/>
    </row>
    <row r="5576" spans="2:64" x14ac:dyDescent="0.2">
      <c r="B5576" s="43"/>
      <c r="C5576" s="73"/>
      <c r="D5576" s="64"/>
      <c r="E5576" s="55"/>
      <c r="F5576" s="74"/>
      <c r="G5576" s="74"/>
      <c r="H5576" s="74"/>
      <c r="I5576" s="75"/>
      <c r="J5576" s="74"/>
      <c r="L5576" s="55"/>
      <c r="M5576" s="234"/>
      <c r="N5576" s="65"/>
      <c r="O5576" s="76"/>
      <c r="P5576" s="76"/>
      <c r="Q5576" s="65"/>
      <c r="R5576" s="76"/>
      <c r="S5576" s="76"/>
      <c r="T5576" s="76"/>
      <c r="U5576" s="76"/>
      <c r="V5576" s="76"/>
      <c r="W5576" s="76"/>
      <c r="X5576" s="76"/>
      <c r="Y5576" s="76"/>
      <c r="Z5576" s="76"/>
      <c r="AA5576" s="85"/>
      <c r="AB5576" s="85"/>
      <c r="AC5576" s="85"/>
      <c r="AD5576" s="85"/>
      <c r="AE5576" s="85"/>
      <c r="AF5576" s="85"/>
      <c r="AG5576" s="86"/>
      <c r="AH5576" s="85"/>
      <c r="AI5576" s="85"/>
      <c r="AJ5576" s="85"/>
      <c r="AK5576" s="85"/>
      <c r="AL5576" s="85"/>
      <c r="AM5576" s="92"/>
      <c r="AN5576" s="92"/>
      <c r="AO5576" s="92"/>
      <c r="AP5576" s="92"/>
      <c r="AQ5576" s="92"/>
      <c r="AR5576" s="92"/>
      <c r="AS5576" s="92"/>
      <c r="AT5576" s="92"/>
      <c r="AU5576" s="92"/>
      <c r="AV5576" s="92"/>
      <c r="AW5576" s="92"/>
      <c r="AX5576" s="92"/>
      <c r="AY5576" s="92"/>
      <c r="AZ5576" s="93"/>
      <c r="BA5576" s="93"/>
      <c r="BB5576" s="93"/>
      <c r="BC5576" s="93"/>
      <c r="BD5576" s="93"/>
      <c r="BE5576" s="93"/>
      <c r="BF5576" s="93"/>
      <c r="BG5576" s="93"/>
      <c r="BH5576" s="93"/>
      <c r="BI5576" s="93"/>
      <c r="BJ5576" s="93"/>
      <c r="BK5576" s="93"/>
      <c r="BL5576" s="93"/>
    </row>
    <row r="5577" spans="2:64" x14ac:dyDescent="0.2">
      <c r="B5577" s="43"/>
      <c r="C5577" s="73"/>
      <c r="D5577" s="64"/>
      <c r="E5577" s="55"/>
      <c r="F5577" s="74"/>
      <c r="G5577" s="74"/>
      <c r="H5577" s="74"/>
      <c r="I5577" s="75"/>
      <c r="J5577" s="74"/>
      <c r="L5577" s="55"/>
      <c r="M5577" s="234"/>
      <c r="N5577" s="65"/>
      <c r="O5577" s="76"/>
      <c r="P5577" s="76"/>
      <c r="Q5577" s="65"/>
      <c r="R5577" s="76"/>
      <c r="S5577" s="76"/>
      <c r="T5577" s="76"/>
      <c r="U5577" s="76"/>
      <c r="V5577" s="76"/>
      <c r="W5577" s="76"/>
      <c r="X5577" s="76"/>
      <c r="Y5577" s="76"/>
      <c r="Z5577" s="76"/>
      <c r="AA5577" s="85"/>
      <c r="AB5577" s="85"/>
      <c r="AC5577" s="85"/>
      <c r="AD5577" s="85"/>
      <c r="AE5577" s="85"/>
      <c r="AF5577" s="85"/>
      <c r="AG5577" s="86"/>
      <c r="AH5577" s="85"/>
      <c r="AI5577" s="85"/>
      <c r="AJ5577" s="85"/>
      <c r="AK5577" s="85"/>
      <c r="AL5577" s="85"/>
      <c r="AM5577" s="92"/>
      <c r="AN5577" s="92"/>
      <c r="AO5577" s="92"/>
      <c r="AP5577" s="92"/>
      <c r="AQ5577" s="92"/>
      <c r="AR5577" s="92"/>
      <c r="AS5577" s="92"/>
      <c r="AT5577" s="92"/>
      <c r="AU5577" s="92"/>
      <c r="AV5577" s="92"/>
      <c r="AW5577" s="92"/>
      <c r="AX5577" s="92"/>
      <c r="AY5577" s="92"/>
      <c r="AZ5577" s="93"/>
      <c r="BA5577" s="93"/>
      <c r="BB5577" s="93"/>
      <c r="BC5577" s="93"/>
      <c r="BD5577" s="93"/>
      <c r="BE5577" s="93"/>
      <c r="BF5577" s="93"/>
      <c r="BG5577" s="93"/>
      <c r="BH5577" s="93"/>
      <c r="BI5577" s="93"/>
      <c r="BJ5577" s="93"/>
      <c r="BK5577" s="93"/>
      <c r="BL5577" s="93"/>
    </row>
    <row r="5578" spans="2:64" x14ac:dyDescent="0.2">
      <c r="B5578" s="43"/>
      <c r="C5578" s="73"/>
      <c r="D5578" s="64"/>
      <c r="E5578" s="55"/>
      <c r="F5578" s="74"/>
      <c r="G5578" s="74"/>
      <c r="H5578" s="74"/>
      <c r="I5578" s="75"/>
      <c r="J5578" s="74"/>
      <c r="L5578" s="55"/>
      <c r="M5578" s="234"/>
      <c r="N5578" s="65"/>
      <c r="O5578" s="76"/>
      <c r="P5578" s="76"/>
      <c r="Q5578" s="65"/>
      <c r="R5578" s="76"/>
      <c r="S5578" s="76"/>
      <c r="T5578" s="76"/>
      <c r="U5578" s="76"/>
      <c r="V5578" s="76"/>
      <c r="W5578" s="76"/>
      <c r="X5578" s="76"/>
      <c r="Y5578" s="76"/>
      <c r="Z5578" s="76"/>
      <c r="AA5578" s="85"/>
      <c r="AB5578" s="85"/>
      <c r="AC5578" s="85"/>
      <c r="AD5578" s="85"/>
      <c r="AE5578" s="85"/>
      <c r="AF5578" s="85"/>
      <c r="AG5578" s="86"/>
      <c r="AH5578" s="85"/>
      <c r="AI5578" s="85"/>
      <c r="AJ5578" s="85"/>
      <c r="AK5578" s="85"/>
      <c r="AL5578" s="85"/>
      <c r="AM5578" s="92"/>
      <c r="AN5578" s="92"/>
      <c r="AO5578" s="92"/>
      <c r="AP5578" s="92"/>
      <c r="AQ5578" s="92"/>
      <c r="AR5578" s="92"/>
      <c r="AS5578" s="92"/>
      <c r="AT5578" s="92"/>
      <c r="AU5578" s="92"/>
      <c r="AV5578" s="92"/>
      <c r="AW5578" s="92"/>
      <c r="AX5578" s="92"/>
      <c r="AY5578" s="92"/>
      <c r="AZ5578" s="93"/>
      <c r="BA5578" s="93"/>
      <c r="BB5578" s="93"/>
      <c r="BC5578" s="93"/>
      <c r="BD5578" s="93"/>
      <c r="BE5578" s="93"/>
      <c r="BF5578" s="93"/>
      <c r="BG5578" s="93"/>
      <c r="BH5578" s="93"/>
      <c r="BI5578" s="93"/>
      <c r="BJ5578" s="93"/>
      <c r="BK5578" s="93"/>
      <c r="BL5578" s="93"/>
    </row>
    <row r="5579" spans="2:64" x14ac:dyDescent="0.2">
      <c r="B5579" s="43"/>
      <c r="C5579" s="73"/>
      <c r="D5579" s="64"/>
      <c r="E5579" s="55"/>
      <c r="F5579" s="74"/>
      <c r="G5579" s="74"/>
      <c r="H5579" s="74"/>
      <c r="I5579" s="75"/>
      <c r="J5579" s="74"/>
      <c r="L5579" s="55"/>
      <c r="M5579" s="234"/>
      <c r="N5579" s="65"/>
      <c r="O5579" s="76"/>
      <c r="P5579" s="76"/>
      <c r="Q5579" s="65"/>
      <c r="R5579" s="76"/>
      <c r="S5579" s="76"/>
      <c r="T5579" s="76"/>
      <c r="U5579" s="76"/>
      <c r="V5579" s="76"/>
      <c r="W5579" s="76"/>
      <c r="X5579" s="76"/>
      <c r="Y5579" s="76"/>
      <c r="Z5579" s="76"/>
      <c r="AA5579" s="85"/>
      <c r="AB5579" s="85"/>
      <c r="AC5579" s="85"/>
      <c r="AD5579" s="85"/>
      <c r="AE5579" s="85"/>
      <c r="AF5579" s="85"/>
      <c r="AG5579" s="86"/>
      <c r="AH5579" s="85"/>
      <c r="AI5579" s="85"/>
      <c r="AJ5579" s="85"/>
      <c r="AK5579" s="85"/>
      <c r="AL5579" s="85"/>
      <c r="AM5579" s="92"/>
      <c r="AN5579" s="92"/>
      <c r="AO5579" s="92"/>
      <c r="AP5579" s="92"/>
      <c r="AQ5579" s="92"/>
      <c r="AR5579" s="92"/>
      <c r="AS5579" s="92"/>
      <c r="AT5579" s="92"/>
      <c r="AU5579" s="92"/>
      <c r="AV5579" s="92"/>
      <c r="AW5579" s="92"/>
      <c r="AX5579" s="92"/>
      <c r="AY5579" s="92"/>
      <c r="AZ5579" s="93"/>
      <c r="BA5579" s="93"/>
      <c r="BB5579" s="93"/>
      <c r="BC5579" s="93"/>
      <c r="BD5579" s="93"/>
      <c r="BE5579" s="93"/>
      <c r="BF5579" s="93"/>
      <c r="BG5579" s="93"/>
      <c r="BH5579" s="93"/>
      <c r="BI5579" s="93"/>
      <c r="BJ5579" s="93"/>
      <c r="BK5579" s="93"/>
      <c r="BL5579" s="93"/>
    </row>
    <row r="5580" spans="2:64" x14ac:dyDescent="0.2">
      <c r="B5580" s="43"/>
      <c r="C5580" s="73"/>
      <c r="D5580" s="64"/>
      <c r="E5580" s="55"/>
      <c r="F5580" s="74"/>
      <c r="G5580" s="74"/>
      <c r="H5580" s="74"/>
      <c r="I5580" s="75"/>
      <c r="J5580" s="74"/>
      <c r="L5580" s="55"/>
      <c r="M5580" s="234"/>
      <c r="N5580" s="65"/>
      <c r="O5580" s="76"/>
      <c r="P5580" s="76"/>
      <c r="Q5580" s="65"/>
      <c r="R5580" s="76"/>
      <c r="S5580" s="76"/>
      <c r="T5580" s="76"/>
      <c r="U5580" s="76"/>
      <c r="V5580" s="76"/>
      <c r="W5580" s="76"/>
      <c r="X5580" s="76"/>
      <c r="Y5580" s="76"/>
      <c r="Z5580" s="76"/>
      <c r="AA5580" s="85"/>
      <c r="AB5580" s="85"/>
      <c r="AC5580" s="85"/>
      <c r="AD5580" s="85"/>
      <c r="AE5580" s="85"/>
      <c r="AF5580" s="85"/>
      <c r="AG5580" s="86"/>
      <c r="AH5580" s="85"/>
      <c r="AI5580" s="85"/>
      <c r="AJ5580" s="85"/>
      <c r="AK5580" s="85"/>
      <c r="AL5580" s="85"/>
      <c r="AM5580" s="92"/>
      <c r="AN5580" s="92"/>
      <c r="AO5580" s="92"/>
      <c r="AP5580" s="92"/>
      <c r="AQ5580" s="92"/>
      <c r="AR5580" s="92"/>
      <c r="AS5580" s="92"/>
      <c r="AT5580" s="92"/>
      <c r="AU5580" s="92"/>
      <c r="AV5580" s="92"/>
      <c r="AW5580" s="92"/>
      <c r="AX5580" s="92"/>
      <c r="AY5580" s="92"/>
      <c r="AZ5580" s="93"/>
      <c r="BA5580" s="93"/>
      <c r="BB5580" s="93"/>
      <c r="BC5580" s="93"/>
      <c r="BD5580" s="93"/>
      <c r="BE5580" s="93"/>
      <c r="BF5580" s="93"/>
      <c r="BG5580" s="93"/>
      <c r="BH5580" s="93"/>
      <c r="BI5580" s="93"/>
      <c r="BJ5580" s="93"/>
      <c r="BK5580" s="93"/>
      <c r="BL5580" s="93"/>
    </row>
    <row r="5581" spans="2:64" x14ac:dyDescent="0.2">
      <c r="B5581" s="43"/>
      <c r="C5581" s="73"/>
      <c r="D5581" s="64"/>
      <c r="E5581" s="55"/>
      <c r="F5581" s="74"/>
      <c r="G5581" s="74"/>
      <c r="H5581" s="74"/>
      <c r="I5581" s="75"/>
      <c r="J5581" s="74"/>
      <c r="L5581" s="55"/>
      <c r="M5581" s="234"/>
      <c r="N5581" s="65"/>
      <c r="O5581" s="76"/>
      <c r="P5581" s="76"/>
      <c r="Q5581" s="65"/>
      <c r="R5581" s="76"/>
      <c r="S5581" s="76"/>
      <c r="T5581" s="76"/>
      <c r="U5581" s="76"/>
      <c r="V5581" s="76"/>
      <c r="W5581" s="76"/>
      <c r="X5581" s="76"/>
      <c r="Y5581" s="76"/>
      <c r="Z5581" s="76"/>
      <c r="AA5581" s="85"/>
      <c r="AB5581" s="85"/>
      <c r="AC5581" s="85"/>
      <c r="AD5581" s="85"/>
      <c r="AE5581" s="85"/>
      <c r="AF5581" s="85"/>
      <c r="AG5581" s="86"/>
      <c r="AH5581" s="85"/>
      <c r="AI5581" s="85"/>
      <c r="AJ5581" s="85"/>
      <c r="AK5581" s="85"/>
      <c r="AL5581" s="85"/>
      <c r="AM5581" s="92"/>
      <c r="AN5581" s="92"/>
      <c r="AO5581" s="92"/>
      <c r="AP5581" s="92"/>
      <c r="AQ5581" s="92"/>
      <c r="AR5581" s="92"/>
      <c r="AS5581" s="92"/>
      <c r="AT5581" s="92"/>
      <c r="AU5581" s="92"/>
      <c r="AV5581" s="92"/>
      <c r="AW5581" s="92"/>
      <c r="AX5581" s="92"/>
      <c r="AY5581" s="92"/>
      <c r="AZ5581" s="93"/>
      <c r="BA5581" s="93"/>
      <c r="BB5581" s="93"/>
      <c r="BC5581" s="93"/>
      <c r="BD5581" s="93"/>
      <c r="BE5581" s="93"/>
      <c r="BF5581" s="93"/>
      <c r="BG5581" s="93"/>
      <c r="BH5581" s="93"/>
      <c r="BI5581" s="93"/>
      <c r="BJ5581" s="93"/>
      <c r="BK5581" s="93"/>
      <c r="BL5581" s="93"/>
    </row>
    <row r="5582" spans="2:64" x14ac:dyDescent="0.2">
      <c r="B5582" s="43"/>
      <c r="C5582" s="73"/>
      <c r="D5582" s="64"/>
      <c r="E5582" s="55"/>
      <c r="F5582" s="74"/>
      <c r="G5582" s="74"/>
      <c r="H5582" s="74"/>
      <c r="I5582" s="75"/>
      <c r="J5582" s="74"/>
      <c r="L5582" s="55"/>
      <c r="M5582" s="234"/>
      <c r="N5582" s="65"/>
      <c r="O5582" s="76"/>
      <c r="P5582" s="76"/>
      <c r="Q5582" s="65"/>
      <c r="R5582" s="76"/>
      <c r="S5582" s="76"/>
      <c r="T5582" s="76"/>
      <c r="U5582" s="76"/>
      <c r="V5582" s="76"/>
      <c r="W5582" s="76"/>
      <c r="X5582" s="76"/>
      <c r="Y5582" s="76"/>
      <c r="Z5582" s="76"/>
      <c r="AA5582" s="85"/>
      <c r="AB5582" s="85"/>
      <c r="AC5582" s="85"/>
      <c r="AD5582" s="85"/>
      <c r="AE5582" s="85"/>
      <c r="AF5582" s="85"/>
      <c r="AG5582" s="86"/>
      <c r="AH5582" s="85"/>
      <c r="AI5582" s="85"/>
      <c r="AJ5582" s="85"/>
      <c r="AK5582" s="85"/>
      <c r="AL5582" s="85"/>
      <c r="AM5582" s="92"/>
      <c r="AN5582" s="92"/>
      <c r="AO5582" s="92"/>
      <c r="AP5582" s="92"/>
      <c r="AQ5582" s="92"/>
      <c r="AR5582" s="92"/>
      <c r="AS5582" s="92"/>
      <c r="AT5582" s="92"/>
      <c r="AU5582" s="92"/>
      <c r="AV5582" s="92"/>
      <c r="AW5582" s="92"/>
      <c r="AX5582" s="92"/>
      <c r="AY5582" s="92"/>
      <c r="AZ5582" s="93"/>
      <c r="BA5582" s="93"/>
      <c r="BB5582" s="93"/>
      <c r="BC5582" s="93"/>
      <c r="BD5582" s="93"/>
      <c r="BE5582" s="93"/>
      <c r="BF5582" s="93"/>
      <c r="BG5582" s="93"/>
      <c r="BH5582" s="93"/>
      <c r="BI5582" s="93"/>
      <c r="BJ5582" s="93"/>
      <c r="BK5582" s="93"/>
      <c r="BL5582" s="93"/>
    </row>
    <row r="5583" spans="2:64" x14ac:dyDescent="0.2">
      <c r="B5583" s="43"/>
      <c r="C5583" s="73"/>
      <c r="D5583" s="64"/>
      <c r="E5583" s="55"/>
      <c r="F5583" s="74"/>
      <c r="G5583" s="74"/>
      <c r="H5583" s="74"/>
      <c r="I5583" s="75"/>
      <c r="J5583" s="74"/>
      <c r="L5583" s="55"/>
      <c r="M5583" s="234"/>
      <c r="N5583" s="65"/>
      <c r="O5583" s="76"/>
      <c r="P5583" s="76"/>
      <c r="Q5583" s="65"/>
      <c r="R5583" s="76"/>
      <c r="S5583" s="76"/>
      <c r="T5583" s="76"/>
      <c r="U5583" s="76"/>
      <c r="V5583" s="76"/>
      <c r="W5583" s="76"/>
      <c r="X5583" s="76"/>
      <c r="Y5583" s="76"/>
      <c r="Z5583" s="76"/>
      <c r="AA5583" s="85"/>
      <c r="AB5583" s="85"/>
      <c r="AC5583" s="85"/>
      <c r="AD5583" s="85"/>
      <c r="AE5583" s="85"/>
      <c r="AF5583" s="85"/>
      <c r="AG5583" s="86"/>
      <c r="AH5583" s="85"/>
      <c r="AI5583" s="85"/>
      <c r="AJ5583" s="85"/>
      <c r="AK5583" s="85"/>
      <c r="AL5583" s="85"/>
      <c r="AM5583" s="92"/>
      <c r="AN5583" s="92"/>
      <c r="AO5583" s="92"/>
      <c r="AP5583" s="92"/>
      <c r="AQ5583" s="92"/>
      <c r="AR5583" s="92"/>
      <c r="AS5583" s="92"/>
      <c r="AT5583" s="92"/>
      <c r="AU5583" s="92"/>
      <c r="AV5583" s="92"/>
      <c r="AW5583" s="92"/>
      <c r="AX5583" s="92"/>
      <c r="AY5583" s="92"/>
      <c r="AZ5583" s="93"/>
      <c r="BA5583" s="93"/>
      <c r="BB5583" s="93"/>
      <c r="BC5583" s="93"/>
      <c r="BD5583" s="93"/>
      <c r="BE5583" s="93"/>
      <c r="BF5583" s="93"/>
      <c r="BG5583" s="93"/>
      <c r="BH5583" s="93"/>
      <c r="BI5583" s="93"/>
      <c r="BJ5583" s="93"/>
      <c r="BK5583" s="93"/>
      <c r="BL5583" s="93"/>
    </row>
    <row r="5584" spans="2:64" x14ac:dyDescent="0.2">
      <c r="B5584" s="43"/>
      <c r="C5584" s="73"/>
      <c r="D5584" s="64"/>
      <c r="E5584" s="55"/>
      <c r="F5584" s="74"/>
      <c r="G5584" s="74"/>
      <c r="H5584" s="74"/>
      <c r="I5584" s="75"/>
      <c r="J5584" s="74"/>
      <c r="L5584" s="55"/>
      <c r="M5584" s="234"/>
      <c r="N5584" s="65"/>
      <c r="O5584" s="76"/>
      <c r="P5584" s="76"/>
      <c r="Q5584" s="65"/>
      <c r="R5584" s="76"/>
      <c r="S5584" s="76"/>
      <c r="T5584" s="76"/>
      <c r="U5584" s="76"/>
      <c r="V5584" s="76"/>
      <c r="W5584" s="76"/>
      <c r="X5584" s="76"/>
      <c r="Y5584" s="76"/>
      <c r="Z5584" s="76"/>
      <c r="AA5584" s="85"/>
      <c r="AB5584" s="85"/>
      <c r="AC5584" s="85"/>
      <c r="AD5584" s="85"/>
      <c r="AE5584" s="85"/>
      <c r="AF5584" s="85"/>
      <c r="AG5584" s="86"/>
      <c r="AH5584" s="85"/>
      <c r="AI5584" s="85"/>
      <c r="AJ5584" s="85"/>
      <c r="AK5584" s="85"/>
      <c r="AL5584" s="85"/>
      <c r="AM5584" s="92"/>
      <c r="AN5584" s="92"/>
      <c r="AO5584" s="92"/>
      <c r="AP5584" s="92"/>
      <c r="AQ5584" s="92"/>
      <c r="AR5584" s="92"/>
      <c r="AS5584" s="92"/>
      <c r="AT5584" s="92"/>
      <c r="AU5584" s="92"/>
      <c r="AV5584" s="92"/>
      <c r="AW5584" s="92"/>
      <c r="AX5584" s="92"/>
      <c r="AY5584" s="92"/>
      <c r="AZ5584" s="93"/>
      <c r="BA5584" s="93"/>
      <c r="BB5584" s="93"/>
      <c r="BC5584" s="93"/>
      <c r="BD5584" s="93"/>
      <c r="BE5584" s="93"/>
      <c r="BF5584" s="93"/>
      <c r="BG5584" s="93"/>
      <c r="BH5584" s="93"/>
      <c r="BI5584" s="93"/>
      <c r="BJ5584" s="93"/>
      <c r="BK5584" s="93"/>
      <c r="BL5584" s="93"/>
    </row>
    <row r="5585" spans="2:64" x14ac:dyDescent="0.2">
      <c r="B5585" s="43"/>
      <c r="C5585" s="73"/>
      <c r="D5585" s="64"/>
      <c r="E5585" s="55"/>
      <c r="F5585" s="74"/>
      <c r="G5585" s="74"/>
      <c r="H5585" s="74"/>
      <c r="I5585" s="75"/>
      <c r="J5585" s="74"/>
      <c r="L5585" s="55"/>
      <c r="M5585" s="234"/>
      <c r="N5585" s="65"/>
      <c r="O5585" s="76"/>
      <c r="P5585" s="76"/>
      <c r="Q5585" s="65"/>
      <c r="R5585" s="76"/>
      <c r="S5585" s="76"/>
      <c r="T5585" s="76"/>
      <c r="U5585" s="76"/>
      <c r="V5585" s="76"/>
      <c r="W5585" s="76"/>
      <c r="X5585" s="76"/>
      <c r="Y5585" s="76"/>
      <c r="Z5585" s="76"/>
      <c r="AA5585" s="85"/>
      <c r="AB5585" s="85"/>
      <c r="AC5585" s="85"/>
      <c r="AD5585" s="85"/>
      <c r="AE5585" s="85"/>
      <c r="AF5585" s="85"/>
      <c r="AG5585" s="86"/>
      <c r="AH5585" s="85"/>
      <c r="AI5585" s="85"/>
      <c r="AJ5585" s="85"/>
      <c r="AK5585" s="85"/>
      <c r="AL5585" s="85"/>
      <c r="AM5585" s="92"/>
      <c r="AN5585" s="92"/>
      <c r="AO5585" s="92"/>
      <c r="AP5585" s="92"/>
      <c r="AQ5585" s="92"/>
      <c r="AR5585" s="92"/>
      <c r="AS5585" s="92"/>
      <c r="AT5585" s="92"/>
      <c r="AU5585" s="92"/>
      <c r="AV5585" s="92"/>
      <c r="AW5585" s="92"/>
      <c r="AX5585" s="92"/>
      <c r="AY5585" s="92"/>
      <c r="AZ5585" s="93"/>
      <c r="BA5585" s="93"/>
      <c r="BB5585" s="93"/>
      <c r="BC5585" s="93"/>
      <c r="BD5585" s="93"/>
      <c r="BE5585" s="93"/>
      <c r="BF5585" s="93"/>
      <c r="BG5585" s="93"/>
      <c r="BH5585" s="93"/>
      <c r="BI5585" s="93"/>
      <c r="BJ5585" s="93"/>
      <c r="BK5585" s="93"/>
      <c r="BL5585" s="93"/>
    </row>
    <row r="5586" spans="2:64" x14ac:dyDescent="0.2">
      <c r="B5586" s="43"/>
      <c r="C5586" s="73"/>
      <c r="D5586" s="64"/>
      <c r="E5586" s="55"/>
      <c r="F5586" s="74"/>
      <c r="G5586" s="74"/>
      <c r="H5586" s="74"/>
      <c r="I5586" s="75"/>
      <c r="J5586" s="74"/>
      <c r="L5586" s="55"/>
      <c r="M5586" s="234"/>
      <c r="N5586" s="65"/>
      <c r="O5586" s="76"/>
      <c r="P5586" s="76"/>
      <c r="Q5586" s="65"/>
      <c r="R5586" s="76"/>
      <c r="S5586" s="76"/>
      <c r="T5586" s="76"/>
      <c r="U5586" s="76"/>
      <c r="V5586" s="76"/>
      <c r="W5586" s="76"/>
      <c r="X5586" s="76"/>
      <c r="Y5586" s="76"/>
      <c r="Z5586" s="76"/>
      <c r="AA5586" s="85"/>
      <c r="AB5586" s="85"/>
      <c r="AC5586" s="85"/>
      <c r="AD5586" s="85"/>
      <c r="AE5586" s="85"/>
      <c r="AF5586" s="85"/>
      <c r="AG5586" s="86"/>
      <c r="AH5586" s="85"/>
      <c r="AI5586" s="85"/>
      <c r="AJ5586" s="85"/>
      <c r="AK5586" s="85"/>
      <c r="AL5586" s="85"/>
      <c r="AM5586" s="92"/>
      <c r="AN5586" s="92"/>
      <c r="AO5586" s="92"/>
      <c r="AP5586" s="92"/>
      <c r="AQ5586" s="92"/>
      <c r="AR5586" s="92"/>
      <c r="AS5586" s="92"/>
      <c r="AT5586" s="92"/>
      <c r="AU5586" s="92"/>
      <c r="AV5586" s="92"/>
      <c r="AW5586" s="92"/>
      <c r="AX5586" s="92"/>
      <c r="AY5586" s="92"/>
      <c r="AZ5586" s="93"/>
      <c r="BA5586" s="93"/>
      <c r="BB5586" s="93"/>
      <c r="BC5586" s="93"/>
      <c r="BD5586" s="93"/>
      <c r="BE5586" s="93"/>
      <c r="BF5586" s="93"/>
      <c r="BG5586" s="93"/>
      <c r="BH5586" s="93"/>
      <c r="BI5586" s="93"/>
      <c r="BJ5586" s="93"/>
      <c r="BK5586" s="93"/>
      <c r="BL5586" s="93"/>
    </row>
    <row r="5587" spans="2:64" x14ac:dyDescent="0.2">
      <c r="B5587" s="43"/>
      <c r="C5587" s="73"/>
      <c r="D5587" s="64"/>
      <c r="E5587" s="55"/>
      <c r="F5587" s="74"/>
      <c r="G5587" s="74"/>
      <c r="H5587" s="74"/>
      <c r="I5587" s="75"/>
      <c r="J5587" s="74"/>
      <c r="L5587" s="55"/>
      <c r="M5587" s="234"/>
      <c r="N5587" s="65"/>
      <c r="O5587" s="76"/>
      <c r="P5587" s="76"/>
      <c r="Q5587" s="65"/>
      <c r="R5587" s="76"/>
      <c r="S5587" s="76"/>
      <c r="T5587" s="76"/>
      <c r="U5587" s="76"/>
      <c r="V5587" s="76"/>
      <c r="W5587" s="76"/>
      <c r="X5587" s="76"/>
      <c r="Y5587" s="76"/>
      <c r="Z5587" s="76"/>
      <c r="AA5587" s="85"/>
      <c r="AB5587" s="85"/>
      <c r="AC5587" s="85"/>
      <c r="AD5587" s="85"/>
      <c r="AE5587" s="85"/>
      <c r="AF5587" s="85"/>
      <c r="AG5587" s="86"/>
      <c r="AH5587" s="85"/>
      <c r="AI5587" s="85"/>
      <c r="AJ5587" s="85"/>
      <c r="AK5587" s="85"/>
      <c r="AL5587" s="85"/>
      <c r="AM5587" s="92"/>
      <c r="AN5587" s="92"/>
      <c r="AO5587" s="92"/>
      <c r="AP5587" s="92"/>
      <c r="AQ5587" s="92"/>
      <c r="AR5587" s="92"/>
      <c r="AS5587" s="92"/>
      <c r="AT5587" s="92"/>
      <c r="AU5587" s="92"/>
      <c r="AV5587" s="92"/>
      <c r="AW5587" s="92"/>
      <c r="AX5587" s="92"/>
      <c r="AY5587" s="92"/>
      <c r="AZ5587" s="93"/>
      <c r="BA5587" s="93"/>
      <c r="BB5587" s="93"/>
      <c r="BC5587" s="93"/>
      <c r="BD5587" s="93"/>
      <c r="BE5587" s="93"/>
      <c r="BF5587" s="93"/>
      <c r="BG5587" s="93"/>
      <c r="BH5587" s="93"/>
      <c r="BI5587" s="93"/>
      <c r="BJ5587" s="93"/>
      <c r="BK5587" s="93"/>
      <c r="BL5587" s="93"/>
    </row>
    <row r="5588" spans="2:64" x14ac:dyDescent="0.2">
      <c r="B5588" s="43"/>
      <c r="C5588" s="73"/>
      <c r="D5588" s="64"/>
      <c r="E5588" s="55"/>
      <c r="F5588" s="74"/>
      <c r="G5588" s="74"/>
      <c r="H5588" s="74"/>
      <c r="I5588" s="75"/>
      <c r="J5588" s="74"/>
      <c r="L5588" s="55"/>
      <c r="M5588" s="234"/>
      <c r="N5588" s="65"/>
      <c r="O5588" s="76"/>
      <c r="P5588" s="76"/>
      <c r="Q5588" s="65"/>
      <c r="R5588" s="76"/>
      <c r="S5588" s="76"/>
      <c r="T5588" s="76"/>
      <c r="U5588" s="76"/>
      <c r="V5588" s="76"/>
      <c r="W5588" s="76"/>
      <c r="X5588" s="76"/>
      <c r="Y5588" s="76"/>
      <c r="Z5588" s="76"/>
      <c r="AA5588" s="85"/>
      <c r="AB5588" s="85"/>
      <c r="AC5588" s="85"/>
      <c r="AD5588" s="85"/>
      <c r="AE5588" s="85"/>
      <c r="AF5588" s="85"/>
      <c r="AG5588" s="86"/>
      <c r="AH5588" s="85"/>
      <c r="AI5588" s="85"/>
      <c r="AJ5588" s="85"/>
      <c r="AK5588" s="85"/>
      <c r="AL5588" s="85"/>
      <c r="AM5588" s="92"/>
      <c r="AN5588" s="92"/>
      <c r="AO5588" s="92"/>
      <c r="AP5588" s="92"/>
      <c r="AQ5588" s="92"/>
      <c r="AR5588" s="92"/>
      <c r="AS5588" s="92"/>
      <c r="AT5588" s="92"/>
      <c r="AU5588" s="92"/>
      <c r="AV5588" s="92"/>
      <c r="AW5588" s="92"/>
      <c r="AX5588" s="92"/>
      <c r="AY5588" s="92"/>
      <c r="AZ5588" s="93"/>
      <c r="BA5588" s="93"/>
      <c r="BB5588" s="93"/>
      <c r="BC5588" s="93"/>
      <c r="BD5588" s="93"/>
      <c r="BE5588" s="93"/>
      <c r="BF5588" s="93"/>
      <c r="BG5588" s="93"/>
      <c r="BH5588" s="93"/>
      <c r="BI5588" s="93"/>
      <c r="BJ5588" s="93"/>
      <c r="BK5588" s="93"/>
      <c r="BL5588" s="93"/>
    </row>
    <row r="5589" spans="2:64" x14ac:dyDescent="0.2">
      <c r="B5589" s="43"/>
      <c r="C5589" s="73"/>
      <c r="D5589" s="64"/>
      <c r="E5589" s="55"/>
      <c r="F5589" s="74"/>
      <c r="G5589" s="74"/>
      <c r="H5589" s="74"/>
      <c r="I5589" s="75"/>
      <c r="J5589" s="74"/>
      <c r="L5589" s="55"/>
      <c r="M5589" s="234"/>
      <c r="N5589" s="65"/>
      <c r="O5589" s="76"/>
      <c r="P5589" s="76"/>
      <c r="Q5589" s="65"/>
      <c r="R5589" s="76"/>
      <c r="S5589" s="76"/>
      <c r="T5589" s="76"/>
      <c r="U5589" s="76"/>
      <c r="V5589" s="76"/>
      <c r="W5589" s="76"/>
      <c r="X5589" s="76"/>
      <c r="Y5589" s="76"/>
      <c r="Z5589" s="76"/>
      <c r="AA5589" s="85"/>
      <c r="AB5589" s="85"/>
      <c r="AC5589" s="85"/>
      <c r="AD5589" s="85"/>
      <c r="AE5589" s="85"/>
      <c r="AF5589" s="85"/>
      <c r="AG5589" s="86"/>
      <c r="AH5589" s="85"/>
      <c r="AI5589" s="85"/>
      <c r="AJ5589" s="85"/>
      <c r="AK5589" s="85"/>
      <c r="AL5589" s="85"/>
      <c r="AM5589" s="92"/>
      <c r="AN5589" s="92"/>
      <c r="AO5589" s="92"/>
      <c r="AP5589" s="92"/>
      <c r="AQ5589" s="92"/>
      <c r="AR5589" s="92"/>
      <c r="AS5589" s="92"/>
      <c r="AT5589" s="92"/>
      <c r="AU5589" s="92"/>
      <c r="AV5589" s="92"/>
      <c r="AW5589" s="92"/>
      <c r="AX5589" s="92"/>
      <c r="AY5589" s="92"/>
      <c r="AZ5589" s="93"/>
      <c r="BA5589" s="93"/>
      <c r="BB5589" s="93"/>
      <c r="BC5589" s="93"/>
      <c r="BD5589" s="93"/>
      <c r="BE5589" s="93"/>
      <c r="BF5589" s="93"/>
      <c r="BG5589" s="93"/>
      <c r="BH5589" s="93"/>
      <c r="BI5589" s="93"/>
      <c r="BJ5589" s="93"/>
      <c r="BK5589" s="93"/>
      <c r="BL5589" s="93"/>
    </row>
    <row r="5590" spans="2:64" x14ac:dyDescent="0.2">
      <c r="B5590" s="43"/>
      <c r="C5590" s="73"/>
      <c r="D5590" s="64"/>
      <c r="E5590" s="55"/>
      <c r="F5590" s="74"/>
      <c r="G5590" s="74"/>
      <c r="H5590" s="74"/>
      <c r="I5590" s="75"/>
      <c r="J5590" s="74"/>
      <c r="L5590" s="55"/>
      <c r="M5590" s="234"/>
      <c r="N5590" s="65"/>
      <c r="O5590" s="76"/>
      <c r="P5590" s="76"/>
      <c r="Q5590" s="65"/>
      <c r="R5590" s="76"/>
      <c r="S5590" s="76"/>
      <c r="T5590" s="76"/>
      <c r="U5590" s="76"/>
      <c r="V5590" s="76"/>
      <c r="W5590" s="76"/>
      <c r="X5590" s="76"/>
      <c r="Y5590" s="76"/>
      <c r="Z5590" s="76"/>
      <c r="AA5590" s="85"/>
      <c r="AB5590" s="85"/>
      <c r="AC5590" s="85"/>
      <c r="AD5590" s="85"/>
      <c r="AE5590" s="85"/>
      <c r="AF5590" s="85"/>
      <c r="AG5590" s="86"/>
      <c r="AH5590" s="85"/>
      <c r="AI5590" s="85"/>
      <c r="AJ5590" s="85"/>
      <c r="AK5590" s="85"/>
      <c r="AL5590" s="85"/>
      <c r="AM5590" s="92"/>
      <c r="AN5590" s="92"/>
      <c r="AO5590" s="92"/>
      <c r="AP5590" s="92"/>
      <c r="AQ5590" s="92"/>
      <c r="AR5590" s="92"/>
      <c r="AS5590" s="92"/>
      <c r="AT5590" s="92"/>
      <c r="AU5590" s="92"/>
      <c r="AV5590" s="92"/>
      <c r="AW5590" s="92"/>
      <c r="AX5590" s="92"/>
      <c r="AY5590" s="92"/>
      <c r="AZ5590" s="93"/>
      <c r="BA5590" s="93"/>
      <c r="BB5590" s="93"/>
      <c r="BC5590" s="93"/>
      <c r="BD5590" s="93"/>
      <c r="BE5590" s="93"/>
      <c r="BF5590" s="93"/>
      <c r="BG5590" s="93"/>
      <c r="BH5590" s="93"/>
      <c r="BI5590" s="93"/>
      <c r="BJ5590" s="93"/>
      <c r="BK5590" s="93"/>
      <c r="BL5590" s="93"/>
    </row>
    <row r="5591" spans="2:64" x14ac:dyDescent="0.2">
      <c r="B5591" s="43"/>
      <c r="C5591" s="73"/>
      <c r="D5591" s="64"/>
      <c r="E5591" s="55"/>
      <c r="F5591" s="74"/>
      <c r="G5591" s="74"/>
      <c r="H5591" s="74"/>
      <c r="I5591" s="75"/>
      <c r="J5591" s="74"/>
      <c r="L5591" s="55"/>
      <c r="M5591" s="234"/>
      <c r="N5591" s="65"/>
      <c r="O5591" s="76"/>
      <c r="P5591" s="76"/>
      <c r="Q5591" s="65"/>
      <c r="R5591" s="76"/>
      <c r="S5591" s="76"/>
      <c r="T5591" s="76"/>
      <c r="U5591" s="76"/>
      <c r="V5591" s="76"/>
      <c r="W5591" s="76"/>
      <c r="X5591" s="76"/>
      <c r="Y5591" s="76"/>
      <c r="Z5591" s="76"/>
      <c r="AA5591" s="85"/>
      <c r="AB5591" s="85"/>
      <c r="AC5591" s="85"/>
      <c r="AD5591" s="85"/>
      <c r="AE5591" s="85"/>
      <c r="AF5591" s="85"/>
      <c r="AG5591" s="86"/>
      <c r="AH5591" s="85"/>
      <c r="AI5591" s="85"/>
      <c r="AJ5591" s="85"/>
      <c r="AK5591" s="85"/>
      <c r="AL5591" s="85"/>
      <c r="AM5591" s="92"/>
      <c r="AN5591" s="92"/>
      <c r="AO5591" s="92"/>
      <c r="AP5591" s="92"/>
      <c r="AQ5591" s="92"/>
      <c r="AR5591" s="92"/>
      <c r="AS5591" s="92"/>
      <c r="AT5591" s="92"/>
      <c r="AU5591" s="92"/>
      <c r="AV5591" s="92"/>
      <c r="AW5591" s="92"/>
      <c r="AX5591" s="92"/>
      <c r="AY5591" s="92"/>
      <c r="AZ5591" s="93"/>
      <c r="BA5591" s="93"/>
      <c r="BB5591" s="93"/>
      <c r="BC5591" s="93"/>
      <c r="BD5591" s="93"/>
      <c r="BE5591" s="93"/>
      <c r="BF5591" s="93"/>
      <c r="BG5591" s="93"/>
      <c r="BH5591" s="93"/>
      <c r="BI5591" s="93"/>
      <c r="BJ5591" s="93"/>
      <c r="BK5591" s="93"/>
      <c r="BL5591" s="93"/>
    </row>
    <row r="5592" spans="2:64" x14ac:dyDescent="0.2">
      <c r="B5592" s="43"/>
      <c r="C5592" s="73"/>
      <c r="D5592" s="64"/>
      <c r="E5592" s="55"/>
      <c r="F5592" s="74"/>
      <c r="G5592" s="74"/>
      <c r="H5592" s="74"/>
      <c r="I5592" s="75"/>
      <c r="J5592" s="74"/>
      <c r="L5592" s="55"/>
      <c r="M5592" s="234"/>
      <c r="N5592" s="65"/>
      <c r="O5592" s="76"/>
      <c r="P5592" s="76"/>
      <c r="Q5592" s="65"/>
      <c r="R5592" s="76"/>
      <c r="S5592" s="76"/>
      <c r="T5592" s="76"/>
      <c r="U5592" s="76"/>
      <c r="V5592" s="76"/>
      <c r="W5592" s="76"/>
      <c r="X5592" s="76"/>
      <c r="Y5592" s="76"/>
      <c r="Z5592" s="76"/>
      <c r="AA5592" s="85"/>
      <c r="AB5592" s="85"/>
      <c r="AC5592" s="85"/>
      <c r="AD5592" s="85"/>
      <c r="AE5592" s="85"/>
      <c r="AF5592" s="85"/>
      <c r="AG5592" s="86"/>
      <c r="AH5592" s="85"/>
      <c r="AI5592" s="85"/>
      <c r="AJ5592" s="85"/>
      <c r="AK5592" s="85"/>
      <c r="AL5592" s="85"/>
      <c r="AM5592" s="92"/>
      <c r="AN5592" s="92"/>
      <c r="AO5592" s="92"/>
      <c r="AP5592" s="92"/>
      <c r="AQ5592" s="92"/>
      <c r="AR5592" s="92"/>
      <c r="AS5592" s="92"/>
      <c r="AT5592" s="92"/>
      <c r="AU5592" s="92"/>
      <c r="AV5592" s="92"/>
      <c r="AW5592" s="92"/>
      <c r="AX5592" s="92"/>
      <c r="AY5592" s="92"/>
      <c r="AZ5592" s="93"/>
      <c r="BA5592" s="93"/>
      <c r="BB5592" s="93"/>
      <c r="BC5592" s="93"/>
      <c r="BD5592" s="93"/>
      <c r="BE5592" s="93"/>
      <c r="BF5592" s="93"/>
      <c r="BG5592" s="93"/>
      <c r="BH5592" s="93"/>
      <c r="BI5592" s="93"/>
      <c r="BJ5592" s="93"/>
      <c r="BK5592" s="93"/>
      <c r="BL5592" s="93"/>
    </row>
    <row r="5593" spans="2:64" x14ac:dyDescent="0.2">
      <c r="B5593" s="43"/>
      <c r="C5593" s="73"/>
      <c r="D5593" s="64"/>
      <c r="E5593" s="55"/>
      <c r="F5593" s="74"/>
      <c r="G5593" s="74"/>
      <c r="H5593" s="74"/>
      <c r="I5593" s="75"/>
      <c r="J5593" s="74"/>
      <c r="L5593" s="55"/>
      <c r="M5593" s="234"/>
      <c r="N5593" s="65"/>
      <c r="O5593" s="76"/>
      <c r="P5593" s="76"/>
      <c r="Q5593" s="65"/>
      <c r="R5593" s="76"/>
      <c r="S5593" s="76"/>
      <c r="T5593" s="76"/>
      <c r="U5593" s="76"/>
      <c r="V5593" s="76"/>
      <c r="W5593" s="76"/>
      <c r="X5593" s="76"/>
      <c r="Y5593" s="76"/>
      <c r="Z5593" s="76"/>
      <c r="AA5593" s="85"/>
      <c r="AB5593" s="85"/>
      <c r="AC5593" s="85"/>
      <c r="AD5593" s="85"/>
      <c r="AE5593" s="85"/>
      <c r="AF5593" s="85"/>
      <c r="AG5593" s="86"/>
      <c r="AH5593" s="85"/>
      <c r="AI5593" s="85"/>
      <c r="AJ5593" s="85"/>
      <c r="AK5593" s="85"/>
      <c r="AL5593" s="85"/>
      <c r="AM5593" s="92"/>
      <c r="AN5593" s="92"/>
      <c r="AO5593" s="92"/>
      <c r="AP5593" s="92"/>
      <c r="AQ5593" s="92"/>
      <c r="AR5593" s="92"/>
      <c r="AS5593" s="92"/>
      <c r="AT5593" s="92"/>
      <c r="AU5593" s="92"/>
      <c r="AV5593" s="92"/>
      <c r="AW5593" s="92"/>
      <c r="AX5593" s="92"/>
      <c r="AY5593" s="92"/>
      <c r="AZ5593" s="93"/>
      <c r="BA5593" s="93"/>
      <c r="BB5593" s="93"/>
      <c r="BC5593" s="93"/>
      <c r="BD5593" s="93"/>
      <c r="BE5593" s="93"/>
      <c r="BF5593" s="93"/>
      <c r="BG5593" s="93"/>
      <c r="BH5593" s="93"/>
      <c r="BI5593" s="93"/>
      <c r="BJ5593" s="93"/>
      <c r="BK5593" s="93"/>
      <c r="BL5593" s="93"/>
    </row>
    <row r="5594" spans="2:64" x14ac:dyDescent="0.2">
      <c r="B5594" s="43"/>
      <c r="C5594" s="73"/>
      <c r="D5594" s="64"/>
      <c r="E5594" s="55"/>
      <c r="F5594" s="74"/>
      <c r="G5594" s="74"/>
      <c r="H5594" s="74"/>
      <c r="I5594" s="75"/>
      <c r="J5594" s="74"/>
      <c r="L5594" s="55"/>
      <c r="M5594" s="234"/>
      <c r="N5594" s="65"/>
      <c r="O5594" s="76"/>
      <c r="P5594" s="76"/>
      <c r="Q5594" s="65"/>
      <c r="R5594" s="76"/>
      <c r="S5594" s="76"/>
      <c r="T5594" s="76"/>
      <c r="U5594" s="76"/>
      <c r="V5594" s="76"/>
      <c r="W5594" s="76"/>
      <c r="X5594" s="76"/>
      <c r="Y5594" s="76"/>
      <c r="Z5594" s="76"/>
      <c r="AA5594" s="85"/>
      <c r="AB5594" s="85"/>
      <c r="AC5594" s="85"/>
      <c r="AD5594" s="85"/>
      <c r="AE5594" s="85"/>
      <c r="AF5594" s="85"/>
      <c r="AG5594" s="86"/>
      <c r="AH5594" s="85"/>
      <c r="AI5594" s="85"/>
      <c r="AJ5594" s="85"/>
      <c r="AK5594" s="85"/>
      <c r="AL5594" s="85"/>
      <c r="AM5594" s="92"/>
      <c r="AN5594" s="92"/>
      <c r="AO5594" s="92"/>
      <c r="AP5594" s="92"/>
      <c r="AQ5594" s="92"/>
      <c r="AR5594" s="92"/>
      <c r="AS5594" s="92"/>
      <c r="AT5594" s="92"/>
      <c r="AU5594" s="92"/>
      <c r="AV5594" s="92"/>
      <c r="AW5594" s="92"/>
      <c r="AX5594" s="92"/>
      <c r="AY5594" s="92"/>
      <c r="AZ5594" s="93"/>
      <c r="BA5594" s="93"/>
      <c r="BB5594" s="93"/>
      <c r="BC5594" s="93"/>
      <c r="BD5594" s="93"/>
      <c r="BE5594" s="93"/>
      <c r="BF5594" s="93"/>
      <c r="BG5594" s="93"/>
      <c r="BH5594" s="93"/>
      <c r="BI5594" s="93"/>
      <c r="BJ5594" s="93"/>
      <c r="BK5594" s="93"/>
      <c r="BL5594" s="93"/>
    </row>
    <row r="5595" spans="2:64" x14ac:dyDescent="0.2">
      <c r="B5595" s="43"/>
      <c r="C5595" s="73"/>
      <c r="D5595" s="64"/>
      <c r="E5595" s="55"/>
      <c r="F5595" s="74"/>
      <c r="G5595" s="74"/>
      <c r="H5595" s="74"/>
      <c r="I5595" s="75"/>
      <c r="J5595" s="74"/>
      <c r="L5595" s="55"/>
      <c r="M5595" s="234"/>
      <c r="N5595" s="65"/>
      <c r="O5595" s="76"/>
      <c r="P5595" s="76"/>
      <c r="Q5595" s="65"/>
      <c r="R5595" s="76"/>
      <c r="S5595" s="76"/>
      <c r="T5595" s="76"/>
      <c r="U5595" s="76"/>
      <c r="V5595" s="76"/>
      <c r="W5595" s="76"/>
      <c r="X5595" s="76"/>
      <c r="Y5595" s="76"/>
      <c r="Z5595" s="76"/>
      <c r="AA5595" s="85"/>
      <c r="AB5595" s="85"/>
      <c r="AC5595" s="85"/>
      <c r="AD5595" s="85"/>
      <c r="AE5595" s="85"/>
      <c r="AF5595" s="85"/>
      <c r="AG5595" s="86"/>
      <c r="AH5595" s="85"/>
      <c r="AI5595" s="85"/>
      <c r="AJ5595" s="85"/>
      <c r="AK5595" s="85"/>
      <c r="AL5595" s="85"/>
      <c r="AM5595" s="92"/>
      <c r="AN5595" s="92"/>
      <c r="AO5595" s="92"/>
      <c r="AP5595" s="92"/>
      <c r="AQ5595" s="92"/>
      <c r="AR5595" s="92"/>
      <c r="AS5595" s="92"/>
      <c r="AT5595" s="92"/>
      <c r="AU5595" s="92"/>
      <c r="AV5595" s="92"/>
      <c r="AW5595" s="92"/>
      <c r="AX5595" s="92"/>
      <c r="AY5595" s="92"/>
      <c r="AZ5595" s="93"/>
      <c r="BA5595" s="93"/>
      <c r="BB5595" s="93"/>
      <c r="BC5595" s="93"/>
      <c r="BD5595" s="93"/>
      <c r="BE5595" s="93"/>
      <c r="BF5595" s="93"/>
      <c r="BG5595" s="93"/>
      <c r="BH5595" s="93"/>
      <c r="BI5595" s="93"/>
      <c r="BJ5595" s="93"/>
      <c r="BK5595" s="93"/>
      <c r="BL5595" s="93"/>
    </row>
    <row r="5596" spans="2:64" x14ac:dyDescent="0.2">
      <c r="B5596" s="43"/>
      <c r="C5596" s="73"/>
      <c r="D5596" s="64"/>
      <c r="E5596" s="55"/>
      <c r="F5596" s="74"/>
      <c r="G5596" s="74"/>
      <c r="H5596" s="74"/>
      <c r="I5596" s="75"/>
      <c r="J5596" s="74"/>
      <c r="L5596" s="55"/>
      <c r="M5596" s="234"/>
      <c r="N5596" s="65"/>
      <c r="O5596" s="76"/>
      <c r="P5596" s="76"/>
      <c r="Q5596" s="65"/>
      <c r="R5596" s="76"/>
      <c r="S5596" s="76"/>
      <c r="T5596" s="76"/>
      <c r="U5596" s="76"/>
      <c r="V5596" s="76"/>
      <c r="W5596" s="76"/>
      <c r="X5596" s="76"/>
      <c r="Y5596" s="76"/>
      <c r="Z5596" s="76"/>
      <c r="AA5596" s="85"/>
      <c r="AB5596" s="85"/>
      <c r="AC5596" s="85"/>
      <c r="AD5596" s="85"/>
      <c r="AE5596" s="85"/>
      <c r="AF5596" s="85"/>
      <c r="AG5596" s="86"/>
      <c r="AH5596" s="85"/>
      <c r="AI5596" s="85"/>
      <c r="AJ5596" s="85"/>
      <c r="AK5596" s="85"/>
      <c r="AL5596" s="85"/>
      <c r="AM5596" s="92"/>
      <c r="AN5596" s="92"/>
      <c r="AO5596" s="92"/>
      <c r="AP5596" s="92"/>
      <c r="AQ5596" s="92"/>
      <c r="AR5596" s="92"/>
      <c r="AS5596" s="92"/>
      <c r="AT5596" s="92"/>
      <c r="AU5596" s="92"/>
      <c r="AV5596" s="92"/>
      <c r="AW5596" s="92"/>
      <c r="AX5596" s="92"/>
      <c r="AY5596" s="92"/>
      <c r="AZ5596" s="93"/>
      <c r="BA5596" s="93"/>
      <c r="BB5596" s="93"/>
      <c r="BC5596" s="93"/>
      <c r="BD5596" s="93"/>
      <c r="BE5596" s="93"/>
      <c r="BF5596" s="93"/>
      <c r="BG5596" s="93"/>
      <c r="BH5596" s="93"/>
      <c r="BI5596" s="93"/>
      <c r="BJ5596" s="93"/>
      <c r="BK5596" s="93"/>
      <c r="BL5596" s="93"/>
    </row>
    <row r="5597" spans="2:64" x14ac:dyDescent="0.2">
      <c r="B5597" s="43"/>
      <c r="C5597" s="73"/>
      <c r="D5597" s="64"/>
      <c r="E5597" s="55"/>
      <c r="F5597" s="74"/>
      <c r="G5597" s="74"/>
      <c r="H5597" s="74"/>
      <c r="I5597" s="75"/>
      <c r="J5597" s="74"/>
      <c r="L5597" s="55"/>
      <c r="M5597" s="234"/>
      <c r="N5597" s="65"/>
      <c r="O5597" s="76"/>
      <c r="P5597" s="76"/>
      <c r="Q5597" s="65"/>
      <c r="R5597" s="76"/>
      <c r="S5597" s="76"/>
      <c r="T5597" s="76"/>
      <c r="U5597" s="76"/>
      <c r="V5597" s="76"/>
      <c r="W5597" s="76"/>
      <c r="X5597" s="76"/>
      <c r="Y5597" s="76"/>
      <c r="Z5597" s="76"/>
      <c r="AA5597" s="85"/>
      <c r="AB5597" s="85"/>
      <c r="AC5597" s="85"/>
      <c r="AD5597" s="85"/>
      <c r="AE5597" s="85"/>
      <c r="AF5597" s="85"/>
      <c r="AG5597" s="86"/>
      <c r="AH5597" s="85"/>
      <c r="AI5597" s="85"/>
      <c r="AJ5597" s="85"/>
      <c r="AK5597" s="85"/>
      <c r="AL5597" s="85"/>
      <c r="AM5597" s="92"/>
      <c r="AN5597" s="92"/>
      <c r="AO5597" s="92"/>
      <c r="AP5597" s="92"/>
      <c r="AQ5597" s="92"/>
      <c r="AR5597" s="92"/>
      <c r="AS5597" s="92"/>
      <c r="AT5597" s="92"/>
      <c r="AU5597" s="92"/>
      <c r="AV5597" s="92"/>
      <c r="AW5597" s="92"/>
      <c r="AX5597" s="92"/>
      <c r="AY5597" s="92"/>
      <c r="AZ5597" s="93"/>
      <c r="BA5597" s="93"/>
      <c r="BB5597" s="93"/>
      <c r="BC5597" s="93"/>
      <c r="BD5597" s="93"/>
      <c r="BE5597" s="93"/>
      <c r="BF5597" s="93"/>
      <c r="BG5597" s="93"/>
      <c r="BH5597" s="93"/>
      <c r="BI5597" s="93"/>
      <c r="BJ5597" s="93"/>
      <c r="BK5597" s="93"/>
      <c r="BL5597" s="93"/>
    </row>
    <row r="5598" spans="2:64" x14ac:dyDescent="0.2">
      <c r="B5598" s="43"/>
      <c r="C5598" s="73"/>
      <c r="D5598" s="64"/>
      <c r="E5598" s="55"/>
      <c r="F5598" s="74"/>
      <c r="G5598" s="74"/>
      <c r="H5598" s="74"/>
      <c r="I5598" s="75"/>
      <c r="J5598" s="74"/>
      <c r="L5598" s="55"/>
      <c r="M5598" s="234"/>
      <c r="N5598" s="65"/>
      <c r="O5598" s="76"/>
      <c r="P5598" s="76"/>
      <c r="Q5598" s="65"/>
      <c r="R5598" s="76"/>
      <c r="S5598" s="76"/>
      <c r="T5598" s="76"/>
      <c r="U5598" s="76"/>
      <c r="V5598" s="76"/>
      <c r="W5598" s="76"/>
      <c r="X5598" s="76"/>
      <c r="Y5598" s="76"/>
      <c r="Z5598" s="76"/>
      <c r="AA5598" s="85"/>
      <c r="AB5598" s="85"/>
      <c r="AC5598" s="85"/>
      <c r="AD5598" s="85"/>
      <c r="AE5598" s="85"/>
      <c r="AF5598" s="85"/>
      <c r="AG5598" s="86"/>
      <c r="AH5598" s="85"/>
      <c r="AI5598" s="85"/>
      <c r="AJ5598" s="85"/>
      <c r="AK5598" s="85"/>
      <c r="AL5598" s="85"/>
      <c r="AM5598" s="92"/>
      <c r="AN5598" s="92"/>
      <c r="AO5598" s="92"/>
      <c r="AP5598" s="92"/>
      <c r="AQ5598" s="92"/>
      <c r="AR5598" s="92"/>
      <c r="AS5598" s="92"/>
      <c r="AT5598" s="92"/>
      <c r="AU5598" s="92"/>
      <c r="AV5598" s="92"/>
      <c r="AW5598" s="92"/>
      <c r="AX5598" s="92"/>
      <c r="AY5598" s="92"/>
      <c r="AZ5598" s="93"/>
      <c r="BA5598" s="93"/>
      <c r="BB5598" s="93"/>
      <c r="BC5598" s="93"/>
      <c r="BD5598" s="93"/>
      <c r="BE5598" s="93"/>
      <c r="BF5598" s="93"/>
      <c r="BG5598" s="93"/>
      <c r="BH5598" s="93"/>
      <c r="BI5598" s="93"/>
      <c r="BJ5598" s="93"/>
      <c r="BK5598" s="93"/>
      <c r="BL5598" s="93"/>
    </row>
    <row r="5599" spans="2:64" x14ac:dyDescent="0.2">
      <c r="B5599" s="43"/>
      <c r="C5599" s="73"/>
      <c r="D5599" s="64"/>
      <c r="E5599" s="55"/>
      <c r="F5599" s="74"/>
      <c r="G5599" s="74"/>
      <c r="H5599" s="74"/>
      <c r="I5599" s="75"/>
      <c r="J5599" s="74"/>
      <c r="L5599" s="55"/>
      <c r="M5599" s="234"/>
      <c r="N5599" s="65"/>
      <c r="O5599" s="76"/>
      <c r="P5599" s="76"/>
      <c r="Q5599" s="65"/>
      <c r="R5599" s="76"/>
      <c r="S5599" s="76"/>
      <c r="T5599" s="76"/>
      <c r="U5599" s="76"/>
      <c r="V5599" s="76"/>
      <c r="W5599" s="76"/>
      <c r="X5599" s="76"/>
      <c r="Y5599" s="76"/>
      <c r="Z5599" s="76"/>
      <c r="AA5599" s="85"/>
      <c r="AB5599" s="85"/>
      <c r="AC5599" s="85"/>
      <c r="AD5599" s="85"/>
      <c r="AE5599" s="85"/>
      <c r="AF5599" s="85"/>
      <c r="AG5599" s="86"/>
      <c r="AH5599" s="85"/>
      <c r="AI5599" s="85"/>
      <c r="AJ5599" s="85"/>
      <c r="AK5599" s="85"/>
      <c r="AL5599" s="85"/>
      <c r="AM5599" s="92"/>
      <c r="AN5599" s="92"/>
      <c r="AO5599" s="92"/>
      <c r="AP5599" s="92"/>
      <c r="AQ5599" s="92"/>
      <c r="AR5599" s="92"/>
      <c r="AS5599" s="92"/>
      <c r="AT5599" s="92"/>
      <c r="AU5599" s="92"/>
      <c r="AV5599" s="92"/>
      <c r="AW5599" s="92"/>
      <c r="AX5599" s="92"/>
      <c r="AY5599" s="92"/>
      <c r="AZ5599" s="93"/>
      <c r="BA5599" s="93"/>
      <c r="BB5599" s="93"/>
      <c r="BC5599" s="93"/>
      <c r="BD5599" s="93"/>
      <c r="BE5599" s="93"/>
      <c r="BF5599" s="93"/>
      <c r="BG5599" s="93"/>
      <c r="BH5599" s="93"/>
      <c r="BI5599" s="93"/>
      <c r="BJ5599" s="93"/>
      <c r="BK5599" s="93"/>
      <c r="BL5599" s="93"/>
    </row>
    <row r="5600" spans="2:64" x14ac:dyDescent="0.2">
      <c r="B5600" s="43"/>
      <c r="C5600" s="73"/>
      <c r="D5600" s="64"/>
      <c r="E5600" s="55"/>
      <c r="F5600" s="74"/>
      <c r="G5600" s="74"/>
      <c r="H5600" s="74"/>
      <c r="I5600" s="75"/>
      <c r="J5600" s="74"/>
      <c r="L5600" s="55"/>
      <c r="M5600" s="234"/>
      <c r="N5600" s="65"/>
      <c r="O5600" s="76"/>
      <c r="P5600" s="76"/>
      <c r="Q5600" s="65"/>
      <c r="R5600" s="76"/>
      <c r="S5600" s="76"/>
      <c r="T5600" s="76"/>
      <c r="U5600" s="76"/>
      <c r="V5600" s="76"/>
      <c r="W5600" s="76"/>
      <c r="X5600" s="76"/>
      <c r="Y5600" s="76"/>
      <c r="Z5600" s="76"/>
      <c r="AA5600" s="85"/>
      <c r="AB5600" s="85"/>
      <c r="AC5600" s="85"/>
      <c r="AD5600" s="85"/>
      <c r="AE5600" s="85"/>
      <c r="AF5600" s="85"/>
      <c r="AG5600" s="86"/>
      <c r="AH5600" s="85"/>
      <c r="AI5600" s="85"/>
      <c r="AJ5600" s="85"/>
      <c r="AK5600" s="85"/>
      <c r="AL5600" s="85"/>
      <c r="AM5600" s="92"/>
      <c r="AN5600" s="92"/>
      <c r="AO5600" s="92"/>
      <c r="AP5600" s="92"/>
      <c r="AQ5600" s="92"/>
      <c r="AR5600" s="92"/>
      <c r="AS5600" s="92"/>
      <c r="AT5600" s="92"/>
      <c r="AU5600" s="92"/>
      <c r="AV5600" s="92"/>
      <c r="AW5600" s="92"/>
      <c r="AX5600" s="92"/>
      <c r="AY5600" s="92"/>
      <c r="AZ5600" s="93"/>
      <c r="BA5600" s="93"/>
      <c r="BB5600" s="93"/>
      <c r="BC5600" s="93"/>
      <c r="BD5600" s="93"/>
      <c r="BE5600" s="93"/>
      <c r="BF5600" s="93"/>
      <c r="BG5600" s="93"/>
      <c r="BH5600" s="93"/>
      <c r="BI5600" s="93"/>
      <c r="BJ5600" s="93"/>
      <c r="BK5600" s="93"/>
      <c r="BL5600" s="93"/>
    </row>
    <row r="5601" spans="2:64" x14ac:dyDescent="0.2">
      <c r="B5601" s="43"/>
      <c r="C5601" s="73"/>
      <c r="D5601" s="64"/>
      <c r="E5601" s="55"/>
      <c r="F5601" s="74"/>
      <c r="G5601" s="74"/>
      <c r="H5601" s="74"/>
      <c r="I5601" s="75"/>
      <c r="J5601" s="74"/>
      <c r="L5601" s="55"/>
      <c r="M5601" s="234"/>
      <c r="N5601" s="65"/>
      <c r="O5601" s="76"/>
      <c r="P5601" s="76"/>
      <c r="Q5601" s="65"/>
      <c r="R5601" s="76"/>
      <c r="S5601" s="76"/>
      <c r="T5601" s="76"/>
      <c r="U5601" s="76"/>
      <c r="V5601" s="76"/>
      <c r="W5601" s="76"/>
      <c r="X5601" s="76"/>
      <c r="Y5601" s="76"/>
      <c r="Z5601" s="76"/>
      <c r="AA5601" s="85"/>
      <c r="AB5601" s="85"/>
      <c r="AC5601" s="85"/>
      <c r="AD5601" s="85"/>
      <c r="AE5601" s="85"/>
      <c r="AF5601" s="85"/>
      <c r="AG5601" s="86"/>
      <c r="AH5601" s="85"/>
      <c r="AI5601" s="85"/>
      <c r="AJ5601" s="85"/>
      <c r="AK5601" s="85"/>
      <c r="AL5601" s="85"/>
      <c r="AM5601" s="92"/>
      <c r="AN5601" s="92"/>
      <c r="AO5601" s="92"/>
      <c r="AP5601" s="92"/>
      <c r="AQ5601" s="92"/>
      <c r="AR5601" s="92"/>
      <c r="AS5601" s="92"/>
      <c r="AT5601" s="92"/>
      <c r="AU5601" s="92"/>
      <c r="AV5601" s="92"/>
      <c r="AW5601" s="92"/>
      <c r="AX5601" s="92"/>
      <c r="AY5601" s="92"/>
      <c r="AZ5601" s="93"/>
      <c r="BA5601" s="93"/>
      <c r="BB5601" s="93"/>
      <c r="BC5601" s="93"/>
      <c r="BD5601" s="93"/>
      <c r="BE5601" s="93"/>
      <c r="BF5601" s="93"/>
      <c r="BG5601" s="93"/>
      <c r="BH5601" s="93"/>
      <c r="BI5601" s="93"/>
      <c r="BJ5601" s="93"/>
      <c r="BK5601" s="93"/>
      <c r="BL5601" s="93"/>
    </row>
    <row r="5602" spans="2:64" x14ac:dyDescent="0.2">
      <c r="B5602" s="43"/>
      <c r="C5602" s="73"/>
      <c r="D5602" s="64"/>
      <c r="E5602" s="55"/>
      <c r="F5602" s="74"/>
      <c r="G5602" s="74"/>
      <c r="H5602" s="74"/>
      <c r="I5602" s="75"/>
      <c r="J5602" s="74"/>
      <c r="L5602" s="55"/>
      <c r="M5602" s="234"/>
      <c r="N5602" s="65"/>
      <c r="O5602" s="76"/>
      <c r="P5602" s="76"/>
      <c r="Q5602" s="65"/>
      <c r="R5602" s="76"/>
      <c r="S5602" s="76"/>
      <c r="T5602" s="76"/>
      <c r="U5602" s="76"/>
      <c r="V5602" s="76"/>
      <c r="W5602" s="76"/>
      <c r="X5602" s="76"/>
      <c r="Y5602" s="76"/>
      <c r="Z5602" s="76"/>
      <c r="AA5602" s="85"/>
      <c r="AB5602" s="85"/>
      <c r="AC5602" s="85"/>
      <c r="AD5602" s="85"/>
      <c r="AE5602" s="85"/>
      <c r="AF5602" s="85"/>
      <c r="AG5602" s="86"/>
      <c r="AH5602" s="85"/>
      <c r="AI5602" s="85"/>
      <c r="AJ5602" s="85"/>
      <c r="AK5602" s="85"/>
      <c r="AL5602" s="85"/>
      <c r="AM5602" s="92"/>
      <c r="AN5602" s="92"/>
      <c r="AO5602" s="92"/>
      <c r="AP5602" s="92"/>
      <c r="AQ5602" s="92"/>
      <c r="AR5602" s="92"/>
      <c r="AS5602" s="92"/>
      <c r="AT5602" s="92"/>
      <c r="AU5602" s="92"/>
      <c r="AV5602" s="92"/>
      <c r="AW5602" s="92"/>
      <c r="AX5602" s="92"/>
      <c r="AY5602" s="92"/>
      <c r="AZ5602" s="93"/>
      <c r="BA5602" s="93"/>
      <c r="BB5602" s="93"/>
      <c r="BC5602" s="93"/>
      <c r="BD5602" s="93"/>
      <c r="BE5602" s="93"/>
      <c r="BF5602" s="93"/>
      <c r="BG5602" s="93"/>
      <c r="BH5602" s="93"/>
      <c r="BI5602" s="93"/>
      <c r="BJ5602" s="93"/>
      <c r="BK5602" s="93"/>
      <c r="BL5602" s="93"/>
    </row>
    <row r="5603" spans="2:64" x14ac:dyDescent="0.2">
      <c r="B5603" s="43"/>
      <c r="C5603" s="73"/>
      <c r="D5603" s="64"/>
      <c r="E5603" s="55"/>
      <c r="F5603" s="74"/>
      <c r="G5603" s="74"/>
      <c r="H5603" s="74"/>
      <c r="I5603" s="75"/>
      <c r="J5603" s="74"/>
      <c r="L5603" s="55"/>
      <c r="M5603" s="234"/>
      <c r="N5603" s="65"/>
      <c r="O5603" s="76"/>
      <c r="P5603" s="76"/>
      <c r="Q5603" s="65"/>
      <c r="R5603" s="76"/>
      <c r="S5603" s="76"/>
      <c r="T5603" s="76"/>
      <c r="U5603" s="76"/>
      <c r="V5603" s="76"/>
      <c r="W5603" s="76"/>
      <c r="X5603" s="76"/>
      <c r="Y5603" s="76"/>
      <c r="Z5603" s="76"/>
      <c r="AA5603" s="85"/>
      <c r="AB5603" s="85"/>
      <c r="AC5603" s="85"/>
      <c r="AD5603" s="85"/>
      <c r="AE5603" s="85"/>
      <c r="AF5603" s="85"/>
      <c r="AG5603" s="86"/>
      <c r="AH5603" s="85"/>
      <c r="AI5603" s="85"/>
      <c r="AJ5603" s="85"/>
      <c r="AK5603" s="85"/>
      <c r="AL5603" s="85"/>
      <c r="AM5603" s="92"/>
      <c r="AN5603" s="92"/>
      <c r="AO5603" s="92"/>
      <c r="AP5603" s="92"/>
      <c r="AQ5603" s="92"/>
      <c r="AR5603" s="92"/>
      <c r="AS5603" s="92"/>
      <c r="AT5603" s="92"/>
      <c r="AU5603" s="92"/>
      <c r="AV5603" s="92"/>
      <c r="AW5603" s="92"/>
      <c r="AX5603" s="92"/>
      <c r="AY5603" s="92"/>
      <c r="AZ5603" s="93"/>
      <c r="BA5603" s="93"/>
      <c r="BB5603" s="93"/>
      <c r="BC5603" s="93"/>
      <c r="BD5603" s="93"/>
      <c r="BE5603" s="93"/>
      <c r="BF5603" s="93"/>
      <c r="BG5603" s="93"/>
      <c r="BH5603" s="93"/>
      <c r="BI5603" s="93"/>
      <c r="BJ5603" s="93"/>
      <c r="BK5603" s="93"/>
      <c r="BL5603" s="93"/>
    </row>
    <row r="5604" spans="2:64" x14ac:dyDescent="0.2">
      <c r="B5604" s="43"/>
      <c r="C5604" s="73"/>
      <c r="D5604" s="64"/>
      <c r="E5604" s="55"/>
      <c r="F5604" s="74"/>
      <c r="G5604" s="74"/>
      <c r="H5604" s="74"/>
      <c r="I5604" s="75"/>
      <c r="J5604" s="74"/>
      <c r="L5604" s="55"/>
      <c r="M5604" s="234"/>
      <c r="N5604" s="65"/>
      <c r="O5604" s="76"/>
      <c r="P5604" s="76"/>
      <c r="Q5604" s="65"/>
      <c r="R5604" s="76"/>
      <c r="S5604" s="76"/>
      <c r="T5604" s="76"/>
      <c r="U5604" s="76"/>
      <c r="V5604" s="76"/>
      <c r="W5604" s="76"/>
      <c r="X5604" s="76"/>
      <c r="Y5604" s="76"/>
      <c r="Z5604" s="76"/>
      <c r="AA5604" s="85"/>
      <c r="AB5604" s="85"/>
      <c r="AC5604" s="85"/>
      <c r="AD5604" s="85"/>
      <c r="AE5604" s="85"/>
      <c r="AF5604" s="85"/>
      <c r="AG5604" s="86"/>
      <c r="AH5604" s="85"/>
      <c r="AI5604" s="85"/>
      <c r="AJ5604" s="85"/>
      <c r="AK5604" s="85"/>
      <c r="AL5604" s="85"/>
      <c r="AM5604" s="92"/>
      <c r="AN5604" s="92"/>
      <c r="AO5604" s="92"/>
      <c r="AP5604" s="92"/>
      <c r="AQ5604" s="92"/>
      <c r="AR5604" s="92"/>
      <c r="AS5604" s="92"/>
      <c r="AT5604" s="92"/>
      <c r="AU5604" s="92"/>
      <c r="AV5604" s="92"/>
      <c r="AW5604" s="92"/>
      <c r="AX5604" s="92"/>
      <c r="AY5604" s="92"/>
      <c r="AZ5604" s="93"/>
      <c r="BA5604" s="93"/>
      <c r="BB5604" s="93"/>
      <c r="BC5604" s="93"/>
      <c r="BD5604" s="93"/>
      <c r="BE5604" s="93"/>
      <c r="BF5604" s="93"/>
      <c r="BG5604" s="93"/>
      <c r="BH5604" s="93"/>
      <c r="BI5604" s="93"/>
      <c r="BJ5604" s="93"/>
      <c r="BK5604" s="93"/>
      <c r="BL5604" s="93"/>
    </row>
    <row r="5605" spans="2:64" x14ac:dyDescent="0.2">
      <c r="B5605" s="43"/>
      <c r="C5605" s="73"/>
      <c r="D5605" s="64"/>
      <c r="E5605" s="55"/>
      <c r="F5605" s="74"/>
      <c r="G5605" s="74"/>
      <c r="H5605" s="74"/>
      <c r="I5605" s="75"/>
      <c r="J5605" s="74"/>
      <c r="L5605" s="55"/>
      <c r="M5605" s="234"/>
      <c r="N5605" s="65"/>
      <c r="O5605" s="76"/>
      <c r="P5605" s="76"/>
      <c r="Q5605" s="65"/>
      <c r="R5605" s="76"/>
      <c r="S5605" s="76"/>
      <c r="T5605" s="76"/>
      <c r="U5605" s="76"/>
      <c r="V5605" s="76"/>
      <c r="W5605" s="76"/>
      <c r="X5605" s="76"/>
      <c r="Y5605" s="76"/>
      <c r="Z5605" s="76"/>
      <c r="AA5605" s="85"/>
      <c r="AB5605" s="85"/>
      <c r="AC5605" s="85"/>
      <c r="AD5605" s="85"/>
      <c r="AE5605" s="85"/>
      <c r="AF5605" s="85"/>
      <c r="AG5605" s="86"/>
      <c r="AH5605" s="85"/>
      <c r="AI5605" s="85"/>
      <c r="AJ5605" s="85"/>
      <c r="AK5605" s="85"/>
      <c r="AL5605" s="85"/>
      <c r="AM5605" s="92"/>
      <c r="AN5605" s="92"/>
      <c r="AO5605" s="92"/>
      <c r="AP5605" s="92"/>
      <c r="AQ5605" s="92"/>
      <c r="AR5605" s="92"/>
      <c r="AS5605" s="92"/>
      <c r="AT5605" s="92"/>
      <c r="AU5605" s="92"/>
      <c r="AV5605" s="92"/>
      <c r="AW5605" s="92"/>
      <c r="AX5605" s="92"/>
      <c r="AY5605" s="92"/>
      <c r="AZ5605" s="93"/>
      <c r="BA5605" s="93"/>
      <c r="BB5605" s="93"/>
      <c r="BC5605" s="93"/>
      <c r="BD5605" s="93"/>
      <c r="BE5605" s="93"/>
      <c r="BF5605" s="93"/>
      <c r="BG5605" s="93"/>
      <c r="BH5605" s="93"/>
      <c r="BI5605" s="93"/>
      <c r="BJ5605" s="93"/>
      <c r="BK5605" s="93"/>
      <c r="BL5605" s="93"/>
    </row>
    <row r="5606" spans="2:64" x14ac:dyDescent="0.2">
      <c r="B5606" s="43"/>
      <c r="C5606" s="73"/>
      <c r="D5606" s="64"/>
      <c r="E5606" s="55"/>
      <c r="F5606" s="74"/>
      <c r="G5606" s="74"/>
      <c r="H5606" s="74"/>
      <c r="I5606" s="75"/>
      <c r="J5606" s="74"/>
      <c r="L5606" s="55"/>
      <c r="M5606" s="234"/>
      <c r="N5606" s="65"/>
      <c r="O5606" s="76"/>
      <c r="P5606" s="76"/>
      <c r="Q5606" s="65"/>
      <c r="R5606" s="76"/>
      <c r="S5606" s="76"/>
      <c r="T5606" s="76"/>
      <c r="U5606" s="76"/>
      <c r="V5606" s="76"/>
      <c r="W5606" s="76"/>
      <c r="X5606" s="76"/>
      <c r="Y5606" s="76"/>
      <c r="Z5606" s="76"/>
      <c r="AA5606" s="85"/>
      <c r="AB5606" s="85"/>
      <c r="AC5606" s="85"/>
      <c r="AD5606" s="85"/>
      <c r="AE5606" s="85"/>
      <c r="AF5606" s="85"/>
      <c r="AG5606" s="86"/>
      <c r="AH5606" s="85"/>
      <c r="AI5606" s="85"/>
      <c r="AJ5606" s="85"/>
      <c r="AK5606" s="85"/>
      <c r="AL5606" s="85"/>
      <c r="AM5606" s="92"/>
      <c r="AN5606" s="92"/>
      <c r="AO5606" s="92"/>
      <c r="AP5606" s="92"/>
      <c r="AQ5606" s="92"/>
      <c r="AR5606" s="92"/>
      <c r="AS5606" s="92"/>
      <c r="AT5606" s="92"/>
      <c r="AU5606" s="92"/>
      <c r="AV5606" s="92"/>
      <c r="AW5606" s="92"/>
      <c r="AX5606" s="92"/>
      <c r="AY5606" s="92"/>
      <c r="AZ5606" s="93"/>
      <c r="BA5606" s="93"/>
      <c r="BB5606" s="93"/>
      <c r="BC5606" s="93"/>
      <c r="BD5606" s="93"/>
      <c r="BE5606" s="93"/>
      <c r="BF5606" s="93"/>
      <c r="BG5606" s="93"/>
      <c r="BH5606" s="93"/>
      <c r="BI5606" s="93"/>
      <c r="BJ5606" s="93"/>
      <c r="BK5606" s="93"/>
      <c r="BL5606" s="93"/>
    </row>
    <row r="5607" spans="2:64" x14ac:dyDescent="0.2">
      <c r="B5607" s="43"/>
      <c r="C5607" s="73"/>
      <c r="D5607" s="64"/>
      <c r="E5607" s="55"/>
      <c r="F5607" s="74"/>
      <c r="G5607" s="74"/>
      <c r="H5607" s="74"/>
      <c r="I5607" s="75"/>
      <c r="J5607" s="74"/>
      <c r="L5607" s="55"/>
      <c r="M5607" s="234"/>
      <c r="N5607" s="65"/>
      <c r="O5607" s="76"/>
      <c r="P5607" s="76"/>
      <c r="Q5607" s="65"/>
      <c r="R5607" s="76"/>
      <c r="S5607" s="76"/>
      <c r="T5607" s="76"/>
      <c r="U5607" s="76"/>
      <c r="V5607" s="76"/>
      <c r="W5607" s="76"/>
      <c r="X5607" s="76"/>
      <c r="Y5607" s="76"/>
      <c r="Z5607" s="76"/>
      <c r="AA5607" s="85"/>
      <c r="AB5607" s="85"/>
      <c r="AC5607" s="85"/>
      <c r="AD5607" s="85"/>
      <c r="AE5607" s="85"/>
      <c r="AF5607" s="85"/>
      <c r="AG5607" s="86"/>
      <c r="AH5607" s="85"/>
      <c r="AI5607" s="85"/>
      <c r="AJ5607" s="85"/>
      <c r="AK5607" s="85"/>
      <c r="AL5607" s="85"/>
      <c r="AM5607" s="92"/>
      <c r="AN5607" s="92"/>
      <c r="AO5607" s="92"/>
      <c r="AP5607" s="92"/>
      <c r="AQ5607" s="92"/>
      <c r="AR5607" s="92"/>
      <c r="AS5607" s="92"/>
      <c r="AT5607" s="92"/>
      <c r="AU5607" s="92"/>
      <c r="AV5607" s="92"/>
      <c r="AW5607" s="92"/>
      <c r="AX5607" s="92"/>
      <c r="AY5607" s="92"/>
      <c r="AZ5607" s="93"/>
      <c r="BA5607" s="93"/>
      <c r="BB5607" s="93"/>
      <c r="BC5607" s="93"/>
      <c r="BD5607" s="93"/>
      <c r="BE5607" s="93"/>
      <c r="BF5607" s="93"/>
      <c r="BG5607" s="93"/>
      <c r="BH5607" s="93"/>
      <c r="BI5607" s="93"/>
      <c r="BJ5607" s="93"/>
      <c r="BK5607" s="93"/>
      <c r="BL5607" s="93"/>
    </row>
    <row r="5608" spans="2:64" x14ac:dyDescent="0.2">
      <c r="B5608" s="43"/>
      <c r="C5608" s="73"/>
      <c r="D5608" s="64"/>
      <c r="E5608" s="55"/>
      <c r="F5608" s="74"/>
      <c r="G5608" s="74"/>
      <c r="H5608" s="74"/>
      <c r="I5608" s="75"/>
      <c r="J5608" s="74"/>
      <c r="L5608" s="55"/>
      <c r="M5608" s="234"/>
      <c r="N5608" s="65"/>
      <c r="O5608" s="76"/>
      <c r="P5608" s="76"/>
      <c r="Q5608" s="65"/>
      <c r="R5608" s="76"/>
      <c r="S5608" s="76"/>
      <c r="T5608" s="76"/>
      <c r="U5608" s="76"/>
      <c r="V5608" s="76"/>
      <c r="W5608" s="76"/>
      <c r="X5608" s="76"/>
      <c r="Y5608" s="76"/>
      <c r="Z5608" s="76"/>
      <c r="AA5608" s="85"/>
      <c r="AB5608" s="85"/>
      <c r="AC5608" s="85"/>
      <c r="AD5608" s="85"/>
      <c r="AE5608" s="85"/>
      <c r="AF5608" s="85"/>
      <c r="AG5608" s="86"/>
      <c r="AH5608" s="85"/>
      <c r="AI5608" s="85"/>
      <c r="AJ5608" s="85"/>
      <c r="AK5608" s="85"/>
      <c r="AL5608" s="85"/>
      <c r="AM5608" s="92"/>
      <c r="AN5608" s="92"/>
      <c r="AO5608" s="92"/>
      <c r="AP5608" s="92"/>
      <c r="AQ5608" s="92"/>
      <c r="AR5608" s="92"/>
      <c r="AS5608" s="92"/>
      <c r="AT5608" s="92"/>
      <c r="AU5608" s="92"/>
      <c r="AV5608" s="92"/>
      <c r="AW5608" s="92"/>
      <c r="AX5608" s="92"/>
      <c r="AY5608" s="92"/>
      <c r="AZ5608" s="93"/>
      <c r="BA5608" s="93"/>
      <c r="BB5608" s="93"/>
      <c r="BC5608" s="93"/>
      <c r="BD5608" s="93"/>
      <c r="BE5608" s="93"/>
      <c r="BF5608" s="93"/>
      <c r="BG5608" s="93"/>
      <c r="BH5608" s="93"/>
      <c r="BI5608" s="93"/>
      <c r="BJ5608" s="93"/>
      <c r="BK5608" s="93"/>
      <c r="BL5608" s="93"/>
    </row>
    <row r="5609" spans="2:64" x14ac:dyDescent="0.2">
      <c r="B5609" s="43"/>
      <c r="C5609" s="73"/>
      <c r="D5609" s="64"/>
      <c r="E5609" s="55"/>
      <c r="F5609" s="74"/>
      <c r="G5609" s="74"/>
      <c r="H5609" s="74"/>
      <c r="I5609" s="75"/>
      <c r="J5609" s="74"/>
      <c r="L5609" s="55"/>
      <c r="M5609" s="234"/>
      <c r="N5609" s="65"/>
      <c r="O5609" s="76"/>
      <c r="P5609" s="76"/>
      <c r="Q5609" s="65"/>
      <c r="R5609" s="76"/>
      <c r="S5609" s="76"/>
      <c r="T5609" s="76"/>
      <c r="U5609" s="76"/>
      <c r="V5609" s="76"/>
      <c r="W5609" s="76"/>
      <c r="X5609" s="76"/>
      <c r="Y5609" s="76"/>
      <c r="Z5609" s="76"/>
      <c r="AA5609" s="85"/>
      <c r="AB5609" s="85"/>
      <c r="AC5609" s="85"/>
      <c r="AD5609" s="85"/>
      <c r="AE5609" s="85"/>
      <c r="AF5609" s="85"/>
      <c r="AG5609" s="86"/>
      <c r="AH5609" s="85"/>
      <c r="AI5609" s="85"/>
      <c r="AJ5609" s="85"/>
      <c r="AK5609" s="85"/>
      <c r="AL5609" s="85"/>
      <c r="AM5609" s="92"/>
      <c r="AN5609" s="92"/>
      <c r="AO5609" s="92"/>
      <c r="AP5609" s="92"/>
      <c r="AQ5609" s="92"/>
      <c r="AR5609" s="92"/>
      <c r="AS5609" s="92"/>
      <c r="AT5609" s="92"/>
      <c r="AU5609" s="92"/>
      <c r="AV5609" s="92"/>
      <c r="AW5609" s="92"/>
      <c r="AX5609" s="92"/>
      <c r="AY5609" s="92"/>
      <c r="AZ5609" s="93"/>
      <c r="BA5609" s="93"/>
      <c r="BB5609" s="93"/>
      <c r="BC5609" s="93"/>
      <c r="BD5609" s="93"/>
      <c r="BE5609" s="93"/>
      <c r="BF5609" s="93"/>
      <c r="BG5609" s="93"/>
      <c r="BH5609" s="93"/>
      <c r="BI5609" s="93"/>
      <c r="BJ5609" s="93"/>
      <c r="BK5609" s="93"/>
      <c r="BL5609" s="93"/>
    </row>
    <row r="5610" spans="2:64" x14ac:dyDescent="0.2">
      <c r="B5610" s="43"/>
      <c r="C5610" s="73"/>
      <c r="D5610" s="64"/>
      <c r="E5610" s="55"/>
      <c r="F5610" s="74"/>
      <c r="G5610" s="74"/>
      <c r="H5610" s="74"/>
      <c r="I5610" s="75"/>
      <c r="J5610" s="74"/>
      <c r="L5610" s="55"/>
      <c r="M5610" s="234"/>
      <c r="N5610" s="65"/>
      <c r="O5610" s="76"/>
      <c r="P5610" s="76"/>
      <c r="Q5610" s="65"/>
      <c r="R5610" s="76"/>
      <c r="S5610" s="76"/>
      <c r="T5610" s="76"/>
      <c r="U5610" s="76"/>
      <c r="V5610" s="76"/>
      <c r="W5610" s="76"/>
      <c r="X5610" s="76"/>
      <c r="Y5610" s="76"/>
      <c r="Z5610" s="76"/>
      <c r="AA5610" s="85"/>
      <c r="AB5610" s="85"/>
      <c r="AC5610" s="85"/>
      <c r="AD5610" s="85"/>
      <c r="AE5610" s="85"/>
      <c r="AF5610" s="85"/>
      <c r="AG5610" s="86"/>
      <c r="AH5610" s="85"/>
      <c r="AI5610" s="85"/>
      <c r="AJ5610" s="85"/>
      <c r="AK5610" s="85"/>
      <c r="AL5610" s="85"/>
      <c r="AM5610" s="92"/>
      <c r="AN5610" s="92"/>
      <c r="AO5610" s="92"/>
      <c r="AP5610" s="92"/>
      <c r="AQ5610" s="92"/>
      <c r="AR5610" s="92"/>
      <c r="AS5610" s="92"/>
      <c r="AT5610" s="92"/>
      <c r="AU5610" s="92"/>
      <c r="AV5610" s="92"/>
      <c r="AW5610" s="92"/>
      <c r="AX5610" s="92"/>
      <c r="AY5610" s="92"/>
      <c r="AZ5610" s="93"/>
      <c r="BA5610" s="93"/>
      <c r="BB5610" s="93"/>
      <c r="BC5610" s="93"/>
      <c r="BD5610" s="93"/>
      <c r="BE5610" s="93"/>
      <c r="BF5610" s="93"/>
      <c r="BG5610" s="93"/>
      <c r="BH5610" s="93"/>
      <c r="BI5610" s="93"/>
      <c r="BJ5610" s="93"/>
      <c r="BK5610" s="93"/>
      <c r="BL5610" s="93"/>
    </row>
    <row r="5611" spans="2:64" x14ac:dyDescent="0.2">
      <c r="B5611" s="43"/>
      <c r="C5611" s="73"/>
      <c r="D5611" s="64"/>
      <c r="E5611" s="55"/>
      <c r="F5611" s="74"/>
      <c r="G5611" s="74"/>
      <c r="H5611" s="74"/>
      <c r="I5611" s="75"/>
      <c r="J5611" s="74"/>
      <c r="L5611" s="55"/>
      <c r="M5611" s="234"/>
      <c r="N5611" s="65"/>
      <c r="O5611" s="76"/>
      <c r="P5611" s="76"/>
      <c r="Q5611" s="65"/>
      <c r="R5611" s="76"/>
      <c r="S5611" s="76"/>
      <c r="T5611" s="76"/>
      <c r="U5611" s="76"/>
      <c r="V5611" s="76"/>
      <c r="W5611" s="76"/>
      <c r="X5611" s="76"/>
      <c r="Y5611" s="76"/>
      <c r="Z5611" s="76"/>
      <c r="AA5611" s="85"/>
      <c r="AB5611" s="85"/>
      <c r="AC5611" s="85"/>
      <c r="AD5611" s="85"/>
      <c r="AE5611" s="85"/>
      <c r="AF5611" s="85"/>
      <c r="AG5611" s="86"/>
      <c r="AH5611" s="85"/>
      <c r="AI5611" s="85"/>
      <c r="AJ5611" s="85"/>
      <c r="AK5611" s="85"/>
      <c r="AL5611" s="85"/>
      <c r="AM5611" s="92"/>
      <c r="AN5611" s="92"/>
      <c r="AO5611" s="92"/>
      <c r="AP5611" s="92"/>
      <c r="AQ5611" s="92"/>
      <c r="AR5611" s="92"/>
      <c r="AS5611" s="92"/>
      <c r="AT5611" s="92"/>
      <c r="AU5611" s="92"/>
      <c r="AV5611" s="92"/>
      <c r="AW5611" s="92"/>
      <c r="AX5611" s="92"/>
      <c r="AY5611" s="92"/>
      <c r="AZ5611" s="93"/>
      <c r="BA5611" s="93"/>
      <c r="BB5611" s="93"/>
      <c r="BC5611" s="93"/>
      <c r="BD5611" s="93"/>
      <c r="BE5611" s="93"/>
      <c r="BF5611" s="93"/>
      <c r="BG5611" s="93"/>
      <c r="BH5611" s="93"/>
      <c r="BI5611" s="93"/>
      <c r="BJ5611" s="93"/>
      <c r="BK5611" s="93"/>
      <c r="BL5611" s="93"/>
    </row>
    <row r="5612" spans="2:64" x14ac:dyDescent="0.2">
      <c r="B5612" s="43"/>
      <c r="C5612" s="73"/>
      <c r="D5612" s="64"/>
      <c r="E5612" s="55"/>
      <c r="F5612" s="74"/>
      <c r="G5612" s="74"/>
      <c r="H5612" s="74"/>
      <c r="I5612" s="75"/>
      <c r="J5612" s="74"/>
      <c r="L5612" s="55"/>
      <c r="M5612" s="234"/>
      <c r="N5612" s="65"/>
      <c r="O5612" s="76"/>
      <c r="P5612" s="76"/>
      <c r="Q5612" s="65"/>
      <c r="R5612" s="76"/>
      <c r="S5612" s="76"/>
      <c r="T5612" s="76"/>
      <c r="U5612" s="76"/>
      <c r="V5612" s="76"/>
      <c r="W5612" s="76"/>
      <c r="X5612" s="76"/>
      <c r="Y5612" s="76"/>
      <c r="Z5612" s="76"/>
      <c r="AA5612" s="85"/>
      <c r="AB5612" s="85"/>
      <c r="AC5612" s="85"/>
      <c r="AD5612" s="85"/>
      <c r="AE5612" s="85"/>
      <c r="AF5612" s="85"/>
      <c r="AG5612" s="86"/>
      <c r="AH5612" s="85"/>
      <c r="AI5612" s="85"/>
      <c r="AJ5612" s="85"/>
      <c r="AK5612" s="85"/>
      <c r="AL5612" s="85"/>
      <c r="AM5612" s="92"/>
      <c r="AN5612" s="92"/>
      <c r="AO5612" s="92"/>
      <c r="AP5612" s="92"/>
      <c r="AQ5612" s="92"/>
      <c r="AR5612" s="92"/>
      <c r="AS5612" s="92"/>
      <c r="AT5612" s="92"/>
      <c r="AU5612" s="92"/>
      <c r="AV5612" s="92"/>
      <c r="AW5612" s="92"/>
      <c r="AX5612" s="92"/>
      <c r="AY5612" s="92"/>
      <c r="AZ5612" s="93"/>
      <c r="BA5612" s="93"/>
      <c r="BB5612" s="93"/>
      <c r="BC5612" s="93"/>
      <c r="BD5612" s="93"/>
      <c r="BE5612" s="93"/>
      <c r="BF5612" s="93"/>
      <c r="BG5612" s="93"/>
      <c r="BH5612" s="93"/>
      <c r="BI5612" s="93"/>
      <c r="BJ5612" s="93"/>
      <c r="BK5612" s="93"/>
      <c r="BL5612" s="93"/>
    </row>
    <row r="5613" spans="2:64" x14ac:dyDescent="0.2">
      <c r="B5613" s="43"/>
      <c r="C5613" s="73"/>
      <c r="D5613" s="64"/>
      <c r="E5613" s="55"/>
      <c r="F5613" s="74"/>
      <c r="G5613" s="74"/>
      <c r="H5613" s="74"/>
      <c r="I5613" s="75"/>
      <c r="J5613" s="74"/>
      <c r="L5613" s="55"/>
      <c r="M5613" s="234"/>
      <c r="N5613" s="65"/>
      <c r="O5613" s="76"/>
      <c r="P5613" s="76"/>
      <c r="Q5613" s="65"/>
      <c r="R5613" s="76"/>
      <c r="S5613" s="76"/>
      <c r="T5613" s="76"/>
      <c r="U5613" s="76"/>
      <c r="V5613" s="76"/>
      <c r="W5613" s="76"/>
      <c r="X5613" s="76"/>
      <c r="Y5613" s="76"/>
      <c r="Z5613" s="76"/>
      <c r="AA5613" s="85"/>
      <c r="AB5613" s="85"/>
      <c r="AC5613" s="85"/>
      <c r="AD5613" s="85"/>
      <c r="AE5613" s="85"/>
      <c r="AF5613" s="85"/>
      <c r="AG5613" s="86"/>
      <c r="AH5613" s="85"/>
      <c r="AI5613" s="85"/>
      <c r="AJ5613" s="85"/>
      <c r="AK5613" s="85"/>
      <c r="AL5613" s="85"/>
      <c r="AM5613" s="92"/>
      <c r="AN5613" s="92"/>
      <c r="AO5613" s="92"/>
      <c r="AP5613" s="92"/>
      <c r="AQ5613" s="92"/>
      <c r="AR5613" s="92"/>
      <c r="AS5613" s="92"/>
      <c r="AT5613" s="92"/>
      <c r="AU5613" s="92"/>
      <c r="AV5613" s="92"/>
      <c r="AW5613" s="92"/>
      <c r="AX5613" s="92"/>
      <c r="AY5613" s="92"/>
      <c r="AZ5613" s="93"/>
      <c r="BA5613" s="93"/>
      <c r="BB5613" s="93"/>
      <c r="BC5613" s="93"/>
      <c r="BD5613" s="93"/>
      <c r="BE5613" s="93"/>
      <c r="BF5613" s="93"/>
      <c r="BG5613" s="93"/>
      <c r="BH5613" s="93"/>
      <c r="BI5613" s="93"/>
      <c r="BJ5613" s="93"/>
      <c r="BK5613" s="93"/>
      <c r="BL5613" s="93"/>
    </row>
    <row r="5614" spans="2:64" x14ac:dyDescent="0.2">
      <c r="B5614" s="43"/>
      <c r="C5614" s="73"/>
      <c r="D5614" s="64"/>
      <c r="E5614" s="55"/>
      <c r="F5614" s="74"/>
      <c r="G5614" s="74"/>
      <c r="H5614" s="74"/>
      <c r="I5614" s="75"/>
      <c r="J5614" s="74"/>
      <c r="L5614" s="55"/>
      <c r="M5614" s="234"/>
      <c r="N5614" s="65"/>
      <c r="O5614" s="76"/>
      <c r="P5614" s="76"/>
      <c r="Q5614" s="65"/>
      <c r="R5614" s="76"/>
      <c r="S5614" s="76"/>
      <c r="T5614" s="76"/>
      <c r="U5614" s="76"/>
      <c r="V5614" s="76"/>
      <c r="W5614" s="76"/>
      <c r="X5614" s="76"/>
      <c r="Y5614" s="76"/>
      <c r="Z5614" s="76"/>
      <c r="AA5614" s="85"/>
      <c r="AB5614" s="85"/>
      <c r="AC5614" s="85"/>
      <c r="AD5614" s="85"/>
      <c r="AE5614" s="85"/>
      <c r="AF5614" s="85"/>
      <c r="AG5614" s="86"/>
      <c r="AH5614" s="85"/>
      <c r="AI5614" s="85"/>
      <c r="AJ5614" s="85"/>
      <c r="AK5614" s="85"/>
      <c r="AL5614" s="85"/>
      <c r="AM5614" s="92"/>
      <c r="AN5614" s="92"/>
      <c r="AO5614" s="92"/>
      <c r="AP5614" s="92"/>
      <c r="AQ5614" s="92"/>
      <c r="AR5614" s="92"/>
      <c r="AS5614" s="92"/>
      <c r="AT5614" s="92"/>
      <c r="AU5614" s="92"/>
      <c r="AV5614" s="92"/>
      <c r="AW5614" s="92"/>
      <c r="AX5614" s="92"/>
      <c r="AY5614" s="92"/>
      <c r="AZ5614" s="93"/>
      <c r="BA5614" s="93"/>
      <c r="BB5614" s="93"/>
      <c r="BC5614" s="93"/>
      <c r="BD5614" s="93"/>
      <c r="BE5614" s="93"/>
      <c r="BF5614" s="93"/>
      <c r="BG5614" s="93"/>
      <c r="BH5614" s="93"/>
      <c r="BI5614" s="93"/>
      <c r="BJ5614" s="93"/>
      <c r="BK5614" s="93"/>
      <c r="BL5614" s="93"/>
    </row>
    <row r="5615" spans="2:64" x14ac:dyDescent="0.2">
      <c r="B5615" s="43"/>
      <c r="C5615" s="73"/>
      <c r="D5615" s="64"/>
      <c r="E5615" s="55"/>
      <c r="F5615" s="74"/>
      <c r="G5615" s="74"/>
      <c r="H5615" s="74"/>
      <c r="I5615" s="75"/>
      <c r="J5615" s="74"/>
      <c r="L5615" s="55"/>
      <c r="M5615" s="234"/>
      <c r="N5615" s="65"/>
      <c r="O5615" s="76"/>
      <c r="P5615" s="76"/>
      <c r="Q5615" s="65"/>
      <c r="R5615" s="76"/>
      <c r="S5615" s="76"/>
      <c r="T5615" s="76"/>
      <c r="U5615" s="76"/>
      <c r="V5615" s="76"/>
      <c r="W5615" s="76"/>
      <c r="X5615" s="76"/>
      <c r="Y5615" s="76"/>
      <c r="Z5615" s="76"/>
      <c r="AA5615" s="85"/>
      <c r="AB5615" s="85"/>
      <c r="AC5615" s="85"/>
      <c r="AD5615" s="85"/>
      <c r="AE5615" s="85"/>
      <c r="AF5615" s="85"/>
      <c r="AG5615" s="86"/>
      <c r="AH5615" s="85"/>
      <c r="AI5615" s="85"/>
      <c r="AJ5615" s="85"/>
      <c r="AK5615" s="85"/>
      <c r="AL5615" s="85"/>
      <c r="AM5615" s="92"/>
      <c r="AN5615" s="92"/>
      <c r="AO5615" s="92"/>
      <c r="AP5615" s="92"/>
      <c r="AQ5615" s="92"/>
      <c r="AR5615" s="92"/>
      <c r="AS5615" s="92"/>
      <c r="AT5615" s="92"/>
      <c r="AU5615" s="92"/>
      <c r="AV5615" s="92"/>
      <c r="AW5615" s="92"/>
      <c r="AX5615" s="92"/>
      <c r="AY5615" s="92"/>
      <c r="AZ5615" s="93"/>
      <c r="BA5615" s="93"/>
      <c r="BB5615" s="93"/>
      <c r="BC5615" s="93"/>
      <c r="BD5615" s="93"/>
      <c r="BE5615" s="93"/>
      <c r="BF5615" s="93"/>
      <c r="BG5615" s="93"/>
      <c r="BH5615" s="93"/>
      <c r="BI5615" s="93"/>
      <c r="BJ5615" s="93"/>
      <c r="BK5615" s="93"/>
      <c r="BL5615" s="93"/>
    </row>
    <row r="5616" spans="2:64" x14ac:dyDescent="0.2">
      <c r="B5616" s="43"/>
      <c r="C5616" s="73"/>
      <c r="D5616" s="64"/>
      <c r="E5616" s="55"/>
      <c r="F5616" s="74"/>
      <c r="G5616" s="74"/>
      <c r="H5616" s="74"/>
      <c r="I5616" s="75"/>
      <c r="J5616" s="74"/>
      <c r="L5616" s="55"/>
      <c r="M5616" s="234"/>
      <c r="N5616" s="65"/>
      <c r="O5616" s="76"/>
      <c r="P5616" s="76"/>
      <c r="Q5616" s="65"/>
      <c r="R5616" s="76"/>
      <c r="S5616" s="76"/>
      <c r="T5616" s="76"/>
      <c r="U5616" s="76"/>
      <c r="V5616" s="76"/>
      <c r="W5616" s="76"/>
      <c r="X5616" s="76"/>
      <c r="Y5616" s="76"/>
      <c r="Z5616" s="76"/>
      <c r="AA5616" s="85"/>
      <c r="AB5616" s="85"/>
      <c r="AC5616" s="85"/>
      <c r="AD5616" s="85"/>
      <c r="AE5616" s="85"/>
      <c r="AF5616" s="85"/>
      <c r="AG5616" s="86"/>
      <c r="AH5616" s="85"/>
      <c r="AI5616" s="85"/>
      <c r="AJ5616" s="85"/>
      <c r="AK5616" s="85"/>
      <c r="AL5616" s="85"/>
      <c r="AM5616" s="92"/>
      <c r="AN5616" s="92"/>
      <c r="AO5616" s="92"/>
      <c r="AP5616" s="92"/>
      <c r="AQ5616" s="92"/>
      <c r="AR5616" s="92"/>
      <c r="AS5616" s="92"/>
      <c r="AT5616" s="92"/>
      <c r="AU5616" s="92"/>
      <c r="AV5616" s="92"/>
      <c r="AW5616" s="92"/>
      <c r="AX5616" s="92"/>
      <c r="AY5616" s="92"/>
      <c r="AZ5616" s="93"/>
      <c r="BA5616" s="93"/>
      <c r="BB5616" s="93"/>
      <c r="BC5616" s="93"/>
      <c r="BD5616" s="93"/>
      <c r="BE5616" s="93"/>
      <c r="BF5616" s="93"/>
      <c r="BG5616" s="93"/>
      <c r="BH5616" s="93"/>
      <c r="BI5616" s="93"/>
      <c r="BJ5616" s="93"/>
      <c r="BK5616" s="93"/>
      <c r="BL5616" s="93"/>
    </row>
    <row r="5617" spans="2:64" x14ac:dyDescent="0.2">
      <c r="B5617" s="43"/>
      <c r="C5617" s="73"/>
      <c r="D5617" s="64"/>
      <c r="E5617" s="55"/>
      <c r="F5617" s="74"/>
      <c r="G5617" s="74"/>
      <c r="H5617" s="74"/>
      <c r="I5617" s="75"/>
      <c r="J5617" s="74"/>
      <c r="L5617" s="55"/>
      <c r="M5617" s="234"/>
      <c r="N5617" s="65"/>
      <c r="O5617" s="76"/>
      <c r="P5617" s="76"/>
      <c r="Q5617" s="65"/>
      <c r="R5617" s="76"/>
      <c r="S5617" s="76"/>
      <c r="T5617" s="76"/>
      <c r="U5617" s="76"/>
      <c r="V5617" s="76"/>
      <c r="W5617" s="76"/>
      <c r="X5617" s="76"/>
      <c r="Y5617" s="76"/>
      <c r="Z5617" s="76"/>
      <c r="AA5617" s="85"/>
      <c r="AB5617" s="85"/>
      <c r="AC5617" s="85"/>
      <c r="AD5617" s="85"/>
      <c r="AE5617" s="85"/>
      <c r="AF5617" s="85"/>
      <c r="AG5617" s="86"/>
      <c r="AH5617" s="85"/>
      <c r="AI5617" s="85"/>
      <c r="AJ5617" s="85"/>
      <c r="AK5617" s="85"/>
      <c r="AL5617" s="85"/>
      <c r="AM5617" s="92"/>
      <c r="AN5617" s="92"/>
      <c r="AO5617" s="92"/>
      <c r="AP5617" s="92"/>
      <c r="AQ5617" s="92"/>
      <c r="AR5617" s="92"/>
      <c r="AS5617" s="92"/>
      <c r="AT5617" s="92"/>
      <c r="AU5617" s="92"/>
      <c r="AV5617" s="92"/>
      <c r="AW5617" s="92"/>
      <c r="AX5617" s="92"/>
      <c r="AY5617" s="92"/>
      <c r="AZ5617" s="93"/>
      <c r="BA5617" s="93"/>
      <c r="BB5617" s="93"/>
      <c r="BC5617" s="93"/>
      <c r="BD5617" s="93"/>
      <c r="BE5617" s="93"/>
      <c r="BF5617" s="93"/>
      <c r="BG5617" s="93"/>
      <c r="BH5617" s="93"/>
      <c r="BI5617" s="93"/>
      <c r="BJ5617" s="93"/>
      <c r="BK5617" s="93"/>
      <c r="BL5617" s="93"/>
    </row>
    <row r="5618" spans="2:64" x14ac:dyDescent="0.2">
      <c r="B5618" s="43"/>
      <c r="C5618" s="73"/>
      <c r="D5618" s="64"/>
      <c r="E5618" s="55"/>
      <c r="F5618" s="74"/>
      <c r="G5618" s="74"/>
      <c r="H5618" s="74"/>
      <c r="I5618" s="75"/>
      <c r="J5618" s="74"/>
      <c r="L5618" s="55"/>
      <c r="M5618" s="234"/>
      <c r="N5618" s="65"/>
      <c r="O5618" s="76"/>
      <c r="P5618" s="76"/>
      <c r="Q5618" s="65"/>
      <c r="R5618" s="76"/>
      <c r="S5618" s="76"/>
      <c r="T5618" s="76"/>
      <c r="U5618" s="76"/>
      <c r="V5618" s="76"/>
      <c r="W5618" s="76"/>
      <c r="X5618" s="76"/>
      <c r="Y5618" s="76"/>
      <c r="Z5618" s="76"/>
      <c r="AA5618" s="85"/>
      <c r="AB5618" s="85"/>
      <c r="AC5618" s="85"/>
      <c r="AD5618" s="85"/>
      <c r="AE5618" s="85"/>
      <c r="AF5618" s="85"/>
      <c r="AG5618" s="86"/>
      <c r="AH5618" s="85"/>
      <c r="AI5618" s="85"/>
      <c r="AJ5618" s="85"/>
      <c r="AK5618" s="85"/>
      <c r="AL5618" s="85"/>
      <c r="AM5618" s="92"/>
      <c r="AN5618" s="92"/>
      <c r="AO5618" s="92"/>
      <c r="AP5618" s="92"/>
      <c r="AQ5618" s="92"/>
      <c r="AR5618" s="92"/>
      <c r="AS5618" s="92"/>
      <c r="AT5618" s="92"/>
      <c r="AU5618" s="92"/>
      <c r="AV5618" s="92"/>
      <c r="AW5618" s="92"/>
      <c r="AX5618" s="92"/>
      <c r="AY5618" s="92"/>
      <c r="AZ5618" s="93"/>
      <c r="BA5618" s="93"/>
      <c r="BB5618" s="93"/>
      <c r="BC5618" s="93"/>
      <c r="BD5618" s="93"/>
      <c r="BE5618" s="93"/>
      <c r="BF5618" s="93"/>
      <c r="BG5618" s="93"/>
      <c r="BH5618" s="93"/>
      <c r="BI5618" s="93"/>
      <c r="BJ5618" s="93"/>
      <c r="BK5618" s="93"/>
      <c r="BL5618" s="93"/>
    </row>
    <row r="5619" spans="2:64" x14ac:dyDescent="0.2">
      <c r="B5619" s="43"/>
      <c r="C5619" s="73"/>
      <c r="D5619" s="64"/>
      <c r="E5619" s="55"/>
      <c r="F5619" s="74"/>
      <c r="G5619" s="74"/>
      <c r="H5619" s="74"/>
      <c r="I5619" s="75"/>
      <c r="J5619" s="74"/>
      <c r="L5619" s="55"/>
      <c r="M5619" s="234"/>
      <c r="N5619" s="65"/>
      <c r="O5619" s="76"/>
      <c r="P5619" s="76"/>
      <c r="Q5619" s="65"/>
      <c r="R5619" s="76"/>
      <c r="S5619" s="76"/>
      <c r="T5619" s="76"/>
      <c r="U5619" s="76"/>
      <c r="V5619" s="76"/>
      <c r="W5619" s="76"/>
      <c r="X5619" s="76"/>
      <c r="Y5619" s="76"/>
      <c r="Z5619" s="76"/>
      <c r="AA5619" s="85"/>
      <c r="AB5619" s="85"/>
      <c r="AC5619" s="85"/>
      <c r="AD5619" s="85"/>
      <c r="AE5619" s="85"/>
      <c r="AF5619" s="85"/>
      <c r="AG5619" s="86"/>
      <c r="AH5619" s="85"/>
      <c r="AI5619" s="85"/>
      <c r="AJ5619" s="85"/>
      <c r="AK5619" s="85"/>
      <c r="AL5619" s="85"/>
      <c r="AM5619" s="92"/>
      <c r="AN5619" s="92"/>
      <c r="AO5619" s="92"/>
      <c r="AP5619" s="92"/>
      <c r="AQ5619" s="92"/>
      <c r="AR5619" s="92"/>
      <c r="AS5619" s="92"/>
      <c r="AT5619" s="92"/>
      <c r="AU5619" s="92"/>
      <c r="AV5619" s="92"/>
      <c r="AW5619" s="92"/>
      <c r="AX5619" s="92"/>
      <c r="AY5619" s="92"/>
      <c r="AZ5619" s="93"/>
      <c r="BA5619" s="93"/>
      <c r="BB5619" s="93"/>
      <c r="BC5619" s="93"/>
      <c r="BD5619" s="93"/>
      <c r="BE5619" s="93"/>
      <c r="BF5619" s="93"/>
      <c r="BG5619" s="93"/>
      <c r="BH5619" s="93"/>
      <c r="BI5619" s="93"/>
      <c r="BJ5619" s="93"/>
      <c r="BK5619" s="93"/>
      <c r="BL5619" s="93"/>
    </row>
    <row r="5620" spans="2:64" x14ac:dyDescent="0.2">
      <c r="B5620" s="43"/>
      <c r="C5620" s="73"/>
      <c r="D5620" s="64"/>
      <c r="E5620" s="55"/>
      <c r="F5620" s="74"/>
      <c r="G5620" s="74"/>
      <c r="H5620" s="74"/>
      <c r="I5620" s="75"/>
      <c r="J5620" s="74"/>
      <c r="L5620" s="55"/>
      <c r="M5620" s="234"/>
      <c r="N5620" s="65"/>
      <c r="O5620" s="76"/>
      <c r="P5620" s="76"/>
      <c r="Q5620" s="65"/>
      <c r="R5620" s="76"/>
      <c r="S5620" s="76"/>
      <c r="T5620" s="76"/>
      <c r="U5620" s="76"/>
      <c r="V5620" s="76"/>
      <c r="W5620" s="76"/>
      <c r="X5620" s="76"/>
      <c r="Y5620" s="76"/>
      <c r="Z5620" s="76"/>
      <c r="AA5620" s="85"/>
      <c r="AB5620" s="85"/>
      <c r="AC5620" s="85"/>
      <c r="AD5620" s="85"/>
      <c r="AE5620" s="85"/>
      <c r="AF5620" s="85"/>
      <c r="AG5620" s="86"/>
      <c r="AH5620" s="85"/>
      <c r="AI5620" s="85"/>
      <c r="AJ5620" s="85"/>
      <c r="AK5620" s="85"/>
      <c r="AL5620" s="85"/>
      <c r="AM5620" s="92"/>
      <c r="AN5620" s="92"/>
      <c r="AO5620" s="92"/>
      <c r="AP5620" s="92"/>
      <c r="AQ5620" s="92"/>
      <c r="AR5620" s="92"/>
      <c r="AS5620" s="92"/>
      <c r="AT5620" s="92"/>
      <c r="AU5620" s="92"/>
      <c r="AV5620" s="92"/>
      <c r="AW5620" s="92"/>
      <c r="AX5620" s="92"/>
      <c r="AY5620" s="92"/>
      <c r="AZ5620" s="93"/>
      <c r="BA5620" s="93"/>
      <c r="BB5620" s="93"/>
      <c r="BC5620" s="93"/>
      <c r="BD5620" s="93"/>
      <c r="BE5620" s="93"/>
      <c r="BF5620" s="93"/>
      <c r="BG5620" s="93"/>
      <c r="BH5620" s="93"/>
      <c r="BI5620" s="93"/>
      <c r="BJ5620" s="93"/>
      <c r="BK5620" s="93"/>
      <c r="BL5620" s="93"/>
    </row>
    <row r="5621" spans="2:64" x14ac:dyDescent="0.2">
      <c r="B5621" s="43"/>
      <c r="C5621" s="73"/>
      <c r="D5621" s="64"/>
      <c r="E5621" s="55"/>
      <c r="F5621" s="74"/>
      <c r="G5621" s="74"/>
      <c r="H5621" s="74"/>
      <c r="I5621" s="75"/>
      <c r="J5621" s="74"/>
      <c r="L5621" s="55"/>
      <c r="M5621" s="234"/>
      <c r="N5621" s="65"/>
      <c r="O5621" s="76"/>
      <c r="P5621" s="76"/>
      <c r="Q5621" s="65"/>
      <c r="R5621" s="76"/>
      <c r="S5621" s="76"/>
      <c r="T5621" s="76"/>
      <c r="U5621" s="76"/>
      <c r="V5621" s="76"/>
      <c r="W5621" s="76"/>
      <c r="X5621" s="76"/>
      <c r="Y5621" s="76"/>
      <c r="Z5621" s="76"/>
      <c r="AA5621" s="85"/>
      <c r="AB5621" s="85"/>
      <c r="AC5621" s="85"/>
      <c r="AD5621" s="85"/>
      <c r="AE5621" s="85"/>
      <c r="AF5621" s="85"/>
      <c r="AG5621" s="86"/>
      <c r="AH5621" s="85"/>
      <c r="AI5621" s="85"/>
      <c r="AJ5621" s="85"/>
      <c r="AK5621" s="85"/>
      <c r="AL5621" s="85"/>
      <c r="AM5621" s="92"/>
      <c r="AN5621" s="92"/>
      <c r="AO5621" s="92"/>
      <c r="AP5621" s="92"/>
      <c r="AQ5621" s="92"/>
      <c r="AR5621" s="92"/>
      <c r="AS5621" s="92"/>
      <c r="AT5621" s="92"/>
      <c r="AU5621" s="92"/>
      <c r="AV5621" s="92"/>
      <c r="AW5621" s="92"/>
      <c r="AX5621" s="92"/>
      <c r="AY5621" s="92"/>
      <c r="AZ5621" s="93"/>
      <c r="BA5621" s="93"/>
      <c r="BB5621" s="93"/>
      <c r="BC5621" s="93"/>
      <c r="BD5621" s="93"/>
      <c r="BE5621" s="93"/>
      <c r="BF5621" s="93"/>
      <c r="BG5621" s="93"/>
      <c r="BH5621" s="93"/>
      <c r="BI5621" s="93"/>
      <c r="BJ5621" s="93"/>
      <c r="BK5621" s="93"/>
      <c r="BL5621" s="93"/>
    </row>
    <row r="5622" spans="2:64" x14ac:dyDescent="0.2">
      <c r="B5622" s="43"/>
      <c r="C5622" s="73"/>
      <c r="D5622" s="64"/>
      <c r="E5622" s="55"/>
      <c r="F5622" s="74"/>
      <c r="G5622" s="74"/>
      <c r="H5622" s="74"/>
      <c r="I5622" s="75"/>
      <c r="J5622" s="74"/>
      <c r="L5622" s="55"/>
      <c r="M5622" s="234"/>
      <c r="N5622" s="65"/>
      <c r="O5622" s="76"/>
      <c r="P5622" s="76"/>
      <c r="Q5622" s="65"/>
      <c r="R5622" s="76"/>
      <c r="S5622" s="76"/>
      <c r="T5622" s="76"/>
      <c r="U5622" s="76"/>
      <c r="V5622" s="76"/>
      <c r="W5622" s="76"/>
      <c r="X5622" s="76"/>
      <c r="Y5622" s="76"/>
      <c r="Z5622" s="76"/>
      <c r="AA5622" s="85"/>
      <c r="AB5622" s="85"/>
      <c r="AC5622" s="85"/>
      <c r="AD5622" s="85"/>
      <c r="AE5622" s="85"/>
      <c r="AF5622" s="85"/>
      <c r="AG5622" s="86"/>
      <c r="AH5622" s="85"/>
      <c r="AI5622" s="85"/>
      <c r="AJ5622" s="85"/>
      <c r="AK5622" s="85"/>
      <c r="AL5622" s="85"/>
      <c r="AM5622" s="92"/>
      <c r="AN5622" s="92"/>
      <c r="AO5622" s="92"/>
      <c r="AP5622" s="92"/>
      <c r="AQ5622" s="92"/>
      <c r="AR5622" s="92"/>
      <c r="AS5622" s="92"/>
      <c r="AT5622" s="92"/>
      <c r="AU5622" s="92"/>
      <c r="AV5622" s="92"/>
      <c r="AW5622" s="92"/>
      <c r="AX5622" s="92"/>
      <c r="AY5622" s="92"/>
      <c r="AZ5622" s="93"/>
      <c r="BA5622" s="93"/>
      <c r="BB5622" s="93"/>
      <c r="BC5622" s="93"/>
      <c r="BD5622" s="93"/>
      <c r="BE5622" s="93"/>
      <c r="BF5622" s="93"/>
      <c r="BG5622" s="93"/>
      <c r="BH5622" s="93"/>
      <c r="BI5622" s="93"/>
      <c r="BJ5622" s="93"/>
      <c r="BK5622" s="93"/>
      <c r="BL5622" s="93"/>
    </row>
    <row r="5623" spans="2:64" x14ac:dyDescent="0.2">
      <c r="B5623" s="43"/>
      <c r="C5623" s="73"/>
      <c r="D5623" s="64"/>
      <c r="E5623" s="55"/>
      <c r="F5623" s="74"/>
      <c r="G5623" s="74"/>
      <c r="H5623" s="74"/>
      <c r="I5623" s="75"/>
      <c r="J5623" s="74"/>
      <c r="L5623" s="55"/>
      <c r="M5623" s="234"/>
      <c r="N5623" s="65"/>
      <c r="O5623" s="76"/>
      <c r="P5623" s="76"/>
      <c r="Q5623" s="65"/>
      <c r="R5623" s="76"/>
      <c r="S5623" s="76"/>
      <c r="T5623" s="76"/>
      <c r="U5623" s="76"/>
      <c r="V5623" s="76"/>
      <c r="W5623" s="76"/>
      <c r="X5623" s="76"/>
      <c r="Y5623" s="76"/>
      <c r="Z5623" s="76"/>
      <c r="AA5623" s="85"/>
      <c r="AB5623" s="85"/>
      <c r="AC5623" s="85"/>
      <c r="AD5623" s="85"/>
      <c r="AE5623" s="85"/>
      <c r="AF5623" s="85"/>
      <c r="AG5623" s="86"/>
      <c r="AH5623" s="85"/>
      <c r="AI5623" s="85"/>
      <c r="AJ5623" s="85"/>
      <c r="AK5623" s="85"/>
      <c r="AL5623" s="85"/>
      <c r="AM5623" s="92"/>
      <c r="AN5623" s="92"/>
      <c r="AO5623" s="92"/>
      <c r="AP5623" s="92"/>
      <c r="AQ5623" s="92"/>
      <c r="AR5623" s="92"/>
      <c r="AS5623" s="92"/>
      <c r="AT5623" s="92"/>
      <c r="AU5623" s="92"/>
      <c r="AV5623" s="92"/>
      <c r="AW5623" s="92"/>
      <c r="AX5623" s="92"/>
      <c r="AY5623" s="92"/>
      <c r="AZ5623" s="93"/>
      <c r="BA5623" s="93"/>
      <c r="BB5623" s="93"/>
      <c r="BC5623" s="93"/>
      <c r="BD5623" s="93"/>
      <c r="BE5623" s="93"/>
      <c r="BF5623" s="93"/>
      <c r="BG5623" s="93"/>
      <c r="BH5623" s="93"/>
      <c r="BI5623" s="93"/>
      <c r="BJ5623" s="93"/>
      <c r="BK5623" s="93"/>
      <c r="BL5623" s="93"/>
    </row>
    <row r="5624" spans="2:64" x14ac:dyDescent="0.2">
      <c r="B5624" s="43"/>
      <c r="C5624" s="73"/>
      <c r="D5624" s="64"/>
      <c r="E5624" s="55"/>
      <c r="F5624" s="74"/>
      <c r="G5624" s="74"/>
      <c r="H5624" s="74"/>
      <c r="I5624" s="75"/>
      <c r="J5624" s="74"/>
      <c r="L5624" s="55"/>
      <c r="M5624" s="234"/>
      <c r="N5624" s="65"/>
      <c r="O5624" s="76"/>
      <c r="P5624" s="76"/>
      <c r="Q5624" s="65"/>
      <c r="R5624" s="76"/>
      <c r="S5624" s="76"/>
      <c r="T5624" s="76"/>
      <c r="U5624" s="76"/>
      <c r="V5624" s="76"/>
      <c r="W5624" s="76"/>
      <c r="X5624" s="76"/>
      <c r="Y5624" s="76"/>
      <c r="Z5624" s="76"/>
      <c r="AA5624" s="85"/>
      <c r="AB5624" s="85"/>
      <c r="AC5624" s="85"/>
      <c r="AD5624" s="85"/>
      <c r="AE5624" s="85"/>
      <c r="AF5624" s="85"/>
      <c r="AG5624" s="86"/>
      <c r="AH5624" s="85"/>
      <c r="AI5624" s="85"/>
      <c r="AJ5624" s="85"/>
      <c r="AK5624" s="85"/>
      <c r="AL5624" s="85"/>
      <c r="AM5624" s="92"/>
      <c r="AN5624" s="92"/>
      <c r="AO5624" s="92"/>
      <c r="AP5624" s="92"/>
      <c r="AQ5624" s="92"/>
      <c r="AR5624" s="92"/>
      <c r="AS5624" s="92"/>
      <c r="AT5624" s="92"/>
      <c r="AU5624" s="92"/>
      <c r="AV5624" s="92"/>
      <c r="AW5624" s="92"/>
      <c r="AX5624" s="92"/>
      <c r="AY5624" s="92"/>
      <c r="AZ5624" s="93"/>
      <c r="BA5624" s="93"/>
      <c r="BB5624" s="93"/>
      <c r="BC5624" s="93"/>
      <c r="BD5624" s="93"/>
      <c r="BE5624" s="93"/>
      <c r="BF5624" s="93"/>
      <c r="BG5624" s="93"/>
      <c r="BH5624" s="93"/>
      <c r="BI5624" s="93"/>
      <c r="BJ5624" s="93"/>
      <c r="BK5624" s="93"/>
      <c r="BL5624" s="93"/>
    </row>
    <row r="5625" spans="2:64" x14ac:dyDescent="0.2">
      <c r="B5625" s="43"/>
      <c r="C5625" s="73"/>
      <c r="D5625" s="64"/>
      <c r="E5625" s="55"/>
      <c r="F5625" s="74"/>
      <c r="G5625" s="74"/>
      <c r="H5625" s="74"/>
      <c r="I5625" s="75"/>
      <c r="J5625" s="74"/>
      <c r="L5625" s="55"/>
      <c r="M5625" s="234"/>
      <c r="N5625" s="65"/>
      <c r="O5625" s="76"/>
      <c r="P5625" s="76"/>
      <c r="Q5625" s="65"/>
      <c r="R5625" s="76"/>
      <c r="S5625" s="76"/>
      <c r="T5625" s="76"/>
      <c r="U5625" s="76"/>
      <c r="V5625" s="76"/>
      <c r="W5625" s="76"/>
      <c r="X5625" s="76"/>
      <c r="Y5625" s="76"/>
      <c r="Z5625" s="76"/>
      <c r="AA5625" s="85"/>
      <c r="AB5625" s="85"/>
      <c r="AC5625" s="85"/>
      <c r="AD5625" s="85"/>
      <c r="AE5625" s="85"/>
      <c r="AF5625" s="85"/>
      <c r="AG5625" s="86"/>
      <c r="AH5625" s="85"/>
      <c r="AI5625" s="85"/>
      <c r="AJ5625" s="85"/>
      <c r="AK5625" s="85"/>
      <c r="AL5625" s="85"/>
      <c r="AM5625" s="92"/>
      <c r="AN5625" s="92"/>
      <c r="AO5625" s="92"/>
      <c r="AP5625" s="92"/>
      <c r="AQ5625" s="92"/>
      <c r="AR5625" s="92"/>
      <c r="AS5625" s="92"/>
      <c r="AT5625" s="92"/>
      <c r="AU5625" s="92"/>
      <c r="AV5625" s="92"/>
      <c r="AW5625" s="92"/>
      <c r="AX5625" s="92"/>
      <c r="AY5625" s="92"/>
      <c r="AZ5625" s="93"/>
      <c r="BA5625" s="93"/>
      <c r="BB5625" s="93"/>
      <c r="BC5625" s="93"/>
      <c r="BD5625" s="93"/>
      <c r="BE5625" s="93"/>
      <c r="BF5625" s="93"/>
      <c r="BG5625" s="93"/>
      <c r="BH5625" s="93"/>
      <c r="BI5625" s="93"/>
      <c r="BJ5625" s="93"/>
      <c r="BK5625" s="93"/>
      <c r="BL5625" s="93"/>
    </row>
    <row r="5626" spans="2:64" x14ac:dyDescent="0.2">
      <c r="B5626" s="43"/>
      <c r="C5626" s="73"/>
      <c r="D5626" s="64"/>
      <c r="E5626" s="55"/>
      <c r="F5626" s="74"/>
      <c r="G5626" s="74"/>
      <c r="H5626" s="74"/>
      <c r="I5626" s="75"/>
      <c r="J5626" s="74"/>
      <c r="L5626" s="55"/>
      <c r="M5626" s="234"/>
      <c r="N5626" s="65"/>
      <c r="O5626" s="76"/>
      <c r="P5626" s="76"/>
      <c r="Q5626" s="65"/>
      <c r="R5626" s="76"/>
      <c r="S5626" s="76"/>
      <c r="T5626" s="76"/>
      <c r="U5626" s="76"/>
      <c r="V5626" s="76"/>
      <c r="W5626" s="76"/>
      <c r="X5626" s="76"/>
      <c r="Y5626" s="76"/>
      <c r="Z5626" s="76"/>
      <c r="AA5626" s="85"/>
      <c r="AB5626" s="85"/>
      <c r="AC5626" s="85"/>
      <c r="AD5626" s="85"/>
      <c r="AE5626" s="85"/>
      <c r="AF5626" s="85"/>
      <c r="AG5626" s="86"/>
      <c r="AH5626" s="85"/>
      <c r="AI5626" s="85"/>
      <c r="AJ5626" s="85"/>
      <c r="AK5626" s="85"/>
      <c r="AL5626" s="85"/>
      <c r="AM5626" s="92"/>
      <c r="AN5626" s="92"/>
      <c r="AO5626" s="92"/>
      <c r="AP5626" s="92"/>
      <c r="AQ5626" s="92"/>
      <c r="AR5626" s="92"/>
      <c r="AS5626" s="92"/>
      <c r="AT5626" s="92"/>
      <c r="AU5626" s="92"/>
      <c r="AV5626" s="92"/>
      <c r="AW5626" s="92"/>
      <c r="AX5626" s="92"/>
      <c r="AY5626" s="92"/>
      <c r="AZ5626" s="93"/>
      <c r="BA5626" s="93"/>
      <c r="BB5626" s="93"/>
      <c r="BC5626" s="93"/>
      <c r="BD5626" s="93"/>
      <c r="BE5626" s="93"/>
      <c r="BF5626" s="93"/>
      <c r="BG5626" s="93"/>
      <c r="BH5626" s="93"/>
      <c r="BI5626" s="93"/>
      <c r="BJ5626" s="93"/>
      <c r="BK5626" s="93"/>
      <c r="BL5626" s="93"/>
    </row>
    <row r="5627" spans="2:64" x14ac:dyDescent="0.2">
      <c r="B5627" s="43"/>
      <c r="C5627" s="73"/>
      <c r="D5627" s="64"/>
      <c r="E5627" s="55"/>
      <c r="F5627" s="74"/>
      <c r="G5627" s="74"/>
      <c r="H5627" s="74"/>
      <c r="I5627" s="75"/>
      <c r="J5627" s="74"/>
      <c r="L5627" s="55"/>
      <c r="M5627" s="234"/>
      <c r="N5627" s="65"/>
      <c r="O5627" s="76"/>
      <c r="P5627" s="76"/>
      <c r="Q5627" s="65"/>
      <c r="R5627" s="76"/>
      <c r="S5627" s="76"/>
      <c r="T5627" s="76"/>
      <c r="U5627" s="76"/>
      <c r="V5627" s="76"/>
      <c r="W5627" s="76"/>
      <c r="X5627" s="76"/>
      <c r="Y5627" s="76"/>
      <c r="Z5627" s="76"/>
      <c r="AA5627" s="85"/>
      <c r="AB5627" s="85"/>
      <c r="AC5627" s="85"/>
      <c r="AD5627" s="85"/>
      <c r="AE5627" s="85"/>
      <c r="AF5627" s="85"/>
      <c r="AG5627" s="86"/>
      <c r="AH5627" s="85"/>
      <c r="AI5627" s="85"/>
      <c r="AJ5627" s="85"/>
      <c r="AK5627" s="85"/>
      <c r="AL5627" s="85"/>
      <c r="AM5627" s="92"/>
      <c r="AN5627" s="92"/>
      <c r="AO5627" s="92"/>
      <c r="AP5627" s="92"/>
      <c r="AQ5627" s="92"/>
      <c r="AR5627" s="92"/>
      <c r="AS5627" s="92"/>
      <c r="AT5627" s="92"/>
      <c r="AU5627" s="92"/>
      <c r="AV5627" s="92"/>
      <c r="AW5627" s="92"/>
      <c r="AX5627" s="92"/>
      <c r="AY5627" s="92"/>
      <c r="AZ5627" s="93"/>
      <c r="BA5627" s="93"/>
      <c r="BB5627" s="93"/>
      <c r="BC5627" s="93"/>
      <c r="BD5627" s="93"/>
      <c r="BE5627" s="93"/>
      <c r="BF5627" s="93"/>
      <c r="BG5627" s="93"/>
      <c r="BH5627" s="93"/>
      <c r="BI5627" s="93"/>
      <c r="BJ5627" s="93"/>
      <c r="BK5627" s="93"/>
      <c r="BL5627" s="93"/>
    </row>
    <row r="5628" spans="2:64" x14ac:dyDescent="0.2">
      <c r="B5628" s="43"/>
      <c r="C5628" s="73"/>
      <c r="D5628" s="64"/>
      <c r="E5628" s="55"/>
      <c r="F5628" s="74"/>
      <c r="G5628" s="74"/>
      <c r="H5628" s="74"/>
      <c r="I5628" s="75"/>
      <c r="J5628" s="74"/>
      <c r="L5628" s="55"/>
      <c r="M5628" s="234"/>
      <c r="N5628" s="65"/>
      <c r="O5628" s="76"/>
      <c r="P5628" s="76"/>
      <c r="Q5628" s="65"/>
      <c r="R5628" s="76"/>
      <c r="S5628" s="76"/>
      <c r="T5628" s="76"/>
      <c r="U5628" s="76"/>
      <c r="V5628" s="76"/>
      <c r="W5628" s="76"/>
      <c r="X5628" s="76"/>
      <c r="Y5628" s="76"/>
      <c r="Z5628" s="76"/>
      <c r="AA5628" s="85"/>
      <c r="AB5628" s="85"/>
      <c r="AC5628" s="85"/>
      <c r="AD5628" s="85"/>
      <c r="AE5628" s="85"/>
      <c r="AF5628" s="85"/>
      <c r="AG5628" s="86"/>
      <c r="AH5628" s="85"/>
      <c r="AI5628" s="85"/>
      <c r="AJ5628" s="85"/>
      <c r="AK5628" s="85"/>
      <c r="AL5628" s="85"/>
      <c r="AM5628" s="92"/>
      <c r="AN5628" s="92"/>
      <c r="AO5628" s="92"/>
      <c r="AP5628" s="92"/>
      <c r="AQ5628" s="92"/>
      <c r="AR5628" s="92"/>
      <c r="AS5628" s="92"/>
      <c r="AT5628" s="92"/>
      <c r="AU5628" s="92"/>
      <c r="AV5628" s="92"/>
      <c r="AW5628" s="92"/>
      <c r="AX5628" s="92"/>
      <c r="AY5628" s="92"/>
      <c r="AZ5628" s="93"/>
      <c r="BA5628" s="93"/>
      <c r="BB5628" s="93"/>
      <c r="BC5628" s="93"/>
      <c r="BD5628" s="93"/>
      <c r="BE5628" s="93"/>
      <c r="BF5628" s="93"/>
      <c r="BG5628" s="93"/>
      <c r="BH5628" s="93"/>
      <c r="BI5628" s="93"/>
      <c r="BJ5628" s="93"/>
      <c r="BK5628" s="93"/>
      <c r="BL5628" s="93"/>
    </row>
    <row r="5629" spans="2:64" x14ac:dyDescent="0.2">
      <c r="B5629" s="43"/>
      <c r="C5629" s="73"/>
      <c r="D5629" s="64"/>
      <c r="E5629" s="55"/>
      <c r="F5629" s="74"/>
      <c r="G5629" s="74"/>
      <c r="H5629" s="74"/>
      <c r="I5629" s="75"/>
      <c r="J5629" s="74"/>
      <c r="L5629" s="55"/>
      <c r="M5629" s="234"/>
      <c r="N5629" s="65"/>
      <c r="O5629" s="76"/>
      <c r="P5629" s="76"/>
      <c r="Q5629" s="65"/>
      <c r="R5629" s="76"/>
      <c r="S5629" s="76"/>
      <c r="T5629" s="76"/>
      <c r="U5629" s="76"/>
      <c r="V5629" s="76"/>
      <c r="W5629" s="76"/>
      <c r="X5629" s="76"/>
      <c r="Y5629" s="76"/>
      <c r="Z5629" s="76"/>
      <c r="AA5629" s="85"/>
      <c r="AB5629" s="85"/>
      <c r="AC5629" s="85"/>
      <c r="AD5629" s="85"/>
      <c r="AE5629" s="85"/>
      <c r="AF5629" s="85"/>
      <c r="AG5629" s="86"/>
      <c r="AH5629" s="85"/>
      <c r="AI5629" s="85"/>
      <c r="AJ5629" s="85"/>
      <c r="AK5629" s="85"/>
      <c r="AL5629" s="85"/>
      <c r="AM5629" s="92"/>
      <c r="AN5629" s="92"/>
      <c r="AO5629" s="92"/>
      <c r="AP5629" s="92"/>
      <c r="AQ5629" s="92"/>
      <c r="AR5629" s="92"/>
      <c r="AS5629" s="92"/>
      <c r="AT5629" s="92"/>
      <c r="AU5629" s="92"/>
      <c r="AV5629" s="92"/>
      <c r="AW5629" s="92"/>
      <c r="AX5629" s="92"/>
      <c r="AY5629" s="92"/>
      <c r="AZ5629" s="93"/>
      <c r="BA5629" s="93"/>
      <c r="BB5629" s="93"/>
      <c r="BC5629" s="93"/>
      <c r="BD5629" s="93"/>
      <c r="BE5629" s="93"/>
      <c r="BF5629" s="93"/>
      <c r="BG5629" s="93"/>
      <c r="BH5629" s="93"/>
      <c r="BI5629" s="93"/>
      <c r="BJ5629" s="93"/>
      <c r="BK5629" s="93"/>
      <c r="BL5629" s="93"/>
    </row>
    <row r="5630" spans="2:64" x14ac:dyDescent="0.2">
      <c r="B5630" s="43"/>
      <c r="C5630" s="73"/>
      <c r="D5630" s="64"/>
      <c r="E5630" s="55"/>
      <c r="F5630" s="74"/>
      <c r="G5630" s="74"/>
      <c r="H5630" s="74"/>
      <c r="I5630" s="75"/>
      <c r="J5630" s="74"/>
      <c r="L5630" s="55"/>
      <c r="M5630" s="234"/>
      <c r="N5630" s="65"/>
      <c r="O5630" s="76"/>
      <c r="P5630" s="76"/>
      <c r="Q5630" s="65"/>
      <c r="R5630" s="76"/>
      <c r="S5630" s="76"/>
      <c r="T5630" s="76"/>
      <c r="U5630" s="76"/>
      <c r="V5630" s="76"/>
      <c r="W5630" s="76"/>
      <c r="X5630" s="76"/>
      <c r="Y5630" s="76"/>
      <c r="Z5630" s="76"/>
      <c r="AA5630" s="85"/>
      <c r="AB5630" s="85"/>
      <c r="AC5630" s="85"/>
      <c r="AD5630" s="85"/>
      <c r="AE5630" s="85"/>
      <c r="AF5630" s="85"/>
      <c r="AG5630" s="86"/>
      <c r="AH5630" s="85"/>
      <c r="AI5630" s="85"/>
      <c r="AJ5630" s="85"/>
      <c r="AK5630" s="85"/>
      <c r="AL5630" s="85"/>
      <c r="AM5630" s="92"/>
      <c r="AN5630" s="92"/>
      <c r="AO5630" s="92"/>
      <c r="AP5630" s="92"/>
      <c r="AQ5630" s="92"/>
      <c r="AR5630" s="92"/>
      <c r="AS5630" s="92"/>
      <c r="AT5630" s="92"/>
      <c r="AU5630" s="92"/>
      <c r="AV5630" s="92"/>
      <c r="AW5630" s="92"/>
      <c r="AX5630" s="92"/>
      <c r="AY5630" s="92"/>
      <c r="AZ5630" s="93"/>
      <c r="BA5630" s="93"/>
      <c r="BB5630" s="93"/>
      <c r="BC5630" s="93"/>
      <c r="BD5630" s="93"/>
      <c r="BE5630" s="93"/>
      <c r="BF5630" s="93"/>
      <c r="BG5630" s="93"/>
      <c r="BH5630" s="93"/>
      <c r="BI5630" s="93"/>
      <c r="BJ5630" s="93"/>
      <c r="BK5630" s="93"/>
      <c r="BL5630" s="93"/>
    </row>
    <row r="5631" spans="2:64" x14ac:dyDescent="0.2">
      <c r="B5631" s="43"/>
      <c r="C5631" s="73"/>
      <c r="D5631" s="64"/>
      <c r="E5631" s="55"/>
      <c r="F5631" s="74"/>
      <c r="G5631" s="74"/>
      <c r="H5631" s="74"/>
      <c r="I5631" s="75"/>
      <c r="J5631" s="74"/>
      <c r="L5631" s="55"/>
      <c r="M5631" s="234"/>
      <c r="N5631" s="65"/>
      <c r="O5631" s="76"/>
      <c r="P5631" s="76"/>
      <c r="Q5631" s="65"/>
      <c r="R5631" s="76"/>
      <c r="S5631" s="76"/>
      <c r="T5631" s="76"/>
      <c r="U5631" s="76"/>
      <c r="V5631" s="76"/>
      <c r="W5631" s="76"/>
      <c r="X5631" s="76"/>
      <c r="Y5631" s="76"/>
      <c r="Z5631" s="76"/>
      <c r="AA5631" s="85"/>
      <c r="AB5631" s="85"/>
      <c r="AC5631" s="85"/>
      <c r="AD5631" s="85"/>
      <c r="AE5631" s="85"/>
      <c r="AF5631" s="85"/>
      <c r="AG5631" s="86"/>
      <c r="AH5631" s="85"/>
      <c r="AI5631" s="85"/>
      <c r="AJ5631" s="85"/>
      <c r="AK5631" s="85"/>
      <c r="AL5631" s="85"/>
      <c r="AM5631" s="92"/>
      <c r="AN5631" s="92"/>
      <c r="AO5631" s="92"/>
      <c r="AP5631" s="92"/>
      <c r="AQ5631" s="92"/>
      <c r="AR5631" s="92"/>
      <c r="AS5631" s="92"/>
      <c r="AT5631" s="92"/>
      <c r="AU5631" s="92"/>
      <c r="AV5631" s="92"/>
      <c r="AW5631" s="92"/>
      <c r="AX5631" s="92"/>
      <c r="AY5631" s="92"/>
      <c r="AZ5631" s="93"/>
      <c r="BA5631" s="93"/>
      <c r="BB5631" s="93"/>
      <c r="BC5631" s="93"/>
      <c r="BD5631" s="93"/>
      <c r="BE5631" s="93"/>
      <c r="BF5631" s="93"/>
      <c r="BG5631" s="93"/>
      <c r="BH5631" s="93"/>
      <c r="BI5631" s="93"/>
      <c r="BJ5631" s="93"/>
      <c r="BK5631" s="93"/>
      <c r="BL5631" s="93"/>
    </row>
    <row r="5632" spans="2:64" x14ac:dyDescent="0.2">
      <c r="B5632" s="43"/>
      <c r="C5632" s="73"/>
      <c r="D5632" s="64"/>
      <c r="E5632" s="55"/>
      <c r="F5632" s="74"/>
      <c r="G5632" s="74"/>
      <c r="H5632" s="74"/>
      <c r="I5632" s="75"/>
      <c r="J5632" s="74"/>
      <c r="L5632" s="55"/>
      <c r="M5632" s="234"/>
      <c r="N5632" s="65"/>
      <c r="O5632" s="76"/>
      <c r="P5632" s="76"/>
      <c r="Q5632" s="65"/>
      <c r="R5632" s="76"/>
      <c r="S5632" s="76"/>
      <c r="T5632" s="76"/>
      <c r="U5632" s="76"/>
      <c r="V5632" s="76"/>
      <c r="W5632" s="76"/>
      <c r="X5632" s="76"/>
      <c r="Y5632" s="76"/>
      <c r="Z5632" s="76"/>
      <c r="AA5632" s="85"/>
      <c r="AB5632" s="85"/>
      <c r="AC5632" s="85"/>
      <c r="AD5632" s="85"/>
      <c r="AE5632" s="85"/>
      <c r="AF5632" s="85"/>
      <c r="AG5632" s="86"/>
      <c r="AH5632" s="85"/>
      <c r="AI5632" s="85"/>
      <c r="AJ5632" s="85"/>
      <c r="AK5632" s="85"/>
      <c r="AL5632" s="85"/>
      <c r="AM5632" s="92"/>
      <c r="AN5632" s="92"/>
      <c r="AO5632" s="92"/>
      <c r="AP5632" s="92"/>
      <c r="AQ5632" s="92"/>
      <c r="AR5632" s="92"/>
      <c r="AS5632" s="92"/>
      <c r="AT5632" s="92"/>
      <c r="AU5632" s="92"/>
      <c r="AV5632" s="92"/>
      <c r="AW5632" s="92"/>
      <c r="AX5632" s="92"/>
      <c r="AY5632" s="92"/>
      <c r="AZ5632" s="93"/>
      <c r="BA5632" s="93"/>
      <c r="BB5632" s="93"/>
      <c r="BC5632" s="93"/>
      <c r="BD5632" s="93"/>
      <c r="BE5632" s="93"/>
      <c r="BF5632" s="93"/>
      <c r="BG5632" s="93"/>
      <c r="BH5632" s="93"/>
      <c r="BI5632" s="93"/>
      <c r="BJ5632" s="93"/>
      <c r="BK5632" s="93"/>
      <c r="BL5632" s="93"/>
    </row>
    <row r="5633" spans="2:64" x14ac:dyDescent="0.2">
      <c r="B5633" s="43"/>
      <c r="C5633" s="73"/>
      <c r="D5633" s="64"/>
      <c r="E5633" s="55"/>
      <c r="F5633" s="74"/>
      <c r="G5633" s="74"/>
      <c r="H5633" s="74"/>
      <c r="I5633" s="75"/>
      <c r="J5633" s="74"/>
      <c r="L5633" s="55"/>
      <c r="M5633" s="234"/>
      <c r="N5633" s="65"/>
      <c r="O5633" s="76"/>
      <c r="P5633" s="76"/>
      <c r="Q5633" s="65"/>
      <c r="R5633" s="76"/>
      <c r="S5633" s="76"/>
      <c r="T5633" s="76"/>
      <c r="U5633" s="76"/>
      <c r="V5633" s="76"/>
      <c r="W5633" s="76"/>
      <c r="X5633" s="76"/>
      <c r="Y5633" s="76"/>
      <c r="Z5633" s="76"/>
      <c r="AA5633" s="85"/>
      <c r="AB5633" s="85"/>
      <c r="AC5633" s="85"/>
      <c r="AD5633" s="85"/>
      <c r="AE5633" s="85"/>
      <c r="AF5633" s="85"/>
      <c r="AG5633" s="86"/>
      <c r="AH5633" s="85"/>
      <c r="AI5633" s="85"/>
      <c r="AJ5633" s="85"/>
      <c r="AK5633" s="85"/>
      <c r="AL5633" s="85"/>
      <c r="AM5633" s="92"/>
      <c r="AN5633" s="92"/>
      <c r="AO5633" s="92"/>
      <c r="AP5633" s="92"/>
      <c r="AQ5633" s="92"/>
      <c r="AR5633" s="92"/>
      <c r="AS5633" s="92"/>
      <c r="AT5633" s="92"/>
      <c r="AU5633" s="92"/>
      <c r="AV5633" s="92"/>
      <c r="AW5633" s="92"/>
      <c r="AX5633" s="92"/>
      <c r="AY5633" s="92"/>
      <c r="AZ5633" s="93"/>
      <c r="BA5633" s="93"/>
      <c r="BB5633" s="93"/>
      <c r="BC5633" s="93"/>
      <c r="BD5633" s="93"/>
      <c r="BE5633" s="93"/>
      <c r="BF5633" s="93"/>
      <c r="BG5633" s="93"/>
      <c r="BH5633" s="93"/>
      <c r="BI5633" s="93"/>
      <c r="BJ5633" s="93"/>
      <c r="BK5633" s="93"/>
      <c r="BL5633" s="93"/>
    </row>
    <row r="5634" spans="2:64" x14ac:dyDescent="0.2">
      <c r="B5634" s="43"/>
      <c r="C5634" s="73"/>
      <c r="D5634" s="64"/>
      <c r="E5634" s="55"/>
      <c r="F5634" s="74"/>
      <c r="G5634" s="74"/>
      <c r="H5634" s="74"/>
      <c r="I5634" s="75"/>
      <c r="J5634" s="74"/>
      <c r="L5634" s="55"/>
      <c r="M5634" s="234"/>
      <c r="N5634" s="65"/>
      <c r="O5634" s="76"/>
      <c r="P5634" s="76"/>
      <c r="Q5634" s="65"/>
      <c r="R5634" s="76"/>
      <c r="S5634" s="76"/>
      <c r="T5634" s="76"/>
      <c r="U5634" s="76"/>
      <c r="V5634" s="76"/>
      <c r="W5634" s="76"/>
      <c r="X5634" s="76"/>
      <c r="Y5634" s="76"/>
      <c r="Z5634" s="76"/>
      <c r="AA5634" s="85"/>
      <c r="AB5634" s="85"/>
      <c r="AC5634" s="85"/>
      <c r="AD5634" s="85"/>
      <c r="AE5634" s="85"/>
      <c r="AF5634" s="85"/>
      <c r="AG5634" s="86"/>
      <c r="AH5634" s="85"/>
      <c r="AI5634" s="85"/>
      <c r="AJ5634" s="85"/>
      <c r="AK5634" s="85"/>
      <c r="AL5634" s="85"/>
      <c r="AM5634" s="92"/>
      <c r="AN5634" s="92"/>
      <c r="AO5634" s="92"/>
      <c r="AP5634" s="92"/>
      <c r="AQ5634" s="92"/>
      <c r="AR5634" s="92"/>
      <c r="AS5634" s="92"/>
      <c r="AT5634" s="92"/>
      <c r="AU5634" s="92"/>
      <c r="AV5634" s="92"/>
      <c r="AW5634" s="92"/>
      <c r="AX5634" s="92"/>
      <c r="AY5634" s="92"/>
      <c r="AZ5634" s="93"/>
      <c r="BA5634" s="93"/>
      <c r="BB5634" s="93"/>
      <c r="BC5634" s="93"/>
      <c r="BD5634" s="93"/>
      <c r="BE5634" s="93"/>
      <c r="BF5634" s="93"/>
      <c r="BG5634" s="93"/>
      <c r="BH5634" s="93"/>
      <c r="BI5634" s="93"/>
      <c r="BJ5634" s="93"/>
      <c r="BK5634" s="93"/>
      <c r="BL5634" s="93"/>
    </row>
    <row r="5635" spans="2:64" x14ac:dyDescent="0.2">
      <c r="B5635" s="43"/>
      <c r="C5635" s="73"/>
      <c r="D5635" s="64"/>
      <c r="E5635" s="55"/>
      <c r="F5635" s="74"/>
      <c r="G5635" s="74"/>
      <c r="H5635" s="74"/>
      <c r="I5635" s="75"/>
      <c r="J5635" s="74"/>
      <c r="L5635" s="55"/>
      <c r="M5635" s="234"/>
      <c r="N5635" s="65"/>
      <c r="O5635" s="76"/>
      <c r="P5635" s="76"/>
      <c r="Q5635" s="65"/>
      <c r="R5635" s="76"/>
      <c r="S5635" s="76"/>
      <c r="T5635" s="76"/>
      <c r="U5635" s="76"/>
      <c r="V5635" s="76"/>
      <c r="W5635" s="76"/>
      <c r="X5635" s="76"/>
      <c r="Y5635" s="76"/>
      <c r="Z5635" s="76"/>
      <c r="AA5635" s="85"/>
      <c r="AB5635" s="85"/>
      <c r="AC5635" s="85"/>
      <c r="AD5635" s="85"/>
      <c r="AE5635" s="85"/>
      <c r="AF5635" s="85"/>
      <c r="AG5635" s="86"/>
      <c r="AH5635" s="85"/>
      <c r="AI5635" s="85"/>
      <c r="AJ5635" s="85"/>
      <c r="AK5635" s="85"/>
      <c r="AL5635" s="85"/>
      <c r="AM5635" s="92"/>
      <c r="AN5635" s="92"/>
      <c r="AO5635" s="92"/>
      <c r="AP5635" s="92"/>
      <c r="AQ5635" s="92"/>
      <c r="AR5635" s="92"/>
      <c r="AS5635" s="92"/>
      <c r="AT5635" s="92"/>
      <c r="AU5635" s="92"/>
      <c r="AV5635" s="92"/>
      <c r="AW5635" s="92"/>
      <c r="AX5635" s="92"/>
      <c r="AY5635" s="92"/>
      <c r="AZ5635" s="93"/>
      <c r="BA5635" s="93"/>
      <c r="BB5635" s="93"/>
      <c r="BC5635" s="93"/>
      <c r="BD5635" s="93"/>
      <c r="BE5635" s="93"/>
      <c r="BF5635" s="93"/>
      <c r="BG5635" s="93"/>
      <c r="BH5635" s="93"/>
      <c r="BI5635" s="93"/>
      <c r="BJ5635" s="93"/>
      <c r="BK5635" s="93"/>
      <c r="BL5635" s="93"/>
    </row>
    <row r="5636" spans="2:64" x14ac:dyDescent="0.2">
      <c r="B5636" s="43"/>
      <c r="C5636" s="73"/>
      <c r="D5636" s="64"/>
      <c r="E5636" s="55"/>
      <c r="F5636" s="74"/>
      <c r="G5636" s="74"/>
      <c r="H5636" s="74"/>
      <c r="I5636" s="75"/>
      <c r="J5636" s="74"/>
      <c r="L5636" s="55"/>
      <c r="M5636" s="234"/>
      <c r="N5636" s="65"/>
      <c r="O5636" s="76"/>
      <c r="P5636" s="76"/>
      <c r="Q5636" s="65"/>
      <c r="R5636" s="76"/>
      <c r="S5636" s="76"/>
      <c r="T5636" s="76"/>
      <c r="U5636" s="76"/>
      <c r="V5636" s="76"/>
      <c r="W5636" s="76"/>
      <c r="X5636" s="76"/>
      <c r="Y5636" s="76"/>
      <c r="Z5636" s="76"/>
      <c r="AA5636" s="85"/>
      <c r="AB5636" s="85"/>
      <c r="AC5636" s="85"/>
      <c r="AD5636" s="85"/>
      <c r="AE5636" s="85"/>
      <c r="AF5636" s="85"/>
      <c r="AG5636" s="86"/>
      <c r="AH5636" s="85"/>
      <c r="AI5636" s="85"/>
      <c r="AJ5636" s="85"/>
      <c r="AK5636" s="85"/>
      <c r="AL5636" s="85"/>
      <c r="AM5636" s="92"/>
      <c r="AN5636" s="92"/>
      <c r="AO5636" s="92"/>
      <c r="AP5636" s="92"/>
      <c r="AQ5636" s="92"/>
      <c r="AR5636" s="92"/>
      <c r="AS5636" s="92"/>
      <c r="AT5636" s="92"/>
      <c r="AU5636" s="92"/>
      <c r="AV5636" s="92"/>
      <c r="AW5636" s="92"/>
      <c r="AX5636" s="92"/>
      <c r="AY5636" s="92"/>
      <c r="AZ5636" s="93"/>
      <c r="BA5636" s="93"/>
      <c r="BB5636" s="93"/>
      <c r="BC5636" s="93"/>
      <c r="BD5636" s="93"/>
      <c r="BE5636" s="93"/>
      <c r="BF5636" s="93"/>
      <c r="BG5636" s="93"/>
      <c r="BH5636" s="93"/>
      <c r="BI5636" s="93"/>
      <c r="BJ5636" s="93"/>
      <c r="BK5636" s="93"/>
      <c r="BL5636" s="93"/>
    </row>
    <row r="5637" spans="2:64" x14ac:dyDescent="0.2">
      <c r="B5637" s="43"/>
      <c r="C5637" s="73"/>
      <c r="D5637" s="64"/>
      <c r="E5637" s="55"/>
      <c r="F5637" s="74"/>
      <c r="G5637" s="74"/>
      <c r="H5637" s="74"/>
      <c r="I5637" s="75"/>
      <c r="J5637" s="74"/>
      <c r="L5637" s="55"/>
      <c r="M5637" s="234"/>
      <c r="N5637" s="65"/>
      <c r="O5637" s="76"/>
      <c r="P5637" s="76"/>
      <c r="Q5637" s="65"/>
      <c r="R5637" s="76"/>
      <c r="S5637" s="76"/>
      <c r="T5637" s="76"/>
      <c r="U5637" s="76"/>
      <c r="V5637" s="76"/>
      <c r="W5637" s="76"/>
      <c r="X5637" s="76"/>
      <c r="Y5637" s="76"/>
      <c r="Z5637" s="76"/>
      <c r="AA5637" s="85"/>
      <c r="AB5637" s="85"/>
      <c r="AC5637" s="85"/>
      <c r="AD5637" s="85"/>
      <c r="AE5637" s="85"/>
      <c r="AF5637" s="85"/>
      <c r="AG5637" s="86"/>
      <c r="AH5637" s="85"/>
      <c r="AI5637" s="85"/>
      <c r="AJ5637" s="85"/>
      <c r="AK5637" s="85"/>
      <c r="AL5637" s="85"/>
      <c r="AM5637" s="92"/>
      <c r="AN5637" s="92"/>
      <c r="AO5637" s="92"/>
      <c r="AP5637" s="92"/>
      <c r="AQ5637" s="92"/>
      <c r="AR5637" s="92"/>
      <c r="AS5637" s="92"/>
      <c r="AT5637" s="92"/>
      <c r="AU5637" s="92"/>
      <c r="AV5637" s="92"/>
      <c r="AW5637" s="92"/>
      <c r="AX5637" s="92"/>
      <c r="AY5637" s="92"/>
      <c r="AZ5637" s="93"/>
      <c r="BA5637" s="93"/>
      <c r="BB5637" s="93"/>
      <c r="BC5637" s="93"/>
      <c r="BD5637" s="93"/>
      <c r="BE5637" s="93"/>
      <c r="BF5637" s="93"/>
      <c r="BG5637" s="93"/>
      <c r="BH5637" s="93"/>
      <c r="BI5637" s="93"/>
      <c r="BJ5637" s="93"/>
      <c r="BK5637" s="93"/>
      <c r="BL5637" s="93"/>
    </row>
    <row r="5638" spans="2:64" x14ac:dyDescent="0.2">
      <c r="B5638" s="43"/>
      <c r="C5638" s="73"/>
      <c r="D5638" s="64"/>
      <c r="E5638" s="55"/>
      <c r="F5638" s="74"/>
      <c r="G5638" s="74"/>
      <c r="H5638" s="74"/>
      <c r="I5638" s="75"/>
      <c r="J5638" s="74"/>
      <c r="L5638" s="55"/>
      <c r="M5638" s="234"/>
      <c r="N5638" s="65"/>
      <c r="O5638" s="76"/>
      <c r="P5638" s="76"/>
      <c r="Q5638" s="65"/>
      <c r="R5638" s="76"/>
      <c r="S5638" s="76"/>
      <c r="T5638" s="76"/>
      <c r="U5638" s="76"/>
      <c r="V5638" s="76"/>
      <c r="W5638" s="76"/>
      <c r="X5638" s="76"/>
      <c r="Y5638" s="76"/>
      <c r="Z5638" s="76"/>
      <c r="AA5638" s="85"/>
      <c r="AB5638" s="85"/>
      <c r="AC5638" s="85"/>
      <c r="AD5638" s="85"/>
      <c r="AE5638" s="85"/>
      <c r="AF5638" s="85"/>
      <c r="AG5638" s="86"/>
      <c r="AH5638" s="85"/>
      <c r="AI5638" s="85"/>
      <c r="AJ5638" s="85"/>
      <c r="AK5638" s="85"/>
      <c r="AL5638" s="85"/>
      <c r="AM5638" s="92"/>
      <c r="AN5638" s="92"/>
      <c r="AO5638" s="92"/>
      <c r="AP5638" s="92"/>
      <c r="AQ5638" s="92"/>
      <c r="AR5638" s="92"/>
      <c r="AS5638" s="92"/>
      <c r="AT5638" s="92"/>
      <c r="AU5638" s="92"/>
      <c r="AV5638" s="92"/>
      <c r="AW5638" s="92"/>
      <c r="AX5638" s="92"/>
      <c r="AY5638" s="92"/>
      <c r="AZ5638" s="93"/>
      <c r="BA5638" s="93"/>
      <c r="BB5638" s="93"/>
      <c r="BC5638" s="93"/>
      <c r="BD5638" s="93"/>
      <c r="BE5638" s="93"/>
      <c r="BF5638" s="93"/>
      <c r="BG5638" s="93"/>
      <c r="BH5638" s="93"/>
      <c r="BI5638" s="93"/>
      <c r="BJ5638" s="93"/>
      <c r="BK5638" s="93"/>
      <c r="BL5638" s="93"/>
    </row>
    <row r="5639" spans="2:64" x14ac:dyDescent="0.2">
      <c r="B5639" s="43"/>
      <c r="C5639" s="73"/>
      <c r="D5639" s="64"/>
      <c r="E5639" s="55"/>
      <c r="F5639" s="74"/>
      <c r="G5639" s="74"/>
      <c r="H5639" s="74"/>
      <c r="I5639" s="75"/>
      <c r="J5639" s="74"/>
      <c r="L5639" s="55"/>
      <c r="M5639" s="234"/>
      <c r="N5639" s="65"/>
      <c r="O5639" s="76"/>
      <c r="P5639" s="76"/>
      <c r="Q5639" s="65"/>
      <c r="R5639" s="76"/>
      <c r="S5639" s="76"/>
      <c r="T5639" s="76"/>
      <c r="U5639" s="76"/>
      <c r="V5639" s="76"/>
      <c r="W5639" s="76"/>
      <c r="X5639" s="76"/>
      <c r="Y5639" s="76"/>
      <c r="Z5639" s="76"/>
      <c r="AA5639" s="85"/>
      <c r="AB5639" s="85"/>
      <c r="AC5639" s="85"/>
      <c r="AD5639" s="85"/>
      <c r="AE5639" s="85"/>
      <c r="AF5639" s="85"/>
      <c r="AG5639" s="86"/>
      <c r="AH5639" s="85"/>
      <c r="AI5639" s="85"/>
      <c r="AJ5639" s="85"/>
      <c r="AK5639" s="85"/>
      <c r="AL5639" s="85"/>
      <c r="AM5639" s="92"/>
      <c r="AN5639" s="92"/>
      <c r="AO5639" s="92"/>
      <c r="AP5639" s="92"/>
      <c r="AQ5639" s="92"/>
      <c r="AR5639" s="92"/>
      <c r="AS5639" s="92"/>
      <c r="AT5639" s="92"/>
      <c r="AU5639" s="92"/>
      <c r="AV5639" s="92"/>
      <c r="AW5639" s="92"/>
      <c r="AX5639" s="92"/>
      <c r="AY5639" s="92"/>
      <c r="AZ5639" s="93"/>
      <c r="BA5639" s="93"/>
      <c r="BB5639" s="93"/>
      <c r="BC5639" s="93"/>
      <c r="BD5639" s="93"/>
      <c r="BE5639" s="93"/>
      <c r="BF5639" s="93"/>
      <c r="BG5639" s="93"/>
      <c r="BH5639" s="93"/>
      <c r="BI5639" s="93"/>
      <c r="BJ5639" s="93"/>
      <c r="BK5639" s="93"/>
      <c r="BL5639" s="93"/>
    </row>
    <row r="5640" spans="2:64" x14ac:dyDescent="0.2">
      <c r="B5640" s="43"/>
      <c r="C5640" s="73"/>
      <c r="D5640" s="64"/>
      <c r="E5640" s="55"/>
      <c r="F5640" s="74"/>
      <c r="G5640" s="74"/>
      <c r="H5640" s="74"/>
      <c r="I5640" s="75"/>
      <c r="J5640" s="74"/>
      <c r="L5640" s="55"/>
      <c r="M5640" s="234"/>
      <c r="N5640" s="65"/>
      <c r="O5640" s="76"/>
      <c r="P5640" s="76"/>
      <c r="Q5640" s="65"/>
      <c r="R5640" s="76"/>
      <c r="S5640" s="76"/>
      <c r="T5640" s="76"/>
      <c r="U5640" s="76"/>
      <c r="V5640" s="76"/>
      <c r="W5640" s="76"/>
      <c r="X5640" s="76"/>
      <c r="Y5640" s="76"/>
      <c r="Z5640" s="76"/>
      <c r="AA5640" s="85"/>
      <c r="AB5640" s="85"/>
      <c r="AC5640" s="85"/>
      <c r="AD5640" s="85"/>
      <c r="AE5640" s="85"/>
      <c r="AF5640" s="85"/>
      <c r="AG5640" s="86"/>
      <c r="AH5640" s="85"/>
      <c r="AI5640" s="85"/>
      <c r="AJ5640" s="85"/>
      <c r="AK5640" s="85"/>
      <c r="AL5640" s="85"/>
      <c r="AM5640" s="92"/>
      <c r="AN5640" s="92"/>
      <c r="AO5640" s="92"/>
      <c r="AP5640" s="92"/>
      <c r="AQ5640" s="92"/>
      <c r="AR5640" s="92"/>
      <c r="AS5640" s="92"/>
      <c r="AT5640" s="92"/>
      <c r="AU5640" s="92"/>
      <c r="AV5640" s="92"/>
      <c r="AW5640" s="92"/>
      <c r="AX5640" s="92"/>
      <c r="AY5640" s="92"/>
      <c r="AZ5640" s="93"/>
      <c r="BA5640" s="93"/>
      <c r="BB5640" s="93"/>
      <c r="BC5640" s="93"/>
      <c r="BD5640" s="93"/>
      <c r="BE5640" s="93"/>
      <c r="BF5640" s="93"/>
      <c r="BG5640" s="93"/>
      <c r="BH5640" s="93"/>
      <c r="BI5640" s="93"/>
      <c r="BJ5640" s="93"/>
      <c r="BK5640" s="93"/>
      <c r="BL5640" s="93"/>
    </row>
    <row r="5641" spans="2:64" x14ac:dyDescent="0.2">
      <c r="B5641" s="43"/>
      <c r="C5641" s="73"/>
      <c r="D5641" s="64"/>
      <c r="E5641" s="55"/>
      <c r="F5641" s="74"/>
      <c r="G5641" s="74"/>
      <c r="H5641" s="74"/>
      <c r="I5641" s="75"/>
      <c r="J5641" s="74"/>
      <c r="L5641" s="55"/>
      <c r="M5641" s="234"/>
      <c r="N5641" s="65"/>
      <c r="O5641" s="76"/>
      <c r="P5641" s="76"/>
      <c r="Q5641" s="65"/>
      <c r="R5641" s="76"/>
      <c r="S5641" s="76"/>
      <c r="T5641" s="76"/>
      <c r="U5641" s="76"/>
      <c r="V5641" s="76"/>
      <c r="W5641" s="76"/>
      <c r="X5641" s="76"/>
      <c r="Y5641" s="76"/>
      <c r="Z5641" s="76"/>
      <c r="AA5641" s="85"/>
      <c r="AB5641" s="85"/>
      <c r="AC5641" s="85"/>
      <c r="AD5641" s="85"/>
      <c r="AE5641" s="85"/>
      <c r="AF5641" s="85"/>
      <c r="AG5641" s="86"/>
      <c r="AH5641" s="85"/>
      <c r="AI5641" s="85"/>
      <c r="AJ5641" s="85"/>
      <c r="AK5641" s="85"/>
      <c r="AL5641" s="85"/>
      <c r="AM5641" s="92"/>
      <c r="AN5641" s="92"/>
      <c r="AO5641" s="92"/>
      <c r="AP5641" s="92"/>
      <c r="AQ5641" s="92"/>
      <c r="AR5641" s="92"/>
      <c r="AS5641" s="92"/>
      <c r="AT5641" s="92"/>
      <c r="AU5641" s="92"/>
      <c r="AV5641" s="92"/>
      <c r="AW5641" s="92"/>
      <c r="AX5641" s="92"/>
      <c r="AY5641" s="92"/>
      <c r="AZ5641" s="93"/>
      <c r="BA5641" s="93"/>
      <c r="BB5641" s="93"/>
      <c r="BC5641" s="93"/>
      <c r="BD5641" s="93"/>
      <c r="BE5641" s="93"/>
      <c r="BF5641" s="93"/>
      <c r="BG5641" s="93"/>
      <c r="BH5641" s="93"/>
      <c r="BI5641" s="93"/>
      <c r="BJ5641" s="93"/>
      <c r="BK5641" s="93"/>
      <c r="BL5641" s="93"/>
    </row>
    <row r="5642" spans="2:64" x14ac:dyDescent="0.2">
      <c r="B5642" s="43"/>
      <c r="C5642" s="73"/>
      <c r="D5642" s="64"/>
      <c r="E5642" s="55"/>
      <c r="F5642" s="74"/>
      <c r="G5642" s="74"/>
      <c r="H5642" s="74"/>
      <c r="I5642" s="75"/>
      <c r="J5642" s="74"/>
      <c r="L5642" s="55"/>
      <c r="M5642" s="234"/>
      <c r="N5642" s="65"/>
      <c r="O5642" s="76"/>
      <c r="P5642" s="76"/>
      <c r="Q5642" s="65"/>
      <c r="R5642" s="76"/>
      <c r="S5642" s="76"/>
      <c r="T5642" s="76"/>
      <c r="U5642" s="76"/>
      <c r="V5642" s="76"/>
      <c r="W5642" s="76"/>
      <c r="X5642" s="76"/>
      <c r="Y5642" s="76"/>
      <c r="Z5642" s="76"/>
      <c r="AA5642" s="85"/>
      <c r="AB5642" s="85"/>
      <c r="AC5642" s="85"/>
      <c r="AD5642" s="85"/>
      <c r="AE5642" s="85"/>
      <c r="AF5642" s="85"/>
      <c r="AG5642" s="86"/>
      <c r="AH5642" s="85"/>
      <c r="AI5642" s="85"/>
      <c r="AJ5642" s="85"/>
      <c r="AK5642" s="85"/>
      <c r="AL5642" s="85"/>
      <c r="AM5642" s="92"/>
      <c r="AN5642" s="92"/>
      <c r="AO5642" s="92"/>
      <c r="AP5642" s="92"/>
      <c r="AQ5642" s="92"/>
      <c r="AR5642" s="92"/>
      <c r="AS5642" s="92"/>
      <c r="AT5642" s="92"/>
      <c r="AU5642" s="92"/>
      <c r="AV5642" s="92"/>
      <c r="AW5642" s="92"/>
      <c r="AX5642" s="92"/>
      <c r="AY5642" s="92"/>
      <c r="AZ5642" s="93"/>
      <c r="BA5642" s="93"/>
      <c r="BB5642" s="93"/>
      <c r="BC5642" s="93"/>
      <c r="BD5642" s="93"/>
      <c r="BE5642" s="93"/>
      <c r="BF5642" s="93"/>
      <c r="BG5642" s="93"/>
      <c r="BH5642" s="93"/>
      <c r="BI5642" s="93"/>
      <c r="BJ5642" s="93"/>
      <c r="BK5642" s="93"/>
      <c r="BL5642" s="93"/>
    </row>
    <row r="5643" spans="2:64" x14ac:dyDescent="0.2">
      <c r="B5643" s="43"/>
      <c r="C5643" s="73"/>
      <c r="D5643" s="64"/>
      <c r="E5643" s="55"/>
      <c r="F5643" s="74"/>
      <c r="G5643" s="74"/>
      <c r="H5643" s="74"/>
      <c r="I5643" s="75"/>
      <c r="J5643" s="74"/>
      <c r="L5643" s="55"/>
      <c r="M5643" s="234"/>
      <c r="N5643" s="65"/>
      <c r="O5643" s="76"/>
      <c r="P5643" s="76"/>
      <c r="Q5643" s="65"/>
      <c r="R5643" s="76"/>
      <c r="S5643" s="76"/>
      <c r="T5643" s="76"/>
      <c r="U5643" s="76"/>
      <c r="V5643" s="76"/>
      <c r="W5643" s="76"/>
      <c r="X5643" s="76"/>
      <c r="Y5643" s="76"/>
      <c r="Z5643" s="76"/>
      <c r="AA5643" s="85"/>
      <c r="AB5643" s="85"/>
      <c r="AC5643" s="85"/>
      <c r="AD5643" s="85"/>
      <c r="AE5643" s="85"/>
      <c r="AF5643" s="85"/>
      <c r="AG5643" s="86"/>
      <c r="AH5643" s="85"/>
      <c r="AI5643" s="85"/>
      <c r="AJ5643" s="85"/>
      <c r="AK5643" s="85"/>
      <c r="AL5643" s="85"/>
      <c r="AM5643" s="92"/>
      <c r="AN5643" s="92"/>
      <c r="AO5643" s="92"/>
      <c r="AP5643" s="92"/>
      <c r="AQ5643" s="92"/>
      <c r="AR5643" s="92"/>
      <c r="AS5643" s="92"/>
      <c r="AT5643" s="92"/>
      <c r="AU5643" s="92"/>
      <c r="AV5643" s="92"/>
      <c r="AW5643" s="92"/>
      <c r="AX5643" s="92"/>
      <c r="AY5643" s="92"/>
      <c r="AZ5643" s="93"/>
      <c r="BA5643" s="93"/>
      <c r="BB5643" s="93"/>
      <c r="BC5643" s="93"/>
      <c r="BD5643" s="93"/>
      <c r="BE5643" s="93"/>
      <c r="BF5643" s="93"/>
      <c r="BG5643" s="93"/>
      <c r="BH5643" s="93"/>
      <c r="BI5643" s="93"/>
      <c r="BJ5643" s="93"/>
      <c r="BK5643" s="93"/>
      <c r="BL5643" s="93"/>
    </row>
    <row r="5644" spans="2:64" x14ac:dyDescent="0.2">
      <c r="B5644" s="43"/>
      <c r="C5644" s="73"/>
      <c r="D5644" s="64"/>
      <c r="E5644" s="55"/>
      <c r="F5644" s="74"/>
      <c r="G5644" s="74"/>
      <c r="H5644" s="74"/>
      <c r="I5644" s="75"/>
      <c r="J5644" s="74"/>
      <c r="L5644" s="55"/>
      <c r="M5644" s="234"/>
      <c r="N5644" s="65"/>
      <c r="O5644" s="76"/>
      <c r="P5644" s="76"/>
      <c r="Q5644" s="65"/>
      <c r="R5644" s="76"/>
      <c r="S5644" s="76"/>
      <c r="T5644" s="76"/>
      <c r="U5644" s="76"/>
      <c r="V5644" s="76"/>
      <c r="W5644" s="76"/>
      <c r="X5644" s="76"/>
      <c r="Y5644" s="76"/>
      <c r="Z5644" s="76"/>
      <c r="AA5644" s="85"/>
      <c r="AB5644" s="85"/>
      <c r="AC5644" s="85"/>
      <c r="AD5644" s="85"/>
      <c r="AE5644" s="85"/>
      <c r="AF5644" s="85"/>
      <c r="AG5644" s="86"/>
      <c r="AH5644" s="85"/>
      <c r="AI5644" s="85"/>
      <c r="AJ5644" s="85"/>
      <c r="AK5644" s="85"/>
      <c r="AL5644" s="85"/>
      <c r="AM5644" s="92"/>
      <c r="AN5644" s="92"/>
      <c r="AO5644" s="92"/>
      <c r="AP5644" s="92"/>
      <c r="AQ5644" s="92"/>
      <c r="AR5644" s="92"/>
      <c r="AS5644" s="92"/>
      <c r="AT5644" s="92"/>
      <c r="AU5644" s="92"/>
      <c r="AV5644" s="92"/>
      <c r="AW5644" s="92"/>
      <c r="AX5644" s="92"/>
      <c r="AY5644" s="92"/>
      <c r="AZ5644" s="93"/>
      <c r="BA5644" s="93"/>
      <c r="BB5644" s="93"/>
      <c r="BC5644" s="93"/>
      <c r="BD5644" s="93"/>
      <c r="BE5644" s="93"/>
      <c r="BF5644" s="93"/>
      <c r="BG5644" s="93"/>
      <c r="BH5644" s="93"/>
      <c r="BI5644" s="93"/>
      <c r="BJ5644" s="93"/>
      <c r="BK5644" s="93"/>
      <c r="BL5644" s="93"/>
    </row>
    <row r="5645" spans="2:64" x14ac:dyDescent="0.2">
      <c r="B5645" s="43"/>
      <c r="C5645" s="73"/>
      <c r="D5645" s="64"/>
      <c r="E5645" s="55"/>
      <c r="F5645" s="74"/>
      <c r="G5645" s="74"/>
      <c r="H5645" s="74"/>
      <c r="I5645" s="75"/>
      <c r="J5645" s="74"/>
      <c r="L5645" s="55"/>
      <c r="M5645" s="234"/>
      <c r="N5645" s="65"/>
      <c r="O5645" s="76"/>
      <c r="P5645" s="76"/>
      <c r="Q5645" s="65"/>
      <c r="R5645" s="76"/>
      <c r="S5645" s="76"/>
      <c r="T5645" s="76"/>
      <c r="U5645" s="76"/>
      <c r="V5645" s="76"/>
      <c r="W5645" s="76"/>
      <c r="X5645" s="76"/>
      <c r="Y5645" s="76"/>
      <c r="Z5645" s="76"/>
      <c r="AA5645" s="85"/>
      <c r="AB5645" s="85"/>
      <c r="AC5645" s="85"/>
      <c r="AD5645" s="85"/>
      <c r="AE5645" s="85"/>
      <c r="AF5645" s="85"/>
      <c r="AG5645" s="86"/>
      <c r="AH5645" s="85"/>
      <c r="AI5645" s="85"/>
      <c r="AJ5645" s="85"/>
      <c r="AK5645" s="85"/>
      <c r="AL5645" s="85"/>
      <c r="AM5645" s="92"/>
      <c r="AN5645" s="92"/>
      <c r="AO5645" s="92"/>
      <c r="AP5645" s="92"/>
      <c r="AQ5645" s="92"/>
      <c r="AR5645" s="92"/>
      <c r="AS5645" s="92"/>
      <c r="AT5645" s="92"/>
      <c r="AU5645" s="92"/>
      <c r="AV5645" s="92"/>
      <c r="AW5645" s="92"/>
      <c r="AX5645" s="92"/>
      <c r="AY5645" s="92"/>
      <c r="AZ5645" s="93"/>
      <c r="BA5645" s="93"/>
      <c r="BB5645" s="93"/>
      <c r="BC5645" s="93"/>
      <c r="BD5645" s="93"/>
      <c r="BE5645" s="93"/>
      <c r="BF5645" s="93"/>
      <c r="BG5645" s="93"/>
      <c r="BH5645" s="93"/>
      <c r="BI5645" s="93"/>
      <c r="BJ5645" s="93"/>
      <c r="BK5645" s="93"/>
      <c r="BL5645" s="93"/>
    </row>
    <row r="5646" spans="2:64" x14ac:dyDescent="0.2">
      <c r="B5646" s="43"/>
      <c r="C5646" s="73"/>
      <c r="D5646" s="64"/>
      <c r="E5646" s="55"/>
      <c r="F5646" s="74"/>
      <c r="G5646" s="74"/>
      <c r="H5646" s="74"/>
      <c r="I5646" s="75"/>
      <c r="J5646" s="74"/>
      <c r="L5646" s="55"/>
      <c r="M5646" s="234"/>
      <c r="N5646" s="65"/>
      <c r="O5646" s="76"/>
      <c r="P5646" s="76"/>
      <c r="Q5646" s="65"/>
      <c r="R5646" s="76"/>
      <c r="S5646" s="76"/>
      <c r="T5646" s="76"/>
      <c r="U5646" s="76"/>
      <c r="V5646" s="76"/>
      <c r="W5646" s="76"/>
      <c r="X5646" s="76"/>
      <c r="Y5646" s="76"/>
      <c r="Z5646" s="76"/>
      <c r="AA5646" s="85"/>
      <c r="AB5646" s="85"/>
      <c r="AC5646" s="85"/>
      <c r="AD5646" s="85"/>
      <c r="AE5646" s="85"/>
      <c r="AF5646" s="85"/>
      <c r="AG5646" s="86"/>
      <c r="AH5646" s="85"/>
      <c r="AI5646" s="85"/>
      <c r="AJ5646" s="85"/>
      <c r="AK5646" s="85"/>
      <c r="AL5646" s="85"/>
      <c r="AM5646" s="92"/>
      <c r="AN5646" s="92"/>
      <c r="AO5646" s="92"/>
      <c r="AP5646" s="92"/>
      <c r="AQ5646" s="92"/>
      <c r="AR5646" s="92"/>
      <c r="AS5646" s="92"/>
      <c r="AT5646" s="92"/>
      <c r="AU5646" s="92"/>
      <c r="AV5646" s="92"/>
      <c r="AW5646" s="92"/>
      <c r="AX5646" s="92"/>
      <c r="AY5646" s="92"/>
      <c r="AZ5646" s="93"/>
      <c r="BA5646" s="93"/>
      <c r="BB5646" s="93"/>
      <c r="BC5646" s="93"/>
      <c r="BD5646" s="93"/>
      <c r="BE5646" s="93"/>
      <c r="BF5646" s="93"/>
      <c r="BG5646" s="93"/>
      <c r="BH5646" s="93"/>
      <c r="BI5646" s="93"/>
      <c r="BJ5646" s="93"/>
      <c r="BK5646" s="93"/>
      <c r="BL5646" s="93"/>
    </row>
    <row r="5647" spans="2:64" x14ac:dyDescent="0.2">
      <c r="B5647" s="43"/>
      <c r="C5647" s="73"/>
      <c r="D5647" s="64"/>
      <c r="E5647" s="55"/>
      <c r="F5647" s="74"/>
      <c r="G5647" s="74"/>
      <c r="H5647" s="74"/>
      <c r="I5647" s="75"/>
      <c r="J5647" s="74"/>
      <c r="L5647" s="55"/>
      <c r="M5647" s="234"/>
      <c r="N5647" s="65"/>
      <c r="O5647" s="76"/>
      <c r="P5647" s="76"/>
      <c r="Q5647" s="65"/>
      <c r="R5647" s="76"/>
      <c r="S5647" s="76"/>
      <c r="T5647" s="76"/>
      <c r="U5647" s="76"/>
      <c r="V5647" s="76"/>
      <c r="W5647" s="76"/>
      <c r="X5647" s="76"/>
      <c r="Y5647" s="76"/>
      <c r="Z5647" s="76"/>
      <c r="AA5647" s="85"/>
      <c r="AB5647" s="85"/>
      <c r="AC5647" s="85"/>
      <c r="AD5647" s="85"/>
      <c r="AE5647" s="85"/>
      <c r="AF5647" s="85"/>
      <c r="AG5647" s="86"/>
      <c r="AH5647" s="85"/>
      <c r="AI5647" s="85"/>
      <c r="AJ5647" s="85"/>
      <c r="AK5647" s="85"/>
      <c r="AL5647" s="85"/>
      <c r="AM5647" s="92"/>
      <c r="AN5647" s="92"/>
      <c r="AO5647" s="92"/>
      <c r="AP5647" s="92"/>
      <c r="AQ5647" s="92"/>
      <c r="AR5647" s="92"/>
      <c r="AS5647" s="92"/>
      <c r="AT5647" s="92"/>
      <c r="AU5647" s="92"/>
      <c r="AV5647" s="92"/>
      <c r="AW5647" s="92"/>
      <c r="AX5647" s="92"/>
      <c r="AY5647" s="92"/>
      <c r="AZ5647" s="93"/>
      <c r="BA5647" s="93"/>
      <c r="BB5647" s="93"/>
      <c r="BC5647" s="93"/>
      <c r="BD5647" s="93"/>
      <c r="BE5647" s="93"/>
      <c r="BF5647" s="93"/>
      <c r="BG5647" s="93"/>
      <c r="BH5647" s="93"/>
      <c r="BI5647" s="93"/>
      <c r="BJ5647" s="93"/>
      <c r="BK5647" s="93"/>
      <c r="BL5647" s="93"/>
    </row>
    <row r="5648" spans="2:64" x14ac:dyDescent="0.2">
      <c r="B5648" s="43"/>
      <c r="C5648" s="73"/>
      <c r="D5648" s="64"/>
      <c r="E5648" s="55"/>
      <c r="F5648" s="74"/>
      <c r="G5648" s="74"/>
      <c r="H5648" s="74"/>
      <c r="I5648" s="75"/>
      <c r="J5648" s="74"/>
      <c r="L5648" s="55"/>
      <c r="M5648" s="234"/>
      <c r="N5648" s="65"/>
      <c r="O5648" s="76"/>
      <c r="P5648" s="76"/>
      <c r="Q5648" s="65"/>
      <c r="R5648" s="76"/>
      <c r="S5648" s="76"/>
      <c r="T5648" s="76"/>
      <c r="U5648" s="76"/>
      <c r="V5648" s="76"/>
      <c r="W5648" s="76"/>
      <c r="X5648" s="76"/>
      <c r="Y5648" s="76"/>
      <c r="Z5648" s="76"/>
      <c r="AA5648" s="85"/>
      <c r="AB5648" s="85"/>
      <c r="AC5648" s="85"/>
      <c r="AD5648" s="85"/>
      <c r="AE5648" s="85"/>
      <c r="AF5648" s="85"/>
      <c r="AG5648" s="86"/>
      <c r="AH5648" s="85"/>
      <c r="AI5648" s="85"/>
      <c r="AJ5648" s="85"/>
      <c r="AK5648" s="85"/>
      <c r="AL5648" s="85"/>
      <c r="AM5648" s="92"/>
      <c r="AN5648" s="92"/>
      <c r="AO5648" s="92"/>
      <c r="AP5648" s="92"/>
      <c r="AQ5648" s="92"/>
      <c r="AR5648" s="92"/>
      <c r="AS5648" s="92"/>
      <c r="AT5648" s="92"/>
      <c r="AU5648" s="92"/>
      <c r="AV5648" s="92"/>
      <c r="AW5648" s="92"/>
      <c r="AX5648" s="92"/>
      <c r="AY5648" s="92"/>
      <c r="AZ5648" s="93"/>
      <c r="BA5648" s="93"/>
      <c r="BB5648" s="93"/>
      <c r="BC5648" s="93"/>
      <c r="BD5648" s="93"/>
      <c r="BE5648" s="93"/>
      <c r="BF5648" s="93"/>
      <c r="BG5648" s="93"/>
      <c r="BH5648" s="93"/>
      <c r="BI5648" s="93"/>
      <c r="BJ5648" s="93"/>
      <c r="BK5648" s="93"/>
      <c r="BL5648" s="93"/>
    </row>
    <row r="5649" spans="2:64" x14ac:dyDescent="0.2">
      <c r="B5649" s="43"/>
      <c r="C5649" s="73"/>
      <c r="D5649" s="64"/>
      <c r="E5649" s="55"/>
      <c r="F5649" s="74"/>
      <c r="G5649" s="74"/>
      <c r="H5649" s="74"/>
      <c r="I5649" s="75"/>
      <c r="J5649" s="74"/>
      <c r="L5649" s="55"/>
      <c r="M5649" s="234"/>
      <c r="N5649" s="65"/>
      <c r="O5649" s="76"/>
      <c r="P5649" s="76"/>
      <c r="Q5649" s="65"/>
      <c r="R5649" s="76"/>
      <c r="S5649" s="76"/>
      <c r="T5649" s="76"/>
      <c r="U5649" s="76"/>
      <c r="V5649" s="76"/>
      <c r="W5649" s="76"/>
      <c r="X5649" s="76"/>
      <c r="Y5649" s="76"/>
      <c r="Z5649" s="76"/>
      <c r="AA5649" s="85"/>
      <c r="AB5649" s="85"/>
      <c r="AC5649" s="85"/>
      <c r="AD5649" s="85"/>
      <c r="AE5649" s="85"/>
      <c r="AF5649" s="85"/>
      <c r="AG5649" s="86"/>
      <c r="AH5649" s="85"/>
      <c r="AI5649" s="85"/>
      <c r="AJ5649" s="85"/>
      <c r="AK5649" s="85"/>
      <c r="AL5649" s="85"/>
      <c r="AM5649" s="92"/>
      <c r="AN5649" s="92"/>
      <c r="AO5649" s="92"/>
      <c r="AP5649" s="92"/>
      <c r="AQ5649" s="92"/>
      <c r="AR5649" s="92"/>
      <c r="AS5649" s="92"/>
      <c r="AT5649" s="92"/>
      <c r="AU5649" s="92"/>
      <c r="AV5649" s="92"/>
      <c r="AW5649" s="92"/>
      <c r="AX5649" s="92"/>
      <c r="AY5649" s="92"/>
      <c r="AZ5649" s="93"/>
      <c r="BA5649" s="93"/>
      <c r="BB5649" s="93"/>
      <c r="BC5649" s="93"/>
      <c r="BD5649" s="93"/>
      <c r="BE5649" s="93"/>
      <c r="BF5649" s="93"/>
      <c r="BG5649" s="93"/>
      <c r="BH5649" s="93"/>
      <c r="BI5649" s="93"/>
      <c r="BJ5649" s="93"/>
      <c r="BK5649" s="93"/>
      <c r="BL5649" s="93"/>
    </row>
    <row r="5650" spans="2:64" x14ac:dyDescent="0.2">
      <c r="B5650" s="43"/>
      <c r="C5650" s="73"/>
      <c r="D5650" s="64"/>
      <c r="E5650" s="55"/>
      <c r="F5650" s="74"/>
      <c r="G5650" s="74"/>
      <c r="H5650" s="74"/>
      <c r="I5650" s="75"/>
      <c r="J5650" s="74"/>
      <c r="L5650" s="55"/>
      <c r="M5650" s="234"/>
      <c r="N5650" s="65"/>
      <c r="O5650" s="76"/>
      <c r="P5650" s="76"/>
      <c r="Q5650" s="65"/>
      <c r="R5650" s="76"/>
      <c r="S5650" s="76"/>
      <c r="T5650" s="76"/>
      <c r="U5650" s="76"/>
      <c r="V5650" s="76"/>
      <c r="W5650" s="76"/>
      <c r="X5650" s="76"/>
      <c r="Y5650" s="76"/>
      <c r="Z5650" s="76"/>
      <c r="AA5650" s="85"/>
      <c r="AB5650" s="85"/>
      <c r="AC5650" s="85"/>
      <c r="AD5650" s="85"/>
      <c r="AE5650" s="85"/>
      <c r="AF5650" s="85"/>
      <c r="AG5650" s="86"/>
      <c r="AH5650" s="85"/>
      <c r="AI5650" s="85"/>
      <c r="AJ5650" s="85"/>
      <c r="AK5650" s="85"/>
      <c r="AL5650" s="85"/>
      <c r="AM5650" s="92"/>
      <c r="AN5650" s="92"/>
      <c r="AO5650" s="92"/>
      <c r="AP5650" s="92"/>
      <c r="AQ5650" s="92"/>
      <c r="AR5650" s="92"/>
      <c r="AS5650" s="92"/>
      <c r="AT5650" s="92"/>
      <c r="AU5650" s="92"/>
      <c r="AV5650" s="92"/>
      <c r="AW5650" s="92"/>
      <c r="AX5650" s="92"/>
      <c r="AY5650" s="92"/>
      <c r="AZ5650" s="93"/>
      <c r="BA5650" s="93"/>
      <c r="BB5650" s="93"/>
      <c r="BC5650" s="93"/>
      <c r="BD5650" s="93"/>
      <c r="BE5650" s="93"/>
      <c r="BF5650" s="93"/>
      <c r="BG5650" s="93"/>
      <c r="BH5650" s="93"/>
      <c r="BI5650" s="93"/>
      <c r="BJ5650" s="93"/>
      <c r="BK5650" s="93"/>
      <c r="BL5650" s="93"/>
    </row>
    <row r="5651" spans="2:64" x14ac:dyDescent="0.2">
      <c r="B5651" s="43"/>
      <c r="C5651" s="73"/>
      <c r="D5651" s="64"/>
      <c r="E5651" s="55"/>
      <c r="F5651" s="74"/>
      <c r="G5651" s="74"/>
      <c r="H5651" s="74"/>
      <c r="I5651" s="75"/>
      <c r="J5651" s="74"/>
      <c r="L5651" s="55"/>
      <c r="M5651" s="234"/>
      <c r="N5651" s="65"/>
      <c r="O5651" s="76"/>
      <c r="P5651" s="76"/>
      <c r="Q5651" s="65"/>
      <c r="R5651" s="76"/>
      <c r="S5651" s="76"/>
      <c r="T5651" s="76"/>
      <c r="U5651" s="76"/>
      <c r="V5651" s="76"/>
      <c r="W5651" s="76"/>
      <c r="X5651" s="76"/>
      <c r="Y5651" s="76"/>
      <c r="Z5651" s="76"/>
      <c r="AA5651" s="85"/>
      <c r="AB5651" s="85"/>
      <c r="AC5651" s="85"/>
      <c r="AD5651" s="85"/>
      <c r="AE5651" s="85"/>
      <c r="AF5651" s="85"/>
      <c r="AG5651" s="86"/>
      <c r="AH5651" s="85"/>
      <c r="AI5651" s="85"/>
      <c r="AJ5651" s="85"/>
      <c r="AK5651" s="85"/>
      <c r="AL5651" s="85"/>
      <c r="AM5651" s="92"/>
      <c r="AN5651" s="92"/>
      <c r="AO5651" s="92"/>
      <c r="AP5651" s="92"/>
      <c r="AQ5651" s="92"/>
      <c r="AR5651" s="92"/>
      <c r="AS5651" s="92"/>
      <c r="AT5651" s="92"/>
      <c r="AU5651" s="92"/>
      <c r="AV5651" s="92"/>
      <c r="AW5651" s="92"/>
      <c r="AX5651" s="92"/>
      <c r="AY5651" s="92"/>
      <c r="AZ5651" s="93"/>
      <c r="BA5651" s="93"/>
      <c r="BB5651" s="93"/>
      <c r="BC5651" s="93"/>
      <c r="BD5651" s="93"/>
      <c r="BE5651" s="93"/>
      <c r="BF5651" s="93"/>
      <c r="BG5651" s="93"/>
      <c r="BH5651" s="93"/>
      <c r="BI5651" s="93"/>
      <c r="BJ5651" s="93"/>
      <c r="BK5651" s="93"/>
      <c r="BL5651" s="93"/>
    </row>
    <row r="5652" spans="2:64" x14ac:dyDescent="0.2">
      <c r="B5652" s="43"/>
      <c r="C5652" s="73"/>
      <c r="D5652" s="64"/>
      <c r="E5652" s="55"/>
      <c r="F5652" s="74"/>
      <c r="G5652" s="74"/>
      <c r="H5652" s="74"/>
      <c r="I5652" s="75"/>
      <c r="J5652" s="74"/>
      <c r="L5652" s="55"/>
      <c r="M5652" s="234"/>
      <c r="N5652" s="65"/>
      <c r="O5652" s="76"/>
      <c r="P5652" s="76"/>
      <c r="Q5652" s="65"/>
      <c r="R5652" s="76"/>
      <c r="S5652" s="76"/>
      <c r="T5652" s="76"/>
      <c r="U5652" s="76"/>
      <c r="V5652" s="76"/>
      <c r="W5652" s="76"/>
      <c r="X5652" s="76"/>
      <c r="Y5652" s="76"/>
      <c r="Z5652" s="76"/>
      <c r="AA5652" s="85"/>
      <c r="AB5652" s="85"/>
      <c r="AC5652" s="85"/>
      <c r="AD5652" s="85"/>
      <c r="AE5652" s="85"/>
      <c r="AF5652" s="85"/>
      <c r="AG5652" s="86"/>
      <c r="AH5652" s="85"/>
      <c r="AI5652" s="85"/>
      <c r="AJ5652" s="85"/>
      <c r="AK5652" s="85"/>
      <c r="AL5652" s="85"/>
      <c r="AM5652" s="92"/>
      <c r="AN5652" s="92"/>
      <c r="AO5652" s="92"/>
      <c r="AP5652" s="92"/>
      <c r="AQ5652" s="92"/>
      <c r="AR5652" s="92"/>
      <c r="AS5652" s="92"/>
      <c r="AT5652" s="92"/>
      <c r="AU5652" s="92"/>
      <c r="AV5652" s="92"/>
      <c r="AW5652" s="92"/>
      <c r="AX5652" s="92"/>
      <c r="AY5652" s="92"/>
      <c r="AZ5652" s="93"/>
      <c r="BA5652" s="93"/>
      <c r="BB5652" s="93"/>
      <c r="BC5652" s="93"/>
      <c r="BD5652" s="93"/>
      <c r="BE5652" s="93"/>
      <c r="BF5652" s="93"/>
      <c r="BG5652" s="93"/>
      <c r="BH5652" s="93"/>
      <c r="BI5652" s="93"/>
      <c r="BJ5652" s="93"/>
      <c r="BK5652" s="93"/>
      <c r="BL5652" s="93"/>
    </row>
    <row r="5653" spans="2:64" x14ac:dyDescent="0.2">
      <c r="B5653" s="43"/>
      <c r="C5653" s="73"/>
      <c r="D5653" s="64"/>
      <c r="E5653" s="55"/>
      <c r="F5653" s="74"/>
      <c r="G5653" s="74"/>
      <c r="H5653" s="74"/>
      <c r="I5653" s="75"/>
      <c r="J5653" s="74"/>
      <c r="L5653" s="55"/>
      <c r="M5653" s="234"/>
      <c r="N5653" s="65"/>
      <c r="O5653" s="76"/>
      <c r="P5653" s="76"/>
      <c r="Q5653" s="65"/>
      <c r="R5653" s="76"/>
      <c r="S5653" s="76"/>
      <c r="T5653" s="76"/>
      <c r="U5653" s="76"/>
      <c r="V5653" s="76"/>
      <c r="W5653" s="76"/>
      <c r="X5653" s="76"/>
      <c r="Y5653" s="76"/>
      <c r="Z5653" s="76"/>
      <c r="AA5653" s="85"/>
      <c r="AB5653" s="85"/>
      <c r="AC5653" s="85"/>
      <c r="AD5653" s="85"/>
      <c r="AE5653" s="85"/>
      <c r="AF5653" s="85"/>
      <c r="AG5653" s="86"/>
      <c r="AH5653" s="85"/>
      <c r="AI5653" s="85"/>
      <c r="AJ5653" s="85"/>
      <c r="AK5653" s="85"/>
      <c r="AL5653" s="85"/>
      <c r="AM5653" s="92"/>
      <c r="AN5653" s="92"/>
      <c r="AO5653" s="92"/>
      <c r="AP5653" s="92"/>
      <c r="AQ5653" s="92"/>
      <c r="AR5653" s="92"/>
      <c r="AS5653" s="92"/>
      <c r="AT5653" s="92"/>
      <c r="AU5653" s="92"/>
      <c r="AV5653" s="92"/>
      <c r="AW5653" s="92"/>
      <c r="AX5653" s="92"/>
      <c r="AY5653" s="92"/>
      <c r="AZ5653" s="93"/>
      <c r="BA5653" s="93"/>
      <c r="BB5653" s="93"/>
      <c r="BC5653" s="93"/>
      <c r="BD5653" s="93"/>
      <c r="BE5653" s="93"/>
      <c r="BF5653" s="93"/>
      <c r="BG5653" s="93"/>
      <c r="BH5653" s="93"/>
      <c r="BI5653" s="93"/>
      <c r="BJ5653" s="93"/>
      <c r="BK5653" s="93"/>
      <c r="BL5653" s="93"/>
    </row>
    <row r="5654" spans="2:64" x14ac:dyDescent="0.2">
      <c r="B5654" s="43"/>
      <c r="C5654" s="73"/>
      <c r="D5654" s="64"/>
      <c r="E5654" s="55"/>
      <c r="F5654" s="74"/>
      <c r="G5654" s="74"/>
      <c r="H5654" s="74"/>
      <c r="I5654" s="75"/>
      <c r="J5654" s="74"/>
      <c r="L5654" s="55"/>
      <c r="M5654" s="234"/>
      <c r="N5654" s="65"/>
      <c r="O5654" s="76"/>
      <c r="P5654" s="76"/>
      <c r="Q5654" s="65"/>
      <c r="R5654" s="76"/>
      <c r="S5654" s="76"/>
      <c r="T5654" s="76"/>
      <c r="U5654" s="76"/>
      <c r="V5654" s="76"/>
      <c r="W5654" s="76"/>
      <c r="X5654" s="76"/>
      <c r="Y5654" s="76"/>
      <c r="Z5654" s="76"/>
      <c r="AA5654" s="85"/>
      <c r="AB5654" s="85"/>
      <c r="AC5654" s="85"/>
      <c r="AD5654" s="85"/>
      <c r="AE5654" s="85"/>
      <c r="AF5654" s="85"/>
      <c r="AG5654" s="86"/>
      <c r="AH5654" s="85"/>
      <c r="AI5654" s="85"/>
      <c r="AJ5654" s="85"/>
      <c r="AK5654" s="85"/>
      <c r="AL5654" s="85"/>
      <c r="AM5654" s="92"/>
      <c r="AN5654" s="92"/>
      <c r="AO5654" s="92"/>
      <c r="AP5654" s="92"/>
      <c r="AQ5654" s="92"/>
      <c r="AR5654" s="92"/>
      <c r="AS5654" s="92"/>
      <c r="AT5654" s="92"/>
      <c r="AU5654" s="92"/>
      <c r="AV5654" s="92"/>
      <c r="AW5654" s="92"/>
      <c r="AX5654" s="92"/>
      <c r="AY5654" s="92"/>
      <c r="AZ5654" s="93"/>
      <c r="BA5654" s="93"/>
      <c r="BB5654" s="93"/>
      <c r="BC5654" s="93"/>
      <c r="BD5654" s="93"/>
      <c r="BE5654" s="93"/>
      <c r="BF5654" s="93"/>
      <c r="BG5654" s="93"/>
      <c r="BH5654" s="93"/>
      <c r="BI5654" s="93"/>
      <c r="BJ5654" s="93"/>
      <c r="BK5654" s="93"/>
      <c r="BL5654" s="93"/>
    </row>
    <row r="5655" spans="2:64" x14ac:dyDescent="0.2">
      <c r="B5655" s="43"/>
      <c r="C5655" s="73"/>
      <c r="D5655" s="64"/>
      <c r="E5655" s="55"/>
      <c r="F5655" s="74"/>
      <c r="G5655" s="74"/>
      <c r="H5655" s="74"/>
      <c r="I5655" s="75"/>
      <c r="J5655" s="74"/>
      <c r="L5655" s="55"/>
      <c r="M5655" s="234"/>
      <c r="N5655" s="65"/>
      <c r="O5655" s="76"/>
      <c r="P5655" s="76"/>
      <c r="Q5655" s="65"/>
      <c r="R5655" s="76"/>
      <c r="S5655" s="76"/>
      <c r="T5655" s="76"/>
      <c r="U5655" s="76"/>
      <c r="V5655" s="76"/>
      <c r="W5655" s="76"/>
      <c r="X5655" s="76"/>
      <c r="Y5655" s="76"/>
      <c r="Z5655" s="76"/>
      <c r="AA5655" s="85"/>
      <c r="AB5655" s="85"/>
      <c r="AC5655" s="85"/>
      <c r="AD5655" s="85"/>
      <c r="AE5655" s="85"/>
      <c r="AF5655" s="85"/>
      <c r="AG5655" s="86"/>
      <c r="AH5655" s="85"/>
      <c r="AI5655" s="85"/>
      <c r="AJ5655" s="85"/>
      <c r="AK5655" s="85"/>
      <c r="AL5655" s="85"/>
      <c r="AM5655" s="92"/>
      <c r="AN5655" s="92"/>
      <c r="AO5655" s="92"/>
      <c r="AP5655" s="92"/>
      <c r="AQ5655" s="92"/>
      <c r="AR5655" s="92"/>
      <c r="AS5655" s="92"/>
      <c r="AT5655" s="92"/>
      <c r="AU5655" s="92"/>
      <c r="AV5655" s="92"/>
      <c r="AW5655" s="92"/>
      <c r="AX5655" s="92"/>
      <c r="AY5655" s="92"/>
      <c r="AZ5655" s="93"/>
      <c r="BA5655" s="93"/>
      <c r="BB5655" s="93"/>
      <c r="BC5655" s="93"/>
      <c r="BD5655" s="93"/>
      <c r="BE5655" s="93"/>
      <c r="BF5655" s="93"/>
      <c r="BG5655" s="93"/>
      <c r="BH5655" s="93"/>
      <c r="BI5655" s="93"/>
      <c r="BJ5655" s="93"/>
      <c r="BK5655" s="93"/>
      <c r="BL5655" s="93"/>
    </row>
    <row r="5656" spans="2:64" x14ac:dyDescent="0.2">
      <c r="B5656" s="43"/>
      <c r="C5656" s="73"/>
      <c r="D5656" s="64"/>
      <c r="E5656" s="55"/>
      <c r="F5656" s="74"/>
      <c r="G5656" s="74"/>
      <c r="H5656" s="74"/>
      <c r="I5656" s="75"/>
      <c r="J5656" s="74"/>
      <c r="L5656" s="55"/>
      <c r="M5656" s="234"/>
      <c r="N5656" s="65"/>
      <c r="O5656" s="76"/>
      <c r="P5656" s="76"/>
      <c r="Q5656" s="65"/>
      <c r="R5656" s="76"/>
      <c r="S5656" s="76"/>
      <c r="T5656" s="76"/>
      <c r="U5656" s="76"/>
      <c r="V5656" s="76"/>
      <c r="W5656" s="76"/>
      <c r="X5656" s="76"/>
      <c r="Y5656" s="76"/>
      <c r="Z5656" s="76"/>
      <c r="AA5656" s="85"/>
      <c r="AB5656" s="85"/>
      <c r="AC5656" s="85"/>
      <c r="AD5656" s="85"/>
      <c r="AE5656" s="85"/>
      <c r="AF5656" s="85"/>
      <c r="AG5656" s="86"/>
      <c r="AH5656" s="85"/>
      <c r="AI5656" s="85"/>
      <c r="AJ5656" s="85"/>
      <c r="AK5656" s="85"/>
      <c r="AL5656" s="85"/>
      <c r="AM5656" s="92"/>
      <c r="AN5656" s="92"/>
      <c r="AO5656" s="92"/>
      <c r="AP5656" s="92"/>
      <c r="AQ5656" s="92"/>
      <c r="AR5656" s="92"/>
      <c r="AS5656" s="92"/>
      <c r="AT5656" s="92"/>
      <c r="AU5656" s="92"/>
      <c r="AV5656" s="92"/>
      <c r="AW5656" s="92"/>
      <c r="AX5656" s="92"/>
      <c r="AY5656" s="92"/>
      <c r="AZ5656" s="93"/>
      <c r="BA5656" s="93"/>
      <c r="BB5656" s="93"/>
      <c r="BC5656" s="93"/>
      <c r="BD5656" s="93"/>
      <c r="BE5656" s="93"/>
      <c r="BF5656" s="93"/>
      <c r="BG5656" s="93"/>
      <c r="BH5656" s="93"/>
      <c r="BI5656" s="93"/>
      <c r="BJ5656" s="93"/>
      <c r="BK5656" s="93"/>
      <c r="BL5656" s="93"/>
    </row>
    <row r="5657" spans="2:64" x14ac:dyDescent="0.2">
      <c r="B5657" s="43"/>
      <c r="C5657" s="73"/>
      <c r="D5657" s="64"/>
      <c r="E5657" s="55"/>
      <c r="F5657" s="74"/>
      <c r="G5657" s="74"/>
      <c r="H5657" s="74"/>
      <c r="I5657" s="75"/>
      <c r="J5657" s="74"/>
      <c r="L5657" s="55"/>
      <c r="M5657" s="234"/>
      <c r="N5657" s="65"/>
      <c r="O5657" s="76"/>
      <c r="P5657" s="76"/>
      <c r="Q5657" s="65"/>
      <c r="R5657" s="76"/>
      <c r="S5657" s="76"/>
      <c r="T5657" s="76"/>
      <c r="U5657" s="76"/>
      <c r="V5657" s="76"/>
      <c r="W5657" s="76"/>
      <c r="X5657" s="76"/>
      <c r="Y5657" s="76"/>
      <c r="Z5657" s="76"/>
      <c r="AA5657" s="85"/>
      <c r="AB5657" s="85"/>
      <c r="AC5657" s="85"/>
      <c r="AD5657" s="85"/>
      <c r="AE5657" s="85"/>
      <c r="AF5657" s="85"/>
      <c r="AG5657" s="86"/>
      <c r="AH5657" s="85"/>
      <c r="AI5657" s="85"/>
      <c r="AJ5657" s="85"/>
      <c r="AK5657" s="85"/>
      <c r="AL5657" s="85"/>
      <c r="AM5657" s="92"/>
      <c r="AN5657" s="92"/>
      <c r="AO5657" s="92"/>
      <c r="AP5657" s="92"/>
      <c r="AQ5657" s="92"/>
      <c r="AR5657" s="92"/>
      <c r="AS5657" s="92"/>
      <c r="AT5657" s="92"/>
      <c r="AU5657" s="92"/>
      <c r="AV5657" s="92"/>
      <c r="AW5657" s="92"/>
      <c r="AX5657" s="92"/>
      <c r="AY5657" s="92"/>
      <c r="AZ5657" s="93"/>
      <c r="BA5657" s="93"/>
      <c r="BB5657" s="93"/>
      <c r="BC5657" s="93"/>
      <c r="BD5657" s="93"/>
      <c r="BE5657" s="93"/>
      <c r="BF5657" s="93"/>
      <c r="BG5657" s="93"/>
      <c r="BH5657" s="93"/>
      <c r="BI5657" s="93"/>
      <c r="BJ5657" s="93"/>
      <c r="BK5657" s="93"/>
      <c r="BL5657" s="93"/>
    </row>
    <row r="5658" spans="2:64" x14ac:dyDescent="0.2">
      <c r="B5658" s="43"/>
      <c r="C5658" s="73"/>
      <c r="D5658" s="64"/>
      <c r="E5658" s="55"/>
      <c r="F5658" s="74"/>
      <c r="G5658" s="74"/>
      <c r="H5658" s="74"/>
      <c r="I5658" s="75"/>
      <c r="J5658" s="74"/>
      <c r="L5658" s="55"/>
      <c r="M5658" s="234"/>
      <c r="N5658" s="65"/>
      <c r="O5658" s="76"/>
      <c r="P5658" s="76"/>
      <c r="Q5658" s="65"/>
      <c r="R5658" s="76"/>
      <c r="S5658" s="76"/>
      <c r="T5658" s="76"/>
      <c r="U5658" s="76"/>
      <c r="V5658" s="76"/>
      <c r="W5658" s="76"/>
      <c r="X5658" s="76"/>
      <c r="Y5658" s="76"/>
      <c r="Z5658" s="76"/>
      <c r="AA5658" s="85"/>
      <c r="AB5658" s="85"/>
      <c r="AC5658" s="85"/>
      <c r="AD5658" s="85"/>
      <c r="AE5658" s="85"/>
      <c r="AF5658" s="85"/>
      <c r="AG5658" s="86"/>
      <c r="AH5658" s="85"/>
      <c r="AI5658" s="85"/>
      <c r="AJ5658" s="85"/>
      <c r="AK5658" s="85"/>
      <c r="AL5658" s="85"/>
      <c r="AM5658" s="92"/>
      <c r="AN5658" s="92"/>
      <c r="AO5658" s="92"/>
      <c r="AP5658" s="92"/>
      <c r="AQ5658" s="92"/>
      <c r="AR5658" s="92"/>
      <c r="AS5658" s="92"/>
      <c r="AT5658" s="92"/>
      <c r="AU5658" s="92"/>
      <c r="AV5658" s="92"/>
      <c r="AW5658" s="92"/>
      <c r="AX5658" s="92"/>
      <c r="AY5658" s="92"/>
      <c r="AZ5658" s="93"/>
      <c r="BA5658" s="93"/>
      <c r="BB5658" s="93"/>
      <c r="BC5658" s="93"/>
      <c r="BD5658" s="93"/>
      <c r="BE5658" s="93"/>
      <c r="BF5658" s="93"/>
      <c r="BG5658" s="93"/>
      <c r="BH5658" s="93"/>
      <c r="BI5658" s="93"/>
      <c r="BJ5658" s="93"/>
      <c r="BK5658" s="93"/>
      <c r="BL5658" s="93"/>
    </row>
    <row r="5659" spans="2:64" x14ac:dyDescent="0.2">
      <c r="B5659" s="43"/>
      <c r="C5659" s="73"/>
      <c r="D5659" s="64"/>
      <c r="E5659" s="55"/>
      <c r="F5659" s="74"/>
      <c r="G5659" s="74"/>
      <c r="H5659" s="74"/>
      <c r="I5659" s="75"/>
      <c r="J5659" s="74"/>
      <c r="L5659" s="55"/>
      <c r="M5659" s="234"/>
      <c r="N5659" s="65"/>
      <c r="O5659" s="76"/>
      <c r="P5659" s="76"/>
      <c r="Q5659" s="65"/>
      <c r="R5659" s="76"/>
      <c r="S5659" s="76"/>
      <c r="T5659" s="76"/>
      <c r="U5659" s="76"/>
      <c r="V5659" s="76"/>
      <c r="W5659" s="76"/>
      <c r="X5659" s="76"/>
      <c r="Y5659" s="76"/>
      <c r="Z5659" s="76"/>
      <c r="AA5659" s="85"/>
      <c r="AB5659" s="85"/>
      <c r="AC5659" s="85"/>
      <c r="AD5659" s="85"/>
      <c r="AE5659" s="85"/>
      <c r="AF5659" s="85"/>
      <c r="AG5659" s="86"/>
      <c r="AH5659" s="85"/>
      <c r="AI5659" s="85"/>
      <c r="AJ5659" s="85"/>
      <c r="AK5659" s="85"/>
      <c r="AL5659" s="85"/>
      <c r="AM5659" s="92"/>
      <c r="AN5659" s="92"/>
      <c r="AO5659" s="92"/>
      <c r="AP5659" s="92"/>
      <c r="AQ5659" s="92"/>
      <c r="AR5659" s="92"/>
      <c r="AS5659" s="92"/>
      <c r="AT5659" s="92"/>
      <c r="AU5659" s="92"/>
      <c r="AV5659" s="92"/>
      <c r="AW5659" s="92"/>
      <c r="AX5659" s="92"/>
      <c r="AY5659" s="92"/>
      <c r="AZ5659" s="93"/>
      <c r="BA5659" s="93"/>
      <c r="BB5659" s="93"/>
      <c r="BC5659" s="93"/>
      <c r="BD5659" s="93"/>
      <c r="BE5659" s="93"/>
      <c r="BF5659" s="93"/>
      <c r="BG5659" s="93"/>
      <c r="BH5659" s="93"/>
      <c r="BI5659" s="93"/>
      <c r="BJ5659" s="93"/>
      <c r="BK5659" s="93"/>
      <c r="BL5659" s="93"/>
    </row>
    <row r="5660" spans="2:64" x14ac:dyDescent="0.2">
      <c r="B5660" s="43"/>
      <c r="C5660" s="73"/>
      <c r="D5660" s="64"/>
      <c r="E5660" s="55"/>
      <c r="F5660" s="74"/>
      <c r="G5660" s="74"/>
      <c r="H5660" s="74"/>
      <c r="I5660" s="75"/>
      <c r="J5660" s="74"/>
      <c r="L5660" s="55"/>
      <c r="M5660" s="234"/>
      <c r="N5660" s="65"/>
      <c r="O5660" s="76"/>
      <c r="P5660" s="76"/>
      <c r="Q5660" s="65"/>
      <c r="R5660" s="76"/>
      <c r="S5660" s="76"/>
      <c r="T5660" s="76"/>
      <c r="U5660" s="76"/>
      <c r="V5660" s="76"/>
      <c r="W5660" s="76"/>
      <c r="X5660" s="76"/>
      <c r="Y5660" s="76"/>
      <c r="Z5660" s="76"/>
      <c r="AA5660" s="85"/>
      <c r="AB5660" s="85"/>
      <c r="AC5660" s="85"/>
      <c r="AD5660" s="85"/>
      <c r="AE5660" s="85"/>
      <c r="AF5660" s="85"/>
      <c r="AG5660" s="86"/>
      <c r="AH5660" s="85"/>
      <c r="AI5660" s="85"/>
      <c r="AJ5660" s="85"/>
      <c r="AK5660" s="85"/>
      <c r="AL5660" s="85"/>
      <c r="AM5660" s="92"/>
      <c r="AN5660" s="92"/>
      <c r="AO5660" s="92"/>
      <c r="AP5660" s="92"/>
      <c r="AQ5660" s="92"/>
      <c r="AR5660" s="92"/>
      <c r="AS5660" s="92"/>
      <c r="AT5660" s="92"/>
      <c r="AU5660" s="92"/>
      <c r="AV5660" s="92"/>
      <c r="AW5660" s="92"/>
      <c r="AX5660" s="92"/>
      <c r="AY5660" s="92"/>
      <c r="AZ5660" s="93"/>
      <c r="BA5660" s="93"/>
      <c r="BB5660" s="93"/>
      <c r="BC5660" s="93"/>
      <c r="BD5660" s="93"/>
      <c r="BE5660" s="93"/>
      <c r="BF5660" s="93"/>
      <c r="BG5660" s="93"/>
      <c r="BH5660" s="93"/>
      <c r="BI5660" s="93"/>
      <c r="BJ5660" s="93"/>
      <c r="BK5660" s="93"/>
      <c r="BL5660" s="93"/>
    </row>
    <row r="5661" spans="2:64" x14ac:dyDescent="0.2">
      <c r="B5661" s="43"/>
      <c r="C5661" s="73"/>
      <c r="D5661" s="64"/>
      <c r="E5661" s="55"/>
      <c r="F5661" s="74"/>
      <c r="G5661" s="74"/>
      <c r="H5661" s="74"/>
      <c r="I5661" s="75"/>
      <c r="J5661" s="74"/>
      <c r="L5661" s="55"/>
      <c r="M5661" s="234"/>
      <c r="N5661" s="65"/>
      <c r="O5661" s="76"/>
      <c r="P5661" s="76"/>
      <c r="Q5661" s="65"/>
      <c r="R5661" s="76"/>
      <c r="S5661" s="76"/>
      <c r="T5661" s="76"/>
      <c r="U5661" s="76"/>
      <c r="V5661" s="76"/>
      <c r="W5661" s="76"/>
      <c r="X5661" s="76"/>
      <c r="Y5661" s="76"/>
      <c r="Z5661" s="76"/>
      <c r="AA5661" s="85"/>
      <c r="AB5661" s="85"/>
      <c r="AC5661" s="85"/>
      <c r="AD5661" s="85"/>
      <c r="AE5661" s="85"/>
      <c r="AF5661" s="85"/>
      <c r="AG5661" s="86"/>
      <c r="AH5661" s="85"/>
      <c r="AI5661" s="85"/>
      <c r="AJ5661" s="85"/>
      <c r="AK5661" s="85"/>
      <c r="AL5661" s="85"/>
      <c r="AM5661" s="92"/>
      <c r="AN5661" s="92"/>
      <c r="AO5661" s="92"/>
      <c r="AP5661" s="92"/>
      <c r="AQ5661" s="92"/>
      <c r="AR5661" s="92"/>
      <c r="AS5661" s="92"/>
      <c r="AT5661" s="92"/>
      <c r="AU5661" s="92"/>
      <c r="AV5661" s="92"/>
      <c r="AW5661" s="92"/>
      <c r="AX5661" s="92"/>
      <c r="AY5661" s="92"/>
      <c r="AZ5661" s="93"/>
      <c r="BA5661" s="93"/>
      <c r="BB5661" s="93"/>
      <c r="BC5661" s="93"/>
      <c r="BD5661" s="93"/>
      <c r="BE5661" s="93"/>
      <c r="BF5661" s="93"/>
      <c r="BG5661" s="93"/>
      <c r="BH5661" s="93"/>
      <c r="BI5661" s="93"/>
      <c r="BJ5661" s="93"/>
      <c r="BK5661" s="93"/>
      <c r="BL5661" s="93"/>
    </row>
    <row r="5662" spans="2:64" x14ac:dyDescent="0.2">
      <c r="B5662" s="43"/>
      <c r="C5662" s="73"/>
      <c r="D5662" s="64"/>
      <c r="E5662" s="55"/>
      <c r="F5662" s="74"/>
      <c r="G5662" s="74"/>
      <c r="H5662" s="74"/>
      <c r="I5662" s="75"/>
      <c r="J5662" s="74"/>
      <c r="L5662" s="55"/>
      <c r="M5662" s="234"/>
      <c r="N5662" s="65"/>
      <c r="O5662" s="76"/>
      <c r="P5662" s="76"/>
      <c r="Q5662" s="65"/>
      <c r="R5662" s="76"/>
      <c r="S5662" s="76"/>
      <c r="T5662" s="76"/>
      <c r="U5662" s="76"/>
      <c r="V5662" s="76"/>
      <c r="W5662" s="76"/>
      <c r="X5662" s="76"/>
      <c r="Y5662" s="76"/>
      <c r="Z5662" s="76"/>
      <c r="AA5662" s="85"/>
      <c r="AB5662" s="85"/>
      <c r="AC5662" s="85"/>
      <c r="AD5662" s="85"/>
      <c r="AE5662" s="85"/>
      <c r="AF5662" s="85"/>
      <c r="AG5662" s="86"/>
      <c r="AH5662" s="85"/>
      <c r="AI5662" s="85"/>
      <c r="AJ5662" s="85"/>
      <c r="AK5662" s="85"/>
      <c r="AL5662" s="85"/>
      <c r="AM5662" s="92"/>
      <c r="AN5662" s="92"/>
      <c r="AO5662" s="92"/>
      <c r="AP5662" s="92"/>
      <c r="AQ5662" s="92"/>
      <c r="AR5662" s="92"/>
      <c r="AS5662" s="92"/>
      <c r="AT5662" s="92"/>
      <c r="AU5662" s="92"/>
      <c r="AV5662" s="92"/>
      <c r="AW5662" s="92"/>
      <c r="AX5662" s="92"/>
      <c r="AY5662" s="92"/>
      <c r="AZ5662" s="93"/>
      <c r="BA5662" s="93"/>
      <c r="BB5662" s="93"/>
      <c r="BC5662" s="93"/>
      <c r="BD5662" s="93"/>
      <c r="BE5662" s="93"/>
      <c r="BF5662" s="93"/>
      <c r="BG5662" s="93"/>
      <c r="BH5662" s="93"/>
      <c r="BI5662" s="93"/>
      <c r="BJ5662" s="93"/>
      <c r="BK5662" s="93"/>
      <c r="BL5662" s="93"/>
    </row>
    <row r="5663" spans="2:64" x14ac:dyDescent="0.2">
      <c r="B5663" s="43"/>
      <c r="C5663" s="73"/>
      <c r="D5663" s="64"/>
      <c r="E5663" s="55"/>
      <c r="F5663" s="74"/>
      <c r="G5663" s="74"/>
      <c r="H5663" s="74"/>
      <c r="I5663" s="75"/>
      <c r="J5663" s="74"/>
      <c r="L5663" s="55"/>
      <c r="M5663" s="234"/>
      <c r="N5663" s="65"/>
      <c r="O5663" s="76"/>
      <c r="P5663" s="76"/>
      <c r="Q5663" s="65"/>
      <c r="R5663" s="76"/>
      <c r="S5663" s="76"/>
      <c r="T5663" s="76"/>
      <c r="U5663" s="76"/>
      <c r="V5663" s="76"/>
      <c r="W5663" s="76"/>
      <c r="X5663" s="76"/>
      <c r="Y5663" s="76"/>
      <c r="Z5663" s="76"/>
      <c r="AA5663" s="85"/>
      <c r="AB5663" s="85"/>
      <c r="AC5663" s="85"/>
      <c r="AD5663" s="85"/>
      <c r="AE5663" s="85"/>
      <c r="AF5663" s="85"/>
      <c r="AG5663" s="86"/>
      <c r="AH5663" s="85"/>
      <c r="AI5663" s="85"/>
      <c r="AJ5663" s="85"/>
      <c r="AK5663" s="85"/>
      <c r="AL5663" s="85"/>
      <c r="AM5663" s="92"/>
      <c r="AN5663" s="92"/>
      <c r="AO5663" s="92"/>
      <c r="AP5663" s="92"/>
      <c r="AQ5663" s="92"/>
      <c r="AR5663" s="92"/>
      <c r="AS5663" s="92"/>
      <c r="AT5663" s="92"/>
      <c r="AU5663" s="92"/>
      <c r="AV5663" s="92"/>
      <c r="AW5663" s="92"/>
      <c r="AX5663" s="92"/>
      <c r="AY5663" s="92"/>
      <c r="AZ5663" s="93"/>
      <c r="BA5663" s="93"/>
      <c r="BB5663" s="93"/>
      <c r="BC5663" s="93"/>
      <c r="BD5663" s="93"/>
      <c r="BE5663" s="93"/>
      <c r="BF5663" s="93"/>
      <c r="BG5663" s="93"/>
      <c r="BH5663" s="93"/>
      <c r="BI5663" s="93"/>
      <c r="BJ5663" s="93"/>
      <c r="BK5663" s="93"/>
      <c r="BL5663" s="93"/>
    </row>
    <row r="5664" spans="2:64" x14ac:dyDescent="0.2">
      <c r="B5664" s="43"/>
      <c r="C5664" s="73"/>
      <c r="D5664" s="64"/>
      <c r="E5664" s="55"/>
      <c r="F5664" s="74"/>
      <c r="G5664" s="74"/>
      <c r="H5664" s="74"/>
      <c r="I5664" s="75"/>
      <c r="J5664" s="74"/>
      <c r="L5664" s="55"/>
      <c r="M5664" s="234"/>
      <c r="N5664" s="65"/>
      <c r="O5664" s="76"/>
      <c r="P5664" s="76"/>
      <c r="Q5664" s="65"/>
      <c r="R5664" s="76"/>
      <c r="S5664" s="76"/>
      <c r="T5664" s="76"/>
      <c r="U5664" s="76"/>
      <c r="V5664" s="76"/>
      <c r="W5664" s="76"/>
      <c r="X5664" s="76"/>
      <c r="Y5664" s="76"/>
      <c r="Z5664" s="76"/>
      <c r="AA5664" s="85"/>
      <c r="AB5664" s="85"/>
      <c r="AC5664" s="85"/>
      <c r="AD5664" s="85"/>
      <c r="AE5664" s="85"/>
      <c r="AF5664" s="85"/>
      <c r="AG5664" s="86"/>
      <c r="AH5664" s="85"/>
      <c r="AI5664" s="85"/>
      <c r="AJ5664" s="85"/>
      <c r="AK5664" s="85"/>
      <c r="AL5664" s="85"/>
      <c r="AM5664" s="92"/>
      <c r="AN5664" s="92"/>
      <c r="AO5664" s="92"/>
      <c r="AP5664" s="92"/>
      <c r="AQ5664" s="92"/>
      <c r="AR5664" s="92"/>
      <c r="AS5664" s="92"/>
      <c r="AT5664" s="92"/>
      <c r="AU5664" s="92"/>
      <c r="AV5664" s="92"/>
      <c r="AW5664" s="92"/>
      <c r="AX5664" s="92"/>
      <c r="AY5664" s="92"/>
      <c r="AZ5664" s="93"/>
      <c r="BA5664" s="93"/>
      <c r="BB5664" s="93"/>
      <c r="BC5664" s="93"/>
      <c r="BD5664" s="93"/>
      <c r="BE5664" s="93"/>
      <c r="BF5664" s="93"/>
      <c r="BG5664" s="93"/>
      <c r="BH5664" s="93"/>
      <c r="BI5664" s="93"/>
      <c r="BJ5664" s="93"/>
      <c r="BK5664" s="93"/>
      <c r="BL5664" s="93"/>
    </row>
    <row r="5665" spans="2:64" x14ac:dyDescent="0.2">
      <c r="B5665" s="43"/>
      <c r="C5665" s="73"/>
      <c r="D5665" s="64"/>
      <c r="E5665" s="55"/>
      <c r="F5665" s="74"/>
      <c r="G5665" s="74"/>
      <c r="H5665" s="74"/>
      <c r="I5665" s="75"/>
      <c r="J5665" s="74"/>
      <c r="L5665" s="55"/>
      <c r="M5665" s="234"/>
      <c r="N5665" s="65"/>
      <c r="O5665" s="76"/>
      <c r="P5665" s="76"/>
      <c r="Q5665" s="65"/>
      <c r="R5665" s="76"/>
      <c r="S5665" s="76"/>
      <c r="T5665" s="76"/>
      <c r="U5665" s="76"/>
      <c r="V5665" s="76"/>
      <c r="W5665" s="76"/>
      <c r="X5665" s="76"/>
      <c r="Y5665" s="76"/>
      <c r="Z5665" s="76"/>
      <c r="AA5665" s="85"/>
      <c r="AB5665" s="85"/>
      <c r="AC5665" s="85"/>
      <c r="AD5665" s="85"/>
      <c r="AE5665" s="85"/>
      <c r="AF5665" s="85"/>
      <c r="AG5665" s="86"/>
      <c r="AH5665" s="85"/>
      <c r="AI5665" s="85"/>
      <c r="AJ5665" s="85"/>
      <c r="AK5665" s="85"/>
      <c r="AL5665" s="85"/>
      <c r="AM5665" s="92"/>
      <c r="AN5665" s="92"/>
      <c r="AO5665" s="92"/>
      <c r="AP5665" s="92"/>
      <c r="AQ5665" s="92"/>
      <c r="AR5665" s="92"/>
      <c r="AS5665" s="92"/>
      <c r="AT5665" s="92"/>
      <c r="AU5665" s="92"/>
      <c r="AV5665" s="92"/>
      <c r="AW5665" s="92"/>
      <c r="AX5665" s="92"/>
      <c r="AY5665" s="92"/>
      <c r="AZ5665" s="93"/>
      <c r="BA5665" s="93"/>
      <c r="BB5665" s="93"/>
      <c r="BC5665" s="93"/>
      <c r="BD5665" s="93"/>
      <c r="BE5665" s="93"/>
      <c r="BF5665" s="93"/>
      <c r="BG5665" s="93"/>
      <c r="BH5665" s="93"/>
      <c r="BI5665" s="93"/>
      <c r="BJ5665" s="93"/>
      <c r="BK5665" s="93"/>
      <c r="BL5665" s="93"/>
    </row>
    <row r="5666" spans="2:64" x14ac:dyDescent="0.2">
      <c r="B5666" s="43"/>
      <c r="C5666" s="73"/>
      <c r="D5666" s="64"/>
      <c r="E5666" s="55"/>
      <c r="F5666" s="74"/>
      <c r="G5666" s="74"/>
      <c r="H5666" s="74"/>
      <c r="I5666" s="75"/>
      <c r="J5666" s="74"/>
      <c r="L5666" s="55"/>
      <c r="M5666" s="234"/>
      <c r="N5666" s="65"/>
      <c r="O5666" s="76"/>
      <c r="P5666" s="76"/>
      <c r="Q5666" s="65"/>
      <c r="R5666" s="76"/>
      <c r="S5666" s="76"/>
      <c r="T5666" s="76"/>
      <c r="U5666" s="76"/>
      <c r="V5666" s="76"/>
      <c r="W5666" s="76"/>
      <c r="X5666" s="76"/>
      <c r="Y5666" s="76"/>
      <c r="Z5666" s="76"/>
      <c r="AA5666" s="85"/>
      <c r="AB5666" s="85"/>
      <c r="AC5666" s="85"/>
      <c r="AD5666" s="85"/>
      <c r="AE5666" s="85"/>
      <c r="AF5666" s="85"/>
      <c r="AG5666" s="86"/>
      <c r="AH5666" s="85"/>
      <c r="AI5666" s="85"/>
      <c r="AJ5666" s="85"/>
      <c r="AK5666" s="85"/>
      <c r="AL5666" s="85"/>
      <c r="AM5666" s="92"/>
      <c r="AN5666" s="92"/>
      <c r="AO5666" s="92"/>
      <c r="AP5666" s="92"/>
      <c r="AQ5666" s="92"/>
      <c r="AR5666" s="92"/>
      <c r="AS5666" s="92"/>
      <c r="AT5666" s="92"/>
      <c r="AU5666" s="92"/>
      <c r="AV5666" s="92"/>
      <c r="AW5666" s="92"/>
      <c r="AX5666" s="92"/>
      <c r="AY5666" s="92"/>
      <c r="AZ5666" s="93"/>
      <c r="BA5666" s="93"/>
      <c r="BB5666" s="93"/>
      <c r="BC5666" s="93"/>
      <c r="BD5666" s="93"/>
      <c r="BE5666" s="93"/>
      <c r="BF5666" s="93"/>
      <c r="BG5666" s="93"/>
      <c r="BH5666" s="93"/>
      <c r="BI5666" s="93"/>
      <c r="BJ5666" s="93"/>
      <c r="BK5666" s="93"/>
      <c r="BL5666" s="93"/>
    </row>
    <row r="5667" spans="2:64" x14ac:dyDescent="0.2">
      <c r="B5667" s="43"/>
      <c r="C5667" s="73"/>
      <c r="D5667" s="64"/>
      <c r="E5667" s="55"/>
      <c r="F5667" s="74"/>
      <c r="G5667" s="74"/>
      <c r="H5667" s="74"/>
      <c r="I5667" s="75"/>
      <c r="J5667" s="74"/>
      <c r="L5667" s="55"/>
      <c r="M5667" s="234"/>
      <c r="N5667" s="65"/>
      <c r="O5667" s="76"/>
      <c r="P5667" s="76"/>
      <c r="Q5667" s="65"/>
      <c r="R5667" s="76"/>
      <c r="S5667" s="76"/>
      <c r="T5667" s="76"/>
      <c r="U5667" s="76"/>
      <c r="V5667" s="76"/>
      <c r="W5667" s="76"/>
      <c r="X5667" s="76"/>
      <c r="Y5667" s="76"/>
      <c r="Z5667" s="76"/>
      <c r="AA5667" s="85"/>
      <c r="AB5667" s="85"/>
      <c r="AC5667" s="85"/>
      <c r="AD5667" s="85"/>
      <c r="AE5667" s="85"/>
      <c r="AF5667" s="85"/>
      <c r="AG5667" s="86"/>
      <c r="AH5667" s="85"/>
      <c r="AI5667" s="85"/>
      <c r="AJ5667" s="85"/>
      <c r="AK5667" s="85"/>
      <c r="AL5667" s="85"/>
      <c r="AM5667" s="92"/>
      <c r="AN5667" s="92"/>
      <c r="AO5667" s="92"/>
      <c r="AP5667" s="92"/>
      <c r="AQ5667" s="92"/>
      <c r="AR5667" s="92"/>
      <c r="AS5667" s="92"/>
      <c r="AT5667" s="92"/>
      <c r="AU5667" s="92"/>
      <c r="AV5667" s="92"/>
      <c r="AW5667" s="92"/>
      <c r="AX5667" s="92"/>
      <c r="AY5667" s="92"/>
      <c r="AZ5667" s="93"/>
      <c r="BA5667" s="93"/>
      <c r="BB5667" s="93"/>
      <c r="BC5667" s="93"/>
      <c r="BD5667" s="93"/>
      <c r="BE5667" s="93"/>
      <c r="BF5667" s="93"/>
      <c r="BG5667" s="93"/>
      <c r="BH5667" s="93"/>
      <c r="BI5667" s="93"/>
      <c r="BJ5667" s="93"/>
      <c r="BK5667" s="93"/>
      <c r="BL5667" s="93"/>
    </row>
    <row r="5668" spans="2:64" x14ac:dyDescent="0.2">
      <c r="B5668" s="43"/>
      <c r="C5668" s="73"/>
      <c r="D5668" s="64"/>
      <c r="E5668" s="55"/>
      <c r="F5668" s="74"/>
      <c r="G5668" s="74"/>
      <c r="H5668" s="74"/>
      <c r="I5668" s="75"/>
      <c r="J5668" s="74"/>
      <c r="L5668" s="55"/>
      <c r="M5668" s="234"/>
      <c r="N5668" s="65"/>
      <c r="O5668" s="76"/>
      <c r="P5668" s="76"/>
      <c r="Q5668" s="65"/>
      <c r="R5668" s="76"/>
      <c r="S5668" s="76"/>
      <c r="T5668" s="76"/>
      <c r="U5668" s="76"/>
      <c r="V5668" s="76"/>
      <c r="W5668" s="76"/>
      <c r="X5668" s="76"/>
      <c r="Y5668" s="76"/>
      <c r="Z5668" s="76"/>
      <c r="AA5668" s="85"/>
      <c r="AB5668" s="85"/>
      <c r="AC5668" s="85"/>
      <c r="AD5668" s="85"/>
      <c r="AE5668" s="85"/>
      <c r="AF5668" s="85"/>
      <c r="AG5668" s="86"/>
      <c r="AH5668" s="85"/>
      <c r="AI5668" s="85"/>
      <c r="AJ5668" s="85"/>
      <c r="AK5668" s="85"/>
      <c r="AL5668" s="85"/>
      <c r="AM5668" s="92"/>
      <c r="AN5668" s="92"/>
      <c r="AO5668" s="92"/>
      <c r="AP5668" s="92"/>
      <c r="AQ5668" s="92"/>
      <c r="AR5668" s="92"/>
      <c r="AS5668" s="92"/>
      <c r="AT5668" s="92"/>
      <c r="AU5668" s="92"/>
      <c r="AV5668" s="92"/>
      <c r="AW5668" s="92"/>
      <c r="AX5668" s="92"/>
      <c r="AY5668" s="92"/>
      <c r="AZ5668" s="93"/>
      <c r="BA5668" s="93"/>
      <c r="BB5668" s="93"/>
      <c r="BC5668" s="93"/>
      <c r="BD5668" s="93"/>
      <c r="BE5668" s="93"/>
      <c r="BF5668" s="93"/>
      <c r="BG5668" s="93"/>
      <c r="BH5668" s="93"/>
      <c r="BI5668" s="93"/>
      <c r="BJ5668" s="93"/>
      <c r="BK5668" s="93"/>
      <c r="BL5668" s="93"/>
    </row>
    <row r="5669" spans="2:64" x14ac:dyDescent="0.2">
      <c r="B5669" s="43"/>
      <c r="C5669" s="73"/>
      <c r="D5669" s="64"/>
      <c r="E5669" s="55"/>
      <c r="F5669" s="74"/>
      <c r="G5669" s="74"/>
      <c r="H5669" s="74"/>
      <c r="I5669" s="75"/>
      <c r="J5669" s="74"/>
      <c r="L5669" s="55"/>
      <c r="M5669" s="234"/>
      <c r="N5669" s="65"/>
      <c r="O5669" s="76"/>
      <c r="P5669" s="76"/>
      <c r="Q5669" s="65"/>
      <c r="R5669" s="76"/>
      <c r="S5669" s="76"/>
      <c r="T5669" s="76"/>
      <c r="U5669" s="76"/>
      <c r="V5669" s="76"/>
      <c r="W5669" s="76"/>
      <c r="X5669" s="76"/>
      <c r="Y5669" s="76"/>
      <c r="Z5669" s="76"/>
      <c r="AA5669" s="85"/>
      <c r="AB5669" s="85"/>
      <c r="AC5669" s="85"/>
      <c r="AD5669" s="85"/>
      <c r="AE5669" s="85"/>
      <c r="AF5669" s="85"/>
      <c r="AG5669" s="86"/>
      <c r="AH5669" s="85"/>
      <c r="AI5669" s="85"/>
      <c r="AJ5669" s="85"/>
      <c r="AK5669" s="85"/>
      <c r="AL5669" s="85"/>
      <c r="AM5669" s="92"/>
      <c r="AN5669" s="92"/>
      <c r="AO5669" s="92"/>
      <c r="AP5669" s="92"/>
      <c r="AQ5669" s="92"/>
      <c r="AR5669" s="92"/>
      <c r="AS5669" s="92"/>
      <c r="AT5669" s="92"/>
      <c r="AU5669" s="92"/>
      <c r="AV5669" s="92"/>
      <c r="AW5669" s="92"/>
      <c r="AX5669" s="92"/>
      <c r="AY5669" s="92"/>
      <c r="AZ5669" s="93"/>
      <c r="BA5669" s="93"/>
      <c r="BB5669" s="93"/>
      <c r="BC5669" s="93"/>
      <c r="BD5669" s="93"/>
      <c r="BE5669" s="93"/>
      <c r="BF5669" s="93"/>
      <c r="BG5669" s="93"/>
      <c r="BH5669" s="93"/>
      <c r="BI5669" s="93"/>
      <c r="BJ5669" s="93"/>
      <c r="BK5669" s="93"/>
      <c r="BL5669" s="93"/>
    </row>
    <row r="5670" spans="2:64" x14ac:dyDescent="0.2">
      <c r="B5670" s="43"/>
      <c r="C5670" s="73"/>
      <c r="D5670" s="64"/>
      <c r="E5670" s="55"/>
      <c r="F5670" s="74"/>
      <c r="G5670" s="74"/>
      <c r="H5670" s="74"/>
      <c r="I5670" s="75"/>
      <c r="J5670" s="74"/>
      <c r="L5670" s="55"/>
      <c r="M5670" s="234"/>
      <c r="N5670" s="65"/>
      <c r="O5670" s="76"/>
      <c r="P5670" s="76"/>
      <c r="Q5670" s="65"/>
      <c r="R5670" s="76"/>
      <c r="S5670" s="76"/>
      <c r="T5670" s="76"/>
      <c r="U5670" s="76"/>
      <c r="V5670" s="76"/>
      <c r="W5670" s="76"/>
      <c r="X5670" s="76"/>
      <c r="Y5670" s="76"/>
      <c r="Z5670" s="76"/>
      <c r="AA5670" s="85"/>
      <c r="AB5670" s="85"/>
      <c r="AC5670" s="85"/>
      <c r="AD5670" s="85"/>
      <c r="AE5670" s="85"/>
      <c r="AF5670" s="85"/>
      <c r="AG5670" s="86"/>
      <c r="AH5670" s="85"/>
      <c r="AI5670" s="85"/>
      <c r="AJ5670" s="85"/>
      <c r="AK5670" s="85"/>
      <c r="AL5670" s="85"/>
      <c r="AM5670" s="92"/>
      <c r="AN5670" s="92"/>
      <c r="AO5670" s="92"/>
      <c r="AP5670" s="92"/>
      <c r="AQ5670" s="92"/>
      <c r="AR5670" s="92"/>
      <c r="AS5670" s="92"/>
      <c r="AT5670" s="92"/>
      <c r="AU5670" s="92"/>
      <c r="AV5670" s="92"/>
      <c r="AW5670" s="92"/>
      <c r="AX5670" s="92"/>
      <c r="AY5670" s="92"/>
      <c r="AZ5670" s="93"/>
      <c r="BA5670" s="93"/>
      <c r="BB5670" s="93"/>
      <c r="BC5670" s="93"/>
      <c r="BD5670" s="93"/>
      <c r="BE5670" s="93"/>
      <c r="BF5670" s="93"/>
      <c r="BG5670" s="93"/>
      <c r="BH5670" s="93"/>
      <c r="BI5670" s="93"/>
      <c r="BJ5670" s="93"/>
      <c r="BK5670" s="93"/>
      <c r="BL5670" s="93"/>
    </row>
    <row r="5671" spans="2:64" x14ac:dyDescent="0.2">
      <c r="B5671" s="43"/>
      <c r="C5671" s="73"/>
      <c r="D5671" s="64"/>
      <c r="E5671" s="55"/>
      <c r="F5671" s="74"/>
      <c r="G5671" s="74"/>
      <c r="H5671" s="74"/>
      <c r="I5671" s="75"/>
      <c r="J5671" s="74"/>
      <c r="L5671" s="55"/>
      <c r="M5671" s="234"/>
      <c r="N5671" s="65"/>
      <c r="O5671" s="76"/>
      <c r="P5671" s="76"/>
      <c r="Q5671" s="65"/>
      <c r="R5671" s="76"/>
      <c r="S5671" s="76"/>
      <c r="T5671" s="76"/>
      <c r="U5671" s="76"/>
      <c r="V5671" s="76"/>
      <c r="W5671" s="76"/>
      <c r="X5671" s="76"/>
      <c r="Y5671" s="76"/>
      <c r="Z5671" s="76"/>
      <c r="AA5671" s="85"/>
      <c r="AB5671" s="85"/>
      <c r="AC5671" s="85"/>
      <c r="AD5671" s="85"/>
      <c r="AE5671" s="85"/>
      <c r="AF5671" s="85"/>
      <c r="AG5671" s="86"/>
      <c r="AH5671" s="85"/>
      <c r="AI5671" s="85"/>
      <c r="AJ5671" s="85"/>
      <c r="AK5671" s="85"/>
      <c r="AL5671" s="85"/>
      <c r="AM5671" s="92"/>
      <c r="AN5671" s="92"/>
      <c r="AO5671" s="92"/>
      <c r="AP5671" s="92"/>
      <c r="AQ5671" s="92"/>
      <c r="AR5671" s="92"/>
      <c r="AS5671" s="92"/>
      <c r="AT5671" s="92"/>
      <c r="AU5671" s="92"/>
      <c r="AV5671" s="92"/>
      <c r="AW5671" s="92"/>
      <c r="AX5671" s="92"/>
      <c r="AY5671" s="92"/>
      <c r="AZ5671" s="93"/>
      <c r="BA5671" s="93"/>
      <c r="BB5671" s="93"/>
      <c r="BC5671" s="93"/>
      <c r="BD5671" s="93"/>
      <c r="BE5671" s="93"/>
      <c r="BF5671" s="93"/>
      <c r="BG5671" s="93"/>
      <c r="BH5671" s="93"/>
      <c r="BI5671" s="93"/>
      <c r="BJ5671" s="93"/>
      <c r="BK5671" s="93"/>
      <c r="BL5671" s="93"/>
    </row>
    <row r="5672" spans="2:64" x14ac:dyDescent="0.2">
      <c r="B5672" s="43"/>
      <c r="C5672" s="73"/>
      <c r="D5672" s="64"/>
      <c r="E5672" s="55"/>
      <c r="F5672" s="74"/>
      <c r="G5672" s="74"/>
      <c r="H5672" s="74"/>
      <c r="I5672" s="75"/>
      <c r="J5672" s="74"/>
      <c r="L5672" s="55"/>
      <c r="M5672" s="234"/>
      <c r="N5672" s="65"/>
      <c r="O5672" s="76"/>
      <c r="P5672" s="76"/>
      <c r="Q5672" s="65"/>
      <c r="R5672" s="76"/>
      <c r="S5672" s="76"/>
      <c r="T5672" s="76"/>
      <c r="U5672" s="76"/>
      <c r="V5672" s="76"/>
      <c r="W5672" s="76"/>
      <c r="X5672" s="76"/>
      <c r="Y5672" s="76"/>
      <c r="Z5672" s="76"/>
      <c r="AA5672" s="85"/>
      <c r="AB5672" s="85"/>
      <c r="AC5672" s="85"/>
      <c r="AD5672" s="85"/>
      <c r="AE5672" s="85"/>
      <c r="AF5672" s="85"/>
      <c r="AG5672" s="86"/>
      <c r="AH5672" s="85"/>
      <c r="AI5672" s="85"/>
      <c r="AJ5672" s="85"/>
      <c r="AK5672" s="85"/>
      <c r="AL5672" s="85"/>
      <c r="AM5672" s="92"/>
      <c r="AN5672" s="92"/>
      <c r="AO5672" s="92"/>
      <c r="AP5672" s="92"/>
      <c r="AQ5672" s="92"/>
      <c r="AR5672" s="92"/>
      <c r="AS5672" s="92"/>
      <c r="AT5672" s="92"/>
      <c r="AU5672" s="92"/>
      <c r="AV5672" s="92"/>
      <c r="AW5672" s="92"/>
      <c r="AX5672" s="92"/>
      <c r="AY5672" s="92"/>
      <c r="AZ5672" s="93"/>
      <c r="BA5672" s="93"/>
      <c r="BB5672" s="93"/>
      <c r="BC5672" s="93"/>
      <c r="BD5672" s="93"/>
      <c r="BE5672" s="93"/>
      <c r="BF5672" s="93"/>
      <c r="BG5672" s="93"/>
      <c r="BH5672" s="93"/>
      <c r="BI5672" s="93"/>
      <c r="BJ5672" s="93"/>
      <c r="BK5672" s="93"/>
      <c r="BL5672" s="93"/>
    </row>
    <row r="5673" spans="2:64" x14ac:dyDescent="0.2">
      <c r="B5673" s="43"/>
      <c r="C5673" s="73"/>
      <c r="D5673" s="64"/>
      <c r="E5673" s="55"/>
      <c r="F5673" s="74"/>
      <c r="G5673" s="74"/>
      <c r="H5673" s="74"/>
      <c r="I5673" s="75"/>
      <c r="J5673" s="74"/>
      <c r="L5673" s="55"/>
      <c r="M5673" s="234"/>
      <c r="N5673" s="65"/>
      <c r="O5673" s="76"/>
      <c r="P5673" s="76"/>
      <c r="Q5673" s="65"/>
      <c r="R5673" s="76"/>
      <c r="S5673" s="76"/>
      <c r="T5673" s="76"/>
      <c r="U5673" s="76"/>
      <c r="V5673" s="76"/>
      <c r="W5673" s="76"/>
      <c r="X5673" s="76"/>
      <c r="Y5673" s="76"/>
      <c r="Z5673" s="76"/>
      <c r="AA5673" s="85"/>
      <c r="AB5673" s="85"/>
      <c r="AC5673" s="85"/>
      <c r="AD5673" s="85"/>
      <c r="AE5673" s="85"/>
      <c r="AF5673" s="85"/>
      <c r="AG5673" s="86"/>
      <c r="AH5673" s="85"/>
      <c r="AI5673" s="85"/>
      <c r="AJ5673" s="85"/>
      <c r="AK5673" s="85"/>
      <c r="AL5673" s="85"/>
      <c r="AM5673" s="92"/>
      <c r="AN5673" s="92"/>
      <c r="AO5673" s="92"/>
      <c r="AP5673" s="92"/>
      <c r="AQ5673" s="92"/>
      <c r="AR5673" s="92"/>
      <c r="AS5673" s="92"/>
      <c r="AT5673" s="92"/>
      <c r="AU5673" s="92"/>
      <c r="AV5673" s="92"/>
      <c r="AW5673" s="92"/>
      <c r="AX5673" s="92"/>
      <c r="AY5673" s="92"/>
      <c r="AZ5673" s="93"/>
      <c r="BA5673" s="93"/>
      <c r="BB5673" s="93"/>
      <c r="BC5673" s="93"/>
      <c r="BD5673" s="93"/>
      <c r="BE5673" s="93"/>
      <c r="BF5673" s="93"/>
      <c r="BG5673" s="93"/>
      <c r="BH5673" s="93"/>
      <c r="BI5673" s="93"/>
      <c r="BJ5673" s="93"/>
      <c r="BK5673" s="93"/>
      <c r="BL5673" s="93"/>
    </row>
    <row r="5674" spans="2:64" x14ac:dyDescent="0.2">
      <c r="B5674" s="43"/>
      <c r="C5674" s="73"/>
      <c r="D5674" s="64"/>
      <c r="E5674" s="55"/>
      <c r="F5674" s="74"/>
      <c r="G5674" s="74"/>
      <c r="H5674" s="74"/>
      <c r="I5674" s="75"/>
      <c r="J5674" s="74"/>
      <c r="L5674" s="55"/>
      <c r="M5674" s="234"/>
      <c r="N5674" s="65"/>
      <c r="O5674" s="76"/>
      <c r="P5674" s="76"/>
      <c r="Q5674" s="65"/>
      <c r="R5674" s="76"/>
      <c r="S5674" s="76"/>
      <c r="T5674" s="76"/>
      <c r="U5674" s="76"/>
      <c r="V5674" s="76"/>
      <c r="W5674" s="76"/>
      <c r="X5674" s="76"/>
      <c r="Y5674" s="76"/>
      <c r="Z5674" s="76"/>
      <c r="AA5674" s="85"/>
      <c r="AB5674" s="85"/>
      <c r="AC5674" s="85"/>
      <c r="AD5674" s="85"/>
      <c r="AE5674" s="85"/>
      <c r="AF5674" s="85"/>
      <c r="AG5674" s="86"/>
      <c r="AH5674" s="85"/>
      <c r="AI5674" s="85"/>
      <c r="AJ5674" s="85"/>
      <c r="AK5674" s="85"/>
      <c r="AL5674" s="85"/>
      <c r="AM5674" s="92"/>
      <c r="AN5674" s="92"/>
      <c r="AO5674" s="92"/>
      <c r="AP5674" s="92"/>
      <c r="AQ5674" s="92"/>
      <c r="AR5674" s="92"/>
      <c r="AS5674" s="92"/>
      <c r="AT5674" s="92"/>
      <c r="AU5674" s="92"/>
      <c r="AV5674" s="92"/>
      <c r="AW5674" s="92"/>
      <c r="AX5674" s="92"/>
      <c r="AY5674" s="92"/>
      <c r="AZ5674" s="93"/>
      <c r="BA5674" s="93"/>
      <c r="BB5674" s="93"/>
      <c r="BC5674" s="93"/>
      <c r="BD5674" s="93"/>
      <c r="BE5674" s="93"/>
      <c r="BF5674" s="93"/>
      <c r="BG5674" s="93"/>
      <c r="BH5674" s="93"/>
      <c r="BI5674" s="93"/>
      <c r="BJ5674" s="93"/>
      <c r="BK5674" s="93"/>
      <c r="BL5674" s="93"/>
    </row>
    <row r="5675" spans="2:64" x14ac:dyDescent="0.2">
      <c r="B5675" s="43"/>
      <c r="C5675" s="73"/>
      <c r="D5675" s="64"/>
      <c r="E5675" s="55"/>
      <c r="F5675" s="74"/>
      <c r="G5675" s="74"/>
      <c r="H5675" s="74"/>
      <c r="I5675" s="75"/>
      <c r="J5675" s="74"/>
      <c r="L5675" s="55"/>
      <c r="M5675" s="234"/>
      <c r="N5675" s="65"/>
      <c r="O5675" s="76"/>
      <c r="P5675" s="76"/>
      <c r="Q5675" s="65"/>
      <c r="R5675" s="76"/>
      <c r="S5675" s="76"/>
      <c r="T5675" s="76"/>
      <c r="U5675" s="76"/>
      <c r="V5675" s="76"/>
      <c r="W5675" s="76"/>
      <c r="X5675" s="76"/>
      <c r="Y5675" s="76"/>
      <c r="Z5675" s="76"/>
      <c r="AA5675" s="85"/>
      <c r="AB5675" s="85"/>
      <c r="AC5675" s="85"/>
      <c r="AD5675" s="85"/>
      <c r="AE5675" s="85"/>
      <c r="AF5675" s="85"/>
      <c r="AG5675" s="86"/>
      <c r="AH5675" s="85"/>
      <c r="AI5675" s="85"/>
      <c r="AJ5675" s="85"/>
      <c r="AK5675" s="85"/>
      <c r="AL5675" s="85"/>
      <c r="AM5675" s="92"/>
      <c r="AN5675" s="92"/>
      <c r="AO5675" s="92"/>
      <c r="AP5675" s="92"/>
      <c r="AQ5675" s="92"/>
      <c r="AR5675" s="92"/>
      <c r="AS5675" s="92"/>
      <c r="AT5675" s="92"/>
      <c r="AU5675" s="92"/>
      <c r="AV5675" s="92"/>
      <c r="AW5675" s="92"/>
      <c r="AX5675" s="92"/>
      <c r="AY5675" s="92"/>
      <c r="AZ5675" s="93"/>
      <c r="BA5675" s="93"/>
      <c r="BB5675" s="93"/>
      <c r="BC5675" s="93"/>
      <c r="BD5675" s="93"/>
      <c r="BE5675" s="93"/>
      <c r="BF5675" s="93"/>
      <c r="BG5675" s="93"/>
      <c r="BH5675" s="93"/>
      <c r="BI5675" s="93"/>
      <c r="BJ5675" s="93"/>
      <c r="BK5675" s="93"/>
      <c r="BL5675" s="93"/>
    </row>
    <row r="5676" spans="2:64" x14ac:dyDescent="0.2">
      <c r="B5676" s="43"/>
      <c r="C5676" s="73"/>
      <c r="D5676" s="64"/>
      <c r="E5676" s="55"/>
      <c r="F5676" s="74"/>
      <c r="G5676" s="74"/>
      <c r="H5676" s="74"/>
      <c r="I5676" s="75"/>
      <c r="J5676" s="74"/>
      <c r="L5676" s="55"/>
      <c r="M5676" s="234"/>
      <c r="N5676" s="65"/>
      <c r="O5676" s="76"/>
      <c r="P5676" s="76"/>
      <c r="Q5676" s="65"/>
      <c r="R5676" s="76"/>
      <c r="S5676" s="76"/>
      <c r="T5676" s="76"/>
      <c r="U5676" s="76"/>
      <c r="V5676" s="76"/>
      <c r="W5676" s="76"/>
      <c r="X5676" s="76"/>
      <c r="Y5676" s="76"/>
      <c r="Z5676" s="76"/>
      <c r="AA5676" s="85"/>
      <c r="AB5676" s="85"/>
      <c r="AC5676" s="85"/>
      <c r="AD5676" s="85"/>
      <c r="AE5676" s="85"/>
      <c r="AF5676" s="85"/>
      <c r="AG5676" s="86"/>
      <c r="AH5676" s="85"/>
      <c r="AI5676" s="85"/>
      <c r="AJ5676" s="85"/>
      <c r="AK5676" s="85"/>
      <c r="AL5676" s="85"/>
      <c r="AM5676" s="92"/>
      <c r="AN5676" s="92"/>
      <c r="AO5676" s="92"/>
      <c r="AP5676" s="92"/>
      <c r="AQ5676" s="92"/>
      <c r="AR5676" s="92"/>
      <c r="AS5676" s="92"/>
      <c r="AT5676" s="92"/>
      <c r="AU5676" s="92"/>
      <c r="AV5676" s="92"/>
      <c r="AW5676" s="92"/>
      <c r="AX5676" s="92"/>
      <c r="AY5676" s="92"/>
      <c r="AZ5676" s="93"/>
      <c r="BA5676" s="93"/>
      <c r="BB5676" s="93"/>
      <c r="BC5676" s="93"/>
      <c r="BD5676" s="93"/>
      <c r="BE5676" s="93"/>
      <c r="BF5676" s="93"/>
      <c r="BG5676" s="93"/>
      <c r="BH5676" s="93"/>
      <c r="BI5676" s="93"/>
      <c r="BJ5676" s="93"/>
      <c r="BK5676" s="93"/>
      <c r="BL5676" s="93"/>
    </row>
    <row r="5677" spans="2:64" x14ac:dyDescent="0.2">
      <c r="B5677" s="43"/>
      <c r="C5677" s="73"/>
      <c r="D5677" s="64"/>
      <c r="E5677" s="55"/>
      <c r="F5677" s="74"/>
      <c r="G5677" s="74"/>
      <c r="H5677" s="74"/>
      <c r="I5677" s="75"/>
      <c r="J5677" s="74"/>
      <c r="L5677" s="55"/>
      <c r="M5677" s="234"/>
      <c r="N5677" s="65"/>
      <c r="O5677" s="76"/>
      <c r="P5677" s="76"/>
      <c r="Q5677" s="65"/>
      <c r="R5677" s="76"/>
      <c r="S5677" s="76"/>
      <c r="T5677" s="76"/>
      <c r="U5677" s="76"/>
      <c r="V5677" s="76"/>
      <c r="W5677" s="76"/>
      <c r="X5677" s="76"/>
      <c r="Y5677" s="76"/>
      <c r="Z5677" s="76"/>
      <c r="AA5677" s="85"/>
      <c r="AB5677" s="85"/>
      <c r="AC5677" s="85"/>
      <c r="AD5677" s="85"/>
      <c r="AE5677" s="85"/>
      <c r="AF5677" s="85"/>
      <c r="AG5677" s="86"/>
      <c r="AH5677" s="85"/>
      <c r="AI5677" s="85"/>
      <c r="AJ5677" s="85"/>
      <c r="AK5677" s="85"/>
      <c r="AL5677" s="85"/>
      <c r="AM5677" s="92"/>
      <c r="AN5677" s="92"/>
      <c r="AO5677" s="92"/>
      <c r="AP5677" s="92"/>
      <c r="AQ5677" s="92"/>
      <c r="AR5677" s="92"/>
      <c r="AS5677" s="92"/>
      <c r="AT5677" s="92"/>
      <c r="AU5677" s="92"/>
      <c r="AV5677" s="92"/>
      <c r="AW5677" s="92"/>
      <c r="AX5677" s="92"/>
      <c r="AY5677" s="92"/>
      <c r="AZ5677" s="93"/>
      <c r="BA5677" s="93"/>
      <c r="BB5677" s="93"/>
      <c r="BC5677" s="93"/>
      <c r="BD5677" s="93"/>
      <c r="BE5677" s="93"/>
      <c r="BF5677" s="93"/>
      <c r="BG5677" s="93"/>
      <c r="BH5677" s="93"/>
      <c r="BI5677" s="93"/>
      <c r="BJ5677" s="93"/>
      <c r="BK5677" s="93"/>
      <c r="BL5677" s="93"/>
    </row>
    <row r="5678" spans="2:64" x14ac:dyDescent="0.2">
      <c r="B5678" s="43"/>
      <c r="C5678" s="73"/>
      <c r="D5678" s="64"/>
      <c r="E5678" s="55"/>
      <c r="F5678" s="74"/>
      <c r="G5678" s="74"/>
      <c r="H5678" s="74"/>
      <c r="I5678" s="75"/>
      <c r="J5678" s="74"/>
      <c r="L5678" s="55"/>
      <c r="M5678" s="234"/>
      <c r="N5678" s="65"/>
      <c r="O5678" s="76"/>
      <c r="P5678" s="76"/>
      <c r="Q5678" s="65"/>
      <c r="R5678" s="76"/>
      <c r="S5678" s="76"/>
      <c r="T5678" s="76"/>
      <c r="U5678" s="76"/>
      <c r="V5678" s="76"/>
      <c r="W5678" s="76"/>
      <c r="X5678" s="76"/>
      <c r="Y5678" s="76"/>
      <c r="Z5678" s="76"/>
      <c r="AA5678" s="85"/>
      <c r="AB5678" s="85"/>
      <c r="AC5678" s="85"/>
      <c r="AD5678" s="85"/>
      <c r="AE5678" s="85"/>
      <c r="AF5678" s="85"/>
      <c r="AG5678" s="86"/>
      <c r="AH5678" s="85"/>
      <c r="AI5678" s="85"/>
      <c r="AJ5678" s="85"/>
      <c r="AK5678" s="85"/>
      <c r="AL5678" s="85"/>
      <c r="AM5678" s="92"/>
      <c r="AN5678" s="92"/>
      <c r="AO5678" s="92"/>
      <c r="AP5678" s="92"/>
      <c r="AQ5678" s="92"/>
      <c r="AR5678" s="92"/>
      <c r="AS5678" s="92"/>
      <c r="AT5678" s="92"/>
      <c r="AU5678" s="92"/>
      <c r="AV5678" s="92"/>
      <c r="AW5678" s="92"/>
      <c r="AX5678" s="92"/>
      <c r="AY5678" s="92"/>
      <c r="AZ5678" s="93"/>
      <c r="BA5678" s="93"/>
      <c r="BB5678" s="93"/>
      <c r="BC5678" s="93"/>
      <c r="BD5678" s="93"/>
      <c r="BE5678" s="93"/>
      <c r="BF5678" s="93"/>
      <c r="BG5678" s="93"/>
      <c r="BH5678" s="93"/>
      <c r="BI5678" s="93"/>
      <c r="BJ5678" s="93"/>
      <c r="BK5678" s="93"/>
      <c r="BL5678" s="93"/>
    </row>
    <row r="5679" spans="2:64" x14ac:dyDescent="0.2">
      <c r="B5679" s="43"/>
      <c r="C5679" s="73"/>
      <c r="D5679" s="64"/>
      <c r="E5679" s="55"/>
      <c r="F5679" s="74"/>
      <c r="G5679" s="74"/>
      <c r="H5679" s="74"/>
      <c r="I5679" s="75"/>
      <c r="J5679" s="74"/>
      <c r="L5679" s="55"/>
      <c r="M5679" s="234"/>
      <c r="N5679" s="65"/>
      <c r="O5679" s="76"/>
      <c r="P5679" s="76"/>
      <c r="Q5679" s="65"/>
      <c r="R5679" s="76"/>
      <c r="S5679" s="76"/>
      <c r="T5679" s="76"/>
      <c r="U5679" s="76"/>
      <c r="V5679" s="76"/>
      <c r="W5679" s="76"/>
      <c r="X5679" s="76"/>
      <c r="Y5679" s="76"/>
      <c r="Z5679" s="76"/>
      <c r="AA5679" s="85"/>
      <c r="AB5679" s="85"/>
      <c r="AC5679" s="85"/>
      <c r="AD5679" s="85"/>
      <c r="AE5679" s="85"/>
      <c r="AF5679" s="85"/>
      <c r="AG5679" s="86"/>
      <c r="AH5679" s="85"/>
      <c r="AI5679" s="85"/>
      <c r="AJ5679" s="85"/>
      <c r="AK5679" s="85"/>
      <c r="AL5679" s="85"/>
      <c r="AM5679" s="92"/>
      <c r="AN5679" s="92"/>
      <c r="AO5679" s="92"/>
      <c r="AP5679" s="92"/>
      <c r="AQ5679" s="92"/>
      <c r="AR5679" s="92"/>
      <c r="AS5679" s="92"/>
      <c r="AT5679" s="92"/>
      <c r="AU5679" s="92"/>
      <c r="AV5679" s="92"/>
      <c r="AW5679" s="92"/>
      <c r="AX5679" s="92"/>
      <c r="AY5679" s="92"/>
      <c r="AZ5679" s="93"/>
      <c r="BA5679" s="93"/>
      <c r="BB5679" s="93"/>
      <c r="BC5679" s="93"/>
      <c r="BD5679" s="93"/>
      <c r="BE5679" s="93"/>
      <c r="BF5679" s="93"/>
      <c r="BG5679" s="93"/>
      <c r="BH5679" s="93"/>
      <c r="BI5679" s="93"/>
      <c r="BJ5679" s="93"/>
      <c r="BK5679" s="93"/>
      <c r="BL5679" s="93"/>
    </row>
    <row r="5680" spans="2:64" x14ac:dyDescent="0.2">
      <c r="B5680" s="43"/>
      <c r="C5680" s="73"/>
      <c r="D5680" s="64"/>
      <c r="E5680" s="55"/>
      <c r="F5680" s="74"/>
      <c r="G5680" s="74"/>
      <c r="H5680" s="74"/>
      <c r="I5680" s="75"/>
      <c r="J5680" s="74"/>
      <c r="L5680" s="55"/>
      <c r="M5680" s="234"/>
      <c r="N5680" s="65"/>
      <c r="O5680" s="76"/>
      <c r="P5680" s="76"/>
      <c r="Q5680" s="65"/>
      <c r="R5680" s="76"/>
      <c r="S5680" s="76"/>
      <c r="T5680" s="76"/>
      <c r="U5680" s="76"/>
      <c r="V5680" s="76"/>
      <c r="W5680" s="76"/>
      <c r="X5680" s="76"/>
      <c r="Y5680" s="76"/>
      <c r="Z5680" s="76"/>
      <c r="AA5680" s="85"/>
      <c r="AB5680" s="85"/>
      <c r="AC5680" s="85"/>
      <c r="AD5680" s="85"/>
      <c r="AE5680" s="85"/>
      <c r="AF5680" s="85"/>
      <c r="AG5680" s="86"/>
      <c r="AH5680" s="85"/>
      <c r="AI5680" s="85"/>
      <c r="AJ5680" s="85"/>
      <c r="AK5680" s="85"/>
      <c r="AL5680" s="85"/>
      <c r="AM5680" s="92"/>
      <c r="AN5680" s="92"/>
      <c r="AO5680" s="92"/>
      <c r="AP5680" s="92"/>
      <c r="AQ5680" s="92"/>
      <c r="AR5680" s="92"/>
      <c r="AS5680" s="92"/>
      <c r="AT5680" s="92"/>
      <c r="AU5680" s="92"/>
      <c r="AV5680" s="92"/>
      <c r="AW5680" s="92"/>
      <c r="AX5680" s="92"/>
      <c r="AY5680" s="92"/>
      <c r="AZ5680" s="93"/>
      <c r="BA5680" s="93"/>
      <c r="BB5680" s="93"/>
      <c r="BC5680" s="93"/>
      <c r="BD5680" s="93"/>
      <c r="BE5680" s="93"/>
      <c r="BF5680" s="93"/>
      <c r="BG5680" s="93"/>
      <c r="BH5680" s="93"/>
      <c r="BI5680" s="93"/>
      <c r="BJ5680" s="93"/>
      <c r="BK5680" s="93"/>
      <c r="BL5680" s="93"/>
    </row>
    <row r="5681" spans="2:64" x14ac:dyDescent="0.2">
      <c r="B5681" s="43"/>
      <c r="C5681" s="73"/>
      <c r="D5681" s="64"/>
      <c r="E5681" s="55"/>
      <c r="F5681" s="74"/>
      <c r="G5681" s="74"/>
      <c r="H5681" s="74"/>
      <c r="I5681" s="75"/>
      <c r="J5681" s="74"/>
      <c r="L5681" s="55"/>
      <c r="M5681" s="234"/>
      <c r="N5681" s="65"/>
      <c r="O5681" s="76"/>
      <c r="P5681" s="76"/>
      <c r="Q5681" s="65"/>
      <c r="R5681" s="76"/>
      <c r="S5681" s="76"/>
      <c r="T5681" s="76"/>
      <c r="U5681" s="76"/>
      <c r="V5681" s="76"/>
      <c r="W5681" s="76"/>
      <c r="X5681" s="76"/>
      <c r="Y5681" s="76"/>
      <c r="Z5681" s="76"/>
      <c r="AA5681" s="85"/>
      <c r="AB5681" s="85"/>
      <c r="AC5681" s="85"/>
      <c r="AD5681" s="85"/>
      <c r="AE5681" s="85"/>
      <c r="AF5681" s="85"/>
      <c r="AG5681" s="86"/>
      <c r="AH5681" s="85"/>
      <c r="AI5681" s="85"/>
      <c r="AJ5681" s="85"/>
      <c r="AK5681" s="85"/>
      <c r="AL5681" s="85"/>
      <c r="AM5681" s="92"/>
      <c r="AN5681" s="92"/>
      <c r="AO5681" s="92"/>
      <c r="AP5681" s="92"/>
      <c r="AQ5681" s="92"/>
      <c r="AR5681" s="92"/>
      <c r="AS5681" s="92"/>
      <c r="AT5681" s="92"/>
      <c r="AU5681" s="92"/>
      <c r="AV5681" s="92"/>
      <c r="AW5681" s="92"/>
      <c r="AX5681" s="92"/>
      <c r="AY5681" s="92"/>
      <c r="AZ5681" s="93"/>
      <c r="BA5681" s="93"/>
      <c r="BB5681" s="93"/>
      <c r="BC5681" s="93"/>
      <c r="BD5681" s="93"/>
      <c r="BE5681" s="93"/>
      <c r="BF5681" s="93"/>
      <c r="BG5681" s="93"/>
      <c r="BH5681" s="93"/>
      <c r="BI5681" s="93"/>
      <c r="BJ5681" s="93"/>
      <c r="BK5681" s="93"/>
      <c r="BL5681" s="93"/>
    </row>
    <row r="5682" spans="2:64" x14ac:dyDescent="0.2">
      <c r="B5682" s="43"/>
      <c r="C5682" s="73"/>
      <c r="D5682" s="64"/>
      <c r="E5682" s="55"/>
      <c r="F5682" s="74"/>
      <c r="G5682" s="74"/>
      <c r="H5682" s="74"/>
      <c r="I5682" s="75"/>
      <c r="J5682" s="74"/>
      <c r="L5682" s="55"/>
      <c r="M5682" s="234"/>
      <c r="N5682" s="65"/>
      <c r="O5682" s="76"/>
      <c r="P5682" s="76"/>
      <c r="Q5682" s="65"/>
      <c r="R5682" s="76"/>
      <c r="S5682" s="76"/>
      <c r="T5682" s="76"/>
      <c r="U5682" s="76"/>
      <c r="V5682" s="76"/>
      <c r="W5682" s="76"/>
      <c r="X5682" s="76"/>
      <c r="Y5682" s="76"/>
      <c r="Z5682" s="76"/>
      <c r="AA5682" s="85"/>
      <c r="AB5682" s="85"/>
      <c r="AC5682" s="85"/>
      <c r="AD5682" s="85"/>
      <c r="AE5682" s="85"/>
      <c r="AF5682" s="85"/>
      <c r="AG5682" s="86"/>
      <c r="AH5682" s="85"/>
      <c r="AI5682" s="85"/>
      <c r="AJ5682" s="85"/>
      <c r="AK5682" s="85"/>
      <c r="AL5682" s="85"/>
      <c r="AM5682" s="92"/>
      <c r="AN5682" s="92"/>
      <c r="AO5682" s="92"/>
      <c r="AP5682" s="92"/>
      <c r="AQ5682" s="92"/>
      <c r="AR5682" s="92"/>
      <c r="AS5682" s="92"/>
      <c r="AT5682" s="92"/>
      <c r="AU5682" s="92"/>
      <c r="AV5682" s="92"/>
      <c r="AW5682" s="92"/>
      <c r="AX5682" s="92"/>
      <c r="AY5682" s="92"/>
      <c r="AZ5682" s="93"/>
      <c r="BA5682" s="93"/>
      <c r="BB5682" s="93"/>
      <c r="BC5682" s="93"/>
      <c r="BD5682" s="93"/>
      <c r="BE5682" s="93"/>
      <c r="BF5682" s="93"/>
      <c r="BG5682" s="93"/>
      <c r="BH5682" s="93"/>
      <c r="BI5682" s="93"/>
      <c r="BJ5682" s="93"/>
      <c r="BK5682" s="93"/>
      <c r="BL5682" s="93"/>
    </row>
    <row r="5683" spans="2:64" x14ac:dyDescent="0.2">
      <c r="B5683" s="43"/>
      <c r="C5683" s="73"/>
      <c r="D5683" s="64"/>
      <c r="E5683" s="55"/>
      <c r="F5683" s="74"/>
      <c r="G5683" s="74"/>
      <c r="H5683" s="74"/>
      <c r="I5683" s="75"/>
      <c r="J5683" s="74"/>
      <c r="L5683" s="55"/>
      <c r="M5683" s="234"/>
      <c r="N5683" s="65"/>
      <c r="O5683" s="76"/>
      <c r="P5683" s="76"/>
      <c r="Q5683" s="65"/>
      <c r="R5683" s="76"/>
      <c r="S5683" s="76"/>
      <c r="T5683" s="76"/>
      <c r="U5683" s="76"/>
      <c r="V5683" s="76"/>
      <c r="W5683" s="76"/>
      <c r="X5683" s="76"/>
      <c r="Y5683" s="76"/>
      <c r="Z5683" s="76"/>
      <c r="AA5683" s="85"/>
      <c r="AB5683" s="85"/>
      <c r="AC5683" s="85"/>
      <c r="AD5683" s="85"/>
      <c r="AE5683" s="85"/>
      <c r="AF5683" s="85"/>
      <c r="AG5683" s="86"/>
      <c r="AH5683" s="85"/>
      <c r="AI5683" s="85"/>
      <c r="AJ5683" s="85"/>
      <c r="AK5683" s="85"/>
      <c r="AL5683" s="85"/>
      <c r="AM5683" s="92"/>
      <c r="AN5683" s="92"/>
      <c r="AO5683" s="92"/>
      <c r="AP5683" s="92"/>
      <c r="AQ5683" s="92"/>
      <c r="AR5683" s="92"/>
      <c r="AS5683" s="92"/>
      <c r="AT5683" s="92"/>
      <c r="AU5683" s="92"/>
      <c r="AV5683" s="92"/>
      <c r="AW5683" s="92"/>
      <c r="AX5683" s="92"/>
      <c r="AY5683" s="92"/>
      <c r="AZ5683" s="93"/>
      <c r="BA5683" s="93"/>
      <c r="BB5683" s="93"/>
      <c r="BC5683" s="93"/>
      <c r="BD5683" s="93"/>
      <c r="BE5683" s="93"/>
      <c r="BF5683" s="93"/>
      <c r="BG5683" s="93"/>
      <c r="BH5683" s="93"/>
      <c r="BI5683" s="93"/>
      <c r="BJ5683" s="93"/>
      <c r="BK5683" s="93"/>
      <c r="BL5683" s="93"/>
    </row>
    <row r="5684" spans="2:64" x14ac:dyDescent="0.2">
      <c r="B5684" s="43"/>
      <c r="C5684" s="73"/>
      <c r="D5684" s="64"/>
      <c r="E5684" s="55"/>
      <c r="F5684" s="74"/>
      <c r="G5684" s="74"/>
      <c r="H5684" s="74"/>
      <c r="I5684" s="75"/>
      <c r="J5684" s="74"/>
      <c r="L5684" s="55"/>
      <c r="M5684" s="234"/>
      <c r="N5684" s="65"/>
      <c r="O5684" s="76"/>
      <c r="P5684" s="76"/>
      <c r="Q5684" s="65"/>
      <c r="R5684" s="76"/>
      <c r="S5684" s="76"/>
      <c r="T5684" s="76"/>
      <c r="U5684" s="76"/>
      <c r="V5684" s="76"/>
      <c r="W5684" s="76"/>
      <c r="X5684" s="76"/>
      <c r="Y5684" s="76"/>
      <c r="Z5684" s="76"/>
      <c r="AA5684" s="85"/>
      <c r="AB5684" s="85"/>
      <c r="AC5684" s="85"/>
      <c r="AD5684" s="85"/>
      <c r="AE5684" s="85"/>
      <c r="AF5684" s="85"/>
      <c r="AG5684" s="86"/>
      <c r="AH5684" s="85"/>
      <c r="AI5684" s="85"/>
      <c r="AJ5684" s="85"/>
      <c r="AK5684" s="85"/>
      <c r="AL5684" s="85"/>
      <c r="AM5684" s="92"/>
      <c r="AN5684" s="92"/>
      <c r="AO5684" s="92"/>
      <c r="AP5684" s="92"/>
      <c r="AQ5684" s="92"/>
      <c r="AR5684" s="92"/>
      <c r="AS5684" s="92"/>
      <c r="AT5684" s="92"/>
      <c r="AU5684" s="92"/>
      <c r="AV5684" s="92"/>
      <c r="AW5684" s="92"/>
      <c r="AX5684" s="92"/>
      <c r="AY5684" s="92"/>
      <c r="AZ5684" s="93"/>
      <c r="BA5684" s="93"/>
      <c r="BB5684" s="93"/>
      <c r="BC5684" s="93"/>
      <c r="BD5684" s="93"/>
      <c r="BE5684" s="93"/>
      <c r="BF5684" s="93"/>
      <c r="BG5684" s="93"/>
      <c r="BH5684" s="93"/>
      <c r="BI5684" s="93"/>
      <c r="BJ5684" s="93"/>
      <c r="BK5684" s="93"/>
      <c r="BL5684" s="93"/>
    </row>
    <row r="5685" spans="2:64" x14ac:dyDescent="0.2">
      <c r="B5685" s="43"/>
      <c r="C5685" s="73"/>
      <c r="D5685" s="64"/>
      <c r="E5685" s="55"/>
      <c r="F5685" s="74"/>
      <c r="G5685" s="74"/>
      <c r="H5685" s="74"/>
      <c r="I5685" s="75"/>
      <c r="J5685" s="74"/>
      <c r="L5685" s="55"/>
      <c r="M5685" s="234"/>
      <c r="N5685" s="65"/>
      <c r="O5685" s="76"/>
      <c r="P5685" s="76"/>
      <c r="Q5685" s="65"/>
      <c r="R5685" s="76"/>
      <c r="S5685" s="76"/>
      <c r="T5685" s="76"/>
      <c r="U5685" s="76"/>
      <c r="V5685" s="76"/>
      <c r="W5685" s="76"/>
      <c r="X5685" s="76"/>
      <c r="Y5685" s="76"/>
      <c r="Z5685" s="76"/>
      <c r="AA5685" s="85"/>
      <c r="AB5685" s="85"/>
      <c r="AC5685" s="85"/>
      <c r="AD5685" s="85"/>
      <c r="AE5685" s="85"/>
      <c r="AF5685" s="85"/>
      <c r="AG5685" s="86"/>
      <c r="AH5685" s="85"/>
      <c r="AI5685" s="85"/>
      <c r="AJ5685" s="85"/>
      <c r="AK5685" s="85"/>
      <c r="AL5685" s="85"/>
      <c r="AM5685" s="92"/>
      <c r="AN5685" s="92"/>
      <c r="AO5685" s="92"/>
      <c r="AP5685" s="92"/>
      <c r="AQ5685" s="92"/>
      <c r="AR5685" s="92"/>
      <c r="AS5685" s="92"/>
      <c r="AT5685" s="92"/>
      <c r="AU5685" s="92"/>
      <c r="AV5685" s="92"/>
      <c r="AW5685" s="92"/>
      <c r="AX5685" s="92"/>
      <c r="AY5685" s="92"/>
      <c r="AZ5685" s="93"/>
      <c r="BA5685" s="93"/>
      <c r="BB5685" s="93"/>
      <c r="BC5685" s="93"/>
      <c r="BD5685" s="93"/>
      <c r="BE5685" s="93"/>
      <c r="BF5685" s="93"/>
      <c r="BG5685" s="93"/>
      <c r="BH5685" s="93"/>
      <c r="BI5685" s="93"/>
      <c r="BJ5685" s="93"/>
      <c r="BK5685" s="93"/>
      <c r="BL5685" s="93"/>
    </row>
    <row r="5686" spans="2:64" x14ac:dyDescent="0.2">
      <c r="B5686" s="43"/>
      <c r="C5686" s="73"/>
      <c r="D5686" s="64"/>
      <c r="E5686" s="55"/>
      <c r="F5686" s="74"/>
      <c r="G5686" s="74"/>
      <c r="H5686" s="74"/>
      <c r="I5686" s="75"/>
      <c r="J5686" s="74"/>
      <c r="L5686" s="55"/>
      <c r="M5686" s="234"/>
      <c r="N5686" s="65"/>
      <c r="O5686" s="76"/>
      <c r="P5686" s="76"/>
      <c r="Q5686" s="65"/>
      <c r="R5686" s="76"/>
      <c r="S5686" s="76"/>
      <c r="T5686" s="76"/>
      <c r="U5686" s="76"/>
      <c r="V5686" s="76"/>
      <c r="W5686" s="76"/>
      <c r="X5686" s="76"/>
      <c r="Y5686" s="76"/>
      <c r="Z5686" s="76"/>
      <c r="AA5686" s="85"/>
      <c r="AB5686" s="85"/>
      <c r="AC5686" s="85"/>
      <c r="AD5686" s="85"/>
      <c r="AE5686" s="85"/>
      <c r="AF5686" s="85"/>
      <c r="AG5686" s="86"/>
      <c r="AH5686" s="85"/>
      <c r="AI5686" s="85"/>
      <c r="AJ5686" s="85"/>
      <c r="AK5686" s="85"/>
      <c r="AL5686" s="85"/>
      <c r="AM5686" s="92"/>
      <c r="AN5686" s="92"/>
      <c r="AO5686" s="92"/>
      <c r="AP5686" s="92"/>
      <c r="AQ5686" s="92"/>
      <c r="AR5686" s="92"/>
      <c r="AS5686" s="92"/>
      <c r="AT5686" s="92"/>
      <c r="AU5686" s="92"/>
      <c r="AV5686" s="92"/>
      <c r="AW5686" s="92"/>
      <c r="AX5686" s="92"/>
      <c r="AY5686" s="92"/>
      <c r="AZ5686" s="93"/>
      <c r="BA5686" s="93"/>
      <c r="BB5686" s="93"/>
      <c r="BC5686" s="93"/>
      <c r="BD5686" s="93"/>
      <c r="BE5686" s="93"/>
      <c r="BF5686" s="93"/>
      <c r="BG5686" s="93"/>
      <c r="BH5686" s="93"/>
      <c r="BI5686" s="93"/>
      <c r="BJ5686" s="93"/>
      <c r="BK5686" s="93"/>
      <c r="BL5686" s="93"/>
    </row>
    <row r="5687" spans="2:64" x14ac:dyDescent="0.2">
      <c r="B5687" s="43"/>
      <c r="C5687" s="73"/>
      <c r="D5687" s="64"/>
      <c r="E5687" s="55"/>
      <c r="F5687" s="74"/>
      <c r="G5687" s="74"/>
      <c r="H5687" s="74"/>
      <c r="I5687" s="75"/>
      <c r="J5687" s="74"/>
      <c r="L5687" s="55"/>
      <c r="M5687" s="234"/>
      <c r="N5687" s="65"/>
      <c r="O5687" s="76"/>
      <c r="P5687" s="76"/>
      <c r="Q5687" s="65"/>
      <c r="R5687" s="76"/>
      <c r="S5687" s="76"/>
      <c r="T5687" s="76"/>
      <c r="U5687" s="76"/>
      <c r="V5687" s="76"/>
      <c r="W5687" s="76"/>
      <c r="X5687" s="76"/>
      <c r="Y5687" s="76"/>
      <c r="Z5687" s="76"/>
      <c r="AA5687" s="85"/>
      <c r="AB5687" s="85"/>
      <c r="AC5687" s="85"/>
      <c r="AD5687" s="85"/>
      <c r="AE5687" s="85"/>
      <c r="AF5687" s="85"/>
      <c r="AG5687" s="86"/>
      <c r="AH5687" s="85"/>
      <c r="AI5687" s="85"/>
      <c r="AJ5687" s="85"/>
      <c r="AK5687" s="85"/>
      <c r="AL5687" s="85"/>
      <c r="AM5687" s="92"/>
      <c r="AN5687" s="92"/>
      <c r="AO5687" s="92"/>
      <c r="AP5687" s="92"/>
      <c r="AQ5687" s="92"/>
      <c r="AR5687" s="92"/>
      <c r="AS5687" s="92"/>
      <c r="AT5687" s="92"/>
      <c r="AU5687" s="92"/>
      <c r="AV5687" s="92"/>
      <c r="AW5687" s="92"/>
      <c r="AX5687" s="92"/>
      <c r="AY5687" s="92"/>
      <c r="AZ5687" s="93"/>
      <c r="BA5687" s="93"/>
      <c r="BB5687" s="93"/>
      <c r="BC5687" s="93"/>
      <c r="BD5687" s="93"/>
      <c r="BE5687" s="93"/>
      <c r="BF5687" s="93"/>
      <c r="BG5687" s="93"/>
      <c r="BH5687" s="93"/>
      <c r="BI5687" s="93"/>
      <c r="BJ5687" s="93"/>
      <c r="BK5687" s="93"/>
      <c r="BL5687" s="93"/>
    </row>
    <row r="5688" spans="2:64" x14ac:dyDescent="0.2">
      <c r="B5688" s="43"/>
      <c r="C5688" s="73"/>
      <c r="D5688" s="64"/>
      <c r="E5688" s="55"/>
      <c r="F5688" s="74"/>
      <c r="G5688" s="74"/>
      <c r="H5688" s="74"/>
      <c r="I5688" s="75"/>
      <c r="J5688" s="74"/>
      <c r="L5688" s="55"/>
      <c r="M5688" s="234"/>
      <c r="N5688" s="65"/>
      <c r="O5688" s="76"/>
      <c r="P5688" s="76"/>
      <c r="Q5688" s="65"/>
      <c r="R5688" s="76"/>
      <c r="S5688" s="76"/>
      <c r="T5688" s="76"/>
      <c r="U5688" s="76"/>
      <c r="V5688" s="76"/>
      <c r="W5688" s="76"/>
      <c r="X5688" s="76"/>
      <c r="Y5688" s="76"/>
      <c r="Z5688" s="76"/>
      <c r="AA5688" s="85"/>
      <c r="AB5688" s="85"/>
      <c r="AC5688" s="85"/>
      <c r="AD5688" s="85"/>
      <c r="AE5688" s="85"/>
      <c r="AF5688" s="85"/>
      <c r="AG5688" s="86"/>
      <c r="AH5688" s="85"/>
      <c r="AI5688" s="85"/>
      <c r="AJ5688" s="85"/>
      <c r="AK5688" s="85"/>
      <c r="AL5688" s="85"/>
      <c r="AM5688" s="92"/>
      <c r="AN5688" s="92"/>
      <c r="AO5688" s="92"/>
      <c r="AP5688" s="92"/>
      <c r="AQ5688" s="92"/>
      <c r="AR5688" s="92"/>
      <c r="AS5688" s="92"/>
      <c r="AT5688" s="92"/>
      <c r="AU5688" s="92"/>
      <c r="AV5688" s="92"/>
      <c r="AW5688" s="92"/>
      <c r="AX5688" s="92"/>
      <c r="AY5688" s="92"/>
      <c r="AZ5688" s="93"/>
      <c r="BA5688" s="93"/>
      <c r="BB5688" s="93"/>
      <c r="BC5688" s="93"/>
      <c r="BD5688" s="93"/>
      <c r="BE5688" s="93"/>
      <c r="BF5688" s="93"/>
      <c r="BG5688" s="93"/>
      <c r="BH5688" s="93"/>
      <c r="BI5688" s="93"/>
      <c r="BJ5688" s="93"/>
      <c r="BK5688" s="93"/>
      <c r="BL5688" s="93"/>
    </row>
    <row r="5689" spans="2:64" x14ac:dyDescent="0.2">
      <c r="B5689" s="43"/>
      <c r="C5689" s="73"/>
      <c r="D5689" s="64"/>
      <c r="E5689" s="55"/>
      <c r="F5689" s="74"/>
      <c r="G5689" s="74"/>
      <c r="H5689" s="74"/>
      <c r="I5689" s="75"/>
      <c r="J5689" s="74"/>
      <c r="L5689" s="55"/>
      <c r="M5689" s="234"/>
      <c r="N5689" s="65"/>
      <c r="O5689" s="76"/>
      <c r="P5689" s="76"/>
      <c r="Q5689" s="65"/>
      <c r="R5689" s="76"/>
      <c r="S5689" s="76"/>
      <c r="T5689" s="76"/>
      <c r="U5689" s="76"/>
      <c r="V5689" s="76"/>
      <c r="W5689" s="76"/>
      <c r="X5689" s="76"/>
      <c r="Y5689" s="76"/>
      <c r="Z5689" s="76"/>
      <c r="AA5689" s="85"/>
      <c r="AB5689" s="85"/>
      <c r="AC5689" s="85"/>
      <c r="AD5689" s="85"/>
      <c r="AE5689" s="85"/>
      <c r="AF5689" s="85"/>
      <c r="AG5689" s="86"/>
      <c r="AH5689" s="85"/>
      <c r="AI5689" s="85"/>
      <c r="AJ5689" s="85"/>
      <c r="AK5689" s="85"/>
      <c r="AL5689" s="85"/>
      <c r="AM5689" s="92"/>
      <c r="AN5689" s="92"/>
      <c r="AO5689" s="92"/>
      <c r="AP5689" s="92"/>
      <c r="AQ5689" s="92"/>
      <c r="AR5689" s="92"/>
      <c r="AS5689" s="92"/>
      <c r="AT5689" s="92"/>
      <c r="AU5689" s="92"/>
      <c r="AV5689" s="92"/>
      <c r="AW5689" s="92"/>
      <c r="AX5689" s="92"/>
      <c r="AY5689" s="92"/>
      <c r="AZ5689" s="93"/>
      <c r="BA5689" s="93"/>
      <c r="BB5689" s="93"/>
      <c r="BC5689" s="93"/>
      <c r="BD5689" s="93"/>
      <c r="BE5689" s="93"/>
      <c r="BF5689" s="93"/>
      <c r="BG5689" s="93"/>
      <c r="BH5689" s="93"/>
      <c r="BI5689" s="93"/>
      <c r="BJ5689" s="93"/>
      <c r="BK5689" s="93"/>
      <c r="BL5689" s="93"/>
    </row>
    <row r="5690" spans="2:64" x14ac:dyDescent="0.2">
      <c r="B5690" s="43"/>
      <c r="C5690" s="73"/>
      <c r="D5690" s="64"/>
      <c r="E5690" s="55"/>
      <c r="F5690" s="74"/>
      <c r="G5690" s="74"/>
      <c r="H5690" s="74"/>
      <c r="I5690" s="75"/>
      <c r="J5690" s="74"/>
      <c r="L5690" s="55"/>
      <c r="M5690" s="234"/>
      <c r="N5690" s="65"/>
      <c r="O5690" s="76"/>
      <c r="P5690" s="76"/>
      <c r="Q5690" s="65"/>
      <c r="R5690" s="76"/>
      <c r="S5690" s="76"/>
      <c r="T5690" s="76"/>
      <c r="U5690" s="76"/>
      <c r="V5690" s="76"/>
      <c r="W5690" s="76"/>
      <c r="X5690" s="76"/>
      <c r="Y5690" s="76"/>
      <c r="Z5690" s="76"/>
      <c r="AA5690" s="85"/>
      <c r="AB5690" s="85"/>
      <c r="AC5690" s="85"/>
      <c r="AD5690" s="85"/>
      <c r="AE5690" s="85"/>
      <c r="AF5690" s="85"/>
      <c r="AG5690" s="86"/>
      <c r="AH5690" s="85"/>
      <c r="AI5690" s="85"/>
      <c r="AJ5690" s="85"/>
      <c r="AK5690" s="85"/>
      <c r="AL5690" s="85"/>
      <c r="AM5690" s="92"/>
      <c r="AN5690" s="92"/>
      <c r="AO5690" s="92"/>
      <c r="AP5690" s="92"/>
      <c r="AQ5690" s="92"/>
      <c r="AR5690" s="92"/>
      <c r="AS5690" s="92"/>
      <c r="AT5690" s="92"/>
      <c r="AU5690" s="92"/>
      <c r="AV5690" s="92"/>
      <c r="AW5690" s="92"/>
      <c r="AX5690" s="92"/>
      <c r="AY5690" s="92"/>
      <c r="AZ5690" s="93"/>
      <c r="BA5690" s="93"/>
      <c r="BB5690" s="93"/>
      <c r="BC5690" s="93"/>
      <c r="BD5690" s="93"/>
      <c r="BE5690" s="93"/>
      <c r="BF5690" s="93"/>
      <c r="BG5690" s="93"/>
      <c r="BH5690" s="93"/>
      <c r="BI5690" s="93"/>
      <c r="BJ5690" s="93"/>
      <c r="BK5690" s="93"/>
      <c r="BL5690" s="93"/>
    </row>
    <row r="5691" spans="2:64" x14ac:dyDescent="0.2">
      <c r="B5691" s="43"/>
      <c r="C5691" s="73"/>
      <c r="D5691" s="64"/>
      <c r="E5691" s="55"/>
      <c r="F5691" s="74"/>
      <c r="G5691" s="74"/>
      <c r="H5691" s="74"/>
      <c r="I5691" s="75"/>
      <c r="J5691" s="74"/>
      <c r="L5691" s="55"/>
      <c r="M5691" s="234"/>
      <c r="N5691" s="65"/>
      <c r="O5691" s="76"/>
      <c r="P5691" s="76"/>
      <c r="Q5691" s="65"/>
      <c r="R5691" s="76"/>
      <c r="S5691" s="76"/>
      <c r="T5691" s="76"/>
      <c r="U5691" s="76"/>
      <c r="V5691" s="76"/>
      <c r="W5691" s="76"/>
      <c r="X5691" s="76"/>
      <c r="Y5691" s="76"/>
      <c r="Z5691" s="76"/>
      <c r="AA5691" s="85"/>
      <c r="AB5691" s="85"/>
      <c r="AC5691" s="85"/>
      <c r="AD5691" s="85"/>
      <c r="AE5691" s="85"/>
      <c r="AF5691" s="85"/>
      <c r="AG5691" s="86"/>
      <c r="AH5691" s="85"/>
      <c r="AI5691" s="85"/>
      <c r="AJ5691" s="85"/>
      <c r="AK5691" s="85"/>
      <c r="AL5691" s="85"/>
      <c r="AM5691" s="92"/>
      <c r="AN5691" s="92"/>
      <c r="AO5691" s="92"/>
      <c r="AP5691" s="92"/>
      <c r="AQ5691" s="92"/>
      <c r="AR5691" s="92"/>
      <c r="AS5691" s="92"/>
      <c r="AT5691" s="92"/>
      <c r="AU5691" s="92"/>
      <c r="AV5691" s="92"/>
      <c r="AW5691" s="92"/>
      <c r="AX5691" s="92"/>
      <c r="AY5691" s="92"/>
      <c r="AZ5691" s="93"/>
      <c r="BA5691" s="93"/>
      <c r="BB5691" s="93"/>
      <c r="BC5691" s="93"/>
      <c r="BD5691" s="93"/>
      <c r="BE5691" s="93"/>
      <c r="BF5691" s="93"/>
      <c r="BG5691" s="93"/>
      <c r="BH5691" s="93"/>
      <c r="BI5691" s="93"/>
      <c r="BJ5691" s="93"/>
      <c r="BK5691" s="93"/>
      <c r="BL5691" s="93"/>
    </row>
    <row r="5692" spans="2:64" x14ac:dyDescent="0.2">
      <c r="B5692" s="43"/>
      <c r="C5692" s="73"/>
      <c r="D5692" s="64"/>
      <c r="E5692" s="55"/>
      <c r="F5692" s="74"/>
      <c r="G5692" s="74"/>
      <c r="H5692" s="74"/>
      <c r="I5692" s="75"/>
      <c r="J5692" s="74"/>
      <c r="L5692" s="55"/>
      <c r="M5692" s="234"/>
      <c r="N5692" s="65"/>
      <c r="O5692" s="76"/>
      <c r="P5692" s="76"/>
      <c r="Q5692" s="65"/>
      <c r="R5692" s="76"/>
      <c r="S5692" s="76"/>
      <c r="T5692" s="76"/>
      <c r="U5692" s="76"/>
      <c r="V5692" s="76"/>
      <c r="W5692" s="76"/>
      <c r="X5692" s="76"/>
      <c r="Y5692" s="76"/>
      <c r="Z5692" s="76"/>
      <c r="AA5692" s="85"/>
      <c r="AB5692" s="85"/>
      <c r="AC5692" s="85"/>
      <c r="AD5692" s="85"/>
      <c r="AE5692" s="85"/>
      <c r="AF5692" s="85"/>
      <c r="AG5692" s="86"/>
      <c r="AH5692" s="85"/>
      <c r="AI5692" s="85"/>
      <c r="AJ5692" s="85"/>
      <c r="AK5692" s="85"/>
      <c r="AL5692" s="85"/>
      <c r="AM5692" s="92"/>
      <c r="AN5692" s="92"/>
      <c r="AO5692" s="92"/>
      <c r="AP5692" s="92"/>
      <c r="AQ5692" s="92"/>
      <c r="AR5692" s="92"/>
      <c r="AS5692" s="92"/>
      <c r="AT5692" s="92"/>
      <c r="AU5692" s="92"/>
      <c r="AV5692" s="92"/>
      <c r="AW5692" s="92"/>
      <c r="AX5692" s="92"/>
      <c r="AY5692" s="92"/>
      <c r="AZ5692" s="93"/>
      <c r="BA5692" s="93"/>
      <c r="BB5692" s="93"/>
      <c r="BC5692" s="93"/>
      <c r="BD5692" s="93"/>
      <c r="BE5692" s="93"/>
      <c r="BF5692" s="93"/>
      <c r="BG5692" s="93"/>
      <c r="BH5692" s="93"/>
      <c r="BI5692" s="93"/>
      <c r="BJ5692" s="93"/>
      <c r="BK5692" s="93"/>
      <c r="BL5692" s="93"/>
    </row>
    <row r="5693" spans="2:64" x14ac:dyDescent="0.2">
      <c r="B5693" s="43"/>
      <c r="C5693" s="73"/>
      <c r="D5693" s="64"/>
      <c r="E5693" s="55"/>
      <c r="F5693" s="74"/>
      <c r="G5693" s="74"/>
      <c r="H5693" s="74"/>
      <c r="I5693" s="75"/>
      <c r="J5693" s="74"/>
      <c r="L5693" s="55"/>
      <c r="M5693" s="234"/>
      <c r="N5693" s="65"/>
      <c r="O5693" s="76"/>
      <c r="P5693" s="76"/>
      <c r="Q5693" s="65"/>
      <c r="R5693" s="76"/>
      <c r="S5693" s="76"/>
      <c r="T5693" s="76"/>
      <c r="U5693" s="76"/>
      <c r="V5693" s="76"/>
      <c r="W5693" s="76"/>
      <c r="X5693" s="76"/>
      <c r="Y5693" s="76"/>
      <c r="Z5693" s="76"/>
      <c r="AA5693" s="85"/>
      <c r="AB5693" s="85"/>
      <c r="AC5693" s="85"/>
      <c r="AD5693" s="85"/>
      <c r="AE5693" s="85"/>
      <c r="AF5693" s="85"/>
      <c r="AG5693" s="86"/>
      <c r="AH5693" s="85"/>
      <c r="AI5693" s="85"/>
      <c r="AJ5693" s="85"/>
      <c r="AK5693" s="85"/>
      <c r="AL5693" s="85"/>
      <c r="AM5693" s="92"/>
      <c r="AN5693" s="92"/>
      <c r="AO5693" s="92"/>
      <c r="AP5693" s="92"/>
      <c r="AQ5693" s="92"/>
      <c r="AR5693" s="92"/>
      <c r="AS5693" s="92"/>
      <c r="AT5693" s="92"/>
      <c r="AU5693" s="92"/>
      <c r="AV5693" s="92"/>
      <c r="AW5693" s="92"/>
      <c r="AX5693" s="92"/>
      <c r="AY5693" s="92"/>
      <c r="AZ5693" s="93"/>
      <c r="BA5693" s="93"/>
      <c r="BB5693" s="93"/>
      <c r="BC5693" s="93"/>
      <c r="BD5693" s="93"/>
      <c r="BE5693" s="93"/>
      <c r="BF5693" s="93"/>
      <c r="BG5693" s="93"/>
      <c r="BH5693" s="93"/>
      <c r="BI5693" s="93"/>
      <c r="BJ5693" s="93"/>
      <c r="BK5693" s="93"/>
      <c r="BL5693" s="93"/>
    </row>
    <row r="5694" spans="2:64" x14ac:dyDescent="0.2">
      <c r="B5694" s="43"/>
      <c r="C5694" s="73"/>
      <c r="D5694" s="64"/>
      <c r="E5694" s="55"/>
      <c r="F5694" s="74"/>
      <c r="G5694" s="74"/>
      <c r="H5694" s="74"/>
      <c r="I5694" s="75"/>
      <c r="J5694" s="74"/>
      <c r="L5694" s="55"/>
      <c r="M5694" s="234"/>
      <c r="N5694" s="65"/>
      <c r="O5694" s="76"/>
      <c r="P5694" s="76"/>
      <c r="Q5694" s="65"/>
      <c r="R5694" s="76"/>
      <c r="S5694" s="76"/>
      <c r="T5694" s="76"/>
      <c r="U5694" s="76"/>
      <c r="V5694" s="76"/>
      <c r="W5694" s="76"/>
      <c r="X5694" s="76"/>
      <c r="Y5694" s="76"/>
      <c r="Z5694" s="76"/>
      <c r="AA5694" s="85"/>
      <c r="AB5694" s="85"/>
      <c r="AC5694" s="85"/>
      <c r="AD5694" s="85"/>
      <c r="AE5694" s="85"/>
      <c r="AF5694" s="85"/>
      <c r="AG5694" s="86"/>
      <c r="AH5694" s="85"/>
      <c r="AI5694" s="85"/>
      <c r="AJ5694" s="85"/>
      <c r="AK5694" s="85"/>
      <c r="AL5694" s="85"/>
      <c r="AM5694" s="92"/>
      <c r="AN5694" s="92"/>
      <c r="AO5694" s="92"/>
      <c r="AP5694" s="92"/>
      <c r="AQ5694" s="92"/>
      <c r="AR5694" s="92"/>
      <c r="AS5694" s="92"/>
      <c r="AT5694" s="92"/>
      <c r="AU5694" s="92"/>
      <c r="AV5694" s="92"/>
      <c r="AW5694" s="92"/>
      <c r="AX5694" s="92"/>
      <c r="AY5694" s="92"/>
      <c r="AZ5694" s="93"/>
      <c r="BA5694" s="93"/>
      <c r="BB5694" s="93"/>
      <c r="BC5694" s="93"/>
      <c r="BD5694" s="93"/>
      <c r="BE5694" s="93"/>
      <c r="BF5694" s="93"/>
      <c r="BG5694" s="93"/>
      <c r="BH5694" s="93"/>
      <c r="BI5694" s="93"/>
      <c r="BJ5694" s="93"/>
      <c r="BK5694" s="93"/>
      <c r="BL5694" s="93"/>
    </row>
    <row r="5695" spans="2:64" x14ac:dyDescent="0.2">
      <c r="B5695" s="43"/>
      <c r="C5695" s="73"/>
      <c r="D5695" s="64"/>
      <c r="E5695" s="55"/>
      <c r="F5695" s="74"/>
      <c r="G5695" s="74"/>
      <c r="H5695" s="74"/>
      <c r="I5695" s="75"/>
      <c r="J5695" s="74"/>
      <c r="L5695" s="55"/>
      <c r="M5695" s="234"/>
      <c r="N5695" s="65"/>
      <c r="O5695" s="76"/>
      <c r="P5695" s="76"/>
      <c r="Q5695" s="65"/>
      <c r="R5695" s="76"/>
      <c r="S5695" s="76"/>
      <c r="T5695" s="76"/>
      <c r="U5695" s="76"/>
      <c r="V5695" s="76"/>
      <c r="W5695" s="76"/>
      <c r="X5695" s="76"/>
      <c r="Y5695" s="76"/>
      <c r="Z5695" s="76"/>
      <c r="AA5695" s="85"/>
      <c r="AB5695" s="85"/>
      <c r="AC5695" s="85"/>
      <c r="AD5695" s="85"/>
      <c r="AE5695" s="85"/>
      <c r="AF5695" s="85"/>
      <c r="AG5695" s="86"/>
      <c r="AH5695" s="85"/>
      <c r="AI5695" s="85"/>
      <c r="AJ5695" s="85"/>
      <c r="AK5695" s="85"/>
      <c r="AL5695" s="85"/>
      <c r="AM5695" s="92"/>
      <c r="AN5695" s="92"/>
      <c r="AO5695" s="92"/>
      <c r="AP5695" s="92"/>
      <c r="AQ5695" s="92"/>
      <c r="AR5695" s="92"/>
      <c r="AS5695" s="92"/>
      <c r="AT5695" s="92"/>
      <c r="AU5695" s="92"/>
      <c r="AV5695" s="92"/>
      <c r="AW5695" s="92"/>
      <c r="AX5695" s="92"/>
      <c r="AY5695" s="92"/>
      <c r="AZ5695" s="93"/>
      <c r="BA5695" s="93"/>
      <c r="BB5695" s="93"/>
      <c r="BC5695" s="93"/>
      <c r="BD5695" s="93"/>
      <c r="BE5695" s="93"/>
      <c r="BF5695" s="93"/>
      <c r="BG5695" s="93"/>
      <c r="BH5695" s="93"/>
      <c r="BI5695" s="93"/>
      <c r="BJ5695" s="93"/>
      <c r="BK5695" s="93"/>
      <c r="BL5695" s="93"/>
    </row>
    <row r="5696" spans="2:64" x14ac:dyDescent="0.2">
      <c r="B5696" s="43"/>
      <c r="C5696" s="73"/>
      <c r="D5696" s="64"/>
      <c r="E5696" s="55"/>
      <c r="F5696" s="74"/>
      <c r="G5696" s="74"/>
      <c r="H5696" s="74"/>
      <c r="I5696" s="75"/>
      <c r="J5696" s="74"/>
      <c r="L5696" s="55"/>
      <c r="M5696" s="234"/>
      <c r="N5696" s="65"/>
      <c r="O5696" s="76"/>
      <c r="P5696" s="76"/>
      <c r="Q5696" s="65"/>
      <c r="R5696" s="76"/>
      <c r="S5696" s="76"/>
      <c r="T5696" s="76"/>
      <c r="U5696" s="76"/>
      <c r="V5696" s="76"/>
      <c r="W5696" s="76"/>
      <c r="X5696" s="76"/>
      <c r="Y5696" s="76"/>
      <c r="Z5696" s="76"/>
      <c r="AA5696" s="85"/>
      <c r="AB5696" s="85"/>
      <c r="AC5696" s="85"/>
      <c r="AD5696" s="85"/>
      <c r="AE5696" s="85"/>
      <c r="AF5696" s="85"/>
      <c r="AG5696" s="86"/>
      <c r="AH5696" s="85"/>
      <c r="AI5696" s="85"/>
      <c r="AJ5696" s="85"/>
      <c r="AK5696" s="85"/>
      <c r="AL5696" s="85"/>
      <c r="AM5696" s="92"/>
      <c r="AN5696" s="92"/>
      <c r="AO5696" s="92"/>
      <c r="AP5696" s="92"/>
      <c r="AQ5696" s="92"/>
      <c r="AR5696" s="92"/>
      <c r="AS5696" s="92"/>
      <c r="AT5696" s="92"/>
      <c r="AU5696" s="92"/>
      <c r="AV5696" s="92"/>
      <c r="AW5696" s="92"/>
      <c r="AX5696" s="92"/>
      <c r="AY5696" s="92"/>
      <c r="AZ5696" s="93"/>
      <c r="BA5696" s="93"/>
      <c r="BB5696" s="93"/>
      <c r="BC5696" s="93"/>
      <c r="BD5696" s="93"/>
      <c r="BE5696" s="93"/>
      <c r="BF5696" s="93"/>
      <c r="BG5696" s="93"/>
      <c r="BH5696" s="93"/>
      <c r="BI5696" s="93"/>
      <c r="BJ5696" s="93"/>
      <c r="BK5696" s="93"/>
      <c r="BL5696" s="93"/>
    </row>
    <row r="5697" spans="2:64" x14ac:dyDescent="0.2">
      <c r="B5697" s="43"/>
      <c r="C5697" s="73"/>
      <c r="D5697" s="64"/>
      <c r="E5697" s="55"/>
      <c r="F5697" s="74"/>
      <c r="G5697" s="74"/>
      <c r="H5697" s="74"/>
      <c r="I5697" s="75"/>
      <c r="J5697" s="74"/>
      <c r="L5697" s="55"/>
      <c r="M5697" s="234"/>
      <c r="N5697" s="65"/>
      <c r="O5697" s="76"/>
      <c r="P5697" s="76"/>
      <c r="Q5697" s="65"/>
      <c r="R5697" s="76"/>
      <c r="S5697" s="76"/>
      <c r="T5697" s="76"/>
      <c r="U5697" s="76"/>
      <c r="V5697" s="76"/>
      <c r="W5697" s="76"/>
      <c r="X5697" s="76"/>
      <c r="Y5697" s="76"/>
      <c r="Z5697" s="76"/>
      <c r="AA5697" s="85"/>
      <c r="AB5697" s="85"/>
      <c r="AC5697" s="85"/>
      <c r="AD5697" s="85"/>
      <c r="AE5697" s="85"/>
      <c r="AF5697" s="85"/>
      <c r="AG5697" s="86"/>
      <c r="AH5697" s="85"/>
      <c r="AI5697" s="85"/>
      <c r="AJ5697" s="85"/>
      <c r="AK5697" s="85"/>
      <c r="AL5697" s="85"/>
      <c r="AM5697" s="92"/>
      <c r="AN5697" s="92"/>
      <c r="AO5697" s="92"/>
      <c r="AP5697" s="92"/>
      <c r="AQ5697" s="92"/>
      <c r="AR5697" s="92"/>
      <c r="AS5697" s="92"/>
      <c r="AT5697" s="92"/>
      <c r="AU5697" s="92"/>
      <c r="AV5697" s="92"/>
      <c r="AW5697" s="92"/>
      <c r="AX5697" s="92"/>
      <c r="AY5697" s="92"/>
      <c r="AZ5697" s="93"/>
      <c r="BA5697" s="93"/>
      <c r="BB5697" s="93"/>
      <c r="BC5697" s="93"/>
      <c r="BD5697" s="93"/>
      <c r="BE5697" s="93"/>
      <c r="BF5697" s="93"/>
      <c r="BG5697" s="93"/>
      <c r="BH5697" s="93"/>
      <c r="BI5697" s="93"/>
      <c r="BJ5697" s="93"/>
      <c r="BK5697" s="93"/>
      <c r="BL5697" s="93"/>
    </row>
    <row r="5698" spans="2:64" x14ac:dyDescent="0.2">
      <c r="B5698" s="43"/>
      <c r="C5698" s="73"/>
      <c r="D5698" s="64"/>
      <c r="E5698" s="55"/>
      <c r="F5698" s="74"/>
      <c r="G5698" s="74"/>
      <c r="H5698" s="74"/>
      <c r="I5698" s="75"/>
      <c r="J5698" s="74"/>
      <c r="L5698" s="55"/>
      <c r="M5698" s="234"/>
      <c r="N5698" s="65"/>
      <c r="O5698" s="76"/>
      <c r="P5698" s="76"/>
      <c r="Q5698" s="65"/>
      <c r="R5698" s="76"/>
      <c r="S5698" s="76"/>
      <c r="T5698" s="76"/>
      <c r="U5698" s="76"/>
      <c r="V5698" s="76"/>
      <c r="W5698" s="76"/>
      <c r="X5698" s="76"/>
      <c r="Y5698" s="76"/>
      <c r="Z5698" s="76"/>
      <c r="AA5698" s="85"/>
      <c r="AB5698" s="85"/>
      <c r="AC5698" s="85"/>
      <c r="AD5698" s="85"/>
      <c r="AE5698" s="85"/>
      <c r="AF5698" s="85"/>
      <c r="AG5698" s="86"/>
      <c r="AH5698" s="85"/>
      <c r="AI5698" s="85"/>
      <c r="AJ5698" s="85"/>
      <c r="AK5698" s="85"/>
      <c r="AL5698" s="85"/>
      <c r="AM5698" s="92"/>
      <c r="AN5698" s="92"/>
      <c r="AO5698" s="92"/>
      <c r="AP5698" s="92"/>
      <c r="AQ5698" s="92"/>
      <c r="AR5698" s="92"/>
      <c r="AS5698" s="92"/>
      <c r="AT5698" s="92"/>
      <c r="AU5698" s="92"/>
      <c r="AV5698" s="92"/>
      <c r="AW5698" s="92"/>
      <c r="AX5698" s="92"/>
      <c r="AY5698" s="92"/>
      <c r="AZ5698" s="93"/>
      <c r="BA5698" s="93"/>
      <c r="BB5698" s="93"/>
      <c r="BC5698" s="93"/>
      <c r="BD5698" s="93"/>
      <c r="BE5698" s="93"/>
      <c r="BF5698" s="93"/>
      <c r="BG5698" s="93"/>
      <c r="BH5698" s="93"/>
      <c r="BI5698" s="93"/>
      <c r="BJ5698" s="93"/>
      <c r="BK5698" s="93"/>
      <c r="BL5698" s="93"/>
    </row>
    <row r="5699" spans="2:64" x14ac:dyDescent="0.2">
      <c r="B5699" s="43"/>
      <c r="C5699" s="73"/>
      <c r="D5699" s="64"/>
      <c r="E5699" s="55"/>
      <c r="F5699" s="74"/>
      <c r="G5699" s="74"/>
      <c r="H5699" s="74"/>
      <c r="I5699" s="75"/>
      <c r="J5699" s="74"/>
      <c r="L5699" s="55"/>
      <c r="M5699" s="234"/>
      <c r="N5699" s="65"/>
      <c r="O5699" s="76"/>
      <c r="P5699" s="76"/>
      <c r="Q5699" s="65"/>
      <c r="R5699" s="76"/>
      <c r="S5699" s="76"/>
      <c r="T5699" s="76"/>
      <c r="U5699" s="76"/>
      <c r="V5699" s="76"/>
      <c r="W5699" s="76"/>
      <c r="X5699" s="76"/>
      <c r="Y5699" s="76"/>
      <c r="Z5699" s="76"/>
      <c r="AA5699" s="85"/>
      <c r="AB5699" s="85"/>
      <c r="AC5699" s="85"/>
      <c r="AD5699" s="85"/>
      <c r="AE5699" s="85"/>
      <c r="AF5699" s="85"/>
      <c r="AG5699" s="86"/>
      <c r="AH5699" s="85"/>
      <c r="AI5699" s="85"/>
      <c r="AJ5699" s="85"/>
      <c r="AK5699" s="85"/>
      <c r="AL5699" s="85"/>
      <c r="AM5699" s="92"/>
      <c r="AN5699" s="92"/>
      <c r="AO5699" s="92"/>
      <c r="AP5699" s="92"/>
      <c r="AQ5699" s="92"/>
      <c r="AR5699" s="92"/>
      <c r="AS5699" s="92"/>
      <c r="AT5699" s="92"/>
      <c r="AU5699" s="92"/>
      <c r="AV5699" s="92"/>
      <c r="AW5699" s="92"/>
      <c r="AX5699" s="92"/>
      <c r="AY5699" s="92"/>
      <c r="AZ5699" s="93"/>
      <c r="BA5699" s="93"/>
      <c r="BB5699" s="93"/>
      <c r="BC5699" s="93"/>
      <c r="BD5699" s="93"/>
      <c r="BE5699" s="93"/>
      <c r="BF5699" s="93"/>
      <c r="BG5699" s="93"/>
      <c r="BH5699" s="93"/>
      <c r="BI5699" s="93"/>
      <c r="BJ5699" s="93"/>
      <c r="BK5699" s="93"/>
      <c r="BL5699" s="93"/>
    </row>
    <row r="5700" spans="2:64" x14ac:dyDescent="0.2">
      <c r="B5700" s="43"/>
      <c r="C5700" s="73"/>
      <c r="D5700" s="64"/>
      <c r="E5700" s="55"/>
      <c r="F5700" s="74"/>
      <c r="G5700" s="74"/>
      <c r="H5700" s="74"/>
      <c r="I5700" s="75"/>
      <c r="J5700" s="74"/>
      <c r="L5700" s="55"/>
      <c r="M5700" s="234"/>
      <c r="N5700" s="65"/>
      <c r="O5700" s="76"/>
      <c r="P5700" s="76"/>
      <c r="Q5700" s="65"/>
      <c r="R5700" s="76"/>
      <c r="S5700" s="76"/>
      <c r="T5700" s="76"/>
      <c r="U5700" s="76"/>
      <c r="V5700" s="76"/>
      <c r="W5700" s="76"/>
      <c r="X5700" s="76"/>
      <c r="Y5700" s="76"/>
      <c r="Z5700" s="76"/>
      <c r="AA5700" s="85"/>
      <c r="AB5700" s="85"/>
      <c r="AC5700" s="85"/>
      <c r="AD5700" s="85"/>
      <c r="AE5700" s="85"/>
      <c r="AF5700" s="85"/>
      <c r="AG5700" s="86"/>
      <c r="AH5700" s="85"/>
      <c r="AI5700" s="85"/>
      <c r="AJ5700" s="85"/>
      <c r="AK5700" s="85"/>
      <c r="AL5700" s="85"/>
      <c r="AM5700" s="92"/>
      <c r="AN5700" s="92"/>
      <c r="AO5700" s="92"/>
      <c r="AP5700" s="92"/>
      <c r="AQ5700" s="92"/>
      <c r="AR5700" s="92"/>
      <c r="AS5700" s="92"/>
      <c r="AT5700" s="92"/>
      <c r="AU5700" s="92"/>
      <c r="AV5700" s="92"/>
      <c r="AW5700" s="92"/>
      <c r="AX5700" s="92"/>
      <c r="AY5700" s="92"/>
      <c r="AZ5700" s="93"/>
      <c r="BA5700" s="93"/>
      <c r="BB5700" s="93"/>
      <c r="BC5700" s="93"/>
      <c r="BD5700" s="93"/>
      <c r="BE5700" s="93"/>
      <c r="BF5700" s="93"/>
      <c r="BG5700" s="93"/>
      <c r="BH5700" s="93"/>
      <c r="BI5700" s="93"/>
      <c r="BJ5700" s="93"/>
      <c r="BK5700" s="93"/>
      <c r="BL5700" s="93"/>
    </row>
    <row r="5701" spans="2:64" x14ac:dyDescent="0.2">
      <c r="B5701" s="43"/>
      <c r="C5701" s="73"/>
      <c r="D5701" s="64"/>
      <c r="E5701" s="55"/>
      <c r="F5701" s="74"/>
      <c r="G5701" s="74"/>
      <c r="H5701" s="74"/>
      <c r="I5701" s="75"/>
      <c r="J5701" s="74"/>
      <c r="L5701" s="55"/>
      <c r="M5701" s="234"/>
      <c r="N5701" s="65"/>
      <c r="O5701" s="76"/>
      <c r="P5701" s="76"/>
      <c r="Q5701" s="65"/>
      <c r="R5701" s="76"/>
      <c r="S5701" s="76"/>
      <c r="T5701" s="76"/>
      <c r="U5701" s="76"/>
      <c r="V5701" s="76"/>
      <c r="W5701" s="76"/>
      <c r="X5701" s="76"/>
      <c r="Y5701" s="76"/>
      <c r="Z5701" s="76"/>
      <c r="AA5701" s="85"/>
      <c r="AB5701" s="85"/>
      <c r="AC5701" s="85"/>
      <c r="AD5701" s="85"/>
      <c r="AE5701" s="85"/>
      <c r="AF5701" s="85"/>
      <c r="AG5701" s="86"/>
      <c r="AH5701" s="85"/>
      <c r="AI5701" s="85"/>
      <c r="AJ5701" s="85"/>
      <c r="AK5701" s="85"/>
      <c r="AL5701" s="85"/>
      <c r="AM5701" s="92"/>
      <c r="AN5701" s="92"/>
      <c r="AO5701" s="92"/>
      <c r="AP5701" s="92"/>
      <c r="AQ5701" s="92"/>
      <c r="AR5701" s="92"/>
      <c r="AS5701" s="92"/>
      <c r="AT5701" s="92"/>
      <c r="AU5701" s="92"/>
      <c r="AV5701" s="92"/>
      <c r="AW5701" s="92"/>
      <c r="AX5701" s="92"/>
      <c r="AY5701" s="92"/>
      <c r="AZ5701" s="93"/>
      <c r="BA5701" s="93"/>
      <c r="BB5701" s="93"/>
      <c r="BC5701" s="93"/>
      <c r="BD5701" s="93"/>
      <c r="BE5701" s="93"/>
      <c r="BF5701" s="93"/>
      <c r="BG5701" s="93"/>
      <c r="BH5701" s="93"/>
      <c r="BI5701" s="93"/>
      <c r="BJ5701" s="93"/>
      <c r="BK5701" s="93"/>
      <c r="BL5701" s="93"/>
    </row>
    <row r="5702" spans="2:64" x14ac:dyDescent="0.2">
      <c r="B5702" s="43"/>
      <c r="C5702" s="73"/>
      <c r="D5702" s="64"/>
      <c r="E5702" s="55"/>
      <c r="F5702" s="74"/>
      <c r="G5702" s="74"/>
      <c r="H5702" s="74"/>
      <c r="I5702" s="75"/>
      <c r="J5702" s="74"/>
      <c r="L5702" s="55"/>
      <c r="M5702" s="234"/>
      <c r="N5702" s="65"/>
      <c r="O5702" s="76"/>
      <c r="P5702" s="76"/>
      <c r="Q5702" s="65"/>
      <c r="R5702" s="76"/>
      <c r="S5702" s="76"/>
      <c r="T5702" s="76"/>
      <c r="U5702" s="76"/>
      <c r="V5702" s="76"/>
      <c r="W5702" s="76"/>
      <c r="X5702" s="76"/>
      <c r="Y5702" s="76"/>
      <c r="Z5702" s="76"/>
      <c r="AA5702" s="85"/>
      <c r="AB5702" s="85"/>
      <c r="AC5702" s="85"/>
      <c r="AD5702" s="85"/>
      <c r="AE5702" s="85"/>
      <c r="AF5702" s="85"/>
      <c r="AG5702" s="86"/>
      <c r="AH5702" s="85"/>
      <c r="AI5702" s="85"/>
      <c r="AJ5702" s="85"/>
      <c r="AK5702" s="85"/>
      <c r="AL5702" s="85"/>
      <c r="AM5702" s="92"/>
      <c r="AN5702" s="92"/>
      <c r="AO5702" s="92"/>
      <c r="AP5702" s="92"/>
      <c r="AQ5702" s="92"/>
      <c r="AR5702" s="92"/>
      <c r="AS5702" s="92"/>
      <c r="AT5702" s="92"/>
      <c r="AU5702" s="92"/>
      <c r="AV5702" s="92"/>
      <c r="AW5702" s="92"/>
      <c r="AX5702" s="92"/>
      <c r="AY5702" s="92"/>
      <c r="AZ5702" s="93"/>
      <c r="BA5702" s="93"/>
      <c r="BB5702" s="93"/>
      <c r="BC5702" s="93"/>
      <c r="BD5702" s="93"/>
      <c r="BE5702" s="93"/>
      <c r="BF5702" s="93"/>
      <c r="BG5702" s="93"/>
      <c r="BH5702" s="93"/>
      <c r="BI5702" s="93"/>
      <c r="BJ5702" s="93"/>
      <c r="BK5702" s="93"/>
      <c r="BL5702" s="93"/>
    </row>
    <row r="5703" spans="2:64" x14ac:dyDescent="0.2">
      <c r="B5703" s="43"/>
      <c r="C5703" s="73"/>
      <c r="D5703" s="64"/>
      <c r="E5703" s="55"/>
      <c r="F5703" s="74"/>
      <c r="G5703" s="74"/>
      <c r="H5703" s="74"/>
      <c r="I5703" s="75"/>
      <c r="J5703" s="74"/>
      <c r="L5703" s="55"/>
      <c r="M5703" s="234"/>
      <c r="N5703" s="65"/>
      <c r="O5703" s="76"/>
      <c r="P5703" s="76"/>
      <c r="Q5703" s="65"/>
      <c r="R5703" s="76"/>
      <c r="S5703" s="76"/>
      <c r="T5703" s="76"/>
      <c r="U5703" s="76"/>
      <c r="V5703" s="76"/>
      <c r="W5703" s="76"/>
      <c r="X5703" s="76"/>
      <c r="Y5703" s="76"/>
      <c r="Z5703" s="76"/>
      <c r="AA5703" s="85"/>
      <c r="AB5703" s="85"/>
      <c r="AC5703" s="85"/>
      <c r="AD5703" s="85"/>
      <c r="AE5703" s="85"/>
      <c r="AF5703" s="85"/>
      <c r="AG5703" s="86"/>
      <c r="AH5703" s="85"/>
      <c r="AI5703" s="85"/>
      <c r="AJ5703" s="85"/>
      <c r="AK5703" s="85"/>
      <c r="AL5703" s="85"/>
      <c r="AM5703" s="92"/>
      <c r="AN5703" s="92"/>
      <c r="AO5703" s="92"/>
      <c r="AP5703" s="92"/>
      <c r="AQ5703" s="92"/>
      <c r="AR5703" s="92"/>
      <c r="AS5703" s="92"/>
      <c r="AT5703" s="92"/>
      <c r="AU5703" s="92"/>
      <c r="AV5703" s="92"/>
      <c r="AW5703" s="92"/>
      <c r="AX5703" s="92"/>
      <c r="AY5703" s="92"/>
      <c r="AZ5703" s="93"/>
      <c r="BA5703" s="93"/>
      <c r="BB5703" s="93"/>
      <c r="BC5703" s="93"/>
      <c r="BD5703" s="93"/>
      <c r="BE5703" s="93"/>
      <c r="BF5703" s="93"/>
      <c r="BG5703" s="93"/>
      <c r="BH5703" s="93"/>
      <c r="BI5703" s="93"/>
      <c r="BJ5703" s="93"/>
      <c r="BK5703" s="93"/>
      <c r="BL5703" s="93"/>
    </row>
    <row r="5704" spans="2:64" x14ac:dyDescent="0.2">
      <c r="B5704" s="43"/>
      <c r="C5704" s="73"/>
      <c r="D5704" s="64"/>
      <c r="E5704" s="55"/>
      <c r="F5704" s="74"/>
      <c r="G5704" s="74"/>
      <c r="H5704" s="74"/>
      <c r="I5704" s="75"/>
      <c r="J5704" s="74"/>
      <c r="L5704" s="55"/>
      <c r="M5704" s="234"/>
      <c r="N5704" s="65"/>
      <c r="O5704" s="76"/>
      <c r="P5704" s="76"/>
      <c r="Q5704" s="65"/>
      <c r="R5704" s="76"/>
      <c r="S5704" s="76"/>
      <c r="T5704" s="76"/>
      <c r="U5704" s="76"/>
      <c r="V5704" s="76"/>
      <c r="W5704" s="76"/>
      <c r="X5704" s="76"/>
      <c r="Y5704" s="76"/>
      <c r="Z5704" s="76"/>
      <c r="AA5704" s="85"/>
      <c r="AB5704" s="85"/>
      <c r="AC5704" s="85"/>
      <c r="AD5704" s="85"/>
      <c r="AE5704" s="85"/>
      <c r="AF5704" s="85"/>
      <c r="AG5704" s="86"/>
      <c r="AH5704" s="85"/>
      <c r="AI5704" s="85"/>
      <c r="AJ5704" s="85"/>
      <c r="AK5704" s="85"/>
      <c r="AL5704" s="85"/>
      <c r="AM5704" s="92"/>
      <c r="AN5704" s="92"/>
      <c r="AO5704" s="92"/>
      <c r="AP5704" s="92"/>
      <c r="AQ5704" s="92"/>
      <c r="AR5704" s="92"/>
      <c r="AS5704" s="92"/>
      <c r="AT5704" s="92"/>
      <c r="AU5704" s="92"/>
      <c r="AV5704" s="92"/>
      <c r="AW5704" s="92"/>
      <c r="AX5704" s="92"/>
      <c r="AY5704" s="92"/>
      <c r="AZ5704" s="93"/>
      <c r="BA5704" s="93"/>
      <c r="BB5704" s="93"/>
      <c r="BC5704" s="93"/>
      <c r="BD5704" s="93"/>
      <c r="BE5704" s="93"/>
      <c r="BF5704" s="93"/>
      <c r="BG5704" s="93"/>
      <c r="BH5704" s="93"/>
      <c r="BI5704" s="93"/>
      <c r="BJ5704" s="93"/>
      <c r="BK5704" s="93"/>
      <c r="BL5704" s="93"/>
    </row>
    <row r="5705" spans="2:64" x14ac:dyDescent="0.2">
      <c r="B5705" s="43"/>
      <c r="C5705" s="73"/>
      <c r="D5705" s="64"/>
      <c r="E5705" s="55"/>
      <c r="F5705" s="74"/>
      <c r="G5705" s="74"/>
      <c r="H5705" s="74"/>
      <c r="I5705" s="75"/>
      <c r="J5705" s="74"/>
      <c r="L5705" s="55"/>
      <c r="M5705" s="234"/>
      <c r="N5705" s="65"/>
      <c r="O5705" s="76"/>
      <c r="P5705" s="76"/>
      <c r="Q5705" s="65"/>
      <c r="R5705" s="76"/>
      <c r="S5705" s="76"/>
      <c r="T5705" s="76"/>
      <c r="U5705" s="76"/>
      <c r="V5705" s="76"/>
      <c r="W5705" s="76"/>
      <c r="X5705" s="76"/>
      <c r="Y5705" s="76"/>
      <c r="Z5705" s="76"/>
      <c r="AA5705" s="85"/>
      <c r="AB5705" s="85"/>
      <c r="AC5705" s="85"/>
      <c r="AD5705" s="85"/>
      <c r="AE5705" s="85"/>
      <c r="AF5705" s="85"/>
      <c r="AG5705" s="86"/>
      <c r="AH5705" s="85"/>
      <c r="AI5705" s="85"/>
      <c r="AJ5705" s="85"/>
      <c r="AK5705" s="85"/>
      <c r="AL5705" s="85"/>
      <c r="AM5705" s="92"/>
      <c r="AN5705" s="92"/>
      <c r="AO5705" s="92"/>
      <c r="AP5705" s="92"/>
      <c r="AQ5705" s="92"/>
      <c r="AR5705" s="92"/>
      <c r="AS5705" s="92"/>
      <c r="AT5705" s="92"/>
      <c r="AU5705" s="92"/>
      <c r="AV5705" s="92"/>
      <c r="AW5705" s="92"/>
      <c r="AX5705" s="92"/>
      <c r="AY5705" s="92"/>
      <c r="AZ5705" s="93"/>
      <c r="BA5705" s="93"/>
      <c r="BB5705" s="93"/>
      <c r="BC5705" s="93"/>
      <c r="BD5705" s="93"/>
      <c r="BE5705" s="93"/>
      <c r="BF5705" s="93"/>
      <c r="BG5705" s="93"/>
      <c r="BH5705" s="93"/>
      <c r="BI5705" s="93"/>
      <c r="BJ5705" s="93"/>
      <c r="BK5705" s="93"/>
      <c r="BL5705" s="93"/>
    </row>
    <row r="5706" spans="2:64" x14ac:dyDescent="0.2">
      <c r="B5706" s="43"/>
      <c r="C5706" s="73"/>
      <c r="D5706" s="64"/>
      <c r="E5706" s="55"/>
      <c r="F5706" s="74"/>
      <c r="G5706" s="74"/>
      <c r="H5706" s="74"/>
      <c r="I5706" s="75"/>
      <c r="J5706" s="74"/>
      <c r="L5706" s="55"/>
      <c r="M5706" s="234"/>
      <c r="N5706" s="65"/>
      <c r="O5706" s="76"/>
      <c r="P5706" s="76"/>
      <c r="Q5706" s="65"/>
      <c r="R5706" s="76"/>
      <c r="S5706" s="76"/>
      <c r="T5706" s="76"/>
      <c r="U5706" s="76"/>
      <c r="V5706" s="76"/>
      <c r="W5706" s="76"/>
      <c r="X5706" s="76"/>
      <c r="Y5706" s="76"/>
      <c r="Z5706" s="76"/>
      <c r="AA5706" s="85"/>
      <c r="AB5706" s="85"/>
      <c r="AC5706" s="85"/>
      <c r="AD5706" s="85"/>
      <c r="AE5706" s="85"/>
      <c r="AF5706" s="85"/>
      <c r="AG5706" s="86"/>
      <c r="AH5706" s="85"/>
      <c r="AI5706" s="85"/>
      <c r="AJ5706" s="85"/>
      <c r="AK5706" s="85"/>
      <c r="AL5706" s="85"/>
      <c r="AM5706" s="92"/>
      <c r="AN5706" s="92"/>
      <c r="AO5706" s="92"/>
      <c r="AP5706" s="92"/>
      <c r="AQ5706" s="92"/>
      <c r="AR5706" s="92"/>
      <c r="AS5706" s="92"/>
      <c r="AT5706" s="92"/>
      <c r="AU5706" s="92"/>
      <c r="AV5706" s="92"/>
      <c r="AW5706" s="92"/>
      <c r="AX5706" s="92"/>
      <c r="AY5706" s="92"/>
      <c r="AZ5706" s="93"/>
      <c r="BA5706" s="93"/>
      <c r="BB5706" s="93"/>
      <c r="BC5706" s="93"/>
      <c r="BD5706" s="93"/>
      <c r="BE5706" s="93"/>
      <c r="BF5706" s="93"/>
      <c r="BG5706" s="93"/>
      <c r="BH5706" s="93"/>
      <c r="BI5706" s="93"/>
      <c r="BJ5706" s="93"/>
      <c r="BK5706" s="93"/>
      <c r="BL5706" s="93"/>
    </row>
    <row r="5707" spans="2:64" x14ac:dyDescent="0.2">
      <c r="B5707" s="43"/>
      <c r="C5707" s="73"/>
      <c r="D5707" s="64"/>
      <c r="E5707" s="55"/>
      <c r="F5707" s="74"/>
      <c r="G5707" s="74"/>
      <c r="H5707" s="74"/>
      <c r="I5707" s="75"/>
      <c r="J5707" s="74"/>
      <c r="L5707" s="55"/>
      <c r="M5707" s="234"/>
      <c r="N5707" s="65"/>
      <c r="O5707" s="76"/>
      <c r="P5707" s="76"/>
      <c r="Q5707" s="65"/>
      <c r="R5707" s="76"/>
      <c r="S5707" s="76"/>
      <c r="T5707" s="76"/>
      <c r="U5707" s="76"/>
      <c r="V5707" s="76"/>
      <c r="W5707" s="76"/>
      <c r="X5707" s="76"/>
      <c r="Y5707" s="76"/>
      <c r="Z5707" s="76"/>
      <c r="AA5707" s="85"/>
      <c r="AB5707" s="85"/>
      <c r="AC5707" s="85"/>
      <c r="AD5707" s="85"/>
      <c r="AE5707" s="85"/>
      <c r="AF5707" s="85"/>
      <c r="AG5707" s="86"/>
      <c r="AH5707" s="85"/>
      <c r="AI5707" s="85"/>
      <c r="AJ5707" s="85"/>
      <c r="AK5707" s="85"/>
      <c r="AL5707" s="85"/>
      <c r="AM5707" s="92"/>
      <c r="AN5707" s="92"/>
      <c r="AO5707" s="92"/>
      <c r="AP5707" s="92"/>
      <c r="AQ5707" s="92"/>
      <c r="AR5707" s="92"/>
      <c r="AS5707" s="92"/>
      <c r="AT5707" s="92"/>
      <c r="AU5707" s="92"/>
      <c r="AV5707" s="92"/>
      <c r="AW5707" s="92"/>
      <c r="AX5707" s="92"/>
      <c r="AY5707" s="92"/>
      <c r="AZ5707" s="93"/>
      <c r="BA5707" s="93"/>
      <c r="BB5707" s="93"/>
      <c r="BC5707" s="93"/>
      <c r="BD5707" s="93"/>
      <c r="BE5707" s="93"/>
      <c r="BF5707" s="93"/>
      <c r="BG5707" s="93"/>
      <c r="BH5707" s="93"/>
      <c r="BI5707" s="93"/>
      <c r="BJ5707" s="93"/>
      <c r="BK5707" s="93"/>
      <c r="BL5707" s="93"/>
    </row>
    <row r="5708" spans="2:64" x14ac:dyDescent="0.2">
      <c r="B5708" s="43"/>
      <c r="C5708" s="73"/>
      <c r="D5708" s="64"/>
      <c r="E5708" s="55"/>
      <c r="F5708" s="74"/>
      <c r="G5708" s="74"/>
      <c r="H5708" s="74"/>
      <c r="I5708" s="75"/>
      <c r="J5708" s="74"/>
      <c r="L5708" s="55"/>
      <c r="M5708" s="234"/>
      <c r="N5708" s="65"/>
      <c r="O5708" s="76"/>
      <c r="P5708" s="76"/>
      <c r="Q5708" s="65"/>
      <c r="R5708" s="76"/>
      <c r="S5708" s="76"/>
      <c r="T5708" s="76"/>
      <c r="U5708" s="76"/>
      <c r="V5708" s="76"/>
      <c r="W5708" s="76"/>
      <c r="X5708" s="76"/>
      <c r="Y5708" s="76"/>
      <c r="Z5708" s="76"/>
      <c r="AA5708" s="85"/>
      <c r="AB5708" s="85"/>
      <c r="AC5708" s="85"/>
      <c r="AD5708" s="85"/>
      <c r="AE5708" s="85"/>
      <c r="AF5708" s="85"/>
      <c r="AG5708" s="86"/>
      <c r="AH5708" s="85"/>
      <c r="AI5708" s="85"/>
      <c r="AJ5708" s="85"/>
      <c r="AK5708" s="85"/>
      <c r="AL5708" s="85"/>
      <c r="AM5708" s="92"/>
      <c r="AN5708" s="92"/>
      <c r="AO5708" s="92"/>
      <c r="AP5708" s="92"/>
      <c r="AQ5708" s="92"/>
      <c r="AR5708" s="92"/>
      <c r="AS5708" s="92"/>
      <c r="AT5708" s="92"/>
      <c r="AU5708" s="92"/>
      <c r="AV5708" s="92"/>
      <c r="AW5708" s="92"/>
      <c r="AX5708" s="92"/>
      <c r="AY5708" s="92"/>
      <c r="AZ5708" s="93"/>
      <c r="BA5708" s="93"/>
      <c r="BB5708" s="93"/>
      <c r="BC5708" s="93"/>
      <c r="BD5708" s="93"/>
      <c r="BE5708" s="93"/>
      <c r="BF5708" s="93"/>
      <c r="BG5708" s="93"/>
      <c r="BH5708" s="93"/>
      <c r="BI5708" s="93"/>
      <c r="BJ5708" s="93"/>
      <c r="BK5708" s="93"/>
      <c r="BL5708" s="93"/>
    </row>
    <row r="5709" spans="2:64" x14ac:dyDescent="0.2">
      <c r="B5709" s="43"/>
      <c r="C5709" s="73"/>
      <c r="D5709" s="64"/>
      <c r="E5709" s="55"/>
      <c r="F5709" s="74"/>
      <c r="G5709" s="74"/>
      <c r="H5709" s="74"/>
      <c r="I5709" s="75"/>
      <c r="J5709" s="74"/>
      <c r="L5709" s="55"/>
      <c r="M5709" s="234"/>
      <c r="N5709" s="65"/>
      <c r="O5709" s="76"/>
      <c r="P5709" s="76"/>
      <c r="Q5709" s="65"/>
      <c r="R5709" s="76"/>
      <c r="S5709" s="76"/>
      <c r="T5709" s="76"/>
      <c r="U5709" s="76"/>
      <c r="V5709" s="76"/>
      <c r="W5709" s="76"/>
      <c r="X5709" s="76"/>
      <c r="Y5709" s="76"/>
      <c r="Z5709" s="76"/>
      <c r="AA5709" s="85"/>
      <c r="AB5709" s="85"/>
      <c r="AC5709" s="85"/>
      <c r="AD5709" s="85"/>
      <c r="AE5709" s="85"/>
      <c r="AF5709" s="85"/>
      <c r="AG5709" s="86"/>
      <c r="AH5709" s="85"/>
      <c r="AI5709" s="85"/>
      <c r="AJ5709" s="85"/>
      <c r="AK5709" s="85"/>
      <c r="AL5709" s="85"/>
      <c r="AM5709" s="92"/>
      <c r="AN5709" s="92"/>
      <c r="AO5709" s="92"/>
      <c r="AP5709" s="92"/>
      <c r="AQ5709" s="92"/>
      <c r="AR5709" s="92"/>
      <c r="AS5709" s="92"/>
      <c r="AT5709" s="92"/>
      <c r="AU5709" s="92"/>
      <c r="AV5709" s="92"/>
      <c r="AW5709" s="92"/>
      <c r="AX5709" s="92"/>
      <c r="AY5709" s="92"/>
      <c r="AZ5709" s="93"/>
      <c r="BA5709" s="93"/>
      <c r="BB5709" s="93"/>
      <c r="BC5709" s="93"/>
      <c r="BD5709" s="93"/>
      <c r="BE5709" s="93"/>
      <c r="BF5709" s="93"/>
      <c r="BG5709" s="93"/>
      <c r="BH5709" s="93"/>
      <c r="BI5709" s="93"/>
      <c r="BJ5709" s="93"/>
      <c r="BK5709" s="93"/>
      <c r="BL5709" s="93"/>
    </row>
    <row r="5710" spans="2:64" x14ac:dyDescent="0.2">
      <c r="B5710" s="43"/>
      <c r="C5710" s="73"/>
      <c r="D5710" s="64"/>
      <c r="E5710" s="55"/>
      <c r="F5710" s="74"/>
      <c r="G5710" s="74"/>
      <c r="H5710" s="74"/>
      <c r="I5710" s="75"/>
      <c r="J5710" s="74"/>
      <c r="L5710" s="55"/>
      <c r="M5710" s="234"/>
      <c r="N5710" s="65"/>
      <c r="O5710" s="76"/>
      <c r="P5710" s="76"/>
      <c r="Q5710" s="65"/>
      <c r="R5710" s="76"/>
      <c r="S5710" s="76"/>
      <c r="T5710" s="76"/>
      <c r="U5710" s="76"/>
      <c r="V5710" s="76"/>
      <c r="W5710" s="76"/>
      <c r="X5710" s="76"/>
      <c r="Y5710" s="76"/>
      <c r="Z5710" s="76"/>
      <c r="AA5710" s="85"/>
      <c r="AB5710" s="85"/>
      <c r="AC5710" s="85"/>
      <c r="AD5710" s="85"/>
      <c r="AE5710" s="85"/>
      <c r="AF5710" s="85"/>
      <c r="AG5710" s="86"/>
      <c r="AH5710" s="85"/>
      <c r="AI5710" s="85"/>
      <c r="AJ5710" s="85"/>
      <c r="AK5710" s="85"/>
      <c r="AL5710" s="85"/>
      <c r="AM5710" s="92"/>
      <c r="AN5710" s="92"/>
      <c r="AO5710" s="92"/>
      <c r="AP5710" s="92"/>
      <c r="AQ5710" s="92"/>
      <c r="AR5710" s="92"/>
      <c r="AS5710" s="92"/>
      <c r="AT5710" s="92"/>
      <c r="AU5710" s="92"/>
      <c r="AV5710" s="92"/>
      <c r="AW5710" s="92"/>
      <c r="AX5710" s="92"/>
      <c r="AY5710" s="92"/>
      <c r="AZ5710" s="93"/>
      <c r="BA5710" s="93"/>
      <c r="BB5710" s="93"/>
      <c r="BC5710" s="93"/>
      <c r="BD5710" s="93"/>
      <c r="BE5710" s="93"/>
      <c r="BF5710" s="93"/>
      <c r="BG5710" s="93"/>
      <c r="BH5710" s="93"/>
      <c r="BI5710" s="93"/>
      <c r="BJ5710" s="93"/>
      <c r="BK5710" s="93"/>
      <c r="BL5710" s="93"/>
    </row>
    <row r="5711" spans="2:64" x14ac:dyDescent="0.2">
      <c r="B5711" s="43"/>
      <c r="C5711" s="73"/>
      <c r="D5711" s="64"/>
      <c r="E5711" s="55"/>
      <c r="F5711" s="74"/>
      <c r="G5711" s="74"/>
      <c r="H5711" s="74"/>
      <c r="I5711" s="75"/>
      <c r="J5711" s="74"/>
      <c r="L5711" s="55"/>
      <c r="M5711" s="234"/>
      <c r="N5711" s="65"/>
      <c r="O5711" s="76"/>
      <c r="P5711" s="76"/>
      <c r="Q5711" s="65"/>
      <c r="R5711" s="76"/>
      <c r="S5711" s="76"/>
      <c r="T5711" s="76"/>
      <c r="U5711" s="76"/>
      <c r="V5711" s="76"/>
      <c r="W5711" s="76"/>
      <c r="X5711" s="76"/>
      <c r="Y5711" s="76"/>
      <c r="Z5711" s="76"/>
      <c r="AA5711" s="85"/>
      <c r="AB5711" s="85"/>
      <c r="AC5711" s="85"/>
      <c r="AD5711" s="85"/>
      <c r="AE5711" s="85"/>
      <c r="AF5711" s="85"/>
      <c r="AG5711" s="86"/>
      <c r="AH5711" s="85"/>
      <c r="AI5711" s="85"/>
      <c r="AJ5711" s="85"/>
      <c r="AK5711" s="85"/>
      <c r="AL5711" s="85"/>
      <c r="AM5711" s="92"/>
      <c r="AN5711" s="92"/>
      <c r="AO5711" s="92"/>
      <c r="AP5711" s="92"/>
      <c r="AQ5711" s="92"/>
      <c r="AR5711" s="92"/>
      <c r="AS5711" s="92"/>
      <c r="AT5711" s="92"/>
      <c r="AU5711" s="92"/>
      <c r="AV5711" s="92"/>
      <c r="AW5711" s="92"/>
      <c r="AX5711" s="92"/>
      <c r="AY5711" s="92"/>
      <c r="AZ5711" s="93"/>
      <c r="BA5711" s="93"/>
      <c r="BB5711" s="93"/>
      <c r="BC5711" s="93"/>
      <c r="BD5711" s="93"/>
      <c r="BE5711" s="93"/>
      <c r="BF5711" s="93"/>
      <c r="BG5711" s="93"/>
      <c r="BH5711" s="93"/>
      <c r="BI5711" s="93"/>
      <c r="BJ5711" s="93"/>
      <c r="BK5711" s="93"/>
      <c r="BL5711" s="93"/>
    </row>
    <row r="5712" spans="2:64" x14ac:dyDescent="0.2">
      <c r="B5712" s="43"/>
      <c r="C5712" s="73"/>
      <c r="D5712" s="64"/>
      <c r="E5712" s="55"/>
      <c r="F5712" s="74"/>
      <c r="G5712" s="74"/>
      <c r="H5712" s="74"/>
      <c r="I5712" s="75"/>
      <c r="J5712" s="74"/>
      <c r="L5712" s="55"/>
      <c r="M5712" s="234"/>
      <c r="N5712" s="65"/>
      <c r="O5712" s="76"/>
      <c r="P5712" s="76"/>
      <c r="Q5712" s="65"/>
      <c r="R5712" s="76"/>
      <c r="S5712" s="76"/>
      <c r="T5712" s="76"/>
      <c r="U5712" s="76"/>
      <c r="V5712" s="76"/>
      <c r="W5712" s="76"/>
      <c r="X5712" s="76"/>
      <c r="Y5712" s="76"/>
      <c r="Z5712" s="76"/>
      <c r="AA5712" s="85"/>
      <c r="AB5712" s="85"/>
      <c r="AC5712" s="85"/>
      <c r="AD5712" s="85"/>
      <c r="AE5712" s="85"/>
      <c r="AF5712" s="85"/>
      <c r="AG5712" s="86"/>
      <c r="AH5712" s="85"/>
      <c r="AI5712" s="85"/>
      <c r="AJ5712" s="85"/>
      <c r="AK5712" s="85"/>
      <c r="AL5712" s="85"/>
      <c r="AM5712" s="92"/>
      <c r="AN5712" s="92"/>
      <c r="AO5712" s="92"/>
      <c r="AP5712" s="92"/>
      <c r="AQ5712" s="92"/>
      <c r="AR5712" s="92"/>
      <c r="AS5712" s="92"/>
      <c r="AT5712" s="92"/>
      <c r="AU5712" s="92"/>
      <c r="AV5712" s="92"/>
      <c r="AW5712" s="92"/>
      <c r="AX5712" s="92"/>
      <c r="AY5712" s="92"/>
      <c r="AZ5712" s="93"/>
      <c r="BA5712" s="93"/>
      <c r="BB5712" s="93"/>
      <c r="BC5712" s="93"/>
      <c r="BD5712" s="93"/>
      <c r="BE5712" s="93"/>
      <c r="BF5712" s="93"/>
      <c r="BG5712" s="93"/>
      <c r="BH5712" s="93"/>
      <c r="BI5712" s="93"/>
      <c r="BJ5712" s="93"/>
      <c r="BK5712" s="93"/>
      <c r="BL5712" s="93"/>
    </row>
    <row r="5713" spans="2:64" x14ac:dyDescent="0.2">
      <c r="B5713" s="43"/>
      <c r="C5713" s="73"/>
      <c r="D5713" s="64"/>
      <c r="E5713" s="55"/>
      <c r="F5713" s="74"/>
      <c r="G5713" s="74"/>
      <c r="H5713" s="74"/>
      <c r="I5713" s="75"/>
      <c r="J5713" s="74"/>
      <c r="L5713" s="55"/>
      <c r="M5713" s="234"/>
      <c r="N5713" s="65"/>
      <c r="O5713" s="76"/>
      <c r="P5713" s="76"/>
      <c r="Q5713" s="65"/>
      <c r="R5713" s="76"/>
      <c r="S5713" s="76"/>
      <c r="T5713" s="76"/>
      <c r="U5713" s="76"/>
      <c r="V5713" s="76"/>
      <c r="W5713" s="76"/>
      <c r="X5713" s="76"/>
      <c r="Y5713" s="76"/>
      <c r="Z5713" s="76"/>
      <c r="AA5713" s="85"/>
      <c r="AB5713" s="85"/>
      <c r="AC5713" s="85"/>
      <c r="AD5713" s="85"/>
      <c r="AE5713" s="85"/>
      <c r="AF5713" s="85"/>
      <c r="AG5713" s="86"/>
      <c r="AH5713" s="85"/>
      <c r="AI5713" s="85"/>
      <c r="AJ5713" s="85"/>
      <c r="AK5713" s="85"/>
      <c r="AL5713" s="85"/>
      <c r="AM5713" s="92"/>
      <c r="AN5713" s="92"/>
      <c r="AO5713" s="92"/>
      <c r="AP5713" s="92"/>
      <c r="AQ5713" s="92"/>
      <c r="AR5713" s="92"/>
      <c r="AS5713" s="92"/>
      <c r="AT5713" s="92"/>
      <c r="AU5713" s="92"/>
      <c r="AV5713" s="92"/>
      <c r="AW5713" s="92"/>
      <c r="AX5713" s="92"/>
      <c r="AY5713" s="92"/>
      <c r="AZ5713" s="93"/>
      <c r="BA5713" s="93"/>
      <c r="BB5713" s="93"/>
      <c r="BC5713" s="93"/>
      <c r="BD5713" s="93"/>
      <c r="BE5713" s="93"/>
      <c r="BF5713" s="93"/>
      <c r="BG5713" s="93"/>
      <c r="BH5713" s="93"/>
      <c r="BI5713" s="93"/>
      <c r="BJ5713" s="93"/>
      <c r="BK5713" s="93"/>
      <c r="BL5713" s="93"/>
    </row>
    <row r="5714" spans="2:64" x14ac:dyDescent="0.2">
      <c r="B5714" s="43"/>
      <c r="C5714" s="73"/>
      <c r="D5714" s="64"/>
      <c r="E5714" s="55"/>
      <c r="F5714" s="74"/>
      <c r="G5714" s="74"/>
      <c r="H5714" s="74"/>
      <c r="I5714" s="75"/>
      <c r="J5714" s="74"/>
      <c r="L5714" s="55"/>
      <c r="M5714" s="234"/>
      <c r="N5714" s="65"/>
      <c r="O5714" s="76"/>
      <c r="P5714" s="76"/>
      <c r="Q5714" s="65"/>
      <c r="R5714" s="76"/>
      <c r="S5714" s="76"/>
      <c r="T5714" s="76"/>
      <c r="U5714" s="76"/>
      <c r="V5714" s="76"/>
      <c r="W5714" s="76"/>
      <c r="X5714" s="76"/>
      <c r="Y5714" s="76"/>
      <c r="Z5714" s="76"/>
      <c r="AA5714" s="85"/>
      <c r="AB5714" s="85"/>
      <c r="AC5714" s="85"/>
      <c r="AD5714" s="85"/>
      <c r="AE5714" s="85"/>
      <c r="AF5714" s="85"/>
      <c r="AG5714" s="86"/>
      <c r="AH5714" s="85"/>
      <c r="AI5714" s="85"/>
      <c r="AJ5714" s="85"/>
      <c r="AK5714" s="85"/>
      <c r="AL5714" s="85"/>
      <c r="AM5714" s="92"/>
      <c r="AN5714" s="92"/>
      <c r="AO5714" s="92"/>
      <c r="AP5714" s="92"/>
      <c r="AQ5714" s="92"/>
      <c r="AR5714" s="92"/>
      <c r="AS5714" s="92"/>
      <c r="AT5714" s="92"/>
      <c r="AU5714" s="92"/>
      <c r="AV5714" s="92"/>
      <c r="AW5714" s="92"/>
      <c r="AX5714" s="92"/>
      <c r="AY5714" s="92"/>
      <c r="AZ5714" s="93"/>
      <c r="BA5714" s="93"/>
      <c r="BB5714" s="93"/>
      <c r="BC5714" s="93"/>
      <c r="BD5714" s="93"/>
      <c r="BE5714" s="93"/>
      <c r="BF5714" s="93"/>
      <c r="BG5714" s="93"/>
      <c r="BH5714" s="93"/>
      <c r="BI5714" s="93"/>
      <c r="BJ5714" s="93"/>
      <c r="BK5714" s="93"/>
      <c r="BL5714" s="93"/>
    </row>
    <row r="5715" spans="2:64" x14ac:dyDescent="0.2">
      <c r="B5715" s="43"/>
      <c r="C5715" s="73"/>
      <c r="D5715" s="64"/>
      <c r="E5715" s="55"/>
      <c r="F5715" s="74"/>
      <c r="G5715" s="74"/>
      <c r="H5715" s="74"/>
      <c r="I5715" s="75"/>
      <c r="J5715" s="74"/>
      <c r="L5715" s="55"/>
      <c r="M5715" s="234"/>
      <c r="N5715" s="65"/>
      <c r="O5715" s="76"/>
      <c r="P5715" s="76"/>
      <c r="Q5715" s="65"/>
      <c r="R5715" s="76"/>
      <c r="S5715" s="76"/>
      <c r="T5715" s="76"/>
      <c r="U5715" s="76"/>
      <c r="V5715" s="76"/>
      <c r="W5715" s="76"/>
      <c r="X5715" s="76"/>
      <c r="Y5715" s="76"/>
      <c r="Z5715" s="76"/>
      <c r="AA5715" s="85"/>
      <c r="AB5715" s="85"/>
      <c r="AC5715" s="85"/>
      <c r="AD5715" s="85"/>
      <c r="AE5715" s="85"/>
      <c r="AF5715" s="85"/>
      <c r="AG5715" s="86"/>
      <c r="AH5715" s="85"/>
      <c r="AI5715" s="85"/>
      <c r="AJ5715" s="85"/>
      <c r="AK5715" s="85"/>
      <c r="AL5715" s="85"/>
      <c r="AM5715" s="92"/>
      <c r="AN5715" s="92"/>
      <c r="AO5715" s="92"/>
      <c r="AP5715" s="92"/>
      <c r="AQ5715" s="92"/>
      <c r="AR5715" s="92"/>
      <c r="AS5715" s="92"/>
      <c r="AT5715" s="92"/>
      <c r="AU5715" s="92"/>
      <c r="AV5715" s="92"/>
      <c r="AW5715" s="92"/>
      <c r="AX5715" s="92"/>
      <c r="AY5715" s="92"/>
      <c r="AZ5715" s="93"/>
      <c r="BA5715" s="93"/>
      <c r="BB5715" s="93"/>
      <c r="BC5715" s="93"/>
      <c r="BD5715" s="93"/>
      <c r="BE5715" s="93"/>
      <c r="BF5715" s="93"/>
      <c r="BG5715" s="93"/>
      <c r="BH5715" s="93"/>
      <c r="BI5715" s="93"/>
      <c r="BJ5715" s="93"/>
      <c r="BK5715" s="93"/>
      <c r="BL5715" s="93"/>
    </row>
    <row r="5716" spans="2:64" x14ac:dyDescent="0.2">
      <c r="B5716" s="43"/>
      <c r="C5716" s="73"/>
      <c r="D5716" s="64"/>
      <c r="E5716" s="55"/>
      <c r="F5716" s="74"/>
      <c r="G5716" s="74"/>
      <c r="H5716" s="74"/>
      <c r="I5716" s="75"/>
      <c r="J5716" s="74"/>
      <c r="L5716" s="55"/>
      <c r="M5716" s="234"/>
      <c r="N5716" s="65"/>
      <c r="O5716" s="76"/>
      <c r="P5716" s="76"/>
      <c r="Q5716" s="65"/>
      <c r="R5716" s="76"/>
      <c r="S5716" s="76"/>
      <c r="T5716" s="76"/>
      <c r="U5716" s="76"/>
      <c r="V5716" s="76"/>
      <c r="W5716" s="76"/>
      <c r="X5716" s="76"/>
      <c r="Y5716" s="76"/>
      <c r="Z5716" s="76"/>
      <c r="AA5716" s="85"/>
      <c r="AB5716" s="85"/>
      <c r="AC5716" s="85"/>
      <c r="AD5716" s="85"/>
      <c r="AE5716" s="85"/>
      <c r="AF5716" s="85"/>
      <c r="AG5716" s="86"/>
      <c r="AH5716" s="85"/>
      <c r="AI5716" s="85"/>
      <c r="AJ5716" s="85"/>
      <c r="AK5716" s="85"/>
      <c r="AL5716" s="85"/>
      <c r="AM5716" s="92"/>
      <c r="AN5716" s="92"/>
      <c r="AO5716" s="92"/>
      <c r="AP5716" s="92"/>
      <c r="AQ5716" s="92"/>
      <c r="AR5716" s="92"/>
      <c r="AS5716" s="92"/>
      <c r="AT5716" s="92"/>
      <c r="AU5716" s="92"/>
      <c r="AV5716" s="92"/>
      <c r="AW5716" s="92"/>
      <c r="AX5716" s="92"/>
      <c r="AY5716" s="92"/>
      <c r="AZ5716" s="93"/>
      <c r="BA5716" s="93"/>
      <c r="BB5716" s="93"/>
      <c r="BC5716" s="93"/>
      <c r="BD5716" s="93"/>
      <c r="BE5716" s="93"/>
      <c r="BF5716" s="93"/>
      <c r="BG5716" s="93"/>
      <c r="BH5716" s="93"/>
      <c r="BI5716" s="93"/>
      <c r="BJ5716" s="93"/>
      <c r="BK5716" s="93"/>
      <c r="BL5716" s="93"/>
    </row>
    <row r="5717" spans="2:64" x14ac:dyDescent="0.2">
      <c r="B5717" s="43"/>
      <c r="C5717" s="73"/>
      <c r="D5717" s="64"/>
      <c r="E5717" s="55"/>
      <c r="F5717" s="74"/>
      <c r="G5717" s="74"/>
      <c r="H5717" s="74"/>
      <c r="I5717" s="75"/>
      <c r="J5717" s="74"/>
      <c r="L5717" s="55"/>
      <c r="M5717" s="234"/>
      <c r="N5717" s="65"/>
      <c r="O5717" s="76"/>
      <c r="P5717" s="76"/>
      <c r="Q5717" s="65"/>
      <c r="R5717" s="76"/>
      <c r="S5717" s="76"/>
      <c r="T5717" s="76"/>
      <c r="U5717" s="76"/>
      <c r="V5717" s="76"/>
      <c r="W5717" s="76"/>
      <c r="X5717" s="76"/>
      <c r="Y5717" s="76"/>
      <c r="Z5717" s="76"/>
      <c r="AA5717" s="85"/>
      <c r="AB5717" s="85"/>
      <c r="AC5717" s="85"/>
      <c r="AD5717" s="85"/>
      <c r="AE5717" s="85"/>
      <c r="AF5717" s="85"/>
      <c r="AG5717" s="86"/>
      <c r="AH5717" s="85"/>
      <c r="AI5717" s="85"/>
      <c r="AJ5717" s="85"/>
      <c r="AK5717" s="85"/>
      <c r="AL5717" s="85"/>
      <c r="AM5717" s="92"/>
      <c r="AN5717" s="92"/>
      <c r="AO5717" s="92"/>
      <c r="AP5717" s="92"/>
      <c r="AQ5717" s="92"/>
      <c r="AR5717" s="92"/>
      <c r="AS5717" s="92"/>
      <c r="AT5717" s="92"/>
      <c r="AU5717" s="92"/>
      <c r="AV5717" s="92"/>
      <c r="AW5717" s="92"/>
      <c r="AX5717" s="92"/>
      <c r="AY5717" s="92"/>
      <c r="AZ5717" s="93"/>
      <c r="BA5717" s="93"/>
      <c r="BB5717" s="93"/>
      <c r="BC5717" s="93"/>
      <c r="BD5717" s="93"/>
      <c r="BE5717" s="93"/>
      <c r="BF5717" s="93"/>
      <c r="BG5717" s="93"/>
      <c r="BH5717" s="93"/>
      <c r="BI5717" s="93"/>
      <c r="BJ5717" s="93"/>
      <c r="BK5717" s="93"/>
      <c r="BL5717" s="93"/>
    </row>
    <row r="5718" spans="2:64" x14ac:dyDescent="0.2">
      <c r="B5718" s="43"/>
      <c r="C5718" s="73"/>
      <c r="D5718" s="64"/>
      <c r="E5718" s="55"/>
      <c r="F5718" s="74"/>
      <c r="G5718" s="74"/>
      <c r="H5718" s="74"/>
      <c r="I5718" s="75"/>
      <c r="J5718" s="74"/>
      <c r="L5718" s="55"/>
      <c r="M5718" s="234"/>
      <c r="N5718" s="65"/>
      <c r="O5718" s="76"/>
      <c r="P5718" s="76"/>
      <c r="Q5718" s="65"/>
      <c r="R5718" s="76"/>
      <c r="S5718" s="76"/>
      <c r="T5718" s="76"/>
      <c r="U5718" s="76"/>
      <c r="V5718" s="76"/>
      <c r="W5718" s="76"/>
      <c r="X5718" s="76"/>
      <c r="Y5718" s="76"/>
      <c r="Z5718" s="76"/>
      <c r="AA5718" s="85"/>
      <c r="AB5718" s="85"/>
      <c r="AC5718" s="85"/>
      <c r="AD5718" s="85"/>
      <c r="AE5718" s="85"/>
      <c r="AF5718" s="85"/>
      <c r="AG5718" s="86"/>
      <c r="AH5718" s="85"/>
      <c r="AI5718" s="85"/>
      <c r="AJ5718" s="85"/>
      <c r="AK5718" s="85"/>
      <c r="AL5718" s="85"/>
      <c r="AM5718" s="92"/>
      <c r="AN5718" s="92"/>
      <c r="AO5718" s="92"/>
      <c r="AP5718" s="92"/>
      <c r="AQ5718" s="92"/>
      <c r="AR5718" s="92"/>
      <c r="AS5718" s="92"/>
      <c r="AT5718" s="92"/>
      <c r="AU5718" s="92"/>
      <c r="AV5718" s="92"/>
      <c r="AW5718" s="92"/>
      <c r="AX5718" s="92"/>
      <c r="AY5718" s="92"/>
      <c r="AZ5718" s="93"/>
      <c r="BA5718" s="93"/>
      <c r="BB5718" s="93"/>
      <c r="BC5718" s="93"/>
      <c r="BD5718" s="93"/>
      <c r="BE5718" s="93"/>
      <c r="BF5718" s="93"/>
      <c r="BG5718" s="93"/>
      <c r="BH5718" s="93"/>
      <c r="BI5718" s="93"/>
      <c r="BJ5718" s="93"/>
      <c r="BK5718" s="93"/>
      <c r="BL5718" s="93"/>
    </row>
    <row r="5719" spans="2:64" x14ac:dyDescent="0.2">
      <c r="B5719" s="43"/>
      <c r="C5719" s="73"/>
      <c r="D5719" s="64"/>
      <c r="E5719" s="55"/>
      <c r="F5719" s="74"/>
      <c r="G5719" s="74"/>
      <c r="H5719" s="74"/>
      <c r="I5719" s="75"/>
      <c r="J5719" s="74"/>
      <c r="L5719" s="55"/>
      <c r="M5719" s="234"/>
      <c r="N5719" s="65"/>
      <c r="O5719" s="76"/>
      <c r="P5719" s="76"/>
      <c r="Q5719" s="65"/>
      <c r="R5719" s="76"/>
      <c r="S5719" s="76"/>
      <c r="T5719" s="76"/>
      <c r="U5719" s="76"/>
      <c r="V5719" s="76"/>
      <c r="W5719" s="76"/>
      <c r="X5719" s="76"/>
      <c r="Y5719" s="76"/>
      <c r="Z5719" s="76"/>
      <c r="AA5719" s="85"/>
      <c r="AB5719" s="85"/>
      <c r="AC5719" s="85"/>
      <c r="AD5719" s="85"/>
      <c r="AE5719" s="85"/>
      <c r="AF5719" s="85"/>
      <c r="AG5719" s="86"/>
      <c r="AH5719" s="85"/>
      <c r="AI5719" s="85"/>
      <c r="AJ5719" s="85"/>
      <c r="AK5719" s="85"/>
      <c r="AL5719" s="85"/>
      <c r="AM5719" s="92"/>
      <c r="AN5719" s="92"/>
      <c r="AO5719" s="92"/>
      <c r="AP5719" s="92"/>
      <c r="AQ5719" s="92"/>
      <c r="AR5719" s="92"/>
      <c r="AS5719" s="92"/>
      <c r="AT5719" s="92"/>
      <c r="AU5719" s="92"/>
      <c r="AV5719" s="92"/>
      <c r="AW5719" s="92"/>
      <c r="AX5719" s="92"/>
      <c r="AY5719" s="92"/>
      <c r="AZ5719" s="93"/>
      <c r="BA5719" s="93"/>
      <c r="BB5719" s="93"/>
      <c r="BC5719" s="93"/>
      <c r="BD5719" s="93"/>
      <c r="BE5719" s="93"/>
      <c r="BF5719" s="93"/>
      <c r="BG5719" s="93"/>
      <c r="BH5719" s="93"/>
      <c r="BI5719" s="93"/>
      <c r="BJ5719" s="93"/>
      <c r="BK5719" s="93"/>
      <c r="BL5719" s="93"/>
    </row>
    <row r="5720" spans="2:64" x14ac:dyDescent="0.2">
      <c r="B5720" s="43"/>
      <c r="C5720" s="73"/>
      <c r="D5720" s="64"/>
      <c r="E5720" s="55"/>
      <c r="F5720" s="74"/>
      <c r="G5720" s="74"/>
      <c r="H5720" s="74"/>
      <c r="I5720" s="75"/>
      <c r="J5720" s="74"/>
      <c r="L5720" s="55"/>
      <c r="M5720" s="234"/>
      <c r="N5720" s="65"/>
      <c r="O5720" s="76"/>
      <c r="P5720" s="76"/>
      <c r="Q5720" s="65"/>
      <c r="R5720" s="76"/>
      <c r="S5720" s="76"/>
      <c r="T5720" s="76"/>
      <c r="U5720" s="76"/>
      <c r="V5720" s="76"/>
      <c r="W5720" s="76"/>
      <c r="X5720" s="76"/>
      <c r="Y5720" s="76"/>
      <c r="Z5720" s="76"/>
      <c r="AA5720" s="85"/>
      <c r="AB5720" s="85"/>
      <c r="AC5720" s="85"/>
      <c r="AD5720" s="85"/>
      <c r="AE5720" s="85"/>
      <c r="AF5720" s="85"/>
      <c r="AG5720" s="86"/>
      <c r="AH5720" s="85"/>
      <c r="AI5720" s="85"/>
      <c r="AJ5720" s="85"/>
      <c r="AK5720" s="85"/>
      <c r="AL5720" s="85"/>
      <c r="AM5720" s="92"/>
      <c r="AN5720" s="92"/>
      <c r="AO5720" s="92"/>
      <c r="AP5720" s="92"/>
      <c r="AQ5720" s="92"/>
      <c r="AR5720" s="92"/>
      <c r="AS5720" s="92"/>
      <c r="AT5720" s="92"/>
      <c r="AU5720" s="92"/>
      <c r="AV5720" s="92"/>
      <c r="AW5720" s="92"/>
      <c r="AX5720" s="92"/>
      <c r="AY5720" s="92"/>
      <c r="AZ5720" s="93"/>
      <c r="BA5720" s="93"/>
      <c r="BB5720" s="93"/>
      <c r="BC5720" s="93"/>
      <c r="BD5720" s="93"/>
      <c r="BE5720" s="93"/>
      <c r="BF5720" s="93"/>
      <c r="BG5720" s="93"/>
      <c r="BH5720" s="93"/>
      <c r="BI5720" s="93"/>
      <c r="BJ5720" s="93"/>
      <c r="BK5720" s="93"/>
      <c r="BL5720" s="93"/>
    </row>
    <row r="5721" spans="2:64" x14ac:dyDescent="0.2">
      <c r="B5721" s="43"/>
      <c r="C5721" s="73"/>
      <c r="D5721" s="64"/>
      <c r="E5721" s="55"/>
      <c r="F5721" s="74"/>
      <c r="G5721" s="74"/>
      <c r="H5721" s="74"/>
      <c r="I5721" s="75"/>
      <c r="J5721" s="74"/>
      <c r="L5721" s="55"/>
      <c r="M5721" s="234"/>
      <c r="N5721" s="65"/>
      <c r="O5721" s="76"/>
      <c r="P5721" s="76"/>
      <c r="Q5721" s="65"/>
      <c r="R5721" s="76"/>
      <c r="S5721" s="76"/>
      <c r="T5721" s="76"/>
      <c r="U5721" s="76"/>
      <c r="V5721" s="76"/>
      <c r="W5721" s="76"/>
      <c r="X5721" s="76"/>
      <c r="Y5721" s="76"/>
      <c r="Z5721" s="76"/>
      <c r="AA5721" s="85"/>
      <c r="AB5721" s="85"/>
      <c r="AC5721" s="85"/>
      <c r="AD5721" s="85"/>
      <c r="AE5721" s="85"/>
      <c r="AF5721" s="85"/>
      <c r="AG5721" s="86"/>
      <c r="AH5721" s="85"/>
      <c r="AI5721" s="85"/>
      <c r="AJ5721" s="85"/>
      <c r="AK5721" s="85"/>
      <c r="AL5721" s="85"/>
      <c r="AM5721" s="92"/>
      <c r="AN5721" s="92"/>
      <c r="AO5721" s="92"/>
      <c r="AP5721" s="92"/>
      <c r="AQ5721" s="92"/>
      <c r="AR5721" s="92"/>
      <c r="AS5721" s="92"/>
      <c r="AT5721" s="92"/>
      <c r="AU5721" s="92"/>
      <c r="AV5721" s="92"/>
      <c r="AW5721" s="92"/>
      <c r="AX5721" s="92"/>
      <c r="AY5721" s="92"/>
      <c r="AZ5721" s="93"/>
      <c r="BA5721" s="93"/>
      <c r="BB5721" s="93"/>
      <c r="BC5721" s="93"/>
      <c r="BD5721" s="93"/>
      <c r="BE5721" s="93"/>
      <c r="BF5721" s="93"/>
      <c r="BG5721" s="93"/>
      <c r="BH5721" s="93"/>
      <c r="BI5721" s="93"/>
      <c r="BJ5721" s="93"/>
      <c r="BK5721" s="93"/>
      <c r="BL5721" s="93"/>
    </row>
    <row r="5722" spans="2:64" x14ac:dyDescent="0.2">
      <c r="B5722" s="43"/>
      <c r="C5722" s="73"/>
      <c r="D5722" s="64"/>
      <c r="E5722" s="55"/>
      <c r="F5722" s="74"/>
      <c r="G5722" s="74"/>
      <c r="H5722" s="74"/>
      <c r="I5722" s="75"/>
      <c r="J5722" s="74"/>
      <c r="L5722" s="55"/>
      <c r="M5722" s="234"/>
      <c r="N5722" s="65"/>
      <c r="O5722" s="76"/>
      <c r="P5722" s="76"/>
      <c r="Q5722" s="65"/>
      <c r="R5722" s="76"/>
      <c r="S5722" s="76"/>
      <c r="T5722" s="76"/>
      <c r="U5722" s="76"/>
      <c r="V5722" s="76"/>
      <c r="W5722" s="76"/>
      <c r="X5722" s="76"/>
      <c r="Y5722" s="76"/>
      <c r="Z5722" s="76"/>
      <c r="AA5722" s="85"/>
      <c r="AB5722" s="85"/>
      <c r="AC5722" s="85"/>
      <c r="AD5722" s="85"/>
      <c r="AE5722" s="85"/>
      <c r="AF5722" s="85"/>
      <c r="AG5722" s="86"/>
      <c r="AH5722" s="85"/>
      <c r="AI5722" s="85"/>
      <c r="AJ5722" s="85"/>
      <c r="AK5722" s="85"/>
      <c r="AL5722" s="85"/>
      <c r="AM5722" s="92"/>
      <c r="AN5722" s="92"/>
      <c r="AO5722" s="92"/>
      <c r="AP5722" s="92"/>
      <c r="AQ5722" s="92"/>
      <c r="AR5722" s="92"/>
      <c r="AS5722" s="92"/>
      <c r="AT5722" s="92"/>
      <c r="AU5722" s="92"/>
      <c r="AV5722" s="92"/>
      <c r="AW5722" s="92"/>
      <c r="AX5722" s="92"/>
      <c r="AY5722" s="92"/>
      <c r="AZ5722" s="93"/>
      <c r="BA5722" s="93"/>
      <c r="BB5722" s="93"/>
      <c r="BC5722" s="93"/>
      <c r="BD5722" s="93"/>
      <c r="BE5722" s="93"/>
      <c r="BF5722" s="93"/>
      <c r="BG5722" s="93"/>
      <c r="BH5722" s="93"/>
      <c r="BI5722" s="93"/>
      <c r="BJ5722" s="93"/>
      <c r="BK5722" s="93"/>
      <c r="BL5722" s="93"/>
    </row>
    <row r="5723" spans="2:64" x14ac:dyDescent="0.2">
      <c r="B5723" s="43"/>
      <c r="C5723" s="73"/>
      <c r="D5723" s="64"/>
      <c r="E5723" s="55"/>
      <c r="F5723" s="74"/>
      <c r="G5723" s="74"/>
      <c r="H5723" s="74"/>
      <c r="I5723" s="75"/>
      <c r="J5723" s="74"/>
      <c r="L5723" s="55"/>
      <c r="M5723" s="234"/>
      <c r="N5723" s="65"/>
      <c r="O5723" s="76"/>
      <c r="P5723" s="76"/>
      <c r="Q5723" s="65"/>
      <c r="R5723" s="76"/>
      <c r="S5723" s="76"/>
      <c r="T5723" s="76"/>
      <c r="U5723" s="76"/>
      <c r="V5723" s="76"/>
      <c r="W5723" s="76"/>
      <c r="X5723" s="76"/>
      <c r="Y5723" s="76"/>
      <c r="Z5723" s="76"/>
      <c r="AA5723" s="85"/>
      <c r="AB5723" s="85"/>
      <c r="AC5723" s="85"/>
      <c r="AD5723" s="85"/>
      <c r="AE5723" s="85"/>
      <c r="AF5723" s="85"/>
      <c r="AG5723" s="86"/>
      <c r="AH5723" s="85"/>
      <c r="AI5723" s="85"/>
      <c r="AJ5723" s="85"/>
      <c r="AK5723" s="85"/>
      <c r="AL5723" s="85"/>
      <c r="AM5723" s="92"/>
      <c r="AN5723" s="92"/>
      <c r="AO5723" s="92"/>
      <c r="AP5723" s="92"/>
      <c r="AQ5723" s="92"/>
      <c r="AR5723" s="92"/>
      <c r="AS5723" s="92"/>
      <c r="AT5723" s="92"/>
      <c r="AU5723" s="92"/>
      <c r="AV5723" s="92"/>
      <c r="AW5723" s="92"/>
      <c r="AX5723" s="92"/>
      <c r="AY5723" s="92"/>
      <c r="AZ5723" s="93"/>
      <c r="BA5723" s="93"/>
      <c r="BB5723" s="93"/>
      <c r="BC5723" s="93"/>
      <c r="BD5723" s="93"/>
      <c r="BE5723" s="93"/>
      <c r="BF5723" s="93"/>
      <c r="BG5723" s="93"/>
      <c r="BH5723" s="93"/>
      <c r="BI5723" s="93"/>
      <c r="BJ5723" s="93"/>
      <c r="BK5723" s="93"/>
      <c r="BL5723" s="93"/>
    </row>
    <row r="5724" spans="2:64" x14ac:dyDescent="0.2">
      <c r="B5724" s="43"/>
      <c r="C5724" s="73"/>
      <c r="D5724" s="64"/>
      <c r="E5724" s="55"/>
      <c r="F5724" s="74"/>
      <c r="G5724" s="74"/>
      <c r="H5724" s="74"/>
      <c r="I5724" s="75"/>
      <c r="J5724" s="74"/>
      <c r="L5724" s="55"/>
      <c r="M5724" s="234"/>
      <c r="N5724" s="65"/>
      <c r="O5724" s="76"/>
      <c r="P5724" s="76"/>
      <c r="Q5724" s="65"/>
      <c r="R5724" s="76"/>
      <c r="S5724" s="76"/>
      <c r="T5724" s="76"/>
      <c r="U5724" s="76"/>
      <c r="V5724" s="76"/>
      <c r="W5724" s="76"/>
      <c r="X5724" s="76"/>
      <c r="Y5724" s="76"/>
      <c r="Z5724" s="76"/>
      <c r="AA5724" s="85"/>
      <c r="AB5724" s="85"/>
      <c r="AC5724" s="85"/>
      <c r="AD5724" s="85"/>
      <c r="AE5724" s="85"/>
      <c r="AF5724" s="85"/>
      <c r="AG5724" s="86"/>
      <c r="AH5724" s="85"/>
      <c r="AI5724" s="85"/>
      <c r="AJ5724" s="85"/>
      <c r="AK5724" s="85"/>
      <c r="AL5724" s="85"/>
      <c r="AM5724" s="92"/>
      <c r="AN5724" s="92"/>
      <c r="AO5724" s="92"/>
      <c r="AP5724" s="92"/>
      <c r="AQ5724" s="92"/>
      <c r="AR5724" s="92"/>
      <c r="AS5724" s="92"/>
      <c r="AT5724" s="92"/>
      <c r="AU5724" s="92"/>
      <c r="AV5724" s="92"/>
      <c r="AW5724" s="92"/>
      <c r="AX5724" s="92"/>
      <c r="AY5724" s="92"/>
      <c r="AZ5724" s="93"/>
      <c r="BA5724" s="93"/>
      <c r="BB5724" s="93"/>
      <c r="BC5724" s="93"/>
      <c r="BD5724" s="93"/>
      <c r="BE5724" s="93"/>
      <c r="BF5724" s="93"/>
      <c r="BG5724" s="93"/>
      <c r="BH5724" s="93"/>
      <c r="BI5724" s="93"/>
      <c r="BJ5724" s="93"/>
      <c r="BK5724" s="93"/>
      <c r="BL5724" s="93"/>
    </row>
    <row r="5725" spans="2:64" x14ac:dyDescent="0.2">
      <c r="B5725" s="43"/>
      <c r="C5725" s="73"/>
      <c r="D5725" s="64"/>
      <c r="E5725" s="55"/>
      <c r="F5725" s="74"/>
      <c r="G5725" s="74"/>
      <c r="H5725" s="74"/>
      <c r="I5725" s="75"/>
      <c r="J5725" s="74"/>
      <c r="L5725" s="55"/>
      <c r="M5725" s="234"/>
      <c r="N5725" s="65"/>
      <c r="O5725" s="76"/>
      <c r="P5725" s="76"/>
      <c r="Q5725" s="65"/>
      <c r="R5725" s="76"/>
      <c r="S5725" s="76"/>
      <c r="T5725" s="76"/>
      <c r="U5725" s="76"/>
      <c r="V5725" s="76"/>
      <c r="W5725" s="76"/>
      <c r="X5725" s="76"/>
      <c r="Y5725" s="76"/>
      <c r="Z5725" s="76"/>
      <c r="AA5725" s="85"/>
      <c r="AB5725" s="85"/>
      <c r="AC5725" s="85"/>
      <c r="AD5725" s="85"/>
      <c r="AE5725" s="85"/>
      <c r="AF5725" s="85"/>
      <c r="AG5725" s="86"/>
      <c r="AH5725" s="85"/>
      <c r="AI5725" s="85"/>
      <c r="AJ5725" s="85"/>
      <c r="AK5725" s="85"/>
      <c r="AL5725" s="85"/>
      <c r="AM5725" s="92"/>
      <c r="AN5725" s="92"/>
      <c r="AO5725" s="92"/>
      <c r="AP5725" s="92"/>
      <c r="AQ5725" s="92"/>
      <c r="AR5725" s="92"/>
      <c r="AS5725" s="92"/>
      <c r="AT5725" s="92"/>
      <c r="AU5725" s="92"/>
      <c r="AV5725" s="92"/>
      <c r="AW5725" s="92"/>
      <c r="AX5725" s="92"/>
      <c r="AY5725" s="92"/>
      <c r="AZ5725" s="93"/>
      <c r="BA5725" s="93"/>
      <c r="BB5725" s="93"/>
      <c r="BC5725" s="93"/>
      <c r="BD5725" s="93"/>
      <c r="BE5725" s="93"/>
      <c r="BF5725" s="93"/>
      <c r="BG5725" s="93"/>
      <c r="BH5725" s="93"/>
      <c r="BI5725" s="93"/>
      <c r="BJ5725" s="93"/>
      <c r="BK5725" s="93"/>
      <c r="BL5725" s="93"/>
    </row>
    <row r="5726" spans="2:64" x14ac:dyDescent="0.2">
      <c r="B5726" s="43"/>
      <c r="C5726" s="73"/>
      <c r="D5726" s="64"/>
      <c r="E5726" s="55"/>
      <c r="F5726" s="74"/>
      <c r="G5726" s="74"/>
      <c r="H5726" s="74"/>
      <c r="I5726" s="75"/>
      <c r="J5726" s="74"/>
      <c r="L5726" s="55"/>
      <c r="M5726" s="234"/>
      <c r="N5726" s="65"/>
      <c r="O5726" s="76"/>
      <c r="P5726" s="76"/>
      <c r="Q5726" s="65"/>
      <c r="R5726" s="76"/>
      <c r="S5726" s="76"/>
      <c r="T5726" s="76"/>
      <c r="U5726" s="76"/>
      <c r="V5726" s="76"/>
      <c r="W5726" s="76"/>
      <c r="X5726" s="76"/>
      <c r="Y5726" s="76"/>
      <c r="Z5726" s="76"/>
      <c r="AA5726" s="85"/>
      <c r="AB5726" s="85"/>
      <c r="AC5726" s="85"/>
      <c r="AD5726" s="85"/>
      <c r="AE5726" s="85"/>
      <c r="AF5726" s="85"/>
      <c r="AG5726" s="86"/>
      <c r="AH5726" s="85"/>
      <c r="AI5726" s="85"/>
      <c r="AJ5726" s="85"/>
      <c r="AK5726" s="85"/>
      <c r="AL5726" s="85"/>
      <c r="AM5726" s="92"/>
      <c r="AN5726" s="92"/>
      <c r="AO5726" s="92"/>
      <c r="AP5726" s="92"/>
      <c r="AQ5726" s="92"/>
      <c r="AR5726" s="92"/>
      <c r="AS5726" s="92"/>
      <c r="AT5726" s="92"/>
      <c r="AU5726" s="92"/>
      <c r="AV5726" s="92"/>
      <c r="AW5726" s="92"/>
      <c r="AX5726" s="92"/>
      <c r="AY5726" s="92"/>
      <c r="AZ5726" s="93"/>
      <c r="BA5726" s="93"/>
      <c r="BB5726" s="93"/>
      <c r="BC5726" s="93"/>
      <c r="BD5726" s="93"/>
      <c r="BE5726" s="93"/>
      <c r="BF5726" s="93"/>
      <c r="BG5726" s="93"/>
      <c r="BH5726" s="93"/>
      <c r="BI5726" s="93"/>
      <c r="BJ5726" s="93"/>
      <c r="BK5726" s="93"/>
      <c r="BL5726" s="93"/>
    </row>
    <row r="5727" spans="2:64" x14ac:dyDescent="0.2">
      <c r="B5727" s="43"/>
      <c r="C5727" s="73"/>
      <c r="D5727" s="64"/>
      <c r="E5727" s="55"/>
      <c r="F5727" s="74"/>
      <c r="G5727" s="74"/>
      <c r="H5727" s="74"/>
      <c r="I5727" s="75"/>
      <c r="J5727" s="74"/>
      <c r="L5727" s="55"/>
      <c r="M5727" s="234"/>
      <c r="N5727" s="65"/>
      <c r="O5727" s="76"/>
      <c r="P5727" s="76"/>
      <c r="Q5727" s="65"/>
      <c r="R5727" s="76"/>
      <c r="S5727" s="76"/>
      <c r="T5727" s="76"/>
      <c r="U5727" s="76"/>
      <c r="V5727" s="76"/>
      <c r="W5727" s="76"/>
      <c r="X5727" s="76"/>
      <c r="Y5727" s="76"/>
      <c r="Z5727" s="76"/>
      <c r="AA5727" s="85"/>
      <c r="AB5727" s="85"/>
      <c r="AC5727" s="85"/>
      <c r="AD5727" s="85"/>
      <c r="AE5727" s="85"/>
      <c r="AF5727" s="85"/>
      <c r="AG5727" s="86"/>
      <c r="AH5727" s="85"/>
      <c r="AI5727" s="85"/>
      <c r="AJ5727" s="85"/>
      <c r="AK5727" s="85"/>
      <c r="AL5727" s="85"/>
      <c r="AM5727" s="92"/>
      <c r="AN5727" s="92"/>
      <c r="AO5727" s="92"/>
      <c r="AP5727" s="92"/>
      <c r="AQ5727" s="92"/>
      <c r="AR5727" s="92"/>
      <c r="AS5727" s="92"/>
      <c r="AT5727" s="92"/>
      <c r="AU5727" s="92"/>
      <c r="AV5727" s="92"/>
      <c r="AW5727" s="92"/>
      <c r="AX5727" s="92"/>
      <c r="AY5727" s="92"/>
      <c r="AZ5727" s="93"/>
      <c r="BA5727" s="93"/>
      <c r="BB5727" s="93"/>
      <c r="BC5727" s="93"/>
      <c r="BD5727" s="93"/>
      <c r="BE5727" s="93"/>
      <c r="BF5727" s="93"/>
      <c r="BG5727" s="93"/>
      <c r="BH5727" s="93"/>
      <c r="BI5727" s="93"/>
      <c r="BJ5727" s="93"/>
      <c r="BK5727" s="93"/>
      <c r="BL5727" s="93"/>
    </row>
    <row r="5728" spans="2:64" x14ac:dyDescent="0.2">
      <c r="B5728" s="43"/>
      <c r="C5728" s="73"/>
      <c r="D5728" s="64"/>
      <c r="E5728" s="55"/>
      <c r="F5728" s="74"/>
      <c r="G5728" s="74"/>
      <c r="H5728" s="74"/>
      <c r="I5728" s="75"/>
      <c r="J5728" s="74"/>
      <c r="L5728" s="55"/>
      <c r="M5728" s="234"/>
      <c r="N5728" s="65"/>
      <c r="O5728" s="76"/>
      <c r="P5728" s="76"/>
      <c r="Q5728" s="65"/>
      <c r="R5728" s="76"/>
      <c r="S5728" s="76"/>
      <c r="T5728" s="76"/>
      <c r="U5728" s="76"/>
      <c r="V5728" s="76"/>
      <c r="W5728" s="76"/>
      <c r="X5728" s="76"/>
      <c r="Y5728" s="76"/>
      <c r="Z5728" s="76"/>
      <c r="AA5728" s="85"/>
      <c r="AB5728" s="85"/>
      <c r="AC5728" s="85"/>
      <c r="AD5728" s="85"/>
      <c r="AE5728" s="85"/>
      <c r="AF5728" s="85"/>
      <c r="AG5728" s="86"/>
      <c r="AH5728" s="85"/>
      <c r="AI5728" s="85"/>
      <c r="AJ5728" s="85"/>
      <c r="AK5728" s="85"/>
      <c r="AL5728" s="85"/>
      <c r="AM5728" s="92"/>
      <c r="AN5728" s="92"/>
      <c r="AO5728" s="92"/>
      <c r="AP5728" s="92"/>
      <c r="AQ5728" s="92"/>
      <c r="AR5728" s="92"/>
      <c r="AS5728" s="92"/>
      <c r="AT5728" s="92"/>
      <c r="AU5728" s="92"/>
      <c r="AV5728" s="92"/>
      <c r="AW5728" s="92"/>
      <c r="AX5728" s="92"/>
      <c r="AY5728" s="92"/>
      <c r="AZ5728" s="93"/>
      <c r="BA5728" s="93"/>
      <c r="BB5728" s="93"/>
      <c r="BC5728" s="93"/>
      <c r="BD5728" s="93"/>
      <c r="BE5728" s="93"/>
      <c r="BF5728" s="93"/>
      <c r="BG5728" s="93"/>
      <c r="BH5728" s="93"/>
      <c r="BI5728" s="93"/>
      <c r="BJ5728" s="93"/>
      <c r="BK5728" s="93"/>
      <c r="BL5728" s="93"/>
    </row>
    <row r="5729" spans="2:64" x14ac:dyDescent="0.2">
      <c r="B5729" s="43"/>
      <c r="C5729" s="73"/>
      <c r="D5729" s="64"/>
      <c r="E5729" s="55"/>
      <c r="F5729" s="74"/>
      <c r="G5729" s="74"/>
      <c r="H5729" s="74"/>
      <c r="I5729" s="75"/>
      <c r="J5729" s="74"/>
      <c r="L5729" s="55"/>
      <c r="M5729" s="234"/>
      <c r="N5729" s="65"/>
      <c r="O5729" s="76"/>
      <c r="P5729" s="76"/>
      <c r="Q5729" s="65"/>
      <c r="R5729" s="76"/>
      <c r="S5729" s="76"/>
      <c r="T5729" s="76"/>
      <c r="U5729" s="76"/>
      <c r="V5729" s="76"/>
      <c r="W5729" s="76"/>
      <c r="X5729" s="76"/>
      <c r="Y5729" s="76"/>
      <c r="Z5729" s="76"/>
      <c r="AA5729" s="85"/>
      <c r="AB5729" s="85"/>
      <c r="AC5729" s="85"/>
      <c r="AD5729" s="85"/>
      <c r="AE5729" s="85"/>
      <c r="AF5729" s="85"/>
      <c r="AG5729" s="86"/>
      <c r="AH5729" s="85"/>
      <c r="AI5729" s="85"/>
      <c r="AJ5729" s="85"/>
      <c r="AK5729" s="85"/>
      <c r="AL5729" s="85"/>
      <c r="AM5729" s="92"/>
      <c r="AN5729" s="92"/>
      <c r="AO5729" s="92"/>
      <c r="AP5729" s="92"/>
      <c r="AQ5729" s="92"/>
      <c r="AR5729" s="92"/>
      <c r="AS5729" s="92"/>
      <c r="AT5729" s="92"/>
      <c r="AU5729" s="92"/>
      <c r="AV5729" s="92"/>
      <c r="AW5729" s="92"/>
      <c r="AX5729" s="92"/>
      <c r="AY5729" s="92"/>
      <c r="AZ5729" s="93"/>
      <c r="BA5729" s="93"/>
      <c r="BB5729" s="93"/>
      <c r="BC5729" s="93"/>
      <c r="BD5729" s="93"/>
      <c r="BE5729" s="93"/>
      <c r="BF5729" s="93"/>
      <c r="BG5729" s="93"/>
      <c r="BH5729" s="93"/>
      <c r="BI5729" s="93"/>
      <c r="BJ5729" s="93"/>
      <c r="BK5729" s="93"/>
      <c r="BL5729" s="93"/>
    </row>
    <row r="5730" spans="2:64" x14ac:dyDescent="0.2">
      <c r="B5730" s="43"/>
      <c r="C5730" s="73"/>
      <c r="D5730" s="64"/>
      <c r="E5730" s="55"/>
      <c r="F5730" s="74"/>
      <c r="G5730" s="74"/>
      <c r="H5730" s="74"/>
      <c r="I5730" s="75"/>
      <c r="J5730" s="74"/>
      <c r="L5730" s="55"/>
      <c r="M5730" s="234"/>
      <c r="N5730" s="65"/>
      <c r="O5730" s="76"/>
      <c r="P5730" s="76"/>
      <c r="Q5730" s="65"/>
      <c r="R5730" s="76"/>
      <c r="S5730" s="76"/>
      <c r="T5730" s="76"/>
      <c r="U5730" s="76"/>
      <c r="V5730" s="76"/>
      <c r="W5730" s="76"/>
      <c r="X5730" s="76"/>
      <c r="Y5730" s="76"/>
      <c r="Z5730" s="76"/>
      <c r="AA5730" s="85"/>
      <c r="AB5730" s="85"/>
      <c r="AC5730" s="85"/>
      <c r="AD5730" s="85"/>
      <c r="AE5730" s="85"/>
      <c r="AF5730" s="85"/>
      <c r="AG5730" s="86"/>
      <c r="AH5730" s="85"/>
      <c r="AI5730" s="85"/>
      <c r="AJ5730" s="85"/>
      <c r="AK5730" s="85"/>
      <c r="AL5730" s="85"/>
      <c r="AM5730" s="92"/>
      <c r="AN5730" s="92"/>
      <c r="AO5730" s="92"/>
      <c r="AP5730" s="92"/>
      <c r="AQ5730" s="92"/>
      <c r="AR5730" s="92"/>
      <c r="AS5730" s="92"/>
      <c r="AT5730" s="92"/>
      <c r="AU5730" s="92"/>
      <c r="AV5730" s="92"/>
      <c r="AW5730" s="92"/>
      <c r="AX5730" s="92"/>
      <c r="AY5730" s="92"/>
      <c r="AZ5730" s="93"/>
      <c r="BA5730" s="93"/>
      <c r="BB5730" s="93"/>
      <c r="BC5730" s="93"/>
      <c r="BD5730" s="93"/>
      <c r="BE5730" s="93"/>
      <c r="BF5730" s="93"/>
      <c r="BG5730" s="93"/>
      <c r="BH5730" s="93"/>
      <c r="BI5730" s="93"/>
      <c r="BJ5730" s="93"/>
      <c r="BK5730" s="93"/>
      <c r="BL5730" s="93"/>
    </row>
    <row r="5731" spans="2:64" x14ac:dyDescent="0.2">
      <c r="B5731" s="43"/>
      <c r="C5731" s="73"/>
      <c r="D5731" s="64"/>
      <c r="E5731" s="55"/>
      <c r="F5731" s="74"/>
      <c r="G5731" s="74"/>
      <c r="H5731" s="74"/>
      <c r="I5731" s="75"/>
      <c r="J5731" s="74"/>
      <c r="L5731" s="55"/>
      <c r="M5731" s="234"/>
      <c r="N5731" s="65"/>
      <c r="O5731" s="76"/>
      <c r="P5731" s="76"/>
      <c r="Q5731" s="65"/>
      <c r="R5731" s="76"/>
      <c r="S5731" s="76"/>
      <c r="T5731" s="76"/>
      <c r="U5731" s="76"/>
      <c r="V5731" s="76"/>
      <c r="W5731" s="76"/>
      <c r="X5731" s="76"/>
      <c r="Y5731" s="76"/>
      <c r="Z5731" s="76"/>
      <c r="AA5731" s="85"/>
      <c r="AB5731" s="85"/>
      <c r="AC5731" s="85"/>
      <c r="AD5731" s="85"/>
      <c r="AE5731" s="85"/>
      <c r="AF5731" s="85"/>
      <c r="AG5731" s="86"/>
      <c r="AH5731" s="85"/>
      <c r="AI5731" s="85"/>
      <c r="AJ5731" s="85"/>
      <c r="AK5731" s="85"/>
      <c r="AL5731" s="85"/>
      <c r="AM5731" s="92"/>
      <c r="AN5731" s="92"/>
      <c r="AO5731" s="92"/>
      <c r="AP5731" s="92"/>
      <c r="AQ5731" s="92"/>
      <c r="AR5731" s="92"/>
      <c r="AS5731" s="92"/>
      <c r="AT5731" s="92"/>
      <c r="AU5731" s="92"/>
      <c r="AV5731" s="92"/>
      <c r="AW5731" s="92"/>
      <c r="AX5731" s="92"/>
      <c r="AY5731" s="92"/>
      <c r="AZ5731" s="93"/>
      <c r="BA5731" s="93"/>
      <c r="BB5731" s="93"/>
      <c r="BC5731" s="93"/>
      <c r="BD5731" s="93"/>
      <c r="BE5731" s="93"/>
      <c r="BF5731" s="93"/>
      <c r="BG5731" s="93"/>
      <c r="BH5731" s="93"/>
      <c r="BI5731" s="93"/>
      <c r="BJ5731" s="93"/>
      <c r="BK5731" s="93"/>
      <c r="BL5731" s="93"/>
    </row>
    <row r="5732" spans="2:64" x14ac:dyDescent="0.2">
      <c r="B5732" s="43"/>
      <c r="C5732" s="73"/>
      <c r="D5732" s="64"/>
      <c r="E5732" s="55"/>
      <c r="F5732" s="74"/>
      <c r="G5732" s="74"/>
      <c r="H5732" s="74"/>
      <c r="I5732" s="75"/>
      <c r="J5732" s="74"/>
      <c r="L5732" s="55"/>
      <c r="M5732" s="234"/>
      <c r="N5732" s="65"/>
      <c r="O5732" s="76"/>
      <c r="P5732" s="76"/>
      <c r="Q5732" s="65"/>
      <c r="R5732" s="76"/>
      <c r="S5732" s="76"/>
      <c r="T5732" s="76"/>
      <c r="U5732" s="76"/>
      <c r="V5732" s="76"/>
      <c r="W5732" s="76"/>
      <c r="X5732" s="76"/>
      <c r="Y5732" s="76"/>
      <c r="Z5732" s="76"/>
      <c r="AA5732" s="85"/>
      <c r="AB5732" s="85"/>
      <c r="AC5732" s="85"/>
      <c r="AD5732" s="85"/>
      <c r="AE5732" s="85"/>
      <c r="AF5732" s="85"/>
      <c r="AG5732" s="86"/>
      <c r="AH5732" s="85"/>
      <c r="AI5732" s="85"/>
      <c r="AJ5732" s="85"/>
      <c r="AK5732" s="85"/>
      <c r="AL5732" s="85"/>
      <c r="AM5732" s="92"/>
      <c r="AN5732" s="92"/>
      <c r="AO5732" s="92"/>
      <c r="AP5732" s="92"/>
      <c r="AQ5732" s="92"/>
      <c r="AR5732" s="92"/>
      <c r="AS5732" s="92"/>
      <c r="AT5732" s="92"/>
      <c r="AU5732" s="92"/>
      <c r="AV5732" s="92"/>
      <c r="AW5732" s="92"/>
      <c r="AX5732" s="92"/>
      <c r="AY5732" s="92"/>
      <c r="AZ5732" s="93"/>
      <c r="BA5732" s="93"/>
      <c r="BB5732" s="93"/>
      <c r="BC5732" s="93"/>
      <c r="BD5732" s="93"/>
      <c r="BE5732" s="93"/>
      <c r="BF5732" s="93"/>
      <c r="BG5732" s="93"/>
      <c r="BH5732" s="93"/>
      <c r="BI5732" s="93"/>
      <c r="BJ5732" s="93"/>
      <c r="BK5732" s="93"/>
      <c r="BL5732" s="93"/>
    </row>
    <row r="5733" spans="2:64" x14ac:dyDescent="0.2">
      <c r="B5733" s="43"/>
      <c r="C5733" s="73"/>
      <c r="D5733" s="64"/>
      <c r="E5733" s="55"/>
      <c r="F5733" s="74"/>
      <c r="G5733" s="74"/>
      <c r="H5733" s="74"/>
      <c r="I5733" s="75"/>
      <c r="J5733" s="74"/>
      <c r="L5733" s="55"/>
      <c r="M5733" s="234"/>
      <c r="N5733" s="65"/>
      <c r="O5733" s="76"/>
      <c r="P5733" s="76"/>
      <c r="Q5733" s="65"/>
      <c r="R5733" s="76"/>
      <c r="S5733" s="76"/>
      <c r="T5733" s="76"/>
      <c r="U5733" s="76"/>
      <c r="V5733" s="76"/>
      <c r="W5733" s="76"/>
      <c r="X5733" s="76"/>
      <c r="Y5733" s="76"/>
      <c r="Z5733" s="76"/>
      <c r="AA5733" s="85"/>
      <c r="AB5733" s="85"/>
      <c r="AC5733" s="85"/>
      <c r="AD5733" s="85"/>
      <c r="AE5733" s="85"/>
      <c r="AF5733" s="85"/>
      <c r="AG5733" s="86"/>
      <c r="AH5733" s="85"/>
      <c r="AI5733" s="85"/>
      <c r="AJ5733" s="85"/>
      <c r="AK5733" s="85"/>
      <c r="AL5733" s="85"/>
      <c r="AM5733" s="92"/>
      <c r="AN5733" s="92"/>
      <c r="AO5733" s="92"/>
      <c r="AP5733" s="92"/>
      <c r="AQ5733" s="92"/>
      <c r="AR5733" s="92"/>
      <c r="AS5733" s="92"/>
      <c r="AT5733" s="92"/>
      <c r="AU5733" s="92"/>
      <c r="AV5733" s="92"/>
      <c r="AW5733" s="92"/>
      <c r="AX5733" s="92"/>
      <c r="AY5733" s="92"/>
      <c r="AZ5733" s="93"/>
      <c r="BA5733" s="93"/>
      <c r="BB5733" s="93"/>
      <c r="BC5733" s="93"/>
      <c r="BD5733" s="93"/>
      <c r="BE5733" s="93"/>
      <c r="BF5733" s="93"/>
      <c r="BG5733" s="93"/>
      <c r="BH5733" s="93"/>
      <c r="BI5733" s="93"/>
      <c r="BJ5733" s="93"/>
      <c r="BK5733" s="93"/>
      <c r="BL5733" s="93"/>
    </row>
    <row r="5734" spans="2:64" x14ac:dyDescent="0.2">
      <c r="B5734" s="43"/>
      <c r="C5734" s="73"/>
      <c r="D5734" s="64"/>
      <c r="E5734" s="55"/>
      <c r="F5734" s="74"/>
      <c r="G5734" s="74"/>
      <c r="H5734" s="74"/>
      <c r="I5734" s="75"/>
      <c r="J5734" s="74"/>
      <c r="L5734" s="55"/>
      <c r="M5734" s="234"/>
      <c r="N5734" s="65"/>
      <c r="O5734" s="76"/>
      <c r="P5734" s="76"/>
      <c r="Q5734" s="65"/>
      <c r="R5734" s="76"/>
      <c r="S5734" s="76"/>
      <c r="T5734" s="76"/>
      <c r="U5734" s="76"/>
      <c r="V5734" s="76"/>
      <c r="W5734" s="76"/>
      <c r="X5734" s="76"/>
      <c r="Y5734" s="76"/>
      <c r="Z5734" s="76"/>
      <c r="AA5734" s="85"/>
      <c r="AB5734" s="85"/>
      <c r="AC5734" s="85"/>
      <c r="AD5734" s="85"/>
      <c r="AE5734" s="85"/>
      <c r="AF5734" s="85"/>
      <c r="AG5734" s="86"/>
      <c r="AH5734" s="85"/>
      <c r="AI5734" s="85"/>
      <c r="AJ5734" s="85"/>
      <c r="AK5734" s="85"/>
      <c r="AL5734" s="85"/>
      <c r="AM5734" s="92"/>
      <c r="AN5734" s="92"/>
      <c r="AO5734" s="92"/>
      <c r="AP5734" s="92"/>
      <c r="AQ5734" s="92"/>
      <c r="AR5734" s="92"/>
      <c r="AS5734" s="92"/>
      <c r="AT5734" s="92"/>
      <c r="AU5734" s="92"/>
      <c r="AV5734" s="92"/>
      <c r="AW5734" s="92"/>
      <c r="AX5734" s="92"/>
      <c r="AY5734" s="92"/>
      <c r="AZ5734" s="93"/>
      <c r="BA5734" s="93"/>
      <c r="BB5734" s="93"/>
      <c r="BC5734" s="93"/>
      <c r="BD5734" s="93"/>
      <c r="BE5734" s="93"/>
      <c r="BF5734" s="93"/>
      <c r="BG5734" s="93"/>
      <c r="BH5734" s="93"/>
      <c r="BI5734" s="93"/>
      <c r="BJ5734" s="93"/>
      <c r="BK5734" s="93"/>
      <c r="BL5734" s="93"/>
    </row>
    <row r="5735" spans="2:64" x14ac:dyDescent="0.2">
      <c r="B5735" s="43"/>
      <c r="C5735" s="73"/>
      <c r="D5735" s="64"/>
      <c r="E5735" s="55"/>
      <c r="F5735" s="74"/>
      <c r="G5735" s="74"/>
      <c r="H5735" s="74"/>
      <c r="I5735" s="75"/>
      <c r="J5735" s="74"/>
      <c r="L5735" s="55"/>
      <c r="M5735" s="234"/>
      <c r="N5735" s="65"/>
      <c r="O5735" s="76"/>
      <c r="P5735" s="76"/>
      <c r="Q5735" s="65"/>
      <c r="R5735" s="76"/>
      <c r="S5735" s="76"/>
      <c r="T5735" s="76"/>
      <c r="U5735" s="76"/>
      <c r="V5735" s="76"/>
      <c r="W5735" s="76"/>
      <c r="X5735" s="76"/>
      <c r="Y5735" s="76"/>
      <c r="Z5735" s="76"/>
      <c r="AA5735" s="85"/>
      <c r="AB5735" s="85"/>
      <c r="AC5735" s="85"/>
      <c r="AD5735" s="85"/>
      <c r="AE5735" s="85"/>
      <c r="AF5735" s="85"/>
      <c r="AG5735" s="86"/>
      <c r="AH5735" s="85"/>
      <c r="AI5735" s="85"/>
      <c r="AJ5735" s="85"/>
      <c r="AK5735" s="85"/>
      <c r="AL5735" s="85"/>
      <c r="AM5735" s="92"/>
      <c r="AN5735" s="92"/>
      <c r="AO5735" s="92"/>
      <c r="AP5735" s="92"/>
      <c r="AQ5735" s="92"/>
      <c r="AR5735" s="92"/>
      <c r="AS5735" s="92"/>
      <c r="AT5735" s="92"/>
      <c r="AU5735" s="92"/>
      <c r="AV5735" s="92"/>
      <c r="AW5735" s="92"/>
      <c r="AX5735" s="92"/>
      <c r="AY5735" s="92"/>
      <c r="AZ5735" s="93"/>
      <c r="BA5735" s="93"/>
      <c r="BB5735" s="93"/>
      <c r="BC5735" s="93"/>
      <c r="BD5735" s="93"/>
      <c r="BE5735" s="93"/>
      <c r="BF5735" s="93"/>
      <c r="BG5735" s="93"/>
      <c r="BH5735" s="93"/>
      <c r="BI5735" s="93"/>
      <c r="BJ5735" s="93"/>
      <c r="BK5735" s="93"/>
      <c r="BL5735" s="93"/>
    </row>
    <row r="5736" spans="2:64" x14ac:dyDescent="0.2">
      <c r="B5736" s="43"/>
      <c r="C5736" s="73"/>
      <c r="D5736" s="64"/>
      <c r="E5736" s="55"/>
      <c r="F5736" s="74"/>
      <c r="G5736" s="74"/>
      <c r="H5736" s="74"/>
      <c r="I5736" s="75"/>
      <c r="J5736" s="74"/>
      <c r="L5736" s="55"/>
      <c r="M5736" s="234"/>
      <c r="N5736" s="65"/>
      <c r="O5736" s="76"/>
      <c r="P5736" s="76"/>
      <c r="Q5736" s="65"/>
      <c r="R5736" s="76"/>
      <c r="S5736" s="76"/>
      <c r="T5736" s="76"/>
      <c r="U5736" s="76"/>
      <c r="V5736" s="76"/>
      <c r="W5736" s="76"/>
      <c r="X5736" s="76"/>
      <c r="Y5736" s="76"/>
      <c r="Z5736" s="76"/>
      <c r="AA5736" s="85"/>
      <c r="AB5736" s="85"/>
      <c r="AC5736" s="85"/>
      <c r="AD5736" s="85"/>
      <c r="AE5736" s="85"/>
      <c r="AF5736" s="85"/>
      <c r="AG5736" s="86"/>
      <c r="AH5736" s="85"/>
      <c r="AI5736" s="85"/>
      <c r="AJ5736" s="85"/>
      <c r="AK5736" s="85"/>
      <c r="AL5736" s="85"/>
      <c r="AM5736" s="92"/>
      <c r="AN5736" s="92"/>
      <c r="AO5736" s="92"/>
      <c r="AP5736" s="92"/>
      <c r="AQ5736" s="92"/>
      <c r="AR5736" s="92"/>
      <c r="AS5736" s="92"/>
      <c r="AT5736" s="92"/>
      <c r="AU5736" s="92"/>
      <c r="AV5736" s="92"/>
      <c r="AW5736" s="92"/>
      <c r="AX5736" s="92"/>
      <c r="AY5736" s="92"/>
      <c r="AZ5736" s="93"/>
      <c r="BA5736" s="93"/>
      <c r="BB5736" s="93"/>
      <c r="BC5736" s="93"/>
      <c r="BD5736" s="93"/>
      <c r="BE5736" s="93"/>
      <c r="BF5736" s="93"/>
      <c r="BG5736" s="93"/>
      <c r="BH5736" s="93"/>
      <c r="BI5736" s="93"/>
      <c r="BJ5736" s="93"/>
      <c r="BK5736" s="93"/>
      <c r="BL5736" s="93"/>
    </row>
    <row r="5737" spans="2:64" x14ac:dyDescent="0.2">
      <c r="B5737" s="43"/>
      <c r="C5737" s="73"/>
      <c r="D5737" s="64"/>
      <c r="E5737" s="55"/>
      <c r="F5737" s="74"/>
      <c r="G5737" s="74"/>
      <c r="H5737" s="74"/>
      <c r="I5737" s="75"/>
      <c r="J5737" s="74"/>
      <c r="L5737" s="55"/>
      <c r="M5737" s="234"/>
      <c r="N5737" s="65"/>
      <c r="O5737" s="76"/>
      <c r="P5737" s="76"/>
      <c r="Q5737" s="65"/>
      <c r="R5737" s="76"/>
      <c r="S5737" s="76"/>
      <c r="T5737" s="76"/>
      <c r="U5737" s="76"/>
      <c r="V5737" s="76"/>
      <c r="W5737" s="76"/>
      <c r="X5737" s="76"/>
      <c r="Y5737" s="76"/>
      <c r="Z5737" s="76"/>
      <c r="AA5737" s="85"/>
      <c r="AB5737" s="85"/>
      <c r="AC5737" s="85"/>
      <c r="AD5737" s="85"/>
      <c r="AE5737" s="85"/>
      <c r="AF5737" s="85"/>
      <c r="AG5737" s="86"/>
      <c r="AH5737" s="85"/>
      <c r="AI5737" s="85"/>
      <c r="AJ5737" s="85"/>
      <c r="AK5737" s="85"/>
      <c r="AL5737" s="85"/>
      <c r="AM5737" s="92"/>
      <c r="AN5737" s="92"/>
      <c r="AO5737" s="92"/>
      <c r="AP5737" s="92"/>
      <c r="AQ5737" s="92"/>
      <c r="AR5737" s="92"/>
      <c r="AS5737" s="92"/>
      <c r="AT5737" s="92"/>
      <c r="AU5737" s="92"/>
      <c r="AV5737" s="92"/>
      <c r="AW5737" s="92"/>
      <c r="AX5737" s="92"/>
      <c r="AY5737" s="92"/>
      <c r="AZ5737" s="93"/>
      <c r="BA5737" s="93"/>
      <c r="BB5737" s="93"/>
      <c r="BC5737" s="93"/>
      <c r="BD5737" s="93"/>
      <c r="BE5737" s="93"/>
      <c r="BF5737" s="93"/>
      <c r="BG5737" s="93"/>
      <c r="BH5737" s="93"/>
      <c r="BI5737" s="93"/>
      <c r="BJ5737" s="93"/>
      <c r="BK5737" s="93"/>
      <c r="BL5737" s="93"/>
    </row>
    <row r="5738" spans="2:64" x14ac:dyDescent="0.2">
      <c r="B5738" s="43"/>
      <c r="C5738" s="73"/>
      <c r="D5738" s="64"/>
      <c r="E5738" s="55"/>
      <c r="F5738" s="74"/>
      <c r="G5738" s="74"/>
      <c r="H5738" s="74"/>
      <c r="I5738" s="75"/>
      <c r="J5738" s="74"/>
      <c r="L5738" s="55"/>
      <c r="M5738" s="234"/>
      <c r="N5738" s="65"/>
      <c r="O5738" s="76"/>
      <c r="P5738" s="76"/>
      <c r="Q5738" s="65"/>
      <c r="R5738" s="76"/>
      <c r="S5738" s="76"/>
      <c r="T5738" s="76"/>
      <c r="U5738" s="76"/>
      <c r="V5738" s="76"/>
      <c r="W5738" s="76"/>
      <c r="X5738" s="76"/>
      <c r="Y5738" s="76"/>
      <c r="Z5738" s="76"/>
      <c r="AA5738" s="85"/>
      <c r="AB5738" s="85"/>
      <c r="AC5738" s="85"/>
      <c r="AD5738" s="85"/>
      <c r="AE5738" s="85"/>
      <c r="AF5738" s="85"/>
      <c r="AG5738" s="86"/>
      <c r="AH5738" s="85"/>
      <c r="AI5738" s="85"/>
      <c r="AJ5738" s="85"/>
      <c r="AK5738" s="85"/>
      <c r="AL5738" s="85"/>
      <c r="AM5738" s="92"/>
      <c r="AN5738" s="92"/>
      <c r="AO5738" s="92"/>
      <c r="AP5738" s="92"/>
      <c r="AQ5738" s="92"/>
      <c r="AR5738" s="92"/>
      <c r="AS5738" s="92"/>
      <c r="AT5738" s="92"/>
      <c r="AU5738" s="92"/>
      <c r="AV5738" s="92"/>
      <c r="AW5738" s="92"/>
      <c r="AX5738" s="92"/>
      <c r="AY5738" s="92"/>
      <c r="AZ5738" s="93"/>
      <c r="BA5738" s="93"/>
      <c r="BB5738" s="93"/>
      <c r="BC5738" s="93"/>
      <c r="BD5738" s="93"/>
      <c r="BE5738" s="93"/>
      <c r="BF5738" s="93"/>
      <c r="BG5738" s="93"/>
      <c r="BH5738" s="93"/>
      <c r="BI5738" s="93"/>
      <c r="BJ5738" s="93"/>
      <c r="BK5738" s="93"/>
      <c r="BL5738" s="93"/>
    </row>
    <row r="5739" spans="2:64" x14ac:dyDescent="0.2">
      <c r="B5739" s="43"/>
      <c r="C5739" s="73"/>
      <c r="D5739" s="64"/>
      <c r="E5739" s="55"/>
      <c r="F5739" s="74"/>
      <c r="G5739" s="74"/>
      <c r="H5739" s="74"/>
      <c r="I5739" s="75"/>
      <c r="J5739" s="74"/>
      <c r="L5739" s="55"/>
      <c r="M5739" s="234"/>
      <c r="N5739" s="65"/>
      <c r="O5739" s="76"/>
      <c r="P5739" s="76"/>
      <c r="Q5739" s="65"/>
      <c r="R5739" s="76"/>
      <c r="S5739" s="76"/>
      <c r="T5739" s="76"/>
      <c r="U5739" s="76"/>
      <c r="V5739" s="76"/>
      <c r="W5739" s="76"/>
      <c r="X5739" s="76"/>
      <c r="Y5739" s="76"/>
      <c r="Z5739" s="76"/>
      <c r="AA5739" s="85"/>
      <c r="AB5739" s="85"/>
      <c r="AC5739" s="85"/>
      <c r="AD5739" s="85"/>
      <c r="AE5739" s="85"/>
      <c r="AF5739" s="85"/>
      <c r="AG5739" s="86"/>
      <c r="AH5739" s="85"/>
      <c r="AI5739" s="85"/>
      <c r="AJ5739" s="85"/>
      <c r="AK5739" s="85"/>
      <c r="AL5739" s="85"/>
      <c r="AM5739" s="92"/>
      <c r="AN5739" s="92"/>
      <c r="AO5739" s="92"/>
      <c r="AP5739" s="92"/>
      <c r="AQ5739" s="92"/>
      <c r="AR5739" s="92"/>
      <c r="AS5739" s="92"/>
      <c r="AT5739" s="92"/>
      <c r="AU5739" s="92"/>
      <c r="AV5739" s="92"/>
      <c r="AW5739" s="92"/>
      <c r="AX5739" s="92"/>
      <c r="AY5739" s="92"/>
      <c r="AZ5739" s="93"/>
      <c r="BA5739" s="93"/>
      <c r="BB5739" s="93"/>
      <c r="BC5739" s="93"/>
      <c r="BD5739" s="93"/>
      <c r="BE5739" s="93"/>
      <c r="BF5739" s="93"/>
      <c r="BG5739" s="93"/>
      <c r="BH5739" s="93"/>
      <c r="BI5739" s="93"/>
      <c r="BJ5739" s="93"/>
      <c r="BK5739" s="93"/>
      <c r="BL5739" s="93"/>
    </row>
    <row r="5740" spans="2:64" x14ac:dyDescent="0.2">
      <c r="B5740" s="43"/>
      <c r="C5740" s="73"/>
      <c r="D5740" s="64"/>
      <c r="E5740" s="55"/>
      <c r="F5740" s="74"/>
      <c r="G5740" s="74"/>
      <c r="H5740" s="74"/>
      <c r="I5740" s="75"/>
      <c r="J5740" s="74"/>
      <c r="L5740" s="55"/>
      <c r="M5740" s="234"/>
      <c r="N5740" s="65"/>
      <c r="O5740" s="76"/>
      <c r="P5740" s="76"/>
      <c r="Q5740" s="65"/>
      <c r="R5740" s="76"/>
      <c r="S5740" s="76"/>
      <c r="T5740" s="76"/>
      <c r="U5740" s="76"/>
      <c r="V5740" s="76"/>
      <c r="W5740" s="76"/>
      <c r="X5740" s="76"/>
      <c r="Y5740" s="76"/>
      <c r="Z5740" s="76"/>
      <c r="AA5740" s="85"/>
      <c r="AB5740" s="85"/>
      <c r="AC5740" s="85"/>
      <c r="AD5740" s="85"/>
      <c r="AE5740" s="85"/>
      <c r="AF5740" s="85"/>
      <c r="AG5740" s="86"/>
      <c r="AH5740" s="85"/>
      <c r="AI5740" s="85"/>
      <c r="AJ5740" s="85"/>
      <c r="AK5740" s="85"/>
      <c r="AL5740" s="85"/>
      <c r="AM5740" s="92"/>
      <c r="AN5740" s="92"/>
      <c r="AO5740" s="92"/>
      <c r="AP5740" s="92"/>
      <c r="AQ5740" s="92"/>
      <c r="AR5740" s="92"/>
      <c r="AS5740" s="92"/>
      <c r="AT5740" s="92"/>
      <c r="AU5740" s="92"/>
      <c r="AV5740" s="92"/>
      <c r="AW5740" s="92"/>
      <c r="AX5740" s="92"/>
      <c r="AY5740" s="92"/>
      <c r="AZ5740" s="93"/>
      <c r="BA5740" s="93"/>
      <c r="BB5740" s="93"/>
      <c r="BC5740" s="93"/>
      <c r="BD5740" s="93"/>
      <c r="BE5740" s="93"/>
      <c r="BF5740" s="93"/>
      <c r="BG5740" s="93"/>
      <c r="BH5740" s="93"/>
      <c r="BI5740" s="93"/>
      <c r="BJ5740" s="93"/>
      <c r="BK5740" s="93"/>
      <c r="BL5740" s="93"/>
    </row>
    <row r="5741" spans="2:64" x14ac:dyDescent="0.2">
      <c r="B5741" s="43"/>
      <c r="C5741" s="73"/>
      <c r="D5741" s="64"/>
      <c r="E5741" s="55"/>
      <c r="F5741" s="74"/>
      <c r="G5741" s="74"/>
      <c r="H5741" s="74"/>
      <c r="I5741" s="75"/>
      <c r="J5741" s="74"/>
      <c r="L5741" s="55"/>
      <c r="M5741" s="234"/>
      <c r="N5741" s="65"/>
      <c r="O5741" s="76"/>
      <c r="P5741" s="76"/>
      <c r="Q5741" s="65"/>
      <c r="R5741" s="76"/>
      <c r="S5741" s="76"/>
      <c r="T5741" s="76"/>
      <c r="U5741" s="76"/>
      <c r="V5741" s="76"/>
      <c r="W5741" s="76"/>
      <c r="X5741" s="76"/>
      <c r="Y5741" s="76"/>
      <c r="Z5741" s="76"/>
      <c r="AA5741" s="85"/>
      <c r="AB5741" s="85"/>
      <c r="AC5741" s="85"/>
      <c r="AD5741" s="85"/>
      <c r="AE5741" s="85"/>
      <c r="AF5741" s="85"/>
      <c r="AG5741" s="86"/>
      <c r="AH5741" s="85"/>
      <c r="AI5741" s="85"/>
      <c r="AJ5741" s="85"/>
      <c r="AK5741" s="85"/>
      <c r="AL5741" s="85"/>
      <c r="AM5741" s="92"/>
      <c r="AN5741" s="92"/>
      <c r="AO5741" s="92"/>
      <c r="AP5741" s="92"/>
      <c r="AQ5741" s="92"/>
      <c r="AR5741" s="92"/>
      <c r="AS5741" s="92"/>
      <c r="AT5741" s="92"/>
      <c r="AU5741" s="92"/>
      <c r="AV5741" s="92"/>
      <c r="AW5741" s="92"/>
      <c r="AX5741" s="92"/>
      <c r="AY5741" s="92"/>
      <c r="AZ5741" s="93"/>
      <c r="BA5741" s="93"/>
      <c r="BB5741" s="93"/>
      <c r="BC5741" s="93"/>
      <c r="BD5741" s="93"/>
      <c r="BE5741" s="93"/>
      <c r="BF5741" s="93"/>
      <c r="BG5741" s="93"/>
      <c r="BH5741" s="93"/>
      <c r="BI5741" s="93"/>
      <c r="BJ5741" s="93"/>
      <c r="BK5741" s="93"/>
      <c r="BL5741" s="93"/>
    </row>
    <row r="5742" spans="2:64" x14ac:dyDescent="0.2">
      <c r="B5742" s="43"/>
      <c r="C5742" s="73"/>
      <c r="D5742" s="64"/>
      <c r="E5742" s="55"/>
      <c r="F5742" s="74"/>
      <c r="G5742" s="74"/>
      <c r="H5742" s="74"/>
      <c r="I5742" s="75"/>
      <c r="J5742" s="74"/>
      <c r="L5742" s="55"/>
      <c r="M5742" s="234"/>
      <c r="N5742" s="65"/>
      <c r="O5742" s="76"/>
      <c r="P5742" s="76"/>
      <c r="Q5742" s="65"/>
      <c r="R5742" s="76"/>
      <c r="S5742" s="76"/>
      <c r="T5742" s="76"/>
      <c r="U5742" s="76"/>
      <c r="V5742" s="76"/>
      <c r="W5742" s="76"/>
      <c r="X5742" s="76"/>
      <c r="Y5742" s="76"/>
      <c r="Z5742" s="76"/>
      <c r="AA5742" s="85"/>
      <c r="AB5742" s="85"/>
      <c r="AC5742" s="85"/>
      <c r="AD5742" s="85"/>
      <c r="AE5742" s="85"/>
      <c r="AF5742" s="85"/>
      <c r="AG5742" s="86"/>
      <c r="AH5742" s="85"/>
      <c r="AI5742" s="85"/>
      <c r="AJ5742" s="85"/>
      <c r="AK5742" s="85"/>
      <c r="AL5742" s="85"/>
      <c r="AM5742" s="92"/>
      <c r="AN5742" s="92"/>
      <c r="AO5742" s="92"/>
      <c r="AP5742" s="92"/>
      <c r="AQ5742" s="92"/>
      <c r="AR5742" s="92"/>
      <c r="AS5742" s="92"/>
      <c r="AT5742" s="92"/>
      <c r="AU5742" s="92"/>
      <c r="AV5742" s="92"/>
      <c r="AW5742" s="92"/>
      <c r="AX5742" s="92"/>
      <c r="AY5742" s="92"/>
      <c r="AZ5742" s="93"/>
      <c r="BA5742" s="93"/>
      <c r="BB5742" s="93"/>
      <c r="BC5742" s="93"/>
      <c r="BD5742" s="93"/>
      <c r="BE5742" s="93"/>
      <c r="BF5742" s="93"/>
      <c r="BG5742" s="93"/>
      <c r="BH5742" s="93"/>
      <c r="BI5742" s="93"/>
      <c r="BJ5742" s="93"/>
      <c r="BK5742" s="93"/>
      <c r="BL5742" s="93"/>
    </row>
    <row r="5743" spans="2:64" x14ac:dyDescent="0.2">
      <c r="B5743" s="43"/>
      <c r="C5743" s="73"/>
      <c r="D5743" s="64"/>
      <c r="E5743" s="55"/>
      <c r="F5743" s="74"/>
      <c r="G5743" s="74"/>
      <c r="H5743" s="74"/>
      <c r="I5743" s="75"/>
      <c r="J5743" s="74"/>
      <c r="L5743" s="55"/>
      <c r="M5743" s="234"/>
      <c r="N5743" s="65"/>
      <c r="O5743" s="76"/>
      <c r="P5743" s="76"/>
      <c r="Q5743" s="65"/>
      <c r="R5743" s="76"/>
      <c r="S5743" s="76"/>
      <c r="T5743" s="76"/>
      <c r="U5743" s="76"/>
      <c r="V5743" s="76"/>
      <c r="W5743" s="76"/>
      <c r="X5743" s="76"/>
      <c r="Y5743" s="76"/>
      <c r="Z5743" s="76"/>
      <c r="AA5743" s="85"/>
      <c r="AB5743" s="85"/>
      <c r="AC5743" s="85"/>
      <c r="AD5743" s="85"/>
      <c r="AE5743" s="85"/>
      <c r="AF5743" s="85"/>
      <c r="AG5743" s="86"/>
      <c r="AH5743" s="85"/>
      <c r="AI5743" s="85"/>
      <c r="AJ5743" s="85"/>
      <c r="AK5743" s="85"/>
      <c r="AL5743" s="85"/>
      <c r="AM5743" s="92"/>
      <c r="AN5743" s="92"/>
      <c r="AO5743" s="92"/>
      <c r="AP5743" s="92"/>
      <c r="AQ5743" s="92"/>
      <c r="AR5743" s="92"/>
      <c r="AS5743" s="92"/>
      <c r="AT5743" s="92"/>
      <c r="AU5743" s="92"/>
      <c r="AV5743" s="92"/>
      <c r="AW5743" s="92"/>
      <c r="AX5743" s="92"/>
      <c r="AY5743" s="92"/>
      <c r="AZ5743" s="93"/>
      <c r="BA5743" s="93"/>
      <c r="BB5743" s="93"/>
      <c r="BC5743" s="93"/>
      <c r="BD5743" s="93"/>
      <c r="BE5743" s="93"/>
      <c r="BF5743" s="93"/>
      <c r="BG5743" s="93"/>
      <c r="BH5743" s="93"/>
      <c r="BI5743" s="93"/>
      <c r="BJ5743" s="93"/>
      <c r="BK5743" s="93"/>
      <c r="BL5743" s="93"/>
    </row>
    <row r="5744" spans="2:64" x14ac:dyDescent="0.2">
      <c r="B5744" s="43"/>
      <c r="C5744" s="73"/>
      <c r="D5744" s="64"/>
      <c r="E5744" s="55"/>
      <c r="F5744" s="74"/>
      <c r="G5744" s="74"/>
      <c r="H5744" s="74"/>
      <c r="I5744" s="75"/>
      <c r="J5744" s="74"/>
      <c r="L5744" s="55"/>
      <c r="M5744" s="234"/>
      <c r="N5744" s="65"/>
      <c r="O5744" s="76"/>
      <c r="P5744" s="76"/>
      <c r="Q5744" s="65"/>
      <c r="R5744" s="76"/>
      <c r="S5744" s="76"/>
      <c r="T5744" s="76"/>
      <c r="U5744" s="76"/>
      <c r="V5744" s="76"/>
      <c r="W5744" s="76"/>
      <c r="X5744" s="76"/>
      <c r="Y5744" s="76"/>
      <c r="Z5744" s="76"/>
      <c r="AA5744" s="85"/>
      <c r="AB5744" s="85"/>
      <c r="AC5744" s="85"/>
      <c r="AD5744" s="85"/>
      <c r="AE5744" s="85"/>
      <c r="AF5744" s="85"/>
      <c r="AG5744" s="86"/>
      <c r="AH5744" s="85"/>
      <c r="AI5744" s="85"/>
      <c r="AJ5744" s="85"/>
      <c r="AK5744" s="85"/>
      <c r="AL5744" s="85"/>
      <c r="AM5744" s="92"/>
      <c r="AN5744" s="92"/>
      <c r="AO5744" s="92"/>
      <c r="AP5744" s="92"/>
      <c r="AQ5744" s="92"/>
      <c r="AR5744" s="92"/>
      <c r="AS5744" s="92"/>
      <c r="AT5744" s="92"/>
      <c r="AU5744" s="92"/>
      <c r="AV5744" s="92"/>
      <c r="AW5744" s="92"/>
      <c r="AX5744" s="92"/>
      <c r="AY5744" s="92"/>
      <c r="AZ5744" s="93"/>
      <c r="BA5744" s="93"/>
      <c r="BB5744" s="93"/>
      <c r="BC5744" s="93"/>
      <c r="BD5744" s="93"/>
      <c r="BE5744" s="93"/>
      <c r="BF5744" s="93"/>
      <c r="BG5744" s="93"/>
      <c r="BH5744" s="93"/>
      <c r="BI5744" s="93"/>
      <c r="BJ5744" s="93"/>
      <c r="BK5744" s="93"/>
      <c r="BL5744" s="93"/>
    </row>
    <row r="5745" spans="2:64" x14ac:dyDescent="0.2">
      <c r="B5745" s="43"/>
      <c r="C5745" s="73"/>
      <c r="D5745" s="64"/>
      <c r="E5745" s="55"/>
      <c r="F5745" s="74"/>
      <c r="G5745" s="74"/>
      <c r="H5745" s="74"/>
      <c r="I5745" s="75"/>
      <c r="J5745" s="74"/>
      <c r="L5745" s="55"/>
      <c r="M5745" s="234"/>
      <c r="N5745" s="65"/>
      <c r="O5745" s="76"/>
      <c r="P5745" s="76"/>
      <c r="Q5745" s="65"/>
      <c r="R5745" s="76"/>
      <c r="S5745" s="76"/>
      <c r="T5745" s="76"/>
      <c r="U5745" s="76"/>
      <c r="V5745" s="76"/>
      <c r="W5745" s="76"/>
      <c r="X5745" s="76"/>
      <c r="Y5745" s="76"/>
      <c r="Z5745" s="76"/>
      <c r="AA5745" s="85"/>
      <c r="AB5745" s="85"/>
      <c r="AC5745" s="85"/>
      <c r="AD5745" s="85"/>
      <c r="AE5745" s="85"/>
      <c r="AF5745" s="85"/>
      <c r="AG5745" s="86"/>
      <c r="AH5745" s="85"/>
      <c r="AI5745" s="85"/>
      <c r="AJ5745" s="85"/>
      <c r="AK5745" s="85"/>
      <c r="AL5745" s="85"/>
      <c r="AM5745" s="92"/>
      <c r="AN5745" s="92"/>
      <c r="AO5745" s="92"/>
      <c r="AP5745" s="92"/>
      <c r="AQ5745" s="92"/>
      <c r="AR5745" s="92"/>
      <c r="AS5745" s="92"/>
      <c r="AT5745" s="92"/>
      <c r="AU5745" s="92"/>
      <c r="AV5745" s="92"/>
      <c r="AW5745" s="92"/>
      <c r="AX5745" s="92"/>
      <c r="AY5745" s="92"/>
      <c r="AZ5745" s="93"/>
      <c r="BA5745" s="93"/>
      <c r="BB5745" s="93"/>
      <c r="BC5745" s="93"/>
      <c r="BD5745" s="93"/>
      <c r="BE5745" s="93"/>
      <c r="BF5745" s="93"/>
      <c r="BG5745" s="93"/>
      <c r="BH5745" s="93"/>
      <c r="BI5745" s="93"/>
      <c r="BJ5745" s="93"/>
      <c r="BK5745" s="93"/>
      <c r="BL5745" s="93"/>
    </row>
    <row r="5746" spans="2:64" x14ac:dyDescent="0.2">
      <c r="B5746" s="43"/>
      <c r="C5746" s="73"/>
      <c r="D5746" s="64"/>
      <c r="E5746" s="55"/>
      <c r="F5746" s="74"/>
      <c r="G5746" s="74"/>
      <c r="H5746" s="74"/>
      <c r="I5746" s="75"/>
      <c r="J5746" s="74"/>
      <c r="L5746" s="55"/>
      <c r="M5746" s="234"/>
      <c r="N5746" s="65"/>
      <c r="O5746" s="76"/>
      <c r="P5746" s="76"/>
      <c r="Q5746" s="65"/>
      <c r="R5746" s="76"/>
      <c r="S5746" s="76"/>
      <c r="T5746" s="76"/>
      <c r="U5746" s="76"/>
      <c r="V5746" s="76"/>
      <c r="W5746" s="76"/>
      <c r="X5746" s="76"/>
      <c r="Y5746" s="76"/>
      <c r="Z5746" s="76"/>
      <c r="AA5746" s="85"/>
      <c r="AB5746" s="85"/>
      <c r="AC5746" s="85"/>
      <c r="AD5746" s="85"/>
      <c r="AE5746" s="85"/>
      <c r="AF5746" s="85"/>
      <c r="AG5746" s="86"/>
      <c r="AH5746" s="85"/>
      <c r="AI5746" s="85"/>
      <c r="AJ5746" s="85"/>
      <c r="AK5746" s="85"/>
      <c r="AL5746" s="85"/>
      <c r="AM5746" s="92"/>
      <c r="AN5746" s="92"/>
      <c r="AO5746" s="92"/>
      <c r="AP5746" s="92"/>
      <c r="AQ5746" s="92"/>
      <c r="AR5746" s="92"/>
      <c r="AS5746" s="92"/>
      <c r="AT5746" s="92"/>
      <c r="AU5746" s="92"/>
      <c r="AV5746" s="92"/>
      <c r="AW5746" s="92"/>
      <c r="AX5746" s="92"/>
      <c r="AY5746" s="92"/>
      <c r="AZ5746" s="93"/>
      <c r="BA5746" s="93"/>
      <c r="BB5746" s="93"/>
      <c r="BC5746" s="93"/>
      <c r="BD5746" s="93"/>
      <c r="BE5746" s="93"/>
      <c r="BF5746" s="93"/>
      <c r="BG5746" s="93"/>
      <c r="BH5746" s="93"/>
      <c r="BI5746" s="93"/>
      <c r="BJ5746" s="93"/>
      <c r="BK5746" s="93"/>
      <c r="BL5746" s="93"/>
    </row>
    <row r="5747" spans="2:64" x14ac:dyDescent="0.2">
      <c r="B5747" s="43"/>
      <c r="C5747" s="73"/>
      <c r="D5747" s="64"/>
      <c r="E5747" s="55"/>
      <c r="F5747" s="74"/>
      <c r="G5747" s="74"/>
      <c r="H5747" s="74"/>
      <c r="I5747" s="75"/>
      <c r="J5747" s="74"/>
      <c r="L5747" s="55"/>
      <c r="M5747" s="234"/>
      <c r="N5747" s="65"/>
      <c r="O5747" s="76"/>
      <c r="P5747" s="76"/>
      <c r="Q5747" s="65"/>
      <c r="R5747" s="76"/>
      <c r="S5747" s="76"/>
      <c r="T5747" s="76"/>
      <c r="U5747" s="76"/>
      <c r="V5747" s="76"/>
      <c r="W5747" s="76"/>
      <c r="X5747" s="76"/>
      <c r="Y5747" s="76"/>
      <c r="Z5747" s="76"/>
      <c r="AA5747" s="85"/>
      <c r="AB5747" s="85"/>
      <c r="AC5747" s="85"/>
      <c r="AD5747" s="85"/>
      <c r="AE5747" s="85"/>
      <c r="AF5747" s="85"/>
      <c r="AG5747" s="86"/>
      <c r="AH5747" s="85"/>
      <c r="AI5747" s="85"/>
      <c r="AJ5747" s="85"/>
      <c r="AK5747" s="85"/>
      <c r="AL5747" s="85"/>
      <c r="AM5747" s="92"/>
      <c r="AN5747" s="92"/>
      <c r="AO5747" s="92"/>
      <c r="AP5747" s="92"/>
      <c r="AQ5747" s="92"/>
      <c r="AR5747" s="92"/>
      <c r="AS5747" s="92"/>
      <c r="AT5747" s="92"/>
      <c r="AU5747" s="92"/>
      <c r="AV5747" s="92"/>
      <c r="AW5747" s="92"/>
      <c r="AX5747" s="92"/>
      <c r="AY5747" s="92"/>
      <c r="AZ5747" s="93"/>
      <c r="BA5747" s="93"/>
      <c r="BB5747" s="93"/>
      <c r="BC5747" s="93"/>
      <c r="BD5747" s="93"/>
      <c r="BE5747" s="93"/>
      <c r="BF5747" s="93"/>
      <c r="BG5747" s="93"/>
      <c r="BH5747" s="93"/>
      <c r="BI5747" s="93"/>
      <c r="BJ5747" s="93"/>
      <c r="BK5747" s="93"/>
      <c r="BL5747" s="93"/>
    </row>
    <row r="5748" spans="2:64" x14ac:dyDescent="0.2">
      <c r="B5748" s="43"/>
      <c r="C5748" s="73"/>
      <c r="D5748" s="64"/>
      <c r="E5748" s="55"/>
      <c r="F5748" s="74"/>
      <c r="G5748" s="74"/>
      <c r="H5748" s="74"/>
      <c r="I5748" s="75"/>
      <c r="J5748" s="74"/>
      <c r="L5748" s="55"/>
      <c r="M5748" s="234"/>
      <c r="N5748" s="65"/>
      <c r="O5748" s="76"/>
      <c r="P5748" s="76"/>
      <c r="Q5748" s="65"/>
      <c r="R5748" s="76"/>
      <c r="S5748" s="76"/>
      <c r="T5748" s="76"/>
      <c r="U5748" s="76"/>
      <c r="V5748" s="76"/>
      <c r="W5748" s="76"/>
      <c r="X5748" s="76"/>
      <c r="Y5748" s="76"/>
      <c r="Z5748" s="76"/>
      <c r="AA5748" s="85"/>
      <c r="AB5748" s="85"/>
      <c r="AC5748" s="85"/>
      <c r="AD5748" s="85"/>
      <c r="AE5748" s="85"/>
      <c r="AF5748" s="85"/>
      <c r="AG5748" s="86"/>
      <c r="AH5748" s="85"/>
      <c r="AI5748" s="85"/>
      <c r="AJ5748" s="85"/>
      <c r="AK5748" s="85"/>
      <c r="AL5748" s="85"/>
      <c r="AM5748" s="92"/>
      <c r="AN5748" s="92"/>
      <c r="AO5748" s="92"/>
      <c r="AP5748" s="92"/>
      <c r="AQ5748" s="92"/>
      <c r="AR5748" s="92"/>
      <c r="AS5748" s="92"/>
      <c r="AT5748" s="92"/>
      <c r="AU5748" s="92"/>
      <c r="AV5748" s="92"/>
      <c r="AW5748" s="92"/>
      <c r="AX5748" s="92"/>
      <c r="AY5748" s="92"/>
      <c r="AZ5748" s="93"/>
      <c r="BA5748" s="93"/>
      <c r="BB5748" s="93"/>
      <c r="BC5748" s="93"/>
      <c r="BD5748" s="93"/>
      <c r="BE5748" s="93"/>
      <c r="BF5748" s="93"/>
      <c r="BG5748" s="93"/>
      <c r="BH5748" s="93"/>
      <c r="BI5748" s="93"/>
      <c r="BJ5748" s="93"/>
      <c r="BK5748" s="93"/>
      <c r="BL5748" s="93"/>
    </row>
    <row r="5749" spans="2:64" x14ac:dyDescent="0.2">
      <c r="B5749" s="43"/>
      <c r="C5749" s="73"/>
      <c r="D5749" s="64"/>
      <c r="E5749" s="55"/>
      <c r="F5749" s="74"/>
      <c r="G5749" s="74"/>
      <c r="H5749" s="74"/>
      <c r="I5749" s="75"/>
      <c r="J5749" s="74"/>
      <c r="L5749" s="55"/>
      <c r="M5749" s="234"/>
      <c r="N5749" s="65"/>
      <c r="O5749" s="76"/>
      <c r="P5749" s="76"/>
      <c r="Q5749" s="65"/>
      <c r="R5749" s="76"/>
      <c r="S5749" s="76"/>
      <c r="T5749" s="76"/>
      <c r="U5749" s="76"/>
      <c r="V5749" s="76"/>
      <c r="W5749" s="76"/>
      <c r="X5749" s="76"/>
      <c r="Y5749" s="76"/>
      <c r="Z5749" s="76"/>
      <c r="AA5749" s="85"/>
      <c r="AB5749" s="85"/>
      <c r="AC5749" s="85"/>
      <c r="AD5749" s="85"/>
      <c r="AE5749" s="85"/>
      <c r="AF5749" s="85"/>
      <c r="AG5749" s="86"/>
      <c r="AH5749" s="85"/>
      <c r="AI5749" s="85"/>
      <c r="AJ5749" s="85"/>
      <c r="AK5749" s="85"/>
      <c r="AL5749" s="85"/>
      <c r="AM5749" s="92"/>
      <c r="AN5749" s="92"/>
      <c r="AO5749" s="92"/>
      <c r="AP5749" s="92"/>
      <c r="AQ5749" s="92"/>
      <c r="AR5749" s="92"/>
      <c r="AS5749" s="92"/>
      <c r="AT5749" s="92"/>
      <c r="AU5749" s="92"/>
      <c r="AV5749" s="92"/>
      <c r="AW5749" s="92"/>
      <c r="AX5749" s="92"/>
      <c r="AY5749" s="92"/>
      <c r="AZ5749" s="93"/>
      <c r="BA5749" s="93"/>
      <c r="BB5749" s="93"/>
      <c r="BC5749" s="93"/>
      <c r="BD5749" s="93"/>
      <c r="BE5749" s="93"/>
      <c r="BF5749" s="93"/>
      <c r="BG5749" s="93"/>
      <c r="BH5749" s="93"/>
      <c r="BI5749" s="93"/>
      <c r="BJ5749" s="93"/>
      <c r="BK5749" s="93"/>
      <c r="BL5749" s="93"/>
    </row>
    <row r="5750" spans="2:64" x14ac:dyDescent="0.2">
      <c r="B5750" s="43"/>
      <c r="C5750" s="73"/>
      <c r="D5750" s="64"/>
      <c r="E5750" s="55"/>
      <c r="F5750" s="74"/>
      <c r="G5750" s="74"/>
      <c r="H5750" s="74"/>
      <c r="I5750" s="75"/>
      <c r="J5750" s="74"/>
      <c r="L5750" s="55"/>
      <c r="M5750" s="234"/>
      <c r="N5750" s="65"/>
      <c r="O5750" s="76"/>
      <c r="P5750" s="76"/>
      <c r="Q5750" s="65"/>
      <c r="R5750" s="76"/>
      <c r="S5750" s="76"/>
      <c r="T5750" s="76"/>
      <c r="U5750" s="76"/>
      <c r="V5750" s="76"/>
      <c r="W5750" s="76"/>
      <c r="X5750" s="76"/>
      <c r="Y5750" s="76"/>
      <c r="Z5750" s="76"/>
      <c r="AA5750" s="85"/>
      <c r="AB5750" s="85"/>
      <c r="AC5750" s="85"/>
      <c r="AD5750" s="85"/>
      <c r="AE5750" s="85"/>
      <c r="AF5750" s="85"/>
      <c r="AG5750" s="86"/>
      <c r="AH5750" s="85"/>
      <c r="AI5750" s="85"/>
      <c r="AJ5750" s="85"/>
      <c r="AK5750" s="85"/>
      <c r="AL5750" s="85"/>
      <c r="AM5750" s="92"/>
      <c r="AN5750" s="92"/>
      <c r="AO5750" s="92"/>
      <c r="AP5750" s="92"/>
      <c r="AQ5750" s="92"/>
      <c r="AR5750" s="92"/>
      <c r="AS5750" s="92"/>
      <c r="AT5750" s="92"/>
      <c r="AU5750" s="92"/>
      <c r="AV5750" s="92"/>
      <c r="AW5750" s="92"/>
      <c r="AX5750" s="92"/>
      <c r="AY5750" s="92"/>
      <c r="AZ5750" s="93"/>
      <c r="BA5750" s="93"/>
      <c r="BB5750" s="93"/>
      <c r="BC5750" s="93"/>
      <c r="BD5750" s="93"/>
      <c r="BE5750" s="93"/>
      <c r="BF5750" s="93"/>
      <c r="BG5750" s="93"/>
      <c r="BH5750" s="93"/>
      <c r="BI5750" s="93"/>
      <c r="BJ5750" s="93"/>
      <c r="BK5750" s="93"/>
      <c r="BL5750" s="93"/>
    </row>
    <row r="5751" spans="2:64" x14ac:dyDescent="0.2">
      <c r="B5751" s="43"/>
      <c r="C5751" s="73"/>
      <c r="D5751" s="64"/>
      <c r="E5751" s="55"/>
      <c r="F5751" s="74"/>
      <c r="G5751" s="74"/>
      <c r="H5751" s="74"/>
      <c r="I5751" s="75"/>
      <c r="J5751" s="74"/>
      <c r="L5751" s="55"/>
      <c r="M5751" s="234"/>
      <c r="N5751" s="65"/>
      <c r="O5751" s="76"/>
      <c r="P5751" s="76"/>
      <c r="Q5751" s="65"/>
      <c r="R5751" s="76"/>
      <c r="S5751" s="76"/>
      <c r="T5751" s="76"/>
      <c r="U5751" s="76"/>
      <c r="V5751" s="76"/>
      <c r="W5751" s="76"/>
      <c r="X5751" s="76"/>
      <c r="Y5751" s="76"/>
      <c r="Z5751" s="76"/>
      <c r="AA5751" s="85"/>
      <c r="AB5751" s="85"/>
      <c r="AC5751" s="85"/>
      <c r="AD5751" s="85"/>
      <c r="AE5751" s="85"/>
      <c r="AF5751" s="85"/>
      <c r="AG5751" s="86"/>
      <c r="AH5751" s="85"/>
      <c r="AI5751" s="85"/>
      <c r="AJ5751" s="85"/>
      <c r="AK5751" s="85"/>
      <c r="AL5751" s="85"/>
      <c r="AM5751" s="92"/>
      <c r="AN5751" s="92"/>
      <c r="AO5751" s="92"/>
      <c r="AP5751" s="92"/>
      <c r="AQ5751" s="92"/>
      <c r="AR5751" s="92"/>
      <c r="AS5751" s="92"/>
      <c r="AT5751" s="92"/>
      <c r="AU5751" s="92"/>
      <c r="AV5751" s="92"/>
      <c r="AW5751" s="92"/>
      <c r="AX5751" s="92"/>
      <c r="AY5751" s="92"/>
      <c r="AZ5751" s="93"/>
      <c r="BA5751" s="93"/>
      <c r="BB5751" s="93"/>
      <c r="BC5751" s="93"/>
      <c r="BD5751" s="93"/>
      <c r="BE5751" s="93"/>
      <c r="BF5751" s="93"/>
      <c r="BG5751" s="93"/>
      <c r="BH5751" s="93"/>
      <c r="BI5751" s="93"/>
      <c r="BJ5751" s="93"/>
      <c r="BK5751" s="93"/>
      <c r="BL5751" s="93"/>
    </row>
    <row r="5752" spans="2:64" x14ac:dyDescent="0.2">
      <c r="B5752" s="43"/>
      <c r="C5752" s="73"/>
      <c r="D5752" s="64"/>
      <c r="E5752" s="55"/>
      <c r="F5752" s="74"/>
      <c r="G5752" s="74"/>
      <c r="H5752" s="74"/>
      <c r="I5752" s="75"/>
      <c r="J5752" s="74"/>
      <c r="L5752" s="55"/>
      <c r="M5752" s="234"/>
      <c r="N5752" s="65"/>
      <c r="O5752" s="76"/>
      <c r="P5752" s="76"/>
      <c r="Q5752" s="65"/>
      <c r="R5752" s="76"/>
      <c r="S5752" s="76"/>
      <c r="T5752" s="76"/>
      <c r="U5752" s="76"/>
      <c r="V5752" s="76"/>
      <c r="W5752" s="76"/>
      <c r="X5752" s="76"/>
      <c r="Y5752" s="76"/>
      <c r="Z5752" s="76"/>
      <c r="AA5752" s="85"/>
      <c r="AB5752" s="85"/>
      <c r="AC5752" s="85"/>
      <c r="AD5752" s="85"/>
      <c r="AE5752" s="85"/>
      <c r="AF5752" s="85"/>
      <c r="AG5752" s="86"/>
      <c r="AH5752" s="85"/>
      <c r="AI5752" s="85"/>
      <c r="AJ5752" s="85"/>
      <c r="AK5752" s="85"/>
      <c r="AL5752" s="85"/>
      <c r="AM5752" s="92"/>
      <c r="AN5752" s="92"/>
      <c r="AO5752" s="92"/>
      <c r="AP5752" s="92"/>
      <c r="AQ5752" s="92"/>
      <c r="AR5752" s="92"/>
      <c r="AS5752" s="92"/>
      <c r="AT5752" s="92"/>
      <c r="AU5752" s="92"/>
      <c r="AV5752" s="92"/>
      <c r="AW5752" s="92"/>
      <c r="AX5752" s="92"/>
      <c r="AY5752" s="92"/>
      <c r="AZ5752" s="93"/>
      <c r="BA5752" s="93"/>
      <c r="BB5752" s="93"/>
      <c r="BC5752" s="93"/>
      <c r="BD5752" s="93"/>
      <c r="BE5752" s="93"/>
      <c r="BF5752" s="93"/>
      <c r="BG5752" s="93"/>
      <c r="BH5752" s="93"/>
      <c r="BI5752" s="93"/>
      <c r="BJ5752" s="93"/>
      <c r="BK5752" s="93"/>
      <c r="BL5752" s="93"/>
    </row>
    <row r="5753" spans="2:64" x14ac:dyDescent="0.2">
      <c r="B5753" s="43"/>
      <c r="C5753" s="73"/>
      <c r="D5753" s="64"/>
      <c r="E5753" s="55"/>
      <c r="F5753" s="74"/>
      <c r="G5753" s="74"/>
      <c r="H5753" s="74"/>
      <c r="I5753" s="75"/>
      <c r="J5753" s="74"/>
      <c r="L5753" s="55"/>
      <c r="M5753" s="234"/>
      <c r="N5753" s="65"/>
      <c r="O5753" s="76"/>
      <c r="P5753" s="76"/>
      <c r="Q5753" s="65"/>
      <c r="R5753" s="76"/>
      <c r="S5753" s="76"/>
      <c r="T5753" s="76"/>
      <c r="U5753" s="76"/>
      <c r="V5753" s="76"/>
      <c r="W5753" s="76"/>
      <c r="X5753" s="76"/>
      <c r="Y5753" s="76"/>
      <c r="Z5753" s="76"/>
      <c r="AA5753" s="85"/>
      <c r="AB5753" s="85"/>
      <c r="AC5753" s="85"/>
      <c r="AD5753" s="85"/>
      <c r="AE5753" s="85"/>
      <c r="AF5753" s="85"/>
      <c r="AG5753" s="86"/>
      <c r="AH5753" s="85"/>
      <c r="AI5753" s="85"/>
      <c r="AJ5753" s="85"/>
      <c r="AK5753" s="85"/>
      <c r="AL5753" s="85"/>
      <c r="AM5753" s="92"/>
      <c r="AN5753" s="92"/>
      <c r="AO5753" s="92"/>
      <c r="AP5753" s="92"/>
      <c r="AQ5753" s="92"/>
      <c r="AR5753" s="92"/>
      <c r="AS5753" s="92"/>
      <c r="AT5753" s="92"/>
      <c r="AU5753" s="92"/>
      <c r="AV5753" s="92"/>
      <c r="AW5753" s="92"/>
      <c r="AX5753" s="92"/>
      <c r="AY5753" s="92"/>
      <c r="AZ5753" s="93"/>
      <c r="BA5753" s="93"/>
      <c r="BB5753" s="93"/>
      <c r="BC5753" s="93"/>
      <c r="BD5753" s="93"/>
      <c r="BE5753" s="93"/>
      <c r="BF5753" s="93"/>
      <c r="BG5753" s="93"/>
      <c r="BH5753" s="93"/>
      <c r="BI5753" s="93"/>
      <c r="BJ5753" s="93"/>
      <c r="BK5753" s="93"/>
      <c r="BL5753" s="93"/>
    </row>
    <row r="5754" spans="2:64" x14ac:dyDescent="0.2">
      <c r="B5754" s="43"/>
      <c r="C5754" s="73"/>
      <c r="D5754" s="64"/>
      <c r="E5754" s="55"/>
      <c r="F5754" s="74"/>
      <c r="G5754" s="74"/>
      <c r="H5754" s="74"/>
      <c r="I5754" s="75"/>
      <c r="J5754" s="74"/>
      <c r="L5754" s="55"/>
      <c r="M5754" s="234"/>
      <c r="N5754" s="65"/>
      <c r="O5754" s="76"/>
      <c r="P5754" s="76"/>
      <c r="Q5754" s="65"/>
      <c r="R5754" s="76"/>
      <c r="S5754" s="76"/>
      <c r="T5754" s="76"/>
      <c r="U5754" s="76"/>
      <c r="V5754" s="76"/>
      <c r="W5754" s="76"/>
      <c r="X5754" s="76"/>
      <c r="Y5754" s="76"/>
      <c r="Z5754" s="76"/>
      <c r="AA5754" s="85"/>
      <c r="AB5754" s="85"/>
      <c r="AC5754" s="85"/>
      <c r="AD5754" s="85"/>
      <c r="AE5754" s="85"/>
      <c r="AF5754" s="85"/>
      <c r="AG5754" s="86"/>
      <c r="AH5754" s="85"/>
      <c r="AI5754" s="85"/>
      <c r="AJ5754" s="85"/>
      <c r="AK5754" s="85"/>
      <c r="AL5754" s="85"/>
      <c r="AM5754" s="92"/>
      <c r="AN5754" s="92"/>
      <c r="AO5754" s="92"/>
      <c r="AP5754" s="92"/>
      <c r="AQ5754" s="92"/>
      <c r="AR5754" s="92"/>
      <c r="AS5754" s="92"/>
      <c r="AT5754" s="92"/>
      <c r="AU5754" s="92"/>
      <c r="AV5754" s="92"/>
      <c r="AW5754" s="92"/>
      <c r="AX5754" s="92"/>
      <c r="AY5754" s="92"/>
      <c r="AZ5754" s="93"/>
      <c r="BA5754" s="93"/>
      <c r="BB5754" s="93"/>
      <c r="BC5754" s="93"/>
      <c r="BD5754" s="93"/>
      <c r="BE5754" s="93"/>
      <c r="BF5754" s="93"/>
      <c r="BG5754" s="93"/>
      <c r="BH5754" s="93"/>
      <c r="BI5754" s="93"/>
      <c r="BJ5754" s="93"/>
      <c r="BK5754" s="93"/>
      <c r="BL5754" s="93"/>
    </row>
    <row r="5755" spans="2:64" x14ac:dyDescent="0.2">
      <c r="B5755" s="43"/>
      <c r="C5755" s="73"/>
      <c r="D5755" s="64"/>
      <c r="E5755" s="55"/>
      <c r="F5755" s="74"/>
      <c r="G5755" s="74"/>
      <c r="H5755" s="74"/>
      <c r="I5755" s="75"/>
      <c r="J5755" s="74"/>
      <c r="L5755" s="55"/>
      <c r="M5755" s="234"/>
      <c r="N5755" s="65"/>
      <c r="O5755" s="76"/>
      <c r="P5755" s="76"/>
      <c r="Q5755" s="65"/>
      <c r="R5755" s="76"/>
      <c r="S5755" s="76"/>
      <c r="T5755" s="76"/>
      <c r="U5755" s="76"/>
      <c r="V5755" s="76"/>
      <c r="W5755" s="76"/>
      <c r="X5755" s="76"/>
      <c r="Y5755" s="76"/>
      <c r="Z5755" s="76"/>
      <c r="AA5755" s="85"/>
      <c r="AB5755" s="85"/>
      <c r="AC5755" s="85"/>
      <c r="AD5755" s="85"/>
      <c r="AE5755" s="85"/>
      <c r="AF5755" s="85"/>
      <c r="AG5755" s="86"/>
      <c r="AH5755" s="85"/>
      <c r="AI5755" s="85"/>
      <c r="AJ5755" s="85"/>
      <c r="AK5755" s="85"/>
      <c r="AL5755" s="85"/>
      <c r="AM5755" s="92"/>
      <c r="AN5755" s="92"/>
      <c r="AO5755" s="92"/>
      <c r="AP5755" s="92"/>
      <c r="AQ5755" s="92"/>
      <c r="AR5755" s="92"/>
      <c r="AS5755" s="92"/>
      <c r="AT5755" s="92"/>
      <c r="AU5755" s="92"/>
      <c r="AV5755" s="92"/>
      <c r="AW5755" s="92"/>
      <c r="AX5755" s="92"/>
      <c r="AY5755" s="92"/>
      <c r="AZ5755" s="93"/>
      <c r="BA5755" s="93"/>
      <c r="BB5755" s="93"/>
      <c r="BC5755" s="93"/>
      <c r="BD5755" s="93"/>
      <c r="BE5755" s="93"/>
      <c r="BF5755" s="93"/>
      <c r="BG5755" s="93"/>
      <c r="BH5755" s="93"/>
      <c r="BI5755" s="93"/>
      <c r="BJ5755" s="93"/>
      <c r="BK5755" s="93"/>
      <c r="BL5755" s="93"/>
    </row>
    <row r="5756" spans="2:64" x14ac:dyDescent="0.2">
      <c r="B5756" s="43"/>
      <c r="C5756" s="73"/>
      <c r="D5756" s="64"/>
      <c r="E5756" s="55"/>
      <c r="F5756" s="74"/>
      <c r="G5756" s="74"/>
      <c r="H5756" s="74"/>
      <c r="I5756" s="75"/>
      <c r="J5756" s="74"/>
      <c r="L5756" s="55"/>
      <c r="M5756" s="234"/>
      <c r="N5756" s="65"/>
      <c r="O5756" s="76"/>
      <c r="P5756" s="76"/>
      <c r="Q5756" s="65"/>
      <c r="R5756" s="76"/>
      <c r="S5756" s="76"/>
      <c r="T5756" s="76"/>
      <c r="U5756" s="76"/>
      <c r="V5756" s="76"/>
      <c r="W5756" s="76"/>
      <c r="X5756" s="76"/>
      <c r="Y5756" s="76"/>
      <c r="Z5756" s="76"/>
      <c r="AA5756" s="85"/>
      <c r="AB5756" s="85"/>
      <c r="AC5756" s="85"/>
      <c r="AD5756" s="85"/>
      <c r="AE5756" s="85"/>
      <c r="AF5756" s="85"/>
      <c r="AG5756" s="86"/>
      <c r="AH5756" s="85"/>
      <c r="AI5756" s="85"/>
      <c r="AJ5756" s="85"/>
      <c r="AK5756" s="85"/>
      <c r="AL5756" s="85"/>
      <c r="AM5756" s="92"/>
      <c r="AN5756" s="92"/>
      <c r="AO5756" s="92"/>
      <c r="AP5756" s="92"/>
      <c r="AQ5756" s="92"/>
      <c r="AR5756" s="92"/>
      <c r="AS5756" s="92"/>
      <c r="AT5756" s="92"/>
      <c r="AU5756" s="92"/>
      <c r="AV5756" s="92"/>
      <c r="AW5756" s="92"/>
      <c r="AX5756" s="92"/>
      <c r="AY5756" s="92"/>
      <c r="AZ5756" s="93"/>
      <c r="BA5756" s="93"/>
      <c r="BB5756" s="93"/>
      <c r="BC5756" s="93"/>
      <c r="BD5756" s="93"/>
      <c r="BE5756" s="93"/>
      <c r="BF5756" s="93"/>
      <c r="BG5756" s="93"/>
      <c r="BH5756" s="93"/>
      <c r="BI5756" s="93"/>
      <c r="BJ5756" s="93"/>
      <c r="BK5756" s="93"/>
      <c r="BL5756" s="93"/>
    </row>
    <row r="5757" spans="2:64" x14ac:dyDescent="0.2">
      <c r="B5757" s="43"/>
      <c r="C5757" s="73"/>
      <c r="D5757" s="64"/>
      <c r="E5757" s="55"/>
      <c r="F5757" s="74"/>
      <c r="G5757" s="74"/>
      <c r="H5757" s="74"/>
      <c r="I5757" s="75"/>
      <c r="J5757" s="74"/>
      <c r="L5757" s="55"/>
      <c r="M5757" s="234"/>
      <c r="N5757" s="65"/>
      <c r="O5757" s="76"/>
      <c r="P5757" s="76"/>
      <c r="Q5757" s="65"/>
      <c r="R5757" s="76"/>
      <c r="S5757" s="76"/>
      <c r="T5757" s="76"/>
      <c r="U5757" s="76"/>
      <c r="V5757" s="76"/>
      <c r="W5757" s="76"/>
      <c r="X5757" s="76"/>
      <c r="Y5757" s="76"/>
      <c r="Z5757" s="76"/>
      <c r="AA5757" s="85"/>
      <c r="AB5757" s="85"/>
      <c r="AC5757" s="85"/>
      <c r="AD5757" s="85"/>
      <c r="AE5757" s="85"/>
      <c r="AF5757" s="85"/>
      <c r="AG5757" s="86"/>
      <c r="AH5757" s="85"/>
      <c r="AI5757" s="85"/>
      <c r="AJ5757" s="85"/>
      <c r="AK5757" s="85"/>
      <c r="AL5757" s="85"/>
      <c r="AM5757" s="92"/>
      <c r="AN5757" s="92"/>
      <c r="AO5757" s="92"/>
      <c r="AP5757" s="92"/>
      <c r="AQ5757" s="92"/>
      <c r="AR5757" s="92"/>
      <c r="AS5757" s="92"/>
      <c r="AT5757" s="92"/>
      <c r="AU5757" s="92"/>
      <c r="AV5757" s="92"/>
      <c r="AW5757" s="92"/>
      <c r="AX5757" s="92"/>
      <c r="AY5757" s="92"/>
      <c r="AZ5757" s="93"/>
      <c r="BA5757" s="93"/>
      <c r="BB5757" s="93"/>
      <c r="BC5757" s="93"/>
      <c r="BD5757" s="93"/>
      <c r="BE5757" s="93"/>
      <c r="BF5757" s="93"/>
      <c r="BG5757" s="93"/>
      <c r="BH5757" s="93"/>
      <c r="BI5757" s="93"/>
      <c r="BJ5757" s="93"/>
      <c r="BK5757" s="93"/>
      <c r="BL5757" s="93"/>
    </row>
    <row r="5758" spans="2:64" x14ac:dyDescent="0.2">
      <c r="B5758" s="43"/>
      <c r="C5758" s="73"/>
      <c r="D5758" s="64"/>
      <c r="E5758" s="55"/>
      <c r="F5758" s="74"/>
      <c r="G5758" s="74"/>
      <c r="H5758" s="74"/>
      <c r="I5758" s="75"/>
      <c r="J5758" s="74"/>
      <c r="L5758" s="55"/>
      <c r="M5758" s="234"/>
      <c r="N5758" s="65"/>
      <c r="O5758" s="76"/>
      <c r="P5758" s="76"/>
      <c r="Q5758" s="65"/>
      <c r="R5758" s="76"/>
      <c r="S5758" s="76"/>
      <c r="T5758" s="76"/>
      <c r="U5758" s="76"/>
      <c r="V5758" s="76"/>
      <c r="W5758" s="76"/>
      <c r="X5758" s="76"/>
      <c r="Y5758" s="76"/>
      <c r="Z5758" s="76"/>
      <c r="AA5758" s="85"/>
      <c r="AB5758" s="85"/>
      <c r="AC5758" s="85"/>
      <c r="AD5758" s="85"/>
      <c r="AE5758" s="85"/>
      <c r="AF5758" s="85"/>
      <c r="AG5758" s="86"/>
      <c r="AH5758" s="85"/>
      <c r="AI5758" s="85"/>
      <c r="AJ5758" s="85"/>
      <c r="AK5758" s="85"/>
      <c r="AL5758" s="85"/>
      <c r="AM5758" s="92"/>
      <c r="AN5758" s="92"/>
      <c r="AO5758" s="92"/>
      <c r="AP5758" s="92"/>
      <c r="AQ5758" s="92"/>
      <c r="AR5758" s="92"/>
      <c r="AS5758" s="92"/>
      <c r="AT5758" s="92"/>
      <c r="AU5758" s="92"/>
      <c r="AV5758" s="92"/>
      <c r="AW5758" s="92"/>
      <c r="AX5758" s="92"/>
      <c r="AY5758" s="92"/>
      <c r="AZ5758" s="93"/>
      <c r="BA5758" s="93"/>
      <c r="BB5758" s="93"/>
      <c r="BC5758" s="93"/>
      <c r="BD5758" s="93"/>
      <c r="BE5758" s="93"/>
      <c r="BF5758" s="93"/>
      <c r="BG5758" s="93"/>
      <c r="BH5758" s="93"/>
      <c r="BI5758" s="93"/>
      <c r="BJ5758" s="93"/>
      <c r="BK5758" s="93"/>
      <c r="BL5758" s="93"/>
    </row>
    <row r="5759" spans="2:64" x14ac:dyDescent="0.2">
      <c r="B5759" s="43"/>
      <c r="C5759" s="73"/>
      <c r="D5759" s="64"/>
      <c r="E5759" s="55"/>
      <c r="F5759" s="74"/>
      <c r="G5759" s="74"/>
      <c r="H5759" s="74"/>
      <c r="I5759" s="75"/>
      <c r="J5759" s="74"/>
      <c r="L5759" s="55"/>
      <c r="M5759" s="234"/>
      <c r="N5759" s="65"/>
      <c r="O5759" s="76"/>
      <c r="P5759" s="76"/>
      <c r="Q5759" s="65"/>
      <c r="R5759" s="76"/>
      <c r="S5759" s="76"/>
      <c r="T5759" s="76"/>
      <c r="U5759" s="76"/>
      <c r="V5759" s="76"/>
      <c r="W5759" s="76"/>
      <c r="X5759" s="76"/>
      <c r="Y5759" s="76"/>
      <c r="Z5759" s="76"/>
      <c r="AA5759" s="85"/>
      <c r="AB5759" s="85"/>
      <c r="AC5759" s="85"/>
      <c r="AD5759" s="85"/>
      <c r="AE5759" s="85"/>
      <c r="AF5759" s="85"/>
      <c r="AG5759" s="86"/>
      <c r="AH5759" s="85"/>
      <c r="AI5759" s="85"/>
      <c r="AJ5759" s="85"/>
      <c r="AK5759" s="85"/>
      <c r="AL5759" s="85"/>
      <c r="AM5759" s="92"/>
      <c r="AN5759" s="92"/>
      <c r="AO5759" s="92"/>
      <c r="AP5759" s="92"/>
      <c r="AQ5759" s="92"/>
      <c r="AR5759" s="92"/>
      <c r="AS5759" s="92"/>
      <c r="AT5759" s="92"/>
      <c r="AU5759" s="92"/>
      <c r="AV5759" s="92"/>
      <c r="AW5759" s="92"/>
      <c r="AX5759" s="92"/>
      <c r="AY5759" s="92"/>
      <c r="AZ5759" s="93"/>
      <c r="BA5759" s="93"/>
      <c r="BB5759" s="93"/>
      <c r="BC5759" s="93"/>
      <c r="BD5759" s="93"/>
      <c r="BE5759" s="93"/>
      <c r="BF5759" s="93"/>
      <c r="BG5759" s="93"/>
      <c r="BH5759" s="93"/>
      <c r="BI5759" s="93"/>
      <c r="BJ5759" s="93"/>
      <c r="BK5759" s="93"/>
      <c r="BL5759" s="93"/>
    </row>
    <row r="5760" spans="2:64" x14ac:dyDescent="0.2">
      <c r="B5760" s="43"/>
      <c r="C5760" s="73"/>
      <c r="D5760" s="64"/>
      <c r="E5760" s="55"/>
      <c r="F5760" s="74"/>
      <c r="G5760" s="74"/>
      <c r="H5760" s="74"/>
      <c r="I5760" s="75"/>
      <c r="J5760" s="74"/>
      <c r="L5760" s="55"/>
      <c r="M5760" s="234"/>
      <c r="N5760" s="65"/>
      <c r="O5760" s="76"/>
      <c r="P5760" s="76"/>
      <c r="Q5760" s="65"/>
      <c r="R5760" s="76"/>
      <c r="S5760" s="76"/>
      <c r="T5760" s="76"/>
      <c r="U5760" s="76"/>
      <c r="V5760" s="76"/>
      <c r="W5760" s="76"/>
      <c r="X5760" s="76"/>
      <c r="Y5760" s="76"/>
      <c r="Z5760" s="76"/>
      <c r="AA5760" s="85"/>
      <c r="AB5760" s="85"/>
      <c r="AC5760" s="85"/>
      <c r="AD5760" s="85"/>
      <c r="AE5760" s="85"/>
      <c r="AF5760" s="85"/>
      <c r="AG5760" s="86"/>
      <c r="AH5760" s="85"/>
      <c r="AI5760" s="85"/>
      <c r="AJ5760" s="85"/>
      <c r="AK5760" s="85"/>
      <c r="AL5760" s="85"/>
      <c r="AM5760" s="92"/>
      <c r="AN5760" s="92"/>
      <c r="AO5760" s="92"/>
      <c r="AP5760" s="92"/>
      <c r="AQ5760" s="92"/>
      <c r="AR5760" s="92"/>
      <c r="AS5760" s="92"/>
      <c r="AT5760" s="92"/>
      <c r="AU5760" s="92"/>
      <c r="AV5760" s="92"/>
      <c r="AW5760" s="92"/>
      <c r="AX5760" s="92"/>
      <c r="AY5760" s="92"/>
      <c r="AZ5760" s="93"/>
      <c r="BA5760" s="93"/>
      <c r="BB5760" s="93"/>
      <c r="BC5760" s="93"/>
      <c r="BD5760" s="93"/>
      <c r="BE5760" s="93"/>
      <c r="BF5760" s="93"/>
      <c r="BG5760" s="93"/>
      <c r="BH5760" s="93"/>
      <c r="BI5760" s="93"/>
      <c r="BJ5760" s="93"/>
      <c r="BK5760" s="93"/>
      <c r="BL5760" s="93"/>
    </row>
    <row r="5761" spans="2:64" x14ac:dyDescent="0.2">
      <c r="B5761" s="43"/>
      <c r="C5761" s="73"/>
      <c r="D5761" s="64"/>
      <c r="E5761" s="55"/>
      <c r="F5761" s="74"/>
      <c r="G5761" s="74"/>
      <c r="H5761" s="74"/>
      <c r="I5761" s="75"/>
      <c r="J5761" s="74"/>
      <c r="L5761" s="55"/>
      <c r="M5761" s="234"/>
      <c r="N5761" s="65"/>
      <c r="O5761" s="76"/>
      <c r="P5761" s="76"/>
      <c r="Q5761" s="65"/>
      <c r="R5761" s="76"/>
      <c r="S5761" s="76"/>
      <c r="T5761" s="76"/>
      <c r="U5761" s="76"/>
      <c r="V5761" s="76"/>
      <c r="W5761" s="76"/>
      <c r="X5761" s="76"/>
      <c r="Y5761" s="76"/>
      <c r="Z5761" s="76"/>
      <c r="AA5761" s="85"/>
      <c r="AB5761" s="85"/>
      <c r="AC5761" s="85"/>
      <c r="AD5761" s="85"/>
      <c r="AE5761" s="85"/>
      <c r="AF5761" s="85"/>
      <c r="AG5761" s="86"/>
      <c r="AH5761" s="85"/>
      <c r="AI5761" s="85"/>
      <c r="AJ5761" s="85"/>
      <c r="AK5761" s="85"/>
      <c r="AL5761" s="85"/>
      <c r="AM5761" s="92"/>
      <c r="AN5761" s="92"/>
      <c r="AO5761" s="92"/>
      <c r="AP5761" s="92"/>
      <c r="AQ5761" s="92"/>
      <c r="AR5761" s="92"/>
      <c r="AS5761" s="92"/>
      <c r="AT5761" s="92"/>
      <c r="AU5761" s="92"/>
      <c r="AV5761" s="92"/>
      <c r="AW5761" s="92"/>
      <c r="AX5761" s="92"/>
      <c r="AY5761" s="92"/>
      <c r="AZ5761" s="93"/>
      <c r="BA5761" s="93"/>
      <c r="BB5761" s="93"/>
      <c r="BC5761" s="93"/>
      <c r="BD5761" s="93"/>
      <c r="BE5761" s="93"/>
      <c r="BF5761" s="93"/>
      <c r="BG5761" s="93"/>
      <c r="BH5761" s="93"/>
      <c r="BI5761" s="93"/>
      <c r="BJ5761" s="93"/>
      <c r="BK5761" s="93"/>
      <c r="BL5761" s="93"/>
    </row>
    <row r="5762" spans="2:64" x14ac:dyDescent="0.2">
      <c r="B5762" s="43"/>
      <c r="C5762" s="73"/>
      <c r="D5762" s="64"/>
      <c r="E5762" s="55"/>
      <c r="F5762" s="74"/>
      <c r="G5762" s="74"/>
      <c r="H5762" s="74"/>
      <c r="I5762" s="75"/>
      <c r="J5762" s="74"/>
      <c r="L5762" s="55"/>
      <c r="M5762" s="234"/>
      <c r="N5762" s="65"/>
      <c r="O5762" s="76"/>
      <c r="P5762" s="76"/>
      <c r="Q5762" s="65"/>
      <c r="R5762" s="76"/>
      <c r="S5762" s="76"/>
      <c r="T5762" s="76"/>
      <c r="U5762" s="76"/>
      <c r="V5762" s="76"/>
      <c r="W5762" s="76"/>
      <c r="X5762" s="76"/>
      <c r="Y5762" s="76"/>
      <c r="Z5762" s="76"/>
      <c r="AA5762" s="85"/>
      <c r="AB5762" s="85"/>
      <c r="AC5762" s="85"/>
      <c r="AD5762" s="85"/>
      <c r="AE5762" s="85"/>
      <c r="AF5762" s="85"/>
      <c r="AG5762" s="86"/>
      <c r="AH5762" s="85"/>
      <c r="AI5762" s="85"/>
      <c r="AJ5762" s="85"/>
      <c r="AK5762" s="85"/>
      <c r="AL5762" s="85"/>
      <c r="AM5762" s="92"/>
      <c r="AN5762" s="92"/>
      <c r="AO5762" s="92"/>
      <c r="AP5762" s="92"/>
      <c r="AQ5762" s="92"/>
      <c r="AR5762" s="92"/>
      <c r="AS5762" s="92"/>
      <c r="AT5762" s="92"/>
      <c r="AU5762" s="92"/>
      <c r="AV5762" s="92"/>
      <c r="AW5762" s="92"/>
      <c r="AX5762" s="92"/>
      <c r="AY5762" s="92"/>
      <c r="AZ5762" s="93"/>
      <c r="BA5762" s="93"/>
      <c r="BB5762" s="93"/>
      <c r="BC5762" s="93"/>
      <c r="BD5762" s="93"/>
      <c r="BE5762" s="93"/>
      <c r="BF5762" s="93"/>
      <c r="BG5762" s="93"/>
      <c r="BH5762" s="93"/>
      <c r="BI5762" s="93"/>
      <c r="BJ5762" s="93"/>
      <c r="BK5762" s="93"/>
      <c r="BL5762" s="93"/>
    </row>
    <row r="5763" spans="2:64" x14ac:dyDescent="0.2">
      <c r="B5763" s="43"/>
      <c r="C5763" s="73"/>
      <c r="D5763" s="64"/>
      <c r="E5763" s="55"/>
      <c r="F5763" s="74"/>
      <c r="G5763" s="74"/>
      <c r="H5763" s="74"/>
      <c r="I5763" s="75"/>
      <c r="J5763" s="74"/>
      <c r="L5763" s="55"/>
      <c r="M5763" s="234"/>
      <c r="N5763" s="65"/>
      <c r="O5763" s="76"/>
      <c r="P5763" s="76"/>
      <c r="Q5763" s="65"/>
      <c r="R5763" s="76"/>
      <c r="S5763" s="76"/>
      <c r="T5763" s="76"/>
      <c r="U5763" s="76"/>
      <c r="V5763" s="76"/>
      <c r="W5763" s="76"/>
      <c r="X5763" s="76"/>
      <c r="Y5763" s="76"/>
      <c r="Z5763" s="76"/>
      <c r="AA5763" s="85"/>
      <c r="AB5763" s="85"/>
      <c r="AC5763" s="85"/>
      <c r="AD5763" s="85"/>
      <c r="AE5763" s="85"/>
      <c r="AF5763" s="85"/>
      <c r="AG5763" s="86"/>
      <c r="AH5763" s="85"/>
      <c r="AI5763" s="85"/>
      <c r="AJ5763" s="85"/>
      <c r="AK5763" s="85"/>
      <c r="AL5763" s="85"/>
      <c r="AM5763" s="92"/>
      <c r="AN5763" s="92"/>
      <c r="AO5763" s="92"/>
      <c r="AP5763" s="92"/>
      <c r="AQ5763" s="92"/>
      <c r="AR5763" s="92"/>
      <c r="AS5763" s="92"/>
      <c r="AT5763" s="92"/>
      <c r="AU5763" s="92"/>
      <c r="AV5763" s="92"/>
      <c r="AW5763" s="92"/>
      <c r="AX5763" s="92"/>
      <c r="AY5763" s="92"/>
      <c r="AZ5763" s="93"/>
      <c r="BA5763" s="93"/>
      <c r="BB5763" s="93"/>
      <c r="BC5763" s="93"/>
      <c r="BD5763" s="93"/>
      <c r="BE5763" s="93"/>
      <c r="BF5763" s="93"/>
      <c r="BG5763" s="93"/>
      <c r="BH5763" s="93"/>
      <c r="BI5763" s="93"/>
      <c r="BJ5763" s="93"/>
      <c r="BK5763" s="93"/>
      <c r="BL5763" s="93"/>
    </row>
    <row r="5764" spans="2:64" x14ac:dyDescent="0.2">
      <c r="B5764" s="43"/>
      <c r="C5764" s="73"/>
      <c r="D5764" s="64"/>
      <c r="E5764" s="55"/>
      <c r="F5764" s="74"/>
      <c r="G5764" s="74"/>
      <c r="H5764" s="74"/>
      <c r="I5764" s="75"/>
      <c r="J5764" s="74"/>
      <c r="L5764" s="55"/>
      <c r="M5764" s="234"/>
      <c r="N5764" s="65"/>
      <c r="O5764" s="76"/>
      <c r="P5764" s="76"/>
      <c r="Q5764" s="65"/>
      <c r="R5764" s="76"/>
      <c r="S5764" s="76"/>
      <c r="T5764" s="76"/>
      <c r="U5764" s="76"/>
      <c r="V5764" s="76"/>
      <c r="W5764" s="76"/>
      <c r="X5764" s="76"/>
      <c r="Y5764" s="76"/>
      <c r="Z5764" s="76"/>
      <c r="AA5764" s="85"/>
      <c r="AB5764" s="85"/>
      <c r="AC5764" s="85"/>
      <c r="AD5764" s="85"/>
      <c r="AE5764" s="85"/>
      <c r="AF5764" s="85"/>
      <c r="AG5764" s="86"/>
      <c r="AH5764" s="85"/>
      <c r="AI5764" s="85"/>
      <c r="AJ5764" s="85"/>
      <c r="AK5764" s="85"/>
      <c r="AL5764" s="85"/>
      <c r="AM5764" s="92"/>
      <c r="AN5764" s="92"/>
      <c r="AO5764" s="92"/>
      <c r="AP5764" s="92"/>
      <c r="AQ5764" s="92"/>
      <c r="AR5764" s="92"/>
      <c r="AS5764" s="92"/>
      <c r="AT5764" s="92"/>
      <c r="AU5764" s="92"/>
      <c r="AV5764" s="92"/>
      <c r="AW5764" s="92"/>
      <c r="AX5764" s="92"/>
      <c r="AY5764" s="92"/>
      <c r="AZ5764" s="93"/>
      <c r="BA5764" s="93"/>
      <c r="BB5764" s="93"/>
      <c r="BC5764" s="93"/>
      <c r="BD5764" s="93"/>
      <c r="BE5764" s="93"/>
      <c r="BF5764" s="93"/>
      <c r="BG5764" s="93"/>
      <c r="BH5764" s="93"/>
      <c r="BI5764" s="93"/>
      <c r="BJ5764" s="93"/>
      <c r="BK5764" s="93"/>
      <c r="BL5764" s="93"/>
    </row>
    <row r="5765" spans="2:64" x14ac:dyDescent="0.2">
      <c r="B5765" s="43"/>
      <c r="C5765" s="73"/>
      <c r="D5765" s="64"/>
      <c r="E5765" s="55"/>
      <c r="F5765" s="74"/>
      <c r="G5765" s="74"/>
      <c r="H5765" s="74"/>
      <c r="I5765" s="75"/>
      <c r="J5765" s="74"/>
      <c r="L5765" s="55"/>
      <c r="M5765" s="234"/>
      <c r="N5765" s="65"/>
      <c r="O5765" s="76"/>
      <c r="P5765" s="76"/>
      <c r="Q5765" s="65"/>
      <c r="R5765" s="76"/>
      <c r="S5765" s="76"/>
      <c r="T5765" s="76"/>
      <c r="U5765" s="76"/>
      <c r="V5765" s="76"/>
      <c r="W5765" s="76"/>
      <c r="X5765" s="76"/>
      <c r="Y5765" s="76"/>
      <c r="Z5765" s="76"/>
      <c r="AA5765" s="85"/>
      <c r="AB5765" s="85"/>
      <c r="AC5765" s="85"/>
      <c r="AD5765" s="85"/>
      <c r="AE5765" s="85"/>
      <c r="AF5765" s="85"/>
      <c r="AG5765" s="86"/>
      <c r="AH5765" s="85"/>
      <c r="AI5765" s="85"/>
      <c r="AJ5765" s="85"/>
      <c r="AK5765" s="85"/>
      <c r="AL5765" s="85"/>
      <c r="AM5765" s="92"/>
      <c r="AN5765" s="92"/>
      <c r="AO5765" s="92"/>
      <c r="AP5765" s="92"/>
      <c r="AQ5765" s="92"/>
      <c r="AR5765" s="92"/>
      <c r="AS5765" s="92"/>
      <c r="AT5765" s="92"/>
      <c r="AU5765" s="92"/>
      <c r="AV5765" s="92"/>
      <c r="AW5765" s="92"/>
      <c r="AX5765" s="92"/>
      <c r="AY5765" s="92"/>
      <c r="AZ5765" s="93"/>
      <c r="BA5765" s="93"/>
      <c r="BB5765" s="93"/>
      <c r="BC5765" s="93"/>
      <c r="BD5765" s="93"/>
      <c r="BE5765" s="93"/>
      <c r="BF5765" s="93"/>
      <c r="BG5765" s="93"/>
      <c r="BH5765" s="93"/>
      <c r="BI5765" s="93"/>
      <c r="BJ5765" s="93"/>
      <c r="BK5765" s="93"/>
      <c r="BL5765" s="93"/>
    </row>
    <row r="5766" spans="2:64" x14ac:dyDescent="0.2">
      <c r="B5766" s="43"/>
      <c r="C5766" s="73"/>
      <c r="D5766" s="64"/>
      <c r="E5766" s="55"/>
      <c r="F5766" s="74"/>
      <c r="G5766" s="74"/>
      <c r="H5766" s="74"/>
      <c r="I5766" s="75"/>
      <c r="J5766" s="74"/>
      <c r="L5766" s="55"/>
      <c r="M5766" s="234"/>
      <c r="N5766" s="65"/>
      <c r="O5766" s="76"/>
      <c r="P5766" s="76"/>
      <c r="Q5766" s="65"/>
      <c r="R5766" s="76"/>
      <c r="S5766" s="76"/>
      <c r="T5766" s="76"/>
      <c r="U5766" s="76"/>
      <c r="V5766" s="76"/>
      <c r="W5766" s="76"/>
      <c r="X5766" s="76"/>
      <c r="Y5766" s="76"/>
      <c r="Z5766" s="76"/>
      <c r="AA5766" s="85"/>
      <c r="AB5766" s="85"/>
      <c r="AC5766" s="85"/>
      <c r="AD5766" s="85"/>
      <c r="AE5766" s="85"/>
      <c r="AF5766" s="85"/>
      <c r="AG5766" s="86"/>
      <c r="AH5766" s="85"/>
      <c r="AI5766" s="85"/>
      <c r="AJ5766" s="85"/>
      <c r="AK5766" s="85"/>
      <c r="AL5766" s="85"/>
      <c r="AM5766" s="92"/>
      <c r="AN5766" s="92"/>
      <c r="AO5766" s="92"/>
      <c r="AP5766" s="92"/>
      <c r="AQ5766" s="92"/>
      <c r="AR5766" s="92"/>
      <c r="AS5766" s="92"/>
      <c r="AT5766" s="92"/>
      <c r="AU5766" s="92"/>
      <c r="AV5766" s="92"/>
      <c r="AW5766" s="92"/>
      <c r="AX5766" s="92"/>
      <c r="AY5766" s="92"/>
      <c r="AZ5766" s="93"/>
      <c r="BA5766" s="93"/>
      <c r="BB5766" s="93"/>
      <c r="BC5766" s="93"/>
      <c r="BD5766" s="93"/>
      <c r="BE5766" s="93"/>
      <c r="BF5766" s="93"/>
      <c r="BG5766" s="93"/>
      <c r="BH5766" s="93"/>
      <c r="BI5766" s="93"/>
      <c r="BJ5766" s="93"/>
      <c r="BK5766" s="93"/>
      <c r="BL5766" s="93"/>
    </row>
    <row r="5767" spans="2:64" x14ac:dyDescent="0.2">
      <c r="B5767" s="43"/>
      <c r="C5767" s="73"/>
      <c r="D5767" s="64"/>
      <c r="E5767" s="55"/>
      <c r="F5767" s="74"/>
      <c r="G5767" s="74"/>
      <c r="H5767" s="74"/>
      <c r="I5767" s="75"/>
      <c r="J5767" s="74"/>
      <c r="L5767" s="55"/>
      <c r="M5767" s="234"/>
      <c r="N5767" s="65"/>
      <c r="O5767" s="76"/>
      <c r="P5767" s="76"/>
      <c r="Q5767" s="65"/>
      <c r="R5767" s="76"/>
      <c r="S5767" s="76"/>
      <c r="T5767" s="76"/>
      <c r="U5767" s="76"/>
      <c r="V5767" s="76"/>
      <c r="W5767" s="76"/>
      <c r="X5767" s="76"/>
      <c r="Y5767" s="76"/>
      <c r="Z5767" s="76"/>
      <c r="AA5767" s="85"/>
      <c r="AB5767" s="85"/>
      <c r="AC5767" s="85"/>
      <c r="AD5767" s="85"/>
      <c r="AE5767" s="85"/>
      <c r="AF5767" s="85"/>
      <c r="AG5767" s="86"/>
      <c r="AH5767" s="85"/>
      <c r="AI5767" s="85"/>
      <c r="AJ5767" s="85"/>
      <c r="AK5767" s="85"/>
      <c r="AL5767" s="85"/>
      <c r="AM5767" s="92"/>
      <c r="AN5767" s="92"/>
      <c r="AO5767" s="92"/>
      <c r="AP5767" s="92"/>
      <c r="AQ5767" s="92"/>
      <c r="AR5767" s="92"/>
      <c r="AS5767" s="92"/>
      <c r="AT5767" s="92"/>
      <c r="AU5767" s="92"/>
      <c r="AV5767" s="92"/>
      <c r="AW5767" s="92"/>
      <c r="AX5767" s="92"/>
      <c r="AY5767" s="92"/>
      <c r="AZ5767" s="93"/>
      <c r="BA5767" s="93"/>
      <c r="BB5767" s="93"/>
      <c r="BC5767" s="93"/>
      <c r="BD5767" s="93"/>
      <c r="BE5767" s="93"/>
      <c r="BF5767" s="93"/>
      <c r="BG5767" s="93"/>
      <c r="BH5767" s="93"/>
      <c r="BI5767" s="93"/>
      <c r="BJ5767" s="93"/>
      <c r="BK5767" s="93"/>
      <c r="BL5767" s="93"/>
    </row>
    <row r="5768" spans="2:64" x14ac:dyDescent="0.2">
      <c r="B5768" s="43"/>
      <c r="C5768" s="73"/>
      <c r="D5768" s="64"/>
      <c r="E5768" s="55"/>
      <c r="F5768" s="74"/>
      <c r="G5768" s="74"/>
      <c r="H5768" s="74"/>
      <c r="I5768" s="75"/>
      <c r="J5768" s="74"/>
      <c r="L5768" s="55"/>
      <c r="M5768" s="234"/>
      <c r="N5768" s="65"/>
      <c r="O5768" s="76"/>
      <c r="P5768" s="76"/>
      <c r="Q5768" s="65"/>
      <c r="R5768" s="76"/>
      <c r="S5768" s="76"/>
      <c r="T5768" s="76"/>
      <c r="U5768" s="76"/>
      <c r="V5768" s="76"/>
      <c r="W5768" s="76"/>
      <c r="X5768" s="76"/>
      <c r="Y5768" s="76"/>
      <c r="Z5768" s="76"/>
      <c r="AA5768" s="85"/>
      <c r="AB5768" s="85"/>
      <c r="AC5768" s="85"/>
      <c r="AD5768" s="85"/>
      <c r="AE5768" s="85"/>
      <c r="AF5768" s="85"/>
      <c r="AG5768" s="86"/>
      <c r="AH5768" s="85"/>
      <c r="AI5768" s="85"/>
      <c r="AJ5768" s="85"/>
      <c r="AK5768" s="85"/>
      <c r="AL5768" s="85"/>
      <c r="AM5768" s="92"/>
      <c r="AN5768" s="92"/>
      <c r="AO5768" s="92"/>
      <c r="AP5768" s="92"/>
      <c r="AQ5768" s="92"/>
      <c r="AR5768" s="92"/>
      <c r="AS5768" s="92"/>
      <c r="AT5768" s="92"/>
      <c r="AU5768" s="92"/>
      <c r="AV5768" s="92"/>
      <c r="AW5768" s="92"/>
      <c r="AX5768" s="92"/>
      <c r="AY5768" s="92"/>
      <c r="AZ5768" s="93"/>
      <c r="BA5768" s="93"/>
      <c r="BB5768" s="93"/>
      <c r="BC5768" s="93"/>
      <c r="BD5768" s="93"/>
      <c r="BE5768" s="93"/>
      <c r="BF5768" s="93"/>
      <c r="BG5768" s="93"/>
      <c r="BH5768" s="93"/>
      <c r="BI5768" s="93"/>
      <c r="BJ5768" s="93"/>
      <c r="BK5768" s="93"/>
      <c r="BL5768" s="93"/>
    </row>
    <row r="5769" spans="2:64" x14ac:dyDescent="0.2">
      <c r="B5769" s="43"/>
      <c r="C5769" s="73"/>
      <c r="D5769" s="64"/>
      <c r="E5769" s="55"/>
      <c r="F5769" s="74"/>
      <c r="G5769" s="74"/>
      <c r="H5769" s="74"/>
      <c r="I5769" s="75"/>
      <c r="J5769" s="74"/>
      <c r="L5769" s="55"/>
      <c r="M5769" s="234"/>
      <c r="N5769" s="65"/>
      <c r="O5769" s="76"/>
      <c r="P5769" s="76"/>
      <c r="Q5769" s="65"/>
      <c r="R5769" s="76"/>
      <c r="S5769" s="76"/>
      <c r="T5769" s="76"/>
      <c r="U5769" s="76"/>
      <c r="V5769" s="76"/>
      <c r="W5769" s="76"/>
      <c r="X5769" s="76"/>
      <c r="Y5769" s="76"/>
      <c r="Z5769" s="76"/>
      <c r="AA5769" s="85"/>
      <c r="AB5769" s="85"/>
      <c r="AC5769" s="85"/>
      <c r="AD5769" s="85"/>
      <c r="AE5769" s="85"/>
      <c r="AF5769" s="85"/>
      <c r="AG5769" s="86"/>
      <c r="AH5769" s="85"/>
      <c r="AI5769" s="85"/>
      <c r="AJ5769" s="85"/>
      <c r="AK5769" s="85"/>
      <c r="AL5769" s="85"/>
      <c r="AM5769" s="92"/>
      <c r="AN5769" s="92"/>
      <c r="AO5769" s="92"/>
      <c r="AP5769" s="92"/>
      <c r="AQ5769" s="92"/>
      <c r="AR5769" s="92"/>
      <c r="AS5769" s="92"/>
      <c r="AT5769" s="92"/>
      <c r="AU5769" s="92"/>
      <c r="AV5769" s="92"/>
      <c r="AW5769" s="92"/>
      <c r="AX5769" s="92"/>
      <c r="AY5769" s="92"/>
      <c r="AZ5769" s="93"/>
      <c r="BA5769" s="93"/>
      <c r="BB5769" s="93"/>
      <c r="BC5769" s="93"/>
      <c r="BD5769" s="93"/>
      <c r="BE5769" s="93"/>
      <c r="BF5769" s="93"/>
      <c r="BG5769" s="93"/>
      <c r="BH5769" s="93"/>
      <c r="BI5769" s="93"/>
      <c r="BJ5769" s="93"/>
      <c r="BK5769" s="93"/>
      <c r="BL5769" s="93"/>
    </row>
    <row r="5770" spans="2:64" x14ac:dyDescent="0.2">
      <c r="B5770" s="43"/>
      <c r="C5770" s="73"/>
      <c r="D5770" s="64"/>
      <c r="E5770" s="55"/>
      <c r="F5770" s="74"/>
      <c r="G5770" s="74"/>
      <c r="H5770" s="74"/>
      <c r="I5770" s="75"/>
      <c r="J5770" s="74"/>
      <c r="L5770" s="55"/>
      <c r="M5770" s="234"/>
      <c r="N5770" s="65"/>
      <c r="O5770" s="76"/>
      <c r="P5770" s="76"/>
      <c r="Q5770" s="65"/>
      <c r="R5770" s="76"/>
      <c r="S5770" s="76"/>
      <c r="T5770" s="76"/>
      <c r="U5770" s="76"/>
      <c r="V5770" s="76"/>
      <c r="W5770" s="76"/>
      <c r="X5770" s="76"/>
      <c r="Y5770" s="76"/>
      <c r="Z5770" s="76"/>
      <c r="AA5770" s="85"/>
      <c r="AB5770" s="85"/>
      <c r="AC5770" s="85"/>
      <c r="AD5770" s="85"/>
      <c r="AE5770" s="85"/>
      <c r="AF5770" s="85"/>
      <c r="AG5770" s="86"/>
      <c r="AH5770" s="85"/>
      <c r="AI5770" s="85"/>
      <c r="AJ5770" s="85"/>
      <c r="AK5770" s="85"/>
      <c r="AL5770" s="85"/>
      <c r="AM5770" s="92"/>
      <c r="AN5770" s="92"/>
      <c r="AO5770" s="92"/>
      <c r="AP5770" s="92"/>
      <c r="AQ5770" s="92"/>
      <c r="AR5770" s="92"/>
      <c r="AS5770" s="92"/>
      <c r="AT5770" s="92"/>
      <c r="AU5770" s="92"/>
      <c r="AV5770" s="92"/>
      <c r="AW5770" s="92"/>
      <c r="AX5770" s="92"/>
      <c r="AY5770" s="92"/>
      <c r="AZ5770" s="93"/>
      <c r="BA5770" s="93"/>
      <c r="BB5770" s="93"/>
      <c r="BC5770" s="93"/>
      <c r="BD5770" s="93"/>
      <c r="BE5770" s="93"/>
      <c r="BF5770" s="93"/>
      <c r="BG5770" s="93"/>
      <c r="BH5770" s="93"/>
      <c r="BI5770" s="93"/>
      <c r="BJ5770" s="93"/>
      <c r="BK5770" s="93"/>
      <c r="BL5770" s="93"/>
    </row>
    <row r="5771" spans="2:64" x14ac:dyDescent="0.2">
      <c r="B5771" s="43"/>
      <c r="C5771" s="73"/>
      <c r="D5771" s="64"/>
      <c r="E5771" s="55"/>
      <c r="F5771" s="74"/>
      <c r="G5771" s="74"/>
      <c r="H5771" s="74"/>
      <c r="I5771" s="75"/>
      <c r="J5771" s="74"/>
      <c r="L5771" s="55"/>
      <c r="M5771" s="234"/>
      <c r="N5771" s="65"/>
      <c r="O5771" s="76"/>
      <c r="P5771" s="76"/>
      <c r="Q5771" s="65"/>
      <c r="R5771" s="76"/>
      <c r="S5771" s="76"/>
      <c r="T5771" s="76"/>
      <c r="U5771" s="76"/>
      <c r="V5771" s="76"/>
      <c r="W5771" s="76"/>
      <c r="X5771" s="76"/>
      <c r="Y5771" s="76"/>
      <c r="Z5771" s="76"/>
      <c r="AA5771" s="85"/>
      <c r="AB5771" s="85"/>
      <c r="AC5771" s="85"/>
      <c r="AD5771" s="85"/>
      <c r="AE5771" s="85"/>
      <c r="AF5771" s="85"/>
      <c r="AG5771" s="86"/>
      <c r="AH5771" s="85"/>
      <c r="AI5771" s="85"/>
      <c r="AJ5771" s="85"/>
      <c r="AK5771" s="85"/>
      <c r="AL5771" s="85"/>
      <c r="AM5771" s="92"/>
      <c r="AN5771" s="92"/>
      <c r="AO5771" s="92"/>
      <c r="AP5771" s="92"/>
      <c r="AQ5771" s="92"/>
      <c r="AR5771" s="92"/>
      <c r="AS5771" s="92"/>
      <c r="AT5771" s="92"/>
      <c r="AU5771" s="92"/>
      <c r="AV5771" s="92"/>
      <c r="AW5771" s="92"/>
      <c r="AX5771" s="92"/>
      <c r="AY5771" s="92"/>
      <c r="AZ5771" s="93"/>
      <c r="BA5771" s="93"/>
      <c r="BB5771" s="93"/>
      <c r="BC5771" s="93"/>
      <c r="BD5771" s="93"/>
      <c r="BE5771" s="93"/>
      <c r="BF5771" s="93"/>
      <c r="BG5771" s="93"/>
      <c r="BH5771" s="93"/>
      <c r="BI5771" s="93"/>
      <c r="BJ5771" s="93"/>
      <c r="BK5771" s="93"/>
      <c r="BL5771" s="93"/>
    </row>
    <row r="5772" spans="2:64" x14ac:dyDescent="0.2">
      <c r="B5772" s="43"/>
      <c r="C5772" s="73"/>
      <c r="D5772" s="64"/>
      <c r="E5772" s="55"/>
      <c r="F5772" s="74"/>
      <c r="G5772" s="74"/>
      <c r="H5772" s="74"/>
      <c r="I5772" s="75"/>
      <c r="J5772" s="74"/>
      <c r="L5772" s="55"/>
      <c r="M5772" s="234"/>
      <c r="N5772" s="65"/>
      <c r="O5772" s="76"/>
      <c r="P5772" s="76"/>
      <c r="Q5772" s="65"/>
      <c r="R5772" s="76"/>
      <c r="S5772" s="76"/>
      <c r="T5772" s="76"/>
      <c r="U5772" s="76"/>
      <c r="V5772" s="76"/>
      <c r="W5772" s="76"/>
      <c r="X5772" s="76"/>
      <c r="Y5772" s="76"/>
      <c r="Z5772" s="76"/>
      <c r="AA5772" s="85"/>
      <c r="AB5772" s="85"/>
      <c r="AC5772" s="85"/>
      <c r="AD5772" s="85"/>
      <c r="AE5772" s="85"/>
      <c r="AF5772" s="85"/>
      <c r="AG5772" s="86"/>
      <c r="AH5772" s="85"/>
      <c r="AI5772" s="85"/>
      <c r="AJ5772" s="85"/>
      <c r="AK5772" s="85"/>
      <c r="AL5772" s="85"/>
      <c r="AM5772" s="92"/>
      <c r="AN5772" s="92"/>
      <c r="AO5772" s="92"/>
      <c r="AP5772" s="92"/>
      <c r="AQ5772" s="92"/>
      <c r="AR5772" s="92"/>
      <c r="AS5772" s="92"/>
      <c r="AT5772" s="92"/>
      <c r="AU5772" s="92"/>
      <c r="AV5772" s="92"/>
      <c r="AW5772" s="92"/>
      <c r="AX5772" s="92"/>
      <c r="AY5772" s="92"/>
      <c r="AZ5772" s="93"/>
      <c r="BA5772" s="93"/>
      <c r="BB5772" s="93"/>
      <c r="BC5772" s="93"/>
      <c r="BD5772" s="93"/>
      <c r="BE5772" s="93"/>
      <c r="BF5772" s="93"/>
      <c r="BG5772" s="93"/>
      <c r="BH5772" s="93"/>
      <c r="BI5772" s="93"/>
      <c r="BJ5772" s="93"/>
      <c r="BK5772" s="93"/>
      <c r="BL5772" s="93"/>
    </row>
    <row r="5773" spans="2:64" x14ac:dyDescent="0.2">
      <c r="B5773" s="43"/>
      <c r="C5773" s="73"/>
      <c r="D5773" s="64"/>
      <c r="E5773" s="55"/>
      <c r="F5773" s="74"/>
      <c r="G5773" s="74"/>
      <c r="H5773" s="74"/>
      <c r="I5773" s="75"/>
      <c r="J5773" s="74"/>
      <c r="L5773" s="55"/>
      <c r="M5773" s="234"/>
      <c r="N5773" s="65"/>
      <c r="O5773" s="76"/>
      <c r="P5773" s="76"/>
      <c r="Q5773" s="65"/>
      <c r="R5773" s="76"/>
      <c r="S5773" s="76"/>
      <c r="T5773" s="76"/>
      <c r="U5773" s="76"/>
      <c r="V5773" s="76"/>
      <c r="W5773" s="76"/>
      <c r="X5773" s="76"/>
      <c r="Y5773" s="76"/>
      <c r="Z5773" s="76"/>
      <c r="AA5773" s="85"/>
      <c r="AB5773" s="85"/>
      <c r="AC5773" s="85"/>
      <c r="AD5773" s="85"/>
      <c r="AE5773" s="85"/>
      <c r="AF5773" s="85"/>
      <c r="AG5773" s="86"/>
      <c r="AH5773" s="85"/>
      <c r="AI5773" s="85"/>
      <c r="AJ5773" s="85"/>
      <c r="AK5773" s="85"/>
      <c r="AL5773" s="85"/>
      <c r="AM5773" s="92"/>
      <c r="AN5773" s="92"/>
      <c r="AO5773" s="92"/>
      <c r="AP5773" s="92"/>
      <c r="AQ5773" s="92"/>
      <c r="AR5773" s="92"/>
      <c r="AS5773" s="92"/>
      <c r="AT5773" s="92"/>
      <c r="AU5773" s="92"/>
      <c r="AV5773" s="92"/>
      <c r="AW5773" s="92"/>
      <c r="AX5773" s="92"/>
      <c r="AY5773" s="92"/>
      <c r="AZ5773" s="93"/>
      <c r="BA5773" s="93"/>
      <c r="BB5773" s="93"/>
      <c r="BC5773" s="93"/>
      <c r="BD5773" s="93"/>
      <c r="BE5773" s="93"/>
      <c r="BF5773" s="93"/>
      <c r="BG5773" s="93"/>
      <c r="BH5773" s="93"/>
      <c r="BI5773" s="93"/>
      <c r="BJ5773" s="93"/>
      <c r="BK5773" s="93"/>
      <c r="BL5773" s="93"/>
    </row>
    <row r="5774" spans="2:64" x14ac:dyDescent="0.2">
      <c r="B5774" s="43"/>
      <c r="C5774" s="73"/>
      <c r="D5774" s="64"/>
      <c r="E5774" s="55"/>
      <c r="F5774" s="74"/>
      <c r="G5774" s="74"/>
      <c r="H5774" s="74"/>
      <c r="I5774" s="75"/>
      <c r="J5774" s="74"/>
      <c r="L5774" s="55"/>
      <c r="M5774" s="234"/>
      <c r="N5774" s="65"/>
      <c r="O5774" s="76"/>
      <c r="P5774" s="76"/>
      <c r="Q5774" s="65"/>
      <c r="R5774" s="76"/>
      <c r="S5774" s="76"/>
      <c r="T5774" s="76"/>
      <c r="U5774" s="76"/>
      <c r="V5774" s="76"/>
      <c r="W5774" s="76"/>
      <c r="X5774" s="76"/>
      <c r="Y5774" s="76"/>
      <c r="Z5774" s="76"/>
      <c r="AA5774" s="85"/>
      <c r="AB5774" s="85"/>
      <c r="AC5774" s="85"/>
      <c r="AD5774" s="85"/>
      <c r="AE5774" s="85"/>
      <c r="AF5774" s="85"/>
      <c r="AG5774" s="86"/>
      <c r="AH5774" s="85"/>
      <c r="AI5774" s="85"/>
      <c r="AJ5774" s="85"/>
      <c r="AK5774" s="85"/>
      <c r="AL5774" s="85"/>
      <c r="AM5774" s="92"/>
      <c r="AN5774" s="92"/>
      <c r="AO5774" s="92"/>
      <c r="AP5774" s="92"/>
      <c r="AQ5774" s="92"/>
      <c r="AR5774" s="92"/>
      <c r="AS5774" s="92"/>
      <c r="AT5774" s="92"/>
      <c r="AU5774" s="92"/>
      <c r="AV5774" s="92"/>
      <c r="AW5774" s="92"/>
      <c r="AX5774" s="92"/>
      <c r="AY5774" s="92"/>
      <c r="AZ5774" s="93"/>
      <c r="BA5774" s="93"/>
      <c r="BB5774" s="93"/>
      <c r="BC5774" s="93"/>
      <c r="BD5774" s="93"/>
      <c r="BE5774" s="93"/>
      <c r="BF5774" s="93"/>
      <c r="BG5774" s="93"/>
      <c r="BH5774" s="93"/>
      <c r="BI5774" s="93"/>
      <c r="BJ5774" s="93"/>
      <c r="BK5774" s="93"/>
      <c r="BL5774" s="93"/>
    </row>
    <row r="5775" spans="2:64" x14ac:dyDescent="0.2">
      <c r="B5775" s="43"/>
      <c r="C5775" s="73"/>
      <c r="D5775" s="64"/>
      <c r="E5775" s="55"/>
      <c r="F5775" s="74"/>
      <c r="G5775" s="74"/>
      <c r="H5775" s="74"/>
      <c r="I5775" s="75"/>
      <c r="J5775" s="74"/>
      <c r="L5775" s="55"/>
      <c r="M5775" s="234"/>
      <c r="N5775" s="65"/>
      <c r="O5775" s="76"/>
      <c r="P5775" s="76"/>
      <c r="Q5775" s="65"/>
      <c r="R5775" s="76"/>
      <c r="S5775" s="76"/>
      <c r="T5775" s="76"/>
      <c r="U5775" s="76"/>
      <c r="V5775" s="76"/>
      <c r="W5775" s="76"/>
      <c r="X5775" s="76"/>
      <c r="Y5775" s="76"/>
      <c r="Z5775" s="76"/>
      <c r="AA5775" s="85"/>
      <c r="AB5775" s="85"/>
      <c r="AC5775" s="85"/>
      <c r="AD5775" s="85"/>
      <c r="AE5775" s="85"/>
      <c r="AF5775" s="85"/>
      <c r="AG5775" s="86"/>
      <c r="AH5775" s="85"/>
      <c r="AI5775" s="85"/>
      <c r="AJ5775" s="85"/>
      <c r="AK5775" s="85"/>
      <c r="AL5775" s="85"/>
      <c r="AM5775" s="92"/>
      <c r="AN5775" s="92"/>
      <c r="AO5775" s="92"/>
      <c r="AP5775" s="92"/>
      <c r="AQ5775" s="92"/>
      <c r="AR5775" s="92"/>
      <c r="AS5775" s="92"/>
      <c r="AT5775" s="92"/>
      <c r="AU5775" s="92"/>
      <c r="AV5775" s="92"/>
      <c r="AW5775" s="92"/>
      <c r="AX5775" s="92"/>
      <c r="AY5775" s="92"/>
      <c r="AZ5775" s="93"/>
      <c r="BA5775" s="93"/>
      <c r="BB5775" s="93"/>
      <c r="BC5775" s="93"/>
      <c r="BD5775" s="93"/>
      <c r="BE5775" s="93"/>
      <c r="BF5775" s="93"/>
      <c r="BG5775" s="93"/>
      <c r="BH5775" s="93"/>
      <c r="BI5775" s="93"/>
      <c r="BJ5775" s="93"/>
      <c r="BK5775" s="93"/>
      <c r="BL5775" s="93"/>
    </row>
    <row r="5776" spans="2:64" x14ac:dyDescent="0.2">
      <c r="B5776" s="43"/>
      <c r="C5776" s="73"/>
      <c r="D5776" s="64"/>
      <c r="E5776" s="55"/>
      <c r="F5776" s="74"/>
      <c r="G5776" s="74"/>
      <c r="H5776" s="74"/>
      <c r="I5776" s="75"/>
      <c r="J5776" s="74"/>
      <c r="L5776" s="55"/>
      <c r="M5776" s="234"/>
      <c r="N5776" s="65"/>
      <c r="O5776" s="76"/>
      <c r="P5776" s="76"/>
      <c r="Q5776" s="65"/>
      <c r="R5776" s="76"/>
      <c r="S5776" s="76"/>
      <c r="T5776" s="76"/>
      <c r="U5776" s="76"/>
      <c r="V5776" s="76"/>
      <c r="W5776" s="76"/>
      <c r="X5776" s="76"/>
      <c r="Y5776" s="76"/>
      <c r="Z5776" s="76"/>
      <c r="AA5776" s="85"/>
      <c r="AB5776" s="85"/>
      <c r="AC5776" s="85"/>
      <c r="AD5776" s="85"/>
      <c r="AE5776" s="85"/>
      <c r="AF5776" s="85"/>
      <c r="AG5776" s="86"/>
      <c r="AH5776" s="85"/>
      <c r="AI5776" s="85"/>
      <c r="AJ5776" s="85"/>
      <c r="AK5776" s="85"/>
      <c r="AL5776" s="85"/>
      <c r="AM5776" s="92"/>
      <c r="AN5776" s="92"/>
      <c r="AO5776" s="92"/>
      <c r="AP5776" s="92"/>
      <c r="AQ5776" s="92"/>
      <c r="AR5776" s="92"/>
      <c r="AS5776" s="92"/>
      <c r="AT5776" s="92"/>
      <c r="AU5776" s="92"/>
      <c r="AV5776" s="92"/>
      <c r="AW5776" s="92"/>
      <c r="AX5776" s="92"/>
      <c r="AY5776" s="92"/>
      <c r="AZ5776" s="93"/>
      <c r="BA5776" s="93"/>
      <c r="BB5776" s="93"/>
      <c r="BC5776" s="93"/>
      <c r="BD5776" s="93"/>
      <c r="BE5776" s="93"/>
      <c r="BF5776" s="93"/>
      <c r="BG5776" s="93"/>
      <c r="BH5776" s="93"/>
      <c r="BI5776" s="93"/>
      <c r="BJ5776" s="93"/>
      <c r="BK5776" s="93"/>
      <c r="BL5776" s="93"/>
    </row>
    <row r="5777" spans="2:64" x14ac:dyDescent="0.2">
      <c r="B5777" s="43"/>
      <c r="C5777" s="73"/>
      <c r="D5777" s="64"/>
      <c r="E5777" s="55"/>
      <c r="F5777" s="74"/>
      <c r="G5777" s="74"/>
      <c r="H5777" s="74"/>
      <c r="I5777" s="75"/>
      <c r="J5777" s="74"/>
      <c r="L5777" s="55"/>
      <c r="M5777" s="234"/>
      <c r="N5777" s="65"/>
      <c r="O5777" s="76"/>
      <c r="P5777" s="76"/>
      <c r="Q5777" s="65"/>
      <c r="R5777" s="76"/>
      <c r="S5777" s="76"/>
      <c r="T5777" s="76"/>
      <c r="U5777" s="76"/>
      <c r="V5777" s="76"/>
      <c r="W5777" s="76"/>
      <c r="X5777" s="76"/>
      <c r="Y5777" s="76"/>
      <c r="Z5777" s="76"/>
      <c r="AA5777" s="85"/>
      <c r="AB5777" s="85"/>
      <c r="AC5777" s="85"/>
      <c r="AD5777" s="85"/>
      <c r="AE5777" s="85"/>
      <c r="AF5777" s="85"/>
      <c r="AG5777" s="86"/>
      <c r="AH5777" s="85"/>
      <c r="AI5777" s="85"/>
      <c r="AJ5777" s="85"/>
      <c r="AK5777" s="85"/>
      <c r="AL5777" s="85"/>
      <c r="AM5777" s="92"/>
      <c r="AN5777" s="92"/>
      <c r="AO5777" s="92"/>
      <c r="AP5777" s="92"/>
      <c r="AQ5777" s="92"/>
      <c r="AR5777" s="92"/>
      <c r="AS5777" s="92"/>
      <c r="AT5777" s="92"/>
      <c r="AU5777" s="92"/>
      <c r="AV5777" s="92"/>
      <c r="AW5777" s="92"/>
      <c r="AX5777" s="92"/>
      <c r="AY5777" s="92"/>
      <c r="AZ5777" s="93"/>
      <c r="BA5777" s="93"/>
      <c r="BB5777" s="93"/>
      <c r="BC5777" s="93"/>
      <c r="BD5777" s="93"/>
      <c r="BE5777" s="93"/>
      <c r="BF5777" s="93"/>
      <c r="BG5777" s="93"/>
      <c r="BH5777" s="93"/>
      <c r="BI5777" s="93"/>
      <c r="BJ5777" s="93"/>
      <c r="BK5777" s="93"/>
      <c r="BL5777" s="93"/>
    </row>
    <row r="5778" spans="2:64" x14ac:dyDescent="0.2">
      <c r="B5778" s="43"/>
      <c r="C5778" s="73"/>
      <c r="D5778" s="64"/>
      <c r="E5778" s="55"/>
      <c r="F5778" s="74"/>
      <c r="G5778" s="74"/>
      <c r="H5778" s="74"/>
      <c r="I5778" s="75"/>
      <c r="J5778" s="74"/>
      <c r="L5778" s="55"/>
      <c r="M5778" s="234"/>
      <c r="N5778" s="65"/>
      <c r="O5778" s="76"/>
      <c r="P5778" s="76"/>
      <c r="Q5778" s="65"/>
      <c r="R5778" s="76"/>
      <c r="S5778" s="76"/>
      <c r="T5778" s="76"/>
      <c r="U5778" s="76"/>
      <c r="V5778" s="76"/>
      <c r="W5778" s="76"/>
      <c r="X5778" s="76"/>
      <c r="Y5778" s="76"/>
      <c r="Z5778" s="76"/>
      <c r="AA5778" s="85"/>
      <c r="AB5778" s="85"/>
      <c r="AC5778" s="85"/>
      <c r="AD5778" s="85"/>
      <c r="AE5778" s="85"/>
      <c r="AF5778" s="85"/>
      <c r="AG5778" s="86"/>
      <c r="AH5778" s="85"/>
      <c r="AI5778" s="85"/>
      <c r="AJ5778" s="85"/>
      <c r="AK5778" s="85"/>
      <c r="AL5778" s="85"/>
      <c r="AM5778" s="92"/>
      <c r="AN5778" s="92"/>
      <c r="AO5778" s="92"/>
      <c r="AP5778" s="92"/>
      <c r="AQ5778" s="92"/>
      <c r="AR5778" s="92"/>
      <c r="AS5778" s="92"/>
      <c r="AT5778" s="92"/>
      <c r="AU5778" s="92"/>
      <c r="AV5778" s="92"/>
      <c r="AW5778" s="92"/>
      <c r="AX5778" s="92"/>
      <c r="AY5778" s="92"/>
      <c r="AZ5778" s="93"/>
      <c r="BA5778" s="93"/>
      <c r="BB5778" s="93"/>
      <c r="BC5778" s="93"/>
      <c r="BD5778" s="93"/>
      <c r="BE5778" s="93"/>
      <c r="BF5778" s="93"/>
      <c r="BG5778" s="93"/>
      <c r="BH5778" s="93"/>
      <c r="BI5778" s="93"/>
      <c r="BJ5778" s="93"/>
      <c r="BK5778" s="93"/>
      <c r="BL5778" s="93"/>
    </row>
    <row r="5779" spans="2:64" x14ac:dyDescent="0.2">
      <c r="B5779" s="43"/>
      <c r="C5779" s="73"/>
      <c r="D5779" s="64"/>
      <c r="E5779" s="55"/>
      <c r="F5779" s="74"/>
      <c r="G5779" s="74"/>
      <c r="H5779" s="74"/>
      <c r="I5779" s="75"/>
      <c r="J5779" s="74"/>
      <c r="L5779" s="55"/>
      <c r="M5779" s="234"/>
      <c r="N5779" s="65"/>
      <c r="O5779" s="76"/>
      <c r="P5779" s="76"/>
      <c r="Q5779" s="65"/>
      <c r="R5779" s="76"/>
      <c r="S5779" s="76"/>
      <c r="T5779" s="76"/>
      <c r="U5779" s="76"/>
      <c r="V5779" s="76"/>
      <c r="W5779" s="76"/>
      <c r="X5779" s="76"/>
      <c r="Y5779" s="76"/>
      <c r="Z5779" s="76"/>
      <c r="AA5779" s="85"/>
      <c r="AB5779" s="85"/>
      <c r="AC5779" s="85"/>
      <c r="AD5779" s="85"/>
      <c r="AE5779" s="85"/>
      <c r="AF5779" s="85"/>
      <c r="AG5779" s="86"/>
      <c r="AH5779" s="85"/>
      <c r="AI5779" s="85"/>
      <c r="AJ5779" s="85"/>
      <c r="AK5779" s="85"/>
      <c r="AL5779" s="85"/>
      <c r="AM5779" s="92"/>
      <c r="AN5779" s="92"/>
      <c r="AO5779" s="92"/>
      <c r="AP5779" s="92"/>
      <c r="AQ5779" s="92"/>
      <c r="AR5779" s="92"/>
      <c r="AS5779" s="92"/>
      <c r="AT5779" s="92"/>
      <c r="AU5779" s="92"/>
      <c r="AV5779" s="92"/>
      <c r="AW5779" s="92"/>
      <c r="AX5779" s="92"/>
      <c r="AY5779" s="92"/>
      <c r="AZ5779" s="93"/>
      <c r="BA5779" s="93"/>
      <c r="BB5779" s="93"/>
      <c r="BC5779" s="93"/>
      <c r="BD5779" s="93"/>
      <c r="BE5779" s="93"/>
      <c r="BF5779" s="93"/>
      <c r="BG5779" s="93"/>
      <c r="BH5779" s="93"/>
      <c r="BI5779" s="93"/>
      <c r="BJ5779" s="93"/>
      <c r="BK5779" s="93"/>
      <c r="BL5779" s="93"/>
    </row>
    <row r="5780" spans="2:64" x14ac:dyDescent="0.2">
      <c r="B5780" s="43"/>
      <c r="C5780" s="73"/>
      <c r="D5780" s="64"/>
      <c r="E5780" s="55"/>
      <c r="F5780" s="74"/>
      <c r="G5780" s="74"/>
      <c r="H5780" s="74"/>
      <c r="I5780" s="75"/>
      <c r="J5780" s="74"/>
      <c r="L5780" s="55"/>
      <c r="M5780" s="234"/>
      <c r="N5780" s="65"/>
      <c r="O5780" s="76"/>
      <c r="P5780" s="76"/>
      <c r="Q5780" s="65"/>
      <c r="R5780" s="76"/>
      <c r="S5780" s="76"/>
      <c r="T5780" s="76"/>
      <c r="U5780" s="76"/>
      <c r="V5780" s="76"/>
      <c r="W5780" s="76"/>
      <c r="X5780" s="76"/>
      <c r="Y5780" s="76"/>
      <c r="Z5780" s="76"/>
      <c r="AA5780" s="85"/>
      <c r="AB5780" s="85"/>
      <c r="AC5780" s="85"/>
      <c r="AD5780" s="85"/>
      <c r="AE5780" s="85"/>
      <c r="AF5780" s="85"/>
      <c r="AG5780" s="86"/>
      <c r="AH5780" s="85"/>
      <c r="AI5780" s="85"/>
      <c r="AJ5780" s="85"/>
      <c r="AK5780" s="85"/>
      <c r="AL5780" s="85"/>
      <c r="AM5780" s="92"/>
      <c r="AN5780" s="92"/>
      <c r="AO5780" s="92"/>
      <c r="AP5780" s="92"/>
      <c r="AQ5780" s="92"/>
      <c r="AR5780" s="92"/>
      <c r="AS5780" s="92"/>
      <c r="AT5780" s="92"/>
      <c r="AU5780" s="92"/>
      <c r="AV5780" s="92"/>
      <c r="AW5780" s="92"/>
      <c r="AX5780" s="92"/>
      <c r="AY5780" s="92"/>
      <c r="AZ5780" s="93"/>
      <c r="BA5780" s="93"/>
      <c r="BB5780" s="93"/>
      <c r="BC5780" s="93"/>
      <c r="BD5780" s="93"/>
      <c r="BE5780" s="93"/>
      <c r="BF5780" s="93"/>
      <c r="BG5780" s="93"/>
      <c r="BH5780" s="93"/>
      <c r="BI5780" s="93"/>
      <c r="BJ5780" s="93"/>
      <c r="BK5780" s="93"/>
      <c r="BL5780" s="93"/>
    </row>
    <row r="5781" spans="2:64" x14ac:dyDescent="0.2">
      <c r="B5781" s="43"/>
      <c r="C5781" s="73"/>
      <c r="D5781" s="64"/>
      <c r="E5781" s="55"/>
      <c r="F5781" s="74"/>
      <c r="G5781" s="74"/>
      <c r="H5781" s="74"/>
      <c r="I5781" s="75"/>
      <c r="J5781" s="74"/>
      <c r="L5781" s="55"/>
      <c r="M5781" s="234"/>
      <c r="N5781" s="65"/>
      <c r="O5781" s="76"/>
      <c r="P5781" s="76"/>
      <c r="Q5781" s="65"/>
      <c r="R5781" s="76"/>
      <c r="S5781" s="76"/>
      <c r="T5781" s="76"/>
      <c r="U5781" s="76"/>
      <c r="V5781" s="76"/>
      <c r="W5781" s="76"/>
      <c r="X5781" s="76"/>
      <c r="Y5781" s="76"/>
      <c r="Z5781" s="76"/>
      <c r="AA5781" s="85"/>
      <c r="AB5781" s="85"/>
      <c r="AC5781" s="85"/>
      <c r="AD5781" s="85"/>
      <c r="AE5781" s="85"/>
      <c r="AF5781" s="85"/>
      <c r="AG5781" s="86"/>
      <c r="AH5781" s="85"/>
      <c r="AI5781" s="85"/>
      <c r="AJ5781" s="85"/>
      <c r="AK5781" s="85"/>
      <c r="AL5781" s="85"/>
      <c r="AM5781" s="92"/>
      <c r="AN5781" s="92"/>
      <c r="AO5781" s="92"/>
      <c r="AP5781" s="92"/>
      <c r="AQ5781" s="92"/>
      <c r="AR5781" s="92"/>
      <c r="AS5781" s="92"/>
      <c r="AT5781" s="92"/>
      <c r="AU5781" s="92"/>
      <c r="AV5781" s="92"/>
      <c r="AW5781" s="92"/>
      <c r="AX5781" s="92"/>
      <c r="AY5781" s="92"/>
      <c r="AZ5781" s="93"/>
      <c r="BA5781" s="93"/>
      <c r="BB5781" s="93"/>
      <c r="BC5781" s="93"/>
      <c r="BD5781" s="93"/>
      <c r="BE5781" s="93"/>
      <c r="BF5781" s="93"/>
      <c r="BG5781" s="93"/>
      <c r="BH5781" s="93"/>
      <c r="BI5781" s="93"/>
      <c r="BJ5781" s="93"/>
      <c r="BK5781" s="93"/>
      <c r="BL5781" s="93"/>
    </row>
    <row r="5782" spans="2:64" x14ac:dyDescent="0.2">
      <c r="B5782" s="43"/>
      <c r="C5782" s="73"/>
      <c r="D5782" s="64"/>
      <c r="E5782" s="55"/>
      <c r="F5782" s="74"/>
      <c r="G5782" s="74"/>
      <c r="H5782" s="74"/>
      <c r="I5782" s="75"/>
      <c r="J5782" s="74"/>
      <c r="L5782" s="55"/>
      <c r="M5782" s="234"/>
      <c r="N5782" s="65"/>
      <c r="O5782" s="76"/>
      <c r="P5782" s="76"/>
      <c r="Q5782" s="65"/>
      <c r="R5782" s="76"/>
      <c r="S5782" s="76"/>
      <c r="T5782" s="76"/>
      <c r="U5782" s="76"/>
      <c r="V5782" s="76"/>
      <c r="W5782" s="76"/>
      <c r="X5782" s="76"/>
      <c r="Y5782" s="76"/>
      <c r="Z5782" s="76"/>
      <c r="AA5782" s="85"/>
      <c r="AB5782" s="85"/>
      <c r="AC5782" s="85"/>
      <c r="AD5782" s="85"/>
      <c r="AE5782" s="85"/>
      <c r="AF5782" s="85"/>
      <c r="AG5782" s="86"/>
      <c r="AH5782" s="85"/>
      <c r="AI5782" s="85"/>
      <c r="AJ5782" s="85"/>
      <c r="AK5782" s="85"/>
      <c r="AL5782" s="85"/>
      <c r="AM5782" s="92"/>
      <c r="AN5782" s="92"/>
      <c r="AO5782" s="92"/>
      <c r="AP5782" s="92"/>
      <c r="AQ5782" s="92"/>
      <c r="AR5782" s="92"/>
      <c r="AS5782" s="92"/>
      <c r="AT5782" s="92"/>
      <c r="AU5782" s="92"/>
      <c r="AV5782" s="92"/>
      <c r="AW5782" s="92"/>
      <c r="AX5782" s="92"/>
      <c r="AY5782" s="92"/>
      <c r="AZ5782" s="93"/>
      <c r="BA5782" s="93"/>
      <c r="BB5782" s="93"/>
      <c r="BC5782" s="93"/>
      <c r="BD5782" s="93"/>
      <c r="BE5782" s="93"/>
      <c r="BF5782" s="93"/>
      <c r="BG5782" s="93"/>
      <c r="BH5782" s="93"/>
      <c r="BI5782" s="93"/>
      <c r="BJ5782" s="93"/>
      <c r="BK5782" s="93"/>
      <c r="BL5782" s="93"/>
    </row>
    <row r="5783" spans="2:64" x14ac:dyDescent="0.2">
      <c r="B5783" s="43"/>
      <c r="C5783" s="73"/>
      <c r="D5783" s="64"/>
      <c r="E5783" s="55"/>
      <c r="F5783" s="74"/>
      <c r="G5783" s="74"/>
      <c r="H5783" s="74"/>
      <c r="I5783" s="75"/>
      <c r="J5783" s="74"/>
      <c r="L5783" s="55"/>
      <c r="M5783" s="234"/>
      <c r="N5783" s="65"/>
      <c r="O5783" s="76"/>
      <c r="P5783" s="76"/>
      <c r="Q5783" s="65"/>
      <c r="R5783" s="76"/>
      <c r="S5783" s="76"/>
      <c r="T5783" s="76"/>
      <c r="U5783" s="76"/>
      <c r="V5783" s="76"/>
      <c r="W5783" s="76"/>
      <c r="X5783" s="76"/>
      <c r="Y5783" s="76"/>
      <c r="Z5783" s="76"/>
      <c r="AA5783" s="85"/>
      <c r="AB5783" s="85"/>
      <c r="AC5783" s="85"/>
      <c r="AD5783" s="85"/>
      <c r="AE5783" s="85"/>
      <c r="AF5783" s="85"/>
      <c r="AG5783" s="86"/>
      <c r="AH5783" s="85"/>
      <c r="AI5783" s="85"/>
      <c r="AJ5783" s="85"/>
      <c r="AK5783" s="85"/>
      <c r="AL5783" s="85"/>
      <c r="AM5783" s="92"/>
      <c r="AN5783" s="92"/>
      <c r="AO5783" s="92"/>
      <c r="AP5783" s="92"/>
      <c r="AQ5783" s="92"/>
      <c r="AR5783" s="92"/>
      <c r="AS5783" s="92"/>
      <c r="AT5783" s="92"/>
      <c r="AU5783" s="92"/>
      <c r="AV5783" s="92"/>
      <c r="AW5783" s="92"/>
      <c r="AX5783" s="92"/>
      <c r="AY5783" s="92"/>
      <c r="AZ5783" s="93"/>
      <c r="BA5783" s="93"/>
      <c r="BB5783" s="93"/>
      <c r="BC5783" s="93"/>
      <c r="BD5783" s="93"/>
      <c r="BE5783" s="93"/>
      <c r="BF5783" s="93"/>
      <c r="BG5783" s="93"/>
      <c r="BH5783" s="93"/>
      <c r="BI5783" s="93"/>
      <c r="BJ5783" s="93"/>
      <c r="BK5783" s="93"/>
      <c r="BL5783" s="93"/>
    </row>
    <row r="5784" spans="2:64" x14ac:dyDescent="0.2">
      <c r="B5784" s="43"/>
      <c r="C5784" s="73"/>
      <c r="D5784" s="64"/>
      <c r="E5784" s="55"/>
      <c r="F5784" s="74"/>
      <c r="G5784" s="74"/>
      <c r="H5784" s="74"/>
      <c r="I5784" s="75"/>
      <c r="J5784" s="74"/>
      <c r="L5784" s="55"/>
      <c r="M5784" s="234"/>
      <c r="N5784" s="65"/>
      <c r="O5784" s="76"/>
      <c r="P5784" s="76"/>
      <c r="Q5784" s="65"/>
      <c r="R5784" s="76"/>
      <c r="S5784" s="76"/>
      <c r="T5784" s="76"/>
      <c r="U5784" s="76"/>
      <c r="V5784" s="76"/>
      <c r="W5784" s="76"/>
      <c r="X5784" s="76"/>
      <c r="Y5784" s="76"/>
      <c r="Z5784" s="76"/>
      <c r="AA5784" s="85"/>
      <c r="AB5784" s="85"/>
      <c r="AC5784" s="85"/>
      <c r="AD5784" s="85"/>
      <c r="AE5784" s="85"/>
      <c r="AF5784" s="85"/>
      <c r="AG5784" s="86"/>
      <c r="AH5784" s="85"/>
      <c r="AI5784" s="85"/>
      <c r="AJ5784" s="85"/>
      <c r="AK5784" s="85"/>
      <c r="AL5784" s="85"/>
      <c r="AM5784" s="92"/>
      <c r="AN5784" s="92"/>
      <c r="AO5784" s="92"/>
      <c r="AP5784" s="92"/>
      <c r="AQ5784" s="92"/>
      <c r="AR5784" s="92"/>
      <c r="AS5784" s="92"/>
      <c r="AT5784" s="92"/>
      <c r="AU5784" s="92"/>
      <c r="AV5784" s="92"/>
      <c r="AW5784" s="92"/>
      <c r="AX5784" s="92"/>
      <c r="AY5784" s="92"/>
      <c r="AZ5784" s="93"/>
      <c r="BA5784" s="93"/>
      <c r="BB5784" s="93"/>
      <c r="BC5784" s="93"/>
      <c r="BD5784" s="93"/>
      <c r="BE5784" s="93"/>
      <c r="BF5784" s="93"/>
      <c r="BG5784" s="93"/>
      <c r="BH5784" s="93"/>
      <c r="BI5784" s="93"/>
      <c r="BJ5784" s="93"/>
      <c r="BK5784" s="93"/>
      <c r="BL5784" s="93"/>
    </row>
    <row r="5785" spans="2:64" x14ac:dyDescent="0.2">
      <c r="B5785" s="43"/>
      <c r="C5785" s="73"/>
      <c r="D5785" s="64"/>
      <c r="E5785" s="55"/>
      <c r="F5785" s="74"/>
      <c r="G5785" s="74"/>
      <c r="H5785" s="74"/>
      <c r="I5785" s="75"/>
      <c r="J5785" s="74"/>
      <c r="L5785" s="55"/>
      <c r="M5785" s="234"/>
      <c r="N5785" s="65"/>
      <c r="O5785" s="76"/>
      <c r="P5785" s="76"/>
      <c r="Q5785" s="65"/>
      <c r="R5785" s="76"/>
      <c r="S5785" s="76"/>
      <c r="T5785" s="76"/>
      <c r="U5785" s="76"/>
      <c r="V5785" s="76"/>
      <c r="W5785" s="76"/>
      <c r="X5785" s="76"/>
      <c r="Y5785" s="76"/>
      <c r="Z5785" s="76"/>
      <c r="AA5785" s="85"/>
      <c r="AB5785" s="85"/>
      <c r="AC5785" s="85"/>
      <c r="AD5785" s="85"/>
      <c r="AE5785" s="85"/>
      <c r="AF5785" s="85"/>
      <c r="AG5785" s="86"/>
      <c r="AH5785" s="85"/>
      <c r="AI5785" s="85"/>
      <c r="AJ5785" s="85"/>
      <c r="AK5785" s="85"/>
      <c r="AL5785" s="85"/>
      <c r="AM5785" s="92"/>
      <c r="AN5785" s="92"/>
      <c r="AO5785" s="92"/>
      <c r="AP5785" s="92"/>
      <c r="AQ5785" s="92"/>
      <c r="AR5785" s="92"/>
      <c r="AS5785" s="92"/>
      <c r="AT5785" s="92"/>
      <c r="AU5785" s="92"/>
      <c r="AV5785" s="92"/>
      <c r="AW5785" s="92"/>
      <c r="AX5785" s="92"/>
      <c r="AY5785" s="92"/>
      <c r="AZ5785" s="93"/>
      <c r="BA5785" s="93"/>
      <c r="BB5785" s="93"/>
      <c r="BC5785" s="93"/>
      <c r="BD5785" s="93"/>
      <c r="BE5785" s="93"/>
      <c r="BF5785" s="93"/>
      <c r="BG5785" s="93"/>
      <c r="BH5785" s="93"/>
      <c r="BI5785" s="93"/>
      <c r="BJ5785" s="93"/>
      <c r="BK5785" s="93"/>
      <c r="BL5785" s="93"/>
    </row>
    <row r="5786" spans="2:64" x14ac:dyDescent="0.2">
      <c r="B5786" s="43"/>
      <c r="C5786" s="73"/>
      <c r="D5786" s="64"/>
      <c r="E5786" s="55"/>
      <c r="F5786" s="74"/>
      <c r="G5786" s="74"/>
      <c r="H5786" s="74"/>
      <c r="I5786" s="75"/>
      <c r="J5786" s="74"/>
      <c r="L5786" s="55"/>
      <c r="M5786" s="234"/>
      <c r="N5786" s="65"/>
      <c r="O5786" s="76"/>
      <c r="P5786" s="76"/>
      <c r="Q5786" s="65"/>
      <c r="R5786" s="76"/>
      <c r="S5786" s="76"/>
      <c r="T5786" s="76"/>
      <c r="U5786" s="76"/>
      <c r="V5786" s="76"/>
      <c r="W5786" s="76"/>
      <c r="X5786" s="76"/>
      <c r="Y5786" s="76"/>
      <c r="Z5786" s="76"/>
      <c r="AA5786" s="85"/>
      <c r="AB5786" s="85"/>
      <c r="AC5786" s="85"/>
      <c r="AD5786" s="85"/>
      <c r="AE5786" s="85"/>
      <c r="AF5786" s="85"/>
      <c r="AG5786" s="86"/>
      <c r="AH5786" s="85"/>
      <c r="AI5786" s="85"/>
      <c r="AJ5786" s="85"/>
      <c r="AK5786" s="85"/>
      <c r="AL5786" s="85"/>
      <c r="AM5786" s="92"/>
      <c r="AN5786" s="92"/>
      <c r="AO5786" s="92"/>
      <c r="AP5786" s="92"/>
      <c r="AQ5786" s="92"/>
      <c r="AR5786" s="92"/>
      <c r="AS5786" s="92"/>
      <c r="AT5786" s="92"/>
      <c r="AU5786" s="92"/>
      <c r="AV5786" s="92"/>
      <c r="AW5786" s="92"/>
      <c r="AX5786" s="92"/>
      <c r="AY5786" s="92"/>
      <c r="AZ5786" s="93"/>
      <c r="BA5786" s="93"/>
      <c r="BB5786" s="93"/>
      <c r="BC5786" s="93"/>
      <c r="BD5786" s="93"/>
      <c r="BE5786" s="93"/>
      <c r="BF5786" s="93"/>
      <c r="BG5786" s="93"/>
      <c r="BH5786" s="93"/>
      <c r="BI5786" s="93"/>
      <c r="BJ5786" s="93"/>
      <c r="BK5786" s="93"/>
      <c r="BL5786" s="93"/>
    </row>
    <row r="5787" spans="2:64" x14ac:dyDescent="0.2">
      <c r="B5787" s="43"/>
      <c r="C5787" s="73"/>
      <c r="D5787" s="64"/>
      <c r="E5787" s="55"/>
      <c r="F5787" s="74"/>
      <c r="G5787" s="74"/>
      <c r="H5787" s="74"/>
      <c r="I5787" s="75"/>
      <c r="J5787" s="74"/>
      <c r="L5787" s="55"/>
      <c r="M5787" s="234"/>
      <c r="N5787" s="65"/>
      <c r="O5787" s="76"/>
      <c r="P5787" s="76"/>
      <c r="Q5787" s="65"/>
      <c r="R5787" s="76"/>
      <c r="S5787" s="76"/>
      <c r="T5787" s="76"/>
      <c r="U5787" s="76"/>
      <c r="V5787" s="76"/>
      <c r="W5787" s="76"/>
      <c r="X5787" s="76"/>
      <c r="Y5787" s="76"/>
      <c r="Z5787" s="76"/>
      <c r="AA5787" s="85"/>
      <c r="AB5787" s="85"/>
      <c r="AC5787" s="85"/>
      <c r="AD5787" s="85"/>
      <c r="AE5787" s="85"/>
      <c r="AF5787" s="85"/>
      <c r="AG5787" s="86"/>
      <c r="AH5787" s="85"/>
      <c r="AI5787" s="85"/>
      <c r="AJ5787" s="85"/>
      <c r="AK5787" s="85"/>
      <c r="AL5787" s="85"/>
      <c r="AM5787" s="92"/>
      <c r="AN5787" s="92"/>
      <c r="AO5787" s="92"/>
      <c r="AP5787" s="92"/>
      <c r="AQ5787" s="92"/>
      <c r="AR5787" s="92"/>
      <c r="AS5787" s="92"/>
      <c r="AT5787" s="92"/>
      <c r="AU5787" s="92"/>
      <c r="AV5787" s="92"/>
      <c r="AW5787" s="92"/>
      <c r="AX5787" s="92"/>
      <c r="AY5787" s="92"/>
      <c r="AZ5787" s="93"/>
      <c r="BA5787" s="93"/>
      <c r="BB5787" s="93"/>
      <c r="BC5787" s="93"/>
      <c r="BD5787" s="93"/>
      <c r="BE5787" s="93"/>
      <c r="BF5787" s="93"/>
      <c r="BG5787" s="93"/>
      <c r="BH5787" s="93"/>
      <c r="BI5787" s="93"/>
      <c r="BJ5787" s="93"/>
      <c r="BK5787" s="93"/>
      <c r="BL5787" s="93"/>
    </row>
    <row r="5788" spans="2:64" x14ac:dyDescent="0.2">
      <c r="B5788" s="43"/>
      <c r="C5788" s="73"/>
      <c r="D5788" s="64"/>
      <c r="E5788" s="55"/>
      <c r="F5788" s="74"/>
      <c r="G5788" s="74"/>
      <c r="H5788" s="74"/>
      <c r="I5788" s="75"/>
      <c r="J5788" s="74"/>
      <c r="L5788" s="55"/>
      <c r="M5788" s="234"/>
      <c r="N5788" s="65"/>
      <c r="O5788" s="76"/>
      <c r="P5788" s="76"/>
      <c r="Q5788" s="65"/>
      <c r="R5788" s="76"/>
      <c r="S5788" s="76"/>
      <c r="T5788" s="76"/>
      <c r="U5788" s="76"/>
      <c r="V5788" s="76"/>
      <c r="W5788" s="76"/>
      <c r="X5788" s="76"/>
      <c r="Y5788" s="76"/>
      <c r="Z5788" s="76"/>
      <c r="AA5788" s="85"/>
      <c r="AB5788" s="85"/>
      <c r="AC5788" s="85"/>
      <c r="AD5788" s="85"/>
      <c r="AE5788" s="85"/>
      <c r="AF5788" s="85"/>
      <c r="AG5788" s="86"/>
      <c r="AH5788" s="85"/>
      <c r="AI5788" s="85"/>
      <c r="AJ5788" s="85"/>
      <c r="AK5788" s="85"/>
      <c r="AL5788" s="85"/>
      <c r="AM5788" s="92"/>
      <c r="AN5788" s="92"/>
      <c r="AO5788" s="92"/>
      <c r="AP5788" s="92"/>
      <c r="AQ5788" s="92"/>
      <c r="AR5788" s="92"/>
      <c r="AS5788" s="92"/>
      <c r="AT5788" s="92"/>
      <c r="AU5788" s="92"/>
      <c r="AV5788" s="92"/>
      <c r="AW5788" s="92"/>
      <c r="AX5788" s="92"/>
      <c r="AY5788" s="92"/>
      <c r="AZ5788" s="93"/>
      <c r="BA5788" s="93"/>
      <c r="BB5788" s="93"/>
      <c r="BC5788" s="93"/>
      <c r="BD5788" s="93"/>
      <c r="BE5788" s="93"/>
      <c r="BF5788" s="93"/>
      <c r="BG5788" s="93"/>
      <c r="BH5788" s="93"/>
      <c r="BI5788" s="93"/>
      <c r="BJ5788" s="93"/>
      <c r="BK5788" s="93"/>
      <c r="BL5788" s="93"/>
    </row>
    <row r="5789" spans="2:64" x14ac:dyDescent="0.2">
      <c r="B5789" s="43"/>
      <c r="C5789" s="73"/>
      <c r="D5789" s="64"/>
      <c r="E5789" s="55"/>
      <c r="F5789" s="74"/>
      <c r="G5789" s="74"/>
      <c r="H5789" s="74"/>
      <c r="I5789" s="75"/>
      <c r="J5789" s="74"/>
      <c r="L5789" s="55"/>
      <c r="M5789" s="234"/>
      <c r="N5789" s="65"/>
      <c r="O5789" s="76"/>
      <c r="P5789" s="76"/>
      <c r="Q5789" s="65"/>
      <c r="R5789" s="76"/>
      <c r="S5789" s="76"/>
      <c r="T5789" s="76"/>
      <c r="U5789" s="76"/>
      <c r="V5789" s="76"/>
      <c r="W5789" s="76"/>
      <c r="X5789" s="76"/>
      <c r="Y5789" s="76"/>
      <c r="Z5789" s="76"/>
      <c r="AA5789" s="85"/>
      <c r="AB5789" s="85"/>
      <c r="AC5789" s="85"/>
      <c r="AD5789" s="85"/>
      <c r="AE5789" s="85"/>
      <c r="AF5789" s="85"/>
      <c r="AG5789" s="86"/>
      <c r="AH5789" s="85"/>
      <c r="AI5789" s="85"/>
      <c r="AJ5789" s="85"/>
      <c r="AK5789" s="85"/>
      <c r="AL5789" s="85"/>
      <c r="AM5789" s="92"/>
      <c r="AN5789" s="92"/>
      <c r="AO5789" s="92"/>
      <c r="AP5789" s="92"/>
      <c r="AQ5789" s="92"/>
      <c r="AR5789" s="92"/>
      <c r="AS5789" s="92"/>
      <c r="AT5789" s="92"/>
      <c r="AU5789" s="92"/>
      <c r="AV5789" s="92"/>
      <c r="AW5789" s="92"/>
      <c r="AX5789" s="92"/>
      <c r="AY5789" s="92"/>
      <c r="AZ5789" s="93"/>
      <c r="BA5789" s="93"/>
      <c r="BB5789" s="93"/>
      <c r="BC5789" s="93"/>
      <c r="BD5789" s="93"/>
      <c r="BE5789" s="93"/>
      <c r="BF5789" s="93"/>
      <c r="BG5789" s="93"/>
      <c r="BH5789" s="93"/>
      <c r="BI5789" s="93"/>
      <c r="BJ5789" s="93"/>
      <c r="BK5789" s="93"/>
      <c r="BL5789" s="93"/>
    </row>
    <row r="5790" spans="2:64" x14ac:dyDescent="0.2">
      <c r="B5790" s="43"/>
      <c r="C5790" s="73"/>
      <c r="D5790" s="64"/>
      <c r="E5790" s="55"/>
      <c r="F5790" s="74"/>
      <c r="G5790" s="74"/>
      <c r="H5790" s="74"/>
      <c r="I5790" s="75"/>
      <c r="J5790" s="74"/>
      <c r="L5790" s="55"/>
      <c r="M5790" s="234"/>
      <c r="N5790" s="65"/>
      <c r="O5790" s="76"/>
      <c r="P5790" s="76"/>
      <c r="Q5790" s="65"/>
      <c r="R5790" s="76"/>
      <c r="S5790" s="76"/>
      <c r="T5790" s="76"/>
      <c r="U5790" s="76"/>
      <c r="V5790" s="76"/>
      <c r="W5790" s="76"/>
      <c r="X5790" s="76"/>
      <c r="Y5790" s="76"/>
      <c r="Z5790" s="76"/>
      <c r="AA5790" s="85"/>
      <c r="AB5790" s="85"/>
      <c r="AC5790" s="85"/>
      <c r="AD5790" s="85"/>
      <c r="AE5790" s="85"/>
      <c r="AF5790" s="85"/>
      <c r="AG5790" s="86"/>
      <c r="AH5790" s="85"/>
      <c r="AI5790" s="85"/>
      <c r="AJ5790" s="85"/>
      <c r="AK5790" s="85"/>
      <c r="AL5790" s="85"/>
      <c r="AM5790" s="92"/>
      <c r="AN5790" s="92"/>
      <c r="AO5790" s="92"/>
      <c r="AP5790" s="92"/>
      <c r="AQ5790" s="92"/>
      <c r="AR5790" s="92"/>
      <c r="AS5790" s="92"/>
      <c r="AT5790" s="92"/>
      <c r="AU5790" s="92"/>
      <c r="AV5790" s="92"/>
      <c r="AW5790" s="92"/>
      <c r="AX5790" s="92"/>
      <c r="AY5790" s="92"/>
      <c r="AZ5790" s="93"/>
      <c r="BA5790" s="93"/>
      <c r="BB5790" s="93"/>
      <c r="BC5790" s="93"/>
      <c r="BD5790" s="93"/>
      <c r="BE5790" s="93"/>
      <c r="BF5790" s="93"/>
      <c r="BG5790" s="93"/>
      <c r="BH5790" s="93"/>
      <c r="BI5790" s="93"/>
      <c r="BJ5790" s="93"/>
      <c r="BK5790" s="93"/>
      <c r="BL5790" s="93"/>
    </row>
    <row r="5791" spans="2:64" x14ac:dyDescent="0.2">
      <c r="B5791" s="43"/>
      <c r="C5791" s="73"/>
      <c r="D5791" s="64"/>
      <c r="E5791" s="55"/>
      <c r="F5791" s="74"/>
      <c r="G5791" s="74"/>
      <c r="H5791" s="74"/>
      <c r="I5791" s="75"/>
      <c r="J5791" s="74"/>
      <c r="L5791" s="55"/>
      <c r="M5791" s="234"/>
      <c r="N5791" s="65"/>
      <c r="O5791" s="76"/>
      <c r="P5791" s="76"/>
      <c r="Q5791" s="65"/>
      <c r="R5791" s="76"/>
      <c r="S5791" s="76"/>
      <c r="T5791" s="76"/>
      <c r="U5791" s="76"/>
      <c r="V5791" s="76"/>
      <c r="W5791" s="76"/>
      <c r="X5791" s="76"/>
      <c r="Y5791" s="76"/>
      <c r="Z5791" s="76"/>
      <c r="AA5791" s="85"/>
      <c r="AB5791" s="85"/>
      <c r="AC5791" s="85"/>
      <c r="AD5791" s="85"/>
      <c r="AE5791" s="85"/>
      <c r="AF5791" s="85"/>
      <c r="AG5791" s="86"/>
      <c r="AH5791" s="85"/>
      <c r="AI5791" s="85"/>
      <c r="AJ5791" s="85"/>
      <c r="AK5791" s="85"/>
      <c r="AL5791" s="85"/>
      <c r="AM5791" s="92"/>
      <c r="AN5791" s="92"/>
      <c r="AO5791" s="92"/>
      <c r="AP5791" s="92"/>
      <c r="AQ5791" s="92"/>
      <c r="AR5791" s="92"/>
      <c r="AS5791" s="92"/>
      <c r="AT5791" s="92"/>
      <c r="AU5791" s="92"/>
      <c r="AV5791" s="92"/>
      <c r="AW5791" s="92"/>
      <c r="AX5791" s="92"/>
      <c r="AY5791" s="92"/>
      <c r="AZ5791" s="93"/>
      <c r="BA5791" s="93"/>
      <c r="BB5791" s="93"/>
      <c r="BC5791" s="93"/>
      <c r="BD5791" s="93"/>
      <c r="BE5791" s="93"/>
      <c r="BF5791" s="93"/>
      <c r="BG5791" s="93"/>
      <c r="BH5791" s="93"/>
      <c r="BI5791" s="93"/>
      <c r="BJ5791" s="93"/>
      <c r="BK5791" s="93"/>
      <c r="BL5791" s="93"/>
    </row>
    <row r="5792" spans="2:64" x14ac:dyDescent="0.2">
      <c r="B5792" s="43"/>
      <c r="C5792" s="73"/>
      <c r="D5792" s="64"/>
      <c r="E5792" s="55"/>
      <c r="F5792" s="74"/>
      <c r="G5792" s="74"/>
      <c r="H5792" s="74"/>
      <c r="I5792" s="75"/>
      <c r="J5792" s="74"/>
      <c r="L5792" s="55"/>
      <c r="M5792" s="234"/>
      <c r="N5792" s="65"/>
      <c r="O5792" s="76"/>
      <c r="P5792" s="76"/>
      <c r="Q5792" s="65"/>
      <c r="R5792" s="76"/>
      <c r="S5792" s="76"/>
      <c r="T5792" s="76"/>
      <c r="U5792" s="76"/>
      <c r="V5792" s="76"/>
      <c r="W5792" s="76"/>
      <c r="X5792" s="76"/>
      <c r="Y5792" s="76"/>
      <c r="Z5792" s="76"/>
      <c r="AA5792" s="85"/>
      <c r="AB5792" s="85"/>
      <c r="AC5792" s="85"/>
      <c r="AD5792" s="85"/>
      <c r="AE5792" s="85"/>
      <c r="AF5792" s="85"/>
      <c r="AG5792" s="86"/>
      <c r="AH5792" s="85"/>
      <c r="AI5792" s="85"/>
      <c r="AJ5792" s="85"/>
      <c r="AK5792" s="85"/>
      <c r="AL5792" s="85"/>
      <c r="AM5792" s="92"/>
      <c r="AN5792" s="92"/>
      <c r="AO5792" s="92"/>
      <c r="AP5792" s="92"/>
      <c r="AQ5792" s="92"/>
      <c r="AR5792" s="92"/>
      <c r="AS5792" s="92"/>
      <c r="AT5792" s="92"/>
      <c r="AU5792" s="92"/>
      <c r="AV5792" s="92"/>
      <c r="AW5792" s="92"/>
      <c r="AX5792" s="92"/>
      <c r="AY5792" s="92"/>
      <c r="AZ5792" s="93"/>
      <c r="BA5792" s="93"/>
      <c r="BB5792" s="93"/>
      <c r="BC5792" s="93"/>
      <c r="BD5792" s="93"/>
      <c r="BE5792" s="93"/>
      <c r="BF5792" s="93"/>
      <c r="BG5792" s="93"/>
      <c r="BH5792" s="93"/>
      <c r="BI5792" s="93"/>
      <c r="BJ5792" s="93"/>
      <c r="BK5792" s="93"/>
      <c r="BL5792" s="93"/>
    </row>
    <row r="5793" spans="2:64" x14ac:dyDescent="0.2">
      <c r="B5793" s="43"/>
      <c r="C5793" s="73"/>
      <c r="D5793" s="64"/>
      <c r="E5793" s="55"/>
      <c r="F5793" s="74"/>
      <c r="G5793" s="74"/>
      <c r="H5793" s="74"/>
      <c r="I5793" s="75"/>
      <c r="J5793" s="74"/>
      <c r="L5793" s="55"/>
      <c r="M5793" s="234"/>
      <c r="N5793" s="65"/>
      <c r="O5793" s="76"/>
      <c r="P5793" s="76"/>
      <c r="Q5793" s="65"/>
      <c r="R5793" s="76"/>
      <c r="S5793" s="76"/>
      <c r="T5793" s="76"/>
      <c r="U5793" s="76"/>
      <c r="V5793" s="76"/>
      <c r="W5793" s="76"/>
      <c r="X5793" s="76"/>
      <c r="Y5793" s="76"/>
      <c r="Z5793" s="76"/>
      <c r="AA5793" s="85"/>
      <c r="AB5793" s="85"/>
      <c r="AC5793" s="85"/>
      <c r="AD5793" s="85"/>
      <c r="AE5793" s="85"/>
      <c r="AF5793" s="85"/>
      <c r="AG5793" s="86"/>
      <c r="AH5793" s="85"/>
      <c r="AI5793" s="85"/>
      <c r="AJ5793" s="85"/>
      <c r="AK5793" s="85"/>
      <c r="AL5793" s="85"/>
      <c r="AM5793" s="92"/>
      <c r="AN5793" s="92"/>
      <c r="AO5793" s="92"/>
      <c r="AP5793" s="92"/>
      <c r="AQ5793" s="92"/>
      <c r="AR5793" s="92"/>
      <c r="AS5793" s="92"/>
      <c r="AT5793" s="92"/>
      <c r="AU5793" s="92"/>
      <c r="AV5793" s="92"/>
      <c r="AW5793" s="92"/>
      <c r="AX5793" s="92"/>
      <c r="AY5793" s="92"/>
      <c r="AZ5793" s="93"/>
      <c r="BA5793" s="93"/>
      <c r="BB5793" s="93"/>
      <c r="BC5793" s="93"/>
      <c r="BD5793" s="93"/>
      <c r="BE5793" s="93"/>
      <c r="BF5793" s="93"/>
      <c r="BG5793" s="93"/>
      <c r="BH5793" s="93"/>
      <c r="BI5793" s="93"/>
      <c r="BJ5793" s="93"/>
      <c r="BK5793" s="93"/>
      <c r="BL5793" s="93"/>
    </row>
    <row r="5794" spans="2:64" x14ac:dyDescent="0.2">
      <c r="B5794" s="43"/>
      <c r="C5794" s="73"/>
      <c r="D5794" s="64"/>
      <c r="E5794" s="55"/>
      <c r="F5794" s="74"/>
      <c r="G5794" s="74"/>
      <c r="H5794" s="74"/>
      <c r="I5794" s="75"/>
      <c r="J5794" s="74"/>
      <c r="L5794" s="55"/>
      <c r="M5794" s="234"/>
      <c r="N5794" s="65"/>
      <c r="O5794" s="76"/>
      <c r="P5794" s="76"/>
      <c r="Q5794" s="65"/>
      <c r="R5794" s="76"/>
      <c r="S5794" s="76"/>
      <c r="T5794" s="76"/>
      <c r="U5794" s="76"/>
      <c r="V5794" s="76"/>
      <c r="W5794" s="76"/>
      <c r="X5794" s="76"/>
      <c r="Y5794" s="76"/>
      <c r="Z5794" s="76"/>
      <c r="AA5794" s="85"/>
      <c r="AB5794" s="85"/>
      <c r="AC5794" s="85"/>
      <c r="AD5794" s="85"/>
      <c r="AE5794" s="85"/>
      <c r="AF5794" s="85"/>
      <c r="AG5794" s="86"/>
      <c r="AH5794" s="85"/>
      <c r="AI5794" s="85"/>
      <c r="AJ5794" s="85"/>
      <c r="AK5794" s="85"/>
      <c r="AL5794" s="85"/>
      <c r="AM5794" s="92"/>
      <c r="AN5794" s="92"/>
      <c r="AO5794" s="92"/>
      <c r="AP5794" s="92"/>
      <c r="AQ5794" s="92"/>
      <c r="AR5794" s="92"/>
      <c r="AS5794" s="92"/>
      <c r="AT5794" s="92"/>
      <c r="AU5794" s="92"/>
      <c r="AV5794" s="92"/>
      <c r="AW5794" s="92"/>
      <c r="AX5794" s="92"/>
      <c r="AY5794" s="92"/>
      <c r="AZ5794" s="93"/>
      <c r="BA5794" s="93"/>
      <c r="BB5794" s="93"/>
      <c r="BC5794" s="93"/>
      <c r="BD5794" s="93"/>
      <c r="BE5794" s="93"/>
      <c r="BF5794" s="93"/>
      <c r="BG5794" s="93"/>
      <c r="BH5794" s="93"/>
      <c r="BI5794" s="93"/>
      <c r="BJ5794" s="93"/>
      <c r="BK5794" s="93"/>
      <c r="BL5794" s="93"/>
    </row>
    <row r="5795" spans="2:64" x14ac:dyDescent="0.2">
      <c r="B5795" s="43"/>
      <c r="C5795" s="73"/>
      <c r="D5795" s="64"/>
      <c r="E5795" s="55"/>
      <c r="F5795" s="74"/>
      <c r="G5795" s="74"/>
      <c r="H5795" s="74"/>
      <c r="I5795" s="75"/>
      <c r="J5795" s="74"/>
      <c r="L5795" s="55"/>
      <c r="M5795" s="234"/>
      <c r="N5795" s="65"/>
      <c r="O5795" s="76"/>
      <c r="P5795" s="76"/>
      <c r="Q5795" s="65"/>
      <c r="R5795" s="76"/>
      <c r="S5795" s="76"/>
      <c r="T5795" s="76"/>
      <c r="U5795" s="76"/>
      <c r="V5795" s="76"/>
      <c r="W5795" s="76"/>
      <c r="X5795" s="76"/>
      <c r="Y5795" s="76"/>
      <c r="Z5795" s="76"/>
      <c r="AA5795" s="85"/>
      <c r="AB5795" s="85"/>
      <c r="AC5795" s="85"/>
      <c r="AD5795" s="85"/>
      <c r="AE5795" s="85"/>
      <c r="AF5795" s="85"/>
      <c r="AG5795" s="86"/>
      <c r="AH5795" s="85"/>
      <c r="AI5795" s="85"/>
      <c r="AJ5795" s="85"/>
      <c r="AK5795" s="85"/>
      <c r="AL5795" s="85"/>
      <c r="AM5795" s="92"/>
      <c r="AN5795" s="92"/>
      <c r="AO5795" s="92"/>
      <c r="AP5795" s="92"/>
      <c r="AQ5795" s="92"/>
      <c r="AR5795" s="92"/>
      <c r="AS5795" s="92"/>
      <c r="AT5795" s="92"/>
      <c r="AU5795" s="92"/>
      <c r="AV5795" s="92"/>
      <c r="AW5795" s="92"/>
      <c r="AX5795" s="92"/>
      <c r="AY5795" s="92"/>
      <c r="AZ5795" s="93"/>
      <c r="BA5795" s="93"/>
      <c r="BB5795" s="93"/>
      <c r="BC5795" s="93"/>
      <c r="BD5795" s="93"/>
      <c r="BE5795" s="93"/>
      <c r="BF5795" s="93"/>
      <c r="BG5795" s="93"/>
      <c r="BH5795" s="93"/>
      <c r="BI5795" s="93"/>
      <c r="BJ5795" s="93"/>
      <c r="BK5795" s="93"/>
      <c r="BL5795" s="93"/>
    </row>
    <row r="5796" spans="2:64" x14ac:dyDescent="0.2">
      <c r="B5796" s="43"/>
      <c r="C5796" s="73"/>
      <c r="D5796" s="64"/>
      <c r="E5796" s="55"/>
      <c r="F5796" s="74"/>
      <c r="G5796" s="74"/>
      <c r="H5796" s="74"/>
      <c r="I5796" s="75"/>
      <c r="J5796" s="74"/>
      <c r="L5796" s="55"/>
      <c r="M5796" s="234"/>
      <c r="N5796" s="65"/>
      <c r="O5796" s="76"/>
      <c r="P5796" s="76"/>
      <c r="Q5796" s="65"/>
      <c r="R5796" s="76"/>
      <c r="S5796" s="76"/>
      <c r="T5796" s="76"/>
      <c r="U5796" s="76"/>
      <c r="V5796" s="76"/>
      <c r="W5796" s="76"/>
      <c r="X5796" s="76"/>
      <c r="Y5796" s="76"/>
      <c r="Z5796" s="76"/>
      <c r="AA5796" s="85"/>
      <c r="AB5796" s="85"/>
      <c r="AC5796" s="85"/>
      <c r="AD5796" s="85"/>
      <c r="AE5796" s="85"/>
      <c r="AF5796" s="85"/>
      <c r="AG5796" s="86"/>
      <c r="AH5796" s="85"/>
      <c r="AI5796" s="85"/>
      <c r="AJ5796" s="85"/>
      <c r="AK5796" s="85"/>
      <c r="AL5796" s="85"/>
      <c r="AM5796" s="92"/>
      <c r="AN5796" s="92"/>
      <c r="AO5796" s="92"/>
      <c r="AP5796" s="92"/>
      <c r="AQ5796" s="92"/>
      <c r="AR5796" s="92"/>
      <c r="AS5796" s="92"/>
      <c r="AT5796" s="92"/>
      <c r="AU5796" s="92"/>
      <c r="AV5796" s="92"/>
      <c r="AW5796" s="92"/>
      <c r="AX5796" s="92"/>
      <c r="AY5796" s="92"/>
      <c r="AZ5796" s="93"/>
      <c r="BA5796" s="93"/>
      <c r="BB5796" s="93"/>
      <c r="BC5796" s="93"/>
      <c r="BD5796" s="93"/>
      <c r="BE5796" s="93"/>
      <c r="BF5796" s="93"/>
      <c r="BG5796" s="93"/>
      <c r="BH5796" s="93"/>
      <c r="BI5796" s="93"/>
      <c r="BJ5796" s="93"/>
      <c r="BK5796" s="93"/>
      <c r="BL5796" s="93"/>
    </row>
    <row r="5797" spans="2:64" x14ac:dyDescent="0.2">
      <c r="B5797" s="43"/>
      <c r="C5797" s="73"/>
      <c r="D5797" s="64"/>
      <c r="E5797" s="55"/>
      <c r="F5797" s="74"/>
      <c r="G5797" s="74"/>
      <c r="H5797" s="74"/>
      <c r="I5797" s="75"/>
      <c r="J5797" s="74"/>
      <c r="L5797" s="55"/>
      <c r="M5797" s="234"/>
      <c r="N5797" s="65"/>
      <c r="O5797" s="76"/>
      <c r="P5797" s="76"/>
      <c r="Q5797" s="65"/>
      <c r="R5797" s="76"/>
      <c r="S5797" s="76"/>
      <c r="T5797" s="76"/>
      <c r="U5797" s="76"/>
      <c r="V5797" s="76"/>
      <c r="W5797" s="76"/>
      <c r="X5797" s="76"/>
      <c r="Y5797" s="76"/>
      <c r="Z5797" s="76"/>
      <c r="AA5797" s="85"/>
      <c r="AB5797" s="85"/>
      <c r="AC5797" s="85"/>
      <c r="AD5797" s="85"/>
      <c r="AE5797" s="85"/>
      <c r="AF5797" s="85"/>
      <c r="AG5797" s="86"/>
      <c r="AH5797" s="85"/>
      <c r="AI5797" s="85"/>
      <c r="AJ5797" s="85"/>
      <c r="AK5797" s="85"/>
      <c r="AL5797" s="85"/>
      <c r="AM5797" s="92"/>
      <c r="AN5797" s="92"/>
      <c r="AO5797" s="92"/>
      <c r="AP5797" s="92"/>
      <c r="AQ5797" s="92"/>
      <c r="AR5797" s="92"/>
      <c r="AS5797" s="92"/>
      <c r="AT5797" s="92"/>
      <c r="AU5797" s="92"/>
      <c r="AV5797" s="92"/>
      <c r="AW5797" s="92"/>
      <c r="AX5797" s="92"/>
      <c r="AY5797" s="92"/>
      <c r="AZ5797" s="93"/>
      <c r="BA5797" s="93"/>
      <c r="BB5797" s="93"/>
      <c r="BC5797" s="93"/>
      <c r="BD5797" s="93"/>
      <c r="BE5797" s="93"/>
      <c r="BF5797" s="93"/>
      <c r="BG5797" s="93"/>
      <c r="BH5797" s="93"/>
      <c r="BI5797" s="93"/>
      <c r="BJ5797" s="93"/>
      <c r="BK5797" s="93"/>
      <c r="BL5797" s="93"/>
    </row>
    <row r="5798" spans="2:64" x14ac:dyDescent="0.2">
      <c r="B5798" s="43"/>
      <c r="C5798" s="73"/>
      <c r="D5798" s="64"/>
      <c r="E5798" s="55"/>
      <c r="F5798" s="74"/>
      <c r="G5798" s="74"/>
      <c r="H5798" s="74"/>
      <c r="I5798" s="75"/>
      <c r="J5798" s="74"/>
      <c r="L5798" s="55"/>
      <c r="M5798" s="234"/>
      <c r="N5798" s="65"/>
      <c r="O5798" s="76"/>
      <c r="P5798" s="76"/>
      <c r="Q5798" s="65"/>
      <c r="R5798" s="76"/>
      <c r="S5798" s="76"/>
      <c r="T5798" s="76"/>
      <c r="U5798" s="76"/>
      <c r="V5798" s="76"/>
      <c r="W5798" s="76"/>
      <c r="X5798" s="76"/>
      <c r="Y5798" s="76"/>
      <c r="Z5798" s="76"/>
      <c r="AA5798" s="85"/>
      <c r="AB5798" s="85"/>
      <c r="AC5798" s="85"/>
      <c r="AD5798" s="85"/>
      <c r="AE5798" s="85"/>
      <c r="AF5798" s="85"/>
      <c r="AG5798" s="86"/>
      <c r="AH5798" s="85"/>
      <c r="AI5798" s="85"/>
      <c r="AJ5798" s="85"/>
      <c r="AK5798" s="85"/>
      <c r="AL5798" s="85"/>
      <c r="AM5798" s="92"/>
      <c r="AN5798" s="92"/>
      <c r="AO5798" s="92"/>
      <c r="AP5798" s="92"/>
      <c r="AQ5798" s="92"/>
      <c r="AR5798" s="92"/>
      <c r="AS5798" s="92"/>
      <c r="AT5798" s="92"/>
      <c r="AU5798" s="92"/>
      <c r="AV5798" s="92"/>
      <c r="AW5798" s="92"/>
      <c r="AX5798" s="92"/>
      <c r="AY5798" s="92"/>
      <c r="AZ5798" s="93"/>
      <c r="BA5798" s="93"/>
      <c r="BB5798" s="93"/>
      <c r="BC5798" s="93"/>
      <c r="BD5798" s="93"/>
      <c r="BE5798" s="93"/>
      <c r="BF5798" s="93"/>
      <c r="BG5798" s="93"/>
      <c r="BH5798" s="93"/>
      <c r="BI5798" s="93"/>
      <c r="BJ5798" s="93"/>
      <c r="BK5798" s="93"/>
      <c r="BL5798" s="93"/>
    </row>
    <row r="5799" spans="2:64" x14ac:dyDescent="0.2">
      <c r="B5799" s="43"/>
      <c r="C5799" s="73"/>
      <c r="D5799" s="64"/>
      <c r="E5799" s="55"/>
      <c r="F5799" s="74"/>
      <c r="G5799" s="74"/>
      <c r="H5799" s="74"/>
      <c r="I5799" s="75"/>
      <c r="J5799" s="74"/>
      <c r="L5799" s="55"/>
      <c r="M5799" s="234"/>
      <c r="N5799" s="65"/>
      <c r="O5799" s="76"/>
      <c r="P5799" s="76"/>
      <c r="Q5799" s="65"/>
      <c r="R5799" s="76"/>
      <c r="S5799" s="76"/>
      <c r="T5799" s="76"/>
      <c r="U5799" s="76"/>
      <c r="V5799" s="76"/>
      <c r="W5799" s="76"/>
      <c r="X5799" s="76"/>
      <c r="Y5799" s="76"/>
      <c r="Z5799" s="76"/>
      <c r="AA5799" s="85"/>
      <c r="AB5799" s="85"/>
      <c r="AC5799" s="85"/>
      <c r="AD5799" s="85"/>
      <c r="AE5799" s="85"/>
      <c r="AF5799" s="85"/>
      <c r="AG5799" s="86"/>
      <c r="AH5799" s="85"/>
      <c r="AI5799" s="85"/>
      <c r="AJ5799" s="85"/>
      <c r="AK5799" s="85"/>
      <c r="AL5799" s="85"/>
      <c r="AM5799" s="92"/>
      <c r="AN5799" s="92"/>
      <c r="AO5799" s="92"/>
      <c r="AP5799" s="92"/>
      <c r="AQ5799" s="92"/>
      <c r="AR5799" s="92"/>
      <c r="AS5799" s="92"/>
      <c r="AT5799" s="92"/>
      <c r="AU5799" s="92"/>
      <c r="AV5799" s="92"/>
      <c r="AW5799" s="92"/>
      <c r="AX5799" s="92"/>
      <c r="AY5799" s="92"/>
      <c r="AZ5799" s="93"/>
      <c r="BA5799" s="93"/>
      <c r="BB5799" s="93"/>
      <c r="BC5799" s="93"/>
      <c r="BD5799" s="93"/>
      <c r="BE5799" s="93"/>
      <c r="BF5799" s="93"/>
      <c r="BG5799" s="93"/>
      <c r="BH5799" s="93"/>
      <c r="BI5799" s="93"/>
      <c r="BJ5799" s="93"/>
      <c r="BK5799" s="93"/>
      <c r="BL5799" s="93"/>
    </row>
    <row r="5800" spans="2:64" x14ac:dyDescent="0.2">
      <c r="B5800" s="43"/>
      <c r="C5800" s="73"/>
      <c r="D5800" s="64"/>
      <c r="E5800" s="55"/>
      <c r="F5800" s="74"/>
      <c r="G5800" s="74"/>
      <c r="H5800" s="74"/>
      <c r="I5800" s="75"/>
      <c r="J5800" s="74"/>
      <c r="L5800" s="55"/>
      <c r="M5800" s="234"/>
      <c r="N5800" s="65"/>
      <c r="O5800" s="76"/>
      <c r="P5800" s="76"/>
      <c r="Q5800" s="65"/>
      <c r="R5800" s="76"/>
      <c r="S5800" s="76"/>
      <c r="T5800" s="76"/>
      <c r="U5800" s="76"/>
      <c r="V5800" s="76"/>
      <c r="W5800" s="76"/>
      <c r="X5800" s="76"/>
      <c r="Y5800" s="76"/>
      <c r="Z5800" s="76"/>
      <c r="AA5800" s="85"/>
      <c r="AB5800" s="85"/>
      <c r="AC5800" s="85"/>
      <c r="AD5800" s="85"/>
      <c r="AE5800" s="85"/>
      <c r="AF5800" s="85"/>
      <c r="AG5800" s="86"/>
      <c r="AH5800" s="85"/>
      <c r="AI5800" s="85"/>
      <c r="AJ5800" s="85"/>
      <c r="AK5800" s="85"/>
      <c r="AL5800" s="85"/>
      <c r="AM5800" s="92"/>
      <c r="AN5800" s="92"/>
      <c r="AO5800" s="92"/>
      <c r="AP5800" s="92"/>
      <c r="AQ5800" s="92"/>
      <c r="AR5800" s="92"/>
      <c r="AS5800" s="92"/>
      <c r="AT5800" s="92"/>
      <c r="AU5800" s="92"/>
      <c r="AV5800" s="92"/>
      <c r="AW5800" s="92"/>
      <c r="AX5800" s="92"/>
      <c r="AY5800" s="92"/>
      <c r="AZ5800" s="93"/>
      <c r="BA5800" s="93"/>
      <c r="BB5800" s="93"/>
      <c r="BC5800" s="93"/>
      <c r="BD5800" s="93"/>
      <c r="BE5800" s="93"/>
      <c r="BF5800" s="93"/>
      <c r="BG5800" s="93"/>
      <c r="BH5800" s="93"/>
      <c r="BI5800" s="93"/>
      <c r="BJ5800" s="93"/>
      <c r="BK5800" s="93"/>
      <c r="BL5800" s="93"/>
    </row>
    <row r="5801" spans="2:64" x14ac:dyDescent="0.2">
      <c r="B5801" s="43"/>
      <c r="C5801" s="73"/>
      <c r="D5801" s="64"/>
      <c r="E5801" s="55"/>
      <c r="F5801" s="74"/>
      <c r="G5801" s="74"/>
      <c r="H5801" s="74"/>
      <c r="I5801" s="75"/>
      <c r="J5801" s="74"/>
      <c r="L5801" s="55"/>
      <c r="M5801" s="234"/>
      <c r="N5801" s="65"/>
      <c r="O5801" s="76"/>
      <c r="P5801" s="76"/>
      <c r="Q5801" s="65"/>
      <c r="R5801" s="76"/>
      <c r="S5801" s="76"/>
      <c r="T5801" s="76"/>
      <c r="U5801" s="76"/>
      <c r="V5801" s="76"/>
      <c r="W5801" s="76"/>
      <c r="X5801" s="76"/>
      <c r="Y5801" s="76"/>
      <c r="Z5801" s="76"/>
      <c r="AA5801" s="85"/>
      <c r="AB5801" s="85"/>
      <c r="AC5801" s="85"/>
      <c r="AD5801" s="85"/>
      <c r="AE5801" s="85"/>
      <c r="AF5801" s="85"/>
      <c r="AG5801" s="86"/>
      <c r="AH5801" s="85"/>
      <c r="AI5801" s="85"/>
      <c r="AJ5801" s="85"/>
      <c r="AK5801" s="85"/>
      <c r="AL5801" s="85"/>
      <c r="AM5801" s="92"/>
      <c r="AN5801" s="92"/>
      <c r="AO5801" s="92"/>
      <c r="AP5801" s="92"/>
      <c r="AQ5801" s="92"/>
      <c r="AR5801" s="92"/>
      <c r="AS5801" s="92"/>
      <c r="AT5801" s="92"/>
      <c r="AU5801" s="92"/>
      <c r="AV5801" s="92"/>
      <c r="AW5801" s="92"/>
      <c r="AX5801" s="92"/>
      <c r="AY5801" s="92"/>
      <c r="AZ5801" s="93"/>
      <c r="BA5801" s="93"/>
      <c r="BB5801" s="93"/>
      <c r="BC5801" s="93"/>
      <c r="BD5801" s="93"/>
      <c r="BE5801" s="93"/>
      <c r="BF5801" s="93"/>
      <c r="BG5801" s="93"/>
      <c r="BH5801" s="93"/>
      <c r="BI5801" s="93"/>
      <c r="BJ5801" s="93"/>
      <c r="BK5801" s="93"/>
      <c r="BL5801" s="93"/>
    </row>
    <row r="5802" spans="2:64" x14ac:dyDescent="0.2">
      <c r="B5802" s="43"/>
      <c r="C5802" s="73"/>
      <c r="D5802" s="64"/>
      <c r="E5802" s="55"/>
      <c r="F5802" s="74"/>
      <c r="G5802" s="74"/>
      <c r="H5802" s="74"/>
      <c r="I5802" s="75"/>
      <c r="J5802" s="74"/>
      <c r="L5802" s="55"/>
      <c r="M5802" s="234"/>
      <c r="N5802" s="65"/>
      <c r="O5802" s="76"/>
      <c r="P5802" s="76"/>
      <c r="Q5802" s="65"/>
      <c r="R5802" s="76"/>
      <c r="S5802" s="76"/>
      <c r="T5802" s="76"/>
      <c r="U5802" s="76"/>
      <c r="V5802" s="76"/>
      <c r="W5802" s="76"/>
      <c r="X5802" s="76"/>
      <c r="Y5802" s="76"/>
      <c r="Z5802" s="76"/>
      <c r="AA5802" s="85"/>
      <c r="AB5802" s="85"/>
      <c r="AC5802" s="85"/>
      <c r="AD5802" s="85"/>
      <c r="AE5802" s="85"/>
      <c r="AF5802" s="85"/>
      <c r="AG5802" s="86"/>
      <c r="AH5802" s="85"/>
      <c r="AI5802" s="85"/>
      <c r="AJ5802" s="85"/>
      <c r="AK5802" s="85"/>
      <c r="AL5802" s="85"/>
      <c r="AM5802" s="92"/>
      <c r="AN5802" s="92"/>
      <c r="AO5802" s="92"/>
      <c r="AP5802" s="92"/>
      <c r="AQ5802" s="92"/>
      <c r="AR5802" s="92"/>
      <c r="AS5802" s="92"/>
      <c r="AT5802" s="92"/>
      <c r="AU5802" s="92"/>
      <c r="AV5802" s="92"/>
      <c r="AW5802" s="92"/>
      <c r="AX5802" s="92"/>
      <c r="AY5802" s="92"/>
      <c r="AZ5802" s="93"/>
      <c r="BA5802" s="93"/>
      <c r="BB5802" s="93"/>
      <c r="BC5802" s="93"/>
      <c r="BD5802" s="93"/>
      <c r="BE5802" s="93"/>
      <c r="BF5802" s="93"/>
      <c r="BG5802" s="93"/>
      <c r="BH5802" s="93"/>
      <c r="BI5802" s="93"/>
      <c r="BJ5802" s="93"/>
      <c r="BK5802" s="93"/>
      <c r="BL5802" s="93"/>
    </row>
    <row r="5803" spans="2:64" x14ac:dyDescent="0.2">
      <c r="B5803" s="43"/>
      <c r="C5803" s="73"/>
      <c r="D5803" s="64"/>
      <c r="E5803" s="55"/>
      <c r="F5803" s="74"/>
      <c r="G5803" s="74"/>
      <c r="H5803" s="74"/>
      <c r="I5803" s="75"/>
      <c r="J5803" s="74"/>
      <c r="L5803" s="55"/>
      <c r="M5803" s="234"/>
      <c r="N5803" s="65"/>
      <c r="O5803" s="76"/>
      <c r="P5803" s="76"/>
      <c r="Q5803" s="65"/>
      <c r="R5803" s="76"/>
      <c r="S5803" s="76"/>
      <c r="T5803" s="76"/>
      <c r="U5803" s="76"/>
      <c r="V5803" s="76"/>
      <c r="W5803" s="76"/>
      <c r="X5803" s="76"/>
      <c r="Y5803" s="76"/>
      <c r="Z5803" s="76"/>
      <c r="AA5803" s="85"/>
      <c r="AB5803" s="85"/>
      <c r="AC5803" s="85"/>
      <c r="AD5803" s="85"/>
      <c r="AE5803" s="85"/>
      <c r="AF5803" s="85"/>
      <c r="AG5803" s="86"/>
      <c r="AH5803" s="85"/>
      <c r="AI5803" s="85"/>
      <c r="AJ5803" s="85"/>
      <c r="AK5803" s="85"/>
      <c r="AL5803" s="85"/>
      <c r="AM5803" s="92"/>
      <c r="AN5803" s="92"/>
      <c r="AO5803" s="92"/>
      <c r="AP5803" s="92"/>
      <c r="AQ5803" s="92"/>
      <c r="AR5803" s="92"/>
      <c r="AS5803" s="92"/>
      <c r="AT5803" s="92"/>
      <c r="AU5803" s="92"/>
      <c r="AV5803" s="92"/>
      <c r="AW5803" s="92"/>
      <c r="AX5803" s="92"/>
      <c r="AY5803" s="92"/>
      <c r="AZ5803" s="93"/>
      <c r="BA5803" s="93"/>
      <c r="BB5803" s="93"/>
      <c r="BC5803" s="93"/>
      <c r="BD5803" s="93"/>
      <c r="BE5803" s="93"/>
      <c r="BF5803" s="93"/>
      <c r="BG5803" s="93"/>
      <c r="BH5803" s="93"/>
      <c r="BI5803" s="93"/>
      <c r="BJ5803" s="93"/>
      <c r="BK5803" s="93"/>
      <c r="BL5803" s="93"/>
    </row>
    <row r="5804" spans="2:64" x14ac:dyDescent="0.2">
      <c r="B5804" s="43"/>
      <c r="C5804" s="73"/>
      <c r="D5804" s="64"/>
      <c r="E5804" s="55"/>
      <c r="F5804" s="74"/>
      <c r="G5804" s="74"/>
      <c r="H5804" s="74"/>
      <c r="I5804" s="75"/>
      <c r="J5804" s="74"/>
      <c r="L5804" s="55"/>
      <c r="M5804" s="234"/>
      <c r="N5804" s="65"/>
      <c r="O5804" s="76"/>
      <c r="P5804" s="76"/>
      <c r="Q5804" s="65"/>
      <c r="R5804" s="76"/>
      <c r="S5804" s="76"/>
      <c r="T5804" s="76"/>
      <c r="U5804" s="76"/>
      <c r="V5804" s="76"/>
      <c r="W5804" s="76"/>
      <c r="X5804" s="76"/>
      <c r="Y5804" s="76"/>
      <c r="Z5804" s="76"/>
      <c r="AA5804" s="85"/>
      <c r="AB5804" s="85"/>
      <c r="AC5804" s="85"/>
      <c r="AD5804" s="85"/>
      <c r="AE5804" s="85"/>
      <c r="AF5804" s="85"/>
      <c r="AG5804" s="86"/>
      <c r="AH5804" s="85"/>
      <c r="AI5804" s="85"/>
      <c r="AJ5804" s="85"/>
      <c r="AK5804" s="85"/>
      <c r="AL5804" s="85"/>
      <c r="AM5804" s="92"/>
      <c r="AN5804" s="92"/>
      <c r="AO5804" s="92"/>
      <c r="AP5804" s="92"/>
      <c r="AQ5804" s="92"/>
      <c r="AR5804" s="92"/>
      <c r="AS5804" s="92"/>
      <c r="AT5804" s="92"/>
      <c r="AU5804" s="92"/>
      <c r="AV5804" s="92"/>
      <c r="AW5804" s="92"/>
      <c r="AX5804" s="92"/>
      <c r="AY5804" s="92"/>
      <c r="AZ5804" s="93"/>
      <c r="BA5804" s="93"/>
      <c r="BB5804" s="93"/>
      <c r="BC5804" s="93"/>
      <c r="BD5804" s="93"/>
      <c r="BE5804" s="93"/>
      <c r="BF5804" s="93"/>
      <c r="BG5804" s="93"/>
      <c r="BH5804" s="93"/>
      <c r="BI5804" s="93"/>
      <c r="BJ5804" s="93"/>
      <c r="BK5804" s="93"/>
      <c r="BL5804" s="93"/>
    </row>
    <row r="5805" spans="2:64" x14ac:dyDescent="0.2">
      <c r="B5805" s="43"/>
      <c r="C5805" s="73"/>
      <c r="D5805" s="64"/>
      <c r="E5805" s="55"/>
      <c r="F5805" s="74"/>
      <c r="G5805" s="74"/>
      <c r="H5805" s="74"/>
      <c r="I5805" s="75"/>
      <c r="J5805" s="74"/>
      <c r="L5805" s="55"/>
      <c r="M5805" s="234"/>
      <c r="N5805" s="65"/>
      <c r="O5805" s="76"/>
      <c r="P5805" s="76"/>
      <c r="Q5805" s="65"/>
      <c r="R5805" s="76"/>
      <c r="S5805" s="76"/>
      <c r="T5805" s="76"/>
      <c r="U5805" s="76"/>
      <c r="V5805" s="76"/>
      <c r="W5805" s="76"/>
      <c r="X5805" s="76"/>
      <c r="Y5805" s="76"/>
      <c r="Z5805" s="76"/>
      <c r="AA5805" s="85"/>
      <c r="AB5805" s="85"/>
      <c r="AC5805" s="85"/>
      <c r="AD5805" s="85"/>
      <c r="AE5805" s="85"/>
      <c r="AF5805" s="85"/>
      <c r="AG5805" s="86"/>
      <c r="AH5805" s="85"/>
      <c r="AI5805" s="85"/>
      <c r="AJ5805" s="85"/>
      <c r="AK5805" s="85"/>
      <c r="AL5805" s="85"/>
      <c r="AM5805" s="92"/>
      <c r="AN5805" s="92"/>
      <c r="AO5805" s="92"/>
      <c r="AP5805" s="92"/>
      <c r="AQ5805" s="92"/>
      <c r="AR5805" s="92"/>
      <c r="AS5805" s="92"/>
      <c r="AT5805" s="92"/>
      <c r="AU5805" s="92"/>
      <c r="AV5805" s="92"/>
      <c r="AW5805" s="92"/>
      <c r="AX5805" s="92"/>
      <c r="AY5805" s="92"/>
      <c r="AZ5805" s="93"/>
      <c r="BA5805" s="93"/>
      <c r="BB5805" s="93"/>
      <c r="BC5805" s="93"/>
      <c r="BD5805" s="93"/>
      <c r="BE5805" s="93"/>
      <c r="BF5805" s="93"/>
      <c r="BG5805" s="93"/>
      <c r="BH5805" s="93"/>
      <c r="BI5805" s="93"/>
      <c r="BJ5805" s="93"/>
      <c r="BK5805" s="93"/>
      <c r="BL5805" s="93"/>
    </row>
    <row r="5806" spans="2:64" x14ac:dyDescent="0.2">
      <c r="B5806" s="43"/>
      <c r="C5806" s="73"/>
      <c r="D5806" s="64"/>
      <c r="E5806" s="55"/>
      <c r="F5806" s="74"/>
      <c r="G5806" s="74"/>
      <c r="H5806" s="74"/>
      <c r="I5806" s="75"/>
      <c r="J5806" s="74"/>
      <c r="L5806" s="55"/>
      <c r="M5806" s="234"/>
      <c r="N5806" s="65"/>
      <c r="O5806" s="76"/>
      <c r="P5806" s="76"/>
      <c r="Q5806" s="65"/>
      <c r="R5806" s="76"/>
      <c r="S5806" s="76"/>
      <c r="T5806" s="76"/>
      <c r="U5806" s="76"/>
      <c r="V5806" s="76"/>
      <c r="W5806" s="76"/>
      <c r="X5806" s="76"/>
      <c r="Y5806" s="76"/>
      <c r="Z5806" s="76"/>
      <c r="AA5806" s="85"/>
      <c r="AB5806" s="85"/>
      <c r="AC5806" s="85"/>
      <c r="AD5806" s="85"/>
      <c r="AE5806" s="85"/>
      <c r="AF5806" s="85"/>
      <c r="AG5806" s="86"/>
      <c r="AH5806" s="85"/>
      <c r="AI5806" s="85"/>
      <c r="AJ5806" s="85"/>
      <c r="AK5806" s="85"/>
      <c r="AL5806" s="85"/>
      <c r="AM5806" s="92"/>
      <c r="AN5806" s="92"/>
      <c r="AO5806" s="92"/>
      <c r="AP5806" s="92"/>
      <c r="AQ5806" s="92"/>
      <c r="AR5806" s="92"/>
      <c r="AS5806" s="92"/>
      <c r="AT5806" s="92"/>
      <c r="AU5806" s="92"/>
      <c r="AV5806" s="92"/>
      <c r="AW5806" s="92"/>
      <c r="AX5806" s="92"/>
      <c r="AY5806" s="92"/>
      <c r="AZ5806" s="93"/>
      <c r="BA5806" s="93"/>
      <c r="BB5806" s="93"/>
      <c r="BC5806" s="93"/>
      <c r="BD5806" s="93"/>
      <c r="BE5806" s="93"/>
      <c r="BF5806" s="93"/>
      <c r="BG5806" s="93"/>
      <c r="BH5806" s="93"/>
      <c r="BI5806" s="93"/>
      <c r="BJ5806" s="93"/>
      <c r="BK5806" s="93"/>
      <c r="BL5806" s="93"/>
    </row>
    <row r="5807" spans="2:64" x14ac:dyDescent="0.2">
      <c r="B5807" s="43"/>
      <c r="C5807" s="73"/>
      <c r="D5807" s="64"/>
      <c r="E5807" s="55"/>
      <c r="F5807" s="74"/>
      <c r="G5807" s="74"/>
      <c r="H5807" s="74"/>
      <c r="I5807" s="75"/>
      <c r="J5807" s="74"/>
      <c r="L5807" s="55"/>
      <c r="M5807" s="234"/>
      <c r="N5807" s="65"/>
      <c r="O5807" s="76"/>
      <c r="P5807" s="76"/>
      <c r="Q5807" s="65"/>
      <c r="R5807" s="76"/>
      <c r="S5807" s="76"/>
      <c r="T5807" s="76"/>
      <c r="U5807" s="76"/>
      <c r="V5807" s="76"/>
      <c r="W5807" s="76"/>
      <c r="X5807" s="76"/>
      <c r="Y5807" s="76"/>
      <c r="Z5807" s="76"/>
      <c r="AA5807" s="85"/>
      <c r="AB5807" s="85"/>
      <c r="AC5807" s="85"/>
      <c r="AD5807" s="85"/>
      <c r="AE5807" s="85"/>
      <c r="AF5807" s="85"/>
      <c r="AG5807" s="86"/>
      <c r="AH5807" s="85"/>
      <c r="AI5807" s="85"/>
      <c r="AJ5807" s="85"/>
      <c r="AK5807" s="85"/>
      <c r="AL5807" s="85"/>
      <c r="AM5807" s="92"/>
      <c r="AN5807" s="92"/>
      <c r="AO5807" s="92"/>
      <c r="AP5807" s="92"/>
      <c r="AQ5807" s="92"/>
      <c r="AR5807" s="92"/>
      <c r="AS5807" s="92"/>
      <c r="AT5807" s="92"/>
      <c r="AU5807" s="92"/>
      <c r="AV5807" s="92"/>
      <c r="AW5807" s="92"/>
      <c r="AX5807" s="92"/>
      <c r="AY5807" s="92"/>
      <c r="AZ5807" s="93"/>
      <c r="BA5807" s="93"/>
      <c r="BB5807" s="93"/>
      <c r="BC5807" s="93"/>
      <c r="BD5807" s="93"/>
      <c r="BE5807" s="93"/>
      <c r="BF5807" s="93"/>
      <c r="BG5807" s="93"/>
      <c r="BH5807" s="93"/>
      <c r="BI5807" s="93"/>
      <c r="BJ5807" s="93"/>
      <c r="BK5807" s="93"/>
      <c r="BL5807" s="93"/>
    </row>
    <row r="5808" spans="2:64" x14ac:dyDescent="0.2">
      <c r="B5808" s="43"/>
      <c r="C5808" s="73"/>
      <c r="D5808" s="64"/>
      <c r="E5808" s="55"/>
      <c r="F5808" s="74"/>
      <c r="G5808" s="74"/>
      <c r="H5808" s="74"/>
      <c r="I5808" s="75"/>
      <c r="J5808" s="74"/>
      <c r="L5808" s="55"/>
      <c r="M5808" s="234"/>
      <c r="N5808" s="65"/>
      <c r="O5808" s="76"/>
      <c r="P5808" s="76"/>
      <c r="Q5808" s="65"/>
      <c r="R5808" s="76"/>
      <c r="S5808" s="76"/>
      <c r="T5808" s="76"/>
      <c r="U5808" s="76"/>
      <c r="V5808" s="76"/>
      <c r="W5808" s="76"/>
      <c r="X5808" s="76"/>
      <c r="Y5808" s="76"/>
      <c r="Z5808" s="76"/>
      <c r="AA5808" s="85"/>
      <c r="AB5808" s="85"/>
      <c r="AC5808" s="85"/>
      <c r="AD5808" s="85"/>
      <c r="AE5808" s="85"/>
      <c r="AF5808" s="85"/>
      <c r="AG5808" s="86"/>
      <c r="AH5808" s="85"/>
      <c r="AI5808" s="85"/>
      <c r="AJ5808" s="85"/>
      <c r="AK5808" s="85"/>
      <c r="AL5808" s="85"/>
      <c r="AM5808" s="92"/>
      <c r="AN5808" s="92"/>
      <c r="AO5808" s="92"/>
      <c r="AP5808" s="92"/>
      <c r="AQ5808" s="92"/>
      <c r="AR5808" s="92"/>
      <c r="AS5808" s="92"/>
      <c r="AT5808" s="92"/>
      <c r="AU5808" s="92"/>
      <c r="AV5808" s="92"/>
      <c r="AW5808" s="92"/>
      <c r="AX5808" s="92"/>
      <c r="AY5808" s="92"/>
      <c r="AZ5808" s="93"/>
      <c r="BA5808" s="93"/>
      <c r="BB5808" s="93"/>
      <c r="BC5808" s="93"/>
      <c r="BD5808" s="93"/>
      <c r="BE5808" s="93"/>
      <c r="BF5808" s="93"/>
      <c r="BG5808" s="93"/>
      <c r="BH5808" s="93"/>
      <c r="BI5808" s="93"/>
      <c r="BJ5808" s="93"/>
      <c r="BK5808" s="93"/>
      <c r="BL5808" s="93"/>
    </row>
    <row r="5809" spans="2:64" x14ac:dyDescent="0.2">
      <c r="B5809" s="43"/>
      <c r="C5809" s="73"/>
      <c r="D5809" s="64"/>
      <c r="E5809" s="55"/>
      <c r="F5809" s="74"/>
      <c r="G5809" s="74"/>
      <c r="H5809" s="74"/>
      <c r="I5809" s="75"/>
      <c r="J5809" s="74"/>
      <c r="L5809" s="55"/>
      <c r="M5809" s="234"/>
      <c r="N5809" s="65"/>
      <c r="O5809" s="76"/>
      <c r="P5809" s="76"/>
      <c r="Q5809" s="65"/>
      <c r="R5809" s="76"/>
      <c r="S5809" s="76"/>
      <c r="T5809" s="76"/>
      <c r="U5809" s="76"/>
      <c r="V5809" s="76"/>
      <c r="W5809" s="76"/>
      <c r="X5809" s="76"/>
      <c r="Y5809" s="76"/>
      <c r="Z5809" s="76"/>
      <c r="AA5809" s="85"/>
      <c r="AB5809" s="85"/>
      <c r="AC5809" s="85"/>
      <c r="AD5809" s="85"/>
      <c r="AE5809" s="85"/>
      <c r="AF5809" s="85"/>
      <c r="AG5809" s="86"/>
      <c r="AH5809" s="85"/>
      <c r="AI5809" s="85"/>
      <c r="AJ5809" s="85"/>
      <c r="AK5809" s="85"/>
      <c r="AL5809" s="85"/>
      <c r="AM5809" s="92"/>
      <c r="AN5809" s="92"/>
      <c r="AO5809" s="92"/>
      <c r="AP5809" s="92"/>
      <c r="AQ5809" s="92"/>
      <c r="AR5809" s="92"/>
      <c r="AS5809" s="92"/>
      <c r="AT5809" s="92"/>
      <c r="AU5809" s="92"/>
      <c r="AV5809" s="92"/>
      <c r="AW5809" s="92"/>
      <c r="AX5809" s="92"/>
      <c r="AY5809" s="92"/>
      <c r="AZ5809" s="93"/>
      <c r="BA5809" s="93"/>
      <c r="BB5809" s="93"/>
      <c r="BC5809" s="93"/>
      <c r="BD5809" s="93"/>
      <c r="BE5809" s="93"/>
      <c r="BF5809" s="93"/>
      <c r="BG5809" s="93"/>
      <c r="BH5809" s="93"/>
      <c r="BI5809" s="93"/>
      <c r="BJ5809" s="93"/>
      <c r="BK5809" s="93"/>
      <c r="BL5809" s="93"/>
    </row>
    <row r="5810" spans="2:64" x14ac:dyDescent="0.2">
      <c r="B5810" s="43"/>
      <c r="C5810" s="73"/>
      <c r="D5810" s="64"/>
      <c r="E5810" s="55"/>
      <c r="F5810" s="74"/>
      <c r="G5810" s="74"/>
      <c r="H5810" s="74"/>
      <c r="I5810" s="75"/>
      <c r="J5810" s="74"/>
      <c r="L5810" s="55"/>
      <c r="M5810" s="234"/>
      <c r="N5810" s="65"/>
      <c r="O5810" s="76"/>
      <c r="P5810" s="76"/>
      <c r="Q5810" s="65"/>
      <c r="R5810" s="76"/>
      <c r="S5810" s="76"/>
      <c r="T5810" s="76"/>
      <c r="U5810" s="76"/>
      <c r="V5810" s="76"/>
      <c r="W5810" s="76"/>
      <c r="X5810" s="76"/>
      <c r="Y5810" s="76"/>
      <c r="Z5810" s="76"/>
      <c r="AA5810" s="85"/>
      <c r="AB5810" s="85"/>
      <c r="AC5810" s="85"/>
      <c r="AD5810" s="85"/>
      <c r="AE5810" s="85"/>
      <c r="AF5810" s="85"/>
      <c r="AG5810" s="86"/>
      <c r="AH5810" s="85"/>
      <c r="AI5810" s="85"/>
      <c r="AJ5810" s="85"/>
      <c r="AK5810" s="85"/>
      <c r="AL5810" s="85"/>
      <c r="AM5810" s="92"/>
      <c r="AN5810" s="92"/>
      <c r="AO5810" s="92"/>
      <c r="AP5810" s="92"/>
      <c r="AQ5810" s="92"/>
      <c r="AR5810" s="92"/>
      <c r="AS5810" s="92"/>
      <c r="AT5810" s="92"/>
      <c r="AU5810" s="92"/>
      <c r="AV5810" s="92"/>
      <c r="AW5810" s="92"/>
      <c r="AX5810" s="92"/>
      <c r="AY5810" s="92"/>
      <c r="AZ5810" s="93"/>
      <c r="BA5810" s="93"/>
      <c r="BB5810" s="93"/>
      <c r="BC5810" s="93"/>
      <c r="BD5810" s="93"/>
      <c r="BE5810" s="93"/>
      <c r="BF5810" s="93"/>
      <c r="BG5810" s="93"/>
      <c r="BH5810" s="93"/>
      <c r="BI5810" s="93"/>
      <c r="BJ5810" s="93"/>
      <c r="BK5810" s="93"/>
      <c r="BL5810" s="93"/>
    </row>
    <row r="5811" spans="2:64" x14ac:dyDescent="0.2">
      <c r="B5811" s="43"/>
      <c r="C5811" s="73"/>
      <c r="D5811" s="64"/>
      <c r="E5811" s="55"/>
      <c r="F5811" s="74"/>
      <c r="G5811" s="74"/>
      <c r="H5811" s="74"/>
      <c r="I5811" s="75"/>
      <c r="J5811" s="74"/>
      <c r="L5811" s="55"/>
      <c r="M5811" s="234"/>
      <c r="N5811" s="65"/>
      <c r="O5811" s="76"/>
      <c r="P5811" s="76"/>
      <c r="Q5811" s="65"/>
      <c r="R5811" s="76"/>
      <c r="S5811" s="76"/>
      <c r="T5811" s="76"/>
      <c r="U5811" s="76"/>
      <c r="V5811" s="76"/>
      <c r="W5811" s="76"/>
      <c r="X5811" s="76"/>
      <c r="Y5811" s="76"/>
      <c r="Z5811" s="76"/>
      <c r="AA5811" s="85"/>
      <c r="AB5811" s="85"/>
      <c r="AC5811" s="85"/>
      <c r="AD5811" s="85"/>
      <c r="AE5811" s="85"/>
      <c r="AF5811" s="85"/>
      <c r="AG5811" s="86"/>
      <c r="AH5811" s="85"/>
      <c r="AI5811" s="85"/>
      <c r="AJ5811" s="85"/>
      <c r="AK5811" s="85"/>
      <c r="AL5811" s="85"/>
      <c r="AM5811" s="92"/>
      <c r="AN5811" s="92"/>
      <c r="AO5811" s="92"/>
      <c r="AP5811" s="92"/>
      <c r="AQ5811" s="92"/>
      <c r="AR5811" s="92"/>
      <c r="AS5811" s="92"/>
      <c r="AT5811" s="92"/>
      <c r="AU5811" s="92"/>
      <c r="AV5811" s="92"/>
      <c r="AW5811" s="92"/>
      <c r="AX5811" s="92"/>
      <c r="AY5811" s="92"/>
      <c r="AZ5811" s="93"/>
      <c r="BA5811" s="93"/>
      <c r="BB5811" s="93"/>
      <c r="BC5811" s="93"/>
      <c r="BD5811" s="93"/>
      <c r="BE5811" s="93"/>
      <c r="BF5811" s="93"/>
      <c r="BG5811" s="93"/>
      <c r="BH5811" s="93"/>
      <c r="BI5811" s="93"/>
      <c r="BJ5811" s="93"/>
      <c r="BK5811" s="93"/>
      <c r="BL5811" s="93"/>
    </row>
    <row r="5812" spans="2:64" x14ac:dyDescent="0.2">
      <c r="B5812" s="43"/>
      <c r="C5812" s="73"/>
      <c r="D5812" s="64"/>
      <c r="E5812" s="55"/>
      <c r="F5812" s="74"/>
      <c r="G5812" s="74"/>
      <c r="H5812" s="74"/>
      <c r="I5812" s="75"/>
      <c r="J5812" s="74"/>
      <c r="L5812" s="55"/>
      <c r="M5812" s="234"/>
      <c r="N5812" s="65"/>
      <c r="O5812" s="76"/>
      <c r="P5812" s="76"/>
      <c r="Q5812" s="65"/>
      <c r="R5812" s="76"/>
      <c r="S5812" s="76"/>
      <c r="T5812" s="76"/>
      <c r="U5812" s="76"/>
      <c r="V5812" s="76"/>
      <c r="W5812" s="76"/>
      <c r="X5812" s="76"/>
      <c r="Y5812" s="76"/>
      <c r="Z5812" s="76"/>
      <c r="AA5812" s="85"/>
      <c r="AB5812" s="85"/>
      <c r="AC5812" s="85"/>
      <c r="AD5812" s="85"/>
      <c r="AE5812" s="85"/>
      <c r="AF5812" s="85"/>
      <c r="AG5812" s="86"/>
      <c r="AH5812" s="85"/>
      <c r="AI5812" s="85"/>
      <c r="AJ5812" s="85"/>
      <c r="AK5812" s="85"/>
      <c r="AL5812" s="85"/>
      <c r="AM5812" s="92"/>
      <c r="AN5812" s="92"/>
      <c r="AO5812" s="92"/>
      <c r="AP5812" s="92"/>
      <c r="AQ5812" s="92"/>
      <c r="AR5812" s="92"/>
      <c r="AS5812" s="92"/>
      <c r="AT5812" s="92"/>
      <c r="AU5812" s="92"/>
      <c r="AV5812" s="92"/>
      <c r="AW5812" s="92"/>
      <c r="AX5812" s="92"/>
      <c r="AY5812" s="92"/>
      <c r="AZ5812" s="93"/>
      <c r="BA5812" s="93"/>
      <c r="BB5812" s="93"/>
      <c r="BC5812" s="93"/>
      <c r="BD5812" s="93"/>
      <c r="BE5812" s="93"/>
      <c r="BF5812" s="93"/>
      <c r="BG5812" s="93"/>
      <c r="BH5812" s="93"/>
      <c r="BI5812" s="93"/>
      <c r="BJ5812" s="93"/>
      <c r="BK5812" s="93"/>
      <c r="BL5812" s="93"/>
    </row>
    <row r="5813" spans="2:64" x14ac:dyDescent="0.2">
      <c r="B5813" s="43"/>
      <c r="C5813" s="73"/>
      <c r="D5813" s="64"/>
      <c r="E5813" s="55"/>
      <c r="F5813" s="74"/>
      <c r="G5813" s="74"/>
      <c r="H5813" s="74"/>
      <c r="I5813" s="75"/>
      <c r="J5813" s="74"/>
      <c r="L5813" s="55"/>
      <c r="M5813" s="234"/>
      <c r="N5813" s="65"/>
      <c r="O5813" s="76"/>
      <c r="P5813" s="76"/>
      <c r="Q5813" s="65"/>
      <c r="R5813" s="76"/>
      <c r="S5813" s="76"/>
      <c r="T5813" s="76"/>
      <c r="U5813" s="76"/>
      <c r="V5813" s="76"/>
      <c r="W5813" s="76"/>
      <c r="X5813" s="76"/>
      <c r="Y5813" s="76"/>
      <c r="Z5813" s="76"/>
      <c r="AA5813" s="85"/>
      <c r="AB5813" s="85"/>
      <c r="AC5813" s="85"/>
      <c r="AD5813" s="85"/>
      <c r="AE5813" s="85"/>
      <c r="AF5813" s="85"/>
      <c r="AG5813" s="86"/>
      <c r="AH5813" s="85"/>
      <c r="AI5813" s="85"/>
      <c r="AJ5813" s="85"/>
      <c r="AK5813" s="85"/>
      <c r="AL5813" s="85"/>
      <c r="AM5813" s="92"/>
      <c r="AN5813" s="92"/>
      <c r="AO5813" s="92"/>
      <c r="AP5813" s="92"/>
      <c r="AQ5813" s="92"/>
      <c r="AR5813" s="92"/>
      <c r="AS5813" s="92"/>
      <c r="AT5813" s="92"/>
      <c r="AU5813" s="92"/>
      <c r="AV5813" s="92"/>
      <c r="AW5813" s="92"/>
      <c r="AX5813" s="92"/>
      <c r="AY5813" s="92"/>
      <c r="AZ5813" s="93"/>
      <c r="BA5813" s="93"/>
      <c r="BB5813" s="93"/>
      <c r="BC5813" s="93"/>
      <c r="BD5813" s="93"/>
      <c r="BE5813" s="93"/>
      <c r="BF5813" s="93"/>
      <c r="BG5813" s="93"/>
      <c r="BH5813" s="93"/>
      <c r="BI5813" s="93"/>
      <c r="BJ5813" s="93"/>
      <c r="BK5813" s="93"/>
      <c r="BL5813" s="93"/>
    </row>
    <row r="5814" spans="2:64" x14ac:dyDescent="0.2">
      <c r="B5814" s="43"/>
      <c r="C5814" s="73"/>
      <c r="D5814" s="64"/>
      <c r="E5814" s="55"/>
      <c r="F5814" s="74"/>
      <c r="G5814" s="74"/>
      <c r="H5814" s="74"/>
      <c r="I5814" s="75"/>
      <c r="J5814" s="74"/>
      <c r="L5814" s="55"/>
      <c r="M5814" s="234"/>
      <c r="N5814" s="65"/>
      <c r="O5814" s="76"/>
      <c r="P5814" s="76"/>
      <c r="Q5814" s="65"/>
      <c r="R5814" s="76"/>
      <c r="S5814" s="76"/>
      <c r="T5814" s="76"/>
      <c r="U5814" s="76"/>
      <c r="V5814" s="76"/>
      <c r="W5814" s="76"/>
      <c r="X5814" s="76"/>
      <c r="Y5814" s="76"/>
      <c r="Z5814" s="76"/>
      <c r="AA5814" s="85"/>
      <c r="AB5814" s="85"/>
      <c r="AC5814" s="85"/>
      <c r="AD5814" s="85"/>
      <c r="AE5814" s="85"/>
      <c r="AF5814" s="85"/>
      <c r="AG5814" s="86"/>
      <c r="AH5814" s="85"/>
      <c r="AI5814" s="85"/>
      <c r="AJ5814" s="85"/>
      <c r="AK5814" s="85"/>
      <c r="AL5814" s="85"/>
      <c r="AM5814" s="92"/>
      <c r="AN5814" s="92"/>
      <c r="AO5814" s="92"/>
      <c r="AP5814" s="92"/>
      <c r="AQ5814" s="92"/>
      <c r="AR5814" s="92"/>
      <c r="AS5814" s="92"/>
      <c r="AT5814" s="92"/>
      <c r="AU5814" s="92"/>
      <c r="AV5814" s="92"/>
      <c r="AW5814" s="92"/>
      <c r="AX5814" s="92"/>
      <c r="AY5814" s="92"/>
      <c r="AZ5814" s="93"/>
      <c r="BA5814" s="93"/>
      <c r="BB5814" s="93"/>
      <c r="BC5814" s="93"/>
      <c r="BD5814" s="93"/>
      <c r="BE5814" s="93"/>
      <c r="BF5814" s="93"/>
      <c r="BG5814" s="93"/>
      <c r="BH5814" s="93"/>
      <c r="BI5814" s="93"/>
      <c r="BJ5814" s="93"/>
      <c r="BK5814" s="93"/>
      <c r="BL5814" s="93"/>
    </row>
    <row r="5815" spans="2:64" x14ac:dyDescent="0.2">
      <c r="B5815" s="43"/>
      <c r="C5815" s="73"/>
      <c r="D5815" s="64"/>
      <c r="E5815" s="55"/>
      <c r="F5815" s="74"/>
      <c r="G5815" s="74"/>
      <c r="H5815" s="74"/>
      <c r="I5815" s="75"/>
      <c r="J5815" s="74"/>
      <c r="L5815" s="55"/>
      <c r="M5815" s="234"/>
      <c r="N5815" s="65"/>
      <c r="O5815" s="76"/>
      <c r="P5815" s="76"/>
      <c r="Q5815" s="65"/>
      <c r="R5815" s="76"/>
      <c r="S5815" s="76"/>
      <c r="T5815" s="76"/>
      <c r="U5815" s="76"/>
      <c r="V5815" s="76"/>
      <c r="W5815" s="76"/>
      <c r="X5815" s="76"/>
      <c r="Y5815" s="76"/>
      <c r="Z5815" s="76"/>
      <c r="AA5815" s="85"/>
      <c r="AB5815" s="85"/>
      <c r="AC5815" s="85"/>
      <c r="AD5815" s="85"/>
      <c r="AE5815" s="85"/>
      <c r="AF5815" s="85"/>
      <c r="AG5815" s="86"/>
      <c r="AH5815" s="85"/>
      <c r="AI5815" s="85"/>
      <c r="AJ5815" s="85"/>
      <c r="AK5815" s="85"/>
      <c r="AL5815" s="85"/>
      <c r="AM5815" s="92"/>
      <c r="AN5815" s="92"/>
      <c r="AO5815" s="92"/>
      <c r="AP5815" s="92"/>
      <c r="AQ5815" s="92"/>
      <c r="AR5815" s="92"/>
      <c r="AS5815" s="92"/>
      <c r="AT5815" s="92"/>
      <c r="AU5815" s="92"/>
      <c r="AV5815" s="92"/>
      <c r="AW5815" s="92"/>
      <c r="AX5815" s="92"/>
      <c r="AY5815" s="92"/>
      <c r="AZ5815" s="93"/>
      <c r="BA5815" s="93"/>
      <c r="BB5815" s="93"/>
      <c r="BC5815" s="93"/>
      <c r="BD5815" s="93"/>
      <c r="BE5815" s="93"/>
      <c r="BF5815" s="93"/>
      <c r="BG5815" s="93"/>
      <c r="BH5815" s="93"/>
      <c r="BI5815" s="93"/>
      <c r="BJ5815" s="93"/>
      <c r="BK5815" s="93"/>
      <c r="BL5815" s="93"/>
    </row>
    <row r="5816" spans="2:64" x14ac:dyDescent="0.2">
      <c r="B5816" s="43"/>
      <c r="C5816" s="73"/>
      <c r="D5816" s="64"/>
      <c r="E5816" s="55"/>
      <c r="F5816" s="74"/>
      <c r="G5816" s="74"/>
      <c r="H5816" s="74"/>
      <c r="I5816" s="75"/>
      <c r="J5816" s="74"/>
      <c r="L5816" s="55"/>
      <c r="M5816" s="234"/>
      <c r="N5816" s="65"/>
      <c r="O5816" s="76"/>
      <c r="P5816" s="76"/>
      <c r="Q5816" s="65"/>
      <c r="R5816" s="76"/>
      <c r="S5816" s="76"/>
      <c r="T5816" s="76"/>
      <c r="U5816" s="76"/>
      <c r="V5816" s="76"/>
      <c r="W5816" s="76"/>
      <c r="X5816" s="76"/>
      <c r="Y5816" s="76"/>
      <c r="Z5816" s="76"/>
      <c r="AA5816" s="85"/>
      <c r="AB5816" s="85"/>
      <c r="AC5816" s="85"/>
      <c r="AD5816" s="85"/>
      <c r="AE5816" s="85"/>
      <c r="AF5816" s="85"/>
      <c r="AG5816" s="86"/>
      <c r="AH5816" s="85"/>
      <c r="AI5816" s="85"/>
      <c r="AJ5816" s="85"/>
      <c r="AK5816" s="85"/>
      <c r="AL5816" s="85"/>
      <c r="AM5816" s="92"/>
      <c r="AN5816" s="92"/>
      <c r="AO5816" s="92"/>
      <c r="AP5816" s="92"/>
      <c r="AQ5816" s="92"/>
      <c r="AR5816" s="92"/>
      <c r="AS5816" s="92"/>
      <c r="AT5816" s="92"/>
      <c r="AU5816" s="92"/>
      <c r="AV5816" s="92"/>
      <c r="AW5816" s="92"/>
      <c r="AX5816" s="92"/>
      <c r="AY5816" s="92"/>
      <c r="AZ5816" s="93"/>
      <c r="BA5816" s="93"/>
      <c r="BB5816" s="93"/>
      <c r="BC5816" s="93"/>
      <c r="BD5816" s="93"/>
      <c r="BE5816" s="93"/>
      <c r="BF5816" s="93"/>
      <c r="BG5816" s="93"/>
      <c r="BH5816" s="93"/>
      <c r="BI5816" s="93"/>
      <c r="BJ5816" s="93"/>
      <c r="BK5816" s="93"/>
      <c r="BL5816" s="93"/>
    </row>
    <row r="5817" spans="2:64" x14ac:dyDescent="0.2">
      <c r="B5817" s="43"/>
      <c r="C5817" s="73"/>
      <c r="D5817" s="64"/>
      <c r="E5817" s="55"/>
      <c r="F5817" s="74"/>
      <c r="G5817" s="74"/>
      <c r="H5817" s="74"/>
      <c r="I5817" s="75"/>
      <c r="J5817" s="74"/>
      <c r="L5817" s="55"/>
      <c r="M5817" s="234"/>
      <c r="N5817" s="65"/>
      <c r="O5817" s="76"/>
      <c r="P5817" s="76"/>
      <c r="Q5817" s="65"/>
      <c r="R5817" s="76"/>
      <c r="S5817" s="76"/>
      <c r="T5817" s="76"/>
      <c r="U5817" s="76"/>
      <c r="V5817" s="76"/>
      <c r="W5817" s="76"/>
      <c r="X5817" s="76"/>
      <c r="Y5817" s="76"/>
      <c r="Z5817" s="76"/>
      <c r="AA5817" s="85"/>
      <c r="AB5817" s="85"/>
      <c r="AC5817" s="85"/>
      <c r="AD5817" s="85"/>
      <c r="AE5817" s="85"/>
      <c r="AF5817" s="85"/>
      <c r="AG5817" s="86"/>
      <c r="AH5817" s="85"/>
      <c r="AI5817" s="85"/>
      <c r="AJ5817" s="85"/>
      <c r="AK5817" s="85"/>
      <c r="AL5817" s="85"/>
      <c r="AM5817" s="92"/>
      <c r="AN5817" s="92"/>
      <c r="AO5817" s="92"/>
      <c r="AP5817" s="92"/>
      <c r="AQ5817" s="92"/>
      <c r="AR5817" s="92"/>
      <c r="AS5817" s="92"/>
      <c r="AT5817" s="92"/>
      <c r="AU5817" s="92"/>
      <c r="AV5817" s="92"/>
      <c r="AW5817" s="92"/>
      <c r="AX5817" s="92"/>
      <c r="AY5817" s="92"/>
      <c r="AZ5817" s="93"/>
      <c r="BA5817" s="93"/>
      <c r="BB5817" s="93"/>
      <c r="BC5817" s="93"/>
      <c r="BD5817" s="93"/>
      <c r="BE5817" s="93"/>
      <c r="BF5817" s="93"/>
      <c r="BG5817" s="93"/>
      <c r="BH5817" s="93"/>
      <c r="BI5817" s="93"/>
      <c r="BJ5817" s="93"/>
      <c r="BK5817" s="93"/>
      <c r="BL5817" s="93"/>
    </row>
    <row r="5818" spans="2:64" x14ac:dyDescent="0.2">
      <c r="B5818" s="43"/>
      <c r="C5818" s="73"/>
      <c r="D5818" s="64"/>
      <c r="E5818" s="55"/>
      <c r="F5818" s="74"/>
      <c r="G5818" s="74"/>
      <c r="H5818" s="74"/>
      <c r="I5818" s="75"/>
      <c r="J5818" s="74"/>
      <c r="L5818" s="55"/>
      <c r="M5818" s="234"/>
      <c r="N5818" s="65"/>
      <c r="O5818" s="76"/>
      <c r="P5818" s="76"/>
      <c r="Q5818" s="65"/>
      <c r="R5818" s="76"/>
      <c r="S5818" s="76"/>
      <c r="T5818" s="76"/>
      <c r="U5818" s="76"/>
      <c r="V5818" s="76"/>
      <c r="W5818" s="76"/>
      <c r="X5818" s="76"/>
      <c r="Y5818" s="76"/>
      <c r="Z5818" s="76"/>
      <c r="AA5818" s="85"/>
      <c r="AB5818" s="85"/>
      <c r="AC5818" s="85"/>
      <c r="AD5818" s="85"/>
      <c r="AE5818" s="85"/>
      <c r="AF5818" s="85"/>
      <c r="AG5818" s="86"/>
      <c r="AH5818" s="85"/>
      <c r="AI5818" s="85"/>
      <c r="AJ5818" s="85"/>
      <c r="AK5818" s="85"/>
      <c r="AL5818" s="85"/>
      <c r="AM5818" s="92"/>
      <c r="AN5818" s="92"/>
      <c r="AO5818" s="92"/>
      <c r="AP5818" s="92"/>
      <c r="AQ5818" s="92"/>
      <c r="AR5818" s="92"/>
      <c r="AS5818" s="92"/>
      <c r="AT5818" s="92"/>
      <c r="AU5818" s="92"/>
      <c r="AV5818" s="92"/>
      <c r="AW5818" s="92"/>
      <c r="AX5818" s="92"/>
      <c r="AY5818" s="92"/>
      <c r="AZ5818" s="93"/>
      <c r="BA5818" s="93"/>
      <c r="BB5818" s="93"/>
      <c r="BC5818" s="93"/>
      <c r="BD5818" s="93"/>
      <c r="BE5818" s="93"/>
      <c r="BF5818" s="93"/>
      <c r="BG5818" s="93"/>
      <c r="BH5818" s="93"/>
      <c r="BI5818" s="93"/>
      <c r="BJ5818" s="93"/>
      <c r="BK5818" s="93"/>
      <c r="BL5818" s="93"/>
    </row>
    <row r="5819" spans="2:64" x14ac:dyDescent="0.2">
      <c r="B5819" s="43"/>
      <c r="C5819" s="73"/>
      <c r="D5819" s="64"/>
      <c r="E5819" s="55"/>
      <c r="F5819" s="74"/>
      <c r="G5819" s="74"/>
      <c r="H5819" s="74"/>
      <c r="I5819" s="75"/>
      <c r="J5819" s="74"/>
      <c r="L5819" s="55"/>
      <c r="M5819" s="234"/>
      <c r="N5819" s="65"/>
      <c r="O5819" s="76"/>
      <c r="P5819" s="76"/>
      <c r="Q5819" s="65"/>
      <c r="R5819" s="76"/>
      <c r="S5819" s="76"/>
      <c r="T5819" s="76"/>
      <c r="U5819" s="76"/>
      <c r="V5819" s="76"/>
      <c r="W5819" s="76"/>
      <c r="X5819" s="76"/>
      <c r="Y5819" s="76"/>
      <c r="Z5819" s="76"/>
      <c r="AA5819" s="85"/>
      <c r="AB5819" s="85"/>
      <c r="AC5819" s="85"/>
      <c r="AD5819" s="85"/>
      <c r="AE5819" s="85"/>
      <c r="AF5819" s="85"/>
      <c r="AG5819" s="86"/>
      <c r="AH5819" s="85"/>
      <c r="AI5819" s="85"/>
      <c r="AJ5819" s="85"/>
      <c r="AK5819" s="85"/>
      <c r="AL5819" s="85"/>
      <c r="AM5819" s="92"/>
      <c r="AN5819" s="92"/>
      <c r="AO5819" s="92"/>
      <c r="AP5819" s="92"/>
      <c r="AQ5819" s="92"/>
      <c r="AR5819" s="92"/>
      <c r="AS5819" s="92"/>
      <c r="AT5819" s="92"/>
      <c r="AU5819" s="92"/>
      <c r="AV5819" s="92"/>
      <c r="AW5819" s="92"/>
      <c r="AX5819" s="92"/>
      <c r="AY5819" s="92"/>
      <c r="AZ5819" s="93"/>
      <c r="BA5819" s="93"/>
      <c r="BB5819" s="93"/>
      <c r="BC5819" s="93"/>
      <c r="BD5819" s="93"/>
      <c r="BE5819" s="93"/>
      <c r="BF5819" s="93"/>
      <c r="BG5819" s="93"/>
      <c r="BH5819" s="93"/>
      <c r="BI5819" s="93"/>
      <c r="BJ5819" s="93"/>
      <c r="BK5819" s="93"/>
      <c r="BL5819" s="93"/>
    </row>
    <row r="5820" spans="2:64" x14ac:dyDescent="0.2">
      <c r="B5820" s="43"/>
      <c r="C5820" s="73"/>
      <c r="D5820" s="64"/>
      <c r="E5820" s="55"/>
      <c r="F5820" s="74"/>
      <c r="G5820" s="74"/>
      <c r="H5820" s="74"/>
      <c r="I5820" s="75"/>
      <c r="J5820" s="74"/>
      <c r="L5820" s="55"/>
      <c r="M5820" s="234"/>
      <c r="N5820" s="65"/>
      <c r="O5820" s="76"/>
      <c r="P5820" s="76"/>
      <c r="Q5820" s="65"/>
      <c r="R5820" s="76"/>
      <c r="S5820" s="76"/>
      <c r="T5820" s="76"/>
      <c r="U5820" s="76"/>
      <c r="V5820" s="76"/>
      <c r="W5820" s="76"/>
      <c r="X5820" s="76"/>
      <c r="Y5820" s="76"/>
      <c r="Z5820" s="76"/>
      <c r="AA5820" s="85"/>
      <c r="AB5820" s="85"/>
      <c r="AC5820" s="85"/>
      <c r="AD5820" s="85"/>
      <c r="AE5820" s="85"/>
      <c r="AF5820" s="85"/>
      <c r="AG5820" s="86"/>
      <c r="AH5820" s="85"/>
      <c r="AI5820" s="85"/>
      <c r="AJ5820" s="85"/>
      <c r="AK5820" s="85"/>
      <c r="AL5820" s="85"/>
      <c r="AM5820" s="92"/>
      <c r="AN5820" s="92"/>
      <c r="AO5820" s="92"/>
      <c r="AP5820" s="92"/>
      <c r="AQ5820" s="92"/>
      <c r="AR5820" s="92"/>
      <c r="AS5820" s="92"/>
      <c r="AT5820" s="92"/>
      <c r="AU5820" s="92"/>
      <c r="AV5820" s="92"/>
      <c r="AW5820" s="92"/>
      <c r="AX5820" s="92"/>
      <c r="AY5820" s="92"/>
      <c r="AZ5820" s="93"/>
      <c r="BA5820" s="93"/>
      <c r="BB5820" s="93"/>
      <c r="BC5820" s="93"/>
      <c r="BD5820" s="93"/>
      <c r="BE5820" s="93"/>
      <c r="BF5820" s="93"/>
      <c r="BG5820" s="93"/>
      <c r="BH5820" s="93"/>
      <c r="BI5820" s="93"/>
      <c r="BJ5820" s="93"/>
      <c r="BK5820" s="93"/>
      <c r="BL5820" s="93"/>
    </row>
    <row r="5821" spans="2:64" x14ac:dyDescent="0.2">
      <c r="B5821" s="43"/>
      <c r="C5821" s="73"/>
      <c r="D5821" s="64"/>
      <c r="E5821" s="55"/>
      <c r="F5821" s="74"/>
      <c r="G5821" s="74"/>
      <c r="H5821" s="74"/>
      <c r="I5821" s="75"/>
      <c r="J5821" s="74"/>
      <c r="L5821" s="55"/>
      <c r="M5821" s="234"/>
      <c r="N5821" s="65"/>
      <c r="O5821" s="76"/>
      <c r="P5821" s="76"/>
      <c r="Q5821" s="65"/>
      <c r="R5821" s="76"/>
      <c r="S5821" s="76"/>
      <c r="T5821" s="76"/>
      <c r="U5821" s="76"/>
      <c r="V5821" s="76"/>
      <c r="W5821" s="76"/>
      <c r="X5821" s="76"/>
      <c r="Y5821" s="76"/>
      <c r="Z5821" s="76"/>
      <c r="AA5821" s="85"/>
      <c r="AB5821" s="85"/>
      <c r="AC5821" s="85"/>
      <c r="AD5821" s="85"/>
      <c r="AE5821" s="85"/>
      <c r="AF5821" s="85"/>
      <c r="AG5821" s="86"/>
      <c r="AH5821" s="85"/>
      <c r="AI5821" s="85"/>
      <c r="AJ5821" s="85"/>
      <c r="AK5821" s="85"/>
      <c r="AL5821" s="85"/>
      <c r="AM5821" s="92"/>
      <c r="AN5821" s="92"/>
      <c r="AO5821" s="92"/>
      <c r="AP5821" s="92"/>
      <c r="AQ5821" s="92"/>
      <c r="AR5821" s="92"/>
      <c r="AS5821" s="92"/>
      <c r="AT5821" s="92"/>
      <c r="AU5821" s="92"/>
      <c r="AV5821" s="92"/>
      <c r="AW5821" s="92"/>
      <c r="AX5821" s="92"/>
      <c r="AY5821" s="92"/>
      <c r="AZ5821" s="93"/>
      <c r="BA5821" s="93"/>
      <c r="BB5821" s="93"/>
      <c r="BC5821" s="93"/>
      <c r="BD5821" s="93"/>
      <c r="BE5821" s="93"/>
      <c r="BF5821" s="93"/>
      <c r="BG5821" s="93"/>
      <c r="BH5821" s="93"/>
      <c r="BI5821" s="93"/>
      <c r="BJ5821" s="93"/>
      <c r="BK5821" s="93"/>
      <c r="BL5821" s="93"/>
    </row>
    <row r="5822" spans="2:64" x14ac:dyDescent="0.2">
      <c r="B5822" s="43"/>
      <c r="C5822" s="73"/>
      <c r="D5822" s="64"/>
      <c r="E5822" s="55"/>
      <c r="F5822" s="74"/>
      <c r="G5822" s="74"/>
      <c r="H5822" s="74"/>
      <c r="I5822" s="75"/>
      <c r="J5822" s="74"/>
      <c r="L5822" s="55"/>
      <c r="M5822" s="234"/>
      <c r="N5822" s="65"/>
      <c r="O5822" s="76"/>
      <c r="P5822" s="76"/>
      <c r="Q5822" s="65"/>
      <c r="R5822" s="76"/>
      <c r="S5822" s="76"/>
      <c r="T5822" s="76"/>
      <c r="U5822" s="76"/>
      <c r="V5822" s="76"/>
      <c r="W5822" s="76"/>
      <c r="X5822" s="76"/>
      <c r="Y5822" s="76"/>
      <c r="Z5822" s="76"/>
      <c r="AA5822" s="85"/>
      <c r="AB5822" s="85"/>
      <c r="AC5822" s="85"/>
      <c r="AD5822" s="85"/>
      <c r="AE5822" s="85"/>
      <c r="AF5822" s="85"/>
      <c r="AG5822" s="86"/>
      <c r="AH5822" s="85"/>
      <c r="AI5822" s="85"/>
      <c r="AJ5822" s="85"/>
      <c r="AK5822" s="85"/>
      <c r="AL5822" s="85"/>
      <c r="AM5822" s="92"/>
      <c r="AN5822" s="92"/>
      <c r="AO5822" s="92"/>
      <c r="AP5822" s="92"/>
      <c r="AQ5822" s="92"/>
      <c r="AR5822" s="92"/>
      <c r="AS5822" s="92"/>
      <c r="AT5822" s="92"/>
      <c r="AU5822" s="92"/>
      <c r="AV5822" s="92"/>
      <c r="AW5822" s="92"/>
      <c r="AX5822" s="92"/>
      <c r="AY5822" s="92"/>
      <c r="AZ5822" s="93"/>
      <c r="BA5822" s="93"/>
      <c r="BB5822" s="93"/>
      <c r="BC5822" s="93"/>
      <c r="BD5822" s="93"/>
      <c r="BE5822" s="93"/>
      <c r="BF5822" s="93"/>
      <c r="BG5822" s="93"/>
      <c r="BH5822" s="93"/>
      <c r="BI5822" s="93"/>
      <c r="BJ5822" s="93"/>
      <c r="BK5822" s="93"/>
      <c r="BL5822" s="93"/>
    </row>
    <row r="5823" spans="2:64" x14ac:dyDescent="0.2">
      <c r="B5823" s="43"/>
      <c r="C5823" s="73"/>
      <c r="D5823" s="64"/>
      <c r="E5823" s="55"/>
      <c r="F5823" s="74"/>
      <c r="G5823" s="74"/>
      <c r="H5823" s="74"/>
      <c r="I5823" s="75"/>
      <c r="J5823" s="74"/>
      <c r="L5823" s="55"/>
      <c r="M5823" s="234"/>
      <c r="N5823" s="65"/>
      <c r="O5823" s="76"/>
      <c r="P5823" s="76"/>
      <c r="Q5823" s="65"/>
      <c r="R5823" s="76"/>
      <c r="S5823" s="76"/>
      <c r="T5823" s="76"/>
      <c r="U5823" s="76"/>
      <c r="V5823" s="76"/>
      <c r="W5823" s="76"/>
      <c r="X5823" s="76"/>
      <c r="Y5823" s="76"/>
      <c r="Z5823" s="76"/>
      <c r="AA5823" s="85"/>
      <c r="AB5823" s="85"/>
      <c r="AC5823" s="85"/>
      <c r="AD5823" s="85"/>
      <c r="AE5823" s="85"/>
      <c r="AF5823" s="85"/>
      <c r="AG5823" s="86"/>
      <c r="AH5823" s="85"/>
      <c r="AI5823" s="85"/>
      <c r="AJ5823" s="85"/>
      <c r="AK5823" s="85"/>
      <c r="AL5823" s="85"/>
      <c r="AM5823" s="92"/>
      <c r="AN5823" s="92"/>
      <c r="AO5823" s="92"/>
      <c r="AP5823" s="92"/>
      <c r="AQ5823" s="92"/>
      <c r="AR5823" s="92"/>
      <c r="AS5823" s="92"/>
      <c r="AT5823" s="92"/>
      <c r="AU5823" s="92"/>
      <c r="AV5823" s="92"/>
      <c r="AW5823" s="92"/>
      <c r="AX5823" s="92"/>
      <c r="AY5823" s="92"/>
      <c r="AZ5823" s="93"/>
      <c r="BA5823" s="93"/>
      <c r="BB5823" s="93"/>
      <c r="BC5823" s="93"/>
      <c r="BD5823" s="93"/>
      <c r="BE5823" s="93"/>
      <c r="BF5823" s="93"/>
      <c r="BG5823" s="93"/>
      <c r="BH5823" s="93"/>
      <c r="BI5823" s="93"/>
      <c r="BJ5823" s="93"/>
      <c r="BK5823" s="93"/>
      <c r="BL5823" s="93"/>
    </row>
    <row r="5824" spans="2:64" x14ac:dyDescent="0.2">
      <c r="B5824" s="43"/>
      <c r="C5824" s="73"/>
      <c r="D5824" s="64"/>
      <c r="E5824" s="55"/>
      <c r="F5824" s="74"/>
      <c r="G5824" s="74"/>
      <c r="H5824" s="74"/>
      <c r="I5824" s="75"/>
      <c r="J5824" s="74"/>
      <c r="L5824" s="55"/>
      <c r="M5824" s="234"/>
      <c r="N5824" s="65"/>
      <c r="O5824" s="76"/>
      <c r="P5824" s="76"/>
      <c r="Q5824" s="65"/>
      <c r="R5824" s="76"/>
      <c r="S5824" s="76"/>
      <c r="T5824" s="76"/>
      <c r="U5824" s="76"/>
      <c r="V5824" s="76"/>
      <c r="W5824" s="76"/>
      <c r="X5824" s="76"/>
      <c r="Y5824" s="76"/>
      <c r="Z5824" s="76"/>
      <c r="AA5824" s="85"/>
      <c r="AB5824" s="85"/>
      <c r="AC5824" s="85"/>
      <c r="AD5824" s="85"/>
      <c r="AE5824" s="85"/>
      <c r="AF5824" s="85"/>
      <c r="AG5824" s="86"/>
      <c r="AH5824" s="85"/>
      <c r="AI5824" s="85"/>
      <c r="AJ5824" s="85"/>
      <c r="AK5824" s="85"/>
      <c r="AL5824" s="85"/>
      <c r="AM5824" s="92"/>
      <c r="AN5824" s="92"/>
      <c r="AO5824" s="92"/>
      <c r="AP5824" s="92"/>
      <c r="AQ5824" s="92"/>
      <c r="AR5824" s="92"/>
      <c r="AS5824" s="92"/>
      <c r="AT5824" s="92"/>
      <c r="AU5824" s="92"/>
      <c r="AV5824" s="92"/>
      <c r="AW5824" s="92"/>
      <c r="AX5824" s="92"/>
      <c r="AY5824" s="92"/>
      <c r="AZ5824" s="93"/>
      <c r="BA5824" s="93"/>
      <c r="BB5824" s="93"/>
      <c r="BC5824" s="93"/>
      <c r="BD5824" s="93"/>
      <c r="BE5824" s="93"/>
      <c r="BF5824" s="93"/>
      <c r="BG5824" s="93"/>
      <c r="BH5824" s="93"/>
      <c r="BI5824" s="93"/>
      <c r="BJ5824" s="93"/>
      <c r="BK5824" s="93"/>
      <c r="BL5824" s="93"/>
    </row>
    <row r="5825" spans="2:64" x14ac:dyDescent="0.2">
      <c r="B5825" s="43"/>
      <c r="C5825" s="73"/>
      <c r="D5825" s="64"/>
      <c r="E5825" s="55"/>
      <c r="F5825" s="74"/>
      <c r="G5825" s="74"/>
      <c r="H5825" s="74"/>
      <c r="I5825" s="75"/>
      <c r="J5825" s="74"/>
      <c r="L5825" s="55"/>
      <c r="M5825" s="234"/>
      <c r="N5825" s="65"/>
      <c r="O5825" s="76"/>
      <c r="P5825" s="76"/>
      <c r="Q5825" s="65"/>
      <c r="R5825" s="76"/>
      <c r="S5825" s="76"/>
      <c r="T5825" s="76"/>
      <c r="U5825" s="76"/>
      <c r="V5825" s="76"/>
      <c r="W5825" s="76"/>
      <c r="X5825" s="76"/>
      <c r="Y5825" s="76"/>
      <c r="Z5825" s="76"/>
      <c r="AA5825" s="85"/>
      <c r="AB5825" s="85"/>
      <c r="AC5825" s="85"/>
      <c r="AD5825" s="85"/>
      <c r="AE5825" s="85"/>
      <c r="AF5825" s="85"/>
      <c r="AG5825" s="86"/>
      <c r="AH5825" s="85"/>
      <c r="AI5825" s="85"/>
      <c r="AJ5825" s="85"/>
      <c r="AK5825" s="85"/>
      <c r="AL5825" s="85"/>
      <c r="AM5825" s="92"/>
      <c r="AN5825" s="92"/>
      <c r="AO5825" s="92"/>
      <c r="AP5825" s="92"/>
      <c r="AQ5825" s="92"/>
      <c r="AR5825" s="92"/>
      <c r="AS5825" s="92"/>
      <c r="AT5825" s="92"/>
      <c r="AU5825" s="92"/>
      <c r="AV5825" s="92"/>
      <c r="AW5825" s="92"/>
      <c r="AX5825" s="92"/>
      <c r="AY5825" s="92"/>
      <c r="AZ5825" s="93"/>
      <c r="BA5825" s="93"/>
      <c r="BB5825" s="93"/>
      <c r="BC5825" s="93"/>
      <c r="BD5825" s="93"/>
      <c r="BE5825" s="93"/>
      <c r="BF5825" s="93"/>
      <c r="BG5825" s="93"/>
      <c r="BH5825" s="93"/>
      <c r="BI5825" s="93"/>
      <c r="BJ5825" s="93"/>
      <c r="BK5825" s="93"/>
      <c r="BL5825" s="93"/>
    </row>
    <row r="5826" spans="2:64" x14ac:dyDescent="0.2">
      <c r="B5826" s="43"/>
      <c r="C5826" s="73"/>
      <c r="D5826" s="64"/>
      <c r="E5826" s="55"/>
      <c r="F5826" s="74"/>
      <c r="G5826" s="74"/>
      <c r="H5826" s="74"/>
      <c r="I5826" s="75"/>
      <c r="J5826" s="74"/>
      <c r="L5826" s="55"/>
      <c r="M5826" s="234"/>
      <c r="N5826" s="65"/>
      <c r="O5826" s="76"/>
      <c r="P5826" s="76"/>
      <c r="Q5826" s="65"/>
      <c r="R5826" s="76"/>
      <c r="S5826" s="76"/>
      <c r="T5826" s="76"/>
      <c r="U5826" s="76"/>
      <c r="V5826" s="76"/>
      <c r="W5826" s="76"/>
      <c r="X5826" s="76"/>
      <c r="Y5826" s="76"/>
      <c r="Z5826" s="76"/>
      <c r="AA5826" s="85"/>
      <c r="AB5826" s="85"/>
      <c r="AC5826" s="85"/>
      <c r="AD5826" s="85"/>
      <c r="AE5826" s="85"/>
      <c r="AF5826" s="85"/>
      <c r="AG5826" s="86"/>
      <c r="AH5826" s="85"/>
      <c r="AI5826" s="85"/>
      <c r="AJ5826" s="85"/>
      <c r="AK5826" s="85"/>
      <c r="AL5826" s="85"/>
      <c r="AM5826" s="92"/>
      <c r="AN5826" s="92"/>
      <c r="AO5826" s="92"/>
      <c r="AP5826" s="92"/>
      <c r="AQ5826" s="92"/>
      <c r="AR5826" s="92"/>
      <c r="AS5826" s="92"/>
      <c r="AT5826" s="92"/>
      <c r="AU5826" s="92"/>
      <c r="AV5826" s="92"/>
      <c r="AW5826" s="92"/>
      <c r="AX5826" s="92"/>
      <c r="AY5826" s="92"/>
      <c r="AZ5826" s="93"/>
      <c r="BA5826" s="93"/>
      <c r="BB5826" s="93"/>
      <c r="BC5826" s="93"/>
      <c r="BD5826" s="93"/>
      <c r="BE5826" s="93"/>
      <c r="BF5826" s="93"/>
      <c r="BG5826" s="93"/>
      <c r="BH5826" s="93"/>
      <c r="BI5826" s="93"/>
      <c r="BJ5826" s="93"/>
      <c r="BK5826" s="93"/>
      <c r="BL5826" s="93"/>
    </row>
    <row r="5827" spans="2:64" x14ac:dyDescent="0.2">
      <c r="B5827" s="43"/>
      <c r="C5827" s="73"/>
      <c r="D5827" s="64"/>
      <c r="E5827" s="55"/>
      <c r="F5827" s="74"/>
      <c r="G5827" s="74"/>
      <c r="H5827" s="74"/>
      <c r="I5827" s="75"/>
      <c r="J5827" s="74"/>
      <c r="L5827" s="55"/>
      <c r="M5827" s="234"/>
      <c r="N5827" s="65"/>
      <c r="O5827" s="76"/>
      <c r="P5827" s="76"/>
      <c r="Q5827" s="65"/>
      <c r="R5827" s="76"/>
      <c r="S5827" s="76"/>
      <c r="T5827" s="76"/>
      <c r="U5827" s="76"/>
      <c r="V5827" s="76"/>
      <c r="W5827" s="76"/>
      <c r="X5827" s="76"/>
      <c r="Y5827" s="76"/>
      <c r="Z5827" s="76"/>
      <c r="AA5827" s="85"/>
      <c r="AB5827" s="85"/>
      <c r="AC5827" s="85"/>
      <c r="AD5827" s="85"/>
      <c r="AE5827" s="85"/>
      <c r="AF5827" s="85"/>
      <c r="AG5827" s="86"/>
      <c r="AH5827" s="85"/>
      <c r="AI5827" s="85"/>
      <c r="AJ5827" s="85"/>
      <c r="AK5827" s="85"/>
      <c r="AL5827" s="85"/>
      <c r="AM5827" s="92"/>
      <c r="AN5827" s="92"/>
      <c r="AO5827" s="92"/>
      <c r="AP5827" s="92"/>
      <c r="AQ5827" s="92"/>
      <c r="AR5827" s="92"/>
      <c r="AS5827" s="92"/>
      <c r="AT5827" s="92"/>
      <c r="AU5827" s="92"/>
      <c r="AV5827" s="92"/>
      <c r="AW5827" s="92"/>
      <c r="AX5827" s="92"/>
      <c r="AY5827" s="92"/>
      <c r="AZ5827" s="93"/>
      <c r="BA5827" s="93"/>
      <c r="BB5827" s="93"/>
      <c r="BC5827" s="93"/>
      <c r="BD5827" s="93"/>
      <c r="BE5827" s="93"/>
      <c r="BF5827" s="93"/>
      <c r="BG5827" s="93"/>
      <c r="BH5827" s="93"/>
      <c r="BI5827" s="93"/>
      <c r="BJ5827" s="93"/>
      <c r="BK5827" s="93"/>
      <c r="BL5827" s="93"/>
    </row>
    <row r="5828" spans="2:64" x14ac:dyDescent="0.2">
      <c r="B5828" s="43"/>
      <c r="C5828" s="73"/>
      <c r="D5828" s="64"/>
      <c r="E5828" s="55"/>
      <c r="F5828" s="74"/>
      <c r="G5828" s="74"/>
      <c r="H5828" s="74"/>
      <c r="I5828" s="75"/>
      <c r="J5828" s="74"/>
      <c r="L5828" s="55"/>
      <c r="M5828" s="234"/>
      <c r="N5828" s="65"/>
      <c r="O5828" s="76"/>
      <c r="P5828" s="76"/>
      <c r="Q5828" s="65"/>
      <c r="R5828" s="76"/>
      <c r="S5828" s="76"/>
      <c r="T5828" s="76"/>
      <c r="U5828" s="76"/>
      <c r="V5828" s="76"/>
      <c r="W5828" s="76"/>
      <c r="X5828" s="76"/>
      <c r="Y5828" s="76"/>
      <c r="Z5828" s="76"/>
      <c r="AA5828" s="85"/>
      <c r="AB5828" s="85"/>
      <c r="AC5828" s="85"/>
      <c r="AD5828" s="85"/>
      <c r="AE5828" s="85"/>
      <c r="AF5828" s="85"/>
      <c r="AG5828" s="86"/>
      <c r="AH5828" s="85"/>
      <c r="AI5828" s="85"/>
      <c r="AJ5828" s="85"/>
      <c r="AK5828" s="85"/>
      <c r="AL5828" s="85"/>
      <c r="AM5828" s="92"/>
      <c r="AN5828" s="92"/>
      <c r="AO5828" s="92"/>
      <c r="AP5828" s="92"/>
      <c r="AQ5828" s="92"/>
      <c r="AR5828" s="92"/>
      <c r="AS5828" s="92"/>
      <c r="AT5828" s="92"/>
      <c r="AU5828" s="92"/>
      <c r="AV5828" s="92"/>
      <c r="AW5828" s="92"/>
      <c r="AX5828" s="92"/>
      <c r="AY5828" s="92"/>
      <c r="AZ5828" s="93"/>
      <c r="BA5828" s="93"/>
      <c r="BB5828" s="93"/>
      <c r="BC5828" s="93"/>
      <c r="BD5828" s="93"/>
      <c r="BE5828" s="93"/>
      <c r="BF5828" s="93"/>
      <c r="BG5828" s="93"/>
      <c r="BH5828" s="93"/>
      <c r="BI5828" s="93"/>
      <c r="BJ5828" s="93"/>
      <c r="BK5828" s="93"/>
      <c r="BL5828" s="93"/>
    </row>
    <row r="5829" spans="2:64" x14ac:dyDescent="0.2">
      <c r="B5829" s="43"/>
      <c r="C5829" s="73"/>
      <c r="D5829" s="64"/>
      <c r="E5829" s="55"/>
      <c r="F5829" s="74"/>
      <c r="G5829" s="74"/>
      <c r="H5829" s="74"/>
      <c r="I5829" s="75"/>
      <c r="J5829" s="74"/>
      <c r="L5829" s="55"/>
      <c r="M5829" s="234"/>
      <c r="N5829" s="65"/>
      <c r="O5829" s="76"/>
      <c r="P5829" s="76"/>
      <c r="Q5829" s="65"/>
      <c r="R5829" s="76"/>
      <c r="S5829" s="76"/>
      <c r="T5829" s="76"/>
      <c r="U5829" s="76"/>
      <c r="V5829" s="76"/>
      <c r="W5829" s="76"/>
      <c r="X5829" s="76"/>
      <c r="Y5829" s="76"/>
      <c r="Z5829" s="76"/>
      <c r="AA5829" s="85"/>
      <c r="AB5829" s="85"/>
      <c r="AC5829" s="85"/>
      <c r="AD5829" s="85"/>
      <c r="AE5829" s="85"/>
      <c r="AF5829" s="85"/>
      <c r="AG5829" s="86"/>
      <c r="AH5829" s="85"/>
      <c r="AI5829" s="85"/>
      <c r="AJ5829" s="85"/>
      <c r="AK5829" s="85"/>
      <c r="AL5829" s="85"/>
      <c r="AM5829" s="92"/>
      <c r="AN5829" s="92"/>
      <c r="AO5829" s="92"/>
      <c r="AP5829" s="92"/>
      <c r="AQ5829" s="92"/>
      <c r="AR5829" s="92"/>
      <c r="AS5829" s="92"/>
      <c r="AT5829" s="92"/>
      <c r="AU5829" s="92"/>
      <c r="AV5829" s="92"/>
      <c r="AW5829" s="92"/>
      <c r="AX5829" s="92"/>
      <c r="AY5829" s="92"/>
      <c r="AZ5829" s="93"/>
      <c r="BA5829" s="93"/>
      <c r="BB5829" s="93"/>
      <c r="BC5829" s="93"/>
      <c r="BD5829" s="93"/>
      <c r="BE5829" s="93"/>
      <c r="BF5829" s="93"/>
      <c r="BG5829" s="93"/>
      <c r="BH5829" s="93"/>
      <c r="BI5829" s="93"/>
      <c r="BJ5829" s="93"/>
      <c r="BK5829" s="93"/>
      <c r="BL5829" s="93"/>
    </row>
    <row r="5830" spans="2:64" x14ac:dyDescent="0.2">
      <c r="B5830" s="43"/>
      <c r="C5830" s="73"/>
      <c r="D5830" s="64"/>
      <c r="E5830" s="55"/>
      <c r="F5830" s="74"/>
      <c r="G5830" s="74"/>
      <c r="H5830" s="74"/>
      <c r="I5830" s="75"/>
      <c r="J5830" s="74"/>
      <c r="L5830" s="55"/>
      <c r="M5830" s="234"/>
      <c r="N5830" s="65"/>
      <c r="O5830" s="76"/>
      <c r="P5830" s="76"/>
      <c r="Q5830" s="65"/>
      <c r="R5830" s="76"/>
      <c r="S5830" s="76"/>
      <c r="T5830" s="76"/>
      <c r="U5830" s="76"/>
      <c r="V5830" s="76"/>
      <c r="W5830" s="76"/>
      <c r="X5830" s="76"/>
      <c r="Y5830" s="76"/>
      <c r="Z5830" s="76"/>
      <c r="AA5830" s="85"/>
      <c r="AB5830" s="85"/>
      <c r="AC5830" s="85"/>
      <c r="AD5830" s="85"/>
      <c r="AE5830" s="85"/>
      <c r="AF5830" s="85"/>
      <c r="AG5830" s="86"/>
      <c r="AH5830" s="85"/>
      <c r="AI5830" s="85"/>
      <c r="AJ5830" s="85"/>
      <c r="AK5830" s="85"/>
      <c r="AL5830" s="85"/>
      <c r="AM5830" s="92"/>
      <c r="AN5830" s="92"/>
      <c r="AO5830" s="92"/>
      <c r="AP5830" s="92"/>
      <c r="AQ5830" s="92"/>
      <c r="AR5830" s="92"/>
      <c r="AS5830" s="92"/>
      <c r="AT5830" s="92"/>
      <c r="AU5830" s="92"/>
      <c r="AV5830" s="92"/>
      <c r="AW5830" s="92"/>
      <c r="AX5830" s="92"/>
      <c r="AY5830" s="92"/>
      <c r="AZ5830" s="93"/>
      <c r="BA5830" s="93"/>
      <c r="BB5830" s="93"/>
      <c r="BC5830" s="93"/>
      <c r="BD5830" s="93"/>
      <c r="BE5830" s="93"/>
      <c r="BF5830" s="93"/>
      <c r="BG5830" s="93"/>
      <c r="BH5830" s="93"/>
      <c r="BI5830" s="93"/>
      <c r="BJ5830" s="93"/>
      <c r="BK5830" s="93"/>
      <c r="BL5830" s="93"/>
    </row>
    <row r="5831" spans="2:64" x14ac:dyDescent="0.2">
      <c r="B5831" s="43"/>
      <c r="C5831" s="73"/>
      <c r="D5831" s="64"/>
      <c r="E5831" s="55"/>
      <c r="F5831" s="74"/>
      <c r="G5831" s="74"/>
      <c r="H5831" s="74"/>
      <c r="I5831" s="75"/>
      <c r="J5831" s="74"/>
      <c r="L5831" s="55"/>
      <c r="M5831" s="234"/>
      <c r="N5831" s="65"/>
      <c r="O5831" s="76"/>
      <c r="P5831" s="76"/>
      <c r="Q5831" s="65"/>
      <c r="R5831" s="76"/>
      <c r="S5831" s="76"/>
      <c r="T5831" s="76"/>
      <c r="U5831" s="76"/>
      <c r="V5831" s="76"/>
      <c r="W5831" s="76"/>
      <c r="X5831" s="76"/>
      <c r="Y5831" s="76"/>
      <c r="Z5831" s="76"/>
      <c r="AA5831" s="85"/>
      <c r="AB5831" s="85"/>
      <c r="AC5831" s="85"/>
      <c r="AD5831" s="85"/>
      <c r="AE5831" s="85"/>
      <c r="AF5831" s="85"/>
      <c r="AG5831" s="86"/>
      <c r="AH5831" s="85"/>
      <c r="AI5831" s="85"/>
      <c r="AJ5831" s="85"/>
      <c r="AK5831" s="85"/>
      <c r="AL5831" s="85"/>
      <c r="AM5831" s="92"/>
      <c r="AN5831" s="92"/>
      <c r="AO5831" s="92"/>
      <c r="AP5831" s="92"/>
      <c r="AQ5831" s="92"/>
      <c r="AR5831" s="92"/>
      <c r="AS5831" s="92"/>
      <c r="AT5831" s="92"/>
      <c r="AU5831" s="92"/>
      <c r="AV5831" s="92"/>
      <c r="AW5831" s="92"/>
      <c r="AX5831" s="92"/>
      <c r="AY5831" s="92"/>
      <c r="AZ5831" s="93"/>
      <c r="BA5831" s="93"/>
      <c r="BB5831" s="93"/>
      <c r="BC5831" s="93"/>
      <c r="BD5831" s="93"/>
      <c r="BE5831" s="93"/>
      <c r="BF5831" s="93"/>
      <c r="BG5831" s="93"/>
      <c r="BH5831" s="93"/>
      <c r="BI5831" s="93"/>
      <c r="BJ5831" s="93"/>
      <c r="BK5831" s="93"/>
      <c r="BL5831" s="93"/>
    </row>
    <row r="5832" spans="2:64" x14ac:dyDescent="0.2">
      <c r="B5832" s="43"/>
      <c r="C5832" s="73"/>
      <c r="D5832" s="64"/>
      <c r="E5832" s="55"/>
      <c r="F5832" s="74"/>
      <c r="G5832" s="74"/>
      <c r="H5832" s="74"/>
      <c r="I5832" s="75"/>
      <c r="J5832" s="74"/>
      <c r="L5832" s="55"/>
      <c r="M5832" s="234"/>
      <c r="N5832" s="65"/>
      <c r="O5832" s="76"/>
      <c r="P5832" s="76"/>
      <c r="Q5832" s="65"/>
      <c r="R5832" s="76"/>
      <c r="S5832" s="76"/>
      <c r="T5832" s="76"/>
      <c r="U5832" s="76"/>
      <c r="V5832" s="76"/>
      <c r="W5832" s="76"/>
      <c r="X5832" s="76"/>
      <c r="Y5832" s="76"/>
      <c r="Z5832" s="76"/>
      <c r="AA5832" s="85"/>
      <c r="AB5832" s="85"/>
      <c r="AC5832" s="85"/>
      <c r="AD5832" s="85"/>
      <c r="AE5832" s="85"/>
      <c r="AF5832" s="85"/>
      <c r="AG5832" s="86"/>
      <c r="AH5832" s="85"/>
      <c r="AI5832" s="85"/>
      <c r="AJ5832" s="85"/>
      <c r="AK5832" s="85"/>
      <c r="AL5832" s="85"/>
      <c r="AM5832" s="92"/>
      <c r="AN5832" s="92"/>
      <c r="AO5832" s="92"/>
      <c r="AP5832" s="92"/>
      <c r="AQ5832" s="92"/>
      <c r="AR5832" s="92"/>
      <c r="AS5832" s="92"/>
      <c r="AT5832" s="92"/>
      <c r="AU5832" s="92"/>
      <c r="AV5832" s="92"/>
      <c r="AW5832" s="92"/>
      <c r="AX5832" s="92"/>
      <c r="AY5832" s="92"/>
      <c r="AZ5832" s="93"/>
      <c r="BA5832" s="93"/>
      <c r="BB5832" s="93"/>
      <c r="BC5832" s="93"/>
      <c r="BD5832" s="93"/>
      <c r="BE5832" s="93"/>
      <c r="BF5832" s="93"/>
      <c r="BG5832" s="93"/>
      <c r="BH5832" s="93"/>
      <c r="BI5832" s="93"/>
      <c r="BJ5832" s="93"/>
      <c r="BK5832" s="93"/>
      <c r="BL5832" s="93"/>
    </row>
    <row r="5833" spans="2:64" x14ac:dyDescent="0.2">
      <c r="B5833" s="43"/>
      <c r="C5833" s="73"/>
      <c r="D5833" s="64"/>
      <c r="E5833" s="55"/>
      <c r="F5833" s="74"/>
      <c r="G5833" s="74"/>
      <c r="H5833" s="74"/>
      <c r="I5833" s="75"/>
      <c r="J5833" s="74"/>
      <c r="L5833" s="55"/>
      <c r="M5833" s="234"/>
      <c r="N5833" s="65"/>
      <c r="O5833" s="76"/>
      <c r="P5833" s="76"/>
      <c r="Q5833" s="65"/>
      <c r="R5833" s="76"/>
      <c r="S5833" s="76"/>
      <c r="T5833" s="76"/>
      <c r="U5833" s="76"/>
      <c r="V5833" s="76"/>
      <c r="W5833" s="76"/>
      <c r="X5833" s="76"/>
      <c r="Y5833" s="76"/>
      <c r="Z5833" s="76"/>
      <c r="AA5833" s="85"/>
      <c r="AB5833" s="85"/>
      <c r="AC5833" s="85"/>
      <c r="AD5833" s="85"/>
      <c r="AE5833" s="85"/>
      <c r="AF5833" s="85"/>
      <c r="AG5833" s="86"/>
      <c r="AH5833" s="85"/>
      <c r="AI5833" s="85"/>
      <c r="AJ5833" s="85"/>
      <c r="AK5833" s="85"/>
      <c r="AL5833" s="85"/>
      <c r="AM5833" s="92"/>
      <c r="AN5833" s="92"/>
      <c r="AO5833" s="92"/>
      <c r="AP5833" s="92"/>
      <c r="AQ5833" s="92"/>
      <c r="AR5833" s="92"/>
      <c r="AS5833" s="92"/>
      <c r="AT5833" s="92"/>
      <c r="AU5833" s="92"/>
      <c r="AV5833" s="92"/>
      <c r="AW5833" s="92"/>
      <c r="AX5833" s="92"/>
      <c r="AY5833" s="92"/>
      <c r="AZ5833" s="93"/>
      <c r="BA5833" s="93"/>
      <c r="BB5833" s="93"/>
      <c r="BC5833" s="93"/>
      <c r="BD5833" s="93"/>
      <c r="BE5833" s="93"/>
      <c r="BF5833" s="93"/>
      <c r="BG5833" s="93"/>
      <c r="BH5833" s="93"/>
      <c r="BI5833" s="93"/>
      <c r="BJ5833" s="93"/>
      <c r="BK5833" s="93"/>
      <c r="BL5833" s="93"/>
    </row>
    <row r="5834" spans="2:64" x14ac:dyDescent="0.2">
      <c r="B5834" s="43"/>
      <c r="C5834" s="73"/>
      <c r="D5834" s="64"/>
      <c r="E5834" s="55"/>
      <c r="F5834" s="74"/>
      <c r="G5834" s="74"/>
      <c r="H5834" s="74"/>
      <c r="I5834" s="75"/>
      <c r="J5834" s="74"/>
      <c r="L5834" s="55"/>
      <c r="M5834" s="234"/>
      <c r="N5834" s="65"/>
      <c r="O5834" s="76"/>
      <c r="P5834" s="76"/>
      <c r="Q5834" s="65"/>
      <c r="R5834" s="76"/>
      <c r="S5834" s="76"/>
      <c r="T5834" s="76"/>
      <c r="U5834" s="76"/>
      <c r="V5834" s="76"/>
      <c r="W5834" s="76"/>
      <c r="X5834" s="76"/>
      <c r="Y5834" s="76"/>
      <c r="Z5834" s="76"/>
      <c r="AA5834" s="85"/>
      <c r="AB5834" s="85"/>
      <c r="AC5834" s="85"/>
      <c r="AD5834" s="85"/>
      <c r="AE5834" s="85"/>
      <c r="AF5834" s="85"/>
      <c r="AG5834" s="86"/>
      <c r="AH5834" s="85"/>
      <c r="AI5834" s="85"/>
      <c r="AJ5834" s="85"/>
      <c r="AK5834" s="85"/>
      <c r="AL5834" s="85"/>
      <c r="AM5834" s="92"/>
      <c r="AN5834" s="92"/>
      <c r="AO5834" s="92"/>
      <c r="AP5834" s="92"/>
      <c r="AQ5834" s="92"/>
      <c r="AR5834" s="92"/>
      <c r="AS5834" s="92"/>
      <c r="AT5834" s="92"/>
      <c r="AU5834" s="92"/>
      <c r="AV5834" s="92"/>
      <c r="AW5834" s="92"/>
      <c r="AX5834" s="92"/>
      <c r="AY5834" s="92"/>
      <c r="AZ5834" s="93"/>
      <c r="BA5834" s="93"/>
      <c r="BB5834" s="93"/>
      <c r="BC5834" s="93"/>
      <c r="BD5834" s="93"/>
      <c r="BE5834" s="93"/>
      <c r="BF5834" s="93"/>
      <c r="BG5834" s="93"/>
      <c r="BH5834" s="93"/>
      <c r="BI5834" s="93"/>
      <c r="BJ5834" s="93"/>
      <c r="BK5834" s="93"/>
      <c r="BL5834" s="93"/>
    </row>
    <row r="5835" spans="2:64" x14ac:dyDescent="0.2">
      <c r="B5835" s="43"/>
      <c r="C5835" s="73"/>
      <c r="D5835" s="64"/>
      <c r="E5835" s="55"/>
      <c r="F5835" s="74"/>
      <c r="G5835" s="74"/>
      <c r="H5835" s="74"/>
      <c r="I5835" s="75"/>
      <c r="J5835" s="74"/>
      <c r="L5835" s="55"/>
      <c r="M5835" s="234"/>
      <c r="N5835" s="65"/>
      <c r="O5835" s="76"/>
      <c r="P5835" s="76"/>
      <c r="Q5835" s="65"/>
      <c r="R5835" s="76"/>
      <c r="S5835" s="76"/>
      <c r="T5835" s="76"/>
      <c r="U5835" s="76"/>
      <c r="V5835" s="76"/>
      <c r="W5835" s="76"/>
      <c r="X5835" s="76"/>
      <c r="Y5835" s="76"/>
      <c r="Z5835" s="76"/>
      <c r="AA5835" s="85"/>
      <c r="AB5835" s="85"/>
      <c r="AC5835" s="85"/>
      <c r="AD5835" s="85"/>
      <c r="AE5835" s="85"/>
      <c r="AF5835" s="85"/>
      <c r="AG5835" s="86"/>
      <c r="AH5835" s="85"/>
      <c r="AI5835" s="85"/>
      <c r="AJ5835" s="85"/>
      <c r="AK5835" s="85"/>
      <c r="AL5835" s="85"/>
      <c r="AM5835" s="92"/>
      <c r="AN5835" s="92"/>
      <c r="AO5835" s="92"/>
      <c r="AP5835" s="92"/>
      <c r="AQ5835" s="92"/>
      <c r="AR5835" s="92"/>
      <c r="AS5835" s="92"/>
      <c r="AT5835" s="92"/>
      <c r="AU5835" s="92"/>
      <c r="AV5835" s="92"/>
      <c r="AW5835" s="92"/>
      <c r="AX5835" s="92"/>
      <c r="AY5835" s="92"/>
      <c r="AZ5835" s="93"/>
      <c r="BA5835" s="93"/>
      <c r="BB5835" s="93"/>
      <c r="BC5835" s="93"/>
      <c r="BD5835" s="93"/>
      <c r="BE5835" s="93"/>
      <c r="BF5835" s="93"/>
      <c r="BG5835" s="93"/>
      <c r="BH5835" s="93"/>
      <c r="BI5835" s="93"/>
      <c r="BJ5835" s="93"/>
      <c r="BK5835" s="93"/>
      <c r="BL5835" s="93"/>
    </row>
    <row r="5836" spans="2:64" x14ac:dyDescent="0.2">
      <c r="B5836" s="43"/>
      <c r="C5836" s="73"/>
      <c r="D5836" s="64"/>
      <c r="E5836" s="55"/>
      <c r="F5836" s="74"/>
      <c r="G5836" s="74"/>
      <c r="H5836" s="74"/>
      <c r="I5836" s="75"/>
      <c r="J5836" s="74"/>
      <c r="L5836" s="55"/>
      <c r="M5836" s="234"/>
      <c r="N5836" s="65"/>
      <c r="O5836" s="76"/>
      <c r="P5836" s="76"/>
      <c r="Q5836" s="65"/>
      <c r="R5836" s="76"/>
      <c r="S5836" s="76"/>
      <c r="T5836" s="76"/>
      <c r="U5836" s="76"/>
      <c r="V5836" s="76"/>
      <c r="W5836" s="76"/>
      <c r="X5836" s="76"/>
      <c r="Y5836" s="76"/>
      <c r="Z5836" s="76"/>
      <c r="AA5836" s="85"/>
      <c r="AB5836" s="85"/>
      <c r="AC5836" s="85"/>
      <c r="AD5836" s="85"/>
      <c r="AE5836" s="85"/>
      <c r="AF5836" s="85"/>
      <c r="AG5836" s="86"/>
      <c r="AH5836" s="85"/>
      <c r="AI5836" s="85"/>
      <c r="AJ5836" s="85"/>
      <c r="AK5836" s="85"/>
      <c r="AL5836" s="85"/>
      <c r="AM5836" s="92"/>
      <c r="AN5836" s="92"/>
      <c r="AO5836" s="92"/>
      <c r="AP5836" s="92"/>
      <c r="AQ5836" s="92"/>
      <c r="AR5836" s="92"/>
      <c r="AS5836" s="92"/>
      <c r="AT5836" s="92"/>
      <c r="AU5836" s="92"/>
      <c r="AV5836" s="92"/>
      <c r="AW5836" s="92"/>
      <c r="AX5836" s="92"/>
      <c r="AY5836" s="92"/>
      <c r="AZ5836" s="93"/>
      <c r="BA5836" s="93"/>
      <c r="BB5836" s="93"/>
      <c r="BC5836" s="93"/>
      <c r="BD5836" s="93"/>
      <c r="BE5836" s="93"/>
      <c r="BF5836" s="93"/>
      <c r="BG5836" s="93"/>
      <c r="BH5836" s="93"/>
      <c r="BI5836" s="93"/>
      <c r="BJ5836" s="93"/>
      <c r="BK5836" s="93"/>
      <c r="BL5836" s="93"/>
    </row>
    <row r="5837" spans="2:64" x14ac:dyDescent="0.2">
      <c r="B5837" s="43"/>
      <c r="C5837" s="73"/>
      <c r="D5837" s="64"/>
      <c r="E5837" s="55"/>
      <c r="F5837" s="74"/>
      <c r="G5837" s="74"/>
      <c r="H5837" s="74"/>
      <c r="I5837" s="75"/>
      <c r="J5837" s="74"/>
      <c r="L5837" s="55"/>
      <c r="M5837" s="234"/>
      <c r="N5837" s="65"/>
      <c r="O5837" s="76"/>
      <c r="P5837" s="76"/>
      <c r="Q5837" s="65"/>
      <c r="R5837" s="76"/>
      <c r="S5837" s="76"/>
      <c r="T5837" s="76"/>
      <c r="U5837" s="76"/>
      <c r="V5837" s="76"/>
      <c r="W5837" s="76"/>
      <c r="X5837" s="76"/>
      <c r="Y5837" s="76"/>
      <c r="Z5837" s="76"/>
      <c r="AA5837" s="85"/>
      <c r="AB5837" s="85"/>
      <c r="AC5837" s="85"/>
      <c r="AD5837" s="85"/>
      <c r="AE5837" s="85"/>
      <c r="AF5837" s="85"/>
      <c r="AG5837" s="86"/>
      <c r="AH5837" s="85"/>
      <c r="AI5837" s="85"/>
      <c r="AJ5837" s="85"/>
      <c r="AK5837" s="85"/>
      <c r="AL5837" s="85"/>
      <c r="AM5837" s="92"/>
      <c r="AN5837" s="92"/>
      <c r="AO5837" s="92"/>
      <c r="AP5837" s="92"/>
      <c r="AQ5837" s="92"/>
      <c r="AR5837" s="92"/>
      <c r="AS5837" s="92"/>
      <c r="AT5837" s="92"/>
      <c r="AU5837" s="92"/>
      <c r="AV5837" s="92"/>
      <c r="AW5837" s="92"/>
      <c r="AX5837" s="92"/>
      <c r="AY5837" s="92"/>
      <c r="AZ5837" s="93"/>
      <c r="BA5837" s="93"/>
      <c r="BB5837" s="93"/>
      <c r="BC5837" s="93"/>
      <c r="BD5837" s="93"/>
      <c r="BE5837" s="93"/>
      <c r="BF5837" s="93"/>
      <c r="BG5837" s="93"/>
      <c r="BH5837" s="93"/>
      <c r="BI5837" s="93"/>
      <c r="BJ5837" s="93"/>
      <c r="BK5837" s="93"/>
      <c r="BL5837" s="93"/>
    </row>
    <row r="5838" spans="2:64" x14ac:dyDescent="0.2">
      <c r="B5838" s="43"/>
      <c r="C5838" s="73"/>
      <c r="D5838" s="64"/>
      <c r="E5838" s="55"/>
      <c r="F5838" s="74"/>
      <c r="G5838" s="74"/>
      <c r="H5838" s="74"/>
      <c r="I5838" s="75"/>
      <c r="J5838" s="74"/>
      <c r="L5838" s="55"/>
      <c r="M5838" s="234"/>
      <c r="N5838" s="65"/>
      <c r="O5838" s="76"/>
      <c r="P5838" s="76"/>
      <c r="Q5838" s="65"/>
      <c r="R5838" s="76"/>
      <c r="S5838" s="76"/>
      <c r="T5838" s="76"/>
      <c r="U5838" s="76"/>
      <c r="V5838" s="76"/>
      <c r="W5838" s="76"/>
      <c r="X5838" s="76"/>
      <c r="Y5838" s="76"/>
      <c r="Z5838" s="76"/>
      <c r="AA5838" s="85"/>
      <c r="AB5838" s="85"/>
      <c r="AC5838" s="85"/>
      <c r="AD5838" s="85"/>
      <c r="AE5838" s="85"/>
      <c r="AF5838" s="85"/>
      <c r="AG5838" s="86"/>
      <c r="AH5838" s="85"/>
      <c r="AI5838" s="85"/>
      <c r="AJ5838" s="85"/>
      <c r="AK5838" s="85"/>
      <c r="AL5838" s="85"/>
      <c r="AM5838" s="92"/>
      <c r="AN5838" s="92"/>
      <c r="AO5838" s="92"/>
      <c r="AP5838" s="92"/>
      <c r="AQ5838" s="92"/>
      <c r="AR5838" s="92"/>
      <c r="AS5838" s="92"/>
      <c r="AT5838" s="92"/>
      <c r="AU5838" s="92"/>
      <c r="AV5838" s="92"/>
      <c r="AW5838" s="92"/>
      <c r="AX5838" s="92"/>
      <c r="AY5838" s="92"/>
      <c r="AZ5838" s="93"/>
      <c r="BA5838" s="93"/>
      <c r="BB5838" s="93"/>
      <c r="BC5838" s="93"/>
      <c r="BD5838" s="93"/>
      <c r="BE5838" s="93"/>
      <c r="BF5838" s="93"/>
      <c r="BG5838" s="93"/>
      <c r="BH5838" s="93"/>
      <c r="BI5838" s="93"/>
      <c r="BJ5838" s="93"/>
      <c r="BK5838" s="93"/>
      <c r="BL5838" s="93"/>
    </row>
    <row r="5839" spans="2:64" x14ac:dyDescent="0.2">
      <c r="B5839" s="43"/>
      <c r="C5839" s="73"/>
      <c r="D5839" s="64"/>
      <c r="E5839" s="55"/>
      <c r="F5839" s="74"/>
      <c r="G5839" s="74"/>
      <c r="H5839" s="74"/>
      <c r="I5839" s="75"/>
      <c r="J5839" s="74"/>
      <c r="L5839" s="55"/>
      <c r="M5839" s="234"/>
      <c r="N5839" s="65"/>
      <c r="O5839" s="76"/>
      <c r="P5839" s="76"/>
      <c r="Q5839" s="65"/>
      <c r="R5839" s="76"/>
      <c r="S5839" s="76"/>
      <c r="T5839" s="76"/>
      <c r="U5839" s="76"/>
      <c r="V5839" s="76"/>
      <c r="W5839" s="76"/>
      <c r="X5839" s="76"/>
      <c r="Y5839" s="76"/>
      <c r="Z5839" s="76"/>
      <c r="AA5839" s="85"/>
      <c r="AB5839" s="85"/>
      <c r="AC5839" s="85"/>
      <c r="AD5839" s="85"/>
      <c r="AE5839" s="85"/>
      <c r="AF5839" s="85"/>
      <c r="AG5839" s="86"/>
      <c r="AH5839" s="85"/>
      <c r="AI5839" s="85"/>
      <c r="AJ5839" s="85"/>
      <c r="AK5839" s="85"/>
      <c r="AL5839" s="85"/>
      <c r="AM5839" s="92"/>
      <c r="AN5839" s="92"/>
      <c r="AO5839" s="92"/>
      <c r="AP5839" s="92"/>
      <c r="AQ5839" s="92"/>
      <c r="AR5839" s="92"/>
      <c r="AS5839" s="92"/>
      <c r="AT5839" s="92"/>
      <c r="AU5839" s="92"/>
      <c r="AV5839" s="92"/>
      <c r="AW5839" s="92"/>
      <c r="AX5839" s="92"/>
      <c r="AY5839" s="92"/>
      <c r="AZ5839" s="93"/>
      <c r="BA5839" s="93"/>
      <c r="BB5839" s="93"/>
      <c r="BC5839" s="93"/>
      <c r="BD5839" s="93"/>
      <c r="BE5839" s="93"/>
      <c r="BF5839" s="93"/>
      <c r="BG5839" s="93"/>
      <c r="BH5839" s="93"/>
      <c r="BI5839" s="93"/>
      <c r="BJ5839" s="93"/>
      <c r="BK5839" s="93"/>
      <c r="BL5839" s="93"/>
    </row>
    <row r="5840" spans="2:64" x14ac:dyDescent="0.2">
      <c r="B5840" s="43"/>
      <c r="C5840" s="73"/>
      <c r="D5840" s="64"/>
      <c r="E5840" s="55"/>
      <c r="F5840" s="74"/>
      <c r="G5840" s="74"/>
      <c r="H5840" s="74"/>
      <c r="I5840" s="75"/>
      <c r="J5840" s="74"/>
      <c r="L5840" s="55"/>
      <c r="M5840" s="234"/>
      <c r="N5840" s="65"/>
      <c r="O5840" s="76"/>
      <c r="P5840" s="76"/>
      <c r="Q5840" s="65"/>
      <c r="R5840" s="76"/>
      <c r="S5840" s="76"/>
      <c r="T5840" s="76"/>
      <c r="U5840" s="76"/>
      <c r="V5840" s="76"/>
      <c r="W5840" s="76"/>
      <c r="X5840" s="76"/>
      <c r="Y5840" s="76"/>
      <c r="Z5840" s="76"/>
      <c r="AA5840" s="85"/>
      <c r="AB5840" s="85"/>
      <c r="AC5840" s="85"/>
      <c r="AD5840" s="85"/>
      <c r="AE5840" s="85"/>
      <c r="AF5840" s="85"/>
      <c r="AG5840" s="86"/>
      <c r="AH5840" s="85"/>
      <c r="AI5840" s="85"/>
      <c r="AJ5840" s="85"/>
      <c r="AK5840" s="85"/>
      <c r="AL5840" s="85"/>
      <c r="AM5840" s="92"/>
      <c r="AN5840" s="92"/>
      <c r="AO5840" s="92"/>
      <c r="AP5840" s="92"/>
      <c r="AQ5840" s="92"/>
      <c r="AR5840" s="92"/>
      <c r="AS5840" s="92"/>
      <c r="AT5840" s="92"/>
      <c r="AU5840" s="92"/>
      <c r="AV5840" s="92"/>
      <c r="AW5840" s="92"/>
      <c r="AX5840" s="92"/>
      <c r="AY5840" s="92"/>
      <c r="AZ5840" s="93"/>
      <c r="BA5840" s="93"/>
      <c r="BB5840" s="93"/>
      <c r="BC5840" s="93"/>
      <c r="BD5840" s="93"/>
      <c r="BE5840" s="93"/>
      <c r="BF5840" s="93"/>
      <c r="BG5840" s="93"/>
      <c r="BH5840" s="93"/>
      <c r="BI5840" s="93"/>
      <c r="BJ5840" s="93"/>
      <c r="BK5840" s="93"/>
      <c r="BL5840" s="93"/>
    </row>
    <row r="5841" spans="2:64" x14ac:dyDescent="0.2">
      <c r="B5841" s="43"/>
      <c r="C5841" s="73"/>
      <c r="D5841" s="64"/>
      <c r="E5841" s="55"/>
      <c r="F5841" s="74"/>
      <c r="G5841" s="74"/>
      <c r="H5841" s="74"/>
      <c r="I5841" s="75"/>
      <c r="J5841" s="74"/>
      <c r="L5841" s="55"/>
      <c r="M5841" s="234"/>
      <c r="N5841" s="65"/>
      <c r="O5841" s="76"/>
      <c r="P5841" s="76"/>
      <c r="Q5841" s="65"/>
      <c r="R5841" s="76"/>
      <c r="S5841" s="76"/>
      <c r="T5841" s="76"/>
      <c r="U5841" s="76"/>
      <c r="V5841" s="76"/>
      <c r="W5841" s="76"/>
      <c r="X5841" s="76"/>
      <c r="Y5841" s="76"/>
      <c r="Z5841" s="76"/>
      <c r="AA5841" s="85"/>
      <c r="AB5841" s="85"/>
      <c r="AC5841" s="85"/>
      <c r="AD5841" s="85"/>
      <c r="AE5841" s="85"/>
      <c r="AF5841" s="85"/>
      <c r="AG5841" s="86"/>
      <c r="AH5841" s="85"/>
      <c r="AI5841" s="85"/>
      <c r="AJ5841" s="85"/>
      <c r="AK5841" s="85"/>
      <c r="AL5841" s="85"/>
      <c r="AM5841" s="92"/>
      <c r="AN5841" s="92"/>
      <c r="AO5841" s="92"/>
      <c r="AP5841" s="92"/>
      <c r="AQ5841" s="92"/>
      <c r="AR5841" s="92"/>
      <c r="AS5841" s="92"/>
      <c r="AT5841" s="92"/>
      <c r="AU5841" s="92"/>
      <c r="AV5841" s="92"/>
      <c r="AW5841" s="92"/>
      <c r="AX5841" s="92"/>
      <c r="AY5841" s="92"/>
      <c r="AZ5841" s="93"/>
      <c r="BA5841" s="93"/>
      <c r="BB5841" s="93"/>
      <c r="BC5841" s="93"/>
      <c r="BD5841" s="93"/>
      <c r="BE5841" s="93"/>
      <c r="BF5841" s="93"/>
      <c r="BG5841" s="93"/>
      <c r="BH5841" s="93"/>
      <c r="BI5841" s="93"/>
      <c r="BJ5841" s="93"/>
      <c r="BK5841" s="93"/>
      <c r="BL5841" s="93"/>
    </row>
    <row r="5842" spans="2:64" x14ac:dyDescent="0.2">
      <c r="B5842" s="43"/>
      <c r="C5842" s="73"/>
      <c r="D5842" s="64"/>
      <c r="E5842" s="55"/>
      <c r="F5842" s="74"/>
      <c r="G5842" s="74"/>
      <c r="H5842" s="74"/>
      <c r="I5842" s="75"/>
      <c r="J5842" s="74"/>
      <c r="L5842" s="55"/>
      <c r="M5842" s="234"/>
      <c r="N5842" s="65"/>
      <c r="O5842" s="76"/>
      <c r="P5842" s="76"/>
      <c r="Q5842" s="65"/>
      <c r="R5842" s="76"/>
      <c r="S5842" s="76"/>
      <c r="T5842" s="76"/>
      <c r="U5842" s="76"/>
      <c r="V5842" s="76"/>
      <c r="W5842" s="76"/>
      <c r="X5842" s="76"/>
      <c r="Y5842" s="76"/>
      <c r="Z5842" s="76"/>
      <c r="AA5842" s="85"/>
      <c r="AB5842" s="85"/>
      <c r="AC5842" s="85"/>
      <c r="AD5842" s="85"/>
      <c r="AE5842" s="85"/>
      <c r="AF5842" s="85"/>
      <c r="AG5842" s="86"/>
      <c r="AH5842" s="85"/>
      <c r="AI5842" s="85"/>
      <c r="AJ5842" s="85"/>
      <c r="AK5842" s="85"/>
      <c r="AL5842" s="85"/>
      <c r="AM5842" s="92"/>
      <c r="AN5842" s="92"/>
      <c r="AO5842" s="92"/>
      <c r="AP5842" s="92"/>
      <c r="AQ5842" s="92"/>
      <c r="AR5842" s="92"/>
      <c r="AS5842" s="92"/>
      <c r="AT5842" s="92"/>
      <c r="AU5842" s="92"/>
      <c r="AV5842" s="92"/>
      <c r="AW5842" s="92"/>
      <c r="AX5842" s="92"/>
      <c r="AY5842" s="92"/>
      <c r="AZ5842" s="93"/>
      <c r="BA5842" s="93"/>
      <c r="BB5842" s="93"/>
      <c r="BC5842" s="93"/>
      <c r="BD5842" s="93"/>
      <c r="BE5842" s="93"/>
      <c r="BF5842" s="93"/>
      <c r="BG5842" s="93"/>
      <c r="BH5842" s="93"/>
      <c r="BI5842" s="93"/>
      <c r="BJ5842" s="93"/>
      <c r="BK5842" s="93"/>
      <c r="BL5842" s="93"/>
    </row>
    <row r="5843" spans="2:64" x14ac:dyDescent="0.2">
      <c r="B5843" s="43"/>
      <c r="C5843" s="73"/>
      <c r="D5843" s="64"/>
      <c r="E5843" s="55"/>
      <c r="F5843" s="74"/>
      <c r="G5843" s="74"/>
      <c r="H5843" s="74"/>
      <c r="I5843" s="75"/>
      <c r="J5843" s="74"/>
      <c r="L5843" s="55"/>
      <c r="M5843" s="234"/>
      <c r="N5843" s="65"/>
      <c r="O5843" s="76"/>
      <c r="P5843" s="76"/>
      <c r="Q5843" s="65"/>
      <c r="R5843" s="76"/>
      <c r="S5843" s="76"/>
      <c r="T5843" s="76"/>
      <c r="U5843" s="76"/>
      <c r="V5843" s="76"/>
      <c r="W5843" s="76"/>
      <c r="X5843" s="76"/>
      <c r="Y5843" s="76"/>
      <c r="Z5843" s="76"/>
      <c r="AA5843" s="85"/>
      <c r="AB5843" s="85"/>
      <c r="AC5843" s="85"/>
      <c r="AD5843" s="85"/>
      <c r="AE5843" s="85"/>
      <c r="AF5843" s="85"/>
      <c r="AG5843" s="86"/>
      <c r="AH5843" s="85"/>
      <c r="AI5843" s="85"/>
      <c r="AJ5843" s="85"/>
      <c r="AK5843" s="85"/>
      <c r="AL5843" s="85"/>
      <c r="AM5843" s="92"/>
      <c r="AN5843" s="92"/>
      <c r="AO5843" s="92"/>
      <c r="AP5843" s="92"/>
      <c r="AQ5843" s="92"/>
      <c r="AR5843" s="92"/>
      <c r="AS5843" s="92"/>
      <c r="AT5843" s="92"/>
      <c r="AU5843" s="92"/>
      <c r="AV5843" s="92"/>
      <c r="AW5843" s="92"/>
      <c r="AX5843" s="92"/>
      <c r="AY5843" s="92"/>
      <c r="AZ5843" s="93"/>
      <c r="BA5843" s="93"/>
      <c r="BB5843" s="93"/>
      <c r="BC5843" s="93"/>
      <c r="BD5843" s="93"/>
      <c r="BE5843" s="93"/>
      <c r="BF5843" s="93"/>
      <c r="BG5843" s="93"/>
      <c r="BH5843" s="93"/>
      <c r="BI5843" s="93"/>
      <c r="BJ5843" s="93"/>
      <c r="BK5843" s="93"/>
      <c r="BL5843" s="93"/>
    </row>
    <row r="5844" spans="2:64" x14ac:dyDescent="0.2">
      <c r="B5844" s="43"/>
      <c r="C5844" s="73"/>
      <c r="D5844" s="64"/>
      <c r="E5844" s="55"/>
      <c r="F5844" s="74"/>
      <c r="G5844" s="74"/>
      <c r="H5844" s="74"/>
      <c r="I5844" s="75"/>
      <c r="J5844" s="74"/>
      <c r="L5844" s="55"/>
      <c r="M5844" s="234"/>
      <c r="N5844" s="65"/>
      <c r="O5844" s="76"/>
      <c r="P5844" s="76"/>
      <c r="Q5844" s="65"/>
      <c r="R5844" s="76"/>
      <c r="S5844" s="76"/>
      <c r="T5844" s="76"/>
      <c r="U5844" s="76"/>
      <c r="V5844" s="76"/>
      <c r="W5844" s="76"/>
      <c r="X5844" s="76"/>
      <c r="Y5844" s="76"/>
      <c r="Z5844" s="76"/>
      <c r="AA5844" s="85"/>
      <c r="AB5844" s="85"/>
      <c r="AC5844" s="85"/>
      <c r="AD5844" s="85"/>
      <c r="AE5844" s="85"/>
      <c r="AF5844" s="85"/>
      <c r="AG5844" s="86"/>
      <c r="AH5844" s="85"/>
      <c r="AI5844" s="85"/>
      <c r="AJ5844" s="85"/>
      <c r="AK5844" s="85"/>
      <c r="AL5844" s="85"/>
      <c r="AM5844" s="92"/>
      <c r="AN5844" s="92"/>
      <c r="AO5844" s="92"/>
      <c r="AP5844" s="92"/>
      <c r="AQ5844" s="92"/>
      <c r="AR5844" s="92"/>
      <c r="AS5844" s="92"/>
      <c r="AT5844" s="92"/>
      <c r="AU5844" s="92"/>
      <c r="AV5844" s="92"/>
      <c r="AW5844" s="92"/>
      <c r="AX5844" s="92"/>
      <c r="AY5844" s="92"/>
      <c r="AZ5844" s="93"/>
      <c r="BA5844" s="93"/>
      <c r="BB5844" s="93"/>
      <c r="BC5844" s="93"/>
      <c r="BD5844" s="93"/>
      <c r="BE5844" s="93"/>
      <c r="BF5844" s="93"/>
      <c r="BG5844" s="93"/>
      <c r="BH5844" s="93"/>
      <c r="BI5844" s="93"/>
      <c r="BJ5844" s="93"/>
      <c r="BK5844" s="93"/>
      <c r="BL5844" s="93"/>
    </row>
    <row r="5845" spans="2:64" x14ac:dyDescent="0.2">
      <c r="B5845" s="43"/>
      <c r="C5845" s="73"/>
      <c r="D5845" s="64"/>
      <c r="E5845" s="55"/>
      <c r="F5845" s="74"/>
      <c r="G5845" s="74"/>
      <c r="H5845" s="74"/>
      <c r="I5845" s="75"/>
      <c r="J5845" s="74"/>
      <c r="L5845" s="55"/>
      <c r="M5845" s="234"/>
      <c r="N5845" s="65"/>
      <c r="O5845" s="76"/>
      <c r="P5845" s="76"/>
      <c r="Q5845" s="65"/>
      <c r="R5845" s="76"/>
      <c r="S5845" s="76"/>
      <c r="T5845" s="76"/>
      <c r="U5845" s="76"/>
      <c r="V5845" s="76"/>
      <c r="W5845" s="76"/>
      <c r="X5845" s="76"/>
      <c r="Y5845" s="76"/>
      <c r="Z5845" s="76"/>
      <c r="AA5845" s="85"/>
      <c r="AB5845" s="85"/>
      <c r="AC5845" s="85"/>
      <c r="AD5845" s="85"/>
      <c r="AE5845" s="85"/>
      <c r="AF5845" s="85"/>
      <c r="AG5845" s="86"/>
      <c r="AH5845" s="85"/>
      <c r="AI5845" s="85"/>
      <c r="AJ5845" s="85"/>
      <c r="AK5845" s="85"/>
      <c r="AL5845" s="85"/>
      <c r="AM5845" s="92"/>
      <c r="AN5845" s="92"/>
      <c r="AO5845" s="92"/>
      <c r="AP5845" s="92"/>
      <c r="AQ5845" s="92"/>
      <c r="AR5845" s="92"/>
      <c r="AS5845" s="92"/>
      <c r="AT5845" s="92"/>
      <c r="AU5845" s="92"/>
      <c r="AV5845" s="92"/>
      <c r="AW5845" s="92"/>
      <c r="AX5845" s="92"/>
      <c r="AY5845" s="92"/>
      <c r="AZ5845" s="93"/>
      <c r="BA5845" s="93"/>
      <c r="BB5845" s="93"/>
      <c r="BC5845" s="93"/>
      <c r="BD5845" s="93"/>
      <c r="BE5845" s="93"/>
      <c r="BF5845" s="93"/>
      <c r="BG5845" s="93"/>
      <c r="BH5845" s="93"/>
      <c r="BI5845" s="93"/>
      <c r="BJ5845" s="93"/>
      <c r="BK5845" s="93"/>
      <c r="BL5845" s="93"/>
    </row>
    <row r="5846" spans="2:64" x14ac:dyDescent="0.2">
      <c r="B5846" s="43"/>
      <c r="C5846" s="73"/>
      <c r="D5846" s="64"/>
      <c r="E5846" s="55"/>
      <c r="F5846" s="74"/>
      <c r="G5846" s="74"/>
      <c r="H5846" s="74"/>
      <c r="I5846" s="75"/>
      <c r="J5846" s="74"/>
      <c r="L5846" s="55"/>
      <c r="M5846" s="234"/>
      <c r="N5846" s="65"/>
      <c r="O5846" s="76"/>
      <c r="P5846" s="76"/>
      <c r="Q5846" s="65"/>
      <c r="R5846" s="76"/>
      <c r="S5846" s="76"/>
      <c r="T5846" s="76"/>
      <c r="U5846" s="76"/>
      <c r="V5846" s="76"/>
      <c r="W5846" s="76"/>
      <c r="X5846" s="76"/>
      <c r="Y5846" s="76"/>
      <c r="Z5846" s="76"/>
      <c r="AA5846" s="85"/>
      <c r="AB5846" s="85"/>
      <c r="AC5846" s="85"/>
      <c r="AD5846" s="85"/>
      <c r="AE5846" s="85"/>
      <c r="AF5846" s="85"/>
      <c r="AG5846" s="86"/>
      <c r="AH5846" s="85"/>
      <c r="AI5846" s="85"/>
      <c r="AJ5846" s="85"/>
      <c r="AK5846" s="85"/>
      <c r="AL5846" s="85"/>
      <c r="AM5846" s="92"/>
      <c r="AN5846" s="92"/>
      <c r="AO5846" s="92"/>
      <c r="AP5846" s="92"/>
      <c r="AQ5846" s="92"/>
      <c r="AR5846" s="92"/>
      <c r="AS5846" s="92"/>
      <c r="AT5846" s="92"/>
      <c r="AU5846" s="92"/>
      <c r="AV5846" s="92"/>
      <c r="AW5846" s="92"/>
      <c r="AX5846" s="92"/>
      <c r="AY5846" s="92"/>
      <c r="AZ5846" s="93"/>
      <c r="BA5846" s="93"/>
      <c r="BB5846" s="93"/>
      <c r="BC5846" s="93"/>
      <c r="BD5846" s="93"/>
      <c r="BE5846" s="93"/>
      <c r="BF5846" s="93"/>
      <c r="BG5846" s="93"/>
      <c r="BH5846" s="93"/>
      <c r="BI5846" s="93"/>
      <c r="BJ5846" s="93"/>
      <c r="BK5846" s="93"/>
      <c r="BL5846" s="93"/>
    </row>
    <row r="5847" spans="2:64" x14ac:dyDescent="0.2">
      <c r="B5847" s="43"/>
      <c r="C5847" s="73"/>
      <c r="D5847" s="64"/>
      <c r="E5847" s="55"/>
      <c r="F5847" s="74"/>
      <c r="G5847" s="74"/>
      <c r="H5847" s="74"/>
      <c r="I5847" s="75"/>
      <c r="J5847" s="74"/>
      <c r="L5847" s="55"/>
      <c r="M5847" s="234"/>
      <c r="N5847" s="65"/>
      <c r="O5847" s="76"/>
      <c r="P5847" s="76"/>
      <c r="Q5847" s="65"/>
      <c r="R5847" s="76"/>
      <c r="S5847" s="76"/>
      <c r="T5847" s="76"/>
      <c r="U5847" s="76"/>
      <c r="V5847" s="76"/>
      <c r="W5847" s="76"/>
      <c r="X5847" s="76"/>
      <c r="Y5847" s="76"/>
      <c r="Z5847" s="76"/>
      <c r="AA5847" s="85"/>
      <c r="AB5847" s="85"/>
      <c r="AC5847" s="85"/>
      <c r="AD5847" s="85"/>
      <c r="AE5847" s="85"/>
      <c r="AF5847" s="85"/>
      <c r="AG5847" s="86"/>
      <c r="AH5847" s="85"/>
      <c r="AI5847" s="85"/>
      <c r="AJ5847" s="85"/>
      <c r="AK5847" s="85"/>
      <c r="AL5847" s="85"/>
      <c r="AM5847" s="92"/>
      <c r="AN5847" s="92"/>
      <c r="AO5847" s="92"/>
      <c r="AP5847" s="92"/>
      <c r="AQ5847" s="92"/>
      <c r="AR5847" s="92"/>
      <c r="AS5847" s="92"/>
      <c r="AT5847" s="92"/>
      <c r="AU5847" s="92"/>
      <c r="AV5847" s="92"/>
      <c r="AW5847" s="92"/>
      <c r="AX5847" s="92"/>
      <c r="AY5847" s="92"/>
      <c r="AZ5847" s="93"/>
      <c r="BA5847" s="93"/>
      <c r="BB5847" s="93"/>
      <c r="BC5847" s="93"/>
      <c r="BD5847" s="93"/>
      <c r="BE5847" s="93"/>
      <c r="BF5847" s="93"/>
      <c r="BG5847" s="93"/>
      <c r="BH5847" s="93"/>
      <c r="BI5847" s="93"/>
      <c r="BJ5847" s="93"/>
      <c r="BK5847" s="93"/>
      <c r="BL5847" s="93"/>
    </row>
    <row r="5848" spans="2:64" x14ac:dyDescent="0.2">
      <c r="B5848" s="43"/>
      <c r="C5848" s="73"/>
      <c r="D5848" s="64"/>
      <c r="E5848" s="55"/>
      <c r="F5848" s="74"/>
      <c r="G5848" s="74"/>
      <c r="H5848" s="74"/>
      <c r="I5848" s="75"/>
      <c r="J5848" s="74"/>
      <c r="L5848" s="55"/>
      <c r="M5848" s="234"/>
      <c r="N5848" s="65"/>
      <c r="O5848" s="76"/>
      <c r="P5848" s="76"/>
      <c r="Q5848" s="65"/>
      <c r="R5848" s="76"/>
      <c r="S5848" s="76"/>
      <c r="T5848" s="76"/>
      <c r="U5848" s="76"/>
      <c r="V5848" s="76"/>
      <c r="W5848" s="76"/>
      <c r="X5848" s="76"/>
      <c r="Y5848" s="76"/>
      <c r="Z5848" s="76"/>
      <c r="AA5848" s="85"/>
      <c r="AB5848" s="85"/>
      <c r="AC5848" s="85"/>
      <c r="AD5848" s="85"/>
      <c r="AE5848" s="85"/>
      <c r="AF5848" s="85"/>
      <c r="AG5848" s="86"/>
      <c r="AH5848" s="85"/>
      <c r="AI5848" s="85"/>
      <c r="AJ5848" s="85"/>
      <c r="AK5848" s="85"/>
      <c r="AL5848" s="85"/>
      <c r="AM5848" s="92"/>
      <c r="AN5848" s="92"/>
      <c r="AO5848" s="92"/>
      <c r="AP5848" s="92"/>
      <c r="AQ5848" s="92"/>
      <c r="AR5848" s="92"/>
      <c r="AS5848" s="92"/>
      <c r="AT5848" s="92"/>
      <c r="AU5848" s="92"/>
      <c r="AV5848" s="92"/>
      <c r="AW5848" s="92"/>
      <c r="AX5848" s="92"/>
      <c r="AY5848" s="92"/>
      <c r="AZ5848" s="93"/>
      <c r="BA5848" s="93"/>
      <c r="BB5848" s="93"/>
      <c r="BC5848" s="93"/>
      <c r="BD5848" s="93"/>
      <c r="BE5848" s="93"/>
      <c r="BF5848" s="93"/>
      <c r="BG5848" s="93"/>
      <c r="BH5848" s="93"/>
      <c r="BI5848" s="93"/>
      <c r="BJ5848" s="93"/>
      <c r="BK5848" s="93"/>
      <c r="BL5848" s="93"/>
    </row>
    <row r="5849" spans="2:64" x14ac:dyDescent="0.2">
      <c r="B5849" s="43"/>
      <c r="C5849" s="73"/>
      <c r="D5849" s="64"/>
      <c r="E5849" s="55"/>
      <c r="F5849" s="74"/>
      <c r="G5849" s="74"/>
      <c r="H5849" s="74"/>
      <c r="I5849" s="75"/>
      <c r="J5849" s="74"/>
      <c r="L5849" s="55"/>
      <c r="M5849" s="234"/>
      <c r="N5849" s="65"/>
      <c r="O5849" s="76"/>
      <c r="P5849" s="76"/>
      <c r="Q5849" s="65"/>
      <c r="R5849" s="76"/>
      <c r="S5849" s="76"/>
      <c r="T5849" s="76"/>
      <c r="U5849" s="76"/>
      <c r="V5849" s="76"/>
      <c r="W5849" s="76"/>
      <c r="X5849" s="76"/>
      <c r="Y5849" s="76"/>
      <c r="Z5849" s="76"/>
      <c r="AA5849" s="85"/>
      <c r="AB5849" s="85"/>
      <c r="AC5849" s="85"/>
      <c r="AD5849" s="85"/>
      <c r="AE5849" s="85"/>
      <c r="AF5849" s="85"/>
      <c r="AG5849" s="86"/>
      <c r="AH5849" s="85"/>
      <c r="AI5849" s="85"/>
      <c r="AJ5849" s="85"/>
      <c r="AK5849" s="85"/>
      <c r="AL5849" s="85"/>
      <c r="AM5849" s="92"/>
      <c r="AN5849" s="92"/>
      <c r="AO5849" s="92"/>
      <c r="AP5849" s="92"/>
      <c r="AQ5849" s="92"/>
      <c r="AR5849" s="92"/>
      <c r="AS5849" s="92"/>
      <c r="AT5849" s="92"/>
      <c r="AU5849" s="92"/>
      <c r="AV5849" s="92"/>
      <c r="AW5849" s="92"/>
      <c r="AX5849" s="92"/>
      <c r="AY5849" s="92"/>
      <c r="AZ5849" s="93"/>
      <c r="BA5849" s="93"/>
      <c r="BB5849" s="93"/>
      <c r="BC5849" s="93"/>
      <c r="BD5849" s="93"/>
      <c r="BE5849" s="93"/>
      <c r="BF5849" s="93"/>
      <c r="BG5849" s="93"/>
      <c r="BH5849" s="93"/>
      <c r="BI5849" s="93"/>
      <c r="BJ5849" s="93"/>
      <c r="BK5849" s="93"/>
      <c r="BL5849" s="93"/>
    </row>
    <row r="5850" spans="2:64" x14ac:dyDescent="0.2">
      <c r="B5850" s="43"/>
      <c r="C5850" s="73"/>
      <c r="D5850" s="64"/>
      <c r="E5850" s="55"/>
      <c r="F5850" s="74"/>
      <c r="G5850" s="74"/>
      <c r="H5850" s="74"/>
      <c r="I5850" s="75"/>
      <c r="J5850" s="74"/>
      <c r="L5850" s="55"/>
      <c r="M5850" s="234"/>
      <c r="N5850" s="65"/>
      <c r="O5850" s="76"/>
      <c r="P5850" s="76"/>
      <c r="Q5850" s="65"/>
      <c r="R5850" s="76"/>
      <c r="S5850" s="76"/>
      <c r="T5850" s="76"/>
      <c r="U5850" s="76"/>
      <c r="V5850" s="76"/>
      <c r="W5850" s="76"/>
      <c r="X5850" s="76"/>
      <c r="Y5850" s="76"/>
      <c r="Z5850" s="76"/>
      <c r="AA5850" s="85"/>
      <c r="AB5850" s="85"/>
      <c r="AC5850" s="85"/>
      <c r="AD5850" s="85"/>
      <c r="AE5850" s="85"/>
      <c r="AF5850" s="85"/>
      <c r="AG5850" s="86"/>
      <c r="AH5850" s="85"/>
      <c r="AI5850" s="85"/>
      <c r="AJ5850" s="85"/>
      <c r="AK5850" s="85"/>
      <c r="AL5850" s="85"/>
      <c r="AM5850" s="92"/>
      <c r="AN5850" s="92"/>
      <c r="AO5850" s="92"/>
      <c r="AP5850" s="92"/>
      <c r="AQ5850" s="92"/>
      <c r="AR5850" s="92"/>
      <c r="AS5850" s="92"/>
      <c r="AT5850" s="92"/>
      <c r="AU5850" s="92"/>
      <c r="AV5850" s="92"/>
      <c r="AW5850" s="92"/>
      <c r="AX5850" s="92"/>
      <c r="AY5850" s="92"/>
      <c r="AZ5850" s="93"/>
      <c r="BA5850" s="93"/>
      <c r="BB5850" s="93"/>
      <c r="BC5850" s="93"/>
      <c r="BD5850" s="93"/>
      <c r="BE5850" s="93"/>
      <c r="BF5850" s="93"/>
      <c r="BG5850" s="93"/>
      <c r="BH5850" s="93"/>
      <c r="BI5850" s="93"/>
      <c r="BJ5850" s="93"/>
      <c r="BK5850" s="93"/>
      <c r="BL5850" s="93"/>
    </row>
    <row r="5851" spans="2:64" x14ac:dyDescent="0.2">
      <c r="B5851" s="43"/>
      <c r="C5851" s="73"/>
      <c r="D5851" s="64"/>
      <c r="E5851" s="55"/>
      <c r="F5851" s="74"/>
      <c r="G5851" s="74"/>
      <c r="H5851" s="74"/>
      <c r="I5851" s="75"/>
      <c r="J5851" s="74"/>
      <c r="L5851" s="55"/>
      <c r="M5851" s="234"/>
      <c r="N5851" s="65"/>
      <c r="O5851" s="76"/>
      <c r="P5851" s="76"/>
      <c r="Q5851" s="65"/>
      <c r="R5851" s="76"/>
      <c r="S5851" s="76"/>
      <c r="T5851" s="76"/>
      <c r="U5851" s="76"/>
      <c r="V5851" s="76"/>
      <c r="W5851" s="76"/>
      <c r="X5851" s="76"/>
      <c r="Y5851" s="76"/>
      <c r="Z5851" s="76"/>
      <c r="AA5851" s="85"/>
      <c r="AB5851" s="85"/>
      <c r="AC5851" s="85"/>
      <c r="AD5851" s="85"/>
      <c r="AE5851" s="85"/>
      <c r="AF5851" s="85"/>
      <c r="AG5851" s="86"/>
      <c r="AH5851" s="85"/>
      <c r="AI5851" s="85"/>
      <c r="AJ5851" s="85"/>
      <c r="AK5851" s="85"/>
      <c r="AL5851" s="85"/>
      <c r="AM5851" s="92"/>
      <c r="AN5851" s="92"/>
      <c r="AO5851" s="92"/>
      <c r="AP5851" s="92"/>
      <c r="AQ5851" s="92"/>
      <c r="AR5851" s="92"/>
      <c r="AS5851" s="92"/>
      <c r="AT5851" s="92"/>
      <c r="AU5851" s="92"/>
      <c r="AV5851" s="92"/>
      <c r="AW5851" s="92"/>
      <c r="AX5851" s="92"/>
      <c r="AY5851" s="92"/>
      <c r="AZ5851" s="93"/>
      <c r="BA5851" s="93"/>
      <c r="BB5851" s="93"/>
      <c r="BC5851" s="93"/>
      <c r="BD5851" s="93"/>
      <c r="BE5851" s="93"/>
      <c r="BF5851" s="93"/>
      <c r="BG5851" s="93"/>
      <c r="BH5851" s="93"/>
      <c r="BI5851" s="93"/>
      <c r="BJ5851" s="93"/>
      <c r="BK5851" s="93"/>
      <c r="BL5851" s="93"/>
    </row>
    <row r="5852" spans="2:64" x14ac:dyDescent="0.2">
      <c r="B5852" s="43"/>
      <c r="C5852" s="73"/>
      <c r="D5852" s="64"/>
      <c r="E5852" s="55"/>
      <c r="F5852" s="74"/>
      <c r="G5852" s="74"/>
      <c r="H5852" s="74"/>
      <c r="I5852" s="75"/>
      <c r="J5852" s="74"/>
      <c r="L5852" s="55"/>
      <c r="M5852" s="234"/>
      <c r="N5852" s="65"/>
      <c r="O5852" s="76"/>
      <c r="P5852" s="76"/>
      <c r="Q5852" s="65"/>
      <c r="R5852" s="76"/>
      <c r="S5852" s="76"/>
      <c r="T5852" s="76"/>
      <c r="U5852" s="76"/>
      <c r="V5852" s="76"/>
      <c r="W5852" s="76"/>
      <c r="X5852" s="76"/>
      <c r="Y5852" s="76"/>
      <c r="Z5852" s="76"/>
      <c r="AA5852" s="85"/>
      <c r="AB5852" s="85"/>
      <c r="AC5852" s="85"/>
      <c r="AD5852" s="85"/>
      <c r="AE5852" s="85"/>
      <c r="AF5852" s="85"/>
      <c r="AG5852" s="86"/>
      <c r="AH5852" s="85"/>
      <c r="AI5852" s="85"/>
      <c r="AJ5852" s="85"/>
      <c r="AK5852" s="85"/>
      <c r="AL5852" s="85"/>
      <c r="AM5852" s="92"/>
      <c r="AN5852" s="92"/>
      <c r="AO5852" s="92"/>
      <c r="AP5852" s="92"/>
      <c r="AQ5852" s="92"/>
      <c r="AR5852" s="92"/>
      <c r="AS5852" s="92"/>
      <c r="AT5852" s="92"/>
      <c r="AU5852" s="92"/>
      <c r="AV5852" s="92"/>
      <c r="AW5852" s="92"/>
      <c r="AX5852" s="92"/>
      <c r="AY5852" s="92"/>
      <c r="AZ5852" s="93"/>
      <c r="BA5852" s="93"/>
      <c r="BB5852" s="93"/>
      <c r="BC5852" s="93"/>
      <c r="BD5852" s="93"/>
      <c r="BE5852" s="93"/>
      <c r="BF5852" s="93"/>
      <c r="BG5852" s="93"/>
      <c r="BH5852" s="93"/>
      <c r="BI5852" s="93"/>
      <c r="BJ5852" s="93"/>
      <c r="BK5852" s="93"/>
      <c r="BL5852" s="93"/>
    </row>
    <row r="5853" spans="2:64" x14ac:dyDescent="0.2">
      <c r="B5853" s="43"/>
      <c r="C5853" s="73"/>
      <c r="D5853" s="64"/>
      <c r="E5853" s="55"/>
      <c r="F5853" s="74"/>
      <c r="G5853" s="74"/>
      <c r="H5853" s="74"/>
      <c r="I5853" s="75"/>
      <c r="J5853" s="74"/>
      <c r="L5853" s="55"/>
      <c r="M5853" s="234"/>
      <c r="N5853" s="65"/>
      <c r="O5853" s="76"/>
      <c r="P5853" s="76"/>
      <c r="Q5853" s="65"/>
      <c r="R5853" s="76"/>
      <c r="S5853" s="76"/>
      <c r="T5853" s="76"/>
      <c r="U5853" s="76"/>
      <c r="V5853" s="76"/>
      <c r="W5853" s="76"/>
      <c r="X5853" s="76"/>
      <c r="Y5853" s="76"/>
      <c r="Z5853" s="76"/>
      <c r="AA5853" s="85"/>
      <c r="AB5853" s="85"/>
      <c r="AC5853" s="85"/>
      <c r="AD5853" s="85"/>
      <c r="AE5853" s="85"/>
      <c r="AF5853" s="85"/>
      <c r="AG5853" s="86"/>
      <c r="AH5853" s="85"/>
      <c r="AI5853" s="85"/>
      <c r="AJ5853" s="85"/>
      <c r="AK5853" s="85"/>
      <c r="AL5853" s="85"/>
      <c r="AM5853" s="92"/>
      <c r="AN5853" s="92"/>
      <c r="AO5853" s="92"/>
      <c r="AP5853" s="92"/>
      <c r="AQ5853" s="92"/>
      <c r="AR5853" s="92"/>
      <c r="AS5853" s="92"/>
      <c r="AT5853" s="92"/>
      <c r="AU5853" s="92"/>
      <c r="AV5853" s="92"/>
      <c r="AW5853" s="92"/>
      <c r="AX5853" s="92"/>
      <c r="AY5853" s="92"/>
      <c r="AZ5853" s="93"/>
      <c r="BA5853" s="93"/>
      <c r="BB5853" s="93"/>
      <c r="BC5853" s="93"/>
      <c r="BD5853" s="93"/>
      <c r="BE5853" s="93"/>
      <c r="BF5853" s="93"/>
      <c r="BG5853" s="93"/>
      <c r="BH5853" s="93"/>
      <c r="BI5853" s="93"/>
      <c r="BJ5853" s="93"/>
      <c r="BK5853" s="93"/>
      <c r="BL5853" s="93"/>
    </row>
    <row r="5854" spans="2:64" x14ac:dyDescent="0.2">
      <c r="B5854" s="43"/>
      <c r="C5854" s="73"/>
      <c r="D5854" s="64"/>
      <c r="E5854" s="55"/>
      <c r="F5854" s="74"/>
      <c r="G5854" s="74"/>
      <c r="H5854" s="74"/>
      <c r="I5854" s="75"/>
      <c r="J5854" s="74"/>
      <c r="L5854" s="55"/>
      <c r="M5854" s="234"/>
      <c r="N5854" s="65"/>
      <c r="O5854" s="76"/>
      <c r="P5854" s="76"/>
      <c r="Q5854" s="65"/>
      <c r="R5854" s="76"/>
      <c r="S5854" s="76"/>
      <c r="T5854" s="76"/>
      <c r="U5854" s="76"/>
      <c r="V5854" s="76"/>
      <c r="W5854" s="76"/>
      <c r="X5854" s="76"/>
      <c r="Y5854" s="76"/>
      <c r="Z5854" s="76"/>
      <c r="AA5854" s="85"/>
      <c r="AB5854" s="85"/>
      <c r="AC5854" s="85"/>
      <c r="AD5854" s="85"/>
      <c r="AE5854" s="85"/>
      <c r="AF5854" s="85"/>
      <c r="AG5854" s="86"/>
      <c r="AH5854" s="85"/>
      <c r="AI5854" s="85"/>
      <c r="AJ5854" s="85"/>
      <c r="AK5854" s="85"/>
      <c r="AL5854" s="85"/>
      <c r="AM5854" s="92"/>
      <c r="AN5854" s="92"/>
      <c r="AO5854" s="92"/>
      <c r="AP5854" s="92"/>
      <c r="AQ5854" s="92"/>
      <c r="AR5854" s="92"/>
      <c r="AS5854" s="92"/>
      <c r="AT5854" s="92"/>
      <c r="AU5854" s="92"/>
      <c r="AV5854" s="92"/>
      <c r="AW5854" s="92"/>
      <c r="AX5854" s="92"/>
      <c r="AY5854" s="92"/>
      <c r="AZ5854" s="93"/>
      <c r="BA5854" s="93"/>
      <c r="BB5854" s="93"/>
      <c r="BC5854" s="93"/>
      <c r="BD5854" s="93"/>
      <c r="BE5854" s="93"/>
      <c r="BF5854" s="93"/>
      <c r="BG5854" s="93"/>
      <c r="BH5854" s="93"/>
      <c r="BI5854" s="93"/>
      <c r="BJ5854" s="93"/>
      <c r="BK5854" s="93"/>
      <c r="BL5854" s="93"/>
    </row>
    <row r="5855" spans="2:64" x14ac:dyDescent="0.2">
      <c r="B5855" s="43"/>
      <c r="C5855" s="73"/>
      <c r="D5855" s="64"/>
      <c r="E5855" s="55"/>
      <c r="F5855" s="74"/>
      <c r="G5855" s="74"/>
      <c r="H5855" s="74"/>
      <c r="I5855" s="75"/>
      <c r="J5855" s="74"/>
      <c r="L5855" s="55"/>
      <c r="M5855" s="234"/>
      <c r="N5855" s="65"/>
      <c r="O5855" s="76"/>
      <c r="P5855" s="76"/>
      <c r="Q5855" s="65"/>
      <c r="R5855" s="76"/>
      <c r="S5855" s="76"/>
      <c r="T5855" s="76"/>
      <c r="U5855" s="76"/>
      <c r="V5855" s="76"/>
      <c r="W5855" s="76"/>
      <c r="X5855" s="76"/>
      <c r="Y5855" s="76"/>
      <c r="Z5855" s="76"/>
      <c r="AA5855" s="85"/>
      <c r="AB5855" s="85"/>
      <c r="AC5855" s="85"/>
      <c r="AD5855" s="85"/>
      <c r="AE5855" s="85"/>
      <c r="AF5855" s="85"/>
      <c r="AG5855" s="86"/>
      <c r="AH5855" s="85"/>
      <c r="AI5855" s="85"/>
      <c r="AJ5855" s="85"/>
      <c r="AK5855" s="85"/>
      <c r="AL5855" s="85"/>
      <c r="AM5855" s="92"/>
      <c r="AN5855" s="92"/>
      <c r="AO5855" s="92"/>
      <c r="AP5855" s="92"/>
      <c r="AQ5855" s="92"/>
      <c r="AR5855" s="92"/>
      <c r="AS5855" s="92"/>
      <c r="AT5855" s="92"/>
      <c r="AU5855" s="92"/>
      <c r="AV5855" s="92"/>
      <c r="AW5855" s="92"/>
      <c r="AX5855" s="92"/>
      <c r="AY5855" s="92"/>
      <c r="AZ5855" s="93"/>
      <c r="BA5855" s="93"/>
      <c r="BB5855" s="93"/>
      <c r="BC5855" s="93"/>
      <c r="BD5855" s="93"/>
      <c r="BE5855" s="93"/>
      <c r="BF5855" s="93"/>
      <c r="BG5855" s="93"/>
      <c r="BH5855" s="93"/>
      <c r="BI5855" s="93"/>
      <c r="BJ5855" s="93"/>
      <c r="BK5855" s="93"/>
      <c r="BL5855" s="93"/>
    </row>
    <row r="5856" spans="2:64" x14ac:dyDescent="0.2">
      <c r="B5856" s="43"/>
      <c r="C5856" s="73"/>
      <c r="D5856" s="64"/>
      <c r="E5856" s="55"/>
      <c r="F5856" s="74"/>
      <c r="G5856" s="74"/>
      <c r="H5856" s="74"/>
      <c r="I5856" s="75"/>
      <c r="J5856" s="74"/>
      <c r="L5856" s="55"/>
      <c r="M5856" s="234"/>
      <c r="N5856" s="65"/>
      <c r="O5856" s="76"/>
      <c r="P5856" s="76"/>
      <c r="Q5856" s="65"/>
      <c r="R5856" s="76"/>
      <c r="S5856" s="76"/>
      <c r="T5856" s="76"/>
      <c r="U5856" s="76"/>
      <c r="V5856" s="76"/>
      <c r="W5856" s="76"/>
      <c r="X5856" s="76"/>
      <c r="Y5856" s="76"/>
      <c r="Z5856" s="76"/>
      <c r="AA5856" s="85"/>
      <c r="AB5856" s="85"/>
      <c r="AC5856" s="85"/>
      <c r="AD5856" s="85"/>
      <c r="AE5856" s="85"/>
      <c r="AF5856" s="85"/>
      <c r="AG5856" s="86"/>
      <c r="AH5856" s="85"/>
      <c r="AI5856" s="85"/>
      <c r="AJ5856" s="85"/>
      <c r="AK5856" s="85"/>
      <c r="AL5856" s="85"/>
      <c r="AM5856" s="92"/>
      <c r="AN5856" s="92"/>
      <c r="AO5856" s="92"/>
      <c r="AP5856" s="92"/>
      <c r="AQ5856" s="92"/>
      <c r="AR5856" s="92"/>
      <c r="AS5856" s="92"/>
      <c r="AT5856" s="92"/>
      <c r="AU5856" s="92"/>
      <c r="AV5856" s="92"/>
      <c r="AW5856" s="92"/>
      <c r="AX5856" s="92"/>
      <c r="AY5856" s="92"/>
      <c r="AZ5856" s="93"/>
      <c r="BA5856" s="93"/>
      <c r="BB5856" s="93"/>
      <c r="BC5856" s="93"/>
      <c r="BD5856" s="93"/>
      <c r="BE5856" s="93"/>
      <c r="BF5856" s="93"/>
      <c r="BG5856" s="93"/>
      <c r="BH5856" s="93"/>
      <c r="BI5856" s="93"/>
      <c r="BJ5856" s="93"/>
      <c r="BK5856" s="93"/>
      <c r="BL5856" s="93"/>
    </row>
    <row r="5857" spans="2:64" x14ac:dyDescent="0.2">
      <c r="B5857" s="43"/>
      <c r="C5857" s="73"/>
      <c r="D5857" s="64"/>
      <c r="E5857" s="55"/>
      <c r="F5857" s="74"/>
      <c r="G5857" s="74"/>
      <c r="H5857" s="74"/>
      <c r="I5857" s="75"/>
      <c r="J5857" s="74"/>
      <c r="L5857" s="55"/>
      <c r="M5857" s="234"/>
      <c r="N5857" s="65"/>
      <c r="O5857" s="76"/>
      <c r="P5857" s="76"/>
      <c r="Q5857" s="65"/>
      <c r="R5857" s="76"/>
      <c r="S5857" s="76"/>
      <c r="T5857" s="76"/>
      <c r="U5857" s="76"/>
      <c r="V5857" s="76"/>
      <c r="W5857" s="76"/>
      <c r="X5857" s="76"/>
      <c r="Y5857" s="76"/>
      <c r="Z5857" s="76"/>
      <c r="AA5857" s="85"/>
      <c r="AB5857" s="85"/>
      <c r="AC5857" s="85"/>
      <c r="AD5857" s="85"/>
      <c r="AE5857" s="85"/>
      <c r="AF5857" s="85"/>
      <c r="AG5857" s="86"/>
      <c r="AH5857" s="85"/>
      <c r="AI5857" s="85"/>
      <c r="AJ5857" s="85"/>
      <c r="AK5857" s="85"/>
      <c r="AL5857" s="85"/>
      <c r="AM5857" s="92"/>
      <c r="AN5857" s="92"/>
      <c r="AO5857" s="92"/>
      <c r="AP5857" s="92"/>
      <c r="AQ5857" s="92"/>
      <c r="AR5857" s="92"/>
      <c r="AS5857" s="92"/>
      <c r="AT5857" s="92"/>
      <c r="AU5857" s="92"/>
      <c r="AV5857" s="92"/>
      <c r="AW5857" s="92"/>
      <c r="AX5857" s="92"/>
      <c r="AY5857" s="92"/>
      <c r="AZ5857" s="93"/>
      <c r="BA5857" s="93"/>
      <c r="BB5857" s="93"/>
      <c r="BC5857" s="93"/>
      <c r="BD5857" s="93"/>
      <c r="BE5857" s="93"/>
      <c r="BF5857" s="93"/>
      <c r="BG5857" s="93"/>
      <c r="BH5857" s="93"/>
      <c r="BI5857" s="93"/>
      <c r="BJ5857" s="93"/>
      <c r="BK5857" s="93"/>
      <c r="BL5857" s="93"/>
    </row>
    <row r="5858" spans="2:64" x14ac:dyDescent="0.2">
      <c r="B5858" s="43"/>
      <c r="C5858" s="73"/>
      <c r="D5858" s="64"/>
      <c r="E5858" s="55"/>
      <c r="F5858" s="74"/>
      <c r="G5858" s="74"/>
      <c r="H5858" s="74"/>
      <c r="I5858" s="75"/>
      <c r="J5858" s="74"/>
      <c r="L5858" s="55"/>
      <c r="M5858" s="234"/>
      <c r="N5858" s="65"/>
      <c r="O5858" s="76"/>
      <c r="P5858" s="76"/>
      <c r="Q5858" s="65"/>
      <c r="R5858" s="76"/>
      <c r="S5858" s="76"/>
      <c r="T5858" s="76"/>
      <c r="U5858" s="76"/>
      <c r="V5858" s="76"/>
      <c r="W5858" s="76"/>
      <c r="X5858" s="76"/>
      <c r="Y5858" s="76"/>
      <c r="Z5858" s="76"/>
      <c r="AA5858" s="85"/>
      <c r="AB5858" s="85"/>
      <c r="AC5858" s="85"/>
      <c r="AD5858" s="85"/>
      <c r="AE5858" s="85"/>
      <c r="AF5858" s="85"/>
      <c r="AG5858" s="86"/>
      <c r="AH5858" s="85"/>
      <c r="AI5858" s="85"/>
      <c r="AJ5858" s="85"/>
      <c r="AK5858" s="85"/>
      <c r="AL5858" s="85"/>
      <c r="AM5858" s="92"/>
      <c r="AN5858" s="92"/>
      <c r="AO5858" s="92"/>
      <c r="AP5858" s="92"/>
      <c r="AQ5858" s="92"/>
      <c r="AR5858" s="92"/>
      <c r="AS5858" s="92"/>
      <c r="AT5858" s="92"/>
      <c r="AU5858" s="92"/>
      <c r="AV5858" s="92"/>
      <c r="AW5858" s="92"/>
      <c r="AX5858" s="92"/>
      <c r="AY5858" s="92"/>
      <c r="AZ5858" s="93"/>
      <c r="BA5858" s="93"/>
      <c r="BB5858" s="93"/>
      <c r="BC5858" s="93"/>
      <c r="BD5858" s="93"/>
      <c r="BE5858" s="93"/>
      <c r="BF5858" s="93"/>
      <c r="BG5858" s="93"/>
      <c r="BH5858" s="93"/>
      <c r="BI5858" s="93"/>
      <c r="BJ5858" s="93"/>
      <c r="BK5858" s="93"/>
      <c r="BL5858" s="93"/>
    </row>
    <row r="5859" spans="2:64" x14ac:dyDescent="0.2">
      <c r="B5859" s="43"/>
      <c r="C5859" s="73"/>
      <c r="D5859" s="64"/>
      <c r="E5859" s="55"/>
      <c r="F5859" s="74"/>
      <c r="G5859" s="74"/>
      <c r="H5859" s="74"/>
      <c r="I5859" s="75"/>
      <c r="J5859" s="74"/>
      <c r="L5859" s="55"/>
      <c r="M5859" s="234"/>
      <c r="N5859" s="65"/>
      <c r="O5859" s="76"/>
      <c r="P5859" s="76"/>
      <c r="Q5859" s="65"/>
      <c r="R5859" s="76"/>
      <c r="S5859" s="76"/>
      <c r="T5859" s="76"/>
      <c r="U5859" s="76"/>
      <c r="V5859" s="76"/>
      <c r="W5859" s="76"/>
      <c r="X5859" s="76"/>
      <c r="Y5859" s="76"/>
      <c r="Z5859" s="76"/>
      <c r="AA5859" s="85"/>
      <c r="AB5859" s="85"/>
      <c r="AC5859" s="85"/>
      <c r="AD5859" s="85"/>
      <c r="AE5859" s="85"/>
      <c r="AF5859" s="85"/>
      <c r="AG5859" s="86"/>
      <c r="AH5859" s="85"/>
      <c r="AI5859" s="85"/>
      <c r="AJ5859" s="85"/>
      <c r="AK5859" s="85"/>
      <c r="AL5859" s="85"/>
      <c r="AM5859" s="92"/>
      <c r="AN5859" s="92"/>
      <c r="AO5859" s="92"/>
      <c r="AP5859" s="92"/>
      <c r="AQ5859" s="92"/>
      <c r="AR5859" s="92"/>
      <c r="AS5859" s="92"/>
      <c r="AT5859" s="92"/>
      <c r="AU5859" s="92"/>
      <c r="AV5859" s="92"/>
      <c r="AW5859" s="92"/>
      <c r="AX5859" s="92"/>
      <c r="AY5859" s="92"/>
      <c r="AZ5859" s="93"/>
      <c r="BA5859" s="93"/>
      <c r="BB5859" s="93"/>
      <c r="BC5859" s="93"/>
      <c r="BD5859" s="93"/>
      <c r="BE5859" s="93"/>
      <c r="BF5859" s="93"/>
      <c r="BG5859" s="93"/>
      <c r="BH5859" s="93"/>
      <c r="BI5859" s="93"/>
      <c r="BJ5859" s="93"/>
      <c r="BK5859" s="93"/>
      <c r="BL5859" s="93"/>
    </row>
    <row r="5860" spans="2:64" x14ac:dyDescent="0.2">
      <c r="B5860" s="43"/>
      <c r="C5860" s="73"/>
      <c r="D5860" s="64"/>
      <c r="E5860" s="55"/>
      <c r="F5860" s="74"/>
      <c r="G5860" s="74"/>
      <c r="H5860" s="74"/>
      <c r="I5860" s="75"/>
      <c r="J5860" s="74"/>
      <c r="L5860" s="55"/>
      <c r="M5860" s="234"/>
      <c r="N5860" s="65"/>
      <c r="O5860" s="76"/>
      <c r="P5860" s="76"/>
      <c r="Q5860" s="65"/>
      <c r="R5860" s="76"/>
      <c r="S5860" s="76"/>
      <c r="T5860" s="76"/>
      <c r="U5860" s="76"/>
      <c r="V5860" s="76"/>
      <c r="W5860" s="76"/>
      <c r="X5860" s="76"/>
      <c r="Y5860" s="76"/>
      <c r="Z5860" s="76"/>
      <c r="AA5860" s="85"/>
      <c r="AB5860" s="85"/>
      <c r="AC5860" s="85"/>
      <c r="AD5860" s="85"/>
      <c r="AE5860" s="85"/>
      <c r="AF5860" s="85"/>
      <c r="AG5860" s="86"/>
      <c r="AH5860" s="85"/>
      <c r="AI5860" s="85"/>
      <c r="AJ5860" s="85"/>
      <c r="AK5860" s="85"/>
      <c r="AL5860" s="85"/>
      <c r="AM5860" s="92"/>
      <c r="AN5860" s="92"/>
      <c r="AO5860" s="92"/>
      <c r="AP5860" s="92"/>
      <c r="AQ5860" s="92"/>
      <c r="AR5860" s="92"/>
      <c r="AS5860" s="92"/>
      <c r="AT5860" s="92"/>
      <c r="AU5860" s="92"/>
      <c r="AV5860" s="92"/>
      <c r="AW5860" s="92"/>
      <c r="AX5860" s="92"/>
      <c r="AY5860" s="92"/>
      <c r="AZ5860" s="93"/>
      <c r="BA5860" s="93"/>
      <c r="BB5860" s="93"/>
      <c r="BC5860" s="93"/>
      <c r="BD5860" s="93"/>
      <c r="BE5860" s="93"/>
      <c r="BF5860" s="93"/>
      <c r="BG5860" s="93"/>
      <c r="BH5860" s="93"/>
      <c r="BI5860" s="93"/>
      <c r="BJ5860" s="93"/>
      <c r="BK5860" s="93"/>
      <c r="BL5860" s="93"/>
    </row>
    <row r="5861" spans="2:64" x14ac:dyDescent="0.2">
      <c r="B5861" s="43"/>
      <c r="C5861" s="73"/>
      <c r="D5861" s="64"/>
      <c r="E5861" s="55"/>
      <c r="F5861" s="74"/>
      <c r="G5861" s="74"/>
      <c r="H5861" s="74"/>
      <c r="I5861" s="75"/>
      <c r="J5861" s="74"/>
      <c r="L5861" s="55"/>
      <c r="M5861" s="234"/>
      <c r="N5861" s="65"/>
      <c r="O5861" s="76"/>
      <c r="P5861" s="76"/>
      <c r="Q5861" s="65"/>
      <c r="R5861" s="76"/>
      <c r="S5861" s="76"/>
      <c r="T5861" s="76"/>
      <c r="U5861" s="76"/>
      <c r="V5861" s="76"/>
      <c r="W5861" s="76"/>
      <c r="X5861" s="76"/>
      <c r="Y5861" s="76"/>
      <c r="Z5861" s="76"/>
      <c r="AA5861" s="85"/>
      <c r="AB5861" s="85"/>
      <c r="AC5861" s="85"/>
      <c r="AD5861" s="85"/>
      <c r="AE5861" s="85"/>
      <c r="AF5861" s="85"/>
      <c r="AG5861" s="86"/>
      <c r="AH5861" s="85"/>
      <c r="AI5861" s="85"/>
      <c r="AJ5861" s="85"/>
      <c r="AK5861" s="85"/>
      <c r="AL5861" s="85"/>
      <c r="AM5861" s="92"/>
      <c r="AN5861" s="92"/>
      <c r="AO5861" s="92"/>
      <c r="AP5861" s="92"/>
      <c r="AQ5861" s="92"/>
      <c r="AR5861" s="92"/>
      <c r="AS5861" s="92"/>
      <c r="AT5861" s="92"/>
      <c r="AU5861" s="92"/>
      <c r="AV5861" s="92"/>
      <c r="AW5861" s="92"/>
      <c r="AX5861" s="92"/>
      <c r="AY5861" s="92"/>
      <c r="AZ5861" s="93"/>
      <c r="BA5861" s="93"/>
      <c r="BB5861" s="93"/>
      <c r="BC5861" s="93"/>
      <c r="BD5861" s="93"/>
      <c r="BE5861" s="93"/>
      <c r="BF5861" s="93"/>
      <c r="BG5861" s="93"/>
      <c r="BH5861" s="93"/>
      <c r="BI5861" s="93"/>
      <c r="BJ5861" s="93"/>
      <c r="BK5861" s="93"/>
      <c r="BL5861" s="93"/>
    </row>
    <row r="5862" spans="2:64" x14ac:dyDescent="0.2">
      <c r="B5862" s="43"/>
      <c r="C5862" s="73"/>
      <c r="D5862" s="64"/>
      <c r="E5862" s="55"/>
      <c r="F5862" s="74"/>
      <c r="G5862" s="74"/>
      <c r="H5862" s="74"/>
      <c r="I5862" s="75"/>
      <c r="J5862" s="74"/>
      <c r="L5862" s="55"/>
      <c r="M5862" s="234"/>
      <c r="N5862" s="65"/>
      <c r="O5862" s="76"/>
      <c r="P5862" s="76"/>
      <c r="Q5862" s="65"/>
      <c r="R5862" s="76"/>
      <c r="S5862" s="76"/>
      <c r="T5862" s="76"/>
      <c r="U5862" s="76"/>
      <c r="V5862" s="76"/>
      <c r="W5862" s="76"/>
      <c r="X5862" s="76"/>
      <c r="Y5862" s="76"/>
      <c r="Z5862" s="76"/>
      <c r="AA5862" s="85"/>
      <c r="AB5862" s="85"/>
      <c r="AC5862" s="85"/>
      <c r="AD5862" s="85"/>
      <c r="AE5862" s="85"/>
      <c r="AF5862" s="85"/>
      <c r="AG5862" s="86"/>
      <c r="AH5862" s="85"/>
      <c r="AI5862" s="85"/>
      <c r="AJ5862" s="85"/>
      <c r="AK5862" s="85"/>
      <c r="AL5862" s="85"/>
      <c r="AM5862" s="92"/>
      <c r="AN5862" s="92"/>
      <c r="AO5862" s="92"/>
      <c r="AP5862" s="92"/>
      <c r="AQ5862" s="92"/>
      <c r="AR5862" s="92"/>
      <c r="AS5862" s="92"/>
      <c r="AT5862" s="92"/>
      <c r="AU5862" s="92"/>
      <c r="AV5862" s="92"/>
      <c r="AW5862" s="92"/>
      <c r="AX5862" s="92"/>
      <c r="AY5862" s="92"/>
      <c r="AZ5862" s="93"/>
      <c r="BA5862" s="93"/>
      <c r="BB5862" s="93"/>
      <c r="BC5862" s="93"/>
      <c r="BD5862" s="93"/>
      <c r="BE5862" s="93"/>
      <c r="BF5862" s="93"/>
      <c r="BG5862" s="93"/>
      <c r="BH5862" s="93"/>
      <c r="BI5862" s="93"/>
      <c r="BJ5862" s="93"/>
      <c r="BK5862" s="93"/>
      <c r="BL5862" s="93"/>
    </row>
    <row r="5863" spans="2:64" x14ac:dyDescent="0.2">
      <c r="B5863" s="43"/>
      <c r="C5863" s="73"/>
      <c r="D5863" s="64"/>
      <c r="E5863" s="55"/>
      <c r="F5863" s="74"/>
      <c r="G5863" s="74"/>
      <c r="H5863" s="74"/>
      <c r="I5863" s="75"/>
      <c r="J5863" s="74"/>
      <c r="L5863" s="55"/>
      <c r="M5863" s="234"/>
      <c r="N5863" s="65"/>
      <c r="O5863" s="76"/>
      <c r="P5863" s="76"/>
      <c r="Q5863" s="65"/>
      <c r="R5863" s="76"/>
      <c r="S5863" s="76"/>
      <c r="T5863" s="76"/>
      <c r="U5863" s="76"/>
      <c r="V5863" s="76"/>
      <c r="W5863" s="76"/>
      <c r="X5863" s="76"/>
      <c r="Y5863" s="76"/>
      <c r="Z5863" s="76"/>
      <c r="AA5863" s="85"/>
      <c r="AB5863" s="85"/>
      <c r="AC5863" s="85"/>
      <c r="AD5863" s="85"/>
      <c r="AE5863" s="85"/>
      <c r="AF5863" s="85"/>
      <c r="AG5863" s="86"/>
      <c r="AH5863" s="85"/>
      <c r="AI5863" s="85"/>
      <c r="AJ5863" s="85"/>
      <c r="AK5863" s="85"/>
      <c r="AL5863" s="85"/>
      <c r="AM5863" s="92"/>
      <c r="AN5863" s="92"/>
      <c r="AO5863" s="92"/>
      <c r="AP5863" s="92"/>
      <c r="AQ5863" s="92"/>
      <c r="AR5863" s="92"/>
      <c r="AS5863" s="92"/>
      <c r="AT5863" s="92"/>
      <c r="AU5863" s="92"/>
      <c r="AV5863" s="92"/>
      <c r="AW5863" s="92"/>
      <c r="AX5863" s="92"/>
      <c r="AY5863" s="92"/>
      <c r="AZ5863" s="93"/>
      <c r="BA5863" s="93"/>
      <c r="BB5863" s="93"/>
      <c r="BC5863" s="93"/>
      <c r="BD5863" s="93"/>
      <c r="BE5863" s="93"/>
      <c r="BF5863" s="93"/>
      <c r="BG5863" s="93"/>
      <c r="BH5863" s="93"/>
      <c r="BI5863" s="93"/>
      <c r="BJ5863" s="93"/>
      <c r="BK5863" s="93"/>
      <c r="BL5863" s="93"/>
    </row>
    <row r="5864" spans="2:64" x14ac:dyDescent="0.2">
      <c r="B5864" s="43"/>
      <c r="C5864" s="73"/>
      <c r="D5864" s="64"/>
      <c r="E5864" s="55"/>
      <c r="F5864" s="74"/>
      <c r="G5864" s="74"/>
      <c r="H5864" s="74"/>
      <c r="I5864" s="75"/>
      <c r="J5864" s="74"/>
      <c r="L5864" s="55"/>
      <c r="M5864" s="234"/>
      <c r="N5864" s="65"/>
      <c r="O5864" s="76"/>
      <c r="P5864" s="76"/>
      <c r="Q5864" s="65"/>
      <c r="R5864" s="76"/>
      <c r="S5864" s="76"/>
      <c r="T5864" s="76"/>
      <c r="U5864" s="76"/>
      <c r="V5864" s="76"/>
      <c r="W5864" s="76"/>
      <c r="X5864" s="76"/>
      <c r="Y5864" s="76"/>
      <c r="Z5864" s="76"/>
      <c r="AA5864" s="85"/>
      <c r="AB5864" s="85"/>
      <c r="AC5864" s="85"/>
      <c r="AD5864" s="85"/>
      <c r="AE5864" s="85"/>
      <c r="AF5864" s="85"/>
      <c r="AG5864" s="86"/>
      <c r="AH5864" s="85"/>
      <c r="AI5864" s="85"/>
      <c r="AJ5864" s="85"/>
      <c r="AK5864" s="85"/>
      <c r="AL5864" s="85"/>
      <c r="AM5864" s="92"/>
      <c r="AN5864" s="92"/>
      <c r="AO5864" s="92"/>
      <c r="AP5864" s="92"/>
      <c r="AQ5864" s="92"/>
      <c r="AR5864" s="92"/>
      <c r="AS5864" s="92"/>
      <c r="AT5864" s="92"/>
      <c r="AU5864" s="92"/>
      <c r="AV5864" s="92"/>
      <c r="AW5864" s="92"/>
      <c r="AX5864" s="92"/>
      <c r="AY5864" s="92"/>
      <c r="AZ5864" s="93"/>
      <c r="BA5864" s="93"/>
      <c r="BB5864" s="93"/>
      <c r="BC5864" s="93"/>
      <c r="BD5864" s="93"/>
      <c r="BE5864" s="93"/>
      <c r="BF5864" s="93"/>
      <c r="BG5864" s="93"/>
      <c r="BH5864" s="93"/>
      <c r="BI5864" s="93"/>
      <c r="BJ5864" s="93"/>
      <c r="BK5864" s="93"/>
      <c r="BL5864" s="93"/>
    </row>
    <row r="5865" spans="2:64" x14ac:dyDescent="0.2">
      <c r="B5865" s="43"/>
      <c r="C5865" s="73"/>
      <c r="D5865" s="64"/>
      <c r="E5865" s="55"/>
      <c r="F5865" s="74"/>
      <c r="G5865" s="74"/>
      <c r="H5865" s="74"/>
      <c r="I5865" s="75"/>
      <c r="J5865" s="74"/>
      <c r="L5865" s="55"/>
      <c r="M5865" s="234"/>
      <c r="N5865" s="65"/>
      <c r="O5865" s="76"/>
      <c r="P5865" s="76"/>
      <c r="Q5865" s="65"/>
      <c r="R5865" s="76"/>
      <c r="S5865" s="76"/>
      <c r="T5865" s="76"/>
      <c r="U5865" s="76"/>
      <c r="V5865" s="76"/>
      <c r="W5865" s="76"/>
      <c r="X5865" s="76"/>
      <c r="Y5865" s="76"/>
      <c r="Z5865" s="76"/>
      <c r="AA5865" s="85"/>
      <c r="AB5865" s="85"/>
      <c r="AC5865" s="85"/>
      <c r="AD5865" s="85"/>
      <c r="AE5865" s="85"/>
      <c r="AF5865" s="85"/>
      <c r="AG5865" s="86"/>
      <c r="AH5865" s="85"/>
      <c r="AI5865" s="85"/>
      <c r="AJ5865" s="85"/>
      <c r="AK5865" s="85"/>
      <c r="AL5865" s="85"/>
      <c r="AM5865" s="92"/>
      <c r="AN5865" s="92"/>
      <c r="AO5865" s="92"/>
      <c r="AP5865" s="92"/>
      <c r="AQ5865" s="92"/>
      <c r="AR5865" s="92"/>
      <c r="AS5865" s="92"/>
      <c r="AT5865" s="92"/>
      <c r="AU5865" s="92"/>
      <c r="AV5865" s="92"/>
      <c r="AW5865" s="92"/>
      <c r="AX5865" s="92"/>
      <c r="AY5865" s="92"/>
      <c r="AZ5865" s="93"/>
      <c r="BA5865" s="93"/>
      <c r="BB5865" s="93"/>
      <c r="BC5865" s="93"/>
      <c r="BD5865" s="93"/>
      <c r="BE5865" s="93"/>
      <c r="BF5865" s="93"/>
      <c r="BG5865" s="93"/>
      <c r="BH5865" s="93"/>
      <c r="BI5865" s="93"/>
      <c r="BJ5865" s="93"/>
      <c r="BK5865" s="93"/>
      <c r="BL5865" s="93"/>
    </row>
    <row r="5866" spans="2:64" x14ac:dyDescent="0.2">
      <c r="B5866" s="43"/>
      <c r="C5866" s="73"/>
      <c r="D5866" s="64"/>
      <c r="E5866" s="55"/>
      <c r="F5866" s="74"/>
      <c r="G5866" s="74"/>
      <c r="H5866" s="74"/>
      <c r="I5866" s="75"/>
      <c r="J5866" s="74"/>
      <c r="L5866" s="55"/>
      <c r="M5866" s="234"/>
      <c r="N5866" s="65"/>
      <c r="O5866" s="76"/>
      <c r="P5866" s="76"/>
      <c r="Q5866" s="65"/>
      <c r="R5866" s="76"/>
      <c r="S5866" s="76"/>
      <c r="T5866" s="76"/>
      <c r="U5866" s="76"/>
      <c r="V5866" s="76"/>
      <c r="W5866" s="76"/>
      <c r="X5866" s="76"/>
      <c r="Y5866" s="76"/>
      <c r="Z5866" s="76"/>
      <c r="AA5866" s="85"/>
      <c r="AB5866" s="85"/>
      <c r="AC5866" s="85"/>
      <c r="AD5866" s="85"/>
      <c r="AE5866" s="85"/>
      <c r="AF5866" s="85"/>
      <c r="AG5866" s="86"/>
      <c r="AH5866" s="85"/>
      <c r="AI5866" s="85"/>
      <c r="AJ5866" s="85"/>
      <c r="AK5866" s="85"/>
      <c r="AL5866" s="85"/>
      <c r="AM5866" s="92"/>
      <c r="AN5866" s="92"/>
      <c r="AO5866" s="92"/>
      <c r="AP5866" s="92"/>
      <c r="AQ5866" s="92"/>
      <c r="AR5866" s="92"/>
      <c r="AS5866" s="92"/>
      <c r="AT5866" s="92"/>
      <c r="AU5866" s="92"/>
      <c r="AV5866" s="92"/>
      <c r="AW5866" s="92"/>
      <c r="AX5866" s="92"/>
      <c r="AY5866" s="92"/>
      <c r="AZ5866" s="93"/>
      <c r="BA5866" s="93"/>
      <c r="BB5866" s="93"/>
      <c r="BC5866" s="93"/>
      <c r="BD5866" s="93"/>
      <c r="BE5866" s="93"/>
      <c r="BF5866" s="93"/>
      <c r="BG5866" s="93"/>
      <c r="BH5866" s="93"/>
      <c r="BI5866" s="93"/>
      <c r="BJ5866" s="93"/>
      <c r="BK5866" s="93"/>
      <c r="BL5866" s="93"/>
    </row>
    <row r="5867" spans="2:64" x14ac:dyDescent="0.2">
      <c r="B5867" s="43"/>
      <c r="C5867" s="73"/>
      <c r="D5867" s="64"/>
      <c r="E5867" s="55"/>
      <c r="F5867" s="74"/>
      <c r="G5867" s="74"/>
      <c r="H5867" s="74"/>
      <c r="I5867" s="75"/>
      <c r="J5867" s="74"/>
      <c r="L5867" s="55"/>
      <c r="M5867" s="234"/>
      <c r="N5867" s="65"/>
      <c r="O5867" s="76"/>
      <c r="P5867" s="76"/>
      <c r="Q5867" s="65"/>
      <c r="R5867" s="76"/>
      <c r="S5867" s="76"/>
      <c r="T5867" s="76"/>
      <c r="U5867" s="76"/>
      <c r="V5867" s="76"/>
      <c r="W5867" s="76"/>
      <c r="X5867" s="76"/>
      <c r="Y5867" s="76"/>
      <c r="Z5867" s="76"/>
      <c r="AA5867" s="85"/>
      <c r="AB5867" s="85"/>
      <c r="AC5867" s="85"/>
      <c r="AD5867" s="85"/>
      <c r="AE5867" s="85"/>
      <c r="AF5867" s="85"/>
      <c r="AG5867" s="86"/>
      <c r="AH5867" s="85"/>
      <c r="AI5867" s="85"/>
      <c r="AJ5867" s="85"/>
      <c r="AK5867" s="85"/>
      <c r="AL5867" s="85"/>
      <c r="AM5867" s="92"/>
      <c r="AN5867" s="92"/>
      <c r="AO5867" s="92"/>
      <c r="AP5867" s="92"/>
      <c r="AQ5867" s="92"/>
      <c r="AR5867" s="92"/>
      <c r="AS5867" s="92"/>
      <c r="AT5867" s="92"/>
      <c r="AU5867" s="92"/>
      <c r="AV5867" s="92"/>
      <c r="AW5867" s="92"/>
      <c r="AX5867" s="92"/>
      <c r="AY5867" s="92"/>
      <c r="AZ5867" s="93"/>
      <c r="BA5867" s="93"/>
      <c r="BB5867" s="93"/>
      <c r="BC5867" s="93"/>
      <c r="BD5867" s="93"/>
      <c r="BE5867" s="93"/>
      <c r="BF5867" s="93"/>
      <c r="BG5867" s="93"/>
      <c r="BH5867" s="93"/>
      <c r="BI5867" s="93"/>
      <c r="BJ5867" s="93"/>
      <c r="BK5867" s="93"/>
      <c r="BL5867" s="93"/>
    </row>
    <row r="5868" spans="2:64" x14ac:dyDescent="0.2">
      <c r="B5868" s="43"/>
      <c r="C5868" s="73"/>
      <c r="D5868" s="64"/>
      <c r="E5868" s="55"/>
      <c r="F5868" s="74"/>
      <c r="G5868" s="74"/>
      <c r="H5868" s="74"/>
      <c r="I5868" s="75"/>
      <c r="J5868" s="74"/>
      <c r="L5868" s="55"/>
      <c r="M5868" s="234"/>
      <c r="N5868" s="65"/>
      <c r="O5868" s="76"/>
      <c r="P5868" s="76"/>
      <c r="Q5868" s="65"/>
      <c r="R5868" s="76"/>
      <c r="S5868" s="76"/>
      <c r="T5868" s="76"/>
      <c r="U5868" s="76"/>
      <c r="V5868" s="76"/>
      <c r="W5868" s="76"/>
      <c r="X5868" s="76"/>
      <c r="Y5868" s="76"/>
      <c r="Z5868" s="76"/>
      <c r="AA5868" s="85"/>
      <c r="AB5868" s="85"/>
      <c r="AC5868" s="85"/>
      <c r="AD5868" s="85"/>
      <c r="AE5868" s="85"/>
      <c r="AF5868" s="85"/>
      <c r="AG5868" s="86"/>
      <c r="AH5868" s="85"/>
      <c r="AI5868" s="85"/>
      <c r="AJ5868" s="85"/>
      <c r="AK5868" s="85"/>
      <c r="AL5868" s="85"/>
      <c r="AM5868" s="92"/>
      <c r="AN5868" s="92"/>
      <c r="AO5868" s="92"/>
      <c r="AP5868" s="92"/>
      <c r="AQ5868" s="92"/>
      <c r="AR5868" s="92"/>
      <c r="AS5868" s="92"/>
      <c r="AT5868" s="92"/>
      <c r="AU5868" s="92"/>
      <c r="AV5868" s="92"/>
      <c r="AW5868" s="92"/>
      <c r="AX5868" s="92"/>
      <c r="AY5868" s="92"/>
      <c r="AZ5868" s="93"/>
      <c r="BA5868" s="93"/>
      <c r="BB5868" s="93"/>
      <c r="BC5868" s="93"/>
      <c r="BD5868" s="93"/>
      <c r="BE5868" s="93"/>
      <c r="BF5868" s="93"/>
      <c r="BG5868" s="93"/>
      <c r="BH5868" s="93"/>
      <c r="BI5868" s="93"/>
      <c r="BJ5868" s="93"/>
      <c r="BK5868" s="93"/>
      <c r="BL5868" s="93"/>
    </row>
    <row r="5869" spans="2:64" x14ac:dyDescent="0.2">
      <c r="B5869" s="43"/>
      <c r="C5869" s="73"/>
      <c r="D5869" s="64"/>
      <c r="E5869" s="55"/>
      <c r="F5869" s="74"/>
      <c r="G5869" s="74"/>
      <c r="H5869" s="74"/>
      <c r="I5869" s="75"/>
      <c r="J5869" s="74"/>
      <c r="L5869" s="55"/>
      <c r="M5869" s="234"/>
      <c r="N5869" s="65"/>
      <c r="O5869" s="76"/>
      <c r="P5869" s="76"/>
      <c r="Q5869" s="65"/>
      <c r="R5869" s="76"/>
      <c r="S5869" s="76"/>
      <c r="T5869" s="76"/>
      <c r="U5869" s="76"/>
      <c r="V5869" s="76"/>
      <c r="W5869" s="76"/>
      <c r="X5869" s="76"/>
      <c r="Y5869" s="76"/>
      <c r="Z5869" s="76"/>
      <c r="AA5869" s="85"/>
      <c r="AB5869" s="85"/>
      <c r="AC5869" s="85"/>
      <c r="AD5869" s="85"/>
      <c r="AE5869" s="85"/>
      <c r="AF5869" s="85"/>
      <c r="AG5869" s="86"/>
      <c r="AH5869" s="85"/>
      <c r="AI5869" s="85"/>
      <c r="AJ5869" s="85"/>
      <c r="AK5869" s="85"/>
      <c r="AL5869" s="85"/>
      <c r="AM5869" s="92"/>
      <c r="AN5869" s="92"/>
      <c r="AO5869" s="92"/>
      <c r="AP5869" s="92"/>
      <c r="AQ5869" s="92"/>
      <c r="AR5869" s="92"/>
      <c r="AS5869" s="92"/>
      <c r="AT5869" s="92"/>
      <c r="AU5869" s="92"/>
      <c r="AV5869" s="92"/>
      <c r="AW5869" s="92"/>
      <c r="AX5869" s="92"/>
      <c r="AY5869" s="92"/>
      <c r="AZ5869" s="93"/>
      <c r="BA5869" s="93"/>
      <c r="BB5869" s="93"/>
      <c r="BC5869" s="93"/>
      <c r="BD5869" s="93"/>
      <c r="BE5869" s="93"/>
      <c r="BF5869" s="93"/>
      <c r="BG5869" s="93"/>
      <c r="BH5869" s="93"/>
      <c r="BI5869" s="93"/>
      <c r="BJ5869" s="93"/>
      <c r="BK5869" s="93"/>
      <c r="BL5869" s="93"/>
    </row>
    <row r="5870" spans="2:64" x14ac:dyDescent="0.2">
      <c r="B5870" s="43"/>
      <c r="C5870" s="73"/>
      <c r="D5870" s="64"/>
      <c r="E5870" s="55"/>
      <c r="F5870" s="74"/>
      <c r="G5870" s="74"/>
      <c r="H5870" s="74"/>
      <c r="I5870" s="75"/>
      <c r="J5870" s="74"/>
      <c r="L5870" s="55"/>
      <c r="M5870" s="234"/>
      <c r="N5870" s="65"/>
      <c r="O5870" s="76"/>
      <c r="P5870" s="76"/>
      <c r="Q5870" s="65"/>
      <c r="R5870" s="76"/>
      <c r="S5870" s="76"/>
      <c r="T5870" s="76"/>
      <c r="U5870" s="76"/>
      <c r="V5870" s="76"/>
      <c r="W5870" s="76"/>
      <c r="X5870" s="76"/>
      <c r="Y5870" s="76"/>
      <c r="Z5870" s="76"/>
      <c r="AA5870" s="85"/>
      <c r="AB5870" s="85"/>
      <c r="AC5870" s="85"/>
      <c r="AD5870" s="85"/>
      <c r="AE5870" s="85"/>
      <c r="AF5870" s="85"/>
      <c r="AG5870" s="86"/>
      <c r="AH5870" s="85"/>
      <c r="AI5870" s="85"/>
      <c r="AJ5870" s="85"/>
      <c r="AK5870" s="85"/>
      <c r="AL5870" s="85"/>
      <c r="AM5870" s="92"/>
      <c r="AN5870" s="92"/>
      <c r="AO5870" s="92"/>
      <c r="AP5870" s="92"/>
      <c r="AQ5870" s="92"/>
      <c r="AR5870" s="92"/>
      <c r="AS5870" s="92"/>
      <c r="AT5870" s="92"/>
      <c r="AU5870" s="92"/>
      <c r="AV5870" s="92"/>
      <c r="AW5870" s="92"/>
      <c r="AX5870" s="92"/>
      <c r="AY5870" s="92"/>
      <c r="AZ5870" s="93"/>
      <c r="BA5870" s="93"/>
      <c r="BB5870" s="93"/>
      <c r="BC5870" s="93"/>
      <c r="BD5870" s="93"/>
      <c r="BE5870" s="93"/>
      <c r="BF5870" s="93"/>
      <c r="BG5870" s="93"/>
      <c r="BH5870" s="93"/>
      <c r="BI5870" s="93"/>
      <c r="BJ5870" s="93"/>
      <c r="BK5870" s="93"/>
      <c r="BL5870" s="93"/>
    </row>
    <row r="5871" spans="2:64" x14ac:dyDescent="0.2">
      <c r="B5871" s="43"/>
      <c r="C5871" s="73"/>
      <c r="D5871" s="64"/>
      <c r="E5871" s="55"/>
      <c r="F5871" s="74"/>
      <c r="G5871" s="74"/>
      <c r="H5871" s="74"/>
      <c r="I5871" s="75"/>
      <c r="J5871" s="74"/>
      <c r="L5871" s="55"/>
      <c r="M5871" s="234"/>
      <c r="N5871" s="65"/>
      <c r="O5871" s="76"/>
      <c r="P5871" s="76"/>
      <c r="Q5871" s="65"/>
      <c r="R5871" s="76"/>
      <c r="S5871" s="76"/>
      <c r="T5871" s="76"/>
      <c r="U5871" s="76"/>
      <c r="V5871" s="76"/>
      <c r="W5871" s="76"/>
      <c r="X5871" s="76"/>
      <c r="Y5871" s="76"/>
      <c r="Z5871" s="76"/>
      <c r="AA5871" s="85"/>
      <c r="AB5871" s="85"/>
      <c r="AC5871" s="85"/>
      <c r="AD5871" s="85"/>
      <c r="AE5871" s="85"/>
      <c r="AF5871" s="85"/>
      <c r="AG5871" s="86"/>
      <c r="AH5871" s="85"/>
      <c r="AI5871" s="85"/>
      <c r="AJ5871" s="85"/>
      <c r="AK5871" s="85"/>
      <c r="AL5871" s="85"/>
      <c r="AM5871" s="92"/>
      <c r="AN5871" s="92"/>
      <c r="AO5871" s="92"/>
      <c r="AP5871" s="92"/>
      <c r="AQ5871" s="92"/>
      <c r="AR5871" s="92"/>
      <c r="AS5871" s="92"/>
      <c r="AT5871" s="92"/>
      <c r="AU5871" s="92"/>
      <c r="AV5871" s="92"/>
      <c r="AW5871" s="92"/>
      <c r="AX5871" s="92"/>
      <c r="AY5871" s="92"/>
      <c r="AZ5871" s="93"/>
      <c r="BA5871" s="93"/>
      <c r="BB5871" s="93"/>
      <c r="BC5871" s="93"/>
      <c r="BD5871" s="93"/>
      <c r="BE5871" s="93"/>
      <c r="BF5871" s="93"/>
      <c r="BG5871" s="93"/>
      <c r="BH5871" s="93"/>
      <c r="BI5871" s="93"/>
      <c r="BJ5871" s="93"/>
      <c r="BK5871" s="93"/>
      <c r="BL5871" s="93"/>
    </row>
    <row r="5872" spans="2:64" x14ac:dyDescent="0.2">
      <c r="B5872" s="43"/>
      <c r="C5872" s="73"/>
      <c r="D5872" s="64"/>
      <c r="E5872" s="55"/>
      <c r="F5872" s="74"/>
      <c r="G5872" s="74"/>
      <c r="H5872" s="74"/>
      <c r="I5872" s="75"/>
      <c r="J5872" s="74"/>
      <c r="L5872" s="55"/>
      <c r="M5872" s="234"/>
      <c r="N5872" s="65"/>
      <c r="O5872" s="76"/>
      <c r="P5872" s="76"/>
      <c r="Q5872" s="65"/>
      <c r="R5872" s="76"/>
      <c r="S5872" s="76"/>
      <c r="T5872" s="76"/>
      <c r="U5872" s="76"/>
      <c r="V5872" s="76"/>
      <c r="W5872" s="76"/>
      <c r="X5872" s="76"/>
      <c r="Y5872" s="76"/>
      <c r="Z5872" s="76"/>
      <c r="AA5872" s="85"/>
      <c r="AB5872" s="85"/>
      <c r="AC5872" s="85"/>
      <c r="AD5872" s="85"/>
      <c r="AE5872" s="85"/>
      <c r="AF5872" s="85"/>
      <c r="AG5872" s="86"/>
      <c r="AH5872" s="85"/>
      <c r="AI5872" s="85"/>
      <c r="AJ5872" s="85"/>
      <c r="AK5872" s="85"/>
      <c r="AL5872" s="85"/>
      <c r="AM5872" s="92"/>
      <c r="AN5872" s="92"/>
      <c r="AO5872" s="92"/>
      <c r="AP5872" s="92"/>
      <c r="AQ5872" s="92"/>
      <c r="AR5872" s="92"/>
      <c r="AS5872" s="92"/>
      <c r="AT5872" s="92"/>
      <c r="AU5872" s="92"/>
      <c r="AV5872" s="92"/>
      <c r="AW5872" s="92"/>
      <c r="AX5872" s="92"/>
      <c r="AY5872" s="92"/>
      <c r="AZ5872" s="93"/>
      <c r="BA5872" s="93"/>
      <c r="BB5872" s="93"/>
      <c r="BC5872" s="93"/>
      <c r="BD5872" s="93"/>
      <c r="BE5872" s="93"/>
      <c r="BF5872" s="93"/>
      <c r="BG5872" s="93"/>
      <c r="BH5872" s="93"/>
      <c r="BI5872" s="93"/>
      <c r="BJ5872" s="93"/>
      <c r="BK5872" s="93"/>
      <c r="BL5872" s="93"/>
    </row>
    <row r="5873" spans="2:64" x14ac:dyDescent="0.2">
      <c r="B5873" s="43"/>
      <c r="C5873" s="73"/>
      <c r="D5873" s="64"/>
      <c r="E5873" s="55"/>
      <c r="F5873" s="74"/>
      <c r="G5873" s="74"/>
      <c r="H5873" s="74"/>
      <c r="I5873" s="75"/>
      <c r="J5873" s="74"/>
      <c r="L5873" s="55"/>
      <c r="M5873" s="234"/>
      <c r="N5873" s="65"/>
      <c r="O5873" s="76"/>
      <c r="P5873" s="76"/>
      <c r="Q5873" s="65"/>
      <c r="R5873" s="76"/>
      <c r="S5873" s="76"/>
      <c r="T5873" s="76"/>
      <c r="U5873" s="76"/>
      <c r="V5873" s="76"/>
      <c r="W5873" s="76"/>
      <c r="X5873" s="76"/>
      <c r="Y5873" s="76"/>
      <c r="Z5873" s="76"/>
      <c r="AA5873" s="85"/>
      <c r="AB5873" s="85"/>
      <c r="AC5873" s="85"/>
      <c r="AD5873" s="85"/>
      <c r="AE5873" s="85"/>
      <c r="AF5873" s="85"/>
      <c r="AG5873" s="86"/>
      <c r="AH5873" s="85"/>
      <c r="AI5873" s="85"/>
      <c r="AJ5873" s="85"/>
      <c r="AK5873" s="85"/>
      <c r="AL5873" s="85"/>
      <c r="AM5873" s="92"/>
      <c r="AN5873" s="92"/>
      <c r="AO5873" s="92"/>
      <c r="AP5873" s="92"/>
      <c r="AQ5873" s="92"/>
      <c r="AR5873" s="92"/>
      <c r="AS5873" s="92"/>
      <c r="AT5873" s="92"/>
      <c r="AU5873" s="92"/>
      <c r="AV5873" s="92"/>
      <c r="AW5873" s="92"/>
      <c r="AX5873" s="92"/>
      <c r="AY5873" s="92"/>
      <c r="AZ5873" s="93"/>
      <c r="BA5873" s="93"/>
      <c r="BB5873" s="93"/>
      <c r="BC5873" s="93"/>
      <c r="BD5873" s="93"/>
      <c r="BE5873" s="93"/>
      <c r="BF5873" s="93"/>
      <c r="BG5873" s="93"/>
      <c r="BH5873" s="93"/>
      <c r="BI5873" s="93"/>
      <c r="BJ5873" s="93"/>
      <c r="BK5873" s="93"/>
      <c r="BL5873" s="93"/>
    </row>
    <row r="5874" spans="2:64" x14ac:dyDescent="0.2">
      <c r="B5874" s="43"/>
      <c r="C5874" s="73"/>
      <c r="D5874" s="64"/>
      <c r="E5874" s="55"/>
      <c r="F5874" s="74"/>
      <c r="G5874" s="74"/>
      <c r="H5874" s="74"/>
      <c r="I5874" s="75"/>
      <c r="J5874" s="74"/>
      <c r="L5874" s="55"/>
      <c r="M5874" s="234"/>
      <c r="N5874" s="65"/>
      <c r="O5874" s="76"/>
      <c r="P5874" s="76"/>
      <c r="Q5874" s="65"/>
      <c r="R5874" s="76"/>
      <c r="S5874" s="76"/>
      <c r="T5874" s="76"/>
      <c r="U5874" s="76"/>
      <c r="V5874" s="76"/>
      <c r="W5874" s="76"/>
      <c r="X5874" s="76"/>
      <c r="Y5874" s="76"/>
      <c r="Z5874" s="76"/>
      <c r="AA5874" s="85"/>
      <c r="AB5874" s="85"/>
      <c r="AC5874" s="85"/>
      <c r="AD5874" s="85"/>
      <c r="AE5874" s="85"/>
      <c r="AF5874" s="85"/>
      <c r="AG5874" s="86"/>
      <c r="AH5874" s="85"/>
      <c r="AI5874" s="85"/>
      <c r="AJ5874" s="85"/>
      <c r="AK5874" s="85"/>
      <c r="AL5874" s="85"/>
      <c r="AM5874" s="92"/>
      <c r="AN5874" s="92"/>
      <c r="AO5874" s="92"/>
      <c r="AP5874" s="92"/>
      <c r="AQ5874" s="92"/>
      <c r="AR5874" s="92"/>
      <c r="AS5874" s="92"/>
      <c r="AT5874" s="92"/>
      <c r="AU5874" s="92"/>
      <c r="AV5874" s="92"/>
      <c r="AW5874" s="92"/>
      <c r="AX5874" s="92"/>
      <c r="AY5874" s="92"/>
      <c r="AZ5874" s="93"/>
      <c r="BA5874" s="93"/>
      <c r="BB5874" s="93"/>
      <c r="BC5874" s="93"/>
      <c r="BD5874" s="93"/>
      <c r="BE5874" s="93"/>
      <c r="BF5874" s="93"/>
      <c r="BG5874" s="93"/>
      <c r="BH5874" s="93"/>
      <c r="BI5874" s="93"/>
      <c r="BJ5874" s="93"/>
      <c r="BK5874" s="93"/>
      <c r="BL5874" s="93"/>
    </row>
    <row r="5875" spans="2:64" x14ac:dyDescent="0.2">
      <c r="B5875" s="43"/>
      <c r="C5875" s="73"/>
      <c r="D5875" s="64"/>
      <c r="E5875" s="55"/>
      <c r="F5875" s="74"/>
      <c r="G5875" s="74"/>
      <c r="H5875" s="74"/>
      <c r="I5875" s="75"/>
      <c r="J5875" s="74"/>
      <c r="L5875" s="55"/>
      <c r="M5875" s="234"/>
      <c r="N5875" s="65"/>
      <c r="O5875" s="76"/>
      <c r="P5875" s="76"/>
      <c r="Q5875" s="65"/>
      <c r="R5875" s="76"/>
      <c r="S5875" s="76"/>
      <c r="T5875" s="76"/>
      <c r="U5875" s="76"/>
      <c r="V5875" s="76"/>
      <c r="W5875" s="76"/>
      <c r="X5875" s="76"/>
      <c r="Y5875" s="76"/>
      <c r="Z5875" s="76"/>
      <c r="AA5875" s="85"/>
      <c r="AB5875" s="85"/>
      <c r="AC5875" s="85"/>
      <c r="AD5875" s="85"/>
      <c r="AE5875" s="85"/>
      <c r="AF5875" s="85"/>
      <c r="AG5875" s="86"/>
      <c r="AH5875" s="85"/>
      <c r="AI5875" s="85"/>
      <c r="AJ5875" s="85"/>
      <c r="AK5875" s="85"/>
      <c r="AL5875" s="85"/>
      <c r="AM5875" s="92"/>
      <c r="AN5875" s="92"/>
      <c r="AO5875" s="92"/>
      <c r="AP5875" s="92"/>
      <c r="AQ5875" s="92"/>
      <c r="AR5875" s="92"/>
      <c r="AS5875" s="92"/>
      <c r="AT5875" s="92"/>
      <c r="AU5875" s="92"/>
      <c r="AV5875" s="92"/>
      <c r="AW5875" s="92"/>
      <c r="AX5875" s="92"/>
      <c r="AY5875" s="92"/>
      <c r="AZ5875" s="93"/>
      <c r="BA5875" s="93"/>
      <c r="BB5875" s="93"/>
      <c r="BC5875" s="93"/>
      <c r="BD5875" s="93"/>
      <c r="BE5875" s="93"/>
      <c r="BF5875" s="93"/>
      <c r="BG5875" s="93"/>
      <c r="BH5875" s="93"/>
      <c r="BI5875" s="93"/>
      <c r="BJ5875" s="93"/>
      <c r="BK5875" s="93"/>
      <c r="BL5875" s="93"/>
    </row>
    <row r="5876" spans="2:64" x14ac:dyDescent="0.2">
      <c r="B5876" s="43"/>
      <c r="C5876" s="73"/>
      <c r="D5876" s="64"/>
      <c r="E5876" s="55"/>
      <c r="F5876" s="74"/>
      <c r="G5876" s="74"/>
      <c r="H5876" s="74"/>
      <c r="I5876" s="75"/>
      <c r="J5876" s="74"/>
      <c r="L5876" s="55"/>
      <c r="M5876" s="234"/>
      <c r="N5876" s="65"/>
      <c r="O5876" s="76"/>
      <c r="P5876" s="76"/>
      <c r="Q5876" s="65"/>
      <c r="R5876" s="76"/>
      <c r="S5876" s="76"/>
      <c r="T5876" s="76"/>
      <c r="U5876" s="76"/>
      <c r="V5876" s="76"/>
      <c r="W5876" s="76"/>
      <c r="X5876" s="76"/>
      <c r="Y5876" s="76"/>
      <c r="Z5876" s="76"/>
      <c r="AA5876" s="85"/>
      <c r="AB5876" s="85"/>
      <c r="AC5876" s="85"/>
      <c r="AD5876" s="85"/>
      <c r="AE5876" s="85"/>
      <c r="AF5876" s="85"/>
      <c r="AG5876" s="86"/>
      <c r="AH5876" s="85"/>
      <c r="AI5876" s="85"/>
      <c r="AJ5876" s="85"/>
      <c r="AK5876" s="85"/>
      <c r="AL5876" s="85"/>
      <c r="AM5876" s="92"/>
      <c r="AN5876" s="92"/>
      <c r="AO5876" s="92"/>
      <c r="AP5876" s="92"/>
      <c r="AQ5876" s="92"/>
      <c r="AR5876" s="92"/>
      <c r="AS5876" s="92"/>
      <c r="AT5876" s="92"/>
      <c r="AU5876" s="92"/>
      <c r="AV5876" s="92"/>
      <c r="AW5876" s="92"/>
      <c r="AX5876" s="92"/>
      <c r="AY5876" s="92"/>
      <c r="AZ5876" s="93"/>
      <c r="BA5876" s="93"/>
      <c r="BB5876" s="93"/>
      <c r="BC5876" s="93"/>
      <c r="BD5876" s="93"/>
      <c r="BE5876" s="93"/>
      <c r="BF5876" s="93"/>
      <c r="BG5876" s="93"/>
      <c r="BH5876" s="93"/>
      <c r="BI5876" s="93"/>
      <c r="BJ5876" s="93"/>
      <c r="BK5876" s="93"/>
      <c r="BL5876" s="93"/>
    </row>
    <row r="5877" spans="2:64" x14ac:dyDescent="0.2">
      <c r="B5877" s="43"/>
      <c r="C5877" s="73"/>
      <c r="D5877" s="64"/>
      <c r="E5877" s="55"/>
      <c r="F5877" s="74"/>
      <c r="G5877" s="74"/>
      <c r="H5877" s="74"/>
      <c r="I5877" s="75"/>
      <c r="J5877" s="74"/>
      <c r="L5877" s="55"/>
      <c r="M5877" s="234"/>
      <c r="N5877" s="65"/>
      <c r="O5877" s="76"/>
      <c r="P5877" s="76"/>
      <c r="Q5877" s="65"/>
      <c r="R5877" s="76"/>
      <c r="S5877" s="76"/>
      <c r="T5877" s="76"/>
      <c r="U5877" s="76"/>
      <c r="V5877" s="76"/>
      <c r="W5877" s="76"/>
      <c r="X5877" s="76"/>
      <c r="Y5877" s="76"/>
      <c r="Z5877" s="76"/>
      <c r="AA5877" s="85"/>
      <c r="AB5877" s="85"/>
      <c r="AC5877" s="85"/>
      <c r="AD5877" s="85"/>
      <c r="AE5877" s="85"/>
      <c r="AF5877" s="85"/>
      <c r="AG5877" s="86"/>
      <c r="AH5877" s="85"/>
      <c r="AI5877" s="85"/>
      <c r="AJ5877" s="85"/>
      <c r="AK5877" s="85"/>
      <c r="AL5877" s="85"/>
      <c r="AM5877" s="92"/>
      <c r="AN5877" s="92"/>
      <c r="AO5877" s="92"/>
      <c r="AP5877" s="92"/>
      <c r="AQ5877" s="92"/>
      <c r="AR5877" s="92"/>
      <c r="AS5877" s="92"/>
      <c r="AT5877" s="92"/>
      <c r="AU5877" s="92"/>
      <c r="AV5877" s="92"/>
      <c r="AW5877" s="92"/>
      <c r="AX5877" s="92"/>
      <c r="AY5877" s="92"/>
      <c r="AZ5877" s="93"/>
      <c r="BA5877" s="93"/>
      <c r="BB5877" s="93"/>
      <c r="BC5877" s="93"/>
      <c r="BD5877" s="93"/>
      <c r="BE5877" s="93"/>
      <c r="BF5877" s="93"/>
      <c r="BG5877" s="93"/>
      <c r="BH5877" s="93"/>
      <c r="BI5877" s="93"/>
      <c r="BJ5877" s="93"/>
      <c r="BK5877" s="93"/>
      <c r="BL5877" s="93"/>
    </row>
    <row r="5878" spans="2:64" x14ac:dyDescent="0.2">
      <c r="B5878" s="43"/>
      <c r="C5878" s="73"/>
      <c r="D5878" s="64"/>
      <c r="E5878" s="55"/>
      <c r="F5878" s="74"/>
      <c r="G5878" s="74"/>
      <c r="H5878" s="74"/>
      <c r="I5878" s="75"/>
      <c r="J5878" s="74"/>
      <c r="L5878" s="55"/>
      <c r="M5878" s="234"/>
      <c r="N5878" s="65"/>
      <c r="O5878" s="76"/>
      <c r="P5878" s="76"/>
      <c r="Q5878" s="65"/>
      <c r="R5878" s="76"/>
      <c r="S5878" s="76"/>
      <c r="T5878" s="76"/>
      <c r="U5878" s="76"/>
      <c r="V5878" s="76"/>
      <c r="W5878" s="76"/>
      <c r="X5878" s="76"/>
      <c r="Y5878" s="76"/>
      <c r="Z5878" s="76"/>
      <c r="AA5878" s="85"/>
      <c r="AB5878" s="85"/>
      <c r="AC5878" s="85"/>
      <c r="AD5878" s="85"/>
      <c r="AE5878" s="85"/>
      <c r="AF5878" s="85"/>
      <c r="AG5878" s="86"/>
      <c r="AH5878" s="85"/>
      <c r="AI5878" s="85"/>
      <c r="AJ5878" s="85"/>
      <c r="AK5878" s="85"/>
      <c r="AL5878" s="85"/>
      <c r="AM5878" s="92"/>
      <c r="AN5878" s="92"/>
      <c r="AO5878" s="92"/>
      <c r="AP5878" s="92"/>
      <c r="AQ5878" s="92"/>
      <c r="AR5878" s="92"/>
      <c r="AS5878" s="92"/>
      <c r="AT5878" s="92"/>
      <c r="AU5878" s="92"/>
      <c r="AV5878" s="92"/>
      <c r="AW5878" s="92"/>
      <c r="AX5878" s="92"/>
      <c r="AY5878" s="92"/>
      <c r="AZ5878" s="93"/>
      <c r="BA5878" s="93"/>
      <c r="BB5878" s="93"/>
      <c r="BC5878" s="93"/>
      <c r="BD5878" s="93"/>
      <c r="BE5878" s="93"/>
      <c r="BF5878" s="93"/>
      <c r="BG5878" s="93"/>
      <c r="BH5878" s="93"/>
      <c r="BI5878" s="93"/>
      <c r="BJ5878" s="93"/>
      <c r="BK5878" s="93"/>
      <c r="BL5878" s="93"/>
    </row>
    <row r="5879" spans="2:64" x14ac:dyDescent="0.2">
      <c r="B5879" s="43"/>
      <c r="C5879" s="73"/>
      <c r="D5879" s="64"/>
      <c r="E5879" s="55"/>
      <c r="F5879" s="74"/>
      <c r="G5879" s="74"/>
      <c r="H5879" s="74"/>
      <c r="I5879" s="75"/>
      <c r="J5879" s="74"/>
      <c r="L5879" s="55"/>
      <c r="M5879" s="234"/>
      <c r="N5879" s="65"/>
      <c r="O5879" s="76"/>
      <c r="P5879" s="76"/>
      <c r="Q5879" s="65"/>
      <c r="R5879" s="76"/>
      <c r="S5879" s="76"/>
      <c r="T5879" s="76"/>
      <c r="U5879" s="76"/>
      <c r="V5879" s="76"/>
      <c r="W5879" s="76"/>
      <c r="X5879" s="76"/>
      <c r="Y5879" s="76"/>
      <c r="Z5879" s="76"/>
      <c r="AA5879" s="85"/>
      <c r="AB5879" s="85"/>
      <c r="AC5879" s="85"/>
      <c r="AD5879" s="85"/>
      <c r="AE5879" s="85"/>
      <c r="AF5879" s="85"/>
      <c r="AG5879" s="86"/>
      <c r="AH5879" s="85"/>
      <c r="AI5879" s="85"/>
      <c r="AJ5879" s="85"/>
      <c r="AK5879" s="85"/>
      <c r="AL5879" s="85"/>
      <c r="AM5879" s="92"/>
      <c r="AN5879" s="92"/>
      <c r="AO5879" s="92"/>
      <c r="AP5879" s="92"/>
      <c r="AQ5879" s="92"/>
      <c r="AR5879" s="92"/>
      <c r="AS5879" s="92"/>
      <c r="AT5879" s="92"/>
      <c r="AU5879" s="92"/>
      <c r="AV5879" s="92"/>
      <c r="AW5879" s="92"/>
      <c r="AX5879" s="92"/>
      <c r="AY5879" s="92"/>
      <c r="AZ5879" s="93"/>
      <c r="BA5879" s="93"/>
      <c r="BB5879" s="93"/>
      <c r="BC5879" s="93"/>
      <c r="BD5879" s="93"/>
      <c r="BE5879" s="93"/>
      <c r="BF5879" s="93"/>
      <c r="BG5879" s="93"/>
      <c r="BH5879" s="93"/>
      <c r="BI5879" s="93"/>
      <c r="BJ5879" s="93"/>
      <c r="BK5879" s="93"/>
      <c r="BL5879" s="93"/>
    </row>
    <row r="5880" spans="2:64" x14ac:dyDescent="0.2">
      <c r="B5880" s="43"/>
      <c r="C5880" s="73"/>
      <c r="D5880" s="64"/>
      <c r="E5880" s="55"/>
      <c r="F5880" s="74"/>
      <c r="G5880" s="74"/>
      <c r="H5880" s="74"/>
      <c r="I5880" s="75"/>
      <c r="J5880" s="74"/>
      <c r="L5880" s="55"/>
      <c r="M5880" s="234"/>
      <c r="N5880" s="65"/>
      <c r="O5880" s="76"/>
      <c r="P5880" s="76"/>
      <c r="Q5880" s="65"/>
      <c r="R5880" s="76"/>
      <c r="S5880" s="76"/>
      <c r="T5880" s="76"/>
      <c r="U5880" s="76"/>
      <c r="V5880" s="76"/>
      <c r="W5880" s="76"/>
      <c r="X5880" s="76"/>
      <c r="Y5880" s="76"/>
      <c r="Z5880" s="76"/>
      <c r="AA5880" s="85"/>
      <c r="AB5880" s="85"/>
      <c r="AC5880" s="85"/>
      <c r="AD5880" s="85"/>
      <c r="AE5880" s="85"/>
      <c r="AF5880" s="85"/>
      <c r="AG5880" s="86"/>
      <c r="AH5880" s="85"/>
      <c r="AI5880" s="85"/>
      <c r="AJ5880" s="85"/>
      <c r="AK5880" s="85"/>
      <c r="AL5880" s="85"/>
      <c r="AM5880" s="92"/>
      <c r="AN5880" s="92"/>
      <c r="AO5880" s="92"/>
      <c r="AP5880" s="92"/>
      <c r="AQ5880" s="92"/>
      <c r="AR5880" s="92"/>
      <c r="AS5880" s="92"/>
      <c r="AT5880" s="92"/>
      <c r="AU5880" s="92"/>
      <c r="AV5880" s="92"/>
      <c r="AW5880" s="92"/>
      <c r="AX5880" s="92"/>
      <c r="AY5880" s="92"/>
      <c r="AZ5880" s="93"/>
      <c r="BA5880" s="93"/>
      <c r="BB5880" s="93"/>
      <c r="BC5880" s="93"/>
      <c r="BD5880" s="93"/>
      <c r="BE5880" s="93"/>
      <c r="BF5880" s="93"/>
      <c r="BG5880" s="93"/>
      <c r="BH5880" s="93"/>
      <c r="BI5880" s="93"/>
      <c r="BJ5880" s="93"/>
      <c r="BK5880" s="93"/>
      <c r="BL5880" s="93"/>
    </row>
    <row r="5881" spans="2:64" x14ac:dyDescent="0.2">
      <c r="B5881" s="43"/>
      <c r="C5881" s="73"/>
      <c r="D5881" s="64"/>
      <c r="E5881" s="55"/>
      <c r="F5881" s="74"/>
      <c r="G5881" s="74"/>
      <c r="H5881" s="74"/>
      <c r="I5881" s="75"/>
      <c r="J5881" s="74"/>
      <c r="L5881" s="55"/>
      <c r="M5881" s="234"/>
      <c r="N5881" s="65"/>
      <c r="O5881" s="76"/>
      <c r="P5881" s="76"/>
      <c r="Q5881" s="65"/>
      <c r="R5881" s="76"/>
      <c r="S5881" s="76"/>
      <c r="T5881" s="76"/>
      <c r="U5881" s="76"/>
      <c r="V5881" s="76"/>
      <c r="W5881" s="76"/>
      <c r="X5881" s="76"/>
      <c r="Y5881" s="76"/>
      <c r="Z5881" s="76"/>
      <c r="AA5881" s="85"/>
      <c r="AB5881" s="85"/>
      <c r="AC5881" s="85"/>
      <c r="AD5881" s="85"/>
      <c r="AE5881" s="85"/>
      <c r="AF5881" s="85"/>
      <c r="AG5881" s="86"/>
      <c r="AH5881" s="85"/>
      <c r="AI5881" s="85"/>
      <c r="AJ5881" s="85"/>
      <c r="AK5881" s="85"/>
      <c r="AL5881" s="85"/>
      <c r="AM5881" s="92"/>
      <c r="AN5881" s="92"/>
      <c r="AO5881" s="92"/>
      <c r="AP5881" s="92"/>
      <c r="AQ5881" s="92"/>
      <c r="AR5881" s="92"/>
      <c r="AS5881" s="92"/>
      <c r="AT5881" s="92"/>
      <c r="AU5881" s="92"/>
      <c r="AV5881" s="92"/>
      <c r="AW5881" s="92"/>
      <c r="AX5881" s="92"/>
      <c r="AY5881" s="92"/>
      <c r="AZ5881" s="93"/>
      <c r="BA5881" s="93"/>
      <c r="BB5881" s="93"/>
      <c r="BC5881" s="93"/>
      <c r="BD5881" s="93"/>
      <c r="BE5881" s="93"/>
      <c r="BF5881" s="93"/>
      <c r="BG5881" s="93"/>
      <c r="BH5881" s="93"/>
      <c r="BI5881" s="93"/>
      <c r="BJ5881" s="93"/>
      <c r="BK5881" s="93"/>
      <c r="BL5881" s="93"/>
    </row>
    <row r="5882" spans="2:64" x14ac:dyDescent="0.2">
      <c r="B5882" s="43"/>
      <c r="C5882" s="73"/>
      <c r="D5882" s="64"/>
      <c r="E5882" s="55"/>
      <c r="F5882" s="74"/>
      <c r="G5882" s="74"/>
      <c r="H5882" s="74"/>
      <c r="I5882" s="75"/>
      <c r="J5882" s="74"/>
      <c r="L5882" s="55"/>
      <c r="M5882" s="234"/>
      <c r="N5882" s="65"/>
      <c r="O5882" s="76"/>
      <c r="P5882" s="76"/>
      <c r="Q5882" s="65"/>
      <c r="R5882" s="76"/>
      <c r="S5882" s="76"/>
      <c r="T5882" s="76"/>
      <c r="U5882" s="76"/>
      <c r="V5882" s="76"/>
      <c r="W5882" s="76"/>
      <c r="X5882" s="76"/>
      <c r="Y5882" s="76"/>
      <c r="Z5882" s="76"/>
      <c r="AA5882" s="85"/>
      <c r="AB5882" s="85"/>
      <c r="AC5882" s="85"/>
      <c r="AD5882" s="85"/>
      <c r="AE5882" s="85"/>
      <c r="AF5882" s="85"/>
      <c r="AG5882" s="86"/>
      <c r="AH5882" s="85"/>
      <c r="AI5882" s="85"/>
      <c r="AJ5882" s="85"/>
      <c r="AK5882" s="85"/>
      <c r="AL5882" s="85"/>
      <c r="AM5882" s="92"/>
      <c r="AN5882" s="92"/>
      <c r="AO5882" s="92"/>
      <c r="AP5882" s="92"/>
      <c r="AQ5882" s="92"/>
      <c r="AR5882" s="92"/>
      <c r="AS5882" s="92"/>
      <c r="AT5882" s="92"/>
      <c r="AU5882" s="92"/>
      <c r="AV5882" s="92"/>
      <c r="AW5882" s="92"/>
      <c r="AX5882" s="92"/>
      <c r="AY5882" s="92"/>
      <c r="AZ5882" s="93"/>
      <c r="BA5882" s="93"/>
      <c r="BB5882" s="93"/>
      <c r="BC5882" s="93"/>
      <c r="BD5882" s="93"/>
      <c r="BE5882" s="93"/>
      <c r="BF5882" s="93"/>
      <c r="BG5882" s="93"/>
      <c r="BH5882" s="93"/>
      <c r="BI5882" s="93"/>
      <c r="BJ5882" s="93"/>
      <c r="BK5882" s="93"/>
      <c r="BL5882" s="93"/>
    </row>
    <row r="5883" spans="2:64" x14ac:dyDescent="0.2">
      <c r="B5883" s="43"/>
      <c r="C5883" s="73"/>
      <c r="D5883" s="64"/>
      <c r="E5883" s="55"/>
      <c r="F5883" s="74"/>
      <c r="G5883" s="74"/>
      <c r="H5883" s="74"/>
      <c r="I5883" s="75"/>
      <c r="J5883" s="74"/>
      <c r="L5883" s="55"/>
      <c r="M5883" s="234"/>
      <c r="N5883" s="65"/>
      <c r="O5883" s="76"/>
      <c r="P5883" s="76"/>
      <c r="Q5883" s="65"/>
      <c r="R5883" s="76"/>
      <c r="S5883" s="76"/>
      <c r="T5883" s="76"/>
      <c r="U5883" s="76"/>
      <c r="V5883" s="76"/>
      <c r="W5883" s="76"/>
      <c r="X5883" s="76"/>
      <c r="Y5883" s="76"/>
      <c r="Z5883" s="76"/>
      <c r="AA5883" s="85"/>
      <c r="AB5883" s="85"/>
      <c r="AC5883" s="85"/>
      <c r="AD5883" s="85"/>
      <c r="AE5883" s="85"/>
      <c r="AF5883" s="85"/>
      <c r="AG5883" s="86"/>
      <c r="AH5883" s="85"/>
      <c r="AI5883" s="85"/>
      <c r="AJ5883" s="85"/>
      <c r="AK5883" s="85"/>
      <c r="AL5883" s="85"/>
      <c r="AM5883" s="92"/>
      <c r="AN5883" s="92"/>
      <c r="AO5883" s="92"/>
      <c r="AP5883" s="92"/>
      <c r="AQ5883" s="92"/>
      <c r="AR5883" s="92"/>
      <c r="AS5883" s="92"/>
      <c r="AT5883" s="92"/>
      <c r="AU5883" s="92"/>
      <c r="AV5883" s="92"/>
      <c r="AW5883" s="92"/>
      <c r="AX5883" s="92"/>
      <c r="AY5883" s="92"/>
      <c r="AZ5883" s="93"/>
      <c r="BA5883" s="93"/>
      <c r="BB5883" s="93"/>
      <c r="BC5883" s="93"/>
      <c r="BD5883" s="93"/>
      <c r="BE5883" s="93"/>
      <c r="BF5883" s="93"/>
      <c r="BG5883" s="93"/>
      <c r="BH5883" s="93"/>
      <c r="BI5883" s="93"/>
      <c r="BJ5883" s="93"/>
      <c r="BK5883" s="93"/>
      <c r="BL5883" s="93"/>
    </row>
    <row r="5884" spans="2:64" x14ac:dyDescent="0.2">
      <c r="B5884" s="43"/>
      <c r="C5884" s="73"/>
      <c r="D5884" s="64"/>
      <c r="E5884" s="55"/>
      <c r="F5884" s="74"/>
      <c r="G5884" s="74"/>
      <c r="H5884" s="74"/>
      <c r="I5884" s="75"/>
      <c r="J5884" s="74"/>
      <c r="L5884" s="55"/>
      <c r="M5884" s="234"/>
      <c r="N5884" s="65"/>
      <c r="O5884" s="76"/>
      <c r="P5884" s="76"/>
      <c r="Q5884" s="65"/>
      <c r="R5884" s="76"/>
      <c r="S5884" s="76"/>
      <c r="T5884" s="76"/>
      <c r="U5884" s="76"/>
      <c r="V5884" s="76"/>
      <c r="W5884" s="76"/>
      <c r="X5884" s="76"/>
      <c r="Y5884" s="76"/>
      <c r="Z5884" s="76"/>
      <c r="AA5884" s="85"/>
      <c r="AB5884" s="85"/>
      <c r="AC5884" s="85"/>
      <c r="AD5884" s="85"/>
      <c r="AE5884" s="85"/>
      <c r="AF5884" s="85"/>
      <c r="AG5884" s="86"/>
      <c r="AH5884" s="85"/>
      <c r="AI5884" s="85"/>
      <c r="AJ5884" s="85"/>
      <c r="AK5884" s="85"/>
      <c r="AL5884" s="85"/>
      <c r="AM5884" s="92"/>
      <c r="AN5884" s="92"/>
      <c r="AO5884" s="92"/>
      <c r="AP5884" s="92"/>
      <c r="AQ5884" s="92"/>
      <c r="AR5884" s="92"/>
      <c r="AS5884" s="92"/>
      <c r="AT5884" s="92"/>
      <c r="AU5884" s="92"/>
      <c r="AV5884" s="92"/>
      <c r="AW5884" s="92"/>
      <c r="AX5884" s="92"/>
      <c r="AY5884" s="92"/>
      <c r="AZ5884" s="93"/>
      <c r="BA5884" s="93"/>
      <c r="BB5884" s="93"/>
      <c r="BC5884" s="93"/>
      <c r="BD5884" s="93"/>
      <c r="BE5884" s="93"/>
      <c r="BF5884" s="93"/>
      <c r="BG5884" s="93"/>
      <c r="BH5884" s="93"/>
      <c r="BI5884" s="93"/>
      <c r="BJ5884" s="93"/>
      <c r="BK5884" s="93"/>
      <c r="BL5884" s="93"/>
    </row>
    <row r="5885" spans="2:64" x14ac:dyDescent="0.2">
      <c r="B5885" s="43"/>
      <c r="C5885" s="73"/>
      <c r="D5885" s="64"/>
      <c r="E5885" s="55"/>
      <c r="F5885" s="74"/>
      <c r="G5885" s="74"/>
      <c r="H5885" s="74"/>
      <c r="I5885" s="75"/>
      <c r="J5885" s="74"/>
      <c r="L5885" s="55"/>
      <c r="M5885" s="234"/>
      <c r="N5885" s="65"/>
      <c r="O5885" s="76"/>
      <c r="P5885" s="76"/>
      <c r="Q5885" s="65"/>
      <c r="R5885" s="76"/>
      <c r="S5885" s="76"/>
      <c r="T5885" s="76"/>
      <c r="U5885" s="76"/>
      <c r="V5885" s="76"/>
      <c r="W5885" s="76"/>
      <c r="X5885" s="76"/>
      <c r="Y5885" s="76"/>
      <c r="Z5885" s="76"/>
      <c r="AA5885" s="85"/>
      <c r="AB5885" s="85"/>
      <c r="AC5885" s="85"/>
      <c r="AD5885" s="85"/>
      <c r="AE5885" s="85"/>
      <c r="AF5885" s="85"/>
      <c r="AG5885" s="86"/>
      <c r="AH5885" s="85"/>
      <c r="AI5885" s="85"/>
      <c r="AJ5885" s="85"/>
      <c r="AK5885" s="85"/>
      <c r="AL5885" s="85"/>
      <c r="AM5885" s="92"/>
      <c r="AN5885" s="92"/>
      <c r="AO5885" s="92"/>
      <c r="AP5885" s="92"/>
      <c r="AQ5885" s="92"/>
      <c r="AR5885" s="92"/>
      <c r="AS5885" s="92"/>
      <c r="AT5885" s="92"/>
      <c r="AU5885" s="92"/>
      <c r="AV5885" s="92"/>
      <c r="AW5885" s="92"/>
      <c r="AX5885" s="92"/>
      <c r="AY5885" s="92"/>
      <c r="AZ5885" s="93"/>
      <c r="BA5885" s="93"/>
      <c r="BB5885" s="93"/>
      <c r="BC5885" s="93"/>
      <c r="BD5885" s="93"/>
      <c r="BE5885" s="93"/>
      <c r="BF5885" s="93"/>
      <c r="BG5885" s="93"/>
      <c r="BH5885" s="93"/>
      <c r="BI5885" s="93"/>
      <c r="BJ5885" s="93"/>
      <c r="BK5885" s="93"/>
      <c r="BL5885" s="93"/>
    </row>
    <row r="5886" spans="2:64" x14ac:dyDescent="0.2">
      <c r="B5886" s="43"/>
      <c r="C5886" s="73"/>
      <c r="D5886" s="64"/>
      <c r="E5886" s="55"/>
      <c r="F5886" s="74"/>
      <c r="G5886" s="74"/>
      <c r="H5886" s="74"/>
      <c r="I5886" s="75"/>
      <c r="J5886" s="74"/>
      <c r="L5886" s="55"/>
      <c r="M5886" s="234"/>
      <c r="N5886" s="65"/>
      <c r="O5886" s="76"/>
      <c r="P5886" s="76"/>
      <c r="Q5886" s="65"/>
      <c r="R5886" s="76"/>
      <c r="S5886" s="76"/>
      <c r="T5886" s="76"/>
      <c r="U5886" s="76"/>
      <c r="V5886" s="76"/>
      <c r="W5886" s="76"/>
      <c r="X5886" s="76"/>
      <c r="Y5886" s="76"/>
      <c r="Z5886" s="76"/>
      <c r="AA5886" s="85"/>
      <c r="AB5886" s="85"/>
      <c r="AC5886" s="85"/>
      <c r="AD5886" s="85"/>
      <c r="AE5886" s="85"/>
      <c r="AF5886" s="85"/>
      <c r="AG5886" s="86"/>
      <c r="AH5886" s="85"/>
      <c r="AI5886" s="85"/>
      <c r="AJ5886" s="85"/>
      <c r="AK5886" s="85"/>
      <c r="AL5886" s="85"/>
      <c r="AM5886" s="92"/>
      <c r="AN5886" s="92"/>
      <c r="AO5886" s="92"/>
      <c r="AP5886" s="92"/>
      <c r="AQ5886" s="92"/>
      <c r="AR5886" s="92"/>
      <c r="AS5886" s="92"/>
      <c r="AT5886" s="92"/>
      <c r="AU5886" s="92"/>
      <c r="AV5886" s="92"/>
      <c r="AW5886" s="92"/>
      <c r="AX5886" s="92"/>
      <c r="AY5886" s="92"/>
      <c r="AZ5886" s="93"/>
      <c r="BA5886" s="93"/>
      <c r="BB5886" s="93"/>
      <c r="BC5886" s="93"/>
      <c r="BD5886" s="93"/>
      <c r="BE5886" s="93"/>
      <c r="BF5886" s="93"/>
      <c r="BG5886" s="93"/>
      <c r="BH5886" s="93"/>
      <c r="BI5886" s="93"/>
      <c r="BJ5886" s="93"/>
      <c r="BK5886" s="93"/>
      <c r="BL5886" s="93"/>
    </row>
    <row r="5887" spans="2:64" x14ac:dyDescent="0.2">
      <c r="B5887" s="43"/>
      <c r="C5887" s="73"/>
      <c r="D5887" s="64"/>
      <c r="E5887" s="55"/>
      <c r="F5887" s="74"/>
      <c r="G5887" s="74"/>
      <c r="H5887" s="74"/>
      <c r="I5887" s="75"/>
      <c r="J5887" s="74"/>
      <c r="L5887" s="55"/>
      <c r="M5887" s="234"/>
      <c r="N5887" s="65"/>
      <c r="O5887" s="76"/>
      <c r="P5887" s="76"/>
      <c r="Q5887" s="65"/>
      <c r="R5887" s="76"/>
      <c r="S5887" s="76"/>
      <c r="T5887" s="76"/>
      <c r="U5887" s="76"/>
      <c r="V5887" s="76"/>
      <c r="W5887" s="76"/>
      <c r="X5887" s="76"/>
      <c r="Y5887" s="76"/>
      <c r="Z5887" s="76"/>
      <c r="AA5887" s="85"/>
      <c r="AB5887" s="85"/>
      <c r="AC5887" s="85"/>
      <c r="AD5887" s="85"/>
      <c r="AE5887" s="85"/>
      <c r="AF5887" s="85"/>
      <c r="AG5887" s="86"/>
      <c r="AH5887" s="85"/>
      <c r="AI5887" s="85"/>
      <c r="AJ5887" s="85"/>
      <c r="AK5887" s="85"/>
      <c r="AL5887" s="85"/>
      <c r="AM5887" s="92"/>
      <c r="AN5887" s="92"/>
      <c r="AO5887" s="92"/>
      <c r="AP5887" s="92"/>
      <c r="AQ5887" s="92"/>
      <c r="AR5887" s="92"/>
      <c r="AS5887" s="92"/>
      <c r="AT5887" s="92"/>
      <c r="AU5887" s="92"/>
      <c r="AV5887" s="92"/>
      <c r="AW5887" s="92"/>
      <c r="AX5887" s="92"/>
      <c r="AY5887" s="92"/>
      <c r="AZ5887" s="93"/>
      <c r="BA5887" s="93"/>
      <c r="BB5887" s="93"/>
      <c r="BC5887" s="93"/>
      <c r="BD5887" s="93"/>
      <c r="BE5887" s="93"/>
      <c r="BF5887" s="93"/>
      <c r="BG5887" s="93"/>
      <c r="BH5887" s="93"/>
      <c r="BI5887" s="93"/>
      <c r="BJ5887" s="93"/>
      <c r="BK5887" s="93"/>
      <c r="BL5887" s="93"/>
    </row>
    <row r="5888" spans="2:64" x14ac:dyDescent="0.2">
      <c r="B5888" s="43"/>
      <c r="C5888" s="73"/>
      <c r="D5888" s="64"/>
      <c r="E5888" s="55"/>
      <c r="F5888" s="74"/>
      <c r="G5888" s="74"/>
      <c r="H5888" s="74"/>
      <c r="I5888" s="75"/>
      <c r="J5888" s="74"/>
      <c r="L5888" s="55"/>
      <c r="M5888" s="234"/>
      <c r="N5888" s="65"/>
      <c r="O5888" s="76"/>
      <c r="P5888" s="76"/>
      <c r="Q5888" s="65"/>
      <c r="R5888" s="76"/>
      <c r="S5888" s="76"/>
      <c r="T5888" s="76"/>
      <c r="U5888" s="76"/>
      <c r="V5888" s="76"/>
      <c r="W5888" s="76"/>
      <c r="X5888" s="76"/>
      <c r="Y5888" s="76"/>
      <c r="Z5888" s="76"/>
      <c r="AA5888" s="85"/>
      <c r="AB5888" s="85"/>
      <c r="AC5888" s="85"/>
      <c r="AD5888" s="85"/>
      <c r="AE5888" s="85"/>
      <c r="AF5888" s="85"/>
      <c r="AG5888" s="86"/>
      <c r="AH5888" s="85"/>
      <c r="AI5888" s="85"/>
      <c r="AJ5888" s="85"/>
      <c r="AK5888" s="85"/>
      <c r="AL5888" s="85"/>
      <c r="AM5888" s="92"/>
      <c r="AN5888" s="92"/>
      <c r="AO5888" s="92"/>
      <c r="AP5888" s="92"/>
      <c r="AQ5888" s="92"/>
      <c r="AR5888" s="92"/>
      <c r="AS5888" s="92"/>
      <c r="AT5888" s="92"/>
      <c r="AU5888" s="92"/>
      <c r="AV5888" s="92"/>
      <c r="AW5888" s="92"/>
      <c r="AX5888" s="92"/>
      <c r="AY5888" s="92"/>
      <c r="AZ5888" s="93"/>
      <c r="BA5888" s="93"/>
      <c r="BB5888" s="93"/>
      <c r="BC5888" s="93"/>
      <c r="BD5888" s="93"/>
      <c r="BE5888" s="93"/>
      <c r="BF5888" s="93"/>
      <c r="BG5888" s="93"/>
      <c r="BH5888" s="93"/>
      <c r="BI5888" s="93"/>
      <c r="BJ5888" s="93"/>
      <c r="BK5888" s="93"/>
      <c r="BL5888" s="93"/>
    </row>
    <row r="5889" spans="2:64" x14ac:dyDescent="0.2">
      <c r="B5889" s="43"/>
      <c r="C5889" s="73"/>
      <c r="D5889" s="64"/>
      <c r="E5889" s="55"/>
      <c r="F5889" s="74"/>
      <c r="G5889" s="74"/>
      <c r="H5889" s="74"/>
      <c r="I5889" s="75"/>
      <c r="J5889" s="74"/>
      <c r="L5889" s="55"/>
      <c r="M5889" s="234"/>
      <c r="N5889" s="65"/>
      <c r="O5889" s="76"/>
      <c r="P5889" s="76"/>
      <c r="Q5889" s="65"/>
      <c r="R5889" s="76"/>
      <c r="S5889" s="76"/>
      <c r="T5889" s="76"/>
      <c r="U5889" s="76"/>
      <c r="V5889" s="76"/>
      <c r="W5889" s="76"/>
      <c r="X5889" s="76"/>
      <c r="Y5889" s="76"/>
      <c r="Z5889" s="76"/>
      <c r="AA5889" s="85"/>
      <c r="AB5889" s="85"/>
      <c r="AC5889" s="85"/>
      <c r="AD5889" s="85"/>
      <c r="AE5889" s="85"/>
      <c r="AF5889" s="85"/>
      <c r="AG5889" s="86"/>
      <c r="AH5889" s="85"/>
      <c r="AI5889" s="85"/>
      <c r="AJ5889" s="85"/>
      <c r="AK5889" s="85"/>
      <c r="AL5889" s="85"/>
      <c r="AM5889" s="92"/>
      <c r="AN5889" s="92"/>
      <c r="AO5889" s="92"/>
      <c r="AP5889" s="92"/>
      <c r="AQ5889" s="92"/>
      <c r="AR5889" s="92"/>
      <c r="AS5889" s="92"/>
      <c r="AT5889" s="92"/>
      <c r="AU5889" s="92"/>
      <c r="AV5889" s="92"/>
      <c r="AW5889" s="92"/>
      <c r="AX5889" s="92"/>
      <c r="AY5889" s="92"/>
      <c r="AZ5889" s="93"/>
      <c r="BA5889" s="93"/>
      <c r="BB5889" s="93"/>
      <c r="BC5889" s="93"/>
      <c r="BD5889" s="93"/>
      <c r="BE5889" s="93"/>
      <c r="BF5889" s="93"/>
      <c r="BG5889" s="93"/>
      <c r="BH5889" s="93"/>
      <c r="BI5889" s="93"/>
      <c r="BJ5889" s="93"/>
      <c r="BK5889" s="93"/>
      <c r="BL5889" s="93"/>
    </row>
    <row r="5890" spans="2:64" x14ac:dyDescent="0.2">
      <c r="B5890" s="43"/>
      <c r="C5890" s="73"/>
      <c r="D5890" s="64"/>
      <c r="E5890" s="55"/>
      <c r="F5890" s="74"/>
      <c r="G5890" s="74"/>
      <c r="H5890" s="74"/>
      <c r="I5890" s="75"/>
      <c r="J5890" s="74"/>
      <c r="L5890" s="55"/>
      <c r="M5890" s="234"/>
      <c r="N5890" s="65"/>
      <c r="O5890" s="76"/>
      <c r="P5890" s="76"/>
      <c r="Q5890" s="65"/>
      <c r="R5890" s="76"/>
      <c r="S5890" s="76"/>
      <c r="T5890" s="76"/>
      <c r="U5890" s="76"/>
      <c r="V5890" s="76"/>
      <c r="W5890" s="76"/>
      <c r="X5890" s="76"/>
      <c r="Y5890" s="76"/>
      <c r="Z5890" s="76"/>
      <c r="AA5890" s="85"/>
      <c r="AB5890" s="85"/>
      <c r="AC5890" s="85"/>
      <c r="AD5890" s="85"/>
      <c r="AE5890" s="85"/>
      <c r="AF5890" s="85"/>
      <c r="AG5890" s="86"/>
      <c r="AH5890" s="85"/>
      <c r="AI5890" s="85"/>
      <c r="AJ5890" s="85"/>
      <c r="AK5890" s="85"/>
      <c r="AL5890" s="85"/>
      <c r="AM5890" s="92"/>
      <c r="AN5890" s="92"/>
      <c r="AO5890" s="92"/>
      <c r="AP5890" s="92"/>
      <c r="AQ5890" s="92"/>
      <c r="AR5890" s="92"/>
      <c r="AS5890" s="92"/>
      <c r="AT5890" s="92"/>
      <c r="AU5890" s="92"/>
      <c r="AV5890" s="92"/>
      <c r="AW5890" s="92"/>
      <c r="AX5890" s="92"/>
      <c r="AY5890" s="92"/>
      <c r="AZ5890" s="93"/>
      <c r="BA5890" s="93"/>
      <c r="BB5890" s="93"/>
      <c r="BC5890" s="93"/>
      <c r="BD5890" s="93"/>
      <c r="BE5890" s="93"/>
      <c r="BF5890" s="93"/>
      <c r="BG5890" s="93"/>
      <c r="BH5890" s="93"/>
      <c r="BI5890" s="93"/>
      <c r="BJ5890" s="93"/>
      <c r="BK5890" s="93"/>
      <c r="BL5890" s="93"/>
    </row>
    <row r="5891" spans="2:64" x14ac:dyDescent="0.2">
      <c r="B5891" s="43"/>
      <c r="C5891" s="73"/>
      <c r="D5891" s="64"/>
      <c r="E5891" s="55"/>
      <c r="F5891" s="74"/>
      <c r="G5891" s="74"/>
      <c r="H5891" s="74"/>
      <c r="I5891" s="75"/>
      <c r="J5891" s="74"/>
      <c r="L5891" s="55"/>
      <c r="M5891" s="234"/>
      <c r="N5891" s="65"/>
      <c r="O5891" s="76"/>
      <c r="P5891" s="76"/>
      <c r="Q5891" s="65"/>
      <c r="R5891" s="76"/>
      <c r="S5891" s="76"/>
      <c r="T5891" s="76"/>
      <c r="U5891" s="76"/>
      <c r="V5891" s="76"/>
      <c r="W5891" s="76"/>
      <c r="X5891" s="76"/>
      <c r="Y5891" s="76"/>
      <c r="Z5891" s="76"/>
      <c r="AA5891" s="85"/>
      <c r="AB5891" s="85"/>
      <c r="AC5891" s="85"/>
      <c r="AD5891" s="85"/>
      <c r="AE5891" s="85"/>
      <c r="AF5891" s="85"/>
      <c r="AG5891" s="86"/>
      <c r="AH5891" s="85"/>
      <c r="AI5891" s="85"/>
      <c r="AJ5891" s="85"/>
      <c r="AK5891" s="85"/>
      <c r="AL5891" s="85"/>
      <c r="AM5891" s="92"/>
      <c r="AN5891" s="92"/>
      <c r="AO5891" s="92"/>
      <c r="AP5891" s="92"/>
      <c r="AQ5891" s="92"/>
      <c r="AR5891" s="92"/>
      <c r="AS5891" s="92"/>
      <c r="AT5891" s="92"/>
      <c r="AU5891" s="92"/>
      <c r="AV5891" s="92"/>
      <c r="AW5891" s="92"/>
      <c r="AX5891" s="92"/>
      <c r="AY5891" s="92"/>
      <c r="AZ5891" s="93"/>
      <c r="BA5891" s="93"/>
      <c r="BB5891" s="93"/>
      <c r="BC5891" s="93"/>
      <c r="BD5891" s="93"/>
      <c r="BE5891" s="93"/>
      <c r="BF5891" s="93"/>
      <c r="BG5891" s="93"/>
      <c r="BH5891" s="93"/>
      <c r="BI5891" s="93"/>
      <c r="BJ5891" s="93"/>
      <c r="BK5891" s="93"/>
      <c r="BL5891" s="93"/>
    </row>
    <row r="5892" spans="2:64" x14ac:dyDescent="0.2">
      <c r="B5892" s="43"/>
      <c r="C5892" s="73"/>
      <c r="D5892" s="64"/>
      <c r="E5892" s="55"/>
      <c r="F5892" s="74"/>
      <c r="G5892" s="74"/>
      <c r="H5892" s="74"/>
      <c r="I5892" s="75"/>
      <c r="J5892" s="74"/>
      <c r="L5892" s="55"/>
      <c r="M5892" s="234"/>
      <c r="N5892" s="65"/>
      <c r="O5892" s="76"/>
      <c r="P5892" s="76"/>
      <c r="Q5892" s="65"/>
      <c r="R5892" s="76"/>
      <c r="S5892" s="76"/>
      <c r="T5892" s="76"/>
      <c r="U5892" s="76"/>
      <c r="V5892" s="76"/>
      <c r="W5892" s="76"/>
      <c r="X5892" s="76"/>
      <c r="Y5892" s="76"/>
      <c r="Z5892" s="76"/>
      <c r="AA5892" s="85"/>
      <c r="AB5892" s="85"/>
      <c r="AC5892" s="85"/>
      <c r="AD5892" s="85"/>
      <c r="AE5892" s="85"/>
      <c r="AF5892" s="85"/>
      <c r="AG5892" s="86"/>
      <c r="AH5892" s="85"/>
      <c r="AI5892" s="85"/>
      <c r="AJ5892" s="85"/>
      <c r="AK5892" s="85"/>
      <c r="AL5892" s="85"/>
      <c r="AM5892" s="92"/>
      <c r="AN5892" s="92"/>
      <c r="AO5892" s="92"/>
      <c r="AP5892" s="92"/>
      <c r="AQ5892" s="92"/>
      <c r="AR5892" s="92"/>
      <c r="AS5892" s="92"/>
      <c r="AT5892" s="92"/>
      <c r="AU5892" s="92"/>
      <c r="AV5892" s="92"/>
      <c r="AW5892" s="92"/>
      <c r="AX5892" s="92"/>
      <c r="AY5892" s="92"/>
      <c r="AZ5892" s="93"/>
      <c r="BA5892" s="93"/>
      <c r="BB5892" s="93"/>
      <c r="BC5892" s="93"/>
      <c r="BD5892" s="93"/>
      <c r="BE5892" s="93"/>
      <c r="BF5892" s="93"/>
      <c r="BG5892" s="93"/>
      <c r="BH5892" s="93"/>
      <c r="BI5892" s="93"/>
      <c r="BJ5892" s="93"/>
      <c r="BK5892" s="93"/>
      <c r="BL5892" s="93"/>
    </row>
    <row r="5893" spans="2:64" x14ac:dyDescent="0.2">
      <c r="B5893" s="43"/>
      <c r="C5893" s="73"/>
      <c r="D5893" s="64"/>
      <c r="E5893" s="55"/>
      <c r="F5893" s="74"/>
      <c r="G5893" s="74"/>
      <c r="H5893" s="74"/>
      <c r="I5893" s="75"/>
      <c r="J5893" s="74"/>
      <c r="L5893" s="55"/>
      <c r="M5893" s="234"/>
      <c r="N5893" s="65"/>
      <c r="O5893" s="76"/>
      <c r="P5893" s="76"/>
      <c r="Q5893" s="65"/>
      <c r="R5893" s="76"/>
      <c r="S5893" s="76"/>
      <c r="T5893" s="76"/>
      <c r="U5893" s="76"/>
      <c r="V5893" s="76"/>
      <c r="W5893" s="76"/>
      <c r="X5893" s="76"/>
      <c r="Y5893" s="76"/>
      <c r="Z5893" s="76"/>
      <c r="AA5893" s="85"/>
      <c r="AB5893" s="85"/>
      <c r="AC5893" s="85"/>
      <c r="AD5893" s="85"/>
      <c r="AE5893" s="85"/>
      <c r="AF5893" s="85"/>
      <c r="AG5893" s="86"/>
      <c r="AH5893" s="85"/>
      <c r="AI5893" s="85"/>
      <c r="AJ5893" s="85"/>
      <c r="AK5893" s="85"/>
      <c r="AL5893" s="85"/>
      <c r="AM5893" s="92"/>
      <c r="AN5893" s="92"/>
      <c r="AO5893" s="92"/>
      <c r="AP5893" s="92"/>
      <c r="AQ5893" s="92"/>
      <c r="AR5893" s="92"/>
      <c r="AS5893" s="92"/>
      <c r="AT5893" s="92"/>
      <c r="AU5893" s="92"/>
      <c r="AV5893" s="92"/>
      <c r="AW5893" s="92"/>
      <c r="AX5893" s="92"/>
      <c r="AY5893" s="92"/>
      <c r="AZ5893" s="93"/>
      <c r="BA5893" s="93"/>
      <c r="BB5893" s="93"/>
      <c r="BC5893" s="93"/>
      <c r="BD5893" s="93"/>
      <c r="BE5893" s="93"/>
      <c r="BF5893" s="93"/>
      <c r="BG5893" s="93"/>
      <c r="BH5893" s="93"/>
      <c r="BI5893" s="93"/>
      <c r="BJ5893" s="93"/>
      <c r="BK5893" s="93"/>
      <c r="BL5893" s="93"/>
    </row>
    <row r="5894" spans="2:64" x14ac:dyDescent="0.2">
      <c r="B5894" s="43"/>
      <c r="C5894" s="73"/>
      <c r="D5894" s="64"/>
      <c r="E5894" s="55"/>
      <c r="F5894" s="74"/>
      <c r="G5894" s="74"/>
      <c r="H5894" s="74"/>
      <c r="I5894" s="75"/>
      <c r="J5894" s="74"/>
      <c r="L5894" s="55"/>
      <c r="M5894" s="234"/>
      <c r="N5894" s="65"/>
      <c r="O5894" s="76"/>
      <c r="P5894" s="76"/>
      <c r="Q5894" s="65"/>
      <c r="R5894" s="76"/>
      <c r="S5894" s="76"/>
      <c r="T5894" s="76"/>
      <c r="U5894" s="76"/>
      <c r="V5894" s="76"/>
      <c r="W5894" s="76"/>
      <c r="X5894" s="76"/>
      <c r="Y5894" s="76"/>
      <c r="Z5894" s="76"/>
      <c r="AA5894" s="85"/>
      <c r="AB5894" s="85"/>
      <c r="AC5894" s="85"/>
      <c r="AD5894" s="85"/>
      <c r="AE5894" s="85"/>
      <c r="AF5894" s="85"/>
      <c r="AG5894" s="86"/>
      <c r="AH5894" s="85"/>
      <c r="AI5894" s="85"/>
      <c r="AJ5894" s="85"/>
      <c r="AK5894" s="85"/>
      <c r="AL5894" s="85"/>
      <c r="AM5894" s="92"/>
      <c r="AN5894" s="92"/>
      <c r="AO5894" s="92"/>
      <c r="AP5894" s="92"/>
      <c r="AQ5894" s="92"/>
      <c r="AR5894" s="92"/>
      <c r="AS5894" s="92"/>
      <c r="AT5894" s="92"/>
      <c r="AU5894" s="92"/>
      <c r="AV5894" s="92"/>
      <c r="AW5894" s="92"/>
      <c r="AX5894" s="92"/>
      <c r="AY5894" s="92"/>
      <c r="AZ5894" s="93"/>
      <c r="BA5894" s="93"/>
      <c r="BB5894" s="93"/>
      <c r="BC5894" s="93"/>
      <c r="BD5894" s="93"/>
      <c r="BE5894" s="93"/>
      <c r="BF5894" s="93"/>
      <c r="BG5894" s="93"/>
      <c r="BH5894" s="93"/>
      <c r="BI5894" s="93"/>
      <c r="BJ5894" s="93"/>
      <c r="BK5894" s="93"/>
      <c r="BL5894" s="93"/>
    </row>
    <row r="5895" spans="2:64" x14ac:dyDescent="0.2">
      <c r="B5895" s="43"/>
      <c r="C5895" s="73"/>
      <c r="D5895" s="64"/>
      <c r="E5895" s="55"/>
      <c r="F5895" s="74"/>
      <c r="G5895" s="74"/>
      <c r="H5895" s="74"/>
      <c r="I5895" s="75"/>
      <c r="J5895" s="74"/>
      <c r="L5895" s="55"/>
      <c r="M5895" s="234"/>
      <c r="N5895" s="65"/>
      <c r="O5895" s="76"/>
      <c r="P5895" s="76"/>
      <c r="Q5895" s="65"/>
      <c r="R5895" s="76"/>
      <c r="S5895" s="76"/>
      <c r="T5895" s="76"/>
      <c r="U5895" s="76"/>
      <c r="V5895" s="76"/>
      <c r="W5895" s="76"/>
      <c r="X5895" s="76"/>
      <c r="Y5895" s="76"/>
      <c r="Z5895" s="76"/>
      <c r="AA5895" s="85"/>
      <c r="AB5895" s="85"/>
      <c r="AC5895" s="85"/>
      <c r="AD5895" s="85"/>
      <c r="AE5895" s="85"/>
      <c r="AF5895" s="85"/>
      <c r="AG5895" s="86"/>
      <c r="AH5895" s="85"/>
      <c r="AI5895" s="85"/>
      <c r="AJ5895" s="85"/>
      <c r="AK5895" s="85"/>
      <c r="AL5895" s="85"/>
      <c r="AM5895" s="92"/>
      <c r="AN5895" s="92"/>
      <c r="AO5895" s="92"/>
      <c r="AP5895" s="92"/>
      <c r="AQ5895" s="92"/>
      <c r="AR5895" s="92"/>
      <c r="AS5895" s="92"/>
      <c r="AT5895" s="92"/>
      <c r="AU5895" s="92"/>
      <c r="AV5895" s="92"/>
      <c r="AW5895" s="92"/>
      <c r="AX5895" s="92"/>
      <c r="AY5895" s="92"/>
      <c r="AZ5895" s="93"/>
      <c r="BA5895" s="93"/>
      <c r="BB5895" s="93"/>
      <c r="BC5895" s="93"/>
      <c r="BD5895" s="93"/>
      <c r="BE5895" s="93"/>
      <c r="BF5895" s="93"/>
      <c r="BG5895" s="93"/>
      <c r="BH5895" s="93"/>
      <c r="BI5895" s="93"/>
      <c r="BJ5895" s="93"/>
      <c r="BK5895" s="93"/>
      <c r="BL5895" s="93"/>
    </row>
    <row r="5896" spans="2:64" x14ac:dyDescent="0.2">
      <c r="B5896" s="43"/>
      <c r="C5896" s="73"/>
      <c r="D5896" s="64"/>
      <c r="E5896" s="55"/>
      <c r="F5896" s="74"/>
      <c r="G5896" s="74"/>
      <c r="H5896" s="74"/>
      <c r="I5896" s="75"/>
      <c r="J5896" s="74"/>
      <c r="L5896" s="55"/>
      <c r="M5896" s="234"/>
      <c r="N5896" s="65"/>
      <c r="O5896" s="76"/>
      <c r="P5896" s="76"/>
      <c r="Q5896" s="65"/>
      <c r="R5896" s="76"/>
      <c r="S5896" s="76"/>
      <c r="T5896" s="76"/>
      <c r="U5896" s="76"/>
      <c r="V5896" s="76"/>
      <c r="W5896" s="76"/>
      <c r="X5896" s="76"/>
      <c r="Y5896" s="76"/>
      <c r="Z5896" s="76"/>
      <c r="AA5896" s="85"/>
      <c r="AB5896" s="85"/>
      <c r="AC5896" s="85"/>
      <c r="AD5896" s="85"/>
      <c r="AE5896" s="85"/>
      <c r="AF5896" s="85"/>
      <c r="AG5896" s="86"/>
      <c r="AH5896" s="85"/>
      <c r="AI5896" s="85"/>
      <c r="AJ5896" s="85"/>
      <c r="AK5896" s="85"/>
      <c r="AL5896" s="85"/>
      <c r="AM5896" s="92"/>
      <c r="AN5896" s="92"/>
      <c r="AO5896" s="92"/>
      <c r="AP5896" s="92"/>
      <c r="AQ5896" s="92"/>
      <c r="AR5896" s="92"/>
      <c r="AS5896" s="92"/>
      <c r="AT5896" s="92"/>
      <c r="AU5896" s="92"/>
      <c r="AV5896" s="92"/>
      <c r="AW5896" s="92"/>
      <c r="AX5896" s="92"/>
      <c r="AY5896" s="92"/>
      <c r="AZ5896" s="93"/>
      <c r="BA5896" s="93"/>
      <c r="BB5896" s="93"/>
      <c r="BC5896" s="93"/>
      <c r="BD5896" s="93"/>
      <c r="BE5896" s="93"/>
      <c r="BF5896" s="93"/>
      <c r="BG5896" s="93"/>
      <c r="BH5896" s="93"/>
      <c r="BI5896" s="93"/>
      <c r="BJ5896" s="93"/>
      <c r="BK5896" s="93"/>
      <c r="BL5896" s="93"/>
    </row>
    <row r="5897" spans="2:64" x14ac:dyDescent="0.2">
      <c r="B5897" s="43"/>
      <c r="C5897" s="73"/>
      <c r="D5897" s="64"/>
      <c r="E5897" s="55"/>
      <c r="F5897" s="74"/>
      <c r="G5897" s="74"/>
      <c r="H5897" s="74"/>
      <c r="I5897" s="75"/>
      <c r="J5897" s="74"/>
      <c r="L5897" s="55"/>
      <c r="M5897" s="234"/>
      <c r="N5897" s="65"/>
      <c r="O5897" s="76"/>
      <c r="P5897" s="76"/>
      <c r="Q5897" s="65"/>
      <c r="R5897" s="76"/>
      <c r="S5897" s="76"/>
      <c r="T5897" s="76"/>
      <c r="U5897" s="76"/>
      <c r="V5897" s="76"/>
      <c r="W5897" s="76"/>
      <c r="X5897" s="76"/>
      <c r="Y5897" s="76"/>
      <c r="Z5897" s="76"/>
      <c r="AA5897" s="85"/>
      <c r="AB5897" s="85"/>
      <c r="AC5897" s="85"/>
      <c r="AD5897" s="85"/>
      <c r="AE5897" s="85"/>
      <c r="AF5897" s="85"/>
      <c r="AG5897" s="86"/>
      <c r="AH5897" s="85"/>
      <c r="AI5897" s="85"/>
      <c r="AJ5897" s="85"/>
      <c r="AK5897" s="85"/>
      <c r="AL5897" s="85"/>
      <c r="AM5897" s="92"/>
      <c r="AN5897" s="92"/>
      <c r="AO5897" s="92"/>
      <c r="AP5897" s="92"/>
      <c r="AQ5897" s="92"/>
      <c r="AR5897" s="92"/>
      <c r="AS5897" s="92"/>
      <c r="AT5897" s="92"/>
      <c r="AU5897" s="92"/>
      <c r="AV5897" s="92"/>
      <c r="AW5897" s="92"/>
      <c r="AX5897" s="92"/>
      <c r="AY5897" s="92"/>
      <c r="AZ5897" s="93"/>
      <c r="BA5897" s="93"/>
      <c r="BB5897" s="93"/>
      <c r="BC5897" s="93"/>
      <c r="BD5897" s="93"/>
      <c r="BE5897" s="93"/>
      <c r="BF5897" s="93"/>
      <c r="BG5897" s="93"/>
      <c r="BH5897" s="93"/>
      <c r="BI5897" s="93"/>
      <c r="BJ5897" s="93"/>
      <c r="BK5897" s="93"/>
      <c r="BL5897" s="93"/>
    </row>
    <row r="5898" spans="2:64" x14ac:dyDescent="0.2">
      <c r="B5898" s="43"/>
      <c r="C5898" s="73"/>
      <c r="D5898" s="64"/>
      <c r="E5898" s="55"/>
      <c r="F5898" s="74"/>
      <c r="G5898" s="74"/>
      <c r="H5898" s="74"/>
      <c r="I5898" s="75"/>
      <c r="J5898" s="74"/>
      <c r="L5898" s="55"/>
      <c r="M5898" s="234"/>
      <c r="N5898" s="65"/>
      <c r="O5898" s="76"/>
      <c r="P5898" s="76"/>
      <c r="Q5898" s="65"/>
      <c r="R5898" s="76"/>
      <c r="S5898" s="76"/>
      <c r="T5898" s="76"/>
      <c r="U5898" s="76"/>
      <c r="V5898" s="76"/>
      <c r="W5898" s="76"/>
      <c r="X5898" s="76"/>
      <c r="Y5898" s="76"/>
      <c r="Z5898" s="76"/>
      <c r="AA5898" s="85"/>
      <c r="AB5898" s="85"/>
      <c r="AC5898" s="85"/>
      <c r="AD5898" s="85"/>
      <c r="AE5898" s="85"/>
      <c r="AF5898" s="85"/>
      <c r="AG5898" s="86"/>
      <c r="AH5898" s="85"/>
      <c r="AI5898" s="85"/>
      <c r="AJ5898" s="85"/>
      <c r="AK5898" s="85"/>
      <c r="AL5898" s="85"/>
      <c r="AM5898" s="92"/>
      <c r="AN5898" s="92"/>
      <c r="AO5898" s="92"/>
      <c r="AP5898" s="92"/>
      <c r="AQ5898" s="92"/>
      <c r="AR5898" s="92"/>
      <c r="AS5898" s="92"/>
      <c r="AT5898" s="92"/>
      <c r="AU5898" s="92"/>
      <c r="AV5898" s="92"/>
      <c r="AW5898" s="92"/>
      <c r="AX5898" s="92"/>
      <c r="AY5898" s="92"/>
      <c r="AZ5898" s="93"/>
      <c r="BA5898" s="93"/>
      <c r="BB5898" s="93"/>
      <c r="BC5898" s="93"/>
      <c r="BD5898" s="93"/>
      <c r="BE5898" s="93"/>
      <c r="BF5898" s="93"/>
      <c r="BG5898" s="93"/>
      <c r="BH5898" s="93"/>
      <c r="BI5898" s="93"/>
      <c r="BJ5898" s="93"/>
      <c r="BK5898" s="93"/>
      <c r="BL5898" s="93"/>
    </row>
    <row r="5899" spans="2:64" x14ac:dyDescent="0.2">
      <c r="B5899" s="43"/>
      <c r="C5899" s="73"/>
      <c r="D5899" s="64"/>
      <c r="E5899" s="55"/>
      <c r="F5899" s="74"/>
      <c r="G5899" s="74"/>
      <c r="H5899" s="74"/>
      <c r="I5899" s="75"/>
      <c r="J5899" s="74"/>
      <c r="L5899" s="55"/>
      <c r="M5899" s="234"/>
      <c r="N5899" s="65"/>
      <c r="O5899" s="76"/>
      <c r="P5899" s="76"/>
      <c r="Q5899" s="65"/>
      <c r="R5899" s="76"/>
      <c r="S5899" s="76"/>
      <c r="T5899" s="76"/>
      <c r="U5899" s="76"/>
      <c r="V5899" s="76"/>
      <c r="W5899" s="76"/>
      <c r="X5899" s="76"/>
      <c r="Y5899" s="76"/>
      <c r="Z5899" s="76"/>
      <c r="AA5899" s="85"/>
      <c r="AB5899" s="85"/>
      <c r="AC5899" s="85"/>
      <c r="AD5899" s="85"/>
      <c r="AE5899" s="85"/>
      <c r="AF5899" s="85"/>
      <c r="AG5899" s="86"/>
      <c r="AH5899" s="85"/>
      <c r="AI5899" s="85"/>
      <c r="AJ5899" s="85"/>
      <c r="AK5899" s="85"/>
      <c r="AL5899" s="85"/>
      <c r="AM5899" s="92"/>
      <c r="AN5899" s="92"/>
      <c r="AO5899" s="92"/>
      <c r="AP5899" s="92"/>
      <c r="AQ5899" s="92"/>
      <c r="AR5899" s="92"/>
      <c r="AS5899" s="92"/>
      <c r="AT5899" s="92"/>
      <c r="AU5899" s="92"/>
      <c r="AV5899" s="92"/>
      <c r="AW5899" s="92"/>
      <c r="AX5899" s="92"/>
      <c r="AY5899" s="92"/>
      <c r="AZ5899" s="93"/>
      <c r="BA5899" s="93"/>
      <c r="BB5899" s="93"/>
      <c r="BC5899" s="93"/>
      <c r="BD5899" s="93"/>
      <c r="BE5899" s="93"/>
      <c r="BF5899" s="93"/>
      <c r="BG5899" s="93"/>
      <c r="BH5899" s="93"/>
      <c r="BI5899" s="93"/>
      <c r="BJ5899" s="93"/>
      <c r="BK5899" s="93"/>
      <c r="BL5899" s="93"/>
    </row>
    <row r="5900" spans="2:64" x14ac:dyDescent="0.2">
      <c r="B5900" s="43"/>
      <c r="C5900" s="73"/>
      <c r="D5900" s="64"/>
      <c r="E5900" s="55"/>
      <c r="F5900" s="74"/>
      <c r="G5900" s="74"/>
      <c r="H5900" s="74"/>
      <c r="I5900" s="75"/>
      <c r="J5900" s="74"/>
      <c r="L5900" s="55"/>
      <c r="M5900" s="234"/>
      <c r="N5900" s="65"/>
      <c r="O5900" s="76"/>
      <c r="P5900" s="76"/>
      <c r="Q5900" s="65"/>
      <c r="R5900" s="76"/>
      <c r="S5900" s="76"/>
      <c r="T5900" s="76"/>
      <c r="U5900" s="76"/>
      <c r="V5900" s="76"/>
      <c r="W5900" s="76"/>
      <c r="X5900" s="76"/>
      <c r="Y5900" s="76"/>
      <c r="Z5900" s="76"/>
      <c r="AA5900" s="85"/>
      <c r="AB5900" s="85"/>
      <c r="AC5900" s="85"/>
      <c r="AD5900" s="85"/>
      <c r="AE5900" s="85"/>
      <c r="AF5900" s="85"/>
      <c r="AG5900" s="86"/>
      <c r="AH5900" s="85"/>
      <c r="AI5900" s="85"/>
      <c r="AJ5900" s="85"/>
      <c r="AK5900" s="85"/>
      <c r="AL5900" s="85"/>
      <c r="AM5900" s="92"/>
      <c r="AN5900" s="92"/>
      <c r="AO5900" s="92"/>
      <c r="AP5900" s="92"/>
      <c r="AQ5900" s="92"/>
      <c r="AR5900" s="92"/>
      <c r="AS5900" s="92"/>
      <c r="AT5900" s="92"/>
      <c r="AU5900" s="92"/>
      <c r="AV5900" s="92"/>
      <c r="AW5900" s="92"/>
      <c r="AX5900" s="92"/>
      <c r="AY5900" s="92"/>
      <c r="AZ5900" s="93"/>
      <c r="BA5900" s="93"/>
      <c r="BB5900" s="93"/>
      <c r="BC5900" s="93"/>
      <c r="BD5900" s="93"/>
      <c r="BE5900" s="93"/>
      <c r="BF5900" s="93"/>
      <c r="BG5900" s="93"/>
      <c r="BH5900" s="93"/>
      <c r="BI5900" s="93"/>
      <c r="BJ5900" s="93"/>
      <c r="BK5900" s="93"/>
      <c r="BL5900" s="93"/>
    </row>
    <row r="5901" spans="2:64" x14ac:dyDescent="0.2">
      <c r="B5901" s="43"/>
      <c r="C5901" s="73"/>
      <c r="D5901" s="64"/>
      <c r="E5901" s="55"/>
      <c r="F5901" s="74"/>
      <c r="G5901" s="74"/>
      <c r="H5901" s="74"/>
      <c r="I5901" s="75"/>
      <c r="J5901" s="74"/>
      <c r="L5901" s="55"/>
      <c r="M5901" s="234"/>
      <c r="N5901" s="65"/>
      <c r="O5901" s="76"/>
      <c r="P5901" s="76"/>
      <c r="Q5901" s="65"/>
      <c r="R5901" s="76"/>
      <c r="S5901" s="76"/>
      <c r="T5901" s="76"/>
      <c r="U5901" s="76"/>
      <c r="V5901" s="76"/>
      <c r="W5901" s="76"/>
      <c r="X5901" s="76"/>
      <c r="Y5901" s="76"/>
      <c r="Z5901" s="76"/>
      <c r="AA5901" s="85"/>
      <c r="AB5901" s="85"/>
      <c r="AC5901" s="85"/>
      <c r="AD5901" s="85"/>
      <c r="AE5901" s="85"/>
      <c r="AF5901" s="85"/>
      <c r="AG5901" s="86"/>
      <c r="AH5901" s="85"/>
      <c r="AI5901" s="85"/>
      <c r="AJ5901" s="85"/>
      <c r="AK5901" s="85"/>
      <c r="AL5901" s="85"/>
      <c r="AM5901" s="92"/>
      <c r="AN5901" s="92"/>
      <c r="AO5901" s="92"/>
      <c r="AP5901" s="92"/>
      <c r="AQ5901" s="92"/>
      <c r="AR5901" s="92"/>
      <c r="AS5901" s="92"/>
      <c r="AT5901" s="92"/>
      <c r="AU5901" s="92"/>
      <c r="AV5901" s="92"/>
      <c r="AW5901" s="92"/>
      <c r="AX5901" s="92"/>
      <c r="AY5901" s="92"/>
      <c r="AZ5901" s="93"/>
      <c r="BA5901" s="93"/>
      <c r="BB5901" s="93"/>
      <c r="BC5901" s="93"/>
      <c r="BD5901" s="93"/>
      <c r="BE5901" s="93"/>
      <c r="BF5901" s="93"/>
      <c r="BG5901" s="93"/>
      <c r="BH5901" s="93"/>
      <c r="BI5901" s="93"/>
      <c r="BJ5901" s="93"/>
      <c r="BK5901" s="93"/>
      <c r="BL5901" s="93"/>
    </row>
    <row r="5902" spans="2:64" x14ac:dyDescent="0.2">
      <c r="B5902" s="43"/>
      <c r="C5902" s="73"/>
      <c r="D5902" s="64"/>
      <c r="E5902" s="55"/>
      <c r="F5902" s="74"/>
      <c r="G5902" s="74"/>
      <c r="H5902" s="74"/>
      <c r="I5902" s="75"/>
      <c r="J5902" s="74"/>
      <c r="L5902" s="55"/>
      <c r="M5902" s="234"/>
      <c r="N5902" s="65"/>
      <c r="O5902" s="76"/>
      <c r="P5902" s="76"/>
      <c r="Q5902" s="65"/>
      <c r="R5902" s="76"/>
      <c r="S5902" s="76"/>
      <c r="T5902" s="76"/>
      <c r="U5902" s="76"/>
      <c r="V5902" s="76"/>
      <c r="W5902" s="76"/>
      <c r="X5902" s="76"/>
      <c r="Y5902" s="76"/>
      <c r="Z5902" s="76"/>
      <c r="AA5902" s="85"/>
      <c r="AB5902" s="85"/>
      <c r="AC5902" s="85"/>
      <c r="AD5902" s="85"/>
      <c r="AE5902" s="85"/>
      <c r="AF5902" s="85"/>
      <c r="AG5902" s="86"/>
      <c r="AH5902" s="85"/>
      <c r="AI5902" s="85"/>
      <c r="AJ5902" s="85"/>
      <c r="AK5902" s="85"/>
      <c r="AL5902" s="85"/>
      <c r="AM5902" s="92"/>
      <c r="AN5902" s="92"/>
      <c r="AO5902" s="92"/>
      <c r="AP5902" s="92"/>
      <c r="AQ5902" s="92"/>
      <c r="AR5902" s="92"/>
      <c r="AS5902" s="92"/>
      <c r="AT5902" s="92"/>
      <c r="AU5902" s="92"/>
      <c r="AV5902" s="92"/>
      <c r="AW5902" s="92"/>
      <c r="AX5902" s="92"/>
      <c r="AY5902" s="92"/>
      <c r="AZ5902" s="93"/>
      <c r="BA5902" s="93"/>
      <c r="BB5902" s="93"/>
      <c r="BC5902" s="93"/>
      <c r="BD5902" s="93"/>
      <c r="BE5902" s="93"/>
      <c r="BF5902" s="93"/>
      <c r="BG5902" s="93"/>
      <c r="BH5902" s="93"/>
      <c r="BI5902" s="93"/>
      <c r="BJ5902" s="93"/>
      <c r="BK5902" s="93"/>
      <c r="BL5902" s="93"/>
    </row>
    <row r="5903" spans="2:64" x14ac:dyDescent="0.2">
      <c r="B5903" s="43"/>
      <c r="C5903" s="73"/>
      <c r="D5903" s="64"/>
      <c r="E5903" s="55"/>
      <c r="F5903" s="74"/>
      <c r="G5903" s="74"/>
      <c r="H5903" s="74"/>
      <c r="I5903" s="75"/>
      <c r="J5903" s="74"/>
      <c r="L5903" s="55"/>
      <c r="M5903" s="234"/>
      <c r="N5903" s="65"/>
      <c r="O5903" s="76"/>
      <c r="P5903" s="76"/>
      <c r="Q5903" s="65"/>
      <c r="R5903" s="76"/>
      <c r="S5903" s="76"/>
      <c r="T5903" s="76"/>
      <c r="U5903" s="76"/>
      <c r="V5903" s="76"/>
      <c r="W5903" s="76"/>
      <c r="X5903" s="76"/>
      <c r="Y5903" s="76"/>
      <c r="Z5903" s="76"/>
      <c r="AA5903" s="85"/>
      <c r="AB5903" s="85"/>
      <c r="AC5903" s="85"/>
      <c r="AD5903" s="85"/>
      <c r="AE5903" s="85"/>
      <c r="AF5903" s="85"/>
      <c r="AG5903" s="86"/>
      <c r="AH5903" s="85"/>
      <c r="AI5903" s="85"/>
      <c r="AJ5903" s="85"/>
      <c r="AK5903" s="85"/>
      <c r="AL5903" s="85"/>
      <c r="AM5903" s="92"/>
      <c r="AN5903" s="92"/>
      <c r="AO5903" s="92"/>
      <c r="AP5903" s="92"/>
      <c r="AQ5903" s="92"/>
      <c r="AR5903" s="92"/>
      <c r="AS5903" s="92"/>
      <c r="AT5903" s="92"/>
      <c r="AU5903" s="92"/>
      <c r="AV5903" s="92"/>
      <c r="AW5903" s="92"/>
      <c r="AX5903" s="92"/>
      <c r="AY5903" s="92"/>
      <c r="AZ5903" s="93"/>
      <c r="BA5903" s="93"/>
      <c r="BB5903" s="93"/>
      <c r="BC5903" s="93"/>
      <c r="BD5903" s="93"/>
      <c r="BE5903" s="93"/>
      <c r="BF5903" s="93"/>
      <c r="BG5903" s="93"/>
      <c r="BH5903" s="93"/>
      <c r="BI5903" s="93"/>
      <c r="BJ5903" s="93"/>
      <c r="BK5903" s="93"/>
      <c r="BL5903" s="93"/>
    </row>
    <row r="5904" spans="2:64" x14ac:dyDescent="0.2">
      <c r="B5904" s="43"/>
      <c r="C5904" s="73"/>
      <c r="D5904" s="64"/>
      <c r="E5904" s="55"/>
      <c r="F5904" s="74"/>
      <c r="G5904" s="74"/>
      <c r="H5904" s="74"/>
      <c r="I5904" s="75"/>
      <c r="J5904" s="74"/>
      <c r="L5904" s="55"/>
      <c r="M5904" s="234"/>
      <c r="N5904" s="65"/>
      <c r="O5904" s="76"/>
      <c r="P5904" s="76"/>
      <c r="Q5904" s="65"/>
      <c r="R5904" s="76"/>
      <c r="S5904" s="76"/>
      <c r="T5904" s="76"/>
      <c r="U5904" s="76"/>
      <c r="V5904" s="76"/>
      <c r="W5904" s="76"/>
      <c r="X5904" s="76"/>
      <c r="Y5904" s="76"/>
      <c r="Z5904" s="76"/>
      <c r="AA5904" s="85"/>
      <c r="AB5904" s="85"/>
      <c r="AC5904" s="85"/>
      <c r="AD5904" s="85"/>
      <c r="AE5904" s="85"/>
      <c r="AF5904" s="85"/>
      <c r="AG5904" s="86"/>
      <c r="AH5904" s="85"/>
      <c r="AI5904" s="85"/>
      <c r="AJ5904" s="85"/>
      <c r="AK5904" s="85"/>
      <c r="AL5904" s="85"/>
      <c r="AM5904" s="92"/>
      <c r="AN5904" s="92"/>
      <c r="AO5904" s="92"/>
      <c r="AP5904" s="92"/>
      <c r="AQ5904" s="92"/>
      <c r="AR5904" s="92"/>
      <c r="AS5904" s="92"/>
      <c r="AT5904" s="92"/>
      <c r="AU5904" s="92"/>
      <c r="AV5904" s="92"/>
      <c r="AW5904" s="92"/>
      <c r="AX5904" s="92"/>
      <c r="AY5904" s="92"/>
      <c r="AZ5904" s="93"/>
      <c r="BA5904" s="93"/>
      <c r="BB5904" s="93"/>
      <c r="BC5904" s="93"/>
      <c r="BD5904" s="93"/>
      <c r="BE5904" s="93"/>
      <c r="BF5904" s="93"/>
      <c r="BG5904" s="93"/>
      <c r="BH5904" s="93"/>
      <c r="BI5904" s="93"/>
      <c r="BJ5904" s="93"/>
      <c r="BK5904" s="93"/>
      <c r="BL5904" s="93"/>
    </row>
    <row r="5905" spans="2:64" x14ac:dyDescent="0.2">
      <c r="B5905" s="43"/>
      <c r="C5905" s="73"/>
      <c r="D5905" s="64"/>
      <c r="E5905" s="55"/>
      <c r="F5905" s="74"/>
      <c r="G5905" s="74"/>
      <c r="H5905" s="74"/>
      <c r="I5905" s="75"/>
      <c r="J5905" s="74"/>
      <c r="L5905" s="55"/>
      <c r="M5905" s="234"/>
      <c r="N5905" s="65"/>
      <c r="O5905" s="76"/>
      <c r="P5905" s="76"/>
      <c r="Q5905" s="65"/>
      <c r="R5905" s="76"/>
      <c r="S5905" s="76"/>
      <c r="T5905" s="76"/>
      <c r="U5905" s="76"/>
      <c r="V5905" s="76"/>
      <c r="W5905" s="76"/>
      <c r="X5905" s="76"/>
      <c r="Y5905" s="76"/>
      <c r="Z5905" s="76"/>
      <c r="AA5905" s="85"/>
      <c r="AB5905" s="85"/>
      <c r="AC5905" s="85"/>
      <c r="AD5905" s="85"/>
      <c r="AE5905" s="85"/>
      <c r="AF5905" s="85"/>
      <c r="AG5905" s="86"/>
      <c r="AH5905" s="85"/>
      <c r="AI5905" s="85"/>
      <c r="AJ5905" s="85"/>
      <c r="AK5905" s="85"/>
      <c r="AL5905" s="85"/>
      <c r="AM5905" s="92"/>
      <c r="AN5905" s="92"/>
      <c r="AO5905" s="92"/>
      <c r="AP5905" s="92"/>
      <c r="AQ5905" s="92"/>
      <c r="AR5905" s="92"/>
      <c r="AS5905" s="92"/>
      <c r="AT5905" s="92"/>
      <c r="AU5905" s="92"/>
      <c r="AV5905" s="92"/>
      <c r="AW5905" s="92"/>
      <c r="AX5905" s="92"/>
      <c r="AY5905" s="92"/>
      <c r="AZ5905" s="93"/>
      <c r="BA5905" s="93"/>
      <c r="BB5905" s="93"/>
      <c r="BC5905" s="93"/>
      <c r="BD5905" s="93"/>
      <c r="BE5905" s="93"/>
      <c r="BF5905" s="93"/>
      <c r="BG5905" s="93"/>
      <c r="BH5905" s="93"/>
      <c r="BI5905" s="93"/>
      <c r="BJ5905" s="93"/>
      <c r="BK5905" s="93"/>
      <c r="BL5905" s="93"/>
    </row>
    <row r="5906" spans="2:64" x14ac:dyDescent="0.2">
      <c r="B5906" s="43"/>
      <c r="C5906" s="73"/>
      <c r="D5906" s="64"/>
      <c r="E5906" s="55"/>
      <c r="F5906" s="74"/>
      <c r="G5906" s="74"/>
      <c r="H5906" s="74"/>
      <c r="I5906" s="75"/>
      <c r="J5906" s="74"/>
      <c r="L5906" s="55"/>
      <c r="M5906" s="234"/>
      <c r="N5906" s="65"/>
      <c r="O5906" s="76"/>
      <c r="P5906" s="76"/>
      <c r="Q5906" s="65"/>
      <c r="R5906" s="76"/>
      <c r="S5906" s="76"/>
      <c r="T5906" s="76"/>
      <c r="U5906" s="76"/>
      <c r="V5906" s="76"/>
      <c r="W5906" s="76"/>
      <c r="X5906" s="76"/>
      <c r="Y5906" s="76"/>
      <c r="Z5906" s="76"/>
      <c r="AA5906" s="85"/>
      <c r="AB5906" s="85"/>
      <c r="AC5906" s="85"/>
      <c r="AD5906" s="85"/>
      <c r="AE5906" s="85"/>
      <c r="AF5906" s="85"/>
      <c r="AG5906" s="86"/>
      <c r="AH5906" s="85"/>
      <c r="AI5906" s="85"/>
      <c r="AJ5906" s="85"/>
      <c r="AK5906" s="85"/>
      <c r="AL5906" s="85"/>
      <c r="AM5906" s="92"/>
      <c r="AN5906" s="92"/>
      <c r="AO5906" s="92"/>
      <c r="AP5906" s="92"/>
      <c r="AQ5906" s="92"/>
      <c r="AR5906" s="92"/>
      <c r="AS5906" s="92"/>
      <c r="AT5906" s="92"/>
      <c r="AU5906" s="92"/>
      <c r="AV5906" s="92"/>
      <c r="AW5906" s="92"/>
      <c r="AX5906" s="92"/>
      <c r="AY5906" s="92"/>
      <c r="AZ5906" s="93"/>
      <c r="BA5906" s="93"/>
      <c r="BB5906" s="93"/>
      <c r="BC5906" s="93"/>
      <c r="BD5906" s="93"/>
      <c r="BE5906" s="93"/>
      <c r="BF5906" s="93"/>
      <c r="BG5906" s="93"/>
      <c r="BH5906" s="93"/>
      <c r="BI5906" s="93"/>
      <c r="BJ5906" s="93"/>
      <c r="BK5906" s="93"/>
      <c r="BL5906" s="93"/>
    </row>
    <row r="5907" spans="2:64" x14ac:dyDescent="0.2">
      <c r="B5907" s="43"/>
      <c r="C5907" s="73"/>
      <c r="D5907" s="64"/>
      <c r="E5907" s="55"/>
      <c r="F5907" s="74"/>
      <c r="G5907" s="74"/>
      <c r="H5907" s="74"/>
      <c r="I5907" s="75"/>
      <c r="J5907" s="74"/>
      <c r="L5907" s="55"/>
      <c r="M5907" s="234"/>
      <c r="N5907" s="65"/>
      <c r="O5907" s="76"/>
      <c r="P5907" s="76"/>
      <c r="Q5907" s="65"/>
      <c r="R5907" s="76"/>
      <c r="S5907" s="76"/>
      <c r="T5907" s="76"/>
      <c r="U5907" s="76"/>
      <c r="V5907" s="76"/>
      <c r="W5907" s="76"/>
      <c r="X5907" s="76"/>
      <c r="Y5907" s="76"/>
      <c r="Z5907" s="76"/>
      <c r="AA5907" s="85"/>
      <c r="AB5907" s="85"/>
      <c r="AC5907" s="85"/>
      <c r="AD5907" s="85"/>
      <c r="AE5907" s="85"/>
      <c r="AF5907" s="85"/>
      <c r="AG5907" s="86"/>
      <c r="AH5907" s="85"/>
      <c r="AI5907" s="85"/>
      <c r="AJ5907" s="85"/>
      <c r="AK5907" s="85"/>
      <c r="AL5907" s="85"/>
      <c r="AM5907" s="92"/>
      <c r="AN5907" s="92"/>
      <c r="AO5907" s="92"/>
      <c r="AP5907" s="92"/>
      <c r="AQ5907" s="92"/>
      <c r="AR5907" s="92"/>
      <c r="AS5907" s="92"/>
      <c r="AT5907" s="92"/>
      <c r="AU5907" s="92"/>
      <c r="AV5907" s="92"/>
      <c r="AW5907" s="92"/>
      <c r="AX5907" s="92"/>
      <c r="AY5907" s="92"/>
      <c r="AZ5907" s="93"/>
      <c r="BA5907" s="93"/>
      <c r="BB5907" s="93"/>
      <c r="BC5907" s="93"/>
      <c r="BD5907" s="93"/>
      <c r="BE5907" s="93"/>
      <c r="BF5907" s="93"/>
      <c r="BG5907" s="93"/>
      <c r="BH5907" s="93"/>
      <c r="BI5907" s="93"/>
      <c r="BJ5907" s="93"/>
      <c r="BK5907" s="93"/>
      <c r="BL5907" s="93"/>
    </row>
    <row r="5908" spans="2:64" x14ac:dyDescent="0.2">
      <c r="B5908" s="43"/>
      <c r="C5908" s="73"/>
      <c r="D5908" s="64"/>
      <c r="E5908" s="55"/>
      <c r="F5908" s="74"/>
      <c r="G5908" s="74"/>
      <c r="H5908" s="74"/>
      <c r="I5908" s="75"/>
      <c r="J5908" s="74"/>
      <c r="L5908" s="55"/>
      <c r="M5908" s="234"/>
      <c r="N5908" s="65"/>
      <c r="O5908" s="76"/>
      <c r="P5908" s="76"/>
      <c r="Q5908" s="65"/>
      <c r="R5908" s="76"/>
      <c r="S5908" s="76"/>
      <c r="T5908" s="76"/>
      <c r="U5908" s="76"/>
      <c r="V5908" s="76"/>
      <c r="W5908" s="76"/>
      <c r="X5908" s="76"/>
      <c r="Y5908" s="76"/>
      <c r="Z5908" s="76"/>
      <c r="AA5908" s="85"/>
      <c r="AB5908" s="85"/>
      <c r="AC5908" s="85"/>
      <c r="AD5908" s="85"/>
      <c r="AE5908" s="85"/>
      <c r="AF5908" s="85"/>
      <c r="AG5908" s="86"/>
      <c r="AH5908" s="85"/>
      <c r="AI5908" s="85"/>
      <c r="AJ5908" s="85"/>
      <c r="AK5908" s="85"/>
      <c r="AL5908" s="85"/>
      <c r="AM5908" s="92"/>
      <c r="AN5908" s="92"/>
      <c r="AO5908" s="92"/>
      <c r="AP5908" s="92"/>
      <c r="AQ5908" s="92"/>
      <c r="AR5908" s="92"/>
      <c r="AS5908" s="92"/>
      <c r="AT5908" s="92"/>
      <c r="AU5908" s="92"/>
      <c r="AV5908" s="92"/>
      <c r="AW5908" s="92"/>
      <c r="AX5908" s="92"/>
      <c r="AY5908" s="92"/>
      <c r="AZ5908" s="93"/>
      <c r="BA5908" s="93"/>
      <c r="BB5908" s="93"/>
      <c r="BC5908" s="93"/>
      <c r="BD5908" s="93"/>
      <c r="BE5908" s="93"/>
      <c r="BF5908" s="93"/>
      <c r="BG5908" s="93"/>
      <c r="BH5908" s="93"/>
      <c r="BI5908" s="93"/>
      <c r="BJ5908" s="93"/>
      <c r="BK5908" s="93"/>
      <c r="BL5908" s="93"/>
    </row>
    <row r="5909" spans="2:64" x14ac:dyDescent="0.2">
      <c r="B5909" s="43"/>
      <c r="C5909" s="73"/>
      <c r="D5909" s="64"/>
      <c r="E5909" s="55"/>
      <c r="F5909" s="74"/>
      <c r="G5909" s="74"/>
      <c r="H5909" s="74"/>
      <c r="I5909" s="75"/>
      <c r="J5909" s="74"/>
      <c r="L5909" s="55"/>
      <c r="M5909" s="234"/>
      <c r="N5909" s="65"/>
      <c r="O5909" s="76"/>
      <c r="P5909" s="76"/>
      <c r="Q5909" s="65"/>
      <c r="R5909" s="76"/>
      <c r="S5909" s="76"/>
      <c r="T5909" s="76"/>
      <c r="U5909" s="76"/>
      <c r="V5909" s="76"/>
      <c r="W5909" s="76"/>
      <c r="X5909" s="76"/>
      <c r="Y5909" s="76"/>
      <c r="Z5909" s="76"/>
      <c r="AA5909" s="85"/>
      <c r="AB5909" s="85"/>
      <c r="AC5909" s="85"/>
      <c r="AD5909" s="85"/>
      <c r="AE5909" s="85"/>
      <c r="AF5909" s="85"/>
      <c r="AG5909" s="86"/>
      <c r="AH5909" s="85"/>
      <c r="AI5909" s="85"/>
      <c r="AJ5909" s="85"/>
      <c r="AK5909" s="85"/>
      <c r="AL5909" s="85"/>
      <c r="AM5909" s="92"/>
      <c r="AN5909" s="92"/>
      <c r="AO5909" s="92"/>
      <c r="AP5909" s="92"/>
      <c r="AQ5909" s="92"/>
      <c r="AR5909" s="92"/>
      <c r="AS5909" s="92"/>
      <c r="AT5909" s="92"/>
      <c r="AU5909" s="92"/>
      <c r="AV5909" s="92"/>
      <c r="AW5909" s="92"/>
      <c r="AX5909" s="92"/>
      <c r="AY5909" s="92"/>
      <c r="AZ5909" s="93"/>
      <c r="BA5909" s="93"/>
      <c r="BB5909" s="93"/>
      <c r="BC5909" s="93"/>
      <c r="BD5909" s="93"/>
      <c r="BE5909" s="93"/>
      <c r="BF5909" s="93"/>
      <c r="BG5909" s="93"/>
      <c r="BH5909" s="93"/>
      <c r="BI5909" s="93"/>
      <c r="BJ5909" s="93"/>
      <c r="BK5909" s="93"/>
      <c r="BL5909" s="93"/>
    </row>
    <row r="5910" spans="2:64" x14ac:dyDescent="0.2">
      <c r="B5910" s="43"/>
      <c r="C5910" s="73"/>
      <c r="D5910" s="64"/>
      <c r="E5910" s="55"/>
      <c r="F5910" s="74"/>
      <c r="G5910" s="74"/>
      <c r="H5910" s="74"/>
      <c r="I5910" s="75"/>
      <c r="J5910" s="74"/>
      <c r="L5910" s="55"/>
      <c r="M5910" s="234"/>
      <c r="N5910" s="65"/>
      <c r="O5910" s="76"/>
      <c r="P5910" s="76"/>
      <c r="Q5910" s="65"/>
      <c r="R5910" s="76"/>
      <c r="S5910" s="76"/>
      <c r="T5910" s="76"/>
      <c r="U5910" s="76"/>
      <c r="V5910" s="76"/>
      <c r="W5910" s="76"/>
      <c r="X5910" s="76"/>
      <c r="Y5910" s="76"/>
      <c r="Z5910" s="76"/>
      <c r="AA5910" s="85"/>
      <c r="AB5910" s="85"/>
      <c r="AC5910" s="85"/>
      <c r="AD5910" s="85"/>
      <c r="AE5910" s="85"/>
      <c r="AF5910" s="85"/>
      <c r="AG5910" s="86"/>
      <c r="AH5910" s="85"/>
      <c r="AI5910" s="85"/>
      <c r="AJ5910" s="85"/>
      <c r="AK5910" s="85"/>
      <c r="AL5910" s="85"/>
      <c r="AM5910" s="92"/>
      <c r="AN5910" s="92"/>
      <c r="AO5910" s="92"/>
      <c r="AP5910" s="92"/>
      <c r="AQ5910" s="92"/>
      <c r="AR5910" s="92"/>
      <c r="AS5910" s="92"/>
      <c r="AT5910" s="92"/>
      <c r="AU5910" s="92"/>
      <c r="AV5910" s="92"/>
      <c r="AW5910" s="92"/>
      <c r="AX5910" s="92"/>
      <c r="AY5910" s="92"/>
      <c r="AZ5910" s="93"/>
      <c r="BA5910" s="93"/>
      <c r="BB5910" s="93"/>
      <c r="BC5910" s="93"/>
      <c r="BD5910" s="93"/>
      <c r="BE5910" s="93"/>
      <c r="BF5910" s="93"/>
      <c r="BG5910" s="93"/>
      <c r="BH5910" s="93"/>
      <c r="BI5910" s="93"/>
      <c r="BJ5910" s="93"/>
      <c r="BK5910" s="93"/>
      <c r="BL5910" s="93"/>
    </row>
    <row r="5911" spans="2:64" x14ac:dyDescent="0.2">
      <c r="B5911" s="43"/>
      <c r="C5911" s="73"/>
      <c r="D5911" s="64"/>
      <c r="E5911" s="55"/>
      <c r="F5911" s="74"/>
      <c r="G5911" s="74"/>
      <c r="H5911" s="74"/>
      <c r="I5911" s="75"/>
      <c r="J5911" s="74"/>
      <c r="L5911" s="55"/>
      <c r="M5911" s="234"/>
      <c r="N5911" s="65"/>
      <c r="O5911" s="76"/>
      <c r="P5911" s="76"/>
      <c r="Q5911" s="65"/>
      <c r="R5911" s="76"/>
      <c r="S5911" s="76"/>
      <c r="T5911" s="76"/>
      <c r="U5911" s="76"/>
      <c r="V5911" s="76"/>
      <c r="W5911" s="76"/>
      <c r="X5911" s="76"/>
      <c r="Y5911" s="76"/>
      <c r="Z5911" s="76"/>
      <c r="AA5911" s="85"/>
      <c r="AB5911" s="85"/>
      <c r="AC5911" s="85"/>
      <c r="AD5911" s="85"/>
      <c r="AE5911" s="85"/>
      <c r="AF5911" s="85"/>
      <c r="AG5911" s="86"/>
      <c r="AH5911" s="85"/>
      <c r="AI5911" s="85"/>
      <c r="AJ5911" s="85"/>
      <c r="AK5911" s="85"/>
      <c r="AL5911" s="85"/>
      <c r="AM5911" s="92"/>
      <c r="AN5911" s="92"/>
      <c r="AO5911" s="92"/>
      <c r="AP5911" s="92"/>
      <c r="AQ5911" s="92"/>
      <c r="AR5911" s="92"/>
      <c r="AS5911" s="92"/>
      <c r="AT5911" s="92"/>
      <c r="AU5911" s="92"/>
      <c r="AV5911" s="92"/>
      <c r="AW5911" s="92"/>
      <c r="AX5911" s="92"/>
      <c r="AY5911" s="92"/>
      <c r="AZ5911" s="93"/>
      <c r="BA5911" s="93"/>
      <c r="BB5911" s="93"/>
      <c r="BC5911" s="93"/>
      <c r="BD5911" s="93"/>
      <c r="BE5911" s="93"/>
      <c r="BF5911" s="93"/>
      <c r="BG5911" s="93"/>
      <c r="BH5911" s="93"/>
      <c r="BI5911" s="93"/>
      <c r="BJ5911" s="93"/>
      <c r="BK5911" s="93"/>
      <c r="BL5911" s="93"/>
    </row>
    <row r="5912" spans="2:64" x14ac:dyDescent="0.2">
      <c r="B5912" s="43"/>
      <c r="C5912" s="73"/>
      <c r="D5912" s="64"/>
      <c r="E5912" s="55"/>
      <c r="F5912" s="74"/>
      <c r="G5912" s="74"/>
      <c r="H5912" s="74"/>
      <c r="I5912" s="75"/>
      <c r="J5912" s="74"/>
      <c r="L5912" s="55"/>
      <c r="M5912" s="234"/>
      <c r="N5912" s="65"/>
      <c r="O5912" s="76"/>
      <c r="P5912" s="76"/>
      <c r="Q5912" s="65"/>
      <c r="R5912" s="76"/>
      <c r="S5912" s="76"/>
      <c r="T5912" s="76"/>
      <c r="U5912" s="76"/>
      <c r="V5912" s="76"/>
      <c r="W5912" s="76"/>
      <c r="X5912" s="76"/>
      <c r="Y5912" s="76"/>
      <c r="Z5912" s="76"/>
      <c r="AA5912" s="85"/>
      <c r="AB5912" s="85"/>
      <c r="AC5912" s="85"/>
      <c r="AD5912" s="85"/>
      <c r="AE5912" s="85"/>
      <c r="AF5912" s="85"/>
      <c r="AG5912" s="86"/>
      <c r="AH5912" s="85"/>
      <c r="AI5912" s="85"/>
      <c r="AJ5912" s="85"/>
      <c r="AK5912" s="85"/>
      <c r="AL5912" s="85"/>
      <c r="AM5912" s="92"/>
      <c r="AN5912" s="92"/>
      <c r="AO5912" s="92"/>
      <c r="AP5912" s="92"/>
      <c r="AQ5912" s="92"/>
      <c r="AR5912" s="92"/>
      <c r="AS5912" s="92"/>
      <c r="AT5912" s="92"/>
      <c r="AU5912" s="92"/>
      <c r="AV5912" s="92"/>
      <c r="AW5912" s="92"/>
      <c r="AX5912" s="92"/>
      <c r="AY5912" s="92"/>
      <c r="AZ5912" s="93"/>
      <c r="BA5912" s="93"/>
      <c r="BB5912" s="93"/>
      <c r="BC5912" s="93"/>
      <c r="BD5912" s="93"/>
      <c r="BE5912" s="93"/>
      <c r="BF5912" s="93"/>
      <c r="BG5912" s="93"/>
      <c r="BH5912" s="93"/>
      <c r="BI5912" s="93"/>
      <c r="BJ5912" s="93"/>
      <c r="BK5912" s="93"/>
      <c r="BL5912" s="93"/>
    </row>
    <row r="5913" spans="2:64" x14ac:dyDescent="0.2">
      <c r="B5913" s="43"/>
      <c r="C5913" s="73"/>
      <c r="D5913" s="64"/>
      <c r="E5913" s="55"/>
      <c r="F5913" s="74"/>
      <c r="G5913" s="74"/>
      <c r="H5913" s="74"/>
      <c r="I5913" s="75"/>
      <c r="J5913" s="74"/>
      <c r="L5913" s="55"/>
      <c r="M5913" s="234"/>
      <c r="N5913" s="65"/>
      <c r="O5913" s="76"/>
      <c r="P5913" s="76"/>
      <c r="Q5913" s="65"/>
      <c r="R5913" s="76"/>
      <c r="S5913" s="76"/>
      <c r="T5913" s="76"/>
      <c r="U5913" s="76"/>
      <c r="V5913" s="76"/>
      <c r="W5913" s="76"/>
      <c r="X5913" s="76"/>
      <c r="Y5913" s="76"/>
      <c r="Z5913" s="76"/>
      <c r="AA5913" s="85"/>
      <c r="AB5913" s="85"/>
      <c r="AC5913" s="85"/>
      <c r="AD5913" s="85"/>
      <c r="AE5913" s="85"/>
      <c r="AF5913" s="85"/>
      <c r="AG5913" s="86"/>
      <c r="AH5913" s="85"/>
      <c r="AI5913" s="85"/>
      <c r="AJ5913" s="85"/>
      <c r="AK5913" s="85"/>
      <c r="AL5913" s="85"/>
      <c r="AM5913" s="92"/>
      <c r="AN5913" s="92"/>
      <c r="AO5913" s="92"/>
      <c r="AP5913" s="92"/>
      <c r="AQ5913" s="92"/>
      <c r="AR5913" s="92"/>
      <c r="AS5913" s="92"/>
      <c r="AT5913" s="92"/>
      <c r="AU5913" s="92"/>
      <c r="AV5913" s="92"/>
      <c r="AW5913" s="92"/>
      <c r="AX5913" s="92"/>
      <c r="AY5913" s="92"/>
      <c r="AZ5913" s="93"/>
      <c r="BA5913" s="93"/>
      <c r="BB5913" s="93"/>
      <c r="BC5913" s="93"/>
      <c r="BD5913" s="93"/>
      <c r="BE5913" s="93"/>
      <c r="BF5913" s="93"/>
      <c r="BG5913" s="93"/>
      <c r="BH5913" s="93"/>
      <c r="BI5913" s="93"/>
      <c r="BJ5913" s="93"/>
      <c r="BK5913" s="93"/>
      <c r="BL5913" s="93"/>
    </row>
    <row r="5914" spans="2:64" x14ac:dyDescent="0.2">
      <c r="B5914" s="43"/>
      <c r="C5914" s="73"/>
      <c r="D5914" s="64"/>
      <c r="E5914" s="55"/>
      <c r="F5914" s="74"/>
      <c r="G5914" s="74"/>
      <c r="H5914" s="74"/>
      <c r="I5914" s="75"/>
      <c r="J5914" s="74"/>
      <c r="L5914" s="55"/>
      <c r="M5914" s="234"/>
      <c r="N5914" s="65"/>
      <c r="O5914" s="76"/>
      <c r="P5914" s="76"/>
      <c r="Q5914" s="65"/>
      <c r="R5914" s="76"/>
      <c r="S5914" s="76"/>
      <c r="T5914" s="76"/>
      <c r="U5914" s="76"/>
      <c r="V5914" s="76"/>
      <c r="W5914" s="76"/>
      <c r="X5914" s="76"/>
      <c r="Y5914" s="76"/>
      <c r="Z5914" s="76"/>
      <c r="AA5914" s="85"/>
      <c r="AB5914" s="85"/>
      <c r="AC5914" s="85"/>
      <c r="AD5914" s="85"/>
      <c r="AE5914" s="85"/>
      <c r="AF5914" s="85"/>
      <c r="AG5914" s="86"/>
      <c r="AH5914" s="85"/>
      <c r="AI5914" s="85"/>
      <c r="AJ5914" s="85"/>
      <c r="AK5914" s="85"/>
      <c r="AL5914" s="85"/>
      <c r="AM5914" s="92"/>
      <c r="AN5914" s="92"/>
      <c r="AO5914" s="92"/>
      <c r="AP5914" s="92"/>
      <c r="AQ5914" s="92"/>
      <c r="AR5914" s="92"/>
      <c r="AS5914" s="92"/>
      <c r="AT5914" s="92"/>
      <c r="AU5914" s="92"/>
      <c r="AV5914" s="92"/>
      <c r="AW5914" s="92"/>
      <c r="AX5914" s="92"/>
      <c r="AY5914" s="92"/>
      <c r="AZ5914" s="93"/>
      <c r="BA5914" s="93"/>
      <c r="BB5914" s="93"/>
      <c r="BC5914" s="93"/>
      <c r="BD5914" s="93"/>
      <c r="BE5914" s="93"/>
      <c r="BF5914" s="93"/>
      <c r="BG5914" s="93"/>
      <c r="BH5914" s="93"/>
      <c r="BI5914" s="93"/>
      <c r="BJ5914" s="93"/>
      <c r="BK5914" s="93"/>
      <c r="BL5914" s="93"/>
    </row>
    <row r="5915" spans="2:64" x14ac:dyDescent="0.2">
      <c r="B5915" s="43"/>
      <c r="C5915" s="73"/>
      <c r="D5915" s="64"/>
      <c r="E5915" s="55"/>
      <c r="F5915" s="74"/>
      <c r="G5915" s="74"/>
      <c r="H5915" s="74"/>
      <c r="I5915" s="75"/>
      <c r="J5915" s="74"/>
      <c r="L5915" s="55"/>
      <c r="M5915" s="234"/>
      <c r="N5915" s="65"/>
      <c r="O5915" s="76"/>
      <c r="P5915" s="76"/>
      <c r="Q5915" s="65"/>
      <c r="R5915" s="76"/>
      <c r="S5915" s="76"/>
      <c r="T5915" s="76"/>
      <c r="U5915" s="76"/>
      <c r="V5915" s="76"/>
      <c r="W5915" s="76"/>
      <c r="X5915" s="76"/>
      <c r="Y5915" s="76"/>
      <c r="Z5915" s="76"/>
      <c r="AA5915" s="85"/>
      <c r="AB5915" s="85"/>
      <c r="AC5915" s="85"/>
      <c r="AD5915" s="85"/>
      <c r="AE5915" s="85"/>
      <c r="AF5915" s="85"/>
      <c r="AG5915" s="86"/>
      <c r="AH5915" s="85"/>
      <c r="AI5915" s="85"/>
      <c r="AJ5915" s="85"/>
      <c r="AK5915" s="85"/>
      <c r="AL5915" s="85"/>
      <c r="AM5915" s="92"/>
      <c r="AN5915" s="92"/>
      <c r="AO5915" s="92"/>
      <c r="AP5915" s="92"/>
      <c r="AQ5915" s="92"/>
      <c r="AR5915" s="92"/>
      <c r="AS5915" s="92"/>
      <c r="AT5915" s="92"/>
      <c r="AU5915" s="92"/>
      <c r="AV5915" s="92"/>
      <c r="AW5915" s="92"/>
      <c r="AX5915" s="92"/>
      <c r="AY5915" s="92"/>
      <c r="AZ5915" s="93"/>
      <c r="BA5915" s="93"/>
      <c r="BB5915" s="93"/>
      <c r="BC5915" s="93"/>
      <c r="BD5915" s="93"/>
      <c r="BE5915" s="93"/>
      <c r="BF5915" s="93"/>
      <c r="BG5915" s="93"/>
      <c r="BH5915" s="93"/>
      <c r="BI5915" s="93"/>
      <c r="BJ5915" s="93"/>
      <c r="BK5915" s="93"/>
      <c r="BL5915" s="93"/>
    </row>
    <row r="5916" spans="2:64" x14ac:dyDescent="0.2">
      <c r="B5916" s="43"/>
      <c r="C5916" s="73"/>
      <c r="D5916" s="64"/>
      <c r="E5916" s="55"/>
      <c r="F5916" s="74"/>
      <c r="G5916" s="74"/>
      <c r="H5916" s="74"/>
      <c r="I5916" s="75"/>
      <c r="J5916" s="74"/>
      <c r="L5916" s="55"/>
      <c r="M5916" s="234"/>
      <c r="N5916" s="65"/>
      <c r="O5916" s="76"/>
      <c r="P5916" s="76"/>
      <c r="Q5916" s="65"/>
      <c r="R5916" s="76"/>
      <c r="S5916" s="76"/>
      <c r="T5916" s="76"/>
      <c r="U5916" s="76"/>
      <c r="V5916" s="76"/>
      <c r="W5916" s="76"/>
      <c r="X5916" s="76"/>
      <c r="Y5916" s="76"/>
      <c r="Z5916" s="76"/>
      <c r="AA5916" s="85"/>
      <c r="AB5916" s="85"/>
      <c r="AC5916" s="85"/>
      <c r="AD5916" s="85"/>
      <c r="AE5916" s="85"/>
      <c r="AF5916" s="85"/>
      <c r="AG5916" s="86"/>
      <c r="AH5916" s="85"/>
      <c r="AI5916" s="85"/>
      <c r="AJ5916" s="85"/>
      <c r="AK5916" s="85"/>
      <c r="AL5916" s="85"/>
      <c r="AM5916" s="92"/>
      <c r="AN5916" s="92"/>
      <c r="AO5916" s="92"/>
      <c r="AP5916" s="92"/>
      <c r="AQ5916" s="92"/>
      <c r="AR5916" s="92"/>
      <c r="AS5916" s="92"/>
      <c r="AT5916" s="92"/>
      <c r="AU5916" s="92"/>
      <c r="AV5916" s="92"/>
      <c r="AW5916" s="92"/>
      <c r="AX5916" s="92"/>
      <c r="AY5916" s="92"/>
      <c r="AZ5916" s="93"/>
      <c r="BA5916" s="93"/>
      <c r="BB5916" s="93"/>
      <c r="BC5916" s="93"/>
      <c r="BD5916" s="93"/>
      <c r="BE5916" s="93"/>
      <c r="BF5916" s="93"/>
      <c r="BG5916" s="93"/>
      <c r="BH5916" s="93"/>
      <c r="BI5916" s="93"/>
      <c r="BJ5916" s="93"/>
      <c r="BK5916" s="93"/>
      <c r="BL5916" s="93"/>
    </row>
    <row r="5917" spans="2:64" x14ac:dyDescent="0.2">
      <c r="B5917" s="43"/>
      <c r="C5917" s="73"/>
      <c r="D5917" s="64"/>
      <c r="E5917" s="55"/>
      <c r="F5917" s="74"/>
      <c r="G5917" s="74"/>
      <c r="H5917" s="74"/>
      <c r="I5917" s="75"/>
      <c r="J5917" s="74"/>
      <c r="L5917" s="55"/>
      <c r="M5917" s="234"/>
      <c r="N5917" s="65"/>
      <c r="O5917" s="76"/>
      <c r="P5917" s="76"/>
      <c r="Q5917" s="65"/>
      <c r="R5917" s="76"/>
      <c r="S5917" s="76"/>
      <c r="T5917" s="76"/>
      <c r="U5917" s="76"/>
      <c r="V5917" s="76"/>
      <c r="W5917" s="76"/>
      <c r="X5917" s="76"/>
      <c r="Y5917" s="76"/>
      <c r="Z5917" s="76"/>
      <c r="AA5917" s="85"/>
      <c r="AB5917" s="85"/>
      <c r="AC5917" s="85"/>
      <c r="AD5917" s="85"/>
      <c r="AE5917" s="85"/>
      <c r="AF5917" s="85"/>
      <c r="AG5917" s="86"/>
      <c r="AH5917" s="85"/>
      <c r="AI5917" s="85"/>
      <c r="AJ5917" s="85"/>
      <c r="AK5917" s="85"/>
      <c r="AL5917" s="85"/>
      <c r="AM5917" s="92"/>
      <c r="AN5917" s="92"/>
      <c r="AO5917" s="92"/>
      <c r="AP5917" s="92"/>
      <c r="AQ5917" s="92"/>
      <c r="AR5917" s="92"/>
      <c r="AS5917" s="92"/>
      <c r="AT5917" s="92"/>
      <c r="AU5917" s="92"/>
      <c r="AV5917" s="92"/>
      <c r="AW5917" s="92"/>
      <c r="AX5917" s="92"/>
      <c r="AY5917" s="92"/>
      <c r="AZ5917" s="93"/>
      <c r="BA5917" s="93"/>
      <c r="BB5917" s="93"/>
      <c r="BC5917" s="93"/>
      <c r="BD5917" s="93"/>
      <c r="BE5917" s="93"/>
      <c r="BF5917" s="93"/>
      <c r="BG5917" s="93"/>
      <c r="BH5917" s="93"/>
      <c r="BI5917" s="93"/>
      <c r="BJ5917" s="93"/>
      <c r="BK5917" s="93"/>
      <c r="BL5917" s="93"/>
    </row>
    <row r="5918" spans="2:64" x14ac:dyDescent="0.2">
      <c r="B5918" s="43"/>
      <c r="C5918" s="73"/>
      <c r="D5918" s="64"/>
      <c r="E5918" s="55"/>
      <c r="F5918" s="74"/>
      <c r="G5918" s="74"/>
      <c r="H5918" s="74"/>
      <c r="I5918" s="75"/>
      <c r="J5918" s="74"/>
      <c r="L5918" s="55"/>
      <c r="M5918" s="234"/>
      <c r="N5918" s="65"/>
      <c r="O5918" s="76"/>
      <c r="P5918" s="76"/>
      <c r="Q5918" s="65"/>
      <c r="R5918" s="76"/>
      <c r="S5918" s="76"/>
      <c r="T5918" s="76"/>
      <c r="U5918" s="76"/>
      <c r="V5918" s="76"/>
      <c r="W5918" s="76"/>
      <c r="X5918" s="76"/>
      <c r="Y5918" s="76"/>
      <c r="Z5918" s="76"/>
      <c r="AA5918" s="85"/>
      <c r="AB5918" s="85"/>
      <c r="AC5918" s="85"/>
      <c r="AD5918" s="85"/>
      <c r="AE5918" s="85"/>
      <c r="AF5918" s="85"/>
      <c r="AG5918" s="86"/>
      <c r="AH5918" s="85"/>
      <c r="AI5918" s="85"/>
      <c r="AJ5918" s="85"/>
      <c r="AK5918" s="85"/>
      <c r="AL5918" s="85"/>
      <c r="AM5918" s="92"/>
      <c r="AN5918" s="92"/>
      <c r="AO5918" s="92"/>
      <c r="AP5918" s="92"/>
      <c r="AQ5918" s="92"/>
      <c r="AR5918" s="92"/>
      <c r="AS5918" s="92"/>
      <c r="AT5918" s="92"/>
      <c r="AU5918" s="92"/>
      <c r="AV5918" s="92"/>
      <c r="AW5918" s="92"/>
      <c r="AX5918" s="92"/>
      <c r="AY5918" s="92"/>
      <c r="AZ5918" s="93"/>
      <c r="BA5918" s="93"/>
      <c r="BB5918" s="93"/>
      <c r="BC5918" s="93"/>
      <c r="BD5918" s="93"/>
      <c r="BE5918" s="93"/>
      <c r="BF5918" s="93"/>
      <c r="BG5918" s="93"/>
      <c r="BH5918" s="93"/>
      <c r="BI5918" s="93"/>
      <c r="BJ5918" s="93"/>
      <c r="BK5918" s="93"/>
      <c r="BL5918" s="93"/>
    </row>
    <row r="5919" spans="2:64" x14ac:dyDescent="0.2">
      <c r="B5919" s="43"/>
      <c r="C5919" s="73"/>
      <c r="D5919" s="64"/>
      <c r="E5919" s="55"/>
      <c r="F5919" s="74"/>
      <c r="G5919" s="74"/>
      <c r="H5919" s="74"/>
      <c r="I5919" s="75"/>
      <c r="J5919" s="74"/>
      <c r="L5919" s="55"/>
      <c r="M5919" s="234"/>
      <c r="N5919" s="65"/>
      <c r="O5919" s="76"/>
      <c r="P5919" s="76"/>
      <c r="Q5919" s="65"/>
      <c r="R5919" s="76"/>
      <c r="S5919" s="76"/>
      <c r="T5919" s="76"/>
      <c r="U5919" s="76"/>
      <c r="V5919" s="76"/>
      <c r="W5919" s="76"/>
      <c r="X5919" s="76"/>
      <c r="Y5919" s="76"/>
      <c r="Z5919" s="76"/>
      <c r="AA5919" s="85"/>
      <c r="AB5919" s="85"/>
      <c r="AC5919" s="85"/>
      <c r="AD5919" s="85"/>
      <c r="AE5919" s="85"/>
      <c r="AF5919" s="85"/>
      <c r="AG5919" s="86"/>
      <c r="AH5919" s="85"/>
      <c r="AI5919" s="85"/>
      <c r="AJ5919" s="85"/>
      <c r="AK5919" s="85"/>
      <c r="AL5919" s="85"/>
      <c r="AM5919" s="92"/>
      <c r="AN5919" s="92"/>
      <c r="AO5919" s="92"/>
      <c r="AP5919" s="92"/>
      <c r="AQ5919" s="92"/>
      <c r="AR5919" s="92"/>
      <c r="AS5919" s="92"/>
      <c r="AT5919" s="92"/>
      <c r="AU5919" s="92"/>
      <c r="AV5919" s="92"/>
      <c r="AW5919" s="92"/>
      <c r="AX5919" s="92"/>
      <c r="AY5919" s="92"/>
      <c r="AZ5919" s="93"/>
      <c r="BA5919" s="93"/>
      <c r="BB5919" s="93"/>
      <c r="BC5919" s="93"/>
      <c r="BD5919" s="93"/>
      <c r="BE5919" s="93"/>
      <c r="BF5919" s="93"/>
      <c r="BG5919" s="93"/>
      <c r="BH5919" s="93"/>
      <c r="BI5919" s="93"/>
      <c r="BJ5919" s="93"/>
      <c r="BK5919" s="93"/>
      <c r="BL5919" s="93"/>
    </row>
    <row r="5920" spans="2:64" x14ac:dyDescent="0.2">
      <c r="B5920" s="43"/>
      <c r="C5920" s="73"/>
      <c r="D5920" s="64"/>
      <c r="E5920" s="55"/>
      <c r="F5920" s="74"/>
      <c r="G5920" s="74"/>
      <c r="H5920" s="74"/>
      <c r="I5920" s="75"/>
      <c r="J5920" s="74"/>
      <c r="L5920" s="55"/>
      <c r="M5920" s="234"/>
      <c r="N5920" s="65"/>
      <c r="O5920" s="76"/>
      <c r="P5920" s="76"/>
      <c r="Q5920" s="65"/>
      <c r="R5920" s="76"/>
      <c r="S5920" s="76"/>
      <c r="T5920" s="76"/>
      <c r="U5920" s="76"/>
      <c r="V5920" s="76"/>
      <c r="W5920" s="76"/>
      <c r="X5920" s="76"/>
      <c r="Y5920" s="76"/>
      <c r="Z5920" s="76"/>
      <c r="AA5920" s="85"/>
      <c r="AB5920" s="85"/>
      <c r="AC5920" s="85"/>
      <c r="AD5920" s="85"/>
      <c r="AE5920" s="85"/>
      <c r="AF5920" s="85"/>
      <c r="AG5920" s="86"/>
      <c r="AH5920" s="85"/>
      <c r="AI5920" s="85"/>
      <c r="AJ5920" s="85"/>
      <c r="AK5920" s="85"/>
      <c r="AL5920" s="85"/>
      <c r="AM5920" s="92"/>
      <c r="AN5920" s="92"/>
      <c r="AO5920" s="92"/>
      <c r="AP5920" s="92"/>
      <c r="AQ5920" s="92"/>
      <c r="AR5920" s="92"/>
      <c r="AS5920" s="92"/>
      <c r="AT5920" s="92"/>
      <c r="AU5920" s="92"/>
      <c r="AV5920" s="92"/>
      <c r="AW5920" s="92"/>
      <c r="AX5920" s="92"/>
      <c r="AY5920" s="92"/>
      <c r="AZ5920" s="93"/>
      <c r="BA5920" s="93"/>
      <c r="BB5920" s="93"/>
      <c r="BC5920" s="93"/>
      <c r="BD5920" s="93"/>
      <c r="BE5920" s="93"/>
      <c r="BF5920" s="93"/>
      <c r="BG5920" s="93"/>
      <c r="BH5920" s="93"/>
      <c r="BI5920" s="93"/>
      <c r="BJ5920" s="93"/>
      <c r="BK5920" s="93"/>
      <c r="BL5920" s="93"/>
    </row>
    <row r="5921" spans="2:64" x14ac:dyDescent="0.2">
      <c r="B5921" s="43"/>
      <c r="C5921" s="73"/>
      <c r="D5921" s="64"/>
      <c r="E5921" s="55"/>
      <c r="F5921" s="74"/>
      <c r="G5921" s="74"/>
      <c r="H5921" s="74"/>
      <c r="I5921" s="75"/>
      <c r="J5921" s="74"/>
      <c r="L5921" s="55"/>
      <c r="M5921" s="234"/>
      <c r="N5921" s="65"/>
      <c r="O5921" s="76"/>
      <c r="P5921" s="76"/>
      <c r="Q5921" s="65"/>
      <c r="R5921" s="76"/>
      <c r="S5921" s="76"/>
      <c r="T5921" s="76"/>
      <c r="U5921" s="76"/>
      <c r="V5921" s="76"/>
      <c r="W5921" s="76"/>
      <c r="X5921" s="76"/>
      <c r="Y5921" s="76"/>
      <c r="Z5921" s="76"/>
      <c r="AA5921" s="85"/>
      <c r="AB5921" s="85"/>
      <c r="AC5921" s="85"/>
      <c r="AD5921" s="85"/>
      <c r="AE5921" s="85"/>
      <c r="AF5921" s="85"/>
      <c r="AG5921" s="86"/>
      <c r="AH5921" s="85"/>
      <c r="AI5921" s="85"/>
      <c r="AJ5921" s="85"/>
      <c r="AK5921" s="85"/>
      <c r="AL5921" s="85"/>
      <c r="AM5921" s="92"/>
      <c r="AN5921" s="92"/>
      <c r="AO5921" s="92"/>
      <c r="AP5921" s="92"/>
      <c r="AQ5921" s="92"/>
      <c r="AR5921" s="92"/>
      <c r="AS5921" s="92"/>
      <c r="AT5921" s="92"/>
      <c r="AU5921" s="92"/>
      <c r="AV5921" s="92"/>
      <c r="AW5921" s="92"/>
      <c r="AX5921" s="92"/>
      <c r="AY5921" s="92"/>
      <c r="AZ5921" s="93"/>
      <c r="BA5921" s="93"/>
      <c r="BB5921" s="93"/>
      <c r="BC5921" s="93"/>
      <c r="BD5921" s="93"/>
      <c r="BE5921" s="93"/>
      <c r="BF5921" s="93"/>
      <c r="BG5921" s="93"/>
      <c r="BH5921" s="93"/>
      <c r="BI5921" s="93"/>
      <c r="BJ5921" s="93"/>
      <c r="BK5921" s="93"/>
      <c r="BL5921" s="93"/>
    </row>
    <row r="5922" spans="2:64" x14ac:dyDescent="0.2">
      <c r="B5922" s="43"/>
      <c r="C5922" s="73"/>
      <c r="D5922" s="64"/>
      <c r="E5922" s="55"/>
      <c r="F5922" s="74"/>
      <c r="G5922" s="74"/>
      <c r="H5922" s="74"/>
      <c r="I5922" s="75"/>
      <c r="J5922" s="74"/>
      <c r="L5922" s="55"/>
      <c r="M5922" s="234"/>
      <c r="N5922" s="65"/>
      <c r="O5922" s="76"/>
      <c r="P5922" s="76"/>
      <c r="Q5922" s="65"/>
      <c r="R5922" s="76"/>
      <c r="S5922" s="76"/>
      <c r="T5922" s="76"/>
      <c r="U5922" s="76"/>
      <c r="V5922" s="76"/>
      <c r="W5922" s="76"/>
      <c r="X5922" s="76"/>
      <c r="Y5922" s="76"/>
      <c r="Z5922" s="76"/>
      <c r="AA5922" s="85"/>
      <c r="AB5922" s="85"/>
      <c r="AC5922" s="85"/>
      <c r="AD5922" s="85"/>
      <c r="AE5922" s="85"/>
      <c r="AF5922" s="85"/>
      <c r="AG5922" s="86"/>
      <c r="AH5922" s="85"/>
      <c r="AI5922" s="85"/>
      <c r="AJ5922" s="85"/>
      <c r="AK5922" s="85"/>
      <c r="AL5922" s="85"/>
      <c r="AM5922" s="92"/>
      <c r="AN5922" s="92"/>
      <c r="AO5922" s="92"/>
      <c r="AP5922" s="92"/>
      <c r="AQ5922" s="92"/>
      <c r="AR5922" s="92"/>
      <c r="AS5922" s="92"/>
      <c r="AT5922" s="92"/>
      <c r="AU5922" s="92"/>
      <c r="AV5922" s="92"/>
      <c r="AW5922" s="92"/>
      <c r="AX5922" s="92"/>
      <c r="AY5922" s="92"/>
      <c r="AZ5922" s="93"/>
      <c r="BA5922" s="93"/>
      <c r="BB5922" s="93"/>
      <c r="BC5922" s="93"/>
      <c r="BD5922" s="93"/>
      <c r="BE5922" s="93"/>
      <c r="BF5922" s="93"/>
      <c r="BG5922" s="93"/>
      <c r="BH5922" s="93"/>
      <c r="BI5922" s="93"/>
      <c r="BJ5922" s="93"/>
      <c r="BK5922" s="93"/>
      <c r="BL5922" s="93"/>
    </row>
    <row r="5923" spans="2:64" x14ac:dyDescent="0.2">
      <c r="B5923" s="43"/>
      <c r="C5923" s="73"/>
      <c r="D5923" s="64"/>
      <c r="E5923" s="55"/>
      <c r="F5923" s="74"/>
      <c r="G5923" s="74"/>
      <c r="H5923" s="74"/>
      <c r="I5923" s="75"/>
      <c r="J5923" s="74"/>
      <c r="L5923" s="55"/>
      <c r="M5923" s="234"/>
      <c r="N5923" s="65"/>
      <c r="O5923" s="76"/>
      <c r="P5923" s="76"/>
      <c r="Q5923" s="65"/>
      <c r="R5923" s="76"/>
      <c r="S5923" s="76"/>
      <c r="T5923" s="76"/>
      <c r="U5923" s="76"/>
      <c r="V5923" s="76"/>
      <c r="W5923" s="76"/>
      <c r="X5923" s="76"/>
      <c r="Y5923" s="76"/>
      <c r="Z5923" s="76"/>
      <c r="AA5923" s="85"/>
      <c r="AB5923" s="85"/>
      <c r="AC5923" s="85"/>
      <c r="AD5923" s="85"/>
      <c r="AE5923" s="85"/>
      <c r="AF5923" s="85"/>
      <c r="AG5923" s="86"/>
      <c r="AH5923" s="85"/>
      <c r="AI5923" s="85"/>
      <c r="AJ5923" s="85"/>
      <c r="AK5923" s="85"/>
      <c r="AL5923" s="85"/>
      <c r="AM5923" s="92"/>
      <c r="AN5923" s="92"/>
      <c r="AO5923" s="92"/>
      <c r="AP5923" s="92"/>
      <c r="AQ5923" s="92"/>
      <c r="AR5923" s="92"/>
      <c r="AS5923" s="92"/>
      <c r="AT5923" s="92"/>
      <c r="AU5923" s="92"/>
      <c r="AV5923" s="92"/>
      <c r="AW5923" s="92"/>
      <c r="AX5923" s="92"/>
      <c r="AY5923" s="92"/>
      <c r="AZ5923" s="93"/>
      <c r="BA5923" s="93"/>
      <c r="BB5923" s="93"/>
      <c r="BC5923" s="93"/>
      <c r="BD5923" s="93"/>
      <c r="BE5923" s="93"/>
      <c r="BF5923" s="93"/>
      <c r="BG5923" s="93"/>
      <c r="BH5923" s="93"/>
      <c r="BI5923" s="93"/>
      <c r="BJ5923" s="93"/>
      <c r="BK5923" s="93"/>
      <c r="BL5923" s="93"/>
    </row>
    <row r="5924" spans="2:64" x14ac:dyDescent="0.2">
      <c r="B5924" s="43"/>
      <c r="C5924" s="73"/>
      <c r="D5924" s="64"/>
      <c r="E5924" s="55"/>
      <c r="F5924" s="74"/>
      <c r="G5924" s="74"/>
      <c r="H5924" s="74"/>
      <c r="I5924" s="75"/>
      <c r="J5924" s="74"/>
      <c r="L5924" s="55"/>
      <c r="M5924" s="234"/>
      <c r="N5924" s="65"/>
      <c r="O5924" s="76"/>
      <c r="P5924" s="76"/>
      <c r="Q5924" s="65"/>
      <c r="R5924" s="76"/>
      <c r="S5924" s="76"/>
      <c r="T5924" s="76"/>
      <c r="U5924" s="76"/>
      <c r="V5924" s="76"/>
      <c r="W5924" s="76"/>
      <c r="X5924" s="76"/>
      <c r="Y5924" s="76"/>
      <c r="Z5924" s="76"/>
      <c r="AA5924" s="85"/>
      <c r="AB5924" s="85"/>
      <c r="AC5924" s="85"/>
      <c r="AD5924" s="85"/>
      <c r="AE5924" s="85"/>
      <c r="AF5924" s="85"/>
      <c r="AG5924" s="86"/>
      <c r="AH5924" s="85"/>
      <c r="AI5924" s="85"/>
      <c r="AJ5924" s="85"/>
      <c r="AK5924" s="85"/>
      <c r="AL5924" s="85"/>
      <c r="AM5924" s="92"/>
      <c r="AN5924" s="92"/>
      <c r="AO5924" s="92"/>
      <c r="AP5924" s="92"/>
      <c r="AQ5924" s="92"/>
      <c r="AR5924" s="92"/>
      <c r="AS5924" s="92"/>
      <c r="AT5924" s="92"/>
      <c r="AU5924" s="92"/>
      <c r="AV5924" s="92"/>
      <c r="AW5924" s="92"/>
      <c r="AX5924" s="92"/>
      <c r="AY5924" s="92"/>
      <c r="AZ5924" s="93"/>
      <c r="BA5924" s="93"/>
      <c r="BB5924" s="93"/>
      <c r="BC5924" s="93"/>
      <c r="BD5924" s="93"/>
      <c r="BE5924" s="93"/>
      <c r="BF5924" s="93"/>
      <c r="BG5924" s="93"/>
      <c r="BH5924" s="93"/>
      <c r="BI5924" s="93"/>
      <c r="BJ5924" s="93"/>
      <c r="BK5924" s="93"/>
      <c r="BL5924" s="93"/>
    </row>
    <row r="5925" spans="2:64" x14ac:dyDescent="0.2">
      <c r="B5925" s="43"/>
      <c r="C5925" s="73"/>
      <c r="D5925" s="64"/>
      <c r="E5925" s="55"/>
      <c r="F5925" s="74"/>
      <c r="G5925" s="74"/>
      <c r="H5925" s="74"/>
      <c r="I5925" s="75"/>
      <c r="J5925" s="74"/>
      <c r="L5925" s="55"/>
      <c r="M5925" s="234"/>
      <c r="N5925" s="65"/>
      <c r="O5925" s="76"/>
      <c r="P5925" s="76"/>
      <c r="Q5925" s="65"/>
      <c r="R5925" s="76"/>
      <c r="S5925" s="76"/>
      <c r="T5925" s="76"/>
      <c r="U5925" s="76"/>
      <c r="V5925" s="76"/>
      <c r="W5925" s="76"/>
      <c r="X5925" s="76"/>
      <c r="Y5925" s="76"/>
      <c r="Z5925" s="76"/>
      <c r="AA5925" s="85"/>
      <c r="AB5925" s="85"/>
      <c r="AC5925" s="85"/>
      <c r="AD5925" s="85"/>
      <c r="AE5925" s="85"/>
      <c r="AF5925" s="85"/>
      <c r="AG5925" s="86"/>
      <c r="AH5925" s="85"/>
      <c r="AI5925" s="85"/>
      <c r="AJ5925" s="85"/>
      <c r="AK5925" s="85"/>
      <c r="AL5925" s="85"/>
      <c r="AM5925" s="92"/>
      <c r="AN5925" s="92"/>
      <c r="AO5925" s="92"/>
      <c r="AP5925" s="92"/>
      <c r="AQ5925" s="92"/>
      <c r="AR5925" s="92"/>
      <c r="AS5925" s="92"/>
      <c r="AT5925" s="92"/>
      <c r="AU5925" s="92"/>
      <c r="AV5925" s="92"/>
      <c r="AW5925" s="92"/>
      <c r="AX5925" s="92"/>
      <c r="AY5925" s="92"/>
      <c r="AZ5925" s="93"/>
      <c r="BA5925" s="93"/>
      <c r="BB5925" s="93"/>
      <c r="BC5925" s="93"/>
      <c r="BD5925" s="93"/>
      <c r="BE5925" s="93"/>
      <c r="BF5925" s="93"/>
      <c r="BG5925" s="93"/>
      <c r="BH5925" s="93"/>
      <c r="BI5925" s="93"/>
      <c r="BJ5925" s="93"/>
      <c r="BK5925" s="93"/>
      <c r="BL5925" s="93"/>
    </row>
    <row r="5926" spans="2:64" x14ac:dyDescent="0.2">
      <c r="B5926" s="43"/>
      <c r="C5926" s="73"/>
      <c r="D5926" s="64"/>
      <c r="E5926" s="55"/>
      <c r="F5926" s="74"/>
      <c r="G5926" s="74"/>
      <c r="H5926" s="74"/>
      <c r="I5926" s="75"/>
      <c r="J5926" s="74"/>
      <c r="L5926" s="55"/>
      <c r="M5926" s="234"/>
      <c r="N5926" s="65"/>
      <c r="O5926" s="76"/>
      <c r="P5926" s="76"/>
      <c r="Q5926" s="65"/>
      <c r="R5926" s="76"/>
      <c r="S5926" s="76"/>
      <c r="T5926" s="76"/>
      <c r="U5926" s="76"/>
      <c r="V5926" s="76"/>
      <c r="W5926" s="76"/>
      <c r="X5926" s="76"/>
      <c r="Y5926" s="76"/>
      <c r="Z5926" s="76"/>
      <c r="AA5926" s="85"/>
      <c r="AB5926" s="85"/>
      <c r="AC5926" s="85"/>
      <c r="AD5926" s="85"/>
      <c r="AE5926" s="85"/>
      <c r="AF5926" s="85"/>
      <c r="AG5926" s="86"/>
      <c r="AH5926" s="85"/>
      <c r="AI5926" s="85"/>
      <c r="AJ5926" s="85"/>
      <c r="AK5926" s="85"/>
      <c r="AL5926" s="85"/>
      <c r="AM5926" s="92"/>
      <c r="AN5926" s="92"/>
      <c r="AO5926" s="92"/>
      <c r="AP5926" s="92"/>
      <c r="AQ5926" s="92"/>
      <c r="AR5926" s="92"/>
      <c r="AS5926" s="92"/>
      <c r="AT5926" s="92"/>
      <c r="AU5926" s="92"/>
      <c r="AV5926" s="92"/>
      <c r="AW5926" s="92"/>
      <c r="AX5926" s="92"/>
      <c r="AY5926" s="92"/>
      <c r="AZ5926" s="93"/>
      <c r="BA5926" s="93"/>
      <c r="BB5926" s="93"/>
      <c r="BC5926" s="93"/>
      <c r="BD5926" s="93"/>
      <c r="BE5926" s="93"/>
      <c r="BF5926" s="93"/>
      <c r="BG5926" s="93"/>
      <c r="BH5926" s="93"/>
      <c r="BI5926" s="93"/>
      <c r="BJ5926" s="93"/>
      <c r="BK5926" s="93"/>
      <c r="BL5926" s="93"/>
    </row>
    <row r="5927" spans="2:64" x14ac:dyDescent="0.2">
      <c r="B5927" s="43"/>
      <c r="C5927" s="73"/>
      <c r="D5927" s="64"/>
      <c r="E5927" s="55"/>
      <c r="F5927" s="74"/>
      <c r="G5927" s="74"/>
      <c r="H5927" s="74"/>
      <c r="I5927" s="75"/>
      <c r="J5927" s="74"/>
      <c r="L5927" s="55"/>
      <c r="M5927" s="234"/>
      <c r="N5927" s="65"/>
      <c r="O5927" s="76"/>
      <c r="P5927" s="76"/>
      <c r="Q5927" s="65"/>
      <c r="R5927" s="76"/>
      <c r="S5927" s="76"/>
      <c r="T5927" s="76"/>
      <c r="U5927" s="76"/>
      <c r="V5927" s="76"/>
      <c r="W5927" s="76"/>
      <c r="X5927" s="76"/>
      <c r="Y5927" s="76"/>
      <c r="Z5927" s="76"/>
      <c r="AA5927" s="85"/>
      <c r="AB5927" s="85"/>
      <c r="AC5927" s="85"/>
      <c r="AD5927" s="85"/>
      <c r="AE5927" s="85"/>
      <c r="AF5927" s="85"/>
      <c r="AG5927" s="86"/>
      <c r="AH5927" s="85"/>
      <c r="AI5927" s="85"/>
      <c r="AJ5927" s="85"/>
      <c r="AK5927" s="85"/>
      <c r="AL5927" s="85"/>
      <c r="AM5927" s="92"/>
      <c r="AN5927" s="92"/>
      <c r="AO5927" s="92"/>
      <c r="AP5927" s="92"/>
      <c r="AQ5927" s="92"/>
      <c r="AR5927" s="92"/>
      <c r="AS5927" s="92"/>
      <c r="AT5927" s="92"/>
      <c r="AU5927" s="92"/>
      <c r="AV5927" s="92"/>
      <c r="AW5927" s="92"/>
      <c r="AX5927" s="92"/>
      <c r="AY5927" s="92"/>
      <c r="AZ5927" s="93"/>
      <c r="BA5927" s="93"/>
      <c r="BB5927" s="93"/>
      <c r="BC5927" s="93"/>
      <c r="BD5927" s="93"/>
      <c r="BE5927" s="93"/>
      <c r="BF5927" s="93"/>
      <c r="BG5927" s="93"/>
      <c r="BH5927" s="93"/>
      <c r="BI5927" s="93"/>
      <c r="BJ5927" s="93"/>
      <c r="BK5927" s="93"/>
      <c r="BL5927" s="93"/>
    </row>
    <row r="5928" spans="2:64" x14ac:dyDescent="0.2">
      <c r="B5928" s="43"/>
      <c r="C5928" s="73"/>
      <c r="D5928" s="64"/>
      <c r="E5928" s="55"/>
      <c r="F5928" s="74"/>
      <c r="G5928" s="74"/>
      <c r="H5928" s="74"/>
      <c r="I5928" s="75"/>
      <c r="J5928" s="74"/>
      <c r="L5928" s="55"/>
      <c r="M5928" s="234"/>
      <c r="N5928" s="65"/>
      <c r="O5928" s="76"/>
      <c r="P5928" s="76"/>
      <c r="Q5928" s="65"/>
      <c r="R5928" s="76"/>
      <c r="S5928" s="76"/>
      <c r="T5928" s="76"/>
      <c r="U5928" s="76"/>
      <c r="V5928" s="76"/>
      <c r="W5928" s="76"/>
      <c r="X5928" s="76"/>
      <c r="Y5928" s="76"/>
      <c r="Z5928" s="76"/>
      <c r="AA5928" s="85"/>
      <c r="AB5928" s="85"/>
      <c r="AC5928" s="85"/>
      <c r="AD5928" s="85"/>
      <c r="AE5928" s="85"/>
      <c r="AF5928" s="85"/>
      <c r="AG5928" s="86"/>
      <c r="AH5928" s="85"/>
      <c r="AI5928" s="85"/>
      <c r="AJ5928" s="85"/>
      <c r="AK5928" s="85"/>
      <c r="AL5928" s="85"/>
      <c r="AM5928" s="92"/>
      <c r="AN5928" s="92"/>
      <c r="AO5928" s="92"/>
      <c r="AP5928" s="92"/>
      <c r="AQ5928" s="92"/>
      <c r="AR5928" s="92"/>
      <c r="AS5928" s="92"/>
      <c r="AT5928" s="92"/>
      <c r="AU5928" s="92"/>
      <c r="AV5928" s="92"/>
      <c r="AW5928" s="92"/>
      <c r="AX5928" s="92"/>
      <c r="AY5928" s="92"/>
      <c r="AZ5928" s="93"/>
      <c r="BA5928" s="93"/>
      <c r="BB5928" s="93"/>
      <c r="BC5928" s="93"/>
      <c r="BD5928" s="93"/>
      <c r="BE5928" s="93"/>
      <c r="BF5928" s="93"/>
      <c r="BG5928" s="93"/>
      <c r="BH5928" s="93"/>
      <c r="BI5928" s="93"/>
      <c r="BJ5928" s="93"/>
      <c r="BK5928" s="93"/>
      <c r="BL5928" s="93"/>
    </row>
    <row r="5929" spans="2:64" x14ac:dyDescent="0.2">
      <c r="B5929" s="43"/>
      <c r="C5929" s="73"/>
      <c r="D5929" s="64"/>
      <c r="E5929" s="55"/>
      <c r="F5929" s="74"/>
      <c r="G5929" s="74"/>
      <c r="H5929" s="74"/>
      <c r="I5929" s="75"/>
      <c r="J5929" s="74"/>
      <c r="L5929" s="55"/>
      <c r="M5929" s="234"/>
      <c r="N5929" s="65"/>
      <c r="O5929" s="76"/>
      <c r="P5929" s="76"/>
      <c r="Q5929" s="65"/>
      <c r="R5929" s="76"/>
      <c r="S5929" s="76"/>
      <c r="T5929" s="76"/>
      <c r="U5929" s="76"/>
      <c r="V5929" s="76"/>
      <c r="W5929" s="76"/>
      <c r="X5929" s="76"/>
      <c r="Y5929" s="76"/>
      <c r="Z5929" s="76"/>
      <c r="AA5929" s="85"/>
      <c r="AB5929" s="85"/>
      <c r="AC5929" s="85"/>
      <c r="AD5929" s="85"/>
      <c r="AE5929" s="85"/>
      <c r="AF5929" s="85"/>
      <c r="AG5929" s="86"/>
      <c r="AH5929" s="85"/>
      <c r="AI5929" s="85"/>
      <c r="AJ5929" s="85"/>
      <c r="AK5929" s="85"/>
      <c r="AL5929" s="85"/>
      <c r="AM5929" s="92"/>
      <c r="AN5929" s="92"/>
      <c r="AO5929" s="92"/>
      <c r="AP5929" s="92"/>
      <c r="AQ5929" s="92"/>
      <c r="AR5929" s="92"/>
      <c r="AS5929" s="92"/>
      <c r="AT5929" s="92"/>
      <c r="AU5929" s="92"/>
      <c r="AV5929" s="92"/>
      <c r="AW5929" s="92"/>
      <c r="AX5929" s="92"/>
      <c r="AY5929" s="92"/>
      <c r="AZ5929" s="93"/>
      <c r="BA5929" s="93"/>
      <c r="BB5929" s="93"/>
      <c r="BC5929" s="93"/>
      <c r="BD5929" s="93"/>
      <c r="BE5929" s="93"/>
      <c r="BF5929" s="93"/>
      <c r="BG5929" s="93"/>
      <c r="BH5929" s="93"/>
      <c r="BI5929" s="93"/>
      <c r="BJ5929" s="93"/>
      <c r="BK5929" s="93"/>
      <c r="BL5929" s="93"/>
    </row>
    <row r="5930" spans="2:64" x14ac:dyDescent="0.2">
      <c r="B5930" s="43"/>
      <c r="C5930" s="73"/>
      <c r="D5930" s="64"/>
      <c r="E5930" s="55"/>
      <c r="F5930" s="74"/>
      <c r="G5930" s="74"/>
      <c r="H5930" s="74"/>
      <c r="I5930" s="75"/>
      <c r="J5930" s="74"/>
      <c r="L5930" s="55"/>
      <c r="M5930" s="234"/>
      <c r="N5930" s="65"/>
      <c r="O5930" s="76"/>
      <c r="P5930" s="76"/>
      <c r="Q5930" s="65"/>
      <c r="R5930" s="76"/>
      <c r="S5930" s="76"/>
      <c r="T5930" s="76"/>
      <c r="U5930" s="76"/>
      <c r="V5930" s="76"/>
      <c r="W5930" s="76"/>
      <c r="X5930" s="76"/>
      <c r="Y5930" s="76"/>
      <c r="Z5930" s="76"/>
      <c r="AA5930" s="85"/>
      <c r="AB5930" s="85"/>
      <c r="AC5930" s="85"/>
      <c r="AD5930" s="85"/>
      <c r="AE5930" s="85"/>
      <c r="AF5930" s="85"/>
      <c r="AG5930" s="86"/>
      <c r="AH5930" s="85"/>
      <c r="AI5930" s="85"/>
      <c r="AJ5930" s="85"/>
      <c r="AK5930" s="85"/>
      <c r="AL5930" s="85"/>
      <c r="AM5930" s="92"/>
      <c r="AN5930" s="92"/>
      <c r="AO5930" s="92"/>
      <c r="AP5930" s="92"/>
      <c r="AQ5930" s="92"/>
      <c r="AR5930" s="92"/>
      <c r="AS5930" s="92"/>
      <c r="AT5930" s="92"/>
      <c r="AU5930" s="92"/>
      <c r="AV5930" s="92"/>
      <c r="AW5930" s="92"/>
      <c r="AX5930" s="92"/>
      <c r="AY5930" s="92"/>
      <c r="AZ5930" s="93"/>
      <c r="BA5930" s="93"/>
      <c r="BB5930" s="93"/>
      <c r="BC5930" s="93"/>
      <c r="BD5930" s="93"/>
      <c r="BE5930" s="93"/>
      <c r="BF5930" s="93"/>
      <c r="BG5930" s="93"/>
      <c r="BH5930" s="93"/>
      <c r="BI5930" s="93"/>
      <c r="BJ5930" s="93"/>
      <c r="BK5930" s="93"/>
      <c r="BL5930" s="93"/>
    </row>
    <row r="5931" spans="2:64" x14ac:dyDescent="0.2">
      <c r="B5931" s="43"/>
      <c r="C5931" s="73"/>
      <c r="D5931" s="64"/>
      <c r="E5931" s="55"/>
      <c r="F5931" s="74"/>
      <c r="G5931" s="74"/>
      <c r="H5931" s="74"/>
      <c r="I5931" s="75"/>
      <c r="J5931" s="74"/>
      <c r="L5931" s="55"/>
      <c r="M5931" s="234"/>
      <c r="N5931" s="65"/>
      <c r="O5931" s="76"/>
      <c r="P5931" s="76"/>
      <c r="Q5931" s="65"/>
      <c r="R5931" s="76"/>
      <c r="S5931" s="76"/>
      <c r="T5931" s="76"/>
      <c r="U5931" s="76"/>
      <c r="V5931" s="76"/>
      <c r="W5931" s="76"/>
      <c r="X5931" s="76"/>
      <c r="Y5931" s="76"/>
      <c r="Z5931" s="76"/>
      <c r="AA5931" s="85"/>
      <c r="AB5931" s="85"/>
      <c r="AC5931" s="85"/>
      <c r="AD5931" s="85"/>
      <c r="AE5931" s="85"/>
      <c r="AF5931" s="85"/>
      <c r="AG5931" s="86"/>
      <c r="AH5931" s="85"/>
      <c r="AI5931" s="85"/>
      <c r="AJ5931" s="85"/>
      <c r="AK5931" s="85"/>
      <c r="AL5931" s="85"/>
      <c r="AM5931" s="92"/>
      <c r="AN5931" s="92"/>
      <c r="AO5931" s="92"/>
      <c r="AP5931" s="92"/>
      <c r="AQ5931" s="92"/>
      <c r="AR5931" s="92"/>
      <c r="AS5931" s="92"/>
      <c r="AT5931" s="92"/>
      <c r="AU5931" s="92"/>
      <c r="AV5931" s="92"/>
      <c r="AW5931" s="92"/>
      <c r="AX5931" s="92"/>
      <c r="AY5931" s="92"/>
      <c r="AZ5931" s="93"/>
      <c r="BA5931" s="93"/>
      <c r="BB5931" s="93"/>
      <c r="BC5931" s="93"/>
      <c r="BD5931" s="93"/>
      <c r="BE5931" s="93"/>
      <c r="BF5931" s="93"/>
      <c r="BG5931" s="93"/>
      <c r="BH5931" s="93"/>
      <c r="BI5931" s="93"/>
      <c r="BJ5931" s="93"/>
      <c r="BK5931" s="93"/>
      <c r="BL5931" s="93"/>
    </row>
    <row r="5932" spans="2:64" x14ac:dyDescent="0.2">
      <c r="B5932" s="43"/>
      <c r="C5932" s="73"/>
      <c r="D5932" s="64"/>
      <c r="E5932" s="55"/>
      <c r="F5932" s="74"/>
      <c r="G5932" s="74"/>
      <c r="H5932" s="74"/>
      <c r="I5932" s="75"/>
      <c r="J5932" s="74"/>
      <c r="L5932" s="55"/>
      <c r="M5932" s="234"/>
      <c r="N5932" s="65"/>
      <c r="O5932" s="76"/>
      <c r="P5932" s="76"/>
      <c r="Q5932" s="65"/>
      <c r="R5932" s="76"/>
      <c r="S5932" s="76"/>
      <c r="T5932" s="76"/>
      <c r="U5932" s="76"/>
      <c r="V5932" s="76"/>
      <c r="W5932" s="76"/>
      <c r="X5932" s="76"/>
      <c r="Y5932" s="76"/>
      <c r="Z5932" s="76"/>
      <c r="AA5932" s="85"/>
      <c r="AB5932" s="85"/>
      <c r="AC5932" s="85"/>
      <c r="AD5932" s="85"/>
      <c r="AE5932" s="85"/>
      <c r="AF5932" s="85"/>
      <c r="AG5932" s="86"/>
      <c r="AH5932" s="85"/>
      <c r="AI5932" s="85"/>
      <c r="AJ5932" s="85"/>
      <c r="AK5932" s="85"/>
      <c r="AL5932" s="85"/>
      <c r="AM5932" s="92"/>
      <c r="AN5932" s="92"/>
      <c r="AO5932" s="92"/>
      <c r="AP5932" s="92"/>
      <c r="AQ5932" s="92"/>
      <c r="AR5932" s="92"/>
      <c r="AS5932" s="92"/>
      <c r="AT5932" s="92"/>
      <c r="AU5932" s="92"/>
      <c r="AV5932" s="92"/>
      <c r="AW5932" s="92"/>
      <c r="AX5932" s="92"/>
      <c r="AY5932" s="92"/>
      <c r="AZ5932" s="93"/>
      <c r="BA5932" s="93"/>
      <c r="BB5932" s="93"/>
      <c r="BC5932" s="93"/>
      <c r="BD5932" s="93"/>
      <c r="BE5932" s="93"/>
      <c r="BF5932" s="93"/>
      <c r="BG5932" s="93"/>
      <c r="BH5932" s="93"/>
      <c r="BI5932" s="93"/>
      <c r="BJ5932" s="93"/>
      <c r="BK5932" s="93"/>
      <c r="BL5932" s="93"/>
    </row>
    <row r="5933" spans="2:64" x14ac:dyDescent="0.2">
      <c r="B5933" s="43"/>
      <c r="C5933" s="73"/>
      <c r="D5933" s="64"/>
      <c r="E5933" s="55"/>
      <c r="F5933" s="74"/>
      <c r="G5933" s="74"/>
      <c r="H5933" s="74"/>
      <c r="I5933" s="75"/>
      <c r="J5933" s="74"/>
      <c r="L5933" s="55"/>
      <c r="M5933" s="234"/>
      <c r="N5933" s="65"/>
      <c r="O5933" s="76"/>
      <c r="P5933" s="76"/>
      <c r="Q5933" s="65"/>
      <c r="R5933" s="76"/>
      <c r="S5933" s="76"/>
      <c r="T5933" s="76"/>
      <c r="U5933" s="76"/>
      <c r="V5933" s="76"/>
      <c r="W5933" s="76"/>
      <c r="X5933" s="76"/>
      <c r="Y5933" s="76"/>
      <c r="Z5933" s="76"/>
      <c r="AA5933" s="85"/>
      <c r="AB5933" s="85"/>
      <c r="AC5933" s="85"/>
      <c r="AD5933" s="85"/>
      <c r="AE5933" s="85"/>
      <c r="AF5933" s="85"/>
      <c r="AG5933" s="86"/>
      <c r="AH5933" s="85"/>
      <c r="AI5933" s="85"/>
      <c r="AJ5933" s="85"/>
      <c r="AK5933" s="85"/>
      <c r="AL5933" s="85"/>
      <c r="AM5933" s="92"/>
      <c r="AN5933" s="92"/>
      <c r="AO5933" s="92"/>
      <c r="AP5933" s="92"/>
      <c r="AQ5933" s="92"/>
      <c r="AR5933" s="92"/>
      <c r="AS5933" s="92"/>
      <c r="AT5933" s="92"/>
      <c r="AU5933" s="92"/>
      <c r="AV5933" s="92"/>
      <c r="AW5933" s="92"/>
      <c r="AX5933" s="92"/>
      <c r="AY5933" s="92"/>
      <c r="AZ5933" s="93"/>
      <c r="BA5933" s="93"/>
      <c r="BB5933" s="93"/>
      <c r="BC5933" s="93"/>
      <c r="BD5933" s="93"/>
      <c r="BE5933" s="93"/>
      <c r="BF5933" s="93"/>
      <c r="BG5933" s="93"/>
      <c r="BH5933" s="93"/>
      <c r="BI5933" s="93"/>
      <c r="BJ5933" s="93"/>
      <c r="BK5933" s="93"/>
      <c r="BL5933" s="93"/>
    </row>
    <row r="5934" spans="2:64" x14ac:dyDescent="0.2">
      <c r="B5934" s="43"/>
      <c r="C5934" s="73"/>
      <c r="D5934" s="64"/>
      <c r="E5934" s="55"/>
      <c r="F5934" s="74"/>
      <c r="G5934" s="74"/>
      <c r="H5934" s="74"/>
      <c r="I5934" s="75"/>
      <c r="J5934" s="74"/>
      <c r="L5934" s="55"/>
      <c r="M5934" s="234"/>
      <c r="N5934" s="65"/>
      <c r="O5934" s="76"/>
      <c r="P5934" s="76"/>
      <c r="Q5934" s="65"/>
      <c r="R5934" s="76"/>
      <c r="S5934" s="76"/>
      <c r="T5934" s="76"/>
      <c r="U5934" s="76"/>
      <c r="V5934" s="76"/>
      <c r="W5934" s="76"/>
      <c r="X5934" s="76"/>
      <c r="Y5934" s="76"/>
      <c r="Z5934" s="76"/>
      <c r="AA5934" s="85"/>
      <c r="AB5934" s="85"/>
      <c r="AC5934" s="85"/>
      <c r="AD5934" s="85"/>
      <c r="AE5934" s="85"/>
      <c r="AF5934" s="85"/>
      <c r="AG5934" s="86"/>
      <c r="AH5934" s="85"/>
      <c r="AI5934" s="85"/>
      <c r="AJ5934" s="85"/>
      <c r="AK5934" s="85"/>
      <c r="AL5934" s="85"/>
      <c r="AM5934" s="92"/>
      <c r="AN5934" s="92"/>
      <c r="AO5934" s="92"/>
      <c r="AP5934" s="92"/>
      <c r="AQ5934" s="92"/>
      <c r="AR5934" s="92"/>
      <c r="AS5934" s="92"/>
      <c r="AT5934" s="92"/>
      <c r="AU5934" s="92"/>
      <c r="AV5934" s="92"/>
      <c r="AW5934" s="92"/>
      <c r="AX5934" s="92"/>
      <c r="AY5934" s="92"/>
      <c r="AZ5934" s="93"/>
      <c r="BA5934" s="93"/>
      <c r="BB5934" s="93"/>
      <c r="BC5934" s="93"/>
      <c r="BD5934" s="93"/>
      <c r="BE5934" s="93"/>
      <c r="BF5934" s="93"/>
      <c r="BG5934" s="93"/>
      <c r="BH5934" s="93"/>
      <c r="BI5934" s="93"/>
      <c r="BJ5934" s="93"/>
      <c r="BK5934" s="93"/>
      <c r="BL5934" s="93"/>
    </row>
    <row r="5935" spans="2:64" x14ac:dyDescent="0.2">
      <c r="B5935" s="43"/>
      <c r="C5935" s="73"/>
      <c r="D5935" s="64"/>
      <c r="E5935" s="55"/>
      <c r="F5935" s="74"/>
      <c r="G5935" s="74"/>
      <c r="H5935" s="74"/>
      <c r="I5935" s="75"/>
      <c r="J5935" s="74"/>
      <c r="L5935" s="55"/>
      <c r="M5935" s="234"/>
      <c r="N5935" s="65"/>
      <c r="O5935" s="76"/>
      <c r="P5935" s="76"/>
      <c r="Q5935" s="65"/>
      <c r="R5935" s="76"/>
      <c r="S5935" s="76"/>
      <c r="T5935" s="76"/>
      <c r="U5935" s="76"/>
      <c r="V5935" s="76"/>
      <c r="W5935" s="76"/>
      <c r="X5935" s="76"/>
      <c r="Y5935" s="76"/>
      <c r="Z5935" s="76"/>
      <c r="AA5935" s="85"/>
      <c r="AB5935" s="85"/>
      <c r="AC5935" s="85"/>
      <c r="AD5935" s="85"/>
      <c r="AE5935" s="85"/>
      <c r="AF5935" s="85"/>
      <c r="AG5935" s="86"/>
      <c r="AH5935" s="85"/>
      <c r="AI5935" s="85"/>
      <c r="AJ5935" s="85"/>
      <c r="AK5935" s="85"/>
      <c r="AL5935" s="85"/>
      <c r="AM5935" s="92"/>
      <c r="AN5935" s="92"/>
      <c r="AO5935" s="92"/>
      <c r="AP5935" s="92"/>
      <c r="AQ5935" s="92"/>
      <c r="AR5935" s="92"/>
      <c r="AS5935" s="92"/>
      <c r="AT5935" s="92"/>
      <c r="AU5935" s="92"/>
      <c r="AV5935" s="92"/>
      <c r="AW5935" s="92"/>
      <c r="AX5935" s="92"/>
      <c r="AY5935" s="92"/>
      <c r="AZ5935" s="93"/>
      <c r="BA5935" s="93"/>
      <c r="BB5935" s="93"/>
      <c r="BC5935" s="93"/>
      <c r="BD5935" s="93"/>
      <c r="BE5935" s="93"/>
      <c r="BF5935" s="93"/>
      <c r="BG5935" s="93"/>
      <c r="BH5935" s="93"/>
      <c r="BI5935" s="93"/>
      <c r="BJ5935" s="93"/>
      <c r="BK5935" s="93"/>
      <c r="BL5935" s="93"/>
    </row>
    <row r="5936" spans="2:64" x14ac:dyDescent="0.2">
      <c r="B5936" s="43"/>
      <c r="C5936" s="73"/>
      <c r="D5936" s="64"/>
      <c r="E5936" s="55"/>
      <c r="F5936" s="74"/>
      <c r="G5936" s="74"/>
      <c r="H5936" s="74"/>
      <c r="I5936" s="75"/>
      <c r="J5936" s="74"/>
      <c r="L5936" s="55"/>
      <c r="M5936" s="234"/>
      <c r="N5936" s="65"/>
      <c r="O5936" s="76"/>
      <c r="P5936" s="76"/>
      <c r="Q5936" s="65"/>
      <c r="R5936" s="76"/>
      <c r="S5936" s="76"/>
      <c r="T5936" s="76"/>
      <c r="U5936" s="76"/>
      <c r="V5936" s="76"/>
      <c r="W5936" s="76"/>
      <c r="X5936" s="76"/>
      <c r="Y5936" s="76"/>
      <c r="Z5936" s="76"/>
      <c r="AA5936" s="85"/>
      <c r="AB5936" s="85"/>
      <c r="AC5936" s="85"/>
      <c r="AD5936" s="85"/>
      <c r="AE5936" s="85"/>
      <c r="AF5936" s="85"/>
      <c r="AG5936" s="86"/>
      <c r="AH5936" s="85"/>
      <c r="AI5936" s="85"/>
      <c r="AJ5936" s="85"/>
      <c r="AK5936" s="85"/>
      <c r="AL5936" s="85"/>
      <c r="AM5936" s="92"/>
      <c r="AN5936" s="92"/>
      <c r="AO5936" s="92"/>
      <c r="AP5936" s="92"/>
      <c r="AQ5936" s="92"/>
      <c r="AR5936" s="92"/>
      <c r="AS5936" s="92"/>
      <c r="AT5936" s="92"/>
      <c r="AU5936" s="92"/>
      <c r="AV5936" s="92"/>
      <c r="AW5936" s="92"/>
      <c r="AX5936" s="92"/>
      <c r="AY5936" s="92"/>
      <c r="AZ5936" s="93"/>
      <c r="BA5936" s="93"/>
      <c r="BB5936" s="93"/>
      <c r="BC5936" s="93"/>
      <c r="BD5936" s="93"/>
      <c r="BE5936" s="93"/>
      <c r="BF5936" s="93"/>
      <c r="BG5936" s="93"/>
      <c r="BH5936" s="93"/>
      <c r="BI5936" s="93"/>
      <c r="BJ5936" s="93"/>
      <c r="BK5936" s="93"/>
      <c r="BL5936" s="93"/>
    </row>
    <row r="5937" spans="2:64" x14ac:dyDescent="0.2">
      <c r="B5937" s="43"/>
      <c r="C5937" s="73"/>
      <c r="D5937" s="64"/>
      <c r="E5937" s="55"/>
      <c r="F5937" s="74"/>
      <c r="G5937" s="74"/>
      <c r="H5937" s="74"/>
      <c r="I5937" s="75"/>
      <c r="J5937" s="74"/>
      <c r="L5937" s="55"/>
      <c r="M5937" s="234"/>
      <c r="N5937" s="65"/>
      <c r="O5937" s="76"/>
      <c r="P5937" s="76"/>
      <c r="Q5937" s="65"/>
      <c r="R5937" s="76"/>
      <c r="S5937" s="76"/>
      <c r="T5937" s="76"/>
      <c r="U5937" s="76"/>
      <c r="V5937" s="76"/>
      <c r="W5937" s="76"/>
      <c r="X5937" s="76"/>
      <c r="Y5937" s="76"/>
      <c r="Z5937" s="76"/>
      <c r="AA5937" s="85"/>
      <c r="AB5937" s="85"/>
      <c r="AC5937" s="85"/>
      <c r="AD5937" s="85"/>
      <c r="AE5937" s="85"/>
      <c r="AF5937" s="85"/>
      <c r="AG5937" s="86"/>
      <c r="AH5937" s="85"/>
      <c r="AI5937" s="85"/>
      <c r="AJ5937" s="85"/>
      <c r="AK5937" s="85"/>
      <c r="AL5937" s="85"/>
      <c r="AM5937" s="92"/>
      <c r="AN5937" s="92"/>
      <c r="AO5937" s="92"/>
      <c r="AP5937" s="92"/>
      <c r="AQ5937" s="92"/>
      <c r="AR5937" s="92"/>
      <c r="AS5937" s="92"/>
      <c r="AT5937" s="92"/>
      <c r="AU5937" s="92"/>
      <c r="AV5937" s="92"/>
      <c r="AW5937" s="92"/>
      <c r="AX5937" s="92"/>
      <c r="AY5937" s="92"/>
      <c r="AZ5937" s="93"/>
      <c r="BA5937" s="93"/>
      <c r="BB5937" s="93"/>
      <c r="BC5937" s="93"/>
      <c r="BD5937" s="93"/>
      <c r="BE5937" s="93"/>
      <c r="BF5937" s="93"/>
      <c r="BG5937" s="93"/>
      <c r="BH5937" s="93"/>
      <c r="BI5937" s="93"/>
      <c r="BJ5937" s="93"/>
      <c r="BK5937" s="93"/>
      <c r="BL5937" s="93"/>
    </row>
    <row r="5938" spans="2:64" x14ac:dyDescent="0.2">
      <c r="B5938" s="43"/>
      <c r="C5938" s="73"/>
      <c r="D5938" s="64"/>
      <c r="E5938" s="55"/>
      <c r="F5938" s="74"/>
      <c r="G5938" s="74"/>
      <c r="H5938" s="74"/>
      <c r="I5938" s="75"/>
      <c r="J5938" s="74"/>
      <c r="L5938" s="55"/>
      <c r="M5938" s="234"/>
      <c r="N5938" s="65"/>
      <c r="O5938" s="76"/>
      <c r="P5938" s="76"/>
      <c r="Q5938" s="65"/>
      <c r="R5938" s="76"/>
      <c r="S5938" s="76"/>
      <c r="T5938" s="76"/>
      <c r="U5938" s="76"/>
      <c r="V5938" s="76"/>
      <c r="W5938" s="76"/>
      <c r="X5938" s="76"/>
      <c r="Y5938" s="76"/>
      <c r="Z5938" s="76"/>
      <c r="AA5938" s="85"/>
      <c r="AB5938" s="85"/>
      <c r="AC5938" s="85"/>
      <c r="AD5938" s="85"/>
      <c r="AE5938" s="85"/>
      <c r="AF5938" s="85"/>
      <c r="AG5938" s="86"/>
      <c r="AH5938" s="85"/>
      <c r="AI5938" s="85"/>
      <c r="AJ5938" s="85"/>
      <c r="AK5938" s="85"/>
      <c r="AL5938" s="85"/>
      <c r="AM5938" s="92"/>
      <c r="AN5938" s="92"/>
      <c r="AO5938" s="92"/>
      <c r="AP5938" s="92"/>
      <c r="AQ5938" s="92"/>
      <c r="AR5938" s="92"/>
      <c r="AS5938" s="92"/>
      <c r="AT5938" s="92"/>
      <c r="AU5938" s="92"/>
      <c r="AV5938" s="92"/>
      <c r="AW5938" s="92"/>
      <c r="AX5938" s="92"/>
      <c r="AY5938" s="92"/>
      <c r="AZ5938" s="93"/>
      <c r="BA5938" s="93"/>
      <c r="BB5938" s="93"/>
      <c r="BC5938" s="93"/>
      <c r="BD5938" s="93"/>
      <c r="BE5938" s="93"/>
      <c r="BF5938" s="93"/>
      <c r="BG5938" s="93"/>
      <c r="BH5938" s="93"/>
      <c r="BI5938" s="93"/>
      <c r="BJ5938" s="93"/>
      <c r="BK5938" s="93"/>
      <c r="BL5938" s="93"/>
    </row>
    <row r="5939" spans="2:64" x14ac:dyDescent="0.2">
      <c r="B5939" s="43"/>
      <c r="C5939" s="73"/>
      <c r="D5939" s="64"/>
      <c r="E5939" s="55"/>
      <c r="F5939" s="74"/>
      <c r="G5939" s="74"/>
      <c r="H5939" s="74"/>
      <c r="I5939" s="75"/>
      <c r="J5939" s="74"/>
      <c r="L5939" s="55"/>
      <c r="M5939" s="234"/>
      <c r="N5939" s="65"/>
      <c r="O5939" s="76"/>
      <c r="P5939" s="76"/>
      <c r="Q5939" s="65"/>
      <c r="R5939" s="76"/>
      <c r="S5939" s="76"/>
      <c r="T5939" s="76"/>
      <c r="U5939" s="76"/>
      <c r="V5939" s="76"/>
      <c r="W5939" s="76"/>
      <c r="X5939" s="76"/>
      <c r="Y5939" s="76"/>
      <c r="Z5939" s="76"/>
      <c r="AA5939" s="85"/>
      <c r="AB5939" s="85"/>
      <c r="AC5939" s="85"/>
      <c r="AD5939" s="85"/>
      <c r="AE5939" s="85"/>
      <c r="AF5939" s="85"/>
      <c r="AG5939" s="86"/>
      <c r="AH5939" s="85"/>
      <c r="AI5939" s="85"/>
      <c r="AJ5939" s="85"/>
      <c r="AK5939" s="85"/>
      <c r="AL5939" s="85"/>
      <c r="AM5939" s="92"/>
      <c r="AN5939" s="92"/>
      <c r="AO5939" s="92"/>
      <c r="AP5939" s="92"/>
      <c r="AQ5939" s="92"/>
      <c r="AR5939" s="92"/>
      <c r="AS5939" s="92"/>
      <c r="AT5939" s="92"/>
      <c r="AU5939" s="92"/>
      <c r="AV5939" s="92"/>
      <c r="AW5939" s="92"/>
      <c r="AX5939" s="92"/>
      <c r="AY5939" s="92"/>
      <c r="AZ5939" s="93"/>
      <c r="BA5939" s="93"/>
      <c r="BB5939" s="93"/>
      <c r="BC5939" s="93"/>
      <c r="BD5939" s="93"/>
      <c r="BE5939" s="93"/>
      <c r="BF5939" s="93"/>
      <c r="BG5939" s="93"/>
      <c r="BH5939" s="93"/>
      <c r="BI5939" s="93"/>
      <c r="BJ5939" s="93"/>
      <c r="BK5939" s="93"/>
      <c r="BL5939" s="93"/>
    </row>
    <row r="5940" spans="2:64" x14ac:dyDescent="0.2">
      <c r="B5940" s="43"/>
      <c r="C5940" s="73"/>
      <c r="D5940" s="64"/>
      <c r="E5940" s="55"/>
      <c r="F5940" s="74"/>
      <c r="G5940" s="74"/>
      <c r="H5940" s="74"/>
      <c r="I5940" s="75"/>
      <c r="J5940" s="74"/>
      <c r="L5940" s="55"/>
      <c r="M5940" s="234"/>
      <c r="N5940" s="65"/>
      <c r="O5940" s="76"/>
      <c r="P5940" s="76"/>
      <c r="Q5940" s="65"/>
      <c r="R5940" s="76"/>
      <c r="S5940" s="76"/>
      <c r="T5940" s="76"/>
      <c r="U5940" s="76"/>
      <c r="V5940" s="76"/>
      <c r="W5940" s="76"/>
      <c r="X5940" s="76"/>
      <c r="Y5940" s="76"/>
      <c r="Z5940" s="76"/>
      <c r="AA5940" s="85"/>
      <c r="AB5940" s="85"/>
      <c r="AC5940" s="85"/>
      <c r="AD5940" s="85"/>
      <c r="AE5940" s="85"/>
      <c r="AF5940" s="85"/>
      <c r="AG5940" s="86"/>
      <c r="AH5940" s="85"/>
      <c r="AI5940" s="85"/>
      <c r="AJ5940" s="85"/>
      <c r="AK5940" s="85"/>
      <c r="AL5940" s="85"/>
      <c r="AM5940" s="92"/>
      <c r="AN5940" s="92"/>
      <c r="AO5940" s="92"/>
      <c r="AP5940" s="92"/>
      <c r="AQ5940" s="92"/>
      <c r="AR5940" s="92"/>
      <c r="AS5940" s="92"/>
      <c r="AT5940" s="92"/>
      <c r="AU5940" s="92"/>
      <c r="AV5940" s="92"/>
      <c r="AW5940" s="92"/>
      <c r="AX5940" s="92"/>
      <c r="AY5940" s="92"/>
      <c r="AZ5940" s="93"/>
      <c r="BA5940" s="93"/>
      <c r="BB5940" s="93"/>
      <c r="BC5940" s="93"/>
      <c r="BD5940" s="93"/>
      <c r="BE5940" s="93"/>
      <c r="BF5940" s="93"/>
      <c r="BG5940" s="93"/>
      <c r="BH5940" s="93"/>
      <c r="BI5940" s="93"/>
      <c r="BJ5940" s="93"/>
      <c r="BK5940" s="93"/>
      <c r="BL5940" s="93"/>
    </row>
    <row r="5941" spans="2:64" x14ac:dyDescent="0.2">
      <c r="B5941" s="43"/>
      <c r="C5941" s="73"/>
      <c r="D5941" s="64"/>
      <c r="E5941" s="55"/>
      <c r="F5941" s="74"/>
      <c r="G5941" s="74"/>
      <c r="H5941" s="74"/>
      <c r="I5941" s="75"/>
      <c r="J5941" s="74"/>
      <c r="L5941" s="55"/>
      <c r="M5941" s="234"/>
      <c r="N5941" s="65"/>
      <c r="O5941" s="76"/>
      <c r="P5941" s="76"/>
      <c r="Q5941" s="65"/>
      <c r="R5941" s="76"/>
      <c r="S5941" s="76"/>
      <c r="T5941" s="76"/>
      <c r="U5941" s="76"/>
      <c r="V5941" s="76"/>
      <c r="W5941" s="76"/>
      <c r="X5941" s="76"/>
      <c r="Y5941" s="76"/>
      <c r="Z5941" s="76"/>
      <c r="AA5941" s="85"/>
      <c r="AB5941" s="85"/>
      <c r="AC5941" s="85"/>
      <c r="AD5941" s="85"/>
      <c r="AE5941" s="85"/>
      <c r="AF5941" s="85"/>
      <c r="AG5941" s="86"/>
      <c r="AH5941" s="85"/>
      <c r="AI5941" s="85"/>
      <c r="AJ5941" s="85"/>
      <c r="AK5941" s="85"/>
      <c r="AL5941" s="85"/>
      <c r="AM5941" s="92"/>
      <c r="AN5941" s="92"/>
      <c r="AO5941" s="92"/>
      <c r="AP5941" s="92"/>
      <c r="AQ5941" s="92"/>
      <c r="AR5941" s="92"/>
      <c r="AS5941" s="92"/>
      <c r="AT5941" s="92"/>
      <c r="AU5941" s="92"/>
      <c r="AV5941" s="92"/>
      <c r="AW5941" s="92"/>
      <c r="AX5941" s="92"/>
      <c r="AY5941" s="92"/>
      <c r="AZ5941" s="93"/>
      <c r="BA5941" s="93"/>
      <c r="BB5941" s="93"/>
      <c r="BC5941" s="93"/>
      <c r="BD5941" s="93"/>
      <c r="BE5941" s="93"/>
      <c r="BF5941" s="93"/>
      <c r="BG5941" s="93"/>
      <c r="BH5941" s="93"/>
      <c r="BI5941" s="93"/>
      <c r="BJ5941" s="93"/>
      <c r="BK5941" s="93"/>
      <c r="BL5941" s="93"/>
    </row>
    <row r="5942" spans="2:64" x14ac:dyDescent="0.2">
      <c r="B5942" s="43"/>
      <c r="C5942" s="73"/>
      <c r="D5942" s="64"/>
      <c r="E5942" s="55"/>
      <c r="F5942" s="74"/>
      <c r="G5942" s="74"/>
      <c r="H5942" s="74"/>
      <c r="I5942" s="75"/>
      <c r="J5942" s="74"/>
      <c r="L5942" s="55"/>
      <c r="M5942" s="234"/>
      <c r="N5942" s="65"/>
      <c r="O5942" s="76"/>
      <c r="P5942" s="76"/>
      <c r="Q5942" s="65"/>
      <c r="R5942" s="76"/>
      <c r="S5942" s="76"/>
      <c r="T5942" s="76"/>
      <c r="U5942" s="76"/>
      <c r="V5942" s="76"/>
      <c r="W5942" s="76"/>
      <c r="X5942" s="76"/>
      <c r="Y5942" s="76"/>
      <c r="Z5942" s="76"/>
      <c r="AA5942" s="85"/>
      <c r="AB5942" s="85"/>
      <c r="AC5942" s="85"/>
      <c r="AD5942" s="85"/>
      <c r="AE5942" s="85"/>
      <c r="AF5942" s="85"/>
      <c r="AG5942" s="86"/>
      <c r="AH5942" s="85"/>
      <c r="AI5942" s="85"/>
      <c r="AJ5942" s="85"/>
      <c r="AK5942" s="85"/>
      <c r="AL5942" s="85"/>
      <c r="AM5942" s="92"/>
      <c r="AN5942" s="92"/>
      <c r="AO5942" s="92"/>
      <c r="AP5942" s="92"/>
      <c r="AQ5942" s="92"/>
      <c r="AR5942" s="92"/>
      <c r="AS5942" s="92"/>
      <c r="AT5942" s="92"/>
      <c r="AU5942" s="92"/>
      <c r="AV5942" s="92"/>
      <c r="AW5942" s="92"/>
      <c r="AX5942" s="92"/>
      <c r="AY5942" s="92"/>
      <c r="AZ5942" s="93"/>
      <c r="BA5942" s="93"/>
      <c r="BB5942" s="93"/>
      <c r="BC5942" s="93"/>
      <c r="BD5942" s="93"/>
      <c r="BE5942" s="93"/>
      <c r="BF5942" s="93"/>
      <c r="BG5942" s="93"/>
      <c r="BH5942" s="93"/>
      <c r="BI5942" s="93"/>
      <c r="BJ5942" s="93"/>
      <c r="BK5942" s="93"/>
      <c r="BL5942" s="93"/>
    </row>
    <row r="5943" spans="2:64" x14ac:dyDescent="0.2">
      <c r="B5943" s="43"/>
      <c r="C5943" s="73"/>
      <c r="D5943" s="64"/>
      <c r="E5943" s="55"/>
      <c r="F5943" s="74"/>
      <c r="G5943" s="74"/>
      <c r="H5943" s="74"/>
      <c r="I5943" s="75"/>
      <c r="J5943" s="74"/>
      <c r="L5943" s="55"/>
      <c r="M5943" s="234"/>
      <c r="N5943" s="65"/>
      <c r="O5943" s="76"/>
      <c r="P5943" s="76"/>
      <c r="Q5943" s="65"/>
      <c r="R5943" s="76"/>
      <c r="S5943" s="76"/>
      <c r="T5943" s="76"/>
      <c r="U5943" s="76"/>
      <c r="V5943" s="76"/>
      <c r="W5943" s="76"/>
      <c r="X5943" s="76"/>
      <c r="Y5943" s="76"/>
      <c r="Z5943" s="76"/>
      <c r="AA5943" s="85"/>
      <c r="AB5943" s="85"/>
      <c r="AC5943" s="85"/>
      <c r="AD5943" s="85"/>
      <c r="AE5943" s="85"/>
      <c r="AF5943" s="85"/>
      <c r="AG5943" s="86"/>
      <c r="AH5943" s="85"/>
      <c r="AI5943" s="85"/>
      <c r="AJ5943" s="85"/>
      <c r="AK5943" s="85"/>
      <c r="AL5943" s="85"/>
      <c r="AM5943" s="92"/>
      <c r="AN5943" s="92"/>
      <c r="AO5943" s="92"/>
      <c r="AP5943" s="92"/>
      <c r="AQ5943" s="92"/>
      <c r="AR5943" s="92"/>
      <c r="AS5943" s="92"/>
      <c r="AT5943" s="92"/>
      <c r="AU5943" s="92"/>
      <c r="AV5943" s="92"/>
      <c r="AW5943" s="92"/>
      <c r="AX5943" s="92"/>
      <c r="AY5943" s="92"/>
      <c r="AZ5943" s="93"/>
      <c r="BA5943" s="93"/>
      <c r="BB5943" s="93"/>
      <c r="BC5943" s="93"/>
      <c r="BD5943" s="93"/>
      <c r="BE5943" s="93"/>
      <c r="BF5943" s="93"/>
      <c r="BG5943" s="93"/>
      <c r="BH5943" s="93"/>
      <c r="BI5943" s="93"/>
      <c r="BJ5943" s="93"/>
      <c r="BK5943" s="93"/>
      <c r="BL5943" s="93"/>
    </row>
    <row r="5944" spans="2:64" x14ac:dyDescent="0.2">
      <c r="B5944" s="43"/>
      <c r="C5944" s="73"/>
      <c r="D5944" s="64"/>
      <c r="E5944" s="55"/>
      <c r="F5944" s="74"/>
      <c r="G5944" s="74"/>
      <c r="H5944" s="74"/>
      <c r="I5944" s="75"/>
      <c r="J5944" s="74"/>
      <c r="L5944" s="55"/>
      <c r="M5944" s="234"/>
      <c r="N5944" s="65"/>
      <c r="O5944" s="76"/>
      <c r="P5944" s="76"/>
      <c r="Q5944" s="65"/>
      <c r="R5944" s="76"/>
      <c r="S5944" s="76"/>
      <c r="T5944" s="76"/>
      <c r="U5944" s="76"/>
      <c r="V5944" s="76"/>
      <c r="W5944" s="76"/>
      <c r="X5944" s="76"/>
      <c r="Y5944" s="76"/>
      <c r="Z5944" s="76"/>
      <c r="AA5944" s="85"/>
      <c r="AB5944" s="85"/>
      <c r="AC5944" s="85"/>
      <c r="AD5944" s="85"/>
      <c r="AE5944" s="85"/>
      <c r="AF5944" s="85"/>
      <c r="AG5944" s="86"/>
      <c r="AH5944" s="85"/>
      <c r="AI5944" s="85"/>
      <c r="AJ5944" s="85"/>
      <c r="AK5944" s="85"/>
      <c r="AL5944" s="85"/>
      <c r="AM5944" s="92"/>
      <c r="AN5944" s="92"/>
      <c r="AO5944" s="92"/>
      <c r="AP5944" s="92"/>
      <c r="AQ5944" s="92"/>
      <c r="AR5944" s="92"/>
      <c r="AS5944" s="92"/>
      <c r="AT5944" s="92"/>
      <c r="AU5944" s="92"/>
      <c r="AV5944" s="92"/>
      <c r="AW5944" s="92"/>
      <c r="AX5944" s="92"/>
      <c r="AY5944" s="92"/>
      <c r="AZ5944" s="93"/>
      <c r="BA5944" s="93"/>
      <c r="BB5944" s="93"/>
      <c r="BC5944" s="93"/>
      <c r="BD5944" s="93"/>
      <c r="BE5944" s="93"/>
      <c r="BF5944" s="93"/>
      <c r="BG5944" s="93"/>
      <c r="BH5944" s="93"/>
      <c r="BI5944" s="93"/>
      <c r="BJ5944" s="93"/>
      <c r="BK5944" s="93"/>
      <c r="BL5944" s="93"/>
    </row>
    <row r="5945" spans="2:64" x14ac:dyDescent="0.2">
      <c r="B5945" s="43"/>
      <c r="C5945" s="73"/>
      <c r="D5945" s="64"/>
      <c r="E5945" s="55"/>
      <c r="F5945" s="74"/>
      <c r="G5945" s="74"/>
      <c r="H5945" s="74"/>
      <c r="I5945" s="75"/>
      <c r="J5945" s="74"/>
      <c r="L5945" s="55"/>
      <c r="M5945" s="234"/>
      <c r="N5945" s="65"/>
      <c r="O5945" s="76"/>
      <c r="P5945" s="76"/>
      <c r="Q5945" s="65"/>
      <c r="R5945" s="76"/>
      <c r="S5945" s="76"/>
      <c r="T5945" s="76"/>
      <c r="U5945" s="76"/>
      <c r="V5945" s="76"/>
      <c r="W5945" s="76"/>
      <c r="X5945" s="76"/>
      <c r="Y5945" s="76"/>
      <c r="Z5945" s="76"/>
      <c r="AA5945" s="85"/>
      <c r="AB5945" s="85"/>
      <c r="AC5945" s="85"/>
      <c r="AD5945" s="85"/>
      <c r="AE5945" s="85"/>
      <c r="AF5945" s="85"/>
      <c r="AG5945" s="86"/>
      <c r="AH5945" s="85"/>
      <c r="AI5945" s="85"/>
      <c r="AJ5945" s="85"/>
      <c r="AK5945" s="85"/>
      <c r="AL5945" s="85"/>
      <c r="AM5945" s="92"/>
      <c r="AN5945" s="92"/>
      <c r="AO5945" s="92"/>
      <c r="AP5945" s="92"/>
      <c r="AQ5945" s="92"/>
      <c r="AR5945" s="92"/>
      <c r="AS5945" s="92"/>
      <c r="AT5945" s="92"/>
      <c r="AU5945" s="92"/>
      <c r="AV5945" s="92"/>
      <c r="AW5945" s="92"/>
      <c r="AX5945" s="92"/>
      <c r="AY5945" s="92"/>
      <c r="AZ5945" s="93"/>
      <c r="BA5945" s="93"/>
      <c r="BB5945" s="93"/>
      <c r="BC5945" s="93"/>
      <c r="BD5945" s="93"/>
      <c r="BE5945" s="93"/>
      <c r="BF5945" s="93"/>
      <c r="BG5945" s="93"/>
      <c r="BH5945" s="93"/>
      <c r="BI5945" s="93"/>
      <c r="BJ5945" s="93"/>
      <c r="BK5945" s="93"/>
      <c r="BL5945" s="93"/>
    </row>
    <row r="5946" spans="2:64" x14ac:dyDescent="0.2">
      <c r="B5946" s="43"/>
      <c r="C5946" s="73"/>
      <c r="D5946" s="64"/>
      <c r="E5946" s="55"/>
      <c r="F5946" s="74"/>
      <c r="G5946" s="74"/>
      <c r="H5946" s="74"/>
      <c r="I5946" s="75"/>
      <c r="J5946" s="74"/>
      <c r="L5946" s="55"/>
      <c r="M5946" s="234"/>
      <c r="N5946" s="65"/>
      <c r="O5946" s="76"/>
      <c r="P5946" s="76"/>
      <c r="Q5946" s="65"/>
      <c r="R5946" s="76"/>
      <c r="S5946" s="76"/>
      <c r="T5946" s="76"/>
      <c r="U5946" s="76"/>
      <c r="V5946" s="76"/>
      <c r="W5946" s="76"/>
      <c r="X5946" s="76"/>
      <c r="Y5946" s="76"/>
      <c r="Z5946" s="76"/>
      <c r="AA5946" s="85"/>
      <c r="AB5946" s="85"/>
      <c r="AC5946" s="85"/>
      <c r="AD5946" s="85"/>
      <c r="AE5946" s="85"/>
      <c r="AF5946" s="85"/>
      <c r="AG5946" s="86"/>
      <c r="AH5946" s="85"/>
      <c r="AI5946" s="85"/>
      <c r="AJ5946" s="85"/>
      <c r="AK5946" s="85"/>
      <c r="AL5946" s="85"/>
      <c r="AM5946" s="92"/>
      <c r="AN5946" s="92"/>
      <c r="AO5946" s="92"/>
      <c r="AP5946" s="92"/>
      <c r="AQ5946" s="92"/>
      <c r="AR5946" s="92"/>
      <c r="AS5946" s="92"/>
      <c r="AT5946" s="92"/>
      <c r="AU5946" s="92"/>
      <c r="AV5946" s="92"/>
      <c r="AW5946" s="92"/>
      <c r="AX5946" s="92"/>
      <c r="AY5946" s="92"/>
      <c r="AZ5946" s="93"/>
      <c r="BA5946" s="93"/>
      <c r="BB5946" s="93"/>
      <c r="BC5946" s="93"/>
      <c r="BD5946" s="93"/>
      <c r="BE5946" s="93"/>
      <c r="BF5946" s="93"/>
      <c r="BG5946" s="93"/>
      <c r="BH5946" s="93"/>
      <c r="BI5946" s="93"/>
      <c r="BJ5946" s="93"/>
      <c r="BK5946" s="93"/>
      <c r="BL5946" s="93"/>
    </row>
    <row r="5947" spans="2:64" x14ac:dyDescent="0.2">
      <c r="B5947" s="43"/>
      <c r="C5947" s="73"/>
      <c r="D5947" s="64"/>
      <c r="E5947" s="55"/>
      <c r="F5947" s="74"/>
      <c r="G5947" s="74"/>
      <c r="H5947" s="74"/>
      <c r="I5947" s="75"/>
      <c r="J5947" s="74"/>
      <c r="L5947" s="55"/>
      <c r="M5947" s="234"/>
      <c r="N5947" s="65"/>
      <c r="O5947" s="76"/>
      <c r="P5947" s="76"/>
      <c r="Q5947" s="65"/>
      <c r="R5947" s="76"/>
      <c r="S5947" s="76"/>
      <c r="T5947" s="76"/>
      <c r="U5947" s="76"/>
      <c r="V5947" s="76"/>
      <c r="W5947" s="76"/>
      <c r="X5947" s="76"/>
      <c r="Y5947" s="76"/>
      <c r="Z5947" s="76"/>
      <c r="AA5947" s="85"/>
      <c r="AB5947" s="85"/>
      <c r="AC5947" s="85"/>
      <c r="AD5947" s="85"/>
      <c r="AE5947" s="85"/>
      <c r="AF5947" s="85"/>
      <c r="AG5947" s="86"/>
      <c r="AH5947" s="85"/>
      <c r="AI5947" s="85"/>
      <c r="AJ5947" s="85"/>
      <c r="AK5947" s="85"/>
      <c r="AL5947" s="85"/>
      <c r="AM5947" s="92"/>
      <c r="AN5947" s="92"/>
      <c r="AO5947" s="92"/>
      <c r="AP5947" s="92"/>
      <c r="AQ5947" s="92"/>
      <c r="AR5947" s="92"/>
      <c r="AS5947" s="92"/>
      <c r="AT5947" s="92"/>
      <c r="AU5947" s="92"/>
      <c r="AV5947" s="92"/>
      <c r="AW5947" s="92"/>
      <c r="AX5947" s="92"/>
      <c r="AY5947" s="92"/>
      <c r="AZ5947" s="93"/>
      <c r="BA5947" s="93"/>
      <c r="BB5947" s="93"/>
      <c r="BC5947" s="93"/>
      <c r="BD5947" s="93"/>
      <c r="BE5947" s="93"/>
      <c r="BF5947" s="93"/>
      <c r="BG5947" s="93"/>
      <c r="BH5947" s="93"/>
      <c r="BI5947" s="93"/>
      <c r="BJ5947" s="93"/>
      <c r="BK5947" s="93"/>
      <c r="BL5947" s="93"/>
    </row>
    <row r="5948" spans="2:64" x14ac:dyDescent="0.2">
      <c r="B5948" s="43"/>
      <c r="C5948" s="73"/>
      <c r="D5948" s="64"/>
      <c r="E5948" s="55"/>
      <c r="F5948" s="74"/>
      <c r="G5948" s="74"/>
      <c r="H5948" s="74"/>
      <c r="I5948" s="75"/>
      <c r="J5948" s="74"/>
      <c r="L5948" s="55"/>
      <c r="M5948" s="234"/>
      <c r="N5948" s="65"/>
      <c r="O5948" s="76"/>
      <c r="P5948" s="76"/>
      <c r="Q5948" s="65"/>
      <c r="R5948" s="76"/>
      <c r="S5948" s="76"/>
      <c r="T5948" s="76"/>
      <c r="U5948" s="76"/>
      <c r="V5948" s="76"/>
      <c r="W5948" s="76"/>
      <c r="X5948" s="76"/>
      <c r="Y5948" s="76"/>
      <c r="Z5948" s="76"/>
      <c r="AA5948" s="85"/>
      <c r="AB5948" s="85"/>
      <c r="AC5948" s="85"/>
      <c r="AD5948" s="85"/>
      <c r="AE5948" s="85"/>
      <c r="AF5948" s="85"/>
      <c r="AG5948" s="86"/>
      <c r="AH5948" s="85"/>
      <c r="AI5948" s="85"/>
      <c r="AJ5948" s="85"/>
      <c r="AK5948" s="85"/>
      <c r="AL5948" s="85"/>
      <c r="AM5948" s="92"/>
      <c r="AN5948" s="92"/>
      <c r="AO5948" s="92"/>
      <c r="AP5948" s="92"/>
      <c r="AQ5948" s="92"/>
      <c r="AR5948" s="92"/>
      <c r="AS5948" s="92"/>
      <c r="AT5948" s="92"/>
      <c r="AU5948" s="92"/>
      <c r="AV5948" s="92"/>
      <c r="AW5948" s="92"/>
      <c r="AX5948" s="92"/>
      <c r="AY5948" s="92"/>
      <c r="AZ5948" s="93"/>
      <c r="BA5948" s="93"/>
      <c r="BB5948" s="93"/>
      <c r="BC5948" s="93"/>
      <c r="BD5948" s="93"/>
      <c r="BE5948" s="93"/>
      <c r="BF5948" s="93"/>
      <c r="BG5948" s="93"/>
      <c r="BH5948" s="93"/>
      <c r="BI5948" s="93"/>
      <c r="BJ5948" s="93"/>
      <c r="BK5948" s="93"/>
      <c r="BL5948" s="93"/>
    </row>
    <row r="5949" spans="2:64" x14ac:dyDescent="0.2">
      <c r="B5949" s="43"/>
      <c r="C5949" s="73"/>
      <c r="D5949" s="64"/>
      <c r="E5949" s="55"/>
      <c r="F5949" s="74"/>
      <c r="G5949" s="74"/>
      <c r="H5949" s="74"/>
      <c r="I5949" s="75"/>
      <c r="J5949" s="74"/>
      <c r="L5949" s="55"/>
      <c r="M5949" s="234"/>
      <c r="N5949" s="65"/>
      <c r="O5949" s="76"/>
      <c r="P5949" s="76"/>
      <c r="Q5949" s="65"/>
      <c r="R5949" s="76"/>
      <c r="S5949" s="76"/>
      <c r="T5949" s="76"/>
      <c r="U5949" s="76"/>
      <c r="V5949" s="76"/>
      <c r="W5949" s="76"/>
      <c r="X5949" s="76"/>
      <c r="Y5949" s="76"/>
      <c r="Z5949" s="76"/>
      <c r="AA5949" s="85"/>
      <c r="AB5949" s="85"/>
      <c r="AC5949" s="85"/>
      <c r="AD5949" s="85"/>
      <c r="AE5949" s="85"/>
      <c r="AF5949" s="85"/>
      <c r="AG5949" s="86"/>
      <c r="AH5949" s="85"/>
      <c r="AI5949" s="85"/>
      <c r="AJ5949" s="85"/>
      <c r="AK5949" s="85"/>
      <c r="AL5949" s="85"/>
      <c r="AM5949" s="92"/>
      <c r="AN5949" s="92"/>
      <c r="AO5949" s="92"/>
      <c r="AP5949" s="92"/>
      <c r="AQ5949" s="92"/>
      <c r="AR5949" s="92"/>
      <c r="AS5949" s="92"/>
      <c r="AT5949" s="92"/>
      <c r="AU5949" s="92"/>
      <c r="AV5949" s="92"/>
      <c r="AW5949" s="92"/>
      <c r="AX5949" s="92"/>
      <c r="AY5949" s="92"/>
      <c r="AZ5949" s="93"/>
      <c r="BA5949" s="93"/>
      <c r="BB5949" s="93"/>
      <c r="BC5949" s="93"/>
      <c r="BD5949" s="93"/>
      <c r="BE5949" s="93"/>
      <c r="BF5949" s="93"/>
      <c r="BG5949" s="93"/>
      <c r="BH5949" s="93"/>
      <c r="BI5949" s="93"/>
      <c r="BJ5949" s="93"/>
      <c r="BK5949" s="93"/>
      <c r="BL5949" s="93"/>
    </row>
    <row r="5950" spans="2:64" x14ac:dyDescent="0.2">
      <c r="B5950" s="43"/>
      <c r="C5950" s="73"/>
      <c r="D5950" s="64"/>
      <c r="E5950" s="55"/>
      <c r="F5950" s="74"/>
      <c r="G5950" s="74"/>
      <c r="H5950" s="74"/>
      <c r="I5950" s="75"/>
      <c r="J5950" s="74"/>
      <c r="L5950" s="55"/>
      <c r="M5950" s="234"/>
      <c r="N5950" s="65"/>
      <c r="O5950" s="76"/>
      <c r="P5950" s="76"/>
      <c r="Q5950" s="65"/>
      <c r="R5950" s="76"/>
      <c r="S5950" s="76"/>
      <c r="T5950" s="76"/>
      <c r="U5950" s="76"/>
      <c r="V5950" s="76"/>
      <c r="W5950" s="76"/>
      <c r="X5950" s="76"/>
      <c r="Y5950" s="76"/>
      <c r="Z5950" s="76"/>
      <c r="AA5950" s="85"/>
      <c r="AB5950" s="85"/>
      <c r="AC5950" s="85"/>
      <c r="AD5950" s="85"/>
      <c r="AE5950" s="85"/>
      <c r="AF5950" s="85"/>
      <c r="AG5950" s="86"/>
      <c r="AH5950" s="85"/>
      <c r="AI5950" s="85"/>
      <c r="AJ5950" s="85"/>
      <c r="AK5950" s="85"/>
      <c r="AL5950" s="85"/>
      <c r="AM5950" s="92"/>
      <c r="AN5950" s="92"/>
      <c r="AO5950" s="92"/>
      <c r="AP5950" s="92"/>
      <c r="AQ5950" s="92"/>
      <c r="AR5950" s="92"/>
      <c r="AS5950" s="92"/>
      <c r="AT5950" s="92"/>
      <c r="AU5950" s="92"/>
      <c r="AV5950" s="92"/>
      <c r="AW5950" s="92"/>
      <c r="AX5950" s="92"/>
      <c r="AY5950" s="92"/>
      <c r="AZ5950" s="93"/>
      <c r="BA5950" s="93"/>
      <c r="BB5950" s="93"/>
      <c r="BC5950" s="93"/>
      <c r="BD5950" s="93"/>
      <c r="BE5950" s="93"/>
      <c r="BF5950" s="93"/>
      <c r="BG5950" s="93"/>
      <c r="BH5950" s="93"/>
      <c r="BI5950" s="93"/>
      <c r="BJ5950" s="93"/>
      <c r="BK5950" s="93"/>
      <c r="BL5950" s="93"/>
    </row>
    <row r="5951" spans="2:64" x14ac:dyDescent="0.2">
      <c r="B5951" s="43"/>
      <c r="C5951" s="73"/>
      <c r="D5951" s="64"/>
      <c r="E5951" s="55"/>
      <c r="F5951" s="74"/>
      <c r="G5951" s="74"/>
      <c r="H5951" s="74"/>
      <c r="I5951" s="75"/>
      <c r="J5951" s="74"/>
      <c r="L5951" s="55"/>
      <c r="M5951" s="234"/>
      <c r="N5951" s="65"/>
      <c r="O5951" s="76"/>
      <c r="P5951" s="76"/>
      <c r="Q5951" s="65"/>
      <c r="R5951" s="76"/>
      <c r="S5951" s="76"/>
      <c r="T5951" s="76"/>
      <c r="U5951" s="76"/>
      <c r="V5951" s="76"/>
      <c r="W5951" s="76"/>
      <c r="X5951" s="76"/>
      <c r="Y5951" s="76"/>
      <c r="Z5951" s="76"/>
      <c r="AA5951" s="85"/>
      <c r="AB5951" s="85"/>
      <c r="AC5951" s="85"/>
      <c r="AD5951" s="85"/>
      <c r="AE5951" s="85"/>
      <c r="AF5951" s="85"/>
      <c r="AG5951" s="86"/>
      <c r="AH5951" s="85"/>
      <c r="AI5951" s="85"/>
      <c r="AJ5951" s="85"/>
      <c r="AK5951" s="85"/>
      <c r="AL5951" s="85"/>
      <c r="AM5951" s="92"/>
      <c r="AN5951" s="92"/>
      <c r="AO5951" s="92"/>
      <c r="AP5951" s="92"/>
      <c r="AQ5951" s="92"/>
      <c r="AR5951" s="92"/>
      <c r="AS5951" s="92"/>
      <c r="AT5951" s="92"/>
      <c r="AU5951" s="92"/>
      <c r="AV5951" s="92"/>
      <c r="AW5951" s="92"/>
      <c r="AX5951" s="92"/>
      <c r="AY5951" s="92"/>
      <c r="AZ5951" s="93"/>
      <c r="BA5951" s="93"/>
      <c r="BB5951" s="93"/>
      <c r="BC5951" s="93"/>
      <c r="BD5951" s="93"/>
      <c r="BE5951" s="93"/>
      <c r="BF5951" s="93"/>
      <c r="BG5951" s="93"/>
      <c r="BH5951" s="93"/>
      <c r="BI5951" s="93"/>
      <c r="BJ5951" s="93"/>
      <c r="BK5951" s="93"/>
      <c r="BL5951" s="93"/>
    </row>
    <row r="5952" spans="2:64" x14ac:dyDescent="0.2">
      <c r="B5952" s="43"/>
      <c r="C5952" s="73"/>
      <c r="D5952" s="64"/>
      <c r="E5952" s="55"/>
      <c r="F5952" s="74"/>
      <c r="G5952" s="74"/>
      <c r="H5952" s="74"/>
      <c r="I5952" s="75"/>
      <c r="J5952" s="74"/>
      <c r="L5952" s="55"/>
      <c r="M5952" s="234"/>
      <c r="N5952" s="65"/>
      <c r="O5952" s="76"/>
      <c r="P5952" s="76"/>
      <c r="Q5952" s="65"/>
      <c r="R5952" s="76"/>
      <c r="S5952" s="76"/>
      <c r="T5952" s="76"/>
      <c r="U5952" s="76"/>
      <c r="V5952" s="76"/>
      <c r="W5952" s="76"/>
      <c r="X5952" s="76"/>
      <c r="Y5952" s="76"/>
      <c r="Z5952" s="76"/>
      <c r="AA5952" s="85"/>
      <c r="AB5952" s="85"/>
      <c r="AC5952" s="85"/>
      <c r="AD5952" s="85"/>
      <c r="AE5952" s="85"/>
      <c r="AF5952" s="85"/>
      <c r="AG5952" s="86"/>
      <c r="AH5952" s="85"/>
      <c r="AI5952" s="85"/>
      <c r="AJ5952" s="85"/>
      <c r="AK5952" s="85"/>
      <c r="AL5952" s="85"/>
      <c r="AM5952" s="92"/>
      <c r="AN5952" s="92"/>
      <c r="AO5952" s="92"/>
      <c r="AP5952" s="92"/>
      <c r="AQ5952" s="92"/>
      <c r="AR5952" s="92"/>
      <c r="AS5952" s="92"/>
      <c r="AT5952" s="92"/>
      <c r="AU5952" s="92"/>
      <c r="AV5952" s="92"/>
      <c r="AW5952" s="92"/>
      <c r="AX5952" s="92"/>
      <c r="AY5952" s="92"/>
      <c r="AZ5952" s="93"/>
      <c r="BA5952" s="93"/>
      <c r="BB5952" s="93"/>
      <c r="BC5952" s="93"/>
      <c r="BD5952" s="93"/>
      <c r="BE5952" s="93"/>
      <c r="BF5952" s="93"/>
      <c r="BG5952" s="93"/>
      <c r="BH5952" s="93"/>
      <c r="BI5952" s="93"/>
      <c r="BJ5952" s="93"/>
      <c r="BK5952" s="93"/>
      <c r="BL5952" s="93"/>
    </row>
    <row r="5953" spans="2:64" x14ac:dyDescent="0.2">
      <c r="B5953" s="43"/>
      <c r="C5953" s="73"/>
      <c r="D5953" s="64"/>
      <c r="E5953" s="55"/>
      <c r="F5953" s="74"/>
      <c r="G5953" s="74"/>
      <c r="H5953" s="74"/>
      <c r="I5953" s="75"/>
      <c r="J5953" s="74"/>
      <c r="L5953" s="55"/>
      <c r="M5953" s="234"/>
      <c r="N5953" s="65"/>
      <c r="O5953" s="76"/>
      <c r="P5953" s="76"/>
      <c r="Q5953" s="65"/>
      <c r="R5953" s="76"/>
      <c r="S5953" s="76"/>
      <c r="T5953" s="76"/>
      <c r="U5953" s="76"/>
      <c r="V5953" s="76"/>
      <c r="W5953" s="76"/>
      <c r="X5953" s="76"/>
      <c r="Y5953" s="76"/>
      <c r="Z5953" s="76"/>
      <c r="AA5953" s="85"/>
      <c r="AB5953" s="85"/>
      <c r="AC5953" s="85"/>
      <c r="AD5953" s="85"/>
      <c r="AE5953" s="85"/>
      <c r="AF5953" s="85"/>
      <c r="AG5953" s="86"/>
      <c r="AH5953" s="85"/>
      <c r="AI5953" s="85"/>
      <c r="AJ5953" s="85"/>
      <c r="AK5953" s="85"/>
      <c r="AL5953" s="85"/>
      <c r="AM5953" s="92"/>
      <c r="AN5953" s="92"/>
      <c r="AO5953" s="92"/>
      <c r="AP5953" s="92"/>
      <c r="AQ5953" s="92"/>
      <c r="AR5953" s="92"/>
      <c r="AS5953" s="92"/>
      <c r="AT5953" s="92"/>
      <c r="AU5953" s="92"/>
      <c r="AV5953" s="92"/>
      <c r="AW5953" s="92"/>
      <c r="AX5953" s="92"/>
      <c r="AY5953" s="92"/>
      <c r="AZ5953" s="93"/>
      <c r="BA5953" s="93"/>
      <c r="BB5953" s="93"/>
      <c r="BC5953" s="93"/>
      <c r="BD5953" s="93"/>
      <c r="BE5953" s="93"/>
      <c r="BF5953" s="93"/>
      <c r="BG5953" s="93"/>
      <c r="BH5953" s="93"/>
      <c r="BI5953" s="93"/>
      <c r="BJ5953" s="93"/>
      <c r="BK5953" s="93"/>
      <c r="BL5953" s="93"/>
    </row>
    <row r="5954" spans="2:64" x14ac:dyDescent="0.2">
      <c r="B5954" s="43"/>
      <c r="C5954" s="73"/>
      <c r="D5954" s="64"/>
      <c r="E5954" s="55"/>
      <c r="F5954" s="74"/>
      <c r="G5954" s="74"/>
      <c r="H5954" s="74"/>
      <c r="I5954" s="75"/>
      <c r="J5954" s="74"/>
      <c r="L5954" s="55"/>
      <c r="M5954" s="234"/>
      <c r="N5954" s="65"/>
      <c r="O5954" s="76"/>
      <c r="P5954" s="76"/>
      <c r="Q5954" s="65"/>
      <c r="R5954" s="76"/>
      <c r="S5954" s="76"/>
      <c r="T5954" s="76"/>
      <c r="U5954" s="76"/>
      <c r="V5954" s="76"/>
      <c r="W5954" s="76"/>
      <c r="X5954" s="76"/>
      <c r="Y5954" s="76"/>
      <c r="Z5954" s="76"/>
      <c r="AA5954" s="85"/>
      <c r="AB5954" s="85"/>
      <c r="AC5954" s="85"/>
      <c r="AD5954" s="85"/>
      <c r="AE5954" s="85"/>
      <c r="AF5954" s="85"/>
      <c r="AG5954" s="86"/>
      <c r="AH5954" s="85"/>
      <c r="AI5954" s="85"/>
      <c r="AJ5954" s="85"/>
      <c r="AK5954" s="85"/>
      <c r="AL5954" s="85"/>
      <c r="AM5954" s="92"/>
      <c r="AN5954" s="92"/>
      <c r="AO5954" s="92"/>
      <c r="AP5954" s="92"/>
      <c r="AQ5954" s="92"/>
      <c r="AR5954" s="92"/>
      <c r="AS5954" s="92"/>
      <c r="AT5954" s="92"/>
      <c r="AU5954" s="92"/>
      <c r="AV5954" s="92"/>
      <c r="AW5954" s="92"/>
      <c r="AX5954" s="92"/>
      <c r="AY5954" s="92"/>
      <c r="AZ5954" s="93"/>
      <c r="BA5954" s="93"/>
      <c r="BB5954" s="93"/>
      <c r="BC5954" s="93"/>
      <c r="BD5954" s="93"/>
      <c r="BE5954" s="93"/>
      <c r="BF5954" s="93"/>
      <c r="BG5954" s="93"/>
      <c r="BH5954" s="93"/>
      <c r="BI5954" s="93"/>
      <c r="BJ5954" s="93"/>
      <c r="BK5954" s="93"/>
      <c r="BL5954" s="93"/>
    </row>
    <row r="5955" spans="2:64" x14ac:dyDescent="0.2">
      <c r="B5955" s="43"/>
      <c r="C5955" s="73"/>
      <c r="D5955" s="64"/>
      <c r="E5955" s="55"/>
      <c r="F5955" s="74"/>
      <c r="G5955" s="74"/>
      <c r="H5955" s="74"/>
      <c r="I5955" s="75"/>
      <c r="J5955" s="74"/>
      <c r="L5955" s="55"/>
      <c r="M5955" s="234"/>
      <c r="N5955" s="65"/>
      <c r="O5955" s="76"/>
      <c r="P5955" s="76"/>
      <c r="Q5955" s="65"/>
      <c r="R5955" s="76"/>
      <c r="S5955" s="76"/>
      <c r="T5955" s="76"/>
      <c r="U5955" s="76"/>
      <c r="V5955" s="76"/>
      <c r="W5955" s="76"/>
      <c r="X5955" s="76"/>
      <c r="Y5955" s="76"/>
      <c r="Z5955" s="76"/>
      <c r="AA5955" s="85"/>
      <c r="AB5955" s="85"/>
      <c r="AC5955" s="85"/>
      <c r="AD5955" s="85"/>
      <c r="AE5955" s="85"/>
      <c r="AF5955" s="85"/>
      <c r="AG5955" s="86"/>
      <c r="AH5955" s="85"/>
      <c r="AI5955" s="85"/>
      <c r="AJ5955" s="85"/>
      <c r="AK5955" s="85"/>
      <c r="AL5955" s="85"/>
      <c r="AM5955" s="92"/>
      <c r="AN5955" s="92"/>
      <c r="AO5955" s="92"/>
      <c r="AP5955" s="92"/>
      <c r="AQ5955" s="92"/>
      <c r="AR5955" s="92"/>
      <c r="AS5955" s="92"/>
      <c r="AT5955" s="92"/>
      <c r="AU5955" s="92"/>
      <c r="AV5955" s="92"/>
      <c r="AW5955" s="92"/>
      <c r="AX5955" s="92"/>
      <c r="AY5955" s="92"/>
      <c r="AZ5955" s="93"/>
      <c r="BA5955" s="93"/>
      <c r="BB5955" s="93"/>
      <c r="BC5955" s="93"/>
      <c r="BD5955" s="93"/>
      <c r="BE5955" s="93"/>
      <c r="BF5955" s="93"/>
      <c r="BG5955" s="93"/>
      <c r="BH5955" s="93"/>
      <c r="BI5955" s="93"/>
      <c r="BJ5955" s="93"/>
      <c r="BK5955" s="93"/>
      <c r="BL5955" s="93"/>
    </row>
    <row r="5956" spans="2:64" x14ac:dyDescent="0.2">
      <c r="B5956" s="43"/>
      <c r="C5956" s="73"/>
      <c r="D5956" s="64"/>
      <c r="E5956" s="55"/>
      <c r="F5956" s="74"/>
      <c r="G5956" s="74"/>
      <c r="H5956" s="74"/>
      <c r="I5956" s="75"/>
      <c r="J5956" s="74"/>
      <c r="L5956" s="55"/>
      <c r="M5956" s="234"/>
      <c r="N5956" s="65"/>
      <c r="O5956" s="76"/>
      <c r="P5956" s="76"/>
      <c r="Q5956" s="65"/>
      <c r="R5956" s="76"/>
      <c r="S5956" s="76"/>
      <c r="T5956" s="76"/>
      <c r="U5956" s="76"/>
      <c r="V5956" s="76"/>
      <c r="W5956" s="76"/>
      <c r="X5956" s="76"/>
      <c r="Y5956" s="76"/>
      <c r="Z5956" s="76"/>
      <c r="AA5956" s="85"/>
      <c r="AB5956" s="85"/>
      <c r="AC5956" s="85"/>
      <c r="AD5956" s="85"/>
      <c r="AE5956" s="85"/>
      <c r="AF5956" s="85"/>
      <c r="AG5956" s="86"/>
      <c r="AH5956" s="85"/>
      <c r="AI5956" s="85"/>
      <c r="AJ5956" s="85"/>
      <c r="AK5956" s="85"/>
      <c r="AL5956" s="85"/>
      <c r="AM5956" s="92"/>
      <c r="AN5956" s="92"/>
      <c r="AO5956" s="92"/>
      <c r="AP5956" s="92"/>
      <c r="AQ5956" s="92"/>
      <c r="AR5956" s="92"/>
      <c r="AS5956" s="92"/>
      <c r="AT5956" s="92"/>
      <c r="AU5956" s="92"/>
      <c r="AV5956" s="92"/>
      <c r="AW5956" s="92"/>
      <c r="AX5956" s="92"/>
      <c r="AY5956" s="92"/>
      <c r="AZ5956" s="93"/>
      <c r="BA5956" s="93"/>
      <c r="BB5956" s="93"/>
      <c r="BC5956" s="93"/>
      <c r="BD5956" s="93"/>
      <c r="BE5956" s="93"/>
      <c r="BF5956" s="93"/>
      <c r="BG5956" s="93"/>
      <c r="BH5956" s="93"/>
      <c r="BI5956" s="93"/>
      <c r="BJ5956" s="93"/>
      <c r="BK5956" s="93"/>
      <c r="BL5956" s="93"/>
    </row>
    <row r="5957" spans="2:64" x14ac:dyDescent="0.2">
      <c r="B5957" s="43"/>
      <c r="C5957" s="73"/>
      <c r="D5957" s="64"/>
      <c r="E5957" s="55"/>
      <c r="F5957" s="74"/>
      <c r="G5957" s="74"/>
      <c r="H5957" s="74"/>
      <c r="I5957" s="75"/>
      <c r="J5957" s="74"/>
      <c r="L5957" s="55"/>
      <c r="M5957" s="234"/>
      <c r="N5957" s="65"/>
      <c r="O5957" s="76"/>
      <c r="P5957" s="76"/>
      <c r="Q5957" s="65"/>
      <c r="R5957" s="76"/>
      <c r="S5957" s="76"/>
      <c r="T5957" s="76"/>
      <c r="U5957" s="76"/>
      <c r="V5957" s="76"/>
      <c r="W5957" s="76"/>
      <c r="X5957" s="76"/>
      <c r="Y5957" s="76"/>
      <c r="Z5957" s="76"/>
      <c r="AA5957" s="85"/>
      <c r="AB5957" s="85"/>
      <c r="AC5957" s="85"/>
      <c r="AD5957" s="85"/>
      <c r="AE5957" s="85"/>
      <c r="AF5957" s="85"/>
      <c r="AG5957" s="86"/>
      <c r="AH5957" s="85"/>
      <c r="AI5957" s="85"/>
      <c r="AJ5957" s="85"/>
      <c r="AK5957" s="85"/>
      <c r="AL5957" s="85"/>
      <c r="AM5957" s="92"/>
      <c r="AN5957" s="92"/>
      <c r="AO5957" s="92"/>
      <c r="AP5957" s="92"/>
      <c r="AQ5957" s="92"/>
      <c r="AR5957" s="92"/>
      <c r="AS5957" s="92"/>
      <c r="AT5957" s="92"/>
      <c r="AU5957" s="92"/>
      <c r="AV5957" s="92"/>
      <c r="AW5957" s="92"/>
      <c r="AX5957" s="92"/>
      <c r="AY5957" s="92"/>
      <c r="AZ5957" s="93"/>
      <c r="BA5957" s="93"/>
      <c r="BB5957" s="93"/>
      <c r="BC5957" s="93"/>
      <c r="BD5957" s="93"/>
      <c r="BE5957" s="93"/>
      <c r="BF5957" s="93"/>
      <c r="BG5957" s="93"/>
      <c r="BH5957" s="93"/>
      <c r="BI5957" s="93"/>
      <c r="BJ5957" s="93"/>
      <c r="BK5957" s="93"/>
      <c r="BL5957" s="93"/>
    </row>
    <row r="5958" spans="2:64" x14ac:dyDescent="0.2">
      <c r="B5958" s="43"/>
      <c r="C5958" s="73"/>
      <c r="D5958" s="64"/>
      <c r="E5958" s="55"/>
      <c r="F5958" s="74"/>
      <c r="G5958" s="74"/>
      <c r="H5958" s="74"/>
      <c r="I5958" s="75"/>
      <c r="J5958" s="74"/>
      <c r="L5958" s="55"/>
      <c r="M5958" s="234"/>
      <c r="N5958" s="65"/>
      <c r="O5958" s="76"/>
      <c r="P5958" s="76"/>
      <c r="Q5958" s="65"/>
      <c r="R5958" s="76"/>
      <c r="S5958" s="76"/>
      <c r="T5958" s="76"/>
      <c r="U5958" s="76"/>
      <c r="V5958" s="76"/>
      <c r="W5958" s="76"/>
      <c r="X5958" s="76"/>
      <c r="Y5958" s="76"/>
      <c r="Z5958" s="76"/>
      <c r="AA5958" s="85"/>
      <c r="AB5958" s="85"/>
      <c r="AC5958" s="85"/>
      <c r="AD5958" s="85"/>
      <c r="AE5958" s="85"/>
      <c r="AF5958" s="85"/>
      <c r="AG5958" s="86"/>
      <c r="AH5958" s="85"/>
      <c r="AI5958" s="85"/>
      <c r="AJ5958" s="85"/>
      <c r="AK5958" s="85"/>
      <c r="AL5958" s="85"/>
      <c r="AM5958" s="92"/>
      <c r="AN5958" s="92"/>
      <c r="AO5958" s="92"/>
      <c r="AP5958" s="92"/>
      <c r="AQ5958" s="92"/>
      <c r="AR5958" s="92"/>
      <c r="AS5958" s="92"/>
      <c r="AT5958" s="92"/>
      <c r="AU5958" s="92"/>
      <c r="AV5958" s="92"/>
      <c r="AW5958" s="92"/>
      <c r="AX5958" s="92"/>
      <c r="AY5958" s="92"/>
      <c r="AZ5958" s="93"/>
      <c r="BA5958" s="93"/>
      <c r="BB5958" s="93"/>
      <c r="BC5958" s="93"/>
      <c r="BD5958" s="93"/>
      <c r="BE5958" s="93"/>
      <c r="BF5958" s="93"/>
      <c r="BG5958" s="93"/>
      <c r="BH5958" s="93"/>
      <c r="BI5958" s="93"/>
      <c r="BJ5958" s="93"/>
      <c r="BK5958" s="93"/>
      <c r="BL5958" s="93"/>
    </row>
    <row r="5959" spans="2:64" x14ac:dyDescent="0.2">
      <c r="B5959" s="43"/>
      <c r="C5959" s="73"/>
      <c r="D5959" s="64"/>
      <c r="E5959" s="55"/>
      <c r="F5959" s="74"/>
      <c r="G5959" s="74"/>
      <c r="H5959" s="74"/>
      <c r="I5959" s="75"/>
      <c r="J5959" s="74"/>
      <c r="L5959" s="55"/>
      <c r="M5959" s="234"/>
      <c r="N5959" s="65"/>
      <c r="O5959" s="76"/>
      <c r="P5959" s="76"/>
      <c r="Q5959" s="65"/>
      <c r="R5959" s="76"/>
      <c r="S5959" s="76"/>
      <c r="T5959" s="76"/>
      <c r="U5959" s="76"/>
      <c r="V5959" s="76"/>
      <c r="W5959" s="76"/>
      <c r="X5959" s="76"/>
      <c r="Y5959" s="76"/>
      <c r="Z5959" s="76"/>
      <c r="AA5959" s="85"/>
      <c r="AB5959" s="85"/>
      <c r="AC5959" s="85"/>
      <c r="AD5959" s="85"/>
      <c r="AE5959" s="85"/>
      <c r="AF5959" s="85"/>
      <c r="AG5959" s="86"/>
      <c r="AH5959" s="85"/>
      <c r="AI5959" s="85"/>
      <c r="AJ5959" s="85"/>
      <c r="AK5959" s="85"/>
      <c r="AL5959" s="85"/>
      <c r="AM5959" s="92"/>
      <c r="AN5959" s="92"/>
      <c r="AO5959" s="92"/>
      <c r="AP5959" s="92"/>
      <c r="AQ5959" s="92"/>
      <c r="AR5959" s="92"/>
      <c r="AS5959" s="92"/>
      <c r="AT5959" s="92"/>
      <c r="AU5959" s="92"/>
      <c r="AV5959" s="92"/>
      <c r="AW5959" s="92"/>
      <c r="AX5959" s="92"/>
      <c r="AY5959" s="92"/>
      <c r="AZ5959" s="93"/>
      <c r="BA5959" s="93"/>
      <c r="BB5959" s="93"/>
      <c r="BC5959" s="93"/>
      <c r="BD5959" s="93"/>
      <c r="BE5959" s="93"/>
      <c r="BF5959" s="93"/>
      <c r="BG5959" s="93"/>
      <c r="BH5959" s="93"/>
      <c r="BI5959" s="93"/>
      <c r="BJ5959" s="93"/>
      <c r="BK5959" s="93"/>
      <c r="BL5959" s="93"/>
    </row>
    <row r="5960" spans="2:64" x14ac:dyDescent="0.2">
      <c r="B5960" s="43"/>
      <c r="C5960" s="73"/>
      <c r="D5960" s="64"/>
      <c r="E5960" s="55"/>
      <c r="F5960" s="74"/>
      <c r="G5960" s="74"/>
      <c r="H5960" s="74"/>
      <c r="I5960" s="75"/>
      <c r="J5960" s="74"/>
      <c r="L5960" s="55"/>
      <c r="M5960" s="234"/>
      <c r="N5960" s="65"/>
      <c r="O5960" s="76"/>
      <c r="P5960" s="76"/>
      <c r="Q5960" s="65"/>
      <c r="R5960" s="76"/>
      <c r="S5960" s="76"/>
      <c r="T5960" s="76"/>
      <c r="U5960" s="76"/>
      <c r="V5960" s="76"/>
      <c r="W5960" s="76"/>
      <c r="X5960" s="76"/>
      <c r="Y5960" s="76"/>
      <c r="Z5960" s="76"/>
      <c r="AA5960" s="85"/>
      <c r="AB5960" s="85"/>
      <c r="AC5960" s="85"/>
      <c r="AD5960" s="85"/>
      <c r="AE5960" s="85"/>
      <c r="AF5960" s="85"/>
      <c r="AG5960" s="86"/>
      <c r="AH5960" s="85"/>
      <c r="AI5960" s="85"/>
      <c r="AJ5960" s="85"/>
      <c r="AK5960" s="85"/>
      <c r="AL5960" s="85"/>
      <c r="AM5960" s="92"/>
      <c r="AN5960" s="92"/>
      <c r="AO5960" s="92"/>
      <c r="AP5960" s="92"/>
      <c r="AQ5960" s="92"/>
      <c r="AR5960" s="92"/>
      <c r="AS5960" s="92"/>
      <c r="AT5960" s="92"/>
      <c r="AU5960" s="92"/>
      <c r="AV5960" s="92"/>
      <c r="AW5960" s="92"/>
      <c r="AX5960" s="92"/>
      <c r="AY5960" s="92"/>
      <c r="AZ5960" s="93"/>
      <c r="BA5960" s="93"/>
      <c r="BB5960" s="93"/>
      <c r="BC5960" s="93"/>
      <c r="BD5960" s="93"/>
      <c r="BE5960" s="93"/>
      <c r="BF5960" s="93"/>
      <c r="BG5960" s="93"/>
      <c r="BH5960" s="93"/>
      <c r="BI5960" s="93"/>
      <c r="BJ5960" s="93"/>
      <c r="BK5960" s="93"/>
      <c r="BL5960" s="93"/>
    </row>
    <row r="5961" spans="2:64" x14ac:dyDescent="0.2">
      <c r="B5961" s="43"/>
      <c r="C5961" s="73"/>
      <c r="D5961" s="64"/>
      <c r="E5961" s="55"/>
      <c r="F5961" s="74"/>
      <c r="G5961" s="74"/>
      <c r="H5961" s="74"/>
      <c r="I5961" s="75"/>
      <c r="J5961" s="74"/>
      <c r="L5961" s="55"/>
      <c r="M5961" s="234"/>
      <c r="N5961" s="65"/>
      <c r="O5961" s="76"/>
      <c r="P5961" s="76"/>
      <c r="Q5961" s="65"/>
      <c r="R5961" s="76"/>
      <c r="S5961" s="76"/>
      <c r="T5961" s="76"/>
      <c r="U5961" s="76"/>
      <c r="V5961" s="76"/>
      <c r="W5961" s="76"/>
      <c r="X5961" s="76"/>
      <c r="Y5961" s="76"/>
      <c r="Z5961" s="76"/>
      <c r="AA5961" s="85"/>
      <c r="AB5961" s="85"/>
      <c r="AC5961" s="85"/>
      <c r="AD5961" s="85"/>
      <c r="AE5961" s="85"/>
      <c r="AF5961" s="85"/>
      <c r="AG5961" s="86"/>
      <c r="AH5961" s="85"/>
      <c r="AI5961" s="85"/>
      <c r="AJ5961" s="85"/>
      <c r="AK5961" s="85"/>
      <c r="AL5961" s="85"/>
      <c r="AM5961" s="92"/>
      <c r="AN5961" s="92"/>
      <c r="AO5961" s="92"/>
      <c r="AP5961" s="92"/>
      <c r="AQ5961" s="92"/>
      <c r="AR5961" s="92"/>
      <c r="AS5961" s="92"/>
      <c r="AT5961" s="92"/>
      <c r="AU5961" s="92"/>
      <c r="AV5961" s="92"/>
      <c r="AW5961" s="92"/>
      <c r="AX5961" s="92"/>
      <c r="AY5961" s="92"/>
      <c r="AZ5961" s="93"/>
      <c r="BA5961" s="93"/>
      <c r="BB5961" s="93"/>
      <c r="BC5961" s="93"/>
      <c r="BD5961" s="93"/>
      <c r="BE5961" s="93"/>
      <c r="BF5961" s="93"/>
      <c r="BG5961" s="93"/>
      <c r="BH5961" s="93"/>
      <c r="BI5961" s="93"/>
      <c r="BJ5961" s="93"/>
      <c r="BK5961" s="93"/>
      <c r="BL5961" s="93"/>
    </row>
    <row r="5962" spans="2:64" x14ac:dyDescent="0.2">
      <c r="B5962" s="43"/>
      <c r="C5962" s="73"/>
      <c r="D5962" s="64"/>
      <c r="E5962" s="55"/>
      <c r="F5962" s="74"/>
      <c r="G5962" s="74"/>
      <c r="H5962" s="74"/>
      <c r="I5962" s="75"/>
      <c r="J5962" s="74"/>
      <c r="L5962" s="55"/>
      <c r="M5962" s="234"/>
      <c r="N5962" s="65"/>
      <c r="O5962" s="76"/>
      <c r="P5962" s="76"/>
      <c r="Q5962" s="65"/>
      <c r="R5962" s="76"/>
      <c r="S5962" s="76"/>
      <c r="T5962" s="76"/>
      <c r="U5962" s="76"/>
      <c r="V5962" s="76"/>
      <c r="W5962" s="76"/>
      <c r="X5962" s="76"/>
      <c r="Y5962" s="76"/>
      <c r="Z5962" s="76"/>
      <c r="AA5962" s="85"/>
      <c r="AB5962" s="85"/>
      <c r="AC5962" s="85"/>
      <c r="AD5962" s="85"/>
      <c r="AE5962" s="85"/>
      <c r="AF5962" s="85"/>
      <c r="AG5962" s="86"/>
      <c r="AH5962" s="85"/>
      <c r="AI5962" s="85"/>
      <c r="AJ5962" s="85"/>
      <c r="AK5962" s="85"/>
      <c r="AL5962" s="85"/>
      <c r="AM5962" s="92"/>
      <c r="AN5962" s="92"/>
      <c r="AO5962" s="92"/>
      <c r="AP5962" s="92"/>
      <c r="AQ5962" s="92"/>
      <c r="AR5962" s="92"/>
      <c r="AS5962" s="92"/>
      <c r="AT5962" s="92"/>
      <c r="AU5962" s="92"/>
      <c r="AV5962" s="92"/>
      <c r="AW5962" s="92"/>
      <c r="AX5962" s="92"/>
      <c r="AY5962" s="92"/>
      <c r="AZ5962" s="93"/>
      <c r="BA5962" s="93"/>
      <c r="BB5962" s="93"/>
      <c r="BC5962" s="93"/>
      <c r="BD5962" s="93"/>
      <c r="BE5962" s="93"/>
      <c r="BF5962" s="93"/>
      <c r="BG5962" s="93"/>
      <c r="BH5962" s="93"/>
      <c r="BI5962" s="93"/>
      <c r="BJ5962" s="93"/>
      <c r="BK5962" s="93"/>
      <c r="BL5962" s="93"/>
    </row>
    <row r="5963" spans="2:64" x14ac:dyDescent="0.2">
      <c r="B5963" s="43"/>
      <c r="C5963" s="73"/>
      <c r="D5963" s="64"/>
      <c r="E5963" s="55"/>
      <c r="F5963" s="74"/>
      <c r="G5963" s="74"/>
      <c r="H5963" s="74"/>
      <c r="I5963" s="75"/>
      <c r="J5963" s="74"/>
      <c r="L5963" s="55"/>
      <c r="M5963" s="234"/>
      <c r="N5963" s="65"/>
      <c r="O5963" s="76"/>
      <c r="P5963" s="76"/>
      <c r="Q5963" s="65"/>
      <c r="R5963" s="76"/>
      <c r="S5963" s="76"/>
      <c r="T5963" s="76"/>
      <c r="U5963" s="76"/>
      <c r="V5963" s="76"/>
      <c r="W5963" s="76"/>
      <c r="X5963" s="76"/>
      <c r="Y5963" s="76"/>
      <c r="Z5963" s="76"/>
      <c r="AA5963" s="85"/>
      <c r="AB5963" s="85"/>
      <c r="AC5963" s="85"/>
      <c r="AD5963" s="85"/>
      <c r="AE5963" s="85"/>
      <c r="AF5963" s="85"/>
      <c r="AG5963" s="86"/>
      <c r="AH5963" s="85"/>
      <c r="AI5963" s="85"/>
      <c r="AJ5963" s="85"/>
      <c r="AK5963" s="85"/>
      <c r="AL5963" s="85"/>
      <c r="AM5963" s="92"/>
      <c r="AN5963" s="92"/>
      <c r="AO5963" s="92"/>
      <c r="AP5963" s="92"/>
      <c r="AQ5963" s="92"/>
      <c r="AR5963" s="92"/>
      <c r="AS5963" s="92"/>
      <c r="AT5963" s="92"/>
      <c r="AU5963" s="92"/>
      <c r="AV5963" s="92"/>
      <c r="AW5963" s="92"/>
      <c r="AX5963" s="92"/>
      <c r="AY5963" s="92"/>
      <c r="AZ5963" s="93"/>
      <c r="BA5963" s="93"/>
      <c r="BB5963" s="93"/>
      <c r="BC5963" s="93"/>
      <c r="BD5963" s="93"/>
      <c r="BE5963" s="93"/>
      <c r="BF5963" s="93"/>
      <c r="BG5963" s="93"/>
      <c r="BH5963" s="93"/>
      <c r="BI5963" s="93"/>
      <c r="BJ5963" s="93"/>
      <c r="BK5963" s="93"/>
      <c r="BL5963" s="93"/>
    </row>
    <row r="5964" spans="2:64" x14ac:dyDescent="0.2">
      <c r="B5964" s="43"/>
      <c r="C5964" s="73"/>
      <c r="D5964" s="64"/>
      <c r="E5964" s="55"/>
      <c r="F5964" s="74"/>
      <c r="G5964" s="74"/>
      <c r="H5964" s="74"/>
      <c r="I5964" s="75"/>
      <c r="J5964" s="74"/>
      <c r="L5964" s="55"/>
      <c r="M5964" s="234"/>
      <c r="N5964" s="65"/>
      <c r="O5964" s="76"/>
      <c r="P5964" s="76"/>
      <c r="Q5964" s="65"/>
      <c r="R5964" s="76"/>
      <c r="S5964" s="76"/>
      <c r="T5964" s="76"/>
      <c r="U5964" s="76"/>
      <c r="V5964" s="76"/>
      <c r="W5964" s="76"/>
      <c r="X5964" s="76"/>
      <c r="Y5964" s="76"/>
      <c r="Z5964" s="76"/>
      <c r="AA5964" s="85"/>
      <c r="AB5964" s="85"/>
      <c r="AC5964" s="85"/>
      <c r="AD5964" s="85"/>
      <c r="AE5964" s="85"/>
      <c r="AF5964" s="85"/>
      <c r="AG5964" s="86"/>
      <c r="AH5964" s="85"/>
      <c r="AI5964" s="85"/>
      <c r="AJ5964" s="85"/>
      <c r="AK5964" s="85"/>
      <c r="AL5964" s="85"/>
      <c r="AM5964" s="92"/>
      <c r="AN5964" s="92"/>
      <c r="AO5964" s="92"/>
      <c r="AP5964" s="92"/>
      <c r="AQ5964" s="92"/>
      <c r="AR5964" s="92"/>
      <c r="AS5964" s="92"/>
      <c r="AT5964" s="92"/>
      <c r="AU5964" s="92"/>
      <c r="AV5964" s="92"/>
      <c r="AW5964" s="92"/>
      <c r="AX5964" s="92"/>
      <c r="AY5964" s="92"/>
      <c r="AZ5964" s="93"/>
      <c r="BA5964" s="93"/>
      <c r="BB5964" s="93"/>
      <c r="BC5964" s="93"/>
      <c r="BD5964" s="93"/>
      <c r="BE5964" s="93"/>
      <c r="BF5964" s="93"/>
      <c r="BG5964" s="93"/>
      <c r="BH5964" s="93"/>
      <c r="BI5964" s="93"/>
      <c r="BJ5964" s="93"/>
      <c r="BK5964" s="93"/>
      <c r="BL5964" s="93"/>
    </row>
    <row r="5965" spans="2:64" x14ac:dyDescent="0.2">
      <c r="B5965" s="43"/>
      <c r="C5965" s="73"/>
      <c r="D5965" s="64"/>
      <c r="E5965" s="55"/>
      <c r="F5965" s="74"/>
      <c r="G5965" s="74"/>
      <c r="H5965" s="74"/>
      <c r="I5965" s="75"/>
      <c r="J5965" s="74"/>
      <c r="L5965" s="55"/>
      <c r="M5965" s="234"/>
      <c r="N5965" s="65"/>
      <c r="O5965" s="76"/>
      <c r="P5965" s="76"/>
      <c r="Q5965" s="65"/>
      <c r="R5965" s="76"/>
      <c r="S5965" s="76"/>
      <c r="T5965" s="76"/>
      <c r="U5965" s="76"/>
      <c r="V5965" s="76"/>
      <c r="W5965" s="76"/>
      <c r="X5965" s="76"/>
      <c r="Y5965" s="76"/>
      <c r="Z5965" s="76"/>
      <c r="AA5965" s="85"/>
      <c r="AB5965" s="85"/>
      <c r="AC5965" s="85"/>
      <c r="AD5965" s="85"/>
      <c r="AE5965" s="85"/>
      <c r="AF5965" s="85"/>
      <c r="AG5965" s="86"/>
      <c r="AH5965" s="85"/>
      <c r="AI5965" s="85"/>
      <c r="AJ5965" s="85"/>
      <c r="AK5965" s="85"/>
      <c r="AL5965" s="85"/>
      <c r="AM5965" s="92"/>
      <c r="AN5965" s="92"/>
      <c r="AO5965" s="92"/>
      <c r="AP5965" s="92"/>
      <c r="AQ5965" s="92"/>
      <c r="AR5965" s="92"/>
      <c r="AS5965" s="92"/>
      <c r="AT5965" s="92"/>
      <c r="AU5965" s="92"/>
      <c r="AV5965" s="92"/>
      <c r="AW5965" s="92"/>
      <c r="AX5965" s="92"/>
      <c r="AY5965" s="92"/>
      <c r="AZ5965" s="93"/>
      <c r="BA5965" s="93"/>
      <c r="BB5965" s="93"/>
      <c r="BC5965" s="93"/>
      <c r="BD5965" s="93"/>
      <c r="BE5965" s="93"/>
      <c r="BF5965" s="93"/>
      <c r="BG5965" s="93"/>
      <c r="BH5965" s="93"/>
      <c r="BI5965" s="93"/>
      <c r="BJ5965" s="93"/>
      <c r="BK5965" s="93"/>
      <c r="BL5965" s="93"/>
    </row>
    <row r="5966" spans="2:64" x14ac:dyDescent="0.2">
      <c r="B5966" s="43"/>
      <c r="C5966" s="73"/>
      <c r="D5966" s="64"/>
      <c r="E5966" s="55"/>
      <c r="F5966" s="74"/>
      <c r="G5966" s="74"/>
      <c r="H5966" s="74"/>
      <c r="I5966" s="75"/>
      <c r="J5966" s="74"/>
      <c r="L5966" s="55"/>
      <c r="M5966" s="234"/>
      <c r="N5966" s="65"/>
      <c r="O5966" s="76"/>
      <c r="P5966" s="76"/>
      <c r="Q5966" s="65"/>
      <c r="R5966" s="76"/>
      <c r="S5966" s="76"/>
      <c r="T5966" s="76"/>
      <c r="U5966" s="76"/>
      <c r="V5966" s="76"/>
      <c r="W5966" s="76"/>
      <c r="X5966" s="76"/>
      <c r="Y5966" s="76"/>
      <c r="Z5966" s="76"/>
      <c r="AA5966" s="85"/>
      <c r="AB5966" s="85"/>
      <c r="AC5966" s="85"/>
      <c r="AD5966" s="85"/>
      <c r="AE5966" s="85"/>
      <c r="AF5966" s="85"/>
      <c r="AG5966" s="86"/>
      <c r="AH5966" s="85"/>
      <c r="AI5966" s="85"/>
      <c r="AJ5966" s="85"/>
      <c r="AK5966" s="85"/>
      <c r="AL5966" s="85"/>
      <c r="AM5966" s="92"/>
      <c r="AN5966" s="92"/>
      <c r="AO5966" s="92"/>
      <c r="AP5966" s="92"/>
      <c r="AQ5966" s="92"/>
      <c r="AR5966" s="92"/>
      <c r="AS5966" s="92"/>
      <c r="AT5966" s="92"/>
      <c r="AU5966" s="92"/>
      <c r="AV5966" s="92"/>
      <c r="AW5966" s="92"/>
      <c r="AX5966" s="92"/>
      <c r="AY5966" s="92"/>
      <c r="AZ5966" s="93"/>
      <c r="BA5966" s="93"/>
      <c r="BB5966" s="93"/>
      <c r="BC5966" s="93"/>
      <c r="BD5966" s="93"/>
      <c r="BE5966" s="93"/>
      <c r="BF5966" s="93"/>
      <c r="BG5966" s="93"/>
      <c r="BH5966" s="93"/>
      <c r="BI5966" s="93"/>
      <c r="BJ5966" s="93"/>
      <c r="BK5966" s="93"/>
      <c r="BL5966" s="93"/>
    </row>
    <row r="5967" spans="2:64" x14ac:dyDescent="0.2">
      <c r="B5967" s="43"/>
      <c r="C5967" s="73"/>
      <c r="D5967" s="64"/>
      <c r="E5967" s="55"/>
      <c r="F5967" s="74"/>
      <c r="G5967" s="74"/>
      <c r="H5967" s="74"/>
      <c r="I5967" s="75"/>
      <c r="J5967" s="74"/>
      <c r="L5967" s="55"/>
      <c r="M5967" s="234"/>
      <c r="N5967" s="65"/>
      <c r="O5967" s="76"/>
      <c r="P5967" s="76"/>
      <c r="Q5967" s="65"/>
      <c r="R5967" s="76"/>
      <c r="S5967" s="76"/>
      <c r="T5967" s="76"/>
      <c r="U5967" s="76"/>
      <c r="V5967" s="76"/>
      <c r="W5967" s="76"/>
      <c r="X5967" s="76"/>
      <c r="Y5967" s="76"/>
      <c r="Z5967" s="76"/>
      <c r="AA5967" s="85"/>
      <c r="AB5967" s="85"/>
      <c r="AC5967" s="85"/>
      <c r="AD5967" s="85"/>
      <c r="AE5967" s="85"/>
      <c r="AF5967" s="85"/>
      <c r="AG5967" s="86"/>
      <c r="AH5967" s="85"/>
      <c r="AI5967" s="85"/>
      <c r="AJ5967" s="85"/>
      <c r="AK5967" s="85"/>
      <c r="AL5967" s="85"/>
      <c r="AM5967" s="92"/>
      <c r="AN5967" s="92"/>
      <c r="AO5967" s="92"/>
      <c r="AP5967" s="92"/>
      <c r="AQ5967" s="92"/>
      <c r="AR5967" s="92"/>
      <c r="AS5967" s="92"/>
      <c r="AT5967" s="92"/>
      <c r="AU5967" s="92"/>
      <c r="AV5967" s="92"/>
      <c r="AW5967" s="92"/>
      <c r="AX5967" s="92"/>
      <c r="AY5967" s="92"/>
      <c r="AZ5967" s="93"/>
      <c r="BA5967" s="93"/>
      <c r="BB5967" s="93"/>
      <c r="BC5967" s="93"/>
      <c r="BD5967" s="93"/>
      <c r="BE5967" s="93"/>
      <c r="BF5967" s="93"/>
      <c r="BG5967" s="93"/>
      <c r="BH5967" s="93"/>
      <c r="BI5967" s="93"/>
      <c r="BJ5967" s="93"/>
      <c r="BK5967" s="93"/>
      <c r="BL5967" s="93"/>
    </row>
    <row r="5968" spans="2:64" x14ac:dyDescent="0.2">
      <c r="B5968" s="43"/>
      <c r="C5968" s="73"/>
      <c r="D5968" s="64"/>
      <c r="E5968" s="55"/>
      <c r="F5968" s="74"/>
      <c r="G5968" s="74"/>
      <c r="H5968" s="74"/>
      <c r="I5968" s="75"/>
      <c r="J5968" s="74"/>
      <c r="L5968" s="55"/>
      <c r="M5968" s="234"/>
      <c r="N5968" s="65"/>
      <c r="O5968" s="76"/>
      <c r="P5968" s="76"/>
      <c r="Q5968" s="65"/>
      <c r="R5968" s="76"/>
      <c r="S5968" s="76"/>
      <c r="T5968" s="76"/>
      <c r="U5968" s="76"/>
      <c r="V5968" s="76"/>
      <c r="W5968" s="76"/>
      <c r="X5968" s="76"/>
      <c r="Y5968" s="76"/>
      <c r="Z5968" s="76"/>
      <c r="AA5968" s="85"/>
      <c r="AB5968" s="85"/>
      <c r="AC5968" s="85"/>
      <c r="AD5968" s="85"/>
      <c r="AE5968" s="85"/>
      <c r="AF5968" s="85"/>
      <c r="AG5968" s="86"/>
      <c r="AH5968" s="85"/>
      <c r="AI5968" s="85"/>
      <c r="AJ5968" s="85"/>
      <c r="AK5968" s="85"/>
      <c r="AL5968" s="85"/>
      <c r="AM5968" s="92"/>
      <c r="AN5968" s="92"/>
      <c r="AO5968" s="92"/>
      <c r="AP5968" s="92"/>
      <c r="AQ5968" s="92"/>
      <c r="AR5968" s="92"/>
      <c r="AS5968" s="92"/>
      <c r="AT5968" s="92"/>
      <c r="AU5968" s="92"/>
      <c r="AV5968" s="92"/>
      <c r="AW5968" s="92"/>
      <c r="AX5968" s="92"/>
      <c r="AY5968" s="92"/>
      <c r="AZ5968" s="93"/>
      <c r="BA5968" s="93"/>
      <c r="BB5968" s="93"/>
      <c r="BC5968" s="93"/>
      <c r="BD5968" s="93"/>
      <c r="BE5968" s="93"/>
      <c r="BF5968" s="93"/>
      <c r="BG5968" s="93"/>
      <c r="BH5968" s="93"/>
      <c r="BI5968" s="93"/>
      <c r="BJ5968" s="93"/>
      <c r="BK5968" s="93"/>
      <c r="BL5968" s="93"/>
    </row>
    <row r="5969" spans="2:64" x14ac:dyDescent="0.2">
      <c r="B5969" s="43"/>
      <c r="C5969" s="73"/>
      <c r="D5969" s="64"/>
      <c r="E5969" s="55"/>
      <c r="F5969" s="74"/>
      <c r="G5969" s="74"/>
      <c r="H5969" s="74"/>
      <c r="I5969" s="75"/>
      <c r="J5969" s="74"/>
      <c r="L5969" s="55"/>
      <c r="M5969" s="234"/>
      <c r="N5969" s="65"/>
      <c r="O5969" s="76"/>
      <c r="P5969" s="76"/>
      <c r="Q5969" s="65"/>
      <c r="R5969" s="76"/>
      <c r="S5969" s="76"/>
      <c r="T5969" s="76"/>
      <c r="U5969" s="76"/>
      <c r="V5969" s="76"/>
      <c r="W5969" s="76"/>
      <c r="X5969" s="76"/>
      <c r="Y5969" s="76"/>
      <c r="Z5969" s="76"/>
      <c r="AA5969" s="85"/>
      <c r="AB5969" s="85"/>
      <c r="AC5969" s="85"/>
      <c r="AD5969" s="85"/>
      <c r="AE5969" s="85"/>
      <c r="AF5969" s="85"/>
      <c r="AG5969" s="86"/>
      <c r="AH5969" s="85"/>
      <c r="AI5969" s="85"/>
      <c r="AJ5969" s="85"/>
      <c r="AK5969" s="85"/>
      <c r="AL5969" s="85"/>
      <c r="AM5969" s="92"/>
      <c r="AN5969" s="92"/>
      <c r="AO5969" s="92"/>
      <c r="AP5969" s="92"/>
      <c r="AQ5969" s="92"/>
      <c r="AR5969" s="92"/>
      <c r="AS5969" s="92"/>
      <c r="AT5969" s="92"/>
      <c r="AU5969" s="92"/>
      <c r="AV5969" s="92"/>
      <c r="AW5969" s="92"/>
      <c r="AX5969" s="92"/>
      <c r="AY5969" s="92"/>
      <c r="AZ5969" s="93"/>
      <c r="BA5969" s="93"/>
      <c r="BB5969" s="93"/>
      <c r="BC5969" s="93"/>
      <c r="BD5969" s="93"/>
      <c r="BE5969" s="93"/>
      <c r="BF5969" s="93"/>
      <c r="BG5969" s="93"/>
      <c r="BH5969" s="93"/>
      <c r="BI5969" s="93"/>
      <c r="BJ5969" s="93"/>
      <c r="BK5969" s="93"/>
      <c r="BL5969" s="93"/>
    </row>
    <row r="5970" spans="2:64" x14ac:dyDescent="0.2">
      <c r="B5970" s="43"/>
      <c r="C5970" s="73"/>
      <c r="D5970" s="64"/>
      <c r="E5970" s="55"/>
      <c r="F5970" s="74"/>
      <c r="G5970" s="74"/>
      <c r="H5970" s="74"/>
      <c r="I5970" s="75"/>
      <c r="J5970" s="74"/>
      <c r="L5970" s="55"/>
      <c r="M5970" s="234"/>
      <c r="N5970" s="65"/>
      <c r="O5970" s="76"/>
      <c r="P5970" s="76"/>
      <c r="Q5970" s="65"/>
      <c r="R5970" s="76"/>
      <c r="S5970" s="76"/>
      <c r="T5970" s="76"/>
      <c r="U5970" s="76"/>
      <c r="V5970" s="76"/>
      <c r="W5970" s="76"/>
      <c r="X5970" s="76"/>
      <c r="Y5970" s="76"/>
      <c r="Z5970" s="76"/>
      <c r="AA5970" s="85"/>
      <c r="AB5970" s="85"/>
      <c r="AC5970" s="85"/>
      <c r="AD5970" s="85"/>
      <c r="AE5970" s="85"/>
      <c r="AF5970" s="85"/>
      <c r="AG5970" s="86"/>
      <c r="AH5970" s="85"/>
      <c r="AI5970" s="85"/>
      <c r="AJ5970" s="85"/>
      <c r="AK5970" s="85"/>
      <c r="AL5970" s="85"/>
      <c r="AM5970" s="92"/>
      <c r="AN5970" s="92"/>
      <c r="AO5970" s="92"/>
      <c r="AP5970" s="92"/>
      <c r="AQ5970" s="92"/>
      <c r="AR5970" s="92"/>
      <c r="AS5970" s="92"/>
      <c r="AT5970" s="92"/>
      <c r="AU5970" s="92"/>
      <c r="AV5970" s="92"/>
      <c r="AW5970" s="92"/>
      <c r="AX5970" s="92"/>
      <c r="AY5970" s="92"/>
      <c r="AZ5970" s="93"/>
      <c r="BA5970" s="93"/>
      <c r="BB5970" s="93"/>
      <c r="BC5970" s="93"/>
      <c r="BD5970" s="93"/>
      <c r="BE5970" s="93"/>
      <c r="BF5970" s="93"/>
      <c r="BG5970" s="93"/>
      <c r="BH5970" s="93"/>
      <c r="BI5970" s="93"/>
      <c r="BJ5970" s="93"/>
      <c r="BK5970" s="93"/>
      <c r="BL5970" s="93"/>
    </row>
    <row r="5971" spans="2:64" x14ac:dyDescent="0.2">
      <c r="B5971" s="43"/>
      <c r="C5971" s="73"/>
      <c r="D5971" s="64"/>
      <c r="E5971" s="55"/>
      <c r="F5971" s="74"/>
      <c r="G5971" s="74"/>
      <c r="H5971" s="74"/>
      <c r="I5971" s="75"/>
      <c r="J5971" s="74"/>
      <c r="L5971" s="55"/>
      <c r="M5971" s="234"/>
      <c r="N5971" s="65"/>
      <c r="O5971" s="76"/>
      <c r="P5971" s="76"/>
      <c r="Q5971" s="65"/>
      <c r="R5971" s="76"/>
      <c r="S5971" s="76"/>
      <c r="T5971" s="76"/>
      <c r="U5971" s="76"/>
      <c r="V5971" s="76"/>
      <c r="W5971" s="76"/>
      <c r="X5971" s="76"/>
      <c r="Y5971" s="76"/>
      <c r="Z5971" s="76"/>
      <c r="AA5971" s="85"/>
      <c r="AB5971" s="85"/>
      <c r="AC5971" s="85"/>
      <c r="AD5971" s="85"/>
      <c r="AE5971" s="85"/>
      <c r="AF5971" s="85"/>
      <c r="AG5971" s="86"/>
      <c r="AH5971" s="85"/>
      <c r="AI5971" s="85"/>
      <c r="AJ5971" s="85"/>
      <c r="AK5971" s="85"/>
      <c r="AL5971" s="85"/>
      <c r="AM5971" s="92"/>
      <c r="AN5971" s="92"/>
      <c r="AO5971" s="92"/>
      <c r="AP5971" s="92"/>
      <c r="AQ5971" s="92"/>
      <c r="AR5971" s="92"/>
      <c r="AS5971" s="92"/>
      <c r="AT5971" s="92"/>
      <c r="AU5971" s="92"/>
      <c r="AV5971" s="92"/>
      <c r="AW5971" s="92"/>
      <c r="AX5971" s="92"/>
      <c r="AY5971" s="92"/>
      <c r="AZ5971" s="93"/>
      <c r="BA5971" s="93"/>
      <c r="BB5971" s="93"/>
      <c r="BC5971" s="93"/>
      <c r="BD5971" s="93"/>
      <c r="BE5971" s="93"/>
      <c r="BF5971" s="93"/>
      <c r="BG5971" s="93"/>
      <c r="BH5971" s="93"/>
      <c r="BI5971" s="93"/>
      <c r="BJ5971" s="93"/>
      <c r="BK5971" s="93"/>
      <c r="BL5971" s="93"/>
    </row>
    <row r="5972" spans="2:64" x14ac:dyDescent="0.2">
      <c r="B5972" s="43"/>
      <c r="C5972" s="73"/>
      <c r="D5972" s="64"/>
      <c r="E5972" s="55"/>
      <c r="F5972" s="74"/>
      <c r="G5972" s="74"/>
      <c r="H5972" s="74"/>
      <c r="I5972" s="75"/>
      <c r="J5972" s="74"/>
      <c r="L5972" s="55"/>
      <c r="M5972" s="234"/>
      <c r="N5972" s="65"/>
      <c r="O5972" s="76"/>
      <c r="P5972" s="76"/>
      <c r="Q5972" s="65"/>
      <c r="R5972" s="76"/>
      <c r="S5972" s="76"/>
      <c r="T5972" s="76"/>
      <c r="U5972" s="76"/>
      <c r="V5972" s="76"/>
      <c r="W5972" s="76"/>
      <c r="X5972" s="76"/>
      <c r="Y5972" s="76"/>
      <c r="Z5972" s="76"/>
      <c r="AA5972" s="85"/>
      <c r="AB5972" s="85"/>
      <c r="AC5972" s="85"/>
      <c r="AD5972" s="85"/>
      <c r="AE5972" s="85"/>
      <c r="AF5972" s="85"/>
      <c r="AG5972" s="86"/>
      <c r="AH5972" s="85"/>
      <c r="AI5972" s="85"/>
      <c r="AJ5972" s="85"/>
      <c r="AK5972" s="85"/>
      <c r="AL5972" s="85"/>
      <c r="AM5972" s="92"/>
      <c r="AN5972" s="92"/>
      <c r="AO5972" s="92"/>
      <c r="AP5972" s="92"/>
      <c r="AQ5972" s="92"/>
      <c r="AR5972" s="92"/>
      <c r="AS5972" s="92"/>
      <c r="AT5972" s="92"/>
      <c r="AU5972" s="92"/>
      <c r="AV5972" s="92"/>
      <c r="AW5972" s="92"/>
      <c r="AX5972" s="92"/>
      <c r="AY5972" s="92"/>
      <c r="AZ5972" s="93"/>
      <c r="BA5972" s="93"/>
      <c r="BB5972" s="93"/>
      <c r="BC5972" s="93"/>
      <c r="BD5972" s="93"/>
      <c r="BE5972" s="93"/>
      <c r="BF5972" s="93"/>
      <c r="BG5972" s="93"/>
      <c r="BH5972" s="93"/>
      <c r="BI5972" s="93"/>
      <c r="BJ5972" s="93"/>
      <c r="BK5972" s="93"/>
      <c r="BL5972" s="93"/>
    </row>
    <row r="5973" spans="2:64" x14ac:dyDescent="0.2">
      <c r="B5973" s="43"/>
      <c r="C5973" s="73"/>
      <c r="D5973" s="64"/>
      <c r="E5973" s="55"/>
      <c r="F5973" s="74"/>
      <c r="G5973" s="74"/>
      <c r="H5973" s="74"/>
      <c r="I5973" s="75"/>
      <c r="J5973" s="74"/>
      <c r="L5973" s="55"/>
      <c r="M5973" s="234"/>
      <c r="N5973" s="65"/>
      <c r="O5973" s="76"/>
      <c r="P5973" s="76"/>
      <c r="Q5973" s="65"/>
      <c r="R5973" s="76"/>
      <c r="S5973" s="76"/>
      <c r="T5973" s="76"/>
      <c r="U5973" s="76"/>
      <c r="V5973" s="76"/>
      <c r="W5973" s="76"/>
      <c r="X5973" s="76"/>
      <c r="Y5973" s="76"/>
      <c r="Z5973" s="76"/>
      <c r="AA5973" s="85"/>
      <c r="AB5973" s="85"/>
      <c r="AC5973" s="85"/>
      <c r="AD5973" s="85"/>
      <c r="AE5973" s="85"/>
      <c r="AF5973" s="85"/>
      <c r="AG5973" s="86"/>
      <c r="AH5973" s="85"/>
      <c r="AI5973" s="85"/>
      <c r="AJ5973" s="85"/>
      <c r="AK5973" s="85"/>
      <c r="AL5973" s="85"/>
      <c r="AM5973" s="92"/>
      <c r="AN5973" s="92"/>
      <c r="AO5973" s="92"/>
      <c r="AP5973" s="92"/>
      <c r="AQ5973" s="92"/>
      <c r="AR5973" s="92"/>
      <c r="AS5973" s="92"/>
      <c r="AT5973" s="92"/>
      <c r="AU5973" s="92"/>
      <c r="AV5973" s="92"/>
      <c r="AW5973" s="92"/>
      <c r="AX5973" s="92"/>
      <c r="AY5973" s="92"/>
      <c r="AZ5973" s="93"/>
      <c r="BA5973" s="93"/>
      <c r="BB5973" s="93"/>
      <c r="BC5973" s="93"/>
      <c r="BD5973" s="93"/>
      <c r="BE5973" s="93"/>
      <c r="BF5973" s="93"/>
      <c r="BG5973" s="93"/>
      <c r="BH5973" s="93"/>
      <c r="BI5973" s="93"/>
      <c r="BJ5973" s="93"/>
      <c r="BK5973" s="93"/>
      <c r="BL5973" s="93"/>
    </row>
    <row r="5974" spans="2:64" x14ac:dyDescent="0.2">
      <c r="B5974" s="43"/>
      <c r="C5974" s="73"/>
      <c r="D5974" s="64"/>
      <c r="E5974" s="55"/>
      <c r="F5974" s="74"/>
      <c r="G5974" s="74"/>
      <c r="H5974" s="74"/>
      <c r="I5974" s="75"/>
      <c r="J5974" s="74"/>
      <c r="L5974" s="55"/>
      <c r="M5974" s="234"/>
      <c r="N5974" s="65"/>
      <c r="O5974" s="76"/>
      <c r="P5974" s="76"/>
      <c r="Q5974" s="65"/>
      <c r="R5974" s="76"/>
      <c r="S5974" s="76"/>
      <c r="T5974" s="76"/>
      <c r="U5974" s="76"/>
      <c r="V5974" s="76"/>
      <c r="W5974" s="76"/>
      <c r="X5974" s="76"/>
      <c r="Y5974" s="76"/>
      <c r="Z5974" s="76"/>
      <c r="AA5974" s="85"/>
      <c r="AB5974" s="85"/>
      <c r="AC5974" s="85"/>
      <c r="AD5974" s="85"/>
      <c r="AE5974" s="85"/>
      <c r="AF5974" s="85"/>
      <c r="AG5974" s="86"/>
      <c r="AH5974" s="85"/>
      <c r="AI5974" s="85"/>
      <c r="AJ5974" s="85"/>
      <c r="AK5974" s="85"/>
      <c r="AL5974" s="85"/>
      <c r="AM5974" s="92"/>
      <c r="AN5974" s="92"/>
      <c r="AO5974" s="92"/>
      <c r="AP5974" s="92"/>
      <c r="AQ5974" s="92"/>
      <c r="AR5974" s="92"/>
      <c r="AS5974" s="92"/>
      <c r="AT5974" s="92"/>
      <c r="AU5974" s="92"/>
      <c r="AV5974" s="92"/>
      <c r="AW5974" s="92"/>
      <c r="AX5974" s="92"/>
      <c r="AY5974" s="92"/>
      <c r="AZ5974" s="93"/>
      <c r="BA5974" s="93"/>
      <c r="BB5974" s="93"/>
      <c r="BC5974" s="93"/>
      <c r="BD5974" s="93"/>
      <c r="BE5974" s="93"/>
      <c r="BF5974" s="93"/>
      <c r="BG5974" s="93"/>
      <c r="BH5974" s="93"/>
      <c r="BI5974" s="93"/>
      <c r="BJ5974" s="93"/>
      <c r="BK5974" s="93"/>
      <c r="BL5974" s="93"/>
    </row>
    <row r="5975" spans="2:64" x14ac:dyDescent="0.2">
      <c r="B5975" s="43"/>
      <c r="C5975" s="73"/>
      <c r="D5975" s="64"/>
      <c r="E5975" s="55"/>
      <c r="F5975" s="74"/>
      <c r="G5975" s="74"/>
      <c r="H5975" s="74"/>
      <c r="I5975" s="75"/>
      <c r="J5975" s="74"/>
      <c r="L5975" s="55"/>
      <c r="M5975" s="234"/>
      <c r="N5975" s="65"/>
      <c r="O5975" s="76"/>
      <c r="P5975" s="76"/>
      <c r="Q5975" s="65"/>
      <c r="R5975" s="76"/>
      <c r="S5975" s="76"/>
      <c r="T5975" s="76"/>
      <c r="U5975" s="76"/>
      <c r="V5975" s="76"/>
      <c r="W5975" s="76"/>
      <c r="X5975" s="76"/>
      <c r="Y5975" s="76"/>
      <c r="Z5975" s="76"/>
      <c r="AA5975" s="85"/>
      <c r="AB5975" s="85"/>
      <c r="AC5975" s="85"/>
      <c r="AD5975" s="85"/>
      <c r="AE5975" s="85"/>
      <c r="AF5975" s="85"/>
      <c r="AG5975" s="86"/>
      <c r="AH5975" s="85"/>
      <c r="AI5975" s="85"/>
      <c r="AJ5975" s="85"/>
      <c r="AK5975" s="85"/>
      <c r="AL5975" s="85"/>
      <c r="AM5975" s="92"/>
      <c r="AN5975" s="92"/>
      <c r="AO5975" s="92"/>
      <c r="AP5975" s="92"/>
      <c r="AQ5975" s="92"/>
      <c r="AR5975" s="92"/>
      <c r="AS5975" s="92"/>
      <c r="AT5975" s="92"/>
      <c r="AU5975" s="92"/>
      <c r="AV5975" s="92"/>
      <c r="AW5975" s="92"/>
      <c r="AX5975" s="92"/>
      <c r="AY5975" s="92"/>
      <c r="AZ5975" s="93"/>
      <c r="BA5975" s="93"/>
      <c r="BB5975" s="93"/>
      <c r="BC5975" s="93"/>
      <c r="BD5975" s="93"/>
      <c r="BE5975" s="93"/>
      <c r="BF5975" s="93"/>
      <c r="BG5975" s="93"/>
      <c r="BH5975" s="93"/>
      <c r="BI5975" s="93"/>
      <c r="BJ5975" s="93"/>
      <c r="BK5975" s="93"/>
      <c r="BL5975" s="93"/>
    </row>
    <row r="5976" spans="2:64" x14ac:dyDescent="0.2">
      <c r="B5976" s="43"/>
      <c r="C5976" s="73"/>
      <c r="D5976" s="64"/>
      <c r="E5976" s="55"/>
      <c r="F5976" s="74"/>
      <c r="G5976" s="74"/>
      <c r="H5976" s="74"/>
      <c r="I5976" s="75"/>
      <c r="J5976" s="74"/>
      <c r="L5976" s="55"/>
      <c r="M5976" s="234"/>
      <c r="N5976" s="65"/>
      <c r="O5976" s="76"/>
      <c r="P5976" s="76"/>
      <c r="Q5976" s="65"/>
      <c r="R5976" s="76"/>
      <c r="S5976" s="76"/>
      <c r="T5976" s="76"/>
      <c r="U5976" s="76"/>
      <c r="V5976" s="76"/>
      <c r="W5976" s="76"/>
      <c r="X5976" s="76"/>
      <c r="Y5976" s="76"/>
      <c r="Z5976" s="76"/>
      <c r="AA5976" s="85"/>
      <c r="AB5976" s="85"/>
      <c r="AC5976" s="85"/>
      <c r="AD5976" s="85"/>
      <c r="AE5976" s="85"/>
      <c r="AF5976" s="85"/>
      <c r="AG5976" s="86"/>
      <c r="AH5976" s="85"/>
      <c r="AI5976" s="85"/>
      <c r="AJ5976" s="85"/>
      <c r="AK5976" s="85"/>
      <c r="AL5976" s="85"/>
      <c r="AM5976" s="92"/>
      <c r="AN5976" s="92"/>
      <c r="AO5976" s="92"/>
      <c r="AP5976" s="92"/>
      <c r="AQ5976" s="92"/>
      <c r="AR5976" s="92"/>
      <c r="AS5976" s="92"/>
      <c r="AT5976" s="92"/>
      <c r="AU5976" s="92"/>
      <c r="AV5976" s="92"/>
      <c r="AW5976" s="92"/>
      <c r="AX5976" s="92"/>
      <c r="AY5976" s="92"/>
      <c r="AZ5976" s="93"/>
      <c r="BA5976" s="93"/>
      <c r="BB5976" s="93"/>
      <c r="BC5976" s="93"/>
      <c r="BD5976" s="93"/>
      <c r="BE5976" s="93"/>
      <c r="BF5976" s="93"/>
      <c r="BG5976" s="93"/>
      <c r="BH5976" s="93"/>
      <c r="BI5976" s="93"/>
      <c r="BJ5976" s="93"/>
      <c r="BK5976" s="93"/>
      <c r="BL5976" s="93"/>
    </row>
    <row r="5977" spans="2:64" x14ac:dyDescent="0.2">
      <c r="B5977" s="43"/>
      <c r="C5977" s="73"/>
      <c r="D5977" s="64"/>
      <c r="E5977" s="55"/>
      <c r="F5977" s="74"/>
      <c r="G5977" s="74"/>
      <c r="H5977" s="74"/>
      <c r="I5977" s="75"/>
      <c r="J5977" s="74"/>
      <c r="L5977" s="55"/>
      <c r="M5977" s="234"/>
      <c r="N5977" s="65"/>
      <c r="O5977" s="76"/>
      <c r="P5977" s="76"/>
      <c r="Q5977" s="65"/>
      <c r="R5977" s="76"/>
      <c r="S5977" s="76"/>
      <c r="T5977" s="76"/>
      <c r="U5977" s="76"/>
      <c r="V5977" s="76"/>
      <c r="W5977" s="76"/>
      <c r="X5977" s="76"/>
      <c r="Y5977" s="76"/>
      <c r="Z5977" s="76"/>
      <c r="AA5977" s="85"/>
      <c r="AB5977" s="85"/>
      <c r="AC5977" s="85"/>
      <c r="AD5977" s="85"/>
      <c r="AE5977" s="85"/>
      <c r="AF5977" s="85"/>
      <c r="AG5977" s="86"/>
      <c r="AH5977" s="85"/>
      <c r="AI5977" s="85"/>
      <c r="AJ5977" s="85"/>
      <c r="AK5977" s="85"/>
      <c r="AL5977" s="85"/>
      <c r="AM5977" s="92"/>
      <c r="AN5977" s="92"/>
      <c r="AO5977" s="92"/>
      <c r="AP5977" s="92"/>
      <c r="AQ5977" s="92"/>
      <c r="AR5977" s="92"/>
      <c r="AS5977" s="92"/>
      <c r="AT5977" s="92"/>
      <c r="AU5977" s="92"/>
      <c r="AV5977" s="92"/>
      <c r="AW5977" s="92"/>
      <c r="AX5977" s="92"/>
      <c r="AY5977" s="92"/>
      <c r="AZ5977" s="93"/>
      <c r="BA5977" s="93"/>
      <c r="BB5977" s="93"/>
      <c r="BC5977" s="93"/>
      <c r="BD5977" s="93"/>
      <c r="BE5977" s="93"/>
      <c r="BF5977" s="93"/>
      <c r="BG5977" s="93"/>
      <c r="BH5977" s="93"/>
      <c r="BI5977" s="93"/>
      <c r="BJ5977" s="93"/>
      <c r="BK5977" s="93"/>
      <c r="BL5977" s="93"/>
    </row>
    <row r="5978" spans="2:64" x14ac:dyDescent="0.2">
      <c r="B5978" s="43"/>
      <c r="C5978" s="73"/>
      <c r="D5978" s="64"/>
      <c r="E5978" s="55"/>
      <c r="F5978" s="74"/>
      <c r="G5978" s="74"/>
      <c r="H5978" s="74"/>
      <c r="I5978" s="75"/>
      <c r="J5978" s="74"/>
      <c r="L5978" s="55"/>
      <c r="M5978" s="234"/>
      <c r="N5978" s="65"/>
      <c r="O5978" s="76"/>
      <c r="P5978" s="76"/>
      <c r="Q5978" s="65"/>
      <c r="R5978" s="76"/>
      <c r="S5978" s="76"/>
      <c r="T5978" s="76"/>
      <c r="U5978" s="76"/>
      <c r="V5978" s="76"/>
      <c r="W5978" s="76"/>
      <c r="X5978" s="76"/>
      <c r="Y5978" s="76"/>
      <c r="Z5978" s="76"/>
      <c r="AA5978" s="85"/>
      <c r="AB5978" s="85"/>
      <c r="AC5978" s="85"/>
      <c r="AD5978" s="85"/>
      <c r="AE5978" s="85"/>
      <c r="AF5978" s="85"/>
      <c r="AG5978" s="86"/>
      <c r="AH5978" s="85"/>
      <c r="AI5978" s="85"/>
      <c r="AJ5978" s="85"/>
      <c r="AK5978" s="85"/>
      <c r="AL5978" s="85"/>
      <c r="AM5978" s="92"/>
      <c r="AN5978" s="92"/>
      <c r="AO5978" s="92"/>
      <c r="AP5978" s="92"/>
      <c r="AQ5978" s="92"/>
      <c r="AR5978" s="92"/>
      <c r="AS5978" s="92"/>
      <c r="AT5978" s="92"/>
      <c r="AU5978" s="92"/>
      <c r="AV5978" s="92"/>
      <c r="AW5978" s="92"/>
      <c r="AX5978" s="92"/>
      <c r="AY5978" s="92"/>
      <c r="AZ5978" s="93"/>
      <c r="BA5978" s="93"/>
      <c r="BB5978" s="93"/>
      <c r="BC5978" s="93"/>
      <c r="BD5978" s="93"/>
      <c r="BE5978" s="93"/>
      <c r="BF5978" s="93"/>
      <c r="BG5978" s="93"/>
      <c r="BH5978" s="93"/>
      <c r="BI5978" s="93"/>
      <c r="BJ5978" s="93"/>
      <c r="BK5978" s="93"/>
      <c r="BL5978" s="93"/>
    </row>
    <row r="5979" spans="2:64" x14ac:dyDescent="0.2">
      <c r="B5979" s="43"/>
      <c r="C5979" s="73"/>
      <c r="D5979" s="64"/>
      <c r="E5979" s="55"/>
      <c r="F5979" s="74"/>
      <c r="G5979" s="74"/>
      <c r="H5979" s="74"/>
      <c r="I5979" s="75"/>
      <c r="J5979" s="74"/>
      <c r="L5979" s="55"/>
      <c r="M5979" s="234"/>
      <c r="N5979" s="65"/>
      <c r="O5979" s="76"/>
      <c r="P5979" s="76"/>
      <c r="Q5979" s="65"/>
      <c r="R5979" s="76"/>
      <c r="S5979" s="76"/>
      <c r="T5979" s="76"/>
      <c r="U5979" s="76"/>
      <c r="V5979" s="76"/>
      <c r="W5979" s="76"/>
      <c r="X5979" s="76"/>
      <c r="Y5979" s="76"/>
      <c r="Z5979" s="76"/>
      <c r="AA5979" s="85"/>
      <c r="AB5979" s="85"/>
      <c r="AC5979" s="85"/>
      <c r="AD5979" s="85"/>
      <c r="AE5979" s="85"/>
      <c r="AF5979" s="85"/>
      <c r="AG5979" s="86"/>
      <c r="AH5979" s="85"/>
      <c r="AI5979" s="85"/>
      <c r="AJ5979" s="85"/>
      <c r="AK5979" s="85"/>
      <c r="AL5979" s="85"/>
      <c r="AM5979" s="92"/>
      <c r="AN5979" s="92"/>
      <c r="AO5979" s="92"/>
      <c r="AP5979" s="92"/>
      <c r="AQ5979" s="92"/>
      <c r="AR5979" s="92"/>
      <c r="AS5979" s="92"/>
      <c r="AT5979" s="92"/>
      <c r="AU5979" s="92"/>
      <c r="AV5979" s="92"/>
      <c r="AW5979" s="92"/>
      <c r="AX5979" s="92"/>
      <c r="AY5979" s="92"/>
      <c r="AZ5979" s="93"/>
      <c r="BA5979" s="93"/>
      <c r="BB5979" s="93"/>
      <c r="BC5979" s="93"/>
      <c r="BD5979" s="93"/>
      <c r="BE5979" s="93"/>
      <c r="BF5979" s="93"/>
      <c r="BG5979" s="93"/>
      <c r="BH5979" s="93"/>
      <c r="BI5979" s="93"/>
      <c r="BJ5979" s="93"/>
      <c r="BK5979" s="93"/>
      <c r="BL5979" s="93"/>
    </row>
    <row r="5980" spans="2:64" x14ac:dyDescent="0.2">
      <c r="B5980" s="43"/>
      <c r="C5980" s="73"/>
      <c r="D5980" s="64"/>
      <c r="E5980" s="55"/>
      <c r="F5980" s="74"/>
      <c r="G5980" s="74"/>
      <c r="H5980" s="74"/>
      <c r="I5980" s="75"/>
      <c r="J5980" s="74"/>
      <c r="L5980" s="55"/>
      <c r="M5980" s="234"/>
      <c r="N5980" s="65"/>
      <c r="O5980" s="76"/>
      <c r="P5980" s="76"/>
      <c r="Q5980" s="65"/>
      <c r="R5980" s="76"/>
      <c r="S5980" s="76"/>
      <c r="T5980" s="76"/>
      <c r="U5980" s="76"/>
      <c r="V5980" s="76"/>
      <c r="W5980" s="76"/>
      <c r="X5980" s="76"/>
      <c r="Y5980" s="76"/>
      <c r="Z5980" s="76"/>
      <c r="AA5980" s="85"/>
      <c r="AB5980" s="85"/>
      <c r="AC5980" s="85"/>
      <c r="AD5980" s="85"/>
      <c r="AE5980" s="85"/>
      <c r="AF5980" s="85"/>
      <c r="AG5980" s="86"/>
      <c r="AH5980" s="85"/>
      <c r="AI5980" s="85"/>
      <c r="AJ5980" s="85"/>
      <c r="AK5980" s="85"/>
      <c r="AL5980" s="85"/>
      <c r="AM5980" s="92"/>
      <c r="AN5980" s="92"/>
      <c r="AO5980" s="92"/>
      <c r="AP5980" s="92"/>
      <c r="AQ5980" s="92"/>
      <c r="AR5980" s="92"/>
      <c r="AS5980" s="92"/>
      <c r="AT5980" s="92"/>
      <c r="AU5980" s="92"/>
      <c r="AV5980" s="92"/>
      <c r="AW5980" s="92"/>
      <c r="AX5980" s="92"/>
      <c r="AY5980" s="92"/>
      <c r="AZ5980" s="93"/>
      <c r="BA5980" s="93"/>
      <c r="BB5980" s="93"/>
      <c r="BC5980" s="93"/>
      <c r="BD5980" s="93"/>
      <c r="BE5980" s="93"/>
      <c r="BF5980" s="93"/>
      <c r="BG5980" s="93"/>
      <c r="BH5980" s="93"/>
      <c r="BI5980" s="93"/>
      <c r="BJ5980" s="93"/>
      <c r="BK5980" s="93"/>
      <c r="BL5980" s="93"/>
    </row>
    <row r="5981" spans="2:64" x14ac:dyDescent="0.2">
      <c r="B5981" s="43"/>
      <c r="C5981" s="73"/>
      <c r="D5981" s="64"/>
      <c r="E5981" s="55"/>
      <c r="F5981" s="74"/>
      <c r="G5981" s="74"/>
      <c r="H5981" s="74"/>
      <c r="I5981" s="75"/>
      <c r="J5981" s="74"/>
      <c r="L5981" s="55"/>
      <c r="M5981" s="234"/>
      <c r="N5981" s="65"/>
      <c r="O5981" s="76"/>
      <c r="P5981" s="76"/>
      <c r="Q5981" s="65"/>
      <c r="R5981" s="76"/>
      <c r="S5981" s="76"/>
      <c r="T5981" s="76"/>
      <c r="U5981" s="76"/>
      <c r="V5981" s="76"/>
      <c r="W5981" s="76"/>
      <c r="X5981" s="76"/>
      <c r="Y5981" s="76"/>
      <c r="Z5981" s="76"/>
      <c r="AA5981" s="85"/>
      <c r="AB5981" s="85"/>
      <c r="AC5981" s="85"/>
      <c r="AD5981" s="85"/>
      <c r="AE5981" s="85"/>
      <c r="AF5981" s="85"/>
      <c r="AG5981" s="86"/>
      <c r="AH5981" s="85"/>
      <c r="AI5981" s="85"/>
      <c r="AJ5981" s="85"/>
      <c r="AK5981" s="85"/>
      <c r="AL5981" s="85"/>
      <c r="AM5981" s="92"/>
      <c r="AN5981" s="92"/>
      <c r="AO5981" s="92"/>
      <c r="AP5981" s="92"/>
      <c r="AQ5981" s="92"/>
      <c r="AR5981" s="92"/>
      <c r="AS5981" s="92"/>
      <c r="AT5981" s="92"/>
      <c r="AU5981" s="92"/>
      <c r="AV5981" s="92"/>
      <c r="AW5981" s="92"/>
      <c r="AX5981" s="92"/>
      <c r="AY5981" s="92"/>
      <c r="AZ5981" s="93"/>
      <c r="BA5981" s="93"/>
      <c r="BB5981" s="93"/>
      <c r="BC5981" s="93"/>
      <c r="BD5981" s="93"/>
      <c r="BE5981" s="93"/>
      <c r="BF5981" s="93"/>
      <c r="BG5981" s="93"/>
      <c r="BH5981" s="93"/>
      <c r="BI5981" s="93"/>
      <c r="BJ5981" s="93"/>
      <c r="BK5981" s="93"/>
      <c r="BL5981" s="93"/>
    </row>
    <row r="5982" spans="2:64" x14ac:dyDescent="0.2">
      <c r="B5982" s="43"/>
      <c r="C5982" s="73"/>
      <c r="D5982" s="64"/>
      <c r="E5982" s="55"/>
      <c r="F5982" s="74"/>
      <c r="G5982" s="74"/>
      <c r="H5982" s="74"/>
      <c r="I5982" s="75"/>
      <c r="J5982" s="74"/>
      <c r="L5982" s="55"/>
      <c r="M5982" s="234"/>
      <c r="N5982" s="65"/>
      <c r="O5982" s="76"/>
      <c r="P5982" s="76"/>
      <c r="Q5982" s="65"/>
      <c r="R5982" s="76"/>
      <c r="S5982" s="76"/>
      <c r="T5982" s="76"/>
      <c r="U5982" s="76"/>
      <c r="V5982" s="76"/>
      <c r="W5982" s="76"/>
      <c r="X5982" s="76"/>
      <c r="Y5982" s="76"/>
      <c r="Z5982" s="76"/>
      <c r="AA5982" s="85"/>
      <c r="AB5982" s="85"/>
      <c r="AC5982" s="85"/>
      <c r="AD5982" s="85"/>
      <c r="AE5982" s="85"/>
      <c r="AF5982" s="85"/>
      <c r="AG5982" s="86"/>
      <c r="AH5982" s="85"/>
      <c r="AI5982" s="85"/>
      <c r="AJ5982" s="85"/>
      <c r="AK5982" s="85"/>
      <c r="AL5982" s="85"/>
      <c r="AM5982" s="92"/>
      <c r="AN5982" s="92"/>
      <c r="AO5982" s="92"/>
      <c r="AP5982" s="92"/>
      <c r="AQ5982" s="92"/>
      <c r="AR5982" s="92"/>
      <c r="AS5982" s="92"/>
      <c r="AT5982" s="92"/>
      <c r="AU5982" s="92"/>
      <c r="AV5982" s="92"/>
      <c r="AW5982" s="92"/>
      <c r="AX5982" s="92"/>
      <c r="AY5982" s="92"/>
      <c r="AZ5982" s="93"/>
      <c r="BA5982" s="93"/>
      <c r="BB5982" s="93"/>
      <c r="BC5982" s="93"/>
      <c r="BD5982" s="93"/>
      <c r="BE5982" s="93"/>
      <c r="BF5982" s="93"/>
      <c r="BG5982" s="93"/>
      <c r="BH5982" s="93"/>
      <c r="BI5982" s="93"/>
      <c r="BJ5982" s="93"/>
      <c r="BK5982" s="93"/>
      <c r="BL5982" s="93"/>
    </row>
    <row r="5983" spans="2:64" x14ac:dyDescent="0.2">
      <c r="B5983" s="43"/>
      <c r="C5983" s="73"/>
      <c r="D5983" s="64"/>
      <c r="E5983" s="55"/>
      <c r="F5983" s="74"/>
      <c r="G5983" s="74"/>
      <c r="H5983" s="74"/>
      <c r="I5983" s="75"/>
      <c r="J5983" s="74"/>
      <c r="L5983" s="55"/>
      <c r="M5983" s="234"/>
      <c r="N5983" s="65"/>
      <c r="O5983" s="76"/>
      <c r="P5983" s="76"/>
      <c r="Q5983" s="65"/>
      <c r="R5983" s="76"/>
      <c r="S5983" s="76"/>
      <c r="T5983" s="76"/>
      <c r="U5983" s="76"/>
      <c r="V5983" s="76"/>
      <c r="W5983" s="76"/>
      <c r="X5983" s="76"/>
      <c r="Y5983" s="76"/>
      <c r="Z5983" s="76"/>
      <c r="AA5983" s="85"/>
      <c r="AB5983" s="85"/>
      <c r="AC5983" s="85"/>
      <c r="AD5983" s="85"/>
      <c r="AE5983" s="85"/>
      <c r="AF5983" s="85"/>
      <c r="AG5983" s="86"/>
      <c r="AH5983" s="85"/>
      <c r="AI5983" s="85"/>
      <c r="AJ5983" s="85"/>
      <c r="AK5983" s="85"/>
      <c r="AL5983" s="85"/>
      <c r="AM5983" s="92"/>
      <c r="AN5983" s="92"/>
      <c r="AO5983" s="92"/>
      <c r="AP5983" s="92"/>
      <c r="AQ5983" s="92"/>
      <c r="AR5983" s="92"/>
      <c r="AS5983" s="92"/>
      <c r="AT5983" s="92"/>
      <c r="AU5983" s="92"/>
      <c r="AV5983" s="92"/>
      <c r="AW5983" s="92"/>
      <c r="AX5983" s="92"/>
      <c r="AY5983" s="92"/>
      <c r="AZ5983" s="93"/>
      <c r="BA5983" s="93"/>
      <c r="BB5983" s="93"/>
      <c r="BC5983" s="93"/>
      <c r="BD5983" s="93"/>
      <c r="BE5983" s="93"/>
      <c r="BF5983" s="93"/>
      <c r="BG5983" s="93"/>
      <c r="BH5983" s="93"/>
      <c r="BI5983" s="93"/>
      <c r="BJ5983" s="93"/>
      <c r="BK5983" s="93"/>
      <c r="BL5983" s="93"/>
    </row>
    <row r="5984" spans="2:64" x14ac:dyDescent="0.2">
      <c r="B5984" s="43"/>
      <c r="C5984" s="73"/>
      <c r="D5984" s="64"/>
      <c r="E5984" s="55"/>
      <c r="F5984" s="74"/>
      <c r="G5984" s="74"/>
      <c r="H5984" s="74"/>
      <c r="I5984" s="75"/>
      <c r="J5984" s="74"/>
      <c r="L5984" s="55"/>
      <c r="M5984" s="234"/>
      <c r="N5984" s="65"/>
      <c r="O5984" s="76"/>
      <c r="P5984" s="76"/>
      <c r="Q5984" s="65"/>
      <c r="R5984" s="76"/>
      <c r="S5984" s="76"/>
      <c r="T5984" s="76"/>
      <c r="U5984" s="76"/>
      <c r="V5984" s="76"/>
      <c r="W5984" s="76"/>
      <c r="X5984" s="76"/>
      <c r="Y5984" s="76"/>
      <c r="Z5984" s="76"/>
      <c r="AA5984" s="85"/>
      <c r="AB5984" s="85"/>
      <c r="AC5984" s="85"/>
      <c r="AD5984" s="85"/>
      <c r="AE5984" s="85"/>
      <c r="AF5984" s="85"/>
      <c r="AG5984" s="86"/>
      <c r="AH5984" s="85"/>
      <c r="AI5984" s="85"/>
      <c r="AJ5984" s="85"/>
      <c r="AK5984" s="85"/>
      <c r="AL5984" s="85"/>
      <c r="AM5984" s="92"/>
      <c r="AN5984" s="92"/>
      <c r="AO5984" s="92"/>
      <c r="AP5984" s="92"/>
      <c r="AQ5984" s="92"/>
      <c r="AR5984" s="92"/>
      <c r="AS5984" s="92"/>
      <c r="AT5984" s="92"/>
      <c r="AU5984" s="92"/>
      <c r="AV5984" s="92"/>
      <c r="AW5984" s="92"/>
      <c r="AX5984" s="92"/>
      <c r="AY5984" s="92"/>
      <c r="AZ5984" s="93"/>
      <c r="BA5984" s="93"/>
      <c r="BB5984" s="93"/>
      <c r="BC5984" s="93"/>
      <c r="BD5984" s="93"/>
      <c r="BE5984" s="93"/>
      <c r="BF5984" s="93"/>
      <c r="BG5984" s="93"/>
      <c r="BH5984" s="93"/>
      <c r="BI5984" s="93"/>
      <c r="BJ5984" s="93"/>
      <c r="BK5984" s="93"/>
      <c r="BL5984" s="93"/>
    </row>
    <row r="5985" spans="2:64" x14ac:dyDescent="0.2">
      <c r="B5985" s="43"/>
      <c r="C5985" s="73"/>
      <c r="D5985" s="64"/>
      <c r="E5985" s="55"/>
      <c r="F5985" s="74"/>
      <c r="G5985" s="74"/>
      <c r="H5985" s="74"/>
      <c r="I5985" s="75"/>
      <c r="J5985" s="74"/>
      <c r="L5985" s="55"/>
      <c r="M5985" s="234"/>
      <c r="N5985" s="65"/>
      <c r="O5985" s="76"/>
      <c r="P5985" s="76"/>
      <c r="Q5985" s="65"/>
      <c r="R5985" s="76"/>
      <c r="S5985" s="76"/>
      <c r="T5985" s="76"/>
      <c r="U5985" s="76"/>
      <c r="V5985" s="76"/>
      <c r="W5985" s="76"/>
      <c r="X5985" s="76"/>
      <c r="Y5985" s="76"/>
      <c r="Z5985" s="76"/>
      <c r="AA5985" s="85"/>
      <c r="AB5985" s="85"/>
      <c r="AC5985" s="85"/>
      <c r="AD5985" s="85"/>
      <c r="AE5985" s="85"/>
      <c r="AF5985" s="85"/>
      <c r="AG5985" s="86"/>
      <c r="AH5985" s="85"/>
      <c r="AI5985" s="85"/>
      <c r="AJ5985" s="85"/>
      <c r="AK5985" s="85"/>
      <c r="AL5985" s="85"/>
      <c r="AM5985" s="92"/>
      <c r="AN5985" s="92"/>
      <c r="AO5985" s="92"/>
      <c r="AP5985" s="92"/>
      <c r="AQ5985" s="92"/>
      <c r="AR5985" s="92"/>
      <c r="AS5985" s="92"/>
      <c r="AT5985" s="92"/>
      <c r="AU5985" s="92"/>
      <c r="AV5985" s="92"/>
      <c r="AW5985" s="92"/>
      <c r="AX5985" s="92"/>
      <c r="AY5985" s="92"/>
      <c r="AZ5985" s="93"/>
      <c r="BA5985" s="93"/>
      <c r="BB5985" s="93"/>
      <c r="BC5985" s="93"/>
      <c r="BD5985" s="93"/>
      <c r="BE5985" s="93"/>
      <c r="BF5985" s="93"/>
      <c r="BG5985" s="93"/>
      <c r="BH5985" s="93"/>
      <c r="BI5985" s="93"/>
      <c r="BJ5985" s="93"/>
      <c r="BK5985" s="93"/>
      <c r="BL5985" s="93"/>
    </row>
    <row r="5986" spans="2:64" x14ac:dyDescent="0.2">
      <c r="B5986" s="43"/>
      <c r="C5986" s="73"/>
      <c r="D5986" s="64"/>
      <c r="E5986" s="55"/>
      <c r="F5986" s="74"/>
      <c r="G5986" s="74"/>
      <c r="H5986" s="74"/>
      <c r="I5986" s="75"/>
      <c r="J5986" s="74"/>
      <c r="L5986" s="55"/>
      <c r="M5986" s="234"/>
      <c r="N5986" s="65"/>
      <c r="O5986" s="76"/>
      <c r="P5986" s="76"/>
      <c r="Q5986" s="65"/>
      <c r="R5986" s="76"/>
      <c r="S5986" s="76"/>
      <c r="T5986" s="76"/>
      <c r="U5986" s="76"/>
      <c r="V5986" s="76"/>
      <c r="W5986" s="76"/>
      <c r="X5986" s="76"/>
      <c r="Y5986" s="76"/>
      <c r="Z5986" s="76"/>
      <c r="AA5986" s="85"/>
      <c r="AB5986" s="85"/>
      <c r="AC5986" s="85"/>
      <c r="AD5986" s="85"/>
      <c r="AE5986" s="85"/>
      <c r="AF5986" s="85"/>
      <c r="AG5986" s="86"/>
      <c r="AH5986" s="85"/>
      <c r="AI5986" s="85"/>
      <c r="AJ5986" s="85"/>
      <c r="AK5986" s="85"/>
      <c r="AL5986" s="85"/>
      <c r="AM5986" s="92"/>
      <c r="AN5986" s="92"/>
      <c r="AO5986" s="92"/>
      <c r="AP5986" s="92"/>
      <c r="AQ5986" s="92"/>
      <c r="AR5986" s="92"/>
      <c r="AS5986" s="92"/>
      <c r="AT5986" s="92"/>
      <c r="AU5986" s="92"/>
      <c r="AV5986" s="92"/>
      <c r="AW5986" s="92"/>
      <c r="AX5986" s="92"/>
      <c r="AY5986" s="92"/>
      <c r="AZ5986" s="93"/>
      <c r="BA5986" s="93"/>
      <c r="BB5986" s="93"/>
      <c r="BC5986" s="93"/>
      <c r="BD5986" s="93"/>
      <c r="BE5986" s="93"/>
      <c r="BF5986" s="93"/>
      <c r="BG5986" s="93"/>
      <c r="BH5986" s="93"/>
      <c r="BI5986" s="93"/>
      <c r="BJ5986" s="93"/>
      <c r="BK5986" s="93"/>
      <c r="BL5986" s="93"/>
    </row>
    <row r="5987" spans="2:64" x14ac:dyDescent="0.2">
      <c r="B5987" s="43"/>
      <c r="C5987" s="73"/>
      <c r="D5987" s="64"/>
      <c r="E5987" s="55"/>
      <c r="F5987" s="74"/>
      <c r="G5987" s="74"/>
      <c r="H5987" s="74"/>
      <c r="I5987" s="75"/>
      <c r="J5987" s="74"/>
      <c r="L5987" s="55"/>
      <c r="M5987" s="234"/>
      <c r="N5987" s="65"/>
      <c r="O5987" s="76"/>
      <c r="P5987" s="76"/>
      <c r="Q5987" s="65"/>
      <c r="R5987" s="76"/>
      <c r="S5987" s="76"/>
      <c r="T5987" s="76"/>
      <c r="U5987" s="76"/>
      <c r="V5987" s="76"/>
      <c r="W5987" s="76"/>
      <c r="X5987" s="76"/>
      <c r="Y5987" s="76"/>
      <c r="Z5987" s="76"/>
      <c r="AA5987" s="85"/>
      <c r="AB5987" s="85"/>
      <c r="AC5987" s="85"/>
      <c r="AD5987" s="85"/>
      <c r="AE5987" s="85"/>
      <c r="AF5987" s="85"/>
      <c r="AG5987" s="86"/>
      <c r="AH5987" s="85"/>
      <c r="AI5987" s="85"/>
      <c r="AJ5987" s="85"/>
      <c r="AK5987" s="85"/>
      <c r="AL5987" s="85"/>
      <c r="AM5987" s="92"/>
      <c r="AN5987" s="92"/>
      <c r="AO5987" s="92"/>
      <c r="AP5987" s="92"/>
      <c r="AQ5987" s="92"/>
      <c r="AR5987" s="92"/>
      <c r="AS5987" s="92"/>
      <c r="AT5987" s="92"/>
      <c r="AU5987" s="92"/>
      <c r="AV5987" s="92"/>
      <c r="AW5987" s="92"/>
      <c r="AX5987" s="92"/>
      <c r="AY5987" s="92"/>
      <c r="AZ5987" s="93"/>
      <c r="BA5987" s="93"/>
      <c r="BB5987" s="93"/>
      <c r="BC5987" s="93"/>
      <c r="BD5987" s="93"/>
      <c r="BE5987" s="93"/>
      <c r="BF5987" s="93"/>
      <c r="BG5987" s="93"/>
      <c r="BH5987" s="93"/>
      <c r="BI5987" s="93"/>
      <c r="BJ5987" s="93"/>
      <c r="BK5987" s="93"/>
      <c r="BL5987" s="93"/>
    </row>
    <row r="5988" spans="2:64" x14ac:dyDescent="0.2">
      <c r="B5988" s="43"/>
      <c r="C5988" s="73"/>
      <c r="D5988" s="64"/>
      <c r="E5988" s="55"/>
      <c r="F5988" s="74"/>
      <c r="G5988" s="74"/>
      <c r="H5988" s="74"/>
      <c r="I5988" s="75"/>
      <c r="J5988" s="74"/>
      <c r="L5988" s="55"/>
      <c r="M5988" s="234"/>
      <c r="N5988" s="65"/>
      <c r="O5988" s="76"/>
      <c r="P5988" s="76"/>
      <c r="Q5988" s="65"/>
      <c r="R5988" s="76"/>
      <c r="S5988" s="76"/>
      <c r="T5988" s="76"/>
      <c r="U5988" s="76"/>
      <c r="V5988" s="76"/>
      <c r="W5988" s="76"/>
      <c r="X5988" s="76"/>
      <c r="Y5988" s="76"/>
      <c r="Z5988" s="76"/>
      <c r="AA5988" s="85"/>
      <c r="AB5988" s="85"/>
      <c r="AC5988" s="85"/>
      <c r="AD5988" s="85"/>
      <c r="AE5988" s="85"/>
      <c r="AF5988" s="85"/>
      <c r="AG5988" s="86"/>
      <c r="AH5988" s="85"/>
      <c r="AI5988" s="85"/>
      <c r="AJ5988" s="85"/>
      <c r="AK5988" s="85"/>
      <c r="AL5988" s="85"/>
      <c r="AM5988" s="92"/>
      <c r="AN5988" s="92"/>
      <c r="AO5988" s="92"/>
      <c r="AP5988" s="92"/>
      <c r="AQ5988" s="92"/>
      <c r="AR5988" s="92"/>
      <c r="AS5988" s="92"/>
      <c r="AT5988" s="92"/>
      <c r="AU5988" s="92"/>
      <c r="AV5988" s="92"/>
      <c r="AW5988" s="92"/>
      <c r="AX5988" s="92"/>
      <c r="AY5988" s="92"/>
      <c r="AZ5988" s="93"/>
      <c r="BA5988" s="93"/>
      <c r="BB5988" s="93"/>
      <c r="BC5988" s="93"/>
      <c r="BD5988" s="93"/>
      <c r="BE5988" s="93"/>
      <c r="BF5988" s="93"/>
      <c r="BG5988" s="93"/>
      <c r="BH5988" s="93"/>
      <c r="BI5988" s="93"/>
      <c r="BJ5988" s="93"/>
      <c r="BK5988" s="93"/>
      <c r="BL5988" s="93"/>
    </row>
    <row r="5989" spans="2:64" x14ac:dyDescent="0.2">
      <c r="B5989" s="43"/>
      <c r="C5989" s="73"/>
      <c r="D5989" s="64"/>
      <c r="E5989" s="55"/>
      <c r="F5989" s="74"/>
      <c r="G5989" s="74"/>
      <c r="H5989" s="74"/>
      <c r="I5989" s="75"/>
      <c r="J5989" s="74"/>
      <c r="L5989" s="55"/>
      <c r="M5989" s="234"/>
      <c r="N5989" s="65"/>
      <c r="O5989" s="76"/>
      <c r="P5989" s="76"/>
      <c r="Q5989" s="65"/>
      <c r="R5989" s="76"/>
      <c r="S5989" s="76"/>
      <c r="T5989" s="76"/>
      <c r="U5989" s="76"/>
      <c r="V5989" s="76"/>
      <c r="W5989" s="76"/>
      <c r="X5989" s="76"/>
      <c r="Y5989" s="76"/>
      <c r="Z5989" s="76"/>
      <c r="AA5989" s="85"/>
      <c r="AB5989" s="85"/>
      <c r="AC5989" s="85"/>
      <c r="AD5989" s="85"/>
      <c r="AE5989" s="85"/>
      <c r="AF5989" s="85"/>
      <c r="AG5989" s="86"/>
      <c r="AH5989" s="85"/>
      <c r="AI5989" s="85"/>
      <c r="AJ5989" s="85"/>
      <c r="AK5989" s="85"/>
      <c r="AL5989" s="85"/>
      <c r="AM5989" s="92"/>
      <c r="AN5989" s="92"/>
      <c r="AO5989" s="92"/>
      <c r="AP5989" s="92"/>
      <c r="AQ5989" s="92"/>
      <c r="AR5989" s="92"/>
      <c r="AS5989" s="92"/>
      <c r="AT5989" s="92"/>
      <c r="AU5989" s="92"/>
      <c r="AV5989" s="92"/>
      <c r="AW5989" s="92"/>
      <c r="AX5989" s="92"/>
      <c r="AY5989" s="92"/>
      <c r="AZ5989" s="93"/>
      <c r="BA5989" s="93"/>
      <c r="BB5989" s="93"/>
      <c r="BC5989" s="93"/>
      <c r="BD5989" s="93"/>
      <c r="BE5989" s="93"/>
      <c r="BF5989" s="93"/>
      <c r="BG5989" s="93"/>
      <c r="BH5989" s="93"/>
      <c r="BI5989" s="93"/>
      <c r="BJ5989" s="93"/>
      <c r="BK5989" s="93"/>
      <c r="BL5989" s="93"/>
    </row>
    <row r="5990" spans="2:64" x14ac:dyDescent="0.2">
      <c r="B5990" s="43"/>
      <c r="C5990" s="73"/>
      <c r="D5990" s="64"/>
      <c r="E5990" s="55"/>
      <c r="F5990" s="74"/>
      <c r="G5990" s="74"/>
      <c r="H5990" s="74"/>
      <c r="I5990" s="75"/>
      <c r="J5990" s="74"/>
      <c r="L5990" s="55"/>
      <c r="M5990" s="234"/>
      <c r="N5990" s="65"/>
      <c r="O5990" s="76"/>
      <c r="P5990" s="76"/>
      <c r="Q5990" s="65"/>
      <c r="R5990" s="76"/>
      <c r="S5990" s="76"/>
      <c r="T5990" s="76"/>
      <c r="U5990" s="76"/>
      <c r="V5990" s="76"/>
      <c r="W5990" s="76"/>
      <c r="X5990" s="76"/>
      <c r="Y5990" s="76"/>
      <c r="Z5990" s="76"/>
      <c r="AA5990" s="85"/>
      <c r="AB5990" s="85"/>
      <c r="AC5990" s="85"/>
      <c r="AD5990" s="85"/>
      <c r="AE5990" s="85"/>
      <c r="AF5990" s="85"/>
      <c r="AG5990" s="86"/>
      <c r="AH5990" s="85"/>
      <c r="AI5990" s="85"/>
      <c r="AJ5990" s="85"/>
      <c r="AK5990" s="85"/>
      <c r="AL5990" s="85"/>
      <c r="AM5990" s="92"/>
      <c r="AN5990" s="92"/>
      <c r="AO5990" s="92"/>
      <c r="AP5990" s="92"/>
      <c r="AQ5990" s="92"/>
      <c r="AR5990" s="92"/>
      <c r="AS5990" s="92"/>
      <c r="AT5990" s="92"/>
      <c r="AU5990" s="92"/>
      <c r="AV5990" s="92"/>
      <c r="AW5990" s="92"/>
      <c r="AX5990" s="92"/>
      <c r="AY5990" s="92"/>
      <c r="AZ5990" s="93"/>
      <c r="BA5990" s="93"/>
      <c r="BB5990" s="93"/>
      <c r="BC5990" s="93"/>
      <c r="BD5990" s="93"/>
      <c r="BE5990" s="93"/>
      <c r="BF5990" s="93"/>
      <c r="BG5990" s="93"/>
      <c r="BH5990" s="93"/>
      <c r="BI5990" s="93"/>
      <c r="BJ5990" s="93"/>
      <c r="BK5990" s="93"/>
      <c r="BL5990" s="93"/>
    </row>
    <row r="5991" spans="2:64" x14ac:dyDescent="0.2">
      <c r="B5991" s="43"/>
      <c r="C5991" s="73"/>
      <c r="D5991" s="64"/>
      <c r="E5991" s="55"/>
      <c r="F5991" s="74"/>
      <c r="G5991" s="74"/>
      <c r="H5991" s="74"/>
      <c r="I5991" s="75"/>
      <c r="J5991" s="74"/>
      <c r="L5991" s="55"/>
      <c r="M5991" s="234"/>
      <c r="N5991" s="65"/>
      <c r="O5991" s="76"/>
      <c r="P5991" s="76"/>
      <c r="Q5991" s="65"/>
      <c r="R5991" s="76"/>
      <c r="S5991" s="76"/>
      <c r="T5991" s="76"/>
      <c r="U5991" s="76"/>
      <c r="V5991" s="76"/>
      <c r="W5991" s="76"/>
      <c r="X5991" s="76"/>
      <c r="Y5991" s="76"/>
      <c r="Z5991" s="76"/>
      <c r="AA5991" s="85"/>
      <c r="AB5991" s="85"/>
      <c r="AC5991" s="85"/>
      <c r="AD5991" s="85"/>
      <c r="AE5991" s="85"/>
      <c r="AF5991" s="85"/>
      <c r="AG5991" s="86"/>
      <c r="AH5991" s="85"/>
      <c r="AI5991" s="85"/>
      <c r="AJ5991" s="85"/>
      <c r="AK5991" s="85"/>
      <c r="AL5991" s="85"/>
      <c r="AM5991" s="92"/>
      <c r="AN5991" s="92"/>
      <c r="AO5991" s="92"/>
      <c r="AP5991" s="92"/>
      <c r="AQ5991" s="92"/>
      <c r="AR5991" s="92"/>
      <c r="AS5991" s="92"/>
      <c r="AT5991" s="92"/>
      <c r="AU5991" s="92"/>
      <c r="AV5991" s="92"/>
      <c r="AW5991" s="92"/>
      <c r="AX5991" s="92"/>
      <c r="AY5991" s="92"/>
      <c r="AZ5991" s="93"/>
      <c r="BA5991" s="93"/>
      <c r="BB5991" s="93"/>
      <c r="BC5991" s="93"/>
      <c r="BD5991" s="93"/>
      <c r="BE5991" s="93"/>
      <c r="BF5991" s="93"/>
      <c r="BG5991" s="93"/>
      <c r="BH5991" s="93"/>
      <c r="BI5991" s="93"/>
      <c r="BJ5991" s="93"/>
      <c r="BK5991" s="93"/>
      <c r="BL5991" s="93"/>
    </row>
    <row r="5992" spans="2:64" x14ac:dyDescent="0.2">
      <c r="B5992" s="43"/>
      <c r="C5992" s="73"/>
      <c r="D5992" s="64"/>
      <c r="E5992" s="55"/>
      <c r="F5992" s="74"/>
      <c r="G5992" s="74"/>
      <c r="H5992" s="74"/>
      <c r="I5992" s="75"/>
      <c r="J5992" s="74"/>
      <c r="L5992" s="55"/>
      <c r="M5992" s="234"/>
      <c r="N5992" s="65"/>
      <c r="O5992" s="76"/>
      <c r="P5992" s="76"/>
      <c r="Q5992" s="65"/>
      <c r="R5992" s="76"/>
      <c r="S5992" s="76"/>
      <c r="T5992" s="76"/>
      <c r="U5992" s="76"/>
      <c r="V5992" s="76"/>
      <c r="W5992" s="76"/>
      <c r="X5992" s="76"/>
      <c r="Y5992" s="76"/>
      <c r="Z5992" s="76"/>
      <c r="AA5992" s="85"/>
      <c r="AB5992" s="85"/>
      <c r="AC5992" s="85"/>
      <c r="AD5992" s="85"/>
      <c r="AE5992" s="85"/>
      <c r="AF5992" s="85"/>
      <c r="AG5992" s="86"/>
      <c r="AH5992" s="85"/>
      <c r="AI5992" s="85"/>
      <c r="AJ5992" s="85"/>
      <c r="AK5992" s="85"/>
      <c r="AL5992" s="85"/>
      <c r="AM5992" s="92"/>
      <c r="AN5992" s="92"/>
      <c r="AO5992" s="92"/>
      <c r="AP5992" s="92"/>
      <c r="AQ5992" s="92"/>
      <c r="AR5992" s="92"/>
      <c r="AS5992" s="92"/>
      <c r="AT5992" s="92"/>
      <c r="AU5992" s="92"/>
      <c r="AV5992" s="92"/>
      <c r="AW5992" s="92"/>
      <c r="AX5992" s="92"/>
      <c r="AY5992" s="92"/>
      <c r="AZ5992" s="93"/>
      <c r="BA5992" s="93"/>
      <c r="BB5992" s="93"/>
      <c r="BC5992" s="93"/>
      <c r="BD5992" s="93"/>
      <c r="BE5992" s="93"/>
      <c r="BF5992" s="93"/>
      <c r="BG5992" s="93"/>
      <c r="BH5992" s="93"/>
      <c r="BI5992" s="93"/>
      <c r="BJ5992" s="93"/>
      <c r="BK5992" s="93"/>
      <c r="BL5992" s="93"/>
    </row>
    <row r="5993" spans="2:64" x14ac:dyDescent="0.2">
      <c r="B5993" s="43"/>
      <c r="C5993" s="73"/>
      <c r="D5993" s="64"/>
      <c r="E5993" s="55"/>
      <c r="F5993" s="74"/>
      <c r="G5993" s="74"/>
      <c r="H5993" s="74"/>
      <c r="I5993" s="75"/>
      <c r="J5993" s="74"/>
      <c r="L5993" s="55"/>
      <c r="M5993" s="234"/>
      <c r="N5993" s="65"/>
      <c r="O5993" s="76"/>
      <c r="P5993" s="76"/>
      <c r="Q5993" s="65"/>
      <c r="R5993" s="76"/>
      <c r="S5993" s="76"/>
      <c r="T5993" s="76"/>
      <c r="U5993" s="76"/>
      <c r="V5993" s="76"/>
      <c r="W5993" s="76"/>
      <c r="X5993" s="76"/>
      <c r="Y5993" s="76"/>
      <c r="Z5993" s="76"/>
      <c r="AA5993" s="85"/>
      <c r="AB5993" s="85"/>
      <c r="AC5993" s="85"/>
      <c r="AD5993" s="85"/>
      <c r="AE5993" s="85"/>
      <c r="AF5993" s="85"/>
      <c r="AG5993" s="86"/>
      <c r="AH5993" s="85"/>
      <c r="AI5993" s="85"/>
      <c r="AJ5993" s="85"/>
      <c r="AK5993" s="85"/>
      <c r="AL5993" s="85"/>
      <c r="AM5993" s="92"/>
      <c r="AN5993" s="92"/>
      <c r="AO5993" s="92"/>
      <c r="AP5993" s="92"/>
      <c r="AQ5993" s="92"/>
      <c r="AR5993" s="92"/>
      <c r="AS5993" s="92"/>
      <c r="AT5993" s="92"/>
      <c r="AU5993" s="92"/>
      <c r="AV5993" s="92"/>
      <c r="AW5993" s="92"/>
      <c r="AX5993" s="92"/>
      <c r="AY5993" s="92"/>
      <c r="AZ5993" s="93"/>
      <c r="BA5993" s="93"/>
      <c r="BB5993" s="93"/>
      <c r="BC5993" s="93"/>
      <c r="BD5993" s="93"/>
      <c r="BE5993" s="93"/>
      <c r="BF5993" s="93"/>
      <c r="BG5993" s="93"/>
      <c r="BH5993" s="93"/>
      <c r="BI5993" s="93"/>
      <c r="BJ5993" s="93"/>
      <c r="BK5993" s="93"/>
      <c r="BL5993" s="93"/>
    </row>
    <row r="5994" spans="2:64" x14ac:dyDescent="0.2">
      <c r="B5994" s="43"/>
      <c r="C5994" s="73"/>
      <c r="D5994" s="64"/>
      <c r="E5994" s="55"/>
      <c r="F5994" s="74"/>
      <c r="G5994" s="74"/>
      <c r="H5994" s="74"/>
      <c r="I5994" s="75"/>
      <c r="J5994" s="74"/>
      <c r="L5994" s="55"/>
      <c r="M5994" s="234"/>
      <c r="N5994" s="65"/>
      <c r="O5994" s="76"/>
      <c r="P5994" s="76"/>
      <c r="Q5994" s="65"/>
      <c r="R5994" s="76"/>
      <c r="S5994" s="76"/>
      <c r="T5994" s="76"/>
      <c r="U5994" s="76"/>
      <c r="V5994" s="76"/>
      <c r="W5994" s="76"/>
      <c r="X5994" s="76"/>
      <c r="Y5994" s="76"/>
      <c r="Z5994" s="76"/>
      <c r="AA5994" s="85"/>
      <c r="AB5994" s="85"/>
      <c r="AC5994" s="85"/>
      <c r="AD5994" s="85"/>
      <c r="AE5994" s="85"/>
      <c r="AF5994" s="85"/>
      <c r="AG5994" s="86"/>
      <c r="AH5994" s="85"/>
      <c r="AI5994" s="85"/>
      <c r="AJ5994" s="85"/>
      <c r="AK5994" s="85"/>
      <c r="AL5994" s="85"/>
      <c r="AM5994" s="92"/>
      <c r="AN5994" s="92"/>
      <c r="AO5994" s="92"/>
      <c r="AP5994" s="92"/>
      <c r="AQ5994" s="92"/>
      <c r="AR5994" s="92"/>
      <c r="AS5994" s="92"/>
      <c r="AT5994" s="92"/>
      <c r="AU5994" s="92"/>
      <c r="AV5994" s="92"/>
      <c r="AW5994" s="92"/>
      <c r="AX5994" s="92"/>
      <c r="AY5994" s="92"/>
      <c r="AZ5994" s="93"/>
      <c r="BA5994" s="93"/>
      <c r="BB5994" s="93"/>
      <c r="BC5994" s="93"/>
      <c r="BD5994" s="93"/>
      <c r="BE5994" s="93"/>
      <c r="BF5994" s="93"/>
      <c r="BG5994" s="93"/>
      <c r="BH5994" s="93"/>
      <c r="BI5994" s="93"/>
      <c r="BJ5994" s="93"/>
      <c r="BK5994" s="93"/>
      <c r="BL5994" s="93"/>
    </row>
    <row r="5995" spans="2:64" x14ac:dyDescent="0.2">
      <c r="B5995" s="43"/>
      <c r="C5995" s="73"/>
      <c r="D5995" s="64"/>
      <c r="E5995" s="55"/>
      <c r="F5995" s="74"/>
      <c r="G5995" s="74"/>
      <c r="H5995" s="74"/>
      <c r="I5995" s="75"/>
      <c r="J5995" s="74"/>
      <c r="L5995" s="55"/>
      <c r="M5995" s="234"/>
      <c r="N5995" s="65"/>
      <c r="O5995" s="76"/>
      <c r="P5995" s="76"/>
      <c r="Q5995" s="65"/>
      <c r="R5995" s="76"/>
      <c r="S5995" s="76"/>
      <c r="T5995" s="76"/>
      <c r="U5995" s="76"/>
      <c r="V5995" s="76"/>
      <c r="W5995" s="76"/>
      <c r="X5995" s="76"/>
      <c r="Y5995" s="76"/>
      <c r="Z5995" s="76"/>
      <c r="AA5995" s="85"/>
      <c r="AB5995" s="85"/>
      <c r="AC5995" s="85"/>
      <c r="AD5995" s="85"/>
      <c r="AE5995" s="85"/>
      <c r="AF5995" s="85"/>
      <c r="AG5995" s="86"/>
      <c r="AH5995" s="85"/>
      <c r="AI5995" s="85"/>
      <c r="AJ5995" s="85"/>
      <c r="AK5995" s="85"/>
      <c r="AL5995" s="85"/>
      <c r="AM5995" s="92"/>
      <c r="AN5995" s="92"/>
      <c r="AO5995" s="92"/>
      <c r="AP5995" s="92"/>
      <c r="AQ5995" s="92"/>
      <c r="AR5995" s="92"/>
      <c r="AS5995" s="92"/>
      <c r="AT5995" s="92"/>
      <c r="AU5995" s="92"/>
      <c r="AV5995" s="92"/>
      <c r="AW5995" s="92"/>
      <c r="AX5995" s="92"/>
      <c r="AY5995" s="92"/>
      <c r="AZ5995" s="93"/>
      <c r="BA5995" s="93"/>
      <c r="BB5995" s="93"/>
      <c r="BC5995" s="93"/>
      <c r="BD5995" s="93"/>
      <c r="BE5995" s="93"/>
      <c r="BF5995" s="93"/>
      <c r="BG5995" s="93"/>
      <c r="BH5995" s="93"/>
      <c r="BI5995" s="93"/>
      <c r="BJ5995" s="93"/>
      <c r="BK5995" s="93"/>
      <c r="BL5995" s="93"/>
    </row>
    <row r="5996" spans="2:64" x14ac:dyDescent="0.2">
      <c r="B5996" s="43"/>
      <c r="C5996" s="73"/>
      <c r="D5996" s="64"/>
      <c r="E5996" s="55"/>
      <c r="F5996" s="74"/>
      <c r="G5996" s="74"/>
      <c r="H5996" s="74"/>
      <c r="I5996" s="75"/>
      <c r="J5996" s="74"/>
      <c r="L5996" s="55"/>
      <c r="M5996" s="234"/>
      <c r="N5996" s="65"/>
      <c r="O5996" s="76"/>
      <c r="P5996" s="76"/>
      <c r="Q5996" s="65"/>
      <c r="R5996" s="76"/>
      <c r="S5996" s="76"/>
      <c r="T5996" s="76"/>
      <c r="U5996" s="76"/>
      <c r="V5996" s="76"/>
      <c r="W5996" s="76"/>
      <c r="X5996" s="76"/>
      <c r="Y5996" s="76"/>
      <c r="Z5996" s="76"/>
      <c r="AA5996" s="85"/>
      <c r="AB5996" s="85"/>
      <c r="AC5996" s="85"/>
      <c r="AD5996" s="85"/>
      <c r="AE5996" s="85"/>
      <c r="AF5996" s="85"/>
      <c r="AG5996" s="86"/>
      <c r="AH5996" s="85"/>
      <c r="AI5996" s="85"/>
      <c r="AJ5996" s="85"/>
      <c r="AK5996" s="85"/>
      <c r="AL5996" s="85"/>
      <c r="AM5996" s="92"/>
      <c r="AN5996" s="92"/>
      <c r="AO5996" s="92"/>
      <c r="AP5996" s="92"/>
      <c r="AQ5996" s="92"/>
      <c r="AR5996" s="92"/>
      <c r="AS5996" s="92"/>
      <c r="AT5996" s="92"/>
      <c r="AU5996" s="92"/>
      <c r="AV5996" s="92"/>
      <c r="AW5996" s="92"/>
      <c r="AX5996" s="92"/>
      <c r="AY5996" s="92"/>
      <c r="AZ5996" s="93"/>
      <c r="BA5996" s="93"/>
      <c r="BB5996" s="93"/>
      <c r="BC5996" s="93"/>
      <c r="BD5996" s="93"/>
      <c r="BE5996" s="93"/>
      <c r="BF5996" s="93"/>
      <c r="BG5996" s="93"/>
      <c r="BH5996" s="93"/>
      <c r="BI5996" s="93"/>
      <c r="BJ5996" s="93"/>
      <c r="BK5996" s="93"/>
      <c r="BL5996" s="93"/>
    </row>
    <row r="5997" spans="2:64" x14ac:dyDescent="0.2">
      <c r="B5997" s="43"/>
      <c r="C5997" s="73"/>
      <c r="D5997" s="64"/>
      <c r="E5997" s="55"/>
      <c r="F5997" s="74"/>
      <c r="G5997" s="74"/>
      <c r="H5997" s="74"/>
      <c r="I5997" s="75"/>
      <c r="J5997" s="74"/>
      <c r="L5997" s="55"/>
      <c r="M5997" s="234"/>
      <c r="N5997" s="65"/>
      <c r="O5997" s="76"/>
      <c r="P5997" s="76"/>
      <c r="Q5997" s="65"/>
      <c r="R5997" s="76"/>
      <c r="S5997" s="76"/>
      <c r="T5997" s="76"/>
      <c r="U5997" s="76"/>
      <c r="V5997" s="76"/>
      <c r="W5997" s="76"/>
      <c r="X5997" s="76"/>
      <c r="Y5997" s="76"/>
      <c r="Z5997" s="76"/>
      <c r="AA5997" s="85"/>
      <c r="AB5997" s="85"/>
      <c r="AC5997" s="85"/>
      <c r="AD5997" s="85"/>
      <c r="AE5997" s="85"/>
      <c r="AF5997" s="85"/>
      <c r="AG5997" s="86"/>
      <c r="AH5997" s="85"/>
      <c r="AI5997" s="85"/>
      <c r="AJ5997" s="85"/>
      <c r="AK5997" s="85"/>
      <c r="AL5997" s="85"/>
      <c r="AM5997" s="92"/>
      <c r="AN5997" s="92"/>
      <c r="AO5997" s="92"/>
      <c r="AP5997" s="92"/>
      <c r="AQ5997" s="92"/>
      <c r="AR5997" s="92"/>
      <c r="AS5997" s="92"/>
      <c r="AT5997" s="92"/>
      <c r="AU5997" s="92"/>
      <c r="AV5997" s="92"/>
      <c r="AW5997" s="92"/>
      <c r="AX5997" s="92"/>
      <c r="AY5997" s="92"/>
      <c r="AZ5997" s="93"/>
      <c r="BA5997" s="93"/>
      <c r="BB5997" s="93"/>
      <c r="BC5997" s="93"/>
      <c r="BD5997" s="93"/>
      <c r="BE5997" s="93"/>
      <c r="BF5997" s="93"/>
      <c r="BG5997" s="93"/>
      <c r="BH5997" s="93"/>
      <c r="BI5997" s="93"/>
      <c r="BJ5997" s="93"/>
      <c r="BK5997" s="93"/>
      <c r="BL5997" s="93"/>
    </row>
    <row r="5998" spans="2:64" x14ac:dyDescent="0.2">
      <c r="B5998" s="43"/>
      <c r="C5998" s="73"/>
      <c r="D5998" s="64"/>
      <c r="E5998" s="55"/>
      <c r="F5998" s="74"/>
      <c r="G5998" s="74"/>
      <c r="H5998" s="74"/>
      <c r="I5998" s="75"/>
      <c r="J5998" s="74"/>
      <c r="L5998" s="55"/>
      <c r="M5998" s="234"/>
      <c r="N5998" s="65"/>
      <c r="O5998" s="76"/>
      <c r="P5998" s="76"/>
      <c r="Q5998" s="65"/>
      <c r="R5998" s="76"/>
      <c r="S5998" s="76"/>
      <c r="T5998" s="76"/>
      <c r="U5998" s="76"/>
      <c r="V5998" s="76"/>
      <c r="W5998" s="76"/>
      <c r="X5998" s="76"/>
      <c r="Y5998" s="76"/>
      <c r="Z5998" s="76"/>
      <c r="AA5998" s="85"/>
      <c r="AB5998" s="85"/>
      <c r="AC5998" s="85"/>
      <c r="AD5998" s="85"/>
      <c r="AE5998" s="85"/>
      <c r="AF5998" s="85"/>
      <c r="AG5998" s="86"/>
      <c r="AH5998" s="85"/>
      <c r="AI5998" s="85"/>
      <c r="AJ5998" s="85"/>
      <c r="AK5998" s="85"/>
      <c r="AL5998" s="85"/>
      <c r="AM5998" s="92"/>
      <c r="AN5998" s="92"/>
      <c r="AO5998" s="92"/>
      <c r="AP5998" s="92"/>
      <c r="AQ5998" s="92"/>
      <c r="AR5998" s="92"/>
      <c r="AS5998" s="92"/>
      <c r="AT5998" s="92"/>
      <c r="AU5998" s="92"/>
      <c r="AV5998" s="92"/>
      <c r="AW5998" s="92"/>
      <c r="AX5998" s="92"/>
      <c r="AY5998" s="92"/>
      <c r="AZ5998" s="93"/>
      <c r="BA5998" s="93"/>
      <c r="BB5998" s="93"/>
      <c r="BC5998" s="93"/>
      <c r="BD5998" s="93"/>
      <c r="BE5998" s="93"/>
      <c r="BF5998" s="93"/>
      <c r="BG5998" s="93"/>
      <c r="BH5998" s="93"/>
      <c r="BI5998" s="93"/>
      <c r="BJ5998" s="93"/>
      <c r="BK5998" s="93"/>
      <c r="BL5998" s="93"/>
    </row>
    <row r="5999" spans="2:64" x14ac:dyDescent="0.2">
      <c r="B5999" s="43"/>
      <c r="C5999" s="73"/>
      <c r="D5999" s="64"/>
      <c r="E5999" s="55"/>
      <c r="F5999" s="74"/>
      <c r="G5999" s="74"/>
      <c r="H5999" s="74"/>
      <c r="I5999" s="75"/>
      <c r="J5999" s="74"/>
      <c r="L5999" s="55"/>
      <c r="M5999" s="234"/>
      <c r="N5999" s="65"/>
      <c r="O5999" s="76"/>
      <c r="P5999" s="76"/>
      <c r="Q5999" s="65"/>
      <c r="R5999" s="76"/>
      <c r="S5999" s="76"/>
      <c r="T5999" s="76"/>
      <c r="U5999" s="76"/>
      <c r="V5999" s="76"/>
      <c r="W5999" s="76"/>
      <c r="X5999" s="76"/>
      <c r="Y5999" s="76"/>
      <c r="Z5999" s="76"/>
      <c r="AA5999" s="85"/>
      <c r="AB5999" s="85"/>
      <c r="AC5999" s="85"/>
      <c r="AD5999" s="85"/>
      <c r="AE5999" s="85"/>
      <c r="AF5999" s="85"/>
      <c r="AG5999" s="86"/>
      <c r="AH5999" s="85"/>
      <c r="AI5999" s="85"/>
      <c r="AJ5999" s="85"/>
      <c r="AK5999" s="85"/>
      <c r="AL5999" s="85"/>
      <c r="AM5999" s="92"/>
      <c r="AN5999" s="92"/>
      <c r="AO5999" s="92"/>
      <c r="AP5999" s="92"/>
      <c r="AQ5999" s="92"/>
      <c r="AR5999" s="92"/>
      <c r="AS5999" s="92"/>
      <c r="AT5999" s="92"/>
      <c r="AU5999" s="92"/>
      <c r="AV5999" s="92"/>
      <c r="AW5999" s="92"/>
      <c r="AX5999" s="92"/>
      <c r="AY5999" s="92"/>
      <c r="AZ5999" s="93"/>
      <c r="BA5999" s="93"/>
      <c r="BB5999" s="93"/>
      <c r="BC5999" s="93"/>
      <c r="BD5999" s="93"/>
      <c r="BE5999" s="93"/>
      <c r="BF5999" s="93"/>
      <c r="BG5999" s="93"/>
      <c r="BH5999" s="93"/>
      <c r="BI5999" s="93"/>
      <c r="BJ5999" s="93"/>
      <c r="BK5999" s="93"/>
      <c r="BL5999" s="93"/>
    </row>
    <row r="6000" spans="2:64" x14ac:dyDescent="0.2">
      <c r="B6000" s="43"/>
      <c r="C6000" s="73"/>
      <c r="D6000" s="64"/>
      <c r="E6000" s="55"/>
      <c r="F6000" s="74"/>
      <c r="G6000" s="74"/>
      <c r="H6000" s="74"/>
      <c r="I6000" s="75"/>
      <c r="J6000" s="74"/>
      <c r="L6000" s="55"/>
      <c r="M6000" s="234"/>
      <c r="N6000" s="65"/>
      <c r="O6000" s="76"/>
      <c r="P6000" s="76"/>
      <c r="Q6000" s="65"/>
      <c r="R6000" s="76"/>
      <c r="S6000" s="76"/>
      <c r="T6000" s="76"/>
      <c r="U6000" s="76"/>
      <c r="V6000" s="76"/>
      <c r="W6000" s="76"/>
      <c r="X6000" s="76"/>
      <c r="Y6000" s="76"/>
      <c r="Z6000" s="76"/>
      <c r="AA6000" s="85"/>
      <c r="AB6000" s="85"/>
      <c r="AC6000" s="85"/>
      <c r="AD6000" s="85"/>
      <c r="AE6000" s="85"/>
      <c r="AF6000" s="85"/>
      <c r="AG6000" s="86"/>
      <c r="AH6000" s="85"/>
      <c r="AI6000" s="85"/>
      <c r="AJ6000" s="85"/>
      <c r="AK6000" s="85"/>
      <c r="AL6000" s="85"/>
      <c r="AM6000" s="92"/>
      <c r="AN6000" s="92"/>
      <c r="AO6000" s="92"/>
      <c r="AP6000" s="92"/>
      <c r="AQ6000" s="92"/>
      <c r="AR6000" s="92"/>
      <c r="AS6000" s="92"/>
      <c r="AT6000" s="92"/>
      <c r="AU6000" s="92"/>
      <c r="AV6000" s="92"/>
      <c r="AW6000" s="92"/>
      <c r="AX6000" s="92"/>
      <c r="AY6000" s="92"/>
      <c r="AZ6000" s="93"/>
      <c r="BA6000" s="93"/>
      <c r="BB6000" s="93"/>
      <c r="BC6000" s="93"/>
      <c r="BD6000" s="93"/>
      <c r="BE6000" s="93"/>
      <c r="BF6000" s="93"/>
      <c r="BG6000" s="93"/>
      <c r="BH6000" s="93"/>
      <c r="BI6000" s="93"/>
      <c r="BJ6000" s="93"/>
      <c r="BK6000" s="93"/>
      <c r="BL6000" s="93"/>
    </row>
    <row r="6001" spans="2:64" x14ac:dyDescent="0.2">
      <c r="B6001" s="43"/>
      <c r="C6001" s="73"/>
      <c r="D6001" s="64"/>
      <c r="E6001" s="55"/>
      <c r="F6001" s="74"/>
      <c r="G6001" s="74"/>
      <c r="H6001" s="74"/>
      <c r="I6001" s="75"/>
      <c r="J6001" s="74"/>
      <c r="L6001" s="55"/>
      <c r="M6001" s="234"/>
      <c r="N6001" s="65"/>
      <c r="O6001" s="76"/>
      <c r="P6001" s="76"/>
      <c r="Q6001" s="65"/>
      <c r="R6001" s="76"/>
      <c r="S6001" s="76"/>
      <c r="T6001" s="76"/>
      <c r="U6001" s="76"/>
      <c r="V6001" s="76"/>
      <c r="W6001" s="76"/>
      <c r="X6001" s="76"/>
      <c r="Y6001" s="76"/>
      <c r="Z6001" s="76"/>
      <c r="AA6001" s="85"/>
      <c r="AB6001" s="85"/>
      <c r="AC6001" s="85"/>
      <c r="AD6001" s="85"/>
      <c r="AE6001" s="85"/>
      <c r="AF6001" s="85"/>
      <c r="AG6001" s="86"/>
      <c r="AH6001" s="85"/>
      <c r="AI6001" s="85"/>
      <c r="AJ6001" s="85"/>
      <c r="AK6001" s="85"/>
      <c r="AL6001" s="85"/>
      <c r="AM6001" s="92"/>
      <c r="AN6001" s="92"/>
      <c r="AO6001" s="92"/>
      <c r="AP6001" s="92"/>
      <c r="AQ6001" s="92"/>
      <c r="AR6001" s="92"/>
      <c r="AS6001" s="92"/>
      <c r="AT6001" s="92"/>
      <c r="AU6001" s="92"/>
      <c r="AV6001" s="92"/>
      <c r="AW6001" s="92"/>
      <c r="AX6001" s="92"/>
      <c r="AY6001" s="92"/>
      <c r="AZ6001" s="93"/>
      <c r="BA6001" s="93"/>
      <c r="BB6001" s="93"/>
      <c r="BC6001" s="93"/>
      <c r="BD6001" s="93"/>
      <c r="BE6001" s="93"/>
      <c r="BF6001" s="93"/>
      <c r="BG6001" s="93"/>
      <c r="BH6001" s="93"/>
      <c r="BI6001" s="93"/>
      <c r="BJ6001" s="93"/>
      <c r="BK6001" s="93"/>
      <c r="BL6001" s="93"/>
    </row>
    <row r="6002" spans="2:64" x14ac:dyDescent="0.2">
      <c r="B6002" s="43"/>
      <c r="C6002" s="73"/>
      <c r="D6002" s="64"/>
      <c r="E6002" s="55"/>
      <c r="F6002" s="74"/>
      <c r="G6002" s="74"/>
      <c r="H6002" s="74"/>
      <c r="I6002" s="75"/>
      <c r="J6002" s="74"/>
      <c r="L6002" s="55"/>
      <c r="M6002" s="234"/>
      <c r="N6002" s="65"/>
      <c r="O6002" s="76"/>
      <c r="P6002" s="76"/>
      <c r="Q6002" s="65"/>
      <c r="R6002" s="76"/>
      <c r="S6002" s="76"/>
      <c r="T6002" s="76"/>
      <c r="U6002" s="76"/>
      <c r="V6002" s="76"/>
      <c r="W6002" s="76"/>
      <c r="X6002" s="76"/>
      <c r="Y6002" s="76"/>
      <c r="Z6002" s="76"/>
      <c r="AA6002" s="85"/>
      <c r="AB6002" s="85"/>
      <c r="AC6002" s="85"/>
      <c r="AD6002" s="85"/>
      <c r="AE6002" s="85"/>
      <c r="AF6002" s="85"/>
      <c r="AG6002" s="86"/>
      <c r="AH6002" s="85"/>
      <c r="AI6002" s="85"/>
      <c r="AJ6002" s="85"/>
      <c r="AK6002" s="85"/>
      <c r="AL6002" s="85"/>
      <c r="AM6002" s="92"/>
      <c r="AN6002" s="92"/>
      <c r="AO6002" s="92"/>
      <c r="AP6002" s="92"/>
      <c r="AQ6002" s="92"/>
      <c r="AR6002" s="92"/>
      <c r="AS6002" s="92"/>
      <c r="AT6002" s="92"/>
      <c r="AU6002" s="92"/>
      <c r="AV6002" s="92"/>
      <c r="AW6002" s="92"/>
      <c r="AX6002" s="92"/>
      <c r="AY6002" s="92"/>
      <c r="AZ6002" s="93"/>
      <c r="BA6002" s="93"/>
      <c r="BB6002" s="93"/>
      <c r="BC6002" s="93"/>
      <c r="BD6002" s="93"/>
      <c r="BE6002" s="93"/>
      <c r="BF6002" s="93"/>
      <c r="BG6002" s="93"/>
      <c r="BH6002" s="93"/>
      <c r="BI6002" s="93"/>
      <c r="BJ6002" s="93"/>
      <c r="BK6002" s="93"/>
      <c r="BL6002" s="93"/>
    </row>
    <row r="6003" spans="2:64" x14ac:dyDescent="0.2">
      <c r="B6003" s="43"/>
      <c r="C6003" s="73"/>
      <c r="D6003" s="64"/>
      <c r="E6003" s="55"/>
      <c r="F6003" s="74"/>
      <c r="G6003" s="74"/>
      <c r="H6003" s="74"/>
      <c r="I6003" s="75"/>
      <c r="J6003" s="74"/>
      <c r="L6003" s="55"/>
      <c r="M6003" s="234"/>
      <c r="N6003" s="65"/>
      <c r="O6003" s="76"/>
      <c r="P6003" s="76"/>
      <c r="Q6003" s="65"/>
      <c r="R6003" s="76"/>
      <c r="S6003" s="76"/>
      <c r="T6003" s="76"/>
      <c r="U6003" s="76"/>
      <c r="V6003" s="76"/>
      <c r="W6003" s="76"/>
      <c r="X6003" s="76"/>
      <c r="Y6003" s="76"/>
      <c r="Z6003" s="76"/>
      <c r="AA6003" s="85"/>
      <c r="AB6003" s="85"/>
      <c r="AC6003" s="85"/>
      <c r="AD6003" s="85"/>
      <c r="AE6003" s="85"/>
      <c r="AF6003" s="85"/>
      <c r="AG6003" s="86"/>
      <c r="AH6003" s="85"/>
      <c r="AI6003" s="85"/>
      <c r="AJ6003" s="85"/>
      <c r="AK6003" s="85"/>
      <c r="AL6003" s="85"/>
      <c r="AM6003" s="92"/>
      <c r="AN6003" s="92"/>
      <c r="AO6003" s="92"/>
      <c r="AP6003" s="92"/>
      <c r="AQ6003" s="92"/>
      <c r="AR6003" s="92"/>
      <c r="AS6003" s="92"/>
      <c r="AT6003" s="92"/>
      <c r="AU6003" s="92"/>
      <c r="AV6003" s="92"/>
      <c r="AW6003" s="92"/>
      <c r="AX6003" s="92"/>
      <c r="AY6003" s="92"/>
      <c r="AZ6003" s="93"/>
      <c r="BA6003" s="93"/>
      <c r="BB6003" s="93"/>
      <c r="BC6003" s="93"/>
      <c r="BD6003" s="93"/>
      <c r="BE6003" s="93"/>
      <c r="BF6003" s="93"/>
      <c r="BG6003" s="93"/>
      <c r="BH6003" s="93"/>
      <c r="BI6003" s="93"/>
      <c r="BJ6003" s="93"/>
      <c r="BK6003" s="93"/>
      <c r="BL6003" s="93"/>
    </row>
    <row r="6004" spans="2:64" x14ac:dyDescent="0.2">
      <c r="B6004" s="43"/>
      <c r="C6004" s="73"/>
      <c r="D6004" s="64"/>
      <c r="E6004" s="55"/>
      <c r="F6004" s="74"/>
      <c r="G6004" s="74"/>
      <c r="H6004" s="74"/>
      <c r="I6004" s="75"/>
      <c r="J6004" s="74"/>
      <c r="L6004" s="55"/>
      <c r="M6004" s="234"/>
      <c r="N6004" s="65"/>
      <c r="O6004" s="76"/>
      <c r="P6004" s="76"/>
      <c r="Q6004" s="65"/>
      <c r="R6004" s="76"/>
      <c r="S6004" s="76"/>
      <c r="T6004" s="76"/>
      <c r="U6004" s="76"/>
      <c r="V6004" s="76"/>
      <c r="W6004" s="76"/>
      <c r="X6004" s="76"/>
      <c r="Y6004" s="76"/>
      <c r="Z6004" s="76"/>
      <c r="AA6004" s="85"/>
      <c r="AB6004" s="85"/>
      <c r="AC6004" s="85"/>
      <c r="AD6004" s="85"/>
      <c r="AE6004" s="85"/>
      <c r="AF6004" s="85"/>
      <c r="AG6004" s="86"/>
      <c r="AH6004" s="85"/>
      <c r="AI6004" s="85"/>
      <c r="AJ6004" s="85"/>
      <c r="AK6004" s="85"/>
      <c r="AL6004" s="85"/>
      <c r="AM6004" s="92"/>
      <c r="AN6004" s="92"/>
      <c r="AO6004" s="92"/>
      <c r="AP6004" s="92"/>
      <c r="AQ6004" s="92"/>
      <c r="AR6004" s="92"/>
      <c r="AS6004" s="92"/>
      <c r="AT6004" s="92"/>
      <c r="AU6004" s="92"/>
      <c r="AV6004" s="92"/>
      <c r="AW6004" s="92"/>
      <c r="AX6004" s="92"/>
      <c r="AY6004" s="92"/>
      <c r="AZ6004" s="93"/>
      <c r="BA6004" s="93"/>
      <c r="BB6004" s="93"/>
      <c r="BC6004" s="93"/>
      <c r="BD6004" s="93"/>
      <c r="BE6004" s="93"/>
      <c r="BF6004" s="93"/>
      <c r="BG6004" s="93"/>
      <c r="BH6004" s="93"/>
      <c r="BI6004" s="93"/>
      <c r="BJ6004" s="93"/>
      <c r="BK6004" s="93"/>
      <c r="BL6004" s="93"/>
    </row>
    <row r="6005" spans="2:64" x14ac:dyDescent="0.2">
      <c r="B6005" s="43"/>
      <c r="C6005" s="73"/>
      <c r="D6005" s="64"/>
      <c r="E6005" s="55"/>
      <c r="F6005" s="74"/>
      <c r="G6005" s="74"/>
      <c r="H6005" s="74"/>
      <c r="I6005" s="75"/>
      <c r="J6005" s="74"/>
      <c r="L6005" s="55"/>
      <c r="M6005" s="234"/>
      <c r="N6005" s="65"/>
      <c r="O6005" s="76"/>
      <c r="P6005" s="76"/>
      <c r="Q6005" s="65"/>
      <c r="R6005" s="76"/>
      <c r="S6005" s="76"/>
      <c r="T6005" s="76"/>
      <c r="U6005" s="76"/>
      <c r="V6005" s="76"/>
      <c r="W6005" s="76"/>
      <c r="X6005" s="76"/>
      <c r="Y6005" s="76"/>
      <c r="Z6005" s="76"/>
      <c r="AA6005" s="85"/>
      <c r="AB6005" s="85"/>
      <c r="AC6005" s="85"/>
      <c r="AD6005" s="85"/>
      <c r="AE6005" s="85"/>
      <c r="AF6005" s="85"/>
      <c r="AG6005" s="86"/>
      <c r="AH6005" s="85"/>
      <c r="AI6005" s="85"/>
      <c r="AJ6005" s="85"/>
      <c r="AK6005" s="85"/>
      <c r="AL6005" s="85"/>
      <c r="AM6005" s="92"/>
      <c r="AN6005" s="92"/>
      <c r="AO6005" s="92"/>
      <c r="AP6005" s="92"/>
      <c r="AQ6005" s="92"/>
      <c r="AR6005" s="92"/>
      <c r="AS6005" s="92"/>
      <c r="AT6005" s="92"/>
      <c r="AU6005" s="92"/>
      <c r="AV6005" s="92"/>
      <c r="AW6005" s="92"/>
      <c r="AX6005" s="92"/>
      <c r="AY6005" s="92"/>
      <c r="AZ6005" s="93"/>
      <c r="BA6005" s="93"/>
      <c r="BB6005" s="93"/>
      <c r="BC6005" s="93"/>
      <c r="BD6005" s="93"/>
      <c r="BE6005" s="93"/>
      <c r="BF6005" s="93"/>
      <c r="BG6005" s="93"/>
      <c r="BH6005" s="93"/>
      <c r="BI6005" s="93"/>
      <c r="BJ6005" s="93"/>
      <c r="BK6005" s="93"/>
      <c r="BL6005" s="93"/>
    </row>
    <row r="6006" spans="2:64" x14ac:dyDescent="0.2">
      <c r="B6006" s="43"/>
      <c r="C6006" s="73"/>
      <c r="D6006" s="64"/>
      <c r="E6006" s="55"/>
      <c r="F6006" s="74"/>
      <c r="G6006" s="74"/>
      <c r="H6006" s="74"/>
      <c r="I6006" s="75"/>
      <c r="J6006" s="74"/>
      <c r="L6006" s="55"/>
      <c r="M6006" s="234"/>
      <c r="N6006" s="65"/>
      <c r="O6006" s="76"/>
      <c r="P6006" s="76"/>
      <c r="Q6006" s="65"/>
      <c r="R6006" s="76"/>
      <c r="S6006" s="76"/>
      <c r="T6006" s="76"/>
      <c r="U6006" s="76"/>
      <c r="V6006" s="76"/>
      <c r="W6006" s="76"/>
      <c r="X6006" s="76"/>
      <c r="Y6006" s="76"/>
      <c r="Z6006" s="76"/>
      <c r="AA6006" s="85"/>
      <c r="AB6006" s="85"/>
      <c r="AC6006" s="85"/>
      <c r="AD6006" s="85"/>
      <c r="AE6006" s="85"/>
      <c r="AF6006" s="85"/>
      <c r="AG6006" s="86"/>
      <c r="AH6006" s="85"/>
      <c r="AI6006" s="85"/>
      <c r="AJ6006" s="85"/>
      <c r="AK6006" s="85"/>
      <c r="AL6006" s="85"/>
      <c r="AM6006" s="92"/>
      <c r="AN6006" s="92"/>
      <c r="AO6006" s="92"/>
      <c r="AP6006" s="92"/>
      <c r="AQ6006" s="92"/>
      <c r="AR6006" s="92"/>
      <c r="AS6006" s="92"/>
      <c r="AT6006" s="92"/>
      <c r="AU6006" s="92"/>
      <c r="AV6006" s="92"/>
      <c r="AW6006" s="92"/>
      <c r="AX6006" s="92"/>
      <c r="AY6006" s="92"/>
      <c r="AZ6006" s="93"/>
      <c r="BA6006" s="93"/>
      <c r="BB6006" s="93"/>
      <c r="BC6006" s="93"/>
      <c r="BD6006" s="93"/>
      <c r="BE6006" s="93"/>
      <c r="BF6006" s="93"/>
      <c r="BG6006" s="93"/>
      <c r="BH6006" s="93"/>
      <c r="BI6006" s="93"/>
      <c r="BJ6006" s="93"/>
      <c r="BK6006" s="93"/>
      <c r="BL6006" s="93"/>
    </row>
    <row r="6007" spans="2:64" x14ac:dyDescent="0.2">
      <c r="B6007" s="43"/>
      <c r="C6007" s="73"/>
      <c r="D6007" s="64"/>
      <c r="E6007" s="55"/>
      <c r="F6007" s="74"/>
      <c r="G6007" s="74"/>
      <c r="H6007" s="74"/>
      <c r="I6007" s="75"/>
      <c r="J6007" s="74"/>
      <c r="L6007" s="55"/>
      <c r="M6007" s="234"/>
      <c r="N6007" s="65"/>
      <c r="O6007" s="76"/>
      <c r="P6007" s="76"/>
      <c r="Q6007" s="65"/>
      <c r="R6007" s="76"/>
      <c r="S6007" s="76"/>
      <c r="T6007" s="76"/>
      <c r="U6007" s="76"/>
      <c r="V6007" s="76"/>
      <c r="W6007" s="76"/>
      <c r="X6007" s="76"/>
      <c r="Y6007" s="76"/>
      <c r="Z6007" s="76"/>
      <c r="AA6007" s="85"/>
      <c r="AB6007" s="85"/>
      <c r="AC6007" s="85"/>
      <c r="AD6007" s="85"/>
      <c r="AE6007" s="85"/>
      <c r="AF6007" s="85"/>
      <c r="AG6007" s="86"/>
      <c r="AH6007" s="85"/>
      <c r="AI6007" s="85"/>
      <c r="AJ6007" s="85"/>
      <c r="AK6007" s="85"/>
      <c r="AL6007" s="85"/>
      <c r="AM6007" s="92"/>
      <c r="AN6007" s="92"/>
      <c r="AO6007" s="92"/>
      <c r="AP6007" s="92"/>
      <c r="AQ6007" s="92"/>
      <c r="AR6007" s="92"/>
      <c r="AS6007" s="92"/>
      <c r="AT6007" s="92"/>
      <c r="AU6007" s="92"/>
      <c r="AV6007" s="92"/>
      <c r="AW6007" s="92"/>
      <c r="AX6007" s="92"/>
      <c r="AY6007" s="92"/>
      <c r="AZ6007" s="93"/>
      <c r="BA6007" s="93"/>
      <c r="BB6007" s="93"/>
      <c r="BC6007" s="93"/>
      <c r="BD6007" s="93"/>
      <c r="BE6007" s="93"/>
      <c r="BF6007" s="93"/>
      <c r="BG6007" s="93"/>
      <c r="BH6007" s="93"/>
      <c r="BI6007" s="93"/>
      <c r="BJ6007" s="93"/>
      <c r="BK6007" s="93"/>
      <c r="BL6007" s="93"/>
    </row>
    <row r="6008" spans="2:64" x14ac:dyDescent="0.2">
      <c r="B6008" s="43"/>
      <c r="C6008" s="73"/>
      <c r="D6008" s="64"/>
      <c r="E6008" s="55"/>
      <c r="F6008" s="74"/>
      <c r="G6008" s="74"/>
      <c r="H6008" s="74"/>
      <c r="I6008" s="75"/>
      <c r="J6008" s="74"/>
      <c r="L6008" s="55"/>
      <c r="M6008" s="234"/>
      <c r="N6008" s="65"/>
      <c r="O6008" s="76"/>
      <c r="P6008" s="76"/>
      <c r="Q6008" s="65"/>
      <c r="R6008" s="76"/>
      <c r="S6008" s="76"/>
      <c r="T6008" s="76"/>
      <c r="U6008" s="76"/>
      <c r="V6008" s="76"/>
      <c r="W6008" s="76"/>
      <c r="X6008" s="76"/>
      <c r="Y6008" s="76"/>
      <c r="Z6008" s="76"/>
      <c r="AA6008" s="85"/>
      <c r="AB6008" s="85"/>
      <c r="AC6008" s="85"/>
      <c r="AD6008" s="85"/>
      <c r="AE6008" s="85"/>
      <c r="AF6008" s="85"/>
      <c r="AG6008" s="86"/>
      <c r="AH6008" s="85"/>
      <c r="AI6008" s="85"/>
      <c r="AJ6008" s="85"/>
      <c r="AK6008" s="85"/>
      <c r="AL6008" s="85"/>
      <c r="AM6008" s="92"/>
      <c r="AN6008" s="92"/>
      <c r="AO6008" s="92"/>
      <c r="AP6008" s="92"/>
      <c r="AQ6008" s="92"/>
      <c r="AR6008" s="92"/>
      <c r="AS6008" s="92"/>
      <c r="AT6008" s="92"/>
      <c r="AU6008" s="92"/>
      <c r="AV6008" s="92"/>
      <c r="AW6008" s="92"/>
      <c r="AX6008" s="92"/>
      <c r="AY6008" s="92"/>
      <c r="AZ6008" s="93"/>
      <c r="BA6008" s="93"/>
      <c r="BB6008" s="93"/>
      <c r="BC6008" s="93"/>
      <c r="BD6008" s="93"/>
      <c r="BE6008" s="93"/>
      <c r="BF6008" s="93"/>
      <c r="BG6008" s="93"/>
      <c r="BH6008" s="93"/>
      <c r="BI6008" s="93"/>
      <c r="BJ6008" s="93"/>
      <c r="BK6008" s="93"/>
      <c r="BL6008" s="93"/>
    </row>
    <row r="6009" spans="2:64" x14ac:dyDescent="0.2">
      <c r="B6009" s="43"/>
      <c r="C6009" s="73"/>
      <c r="D6009" s="64"/>
      <c r="E6009" s="55"/>
      <c r="F6009" s="74"/>
      <c r="G6009" s="74"/>
      <c r="H6009" s="74"/>
      <c r="I6009" s="75"/>
      <c r="J6009" s="74"/>
      <c r="L6009" s="55"/>
      <c r="M6009" s="234"/>
      <c r="N6009" s="65"/>
      <c r="O6009" s="76"/>
      <c r="P6009" s="76"/>
      <c r="Q6009" s="65"/>
      <c r="R6009" s="76"/>
      <c r="S6009" s="76"/>
      <c r="T6009" s="76"/>
      <c r="U6009" s="76"/>
      <c r="V6009" s="76"/>
      <c r="W6009" s="76"/>
      <c r="X6009" s="76"/>
      <c r="Y6009" s="76"/>
      <c r="Z6009" s="76"/>
      <c r="AA6009" s="85"/>
      <c r="AB6009" s="85"/>
      <c r="AC6009" s="85"/>
      <c r="AD6009" s="85"/>
      <c r="AE6009" s="85"/>
      <c r="AF6009" s="85"/>
      <c r="AG6009" s="86"/>
      <c r="AH6009" s="85"/>
      <c r="AI6009" s="85"/>
      <c r="AJ6009" s="85"/>
      <c r="AK6009" s="85"/>
      <c r="AL6009" s="85"/>
      <c r="AM6009" s="92"/>
      <c r="AN6009" s="92"/>
      <c r="AO6009" s="92"/>
      <c r="AP6009" s="92"/>
      <c r="AQ6009" s="92"/>
      <c r="AR6009" s="92"/>
      <c r="AS6009" s="92"/>
      <c r="AT6009" s="92"/>
      <c r="AU6009" s="92"/>
      <c r="AV6009" s="92"/>
      <c r="AW6009" s="92"/>
      <c r="AX6009" s="92"/>
      <c r="AY6009" s="92"/>
      <c r="AZ6009" s="93"/>
      <c r="BA6009" s="93"/>
      <c r="BB6009" s="93"/>
      <c r="BC6009" s="93"/>
      <c r="BD6009" s="93"/>
      <c r="BE6009" s="93"/>
      <c r="BF6009" s="93"/>
      <c r="BG6009" s="93"/>
      <c r="BH6009" s="93"/>
      <c r="BI6009" s="93"/>
      <c r="BJ6009" s="93"/>
      <c r="BK6009" s="93"/>
      <c r="BL6009" s="93"/>
    </row>
    <row r="6010" spans="2:64" x14ac:dyDescent="0.2">
      <c r="B6010" s="43"/>
      <c r="C6010" s="73"/>
      <c r="D6010" s="64"/>
      <c r="E6010" s="55"/>
      <c r="F6010" s="74"/>
      <c r="G6010" s="74"/>
      <c r="H6010" s="74"/>
      <c r="I6010" s="75"/>
      <c r="J6010" s="74"/>
      <c r="L6010" s="55"/>
      <c r="M6010" s="234"/>
      <c r="N6010" s="65"/>
      <c r="O6010" s="76"/>
      <c r="P6010" s="76"/>
      <c r="Q6010" s="65"/>
      <c r="R6010" s="76"/>
      <c r="S6010" s="76"/>
      <c r="T6010" s="76"/>
      <c r="U6010" s="76"/>
      <c r="V6010" s="76"/>
      <c r="W6010" s="76"/>
      <c r="X6010" s="76"/>
      <c r="Y6010" s="76"/>
      <c r="Z6010" s="76"/>
      <c r="AA6010" s="85"/>
      <c r="AB6010" s="85"/>
      <c r="AC6010" s="85"/>
      <c r="AD6010" s="85"/>
      <c r="AE6010" s="85"/>
      <c r="AF6010" s="85"/>
      <c r="AG6010" s="86"/>
      <c r="AH6010" s="85"/>
      <c r="AI6010" s="85"/>
      <c r="AJ6010" s="85"/>
      <c r="AK6010" s="85"/>
      <c r="AL6010" s="85"/>
      <c r="AM6010" s="92"/>
      <c r="AN6010" s="92"/>
      <c r="AO6010" s="92"/>
      <c r="AP6010" s="92"/>
      <c r="AQ6010" s="92"/>
      <c r="AR6010" s="92"/>
      <c r="AS6010" s="92"/>
      <c r="AT6010" s="92"/>
      <c r="AU6010" s="92"/>
      <c r="AV6010" s="92"/>
      <c r="AW6010" s="92"/>
      <c r="AX6010" s="92"/>
      <c r="AY6010" s="92"/>
      <c r="AZ6010" s="93"/>
      <c r="BA6010" s="93"/>
      <c r="BB6010" s="93"/>
      <c r="BC6010" s="93"/>
      <c r="BD6010" s="93"/>
      <c r="BE6010" s="93"/>
      <c r="BF6010" s="93"/>
      <c r="BG6010" s="93"/>
      <c r="BH6010" s="93"/>
      <c r="BI6010" s="93"/>
      <c r="BJ6010" s="93"/>
      <c r="BK6010" s="93"/>
      <c r="BL6010" s="93"/>
    </row>
    <row r="6011" spans="2:64" x14ac:dyDescent="0.2">
      <c r="B6011" s="43"/>
      <c r="C6011" s="73"/>
      <c r="D6011" s="64"/>
      <c r="E6011" s="55"/>
      <c r="F6011" s="74"/>
      <c r="G6011" s="74"/>
      <c r="H6011" s="74"/>
      <c r="I6011" s="75"/>
      <c r="J6011" s="74"/>
      <c r="L6011" s="55"/>
      <c r="M6011" s="234"/>
      <c r="N6011" s="65"/>
      <c r="O6011" s="76"/>
      <c r="P6011" s="76"/>
      <c r="Q6011" s="65"/>
      <c r="R6011" s="76"/>
      <c r="S6011" s="76"/>
      <c r="T6011" s="76"/>
      <c r="U6011" s="76"/>
      <c r="V6011" s="76"/>
      <c r="W6011" s="76"/>
      <c r="X6011" s="76"/>
      <c r="Y6011" s="76"/>
      <c r="Z6011" s="76"/>
      <c r="AA6011" s="85"/>
      <c r="AB6011" s="85"/>
      <c r="AC6011" s="85"/>
      <c r="AD6011" s="85"/>
      <c r="AE6011" s="85"/>
      <c r="AF6011" s="85"/>
      <c r="AG6011" s="86"/>
      <c r="AH6011" s="85"/>
      <c r="AI6011" s="85"/>
      <c r="AJ6011" s="85"/>
      <c r="AK6011" s="85"/>
      <c r="AL6011" s="85"/>
      <c r="AM6011" s="92"/>
      <c r="AN6011" s="92"/>
      <c r="AO6011" s="92"/>
      <c r="AP6011" s="92"/>
      <c r="AQ6011" s="92"/>
      <c r="AR6011" s="92"/>
      <c r="AS6011" s="92"/>
      <c r="AT6011" s="92"/>
      <c r="AU6011" s="92"/>
      <c r="AV6011" s="92"/>
      <c r="AW6011" s="92"/>
      <c r="AX6011" s="92"/>
      <c r="AY6011" s="92"/>
      <c r="AZ6011" s="93"/>
      <c r="BA6011" s="93"/>
      <c r="BB6011" s="93"/>
      <c r="BC6011" s="93"/>
      <c r="BD6011" s="93"/>
      <c r="BE6011" s="93"/>
      <c r="BF6011" s="93"/>
      <c r="BG6011" s="93"/>
      <c r="BH6011" s="93"/>
      <c r="BI6011" s="93"/>
      <c r="BJ6011" s="93"/>
      <c r="BK6011" s="93"/>
      <c r="BL6011" s="93"/>
    </row>
    <row r="6012" spans="2:64" x14ac:dyDescent="0.2">
      <c r="B6012" s="43"/>
      <c r="C6012" s="73"/>
      <c r="D6012" s="64"/>
      <c r="E6012" s="55"/>
      <c r="F6012" s="74"/>
      <c r="G6012" s="74"/>
      <c r="H6012" s="74"/>
      <c r="I6012" s="75"/>
      <c r="J6012" s="74"/>
      <c r="L6012" s="55"/>
      <c r="M6012" s="234"/>
      <c r="N6012" s="65"/>
      <c r="O6012" s="76"/>
      <c r="P6012" s="76"/>
      <c r="Q6012" s="65"/>
      <c r="R6012" s="76"/>
      <c r="S6012" s="76"/>
      <c r="T6012" s="76"/>
      <c r="U6012" s="76"/>
      <c r="V6012" s="76"/>
      <c r="W6012" s="76"/>
      <c r="X6012" s="76"/>
      <c r="Y6012" s="76"/>
      <c r="Z6012" s="76"/>
      <c r="AA6012" s="85"/>
      <c r="AB6012" s="85"/>
      <c r="AC6012" s="85"/>
      <c r="AD6012" s="85"/>
      <c r="AE6012" s="85"/>
      <c r="AF6012" s="85"/>
      <c r="AG6012" s="86"/>
      <c r="AH6012" s="85"/>
      <c r="AI6012" s="85"/>
      <c r="AJ6012" s="85"/>
      <c r="AK6012" s="85"/>
      <c r="AL6012" s="85"/>
      <c r="AM6012" s="92"/>
      <c r="AN6012" s="92"/>
      <c r="AO6012" s="92"/>
      <c r="AP6012" s="92"/>
      <c r="AQ6012" s="92"/>
      <c r="AR6012" s="92"/>
      <c r="AS6012" s="92"/>
      <c r="AT6012" s="92"/>
      <c r="AU6012" s="92"/>
      <c r="AV6012" s="92"/>
      <c r="AW6012" s="92"/>
      <c r="AX6012" s="92"/>
      <c r="AY6012" s="92"/>
      <c r="AZ6012" s="93"/>
      <c r="BA6012" s="93"/>
      <c r="BB6012" s="93"/>
      <c r="BC6012" s="93"/>
      <c r="BD6012" s="93"/>
      <c r="BE6012" s="93"/>
      <c r="BF6012" s="93"/>
      <c r="BG6012" s="93"/>
      <c r="BH6012" s="93"/>
      <c r="BI6012" s="93"/>
      <c r="BJ6012" s="93"/>
      <c r="BK6012" s="93"/>
      <c r="BL6012" s="93"/>
    </row>
    <row r="6013" spans="2:64" x14ac:dyDescent="0.2">
      <c r="B6013" s="43"/>
      <c r="C6013" s="73"/>
      <c r="D6013" s="64"/>
      <c r="E6013" s="55"/>
      <c r="F6013" s="74"/>
      <c r="G6013" s="74"/>
      <c r="H6013" s="74"/>
      <c r="I6013" s="75"/>
      <c r="J6013" s="74"/>
      <c r="L6013" s="55"/>
      <c r="M6013" s="234"/>
      <c r="N6013" s="65"/>
      <c r="O6013" s="76"/>
      <c r="P6013" s="76"/>
      <c r="Q6013" s="65"/>
      <c r="R6013" s="76"/>
      <c r="S6013" s="76"/>
      <c r="T6013" s="76"/>
      <c r="U6013" s="76"/>
      <c r="V6013" s="76"/>
      <c r="W6013" s="76"/>
      <c r="X6013" s="76"/>
      <c r="Y6013" s="76"/>
      <c r="Z6013" s="76"/>
      <c r="AA6013" s="85"/>
      <c r="AB6013" s="85"/>
      <c r="AC6013" s="85"/>
      <c r="AD6013" s="85"/>
      <c r="AE6013" s="85"/>
      <c r="AF6013" s="85"/>
      <c r="AG6013" s="86"/>
      <c r="AH6013" s="85"/>
      <c r="AI6013" s="85"/>
      <c r="AJ6013" s="85"/>
      <c r="AK6013" s="85"/>
      <c r="AL6013" s="85"/>
      <c r="AM6013" s="92"/>
      <c r="AN6013" s="92"/>
      <c r="AO6013" s="92"/>
      <c r="AP6013" s="92"/>
      <c r="AQ6013" s="92"/>
      <c r="AR6013" s="92"/>
      <c r="AS6013" s="92"/>
      <c r="AT6013" s="92"/>
      <c r="AU6013" s="92"/>
      <c r="AV6013" s="92"/>
      <c r="AW6013" s="92"/>
      <c r="AX6013" s="92"/>
      <c r="AY6013" s="92"/>
      <c r="AZ6013" s="93"/>
      <c r="BA6013" s="93"/>
      <c r="BB6013" s="93"/>
      <c r="BC6013" s="93"/>
      <c r="BD6013" s="93"/>
      <c r="BE6013" s="93"/>
      <c r="BF6013" s="93"/>
      <c r="BG6013" s="93"/>
      <c r="BH6013" s="93"/>
      <c r="BI6013" s="93"/>
      <c r="BJ6013" s="93"/>
      <c r="BK6013" s="93"/>
      <c r="BL6013" s="93"/>
    </row>
    <row r="6014" spans="2:64" x14ac:dyDescent="0.2">
      <c r="B6014" s="43"/>
      <c r="C6014" s="73"/>
      <c r="D6014" s="64"/>
      <c r="E6014" s="55"/>
      <c r="F6014" s="74"/>
      <c r="G6014" s="74"/>
      <c r="H6014" s="74"/>
      <c r="I6014" s="75"/>
      <c r="J6014" s="74"/>
      <c r="L6014" s="55"/>
      <c r="M6014" s="234"/>
      <c r="N6014" s="65"/>
      <c r="O6014" s="76"/>
      <c r="P6014" s="76"/>
      <c r="Q6014" s="65"/>
      <c r="R6014" s="76"/>
      <c r="S6014" s="76"/>
      <c r="T6014" s="76"/>
      <c r="U6014" s="76"/>
      <c r="V6014" s="76"/>
      <c r="W6014" s="76"/>
      <c r="X6014" s="76"/>
      <c r="Y6014" s="76"/>
      <c r="Z6014" s="76"/>
      <c r="AA6014" s="85"/>
      <c r="AB6014" s="85"/>
      <c r="AC6014" s="85"/>
      <c r="AD6014" s="85"/>
      <c r="AE6014" s="85"/>
      <c r="AF6014" s="85"/>
      <c r="AG6014" s="86"/>
      <c r="AH6014" s="85"/>
      <c r="AI6014" s="85"/>
      <c r="AJ6014" s="85"/>
      <c r="AK6014" s="85"/>
      <c r="AL6014" s="85"/>
      <c r="AM6014" s="92"/>
      <c r="AN6014" s="92"/>
      <c r="AO6014" s="92"/>
      <c r="AP6014" s="92"/>
      <c r="AQ6014" s="92"/>
      <c r="AR6014" s="92"/>
      <c r="AS6014" s="92"/>
      <c r="AT6014" s="92"/>
      <c r="AU6014" s="92"/>
      <c r="AV6014" s="92"/>
      <c r="AW6014" s="92"/>
      <c r="AX6014" s="92"/>
      <c r="AY6014" s="92"/>
      <c r="AZ6014" s="93"/>
      <c r="BA6014" s="93"/>
      <c r="BB6014" s="93"/>
      <c r="BC6014" s="93"/>
      <c r="BD6014" s="93"/>
      <c r="BE6014" s="93"/>
      <c r="BF6014" s="93"/>
      <c r="BG6014" s="93"/>
      <c r="BH6014" s="93"/>
      <c r="BI6014" s="93"/>
      <c r="BJ6014" s="93"/>
      <c r="BK6014" s="93"/>
      <c r="BL6014" s="93"/>
    </row>
    <row r="6015" spans="2:64" x14ac:dyDescent="0.2">
      <c r="B6015" s="43"/>
      <c r="C6015" s="73"/>
      <c r="D6015" s="64"/>
      <c r="E6015" s="55"/>
      <c r="F6015" s="74"/>
      <c r="G6015" s="74"/>
      <c r="H6015" s="74"/>
      <c r="I6015" s="75"/>
      <c r="J6015" s="74"/>
      <c r="L6015" s="55"/>
      <c r="M6015" s="234"/>
      <c r="N6015" s="65"/>
      <c r="O6015" s="76"/>
      <c r="P6015" s="76"/>
      <c r="Q6015" s="65"/>
      <c r="R6015" s="76"/>
      <c r="S6015" s="76"/>
      <c r="T6015" s="76"/>
      <c r="U6015" s="76"/>
      <c r="V6015" s="76"/>
      <c r="W6015" s="76"/>
      <c r="X6015" s="76"/>
      <c r="Y6015" s="76"/>
      <c r="Z6015" s="76"/>
      <c r="AA6015" s="85"/>
      <c r="AB6015" s="85"/>
      <c r="AC6015" s="85"/>
      <c r="AD6015" s="85"/>
      <c r="AE6015" s="85"/>
      <c r="AF6015" s="85"/>
      <c r="AG6015" s="86"/>
      <c r="AH6015" s="85"/>
      <c r="AI6015" s="85"/>
      <c r="AJ6015" s="85"/>
      <c r="AK6015" s="85"/>
      <c r="AL6015" s="85"/>
      <c r="AM6015" s="92"/>
      <c r="AN6015" s="92"/>
      <c r="AO6015" s="92"/>
      <c r="AP6015" s="92"/>
      <c r="AQ6015" s="92"/>
      <c r="AR6015" s="92"/>
      <c r="AS6015" s="92"/>
      <c r="AT6015" s="92"/>
      <c r="AU6015" s="92"/>
      <c r="AV6015" s="92"/>
      <c r="AW6015" s="92"/>
      <c r="AX6015" s="92"/>
      <c r="AY6015" s="92"/>
      <c r="AZ6015" s="93"/>
      <c r="BA6015" s="93"/>
      <c r="BB6015" s="93"/>
      <c r="BC6015" s="93"/>
      <c r="BD6015" s="93"/>
      <c r="BE6015" s="93"/>
      <c r="BF6015" s="93"/>
      <c r="BG6015" s="93"/>
      <c r="BH6015" s="93"/>
      <c r="BI6015" s="93"/>
      <c r="BJ6015" s="93"/>
      <c r="BK6015" s="93"/>
      <c r="BL6015" s="93"/>
    </row>
    <row r="6016" spans="2:64" x14ac:dyDescent="0.2">
      <c r="B6016" s="43"/>
      <c r="C6016" s="73"/>
      <c r="D6016" s="64"/>
      <c r="E6016" s="55"/>
      <c r="F6016" s="74"/>
      <c r="G6016" s="74"/>
      <c r="H6016" s="74"/>
      <c r="I6016" s="75"/>
      <c r="J6016" s="74"/>
      <c r="L6016" s="55"/>
      <c r="M6016" s="234"/>
      <c r="N6016" s="65"/>
      <c r="O6016" s="76"/>
      <c r="P6016" s="76"/>
      <c r="Q6016" s="65"/>
      <c r="R6016" s="76"/>
      <c r="S6016" s="76"/>
      <c r="T6016" s="76"/>
      <c r="U6016" s="76"/>
      <c r="V6016" s="76"/>
      <c r="W6016" s="76"/>
      <c r="X6016" s="76"/>
      <c r="Y6016" s="76"/>
      <c r="Z6016" s="76"/>
      <c r="AA6016" s="85"/>
      <c r="AB6016" s="85"/>
      <c r="AC6016" s="85"/>
      <c r="AD6016" s="85"/>
      <c r="AE6016" s="85"/>
      <c r="AF6016" s="85"/>
      <c r="AG6016" s="86"/>
      <c r="AH6016" s="85"/>
      <c r="AI6016" s="85"/>
      <c r="AJ6016" s="85"/>
      <c r="AK6016" s="85"/>
      <c r="AL6016" s="85"/>
      <c r="AM6016" s="92"/>
      <c r="AN6016" s="92"/>
      <c r="AO6016" s="92"/>
      <c r="AP6016" s="92"/>
      <c r="AQ6016" s="92"/>
      <c r="AR6016" s="92"/>
      <c r="AS6016" s="92"/>
      <c r="AT6016" s="92"/>
      <c r="AU6016" s="92"/>
      <c r="AV6016" s="92"/>
      <c r="AW6016" s="92"/>
      <c r="AX6016" s="92"/>
      <c r="AY6016" s="92"/>
      <c r="AZ6016" s="93"/>
      <c r="BA6016" s="93"/>
      <c r="BB6016" s="93"/>
      <c r="BC6016" s="93"/>
      <c r="BD6016" s="93"/>
      <c r="BE6016" s="93"/>
      <c r="BF6016" s="93"/>
      <c r="BG6016" s="93"/>
      <c r="BH6016" s="93"/>
      <c r="BI6016" s="93"/>
      <c r="BJ6016" s="93"/>
      <c r="BK6016" s="93"/>
      <c r="BL6016" s="93"/>
    </row>
    <row r="6017" spans="2:64" x14ac:dyDescent="0.2">
      <c r="B6017" s="43"/>
      <c r="C6017" s="73"/>
      <c r="D6017" s="64"/>
      <c r="E6017" s="55"/>
      <c r="F6017" s="74"/>
      <c r="G6017" s="74"/>
      <c r="H6017" s="74"/>
      <c r="I6017" s="75"/>
      <c r="J6017" s="74"/>
      <c r="L6017" s="55"/>
      <c r="M6017" s="234"/>
      <c r="N6017" s="65"/>
      <c r="O6017" s="76"/>
      <c r="P6017" s="76"/>
      <c r="Q6017" s="65"/>
      <c r="R6017" s="76"/>
      <c r="S6017" s="76"/>
      <c r="T6017" s="76"/>
      <c r="U6017" s="76"/>
      <c r="V6017" s="76"/>
      <c r="W6017" s="76"/>
      <c r="X6017" s="76"/>
      <c r="Y6017" s="76"/>
      <c r="Z6017" s="76"/>
      <c r="AA6017" s="85"/>
      <c r="AB6017" s="85"/>
      <c r="AC6017" s="85"/>
      <c r="AD6017" s="85"/>
      <c r="AE6017" s="85"/>
      <c r="AF6017" s="85"/>
      <c r="AG6017" s="86"/>
      <c r="AH6017" s="85"/>
      <c r="AI6017" s="85"/>
      <c r="AJ6017" s="85"/>
      <c r="AK6017" s="85"/>
      <c r="AL6017" s="85"/>
      <c r="AM6017" s="92"/>
      <c r="AN6017" s="92"/>
      <c r="AO6017" s="92"/>
      <c r="AP6017" s="92"/>
      <c r="AQ6017" s="92"/>
      <c r="AR6017" s="92"/>
      <c r="AS6017" s="92"/>
      <c r="AT6017" s="92"/>
      <c r="AU6017" s="92"/>
      <c r="AV6017" s="92"/>
      <c r="AW6017" s="92"/>
      <c r="AX6017" s="92"/>
      <c r="AY6017" s="92"/>
      <c r="AZ6017" s="93"/>
      <c r="BA6017" s="93"/>
      <c r="BB6017" s="93"/>
      <c r="BC6017" s="93"/>
      <c r="BD6017" s="93"/>
      <c r="BE6017" s="93"/>
      <c r="BF6017" s="93"/>
      <c r="BG6017" s="93"/>
      <c r="BH6017" s="93"/>
      <c r="BI6017" s="93"/>
      <c r="BJ6017" s="93"/>
      <c r="BK6017" s="93"/>
      <c r="BL6017" s="93"/>
    </row>
    <row r="6018" spans="2:64" x14ac:dyDescent="0.2">
      <c r="B6018" s="43"/>
      <c r="C6018" s="73"/>
      <c r="D6018" s="64"/>
      <c r="E6018" s="55"/>
      <c r="F6018" s="74"/>
      <c r="G6018" s="74"/>
      <c r="H6018" s="74"/>
      <c r="I6018" s="75"/>
      <c r="J6018" s="74"/>
      <c r="L6018" s="55"/>
      <c r="M6018" s="234"/>
      <c r="N6018" s="65"/>
      <c r="O6018" s="76"/>
      <c r="P6018" s="76"/>
      <c r="Q6018" s="65"/>
      <c r="R6018" s="76"/>
      <c r="S6018" s="76"/>
      <c r="T6018" s="76"/>
      <c r="U6018" s="76"/>
      <c r="V6018" s="76"/>
      <c r="W6018" s="76"/>
      <c r="X6018" s="76"/>
      <c r="Y6018" s="76"/>
      <c r="Z6018" s="76"/>
      <c r="AA6018" s="85"/>
      <c r="AB6018" s="85"/>
      <c r="AC6018" s="85"/>
      <c r="AD6018" s="85"/>
      <c r="AE6018" s="85"/>
      <c r="AF6018" s="85"/>
      <c r="AG6018" s="86"/>
      <c r="AH6018" s="85"/>
      <c r="AI6018" s="85"/>
      <c r="AJ6018" s="85"/>
      <c r="AK6018" s="85"/>
      <c r="AL6018" s="85"/>
      <c r="AM6018" s="92"/>
      <c r="AN6018" s="92"/>
      <c r="AO6018" s="92"/>
      <c r="AP6018" s="92"/>
      <c r="AQ6018" s="92"/>
      <c r="AR6018" s="92"/>
      <c r="AS6018" s="92"/>
      <c r="AT6018" s="92"/>
      <c r="AU6018" s="92"/>
      <c r="AV6018" s="92"/>
      <c r="AW6018" s="92"/>
      <c r="AX6018" s="92"/>
      <c r="AY6018" s="92"/>
      <c r="AZ6018" s="93"/>
      <c r="BA6018" s="93"/>
      <c r="BB6018" s="93"/>
      <c r="BC6018" s="93"/>
      <c r="BD6018" s="93"/>
      <c r="BE6018" s="93"/>
      <c r="BF6018" s="93"/>
      <c r="BG6018" s="93"/>
      <c r="BH6018" s="93"/>
      <c r="BI6018" s="93"/>
      <c r="BJ6018" s="93"/>
      <c r="BK6018" s="93"/>
      <c r="BL6018" s="93"/>
    </row>
  </sheetData>
  <mergeCells count="16">
    <mergeCell ref="G23:G24"/>
    <mergeCell ref="B23:B24"/>
    <mergeCell ref="C23:C24"/>
    <mergeCell ref="D23:D24"/>
    <mergeCell ref="E23:E24"/>
    <mergeCell ref="F23:F24"/>
    <mergeCell ref="AA23:BL23"/>
    <mergeCell ref="AB4:AD4"/>
    <mergeCell ref="AE4:AG4"/>
    <mergeCell ref="AB6:AD6"/>
    <mergeCell ref="AE6:AG6"/>
    <mergeCell ref="H23:H24"/>
    <mergeCell ref="I23:I24"/>
    <mergeCell ref="J23:J24"/>
    <mergeCell ref="L23:L24"/>
    <mergeCell ref="M23:Z23"/>
  </mergeCells>
  <pageMargins left="0.39370078740157483" right="0.39370078740157483" top="0.59055118110236227" bottom="0.94488188976377963" header="0.51181102362204722" footer="0.62992125984251968"/>
  <pageSetup paperSize="8" orientation="landscape" r:id="rId1"/>
  <headerFooter>
    <oddHeader>&amp;L&amp;</oddHeader>
    <oddFooter>&amp;L&amp;6&amp;Z
&amp;F : &amp;A
©Arup | F42.9 | Rel 14.2  14 February 2011&amp;R&amp;6Page &amp;P of &amp;N
Printed &amp;D  Time &amp;T</oddFooter>
  </headerFooter>
  <drawing r:id="rId2"/>
  <legacyDrawing r:id="rId3"/>
  <legacyDrawingHF r:id="rId4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98364D4-C20B-4FC3-94D5-CB38ED845ACC}">
  <sheetPr codeName="Sheet11">
    <tabColor theme="6" tint="0.59999389629810485"/>
  </sheetPr>
  <dimension ref="B13:IK5514"/>
  <sheetViews>
    <sheetView workbookViewId="0"/>
  </sheetViews>
  <sheetFormatPr defaultRowHeight="12.75" x14ac:dyDescent="0.2"/>
  <cols>
    <col min="4" max="5" width="12.28515625" customWidth="1"/>
    <col min="6" max="6" width="10.5703125" customWidth="1"/>
    <col min="7" max="167" width="8.7109375" customWidth="1"/>
  </cols>
  <sheetData>
    <row r="13" spans="53:53" x14ac:dyDescent="0.2">
      <c r="BA13" t="e" cm="1">
        <f t="array" ref="BA13">offs</f>
        <v>#NAME?</v>
      </c>
    </row>
    <row r="18" spans="2:245" x14ac:dyDescent="0.2">
      <c r="BB18" s="161"/>
    </row>
    <row r="21" spans="2:245" x14ac:dyDescent="0.2">
      <c r="AI21" s="82"/>
      <c r="AJ21" s="82"/>
      <c r="AK21" s="82"/>
      <c r="AL21" s="82"/>
      <c r="AM21" s="82"/>
      <c r="AN21" s="82"/>
      <c r="AO21" s="82"/>
      <c r="AP21" s="82"/>
      <c r="AQ21" s="82"/>
      <c r="AR21" s="82"/>
      <c r="AS21" s="82"/>
      <c r="AT21" s="82"/>
      <c r="AU21" s="82"/>
    </row>
    <row r="22" spans="2:245" ht="13.5" thickBot="1" x14ac:dyDescent="0.25">
      <c r="AI22" s="82"/>
      <c r="AJ22" s="82"/>
      <c r="AK22" s="82"/>
      <c r="AL22" s="82"/>
      <c r="AM22" s="82"/>
      <c r="AN22" s="82"/>
      <c r="AO22" s="82"/>
      <c r="AP22" s="82"/>
      <c r="AQ22" s="82"/>
      <c r="AR22" s="82"/>
      <c r="AS22" s="82"/>
      <c r="AT22" s="82"/>
      <c r="AU22" s="82"/>
    </row>
    <row r="23" spans="2:245" ht="28.5" customHeight="1" thickBot="1" x14ac:dyDescent="0.25">
      <c r="B23" s="254" t="s">
        <v>68</v>
      </c>
      <c r="C23" s="256" t="s">
        <v>59</v>
      </c>
      <c r="D23" s="257" t="s">
        <v>69</v>
      </c>
      <c r="E23" s="261" t="s">
        <v>70</v>
      </c>
      <c r="F23" s="258" t="s">
        <v>81</v>
      </c>
      <c r="G23" s="259" t="s">
        <v>101</v>
      </c>
      <c r="H23" s="266" t="s">
        <v>183</v>
      </c>
      <c r="I23" s="267"/>
      <c r="J23" s="267"/>
      <c r="K23" s="267"/>
      <c r="L23" s="267"/>
      <c r="M23" s="267"/>
      <c r="N23" s="267"/>
      <c r="O23" s="267"/>
      <c r="P23" s="267"/>
      <c r="Q23" s="267"/>
      <c r="R23" s="267"/>
      <c r="S23" s="267"/>
      <c r="T23" s="267"/>
      <c r="U23" s="267"/>
      <c r="V23" s="267"/>
      <c r="W23" s="267"/>
      <c r="X23" s="267"/>
      <c r="Y23" s="267"/>
      <c r="Z23" s="267"/>
      <c r="AA23" s="267"/>
      <c r="AB23" s="267"/>
      <c r="AC23" s="267"/>
      <c r="AD23" s="267"/>
      <c r="AE23" s="267"/>
      <c r="AF23" s="267"/>
      <c r="AG23" s="268"/>
      <c r="AY23" s="263" t="s">
        <v>178</v>
      </c>
      <c r="AZ23" s="264"/>
      <c r="BA23" s="264"/>
      <c r="BB23" s="264"/>
      <c r="BC23" s="264"/>
      <c r="BD23" s="264"/>
      <c r="BE23" s="264"/>
      <c r="BF23" s="264"/>
      <c r="BG23" s="264"/>
      <c r="BH23" s="264"/>
      <c r="BI23" s="264"/>
      <c r="BJ23" s="264"/>
      <c r="BK23" s="265"/>
      <c r="BL23" s="263" t="s">
        <v>179</v>
      </c>
      <c r="BM23" s="264"/>
      <c r="BN23" s="264"/>
      <c r="BO23" s="264"/>
      <c r="BP23" s="264"/>
      <c r="BQ23" s="264"/>
      <c r="BR23" s="264"/>
      <c r="BS23" s="264"/>
      <c r="BT23" s="264"/>
      <c r="BU23" s="264"/>
      <c r="BV23" s="264"/>
      <c r="BW23" s="264"/>
      <c r="BX23" s="265"/>
      <c r="BY23" s="263" t="s">
        <v>180</v>
      </c>
      <c r="BZ23" s="264"/>
      <c r="CA23" s="264"/>
      <c r="CB23" s="264"/>
      <c r="CC23" s="264"/>
      <c r="CD23" s="264"/>
      <c r="CE23" s="264"/>
      <c r="CF23" s="264"/>
      <c r="CG23" s="264"/>
      <c r="CH23" s="264"/>
      <c r="CI23" s="264"/>
      <c r="CJ23" s="264"/>
      <c r="CK23" s="265"/>
      <c r="CL23" s="263" t="s">
        <v>181</v>
      </c>
      <c r="CM23" s="264"/>
      <c r="CN23" s="264"/>
      <c r="CO23" s="264"/>
      <c r="CP23" s="264"/>
      <c r="CQ23" s="264"/>
      <c r="CR23" s="264"/>
      <c r="CS23" s="264"/>
      <c r="CT23" s="264"/>
      <c r="CU23" s="264"/>
      <c r="CV23" s="264"/>
      <c r="CW23" s="264"/>
      <c r="CX23" s="264"/>
      <c r="CY23" s="264"/>
      <c r="CZ23" s="264"/>
      <c r="DA23" s="264"/>
      <c r="DB23" s="264"/>
      <c r="DC23" s="264"/>
      <c r="DD23" s="264"/>
      <c r="DE23" s="264"/>
      <c r="DF23" s="264"/>
      <c r="DG23" s="264"/>
      <c r="DH23" s="264"/>
      <c r="DI23" s="264"/>
      <c r="DJ23" s="264"/>
      <c r="DK23" s="265"/>
      <c r="DL23" s="263" t="s">
        <v>179</v>
      </c>
      <c r="DM23" s="264"/>
      <c r="DN23" s="264"/>
      <c r="DO23" s="264"/>
      <c r="DP23" s="264"/>
      <c r="DQ23" s="264"/>
      <c r="DR23" s="264"/>
      <c r="DS23" s="264"/>
      <c r="DT23" s="264"/>
      <c r="DU23" s="264"/>
      <c r="DV23" s="264"/>
      <c r="DW23" s="264"/>
      <c r="DX23" s="264"/>
      <c r="DY23" s="264"/>
      <c r="DZ23" s="264"/>
      <c r="EA23" s="264"/>
      <c r="EB23" s="264"/>
      <c r="EC23" s="264"/>
      <c r="ED23" s="264"/>
      <c r="EE23" s="264"/>
      <c r="EF23" s="264"/>
      <c r="EG23" s="264"/>
      <c r="EH23" s="264"/>
      <c r="EI23" s="264"/>
      <c r="EJ23" s="264"/>
      <c r="EK23" s="265"/>
      <c r="EL23" s="263" t="s">
        <v>180</v>
      </c>
      <c r="EM23" s="264"/>
      <c r="EN23" s="264"/>
      <c r="EO23" s="264"/>
      <c r="EP23" s="264"/>
      <c r="EQ23" s="264"/>
      <c r="ER23" s="264"/>
      <c r="ES23" s="264"/>
      <c r="ET23" s="264"/>
      <c r="EU23" s="264"/>
      <c r="EV23" s="264"/>
      <c r="EW23" s="264"/>
      <c r="EX23" s="264"/>
      <c r="EY23" s="264"/>
      <c r="EZ23" s="264"/>
      <c r="FA23" s="264"/>
      <c r="FB23" s="264"/>
      <c r="FC23" s="264"/>
      <c r="FD23" s="264"/>
      <c r="FE23" s="264"/>
      <c r="FF23" s="264"/>
      <c r="FG23" s="264"/>
      <c r="FH23" s="264"/>
      <c r="FI23" s="264"/>
      <c r="FJ23" s="264"/>
      <c r="FK23" s="265"/>
      <c r="FL23" s="269" t="s">
        <v>182</v>
      </c>
      <c r="FM23" s="270"/>
      <c r="FN23" s="270"/>
      <c r="FO23" s="270"/>
      <c r="FP23" s="270"/>
      <c r="FQ23" s="270"/>
      <c r="FR23" s="270"/>
      <c r="FS23" s="270"/>
      <c r="FT23" s="270"/>
      <c r="FU23" s="270"/>
      <c r="FV23" s="270"/>
      <c r="FW23" s="270"/>
      <c r="FX23" s="270"/>
      <c r="FY23" s="270"/>
      <c r="FZ23" s="270"/>
      <c r="GA23" s="270"/>
      <c r="GB23" s="270"/>
      <c r="GC23" s="270"/>
      <c r="GD23" s="270"/>
      <c r="GE23" s="270"/>
      <c r="GF23" s="270"/>
      <c r="GG23" s="270"/>
      <c r="GH23" s="270"/>
      <c r="GI23" s="270"/>
      <c r="GJ23" s="270"/>
      <c r="GK23" s="271"/>
      <c r="GL23" s="269" t="s">
        <v>179</v>
      </c>
      <c r="GM23" s="270"/>
      <c r="GN23" s="270"/>
      <c r="GO23" s="270"/>
      <c r="GP23" s="270"/>
      <c r="GQ23" s="270"/>
      <c r="GR23" s="270"/>
      <c r="GS23" s="270"/>
      <c r="GT23" s="270"/>
      <c r="GU23" s="270"/>
      <c r="GV23" s="270"/>
      <c r="GW23" s="270"/>
      <c r="GX23" s="270"/>
      <c r="GY23" s="270"/>
      <c r="GZ23" s="270"/>
      <c r="HA23" s="270"/>
      <c r="HB23" s="270"/>
      <c r="HC23" s="270"/>
      <c r="HD23" s="270"/>
      <c r="HE23" s="270"/>
      <c r="HF23" s="270"/>
      <c r="HG23" s="270"/>
      <c r="HH23" s="270"/>
      <c r="HI23" s="270"/>
      <c r="HJ23" s="270"/>
      <c r="HK23" s="271"/>
      <c r="HL23" s="269" t="s">
        <v>180</v>
      </c>
      <c r="HM23" s="270"/>
      <c r="HN23" s="270"/>
      <c r="HO23" s="270"/>
      <c r="HP23" s="270"/>
      <c r="HQ23" s="270"/>
      <c r="HR23" s="270"/>
      <c r="HS23" s="270"/>
      <c r="HT23" s="270"/>
      <c r="HU23" s="270"/>
      <c r="HV23" s="270"/>
      <c r="HW23" s="270"/>
      <c r="HX23" s="270"/>
      <c r="HY23" s="270"/>
      <c r="HZ23" s="270"/>
      <c r="IA23" s="270"/>
      <c r="IB23" s="270"/>
      <c r="IC23" s="270"/>
      <c r="ID23" s="270"/>
      <c r="IE23" s="270"/>
      <c r="IF23" s="270"/>
      <c r="IG23" s="270"/>
      <c r="IH23" s="270"/>
      <c r="II23" s="270"/>
      <c r="IJ23" s="270"/>
      <c r="IK23" s="271"/>
    </row>
    <row r="24" spans="2:245" ht="24.6" customHeight="1" thickBot="1" x14ac:dyDescent="0.25">
      <c r="B24" s="255"/>
      <c r="C24" s="251"/>
      <c r="D24" s="252"/>
      <c r="E24" s="262"/>
      <c r="F24" s="244"/>
      <c r="G24" s="260"/>
      <c r="H24" s="128" t="str">
        <f>'p-y mono_clay'!AM24</f>
        <v>ymo,0</v>
      </c>
      <c r="I24" s="128" t="str">
        <f>'p-y mono_clay'!AN24</f>
        <v>ymo,1</v>
      </c>
      <c r="J24" s="128" t="str">
        <f>'p-y mono_clay'!AO24</f>
        <v>ymo,2</v>
      </c>
      <c r="K24" s="128" t="str">
        <f>'p-y mono_clay'!AP24</f>
        <v>ymo,3</v>
      </c>
      <c r="L24" s="128" t="str">
        <f>'p-y mono_clay'!AQ24</f>
        <v>ymo,4</v>
      </c>
      <c r="M24" s="128" t="str">
        <f>'p-y mono_clay'!AR24</f>
        <v>ymo,5</v>
      </c>
      <c r="N24" s="128" t="str">
        <f>'p-y mono_clay'!AS24</f>
        <v>ymo,6</v>
      </c>
      <c r="O24" s="128" t="str">
        <f>'p-y mono_clay'!AT24</f>
        <v>ymo,7</v>
      </c>
      <c r="P24" s="128" t="str">
        <f>'p-y mono_clay'!AU24</f>
        <v>ymo,8</v>
      </c>
      <c r="Q24" s="128" t="str">
        <f>'p-y mono_clay'!AV24</f>
        <v>ymo,9</v>
      </c>
      <c r="R24" s="128" t="str">
        <f>'p-y mono_clay'!AW24</f>
        <v>ymo,10</v>
      </c>
      <c r="S24" s="128" t="str">
        <f>'p-y mono_clay'!AX24</f>
        <v>ymo,11</v>
      </c>
      <c r="T24" s="128" t="str">
        <f>'p-y mono_clay'!AY24</f>
        <v>ymo,12</v>
      </c>
      <c r="U24" s="128" t="str">
        <f>'p-y mono_clay'!AZ24</f>
        <v>pmo,0</v>
      </c>
      <c r="V24" s="128" t="str">
        <f>'p-y mono_clay'!BA24</f>
        <v>pmo,1</v>
      </c>
      <c r="W24" s="128" t="str">
        <f>'p-y mono_clay'!BB24</f>
        <v>pmo,2</v>
      </c>
      <c r="X24" s="128" t="str">
        <f>'p-y mono_clay'!BC24</f>
        <v>pmo,3</v>
      </c>
      <c r="Y24" s="128" t="str">
        <f>'p-y mono_clay'!BD24</f>
        <v>pmo,4</v>
      </c>
      <c r="Z24" s="128" t="str">
        <f>'p-y mono_clay'!BE24</f>
        <v>pmo,5</v>
      </c>
      <c r="AA24" s="128" t="str">
        <f>'p-y mono_clay'!BF24</f>
        <v>pmo,6</v>
      </c>
      <c r="AB24" s="128" t="str">
        <f>'p-y mono_clay'!BG24</f>
        <v>pmo,7</v>
      </c>
      <c r="AC24" s="128" t="str">
        <f>'p-y mono_clay'!BH24</f>
        <v>pmo,8</v>
      </c>
      <c r="AD24" s="128" t="str">
        <f>'p-y mono_clay'!BI24</f>
        <v>pmo,9</v>
      </c>
      <c r="AE24" s="128" t="str">
        <f>'p-y mono_clay'!BJ24</f>
        <v>pmo,10</v>
      </c>
      <c r="AF24" s="128" t="str">
        <f>'p-y mono_clay'!BK24</f>
        <v>pmo,11</v>
      </c>
      <c r="AG24" s="128" t="str">
        <f>'p-y mono_clay'!BL24</f>
        <v>pmo,12</v>
      </c>
      <c r="AH24" s="134" t="s">
        <v>269</v>
      </c>
      <c r="AI24" s="129" t="s">
        <v>270</v>
      </c>
      <c r="AJ24" s="111" t="s">
        <v>271</v>
      </c>
      <c r="AK24" s="111" t="s">
        <v>272</v>
      </c>
      <c r="AL24" s="111" t="s">
        <v>273</v>
      </c>
      <c r="AM24" s="111" t="s">
        <v>274</v>
      </c>
      <c r="AN24" s="111" t="s">
        <v>275</v>
      </c>
      <c r="AO24" s="111" t="s">
        <v>276</v>
      </c>
      <c r="AP24" s="111" t="s">
        <v>277</v>
      </c>
      <c r="AQ24" s="111" t="s">
        <v>278</v>
      </c>
      <c r="AR24" s="111" t="s">
        <v>279</v>
      </c>
      <c r="AS24" s="111" t="s">
        <v>280</v>
      </c>
      <c r="AT24" s="111" t="s">
        <v>281</v>
      </c>
      <c r="AU24" s="112" t="s">
        <v>282</v>
      </c>
      <c r="AV24" s="131" t="s">
        <v>283</v>
      </c>
      <c r="AW24" s="111" t="s">
        <v>284</v>
      </c>
      <c r="AX24" s="112" t="s">
        <v>285</v>
      </c>
      <c r="AY24" s="131" t="s">
        <v>230</v>
      </c>
      <c r="AZ24" s="111" t="s">
        <v>231</v>
      </c>
      <c r="BA24" s="111" t="s">
        <v>232</v>
      </c>
      <c r="BB24" s="111" t="s">
        <v>233</v>
      </c>
      <c r="BC24" s="111" t="s">
        <v>234</v>
      </c>
      <c r="BD24" s="111" t="s">
        <v>235</v>
      </c>
      <c r="BE24" s="111" t="s">
        <v>236</v>
      </c>
      <c r="BF24" s="111" t="s">
        <v>237</v>
      </c>
      <c r="BG24" s="111" t="s">
        <v>238</v>
      </c>
      <c r="BH24" s="111" t="s">
        <v>239</v>
      </c>
      <c r="BI24" s="111" t="s">
        <v>240</v>
      </c>
      <c r="BJ24" s="111" t="s">
        <v>241</v>
      </c>
      <c r="BK24" s="112" t="s">
        <v>242</v>
      </c>
      <c r="BL24" s="131" t="s">
        <v>230</v>
      </c>
      <c r="BM24" s="111" t="s">
        <v>231</v>
      </c>
      <c r="BN24" s="111" t="s">
        <v>232</v>
      </c>
      <c r="BO24" s="111" t="s">
        <v>233</v>
      </c>
      <c r="BP24" s="111" t="s">
        <v>234</v>
      </c>
      <c r="BQ24" s="111" t="s">
        <v>235</v>
      </c>
      <c r="BR24" s="111" t="s">
        <v>236</v>
      </c>
      <c r="BS24" s="111" t="s">
        <v>237</v>
      </c>
      <c r="BT24" s="111" t="s">
        <v>238</v>
      </c>
      <c r="BU24" s="111" t="s">
        <v>239</v>
      </c>
      <c r="BV24" s="111" t="s">
        <v>240</v>
      </c>
      <c r="BW24" s="111" t="s">
        <v>241</v>
      </c>
      <c r="BX24" s="112" t="s">
        <v>242</v>
      </c>
      <c r="BY24" s="131" t="s">
        <v>230</v>
      </c>
      <c r="BZ24" s="111" t="s">
        <v>231</v>
      </c>
      <c r="CA24" s="111" t="s">
        <v>232</v>
      </c>
      <c r="CB24" s="111" t="s">
        <v>233</v>
      </c>
      <c r="CC24" s="111" t="s">
        <v>234</v>
      </c>
      <c r="CD24" s="111" t="s">
        <v>235</v>
      </c>
      <c r="CE24" s="111" t="s">
        <v>236</v>
      </c>
      <c r="CF24" s="111" t="s">
        <v>237</v>
      </c>
      <c r="CG24" s="111" t="s">
        <v>238</v>
      </c>
      <c r="CH24" s="111" t="s">
        <v>239</v>
      </c>
      <c r="CI24" s="111" t="s">
        <v>240</v>
      </c>
      <c r="CJ24" s="111" t="s">
        <v>241</v>
      </c>
      <c r="CK24" s="112" t="s">
        <v>242</v>
      </c>
      <c r="CL24" s="129" t="s">
        <v>243</v>
      </c>
      <c r="CM24" s="111" t="s">
        <v>244</v>
      </c>
      <c r="CN24" s="111" t="s">
        <v>245</v>
      </c>
      <c r="CO24" s="111" t="s">
        <v>246</v>
      </c>
      <c r="CP24" s="111" t="s">
        <v>247</v>
      </c>
      <c r="CQ24" s="111" t="s">
        <v>248</v>
      </c>
      <c r="CR24" s="111" t="s">
        <v>249</v>
      </c>
      <c r="CS24" s="111" t="s">
        <v>250</v>
      </c>
      <c r="CT24" s="111" t="s">
        <v>251</v>
      </c>
      <c r="CU24" s="111" t="s">
        <v>252</v>
      </c>
      <c r="CV24" s="111" t="s">
        <v>253</v>
      </c>
      <c r="CW24" s="111" t="s">
        <v>254</v>
      </c>
      <c r="CX24" s="112" t="s">
        <v>255</v>
      </c>
      <c r="CY24" s="129" t="s">
        <v>256</v>
      </c>
      <c r="CZ24" s="111" t="s">
        <v>257</v>
      </c>
      <c r="DA24" s="111" t="s">
        <v>258</v>
      </c>
      <c r="DB24" s="111" t="s">
        <v>259</v>
      </c>
      <c r="DC24" s="111" t="s">
        <v>260</v>
      </c>
      <c r="DD24" s="111" t="s">
        <v>261</v>
      </c>
      <c r="DE24" s="111" t="s">
        <v>262</v>
      </c>
      <c r="DF24" s="111" t="s">
        <v>263</v>
      </c>
      <c r="DG24" s="111" t="s">
        <v>264</v>
      </c>
      <c r="DH24" s="111" t="s">
        <v>265</v>
      </c>
      <c r="DI24" s="111" t="s">
        <v>266</v>
      </c>
      <c r="DJ24" s="111" t="s">
        <v>267</v>
      </c>
      <c r="DK24" s="112" t="s">
        <v>268</v>
      </c>
      <c r="DL24" s="129" t="s">
        <v>243</v>
      </c>
      <c r="DM24" s="111" t="s">
        <v>244</v>
      </c>
      <c r="DN24" s="111" t="s">
        <v>245</v>
      </c>
      <c r="DO24" s="111" t="s">
        <v>246</v>
      </c>
      <c r="DP24" s="111" t="s">
        <v>247</v>
      </c>
      <c r="DQ24" s="111" t="s">
        <v>248</v>
      </c>
      <c r="DR24" s="111" t="s">
        <v>249</v>
      </c>
      <c r="DS24" s="111" t="s">
        <v>250</v>
      </c>
      <c r="DT24" s="111" t="s">
        <v>251</v>
      </c>
      <c r="DU24" s="111" t="s">
        <v>252</v>
      </c>
      <c r="DV24" s="111" t="s">
        <v>253</v>
      </c>
      <c r="DW24" s="111" t="s">
        <v>254</v>
      </c>
      <c r="DX24" s="112" t="s">
        <v>255</v>
      </c>
      <c r="DY24" s="129" t="s">
        <v>256</v>
      </c>
      <c r="DZ24" s="111" t="s">
        <v>257</v>
      </c>
      <c r="EA24" s="111" t="s">
        <v>258</v>
      </c>
      <c r="EB24" s="111" t="s">
        <v>259</v>
      </c>
      <c r="EC24" s="111" t="s">
        <v>260</v>
      </c>
      <c r="ED24" s="111" t="s">
        <v>261</v>
      </c>
      <c r="EE24" s="111" t="s">
        <v>262</v>
      </c>
      <c r="EF24" s="111" t="s">
        <v>263</v>
      </c>
      <c r="EG24" s="111" t="s">
        <v>264</v>
      </c>
      <c r="EH24" s="111" t="s">
        <v>265</v>
      </c>
      <c r="EI24" s="111" t="s">
        <v>266</v>
      </c>
      <c r="EJ24" s="111" t="s">
        <v>267</v>
      </c>
      <c r="EK24" s="112" t="s">
        <v>268</v>
      </c>
      <c r="EL24" s="129" t="s">
        <v>243</v>
      </c>
      <c r="EM24" s="111" t="s">
        <v>244</v>
      </c>
      <c r="EN24" s="111" t="s">
        <v>245</v>
      </c>
      <c r="EO24" s="111" t="s">
        <v>246</v>
      </c>
      <c r="EP24" s="111" t="s">
        <v>247</v>
      </c>
      <c r="EQ24" s="111" t="s">
        <v>248</v>
      </c>
      <c r="ER24" s="111" t="s">
        <v>249</v>
      </c>
      <c r="ES24" s="111" t="s">
        <v>250</v>
      </c>
      <c r="ET24" s="111" t="s">
        <v>251</v>
      </c>
      <c r="EU24" s="111" t="s">
        <v>252</v>
      </c>
      <c r="EV24" s="111" t="s">
        <v>253</v>
      </c>
      <c r="EW24" s="111" t="s">
        <v>254</v>
      </c>
      <c r="EX24" s="112" t="s">
        <v>255</v>
      </c>
      <c r="EY24" s="129" t="s">
        <v>256</v>
      </c>
      <c r="EZ24" s="111" t="s">
        <v>257</v>
      </c>
      <c r="FA24" s="111" t="s">
        <v>258</v>
      </c>
      <c r="FB24" s="111" t="s">
        <v>259</v>
      </c>
      <c r="FC24" s="111" t="s">
        <v>260</v>
      </c>
      <c r="FD24" s="111" t="s">
        <v>261</v>
      </c>
      <c r="FE24" s="111" t="s">
        <v>262</v>
      </c>
      <c r="FF24" s="111" t="s">
        <v>263</v>
      </c>
      <c r="FG24" s="111" t="s">
        <v>264</v>
      </c>
      <c r="FH24" s="111" t="s">
        <v>265</v>
      </c>
      <c r="FI24" s="111" t="s">
        <v>266</v>
      </c>
      <c r="FJ24" s="111" t="s">
        <v>267</v>
      </c>
      <c r="FK24" s="112" t="s">
        <v>268</v>
      </c>
      <c r="FL24" s="184" t="s">
        <v>204</v>
      </c>
      <c r="FM24" s="185" t="s">
        <v>205</v>
      </c>
      <c r="FN24" s="185" t="s">
        <v>206</v>
      </c>
      <c r="FO24" s="185" t="s">
        <v>207</v>
      </c>
      <c r="FP24" s="185" t="s">
        <v>208</v>
      </c>
      <c r="FQ24" s="185" t="s">
        <v>209</v>
      </c>
      <c r="FR24" s="185" t="s">
        <v>210</v>
      </c>
      <c r="FS24" s="185" t="s">
        <v>211</v>
      </c>
      <c r="FT24" s="185" t="s">
        <v>212</v>
      </c>
      <c r="FU24" s="185" t="s">
        <v>213</v>
      </c>
      <c r="FV24" s="185" t="s">
        <v>214</v>
      </c>
      <c r="FW24" s="185" t="s">
        <v>215</v>
      </c>
      <c r="FX24" s="185" t="s">
        <v>216</v>
      </c>
      <c r="FY24" s="185" t="s">
        <v>217</v>
      </c>
      <c r="FZ24" s="185" t="s">
        <v>218</v>
      </c>
      <c r="GA24" s="185" t="s">
        <v>219</v>
      </c>
      <c r="GB24" s="185" t="s">
        <v>220</v>
      </c>
      <c r="GC24" s="185" t="s">
        <v>221</v>
      </c>
      <c r="GD24" s="185" t="s">
        <v>222</v>
      </c>
      <c r="GE24" s="185" t="s">
        <v>223</v>
      </c>
      <c r="GF24" s="185" t="s">
        <v>224</v>
      </c>
      <c r="GG24" s="185" t="s">
        <v>225</v>
      </c>
      <c r="GH24" s="185" t="s">
        <v>226</v>
      </c>
      <c r="GI24" s="185" t="s">
        <v>227</v>
      </c>
      <c r="GJ24" s="185" t="s">
        <v>228</v>
      </c>
      <c r="GK24" s="186" t="s">
        <v>229</v>
      </c>
      <c r="GL24" s="194" t="s">
        <v>204</v>
      </c>
      <c r="GM24" s="185" t="s">
        <v>205</v>
      </c>
      <c r="GN24" s="185" t="s">
        <v>206</v>
      </c>
      <c r="GO24" s="185" t="s">
        <v>207</v>
      </c>
      <c r="GP24" s="185" t="s">
        <v>208</v>
      </c>
      <c r="GQ24" s="185" t="s">
        <v>209</v>
      </c>
      <c r="GR24" s="185" t="s">
        <v>210</v>
      </c>
      <c r="GS24" s="185" t="s">
        <v>211</v>
      </c>
      <c r="GT24" s="185" t="s">
        <v>212</v>
      </c>
      <c r="GU24" s="185" t="s">
        <v>213</v>
      </c>
      <c r="GV24" s="185" t="s">
        <v>214</v>
      </c>
      <c r="GW24" s="185" t="s">
        <v>215</v>
      </c>
      <c r="GX24" s="185" t="s">
        <v>216</v>
      </c>
      <c r="GY24" s="185" t="s">
        <v>217</v>
      </c>
      <c r="GZ24" s="185" t="s">
        <v>218</v>
      </c>
      <c r="HA24" s="185" t="s">
        <v>219</v>
      </c>
      <c r="HB24" s="185" t="s">
        <v>220</v>
      </c>
      <c r="HC24" s="185" t="s">
        <v>221</v>
      </c>
      <c r="HD24" s="185" t="s">
        <v>222</v>
      </c>
      <c r="HE24" s="185" t="s">
        <v>223</v>
      </c>
      <c r="HF24" s="185" t="s">
        <v>224</v>
      </c>
      <c r="HG24" s="185" t="s">
        <v>225</v>
      </c>
      <c r="HH24" s="185" t="s">
        <v>226</v>
      </c>
      <c r="HI24" s="185" t="s">
        <v>227</v>
      </c>
      <c r="HJ24" s="185" t="s">
        <v>228</v>
      </c>
      <c r="HK24" s="186" t="s">
        <v>229</v>
      </c>
      <c r="HL24" s="194" t="s">
        <v>204</v>
      </c>
      <c r="HM24" s="185" t="s">
        <v>205</v>
      </c>
      <c r="HN24" s="185" t="s">
        <v>206</v>
      </c>
      <c r="HO24" s="185" t="s">
        <v>207</v>
      </c>
      <c r="HP24" s="185" t="s">
        <v>208</v>
      </c>
      <c r="HQ24" s="185" t="s">
        <v>209</v>
      </c>
      <c r="HR24" s="185" t="s">
        <v>210</v>
      </c>
      <c r="HS24" s="185" t="s">
        <v>211</v>
      </c>
      <c r="HT24" s="185" t="s">
        <v>212</v>
      </c>
      <c r="HU24" s="185" t="s">
        <v>213</v>
      </c>
      <c r="HV24" s="185" t="s">
        <v>214</v>
      </c>
      <c r="HW24" s="185" t="s">
        <v>215</v>
      </c>
      <c r="HX24" s="185" t="s">
        <v>216</v>
      </c>
      <c r="HY24" s="185" t="s">
        <v>217</v>
      </c>
      <c r="HZ24" s="185" t="s">
        <v>218</v>
      </c>
      <c r="IA24" s="185" t="s">
        <v>219</v>
      </c>
      <c r="IB24" s="185" t="s">
        <v>220</v>
      </c>
      <c r="IC24" s="185" t="s">
        <v>221</v>
      </c>
      <c r="ID24" s="185" t="s">
        <v>222</v>
      </c>
      <c r="IE24" s="185" t="s">
        <v>223</v>
      </c>
      <c r="IF24" s="185" t="s">
        <v>224</v>
      </c>
      <c r="IG24" s="185" t="s">
        <v>225</v>
      </c>
      <c r="IH24" s="185" t="s">
        <v>226</v>
      </c>
      <c r="II24" s="185" t="s">
        <v>227</v>
      </c>
      <c r="IJ24" s="185" t="s">
        <v>228</v>
      </c>
      <c r="IK24" s="186" t="s">
        <v>229</v>
      </c>
    </row>
    <row r="25" spans="2:245" ht="13.5" thickBot="1" x14ac:dyDescent="0.25">
      <c r="B25" s="103" t="s">
        <v>72</v>
      </c>
      <c r="C25" s="104" t="s">
        <v>57</v>
      </c>
      <c r="D25" s="104" t="s">
        <v>57</v>
      </c>
      <c r="E25" s="104"/>
      <c r="F25" s="106" t="s">
        <v>57</v>
      </c>
      <c r="G25" s="123" t="s">
        <v>90</v>
      </c>
      <c r="H25" s="136" t="str">
        <f>'p-y mono_clay'!AM25</f>
        <v>[mm]</v>
      </c>
      <c r="I25" s="136" t="str">
        <f>'p-y mono_clay'!AN25</f>
        <v>[mm]</v>
      </c>
      <c r="J25" s="136" t="str">
        <f>'p-y mono_clay'!AO25</f>
        <v>[mm]</v>
      </c>
      <c r="K25" s="136" t="str">
        <f>'p-y mono_clay'!AP25</f>
        <v>[mm]</v>
      </c>
      <c r="L25" s="136" t="str">
        <f>'p-y mono_clay'!AQ25</f>
        <v>[mm]</v>
      </c>
      <c r="M25" s="136" t="str">
        <f>'p-y mono_clay'!AR25</f>
        <v>[mm]</v>
      </c>
      <c r="N25" s="136" t="str">
        <f>'p-y mono_clay'!AS25</f>
        <v>[mm]</v>
      </c>
      <c r="O25" s="136" t="str">
        <f>'p-y mono_clay'!AT25</f>
        <v>[mm]</v>
      </c>
      <c r="P25" s="136" t="str">
        <f>'p-y mono_clay'!AU25</f>
        <v>[mm]</v>
      </c>
      <c r="Q25" s="136" t="str">
        <f>'p-y mono_clay'!AV25</f>
        <v>[mm]</v>
      </c>
      <c r="R25" s="136" t="str">
        <f>'p-y mono_clay'!AW25</f>
        <v>[mm]</v>
      </c>
      <c r="S25" s="136" t="str">
        <f>'p-y mono_clay'!AX25</f>
        <v>[mm]</v>
      </c>
      <c r="T25" s="136" t="str">
        <f>'p-y mono_clay'!AY25</f>
        <v>[mm]</v>
      </c>
      <c r="U25" s="136" t="str">
        <f>'p-y mono_clay'!AZ25</f>
        <v>[kN/m]</v>
      </c>
      <c r="V25" s="136" t="str">
        <f>'p-y mono_clay'!BA25</f>
        <v>[kN/m]</v>
      </c>
      <c r="W25" s="136" t="str">
        <f>'p-y mono_clay'!BB25</f>
        <v>[kN/m]</v>
      </c>
      <c r="X25" s="136" t="str">
        <f>'p-y mono_clay'!BC25</f>
        <v>[kN/m]</v>
      </c>
      <c r="Y25" s="136" t="str">
        <f>'p-y mono_clay'!BD25</f>
        <v>[kN/m]</v>
      </c>
      <c r="Z25" s="136" t="str">
        <f>'p-y mono_clay'!BE25</f>
        <v>[kN/m]</v>
      </c>
      <c r="AA25" s="136" t="str">
        <f>'p-y mono_clay'!BF25</f>
        <v>[kN/m]</v>
      </c>
      <c r="AB25" s="136" t="str">
        <f>'p-y mono_clay'!BG25</f>
        <v>[kN/m]</v>
      </c>
      <c r="AC25" s="136" t="str">
        <f>'p-y mono_clay'!BH25</f>
        <v>[kN/m]</v>
      </c>
      <c r="AD25" s="136" t="str">
        <f>'p-y mono_clay'!BI25</f>
        <v>[kN/m]</v>
      </c>
      <c r="AE25" s="136" t="str">
        <f>'p-y mono_clay'!BJ25</f>
        <v>[kN/m]</v>
      </c>
      <c r="AF25" s="136" t="str">
        <f>'p-y mono_clay'!BK25</f>
        <v>[kN/m]</v>
      </c>
      <c r="AG25" s="136" t="str">
        <f>'p-y mono_clay'!BL25</f>
        <v>[kN/m]</v>
      </c>
      <c r="AH25" s="135" t="s">
        <v>57</v>
      </c>
      <c r="AI25" s="130" t="s">
        <v>90</v>
      </c>
      <c r="AJ25" s="132" t="s">
        <v>90</v>
      </c>
      <c r="AK25" s="132" t="s">
        <v>90</v>
      </c>
      <c r="AL25" s="132" t="s">
        <v>90</v>
      </c>
      <c r="AM25" s="132" t="s">
        <v>90</v>
      </c>
      <c r="AN25" s="132" t="s">
        <v>90</v>
      </c>
      <c r="AO25" s="132" t="s">
        <v>90</v>
      </c>
      <c r="AP25" s="132" t="s">
        <v>90</v>
      </c>
      <c r="AQ25" s="132" t="s">
        <v>90</v>
      </c>
      <c r="AR25" s="132" t="s">
        <v>90</v>
      </c>
      <c r="AS25" s="132" t="s">
        <v>90</v>
      </c>
      <c r="AT25" s="132" t="s">
        <v>90</v>
      </c>
      <c r="AU25" s="133" t="s">
        <v>90</v>
      </c>
      <c r="AV25" s="132" t="s">
        <v>90</v>
      </c>
      <c r="AW25" s="132" t="s">
        <v>90</v>
      </c>
      <c r="AX25" s="133" t="s">
        <v>90</v>
      </c>
      <c r="AY25" s="158" t="s">
        <v>90</v>
      </c>
      <c r="AZ25" s="159" t="s">
        <v>90</v>
      </c>
      <c r="BA25" s="159" t="s">
        <v>90</v>
      </c>
      <c r="BB25" s="159" t="s">
        <v>90</v>
      </c>
      <c r="BC25" s="159" t="s">
        <v>90</v>
      </c>
      <c r="BD25" s="159" t="s">
        <v>90</v>
      </c>
      <c r="BE25" s="159" t="s">
        <v>90</v>
      </c>
      <c r="BF25" s="159" t="s">
        <v>90</v>
      </c>
      <c r="BG25" s="159" t="s">
        <v>90</v>
      </c>
      <c r="BH25" s="159" t="s">
        <v>90</v>
      </c>
      <c r="BI25" s="159" t="s">
        <v>90</v>
      </c>
      <c r="BJ25" s="159" t="s">
        <v>90</v>
      </c>
      <c r="BK25" s="160" t="s">
        <v>90</v>
      </c>
      <c r="BL25" s="158" t="s">
        <v>90</v>
      </c>
      <c r="BM25" s="159" t="s">
        <v>90</v>
      </c>
      <c r="BN25" s="159" t="s">
        <v>90</v>
      </c>
      <c r="BO25" s="159" t="s">
        <v>90</v>
      </c>
      <c r="BP25" s="159" t="s">
        <v>90</v>
      </c>
      <c r="BQ25" s="159" t="s">
        <v>90</v>
      </c>
      <c r="BR25" s="159" t="s">
        <v>90</v>
      </c>
      <c r="BS25" s="159" t="s">
        <v>90</v>
      </c>
      <c r="BT25" s="159" t="s">
        <v>90</v>
      </c>
      <c r="BU25" s="159" t="s">
        <v>90</v>
      </c>
      <c r="BV25" s="159" t="s">
        <v>90</v>
      </c>
      <c r="BW25" s="159" t="s">
        <v>90</v>
      </c>
      <c r="BX25" s="160" t="s">
        <v>90</v>
      </c>
      <c r="BY25" s="158" t="s">
        <v>90</v>
      </c>
      <c r="BZ25" s="159" t="s">
        <v>90</v>
      </c>
      <c r="CA25" s="159" t="s">
        <v>90</v>
      </c>
      <c r="CB25" s="159" t="s">
        <v>90</v>
      </c>
      <c r="CC25" s="159" t="s">
        <v>90</v>
      </c>
      <c r="CD25" s="159" t="s">
        <v>90</v>
      </c>
      <c r="CE25" s="159" t="s">
        <v>90</v>
      </c>
      <c r="CF25" s="159" t="s">
        <v>90</v>
      </c>
      <c r="CG25" s="159" t="s">
        <v>90</v>
      </c>
      <c r="CH25" s="159" t="s">
        <v>90</v>
      </c>
      <c r="CI25" s="159" t="s">
        <v>90</v>
      </c>
      <c r="CJ25" s="159" t="s">
        <v>90</v>
      </c>
      <c r="CK25" s="160" t="s">
        <v>90</v>
      </c>
      <c r="CL25" s="168" t="s">
        <v>90</v>
      </c>
      <c r="CM25" s="159" t="s">
        <v>90</v>
      </c>
      <c r="CN25" s="159" t="s">
        <v>90</v>
      </c>
      <c r="CO25" s="159" t="s">
        <v>90</v>
      </c>
      <c r="CP25" s="159" t="s">
        <v>90</v>
      </c>
      <c r="CQ25" s="159" t="s">
        <v>90</v>
      </c>
      <c r="CR25" s="159" t="s">
        <v>90</v>
      </c>
      <c r="CS25" s="159" t="s">
        <v>90</v>
      </c>
      <c r="CT25" s="159" t="s">
        <v>90</v>
      </c>
      <c r="CU25" s="159" t="s">
        <v>90</v>
      </c>
      <c r="CV25" s="159" t="s">
        <v>90</v>
      </c>
      <c r="CW25" s="159" t="s">
        <v>90</v>
      </c>
      <c r="CX25" s="160" t="s">
        <v>90</v>
      </c>
      <c r="CY25" s="168" t="s">
        <v>90</v>
      </c>
      <c r="CZ25" s="159" t="s">
        <v>90</v>
      </c>
      <c r="DA25" s="159" t="s">
        <v>90</v>
      </c>
      <c r="DB25" s="159" t="s">
        <v>90</v>
      </c>
      <c r="DC25" s="159" t="s">
        <v>90</v>
      </c>
      <c r="DD25" s="159" t="s">
        <v>90</v>
      </c>
      <c r="DE25" s="159" t="s">
        <v>90</v>
      </c>
      <c r="DF25" s="159" t="s">
        <v>90</v>
      </c>
      <c r="DG25" s="159" t="s">
        <v>90</v>
      </c>
      <c r="DH25" s="159" t="s">
        <v>90</v>
      </c>
      <c r="DI25" s="159" t="s">
        <v>90</v>
      </c>
      <c r="DJ25" s="159" t="s">
        <v>90</v>
      </c>
      <c r="DK25" s="160" t="s">
        <v>90</v>
      </c>
      <c r="DL25" s="168" t="s">
        <v>90</v>
      </c>
      <c r="DM25" s="159" t="s">
        <v>90</v>
      </c>
      <c r="DN25" s="159" t="s">
        <v>90</v>
      </c>
      <c r="DO25" s="159" t="s">
        <v>90</v>
      </c>
      <c r="DP25" s="159" t="s">
        <v>90</v>
      </c>
      <c r="DQ25" s="159" t="s">
        <v>90</v>
      </c>
      <c r="DR25" s="159" t="s">
        <v>90</v>
      </c>
      <c r="DS25" s="159" t="s">
        <v>90</v>
      </c>
      <c r="DT25" s="159" t="s">
        <v>90</v>
      </c>
      <c r="DU25" s="159" t="s">
        <v>90</v>
      </c>
      <c r="DV25" s="159" t="s">
        <v>90</v>
      </c>
      <c r="DW25" s="159" t="s">
        <v>90</v>
      </c>
      <c r="DX25" s="160" t="s">
        <v>90</v>
      </c>
      <c r="DY25" s="168" t="s">
        <v>90</v>
      </c>
      <c r="DZ25" s="159" t="s">
        <v>90</v>
      </c>
      <c r="EA25" s="159" t="s">
        <v>90</v>
      </c>
      <c r="EB25" s="159" t="s">
        <v>90</v>
      </c>
      <c r="EC25" s="159" t="s">
        <v>90</v>
      </c>
      <c r="ED25" s="159" t="s">
        <v>90</v>
      </c>
      <c r="EE25" s="159" t="s">
        <v>90</v>
      </c>
      <c r="EF25" s="159" t="s">
        <v>90</v>
      </c>
      <c r="EG25" s="159" t="s">
        <v>90</v>
      </c>
      <c r="EH25" s="159" t="s">
        <v>90</v>
      </c>
      <c r="EI25" s="159" t="s">
        <v>90</v>
      </c>
      <c r="EJ25" s="159" t="s">
        <v>90</v>
      </c>
      <c r="EK25" s="160" t="s">
        <v>90</v>
      </c>
      <c r="EL25" s="168" t="s">
        <v>90</v>
      </c>
      <c r="EM25" s="159" t="s">
        <v>90</v>
      </c>
      <c r="EN25" s="159" t="s">
        <v>90</v>
      </c>
      <c r="EO25" s="159" t="s">
        <v>90</v>
      </c>
      <c r="EP25" s="159" t="s">
        <v>90</v>
      </c>
      <c r="EQ25" s="159" t="s">
        <v>90</v>
      </c>
      <c r="ER25" s="159" t="s">
        <v>90</v>
      </c>
      <c r="ES25" s="159" t="s">
        <v>90</v>
      </c>
      <c r="ET25" s="159" t="s">
        <v>90</v>
      </c>
      <c r="EU25" s="159" t="s">
        <v>90</v>
      </c>
      <c r="EV25" s="159" t="s">
        <v>90</v>
      </c>
      <c r="EW25" s="159" t="s">
        <v>90</v>
      </c>
      <c r="EX25" s="160" t="s">
        <v>90</v>
      </c>
      <c r="EY25" s="168" t="s">
        <v>90</v>
      </c>
      <c r="EZ25" s="159" t="s">
        <v>90</v>
      </c>
      <c r="FA25" s="159" t="s">
        <v>90</v>
      </c>
      <c r="FB25" s="159" t="s">
        <v>90</v>
      </c>
      <c r="FC25" s="159" t="s">
        <v>90</v>
      </c>
      <c r="FD25" s="159" t="s">
        <v>90</v>
      </c>
      <c r="FE25" s="159" t="s">
        <v>90</v>
      </c>
      <c r="FF25" s="159" t="s">
        <v>90</v>
      </c>
      <c r="FG25" s="159" t="s">
        <v>90</v>
      </c>
      <c r="FH25" s="159" t="s">
        <v>90</v>
      </c>
      <c r="FI25" s="159" t="s">
        <v>90</v>
      </c>
      <c r="FJ25" s="159" t="s">
        <v>90</v>
      </c>
      <c r="FK25" s="183" t="s">
        <v>90</v>
      </c>
      <c r="FL25" s="187" t="s">
        <v>106</v>
      </c>
      <c r="FM25" s="188" t="s">
        <v>106</v>
      </c>
      <c r="FN25" s="188" t="s">
        <v>106</v>
      </c>
      <c r="FO25" s="188" t="s">
        <v>106</v>
      </c>
      <c r="FP25" s="188" t="s">
        <v>106</v>
      </c>
      <c r="FQ25" s="188" t="s">
        <v>106</v>
      </c>
      <c r="FR25" s="188" t="s">
        <v>106</v>
      </c>
      <c r="FS25" s="188" t="s">
        <v>106</v>
      </c>
      <c r="FT25" s="188" t="s">
        <v>106</v>
      </c>
      <c r="FU25" s="188" t="s">
        <v>106</v>
      </c>
      <c r="FV25" s="188" t="s">
        <v>106</v>
      </c>
      <c r="FW25" s="188" t="s">
        <v>106</v>
      </c>
      <c r="FX25" s="188" t="s">
        <v>106</v>
      </c>
      <c r="FY25" s="189" t="s">
        <v>58</v>
      </c>
      <c r="FZ25" s="189" t="s">
        <v>58</v>
      </c>
      <c r="GA25" s="189" t="s">
        <v>58</v>
      </c>
      <c r="GB25" s="189" t="s">
        <v>58</v>
      </c>
      <c r="GC25" s="189" t="s">
        <v>58</v>
      </c>
      <c r="GD25" s="189" t="s">
        <v>58</v>
      </c>
      <c r="GE25" s="189" t="s">
        <v>58</v>
      </c>
      <c r="GF25" s="189" t="s">
        <v>58</v>
      </c>
      <c r="GG25" s="189" t="s">
        <v>58</v>
      </c>
      <c r="GH25" s="189" t="s">
        <v>58</v>
      </c>
      <c r="GI25" s="189" t="s">
        <v>58</v>
      </c>
      <c r="GJ25" s="189" t="s">
        <v>58</v>
      </c>
      <c r="GK25" s="190" t="s">
        <v>58</v>
      </c>
      <c r="GL25" s="187" t="s">
        <v>106</v>
      </c>
      <c r="GM25" s="188" t="s">
        <v>106</v>
      </c>
      <c r="GN25" s="188" t="s">
        <v>106</v>
      </c>
      <c r="GO25" s="188" t="s">
        <v>106</v>
      </c>
      <c r="GP25" s="188" t="s">
        <v>106</v>
      </c>
      <c r="GQ25" s="188" t="s">
        <v>106</v>
      </c>
      <c r="GR25" s="188" t="s">
        <v>106</v>
      </c>
      <c r="GS25" s="188" t="s">
        <v>106</v>
      </c>
      <c r="GT25" s="188" t="s">
        <v>106</v>
      </c>
      <c r="GU25" s="188" t="s">
        <v>106</v>
      </c>
      <c r="GV25" s="188" t="s">
        <v>106</v>
      </c>
      <c r="GW25" s="188" t="s">
        <v>106</v>
      </c>
      <c r="GX25" s="188" t="s">
        <v>106</v>
      </c>
      <c r="GY25" s="189" t="s">
        <v>58</v>
      </c>
      <c r="GZ25" s="189" t="s">
        <v>58</v>
      </c>
      <c r="HA25" s="189" t="s">
        <v>58</v>
      </c>
      <c r="HB25" s="189" t="s">
        <v>58</v>
      </c>
      <c r="HC25" s="189" t="s">
        <v>58</v>
      </c>
      <c r="HD25" s="189" t="s">
        <v>58</v>
      </c>
      <c r="HE25" s="189" t="s">
        <v>58</v>
      </c>
      <c r="HF25" s="189" t="s">
        <v>58</v>
      </c>
      <c r="HG25" s="189" t="s">
        <v>58</v>
      </c>
      <c r="HH25" s="189" t="s">
        <v>58</v>
      </c>
      <c r="HI25" s="189" t="s">
        <v>58</v>
      </c>
      <c r="HJ25" s="189" t="s">
        <v>58</v>
      </c>
      <c r="HK25" s="190" t="s">
        <v>58</v>
      </c>
      <c r="HL25" s="187" t="s">
        <v>106</v>
      </c>
      <c r="HM25" s="188" t="s">
        <v>106</v>
      </c>
      <c r="HN25" s="188" t="s">
        <v>106</v>
      </c>
      <c r="HO25" s="188" t="s">
        <v>106</v>
      </c>
      <c r="HP25" s="188" t="s">
        <v>106</v>
      </c>
      <c r="HQ25" s="188" t="s">
        <v>106</v>
      </c>
      <c r="HR25" s="188" t="s">
        <v>106</v>
      </c>
      <c r="HS25" s="188" t="s">
        <v>106</v>
      </c>
      <c r="HT25" s="188" t="s">
        <v>106</v>
      </c>
      <c r="HU25" s="188" t="s">
        <v>106</v>
      </c>
      <c r="HV25" s="188" t="s">
        <v>106</v>
      </c>
      <c r="HW25" s="188" t="s">
        <v>106</v>
      </c>
      <c r="HX25" s="188" t="s">
        <v>106</v>
      </c>
      <c r="HY25" s="189" t="s">
        <v>58</v>
      </c>
      <c r="HZ25" s="189" t="s">
        <v>58</v>
      </c>
      <c r="IA25" s="189" t="s">
        <v>58</v>
      </c>
      <c r="IB25" s="189" t="s">
        <v>58</v>
      </c>
      <c r="IC25" s="189" t="s">
        <v>58</v>
      </c>
      <c r="ID25" s="189" t="s">
        <v>58</v>
      </c>
      <c r="IE25" s="189" t="s">
        <v>58</v>
      </c>
      <c r="IF25" s="189" t="s">
        <v>58</v>
      </c>
      <c r="IG25" s="189" t="s">
        <v>58</v>
      </c>
      <c r="IH25" s="189" t="s">
        <v>58</v>
      </c>
      <c r="II25" s="189" t="s">
        <v>58</v>
      </c>
      <c r="IJ25" s="189" t="s">
        <v>58</v>
      </c>
      <c r="IK25" s="190" t="s">
        <v>58</v>
      </c>
    </row>
    <row r="26" spans="2:245" x14ac:dyDescent="0.2">
      <c r="B26" s="78">
        <f>'CPT Data'!$E$6</f>
        <v>-15.5</v>
      </c>
      <c r="C26" s="120"/>
      <c r="D26" s="120"/>
      <c r="E26" s="120"/>
      <c r="F26" s="121"/>
      <c r="G26" s="122"/>
      <c r="H26" s="94"/>
      <c r="I26" s="95"/>
      <c r="J26" s="95"/>
      <c r="K26" s="95"/>
      <c r="L26" s="95"/>
      <c r="M26" s="95"/>
      <c r="N26" s="95"/>
      <c r="O26" s="95"/>
      <c r="P26" s="95"/>
      <c r="Q26" s="95"/>
      <c r="R26" s="95"/>
      <c r="S26" s="95"/>
      <c r="T26" s="96"/>
      <c r="U26" s="94"/>
      <c r="V26" s="95"/>
      <c r="W26" s="95"/>
      <c r="X26" s="95"/>
      <c r="Y26" s="95"/>
      <c r="Z26" s="95"/>
      <c r="AA26" s="95"/>
      <c r="AB26" s="95"/>
      <c r="AC26" s="95"/>
      <c r="AD26" s="95"/>
      <c r="AE26" s="95"/>
      <c r="AF26" s="95"/>
      <c r="AG26" s="96"/>
      <c r="AY26" s="162"/>
      <c r="AZ26" s="162"/>
      <c r="BA26" s="162"/>
      <c r="BB26" s="162"/>
      <c r="BC26" s="162"/>
      <c r="BD26" s="162"/>
      <c r="BE26" s="162"/>
      <c r="BF26" s="162"/>
      <c r="BG26" s="162"/>
      <c r="BH26" s="162"/>
      <c r="BI26" s="162"/>
      <c r="BJ26" s="162"/>
      <c r="BK26" s="162"/>
      <c r="BL26" s="162"/>
      <c r="BM26" s="162"/>
      <c r="BN26" s="162"/>
      <c r="BO26" s="162"/>
      <c r="BP26" s="162"/>
      <c r="BQ26" s="162"/>
      <c r="BR26" s="162"/>
      <c r="BS26" s="162"/>
      <c r="BT26" s="162"/>
      <c r="BU26" s="162"/>
      <c r="BV26" s="162"/>
      <c r="BW26" s="162"/>
      <c r="BX26" s="162"/>
      <c r="BY26" s="162"/>
      <c r="BZ26" s="162"/>
      <c r="CA26" s="162"/>
      <c r="CB26" s="162"/>
      <c r="CC26" s="162"/>
      <c r="CD26" s="162"/>
      <c r="CE26" s="162"/>
      <c r="CF26" s="162"/>
      <c r="CG26" s="162"/>
      <c r="CH26" s="162"/>
      <c r="CI26" s="162"/>
      <c r="CJ26" s="162"/>
      <c r="CK26" s="162"/>
      <c r="CL26" s="163"/>
      <c r="CM26" s="163"/>
      <c r="CN26" s="163"/>
      <c r="CO26" s="163"/>
      <c r="CP26" s="163"/>
      <c r="CQ26" s="163"/>
      <c r="CR26" s="163"/>
      <c r="CS26" s="163"/>
      <c r="CT26" s="163"/>
      <c r="CU26" s="163"/>
      <c r="CV26" s="163"/>
      <c r="CW26" s="163"/>
      <c r="CX26" s="173"/>
      <c r="CY26" s="163"/>
      <c r="CZ26" s="163"/>
      <c r="DA26" s="163"/>
      <c r="DB26" s="163"/>
      <c r="DC26" s="163"/>
      <c r="DD26" s="163"/>
      <c r="DE26" s="163"/>
      <c r="DF26" s="163"/>
      <c r="DG26" s="163"/>
      <c r="DH26" s="163"/>
      <c r="DI26" s="163"/>
      <c r="DJ26" s="163"/>
      <c r="DK26" s="163"/>
      <c r="DL26" s="172"/>
      <c r="DM26" s="163"/>
      <c r="DN26" s="163"/>
      <c r="DO26" s="163"/>
      <c r="DP26" s="163"/>
      <c r="DQ26" s="163"/>
      <c r="DR26" s="163"/>
      <c r="DS26" s="163"/>
      <c r="DT26" s="163"/>
      <c r="DU26" s="163"/>
      <c r="DV26" s="163"/>
      <c r="DW26" s="163"/>
      <c r="DX26" s="173"/>
      <c r="DY26" s="163"/>
      <c r="DZ26" s="163"/>
      <c r="EA26" s="163"/>
      <c r="EB26" s="163"/>
      <c r="EC26" s="163"/>
      <c r="ED26" s="163"/>
      <c r="EE26" s="163"/>
      <c r="EF26" s="163"/>
      <c r="EG26" s="163"/>
      <c r="EH26" s="163"/>
      <c r="EI26" s="163"/>
      <c r="EJ26" s="163"/>
      <c r="EK26" s="163"/>
      <c r="EL26" s="172"/>
      <c r="EM26" s="163"/>
      <c r="EN26" s="163"/>
      <c r="EO26" s="163"/>
      <c r="EP26" s="163"/>
      <c r="EQ26" s="163"/>
      <c r="ER26" s="163"/>
      <c r="ES26" s="163"/>
      <c r="ET26" s="163"/>
      <c r="EU26" s="163"/>
      <c r="EV26" s="163"/>
      <c r="EW26" s="163"/>
      <c r="EX26" s="173"/>
      <c r="EY26" s="172"/>
      <c r="EZ26" s="163"/>
      <c r="FA26" s="163"/>
      <c r="FB26" s="163"/>
      <c r="FC26" s="163"/>
      <c r="FD26" s="163"/>
      <c r="FE26" s="163"/>
      <c r="FF26" s="163"/>
      <c r="FG26" s="163"/>
      <c r="FH26" s="163"/>
      <c r="FI26" s="163"/>
      <c r="FJ26" s="163"/>
      <c r="FK26" s="163"/>
      <c r="FL26" s="126"/>
      <c r="FM26" s="91"/>
      <c r="FN26" s="91"/>
      <c r="FO26" s="91"/>
      <c r="FP26" s="91"/>
      <c r="FQ26" s="91"/>
      <c r="FR26" s="91"/>
      <c r="FS26" s="91"/>
      <c r="FT26" s="91"/>
      <c r="FU26" s="91"/>
      <c r="FV26" s="91"/>
      <c r="FW26" s="91"/>
      <c r="FX26" s="91"/>
      <c r="FY26" s="91"/>
      <c r="FZ26" s="91"/>
      <c r="GA26" s="91"/>
      <c r="GB26" s="91"/>
      <c r="GC26" s="91"/>
      <c r="GD26" s="91"/>
      <c r="GE26" s="91"/>
      <c r="GF26" s="91"/>
      <c r="GG26" s="91"/>
      <c r="GH26" s="91"/>
      <c r="GI26" s="91"/>
      <c r="GJ26" s="91"/>
      <c r="GK26" s="127"/>
      <c r="GL26" s="126"/>
      <c r="GM26" s="91"/>
      <c r="GN26" s="91"/>
      <c r="GO26" s="91"/>
      <c r="GP26" s="91"/>
      <c r="GQ26" s="91"/>
      <c r="GR26" s="91"/>
      <c r="GS26" s="91"/>
      <c r="GT26" s="91"/>
      <c r="GU26" s="91"/>
      <c r="GV26" s="91"/>
      <c r="GW26" s="91"/>
      <c r="GX26" s="91"/>
      <c r="GY26" s="91"/>
      <c r="GZ26" s="91"/>
      <c r="HA26" s="91"/>
      <c r="HB26" s="91"/>
      <c r="HC26" s="91"/>
      <c r="HD26" s="91"/>
      <c r="HE26" s="91"/>
      <c r="HF26" s="91"/>
      <c r="HG26" s="91"/>
      <c r="HH26" s="91"/>
      <c r="HI26" s="91"/>
      <c r="HJ26" s="91"/>
      <c r="HK26" s="127"/>
      <c r="HL26" s="126"/>
      <c r="HM26" s="91"/>
      <c r="HN26" s="91"/>
      <c r="HO26" s="91"/>
      <c r="HP26" s="91"/>
      <c r="HQ26" s="91"/>
      <c r="HR26" s="91"/>
      <c r="HS26" s="91"/>
      <c r="HT26" s="91"/>
      <c r="HU26" s="91"/>
      <c r="HV26" s="91"/>
      <c r="HW26" s="91"/>
      <c r="HX26" s="91"/>
      <c r="HY26" s="91"/>
      <c r="HZ26" s="91"/>
      <c r="IA26" s="91"/>
      <c r="IB26" s="91"/>
      <c r="IC26" s="91"/>
      <c r="ID26" s="91"/>
      <c r="IE26" s="91"/>
      <c r="IF26" s="91"/>
      <c r="IG26" s="91"/>
      <c r="IH26" s="91"/>
      <c r="II26" s="91"/>
      <c r="IJ26" s="91"/>
      <c r="IK26" s="127"/>
    </row>
    <row r="27" spans="2:245" x14ac:dyDescent="0.2">
      <c r="B27" s="79">
        <f>$B$26 - $C27</f>
        <v>-16.5</v>
      </c>
      <c r="C27" s="73">
        <f>'p-y mono_clay'!C27</f>
        <v>1</v>
      </c>
      <c r="D27" s="64">
        <f>'p-y mono_clay'!D27</f>
        <v>0.98599999999999999</v>
      </c>
      <c r="E27" s="64" t="str">
        <f>'p-y mono_clay'!E27</f>
        <v>SAND</v>
      </c>
      <c r="F27" s="55">
        <f>VLOOKUP($C27, 'Pile Property'!$A$8:$D$108,2,TRUE)</f>
        <v>2</v>
      </c>
      <c r="G27" s="102" t="e">
        <f>'p-y mono_clay'!Z27</f>
        <v>#N/A</v>
      </c>
      <c r="H27" s="199">
        <f>'p-y mono_clay'!AM27</f>
        <v>0</v>
      </c>
      <c r="I27" s="55" t="e">
        <f>'p-y mono_clay'!AN27</f>
        <v>#N/A</v>
      </c>
      <c r="J27" s="55" t="e">
        <f>'p-y mono_clay'!AO27</f>
        <v>#N/A</v>
      </c>
      <c r="K27" s="55" t="e">
        <f>'p-y mono_clay'!AP27</f>
        <v>#N/A</v>
      </c>
      <c r="L27" s="55" t="e">
        <f>'p-y mono_clay'!AQ27</f>
        <v>#N/A</v>
      </c>
      <c r="M27" s="55" t="e">
        <f>'p-y mono_clay'!AR27</f>
        <v>#N/A</v>
      </c>
      <c r="N27" s="55" t="e">
        <f>'p-y mono_clay'!AS27</f>
        <v>#N/A</v>
      </c>
      <c r="O27" s="55" t="e">
        <f>'p-y mono_clay'!AT27</f>
        <v>#N/A</v>
      </c>
      <c r="P27" s="55" t="e">
        <f>'p-y mono_clay'!AU27</f>
        <v>#N/A</v>
      </c>
      <c r="Q27" s="55" t="e">
        <f>'p-y mono_clay'!AV27</f>
        <v>#N/A</v>
      </c>
      <c r="R27" s="55" t="e">
        <f>'p-y mono_clay'!AW27</f>
        <v>#N/A</v>
      </c>
      <c r="S27" s="55" t="e">
        <f>'p-y mono_clay'!AX27</f>
        <v>#N/A</v>
      </c>
      <c r="T27" s="200">
        <f>'p-y mono_clay'!AY27</f>
        <v>6000</v>
      </c>
      <c r="U27" s="199">
        <f>'p-y mono_clay'!AZ27</f>
        <v>0</v>
      </c>
      <c r="V27" s="55" t="e">
        <f>'p-y mono_clay'!BA27</f>
        <v>#N/A</v>
      </c>
      <c r="W27" s="55" t="e">
        <f>'p-y mono_clay'!BB27</f>
        <v>#N/A</v>
      </c>
      <c r="X27" s="55" t="e">
        <f>'p-y mono_clay'!BC27</f>
        <v>#N/A</v>
      </c>
      <c r="Y27" s="55" t="e">
        <f>'p-y mono_clay'!BD27</f>
        <v>#N/A</v>
      </c>
      <c r="Z27" s="55" t="e">
        <f>'p-y mono_clay'!BE27</f>
        <v>#N/A</v>
      </c>
      <c r="AA27" s="55" t="e">
        <f>'p-y mono_clay'!BF27</f>
        <v>#N/A</v>
      </c>
      <c r="AB27" s="55" t="e">
        <f>'p-y mono_clay'!BG27</f>
        <v>#N/A</v>
      </c>
      <c r="AC27" s="55" t="e">
        <f>'p-y mono_clay'!BH27</f>
        <v>#N/A</v>
      </c>
      <c r="AD27" s="55" t="e">
        <f>'p-y mono_clay'!BI27</f>
        <v>#N/A</v>
      </c>
      <c r="AE27" s="55" t="e">
        <f>'p-y mono_clay'!BJ27</f>
        <v>#N/A</v>
      </c>
      <c r="AF27" s="55" t="e">
        <f>'p-y mono_clay'!BK27</f>
        <v>#N/A</v>
      </c>
      <c r="AG27" s="200" t="e">
        <f>'p-y mono_clay'!BL27</f>
        <v>#N/A</v>
      </c>
      <c r="AH27">
        <f>15*F27</f>
        <v>30</v>
      </c>
      <c r="AI27">
        <v>0</v>
      </c>
      <c r="AJ27" t="e">
        <f>MIN(MAX(IF($D27&lt;=$AH27,((V27/$G27)-($D27/$AH27)^2),(V27/$G27)-1),-1),0.99)</f>
        <v>#N/A</v>
      </c>
      <c r="AK27" t="e">
        <f t="shared" ref="AK27" si="0">MIN(MAX(IF($D27&lt;=$AH27,((W27/$G27)-($D27/$AH27)^2),(W27/$G27)-1),-1),0.99)</f>
        <v>#N/A</v>
      </c>
      <c r="AL27" t="e">
        <f t="shared" ref="AL27" si="1">MIN(MAX(IF($D27&lt;=$AH27,((X27/$G27)-($D27/$AH27)^2),(X27/$G27)-1),-1),0.99)</f>
        <v>#N/A</v>
      </c>
      <c r="AM27" t="e">
        <f t="shared" ref="AM27" si="2">MIN(MAX(IF($D27&lt;=$AH27,((Y27/$G27)-($D27/$AH27)^2),(Y27/$G27)-1),-1),0.99)</f>
        <v>#N/A</v>
      </c>
      <c r="AN27" t="e">
        <f t="shared" ref="AN27" si="3">MIN(MAX(IF($D27&lt;=$AH27,((Z27/$G27)-($D27/$AH27)^2),(Z27/$G27)-1),-1),0.99)</f>
        <v>#N/A</v>
      </c>
      <c r="AO27" t="e">
        <f t="shared" ref="AO27" si="4">MIN(MAX(IF($D27&lt;=$AH27,((AA27/$G27)-($D27/$AH27)^2),(AA27/$G27)-1),-1),0.99)</f>
        <v>#N/A</v>
      </c>
      <c r="AP27" t="e">
        <f t="shared" ref="AP27" si="5">MIN(MAX(IF($D27&lt;=$AH27,((AB27/$G27)-($D27/$AH27)^2),(AB27/$G27)-1),-1),0.99)</f>
        <v>#N/A</v>
      </c>
      <c r="AQ27" t="e">
        <f t="shared" ref="AQ27" si="6">MIN(MAX(IF($D27&lt;=$AH27,((AC27/$G27)-($D27/$AH27)^2),(AC27/$G27)-1),-1),0.99)</f>
        <v>#N/A</v>
      </c>
      <c r="AR27" t="e">
        <f t="shared" ref="AR27" si="7">MIN(MAX(IF($D27&lt;=$AH27,((AD27/$G27)-($D27/$AH27)^2),(AD27/$G27)-1),-1),0.99)</f>
        <v>#N/A</v>
      </c>
      <c r="AS27" t="e">
        <f t="shared" ref="AS27" si="8">MIN(MAX(IF($D27&lt;=$AH27,((AE27/$G27)-($D27/$AH27)^2),(AE27/$G27)-1),-1),0.99)</f>
        <v>#N/A</v>
      </c>
      <c r="AT27" t="e">
        <f t="shared" ref="AT27" si="9">MIN(MAX(IF($D27&lt;=$AH27,((AF27/$G27)-($D27/$AH27)^2),(AF27/$G27)-1),-1),0.99)</f>
        <v>#N/A</v>
      </c>
      <c r="AU27" t="e">
        <f t="shared" ref="AU27" si="10">MIN(MAX(IF($D27&lt;=$AH27,((AG27/$G27)-($D27/$AH27)^2),(AG27/$G27)-1),-1),0.99)</f>
        <v>#N/A</v>
      </c>
      <c r="AV27">
        <v>1</v>
      </c>
      <c r="AW27">
        <v>1.25</v>
      </c>
      <c r="AX27">
        <v>2.5</v>
      </c>
      <c r="AY27" s="162">
        <f>MIN(MAX((2/(1-AI27))^$AV27,1),25)</f>
        <v>2</v>
      </c>
      <c r="AZ27" s="162" t="e">
        <f t="shared" ref="AZ27" si="11">MIN(MAX((2/(1-AJ27))^$AV27,1),25)</f>
        <v>#N/A</v>
      </c>
      <c r="BA27" s="162" t="e">
        <f t="shared" ref="BA27" si="12">MIN(MAX((2/(1-AK27))^$AV27,1),25)</f>
        <v>#N/A</v>
      </c>
      <c r="BB27" s="162" t="e">
        <f t="shared" ref="BB27" si="13">MIN(MAX((2/(1-AL27))^$AV27,1),25)</f>
        <v>#N/A</v>
      </c>
      <c r="BC27" s="162" t="e">
        <f t="shared" ref="BC27" si="14">MIN(MAX((2/(1-AM27))^$AV27,1),25)</f>
        <v>#N/A</v>
      </c>
      <c r="BD27" s="162" t="e">
        <f>MIN(MAX((2/(1-AN27))^$AV27,1),25)</f>
        <v>#N/A</v>
      </c>
      <c r="BE27" s="162" t="e">
        <f t="shared" ref="BE27" si="15">MIN(MAX((2/(1-AO27))^$AV27,1),25)</f>
        <v>#N/A</v>
      </c>
      <c r="BF27" s="162" t="e">
        <f t="shared" ref="BF27" si="16">MIN(MAX((2/(1-AP27))^$AV27,1),25)</f>
        <v>#N/A</v>
      </c>
      <c r="BG27" s="162" t="e">
        <f t="shared" ref="BG27" si="17">MIN(MAX((2/(1-AQ27))^$AV27,1),25)</f>
        <v>#N/A</v>
      </c>
      <c r="BH27" s="162" t="e">
        <f t="shared" ref="BH27" si="18">MIN(MAX((2/(1-AR27))^$AV27,1),25)</f>
        <v>#N/A</v>
      </c>
      <c r="BI27" s="162" t="e">
        <f t="shared" ref="BI27" si="19">MIN(MAX((2/(1-AS27))^$AV27,1),25)</f>
        <v>#N/A</v>
      </c>
      <c r="BJ27" s="162" t="e">
        <f t="shared" ref="BJ27" si="20">MIN(MAX((2/(1-AT27))^$AV27,1),25)</f>
        <v>#N/A</v>
      </c>
      <c r="BK27" s="162" t="e">
        <f t="shared" ref="BK27" si="21">MIN(MAX((2/(1-AU27))^$AV27,1),25)</f>
        <v>#N/A</v>
      </c>
      <c r="BL27" s="162">
        <f>MIN(MAX((2/(1-AI27))^$AW27,1),25)</f>
        <v>2.3784142300054421</v>
      </c>
      <c r="BM27" s="162" t="e">
        <f t="shared" ref="BM27" si="22">MIN(MAX((2/(1-AJ27))^$AW27,1),25)</f>
        <v>#N/A</v>
      </c>
      <c r="BN27" s="162" t="e">
        <f t="shared" ref="BN27" si="23">MIN(MAX((2/(1-AK27))^$AW27,1),25)</f>
        <v>#N/A</v>
      </c>
      <c r="BO27" s="162" t="e">
        <f t="shared" ref="BO27" si="24">MIN(MAX((2/(1-AL27))^$AW27,1),25)</f>
        <v>#N/A</v>
      </c>
      <c r="BP27" s="162" t="e">
        <f t="shared" ref="BP27" si="25">MIN(MAX((2/(1-AM27))^$AW27,1),25)</f>
        <v>#N/A</v>
      </c>
      <c r="BQ27" s="162" t="e">
        <f t="shared" ref="BQ27" si="26">MIN(MAX((2/(1-AN27))^$AW27,1),25)</f>
        <v>#N/A</v>
      </c>
      <c r="BR27" s="162" t="e">
        <f t="shared" ref="BR27" si="27">MIN(MAX((2/(1-AO27))^$AW27,1),25)</f>
        <v>#N/A</v>
      </c>
      <c r="BS27" s="162" t="e">
        <f t="shared" ref="BS27" si="28">MIN(MAX((2/(1-AP27))^$AW27,1),25)</f>
        <v>#N/A</v>
      </c>
      <c r="BT27" s="162" t="e">
        <f t="shared" ref="BT27" si="29">MIN(MAX((2/(1-AQ27))^$AW27,1),25)</f>
        <v>#N/A</v>
      </c>
      <c r="BU27" s="162" t="e">
        <f t="shared" ref="BU27" si="30">MIN(MAX((2/(1-AR27))^$AW27,1),25)</f>
        <v>#N/A</v>
      </c>
      <c r="BV27" s="162" t="e">
        <f t="shared" ref="BV27" si="31">MIN(MAX((2/(1-AS27))^$AW27,1),25)</f>
        <v>#N/A</v>
      </c>
      <c r="BW27" s="162" t="e">
        <f t="shared" ref="BW27" si="32">MIN(MAX((2/(1-AT27))^$AW27,1),25)</f>
        <v>#N/A</v>
      </c>
      <c r="BX27" s="162" t="e">
        <f t="shared" ref="BX27" si="33">MIN(MAX((2/(1-AU27))^$AW27,1),25)</f>
        <v>#N/A</v>
      </c>
      <c r="BY27" s="162">
        <f>MIN(MAX((2/(1-AI27))^$AX27,1),25)</f>
        <v>5.6568542494923806</v>
      </c>
      <c r="BZ27" s="162" t="e">
        <f t="shared" ref="BZ27" si="34">MIN(MAX((2/(1-AJ27))^$AX27,1),25)</f>
        <v>#N/A</v>
      </c>
      <c r="CA27" s="162" t="e">
        <f t="shared" ref="CA27" si="35">MIN(MAX((2/(1-AK27))^$AX27,1),25)</f>
        <v>#N/A</v>
      </c>
      <c r="CB27" s="162" t="e">
        <f t="shared" ref="CB27" si="36">MIN(MAX((2/(1-AL27))^$AX27,1),25)</f>
        <v>#N/A</v>
      </c>
      <c r="CC27" s="162" t="e">
        <f t="shared" ref="CC27" si="37">MIN(MAX((2/(1-AM27))^$AX27,1),25)</f>
        <v>#N/A</v>
      </c>
      <c r="CD27" s="162" t="e">
        <f t="shared" ref="CD27" si="38">MIN(MAX((2/(1-AN27))^$AX27,1),25)</f>
        <v>#N/A</v>
      </c>
      <c r="CE27" s="162" t="e">
        <f t="shared" ref="CE27" si="39">MIN(MAX((2/(1-AO27))^$AX27,1),25)</f>
        <v>#N/A</v>
      </c>
      <c r="CF27" s="162" t="e">
        <f t="shared" ref="CF27" si="40">MIN(MAX((2/(1-AP27))^$AX27,1),25)</f>
        <v>#N/A</v>
      </c>
      <c r="CG27" s="162" t="e">
        <f t="shared" ref="CG27" si="41">MIN(MAX((2/(1-AQ27))^$AX27,1),25)</f>
        <v>#N/A</v>
      </c>
      <c r="CH27" s="162" t="e">
        <f t="shared" ref="CH27" si="42">MIN(MAX((2/(1-AR27))^$AX27,1),25)</f>
        <v>#N/A</v>
      </c>
      <c r="CI27" s="162" t="e">
        <f t="shared" ref="CI27" si="43">MIN(MAX((2/(1-AS27))^$AX27,1),25)</f>
        <v>#N/A</v>
      </c>
      <c r="CJ27" s="162" t="e">
        <f t="shared" ref="CJ27" si="44">MIN(MAX((2/(1-AT27))^$AX27,1),25)</f>
        <v>#N/A</v>
      </c>
      <c r="CK27" s="162" t="e">
        <f t="shared" ref="CK27" si="45">MIN(MAX((2/(1-AU27))^$AX27,1),25)</f>
        <v>#N/A</v>
      </c>
      <c r="CL27">
        <f>1.47-(0.14*LN(AY27))</f>
        <v>1.3729593947216077</v>
      </c>
      <c r="CM27" t="e">
        <f t="shared" ref="CM27" si="46">1.47-(0.14*LN(AZ27))</f>
        <v>#N/A</v>
      </c>
      <c r="CN27" t="e">
        <f t="shared" ref="CN27" si="47">1.47-(0.14*LN(BA27))</f>
        <v>#N/A</v>
      </c>
      <c r="CO27" t="e">
        <f t="shared" ref="CO27" si="48">1.47-(0.14*LN(BB27))</f>
        <v>#N/A</v>
      </c>
      <c r="CP27" t="e">
        <f t="shared" ref="CP27" si="49">1.47-(0.14*LN(BC27))</f>
        <v>#N/A</v>
      </c>
      <c r="CQ27" t="e">
        <f t="shared" ref="CQ27" si="50">1.47-(0.14*LN(BD27))</f>
        <v>#N/A</v>
      </c>
      <c r="CR27" t="e">
        <f t="shared" ref="CR27" si="51">1.47-(0.14*LN(BE27))</f>
        <v>#N/A</v>
      </c>
      <c r="CS27" t="e">
        <f t="shared" ref="CS27" si="52">1.47-(0.14*LN(BF27))</f>
        <v>#N/A</v>
      </c>
      <c r="CT27" t="e">
        <f t="shared" ref="CT27" si="53">1.47-(0.14*LN(BG27))</f>
        <v>#N/A</v>
      </c>
      <c r="CU27" t="e">
        <f t="shared" ref="CU27" si="54">1.47-(0.14*LN(BH27))</f>
        <v>#N/A</v>
      </c>
      <c r="CV27" t="e">
        <f t="shared" ref="CV27" si="55">1.47-(0.14*LN(BI27))</f>
        <v>#N/A</v>
      </c>
      <c r="CW27" t="e">
        <f t="shared" ref="CW27" si="56">1.47-(0.14*LN(BJ27))</f>
        <v>#N/A</v>
      </c>
      <c r="CX27" s="98" t="e">
        <f t="shared" ref="CX27" si="57">1.47-(0.14*LN(BK27))</f>
        <v>#N/A</v>
      </c>
      <c r="CY27">
        <f>1.2-(0.14*LN(AY27))</f>
        <v>1.1029593947216076</v>
      </c>
      <c r="CZ27" t="e">
        <f t="shared" ref="CZ27" si="58">1.2-(0.14*LN(AZ27))</f>
        <v>#N/A</v>
      </c>
      <c r="DA27" t="e">
        <f t="shared" ref="DA27" si="59">1.2-(0.14*LN(BA27))</f>
        <v>#N/A</v>
      </c>
      <c r="DB27" t="e">
        <f t="shared" ref="DB27" si="60">1.2-(0.14*LN(BB27))</f>
        <v>#N/A</v>
      </c>
      <c r="DC27" t="e">
        <f t="shared" ref="DC27" si="61">1.2-(0.14*LN(BC27))</f>
        <v>#N/A</v>
      </c>
      <c r="DD27" t="e">
        <f t="shared" ref="DD27" si="62">1.2-(0.14*LN(BD27))</f>
        <v>#N/A</v>
      </c>
      <c r="DE27" t="e">
        <f t="shared" ref="DE27" si="63">1.2-(0.14*LN(BE27))</f>
        <v>#N/A</v>
      </c>
      <c r="DF27" t="e">
        <f t="shared" ref="DF27" si="64">1.2-(0.14*LN(BF27))</f>
        <v>#N/A</v>
      </c>
      <c r="DG27" t="e">
        <f t="shared" ref="DG27" si="65">1.2-(0.14*LN(BG27))</f>
        <v>#N/A</v>
      </c>
      <c r="DH27" t="e">
        <f t="shared" ref="DH27" si="66">1.2-(0.14*LN(BH27))</f>
        <v>#N/A</v>
      </c>
      <c r="DI27" t="e">
        <f t="shared" ref="DI27" si="67">1.2-(0.14*LN(BI27))</f>
        <v>#N/A</v>
      </c>
      <c r="DJ27" t="e">
        <f t="shared" ref="DJ27" si="68">1.2-(0.14*LN(BJ27))</f>
        <v>#N/A</v>
      </c>
      <c r="DK27" t="e">
        <f t="shared" ref="DK27" si="69">1.2-(0.14*LN(BK27))</f>
        <v>#N/A</v>
      </c>
      <c r="DL27" s="97">
        <f>1.63-(0.15*LN(BL27))</f>
        <v>1.5000349036450102</v>
      </c>
      <c r="DM27" t="e">
        <f t="shared" ref="DM27" si="70">1.63-(0.15*LN(BM27))</f>
        <v>#N/A</v>
      </c>
      <c r="DN27" t="e">
        <f t="shared" ref="DN27" si="71">1.63-(0.15*LN(BN27))</f>
        <v>#N/A</v>
      </c>
      <c r="DO27" t="e">
        <f t="shared" ref="DO27" si="72">1.63-(0.15*LN(BO27))</f>
        <v>#N/A</v>
      </c>
      <c r="DP27" t="e">
        <f t="shared" ref="DP27" si="73">1.63-(0.15*LN(BP27))</f>
        <v>#N/A</v>
      </c>
      <c r="DQ27" t="e">
        <f t="shared" ref="DQ27" si="74">1.63-(0.15*LN(BQ27))</f>
        <v>#N/A</v>
      </c>
      <c r="DR27" t="e">
        <f t="shared" ref="DR27" si="75">1.63-(0.15*LN(BR27))</f>
        <v>#N/A</v>
      </c>
      <c r="DS27" t="e">
        <f t="shared" ref="DS27" si="76">1.63-(0.15*LN(BS27))</f>
        <v>#N/A</v>
      </c>
      <c r="DT27" t="e">
        <f t="shared" ref="DT27" si="77">1.63-(0.15*LN(BT27))</f>
        <v>#N/A</v>
      </c>
      <c r="DU27" t="e">
        <f t="shared" ref="DU27" si="78">1.63-(0.15*LN(BU27))</f>
        <v>#N/A</v>
      </c>
      <c r="DV27" t="e">
        <f t="shared" ref="DV27" si="79">1.63-(0.15*LN(BV27))</f>
        <v>#N/A</v>
      </c>
      <c r="DW27" t="e">
        <f t="shared" ref="DW27" si="80">1.63-(0.15*LN(BW27))</f>
        <v>#N/A</v>
      </c>
      <c r="DX27" s="98" t="e">
        <f t="shared" ref="DX27" si="81">1.63-(0.15*LN(BX27))</f>
        <v>#N/A</v>
      </c>
      <c r="DY27">
        <f>1.2-(0.17*LN(BL27))</f>
        <v>1.0527062241310117</v>
      </c>
      <c r="DZ27" t="e">
        <f t="shared" ref="DZ27" si="82">1.2-(0.17*LN(BM27))</f>
        <v>#N/A</v>
      </c>
      <c r="EA27" t="e">
        <f t="shared" ref="EA27" si="83">1.2-(0.17*LN(BN27))</f>
        <v>#N/A</v>
      </c>
      <c r="EB27" t="e">
        <f t="shared" ref="EB27" si="84">1.2-(0.17*LN(BO27))</f>
        <v>#N/A</v>
      </c>
      <c r="EC27" t="e">
        <f t="shared" ref="EC27" si="85">1.2-(0.17*LN(BP27))</f>
        <v>#N/A</v>
      </c>
      <c r="ED27" t="e">
        <f t="shared" ref="ED27" si="86">1.2-(0.17*LN(BQ27))</f>
        <v>#N/A</v>
      </c>
      <c r="EE27" t="e">
        <f t="shared" ref="EE27" si="87">1.2-(0.17*LN(BR27))</f>
        <v>#N/A</v>
      </c>
      <c r="EF27" t="e">
        <f t="shared" ref="EF27" si="88">1.2-(0.17*LN(BS27))</f>
        <v>#N/A</v>
      </c>
      <c r="EG27" t="e">
        <f t="shared" ref="EG27" si="89">1.2-(0.17*LN(BT27))</f>
        <v>#N/A</v>
      </c>
      <c r="EH27" t="e">
        <f t="shared" ref="EH27" si="90">1.2-(0.17*LN(BU27))</f>
        <v>#N/A</v>
      </c>
      <c r="EI27" t="e">
        <f t="shared" ref="EI27" si="91">1.2-(0.17*LN(BV27))</f>
        <v>#N/A</v>
      </c>
      <c r="EJ27" t="e">
        <f t="shared" ref="EJ27" si="92">1.2-(0.17*LN(BW27))</f>
        <v>#N/A</v>
      </c>
      <c r="EK27" t="e">
        <f t="shared" ref="EK27" si="93">1.2-(0.17*LN(BX27))</f>
        <v>#N/A</v>
      </c>
      <c r="EL27" s="97">
        <f>1.45-(0.17*LN(BY27))</f>
        <v>1.1554124482620232</v>
      </c>
      <c r="EM27" t="e">
        <f t="shared" ref="EM27" si="94">1.45-(0.17*LN(BZ27))</f>
        <v>#N/A</v>
      </c>
      <c r="EN27" t="e">
        <f t="shared" ref="EN27" si="95">1.45-(0.17*LN(CA27))</f>
        <v>#N/A</v>
      </c>
      <c r="EO27" t="e">
        <f t="shared" ref="EO27" si="96">1.45-(0.17*LN(CB27))</f>
        <v>#N/A</v>
      </c>
      <c r="EP27" t="e">
        <f t="shared" ref="EP27" si="97">1.45-(0.17*LN(CC27))</f>
        <v>#N/A</v>
      </c>
      <c r="EQ27" t="e">
        <f t="shared" ref="EQ27" si="98">1.45-(0.17*LN(CD27))</f>
        <v>#N/A</v>
      </c>
      <c r="ER27" t="e">
        <f t="shared" ref="ER27" si="99">1.45-(0.17*LN(CE27))</f>
        <v>#N/A</v>
      </c>
      <c r="ES27" t="e">
        <f t="shared" ref="ES27" si="100">1.45-(0.17*LN(CF27))</f>
        <v>#N/A</v>
      </c>
      <c r="ET27" t="e">
        <f t="shared" ref="ET27" si="101">1.45-(0.17*LN(CG27))</f>
        <v>#N/A</v>
      </c>
      <c r="EU27" t="e">
        <f t="shared" ref="EU27" si="102">1.45-(0.17*LN(CH27))</f>
        <v>#N/A</v>
      </c>
      <c r="EV27" t="e">
        <f t="shared" ref="EV27" si="103">1.45-(0.17*LN(CI27))</f>
        <v>#N/A</v>
      </c>
      <c r="EW27" t="e">
        <f t="shared" ref="EW27" si="104">1.45-(0.17*LN(CJ27))</f>
        <v>#N/A</v>
      </c>
      <c r="EX27" s="98" t="e">
        <f t="shared" ref="EX27" si="105">1.45-(0.17*LN(CK27))</f>
        <v>#N/A</v>
      </c>
      <c r="EY27" s="97">
        <f>1.2-(0.17*LN(BY27))</f>
        <v>0.90541244826202316</v>
      </c>
      <c r="EZ27" t="e">
        <f t="shared" ref="EZ27" si="106">1.2-(0.17*LN(BZ27))</f>
        <v>#N/A</v>
      </c>
      <c r="FA27" t="e">
        <f t="shared" ref="FA27" si="107">1.2-(0.17*LN(CA27))</f>
        <v>#N/A</v>
      </c>
      <c r="FB27" t="e">
        <f t="shared" ref="FB27" si="108">1.2-(0.17*LN(CB27))</f>
        <v>#N/A</v>
      </c>
      <c r="FC27" t="e">
        <f t="shared" ref="FC27" si="109">1.2-(0.17*LN(CC27))</f>
        <v>#N/A</v>
      </c>
      <c r="FD27" t="e">
        <f t="shared" ref="FD27" si="110">1.2-(0.17*LN(CD27))</f>
        <v>#N/A</v>
      </c>
      <c r="FE27" t="e">
        <f t="shared" ref="FE27" si="111">1.2-(0.17*LN(CE27))</f>
        <v>#N/A</v>
      </c>
      <c r="FF27" t="e">
        <f t="shared" ref="FF27" si="112">1.2-(0.17*LN(CF27))</f>
        <v>#N/A</v>
      </c>
      <c r="FG27" t="e">
        <f t="shared" ref="FG27" si="113">1.2-(0.17*LN(CG27))</f>
        <v>#N/A</v>
      </c>
      <c r="FH27" t="e">
        <f t="shared" ref="FH27" si="114">1.2-(0.17*LN(CH27))</f>
        <v>#N/A</v>
      </c>
      <c r="FI27" t="e">
        <f t="shared" ref="FI27" si="115">1.2-(0.17*LN(CI27))</f>
        <v>#N/A</v>
      </c>
      <c r="FJ27" t="e">
        <f t="shared" ref="FJ27" si="116">1.2-(0.17*LN(CJ27))</f>
        <v>#N/A</v>
      </c>
      <c r="FK27" t="e">
        <f t="shared" ref="FK27" si="117">1.2-(0.17*LN(CK27))</f>
        <v>#N/A</v>
      </c>
      <c r="FL27" s="126">
        <f>CL27*U27</f>
        <v>0</v>
      </c>
      <c r="FM27" s="91" t="e">
        <f t="shared" ref="FM27" si="118">CM27*V27</f>
        <v>#N/A</v>
      </c>
      <c r="FN27" s="91" t="e">
        <f t="shared" ref="FN27" si="119">CN27*W27</f>
        <v>#N/A</v>
      </c>
      <c r="FO27" s="91" t="e">
        <f t="shared" ref="FO27" si="120">CO27*X27</f>
        <v>#N/A</v>
      </c>
      <c r="FP27" s="91" t="e">
        <f t="shared" ref="FP27" si="121">CP27*Y27</f>
        <v>#N/A</v>
      </c>
      <c r="FQ27" s="91" t="e">
        <f t="shared" ref="FQ27" si="122">CQ27*Z27</f>
        <v>#N/A</v>
      </c>
      <c r="FR27" s="91" t="e">
        <f t="shared" ref="FR27" si="123">CR27*AA27</f>
        <v>#N/A</v>
      </c>
      <c r="FS27" s="91" t="e">
        <f t="shared" ref="FS27" si="124">CS27*AB27</f>
        <v>#N/A</v>
      </c>
      <c r="FT27" s="91" t="e">
        <f t="shared" ref="FT27" si="125">CT27*AC27</f>
        <v>#N/A</v>
      </c>
      <c r="FU27" s="91" t="e">
        <f t="shared" ref="FU27" si="126">CU27*AD27</f>
        <v>#N/A</v>
      </c>
      <c r="FV27" s="91" t="e">
        <f t="shared" ref="FV27" si="127">CV27*AE27</f>
        <v>#N/A</v>
      </c>
      <c r="FW27" s="91" t="e">
        <f t="shared" ref="FW27" si="128">CW27*AF27</f>
        <v>#N/A</v>
      </c>
      <c r="FX27" s="91" t="e">
        <f>CX27*AG27</f>
        <v>#N/A</v>
      </c>
      <c r="FY27" s="91">
        <f>CY27*H27</f>
        <v>0</v>
      </c>
      <c r="FZ27" s="91" t="e">
        <f t="shared" ref="FZ27" si="129">CZ27*I27</f>
        <v>#N/A</v>
      </c>
      <c r="GA27" s="91" t="e">
        <f t="shared" ref="GA27" si="130">DA27*J27</f>
        <v>#N/A</v>
      </c>
      <c r="GB27" s="91" t="e">
        <f t="shared" ref="GB27" si="131">DB27*K27</f>
        <v>#N/A</v>
      </c>
      <c r="GC27" s="91" t="e">
        <f t="shared" ref="GC27" si="132">DC27*L27</f>
        <v>#N/A</v>
      </c>
      <c r="GD27" s="91" t="e">
        <f t="shared" ref="GD27" si="133">DD27*M27</f>
        <v>#N/A</v>
      </c>
      <c r="GE27" s="91" t="e">
        <f t="shared" ref="GE27" si="134">DE27*N27</f>
        <v>#N/A</v>
      </c>
      <c r="GF27" s="91" t="e">
        <f t="shared" ref="GF27" si="135">DF27*O27</f>
        <v>#N/A</v>
      </c>
      <c r="GG27" s="91" t="e">
        <f t="shared" ref="GG27" si="136">DG27*P27</f>
        <v>#N/A</v>
      </c>
      <c r="GH27" s="91" t="e">
        <f t="shared" ref="GH27" si="137">DH27*Q27</f>
        <v>#N/A</v>
      </c>
      <c r="GI27" s="91" t="e">
        <f t="shared" ref="GI27" si="138">DI27*R27</f>
        <v>#N/A</v>
      </c>
      <c r="GJ27" s="91" t="e">
        <f t="shared" ref="GJ27" si="139">DJ27*S27</f>
        <v>#N/A</v>
      </c>
      <c r="GK27" s="127" t="e">
        <f>DK27*T27</f>
        <v>#N/A</v>
      </c>
      <c r="GL27" s="126">
        <f>DL27*U27</f>
        <v>0</v>
      </c>
      <c r="GM27" s="91" t="e">
        <f t="shared" ref="GM27" si="140">DM27*V27</f>
        <v>#N/A</v>
      </c>
      <c r="GN27" s="91" t="e">
        <f t="shared" ref="GN27" si="141">DN27*W27</f>
        <v>#N/A</v>
      </c>
      <c r="GO27" s="91" t="e">
        <f t="shared" ref="GO27" si="142">DO27*X27</f>
        <v>#N/A</v>
      </c>
      <c r="GP27" s="91" t="e">
        <f t="shared" ref="GP27" si="143">DP27*Y27</f>
        <v>#N/A</v>
      </c>
      <c r="GQ27" s="91" t="e">
        <f t="shared" ref="GQ27" si="144">DQ27*Z27</f>
        <v>#N/A</v>
      </c>
      <c r="GR27" s="91" t="e">
        <f t="shared" ref="GR27" si="145">DR27*AA27</f>
        <v>#N/A</v>
      </c>
      <c r="GS27" s="91" t="e">
        <f t="shared" ref="GS27" si="146">DS27*AB27</f>
        <v>#N/A</v>
      </c>
      <c r="GT27" s="91" t="e">
        <f t="shared" ref="GT27" si="147">DT27*AC27</f>
        <v>#N/A</v>
      </c>
      <c r="GU27" s="91" t="e">
        <f t="shared" ref="GU27" si="148">DU27*AD27</f>
        <v>#N/A</v>
      </c>
      <c r="GV27" s="91" t="e">
        <f t="shared" ref="GV27" si="149">DV27*AE27</f>
        <v>#N/A</v>
      </c>
      <c r="GW27" s="91" t="e">
        <f t="shared" ref="GW27" si="150">DW27*AF27</f>
        <v>#N/A</v>
      </c>
      <c r="GX27" s="91" t="e">
        <f t="shared" ref="GX27" si="151">DX27*AG27</f>
        <v>#N/A</v>
      </c>
      <c r="GY27" s="91">
        <f>DY27*H27</f>
        <v>0</v>
      </c>
      <c r="GZ27" s="91" t="e">
        <f t="shared" ref="GZ27" si="152">DZ27*I27</f>
        <v>#N/A</v>
      </c>
      <c r="HA27" s="91" t="e">
        <f t="shared" ref="HA27" si="153">EA27*J27</f>
        <v>#N/A</v>
      </c>
      <c r="HB27" s="91" t="e">
        <f t="shared" ref="HB27" si="154">EB27*K27</f>
        <v>#N/A</v>
      </c>
      <c r="HC27" s="91" t="e">
        <f t="shared" ref="HC27" si="155">EC27*L27</f>
        <v>#N/A</v>
      </c>
      <c r="HD27" s="91" t="e">
        <f t="shared" ref="HD27" si="156">ED27*M27</f>
        <v>#N/A</v>
      </c>
      <c r="HE27" s="91" t="e">
        <f t="shared" ref="HE27" si="157">EE27*N27</f>
        <v>#N/A</v>
      </c>
      <c r="HF27" s="91" t="e">
        <f t="shared" ref="HF27" si="158">EF27*O27</f>
        <v>#N/A</v>
      </c>
      <c r="HG27" s="91" t="e">
        <f t="shared" ref="HG27" si="159">EG27*P27</f>
        <v>#N/A</v>
      </c>
      <c r="HH27" s="91" t="e">
        <f t="shared" ref="HH27" si="160">EH27*Q27</f>
        <v>#N/A</v>
      </c>
      <c r="HI27" s="91" t="e">
        <f t="shared" ref="HI27" si="161">EI27*R27</f>
        <v>#N/A</v>
      </c>
      <c r="HJ27" s="91" t="e">
        <f t="shared" ref="HJ27" si="162">EJ27*S27</f>
        <v>#N/A</v>
      </c>
      <c r="HK27" s="127" t="e">
        <f t="shared" ref="HK27" si="163">EK27*T27</f>
        <v>#N/A</v>
      </c>
      <c r="HL27" s="126">
        <f>EL27*U27</f>
        <v>0</v>
      </c>
      <c r="HM27" s="91" t="e">
        <f t="shared" ref="HM27" si="164">EM27*V27</f>
        <v>#N/A</v>
      </c>
      <c r="HN27" s="91" t="e">
        <f t="shared" ref="HN27" si="165">EN27*W27</f>
        <v>#N/A</v>
      </c>
      <c r="HO27" s="91" t="e">
        <f t="shared" ref="HO27" si="166">EO27*X27</f>
        <v>#N/A</v>
      </c>
      <c r="HP27" s="91" t="e">
        <f t="shared" ref="HP27" si="167">EP27*Y27</f>
        <v>#N/A</v>
      </c>
      <c r="HQ27" s="91" t="e">
        <f t="shared" ref="HQ27" si="168">EQ27*Z27</f>
        <v>#N/A</v>
      </c>
      <c r="HR27" s="91" t="e">
        <f t="shared" ref="HR27" si="169">ER27*AA27</f>
        <v>#N/A</v>
      </c>
      <c r="HS27" s="91" t="e">
        <f t="shared" ref="HS27" si="170">ES27*AB27</f>
        <v>#N/A</v>
      </c>
      <c r="HT27" s="91" t="e">
        <f t="shared" ref="HT27" si="171">ET27*AC27</f>
        <v>#N/A</v>
      </c>
      <c r="HU27" s="91" t="e">
        <f t="shared" ref="HU27" si="172">EU27*AD27</f>
        <v>#N/A</v>
      </c>
      <c r="HV27" s="91" t="e">
        <f t="shared" ref="HV27" si="173">EV27*AE27</f>
        <v>#N/A</v>
      </c>
      <c r="HW27" s="91" t="e">
        <f t="shared" ref="HW27" si="174">EW27*AF27</f>
        <v>#N/A</v>
      </c>
      <c r="HX27" s="91" t="e">
        <f t="shared" ref="HX27" si="175">EX27*AG27</f>
        <v>#N/A</v>
      </c>
      <c r="HY27" s="91">
        <f>EY27*H27</f>
        <v>0</v>
      </c>
      <c r="HZ27" s="91" t="e">
        <f t="shared" ref="HZ27" si="176">EZ27*I27</f>
        <v>#N/A</v>
      </c>
      <c r="IA27" s="91" t="e">
        <f t="shared" ref="IA27" si="177">FA27*J27</f>
        <v>#N/A</v>
      </c>
      <c r="IB27" s="91" t="e">
        <f t="shared" ref="IB27" si="178">FB27*K27</f>
        <v>#N/A</v>
      </c>
      <c r="IC27" s="91" t="e">
        <f t="shared" ref="IC27" si="179">FC27*L27</f>
        <v>#N/A</v>
      </c>
      <c r="ID27" s="91" t="e">
        <f t="shared" ref="ID27" si="180">FD27*M27</f>
        <v>#N/A</v>
      </c>
      <c r="IE27" s="91" t="e">
        <f t="shared" ref="IE27" si="181">FE27*N27</f>
        <v>#N/A</v>
      </c>
      <c r="IF27" s="91" t="e">
        <f t="shared" ref="IF27" si="182">FF27*O27</f>
        <v>#N/A</v>
      </c>
      <c r="IG27" s="91" t="e">
        <f t="shared" ref="IG27" si="183">FG27*P27</f>
        <v>#N/A</v>
      </c>
      <c r="IH27" s="91" t="e">
        <f t="shared" ref="IH27" si="184">FH27*Q27</f>
        <v>#N/A</v>
      </c>
      <c r="II27" s="91" t="e">
        <f t="shared" ref="II27" si="185">FI27*R27</f>
        <v>#N/A</v>
      </c>
      <c r="IJ27" s="91" t="e">
        <f t="shared" ref="IJ27" si="186">FJ27*S27</f>
        <v>#N/A</v>
      </c>
      <c r="IK27" s="127" t="e">
        <f t="shared" ref="IK27" si="187">FK27*T27</f>
        <v>#N/A</v>
      </c>
    </row>
    <row r="28" spans="2:245" x14ac:dyDescent="0.2">
      <c r="B28" s="79">
        <f t="shared" ref="B28:B91" si="188">$B$26 - $C28</f>
        <v>-17.5</v>
      </c>
      <c r="C28" s="73">
        <f>'p-y mono_clay'!C28</f>
        <v>2</v>
      </c>
      <c r="D28" s="64">
        <f>'p-y mono_clay'!D28</f>
        <v>1.9860000000000002</v>
      </c>
      <c r="E28" s="64" t="str">
        <f>'p-y mono_clay'!E28</f>
        <v>SAND</v>
      </c>
      <c r="F28" s="55">
        <f>VLOOKUP($C28, 'Pile Property'!$A$8:$D$108,2,TRUE)</f>
        <v>2</v>
      </c>
      <c r="G28" s="102" t="e">
        <f>'p-y mono_clay'!Z28</f>
        <v>#N/A</v>
      </c>
      <c r="H28" s="199">
        <f>'p-y mono_clay'!AM28</f>
        <v>0</v>
      </c>
      <c r="I28" s="55" t="e">
        <f>'p-y mono_clay'!AN28</f>
        <v>#N/A</v>
      </c>
      <c r="J28" s="55" t="e">
        <f>'p-y mono_clay'!AO28</f>
        <v>#N/A</v>
      </c>
      <c r="K28" s="55" t="e">
        <f>'p-y mono_clay'!AP28</f>
        <v>#N/A</v>
      </c>
      <c r="L28" s="55" t="e">
        <f>'p-y mono_clay'!AQ28</f>
        <v>#N/A</v>
      </c>
      <c r="M28" s="55" t="e">
        <f>'p-y mono_clay'!AR28</f>
        <v>#N/A</v>
      </c>
      <c r="N28" s="55" t="e">
        <f>'p-y mono_clay'!AS28</f>
        <v>#N/A</v>
      </c>
      <c r="O28" s="55" t="e">
        <f>'p-y mono_clay'!AT28</f>
        <v>#N/A</v>
      </c>
      <c r="P28" s="55" t="e">
        <f>'p-y mono_clay'!AU28</f>
        <v>#N/A</v>
      </c>
      <c r="Q28" s="55" t="e">
        <f>'p-y mono_clay'!AV28</f>
        <v>#N/A</v>
      </c>
      <c r="R28" s="55" t="e">
        <f>'p-y mono_clay'!AW28</f>
        <v>#N/A</v>
      </c>
      <c r="S28" s="55" t="e">
        <f>'p-y mono_clay'!AX28</f>
        <v>#N/A</v>
      </c>
      <c r="T28" s="200">
        <f>'p-y mono_clay'!AY28</f>
        <v>6000</v>
      </c>
      <c r="U28" s="199">
        <f>'p-y mono_clay'!AZ28</f>
        <v>0</v>
      </c>
      <c r="V28" s="55" t="e">
        <f>'p-y mono_clay'!BA28</f>
        <v>#N/A</v>
      </c>
      <c r="W28" s="55" t="e">
        <f>'p-y mono_clay'!BB28</f>
        <v>#N/A</v>
      </c>
      <c r="X28" s="55" t="e">
        <f>'p-y mono_clay'!BC28</f>
        <v>#N/A</v>
      </c>
      <c r="Y28" s="55" t="e">
        <f>'p-y mono_clay'!BD28</f>
        <v>#N/A</v>
      </c>
      <c r="Z28" s="55" t="e">
        <f>'p-y mono_clay'!BE28</f>
        <v>#N/A</v>
      </c>
      <c r="AA28" s="55" t="e">
        <f>'p-y mono_clay'!BF28</f>
        <v>#N/A</v>
      </c>
      <c r="AB28" s="55" t="e">
        <f>'p-y mono_clay'!BG28</f>
        <v>#N/A</v>
      </c>
      <c r="AC28" s="55" t="e">
        <f>'p-y mono_clay'!BH28</f>
        <v>#N/A</v>
      </c>
      <c r="AD28" s="55" t="e">
        <f>'p-y mono_clay'!BI28</f>
        <v>#N/A</v>
      </c>
      <c r="AE28" s="55" t="e">
        <f>'p-y mono_clay'!BJ28</f>
        <v>#N/A</v>
      </c>
      <c r="AF28" s="55" t="e">
        <f>'p-y mono_clay'!BK28</f>
        <v>#N/A</v>
      </c>
      <c r="AG28" s="200" t="e">
        <f>'p-y mono_clay'!BL28</f>
        <v>#N/A</v>
      </c>
      <c r="AH28">
        <f>15*F28</f>
        <v>30</v>
      </c>
      <c r="AI28">
        <v>0</v>
      </c>
      <c r="AJ28" t="e">
        <f>MIN(MAX(IF($D28&lt;=$AH28,((V28/$G28)-($D28/$AH28)^2),(V28/$G28)-1),-1),0.99)</f>
        <v>#N/A</v>
      </c>
      <c r="AK28" t="e">
        <f t="shared" ref="AK28:AU28" si="189">MIN(MAX(IF($D28&lt;=$AH28,((W28/$G28)-($D28/$AH28)^2),(W28/$G28)-1),-1),0.99)</f>
        <v>#N/A</v>
      </c>
      <c r="AL28" t="e">
        <f t="shared" si="189"/>
        <v>#N/A</v>
      </c>
      <c r="AM28" t="e">
        <f t="shared" si="189"/>
        <v>#N/A</v>
      </c>
      <c r="AN28" t="e">
        <f t="shared" si="189"/>
        <v>#N/A</v>
      </c>
      <c r="AO28" t="e">
        <f t="shared" si="189"/>
        <v>#N/A</v>
      </c>
      <c r="AP28" t="e">
        <f t="shared" si="189"/>
        <v>#N/A</v>
      </c>
      <c r="AQ28" t="e">
        <f t="shared" si="189"/>
        <v>#N/A</v>
      </c>
      <c r="AR28" t="e">
        <f t="shared" si="189"/>
        <v>#N/A</v>
      </c>
      <c r="AS28" t="e">
        <f t="shared" si="189"/>
        <v>#N/A</v>
      </c>
      <c r="AT28" t="e">
        <f t="shared" si="189"/>
        <v>#N/A</v>
      </c>
      <c r="AU28" t="e">
        <f t="shared" si="189"/>
        <v>#N/A</v>
      </c>
      <c r="AV28">
        <v>1</v>
      </c>
      <c r="AW28">
        <v>1.25</v>
      </c>
      <c r="AX28">
        <v>2.5</v>
      </c>
      <c r="AY28" s="162">
        <f>MIN(MAX((2/(1-AI28))^$AV28,1),25)</f>
        <v>2</v>
      </c>
      <c r="AZ28" s="162" t="e">
        <f t="shared" ref="AZ28:BK28" si="190">MIN(MAX((2/(1-AJ28))^$AV28,1),25)</f>
        <v>#N/A</v>
      </c>
      <c r="BA28" s="162" t="e">
        <f t="shared" si="190"/>
        <v>#N/A</v>
      </c>
      <c r="BB28" s="162" t="e">
        <f t="shared" si="190"/>
        <v>#N/A</v>
      </c>
      <c r="BC28" s="162" t="e">
        <f t="shared" si="190"/>
        <v>#N/A</v>
      </c>
      <c r="BD28" s="162" t="e">
        <f>MIN(MAX((2/(1-AN28))^$AV28,1),25)</f>
        <v>#N/A</v>
      </c>
      <c r="BE28" s="162" t="e">
        <f t="shared" si="190"/>
        <v>#N/A</v>
      </c>
      <c r="BF28" s="162" t="e">
        <f t="shared" si="190"/>
        <v>#N/A</v>
      </c>
      <c r="BG28" s="162" t="e">
        <f t="shared" si="190"/>
        <v>#N/A</v>
      </c>
      <c r="BH28" s="162" t="e">
        <f t="shared" si="190"/>
        <v>#N/A</v>
      </c>
      <c r="BI28" s="162" t="e">
        <f t="shared" si="190"/>
        <v>#N/A</v>
      </c>
      <c r="BJ28" s="162" t="e">
        <f t="shared" si="190"/>
        <v>#N/A</v>
      </c>
      <c r="BK28" s="162" t="e">
        <f t="shared" si="190"/>
        <v>#N/A</v>
      </c>
      <c r="BL28" s="162">
        <f>MIN(MAX((2/(1-AI28))^$AW28,1),25)</f>
        <v>2.3784142300054421</v>
      </c>
      <c r="BM28" s="162" t="e">
        <f t="shared" ref="BM28:BX28" si="191">MIN(MAX((2/(1-AJ28))^$AW28,1),25)</f>
        <v>#N/A</v>
      </c>
      <c r="BN28" s="162" t="e">
        <f t="shared" si="191"/>
        <v>#N/A</v>
      </c>
      <c r="BO28" s="162" t="e">
        <f t="shared" si="191"/>
        <v>#N/A</v>
      </c>
      <c r="BP28" s="162" t="e">
        <f t="shared" si="191"/>
        <v>#N/A</v>
      </c>
      <c r="BQ28" s="162" t="e">
        <f t="shared" si="191"/>
        <v>#N/A</v>
      </c>
      <c r="BR28" s="162" t="e">
        <f t="shared" si="191"/>
        <v>#N/A</v>
      </c>
      <c r="BS28" s="162" t="e">
        <f t="shared" si="191"/>
        <v>#N/A</v>
      </c>
      <c r="BT28" s="162" t="e">
        <f t="shared" si="191"/>
        <v>#N/A</v>
      </c>
      <c r="BU28" s="162" t="e">
        <f t="shared" si="191"/>
        <v>#N/A</v>
      </c>
      <c r="BV28" s="162" t="e">
        <f t="shared" si="191"/>
        <v>#N/A</v>
      </c>
      <c r="BW28" s="162" t="e">
        <f t="shared" si="191"/>
        <v>#N/A</v>
      </c>
      <c r="BX28" s="162" t="e">
        <f t="shared" si="191"/>
        <v>#N/A</v>
      </c>
      <c r="BY28" s="162">
        <f>MIN(MAX((2/(1-AI28))^$AX28,1),25)</f>
        <v>5.6568542494923806</v>
      </c>
      <c r="BZ28" s="162" t="e">
        <f t="shared" ref="BZ28:CK28" si="192">MIN(MAX((2/(1-AJ28))^$AX28,1),25)</f>
        <v>#N/A</v>
      </c>
      <c r="CA28" s="162" t="e">
        <f t="shared" si="192"/>
        <v>#N/A</v>
      </c>
      <c r="CB28" s="162" t="e">
        <f t="shared" si="192"/>
        <v>#N/A</v>
      </c>
      <c r="CC28" s="162" t="e">
        <f t="shared" si="192"/>
        <v>#N/A</v>
      </c>
      <c r="CD28" s="162" t="e">
        <f t="shared" si="192"/>
        <v>#N/A</v>
      </c>
      <c r="CE28" s="162" t="e">
        <f t="shared" si="192"/>
        <v>#N/A</v>
      </c>
      <c r="CF28" s="162" t="e">
        <f t="shared" si="192"/>
        <v>#N/A</v>
      </c>
      <c r="CG28" s="162" t="e">
        <f t="shared" si="192"/>
        <v>#N/A</v>
      </c>
      <c r="CH28" s="162" t="e">
        <f t="shared" si="192"/>
        <v>#N/A</v>
      </c>
      <c r="CI28" s="162" t="e">
        <f t="shared" si="192"/>
        <v>#N/A</v>
      </c>
      <c r="CJ28" s="162" t="e">
        <f t="shared" si="192"/>
        <v>#N/A</v>
      </c>
      <c r="CK28" s="162" t="e">
        <f t="shared" si="192"/>
        <v>#N/A</v>
      </c>
      <c r="CL28">
        <f>1.47-(0.14*LN(AY28))</f>
        <v>1.3729593947216077</v>
      </c>
      <c r="CM28" t="e">
        <f t="shared" ref="CM28:CX28" si="193">1.47-(0.14*LN(AZ28))</f>
        <v>#N/A</v>
      </c>
      <c r="CN28" t="e">
        <f t="shared" si="193"/>
        <v>#N/A</v>
      </c>
      <c r="CO28" t="e">
        <f t="shared" si="193"/>
        <v>#N/A</v>
      </c>
      <c r="CP28" t="e">
        <f t="shared" si="193"/>
        <v>#N/A</v>
      </c>
      <c r="CQ28" t="e">
        <f t="shared" si="193"/>
        <v>#N/A</v>
      </c>
      <c r="CR28" t="e">
        <f t="shared" si="193"/>
        <v>#N/A</v>
      </c>
      <c r="CS28" t="e">
        <f t="shared" si="193"/>
        <v>#N/A</v>
      </c>
      <c r="CT28" t="e">
        <f t="shared" si="193"/>
        <v>#N/A</v>
      </c>
      <c r="CU28" t="e">
        <f t="shared" si="193"/>
        <v>#N/A</v>
      </c>
      <c r="CV28" t="e">
        <f t="shared" si="193"/>
        <v>#N/A</v>
      </c>
      <c r="CW28" t="e">
        <f t="shared" si="193"/>
        <v>#N/A</v>
      </c>
      <c r="CX28" s="98" t="e">
        <f t="shared" si="193"/>
        <v>#N/A</v>
      </c>
      <c r="CY28">
        <f>1.2-(0.14*LN(AY28))</f>
        <v>1.1029593947216076</v>
      </c>
      <c r="CZ28" t="e">
        <f t="shared" ref="CZ28:DK28" si="194">1.2-(0.14*LN(AZ28))</f>
        <v>#N/A</v>
      </c>
      <c r="DA28" t="e">
        <f t="shared" si="194"/>
        <v>#N/A</v>
      </c>
      <c r="DB28" t="e">
        <f t="shared" si="194"/>
        <v>#N/A</v>
      </c>
      <c r="DC28" t="e">
        <f t="shared" si="194"/>
        <v>#N/A</v>
      </c>
      <c r="DD28" t="e">
        <f t="shared" si="194"/>
        <v>#N/A</v>
      </c>
      <c r="DE28" t="e">
        <f t="shared" si="194"/>
        <v>#N/A</v>
      </c>
      <c r="DF28" t="e">
        <f t="shared" si="194"/>
        <v>#N/A</v>
      </c>
      <c r="DG28" t="e">
        <f t="shared" si="194"/>
        <v>#N/A</v>
      </c>
      <c r="DH28" t="e">
        <f t="shared" si="194"/>
        <v>#N/A</v>
      </c>
      <c r="DI28" t="e">
        <f t="shared" si="194"/>
        <v>#N/A</v>
      </c>
      <c r="DJ28" t="e">
        <f t="shared" si="194"/>
        <v>#N/A</v>
      </c>
      <c r="DK28" t="e">
        <f t="shared" si="194"/>
        <v>#N/A</v>
      </c>
      <c r="DL28" s="97">
        <f>1.63-(0.15*LN(BL28))</f>
        <v>1.5000349036450102</v>
      </c>
      <c r="DM28" t="e">
        <f t="shared" ref="DM28:DX28" si="195">1.63-(0.15*LN(BM28))</f>
        <v>#N/A</v>
      </c>
      <c r="DN28" t="e">
        <f t="shared" si="195"/>
        <v>#N/A</v>
      </c>
      <c r="DO28" t="e">
        <f t="shared" si="195"/>
        <v>#N/A</v>
      </c>
      <c r="DP28" t="e">
        <f t="shared" si="195"/>
        <v>#N/A</v>
      </c>
      <c r="DQ28" t="e">
        <f t="shared" si="195"/>
        <v>#N/A</v>
      </c>
      <c r="DR28" t="e">
        <f t="shared" si="195"/>
        <v>#N/A</v>
      </c>
      <c r="DS28" t="e">
        <f t="shared" si="195"/>
        <v>#N/A</v>
      </c>
      <c r="DT28" t="e">
        <f t="shared" si="195"/>
        <v>#N/A</v>
      </c>
      <c r="DU28" t="e">
        <f t="shared" si="195"/>
        <v>#N/A</v>
      </c>
      <c r="DV28" t="e">
        <f t="shared" si="195"/>
        <v>#N/A</v>
      </c>
      <c r="DW28" t="e">
        <f t="shared" si="195"/>
        <v>#N/A</v>
      </c>
      <c r="DX28" s="98" t="e">
        <f t="shared" si="195"/>
        <v>#N/A</v>
      </c>
      <c r="DY28">
        <f>1.2-(0.17*LN(BL28))</f>
        <v>1.0527062241310117</v>
      </c>
      <c r="DZ28" t="e">
        <f t="shared" ref="DZ28:EK28" si="196">1.2-(0.17*LN(BM28))</f>
        <v>#N/A</v>
      </c>
      <c r="EA28" t="e">
        <f t="shared" si="196"/>
        <v>#N/A</v>
      </c>
      <c r="EB28" t="e">
        <f t="shared" si="196"/>
        <v>#N/A</v>
      </c>
      <c r="EC28" t="e">
        <f t="shared" si="196"/>
        <v>#N/A</v>
      </c>
      <c r="ED28" t="e">
        <f t="shared" si="196"/>
        <v>#N/A</v>
      </c>
      <c r="EE28" t="e">
        <f t="shared" si="196"/>
        <v>#N/A</v>
      </c>
      <c r="EF28" t="e">
        <f t="shared" si="196"/>
        <v>#N/A</v>
      </c>
      <c r="EG28" t="e">
        <f t="shared" si="196"/>
        <v>#N/A</v>
      </c>
      <c r="EH28" t="e">
        <f t="shared" si="196"/>
        <v>#N/A</v>
      </c>
      <c r="EI28" t="e">
        <f t="shared" si="196"/>
        <v>#N/A</v>
      </c>
      <c r="EJ28" t="e">
        <f t="shared" si="196"/>
        <v>#N/A</v>
      </c>
      <c r="EK28" t="e">
        <f t="shared" si="196"/>
        <v>#N/A</v>
      </c>
      <c r="EL28" s="97">
        <f>1.45-(0.17*LN(BY28))</f>
        <v>1.1554124482620232</v>
      </c>
      <c r="EM28" t="e">
        <f t="shared" ref="EM28:EX28" si="197">1.45-(0.17*LN(BZ28))</f>
        <v>#N/A</v>
      </c>
      <c r="EN28" t="e">
        <f t="shared" si="197"/>
        <v>#N/A</v>
      </c>
      <c r="EO28" t="e">
        <f t="shared" si="197"/>
        <v>#N/A</v>
      </c>
      <c r="EP28" t="e">
        <f t="shared" si="197"/>
        <v>#N/A</v>
      </c>
      <c r="EQ28" t="e">
        <f t="shared" si="197"/>
        <v>#N/A</v>
      </c>
      <c r="ER28" t="e">
        <f t="shared" si="197"/>
        <v>#N/A</v>
      </c>
      <c r="ES28" t="e">
        <f t="shared" si="197"/>
        <v>#N/A</v>
      </c>
      <c r="ET28" t="e">
        <f t="shared" si="197"/>
        <v>#N/A</v>
      </c>
      <c r="EU28" t="e">
        <f t="shared" si="197"/>
        <v>#N/A</v>
      </c>
      <c r="EV28" t="e">
        <f t="shared" si="197"/>
        <v>#N/A</v>
      </c>
      <c r="EW28" t="e">
        <f t="shared" si="197"/>
        <v>#N/A</v>
      </c>
      <c r="EX28" s="98" t="e">
        <f t="shared" si="197"/>
        <v>#N/A</v>
      </c>
      <c r="EY28" s="97">
        <f>1.2-(0.17*LN(BY28))</f>
        <v>0.90541244826202316</v>
      </c>
      <c r="EZ28" t="e">
        <f t="shared" ref="EZ28:FK28" si="198">1.2-(0.17*LN(BZ28))</f>
        <v>#N/A</v>
      </c>
      <c r="FA28" t="e">
        <f t="shared" si="198"/>
        <v>#N/A</v>
      </c>
      <c r="FB28" t="e">
        <f t="shared" si="198"/>
        <v>#N/A</v>
      </c>
      <c r="FC28" t="e">
        <f t="shared" si="198"/>
        <v>#N/A</v>
      </c>
      <c r="FD28" t="e">
        <f t="shared" si="198"/>
        <v>#N/A</v>
      </c>
      <c r="FE28" t="e">
        <f t="shared" si="198"/>
        <v>#N/A</v>
      </c>
      <c r="FF28" t="e">
        <f t="shared" si="198"/>
        <v>#N/A</v>
      </c>
      <c r="FG28" t="e">
        <f t="shared" si="198"/>
        <v>#N/A</v>
      </c>
      <c r="FH28" t="e">
        <f t="shared" si="198"/>
        <v>#N/A</v>
      </c>
      <c r="FI28" t="e">
        <f t="shared" si="198"/>
        <v>#N/A</v>
      </c>
      <c r="FJ28" t="e">
        <f t="shared" si="198"/>
        <v>#N/A</v>
      </c>
      <c r="FK28" t="e">
        <f t="shared" si="198"/>
        <v>#N/A</v>
      </c>
      <c r="FL28" s="126">
        <f>CL28*U28</f>
        <v>0</v>
      </c>
      <c r="FM28" s="91" t="e">
        <f t="shared" ref="FM28:FW28" si="199">CM28*V28</f>
        <v>#N/A</v>
      </c>
      <c r="FN28" s="91" t="e">
        <f t="shared" si="199"/>
        <v>#N/A</v>
      </c>
      <c r="FO28" s="91" t="e">
        <f t="shared" si="199"/>
        <v>#N/A</v>
      </c>
      <c r="FP28" s="91" t="e">
        <f t="shared" si="199"/>
        <v>#N/A</v>
      </c>
      <c r="FQ28" s="91" t="e">
        <f t="shared" si="199"/>
        <v>#N/A</v>
      </c>
      <c r="FR28" s="91" t="e">
        <f t="shared" si="199"/>
        <v>#N/A</v>
      </c>
      <c r="FS28" s="91" t="e">
        <f t="shared" si="199"/>
        <v>#N/A</v>
      </c>
      <c r="FT28" s="91" t="e">
        <f t="shared" si="199"/>
        <v>#N/A</v>
      </c>
      <c r="FU28" s="91" t="e">
        <f t="shared" si="199"/>
        <v>#N/A</v>
      </c>
      <c r="FV28" s="91" t="e">
        <f t="shared" si="199"/>
        <v>#N/A</v>
      </c>
      <c r="FW28" s="91" t="e">
        <f t="shared" si="199"/>
        <v>#N/A</v>
      </c>
      <c r="FX28" s="91" t="e">
        <f>CX28*AG28</f>
        <v>#N/A</v>
      </c>
      <c r="FY28" s="91">
        <f>CY28*H28</f>
        <v>0</v>
      </c>
      <c r="FZ28" s="91" t="e">
        <f t="shared" ref="FZ28:GJ28" si="200">CZ28*I28</f>
        <v>#N/A</v>
      </c>
      <c r="GA28" s="91" t="e">
        <f t="shared" si="200"/>
        <v>#N/A</v>
      </c>
      <c r="GB28" s="91" t="e">
        <f t="shared" si="200"/>
        <v>#N/A</v>
      </c>
      <c r="GC28" s="91" t="e">
        <f t="shared" si="200"/>
        <v>#N/A</v>
      </c>
      <c r="GD28" s="91" t="e">
        <f t="shared" si="200"/>
        <v>#N/A</v>
      </c>
      <c r="GE28" s="91" t="e">
        <f t="shared" si="200"/>
        <v>#N/A</v>
      </c>
      <c r="GF28" s="91" t="e">
        <f t="shared" si="200"/>
        <v>#N/A</v>
      </c>
      <c r="GG28" s="91" t="e">
        <f t="shared" si="200"/>
        <v>#N/A</v>
      </c>
      <c r="GH28" s="91" t="e">
        <f t="shared" si="200"/>
        <v>#N/A</v>
      </c>
      <c r="GI28" s="91" t="e">
        <f t="shared" si="200"/>
        <v>#N/A</v>
      </c>
      <c r="GJ28" s="91" t="e">
        <f t="shared" si="200"/>
        <v>#N/A</v>
      </c>
      <c r="GK28" s="127" t="e">
        <f>DK28*T28</f>
        <v>#N/A</v>
      </c>
      <c r="GL28" s="126">
        <f>DL28*U28</f>
        <v>0</v>
      </c>
      <c r="GM28" s="91" t="e">
        <f t="shared" ref="GM28:GX28" si="201">DM28*V28</f>
        <v>#N/A</v>
      </c>
      <c r="GN28" s="91" t="e">
        <f t="shared" si="201"/>
        <v>#N/A</v>
      </c>
      <c r="GO28" s="91" t="e">
        <f t="shared" si="201"/>
        <v>#N/A</v>
      </c>
      <c r="GP28" s="91" t="e">
        <f t="shared" si="201"/>
        <v>#N/A</v>
      </c>
      <c r="GQ28" s="91" t="e">
        <f t="shared" si="201"/>
        <v>#N/A</v>
      </c>
      <c r="GR28" s="91" t="e">
        <f t="shared" si="201"/>
        <v>#N/A</v>
      </c>
      <c r="GS28" s="91" t="e">
        <f t="shared" si="201"/>
        <v>#N/A</v>
      </c>
      <c r="GT28" s="91" t="e">
        <f t="shared" si="201"/>
        <v>#N/A</v>
      </c>
      <c r="GU28" s="91" t="e">
        <f t="shared" si="201"/>
        <v>#N/A</v>
      </c>
      <c r="GV28" s="91" t="e">
        <f t="shared" si="201"/>
        <v>#N/A</v>
      </c>
      <c r="GW28" s="91" t="e">
        <f t="shared" si="201"/>
        <v>#N/A</v>
      </c>
      <c r="GX28" s="91" t="e">
        <f t="shared" si="201"/>
        <v>#N/A</v>
      </c>
      <c r="GY28" s="91">
        <f>DY28*H28</f>
        <v>0</v>
      </c>
      <c r="GZ28" s="91" t="e">
        <f t="shared" ref="GZ28:HK28" si="202">DZ28*I28</f>
        <v>#N/A</v>
      </c>
      <c r="HA28" s="91" t="e">
        <f t="shared" si="202"/>
        <v>#N/A</v>
      </c>
      <c r="HB28" s="91" t="e">
        <f t="shared" si="202"/>
        <v>#N/A</v>
      </c>
      <c r="HC28" s="91" t="e">
        <f t="shared" si="202"/>
        <v>#N/A</v>
      </c>
      <c r="HD28" s="91" t="e">
        <f t="shared" si="202"/>
        <v>#N/A</v>
      </c>
      <c r="HE28" s="91" t="e">
        <f t="shared" si="202"/>
        <v>#N/A</v>
      </c>
      <c r="HF28" s="91" t="e">
        <f t="shared" si="202"/>
        <v>#N/A</v>
      </c>
      <c r="HG28" s="91" t="e">
        <f t="shared" si="202"/>
        <v>#N/A</v>
      </c>
      <c r="HH28" s="91" t="e">
        <f t="shared" si="202"/>
        <v>#N/A</v>
      </c>
      <c r="HI28" s="91" t="e">
        <f t="shared" si="202"/>
        <v>#N/A</v>
      </c>
      <c r="HJ28" s="91" t="e">
        <f t="shared" si="202"/>
        <v>#N/A</v>
      </c>
      <c r="HK28" s="127" t="e">
        <f t="shared" si="202"/>
        <v>#N/A</v>
      </c>
      <c r="HL28" s="126">
        <f>EL28*U28</f>
        <v>0</v>
      </c>
      <c r="HM28" s="91" t="e">
        <f t="shared" ref="HM28:HX28" si="203">EM28*V28</f>
        <v>#N/A</v>
      </c>
      <c r="HN28" s="91" t="e">
        <f t="shared" si="203"/>
        <v>#N/A</v>
      </c>
      <c r="HO28" s="91" t="e">
        <f t="shared" si="203"/>
        <v>#N/A</v>
      </c>
      <c r="HP28" s="91" t="e">
        <f t="shared" si="203"/>
        <v>#N/A</v>
      </c>
      <c r="HQ28" s="91" t="e">
        <f t="shared" si="203"/>
        <v>#N/A</v>
      </c>
      <c r="HR28" s="91" t="e">
        <f t="shared" si="203"/>
        <v>#N/A</v>
      </c>
      <c r="HS28" s="91" t="e">
        <f t="shared" si="203"/>
        <v>#N/A</v>
      </c>
      <c r="HT28" s="91" t="e">
        <f t="shared" si="203"/>
        <v>#N/A</v>
      </c>
      <c r="HU28" s="91" t="e">
        <f t="shared" si="203"/>
        <v>#N/A</v>
      </c>
      <c r="HV28" s="91" t="e">
        <f t="shared" si="203"/>
        <v>#N/A</v>
      </c>
      <c r="HW28" s="91" t="e">
        <f t="shared" si="203"/>
        <v>#N/A</v>
      </c>
      <c r="HX28" s="91" t="e">
        <f t="shared" si="203"/>
        <v>#N/A</v>
      </c>
      <c r="HY28" s="91">
        <f>EY28*H28</f>
        <v>0</v>
      </c>
      <c r="HZ28" s="91" t="e">
        <f t="shared" ref="HZ28:IK28" si="204">EZ28*I28</f>
        <v>#N/A</v>
      </c>
      <c r="IA28" s="91" t="e">
        <f t="shared" si="204"/>
        <v>#N/A</v>
      </c>
      <c r="IB28" s="91" t="e">
        <f t="shared" si="204"/>
        <v>#N/A</v>
      </c>
      <c r="IC28" s="91" t="e">
        <f t="shared" si="204"/>
        <v>#N/A</v>
      </c>
      <c r="ID28" s="91" t="e">
        <f t="shared" si="204"/>
        <v>#N/A</v>
      </c>
      <c r="IE28" s="91" t="e">
        <f t="shared" si="204"/>
        <v>#N/A</v>
      </c>
      <c r="IF28" s="91" t="e">
        <f t="shared" si="204"/>
        <v>#N/A</v>
      </c>
      <c r="IG28" s="91" t="e">
        <f t="shared" si="204"/>
        <v>#N/A</v>
      </c>
      <c r="IH28" s="91" t="e">
        <f t="shared" si="204"/>
        <v>#N/A</v>
      </c>
      <c r="II28" s="91" t="e">
        <f t="shared" si="204"/>
        <v>#N/A</v>
      </c>
      <c r="IJ28" s="91" t="e">
        <f t="shared" si="204"/>
        <v>#N/A</v>
      </c>
      <c r="IK28" s="127" t="e">
        <f t="shared" si="204"/>
        <v>#N/A</v>
      </c>
    </row>
    <row r="29" spans="2:245" ht="13.5" thickBot="1" x14ac:dyDescent="0.25">
      <c r="B29" s="79">
        <f>$B$26 - $C29</f>
        <v>-18.5</v>
      </c>
      <c r="C29" s="73">
        <f>'p-y mono_clay'!C29</f>
        <v>3</v>
      </c>
      <c r="D29" s="64">
        <f>'p-y mono_clay'!D29</f>
        <v>2.9659999999999997</v>
      </c>
      <c r="E29" s="64" t="str">
        <f>'p-y mono_clay'!E29</f>
        <v>CLAY</v>
      </c>
      <c r="F29" s="55">
        <f>VLOOKUP($C29, 'Pile Property'!$A$8:$D$108,2,TRUE)</f>
        <v>2</v>
      </c>
      <c r="G29" s="102">
        <f>'p-y mono_clay'!Z29</f>
        <v>147.4889011904948</v>
      </c>
      <c r="H29" s="199">
        <f>'p-y mono_clay'!AM29</f>
        <v>0</v>
      </c>
      <c r="I29" s="55">
        <f>'p-y mono_clay'!AN29</f>
        <v>0.84088013789402216</v>
      </c>
      <c r="J29" s="55">
        <f>'p-y mono_clay'!AO29</f>
        <v>8.4088013789402236</v>
      </c>
      <c r="K29" s="55">
        <f>'p-y mono_clay'!AP29</f>
        <v>17.226404136820662</v>
      </c>
      <c r="L29" s="55">
        <f>'p-y mono_clay'!AQ29</f>
        <v>32.452808273641338</v>
      </c>
      <c r="M29" s="55">
        <f>'p-y mono_clay'!AR29</f>
        <v>52.088013789402218</v>
      </c>
      <c r="N29" s="55">
        <f>'p-y mono_clay'!AS29</f>
        <v>78.540822063043549</v>
      </c>
      <c r="O29" s="55">
        <f>'p-y mono_clay'!AT29</f>
        <v>119.40243171562511</v>
      </c>
      <c r="P29" s="55">
        <f>'p-y mono_clay'!AU29</f>
        <v>182.71684964184803</v>
      </c>
      <c r="Q29" s="55">
        <f>'p-y mono_clay'!AV29</f>
        <v>300.44006894701113</v>
      </c>
      <c r="R29" s="55">
        <f>'p-y mono_clay'!AW29</f>
        <v>488.61609652581558</v>
      </c>
      <c r="S29" s="55">
        <f>'p-y mono_clay'!AX29</f>
        <v>640.88013789402214</v>
      </c>
      <c r="T29" s="200">
        <f>'p-y mono_clay'!AY29</f>
        <v>6000</v>
      </c>
      <c r="U29" s="199">
        <f>'p-y mono_clay'!AZ29</f>
        <v>0</v>
      </c>
      <c r="V29" s="55">
        <f>'p-y mono_clay'!BA29</f>
        <v>7.3744450595247404</v>
      </c>
      <c r="W29" s="55">
        <f>'p-y mono_clay'!BB29</f>
        <v>29.497780238098962</v>
      </c>
      <c r="X29" s="55">
        <f>'p-y mono_clay'!BC29</f>
        <v>44.246670357148439</v>
      </c>
      <c r="Y29" s="55">
        <f>'p-y mono_clay'!BD29</f>
        <v>58.995560476197923</v>
      </c>
      <c r="Z29" s="55">
        <f>'p-y mono_clay'!BE29</f>
        <v>73.7444505952474</v>
      </c>
      <c r="AA29" s="55">
        <f>'p-y mono_clay'!BF29</f>
        <v>88.493340714296878</v>
      </c>
      <c r="AB29" s="55">
        <f>'p-y mono_clay'!BG29</f>
        <v>103.24223083334635</v>
      </c>
      <c r="AC29" s="55">
        <f>'p-y mono_clay'!BH29</f>
        <v>117.99112095239585</v>
      </c>
      <c r="AD29" s="55">
        <f>'p-y mono_clay'!BI29</f>
        <v>132.74001107144534</v>
      </c>
      <c r="AE29" s="55">
        <f>'p-y mono_clay'!BJ29</f>
        <v>143.80167866073242</v>
      </c>
      <c r="AF29" s="55">
        <f>'p-y mono_clay'!BK29</f>
        <v>147.4889011904948</v>
      </c>
      <c r="AG29" s="200">
        <f>'p-y mono_clay'!BL29</f>
        <v>147.4889011904948</v>
      </c>
      <c r="AH29">
        <f t="shared" ref="AH29:AH82" si="205">15*F29</f>
        <v>30</v>
      </c>
      <c r="AI29">
        <v>0</v>
      </c>
      <c r="AJ29">
        <f t="shared" ref="AJ29:AJ82" si="206">MIN(MAX(IF($D29&lt;=$AH29,((V29/$G29)-($D29/$AH29)^2),(V29/$G29)-1),-1),0.99)</f>
        <v>4.0225382222222231E-2</v>
      </c>
      <c r="AK29">
        <f t="shared" ref="AK29:AK82" si="207">MIN(MAX(IF($D29&lt;=$AH29,((W29/$G29)-($D29/$AH29)^2),(W29/$G29)-1),-1),0.99)</f>
        <v>0.19022538222222224</v>
      </c>
      <c r="AL29">
        <f t="shared" ref="AL29:AL82" si="208">MIN(MAX(IF($D29&lt;=$AH29,((X29/$G29)-($D29/$AH29)^2),(X29/$G29)-1),-1),0.99)</f>
        <v>0.29022538222222222</v>
      </c>
      <c r="AM29">
        <f t="shared" ref="AM29:AM82" si="209">MIN(MAX(IF($D29&lt;=$AH29,((Y29/$G29)-($D29/$AH29)^2),(Y29/$G29)-1),-1),0.99)</f>
        <v>0.39022538222222225</v>
      </c>
      <c r="AN29">
        <f t="shared" ref="AN29:AN82" si="210">MIN(MAX(IF($D29&lt;=$AH29,((Z29/$G29)-($D29/$AH29)^2),(Z29/$G29)-1),-1),0.99)</f>
        <v>0.49022538222222223</v>
      </c>
      <c r="AO29">
        <f t="shared" ref="AO29:AO82" si="211">MIN(MAX(IF($D29&lt;=$AH29,((AA29/$G29)-($D29/$AH29)^2),(AA29/$G29)-1),-1),0.99)</f>
        <v>0.59022538222222221</v>
      </c>
      <c r="AP29">
        <f t="shared" ref="AP29:AP82" si="212">MIN(MAX(IF($D29&lt;=$AH29,((AB29/$G29)-($D29/$AH29)^2),(AB29/$G29)-1),-1),0.99)</f>
        <v>0.69022538222222218</v>
      </c>
      <c r="AQ29">
        <f t="shared" ref="AQ29:AQ82" si="213">MIN(MAX(IF($D29&lt;=$AH29,((AC29/$G29)-($D29/$AH29)^2),(AC29/$G29)-1),-1),0.99)</f>
        <v>0.79022538222222227</v>
      </c>
      <c r="AR29">
        <f t="shared" ref="AR29:AR82" si="214">MIN(MAX(IF($D29&lt;=$AH29,((AD29/$G29)-($D29/$AH29)^2),(AD29/$G29)-1),-1),0.99)</f>
        <v>0.89022538222222236</v>
      </c>
      <c r="AS29">
        <f t="shared" ref="AS29:AS82" si="215">MIN(MAX(IF($D29&lt;=$AH29,((AE29/$G29)-($D29/$AH29)^2),(AE29/$G29)-1),-1),0.99)</f>
        <v>0.96522538222222221</v>
      </c>
      <c r="AT29">
        <f t="shared" ref="AT29:AT82" si="216">MIN(MAX(IF($D29&lt;=$AH29,((AF29/$G29)-($D29/$AH29)^2),(AF29/$G29)-1),-1),0.99)</f>
        <v>0.99</v>
      </c>
      <c r="AU29">
        <f t="shared" ref="AU29:AU82" si="217">MIN(MAX(IF($D29&lt;=$AH29,((AG29/$G29)-($D29/$AH29)^2),(AG29/$G29)-1),-1),0.99)</f>
        <v>0.99</v>
      </c>
      <c r="AV29">
        <v>1</v>
      </c>
      <c r="AW29">
        <v>1.25</v>
      </c>
      <c r="AX29">
        <v>2.5</v>
      </c>
      <c r="AY29" s="162">
        <f t="shared" ref="AY29:AY82" si="218">MIN(MAX((2/(1-AI29))^$AV29,1),25)</f>
        <v>2</v>
      </c>
      <c r="AZ29" s="162">
        <f t="shared" ref="AZ29:AZ82" si="219">MIN(MAX((2/(1-AJ29))^$AV29,1),25)</f>
        <v>2.083822558915672</v>
      </c>
      <c r="BA29" s="162">
        <f t="shared" ref="BA29:BA82" si="220">MIN(MAX((2/(1-AK29))^$AV29,1),25)</f>
        <v>2.4698230298802097</v>
      </c>
      <c r="BB29" s="162">
        <f t="shared" ref="BB29:BB82" si="221">MIN(MAX((2/(1-AL29))^$AV29,1),25)</f>
        <v>2.8177958888721166</v>
      </c>
      <c r="BC29" s="162">
        <f t="shared" ref="BC29:BC82" si="222">MIN(MAX((2/(1-AM29))^$AV29,1),25)</f>
        <v>3.2799003790755799</v>
      </c>
      <c r="BD29" s="162">
        <f t="shared" ref="BD29:BD82" si="223">MIN(MAX((2/(1-AN29))^$AV29,1),25)</f>
        <v>3.9233024365129237</v>
      </c>
      <c r="BE29" s="162">
        <f t="shared" ref="BE29:BE82" si="224">MIN(MAX((2/(1-AO29))^$AV29,1),25)</f>
        <v>4.8807317809142754</v>
      </c>
      <c r="BF29" s="162">
        <f t="shared" ref="BF29:BF82" si="225">MIN(MAX((2/(1-AP29))^$AV29,1),25)</f>
        <v>6.4563068928866683</v>
      </c>
      <c r="BG29" s="162">
        <f t="shared" ref="BG29:BG82" si="226">MIN(MAX((2/(1-AQ29))^$AV29,1),25)</f>
        <v>9.5340419216908145</v>
      </c>
      <c r="BH29" s="162">
        <f t="shared" ref="BH29:BH82" si="227">MIN(MAX((2/(1-AR29))^$AV29,1),25)</f>
        <v>18.219147927699481</v>
      </c>
      <c r="BI29" s="162">
        <f t="shared" ref="BI29:BI82" si="228">MIN(MAX((2/(1-AS29))^$AV29,1),25)</f>
        <v>25</v>
      </c>
      <c r="BJ29" s="162">
        <f t="shared" ref="BJ29:BJ82" si="229">MIN(MAX((2/(1-AT29))^$AV29,1),25)</f>
        <v>25</v>
      </c>
      <c r="BK29" s="162">
        <f t="shared" ref="BK29:BK82" si="230">MIN(MAX((2/(1-AU29))^$AV29,1),25)</f>
        <v>25</v>
      </c>
      <c r="BL29" s="162">
        <f t="shared" ref="BL29:BL82" si="231">MIN(MAX((2/(1-AI29))^$AW29,1),25)</f>
        <v>2.3784142300054421</v>
      </c>
      <c r="BM29" s="162">
        <f t="shared" ref="BM29:BM82" si="232">MIN(MAX((2/(1-AJ29))^$AW29,1),25)</f>
        <v>2.5036632759634183</v>
      </c>
      <c r="BN29" s="162">
        <f t="shared" ref="BN29:BN82" si="233">MIN(MAX((2/(1-AK29))^$AW29,1),25)</f>
        <v>3.0962234451030493</v>
      </c>
      <c r="BO29" s="162">
        <f t="shared" ref="BO29:BO82" si="234">MIN(MAX((2/(1-AL29))^$AW29,1),25)</f>
        <v>3.6507905185311524</v>
      </c>
      <c r="BP29" s="162">
        <f t="shared" ref="BP29:BP82" si="235">MIN(MAX((2/(1-AM29))^$AW29,1),25)</f>
        <v>4.4139338094440248</v>
      </c>
      <c r="BQ29" s="162">
        <f t="shared" ref="BQ29:BQ82" si="236">MIN(MAX((2/(1-AN29))^$AW29,1),25)</f>
        <v>5.5215973685330351</v>
      </c>
      <c r="BR29" s="162">
        <f t="shared" ref="BR29:BR82" si="237">MIN(MAX((2/(1-AO29))^$AW29,1),25)</f>
        <v>7.2544781544610561</v>
      </c>
      <c r="BS29" s="162">
        <f t="shared" ref="BS29:BS82" si="238">MIN(MAX((2/(1-AP29))^$AW29,1),25)</f>
        <v>10.29153623202555</v>
      </c>
      <c r="BT29" s="162">
        <f t="shared" ref="BT29:BT82" si="239">MIN(MAX((2/(1-AQ29))^$AW29,1),25)</f>
        <v>16.753144002632784</v>
      </c>
      <c r="BU29" s="162">
        <f t="shared" ref="BU29:BU82" si="240">MIN(MAX((2/(1-AR29))^$AW29,1),25)</f>
        <v>25</v>
      </c>
      <c r="BV29" s="162">
        <f t="shared" ref="BV29:BV82" si="241">MIN(MAX((2/(1-AS29))^$AW29,1),25)</f>
        <v>25</v>
      </c>
      <c r="BW29" s="162">
        <f t="shared" ref="BW29:BW82" si="242">MIN(MAX((2/(1-AT29))^$AW29,1),25)</f>
        <v>25</v>
      </c>
      <c r="BX29" s="162">
        <f t="shared" ref="BX29:BX82" si="243">MIN(MAX((2/(1-AU29))^$AW29,1),25)</f>
        <v>25</v>
      </c>
      <c r="BY29" s="162">
        <f t="shared" ref="BY29:BY82" si="244">MIN(MAX((2/(1-AI29))^$AX29,1),25)</f>
        <v>5.6568542494923806</v>
      </c>
      <c r="BZ29" s="162">
        <f t="shared" ref="BZ29:BZ82" si="245">MIN(MAX((2/(1-AJ29))^$AX29,1),25)</f>
        <v>6.2683297994078755</v>
      </c>
      <c r="CA29" s="162">
        <f t="shared" ref="CA29:CA82" si="246">MIN(MAX((2/(1-AK29))^$AX29,1),25)</f>
        <v>9.5865996220057959</v>
      </c>
      <c r="CB29" s="162">
        <f t="shared" ref="CB29:CB82" si="247">MIN(MAX((2/(1-AL29))^$AX29,1),25)</f>
        <v>13.328271410196962</v>
      </c>
      <c r="CC29" s="162">
        <f t="shared" ref="CC29:CC82" si="248">MIN(MAX((2/(1-AM29))^$AX29,1),25)</f>
        <v>19.482811674153037</v>
      </c>
      <c r="CD29" s="162">
        <f t="shared" ref="CD29:CD82" si="249">MIN(MAX((2/(1-AN29))^$AX29,1),25)</f>
        <v>25</v>
      </c>
      <c r="CE29" s="162">
        <f t="shared" ref="CE29:CE82" si="250">MIN(MAX((2/(1-AO29))^$AX29,1),25)</f>
        <v>25</v>
      </c>
      <c r="CF29" s="162">
        <f t="shared" ref="CF29:CF82" si="251">MIN(MAX((2/(1-AP29))^$AX29,1),25)</f>
        <v>25</v>
      </c>
      <c r="CG29" s="162">
        <f t="shared" ref="CG29:CG82" si="252">MIN(MAX((2/(1-AQ29))^$AX29,1),25)</f>
        <v>25</v>
      </c>
      <c r="CH29" s="162">
        <f t="shared" ref="CH29:CH82" si="253">MIN(MAX((2/(1-AR29))^$AX29,1),25)</f>
        <v>25</v>
      </c>
      <c r="CI29" s="162">
        <f t="shared" ref="CI29:CI82" si="254">MIN(MAX((2/(1-AS29))^$AX29,1),25)</f>
        <v>25</v>
      </c>
      <c r="CJ29" s="162">
        <f t="shared" ref="CJ29:CJ82" si="255">MIN(MAX((2/(1-AT29))^$AX29,1),25)</f>
        <v>25</v>
      </c>
      <c r="CK29" s="162">
        <f t="shared" ref="CK29:CK82" si="256">MIN(MAX((2/(1-AU29))^$AX29,1),25)</f>
        <v>25</v>
      </c>
      <c r="CL29" s="166">
        <f t="shared" ref="CL29:CL82" si="257">1.47-(0.14*LN(AY29))</f>
        <v>1.3729593947216077</v>
      </c>
      <c r="CM29" s="166">
        <f t="shared" ref="CM29:CM82" si="258">1.47-(0.14*LN(AZ29))</f>
        <v>1.3672114433891369</v>
      </c>
      <c r="CN29" s="166">
        <f t="shared" ref="CN29:CN82" si="259">1.47-(0.14*LN(BA29))</f>
        <v>1.3434194899648206</v>
      </c>
      <c r="CO29" s="166">
        <f t="shared" ref="CO29:CO82" si="260">1.47-(0.14*LN(BB29))</f>
        <v>1.324966302848861</v>
      </c>
      <c r="CP29" s="166">
        <f t="shared" ref="CP29:CP82" si="261">1.47-(0.14*LN(BC29))</f>
        <v>1.3037061730417547</v>
      </c>
      <c r="CQ29" s="166">
        <f t="shared" ref="CQ29:CQ82" si="262">1.47-(0.14*LN(BD29))</f>
        <v>1.278629273960125</v>
      </c>
      <c r="CR29" s="166">
        <f t="shared" ref="CR29:CR82" si="263">1.47-(0.14*LN(BE29))</f>
        <v>1.2480586770780384</v>
      </c>
      <c r="CS29" s="166">
        <f t="shared" ref="CS29:CS82" si="264">1.47-(0.14*LN(BF29))</f>
        <v>1.2088919547724952</v>
      </c>
      <c r="CT29" s="166">
        <f t="shared" ref="CT29:CT82" si="265">1.47-(0.14*LN(BG29))</f>
        <v>1.154318374461611</v>
      </c>
      <c r="CU29" s="166">
        <f t="shared" ref="CU29:CU82" si="266">1.47-(0.14*LN(BH29))</f>
        <v>1.0636537625042217</v>
      </c>
      <c r="CV29" s="166">
        <f t="shared" ref="CV29:CV82" si="267">1.47-(0.14*LN(BI29))</f>
        <v>1.0193573845184518</v>
      </c>
      <c r="CW29" s="166">
        <f t="shared" ref="CW29:CW82" si="268">1.47-(0.14*LN(BJ29))</f>
        <v>1.0193573845184518</v>
      </c>
      <c r="CX29" s="176">
        <f t="shared" ref="CX29:CX82" si="269">1.47-(0.14*LN(BK29))</f>
        <v>1.0193573845184518</v>
      </c>
      <c r="CY29" s="166">
        <f t="shared" ref="CY29:CY82" si="270">1.2-(0.14*LN(AY29))</f>
        <v>1.1029593947216076</v>
      </c>
      <c r="CZ29" s="166">
        <f t="shared" ref="CZ29:CZ82" si="271">1.2-(0.14*LN(AZ29))</f>
        <v>1.0972114433891369</v>
      </c>
      <c r="DA29" s="166">
        <f t="shared" ref="DA29:DA82" si="272">1.2-(0.14*LN(BA29))</f>
        <v>1.0734194899648206</v>
      </c>
      <c r="DB29" s="166">
        <f t="shared" ref="DB29:DB82" si="273">1.2-(0.14*LN(BB29))</f>
        <v>1.0549663028488609</v>
      </c>
      <c r="DC29" s="166">
        <f t="shared" ref="DC29:DC82" si="274">1.2-(0.14*LN(BC29))</f>
        <v>1.0337061730417547</v>
      </c>
      <c r="DD29" s="166">
        <f t="shared" ref="DD29:DD82" si="275">1.2-(0.14*LN(BD29))</f>
        <v>1.008629273960125</v>
      </c>
      <c r="DE29" s="166">
        <f t="shared" ref="DE29:DE82" si="276">1.2-(0.14*LN(BE29))</f>
        <v>0.97805867707803829</v>
      </c>
      <c r="DF29" s="166">
        <f t="shared" ref="DF29:DF82" si="277">1.2-(0.14*LN(BF29))</f>
        <v>0.93889195477249521</v>
      </c>
      <c r="DG29" s="166">
        <f t="shared" ref="DG29:DG82" si="278">1.2-(0.14*LN(BG29))</f>
        <v>0.8843183744616111</v>
      </c>
      <c r="DH29" s="166">
        <f t="shared" ref="DH29:DH82" si="279">1.2-(0.14*LN(BH29))</f>
        <v>0.7936537625042217</v>
      </c>
      <c r="DI29" s="166">
        <f t="shared" ref="DI29:DI82" si="280">1.2-(0.14*LN(BI29))</f>
        <v>0.7493573845184518</v>
      </c>
      <c r="DJ29" s="166">
        <f t="shared" ref="DJ29:DJ82" si="281">1.2-(0.14*LN(BJ29))</f>
        <v>0.7493573845184518</v>
      </c>
      <c r="DK29" s="166">
        <f t="shared" ref="DK29:DK82" si="282">1.2-(0.14*LN(BK29))</f>
        <v>0.7493573845184518</v>
      </c>
      <c r="DL29" s="175">
        <f t="shared" ref="DL29:DL82" si="283">1.63-(0.15*LN(BL29))</f>
        <v>1.5000349036450102</v>
      </c>
      <c r="DM29" s="166">
        <f t="shared" ref="DM29:DM82" si="284">1.63-(0.15*LN(BM29))</f>
        <v>1.4923367545390227</v>
      </c>
      <c r="DN29" s="166">
        <f t="shared" ref="DN29:DN82" si="285">1.63-(0.15*LN(BN29))</f>
        <v>1.4604725312028848</v>
      </c>
      <c r="DO29" s="166">
        <f t="shared" ref="DO29:DO82" si="286">1.63-(0.15*LN(BO29))</f>
        <v>1.4357584413154387</v>
      </c>
      <c r="DP29" s="166">
        <f t="shared" ref="DP29:DP82" si="287">1.63-(0.15*LN(BP29))</f>
        <v>1.4072850531809213</v>
      </c>
      <c r="DQ29" s="166">
        <f t="shared" ref="DQ29:DQ82" si="288">1.63-(0.15*LN(BQ29))</f>
        <v>1.3736999204823104</v>
      </c>
      <c r="DR29" s="166">
        <f t="shared" ref="DR29:DR82" si="289">1.63-(0.15*LN(BR29))</f>
        <v>1.3327571568009442</v>
      </c>
      <c r="DS29" s="166">
        <f t="shared" ref="DS29:DS82" si="290">1.63-(0.15*LN(BS29))</f>
        <v>1.2803017251417346</v>
      </c>
      <c r="DT29" s="166">
        <f t="shared" ref="DT29:DT82" si="291">1.63-(0.15*LN(BT29))</f>
        <v>1.2072121086539433</v>
      </c>
      <c r="DU29" s="166">
        <f t="shared" ref="DU29:DU82" si="292">1.63-(0.15*LN(BU29))</f>
        <v>1.1471686262697698</v>
      </c>
      <c r="DV29" s="166">
        <f t="shared" ref="DV29:DV82" si="293">1.63-(0.15*LN(BV29))</f>
        <v>1.1471686262697698</v>
      </c>
      <c r="DW29" s="166">
        <f t="shared" ref="DW29:DW82" si="294">1.63-(0.15*LN(BW29))</f>
        <v>1.1471686262697698</v>
      </c>
      <c r="DX29" s="176">
        <f t="shared" ref="DX29:DX82" si="295">1.63-(0.15*LN(BX29))</f>
        <v>1.1471686262697698</v>
      </c>
      <c r="DY29" s="166">
        <f t="shared" ref="DY29:DY82" si="296">1.2-(0.17*LN(BL29))</f>
        <v>1.0527062241310117</v>
      </c>
      <c r="DZ29" s="166">
        <f t="shared" ref="DZ29:DZ82" si="297">1.2-(0.17*LN(BM29))</f>
        <v>1.0439816551442258</v>
      </c>
      <c r="EA29" s="166">
        <f t="shared" ref="EA29:EA82" si="298">1.2-(0.17*LN(BN29))</f>
        <v>1.0078688686966029</v>
      </c>
      <c r="EB29" s="166">
        <f t="shared" ref="EB29:EB82" si="299">1.2-(0.17*LN(BO29))</f>
        <v>0.97985956682416397</v>
      </c>
      <c r="EC29" s="166">
        <f t="shared" ref="EC29:EC82" si="300">1.2-(0.17*LN(BP29))</f>
        <v>0.94758972693837773</v>
      </c>
      <c r="ED29" s="166">
        <f t="shared" ref="ED29:ED82" si="301">1.2-(0.17*LN(BQ29))</f>
        <v>0.9095265765466185</v>
      </c>
      <c r="EE29" s="166">
        <f t="shared" ref="EE29:EE82" si="302">1.2-(0.17*LN(BR29))</f>
        <v>0.86312477770773677</v>
      </c>
      <c r="EF29" s="166">
        <f t="shared" ref="EF29:EF82" si="303">1.2-(0.17*LN(BS29))</f>
        <v>0.80367528849396597</v>
      </c>
      <c r="EG29" s="166">
        <f t="shared" ref="EG29:EG82" si="304">1.2-(0.17*LN(BT29))</f>
        <v>0.72084038980780263</v>
      </c>
      <c r="EH29" s="166">
        <f t="shared" ref="EH29:EH82" si="305">1.2-(0.17*LN(BU29))</f>
        <v>0.65279110977240584</v>
      </c>
      <c r="EI29" s="166">
        <f t="shared" ref="EI29:EI82" si="306">1.2-(0.17*LN(BV29))</f>
        <v>0.65279110977240584</v>
      </c>
      <c r="EJ29" s="166">
        <f t="shared" ref="EJ29:EJ82" si="307">1.2-(0.17*LN(BW29))</f>
        <v>0.65279110977240584</v>
      </c>
      <c r="EK29" s="166">
        <f t="shared" ref="EK29:EK82" si="308">1.2-(0.17*LN(BX29))</f>
        <v>0.65279110977240584</v>
      </c>
      <c r="EL29" s="175">
        <f t="shared" ref="EL29:EL82" si="309">1.45-(0.17*LN(BY29))</f>
        <v>1.1554124482620232</v>
      </c>
      <c r="EM29" s="166">
        <f t="shared" ref="EM29:EM82" si="310">1.45-(0.17*LN(BZ29))</f>
        <v>1.1379633102884517</v>
      </c>
      <c r="EN29" s="166">
        <f t="shared" ref="EN29:EN82" si="311">1.45-(0.17*LN(CA29))</f>
        <v>1.0657377373932055</v>
      </c>
      <c r="EO29" s="166">
        <f t="shared" ref="EO29:EO82" si="312">1.45-(0.17*LN(CB29))</f>
        <v>1.009719133648328</v>
      </c>
      <c r="EP29" s="166">
        <f t="shared" ref="EP29:EP82" si="313">1.45-(0.17*LN(CC29))</f>
        <v>0.94517945387675539</v>
      </c>
      <c r="EQ29" s="166">
        <f t="shared" ref="EQ29:EQ82" si="314">1.45-(0.17*LN(CD29))</f>
        <v>0.90279110977240584</v>
      </c>
      <c r="ER29" s="166">
        <f t="shared" ref="ER29:ER82" si="315">1.45-(0.17*LN(CE29))</f>
        <v>0.90279110977240584</v>
      </c>
      <c r="ES29" s="166">
        <f t="shared" ref="ES29:ES82" si="316">1.45-(0.17*LN(CF29))</f>
        <v>0.90279110977240584</v>
      </c>
      <c r="ET29" s="166">
        <f t="shared" ref="ET29:ET82" si="317">1.45-(0.17*LN(CG29))</f>
        <v>0.90279110977240584</v>
      </c>
      <c r="EU29" s="166">
        <f t="shared" ref="EU29:EU82" si="318">1.45-(0.17*LN(CH29))</f>
        <v>0.90279110977240584</v>
      </c>
      <c r="EV29" s="166">
        <f t="shared" ref="EV29:EV82" si="319">1.45-(0.17*LN(CI29))</f>
        <v>0.90279110977240584</v>
      </c>
      <c r="EW29" s="166">
        <f t="shared" ref="EW29:EW82" si="320">1.45-(0.17*LN(CJ29))</f>
        <v>0.90279110977240584</v>
      </c>
      <c r="EX29" s="176">
        <f t="shared" ref="EX29:EX82" si="321">1.45-(0.17*LN(CK29))</f>
        <v>0.90279110977240584</v>
      </c>
      <c r="EY29" s="175">
        <f t="shared" ref="EY29:EY82" si="322">1.2-(0.17*LN(BY29))</f>
        <v>0.90541244826202316</v>
      </c>
      <c r="EZ29" s="166">
        <f t="shared" ref="EZ29:EZ82" si="323">1.2-(0.17*LN(BZ29))</f>
        <v>0.88796331028845166</v>
      </c>
      <c r="FA29" s="166">
        <f t="shared" ref="FA29:FA82" si="324">1.2-(0.17*LN(CA29))</f>
        <v>0.81573773739320565</v>
      </c>
      <c r="FB29" s="166">
        <f t="shared" ref="FB29:FB82" si="325">1.2-(0.17*LN(CB29))</f>
        <v>0.75971913364832799</v>
      </c>
      <c r="FC29" s="166">
        <f t="shared" ref="FC29:FC82" si="326">1.2-(0.17*LN(CC29))</f>
        <v>0.69517945387675539</v>
      </c>
      <c r="FD29" s="166">
        <f t="shared" ref="FD29:FD82" si="327">1.2-(0.17*LN(CD29))</f>
        <v>0.65279110977240584</v>
      </c>
      <c r="FE29" s="166">
        <f t="shared" ref="FE29:FE82" si="328">1.2-(0.17*LN(CE29))</f>
        <v>0.65279110977240584</v>
      </c>
      <c r="FF29" s="166">
        <f t="shared" ref="FF29:FF82" si="329">1.2-(0.17*LN(CF29))</f>
        <v>0.65279110977240584</v>
      </c>
      <c r="FG29" s="166">
        <f t="shared" ref="FG29:FG82" si="330">1.2-(0.17*LN(CG29))</f>
        <v>0.65279110977240584</v>
      </c>
      <c r="FH29" s="166">
        <f t="shared" ref="FH29:FH82" si="331">1.2-(0.17*LN(CH29))</f>
        <v>0.65279110977240584</v>
      </c>
      <c r="FI29" s="166">
        <f t="shared" ref="FI29:FI82" si="332">1.2-(0.17*LN(CI29))</f>
        <v>0.65279110977240584</v>
      </c>
      <c r="FJ29" s="166">
        <f t="shared" ref="FJ29:FJ82" si="333">1.2-(0.17*LN(CJ29))</f>
        <v>0.65279110977240584</v>
      </c>
      <c r="FK29" s="166">
        <f t="shared" ref="FK29:FK82" si="334">1.2-(0.17*LN(CK29))</f>
        <v>0.65279110977240584</v>
      </c>
      <c r="FL29" s="126">
        <f t="shared" ref="FL29:FL82" si="335">CL29*U29</f>
        <v>0</v>
      </c>
      <c r="FM29" s="91">
        <f t="shared" ref="FM29:FM82" si="336">CM29*V29</f>
        <v>10.082425674026711</v>
      </c>
      <c r="FN29" s="91">
        <f t="shared" ref="FN29:FN82" si="337">CN29*W29</f>
        <v>39.62789288256127</v>
      </c>
      <c r="FO29" s="91">
        <f t="shared" ref="FO29:FO82" si="338">CO29*X29</f>
        <v>58.625347236483258</v>
      </c>
      <c r="FP29" s="91">
        <f t="shared" ref="FP29:FP82" si="339">CP29*Y29</f>
        <v>76.912876374877399</v>
      </c>
      <c r="FQ29" s="91">
        <f t="shared" ref="FQ29:FQ82" si="340">CQ29*Z29</f>
        <v>94.291813323189501</v>
      </c>
      <c r="FR29" s="91">
        <f t="shared" ref="FR29:FR82" si="341">CR29*AA29</f>
        <v>110.44488174210147</v>
      </c>
      <c r="FS29" s="91">
        <f t="shared" ref="FS29:FS82" si="342">CS29*AB29</f>
        <v>124.80870224719726</v>
      </c>
      <c r="FT29" s="91">
        <f t="shared" ref="FT29:FT82" si="343">CT29*AC29</f>
        <v>136.19931893867292</v>
      </c>
      <c r="FU29" s="91">
        <f t="shared" ref="FU29:FU82" si="344">CU29*AD29</f>
        <v>141.18941221099487</v>
      </c>
      <c r="FV29" s="91">
        <f t="shared" ref="FV29:FV82" si="345">CV29*AE29</f>
        <v>146.58530304896706</v>
      </c>
      <c r="FW29" s="91">
        <f t="shared" ref="FW29:FW82" si="346">CW29*AF29</f>
        <v>150.34390056304315</v>
      </c>
      <c r="FX29" s="91">
        <f t="shared" ref="FX29:FX82" si="347">CX29*AG29</f>
        <v>150.34390056304315</v>
      </c>
      <c r="FY29" s="91">
        <f t="shared" ref="FY29:FY82" si="348">CY29*H29</f>
        <v>0</v>
      </c>
      <c r="FZ29" s="91">
        <f t="shared" ref="FZ29:FZ82" si="349">CZ29*I29</f>
        <v>0.92262330981595653</v>
      </c>
      <c r="GA29" s="91">
        <f t="shared" ref="GA29:GA82" si="350">DA29*J29</f>
        <v>9.0261712873974957</v>
      </c>
      <c r="GB29" s="91">
        <f t="shared" ref="GB29:GB82" si="351">DB29*K29</f>
        <v>18.173275883602017</v>
      </c>
      <c r="GC29" s="91">
        <f t="shared" ref="GC29:GC82" si="352">DC29*L29</f>
        <v>33.54666824500358</v>
      </c>
      <c r="GD29" s="91">
        <f t="shared" ref="GD29:GD82" si="353">DD29*M29</f>
        <v>52.537495530429737</v>
      </c>
      <c r="GE29" s="91">
        <f t="shared" ref="GE29:GE82" si="354">DE29*N29</f>
        <v>76.817532523601969</v>
      </c>
      <c r="GF29" s="91">
        <f t="shared" ref="GF29:GF82" si="355">DF29*O29</f>
        <v>112.10598251807264</v>
      </c>
      <c r="GG29" s="91">
        <f t="shared" ref="GG29:GG82" si="356">DG29*P29</f>
        <v>161.57986746202565</v>
      </c>
      <c r="GH29" s="91">
        <f t="shared" ref="GH29:GH82" si="357">DH29*Q29</f>
        <v>238.44539112682315</v>
      </c>
      <c r="GI29" s="91">
        <f t="shared" ref="GI29:GI82" si="358">DI29*R29</f>
        <v>366.14808012620057</v>
      </c>
      <c r="GJ29" s="91">
        <f t="shared" ref="GJ29:GJ82" si="359">DJ29*S29</f>
        <v>480.24826392208917</v>
      </c>
      <c r="GK29" s="127">
        <f t="shared" ref="GK29:GK82" si="360">DK29*T29</f>
        <v>4496.1443071107105</v>
      </c>
      <c r="GL29" s="126">
        <f t="shared" ref="GL29:GL82" si="361">DL29*U29</f>
        <v>0</v>
      </c>
      <c r="GM29" s="91">
        <f t="shared" ref="GM29:GM82" si="362">DM29*V29</f>
        <v>11.005155406657481</v>
      </c>
      <c r="GN29" s="91">
        <f t="shared" ref="GN29:GN82" si="363">DN29*W29</f>
        <v>43.080697769202821</v>
      </c>
      <c r="GO29" s="91">
        <f t="shared" ref="GO29:GO82" si="364">DO29*X29</f>
        <v>63.527530465377467</v>
      </c>
      <c r="GP29" s="91">
        <f t="shared" ref="GP29:GP82" si="365">DP29*Y29</f>
        <v>83.023570462184452</v>
      </c>
      <c r="GQ29" s="91">
        <f t="shared" ref="GQ29:GQ82" si="366">DQ29*Z29</f>
        <v>101.30274591870302</v>
      </c>
      <c r="GR29" s="91">
        <f t="shared" ref="GR29:GR82" si="367">DR29*AA29</f>
        <v>117.94013316620354</v>
      </c>
      <c r="GS29" s="91">
        <f t="shared" ref="GS29:GS82" si="368">DS29*AB29</f>
        <v>132.18120624341452</v>
      </c>
      <c r="GT29" s="91">
        <f t="shared" ref="GT29:GT82" si="369">DT29*AC29</f>
        <v>142.44030992738428</v>
      </c>
      <c r="GU29" s="91">
        <f t="shared" ref="GU29:GU82" si="370">DU29*AD29</f>
        <v>152.27517615186397</v>
      </c>
      <c r="GV29" s="91">
        <f t="shared" ref="GV29:GV82" si="371">DV29*AE29</f>
        <v>164.96477416451927</v>
      </c>
      <c r="GW29" s="91">
        <f t="shared" ref="GW29:GW82" si="372">DW29*AF29</f>
        <v>169.19464016873772</v>
      </c>
      <c r="GX29" s="91">
        <f t="shared" ref="GX29:GX82" si="373">DX29*AG29</f>
        <v>169.19464016873772</v>
      </c>
      <c r="GY29" s="91">
        <f t="shared" ref="GY29:GY82" si="374">DY29*H29</f>
        <v>0</v>
      </c>
      <c r="GZ29" s="91">
        <f t="shared" ref="GZ29:GZ82" si="375">DZ29*I29</f>
        <v>0.87786343813650614</v>
      </c>
      <c r="HA29" s="91">
        <f t="shared" ref="HA29:HA82" si="376">EA29*J29</f>
        <v>8.4749691328869172</v>
      </c>
      <c r="HB29" s="91">
        <f t="shared" ref="HB29:HB82" si="377">EB29*K29</f>
        <v>16.879456895443081</v>
      </c>
      <c r="HC29" s="91">
        <f t="shared" ref="HC29:HC82" si="378">EC29*L29</f>
        <v>30.75194773040332</v>
      </c>
      <c r="HD29" s="91">
        <f t="shared" ref="HD29:HD82" si="379">ED29*M29</f>
        <v>47.375432860988056</v>
      </c>
      <c r="HE29" s="91">
        <f t="shared" ref="HE29:HE82" si="380">EE29*N29</f>
        <v>67.790529584147365</v>
      </c>
      <c r="HF29" s="91">
        <f t="shared" ref="HF29:HF82" si="381">EF29*O29</f>
        <v>95.960783755936077</v>
      </c>
      <c r="HG29" s="91">
        <f t="shared" ref="HG29:HG82" si="382">EG29*P29</f>
        <v>131.70968512028338</v>
      </c>
      <c r="HH29" s="91">
        <f t="shared" ref="HH29:HH82" si="383">EH29*Q29</f>
        <v>196.12460602801752</v>
      </c>
      <c r="HI29" s="91">
        <f t="shared" ref="HI29:HI82" si="384">EI29*R29</f>
        <v>318.96424390374813</v>
      </c>
      <c r="HJ29" s="91">
        <f t="shared" ref="HJ29:HJ82" si="385">EJ29*S29</f>
        <v>418.36085644693122</v>
      </c>
      <c r="HK29" s="127">
        <f t="shared" ref="HK29:HK82" si="386">EK29*T29</f>
        <v>3916.7466586344349</v>
      </c>
      <c r="HL29" s="126">
        <f t="shared" ref="HL29:HL82" si="387">EL29*U29</f>
        <v>0</v>
      </c>
      <c r="HM29" s="91">
        <f t="shared" ref="HM29:HM82" si="388">EM29*V29</f>
        <v>8.3918479114770914</v>
      </c>
      <c r="HN29" s="91">
        <f t="shared" ref="HN29:HN82" si="389">EN29*W29</f>
        <v>31.436897569073601</v>
      </c>
      <c r="HO29" s="91">
        <f t="shared" ref="HO29:HO82" si="390">EO29*X29</f>
        <v>44.676709659843077</v>
      </c>
      <c r="HP29" s="91">
        <f t="shared" ref="HP29:HP82" si="391">EP29*Y29</f>
        <v>55.76139163204585</v>
      </c>
      <c r="HQ29" s="91">
        <f t="shared" ref="HQ29:HQ82" si="392">EQ29*Z29</f>
        <v>66.575834392439759</v>
      </c>
      <c r="HR29" s="91">
        <f t="shared" ref="HR29:HR82" si="393">ER29*AA29</f>
        <v>79.891001270927703</v>
      </c>
      <c r="HS29" s="91">
        <f t="shared" ref="HS29:HS82" si="394">ES29*AB29</f>
        <v>93.206168149415646</v>
      </c>
      <c r="HT29" s="91">
        <f t="shared" ref="HT29:HT82" si="395">ET29*AC29</f>
        <v>106.52133502790362</v>
      </c>
      <c r="HU29" s="91">
        <f t="shared" ref="HU29:HU82" si="396">EU29*AD29</f>
        <v>119.83650190639158</v>
      </c>
      <c r="HV29" s="91">
        <f t="shared" ref="HV29:HV82" si="397">EV29*AE29</f>
        <v>129.8228770652575</v>
      </c>
      <c r="HW29" s="91">
        <f t="shared" ref="HW29:HW82" si="398">EW29*AF29</f>
        <v>133.15166878487952</v>
      </c>
      <c r="HX29" s="91">
        <f t="shared" ref="HX29:HX82" si="399">EX29*AG29</f>
        <v>133.15166878487952</v>
      </c>
      <c r="HY29" s="91">
        <f t="shared" ref="HY29:HY82" si="400">EY29*H29</f>
        <v>0</v>
      </c>
      <c r="HZ29" s="91">
        <f t="shared" ref="HZ29:HZ82" si="401">EZ29*I29</f>
        <v>0.74667071080018566</v>
      </c>
      <c r="IA29" s="91">
        <f t="shared" ref="IA29:IA82" si="402">FA29*J29</f>
        <v>6.8593766110455654</v>
      </c>
      <c r="IB29" s="91">
        <f t="shared" ref="IB29:IB82" si="403">FB29*K29</f>
        <v>13.087228826701367</v>
      </c>
      <c r="IC29" s="91">
        <f t="shared" ref="IC29:IC82" si="404">FC29*L29</f>
        <v>22.560525532437033</v>
      </c>
      <c r="ID29" s="91">
        <f t="shared" ref="ID29:ID82" si="405">FD29*M29</f>
        <v>34.002592327424253</v>
      </c>
      <c r="IE29" s="91">
        <f t="shared" ref="IE29:IE82" si="406">FE29*N29</f>
        <v>51.270750396971259</v>
      </c>
      <c r="IF29" s="91">
        <f t="shared" ref="IF29:IF82" si="407">FF29*O29</f>
        <v>77.94484590916683</v>
      </c>
      <c r="IG29" s="91">
        <f t="shared" ref="IG29:IG82" si="408">FG29*P29</f>
        <v>119.27593505181979</v>
      </c>
      <c r="IH29" s="91">
        <f t="shared" ref="IH29:IH82" si="409">FH29*Q29</f>
        <v>196.12460602801752</v>
      </c>
      <c r="II29" s="91">
        <f t="shared" ref="II29:II82" si="410">FI29*R29</f>
        <v>318.96424390374813</v>
      </c>
      <c r="IJ29" s="91">
        <f t="shared" ref="IJ29:IJ82" si="411">FJ29*S29</f>
        <v>418.36085644693122</v>
      </c>
      <c r="IK29" s="127">
        <f t="shared" ref="IK29:IK82" si="412">FK29*T29</f>
        <v>3916.7466586344349</v>
      </c>
    </row>
    <row r="30" spans="2:245" x14ac:dyDescent="0.2">
      <c r="B30" s="79">
        <f>$B$26 - $C30</f>
        <v>-19.5</v>
      </c>
      <c r="C30" s="73">
        <f>'p-y mono_clay'!C30</f>
        <v>4</v>
      </c>
      <c r="D30" s="64">
        <f>'p-y mono_clay'!D30</f>
        <v>3.9899999999999998</v>
      </c>
      <c r="E30" s="64" t="str">
        <f>'p-y mono_clay'!E30</f>
        <v>CLAY</v>
      </c>
      <c r="F30" s="55">
        <f>VLOOKUP($C30, 'Pile Property'!$A$8:$D$108,2,TRUE)</f>
        <v>2</v>
      </c>
      <c r="G30" s="102">
        <f>'p-y mono_clay'!Z30</f>
        <v>158.1582611462799</v>
      </c>
      <c r="H30" s="199">
        <f>'p-y mono_clay'!AM30</f>
        <v>0</v>
      </c>
      <c r="I30" s="55">
        <f>'p-y mono_clay'!AN30</f>
        <v>0.67297821518763601</v>
      </c>
      <c r="J30" s="55">
        <f>'p-y mono_clay'!AO30</f>
        <v>6.7297821518763596</v>
      </c>
      <c r="K30" s="55">
        <f>'p-y mono_clay'!AP30</f>
        <v>12.570411810066171</v>
      </c>
      <c r="L30" s="55">
        <f>'p-y mono_clay'!AQ30</f>
        <v>22.378692911258156</v>
      </c>
      <c r="M30" s="55">
        <f>'p-y mono_clay'!AR30</f>
        <v>35.297821518763598</v>
      </c>
      <c r="N30" s="55">
        <f>'p-y mono_clay'!AS30</f>
        <v>54.216950126269033</v>
      </c>
      <c r="O30" s="55">
        <f>'p-y mono_clay'!AT30</f>
        <v>80.78498949315626</v>
      </c>
      <c r="P30" s="55">
        <f>'p-y mono_clay'!AU30</f>
        <v>124.81259316379622</v>
      </c>
      <c r="Q30" s="55">
        <f>'p-y mono_clay'!AV30</f>
        <v>206.32736480882892</v>
      </c>
      <c r="R30" s="55">
        <f>'p-y mono_clay'!AW30</f>
        <v>358.38257215010879</v>
      </c>
      <c r="S30" s="55">
        <f>'p-y mono_clay'!AX30</f>
        <v>536.48910759381795</v>
      </c>
      <c r="T30" s="200">
        <f>'p-y mono_clay'!AY30</f>
        <v>6000</v>
      </c>
      <c r="U30" s="199">
        <f>'p-y mono_clay'!AZ30</f>
        <v>0</v>
      </c>
      <c r="V30" s="55">
        <f>'p-y mono_clay'!BA30</f>
        <v>7.9079130573139951</v>
      </c>
      <c r="W30" s="55">
        <f>'p-y mono_clay'!BB30</f>
        <v>31.63165222925598</v>
      </c>
      <c r="X30" s="55">
        <f>'p-y mono_clay'!BC30</f>
        <v>47.447478343883965</v>
      </c>
      <c r="Y30" s="55">
        <f>'p-y mono_clay'!BD30</f>
        <v>63.263304458511961</v>
      </c>
      <c r="Z30" s="55">
        <f>'p-y mono_clay'!BE30</f>
        <v>79.079130573139949</v>
      </c>
      <c r="AA30" s="55">
        <f>'p-y mono_clay'!BF30</f>
        <v>94.89495668776793</v>
      </c>
      <c r="AB30" s="55">
        <f>'p-y mono_clay'!BG30</f>
        <v>110.71078280239593</v>
      </c>
      <c r="AC30" s="55">
        <f>'p-y mono_clay'!BH30</f>
        <v>126.52660891702392</v>
      </c>
      <c r="AD30" s="55">
        <f>'p-y mono_clay'!BI30</f>
        <v>142.34243503165192</v>
      </c>
      <c r="AE30" s="55">
        <f>'p-y mono_clay'!BJ30</f>
        <v>154.20430461762291</v>
      </c>
      <c r="AF30" s="55">
        <f>'p-y mono_clay'!BK30</f>
        <v>158.1582611462799</v>
      </c>
      <c r="AG30" s="200">
        <f>'p-y mono_clay'!BL30</f>
        <v>158.1582611462799</v>
      </c>
      <c r="AH30">
        <f t="shared" si="205"/>
        <v>30</v>
      </c>
      <c r="AI30">
        <v>0</v>
      </c>
      <c r="AJ30">
        <f t="shared" si="206"/>
        <v>3.2311000000000006E-2</v>
      </c>
      <c r="AK30">
        <f t="shared" si="207"/>
        <v>0.18231100000000003</v>
      </c>
      <c r="AL30">
        <f t="shared" si="208"/>
        <v>0.28231099999999998</v>
      </c>
      <c r="AM30">
        <f t="shared" si="209"/>
        <v>0.38231100000000001</v>
      </c>
      <c r="AN30">
        <f t="shared" si="210"/>
        <v>0.48231099999999999</v>
      </c>
      <c r="AO30">
        <f t="shared" si="211"/>
        <v>0.58231100000000002</v>
      </c>
      <c r="AP30">
        <f t="shared" si="212"/>
        <v>0.682311</v>
      </c>
      <c r="AQ30">
        <f t="shared" si="213"/>
        <v>0.78231100000000009</v>
      </c>
      <c r="AR30">
        <f t="shared" si="214"/>
        <v>0.88231100000000007</v>
      </c>
      <c r="AS30">
        <f t="shared" si="215"/>
        <v>0.95731100000000013</v>
      </c>
      <c r="AT30">
        <f t="shared" si="216"/>
        <v>0.98231100000000005</v>
      </c>
      <c r="AU30">
        <f t="shared" si="217"/>
        <v>0.98231100000000005</v>
      </c>
      <c r="AV30">
        <v>1</v>
      </c>
      <c r="AW30">
        <v>1.25</v>
      </c>
      <c r="AX30">
        <v>2.5</v>
      </c>
      <c r="AY30" s="162">
        <f t="shared" si="218"/>
        <v>2</v>
      </c>
      <c r="AZ30" s="162">
        <f t="shared" si="219"/>
        <v>2.0667797195173243</v>
      </c>
      <c r="BA30" s="162">
        <f t="shared" si="220"/>
        <v>2.4459177022070739</v>
      </c>
      <c r="BB30" s="162">
        <f t="shared" si="221"/>
        <v>2.7867223825361682</v>
      </c>
      <c r="BC30" s="162">
        <f t="shared" si="222"/>
        <v>3.2378753709390975</v>
      </c>
      <c r="BD30" s="162">
        <f t="shared" si="223"/>
        <v>3.8633233466424817</v>
      </c>
      <c r="BE30" s="162">
        <f t="shared" si="224"/>
        <v>4.7882515460067179</v>
      </c>
      <c r="BF30" s="162">
        <f t="shared" si="225"/>
        <v>6.2954650617427736</v>
      </c>
      <c r="BG30" s="162">
        <f t="shared" si="226"/>
        <v>9.1874187487654435</v>
      </c>
      <c r="BH30" s="162">
        <f t="shared" si="227"/>
        <v>16.993941659798292</v>
      </c>
      <c r="BI30" s="162">
        <f t="shared" si="228"/>
        <v>25</v>
      </c>
      <c r="BJ30" s="162">
        <f t="shared" si="229"/>
        <v>25</v>
      </c>
      <c r="BK30" s="162">
        <f t="shared" si="230"/>
        <v>25</v>
      </c>
      <c r="BL30" s="162">
        <f t="shared" si="231"/>
        <v>2.3784142300054421</v>
      </c>
      <c r="BM30" s="162">
        <f t="shared" si="232"/>
        <v>2.4780937888508334</v>
      </c>
      <c r="BN30" s="162">
        <f t="shared" si="233"/>
        <v>3.0588085840780326</v>
      </c>
      <c r="BO30" s="162">
        <f t="shared" si="234"/>
        <v>3.6005357900312434</v>
      </c>
      <c r="BP30" s="162">
        <f t="shared" si="235"/>
        <v>4.3433533291157698</v>
      </c>
      <c r="BQ30" s="162">
        <f t="shared" si="236"/>
        <v>5.4162826900739356</v>
      </c>
      <c r="BR30" s="162">
        <f t="shared" si="237"/>
        <v>7.0830645056926471</v>
      </c>
      <c r="BS30" s="162">
        <f t="shared" si="238"/>
        <v>9.9720574662583328</v>
      </c>
      <c r="BT30" s="162">
        <f t="shared" si="239"/>
        <v>15.995281556602418</v>
      </c>
      <c r="BU30" s="162">
        <f t="shared" si="240"/>
        <v>25</v>
      </c>
      <c r="BV30" s="162">
        <f t="shared" si="241"/>
        <v>25</v>
      </c>
      <c r="BW30" s="162">
        <f t="shared" si="242"/>
        <v>25</v>
      </c>
      <c r="BX30" s="162">
        <f t="shared" si="243"/>
        <v>25</v>
      </c>
      <c r="BY30" s="162">
        <f t="shared" si="244"/>
        <v>5.6568542494923806</v>
      </c>
      <c r="BZ30" s="162">
        <f t="shared" si="245"/>
        <v>6.1409488263410781</v>
      </c>
      <c r="CA30" s="162">
        <f t="shared" si="246"/>
        <v>9.3563099540294576</v>
      </c>
      <c r="CB30" s="162">
        <f t="shared" si="247"/>
        <v>12.963857975295911</v>
      </c>
      <c r="CC30" s="162">
        <f t="shared" si="248"/>
        <v>18.864718141541037</v>
      </c>
      <c r="CD30" s="162">
        <f t="shared" si="249"/>
        <v>25</v>
      </c>
      <c r="CE30" s="162">
        <f t="shared" si="250"/>
        <v>25</v>
      </c>
      <c r="CF30" s="162">
        <f t="shared" si="251"/>
        <v>25</v>
      </c>
      <c r="CG30" s="162">
        <f t="shared" si="252"/>
        <v>25</v>
      </c>
      <c r="CH30" s="162">
        <f t="shared" si="253"/>
        <v>25</v>
      </c>
      <c r="CI30" s="162">
        <f t="shared" si="254"/>
        <v>25</v>
      </c>
      <c r="CJ30" s="162">
        <f t="shared" si="255"/>
        <v>25</v>
      </c>
      <c r="CK30" s="162">
        <f t="shared" si="256"/>
        <v>25</v>
      </c>
      <c r="CL30">
        <f t="shared" si="257"/>
        <v>1.3729593947216077</v>
      </c>
      <c r="CM30">
        <f t="shared" si="258"/>
        <v>1.3683611613169349</v>
      </c>
      <c r="CN30">
        <f t="shared" si="259"/>
        <v>1.344781145283656</v>
      </c>
      <c r="CO30">
        <f t="shared" si="260"/>
        <v>1.3265187415253614</v>
      </c>
      <c r="CP30">
        <f t="shared" si="261"/>
        <v>1.3055115689005314</v>
      </c>
      <c r="CQ30">
        <f t="shared" si="262"/>
        <v>1.2807861102838352</v>
      </c>
      <c r="CR30">
        <f t="shared" si="263"/>
        <v>1.250736854769404</v>
      </c>
      <c r="CS30">
        <f t="shared" si="264"/>
        <v>1.2124238640184974</v>
      </c>
      <c r="CT30">
        <f t="shared" si="265"/>
        <v>1.1595030970840714</v>
      </c>
      <c r="CU30">
        <f t="shared" si="266"/>
        <v>1.073400032937786</v>
      </c>
      <c r="CV30">
        <f t="shared" si="267"/>
        <v>1.0193573845184518</v>
      </c>
      <c r="CW30">
        <f t="shared" si="268"/>
        <v>1.0193573845184518</v>
      </c>
      <c r="CX30" s="98">
        <f t="shared" si="269"/>
        <v>1.0193573845184518</v>
      </c>
      <c r="CY30">
        <f t="shared" si="270"/>
        <v>1.1029593947216076</v>
      </c>
      <c r="CZ30">
        <f t="shared" si="271"/>
        <v>1.0983611613169348</v>
      </c>
      <c r="DA30">
        <f t="shared" si="272"/>
        <v>1.074781145283656</v>
      </c>
      <c r="DB30">
        <f t="shared" si="273"/>
        <v>1.0565187415253614</v>
      </c>
      <c r="DC30">
        <f t="shared" si="274"/>
        <v>1.0355115689005314</v>
      </c>
      <c r="DD30">
        <f t="shared" si="275"/>
        <v>1.0107861102838351</v>
      </c>
      <c r="DE30">
        <f t="shared" si="276"/>
        <v>0.98073685476940398</v>
      </c>
      <c r="DF30">
        <f t="shared" si="277"/>
        <v>0.94242386401849743</v>
      </c>
      <c r="DG30">
        <f t="shared" si="278"/>
        <v>0.88950309708407138</v>
      </c>
      <c r="DH30">
        <f t="shared" si="279"/>
        <v>0.80340003293778595</v>
      </c>
      <c r="DI30">
        <f t="shared" si="280"/>
        <v>0.7493573845184518</v>
      </c>
      <c r="DJ30">
        <f t="shared" si="281"/>
        <v>0.7493573845184518</v>
      </c>
      <c r="DK30">
        <f t="shared" si="282"/>
        <v>0.7493573845184518</v>
      </c>
      <c r="DL30" s="97">
        <f t="shared" si="283"/>
        <v>1.5000349036450102</v>
      </c>
      <c r="DM30">
        <f t="shared" si="284"/>
        <v>1.4938765553351807</v>
      </c>
      <c r="DN30">
        <f t="shared" si="285"/>
        <v>1.462296176719182</v>
      </c>
      <c r="DO30">
        <f t="shared" si="286"/>
        <v>1.4378376002571804</v>
      </c>
      <c r="DP30">
        <f t="shared" si="287"/>
        <v>1.4097029940632118</v>
      </c>
      <c r="DQ30">
        <f t="shared" si="288"/>
        <v>1.3765885405587077</v>
      </c>
      <c r="DR30">
        <f t="shared" si="289"/>
        <v>1.3363440019233088</v>
      </c>
      <c r="DS30">
        <f t="shared" si="290"/>
        <v>1.285031960739059</v>
      </c>
      <c r="DT30">
        <f t="shared" si="291"/>
        <v>1.2141559335947385</v>
      </c>
      <c r="DU30">
        <f t="shared" si="292"/>
        <v>1.1471686262697698</v>
      </c>
      <c r="DV30">
        <f t="shared" si="293"/>
        <v>1.1471686262697698</v>
      </c>
      <c r="DW30">
        <f t="shared" si="294"/>
        <v>1.1471686262697698</v>
      </c>
      <c r="DX30" s="98">
        <f t="shared" si="295"/>
        <v>1.1471686262697698</v>
      </c>
      <c r="DY30">
        <f t="shared" si="296"/>
        <v>1.0527062241310117</v>
      </c>
      <c r="DZ30">
        <f t="shared" si="297"/>
        <v>1.0457267627132047</v>
      </c>
      <c r="EA30">
        <f t="shared" si="298"/>
        <v>1.0099356669484063</v>
      </c>
      <c r="EB30">
        <f t="shared" si="299"/>
        <v>0.98221594695813796</v>
      </c>
      <c r="EC30">
        <f t="shared" si="300"/>
        <v>0.95033005993830677</v>
      </c>
      <c r="ED30">
        <f t="shared" si="301"/>
        <v>0.91280034596653548</v>
      </c>
      <c r="EE30">
        <f t="shared" si="302"/>
        <v>0.8671898688464168</v>
      </c>
      <c r="EF30">
        <f t="shared" si="303"/>
        <v>0.80903622217093363</v>
      </c>
      <c r="EG30">
        <f t="shared" si="304"/>
        <v>0.72871005807403688</v>
      </c>
      <c r="EH30">
        <f t="shared" si="305"/>
        <v>0.65279110977240584</v>
      </c>
      <c r="EI30">
        <f t="shared" si="306"/>
        <v>0.65279110977240584</v>
      </c>
      <c r="EJ30">
        <f t="shared" si="307"/>
        <v>0.65279110977240584</v>
      </c>
      <c r="EK30">
        <f t="shared" si="308"/>
        <v>0.65279110977240584</v>
      </c>
      <c r="EL30" s="97">
        <f t="shared" si="309"/>
        <v>1.1554124482620232</v>
      </c>
      <c r="EM30">
        <f t="shared" si="310"/>
        <v>1.1414535254264098</v>
      </c>
      <c r="EN30">
        <f t="shared" si="311"/>
        <v>1.0698713338968129</v>
      </c>
      <c r="EO30">
        <f t="shared" si="312"/>
        <v>1.0144318939162762</v>
      </c>
      <c r="EP30">
        <f t="shared" si="313"/>
        <v>0.95066011987661359</v>
      </c>
      <c r="EQ30">
        <f t="shared" si="314"/>
        <v>0.90279110977240584</v>
      </c>
      <c r="ER30">
        <f t="shared" si="315"/>
        <v>0.90279110977240584</v>
      </c>
      <c r="ES30">
        <f t="shared" si="316"/>
        <v>0.90279110977240584</v>
      </c>
      <c r="ET30">
        <f t="shared" si="317"/>
        <v>0.90279110977240584</v>
      </c>
      <c r="EU30">
        <f t="shared" si="318"/>
        <v>0.90279110977240584</v>
      </c>
      <c r="EV30">
        <f t="shared" si="319"/>
        <v>0.90279110977240584</v>
      </c>
      <c r="EW30">
        <f t="shared" si="320"/>
        <v>0.90279110977240584</v>
      </c>
      <c r="EX30" s="98">
        <f t="shared" si="321"/>
        <v>0.90279110977240584</v>
      </c>
      <c r="EY30" s="97">
        <f t="shared" si="322"/>
        <v>0.90541244826202316</v>
      </c>
      <c r="EZ30">
        <f t="shared" si="323"/>
        <v>0.89145352542640977</v>
      </c>
      <c r="FA30">
        <f t="shared" si="324"/>
        <v>0.81987133389681288</v>
      </c>
      <c r="FB30">
        <f t="shared" si="325"/>
        <v>0.76443189391627608</v>
      </c>
      <c r="FC30">
        <f t="shared" si="326"/>
        <v>0.70066011987661359</v>
      </c>
      <c r="FD30">
        <f t="shared" si="327"/>
        <v>0.65279110977240584</v>
      </c>
      <c r="FE30">
        <f t="shared" si="328"/>
        <v>0.65279110977240584</v>
      </c>
      <c r="FF30">
        <f t="shared" si="329"/>
        <v>0.65279110977240584</v>
      </c>
      <c r="FG30">
        <f t="shared" si="330"/>
        <v>0.65279110977240584</v>
      </c>
      <c r="FH30">
        <f t="shared" si="331"/>
        <v>0.65279110977240584</v>
      </c>
      <c r="FI30">
        <f t="shared" si="332"/>
        <v>0.65279110977240584</v>
      </c>
      <c r="FJ30">
        <f t="shared" si="333"/>
        <v>0.65279110977240584</v>
      </c>
      <c r="FK30">
        <f t="shared" si="334"/>
        <v>0.65279110977240584</v>
      </c>
      <c r="FL30" s="126">
        <f t="shared" si="335"/>
        <v>0</v>
      </c>
      <c r="FM30" s="91">
        <f t="shared" si="336"/>
        <v>10.820881094699532</v>
      </c>
      <c r="FN30" s="91">
        <f t="shared" si="337"/>
        <v>42.537649512073166</v>
      </c>
      <c r="FO30" s="91">
        <f t="shared" si="338"/>
        <v>62.939969261280794</v>
      </c>
      <c r="FP30" s="91">
        <f t="shared" si="339"/>
        <v>82.590975857463931</v>
      </c>
      <c r="FQ30" s="91">
        <f t="shared" si="340"/>
        <v>101.28345205139942</v>
      </c>
      <c r="FR30" s="91">
        <f t="shared" si="341"/>
        <v>118.68861966113768</v>
      </c>
      <c r="FS30" s="91">
        <f t="shared" si="342"/>
        <v>134.22839507379348</v>
      </c>
      <c r="FT30" s="91">
        <f t="shared" si="343"/>
        <v>146.70799490283432</v>
      </c>
      <c r="FU30" s="91">
        <f t="shared" si="344"/>
        <v>152.79037445141984</v>
      </c>
      <c r="FV30" s="91">
        <f t="shared" si="345"/>
        <v>157.18929663650673</v>
      </c>
      <c r="FW30" s="91">
        <f t="shared" si="346"/>
        <v>161.21979142205817</v>
      </c>
      <c r="FX30" s="91">
        <f t="shared" si="347"/>
        <v>161.21979142205817</v>
      </c>
      <c r="FY30" s="91">
        <f t="shared" si="348"/>
        <v>0</v>
      </c>
      <c r="FZ30" s="91">
        <f t="shared" si="349"/>
        <v>0.73917313397448992</v>
      </c>
      <c r="GA30" s="91">
        <f t="shared" si="350"/>
        <v>7.233042968703181</v>
      </c>
      <c r="GB30" s="91">
        <f t="shared" si="351"/>
        <v>13.280875666026651</v>
      </c>
      <c r="GC30" s="91">
        <f t="shared" si="352"/>
        <v>23.173395406480132</v>
      </c>
      <c r="GD30" s="91">
        <f t="shared" si="353"/>
        <v>35.678547714444115</v>
      </c>
      <c r="GE30" s="91">
        <f t="shared" si="354"/>
        <v>53.17256114202673</v>
      </c>
      <c r="GF30" s="91">
        <f t="shared" si="355"/>
        <v>76.133701952834045</v>
      </c>
      <c r="GG30" s="91">
        <f t="shared" si="356"/>
        <v>111.02118817429094</v>
      </c>
      <c r="GH30" s="91">
        <f t="shared" si="357"/>
        <v>165.76341168337973</v>
      </c>
      <c r="GI30" s="91">
        <f t="shared" si="358"/>
        <v>268.55662692340087</v>
      </c>
      <c r="GJ30" s="91">
        <f t="shared" si="359"/>
        <v>402.02207448914169</v>
      </c>
      <c r="GK30" s="127">
        <f t="shared" si="360"/>
        <v>4496.1443071107105</v>
      </c>
      <c r="GL30" s="126">
        <f t="shared" si="361"/>
        <v>0</v>
      </c>
      <c r="GM30" s="91">
        <f t="shared" si="362"/>
        <v>11.813445917950329</v>
      </c>
      <c r="GN30" s="91">
        <f t="shared" si="363"/>
        <v>46.254844118151809</v>
      </c>
      <c r="GO30" s="91">
        <f t="shared" si="364"/>
        <v>68.221768400224661</v>
      </c>
      <c r="GP30" s="91">
        <f t="shared" si="365"/>
        <v>89.182469709496843</v>
      </c>
      <c r="GQ30" s="91">
        <f t="shared" si="366"/>
        <v>108.8594249443302</v>
      </c>
      <c r="GR30" s="91">
        <f t="shared" si="367"/>
        <v>126.81230618247085</v>
      </c>
      <c r="GS30" s="91">
        <f t="shared" si="368"/>
        <v>142.26689429951892</v>
      </c>
      <c r="GT30" s="91">
        <f t="shared" si="369"/>
        <v>153.62303297422554</v>
      </c>
      <c r="GU30" s="91">
        <f t="shared" si="370"/>
        <v>163.29077565515408</v>
      </c>
      <c r="GV30" s="91">
        <f t="shared" si="371"/>
        <v>176.89834029308358</v>
      </c>
      <c r="GW30" s="91">
        <f t="shared" si="372"/>
        <v>181.43419517239343</v>
      </c>
      <c r="GX30" s="91">
        <f t="shared" si="373"/>
        <v>181.43419517239343</v>
      </c>
      <c r="GY30" s="91">
        <f t="shared" si="374"/>
        <v>0</v>
      </c>
      <c r="GZ30" s="91">
        <f t="shared" si="375"/>
        <v>0.70375133034467707</v>
      </c>
      <c r="HA30" s="91">
        <f t="shared" si="376"/>
        <v>6.7966470259727325</v>
      </c>
      <c r="HB30" s="91">
        <f t="shared" si="377"/>
        <v>12.346858939677904</v>
      </c>
      <c r="HC30" s="91">
        <f t="shared" si="378"/>
        <v>21.267144575696925</v>
      </c>
      <c r="HD30" s="91">
        <f t="shared" si="379"/>
        <v>32.219863694192433</v>
      </c>
      <c r="HE30" s="91">
        <f t="shared" si="380"/>
        <v>47.016389869251967</v>
      </c>
      <c r="HF30" s="91">
        <f t="shared" si="381"/>
        <v>65.357982707661705</v>
      </c>
      <c r="HG30" s="91">
        <f t="shared" si="382"/>
        <v>90.952192012761088</v>
      </c>
      <c r="HH30" s="91">
        <f t="shared" si="383"/>
        <v>134.68866944997146</v>
      </c>
      <c r="HI30" s="91">
        <f t="shared" si="384"/>
        <v>233.94895699695883</v>
      </c>
      <c r="HJ30" s="91">
        <f t="shared" si="385"/>
        <v>350.21531992697606</v>
      </c>
      <c r="HK30" s="127">
        <f t="shared" si="386"/>
        <v>3916.7466586344349</v>
      </c>
      <c r="HL30" s="126">
        <f t="shared" si="387"/>
        <v>0</v>
      </c>
      <c r="HM30" s="91">
        <f t="shared" si="388"/>
        <v>9.0265152380365983</v>
      </c>
      <c r="HN30" s="91">
        <f t="shared" si="389"/>
        <v>33.841797963874193</v>
      </c>
      <c r="HO30" s="91">
        <f t="shared" si="390"/>
        <v>48.132235317937713</v>
      </c>
      <c r="HP30" s="91">
        <f t="shared" si="391"/>
        <v>60.14190060031968</v>
      </c>
      <c r="HQ30" s="91">
        <f t="shared" si="392"/>
        <v>71.391936049961998</v>
      </c>
      <c r="HR30" s="91">
        <f t="shared" si="393"/>
        <v>85.670323259954401</v>
      </c>
      <c r="HS30" s="91">
        <f t="shared" si="394"/>
        <v>99.948710469946803</v>
      </c>
      <c r="HT30" s="91">
        <f t="shared" si="395"/>
        <v>114.22709767993921</v>
      </c>
      <c r="HU30" s="91">
        <f t="shared" si="396"/>
        <v>128.50548488993161</v>
      </c>
      <c r="HV30" s="91">
        <f t="shared" si="397"/>
        <v>139.2142752974259</v>
      </c>
      <c r="HW30" s="91">
        <f t="shared" si="398"/>
        <v>142.783872099924</v>
      </c>
      <c r="HX30" s="91">
        <f t="shared" si="399"/>
        <v>142.783872099924</v>
      </c>
      <c r="HY30" s="91">
        <f t="shared" si="400"/>
        <v>0</v>
      </c>
      <c r="HZ30" s="91">
        <f t="shared" si="401"/>
        <v>0.59992880246419111</v>
      </c>
      <c r="IA30" s="91">
        <f t="shared" si="402"/>
        <v>5.5175554696938347</v>
      </c>
      <c r="IB30" s="91">
        <f t="shared" si="403"/>
        <v>9.6092237072764064</v>
      </c>
      <c r="IC30" s="91">
        <f t="shared" si="404"/>
        <v>15.679857657884062</v>
      </c>
      <c r="ID30" s="91">
        <f t="shared" si="405"/>
        <v>23.042104081781996</v>
      </c>
      <c r="IE30" s="91">
        <f t="shared" si="406"/>
        <v>35.392343041402341</v>
      </c>
      <c r="IF30" s="91">
        <f t="shared" si="407"/>
        <v>52.735722944189618</v>
      </c>
      <c r="IG30" s="91">
        <f t="shared" si="408"/>
        <v>81.476551204966327</v>
      </c>
      <c r="IH30" s="91">
        <f t="shared" si="409"/>
        <v>134.68866944997146</v>
      </c>
      <c r="II30" s="91">
        <f t="shared" si="410"/>
        <v>233.94895699695883</v>
      </c>
      <c r="IJ30" s="91">
        <f t="shared" si="411"/>
        <v>350.21531992697606</v>
      </c>
      <c r="IK30" s="127">
        <f t="shared" si="412"/>
        <v>3916.7466586344349</v>
      </c>
    </row>
    <row r="31" spans="2:245" x14ac:dyDescent="0.2">
      <c r="B31" s="79">
        <f t="shared" si="188"/>
        <v>-20.5</v>
      </c>
      <c r="C31" s="73">
        <f>'p-y mono_clay'!C31</f>
        <v>5</v>
      </c>
      <c r="D31" s="64">
        <f>'p-y mono_clay'!D31</f>
        <v>4.9930000000000003</v>
      </c>
      <c r="E31" s="64" t="str">
        <f>'p-y mono_clay'!E31</f>
        <v>CLAY</v>
      </c>
      <c r="F31" s="55">
        <f>VLOOKUP($C31, 'Pile Property'!$A$8:$D$108,2,TRUE)</f>
        <v>2</v>
      </c>
      <c r="G31" s="102">
        <f>'p-y mono_clay'!Z31</f>
        <v>204.04300189204454</v>
      </c>
      <c r="H31" s="199">
        <f>'p-y mono_clay'!AM31</f>
        <v>0</v>
      </c>
      <c r="I31" s="55">
        <f>'p-y mono_clay'!AN31</f>
        <v>0.63385809216362821</v>
      </c>
      <c r="J31" s="55">
        <f>'p-y mono_clay'!AO31</f>
        <v>6.3385809216362832</v>
      </c>
      <c r="K31" s="55">
        <f>'p-y mono_clay'!AP31</f>
        <v>11.514168488417964</v>
      </c>
      <c r="L31" s="55">
        <f>'p-y mono_clay'!AQ31</f>
        <v>20.031485529817697</v>
      </c>
      <c r="M31" s="55">
        <f>'p-y mono_clay'!AR31</f>
        <v>31.38580921636283</v>
      </c>
      <c r="N31" s="55">
        <f>'p-y mono_clay'!AS31</f>
        <v>48.740132902907952</v>
      </c>
      <c r="O31" s="55">
        <f>'p-y mono_clay'!AT31</f>
        <v>71.787361197634496</v>
      </c>
      <c r="P31" s="55">
        <f>'p-y mono_clay'!AU31</f>
        <v>111.51175133563362</v>
      </c>
      <c r="Q31" s="55">
        <f>'p-y mono_clay'!AV31</f>
        <v>183.63769345490445</v>
      </c>
      <c r="R31" s="55">
        <f>'p-y mono_clay'!AW31</f>
        <v>327.08647373090264</v>
      </c>
      <c r="S31" s="55">
        <f>'p-y mono_clay'!AX31</f>
        <v>516.92904608181414</v>
      </c>
      <c r="T31" s="200">
        <f>'p-y mono_clay'!AY31</f>
        <v>6000</v>
      </c>
      <c r="U31" s="199">
        <f>'p-y mono_clay'!AZ31</f>
        <v>0</v>
      </c>
      <c r="V31" s="55">
        <f>'p-y mono_clay'!BA31</f>
        <v>10.202150094602228</v>
      </c>
      <c r="W31" s="55">
        <f>'p-y mono_clay'!BB31</f>
        <v>40.808600378408912</v>
      </c>
      <c r="X31" s="55">
        <f>'p-y mono_clay'!BC31</f>
        <v>61.21290056761336</v>
      </c>
      <c r="Y31" s="55">
        <f>'p-y mono_clay'!BD31</f>
        <v>81.617200756817823</v>
      </c>
      <c r="Z31" s="55">
        <f>'p-y mono_clay'!BE31</f>
        <v>102.02150094602227</v>
      </c>
      <c r="AA31" s="55">
        <f>'p-y mono_clay'!BF31</f>
        <v>122.42580113522672</v>
      </c>
      <c r="AB31" s="55">
        <f>'p-y mono_clay'!BG31</f>
        <v>142.83010132443118</v>
      </c>
      <c r="AC31" s="55">
        <f>'p-y mono_clay'!BH31</f>
        <v>163.23440151363565</v>
      </c>
      <c r="AD31" s="55">
        <f>'p-y mono_clay'!BI31</f>
        <v>183.63870170284008</v>
      </c>
      <c r="AE31" s="55">
        <f>'p-y mono_clay'!BJ31</f>
        <v>198.94192684474342</v>
      </c>
      <c r="AF31" s="55">
        <f>'p-y mono_clay'!BK31</f>
        <v>204.04300189204454</v>
      </c>
      <c r="AG31" s="200">
        <f>'p-y mono_clay'!BL31</f>
        <v>204.04300189204454</v>
      </c>
      <c r="AH31">
        <f t="shared" si="205"/>
        <v>30</v>
      </c>
      <c r="AI31">
        <v>0</v>
      </c>
      <c r="AJ31">
        <f t="shared" si="206"/>
        <v>2.2299945555555555E-2</v>
      </c>
      <c r="AK31">
        <f t="shared" si="207"/>
        <v>0.17229994555555556</v>
      </c>
      <c r="AL31">
        <f t="shared" si="208"/>
        <v>0.27229994555555553</v>
      </c>
      <c r="AM31">
        <f t="shared" si="209"/>
        <v>0.37229994555555557</v>
      </c>
      <c r="AN31">
        <f t="shared" si="210"/>
        <v>0.47229994555555554</v>
      </c>
      <c r="AO31">
        <f t="shared" si="211"/>
        <v>0.57229994555555552</v>
      </c>
      <c r="AP31">
        <f t="shared" si="212"/>
        <v>0.67229994555555561</v>
      </c>
      <c r="AQ31">
        <f t="shared" si="213"/>
        <v>0.77229994555555559</v>
      </c>
      <c r="AR31">
        <f t="shared" si="214"/>
        <v>0.87229994555555546</v>
      </c>
      <c r="AS31">
        <f t="shared" si="215"/>
        <v>0.94729994555555552</v>
      </c>
      <c r="AT31">
        <f t="shared" si="216"/>
        <v>0.97229994555555554</v>
      </c>
      <c r="AU31">
        <f t="shared" si="217"/>
        <v>0.97229994555555554</v>
      </c>
      <c r="AV31">
        <v>1</v>
      </c>
      <c r="AW31">
        <v>1.25</v>
      </c>
      <c r="AX31">
        <v>2.5</v>
      </c>
      <c r="AY31" s="162">
        <f t="shared" si="218"/>
        <v>2</v>
      </c>
      <c r="AZ31" s="162">
        <f t="shared" si="219"/>
        <v>2.0456171510969732</v>
      </c>
      <c r="BA31" s="162">
        <f t="shared" si="220"/>
        <v>2.4163342617422057</v>
      </c>
      <c r="BB31" s="162">
        <f t="shared" si="221"/>
        <v>2.7483851179960133</v>
      </c>
      <c r="BC31" s="162">
        <f t="shared" si="222"/>
        <v>3.1862351864381</v>
      </c>
      <c r="BD31" s="162">
        <f t="shared" si="223"/>
        <v>3.7900318242445006</v>
      </c>
      <c r="BE31" s="162">
        <f t="shared" si="224"/>
        <v>4.6761742936831618</v>
      </c>
      <c r="BF31" s="162">
        <f t="shared" si="225"/>
        <v>6.1031421047232808</v>
      </c>
      <c r="BG31" s="162">
        <f t="shared" si="226"/>
        <v>8.7834849441723417</v>
      </c>
      <c r="BH31" s="162">
        <f t="shared" si="227"/>
        <v>15.661700448766002</v>
      </c>
      <c r="BI31" s="162">
        <f t="shared" si="228"/>
        <v>25</v>
      </c>
      <c r="BJ31" s="162">
        <f t="shared" si="229"/>
        <v>25</v>
      </c>
      <c r="BK31" s="162">
        <f t="shared" si="230"/>
        <v>25</v>
      </c>
      <c r="BL31" s="162">
        <f t="shared" si="231"/>
        <v>2.3784142300054421</v>
      </c>
      <c r="BM31" s="162">
        <f t="shared" si="232"/>
        <v>2.4464167713223581</v>
      </c>
      <c r="BN31" s="162">
        <f t="shared" si="233"/>
        <v>3.0126332489071097</v>
      </c>
      <c r="BO31" s="162">
        <f t="shared" si="234"/>
        <v>3.5387263940360891</v>
      </c>
      <c r="BP31" s="162">
        <f t="shared" si="235"/>
        <v>4.2569376247930952</v>
      </c>
      <c r="BQ31" s="162">
        <f t="shared" si="236"/>
        <v>5.288147629257745</v>
      </c>
      <c r="BR31" s="162">
        <f t="shared" si="237"/>
        <v>6.8764353247179102</v>
      </c>
      <c r="BS31" s="162">
        <f t="shared" si="238"/>
        <v>9.5927218673188079</v>
      </c>
      <c r="BT31" s="162">
        <f t="shared" si="239"/>
        <v>15.121106649960133</v>
      </c>
      <c r="BU31" s="162">
        <f t="shared" si="240"/>
        <v>25</v>
      </c>
      <c r="BV31" s="162">
        <f t="shared" si="241"/>
        <v>25</v>
      </c>
      <c r="BW31" s="162">
        <f t="shared" si="242"/>
        <v>25</v>
      </c>
      <c r="BX31" s="162">
        <f t="shared" si="243"/>
        <v>25</v>
      </c>
      <c r="BY31" s="162">
        <f t="shared" si="244"/>
        <v>5.6568542494923806</v>
      </c>
      <c r="BZ31" s="162">
        <f t="shared" si="245"/>
        <v>5.9849550190073115</v>
      </c>
      <c r="CA31" s="162">
        <f t="shared" si="246"/>
        <v>9.0759590924206073</v>
      </c>
      <c r="CB31" s="162">
        <f t="shared" si="247"/>
        <v>12.522584491847661</v>
      </c>
      <c r="CC31" s="162">
        <f t="shared" si="248"/>
        <v>18.121517941379075</v>
      </c>
      <c r="CD31" s="162">
        <f t="shared" si="249"/>
        <v>25</v>
      </c>
      <c r="CE31" s="162">
        <f t="shared" si="250"/>
        <v>25</v>
      </c>
      <c r="CF31" s="162">
        <f t="shared" si="251"/>
        <v>25</v>
      </c>
      <c r="CG31" s="162">
        <f t="shared" si="252"/>
        <v>25</v>
      </c>
      <c r="CH31" s="162">
        <f t="shared" si="253"/>
        <v>25</v>
      </c>
      <c r="CI31" s="162">
        <f t="shared" si="254"/>
        <v>25</v>
      </c>
      <c r="CJ31" s="162">
        <f t="shared" si="255"/>
        <v>25</v>
      </c>
      <c r="CK31" s="162">
        <f t="shared" si="256"/>
        <v>25</v>
      </c>
      <c r="CL31">
        <f t="shared" si="257"/>
        <v>1.3729593947216077</v>
      </c>
      <c r="CM31">
        <f t="shared" si="258"/>
        <v>1.3698020658918104</v>
      </c>
      <c r="CN31">
        <f t="shared" si="259"/>
        <v>1.3464847726578162</v>
      </c>
      <c r="CO31">
        <f t="shared" si="260"/>
        <v>1.3284581086879357</v>
      </c>
      <c r="CP31">
        <f t="shared" si="261"/>
        <v>1.3077623961524933</v>
      </c>
      <c r="CQ31">
        <f t="shared" si="262"/>
        <v>1.2834675817659686</v>
      </c>
      <c r="CR31">
        <f t="shared" si="263"/>
        <v>1.2540527556181302</v>
      </c>
      <c r="CS31">
        <f t="shared" si="264"/>
        <v>1.2167674767225307</v>
      </c>
      <c r="CT31">
        <f t="shared" si="265"/>
        <v>1.1657977453687067</v>
      </c>
      <c r="CU31">
        <f t="shared" si="266"/>
        <v>1.0848294421779909</v>
      </c>
      <c r="CV31">
        <f t="shared" si="267"/>
        <v>1.0193573845184518</v>
      </c>
      <c r="CW31">
        <f t="shared" si="268"/>
        <v>1.0193573845184518</v>
      </c>
      <c r="CX31" s="98">
        <f t="shared" si="269"/>
        <v>1.0193573845184518</v>
      </c>
      <c r="CY31">
        <f t="shared" si="270"/>
        <v>1.1029593947216076</v>
      </c>
      <c r="CZ31">
        <f t="shared" si="271"/>
        <v>1.0998020658918104</v>
      </c>
      <c r="DA31">
        <f t="shared" si="272"/>
        <v>1.0764847726578162</v>
      </c>
      <c r="DB31">
        <f t="shared" si="273"/>
        <v>1.0584581086879357</v>
      </c>
      <c r="DC31">
        <f t="shared" si="274"/>
        <v>1.0377623961524933</v>
      </c>
      <c r="DD31">
        <f t="shared" si="275"/>
        <v>1.0134675817659686</v>
      </c>
      <c r="DE31">
        <f t="shared" si="276"/>
        <v>0.98405275561813021</v>
      </c>
      <c r="DF31">
        <f t="shared" si="277"/>
        <v>0.9467674767225307</v>
      </c>
      <c r="DG31">
        <f t="shared" si="278"/>
        <v>0.8957977453687066</v>
      </c>
      <c r="DH31">
        <f t="shared" si="279"/>
        <v>0.81482944217799091</v>
      </c>
      <c r="DI31">
        <f t="shared" si="280"/>
        <v>0.7493573845184518</v>
      </c>
      <c r="DJ31">
        <f t="shared" si="281"/>
        <v>0.7493573845184518</v>
      </c>
      <c r="DK31">
        <f t="shared" si="282"/>
        <v>0.7493573845184518</v>
      </c>
      <c r="DL31" s="97">
        <f t="shared" si="283"/>
        <v>1.5000349036450102</v>
      </c>
      <c r="DM31">
        <f t="shared" si="284"/>
        <v>1.4958063382479605</v>
      </c>
      <c r="DN31">
        <f t="shared" si="285"/>
        <v>1.4645778205238609</v>
      </c>
      <c r="DO31">
        <f t="shared" si="286"/>
        <v>1.440434966992771</v>
      </c>
      <c r="DP31">
        <f t="shared" si="287"/>
        <v>1.4127174948470893</v>
      </c>
      <c r="DQ31">
        <f t="shared" si="288"/>
        <v>1.3801797970079936</v>
      </c>
      <c r="DR31">
        <f t="shared" si="289"/>
        <v>1.3407849405599959</v>
      </c>
      <c r="DS31">
        <f t="shared" si="290"/>
        <v>1.2908492991819607</v>
      </c>
      <c r="DT31">
        <f t="shared" si="291"/>
        <v>1.2225862661188036</v>
      </c>
      <c r="DU31">
        <f t="shared" si="292"/>
        <v>1.1471686262697698</v>
      </c>
      <c r="DV31">
        <f t="shared" si="293"/>
        <v>1.1471686262697698</v>
      </c>
      <c r="DW31">
        <f t="shared" si="294"/>
        <v>1.1471686262697698</v>
      </c>
      <c r="DX31" s="98">
        <f t="shared" si="295"/>
        <v>1.1471686262697698</v>
      </c>
      <c r="DY31">
        <f t="shared" si="296"/>
        <v>1.0527062241310117</v>
      </c>
      <c r="DZ31">
        <f t="shared" si="297"/>
        <v>1.0479138500143552</v>
      </c>
      <c r="EA31">
        <f t="shared" si="298"/>
        <v>1.0125215299270423</v>
      </c>
      <c r="EB31">
        <f t="shared" si="299"/>
        <v>0.98515962925847367</v>
      </c>
      <c r="EC31">
        <f t="shared" si="300"/>
        <v>0.95374649416003454</v>
      </c>
      <c r="ED31">
        <f t="shared" si="301"/>
        <v>0.91687043660905965</v>
      </c>
      <c r="EE31">
        <f t="shared" si="302"/>
        <v>0.87222293263466188</v>
      </c>
      <c r="EF31">
        <f t="shared" si="303"/>
        <v>0.81562920573955555</v>
      </c>
      <c r="EG31">
        <f t="shared" si="304"/>
        <v>0.738264434934644</v>
      </c>
      <c r="EH31">
        <f t="shared" si="305"/>
        <v>0.65279110977240584</v>
      </c>
      <c r="EI31">
        <f t="shared" si="306"/>
        <v>0.65279110977240584</v>
      </c>
      <c r="EJ31">
        <f t="shared" si="307"/>
        <v>0.65279110977240584</v>
      </c>
      <c r="EK31">
        <f t="shared" si="308"/>
        <v>0.65279110977240584</v>
      </c>
      <c r="EL31" s="97">
        <f t="shared" si="309"/>
        <v>1.1554124482620232</v>
      </c>
      <c r="EM31">
        <f t="shared" si="310"/>
        <v>1.1458277000287105</v>
      </c>
      <c r="EN31">
        <f t="shared" si="311"/>
        <v>1.0750430598540848</v>
      </c>
      <c r="EO31">
        <f t="shared" si="312"/>
        <v>1.0203192585169476</v>
      </c>
      <c r="EP31">
        <f t="shared" si="313"/>
        <v>0.95749298832006913</v>
      </c>
      <c r="EQ31">
        <f t="shared" si="314"/>
        <v>0.90279110977240584</v>
      </c>
      <c r="ER31">
        <f t="shared" si="315"/>
        <v>0.90279110977240584</v>
      </c>
      <c r="ES31">
        <f t="shared" si="316"/>
        <v>0.90279110977240584</v>
      </c>
      <c r="ET31">
        <f t="shared" si="317"/>
        <v>0.90279110977240584</v>
      </c>
      <c r="EU31">
        <f t="shared" si="318"/>
        <v>0.90279110977240584</v>
      </c>
      <c r="EV31">
        <f t="shared" si="319"/>
        <v>0.90279110977240584</v>
      </c>
      <c r="EW31">
        <f t="shared" si="320"/>
        <v>0.90279110977240584</v>
      </c>
      <c r="EX31" s="98">
        <f t="shared" si="321"/>
        <v>0.90279110977240584</v>
      </c>
      <c r="EY31" s="97">
        <f t="shared" si="322"/>
        <v>0.90541244826202316</v>
      </c>
      <c r="EZ31">
        <f t="shared" si="323"/>
        <v>0.89582770002871048</v>
      </c>
      <c r="FA31">
        <f t="shared" si="324"/>
        <v>0.82504305985408466</v>
      </c>
      <c r="FB31">
        <f t="shared" si="325"/>
        <v>0.77031925851694749</v>
      </c>
      <c r="FC31">
        <f t="shared" si="326"/>
        <v>0.70749298832006913</v>
      </c>
      <c r="FD31">
        <f t="shared" si="327"/>
        <v>0.65279110977240584</v>
      </c>
      <c r="FE31">
        <f t="shared" si="328"/>
        <v>0.65279110977240584</v>
      </c>
      <c r="FF31">
        <f t="shared" si="329"/>
        <v>0.65279110977240584</v>
      </c>
      <c r="FG31">
        <f t="shared" si="330"/>
        <v>0.65279110977240584</v>
      </c>
      <c r="FH31">
        <f t="shared" si="331"/>
        <v>0.65279110977240584</v>
      </c>
      <c r="FI31">
        <f t="shared" si="332"/>
        <v>0.65279110977240584</v>
      </c>
      <c r="FJ31">
        <f t="shared" si="333"/>
        <v>0.65279110977240584</v>
      </c>
      <c r="FK31">
        <f t="shared" si="334"/>
        <v>0.65279110977240584</v>
      </c>
      <c r="FL31" s="126">
        <f t="shared" si="335"/>
        <v>0</v>
      </c>
      <c r="FM31" s="91">
        <f t="shared" si="336"/>
        <v>13.97492627612446</v>
      </c>
      <c r="FN31" s="91">
        <f t="shared" si="337"/>
        <v>54.948159003005593</v>
      </c>
      <c r="FO31" s="91">
        <f t="shared" si="338"/>
        <v>81.318774115354316</v>
      </c>
      <c r="FP31" s="91">
        <f t="shared" si="339"/>
        <v>106.73590602899517</v>
      </c>
      <c r="FQ31" s="91">
        <f t="shared" si="340"/>
        <v>130.9412891073257</v>
      </c>
      <c r="FR31" s="91">
        <f t="shared" si="341"/>
        <v>153.52841327238829</v>
      </c>
      <c r="FS31" s="91">
        <f t="shared" si="342"/>
        <v>173.79102198855153</v>
      </c>
      <c r="FT31" s="91">
        <f t="shared" si="343"/>
        <v>190.29829725120663</v>
      </c>
      <c r="FU31" s="91">
        <f t="shared" si="344"/>
        <v>199.21667033058247</v>
      </c>
      <c r="FV31" s="91">
        <f t="shared" si="345"/>
        <v>202.79292221951883</v>
      </c>
      <c r="FW31" s="91">
        <f t="shared" si="346"/>
        <v>207.99274073796803</v>
      </c>
      <c r="FX31" s="91">
        <f t="shared" si="347"/>
        <v>207.99274073796803</v>
      </c>
      <c r="FY31" s="91">
        <f t="shared" si="348"/>
        <v>0</v>
      </c>
      <c r="FZ31" s="91">
        <f t="shared" si="349"/>
        <v>0.6971184392437999</v>
      </c>
      <c r="GA31" s="91">
        <f t="shared" si="350"/>
        <v>6.8233858424008051</v>
      </c>
      <c r="GB31" s="91">
        <f t="shared" si="351"/>
        <v>12.187265001365105</v>
      </c>
      <c r="GC31" s="91">
        <f t="shared" si="352"/>
        <v>20.78792242191761</v>
      </c>
      <c r="GD31" s="91">
        <f t="shared" si="353"/>
        <v>31.808500168275287</v>
      </c>
      <c r="GE31" s="91">
        <f t="shared" si="354"/>
        <v>47.962862092300469</v>
      </c>
      <c r="GF31" s="91">
        <f t="shared" si="355"/>
        <v>67.965938821653324</v>
      </c>
      <c r="GG31" s="91">
        <f t="shared" si="356"/>
        <v>99.891975428576458</v>
      </c>
      <c r="GH31" s="91">
        <f t="shared" si="357"/>
        <v>149.6333993207127</v>
      </c>
      <c r="GI31" s="91">
        <f t="shared" si="358"/>
        <v>245.10466446635249</v>
      </c>
      <c r="GJ31" s="91">
        <f t="shared" si="359"/>
        <v>387.36459795348651</v>
      </c>
      <c r="GK31" s="127">
        <f t="shared" si="360"/>
        <v>4496.1443071107105</v>
      </c>
      <c r="GL31" s="126">
        <f t="shared" si="361"/>
        <v>0</v>
      </c>
      <c r="GM31" s="91">
        <f t="shared" si="362"/>
        <v>15.260440775263042</v>
      </c>
      <c r="GN31" s="91">
        <f t="shared" si="363"/>
        <v>59.767371000839326</v>
      </c>
      <c r="GO31" s="91">
        <f t="shared" si="364"/>
        <v>88.173202408641927</v>
      </c>
      <c r="GP31" s="91">
        <f t="shared" si="365"/>
        <v>115.30204738960363</v>
      </c>
      <c r="GQ31" s="91">
        <f t="shared" si="366"/>
        <v>140.80801446613185</v>
      </c>
      <c r="GR31" s="91">
        <f t="shared" si="367"/>
        <v>164.14667049810484</v>
      </c>
      <c r="GS31" s="91">
        <f t="shared" si="368"/>
        <v>184.37213619673042</v>
      </c>
      <c r="GT31" s="91">
        <f t="shared" si="369"/>
        <v>199.56813744869339</v>
      </c>
      <c r="GU31" s="91">
        <f t="shared" si="370"/>
        <v>210.66455716241109</v>
      </c>
      <c r="GV31" s="91">
        <f t="shared" si="371"/>
        <v>228.21993692594535</v>
      </c>
      <c r="GW31" s="91">
        <f t="shared" si="372"/>
        <v>234.07173018045677</v>
      </c>
      <c r="GX31" s="91">
        <f t="shared" si="373"/>
        <v>234.07173018045677</v>
      </c>
      <c r="GY31" s="91">
        <f t="shared" si="374"/>
        <v>0</v>
      </c>
      <c r="GZ31" s="91">
        <f t="shared" si="375"/>
        <v>0.66422867372194161</v>
      </c>
      <c r="HA31" s="91">
        <f t="shared" si="376"/>
        <v>6.4179496523415311</v>
      </c>
      <c r="HB31" s="91">
        <f t="shared" si="377"/>
        <v>11.343293959269442</v>
      </c>
      <c r="HC31" s="91">
        <f t="shared" si="378"/>
        <v>19.104959096881093</v>
      </c>
      <c r="HD31" s="91">
        <f t="shared" si="379"/>
        <v>28.776720599535235</v>
      </c>
      <c r="HE31" s="91">
        <f t="shared" si="380"/>
        <v>42.512261657577547</v>
      </c>
      <c r="HF31" s="91">
        <f t="shared" si="381"/>
        <v>58.551868395765212</v>
      </c>
      <c r="HG31" s="91">
        <f t="shared" si="382"/>
        <v>82.325160088374091</v>
      </c>
      <c r="HH31" s="91">
        <f t="shared" si="383"/>
        <v>119.87705370647194</v>
      </c>
      <c r="HI31" s="91">
        <f t="shared" si="384"/>
        <v>213.5191421783388</v>
      </c>
      <c r="HJ31" s="91">
        <f t="shared" si="385"/>
        <v>337.44668566533858</v>
      </c>
      <c r="HK31" s="127">
        <f t="shared" si="386"/>
        <v>3916.7466586344349</v>
      </c>
      <c r="HL31" s="126">
        <f t="shared" si="387"/>
        <v>0</v>
      </c>
      <c r="HM31" s="91">
        <f t="shared" si="388"/>
        <v>11.689906178245762</v>
      </c>
      <c r="HN31" s="91">
        <f t="shared" si="389"/>
        <v>43.871002619167278</v>
      </c>
      <c r="HO31" s="91">
        <f t="shared" si="390"/>
        <v>62.456701318818908</v>
      </c>
      <c r="HP31" s="91">
        <f t="shared" si="391"/>
        <v>78.147897450964507</v>
      </c>
      <c r="HQ31" s="91">
        <f t="shared" si="392"/>
        <v>92.104104059706003</v>
      </c>
      <c r="HR31" s="91">
        <f t="shared" si="393"/>
        <v>110.52492487164719</v>
      </c>
      <c r="HS31" s="91">
        <f t="shared" si="394"/>
        <v>128.9457456835884</v>
      </c>
      <c r="HT31" s="91">
        <f t="shared" si="395"/>
        <v>147.36656649552961</v>
      </c>
      <c r="HU31" s="91">
        <f t="shared" si="396"/>
        <v>165.78738730747079</v>
      </c>
      <c r="HV31" s="91">
        <f t="shared" si="397"/>
        <v>179.6030029164267</v>
      </c>
      <c r="HW31" s="91">
        <f t="shared" si="398"/>
        <v>184.20820811941201</v>
      </c>
      <c r="HX31" s="91">
        <f t="shared" si="399"/>
        <v>184.20820811941201</v>
      </c>
      <c r="HY31" s="91">
        <f t="shared" si="400"/>
        <v>0</v>
      </c>
      <c r="HZ31" s="91">
        <f t="shared" si="401"/>
        <v>0.56782763684752946</v>
      </c>
      <c r="IA31" s="91">
        <f t="shared" si="402"/>
        <v>5.2296021987195234</v>
      </c>
      <c r="IB31" s="91">
        <f t="shared" si="403"/>
        <v>8.8695857324373275</v>
      </c>
      <c r="IC31" s="91">
        <f t="shared" si="404"/>
        <v>14.172135557980946</v>
      </c>
      <c r="ID31" s="91">
        <f t="shared" si="405"/>
        <v>20.488377229454496</v>
      </c>
      <c r="IE31" s="91">
        <f t="shared" si="406"/>
        <v>31.817125448143834</v>
      </c>
      <c r="IF31" s="91">
        <f t="shared" si="407"/>
        <v>46.862151183836367</v>
      </c>
      <c r="IG31" s="91">
        <f t="shared" si="408"/>
        <v>72.793879907052826</v>
      </c>
      <c r="IH31" s="91">
        <f t="shared" si="409"/>
        <v>119.87705370647194</v>
      </c>
      <c r="II31" s="91">
        <f t="shared" si="410"/>
        <v>213.5191421783388</v>
      </c>
      <c r="IJ31" s="91">
        <f t="shared" si="411"/>
        <v>337.44668566533858</v>
      </c>
      <c r="IK31" s="127">
        <f t="shared" si="412"/>
        <v>3916.7466586344349</v>
      </c>
    </row>
    <row r="32" spans="2:245" x14ac:dyDescent="0.2">
      <c r="B32" s="79">
        <f t="shared" si="188"/>
        <v>-21.5</v>
      </c>
      <c r="C32" s="73">
        <f>'p-y mono_clay'!C32</f>
        <v>6</v>
      </c>
      <c r="D32" s="64">
        <f>'p-y mono_clay'!D32</f>
        <v>5.9870000000000001</v>
      </c>
      <c r="E32" s="64" t="str">
        <f>'p-y mono_clay'!E32</f>
        <v>CLAY</v>
      </c>
      <c r="F32" s="55">
        <f>VLOOKUP($C32, 'Pile Property'!$A$8:$D$108,2,TRUE)</f>
        <v>2</v>
      </c>
      <c r="G32" s="102">
        <f>'p-y mono_clay'!Z32</f>
        <v>264.67532773182472</v>
      </c>
      <c r="H32" s="199">
        <f>'p-y mono_clay'!AM32</f>
        <v>0</v>
      </c>
      <c r="I32" s="55">
        <f>'p-y mono_clay'!AN32</f>
        <v>0.62773613431100761</v>
      </c>
      <c r="J32" s="55">
        <f>'p-y mono_clay'!AO32</f>
        <v>6.2773613431100754</v>
      </c>
      <c r="K32" s="55">
        <f>'p-y mono_clay'!AP32</f>
        <v>11.348875626397204</v>
      </c>
      <c r="L32" s="55">
        <f>'p-y mono_clay'!AQ32</f>
        <v>19.664168058660454</v>
      </c>
      <c r="M32" s="55">
        <f>'p-y mono_clay'!AR32</f>
        <v>30.77361343110076</v>
      </c>
      <c r="N32" s="55">
        <f>'p-y mono_clay'!AS32</f>
        <v>47.883058803541054</v>
      </c>
      <c r="O32" s="55">
        <f>'p-y mono_clay'!AT32</f>
        <v>70.379310891531745</v>
      </c>
      <c r="P32" s="55">
        <f>'p-y mono_clay'!AU32</f>
        <v>109.43028566574257</v>
      </c>
      <c r="Q32" s="55">
        <f>'p-y mono_clay'!AV32</f>
        <v>180.08695790038442</v>
      </c>
      <c r="R32" s="55">
        <f>'p-y mono_clay'!AW32</f>
        <v>322.18890744880605</v>
      </c>
      <c r="S32" s="55">
        <f>'p-y mono_clay'!AX32</f>
        <v>513.86806715550381</v>
      </c>
      <c r="T32" s="200">
        <f>'p-y mono_clay'!AY32</f>
        <v>6000</v>
      </c>
      <c r="U32" s="199">
        <f>'p-y mono_clay'!AZ32</f>
        <v>0</v>
      </c>
      <c r="V32" s="55">
        <f>'p-y mono_clay'!BA32</f>
        <v>13.233766386591236</v>
      </c>
      <c r="W32" s="55">
        <f>'p-y mono_clay'!BB32</f>
        <v>52.935065546364946</v>
      </c>
      <c r="X32" s="55">
        <f>'p-y mono_clay'!BC32</f>
        <v>79.402598319547408</v>
      </c>
      <c r="Y32" s="55">
        <f>'p-y mono_clay'!BD32</f>
        <v>105.87013109272989</v>
      </c>
      <c r="Z32" s="55">
        <f>'p-y mono_clay'!BE32</f>
        <v>132.33766386591236</v>
      </c>
      <c r="AA32" s="55">
        <f>'p-y mono_clay'!BF32</f>
        <v>158.80519663909482</v>
      </c>
      <c r="AB32" s="55">
        <f>'p-y mono_clay'!BG32</f>
        <v>185.2727294122773</v>
      </c>
      <c r="AC32" s="55">
        <f>'p-y mono_clay'!BH32</f>
        <v>211.74026218545978</v>
      </c>
      <c r="AD32" s="55">
        <f>'p-y mono_clay'!BI32</f>
        <v>238.20779495864227</v>
      </c>
      <c r="AE32" s="55">
        <f>'p-y mono_clay'!BJ32</f>
        <v>258.0584445385291</v>
      </c>
      <c r="AF32" s="55">
        <f>'p-y mono_clay'!BK32</f>
        <v>264.67532773182472</v>
      </c>
      <c r="AG32" s="200">
        <f>'p-y mono_clay'!BL32</f>
        <v>264.67532773182472</v>
      </c>
      <c r="AH32">
        <f t="shared" si="205"/>
        <v>30</v>
      </c>
      <c r="AI32">
        <v>0</v>
      </c>
      <c r="AJ32">
        <f t="shared" si="206"/>
        <v>1.0173145555555554E-2</v>
      </c>
      <c r="AK32">
        <f t="shared" si="207"/>
        <v>0.16017314555555556</v>
      </c>
      <c r="AL32">
        <f t="shared" si="208"/>
        <v>0.26017314555555554</v>
      </c>
      <c r="AM32">
        <f t="shared" si="209"/>
        <v>0.36017314555555557</v>
      </c>
      <c r="AN32">
        <f t="shared" si="210"/>
        <v>0.46017314555555555</v>
      </c>
      <c r="AO32">
        <f t="shared" si="211"/>
        <v>0.56017314555555553</v>
      </c>
      <c r="AP32">
        <f t="shared" si="212"/>
        <v>0.66017314555555551</v>
      </c>
      <c r="AQ32">
        <f t="shared" si="213"/>
        <v>0.7601731455555556</v>
      </c>
      <c r="AR32">
        <f t="shared" si="214"/>
        <v>0.86017314555555557</v>
      </c>
      <c r="AS32">
        <f t="shared" si="215"/>
        <v>0.93517314555555553</v>
      </c>
      <c r="AT32">
        <f t="shared" si="216"/>
        <v>0.96017314555555555</v>
      </c>
      <c r="AU32">
        <f t="shared" si="217"/>
        <v>0.96017314555555555</v>
      </c>
      <c r="AV32">
        <v>1</v>
      </c>
      <c r="AW32">
        <v>1.25</v>
      </c>
      <c r="AX32">
        <v>2.5</v>
      </c>
      <c r="AY32" s="162">
        <f t="shared" si="218"/>
        <v>2</v>
      </c>
      <c r="AZ32" s="162">
        <f t="shared" si="219"/>
        <v>2.0205554042302993</v>
      </c>
      <c r="BA32" s="162">
        <f t="shared" si="220"/>
        <v>2.3814432575188653</v>
      </c>
      <c r="BB32" s="162">
        <f t="shared" si="221"/>
        <v>2.7033352303788067</v>
      </c>
      <c r="BC32" s="162">
        <f t="shared" si="222"/>
        <v>3.1258456660694258</v>
      </c>
      <c r="BD32" s="162">
        <f t="shared" si="223"/>
        <v>3.7048916398541771</v>
      </c>
      <c r="BE32" s="162">
        <f t="shared" si="224"/>
        <v>4.5472439433609537</v>
      </c>
      <c r="BF32" s="162">
        <f t="shared" si="225"/>
        <v>5.8853500653138155</v>
      </c>
      <c r="BG32" s="162">
        <f t="shared" si="226"/>
        <v>8.3393496722165352</v>
      </c>
      <c r="BH32" s="162">
        <f t="shared" si="227"/>
        <v>14.303404077466634</v>
      </c>
      <c r="BI32" s="162">
        <f t="shared" si="228"/>
        <v>25</v>
      </c>
      <c r="BJ32" s="162">
        <f t="shared" si="229"/>
        <v>25</v>
      </c>
      <c r="BK32" s="162">
        <f t="shared" si="230"/>
        <v>25</v>
      </c>
      <c r="BL32" s="162">
        <f t="shared" si="231"/>
        <v>2.3784142300054421</v>
      </c>
      <c r="BM32" s="162">
        <f t="shared" si="232"/>
        <v>2.4090091762105841</v>
      </c>
      <c r="BN32" s="162">
        <f t="shared" si="233"/>
        <v>2.9583550670242813</v>
      </c>
      <c r="BO32" s="162">
        <f t="shared" si="234"/>
        <v>3.4663697040009129</v>
      </c>
      <c r="BP32" s="162">
        <f t="shared" si="235"/>
        <v>4.1563241865233751</v>
      </c>
      <c r="BQ32" s="162">
        <f t="shared" si="236"/>
        <v>5.1400741947891975</v>
      </c>
      <c r="BR32" s="162">
        <f t="shared" si="237"/>
        <v>6.6402635460977617</v>
      </c>
      <c r="BS32" s="162">
        <f t="shared" si="238"/>
        <v>9.1667497454023135</v>
      </c>
      <c r="BT32" s="162">
        <f t="shared" si="239"/>
        <v>14.1714807257373</v>
      </c>
      <c r="BU32" s="162">
        <f t="shared" si="240"/>
        <v>25</v>
      </c>
      <c r="BV32" s="162">
        <f t="shared" si="241"/>
        <v>25</v>
      </c>
      <c r="BW32" s="162">
        <f t="shared" si="242"/>
        <v>25</v>
      </c>
      <c r="BX32" s="162">
        <f t="shared" si="243"/>
        <v>25</v>
      </c>
      <c r="BY32" s="162">
        <f t="shared" si="244"/>
        <v>5.6568542494923806</v>
      </c>
      <c r="BZ32" s="162">
        <f t="shared" si="245"/>
        <v>5.803325211066797</v>
      </c>
      <c r="CA32" s="162">
        <f t="shared" si="246"/>
        <v>8.7518647025882395</v>
      </c>
      <c r="CB32" s="162">
        <f t="shared" si="247"/>
        <v>12.015718924815376</v>
      </c>
      <c r="CC32" s="162">
        <f t="shared" si="248"/>
        <v>17.275030743479199</v>
      </c>
      <c r="CD32" s="162">
        <f t="shared" si="249"/>
        <v>25</v>
      </c>
      <c r="CE32" s="162">
        <f t="shared" si="250"/>
        <v>25</v>
      </c>
      <c r="CF32" s="162">
        <f t="shared" si="251"/>
        <v>25</v>
      </c>
      <c r="CG32" s="162">
        <f t="shared" si="252"/>
        <v>25</v>
      </c>
      <c r="CH32" s="162">
        <f t="shared" si="253"/>
        <v>25</v>
      </c>
      <c r="CI32" s="162">
        <f t="shared" si="254"/>
        <v>25</v>
      </c>
      <c r="CJ32" s="162">
        <f t="shared" si="255"/>
        <v>25</v>
      </c>
      <c r="CK32" s="162">
        <f t="shared" si="256"/>
        <v>25</v>
      </c>
      <c r="CL32">
        <f t="shared" si="257"/>
        <v>1.3729593947216077</v>
      </c>
      <c r="CM32">
        <f t="shared" si="258"/>
        <v>1.3715278603306231</v>
      </c>
      <c r="CN32">
        <f t="shared" si="259"/>
        <v>1.3485210599541921</v>
      </c>
      <c r="CO32">
        <f t="shared" si="260"/>
        <v>1.3307719206317128</v>
      </c>
      <c r="CP32">
        <f t="shared" si="261"/>
        <v>1.310441319638997</v>
      </c>
      <c r="CQ32">
        <f t="shared" si="262"/>
        <v>1.2866484384155601</v>
      </c>
      <c r="CR32">
        <f t="shared" si="263"/>
        <v>1.2579670148216571</v>
      </c>
      <c r="CS32">
        <f t="shared" si="264"/>
        <v>1.221854728741008</v>
      </c>
      <c r="CT32">
        <f t="shared" si="265"/>
        <v>1.1730620669071021</v>
      </c>
      <c r="CU32">
        <f t="shared" si="266"/>
        <v>1.0975303421162681</v>
      </c>
      <c r="CV32">
        <f t="shared" si="267"/>
        <v>1.0193573845184518</v>
      </c>
      <c r="CW32">
        <f t="shared" si="268"/>
        <v>1.0193573845184518</v>
      </c>
      <c r="CX32" s="98">
        <f t="shared" si="269"/>
        <v>1.0193573845184518</v>
      </c>
      <c r="CY32">
        <f t="shared" si="270"/>
        <v>1.1029593947216076</v>
      </c>
      <c r="CZ32">
        <f t="shared" si="271"/>
        <v>1.1015278603306231</v>
      </c>
      <c r="DA32">
        <f t="shared" si="272"/>
        <v>1.0785210599541921</v>
      </c>
      <c r="DB32">
        <f t="shared" si="273"/>
        <v>1.0607719206317128</v>
      </c>
      <c r="DC32">
        <f t="shared" si="274"/>
        <v>1.040441319638997</v>
      </c>
      <c r="DD32">
        <f t="shared" si="275"/>
        <v>1.0166484384155601</v>
      </c>
      <c r="DE32">
        <f t="shared" si="276"/>
        <v>0.98796701482165705</v>
      </c>
      <c r="DF32">
        <f t="shared" si="277"/>
        <v>0.95185472874100785</v>
      </c>
      <c r="DG32">
        <f t="shared" si="278"/>
        <v>0.90306206690710211</v>
      </c>
      <c r="DH32">
        <f t="shared" si="279"/>
        <v>0.82753034211626808</v>
      </c>
      <c r="DI32">
        <f t="shared" si="280"/>
        <v>0.7493573845184518</v>
      </c>
      <c r="DJ32">
        <f t="shared" si="281"/>
        <v>0.7493573845184518</v>
      </c>
      <c r="DK32">
        <f t="shared" si="282"/>
        <v>0.7493573845184518</v>
      </c>
      <c r="DL32" s="97">
        <f t="shared" si="283"/>
        <v>1.5000349036450102</v>
      </c>
      <c r="DM32">
        <f t="shared" si="284"/>
        <v>1.498117670085656</v>
      </c>
      <c r="DN32">
        <f t="shared" si="285"/>
        <v>1.4673049910100788</v>
      </c>
      <c r="DO32">
        <f t="shared" si="286"/>
        <v>1.4435338222746155</v>
      </c>
      <c r="DP32">
        <f t="shared" si="287"/>
        <v>1.4163053388022282</v>
      </c>
      <c r="DQ32">
        <f t="shared" si="288"/>
        <v>1.3844398728779823</v>
      </c>
      <c r="DR32">
        <f t="shared" si="289"/>
        <v>1.3460272519932905</v>
      </c>
      <c r="DS32">
        <f t="shared" si="290"/>
        <v>1.2976625831352784</v>
      </c>
      <c r="DT32">
        <f t="shared" si="291"/>
        <v>1.2323152681791547</v>
      </c>
      <c r="DU32">
        <f t="shared" si="292"/>
        <v>1.1471686262697698</v>
      </c>
      <c r="DV32">
        <f t="shared" si="293"/>
        <v>1.1471686262697698</v>
      </c>
      <c r="DW32">
        <f t="shared" si="294"/>
        <v>1.1471686262697698</v>
      </c>
      <c r="DX32" s="98">
        <f t="shared" si="295"/>
        <v>1.1471686262697698</v>
      </c>
      <c r="DY32">
        <f t="shared" si="296"/>
        <v>1.0527062241310117</v>
      </c>
      <c r="DZ32">
        <f t="shared" si="297"/>
        <v>1.05053335943041</v>
      </c>
      <c r="EA32">
        <f t="shared" si="298"/>
        <v>1.015612323144756</v>
      </c>
      <c r="EB32">
        <f t="shared" si="299"/>
        <v>0.98867166524456418</v>
      </c>
      <c r="EC32">
        <f t="shared" si="300"/>
        <v>0.95781271730919193</v>
      </c>
      <c r="ED32">
        <f t="shared" si="301"/>
        <v>0.9216985225950467</v>
      </c>
      <c r="EE32">
        <f t="shared" si="302"/>
        <v>0.87816421892572938</v>
      </c>
      <c r="EF32">
        <f t="shared" si="303"/>
        <v>0.82335092755331551</v>
      </c>
      <c r="EG32">
        <f t="shared" si="304"/>
        <v>0.74929063726970879</v>
      </c>
      <c r="EH32">
        <f t="shared" si="305"/>
        <v>0.65279110977240584</v>
      </c>
      <c r="EI32">
        <f t="shared" si="306"/>
        <v>0.65279110977240584</v>
      </c>
      <c r="EJ32">
        <f t="shared" si="307"/>
        <v>0.65279110977240584</v>
      </c>
      <c r="EK32">
        <f t="shared" si="308"/>
        <v>0.65279110977240584</v>
      </c>
      <c r="EL32" s="97">
        <f t="shared" si="309"/>
        <v>1.1554124482620232</v>
      </c>
      <c r="EM32">
        <f t="shared" si="310"/>
        <v>1.1510667188608203</v>
      </c>
      <c r="EN32">
        <f t="shared" si="311"/>
        <v>1.0812246462895121</v>
      </c>
      <c r="EO32">
        <f t="shared" si="312"/>
        <v>1.0273433304891284</v>
      </c>
      <c r="EP32">
        <f t="shared" si="313"/>
        <v>0.9656254346183839</v>
      </c>
      <c r="EQ32">
        <f t="shared" si="314"/>
        <v>0.90279110977240584</v>
      </c>
      <c r="ER32">
        <f t="shared" si="315"/>
        <v>0.90279110977240584</v>
      </c>
      <c r="ES32">
        <f t="shared" si="316"/>
        <v>0.90279110977240584</v>
      </c>
      <c r="ET32">
        <f t="shared" si="317"/>
        <v>0.90279110977240584</v>
      </c>
      <c r="EU32">
        <f t="shared" si="318"/>
        <v>0.90279110977240584</v>
      </c>
      <c r="EV32">
        <f t="shared" si="319"/>
        <v>0.90279110977240584</v>
      </c>
      <c r="EW32">
        <f t="shared" si="320"/>
        <v>0.90279110977240584</v>
      </c>
      <c r="EX32" s="98">
        <f t="shared" si="321"/>
        <v>0.90279110977240584</v>
      </c>
      <c r="EY32" s="97">
        <f t="shared" si="322"/>
        <v>0.90541244826202316</v>
      </c>
      <c r="EZ32">
        <f t="shared" si="323"/>
        <v>0.90106671886082024</v>
      </c>
      <c r="FA32">
        <f t="shared" si="324"/>
        <v>0.83122464628951209</v>
      </c>
      <c r="FB32">
        <f t="shared" si="325"/>
        <v>0.7773433304891284</v>
      </c>
      <c r="FC32">
        <f t="shared" si="326"/>
        <v>0.7156254346183839</v>
      </c>
      <c r="FD32">
        <f t="shared" si="327"/>
        <v>0.65279110977240584</v>
      </c>
      <c r="FE32">
        <f t="shared" si="328"/>
        <v>0.65279110977240584</v>
      </c>
      <c r="FF32">
        <f t="shared" si="329"/>
        <v>0.65279110977240584</v>
      </c>
      <c r="FG32">
        <f t="shared" si="330"/>
        <v>0.65279110977240584</v>
      </c>
      <c r="FH32">
        <f t="shared" si="331"/>
        <v>0.65279110977240584</v>
      </c>
      <c r="FI32">
        <f t="shared" si="332"/>
        <v>0.65279110977240584</v>
      </c>
      <c r="FJ32">
        <f t="shared" si="333"/>
        <v>0.65279110977240584</v>
      </c>
      <c r="FK32">
        <f t="shared" si="334"/>
        <v>0.65279110977240584</v>
      </c>
      <c r="FL32" s="126">
        <f t="shared" si="335"/>
        <v>0</v>
      </c>
      <c r="FM32" s="91">
        <f t="shared" si="336"/>
        <v>18.150479296316799</v>
      </c>
      <c r="FN32" s="91">
        <f t="shared" si="337"/>
        <v>71.384050699328697</v>
      </c>
      <c r="FO32" s="91">
        <f t="shared" si="338"/>
        <v>105.66674826885252</v>
      </c>
      <c r="FP32" s="91">
        <f t="shared" si="339"/>
        <v>138.73659429951056</v>
      </c>
      <c r="FQ32" s="91">
        <f t="shared" si="340"/>
        <v>170.27204855663942</v>
      </c>
      <c r="FR32" s="91">
        <f t="shared" si="341"/>
        <v>199.77169915424835</v>
      </c>
      <c r="FS32" s="91">
        <f t="shared" si="342"/>
        <v>226.37636053914426</v>
      </c>
      <c r="FT32" s="91">
        <f t="shared" si="343"/>
        <v>248.38446960672718</v>
      </c>
      <c r="FU32" s="91">
        <f t="shared" si="344"/>
        <v>261.4402826957205</v>
      </c>
      <c r="FV32" s="91">
        <f t="shared" si="345"/>
        <v>263.05378107769496</v>
      </c>
      <c r="FW32" s="91">
        <f t="shared" si="346"/>
        <v>269.79874982327692</v>
      </c>
      <c r="FX32" s="91">
        <f t="shared" si="347"/>
        <v>269.79874982327692</v>
      </c>
      <c r="FY32" s="91">
        <f t="shared" si="348"/>
        <v>0</v>
      </c>
      <c r="FZ32" s="91">
        <f t="shared" si="349"/>
        <v>0.69146884087982086</v>
      </c>
      <c r="GA32" s="91">
        <f t="shared" si="350"/>
        <v>6.7702664094865499</v>
      </c>
      <c r="GB32" s="91">
        <f t="shared" si="351"/>
        <v>12.038568595223794</v>
      </c>
      <c r="GC32" s="91">
        <f t="shared" si="352"/>
        <v>20.459412964555696</v>
      </c>
      <c r="GD32" s="91">
        <f t="shared" si="353"/>
        <v>31.285946039132693</v>
      </c>
      <c r="GE32" s="91">
        <f t="shared" si="354"/>
        <v>47.306882666664322</v>
      </c>
      <c r="GF32" s="91">
        <f t="shared" si="355"/>
        <v>66.990879877638008</v>
      </c>
      <c r="GG32" s="91">
        <f t="shared" si="356"/>
        <v>98.822339955540116</v>
      </c>
      <c r="GH32" s="91">
        <f t="shared" si="357"/>
        <v>149.02742188198309</v>
      </c>
      <c r="GI32" s="91">
        <f t="shared" si="358"/>
        <v>241.43463700669483</v>
      </c>
      <c r="GJ32" s="91">
        <f t="shared" si="359"/>
        <v>385.07083079120048</v>
      </c>
      <c r="GK32" s="127">
        <f t="shared" si="360"/>
        <v>4496.1443071107105</v>
      </c>
      <c r="GL32" s="126">
        <f t="shared" si="361"/>
        <v>0</v>
      </c>
      <c r="GM32" s="91">
        <f t="shared" si="362"/>
        <v>19.825739265537933</v>
      </c>
      <c r="GN32" s="91">
        <f t="shared" si="363"/>
        <v>77.671885875626955</v>
      </c>
      <c r="GO32" s="91">
        <f t="shared" si="364"/>
        <v>114.62033625075223</v>
      </c>
      <c r="GP32" s="91">
        <f t="shared" si="365"/>
        <v>149.94443188632513</v>
      </c>
      <c r="GQ32" s="91">
        <f t="shared" si="366"/>
        <v>183.21353853949287</v>
      </c>
      <c r="GR32" s="91">
        <f t="shared" si="367"/>
        <v>213.75612243437493</v>
      </c>
      <c r="GS32" s="91">
        <f t="shared" si="368"/>
        <v>240.42148863365924</v>
      </c>
      <c r="GT32" s="91">
        <f t="shared" si="369"/>
        <v>260.9307579793994</v>
      </c>
      <c r="GU32" s="91">
        <f t="shared" si="370"/>
        <v>273.26450890945665</v>
      </c>
      <c r="GV32" s="91">
        <f t="shared" si="371"/>
        <v>296.03655131857801</v>
      </c>
      <c r="GW32" s="91">
        <f t="shared" si="372"/>
        <v>303.62723212161848</v>
      </c>
      <c r="GX32" s="91">
        <f t="shared" si="373"/>
        <v>303.62723212161848</v>
      </c>
      <c r="GY32" s="91">
        <f t="shared" si="374"/>
        <v>0</v>
      </c>
      <c r="GZ32" s="91">
        <f t="shared" si="375"/>
        <v>0.65945775001360196</v>
      </c>
      <c r="HA32" s="91">
        <f t="shared" si="376"/>
        <v>6.3753655368951092</v>
      </c>
      <c r="HB32" s="91">
        <f t="shared" si="377"/>
        <v>11.22031176420357</v>
      </c>
      <c r="HC32" s="91">
        <f t="shared" si="378"/>
        <v>18.834590241890186</v>
      </c>
      <c r="HD32" s="91">
        <f t="shared" si="379"/>
        <v>28.363994034356654</v>
      </c>
      <c r="HE32" s="91">
        <f t="shared" si="380"/>
        <v>42.0491889339864</v>
      </c>
      <c r="HF32" s="91">
        <f t="shared" si="381"/>
        <v>57.946870903105825</v>
      </c>
      <c r="HG32" s="91">
        <f t="shared" si="382"/>
        <v>81.995088483090527</v>
      </c>
      <c r="HH32" s="91">
        <f t="shared" si="383"/>
        <v>117.55916510332848</v>
      </c>
      <c r="HI32" s="91">
        <f t="shared" si="384"/>
        <v>210.32205444986505</v>
      </c>
      <c r="HJ32" s="91">
        <f t="shared" si="385"/>
        <v>335.44850583504251</v>
      </c>
      <c r="HK32" s="127">
        <f t="shared" si="386"/>
        <v>3916.7466586344349</v>
      </c>
      <c r="HL32" s="126">
        <f t="shared" si="387"/>
        <v>0</v>
      </c>
      <c r="HM32" s="91">
        <f t="shared" si="388"/>
        <v>15.23294805278419</v>
      </c>
      <c r="HN32" s="91">
        <f t="shared" si="389"/>
        <v>57.23469752168058</v>
      </c>
      <c r="HO32" s="91">
        <f t="shared" si="390"/>
        <v>81.57372980709431</v>
      </c>
      <c r="HP32" s="91">
        <f t="shared" si="391"/>
        <v>102.23089134952258</v>
      </c>
      <c r="HQ32" s="91">
        <f t="shared" si="392"/>
        <v>119.47326642619463</v>
      </c>
      <c r="HR32" s="91">
        <f t="shared" si="393"/>
        <v>143.36791971143356</v>
      </c>
      <c r="HS32" s="91">
        <f t="shared" si="394"/>
        <v>167.26257299667247</v>
      </c>
      <c r="HT32" s="91">
        <f t="shared" si="395"/>
        <v>191.15722628191142</v>
      </c>
      <c r="HU32" s="91">
        <f t="shared" si="396"/>
        <v>215.05187956715037</v>
      </c>
      <c r="HV32" s="91">
        <f t="shared" si="397"/>
        <v>232.97286953107954</v>
      </c>
      <c r="HW32" s="91">
        <f t="shared" si="398"/>
        <v>238.94653285238925</v>
      </c>
      <c r="HX32" s="91">
        <f t="shared" si="399"/>
        <v>238.94653285238925</v>
      </c>
      <c r="HY32" s="91">
        <f t="shared" si="400"/>
        <v>0</v>
      </c>
      <c r="HZ32" s="91">
        <f t="shared" si="401"/>
        <v>0.56563213885399477</v>
      </c>
      <c r="IA32" s="91">
        <f t="shared" si="402"/>
        <v>5.2178974620581293</v>
      </c>
      <c r="IB32" s="91">
        <f t="shared" si="403"/>
        <v>8.8219727767304956</v>
      </c>
      <c r="IC32" s="91">
        <f t="shared" si="404"/>
        <v>14.072178813387831</v>
      </c>
      <c r="ID32" s="91">
        <f t="shared" si="405"/>
        <v>20.088741263395278</v>
      </c>
      <c r="IE32" s="91">
        <f t="shared" si="406"/>
        <v>31.257635095660934</v>
      </c>
      <c r="IF32" s="91">
        <f t="shared" si="407"/>
        <v>45.942988461900178</v>
      </c>
      <c r="IG32" s="91">
        <f t="shared" si="408"/>
        <v>71.435117622451486</v>
      </c>
      <c r="IH32" s="91">
        <f t="shared" si="409"/>
        <v>117.55916510332848</v>
      </c>
      <c r="II32" s="91">
        <f t="shared" si="410"/>
        <v>210.32205444986505</v>
      </c>
      <c r="IJ32" s="91">
        <f t="shared" si="411"/>
        <v>335.44850583504251</v>
      </c>
      <c r="IK32" s="127">
        <f t="shared" si="412"/>
        <v>3916.7466586344349</v>
      </c>
    </row>
    <row r="33" spans="2:245" x14ac:dyDescent="0.2">
      <c r="B33" s="79">
        <f t="shared" si="188"/>
        <v>-22.5</v>
      </c>
      <c r="C33" s="73">
        <f>'p-y mono_clay'!C33</f>
        <v>7</v>
      </c>
      <c r="D33" s="64">
        <f>'p-y mono_clay'!D33</f>
        <v>6.9910000000000005</v>
      </c>
      <c r="E33" s="64" t="str">
        <f>'p-y mono_clay'!E33</f>
        <v>CLAY</v>
      </c>
      <c r="F33" s="55">
        <f>VLOOKUP($C33, 'Pile Property'!$A$8:$D$108,2,TRUE)</f>
        <v>2</v>
      </c>
      <c r="G33" s="102">
        <f>'p-y mono_clay'!Z33</f>
        <v>293.13472673260259</v>
      </c>
      <c r="H33" s="199">
        <f>'p-y mono_clay'!AM33</f>
        <v>0</v>
      </c>
      <c r="I33" s="55">
        <f>'p-y mono_clay'!AN33</f>
        <v>0.6</v>
      </c>
      <c r="J33" s="55">
        <f>'p-y mono_clay'!AO33</f>
        <v>6</v>
      </c>
      <c r="K33" s="55">
        <f>'p-y mono_clay'!AP33</f>
        <v>10.6</v>
      </c>
      <c r="L33" s="55">
        <f>'p-y mono_clay'!AQ33</f>
        <v>18</v>
      </c>
      <c r="M33" s="55">
        <f>'p-y mono_clay'!AR33</f>
        <v>28</v>
      </c>
      <c r="N33" s="55">
        <f>'p-y mono_clay'!AS33</f>
        <v>44</v>
      </c>
      <c r="O33" s="55">
        <f>'p-y mono_clay'!AT33</f>
        <v>64</v>
      </c>
      <c r="P33" s="55">
        <f>'p-y mono_clay'!AU33</f>
        <v>100</v>
      </c>
      <c r="Q33" s="55">
        <f>'p-y mono_clay'!AV33</f>
        <v>164</v>
      </c>
      <c r="R33" s="55">
        <f>'p-y mono_clay'!AW33</f>
        <v>300</v>
      </c>
      <c r="S33" s="55">
        <f>'p-y mono_clay'!AX33</f>
        <v>500</v>
      </c>
      <c r="T33" s="200">
        <f>'p-y mono_clay'!AY33</f>
        <v>6000</v>
      </c>
      <c r="U33" s="199">
        <f>'p-y mono_clay'!AZ33</f>
        <v>0</v>
      </c>
      <c r="V33" s="55">
        <f>'p-y mono_clay'!BA33</f>
        <v>14.65673633663013</v>
      </c>
      <c r="W33" s="55">
        <f>'p-y mono_clay'!BB33</f>
        <v>58.626945346520522</v>
      </c>
      <c r="X33" s="55">
        <f>'p-y mono_clay'!BC33</f>
        <v>87.940418019780779</v>
      </c>
      <c r="Y33" s="55">
        <f>'p-y mono_clay'!BD33</f>
        <v>117.25389069304104</v>
      </c>
      <c r="Z33" s="55">
        <f>'p-y mono_clay'!BE33</f>
        <v>146.56736336630129</v>
      </c>
      <c r="AA33" s="55">
        <f>'p-y mono_clay'!BF33</f>
        <v>175.88083603956156</v>
      </c>
      <c r="AB33" s="55">
        <f>'p-y mono_clay'!BG33</f>
        <v>205.19430871282179</v>
      </c>
      <c r="AC33" s="55">
        <f>'p-y mono_clay'!BH33</f>
        <v>234.50778138608209</v>
      </c>
      <c r="AD33" s="55">
        <f>'p-y mono_clay'!BI33</f>
        <v>263.82125405934232</v>
      </c>
      <c r="AE33" s="55">
        <f>'p-y mono_clay'!BJ33</f>
        <v>285.80635856428751</v>
      </c>
      <c r="AF33" s="55">
        <f>'p-y mono_clay'!BK33</f>
        <v>293.13472673260259</v>
      </c>
      <c r="AG33" s="200">
        <f>'p-y mono_clay'!BL33</f>
        <v>293.13472673260259</v>
      </c>
      <c r="AH33">
        <f t="shared" si="205"/>
        <v>30</v>
      </c>
      <c r="AI33">
        <v>0</v>
      </c>
      <c r="AJ33">
        <f t="shared" si="206"/>
        <v>-4.3045344444444453E-3</v>
      </c>
      <c r="AK33">
        <f t="shared" si="207"/>
        <v>0.14569546555555557</v>
      </c>
      <c r="AL33">
        <f t="shared" si="208"/>
        <v>0.24569546555555555</v>
      </c>
      <c r="AM33">
        <f t="shared" si="209"/>
        <v>0.34569546555555558</v>
      </c>
      <c r="AN33">
        <f t="shared" si="210"/>
        <v>0.44569546555555556</v>
      </c>
      <c r="AO33">
        <f t="shared" si="211"/>
        <v>0.54569546555555548</v>
      </c>
      <c r="AP33">
        <f t="shared" si="212"/>
        <v>0.64569546555555546</v>
      </c>
      <c r="AQ33">
        <f t="shared" si="213"/>
        <v>0.74569546555555555</v>
      </c>
      <c r="AR33">
        <f t="shared" si="214"/>
        <v>0.84569546555555553</v>
      </c>
      <c r="AS33">
        <f t="shared" si="215"/>
        <v>0.92069546555555548</v>
      </c>
      <c r="AT33">
        <f t="shared" si="216"/>
        <v>0.9456954655555555</v>
      </c>
      <c r="AU33">
        <f t="shared" si="217"/>
        <v>0.9456954655555555</v>
      </c>
      <c r="AV33">
        <v>1</v>
      </c>
      <c r="AW33">
        <v>1.25</v>
      </c>
      <c r="AX33">
        <v>2.5</v>
      </c>
      <c r="AY33" s="162">
        <f t="shared" si="218"/>
        <v>2</v>
      </c>
      <c r="AZ33" s="162">
        <f t="shared" si="219"/>
        <v>1.9914278303108022</v>
      </c>
      <c r="BA33" s="162">
        <f t="shared" si="220"/>
        <v>2.3410855489613001</v>
      </c>
      <c r="BB33" s="162">
        <f t="shared" si="221"/>
        <v>2.6514489952960805</v>
      </c>
      <c r="BC33" s="162">
        <f t="shared" si="222"/>
        <v>3.0566806352613098</v>
      </c>
      <c r="BD33" s="162">
        <f t="shared" si="223"/>
        <v>3.6081249127873618</v>
      </c>
      <c r="BE33" s="162">
        <f t="shared" si="224"/>
        <v>4.4023333433062479</v>
      </c>
      <c r="BF33" s="162">
        <f t="shared" si="225"/>
        <v>5.6448614272917323</v>
      </c>
      <c r="BG33" s="162">
        <f t="shared" si="226"/>
        <v>7.8645864666519403</v>
      </c>
      <c r="BH33" s="162">
        <f t="shared" si="227"/>
        <v>12.961381901061866</v>
      </c>
      <c r="BI33" s="162">
        <f t="shared" si="228"/>
        <v>25</v>
      </c>
      <c r="BJ33" s="162">
        <f t="shared" si="229"/>
        <v>25</v>
      </c>
      <c r="BK33" s="162">
        <f t="shared" si="230"/>
        <v>25</v>
      </c>
      <c r="BL33" s="162">
        <f t="shared" si="231"/>
        <v>2.3784142300054421</v>
      </c>
      <c r="BM33" s="162">
        <f t="shared" si="232"/>
        <v>2.365678457839262</v>
      </c>
      <c r="BN33" s="162">
        <f t="shared" si="233"/>
        <v>2.8958202797822663</v>
      </c>
      <c r="BO33" s="162">
        <f t="shared" si="234"/>
        <v>3.3834058549495913</v>
      </c>
      <c r="BP33" s="162">
        <f t="shared" si="235"/>
        <v>4.0416861118980814</v>
      </c>
      <c r="BQ33" s="162">
        <f t="shared" si="236"/>
        <v>4.972811022602416</v>
      </c>
      <c r="BR33" s="162">
        <f t="shared" si="237"/>
        <v>6.3768126129535512</v>
      </c>
      <c r="BS33" s="162">
        <f t="shared" si="238"/>
        <v>8.7009486660610147</v>
      </c>
      <c r="BT33" s="162">
        <f t="shared" si="239"/>
        <v>13.170275644163809</v>
      </c>
      <c r="BU33" s="162">
        <f t="shared" si="240"/>
        <v>24.593148595294316</v>
      </c>
      <c r="BV33" s="162">
        <f t="shared" si="241"/>
        <v>25</v>
      </c>
      <c r="BW33" s="162">
        <f t="shared" si="242"/>
        <v>25</v>
      </c>
      <c r="BX33" s="162">
        <f t="shared" si="243"/>
        <v>25</v>
      </c>
      <c r="BY33" s="162">
        <f t="shared" si="244"/>
        <v>5.6568542494923806</v>
      </c>
      <c r="BZ33" s="162">
        <f t="shared" si="245"/>
        <v>5.5964345658847492</v>
      </c>
      <c r="CA33" s="162">
        <f t="shared" si="246"/>
        <v>8.3857750927982426</v>
      </c>
      <c r="CB33" s="162">
        <f t="shared" si="247"/>
        <v>11.447435179307176</v>
      </c>
      <c r="CC33" s="162">
        <f t="shared" si="248"/>
        <v>16.335226627109829</v>
      </c>
      <c r="CD33" s="162">
        <f t="shared" si="249"/>
        <v>24.728849466516088</v>
      </c>
      <c r="CE33" s="162">
        <f t="shared" si="250"/>
        <v>25</v>
      </c>
      <c r="CF33" s="162">
        <f t="shared" si="251"/>
        <v>25</v>
      </c>
      <c r="CG33" s="162">
        <f t="shared" si="252"/>
        <v>25</v>
      </c>
      <c r="CH33" s="162">
        <f t="shared" si="253"/>
        <v>25</v>
      </c>
      <c r="CI33" s="162">
        <f t="shared" si="254"/>
        <v>25</v>
      </c>
      <c r="CJ33" s="162">
        <f t="shared" si="255"/>
        <v>25</v>
      </c>
      <c r="CK33" s="162">
        <f t="shared" si="256"/>
        <v>25</v>
      </c>
      <c r="CL33">
        <f t="shared" si="257"/>
        <v>1.3729593947216077</v>
      </c>
      <c r="CM33">
        <f t="shared" si="258"/>
        <v>1.3735607362227569</v>
      </c>
      <c r="CN33">
        <f t="shared" si="259"/>
        <v>1.3509139375747061</v>
      </c>
      <c r="CO33">
        <f t="shared" si="260"/>
        <v>1.3334851206263516</v>
      </c>
      <c r="CP33">
        <f t="shared" si="261"/>
        <v>1.3135738605544642</v>
      </c>
      <c r="CQ33">
        <f t="shared" si="262"/>
        <v>1.2903536488273366</v>
      </c>
      <c r="CR33">
        <f t="shared" si="263"/>
        <v>1.26250114120775</v>
      </c>
      <c r="CS33">
        <f t="shared" si="264"/>
        <v>1.2276956090793114</v>
      </c>
      <c r="CT33">
        <f t="shared" si="265"/>
        <v>1.1812682061334234</v>
      </c>
      <c r="CU33">
        <f t="shared" si="266"/>
        <v>1.1113235961228654</v>
      </c>
      <c r="CV33">
        <f t="shared" si="267"/>
        <v>1.0193573845184518</v>
      </c>
      <c r="CW33">
        <f t="shared" si="268"/>
        <v>1.0193573845184518</v>
      </c>
      <c r="CX33" s="98">
        <f t="shared" si="269"/>
        <v>1.0193573845184518</v>
      </c>
      <c r="CY33">
        <f t="shared" si="270"/>
        <v>1.1029593947216076</v>
      </c>
      <c r="CZ33">
        <f t="shared" si="271"/>
        <v>1.1035607362227569</v>
      </c>
      <c r="DA33">
        <f t="shared" si="272"/>
        <v>1.0809139375747061</v>
      </c>
      <c r="DB33">
        <f t="shared" si="273"/>
        <v>1.0634851206263516</v>
      </c>
      <c r="DC33">
        <f t="shared" si="274"/>
        <v>1.0435738605544642</v>
      </c>
      <c r="DD33">
        <f t="shared" si="275"/>
        <v>1.0203536488273366</v>
      </c>
      <c r="DE33">
        <f t="shared" si="276"/>
        <v>0.99250114120775002</v>
      </c>
      <c r="DF33">
        <f t="shared" si="277"/>
        <v>0.95769560907931139</v>
      </c>
      <c r="DG33">
        <f t="shared" si="278"/>
        <v>0.91126820613342341</v>
      </c>
      <c r="DH33">
        <f t="shared" si="279"/>
        <v>0.84132359612286534</v>
      </c>
      <c r="DI33">
        <f t="shared" si="280"/>
        <v>0.7493573845184518</v>
      </c>
      <c r="DJ33">
        <f t="shared" si="281"/>
        <v>0.7493573845184518</v>
      </c>
      <c r="DK33">
        <f t="shared" si="282"/>
        <v>0.7493573845184518</v>
      </c>
      <c r="DL33" s="97">
        <f t="shared" si="283"/>
        <v>1.5000349036450102</v>
      </c>
      <c r="DM33">
        <f t="shared" si="284"/>
        <v>1.5008402717269063</v>
      </c>
      <c r="DN33">
        <f t="shared" si="285"/>
        <v>1.470509737823267</v>
      </c>
      <c r="DO33">
        <f t="shared" si="286"/>
        <v>1.4471675722674351</v>
      </c>
      <c r="DP33">
        <f t="shared" si="287"/>
        <v>1.4205007060997288</v>
      </c>
      <c r="DQ33">
        <f t="shared" si="288"/>
        <v>1.3894022082508972</v>
      </c>
      <c r="DR33">
        <f t="shared" si="289"/>
        <v>1.3520997426889509</v>
      </c>
      <c r="DS33">
        <f t="shared" si="290"/>
        <v>1.3054851907312206</v>
      </c>
      <c r="DT33">
        <f t="shared" si="291"/>
        <v>1.2433056332144063</v>
      </c>
      <c r="DU33">
        <f t="shared" si="292"/>
        <v>1.1496298162359806</v>
      </c>
      <c r="DV33">
        <f t="shared" si="293"/>
        <v>1.1471686262697698</v>
      </c>
      <c r="DW33">
        <f t="shared" si="294"/>
        <v>1.1471686262697698</v>
      </c>
      <c r="DX33" s="98">
        <f t="shared" si="295"/>
        <v>1.1471686262697698</v>
      </c>
      <c r="DY33">
        <f t="shared" si="296"/>
        <v>1.0527062241310117</v>
      </c>
      <c r="DZ33">
        <f t="shared" si="297"/>
        <v>1.0536189746238271</v>
      </c>
      <c r="EA33">
        <f t="shared" si="298"/>
        <v>1.019244369533036</v>
      </c>
      <c r="EB33">
        <f t="shared" si="299"/>
        <v>0.99278991523642657</v>
      </c>
      <c r="EC33">
        <f t="shared" si="300"/>
        <v>0.96256746691302597</v>
      </c>
      <c r="ED33">
        <f t="shared" si="301"/>
        <v>0.92732250268435024</v>
      </c>
      <c r="EE33">
        <f t="shared" si="302"/>
        <v>0.88504637504747774</v>
      </c>
      <c r="EF33">
        <f t="shared" si="303"/>
        <v>0.83221654949538348</v>
      </c>
      <c r="EG33">
        <f t="shared" si="304"/>
        <v>0.76174638430966046</v>
      </c>
      <c r="EH33">
        <f t="shared" si="305"/>
        <v>0.65558045840077783</v>
      </c>
      <c r="EI33">
        <f t="shared" si="306"/>
        <v>0.65279110977240584</v>
      </c>
      <c r="EJ33">
        <f t="shared" si="307"/>
        <v>0.65279110977240584</v>
      </c>
      <c r="EK33">
        <f t="shared" si="308"/>
        <v>0.65279110977240584</v>
      </c>
      <c r="EL33" s="97">
        <f t="shared" si="309"/>
        <v>1.1554124482620232</v>
      </c>
      <c r="EM33">
        <f t="shared" si="310"/>
        <v>1.1572379492476546</v>
      </c>
      <c r="EN33">
        <f t="shared" si="311"/>
        <v>1.0884887390660718</v>
      </c>
      <c r="EO33">
        <f t="shared" si="312"/>
        <v>1.0355798304728532</v>
      </c>
      <c r="EP33">
        <f t="shared" si="313"/>
        <v>0.97513493382605188</v>
      </c>
      <c r="EQ33">
        <f t="shared" si="314"/>
        <v>0.90464500536870052</v>
      </c>
      <c r="ER33">
        <f t="shared" si="315"/>
        <v>0.90279110977240584</v>
      </c>
      <c r="ES33">
        <f t="shared" si="316"/>
        <v>0.90279110977240584</v>
      </c>
      <c r="ET33">
        <f t="shared" si="317"/>
        <v>0.90279110977240584</v>
      </c>
      <c r="EU33">
        <f t="shared" si="318"/>
        <v>0.90279110977240584</v>
      </c>
      <c r="EV33">
        <f t="shared" si="319"/>
        <v>0.90279110977240584</v>
      </c>
      <c r="EW33">
        <f t="shared" si="320"/>
        <v>0.90279110977240584</v>
      </c>
      <c r="EX33" s="98">
        <f t="shared" si="321"/>
        <v>0.90279110977240584</v>
      </c>
      <c r="EY33" s="97">
        <f t="shared" si="322"/>
        <v>0.90541244826202316</v>
      </c>
      <c r="EZ33">
        <f t="shared" si="323"/>
        <v>0.90723794924765455</v>
      </c>
      <c r="FA33">
        <f t="shared" si="324"/>
        <v>0.8384887390660718</v>
      </c>
      <c r="FB33">
        <f t="shared" si="325"/>
        <v>0.78557983047285318</v>
      </c>
      <c r="FC33">
        <f t="shared" si="326"/>
        <v>0.72513493382605188</v>
      </c>
      <c r="FD33">
        <f t="shared" si="327"/>
        <v>0.65464500536870052</v>
      </c>
      <c r="FE33">
        <f t="shared" si="328"/>
        <v>0.65279110977240584</v>
      </c>
      <c r="FF33">
        <f t="shared" si="329"/>
        <v>0.65279110977240584</v>
      </c>
      <c r="FG33">
        <f t="shared" si="330"/>
        <v>0.65279110977240584</v>
      </c>
      <c r="FH33">
        <f t="shared" si="331"/>
        <v>0.65279110977240584</v>
      </c>
      <c r="FI33">
        <f t="shared" si="332"/>
        <v>0.65279110977240584</v>
      </c>
      <c r="FJ33">
        <f t="shared" si="333"/>
        <v>0.65279110977240584</v>
      </c>
      <c r="FK33">
        <f t="shared" si="334"/>
        <v>0.65279110977240584</v>
      </c>
      <c r="FL33" s="126">
        <f t="shared" si="335"/>
        <v>0</v>
      </c>
      <c r="FM33" s="91">
        <f t="shared" si="336"/>
        <v>20.131917553164513</v>
      </c>
      <c r="FN33" s="91">
        <f t="shared" si="337"/>
        <v>79.19995758604513</v>
      </c>
      <c r="FO33" s="91">
        <f t="shared" si="338"/>
        <v>117.26723893103916</v>
      </c>
      <c r="FP33" s="91">
        <f t="shared" si="339"/>
        <v>154.0216458626891</v>
      </c>
      <c r="FQ33" s="91">
        <f t="shared" si="340"/>
        <v>189.12373211870897</v>
      </c>
      <c r="FR33" s="91">
        <f t="shared" si="341"/>
        <v>222.04975621651963</v>
      </c>
      <c r="FS33" s="91">
        <f t="shared" si="342"/>
        <v>251.916151814796</v>
      </c>
      <c r="FT33" s="91">
        <f t="shared" si="343"/>
        <v>277.01658624226621</v>
      </c>
      <c r="FU33" s="91">
        <f t="shared" si="344"/>
        <v>293.1907847948724</v>
      </c>
      <c r="FV33" s="91">
        <f t="shared" si="345"/>
        <v>291.33882214483492</v>
      </c>
      <c r="FW33" s="91">
        <f t="shared" si="346"/>
        <v>298.80904835367687</v>
      </c>
      <c r="FX33" s="91">
        <f t="shared" si="347"/>
        <v>298.80904835367687</v>
      </c>
      <c r="FY33" s="91">
        <f t="shared" si="348"/>
        <v>0</v>
      </c>
      <c r="FZ33" s="91">
        <f t="shared" si="349"/>
        <v>0.66213644173365405</v>
      </c>
      <c r="GA33" s="91">
        <f t="shared" si="350"/>
        <v>6.4854836254482366</v>
      </c>
      <c r="GB33" s="91">
        <f t="shared" si="351"/>
        <v>11.272942278639327</v>
      </c>
      <c r="GC33" s="91">
        <f t="shared" si="352"/>
        <v>18.784329489980355</v>
      </c>
      <c r="GD33" s="91">
        <f t="shared" si="353"/>
        <v>28.569902167165424</v>
      </c>
      <c r="GE33" s="91">
        <f t="shared" si="354"/>
        <v>43.670050213141003</v>
      </c>
      <c r="GF33" s="91">
        <f t="shared" si="355"/>
        <v>61.292518981075929</v>
      </c>
      <c r="GG33" s="91">
        <f t="shared" si="356"/>
        <v>91.126820613342346</v>
      </c>
      <c r="GH33" s="91">
        <f t="shared" si="357"/>
        <v>137.97706976414992</v>
      </c>
      <c r="GI33" s="91">
        <f t="shared" si="358"/>
        <v>224.80721535553553</v>
      </c>
      <c r="GJ33" s="91">
        <f t="shared" si="359"/>
        <v>374.6786922592259</v>
      </c>
      <c r="GK33" s="127">
        <f t="shared" si="360"/>
        <v>4496.1443071107105</v>
      </c>
      <c r="GL33" s="126">
        <f t="shared" si="361"/>
        <v>0</v>
      </c>
      <c r="GM33" s="91">
        <f t="shared" si="362"/>
        <v>21.997420146097586</v>
      </c>
      <c r="GN33" s="91">
        <f t="shared" si="363"/>
        <v>86.21149403089089</v>
      </c>
      <c r="GO33" s="91">
        <f t="shared" si="364"/>
        <v>127.26452124986955</v>
      </c>
      <c r="GP33" s="91">
        <f t="shared" si="365"/>
        <v>166.55923452240521</v>
      </c>
      <c r="GQ33" s="91">
        <f t="shared" si="366"/>
        <v>203.64101831865068</v>
      </c>
      <c r="GR33" s="91">
        <f t="shared" si="367"/>
        <v>237.80843315300876</v>
      </c>
      <c r="GS33" s="91">
        <f t="shared" si="368"/>
        <v>267.87813124691911</v>
      </c>
      <c r="GT33" s="91">
        <f t="shared" si="369"/>
        <v>291.56484562992836</v>
      </c>
      <c r="GU33" s="91">
        <f t="shared" si="370"/>
        <v>303.29677982338768</v>
      </c>
      <c r="GV33" s="91">
        <f t="shared" si="371"/>
        <v>327.86808773335895</v>
      </c>
      <c r="GW33" s="91">
        <f t="shared" si="372"/>
        <v>336.27496177780409</v>
      </c>
      <c r="GX33" s="91">
        <f t="shared" si="373"/>
        <v>336.27496177780409</v>
      </c>
      <c r="GY33" s="91">
        <f t="shared" si="374"/>
        <v>0</v>
      </c>
      <c r="GZ33" s="91">
        <f t="shared" si="375"/>
        <v>0.63217138477429624</v>
      </c>
      <c r="HA33" s="91">
        <f t="shared" si="376"/>
        <v>6.1154662171982164</v>
      </c>
      <c r="HB33" s="91">
        <f t="shared" si="377"/>
        <v>10.523573101506122</v>
      </c>
      <c r="HC33" s="91">
        <f t="shared" si="378"/>
        <v>17.326214404434467</v>
      </c>
      <c r="HD33" s="91">
        <f t="shared" si="379"/>
        <v>25.965030075161806</v>
      </c>
      <c r="HE33" s="91">
        <f t="shared" si="380"/>
        <v>38.942040502089021</v>
      </c>
      <c r="HF33" s="91">
        <f t="shared" si="381"/>
        <v>53.261859167704543</v>
      </c>
      <c r="HG33" s="91">
        <f t="shared" si="382"/>
        <v>76.174638430966041</v>
      </c>
      <c r="HH33" s="91">
        <f t="shared" si="383"/>
        <v>107.51519517772756</v>
      </c>
      <c r="HI33" s="91">
        <f t="shared" si="384"/>
        <v>195.83733293172176</v>
      </c>
      <c r="HJ33" s="91">
        <f t="shared" si="385"/>
        <v>326.39555488620294</v>
      </c>
      <c r="HK33" s="127">
        <f t="shared" si="386"/>
        <v>3916.7466586344349</v>
      </c>
      <c r="HL33" s="126">
        <f t="shared" si="387"/>
        <v>0</v>
      </c>
      <c r="HM33" s="91">
        <f t="shared" si="388"/>
        <v>16.961331500865434</v>
      </c>
      <c r="HN33" s="91">
        <f t="shared" si="389"/>
        <v>63.81476981552963</v>
      </c>
      <c r="HO33" s="91">
        <f t="shared" si="390"/>
        <v>91.069323184636417</v>
      </c>
      <c r="HP33" s="91">
        <f t="shared" si="391"/>
        <v>114.33836494180569</v>
      </c>
      <c r="HQ33" s="91">
        <f t="shared" si="392"/>
        <v>132.5914332193839</v>
      </c>
      <c r="HR33" s="91">
        <f t="shared" si="393"/>
        <v>158.78365515585432</v>
      </c>
      <c r="HS33" s="91">
        <f t="shared" si="394"/>
        <v>185.24759768183003</v>
      </c>
      <c r="HT33" s="91">
        <f t="shared" si="395"/>
        <v>211.7115402078058</v>
      </c>
      <c r="HU33" s="91">
        <f t="shared" si="396"/>
        <v>238.17548273378148</v>
      </c>
      <c r="HV33" s="91">
        <f t="shared" si="397"/>
        <v>258.02343962826325</v>
      </c>
      <c r="HW33" s="91">
        <f t="shared" si="398"/>
        <v>264.63942525975722</v>
      </c>
      <c r="HX33" s="91">
        <f t="shared" si="399"/>
        <v>264.63942525975722</v>
      </c>
      <c r="HY33" s="91">
        <f t="shared" si="400"/>
        <v>0</v>
      </c>
      <c r="HZ33" s="91">
        <f t="shared" si="401"/>
        <v>0.54434276954859273</v>
      </c>
      <c r="IA33" s="91">
        <f t="shared" si="402"/>
        <v>5.0309324343964308</v>
      </c>
      <c r="IB33" s="91">
        <f t="shared" si="403"/>
        <v>8.3271462030122443</v>
      </c>
      <c r="IC33" s="91">
        <f t="shared" si="404"/>
        <v>13.052428808868934</v>
      </c>
      <c r="ID33" s="91">
        <f t="shared" si="405"/>
        <v>18.330060150323614</v>
      </c>
      <c r="IE33" s="91">
        <f t="shared" si="406"/>
        <v>28.722808829985858</v>
      </c>
      <c r="IF33" s="91">
        <f t="shared" si="407"/>
        <v>41.778631025433974</v>
      </c>
      <c r="IG33" s="91">
        <f t="shared" si="408"/>
        <v>65.279110977240578</v>
      </c>
      <c r="IH33" s="91">
        <f t="shared" si="409"/>
        <v>107.05774200267456</v>
      </c>
      <c r="II33" s="91">
        <f t="shared" si="410"/>
        <v>195.83733293172176</v>
      </c>
      <c r="IJ33" s="91">
        <f t="shared" si="411"/>
        <v>326.39555488620294</v>
      </c>
      <c r="IK33" s="127">
        <f t="shared" si="412"/>
        <v>3916.7466586344349</v>
      </c>
    </row>
    <row r="34" spans="2:245" x14ac:dyDescent="0.2">
      <c r="B34" s="79">
        <f t="shared" si="188"/>
        <v>-23.5</v>
      </c>
      <c r="C34" s="73">
        <f>'p-y mono_clay'!C34</f>
        <v>8</v>
      </c>
      <c r="D34" s="64">
        <f>'p-y mono_clay'!D34</f>
        <v>7.9860000000000007</v>
      </c>
      <c r="E34" s="64" t="str">
        <f>'p-y mono_clay'!E34</f>
        <v>CLAY</v>
      </c>
      <c r="F34" s="55">
        <f>VLOOKUP($C34, 'Pile Property'!$A$8:$D$108,2,TRUE)</f>
        <v>2</v>
      </c>
      <c r="G34" s="102">
        <f>'p-y mono_clay'!Z34</f>
        <v>345.47255776000344</v>
      </c>
      <c r="H34" s="199">
        <f>'p-y mono_clay'!AM34</f>
        <v>0</v>
      </c>
      <c r="I34" s="55">
        <f>'p-y mono_clay'!AN34</f>
        <v>0.6</v>
      </c>
      <c r="J34" s="55">
        <f>'p-y mono_clay'!AO34</f>
        <v>6</v>
      </c>
      <c r="K34" s="55">
        <f>'p-y mono_clay'!AP34</f>
        <v>10.6</v>
      </c>
      <c r="L34" s="55">
        <f>'p-y mono_clay'!AQ34</f>
        <v>18</v>
      </c>
      <c r="M34" s="55">
        <f>'p-y mono_clay'!AR34</f>
        <v>28</v>
      </c>
      <c r="N34" s="55">
        <f>'p-y mono_clay'!AS34</f>
        <v>44</v>
      </c>
      <c r="O34" s="55">
        <f>'p-y mono_clay'!AT34</f>
        <v>64</v>
      </c>
      <c r="P34" s="55">
        <f>'p-y mono_clay'!AU34</f>
        <v>100</v>
      </c>
      <c r="Q34" s="55">
        <f>'p-y mono_clay'!AV34</f>
        <v>164</v>
      </c>
      <c r="R34" s="55">
        <f>'p-y mono_clay'!AW34</f>
        <v>300</v>
      </c>
      <c r="S34" s="55">
        <f>'p-y mono_clay'!AX34</f>
        <v>500</v>
      </c>
      <c r="T34" s="200">
        <f>'p-y mono_clay'!AY34</f>
        <v>6000</v>
      </c>
      <c r="U34" s="199">
        <f>'p-y mono_clay'!AZ34</f>
        <v>0</v>
      </c>
      <c r="V34" s="55">
        <f>'p-y mono_clay'!BA34</f>
        <v>17.273627888000174</v>
      </c>
      <c r="W34" s="55">
        <f>'p-y mono_clay'!BB34</f>
        <v>69.094511552000696</v>
      </c>
      <c r="X34" s="55">
        <f>'p-y mono_clay'!BC34</f>
        <v>103.64176732800102</v>
      </c>
      <c r="Y34" s="55">
        <f>'p-y mono_clay'!BD34</f>
        <v>138.18902310400139</v>
      </c>
      <c r="Z34" s="55">
        <f>'p-y mono_clay'!BE34</f>
        <v>172.73627888000172</v>
      </c>
      <c r="AA34" s="55">
        <f>'p-y mono_clay'!BF34</f>
        <v>207.28353465600205</v>
      </c>
      <c r="AB34" s="55">
        <f>'p-y mono_clay'!BG34</f>
        <v>241.8307904320024</v>
      </c>
      <c r="AC34" s="55">
        <f>'p-y mono_clay'!BH34</f>
        <v>276.37804620800279</v>
      </c>
      <c r="AD34" s="55">
        <f>'p-y mono_clay'!BI34</f>
        <v>310.92530198400311</v>
      </c>
      <c r="AE34" s="55">
        <f>'p-y mono_clay'!BJ34</f>
        <v>336.83574381600334</v>
      </c>
      <c r="AF34" s="55">
        <f>'p-y mono_clay'!BK34</f>
        <v>345.47255776000344</v>
      </c>
      <c r="AG34" s="200">
        <f>'p-y mono_clay'!BL34</f>
        <v>345.47255776000344</v>
      </c>
      <c r="AH34">
        <f t="shared" si="205"/>
        <v>30</v>
      </c>
      <c r="AI34">
        <v>0</v>
      </c>
      <c r="AJ34">
        <f t="shared" si="206"/>
        <v>-2.0862440000000024E-2</v>
      </c>
      <c r="AK34">
        <f t="shared" si="207"/>
        <v>0.12913755999999998</v>
      </c>
      <c r="AL34">
        <f t="shared" si="208"/>
        <v>0.22913755999999996</v>
      </c>
      <c r="AM34">
        <f t="shared" si="209"/>
        <v>0.32913756</v>
      </c>
      <c r="AN34">
        <f t="shared" si="210"/>
        <v>0.42913755999999997</v>
      </c>
      <c r="AO34">
        <f t="shared" si="211"/>
        <v>0.5291375599999999</v>
      </c>
      <c r="AP34">
        <f t="shared" si="212"/>
        <v>0.62913755999999998</v>
      </c>
      <c r="AQ34">
        <f t="shared" si="213"/>
        <v>0.72913756000000007</v>
      </c>
      <c r="AR34">
        <f t="shared" si="214"/>
        <v>0.82913755999999994</v>
      </c>
      <c r="AS34">
        <f t="shared" si="215"/>
        <v>0.9041375599999999</v>
      </c>
      <c r="AT34">
        <f t="shared" si="216"/>
        <v>0.92913756000000003</v>
      </c>
      <c r="AU34">
        <f t="shared" si="217"/>
        <v>0.92913756000000003</v>
      </c>
      <c r="AV34">
        <v>1</v>
      </c>
      <c r="AW34">
        <v>1.25</v>
      </c>
      <c r="AX34">
        <v>2.5</v>
      </c>
      <c r="AY34" s="162">
        <f t="shared" si="218"/>
        <v>2</v>
      </c>
      <c r="AZ34" s="162">
        <f t="shared" si="219"/>
        <v>1.9591278135377379</v>
      </c>
      <c r="BA34" s="162">
        <f t="shared" si="220"/>
        <v>2.2965739571912183</v>
      </c>
      <c r="BB34" s="162">
        <f t="shared" si="221"/>
        <v>2.5944966264019813</v>
      </c>
      <c r="BC34" s="162">
        <f t="shared" si="222"/>
        <v>2.9812371072674746</v>
      </c>
      <c r="BD34" s="162">
        <f t="shared" si="223"/>
        <v>3.5034709938177051</v>
      </c>
      <c r="BE34" s="162">
        <f t="shared" si="224"/>
        <v>4.247525030877382</v>
      </c>
      <c r="BF34" s="162">
        <f t="shared" si="225"/>
        <v>5.3928351439417801</v>
      </c>
      <c r="BG34" s="162">
        <f t="shared" si="226"/>
        <v>7.3838218396024216</v>
      </c>
      <c r="BH34" s="162">
        <f t="shared" si="227"/>
        <v>11.705322714576704</v>
      </c>
      <c r="BI34" s="162">
        <f t="shared" si="228"/>
        <v>20.863228601316614</v>
      </c>
      <c r="BJ34" s="162">
        <f t="shared" si="229"/>
        <v>25</v>
      </c>
      <c r="BK34" s="162">
        <f t="shared" si="230"/>
        <v>25</v>
      </c>
      <c r="BL34" s="162">
        <f t="shared" si="231"/>
        <v>2.3784142300054421</v>
      </c>
      <c r="BM34" s="162">
        <f t="shared" si="232"/>
        <v>2.3178133655630022</v>
      </c>
      <c r="BN34" s="162">
        <f t="shared" si="233"/>
        <v>2.8271610220355239</v>
      </c>
      <c r="BO34" s="162">
        <f t="shared" si="234"/>
        <v>3.2928078459714683</v>
      </c>
      <c r="BP34" s="162">
        <f t="shared" si="235"/>
        <v>3.9173795134621301</v>
      </c>
      <c r="BQ34" s="162">
        <f t="shared" si="236"/>
        <v>4.793173590330106</v>
      </c>
      <c r="BR34" s="162">
        <f t="shared" si="237"/>
        <v>6.0977544749067842</v>
      </c>
      <c r="BS34" s="162">
        <f t="shared" si="238"/>
        <v>8.2181001676896663</v>
      </c>
      <c r="BT34" s="162">
        <f t="shared" si="239"/>
        <v>12.171707622696983</v>
      </c>
      <c r="BU34" s="162">
        <f t="shared" si="240"/>
        <v>21.651063789794769</v>
      </c>
      <c r="BV34" s="162">
        <f t="shared" si="241"/>
        <v>25</v>
      </c>
      <c r="BW34" s="162">
        <f t="shared" si="242"/>
        <v>25</v>
      </c>
      <c r="BX34" s="162">
        <f t="shared" si="243"/>
        <v>25</v>
      </c>
      <c r="BY34" s="162">
        <f t="shared" si="244"/>
        <v>5.6568542494923806</v>
      </c>
      <c r="BZ34" s="162">
        <f t="shared" si="245"/>
        <v>5.3722587975824911</v>
      </c>
      <c r="CA34" s="162">
        <f t="shared" si="246"/>
        <v>7.9928394445169468</v>
      </c>
      <c r="CB34" s="162">
        <f t="shared" si="247"/>
        <v>10.842583510491261</v>
      </c>
      <c r="CC34" s="162">
        <f t="shared" si="248"/>
        <v>15.345862252492795</v>
      </c>
      <c r="CD34" s="162">
        <f t="shared" si="249"/>
        <v>22.974513067037996</v>
      </c>
      <c r="CE34" s="162">
        <f t="shared" si="250"/>
        <v>25</v>
      </c>
      <c r="CF34" s="162">
        <f t="shared" si="251"/>
        <v>25</v>
      </c>
      <c r="CG34" s="162">
        <f t="shared" si="252"/>
        <v>25</v>
      </c>
      <c r="CH34" s="162">
        <f t="shared" si="253"/>
        <v>25</v>
      </c>
      <c r="CI34" s="162">
        <f t="shared" si="254"/>
        <v>25</v>
      </c>
      <c r="CJ34" s="162">
        <f t="shared" si="255"/>
        <v>25</v>
      </c>
      <c r="CK34" s="162">
        <f t="shared" si="256"/>
        <v>25</v>
      </c>
      <c r="CL34">
        <f t="shared" si="257"/>
        <v>1.3729593947216077</v>
      </c>
      <c r="CM34">
        <f t="shared" si="258"/>
        <v>1.3758500866445122</v>
      </c>
      <c r="CN34">
        <f t="shared" si="259"/>
        <v>1.3536014199998854</v>
      </c>
      <c r="CO34">
        <f t="shared" si="260"/>
        <v>1.3365250472648895</v>
      </c>
      <c r="CP34">
        <f t="shared" si="261"/>
        <v>1.3170726308545588</v>
      </c>
      <c r="CQ34">
        <f t="shared" si="262"/>
        <v>1.2944744134570185</v>
      </c>
      <c r="CR34">
        <f t="shared" si="263"/>
        <v>1.2675128945316161</v>
      </c>
      <c r="CS34">
        <f t="shared" si="264"/>
        <v>1.2340900253692744</v>
      </c>
      <c r="CT34">
        <f t="shared" si="265"/>
        <v>1.1900992083383706</v>
      </c>
      <c r="CU34">
        <f t="shared" si="266"/>
        <v>1.1255938860287897</v>
      </c>
      <c r="CV34">
        <f t="shared" si="267"/>
        <v>1.0446816502713128</v>
      </c>
      <c r="CW34">
        <f t="shared" si="268"/>
        <v>1.0193573845184518</v>
      </c>
      <c r="CX34" s="98">
        <f t="shared" si="269"/>
        <v>1.0193573845184518</v>
      </c>
      <c r="CY34">
        <f t="shared" si="270"/>
        <v>1.1029593947216076</v>
      </c>
      <c r="CZ34">
        <f t="shared" si="271"/>
        <v>1.1058500866445122</v>
      </c>
      <c r="DA34">
        <f t="shared" si="272"/>
        <v>1.0836014199998854</v>
      </c>
      <c r="DB34">
        <f t="shared" si="273"/>
        <v>1.0665250472648895</v>
      </c>
      <c r="DC34">
        <f t="shared" si="274"/>
        <v>1.0470726308545588</v>
      </c>
      <c r="DD34">
        <f t="shared" si="275"/>
        <v>1.0244744134570185</v>
      </c>
      <c r="DE34">
        <f t="shared" si="276"/>
        <v>0.99751289453161607</v>
      </c>
      <c r="DF34">
        <f t="shared" si="277"/>
        <v>0.96409002536927424</v>
      </c>
      <c r="DG34">
        <f t="shared" si="278"/>
        <v>0.92009920833837056</v>
      </c>
      <c r="DH34">
        <f t="shared" si="279"/>
        <v>0.85559388602878972</v>
      </c>
      <c r="DI34">
        <f t="shared" si="280"/>
        <v>0.77468165027131275</v>
      </c>
      <c r="DJ34">
        <f t="shared" si="281"/>
        <v>0.7493573845184518</v>
      </c>
      <c r="DK34">
        <f t="shared" si="282"/>
        <v>0.7493573845184518</v>
      </c>
      <c r="DL34" s="97">
        <f t="shared" si="283"/>
        <v>1.5000349036450102</v>
      </c>
      <c r="DM34">
        <f t="shared" si="284"/>
        <v>1.5039063660417575</v>
      </c>
      <c r="DN34">
        <f t="shared" si="285"/>
        <v>1.4741090446427034</v>
      </c>
      <c r="DO34">
        <f t="shared" si="286"/>
        <v>1.4512389025869057</v>
      </c>
      <c r="DP34">
        <f t="shared" si="287"/>
        <v>1.4251865591802126</v>
      </c>
      <c r="DQ34">
        <f t="shared" si="288"/>
        <v>1.3949210894513642</v>
      </c>
      <c r="DR34">
        <f t="shared" si="289"/>
        <v>1.3588119123191285</v>
      </c>
      <c r="DS34">
        <f t="shared" si="290"/>
        <v>1.3140491411195636</v>
      </c>
      <c r="DT34">
        <f t="shared" si="291"/>
        <v>1.2551328683103178</v>
      </c>
      <c r="DU34">
        <f t="shared" si="292"/>
        <v>1.1687418116457005</v>
      </c>
      <c r="DV34">
        <f t="shared" si="293"/>
        <v>1.1471686262697698</v>
      </c>
      <c r="DW34">
        <f t="shared" si="294"/>
        <v>1.1471686262697698</v>
      </c>
      <c r="DX34" s="98">
        <f t="shared" si="295"/>
        <v>1.1471686262697698</v>
      </c>
      <c r="DY34">
        <f t="shared" si="296"/>
        <v>1.0527062241310117</v>
      </c>
      <c r="DZ34">
        <f t="shared" si="297"/>
        <v>1.0570938815139919</v>
      </c>
      <c r="EA34">
        <f t="shared" si="298"/>
        <v>1.0233235839283974</v>
      </c>
      <c r="EB34">
        <f t="shared" si="299"/>
        <v>0.99740408959849314</v>
      </c>
      <c r="EC34">
        <f t="shared" si="300"/>
        <v>0.96787810040424105</v>
      </c>
      <c r="ED34">
        <f t="shared" si="301"/>
        <v>0.93357723471154597</v>
      </c>
      <c r="EE34">
        <f t="shared" si="302"/>
        <v>0.89265350062834581</v>
      </c>
      <c r="EF34">
        <f t="shared" si="303"/>
        <v>0.84192235993550557</v>
      </c>
      <c r="EG34">
        <f t="shared" si="304"/>
        <v>0.77515058408502679</v>
      </c>
      <c r="EH34">
        <f t="shared" si="305"/>
        <v>0.67724071986512724</v>
      </c>
      <c r="EI34">
        <f t="shared" si="306"/>
        <v>0.65279110977240584</v>
      </c>
      <c r="EJ34">
        <f t="shared" si="307"/>
        <v>0.65279110977240584</v>
      </c>
      <c r="EK34">
        <f t="shared" si="308"/>
        <v>0.65279110977240584</v>
      </c>
      <c r="EL34" s="97">
        <f t="shared" si="309"/>
        <v>1.1554124482620232</v>
      </c>
      <c r="EM34">
        <f t="shared" si="310"/>
        <v>1.1641877630279838</v>
      </c>
      <c r="EN34">
        <f t="shared" si="311"/>
        <v>1.0966471678567948</v>
      </c>
      <c r="EO34">
        <f t="shared" si="312"/>
        <v>1.0448081791969863</v>
      </c>
      <c r="EP34">
        <f t="shared" si="313"/>
        <v>0.98575620080848214</v>
      </c>
      <c r="EQ34">
        <f t="shared" si="314"/>
        <v>0.91715446942309198</v>
      </c>
      <c r="ER34">
        <f t="shared" si="315"/>
        <v>0.90279110977240584</v>
      </c>
      <c r="ES34">
        <f t="shared" si="316"/>
        <v>0.90279110977240584</v>
      </c>
      <c r="ET34">
        <f t="shared" si="317"/>
        <v>0.90279110977240584</v>
      </c>
      <c r="EU34">
        <f t="shared" si="318"/>
        <v>0.90279110977240584</v>
      </c>
      <c r="EV34">
        <f t="shared" si="319"/>
        <v>0.90279110977240584</v>
      </c>
      <c r="EW34">
        <f t="shared" si="320"/>
        <v>0.90279110977240584</v>
      </c>
      <c r="EX34" s="98">
        <f t="shared" si="321"/>
        <v>0.90279110977240584</v>
      </c>
      <c r="EY34" s="97">
        <f t="shared" si="322"/>
        <v>0.90541244826202316</v>
      </c>
      <c r="EZ34">
        <f t="shared" si="323"/>
        <v>0.91418776302798377</v>
      </c>
      <c r="FA34">
        <f t="shared" si="324"/>
        <v>0.84664716785679484</v>
      </c>
      <c r="FB34">
        <f t="shared" si="325"/>
        <v>0.79480817919698632</v>
      </c>
      <c r="FC34">
        <f t="shared" si="326"/>
        <v>0.73575620080848214</v>
      </c>
      <c r="FD34">
        <f t="shared" si="327"/>
        <v>0.66715446942309198</v>
      </c>
      <c r="FE34">
        <f t="shared" si="328"/>
        <v>0.65279110977240584</v>
      </c>
      <c r="FF34">
        <f t="shared" si="329"/>
        <v>0.65279110977240584</v>
      </c>
      <c r="FG34">
        <f t="shared" si="330"/>
        <v>0.65279110977240584</v>
      </c>
      <c r="FH34">
        <f t="shared" si="331"/>
        <v>0.65279110977240584</v>
      </c>
      <c r="FI34">
        <f t="shared" si="332"/>
        <v>0.65279110977240584</v>
      </c>
      <c r="FJ34">
        <f t="shared" si="333"/>
        <v>0.65279110977240584</v>
      </c>
      <c r="FK34">
        <f t="shared" si="334"/>
        <v>0.65279110977240584</v>
      </c>
      <c r="FL34" s="126">
        <f t="shared" si="335"/>
        <v>0</v>
      </c>
      <c r="FM34" s="91">
        <f t="shared" si="336"/>
        <v>23.765922426370103</v>
      </c>
      <c r="FN34" s="91">
        <f t="shared" si="337"/>
        <v>93.526428950986627</v>
      </c>
      <c r="FO34" s="91">
        <f t="shared" si="338"/>
        <v>138.51981797667324</v>
      </c>
      <c r="FP34" s="91">
        <f t="shared" si="339"/>
        <v>182.00498021480854</v>
      </c>
      <c r="FQ34" s="91">
        <f t="shared" si="340"/>
        <v>223.60269328593822</v>
      </c>
      <c r="FR34" s="91">
        <f t="shared" si="341"/>
        <v>262.73455300057373</v>
      </c>
      <c r="FS34" s="91">
        <f t="shared" si="342"/>
        <v>298.44096629930152</v>
      </c>
      <c r="FT34" s="91">
        <f t="shared" si="343"/>
        <v>328.91729399424969</v>
      </c>
      <c r="FU34" s="91">
        <f t="shared" si="344"/>
        <v>349.97561892484902</v>
      </c>
      <c r="FV34" s="91">
        <f t="shared" si="345"/>
        <v>351.88612072006748</v>
      </c>
      <c r="FW34" s="91">
        <f t="shared" si="346"/>
        <v>352.16000290113686</v>
      </c>
      <c r="FX34" s="91">
        <f t="shared" si="347"/>
        <v>352.16000290113686</v>
      </c>
      <c r="FY34" s="91">
        <f t="shared" si="348"/>
        <v>0</v>
      </c>
      <c r="FZ34" s="91">
        <f t="shared" si="349"/>
        <v>0.66351005198670732</v>
      </c>
      <c r="GA34" s="91">
        <f t="shared" si="350"/>
        <v>6.5016085199993121</v>
      </c>
      <c r="GB34" s="91">
        <f t="shared" si="351"/>
        <v>11.305165501007828</v>
      </c>
      <c r="GC34" s="91">
        <f t="shared" si="352"/>
        <v>18.847307355382057</v>
      </c>
      <c r="GD34" s="91">
        <f t="shared" si="353"/>
        <v>28.685283576796518</v>
      </c>
      <c r="GE34" s="91">
        <f t="shared" si="354"/>
        <v>43.890567359391106</v>
      </c>
      <c r="GF34" s="91">
        <f t="shared" si="355"/>
        <v>61.701761623633551</v>
      </c>
      <c r="GG34" s="91">
        <f t="shared" si="356"/>
        <v>92.009920833837057</v>
      </c>
      <c r="GH34" s="91">
        <f t="shared" si="357"/>
        <v>140.31739730872152</v>
      </c>
      <c r="GI34" s="91">
        <f t="shared" si="358"/>
        <v>232.40449508139383</v>
      </c>
      <c r="GJ34" s="91">
        <f t="shared" si="359"/>
        <v>374.6786922592259</v>
      </c>
      <c r="GK34" s="127">
        <f t="shared" si="360"/>
        <v>4496.1443071107105</v>
      </c>
      <c r="GL34" s="126">
        <f t="shared" si="361"/>
        <v>0</v>
      </c>
      <c r="GM34" s="91">
        <f t="shared" si="362"/>
        <v>25.9779189453999</v>
      </c>
      <c r="GN34" s="91">
        <f t="shared" si="363"/>
        <v>101.85284441397398</v>
      </c>
      <c r="GO34" s="91">
        <f t="shared" si="364"/>
        <v>150.40896467925563</v>
      </c>
      <c r="GP34" s="91">
        <f t="shared" si="365"/>
        <v>196.94513835406664</v>
      </c>
      <c r="GQ34" s="91">
        <f t="shared" si="366"/>
        <v>240.95347832306666</v>
      </c>
      <c r="GR34" s="91">
        <f t="shared" si="367"/>
        <v>281.65933611819048</v>
      </c>
      <c r="GS34" s="91">
        <f t="shared" si="368"/>
        <v>317.77754246343795</v>
      </c>
      <c r="GT34" s="91">
        <f t="shared" si="369"/>
        <v>346.89116987505207</v>
      </c>
      <c r="GU34" s="91">
        <f t="shared" si="370"/>
        <v>363.39140072727031</v>
      </c>
      <c r="GV34" s="91">
        <f t="shared" si="371"/>
        <v>386.40739751196065</v>
      </c>
      <c r="GW34" s="91">
        <f t="shared" si="372"/>
        <v>396.31527949944683</v>
      </c>
      <c r="GX34" s="91">
        <f t="shared" si="373"/>
        <v>396.31527949944683</v>
      </c>
      <c r="GY34" s="91">
        <f t="shared" si="374"/>
        <v>0</v>
      </c>
      <c r="GZ34" s="91">
        <f t="shared" si="375"/>
        <v>0.63425632890839512</v>
      </c>
      <c r="HA34" s="91">
        <f t="shared" si="376"/>
        <v>6.1399415035703839</v>
      </c>
      <c r="HB34" s="91">
        <f t="shared" si="377"/>
        <v>10.572483349744028</v>
      </c>
      <c r="HC34" s="91">
        <f t="shared" si="378"/>
        <v>17.421805807276339</v>
      </c>
      <c r="HD34" s="91">
        <f t="shared" si="379"/>
        <v>26.140162571923288</v>
      </c>
      <c r="HE34" s="91">
        <f t="shared" si="380"/>
        <v>39.276754027647215</v>
      </c>
      <c r="HF34" s="91">
        <f t="shared" si="381"/>
        <v>53.883031035872357</v>
      </c>
      <c r="HG34" s="91">
        <f t="shared" si="382"/>
        <v>77.515058408502682</v>
      </c>
      <c r="HH34" s="91">
        <f t="shared" si="383"/>
        <v>111.06747805788086</v>
      </c>
      <c r="HI34" s="91">
        <f t="shared" si="384"/>
        <v>195.83733293172176</v>
      </c>
      <c r="HJ34" s="91">
        <f t="shared" si="385"/>
        <v>326.39555488620294</v>
      </c>
      <c r="HK34" s="127">
        <f t="shared" si="386"/>
        <v>3916.7466586344349</v>
      </c>
      <c r="HL34" s="126">
        <f t="shared" si="387"/>
        <v>0</v>
      </c>
      <c r="HM34" s="91">
        <f t="shared" si="388"/>
        <v>20.109746210308717</v>
      </c>
      <c r="HN34" s="91">
        <f t="shared" si="389"/>
        <v>75.772300407950155</v>
      </c>
      <c r="HO34" s="91">
        <f t="shared" si="390"/>
        <v>108.28576621072645</v>
      </c>
      <c r="HP34" s="91">
        <f t="shared" si="391"/>
        <v>136.22068640843597</v>
      </c>
      <c r="HQ34" s="91">
        <f t="shared" si="392"/>
        <v>158.42585020630722</v>
      </c>
      <c r="HR34" s="91">
        <f t="shared" si="393"/>
        <v>187.13373228963903</v>
      </c>
      <c r="HS34" s="91">
        <f t="shared" si="394"/>
        <v>218.32268767124555</v>
      </c>
      <c r="HT34" s="91">
        <f t="shared" si="395"/>
        <v>249.51164305285209</v>
      </c>
      <c r="HU34" s="91">
        <f t="shared" si="396"/>
        <v>280.70059843445858</v>
      </c>
      <c r="HV34" s="91">
        <f t="shared" si="397"/>
        <v>304.09231497066344</v>
      </c>
      <c r="HW34" s="91">
        <f t="shared" si="398"/>
        <v>311.88955381606507</v>
      </c>
      <c r="HX34" s="91">
        <f t="shared" si="399"/>
        <v>311.88955381606507</v>
      </c>
      <c r="HY34" s="91">
        <f t="shared" si="400"/>
        <v>0</v>
      </c>
      <c r="HZ34" s="91">
        <f t="shared" si="401"/>
        <v>0.54851265781679026</v>
      </c>
      <c r="IA34" s="91">
        <f t="shared" si="402"/>
        <v>5.0798830071407686</v>
      </c>
      <c r="IB34" s="91">
        <f t="shared" si="403"/>
        <v>8.4249666994880545</v>
      </c>
      <c r="IC34" s="91">
        <f t="shared" si="404"/>
        <v>13.243611614552679</v>
      </c>
      <c r="ID34" s="91">
        <f t="shared" si="405"/>
        <v>18.680325143846574</v>
      </c>
      <c r="IE34" s="91">
        <f t="shared" si="406"/>
        <v>28.722808829985858</v>
      </c>
      <c r="IF34" s="91">
        <f t="shared" si="407"/>
        <v>41.778631025433974</v>
      </c>
      <c r="IG34" s="91">
        <f t="shared" si="408"/>
        <v>65.279110977240578</v>
      </c>
      <c r="IH34" s="91">
        <f t="shared" si="409"/>
        <v>107.05774200267456</v>
      </c>
      <c r="II34" s="91">
        <f t="shared" si="410"/>
        <v>195.83733293172176</v>
      </c>
      <c r="IJ34" s="91">
        <f t="shared" si="411"/>
        <v>326.39555488620294</v>
      </c>
      <c r="IK34" s="127">
        <f t="shared" si="412"/>
        <v>3916.7466586344349</v>
      </c>
    </row>
    <row r="35" spans="2:245" x14ac:dyDescent="0.2">
      <c r="B35" s="79">
        <f t="shared" si="188"/>
        <v>-24.5</v>
      </c>
      <c r="C35" s="73">
        <f>'p-y mono_clay'!C35</f>
        <v>9</v>
      </c>
      <c r="D35" s="64">
        <f>'p-y mono_clay'!D35</f>
        <v>8.9459999999999997</v>
      </c>
      <c r="E35" s="64" t="str">
        <f>'p-y mono_clay'!E35</f>
        <v>CLAY</v>
      </c>
      <c r="F35" s="55">
        <f>VLOOKUP($C35, 'Pile Property'!$A$8:$D$108,2,TRUE)</f>
        <v>2</v>
      </c>
      <c r="G35" s="102">
        <f>'p-y mono_clay'!Z35</f>
        <v>385.73640624812663</v>
      </c>
      <c r="H35" s="199">
        <f>'p-y mono_clay'!AM35</f>
        <v>0</v>
      </c>
      <c r="I35" s="55">
        <f>'p-y mono_clay'!AN35</f>
        <v>0.6</v>
      </c>
      <c r="J35" s="55">
        <f>'p-y mono_clay'!AO35</f>
        <v>6</v>
      </c>
      <c r="K35" s="55">
        <f>'p-y mono_clay'!AP35</f>
        <v>10.6</v>
      </c>
      <c r="L35" s="55">
        <f>'p-y mono_clay'!AQ35</f>
        <v>18</v>
      </c>
      <c r="M35" s="55">
        <f>'p-y mono_clay'!AR35</f>
        <v>28</v>
      </c>
      <c r="N35" s="55">
        <f>'p-y mono_clay'!AS35</f>
        <v>44</v>
      </c>
      <c r="O35" s="55">
        <f>'p-y mono_clay'!AT35</f>
        <v>64</v>
      </c>
      <c r="P35" s="55">
        <f>'p-y mono_clay'!AU35</f>
        <v>100</v>
      </c>
      <c r="Q35" s="55">
        <f>'p-y mono_clay'!AV35</f>
        <v>164</v>
      </c>
      <c r="R35" s="55">
        <f>'p-y mono_clay'!AW35</f>
        <v>300</v>
      </c>
      <c r="S35" s="55">
        <f>'p-y mono_clay'!AX35</f>
        <v>500</v>
      </c>
      <c r="T35" s="200">
        <f>'p-y mono_clay'!AY35</f>
        <v>6000</v>
      </c>
      <c r="U35" s="199">
        <f>'p-y mono_clay'!AZ35</f>
        <v>0</v>
      </c>
      <c r="V35" s="55">
        <f>'p-y mono_clay'!BA35</f>
        <v>19.286820312406334</v>
      </c>
      <c r="W35" s="55">
        <f>'p-y mono_clay'!BB35</f>
        <v>77.147281249625337</v>
      </c>
      <c r="X35" s="55">
        <f>'p-y mono_clay'!BC35</f>
        <v>115.72092187443798</v>
      </c>
      <c r="Y35" s="55">
        <f>'p-y mono_clay'!BD35</f>
        <v>154.29456249925067</v>
      </c>
      <c r="Z35" s="55">
        <f>'p-y mono_clay'!BE35</f>
        <v>192.86820312406331</v>
      </c>
      <c r="AA35" s="55">
        <f>'p-y mono_clay'!BF35</f>
        <v>231.44184374887595</v>
      </c>
      <c r="AB35" s="55">
        <f>'p-y mono_clay'!BG35</f>
        <v>270.01548437368859</v>
      </c>
      <c r="AC35" s="55">
        <f>'p-y mono_clay'!BH35</f>
        <v>308.58912499850135</v>
      </c>
      <c r="AD35" s="55">
        <f>'p-y mono_clay'!BI35</f>
        <v>347.16276562331399</v>
      </c>
      <c r="AE35" s="55">
        <f>'p-y mono_clay'!BJ35</f>
        <v>376.09299609192345</v>
      </c>
      <c r="AF35" s="55">
        <f>'p-y mono_clay'!BK35</f>
        <v>385.73640624812663</v>
      </c>
      <c r="AG35" s="200">
        <f>'p-y mono_clay'!BL35</f>
        <v>385.73640624812663</v>
      </c>
      <c r="AH35">
        <f t="shared" si="205"/>
        <v>30</v>
      </c>
      <c r="AI35">
        <v>0</v>
      </c>
      <c r="AJ35">
        <f t="shared" si="206"/>
        <v>-3.8923239999999963E-2</v>
      </c>
      <c r="AK35">
        <f t="shared" si="207"/>
        <v>0.11107676000000007</v>
      </c>
      <c r="AL35">
        <f t="shared" si="208"/>
        <v>0.21107676000000003</v>
      </c>
      <c r="AM35">
        <f t="shared" si="209"/>
        <v>0.31107676000000012</v>
      </c>
      <c r="AN35">
        <f t="shared" si="210"/>
        <v>0.41107676000000004</v>
      </c>
      <c r="AO35">
        <f t="shared" si="211"/>
        <v>0.51107676000000002</v>
      </c>
      <c r="AP35">
        <f t="shared" si="212"/>
        <v>0.61107675999999989</v>
      </c>
      <c r="AQ35">
        <f t="shared" si="213"/>
        <v>0.7110767600000002</v>
      </c>
      <c r="AR35">
        <f t="shared" si="214"/>
        <v>0.81107676000000006</v>
      </c>
      <c r="AS35">
        <f t="shared" si="215"/>
        <v>0.88607676000000002</v>
      </c>
      <c r="AT35">
        <f t="shared" si="216"/>
        <v>0.91107676000000004</v>
      </c>
      <c r="AU35">
        <f t="shared" si="217"/>
        <v>0.91107676000000004</v>
      </c>
      <c r="AV35">
        <v>1</v>
      </c>
      <c r="AW35">
        <v>1.25</v>
      </c>
      <c r="AX35">
        <v>2.5</v>
      </c>
      <c r="AY35" s="162">
        <f t="shared" si="218"/>
        <v>2</v>
      </c>
      <c r="AZ35" s="162">
        <f t="shared" si="219"/>
        <v>1.9250700369355489</v>
      </c>
      <c r="BA35" s="162">
        <f t="shared" si="220"/>
        <v>2.2499130521101014</v>
      </c>
      <c r="BB35" s="162">
        <f t="shared" si="221"/>
        <v>2.5351008800298493</v>
      </c>
      <c r="BC35" s="162">
        <f t="shared" si="222"/>
        <v>2.9030810457199854</v>
      </c>
      <c r="BD35" s="162">
        <f t="shared" si="223"/>
        <v>3.3960283177142068</v>
      </c>
      <c r="BE35" s="162">
        <f t="shared" si="224"/>
        <v>4.0906216689556425</v>
      </c>
      <c r="BF35" s="162">
        <f t="shared" si="225"/>
        <v>5.1424029070620705</v>
      </c>
      <c r="BG35" s="162">
        <f t="shared" si="226"/>
        <v>6.9222538138503547</v>
      </c>
      <c r="BH35" s="162">
        <f t="shared" si="227"/>
        <v>10.586310080220944</v>
      </c>
      <c r="BI35" s="162">
        <f t="shared" si="228"/>
        <v>17.555680473975286</v>
      </c>
      <c r="BJ35" s="162">
        <f t="shared" si="229"/>
        <v>22.491308233933008</v>
      </c>
      <c r="BK35" s="162">
        <f t="shared" si="230"/>
        <v>22.491308233933008</v>
      </c>
      <c r="BL35" s="162">
        <f t="shared" si="231"/>
        <v>2.3784142300054421</v>
      </c>
      <c r="BM35" s="162">
        <f t="shared" si="232"/>
        <v>2.2675567661440899</v>
      </c>
      <c r="BN35" s="162">
        <f t="shared" si="233"/>
        <v>2.755542850046278</v>
      </c>
      <c r="BO35" s="162">
        <f t="shared" si="234"/>
        <v>3.1988513393704214</v>
      </c>
      <c r="BP35" s="162">
        <f t="shared" si="235"/>
        <v>3.7894305351048332</v>
      </c>
      <c r="BQ35" s="162">
        <f t="shared" si="236"/>
        <v>4.6101401539502787</v>
      </c>
      <c r="BR35" s="162">
        <f t="shared" si="237"/>
        <v>5.8175033657774931</v>
      </c>
      <c r="BS35" s="162">
        <f t="shared" si="238"/>
        <v>7.7438623699549654</v>
      </c>
      <c r="BT35" s="162">
        <f t="shared" si="239"/>
        <v>11.228180848686446</v>
      </c>
      <c r="BU35" s="162">
        <f t="shared" si="240"/>
        <v>19.095488074504225</v>
      </c>
      <c r="BV35" s="162">
        <f t="shared" si="241"/>
        <v>25</v>
      </c>
      <c r="BW35" s="162">
        <f t="shared" si="242"/>
        <v>25</v>
      </c>
      <c r="BX35" s="162">
        <f t="shared" si="243"/>
        <v>25</v>
      </c>
      <c r="BY35" s="162">
        <f t="shared" si="244"/>
        <v>5.6568542494923806</v>
      </c>
      <c r="BZ35" s="162">
        <f t="shared" si="245"/>
        <v>5.1418136876858425</v>
      </c>
      <c r="CA35" s="162">
        <f t="shared" si="246"/>
        <v>7.5930163984411632</v>
      </c>
      <c r="CB35" s="162">
        <f t="shared" si="247"/>
        <v>10.23264989139194</v>
      </c>
      <c r="CC35" s="162">
        <f t="shared" si="248"/>
        <v>14.359783780384902</v>
      </c>
      <c r="CD35" s="162">
        <f t="shared" si="249"/>
        <v>21.253392239064699</v>
      </c>
      <c r="CE35" s="162">
        <f t="shared" si="250"/>
        <v>25</v>
      </c>
      <c r="CF35" s="162">
        <f t="shared" si="251"/>
        <v>25</v>
      </c>
      <c r="CG35" s="162">
        <f t="shared" si="252"/>
        <v>25</v>
      </c>
      <c r="CH35" s="162">
        <f t="shared" si="253"/>
        <v>25</v>
      </c>
      <c r="CI35" s="162">
        <f t="shared" si="254"/>
        <v>25</v>
      </c>
      <c r="CJ35" s="162">
        <f t="shared" si="255"/>
        <v>25</v>
      </c>
      <c r="CK35" s="162">
        <f t="shared" si="256"/>
        <v>25</v>
      </c>
      <c r="CL35">
        <f t="shared" si="257"/>
        <v>1.3729593947216077</v>
      </c>
      <c r="CM35">
        <f t="shared" si="258"/>
        <v>1.3783052710137802</v>
      </c>
      <c r="CN35">
        <f t="shared" si="259"/>
        <v>1.3564751799251762</v>
      </c>
      <c r="CO35">
        <f t="shared" si="260"/>
        <v>1.3397673196411111</v>
      </c>
      <c r="CP35">
        <f t="shared" si="261"/>
        <v>1.3207918356398942</v>
      </c>
      <c r="CQ35">
        <f t="shared" si="262"/>
        <v>1.2988350750250588</v>
      </c>
      <c r="CR35">
        <f t="shared" si="263"/>
        <v>1.2727824261874456</v>
      </c>
      <c r="CS35">
        <f t="shared" si="264"/>
        <v>1.2407471353377497</v>
      </c>
      <c r="CT35">
        <f t="shared" si="265"/>
        <v>1.1991362022856467</v>
      </c>
      <c r="CU35">
        <f t="shared" si="266"/>
        <v>1.1396613669637312</v>
      </c>
      <c r="CV35">
        <f t="shared" si="267"/>
        <v>1.0688471400219732</v>
      </c>
      <c r="CW35">
        <f t="shared" si="268"/>
        <v>1.0341619492591878</v>
      </c>
      <c r="CX35" s="98">
        <f t="shared" si="269"/>
        <v>1.0341619492591878</v>
      </c>
      <c r="CY35">
        <f t="shared" si="270"/>
        <v>1.1029593947216076</v>
      </c>
      <c r="CZ35">
        <f t="shared" si="271"/>
        <v>1.1083052710137802</v>
      </c>
      <c r="DA35">
        <f t="shared" si="272"/>
        <v>1.0864751799251762</v>
      </c>
      <c r="DB35">
        <f t="shared" si="273"/>
        <v>1.069767319641111</v>
      </c>
      <c r="DC35">
        <f t="shared" si="274"/>
        <v>1.0507918356398942</v>
      </c>
      <c r="DD35">
        <f t="shared" si="275"/>
        <v>1.0288350750250588</v>
      </c>
      <c r="DE35">
        <f t="shared" si="276"/>
        <v>1.0027824261874456</v>
      </c>
      <c r="DF35">
        <f t="shared" si="277"/>
        <v>0.9707471353377497</v>
      </c>
      <c r="DG35">
        <f t="shared" si="278"/>
        <v>0.92913620228564664</v>
      </c>
      <c r="DH35">
        <f t="shared" si="279"/>
        <v>0.8696613669637312</v>
      </c>
      <c r="DI35">
        <f t="shared" si="280"/>
        <v>0.79884714002197321</v>
      </c>
      <c r="DJ35">
        <f t="shared" si="281"/>
        <v>0.76416194925918779</v>
      </c>
      <c r="DK35">
        <f t="shared" si="282"/>
        <v>0.76416194925918779</v>
      </c>
      <c r="DL35" s="97">
        <f t="shared" si="283"/>
        <v>1.5000349036450102</v>
      </c>
      <c r="DM35">
        <f t="shared" si="284"/>
        <v>1.5071945593934555</v>
      </c>
      <c r="DN35">
        <f t="shared" si="285"/>
        <v>1.4779578302569323</v>
      </c>
      <c r="DO35">
        <f t="shared" si="286"/>
        <v>1.4555812316622023</v>
      </c>
      <c r="DP35">
        <f t="shared" si="287"/>
        <v>1.4301676370177154</v>
      </c>
      <c r="DQ35">
        <f t="shared" si="288"/>
        <v>1.400761261194275</v>
      </c>
      <c r="DR35">
        <f t="shared" si="289"/>
        <v>1.3658693207867576</v>
      </c>
      <c r="DS35">
        <f t="shared" si="290"/>
        <v>1.322964913398772</v>
      </c>
      <c r="DT35">
        <f t="shared" si="291"/>
        <v>1.2672359852039912</v>
      </c>
      <c r="DU35">
        <f t="shared" si="292"/>
        <v>1.1875821878978543</v>
      </c>
      <c r="DV35">
        <f t="shared" si="293"/>
        <v>1.1471686262697698</v>
      </c>
      <c r="DW35">
        <f t="shared" si="294"/>
        <v>1.1471686262697698</v>
      </c>
      <c r="DX35" s="98">
        <f t="shared" si="295"/>
        <v>1.1471686262697698</v>
      </c>
      <c r="DY35">
        <f t="shared" si="296"/>
        <v>1.0527062241310117</v>
      </c>
      <c r="DZ35">
        <f t="shared" si="297"/>
        <v>1.0608205006459162</v>
      </c>
      <c r="EA35">
        <f t="shared" si="298"/>
        <v>1.0276855409578565</v>
      </c>
      <c r="EB35">
        <f t="shared" si="299"/>
        <v>1.0023253958838292</v>
      </c>
      <c r="EC35">
        <f t="shared" si="300"/>
        <v>0.97352332195341096</v>
      </c>
      <c r="ED35">
        <f t="shared" si="301"/>
        <v>0.94019609602017828</v>
      </c>
      <c r="EE35">
        <f t="shared" si="302"/>
        <v>0.90065189689165859</v>
      </c>
      <c r="EF35">
        <f t="shared" si="303"/>
        <v>0.85202690185194152</v>
      </c>
      <c r="EG35">
        <f t="shared" si="304"/>
        <v>0.78886744989785651</v>
      </c>
      <c r="EH35">
        <f t="shared" si="305"/>
        <v>0.69859314628423497</v>
      </c>
      <c r="EI35">
        <f t="shared" si="306"/>
        <v>0.65279110977240584</v>
      </c>
      <c r="EJ35">
        <f t="shared" si="307"/>
        <v>0.65279110977240584</v>
      </c>
      <c r="EK35">
        <f t="shared" si="308"/>
        <v>0.65279110977240584</v>
      </c>
      <c r="EL35" s="97">
        <f t="shared" si="309"/>
        <v>1.1554124482620232</v>
      </c>
      <c r="EM35">
        <f t="shared" si="310"/>
        <v>1.1716410012918326</v>
      </c>
      <c r="EN35">
        <f t="shared" si="311"/>
        <v>1.1053710819157132</v>
      </c>
      <c r="EO35">
        <f t="shared" si="312"/>
        <v>1.0546507917676586</v>
      </c>
      <c r="EP35">
        <f t="shared" si="313"/>
        <v>0.99704664390682196</v>
      </c>
      <c r="EQ35">
        <f t="shared" si="314"/>
        <v>0.93039219204035672</v>
      </c>
      <c r="ER35">
        <f t="shared" si="315"/>
        <v>0.90279110977240584</v>
      </c>
      <c r="ES35">
        <f t="shared" si="316"/>
        <v>0.90279110977240584</v>
      </c>
      <c r="ET35">
        <f t="shared" si="317"/>
        <v>0.90279110977240584</v>
      </c>
      <c r="EU35">
        <f t="shared" si="318"/>
        <v>0.90279110977240584</v>
      </c>
      <c r="EV35">
        <f t="shared" si="319"/>
        <v>0.90279110977240584</v>
      </c>
      <c r="EW35">
        <f t="shared" si="320"/>
        <v>0.90279110977240584</v>
      </c>
      <c r="EX35" s="98">
        <f t="shared" si="321"/>
        <v>0.90279110977240584</v>
      </c>
      <c r="EY35" s="97">
        <f t="shared" si="322"/>
        <v>0.90541244826202316</v>
      </c>
      <c r="EZ35">
        <f t="shared" si="323"/>
        <v>0.92164100129183257</v>
      </c>
      <c r="FA35">
        <f t="shared" si="324"/>
        <v>0.85537108191571321</v>
      </c>
      <c r="FB35">
        <f t="shared" si="325"/>
        <v>0.80465079176765864</v>
      </c>
      <c r="FC35">
        <f t="shared" si="326"/>
        <v>0.74704664390682196</v>
      </c>
      <c r="FD35">
        <f t="shared" si="327"/>
        <v>0.68039219204035672</v>
      </c>
      <c r="FE35">
        <f t="shared" si="328"/>
        <v>0.65279110977240584</v>
      </c>
      <c r="FF35">
        <f t="shared" si="329"/>
        <v>0.65279110977240584</v>
      </c>
      <c r="FG35">
        <f t="shared" si="330"/>
        <v>0.65279110977240584</v>
      </c>
      <c r="FH35">
        <f t="shared" si="331"/>
        <v>0.65279110977240584</v>
      </c>
      <c r="FI35">
        <f t="shared" si="332"/>
        <v>0.65279110977240584</v>
      </c>
      <c r="FJ35">
        <f t="shared" si="333"/>
        <v>0.65279110977240584</v>
      </c>
      <c r="FK35">
        <f t="shared" si="334"/>
        <v>0.65279110977240584</v>
      </c>
      <c r="FL35" s="126">
        <f t="shared" si="335"/>
        <v>0</v>
      </c>
      <c r="FM35" s="91">
        <f t="shared" si="336"/>
        <v>26.583126097685295</v>
      </c>
      <c r="FN35" s="91">
        <f t="shared" si="337"/>
        <v>104.64837221382371</v>
      </c>
      <c r="FO35" s="91">
        <f t="shared" si="338"/>
        <v>155.03910932611419</v>
      </c>
      <c r="FP35" s="91">
        <f t="shared" si="339"/>
        <v>203.79099843263967</v>
      </c>
      <c r="FQ35" s="91">
        <f t="shared" si="340"/>
        <v>250.50398707459107</v>
      </c>
      <c r="FR35" s="91">
        <f t="shared" si="341"/>
        <v>294.57511140799005</v>
      </c>
      <c r="FS35" s="91">
        <f t="shared" si="342"/>
        <v>335.02093873348906</v>
      </c>
      <c r="FT35" s="91">
        <f t="shared" si="343"/>
        <v>370.04039141735359</v>
      </c>
      <c r="FU35" s="91">
        <f t="shared" si="344"/>
        <v>395.64799202917544</v>
      </c>
      <c r="FV35" s="91">
        <f t="shared" si="345"/>
        <v>401.98592325514755</v>
      </c>
      <c r="FW35" s="91">
        <f t="shared" si="346"/>
        <v>398.91391378579658</v>
      </c>
      <c r="FX35" s="91">
        <f t="shared" si="347"/>
        <v>398.91391378579658</v>
      </c>
      <c r="FY35" s="91">
        <f t="shared" si="348"/>
        <v>0</v>
      </c>
      <c r="FZ35" s="91">
        <f t="shared" si="349"/>
        <v>0.66498316260826806</v>
      </c>
      <c r="GA35" s="91">
        <f t="shared" si="350"/>
        <v>6.518851079551057</v>
      </c>
      <c r="GB35" s="91">
        <f t="shared" si="351"/>
        <v>11.339533588195776</v>
      </c>
      <c r="GC35" s="91">
        <f t="shared" si="352"/>
        <v>18.914253041518094</v>
      </c>
      <c r="GD35" s="91">
        <f t="shared" si="353"/>
        <v>28.807382100701645</v>
      </c>
      <c r="GE35" s="91">
        <f t="shared" si="354"/>
        <v>44.122426752247605</v>
      </c>
      <c r="GF35" s="91">
        <f t="shared" si="355"/>
        <v>62.127816661615981</v>
      </c>
      <c r="GG35" s="91">
        <f t="shared" si="356"/>
        <v>92.913620228564668</v>
      </c>
      <c r="GH35" s="91">
        <f t="shared" si="357"/>
        <v>142.62446418205192</v>
      </c>
      <c r="GI35" s="91">
        <f t="shared" si="358"/>
        <v>239.65414200659197</v>
      </c>
      <c r="GJ35" s="91">
        <f t="shared" si="359"/>
        <v>382.08097462959387</v>
      </c>
      <c r="GK35" s="127">
        <f t="shared" si="360"/>
        <v>4584.9716955551266</v>
      </c>
      <c r="GL35" s="126">
        <f t="shared" si="361"/>
        <v>0</v>
      </c>
      <c r="GM35" s="91">
        <f t="shared" si="362"/>
        <v>29.068990642858012</v>
      </c>
      <c r="GN35" s="91">
        <f t="shared" si="363"/>
        <v>114.02042840591758</v>
      </c>
      <c r="GO35" s="91">
        <f t="shared" si="364"/>
        <v>168.44120199107991</v>
      </c>
      <c r="GP35" s="91">
        <f t="shared" si="365"/>
        <v>220.66708985423554</v>
      </c>
      <c r="GQ35" s="91">
        <f t="shared" si="366"/>
        <v>270.16230745233656</v>
      </c>
      <c r="GR35" s="91">
        <f t="shared" si="367"/>
        <v>316.11931392291206</v>
      </c>
      <c r="GS35" s="91">
        <f t="shared" si="368"/>
        <v>357.22101190076438</v>
      </c>
      <c r="GT35" s="91">
        <f t="shared" si="369"/>
        <v>391.05524384071344</v>
      </c>
      <c r="GU35" s="91">
        <f t="shared" si="370"/>
        <v>412.28431675560523</v>
      </c>
      <c r="GV35" s="91">
        <f t="shared" si="371"/>
        <v>431.4420856764537</v>
      </c>
      <c r="GW35" s="91">
        <f t="shared" si="372"/>
        <v>442.50470325790127</v>
      </c>
      <c r="GX35" s="91">
        <f t="shared" si="373"/>
        <v>442.50470325790127</v>
      </c>
      <c r="GY35" s="91">
        <f t="shared" si="374"/>
        <v>0</v>
      </c>
      <c r="GZ35" s="91">
        <f t="shared" si="375"/>
        <v>0.63649230038754967</v>
      </c>
      <c r="HA35" s="91">
        <f t="shared" si="376"/>
        <v>6.1661132457471393</v>
      </c>
      <c r="HB35" s="91">
        <f t="shared" si="377"/>
        <v>10.624649196368589</v>
      </c>
      <c r="HC35" s="91">
        <f t="shared" si="378"/>
        <v>17.523419795161399</v>
      </c>
      <c r="HD35" s="91">
        <f t="shared" si="379"/>
        <v>26.32549068856499</v>
      </c>
      <c r="HE35" s="91">
        <f t="shared" si="380"/>
        <v>39.628683463232974</v>
      </c>
      <c r="HF35" s="91">
        <f t="shared" si="381"/>
        <v>54.529721718524257</v>
      </c>
      <c r="HG35" s="91">
        <f t="shared" si="382"/>
        <v>78.886744989785655</v>
      </c>
      <c r="HH35" s="91">
        <f t="shared" si="383"/>
        <v>114.56927599061453</v>
      </c>
      <c r="HI35" s="91">
        <f t="shared" si="384"/>
        <v>195.83733293172176</v>
      </c>
      <c r="HJ35" s="91">
        <f t="shared" si="385"/>
        <v>326.39555488620294</v>
      </c>
      <c r="HK35" s="127">
        <f t="shared" si="386"/>
        <v>3916.7466586344349</v>
      </c>
      <c r="HL35" s="126">
        <f t="shared" si="387"/>
        <v>0</v>
      </c>
      <c r="HM35" s="91">
        <f t="shared" si="388"/>
        <v>22.597229462563412</v>
      </c>
      <c r="HN35" s="91">
        <f t="shared" si="389"/>
        <v>85.276373741754171</v>
      </c>
      <c r="HO35" s="91">
        <f t="shared" si="390"/>
        <v>122.04516187895938</v>
      </c>
      <c r="HP35" s="91">
        <f t="shared" si="391"/>
        <v>153.83887571294926</v>
      </c>
      <c r="HQ35" s="91">
        <f t="shared" si="392"/>
        <v>179.44307027948204</v>
      </c>
      <c r="HR35" s="91">
        <f t="shared" si="393"/>
        <v>208.94363896581947</v>
      </c>
      <c r="HS35" s="91">
        <f t="shared" si="394"/>
        <v>243.76757879345604</v>
      </c>
      <c r="HT35" s="91">
        <f t="shared" si="395"/>
        <v>278.59151862109269</v>
      </c>
      <c r="HU35" s="91">
        <f t="shared" si="396"/>
        <v>313.41545844872928</v>
      </c>
      <c r="HV35" s="91">
        <f t="shared" si="397"/>
        <v>339.53341331945666</v>
      </c>
      <c r="HW35" s="91">
        <f t="shared" si="398"/>
        <v>348.23939827636582</v>
      </c>
      <c r="HX35" s="91">
        <f t="shared" si="399"/>
        <v>348.23939827636582</v>
      </c>
      <c r="HY35" s="91">
        <f t="shared" si="400"/>
        <v>0</v>
      </c>
      <c r="HZ35" s="91">
        <f t="shared" si="401"/>
        <v>0.55298460077509948</v>
      </c>
      <c r="IA35" s="91">
        <f t="shared" si="402"/>
        <v>5.1322264914942792</v>
      </c>
      <c r="IB35" s="91">
        <f t="shared" si="403"/>
        <v>8.5292983927371804</v>
      </c>
      <c r="IC35" s="91">
        <f t="shared" si="404"/>
        <v>13.446839590322796</v>
      </c>
      <c r="ID35" s="91">
        <f t="shared" si="405"/>
        <v>19.05098137712999</v>
      </c>
      <c r="IE35" s="91">
        <f t="shared" si="406"/>
        <v>28.722808829985858</v>
      </c>
      <c r="IF35" s="91">
        <f t="shared" si="407"/>
        <v>41.778631025433974</v>
      </c>
      <c r="IG35" s="91">
        <f t="shared" si="408"/>
        <v>65.279110977240578</v>
      </c>
      <c r="IH35" s="91">
        <f t="shared" si="409"/>
        <v>107.05774200267456</v>
      </c>
      <c r="II35" s="91">
        <f t="shared" si="410"/>
        <v>195.83733293172176</v>
      </c>
      <c r="IJ35" s="91">
        <f t="shared" si="411"/>
        <v>326.39555488620294</v>
      </c>
      <c r="IK35" s="127">
        <f t="shared" si="412"/>
        <v>3916.7466586344349</v>
      </c>
    </row>
    <row r="36" spans="2:245" x14ac:dyDescent="0.2">
      <c r="B36" s="79">
        <f t="shared" si="188"/>
        <v>-25.5</v>
      </c>
      <c r="C36" s="73">
        <f>'p-y mono_clay'!C36</f>
        <v>10</v>
      </c>
      <c r="D36" s="64">
        <f>'p-y mono_clay'!D36</f>
        <v>9.9860000000000007</v>
      </c>
      <c r="E36" s="64" t="str">
        <f>'p-y mono_clay'!E36</f>
        <v>CLAY</v>
      </c>
      <c r="F36" s="55">
        <f>VLOOKUP($C36, 'Pile Property'!$A$8:$D$108,2,TRUE)</f>
        <v>2</v>
      </c>
      <c r="G36" s="102">
        <f>'p-y mono_clay'!Z36</f>
        <v>402.64647900622515</v>
      </c>
      <c r="H36" s="199">
        <f>'p-y mono_clay'!AM36</f>
        <v>0</v>
      </c>
      <c r="I36" s="55">
        <f>'p-y mono_clay'!AN36</f>
        <v>0.6</v>
      </c>
      <c r="J36" s="55">
        <f>'p-y mono_clay'!AO36</f>
        <v>6</v>
      </c>
      <c r="K36" s="55">
        <f>'p-y mono_clay'!AP36</f>
        <v>10.6</v>
      </c>
      <c r="L36" s="55">
        <f>'p-y mono_clay'!AQ36</f>
        <v>18</v>
      </c>
      <c r="M36" s="55">
        <f>'p-y mono_clay'!AR36</f>
        <v>28</v>
      </c>
      <c r="N36" s="55">
        <f>'p-y mono_clay'!AS36</f>
        <v>44</v>
      </c>
      <c r="O36" s="55">
        <f>'p-y mono_clay'!AT36</f>
        <v>64</v>
      </c>
      <c r="P36" s="55">
        <f>'p-y mono_clay'!AU36</f>
        <v>100</v>
      </c>
      <c r="Q36" s="55">
        <f>'p-y mono_clay'!AV36</f>
        <v>164</v>
      </c>
      <c r="R36" s="55">
        <f>'p-y mono_clay'!AW36</f>
        <v>300</v>
      </c>
      <c r="S36" s="55">
        <f>'p-y mono_clay'!AX36</f>
        <v>500</v>
      </c>
      <c r="T36" s="200">
        <f>'p-y mono_clay'!AY36</f>
        <v>6000</v>
      </c>
      <c r="U36" s="199">
        <f>'p-y mono_clay'!AZ36</f>
        <v>0</v>
      </c>
      <c r="V36" s="55">
        <f>'p-y mono_clay'!BA36</f>
        <v>20.13232395031126</v>
      </c>
      <c r="W36" s="55">
        <f>'p-y mono_clay'!BB36</f>
        <v>80.529295801245041</v>
      </c>
      <c r="X36" s="55">
        <f>'p-y mono_clay'!BC36</f>
        <v>120.79394370186753</v>
      </c>
      <c r="Y36" s="55">
        <f>'p-y mono_clay'!BD36</f>
        <v>161.05859160249008</v>
      </c>
      <c r="Z36" s="55">
        <f>'p-y mono_clay'!BE36</f>
        <v>201.32323950311257</v>
      </c>
      <c r="AA36" s="55">
        <f>'p-y mono_clay'!BF36</f>
        <v>241.58788740373507</v>
      </c>
      <c r="AB36" s="55">
        <f>'p-y mono_clay'!BG36</f>
        <v>281.85253530435756</v>
      </c>
      <c r="AC36" s="55">
        <f>'p-y mono_clay'!BH36</f>
        <v>322.11718320498017</v>
      </c>
      <c r="AD36" s="55">
        <f>'p-y mono_clay'!BI36</f>
        <v>362.38183110560266</v>
      </c>
      <c r="AE36" s="55">
        <f>'p-y mono_clay'!BJ36</f>
        <v>392.58031703106951</v>
      </c>
      <c r="AF36" s="55">
        <f>'p-y mono_clay'!BK36</f>
        <v>402.64647900622515</v>
      </c>
      <c r="AG36" s="200">
        <f>'p-y mono_clay'!BL36</f>
        <v>402.64647900622515</v>
      </c>
      <c r="AH36">
        <f t="shared" si="205"/>
        <v>30</v>
      </c>
      <c r="AI36">
        <v>0</v>
      </c>
      <c r="AJ36">
        <f t="shared" si="206"/>
        <v>-6.0800217777777783E-2</v>
      </c>
      <c r="AK36">
        <f t="shared" si="207"/>
        <v>8.9199782222222246E-2</v>
      </c>
      <c r="AL36">
        <f t="shared" si="208"/>
        <v>0.1891997822222222</v>
      </c>
      <c r="AM36">
        <f t="shared" si="209"/>
        <v>0.28919978222222231</v>
      </c>
      <c r="AN36">
        <f t="shared" si="210"/>
        <v>0.38919978222222218</v>
      </c>
      <c r="AO36">
        <f t="shared" si="211"/>
        <v>0.48919978222222216</v>
      </c>
      <c r="AP36">
        <f t="shared" si="212"/>
        <v>0.58919978222222202</v>
      </c>
      <c r="AQ36">
        <f t="shared" si="213"/>
        <v>0.68919978222222233</v>
      </c>
      <c r="AR36">
        <f t="shared" si="214"/>
        <v>0.7891997822222222</v>
      </c>
      <c r="AS36">
        <f t="shared" si="215"/>
        <v>0.86419978222222216</v>
      </c>
      <c r="AT36">
        <f t="shared" si="216"/>
        <v>0.88919978222222218</v>
      </c>
      <c r="AU36">
        <f t="shared" si="217"/>
        <v>0.88919978222222218</v>
      </c>
      <c r="AV36">
        <v>1</v>
      </c>
      <c r="AW36">
        <v>1.25</v>
      </c>
      <c r="AX36">
        <v>2.5</v>
      </c>
      <c r="AY36" s="162">
        <f t="shared" si="218"/>
        <v>2</v>
      </c>
      <c r="AZ36" s="162">
        <f t="shared" si="219"/>
        <v>1.8853691453700012</v>
      </c>
      <c r="BA36" s="162">
        <f t="shared" si="220"/>
        <v>2.195871236043085</v>
      </c>
      <c r="BB36" s="162">
        <f t="shared" si="221"/>
        <v>2.466698893448195</v>
      </c>
      <c r="BC36" s="162">
        <f t="shared" si="222"/>
        <v>2.8137301452336829</v>
      </c>
      <c r="BD36" s="162">
        <f t="shared" si="223"/>
        <v>3.2743930695971737</v>
      </c>
      <c r="BE36" s="162">
        <f t="shared" si="224"/>
        <v>3.9154251121915031</v>
      </c>
      <c r="BF36" s="162">
        <f t="shared" si="225"/>
        <v>4.8685465913796042</v>
      </c>
      <c r="BG36" s="162">
        <f t="shared" si="226"/>
        <v>6.4350019259960787</v>
      </c>
      <c r="BH36" s="162">
        <f t="shared" si="227"/>
        <v>9.4876562324445413</v>
      </c>
      <c r="BI36" s="162">
        <f t="shared" si="228"/>
        <v>14.727516882725332</v>
      </c>
      <c r="BJ36" s="162">
        <f t="shared" si="229"/>
        <v>18.050506037914317</v>
      </c>
      <c r="BK36" s="162">
        <f t="shared" si="230"/>
        <v>18.050506037914317</v>
      </c>
      <c r="BL36" s="162">
        <f t="shared" si="231"/>
        <v>2.3784142300054421</v>
      </c>
      <c r="BM36" s="162">
        <f t="shared" si="232"/>
        <v>2.2092532080595855</v>
      </c>
      <c r="BN36" s="162">
        <f t="shared" si="233"/>
        <v>2.6730592628079517</v>
      </c>
      <c r="BO36" s="162">
        <f t="shared" si="234"/>
        <v>3.091328613362351</v>
      </c>
      <c r="BP36" s="162">
        <f t="shared" si="235"/>
        <v>3.6442071370391158</v>
      </c>
      <c r="BQ36" s="162">
        <f t="shared" si="236"/>
        <v>4.4046714110504892</v>
      </c>
      <c r="BR36" s="162">
        <f t="shared" si="237"/>
        <v>5.5077428123144321</v>
      </c>
      <c r="BS36" s="162">
        <f t="shared" si="238"/>
        <v>7.2318458957223832</v>
      </c>
      <c r="BT36" s="162">
        <f t="shared" si="239"/>
        <v>10.249102855234385</v>
      </c>
      <c r="BU36" s="162">
        <f t="shared" si="240"/>
        <v>16.651320327268362</v>
      </c>
      <c r="BV36" s="162">
        <f t="shared" si="241"/>
        <v>25</v>
      </c>
      <c r="BW36" s="162">
        <f t="shared" si="242"/>
        <v>25</v>
      </c>
      <c r="BX36" s="162">
        <f t="shared" si="243"/>
        <v>25</v>
      </c>
      <c r="BY36" s="162">
        <f t="shared" si="244"/>
        <v>5.6568542494923806</v>
      </c>
      <c r="BZ36" s="162">
        <f t="shared" si="245"/>
        <v>4.8807997373215688</v>
      </c>
      <c r="CA36" s="162">
        <f t="shared" si="246"/>
        <v>7.1452458224833908</v>
      </c>
      <c r="CB36" s="162">
        <f t="shared" si="247"/>
        <v>9.5563125957927948</v>
      </c>
      <c r="CC36" s="162">
        <f t="shared" si="248"/>
        <v>13.280245657646828</v>
      </c>
      <c r="CD36" s="162">
        <f t="shared" si="249"/>
        <v>19.401130239325511</v>
      </c>
      <c r="CE36" s="162">
        <f t="shared" si="250"/>
        <v>25</v>
      </c>
      <c r="CF36" s="162">
        <f t="shared" si="251"/>
        <v>25</v>
      </c>
      <c r="CG36" s="162">
        <f t="shared" si="252"/>
        <v>25</v>
      </c>
      <c r="CH36" s="162">
        <f t="shared" si="253"/>
        <v>25</v>
      </c>
      <c r="CI36" s="162">
        <f t="shared" si="254"/>
        <v>25</v>
      </c>
      <c r="CJ36" s="162">
        <f t="shared" si="255"/>
        <v>25</v>
      </c>
      <c r="CK36" s="162">
        <f t="shared" si="256"/>
        <v>25</v>
      </c>
      <c r="CL36">
        <f t="shared" si="257"/>
        <v>1.3729593947216077</v>
      </c>
      <c r="CM36">
        <f t="shared" si="258"/>
        <v>1.3812226911259402</v>
      </c>
      <c r="CN36">
        <f t="shared" si="259"/>
        <v>1.3598789559254914</v>
      </c>
      <c r="CO36">
        <f t="shared" si="260"/>
        <v>1.343596691308466</v>
      </c>
      <c r="CP36">
        <f t="shared" si="261"/>
        <v>1.3251684520371374</v>
      </c>
      <c r="CQ36">
        <f t="shared" si="262"/>
        <v>1.3039414458486474</v>
      </c>
      <c r="CR36">
        <f t="shared" si="263"/>
        <v>1.2789106527347756</v>
      </c>
      <c r="CS36">
        <f t="shared" si="264"/>
        <v>1.2484086368100327</v>
      </c>
      <c r="CT36">
        <f t="shared" si="265"/>
        <v>1.209354700351261</v>
      </c>
      <c r="CU36">
        <f t="shared" si="266"/>
        <v>1.1550011746316404</v>
      </c>
      <c r="CV36">
        <f t="shared" si="267"/>
        <v>1.0934395302945448</v>
      </c>
      <c r="CW36">
        <f t="shared" si="268"/>
        <v>1.0649556792381611</v>
      </c>
      <c r="CX36" s="98">
        <f t="shared" si="269"/>
        <v>1.0649556792381611</v>
      </c>
      <c r="CY36">
        <f t="shared" si="270"/>
        <v>1.1029593947216076</v>
      </c>
      <c r="CZ36">
        <f t="shared" si="271"/>
        <v>1.1112226911259402</v>
      </c>
      <c r="DA36">
        <f t="shared" si="272"/>
        <v>1.0898789559254913</v>
      </c>
      <c r="DB36">
        <f t="shared" si="273"/>
        <v>1.073596691308466</v>
      </c>
      <c r="DC36">
        <f t="shared" si="274"/>
        <v>1.0551684520371374</v>
      </c>
      <c r="DD36">
        <f t="shared" si="275"/>
        <v>1.0339414458486473</v>
      </c>
      <c r="DE36">
        <f t="shared" si="276"/>
        <v>1.0089106527347755</v>
      </c>
      <c r="DF36">
        <f t="shared" si="277"/>
        <v>0.97840863681003265</v>
      </c>
      <c r="DG36">
        <f t="shared" si="278"/>
        <v>0.93935470035126101</v>
      </c>
      <c r="DH36">
        <f t="shared" si="279"/>
        <v>0.88500117463164041</v>
      </c>
      <c r="DI36">
        <f t="shared" si="280"/>
        <v>0.82343953029454475</v>
      </c>
      <c r="DJ36">
        <f t="shared" si="281"/>
        <v>0.79495567923816113</v>
      </c>
      <c r="DK36">
        <f t="shared" si="282"/>
        <v>0.79495567923816113</v>
      </c>
      <c r="DL36" s="97">
        <f t="shared" si="283"/>
        <v>1.5000349036450102</v>
      </c>
      <c r="DM36">
        <f t="shared" si="284"/>
        <v>1.5111018184722413</v>
      </c>
      <c r="DN36">
        <f t="shared" si="285"/>
        <v>1.4825164588287829</v>
      </c>
      <c r="DO36">
        <f t="shared" si="286"/>
        <v>1.4607098544309811</v>
      </c>
      <c r="DP36">
        <f t="shared" si="287"/>
        <v>1.4360291768354518</v>
      </c>
      <c r="DQ36">
        <f t="shared" si="288"/>
        <v>1.4076001506901528</v>
      </c>
      <c r="DR36">
        <f t="shared" si="289"/>
        <v>1.374076767055503</v>
      </c>
      <c r="DS36">
        <f t="shared" si="290"/>
        <v>1.3332258528705794</v>
      </c>
      <c r="DT36">
        <f t="shared" si="291"/>
        <v>1.2809214736847245</v>
      </c>
      <c r="DU36">
        <f t="shared" si="292"/>
        <v>1.2081265731673756</v>
      </c>
      <c r="DV36">
        <f t="shared" si="293"/>
        <v>1.1471686262697698</v>
      </c>
      <c r="DW36">
        <f t="shared" si="294"/>
        <v>1.1471686262697698</v>
      </c>
      <c r="DX36" s="98">
        <f t="shared" si="295"/>
        <v>1.1471686262697698</v>
      </c>
      <c r="DY36">
        <f t="shared" si="296"/>
        <v>1.0527062241310117</v>
      </c>
      <c r="DZ36">
        <f t="shared" si="297"/>
        <v>1.0652487276018736</v>
      </c>
      <c r="EA36">
        <f t="shared" si="298"/>
        <v>1.0328519866726209</v>
      </c>
      <c r="EB36">
        <f t="shared" si="299"/>
        <v>1.0081378350217789</v>
      </c>
      <c r="EC36">
        <f t="shared" si="300"/>
        <v>0.980166400413512</v>
      </c>
      <c r="ED36">
        <f t="shared" si="301"/>
        <v>0.94794683744883979</v>
      </c>
      <c r="EE36">
        <f t="shared" si="302"/>
        <v>0.90995366932957</v>
      </c>
      <c r="EF36">
        <f t="shared" si="303"/>
        <v>0.86365596658665678</v>
      </c>
      <c r="EG36">
        <f t="shared" si="304"/>
        <v>0.80437767017602124</v>
      </c>
      <c r="EH36">
        <f t="shared" si="305"/>
        <v>0.72187678292302571</v>
      </c>
      <c r="EI36">
        <f t="shared" si="306"/>
        <v>0.65279110977240584</v>
      </c>
      <c r="EJ36">
        <f t="shared" si="307"/>
        <v>0.65279110977240584</v>
      </c>
      <c r="EK36">
        <f t="shared" si="308"/>
        <v>0.65279110977240584</v>
      </c>
      <c r="EL36" s="97">
        <f t="shared" si="309"/>
        <v>1.1554124482620232</v>
      </c>
      <c r="EM36">
        <f t="shared" si="310"/>
        <v>1.1804974552037475</v>
      </c>
      <c r="EN36">
        <f t="shared" si="311"/>
        <v>1.1157039733452416</v>
      </c>
      <c r="EO36">
        <f t="shared" si="312"/>
        <v>1.0662756700435576</v>
      </c>
      <c r="EP36">
        <f t="shared" si="313"/>
        <v>1.0103328008270243</v>
      </c>
      <c r="EQ36">
        <f t="shared" si="314"/>
        <v>0.94589367489767973</v>
      </c>
      <c r="ER36">
        <f t="shared" si="315"/>
        <v>0.90279110977240584</v>
      </c>
      <c r="ES36">
        <f t="shared" si="316"/>
        <v>0.90279110977240584</v>
      </c>
      <c r="ET36">
        <f t="shared" si="317"/>
        <v>0.90279110977240584</v>
      </c>
      <c r="EU36">
        <f t="shared" si="318"/>
        <v>0.90279110977240584</v>
      </c>
      <c r="EV36">
        <f t="shared" si="319"/>
        <v>0.90279110977240584</v>
      </c>
      <c r="EW36">
        <f t="shared" si="320"/>
        <v>0.90279110977240584</v>
      </c>
      <c r="EX36" s="98">
        <f t="shared" si="321"/>
        <v>0.90279110977240584</v>
      </c>
      <c r="EY36" s="97">
        <f t="shared" si="322"/>
        <v>0.90541244826202316</v>
      </c>
      <c r="EZ36">
        <f t="shared" si="323"/>
        <v>0.93049745520374738</v>
      </c>
      <c r="FA36">
        <f t="shared" si="324"/>
        <v>0.86570397334524163</v>
      </c>
      <c r="FB36">
        <f t="shared" si="325"/>
        <v>0.81627567004355761</v>
      </c>
      <c r="FC36">
        <f t="shared" si="326"/>
        <v>0.76033280082702415</v>
      </c>
      <c r="FD36">
        <f t="shared" si="327"/>
        <v>0.69589367489767973</v>
      </c>
      <c r="FE36">
        <f t="shared" si="328"/>
        <v>0.65279110977240584</v>
      </c>
      <c r="FF36">
        <f t="shared" si="329"/>
        <v>0.65279110977240584</v>
      </c>
      <c r="FG36">
        <f t="shared" si="330"/>
        <v>0.65279110977240584</v>
      </c>
      <c r="FH36">
        <f t="shared" si="331"/>
        <v>0.65279110977240584</v>
      </c>
      <c r="FI36">
        <f t="shared" si="332"/>
        <v>0.65279110977240584</v>
      </c>
      <c r="FJ36">
        <f t="shared" si="333"/>
        <v>0.65279110977240584</v>
      </c>
      <c r="FK36">
        <f t="shared" si="334"/>
        <v>0.65279110977240584</v>
      </c>
      <c r="FL36" s="126">
        <f t="shared" si="335"/>
        <v>0</v>
      </c>
      <c r="FM36" s="91">
        <f t="shared" si="336"/>
        <v>27.807222665268139</v>
      </c>
      <c r="FN36" s="91">
        <f t="shared" si="337"/>
        <v>109.51009469561217</v>
      </c>
      <c r="FO36" s="91">
        <f t="shared" si="338"/>
        <v>162.29834308793033</v>
      </c>
      <c r="FP36" s="91">
        <f t="shared" si="339"/>
        <v>213.42976452115329</v>
      </c>
      <c r="FQ36" s="91">
        <f t="shared" si="340"/>
        <v>262.51371600062214</v>
      </c>
      <c r="FR36" s="91">
        <f t="shared" si="341"/>
        <v>308.96932277232628</v>
      </c>
      <c r="FS36" s="91">
        <f t="shared" si="342"/>
        <v>351.86713938076463</v>
      </c>
      <c r="FT36" s="91">
        <f t="shared" si="343"/>
        <v>389.55392957285102</v>
      </c>
      <c r="FU36" s="91">
        <f t="shared" si="344"/>
        <v>418.5514405921358</v>
      </c>
      <c r="FV36" s="91">
        <f t="shared" si="345"/>
        <v>429.2628374573361</v>
      </c>
      <c r="FW36" s="91">
        <f t="shared" si="346"/>
        <v>428.8006545429285</v>
      </c>
      <c r="FX36" s="91">
        <f t="shared" si="347"/>
        <v>428.8006545429285</v>
      </c>
      <c r="FY36" s="91">
        <f t="shared" si="348"/>
        <v>0</v>
      </c>
      <c r="FZ36" s="91">
        <f t="shared" si="349"/>
        <v>0.66673361467556413</v>
      </c>
      <c r="GA36" s="91">
        <f t="shared" si="350"/>
        <v>6.539273735552948</v>
      </c>
      <c r="GB36" s="91">
        <f t="shared" si="351"/>
        <v>11.380124927869739</v>
      </c>
      <c r="GC36" s="91">
        <f t="shared" si="352"/>
        <v>18.993032136668472</v>
      </c>
      <c r="GD36" s="91">
        <f t="shared" si="353"/>
        <v>28.950360483762125</v>
      </c>
      <c r="GE36" s="91">
        <f t="shared" si="354"/>
        <v>44.392068720330123</v>
      </c>
      <c r="GF36" s="91">
        <f t="shared" si="355"/>
        <v>62.61815275584209</v>
      </c>
      <c r="GG36" s="91">
        <f t="shared" si="356"/>
        <v>93.935470035126102</v>
      </c>
      <c r="GH36" s="91">
        <f t="shared" si="357"/>
        <v>145.14019263958903</v>
      </c>
      <c r="GI36" s="91">
        <f t="shared" si="358"/>
        <v>247.03185908836343</v>
      </c>
      <c r="GJ36" s="91">
        <f t="shared" si="359"/>
        <v>397.47783961908056</v>
      </c>
      <c r="GK36" s="127">
        <f t="shared" si="360"/>
        <v>4769.7340754289671</v>
      </c>
      <c r="GL36" s="126">
        <f t="shared" si="361"/>
        <v>0</v>
      </c>
      <c r="GM36" s="91">
        <f t="shared" si="362"/>
        <v>30.421991331387602</v>
      </c>
      <c r="GN36" s="91">
        <f t="shared" si="363"/>
        <v>119.38600644323738</v>
      </c>
      <c r="GO36" s="91">
        <f t="shared" si="364"/>
        <v>176.44490392089907</v>
      </c>
      <c r="GP36" s="91">
        <f t="shared" si="365"/>
        <v>231.28483672120106</v>
      </c>
      <c r="GQ36" s="91">
        <f t="shared" si="366"/>
        <v>283.38262226201095</v>
      </c>
      <c r="GR36" s="91">
        <f t="shared" si="367"/>
        <v>331.96030328349315</v>
      </c>
      <c r="GS36" s="91">
        <f t="shared" si="368"/>
        <v>375.77308676488718</v>
      </c>
      <c r="GT36" s="91">
        <f t="shared" si="369"/>
        <v>412.6068170100956</v>
      </c>
      <c r="GU36" s="91">
        <f t="shared" si="370"/>
        <v>437.80311979173041</v>
      </c>
      <c r="GV36" s="91">
        <f t="shared" si="371"/>
        <v>450.3558229890827</v>
      </c>
      <c r="GW36" s="91">
        <f t="shared" si="372"/>
        <v>461.903408193931</v>
      </c>
      <c r="GX36" s="91">
        <f t="shared" si="373"/>
        <v>461.903408193931</v>
      </c>
      <c r="GY36" s="91">
        <f t="shared" si="374"/>
        <v>0</v>
      </c>
      <c r="GZ36" s="91">
        <f t="shared" si="375"/>
        <v>0.6391492365611241</v>
      </c>
      <c r="HA36" s="91">
        <f t="shared" si="376"/>
        <v>6.1971119200357254</v>
      </c>
      <c r="HB36" s="91">
        <f t="shared" si="377"/>
        <v>10.686261051230856</v>
      </c>
      <c r="HC36" s="91">
        <f t="shared" si="378"/>
        <v>17.642995207443217</v>
      </c>
      <c r="HD36" s="91">
        <f t="shared" si="379"/>
        <v>26.542511448567513</v>
      </c>
      <c r="HE36" s="91">
        <f t="shared" si="380"/>
        <v>40.037961450501079</v>
      </c>
      <c r="HF36" s="91">
        <f t="shared" si="381"/>
        <v>55.273981861546034</v>
      </c>
      <c r="HG36" s="91">
        <f t="shared" si="382"/>
        <v>80.437767017602127</v>
      </c>
      <c r="HH36" s="91">
        <f t="shared" si="383"/>
        <v>118.38779239937621</v>
      </c>
      <c r="HI36" s="91">
        <f t="shared" si="384"/>
        <v>195.83733293172176</v>
      </c>
      <c r="HJ36" s="91">
        <f t="shared" si="385"/>
        <v>326.39555488620294</v>
      </c>
      <c r="HK36" s="127">
        <f t="shared" si="386"/>
        <v>3916.7466586344349</v>
      </c>
      <c r="HL36" s="126">
        <f t="shared" si="387"/>
        <v>0</v>
      </c>
      <c r="HM36" s="91">
        <f t="shared" si="388"/>
        <v>23.766157190679898</v>
      </c>
      <c r="HN36" s="91">
        <f t="shared" si="389"/>
        <v>89.846855296143374</v>
      </c>
      <c r="HO36" s="91">
        <f t="shared" si="390"/>
        <v>128.79964325791258</v>
      </c>
      <c r="HP36" s="91">
        <f t="shared" si="391"/>
        <v>162.72277795099964</v>
      </c>
      <c r="HQ36" s="91">
        <f t="shared" si="392"/>
        <v>190.43037885590488</v>
      </c>
      <c r="HR36" s="91">
        <f t="shared" si="393"/>
        <v>218.10339697678901</v>
      </c>
      <c r="HS36" s="91">
        <f t="shared" si="394"/>
        <v>254.45396313958716</v>
      </c>
      <c r="HT36" s="91">
        <f t="shared" si="395"/>
        <v>290.80452930238539</v>
      </c>
      <c r="HU36" s="91">
        <f t="shared" si="396"/>
        <v>327.15509546518354</v>
      </c>
      <c r="HV36" s="91">
        <f t="shared" si="397"/>
        <v>354.41802008728217</v>
      </c>
      <c r="HW36" s="91">
        <f t="shared" si="398"/>
        <v>363.50566162798174</v>
      </c>
      <c r="HX36" s="91">
        <f t="shared" si="399"/>
        <v>363.50566162798174</v>
      </c>
      <c r="HY36" s="91">
        <f t="shared" si="400"/>
        <v>0</v>
      </c>
      <c r="HZ36" s="91">
        <f t="shared" si="401"/>
        <v>0.55829847312224845</v>
      </c>
      <c r="IA36" s="91">
        <f t="shared" si="402"/>
        <v>5.1942238400714498</v>
      </c>
      <c r="IB36" s="91">
        <f t="shared" si="403"/>
        <v>8.6525221024617096</v>
      </c>
      <c r="IC36" s="91">
        <f t="shared" si="404"/>
        <v>13.685990414886435</v>
      </c>
      <c r="ID36" s="91">
        <f t="shared" si="405"/>
        <v>19.485022897135032</v>
      </c>
      <c r="IE36" s="91">
        <f t="shared" si="406"/>
        <v>28.722808829985858</v>
      </c>
      <c r="IF36" s="91">
        <f t="shared" si="407"/>
        <v>41.778631025433974</v>
      </c>
      <c r="IG36" s="91">
        <f t="shared" si="408"/>
        <v>65.279110977240578</v>
      </c>
      <c r="IH36" s="91">
        <f t="shared" si="409"/>
        <v>107.05774200267456</v>
      </c>
      <c r="II36" s="91">
        <f t="shared" si="410"/>
        <v>195.83733293172176</v>
      </c>
      <c r="IJ36" s="91">
        <f t="shared" si="411"/>
        <v>326.39555488620294</v>
      </c>
      <c r="IK36" s="127">
        <f t="shared" si="412"/>
        <v>3916.7466586344349</v>
      </c>
    </row>
    <row r="37" spans="2:245" x14ac:dyDescent="0.2">
      <c r="B37" s="79">
        <f t="shared" si="188"/>
        <v>-26.5</v>
      </c>
      <c r="C37" s="73">
        <f>'p-y mono_clay'!C37</f>
        <v>11</v>
      </c>
      <c r="D37" s="64">
        <f>'p-y mono_clay'!D37</f>
        <v>10.991</v>
      </c>
      <c r="E37" s="64" t="str">
        <f>'p-y mono_clay'!E37</f>
        <v>CLAY</v>
      </c>
      <c r="F37" s="55">
        <f>VLOOKUP($C37, 'Pile Property'!$A$8:$D$108,2,TRUE)</f>
        <v>2</v>
      </c>
      <c r="G37" s="102">
        <f>'p-y mono_clay'!Z37</f>
        <v>454.74426486866832</v>
      </c>
      <c r="H37" s="199">
        <f>'p-y mono_clay'!AM37</f>
        <v>0</v>
      </c>
      <c r="I37" s="55">
        <f>'p-y mono_clay'!AN37</f>
        <v>0.6</v>
      </c>
      <c r="J37" s="55">
        <f>'p-y mono_clay'!AO37</f>
        <v>6</v>
      </c>
      <c r="K37" s="55">
        <f>'p-y mono_clay'!AP37</f>
        <v>10.6</v>
      </c>
      <c r="L37" s="55">
        <f>'p-y mono_clay'!AQ37</f>
        <v>18</v>
      </c>
      <c r="M37" s="55">
        <f>'p-y mono_clay'!AR37</f>
        <v>28</v>
      </c>
      <c r="N37" s="55">
        <f>'p-y mono_clay'!AS37</f>
        <v>44</v>
      </c>
      <c r="O37" s="55">
        <f>'p-y mono_clay'!AT37</f>
        <v>64</v>
      </c>
      <c r="P37" s="55">
        <f>'p-y mono_clay'!AU37</f>
        <v>100</v>
      </c>
      <c r="Q37" s="55">
        <f>'p-y mono_clay'!AV37</f>
        <v>164</v>
      </c>
      <c r="R37" s="55">
        <f>'p-y mono_clay'!AW37</f>
        <v>300</v>
      </c>
      <c r="S37" s="55">
        <f>'p-y mono_clay'!AX37</f>
        <v>500</v>
      </c>
      <c r="T37" s="200">
        <f>'p-y mono_clay'!AY37</f>
        <v>6000</v>
      </c>
      <c r="U37" s="199">
        <f>'p-y mono_clay'!AZ37</f>
        <v>0</v>
      </c>
      <c r="V37" s="55">
        <f>'p-y mono_clay'!BA37</f>
        <v>22.737213243433416</v>
      </c>
      <c r="W37" s="55">
        <f>'p-y mono_clay'!BB37</f>
        <v>90.948852973733665</v>
      </c>
      <c r="X37" s="55">
        <f>'p-y mono_clay'!BC37</f>
        <v>136.4232794606005</v>
      </c>
      <c r="Y37" s="55">
        <f>'p-y mono_clay'!BD37</f>
        <v>181.89770594746733</v>
      </c>
      <c r="Z37" s="55">
        <f>'p-y mono_clay'!BE37</f>
        <v>227.37213243433416</v>
      </c>
      <c r="AA37" s="55">
        <f>'p-y mono_clay'!BF37</f>
        <v>272.84655892120099</v>
      </c>
      <c r="AB37" s="55">
        <f>'p-y mono_clay'!BG37</f>
        <v>318.32098540806783</v>
      </c>
      <c r="AC37" s="55">
        <f>'p-y mono_clay'!BH37</f>
        <v>363.79541189493466</v>
      </c>
      <c r="AD37" s="55">
        <f>'p-y mono_clay'!BI37</f>
        <v>409.26983838180149</v>
      </c>
      <c r="AE37" s="55">
        <f>'p-y mono_clay'!BJ37</f>
        <v>443.37565824695162</v>
      </c>
      <c r="AF37" s="55">
        <f>'p-y mono_clay'!BK37</f>
        <v>454.74426486866832</v>
      </c>
      <c r="AG37" s="200">
        <f>'p-y mono_clay'!BL37</f>
        <v>454.74426486866832</v>
      </c>
      <c r="AH37">
        <f t="shared" si="205"/>
        <v>30</v>
      </c>
      <c r="AI37">
        <v>0</v>
      </c>
      <c r="AJ37">
        <f t="shared" si="206"/>
        <v>-8.4224534444444457E-2</v>
      </c>
      <c r="AK37">
        <f t="shared" si="207"/>
        <v>6.5775465555555551E-2</v>
      </c>
      <c r="AL37">
        <f t="shared" si="208"/>
        <v>0.16577546555555553</v>
      </c>
      <c r="AM37">
        <f t="shared" si="209"/>
        <v>0.26577546555555553</v>
      </c>
      <c r="AN37">
        <f t="shared" si="210"/>
        <v>0.36577546555555551</v>
      </c>
      <c r="AO37">
        <f t="shared" si="211"/>
        <v>0.46577546555555549</v>
      </c>
      <c r="AP37">
        <f t="shared" si="212"/>
        <v>0.56577546555555547</v>
      </c>
      <c r="AQ37">
        <f t="shared" si="213"/>
        <v>0.66577546555555556</v>
      </c>
      <c r="AR37">
        <f t="shared" si="214"/>
        <v>0.76577546555555553</v>
      </c>
      <c r="AS37">
        <f t="shared" si="215"/>
        <v>0.84077546555555549</v>
      </c>
      <c r="AT37">
        <f t="shared" si="216"/>
        <v>0.86577546555555551</v>
      </c>
      <c r="AU37">
        <f t="shared" si="217"/>
        <v>0.86577546555555551</v>
      </c>
      <c r="AV37">
        <v>1</v>
      </c>
      <c r="AW37">
        <v>1.25</v>
      </c>
      <c r="AX37">
        <v>2.5</v>
      </c>
      <c r="AY37" s="162">
        <f t="shared" si="218"/>
        <v>2</v>
      </c>
      <c r="AZ37" s="162">
        <f t="shared" si="219"/>
        <v>1.8446363612540808</v>
      </c>
      <c r="BA37" s="162">
        <f t="shared" si="220"/>
        <v>2.1408129697528664</v>
      </c>
      <c r="BB37" s="162">
        <f t="shared" si="221"/>
        <v>2.3974360827590728</v>
      </c>
      <c r="BC37" s="162">
        <f t="shared" si="222"/>
        <v>2.7239623659720285</v>
      </c>
      <c r="BD37" s="162">
        <f t="shared" si="223"/>
        <v>3.1534573189476509</v>
      </c>
      <c r="BE37" s="162">
        <f t="shared" si="224"/>
        <v>3.7437441956496018</v>
      </c>
      <c r="BF37" s="162">
        <f t="shared" si="225"/>
        <v>4.6059120140662699</v>
      </c>
      <c r="BG37" s="162">
        <f t="shared" si="226"/>
        <v>5.9840011545664806</v>
      </c>
      <c r="BH37" s="162">
        <f t="shared" si="227"/>
        <v>8.5388151362699301</v>
      </c>
      <c r="BI37" s="162">
        <f t="shared" si="228"/>
        <v>12.560878302946621</v>
      </c>
      <c r="BJ37" s="162">
        <f t="shared" si="229"/>
        <v>14.900405565033266</v>
      </c>
      <c r="BK37" s="162">
        <f t="shared" si="230"/>
        <v>14.900405565033266</v>
      </c>
      <c r="BL37" s="162">
        <f t="shared" si="231"/>
        <v>2.3784142300054421</v>
      </c>
      <c r="BM37" s="162">
        <f t="shared" si="232"/>
        <v>2.1497524691197745</v>
      </c>
      <c r="BN37" s="162">
        <f t="shared" si="233"/>
        <v>2.5895446815455356</v>
      </c>
      <c r="BO37" s="162">
        <f t="shared" si="234"/>
        <v>2.983209798185797</v>
      </c>
      <c r="BP37" s="162">
        <f t="shared" si="235"/>
        <v>3.499462781053102</v>
      </c>
      <c r="BQ37" s="162">
        <f t="shared" si="236"/>
        <v>4.2022675214376184</v>
      </c>
      <c r="BR37" s="162">
        <f t="shared" si="237"/>
        <v>5.2075411208426532</v>
      </c>
      <c r="BS37" s="162">
        <f t="shared" si="238"/>
        <v>6.7475256913860617</v>
      </c>
      <c r="BT37" s="162">
        <f t="shared" si="239"/>
        <v>9.3592184869349815</v>
      </c>
      <c r="BU37" s="162">
        <f t="shared" si="240"/>
        <v>14.596442274438896</v>
      </c>
      <c r="BV37" s="162">
        <f t="shared" si="241"/>
        <v>23.646943293843677</v>
      </c>
      <c r="BW37" s="162">
        <f t="shared" si="242"/>
        <v>25</v>
      </c>
      <c r="BX37" s="162">
        <f t="shared" si="243"/>
        <v>25</v>
      </c>
      <c r="BY37" s="162">
        <f t="shared" si="244"/>
        <v>5.6568542494923806</v>
      </c>
      <c r="BZ37" s="162">
        <f t="shared" si="245"/>
        <v>4.6214356784865664</v>
      </c>
      <c r="CA37" s="162">
        <f t="shared" si="246"/>
        <v>6.70574165772077</v>
      </c>
      <c r="CB37" s="162">
        <f t="shared" si="247"/>
        <v>8.8995406999917428</v>
      </c>
      <c r="CC37" s="162">
        <f t="shared" si="248"/>
        <v>12.24623975597591</v>
      </c>
      <c r="CD37" s="162">
        <f t="shared" si="249"/>
        <v>17.659052321729469</v>
      </c>
      <c r="CE37" s="162">
        <f t="shared" si="250"/>
        <v>25</v>
      </c>
      <c r="CF37" s="162">
        <f t="shared" si="251"/>
        <v>25</v>
      </c>
      <c r="CG37" s="162">
        <f t="shared" si="252"/>
        <v>25</v>
      </c>
      <c r="CH37" s="162">
        <f t="shared" si="253"/>
        <v>25</v>
      </c>
      <c r="CI37" s="162">
        <f t="shared" si="254"/>
        <v>25</v>
      </c>
      <c r="CJ37" s="162">
        <f t="shared" si="255"/>
        <v>25</v>
      </c>
      <c r="CK37" s="162">
        <f t="shared" si="256"/>
        <v>25</v>
      </c>
      <c r="CL37">
        <f t="shared" si="257"/>
        <v>1.3729593947216077</v>
      </c>
      <c r="CM37">
        <f t="shared" si="258"/>
        <v>1.3842804970546088</v>
      </c>
      <c r="CN37">
        <f t="shared" si="259"/>
        <v>1.3634340090978894</v>
      </c>
      <c r="CO37">
        <f t="shared" si="260"/>
        <v>1.3475840185548205</v>
      </c>
      <c r="CP37">
        <f t="shared" si="261"/>
        <v>1.329707739854288</v>
      </c>
      <c r="CQ37">
        <f t="shared" si="262"/>
        <v>1.3092100822460961</v>
      </c>
      <c r="CR37">
        <f t="shared" si="263"/>
        <v>1.2851879274542517</v>
      </c>
      <c r="CS37">
        <f t="shared" si="264"/>
        <v>1.2561723021742448</v>
      </c>
      <c r="CT37">
        <f t="shared" si="265"/>
        <v>1.2195274792939816</v>
      </c>
      <c r="CU37">
        <f t="shared" si="266"/>
        <v>1.1697528842511025</v>
      </c>
      <c r="CV37">
        <f t="shared" si="267"/>
        <v>1.1157178077956798</v>
      </c>
      <c r="CW37">
        <f t="shared" si="268"/>
        <v>1.0918056195604979</v>
      </c>
      <c r="CX37" s="98">
        <f t="shared" si="269"/>
        <v>1.0918056195604979</v>
      </c>
      <c r="CY37">
        <f t="shared" si="270"/>
        <v>1.1029593947216076</v>
      </c>
      <c r="CZ37">
        <f t="shared" si="271"/>
        <v>1.1142804970546087</v>
      </c>
      <c r="DA37">
        <f t="shared" si="272"/>
        <v>1.0934340090978893</v>
      </c>
      <c r="DB37">
        <f t="shared" si="273"/>
        <v>1.0775840185548204</v>
      </c>
      <c r="DC37">
        <f t="shared" si="274"/>
        <v>1.059707739854288</v>
      </c>
      <c r="DD37">
        <f t="shared" si="275"/>
        <v>1.0392100822460961</v>
      </c>
      <c r="DE37">
        <f t="shared" si="276"/>
        <v>1.0151879274542517</v>
      </c>
      <c r="DF37">
        <f t="shared" si="277"/>
        <v>0.98617230217424479</v>
      </c>
      <c r="DG37">
        <f t="shared" si="278"/>
        <v>0.94952747929398162</v>
      </c>
      <c r="DH37">
        <f t="shared" si="279"/>
        <v>0.89975288425110256</v>
      </c>
      <c r="DI37">
        <f t="shared" si="280"/>
        <v>0.84571780779567962</v>
      </c>
      <c r="DJ37">
        <f t="shared" si="281"/>
        <v>0.82180561956049791</v>
      </c>
      <c r="DK37">
        <f t="shared" si="282"/>
        <v>0.82180561956049791</v>
      </c>
      <c r="DL37" s="97">
        <f t="shared" si="283"/>
        <v>1.5000349036450102</v>
      </c>
      <c r="DM37">
        <f t="shared" si="284"/>
        <v>1.5151970942695652</v>
      </c>
      <c r="DN37">
        <f t="shared" si="285"/>
        <v>1.4872776907561016</v>
      </c>
      <c r="DO37">
        <f t="shared" si="286"/>
        <v>1.466050024850206</v>
      </c>
      <c r="DP37">
        <f t="shared" si="287"/>
        <v>1.4421085801619928</v>
      </c>
      <c r="DQ37">
        <f t="shared" si="288"/>
        <v>1.4146563601510216</v>
      </c>
      <c r="DR37">
        <f t="shared" si="289"/>
        <v>1.3824838314119443</v>
      </c>
      <c r="DS37">
        <f t="shared" si="290"/>
        <v>1.3436236189833635</v>
      </c>
      <c r="DT37">
        <f t="shared" si="291"/>
        <v>1.2945457311972968</v>
      </c>
      <c r="DU37">
        <f t="shared" si="292"/>
        <v>1.2278833271220124</v>
      </c>
      <c r="DV37">
        <f t="shared" si="293"/>
        <v>1.155514921154928</v>
      </c>
      <c r="DW37">
        <f t="shared" si="294"/>
        <v>1.1471686262697698</v>
      </c>
      <c r="DX37" s="98">
        <f t="shared" si="295"/>
        <v>1.1471686262697698</v>
      </c>
      <c r="DY37">
        <f t="shared" si="296"/>
        <v>1.0527062241310117</v>
      </c>
      <c r="DZ37">
        <f t="shared" si="297"/>
        <v>1.0698900401721738</v>
      </c>
      <c r="EA37">
        <f t="shared" si="298"/>
        <v>1.038248049523582</v>
      </c>
      <c r="EB37">
        <f t="shared" si="299"/>
        <v>1.0141900281635667</v>
      </c>
      <c r="EC37">
        <f t="shared" si="300"/>
        <v>0.98705639085025854</v>
      </c>
      <c r="ED37">
        <f t="shared" si="301"/>
        <v>0.95594387483782461</v>
      </c>
      <c r="EE37">
        <f t="shared" si="302"/>
        <v>0.91948167560020366</v>
      </c>
      <c r="EF37">
        <f t="shared" si="303"/>
        <v>0.8754401015144786</v>
      </c>
      <c r="EG37">
        <f t="shared" si="304"/>
        <v>0.81981849535693629</v>
      </c>
      <c r="EH37">
        <f t="shared" si="305"/>
        <v>0.74426777073828065</v>
      </c>
      <c r="EI37">
        <f t="shared" si="306"/>
        <v>0.66225024397558518</v>
      </c>
      <c r="EJ37">
        <f t="shared" si="307"/>
        <v>0.65279110977240584</v>
      </c>
      <c r="EK37">
        <f t="shared" si="308"/>
        <v>0.65279110977240584</v>
      </c>
      <c r="EL37" s="97">
        <f t="shared" si="309"/>
        <v>1.1554124482620232</v>
      </c>
      <c r="EM37">
        <f t="shared" si="310"/>
        <v>1.1897800803443479</v>
      </c>
      <c r="EN37">
        <f t="shared" si="311"/>
        <v>1.1264960990471637</v>
      </c>
      <c r="EO37">
        <f t="shared" si="312"/>
        <v>1.0783800563271335</v>
      </c>
      <c r="EP37">
        <f t="shared" si="313"/>
        <v>1.0241127817005171</v>
      </c>
      <c r="EQ37">
        <f t="shared" si="314"/>
        <v>0.96188774967564927</v>
      </c>
      <c r="ER37">
        <f t="shared" si="315"/>
        <v>0.90279110977240584</v>
      </c>
      <c r="ES37">
        <f t="shared" si="316"/>
        <v>0.90279110977240584</v>
      </c>
      <c r="ET37">
        <f t="shared" si="317"/>
        <v>0.90279110977240584</v>
      </c>
      <c r="EU37">
        <f t="shared" si="318"/>
        <v>0.90279110977240584</v>
      </c>
      <c r="EV37">
        <f t="shared" si="319"/>
        <v>0.90279110977240584</v>
      </c>
      <c r="EW37">
        <f t="shared" si="320"/>
        <v>0.90279110977240584</v>
      </c>
      <c r="EX37" s="98">
        <f t="shared" si="321"/>
        <v>0.90279110977240584</v>
      </c>
      <c r="EY37" s="97">
        <f t="shared" si="322"/>
        <v>0.90541244826202316</v>
      </c>
      <c r="EZ37">
        <f t="shared" si="323"/>
        <v>0.9397800803443479</v>
      </c>
      <c r="FA37">
        <f t="shared" si="324"/>
        <v>0.87649609904716386</v>
      </c>
      <c r="FB37">
        <f t="shared" si="325"/>
        <v>0.82838005632713352</v>
      </c>
      <c r="FC37">
        <f t="shared" si="326"/>
        <v>0.77411278170051712</v>
      </c>
      <c r="FD37">
        <f t="shared" si="327"/>
        <v>0.71188774967564927</v>
      </c>
      <c r="FE37">
        <f t="shared" si="328"/>
        <v>0.65279110977240584</v>
      </c>
      <c r="FF37">
        <f t="shared" si="329"/>
        <v>0.65279110977240584</v>
      </c>
      <c r="FG37">
        <f t="shared" si="330"/>
        <v>0.65279110977240584</v>
      </c>
      <c r="FH37">
        <f t="shared" si="331"/>
        <v>0.65279110977240584</v>
      </c>
      <c r="FI37">
        <f t="shared" si="332"/>
        <v>0.65279110977240584</v>
      </c>
      <c r="FJ37">
        <f t="shared" si="333"/>
        <v>0.65279110977240584</v>
      </c>
      <c r="FK37">
        <f t="shared" si="334"/>
        <v>0.65279110977240584</v>
      </c>
      <c r="FL37" s="126">
        <f t="shared" si="335"/>
        <v>0</v>
      </c>
      <c r="FM37" s="91">
        <f t="shared" si="336"/>
        <v>31.474680850256643</v>
      </c>
      <c r="FN37" s="91">
        <f t="shared" si="337"/>
        <v>124.00275923283219</v>
      </c>
      <c r="FO37" s="91">
        <f t="shared" si="338"/>
        <v>183.84183115994333</v>
      </c>
      <c r="FP37" s="91">
        <f t="shared" si="339"/>
        <v>241.87078746008666</v>
      </c>
      <c r="FQ37" s="91">
        <f t="shared" si="340"/>
        <v>297.67788820482491</v>
      </c>
      <c r="FR37" s="91">
        <f t="shared" si="341"/>
        <v>350.65910357296269</v>
      </c>
      <c r="FS37" s="91">
        <f t="shared" si="342"/>
        <v>399.86600507042675</v>
      </c>
      <c r="FT37" s="91">
        <f t="shared" si="343"/>
        <v>443.65850164694547</v>
      </c>
      <c r="FU37" s="91">
        <f t="shared" si="344"/>
        <v>478.74457388409485</v>
      </c>
      <c r="FV37" s="91">
        <f t="shared" si="345"/>
        <v>494.68211744925537</v>
      </c>
      <c r="FW37" s="91">
        <f t="shared" si="346"/>
        <v>496.49234384651959</v>
      </c>
      <c r="FX37" s="91">
        <f t="shared" si="347"/>
        <v>496.49234384651959</v>
      </c>
      <c r="FY37" s="91">
        <f t="shared" si="348"/>
        <v>0</v>
      </c>
      <c r="FZ37" s="91">
        <f t="shared" si="349"/>
        <v>0.6685682982327652</v>
      </c>
      <c r="GA37" s="91">
        <f t="shared" si="350"/>
        <v>6.5606040545873361</v>
      </c>
      <c r="GB37" s="91">
        <f t="shared" si="351"/>
        <v>11.422390596681096</v>
      </c>
      <c r="GC37" s="91">
        <f t="shared" si="352"/>
        <v>19.074739317377183</v>
      </c>
      <c r="GD37" s="91">
        <f t="shared" si="353"/>
        <v>29.097882302890692</v>
      </c>
      <c r="GE37" s="91">
        <f t="shared" si="354"/>
        <v>44.668268807987076</v>
      </c>
      <c r="GF37" s="91">
        <f t="shared" si="355"/>
        <v>63.115027339151666</v>
      </c>
      <c r="GG37" s="91">
        <f t="shared" si="356"/>
        <v>94.952747929398157</v>
      </c>
      <c r="GH37" s="91">
        <f t="shared" si="357"/>
        <v>147.55947301718081</v>
      </c>
      <c r="GI37" s="91">
        <f t="shared" si="358"/>
        <v>253.71534233870389</v>
      </c>
      <c r="GJ37" s="91">
        <f t="shared" si="359"/>
        <v>410.90280978024896</v>
      </c>
      <c r="GK37" s="127">
        <f t="shared" si="360"/>
        <v>4930.833717362987</v>
      </c>
      <c r="GL37" s="126">
        <f t="shared" si="361"/>
        <v>0</v>
      </c>
      <c r="GM37" s="91">
        <f t="shared" si="362"/>
        <v>34.451359438237787</v>
      </c>
      <c r="GN37" s="91">
        <f t="shared" si="363"/>
        <v>135.26620002769081</v>
      </c>
      <c r="GO37" s="91">
        <f t="shared" si="364"/>
        <v>200.00335224335996</v>
      </c>
      <c r="GP37" s="91">
        <f t="shared" si="365"/>
        <v>262.31624245862577</v>
      </c>
      <c r="GQ37" s="91">
        <f t="shared" si="366"/>
        <v>321.65343326933123</v>
      </c>
      <c r="GR37" s="91">
        <f t="shared" si="367"/>
        <v>377.20595616494677</v>
      </c>
      <c r="GS37" s="91">
        <f t="shared" si="368"/>
        <v>427.70359441233853</v>
      </c>
      <c r="GT37" s="91">
        <f t="shared" si="369"/>
        <v>470.94979749774996</v>
      </c>
      <c r="GU37" s="91">
        <f t="shared" si="370"/>
        <v>502.53561084293472</v>
      </c>
      <c r="GV37" s="91">
        <f t="shared" si="371"/>
        <v>512.32718878124058</v>
      </c>
      <c r="GW37" s="91">
        <f t="shared" si="372"/>
        <v>521.6683536334466</v>
      </c>
      <c r="GX37" s="91">
        <f t="shared" si="373"/>
        <v>521.6683536334466</v>
      </c>
      <c r="GY37" s="91">
        <f t="shared" si="374"/>
        <v>0</v>
      </c>
      <c r="GZ37" s="91">
        <f t="shared" si="375"/>
        <v>0.64193402410330425</v>
      </c>
      <c r="HA37" s="91">
        <f t="shared" si="376"/>
        <v>6.2294882971414918</v>
      </c>
      <c r="HB37" s="91">
        <f t="shared" si="377"/>
        <v>10.750414298533807</v>
      </c>
      <c r="HC37" s="91">
        <f t="shared" si="378"/>
        <v>17.767015035304652</v>
      </c>
      <c r="HD37" s="91">
        <f t="shared" si="379"/>
        <v>26.766428495459088</v>
      </c>
      <c r="HE37" s="91">
        <f t="shared" si="380"/>
        <v>40.45719372640896</v>
      </c>
      <c r="HF37" s="91">
        <f t="shared" si="381"/>
        <v>56.02816649692663</v>
      </c>
      <c r="HG37" s="91">
        <f t="shared" si="382"/>
        <v>81.981849535693627</v>
      </c>
      <c r="HH37" s="91">
        <f t="shared" si="383"/>
        <v>122.05991440107803</v>
      </c>
      <c r="HI37" s="91">
        <f t="shared" si="384"/>
        <v>198.67507319267557</v>
      </c>
      <c r="HJ37" s="91">
        <f t="shared" si="385"/>
        <v>326.39555488620294</v>
      </c>
      <c r="HK37" s="127">
        <f t="shared" si="386"/>
        <v>3916.7466586344349</v>
      </c>
      <c r="HL37" s="126">
        <f t="shared" si="387"/>
        <v>0</v>
      </c>
      <c r="HM37" s="91">
        <f t="shared" si="388"/>
        <v>27.05228339957878</v>
      </c>
      <c r="HN37" s="91">
        <f t="shared" si="389"/>
        <v>102.453528087725</v>
      </c>
      <c r="HO37" s="91">
        <f t="shared" si="390"/>
        <v>147.11614378905463</v>
      </c>
      <c r="HP37" s="91">
        <f t="shared" si="391"/>
        <v>186.28376562280346</v>
      </c>
      <c r="HQ37" s="91">
        <f t="shared" si="392"/>
        <v>218.70646880621538</v>
      </c>
      <c r="HR37" s="91">
        <f t="shared" si="393"/>
        <v>246.32344772605316</v>
      </c>
      <c r="HS37" s="91">
        <f t="shared" si="394"/>
        <v>287.37735568039534</v>
      </c>
      <c r="HT37" s="91">
        <f t="shared" si="395"/>
        <v>328.43126363473755</v>
      </c>
      <c r="HU37" s="91">
        <f t="shared" si="396"/>
        <v>369.48517158907975</v>
      </c>
      <c r="HV37" s="91">
        <f t="shared" si="397"/>
        <v>400.27560255483638</v>
      </c>
      <c r="HW37" s="91">
        <f t="shared" si="398"/>
        <v>410.53907954342196</v>
      </c>
      <c r="HX37" s="91">
        <f t="shared" si="399"/>
        <v>410.53907954342196</v>
      </c>
      <c r="HY37" s="91">
        <f t="shared" si="400"/>
        <v>0</v>
      </c>
      <c r="HZ37" s="91">
        <f t="shared" si="401"/>
        <v>0.56386804820660874</v>
      </c>
      <c r="IA37" s="91">
        <f t="shared" si="402"/>
        <v>5.2589765942829834</v>
      </c>
      <c r="IB37" s="91">
        <f t="shared" si="403"/>
        <v>8.7808285970676145</v>
      </c>
      <c r="IC37" s="91">
        <f t="shared" si="404"/>
        <v>13.934030070609309</v>
      </c>
      <c r="ID37" s="91">
        <f t="shared" si="405"/>
        <v>19.932856990918179</v>
      </c>
      <c r="IE37" s="91">
        <f t="shared" si="406"/>
        <v>28.722808829985858</v>
      </c>
      <c r="IF37" s="91">
        <f t="shared" si="407"/>
        <v>41.778631025433974</v>
      </c>
      <c r="IG37" s="91">
        <f t="shared" si="408"/>
        <v>65.279110977240578</v>
      </c>
      <c r="IH37" s="91">
        <f t="shared" si="409"/>
        <v>107.05774200267456</v>
      </c>
      <c r="II37" s="91">
        <f t="shared" si="410"/>
        <v>195.83733293172176</v>
      </c>
      <c r="IJ37" s="91">
        <f t="shared" si="411"/>
        <v>326.39555488620294</v>
      </c>
      <c r="IK37" s="127">
        <f t="shared" si="412"/>
        <v>3916.7466586344349</v>
      </c>
    </row>
    <row r="38" spans="2:245" x14ac:dyDescent="0.2">
      <c r="B38" s="79">
        <f t="shared" si="188"/>
        <v>-27.5</v>
      </c>
      <c r="C38" s="73">
        <f>'p-y mono_clay'!C38</f>
        <v>12</v>
      </c>
      <c r="D38" s="64">
        <f>'p-y mono_clay'!D38</f>
        <v>11.986000000000001</v>
      </c>
      <c r="E38" s="64" t="str">
        <f>'p-y mono_clay'!E38</f>
        <v>CLAY</v>
      </c>
      <c r="F38" s="55">
        <f>VLOOKUP($C38, 'Pile Property'!$A$8:$D$108,2,TRUE)</f>
        <v>2</v>
      </c>
      <c r="G38" s="102">
        <f>'p-y mono_clay'!Z38</f>
        <v>546.26409536323843</v>
      </c>
      <c r="H38" s="199">
        <f>'p-y mono_clay'!AM38</f>
        <v>0</v>
      </c>
      <c r="I38" s="55">
        <f>'p-y mono_clay'!AN38</f>
        <v>0.6</v>
      </c>
      <c r="J38" s="55">
        <f>'p-y mono_clay'!AO38</f>
        <v>6</v>
      </c>
      <c r="K38" s="55">
        <f>'p-y mono_clay'!AP38</f>
        <v>10.6</v>
      </c>
      <c r="L38" s="55">
        <f>'p-y mono_clay'!AQ38</f>
        <v>18</v>
      </c>
      <c r="M38" s="55">
        <f>'p-y mono_clay'!AR38</f>
        <v>28</v>
      </c>
      <c r="N38" s="55">
        <f>'p-y mono_clay'!AS38</f>
        <v>44</v>
      </c>
      <c r="O38" s="55">
        <f>'p-y mono_clay'!AT38</f>
        <v>64</v>
      </c>
      <c r="P38" s="55">
        <f>'p-y mono_clay'!AU38</f>
        <v>100</v>
      </c>
      <c r="Q38" s="55">
        <f>'p-y mono_clay'!AV38</f>
        <v>164</v>
      </c>
      <c r="R38" s="55">
        <f>'p-y mono_clay'!AW38</f>
        <v>300</v>
      </c>
      <c r="S38" s="55">
        <f>'p-y mono_clay'!AX38</f>
        <v>500</v>
      </c>
      <c r="T38" s="200">
        <f>'p-y mono_clay'!AY38</f>
        <v>6000</v>
      </c>
      <c r="U38" s="199">
        <f>'p-y mono_clay'!AZ38</f>
        <v>0</v>
      </c>
      <c r="V38" s="55">
        <f>'p-y mono_clay'!BA38</f>
        <v>27.313204768161924</v>
      </c>
      <c r="W38" s="55">
        <f>'p-y mono_clay'!BB38</f>
        <v>109.2528190726477</v>
      </c>
      <c r="X38" s="55">
        <f>'p-y mono_clay'!BC38</f>
        <v>163.87922860897152</v>
      </c>
      <c r="Y38" s="55">
        <f>'p-y mono_clay'!BD38</f>
        <v>218.50563814529539</v>
      </c>
      <c r="Z38" s="55">
        <f>'p-y mono_clay'!BE38</f>
        <v>273.13204768161921</v>
      </c>
      <c r="AA38" s="55">
        <f>'p-y mono_clay'!BF38</f>
        <v>327.75845721794303</v>
      </c>
      <c r="AB38" s="55">
        <f>'p-y mono_clay'!BG38</f>
        <v>382.38486675426685</v>
      </c>
      <c r="AC38" s="55">
        <f>'p-y mono_clay'!BH38</f>
        <v>437.01127629059079</v>
      </c>
      <c r="AD38" s="55">
        <f>'p-y mono_clay'!BI38</f>
        <v>491.63768582691461</v>
      </c>
      <c r="AE38" s="55">
        <f>'p-y mono_clay'!BJ38</f>
        <v>532.60749297915743</v>
      </c>
      <c r="AF38" s="55">
        <f>'p-y mono_clay'!BK38</f>
        <v>546.26409536323843</v>
      </c>
      <c r="AG38" s="200">
        <f>'p-y mono_clay'!BL38</f>
        <v>546.26409536323843</v>
      </c>
      <c r="AH38">
        <f t="shared" si="205"/>
        <v>30</v>
      </c>
      <c r="AI38">
        <v>0</v>
      </c>
      <c r="AJ38">
        <f t="shared" si="206"/>
        <v>-0.10962688444444445</v>
      </c>
      <c r="AK38">
        <f t="shared" si="207"/>
        <v>4.0373115555555561E-2</v>
      </c>
      <c r="AL38">
        <f t="shared" si="208"/>
        <v>0.14037311555555554</v>
      </c>
      <c r="AM38">
        <f t="shared" si="209"/>
        <v>0.24037311555555557</v>
      </c>
      <c r="AN38">
        <f t="shared" si="210"/>
        <v>0.34037311555555555</v>
      </c>
      <c r="AO38">
        <f t="shared" si="211"/>
        <v>0.44037311555555553</v>
      </c>
      <c r="AP38">
        <f t="shared" si="212"/>
        <v>0.54037311555555556</v>
      </c>
      <c r="AQ38">
        <f t="shared" si="213"/>
        <v>0.64037311555555565</v>
      </c>
      <c r="AR38">
        <f t="shared" si="214"/>
        <v>0.74037311555555552</v>
      </c>
      <c r="AS38">
        <f t="shared" si="215"/>
        <v>0.81537311555555547</v>
      </c>
      <c r="AT38">
        <f t="shared" si="216"/>
        <v>0.84037311555555561</v>
      </c>
      <c r="AU38">
        <f t="shared" si="217"/>
        <v>0.84037311555555561</v>
      </c>
      <c r="AV38">
        <v>1</v>
      </c>
      <c r="AW38">
        <v>1.25</v>
      </c>
      <c r="AX38">
        <v>2.5</v>
      </c>
      <c r="AY38" s="162">
        <f t="shared" si="218"/>
        <v>2</v>
      </c>
      <c r="AZ38" s="162">
        <f t="shared" si="219"/>
        <v>1.8024076633663555</v>
      </c>
      <c r="BA38" s="162">
        <f t="shared" si="220"/>
        <v>2.0841433607373947</v>
      </c>
      <c r="BB38" s="162">
        <f t="shared" si="221"/>
        <v>2.326590799091341</v>
      </c>
      <c r="BC38" s="162">
        <f t="shared" si="222"/>
        <v>2.6328715333221866</v>
      </c>
      <c r="BD38" s="162">
        <f t="shared" si="223"/>
        <v>3.0320171102250542</v>
      </c>
      <c r="BE38" s="162">
        <f t="shared" si="224"/>
        <v>3.5738097214279647</v>
      </c>
      <c r="BF38" s="162">
        <f t="shared" si="225"/>
        <v>4.3513555618432109</v>
      </c>
      <c r="BG38" s="162">
        <f t="shared" si="226"/>
        <v>5.5613194855819037</v>
      </c>
      <c r="BH38" s="162">
        <f t="shared" si="227"/>
        <v>7.7033624783490566</v>
      </c>
      <c r="BI38" s="162">
        <f t="shared" si="228"/>
        <v>10.832658559007497</v>
      </c>
      <c r="BJ38" s="162">
        <f t="shared" si="229"/>
        <v>12.529217787847436</v>
      </c>
      <c r="BK38" s="162">
        <f t="shared" si="230"/>
        <v>12.529217787847436</v>
      </c>
      <c r="BL38" s="162">
        <f t="shared" si="231"/>
        <v>2.3784142300054421</v>
      </c>
      <c r="BM38" s="162">
        <f t="shared" si="232"/>
        <v>2.0884124882521671</v>
      </c>
      <c r="BN38" s="162">
        <f t="shared" si="233"/>
        <v>2.5041450799394451</v>
      </c>
      <c r="BO38" s="162">
        <f t="shared" si="234"/>
        <v>2.8734259385091394</v>
      </c>
      <c r="BP38" s="162">
        <f t="shared" si="235"/>
        <v>3.3537994267883464</v>
      </c>
      <c r="BQ38" s="162">
        <f t="shared" si="236"/>
        <v>4.0009632263688042</v>
      </c>
      <c r="BR38" s="162">
        <f t="shared" si="237"/>
        <v>4.9137638656958158</v>
      </c>
      <c r="BS38" s="162">
        <f t="shared" si="238"/>
        <v>6.2846444859462238</v>
      </c>
      <c r="BT38" s="162">
        <f t="shared" si="239"/>
        <v>8.5402838680990882</v>
      </c>
      <c r="BU38" s="162">
        <f t="shared" si="240"/>
        <v>12.833656688313836</v>
      </c>
      <c r="BV38" s="162">
        <f t="shared" si="241"/>
        <v>19.652545852239871</v>
      </c>
      <c r="BW38" s="162">
        <f t="shared" si="242"/>
        <v>23.572462199349442</v>
      </c>
      <c r="BX38" s="162">
        <f t="shared" si="243"/>
        <v>23.572462199349442</v>
      </c>
      <c r="BY38" s="162">
        <f t="shared" si="244"/>
        <v>5.6568542494923806</v>
      </c>
      <c r="BZ38" s="162">
        <f t="shared" si="245"/>
        <v>4.3614667210876084</v>
      </c>
      <c r="CA38" s="162">
        <f t="shared" si="246"/>
        <v>6.2707425813849307</v>
      </c>
      <c r="CB38" s="162">
        <f t="shared" si="247"/>
        <v>8.2565766240971286</v>
      </c>
      <c r="CC38" s="162">
        <f t="shared" si="248"/>
        <v>11.247970595125841</v>
      </c>
      <c r="CD38" s="162">
        <f t="shared" si="249"/>
        <v>16.00770673875547</v>
      </c>
      <c r="CE38" s="162">
        <f t="shared" si="250"/>
        <v>24.145075327817889</v>
      </c>
      <c r="CF38" s="162">
        <f t="shared" si="251"/>
        <v>25</v>
      </c>
      <c r="CG38" s="162">
        <f t="shared" si="252"/>
        <v>25</v>
      </c>
      <c r="CH38" s="162">
        <f t="shared" si="253"/>
        <v>25</v>
      </c>
      <c r="CI38" s="162">
        <f t="shared" si="254"/>
        <v>25</v>
      </c>
      <c r="CJ38" s="162">
        <f t="shared" si="255"/>
        <v>25</v>
      </c>
      <c r="CK38" s="162">
        <f t="shared" si="256"/>
        <v>25</v>
      </c>
      <c r="CL38">
        <f t="shared" si="257"/>
        <v>1.3729593947216077</v>
      </c>
      <c r="CM38">
        <f t="shared" si="258"/>
        <v>1.3875227293362955</v>
      </c>
      <c r="CN38">
        <f t="shared" si="259"/>
        <v>1.3671898922267736</v>
      </c>
      <c r="CO38">
        <f t="shared" si="260"/>
        <v>1.3517834372372222</v>
      </c>
      <c r="CP38">
        <f t="shared" si="261"/>
        <v>1.3344694876333212</v>
      </c>
      <c r="CQ38">
        <f t="shared" si="262"/>
        <v>1.314708064463042</v>
      </c>
      <c r="CR38">
        <f t="shared" si="263"/>
        <v>1.2916914954086716</v>
      </c>
      <c r="CS38">
        <f t="shared" si="264"/>
        <v>1.2641317612044332</v>
      </c>
      <c r="CT38">
        <f t="shared" si="265"/>
        <v>1.2297830443279028</v>
      </c>
      <c r="CU38">
        <f t="shared" si="266"/>
        <v>1.1841680313343788</v>
      </c>
      <c r="CV38">
        <f t="shared" si="267"/>
        <v>1.136440828338644</v>
      </c>
      <c r="CW38">
        <f t="shared" si="268"/>
        <v>1.1160711324262822</v>
      </c>
      <c r="CX38" s="98">
        <f t="shared" si="269"/>
        <v>1.1160711324262822</v>
      </c>
      <c r="CY38">
        <f t="shared" si="270"/>
        <v>1.1029593947216076</v>
      </c>
      <c r="CZ38">
        <f t="shared" si="271"/>
        <v>1.1175227293362955</v>
      </c>
      <c r="DA38">
        <f t="shared" si="272"/>
        <v>1.0971898922267735</v>
      </c>
      <c r="DB38">
        <f t="shared" si="273"/>
        <v>1.0817834372372221</v>
      </c>
      <c r="DC38">
        <f t="shared" si="274"/>
        <v>1.0644694876333212</v>
      </c>
      <c r="DD38">
        <f t="shared" si="275"/>
        <v>1.044708064463042</v>
      </c>
      <c r="DE38">
        <f t="shared" si="276"/>
        <v>1.0216914954086715</v>
      </c>
      <c r="DF38">
        <f t="shared" si="277"/>
        <v>0.99413176120443314</v>
      </c>
      <c r="DG38">
        <f t="shared" si="278"/>
        <v>0.95978304432790273</v>
      </c>
      <c r="DH38">
        <f t="shared" si="279"/>
        <v>0.91416803133437874</v>
      </c>
      <c r="DI38">
        <f t="shared" si="280"/>
        <v>0.866440828338644</v>
      </c>
      <c r="DJ38">
        <f t="shared" si="281"/>
        <v>0.84607113242628218</v>
      </c>
      <c r="DK38">
        <f t="shared" si="282"/>
        <v>0.84607113242628218</v>
      </c>
      <c r="DL38" s="97">
        <f t="shared" si="283"/>
        <v>1.5000349036450102</v>
      </c>
      <c r="DM38">
        <f t="shared" si="284"/>
        <v>1.5195393696468242</v>
      </c>
      <c r="DN38">
        <f t="shared" si="285"/>
        <v>1.4923078913751431</v>
      </c>
      <c r="DO38">
        <f t="shared" si="286"/>
        <v>1.4716742462998511</v>
      </c>
      <c r="DP38">
        <f t="shared" si="287"/>
        <v>1.4484859209374839</v>
      </c>
      <c r="DQ38">
        <f t="shared" si="288"/>
        <v>1.4220197291915742</v>
      </c>
      <c r="DR38">
        <f t="shared" si="289"/>
        <v>1.3911939670651852</v>
      </c>
      <c r="DS38">
        <f t="shared" si="290"/>
        <v>1.3542836087559373</v>
      </c>
      <c r="DT38">
        <f t="shared" si="291"/>
        <v>1.3082808629391554</v>
      </c>
      <c r="DU38">
        <f t="shared" si="292"/>
        <v>1.2471893276799715</v>
      </c>
      <c r="DV38">
        <f t="shared" si="293"/>
        <v>1.1832689665249696</v>
      </c>
      <c r="DW38">
        <f t="shared" si="294"/>
        <v>1.1559881237851994</v>
      </c>
      <c r="DX38" s="98">
        <f t="shared" si="295"/>
        <v>1.1559881237851994</v>
      </c>
      <c r="DY38">
        <f t="shared" si="296"/>
        <v>1.0527062241310117</v>
      </c>
      <c r="DZ38">
        <f t="shared" si="297"/>
        <v>1.0748112855997343</v>
      </c>
      <c r="EA38">
        <f t="shared" si="298"/>
        <v>1.0439489435584957</v>
      </c>
      <c r="EB38">
        <f t="shared" si="299"/>
        <v>1.020564145806498</v>
      </c>
      <c r="EC38">
        <f t="shared" si="300"/>
        <v>0.99428404372914836</v>
      </c>
      <c r="ED38">
        <f t="shared" si="301"/>
        <v>0.96428902641711745</v>
      </c>
      <c r="EE38">
        <f t="shared" si="302"/>
        <v>0.92935316267387647</v>
      </c>
      <c r="EF38">
        <f t="shared" si="303"/>
        <v>0.88752142325672889</v>
      </c>
      <c r="EG38">
        <f t="shared" si="304"/>
        <v>0.83538497799770939</v>
      </c>
      <c r="EH38">
        <f t="shared" si="305"/>
        <v>0.76614790470396765</v>
      </c>
      <c r="EI38">
        <f t="shared" si="306"/>
        <v>0.69370482872829886</v>
      </c>
      <c r="EJ38">
        <f t="shared" si="307"/>
        <v>0.66278654028989259</v>
      </c>
      <c r="EK38">
        <f t="shared" si="308"/>
        <v>0.66278654028989259</v>
      </c>
      <c r="EL38" s="97">
        <f t="shared" si="309"/>
        <v>1.1554124482620232</v>
      </c>
      <c r="EM38">
        <f t="shared" si="310"/>
        <v>1.1996225711994686</v>
      </c>
      <c r="EN38">
        <f t="shared" si="311"/>
        <v>1.1378978871169911</v>
      </c>
      <c r="EO38">
        <f t="shared" si="312"/>
        <v>1.0911282916129963</v>
      </c>
      <c r="EP38">
        <f t="shared" si="313"/>
        <v>1.0385680874582968</v>
      </c>
      <c r="EQ38">
        <f t="shared" si="314"/>
        <v>0.97857805283423493</v>
      </c>
      <c r="ER38">
        <f t="shared" si="315"/>
        <v>0.90870632534775309</v>
      </c>
      <c r="ES38">
        <f t="shared" si="316"/>
        <v>0.90279110977240584</v>
      </c>
      <c r="ET38">
        <f t="shared" si="317"/>
        <v>0.90279110977240584</v>
      </c>
      <c r="EU38">
        <f t="shared" si="318"/>
        <v>0.90279110977240584</v>
      </c>
      <c r="EV38">
        <f t="shared" si="319"/>
        <v>0.90279110977240584</v>
      </c>
      <c r="EW38">
        <f t="shared" si="320"/>
        <v>0.90279110977240584</v>
      </c>
      <c r="EX38" s="98">
        <f t="shared" si="321"/>
        <v>0.90279110977240584</v>
      </c>
      <c r="EY38" s="97">
        <f t="shared" si="322"/>
        <v>0.90541244826202316</v>
      </c>
      <c r="EZ38">
        <f t="shared" si="323"/>
        <v>0.94962257119946858</v>
      </c>
      <c r="FA38">
        <f t="shared" si="324"/>
        <v>0.88789788711699114</v>
      </c>
      <c r="FB38">
        <f t="shared" si="325"/>
        <v>0.84112829161299618</v>
      </c>
      <c r="FC38">
        <f t="shared" si="326"/>
        <v>0.78856808745829676</v>
      </c>
      <c r="FD38">
        <f t="shared" si="327"/>
        <v>0.72857805283423493</v>
      </c>
      <c r="FE38">
        <f t="shared" si="328"/>
        <v>0.65870632534775309</v>
      </c>
      <c r="FF38">
        <f t="shared" si="329"/>
        <v>0.65279110977240584</v>
      </c>
      <c r="FG38">
        <f t="shared" si="330"/>
        <v>0.65279110977240584</v>
      </c>
      <c r="FH38">
        <f t="shared" si="331"/>
        <v>0.65279110977240584</v>
      </c>
      <c r="FI38">
        <f t="shared" si="332"/>
        <v>0.65279110977240584</v>
      </c>
      <c r="FJ38">
        <f t="shared" si="333"/>
        <v>0.65279110977240584</v>
      </c>
      <c r="FK38">
        <f t="shared" si="334"/>
        <v>0.65279110977240584</v>
      </c>
      <c r="FL38" s="126">
        <f t="shared" si="335"/>
        <v>0</v>
      </c>
      <c r="FM38" s="91">
        <f t="shared" si="336"/>
        <v>37.897692426841154</v>
      </c>
      <c r="FN38" s="91">
        <f t="shared" si="337"/>
        <v>149.36934993340441</v>
      </c>
      <c r="FO38" s="91">
        <f t="shared" si="338"/>
        <v>221.52922694082002</v>
      </c>
      <c r="FP38" s="91">
        <f t="shared" si="339"/>
        <v>291.58910698074425</v>
      </c>
      <c r="FQ38" s="91">
        <f t="shared" si="340"/>
        <v>359.08890575032888</v>
      </c>
      <c r="FR38" s="91">
        <f t="shared" si="341"/>
        <v>423.36281173668397</v>
      </c>
      <c r="FS38" s="91">
        <f t="shared" si="342"/>
        <v>483.38485506799384</v>
      </c>
      <c r="FT38" s="91">
        <f t="shared" si="343"/>
        <v>537.42905776226496</v>
      </c>
      <c r="FU38" s="91">
        <f t="shared" si="344"/>
        <v>582.18163055544733</v>
      </c>
      <c r="FV38" s="91">
        <f t="shared" si="345"/>
        <v>605.27690050060221</v>
      </c>
      <c r="FW38" s="91">
        <f t="shared" si="346"/>
        <v>609.6695875158681</v>
      </c>
      <c r="FX38" s="91">
        <f t="shared" si="347"/>
        <v>609.6695875158681</v>
      </c>
      <c r="FY38" s="91">
        <f t="shared" si="348"/>
        <v>0</v>
      </c>
      <c r="FZ38" s="91">
        <f t="shared" si="349"/>
        <v>0.67051363760177729</v>
      </c>
      <c r="GA38" s="91">
        <f t="shared" si="350"/>
        <v>6.5831393533606413</v>
      </c>
      <c r="GB38" s="91">
        <f t="shared" si="351"/>
        <v>11.466904434714554</v>
      </c>
      <c r="GC38" s="91">
        <f t="shared" si="352"/>
        <v>19.160450777399781</v>
      </c>
      <c r="GD38" s="91">
        <f t="shared" si="353"/>
        <v>29.251825804965176</v>
      </c>
      <c r="GE38" s="91">
        <f t="shared" si="354"/>
        <v>44.95442579798155</v>
      </c>
      <c r="GF38" s="91">
        <f t="shared" si="355"/>
        <v>63.624432717083721</v>
      </c>
      <c r="GG38" s="91">
        <f t="shared" si="356"/>
        <v>95.978304432790267</v>
      </c>
      <c r="GH38" s="91">
        <f t="shared" si="357"/>
        <v>149.92355713883811</v>
      </c>
      <c r="GI38" s="91">
        <f t="shared" si="358"/>
        <v>259.93224850159322</v>
      </c>
      <c r="GJ38" s="91">
        <f t="shared" si="359"/>
        <v>423.03556621314107</v>
      </c>
      <c r="GK38" s="127">
        <f t="shared" si="360"/>
        <v>5076.426794557693</v>
      </c>
      <c r="GL38" s="126">
        <f t="shared" si="361"/>
        <v>0</v>
      </c>
      <c r="GM38" s="91">
        <f t="shared" si="362"/>
        <v>41.503489956447403</v>
      </c>
      <c r="GN38" s="91">
        <f t="shared" si="363"/>
        <v>163.03884405709289</v>
      </c>
      <c r="GO38" s="91">
        <f t="shared" si="364"/>
        <v>241.17684024730914</v>
      </c>
      <c r="GP38" s="91">
        <f t="shared" si="365"/>
        <v>316.50234049892077</v>
      </c>
      <c r="GQ38" s="91">
        <f t="shared" si="366"/>
        <v>388.39916047775625</v>
      </c>
      <c r="GR38" s="91">
        <f t="shared" si="367"/>
        <v>455.97558833619496</v>
      </c>
      <c r="GS38" s="91">
        <f t="shared" si="368"/>
        <v>517.85755728162678</v>
      </c>
      <c r="GT38" s="91">
        <f t="shared" si="369"/>
        <v>571.73348965959576</v>
      </c>
      <c r="GU38" s="91">
        <f t="shared" si="370"/>
        <v>613.16527484860671</v>
      </c>
      <c r="GV38" s="91">
        <f t="shared" si="371"/>
        <v>630.21791778090267</v>
      </c>
      <c r="GW38" s="91">
        <f t="shared" si="372"/>
        <v>631.4748066901692</v>
      </c>
      <c r="GX38" s="91">
        <f t="shared" si="373"/>
        <v>631.4748066901692</v>
      </c>
      <c r="GY38" s="91">
        <f t="shared" si="374"/>
        <v>0</v>
      </c>
      <c r="GZ38" s="91">
        <f t="shared" si="375"/>
        <v>0.64488677135984052</v>
      </c>
      <c r="HA38" s="91">
        <f t="shared" si="376"/>
        <v>6.2636936613509739</v>
      </c>
      <c r="HB38" s="91">
        <f t="shared" si="377"/>
        <v>10.817979945548879</v>
      </c>
      <c r="HC38" s="91">
        <f t="shared" si="378"/>
        <v>17.897112787124669</v>
      </c>
      <c r="HD38" s="91">
        <f t="shared" si="379"/>
        <v>27.000092739679289</v>
      </c>
      <c r="HE38" s="91">
        <f t="shared" si="380"/>
        <v>40.891539157650563</v>
      </c>
      <c r="HF38" s="91">
        <f t="shared" si="381"/>
        <v>56.801371088430649</v>
      </c>
      <c r="HG38" s="91">
        <f t="shared" si="382"/>
        <v>83.538497799770937</v>
      </c>
      <c r="HH38" s="91">
        <f t="shared" si="383"/>
        <v>125.6482563714507</v>
      </c>
      <c r="HI38" s="91">
        <f t="shared" si="384"/>
        <v>208.11144861848965</v>
      </c>
      <c r="HJ38" s="91">
        <f t="shared" si="385"/>
        <v>331.39327014494631</v>
      </c>
      <c r="HK38" s="127">
        <f t="shared" si="386"/>
        <v>3976.7192417393553</v>
      </c>
      <c r="HL38" s="126">
        <f t="shared" si="387"/>
        <v>0</v>
      </c>
      <c r="HM38" s="91">
        <f t="shared" si="388"/>
        <v>32.765536931679989</v>
      </c>
      <c r="HN38" s="91">
        <f t="shared" si="389"/>
        <v>124.31855198434073</v>
      </c>
      <c r="HO38" s="91">
        <f t="shared" si="390"/>
        <v>178.81326274296276</v>
      </c>
      <c r="HP38" s="91">
        <f t="shared" si="391"/>
        <v>226.93298270741408</v>
      </c>
      <c r="HQ38" s="91">
        <f t="shared" si="392"/>
        <v>267.28102738690632</v>
      </c>
      <c r="HR38" s="91">
        <f t="shared" si="393"/>
        <v>297.83618326016574</v>
      </c>
      <c r="HS38" s="91">
        <f t="shared" si="394"/>
        <v>345.21365821725811</v>
      </c>
      <c r="HT38" s="91">
        <f t="shared" si="395"/>
        <v>394.5298951054379</v>
      </c>
      <c r="HU38" s="91">
        <f t="shared" si="396"/>
        <v>443.84613199361763</v>
      </c>
      <c r="HV38" s="91">
        <f t="shared" si="397"/>
        <v>480.83330965975239</v>
      </c>
      <c r="HW38" s="91">
        <f t="shared" si="398"/>
        <v>493.16236888179736</v>
      </c>
      <c r="HX38" s="91">
        <f t="shared" si="399"/>
        <v>493.16236888179736</v>
      </c>
      <c r="HY38" s="91">
        <f t="shared" si="400"/>
        <v>0</v>
      </c>
      <c r="HZ38" s="91">
        <f t="shared" si="401"/>
        <v>0.56977354271968117</v>
      </c>
      <c r="IA38" s="91">
        <f t="shared" si="402"/>
        <v>5.3273873227019468</v>
      </c>
      <c r="IB38" s="91">
        <f t="shared" si="403"/>
        <v>8.91595989109776</v>
      </c>
      <c r="IC38" s="91">
        <f t="shared" si="404"/>
        <v>14.194225574249341</v>
      </c>
      <c r="ID38" s="91">
        <f t="shared" si="405"/>
        <v>20.400185479358576</v>
      </c>
      <c r="IE38" s="91">
        <f t="shared" si="406"/>
        <v>28.983078315301135</v>
      </c>
      <c r="IF38" s="91">
        <f t="shared" si="407"/>
        <v>41.778631025433974</v>
      </c>
      <c r="IG38" s="91">
        <f t="shared" si="408"/>
        <v>65.279110977240578</v>
      </c>
      <c r="IH38" s="91">
        <f t="shared" si="409"/>
        <v>107.05774200267456</v>
      </c>
      <c r="II38" s="91">
        <f t="shared" si="410"/>
        <v>195.83733293172176</v>
      </c>
      <c r="IJ38" s="91">
        <f t="shared" si="411"/>
        <v>326.39555488620294</v>
      </c>
      <c r="IK38" s="127">
        <f t="shared" si="412"/>
        <v>3916.7466586344349</v>
      </c>
    </row>
    <row r="39" spans="2:245" x14ac:dyDescent="0.2">
      <c r="B39" s="79">
        <f t="shared" si="188"/>
        <v>-28.5</v>
      </c>
      <c r="C39" s="73">
        <f>'p-y mono_clay'!C39</f>
        <v>13</v>
      </c>
      <c r="D39" s="64">
        <f>'p-y mono_clay'!D39</f>
        <v>12.98</v>
      </c>
      <c r="E39" s="64" t="str">
        <f>'p-y mono_clay'!E39</f>
        <v>CLAY</v>
      </c>
      <c r="F39" s="55">
        <f>VLOOKUP($C39, 'Pile Property'!$A$8:$D$108,2,TRUE)</f>
        <v>2</v>
      </c>
      <c r="G39" s="102">
        <f>'p-y mono_clay'!Z39</f>
        <v>424.65858644694544</v>
      </c>
      <c r="H39" s="199">
        <f>'p-y mono_clay'!AM39</f>
        <v>0</v>
      </c>
      <c r="I39" s="55">
        <f>'p-y mono_clay'!AN39</f>
        <v>0.6</v>
      </c>
      <c r="J39" s="55">
        <f>'p-y mono_clay'!AO39</f>
        <v>6</v>
      </c>
      <c r="K39" s="55">
        <f>'p-y mono_clay'!AP39</f>
        <v>10.6</v>
      </c>
      <c r="L39" s="55">
        <f>'p-y mono_clay'!AQ39</f>
        <v>18</v>
      </c>
      <c r="M39" s="55">
        <f>'p-y mono_clay'!AR39</f>
        <v>28</v>
      </c>
      <c r="N39" s="55">
        <f>'p-y mono_clay'!AS39</f>
        <v>44</v>
      </c>
      <c r="O39" s="55">
        <f>'p-y mono_clay'!AT39</f>
        <v>64</v>
      </c>
      <c r="P39" s="55">
        <f>'p-y mono_clay'!AU39</f>
        <v>100</v>
      </c>
      <c r="Q39" s="55">
        <f>'p-y mono_clay'!AV39</f>
        <v>164</v>
      </c>
      <c r="R39" s="55">
        <f>'p-y mono_clay'!AW39</f>
        <v>300</v>
      </c>
      <c r="S39" s="55">
        <f>'p-y mono_clay'!AX39</f>
        <v>500</v>
      </c>
      <c r="T39" s="200">
        <f>'p-y mono_clay'!AY39</f>
        <v>6000</v>
      </c>
      <c r="U39" s="199">
        <f>'p-y mono_clay'!AZ39</f>
        <v>0</v>
      </c>
      <c r="V39" s="55">
        <f>'p-y mono_clay'!BA39</f>
        <v>21.232929322347275</v>
      </c>
      <c r="W39" s="55">
        <f>'p-y mono_clay'!BB39</f>
        <v>84.931717289389098</v>
      </c>
      <c r="X39" s="55">
        <f>'p-y mono_clay'!BC39</f>
        <v>127.39757593408362</v>
      </c>
      <c r="Y39" s="55">
        <f>'p-y mono_clay'!BD39</f>
        <v>169.8634345787782</v>
      </c>
      <c r="Z39" s="55">
        <f>'p-y mono_clay'!BE39</f>
        <v>212.32929322347272</v>
      </c>
      <c r="AA39" s="55">
        <f>'p-y mono_clay'!BF39</f>
        <v>254.79515186816724</v>
      </c>
      <c r="AB39" s="55">
        <f>'p-y mono_clay'!BG39</f>
        <v>297.26101051286179</v>
      </c>
      <c r="AC39" s="55">
        <f>'p-y mono_clay'!BH39</f>
        <v>339.72686915755639</v>
      </c>
      <c r="AD39" s="55">
        <f>'p-y mono_clay'!BI39</f>
        <v>382.19272780225089</v>
      </c>
      <c r="AE39" s="55">
        <f>'p-y mono_clay'!BJ39</f>
        <v>414.04212178577177</v>
      </c>
      <c r="AF39" s="55">
        <f>'p-y mono_clay'!BK39</f>
        <v>424.65858644694544</v>
      </c>
      <c r="AG39" s="200">
        <f>'p-y mono_clay'!BL39</f>
        <v>424.65858644694544</v>
      </c>
      <c r="AH39">
        <f t="shared" si="205"/>
        <v>30</v>
      </c>
      <c r="AI39">
        <v>0</v>
      </c>
      <c r="AJ39">
        <f t="shared" si="206"/>
        <v>-0.13720044444444446</v>
      </c>
      <c r="AK39">
        <f t="shared" si="207"/>
        <v>1.2799555555555564E-2</v>
      </c>
      <c r="AL39">
        <f t="shared" si="208"/>
        <v>0.11279955555555551</v>
      </c>
      <c r="AM39">
        <f t="shared" si="209"/>
        <v>0.2127995555555556</v>
      </c>
      <c r="AN39">
        <f t="shared" si="210"/>
        <v>0.3127995555555555</v>
      </c>
      <c r="AO39">
        <f t="shared" si="211"/>
        <v>0.41279955555555548</v>
      </c>
      <c r="AP39">
        <f t="shared" si="212"/>
        <v>0.51279955555555545</v>
      </c>
      <c r="AQ39">
        <f t="shared" si="213"/>
        <v>0.61279955555555565</v>
      </c>
      <c r="AR39">
        <f t="shared" si="214"/>
        <v>0.71279955555555552</v>
      </c>
      <c r="AS39">
        <f t="shared" si="215"/>
        <v>0.78779955555555548</v>
      </c>
      <c r="AT39">
        <f t="shared" si="216"/>
        <v>0.8127995555555555</v>
      </c>
      <c r="AU39">
        <f t="shared" si="217"/>
        <v>0.8127995555555555</v>
      </c>
      <c r="AV39">
        <v>1</v>
      </c>
      <c r="AW39">
        <v>1.25</v>
      </c>
      <c r="AX39">
        <v>2.5</v>
      </c>
      <c r="AY39" s="162">
        <f t="shared" si="218"/>
        <v>2</v>
      </c>
      <c r="AZ39" s="162">
        <f t="shared" si="219"/>
        <v>1.7587049053406398</v>
      </c>
      <c r="BA39" s="162">
        <f t="shared" si="220"/>
        <v>2.0259310165986779</v>
      </c>
      <c r="BB39" s="162">
        <f t="shared" si="221"/>
        <v>2.2542820086754789</v>
      </c>
      <c r="BC39" s="162">
        <f t="shared" si="222"/>
        <v>2.5406489720816556</v>
      </c>
      <c r="BD39" s="162">
        <f t="shared" si="223"/>
        <v>2.910359002484153</v>
      </c>
      <c r="BE39" s="162">
        <f t="shared" si="224"/>
        <v>3.405991972455364</v>
      </c>
      <c r="BF39" s="162">
        <f t="shared" si="225"/>
        <v>4.1050865671532861</v>
      </c>
      <c r="BG39" s="162">
        <f t="shared" si="226"/>
        <v>5.1652833272689094</v>
      </c>
      <c r="BH39" s="162">
        <f t="shared" si="227"/>
        <v>6.9637775243306637</v>
      </c>
      <c r="BI39" s="162">
        <f t="shared" si="228"/>
        <v>9.4250509476365085</v>
      </c>
      <c r="BJ39" s="162">
        <f t="shared" si="229"/>
        <v>10.683735318767047</v>
      </c>
      <c r="BK39" s="162">
        <f t="shared" si="230"/>
        <v>10.683735318767047</v>
      </c>
      <c r="BL39" s="162">
        <f t="shared" si="231"/>
        <v>2.3784142300054421</v>
      </c>
      <c r="BM39" s="162">
        <f t="shared" si="232"/>
        <v>2.0253086550236423</v>
      </c>
      <c r="BN39" s="162">
        <f t="shared" si="233"/>
        <v>2.4170231876215365</v>
      </c>
      <c r="BO39" s="162">
        <f t="shared" si="234"/>
        <v>2.7622329795697156</v>
      </c>
      <c r="BP39" s="162">
        <f t="shared" si="235"/>
        <v>3.2076046271853751</v>
      </c>
      <c r="BQ39" s="162">
        <f t="shared" si="236"/>
        <v>3.8013092720126167</v>
      </c>
      <c r="BR39" s="162">
        <f t="shared" si="237"/>
        <v>4.6270535428808772</v>
      </c>
      <c r="BS39" s="162">
        <f t="shared" si="238"/>
        <v>5.8432289043495755</v>
      </c>
      <c r="BT39" s="162">
        <f t="shared" si="239"/>
        <v>7.786955371102013</v>
      </c>
      <c r="BU39" s="162">
        <f t="shared" si="240"/>
        <v>11.312435344154714</v>
      </c>
      <c r="BV39" s="162">
        <f t="shared" si="241"/>
        <v>16.514089467067784</v>
      </c>
      <c r="BW39" s="162">
        <f t="shared" si="242"/>
        <v>19.315408623716774</v>
      </c>
      <c r="BX39" s="162">
        <f t="shared" si="243"/>
        <v>19.315408623716774</v>
      </c>
      <c r="BY39" s="162">
        <f t="shared" si="244"/>
        <v>5.6568542494923806</v>
      </c>
      <c r="BZ39" s="162">
        <f t="shared" si="245"/>
        <v>4.1018751481136748</v>
      </c>
      <c r="CA39" s="162">
        <f t="shared" si="246"/>
        <v>5.8420010895001733</v>
      </c>
      <c r="CB39" s="162">
        <f t="shared" si="247"/>
        <v>7.62993103342259</v>
      </c>
      <c r="CC39" s="162">
        <f t="shared" si="248"/>
        <v>10.288727444341028</v>
      </c>
      <c r="CD39" s="162">
        <f t="shared" si="249"/>
        <v>14.44995218148909</v>
      </c>
      <c r="CE39" s="162">
        <f t="shared" si="250"/>
        <v>21.409624488686475</v>
      </c>
      <c r="CF39" s="162">
        <f t="shared" si="251"/>
        <v>25</v>
      </c>
      <c r="CG39" s="162">
        <f t="shared" si="252"/>
        <v>25</v>
      </c>
      <c r="CH39" s="162">
        <f t="shared" si="253"/>
        <v>25</v>
      </c>
      <c r="CI39" s="162">
        <f t="shared" si="254"/>
        <v>25</v>
      </c>
      <c r="CJ39" s="162">
        <f t="shared" si="255"/>
        <v>25</v>
      </c>
      <c r="CK39" s="162">
        <f t="shared" si="256"/>
        <v>25</v>
      </c>
      <c r="CL39">
        <f t="shared" si="257"/>
        <v>1.3729593947216077</v>
      </c>
      <c r="CM39">
        <f t="shared" si="258"/>
        <v>1.3909591235481411</v>
      </c>
      <c r="CN39">
        <f t="shared" si="259"/>
        <v>1.3711558901342449</v>
      </c>
      <c r="CO39">
        <f t="shared" si="260"/>
        <v>1.3562035868424061</v>
      </c>
      <c r="CP39">
        <f t="shared" si="261"/>
        <v>1.3394612631098692</v>
      </c>
      <c r="CQ39">
        <f t="shared" si="262"/>
        <v>1.3204412981024465</v>
      </c>
      <c r="CR39">
        <f t="shared" si="263"/>
        <v>1.2984249284503862</v>
      </c>
      <c r="CS39">
        <f t="shared" si="264"/>
        <v>1.2722882436733673</v>
      </c>
      <c r="CT39">
        <f t="shared" si="265"/>
        <v>1.2401256061182431</v>
      </c>
      <c r="CU39">
        <f t="shared" si="266"/>
        <v>1.198298909519502</v>
      </c>
      <c r="CV39">
        <f t="shared" si="267"/>
        <v>1.1559280405534063</v>
      </c>
      <c r="CW39">
        <f t="shared" si="268"/>
        <v>1.1383788470134684</v>
      </c>
      <c r="CX39" s="98">
        <f t="shared" si="269"/>
        <v>1.1383788470134684</v>
      </c>
      <c r="CY39">
        <f t="shared" si="270"/>
        <v>1.1029593947216076</v>
      </c>
      <c r="CZ39">
        <f t="shared" si="271"/>
        <v>1.1209591235481411</v>
      </c>
      <c r="DA39">
        <f t="shared" si="272"/>
        <v>1.1011558901342449</v>
      </c>
      <c r="DB39">
        <f t="shared" si="273"/>
        <v>1.086203586842406</v>
      </c>
      <c r="DC39">
        <f t="shared" si="274"/>
        <v>1.0694612631098692</v>
      </c>
      <c r="DD39">
        <f t="shared" si="275"/>
        <v>1.0504412981024465</v>
      </c>
      <c r="DE39">
        <f t="shared" si="276"/>
        <v>1.0284249284503861</v>
      </c>
      <c r="DF39">
        <f t="shared" si="277"/>
        <v>1.0022882436733673</v>
      </c>
      <c r="DG39">
        <f t="shared" si="278"/>
        <v>0.97012560611824317</v>
      </c>
      <c r="DH39">
        <f t="shared" si="279"/>
        <v>0.928298909519502</v>
      </c>
      <c r="DI39">
        <f t="shared" si="280"/>
        <v>0.88592804055340635</v>
      </c>
      <c r="DJ39">
        <f t="shared" si="281"/>
        <v>0.86837884701346835</v>
      </c>
      <c r="DK39">
        <f t="shared" si="282"/>
        <v>0.86837884701346835</v>
      </c>
      <c r="DL39" s="97">
        <f t="shared" si="283"/>
        <v>1.5000349036450102</v>
      </c>
      <c r="DM39">
        <f t="shared" si="284"/>
        <v>1.5241416833234032</v>
      </c>
      <c r="DN39">
        <f t="shared" si="285"/>
        <v>1.4976194957155065</v>
      </c>
      <c r="DO39">
        <f t="shared" si="286"/>
        <v>1.4775940895210795</v>
      </c>
      <c r="DP39">
        <f t="shared" si="287"/>
        <v>1.4551713345221464</v>
      </c>
      <c r="DQ39">
        <f t="shared" si="288"/>
        <v>1.4296981671014906</v>
      </c>
      <c r="DR39">
        <f t="shared" si="289"/>
        <v>1.4002119577460528</v>
      </c>
      <c r="DS39">
        <f t="shared" si="290"/>
        <v>1.3652074692054026</v>
      </c>
      <c r="DT39">
        <f t="shared" si="291"/>
        <v>1.3221325081940756</v>
      </c>
      <c r="DU39">
        <f t="shared" si="292"/>
        <v>1.2661146109636188</v>
      </c>
      <c r="DV39">
        <f t="shared" si="293"/>
        <v>1.209367911455455</v>
      </c>
      <c r="DW39">
        <f t="shared" si="294"/>
        <v>1.1858645272501809</v>
      </c>
      <c r="DX39" s="98">
        <f t="shared" si="295"/>
        <v>1.1858645272501809</v>
      </c>
      <c r="DY39">
        <f t="shared" si="296"/>
        <v>1.0527062241310117</v>
      </c>
      <c r="DZ39">
        <f t="shared" si="297"/>
        <v>1.080027241099857</v>
      </c>
      <c r="EA39">
        <f t="shared" si="298"/>
        <v>1.0499687618109075</v>
      </c>
      <c r="EB39">
        <f t="shared" si="299"/>
        <v>1.0272733014572235</v>
      </c>
      <c r="EC39">
        <f t="shared" si="300"/>
        <v>1.0018608457917659</v>
      </c>
      <c r="ED39">
        <f t="shared" si="301"/>
        <v>0.97299125604835612</v>
      </c>
      <c r="EE39">
        <f t="shared" si="302"/>
        <v>0.93957355211219307</v>
      </c>
      <c r="EF39">
        <f t="shared" si="303"/>
        <v>0.8999017984327895</v>
      </c>
      <c r="EG39">
        <f t="shared" si="304"/>
        <v>0.85108350928661913</v>
      </c>
      <c r="EH39">
        <f t="shared" si="305"/>
        <v>0.78759655909210136</v>
      </c>
      <c r="EI39">
        <f t="shared" si="306"/>
        <v>0.72328363298284892</v>
      </c>
      <c r="EJ39">
        <f t="shared" si="307"/>
        <v>0.69664646421687171</v>
      </c>
      <c r="EK39">
        <f t="shared" si="308"/>
        <v>0.69664646421687171</v>
      </c>
      <c r="EL39" s="97">
        <f t="shared" si="309"/>
        <v>1.1554124482620232</v>
      </c>
      <c r="EM39">
        <f t="shared" si="310"/>
        <v>1.2100544821997141</v>
      </c>
      <c r="EN39">
        <f t="shared" si="311"/>
        <v>1.1499375236218148</v>
      </c>
      <c r="EO39">
        <f t="shared" si="312"/>
        <v>1.1045466029144471</v>
      </c>
      <c r="EP39">
        <f t="shared" si="313"/>
        <v>1.0537216915835319</v>
      </c>
      <c r="EQ39">
        <f t="shared" si="314"/>
        <v>0.99598251209671229</v>
      </c>
      <c r="ER39">
        <f t="shared" si="315"/>
        <v>0.92914710422438629</v>
      </c>
      <c r="ES39">
        <f t="shared" si="316"/>
        <v>0.90279110977240584</v>
      </c>
      <c r="ET39">
        <f t="shared" si="317"/>
        <v>0.90279110977240584</v>
      </c>
      <c r="EU39">
        <f t="shared" si="318"/>
        <v>0.90279110977240584</v>
      </c>
      <c r="EV39">
        <f t="shared" si="319"/>
        <v>0.90279110977240584</v>
      </c>
      <c r="EW39">
        <f t="shared" si="320"/>
        <v>0.90279110977240584</v>
      </c>
      <c r="EX39" s="98">
        <f t="shared" si="321"/>
        <v>0.90279110977240584</v>
      </c>
      <c r="EY39" s="97">
        <f t="shared" si="322"/>
        <v>0.90541244826202316</v>
      </c>
      <c r="EZ39">
        <f t="shared" si="323"/>
        <v>0.96005448219971412</v>
      </c>
      <c r="FA39">
        <f t="shared" si="324"/>
        <v>0.89993752362181478</v>
      </c>
      <c r="FB39">
        <f t="shared" si="325"/>
        <v>0.85454660291444706</v>
      </c>
      <c r="FC39">
        <f t="shared" si="326"/>
        <v>0.80372169158353191</v>
      </c>
      <c r="FD39">
        <f t="shared" si="327"/>
        <v>0.74598251209671229</v>
      </c>
      <c r="FE39">
        <f t="shared" si="328"/>
        <v>0.67914710422438629</v>
      </c>
      <c r="FF39">
        <f t="shared" si="329"/>
        <v>0.65279110977240584</v>
      </c>
      <c r="FG39">
        <f t="shared" si="330"/>
        <v>0.65279110977240584</v>
      </c>
      <c r="FH39">
        <f t="shared" si="331"/>
        <v>0.65279110977240584</v>
      </c>
      <c r="FI39">
        <f t="shared" si="332"/>
        <v>0.65279110977240584</v>
      </c>
      <c r="FJ39">
        <f t="shared" si="333"/>
        <v>0.65279110977240584</v>
      </c>
      <c r="FK39">
        <f t="shared" si="334"/>
        <v>0.65279110977240584</v>
      </c>
      <c r="FL39" s="126">
        <f t="shared" si="335"/>
        <v>0</v>
      </c>
      <c r="FM39" s="91">
        <f t="shared" si="336"/>
        <v>29.534136760571791</v>
      </c>
      <c r="FN39" s="91">
        <f t="shared" si="337"/>
        <v>116.45462442056234</v>
      </c>
      <c r="FO39" s="91">
        <f t="shared" si="338"/>
        <v>172.77704943683199</v>
      </c>
      <c r="FP39" s="91">
        <f t="shared" si="339"/>
        <v>227.52549063707087</v>
      </c>
      <c r="FQ39" s="91">
        <f t="shared" si="340"/>
        <v>280.36836756917728</v>
      </c>
      <c r="FR39" s="91">
        <f t="shared" si="341"/>
        <v>330.83237683393031</v>
      </c>
      <c r="FS39" s="91">
        <f t="shared" si="342"/>
        <v>378.2016889779793</v>
      </c>
      <c r="FT39" s="91">
        <f t="shared" si="343"/>
        <v>421.30398952866767</v>
      </c>
      <c r="FU39" s="91">
        <f t="shared" si="344"/>
        <v>457.98112895172108</v>
      </c>
      <c r="FV39" s="91">
        <f t="shared" si="345"/>
        <v>478.60289854240199</v>
      </c>
      <c r="FW39" s="91">
        <f t="shared" si="346"/>
        <v>483.42235201384301</v>
      </c>
      <c r="FX39" s="91">
        <f t="shared" si="347"/>
        <v>483.42235201384301</v>
      </c>
      <c r="FY39" s="91">
        <f t="shared" si="348"/>
        <v>0</v>
      </c>
      <c r="FZ39" s="91">
        <f t="shared" si="349"/>
        <v>0.67257547412888463</v>
      </c>
      <c r="GA39" s="91">
        <f t="shared" si="350"/>
        <v>6.6069353408054692</v>
      </c>
      <c r="GB39" s="91">
        <f t="shared" si="351"/>
        <v>11.513758020529503</v>
      </c>
      <c r="GC39" s="91">
        <f t="shared" si="352"/>
        <v>19.250302735977645</v>
      </c>
      <c r="GD39" s="91">
        <f t="shared" si="353"/>
        <v>29.412356346868499</v>
      </c>
      <c r="GE39" s="91">
        <f t="shared" si="354"/>
        <v>45.25069685181699</v>
      </c>
      <c r="GF39" s="91">
        <f t="shared" si="355"/>
        <v>64.146447595095509</v>
      </c>
      <c r="GG39" s="91">
        <f t="shared" si="356"/>
        <v>97.012560611824313</v>
      </c>
      <c r="GH39" s="91">
        <f t="shared" si="357"/>
        <v>152.24102116119832</v>
      </c>
      <c r="GI39" s="91">
        <f t="shared" si="358"/>
        <v>265.77841216602189</v>
      </c>
      <c r="GJ39" s="91">
        <f t="shared" si="359"/>
        <v>434.18942350673416</v>
      </c>
      <c r="GK39" s="127">
        <f t="shared" si="360"/>
        <v>5210.2730820808101</v>
      </c>
      <c r="GL39" s="126">
        <f t="shared" si="361"/>
        <v>0</v>
      </c>
      <c r="GM39" s="91">
        <f t="shared" si="362"/>
        <v>32.361992639249223</v>
      </c>
      <c r="GN39" s="91">
        <f t="shared" si="363"/>
        <v>127.19539561718686</v>
      </c>
      <c r="GO39" s="91">
        <f t="shared" si="364"/>
        <v>188.24190521951488</v>
      </c>
      <c r="GP39" s="91">
        <f t="shared" si="365"/>
        <v>247.18040078251599</v>
      </c>
      <c r="GQ39" s="91">
        <f t="shared" si="366"/>
        <v>303.56680134355389</v>
      </c>
      <c r="GR39" s="91">
        <f t="shared" si="367"/>
        <v>356.76721842152926</v>
      </c>
      <c r="GS39" s="91">
        <f t="shared" si="368"/>
        <v>405.82295185570462</v>
      </c>
      <c r="GT39" s="91">
        <f t="shared" si="369"/>
        <v>449.16393762020056</v>
      </c>
      <c r="GU39" s="91">
        <f t="shared" si="370"/>
        <v>483.89979687447112</v>
      </c>
      <c r="GV39" s="91">
        <f t="shared" si="371"/>
        <v>500.72925607864391</v>
      </c>
      <c r="GW39" s="91">
        <f t="shared" si="372"/>
        <v>503.58755385963701</v>
      </c>
      <c r="GX39" s="91">
        <f t="shared" si="373"/>
        <v>503.58755385963701</v>
      </c>
      <c r="GY39" s="91">
        <f t="shared" si="374"/>
        <v>0</v>
      </c>
      <c r="GZ39" s="91">
        <f t="shared" si="375"/>
        <v>0.6480163446599142</v>
      </c>
      <c r="HA39" s="91">
        <f t="shared" si="376"/>
        <v>6.2998125708654449</v>
      </c>
      <c r="HB39" s="91">
        <f t="shared" si="377"/>
        <v>10.889096995446568</v>
      </c>
      <c r="HC39" s="91">
        <f t="shared" si="378"/>
        <v>18.033495224251787</v>
      </c>
      <c r="HD39" s="91">
        <f t="shared" si="379"/>
        <v>27.243755169353971</v>
      </c>
      <c r="HE39" s="91">
        <f t="shared" si="380"/>
        <v>41.341236292936493</v>
      </c>
      <c r="HF39" s="91">
        <f t="shared" si="381"/>
        <v>57.593715099698528</v>
      </c>
      <c r="HG39" s="91">
        <f t="shared" si="382"/>
        <v>85.108350928661906</v>
      </c>
      <c r="HH39" s="91">
        <f t="shared" si="383"/>
        <v>129.16583569110463</v>
      </c>
      <c r="HI39" s="91">
        <f t="shared" si="384"/>
        <v>216.98508989485467</v>
      </c>
      <c r="HJ39" s="91">
        <f t="shared" si="385"/>
        <v>348.32323210843583</v>
      </c>
      <c r="HK39" s="127">
        <f t="shared" si="386"/>
        <v>4179.87878530123</v>
      </c>
      <c r="HL39" s="126">
        <f t="shared" si="387"/>
        <v>0</v>
      </c>
      <c r="HM39" s="91">
        <f t="shared" si="388"/>
        <v>25.693001296736057</v>
      </c>
      <c r="HN39" s="91">
        <f t="shared" si="389"/>
        <v>97.666168656708166</v>
      </c>
      <c r="HO39" s="91">
        <f t="shared" si="390"/>
        <v>140.71655971752739</v>
      </c>
      <c r="HP39" s="91">
        <f t="shared" si="391"/>
        <v>178.98878562253876</v>
      </c>
      <c r="HQ39" s="91">
        <f t="shared" si="392"/>
        <v>211.47626285643378</v>
      </c>
      <c r="HR39" s="91">
        <f t="shared" si="393"/>
        <v>236.7421775287203</v>
      </c>
      <c r="HS39" s="91">
        <f t="shared" si="394"/>
        <v>268.36459757297331</v>
      </c>
      <c r="HT39" s="91">
        <f t="shared" si="395"/>
        <v>306.70239722625524</v>
      </c>
      <c r="HU39" s="91">
        <f t="shared" si="396"/>
        <v>345.04019687953712</v>
      </c>
      <c r="HV39" s="91">
        <f t="shared" si="397"/>
        <v>373.7935466194985</v>
      </c>
      <c r="HW39" s="91">
        <f t="shared" si="398"/>
        <v>383.377996532819</v>
      </c>
      <c r="HX39" s="91">
        <f t="shared" si="399"/>
        <v>383.377996532819</v>
      </c>
      <c r="HY39" s="91">
        <f t="shared" si="400"/>
        <v>0</v>
      </c>
      <c r="HZ39" s="91">
        <f t="shared" si="401"/>
        <v>0.57603268931982843</v>
      </c>
      <c r="IA39" s="91">
        <f t="shared" si="402"/>
        <v>5.3996251417308887</v>
      </c>
      <c r="IB39" s="91">
        <f t="shared" si="403"/>
        <v>9.0581939908931393</v>
      </c>
      <c r="IC39" s="91">
        <f t="shared" si="404"/>
        <v>14.466990448503575</v>
      </c>
      <c r="ID39" s="91">
        <f t="shared" si="405"/>
        <v>20.887510338707944</v>
      </c>
      <c r="IE39" s="91">
        <f t="shared" si="406"/>
        <v>29.882472585872996</v>
      </c>
      <c r="IF39" s="91">
        <f t="shared" si="407"/>
        <v>41.778631025433974</v>
      </c>
      <c r="IG39" s="91">
        <f t="shared" si="408"/>
        <v>65.279110977240578</v>
      </c>
      <c r="IH39" s="91">
        <f t="shared" si="409"/>
        <v>107.05774200267456</v>
      </c>
      <c r="II39" s="91">
        <f t="shared" si="410"/>
        <v>195.83733293172176</v>
      </c>
      <c r="IJ39" s="91">
        <f t="shared" si="411"/>
        <v>326.39555488620294</v>
      </c>
      <c r="IK39" s="127">
        <f t="shared" si="412"/>
        <v>3916.7466586344349</v>
      </c>
    </row>
    <row r="40" spans="2:245" x14ac:dyDescent="0.2">
      <c r="B40" s="79">
        <f t="shared" si="188"/>
        <v>-29.5</v>
      </c>
      <c r="C40" s="73">
        <f>'p-y mono_clay'!C40</f>
        <v>14</v>
      </c>
      <c r="D40" s="64">
        <f>'p-y mono_clay'!D40</f>
        <v>13.993</v>
      </c>
      <c r="E40" s="64" t="str">
        <f>'p-y mono_clay'!E40</f>
        <v>CLAY</v>
      </c>
      <c r="F40" s="55">
        <f>VLOOKUP($C40, 'Pile Property'!$A$8:$D$108,2,TRUE)</f>
        <v>2</v>
      </c>
      <c r="G40" s="102">
        <f>'p-y mono_clay'!Z40</f>
        <v>533.39665553751183</v>
      </c>
      <c r="H40" s="199">
        <f>'p-y mono_clay'!AM40</f>
        <v>0</v>
      </c>
      <c r="I40" s="55">
        <f>'p-y mono_clay'!AN40</f>
        <v>0.6</v>
      </c>
      <c r="J40" s="55">
        <f>'p-y mono_clay'!AO40</f>
        <v>6</v>
      </c>
      <c r="K40" s="55">
        <f>'p-y mono_clay'!AP40</f>
        <v>10.6</v>
      </c>
      <c r="L40" s="55">
        <f>'p-y mono_clay'!AQ40</f>
        <v>18</v>
      </c>
      <c r="M40" s="55">
        <f>'p-y mono_clay'!AR40</f>
        <v>28</v>
      </c>
      <c r="N40" s="55">
        <f>'p-y mono_clay'!AS40</f>
        <v>44</v>
      </c>
      <c r="O40" s="55">
        <f>'p-y mono_clay'!AT40</f>
        <v>64</v>
      </c>
      <c r="P40" s="55">
        <f>'p-y mono_clay'!AU40</f>
        <v>100</v>
      </c>
      <c r="Q40" s="55">
        <f>'p-y mono_clay'!AV40</f>
        <v>164</v>
      </c>
      <c r="R40" s="55">
        <f>'p-y mono_clay'!AW40</f>
        <v>300</v>
      </c>
      <c r="S40" s="55">
        <f>'p-y mono_clay'!AX40</f>
        <v>500</v>
      </c>
      <c r="T40" s="200">
        <f>'p-y mono_clay'!AY40</f>
        <v>6000</v>
      </c>
      <c r="U40" s="199">
        <f>'p-y mono_clay'!AZ40</f>
        <v>0</v>
      </c>
      <c r="V40" s="55">
        <f>'p-y mono_clay'!BA40</f>
        <v>26.669832776875595</v>
      </c>
      <c r="W40" s="55">
        <f>'p-y mono_clay'!BB40</f>
        <v>106.67933110750238</v>
      </c>
      <c r="X40" s="55">
        <f>'p-y mono_clay'!BC40</f>
        <v>160.01899666125354</v>
      </c>
      <c r="Y40" s="55">
        <f>'p-y mono_clay'!BD40</f>
        <v>213.35866221500476</v>
      </c>
      <c r="Z40" s="55">
        <f>'p-y mono_clay'!BE40</f>
        <v>266.69832776875592</v>
      </c>
      <c r="AA40" s="55">
        <f>'p-y mono_clay'!BF40</f>
        <v>320.03799332250708</v>
      </c>
      <c r="AB40" s="55">
        <f>'p-y mono_clay'!BG40</f>
        <v>373.37765887625824</v>
      </c>
      <c r="AC40" s="55">
        <f>'p-y mono_clay'!BH40</f>
        <v>426.71732443000951</v>
      </c>
      <c r="AD40" s="55">
        <f>'p-y mono_clay'!BI40</f>
        <v>480.05698998376067</v>
      </c>
      <c r="AE40" s="55">
        <f>'p-y mono_clay'!BJ40</f>
        <v>520.06173914907401</v>
      </c>
      <c r="AF40" s="55">
        <f>'p-y mono_clay'!BK40</f>
        <v>533.39665553751183</v>
      </c>
      <c r="AG40" s="200">
        <f>'p-y mono_clay'!BL40</f>
        <v>533.39665553751183</v>
      </c>
      <c r="AH40">
        <f t="shared" si="205"/>
        <v>30</v>
      </c>
      <c r="AI40">
        <v>0</v>
      </c>
      <c r="AJ40">
        <f t="shared" si="206"/>
        <v>-0.1675600544444445</v>
      </c>
      <c r="AK40">
        <f t="shared" si="207"/>
        <v>-1.7560054444444473E-2</v>
      </c>
      <c r="AL40">
        <f t="shared" si="208"/>
        <v>8.2439945555555505E-2</v>
      </c>
      <c r="AM40">
        <f t="shared" si="209"/>
        <v>0.18243994555555554</v>
      </c>
      <c r="AN40">
        <f t="shared" si="210"/>
        <v>0.28243994555555552</v>
      </c>
      <c r="AO40">
        <f t="shared" si="211"/>
        <v>0.38243994555555549</v>
      </c>
      <c r="AP40">
        <f t="shared" si="212"/>
        <v>0.48243994555555547</v>
      </c>
      <c r="AQ40">
        <f t="shared" si="213"/>
        <v>0.58243994555555556</v>
      </c>
      <c r="AR40">
        <f t="shared" si="214"/>
        <v>0.68243994555555554</v>
      </c>
      <c r="AS40">
        <f t="shared" si="215"/>
        <v>0.75743994555555549</v>
      </c>
      <c r="AT40">
        <f t="shared" si="216"/>
        <v>0.78243994555555552</v>
      </c>
      <c r="AU40">
        <f t="shared" si="217"/>
        <v>0.78243994555555552</v>
      </c>
      <c r="AV40">
        <v>1</v>
      </c>
      <c r="AW40">
        <v>1.25</v>
      </c>
      <c r="AX40">
        <v>2.5</v>
      </c>
      <c r="AY40" s="162">
        <f t="shared" si="218"/>
        <v>2</v>
      </c>
      <c r="AZ40" s="162">
        <f t="shared" si="219"/>
        <v>1.7129739856950246</v>
      </c>
      <c r="BA40" s="162">
        <f t="shared" si="220"/>
        <v>1.9654859595406744</v>
      </c>
      <c r="BB40" s="162">
        <f t="shared" si="221"/>
        <v>2.1796938416319147</v>
      </c>
      <c r="BC40" s="162">
        <f t="shared" si="222"/>
        <v>2.446303472298506</v>
      </c>
      <c r="BD40" s="162">
        <f t="shared" si="223"/>
        <v>2.7872231566017942</v>
      </c>
      <c r="BE40" s="162">
        <f t="shared" si="224"/>
        <v>3.2385514341584076</v>
      </c>
      <c r="BF40" s="162">
        <f t="shared" si="225"/>
        <v>3.8642858598251464</v>
      </c>
      <c r="BG40" s="162">
        <f t="shared" si="226"/>
        <v>4.7897301926089675</v>
      </c>
      <c r="BH40" s="162">
        <f t="shared" si="227"/>
        <v>6.2980213411882069</v>
      </c>
      <c r="BI40" s="162">
        <f t="shared" si="228"/>
        <v>8.2453807350133008</v>
      </c>
      <c r="BJ40" s="162">
        <f t="shared" si="229"/>
        <v>9.1928640352069522</v>
      </c>
      <c r="BK40" s="162">
        <f t="shared" si="230"/>
        <v>9.1928640352069522</v>
      </c>
      <c r="BL40" s="162">
        <f t="shared" si="231"/>
        <v>2.3784142300054421</v>
      </c>
      <c r="BM40" s="162">
        <f t="shared" si="232"/>
        <v>1.9596948866186223</v>
      </c>
      <c r="BN40" s="162">
        <f t="shared" si="233"/>
        <v>2.3272199553628248</v>
      </c>
      <c r="BO40" s="162">
        <f t="shared" si="234"/>
        <v>2.6484658137735804</v>
      </c>
      <c r="BP40" s="162">
        <f t="shared" si="235"/>
        <v>3.0594116400030158</v>
      </c>
      <c r="BQ40" s="162">
        <f t="shared" si="236"/>
        <v>3.6013445786356511</v>
      </c>
      <c r="BR40" s="162">
        <f t="shared" si="237"/>
        <v>4.3444869652709812</v>
      </c>
      <c r="BS40" s="162">
        <f t="shared" si="238"/>
        <v>5.4179695168570543</v>
      </c>
      <c r="BT40" s="162">
        <f t="shared" si="239"/>
        <v>7.0857987379624374</v>
      </c>
      <c r="BU40" s="162">
        <f t="shared" si="240"/>
        <v>9.977119177148122</v>
      </c>
      <c r="BV40" s="162">
        <f t="shared" si="241"/>
        <v>13.97215493418031</v>
      </c>
      <c r="BW40" s="162">
        <f t="shared" si="242"/>
        <v>16.007132728302373</v>
      </c>
      <c r="BX40" s="162">
        <f t="shared" si="243"/>
        <v>16.007132728302373</v>
      </c>
      <c r="BY40" s="162">
        <f t="shared" si="244"/>
        <v>5.6568542494923806</v>
      </c>
      <c r="BZ40" s="162">
        <f t="shared" si="245"/>
        <v>3.8404040486391753</v>
      </c>
      <c r="CA40" s="162">
        <f t="shared" si="246"/>
        <v>5.4159527206389475</v>
      </c>
      <c r="CB40" s="162">
        <f t="shared" si="247"/>
        <v>7.0143711667273525</v>
      </c>
      <c r="CC40" s="162">
        <f t="shared" si="248"/>
        <v>9.3599995829859424</v>
      </c>
      <c r="CD40" s="162">
        <f t="shared" si="249"/>
        <v>12.969682774068396</v>
      </c>
      <c r="CE40" s="162">
        <f t="shared" si="250"/>
        <v>18.874566991409459</v>
      </c>
      <c r="CF40" s="162">
        <f t="shared" si="251"/>
        <v>25</v>
      </c>
      <c r="CG40" s="162">
        <f t="shared" si="252"/>
        <v>25</v>
      </c>
      <c r="CH40" s="162">
        <f t="shared" si="253"/>
        <v>25</v>
      </c>
      <c r="CI40" s="162">
        <f t="shared" si="254"/>
        <v>25</v>
      </c>
      <c r="CJ40" s="162">
        <f t="shared" si="255"/>
        <v>25</v>
      </c>
      <c r="CK40" s="162">
        <f t="shared" si="256"/>
        <v>25</v>
      </c>
      <c r="CL40">
        <f t="shared" si="257"/>
        <v>1.3729593947216077</v>
      </c>
      <c r="CM40">
        <f t="shared" si="258"/>
        <v>1.3946476554044116</v>
      </c>
      <c r="CN40">
        <f t="shared" si="259"/>
        <v>1.375396466863998</v>
      </c>
      <c r="CO40">
        <f t="shared" si="260"/>
        <v>1.3609141801751938</v>
      </c>
      <c r="CP40">
        <f t="shared" si="261"/>
        <v>1.3447590662275439</v>
      </c>
      <c r="CQ40">
        <f t="shared" si="262"/>
        <v>1.3264935857828506</v>
      </c>
      <c r="CR40">
        <f t="shared" si="263"/>
        <v>1.30548234017491</v>
      </c>
      <c r="CS40">
        <f t="shared" si="264"/>
        <v>1.2807512348540173</v>
      </c>
      <c r="CT40">
        <f t="shared" si="265"/>
        <v>1.2506936284339172</v>
      </c>
      <c r="CU40">
        <f t="shared" si="266"/>
        <v>1.2123670284265373</v>
      </c>
      <c r="CV40">
        <f t="shared" si="267"/>
        <v>1.174648561431735</v>
      </c>
      <c r="CW40">
        <f t="shared" si="268"/>
        <v>1.1594201451368056</v>
      </c>
      <c r="CX40" s="98">
        <f t="shared" si="269"/>
        <v>1.1594201451368056</v>
      </c>
      <c r="CY40">
        <f t="shared" si="270"/>
        <v>1.1029593947216076</v>
      </c>
      <c r="CZ40">
        <f t="shared" si="271"/>
        <v>1.1246476554044116</v>
      </c>
      <c r="DA40">
        <f t="shared" si="272"/>
        <v>1.105396466863998</v>
      </c>
      <c r="DB40">
        <f t="shared" si="273"/>
        <v>1.0909141801751938</v>
      </c>
      <c r="DC40">
        <f t="shared" si="274"/>
        <v>1.0747590662275439</v>
      </c>
      <c r="DD40">
        <f t="shared" si="275"/>
        <v>1.0564935857828506</v>
      </c>
      <c r="DE40">
        <f t="shared" si="276"/>
        <v>1.03548234017491</v>
      </c>
      <c r="DF40">
        <f t="shared" si="277"/>
        <v>1.0107512348540173</v>
      </c>
      <c r="DG40">
        <f t="shared" si="278"/>
        <v>0.98069362843391727</v>
      </c>
      <c r="DH40">
        <f t="shared" si="279"/>
        <v>0.9423670284265373</v>
      </c>
      <c r="DI40">
        <f t="shared" si="280"/>
        <v>0.904648561431735</v>
      </c>
      <c r="DJ40">
        <f t="shared" si="281"/>
        <v>0.88942014513680556</v>
      </c>
      <c r="DK40">
        <f t="shared" si="282"/>
        <v>0.88942014513680556</v>
      </c>
      <c r="DL40" s="97">
        <f t="shared" si="283"/>
        <v>1.5000349036450102</v>
      </c>
      <c r="DM40">
        <f t="shared" si="284"/>
        <v>1.529081681345194</v>
      </c>
      <c r="DN40">
        <f t="shared" si="285"/>
        <v>1.5032988395499971</v>
      </c>
      <c r="DO40">
        <f t="shared" si="286"/>
        <v>1.4839029198774918</v>
      </c>
      <c r="DP40">
        <f t="shared" si="287"/>
        <v>1.4622666065547463</v>
      </c>
      <c r="DQ40">
        <f t="shared" si="288"/>
        <v>1.4378039095306034</v>
      </c>
      <c r="DR40">
        <f t="shared" si="289"/>
        <v>1.40966384844854</v>
      </c>
      <c r="DS40">
        <f t="shared" si="290"/>
        <v>1.376541832393773</v>
      </c>
      <c r="DT40">
        <f t="shared" si="291"/>
        <v>1.3362861095097105</v>
      </c>
      <c r="DU40">
        <f t="shared" si="292"/>
        <v>1.2849558416426838</v>
      </c>
      <c r="DV40">
        <f t="shared" si="293"/>
        <v>1.2344400376317881</v>
      </c>
      <c r="DW40">
        <f t="shared" si="294"/>
        <v>1.2140448372367931</v>
      </c>
      <c r="DX40" s="98">
        <f t="shared" si="295"/>
        <v>1.2140448372367931</v>
      </c>
      <c r="DY40">
        <f t="shared" si="296"/>
        <v>1.0527062241310117</v>
      </c>
      <c r="DZ40">
        <f t="shared" si="297"/>
        <v>1.0856259055245532</v>
      </c>
      <c r="EA40">
        <f t="shared" si="298"/>
        <v>1.0564053514899967</v>
      </c>
      <c r="EB40">
        <f t="shared" si="299"/>
        <v>1.0344233091944908</v>
      </c>
      <c r="EC40">
        <f t="shared" si="300"/>
        <v>1.0099021540953792</v>
      </c>
      <c r="ED40">
        <f t="shared" si="301"/>
        <v>0.98217776413468383</v>
      </c>
      <c r="EE40">
        <f t="shared" si="302"/>
        <v>0.95028569490834547</v>
      </c>
      <c r="EF40">
        <f t="shared" si="303"/>
        <v>0.91274741004627624</v>
      </c>
      <c r="EG40">
        <f t="shared" si="304"/>
        <v>0.86712425744433874</v>
      </c>
      <c r="EH40">
        <f t="shared" si="305"/>
        <v>0.80894995386170843</v>
      </c>
      <c r="EI40">
        <f t="shared" si="306"/>
        <v>0.75169870931602656</v>
      </c>
      <c r="EJ40">
        <f t="shared" si="307"/>
        <v>0.72858414886836553</v>
      </c>
      <c r="EK40">
        <f t="shared" si="308"/>
        <v>0.72858414886836553</v>
      </c>
      <c r="EL40" s="97">
        <f t="shared" si="309"/>
        <v>1.1554124482620232</v>
      </c>
      <c r="EM40">
        <f t="shared" si="310"/>
        <v>1.2212518110491064</v>
      </c>
      <c r="EN40">
        <f t="shared" si="311"/>
        <v>1.1628107029799937</v>
      </c>
      <c r="EO40">
        <f t="shared" si="312"/>
        <v>1.1188466183889816</v>
      </c>
      <c r="EP40">
        <f t="shared" si="313"/>
        <v>1.0698043081907582</v>
      </c>
      <c r="EQ40">
        <f t="shared" si="314"/>
        <v>1.0143555282693679</v>
      </c>
      <c r="ER40">
        <f t="shared" si="315"/>
        <v>0.95057138981669098</v>
      </c>
      <c r="ES40">
        <f t="shared" si="316"/>
        <v>0.90279110977240584</v>
      </c>
      <c r="ET40">
        <f t="shared" si="317"/>
        <v>0.90279110977240584</v>
      </c>
      <c r="EU40">
        <f t="shared" si="318"/>
        <v>0.90279110977240584</v>
      </c>
      <c r="EV40">
        <f t="shared" si="319"/>
        <v>0.90279110977240584</v>
      </c>
      <c r="EW40">
        <f t="shared" si="320"/>
        <v>0.90279110977240584</v>
      </c>
      <c r="EX40" s="98">
        <f t="shared" si="321"/>
        <v>0.90279110977240584</v>
      </c>
      <c r="EY40" s="97">
        <f t="shared" si="322"/>
        <v>0.90541244826202316</v>
      </c>
      <c r="EZ40">
        <f t="shared" si="323"/>
        <v>0.97125181104910641</v>
      </c>
      <c r="FA40">
        <f t="shared" si="324"/>
        <v>0.91281070297999367</v>
      </c>
      <c r="FB40">
        <f t="shared" si="325"/>
        <v>0.86884661838898158</v>
      </c>
      <c r="FC40">
        <f t="shared" si="326"/>
        <v>0.81980430819075822</v>
      </c>
      <c r="FD40">
        <f t="shared" si="327"/>
        <v>0.76435552826936781</v>
      </c>
      <c r="FE40">
        <f t="shared" si="328"/>
        <v>0.70057138981669098</v>
      </c>
      <c r="FF40">
        <f t="shared" si="329"/>
        <v>0.65279110977240584</v>
      </c>
      <c r="FG40">
        <f t="shared" si="330"/>
        <v>0.65279110977240584</v>
      </c>
      <c r="FH40">
        <f t="shared" si="331"/>
        <v>0.65279110977240584</v>
      </c>
      <c r="FI40">
        <f t="shared" si="332"/>
        <v>0.65279110977240584</v>
      </c>
      <c r="FJ40">
        <f t="shared" si="333"/>
        <v>0.65279110977240584</v>
      </c>
      <c r="FK40">
        <f t="shared" si="334"/>
        <v>0.65279110977240584</v>
      </c>
      <c r="FL40" s="126">
        <f t="shared" si="335"/>
        <v>0</v>
      </c>
      <c r="FM40" s="91">
        <f t="shared" si="336"/>
        <v>37.195019752297277</v>
      </c>
      <c r="FN40" s="91">
        <f t="shared" si="337"/>
        <v>146.72637509267335</v>
      </c>
      <c r="FO40" s="91">
        <f t="shared" si="338"/>
        <v>217.77212165370693</v>
      </c>
      <c r="FP40" s="91">
        <f t="shared" si="339"/>
        <v>286.91599537180775</v>
      </c>
      <c r="FQ40" s="91">
        <f t="shared" si="340"/>
        <v>353.77362112426704</v>
      </c>
      <c r="FR40" s="91">
        <f t="shared" si="341"/>
        <v>417.80394846754876</v>
      </c>
      <c r="FS40" s="91">
        <f t="shared" si="342"/>
        <v>478.20389767266977</v>
      </c>
      <c r="FT40" s="91">
        <f t="shared" si="343"/>
        <v>533.69263880698156</v>
      </c>
      <c r="FU40" s="91">
        <f t="shared" si="344"/>
        <v>582.00526642199986</v>
      </c>
      <c r="FV40" s="91">
        <f t="shared" si="345"/>
        <v>610.88977374714602</v>
      </c>
      <c r="FW40" s="91">
        <f t="shared" si="346"/>
        <v>618.43082777878863</v>
      </c>
      <c r="FX40" s="91">
        <f t="shared" si="347"/>
        <v>618.43082777878863</v>
      </c>
      <c r="FY40" s="91">
        <f t="shared" si="348"/>
        <v>0</v>
      </c>
      <c r="FZ40" s="91">
        <f t="shared" si="349"/>
        <v>0.67478859324264695</v>
      </c>
      <c r="GA40" s="91">
        <f t="shared" si="350"/>
        <v>6.6323788011839877</v>
      </c>
      <c r="GB40" s="91">
        <f t="shared" si="351"/>
        <v>11.563690309857055</v>
      </c>
      <c r="GC40" s="91">
        <f t="shared" si="352"/>
        <v>19.345663192095792</v>
      </c>
      <c r="GD40" s="91">
        <f t="shared" si="353"/>
        <v>29.581820401919817</v>
      </c>
      <c r="GE40" s="91">
        <f t="shared" si="354"/>
        <v>45.56122296769604</v>
      </c>
      <c r="GF40" s="91">
        <f t="shared" si="355"/>
        <v>64.688079030657107</v>
      </c>
      <c r="GG40" s="91">
        <f t="shared" si="356"/>
        <v>98.06936284339173</v>
      </c>
      <c r="GH40" s="91">
        <f t="shared" si="357"/>
        <v>154.54819266195213</v>
      </c>
      <c r="GI40" s="91">
        <f t="shared" si="358"/>
        <v>271.39456842952052</v>
      </c>
      <c r="GJ40" s="91">
        <f t="shared" si="359"/>
        <v>444.71007256840278</v>
      </c>
      <c r="GK40" s="127">
        <f t="shared" si="360"/>
        <v>5336.5208708208338</v>
      </c>
      <c r="GL40" s="126">
        <f t="shared" si="361"/>
        <v>0</v>
      </c>
      <c r="GM40" s="91">
        <f t="shared" si="362"/>
        <v>40.780352743660096</v>
      </c>
      <c r="GN40" s="91">
        <f t="shared" si="363"/>
        <v>160.37091465787825</v>
      </c>
      <c r="GO40" s="91">
        <f t="shared" si="364"/>
        <v>237.45265638150073</v>
      </c>
      <c r="GP40" s="91">
        <f t="shared" si="365"/>
        <v>311.98724697619537</v>
      </c>
      <c r="GQ40" s="91">
        <f t="shared" si="366"/>
        <v>383.45989833119154</v>
      </c>
      <c r="GR40" s="91">
        <f t="shared" si="367"/>
        <v>451.14598931675346</v>
      </c>
      <c r="GS40" s="91">
        <f t="shared" si="368"/>
        <v>513.96996672442162</v>
      </c>
      <c r="GT40" s="91">
        <f t="shared" si="369"/>
        <v>570.21643332297037</v>
      </c>
      <c r="GU40" s="91">
        <f t="shared" si="370"/>
        <v>616.85203360103662</v>
      </c>
      <c r="GV40" s="91">
        <f t="shared" si="371"/>
        <v>641.98503284603612</v>
      </c>
      <c r="GW40" s="91">
        <f t="shared" si="372"/>
        <v>647.56745585468832</v>
      </c>
      <c r="GX40" s="91">
        <f t="shared" si="373"/>
        <v>647.56745585468832</v>
      </c>
      <c r="GY40" s="91">
        <f t="shared" si="374"/>
        <v>0</v>
      </c>
      <c r="GZ40" s="91">
        <f t="shared" si="375"/>
        <v>0.65137554331473191</v>
      </c>
      <c r="HA40" s="91">
        <f t="shared" si="376"/>
        <v>6.3384321089399798</v>
      </c>
      <c r="HB40" s="91">
        <f t="shared" si="377"/>
        <v>10.964887077461603</v>
      </c>
      <c r="HC40" s="91">
        <f t="shared" si="378"/>
        <v>18.178238773716824</v>
      </c>
      <c r="HD40" s="91">
        <f t="shared" si="379"/>
        <v>27.500977395771148</v>
      </c>
      <c r="HE40" s="91">
        <f t="shared" si="380"/>
        <v>41.8125705759672</v>
      </c>
      <c r="HF40" s="91">
        <f t="shared" si="381"/>
        <v>58.415834242961679</v>
      </c>
      <c r="HG40" s="91">
        <f t="shared" si="382"/>
        <v>86.712425744433872</v>
      </c>
      <c r="HH40" s="91">
        <f t="shared" si="383"/>
        <v>132.66779243332019</v>
      </c>
      <c r="HI40" s="91">
        <f t="shared" si="384"/>
        <v>225.50961279480796</v>
      </c>
      <c r="HJ40" s="91">
        <f t="shared" si="385"/>
        <v>364.29207443418278</v>
      </c>
      <c r="HK40" s="127">
        <f t="shared" si="386"/>
        <v>4371.5048932101936</v>
      </c>
      <c r="HL40" s="126">
        <f t="shared" si="387"/>
        <v>0</v>
      </c>
      <c r="HM40" s="91">
        <f t="shared" si="388"/>
        <v>32.570581579136139</v>
      </c>
      <c r="HN40" s="91">
        <f t="shared" si="389"/>
        <v>124.04786799855034</v>
      </c>
      <c r="HO40" s="91">
        <f t="shared" si="390"/>
        <v>179.03671329244125</v>
      </c>
      <c r="HP40" s="91">
        <f t="shared" si="391"/>
        <v>228.25201602742882</v>
      </c>
      <c r="HQ40" s="91">
        <f t="shared" si="392"/>
        <v>270.52692315243343</v>
      </c>
      <c r="HR40" s="91">
        <f t="shared" si="393"/>
        <v>304.21896010672043</v>
      </c>
      <c r="HS40" s="91">
        <f t="shared" si="394"/>
        <v>337.08203102111997</v>
      </c>
      <c r="HT40" s="91">
        <f t="shared" si="395"/>
        <v>385.23660688128001</v>
      </c>
      <c r="HU40" s="91">
        <f t="shared" si="396"/>
        <v>433.39118274143999</v>
      </c>
      <c r="HV40" s="91">
        <f t="shared" si="397"/>
        <v>469.50711463655995</v>
      </c>
      <c r="HW40" s="91">
        <f t="shared" si="398"/>
        <v>481.54575860159997</v>
      </c>
      <c r="HX40" s="91">
        <f t="shared" si="399"/>
        <v>481.54575860159997</v>
      </c>
      <c r="HY40" s="91">
        <f t="shared" si="400"/>
        <v>0</v>
      </c>
      <c r="HZ40" s="91">
        <f t="shared" si="401"/>
        <v>0.58275108662946384</v>
      </c>
      <c r="IA40" s="91">
        <f t="shared" si="402"/>
        <v>5.476864217879962</v>
      </c>
      <c r="IB40" s="91">
        <f t="shared" si="403"/>
        <v>9.2097741549232044</v>
      </c>
      <c r="IC40" s="91">
        <f t="shared" si="404"/>
        <v>14.756477547433647</v>
      </c>
      <c r="ID40" s="91">
        <f t="shared" si="405"/>
        <v>21.401954791542298</v>
      </c>
      <c r="IE40" s="91">
        <f t="shared" si="406"/>
        <v>30.825141151934403</v>
      </c>
      <c r="IF40" s="91">
        <f t="shared" si="407"/>
        <v>41.778631025433974</v>
      </c>
      <c r="IG40" s="91">
        <f t="shared" si="408"/>
        <v>65.279110977240578</v>
      </c>
      <c r="IH40" s="91">
        <f t="shared" si="409"/>
        <v>107.05774200267456</v>
      </c>
      <c r="II40" s="91">
        <f t="shared" si="410"/>
        <v>195.83733293172176</v>
      </c>
      <c r="IJ40" s="91">
        <f t="shared" si="411"/>
        <v>326.39555488620294</v>
      </c>
      <c r="IK40" s="127">
        <f t="shared" si="412"/>
        <v>3916.7466586344349</v>
      </c>
    </row>
    <row r="41" spans="2:245" x14ac:dyDescent="0.2">
      <c r="B41" s="79">
        <f t="shared" si="188"/>
        <v>-30.5</v>
      </c>
      <c r="C41" s="73">
        <f>'p-y mono_clay'!C41</f>
        <v>15</v>
      </c>
      <c r="D41" s="64">
        <f>'p-y mono_clay'!D41</f>
        <v>14.993</v>
      </c>
      <c r="E41" s="64" t="str">
        <f>'p-y mono_clay'!E41</f>
        <v>CLAY</v>
      </c>
      <c r="F41" s="55">
        <f>VLOOKUP($C41, 'Pile Property'!$A$8:$D$108,2,TRUE)</f>
        <v>2</v>
      </c>
      <c r="G41" s="102">
        <f>'p-y mono_clay'!Z41</f>
        <v>489.45340121449652</v>
      </c>
      <c r="H41" s="199">
        <f>'p-y mono_clay'!AM41</f>
        <v>0</v>
      </c>
      <c r="I41" s="55">
        <f>'p-y mono_clay'!AN41</f>
        <v>0.6</v>
      </c>
      <c r="J41" s="55">
        <f>'p-y mono_clay'!AO41</f>
        <v>6</v>
      </c>
      <c r="K41" s="55">
        <f>'p-y mono_clay'!AP41</f>
        <v>10.6</v>
      </c>
      <c r="L41" s="55">
        <f>'p-y mono_clay'!AQ41</f>
        <v>18</v>
      </c>
      <c r="M41" s="55">
        <f>'p-y mono_clay'!AR41</f>
        <v>28</v>
      </c>
      <c r="N41" s="55">
        <f>'p-y mono_clay'!AS41</f>
        <v>44</v>
      </c>
      <c r="O41" s="55">
        <f>'p-y mono_clay'!AT41</f>
        <v>64</v>
      </c>
      <c r="P41" s="55">
        <f>'p-y mono_clay'!AU41</f>
        <v>100</v>
      </c>
      <c r="Q41" s="55">
        <f>'p-y mono_clay'!AV41</f>
        <v>164</v>
      </c>
      <c r="R41" s="55">
        <f>'p-y mono_clay'!AW41</f>
        <v>300</v>
      </c>
      <c r="S41" s="55">
        <f>'p-y mono_clay'!AX41</f>
        <v>500</v>
      </c>
      <c r="T41" s="200">
        <f>'p-y mono_clay'!AY41</f>
        <v>6000</v>
      </c>
      <c r="U41" s="199">
        <f>'p-y mono_clay'!AZ41</f>
        <v>0</v>
      </c>
      <c r="V41" s="55">
        <f>'p-y mono_clay'!BA41</f>
        <v>24.472670060724827</v>
      </c>
      <c r="W41" s="55">
        <f>'p-y mono_clay'!BB41</f>
        <v>97.890680242899307</v>
      </c>
      <c r="X41" s="55">
        <f>'p-y mono_clay'!BC41</f>
        <v>146.83602036434894</v>
      </c>
      <c r="Y41" s="55">
        <f>'p-y mono_clay'!BD41</f>
        <v>195.78136048579861</v>
      </c>
      <c r="Z41" s="55">
        <f>'p-y mono_clay'!BE41</f>
        <v>244.72670060724826</v>
      </c>
      <c r="AA41" s="55">
        <f>'p-y mono_clay'!BF41</f>
        <v>293.67204072869788</v>
      </c>
      <c r="AB41" s="55">
        <f>'p-y mono_clay'!BG41</f>
        <v>342.61738085014753</v>
      </c>
      <c r="AC41" s="55">
        <f>'p-y mono_clay'!BH41</f>
        <v>391.56272097159723</v>
      </c>
      <c r="AD41" s="55">
        <f>'p-y mono_clay'!BI41</f>
        <v>440.50806109304688</v>
      </c>
      <c r="AE41" s="55">
        <f>'p-y mono_clay'!BJ41</f>
        <v>477.21706618413413</v>
      </c>
      <c r="AF41" s="55">
        <f>'p-y mono_clay'!BK41</f>
        <v>489.45340121449652</v>
      </c>
      <c r="AG41" s="200">
        <f>'p-y mono_clay'!BL41</f>
        <v>489.45340121449652</v>
      </c>
      <c r="AH41">
        <f t="shared" si="205"/>
        <v>30</v>
      </c>
      <c r="AI41">
        <v>0</v>
      </c>
      <c r="AJ41">
        <f t="shared" si="206"/>
        <v>-0.19976672111111116</v>
      </c>
      <c r="AK41">
        <f t="shared" si="207"/>
        <v>-4.9766721111111134E-2</v>
      </c>
      <c r="AL41">
        <f t="shared" si="208"/>
        <v>5.0233278888888844E-2</v>
      </c>
      <c r="AM41">
        <f t="shared" si="209"/>
        <v>0.15023327888888888</v>
      </c>
      <c r="AN41">
        <f t="shared" si="210"/>
        <v>0.25023327888888885</v>
      </c>
      <c r="AO41">
        <f t="shared" si="211"/>
        <v>0.35023327888888883</v>
      </c>
      <c r="AP41">
        <f t="shared" si="212"/>
        <v>0.45023327888888881</v>
      </c>
      <c r="AQ41">
        <f t="shared" si="213"/>
        <v>0.55023327888888884</v>
      </c>
      <c r="AR41">
        <f t="shared" si="214"/>
        <v>0.65023327888888893</v>
      </c>
      <c r="AS41">
        <f t="shared" si="215"/>
        <v>0.72523327888888889</v>
      </c>
      <c r="AT41">
        <f t="shared" si="216"/>
        <v>0.7502332788888888</v>
      </c>
      <c r="AU41">
        <f t="shared" si="217"/>
        <v>0.7502332788888888</v>
      </c>
      <c r="AV41">
        <v>1</v>
      </c>
      <c r="AW41">
        <v>1.25</v>
      </c>
      <c r="AX41">
        <v>2.5</v>
      </c>
      <c r="AY41" s="162">
        <f t="shared" si="218"/>
        <v>2</v>
      </c>
      <c r="AZ41" s="162">
        <f t="shared" si="219"/>
        <v>1.6669907281207033</v>
      </c>
      <c r="BA41" s="162">
        <f t="shared" si="220"/>
        <v>1.9051851804590711</v>
      </c>
      <c r="BB41" s="162">
        <f t="shared" si="221"/>
        <v>2.1057802463959194</v>
      </c>
      <c r="BC41" s="162">
        <f t="shared" si="222"/>
        <v>2.353587108453604</v>
      </c>
      <c r="BD41" s="162">
        <f t="shared" si="223"/>
        <v>2.6674963607828777</v>
      </c>
      <c r="BE41" s="162">
        <f t="shared" si="224"/>
        <v>3.0780277521445991</v>
      </c>
      <c r="BF41" s="162">
        <f t="shared" si="225"/>
        <v>3.6379066305757486</v>
      </c>
      <c r="BG41" s="162">
        <f t="shared" si="226"/>
        <v>4.4467496284722152</v>
      </c>
      <c r="BH41" s="162">
        <f t="shared" si="227"/>
        <v>5.7180968893969082</v>
      </c>
      <c r="BI41" s="162">
        <f t="shared" si="228"/>
        <v>7.2789018696017163</v>
      </c>
      <c r="BJ41" s="162">
        <f t="shared" si="229"/>
        <v>8.0074718965873775</v>
      </c>
      <c r="BK41" s="162">
        <f t="shared" si="230"/>
        <v>8.0074718965873775</v>
      </c>
      <c r="BL41" s="162">
        <f t="shared" si="231"/>
        <v>2.3784142300054421</v>
      </c>
      <c r="BM41" s="162">
        <f t="shared" si="232"/>
        <v>1.8941592114233028</v>
      </c>
      <c r="BN41" s="162">
        <f t="shared" si="233"/>
        <v>2.2383164854581121</v>
      </c>
      <c r="BO41" s="162">
        <f t="shared" si="234"/>
        <v>2.5366836473675316</v>
      </c>
      <c r="BP41" s="162">
        <f t="shared" si="235"/>
        <v>2.915163017313859</v>
      </c>
      <c r="BQ41" s="162">
        <f t="shared" si="236"/>
        <v>3.4090219258557415</v>
      </c>
      <c r="BR41" s="162">
        <f t="shared" si="237"/>
        <v>4.0769995545757505</v>
      </c>
      <c r="BS41" s="162">
        <f t="shared" si="238"/>
        <v>5.0241712672575343</v>
      </c>
      <c r="BT41" s="162">
        <f t="shared" si="239"/>
        <v>6.457335432166686</v>
      </c>
      <c r="BU41" s="162">
        <f t="shared" si="240"/>
        <v>8.8422825292235565</v>
      </c>
      <c r="BV41" s="162">
        <f t="shared" si="241"/>
        <v>11.955901560765231</v>
      </c>
      <c r="BW41" s="162">
        <f t="shared" si="242"/>
        <v>13.470052205121908</v>
      </c>
      <c r="BX41" s="162">
        <f t="shared" si="243"/>
        <v>13.470052205121908</v>
      </c>
      <c r="BY41" s="162">
        <f t="shared" si="244"/>
        <v>5.6568542494923806</v>
      </c>
      <c r="BZ41" s="162">
        <f t="shared" si="245"/>
        <v>3.5878391182197484</v>
      </c>
      <c r="CA41" s="162">
        <f t="shared" si="246"/>
        <v>5.0100606890735548</v>
      </c>
      <c r="CB41" s="162">
        <f t="shared" si="247"/>
        <v>6.4347639268218426</v>
      </c>
      <c r="CC41" s="162">
        <f t="shared" si="248"/>
        <v>8.4981754175144442</v>
      </c>
      <c r="CD41" s="162">
        <f t="shared" si="249"/>
        <v>11.621430490965189</v>
      </c>
      <c r="CE41" s="162">
        <f t="shared" si="250"/>
        <v>16.621925368010871</v>
      </c>
      <c r="CF41" s="162">
        <f t="shared" si="251"/>
        <v>25</v>
      </c>
      <c r="CG41" s="162">
        <f t="shared" si="252"/>
        <v>25</v>
      </c>
      <c r="CH41" s="162">
        <f t="shared" si="253"/>
        <v>25</v>
      </c>
      <c r="CI41" s="162">
        <f t="shared" si="254"/>
        <v>25</v>
      </c>
      <c r="CJ41" s="162">
        <f t="shared" si="255"/>
        <v>25</v>
      </c>
      <c r="CK41" s="162">
        <f t="shared" si="256"/>
        <v>25</v>
      </c>
      <c r="CL41">
        <f t="shared" si="257"/>
        <v>1.3729593947216077</v>
      </c>
      <c r="CM41">
        <f t="shared" si="258"/>
        <v>1.3984571941566781</v>
      </c>
      <c r="CN41">
        <f t="shared" si="259"/>
        <v>1.3797589103977872</v>
      </c>
      <c r="CO41">
        <f t="shared" si="260"/>
        <v>1.3657439513442715</v>
      </c>
      <c r="CP41">
        <f t="shared" si="261"/>
        <v>1.3501683169132925</v>
      </c>
      <c r="CQ41">
        <f t="shared" si="262"/>
        <v>1.3326403524122139</v>
      </c>
      <c r="CR41">
        <f t="shared" si="263"/>
        <v>1.3125995327665732</v>
      </c>
      <c r="CS41">
        <f t="shared" si="264"/>
        <v>1.2892028219386151</v>
      </c>
      <c r="CT41">
        <f t="shared" si="265"/>
        <v>1.2610957227787749</v>
      </c>
      <c r="CU41">
        <f t="shared" si="266"/>
        <v>1.2258909546258185</v>
      </c>
      <c r="CV41">
        <f t="shared" si="267"/>
        <v>1.1921027987759651</v>
      </c>
      <c r="CW41">
        <f t="shared" si="268"/>
        <v>1.1787474869997787</v>
      </c>
      <c r="CX41" s="98">
        <f t="shared" si="269"/>
        <v>1.1787474869997787</v>
      </c>
      <c r="CY41">
        <f t="shared" si="270"/>
        <v>1.1029593947216076</v>
      </c>
      <c r="CZ41">
        <f t="shared" si="271"/>
        <v>1.1284571941566781</v>
      </c>
      <c r="DA41">
        <f t="shared" si="272"/>
        <v>1.1097589103977872</v>
      </c>
      <c r="DB41">
        <f t="shared" si="273"/>
        <v>1.0957439513442715</v>
      </c>
      <c r="DC41">
        <f t="shared" si="274"/>
        <v>1.0801683169132925</v>
      </c>
      <c r="DD41">
        <f t="shared" si="275"/>
        <v>1.0626403524122139</v>
      </c>
      <c r="DE41">
        <f t="shared" si="276"/>
        <v>1.0425995327665731</v>
      </c>
      <c r="DF41">
        <f t="shared" si="277"/>
        <v>1.0192028219386151</v>
      </c>
      <c r="DG41">
        <f t="shared" si="278"/>
        <v>0.99109572277877489</v>
      </c>
      <c r="DH41">
        <f t="shared" si="279"/>
        <v>0.95589095462581841</v>
      </c>
      <c r="DI41">
        <f t="shared" si="280"/>
        <v>0.92210279877596502</v>
      </c>
      <c r="DJ41">
        <f t="shared" si="281"/>
        <v>0.9087474869997787</v>
      </c>
      <c r="DK41">
        <f t="shared" si="282"/>
        <v>0.9087474869997787</v>
      </c>
      <c r="DL41" s="97">
        <f t="shared" si="283"/>
        <v>1.5000349036450102</v>
      </c>
      <c r="DM41">
        <f t="shared" si="284"/>
        <v>1.5341837421741222</v>
      </c>
      <c r="DN41">
        <f t="shared" si="285"/>
        <v>1.5091413978541794</v>
      </c>
      <c r="DO41">
        <f t="shared" si="286"/>
        <v>1.4903713634075066</v>
      </c>
      <c r="DP41">
        <f t="shared" si="287"/>
        <v>1.4695111387231596</v>
      </c>
      <c r="DQ41">
        <f t="shared" si="288"/>
        <v>1.4460361862663578</v>
      </c>
      <c r="DR41">
        <f t="shared" si="289"/>
        <v>1.4191958028123748</v>
      </c>
      <c r="DS41">
        <f t="shared" si="290"/>
        <v>1.3878609222392166</v>
      </c>
      <c r="DT41">
        <f t="shared" si="291"/>
        <v>1.3502174858644305</v>
      </c>
      <c r="DU41">
        <f t="shared" si="292"/>
        <v>1.3030682428024354</v>
      </c>
      <c r="DV41">
        <f t="shared" si="293"/>
        <v>1.2578162483606674</v>
      </c>
      <c r="DW41">
        <f t="shared" si="294"/>
        <v>1.2399296700889892</v>
      </c>
      <c r="DX41" s="98">
        <f t="shared" si="295"/>
        <v>1.2399296700889892</v>
      </c>
      <c r="DY41">
        <f t="shared" si="296"/>
        <v>1.0527062241310117</v>
      </c>
      <c r="DZ41">
        <f t="shared" si="297"/>
        <v>1.091408241130672</v>
      </c>
      <c r="EA41">
        <f t="shared" si="298"/>
        <v>1.06302691756807</v>
      </c>
      <c r="EB41">
        <f t="shared" si="299"/>
        <v>1.0417542118618408</v>
      </c>
      <c r="EC41">
        <f t="shared" si="300"/>
        <v>1.0181126238862477</v>
      </c>
      <c r="ED41">
        <f t="shared" si="301"/>
        <v>0.99150767776853899</v>
      </c>
      <c r="EE41">
        <f t="shared" si="302"/>
        <v>0.96108857652069157</v>
      </c>
      <c r="EF41">
        <f t="shared" si="303"/>
        <v>0.92557571187111221</v>
      </c>
      <c r="EG41">
        <f t="shared" si="304"/>
        <v>0.88291315064635467</v>
      </c>
      <c r="EH41">
        <f t="shared" si="305"/>
        <v>0.82947734184276012</v>
      </c>
      <c r="EI41">
        <f t="shared" si="306"/>
        <v>0.7781917481420898</v>
      </c>
      <c r="EJ41">
        <f t="shared" si="307"/>
        <v>0.75792029276752126</v>
      </c>
      <c r="EK41">
        <f t="shared" si="308"/>
        <v>0.75792029276752126</v>
      </c>
      <c r="EL41" s="97">
        <f t="shared" si="309"/>
        <v>1.1554124482620232</v>
      </c>
      <c r="EM41">
        <f t="shared" si="310"/>
        <v>1.2328164822613441</v>
      </c>
      <c r="EN41">
        <f t="shared" si="311"/>
        <v>1.17605383513614</v>
      </c>
      <c r="EO41">
        <f t="shared" si="312"/>
        <v>1.1335084237236817</v>
      </c>
      <c r="EP41">
        <f t="shared" si="313"/>
        <v>1.0862252477724952</v>
      </c>
      <c r="EQ41">
        <f t="shared" si="314"/>
        <v>1.033015355537078</v>
      </c>
      <c r="ER41">
        <f t="shared" si="315"/>
        <v>0.97217715304138308</v>
      </c>
      <c r="ES41">
        <f t="shared" si="316"/>
        <v>0.90279110977240584</v>
      </c>
      <c r="ET41">
        <f t="shared" si="317"/>
        <v>0.90279110977240584</v>
      </c>
      <c r="EU41">
        <f t="shared" si="318"/>
        <v>0.90279110977240584</v>
      </c>
      <c r="EV41">
        <f t="shared" si="319"/>
        <v>0.90279110977240584</v>
      </c>
      <c r="EW41">
        <f t="shared" si="320"/>
        <v>0.90279110977240584</v>
      </c>
      <c r="EX41" s="98">
        <f t="shared" si="321"/>
        <v>0.90279110977240584</v>
      </c>
      <c r="EY41" s="97">
        <f t="shared" si="322"/>
        <v>0.90541244826202316</v>
      </c>
      <c r="EZ41">
        <f t="shared" si="323"/>
        <v>0.9828164822613441</v>
      </c>
      <c r="FA41">
        <f t="shared" si="324"/>
        <v>0.92605383513614004</v>
      </c>
      <c r="FB41">
        <f t="shared" si="325"/>
        <v>0.88350842372368166</v>
      </c>
      <c r="FC41">
        <f t="shared" si="326"/>
        <v>0.83622524777249529</v>
      </c>
      <c r="FD41">
        <f t="shared" si="327"/>
        <v>0.78301535553707802</v>
      </c>
      <c r="FE41">
        <f t="shared" si="328"/>
        <v>0.72217715304138308</v>
      </c>
      <c r="FF41">
        <f t="shared" si="329"/>
        <v>0.65279110977240584</v>
      </c>
      <c r="FG41">
        <f t="shared" si="330"/>
        <v>0.65279110977240584</v>
      </c>
      <c r="FH41">
        <f t="shared" si="331"/>
        <v>0.65279110977240584</v>
      </c>
      <c r="FI41">
        <f t="shared" si="332"/>
        <v>0.65279110977240584</v>
      </c>
      <c r="FJ41">
        <f t="shared" si="333"/>
        <v>0.65279110977240584</v>
      </c>
      <c r="FK41">
        <f t="shared" si="334"/>
        <v>0.65279110977240584</v>
      </c>
      <c r="FL41" s="126">
        <f t="shared" si="335"/>
        <v>0</v>
      </c>
      <c r="FM41" s="91">
        <f t="shared" si="336"/>
        <v>34.223981506643383</v>
      </c>
      <c r="FN41" s="91">
        <f t="shared" si="337"/>
        <v>135.06553831004095</v>
      </c>
      <c r="FO41" s="91">
        <f t="shared" si="338"/>
        <v>200.54040665207384</v>
      </c>
      <c r="FP41" s="91">
        <f t="shared" si="339"/>
        <v>264.33778997010529</v>
      </c>
      <c r="FQ41" s="91">
        <f t="shared" si="340"/>
        <v>326.13267654192168</v>
      </c>
      <c r="FR41" s="91">
        <f t="shared" si="341"/>
        <v>385.47378344709489</v>
      </c>
      <c r="FS41" s="91">
        <f t="shared" si="342"/>
        <v>441.70329423722745</v>
      </c>
      <c r="FT41" s="91">
        <f t="shared" si="343"/>
        <v>493.79807261690019</v>
      </c>
      <c r="FU41" s="91">
        <f t="shared" si="344"/>
        <v>540.01484753372358</v>
      </c>
      <c r="FV41" s="91">
        <f t="shared" si="345"/>
        <v>568.89180022176129</v>
      </c>
      <c r="FW41" s="91">
        <f t="shared" si="346"/>
        <v>576.94196668508221</v>
      </c>
      <c r="FX41" s="91">
        <f t="shared" si="347"/>
        <v>576.94196668508221</v>
      </c>
      <c r="FY41" s="91">
        <f t="shared" si="348"/>
        <v>0</v>
      </c>
      <c r="FZ41" s="91">
        <f t="shared" si="349"/>
        <v>0.67707431649400684</v>
      </c>
      <c r="GA41" s="91">
        <f t="shared" si="350"/>
        <v>6.6585534623867231</v>
      </c>
      <c r="GB41" s="91">
        <f t="shared" si="351"/>
        <v>11.614885884249277</v>
      </c>
      <c r="GC41" s="91">
        <f t="shared" si="352"/>
        <v>19.443029704439265</v>
      </c>
      <c r="GD41" s="91">
        <f t="shared" si="353"/>
        <v>29.753929867541988</v>
      </c>
      <c r="GE41" s="91">
        <f t="shared" si="354"/>
        <v>45.874379441729218</v>
      </c>
      <c r="GF41" s="91">
        <f t="shared" si="355"/>
        <v>65.228980604071367</v>
      </c>
      <c r="GG41" s="91">
        <f t="shared" si="356"/>
        <v>99.10957227787749</v>
      </c>
      <c r="GH41" s="91">
        <f t="shared" si="357"/>
        <v>156.76611655863422</v>
      </c>
      <c r="GI41" s="91">
        <f t="shared" si="358"/>
        <v>276.6308396327895</v>
      </c>
      <c r="GJ41" s="91">
        <f t="shared" si="359"/>
        <v>454.37374349988937</v>
      </c>
      <c r="GK41" s="127">
        <f t="shared" si="360"/>
        <v>5452.4849219986718</v>
      </c>
      <c r="GL41" s="126">
        <f t="shared" si="361"/>
        <v>0</v>
      </c>
      <c r="GM41" s="91">
        <f t="shared" si="362"/>
        <v>37.545572534755415</v>
      </c>
      <c r="GN41" s="91">
        <f t="shared" si="363"/>
        <v>147.73087801866558</v>
      </c>
      <c r="GO41" s="91">
        <f t="shared" si="364"/>
        <v>218.84019986774715</v>
      </c>
      <c r="GP41" s="91">
        <f t="shared" si="365"/>
        <v>287.70288998825532</v>
      </c>
      <c r="GQ41" s="91">
        <f t="shared" si="366"/>
        <v>353.88366482365404</v>
      </c>
      <c r="GR41" s="91">
        <f t="shared" si="367"/>
        <v>416.77812760551279</v>
      </c>
      <c r="GS41" s="91">
        <f t="shared" si="368"/>
        <v>475.50527416187066</v>
      </c>
      <c r="GT41" s="91">
        <f t="shared" si="369"/>
        <v>528.69483266850557</v>
      </c>
      <c r="GU41" s="91">
        <f t="shared" si="370"/>
        <v>574.01206510882446</v>
      </c>
      <c r="GV41" s="91">
        <f t="shared" si="371"/>
        <v>600.2513798414119</v>
      </c>
      <c r="GW41" s="91">
        <f t="shared" si="372"/>
        <v>606.88779429182432</v>
      </c>
      <c r="GX41" s="91">
        <f t="shared" si="373"/>
        <v>606.88779429182432</v>
      </c>
      <c r="GY41" s="91">
        <f t="shared" si="374"/>
        <v>0</v>
      </c>
      <c r="GZ41" s="91">
        <f t="shared" si="375"/>
        <v>0.65484494467840315</v>
      </c>
      <c r="HA41" s="91">
        <f t="shared" si="376"/>
        <v>6.3781615054084195</v>
      </c>
      <c r="HB41" s="91">
        <f t="shared" si="377"/>
        <v>11.042594645735512</v>
      </c>
      <c r="HC41" s="91">
        <f t="shared" si="378"/>
        <v>18.326027229952459</v>
      </c>
      <c r="HD41" s="91">
        <f t="shared" si="379"/>
        <v>27.762214977519093</v>
      </c>
      <c r="HE41" s="91">
        <f t="shared" si="380"/>
        <v>42.287897366910428</v>
      </c>
      <c r="HF41" s="91">
        <f t="shared" si="381"/>
        <v>59.236845559751181</v>
      </c>
      <c r="HG41" s="91">
        <f t="shared" si="382"/>
        <v>88.291315064635469</v>
      </c>
      <c r="HH41" s="91">
        <f t="shared" si="383"/>
        <v>136.03428406221266</v>
      </c>
      <c r="HI41" s="91">
        <f t="shared" si="384"/>
        <v>233.45752444262695</v>
      </c>
      <c r="HJ41" s="91">
        <f t="shared" si="385"/>
        <v>378.96014638376062</v>
      </c>
      <c r="HK41" s="127">
        <f t="shared" si="386"/>
        <v>4547.5217566051278</v>
      </c>
      <c r="HL41" s="126">
        <f t="shared" si="387"/>
        <v>0</v>
      </c>
      <c r="HM41" s="91">
        <f t="shared" si="388"/>
        <v>30.170311015805297</v>
      </c>
      <c r="HN41" s="91">
        <f t="shared" si="389"/>
        <v>115.1247099237473</v>
      </c>
      <c r="HO41" s="91">
        <f t="shared" si="390"/>
        <v>166.43986598905158</v>
      </c>
      <c r="HP41" s="91">
        <f t="shared" si="391"/>
        <v>212.66265680292281</v>
      </c>
      <c r="HQ41" s="91">
        <f t="shared" si="392"/>
        <v>252.80643963721261</v>
      </c>
      <c r="HR41" s="91">
        <f t="shared" si="393"/>
        <v>285.50124848347861</v>
      </c>
      <c r="HS41" s="91">
        <f t="shared" si="394"/>
        <v>309.31192548501974</v>
      </c>
      <c r="HT41" s="91">
        <f t="shared" si="395"/>
        <v>353.49934341145115</v>
      </c>
      <c r="HU41" s="91">
        <f t="shared" si="396"/>
        <v>397.68676133788256</v>
      </c>
      <c r="HV41" s="91">
        <f t="shared" si="397"/>
        <v>430.82732478270611</v>
      </c>
      <c r="HW41" s="91">
        <f t="shared" si="398"/>
        <v>441.87417926431391</v>
      </c>
      <c r="HX41" s="91">
        <f t="shared" si="399"/>
        <v>441.87417926431391</v>
      </c>
      <c r="HY41" s="91">
        <f t="shared" si="400"/>
        <v>0</v>
      </c>
      <c r="HZ41" s="91">
        <f t="shared" si="401"/>
        <v>0.58968988935680644</v>
      </c>
      <c r="IA41" s="91">
        <f t="shared" si="402"/>
        <v>5.5563230108168398</v>
      </c>
      <c r="IB41" s="91">
        <f t="shared" si="403"/>
        <v>9.365189291471026</v>
      </c>
      <c r="IC41" s="91">
        <f t="shared" si="404"/>
        <v>15.052054459904916</v>
      </c>
      <c r="ID41" s="91">
        <f t="shared" si="405"/>
        <v>21.924429955038185</v>
      </c>
      <c r="IE41" s="91">
        <f t="shared" si="406"/>
        <v>31.775794733820856</v>
      </c>
      <c r="IF41" s="91">
        <f t="shared" si="407"/>
        <v>41.778631025433974</v>
      </c>
      <c r="IG41" s="91">
        <f t="shared" si="408"/>
        <v>65.279110977240578</v>
      </c>
      <c r="IH41" s="91">
        <f t="shared" si="409"/>
        <v>107.05774200267456</v>
      </c>
      <c r="II41" s="91">
        <f t="shared" si="410"/>
        <v>195.83733293172176</v>
      </c>
      <c r="IJ41" s="91">
        <f t="shared" si="411"/>
        <v>326.39555488620294</v>
      </c>
      <c r="IK41" s="127">
        <f t="shared" si="412"/>
        <v>3916.7466586344349</v>
      </c>
    </row>
    <row r="42" spans="2:245" x14ac:dyDescent="0.2">
      <c r="B42" s="79">
        <f t="shared" si="188"/>
        <v>-31.5</v>
      </c>
      <c r="C42" s="73">
        <f>'p-y mono_clay'!C42</f>
        <v>16</v>
      </c>
      <c r="D42" s="64">
        <f>'p-y mono_clay'!D42</f>
        <v>15.99</v>
      </c>
      <c r="E42" s="64" t="str">
        <f>'p-y mono_clay'!E42</f>
        <v>CLAY</v>
      </c>
      <c r="F42" s="55">
        <f>VLOOKUP($C42, 'Pile Property'!$A$8:$D$108,2,TRUE)</f>
        <v>2</v>
      </c>
      <c r="G42" s="102">
        <f>'p-y mono_clay'!Z42</f>
        <v>1051.6198590124809</v>
      </c>
      <c r="H42" s="199">
        <f>'p-y mono_clay'!AM42</f>
        <v>0</v>
      </c>
      <c r="I42" s="55">
        <f>'p-y mono_clay'!AN42</f>
        <v>0.63524011582438533</v>
      </c>
      <c r="J42" s="55">
        <f>'p-y mono_clay'!AO42</f>
        <v>6.352401158243854</v>
      </c>
      <c r="K42" s="55">
        <f>'p-y mono_clay'!AP42</f>
        <v>11.551483127258406</v>
      </c>
      <c r="L42" s="55">
        <f>'p-y mono_clay'!AQ42</f>
        <v>20.11440694946312</v>
      </c>
      <c r="M42" s="55">
        <f>'p-y mono_clay'!AR42</f>
        <v>31.52401158243854</v>
      </c>
      <c r="N42" s="55">
        <f>'p-y mono_clay'!AS42</f>
        <v>48.933616215413949</v>
      </c>
      <c r="O42" s="55">
        <f>'p-y mono_clay'!AT42</f>
        <v>72.105226639608645</v>
      </c>
      <c r="P42" s="55">
        <f>'p-y mono_clay'!AU42</f>
        <v>111.98163938029103</v>
      </c>
      <c r="Q42" s="55">
        <f>'p-y mono_clay'!AV42</f>
        <v>184.43926717814355</v>
      </c>
      <c r="R42" s="55">
        <f>'p-y mono_clay'!AW42</f>
        <v>328.19209265950832</v>
      </c>
      <c r="S42" s="55">
        <f>'p-y mono_clay'!AX42</f>
        <v>517.62005791219269</v>
      </c>
      <c r="T42" s="200">
        <f>'p-y mono_clay'!AY42</f>
        <v>6000</v>
      </c>
      <c r="U42" s="199">
        <f>'p-y mono_clay'!AZ42</f>
        <v>0</v>
      </c>
      <c r="V42" s="55">
        <f>'p-y mono_clay'!BA42</f>
        <v>52.580992950624051</v>
      </c>
      <c r="W42" s="55">
        <f>'p-y mono_clay'!BB42</f>
        <v>210.3239718024962</v>
      </c>
      <c r="X42" s="55">
        <f>'p-y mono_clay'!BC42</f>
        <v>315.48595770374425</v>
      </c>
      <c r="Y42" s="55">
        <f>'p-y mono_clay'!BD42</f>
        <v>420.64794360499241</v>
      </c>
      <c r="Z42" s="55">
        <f>'p-y mono_clay'!BE42</f>
        <v>525.80992950624045</v>
      </c>
      <c r="AA42" s="55">
        <f>'p-y mono_clay'!BF42</f>
        <v>630.9719154074885</v>
      </c>
      <c r="AB42" s="55">
        <f>'p-y mono_clay'!BG42</f>
        <v>736.13390130873654</v>
      </c>
      <c r="AC42" s="55">
        <f>'p-y mono_clay'!BH42</f>
        <v>841.29588720998481</v>
      </c>
      <c r="AD42" s="55">
        <f>'p-y mono_clay'!BI42</f>
        <v>946.45787311123286</v>
      </c>
      <c r="AE42" s="55">
        <f>'p-y mono_clay'!BJ42</f>
        <v>1025.3293625371689</v>
      </c>
      <c r="AF42" s="55">
        <f>'p-y mono_clay'!BK42</f>
        <v>1051.6198590124809</v>
      </c>
      <c r="AG42" s="200">
        <f>'p-y mono_clay'!BL42</f>
        <v>1051.6198590124809</v>
      </c>
      <c r="AH42">
        <f t="shared" si="205"/>
        <v>30</v>
      </c>
      <c r="AI42">
        <v>0</v>
      </c>
      <c r="AJ42">
        <f t="shared" si="206"/>
        <v>-0.23408900000000005</v>
      </c>
      <c r="AK42">
        <f t="shared" si="207"/>
        <v>-8.4089000000000025E-2</v>
      </c>
      <c r="AL42">
        <f t="shared" si="208"/>
        <v>1.5910999999999953E-2</v>
      </c>
      <c r="AM42">
        <f t="shared" si="209"/>
        <v>0.11591099999999999</v>
      </c>
      <c r="AN42">
        <f t="shared" si="210"/>
        <v>0.21591099999999996</v>
      </c>
      <c r="AO42">
        <f t="shared" si="211"/>
        <v>0.31591099999999994</v>
      </c>
      <c r="AP42">
        <f t="shared" si="212"/>
        <v>0.41591099999999992</v>
      </c>
      <c r="AQ42">
        <f t="shared" si="213"/>
        <v>0.51591100000000001</v>
      </c>
      <c r="AR42">
        <f t="shared" si="214"/>
        <v>0.61591099999999999</v>
      </c>
      <c r="AS42">
        <f t="shared" si="215"/>
        <v>0.69091099999999994</v>
      </c>
      <c r="AT42">
        <f t="shared" si="216"/>
        <v>0.71591099999999996</v>
      </c>
      <c r="AU42">
        <f t="shared" si="217"/>
        <v>0.71591099999999996</v>
      </c>
      <c r="AV42">
        <v>1</v>
      </c>
      <c r="AW42">
        <v>1.25</v>
      </c>
      <c r="AX42">
        <v>2.5</v>
      </c>
      <c r="AY42" s="162">
        <f t="shared" si="218"/>
        <v>2</v>
      </c>
      <c r="AZ42" s="162">
        <f t="shared" si="219"/>
        <v>1.6206286580627491</v>
      </c>
      <c r="BA42" s="162">
        <f t="shared" si="220"/>
        <v>1.8448669804785398</v>
      </c>
      <c r="BB42" s="162">
        <f t="shared" si="221"/>
        <v>2.0323365061493424</v>
      </c>
      <c r="BC42" s="162">
        <f t="shared" si="222"/>
        <v>2.2622156819053285</v>
      </c>
      <c r="BD42" s="162">
        <f t="shared" si="223"/>
        <v>2.550730848156268</v>
      </c>
      <c r="BE42" s="162">
        <f t="shared" si="224"/>
        <v>2.9235961987402224</v>
      </c>
      <c r="BF42" s="162">
        <f t="shared" si="225"/>
        <v>3.424135705346274</v>
      </c>
      <c r="BG42" s="162">
        <f t="shared" si="226"/>
        <v>4.1314716921888328</v>
      </c>
      <c r="BH42" s="162">
        <f t="shared" si="227"/>
        <v>5.2071264732913463</v>
      </c>
      <c r="BI42" s="162">
        <f t="shared" si="228"/>
        <v>6.4706282009388874</v>
      </c>
      <c r="BJ42" s="162">
        <f t="shared" si="229"/>
        <v>7.0400473091179165</v>
      </c>
      <c r="BK42" s="162">
        <f t="shared" si="230"/>
        <v>7.0400473091179165</v>
      </c>
      <c r="BL42" s="162">
        <f t="shared" si="231"/>
        <v>2.3784142300054421</v>
      </c>
      <c r="BM42" s="162">
        <f t="shared" si="232"/>
        <v>1.8285396962859268</v>
      </c>
      <c r="BN42" s="162">
        <f t="shared" si="233"/>
        <v>2.1500884309963157</v>
      </c>
      <c r="BO42" s="162">
        <f t="shared" si="234"/>
        <v>2.4265794920314874</v>
      </c>
      <c r="BP42" s="162">
        <f t="shared" si="235"/>
        <v>2.7743900023146826</v>
      </c>
      <c r="BQ42" s="162">
        <f t="shared" si="236"/>
        <v>3.2235231472776142</v>
      </c>
      <c r="BR42" s="162">
        <f t="shared" si="237"/>
        <v>3.8229334309363616</v>
      </c>
      <c r="BS42" s="162">
        <f t="shared" si="238"/>
        <v>4.6578844474877776</v>
      </c>
      <c r="BT42" s="162">
        <f t="shared" si="239"/>
        <v>5.8902126865992885</v>
      </c>
      <c r="BU42" s="162">
        <f t="shared" si="240"/>
        <v>7.8658861775227598</v>
      </c>
      <c r="BV42" s="162">
        <f t="shared" si="241"/>
        <v>10.320079853671313</v>
      </c>
      <c r="BW42" s="162">
        <f t="shared" si="242"/>
        <v>11.467519096287164</v>
      </c>
      <c r="BX42" s="162">
        <f t="shared" si="243"/>
        <v>11.467519096287164</v>
      </c>
      <c r="BY42" s="162">
        <f t="shared" si="244"/>
        <v>5.6568542494923806</v>
      </c>
      <c r="BZ42" s="162">
        <f t="shared" si="245"/>
        <v>3.34355742089343</v>
      </c>
      <c r="CA42" s="162">
        <f t="shared" si="246"/>
        <v>4.622880261104199</v>
      </c>
      <c r="CB42" s="162">
        <f t="shared" si="247"/>
        <v>5.8882880311477912</v>
      </c>
      <c r="CC42" s="162">
        <f t="shared" si="248"/>
        <v>7.6972398849436638</v>
      </c>
      <c r="CD42" s="162">
        <f t="shared" si="249"/>
        <v>10.391101481034575</v>
      </c>
      <c r="CE42" s="162">
        <f t="shared" si="250"/>
        <v>14.614820017370862</v>
      </c>
      <c r="CF42" s="162">
        <f t="shared" si="251"/>
        <v>21.695887526148518</v>
      </c>
      <c r="CG42" s="162">
        <f t="shared" si="252"/>
        <v>25</v>
      </c>
      <c r="CH42" s="162">
        <f t="shared" si="253"/>
        <v>25</v>
      </c>
      <c r="CI42" s="162">
        <f t="shared" si="254"/>
        <v>25</v>
      </c>
      <c r="CJ42" s="162">
        <f t="shared" si="255"/>
        <v>25</v>
      </c>
      <c r="CK42" s="162">
        <f t="shared" si="256"/>
        <v>25</v>
      </c>
      <c r="CL42">
        <f t="shared" si="257"/>
        <v>1.3729593947216077</v>
      </c>
      <c r="CM42">
        <f t="shared" si="258"/>
        <v>1.4024060211698826</v>
      </c>
      <c r="CN42">
        <f t="shared" si="259"/>
        <v>1.3842629951371548</v>
      </c>
      <c r="CO42">
        <f t="shared" si="260"/>
        <v>1.3707139432804363</v>
      </c>
      <c r="CP42">
        <f t="shared" si="261"/>
        <v>1.3557117387465161</v>
      </c>
      <c r="CQ42">
        <f t="shared" si="262"/>
        <v>1.3389068104682949</v>
      </c>
      <c r="CR42">
        <f t="shared" si="263"/>
        <v>1.3198059793205077</v>
      </c>
      <c r="CS42">
        <f t="shared" si="264"/>
        <v>1.297681127250919</v>
      </c>
      <c r="CT42">
        <f t="shared" si="265"/>
        <v>1.2713912840394395</v>
      </c>
      <c r="CU42">
        <f t="shared" si="266"/>
        <v>1.2389960571833973</v>
      </c>
      <c r="CV42">
        <f t="shared" si="267"/>
        <v>1.2085817522483793</v>
      </c>
      <c r="CW42">
        <f t="shared" si="268"/>
        <v>1.1967739153730457</v>
      </c>
      <c r="CX42" s="98">
        <f t="shared" si="269"/>
        <v>1.1967739153730457</v>
      </c>
      <c r="CY42">
        <f t="shared" si="270"/>
        <v>1.1029593947216076</v>
      </c>
      <c r="CZ42">
        <f t="shared" si="271"/>
        <v>1.1324060211698825</v>
      </c>
      <c r="DA42">
        <f t="shared" si="272"/>
        <v>1.1142629951371548</v>
      </c>
      <c r="DB42">
        <f t="shared" si="273"/>
        <v>1.1007139432804363</v>
      </c>
      <c r="DC42">
        <f t="shared" si="274"/>
        <v>1.0857117387465161</v>
      </c>
      <c r="DD42">
        <f t="shared" si="275"/>
        <v>1.0689068104682948</v>
      </c>
      <c r="DE42">
        <f t="shared" si="276"/>
        <v>1.0498059793205077</v>
      </c>
      <c r="DF42">
        <f t="shared" si="277"/>
        <v>1.027681127250919</v>
      </c>
      <c r="DG42">
        <f t="shared" si="278"/>
        <v>1.0013912840394394</v>
      </c>
      <c r="DH42">
        <f t="shared" si="279"/>
        <v>0.96899605718339743</v>
      </c>
      <c r="DI42">
        <f t="shared" si="280"/>
        <v>0.93858175224837914</v>
      </c>
      <c r="DJ42">
        <f t="shared" si="281"/>
        <v>0.92677391537304565</v>
      </c>
      <c r="DK42">
        <f t="shared" si="282"/>
        <v>0.92677391537304565</v>
      </c>
      <c r="DL42" s="97">
        <f t="shared" si="283"/>
        <v>1.5000349036450102</v>
      </c>
      <c r="DM42">
        <f t="shared" si="284"/>
        <v>1.5394723497810925</v>
      </c>
      <c r="DN42">
        <f t="shared" si="285"/>
        <v>1.5151736542015466</v>
      </c>
      <c r="DO42">
        <f t="shared" si="286"/>
        <v>1.4970276026077272</v>
      </c>
      <c r="DP42">
        <f t="shared" si="287"/>
        <v>1.4769353643926553</v>
      </c>
      <c r="DQ42">
        <f t="shared" si="288"/>
        <v>1.4544287640200377</v>
      </c>
      <c r="DR42">
        <f t="shared" si="289"/>
        <v>1.4288472937328227</v>
      </c>
      <c r="DS42">
        <f t="shared" si="290"/>
        <v>1.3992157954253379</v>
      </c>
      <c r="DT42">
        <f t="shared" si="291"/>
        <v>1.3640061839813922</v>
      </c>
      <c r="DU42">
        <f t="shared" si="292"/>
        <v>1.3206197194420501</v>
      </c>
      <c r="DV42">
        <f t="shared" si="293"/>
        <v>1.2798862753326505</v>
      </c>
      <c r="DW42">
        <f t="shared" si="294"/>
        <v>1.2640722080889004</v>
      </c>
      <c r="DX42" s="98">
        <f t="shared" si="295"/>
        <v>1.2640722080889004</v>
      </c>
      <c r="DY42">
        <f t="shared" si="296"/>
        <v>1.0527062241310117</v>
      </c>
      <c r="DZ42">
        <f t="shared" si="297"/>
        <v>1.0974019964185717</v>
      </c>
      <c r="EA42">
        <f t="shared" si="298"/>
        <v>1.0698634747617528</v>
      </c>
      <c r="EB42">
        <f t="shared" si="299"/>
        <v>1.0492979496220909</v>
      </c>
      <c r="EC42">
        <f t="shared" si="300"/>
        <v>1.0265267463116761</v>
      </c>
      <c r="ED42">
        <f t="shared" si="301"/>
        <v>1.0010192658893762</v>
      </c>
      <c r="EE42">
        <f t="shared" si="302"/>
        <v>0.9720269328971991</v>
      </c>
      <c r="EF42">
        <f t="shared" si="303"/>
        <v>0.93844456814871635</v>
      </c>
      <c r="EG42">
        <f t="shared" si="304"/>
        <v>0.89854034184557774</v>
      </c>
      <c r="EH42">
        <f t="shared" si="305"/>
        <v>0.84936901536765674</v>
      </c>
      <c r="EI42">
        <f t="shared" si="306"/>
        <v>0.80320444537700408</v>
      </c>
      <c r="EJ42">
        <f t="shared" si="307"/>
        <v>0.78528183583408728</v>
      </c>
      <c r="EK42">
        <f t="shared" si="308"/>
        <v>0.78528183583408728</v>
      </c>
      <c r="EL42" s="97">
        <f t="shared" si="309"/>
        <v>1.1554124482620232</v>
      </c>
      <c r="EM42">
        <f t="shared" si="310"/>
        <v>1.2448039928371433</v>
      </c>
      <c r="EN42">
        <f t="shared" si="311"/>
        <v>1.1897269495235059</v>
      </c>
      <c r="EO42">
        <f t="shared" si="312"/>
        <v>1.1485958992441816</v>
      </c>
      <c r="EP42">
        <f t="shared" si="313"/>
        <v>1.1030534926233524</v>
      </c>
      <c r="EQ42">
        <f t="shared" si="314"/>
        <v>1.0520385317787522</v>
      </c>
      <c r="ER42">
        <f t="shared" si="315"/>
        <v>0.99405386579439836</v>
      </c>
      <c r="ES42">
        <f t="shared" si="316"/>
        <v>0.92688913629743275</v>
      </c>
      <c r="ET42">
        <f t="shared" si="317"/>
        <v>0.90279110977240584</v>
      </c>
      <c r="EU42">
        <f t="shared" si="318"/>
        <v>0.90279110977240584</v>
      </c>
      <c r="EV42">
        <f t="shared" si="319"/>
        <v>0.90279110977240584</v>
      </c>
      <c r="EW42">
        <f t="shared" si="320"/>
        <v>0.90279110977240584</v>
      </c>
      <c r="EX42" s="98">
        <f t="shared" si="321"/>
        <v>0.90279110977240584</v>
      </c>
      <c r="EY42" s="97">
        <f t="shared" si="322"/>
        <v>0.90541244826202316</v>
      </c>
      <c r="EZ42">
        <f t="shared" si="323"/>
        <v>0.99480399283714327</v>
      </c>
      <c r="FA42">
        <f t="shared" si="324"/>
        <v>0.93972694952350588</v>
      </c>
      <c r="FB42">
        <f t="shared" si="325"/>
        <v>0.8985958992441816</v>
      </c>
      <c r="FC42">
        <f t="shared" si="326"/>
        <v>0.85305349262335239</v>
      </c>
      <c r="FD42">
        <f t="shared" si="327"/>
        <v>0.80203853177875217</v>
      </c>
      <c r="FE42">
        <f t="shared" si="328"/>
        <v>0.74405386579439836</v>
      </c>
      <c r="FF42">
        <f t="shared" si="329"/>
        <v>0.67688913629743275</v>
      </c>
      <c r="FG42">
        <f t="shared" si="330"/>
        <v>0.65279110977240584</v>
      </c>
      <c r="FH42">
        <f t="shared" si="331"/>
        <v>0.65279110977240584</v>
      </c>
      <c r="FI42">
        <f t="shared" si="332"/>
        <v>0.65279110977240584</v>
      </c>
      <c r="FJ42">
        <f t="shared" si="333"/>
        <v>0.65279110977240584</v>
      </c>
      <c r="FK42">
        <f t="shared" si="334"/>
        <v>0.65279110977240584</v>
      </c>
      <c r="FL42" s="126">
        <f t="shared" si="335"/>
        <v>0</v>
      </c>
      <c r="FM42" s="91">
        <f t="shared" si="336"/>
        <v>73.739901113046315</v>
      </c>
      <c r="FN42" s="91">
        <f t="shared" si="337"/>
        <v>291.14369115646588</v>
      </c>
      <c r="FO42" s="91">
        <f t="shared" si="338"/>
        <v>432.44100113370422</v>
      </c>
      <c r="FP42" s="91">
        <f t="shared" si="339"/>
        <v>570.27735502487064</v>
      </c>
      <c r="FQ42" s="91">
        <f t="shared" si="340"/>
        <v>704.01049562775938</v>
      </c>
      <c r="FR42" s="91">
        <f t="shared" si="341"/>
        <v>832.76050673811687</v>
      </c>
      <c r="FS42" s="91">
        <f t="shared" si="342"/>
        <v>955.26707085793794</v>
      </c>
      <c r="FT42" s="91">
        <f t="shared" si="343"/>
        <v>1069.6162582970021</v>
      </c>
      <c r="FU42" s="91">
        <f t="shared" si="344"/>
        <v>1172.6575730750017</v>
      </c>
      <c r="FV42" s="91">
        <f t="shared" si="345"/>
        <v>1239.1943576068852</v>
      </c>
      <c r="FW42" s="91">
        <f t="shared" si="346"/>
        <v>1258.551216154417</v>
      </c>
      <c r="FX42" s="91">
        <f t="shared" si="347"/>
        <v>1258.551216154417</v>
      </c>
      <c r="FY42" s="91">
        <f t="shared" si="348"/>
        <v>0</v>
      </c>
      <c r="FZ42" s="91">
        <f t="shared" si="349"/>
        <v>0.71934973204818753</v>
      </c>
      <c r="GA42" s="91">
        <f t="shared" si="350"/>
        <v>7.0782455408975276</v>
      </c>
      <c r="GB42" s="91">
        <f t="shared" si="351"/>
        <v>12.714878543742024</v>
      </c>
      <c r="GC42" s="91">
        <f t="shared" si="352"/>
        <v>21.83844774295661</v>
      </c>
      <c r="GD42" s="91">
        <f t="shared" si="353"/>
        <v>33.696230673749966</v>
      </c>
      <c r="GE42" s="91">
        <f t="shared" si="354"/>
        <v>51.370802892716512</v>
      </c>
      <c r="GF42" s="91">
        <f t="shared" si="355"/>
        <v>74.101180593676006</v>
      </c>
      <c r="GG42" s="91">
        <f t="shared" si="356"/>
        <v>112.1374376478711</v>
      </c>
      <c r="GH42" s="91">
        <f t="shared" si="357"/>
        <v>178.7209226854163</v>
      </c>
      <c r="GI42" s="91">
        <f t="shared" si="358"/>
        <v>308.0351094024237</v>
      </c>
      <c r="GJ42" s="91">
        <f t="shared" si="359"/>
        <v>479.71676774690548</v>
      </c>
      <c r="GK42" s="127">
        <f t="shared" si="360"/>
        <v>5560.6434922382741</v>
      </c>
      <c r="GL42" s="126">
        <f t="shared" si="361"/>
        <v>0</v>
      </c>
      <c r="GM42" s="91">
        <f t="shared" si="362"/>
        <v>80.946984771520263</v>
      </c>
      <c r="GN42" s="91">
        <f t="shared" si="363"/>
        <v>318.6773409221712</v>
      </c>
      <c r="GO42" s="91">
        <f t="shared" si="364"/>
        <v>472.29118691763904</v>
      </c>
      <c r="GP42" s="91">
        <f t="shared" si="365"/>
        <v>621.26982386926056</v>
      </c>
      <c r="GQ42" s="91">
        <f t="shared" si="366"/>
        <v>764.75308588122448</v>
      </c>
      <c r="GR42" s="91">
        <f t="shared" si="367"/>
        <v>901.5625137514055</v>
      </c>
      <c r="GS42" s="91">
        <f t="shared" si="368"/>
        <v>1030.010182259261</v>
      </c>
      <c r="GT42" s="91">
        <f t="shared" si="369"/>
        <v>1147.5327927125311</v>
      </c>
      <c r="GU42" s="91">
        <f t="shared" si="370"/>
        <v>1249.9109308518757</v>
      </c>
      <c r="GV42" s="91">
        <f t="shared" si="371"/>
        <v>1312.3049788068979</v>
      </c>
      <c r="GW42" s="91">
        <f t="shared" si="372"/>
        <v>1329.3234372520449</v>
      </c>
      <c r="GX42" s="91">
        <f t="shared" si="373"/>
        <v>1329.3234372520449</v>
      </c>
      <c r="GY42" s="91">
        <f t="shared" si="374"/>
        <v>0</v>
      </c>
      <c r="GZ42" s="91">
        <f t="shared" si="375"/>
        <v>0.69711377131084518</v>
      </c>
      <c r="HA42" s="91">
        <f t="shared" si="376"/>
        <v>6.7962019762393524</v>
      </c>
      <c r="HB42" s="91">
        <f t="shared" si="377"/>
        <v>12.120947560526423</v>
      </c>
      <c r="HC42" s="91">
        <f t="shared" si="378"/>
        <v>20.647976719821344</v>
      </c>
      <c r="HD42" s="91">
        <f t="shared" si="379"/>
        <v>31.556142932140819</v>
      </c>
      <c r="HE42" s="91">
        <f t="shared" si="380"/>
        <v>47.56479288543747</v>
      </c>
      <c r="HF42" s="91">
        <f t="shared" si="381"/>
        <v>67.666758275072851</v>
      </c>
      <c r="HG42" s="91">
        <f t="shared" si="382"/>
        <v>100.62002052919492</v>
      </c>
      <c r="HH42" s="91">
        <f t="shared" si="383"/>
        <v>156.65699875823196</v>
      </c>
      <c r="HI42" s="91">
        <f t="shared" si="384"/>
        <v>263.60534776169874</v>
      </c>
      <c r="HJ42" s="91">
        <f t="shared" si="385"/>
        <v>406.47762934183328</v>
      </c>
      <c r="HK42" s="127">
        <f t="shared" si="386"/>
        <v>4711.6910150045233</v>
      </c>
      <c r="HL42" s="126">
        <f t="shared" si="387"/>
        <v>0</v>
      </c>
      <c r="HM42" s="91">
        <f t="shared" si="388"/>
        <v>65.4530299722785</v>
      </c>
      <c r="HN42" s="91">
        <f t="shared" si="389"/>
        <v>250.22809738425167</v>
      </c>
      <c r="HO42" s="91">
        <f t="shared" si="390"/>
        <v>362.36587728764397</v>
      </c>
      <c r="HP42" s="91">
        <f t="shared" si="391"/>
        <v>463.99718335831784</v>
      </c>
      <c r="HQ42" s="91">
        <f t="shared" si="392"/>
        <v>553.17230623243438</v>
      </c>
      <c r="HR42" s="91">
        <f t="shared" si="393"/>
        <v>627.2200717185101</v>
      </c>
      <c r="HS42" s="91">
        <f t="shared" si="394"/>
        <v>682.31451598331444</v>
      </c>
      <c r="HT42" s="91">
        <f t="shared" si="395"/>
        <v>759.51444766126292</v>
      </c>
      <c r="HU42" s="91">
        <f t="shared" si="396"/>
        <v>854.45375361892081</v>
      </c>
      <c r="HV42" s="91">
        <f t="shared" si="397"/>
        <v>925.65823308716415</v>
      </c>
      <c r="HW42" s="91">
        <f t="shared" si="398"/>
        <v>949.39305957657859</v>
      </c>
      <c r="HX42" s="91">
        <f t="shared" si="399"/>
        <v>949.39305957657859</v>
      </c>
      <c r="HY42" s="91">
        <f t="shared" si="400"/>
        <v>0</v>
      </c>
      <c r="HZ42" s="91">
        <f t="shared" si="401"/>
        <v>0.63193940363242784</v>
      </c>
      <c r="IA42" s="91">
        <f t="shared" si="402"/>
        <v>5.9695225625860822</v>
      </c>
      <c r="IB42" s="91">
        <f t="shared" si="403"/>
        <v>10.380115368342759</v>
      </c>
      <c r="IC42" s="91">
        <f t="shared" si="404"/>
        <v>17.158665100286946</v>
      </c>
      <c r="ID42" s="91">
        <f t="shared" si="405"/>
        <v>25.283471965355385</v>
      </c>
      <c r="IE42" s="91">
        <f t="shared" si="406"/>
        <v>36.409246312378208</v>
      </c>
      <c r="IF42" s="91">
        <f t="shared" si="407"/>
        <v>48.807244582615333</v>
      </c>
      <c r="IG42" s="91">
        <f t="shared" si="408"/>
        <v>73.100618645193521</v>
      </c>
      <c r="IH42" s="91">
        <f t="shared" si="409"/>
        <v>120.4003139068296</v>
      </c>
      <c r="II42" s="91">
        <f t="shared" si="410"/>
        <v>214.24088038572867</v>
      </c>
      <c r="IJ42" s="91">
        <f t="shared" si="411"/>
        <v>337.89777204495726</v>
      </c>
      <c r="IK42" s="127">
        <f t="shared" si="412"/>
        <v>3916.7466586344349</v>
      </c>
    </row>
    <row r="43" spans="2:245" x14ac:dyDescent="0.2">
      <c r="B43" s="79">
        <f t="shared" si="188"/>
        <v>-32.5</v>
      </c>
      <c r="C43" s="73">
        <f>'p-y mono_clay'!C43</f>
        <v>17</v>
      </c>
      <c r="D43" s="64">
        <f>'p-y mono_clay'!D43</f>
        <v>16.977</v>
      </c>
      <c r="E43" s="64" t="str">
        <f>'p-y mono_clay'!E43</f>
        <v>CLAY</v>
      </c>
      <c r="F43" s="55">
        <f>VLOOKUP($C43, 'Pile Property'!$A$8:$D$108,2,TRUE)</f>
        <v>2</v>
      </c>
      <c r="G43" s="102">
        <f>'p-y mono_clay'!Z43</f>
        <v>569.25827752694852</v>
      </c>
      <c r="H43" s="199">
        <f>'p-y mono_clay'!AM43</f>
        <v>0</v>
      </c>
      <c r="I43" s="55">
        <f>'p-y mono_clay'!AN43</f>
        <v>0.6</v>
      </c>
      <c r="J43" s="55">
        <f>'p-y mono_clay'!AO43</f>
        <v>6</v>
      </c>
      <c r="K43" s="55">
        <f>'p-y mono_clay'!AP43</f>
        <v>10.6</v>
      </c>
      <c r="L43" s="55">
        <f>'p-y mono_clay'!AQ43</f>
        <v>18</v>
      </c>
      <c r="M43" s="55">
        <f>'p-y mono_clay'!AR43</f>
        <v>28</v>
      </c>
      <c r="N43" s="55">
        <f>'p-y mono_clay'!AS43</f>
        <v>44</v>
      </c>
      <c r="O43" s="55">
        <f>'p-y mono_clay'!AT43</f>
        <v>64</v>
      </c>
      <c r="P43" s="55">
        <f>'p-y mono_clay'!AU43</f>
        <v>100</v>
      </c>
      <c r="Q43" s="55">
        <f>'p-y mono_clay'!AV43</f>
        <v>164</v>
      </c>
      <c r="R43" s="55">
        <f>'p-y mono_clay'!AW43</f>
        <v>300</v>
      </c>
      <c r="S43" s="55">
        <f>'p-y mono_clay'!AX43</f>
        <v>500</v>
      </c>
      <c r="T43" s="200">
        <f>'p-y mono_clay'!AY43</f>
        <v>6000</v>
      </c>
      <c r="U43" s="199">
        <f>'p-y mono_clay'!AZ43</f>
        <v>0</v>
      </c>
      <c r="V43" s="55">
        <f>'p-y mono_clay'!BA43</f>
        <v>28.462913876347429</v>
      </c>
      <c r="W43" s="55">
        <f>'p-y mono_clay'!BB43</f>
        <v>113.85165550538972</v>
      </c>
      <c r="X43" s="55">
        <f>'p-y mono_clay'!BC43</f>
        <v>170.77748325808454</v>
      </c>
      <c r="Y43" s="55">
        <f>'p-y mono_clay'!BD43</f>
        <v>227.70331101077943</v>
      </c>
      <c r="Z43" s="55">
        <f>'p-y mono_clay'!BE43</f>
        <v>284.62913876347426</v>
      </c>
      <c r="AA43" s="55">
        <f>'p-y mono_clay'!BF43</f>
        <v>341.55496651616909</v>
      </c>
      <c r="AB43" s="55">
        <f>'p-y mono_clay'!BG43</f>
        <v>398.48079426886392</v>
      </c>
      <c r="AC43" s="55">
        <f>'p-y mono_clay'!BH43</f>
        <v>455.40662202155886</v>
      </c>
      <c r="AD43" s="55">
        <f>'p-y mono_clay'!BI43</f>
        <v>512.33244977425363</v>
      </c>
      <c r="AE43" s="55">
        <f>'p-y mono_clay'!BJ43</f>
        <v>555.02682058877474</v>
      </c>
      <c r="AF43" s="55">
        <f>'p-y mono_clay'!BK43</f>
        <v>569.25827752694852</v>
      </c>
      <c r="AG43" s="200">
        <f>'p-y mono_clay'!BL43</f>
        <v>569.25827752694852</v>
      </c>
      <c r="AH43">
        <f t="shared" si="205"/>
        <v>30</v>
      </c>
      <c r="AI43">
        <v>0</v>
      </c>
      <c r="AJ43">
        <f t="shared" si="206"/>
        <v>-0.27024280999999994</v>
      </c>
      <c r="AK43">
        <f t="shared" si="207"/>
        <v>-0.12024280999999992</v>
      </c>
      <c r="AL43">
        <f t="shared" si="208"/>
        <v>-2.0242809999999944E-2</v>
      </c>
      <c r="AM43">
        <f t="shared" si="209"/>
        <v>7.9757190000000089E-2</v>
      </c>
      <c r="AN43">
        <f t="shared" si="210"/>
        <v>0.17975719000000007</v>
      </c>
      <c r="AO43">
        <f t="shared" si="211"/>
        <v>0.27975719000000004</v>
      </c>
      <c r="AP43">
        <f t="shared" si="212"/>
        <v>0.37975719000000002</v>
      </c>
      <c r="AQ43">
        <f t="shared" si="213"/>
        <v>0.47975719000000011</v>
      </c>
      <c r="AR43">
        <f t="shared" si="214"/>
        <v>0.57975719000000003</v>
      </c>
      <c r="AS43">
        <f t="shared" si="215"/>
        <v>0.65475718999999999</v>
      </c>
      <c r="AT43">
        <f t="shared" si="216"/>
        <v>0.67975719000000012</v>
      </c>
      <c r="AU43">
        <f t="shared" si="217"/>
        <v>0.67975719000000012</v>
      </c>
      <c r="AV43">
        <v>1</v>
      </c>
      <c r="AW43">
        <v>1.25</v>
      </c>
      <c r="AX43">
        <v>2.5</v>
      </c>
      <c r="AY43" s="162">
        <f t="shared" si="218"/>
        <v>2</v>
      </c>
      <c r="AZ43" s="162">
        <f t="shared" si="219"/>
        <v>1.574502122157259</v>
      </c>
      <c r="BA43" s="162">
        <f t="shared" si="220"/>
        <v>1.7853272363337018</v>
      </c>
      <c r="BB43" s="162">
        <f t="shared" si="221"/>
        <v>1.9603176620279243</v>
      </c>
      <c r="BC43" s="162">
        <f t="shared" si="222"/>
        <v>2.1733394472269771</v>
      </c>
      <c r="BD43" s="162">
        <f t="shared" si="223"/>
        <v>2.438302385119353</v>
      </c>
      <c r="BE43" s="162">
        <f t="shared" si="224"/>
        <v>2.7768413266076202</v>
      </c>
      <c r="BF43" s="162">
        <f t="shared" si="225"/>
        <v>3.2245436267129</v>
      </c>
      <c r="BG43" s="162">
        <f t="shared" si="226"/>
        <v>3.8443587524064018</v>
      </c>
      <c r="BH43" s="162">
        <f t="shared" si="227"/>
        <v>4.7591534046709807</v>
      </c>
      <c r="BI43" s="162">
        <f t="shared" si="228"/>
        <v>5.7930243355393847</v>
      </c>
      <c r="BJ43" s="162">
        <f t="shared" si="229"/>
        <v>6.2452612128903091</v>
      </c>
      <c r="BK43" s="162">
        <f t="shared" si="230"/>
        <v>6.2452612128903091</v>
      </c>
      <c r="BL43" s="162">
        <f t="shared" si="231"/>
        <v>2.3784142300054421</v>
      </c>
      <c r="BM43" s="162">
        <f t="shared" si="232"/>
        <v>1.7637176576178699</v>
      </c>
      <c r="BN43" s="162">
        <f t="shared" si="233"/>
        <v>2.0637034400161132</v>
      </c>
      <c r="BO43" s="162">
        <f t="shared" si="234"/>
        <v>2.3195731129682615</v>
      </c>
      <c r="BP43" s="162">
        <f t="shared" si="235"/>
        <v>2.6388180946912487</v>
      </c>
      <c r="BQ43" s="162">
        <f t="shared" si="236"/>
        <v>3.0469087945872633</v>
      </c>
      <c r="BR43" s="162">
        <f t="shared" si="237"/>
        <v>3.5845845630424997</v>
      </c>
      <c r="BS43" s="162">
        <f t="shared" si="238"/>
        <v>4.3210104977606365</v>
      </c>
      <c r="BT43" s="162">
        <f t="shared" si="239"/>
        <v>5.3830682500059437</v>
      </c>
      <c r="BU43" s="162">
        <f t="shared" si="240"/>
        <v>7.0293008275032998</v>
      </c>
      <c r="BV43" s="162">
        <f t="shared" si="241"/>
        <v>8.9873507471814378</v>
      </c>
      <c r="BW43" s="162">
        <f t="shared" si="242"/>
        <v>9.8727527254666256</v>
      </c>
      <c r="BX43" s="162">
        <f t="shared" si="243"/>
        <v>9.8727527254666256</v>
      </c>
      <c r="BY43" s="162">
        <f t="shared" si="244"/>
        <v>5.6568542494923806</v>
      </c>
      <c r="BZ43" s="162">
        <f t="shared" si="245"/>
        <v>3.1106999757930662</v>
      </c>
      <c r="CA43" s="162">
        <f t="shared" si="246"/>
        <v>4.2588718883343404</v>
      </c>
      <c r="CB43" s="162">
        <f t="shared" si="247"/>
        <v>5.38041942640527</v>
      </c>
      <c r="CC43" s="162">
        <f t="shared" si="248"/>
        <v>6.9633609368699521</v>
      </c>
      <c r="CD43" s="162">
        <f t="shared" si="249"/>
        <v>9.2836532025332108</v>
      </c>
      <c r="CE43" s="162">
        <f t="shared" si="250"/>
        <v>12.849246489602589</v>
      </c>
      <c r="CF43" s="162">
        <f t="shared" si="251"/>
        <v>18.671131721757622</v>
      </c>
      <c r="CG43" s="162">
        <f t="shared" si="252"/>
        <v>25</v>
      </c>
      <c r="CH43" s="162">
        <f t="shared" si="253"/>
        <v>25</v>
      </c>
      <c r="CI43" s="162">
        <f t="shared" si="254"/>
        <v>25</v>
      </c>
      <c r="CJ43" s="162">
        <f t="shared" si="255"/>
        <v>25</v>
      </c>
      <c r="CK43" s="162">
        <f t="shared" si="256"/>
        <v>25</v>
      </c>
      <c r="CL43">
        <f t="shared" si="257"/>
        <v>1.3729593947216077</v>
      </c>
      <c r="CM43">
        <f t="shared" si="258"/>
        <v>1.406448524685771</v>
      </c>
      <c r="CN43">
        <f t="shared" si="259"/>
        <v>1.3888557586250694</v>
      </c>
      <c r="CO43">
        <f t="shared" si="260"/>
        <v>1.3757650854397339</v>
      </c>
      <c r="CP43">
        <f t="shared" si="261"/>
        <v>1.3613229139429162</v>
      </c>
      <c r="CQ43">
        <f t="shared" si="262"/>
        <v>1.345217712529666</v>
      </c>
      <c r="CR43">
        <f t="shared" si="263"/>
        <v>1.3270160304418939</v>
      </c>
      <c r="CS43">
        <f t="shared" si="264"/>
        <v>1.3060891999207751</v>
      </c>
      <c r="CT43">
        <f t="shared" si="265"/>
        <v>1.2814750459500426</v>
      </c>
      <c r="CU43">
        <f t="shared" si="266"/>
        <v>1.2515902285231117</v>
      </c>
      <c r="CV43">
        <f t="shared" si="267"/>
        <v>1.2240683709858364</v>
      </c>
      <c r="CW43">
        <f t="shared" si="268"/>
        <v>1.213544784168183</v>
      </c>
      <c r="CX43" s="98">
        <f t="shared" si="269"/>
        <v>1.213544784168183</v>
      </c>
      <c r="CY43">
        <f t="shared" si="270"/>
        <v>1.1029593947216076</v>
      </c>
      <c r="CZ43">
        <f t="shared" si="271"/>
        <v>1.136448524685771</v>
      </c>
      <c r="DA43">
        <f t="shared" si="272"/>
        <v>1.1188557586250694</v>
      </c>
      <c r="DB43">
        <f t="shared" si="273"/>
        <v>1.1057650854397338</v>
      </c>
      <c r="DC43">
        <f t="shared" si="274"/>
        <v>1.0913229139429161</v>
      </c>
      <c r="DD43">
        <f t="shared" si="275"/>
        <v>1.075217712529666</v>
      </c>
      <c r="DE43">
        <f t="shared" si="276"/>
        <v>1.0570160304418939</v>
      </c>
      <c r="DF43">
        <f t="shared" si="277"/>
        <v>1.0360891999207751</v>
      </c>
      <c r="DG43">
        <f t="shared" si="278"/>
        <v>1.0114750459500426</v>
      </c>
      <c r="DH43">
        <f t="shared" si="279"/>
        <v>0.98159022852311173</v>
      </c>
      <c r="DI43">
        <f t="shared" si="280"/>
        <v>0.95406837098583641</v>
      </c>
      <c r="DJ43">
        <f t="shared" si="281"/>
        <v>0.94354478416818299</v>
      </c>
      <c r="DK43">
        <f t="shared" si="282"/>
        <v>0.94354478416818299</v>
      </c>
      <c r="DL43" s="97">
        <f t="shared" si="283"/>
        <v>1.5000349036450102</v>
      </c>
      <c r="DM43">
        <f t="shared" si="284"/>
        <v>1.5448864169898717</v>
      </c>
      <c r="DN43">
        <f t="shared" si="285"/>
        <v>1.5213246767300035</v>
      </c>
      <c r="DO43">
        <f t="shared" si="286"/>
        <v>1.5037925251425006</v>
      </c>
      <c r="DP43">
        <f t="shared" si="287"/>
        <v>1.4844503311735482</v>
      </c>
      <c r="DQ43">
        <f t="shared" si="288"/>
        <v>1.4628808649950884</v>
      </c>
      <c r="DR43">
        <f t="shared" si="289"/>
        <v>1.4385036121989649</v>
      </c>
      <c r="DS43">
        <f t="shared" si="290"/>
        <v>1.4104766070367523</v>
      </c>
      <c r="DT43">
        <f t="shared" si="291"/>
        <v>1.3775112222545214</v>
      </c>
      <c r="DU43">
        <f t="shared" si="292"/>
        <v>1.337486913200596</v>
      </c>
      <c r="DV43">
        <f t="shared" si="293"/>
        <v>1.3006272825703167</v>
      </c>
      <c r="DW43">
        <f t="shared" si="294"/>
        <v>1.286533193082388</v>
      </c>
      <c r="DX43" s="98">
        <f t="shared" si="295"/>
        <v>1.286533193082388</v>
      </c>
      <c r="DY43">
        <f t="shared" si="296"/>
        <v>1.0527062241310117</v>
      </c>
      <c r="DZ43">
        <f t="shared" si="297"/>
        <v>1.1035379392551881</v>
      </c>
      <c r="EA43">
        <f t="shared" si="298"/>
        <v>1.0768346336273373</v>
      </c>
      <c r="EB43">
        <f t="shared" si="299"/>
        <v>1.0569648618281673</v>
      </c>
      <c r="EC43">
        <f t="shared" si="300"/>
        <v>1.0350437086633546</v>
      </c>
      <c r="ED43">
        <f t="shared" si="301"/>
        <v>1.0105983136611003</v>
      </c>
      <c r="EE43">
        <f t="shared" si="302"/>
        <v>0.98297076049216037</v>
      </c>
      <c r="EF43">
        <f t="shared" si="303"/>
        <v>0.95120682130831935</v>
      </c>
      <c r="EG43">
        <f t="shared" si="304"/>
        <v>0.91384605188845769</v>
      </c>
      <c r="EH43">
        <f t="shared" si="305"/>
        <v>0.8684851682940089</v>
      </c>
      <c r="EI43">
        <f t="shared" si="306"/>
        <v>0.82671092024635895</v>
      </c>
      <c r="EJ43">
        <f t="shared" si="307"/>
        <v>0.81073761882670636</v>
      </c>
      <c r="EK43">
        <f t="shared" si="308"/>
        <v>0.81073761882670636</v>
      </c>
      <c r="EL43" s="97">
        <f t="shared" si="309"/>
        <v>1.1554124482620232</v>
      </c>
      <c r="EM43">
        <f t="shared" si="310"/>
        <v>1.2570758785103759</v>
      </c>
      <c r="EN43">
        <f t="shared" si="311"/>
        <v>1.2036692672546747</v>
      </c>
      <c r="EO43">
        <f t="shared" si="312"/>
        <v>1.1639297236563348</v>
      </c>
      <c r="EP43">
        <f t="shared" si="313"/>
        <v>1.1200874173267095</v>
      </c>
      <c r="EQ43">
        <f t="shared" si="314"/>
        <v>1.0711966273222007</v>
      </c>
      <c r="ER43">
        <f t="shared" si="315"/>
        <v>1.0159415209843208</v>
      </c>
      <c r="ES43">
        <f t="shared" si="316"/>
        <v>0.95241364261663863</v>
      </c>
      <c r="ET43">
        <f t="shared" si="317"/>
        <v>0.90279110977240584</v>
      </c>
      <c r="EU43">
        <f t="shared" si="318"/>
        <v>0.90279110977240584</v>
      </c>
      <c r="EV43">
        <f t="shared" si="319"/>
        <v>0.90279110977240584</v>
      </c>
      <c r="EW43">
        <f t="shared" si="320"/>
        <v>0.90279110977240584</v>
      </c>
      <c r="EX43" s="98">
        <f t="shared" si="321"/>
        <v>0.90279110977240584</v>
      </c>
      <c r="EY43" s="97">
        <f t="shared" si="322"/>
        <v>0.90541244826202316</v>
      </c>
      <c r="EZ43">
        <f t="shared" si="323"/>
        <v>1.0070758785103759</v>
      </c>
      <c r="FA43">
        <f t="shared" si="324"/>
        <v>0.9536692672546746</v>
      </c>
      <c r="FB43">
        <f t="shared" si="325"/>
        <v>0.91392972365633485</v>
      </c>
      <c r="FC43">
        <f t="shared" si="326"/>
        <v>0.87008741732670947</v>
      </c>
      <c r="FD43">
        <f t="shared" si="327"/>
        <v>0.82119662732220067</v>
      </c>
      <c r="FE43">
        <f t="shared" si="328"/>
        <v>0.76594152098432078</v>
      </c>
      <c r="FF43">
        <f t="shared" si="329"/>
        <v>0.70241364261663863</v>
      </c>
      <c r="FG43">
        <f t="shared" si="330"/>
        <v>0.65279110977240584</v>
      </c>
      <c r="FH43">
        <f t="shared" si="331"/>
        <v>0.65279110977240584</v>
      </c>
      <c r="FI43">
        <f t="shared" si="332"/>
        <v>0.65279110977240584</v>
      </c>
      <c r="FJ43">
        <f t="shared" si="333"/>
        <v>0.65279110977240584</v>
      </c>
      <c r="FK43">
        <f t="shared" si="334"/>
        <v>0.65279110977240584</v>
      </c>
      <c r="FL43" s="126">
        <f t="shared" si="335"/>
        <v>0</v>
      </c>
      <c r="FM43" s="91">
        <f t="shared" si="336"/>
        <v>40.031623229647003</v>
      </c>
      <c r="FN43" s="91">
        <f t="shared" si="337"/>
        <v>158.12352737765809</v>
      </c>
      <c r="FO43" s="91">
        <f t="shared" si="338"/>
        <v>234.94969884574141</v>
      </c>
      <c r="FP43" s="91">
        <f t="shared" si="339"/>
        <v>309.97773485964439</v>
      </c>
      <c r="FQ43" s="91">
        <f t="shared" si="340"/>
        <v>382.88815896668973</v>
      </c>
      <c r="FR43" s="91">
        <f t="shared" si="341"/>
        <v>453.24891584400069</v>
      </c>
      <c r="FS43" s="91">
        <f t="shared" si="342"/>
        <v>520.45146177041545</v>
      </c>
      <c r="FT43" s="91">
        <f t="shared" si="343"/>
        <v>583.59222188103081</v>
      </c>
      <c r="FU43" s="91">
        <f t="shared" si="344"/>
        <v>641.23028789276373</v>
      </c>
      <c r="FV43" s="91">
        <f t="shared" si="345"/>
        <v>679.39077613154961</v>
      </c>
      <c r="FW43" s="91">
        <f t="shared" si="346"/>
        <v>690.82041353739237</v>
      </c>
      <c r="FX43" s="91">
        <f t="shared" si="347"/>
        <v>690.82041353739237</v>
      </c>
      <c r="FY43" s="91">
        <f t="shared" si="348"/>
        <v>0</v>
      </c>
      <c r="FZ43" s="91">
        <f t="shared" si="349"/>
        <v>0.68186911481146251</v>
      </c>
      <c r="GA43" s="91">
        <f t="shared" si="350"/>
        <v>6.7131345517504162</v>
      </c>
      <c r="GB43" s="91">
        <f t="shared" si="351"/>
        <v>11.721109905661178</v>
      </c>
      <c r="GC43" s="91">
        <f t="shared" si="352"/>
        <v>19.64381245097249</v>
      </c>
      <c r="GD43" s="91">
        <f t="shared" si="353"/>
        <v>30.10609595083065</v>
      </c>
      <c r="GE43" s="91">
        <f t="shared" si="354"/>
        <v>46.508705339443331</v>
      </c>
      <c r="GF43" s="91">
        <f t="shared" si="355"/>
        <v>66.309708794929605</v>
      </c>
      <c r="GG43" s="91">
        <f t="shared" si="356"/>
        <v>101.14750459500425</v>
      </c>
      <c r="GH43" s="91">
        <f t="shared" si="357"/>
        <v>160.98079747779033</v>
      </c>
      <c r="GI43" s="91">
        <f t="shared" si="358"/>
        <v>286.2205112957509</v>
      </c>
      <c r="GJ43" s="91">
        <f t="shared" si="359"/>
        <v>471.77239208409151</v>
      </c>
      <c r="GK43" s="127">
        <f t="shared" si="360"/>
        <v>5661.2687050090981</v>
      </c>
      <c r="GL43" s="126">
        <f t="shared" si="361"/>
        <v>0</v>
      </c>
      <c r="GM43" s="91">
        <f t="shared" si="362"/>
        <v>43.971969035521681</v>
      </c>
      <c r="GN43" s="91">
        <f t="shared" si="363"/>
        <v>173.20533300691272</v>
      </c>
      <c r="GO43" s="91">
        <f t="shared" si="364"/>
        <v>256.81390278615606</v>
      </c>
      <c r="GP43" s="91">
        <f t="shared" si="365"/>
        <v>338.01425543926496</v>
      </c>
      <c r="GQ43" s="91">
        <f t="shared" si="366"/>
        <v>416.37852071711825</v>
      </c>
      <c r="GR43" s="91">
        <f t="shared" si="367"/>
        <v>491.32805309800574</v>
      </c>
      <c r="GS43" s="91">
        <f t="shared" si="368"/>
        <v>562.04783866965727</v>
      </c>
      <c r="GT43" s="91">
        <f t="shared" si="369"/>
        <v>627.32773252372033</v>
      </c>
      <c r="GU43" s="91">
        <f t="shared" si="370"/>
        <v>685.23794678106583</v>
      </c>
      <c r="GV43" s="91">
        <f t="shared" si="371"/>
        <v>721.88302541602081</v>
      </c>
      <c r="GW43" s="91">
        <f t="shared" si="372"/>
        <v>732.36966947532528</v>
      </c>
      <c r="GX43" s="91">
        <f t="shared" si="373"/>
        <v>732.36966947532528</v>
      </c>
      <c r="GY43" s="91">
        <f t="shared" si="374"/>
        <v>0</v>
      </c>
      <c r="GZ43" s="91">
        <f t="shared" si="375"/>
        <v>0.66212276355311284</v>
      </c>
      <c r="HA43" s="91">
        <f t="shared" si="376"/>
        <v>6.4610078017640244</v>
      </c>
      <c r="HB43" s="91">
        <f t="shared" si="377"/>
        <v>11.203827535378572</v>
      </c>
      <c r="HC43" s="91">
        <f t="shared" si="378"/>
        <v>18.630786755940385</v>
      </c>
      <c r="HD43" s="91">
        <f t="shared" si="379"/>
        <v>28.296752782510808</v>
      </c>
      <c r="HE43" s="91">
        <f t="shared" si="380"/>
        <v>43.250713461655053</v>
      </c>
      <c r="HF43" s="91">
        <f t="shared" si="381"/>
        <v>60.877236563732438</v>
      </c>
      <c r="HG43" s="91">
        <f t="shared" si="382"/>
        <v>91.384605188845768</v>
      </c>
      <c r="HH43" s="91">
        <f t="shared" si="383"/>
        <v>142.43156760021745</v>
      </c>
      <c r="HI43" s="91">
        <f t="shared" si="384"/>
        <v>248.01327607390769</v>
      </c>
      <c r="HJ43" s="91">
        <f t="shared" si="385"/>
        <v>405.36880941335318</v>
      </c>
      <c r="HK43" s="127">
        <f t="shared" si="386"/>
        <v>4864.4257129602383</v>
      </c>
      <c r="HL43" s="126">
        <f t="shared" si="387"/>
        <v>0</v>
      </c>
      <c r="HM43" s="91">
        <f t="shared" si="388"/>
        <v>35.780042466074612</v>
      </c>
      <c r="HN43" s="91">
        <f t="shared" si="389"/>
        <v>137.0397387579041</v>
      </c>
      <c r="HO43" s="91">
        <f t="shared" si="390"/>
        <v>198.7729888953067</v>
      </c>
      <c r="HP43" s="91">
        <f t="shared" si="391"/>
        <v>255.04761354680443</v>
      </c>
      <c r="HQ43" s="91">
        <f t="shared" si="392"/>
        <v>304.89377348105626</v>
      </c>
      <c r="HR43" s="91">
        <f t="shared" si="393"/>
        <v>346.99987218218558</v>
      </c>
      <c r="HS43" s="91">
        <f t="shared" si="394"/>
        <v>379.51854478238005</v>
      </c>
      <c r="HT43" s="91">
        <f t="shared" si="395"/>
        <v>411.1370496925457</v>
      </c>
      <c r="HU43" s="91">
        <f t="shared" si="396"/>
        <v>462.52918090411379</v>
      </c>
      <c r="HV43" s="91">
        <f t="shared" si="397"/>
        <v>501.07327931278996</v>
      </c>
      <c r="HW43" s="91">
        <f t="shared" si="398"/>
        <v>513.9213121156821</v>
      </c>
      <c r="HX43" s="91">
        <f t="shared" si="399"/>
        <v>513.9213121156821</v>
      </c>
      <c r="HY43" s="91">
        <f t="shared" si="400"/>
        <v>0</v>
      </c>
      <c r="HZ43" s="91">
        <f t="shared" si="401"/>
        <v>0.60424552710622559</v>
      </c>
      <c r="IA43" s="91">
        <f t="shared" si="402"/>
        <v>5.7220156035280478</v>
      </c>
      <c r="IB43" s="91">
        <f t="shared" si="403"/>
        <v>9.6876550707571489</v>
      </c>
      <c r="IC43" s="91">
        <f t="shared" si="404"/>
        <v>15.661573511880771</v>
      </c>
      <c r="ID43" s="91">
        <f t="shared" si="405"/>
        <v>22.993505565021618</v>
      </c>
      <c r="IE43" s="91">
        <f t="shared" si="406"/>
        <v>33.701426923310116</v>
      </c>
      <c r="IF43" s="91">
        <f t="shared" si="407"/>
        <v>44.954473127464873</v>
      </c>
      <c r="IG43" s="91">
        <f t="shared" si="408"/>
        <v>65.279110977240578</v>
      </c>
      <c r="IH43" s="91">
        <f t="shared" si="409"/>
        <v>107.05774200267456</v>
      </c>
      <c r="II43" s="91">
        <f t="shared" si="410"/>
        <v>195.83733293172176</v>
      </c>
      <c r="IJ43" s="91">
        <f t="shared" si="411"/>
        <v>326.39555488620294</v>
      </c>
      <c r="IK43" s="127">
        <f t="shared" si="412"/>
        <v>3916.7466586344349</v>
      </c>
    </row>
    <row r="44" spans="2:245" x14ac:dyDescent="0.2">
      <c r="B44" s="79">
        <f t="shared" si="188"/>
        <v>-33.5</v>
      </c>
      <c r="C44" s="73">
        <f>'p-y mono_clay'!C44</f>
        <v>18</v>
      </c>
      <c r="D44" s="64">
        <f>'p-y mono_clay'!D44</f>
        <v>17.988999999999997</v>
      </c>
      <c r="E44" s="64" t="str">
        <f>'p-y mono_clay'!E44</f>
        <v>CLAY</v>
      </c>
      <c r="F44" s="55">
        <f>VLOOKUP($C44, 'Pile Property'!$A$8:$D$108,2,TRUE)</f>
        <v>2</v>
      </c>
      <c r="G44" s="102">
        <f>'p-y mono_clay'!Z44</f>
        <v>592.40713530283119</v>
      </c>
      <c r="H44" s="199">
        <f>'p-y mono_clay'!AM44</f>
        <v>0</v>
      </c>
      <c r="I44" s="55">
        <f>'p-y mono_clay'!AN44</f>
        <v>0.6</v>
      </c>
      <c r="J44" s="55">
        <f>'p-y mono_clay'!AO44</f>
        <v>6</v>
      </c>
      <c r="K44" s="55">
        <f>'p-y mono_clay'!AP44</f>
        <v>10.6</v>
      </c>
      <c r="L44" s="55">
        <f>'p-y mono_clay'!AQ44</f>
        <v>18</v>
      </c>
      <c r="M44" s="55">
        <f>'p-y mono_clay'!AR44</f>
        <v>28</v>
      </c>
      <c r="N44" s="55">
        <f>'p-y mono_clay'!AS44</f>
        <v>44</v>
      </c>
      <c r="O44" s="55">
        <f>'p-y mono_clay'!AT44</f>
        <v>64</v>
      </c>
      <c r="P44" s="55">
        <f>'p-y mono_clay'!AU44</f>
        <v>100</v>
      </c>
      <c r="Q44" s="55">
        <f>'p-y mono_clay'!AV44</f>
        <v>164</v>
      </c>
      <c r="R44" s="55">
        <f>'p-y mono_clay'!AW44</f>
        <v>300</v>
      </c>
      <c r="S44" s="55">
        <f>'p-y mono_clay'!AX44</f>
        <v>500</v>
      </c>
      <c r="T44" s="200">
        <f>'p-y mono_clay'!AY44</f>
        <v>6000</v>
      </c>
      <c r="U44" s="199">
        <f>'p-y mono_clay'!AZ44</f>
        <v>0</v>
      </c>
      <c r="V44" s="55">
        <f>'p-y mono_clay'!BA44</f>
        <v>29.620356765141562</v>
      </c>
      <c r="W44" s="55">
        <f>'p-y mono_clay'!BB44</f>
        <v>118.48142706056625</v>
      </c>
      <c r="X44" s="55">
        <f>'p-y mono_clay'!BC44</f>
        <v>177.72214059084936</v>
      </c>
      <c r="Y44" s="55">
        <f>'p-y mono_clay'!BD44</f>
        <v>236.96285412113249</v>
      </c>
      <c r="Z44" s="55">
        <f>'p-y mono_clay'!BE44</f>
        <v>296.2035676514156</v>
      </c>
      <c r="AA44" s="55">
        <f>'p-y mono_clay'!BF44</f>
        <v>355.44428118169873</v>
      </c>
      <c r="AB44" s="55">
        <f>'p-y mono_clay'!BG44</f>
        <v>414.6849947119818</v>
      </c>
      <c r="AC44" s="55">
        <f>'p-y mono_clay'!BH44</f>
        <v>473.92570824226499</v>
      </c>
      <c r="AD44" s="55">
        <f>'p-y mono_clay'!BI44</f>
        <v>533.16642177254812</v>
      </c>
      <c r="AE44" s="55">
        <f>'p-y mono_clay'!BJ44</f>
        <v>577.59695692026037</v>
      </c>
      <c r="AF44" s="55">
        <f>'p-y mono_clay'!BK44</f>
        <v>592.40713530283119</v>
      </c>
      <c r="AG44" s="200">
        <f>'p-y mono_clay'!BL44</f>
        <v>592.40713530283119</v>
      </c>
      <c r="AH44">
        <f t="shared" si="205"/>
        <v>30</v>
      </c>
      <c r="AI44">
        <v>0</v>
      </c>
      <c r="AJ44">
        <f t="shared" si="206"/>
        <v>-0.30956013444444436</v>
      </c>
      <c r="AK44">
        <f t="shared" si="207"/>
        <v>-0.15956013444444433</v>
      </c>
      <c r="AL44">
        <f t="shared" si="208"/>
        <v>-5.9560134444444357E-2</v>
      </c>
      <c r="AM44">
        <f t="shared" si="209"/>
        <v>4.0439865555555676E-2</v>
      </c>
      <c r="AN44">
        <f t="shared" si="210"/>
        <v>0.14043986555555565</v>
      </c>
      <c r="AO44">
        <f t="shared" si="211"/>
        <v>0.24043986555555563</v>
      </c>
      <c r="AP44">
        <f t="shared" si="212"/>
        <v>0.34043986555555561</v>
      </c>
      <c r="AQ44">
        <f t="shared" si="213"/>
        <v>0.4404398655555557</v>
      </c>
      <c r="AR44">
        <f t="shared" si="214"/>
        <v>0.54043986555555568</v>
      </c>
      <c r="AS44">
        <f t="shared" si="215"/>
        <v>0.61543986555555563</v>
      </c>
      <c r="AT44">
        <f t="shared" si="216"/>
        <v>0.64043986555555565</v>
      </c>
      <c r="AU44">
        <f t="shared" si="217"/>
        <v>0.64043986555555565</v>
      </c>
      <c r="AV44">
        <v>1</v>
      </c>
      <c r="AW44">
        <v>1.25</v>
      </c>
      <c r="AX44">
        <v>2.5</v>
      </c>
      <c r="AY44" s="162">
        <f t="shared" si="218"/>
        <v>2</v>
      </c>
      <c r="AZ44" s="162">
        <f t="shared" si="219"/>
        <v>1.5272303633833979</v>
      </c>
      <c r="BA44" s="162">
        <f t="shared" si="220"/>
        <v>1.7247919625645098</v>
      </c>
      <c r="BB44" s="162">
        <f t="shared" si="221"/>
        <v>1.8875757354240714</v>
      </c>
      <c r="BC44" s="162">
        <f t="shared" si="222"/>
        <v>2.0842883402590897</v>
      </c>
      <c r="BD44" s="162">
        <f t="shared" si="223"/>
        <v>2.3267714728215623</v>
      </c>
      <c r="BE44" s="162">
        <f t="shared" si="224"/>
        <v>2.6331029095712548</v>
      </c>
      <c r="BF44" s="162">
        <f t="shared" si="225"/>
        <v>3.0323239619153521</v>
      </c>
      <c r="BG44" s="162">
        <f t="shared" si="226"/>
        <v>3.5742360416466896</v>
      </c>
      <c r="BH44" s="162">
        <f t="shared" si="227"/>
        <v>4.3519875857329779</v>
      </c>
      <c r="BI44" s="162">
        <f t="shared" si="228"/>
        <v>5.2007470896308696</v>
      </c>
      <c r="BJ44" s="162">
        <f t="shared" si="229"/>
        <v>5.5623519083676953</v>
      </c>
      <c r="BK44" s="162">
        <f t="shared" si="230"/>
        <v>5.5623519083676953</v>
      </c>
      <c r="BL44" s="162">
        <f t="shared" si="231"/>
        <v>2.3784142300054421</v>
      </c>
      <c r="BM44" s="162">
        <f t="shared" si="232"/>
        <v>1.6977771620013926</v>
      </c>
      <c r="BN44" s="162">
        <f t="shared" si="233"/>
        <v>1.9766095969859354</v>
      </c>
      <c r="BO44" s="162">
        <f t="shared" si="234"/>
        <v>2.212485750838145</v>
      </c>
      <c r="BP44" s="162">
        <f t="shared" si="235"/>
        <v>2.5043628270241638</v>
      </c>
      <c r="BQ44" s="162">
        <f t="shared" si="236"/>
        <v>2.8737048646649246</v>
      </c>
      <c r="BR44" s="162">
        <f t="shared" si="237"/>
        <v>3.3541678449041346</v>
      </c>
      <c r="BS44" s="162">
        <f t="shared" si="238"/>
        <v>4.0014693736854365</v>
      </c>
      <c r="BT44" s="162">
        <f t="shared" si="239"/>
        <v>4.9144965810209937</v>
      </c>
      <c r="BU44" s="162">
        <f t="shared" si="240"/>
        <v>6.285785543460082</v>
      </c>
      <c r="BV44" s="162">
        <f t="shared" si="241"/>
        <v>7.8538421501848843</v>
      </c>
      <c r="BW44" s="162">
        <f t="shared" si="242"/>
        <v>8.542265724267061</v>
      </c>
      <c r="BX44" s="162">
        <f t="shared" si="243"/>
        <v>8.542265724267061</v>
      </c>
      <c r="BY44" s="162">
        <f t="shared" si="244"/>
        <v>5.6568542494923806</v>
      </c>
      <c r="BZ44" s="162">
        <f t="shared" si="245"/>
        <v>2.8824472918135031</v>
      </c>
      <c r="CA44" s="162">
        <f t="shared" si="246"/>
        <v>3.9069854988969022</v>
      </c>
      <c r="CB44" s="162">
        <f t="shared" si="247"/>
        <v>4.8950931976618302</v>
      </c>
      <c r="CC44" s="162">
        <f t="shared" si="248"/>
        <v>6.2718331693804616</v>
      </c>
      <c r="CD44" s="162">
        <f t="shared" si="249"/>
        <v>8.2581796491988513</v>
      </c>
      <c r="CE44" s="162">
        <f t="shared" si="250"/>
        <v>11.250441931788846</v>
      </c>
      <c r="CF44" s="162">
        <f t="shared" si="251"/>
        <v>16.011757148542518</v>
      </c>
      <c r="CG44" s="162">
        <f t="shared" si="252"/>
        <v>24.152276644867037</v>
      </c>
      <c r="CH44" s="162">
        <f t="shared" si="253"/>
        <v>25</v>
      </c>
      <c r="CI44" s="162">
        <f t="shared" si="254"/>
        <v>25</v>
      </c>
      <c r="CJ44" s="162">
        <f t="shared" si="255"/>
        <v>25</v>
      </c>
      <c r="CK44" s="162">
        <f t="shared" si="256"/>
        <v>25</v>
      </c>
      <c r="CL44">
        <f t="shared" si="257"/>
        <v>1.3729593947216077</v>
      </c>
      <c r="CM44">
        <f t="shared" si="258"/>
        <v>1.4107161775048636</v>
      </c>
      <c r="CN44">
        <f t="shared" si="259"/>
        <v>1.3936850981482085</v>
      </c>
      <c r="CO44">
        <f t="shared" si="260"/>
        <v>1.3810589343510327</v>
      </c>
      <c r="CP44">
        <f t="shared" si="261"/>
        <v>1.36718015372822</v>
      </c>
      <c r="CQ44">
        <f t="shared" si="262"/>
        <v>1.3517725658196253</v>
      </c>
      <c r="CR44">
        <f t="shared" si="263"/>
        <v>1.3344571850005449</v>
      </c>
      <c r="CS44">
        <f t="shared" si="264"/>
        <v>1.3146938966462365</v>
      </c>
      <c r="CT44">
        <f t="shared" si="265"/>
        <v>1.2916747957867971</v>
      </c>
      <c r="CU44">
        <f t="shared" si="266"/>
        <v>1.2641114280190759</v>
      </c>
      <c r="CV44">
        <f t="shared" si="267"/>
        <v>1.2391676799109244</v>
      </c>
      <c r="CW44">
        <f t="shared" si="268"/>
        <v>1.2297570566507579</v>
      </c>
      <c r="CX44" s="98">
        <f t="shared" si="269"/>
        <v>1.2297570566507579</v>
      </c>
      <c r="CY44">
        <f t="shared" si="270"/>
        <v>1.1029593947216076</v>
      </c>
      <c r="CZ44">
        <f t="shared" si="271"/>
        <v>1.1407161775048635</v>
      </c>
      <c r="DA44">
        <f t="shared" si="272"/>
        <v>1.1236850981482085</v>
      </c>
      <c r="DB44">
        <f t="shared" si="273"/>
        <v>1.1110589343510326</v>
      </c>
      <c r="DC44">
        <f t="shared" si="274"/>
        <v>1.09718015372822</v>
      </c>
      <c r="DD44">
        <f t="shared" si="275"/>
        <v>1.0817725658196253</v>
      </c>
      <c r="DE44">
        <f t="shared" si="276"/>
        <v>1.0644571850005449</v>
      </c>
      <c r="DF44">
        <f t="shared" si="277"/>
        <v>1.0446938966462365</v>
      </c>
      <c r="DG44">
        <f t="shared" si="278"/>
        <v>1.0216747957867971</v>
      </c>
      <c r="DH44">
        <f t="shared" si="279"/>
        <v>0.99411142801907604</v>
      </c>
      <c r="DI44">
        <f t="shared" si="280"/>
        <v>0.96916767991092434</v>
      </c>
      <c r="DJ44">
        <f t="shared" si="281"/>
        <v>0.95975705665075783</v>
      </c>
      <c r="DK44">
        <f t="shared" si="282"/>
        <v>0.95975705665075783</v>
      </c>
      <c r="DL44" s="97">
        <f t="shared" si="283"/>
        <v>1.5000349036450102</v>
      </c>
      <c r="DM44">
        <f t="shared" si="284"/>
        <v>1.5506020234440137</v>
      </c>
      <c r="DN44">
        <f t="shared" si="285"/>
        <v>1.5277925421627794</v>
      </c>
      <c r="DO44">
        <f t="shared" si="286"/>
        <v>1.5108825013629901</v>
      </c>
      <c r="DP44">
        <f t="shared" si="287"/>
        <v>1.4922948487431515</v>
      </c>
      <c r="DQ44">
        <f t="shared" si="288"/>
        <v>1.4716596863655698</v>
      </c>
      <c r="DR44">
        <f t="shared" si="289"/>
        <v>1.4484694441971584</v>
      </c>
      <c r="DS44">
        <f t="shared" si="290"/>
        <v>1.4220007544369238</v>
      </c>
      <c r="DT44">
        <f t="shared" si="291"/>
        <v>1.3911716015001747</v>
      </c>
      <c r="DU44">
        <f t="shared" si="292"/>
        <v>1.3542563768112625</v>
      </c>
      <c r="DV44">
        <f t="shared" si="293"/>
        <v>1.3208495713092736</v>
      </c>
      <c r="DW44">
        <f t="shared" si="294"/>
        <v>1.3082460580144077</v>
      </c>
      <c r="DX44" s="98">
        <f t="shared" si="295"/>
        <v>1.3082460580144077</v>
      </c>
      <c r="DY44">
        <f t="shared" si="296"/>
        <v>1.0527062241310117</v>
      </c>
      <c r="DZ44">
        <f t="shared" si="297"/>
        <v>1.1100156265698824</v>
      </c>
      <c r="EA44">
        <f t="shared" si="298"/>
        <v>1.0841648811178166</v>
      </c>
      <c r="EB44">
        <f t="shared" si="299"/>
        <v>1.0650001682113888</v>
      </c>
      <c r="EC44">
        <f t="shared" si="300"/>
        <v>1.0439341619089053</v>
      </c>
      <c r="ED44">
        <f t="shared" si="301"/>
        <v>1.0205476445476458</v>
      </c>
      <c r="EE44">
        <f t="shared" si="302"/>
        <v>0.99426537009011284</v>
      </c>
      <c r="EF44">
        <f t="shared" si="303"/>
        <v>0.96426752169518037</v>
      </c>
      <c r="EG44">
        <f t="shared" si="304"/>
        <v>0.92932781503353135</v>
      </c>
      <c r="EH44">
        <f t="shared" si="305"/>
        <v>0.88749056038609764</v>
      </c>
      <c r="EI44">
        <f t="shared" si="306"/>
        <v>0.84962951415051025</v>
      </c>
      <c r="EJ44">
        <f t="shared" si="307"/>
        <v>0.83534553241632881</v>
      </c>
      <c r="EK44">
        <f t="shared" si="308"/>
        <v>0.83534553241632881</v>
      </c>
      <c r="EL44" s="97">
        <f t="shared" si="309"/>
        <v>1.1554124482620232</v>
      </c>
      <c r="EM44">
        <f t="shared" si="310"/>
        <v>1.2700312531397646</v>
      </c>
      <c r="EN44">
        <f t="shared" si="311"/>
        <v>1.2183297622356333</v>
      </c>
      <c r="EO44">
        <f t="shared" si="312"/>
        <v>1.1800003364227778</v>
      </c>
      <c r="EP44">
        <f t="shared" si="313"/>
        <v>1.1378683238178107</v>
      </c>
      <c r="EQ44">
        <f t="shared" si="314"/>
        <v>1.0910952890952914</v>
      </c>
      <c r="ER44">
        <f t="shared" si="315"/>
        <v>1.0385307401802257</v>
      </c>
      <c r="ES44">
        <f t="shared" si="316"/>
        <v>0.97853504339036079</v>
      </c>
      <c r="ET44">
        <f t="shared" si="317"/>
        <v>0.90865563006706274</v>
      </c>
      <c r="EU44">
        <f t="shared" si="318"/>
        <v>0.90279110977240584</v>
      </c>
      <c r="EV44">
        <f t="shared" si="319"/>
        <v>0.90279110977240584</v>
      </c>
      <c r="EW44">
        <f t="shared" si="320"/>
        <v>0.90279110977240584</v>
      </c>
      <c r="EX44" s="98">
        <f t="shared" si="321"/>
        <v>0.90279110977240584</v>
      </c>
      <c r="EY44" s="97">
        <f t="shared" si="322"/>
        <v>0.90541244826202316</v>
      </c>
      <c r="EZ44">
        <f t="shared" si="323"/>
        <v>1.0200312531397646</v>
      </c>
      <c r="FA44">
        <f t="shared" si="324"/>
        <v>0.96832976223563338</v>
      </c>
      <c r="FB44">
        <f t="shared" si="325"/>
        <v>0.9300003364227778</v>
      </c>
      <c r="FC44">
        <f t="shared" si="326"/>
        <v>0.88786832381781067</v>
      </c>
      <c r="FD44">
        <f t="shared" si="327"/>
        <v>0.84109528909529152</v>
      </c>
      <c r="FE44">
        <f t="shared" si="328"/>
        <v>0.78853074018022573</v>
      </c>
      <c r="FF44">
        <f t="shared" si="329"/>
        <v>0.72853504339036079</v>
      </c>
      <c r="FG44">
        <f t="shared" si="330"/>
        <v>0.65865563006706274</v>
      </c>
      <c r="FH44">
        <f t="shared" si="331"/>
        <v>0.65279110977240584</v>
      </c>
      <c r="FI44">
        <f t="shared" si="332"/>
        <v>0.65279110977240584</v>
      </c>
      <c r="FJ44">
        <f t="shared" si="333"/>
        <v>0.65279110977240584</v>
      </c>
      <c r="FK44">
        <f t="shared" si="334"/>
        <v>0.65279110977240584</v>
      </c>
      <c r="FL44" s="126">
        <f t="shared" si="335"/>
        <v>0</v>
      </c>
      <c r="FM44" s="91">
        <f t="shared" si="336"/>
        <v>41.785916472050829</v>
      </c>
      <c r="FN44" s="91">
        <f t="shared" si="337"/>
        <v>165.12579930164509</v>
      </c>
      <c r="FO44" s="91">
        <f t="shared" si="338"/>
        <v>245.44475009498282</v>
      </c>
      <c r="FP44" s="91">
        <f t="shared" si="339"/>
        <v>323.97091132520768</v>
      </c>
      <c r="FQ44" s="91">
        <f t="shared" si="340"/>
        <v>400.39985664908102</v>
      </c>
      <c r="FR44" s="91">
        <f t="shared" si="341"/>
        <v>474.32517489027185</v>
      </c>
      <c r="FS44" s="91">
        <f t="shared" si="342"/>
        <v>545.18383157861933</v>
      </c>
      <c r="FT44" s="91">
        <f t="shared" si="343"/>
        <v>612.15789241194079</v>
      </c>
      <c r="FU44" s="91">
        <f t="shared" si="344"/>
        <v>673.98176679871676</v>
      </c>
      <c r="FV44" s="91">
        <f t="shared" si="345"/>
        <v>715.73948103048917</v>
      </c>
      <c r="FW44" s="91">
        <f t="shared" si="346"/>
        <v>728.51685504891691</v>
      </c>
      <c r="FX44" s="91">
        <f t="shared" si="347"/>
        <v>728.51685504891691</v>
      </c>
      <c r="FY44" s="91">
        <f t="shared" si="348"/>
        <v>0</v>
      </c>
      <c r="FZ44" s="91">
        <f t="shared" si="349"/>
        <v>0.68442970650291812</v>
      </c>
      <c r="GA44" s="91">
        <f t="shared" si="350"/>
        <v>6.7421105888892505</v>
      </c>
      <c r="GB44" s="91">
        <f t="shared" si="351"/>
        <v>11.777224704120945</v>
      </c>
      <c r="GC44" s="91">
        <f t="shared" si="352"/>
        <v>19.749242767107958</v>
      </c>
      <c r="GD44" s="91">
        <f t="shared" si="353"/>
        <v>30.289631842949511</v>
      </c>
      <c r="GE44" s="91">
        <f t="shared" si="354"/>
        <v>46.836116140023975</v>
      </c>
      <c r="GF44" s="91">
        <f t="shared" si="355"/>
        <v>66.860409385359134</v>
      </c>
      <c r="GG44" s="91">
        <f t="shared" si="356"/>
        <v>102.1674795786797</v>
      </c>
      <c r="GH44" s="91">
        <f t="shared" si="357"/>
        <v>163.03427419512846</v>
      </c>
      <c r="GI44" s="91">
        <f t="shared" si="358"/>
        <v>290.75030397327731</v>
      </c>
      <c r="GJ44" s="91">
        <f t="shared" si="359"/>
        <v>479.87852832537891</v>
      </c>
      <c r="GK44" s="127">
        <f t="shared" si="360"/>
        <v>5758.5423399045467</v>
      </c>
      <c r="GL44" s="126">
        <f t="shared" si="361"/>
        <v>0</v>
      </c>
      <c r="GM44" s="91">
        <f t="shared" si="362"/>
        <v>45.929385135162086</v>
      </c>
      <c r="GN44" s="91">
        <f t="shared" si="363"/>
        <v>181.01504064793642</v>
      </c>
      <c r="GO44" s="91">
        <f t="shared" si="364"/>
        <v>268.51727232348748</v>
      </c>
      <c r="GP44" s="91">
        <f t="shared" si="365"/>
        <v>353.61844654844089</v>
      </c>
      <c r="GQ44" s="91">
        <f t="shared" si="366"/>
        <v>435.91084947024513</v>
      </c>
      <c r="GR44" s="91">
        <f t="shared" si="367"/>
        <v>514.8501804063136</v>
      </c>
      <c r="GS44" s="91">
        <f t="shared" si="368"/>
        <v>589.68237533410991</v>
      </c>
      <c r="GT44" s="91">
        <f t="shared" si="369"/>
        <v>659.31198652749629</v>
      </c>
      <c r="GU44" s="91">
        <f t="shared" si="370"/>
        <v>722.04402658711649</v>
      </c>
      <c r="GV44" s="91">
        <f t="shared" si="371"/>
        <v>762.91869293766683</v>
      </c>
      <c r="GW44" s="91">
        <f t="shared" si="372"/>
        <v>775.01429949953683</v>
      </c>
      <c r="GX44" s="91">
        <f t="shared" si="373"/>
        <v>775.01429949953683</v>
      </c>
      <c r="GY44" s="91">
        <f t="shared" si="374"/>
        <v>0</v>
      </c>
      <c r="GZ44" s="91">
        <f t="shared" si="375"/>
        <v>0.66600937594192944</v>
      </c>
      <c r="HA44" s="91">
        <f t="shared" si="376"/>
        <v>6.5049892867069001</v>
      </c>
      <c r="HB44" s="91">
        <f t="shared" si="377"/>
        <v>11.289001783040721</v>
      </c>
      <c r="HC44" s="91">
        <f t="shared" si="378"/>
        <v>18.790814914360297</v>
      </c>
      <c r="HD44" s="91">
        <f t="shared" si="379"/>
        <v>28.575334047334081</v>
      </c>
      <c r="HE44" s="91">
        <f t="shared" si="380"/>
        <v>43.747676283964964</v>
      </c>
      <c r="HF44" s="91">
        <f t="shared" si="381"/>
        <v>61.713121388491544</v>
      </c>
      <c r="HG44" s="91">
        <f t="shared" si="382"/>
        <v>92.932781503353141</v>
      </c>
      <c r="HH44" s="91">
        <f t="shared" si="383"/>
        <v>145.54845190332</v>
      </c>
      <c r="HI44" s="91">
        <f t="shared" si="384"/>
        <v>254.88885424515308</v>
      </c>
      <c r="HJ44" s="91">
        <f t="shared" si="385"/>
        <v>417.67276620816438</v>
      </c>
      <c r="HK44" s="127">
        <f t="shared" si="386"/>
        <v>5012.0731944979725</v>
      </c>
      <c r="HL44" s="126">
        <f t="shared" si="387"/>
        <v>0</v>
      </c>
      <c r="HM44" s="91">
        <f t="shared" si="388"/>
        <v>37.618778820879641</v>
      </c>
      <c r="HN44" s="91">
        <f t="shared" si="389"/>
        <v>144.34944886003819</v>
      </c>
      <c r="HO44" s="91">
        <f t="shared" si="390"/>
        <v>209.71218568697847</v>
      </c>
      <c r="HP44" s="91">
        <f t="shared" si="391"/>
        <v>269.63252562589742</v>
      </c>
      <c r="HQ44" s="91">
        <f t="shared" si="392"/>
        <v>323.18631727767803</v>
      </c>
      <c r="HR44" s="91">
        <f t="shared" si="393"/>
        <v>369.13981242845784</v>
      </c>
      <c r="HS44" s="91">
        <f t="shared" si="394"/>
        <v>405.78379929382066</v>
      </c>
      <c r="HT44" s="91">
        <f t="shared" si="395"/>
        <v>430.63526302785425</v>
      </c>
      <c r="HU44" s="91">
        <f t="shared" si="396"/>
        <v>481.33790560542133</v>
      </c>
      <c r="HV44" s="91">
        <f t="shared" si="397"/>
        <v>521.44939773920635</v>
      </c>
      <c r="HW44" s="91">
        <f t="shared" si="398"/>
        <v>534.81989511713471</v>
      </c>
      <c r="HX44" s="91">
        <f t="shared" si="399"/>
        <v>534.81989511713471</v>
      </c>
      <c r="HY44" s="91">
        <f t="shared" si="400"/>
        <v>0</v>
      </c>
      <c r="HZ44" s="91">
        <f t="shared" si="401"/>
        <v>0.61201875188385879</v>
      </c>
      <c r="IA44" s="91">
        <f t="shared" si="402"/>
        <v>5.8099785734138001</v>
      </c>
      <c r="IB44" s="91">
        <f t="shared" si="403"/>
        <v>9.8580035660814449</v>
      </c>
      <c r="IC44" s="91">
        <f t="shared" si="404"/>
        <v>15.981629828720592</v>
      </c>
      <c r="ID44" s="91">
        <f t="shared" si="405"/>
        <v>23.550668094668161</v>
      </c>
      <c r="IE44" s="91">
        <f t="shared" si="406"/>
        <v>34.69535256792993</v>
      </c>
      <c r="IF44" s="91">
        <f t="shared" si="407"/>
        <v>46.626242776983091</v>
      </c>
      <c r="IG44" s="91">
        <f t="shared" si="408"/>
        <v>65.865563006706267</v>
      </c>
      <c r="IH44" s="91">
        <f t="shared" si="409"/>
        <v>107.05774200267456</v>
      </c>
      <c r="II44" s="91">
        <f t="shared" si="410"/>
        <v>195.83733293172176</v>
      </c>
      <c r="IJ44" s="91">
        <f t="shared" si="411"/>
        <v>326.39555488620294</v>
      </c>
      <c r="IK44" s="127">
        <f t="shared" si="412"/>
        <v>3916.7466586344349</v>
      </c>
    </row>
    <row r="45" spans="2:245" x14ac:dyDescent="0.2">
      <c r="B45" s="79">
        <f t="shared" si="188"/>
        <v>-34.5</v>
      </c>
      <c r="C45" s="73">
        <f>'p-y mono_clay'!C45</f>
        <v>19</v>
      </c>
      <c r="D45" s="64">
        <f>'p-y mono_clay'!D45</f>
        <v>18.988</v>
      </c>
      <c r="E45" s="64" t="str">
        <f>'p-y mono_clay'!E45</f>
        <v>CLAY</v>
      </c>
      <c r="F45" s="55">
        <f>VLOOKUP($C45, 'Pile Property'!$A$8:$D$108,2,TRUE)</f>
        <v>2</v>
      </c>
      <c r="G45" s="102">
        <f>'p-y mono_clay'!Z45</f>
        <v>967.75290626417632</v>
      </c>
      <c r="H45" s="199">
        <f>'p-y mono_clay'!AM45</f>
        <v>0</v>
      </c>
      <c r="I45" s="55">
        <f>'p-y mono_clay'!AN45</f>
        <v>0.6</v>
      </c>
      <c r="J45" s="55">
        <f>'p-y mono_clay'!AO45</f>
        <v>6</v>
      </c>
      <c r="K45" s="55">
        <f>'p-y mono_clay'!AP45</f>
        <v>10.6</v>
      </c>
      <c r="L45" s="55">
        <f>'p-y mono_clay'!AQ45</f>
        <v>18</v>
      </c>
      <c r="M45" s="55">
        <f>'p-y mono_clay'!AR45</f>
        <v>28</v>
      </c>
      <c r="N45" s="55">
        <f>'p-y mono_clay'!AS45</f>
        <v>44</v>
      </c>
      <c r="O45" s="55">
        <f>'p-y mono_clay'!AT45</f>
        <v>64</v>
      </c>
      <c r="P45" s="55">
        <f>'p-y mono_clay'!AU45</f>
        <v>100</v>
      </c>
      <c r="Q45" s="55">
        <f>'p-y mono_clay'!AV45</f>
        <v>164</v>
      </c>
      <c r="R45" s="55">
        <f>'p-y mono_clay'!AW45</f>
        <v>300</v>
      </c>
      <c r="S45" s="55">
        <f>'p-y mono_clay'!AX45</f>
        <v>500</v>
      </c>
      <c r="T45" s="200">
        <f>'p-y mono_clay'!AY45</f>
        <v>6000</v>
      </c>
      <c r="U45" s="199">
        <f>'p-y mono_clay'!AZ45</f>
        <v>0</v>
      </c>
      <c r="V45" s="55">
        <f>'p-y mono_clay'!BA45</f>
        <v>48.387645313208822</v>
      </c>
      <c r="W45" s="55">
        <f>'p-y mono_clay'!BB45</f>
        <v>193.55058125283529</v>
      </c>
      <c r="X45" s="55">
        <f>'p-y mono_clay'!BC45</f>
        <v>290.32587187925287</v>
      </c>
      <c r="Y45" s="55">
        <f>'p-y mono_clay'!BD45</f>
        <v>387.10116250567057</v>
      </c>
      <c r="Z45" s="55">
        <f>'p-y mono_clay'!BE45</f>
        <v>483.87645313208816</v>
      </c>
      <c r="AA45" s="55">
        <f>'p-y mono_clay'!BF45</f>
        <v>580.65174375850575</v>
      </c>
      <c r="AB45" s="55">
        <f>'p-y mono_clay'!BG45</f>
        <v>677.42703438492333</v>
      </c>
      <c r="AC45" s="55">
        <f>'p-y mono_clay'!BH45</f>
        <v>774.20232501134115</v>
      </c>
      <c r="AD45" s="55">
        <f>'p-y mono_clay'!BI45</f>
        <v>870.97761563775873</v>
      </c>
      <c r="AE45" s="55">
        <f>'p-y mono_clay'!BJ45</f>
        <v>943.55908360757189</v>
      </c>
      <c r="AF45" s="55">
        <f>'p-y mono_clay'!BK45</f>
        <v>967.75290626417632</v>
      </c>
      <c r="AG45" s="200">
        <f>'p-y mono_clay'!BL45</f>
        <v>967.75290626417632</v>
      </c>
      <c r="AH45">
        <f t="shared" si="205"/>
        <v>30</v>
      </c>
      <c r="AI45">
        <v>0</v>
      </c>
      <c r="AJ45">
        <f t="shared" si="206"/>
        <v>-0.35060460444444447</v>
      </c>
      <c r="AK45">
        <f t="shared" si="207"/>
        <v>-0.20060460444444445</v>
      </c>
      <c r="AL45">
        <f t="shared" si="208"/>
        <v>-0.10060460444444447</v>
      </c>
      <c r="AM45">
        <f t="shared" si="209"/>
        <v>-6.0460444444443429E-4</v>
      </c>
      <c r="AN45">
        <f t="shared" si="210"/>
        <v>9.9395395555555544E-2</v>
      </c>
      <c r="AO45">
        <f t="shared" si="211"/>
        <v>0.19939539555555552</v>
      </c>
      <c r="AP45">
        <f t="shared" si="212"/>
        <v>0.2993953955555555</v>
      </c>
      <c r="AQ45">
        <f t="shared" si="213"/>
        <v>0.39939539555555559</v>
      </c>
      <c r="AR45">
        <f t="shared" si="214"/>
        <v>0.49939539555555557</v>
      </c>
      <c r="AS45">
        <f t="shared" si="215"/>
        <v>0.57439539555555552</v>
      </c>
      <c r="AT45">
        <f t="shared" si="216"/>
        <v>0.59939539555555554</v>
      </c>
      <c r="AU45">
        <f t="shared" si="217"/>
        <v>0.59939539555555554</v>
      </c>
      <c r="AV45">
        <v>1</v>
      </c>
      <c r="AW45">
        <v>1.25</v>
      </c>
      <c r="AX45">
        <v>2.5</v>
      </c>
      <c r="AY45" s="162">
        <f t="shared" si="218"/>
        <v>2</v>
      </c>
      <c r="AZ45" s="162">
        <f t="shared" si="219"/>
        <v>1.4808182893931987</v>
      </c>
      <c r="BA45" s="162">
        <f t="shared" si="220"/>
        <v>1.6658273611448122</v>
      </c>
      <c r="BB45" s="162">
        <f t="shared" si="221"/>
        <v>1.8171830209719559</v>
      </c>
      <c r="BC45" s="162">
        <f t="shared" si="222"/>
        <v>1.9987915217624248</v>
      </c>
      <c r="BD45" s="162">
        <f t="shared" si="223"/>
        <v>2.2207303739400035</v>
      </c>
      <c r="BE45" s="162">
        <f t="shared" si="224"/>
        <v>2.4981120379489199</v>
      </c>
      <c r="BF45" s="162">
        <f t="shared" si="225"/>
        <v>2.8546772135274954</v>
      </c>
      <c r="BG45" s="162">
        <f t="shared" si="226"/>
        <v>3.3299778010359873</v>
      </c>
      <c r="BH45" s="162">
        <f t="shared" si="227"/>
        <v>3.9951690061251801</v>
      </c>
      <c r="BI45" s="162">
        <f t="shared" si="228"/>
        <v>4.699197281031922</v>
      </c>
      <c r="BJ45" s="162">
        <f t="shared" si="229"/>
        <v>4.9924538505332094</v>
      </c>
      <c r="BK45" s="162">
        <f t="shared" si="230"/>
        <v>4.9924538505332094</v>
      </c>
      <c r="BL45" s="162">
        <f t="shared" si="231"/>
        <v>2.3784142300054421</v>
      </c>
      <c r="BM45" s="162">
        <f t="shared" si="232"/>
        <v>1.6335303661806044</v>
      </c>
      <c r="BN45" s="162">
        <f t="shared" si="233"/>
        <v>1.8925069751732375</v>
      </c>
      <c r="BO45" s="162">
        <f t="shared" si="234"/>
        <v>2.109834248492811</v>
      </c>
      <c r="BP45" s="162">
        <f t="shared" si="235"/>
        <v>2.3766179520608057</v>
      </c>
      <c r="BQ45" s="162">
        <f t="shared" si="236"/>
        <v>2.7109392832042123</v>
      </c>
      <c r="BR45" s="162">
        <f t="shared" si="237"/>
        <v>3.1406163711387789</v>
      </c>
      <c r="BS45" s="162">
        <f t="shared" si="238"/>
        <v>3.7106181159692588</v>
      </c>
      <c r="BT45" s="162">
        <f t="shared" si="239"/>
        <v>4.4983337346582664</v>
      </c>
      <c r="BU45" s="162">
        <f t="shared" si="240"/>
        <v>5.6483154678422371</v>
      </c>
      <c r="BV45" s="162">
        <f t="shared" si="241"/>
        <v>6.9187812112424103</v>
      </c>
      <c r="BW45" s="162">
        <f t="shared" si="242"/>
        <v>7.4626414113412078</v>
      </c>
      <c r="BX45" s="162">
        <f t="shared" si="243"/>
        <v>7.4626414113412078</v>
      </c>
      <c r="BY45" s="162">
        <f t="shared" si="244"/>
        <v>5.6568542494923806</v>
      </c>
      <c r="BZ45" s="162">
        <f t="shared" si="245"/>
        <v>2.6684214572341394</v>
      </c>
      <c r="CA45" s="162">
        <f t="shared" si="246"/>
        <v>3.5815826510793571</v>
      </c>
      <c r="CB45" s="162">
        <f t="shared" si="247"/>
        <v>4.4514005561132244</v>
      </c>
      <c r="CC45" s="162">
        <f t="shared" si="248"/>
        <v>5.6483128900576984</v>
      </c>
      <c r="CD45" s="162">
        <f t="shared" si="249"/>
        <v>7.3491917972197687</v>
      </c>
      <c r="CE45" s="162">
        <f t="shared" si="250"/>
        <v>9.8634711906649137</v>
      </c>
      <c r="CF45" s="162">
        <f t="shared" si="251"/>
        <v>13.76868680255925</v>
      </c>
      <c r="CG45" s="162">
        <f t="shared" si="252"/>
        <v>20.235006388364589</v>
      </c>
      <c r="CH45" s="162">
        <f t="shared" si="253"/>
        <v>25</v>
      </c>
      <c r="CI45" s="162">
        <f t="shared" si="254"/>
        <v>25</v>
      </c>
      <c r="CJ45" s="162">
        <f t="shared" si="255"/>
        <v>25</v>
      </c>
      <c r="CK45" s="162">
        <f t="shared" si="256"/>
        <v>25</v>
      </c>
      <c r="CL45">
        <f t="shared" si="257"/>
        <v>1.3729593947216077</v>
      </c>
      <c r="CM45">
        <f t="shared" si="258"/>
        <v>1.4150367233488141</v>
      </c>
      <c r="CN45">
        <f t="shared" si="259"/>
        <v>1.3985549320942896</v>
      </c>
      <c r="CO45">
        <f t="shared" si="260"/>
        <v>1.3863797484112044</v>
      </c>
      <c r="CP45">
        <f t="shared" si="261"/>
        <v>1.3730440137658817</v>
      </c>
      <c r="CQ45">
        <f t="shared" si="262"/>
        <v>1.3583029405334583</v>
      </c>
      <c r="CR45">
        <f t="shared" si="263"/>
        <v>1.3418250633538766</v>
      </c>
      <c r="CS45">
        <f t="shared" si="264"/>
        <v>1.3231457712681907</v>
      </c>
      <c r="CT45">
        <f t="shared" si="265"/>
        <v>1.3015848107339598</v>
      </c>
      <c r="CU45">
        <f t="shared" si="266"/>
        <v>1.2760879764170661</v>
      </c>
      <c r="CV45">
        <f t="shared" si="267"/>
        <v>1.2533651615996393</v>
      </c>
      <c r="CW45">
        <f t="shared" si="268"/>
        <v>1.2448901440491442</v>
      </c>
      <c r="CX45" s="98">
        <f t="shared" si="269"/>
        <v>1.2448901440491442</v>
      </c>
      <c r="CY45">
        <f t="shared" si="270"/>
        <v>1.1029593947216076</v>
      </c>
      <c r="CZ45">
        <f t="shared" si="271"/>
        <v>1.1450367233488141</v>
      </c>
      <c r="DA45">
        <f t="shared" si="272"/>
        <v>1.1285549320942896</v>
      </c>
      <c r="DB45">
        <f t="shared" si="273"/>
        <v>1.1163797484112044</v>
      </c>
      <c r="DC45">
        <f t="shared" si="274"/>
        <v>1.1030440137658817</v>
      </c>
      <c r="DD45">
        <f t="shared" si="275"/>
        <v>1.0883029405334583</v>
      </c>
      <c r="DE45">
        <f t="shared" si="276"/>
        <v>1.0718250633538766</v>
      </c>
      <c r="DF45">
        <f t="shared" si="277"/>
        <v>1.0531457712681906</v>
      </c>
      <c r="DG45">
        <f t="shared" si="278"/>
        <v>1.0315848107339598</v>
      </c>
      <c r="DH45">
        <f t="shared" si="279"/>
        <v>1.006087976417066</v>
      </c>
      <c r="DI45">
        <f t="shared" si="280"/>
        <v>0.98336516159963927</v>
      </c>
      <c r="DJ45">
        <f t="shared" si="281"/>
        <v>0.9748901440491442</v>
      </c>
      <c r="DK45">
        <f t="shared" si="282"/>
        <v>0.9748901440491442</v>
      </c>
      <c r="DL45" s="97">
        <f t="shared" si="283"/>
        <v>1.5000349036450102</v>
      </c>
      <c r="DM45">
        <f t="shared" si="284"/>
        <v>1.556388468770733</v>
      </c>
      <c r="DN45">
        <f t="shared" si="285"/>
        <v>1.5343146411977093</v>
      </c>
      <c r="DO45">
        <f t="shared" si="286"/>
        <v>1.5180085916221486</v>
      </c>
      <c r="DP45">
        <f t="shared" si="287"/>
        <v>1.5001482327221627</v>
      </c>
      <c r="DQ45">
        <f t="shared" si="288"/>
        <v>1.4804057239287389</v>
      </c>
      <c r="DR45">
        <f t="shared" si="289"/>
        <v>1.4583371384203705</v>
      </c>
      <c r="DS45">
        <f t="shared" si="290"/>
        <v>1.4333202293770408</v>
      </c>
      <c r="DT45">
        <f t="shared" si="291"/>
        <v>1.4044439429472675</v>
      </c>
      <c r="DU45">
        <f t="shared" si="292"/>
        <v>1.370296396987142</v>
      </c>
      <c r="DV45">
        <f t="shared" si="293"/>
        <v>1.3398640557138026</v>
      </c>
      <c r="DW45">
        <f t="shared" si="294"/>
        <v>1.3285135857801038</v>
      </c>
      <c r="DX45" s="98">
        <f t="shared" si="295"/>
        <v>1.3285135857801038</v>
      </c>
      <c r="DY45">
        <f t="shared" si="296"/>
        <v>1.0527062241310117</v>
      </c>
      <c r="DZ45">
        <f t="shared" si="297"/>
        <v>1.1165735979401641</v>
      </c>
      <c r="EA45">
        <f t="shared" si="298"/>
        <v>1.0915565933574041</v>
      </c>
      <c r="EB45">
        <f t="shared" si="299"/>
        <v>1.0730764038384351</v>
      </c>
      <c r="EC45">
        <f t="shared" si="300"/>
        <v>1.0528346637517845</v>
      </c>
      <c r="ED45">
        <f t="shared" si="301"/>
        <v>1.0304598204525708</v>
      </c>
      <c r="EE45">
        <f t="shared" si="302"/>
        <v>1.0054487568764199</v>
      </c>
      <c r="EF45">
        <f t="shared" si="303"/>
        <v>0.97709625996064642</v>
      </c>
      <c r="EG45">
        <f t="shared" si="304"/>
        <v>0.94436980200690324</v>
      </c>
      <c r="EH45">
        <f t="shared" si="305"/>
        <v>0.90566924991876108</v>
      </c>
      <c r="EI45">
        <f t="shared" si="306"/>
        <v>0.87117926314230965</v>
      </c>
      <c r="EJ45">
        <f t="shared" si="307"/>
        <v>0.85831539721745098</v>
      </c>
      <c r="EK45">
        <f t="shared" si="308"/>
        <v>0.85831539721745098</v>
      </c>
      <c r="EL45" s="97">
        <f t="shared" si="309"/>
        <v>1.1554124482620232</v>
      </c>
      <c r="EM45">
        <f t="shared" si="310"/>
        <v>1.2831471958803284</v>
      </c>
      <c r="EN45">
        <f t="shared" si="311"/>
        <v>1.233113186714808</v>
      </c>
      <c r="EO45">
        <f t="shared" si="312"/>
        <v>1.1961528076768704</v>
      </c>
      <c r="EP45">
        <f t="shared" si="313"/>
        <v>1.1556693275035692</v>
      </c>
      <c r="EQ45">
        <f t="shared" si="314"/>
        <v>1.1109196409051416</v>
      </c>
      <c r="ER45">
        <f t="shared" si="315"/>
        <v>1.06089751375284</v>
      </c>
      <c r="ES45">
        <f t="shared" si="316"/>
        <v>1.0041925199212929</v>
      </c>
      <c r="ET45">
        <f t="shared" si="317"/>
        <v>0.93873960401380652</v>
      </c>
      <c r="EU45">
        <f t="shared" si="318"/>
        <v>0.90279110977240584</v>
      </c>
      <c r="EV45">
        <f t="shared" si="319"/>
        <v>0.90279110977240584</v>
      </c>
      <c r="EW45">
        <f t="shared" si="320"/>
        <v>0.90279110977240584</v>
      </c>
      <c r="EX45" s="98">
        <f t="shared" si="321"/>
        <v>0.90279110977240584</v>
      </c>
      <c r="EY45" s="97">
        <f t="shared" si="322"/>
        <v>0.90541244826202316</v>
      </c>
      <c r="EZ45">
        <f t="shared" si="323"/>
        <v>1.0331471958803284</v>
      </c>
      <c r="FA45">
        <f t="shared" si="324"/>
        <v>0.98311318671480796</v>
      </c>
      <c r="FB45">
        <f t="shared" si="325"/>
        <v>0.94615280767687038</v>
      </c>
      <c r="FC45">
        <f t="shared" si="326"/>
        <v>0.90566932750356921</v>
      </c>
      <c r="FD45">
        <f t="shared" si="327"/>
        <v>0.86091964090514161</v>
      </c>
      <c r="FE45">
        <f t="shared" si="328"/>
        <v>0.81089751375284003</v>
      </c>
      <c r="FF45">
        <f t="shared" si="329"/>
        <v>0.75419251992129288</v>
      </c>
      <c r="FG45">
        <f t="shared" si="330"/>
        <v>0.68873960401380652</v>
      </c>
      <c r="FH45">
        <f t="shared" si="331"/>
        <v>0.65279110977240584</v>
      </c>
      <c r="FI45">
        <f t="shared" si="332"/>
        <v>0.65279110977240584</v>
      </c>
      <c r="FJ45">
        <f t="shared" si="333"/>
        <v>0.65279110977240584</v>
      </c>
      <c r="FK45">
        <f t="shared" si="334"/>
        <v>0.65279110977240584</v>
      </c>
      <c r="FL45" s="126">
        <f t="shared" si="335"/>
        <v>0</v>
      </c>
      <c r="FM45" s="91">
        <f t="shared" si="336"/>
        <v>68.470295074567616</v>
      </c>
      <c r="FN45" s="91">
        <f t="shared" si="337"/>
        <v>270.69112002086933</v>
      </c>
      <c r="FO45" s="91">
        <f t="shared" si="338"/>
        <v>402.50190921322218</v>
      </c>
      <c r="FP45" s="91">
        <f t="shared" si="339"/>
        <v>531.50693390022479</v>
      </c>
      <c r="FQ45" s="91">
        <f t="shared" si="340"/>
        <v>657.25080914421551</v>
      </c>
      <c r="FR45" s="91">
        <f t="shared" si="341"/>
        <v>779.13306285529586</v>
      </c>
      <c r="FS45" s="91">
        <f t="shared" si="342"/>
        <v>896.33471588916245</v>
      </c>
      <c r="FT45" s="91">
        <f t="shared" si="343"/>
        <v>1007.6899866696781</v>
      </c>
      <c r="FU45" s="91">
        <f t="shared" si="344"/>
        <v>1111.4440630437487</v>
      </c>
      <c r="FV45" s="91">
        <f t="shared" si="345"/>
        <v>1182.624083304612</v>
      </c>
      <c r="FW45" s="91">
        <f t="shared" si="346"/>
        <v>1204.7460548831884</v>
      </c>
      <c r="FX45" s="91">
        <f t="shared" si="347"/>
        <v>1204.7460548831884</v>
      </c>
      <c r="FY45" s="91">
        <f t="shared" si="348"/>
        <v>0</v>
      </c>
      <c r="FZ45" s="91">
        <f t="shared" si="349"/>
        <v>0.68702203400928841</v>
      </c>
      <c r="GA45" s="91">
        <f t="shared" si="350"/>
        <v>6.7713295925657375</v>
      </c>
      <c r="GB45" s="91">
        <f t="shared" si="351"/>
        <v>11.833625333158766</v>
      </c>
      <c r="GC45" s="91">
        <f t="shared" si="352"/>
        <v>19.85479224778587</v>
      </c>
      <c r="GD45" s="91">
        <f t="shared" si="353"/>
        <v>30.472482334936835</v>
      </c>
      <c r="GE45" s="91">
        <f t="shared" si="354"/>
        <v>47.160302787570572</v>
      </c>
      <c r="GF45" s="91">
        <f t="shared" si="355"/>
        <v>67.401329361164201</v>
      </c>
      <c r="GG45" s="91">
        <f t="shared" si="356"/>
        <v>103.15848107339598</v>
      </c>
      <c r="GH45" s="91">
        <f t="shared" si="357"/>
        <v>164.99842813239883</v>
      </c>
      <c r="GI45" s="91">
        <f t="shared" si="358"/>
        <v>295.00954847989181</v>
      </c>
      <c r="GJ45" s="91">
        <f t="shared" si="359"/>
        <v>487.44507202457208</v>
      </c>
      <c r="GK45" s="127">
        <f t="shared" si="360"/>
        <v>5849.3408642948652</v>
      </c>
      <c r="GL45" s="126">
        <f t="shared" si="361"/>
        <v>0</v>
      </c>
      <c r="GM45" s="91">
        <f t="shared" si="362"/>
        <v>75.309973196446407</v>
      </c>
      <c r="GN45" s="91">
        <f t="shared" si="363"/>
        <v>296.96749062855207</v>
      </c>
      <c r="GO45" s="91">
        <f t="shared" si="364"/>
        <v>440.717167882897</v>
      </c>
      <c r="GP45" s="91">
        <f t="shared" si="365"/>
        <v>580.70912481757637</v>
      </c>
      <c r="GQ45" s="91">
        <f t="shared" si="366"/>
        <v>716.33347089107951</v>
      </c>
      <c r="GR45" s="91">
        <f t="shared" si="367"/>
        <v>846.78600241157744</v>
      </c>
      <c r="GS45" s="91">
        <f t="shared" si="368"/>
        <v>970.96987231080686</v>
      </c>
      <c r="GT45" s="91">
        <f t="shared" si="369"/>
        <v>1087.3237659778699</v>
      </c>
      <c r="GU45" s="91">
        <f t="shared" si="370"/>
        <v>1193.4974885648726</v>
      </c>
      <c r="GV45" s="91">
        <f t="shared" si="371"/>
        <v>1264.2409005680402</v>
      </c>
      <c r="GW45" s="91">
        <f t="shared" si="372"/>
        <v>1285.6728836501375</v>
      </c>
      <c r="GX45" s="91">
        <f t="shared" si="373"/>
        <v>1285.6728836501375</v>
      </c>
      <c r="GY45" s="91">
        <f t="shared" si="374"/>
        <v>0</v>
      </c>
      <c r="GZ45" s="91">
        <f t="shared" si="375"/>
        <v>0.66994415876409841</v>
      </c>
      <c r="HA45" s="91">
        <f t="shared" si="376"/>
        <v>6.5493395601444249</v>
      </c>
      <c r="HB45" s="91">
        <f t="shared" si="377"/>
        <v>11.374609880687411</v>
      </c>
      <c r="HC45" s="91">
        <f t="shared" si="378"/>
        <v>18.951023947532121</v>
      </c>
      <c r="HD45" s="91">
        <f t="shared" si="379"/>
        <v>28.852874972671984</v>
      </c>
      <c r="HE45" s="91">
        <f t="shared" si="380"/>
        <v>44.239745302562476</v>
      </c>
      <c r="HF45" s="91">
        <f t="shared" si="381"/>
        <v>62.534160637481371</v>
      </c>
      <c r="HG45" s="91">
        <f t="shared" si="382"/>
        <v>94.436980200690329</v>
      </c>
      <c r="HH45" s="91">
        <f t="shared" si="383"/>
        <v>148.52975698667683</v>
      </c>
      <c r="HI45" s="91">
        <f t="shared" si="384"/>
        <v>261.35377894269288</v>
      </c>
      <c r="HJ45" s="91">
        <f t="shared" si="385"/>
        <v>429.15769860872547</v>
      </c>
      <c r="HK45" s="127">
        <f t="shared" si="386"/>
        <v>5149.8923833047056</v>
      </c>
      <c r="HL45" s="126">
        <f t="shared" si="387"/>
        <v>0</v>
      </c>
      <c r="HM45" s="91">
        <f t="shared" si="388"/>
        <v>62.08847139889582</v>
      </c>
      <c r="HN45" s="91">
        <f t="shared" si="389"/>
        <v>238.66977403918708</v>
      </c>
      <c r="HO45" s="91">
        <f t="shared" si="390"/>
        <v>347.27410678960365</v>
      </c>
      <c r="HP45" s="91">
        <f t="shared" si="391"/>
        <v>447.36094014877818</v>
      </c>
      <c r="HQ45" s="91">
        <f t="shared" si="392"/>
        <v>537.54785555595299</v>
      </c>
      <c r="HR45" s="91">
        <f t="shared" si="393"/>
        <v>616.01199130964994</v>
      </c>
      <c r="HS45" s="91">
        <f t="shared" si="394"/>
        <v>680.26716072180443</v>
      </c>
      <c r="HT45" s="91">
        <f t="shared" si="395"/>
        <v>726.77438400771473</v>
      </c>
      <c r="HU45" s="91">
        <f t="shared" si="396"/>
        <v>786.31084820853619</v>
      </c>
      <c r="HV45" s="91">
        <f t="shared" si="397"/>
        <v>851.8367522259141</v>
      </c>
      <c r="HW45" s="91">
        <f t="shared" si="398"/>
        <v>873.67872023170673</v>
      </c>
      <c r="HX45" s="91">
        <f t="shared" si="399"/>
        <v>873.67872023170673</v>
      </c>
      <c r="HY45" s="91">
        <f t="shared" si="400"/>
        <v>0</v>
      </c>
      <c r="HZ45" s="91">
        <f t="shared" si="401"/>
        <v>0.61988831752819706</v>
      </c>
      <c r="IA45" s="91">
        <f t="shared" si="402"/>
        <v>5.8986791202888478</v>
      </c>
      <c r="IB45" s="91">
        <f t="shared" si="403"/>
        <v>10.029219761374826</v>
      </c>
      <c r="IC45" s="91">
        <f t="shared" si="404"/>
        <v>16.302047895064245</v>
      </c>
      <c r="ID45" s="91">
        <f t="shared" si="405"/>
        <v>24.105749945343966</v>
      </c>
      <c r="IE45" s="91">
        <f t="shared" si="406"/>
        <v>35.679490605124961</v>
      </c>
      <c r="IF45" s="91">
        <f t="shared" si="407"/>
        <v>48.268321274962744</v>
      </c>
      <c r="IG45" s="91">
        <f t="shared" si="408"/>
        <v>68.873960401380657</v>
      </c>
      <c r="IH45" s="91">
        <f t="shared" si="409"/>
        <v>107.05774200267456</v>
      </c>
      <c r="II45" s="91">
        <f t="shared" si="410"/>
        <v>195.83733293172176</v>
      </c>
      <c r="IJ45" s="91">
        <f t="shared" si="411"/>
        <v>326.39555488620294</v>
      </c>
      <c r="IK45" s="127">
        <f t="shared" si="412"/>
        <v>3916.7466586344349</v>
      </c>
    </row>
    <row r="46" spans="2:245" x14ac:dyDescent="0.2">
      <c r="B46" s="79">
        <f t="shared" si="188"/>
        <v>-35.5</v>
      </c>
      <c r="C46" s="73">
        <f>'p-y mono_clay'!C46</f>
        <v>20</v>
      </c>
      <c r="D46" s="64">
        <f>'p-y mono_clay'!D46</f>
        <v>19.985999999999997</v>
      </c>
      <c r="E46" s="64" t="str">
        <f>'p-y mono_clay'!E46</f>
        <v>CLAY</v>
      </c>
      <c r="F46" s="55">
        <f>VLOOKUP($C46, 'Pile Property'!$A$8:$D$108,2,TRUE)</f>
        <v>2</v>
      </c>
      <c r="G46" s="102">
        <f>'p-y mono_clay'!Z46</f>
        <v>1272.8874933103659</v>
      </c>
      <c r="H46" s="199">
        <f>'p-y mono_clay'!AM46</f>
        <v>0</v>
      </c>
      <c r="I46" s="55">
        <f>'p-y mono_clay'!AN46</f>
        <v>0.6</v>
      </c>
      <c r="J46" s="55">
        <f>'p-y mono_clay'!AO46</f>
        <v>6</v>
      </c>
      <c r="K46" s="55">
        <f>'p-y mono_clay'!AP46</f>
        <v>10.6</v>
      </c>
      <c r="L46" s="55">
        <f>'p-y mono_clay'!AQ46</f>
        <v>18</v>
      </c>
      <c r="M46" s="55">
        <f>'p-y mono_clay'!AR46</f>
        <v>28</v>
      </c>
      <c r="N46" s="55">
        <f>'p-y mono_clay'!AS46</f>
        <v>44</v>
      </c>
      <c r="O46" s="55">
        <f>'p-y mono_clay'!AT46</f>
        <v>64</v>
      </c>
      <c r="P46" s="55">
        <f>'p-y mono_clay'!AU46</f>
        <v>100</v>
      </c>
      <c r="Q46" s="55">
        <f>'p-y mono_clay'!AV46</f>
        <v>164</v>
      </c>
      <c r="R46" s="55">
        <f>'p-y mono_clay'!AW46</f>
        <v>300</v>
      </c>
      <c r="S46" s="55">
        <f>'p-y mono_clay'!AX46</f>
        <v>500</v>
      </c>
      <c r="T46" s="200">
        <f>'p-y mono_clay'!AY46</f>
        <v>6000</v>
      </c>
      <c r="U46" s="199">
        <f>'p-y mono_clay'!AZ46</f>
        <v>0</v>
      </c>
      <c r="V46" s="55">
        <f>'p-y mono_clay'!BA46</f>
        <v>63.644374665518299</v>
      </c>
      <c r="W46" s="55">
        <f>'p-y mono_clay'!BB46</f>
        <v>254.5774986620732</v>
      </c>
      <c r="X46" s="55">
        <f>'p-y mono_clay'!BC46</f>
        <v>381.86624799310977</v>
      </c>
      <c r="Y46" s="55">
        <f>'p-y mono_clay'!BD46</f>
        <v>509.15499732414639</v>
      </c>
      <c r="Z46" s="55">
        <f>'p-y mono_clay'!BE46</f>
        <v>636.44374665518296</v>
      </c>
      <c r="AA46" s="55">
        <f>'p-y mono_clay'!BF46</f>
        <v>763.73249598621953</v>
      </c>
      <c r="AB46" s="55">
        <f>'p-y mono_clay'!BG46</f>
        <v>891.0212453172561</v>
      </c>
      <c r="AC46" s="55">
        <f>'p-y mono_clay'!BH46</f>
        <v>1018.3099946482928</v>
      </c>
      <c r="AD46" s="55">
        <f>'p-y mono_clay'!BI46</f>
        <v>1145.5987439793294</v>
      </c>
      <c r="AE46" s="55">
        <f>'p-y mono_clay'!BJ46</f>
        <v>1241.0653059776068</v>
      </c>
      <c r="AF46" s="55">
        <f>'p-y mono_clay'!BK46</f>
        <v>1272.8874933103659</v>
      </c>
      <c r="AG46" s="200">
        <f>'p-y mono_clay'!BL46</f>
        <v>1272.8874933103659</v>
      </c>
      <c r="AH46">
        <f t="shared" si="205"/>
        <v>30</v>
      </c>
      <c r="AI46">
        <v>0</v>
      </c>
      <c r="AJ46">
        <f t="shared" si="206"/>
        <v>-0.39382243999999988</v>
      </c>
      <c r="AK46">
        <f t="shared" si="207"/>
        <v>-0.24382243999999986</v>
      </c>
      <c r="AL46">
        <f t="shared" si="208"/>
        <v>-0.14382243999999988</v>
      </c>
      <c r="AM46">
        <f t="shared" si="209"/>
        <v>-4.3822439999999852E-2</v>
      </c>
      <c r="AN46">
        <f t="shared" si="210"/>
        <v>5.6177560000000126E-2</v>
      </c>
      <c r="AO46">
        <f t="shared" si="211"/>
        <v>0.1561775600000001</v>
      </c>
      <c r="AP46">
        <f t="shared" si="212"/>
        <v>0.25617756000000008</v>
      </c>
      <c r="AQ46">
        <f t="shared" si="213"/>
        <v>0.35617756000000017</v>
      </c>
      <c r="AR46">
        <f t="shared" si="214"/>
        <v>0.45617756000000015</v>
      </c>
      <c r="AS46">
        <f t="shared" si="215"/>
        <v>0.53117756000000016</v>
      </c>
      <c r="AT46">
        <f t="shared" si="216"/>
        <v>0.55617756000000007</v>
      </c>
      <c r="AU46">
        <f t="shared" si="217"/>
        <v>0.55617756000000007</v>
      </c>
      <c r="AV46">
        <v>1</v>
      </c>
      <c r="AW46">
        <v>1.25</v>
      </c>
      <c r="AX46">
        <v>2.5</v>
      </c>
      <c r="AY46" s="162">
        <f t="shared" si="218"/>
        <v>2</v>
      </c>
      <c r="AZ46" s="162">
        <f t="shared" si="219"/>
        <v>1.4349029995527982</v>
      </c>
      <c r="BA46" s="162">
        <f t="shared" si="220"/>
        <v>1.6079465490267248</v>
      </c>
      <c r="BB46" s="162">
        <f t="shared" si="221"/>
        <v>1.7485231361608888</v>
      </c>
      <c r="BC46" s="162">
        <f t="shared" si="222"/>
        <v>1.9160346849795644</v>
      </c>
      <c r="BD46" s="162">
        <f t="shared" si="223"/>
        <v>2.1190426453518101</v>
      </c>
      <c r="BE46" s="162">
        <f t="shared" si="224"/>
        <v>2.370166880131797</v>
      </c>
      <c r="BF46" s="162">
        <f t="shared" si="225"/>
        <v>2.6888137443124198</v>
      </c>
      <c r="BG46" s="162">
        <f t="shared" si="226"/>
        <v>3.1064465538044934</v>
      </c>
      <c r="BH46" s="162">
        <f t="shared" si="227"/>
        <v>3.6776709692229708</v>
      </c>
      <c r="BI46" s="162">
        <f t="shared" si="228"/>
        <v>4.26600740357053</v>
      </c>
      <c r="BJ46" s="162">
        <f t="shared" si="229"/>
        <v>4.5063066211794078</v>
      </c>
      <c r="BK46" s="162">
        <f t="shared" si="230"/>
        <v>4.5063066211794078</v>
      </c>
      <c r="BL46" s="162">
        <f t="shared" si="231"/>
        <v>2.3784142300054421</v>
      </c>
      <c r="BM46" s="162">
        <f t="shared" si="232"/>
        <v>1.5704647010517958</v>
      </c>
      <c r="BN46" s="162">
        <f t="shared" si="233"/>
        <v>1.8106708499421582</v>
      </c>
      <c r="BO46" s="162">
        <f t="shared" si="234"/>
        <v>2.010662735336624</v>
      </c>
      <c r="BP46" s="162">
        <f t="shared" si="235"/>
        <v>2.2542610556418041</v>
      </c>
      <c r="BQ46" s="162">
        <f t="shared" si="236"/>
        <v>2.5566696801469662</v>
      </c>
      <c r="BR46" s="162">
        <f t="shared" si="237"/>
        <v>2.9408553010966685</v>
      </c>
      <c r="BS46" s="162">
        <f t="shared" si="238"/>
        <v>3.4431100125827019</v>
      </c>
      <c r="BT46" s="162">
        <f t="shared" si="239"/>
        <v>4.1241063635372814</v>
      </c>
      <c r="BU46" s="162">
        <f t="shared" si="240"/>
        <v>5.0929110305368761</v>
      </c>
      <c r="BV46" s="162">
        <f t="shared" si="241"/>
        <v>6.1309391540065068</v>
      </c>
      <c r="BW46" s="162">
        <f t="shared" si="242"/>
        <v>6.5656227263579297</v>
      </c>
      <c r="BX46" s="162">
        <f t="shared" si="243"/>
        <v>6.5656227263579297</v>
      </c>
      <c r="BY46" s="162">
        <f t="shared" si="244"/>
        <v>5.6568542494923806</v>
      </c>
      <c r="BZ46" s="162">
        <f t="shared" si="245"/>
        <v>2.4663593772497068</v>
      </c>
      <c r="CA46" s="162">
        <f t="shared" si="246"/>
        <v>3.2785289268302571</v>
      </c>
      <c r="CB46" s="162">
        <f t="shared" si="247"/>
        <v>4.0427646352713547</v>
      </c>
      <c r="CC46" s="162">
        <f t="shared" si="248"/>
        <v>5.0816929069833012</v>
      </c>
      <c r="CD46" s="162">
        <f t="shared" si="249"/>
        <v>6.5365598533827907</v>
      </c>
      <c r="CE46" s="162">
        <f t="shared" si="250"/>
        <v>8.6486299019883752</v>
      </c>
      <c r="CF46" s="162">
        <f t="shared" si="251"/>
        <v>11.855006558747254</v>
      </c>
      <c r="CG46" s="162">
        <f t="shared" si="252"/>
        <v>17.0082532977687</v>
      </c>
      <c r="CH46" s="162">
        <f t="shared" si="253"/>
        <v>25</v>
      </c>
      <c r="CI46" s="162">
        <f t="shared" si="254"/>
        <v>25</v>
      </c>
      <c r="CJ46" s="162">
        <f t="shared" si="255"/>
        <v>25</v>
      </c>
      <c r="CK46" s="162">
        <f t="shared" si="256"/>
        <v>25</v>
      </c>
      <c r="CL46">
        <f t="shared" si="257"/>
        <v>1.3729593947216077</v>
      </c>
      <c r="CM46">
        <f t="shared" si="258"/>
        <v>1.4194463848885028</v>
      </c>
      <c r="CN46">
        <f t="shared" si="259"/>
        <v>1.4035058898631021</v>
      </c>
      <c r="CO46">
        <f t="shared" si="260"/>
        <v>1.3917719886785631</v>
      </c>
      <c r="CP46">
        <f t="shared" si="261"/>
        <v>1.3789639104930471</v>
      </c>
      <c r="CQ46">
        <f t="shared" si="262"/>
        <v>1.3648649833967863</v>
      </c>
      <c r="CR46">
        <f t="shared" si="263"/>
        <v>1.3491855487283821</v>
      </c>
      <c r="CS46">
        <f t="shared" si="264"/>
        <v>1.3315259847251846</v>
      </c>
      <c r="CT46">
        <f t="shared" si="265"/>
        <v>1.311312871996454</v>
      </c>
      <c r="CU46">
        <f t="shared" si="266"/>
        <v>1.2876808471766292</v>
      </c>
      <c r="CV46">
        <f t="shared" si="267"/>
        <v>1.2669050302257068</v>
      </c>
      <c r="CW46">
        <f t="shared" si="268"/>
        <v>1.2592330958192914</v>
      </c>
      <c r="CX46" s="98">
        <f t="shared" si="269"/>
        <v>1.2592330958192914</v>
      </c>
      <c r="CY46">
        <f t="shared" si="270"/>
        <v>1.1029593947216076</v>
      </c>
      <c r="CZ46">
        <f t="shared" si="271"/>
        <v>1.1494463848885028</v>
      </c>
      <c r="DA46">
        <f t="shared" si="272"/>
        <v>1.1335058898631021</v>
      </c>
      <c r="DB46">
        <f t="shared" si="273"/>
        <v>1.1217719886785631</v>
      </c>
      <c r="DC46">
        <f t="shared" si="274"/>
        <v>1.1089639104930471</v>
      </c>
      <c r="DD46">
        <f t="shared" si="275"/>
        <v>1.0948649833967863</v>
      </c>
      <c r="DE46">
        <f t="shared" si="276"/>
        <v>1.0791855487283821</v>
      </c>
      <c r="DF46">
        <f t="shared" si="277"/>
        <v>1.0615259847251846</v>
      </c>
      <c r="DG46">
        <f t="shared" si="278"/>
        <v>1.0413128719964539</v>
      </c>
      <c r="DH46">
        <f t="shared" si="279"/>
        <v>1.0176808471766292</v>
      </c>
      <c r="DI46">
        <f t="shared" si="280"/>
        <v>0.99690503022570687</v>
      </c>
      <c r="DJ46">
        <f t="shared" si="281"/>
        <v>0.98923309581929142</v>
      </c>
      <c r="DK46">
        <f t="shared" si="282"/>
        <v>0.98923309581929142</v>
      </c>
      <c r="DL46" s="97">
        <f t="shared" si="283"/>
        <v>1.5000349036450102</v>
      </c>
      <c r="DM46">
        <f t="shared" si="284"/>
        <v>1.5622942654756733</v>
      </c>
      <c r="DN46">
        <f t="shared" si="285"/>
        <v>1.5409453882095119</v>
      </c>
      <c r="DO46">
        <f t="shared" si="286"/>
        <v>1.5252303419802185</v>
      </c>
      <c r="DP46">
        <f t="shared" si="287"/>
        <v>1.5080766658389022</v>
      </c>
      <c r="DQ46">
        <f t="shared" si="288"/>
        <v>1.4891941741921244</v>
      </c>
      <c r="DR46">
        <f t="shared" si="289"/>
        <v>1.4681949313326546</v>
      </c>
      <c r="DS46">
        <f t="shared" si="290"/>
        <v>1.444543729542658</v>
      </c>
      <c r="DT46">
        <f t="shared" si="291"/>
        <v>1.4174725964238222</v>
      </c>
      <c r="DU46">
        <f t="shared" si="292"/>
        <v>1.3858225631829855</v>
      </c>
      <c r="DV46">
        <f t="shared" si="293"/>
        <v>1.3579978083380002</v>
      </c>
      <c r="DW46">
        <f t="shared" si="294"/>
        <v>1.3477228961865508</v>
      </c>
      <c r="DX46" s="98">
        <f t="shared" si="295"/>
        <v>1.3477228961865508</v>
      </c>
      <c r="DY46">
        <f t="shared" si="296"/>
        <v>1.0527062241310117</v>
      </c>
      <c r="DZ46">
        <f t="shared" si="297"/>
        <v>1.123266834205763</v>
      </c>
      <c r="EA46">
        <f t="shared" si="298"/>
        <v>1.0990714399707802</v>
      </c>
      <c r="EB46">
        <f t="shared" si="299"/>
        <v>1.0812610542442476</v>
      </c>
      <c r="EC46">
        <f t="shared" si="300"/>
        <v>1.0618202212840893</v>
      </c>
      <c r="ED46">
        <f t="shared" si="301"/>
        <v>1.0404200640844077</v>
      </c>
      <c r="EE46">
        <f t="shared" si="302"/>
        <v>1.0166209221770086</v>
      </c>
      <c r="EF46">
        <f t="shared" si="303"/>
        <v>0.98981622681501247</v>
      </c>
      <c r="EG46">
        <f t="shared" si="304"/>
        <v>0.95913560928033181</v>
      </c>
      <c r="EH46">
        <f t="shared" si="305"/>
        <v>0.92326557160738343</v>
      </c>
      <c r="EI46">
        <f t="shared" si="306"/>
        <v>0.89173084944973358</v>
      </c>
      <c r="EJ46">
        <f t="shared" si="307"/>
        <v>0.88008594901142445</v>
      </c>
      <c r="EK46">
        <f t="shared" si="308"/>
        <v>0.88008594901142445</v>
      </c>
      <c r="EL46" s="97">
        <f t="shared" si="309"/>
        <v>1.1554124482620232</v>
      </c>
      <c r="EM46">
        <f t="shared" si="310"/>
        <v>1.2965336684115263</v>
      </c>
      <c r="EN46">
        <f t="shared" si="311"/>
        <v>1.2481428799415601</v>
      </c>
      <c r="EO46">
        <f t="shared" si="312"/>
        <v>1.2125221084884952</v>
      </c>
      <c r="EP46">
        <f t="shared" si="313"/>
        <v>1.1736404425681786</v>
      </c>
      <c r="EQ46">
        <f t="shared" si="314"/>
        <v>1.1308401281688156</v>
      </c>
      <c r="ER46">
        <f t="shared" si="315"/>
        <v>1.083241844354017</v>
      </c>
      <c r="ES46">
        <f t="shared" si="316"/>
        <v>1.029632453630025</v>
      </c>
      <c r="ET46">
        <f t="shared" si="317"/>
        <v>0.96827121856066367</v>
      </c>
      <c r="EU46">
        <f t="shared" si="318"/>
        <v>0.90279110977240584</v>
      </c>
      <c r="EV46">
        <f t="shared" si="319"/>
        <v>0.90279110977240584</v>
      </c>
      <c r="EW46">
        <f t="shared" si="320"/>
        <v>0.90279110977240584</v>
      </c>
      <c r="EX46" s="98">
        <f t="shared" si="321"/>
        <v>0.90279110977240584</v>
      </c>
      <c r="EY46" s="97">
        <f t="shared" si="322"/>
        <v>0.90541244826202316</v>
      </c>
      <c r="EZ46">
        <f t="shared" si="323"/>
        <v>1.0465336684115263</v>
      </c>
      <c r="FA46">
        <f t="shared" si="324"/>
        <v>0.99814287994156026</v>
      </c>
      <c r="FB46">
        <f t="shared" si="325"/>
        <v>0.96252210848849518</v>
      </c>
      <c r="FC46">
        <f t="shared" si="326"/>
        <v>0.92364044256817857</v>
      </c>
      <c r="FD46">
        <f t="shared" si="327"/>
        <v>0.88084012816881563</v>
      </c>
      <c r="FE46">
        <f t="shared" si="328"/>
        <v>0.83324184435401716</v>
      </c>
      <c r="FF46">
        <f t="shared" si="329"/>
        <v>0.77963245363002498</v>
      </c>
      <c r="FG46">
        <f t="shared" si="330"/>
        <v>0.71827121856066367</v>
      </c>
      <c r="FH46">
        <f t="shared" si="331"/>
        <v>0.65279110977240584</v>
      </c>
      <c r="FI46">
        <f t="shared" si="332"/>
        <v>0.65279110977240584</v>
      </c>
      <c r="FJ46">
        <f t="shared" si="333"/>
        <v>0.65279110977240584</v>
      </c>
      <c r="FK46">
        <f t="shared" si="334"/>
        <v>0.65279110977240584</v>
      </c>
      <c r="FL46" s="126">
        <f t="shared" si="335"/>
        <v>0</v>
      </c>
      <c r="FM46" s="91">
        <f t="shared" si="336"/>
        <v>90.339777537459369</v>
      </c>
      <c r="FN46" s="91">
        <f t="shared" si="337"/>
        <v>357.30101879883574</v>
      </c>
      <c r="FO46" s="91">
        <f t="shared" si="338"/>
        <v>531.4707473785918</v>
      </c>
      <c r="FP46" s="91">
        <f t="shared" si="339"/>
        <v>702.10636615718181</v>
      </c>
      <c r="FQ46" s="91">
        <f t="shared" si="340"/>
        <v>868.65978371151471</v>
      </c>
      <c r="FR46" s="91">
        <f t="shared" si="341"/>
        <v>1030.4168466788644</v>
      </c>
      <c r="FS46" s="91">
        <f t="shared" si="342"/>
        <v>1186.4179410821198</v>
      </c>
      <c r="FT46" s="91">
        <f t="shared" si="343"/>
        <v>1335.3230036649466</v>
      </c>
      <c r="FU46" s="91">
        <f t="shared" si="344"/>
        <v>1475.1655611717852</v>
      </c>
      <c r="FV46" s="91">
        <f t="shared" si="345"/>
        <v>1572.311878981636</v>
      </c>
      <c r="FW46" s="91">
        <f t="shared" si="346"/>
        <v>1602.8620588308697</v>
      </c>
      <c r="FX46" s="91">
        <f t="shared" si="347"/>
        <v>1602.8620588308697</v>
      </c>
      <c r="FY46" s="91">
        <f t="shared" si="348"/>
        <v>0</v>
      </c>
      <c r="FZ46" s="91">
        <f t="shared" si="349"/>
        <v>0.68966783093310169</v>
      </c>
      <c r="GA46" s="91">
        <f t="shared" si="350"/>
        <v>6.8010353391786129</v>
      </c>
      <c r="GB46" s="91">
        <f t="shared" si="351"/>
        <v>11.890783079992769</v>
      </c>
      <c r="GC46" s="91">
        <f t="shared" si="352"/>
        <v>19.961350388874848</v>
      </c>
      <c r="GD46" s="91">
        <f t="shared" si="353"/>
        <v>30.656219535110015</v>
      </c>
      <c r="GE46" s="91">
        <f t="shared" si="354"/>
        <v>47.484164144048812</v>
      </c>
      <c r="GF46" s="91">
        <f t="shared" si="355"/>
        <v>67.937663022411812</v>
      </c>
      <c r="GG46" s="91">
        <f t="shared" si="356"/>
        <v>104.1312871996454</v>
      </c>
      <c r="GH46" s="91">
        <f t="shared" si="357"/>
        <v>166.8996589369672</v>
      </c>
      <c r="GI46" s="91">
        <f t="shared" si="358"/>
        <v>299.07150906771204</v>
      </c>
      <c r="GJ46" s="91">
        <f t="shared" si="359"/>
        <v>494.6165479096457</v>
      </c>
      <c r="GK46" s="127">
        <f t="shared" si="360"/>
        <v>5935.3985749157482</v>
      </c>
      <c r="GL46" s="126">
        <f t="shared" si="361"/>
        <v>0</v>
      </c>
      <c r="GM46" s="91">
        <f t="shared" si="362"/>
        <v>99.431241569724463</v>
      </c>
      <c r="GN46" s="91">
        <f t="shared" si="363"/>
        <v>392.29002250523484</v>
      </c>
      <c r="GO46" s="91">
        <f t="shared" si="364"/>
        <v>582.43398801723367</v>
      </c>
      <c r="GP46" s="91">
        <f t="shared" si="365"/>
        <v>767.84477075981385</v>
      </c>
      <c r="GQ46" s="91">
        <f t="shared" si="366"/>
        <v>947.78831971990678</v>
      </c>
      <c r="GR46" s="91">
        <f t="shared" si="367"/>
        <v>1121.3081795010044</v>
      </c>
      <c r="GS46" s="91">
        <f t="shared" si="368"/>
        <v>1287.1191528123327</v>
      </c>
      <c r="GT46" s="91">
        <f t="shared" si="369"/>
        <v>1443.4265120784441</v>
      </c>
      <c r="GU46" s="91">
        <f t="shared" si="370"/>
        <v>1587.5965877606429</v>
      </c>
      <c r="GV46" s="91">
        <f t="shared" si="371"/>
        <v>1685.3639655219197</v>
      </c>
      <c r="GW46" s="91">
        <f t="shared" si="372"/>
        <v>1715.4996190038853</v>
      </c>
      <c r="GX46" s="91">
        <f t="shared" si="373"/>
        <v>1715.4996190038853</v>
      </c>
      <c r="GY46" s="91">
        <f t="shared" si="374"/>
        <v>0</v>
      </c>
      <c r="GZ46" s="91">
        <f t="shared" si="375"/>
        <v>0.67396010052345778</v>
      </c>
      <c r="HA46" s="91">
        <f t="shared" si="376"/>
        <v>6.594428639824681</v>
      </c>
      <c r="HB46" s="91">
        <f t="shared" si="377"/>
        <v>11.461367174989023</v>
      </c>
      <c r="HC46" s="91">
        <f t="shared" si="378"/>
        <v>19.112763983113606</v>
      </c>
      <c r="HD46" s="91">
        <f t="shared" si="379"/>
        <v>29.131761794363413</v>
      </c>
      <c r="HE46" s="91">
        <f t="shared" si="380"/>
        <v>44.731320575788381</v>
      </c>
      <c r="HF46" s="91">
        <f t="shared" si="381"/>
        <v>63.348238516160798</v>
      </c>
      <c r="HG46" s="91">
        <f t="shared" si="382"/>
        <v>95.913560928033178</v>
      </c>
      <c r="HH46" s="91">
        <f t="shared" si="383"/>
        <v>151.41555374361087</v>
      </c>
      <c r="HI46" s="91">
        <f t="shared" si="384"/>
        <v>267.51925483492005</v>
      </c>
      <c r="HJ46" s="91">
        <f t="shared" si="385"/>
        <v>440.04297450571221</v>
      </c>
      <c r="HK46" s="127">
        <f t="shared" si="386"/>
        <v>5280.5156940685465</v>
      </c>
      <c r="HL46" s="126">
        <f t="shared" si="387"/>
        <v>0</v>
      </c>
      <c r="HM46" s="91">
        <f t="shared" si="388"/>
        <v>82.51707455884204</v>
      </c>
      <c r="HN46" s="91">
        <f t="shared" si="389"/>
        <v>317.74909234839873</v>
      </c>
      <c r="HO46" s="91">
        <f t="shared" si="390"/>
        <v>463.02126817719602</v>
      </c>
      <c r="HP46" s="91">
        <f t="shared" si="391"/>
        <v>597.56489639531094</v>
      </c>
      <c r="HQ46" s="91">
        <f t="shared" si="392"/>
        <v>719.71612803978837</v>
      </c>
      <c r="HR46" s="91">
        <f t="shared" si="393"/>
        <v>827.30699754520936</v>
      </c>
      <c r="HS46" s="91">
        <f t="shared" si="394"/>
        <v>917.42439105248684</v>
      </c>
      <c r="HT46" s="91">
        <f t="shared" si="395"/>
        <v>986.00025939060538</v>
      </c>
      <c r="HU46" s="91">
        <f t="shared" si="396"/>
        <v>1034.2363614309729</v>
      </c>
      <c r="HV46" s="91">
        <f t="shared" si="397"/>
        <v>1120.4227248835541</v>
      </c>
      <c r="HW46" s="91">
        <f t="shared" si="398"/>
        <v>1149.1515127010812</v>
      </c>
      <c r="HX46" s="91">
        <f t="shared" si="399"/>
        <v>1149.1515127010812</v>
      </c>
      <c r="HY46" s="91">
        <f t="shared" si="400"/>
        <v>0</v>
      </c>
      <c r="HZ46" s="91">
        <f t="shared" si="401"/>
        <v>0.6279202010469157</v>
      </c>
      <c r="IA46" s="91">
        <f t="shared" si="402"/>
        <v>5.9888572796493618</v>
      </c>
      <c r="IB46" s="91">
        <f t="shared" si="403"/>
        <v>10.202734349978048</v>
      </c>
      <c r="IC46" s="91">
        <f t="shared" si="404"/>
        <v>16.625527966227214</v>
      </c>
      <c r="ID46" s="91">
        <f t="shared" si="405"/>
        <v>24.663523588726839</v>
      </c>
      <c r="IE46" s="91">
        <f t="shared" si="406"/>
        <v>36.662641151576757</v>
      </c>
      <c r="IF46" s="91">
        <f t="shared" si="407"/>
        <v>49.896477032321599</v>
      </c>
      <c r="IG46" s="91">
        <f t="shared" si="408"/>
        <v>71.82712185606637</v>
      </c>
      <c r="IH46" s="91">
        <f t="shared" si="409"/>
        <v>107.05774200267456</v>
      </c>
      <c r="II46" s="91">
        <f t="shared" si="410"/>
        <v>195.83733293172176</v>
      </c>
      <c r="IJ46" s="91">
        <f t="shared" si="411"/>
        <v>326.39555488620294</v>
      </c>
      <c r="IK46" s="127">
        <f t="shared" si="412"/>
        <v>3916.7466586344349</v>
      </c>
    </row>
    <row r="47" spans="2:245" x14ac:dyDescent="0.2">
      <c r="B47" s="79">
        <f t="shared" si="188"/>
        <v>-36.5</v>
      </c>
      <c r="C47" s="73">
        <f>'p-y mono_clay'!C47</f>
        <v>21</v>
      </c>
      <c r="D47" s="64">
        <f>'p-y mono_clay'!D47</f>
        <v>20.988</v>
      </c>
      <c r="E47" s="64" t="str">
        <f>'p-y mono_clay'!E47</f>
        <v>SAND</v>
      </c>
      <c r="F47" s="55">
        <f>VLOOKUP($C47, 'Pile Property'!$A$8:$D$108,2,TRUE)</f>
        <v>2</v>
      </c>
      <c r="G47" s="102" t="e">
        <f>'p-y mono_clay'!Z47</f>
        <v>#N/A</v>
      </c>
      <c r="H47" s="199">
        <f>'p-y mono_clay'!AM47</f>
        <v>0</v>
      </c>
      <c r="I47" s="55" t="e">
        <f>'p-y mono_clay'!AN47</f>
        <v>#N/A</v>
      </c>
      <c r="J47" s="55" t="e">
        <f>'p-y mono_clay'!AO47</f>
        <v>#N/A</v>
      </c>
      <c r="K47" s="55" t="e">
        <f>'p-y mono_clay'!AP47</f>
        <v>#N/A</v>
      </c>
      <c r="L47" s="55" t="e">
        <f>'p-y mono_clay'!AQ47</f>
        <v>#N/A</v>
      </c>
      <c r="M47" s="55" t="e">
        <f>'p-y mono_clay'!AR47</f>
        <v>#N/A</v>
      </c>
      <c r="N47" s="55" t="e">
        <f>'p-y mono_clay'!AS47</f>
        <v>#N/A</v>
      </c>
      <c r="O47" s="55" t="e">
        <f>'p-y mono_clay'!AT47</f>
        <v>#N/A</v>
      </c>
      <c r="P47" s="55" t="e">
        <f>'p-y mono_clay'!AU47</f>
        <v>#N/A</v>
      </c>
      <c r="Q47" s="55" t="e">
        <f>'p-y mono_clay'!AV47</f>
        <v>#N/A</v>
      </c>
      <c r="R47" s="55" t="e">
        <f>'p-y mono_clay'!AW47</f>
        <v>#N/A</v>
      </c>
      <c r="S47" s="55" t="e">
        <f>'p-y mono_clay'!AX47</f>
        <v>#N/A</v>
      </c>
      <c r="T47" s="200">
        <f>'p-y mono_clay'!AY47</f>
        <v>6000</v>
      </c>
      <c r="U47" s="199">
        <f>'p-y mono_clay'!AZ47</f>
        <v>0</v>
      </c>
      <c r="V47" s="55" t="e">
        <f>'p-y mono_clay'!BA47</f>
        <v>#N/A</v>
      </c>
      <c r="W47" s="55" t="e">
        <f>'p-y mono_clay'!BB47</f>
        <v>#N/A</v>
      </c>
      <c r="X47" s="55" t="e">
        <f>'p-y mono_clay'!BC47</f>
        <v>#N/A</v>
      </c>
      <c r="Y47" s="55" t="e">
        <f>'p-y mono_clay'!BD47</f>
        <v>#N/A</v>
      </c>
      <c r="Z47" s="55" t="e">
        <f>'p-y mono_clay'!BE47</f>
        <v>#N/A</v>
      </c>
      <c r="AA47" s="55" t="e">
        <f>'p-y mono_clay'!BF47</f>
        <v>#N/A</v>
      </c>
      <c r="AB47" s="55" t="e">
        <f>'p-y mono_clay'!BG47</f>
        <v>#N/A</v>
      </c>
      <c r="AC47" s="55" t="e">
        <f>'p-y mono_clay'!BH47</f>
        <v>#N/A</v>
      </c>
      <c r="AD47" s="55" t="e">
        <f>'p-y mono_clay'!BI47</f>
        <v>#N/A</v>
      </c>
      <c r="AE47" s="55" t="e">
        <f>'p-y mono_clay'!BJ47</f>
        <v>#N/A</v>
      </c>
      <c r="AF47" s="55" t="e">
        <f>'p-y mono_clay'!BK47</f>
        <v>#N/A</v>
      </c>
      <c r="AG47" s="200" t="e">
        <f>'p-y mono_clay'!BL47</f>
        <v>#N/A</v>
      </c>
      <c r="AH47">
        <f t="shared" si="205"/>
        <v>30</v>
      </c>
      <c r="AI47">
        <v>0</v>
      </c>
      <c r="AJ47" t="e">
        <f t="shared" si="206"/>
        <v>#N/A</v>
      </c>
      <c r="AK47" t="e">
        <f t="shared" si="207"/>
        <v>#N/A</v>
      </c>
      <c r="AL47" t="e">
        <f t="shared" si="208"/>
        <v>#N/A</v>
      </c>
      <c r="AM47" t="e">
        <f t="shared" si="209"/>
        <v>#N/A</v>
      </c>
      <c r="AN47" t="e">
        <f t="shared" si="210"/>
        <v>#N/A</v>
      </c>
      <c r="AO47" t="e">
        <f t="shared" si="211"/>
        <v>#N/A</v>
      </c>
      <c r="AP47" t="e">
        <f t="shared" si="212"/>
        <v>#N/A</v>
      </c>
      <c r="AQ47" t="e">
        <f t="shared" si="213"/>
        <v>#N/A</v>
      </c>
      <c r="AR47" t="e">
        <f t="shared" si="214"/>
        <v>#N/A</v>
      </c>
      <c r="AS47" t="e">
        <f t="shared" si="215"/>
        <v>#N/A</v>
      </c>
      <c r="AT47" t="e">
        <f t="shared" si="216"/>
        <v>#N/A</v>
      </c>
      <c r="AU47" t="e">
        <f t="shared" si="217"/>
        <v>#N/A</v>
      </c>
      <c r="AV47">
        <v>1</v>
      </c>
      <c r="AW47">
        <v>1.25</v>
      </c>
      <c r="AX47">
        <v>2.5</v>
      </c>
      <c r="AY47" s="162">
        <f t="shared" si="218"/>
        <v>2</v>
      </c>
      <c r="AZ47" s="162" t="e">
        <f t="shared" si="219"/>
        <v>#N/A</v>
      </c>
      <c r="BA47" s="162" t="e">
        <f t="shared" si="220"/>
        <v>#N/A</v>
      </c>
      <c r="BB47" s="162" t="e">
        <f t="shared" si="221"/>
        <v>#N/A</v>
      </c>
      <c r="BC47" s="162" t="e">
        <f t="shared" si="222"/>
        <v>#N/A</v>
      </c>
      <c r="BD47" s="162" t="e">
        <f t="shared" si="223"/>
        <v>#N/A</v>
      </c>
      <c r="BE47" s="162" t="e">
        <f t="shared" si="224"/>
        <v>#N/A</v>
      </c>
      <c r="BF47" s="162" t="e">
        <f t="shared" si="225"/>
        <v>#N/A</v>
      </c>
      <c r="BG47" s="162" t="e">
        <f t="shared" si="226"/>
        <v>#N/A</v>
      </c>
      <c r="BH47" s="162" t="e">
        <f t="shared" si="227"/>
        <v>#N/A</v>
      </c>
      <c r="BI47" s="162" t="e">
        <f t="shared" si="228"/>
        <v>#N/A</v>
      </c>
      <c r="BJ47" s="162" t="e">
        <f t="shared" si="229"/>
        <v>#N/A</v>
      </c>
      <c r="BK47" s="162" t="e">
        <f t="shared" si="230"/>
        <v>#N/A</v>
      </c>
      <c r="BL47" s="162">
        <f t="shared" si="231"/>
        <v>2.3784142300054421</v>
      </c>
      <c r="BM47" s="162" t="e">
        <f t="shared" si="232"/>
        <v>#N/A</v>
      </c>
      <c r="BN47" s="162" t="e">
        <f t="shared" si="233"/>
        <v>#N/A</v>
      </c>
      <c r="BO47" s="162" t="e">
        <f t="shared" si="234"/>
        <v>#N/A</v>
      </c>
      <c r="BP47" s="162" t="e">
        <f t="shared" si="235"/>
        <v>#N/A</v>
      </c>
      <c r="BQ47" s="162" t="e">
        <f t="shared" si="236"/>
        <v>#N/A</v>
      </c>
      <c r="BR47" s="162" t="e">
        <f t="shared" si="237"/>
        <v>#N/A</v>
      </c>
      <c r="BS47" s="162" t="e">
        <f t="shared" si="238"/>
        <v>#N/A</v>
      </c>
      <c r="BT47" s="162" t="e">
        <f t="shared" si="239"/>
        <v>#N/A</v>
      </c>
      <c r="BU47" s="162" t="e">
        <f t="shared" si="240"/>
        <v>#N/A</v>
      </c>
      <c r="BV47" s="162" t="e">
        <f t="shared" si="241"/>
        <v>#N/A</v>
      </c>
      <c r="BW47" s="162" t="e">
        <f t="shared" si="242"/>
        <v>#N/A</v>
      </c>
      <c r="BX47" s="162" t="e">
        <f t="shared" si="243"/>
        <v>#N/A</v>
      </c>
      <c r="BY47" s="162">
        <f t="shared" si="244"/>
        <v>5.6568542494923806</v>
      </c>
      <c r="BZ47" s="162" t="e">
        <f t="shared" si="245"/>
        <v>#N/A</v>
      </c>
      <c r="CA47" s="162" t="e">
        <f t="shared" si="246"/>
        <v>#N/A</v>
      </c>
      <c r="CB47" s="162" t="e">
        <f t="shared" si="247"/>
        <v>#N/A</v>
      </c>
      <c r="CC47" s="162" t="e">
        <f t="shared" si="248"/>
        <v>#N/A</v>
      </c>
      <c r="CD47" s="162" t="e">
        <f t="shared" si="249"/>
        <v>#N/A</v>
      </c>
      <c r="CE47" s="162" t="e">
        <f t="shared" si="250"/>
        <v>#N/A</v>
      </c>
      <c r="CF47" s="162" t="e">
        <f t="shared" si="251"/>
        <v>#N/A</v>
      </c>
      <c r="CG47" s="162" t="e">
        <f t="shared" si="252"/>
        <v>#N/A</v>
      </c>
      <c r="CH47" s="162" t="e">
        <f t="shared" si="253"/>
        <v>#N/A</v>
      </c>
      <c r="CI47" s="162" t="e">
        <f t="shared" si="254"/>
        <v>#N/A</v>
      </c>
      <c r="CJ47" s="162" t="e">
        <f t="shared" si="255"/>
        <v>#N/A</v>
      </c>
      <c r="CK47" s="162" t="e">
        <f t="shared" si="256"/>
        <v>#N/A</v>
      </c>
      <c r="CL47">
        <f t="shared" si="257"/>
        <v>1.3729593947216077</v>
      </c>
      <c r="CM47" t="e">
        <f t="shared" si="258"/>
        <v>#N/A</v>
      </c>
      <c r="CN47" t="e">
        <f t="shared" si="259"/>
        <v>#N/A</v>
      </c>
      <c r="CO47" t="e">
        <f t="shared" si="260"/>
        <v>#N/A</v>
      </c>
      <c r="CP47" t="e">
        <f t="shared" si="261"/>
        <v>#N/A</v>
      </c>
      <c r="CQ47" t="e">
        <f t="shared" si="262"/>
        <v>#N/A</v>
      </c>
      <c r="CR47" t="e">
        <f t="shared" si="263"/>
        <v>#N/A</v>
      </c>
      <c r="CS47" t="e">
        <f t="shared" si="264"/>
        <v>#N/A</v>
      </c>
      <c r="CT47" t="e">
        <f t="shared" si="265"/>
        <v>#N/A</v>
      </c>
      <c r="CU47" t="e">
        <f t="shared" si="266"/>
        <v>#N/A</v>
      </c>
      <c r="CV47" t="e">
        <f t="shared" si="267"/>
        <v>#N/A</v>
      </c>
      <c r="CW47" t="e">
        <f t="shared" si="268"/>
        <v>#N/A</v>
      </c>
      <c r="CX47" s="98" t="e">
        <f t="shared" si="269"/>
        <v>#N/A</v>
      </c>
      <c r="CY47">
        <f t="shared" si="270"/>
        <v>1.1029593947216076</v>
      </c>
      <c r="CZ47" t="e">
        <f t="shared" si="271"/>
        <v>#N/A</v>
      </c>
      <c r="DA47" t="e">
        <f t="shared" si="272"/>
        <v>#N/A</v>
      </c>
      <c r="DB47" t="e">
        <f t="shared" si="273"/>
        <v>#N/A</v>
      </c>
      <c r="DC47" t="e">
        <f t="shared" si="274"/>
        <v>#N/A</v>
      </c>
      <c r="DD47" t="e">
        <f t="shared" si="275"/>
        <v>#N/A</v>
      </c>
      <c r="DE47" t="e">
        <f t="shared" si="276"/>
        <v>#N/A</v>
      </c>
      <c r="DF47" t="e">
        <f t="shared" si="277"/>
        <v>#N/A</v>
      </c>
      <c r="DG47" t="e">
        <f t="shared" si="278"/>
        <v>#N/A</v>
      </c>
      <c r="DH47" t="e">
        <f t="shared" si="279"/>
        <v>#N/A</v>
      </c>
      <c r="DI47" t="e">
        <f t="shared" si="280"/>
        <v>#N/A</v>
      </c>
      <c r="DJ47" t="e">
        <f t="shared" si="281"/>
        <v>#N/A</v>
      </c>
      <c r="DK47" t="e">
        <f t="shared" si="282"/>
        <v>#N/A</v>
      </c>
      <c r="DL47" s="97">
        <f t="shared" si="283"/>
        <v>1.5000349036450102</v>
      </c>
      <c r="DM47" t="e">
        <f t="shared" si="284"/>
        <v>#N/A</v>
      </c>
      <c r="DN47" t="e">
        <f t="shared" si="285"/>
        <v>#N/A</v>
      </c>
      <c r="DO47" t="e">
        <f t="shared" si="286"/>
        <v>#N/A</v>
      </c>
      <c r="DP47" t="e">
        <f t="shared" si="287"/>
        <v>#N/A</v>
      </c>
      <c r="DQ47" t="e">
        <f t="shared" si="288"/>
        <v>#N/A</v>
      </c>
      <c r="DR47" t="e">
        <f t="shared" si="289"/>
        <v>#N/A</v>
      </c>
      <c r="DS47" t="e">
        <f t="shared" si="290"/>
        <v>#N/A</v>
      </c>
      <c r="DT47" t="e">
        <f t="shared" si="291"/>
        <v>#N/A</v>
      </c>
      <c r="DU47" t="e">
        <f t="shared" si="292"/>
        <v>#N/A</v>
      </c>
      <c r="DV47" t="e">
        <f t="shared" si="293"/>
        <v>#N/A</v>
      </c>
      <c r="DW47" t="e">
        <f t="shared" si="294"/>
        <v>#N/A</v>
      </c>
      <c r="DX47" s="98" t="e">
        <f t="shared" si="295"/>
        <v>#N/A</v>
      </c>
      <c r="DY47">
        <f t="shared" si="296"/>
        <v>1.0527062241310117</v>
      </c>
      <c r="DZ47" t="e">
        <f t="shared" si="297"/>
        <v>#N/A</v>
      </c>
      <c r="EA47" t="e">
        <f t="shared" si="298"/>
        <v>#N/A</v>
      </c>
      <c r="EB47" t="e">
        <f t="shared" si="299"/>
        <v>#N/A</v>
      </c>
      <c r="EC47" t="e">
        <f t="shared" si="300"/>
        <v>#N/A</v>
      </c>
      <c r="ED47" t="e">
        <f t="shared" si="301"/>
        <v>#N/A</v>
      </c>
      <c r="EE47" t="e">
        <f t="shared" si="302"/>
        <v>#N/A</v>
      </c>
      <c r="EF47" t="e">
        <f t="shared" si="303"/>
        <v>#N/A</v>
      </c>
      <c r="EG47" t="e">
        <f t="shared" si="304"/>
        <v>#N/A</v>
      </c>
      <c r="EH47" t="e">
        <f t="shared" si="305"/>
        <v>#N/A</v>
      </c>
      <c r="EI47" t="e">
        <f t="shared" si="306"/>
        <v>#N/A</v>
      </c>
      <c r="EJ47" t="e">
        <f t="shared" si="307"/>
        <v>#N/A</v>
      </c>
      <c r="EK47" t="e">
        <f t="shared" si="308"/>
        <v>#N/A</v>
      </c>
      <c r="EL47" s="97">
        <f t="shared" si="309"/>
        <v>1.1554124482620232</v>
      </c>
      <c r="EM47" t="e">
        <f t="shared" si="310"/>
        <v>#N/A</v>
      </c>
      <c r="EN47" t="e">
        <f t="shared" si="311"/>
        <v>#N/A</v>
      </c>
      <c r="EO47" t="e">
        <f t="shared" si="312"/>
        <v>#N/A</v>
      </c>
      <c r="EP47" t="e">
        <f t="shared" si="313"/>
        <v>#N/A</v>
      </c>
      <c r="EQ47" t="e">
        <f t="shared" si="314"/>
        <v>#N/A</v>
      </c>
      <c r="ER47" t="e">
        <f t="shared" si="315"/>
        <v>#N/A</v>
      </c>
      <c r="ES47" t="e">
        <f t="shared" si="316"/>
        <v>#N/A</v>
      </c>
      <c r="ET47" t="e">
        <f t="shared" si="317"/>
        <v>#N/A</v>
      </c>
      <c r="EU47" t="e">
        <f t="shared" si="318"/>
        <v>#N/A</v>
      </c>
      <c r="EV47" t="e">
        <f t="shared" si="319"/>
        <v>#N/A</v>
      </c>
      <c r="EW47" t="e">
        <f t="shared" si="320"/>
        <v>#N/A</v>
      </c>
      <c r="EX47" s="98" t="e">
        <f t="shared" si="321"/>
        <v>#N/A</v>
      </c>
      <c r="EY47" s="97">
        <f t="shared" si="322"/>
        <v>0.90541244826202316</v>
      </c>
      <c r="EZ47" t="e">
        <f t="shared" si="323"/>
        <v>#N/A</v>
      </c>
      <c r="FA47" t="e">
        <f t="shared" si="324"/>
        <v>#N/A</v>
      </c>
      <c r="FB47" t="e">
        <f t="shared" si="325"/>
        <v>#N/A</v>
      </c>
      <c r="FC47" t="e">
        <f t="shared" si="326"/>
        <v>#N/A</v>
      </c>
      <c r="FD47" t="e">
        <f t="shared" si="327"/>
        <v>#N/A</v>
      </c>
      <c r="FE47" t="e">
        <f t="shared" si="328"/>
        <v>#N/A</v>
      </c>
      <c r="FF47" t="e">
        <f t="shared" si="329"/>
        <v>#N/A</v>
      </c>
      <c r="FG47" t="e">
        <f t="shared" si="330"/>
        <v>#N/A</v>
      </c>
      <c r="FH47" t="e">
        <f t="shared" si="331"/>
        <v>#N/A</v>
      </c>
      <c r="FI47" t="e">
        <f t="shared" si="332"/>
        <v>#N/A</v>
      </c>
      <c r="FJ47" t="e">
        <f t="shared" si="333"/>
        <v>#N/A</v>
      </c>
      <c r="FK47" t="e">
        <f t="shared" si="334"/>
        <v>#N/A</v>
      </c>
      <c r="FL47" s="126">
        <f t="shared" si="335"/>
        <v>0</v>
      </c>
      <c r="FM47" s="91" t="e">
        <f t="shared" si="336"/>
        <v>#N/A</v>
      </c>
      <c r="FN47" s="91" t="e">
        <f t="shared" si="337"/>
        <v>#N/A</v>
      </c>
      <c r="FO47" s="91" t="e">
        <f t="shared" si="338"/>
        <v>#N/A</v>
      </c>
      <c r="FP47" s="91" t="e">
        <f t="shared" si="339"/>
        <v>#N/A</v>
      </c>
      <c r="FQ47" s="91" t="e">
        <f t="shared" si="340"/>
        <v>#N/A</v>
      </c>
      <c r="FR47" s="91" t="e">
        <f t="shared" si="341"/>
        <v>#N/A</v>
      </c>
      <c r="FS47" s="91" t="e">
        <f t="shared" si="342"/>
        <v>#N/A</v>
      </c>
      <c r="FT47" s="91" t="e">
        <f t="shared" si="343"/>
        <v>#N/A</v>
      </c>
      <c r="FU47" s="91" t="e">
        <f t="shared" si="344"/>
        <v>#N/A</v>
      </c>
      <c r="FV47" s="91" t="e">
        <f t="shared" si="345"/>
        <v>#N/A</v>
      </c>
      <c r="FW47" s="91" t="e">
        <f t="shared" si="346"/>
        <v>#N/A</v>
      </c>
      <c r="FX47" s="91" t="e">
        <f t="shared" si="347"/>
        <v>#N/A</v>
      </c>
      <c r="FY47" s="91">
        <f t="shared" si="348"/>
        <v>0</v>
      </c>
      <c r="FZ47" s="91" t="e">
        <f t="shared" si="349"/>
        <v>#N/A</v>
      </c>
      <c r="GA47" s="91" t="e">
        <f t="shared" si="350"/>
        <v>#N/A</v>
      </c>
      <c r="GB47" s="91" t="e">
        <f t="shared" si="351"/>
        <v>#N/A</v>
      </c>
      <c r="GC47" s="91" t="e">
        <f t="shared" si="352"/>
        <v>#N/A</v>
      </c>
      <c r="GD47" s="91" t="e">
        <f t="shared" si="353"/>
        <v>#N/A</v>
      </c>
      <c r="GE47" s="91" t="e">
        <f t="shared" si="354"/>
        <v>#N/A</v>
      </c>
      <c r="GF47" s="91" t="e">
        <f t="shared" si="355"/>
        <v>#N/A</v>
      </c>
      <c r="GG47" s="91" t="e">
        <f t="shared" si="356"/>
        <v>#N/A</v>
      </c>
      <c r="GH47" s="91" t="e">
        <f t="shared" si="357"/>
        <v>#N/A</v>
      </c>
      <c r="GI47" s="91" t="e">
        <f t="shared" si="358"/>
        <v>#N/A</v>
      </c>
      <c r="GJ47" s="91" t="e">
        <f t="shared" si="359"/>
        <v>#N/A</v>
      </c>
      <c r="GK47" s="127" t="e">
        <f t="shared" si="360"/>
        <v>#N/A</v>
      </c>
      <c r="GL47" s="126">
        <f t="shared" si="361"/>
        <v>0</v>
      </c>
      <c r="GM47" s="91" t="e">
        <f t="shared" si="362"/>
        <v>#N/A</v>
      </c>
      <c r="GN47" s="91" t="e">
        <f t="shared" si="363"/>
        <v>#N/A</v>
      </c>
      <c r="GO47" s="91" t="e">
        <f t="shared" si="364"/>
        <v>#N/A</v>
      </c>
      <c r="GP47" s="91" t="e">
        <f t="shared" si="365"/>
        <v>#N/A</v>
      </c>
      <c r="GQ47" s="91" t="e">
        <f t="shared" si="366"/>
        <v>#N/A</v>
      </c>
      <c r="GR47" s="91" t="e">
        <f t="shared" si="367"/>
        <v>#N/A</v>
      </c>
      <c r="GS47" s="91" t="e">
        <f t="shared" si="368"/>
        <v>#N/A</v>
      </c>
      <c r="GT47" s="91" t="e">
        <f t="shared" si="369"/>
        <v>#N/A</v>
      </c>
      <c r="GU47" s="91" t="e">
        <f t="shared" si="370"/>
        <v>#N/A</v>
      </c>
      <c r="GV47" s="91" t="e">
        <f t="shared" si="371"/>
        <v>#N/A</v>
      </c>
      <c r="GW47" s="91" t="e">
        <f t="shared" si="372"/>
        <v>#N/A</v>
      </c>
      <c r="GX47" s="91" t="e">
        <f t="shared" si="373"/>
        <v>#N/A</v>
      </c>
      <c r="GY47" s="91">
        <f t="shared" si="374"/>
        <v>0</v>
      </c>
      <c r="GZ47" s="91" t="e">
        <f t="shared" si="375"/>
        <v>#N/A</v>
      </c>
      <c r="HA47" s="91" t="e">
        <f t="shared" si="376"/>
        <v>#N/A</v>
      </c>
      <c r="HB47" s="91" t="e">
        <f t="shared" si="377"/>
        <v>#N/A</v>
      </c>
      <c r="HC47" s="91" t="e">
        <f t="shared" si="378"/>
        <v>#N/A</v>
      </c>
      <c r="HD47" s="91" t="e">
        <f t="shared" si="379"/>
        <v>#N/A</v>
      </c>
      <c r="HE47" s="91" t="e">
        <f t="shared" si="380"/>
        <v>#N/A</v>
      </c>
      <c r="HF47" s="91" t="e">
        <f t="shared" si="381"/>
        <v>#N/A</v>
      </c>
      <c r="HG47" s="91" t="e">
        <f t="shared" si="382"/>
        <v>#N/A</v>
      </c>
      <c r="HH47" s="91" t="e">
        <f t="shared" si="383"/>
        <v>#N/A</v>
      </c>
      <c r="HI47" s="91" t="e">
        <f t="shared" si="384"/>
        <v>#N/A</v>
      </c>
      <c r="HJ47" s="91" t="e">
        <f t="shared" si="385"/>
        <v>#N/A</v>
      </c>
      <c r="HK47" s="127" t="e">
        <f t="shared" si="386"/>
        <v>#N/A</v>
      </c>
      <c r="HL47" s="126">
        <f t="shared" si="387"/>
        <v>0</v>
      </c>
      <c r="HM47" s="91" t="e">
        <f t="shared" si="388"/>
        <v>#N/A</v>
      </c>
      <c r="HN47" s="91" t="e">
        <f t="shared" si="389"/>
        <v>#N/A</v>
      </c>
      <c r="HO47" s="91" t="e">
        <f t="shared" si="390"/>
        <v>#N/A</v>
      </c>
      <c r="HP47" s="91" t="e">
        <f t="shared" si="391"/>
        <v>#N/A</v>
      </c>
      <c r="HQ47" s="91" t="e">
        <f t="shared" si="392"/>
        <v>#N/A</v>
      </c>
      <c r="HR47" s="91" t="e">
        <f t="shared" si="393"/>
        <v>#N/A</v>
      </c>
      <c r="HS47" s="91" t="e">
        <f t="shared" si="394"/>
        <v>#N/A</v>
      </c>
      <c r="HT47" s="91" t="e">
        <f t="shared" si="395"/>
        <v>#N/A</v>
      </c>
      <c r="HU47" s="91" t="e">
        <f t="shared" si="396"/>
        <v>#N/A</v>
      </c>
      <c r="HV47" s="91" t="e">
        <f t="shared" si="397"/>
        <v>#N/A</v>
      </c>
      <c r="HW47" s="91" t="e">
        <f t="shared" si="398"/>
        <v>#N/A</v>
      </c>
      <c r="HX47" s="91" t="e">
        <f t="shared" si="399"/>
        <v>#N/A</v>
      </c>
      <c r="HY47" s="91">
        <f t="shared" si="400"/>
        <v>0</v>
      </c>
      <c r="HZ47" s="91" t="e">
        <f t="shared" si="401"/>
        <v>#N/A</v>
      </c>
      <c r="IA47" s="91" t="e">
        <f t="shared" si="402"/>
        <v>#N/A</v>
      </c>
      <c r="IB47" s="91" t="e">
        <f t="shared" si="403"/>
        <v>#N/A</v>
      </c>
      <c r="IC47" s="91" t="e">
        <f t="shared" si="404"/>
        <v>#N/A</v>
      </c>
      <c r="ID47" s="91" t="e">
        <f t="shared" si="405"/>
        <v>#N/A</v>
      </c>
      <c r="IE47" s="91" t="e">
        <f t="shared" si="406"/>
        <v>#N/A</v>
      </c>
      <c r="IF47" s="91" t="e">
        <f t="shared" si="407"/>
        <v>#N/A</v>
      </c>
      <c r="IG47" s="91" t="e">
        <f t="shared" si="408"/>
        <v>#N/A</v>
      </c>
      <c r="IH47" s="91" t="e">
        <f t="shared" si="409"/>
        <v>#N/A</v>
      </c>
      <c r="II47" s="91" t="e">
        <f t="shared" si="410"/>
        <v>#N/A</v>
      </c>
      <c r="IJ47" s="91" t="e">
        <f t="shared" si="411"/>
        <v>#N/A</v>
      </c>
      <c r="IK47" s="127" t="e">
        <f t="shared" si="412"/>
        <v>#N/A</v>
      </c>
    </row>
    <row r="48" spans="2:245" x14ac:dyDescent="0.2">
      <c r="B48" s="79">
        <f t="shared" si="188"/>
        <v>-37.5</v>
      </c>
      <c r="C48" s="73">
        <f>'p-y mono_clay'!C48</f>
        <v>22</v>
      </c>
      <c r="D48" s="64">
        <f>'p-y mono_clay'!D48</f>
        <v>21.988999999999997</v>
      </c>
      <c r="E48" s="64" t="str">
        <f>'p-y mono_clay'!E48</f>
        <v>SAND</v>
      </c>
      <c r="F48" s="55">
        <f>VLOOKUP($C48, 'Pile Property'!$A$8:$D$108,2,TRUE)</f>
        <v>2</v>
      </c>
      <c r="G48" s="102" t="e">
        <f>'p-y mono_clay'!Z48</f>
        <v>#N/A</v>
      </c>
      <c r="H48" s="199">
        <f>'p-y mono_clay'!AM48</f>
        <v>0</v>
      </c>
      <c r="I48" s="55" t="e">
        <f>'p-y mono_clay'!AN48</f>
        <v>#N/A</v>
      </c>
      <c r="J48" s="55" t="e">
        <f>'p-y mono_clay'!AO48</f>
        <v>#N/A</v>
      </c>
      <c r="K48" s="55" t="e">
        <f>'p-y mono_clay'!AP48</f>
        <v>#N/A</v>
      </c>
      <c r="L48" s="55" t="e">
        <f>'p-y mono_clay'!AQ48</f>
        <v>#N/A</v>
      </c>
      <c r="M48" s="55" t="e">
        <f>'p-y mono_clay'!AR48</f>
        <v>#N/A</v>
      </c>
      <c r="N48" s="55" t="e">
        <f>'p-y mono_clay'!AS48</f>
        <v>#N/A</v>
      </c>
      <c r="O48" s="55" t="e">
        <f>'p-y mono_clay'!AT48</f>
        <v>#N/A</v>
      </c>
      <c r="P48" s="55" t="e">
        <f>'p-y mono_clay'!AU48</f>
        <v>#N/A</v>
      </c>
      <c r="Q48" s="55" t="e">
        <f>'p-y mono_clay'!AV48</f>
        <v>#N/A</v>
      </c>
      <c r="R48" s="55" t="e">
        <f>'p-y mono_clay'!AW48</f>
        <v>#N/A</v>
      </c>
      <c r="S48" s="55" t="e">
        <f>'p-y mono_clay'!AX48</f>
        <v>#N/A</v>
      </c>
      <c r="T48" s="200">
        <f>'p-y mono_clay'!AY48</f>
        <v>6000</v>
      </c>
      <c r="U48" s="199">
        <f>'p-y mono_clay'!AZ48</f>
        <v>0</v>
      </c>
      <c r="V48" s="55" t="e">
        <f>'p-y mono_clay'!BA48</f>
        <v>#N/A</v>
      </c>
      <c r="W48" s="55" t="e">
        <f>'p-y mono_clay'!BB48</f>
        <v>#N/A</v>
      </c>
      <c r="X48" s="55" t="e">
        <f>'p-y mono_clay'!BC48</f>
        <v>#N/A</v>
      </c>
      <c r="Y48" s="55" t="e">
        <f>'p-y mono_clay'!BD48</f>
        <v>#N/A</v>
      </c>
      <c r="Z48" s="55" t="e">
        <f>'p-y mono_clay'!BE48</f>
        <v>#N/A</v>
      </c>
      <c r="AA48" s="55" t="e">
        <f>'p-y mono_clay'!BF48</f>
        <v>#N/A</v>
      </c>
      <c r="AB48" s="55" t="e">
        <f>'p-y mono_clay'!BG48</f>
        <v>#N/A</v>
      </c>
      <c r="AC48" s="55" t="e">
        <f>'p-y mono_clay'!BH48</f>
        <v>#N/A</v>
      </c>
      <c r="AD48" s="55" t="e">
        <f>'p-y mono_clay'!BI48</f>
        <v>#N/A</v>
      </c>
      <c r="AE48" s="55" t="e">
        <f>'p-y mono_clay'!BJ48</f>
        <v>#N/A</v>
      </c>
      <c r="AF48" s="55" t="e">
        <f>'p-y mono_clay'!BK48</f>
        <v>#N/A</v>
      </c>
      <c r="AG48" s="200" t="e">
        <f>'p-y mono_clay'!BL48</f>
        <v>#N/A</v>
      </c>
      <c r="AH48">
        <f t="shared" si="205"/>
        <v>30</v>
      </c>
      <c r="AI48">
        <v>0</v>
      </c>
      <c r="AJ48" t="e">
        <f t="shared" si="206"/>
        <v>#N/A</v>
      </c>
      <c r="AK48" t="e">
        <f t="shared" si="207"/>
        <v>#N/A</v>
      </c>
      <c r="AL48" t="e">
        <f t="shared" si="208"/>
        <v>#N/A</v>
      </c>
      <c r="AM48" t="e">
        <f t="shared" si="209"/>
        <v>#N/A</v>
      </c>
      <c r="AN48" t="e">
        <f t="shared" si="210"/>
        <v>#N/A</v>
      </c>
      <c r="AO48" t="e">
        <f t="shared" si="211"/>
        <v>#N/A</v>
      </c>
      <c r="AP48" t="e">
        <f t="shared" si="212"/>
        <v>#N/A</v>
      </c>
      <c r="AQ48" t="e">
        <f t="shared" si="213"/>
        <v>#N/A</v>
      </c>
      <c r="AR48" t="e">
        <f t="shared" si="214"/>
        <v>#N/A</v>
      </c>
      <c r="AS48" t="e">
        <f t="shared" si="215"/>
        <v>#N/A</v>
      </c>
      <c r="AT48" t="e">
        <f t="shared" si="216"/>
        <v>#N/A</v>
      </c>
      <c r="AU48" t="e">
        <f t="shared" si="217"/>
        <v>#N/A</v>
      </c>
      <c r="AV48">
        <v>1</v>
      </c>
      <c r="AW48">
        <v>1.25</v>
      </c>
      <c r="AX48">
        <v>2.5</v>
      </c>
      <c r="AY48" s="162">
        <f t="shared" si="218"/>
        <v>2</v>
      </c>
      <c r="AZ48" s="162" t="e">
        <f t="shared" si="219"/>
        <v>#N/A</v>
      </c>
      <c r="BA48" s="162" t="e">
        <f t="shared" si="220"/>
        <v>#N/A</v>
      </c>
      <c r="BB48" s="162" t="e">
        <f t="shared" si="221"/>
        <v>#N/A</v>
      </c>
      <c r="BC48" s="162" t="e">
        <f t="shared" si="222"/>
        <v>#N/A</v>
      </c>
      <c r="BD48" s="162" t="e">
        <f t="shared" si="223"/>
        <v>#N/A</v>
      </c>
      <c r="BE48" s="162" t="e">
        <f t="shared" si="224"/>
        <v>#N/A</v>
      </c>
      <c r="BF48" s="162" t="e">
        <f t="shared" si="225"/>
        <v>#N/A</v>
      </c>
      <c r="BG48" s="162" t="e">
        <f t="shared" si="226"/>
        <v>#N/A</v>
      </c>
      <c r="BH48" s="162" t="e">
        <f t="shared" si="227"/>
        <v>#N/A</v>
      </c>
      <c r="BI48" s="162" t="e">
        <f t="shared" si="228"/>
        <v>#N/A</v>
      </c>
      <c r="BJ48" s="162" t="e">
        <f t="shared" si="229"/>
        <v>#N/A</v>
      </c>
      <c r="BK48" s="162" t="e">
        <f t="shared" si="230"/>
        <v>#N/A</v>
      </c>
      <c r="BL48" s="162">
        <f t="shared" si="231"/>
        <v>2.3784142300054421</v>
      </c>
      <c r="BM48" s="162" t="e">
        <f t="shared" si="232"/>
        <v>#N/A</v>
      </c>
      <c r="BN48" s="162" t="e">
        <f t="shared" si="233"/>
        <v>#N/A</v>
      </c>
      <c r="BO48" s="162" t="e">
        <f t="shared" si="234"/>
        <v>#N/A</v>
      </c>
      <c r="BP48" s="162" t="e">
        <f t="shared" si="235"/>
        <v>#N/A</v>
      </c>
      <c r="BQ48" s="162" t="e">
        <f t="shared" si="236"/>
        <v>#N/A</v>
      </c>
      <c r="BR48" s="162" t="e">
        <f t="shared" si="237"/>
        <v>#N/A</v>
      </c>
      <c r="BS48" s="162" t="e">
        <f t="shared" si="238"/>
        <v>#N/A</v>
      </c>
      <c r="BT48" s="162" t="e">
        <f t="shared" si="239"/>
        <v>#N/A</v>
      </c>
      <c r="BU48" s="162" t="e">
        <f t="shared" si="240"/>
        <v>#N/A</v>
      </c>
      <c r="BV48" s="162" t="e">
        <f t="shared" si="241"/>
        <v>#N/A</v>
      </c>
      <c r="BW48" s="162" t="e">
        <f t="shared" si="242"/>
        <v>#N/A</v>
      </c>
      <c r="BX48" s="162" t="e">
        <f t="shared" si="243"/>
        <v>#N/A</v>
      </c>
      <c r="BY48" s="162">
        <f t="shared" si="244"/>
        <v>5.6568542494923806</v>
      </c>
      <c r="BZ48" s="162" t="e">
        <f t="shared" si="245"/>
        <v>#N/A</v>
      </c>
      <c r="CA48" s="162" t="e">
        <f t="shared" si="246"/>
        <v>#N/A</v>
      </c>
      <c r="CB48" s="162" t="e">
        <f t="shared" si="247"/>
        <v>#N/A</v>
      </c>
      <c r="CC48" s="162" t="e">
        <f t="shared" si="248"/>
        <v>#N/A</v>
      </c>
      <c r="CD48" s="162" t="e">
        <f t="shared" si="249"/>
        <v>#N/A</v>
      </c>
      <c r="CE48" s="162" t="e">
        <f t="shared" si="250"/>
        <v>#N/A</v>
      </c>
      <c r="CF48" s="162" t="e">
        <f t="shared" si="251"/>
        <v>#N/A</v>
      </c>
      <c r="CG48" s="162" t="e">
        <f t="shared" si="252"/>
        <v>#N/A</v>
      </c>
      <c r="CH48" s="162" t="e">
        <f t="shared" si="253"/>
        <v>#N/A</v>
      </c>
      <c r="CI48" s="162" t="e">
        <f t="shared" si="254"/>
        <v>#N/A</v>
      </c>
      <c r="CJ48" s="162" t="e">
        <f t="shared" si="255"/>
        <v>#N/A</v>
      </c>
      <c r="CK48" s="162" t="e">
        <f t="shared" si="256"/>
        <v>#N/A</v>
      </c>
      <c r="CL48">
        <f t="shared" si="257"/>
        <v>1.3729593947216077</v>
      </c>
      <c r="CM48" t="e">
        <f t="shared" si="258"/>
        <v>#N/A</v>
      </c>
      <c r="CN48" t="e">
        <f t="shared" si="259"/>
        <v>#N/A</v>
      </c>
      <c r="CO48" t="e">
        <f t="shared" si="260"/>
        <v>#N/A</v>
      </c>
      <c r="CP48" t="e">
        <f t="shared" si="261"/>
        <v>#N/A</v>
      </c>
      <c r="CQ48" t="e">
        <f t="shared" si="262"/>
        <v>#N/A</v>
      </c>
      <c r="CR48" t="e">
        <f t="shared" si="263"/>
        <v>#N/A</v>
      </c>
      <c r="CS48" t="e">
        <f t="shared" si="264"/>
        <v>#N/A</v>
      </c>
      <c r="CT48" t="e">
        <f t="shared" si="265"/>
        <v>#N/A</v>
      </c>
      <c r="CU48" t="e">
        <f t="shared" si="266"/>
        <v>#N/A</v>
      </c>
      <c r="CV48" t="e">
        <f t="shared" si="267"/>
        <v>#N/A</v>
      </c>
      <c r="CW48" t="e">
        <f t="shared" si="268"/>
        <v>#N/A</v>
      </c>
      <c r="CX48" s="98" t="e">
        <f t="shared" si="269"/>
        <v>#N/A</v>
      </c>
      <c r="CY48">
        <f t="shared" si="270"/>
        <v>1.1029593947216076</v>
      </c>
      <c r="CZ48" t="e">
        <f t="shared" si="271"/>
        <v>#N/A</v>
      </c>
      <c r="DA48" t="e">
        <f t="shared" si="272"/>
        <v>#N/A</v>
      </c>
      <c r="DB48" t="e">
        <f t="shared" si="273"/>
        <v>#N/A</v>
      </c>
      <c r="DC48" t="e">
        <f t="shared" si="274"/>
        <v>#N/A</v>
      </c>
      <c r="DD48" t="e">
        <f t="shared" si="275"/>
        <v>#N/A</v>
      </c>
      <c r="DE48" t="e">
        <f t="shared" si="276"/>
        <v>#N/A</v>
      </c>
      <c r="DF48" t="e">
        <f t="shared" si="277"/>
        <v>#N/A</v>
      </c>
      <c r="DG48" t="e">
        <f t="shared" si="278"/>
        <v>#N/A</v>
      </c>
      <c r="DH48" t="e">
        <f t="shared" si="279"/>
        <v>#N/A</v>
      </c>
      <c r="DI48" t="e">
        <f t="shared" si="280"/>
        <v>#N/A</v>
      </c>
      <c r="DJ48" t="e">
        <f t="shared" si="281"/>
        <v>#N/A</v>
      </c>
      <c r="DK48" t="e">
        <f t="shared" si="282"/>
        <v>#N/A</v>
      </c>
      <c r="DL48" s="97">
        <f t="shared" si="283"/>
        <v>1.5000349036450102</v>
      </c>
      <c r="DM48" t="e">
        <f t="shared" si="284"/>
        <v>#N/A</v>
      </c>
      <c r="DN48" t="e">
        <f t="shared" si="285"/>
        <v>#N/A</v>
      </c>
      <c r="DO48" t="e">
        <f t="shared" si="286"/>
        <v>#N/A</v>
      </c>
      <c r="DP48" t="e">
        <f t="shared" si="287"/>
        <v>#N/A</v>
      </c>
      <c r="DQ48" t="e">
        <f t="shared" si="288"/>
        <v>#N/A</v>
      </c>
      <c r="DR48" t="e">
        <f t="shared" si="289"/>
        <v>#N/A</v>
      </c>
      <c r="DS48" t="e">
        <f t="shared" si="290"/>
        <v>#N/A</v>
      </c>
      <c r="DT48" t="e">
        <f t="shared" si="291"/>
        <v>#N/A</v>
      </c>
      <c r="DU48" t="e">
        <f t="shared" si="292"/>
        <v>#N/A</v>
      </c>
      <c r="DV48" t="e">
        <f t="shared" si="293"/>
        <v>#N/A</v>
      </c>
      <c r="DW48" t="e">
        <f t="shared" si="294"/>
        <v>#N/A</v>
      </c>
      <c r="DX48" s="98" t="e">
        <f t="shared" si="295"/>
        <v>#N/A</v>
      </c>
      <c r="DY48">
        <f t="shared" si="296"/>
        <v>1.0527062241310117</v>
      </c>
      <c r="DZ48" t="e">
        <f t="shared" si="297"/>
        <v>#N/A</v>
      </c>
      <c r="EA48" t="e">
        <f t="shared" si="298"/>
        <v>#N/A</v>
      </c>
      <c r="EB48" t="e">
        <f t="shared" si="299"/>
        <v>#N/A</v>
      </c>
      <c r="EC48" t="e">
        <f t="shared" si="300"/>
        <v>#N/A</v>
      </c>
      <c r="ED48" t="e">
        <f t="shared" si="301"/>
        <v>#N/A</v>
      </c>
      <c r="EE48" t="e">
        <f t="shared" si="302"/>
        <v>#N/A</v>
      </c>
      <c r="EF48" t="e">
        <f t="shared" si="303"/>
        <v>#N/A</v>
      </c>
      <c r="EG48" t="e">
        <f t="shared" si="304"/>
        <v>#N/A</v>
      </c>
      <c r="EH48" t="e">
        <f t="shared" si="305"/>
        <v>#N/A</v>
      </c>
      <c r="EI48" t="e">
        <f t="shared" si="306"/>
        <v>#N/A</v>
      </c>
      <c r="EJ48" t="e">
        <f t="shared" si="307"/>
        <v>#N/A</v>
      </c>
      <c r="EK48" t="e">
        <f t="shared" si="308"/>
        <v>#N/A</v>
      </c>
      <c r="EL48" s="97">
        <f t="shared" si="309"/>
        <v>1.1554124482620232</v>
      </c>
      <c r="EM48" t="e">
        <f t="shared" si="310"/>
        <v>#N/A</v>
      </c>
      <c r="EN48" t="e">
        <f t="shared" si="311"/>
        <v>#N/A</v>
      </c>
      <c r="EO48" t="e">
        <f t="shared" si="312"/>
        <v>#N/A</v>
      </c>
      <c r="EP48" t="e">
        <f t="shared" si="313"/>
        <v>#N/A</v>
      </c>
      <c r="EQ48" t="e">
        <f t="shared" si="314"/>
        <v>#N/A</v>
      </c>
      <c r="ER48" t="e">
        <f t="shared" si="315"/>
        <v>#N/A</v>
      </c>
      <c r="ES48" t="e">
        <f t="shared" si="316"/>
        <v>#N/A</v>
      </c>
      <c r="ET48" t="e">
        <f t="shared" si="317"/>
        <v>#N/A</v>
      </c>
      <c r="EU48" t="e">
        <f t="shared" si="318"/>
        <v>#N/A</v>
      </c>
      <c r="EV48" t="e">
        <f t="shared" si="319"/>
        <v>#N/A</v>
      </c>
      <c r="EW48" t="e">
        <f t="shared" si="320"/>
        <v>#N/A</v>
      </c>
      <c r="EX48" s="98" t="e">
        <f t="shared" si="321"/>
        <v>#N/A</v>
      </c>
      <c r="EY48" s="97">
        <f t="shared" si="322"/>
        <v>0.90541244826202316</v>
      </c>
      <c r="EZ48" t="e">
        <f t="shared" si="323"/>
        <v>#N/A</v>
      </c>
      <c r="FA48" t="e">
        <f t="shared" si="324"/>
        <v>#N/A</v>
      </c>
      <c r="FB48" t="e">
        <f t="shared" si="325"/>
        <v>#N/A</v>
      </c>
      <c r="FC48" t="e">
        <f t="shared" si="326"/>
        <v>#N/A</v>
      </c>
      <c r="FD48" t="e">
        <f t="shared" si="327"/>
        <v>#N/A</v>
      </c>
      <c r="FE48" t="e">
        <f t="shared" si="328"/>
        <v>#N/A</v>
      </c>
      <c r="FF48" t="e">
        <f t="shared" si="329"/>
        <v>#N/A</v>
      </c>
      <c r="FG48" t="e">
        <f t="shared" si="330"/>
        <v>#N/A</v>
      </c>
      <c r="FH48" t="e">
        <f t="shared" si="331"/>
        <v>#N/A</v>
      </c>
      <c r="FI48" t="e">
        <f t="shared" si="332"/>
        <v>#N/A</v>
      </c>
      <c r="FJ48" t="e">
        <f t="shared" si="333"/>
        <v>#N/A</v>
      </c>
      <c r="FK48" t="e">
        <f t="shared" si="334"/>
        <v>#N/A</v>
      </c>
      <c r="FL48" s="126">
        <f t="shared" si="335"/>
        <v>0</v>
      </c>
      <c r="FM48" s="91" t="e">
        <f t="shared" si="336"/>
        <v>#N/A</v>
      </c>
      <c r="FN48" s="91" t="e">
        <f t="shared" si="337"/>
        <v>#N/A</v>
      </c>
      <c r="FO48" s="91" t="e">
        <f t="shared" si="338"/>
        <v>#N/A</v>
      </c>
      <c r="FP48" s="91" t="e">
        <f t="shared" si="339"/>
        <v>#N/A</v>
      </c>
      <c r="FQ48" s="91" t="e">
        <f t="shared" si="340"/>
        <v>#N/A</v>
      </c>
      <c r="FR48" s="91" t="e">
        <f t="shared" si="341"/>
        <v>#N/A</v>
      </c>
      <c r="FS48" s="91" t="e">
        <f t="shared" si="342"/>
        <v>#N/A</v>
      </c>
      <c r="FT48" s="91" t="e">
        <f t="shared" si="343"/>
        <v>#N/A</v>
      </c>
      <c r="FU48" s="91" t="e">
        <f t="shared" si="344"/>
        <v>#N/A</v>
      </c>
      <c r="FV48" s="91" t="e">
        <f t="shared" si="345"/>
        <v>#N/A</v>
      </c>
      <c r="FW48" s="91" t="e">
        <f t="shared" si="346"/>
        <v>#N/A</v>
      </c>
      <c r="FX48" s="91" t="e">
        <f t="shared" si="347"/>
        <v>#N/A</v>
      </c>
      <c r="FY48" s="91">
        <f t="shared" si="348"/>
        <v>0</v>
      </c>
      <c r="FZ48" s="91" t="e">
        <f t="shared" si="349"/>
        <v>#N/A</v>
      </c>
      <c r="GA48" s="91" t="e">
        <f t="shared" si="350"/>
        <v>#N/A</v>
      </c>
      <c r="GB48" s="91" t="e">
        <f t="shared" si="351"/>
        <v>#N/A</v>
      </c>
      <c r="GC48" s="91" t="e">
        <f t="shared" si="352"/>
        <v>#N/A</v>
      </c>
      <c r="GD48" s="91" t="e">
        <f t="shared" si="353"/>
        <v>#N/A</v>
      </c>
      <c r="GE48" s="91" t="e">
        <f t="shared" si="354"/>
        <v>#N/A</v>
      </c>
      <c r="GF48" s="91" t="e">
        <f t="shared" si="355"/>
        <v>#N/A</v>
      </c>
      <c r="GG48" s="91" t="e">
        <f t="shared" si="356"/>
        <v>#N/A</v>
      </c>
      <c r="GH48" s="91" t="e">
        <f t="shared" si="357"/>
        <v>#N/A</v>
      </c>
      <c r="GI48" s="91" t="e">
        <f t="shared" si="358"/>
        <v>#N/A</v>
      </c>
      <c r="GJ48" s="91" t="e">
        <f t="shared" si="359"/>
        <v>#N/A</v>
      </c>
      <c r="GK48" s="127" t="e">
        <f t="shared" si="360"/>
        <v>#N/A</v>
      </c>
      <c r="GL48" s="126">
        <f t="shared" si="361"/>
        <v>0</v>
      </c>
      <c r="GM48" s="91" t="e">
        <f t="shared" si="362"/>
        <v>#N/A</v>
      </c>
      <c r="GN48" s="91" t="e">
        <f t="shared" si="363"/>
        <v>#N/A</v>
      </c>
      <c r="GO48" s="91" t="e">
        <f t="shared" si="364"/>
        <v>#N/A</v>
      </c>
      <c r="GP48" s="91" t="e">
        <f t="shared" si="365"/>
        <v>#N/A</v>
      </c>
      <c r="GQ48" s="91" t="e">
        <f t="shared" si="366"/>
        <v>#N/A</v>
      </c>
      <c r="GR48" s="91" t="e">
        <f t="shared" si="367"/>
        <v>#N/A</v>
      </c>
      <c r="GS48" s="91" t="e">
        <f t="shared" si="368"/>
        <v>#N/A</v>
      </c>
      <c r="GT48" s="91" t="e">
        <f t="shared" si="369"/>
        <v>#N/A</v>
      </c>
      <c r="GU48" s="91" t="e">
        <f t="shared" si="370"/>
        <v>#N/A</v>
      </c>
      <c r="GV48" s="91" t="e">
        <f t="shared" si="371"/>
        <v>#N/A</v>
      </c>
      <c r="GW48" s="91" t="e">
        <f t="shared" si="372"/>
        <v>#N/A</v>
      </c>
      <c r="GX48" s="91" t="e">
        <f t="shared" si="373"/>
        <v>#N/A</v>
      </c>
      <c r="GY48" s="91">
        <f t="shared" si="374"/>
        <v>0</v>
      </c>
      <c r="GZ48" s="91" t="e">
        <f t="shared" si="375"/>
        <v>#N/A</v>
      </c>
      <c r="HA48" s="91" t="e">
        <f t="shared" si="376"/>
        <v>#N/A</v>
      </c>
      <c r="HB48" s="91" t="e">
        <f t="shared" si="377"/>
        <v>#N/A</v>
      </c>
      <c r="HC48" s="91" t="e">
        <f t="shared" si="378"/>
        <v>#N/A</v>
      </c>
      <c r="HD48" s="91" t="e">
        <f t="shared" si="379"/>
        <v>#N/A</v>
      </c>
      <c r="HE48" s="91" t="e">
        <f t="shared" si="380"/>
        <v>#N/A</v>
      </c>
      <c r="HF48" s="91" t="e">
        <f t="shared" si="381"/>
        <v>#N/A</v>
      </c>
      <c r="HG48" s="91" t="e">
        <f t="shared" si="382"/>
        <v>#N/A</v>
      </c>
      <c r="HH48" s="91" t="e">
        <f t="shared" si="383"/>
        <v>#N/A</v>
      </c>
      <c r="HI48" s="91" t="e">
        <f t="shared" si="384"/>
        <v>#N/A</v>
      </c>
      <c r="HJ48" s="91" t="e">
        <f t="shared" si="385"/>
        <v>#N/A</v>
      </c>
      <c r="HK48" s="127" t="e">
        <f t="shared" si="386"/>
        <v>#N/A</v>
      </c>
      <c r="HL48" s="126">
        <f t="shared" si="387"/>
        <v>0</v>
      </c>
      <c r="HM48" s="91" t="e">
        <f t="shared" si="388"/>
        <v>#N/A</v>
      </c>
      <c r="HN48" s="91" t="e">
        <f t="shared" si="389"/>
        <v>#N/A</v>
      </c>
      <c r="HO48" s="91" t="e">
        <f t="shared" si="390"/>
        <v>#N/A</v>
      </c>
      <c r="HP48" s="91" t="e">
        <f t="shared" si="391"/>
        <v>#N/A</v>
      </c>
      <c r="HQ48" s="91" t="e">
        <f t="shared" si="392"/>
        <v>#N/A</v>
      </c>
      <c r="HR48" s="91" t="e">
        <f t="shared" si="393"/>
        <v>#N/A</v>
      </c>
      <c r="HS48" s="91" t="e">
        <f t="shared" si="394"/>
        <v>#N/A</v>
      </c>
      <c r="HT48" s="91" t="e">
        <f t="shared" si="395"/>
        <v>#N/A</v>
      </c>
      <c r="HU48" s="91" t="e">
        <f t="shared" si="396"/>
        <v>#N/A</v>
      </c>
      <c r="HV48" s="91" t="e">
        <f t="shared" si="397"/>
        <v>#N/A</v>
      </c>
      <c r="HW48" s="91" t="e">
        <f t="shared" si="398"/>
        <v>#N/A</v>
      </c>
      <c r="HX48" s="91" t="e">
        <f t="shared" si="399"/>
        <v>#N/A</v>
      </c>
      <c r="HY48" s="91">
        <f t="shared" si="400"/>
        <v>0</v>
      </c>
      <c r="HZ48" s="91" t="e">
        <f t="shared" si="401"/>
        <v>#N/A</v>
      </c>
      <c r="IA48" s="91" t="e">
        <f t="shared" si="402"/>
        <v>#N/A</v>
      </c>
      <c r="IB48" s="91" t="e">
        <f t="shared" si="403"/>
        <v>#N/A</v>
      </c>
      <c r="IC48" s="91" t="e">
        <f t="shared" si="404"/>
        <v>#N/A</v>
      </c>
      <c r="ID48" s="91" t="e">
        <f t="shared" si="405"/>
        <v>#N/A</v>
      </c>
      <c r="IE48" s="91" t="e">
        <f t="shared" si="406"/>
        <v>#N/A</v>
      </c>
      <c r="IF48" s="91" t="e">
        <f t="shared" si="407"/>
        <v>#N/A</v>
      </c>
      <c r="IG48" s="91" t="e">
        <f t="shared" si="408"/>
        <v>#N/A</v>
      </c>
      <c r="IH48" s="91" t="e">
        <f t="shared" si="409"/>
        <v>#N/A</v>
      </c>
      <c r="II48" s="91" t="e">
        <f t="shared" si="410"/>
        <v>#N/A</v>
      </c>
      <c r="IJ48" s="91" t="e">
        <f t="shared" si="411"/>
        <v>#N/A</v>
      </c>
      <c r="IK48" s="127" t="e">
        <f t="shared" si="412"/>
        <v>#N/A</v>
      </c>
    </row>
    <row r="49" spans="2:245" x14ac:dyDescent="0.2">
      <c r="B49" s="79">
        <f t="shared" si="188"/>
        <v>-38.5</v>
      </c>
      <c r="C49" s="73">
        <f>'p-y mono_clay'!C49</f>
        <v>23</v>
      </c>
      <c r="D49" s="64">
        <f>'p-y mono_clay'!D49</f>
        <v>22.986999999999998</v>
      </c>
      <c r="E49" s="64" t="str">
        <f>'p-y mono_clay'!E49</f>
        <v>SAND</v>
      </c>
      <c r="F49" s="55">
        <f>VLOOKUP($C49, 'Pile Property'!$A$8:$D$108,2,TRUE)</f>
        <v>2</v>
      </c>
      <c r="G49" s="102" t="e">
        <f>'p-y mono_clay'!Z49</f>
        <v>#N/A</v>
      </c>
      <c r="H49" s="199">
        <f>'p-y mono_clay'!AM49</f>
        <v>0</v>
      </c>
      <c r="I49" s="55" t="e">
        <f>'p-y mono_clay'!AN49</f>
        <v>#N/A</v>
      </c>
      <c r="J49" s="55" t="e">
        <f>'p-y mono_clay'!AO49</f>
        <v>#N/A</v>
      </c>
      <c r="K49" s="55" t="e">
        <f>'p-y mono_clay'!AP49</f>
        <v>#N/A</v>
      </c>
      <c r="L49" s="55" t="e">
        <f>'p-y mono_clay'!AQ49</f>
        <v>#N/A</v>
      </c>
      <c r="M49" s="55" t="e">
        <f>'p-y mono_clay'!AR49</f>
        <v>#N/A</v>
      </c>
      <c r="N49" s="55" t="e">
        <f>'p-y mono_clay'!AS49</f>
        <v>#N/A</v>
      </c>
      <c r="O49" s="55" t="e">
        <f>'p-y mono_clay'!AT49</f>
        <v>#N/A</v>
      </c>
      <c r="P49" s="55" t="e">
        <f>'p-y mono_clay'!AU49</f>
        <v>#N/A</v>
      </c>
      <c r="Q49" s="55" t="e">
        <f>'p-y mono_clay'!AV49</f>
        <v>#N/A</v>
      </c>
      <c r="R49" s="55" t="e">
        <f>'p-y mono_clay'!AW49</f>
        <v>#N/A</v>
      </c>
      <c r="S49" s="55" t="e">
        <f>'p-y mono_clay'!AX49</f>
        <v>#N/A</v>
      </c>
      <c r="T49" s="200">
        <f>'p-y mono_clay'!AY49</f>
        <v>6000</v>
      </c>
      <c r="U49" s="199">
        <f>'p-y mono_clay'!AZ49</f>
        <v>0</v>
      </c>
      <c r="V49" s="55" t="e">
        <f>'p-y mono_clay'!BA49</f>
        <v>#N/A</v>
      </c>
      <c r="W49" s="55" t="e">
        <f>'p-y mono_clay'!BB49</f>
        <v>#N/A</v>
      </c>
      <c r="X49" s="55" t="e">
        <f>'p-y mono_clay'!BC49</f>
        <v>#N/A</v>
      </c>
      <c r="Y49" s="55" t="e">
        <f>'p-y mono_clay'!BD49</f>
        <v>#N/A</v>
      </c>
      <c r="Z49" s="55" t="e">
        <f>'p-y mono_clay'!BE49</f>
        <v>#N/A</v>
      </c>
      <c r="AA49" s="55" t="e">
        <f>'p-y mono_clay'!BF49</f>
        <v>#N/A</v>
      </c>
      <c r="AB49" s="55" t="e">
        <f>'p-y mono_clay'!BG49</f>
        <v>#N/A</v>
      </c>
      <c r="AC49" s="55" t="e">
        <f>'p-y mono_clay'!BH49</f>
        <v>#N/A</v>
      </c>
      <c r="AD49" s="55" t="e">
        <f>'p-y mono_clay'!BI49</f>
        <v>#N/A</v>
      </c>
      <c r="AE49" s="55" t="e">
        <f>'p-y mono_clay'!BJ49</f>
        <v>#N/A</v>
      </c>
      <c r="AF49" s="55" t="e">
        <f>'p-y mono_clay'!BK49</f>
        <v>#N/A</v>
      </c>
      <c r="AG49" s="200" t="e">
        <f>'p-y mono_clay'!BL49</f>
        <v>#N/A</v>
      </c>
      <c r="AH49">
        <f t="shared" si="205"/>
        <v>30</v>
      </c>
      <c r="AI49">
        <v>0</v>
      </c>
      <c r="AJ49" t="e">
        <f t="shared" si="206"/>
        <v>#N/A</v>
      </c>
      <c r="AK49" t="e">
        <f t="shared" si="207"/>
        <v>#N/A</v>
      </c>
      <c r="AL49" t="e">
        <f t="shared" si="208"/>
        <v>#N/A</v>
      </c>
      <c r="AM49" t="e">
        <f t="shared" si="209"/>
        <v>#N/A</v>
      </c>
      <c r="AN49" t="e">
        <f t="shared" si="210"/>
        <v>#N/A</v>
      </c>
      <c r="AO49" t="e">
        <f t="shared" si="211"/>
        <v>#N/A</v>
      </c>
      <c r="AP49" t="e">
        <f t="shared" si="212"/>
        <v>#N/A</v>
      </c>
      <c r="AQ49" t="e">
        <f t="shared" si="213"/>
        <v>#N/A</v>
      </c>
      <c r="AR49" t="e">
        <f t="shared" si="214"/>
        <v>#N/A</v>
      </c>
      <c r="AS49" t="e">
        <f t="shared" si="215"/>
        <v>#N/A</v>
      </c>
      <c r="AT49" t="e">
        <f t="shared" si="216"/>
        <v>#N/A</v>
      </c>
      <c r="AU49" t="e">
        <f t="shared" si="217"/>
        <v>#N/A</v>
      </c>
      <c r="AV49">
        <v>1</v>
      </c>
      <c r="AW49">
        <v>1.25</v>
      </c>
      <c r="AX49">
        <v>2.5</v>
      </c>
      <c r="AY49" s="162">
        <f t="shared" si="218"/>
        <v>2</v>
      </c>
      <c r="AZ49" s="162" t="e">
        <f t="shared" si="219"/>
        <v>#N/A</v>
      </c>
      <c r="BA49" s="162" t="e">
        <f t="shared" si="220"/>
        <v>#N/A</v>
      </c>
      <c r="BB49" s="162" t="e">
        <f t="shared" si="221"/>
        <v>#N/A</v>
      </c>
      <c r="BC49" s="162" t="e">
        <f t="shared" si="222"/>
        <v>#N/A</v>
      </c>
      <c r="BD49" s="162" t="e">
        <f t="shared" si="223"/>
        <v>#N/A</v>
      </c>
      <c r="BE49" s="162" t="e">
        <f t="shared" si="224"/>
        <v>#N/A</v>
      </c>
      <c r="BF49" s="162" t="e">
        <f t="shared" si="225"/>
        <v>#N/A</v>
      </c>
      <c r="BG49" s="162" t="e">
        <f t="shared" si="226"/>
        <v>#N/A</v>
      </c>
      <c r="BH49" s="162" t="e">
        <f t="shared" si="227"/>
        <v>#N/A</v>
      </c>
      <c r="BI49" s="162" t="e">
        <f t="shared" si="228"/>
        <v>#N/A</v>
      </c>
      <c r="BJ49" s="162" t="e">
        <f t="shared" si="229"/>
        <v>#N/A</v>
      </c>
      <c r="BK49" s="162" t="e">
        <f t="shared" si="230"/>
        <v>#N/A</v>
      </c>
      <c r="BL49" s="162">
        <f t="shared" si="231"/>
        <v>2.3784142300054421</v>
      </c>
      <c r="BM49" s="162" t="e">
        <f t="shared" si="232"/>
        <v>#N/A</v>
      </c>
      <c r="BN49" s="162" t="e">
        <f t="shared" si="233"/>
        <v>#N/A</v>
      </c>
      <c r="BO49" s="162" t="e">
        <f t="shared" si="234"/>
        <v>#N/A</v>
      </c>
      <c r="BP49" s="162" t="e">
        <f t="shared" si="235"/>
        <v>#N/A</v>
      </c>
      <c r="BQ49" s="162" t="e">
        <f t="shared" si="236"/>
        <v>#N/A</v>
      </c>
      <c r="BR49" s="162" t="e">
        <f t="shared" si="237"/>
        <v>#N/A</v>
      </c>
      <c r="BS49" s="162" t="e">
        <f t="shared" si="238"/>
        <v>#N/A</v>
      </c>
      <c r="BT49" s="162" t="e">
        <f t="shared" si="239"/>
        <v>#N/A</v>
      </c>
      <c r="BU49" s="162" t="e">
        <f t="shared" si="240"/>
        <v>#N/A</v>
      </c>
      <c r="BV49" s="162" t="e">
        <f t="shared" si="241"/>
        <v>#N/A</v>
      </c>
      <c r="BW49" s="162" t="e">
        <f t="shared" si="242"/>
        <v>#N/A</v>
      </c>
      <c r="BX49" s="162" t="e">
        <f t="shared" si="243"/>
        <v>#N/A</v>
      </c>
      <c r="BY49" s="162">
        <f t="shared" si="244"/>
        <v>5.6568542494923806</v>
      </c>
      <c r="BZ49" s="162" t="e">
        <f t="shared" si="245"/>
        <v>#N/A</v>
      </c>
      <c r="CA49" s="162" t="e">
        <f t="shared" si="246"/>
        <v>#N/A</v>
      </c>
      <c r="CB49" s="162" t="e">
        <f t="shared" si="247"/>
        <v>#N/A</v>
      </c>
      <c r="CC49" s="162" t="e">
        <f t="shared" si="248"/>
        <v>#N/A</v>
      </c>
      <c r="CD49" s="162" t="e">
        <f t="shared" si="249"/>
        <v>#N/A</v>
      </c>
      <c r="CE49" s="162" t="e">
        <f t="shared" si="250"/>
        <v>#N/A</v>
      </c>
      <c r="CF49" s="162" t="e">
        <f t="shared" si="251"/>
        <v>#N/A</v>
      </c>
      <c r="CG49" s="162" t="e">
        <f t="shared" si="252"/>
        <v>#N/A</v>
      </c>
      <c r="CH49" s="162" t="e">
        <f t="shared" si="253"/>
        <v>#N/A</v>
      </c>
      <c r="CI49" s="162" t="e">
        <f t="shared" si="254"/>
        <v>#N/A</v>
      </c>
      <c r="CJ49" s="162" t="e">
        <f t="shared" si="255"/>
        <v>#N/A</v>
      </c>
      <c r="CK49" s="162" t="e">
        <f t="shared" si="256"/>
        <v>#N/A</v>
      </c>
      <c r="CL49">
        <f t="shared" si="257"/>
        <v>1.3729593947216077</v>
      </c>
      <c r="CM49" t="e">
        <f t="shared" si="258"/>
        <v>#N/A</v>
      </c>
      <c r="CN49" t="e">
        <f t="shared" si="259"/>
        <v>#N/A</v>
      </c>
      <c r="CO49" t="e">
        <f t="shared" si="260"/>
        <v>#N/A</v>
      </c>
      <c r="CP49" t="e">
        <f t="shared" si="261"/>
        <v>#N/A</v>
      </c>
      <c r="CQ49" t="e">
        <f t="shared" si="262"/>
        <v>#N/A</v>
      </c>
      <c r="CR49" t="e">
        <f t="shared" si="263"/>
        <v>#N/A</v>
      </c>
      <c r="CS49" t="e">
        <f t="shared" si="264"/>
        <v>#N/A</v>
      </c>
      <c r="CT49" t="e">
        <f t="shared" si="265"/>
        <v>#N/A</v>
      </c>
      <c r="CU49" t="e">
        <f t="shared" si="266"/>
        <v>#N/A</v>
      </c>
      <c r="CV49" t="e">
        <f t="shared" si="267"/>
        <v>#N/A</v>
      </c>
      <c r="CW49" t="e">
        <f t="shared" si="268"/>
        <v>#N/A</v>
      </c>
      <c r="CX49" s="98" t="e">
        <f t="shared" si="269"/>
        <v>#N/A</v>
      </c>
      <c r="CY49">
        <f t="shared" si="270"/>
        <v>1.1029593947216076</v>
      </c>
      <c r="CZ49" t="e">
        <f t="shared" si="271"/>
        <v>#N/A</v>
      </c>
      <c r="DA49" t="e">
        <f t="shared" si="272"/>
        <v>#N/A</v>
      </c>
      <c r="DB49" t="e">
        <f t="shared" si="273"/>
        <v>#N/A</v>
      </c>
      <c r="DC49" t="e">
        <f t="shared" si="274"/>
        <v>#N/A</v>
      </c>
      <c r="DD49" t="e">
        <f t="shared" si="275"/>
        <v>#N/A</v>
      </c>
      <c r="DE49" t="e">
        <f t="shared" si="276"/>
        <v>#N/A</v>
      </c>
      <c r="DF49" t="e">
        <f t="shared" si="277"/>
        <v>#N/A</v>
      </c>
      <c r="DG49" t="e">
        <f t="shared" si="278"/>
        <v>#N/A</v>
      </c>
      <c r="DH49" t="e">
        <f t="shared" si="279"/>
        <v>#N/A</v>
      </c>
      <c r="DI49" t="e">
        <f t="shared" si="280"/>
        <v>#N/A</v>
      </c>
      <c r="DJ49" t="e">
        <f t="shared" si="281"/>
        <v>#N/A</v>
      </c>
      <c r="DK49" t="e">
        <f t="shared" si="282"/>
        <v>#N/A</v>
      </c>
      <c r="DL49" s="97">
        <f t="shared" si="283"/>
        <v>1.5000349036450102</v>
      </c>
      <c r="DM49" t="e">
        <f t="shared" si="284"/>
        <v>#N/A</v>
      </c>
      <c r="DN49" t="e">
        <f t="shared" si="285"/>
        <v>#N/A</v>
      </c>
      <c r="DO49" t="e">
        <f t="shared" si="286"/>
        <v>#N/A</v>
      </c>
      <c r="DP49" t="e">
        <f t="shared" si="287"/>
        <v>#N/A</v>
      </c>
      <c r="DQ49" t="e">
        <f t="shared" si="288"/>
        <v>#N/A</v>
      </c>
      <c r="DR49" t="e">
        <f t="shared" si="289"/>
        <v>#N/A</v>
      </c>
      <c r="DS49" t="e">
        <f t="shared" si="290"/>
        <v>#N/A</v>
      </c>
      <c r="DT49" t="e">
        <f t="shared" si="291"/>
        <v>#N/A</v>
      </c>
      <c r="DU49" t="e">
        <f t="shared" si="292"/>
        <v>#N/A</v>
      </c>
      <c r="DV49" t="e">
        <f t="shared" si="293"/>
        <v>#N/A</v>
      </c>
      <c r="DW49" t="e">
        <f t="shared" si="294"/>
        <v>#N/A</v>
      </c>
      <c r="DX49" s="98" t="e">
        <f t="shared" si="295"/>
        <v>#N/A</v>
      </c>
      <c r="DY49">
        <f t="shared" si="296"/>
        <v>1.0527062241310117</v>
      </c>
      <c r="DZ49" t="e">
        <f t="shared" si="297"/>
        <v>#N/A</v>
      </c>
      <c r="EA49" t="e">
        <f t="shared" si="298"/>
        <v>#N/A</v>
      </c>
      <c r="EB49" t="e">
        <f t="shared" si="299"/>
        <v>#N/A</v>
      </c>
      <c r="EC49" t="e">
        <f t="shared" si="300"/>
        <v>#N/A</v>
      </c>
      <c r="ED49" t="e">
        <f t="shared" si="301"/>
        <v>#N/A</v>
      </c>
      <c r="EE49" t="e">
        <f t="shared" si="302"/>
        <v>#N/A</v>
      </c>
      <c r="EF49" t="e">
        <f t="shared" si="303"/>
        <v>#N/A</v>
      </c>
      <c r="EG49" t="e">
        <f t="shared" si="304"/>
        <v>#N/A</v>
      </c>
      <c r="EH49" t="e">
        <f t="shared" si="305"/>
        <v>#N/A</v>
      </c>
      <c r="EI49" t="e">
        <f t="shared" si="306"/>
        <v>#N/A</v>
      </c>
      <c r="EJ49" t="e">
        <f t="shared" si="307"/>
        <v>#N/A</v>
      </c>
      <c r="EK49" t="e">
        <f t="shared" si="308"/>
        <v>#N/A</v>
      </c>
      <c r="EL49" s="97">
        <f t="shared" si="309"/>
        <v>1.1554124482620232</v>
      </c>
      <c r="EM49" t="e">
        <f t="shared" si="310"/>
        <v>#N/A</v>
      </c>
      <c r="EN49" t="e">
        <f t="shared" si="311"/>
        <v>#N/A</v>
      </c>
      <c r="EO49" t="e">
        <f t="shared" si="312"/>
        <v>#N/A</v>
      </c>
      <c r="EP49" t="e">
        <f t="shared" si="313"/>
        <v>#N/A</v>
      </c>
      <c r="EQ49" t="e">
        <f t="shared" si="314"/>
        <v>#N/A</v>
      </c>
      <c r="ER49" t="e">
        <f t="shared" si="315"/>
        <v>#N/A</v>
      </c>
      <c r="ES49" t="e">
        <f t="shared" si="316"/>
        <v>#N/A</v>
      </c>
      <c r="ET49" t="e">
        <f t="shared" si="317"/>
        <v>#N/A</v>
      </c>
      <c r="EU49" t="e">
        <f t="shared" si="318"/>
        <v>#N/A</v>
      </c>
      <c r="EV49" t="e">
        <f t="shared" si="319"/>
        <v>#N/A</v>
      </c>
      <c r="EW49" t="e">
        <f t="shared" si="320"/>
        <v>#N/A</v>
      </c>
      <c r="EX49" s="98" t="e">
        <f t="shared" si="321"/>
        <v>#N/A</v>
      </c>
      <c r="EY49" s="97">
        <f t="shared" si="322"/>
        <v>0.90541244826202316</v>
      </c>
      <c r="EZ49" t="e">
        <f t="shared" si="323"/>
        <v>#N/A</v>
      </c>
      <c r="FA49" t="e">
        <f t="shared" si="324"/>
        <v>#N/A</v>
      </c>
      <c r="FB49" t="e">
        <f t="shared" si="325"/>
        <v>#N/A</v>
      </c>
      <c r="FC49" t="e">
        <f t="shared" si="326"/>
        <v>#N/A</v>
      </c>
      <c r="FD49" t="e">
        <f t="shared" si="327"/>
        <v>#N/A</v>
      </c>
      <c r="FE49" t="e">
        <f t="shared" si="328"/>
        <v>#N/A</v>
      </c>
      <c r="FF49" t="e">
        <f t="shared" si="329"/>
        <v>#N/A</v>
      </c>
      <c r="FG49" t="e">
        <f t="shared" si="330"/>
        <v>#N/A</v>
      </c>
      <c r="FH49" t="e">
        <f t="shared" si="331"/>
        <v>#N/A</v>
      </c>
      <c r="FI49" t="e">
        <f t="shared" si="332"/>
        <v>#N/A</v>
      </c>
      <c r="FJ49" t="e">
        <f t="shared" si="333"/>
        <v>#N/A</v>
      </c>
      <c r="FK49" t="e">
        <f t="shared" si="334"/>
        <v>#N/A</v>
      </c>
      <c r="FL49" s="126">
        <f t="shared" si="335"/>
        <v>0</v>
      </c>
      <c r="FM49" s="91" t="e">
        <f t="shared" si="336"/>
        <v>#N/A</v>
      </c>
      <c r="FN49" s="91" t="e">
        <f t="shared" si="337"/>
        <v>#N/A</v>
      </c>
      <c r="FO49" s="91" t="e">
        <f t="shared" si="338"/>
        <v>#N/A</v>
      </c>
      <c r="FP49" s="91" t="e">
        <f t="shared" si="339"/>
        <v>#N/A</v>
      </c>
      <c r="FQ49" s="91" t="e">
        <f t="shared" si="340"/>
        <v>#N/A</v>
      </c>
      <c r="FR49" s="91" t="e">
        <f t="shared" si="341"/>
        <v>#N/A</v>
      </c>
      <c r="FS49" s="91" t="e">
        <f t="shared" si="342"/>
        <v>#N/A</v>
      </c>
      <c r="FT49" s="91" t="e">
        <f t="shared" si="343"/>
        <v>#N/A</v>
      </c>
      <c r="FU49" s="91" t="e">
        <f t="shared" si="344"/>
        <v>#N/A</v>
      </c>
      <c r="FV49" s="91" t="e">
        <f t="shared" si="345"/>
        <v>#N/A</v>
      </c>
      <c r="FW49" s="91" t="e">
        <f t="shared" si="346"/>
        <v>#N/A</v>
      </c>
      <c r="FX49" s="91" t="e">
        <f t="shared" si="347"/>
        <v>#N/A</v>
      </c>
      <c r="FY49" s="91">
        <f t="shared" si="348"/>
        <v>0</v>
      </c>
      <c r="FZ49" s="91" t="e">
        <f t="shared" si="349"/>
        <v>#N/A</v>
      </c>
      <c r="GA49" s="91" t="e">
        <f t="shared" si="350"/>
        <v>#N/A</v>
      </c>
      <c r="GB49" s="91" t="e">
        <f t="shared" si="351"/>
        <v>#N/A</v>
      </c>
      <c r="GC49" s="91" t="e">
        <f t="shared" si="352"/>
        <v>#N/A</v>
      </c>
      <c r="GD49" s="91" t="e">
        <f t="shared" si="353"/>
        <v>#N/A</v>
      </c>
      <c r="GE49" s="91" t="e">
        <f t="shared" si="354"/>
        <v>#N/A</v>
      </c>
      <c r="GF49" s="91" t="e">
        <f t="shared" si="355"/>
        <v>#N/A</v>
      </c>
      <c r="GG49" s="91" t="e">
        <f t="shared" si="356"/>
        <v>#N/A</v>
      </c>
      <c r="GH49" s="91" t="e">
        <f t="shared" si="357"/>
        <v>#N/A</v>
      </c>
      <c r="GI49" s="91" t="e">
        <f t="shared" si="358"/>
        <v>#N/A</v>
      </c>
      <c r="GJ49" s="91" t="e">
        <f t="shared" si="359"/>
        <v>#N/A</v>
      </c>
      <c r="GK49" s="127" t="e">
        <f t="shared" si="360"/>
        <v>#N/A</v>
      </c>
      <c r="GL49" s="126">
        <f t="shared" si="361"/>
        <v>0</v>
      </c>
      <c r="GM49" s="91" t="e">
        <f t="shared" si="362"/>
        <v>#N/A</v>
      </c>
      <c r="GN49" s="91" t="e">
        <f t="shared" si="363"/>
        <v>#N/A</v>
      </c>
      <c r="GO49" s="91" t="e">
        <f t="shared" si="364"/>
        <v>#N/A</v>
      </c>
      <c r="GP49" s="91" t="e">
        <f t="shared" si="365"/>
        <v>#N/A</v>
      </c>
      <c r="GQ49" s="91" t="e">
        <f t="shared" si="366"/>
        <v>#N/A</v>
      </c>
      <c r="GR49" s="91" t="e">
        <f t="shared" si="367"/>
        <v>#N/A</v>
      </c>
      <c r="GS49" s="91" t="e">
        <f t="shared" si="368"/>
        <v>#N/A</v>
      </c>
      <c r="GT49" s="91" t="e">
        <f t="shared" si="369"/>
        <v>#N/A</v>
      </c>
      <c r="GU49" s="91" t="e">
        <f t="shared" si="370"/>
        <v>#N/A</v>
      </c>
      <c r="GV49" s="91" t="e">
        <f t="shared" si="371"/>
        <v>#N/A</v>
      </c>
      <c r="GW49" s="91" t="e">
        <f t="shared" si="372"/>
        <v>#N/A</v>
      </c>
      <c r="GX49" s="91" t="e">
        <f t="shared" si="373"/>
        <v>#N/A</v>
      </c>
      <c r="GY49" s="91">
        <f t="shared" si="374"/>
        <v>0</v>
      </c>
      <c r="GZ49" s="91" t="e">
        <f t="shared" si="375"/>
        <v>#N/A</v>
      </c>
      <c r="HA49" s="91" t="e">
        <f t="shared" si="376"/>
        <v>#N/A</v>
      </c>
      <c r="HB49" s="91" t="e">
        <f t="shared" si="377"/>
        <v>#N/A</v>
      </c>
      <c r="HC49" s="91" t="e">
        <f t="shared" si="378"/>
        <v>#N/A</v>
      </c>
      <c r="HD49" s="91" t="e">
        <f t="shared" si="379"/>
        <v>#N/A</v>
      </c>
      <c r="HE49" s="91" t="e">
        <f t="shared" si="380"/>
        <v>#N/A</v>
      </c>
      <c r="HF49" s="91" t="e">
        <f t="shared" si="381"/>
        <v>#N/A</v>
      </c>
      <c r="HG49" s="91" t="e">
        <f t="shared" si="382"/>
        <v>#N/A</v>
      </c>
      <c r="HH49" s="91" t="e">
        <f t="shared" si="383"/>
        <v>#N/A</v>
      </c>
      <c r="HI49" s="91" t="e">
        <f t="shared" si="384"/>
        <v>#N/A</v>
      </c>
      <c r="HJ49" s="91" t="e">
        <f t="shared" si="385"/>
        <v>#N/A</v>
      </c>
      <c r="HK49" s="127" t="e">
        <f t="shared" si="386"/>
        <v>#N/A</v>
      </c>
      <c r="HL49" s="126">
        <f t="shared" si="387"/>
        <v>0</v>
      </c>
      <c r="HM49" s="91" t="e">
        <f t="shared" si="388"/>
        <v>#N/A</v>
      </c>
      <c r="HN49" s="91" t="e">
        <f t="shared" si="389"/>
        <v>#N/A</v>
      </c>
      <c r="HO49" s="91" t="e">
        <f t="shared" si="390"/>
        <v>#N/A</v>
      </c>
      <c r="HP49" s="91" t="e">
        <f t="shared" si="391"/>
        <v>#N/A</v>
      </c>
      <c r="HQ49" s="91" t="e">
        <f t="shared" si="392"/>
        <v>#N/A</v>
      </c>
      <c r="HR49" s="91" t="e">
        <f t="shared" si="393"/>
        <v>#N/A</v>
      </c>
      <c r="HS49" s="91" t="e">
        <f t="shared" si="394"/>
        <v>#N/A</v>
      </c>
      <c r="HT49" s="91" t="e">
        <f t="shared" si="395"/>
        <v>#N/A</v>
      </c>
      <c r="HU49" s="91" t="e">
        <f t="shared" si="396"/>
        <v>#N/A</v>
      </c>
      <c r="HV49" s="91" t="e">
        <f t="shared" si="397"/>
        <v>#N/A</v>
      </c>
      <c r="HW49" s="91" t="e">
        <f t="shared" si="398"/>
        <v>#N/A</v>
      </c>
      <c r="HX49" s="91" t="e">
        <f t="shared" si="399"/>
        <v>#N/A</v>
      </c>
      <c r="HY49" s="91">
        <f t="shared" si="400"/>
        <v>0</v>
      </c>
      <c r="HZ49" s="91" t="e">
        <f t="shared" si="401"/>
        <v>#N/A</v>
      </c>
      <c r="IA49" s="91" t="e">
        <f t="shared" si="402"/>
        <v>#N/A</v>
      </c>
      <c r="IB49" s="91" t="e">
        <f t="shared" si="403"/>
        <v>#N/A</v>
      </c>
      <c r="IC49" s="91" t="e">
        <f t="shared" si="404"/>
        <v>#N/A</v>
      </c>
      <c r="ID49" s="91" t="e">
        <f t="shared" si="405"/>
        <v>#N/A</v>
      </c>
      <c r="IE49" s="91" t="e">
        <f t="shared" si="406"/>
        <v>#N/A</v>
      </c>
      <c r="IF49" s="91" t="e">
        <f t="shared" si="407"/>
        <v>#N/A</v>
      </c>
      <c r="IG49" s="91" t="e">
        <f t="shared" si="408"/>
        <v>#N/A</v>
      </c>
      <c r="IH49" s="91" t="e">
        <f t="shared" si="409"/>
        <v>#N/A</v>
      </c>
      <c r="II49" s="91" t="e">
        <f t="shared" si="410"/>
        <v>#N/A</v>
      </c>
      <c r="IJ49" s="91" t="e">
        <f t="shared" si="411"/>
        <v>#N/A</v>
      </c>
      <c r="IK49" s="127" t="e">
        <f t="shared" si="412"/>
        <v>#N/A</v>
      </c>
    </row>
    <row r="50" spans="2:245" x14ac:dyDescent="0.2">
      <c r="B50" s="79">
        <f t="shared" si="188"/>
        <v>-39.5</v>
      </c>
      <c r="C50" s="73">
        <f>'p-y mono_clay'!C50</f>
        <v>24</v>
      </c>
      <c r="D50" s="64">
        <f>'p-y mono_clay'!D50</f>
        <v>23.985999999999997</v>
      </c>
      <c r="E50" s="64" t="str">
        <f>'p-y mono_clay'!E50</f>
        <v>SAND</v>
      </c>
      <c r="F50" s="55">
        <f>VLOOKUP($C50, 'Pile Property'!$A$8:$D$108,2,TRUE)</f>
        <v>2</v>
      </c>
      <c r="G50" s="102" t="e">
        <f>'p-y mono_clay'!Z50</f>
        <v>#N/A</v>
      </c>
      <c r="H50" s="199">
        <f>'p-y mono_clay'!AM50</f>
        <v>0</v>
      </c>
      <c r="I50" s="55" t="e">
        <f>'p-y mono_clay'!AN50</f>
        <v>#N/A</v>
      </c>
      <c r="J50" s="55" t="e">
        <f>'p-y mono_clay'!AO50</f>
        <v>#N/A</v>
      </c>
      <c r="K50" s="55" t="e">
        <f>'p-y mono_clay'!AP50</f>
        <v>#N/A</v>
      </c>
      <c r="L50" s="55" t="e">
        <f>'p-y mono_clay'!AQ50</f>
        <v>#N/A</v>
      </c>
      <c r="M50" s="55" t="e">
        <f>'p-y mono_clay'!AR50</f>
        <v>#N/A</v>
      </c>
      <c r="N50" s="55" t="e">
        <f>'p-y mono_clay'!AS50</f>
        <v>#N/A</v>
      </c>
      <c r="O50" s="55" t="e">
        <f>'p-y mono_clay'!AT50</f>
        <v>#N/A</v>
      </c>
      <c r="P50" s="55" t="e">
        <f>'p-y mono_clay'!AU50</f>
        <v>#N/A</v>
      </c>
      <c r="Q50" s="55" t="e">
        <f>'p-y mono_clay'!AV50</f>
        <v>#N/A</v>
      </c>
      <c r="R50" s="55" t="e">
        <f>'p-y mono_clay'!AW50</f>
        <v>#N/A</v>
      </c>
      <c r="S50" s="55" t="e">
        <f>'p-y mono_clay'!AX50</f>
        <v>#N/A</v>
      </c>
      <c r="T50" s="200">
        <f>'p-y mono_clay'!AY50</f>
        <v>6000</v>
      </c>
      <c r="U50" s="199">
        <f>'p-y mono_clay'!AZ50</f>
        <v>0</v>
      </c>
      <c r="V50" s="55" t="e">
        <f>'p-y mono_clay'!BA50</f>
        <v>#N/A</v>
      </c>
      <c r="W50" s="55" t="e">
        <f>'p-y mono_clay'!BB50</f>
        <v>#N/A</v>
      </c>
      <c r="X50" s="55" t="e">
        <f>'p-y mono_clay'!BC50</f>
        <v>#N/A</v>
      </c>
      <c r="Y50" s="55" t="e">
        <f>'p-y mono_clay'!BD50</f>
        <v>#N/A</v>
      </c>
      <c r="Z50" s="55" t="e">
        <f>'p-y mono_clay'!BE50</f>
        <v>#N/A</v>
      </c>
      <c r="AA50" s="55" t="e">
        <f>'p-y mono_clay'!BF50</f>
        <v>#N/A</v>
      </c>
      <c r="AB50" s="55" t="e">
        <f>'p-y mono_clay'!BG50</f>
        <v>#N/A</v>
      </c>
      <c r="AC50" s="55" t="e">
        <f>'p-y mono_clay'!BH50</f>
        <v>#N/A</v>
      </c>
      <c r="AD50" s="55" t="e">
        <f>'p-y mono_clay'!BI50</f>
        <v>#N/A</v>
      </c>
      <c r="AE50" s="55" t="e">
        <f>'p-y mono_clay'!BJ50</f>
        <v>#N/A</v>
      </c>
      <c r="AF50" s="55" t="e">
        <f>'p-y mono_clay'!BK50</f>
        <v>#N/A</v>
      </c>
      <c r="AG50" s="200" t="e">
        <f>'p-y mono_clay'!BL50</f>
        <v>#N/A</v>
      </c>
      <c r="AH50">
        <f t="shared" si="205"/>
        <v>30</v>
      </c>
      <c r="AI50">
        <v>0</v>
      </c>
      <c r="AJ50" t="e">
        <f t="shared" si="206"/>
        <v>#N/A</v>
      </c>
      <c r="AK50" t="e">
        <f t="shared" si="207"/>
        <v>#N/A</v>
      </c>
      <c r="AL50" t="e">
        <f t="shared" si="208"/>
        <v>#N/A</v>
      </c>
      <c r="AM50" t="e">
        <f t="shared" si="209"/>
        <v>#N/A</v>
      </c>
      <c r="AN50" t="e">
        <f t="shared" si="210"/>
        <v>#N/A</v>
      </c>
      <c r="AO50" t="e">
        <f t="shared" si="211"/>
        <v>#N/A</v>
      </c>
      <c r="AP50" t="e">
        <f t="shared" si="212"/>
        <v>#N/A</v>
      </c>
      <c r="AQ50" t="e">
        <f t="shared" si="213"/>
        <v>#N/A</v>
      </c>
      <c r="AR50" t="e">
        <f t="shared" si="214"/>
        <v>#N/A</v>
      </c>
      <c r="AS50" t="e">
        <f t="shared" si="215"/>
        <v>#N/A</v>
      </c>
      <c r="AT50" t="e">
        <f t="shared" si="216"/>
        <v>#N/A</v>
      </c>
      <c r="AU50" t="e">
        <f t="shared" si="217"/>
        <v>#N/A</v>
      </c>
      <c r="AV50">
        <v>1</v>
      </c>
      <c r="AW50">
        <v>1.25</v>
      </c>
      <c r="AX50">
        <v>2.5</v>
      </c>
      <c r="AY50" s="162">
        <f t="shared" si="218"/>
        <v>2</v>
      </c>
      <c r="AZ50" s="162" t="e">
        <f t="shared" si="219"/>
        <v>#N/A</v>
      </c>
      <c r="BA50" s="162" t="e">
        <f t="shared" si="220"/>
        <v>#N/A</v>
      </c>
      <c r="BB50" s="162" t="e">
        <f t="shared" si="221"/>
        <v>#N/A</v>
      </c>
      <c r="BC50" s="162" t="e">
        <f t="shared" si="222"/>
        <v>#N/A</v>
      </c>
      <c r="BD50" s="162" t="e">
        <f t="shared" si="223"/>
        <v>#N/A</v>
      </c>
      <c r="BE50" s="162" t="e">
        <f t="shared" si="224"/>
        <v>#N/A</v>
      </c>
      <c r="BF50" s="162" t="e">
        <f t="shared" si="225"/>
        <v>#N/A</v>
      </c>
      <c r="BG50" s="162" t="e">
        <f t="shared" si="226"/>
        <v>#N/A</v>
      </c>
      <c r="BH50" s="162" t="e">
        <f t="shared" si="227"/>
        <v>#N/A</v>
      </c>
      <c r="BI50" s="162" t="e">
        <f t="shared" si="228"/>
        <v>#N/A</v>
      </c>
      <c r="BJ50" s="162" t="e">
        <f t="shared" si="229"/>
        <v>#N/A</v>
      </c>
      <c r="BK50" s="162" t="e">
        <f t="shared" si="230"/>
        <v>#N/A</v>
      </c>
      <c r="BL50" s="162">
        <f t="shared" si="231"/>
        <v>2.3784142300054421</v>
      </c>
      <c r="BM50" s="162" t="e">
        <f t="shared" si="232"/>
        <v>#N/A</v>
      </c>
      <c r="BN50" s="162" t="e">
        <f t="shared" si="233"/>
        <v>#N/A</v>
      </c>
      <c r="BO50" s="162" t="e">
        <f t="shared" si="234"/>
        <v>#N/A</v>
      </c>
      <c r="BP50" s="162" t="e">
        <f t="shared" si="235"/>
        <v>#N/A</v>
      </c>
      <c r="BQ50" s="162" t="e">
        <f t="shared" si="236"/>
        <v>#N/A</v>
      </c>
      <c r="BR50" s="162" t="e">
        <f t="shared" si="237"/>
        <v>#N/A</v>
      </c>
      <c r="BS50" s="162" t="e">
        <f t="shared" si="238"/>
        <v>#N/A</v>
      </c>
      <c r="BT50" s="162" t="e">
        <f t="shared" si="239"/>
        <v>#N/A</v>
      </c>
      <c r="BU50" s="162" t="e">
        <f t="shared" si="240"/>
        <v>#N/A</v>
      </c>
      <c r="BV50" s="162" t="e">
        <f t="shared" si="241"/>
        <v>#N/A</v>
      </c>
      <c r="BW50" s="162" t="e">
        <f t="shared" si="242"/>
        <v>#N/A</v>
      </c>
      <c r="BX50" s="162" t="e">
        <f t="shared" si="243"/>
        <v>#N/A</v>
      </c>
      <c r="BY50" s="162">
        <f t="shared" si="244"/>
        <v>5.6568542494923806</v>
      </c>
      <c r="BZ50" s="162" t="e">
        <f t="shared" si="245"/>
        <v>#N/A</v>
      </c>
      <c r="CA50" s="162" t="e">
        <f t="shared" si="246"/>
        <v>#N/A</v>
      </c>
      <c r="CB50" s="162" t="e">
        <f t="shared" si="247"/>
        <v>#N/A</v>
      </c>
      <c r="CC50" s="162" t="e">
        <f t="shared" si="248"/>
        <v>#N/A</v>
      </c>
      <c r="CD50" s="162" t="e">
        <f t="shared" si="249"/>
        <v>#N/A</v>
      </c>
      <c r="CE50" s="162" t="e">
        <f t="shared" si="250"/>
        <v>#N/A</v>
      </c>
      <c r="CF50" s="162" t="e">
        <f t="shared" si="251"/>
        <v>#N/A</v>
      </c>
      <c r="CG50" s="162" t="e">
        <f t="shared" si="252"/>
        <v>#N/A</v>
      </c>
      <c r="CH50" s="162" t="e">
        <f t="shared" si="253"/>
        <v>#N/A</v>
      </c>
      <c r="CI50" s="162" t="e">
        <f t="shared" si="254"/>
        <v>#N/A</v>
      </c>
      <c r="CJ50" s="162" t="e">
        <f t="shared" si="255"/>
        <v>#N/A</v>
      </c>
      <c r="CK50" s="162" t="e">
        <f t="shared" si="256"/>
        <v>#N/A</v>
      </c>
      <c r="CL50">
        <f t="shared" si="257"/>
        <v>1.3729593947216077</v>
      </c>
      <c r="CM50" t="e">
        <f t="shared" si="258"/>
        <v>#N/A</v>
      </c>
      <c r="CN50" t="e">
        <f t="shared" si="259"/>
        <v>#N/A</v>
      </c>
      <c r="CO50" t="e">
        <f t="shared" si="260"/>
        <v>#N/A</v>
      </c>
      <c r="CP50" t="e">
        <f t="shared" si="261"/>
        <v>#N/A</v>
      </c>
      <c r="CQ50" t="e">
        <f t="shared" si="262"/>
        <v>#N/A</v>
      </c>
      <c r="CR50" t="e">
        <f t="shared" si="263"/>
        <v>#N/A</v>
      </c>
      <c r="CS50" t="e">
        <f t="shared" si="264"/>
        <v>#N/A</v>
      </c>
      <c r="CT50" t="e">
        <f t="shared" si="265"/>
        <v>#N/A</v>
      </c>
      <c r="CU50" t="e">
        <f t="shared" si="266"/>
        <v>#N/A</v>
      </c>
      <c r="CV50" t="e">
        <f t="shared" si="267"/>
        <v>#N/A</v>
      </c>
      <c r="CW50" t="e">
        <f t="shared" si="268"/>
        <v>#N/A</v>
      </c>
      <c r="CX50" s="98" t="e">
        <f t="shared" si="269"/>
        <v>#N/A</v>
      </c>
      <c r="CY50">
        <f t="shared" si="270"/>
        <v>1.1029593947216076</v>
      </c>
      <c r="CZ50" t="e">
        <f t="shared" si="271"/>
        <v>#N/A</v>
      </c>
      <c r="DA50" t="e">
        <f t="shared" si="272"/>
        <v>#N/A</v>
      </c>
      <c r="DB50" t="e">
        <f t="shared" si="273"/>
        <v>#N/A</v>
      </c>
      <c r="DC50" t="e">
        <f t="shared" si="274"/>
        <v>#N/A</v>
      </c>
      <c r="DD50" t="e">
        <f t="shared" si="275"/>
        <v>#N/A</v>
      </c>
      <c r="DE50" t="e">
        <f t="shared" si="276"/>
        <v>#N/A</v>
      </c>
      <c r="DF50" t="e">
        <f t="shared" si="277"/>
        <v>#N/A</v>
      </c>
      <c r="DG50" t="e">
        <f t="shared" si="278"/>
        <v>#N/A</v>
      </c>
      <c r="DH50" t="e">
        <f t="shared" si="279"/>
        <v>#N/A</v>
      </c>
      <c r="DI50" t="e">
        <f t="shared" si="280"/>
        <v>#N/A</v>
      </c>
      <c r="DJ50" t="e">
        <f t="shared" si="281"/>
        <v>#N/A</v>
      </c>
      <c r="DK50" t="e">
        <f t="shared" si="282"/>
        <v>#N/A</v>
      </c>
      <c r="DL50" s="97">
        <f t="shared" si="283"/>
        <v>1.5000349036450102</v>
      </c>
      <c r="DM50" t="e">
        <f t="shared" si="284"/>
        <v>#N/A</v>
      </c>
      <c r="DN50" t="e">
        <f t="shared" si="285"/>
        <v>#N/A</v>
      </c>
      <c r="DO50" t="e">
        <f t="shared" si="286"/>
        <v>#N/A</v>
      </c>
      <c r="DP50" t="e">
        <f t="shared" si="287"/>
        <v>#N/A</v>
      </c>
      <c r="DQ50" t="e">
        <f t="shared" si="288"/>
        <v>#N/A</v>
      </c>
      <c r="DR50" t="e">
        <f t="shared" si="289"/>
        <v>#N/A</v>
      </c>
      <c r="DS50" t="e">
        <f t="shared" si="290"/>
        <v>#N/A</v>
      </c>
      <c r="DT50" t="e">
        <f t="shared" si="291"/>
        <v>#N/A</v>
      </c>
      <c r="DU50" t="e">
        <f t="shared" si="292"/>
        <v>#N/A</v>
      </c>
      <c r="DV50" t="e">
        <f t="shared" si="293"/>
        <v>#N/A</v>
      </c>
      <c r="DW50" t="e">
        <f t="shared" si="294"/>
        <v>#N/A</v>
      </c>
      <c r="DX50" s="98" t="e">
        <f t="shared" si="295"/>
        <v>#N/A</v>
      </c>
      <c r="DY50">
        <f t="shared" si="296"/>
        <v>1.0527062241310117</v>
      </c>
      <c r="DZ50" t="e">
        <f t="shared" si="297"/>
        <v>#N/A</v>
      </c>
      <c r="EA50" t="e">
        <f t="shared" si="298"/>
        <v>#N/A</v>
      </c>
      <c r="EB50" t="e">
        <f t="shared" si="299"/>
        <v>#N/A</v>
      </c>
      <c r="EC50" t="e">
        <f t="shared" si="300"/>
        <v>#N/A</v>
      </c>
      <c r="ED50" t="e">
        <f t="shared" si="301"/>
        <v>#N/A</v>
      </c>
      <c r="EE50" t="e">
        <f t="shared" si="302"/>
        <v>#N/A</v>
      </c>
      <c r="EF50" t="e">
        <f t="shared" si="303"/>
        <v>#N/A</v>
      </c>
      <c r="EG50" t="e">
        <f t="shared" si="304"/>
        <v>#N/A</v>
      </c>
      <c r="EH50" t="e">
        <f t="shared" si="305"/>
        <v>#N/A</v>
      </c>
      <c r="EI50" t="e">
        <f t="shared" si="306"/>
        <v>#N/A</v>
      </c>
      <c r="EJ50" t="e">
        <f t="shared" si="307"/>
        <v>#N/A</v>
      </c>
      <c r="EK50" t="e">
        <f t="shared" si="308"/>
        <v>#N/A</v>
      </c>
      <c r="EL50" s="97">
        <f t="shared" si="309"/>
        <v>1.1554124482620232</v>
      </c>
      <c r="EM50" t="e">
        <f t="shared" si="310"/>
        <v>#N/A</v>
      </c>
      <c r="EN50" t="e">
        <f t="shared" si="311"/>
        <v>#N/A</v>
      </c>
      <c r="EO50" t="e">
        <f t="shared" si="312"/>
        <v>#N/A</v>
      </c>
      <c r="EP50" t="e">
        <f t="shared" si="313"/>
        <v>#N/A</v>
      </c>
      <c r="EQ50" t="e">
        <f t="shared" si="314"/>
        <v>#N/A</v>
      </c>
      <c r="ER50" t="e">
        <f t="shared" si="315"/>
        <v>#N/A</v>
      </c>
      <c r="ES50" t="e">
        <f t="shared" si="316"/>
        <v>#N/A</v>
      </c>
      <c r="ET50" t="e">
        <f t="shared" si="317"/>
        <v>#N/A</v>
      </c>
      <c r="EU50" t="e">
        <f t="shared" si="318"/>
        <v>#N/A</v>
      </c>
      <c r="EV50" t="e">
        <f t="shared" si="319"/>
        <v>#N/A</v>
      </c>
      <c r="EW50" t="e">
        <f t="shared" si="320"/>
        <v>#N/A</v>
      </c>
      <c r="EX50" s="98" t="e">
        <f t="shared" si="321"/>
        <v>#N/A</v>
      </c>
      <c r="EY50" s="97">
        <f t="shared" si="322"/>
        <v>0.90541244826202316</v>
      </c>
      <c r="EZ50" t="e">
        <f t="shared" si="323"/>
        <v>#N/A</v>
      </c>
      <c r="FA50" t="e">
        <f t="shared" si="324"/>
        <v>#N/A</v>
      </c>
      <c r="FB50" t="e">
        <f t="shared" si="325"/>
        <v>#N/A</v>
      </c>
      <c r="FC50" t="e">
        <f t="shared" si="326"/>
        <v>#N/A</v>
      </c>
      <c r="FD50" t="e">
        <f t="shared" si="327"/>
        <v>#N/A</v>
      </c>
      <c r="FE50" t="e">
        <f t="shared" si="328"/>
        <v>#N/A</v>
      </c>
      <c r="FF50" t="e">
        <f t="shared" si="329"/>
        <v>#N/A</v>
      </c>
      <c r="FG50" t="e">
        <f t="shared" si="330"/>
        <v>#N/A</v>
      </c>
      <c r="FH50" t="e">
        <f t="shared" si="331"/>
        <v>#N/A</v>
      </c>
      <c r="FI50" t="e">
        <f t="shared" si="332"/>
        <v>#N/A</v>
      </c>
      <c r="FJ50" t="e">
        <f t="shared" si="333"/>
        <v>#N/A</v>
      </c>
      <c r="FK50" t="e">
        <f t="shared" si="334"/>
        <v>#N/A</v>
      </c>
      <c r="FL50" s="126">
        <f t="shared" si="335"/>
        <v>0</v>
      </c>
      <c r="FM50" s="91" t="e">
        <f t="shared" si="336"/>
        <v>#N/A</v>
      </c>
      <c r="FN50" s="91" t="e">
        <f t="shared" si="337"/>
        <v>#N/A</v>
      </c>
      <c r="FO50" s="91" t="e">
        <f t="shared" si="338"/>
        <v>#N/A</v>
      </c>
      <c r="FP50" s="91" t="e">
        <f t="shared" si="339"/>
        <v>#N/A</v>
      </c>
      <c r="FQ50" s="91" t="e">
        <f t="shared" si="340"/>
        <v>#N/A</v>
      </c>
      <c r="FR50" s="91" t="e">
        <f t="shared" si="341"/>
        <v>#N/A</v>
      </c>
      <c r="FS50" s="91" t="e">
        <f t="shared" si="342"/>
        <v>#N/A</v>
      </c>
      <c r="FT50" s="91" t="e">
        <f t="shared" si="343"/>
        <v>#N/A</v>
      </c>
      <c r="FU50" s="91" t="e">
        <f t="shared" si="344"/>
        <v>#N/A</v>
      </c>
      <c r="FV50" s="91" t="e">
        <f t="shared" si="345"/>
        <v>#N/A</v>
      </c>
      <c r="FW50" s="91" t="e">
        <f t="shared" si="346"/>
        <v>#N/A</v>
      </c>
      <c r="FX50" s="91" t="e">
        <f t="shared" si="347"/>
        <v>#N/A</v>
      </c>
      <c r="FY50" s="91">
        <f t="shared" si="348"/>
        <v>0</v>
      </c>
      <c r="FZ50" s="91" t="e">
        <f t="shared" si="349"/>
        <v>#N/A</v>
      </c>
      <c r="GA50" s="91" t="e">
        <f t="shared" si="350"/>
        <v>#N/A</v>
      </c>
      <c r="GB50" s="91" t="e">
        <f t="shared" si="351"/>
        <v>#N/A</v>
      </c>
      <c r="GC50" s="91" t="e">
        <f t="shared" si="352"/>
        <v>#N/A</v>
      </c>
      <c r="GD50" s="91" t="e">
        <f t="shared" si="353"/>
        <v>#N/A</v>
      </c>
      <c r="GE50" s="91" t="e">
        <f t="shared" si="354"/>
        <v>#N/A</v>
      </c>
      <c r="GF50" s="91" t="e">
        <f t="shared" si="355"/>
        <v>#N/A</v>
      </c>
      <c r="GG50" s="91" t="e">
        <f t="shared" si="356"/>
        <v>#N/A</v>
      </c>
      <c r="GH50" s="91" t="e">
        <f t="shared" si="357"/>
        <v>#N/A</v>
      </c>
      <c r="GI50" s="91" t="e">
        <f t="shared" si="358"/>
        <v>#N/A</v>
      </c>
      <c r="GJ50" s="91" t="e">
        <f t="shared" si="359"/>
        <v>#N/A</v>
      </c>
      <c r="GK50" s="127" t="e">
        <f t="shared" si="360"/>
        <v>#N/A</v>
      </c>
      <c r="GL50" s="126">
        <f t="shared" si="361"/>
        <v>0</v>
      </c>
      <c r="GM50" s="91" t="e">
        <f t="shared" si="362"/>
        <v>#N/A</v>
      </c>
      <c r="GN50" s="91" t="e">
        <f t="shared" si="363"/>
        <v>#N/A</v>
      </c>
      <c r="GO50" s="91" t="e">
        <f t="shared" si="364"/>
        <v>#N/A</v>
      </c>
      <c r="GP50" s="91" t="e">
        <f t="shared" si="365"/>
        <v>#N/A</v>
      </c>
      <c r="GQ50" s="91" t="e">
        <f t="shared" si="366"/>
        <v>#N/A</v>
      </c>
      <c r="GR50" s="91" t="e">
        <f t="shared" si="367"/>
        <v>#N/A</v>
      </c>
      <c r="GS50" s="91" t="e">
        <f t="shared" si="368"/>
        <v>#N/A</v>
      </c>
      <c r="GT50" s="91" t="e">
        <f t="shared" si="369"/>
        <v>#N/A</v>
      </c>
      <c r="GU50" s="91" t="e">
        <f t="shared" si="370"/>
        <v>#N/A</v>
      </c>
      <c r="GV50" s="91" t="e">
        <f t="shared" si="371"/>
        <v>#N/A</v>
      </c>
      <c r="GW50" s="91" t="e">
        <f t="shared" si="372"/>
        <v>#N/A</v>
      </c>
      <c r="GX50" s="91" t="e">
        <f t="shared" si="373"/>
        <v>#N/A</v>
      </c>
      <c r="GY50" s="91">
        <f t="shared" si="374"/>
        <v>0</v>
      </c>
      <c r="GZ50" s="91" t="e">
        <f t="shared" si="375"/>
        <v>#N/A</v>
      </c>
      <c r="HA50" s="91" t="e">
        <f t="shared" si="376"/>
        <v>#N/A</v>
      </c>
      <c r="HB50" s="91" t="e">
        <f t="shared" si="377"/>
        <v>#N/A</v>
      </c>
      <c r="HC50" s="91" t="e">
        <f t="shared" si="378"/>
        <v>#N/A</v>
      </c>
      <c r="HD50" s="91" t="e">
        <f t="shared" si="379"/>
        <v>#N/A</v>
      </c>
      <c r="HE50" s="91" t="e">
        <f t="shared" si="380"/>
        <v>#N/A</v>
      </c>
      <c r="HF50" s="91" t="e">
        <f t="shared" si="381"/>
        <v>#N/A</v>
      </c>
      <c r="HG50" s="91" t="e">
        <f t="shared" si="382"/>
        <v>#N/A</v>
      </c>
      <c r="HH50" s="91" t="e">
        <f t="shared" si="383"/>
        <v>#N/A</v>
      </c>
      <c r="HI50" s="91" t="e">
        <f t="shared" si="384"/>
        <v>#N/A</v>
      </c>
      <c r="HJ50" s="91" t="e">
        <f t="shared" si="385"/>
        <v>#N/A</v>
      </c>
      <c r="HK50" s="127" t="e">
        <f t="shared" si="386"/>
        <v>#N/A</v>
      </c>
      <c r="HL50" s="126">
        <f t="shared" si="387"/>
        <v>0</v>
      </c>
      <c r="HM50" s="91" t="e">
        <f t="shared" si="388"/>
        <v>#N/A</v>
      </c>
      <c r="HN50" s="91" t="e">
        <f t="shared" si="389"/>
        <v>#N/A</v>
      </c>
      <c r="HO50" s="91" t="e">
        <f t="shared" si="390"/>
        <v>#N/A</v>
      </c>
      <c r="HP50" s="91" t="e">
        <f t="shared" si="391"/>
        <v>#N/A</v>
      </c>
      <c r="HQ50" s="91" t="e">
        <f t="shared" si="392"/>
        <v>#N/A</v>
      </c>
      <c r="HR50" s="91" t="e">
        <f t="shared" si="393"/>
        <v>#N/A</v>
      </c>
      <c r="HS50" s="91" t="e">
        <f t="shared" si="394"/>
        <v>#N/A</v>
      </c>
      <c r="HT50" s="91" t="e">
        <f t="shared" si="395"/>
        <v>#N/A</v>
      </c>
      <c r="HU50" s="91" t="e">
        <f t="shared" si="396"/>
        <v>#N/A</v>
      </c>
      <c r="HV50" s="91" t="e">
        <f t="shared" si="397"/>
        <v>#N/A</v>
      </c>
      <c r="HW50" s="91" t="e">
        <f t="shared" si="398"/>
        <v>#N/A</v>
      </c>
      <c r="HX50" s="91" t="e">
        <f t="shared" si="399"/>
        <v>#N/A</v>
      </c>
      <c r="HY50" s="91">
        <f t="shared" si="400"/>
        <v>0</v>
      </c>
      <c r="HZ50" s="91" t="e">
        <f t="shared" si="401"/>
        <v>#N/A</v>
      </c>
      <c r="IA50" s="91" t="e">
        <f t="shared" si="402"/>
        <v>#N/A</v>
      </c>
      <c r="IB50" s="91" t="e">
        <f t="shared" si="403"/>
        <v>#N/A</v>
      </c>
      <c r="IC50" s="91" t="e">
        <f t="shared" si="404"/>
        <v>#N/A</v>
      </c>
      <c r="ID50" s="91" t="e">
        <f t="shared" si="405"/>
        <v>#N/A</v>
      </c>
      <c r="IE50" s="91" t="e">
        <f t="shared" si="406"/>
        <v>#N/A</v>
      </c>
      <c r="IF50" s="91" t="e">
        <f t="shared" si="407"/>
        <v>#N/A</v>
      </c>
      <c r="IG50" s="91" t="e">
        <f t="shared" si="408"/>
        <v>#N/A</v>
      </c>
      <c r="IH50" s="91" t="e">
        <f t="shared" si="409"/>
        <v>#N/A</v>
      </c>
      <c r="II50" s="91" t="e">
        <f t="shared" si="410"/>
        <v>#N/A</v>
      </c>
      <c r="IJ50" s="91" t="e">
        <f t="shared" si="411"/>
        <v>#N/A</v>
      </c>
      <c r="IK50" s="127" t="e">
        <f t="shared" si="412"/>
        <v>#N/A</v>
      </c>
    </row>
    <row r="51" spans="2:245" x14ac:dyDescent="0.2">
      <c r="B51" s="79">
        <f t="shared" si="188"/>
        <v>-40.5</v>
      </c>
      <c r="C51" s="73">
        <f>'p-y mono_clay'!C51</f>
        <v>25</v>
      </c>
      <c r="D51" s="64">
        <f>'p-y mono_clay'!D51</f>
        <v>24.991</v>
      </c>
      <c r="E51" s="64" t="str">
        <f>'p-y mono_clay'!E51</f>
        <v>SAND</v>
      </c>
      <c r="F51" s="55">
        <f>VLOOKUP($C51, 'Pile Property'!$A$8:$D$108,2,TRUE)</f>
        <v>2</v>
      </c>
      <c r="G51" s="102" t="e">
        <f>'p-y mono_clay'!Z51</f>
        <v>#N/A</v>
      </c>
      <c r="H51" s="199">
        <f>'p-y mono_clay'!AM51</f>
        <v>0</v>
      </c>
      <c r="I51" s="55" t="e">
        <f>'p-y mono_clay'!AN51</f>
        <v>#N/A</v>
      </c>
      <c r="J51" s="55" t="e">
        <f>'p-y mono_clay'!AO51</f>
        <v>#N/A</v>
      </c>
      <c r="K51" s="55" t="e">
        <f>'p-y mono_clay'!AP51</f>
        <v>#N/A</v>
      </c>
      <c r="L51" s="55" t="e">
        <f>'p-y mono_clay'!AQ51</f>
        <v>#N/A</v>
      </c>
      <c r="M51" s="55" t="e">
        <f>'p-y mono_clay'!AR51</f>
        <v>#N/A</v>
      </c>
      <c r="N51" s="55" t="e">
        <f>'p-y mono_clay'!AS51</f>
        <v>#N/A</v>
      </c>
      <c r="O51" s="55" t="e">
        <f>'p-y mono_clay'!AT51</f>
        <v>#N/A</v>
      </c>
      <c r="P51" s="55" t="e">
        <f>'p-y mono_clay'!AU51</f>
        <v>#N/A</v>
      </c>
      <c r="Q51" s="55" t="e">
        <f>'p-y mono_clay'!AV51</f>
        <v>#N/A</v>
      </c>
      <c r="R51" s="55" t="e">
        <f>'p-y mono_clay'!AW51</f>
        <v>#N/A</v>
      </c>
      <c r="S51" s="55" t="e">
        <f>'p-y mono_clay'!AX51</f>
        <v>#N/A</v>
      </c>
      <c r="T51" s="200">
        <f>'p-y mono_clay'!AY51</f>
        <v>6000</v>
      </c>
      <c r="U51" s="199">
        <f>'p-y mono_clay'!AZ51</f>
        <v>0</v>
      </c>
      <c r="V51" s="55" t="e">
        <f>'p-y mono_clay'!BA51</f>
        <v>#N/A</v>
      </c>
      <c r="W51" s="55" t="e">
        <f>'p-y mono_clay'!BB51</f>
        <v>#N/A</v>
      </c>
      <c r="X51" s="55" t="e">
        <f>'p-y mono_clay'!BC51</f>
        <v>#N/A</v>
      </c>
      <c r="Y51" s="55" t="e">
        <f>'p-y mono_clay'!BD51</f>
        <v>#N/A</v>
      </c>
      <c r="Z51" s="55" t="e">
        <f>'p-y mono_clay'!BE51</f>
        <v>#N/A</v>
      </c>
      <c r="AA51" s="55" t="e">
        <f>'p-y mono_clay'!BF51</f>
        <v>#N/A</v>
      </c>
      <c r="AB51" s="55" t="e">
        <f>'p-y mono_clay'!BG51</f>
        <v>#N/A</v>
      </c>
      <c r="AC51" s="55" t="e">
        <f>'p-y mono_clay'!BH51</f>
        <v>#N/A</v>
      </c>
      <c r="AD51" s="55" t="e">
        <f>'p-y mono_clay'!BI51</f>
        <v>#N/A</v>
      </c>
      <c r="AE51" s="55" t="e">
        <f>'p-y mono_clay'!BJ51</f>
        <v>#N/A</v>
      </c>
      <c r="AF51" s="55" t="e">
        <f>'p-y mono_clay'!BK51</f>
        <v>#N/A</v>
      </c>
      <c r="AG51" s="200" t="e">
        <f>'p-y mono_clay'!BL51</f>
        <v>#N/A</v>
      </c>
      <c r="AH51">
        <f t="shared" si="205"/>
        <v>30</v>
      </c>
      <c r="AI51">
        <v>0</v>
      </c>
      <c r="AJ51" t="e">
        <f t="shared" si="206"/>
        <v>#N/A</v>
      </c>
      <c r="AK51" t="e">
        <f t="shared" si="207"/>
        <v>#N/A</v>
      </c>
      <c r="AL51" t="e">
        <f t="shared" si="208"/>
        <v>#N/A</v>
      </c>
      <c r="AM51" t="e">
        <f t="shared" si="209"/>
        <v>#N/A</v>
      </c>
      <c r="AN51" t="e">
        <f t="shared" si="210"/>
        <v>#N/A</v>
      </c>
      <c r="AO51" t="e">
        <f t="shared" si="211"/>
        <v>#N/A</v>
      </c>
      <c r="AP51" t="e">
        <f t="shared" si="212"/>
        <v>#N/A</v>
      </c>
      <c r="AQ51" t="e">
        <f t="shared" si="213"/>
        <v>#N/A</v>
      </c>
      <c r="AR51" t="e">
        <f t="shared" si="214"/>
        <v>#N/A</v>
      </c>
      <c r="AS51" t="e">
        <f t="shared" si="215"/>
        <v>#N/A</v>
      </c>
      <c r="AT51" t="e">
        <f t="shared" si="216"/>
        <v>#N/A</v>
      </c>
      <c r="AU51" t="e">
        <f t="shared" si="217"/>
        <v>#N/A</v>
      </c>
      <c r="AV51">
        <v>1</v>
      </c>
      <c r="AW51">
        <v>1.25</v>
      </c>
      <c r="AX51">
        <v>2.5</v>
      </c>
      <c r="AY51" s="162">
        <f t="shared" si="218"/>
        <v>2</v>
      </c>
      <c r="AZ51" s="162" t="e">
        <f t="shared" si="219"/>
        <v>#N/A</v>
      </c>
      <c r="BA51" s="162" t="e">
        <f t="shared" si="220"/>
        <v>#N/A</v>
      </c>
      <c r="BB51" s="162" t="e">
        <f t="shared" si="221"/>
        <v>#N/A</v>
      </c>
      <c r="BC51" s="162" t="e">
        <f t="shared" si="222"/>
        <v>#N/A</v>
      </c>
      <c r="BD51" s="162" t="e">
        <f t="shared" si="223"/>
        <v>#N/A</v>
      </c>
      <c r="BE51" s="162" t="e">
        <f t="shared" si="224"/>
        <v>#N/A</v>
      </c>
      <c r="BF51" s="162" t="e">
        <f t="shared" si="225"/>
        <v>#N/A</v>
      </c>
      <c r="BG51" s="162" t="e">
        <f t="shared" si="226"/>
        <v>#N/A</v>
      </c>
      <c r="BH51" s="162" t="e">
        <f t="shared" si="227"/>
        <v>#N/A</v>
      </c>
      <c r="BI51" s="162" t="e">
        <f t="shared" si="228"/>
        <v>#N/A</v>
      </c>
      <c r="BJ51" s="162" t="e">
        <f t="shared" si="229"/>
        <v>#N/A</v>
      </c>
      <c r="BK51" s="162" t="e">
        <f t="shared" si="230"/>
        <v>#N/A</v>
      </c>
      <c r="BL51" s="162">
        <f t="shared" si="231"/>
        <v>2.3784142300054421</v>
      </c>
      <c r="BM51" s="162" t="e">
        <f t="shared" si="232"/>
        <v>#N/A</v>
      </c>
      <c r="BN51" s="162" t="e">
        <f t="shared" si="233"/>
        <v>#N/A</v>
      </c>
      <c r="BO51" s="162" t="e">
        <f t="shared" si="234"/>
        <v>#N/A</v>
      </c>
      <c r="BP51" s="162" t="e">
        <f t="shared" si="235"/>
        <v>#N/A</v>
      </c>
      <c r="BQ51" s="162" t="e">
        <f t="shared" si="236"/>
        <v>#N/A</v>
      </c>
      <c r="BR51" s="162" t="e">
        <f t="shared" si="237"/>
        <v>#N/A</v>
      </c>
      <c r="BS51" s="162" t="e">
        <f t="shared" si="238"/>
        <v>#N/A</v>
      </c>
      <c r="BT51" s="162" t="e">
        <f t="shared" si="239"/>
        <v>#N/A</v>
      </c>
      <c r="BU51" s="162" t="e">
        <f t="shared" si="240"/>
        <v>#N/A</v>
      </c>
      <c r="BV51" s="162" t="e">
        <f t="shared" si="241"/>
        <v>#N/A</v>
      </c>
      <c r="BW51" s="162" t="e">
        <f t="shared" si="242"/>
        <v>#N/A</v>
      </c>
      <c r="BX51" s="162" t="e">
        <f t="shared" si="243"/>
        <v>#N/A</v>
      </c>
      <c r="BY51" s="162">
        <f t="shared" si="244"/>
        <v>5.6568542494923806</v>
      </c>
      <c r="BZ51" s="162" t="e">
        <f t="shared" si="245"/>
        <v>#N/A</v>
      </c>
      <c r="CA51" s="162" t="e">
        <f t="shared" si="246"/>
        <v>#N/A</v>
      </c>
      <c r="CB51" s="162" t="e">
        <f t="shared" si="247"/>
        <v>#N/A</v>
      </c>
      <c r="CC51" s="162" t="e">
        <f t="shared" si="248"/>
        <v>#N/A</v>
      </c>
      <c r="CD51" s="162" t="e">
        <f t="shared" si="249"/>
        <v>#N/A</v>
      </c>
      <c r="CE51" s="162" t="e">
        <f t="shared" si="250"/>
        <v>#N/A</v>
      </c>
      <c r="CF51" s="162" t="e">
        <f t="shared" si="251"/>
        <v>#N/A</v>
      </c>
      <c r="CG51" s="162" t="e">
        <f t="shared" si="252"/>
        <v>#N/A</v>
      </c>
      <c r="CH51" s="162" t="e">
        <f t="shared" si="253"/>
        <v>#N/A</v>
      </c>
      <c r="CI51" s="162" t="e">
        <f t="shared" si="254"/>
        <v>#N/A</v>
      </c>
      <c r="CJ51" s="162" t="e">
        <f t="shared" si="255"/>
        <v>#N/A</v>
      </c>
      <c r="CK51" s="162" t="e">
        <f t="shared" si="256"/>
        <v>#N/A</v>
      </c>
      <c r="CL51">
        <f t="shared" si="257"/>
        <v>1.3729593947216077</v>
      </c>
      <c r="CM51" t="e">
        <f t="shared" si="258"/>
        <v>#N/A</v>
      </c>
      <c r="CN51" t="e">
        <f t="shared" si="259"/>
        <v>#N/A</v>
      </c>
      <c r="CO51" t="e">
        <f t="shared" si="260"/>
        <v>#N/A</v>
      </c>
      <c r="CP51" t="e">
        <f t="shared" si="261"/>
        <v>#N/A</v>
      </c>
      <c r="CQ51" t="e">
        <f t="shared" si="262"/>
        <v>#N/A</v>
      </c>
      <c r="CR51" t="e">
        <f t="shared" si="263"/>
        <v>#N/A</v>
      </c>
      <c r="CS51" t="e">
        <f t="shared" si="264"/>
        <v>#N/A</v>
      </c>
      <c r="CT51" t="e">
        <f t="shared" si="265"/>
        <v>#N/A</v>
      </c>
      <c r="CU51" t="e">
        <f t="shared" si="266"/>
        <v>#N/A</v>
      </c>
      <c r="CV51" t="e">
        <f t="shared" si="267"/>
        <v>#N/A</v>
      </c>
      <c r="CW51" t="e">
        <f t="shared" si="268"/>
        <v>#N/A</v>
      </c>
      <c r="CX51" s="98" t="e">
        <f t="shared" si="269"/>
        <v>#N/A</v>
      </c>
      <c r="CY51">
        <f t="shared" si="270"/>
        <v>1.1029593947216076</v>
      </c>
      <c r="CZ51" t="e">
        <f t="shared" si="271"/>
        <v>#N/A</v>
      </c>
      <c r="DA51" t="e">
        <f t="shared" si="272"/>
        <v>#N/A</v>
      </c>
      <c r="DB51" t="e">
        <f t="shared" si="273"/>
        <v>#N/A</v>
      </c>
      <c r="DC51" t="e">
        <f t="shared" si="274"/>
        <v>#N/A</v>
      </c>
      <c r="DD51" t="e">
        <f t="shared" si="275"/>
        <v>#N/A</v>
      </c>
      <c r="DE51" t="e">
        <f t="shared" si="276"/>
        <v>#N/A</v>
      </c>
      <c r="DF51" t="e">
        <f t="shared" si="277"/>
        <v>#N/A</v>
      </c>
      <c r="DG51" t="e">
        <f t="shared" si="278"/>
        <v>#N/A</v>
      </c>
      <c r="DH51" t="e">
        <f t="shared" si="279"/>
        <v>#N/A</v>
      </c>
      <c r="DI51" t="e">
        <f t="shared" si="280"/>
        <v>#N/A</v>
      </c>
      <c r="DJ51" t="e">
        <f t="shared" si="281"/>
        <v>#N/A</v>
      </c>
      <c r="DK51" t="e">
        <f t="shared" si="282"/>
        <v>#N/A</v>
      </c>
      <c r="DL51" s="97">
        <f t="shared" si="283"/>
        <v>1.5000349036450102</v>
      </c>
      <c r="DM51" t="e">
        <f t="shared" si="284"/>
        <v>#N/A</v>
      </c>
      <c r="DN51" t="e">
        <f t="shared" si="285"/>
        <v>#N/A</v>
      </c>
      <c r="DO51" t="e">
        <f t="shared" si="286"/>
        <v>#N/A</v>
      </c>
      <c r="DP51" t="e">
        <f t="shared" si="287"/>
        <v>#N/A</v>
      </c>
      <c r="DQ51" t="e">
        <f t="shared" si="288"/>
        <v>#N/A</v>
      </c>
      <c r="DR51" t="e">
        <f t="shared" si="289"/>
        <v>#N/A</v>
      </c>
      <c r="DS51" t="e">
        <f t="shared" si="290"/>
        <v>#N/A</v>
      </c>
      <c r="DT51" t="e">
        <f t="shared" si="291"/>
        <v>#N/A</v>
      </c>
      <c r="DU51" t="e">
        <f t="shared" si="292"/>
        <v>#N/A</v>
      </c>
      <c r="DV51" t="e">
        <f t="shared" si="293"/>
        <v>#N/A</v>
      </c>
      <c r="DW51" t="e">
        <f t="shared" si="294"/>
        <v>#N/A</v>
      </c>
      <c r="DX51" s="98" t="e">
        <f t="shared" si="295"/>
        <v>#N/A</v>
      </c>
      <c r="DY51">
        <f t="shared" si="296"/>
        <v>1.0527062241310117</v>
      </c>
      <c r="DZ51" t="e">
        <f t="shared" si="297"/>
        <v>#N/A</v>
      </c>
      <c r="EA51" t="e">
        <f t="shared" si="298"/>
        <v>#N/A</v>
      </c>
      <c r="EB51" t="e">
        <f t="shared" si="299"/>
        <v>#N/A</v>
      </c>
      <c r="EC51" t="e">
        <f t="shared" si="300"/>
        <v>#N/A</v>
      </c>
      <c r="ED51" t="e">
        <f t="shared" si="301"/>
        <v>#N/A</v>
      </c>
      <c r="EE51" t="e">
        <f t="shared" si="302"/>
        <v>#N/A</v>
      </c>
      <c r="EF51" t="e">
        <f t="shared" si="303"/>
        <v>#N/A</v>
      </c>
      <c r="EG51" t="e">
        <f t="shared" si="304"/>
        <v>#N/A</v>
      </c>
      <c r="EH51" t="e">
        <f t="shared" si="305"/>
        <v>#N/A</v>
      </c>
      <c r="EI51" t="e">
        <f t="shared" si="306"/>
        <v>#N/A</v>
      </c>
      <c r="EJ51" t="e">
        <f t="shared" si="307"/>
        <v>#N/A</v>
      </c>
      <c r="EK51" t="e">
        <f t="shared" si="308"/>
        <v>#N/A</v>
      </c>
      <c r="EL51" s="97">
        <f t="shared" si="309"/>
        <v>1.1554124482620232</v>
      </c>
      <c r="EM51" t="e">
        <f t="shared" si="310"/>
        <v>#N/A</v>
      </c>
      <c r="EN51" t="e">
        <f t="shared" si="311"/>
        <v>#N/A</v>
      </c>
      <c r="EO51" t="e">
        <f t="shared" si="312"/>
        <v>#N/A</v>
      </c>
      <c r="EP51" t="e">
        <f t="shared" si="313"/>
        <v>#N/A</v>
      </c>
      <c r="EQ51" t="e">
        <f t="shared" si="314"/>
        <v>#N/A</v>
      </c>
      <c r="ER51" t="e">
        <f t="shared" si="315"/>
        <v>#N/A</v>
      </c>
      <c r="ES51" t="e">
        <f t="shared" si="316"/>
        <v>#N/A</v>
      </c>
      <c r="ET51" t="e">
        <f t="shared" si="317"/>
        <v>#N/A</v>
      </c>
      <c r="EU51" t="e">
        <f t="shared" si="318"/>
        <v>#N/A</v>
      </c>
      <c r="EV51" t="e">
        <f t="shared" si="319"/>
        <v>#N/A</v>
      </c>
      <c r="EW51" t="e">
        <f t="shared" si="320"/>
        <v>#N/A</v>
      </c>
      <c r="EX51" s="98" t="e">
        <f t="shared" si="321"/>
        <v>#N/A</v>
      </c>
      <c r="EY51" s="97">
        <f t="shared" si="322"/>
        <v>0.90541244826202316</v>
      </c>
      <c r="EZ51" t="e">
        <f t="shared" si="323"/>
        <v>#N/A</v>
      </c>
      <c r="FA51" t="e">
        <f t="shared" si="324"/>
        <v>#N/A</v>
      </c>
      <c r="FB51" t="e">
        <f t="shared" si="325"/>
        <v>#N/A</v>
      </c>
      <c r="FC51" t="e">
        <f t="shared" si="326"/>
        <v>#N/A</v>
      </c>
      <c r="FD51" t="e">
        <f t="shared" si="327"/>
        <v>#N/A</v>
      </c>
      <c r="FE51" t="e">
        <f t="shared" si="328"/>
        <v>#N/A</v>
      </c>
      <c r="FF51" t="e">
        <f t="shared" si="329"/>
        <v>#N/A</v>
      </c>
      <c r="FG51" t="e">
        <f t="shared" si="330"/>
        <v>#N/A</v>
      </c>
      <c r="FH51" t="e">
        <f t="shared" si="331"/>
        <v>#N/A</v>
      </c>
      <c r="FI51" t="e">
        <f t="shared" si="332"/>
        <v>#N/A</v>
      </c>
      <c r="FJ51" t="e">
        <f t="shared" si="333"/>
        <v>#N/A</v>
      </c>
      <c r="FK51" t="e">
        <f t="shared" si="334"/>
        <v>#N/A</v>
      </c>
      <c r="FL51" s="126">
        <f t="shared" si="335"/>
        <v>0</v>
      </c>
      <c r="FM51" s="91" t="e">
        <f t="shared" si="336"/>
        <v>#N/A</v>
      </c>
      <c r="FN51" s="91" t="e">
        <f t="shared" si="337"/>
        <v>#N/A</v>
      </c>
      <c r="FO51" s="91" t="e">
        <f t="shared" si="338"/>
        <v>#N/A</v>
      </c>
      <c r="FP51" s="91" t="e">
        <f t="shared" si="339"/>
        <v>#N/A</v>
      </c>
      <c r="FQ51" s="91" t="e">
        <f t="shared" si="340"/>
        <v>#N/A</v>
      </c>
      <c r="FR51" s="91" t="e">
        <f t="shared" si="341"/>
        <v>#N/A</v>
      </c>
      <c r="FS51" s="91" t="e">
        <f t="shared" si="342"/>
        <v>#N/A</v>
      </c>
      <c r="FT51" s="91" t="e">
        <f t="shared" si="343"/>
        <v>#N/A</v>
      </c>
      <c r="FU51" s="91" t="e">
        <f t="shared" si="344"/>
        <v>#N/A</v>
      </c>
      <c r="FV51" s="91" t="e">
        <f t="shared" si="345"/>
        <v>#N/A</v>
      </c>
      <c r="FW51" s="91" t="e">
        <f t="shared" si="346"/>
        <v>#N/A</v>
      </c>
      <c r="FX51" s="91" t="e">
        <f t="shared" si="347"/>
        <v>#N/A</v>
      </c>
      <c r="FY51" s="91">
        <f t="shared" si="348"/>
        <v>0</v>
      </c>
      <c r="FZ51" s="91" t="e">
        <f t="shared" si="349"/>
        <v>#N/A</v>
      </c>
      <c r="GA51" s="91" t="e">
        <f t="shared" si="350"/>
        <v>#N/A</v>
      </c>
      <c r="GB51" s="91" t="e">
        <f t="shared" si="351"/>
        <v>#N/A</v>
      </c>
      <c r="GC51" s="91" t="e">
        <f t="shared" si="352"/>
        <v>#N/A</v>
      </c>
      <c r="GD51" s="91" t="e">
        <f t="shared" si="353"/>
        <v>#N/A</v>
      </c>
      <c r="GE51" s="91" t="e">
        <f t="shared" si="354"/>
        <v>#N/A</v>
      </c>
      <c r="GF51" s="91" t="e">
        <f t="shared" si="355"/>
        <v>#N/A</v>
      </c>
      <c r="GG51" s="91" t="e">
        <f t="shared" si="356"/>
        <v>#N/A</v>
      </c>
      <c r="GH51" s="91" t="e">
        <f t="shared" si="357"/>
        <v>#N/A</v>
      </c>
      <c r="GI51" s="91" t="e">
        <f t="shared" si="358"/>
        <v>#N/A</v>
      </c>
      <c r="GJ51" s="91" t="e">
        <f t="shared" si="359"/>
        <v>#N/A</v>
      </c>
      <c r="GK51" s="127" t="e">
        <f t="shared" si="360"/>
        <v>#N/A</v>
      </c>
      <c r="GL51" s="126">
        <f t="shared" si="361"/>
        <v>0</v>
      </c>
      <c r="GM51" s="91" t="e">
        <f t="shared" si="362"/>
        <v>#N/A</v>
      </c>
      <c r="GN51" s="91" t="e">
        <f t="shared" si="363"/>
        <v>#N/A</v>
      </c>
      <c r="GO51" s="91" t="e">
        <f t="shared" si="364"/>
        <v>#N/A</v>
      </c>
      <c r="GP51" s="91" t="e">
        <f t="shared" si="365"/>
        <v>#N/A</v>
      </c>
      <c r="GQ51" s="91" t="e">
        <f t="shared" si="366"/>
        <v>#N/A</v>
      </c>
      <c r="GR51" s="91" t="e">
        <f t="shared" si="367"/>
        <v>#N/A</v>
      </c>
      <c r="GS51" s="91" t="e">
        <f t="shared" si="368"/>
        <v>#N/A</v>
      </c>
      <c r="GT51" s="91" t="e">
        <f t="shared" si="369"/>
        <v>#N/A</v>
      </c>
      <c r="GU51" s="91" t="e">
        <f t="shared" si="370"/>
        <v>#N/A</v>
      </c>
      <c r="GV51" s="91" t="e">
        <f t="shared" si="371"/>
        <v>#N/A</v>
      </c>
      <c r="GW51" s="91" t="e">
        <f t="shared" si="372"/>
        <v>#N/A</v>
      </c>
      <c r="GX51" s="91" t="e">
        <f t="shared" si="373"/>
        <v>#N/A</v>
      </c>
      <c r="GY51" s="91">
        <f t="shared" si="374"/>
        <v>0</v>
      </c>
      <c r="GZ51" s="91" t="e">
        <f t="shared" si="375"/>
        <v>#N/A</v>
      </c>
      <c r="HA51" s="91" t="e">
        <f t="shared" si="376"/>
        <v>#N/A</v>
      </c>
      <c r="HB51" s="91" t="e">
        <f t="shared" si="377"/>
        <v>#N/A</v>
      </c>
      <c r="HC51" s="91" t="e">
        <f t="shared" si="378"/>
        <v>#N/A</v>
      </c>
      <c r="HD51" s="91" t="e">
        <f t="shared" si="379"/>
        <v>#N/A</v>
      </c>
      <c r="HE51" s="91" t="e">
        <f t="shared" si="380"/>
        <v>#N/A</v>
      </c>
      <c r="HF51" s="91" t="e">
        <f t="shared" si="381"/>
        <v>#N/A</v>
      </c>
      <c r="HG51" s="91" t="e">
        <f t="shared" si="382"/>
        <v>#N/A</v>
      </c>
      <c r="HH51" s="91" t="e">
        <f t="shared" si="383"/>
        <v>#N/A</v>
      </c>
      <c r="HI51" s="91" t="e">
        <f t="shared" si="384"/>
        <v>#N/A</v>
      </c>
      <c r="HJ51" s="91" t="e">
        <f t="shared" si="385"/>
        <v>#N/A</v>
      </c>
      <c r="HK51" s="127" t="e">
        <f t="shared" si="386"/>
        <v>#N/A</v>
      </c>
      <c r="HL51" s="126">
        <f t="shared" si="387"/>
        <v>0</v>
      </c>
      <c r="HM51" s="91" t="e">
        <f t="shared" si="388"/>
        <v>#N/A</v>
      </c>
      <c r="HN51" s="91" t="e">
        <f t="shared" si="389"/>
        <v>#N/A</v>
      </c>
      <c r="HO51" s="91" t="e">
        <f t="shared" si="390"/>
        <v>#N/A</v>
      </c>
      <c r="HP51" s="91" t="e">
        <f t="shared" si="391"/>
        <v>#N/A</v>
      </c>
      <c r="HQ51" s="91" t="e">
        <f t="shared" si="392"/>
        <v>#N/A</v>
      </c>
      <c r="HR51" s="91" t="e">
        <f t="shared" si="393"/>
        <v>#N/A</v>
      </c>
      <c r="HS51" s="91" t="e">
        <f t="shared" si="394"/>
        <v>#N/A</v>
      </c>
      <c r="HT51" s="91" t="e">
        <f t="shared" si="395"/>
        <v>#N/A</v>
      </c>
      <c r="HU51" s="91" t="e">
        <f t="shared" si="396"/>
        <v>#N/A</v>
      </c>
      <c r="HV51" s="91" t="e">
        <f t="shared" si="397"/>
        <v>#N/A</v>
      </c>
      <c r="HW51" s="91" t="e">
        <f t="shared" si="398"/>
        <v>#N/A</v>
      </c>
      <c r="HX51" s="91" t="e">
        <f t="shared" si="399"/>
        <v>#N/A</v>
      </c>
      <c r="HY51" s="91">
        <f t="shared" si="400"/>
        <v>0</v>
      </c>
      <c r="HZ51" s="91" t="e">
        <f t="shared" si="401"/>
        <v>#N/A</v>
      </c>
      <c r="IA51" s="91" t="e">
        <f t="shared" si="402"/>
        <v>#N/A</v>
      </c>
      <c r="IB51" s="91" t="e">
        <f t="shared" si="403"/>
        <v>#N/A</v>
      </c>
      <c r="IC51" s="91" t="e">
        <f t="shared" si="404"/>
        <v>#N/A</v>
      </c>
      <c r="ID51" s="91" t="e">
        <f t="shared" si="405"/>
        <v>#N/A</v>
      </c>
      <c r="IE51" s="91" t="e">
        <f t="shared" si="406"/>
        <v>#N/A</v>
      </c>
      <c r="IF51" s="91" t="e">
        <f t="shared" si="407"/>
        <v>#N/A</v>
      </c>
      <c r="IG51" s="91" t="e">
        <f t="shared" si="408"/>
        <v>#N/A</v>
      </c>
      <c r="IH51" s="91" t="e">
        <f t="shared" si="409"/>
        <v>#N/A</v>
      </c>
      <c r="II51" s="91" t="e">
        <f t="shared" si="410"/>
        <v>#N/A</v>
      </c>
      <c r="IJ51" s="91" t="e">
        <f t="shared" si="411"/>
        <v>#N/A</v>
      </c>
      <c r="IK51" s="127" t="e">
        <f t="shared" si="412"/>
        <v>#N/A</v>
      </c>
    </row>
    <row r="52" spans="2:245" x14ac:dyDescent="0.2">
      <c r="B52" s="79">
        <f t="shared" si="188"/>
        <v>-41.5</v>
      </c>
      <c r="C52" s="73">
        <f>'p-y mono_clay'!C52</f>
        <v>26</v>
      </c>
      <c r="D52" s="64">
        <f>'p-y mono_clay'!D52</f>
        <v>25.986999999999998</v>
      </c>
      <c r="E52" s="64" t="str">
        <f>'p-y mono_clay'!E52</f>
        <v>SAND</v>
      </c>
      <c r="F52" s="55">
        <f>VLOOKUP($C52, 'Pile Property'!$A$8:$D$108,2,TRUE)</f>
        <v>2</v>
      </c>
      <c r="G52" s="102" t="e">
        <f>'p-y mono_clay'!Z52</f>
        <v>#N/A</v>
      </c>
      <c r="H52" s="199">
        <f>'p-y mono_clay'!AM52</f>
        <v>0</v>
      </c>
      <c r="I52" s="55" t="e">
        <f>'p-y mono_clay'!AN52</f>
        <v>#N/A</v>
      </c>
      <c r="J52" s="55" t="e">
        <f>'p-y mono_clay'!AO52</f>
        <v>#N/A</v>
      </c>
      <c r="K52" s="55" t="e">
        <f>'p-y mono_clay'!AP52</f>
        <v>#N/A</v>
      </c>
      <c r="L52" s="55" t="e">
        <f>'p-y mono_clay'!AQ52</f>
        <v>#N/A</v>
      </c>
      <c r="M52" s="55" t="e">
        <f>'p-y mono_clay'!AR52</f>
        <v>#N/A</v>
      </c>
      <c r="N52" s="55" t="e">
        <f>'p-y mono_clay'!AS52</f>
        <v>#N/A</v>
      </c>
      <c r="O52" s="55" t="e">
        <f>'p-y mono_clay'!AT52</f>
        <v>#N/A</v>
      </c>
      <c r="P52" s="55" t="e">
        <f>'p-y mono_clay'!AU52</f>
        <v>#N/A</v>
      </c>
      <c r="Q52" s="55" t="e">
        <f>'p-y mono_clay'!AV52</f>
        <v>#N/A</v>
      </c>
      <c r="R52" s="55" t="e">
        <f>'p-y mono_clay'!AW52</f>
        <v>#N/A</v>
      </c>
      <c r="S52" s="55" t="e">
        <f>'p-y mono_clay'!AX52</f>
        <v>#N/A</v>
      </c>
      <c r="T52" s="200">
        <f>'p-y mono_clay'!AY52</f>
        <v>6000</v>
      </c>
      <c r="U52" s="199">
        <f>'p-y mono_clay'!AZ52</f>
        <v>0</v>
      </c>
      <c r="V52" s="55" t="e">
        <f>'p-y mono_clay'!BA52</f>
        <v>#N/A</v>
      </c>
      <c r="W52" s="55" t="e">
        <f>'p-y mono_clay'!BB52</f>
        <v>#N/A</v>
      </c>
      <c r="X52" s="55" t="e">
        <f>'p-y mono_clay'!BC52</f>
        <v>#N/A</v>
      </c>
      <c r="Y52" s="55" t="e">
        <f>'p-y mono_clay'!BD52</f>
        <v>#N/A</v>
      </c>
      <c r="Z52" s="55" t="e">
        <f>'p-y mono_clay'!BE52</f>
        <v>#N/A</v>
      </c>
      <c r="AA52" s="55" t="e">
        <f>'p-y mono_clay'!BF52</f>
        <v>#N/A</v>
      </c>
      <c r="AB52" s="55" t="e">
        <f>'p-y mono_clay'!BG52</f>
        <v>#N/A</v>
      </c>
      <c r="AC52" s="55" t="e">
        <f>'p-y mono_clay'!BH52</f>
        <v>#N/A</v>
      </c>
      <c r="AD52" s="55" t="e">
        <f>'p-y mono_clay'!BI52</f>
        <v>#N/A</v>
      </c>
      <c r="AE52" s="55" t="e">
        <f>'p-y mono_clay'!BJ52</f>
        <v>#N/A</v>
      </c>
      <c r="AF52" s="55" t="e">
        <f>'p-y mono_clay'!BK52</f>
        <v>#N/A</v>
      </c>
      <c r="AG52" s="200" t="e">
        <f>'p-y mono_clay'!BL52</f>
        <v>#N/A</v>
      </c>
      <c r="AH52">
        <f t="shared" si="205"/>
        <v>30</v>
      </c>
      <c r="AI52">
        <v>0</v>
      </c>
      <c r="AJ52" t="e">
        <f t="shared" si="206"/>
        <v>#N/A</v>
      </c>
      <c r="AK52" t="e">
        <f t="shared" si="207"/>
        <v>#N/A</v>
      </c>
      <c r="AL52" t="e">
        <f t="shared" si="208"/>
        <v>#N/A</v>
      </c>
      <c r="AM52" t="e">
        <f t="shared" si="209"/>
        <v>#N/A</v>
      </c>
      <c r="AN52" t="e">
        <f t="shared" si="210"/>
        <v>#N/A</v>
      </c>
      <c r="AO52" t="e">
        <f t="shared" si="211"/>
        <v>#N/A</v>
      </c>
      <c r="AP52" t="e">
        <f t="shared" si="212"/>
        <v>#N/A</v>
      </c>
      <c r="AQ52" t="e">
        <f t="shared" si="213"/>
        <v>#N/A</v>
      </c>
      <c r="AR52" t="e">
        <f t="shared" si="214"/>
        <v>#N/A</v>
      </c>
      <c r="AS52" t="e">
        <f t="shared" si="215"/>
        <v>#N/A</v>
      </c>
      <c r="AT52" t="e">
        <f t="shared" si="216"/>
        <v>#N/A</v>
      </c>
      <c r="AU52" t="e">
        <f t="shared" si="217"/>
        <v>#N/A</v>
      </c>
      <c r="AV52">
        <v>1</v>
      </c>
      <c r="AW52">
        <v>1.25</v>
      </c>
      <c r="AX52">
        <v>2.5</v>
      </c>
      <c r="AY52" s="162">
        <f t="shared" si="218"/>
        <v>2</v>
      </c>
      <c r="AZ52" s="162" t="e">
        <f t="shared" si="219"/>
        <v>#N/A</v>
      </c>
      <c r="BA52" s="162" t="e">
        <f t="shared" si="220"/>
        <v>#N/A</v>
      </c>
      <c r="BB52" s="162" t="e">
        <f t="shared" si="221"/>
        <v>#N/A</v>
      </c>
      <c r="BC52" s="162" t="e">
        <f t="shared" si="222"/>
        <v>#N/A</v>
      </c>
      <c r="BD52" s="162" t="e">
        <f t="shared" si="223"/>
        <v>#N/A</v>
      </c>
      <c r="BE52" s="162" t="e">
        <f t="shared" si="224"/>
        <v>#N/A</v>
      </c>
      <c r="BF52" s="162" t="e">
        <f t="shared" si="225"/>
        <v>#N/A</v>
      </c>
      <c r="BG52" s="162" t="e">
        <f t="shared" si="226"/>
        <v>#N/A</v>
      </c>
      <c r="BH52" s="162" t="e">
        <f t="shared" si="227"/>
        <v>#N/A</v>
      </c>
      <c r="BI52" s="162" t="e">
        <f t="shared" si="228"/>
        <v>#N/A</v>
      </c>
      <c r="BJ52" s="162" t="e">
        <f t="shared" si="229"/>
        <v>#N/A</v>
      </c>
      <c r="BK52" s="162" t="e">
        <f t="shared" si="230"/>
        <v>#N/A</v>
      </c>
      <c r="BL52" s="162">
        <f t="shared" si="231"/>
        <v>2.3784142300054421</v>
      </c>
      <c r="BM52" s="162" t="e">
        <f t="shared" si="232"/>
        <v>#N/A</v>
      </c>
      <c r="BN52" s="162" t="e">
        <f t="shared" si="233"/>
        <v>#N/A</v>
      </c>
      <c r="BO52" s="162" t="e">
        <f t="shared" si="234"/>
        <v>#N/A</v>
      </c>
      <c r="BP52" s="162" t="e">
        <f t="shared" si="235"/>
        <v>#N/A</v>
      </c>
      <c r="BQ52" s="162" t="e">
        <f t="shared" si="236"/>
        <v>#N/A</v>
      </c>
      <c r="BR52" s="162" t="e">
        <f t="shared" si="237"/>
        <v>#N/A</v>
      </c>
      <c r="BS52" s="162" t="e">
        <f t="shared" si="238"/>
        <v>#N/A</v>
      </c>
      <c r="BT52" s="162" t="e">
        <f t="shared" si="239"/>
        <v>#N/A</v>
      </c>
      <c r="BU52" s="162" t="e">
        <f t="shared" si="240"/>
        <v>#N/A</v>
      </c>
      <c r="BV52" s="162" t="e">
        <f t="shared" si="241"/>
        <v>#N/A</v>
      </c>
      <c r="BW52" s="162" t="e">
        <f t="shared" si="242"/>
        <v>#N/A</v>
      </c>
      <c r="BX52" s="162" t="e">
        <f t="shared" si="243"/>
        <v>#N/A</v>
      </c>
      <c r="BY52" s="162">
        <f t="shared" si="244"/>
        <v>5.6568542494923806</v>
      </c>
      <c r="BZ52" s="162" t="e">
        <f t="shared" si="245"/>
        <v>#N/A</v>
      </c>
      <c r="CA52" s="162" t="e">
        <f t="shared" si="246"/>
        <v>#N/A</v>
      </c>
      <c r="CB52" s="162" t="e">
        <f t="shared" si="247"/>
        <v>#N/A</v>
      </c>
      <c r="CC52" s="162" t="e">
        <f t="shared" si="248"/>
        <v>#N/A</v>
      </c>
      <c r="CD52" s="162" t="e">
        <f t="shared" si="249"/>
        <v>#N/A</v>
      </c>
      <c r="CE52" s="162" t="e">
        <f t="shared" si="250"/>
        <v>#N/A</v>
      </c>
      <c r="CF52" s="162" t="e">
        <f t="shared" si="251"/>
        <v>#N/A</v>
      </c>
      <c r="CG52" s="162" t="e">
        <f t="shared" si="252"/>
        <v>#N/A</v>
      </c>
      <c r="CH52" s="162" t="e">
        <f t="shared" si="253"/>
        <v>#N/A</v>
      </c>
      <c r="CI52" s="162" t="e">
        <f t="shared" si="254"/>
        <v>#N/A</v>
      </c>
      <c r="CJ52" s="162" t="e">
        <f t="shared" si="255"/>
        <v>#N/A</v>
      </c>
      <c r="CK52" s="162" t="e">
        <f t="shared" si="256"/>
        <v>#N/A</v>
      </c>
      <c r="CL52">
        <f t="shared" si="257"/>
        <v>1.3729593947216077</v>
      </c>
      <c r="CM52" t="e">
        <f t="shared" si="258"/>
        <v>#N/A</v>
      </c>
      <c r="CN52" t="e">
        <f t="shared" si="259"/>
        <v>#N/A</v>
      </c>
      <c r="CO52" t="e">
        <f t="shared" si="260"/>
        <v>#N/A</v>
      </c>
      <c r="CP52" t="e">
        <f t="shared" si="261"/>
        <v>#N/A</v>
      </c>
      <c r="CQ52" t="e">
        <f t="shared" si="262"/>
        <v>#N/A</v>
      </c>
      <c r="CR52" t="e">
        <f t="shared" si="263"/>
        <v>#N/A</v>
      </c>
      <c r="CS52" t="e">
        <f t="shared" si="264"/>
        <v>#N/A</v>
      </c>
      <c r="CT52" t="e">
        <f t="shared" si="265"/>
        <v>#N/A</v>
      </c>
      <c r="CU52" t="e">
        <f t="shared" si="266"/>
        <v>#N/A</v>
      </c>
      <c r="CV52" t="e">
        <f t="shared" si="267"/>
        <v>#N/A</v>
      </c>
      <c r="CW52" t="e">
        <f t="shared" si="268"/>
        <v>#N/A</v>
      </c>
      <c r="CX52" s="98" t="e">
        <f t="shared" si="269"/>
        <v>#N/A</v>
      </c>
      <c r="CY52">
        <f t="shared" si="270"/>
        <v>1.1029593947216076</v>
      </c>
      <c r="CZ52" t="e">
        <f t="shared" si="271"/>
        <v>#N/A</v>
      </c>
      <c r="DA52" t="e">
        <f t="shared" si="272"/>
        <v>#N/A</v>
      </c>
      <c r="DB52" t="e">
        <f t="shared" si="273"/>
        <v>#N/A</v>
      </c>
      <c r="DC52" t="e">
        <f t="shared" si="274"/>
        <v>#N/A</v>
      </c>
      <c r="DD52" t="e">
        <f t="shared" si="275"/>
        <v>#N/A</v>
      </c>
      <c r="DE52" t="e">
        <f t="shared" si="276"/>
        <v>#N/A</v>
      </c>
      <c r="DF52" t="e">
        <f t="shared" si="277"/>
        <v>#N/A</v>
      </c>
      <c r="DG52" t="e">
        <f t="shared" si="278"/>
        <v>#N/A</v>
      </c>
      <c r="DH52" t="e">
        <f t="shared" si="279"/>
        <v>#N/A</v>
      </c>
      <c r="DI52" t="e">
        <f t="shared" si="280"/>
        <v>#N/A</v>
      </c>
      <c r="DJ52" t="e">
        <f t="shared" si="281"/>
        <v>#N/A</v>
      </c>
      <c r="DK52" t="e">
        <f t="shared" si="282"/>
        <v>#N/A</v>
      </c>
      <c r="DL52" s="97">
        <f t="shared" si="283"/>
        <v>1.5000349036450102</v>
      </c>
      <c r="DM52" t="e">
        <f t="shared" si="284"/>
        <v>#N/A</v>
      </c>
      <c r="DN52" t="e">
        <f t="shared" si="285"/>
        <v>#N/A</v>
      </c>
      <c r="DO52" t="e">
        <f t="shared" si="286"/>
        <v>#N/A</v>
      </c>
      <c r="DP52" t="e">
        <f t="shared" si="287"/>
        <v>#N/A</v>
      </c>
      <c r="DQ52" t="e">
        <f t="shared" si="288"/>
        <v>#N/A</v>
      </c>
      <c r="DR52" t="e">
        <f t="shared" si="289"/>
        <v>#N/A</v>
      </c>
      <c r="DS52" t="e">
        <f t="shared" si="290"/>
        <v>#N/A</v>
      </c>
      <c r="DT52" t="e">
        <f t="shared" si="291"/>
        <v>#N/A</v>
      </c>
      <c r="DU52" t="e">
        <f t="shared" si="292"/>
        <v>#N/A</v>
      </c>
      <c r="DV52" t="e">
        <f t="shared" si="293"/>
        <v>#N/A</v>
      </c>
      <c r="DW52" t="e">
        <f t="shared" si="294"/>
        <v>#N/A</v>
      </c>
      <c r="DX52" s="98" t="e">
        <f t="shared" si="295"/>
        <v>#N/A</v>
      </c>
      <c r="DY52">
        <f t="shared" si="296"/>
        <v>1.0527062241310117</v>
      </c>
      <c r="DZ52" t="e">
        <f t="shared" si="297"/>
        <v>#N/A</v>
      </c>
      <c r="EA52" t="e">
        <f t="shared" si="298"/>
        <v>#N/A</v>
      </c>
      <c r="EB52" t="e">
        <f t="shared" si="299"/>
        <v>#N/A</v>
      </c>
      <c r="EC52" t="e">
        <f t="shared" si="300"/>
        <v>#N/A</v>
      </c>
      <c r="ED52" t="e">
        <f t="shared" si="301"/>
        <v>#N/A</v>
      </c>
      <c r="EE52" t="e">
        <f t="shared" si="302"/>
        <v>#N/A</v>
      </c>
      <c r="EF52" t="e">
        <f t="shared" si="303"/>
        <v>#N/A</v>
      </c>
      <c r="EG52" t="e">
        <f t="shared" si="304"/>
        <v>#N/A</v>
      </c>
      <c r="EH52" t="e">
        <f t="shared" si="305"/>
        <v>#N/A</v>
      </c>
      <c r="EI52" t="e">
        <f t="shared" si="306"/>
        <v>#N/A</v>
      </c>
      <c r="EJ52" t="e">
        <f t="shared" si="307"/>
        <v>#N/A</v>
      </c>
      <c r="EK52" t="e">
        <f t="shared" si="308"/>
        <v>#N/A</v>
      </c>
      <c r="EL52" s="97">
        <f t="shared" si="309"/>
        <v>1.1554124482620232</v>
      </c>
      <c r="EM52" t="e">
        <f t="shared" si="310"/>
        <v>#N/A</v>
      </c>
      <c r="EN52" t="e">
        <f t="shared" si="311"/>
        <v>#N/A</v>
      </c>
      <c r="EO52" t="e">
        <f t="shared" si="312"/>
        <v>#N/A</v>
      </c>
      <c r="EP52" t="e">
        <f t="shared" si="313"/>
        <v>#N/A</v>
      </c>
      <c r="EQ52" t="e">
        <f t="shared" si="314"/>
        <v>#N/A</v>
      </c>
      <c r="ER52" t="e">
        <f t="shared" si="315"/>
        <v>#N/A</v>
      </c>
      <c r="ES52" t="e">
        <f t="shared" si="316"/>
        <v>#N/A</v>
      </c>
      <c r="ET52" t="e">
        <f t="shared" si="317"/>
        <v>#N/A</v>
      </c>
      <c r="EU52" t="e">
        <f t="shared" si="318"/>
        <v>#N/A</v>
      </c>
      <c r="EV52" t="e">
        <f t="shared" si="319"/>
        <v>#N/A</v>
      </c>
      <c r="EW52" t="e">
        <f t="shared" si="320"/>
        <v>#N/A</v>
      </c>
      <c r="EX52" s="98" t="e">
        <f t="shared" si="321"/>
        <v>#N/A</v>
      </c>
      <c r="EY52" s="97">
        <f t="shared" si="322"/>
        <v>0.90541244826202316</v>
      </c>
      <c r="EZ52" t="e">
        <f t="shared" si="323"/>
        <v>#N/A</v>
      </c>
      <c r="FA52" t="e">
        <f t="shared" si="324"/>
        <v>#N/A</v>
      </c>
      <c r="FB52" t="e">
        <f t="shared" si="325"/>
        <v>#N/A</v>
      </c>
      <c r="FC52" t="e">
        <f t="shared" si="326"/>
        <v>#N/A</v>
      </c>
      <c r="FD52" t="e">
        <f t="shared" si="327"/>
        <v>#N/A</v>
      </c>
      <c r="FE52" t="e">
        <f t="shared" si="328"/>
        <v>#N/A</v>
      </c>
      <c r="FF52" t="e">
        <f t="shared" si="329"/>
        <v>#N/A</v>
      </c>
      <c r="FG52" t="e">
        <f t="shared" si="330"/>
        <v>#N/A</v>
      </c>
      <c r="FH52" t="e">
        <f t="shared" si="331"/>
        <v>#N/A</v>
      </c>
      <c r="FI52" t="e">
        <f t="shared" si="332"/>
        <v>#N/A</v>
      </c>
      <c r="FJ52" t="e">
        <f t="shared" si="333"/>
        <v>#N/A</v>
      </c>
      <c r="FK52" t="e">
        <f t="shared" si="334"/>
        <v>#N/A</v>
      </c>
      <c r="FL52" s="126">
        <f t="shared" si="335"/>
        <v>0</v>
      </c>
      <c r="FM52" s="91" t="e">
        <f t="shared" si="336"/>
        <v>#N/A</v>
      </c>
      <c r="FN52" s="91" t="e">
        <f t="shared" si="337"/>
        <v>#N/A</v>
      </c>
      <c r="FO52" s="91" t="e">
        <f t="shared" si="338"/>
        <v>#N/A</v>
      </c>
      <c r="FP52" s="91" t="e">
        <f t="shared" si="339"/>
        <v>#N/A</v>
      </c>
      <c r="FQ52" s="91" t="e">
        <f t="shared" si="340"/>
        <v>#N/A</v>
      </c>
      <c r="FR52" s="91" t="e">
        <f t="shared" si="341"/>
        <v>#N/A</v>
      </c>
      <c r="FS52" s="91" t="e">
        <f t="shared" si="342"/>
        <v>#N/A</v>
      </c>
      <c r="FT52" s="91" t="e">
        <f t="shared" si="343"/>
        <v>#N/A</v>
      </c>
      <c r="FU52" s="91" t="e">
        <f t="shared" si="344"/>
        <v>#N/A</v>
      </c>
      <c r="FV52" s="91" t="e">
        <f t="shared" si="345"/>
        <v>#N/A</v>
      </c>
      <c r="FW52" s="91" t="e">
        <f t="shared" si="346"/>
        <v>#N/A</v>
      </c>
      <c r="FX52" s="91" t="e">
        <f t="shared" si="347"/>
        <v>#N/A</v>
      </c>
      <c r="FY52" s="91">
        <f t="shared" si="348"/>
        <v>0</v>
      </c>
      <c r="FZ52" s="91" t="e">
        <f t="shared" si="349"/>
        <v>#N/A</v>
      </c>
      <c r="GA52" s="91" t="e">
        <f t="shared" si="350"/>
        <v>#N/A</v>
      </c>
      <c r="GB52" s="91" t="e">
        <f t="shared" si="351"/>
        <v>#N/A</v>
      </c>
      <c r="GC52" s="91" t="e">
        <f t="shared" si="352"/>
        <v>#N/A</v>
      </c>
      <c r="GD52" s="91" t="e">
        <f t="shared" si="353"/>
        <v>#N/A</v>
      </c>
      <c r="GE52" s="91" t="e">
        <f t="shared" si="354"/>
        <v>#N/A</v>
      </c>
      <c r="GF52" s="91" t="e">
        <f t="shared" si="355"/>
        <v>#N/A</v>
      </c>
      <c r="GG52" s="91" t="e">
        <f t="shared" si="356"/>
        <v>#N/A</v>
      </c>
      <c r="GH52" s="91" t="e">
        <f t="shared" si="357"/>
        <v>#N/A</v>
      </c>
      <c r="GI52" s="91" t="e">
        <f t="shared" si="358"/>
        <v>#N/A</v>
      </c>
      <c r="GJ52" s="91" t="e">
        <f t="shared" si="359"/>
        <v>#N/A</v>
      </c>
      <c r="GK52" s="127" t="e">
        <f t="shared" si="360"/>
        <v>#N/A</v>
      </c>
      <c r="GL52" s="126">
        <f t="shared" si="361"/>
        <v>0</v>
      </c>
      <c r="GM52" s="91" t="e">
        <f t="shared" si="362"/>
        <v>#N/A</v>
      </c>
      <c r="GN52" s="91" t="e">
        <f t="shared" si="363"/>
        <v>#N/A</v>
      </c>
      <c r="GO52" s="91" t="e">
        <f t="shared" si="364"/>
        <v>#N/A</v>
      </c>
      <c r="GP52" s="91" t="e">
        <f t="shared" si="365"/>
        <v>#N/A</v>
      </c>
      <c r="GQ52" s="91" t="e">
        <f t="shared" si="366"/>
        <v>#N/A</v>
      </c>
      <c r="GR52" s="91" t="e">
        <f t="shared" si="367"/>
        <v>#N/A</v>
      </c>
      <c r="GS52" s="91" t="e">
        <f t="shared" si="368"/>
        <v>#N/A</v>
      </c>
      <c r="GT52" s="91" t="e">
        <f t="shared" si="369"/>
        <v>#N/A</v>
      </c>
      <c r="GU52" s="91" t="e">
        <f t="shared" si="370"/>
        <v>#N/A</v>
      </c>
      <c r="GV52" s="91" t="e">
        <f t="shared" si="371"/>
        <v>#N/A</v>
      </c>
      <c r="GW52" s="91" t="e">
        <f t="shared" si="372"/>
        <v>#N/A</v>
      </c>
      <c r="GX52" s="91" t="e">
        <f t="shared" si="373"/>
        <v>#N/A</v>
      </c>
      <c r="GY52" s="91">
        <f t="shared" si="374"/>
        <v>0</v>
      </c>
      <c r="GZ52" s="91" t="e">
        <f t="shared" si="375"/>
        <v>#N/A</v>
      </c>
      <c r="HA52" s="91" t="e">
        <f t="shared" si="376"/>
        <v>#N/A</v>
      </c>
      <c r="HB52" s="91" t="e">
        <f t="shared" si="377"/>
        <v>#N/A</v>
      </c>
      <c r="HC52" s="91" t="e">
        <f t="shared" si="378"/>
        <v>#N/A</v>
      </c>
      <c r="HD52" s="91" t="e">
        <f t="shared" si="379"/>
        <v>#N/A</v>
      </c>
      <c r="HE52" s="91" t="e">
        <f t="shared" si="380"/>
        <v>#N/A</v>
      </c>
      <c r="HF52" s="91" t="e">
        <f t="shared" si="381"/>
        <v>#N/A</v>
      </c>
      <c r="HG52" s="91" t="e">
        <f t="shared" si="382"/>
        <v>#N/A</v>
      </c>
      <c r="HH52" s="91" t="e">
        <f t="shared" si="383"/>
        <v>#N/A</v>
      </c>
      <c r="HI52" s="91" t="e">
        <f t="shared" si="384"/>
        <v>#N/A</v>
      </c>
      <c r="HJ52" s="91" t="e">
        <f t="shared" si="385"/>
        <v>#N/A</v>
      </c>
      <c r="HK52" s="127" t="e">
        <f t="shared" si="386"/>
        <v>#N/A</v>
      </c>
      <c r="HL52" s="126">
        <f t="shared" si="387"/>
        <v>0</v>
      </c>
      <c r="HM52" s="91" t="e">
        <f t="shared" si="388"/>
        <v>#N/A</v>
      </c>
      <c r="HN52" s="91" t="e">
        <f t="shared" si="389"/>
        <v>#N/A</v>
      </c>
      <c r="HO52" s="91" t="e">
        <f t="shared" si="390"/>
        <v>#N/A</v>
      </c>
      <c r="HP52" s="91" t="e">
        <f t="shared" si="391"/>
        <v>#N/A</v>
      </c>
      <c r="HQ52" s="91" t="e">
        <f t="shared" si="392"/>
        <v>#N/A</v>
      </c>
      <c r="HR52" s="91" t="e">
        <f t="shared" si="393"/>
        <v>#N/A</v>
      </c>
      <c r="HS52" s="91" t="e">
        <f t="shared" si="394"/>
        <v>#N/A</v>
      </c>
      <c r="HT52" s="91" t="e">
        <f t="shared" si="395"/>
        <v>#N/A</v>
      </c>
      <c r="HU52" s="91" t="e">
        <f t="shared" si="396"/>
        <v>#N/A</v>
      </c>
      <c r="HV52" s="91" t="e">
        <f t="shared" si="397"/>
        <v>#N/A</v>
      </c>
      <c r="HW52" s="91" t="e">
        <f t="shared" si="398"/>
        <v>#N/A</v>
      </c>
      <c r="HX52" s="91" t="e">
        <f t="shared" si="399"/>
        <v>#N/A</v>
      </c>
      <c r="HY52" s="91">
        <f t="shared" si="400"/>
        <v>0</v>
      </c>
      <c r="HZ52" s="91" t="e">
        <f t="shared" si="401"/>
        <v>#N/A</v>
      </c>
      <c r="IA52" s="91" t="e">
        <f t="shared" si="402"/>
        <v>#N/A</v>
      </c>
      <c r="IB52" s="91" t="e">
        <f t="shared" si="403"/>
        <v>#N/A</v>
      </c>
      <c r="IC52" s="91" t="e">
        <f t="shared" si="404"/>
        <v>#N/A</v>
      </c>
      <c r="ID52" s="91" t="e">
        <f t="shared" si="405"/>
        <v>#N/A</v>
      </c>
      <c r="IE52" s="91" t="e">
        <f t="shared" si="406"/>
        <v>#N/A</v>
      </c>
      <c r="IF52" s="91" t="e">
        <f t="shared" si="407"/>
        <v>#N/A</v>
      </c>
      <c r="IG52" s="91" t="e">
        <f t="shared" si="408"/>
        <v>#N/A</v>
      </c>
      <c r="IH52" s="91" t="e">
        <f t="shared" si="409"/>
        <v>#N/A</v>
      </c>
      <c r="II52" s="91" t="e">
        <f t="shared" si="410"/>
        <v>#N/A</v>
      </c>
      <c r="IJ52" s="91" t="e">
        <f t="shared" si="411"/>
        <v>#N/A</v>
      </c>
      <c r="IK52" s="127" t="e">
        <f t="shared" si="412"/>
        <v>#N/A</v>
      </c>
    </row>
    <row r="53" spans="2:245" x14ac:dyDescent="0.2">
      <c r="B53" s="79">
        <f t="shared" si="188"/>
        <v>-42.5</v>
      </c>
      <c r="C53" s="73">
        <f>'p-y mono_clay'!C53</f>
        <v>27</v>
      </c>
      <c r="D53" s="64">
        <f>'p-y mono_clay'!D53</f>
        <v>26.992999999999999</v>
      </c>
      <c r="E53" s="64" t="str">
        <f>'p-y mono_clay'!E53</f>
        <v>SAND</v>
      </c>
      <c r="F53" s="55">
        <f>VLOOKUP($C53, 'Pile Property'!$A$8:$D$108,2,TRUE)</f>
        <v>2</v>
      </c>
      <c r="G53" s="102" t="e">
        <f>'p-y mono_clay'!Z53</f>
        <v>#N/A</v>
      </c>
      <c r="H53" s="199">
        <f>'p-y mono_clay'!AM53</f>
        <v>0</v>
      </c>
      <c r="I53" s="55" t="e">
        <f>'p-y mono_clay'!AN53</f>
        <v>#N/A</v>
      </c>
      <c r="J53" s="55" t="e">
        <f>'p-y mono_clay'!AO53</f>
        <v>#N/A</v>
      </c>
      <c r="K53" s="55" t="e">
        <f>'p-y mono_clay'!AP53</f>
        <v>#N/A</v>
      </c>
      <c r="L53" s="55" t="e">
        <f>'p-y mono_clay'!AQ53</f>
        <v>#N/A</v>
      </c>
      <c r="M53" s="55" t="e">
        <f>'p-y mono_clay'!AR53</f>
        <v>#N/A</v>
      </c>
      <c r="N53" s="55" t="e">
        <f>'p-y mono_clay'!AS53</f>
        <v>#N/A</v>
      </c>
      <c r="O53" s="55" t="e">
        <f>'p-y mono_clay'!AT53</f>
        <v>#N/A</v>
      </c>
      <c r="P53" s="55" t="e">
        <f>'p-y mono_clay'!AU53</f>
        <v>#N/A</v>
      </c>
      <c r="Q53" s="55" t="e">
        <f>'p-y mono_clay'!AV53</f>
        <v>#N/A</v>
      </c>
      <c r="R53" s="55" t="e">
        <f>'p-y mono_clay'!AW53</f>
        <v>#N/A</v>
      </c>
      <c r="S53" s="55" t="e">
        <f>'p-y mono_clay'!AX53</f>
        <v>#N/A</v>
      </c>
      <c r="T53" s="200">
        <f>'p-y mono_clay'!AY53</f>
        <v>6000</v>
      </c>
      <c r="U53" s="199">
        <f>'p-y mono_clay'!AZ53</f>
        <v>0</v>
      </c>
      <c r="V53" s="55" t="e">
        <f>'p-y mono_clay'!BA53</f>
        <v>#N/A</v>
      </c>
      <c r="W53" s="55" t="e">
        <f>'p-y mono_clay'!BB53</f>
        <v>#N/A</v>
      </c>
      <c r="X53" s="55" t="e">
        <f>'p-y mono_clay'!BC53</f>
        <v>#N/A</v>
      </c>
      <c r="Y53" s="55" t="e">
        <f>'p-y mono_clay'!BD53</f>
        <v>#N/A</v>
      </c>
      <c r="Z53" s="55" t="e">
        <f>'p-y mono_clay'!BE53</f>
        <v>#N/A</v>
      </c>
      <c r="AA53" s="55" t="e">
        <f>'p-y mono_clay'!BF53</f>
        <v>#N/A</v>
      </c>
      <c r="AB53" s="55" t="e">
        <f>'p-y mono_clay'!BG53</f>
        <v>#N/A</v>
      </c>
      <c r="AC53" s="55" t="e">
        <f>'p-y mono_clay'!BH53</f>
        <v>#N/A</v>
      </c>
      <c r="AD53" s="55" t="e">
        <f>'p-y mono_clay'!BI53</f>
        <v>#N/A</v>
      </c>
      <c r="AE53" s="55" t="e">
        <f>'p-y mono_clay'!BJ53</f>
        <v>#N/A</v>
      </c>
      <c r="AF53" s="55" t="e">
        <f>'p-y mono_clay'!BK53</f>
        <v>#N/A</v>
      </c>
      <c r="AG53" s="200" t="e">
        <f>'p-y mono_clay'!BL53</f>
        <v>#N/A</v>
      </c>
      <c r="AH53">
        <f t="shared" si="205"/>
        <v>30</v>
      </c>
      <c r="AI53">
        <v>0</v>
      </c>
      <c r="AJ53" t="e">
        <f t="shared" si="206"/>
        <v>#N/A</v>
      </c>
      <c r="AK53" t="e">
        <f t="shared" si="207"/>
        <v>#N/A</v>
      </c>
      <c r="AL53" t="e">
        <f t="shared" si="208"/>
        <v>#N/A</v>
      </c>
      <c r="AM53" t="e">
        <f t="shared" si="209"/>
        <v>#N/A</v>
      </c>
      <c r="AN53" t="e">
        <f t="shared" si="210"/>
        <v>#N/A</v>
      </c>
      <c r="AO53" t="e">
        <f t="shared" si="211"/>
        <v>#N/A</v>
      </c>
      <c r="AP53" t="e">
        <f t="shared" si="212"/>
        <v>#N/A</v>
      </c>
      <c r="AQ53" t="e">
        <f t="shared" si="213"/>
        <v>#N/A</v>
      </c>
      <c r="AR53" t="e">
        <f t="shared" si="214"/>
        <v>#N/A</v>
      </c>
      <c r="AS53" t="e">
        <f t="shared" si="215"/>
        <v>#N/A</v>
      </c>
      <c r="AT53" t="e">
        <f t="shared" si="216"/>
        <v>#N/A</v>
      </c>
      <c r="AU53" t="e">
        <f t="shared" si="217"/>
        <v>#N/A</v>
      </c>
      <c r="AV53">
        <v>1</v>
      </c>
      <c r="AW53">
        <v>1.25</v>
      </c>
      <c r="AX53">
        <v>2.5</v>
      </c>
      <c r="AY53" s="162">
        <f t="shared" si="218"/>
        <v>2</v>
      </c>
      <c r="AZ53" s="162" t="e">
        <f t="shared" si="219"/>
        <v>#N/A</v>
      </c>
      <c r="BA53" s="162" t="e">
        <f t="shared" si="220"/>
        <v>#N/A</v>
      </c>
      <c r="BB53" s="162" t="e">
        <f t="shared" si="221"/>
        <v>#N/A</v>
      </c>
      <c r="BC53" s="162" t="e">
        <f t="shared" si="222"/>
        <v>#N/A</v>
      </c>
      <c r="BD53" s="162" t="e">
        <f t="shared" si="223"/>
        <v>#N/A</v>
      </c>
      <c r="BE53" s="162" t="e">
        <f t="shared" si="224"/>
        <v>#N/A</v>
      </c>
      <c r="BF53" s="162" t="e">
        <f t="shared" si="225"/>
        <v>#N/A</v>
      </c>
      <c r="BG53" s="162" t="e">
        <f t="shared" si="226"/>
        <v>#N/A</v>
      </c>
      <c r="BH53" s="162" t="e">
        <f t="shared" si="227"/>
        <v>#N/A</v>
      </c>
      <c r="BI53" s="162" t="e">
        <f t="shared" si="228"/>
        <v>#N/A</v>
      </c>
      <c r="BJ53" s="162" t="e">
        <f t="shared" si="229"/>
        <v>#N/A</v>
      </c>
      <c r="BK53" s="162" t="e">
        <f t="shared" si="230"/>
        <v>#N/A</v>
      </c>
      <c r="BL53" s="162">
        <f t="shared" si="231"/>
        <v>2.3784142300054421</v>
      </c>
      <c r="BM53" s="162" t="e">
        <f t="shared" si="232"/>
        <v>#N/A</v>
      </c>
      <c r="BN53" s="162" t="e">
        <f t="shared" si="233"/>
        <v>#N/A</v>
      </c>
      <c r="BO53" s="162" t="e">
        <f t="shared" si="234"/>
        <v>#N/A</v>
      </c>
      <c r="BP53" s="162" t="e">
        <f t="shared" si="235"/>
        <v>#N/A</v>
      </c>
      <c r="BQ53" s="162" t="e">
        <f t="shared" si="236"/>
        <v>#N/A</v>
      </c>
      <c r="BR53" s="162" t="e">
        <f t="shared" si="237"/>
        <v>#N/A</v>
      </c>
      <c r="BS53" s="162" t="e">
        <f t="shared" si="238"/>
        <v>#N/A</v>
      </c>
      <c r="BT53" s="162" t="e">
        <f t="shared" si="239"/>
        <v>#N/A</v>
      </c>
      <c r="BU53" s="162" t="e">
        <f t="shared" si="240"/>
        <v>#N/A</v>
      </c>
      <c r="BV53" s="162" t="e">
        <f t="shared" si="241"/>
        <v>#N/A</v>
      </c>
      <c r="BW53" s="162" t="e">
        <f t="shared" si="242"/>
        <v>#N/A</v>
      </c>
      <c r="BX53" s="162" t="e">
        <f t="shared" si="243"/>
        <v>#N/A</v>
      </c>
      <c r="BY53" s="162">
        <f t="shared" si="244"/>
        <v>5.6568542494923806</v>
      </c>
      <c r="BZ53" s="162" t="e">
        <f t="shared" si="245"/>
        <v>#N/A</v>
      </c>
      <c r="CA53" s="162" t="e">
        <f t="shared" si="246"/>
        <v>#N/A</v>
      </c>
      <c r="CB53" s="162" t="e">
        <f t="shared" si="247"/>
        <v>#N/A</v>
      </c>
      <c r="CC53" s="162" t="e">
        <f t="shared" si="248"/>
        <v>#N/A</v>
      </c>
      <c r="CD53" s="162" t="e">
        <f t="shared" si="249"/>
        <v>#N/A</v>
      </c>
      <c r="CE53" s="162" t="e">
        <f t="shared" si="250"/>
        <v>#N/A</v>
      </c>
      <c r="CF53" s="162" t="e">
        <f t="shared" si="251"/>
        <v>#N/A</v>
      </c>
      <c r="CG53" s="162" t="e">
        <f t="shared" si="252"/>
        <v>#N/A</v>
      </c>
      <c r="CH53" s="162" t="e">
        <f t="shared" si="253"/>
        <v>#N/A</v>
      </c>
      <c r="CI53" s="162" t="e">
        <f t="shared" si="254"/>
        <v>#N/A</v>
      </c>
      <c r="CJ53" s="162" t="e">
        <f t="shared" si="255"/>
        <v>#N/A</v>
      </c>
      <c r="CK53" s="162" t="e">
        <f t="shared" si="256"/>
        <v>#N/A</v>
      </c>
      <c r="CL53">
        <f t="shared" si="257"/>
        <v>1.3729593947216077</v>
      </c>
      <c r="CM53" t="e">
        <f t="shared" si="258"/>
        <v>#N/A</v>
      </c>
      <c r="CN53" t="e">
        <f t="shared" si="259"/>
        <v>#N/A</v>
      </c>
      <c r="CO53" t="e">
        <f t="shared" si="260"/>
        <v>#N/A</v>
      </c>
      <c r="CP53" t="e">
        <f t="shared" si="261"/>
        <v>#N/A</v>
      </c>
      <c r="CQ53" t="e">
        <f t="shared" si="262"/>
        <v>#N/A</v>
      </c>
      <c r="CR53" t="e">
        <f t="shared" si="263"/>
        <v>#N/A</v>
      </c>
      <c r="CS53" t="e">
        <f t="shared" si="264"/>
        <v>#N/A</v>
      </c>
      <c r="CT53" t="e">
        <f t="shared" si="265"/>
        <v>#N/A</v>
      </c>
      <c r="CU53" t="e">
        <f t="shared" si="266"/>
        <v>#N/A</v>
      </c>
      <c r="CV53" t="e">
        <f t="shared" si="267"/>
        <v>#N/A</v>
      </c>
      <c r="CW53" t="e">
        <f t="shared" si="268"/>
        <v>#N/A</v>
      </c>
      <c r="CX53" s="98" t="e">
        <f t="shared" si="269"/>
        <v>#N/A</v>
      </c>
      <c r="CY53">
        <f t="shared" si="270"/>
        <v>1.1029593947216076</v>
      </c>
      <c r="CZ53" t="e">
        <f t="shared" si="271"/>
        <v>#N/A</v>
      </c>
      <c r="DA53" t="e">
        <f t="shared" si="272"/>
        <v>#N/A</v>
      </c>
      <c r="DB53" t="e">
        <f t="shared" si="273"/>
        <v>#N/A</v>
      </c>
      <c r="DC53" t="e">
        <f t="shared" si="274"/>
        <v>#N/A</v>
      </c>
      <c r="DD53" t="e">
        <f t="shared" si="275"/>
        <v>#N/A</v>
      </c>
      <c r="DE53" t="e">
        <f t="shared" si="276"/>
        <v>#N/A</v>
      </c>
      <c r="DF53" t="e">
        <f t="shared" si="277"/>
        <v>#N/A</v>
      </c>
      <c r="DG53" t="e">
        <f t="shared" si="278"/>
        <v>#N/A</v>
      </c>
      <c r="DH53" t="e">
        <f t="shared" si="279"/>
        <v>#N/A</v>
      </c>
      <c r="DI53" t="e">
        <f t="shared" si="280"/>
        <v>#N/A</v>
      </c>
      <c r="DJ53" t="e">
        <f t="shared" si="281"/>
        <v>#N/A</v>
      </c>
      <c r="DK53" t="e">
        <f t="shared" si="282"/>
        <v>#N/A</v>
      </c>
      <c r="DL53" s="97">
        <f t="shared" si="283"/>
        <v>1.5000349036450102</v>
      </c>
      <c r="DM53" t="e">
        <f t="shared" si="284"/>
        <v>#N/A</v>
      </c>
      <c r="DN53" t="e">
        <f t="shared" si="285"/>
        <v>#N/A</v>
      </c>
      <c r="DO53" t="e">
        <f t="shared" si="286"/>
        <v>#N/A</v>
      </c>
      <c r="DP53" t="e">
        <f t="shared" si="287"/>
        <v>#N/A</v>
      </c>
      <c r="DQ53" t="e">
        <f t="shared" si="288"/>
        <v>#N/A</v>
      </c>
      <c r="DR53" t="e">
        <f t="shared" si="289"/>
        <v>#N/A</v>
      </c>
      <c r="DS53" t="e">
        <f t="shared" si="290"/>
        <v>#N/A</v>
      </c>
      <c r="DT53" t="e">
        <f t="shared" si="291"/>
        <v>#N/A</v>
      </c>
      <c r="DU53" t="e">
        <f t="shared" si="292"/>
        <v>#N/A</v>
      </c>
      <c r="DV53" t="e">
        <f t="shared" si="293"/>
        <v>#N/A</v>
      </c>
      <c r="DW53" t="e">
        <f t="shared" si="294"/>
        <v>#N/A</v>
      </c>
      <c r="DX53" s="98" t="e">
        <f t="shared" si="295"/>
        <v>#N/A</v>
      </c>
      <c r="DY53">
        <f t="shared" si="296"/>
        <v>1.0527062241310117</v>
      </c>
      <c r="DZ53" t="e">
        <f t="shared" si="297"/>
        <v>#N/A</v>
      </c>
      <c r="EA53" t="e">
        <f t="shared" si="298"/>
        <v>#N/A</v>
      </c>
      <c r="EB53" t="e">
        <f t="shared" si="299"/>
        <v>#N/A</v>
      </c>
      <c r="EC53" t="e">
        <f t="shared" si="300"/>
        <v>#N/A</v>
      </c>
      <c r="ED53" t="e">
        <f t="shared" si="301"/>
        <v>#N/A</v>
      </c>
      <c r="EE53" t="e">
        <f t="shared" si="302"/>
        <v>#N/A</v>
      </c>
      <c r="EF53" t="e">
        <f t="shared" si="303"/>
        <v>#N/A</v>
      </c>
      <c r="EG53" t="e">
        <f t="shared" si="304"/>
        <v>#N/A</v>
      </c>
      <c r="EH53" t="e">
        <f t="shared" si="305"/>
        <v>#N/A</v>
      </c>
      <c r="EI53" t="e">
        <f t="shared" si="306"/>
        <v>#N/A</v>
      </c>
      <c r="EJ53" t="e">
        <f t="shared" si="307"/>
        <v>#N/A</v>
      </c>
      <c r="EK53" t="e">
        <f t="shared" si="308"/>
        <v>#N/A</v>
      </c>
      <c r="EL53" s="97">
        <f t="shared" si="309"/>
        <v>1.1554124482620232</v>
      </c>
      <c r="EM53" t="e">
        <f t="shared" si="310"/>
        <v>#N/A</v>
      </c>
      <c r="EN53" t="e">
        <f t="shared" si="311"/>
        <v>#N/A</v>
      </c>
      <c r="EO53" t="e">
        <f t="shared" si="312"/>
        <v>#N/A</v>
      </c>
      <c r="EP53" t="e">
        <f t="shared" si="313"/>
        <v>#N/A</v>
      </c>
      <c r="EQ53" t="e">
        <f t="shared" si="314"/>
        <v>#N/A</v>
      </c>
      <c r="ER53" t="e">
        <f t="shared" si="315"/>
        <v>#N/A</v>
      </c>
      <c r="ES53" t="e">
        <f t="shared" si="316"/>
        <v>#N/A</v>
      </c>
      <c r="ET53" t="e">
        <f t="shared" si="317"/>
        <v>#N/A</v>
      </c>
      <c r="EU53" t="e">
        <f t="shared" si="318"/>
        <v>#N/A</v>
      </c>
      <c r="EV53" t="e">
        <f t="shared" si="319"/>
        <v>#N/A</v>
      </c>
      <c r="EW53" t="e">
        <f t="shared" si="320"/>
        <v>#N/A</v>
      </c>
      <c r="EX53" s="98" t="e">
        <f t="shared" si="321"/>
        <v>#N/A</v>
      </c>
      <c r="EY53" s="97">
        <f t="shared" si="322"/>
        <v>0.90541244826202316</v>
      </c>
      <c r="EZ53" t="e">
        <f t="shared" si="323"/>
        <v>#N/A</v>
      </c>
      <c r="FA53" t="e">
        <f t="shared" si="324"/>
        <v>#N/A</v>
      </c>
      <c r="FB53" t="e">
        <f t="shared" si="325"/>
        <v>#N/A</v>
      </c>
      <c r="FC53" t="e">
        <f t="shared" si="326"/>
        <v>#N/A</v>
      </c>
      <c r="FD53" t="e">
        <f t="shared" si="327"/>
        <v>#N/A</v>
      </c>
      <c r="FE53" t="e">
        <f t="shared" si="328"/>
        <v>#N/A</v>
      </c>
      <c r="FF53" t="e">
        <f t="shared" si="329"/>
        <v>#N/A</v>
      </c>
      <c r="FG53" t="e">
        <f t="shared" si="330"/>
        <v>#N/A</v>
      </c>
      <c r="FH53" t="e">
        <f t="shared" si="331"/>
        <v>#N/A</v>
      </c>
      <c r="FI53" t="e">
        <f t="shared" si="332"/>
        <v>#N/A</v>
      </c>
      <c r="FJ53" t="e">
        <f t="shared" si="333"/>
        <v>#N/A</v>
      </c>
      <c r="FK53" t="e">
        <f t="shared" si="334"/>
        <v>#N/A</v>
      </c>
      <c r="FL53" s="126">
        <f t="shared" si="335"/>
        <v>0</v>
      </c>
      <c r="FM53" s="91" t="e">
        <f t="shared" si="336"/>
        <v>#N/A</v>
      </c>
      <c r="FN53" s="91" t="e">
        <f t="shared" si="337"/>
        <v>#N/A</v>
      </c>
      <c r="FO53" s="91" t="e">
        <f t="shared" si="338"/>
        <v>#N/A</v>
      </c>
      <c r="FP53" s="91" t="e">
        <f t="shared" si="339"/>
        <v>#N/A</v>
      </c>
      <c r="FQ53" s="91" t="e">
        <f t="shared" si="340"/>
        <v>#N/A</v>
      </c>
      <c r="FR53" s="91" t="e">
        <f t="shared" si="341"/>
        <v>#N/A</v>
      </c>
      <c r="FS53" s="91" t="e">
        <f t="shared" si="342"/>
        <v>#N/A</v>
      </c>
      <c r="FT53" s="91" t="e">
        <f t="shared" si="343"/>
        <v>#N/A</v>
      </c>
      <c r="FU53" s="91" t="e">
        <f t="shared" si="344"/>
        <v>#N/A</v>
      </c>
      <c r="FV53" s="91" t="e">
        <f t="shared" si="345"/>
        <v>#N/A</v>
      </c>
      <c r="FW53" s="91" t="e">
        <f t="shared" si="346"/>
        <v>#N/A</v>
      </c>
      <c r="FX53" s="91" t="e">
        <f t="shared" si="347"/>
        <v>#N/A</v>
      </c>
      <c r="FY53" s="91">
        <f t="shared" si="348"/>
        <v>0</v>
      </c>
      <c r="FZ53" s="91" t="e">
        <f t="shared" si="349"/>
        <v>#N/A</v>
      </c>
      <c r="GA53" s="91" t="e">
        <f t="shared" si="350"/>
        <v>#N/A</v>
      </c>
      <c r="GB53" s="91" t="e">
        <f t="shared" si="351"/>
        <v>#N/A</v>
      </c>
      <c r="GC53" s="91" t="e">
        <f t="shared" si="352"/>
        <v>#N/A</v>
      </c>
      <c r="GD53" s="91" t="e">
        <f t="shared" si="353"/>
        <v>#N/A</v>
      </c>
      <c r="GE53" s="91" t="e">
        <f t="shared" si="354"/>
        <v>#N/A</v>
      </c>
      <c r="GF53" s="91" t="e">
        <f t="shared" si="355"/>
        <v>#N/A</v>
      </c>
      <c r="GG53" s="91" t="e">
        <f t="shared" si="356"/>
        <v>#N/A</v>
      </c>
      <c r="GH53" s="91" t="e">
        <f t="shared" si="357"/>
        <v>#N/A</v>
      </c>
      <c r="GI53" s="91" t="e">
        <f t="shared" si="358"/>
        <v>#N/A</v>
      </c>
      <c r="GJ53" s="91" t="e">
        <f t="shared" si="359"/>
        <v>#N/A</v>
      </c>
      <c r="GK53" s="127" t="e">
        <f t="shared" si="360"/>
        <v>#N/A</v>
      </c>
      <c r="GL53" s="126">
        <f t="shared" si="361"/>
        <v>0</v>
      </c>
      <c r="GM53" s="91" t="e">
        <f t="shared" si="362"/>
        <v>#N/A</v>
      </c>
      <c r="GN53" s="91" t="e">
        <f t="shared" si="363"/>
        <v>#N/A</v>
      </c>
      <c r="GO53" s="91" t="e">
        <f t="shared" si="364"/>
        <v>#N/A</v>
      </c>
      <c r="GP53" s="91" t="e">
        <f t="shared" si="365"/>
        <v>#N/A</v>
      </c>
      <c r="GQ53" s="91" t="e">
        <f t="shared" si="366"/>
        <v>#N/A</v>
      </c>
      <c r="GR53" s="91" t="e">
        <f t="shared" si="367"/>
        <v>#N/A</v>
      </c>
      <c r="GS53" s="91" t="e">
        <f t="shared" si="368"/>
        <v>#N/A</v>
      </c>
      <c r="GT53" s="91" t="e">
        <f t="shared" si="369"/>
        <v>#N/A</v>
      </c>
      <c r="GU53" s="91" t="e">
        <f t="shared" si="370"/>
        <v>#N/A</v>
      </c>
      <c r="GV53" s="91" t="e">
        <f t="shared" si="371"/>
        <v>#N/A</v>
      </c>
      <c r="GW53" s="91" t="e">
        <f t="shared" si="372"/>
        <v>#N/A</v>
      </c>
      <c r="GX53" s="91" t="e">
        <f t="shared" si="373"/>
        <v>#N/A</v>
      </c>
      <c r="GY53" s="91">
        <f t="shared" si="374"/>
        <v>0</v>
      </c>
      <c r="GZ53" s="91" t="e">
        <f t="shared" si="375"/>
        <v>#N/A</v>
      </c>
      <c r="HA53" s="91" t="e">
        <f t="shared" si="376"/>
        <v>#N/A</v>
      </c>
      <c r="HB53" s="91" t="e">
        <f t="shared" si="377"/>
        <v>#N/A</v>
      </c>
      <c r="HC53" s="91" t="e">
        <f t="shared" si="378"/>
        <v>#N/A</v>
      </c>
      <c r="HD53" s="91" t="e">
        <f t="shared" si="379"/>
        <v>#N/A</v>
      </c>
      <c r="HE53" s="91" t="e">
        <f t="shared" si="380"/>
        <v>#N/A</v>
      </c>
      <c r="HF53" s="91" t="e">
        <f t="shared" si="381"/>
        <v>#N/A</v>
      </c>
      <c r="HG53" s="91" t="e">
        <f t="shared" si="382"/>
        <v>#N/A</v>
      </c>
      <c r="HH53" s="91" t="e">
        <f t="shared" si="383"/>
        <v>#N/A</v>
      </c>
      <c r="HI53" s="91" t="e">
        <f t="shared" si="384"/>
        <v>#N/A</v>
      </c>
      <c r="HJ53" s="91" t="e">
        <f t="shared" si="385"/>
        <v>#N/A</v>
      </c>
      <c r="HK53" s="127" t="e">
        <f t="shared" si="386"/>
        <v>#N/A</v>
      </c>
      <c r="HL53" s="126">
        <f t="shared" si="387"/>
        <v>0</v>
      </c>
      <c r="HM53" s="91" t="e">
        <f t="shared" si="388"/>
        <v>#N/A</v>
      </c>
      <c r="HN53" s="91" t="e">
        <f t="shared" si="389"/>
        <v>#N/A</v>
      </c>
      <c r="HO53" s="91" t="e">
        <f t="shared" si="390"/>
        <v>#N/A</v>
      </c>
      <c r="HP53" s="91" t="e">
        <f t="shared" si="391"/>
        <v>#N/A</v>
      </c>
      <c r="HQ53" s="91" t="e">
        <f t="shared" si="392"/>
        <v>#N/A</v>
      </c>
      <c r="HR53" s="91" t="e">
        <f t="shared" si="393"/>
        <v>#N/A</v>
      </c>
      <c r="HS53" s="91" t="e">
        <f t="shared" si="394"/>
        <v>#N/A</v>
      </c>
      <c r="HT53" s="91" t="e">
        <f t="shared" si="395"/>
        <v>#N/A</v>
      </c>
      <c r="HU53" s="91" t="e">
        <f t="shared" si="396"/>
        <v>#N/A</v>
      </c>
      <c r="HV53" s="91" t="e">
        <f t="shared" si="397"/>
        <v>#N/A</v>
      </c>
      <c r="HW53" s="91" t="e">
        <f t="shared" si="398"/>
        <v>#N/A</v>
      </c>
      <c r="HX53" s="91" t="e">
        <f t="shared" si="399"/>
        <v>#N/A</v>
      </c>
      <c r="HY53" s="91">
        <f t="shared" si="400"/>
        <v>0</v>
      </c>
      <c r="HZ53" s="91" t="e">
        <f t="shared" si="401"/>
        <v>#N/A</v>
      </c>
      <c r="IA53" s="91" t="e">
        <f t="shared" si="402"/>
        <v>#N/A</v>
      </c>
      <c r="IB53" s="91" t="e">
        <f t="shared" si="403"/>
        <v>#N/A</v>
      </c>
      <c r="IC53" s="91" t="e">
        <f t="shared" si="404"/>
        <v>#N/A</v>
      </c>
      <c r="ID53" s="91" t="e">
        <f t="shared" si="405"/>
        <v>#N/A</v>
      </c>
      <c r="IE53" s="91" t="e">
        <f t="shared" si="406"/>
        <v>#N/A</v>
      </c>
      <c r="IF53" s="91" t="e">
        <f t="shared" si="407"/>
        <v>#N/A</v>
      </c>
      <c r="IG53" s="91" t="e">
        <f t="shared" si="408"/>
        <v>#N/A</v>
      </c>
      <c r="IH53" s="91" t="e">
        <f t="shared" si="409"/>
        <v>#N/A</v>
      </c>
      <c r="II53" s="91" t="e">
        <f t="shared" si="410"/>
        <v>#N/A</v>
      </c>
      <c r="IJ53" s="91" t="e">
        <f t="shared" si="411"/>
        <v>#N/A</v>
      </c>
      <c r="IK53" s="127" t="e">
        <f t="shared" si="412"/>
        <v>#N/A</v>
      </c>
    </row>
    <row r="54" spans="2:245" x14ac:dyDescent="0.2">
      <c r="B54" s="79">
        <f t="shared" si="188"/>
        <v>-43.5</v>
      </c>
      <c r="C54" s="73">
        <f>'p-y mono_clay'!C54</f>
        <v>28</v>
      </c>
      <c r="D54" s="64">
        <f>'p-y mono_clay'!D54</f>
        <v>27.991999999999997</v>
      </c>
      <c r="E54" s="64" t="str">
        <f>'p-y mono_clay'!E54</f>
        <v>SAND</v>
      </c>
      <c r="F54" s="55">
        <f>VLOOKUP($C54, 'Pile Property'!$A$8:$D$108,2,TRUE)</f>
        <v>2</v>
      </c>
      <c r="G54" s="102" t="e">
        <f>'p-y mono_clay'!Z54</f>
        <v>#N/A</v>
      </c>
      <c r="H54" s="199">
        <f>'p-y mono_clay'!AM54</f>
        <v>0</v>
      </c>
      <c r="I54" s="55" t="e">
        <f>'p-y mono_clay'!AN54</f>
        <v>#N/A</v>
      </c>
      <c r="J54" s="55" t="e">
        <f>'p-y mono_clay'!AO54</f>
        <v>#N/A</v>
      </c>
      <c r="K54" s="55" t="e">
        <f>'p-y mono_clay'!AP54</f>
        <v>#N/A</v>
      </c>
      <c r="L54" s="55" t="e">
        <f>'p-y mono_clay'!AQ54</f>
        <v>#N/A</v>
      </c>
      <c r="M54" s="55" t="e">
        <f>'p-y mono_clay'!AR54</f>
        <v>#N/A</v>
      </c>
      <c r="N54" s="55" t="e">
        <f>'p-y mono_clay'!AS54</f>
        <v>#N/A</v>
      </c>
      <c r="O54" s="55" t="e">
        <f>'p-y mono_clay'!AT54</f>
        <v>#N/A</v>
      </c>
      <c r="P54" s="55" t="e">
        <f>'p-y mono_clay'!AU54</f>
        <v>#N/A</v>
      </c>
      <c r="Q54" s="55" t="e">
        <f>'p-y mono_clay'!AV54</f>
        <v>#N/A</v>
      </c>
      <c r="R54" s="55" t="e">
        <f>'p-y mono_clay'!AW54</f>
        <v>#N/A</v>
      </c>
      <c r="S54" s="55" t="e">
        <f>'p-y mono_clay'!AX54</f>
        <v>#N/A</v>
      </c>
      <c r="T54" s="200">
        <f>'p-y mono_clay'!AY54</f>
        <v>6000</v>
      </c>
      <c r="U54" s="199">
        <f>'p-y mono_clay'!AZ54</f>
        <v>0</v>
      </c>
      <c r="V54" s="55" t="e">
        <f>'p-y mono_clay'!BA54</f>
        <v>#N/A</v>
      </c>
      <c r="W54" s="55" t="e">
        <f>'p-y mono_clay'!BB54</f>
        <v>#N/A</v>
      </c>
      <c r="X54" s="55" t="e">
        <f>'p-y mono_clay'!BC54</f>
        <v>#N/A</v>
      </c>
      <c r="Y54" s="55" t="e">
        <f>'p-y mono_clay'!BD54</f>
        <v>#N/A</v>
      </c>
      <c r="Z54" s="55" t="e">
        <f>'p-y mono_clay'!BE54</f>
        <v>#N/A</v>
      </c>
      <c r="AA54" s="55" t="e">
        <f>'p-y mono_clay'!BF54</f>
        <v>#N/A</v>
      </c>
      <c r="AB54" s="55" t="e">
        <f>'p-y mono_clay'!BG54</f>
        <v>#N/A</v>
      </c>
      <c r="AC54" s="55" t="e">
        <f>'p-y mono_clay'!BH54</f>
        <v>#N/A</v>
      </c>
      <c r="AD54" s="55" t="e">
        <f>'p-y mono_clay'!BI54</f>
        <v>#N/A</v>
      </c>
      <c r="AE54" s="55" t="e">
        <f>'p-y mono_clay'!BJ54</f>
        <v>#N/A</v>
      </c>
      <c r="AF54" s="55" t="e">
        <f>'p-y mono_clay'!BK54</f>
        <v>#N/A</v>
      </c>
      <c r="AG54" s="200" t="e">
        <f>'p-y mono_clay'!BL54</f>
        <v>#N/A</v>
      </c>
      <c r="AH54">
        <f t="shared" si="205"/>
        <v>30</v>
      </c>
      <c r="AI54">
        <v>0</v>
      </c>
      <c r="AJ54" t="e">
        <f t="shared" si="206"/>
        <v>#N/A</v>
      </c>
      <c r="AK54" t="e">
        <f t="shared" si="207"/>
        <v>#N/A</v>
      </c>
      <c r="AL54" t="e">
        <f t="shared" si="208"/>
        <v>#N/A</v>
      </c>
      <c r="AM54" t="e">
        <f t="shared" si="209"/>
        <v>#N/A</v>
      </c>
      <c r="AN54" t="e">
        <f t="shared" si="210"/>
        <v>#N/A</v>
      </c>
      <c r="AO54" t="e">
        <f t="shared" si="211"/>
        <v>#N/A</v>
      </c>
      <c r="AP54" t="e">
        <f t="shared" si="212"/>
        <v>#N/A</v>
      </c>
      <c r="AQ54" t="e">
        <f t="shared" si="213"/>
        <v>#N/A</v>
      </c>
      <c r="AR54" t="e">
        <f t="shared" si="214"/>
        <v>#N/A</v>
      </c>
      <c r="AS54" t="e">
        <f t="shared" si="215"/>
        <v>#N/A</v>
      </c>
      <c r="AT54" t="e">
        <f t="shared" si="216"/>
        <v>#N/A</v>
      </c>
      <c r="AU54" t="e">
        <f t="shared" si="217"/>
        <v>#N/A</v>
      </c>
      <c r="AV54">
        <v>1</v>
      </c>
      <c r="AW54">
        <v>1.25</v>
      </c>
      <c r="AX54">
        <v>2.5</v>
      </c>
      <c r="AY54" s="162">
        <f t="shared" si="218"/>
        <v>2</v>
      </c>
      <c r="AZ54" s="162" t="e">
        <f t="shared" si="219"/>
        <v>#N/A</v>
      </c>
      <c r="BA54" s="162" t="e">
        <f t="shared" si="220"/>
        <v>#N/A</v>
      </c>
      <c r="BB54" s="162" t="e">
        <f t="shared" si="221"/>
        <v>#N/A</v>
      </c>
      <c r="BC54" s="162" t="e">
        <f t="shared" si="222"/>
        <v>#N/A</v>
      </c>
      <c r="BD54" s="162" t="e">
        <f t="shared" si="223"/>
        <v>#N/A</v>
      </c>
      <c r="BE54" s="162" t="e">
        <f t="shared" si="224"/>
        <v>#N/A</v>
      </c>
      <c r="BF54" s="162" t="e">
        <f t="shared" si="225"/>
        <v>#N/A</v>
      </c>
      <c r="BG54" s="162" t="e">
        <f t="shared" si="226"/>
        <v>#N/A</v>
      </c>
      <c r="BH54" s="162" t="e">
        <f t="shared" si="227"/>
        <v>#N/A</v>
      </c>
      <c r="BI54" s="162" t="e">
        <f t="shared" si="228"/>
        <v>#N/A</v>
      </c>
      <c r="BJ54" s="162" t="e">
        <f t="shared" si="229"/>
        <v>#N/A</v>
      </c>
      <c r="BK54" s="162" t="e">
        <f t="shared" si="230"/>
        <v>#N/A</v>
      </c>
      <c r="BL54" s="162">
        <f t="shared" si="231"/>
        <v>2.3784142300054421</v>
      </c>
      <c r="BM54" s="162" t="e">
        <f t="shared" si="232"/>
        <v>#N/A</v>
      </c>
      <c r="BN54" s="162" t="e">
        <f t="shared" si="233"/>
        <v>#N/A</v>
      </c>
      <c r="BO54" s="162" t="e">
        <f t="shared" si="234"/>
        <v>#N/A</v>
      </c>
      <c r="BP54" s="162" t="e">
        <f t="shared" si="235"/>
        <v>#N/A</v>
      </c>
      <c r="BQ54" s="162" t="e">
        <f t="shared" si="236"/>
        <v>#N/A</v>
      </c>
      <c r="BR54" s="162" t="e">
        <f t="shared" si="237"/>
        <v>#N/A</v>
      </c>
      <c r="BS54" s="162" t="e">
        <f t="shared" si="238"/>
        <v>#N/A</v>
      </c>
      <c r="BT54" s="162" t="e">
        <f t="shared" si="239"/>
        <v>#N/A</v>
      </c>
      <c r="BU54" s="162" t="e">
        <f t="shared" si="240"/>
        <v>#N/A</v>
      </c>
      <c r="BV54" s="162" t="e">
        <f t="shared" si="241"/>
        <v>#N/A</v>
      </c>
      <c r="BW54" s="162" t="e">
        <f t="shared" si="242"/>
        <v>#N/A</v>
      </c>
      <c r="BX54" s="162" t="e">
        <f t="shared" si="243"/>
        <v>#N/A</v>
      </c>
      <c r="BY54" s="162">
        <f t="shared" si="244"/>
        <v>5.6568542494923806</v>
      </c>
      <c r="BZ54" s="162" t="e">
        <f t="shared" si="245"/>
        <v>#N/A</v>
      </c>
      <c r="CA54" s="162" t="e">
        <f t="shared" si="246"/>
        <v>#N/A</v>
      </c>
      <c r="CB54" s="162" t="e">
        <f t="shared" si="247"/>
        <v>#N/A</v>
      </c>
      <c r="CC54" s="162" t="e">
        <f t="shared" si="248"/>
        <v>#N/A</v>
      </c>
      <c r="CD54" s="162" t="e">
        <f t="shared" si="249"/>
        <v>#N/A</v>
      </c>
      <c r="CE54" s="162" t="e">
        <f t="shared" si="250"/>
        <v>#N/A</v>
      </c>
      <c r="CF54" s="162" t="e">
        <f t="shared" si="251"/>
        <v>#N/A</v>
      </c>
      <c r="CG54" s="162" t="e">
        <f t="shared" si="252"/>
        <v>#N/A</v>
      </c>
      <c r="CH54" s="162" t="e">
        <f t="shared" si="253"/>
        <v>#N/A</v>
      </c>
      <c r="CI54" s="162" t="e">
        <f t="shared" si="254"/>
        <v>#N/A</v>
      </c>
      <c r="CJ54" s="162" t="e">
        <f t="shared" si="255"/>
        <v>#N/A</v>
      </c>
      <c r="CK54" s="162" t="e">
        <f t="shared" si="256"/>
        <v>#N/A</v>
      </c>
      <c r="CL54">
        <f t="shared" si="257"/>
        <v>1.3729593947216077</v>
      </c>
      <c r="CM54" t="e">
        <f t="shared" si="258"/>
        <v>#N/A</v>
      </c>
      <c r="CN54" t="e">
        <f t="shared" si="259"/>
        <v>#N/A</v>
      </c>
      <c r="CO54" t="e">
        <f t="shared" si="260"/>
        <v>#N/A</v>
      </c>
      <c r="CP54" t="e">
        <f t="shared" si="261"/>
        <v>#N/A</v>
      </c>
      <c r="CQ54" t="e">
        <f t="shared" si="262"/>
        <v>#N/A</v>
      </c>
      <c r="CR54" t="e">
        <f t="shared" si="263"/>
        <v>#N/A</v>
      </c>
      <c r="CS54" t="e">
        <f t="shared" si="264"/>
        <v>#N/A</v>
      </c>
      <c r="CT54" t="e">
        <f t="shared" si="265"/>
        <v>#N/A</v>
      </c>
      <c r="CU54" t="e">
        <f t="shared" si="266"/>
        <v>#N/A</v>
      </c>
      <c r="CV54" t="e">
        <f t="shared" si="267"/>
        <v>#N/A</v>
      </c>
      <c r="CW54" t="e">
        <f t="shared" si="268"/>
        <v>#N/A</v>
      </c>
      <c r="CX54" s="98" t="e">
        <f t="shared" si="269"/>
        <v>#N/A</v>
      </c>
      <c r="CY54">
        <f t="shared" si="270"/>
        <v>1.1029593947216076</v>
      </c>
      <c r="CZ54" t="e">
        <f t="shared" si="271"/>
        <v>#N/A</v>
      </c>
      <c r="DA54" t="e">
        <f t="shared" si="272"/>
        <v>#N/A</v>
      </c>
      <c r="DB54" t="e">
        <f t="shared" si="273"/>
        <v>#N/A</v>
      </c>
      <c r="DC54" t="e">
        <f t="shared" si="274"/>
        <v>#N/A</v>
      </c>
      <c r="DD54" t="e">
        <f t="shared" si="275"/>
        <v>#N/A</v>
      </c>
      <c r="DE54" t="e">
        <f t="shared" si="276"/>
        <v>#N/A</v>
      </c>
      <c r="DF54" t="e">
        <f t="shared" si="277"/>
        <v>#N/A</v>
      </c>
      <c r="DG54" t="e">
        <f t="shared" si="278"/>
        <v>#N/A</v>
      </c>
      <c r="DH54" t="e">
        <f t="shared" si="279"/>
        <v>#N/A</v>
      </c>
      <c r="DI54" t="e">
        <f t="shared" si="280"/>
        <v>#N/A</v>
      </c>
      <c r="DJ54" t="e">
        <f t="shared" si="281"/>
        <v>#N/A</v>
      </c>
      <c r="DK54" t="e">
        <f t="shared" si="282"/>
        <v>#N/A</v>
      </c>
      <c r="DL54" s="97">
        <f t="shared" si="283"/>
        <v>1.5000349036450102</v>
      </c>
      <c r="DM54" t="e">
        <f t="shared" si="284"/>
        <v>#N/A</v>
      </c>
      <c r="DN54" t="e">
        <f t="shared" si="285"/>
        <v>#N/A</v>
      </c>
      <c r="DO54" t="e">
        <f t="shared" si="286"/>
        <v>#N/A</v>
      </c>
      <c r="DP54" t="e">
        <f t="shared" si="287"/>
        <v>#N/A</v>
      </c>
      <c r="DQ54" t="e">
        <f t="shared" si="288"/>
        <v>#N/A</v>
      </c>
      <c r="DR54" t="e">
        <f t="shared" si="289"/>
        <v>#N/A</v>
      </c>
      <c r="DS54" t="e">
        <f t="shared" si="290"/>
        <v>#N/A</v>
      </c>
      <c r="DT54" t="e">
        <f t="shared" si="291"/>
        <v>#N/A</v>
      </c>
      <c r="DU54" t="e">
        <f t="shared" si="292"/>
        <v>#N/A</v>
      </c>
      <c r="DV54" t="e">
        <f t="shared" si="293"/>
        <v>#N/A</v>
      </c>
      <c r="DW54" t="e">
        <f t="shared" si="294"/>
        <v>#N/A</v>
      </c>
      <c r="DX54" s="98" t="e">
        <f t="shared" si="295"/>
        <v>#N/A</v>
      </c>
      <c r="DY54">
        <f t="shared" si="296"/>
        <v>1.0527062241310117</v>
      </c>
      <c r="DZ54" t="e">
        <f t="shared" si="297"/>
        <v>#N/A</v>
      </c>
      <c r="EA54" t="e">
        <f t="shared" si="298"/>
        <v>#N/A</v>
      </c>
      <c r="EB54" t="e">
        <f t="shared" si="299"/>
        <v>#N/A</v>
      </c>
      <c r="EC54" t="e">
        <f t="shared" si="300"/>
        <v>#N/A</v>
      </c>
      <c r="ED54" t="e">
        <f t="shared" si="301"/>
        <v>#N/A</v>
      </c>
      <c r="EE54" t="e">
        <f t="shared" si="302"/>
        <v>#N/A</v>
      </c>
      <c r="EF54" t="e">
        <f t="shared" si="303"/>
        <v>#N/A</v>
      </c>
      <c r="EG54" t="e">
        <f t="shared" si="304"/>
        <v>#N/A</v>
      </c>
      <c r="EH54" t="e">
        <f t="shared" si="305"/>
        <v>#N/A</v>
      </c>
      <c r="EI54" t="e">
        <f t="shared" si="306"/>
        <v>#N/A</v>
      </c>
      <c r="EJ54" t="e">
        <f t="shared" si="307"/>
        <v>#N/A</v>
      </c>
      <c r="EK54" t="e">
        <f t="shared" si="308"/>
        <v>#N/A</v>
      </c>
      <c r="EL54" s="97">
        <f t="shared" si="309"/>
        <v>1.1554124482620232</v>
      </c>
      <c r="EM54" t="e">
        <f t="shared" si="310"/>
        <v>#N/A</v>
      </c>
      <c r="EN54" t="e">
        <f t="shared" si="311"/>
        <v>#N/A</v>
      </c>
      <c r="EO54" t="e">
        <f t="shared" si="312"/>
        <v>#N/A</v>
      </c>
      <c r="EP54" t="e">
        <f t="shared" si="313"/>
        <v>#N/A</v>
      </c>
      <c r="EQ54" t="e">
        <f t="shared" si="314"/>
        <v>#N/A</v>
      </c>
      <c r="ER54" t="e">
        <f t="shared" si="315"/>
        <v>#N/A</v>
      </c>
      <c r="ES54" t="e">
        <f t="shared" si="316"/>
        <v>#N/A</v>
      </c>
      <c r="ET54" t="e">
        <f t="shared" si="317"/>
        <v>#N/A</v>
      </c>
      <c r="EU54" t="e">
        <f t="shared" si="318"/>
        <v>#N/A</v>
      </c>
      <c r="EV54" t="e">
        <f t="shared" si="319"/>
        <v>#N/A</v>
      </c>
      <c r="EW54" t="e">
        <f t="shared" si="320"/>
        <v>#N/A</v>
      </c>
      <c r="EX54" s="98" t="e">
        <f t="shared" si="321"/>
        <v>#N/A</v>
      </c>
      <c r="EY54" s="97">
        <f t="shared" si="322"/>
        <v>0.90541244826202316</v>
      </c>
      <c r="EZ54" t="e">
        <f t="shared" si="323"/>
        <v>#N/A</v>
      </c>
      <c r="FA54" t="e">
        <f t="shared" si="324"/>
        <v>#N/A</v>
      </c>
      <c r="FB54" t="e">
        <f t="shared" si="325"/>
        <v>#N/A</v>
      </c>
      <c r="FC54" t="e">
        <f t="shared" si="326"/>
        <v>#N/A</v>
      </c>
      <c r="FD54" t="e">
        <f t="shared" si="327"/>
        <v>#N/A</v>
      </c>
      <c r="FE54" t="e">
        <f t="shared" si="328"/>
        <v>#N/A</v>
      </c>
      <c r="FF54" t="e">
        <f t="shared" si="329"/>
        <v>#N/A</v>
      </c>
      <c r="FG54" t="e">
        <f t="shared" si="330"/>
        <v>#N/A</v>
      </c>
      <c r="FH54" t="e">
        <f t="shared" si="331"/>
        <v>#N/A</v>
      </c>
      <c r="FI54" t="e">
        <f t="shared" si="332"/>
        <v>#N/A</v>
      </c>
      <c r="FJ54" t="e">
        <f t="shared" si="333"/>
        <v>#N/A</v>
      </c>
      <c r="FK54" t="e">
        <f t="shared" si="334"/>
        <v>#N/A</v>
      </c>
      <c r="FL54" s="126">
        <f t="shared" si="335"/>
        <v>0</v>
      </c>
      <c r="FM54" s="91" t="e">
        <f t="shared" si="336"/>
        <v>#N/A</v>
      </c>
      <c r="FN54" s="91" t="e">
        <f t="shared" si="337"/>
        <v>#N/A</v>
      </c>
      <c r="FO54" s="91" t="e">
        <f t="shared" si="338"/>
        <v>#N/A</v>
      </c>
      <c r="FP54" s="91" t="e">
        <f t="shared" si="339"/>
        <v>#N/A</v>
      </c>
      <c r="FQ54" s="91" t="e">
        <f t="shared" si="340"/>
        <v>#N/A</v>
      </c>
      <c r="FR54" s="91" t="e">
        <f t="shared" si="341"/>
        <v>#N/A</v>
      </c>
      <c r="FS54" s="91" t="e">
        <f t="shared" si="342"/>
        <v>#N/A</v>
      </c>
      <c r="FT54" s="91" t="e">
        <f t="shared" si="343"/>
        <v>#N/A</v>
      </c>
      <c r="FU54" s="91" t="e">
        <f t="shared" si="344"/>
        <v>#N/A</v>
      </c>
      <c r="FV54" s="91" t="e">
        <f t="shared" si="345"/>
        <v>#N/A</v>
      </c>
      <c r="FW54" s="91" t="e">
        <f t="shared" si="346"/>
        <v>#N/A</v>
      </c>
      <c r="FX54" s="91" t="e">
        <f t="shared" si="347"/>
        <v>#N/A</v>
      </c>
      <c r="FY54" s="91">
        <f t="shared" si="348"/>
        <v>0</v>
      </c>
      <c r="FZ54" s="91" t="e">
        <f t="shared" si="349"/>
        <v>#N/A</v>
      </c>
      <c r="GA54" s="91" t="e">
        <f t="shared" si="350"/>
        <v>#N/A</v>
      </c>
      <c r="GB54" s="91" t="e">
        <f t="shared" si="351"/>
        <v>#N/A</v>
      </c>
      <c r="GC54" s="91" t="e">
        <f t="shared" si="352"/>
        <v>#N/A</v>
      </c>
      <c r="GD54" s="91" t="e">
        <f t="shared" si="353"/>
        <v>#N/A</v>
      </c>
      <c r="GE54" s="91" t="e">
        <f t="shared" si="354"/>
        <v>#N/A</v>
      </c>
      <c r="GF54" s="91" t="e">
        <f t="shared" si="355"/>
        <v>#N/A</v>
      </c>
      <c r="GG54" s="91" t="e">
        <f t="shared" si="356"/>
        <v>#N/A</v>
      </c>
      <c r="GH54" s="91" t="e">
        <f t="shared" si="357"/>
        <v>#N/A</v>
      </c>
      <c r="GI54" s="91" t="e">
        <f t="shared" si="358"/>
        <v>#N/A</v>
      </c>
      <c r="GJ54" s="91" t="e">
        <f t="shared" si="359"/>
        <v>#N/A</v>
      </c>
      <c r="GK54" s="127" t="e">
        <f t="shared" si="360"/>
        <v>#N/A</v>
      </c>
      <c r="GL54" s="126">
        <f t="shared" si="361"/>
        <v>0</v>
      </c>
      <c r="GM54" s="91" t="e">
        <f t="shared" si="362"/>
        <v>#N/A</v>
      </c>
      <c r="GN54" s="91" t="e">
        <f t="shared" si="363"/>
        <v>#N/A</v>
      </c>
      <c r="GO54" s="91" t="e">
        <f t="shared" si="364"/>
        <v>#N/A</v>
      </c>
      <c r="GP54" s="91" t="e">
        <f t="shared" si="365"/>
        <v>#N/A</v>
      </c>
      <c r="GQ54" s="91" t="e">
        <f t="shared" si="366"/>
        <v>#N/A</v>
      </c>
      <c r="GR54" s="91" t="e">
        <f t="shared" si="367"/>
        <v>#N/A</v>
      </c>
      <c r="GS54" s="91" t="e">
        <f t="shared" si="368"/>
        <v>#N/A</v>
      </c>
      <c r="GT54" s="91" t="e">
        <f t="shared" si="369"/>
        <v>#N/A</v>
      </c>
      <c r="GU54" s="91" t="e">
        <f t="shared" si="370"/>
        <v>#N/A</v>
      </c>
      <c r="GV54" s="91" t="e">
        <f t="shared" si="371"/>
        <v>#N/A</v>
      </c>
      <c r="GW54" s="91" t="e">
        <f t="shared" si="372"/>
        <v>#N/A</v>
      </c>
      <c r="GX54" s="91" t="e">
        <f t="shared" si="373"/>
        <v>#N/A</v>
      </c>
      <c r="GY54" s="91">
        <f t="shared" si="374"/>
        <v>0</v>
      </c>
      <c r="GZ54" s="91" t="e">
        <f t="shared" si="375"/>
        <v>#N/A</v>
      </c>
      <c r="HA54" s="91" t="e">
        <f t="shared" si="376"/>
        <v>#N/A</v>
      </c>
      <c r="HB54" s="91" t="e">
        <f t="shared" si="377"/>
        <v>#N/A</v>
      </c>
      <c r="HC54" s="91" t="e">
        <f t="shared" si="378"/>
        <v>#N/A</v>
      </c>
      <c r="HD54" s="91" t="e">
        <f t="shared" si="379"/>
        <v>#N/A</v>
      </c>
      <c r="HE54" s="91" t="e">
        <f t="shared" si="380"/>
        <v>#N/A</v>
      </c>
      <c r="HF54" s="91" t="e">
        <f t="shared" si="381"/>
        <v>#N/A</v>
      </c>
      <c r="HG54" s="91" t="e">
        <f t="shared" si="382"/>
        <v>#N/A</v>
      </c>
      <c r="HH54" s="91" t="e">
        <f t="shared" si="383"/>
        <v>#N/A</v>
      </c>
      <c r="HI54" s="91" t="e">
        <f t="shared" si="384"/>
        <v>#N/A</v>
      </c>
      <c r="HJ54" s="91" t="e">
        <f t="shared" si="385"/>
        <v>#N/A</v>
      </c>
      <c r="HK54" s="127" t="e">
        <f t="shared" si="386"/>
        <v>#N/A</v>
      </c>
      <c r="HL54" s="126">
        <f t="shared" si="387"/>
        <v>0</v>
      </c>
      <c r="HM54" s="91" t="e">
        <f t="shared" si="388"/>
        <v>#N/A</v>
      </c>
      <c r="HN54" s="91" t="e">
        <f t="shared" si="389"/>
        <v>#N/A</v>
      </c>
      <c r="HO54" s="91" t="e">
        <f t="shared" si="390"/>
        <v>#N/A</v>
      </c>
      <c r="HP54" s="91" t="e">
        <f t="shared" si="391"/>
        <v>#N/A</v>
      </c>
      <c r="HQ54" s="91" t="e">
        <f t="shared" si="392"/>
        <v>#N/A</v>
      </c>
      <c r="HR54" s="91" t="e">
        <f t="shared" si="393"/>
        <v>#N/A</v>
      </c>
      <c r="HS54" s="91" t="e">
        <f t="shared" si="394"/>
        <v>#N/A</v>
      </c>
      <c r="HT54" s="91" t="e">
        <f t="shared" si="395"/>
        <v>#N/A</v>
      </c>
      <c r="HU54" s="91" t="e">
        <f t="shared" si="396"/>
        <v>#N/A</v>
      </c>
      <c r="HV54" s="91" t="e">
        <f t="shared" si="397"/>
        <v>#N/A</v>
      </c>
      <c r="HW54" s="91" t="e">
        <f t="shared" si="398"/>
        <v>#N/A</v>
      </c>
      <c r="HX54" s="91" t="e">
        <f t="shared" si="399"/>
        <v>#N/A</v>
      </c>
      <c r="HY54" s="91">
        <f t="shared" si="400"/>
        <v>0</v>
      </c>
      <c r="HZ54" s="91" t="e">
        <f t="shared" si="401"/>
        <v>#N/A</v>
      </c>
      <c r="IA54" s="91" t="e">
        <f t="shared" si="402"/>
        <v>#N/A</v>
      </c>
      <c r="IB54" s="91" t="e">
        <f t="shared" si="403"/>
        <v>#N/A</v>
      </c>
      <c r="IC54" s="91" t="e">
        <f t="shared" si="404"/>
        <v>#N/A</v>
      </c>
      <c r="ID54" s="91" t="e">
        <f t="shared" si="405"/>
        <v>#N/A</v>
      </c>
      <c r="IE54" s="91" t="e">
        <f t="shared" si="406"/>
        <v>#N/A</v>
      </c>
      <c r="IF54" s="91" t="e">
        <f t="shared" si="407"/>
        <v>#N/A</v>
      </c>
      <c r="IG54" s="91" t="e">
        <f t="shared" si="408"/>
        <v>#N/A</v>
      </c>
      <c r="IH54" s="91" t="e">
        <f t="shared" si="409"/>
        <v>#N/A</v>
      </c>
      <c r="II54" s="91" t="e">
        <f t="shared" si="410"/>
        <v>#N/A</v>
      </c>
      <c r="IJ54" s="91" t="e">
        <f t="shared" si="411"/>
        <v>#N/A</v>
      </c>
      <c r="IK54" s="127" t="e">
        <f t="shared" si="412"/>
        <v>#N/A</v>
      </c>
    </row>
    <row r="55" spans="2:245" ht="13.5" thickBot="1" x14ac:dyDescent="0.25">
      <c r="B55" s="79">
        <f t="shared" si="188"/>
        <v>-44.5</v>
      </c>
      <c r="C55" s="73">
        <f>'p-y mono_clay'!C55</f>
        <v>29</v>
      </c>
      <c r="D55" s="64">
        <f>'p-y mono_clay'!D55</f>
        <v>28.983999999999998</v>
      </c>
      <c r="E55" s="64" t="str">
        <f>'p-y mono_clay'!E55</f>
        <v>CLAY</v>
      </c>
      <c r="F55" s="55">
        <f>VLOOKUP($C55, 'Pile Property'!$A$8:$D$108,2,TRUE)</f>
        <v>2</v>
      </c>
      <c r="G55" s="102">
        <f>'p-y mono_clay'!Z55</f>
        <v>6065.4886776078629</v>
      </c>
      <c r="H55" s="199">
        <f>'p-y mono_clay'!AM55</f>
        <v>0</v>
      </c>
      <c r="I55" s="55">
        <f>'p-y mono_clay'!AN55</f>
        <v>0.8613626648033309</v>
      </c>
      <c r="J55" s="55">
        <f>'p-y mono_clay'!AO55</f>
        <v>8.6136266480333123</v>
      </c>
      <c r="K55" s="55">
        <f>'p-y mono_clay'!AP55</f>
        <v>17.840879944099928</v>
      </c>
      <c r="L55" s="55">
        <f>'p-y mono_clay'!AQ55</f>
        <v>33.681759888199863</v>
      </c>
      <c r="M55" s="55">
        <f>'p-y mono_clay'!AR55</f>
        <v>54.136266480333099</v>
      </c>
      <c r="N55" s="55">
        <f>'p-y mono_clay'!AS55</f>
        <v>81.818026368532955</v>
      </c>
      <c r="O55" s="55">
        <f>'p-y mono_clay'!AT55</f>
        <v>124.11341290476615</v>
      </c>
      <c r="P55" s="55">
        <f>'p-y mono_clay'!AU55</f>
        <v>190.09055932919918</v>
      </c>
      <c r="Q55" s="55">
        <f>'p-y mono_clay'!AV55</f>
        <v>310.68133240166549</v>
      </c>
      <c r="R55" s="55">
        <f>'p-y mono_clay'!AW55</f>
        <v>502.95386536233178</v>
      </c>
      <c r="S55" s="55">
        <f>'p-y mono_clay'!AX55</f>
        <v>661.36266480333097</v>
      </c>
      <c r="T55" s="200">
        <f>'p-y mono_clay'!AY55</f>
        <v>6000</v>
      </c>
      <c r="U55" s="199">
        <f>'p-y mono_clay'!AZ55</f>
        <v>0</v>
      </c>
      <c r="V55" s="55">
        <f>'p-y mono_clay'!BA55</f>
        <v>303.27443388039313</v>
      </c>
      <c r="W55" s="55">
        <f>'p-y mono_clay'!BB55</f>
        <v>1213.0977355215725</v>
      </c>
      <c r="X55" s="55">
        <f>'p-y mono_clay'!BC55</f>
        <v>1819.6466032823589</v>
      </c>
      <c r="Y55" s="55">
        <f>'p-y mono_clay'!BD55</f>
        <v>2426.1954710431451</v>
      </c>
      <c r="Z55" s="55">
        <f>'p-y mono_clay'!BE55</f>
        <v>3032.7443388039314</v>
      </c>
      <c r="AA55" s="55">
        <f>'p-y mono_clay'!BF55</f>
        <v>3639.2932065647178</v>
      </c>
      <c r="AB55" s="55">
        <f>'p-y mono_clay'!BG55</f>
        <v>4245.8420743255037</v>
      </c>
      <c r="AC55" s="55">
        <f>'p-y mono_clay'!BH55</f>
        <v>4852.3909420862901</v>
      </c>
      <c r="AD55" s="55">
        <f>'p-y mono_clay'!BI55</f>
        <v>5458.9398098470765</v>
      </c>
      <c r="AE55" s="55">
        <f>'p-y mono_clay'!BJ55</f>
        <v>5913.8514606676663</v>
      </c>
      <c r="AF55" s="55">
        <f>'p-y mono_clay'!BK55</f>
        <v>6065.4886776078629</v>
      </c>
      <c r="AG55" s="200">
        <f>'p-y mono_clay'!BL55</f>
        <v>6065.4886776078629</v>
      </c>
      <c r="AH55">
        <f t="shared" si="205"/>
        <v>30</v>
      </c>
      <c r="AI55">
        <v>0</v>
      </c>
      <c r="AJ55">
        <f t="shared" si="206"/>
        <v>-0.8834136177777776</v>
      </c>
      <c r="AK55">
        <f t="shared" si="207"/>
        <v>-0.73341361777777769</v>
      </c>
      <c r="AL55">
        <f t="shared" si="208"/>
        <v>-0.6334136177777776</v>
      </c>
      <c r="AM55">
        <f t="shared" si="209"/>
        <v>-0.53341361777777774</v>
      </c>
      <c r="AN55">
        <f t="shared" si="210"/>
        <v>-0.43341361777777765</v>
      </c>
      <c r="AO55">
        <f t="shared" si="211"/>
        <v>-0.33341361777777767</v>
      </c>
      <c r="AP55">
        <f t="shared" si="212"/>
        <v>-0.23341361777777769</v>
      </c>
      <c r="AQ55">
        <f t="shared" si="213"/>
        <v>-0.13341361777777772</v>
      </c>
      <c r="AR55">
        <f t="shared" si="214"/>
        <v>-3.3413617777777627E-2</v>
      </c>
      <c r="AS55">
        <f t="shared" si="215"/>
        <v>4.1586382222222329E-2</v>
      </c>
      <c r="AT55">
        <f t="shared" si="216"/>
        <v>6.6586382222222351E-2</v>
      </c>
      <c r="AU55">
        <f t="shared" si="217"/>
        <v>6.6586382222222351E-2</v>
      </c>
      <c r="AV55">
        <v>1</v>
      </c>
      <c r="AW55">
        <v>1.25</v>
      </c>
      <c r="AX55">
        <v>2.5</v>
      </c>
      <c r="AY55" s="162">
        <f t="shared" si="218"/>
        <v>2</v>
      </c>
      <c r="AZ55" s="162">
        <f t="shared" si="219"/>
        <v>1.0619016349471773</v>
      </c>
      <c r="BA55" s="162">
        <f t="shared" si="220"/>
        <v>1.1537927125344636</v>
      </c>
      <c r="BB55" s="162">
        <f t="shared" si="221"/>
        <v>1.2244296106218062</v>
      </c>
      <c r="BC55" s="162">
        <f t="shared" si="222"/>
        <v>1.3042795347666203</v>
      </c>
      <c r="BD55" s="162">
        <f t="shared" si="223"/>
        <v>1.3952706847452738</v>
      </c>
      <c r="BE55" s="162">
        <f t="shared" si="224"/>
        <v>1.4999096854381411</v>
      </c>
      <c r="BF55" s="162">
        <f t="shared" si="225"/>
        <v>1.6215160682297065</v>
      </c>
      <c r="BG55" s="162">
        <f t="shared" si="226"/>
        <v>1.7645808808273282</v>
      </c>
      <c r="BH55" s="162">
        <f t="shared" si="227"/>
        <v>1.9353335059593477</v>
      </c>
      <c r="BI55" s="162">
        <f t="shared" si="228"/>
        <v>2.0867817014508754</v>
      </c>
      <c r="BJ55" s="162">
        <f t="shared" si="229"/>
        <v>2.1426728321807595</v>
      </c>
      <c r="BK55" s="162">
        <f t="shared" si="230"/>
        <v>2.1426728321807595</v>
      </c>
      <c r="BL55" s="162">
        <f t="shared" si="231"/>
        <v>2.3784142300054421</v>
      </c>
      <c r="BM55" s="162">
        <f t="shared" si="232"/>
        <v>1.0779667416262475</v>
      </c>
      <c r="BN55" s="162">
        <f t="shared" si="233"/>
        <v>1.1958032776816268</v>
      </c>
      <c r="BO55" s="162">
        <f t="shared" si="234"/>
        <v>1.2880042011927801</v>
      </c>
      <c r="BP55" s="162">
        <f t="shared" si="235"/>
        <v>1.3938413680152766</v>
      </c>
      <c r="BQ55" s="162">
        <f t="shared" si="236"/>
        <v>1.5164325119001536</v>
      </c>
      <c r="BR55" s="162">
        <f t="shared" si="237"/>
        <v>1.6598979436249295</v>
      </c>
      <c r="BS55" s="162">
        <f t="shared" si="238"/>
        <v>1.8297913523635909</v>
      </c>
      <c r="BT55" s="162">
        <f t="shared" si="239"/>
        <v>2.0337705848531202</v>
      </c>
      <c r="BU55" s="162">
        <f t="shared" si="240"/>
        <v>2.2826786107349974</v>
      </c>
      <c r="BV55" s="162">
        <f t="shared" si="241"/>
        <v>2.508108238833429</v>
      </c>
      <c r="BW55" s="162">
        <f t="shared" si="242"/>
        <v>2.5923571176566647</v>
      </c>
      <c r="BX55" s="162">
        <f t="shared" si="243"/>
        <v>2.5923571176566647</v>
      </c>
      <c r="BY55" s="162">
        <f t="shared" si="244"/>
        <v>5.6568542494923806</v>
      </c>
      <c r="BZ55" s="162">
        <f t="shared" si="245"/>
        <v>1.1620122960523089</v>
      </c>
      <c r="CA55" s="162">
        <f t="shared" si="246"/>
        <v>1.4299454789141219</v>
      </c>
      <c r="CB55" s="162">
        <f t="shared" si="247"/>
        <v>1.6589548222902515</v>
      </c>
      <c r="CC55" s="162">
        <f t="shared" si="248"/>
        <v>1.9427937591906979</v>
      </c>
      <c r="CD55" s="162">
        <f t="shared" si="249"/>
        <v>2.299567563147809</v>
      </c>
      <c r="CE55" s="162">
        <f t="shared" si="250"/>
        <v>2.7552611832502691</v>
      </c>
      <c r="CF55" s="162">
        <f t="shared" si="251"/>
        <v>3.3481363931845785</v>
      </c>
      <c r="CG55" s="162">
        <f t="shared" si="252"/>
        <v>4.1362227918138021</v>
      </c>
      <c r="CH55" s="162">
        <f t="shared" si="253"/>
        <v>5.2106216399070577</v>
      </c>
      <c r="CI55" s="162">
        <f t="shared" si="254"/>
        <v>6.2906069377041254</v>
      </c>
      <c r="CJ55" s="162">
        <f t="shared" si="255"/>
        <v>6.7203154254651709</v>
      </c>
      <c r="CK55" s="162">
        <f t="shared" si="256"/>
        <v>6.7203154254651709</v>
      </c>
      <c r="CL55">
        <f t="shared" si="257"/>
        <v>1.3729593947216077</v>
      </c>
      <c r="CM55">
        <f t="shared" si="258"/>
        <v>1.4615914185502368</v>
      </c>
      <c r="CN55">
        <f t="shared" si="259"/>
        <v>1.4499723662529562</v>
      </c>
      <c r="CO55">
        <f t="shared" si="260"/>
        <v>1.4416534843790823</v>
      </c>
      <c r="CP55">
        <f t="shared" si="261"/>
        <v>1.4328088869243207</v>
      </c>
      <c r="CQ55">
        <f t="shared" si="262"/>
        <v>1.4233676190028297</v>
      </c>
      <c r="CR55">
        <f t="shared" si="263"/>
        <v>1.4132433144777385</v>
      </c>
      <c r="CS55">
        <f t="shared" si="264"/>
        <v>1.4023293821318599</v>
      </c>
      <c r="CT55">
        <f t="shared" si="265"/>
        <v>1.3904921518741076</v>
      </c>
      <c r="CU55">
        <f t="shared" si="266"/>
        <v>1.3775608467416083</v>
      </c>
      <c r="CV55">
        <f t="shared" si="267"/>
        <v>1.3670127767218703</v>
      </c>
      <c r="CW55">
        <f t="shared" si="268"/>
        <v>1.3633124348621815</v>
      </c>
      <c r="CX55" s="98">
        <f t="shared" si="269"/>
        <v>1.3633124348621815</v>
      </c>
      <c r="CY55">
        <f t="shared" si="270"/>
        <v>1.1029593947216076</v>
      </c>
      <c r="CZ55">
        <f t="shared" si="271"/>
        <v>1.1915914185502368</v>
      </c>
      <c r="DA55">
        <f t="shared" si="272"/>
        <v>1.1799723662529562</v>
      </c>
      <c r="DB55">
        <f t="shared" si="273"/>
        <v>1.1716534843790822</v>
      </c>
      <c r="DC55">
        <f t="shared" si="274"/>
        <v>1.1628088869243207</v>
      </c>
      <c r="DD55">
        <f t="shared" si="275"/>
        <v>1.1533676190028297</v>
      </c>
      <c r="DE55">
        <f t="shared" si="276"/>
        <v>1.1432433144777385</v>
      </c>
      <c r="DF55">
        <f t="shared" si="277"/>
        <v>1.1323293821318599</v>
      </c>
      <c r="DG55">
        <f t="shared" si="278"/>
        <v>1.1204921518741076</v>
      </c>
      <c r="DH55">
        <f t="shared" si="279"/>
        <v>1.1075608467416083</v>
      </c>
      <c r="DI55">
        <f t="shared" si="280"/>
        <v>1.0970127767218703</v>
      </c>
      <c r="DJ55">
        <f t="shared" si="281"/>
        <v>1.0933124348621814</v>
      </c>
      <c r="DK55">
        <f t="shared" si="282"/>
        <v>1.0933124348621814</v>
      </c>
      <c r="DL55" s="97">
        <f t="shared" si="283"/>
        <v>1.5000349036450102</v>
      </c>
      <c r="DM55">
        <f t="shared" si="284"/>
        <v>1.6187385069869242</v>
      </c>
      <c r="DN55">
        <f t="shared" si="285"/>
        <v>1.6031772762316376</v>
      </c>
      <c r="DO55">
        <f t="shared" si="286"/>
        <v>1.592035916579128</v>
      </c>
      <c r="DP55">
        <f t="shared" si="287"/>
        <v>1.5801904735593582</v>
      </c>
      <c r="DQ55">
        <f t="shared" si="288"/>
        <v>1.567545918307361</v>
      </c>
      <c r="DR55">
        <f t="shared" si="289"/>
        <v>1.5539865818898284</v>
      </c>
      <c r="DS55">
        <f t="shared" si="290"/>
        <v>1.5393697082123123</v>
      </c>
      <c r="DT55">
        <f t="shared" si="291"/>
        <v>1.523516274831394</v>
      </c>
      <c r="DU55">
        <f t="shared" si="292"/>
        <v>1.5061975626003681</v>
      </c>
      <c r="DV55">
        <f t="shared" si="293"/>
        <v>1.4920706831096475</v>
      </c>
      <c r="DW55">
        <f t="shared" si="294"/>
        <v>1.487114868118993</v>
      </c>
      <c r="DX55" s="98">
        <f t="shared" si="295"/>
        <v>1.487114868118993</v>
      </c>
      <c r="DY55">
        <f t="shared" si="296"/>
        <v>1.0527062241310117</v>
      </c>
      <c r="DZ55">
        <f t="shared" si="297"/>
        <v>1.1872369745851807</v>
      </c>
      <c r="EA55">
        <f t="shared" si="298"/>
        <v>1.1696009130625229</v>
      </c>
      <c r="EB55">
        <f t="shared" si="299"/>
        <v>1.1569740387896785</v>
      </c>
      <c r="EC55">
        <f t="shared" si="300"/>
        <v>1.1435492033672727</v>
      </c>
      <c r="ED55">
        <f t="shared" si="301"/>
        <v>1.1292187074150093</v>
      </c>
      <c r="EE55">
        <f t="shared" si="302"/>
        <v>1.113851459475139</v>
      </c>
      <c r="EF55">
        <f t="shared" si="303"/>
        <v>1.0972856693072872</v>
      </c>
      <c r="EG55">
        <f t="shared" si="304"/>
        <v>1.0793184448089133</v>
      </c>
      <c r="EH55">
        <f t="shared" si="305"/>
        <v>1.0596905709470839</v>
      </c>
      <c r="EI55">
        <f t="shared" si="306"/>
        <v>1.0436801075242672</v>
      </c>
      <c r="EJ55">
        <f t="shared" si="307"/>
        <v>1.0380635172015253</v>
      </c>
      <c r="EK55">
        <f t="shared" si="308"/>
        <v>1.0380635172015253</v>
      </c>
      <c r="EL55" s="97">
        <f t="shared" si="309"/>
        <v>1.1554124482620232</v>
      </c>
      <c r="EM55">
        <f t="shared" si="310"/>
        <v>1.4244739491703617</v>
      </c>
      <c r="EN55">
        <f t="shared" si="311"/>
        <v>1.3892018261250456</v>
      </c>
      <c r="EO55">
        <f t="shared" si="312"/>
        <v>1.3639480775793571</v>
      </c>
      <c r="EP55">
        <f t="shared" si="313"/>
        <v>1.3370984067345453</v>
      </c>
      <c r="EQ55">
        <f t="shared" si="314"/>
        <v>1.3084374148300186</v>
      </c>
      <c r="ER55">
        <f t="shared" si="315"/>
        <v>1.277702918950278</v>
      </c>
      <c r="ES55">
        <f t="shared" si="316"/>
        <v>1.2445713386145747</v>
      </c>
      <c r="ET55">
        <f t="shared" si="317"/>
        <v>1.2086368896178263</v>
      </c>
      <c r="EU55">
        <f t="shared" si="318"/>
        <v>1.169381141894168</v>
      </c>
      <c r="EV55">
        <f t="shared" si="319"/>
        <v>1.1373602150485345</v>
      </c>
      <c r="EW55">
        <f t="shared" si="320"/>
        <v>1.1261270344030507</v>
      </c>
      <c r="EX55" s="98">
        <f t="shared" si="321"/>
        <v>1.1261270344030507</v>
      </c>
      <c r="EY55" s="97">
        <f t="shared" si="322"/>
        <v>0.90541244826202316</v>
      </c>
      <c r="EZ55">
        <f t="shared" si="323"/>
        <v>1.1744739491703617</v>
      </c>
      <c r="FA55">
        <f t="shared" si="324"/>
        <v>1.1392018261250456</v>
      </c>
      <c r="FB55">
        <f t="shared" si="325"/>
        <v>1.1139480775793571</v>
      </c>
      <c r="FC55">
        <f t="shared" si="326"/>
        <v>1.0870984067345453</v>
      </c>
      <c r="FD55">
        <f t="shared" si="327"/>
        <v>1.0584374148300186</v>
      </c>
      <c r="FE55">
        <f t="shared" si="328"/>
        <v>1.027702918950278</v>
      </c>
      <c r="FF55">
        <f t="shared" si="329"/>
        <v>0.9945713386145747</v>
      </c>
      <c r="FG55">
        <f t="shared" si="330"/>
        <v>0.95863688961782645</v>
      </c>
      <c r="FH55">
        <f t="shared" si="331"/>
        <v>0.91938114189416797</v>
      </c>
      <c r="FI55">
        <f t="shared" si="332"/>
        <v>0.88736021504853446</v>
      </c>
      <c r="FJ55">
        <f t="shared" si="333"/>
        <v>0.87612703440305073</v>
      </c>
      <c r="FK55">
        <f t="shared" si="334"/>
        <v>0.87612703440305073</v>
      </c>
      <c r="FL55" s="126">
        <f t="shared" si="335"/>
        <v>0</v>
      </c>
      <c r="FM55" s="91">
        <f t="shared" si="336"/>
        <v>443.26331002526376</v>
      </c>
      <c r="FN55" s="91">
        <f t="shared" si="337"/>
        <v>1758.9581940703174</v>
      </c>
      <c r="FO55" s="91">
        <f t="shared" si="338"/>
        <v>2623.2998659605742</v>
      </c>
      <c r="FP55" s="91">
        <f t="shared" si="339"/>
        <v>3476.2744323261568</v>
      </c>
      <c r="FQ55" s="91">
        <f t="shared" si="340"/>
        <v>4316.7100885676628</v>
      </c>
      <c r="FR55" s="91">
        <f t="shared" si="341"/>
        <v>5143.2067936018393</v>
      </c>
      <c r="FS55" s="91">
        <f t="shared" si="342"/>
        <v>5954.0690927183377</v>
      </c>
      <c r="FT55" s="91">
        <f t="shared" si="343"/>
        <v>6747.2115227959939</v>
      </c>
      <c r="FU55" s="91">
        <f t="shared" si="344"/>
        <v>7520.0217467644125</v>
      </c>
      <c r="FV55" s="91">
        <f t="shared" si="345"/>
        <v>8084.310506367995</v>
      </c>
      <c r="FW55" s="91">
        <f t="shared" si="346"/>
        <v>8269.1561376985683</v>
      </c>
      <c r="FX55" s="91">
        <f t="shared" si="347"/>
        <v>8269.1561376985683</v>
      </c>
      <c r="FY55" s="91">
        <f t="shared" si="348"/>
        <v>0</v>
      </c>
      <c r="FZ55" s="91">
        <f t="shared" si="349"/>
        <v>1.0263923596392133</v>
      </c>
      <c r="GA55" s="91">
        <f t="shared" si="350"/>
        <v>10.163841417899388</v>
      </c>
      <c r="GB55" s="91">
        <f t="shared" si="351"/>
        <v>20.903329150893565</v>
      </c>
      <c r="GC55" s="91">
        <f t="shared" si="352"/>
        <v>39.165449725249914</v>
      </c>
      <c r="GD55" s="91">
        <f t="shared" si="353"/>
        <v>62.439016772124482</v>
      </c>
      <c r="GE55" s="91">
        <f t="shared" si="354"/>
        <v>93.537911649588622</v>
      </c>
      <c r="GF55" s="91">
        <f t="shared" si="355"/>
        <v>140.53726414873026</v>
      </c>
      <c r="GG55" s="91">
        <f t="shared" si="356"/>
        <v>212.99497987372709</v>
      </c>
      <c r="GH55" s="91">
        <f t="shared" si="357"/>
        <v>344.09847958159969</v>
      </c>
      <c r="GI55" s="91">
        <f t="shared" si="358"/>
        <v>551.74681640412928</v>
      </c>
      <c r="GJ55" s="91">
        <f t="shared" si="359"/>
        <v>723.07602538307049</v>
      </c>
      <c r="GK55" s="127">
        <f t="shared" si="360"/>
        <v>6559.8746091730882</v>
      </c>
      <c r="GL55" s="126">
        <f t="shared" si="361"/>
        <v>0</v>
      </c>
      <c r="GM55" s="91">
        <f t="shared" si="362"/>
        <v>490.92200430685227</v>
      </c>
      <c r="GN55" s="91">
        <f t="shared" si="363"/>
        <v>1944.8107234362421</v>
      </c>
      <c r="GO55" s="91">
        <f t="shared" si="364"/>
        <v>2896.9427479067272</v>
      </c>
      <c r="GP55" s="91">
        <f t="shared" si="365"/>
        <v>3833.8509703352374</v>
      </c>
      <c r="GQ55" s="91">
        <f t="shared" si="366"/>
        <v>4753.9660095618592</v>
      </c>
      <c r="GR55" s="91">
        <f t="shared" si="367"/>
        <v>5655.4128105643795</v>
      </c>
      <c r="GS55" s="91">
        <f t="shared" si="368"/>
        <v>6535.9206750700096</v>
      </c>
      <c r="GT55" s="91">
        <f t="shared" si="369"/>
        <v>7392.6965721129027</v>
      </c>
      <c r="GU55" s="91">
        <f t="shared" si="370"/>
        <v>8222.241835973784</v>
      </c>
      <c r="GV55" s="91">
        <f t="shared" si="371"/>
        <v>8823.8843887273924</v>
      </c>
      <c r="GW55" s="91">
        <f t="shared" si="372"/>
        <v>9020.0783948780627</v>
      </c>
      <c r="GX55" s="91">
        <f t="shared" si="373"/>
        <v>9020.0783948780627</v>
      </c>
      <c r="GY55" s="91">
        <f t="shared" si="374"/>
        <v>0</v>
      </c>
      <c r="GZ55" s="91">
        <f t="shared" si="375"/>
        <v>1.0226416041817357</v>
      </c>
      <c r="HA55" s="91">
        <f t="shared" si="376"/>
        <v>10.07450559231944</v>
      </c>
      <c r="HB55" s="91">
        <f t="shared" si="377"/>
        <v>20.641434924487069</v>
      </c>
      <c r="HC55" s="91">
        <f t="shared" si="378"/>
        <v>38.516749688158711</v>
      </c>
      <c r="HD55" s="91">
        <f t="shared" si="379"/>
        <v>61.131684859196234</v>
      </c>
      <c r="HE55" s="91">
        <f t="shared" si="380"/>
        <v>91.133128081965836</v>
      </c>
      <c r="HF55" s="91">
        <f t="shared" si="381"/>
        <v>136.18786934921803</v>
      </c>
      <c r="HG55" s="91">
        <f t="shared" si="382"/>
        <v>205.1682468680477</v>
      </c>
      <c r="HH55" s="91">
        <f t="shared" si="383"/>
        <v>329.22607851532166</v>
      </c>
      <c r="HI55" s="91">
        <f t="shared" si="384"/>
        <v>524.92294428110426</v>
      </c>
      <c r="HJ55" s="91">
        <f t="shared" si="385"/>
        <v>686.53645397151922</v>
      </c>
      <c r="HK55" s="127">
        <f t="shared" si="386"/>
        <v>6228.3811032091517</v>
      </c>
      <c r="HL55" s="126">
        <f t="shared" si="387"/>
        <v>0</v>
      </c>
      <c r="HM55" s="91">
        <f t="shared" si="388"/>
        <v>432.00653051200936</v>
      </c>
      <c r="HN55" s="91">
        <f t="shared" si="389"/>
        <v>1685.2375894547263</v>
      </c>
      <c r="HO55" s="91">
        <f t="shared" si="390"/>
        <v>2481.9034864207806</v>
      </c>
      <c r="HP55" s="91">
        <f t="shared" si="391"/>
        <v>3244.0620987583588</v>
      </c>
      <c r="HQ55" s="91">
        <f t="shared" si="392"/>
        <v>3968.1561625049903</v>
      </c>
      <c r="HR55" s="91">
        <f t="shared" si="393"/>
        <v>4649.9355529436571</v>
      </c>
      <c r="HS55" s="91">
        <f t="shared" si="394"/>
        <v>5284.2533539893748</v>
      </c>
      <c r="HT55" s="91">
        <f t="shared" si="395"/>
        <v>5864.7786954528874</v>
      </c>
      <c r="HU55" s="91">
        <f t="shared" si="396"/>
        <v>6383.5812683705062</v>
      </c>
      <c r="HV55" s="91">
        <f t="shared" si="397"/>
        <v>6726.179369070067</v>
      </c>
      <c r="HW55" s="91">
        <f t="shared" si="398"/>
        <v>6830.5107767198242</v>
      </c>
      <c r="HX55" s="91">
        <f t="shared" si="399"/>
        <v>6830.5107767198242</v>
      </c>
      <c r="HY55" s="91">
        <f t="shared" si="400"/>
        <v>0</v>
      </c>
      <c r="HZ55" s="91">
        <f t="shared" si="401"/>
        <v>1.0116480105994745</v>
      </c>
      <c r="IA55" s="91">
        <f t="shared" si="402"/>
        <v>9.8126592069989051</v>
      </c>
      <c r="IB55" s="91">
        <f t="shared" si="403"/>
        <v>19.873813916054225</v>
      </c>
      <c r="IC55" s="91">
        <f t="shared" si="404"/>
        <v>36.615387510477589</v>
      </c>
      <c r="ID55" s="91">
        <f t="shared" si="405"/>
        <v>57.299849941992754</v>
      </c>
      <c r="IE55" s="91">
        <f t="shared" si="406"/>
        <v>84.084624521692135</v>
      </c>
      <c r="IF55" s="91">
        <f t="shared" si="407"/>
        <v>123.4396432127167</v>
      </c>
      <c r="IG55" s="91">
        <f t="shared" si="408"/>
        <v>182.22782254105641</v>
      </c>
      <c r="IH55" s="91">
        <f t="shared" si="409"/>
        <v>285.63455814864477</v>
      </c>
      <c r="II55" s="91">
        <f t="shared" si="410"/>
        <v>446.30125012741036</v>
      </c>
      <c r="IJ55" s="91">
        <f t="shared" si="411"/>
        <v>579.43771017904123</v>
      </c>
      <c r="IK55" s="127">
        <f t="shared" si="412"/>
        <v>5256.7622064183042</v>
      </c>
    </row>
    <row r="56" spans="2:245" x14ac:dyDescent="0.2">
      <c r="B56" s="79">
        <f t="shared" si="188"/>
        <v>-45.5</v>
      </c>
      <c r="C56" s="73">
        <f>'p-y mono_clay'!C56</f>
        <v>30</v>
      </c>
      <c r="D56" s="64">
        <f>'p-y mono_clay'!D56</f>
        <v>29.992999999999999</v>
      </c>
      <c r="E56" s="64" t="str">
        <f>'p-y mono_clay'!E56</f>
        <v>CLAY</v>
      </c>
      <c r="F56" s="55">
        <f>VLOOKUP($C56, 'Pile Property'!$A$8:$D$108,2,TRUE)</f>
        <v>2</v>
      </c>
      <c r="G56" s="102">
        <f>'p-y mono_clay'!Z56</f>
        <v>5518.6684925143982</v>
      </c>
      <c r="H56" s="199">
        <f>'p-y mono_clay'!AM56</f>
        <v>0</v>
      </c>
      <c r="I56" s="55">
        <f>'p-y mono_clay'!AN56</f>
        <v>0.83267022100680477</v>
      </c>
      <c r="J56" s="55">
        <f>'p-y mono_clay'!AO56</f>
        <v>8.3267022100680492</v>
      </c>
      <c r="K56" s="55">
        <f>'p-y mono_clay'!AP56</f>
        <v>16.980106630204141</v>
      </c>
      <c r="L56" s="55">
        <f>'p-y mono_clay'!AQ56</f>
        <v>31.960213260408292</v>
      </c>
      <c r="M56" s="55">
        <f>'p-y mono_clay'!AR56</f>
        <v>51.267022100680478</v>
      </c>
      <c r="N56" s="55">
        <f>'p-y mono_clay'!AS56</f>
        <v>77.227235361088759</v>
      </c>
      <c r="O56" s="55">
        <f>'p-y mono_clay'!AT56</f>
        <v>117.51415083156512</v>
      </c>
      <c r="P56" s="55">
        <f>'p-y mono_clay'!AU56</f>
        <v>179.76127956244974</v>
      </c>
      <c r="Q56" s="55">
        <f>'p-y mono_clay'!AV56</f>
        <v>296.3351105034024</v>
      </c>
      <c r="R56" s="55">
        <f>'p-y mono_clay'!AW56</f>
        <v>482.86915470476339</v>
      </c>
      <c r="S56" s="55">
        <f>'p-y mono_clay'!AX56</f>
        <v>632.6702210068047</v>
      </c>
      <c r="T56" s="200">
        <f>'p-y mono_clay'!AY56</f>
        <v>6000</v>
      </c>
      <c r="U56" s="199">
        <f>'p-y mono_clay'!AZ56</f>
        <v>0</v>
      </c>
      <c r="V56" s="55">
        <f>'p-y mono_clay'!BA56</f>
        <v>275.93342462571991</v>
      </c>
      <c r="W56" s="55">
        <f>'p-y mono_clay'!BB56</f>
        <v>1103.7336985028796</v>
      </c>
      <c r="X56" s="55">
        <f>'p-y mono_clay'!BC56</f>
        <v>1655.6005477543195</v>
      </c>
      <c r="Y56" s="55">
        <f>'p-y mono_clay'!BD56</f>
        <v>2207.4673970057593</v>
      </c>
      <c r="Z56" s="55">
        <f>'p-y mono_clay'!BE56</f>
        <v>2759.3342462571991</v>
      </c>
      <c r="AA56" s="55">
        <f>'p-y mono_clay'!BF56</f>
        <v>3311.2010955086389</v>
      </c>
      <c r="AB56" s="55">
        <f>'p-y mono_clay'!BG56</f>
        <v>3863.0679447600783</v>
      </c>
      <c r="AC56" s="55">
        <f>'p-y mono_clay'!BH56</f>
        <v>4414.9347940115185</v>
      </c>
      <c r="AD56" s="55">
        <f>'p-y mono_clay'!BI56</f>
        <v>4966.8016432629584</v>
      </c>
      <c r="AE56" s="55">
        <f>'p-y mono_clay'!BJ56</f>
        <v>5380.701780201538</v>
      </c>
      <c r="AF56" s="55">
        <f>'p-y mono_clay'!BK56</f>
        <v>5518.6684925143982</v>
      </c>
      <c r="AG56" s="200">
        <f>'p-y mono_clay'!BL56</f>
        <v>5518.6684925143982</v>
      </c>
      <c r="AH56">
        <f t="shared" si="205"/>
        <v>30</v>
      </c>
      <c r="AI56">
        <v>0</v>
      </c>
      <c r="AJ56">
        <f t="shared" si="206"/>
        <v>-0.94953338777777752</v>
      </c>
      <c r="AK56">
        <f t="shared" si="207"/>
        <v>-0.79953338777777749</v>
      </c>
      <c r="AL56">
        <f t="shared" si="208"/>
        <v>-0.69953338777777763</v>
      </c>
      <c r="AM56">
        <f t="shared" si="209"/>
        <v>-0.59953338777777754</v>
      </c>
      <c r="AN56">
        <f t="shared" si="210"/>
        <v>-0.49953338777777756</v>
      </c>
      <c r="AO56">
        <f t="shared" si="211"/>
        <v>-0.39953338777777758</v>
      </c>
      <c r="AP56">
        <f t="shared" si="212"/>
        <v>-0.2995333877777776</v>
      </c>
      <c r="AQ56">
        <f t="shared" si="213"/>
        <v>-0.19953338777777752</v>
      </c>
      <c r="AR56">
        <f t="shared" si="214"/>
        <v>-9.9533387777777538E-2</v>
      </c>
      <c r="AS56">
        <f t="shared" si="215"/>
        <v>-2.4533387777777582E-2</v>
      </c>
      <c r="AT56">
        <f t="shared" si="216"/>
        <v>4.6661222222244003E-4</v>
      </c>
      <c r="AU56">
        <f t="shared" si="217"/>
        <v>4.6661222222244003E-4</v>
      </c>
      <c r="AV56">
        <v>1</v>
      </c>
      <c r="AW56">
        <v>1.25</v>
      </c>
      <c r="AX56">
        <v>2.5</v>
      </c>
      <c r="AY56" s="162">
        <f t="shared" si="218"/>
        <v>2</v>
      </c>
      <c r="AZ56" s="162">
        <f t="shared" si="219"/>
        <v>1.0258865082991719</v>
      </c>
      <c r="BA56" s="162">
        <f t="shared" si="220"/>
        <v>1.1113992180327237</v>
      </c>
      <c r="BB56" s="162">
        <f t="shared" si="221"/>
        <v>1.176793591925309</v>
      </c>
      <c r="BC56" s="162">
        <f t="shared" si="222"/>
        <v>1.2503646471416194</v>
      </c>
      <c r="BD56" s="162">
        <f t="shared" si="223"/>
        <v>1.3337482288166222</v>
      </c>
      <c r="BE56" s="162">
        <f t="shared" si="224"/>
        <v>1.4290477222380966</v>
      </c>
      <c r="BF56" s="162">
        <f t="shared" si="225"/>
        <v>1.53901394054987</v>
      </c>
      <c r="BG56" s="162">
        <f t="shared" si="226"/>
        <v>1.6673149912943606</v>
      </c>
      <c r="BH56" s="162">
        <f t="shared" si="227"/>
        <v>1.8189534053550835</v>
      </c>
      <c r="BI56" s="162">
        <f t="shared" si="228"/>
        <v>1.9521081732026504</v>
      </c>
      <c r="BJ56" s="162">
        <f t="shared" si="229"/>
        <v>2.0009336601016599</v>
      </c>
      <c r="BK56" s="162">
        <f t="shared" si="230"/>
        <v>2.0009336601016599</v>
      </c>
      <c r="BL56" s="162">
        <f t="shared" si="231"/>
        <v>2.3784142300054421</v>
      </c>
      <c r="BM56" s="162">
        <f t="shared" si="232"/>
        <v>1.0324621702220915</v>
      </c>
      <c r="BN56" s="162">
        <f t="shared" si="233"/>
        <v>1.1411365310598209</v>
      </c>
      <c r="BO56" s="162">
        <f t="shared" si="234"/>
        <v>1.2256751146502423</v>
      </c>
      <c r="BP56" s="162">
        <f t="shared" si="235"/>
        <v>1.3221960561349855</v>
      </c>
      <c r="BQ56" s="162">
        <f t="shared" si="236"/>
        <v>1.4333172235370704</v>
      </c>
      <c r="BR56" s="162">
        <f t="shared" si="237"/>
        <v>1.5624582267993847</v>
      </c>
      <c r="BS56" s="162">
        <f t="shared" si="238"/>
        <v>1.7141672449864747</v>
      </c>
      <c r="BT56" s="162">
        <f t="shared" si="239"/>
        <v>1.8946197876285631</v>
      </c>
      <c r="BU56" s="162">
        <f t="shared" si="240"/>
        <v>2.1124039348759003</v>
      </c>
      <c r="BV56" s="162">
        <f t="shared" si="241"/>
        <v>2.3074369863215218</v>
      </c>
      <c r="BW56" s="162">
        <f t="shared" si="242"/>
        <v>2.3798022050296832</v>
      </c>
      <c r="BX56" s="162">
        <f t="shared" si="243"/>
        <v>2.3798022050296832</v>
      </c>
      <c r="BY56" s="162">
        <f t="shared" si="244"/>
        <v>5.6568542494923806</v>
      </c>
      <c r="BZ56" s="162">
        <f t="shared" si="245"/>
        <v>1.0659781329397111</v>
      </c>
      <c r="CA56" s="162">
        <f t="shared" si="246"/>
        <v>1.3021925825192415</v>
      </c>
      <c r="CB56" s="162">
        <f t="shared" si="247"/>
        <v>1.5022794866728844</v>
      </c>
      <c r="CC56" s="162">
        <f t="shared" si="248"/>
        <v>1.7482024108589096</v>
      </c>
      <c r="CD56" s="162">
        <f t="shared" si="249"/>
        <v>2.0543982632880162</v>
      </c>
      <c r="CE56" s="162">
        <f t="shared" si="250"/>
        <v>2.4412757104930778</v>
      </c>
      <c r="CF56" s="162">
        <f t="shared" si="251"/>
        <v>2.9383693437845202</v>
      </c>
      <c r="CG56" s="162">
        <f t="shared" si="252"/>
        <v>3.5895841396737014</v>
      </c>
      <c r="CH56" s="162">
        <f t="shared" si="253"/>
        <v>4.4622503840791863</v>
      </c>
      <c r="CI56" s="162">
        <f t="shared" si="254"/>
        <v>5.3242654458445458</v>
      </c>
      <c r="CJ56" s="162">
        <f t="shared" si="255"/>
        <v>5.6634585350641418</v>
      </c>
      <c r="CK56" s="162">
        <f t="shared" si="256"/>
        <v>5.6634585350641418</v>
      </c>
      <c r="CL56" s="163">
        <f t="shared" si="257"/>
        <v>1.3729593947216077</v>
      </c>
      <c r="CM56" s="163">
        <f t="shared" si="258"/>
        <v>1.4664220025087646</v>
      </c>
      <c r="CN56" s="163">
        <f t="shared" si="259"/>
        <v>1.4552132310413852</v>
      </c>
      <c r="CO56" s="163">
        <f t="shared" si="260"/>
        <v>1.4472089177067939</v>
      </c>
      <c r="CP56" s="163">
        <f t="shared" si="261"/>
        <v>1.4387190682919366</v>
      </c>
      <c r="CQ56" s="163">
        <f t="shared" si="262"/>
        <v>1.4296809526075436</v>
      </c>
      <c r="CR56" s="163">
        <f t="shared" si="263"/>
        <v>1.4200188388486639</v>
      </c>
      <c r="CS56" s="163">
        <f t="shared" si="264"/>
        <v>1.4096401321796126</v>
      </c>
      <c r="CT56" s="163">
        <f t="shared" si="265"/>
        <v>1.3984299639934745</v>
      </c>
      <c r="CU56" s="163">
        <f t="shared" si="266"/>
        <v>1.386243420284774</v>
      </c>
      <c r="CV56" s="163">
        <f t="shared" si="267"/>
        <v>1.3763526135722752</v>
      </c>
      <c r="CW56" s="163">
        <f t="shared" si="268"/>
        <v>1.3728940537648662</v>
      </c>
      <c r="CX56" s="173">
        <f t="shared" si="269"/>
        <v>1.3728940537648662</v>
      </c>
      <c r="CY56" s="163">
        <f t="shared" si="270"/>
        <v>1.1029593947216076</v>
      </c>
      <c r="CZ56" s="163">
        <f t="shared" si="271"/>
        <v>1.1964220025087646</v>
      </c>
      <c r="DA56" s="163">
        <f t="shared" si="272"/>
        <v>1.1852132310413852</v>
      </c>
      <c r="DB56" s="163">
        <f t="shared" si="273"/>
        <v>1.1772089177067939</v>
      </c>
      <c r="DC56" s="163">
        <f t="shared" si="274"/>
        <v>1.1687190682919366</v>
      </c>
      <c r="DD56" s="163">
        <f t="shared" si="275"/>
        <v>1.1596809526075436</v>
      </c>
      <c r="DE56" s="163">
        <f t="shared" si="276"/>
        <v>1.1500188388486638</v>
      </c>
      <c r="DF56" s="163">
        <f t="shared" si="277"/>
        <v>1.1396401321796126</v>
      </c>
      <c r="DG56" s="163">
        <f t="shared" si="278"/>
        <v>1.1284299639934745</v>
      </c>
      <c r="DH56" s="163">
        <f t="shared" si="279"/>
        <v>1.116243420284774</v>
      </c>
      <c r="DI56" s="163">
        <f t="shared" si="280"/>
        <v>1.1063526135722752</v>
      </c>
      <c r="DJ56" s="163">
        <f t="shared" si="281"/>
        <v>1.1028940537648662</v>
      </c>
      <c r="DK56" s="163">
        <f t="shared" si="282"/>
        <v>1.1028940537648662</v>
      </c>
      <c r="DL56" s="172">
        <f t="shared" si="283"/>
        <v>1.5000349036450102</v>
      </c>
      <c r="DM56" s="163">
        <f t="shared" si="284"/>
        <v>1.6252080390742381</v>
      </c>
      <c r="DN56" s="163">
        <f t="shared" si="285"/>
        <v>1.6101962915732835</v>
      </c>
      <c r="DO56" s="163">
        <f t="shared" si="286"/>
        <v>1.5994762290715989</v>
      </c>
      <c r="DP56" s="163">
        <f t="shared" si="287"/>
        <v>1.5881058950338438</v>
      </c>
      <c r="DQ56" s="163">
        <f t="shared" si="288"/>
        <v>1.5760012758136746</v>
      </c>
      <c r="DR56" s="163">
        <f t="shared" si="289"/>
        <v>1.5630609448866033</v>
      </c>
      <c r="DS56" s="163">
        <f t="shared" si="290"/>
        <v>1.549160891311981</v>
      </c>
      <c r="DT56" s="163">
        <f t="shared" si="291"/>
        <v>1.5341472732055461</v>
      </c>
      <c r="DU56" s="163">
        <f t="shared" si="292"/>
        <v>1.5178260093099651</v>
      </c>
      <c r="DV56" s="163">
        <f t="shared" si="293"/>
        <v>1.5045793931771543</v>
      </c>
      <c r="DW56" s="163">
        <f t="shared" si="294"/>
        <v>1.4999473934350884</v>
      </c>
      <c r="DX56" s="173">
        <f t="shared" si="295"/>
        <v>1.4999473934350884</v>
      </c>
      <c r="DY56" s="163">
        <f t="shared" si="296"/>
        <v>1.0527062241310117</v>
      </c>
      <c r="DZ56" s="163">
        <f t="shared" si="297"/>
        <v>1.1945691109508032</v>
      </c>
      <c r="EA56" s="163">
        <f t="shared" si="298"/>
        <v>1.1775557971163881</v>
      </c>
      <c r="EB56" s="163">
        <f t="shared" si="299"/>
        <v>1.165406392947812</v>
      </c>
      <c r="EC56" s="163">
        <f t="shared" si="300"/>
        <v>1.1525200143716896</v>
      </c>
      <c r="ED56" s="163">
        <f t="shared" si="301"/>
        <v>1.1388014459221645</v>
      </c>
      <c r="EE56" s="163">
        <f t="shared" si="302"/>
        <v>1.1241357375381507</v>
      </c>
      <c r="EF56" s="163">
        <f t="shared" si="303"/>
        <v>1.108382343486912</v>
      </c>
      <c r="EG56" s="163">
        <f t="shared" si="304"/>
        <v>1.0913669096329524</v>
      </c>
      <c r="EH56" s="163">
        <f t="shared" si="305"/>
        <v>1.0728694772179606</v>
      </c>
      <c r="EI56" s="163">
        <f t="shared" si="306"/>
        <v>1.057856645600775</v>
      </c>
      <c r="EJ56" s="163">
        <f t="shared" si="307"/>
        <v>1.0526070458931005</v>
      </c>
      <c r="EK56" s="163">
        <f t="shared" si="308"/>
        <v>1.0526070458931005</v>
      </c>
      <c r="EL56" s="172">
        <f t="shared" si="309"/>
        <v>1.1554124482620232</v>
      </c>
      <c r="EM56" s="163">
        <f t="shared" si="310"/>
        <v>1.4391382219016067</v>
      </c>
      <c r="EN56" s="163">
        <f t="shared" si="311"/>
        <v>1.4051115942327763</v>
      </c>
      <c r="EO56" s="163">
        <f t="shared" si="312"/>
        <v>1.3808127858956243</v>
      </c>
      <c r="EP56" s="163">
        <f t="shared" si="313"/>
        <v>1.3550400287433793</v>
      </c>
      <c r="EQ56" s="163">
        <f t="shared" si="314"/>
        <v>1.327602891844329</v>
      </c>
      <c r="ER56" s="163">
        <f t="shared" si="315"/>
        <v>1.2982714750763011</v>
      </c>
      <c r="ES56" s="163">
        <f t="shared" si="316"/>
        <v>1.2667646869738241</v>
      </c>
      <c r="ET56" s="163">
        <f t="shared" si="317"/>
        <v>1.2327338192659045</v>
      </c>
      <c r="EU56" s="163">
        <f t="shared" si="318"/>
        <v>1.1957389544359212</v>
      </c>
      <c r="EV56" s="163">
        <f t="shared" si="319"/>
        <v>1.16571329120155</v>
      </c>
      <c r="EW56" s="163">
        <f t="shared" si="320"/>
        <v>1.1552140917862008</v>
      </c>
      <c r="EX56" s="173">
        <f t="shared" si="321"/>
        <v>1.1552140917862008</v>
      </c>
      <c r="EY56" s="172">
        <f t="shared" si="322"/>
        <v>0.90541244826202316</v>
      </c>
      <c r="EZ56" s="163">
        <f t="shared" si="323"/>
        <v>1.1891382219016067</v>
      </c>
      <c r="FA56" s="163">
        <f t="shared" si="324"/>
        <v>1.1551115942327763</v>
      </c>
      <c r="FB56" s="163">
        <f t="shared" si="325"/>
        <v>1.1308127858956243</v>
      </c>
      <c r="FC56" s="163">
        <f t="shared" si="326"/>
        <v>1.1050400287433793</v>
      </c>
      <c r="FD56" s="163">
        <f t="shared" si="327"/>
        <v>1.077602891844329</v>
      </c>
      <c r="FE56" s="163">
        <f t="shared" si="328"/>
        <v>1.0482714750763011</v>
      </c>
      <c r="FF56" s="163">
        <f t="shared" si="329"/>
        <v>1.0167646869738241</v>
      </c>
      <c r="FG56" s="163">
        <f t="shared" si="330"/>
        <v>0.98273381926590464</v>
      </c>
      <c r="FH56" s="163">
        <f t="shared" si="331"/>
        <v>0.94573895443592115</v>
      </c>
      <c r="FI56" s="163">
        <f t="shared" si="332"/>
        <v>0.91571329120154998</v>
      </c>
      <c r="FJ56" s="163">
        <f t="shared" si="333"/>
        <v>0.90521409178620083</v>
      </c>
      <c r="FK56" s="163">
        <f t="shared" si="334"/>
        <v>0.90521409178620083</v>
      </c>
      <c r="FL56" s="126">
        <f t="shared" si="335"/>
        <v>0</v>
      </c>
      <c r="FM56" s="91">
        <f t="shared" si="336"/>
        <v>404.63484509874945</v>
      </c>
      <c r="FN56" s="91">
        <f t="shared" si="337"/>
        <v>1606.1678816076335</v>
      </c>
      <c r="FO56" s="91">
        <f t="shared" si="338"/>
        <v>2395.999876870304</v>
      </c>
      <c r="FP56" s="91">
        <f t="shared" si="339"/>
        <v>3175.9254367049525</v>
      </c>
      <c r="FQ56" s="91">
        <f t="shared" si="340"/>
        <v>3944.9676137516108</v>
      </c>
      <c r="FR56" s="91">
        <f t="shared" si="341"/>
        <v>4701.9679348386007</v>
      </c>
      <c r="FS56" s="91">
        <f t="shared" si="342"/>
        <v>5445.5356082704211</v>
      </c>
      <c r="FT56" s="91">
        <f t="shared" si="343"/>
        <v>6173.9771050230656</v>
      </c>
      <c r="FU56" s="91">
        <f t="shared" si="344"/>
        <v>6885.1960978328789</v>
      </c>
      <c r="FV56" s="91">
        <f t="shared" si="345"/>
        <v>7405.742958033381</v>
      </c>
      <c r="FW56" s="91">
        <f t="shared" si="346"/>
        <v>7576.5471580725352</v>
      </c>
      <c r="FX56" s="91">
        <f t="shared" si="347"/>
        <v>7576.5471580725352</v>
      </c>
      <c r="FY56" s="91">
        <f t="shared" si="348"/>
        <v>0</v>
      </c>
      <c r="FZ56" s="91">
        <f t="shared" si="349"/>
        <v>0.99622497324637693</v>
      </c>
      <c r="GA56" s="91">
        <f t="shared" si="350"/>
        <v>9.8689176303141952</v>
      </c>
      <c r="GB56" s="91">
        <f t="shared" si="351"/>
        <v>19.989132948688571</v>
      </c>
      <c r="GC56" s="91">
        <f t="shared" si="352"/>
        <v>37.352510664115975</v>
      </c>
      <c r="GD56" s="91">
        <f t="shared" si="353"/>
        <v>59.453389027069129</v>
      </c>
      <c r="GE56" s="91">
        <f t="shared" si="354"/>
        <v>88.81277553745177</v>
      </c>
      <c r="GF56" s="91">
        <f t="shared" si="355"/>
        <v>133.9238423866598</v>
      </c>
      <c r="GG56" s="91">
        <f t="shared" si="356"/>
        <v>202.84801422407608</v>
      </c>
      <c r="GH56" s="91">
        <f t="shared" si="357"/>
        <v>330.78211729878433</v>
      </c>
      <c r="GI56" s="91">
        <f t="shared" si="358"/>
        <v>534.22355132105031</v>
      </c>
      <c r="GJ56" s="91">
        <f t="shared" si="359"/>
        <v>697.76822474250866</v>
      </c>
      <c r="GK56" s="127">
        <f t="shared" si="360"/>
        <v>6617.3643225891965</v>
      </c>
      <c r="GL56" s="126">
        <f t="shared" si="361"/>
        <v>0</v>
      </c>
      <c r="GM56" s="91">
        <f t="shared" si="362"/>
        <v>448.44921995100532</v>
      </c>
      <c r="GN56" s="91">
        <f t="shared" si="363"/>
        <v>1777.2279082138014</v>
      </c>
      <c r="GO56" s="91">
        <f t="shared" si="364"/>
        <v>2648.0937209709523</v>
      </c>
      <c r="GP56" s="91">
        <f t="shared" si="365"/>
        <v>3505.6919862798609</v>
      </c>
      <c r="GQ56" s="91">
        <f t="shared" si="366"/>
        <v>4348.7142924977097</v>
      </c>
      <c r="GR56" s="91">
        <f t="shared" si="367"/>
        <v>5175.6091130552895</v>
      </c>
      <c r="GS56" s="91">
        <f t="shared" si="368"/>
        <v>5984.5137805032655</v>
      </c>
      <c r="GT56" s="91">
        <f t="shared" si="369"/>
        <v>6773.1601756130603</v>
      </c>
      <c r="GU56" s="91">
        <f t="shared" si="370"/>
        <v>7538.7407172279936</v>
      </c>
      <c r="GV56" s="91">
        <f t="shared" si="371"/>
        <v>8095.6930193228636</v>
      </c>
      <c r="GW56" s="91">
        <f t="shared" si="372"/>
        <v>8277.7124205793207</v>
      </c>
      <c r="GX56" s="91">
        <f t="shared" si="373"/>
        <v>8277.7124205793207</v>
      </c>
      <c r="GY56" s="91">
        <f t="shared" si="374"/>
        <v>0</v>
      </c>
      <c r="GZ56" s="91">
        <f t="shared" si="375"/>
        <v>0.9946821256233076</v>
      </c>
      <c r="HA56" s="91">
        <f t="shared" si="376"/>
        <v>9.8051564583274722</v>
      </c>
      <c r="HB56" s="91">
        <f t="shared" si="377"/>
        <v>19.788724819775435</v>
      </c>
      <c r="HC56" s="91">
        <f t="shared" si="378"/>
        <v>36.834785446208031</v>
      </c>
      <c r="HD56" s="91">
        <f t="shared" si="379"/>
        <v>58.38295889637849</v>
      </c>
      <c r="HE56" s="91">
        <f t="shared" si="380"/>
        <v>86.81389518066986</v>
      </c>
      <c r="HF56" s="91">
        <f t="shared" si="381"/>
        <v>130.25060989156461</v>
      </c>
      <c r="HG56" s="91">
        <f t="shared" si="382"/>
        <v>196.18551214773598</v>
      </c>
      <c r="HH56" s="91">
        <f t="shared" si="383"/>
        <v>317.92889508711193</v>
      </c>
      <c r="HI56" s="91">
        <f t="shared" si="384"/>
        <v>510.80634426006264</v>
      </c>
      <c r="HJ56" s="91">
        <f t="shared" si="385"/>
        <v>665.95313235850767</v>
      </c>
      <c r="HK56" s="127">
        <f t="shared" si="386"/>
        <v>6315.642275358603</v>
      </c>
      <c r="HL56" s="126">
        <f t="shared" si="387"/>
        <v>0</v>
      </c>
      <c r="HM56" s="91">
        <f t="shared" si="388"/>
        <v>397.10633807907953</v>
      </c>
      <c r="HN56" s="91">
        <f t="shared" si="389"/>
        <v>1550.8690167118198</v>
      </c>
      <c r="HO56" s="91">
        <f t="shared" si="390"/>
        <v>2286.0744046749633</v>
      </c>
      <c r="HP56" s="91">
        <f t="shared" si="391"/>
        <v>2991.2066850887568</v>
      </c>
      <c r="HQ56" s="91">
        <f t="shared" si="392"/>
        <v>3663.3001248961496</v>
      </c>
      <c r="HR56" s="91">
        <f t="shared" si="393"/>
        <v>4298.837930540265</v>
      </c>
      <c r="HS56" s="91">
        <f t="shared" si="394"/>
        <v>4893.598055802614</v>
      </c>
      <c r="HT56" s="91">
        <f t="shared" si="395"/>
        <v>5442.4394304317484</v>
      </c>
      <c r="HU56" s="91">
        <f t="shared" si="396"/>
        <v>5938.9982038058652</v>
      </c>
      <c r="HV56" s="91">
        <f t="shared" si="397"/>
        <v>6272.3555811727738</v>
      </c>
      <c r="HW56" s="91">
        <f t="shared" si="398"/>
        <v>6375.2436104491426</v>
      </c>
      <c r="HX56" s="91">
        <f t="shared" si="399"/>
        <v>6375.2436104491426</v>
      </c>
      <c r="HY56" s="91">
        <f t="shared" si="400"/>
        <v>0</v>
      </c>
      <c r="HZ56" s="91">
        <f t="shared" si="401"/>
        <v>0.99015998603844968</v>
      </c>
      <c r="IA56" s="91">
        <f t="shared" si="402"/>
        <v>9.6182702645732867</v>
      </c>
      <c r="IB56" s="91">
        <f t="shared" si="403"/>
        <v>19.201321683305906</v>
      </c>
      <c r="IC56" s="91">
        <f t="shared" si="404"/>
        <v>35.31731497992611</v>
      </c>
      <c r="ID56" s="91">
        <f t="shared" si="405"/>
        <v>55.245491271940409</v>
      </c>
      <c r="IE56" s="91">
        <f t="shared" si="406"/>
        <v>80.9551079280332</v>
      </c>
      <c r="IF56" s="91">
        <f t="shared" si="407"/>
        <v>119.48423878525105</v>
      </c>
      <c r="IG56" s="91">
        <f t="shared" si="408"/>
        <v>176.65748882053225</v>
      </c>
      <c r="IH56" s="91">
        <f t="shared" si="409"/>
        <v>280.25565757014095</v>
      </c>
      <c r="II56" s="91">
        <f t="shared" si="410"/>
        <v>442.16970287440927</v>
      </c>
      <c r="IJ56" s="91">
        <f t="shared" si="411"/>
        <v>572.70199950884967</v>
      </c>
      <c r="IK56" s="127">
        <f t="shared" si="412"/>
        <v>5431.2845507172051</v>
      </c>
    </row>
    <row r="57" spans="2:245" x14ac:dyDescent="0.2">
      <c r="B57" s="79">
        <f t="shared" si="188"/>
        <v>-46.5</v>
      </c>
      <c r="C57" s="73">
        <f>'p-y mono_clay'!C57</f>
        <v>31</v>
      </c>
      <c r="D57" s="64">
        <f>'p-y mono_clay'!D57</f>
        <v>30.983999999999998</v>
      </c>
      <c r="E57" s="64" t="str">
        <f>'p-y mono_clay'!E57</f>
        <v>CLAY</v>
      </c>
      <c r="F57" s="55">
        <f>VLOOKUP($C57, 'Pile Property'!$A$8:$D$108,2,TRUE)</f>
        <v>2</v>
      </c>
      <c r="G57" s="102">
        <f>'p-y mono_clay'!Z57</f>
        <v>1974.2697181844524</v>
      </c>
      <c r="H57" s="199">
        <f>'p-y mono_clay'!AM57</f>
        <v>0</v>
      </c>
      <c r="I57" s="55">
        <f>'p-y mono_clay'!AN57</f>
        <v>0.6</v>
      </c>
      <c r="J57" s="55">
        <f>'p-y mono_clay'!AO57</f>
        <v>6</v>
      </c>
      <c r="K57" s="55">
        <f>'p-y mono_clay'!AP57</f>
        <v>10.6</v>
      </c>
      <c r="L57" s="55">
        <f>'p-y mono_clay'!AQ57</f>
        <v>18</v>
      </c>
      <c r="M57" s="55">
        <f>'p-y mono_clay'!AR57</f>
        <v>28</v>
      </c>
      <c r="N57" s="55">
        <f>'p-y mono_clay'!AS57</f>
        <v>44</v>
      </c>
      <c r="O57" s="55">
        <f>'p-y mono_clay'!AT57</f>
        <v>64</v>
      </c>
      <c r="P57" s="55">
        <f>'p-y mono_clay'!AU57</f>
        <v>100</v>
      </c>
      <c r="Q57" s="55">
        <f>'p-y mono_clay'!AV57</f>
        <v>164</v>
      </c>
      <c r="R57" s="55">
        <f>'p-y mono_clay'!AW57</f>
        <v>300</v>
      </c>
      <c r="S57" s="55">
        <f>'p-y mono_clay'!AX57</f>
        <v>500</v>
      </c>
      <c r="T57" s="200">
        <f>'p-y mono_clay'!AY57</f>
        <v>6000</v>
      </c>
      <c r="U57" s="199">
        <f>'p-y mono_clay'!AZ57</f>
        <v>0</v>
      </c>
      <c r="V57" s="55">
        <f>'p-y mono_clay'!BA57</f>
        <v>98.713485909222626</v>
      </c>
      <c r="W57" s="55">
        <f>'p-y mono_clay'!BB57</f>
        <v>394.85394363689051</v>
      </c>
      <c r="X57" s="55">
        <f>'p-y mono_clay'!BC57</f>
        <v>592.28091545533573</v>
      </c>
      <c r="Y57" s="55">
        <f>'p-y mono_clay'!BD57</f>
        <v>789.70788727378101</v>
      </c>
      <c r="Z57" s="55">
        <f>'p-y mono_clay'!BE57</f>
        <v>987.13485909222618</v>
      </c>
      <c r="AA57" s="55">
        <f>'p-y mono_clay'!BF57</f>
        <v>1184.5618309106715</v>
      </c>
      <c r="AB57" s="55">
        <f>'p-y mono_clay'!BG57</f>
        <v>1381.9888027291165</v>
      </c>
      <c r="AC57" s="55">
        <f>'p-y mono_clay'!BH57</f>
        <v>1579.415774547562</v>
      </c>
      <c r="AD57" s="55">
        <f>'p-y mono_clay'!BI57</f>
        <v>1776.8427463660071</v>
      </c>
      <c r="AE57" s="55">
        <f>'p-y mono_clay'!BJ57</f>
        <v>1924.9129752298411</v>
      </c>
      <c r="AF57" s="55">
        <f>'p-y mono_clay'!BK57</f>
        <v>1974.2697181844524</v>
      </c>
      <c r="AG57" s="200">
        <f>'p-y mono_clay'!BL57</f>
        <v>1974.2697181844524</v>
      </c>
      <c r="AH57">
        <f t="shared" si="205"/>
        <v>30</v>
      </c>
      <c r="AI57">
        <v>0</v>
      </c>
      <c r="AJ57">
        <f t="shared" si="206"/>
        <v>-0.95</v>
      </c>
      <c r="AK57">
        <f t="shared" si="207"/>
        <v>-0.8</v>
      </c>
      <c r="AL57">
        <f t="shared" si="208"/>
        <v>-0.7</v>
      </c>
      <c r="AM57">
        <f t="shared" si="209"/>
        <v>-0.6</v>
      </c>
      <c r="AN57">
        <f t="shared" si="210"/>
        <v>-0.5</v>
      </c>
      <c r="AO57">
        <f t="shared" si="211"/>
        <v>-0.4</v>
      </c>
      <c r="AP57">
        <f t="shared" si="212"/>
        <v>-0.30000000000000004</v>
      </c>
      <c r="AQ57">
        <f t="shared" si="213"/>
        <v>-0.19999999999999996</v>
      </c>
      <c r="AR57">
        <f t="shared" si="214"/>
        <v>-9.9999999999999978E-2</v>
      </c>
      <c r="AS57">
        <f t="shared" si="215"/>
        <v>-2.5000000000000022E-2</v>
      </c>
      <c r="AT57">
        <f t="shared" si="216"/>
        <v>0</v>
      </c>
      <c r="AU57">
        <f t="shared" si="217"/>
        <v>0</v>
      </c>
      <c r="AV57">
        <v>1</v>
      </c>
      <c r="AW57">
        <v>1.25</v>
      </c>
      <c r="AX57">
        <v>2.5</v>
      </c>
      <c r="AY57" s="162">
        <f t="shared" si="218"/>
        <v>2</v>
      </c>
      <c r="AZ57" s="162">
        <f t="shared" si="219"/>
        <v>1.0256410256410258</v>
      </c>
      <c r="BA57" s="162">
        <f t="shared" si="220"/>
        <v>1.1111111111111112</v>
      </c>
      <c r="BB57" s="162">
        <f t="shared" si="221"/>
        <v>1.1764705882352942</v>
      </c>
      <c r="BC57" s="162">
        <f t="shared" si="222"/>
        <v>1.25</v>
      </c>
      <c r="BD57" s="162">
        <f t="shared" si="223"/>
        <v>1.3333333333333333</v>
      </c>
      <c r="BE57" s="162">
        <f t="shared" si="224"/>
        <v>1.4285714285714286</v>
      </c>
      <c r="BF57" s="162">
        <f t="shared" si="225"/>
        <v>1.5384615384615383</v>
      </c>
      <c r="BG57" s="162">
        <f t="shared" si="226"/>
        <v>1.6666666666666667</v>
      </c>
      <c r="BH57" s="162">
        <f t="shared" si="227"/>
        <v>1.8181818181818181</v>
      </c>
      <c r="BI57" s="162">
        <f t="shared" si="228"/>
        <v>1.9512195121951221</v>
      </c>
      <c r="BJ57" s="162">
        <f t="shared" si="229"/>
        <v>2</v>
      </c>
      <c r="BK57" s="162">
        <f t="shared" si="230"/>
        <v>2</v>
      </c>
      <c r="BL57" s="162">
        <f t="shared" si="231"/>
        <v>2.3784142300054421</v>
      </c>
      <c r="BM57" s="162">
        <f t="shared" si="232"/>
        <v>1.0321533592882333</v>
      </c>
      <c r="BN57" s="162">
        <f t="shared" si="233"/>
        <v>1.1407667734226012</v>
      </c>
      <c r="BO57" s="162">
        <f t="shared" si="234"/>
        <v>1.2252546033521698</v>
      </c>
      <c r="BP57" s="162">
        <f t="shared" si="235"/>
        <v>1.3217140793007052</v>
      </c>
      <c r="BQ57" s="162">
        <f t="shared" si="236"/>
        <v>1.4327599090980556</v>
      </c>
      <c r="BR57" s="162">
        <f t="shared" si="237"/>
        <v>1.5618073056129906</v>
      </c>
      <c r="BS57" s="162">
        <f t="shared" si="238"/>
        <v>1.7133981916233565</v>
      </c>
      <c r="BT57" s="162">
        <f t="shared" si="239"/>
        <v>1.8936989441124989</v>
      </c>
      <c r="BU57" s="162">
        <f t="shared" si="240"/>
        <v>2.1112839107574066</v>
      </c>
      <c r="BV57" s="162">
        <f t="shared" si="241"/>
        <v>2.3061240387292958</v>
      </c>
      <c r="BW57" s="162">
        <f t="shared" si="242"/>
        <v>2.3784142300054421</v>
      </c>
      <c r="BX57" s="162">
        <f t="shared" si="243"/>
        <v>2.3784142300054421</v>
      </c>
      <c r="BY57" s="162">
        <f t="shared" si="244"/>
        <v>5.6568542494923806</v>
      </c>
      <c r="BZ57" s="162">
        <f t="shared" si="245"/>
        <v>1.065340557089985</v>
      </c>
      <c r="CA57" s="162">
        <f t="shared" si="246"/>
        <v>1.3013488313450123</v>
      </c>
      <c r="CB57" s="162">
        <f t="shared" si="247"/>
        <v>1.501248843035683</v>
      </c>
      <c r="CC57" s="162">
        <f t="shared" si="248"/>
        <v>1.7469281074217107</v>
      </c>
      <c r="CD57" s="162">
        <f t="shared" si="249"/>
        <v>2.0528009571186687</v>
      </c>
      <c r="CE57" s="162">
        <f t="shared" si="250"/>
        <v>2.4392420598661095</v>
      </c>
      <c r="CF57" s="162">
        <f t="shared" si="251"/>
        <v>2.9357333630581879</v>
      </c>
      <c r="CG57" s="162">
        <f t="shared" si="252"/>
        <v>3.5860956909327935</v>
      </c>
      <c r="CH57" s="162">
        <f t="shared" si="253"/>
        <v>4.4575197518230878</v>
      </c>
      <c r="CI57" s="162">
        <f t="shared" si="254"/>
        <v>5.3182080820051185</v>
      </c>
      <c r="CJ57" s="162">
        <f t="shared" si="255"/>
        <v>5.6568542494923806</v>
      </c>
      <c r="CK57" s="162">
        <f t="shared" si="256"/>
        <v>5.6568542494923806</v>
      </c>
      <c r="CL57">
        <f t="shared" si="257"/>
        <v>1.3729593947216077</v>
      </c>
      <c r="CM57">
        <f t="shared" si="258"/>
        <v>1.4664555068821994</v>
      </c>
      <c r="CN57">
        <f t="shared" si="259"/>
        <v>1.4552495278079043</v>
      </c>
      <c r="CO57">
        <f t="shared" si="260"/>
        <v>1.4472473498703116</v>
      </c>
      <c r="CP57">
        <f t="shared" si="261"/>
        <v>1.4387599028160105</v>
      </c>
      <c r="CQ57">
        <f t="shared" si="262"/>
        <v>1.4297245098567506</v>
      </c>
      <c r="CR57">
        <f t="shared" si="263"/>
        <v>1.4200655078485775</v>
      </c>
      <c r="CS57">
        <f t="shared" si="264"/>
        <v>1.4096903917470565</v>
      </c>
      <c r="CT57">
        <f t="shared" si="265"/>
        <v>1.3984844126727614</v>
      </c>
      <c r="CU57">
        <f t="shared" si="266"/>
        <v>1.3863028198942131</v>
      </c>
      <c r="CV57">
        <f t="shared" si="267"/>
        <v>1.3764163604842596</v>
      </c>
      <c r="CW57">
        <f t="shared" si="268"/>
        <v>1.3729593947216077</v>
      </c>
      <c r="CX57" s="98">
        <f t="shared" si="269"/>
        <v>1.3729593947216077</v>
      </c>
      <c r="CY57">
        <f t="shared" si="270"/>
        <v>1.1029593947216076</v>
      </c>
      <c r="CZ57">
        <f t="shared" si="271"/>
        <v>1.1964555068821994</v>
      </c>
      <c r="DA57">
        <f t="shared" si="272"/>
        <v>1.1852495278079043</v>
      </c>
      <c r="DB57">
        <f t="shared" si="273"/>
        <v>1.1772473498703115</v>
      </c>
      <c r="DC57">
        <f t="shared" si="274"/>
        <v>1.1687599028160105</v>
      </c>
      <c r="DD57">
        <f t="shared" si="275"/>
        <v>1.1597245098567506</v>
      </c>
      <c r="DE57">
        <f t="shared" si="276"/>
        <v>1.1500655078485775</v>
      </c>
      <c r="DF57">
        <f t="shared" si="277"/>
        <v>1.1396903917470564</v>
      </c>
      <c r="DG57">
        <f t="shared" si="278"/>
        <v>1.1284844126727613</v>
      </c>
      <c r="DH57">
        <f t="shared" si="279"/>
        <v>1.1163028198942131</v>
      </c>
      <c r="DI57">
        <f t="shared" si="280"/>
        <v>1.1064163604842596</v>
      </c>
      <c r="DJ57">
        <f t="shared" si="281"/>
        <v>1.1029593947216076</v>
      </c>
      <c r="DK57">
        <f t="shared" si="282"/>
        <v>1.1029593947216076</v>
      </c>
      <c r="DL57" s="97">
        <f t="shared" si="283"/>
        <v>1.5000349036450102</v>
      </c>
      <c r="DM57">
        <f t="shared" si="284"/>
        <v>1.6252529110029454</v>
      </c>
      <c r="DN57">
        <f t="shared" si="285"/>
        <v>1.6102449033141575</v>
      </c>
      <c r="DO57">
        <f t="shared" si="286"/>
        <v>1.5995277007191671</v>
      </c>
      <c r="DP57">
        <f t="shared" si="287"/>
        <v>1.5881605841285855</v>
      </c>
      <c r="DQ57">
        <f t="shared" si="288"/>
        <v>1.5760596114152909</v>
      </c>
      <c r="DR57">
        <f t="shared" si="289"/>
        <v>1.5631234480114875</v>
      </c>
      <c r="DS57">
        <f t="shared" si="290"/>
        <v>1.5492282032326647</v>
      </c>
      <c r="DT57">
        <f t="shared" si="291"/>
        <v>1.5342201955438766</v>
      </c>
      <c r="DU57">
        <f t="shared" si="292"/>
        <v>1.5179055623583211</v>
      </c>
      <c r="DV57">
        <f t="shared" si="293"/>
        <v>1.5046647685057049</v>
      </c>
      <c r="DW57">
        <f t="shared" si="294"/>
        <v>1.5000349036450102</v>
      </c>
      <c r="DX57" s="98">
        <f t="shared" si="295"/>
        <v>1.5000349036450102</v>
      </c>
      <c r="DY57">
        <f t="shared" si="296"/>
        <v>1.0527062241310117</v>
      </c>
      <c r="DZ57">
        <f t="shared" si="297"/>
        <v>1.1946199658033383</v>
      </c>
      <c r="EA57">
        <f t="shared" si="298"/>
        <v>1.1776108904227118</v>
      </c>
      <c r="EB57">
        <f t="shared" si="299"/>
        <v>1.1654647274817227</v>
      </c>
      <c r="EC57">
        <f t="shared" si="300"/>
        <v>1.1525819953457304</v>
      </c>
      <c r="ED57">
        <f t="shared" si="301"/>
        <v>1.1388675596039965</v>
      </c>
      <c r="EE57">
        <f t="shared" si="302"/>
        <v>1.1242065744130194</v>
      </c>
      <c r="EF57">
        <f t="shared" si="303"/>
        <v>1.1084586303303534</v>
      </c>
      <c r="EG57">
        <f t="shared" si="304"/>
        <v>1.091449554949727</v>
      </c>
      <c r="EH57">
        <f t="shared" si="305"/>
        <v>1.0729596373394306</v>
      </c>
      <c r="EI57">
        <f t="shared" si="306"/>
        <v>1.0579534043064656</v>
      </c>
      <c r="EJ57">
        <f t="shared" si="307"/>
        <v>1.0527062241310117</v>
      </c>
      <c r="EK57">
        <f t="shared" si="308"/>
        <v>1.0527062241310117</v>
      </c>
      <c r="EL57" s="97">
        <f t="shared" si="309"/>
        <v>1.1554124482620232</v>
      </c>
      <c r="EM57">
        <f t="shared" si="310"/>
        <v>1.4392399316066766</v>
      </c>
      <c r="EN57">
        <f t="shared" si="311"/>
        <v>1.4052217808454237</v>
      </c>
      <c r="EO57">
        <f t="shared" si="312"/>
        <v>1.3809294549634457</v>
      </c>
      <c r="EP57">
        <f t="shared" si="313"/>
        <v>1.3551639906914608</v>
      </c>
      <c r="EQ57">
        <f t="shared" si="314"/>
        <v>1.3277351192079931</v>
      </c>
      <c r="ER57">
        <f t="shared" si="315"/>
        <v>1.2984131488260386</v>
      </c>
      <c r="ES57">
        <f t="shared" si="316"/>
        <v>1.2669172606607069</v>
      </c>
      <c r="ET57">
        <f t="shared" si="317"/>
        <v>1.2328991098994539</v>
      </c>
      <c r="EU57">
        <f t="shared" si="318"/>
        <v>1.1959192746788612</v>
      </c>
      <c r="EV57">
        <f t="shared" si="319"/>
        <v>1.1659068086129309</v>
      </c>
      <c r="EW57">
        <f t="shared" si="320"/>
        <v>1.1554124482620232</v>
      </c>
      <c r="EX57" s="98">
        <f t="shared" si="321"/>
        <v>1.1554124482620232</v>
      </c>
      <c r="EY57" s="97">
        <f t="shared" si="322"/>
        <v>0.90541244826202316</v>
      </c>
      <c r="EZ57">
        <f t="shared" si="323"/>
        <v>1.1892399316066766</v>
      </c>
      <c r="FA57">
        <f t="shared" si="324"/>
        <v>1.1552217808454237</v>
      </c>
      <c r="FB57">
        <f t="shared" si="325"/>
        <v>1.1309294549634457</v>
      </c>
      <c r="FC57">
        <f t="shared" si="326"/>
        <v>1.1051639906914608</v>
      </c>
      <c r="FD57">
        <f t="shared" si="327"/>
        <v>1.0777351192079931</v>
      </c>
      <c r="FE57">
        <f t="shared" si="328"/>
        <v>1.0484131488260386</v>
      </c>
      <c r="FF57">
        <f t="shared" si="329"/>
        <v>1.0169172606607069</v>
      </c>
      <c r="FG57">
        <f t="shared" si="330"/>
        <v>0.98289910989945395</v>
      </c>
      <c r="FH57">
        <f t="shared" si="331"/>
        <v>0.94591927467886117</v>
      </c>
      <c r="FI57">
        <f t="shared" si="332"/>
        <v>0.91590680861293094</v>
      </c>
      <c r="FJ57">
        <f t="shared" si="333"/>
        <v>0.90541244826202316</v>
      </c>
      <c r="FK57">
        <f t="shared" si="334"/>
        <v>0.90541244826202316</v>
      </c>
      <c r="FL57" s="126">
        <f t="shared" si="335"/>
        <v>0</v>
      </c>
      <c r="FM57" s="91">
        <f t="shared" si="336"/>
        <v>144.75893501511791</v>
      </c>
      <c r="FN57" s="91">
        <f t="shared" si="337"/>
        <v>574.6110150306738</v>
      </c>
      <c r="FO57" s="91">
        <f t="shared" si="338"/>
        <v>857.17698527149673</v>
      </c>
      <c r="FP57" s="91">
        <f t="shared" si="339"/>
        <v>1136.2000431470622</v>
      </c>
      <c r="FQ57" s="91">
        <f t="shared" si="340"/>
        <v>1411.3309025781457</v>
      </c>
      <c r="FR57" s="91">
        <f t="shared" si="341"/>
        <v>1682.1553979902035</v>
      </c>
      <c r="FS57" s="91">
        <f t="shared" si="342"/>
        <v>1948.1763367092537</v>
      </c>
      <c r="FT57" s="91">
        <f t="shared" si="343"/>
        <v>2208.7883418342417</v>
      </c>
      <c r="FU57" s="91">
        <f t="shared" si="344"/>
        <v>2463.2421097957736</v>
      </c>
      <c r="FV57" s="91">
        <f t="shared" si="345"/>
        <v>2649.4817116147856</v>
      </c>
      <c r="FW57" s="91">
        <f t="shared" si="346"/>
        <v>2710.5921572957245</v>
      </c>
      <c r="FX57" s="91">
        <f t="shared" si="347"/>
        <v>2710.5921572957245</v>
      </c>
      <c r="FY57" s="91">
        <f t="shared" si="348"/>
        <v>0</v>
      </c>
      <c r="FZ57" s="91">
        <f t="shared" si="349"/>
        <v>0.7178733041293196</v>
      </c>
      <c r="GA57" s="91">
        <f t="shared" si="350"/>
        <v>7.1114971668474256</v>
      </c>
      <c r="GB57" s="91">
        <f t="shared" si="351"/>
        <v>12.478821908625301</v>
      </c>
      <c r="GC57" s="91">
        <f t="shared" si="352"/>
        <v>21.037678250688188</v>
      </c>
      <c r="GD57" s="91">
        <f t="shared" si="353"/>
        <v>32.472286275989013</v>
      </c>
      <c r="GE57" s="91">
        <f t="shared" si="354"/>
        <v>50.602882345337413</v>
      </c>
      <c r="GF57" s="91">
        <f t="shared" si="355"/>
        <v>72.940185071811612</v>
      </c>
      <c r="GG57" s="91">
        <f t="shared" si="356"/>
        <v>112.84844126727613</v>
      </c>
      <c r="GH57" s="91">
        <f t="shared" si="357"/>
        <v>183.07366246265096</v>
      </c>
      <c r="GI57" s="91">
        <f t="shared" si="358"/>
        <v>331.92490814527787</v>
      </c>
      <c r="GJ57" s="91">
        <f t="shared" si="359"/>
        <v>551.47969736080381</v>
      </c>
      <c r="GK57" s="127">
        <f t="shared" si="360"/>
        <v>6617.7563683296457</v>
      </c>
      <c r="GL57" s="126">
        <f t="shared" si="361"/>
        <v>0</v>
      </c>
      <c r="GM57" s="91">
        <f t="shared" si="362"/>
        <v>160.4343803292123</v>
      </c>
      <c r="GN57" s="91">
        <f t="shared" si="363"/>
        <v>635.81155029479851</v>
      </c>
      <c r="GO57" s="91">
        <f t="shared" si="364"/>
        <v>947.36973087811657</v>
      </c>
      <c r="GP57" s="91">
        <f t="shared" si="365"/>
        <v>1254.1829395436791</v>
      </c>
      <c r="GQ57" s="91">
        <f t="shared" si="366"/>
        <v>1555.783382435382</v>
      </c>
      <c r="GR57" s="91">
        <f t="shared" si="367"/>
        <v>1851.6163735158893</v>
      </c>
      <c r="GS57" s="91">
        <f t="shared" si="368"/>
        <v>2141.0160297396906</v>
      </c>
      <c r="GT57" s="91">
        <f t="shared" si="369"/>
        <v>2423.1715784714438</v>
      </c>
      <c r="GU57" s="91">
        <f t="shared" si="370"/>
        <v>2697.0794881449979</v>
      </c>
      <c r="GV57" s="91">
        <f t="shared" si="371"/>
        <v>2896.3487362678366</v>
      </c>
      <c r="GW57" s="91">
        <f t="shared" si="372"/>
        <v>2961.4734864860766</v>
      </c>
      <c r="GX57" s="91">
        <f t="shared" si="373"/>
        <v>2961.4734864860766</v>
      </c>
      <c r="GY57" s="91">
        <f t="shared" si="374"/>
        <v>0</v>
      </c>
      <c r="GZ57" s="91">
        <f t="shared" si="375"/>
        <v>0.716771979482003</v>
      </c>
      <c r="HA57" s="91">
        <f t="shared" si="376"/>
        <v>7.0656653425362705</v>
      </c>
      <c r="HB57" s="91">
        <f t="shared" si="377"/>
        <v>12.35392611130626</v>
      </c>
      <c r="HC57" s="91">
        <f t="shared" si="378"/>
        <v>20.746475916223147</v>
      </c>
      <c r="HD57" s="91">
        <f t="shared" si="379"/>
        <v>31.888291668911904</v>
      </c>
      <c r="HE57" s="91">
        <f t="shared" si="380"/>
        <v>49.465089274172854</v>
      </c>
      <c r="HF57" s="91">
        <f t="shared" si="381"/>
        <v>70.941352341142618</v>
      </c>
      <c r="HG57" s="91">
        <f t="shared" si="382"/>
        <v>109.14495549497269</v>
      </c>
      <c r="HH57" s="91">
        <f t="shared" si="383"/>
        <v>175.96538052366662</v>
      </c>
      <c r="HI57" s="91">
        <f t="shared" si="384"/>
        <v>317.38602129193964</v>
      </c>
      <c r="HJ57" s="91">
        <f t="shared" si="385"/>
        <v>526.3531120655058</v>
      </c>
      <c r="HK57" s="127">
        <f t="shared" si="386"/>
        <v>6316.23734478607</v>
      </c>
      <c r="HL57" s="126">
        <f t="shared" si="387"/>
        <v>0</v>
      </c>
      <c r="HM57" s="91">
        <f t="shared" si="388"/>
        <v>142.0723907086462</v>
      </c>
      <c r="HN57" s="91">
        <f t="shared" si="389"/>
        <v>554.85736185126984</v>
      </c>
      <c r="HO57" s="91">
        <f t="shared" si="390"/>
        <v>817.89816176498744</v>
      </c>
      <c r="HP57" s="91">
        <f t="shared" si="391"/>
        <v>1070.1836919984594</v>
      </c>
      <c r="HQ57" s="91">
        <f t="shared" si="392"/>
        <v>1310.6536198111824</v>
      </c>
      <c r="HR57" s="91">
        <f t="shared" si="393"/>
        <v>1538.0506568518624</v>
      </c>
      <c r="HS57" s="91">
        <f t="shared" si="394"/>
        <v>1750.8654682173424</v>
      </c>
      <c r="HT57" s="91">
        <f t="shared" si="395"/>
        <v>1947.2603026008458</v>
      </c>
      <c r="HU57" s="91">
        <f t="shared" si="396"/>
        <v>2124.960488452431</v>
      </c>
      <c r="HV57" s="91">
        <f t="shared" si="397"/>
        <v>2244.2691438078459</v>
      </c>
      <c r="HW57" s="91">
        <f t="shared" si="398"/>
        <v>2281.0958086170726</v>
      </c>
      <c r="HX57" s="91">
        <f t="shared" si="399"/>
        <v>2281.0958086170726</v>
      </c>
      <c r="HY57" s="91">
        <f t="shared" si="400"/>
        <v>0</v>
      </c>
      <c r="HZ57" s="91">
        <f t="shared" si="401"/>
        <v>0.71354395896400591</v>
      </c>
      <c r="IA57" s="91">
        <f t="shared" si="402"/>
        <v>6.9313306850725418</v>
      </c>
      <c r="IB57" s="91">
        <f t="shared" si="403"/>
        <v>11.987852222612524</v>
      </c>
      <c r="IC57" s="91">
        <f t="shared" si="404"/>
        <v>19.892951832446293</v>
      </c>
      <c r="ID57" s="91">
        <f t="shared" si="405"/>
        <v>30.176583337823807</v>
      </c>
      <c r="IE57" s="91">
        <f t="shared" si="406"/>
        <v>46.130178548345697</v>
      </c>
      <c r="IF57" s="91">
        <f t="shared" si="407"/>
        <v>65.08270468228524</v>
      </c>
      <c r="IG57" s="91">
        <f t="shared" si="408"/>
        <v>98.289910989945398</v>
      </c>
      <c r="IH57" s="91">
        <f t="shared" si="409"/>
        <v>155.13076104733324</v>
      </c>
      <c r="II57" s="91">
        <f t="shared" si="410"/>
        <v>274.77204258387928</v>
      </c>
      <c r="IJ57" s="91">
        <f t="shared" si="411"/>
        <v>452.7062241310116</v>
      </c>
      <c r="IK57" s="127">
        <f t="shared" si="412"/>
        <v>5432.4746895721391</v>
      </c>
    </row>
    <row r="58" spans="2:245" x14ac:dyDescent="0.2">
      <c r="B58" s="79">
        <f t="shared" si="188"/>
        <v>-47.5</v>
      </c>
      <c r="C58" s="73">
        <f>'p-y mono_clay'!C58</f>
        <v>32</v>
      </c>
      <c r="D58" s="64">
        <f>'p-y mono_clay'!D58</f>
        <v>31.988</v>
      </c>
      <c r="E58" s="64" t="str">
        <f>'p-y mono_clay'!E58</f>
        <v>SAND</v>
      </c>
      <c r="F58" s="55">
        <f>VLOOKUP($C58, 'Pile Property'!$A$8:$D$108,2,TRUE)</f>
        <v>2</v>
      </c>
      <c r="G58" s="102" t="e">
        <f>'p-y mono_clay'!Z58</f>
        <v>#N/A</v>
      </c>
      <c r="H58" s="199">
        <f>'p-y mono_clay'!AM58</f>
        <v>0</v>
      </c>
      <c r="I58" s="55" t="e">
        <f>'p-y mono_clay'!AN58</f>
        <v>#N/A</v>
      </c>
      <c r="J58" s="55" t="e">
        <f>'p-y mono_clay'!AO58</f>
        <v>#N/A</v>
      </c>
      <c r="K58" s="55" t="e">
        <f>'p-y mono_clay'!AP58</f>
        <v>#N/A</v>
      </c>
      <c r="L58" s="55" t="e">
        <f>'p-y mono_clay'!AQ58</f>
        <v>#N/A</v>
      </c>
      <c r="M58" s="55" t="e">
        <f>'p-y mono_clay'!AR58</f>
        <v>#N/A</v>
      </c>
      <c r="N58" s="55" t="e">
        <f>'p-y mono_clay'!AS58</f>
        <v>#N/A</v>
      </c>
      <c r="O58" s="55" t="e">
        <f>'p-y mono_clay'!AT58</f>
        <v>#N/A</v>
      </c>
      <c r="P58" s="55" t="e">
        <f>'p-y mono_clay'!AU58</f>
        <v>#N/A</v>
      </c>
      <c r="Q58" s="55" t="e">
        <f>'p-y mono_clay'!AV58</f>
        <v>#N/A</v>
      </c>
      <c r="R58" s="55" t="e">
        <f>'p-y mono_clay'!AW58</f>
        <v>#N/A</v>
      </c>
      <c r="S58" s="55" t="e">
        <f>'p-y mono_clay'!AX58</f>
        <v>#N/A</v>
      </c>
      <c r="T58" s="200">
        <f>'p-y mono_clay'!AY58</f>
        <v>6000</v>
      </c>
      <c r="U58" s="199">
        <f>'p-y mono_clay'!AZ58</f>
        <v>0</v>
      </c>
      <c r="V58" s="55" t="e">
        <f>'p-y mono_clay'!BA58</f>
        <v>#N/A</v>
      </c>
      <c r="W58" s="55" t="e">
        <f>'p-y mono_clay'!BB58</f>
        <v>#N/A</v>
      </c>
      <c r="X58" s="55" t="e">
        <f>'p-y mono_clay'!BC58</f>
        <v>#N/A</v>
      </c>
      <c r="Y58" s="55" t="e">
        <f>'p-y mono_clay'!BD58</f>
        <v>#N/A</v>
      </c>
      <c r="Z58" s="55" t="e">
        <f>'p-y mono_clay'!BE58</f>
        <v>#N/A</v>
      </c>
      <c r="AA58" s="55" t="e">
        <f>'p-y mono_clay'!BF58</f>
        <v>#N/A</v>
      </c>
      <c r="AB58" s="55" t="e">
        <f>'p-y mono_clay'!BG58</f>
        <v>#N/A</v>
      </c>
      <c r="AC58" s="55" t="e">
        <f>'p-y mono_clay'!BH58</f>
        <v>#N/A</v>
      </c>
      <c r="AD58" s="55" t="e">
        <f>'p-y mono_clay'!BI58</f>
        <v>#N/A</v>
      </c>
      <c r="AE58" s="55" t="e">
        <f>'p-y mono_clay'!BJ58</f>
        <v>#N/A</v>
      </c>
      <c r="AF58" s="55" t="e">
        <f>'p-y mono_clay'!BK58</f>
        <v>#N/A</v>
      </c>
      <c r="AG58" s="200" t="e">
        <f>'p-y mono_clay'!BL58</f>
        <v>#N/A</v>
      </c>
      <c r="AH58">
        <f t="shared" si="205"/>
        <v>30</v>
      </c>
      <c r="AI58">
        <v>0</v>
      </c>
      <c r="AJ58" t="e">
        <f t="shared" si="206"/>
        <v>#N/A</v>
      </c>
      <c r="AK58" t="e">
        <f t="shared" si="207"/>
        <v>#N/A</v>
      </c>
      <c r="AL58" t="e">
        <f t="shared" si="208"/>
        <v>#N/A</v>
      </c>
      <c r="AM58" t="e">
        <f t="shared" si="209"/>
        <v>#N/A</v>
      </c>
      <c r="AN58" t="e">
        <f t="shared" si="210"/>
        <v>#N/A</v>
      </c>
      <c r="AO58" t="e">
        <f t="shared" si="211"/>
        <v>#N/A</v>
      </c>
      <c r="AP58" t="e">
        <f t="shared" si="212"/>
        <v>#N/A</v>
      </c>
      <c r="AQ58" t="e">
        <f t="shared" si="213"/>
        <v>#N/A</v>
      </c>
      <c r="AR58" t="e">
        <f t="shared" si="214"/>
        <v>#N/A</v>
      </c>
      <c r="AS58" t="e">
        <f t="shared" si="215"/>
        <v>#N/A</v>
      </c>
      <c r="AT58" t="e">
        <f t="shared" si="216"/>
        <v>#N/A</v>
      </c>
      <c r="AU58" t="e">
        <f t="shared" si="217"/>
        <v>#N/A</v>
      </c>
      <c r="AV58">
        <v>1</v>
      </c>
      <c r="AW58">
        <v>1.25</v>
      </c>
      <c r="AX58">
        <v>2.5</v>
      </c>
      <c r="AY58" s="162">
        <f t="shared" si="218"/>
        <v>2</v>
      </c>
      <c r="AZ58" s="162" t="e">
        <f t="shared" si="219"/>
        <v>#N/A</v>
      </c>
      <c r="BA58" s="162" t="e">
        <f t="shared" si="220"/>
        <v>#N/A</v>
      </c>
      <c r="BB58" s="162" t="e">
        <f t="shared" si="221"/>
        <v>#N/A</v>
      </c>
      <c r="BC58" s="162" t="e">
        <f t="shared" si="222"/>
        <v>#N/A</v>
      </c>
      <c r="BD58" s="162" t="e">
        <f t="shared" si="223"/>
        <v>#N/A</v>
      </c>
      <c r="BE58" s="162" t="e">
        <f t="shared" si="224"/>
        <v>#N/A</v>
      </c>
      <c r="BF58" s="162" t="e">
        <f t="shared" si="225"/>
        <v>#N/A</v>
      </c>
      <c r="BG58" s="162" t="e">
        <f t="shared" si="226"/>
        <v>#N/A</v>
      </c>
      <c r="BH58" s="162" t="e">
        <f t="shared" si="227"/>
        <v>#N/A</v>
      </c>
      <c r="BI58" s="162" t="e">
        <f t="shared" si="228"/>
        <v>#N/A</v>
      </c>
      <c r="BJ58" s="162" t="e">
        <f t="shared" si="229"/>
        <v>#N/A</v>
      </c>
      <c r="BK58" s="162" t="e">
        <f t="shared" si="230"/>
        <v>#N/A</v>
      </c>
      <c r="BL58" s="162">
        <f t="shared" si="231"/>
        <v>2.3784142300054421</v>
      </c>
      <c r="BM58" s="162" t="e">
        <f t="shared" si="232"/>
        <v>#N/A</v>
      </c>
      <c r="BN58" s="162" t="e">
        <f t="shared" si="233"/>
        <v>#N/A</v>
      </c>
      <c r="BO58" s="162" t="e">
        <f t="shared" si="234"/>
        <v>#N/A</v>
      </c>
      <c r="BP58" s="162" t="e">
        <f t="shared" si="235"/>
        <v>#N/A</v>
      </c>
      <c r="BQ58" s="162" t="e">
        <f t="shared" si="236"/>
        <v>#N/A</v>
      </c>
      <c r="BR58" s="162" t="e">
        <f t="shared" si="237"/>
        <v>#N/A</v>
      </c>
      <c r="BS58" s="162" t="e">
        <f t="shared" si="238"/>
        <v>#N/A</v>
      </c>
      <c r="BT58" s="162" t="e">
        <f t="shared" si="239"/>
        <v>#N/A</v>
      </c>
      <c r="BU58" s="162" t="e">
        <f t="shared" si="240"/>
        <v>#N/A</v>
      </c>
      <c r="BV58" s="162" t="e">
        <f t="shared" si="241"/>
        <v>#N/A</v>
      </c>
      <c r="BW58" s="162" t="e">
        <f t="shared" si="242"/>
        <v>#N/A</v>
      </c>
      <c r="BX58" s="162" t="e">
        <f t="shared" si="243"/>
        <v>#N/A</v>
      </c>
      <c r="BY58" s="162">
        <f t="shared" si="244"/>
        <v>5.6568542494923806</v>
      </c>
      <c r="BZ58" s="162" t="e">
        <f t="shared" si="245"/>
        <v>#N/A</v>
      </c>
      <c r="CA58" s="162" t="e">
        <f t="shared" si="246"/>
        <v>#N/A</v>
      </c>
      <c r="CB58" s="162" t="e">
        <f t="shared" si="247"/>
        <v>#N/A</v>
      </c>
      <c r="CC58" s="162" t="e">
        <f t="shared" si="248"/>
        <v>#N/A</v>
      </c>
      <c r="CD58" s="162" t="e">
        <f t="shared" si="249"/>
        <v>#N/A</v>
      </c>
      <c r="CE58" s="162" t="e">
        <f t="shared" si="250"/>
        <v>#N/A</v>
      </c>
      <c r="CF58" s="162" t="e">
        <f t="shared" si="251"/>
        <v>#N/A</v>
      </c>
      <c r="CG58" s="162" t="e">
        <f t="shared" si="252"/>
        <v>#N/A</v>
      </c>
      <c r="CH58" s="162" t="e">
        <f t="shared" si="253"/>
        <v>#N/A</v>
      </c>
      <c r="CI58" s="162" t="e">
        <f t="shared" si="254"/>
        <v>#N/A</v>
      </c>
      <c r="CJ58" s="162" t="e">
        <f t="shared" si="255"/>
        <v>#N/A</v>
      </c>
      <c r="CK58" s="162" t="e">
        <f t="shared" si="256"/>
        <v>#N/A</v>
      </c>
      <c r="CL58">
        <f t="shared" si="257"/>
        <v>1.3729593947216077</v>
      </c>
      <c r="CM58" t="e">
        <f t="shared" si="258"/>
        <v>#N/A</v>
      </c>
      <c r="CN58" t="e">
        <f t="shared" si="259"/>
        <v>#N/A</v>
      </c>
      <c r="CO58" t="e">
        <f t="shared" si="260"/>
        <v>#N/A</v>
      </c>
      <c r="CP58" t="e">
        <f t="shared" si="261"/>
        <v>#N/A</v>
      </c>
      <c r="CQ58" t="e">
        <f t="shared" si="262"/>
        <v>#N/A</v>
      </c>
      <c r="CR58" t="e">
        <f t="shared" si="263"/>
        <v>#N/A</v>
      </c>
      <c r="CS58" t="e">
        <f t="shared" si="264"/>
        <v>#N/A</v>
      </c>
      <c r="CT58" t="e">
        <f t="shared" si="265"/>
        <v>#N/A</v>
      </c>
      <c r="CU58" t="e">
        <f t="shared" si="266"/>
        <v>#N/A</v>
      </c>
      <c r="CV58" t="e">
        <f t="shared" si="267"/>
        <v>#N/A</v>
      </c>
      <c r="CW58" t="e">
        <f t="shared" si="268"/>
        <v>#N/A</v>
      </c>
      <c r="CX58" s="98" t="e">
        <f t="shared" si="269"/>
        <v>#N/A</v>
      </c>
      <c r="CY58">
        <f t="shared" si="270"/>
        <v>1.1029593947216076</v>
      </c>
      <c r="CZ58" t="e">
        <f t="shared" si="271"/>
        <v>#N/A</v>
      </c>
      <c r="DA58" t="e">
        <f t="shared" si="272"/>
        <v>#N/A</v>
      </c>
      <c r="DB58" t="e">
        <f t="shared" si="273"/>
        <v>#N/A</v>
      </c>
      <c r="DC58" t="e">
        <f t="shared" si="274"/>
        <v>#N/A</v>
      </c>
      <c r="DD58" t="e">
        <f t="shared" si="275"/>
        <v>#N/A</v>
      </c>
      <c r="DE58" t="e">
        <f t="shared" si="276"/>
        <v>#N/A</v>
      </c>
      <c r="DF58" t="e">
        <f t="shared" si="277"/>
        <v>#N/A</v>
      </c>
      <c r="DG58" t="e">
        <f t="shared" si="278"/>
        <v>#N/A</v>
      </c>
      <c r="DH58" t="e">
        <f t="shared" si="279"/>
        <v>#N/A</v>
      </c>
      <c r="DI58" t="e">
        <f t="shared" si="280"/>
        <v>#N/A</v>
      </c>
      <c r="DJ58" t="e">
        <f t="shared" si="281"/>
        <v>#N/A</v>
      </c>
      <c r="DK58" t="e">
        <f t="shared" si="282"/>
        <v>#N/A</v>
      </c>
      <c r="DL58" s="97">
        <f t="shared" si="283"/>
        <v>1.5000349036450102</v>
      </c>
      <c r="DM58" t="e">
        <f t="shared" si="284"/>
        <v>#N/A</v>
      </c>
      <c r="DN58" t="e">
        <f t="shared" si="285"/>
        <v>#N/A</v>
      </c>
      <c r="DO58" t="e">
        <f t="shared" si="286"/>
        <v>#N/A</v>
      </c>
      <c r="DP58" t="e">
        <f t="shared" si="287"/>
        <v>#N/A</v>
      </c>
      <c r="DQ58" t="e">
        <f t="shared" si="288"/>
        <v>#N/A</v>
      </c>
      <c r="DR58" t="e">
        <f t="shared" si="289"/>
        <v>#N/A</v>
      </c>
      <c r="DS58" t="e">
        <f t="shared" si="290"/>
        <v>#N/A</v>
      </c>
      <c r="DT58" t="e">
        <f t="shared" si="291"/>
        <v>#N/A</v>
      </c>
      <c r="DU58" t="e">
        <f t="shared" si="292"/>
        <v>#N/A</v>
      </c>
      <c r="DV58" t="e">
        <f t="shared" si="293"/>
        <v>#N/A</v>
      </c>
      <c r="DW58" t="e">
        <f t="shared" si="294"/>
        <v>#N/A</v>
      </c>
      <c r="DX58" s="98" t="e">
        <f t="shared" si="295"/>
        <v>#N/A</v>
      </c>
      <c r="DY58">
        <f t="shared" si="296"/>
        <v>1.0527062241310117</v>
      </c>
      <c r="DZ58" t="e">
        <f t="shared" si="297"/>
        <v>#N/A</v>
      </c>
      <c r="EA58" t="e">
        <f t="shared" si="298"/>
        <v>#N/A</v>
      </c>
      <c r="EB58" t="e">
        <f t="shared" si="299"/>
        <v>#N/A</v>
      </c>
      <c r="EC58" t="e">
        <f t="shared" si="300"/>
        <v>#N/A</v>
      </c>
      <c r="ED58" t="e">
        <f t="shared" si="301"/>
        <v>#N/A</v>
      </c>
      <c r="EE58" t="e">
        <f t="shared" si="302"/>
        <v>#N/A</v>
      </c>
      <c r="EF58" t="e">
        <f t="shared" si="303"/>
        <v>#N/A</v>
      </c>
      <c r="EG58" t="e">
        <f t="shared" si="304"/>
        <v>#N/A</v>
      </c>
      <c r="EH58" t="e">
        <f t="shared" si="305"/>
        <v>#N/A</v>
      </c>
      <c r="EI58" t="e">
        <f t="shared" si="306"/>
        <v>#N/A</v>
      </c>
      <c r="EJ58" t="e">
        <f t="shared" si="307"/>
        <v>#N/A</v>
      </c>
      <c r="EK58" t="e">
        <f t="shared" si="308"/>
        <v>#N/A</v>
      </c>
      <c r="EL58" s="97">
        <f t="shared" si="309"/>
        <v>1.1554124482620232</v>
      </c>
      <c r="EM58" t="e">
        <f t="shared" si="310"/>
        <v>#N/A</v>
      </c>
      <c r="EN58" t="e">
        <f t="shared" si="311"/>
        <v>#N/A</v>
      </c>
      <c r="EO58" t="e">
        <f t="shared" si="312"/>
        <v>#N/A</v>
      </c>
      <c r="EP58" t="e">
        <f t="shared" si="313"/>
        <v>#N/A</v>
      </c>
      <c r="EQ58" t="e">
        <f t="shared" si="314"/>
        <v>#N/A</v>
      </c>
      <c r="ER58" t="e">
        <f t="shared" si="315"/>
        <v>#N/A</v>
      </c>
      <c r="ES58" t="e">
        <f t="shared" si="316"/>
        <v>#N/A</v>
      </c>
      <c r="ET58" t="e">
        <f t="shared" si="317"/>
        <v>#N/A</v>
      </c>
      <c r="EU58" t="e">
        <f t="shared" si="318"/>
        <v>#N/A</v>
      </c>
      <c r="EV58" t="e">
        <f t="shared" si="319"/>
        <v>#N/A</v>
      </c>
      <c r="EW58" t="e">
        <f t="shared" si="320"/>
        <v>#N/A</v>
      </c>
      <c r="EX58" s="98" t="e">
        <f t="shared" si="321"/>
        <v>#N/A</v>
      </c>
      <c r="EY58" s="97">
        <f t="shared" si="322"/>
        <v>0.90541244826202316</v>
      </c>
      <c r="EZ58" t="e">
        <f t="shared" si="323"/>
        <v>#N/A</v>
      </c>
      <c r="FA58" t="e">
        <f t="shared" si="324"/>
        <v>#N/A</v>
      </c>
      <c r="FB58" t="e">
        <f t="shared" si="325"/>
        <v>#N/A</v>
      </c>
      <c r="FC58" t="e">
        <f t="shared" si="326"/>
        <v>#N/A</v>
      </c>
      <c r="FD58" t="e">
        <f t="shared" si="327"/>
        <v>#N/A</v>
      </c>
      <c r="FE58" t="e">
        <f t="shared" si="328"/>
        <v>#N/A</v>
      </c>
      <c r="FF58" t="e">
        <f t="shared" si="329"/>
        <v>#N/A</v>
      </c>
      <c r="FG58" t="e">
        <f t="shared" si="330"/>
        <v>#N/A</v>
      </c>
      <c r="FH58" t="e">
        <f t="shared" si="331"/>
        <v>#N/A</v>
      </c>
      <c r="FI58" t="e">
        <f t="shared" si="332"/>
        <v>#N/A</v>
      </c>
      <c r="FJ58" t="e">
        <f t="shared" si="333"/>
        <v>#N/A</v>
      </c>
      <c r="FK58" t="e">
        <f t="shared" si="334"/>
        <v>#N/A</v>
      </c>
      <c r="FL58" s="126">
        <f t="shared" si="335"/>
        <v>0</v>
      </c>
      <c r="FM58" s="91" t="e">
        <f t="shared" si="336"/>
        <v>#N/A</v>
      </c>
      <c r="FN58" s="91" t="e">
        <f t="shared" si="337"/>
        <v>#N/A</v>
      </c>
      <c r="FO58" s="91" t="e">
        <f t="shared" si="338"/>
        <v>#N/A</v>
      </c>
      <c r="FP58" s="91" t="e">
        <f t="shared" si="339"/>
        <v>#N/A</v>
      </c>
      <c r="FQ58" s="91" t="e">
        <f t="shared" si="340"/>
        <v>#N/A</v>
      </c>
      <c r="FR58" s="91" t="e">
        <f t="shared" si="341"/>
        <v>#N/A</v>
      </c>
      <c r="FS58" s="91" t="e">
        <f t="shared" si="342"/>
        <v>#N/A</v>
      </c>
      <c r="FT58" s="91" t="e">
        <f t="shared" si="343"/>
        <v>#N/A</v>
      </c>
      <c r="FU58" s="91" t="e">
        <f t="shared" si="344"/>
        <v>#N/A</v>
      </c>
      <c r="FV58" s="91" t="e">
        <f t="shared" si="345"/>
        <v>#N/A</v>
      </c>
      <c r="FW58" s="91" t="e">
        <f t="shared" si="346"/>
        <v>#N/A</v>
      </c>
      <c r="FX58" s="91" t="e">
        <f t="shared" si="347"/>
        <v>#N/A</v>
      </c>
      <c r="FY58" s="91">
        <f t="shared" si="348"/>
        <v>0</v>
      </c>
      <c r="FZ58" s="91" t="e">
        <f t="shared" si="349"/>
        <v>#N/A</v>
      </c>
      <c r="GA58" s="91" t="e">
        <f t="shared" si="350"/>
        <v>#N/A</v>
      </c>
      <c r="GB58" s="91" t="e">
        <f t="shared" si="351"/>
        <v>#N/A</v>
      </c>
      <c r="GC58" s="91" t="e">
        <f t="shared" si="352"/>
        <v>#N/A</v>
      </c>
      <c r="GD58" s="91" t="e">
        <f t="shared" si="353"/>
        <v>#N/A</v>
      </c>
      <c r="GE58" s="91" t="e">
        <f t="shared" si="354"/>
        <v>#N/A</v>
      </c>
      <c r="GF58" s="91" t="e">
        <f t="shared" si="355"/>
        <v>#N/A</v>
      </c>
      <c r="GG58" s="91" t="e">
        <f t="shared" si="356"/>
        <v>#N/A</v>
      </c>
      <c r="GH58" s="91" t="e">
        <f t="shared" si="357"/>
        <v>#N/A</v>
      </c>
      <c r="GI58" s="91" t="e">
        <f t="shared" si="358"/>
        <v>#N/A</v>
      </c>
      <c r="GJ58" s="91" t="e">
        <f t="shared" si="359"/>
        <v>#N/A</v>
      </c>
      <c r="GK58" s="127" t="e">
        <f t="shared" si="360"/>
        <v>#N/A</v>
      </c>
      <c r="GL58" s="126">
        <f t="shared" si="361"/>
        <v>0</v>
      </c>
      <c r="GM58" s="91" t="e">
        <f t="shared" si="362"/>
        <v>#N/A</v>
      </c>
      <c r="GN58" s="91" t="e">
        <f t="shared" si="363"/>
        <v>#N/A</v>
      </c>
      <c r="GO58" s="91" t="e">
        <f t="shared" si="364"/>
        <v>#N/A</v>
      </c>
      <c r="GP58" s="91" t="e">
        <f t="shared" si="365"/>
        <v>#N/A</v>
      </c>
      <c r="GQ58" s="91" t="e">
        <f t="shared" si="366"/>
        <v>#N/A</v>
      </c>
      <c r="GR58" s="91" t="e">
        <f t="shared" si="367"/>
        <v>#N/A</v>
      </c>
      <c r="GS58" s="91" t="e">
        <f t="shared" si="368"/>
        <v>#N/A</v>
      </c>
      <c r="GT58" s="91" t="e">
        <f t="shared" si="369"/>
        <v>#N/A</v>
      </c>
      <c r="GU58" s="91" t="e">
        <f t="shared" si="370"/>
        <v>#N/A</v>
      </c>
      <c r="GV58" s="91" t="e">
        <f t="shared" si="371"/>
        <v>#N/A</v>
      </c>
      <c r="GW58" s="91" t="e">
        <f t="shared" si="372"/>
        <v>#N/A</v>
      </c>
      <c r="GX58" s="91" t="e">
        <f t="shared" si="373"/>
        <v>#N/A</v>
      </c>
      <c r="GY58" s="91">
        <f t="shared" si="374"/>
        <v>0</v>
      </c>
      <c r="GZ58" s="91" t="e">
        <f t="shared" si="375"/>
        <v>#N/A</v>
      </c>
      <c r="HA58" s="91" t="e">
        <f t="shared" si="376"/>
        <v>#N/A</v>
      </c>
      <c r="HB58" s="91" t="e">
        <f t="shared" si="377"/>
        <v>#N/A</v>
      </c>
      <c r="HC58" s="91" t="e">
        <f t="shared" si="378"/>
        <v>#N/A</v>
      </c>
      <c r="HD58" s="91" t="e">
        <f t="shared" si="379"/>
        <v>#N/A</v>
      </c>
      <c r="HE58" s="91" t="e">
        <f t="shared" si="380"/>
        <v>#N/A</v>
      </c>
      <c r="HF58" s="91" t="e">
        <f t="shared" si="381"/>
        <v>#N/A</v>
      </c>
      <c r="HG58" s="91" t="e">
        <f t="shared" si="382"/>
        <v>#N/A</v>
      </c>
      <c r="HH58" s="91" t="e">
        <f t="shared" si="383"/>
        <v>#N/A</v>
      </c>
      <c r="HI58" s="91" t="e">
        <f t="shared" si="384"/>
        <v>#N/A</v>
      </c>
      <c r="HJ58" s="91" t="e">
        <f t="shared" si="385"/>
        <v>#N/A</v>
      </c>
      <c r="HK58" s="127" t="e">
        <f t="shared" si="386"/>
        <v>#N/A</v>
      </c>
      <c r="HL58" s="126">
        <f t="shared" si="387"/>
        <v>0</v>
      </c>
      <c r="HM58" s="91" t="e">
        <f t="shared" si="388"/>
        <v>#N/A</v>
      </c>
      <c r="HN58" s="91" t="e">
        <f t="shared" si="389"/>
        <v>#N/A</v>
      </c>
      <c r="HO58" s="91" t="e">
        <f t="shared" si="390"/>
        <v>#N/A</v>
      </c>
      <c r="HP58" s="91" t="e">
        <f t="shared" si="391"/>
        <v>#N/A</v>
      </c>
      <c r="HQ58" s="91" t="e">
        <f t="shared" si="392"/>
        <v>#N/A</v>
      </c>
      <c r="HR58" s="91" t="e">
        <f t="shared" si="393"/>
        <v>#N/A</v>
      </c>
      <c r="HS58" s="91" t="e">
        <f t="shared" si="394"/>
        <v>#N/A</v>
      </c>
      <c r="HT58" s="91" t="e">
        <f t="shared" si="395"/>
        <v>#N/A</v>
      </c>
      <c r="HU58" s="91" t="e">
        <f t="shared" si="396"/>
        <v>#N/A</v>
      </c>
      <c r="HV58" s="91" t="e">
        <f t="shared" si="397"/>
        <v>#N/A</v>
      </c>
      <c r="HW58" s="91" t="e">
        <f t="shared" si="398"/>
        <v>#N/A</v>
      </c>
      <c r="HX58" s="91" t="e">
        <f t="shared" si="399"/>
        <v>#N/A</v>
      </c>
      <c r="HY58" s="91">
        <f t="shared" si="400"/>
        <v>0</v>
      </c>
      <c r="HZ58" s="91" t="e">
        <f t="shared" si="401"/>
        <v>#N/A</v>
      </c>
      <c r="IA58" s="91" t="e">
        <f t="shared" si="402"/>
        <v>#N/A</v>
      </c>
      <c r="IB58" s="91" t="e">
        <f t="shared" si="403"/>
        <v>#N/A</v>
      </c>
      <c r="IC58" s="91" t="e">
        <f t="shared" si="404"/>
        <v>#N/A</v>
      </c>
      <c r="ID58" s="91" t="e">
        <f t="shared" si="405"/>
        <v>#N/A</v>
      </c>
      <c r="IE58" s="91" t="e">
        <f t="shared" si="406"/>
        <v>#N/A</v>
      </c>
      <c r="IF58" s="91" t="e">
        <f t="shared" si="407"/>
        <v>#N/A</v>
      </c>
      <c r="IG58" s="91" t="e">
        <f t="shared" si="408"/>
        <v>#N/A</v>
      </c>
      <c r="IH58" s="91" t="e">
        <f t="shared" si="409"/>
        <v>#N/A</v>
      </c>
      <c r="II58" s="91" t="e">
        <f t="shared" si="410"/>
        <v>#N/A</v>
      </c>
      <c r="IJ58" s="91" t="e">
        <f t="shared" si="411"/>
        <v>#N/A</v>
      </c>
      <c r="IK58" s="127" t="e">
        <f t="shared" si="412"/>
        <v>#N/A</v>
      </c>
    </row>
    <row r="59" spans="2:245" ht="13.5" thickBot="1" x14ac:dyDescent="0.25">
      <c r="B59" s="79">
        <f t="shared" si="188"/>
        <v>-48.5</v>
      </c>
      <c r="C59" s="73">
        <f>'p-y mono_clay'!C59</f>
        <v>33</v>
      </c>
      <c r="D59" s="64">
        <f>'p-y mono_clay'!D59</f>
        <v>32.986000000000004</v>
      </c>
      <c r="E59" s="64" t="str">
        <f>'p-y mono_clay'!E59</f>
        <v>SAND</v>
      </c>
      <c r="F59" s="55">
        <f>VLOOKUP($C59, 'Pile Property'!$A$8:$D$108,2,TRUE)</f>
        <v>2</v>
      </c>
      <c r="G59" s="102" t="e">
        <f>'p-y mono_clay'!Z59</f>
        <v>#N/A</v>
      </c>
      <c r="H59" s="199">
        <f>'p-y mono_clay'!AM59</f>
        <v>0</v>
      </c>
      <c r="I59" s="55" t="e">
        <f>'p-y mono_clay'!AN59</f>
        <v>#N/A</v>
      </c>
      <c r="J59" s="55" t="e">
        <f>'p-y mono_clay'!AO59</f>
        <v>#N/A</v>
      </c>
      <c r="K59" s="55" t="e">
        <f>'p-y mono_clay'!AP59</f>
        <v>#N/A</v>
      </c>
      <c r="L59" s="55" t="e">
        <f>'p-y mono_clay'!AQ59</f>
        <v>#N/A</v>
      </c>
      <c r="M59" s="55" t="e">
        <f>'p-y mono_clay'!AR59</f>
        <v>#N/A</v>
      </c>
      <c r="N59" s="55" t="e">
        <f>'p-y mono_clay'!AS59</f>
        <v>#N/A</v>
      </c>
      <c r="O59" s="55" t="e">
        <f>'p-y mono_clay'!AT59</f>
        <v>#N/A</v>
      </c>
      <c r="P59" s="55" t="e">
        <f>'p-y mono_clay'!AU59</f>
        <v>#N/A</v>
      </c>
      <c r="Q59" s="55" t="e">
        <f>'p-y mono_clay'!AV59</f>
        <v>#N/A</v>
      </c>
      <c r="R59" s="55" t="e">
        <f>'p-y mono_clay'!AW59</f>
        <v>#N/A</v>
      </c>
      <c r="S59" s="55" t="e">
        <f>'p-y mono_clay'!AX59</f>
        <v>#N/A</v>
      </c>
      <c r="T59" s="200">
        <f>'p-y mono_clay'!AY59</f>
        <v>6000</v>
      </c>
      <c r="U59" s="199">
        <f>'p-y mono_clay'!AZ59</f>
        <v>0</v>
      </c>
      <c r="V59" s="55" t="e">
        <f>'p-y mono_clay'!BA59</f>
        <v>#N/A</v>
      </c>
      <c r="W59" s="55" t="e">
        <f>'p-y mono_clay'!BB59</f>
        <v>#N/A</v>
      </c>
      <c r="X59" s="55" t="e">
        <f>'p-y mono_clay'!BC59</f>
        <v>#N/A</v>
      </c>
      <c r="Y59" s="55" t="e">
        <f>'p-y mono_clay'!BD59</f>
        <v>#N/A</v>
      </c>
      <c r="Z59" s="55" t="e">
        <f>'p-y mono_clay'!BE59</f>
        <v>#N/A</v>
      </c>
      <c r="AA59" s="55" t="e">
        <f>'p-y mono_clay'!BF59</f>
        <v>#N/A</v>
      </c>
      <c r="AB59" s="55" t="e">
        <f>'p-y mono_clay'!BG59</f>
        <v>#N/A</v>
      </c>
      <c r="AC59" s="55" t="e">
        <f>'p-y mono_clay'!BH59</f>
        <v>#N/A</v>
      </c>
      <c r="AD59" s="55" t="e">
        <f>'p-y mono_clay'!BI59</f>
        <v>#N/A</v>
      </c>
      <c r="AE59" s="55" t="e">
        <f>'p-y mono_clay'!BJ59</f>
        <v>#N/A</v>
      </c>
      <c r="AF59" s="55" t="e">
        <f>'p-y mono_clay'!BK59</f>
        <v>#N/A</v>
      </c>
      <c r="AG59" s="200" t="e">
        <f>'p-y mono_clay'!BL59</f>
        <v>#N/A</v>
      </c>
      <c r="AH59">
        <f t="shared" si="205"/>
        <v>30</v>
      </c>
      <c r="AI59">
        <v>0</v>
      </c>
      <c r="AJ59" t="e">
        <f t="shared" si="206"/>
        <v>#N/A</v>
      </c>
      <c r="AK59" t="e">
        <f t="shared" si="207"/>
        <v>#N/A</v>
      </c>
      <c r="AL59" t="e">
        <f t="shared" si="208"/>
        <v>#N/A</v>
      </c>
      <c r="AM59" t="e">
        <f t="shared" si="209"/>
        <v>#N/A</v>
      </c>
      <c r="AN59" t="e">
        <f t="shared" si="210"/>
        <v>#N/A</v>
      </c>
      <c r="AO59" t="e">
        <f t="shared" si="211"/>
        <v>#N/A</v>
      </c>
      <c r="AP59" t="e">
        <f t="shared" si="212"/>
        <v>#N/A</v>
      </c>
      <c r="AQ59" t="e">
        <f t="shared" si="213"/>
        <v>#N/A</v>
      </c>
      <c r="AR59" t="e">
        <f t="shared" si="214"/>
        <v>#N/A</v>
      </c>
      <c r="AS59" t="e">
        <f t="shared" si="215"/>
        <v>#N/A</v>
      </c>
      <c r="AT59" t="e">
        <f t="shared" si="216"/>
        <v>#N/A</v>
      </c>
      <c r="AU59" t="e">
        <f t="shared" si="217"/>
        <v>#N/A</v>
      </c>
      <c r="AV59">
        <v>1</v>
      </c>
      <c r="AW59">
        <v>1.25</v>
      </c>
      <c r="AX59">
        <v>2.5</v>
      </c>
      <c r="AY59" s="162">
        <f t="shared" si="218"/>
        <v>2</v>
      </c>
      <c r="AZ59" s="162" t="e">
        <f t="shared" si="219"/>
        <v>#N/A</v>
      </c>
      <c r="BA59" s="162" t="e">
        <f t="shared" si="220"/>
        <v>#N/A</v>
      </c>
      <c r="BB59" s="162" t="e">
        <f t="shared" si="221"/>
        <v>#N/A</v>
      </c>
      <c r="BC59" s="162" t="e">
        <f t="shared" si="222"/>
        <v>#N/A</v>
      </c>
      <c r="BD59" s="162" t="e">
        <f t="shared" si="223"/>
        <v>#N/A</v>
      </c>
      <c r="BE59" s="162" t="e">
        <f t="shared" si="224"/>
        <v>#N/A</v>
      </c>
      <c r="BF59" s="162" t="e">
        <f t="shared" si="225"/>
        <v>#N/A</v>
      </c>
      <c r="BG59" s="162" t="e">
        <f t="shared" si="226"/>
        <v>#N/A</v>
      </c>
      <c r="BH59" s="162" t="e">
        <f t="shared" si="227"/>
        <v>#N/A</v>
      </c>
      <c r="BI59" s="162" t="e">
        <f t="shared" si="228"/>
        <v>#N/A</v>
      </c>
      <c r="BJ59" s="162" t="e">
        <f t="shared" si="229"/>
        <v>#N/A</v>
      </c>
      <c r="BK59" s="162" t="e">
        <f t="shared" si="230"/>
        <v>#N/A</v>
      </c>
      <c r="BL59" s="162">
        <f t="shared" si="231"/>
        <v>2.3784142300054421</v>
      </c>
      <c r="BM59" s="162" t="e">
        <f t="shared" si="232"/>
        <v>#N/A</v>
      </c>
      <c r="BN59" s="162" t="e">
        <f t="shared" si="233"/>
        <v>#N/A</v>
      </c>
      <c r="BO59" s="162" t="e">
        <f t="shared" si="234"/>
        <v>#N/A</v>
      </c>
      <c r="BP59" s="162" t="e">
        <f t="shared" si="235"/>
        <v>#N/A</v>
      </c>
      <c r="BQ59" s="162" t="e">
        <f t="shared" si="236"/>
        <v>#N/A</v>
      </c>
      <c r="BR59" s="162" t="e">
        <f t="shared" si="237"/>
        <v>#N/A</v>
      </c>
      <c r="BS59" s="162" t="e">
        <f t="shared" si="238"/>
        <v>#N/A</v>
      </c>
      <c r="BT59" s="162" t="e">
        <f t="shared" si="239"/>
        <v>#N/A</v>
      </c>
      <c r="BU59" s="162" t="e">
        <f t="shared" si="240"/>
        <v>#N/A</v>
      </c>
      <c r="BV59" s="162" t="e">
        <f t="shared" si="241"/>
        <v>#N/A</v>
      </c>
      <c r="BW59" s="162" t="e">
        <f t="shared" si="242"/>
        <v>#N/A</v>
      </c>
      <c r="BX59" s="162" t="e">
        <f t="shared" si="243"/>
        <v>#N/A</v>
      </c>
      <c r="BY59" s="162">
        <f t="shared" si="244"/>
        <v>5.6568542494923806</v>
      </c>
      <c r="BZ59" s="162" t="e">
        <f t="shared" si="245"/>
        <v>#N/A</v>
      </c>
      <c r="CA59" s="162" t="e">
        <f t="shared" si="246"/>
        <v>#N/A</v>
      </c>
      <c r="CB59" s="162" t="e">
        <f t="shared" si="247"/>
        <v>#N/A</v>
      </c>
      <c r="CC59" s="162" t="e">
        <f t="shared" si="248"/>
        <v>#N/A</v>
      </c>
      <c r="CD59" s="162" t="e">
        <f t="shared" si="249"/>
        <v>#N/A</v>
      </c>
      <c r="CE59" s="162" t="e">
        <f t="shared" si="250"/>
        <v>#N/A</v>
      </c>
      <c r="CF59" s="162" t="e">
        <f t="shared" si="251"/>
        <v>#N/A</v>
      </c>
      <c r="CG59" s="162" t="e">
        <f t="shared" si="252"/>
        <v>#N/A</v>
      </c>
      <c r="CH59" s="162" t="e">
        <f t="shared" si="253"/>
        <v>#N/A</v>
      </c>
      <c r="CI59" s="162" t="e">
        <f t="shared" si="254"/>
        <v>#N/A</v>
      </c>
      <c r="CJ59" s="162" t="e">
        <f t="shared" si="255"/>
        <v>#N/A</v>
      </c>
      <c r="CK59" s="162" t="e">
        <f t="shared" si="256"/>
        <v>#N/A</v>
      </c>
      <c r="CL59" s="166">
        <f t="shared" si="257"/>
        <v>1.3729593947216077</v>
      </c>
      <c r="CM59" s="166" t="e">
        <f t="shared" si="258"/>
        <v>#N/A</v>
      </c>
      <c r="CN59" s="166" t="e">
        <f t="shared" si="259"/>
        <v>#N/A</v>
      </c>
      <c r="CO59" s="166" t="e">
        <f t="shared" si="260"/>
        <v>#N/A</v>
      </c>
      <c r="CP59" s="166" t="e">
        <f t="shared" si="261"/>
        <v>#N/A</v>
      </c>
      <c r="CQ59" s="166" t="e">
        <f t="shared" si="262"/>
        <v>#N/A</v>
      </c>
      <c r="CR59" s="166" t="e">
        <f t="shared" si="263"/>
        <v>#N/A</v>
      </c>
      <c r="CS59" s="166" t="e">
        <f t="shared" si="264"/>
        <v>#N/A</v>
      </c>
      <c r="CT59" s="166" t="e">
        <f t="shared" si="265"/>
        <v>#N/A</v>
      </c>
      <c r="CU59" s="166" t="e">
        <f t="shared" si="266"/>
        <v>#N/A</v>
      </c>
      <c r="CV59" s="166" t="e">
        <f t="shared" si="267"/>
        <v>#N/A</v>
      </c>
      <c r="CW59" s="166" t="e">
        <f t="shared" si="268"/>
        <v>#N/A</v>
      </c>
      <c r="CX59" s="176" t="e">
        <f t="shared" si="269"/>
        <v>#N/A</v>
      </c>
      <c r="CY59" s="166">
        <f t="shared" si="270"/>
        <v>1.1029593947216076</v>
      </c>
      <c r="CZ59" s="166" t="e">
        <f t="shared" si="271"/>
        <v>#N/A</v>
      </c>
      <c r="DA59" s="166" t="e">
        <f t="shared" si="272"/>
        <v>#N/A</v>
      </c>
      <c r="DB59" s="166" t="e">
        <f t="shared" si="273"/>
        <v>#N/A</v>
      </c>
      <c r="DC59" s="166" t="e">
        <f t="shared" si="274"/>
        <v>#N/A</v>
      </c>
      <c r="DD59" s="166" t="e">
        <f t="shared" si="275"/>
        <v>#N/A</v>
      </c>
      <c r="DE59" s="166" t="e">
        <f t="shared" si="276"/>
        <v>#N/A</v>
      </c>
      <c r="DF59" s="166" t="e">
        <f t="shared" si="277"/>
        <v>#N/A</v>
      </c>
      <c r="DG59" s="166" t="e">
        <f t="shared" si="278"/>
        <v>#N/A</v>
      </c>
      <c r="DH59" s="166" t="e">
        <f t="shared" si="279"/>
        <v>#N/A</v>
      </c>
      <c r="DI59" s="166" t="e">
        <f t="shared" si="280"/>
        <v>#N/A</v>
      </c>
      <c r="DJ59" s="166" t="e">
        <f t="shared" si="281"/>
        <v>#N/A</v>
      </c>
      <c r="DK59" s="166" t="e">
        <f t="shared" si="282"/>
        <v>#N/A</v>
      </c>
      <c r="DL59" s="175">
        <f t="shared" si="283"/>
        <v>1.5000349036450102</v>
      </c>
      <c r="DM59" s="166" t="e">
        <f t="shared" si="284"/>
        <v>#N/A</v>
      </c>
      <c r="DN59" s="166" t="e">
        <f t="shared" si="285"/>
        <v>#N/A</v>
      </c>
      <c r="DO59" s="166" t="e">
        <f t="shared" si="286"/>
        <v>#N/A</v>
      </c>
      <c r="DP59" s="166" t="e">
        <f t="shared" si="287"/>
        <v>#N/A</v>
      </c>
      <c r="DQ59" s="166" t="e">
        <f t="shared" si="288"/>
        <v>#N/A</v>
      </c>
      <c r="DR59" s="166" t="e">
        <f t="shared" si="289"/>
        <v>#N/A</v>
      </c>
      <c r="DS59" s="166" t="e">
        <f t="shared" si="290"/>
        <v>#N/A</v>
      </c>
      <c r="DT59" s="166" t="e">
        <f t="shared" si="291"/>
        <v>#N/A</v>
      </c>
      <c r="DU59" s="166" t="e">
        <f t="shared" si="292"/>
        <v>#N/A</v>
      </c>
      <c r="DV59" s="166" t="e">
        <f t="shared" si="293"/>
        <v>#N/A</v>
      </c>
      <c r="DW59" s="166" t="e">
        <f t="shared" si="294"/>
        <v>#N/A</v>
      </c>
      <c r="DX59" s="176" t="e">
        <f t="shared" si="295"/>
        <v>#N/A</v>
      </c>
      <c r="DY59" s="166">
        <f t="shared" si="296"/>
        <v>1.0527062241310117</v>
      </c>
      <c r="DZ59" s="166" t="e">
        <f t="shared" si="297"/>
        <v>#N/A</v>
      </c>
      <c r="EA59" s="166" t="e">
        <f t="shared" si="298"/>
        <v>#N/A</v>
      </c>
      <c r="EB59" s="166" t="e">
        <f t="shared" si="299"/>
        <v>#N/A</v>
      </c>
      <c r="EC59" s="166" t="e">
        <f t="shared" si="300"/>
        <v>#N/A</v>
      </c>
      <c r="ED59" s="166" t="e">
        <f t="shared" si="301"/>
        <v>#N/A</v>
      </c>
      <c r="EE59" s="166" t="e">
        <f t="shared" si="302"/>
        <v>#N/A</v>
      </c>
      <c r="EF59" s="166" t="e">
        <f t="shared" si="303"/>
        <v>#N/A</v>
      </c>
      <c r="EG59" s="166" t="e">
        <f t="shared" si="304"/>
        <v>#N/A</v>
      </c>
      <c r="EH59" s="166" t="e">
        <f t="shared" si="305"/>
        <v>#N/A</v>
      </c>
      <c r="EI59" s="166" t="e">
        <f t="shared" si="306"/>
        <v>#N/A</v>
      </c>
      <c r="EJ59" s="166" t="e">
        <f t="shared" si="307"/>
        <v>#N/A</v>
      </c>
      <c r="EK59" s="166" t="e">
        <f t="shared" si="308"/>
        <v>#N/A</v>
      </c>
      <c r="EL59" s="175">
        <f t="shared" si="309"/>
        <v>1.1554124482620232</v>
      </c>
      <c r="EM59" s="166" t="e">
        <f t="shared" si="310"/>
        <v>#N/A</v>
      </c>
      <c r="EN59" s="166" t="e">
        <f t="shared" si="311"/>
        <v>#N/A</v>
      </c>
      <c r="EO59" s="166" t="e">
        <f t="shared" si="312"/>
        <v>#N/A</v>
      </c>
      <c r="EP59" s="166" t="e">
        <f t="shared" si="313"/>
        <v>#N/A</v>
      </c>
      <c r="EQ59" s="166" t="e">
        <f t="shared" si="314"/>
        <v>#N/A</v>
      </c>
      <c r="ER59" s="166" t="e">
        <f t="shared" si="315"/>
        <v>#N/A</v>
      </c>
      <c r="ES59" s="166" t="e">
        <f t="shared" si="316"/>
        <v>#N/A</v>
      </c>
      <c r="ET59" s="166" t="e">
        <f t="shared" si="317"/>
        <v>#N/A</v>
      </c>
      <c r="EU59" s="166" t="e">
        <f t="shared" si="318"/>
        <v>#N/A</v>
      </c>
      <c r="EV59" s="166" t="e">
        <f t="shared" si="319"/>
        <v>#N/A</v>
      </c>
      <c r="EW59" s="166" t="e">
        <f t="shared" si="320"/>
        <v>#N/A</v>
      </c>
      <c r="EX59" s="176" t="e">
        <f t="shared" si="321"/>
        <v>#N/A</v>
      </c>
      <c r="EY59" s="175">
        <f t="shared" si="322"/>
        <v>0.90541244826202316</v>
      </c>
      <c r="EZ59" s="166" t="e">
        <f t="shared" si="323"/>
        <v>#N/A</v>
      </c>
      <c r="FA59" s="166" t="e">
        <f t="shared" si="324"/>
        <v>#N/A</v>
      </c>
      <c r="FB59" s="166" t="e">
        <f t="shared" si="325"/>
        <v>#N/A</v>
      </c>
      <c r="FC59" s="166" t="e">
        <f t="shared" si="326"/>
        <v>#N/A</v>
      </c>
      <c r="FD59" s="166" t="e">
        <f t="shared" si="327"/>
        <v>#N/A</v>
      </c>
      <c r="FE59" s="166" t="e">
        <f t="shared" si="328"/>
        <v>#N/A</v>
      </c>
      <c r="FF59" s="166" t="e">
        <f t="shared" si="329"/>
        <v>#N/A</v>
      </c>
      <c r="FG59" s="166" t="e">
        <f t="shared" si="330"/>
        <v>#N/A</v>
      </c>
      <c r="FH59" s="166" t="e">
        <f t="shared" si="331"/>
        <v>#N/A</v>
      </c>
      <c r="FI59" s="166" t="e">
        <f t="shared" si="332"/>
        <v>#N/A</v>
      </c>
      <c r="FJ59" s="166" t="e">
        <f t="shared" si="333"/>
        <v>#N/A</v>
      </c>
      <c r="FK59" s="166" t="e">
        <f t="shared" si="334"/>
        <v>#N/A</v>
      </c>
      <c r="FL59" s="126">
        <f t="shared" si="335"/>
        <v>0</v>
      </c>
      <c r="FM59" s="91" t="e">
        <f t="shared" si="336"/>
        <v>#N/A</v>
      </c>
      <c r="FN59" s="91" t="e">
        <f t="shared" si="337"/>
        <v>#N/A</v>
      </c>
      <c r="FO59" s="91" t="e">
        <f t="shared" si="338"/>
        <v>#N/A</v>
      </c>
      <c r="FP59" s="91" t="e">
        <f t="shared" si="339"/>
        <v>#N/A</v>
      </c>
      <c r="FQ59" s="91" t="e">
        <f t="shared" si="340"/>
        <v>#N/A</v>
      </c>
      <c r="FR59" s="91" t="e">
        <f t="shared" si="341"/>
        <v>#N/A</v>
      </c>
      <c r="FS59" s="91" t="e">
        <f t="shared" si="342"/>
        <v>#N/A</v>
      </c>
      <c r="FT59" s="91" t="e">
        <f t="shared" si="343"/>
        <v>#N/A</v>
      </c>
      <c r="FU59" s="91" t="e">
        <f t="shared" si="344"/>
        <v>#N/A</v>
      </c>
      <c r="FV59" s="91" t="e">
        <f t="shared" si="345"/>
        <v>#N/A</v>
      </c>
      <c r="FW59" s="91" t="e">
        <f t="shared" si="346"/>
        <v>#N/A</v>
      </c>
      <c r="FX59" s="91" t="e">
        <f t="shared" si="347"/>
        <v>#N/A</v>
      </c>
      <c r="FY59" s="91">
        <f t="shared" si="348"/>
        <v>0</v>
      </c>
      <c r="FZ59" s="91" t="e">
        <f t="shared" si="349"/>
        <v>#N/A</v>
      </c>
      <c r="GA59" s="91" t="e">
        <f t="shared" si="350"/>
        <v>#N/A</v>
      </c>
      <c r="GB59" s="91" t="e">
        <f t="shared" si="351"/>
        <v>#N/A</v>
      </c>
      <c r="GC59" s="91" t="e">
        <f t="shared" si="352"/>
        <v>#N/A</v>
      </c>
      <c r="GD59" s="91" t="e">
        <f t="shared" si="353"/>
        <v>#N/A</v>
      </c>
      <c r="GE59" s="91" t="e">
        <f t="shared" si="354"/>
        <v>#N/A</v>
      </c>
      <c r="GF59" s="91" t="e">
        <f t="shared" si="355"/>
        <v>#N/A</v>
      </c>
      <c r="GG59" s="91" t="e">
        <f t="shared" si="356"/>
        <v>#N/A</v>
      </c>
      <c r="GH59" s="91" t="e">
        <f t="shared" si="357"/>
        <v>#N/A</v>
      </c>
      <c r="GI59" s="91" t="e">
        <f t="shared" si="358"/>
        <v>#N/A</v>
      </c>
      <c r="GJ59" s="91" t="e">
        <f t="shared" si="359"/>
        <v>#N/A</v>
      </c>
      <c r="GK59" s="127" t="e">
        <f t="shared" si="360"/>
        <v>#N/A</v>
      </c>
      <c r="GL59" s="126">
        <f t="shared" si="361"/>
        <v>0</v>
      </c>
      <c r="GM59" s="91" t="e">
        <f t="shared" si="362"/>
        <v>#N/A</v>
      </c>
      <c r="GN59" s="91" t="e">
        <f t="shared" si="363"/>
        <v>#N/A</v>
      </c>
      <c r="GO59" s="91" t="e">
        <f t="shared" si="364"/>
        <v>#N/A</v>
      </c>
      <c r="GP59" s="91" t="e">
        <f t="shared" si="365"/>
        <v>#N/A</v>
      </c>
      <c r="GQ59" s="91" t="e">
        <f t="shared" si="366"/>
        <v>#N/A</v>
      </c>
      <c r="GR59" s="91" t="e">
        <f t="shared" si="367"/>
        <v>#N/A</v>
      </c>
      <c r="GS59" s="91" t="e">
        <f t="shared" si="368"/>
        <v>#N/A</v>
      </c>
      <c r="GT59" s="91" t="e">
        <f t="shared" si="369"/>
        <v>#N/A</v>
      </c>
      <c r="GU59" s="91" t="e">
        <f t="shared" si="370"/>
        <v>#N/A</v>
      </c>
      <c r="GV59" s="91" t="e">
        <f t="shared" si="371"/>
        <v>#N/A</v>
      </c>
      <c r="GW59" s="91" t="e">
        <f t="shared" si="372"/>
        <v>#N/A</v>
      </c>
      <c r="GX59" s="91" t="e">
        <f t="shared" si="373"/>
        <v>#N/A</v>
      </c>
      <c r="GY59" s="91">
        <f t="shared" si="374"/>
        <v>0</v>
      </c>
      <c r="GZ59" s="91" t="e">
        <f t="shared" si="375"/>
        <v>#N/A</v>
      </c>
      <c r="HA59" s="91" t="e">
        <f t="shared" si="376"/>
        <v>#N/A</v>
      </c>
      <c r="HB59" s="91" t="e">
        <f t="shared" si="377"/>
        <v>#N/A</v>
      </c>
      <c r="HC59" s="91" t="e">
        <f t="shared" si="378"/>
        <v>#N/A</v>
      </c>
      <c r="HD59" s="91" t="e">
        <f t="shared" si="379"/>
        <v>#N/A</v>
      </c>
      <c r="HE59" s="91" t="e">
        <f t="shared" si="380"/>
        <v>#N/A</v>
      </c>
      <c r="HF59" s="91" t="e">
        <f t="shared" si="381"/>
        <v>#N/A</v>
      </c>
      <c r="HG59" s="91" t="e">
        <f t="shared" si="382"/>
        <v>#N/A</v>
      </c>
      <c r="HH59" s="91" t="e">
        <f t="shared" si="383"/>
        <v>#N/A</v>
      </c>
      <c r="HI59" s="91" t="e">
        <f t="shared" si="384"/>
        <v>#N/A</v>
      </c>
      <c r="HJ59" s="91" t="e">
        <f t="shared" si="385"/>
        <v>#N/A</v>
      </c>
      <c r="HK59" s="127" t="e">
        <f t="shared" si="386"/>
        <v>#N/A</v>
      </c>
      <c r="HL59" s="126">
        <f t="shared" si="387"/>
        <v>0</v>
      </c>
      <c r="HM59" s="91" t="e">
        <f t="shared" si="388"/>
        <v>#N/A</v>
      </c>
      <c r="HN59" s="91" t="e">
        <f t="shared" si="389"/>
        <v>#N/A</v>
      </c>
      <c r="HO59" s="91" t="e">
        <f t="shared" si="390"/>
        <v>#N/A</v>
      </c>
      <c r="HP59" s="91" t="e">
        <f t="shared" si="391"/>
        <v>#N/A</v>
      </c>
      <c r="HQ59" s="91" t="e">
        <f t="shared" si="392"/>
        <v>#N/A</v>
      </c>
      <c r="HR59" s="91" t="e">
        <f t="shared" si="393"/>
        <v>#N/A</v>
      </c>
      <c r="HS59" s="91" t="e">
        <f t="shared" si="394"/>
        <v>#N/A</v>
      </c>
      <c r="HT59" s="91" t="e">
        <f t="shared" si="395"/>
        <v>#N/A</v>
      </c>
      <c r="HU59" s="91" t="e">
        <f t="shared" si="396"/>
        <v>#N/A</v>
      </c>
      <c r="HV59" s="91" t="e">
        <f t="shared" si="397"/>
        <v>#N/A</v>
      </c>
      <c r="HW59" s="91" t="e">
        <f t="shared" si="398"/>
        <v>#N/A</v>
      </c>
      <c r="HX59" s="91" t="e">
        <f t="shared" si="399"/>
        <v>#N/A</v>
      </c>
      <c r="HY59" s="91">
        <f t="shared" si="400"/>
        <v>0</v>
      </c>
      <c r="HZ59" s="91" t="e">
        <f t="shared" si="401"/>
        <v>#N/A</v>
      </c>
      <c r="IA59" s="91" t="e">
        <f t="shared" si="402"/>
        <v>#N/A</v>
      </c>
      <c r="IB59" s="91" t="e">
        <f t="shared" si="403"/>
        <v>#N/A</v>
      </c>
      <c r="IC59" s="91" t="e">
        <f t="shared" si="404"/>
        <v>#N/A</v>
      </c>
      <c r="ID59" s="91" t="e">
        <f t="shared" si="405"/>
        <v>#N/A</v>
      </c>
      <c r="IE59" s="91" t="e">
        <f t="shared" si="406"/>
        <v>#N/A</v>
      </c>
      <c r="IF59" s="91" t="e">
        <f t="shared" si="407"/>
        <v>#N/A</v>
      </c>
      <c r="IG59" s="91" t="e">
        <f t="shared" si="408"/>
        <v>#N/A</v>
      </c>
      <c r="IH59" s="91" t="e">
        <f t="shared" si="409"/>
        <v>#N/A</v>
      </c>
      <c r="II59" s="91" t="e">
        <f t="shared" si="410"/>
        <v>#N/A</v>
      </c>
      <c r="IJ59" s="91" t="e">
        <f t="shared" si="411"/>
        <v>#N/A</v>
      </c>
      <c r="IK59" s="127" t="e">
        <f t="shared" si="412"/>
        <v>#N/A</v>
      </c>
    </row>
    <row r="60" spans="2:245" x14ac:dyDescent="0.2">
      <c r="B60" s="79">
        <f t="shared" si="188"/>
        <v>-49.5</v>
      </c>
      <c r="C60" s="73">
        <f>'p-y mono_clay'!C60</f>
        <v>34</v>
      </c>
      <c r="D60" s="64">
        <f>'p-y mono_clay'!D60</f>
        <v>33.993000000000002</v>
      </c>
      <c r="E60" s="64" t="str">
        <f>'p-y mono_clay'!E60</f>
        <v>CLAY</v>
      </c>
      <c r="F60" s="55">
        <f>VLOOKUP($C60, 'Pile Property'!$A$8:$D$108,2,TRUE)</f>
        <v>2</v>
      </c>
      <c r="G60" s="102">
        <f>'p-y mono_clay'!Z60</f>
        <v>7234.1432298406726</v>
      </c>
      <c r="H60" s="199">
        <f>'p-y mono_clay'!AM60</f>
        <v>0</v>
      </c>
      <c r="I60" s="55">
        <f>'p-y mono_clay'!AN60</f>
        <v>0.86371082577183167</v>
      </c>
      <c r="J60" s="55">
        <f>'p-y mono_clay'!AO60</f>
        <v>8.6371082577183174</v>
      </c>
      <c r="K60" s="55">
        <f>'p-y mono_clay'!AP60</f>
        <v>17.911324773154949</v>
      </c>
      <c r="L60" s="55">
        <f>'p-y mono_clay'!AQ60</f>
        <v>33.822649546309904</v>
      </c>
      <c r="M60" s="55">
        <f>'p-y mono_clay'!AR60</f>
        <v>54.371082577183167</v>
      </c>
      <c r="N60" s="55">
        <f>'p-y mono_clay'!AS60</f>
        <v>82.193732123493064</v>
      </c>
      <c r="O60" s="55">
        <f>'p-y mono_clay'!AT60</f>
        <v>124.65348992752129</v>
      </c>
      <c r="P60" s="55">
        <f>'p-y mono_clay'!AU60</f>
        <v>190.93589727785943</v>
      </c>
      <c r="Q60" s="55">
        <f>'p-y mono_clay'!AV60</f>
        <v>311.85541288591583</v>
      </c>
      <c r="R60" s="55">
        <f>'p-y mono_clay'!AW60</f>
        <v>504.59757804028214</v>
      </c>
      <c r="S60" s="55">
        <f>'p-y mono_clay'!AX60</f>
        <v>663.71082577183165</v>
      </c>
      <c r="T60" s="200">
        <f>'p-y mono_clay'!AY60</f>
        <v>6000</v>
      </c>
      <c r="U60" s="199">
        <f>'p-y mono_clay'!AZ60</f>
        <v>0</v>
      </c>
      <c r="V60" s="55">
        <f>'p-y mono_clay'!BA60</f>
        <v>361.70716149203366</v>
      </c>
      <c r="W60" s="55">
        <f>'p-y mono_clay'!BB60</f>
        <v>1446.8286459681347</v>
      </c>
      <c r="X60" s="55">
        <f>'p-y mono_clay'!BC60</f>
        <v>2170.2429689522019</v>
      </c>
      <c r="Y60" s="55">
        <f>'p-y mono_clay'!BD60</f>
        <v>2893.6572919362693</v>
      </c>
      <c r="Z60" s="55">
        <f>'p-y mono_clay'!BE60</f>
        <v>3617.0716149203363</v>
      </c>
      <c r="AA60" s="55">
        <f>'p-y mono_clay'!BF60</f>
        <v>4340.4859379044037</v>
      </c>
      <c r="AB60" s="55">
        <f>'p-y mono_clay'!BG60</f>
        <v>5063.9002608884703</v>
      </c>
      <c r="AC60" s="55">
        <f>'p-y mono_clay'!BH60</f>
        <v>5787.3145838725386</v>
      </c>
      <c r="AD60" s="55">
        <f>'p-y mono_clay'!BI60</f>
        <v>6510.7289068566051</v>
      </c>
      <c r="AE60" s="55">
        <f>'p-y mono_clay'!BJ60</f>
        <v>7053.2896490946559</v>
      </c>
      <c r="AF60" s="55">
        <f>'p-y mono_clay'!BK60</f>
        <v>7234.1432298406726</v>
      </c>
      <c r="AG60" s="200">
        <f>'p-y mono_clay'!BL60</f>
        <v>7234.1432298406726</v>
      </c>
      <c r="AH60">
        <f t="shared" si="205"/>
        <v>30</v>
      </c>
      <c r="AI60">
        <v>0</v>
      </c>
      <c r="AJ60">
        <f t="shared" si="206"/>
        <v>-0.95</v>
      </c>
      <c r="AK60">
        <f t="shared" si="207"/>
        <v>-0.8</v>
      </c>
      <c r="AL60">
        <f t="shared" si="208"/>
        <v>-0.7</v>
      </c>
      <c r="AM60">
        <f t="shared" si="209"/>
        <v>-0.6</v>
      </c>
      <c r="AN60">
        <f t="shared" si="210"/>
        <v>-0.5</v>
      </c>
      <c r="AO60">
        <f t="shared" si="211"/>
        <v>-0.4</v>
      </c>
      <c r="AP60">
        <f t="shared" si="212"/>
        <v>-0.30000000000000004</v>
      </c>
      <c r="AQ60">
        <f t="shared" si="213"/>
        <v>-0.19999999999999996</v>
      </c>
      <c r="AR60">
        <f t="shared" si="214"/>
        <v>-9.9999999999999978E-2</v>
      </c>
      <c r="AS60">
        <f t="shared" si="215"/>
        <v>-2.5000000000000022E-2</v>
      </c>
      <c r="AT60">
        <f t="shared" si="216"/>
        <v>0</v>
      </c>
      <c r="AU60">
        <f t="shared" si="217"/>
        <v>0</v>
      </c>
      <c r="AV60">
        <v>1</v>
      </c>
      <c r="AW60">
        <v>1.25</v>
      </c>
      <c r="AX60">
        <v>2.5</v>
      </c>
      <c r="AY60" s="162">
        <f t="shared" si="218"/>
        <v>2</v>
      </c>
      <c r="AZ60" s="162">
        <f t="shared" si="219"/>
        <v>1.0256410256410258</v>
      </c>
      <c r="BA60" s="162">
        <f t="shared" si="220"/>
        <v>1.1111111111111112</v>
      </c>
      <c r="BB60" s="162">
        <f t="shared" si="221"/>
        <v>1.1764705882352942</v>
      </c>
      <c r="BC60" s="162">
        <f t="shared" si="222"/>
        <v>1.25</v>
      </c>
      <c r="BD60" s="162">
        <f t="shared" si="223"/>
        <v>1.3333333333333333</v>
      </c>
      <c r="BE60" s="162">
        <f t="shared" si="224"/>
        <v>1.4285714285714286</v>
      </c>
      <c r="BF60" s="162">
        <f t="shared" si="225"/>
        <v>1.5384615384615383</v>
      </c>
      <c r="BG60" s="162">
        <f t="shared" si="226"/>
        <v>1.6666666666666667</v>
      </c>
      <c r="BH60" s="162">
        <f t="shared" si="227"/>
        <v>1.8181818181818181</v>
      </c>
      <c r="BI60" s="162">
        <f t="shared" si="228"/>
        <v>1.9512195121951221</v>
      </c>
      <c r="BJ60" s="162">
        <f t="shared" si="229"/>
        <v>2</v>
      </c>
      <c r="BK60" s="162">
        <f t="shared" si="230"/>
        <v>2</v>
      </c>
      <c r="BL60" s="162">
        <f t="shared" si="231"/>
        <v>2.3784142300054421</v>
      </c>
      <c r="BM60" s="162">
        <f t="shared" si="232"/>
        <v>1.0321533592882333</v>
      </c>
      <c r="BN60" s="162">
        <f t="shared" si="233"/>
        <v>1.1407667734226012</v>
      </c>
      <c r="BO60" s="162">
        <f t="shared" si="234"/>
        <v>1.2252546033521698</v>
      </c>
      <c r="BP60" s="162">
        <f t="shared" si="235"/>
        <v>1.3217140793007052</v>
      </c>
      <c r="BQ60" s="162">
        <f t="shared" si="236"/>
        <v>1.4327599090980556</v>
      </c>
      <c r="BR60" s="162">
        <f t="shared" si="237"/>
        <v>1.5618073056129906</v>
      </c>
      <c r="BS60" s="162">
        <f t="shared" si="238"/>
        <v>1.7133981916233565</v>
      </c>
      <c r="BT60" s="162">
        <f t="shared" si="239"/>
        <v>1.8936989441124989</v>
      </c>
      <c r="BU60" s="162">
        <f t="shared" si="240"/>
        <v>2.1112839107574066</v>
      </c>
      <c r="BV60" s="162">
        <f t="shared" si="241"/>
        <v>2.3061240387292958</v>
      </c>
      <c r="BW60" s="162">
        <f t="shared" si="242"/>
        <v>2.3784142300054421</v>
      </c>
      <c r="BX60" s="162">
        <f t="shared" si="243"/>
        <v>2.3784142300054421</v>
      </c>
      <c r="BY60" s="162">
        <f t="shared" si="244"/>
        <v>5.6568542494923806</v>
      </c>
      <c r="BZ60" s="162">
        <f t="shared" si="245"/>
        <v>1.065340557089985</v>
      </c>
      <c r="CA60" s="162">
        <f t="shared" si="246"/>
        <v>1.3013488313450123</v>
      </c>
      <c r="CB60" s="162">
        <f t="shared" si="247"/>
        <v>1.501248843035683</v>
      </c>
      <c r="CC60" s="162">
        <f t="shared" si="248"/>
        <v>1.7469281074217107</v>
      </c>
      <c r="CD60" s="162">
        <f t="shared" si="249"/>
        <v>2.0528009571186687</v>
      </c>
      <c r="CE60" s="162">
        <f t="shared" si="250"/>
        <v>2.4392420598661095</v>
      </c>
      <c r="CF60" s="162">
        <f t="shared" si="251"/>
        <v>2.9357333630581879</v>
      </c>
      <c r="CG60" s="162">
        <f t="shared" si="252"/>
        <v>3.5860956909327935</v>
      </c>
      <c r="CH60" s="162">
        <f t="shared" si="253"/>
        <v>4.4575197518230878</v>
      </c>
      <c r="CI60" s="162">
        <f t="shared" si="254"/>
        <v>5.3182080820051185</v>
      </c>
      <c r="CJ60" s="162">
        <f t="shared" si="255"/>
        <v>5.6568542494923806</v>
      </c>
      <c r="CK60" s="162">
        <f t="shared" si="256"/>
        <v>5.6568542494923806</v>
      </c>
      <c r="CL60">
        <f t="shared" si="257"/>
        <v>1.3729593947216077</v>
      </c>
      <c r="CM60">
        <f t="shared" si="258"/>
        <v>1.4664555068821994</v>
      </c>
      <c r="CN60">
        <f t="shared" si="259"/>
        <v>1.4552495278079043</v>
      </c>
      <c r="CO60">
        <f t="shared" si="260"/>
        <v>1.4472473498703116</v>
      </c>
      <c r="CP60">
        <f t="shared" si="261"/>
        <v>1.4387599028160105</v>
      </c>
      <c r="CQ60">
        <f t="shared" si="262"/>
        <v>1.4297245098567506</v>
      </c>
      <c r="CR60">
        <f t="shared" si="263"/>
        <v>1.4200655078485775</v>
      </c>
      <c r="CS60">
        <f t="shared" si="264"/>
        <v>1.4096903917470565</v>
      </c>
      <c r="CT60">
        <f t="shared" si="265"/>
        <v>1.3984844126727614</v>
      </c>
      <c r="CU60">
        <f t="shared" si="266"/>
        <v>1.3863028198942131</v>
      </c>
      <c r="CV60">
        <f t="shared" si="267"/>
        <v>1.3764163604842596</v>
      </c>
      <c r="CW60">
        <f t="shared" si="268"/>
        <v>1.3729593947216077</v>
      </c>
      <c r="CX60" s="98">
        <f t="shared" si="269"/>
        <v>1.3729593947216077</v>
      </c>
      <c r="CY60">
        <f t="shared" si="270"/>
        <v>1.1029593947216076</v>
      </c>
      <c r="CZ60">
        <f t="shared" si="271"/>
        <v>1.1964555068821994</v>
      </c>
      <c r="DA60">
        <f t="shared" si="272"/>
        <v>1.1852495278079043</v>
      </c>
      <c r="DB60">
        <f t="shared" si="273"/>
        <v>1.1772473498703115</v>
      </c>
      <c r="DC60">
        <f t="shared" si="274"/>
        <v>1.1687599028160105</v>
      </c>
      <c r="DD60">
        <f t="shared" si="275"/>
        <v>1.1597245098567506</v>
      </c>
      <c r="DE60">
        <f t="shared" si="276"/>
        <v>1.1500655078485775</v>
      </c>
      <c r="DF60">
        <f t="shared" si="277"/>
        <v>1.1396903917470564</v>
      </c>
      <c r="DG60">
        <f t="shared" si="278"/>
        <v>1.1284844126727613</v>
      </c>
      <c r="DH60">
        <f t="shared" si="279"/>
        <v>1.1163028198942131</v>
      </c>
      <c r="DI60">
        <f t="shared" si="280"/>
        <v>1.1064163604842596</v>
      </c>
      <c r="DJ60">
        <f t="shared" si="281"/>
        <v>1.1029593947216076</v>
      </c>
      <c r="DK60">
        <f t="shared" si="282"/>
        <v>1.1029593947216076</v>
      </c>
      <c r="DL60" s="97">
        <f t="shared" si="283"/>
        <v>1.5000349036450102</v>
      </c>
      <c r="DM60">
        <f t="shared" si="284"/>
        <v>1.6252529110029454</v>
      </c>
      <c r="DN60">
        <f t="shared" si="285"/>
        <v>1.6102449033141575</v>
      </c>
      <c r="DO60">
        <f t="shared" si="286"/>
        <v>1.5995277007191671</v>
      </c>
      <c r="DP60">
        <f t="shared" si="287"/>
        <v>1.5881605841285855</v>
      </c>
      <c r="DQ60">
        <f t="shared" si="288"/>
        <v>1.5760596114152909</v>
      </c>
      <c r="DR60">
        <f t="shared" si="289"/>
        <v>1.5631234480114875</v>
      </c>
      <c r="DS60">
        <f t="shared" si="290"/>
        <v>1.5492282032326647</v>
      </c>
      <c r="DT60">
        <f t="shared" si="291"/>
        <v>1.5342201955438766</v>
      </c>
      <c r="DU60">
        <f t="shared" si="292"/>
        <v>1.5179055623583211</v>
      </c>
      <c r="DV60">
        <f t="shared" si="293"/>
        <v>1.5046647685057049</v>
      </c>
      <c r="DW60">
        <f t="shared" si="294"/>
        <v>1.5000349036450102</v>
      </c>
      <c r="DX60" s="98">
        <f t="shared" si="295"/>
        <v>1.5000349036450102</v>
      </c>
      <c r="DY60">
        <f t="shared" si="296"/>
        <v>1.0527062241310117</v>
      </c>
      <c r="DZ60">
        <f t="shared" si="297"/>
        <v>1.1946199658033383</v>
      </c>
      <c r="EA60">
        <f t="shared" si="298"/>
        <v>1.1776108904227118</v>
      </c>
      <c r="EB60">
        <f t="shared" si="299"/>
        <v>1.1654647274817227</v>
      </c>
      <c r="EC60">
        <f t="shared" si="300"/>
        <v>1.1525819953457304</v>
      </c>
      <c r="ED60">
        <f t="shared" si="301"/>
        <v>1.1388675596039965</v>
      </c>
      <c r="EE60">
        <f t="shared" si="302"/>
        <v>1.1242065744130194</v>
      </c>
      <c r="EF60">
        <f t="shared" si="303"/>
        <v>1.1084586303303534</v>
      </c>
      <c r="EG60">
        <f t="shared" si="304"/>
        <v>1.091449554949727</v>
      </c>
      <c r="EH60">
        <f t="shared" si="305"/>
        <v>1.0729596373394306</v>
      </c>
      <c r="EI60">
        <f t="shared" si="306"/>
        <v>1.0579534043064656</v>
      </c>
      <c r="EJ60">
        <f t="shared" si="307"/>
        <v>1.0527062241310117</v>
      </c>
      <c r="EK60">
        <f t="shared" si="308"/>
        <v>1.0527062241310117</v>
      </c>
      <c r="EL60" s="97">
        <f t="shared" si="309"/>
        <v>1.1554124482620232</v>
      </c>
      <c r="EM60">
        <f t="shared" si="310"/>
        <v>1.4392399316066766</v>
      </c>
      <c r="EN60">
        <f t="shared" si="311"/>
        <v>1.4052217808454237</v>
      </c>
      <c r="EO60">
        <f t="shared" si="312"/>
        <v>1.3809294549634457</v>
      </c>
      <c r="EP60">
        <f t="shared" si="313"/>
        <v>1.3551639906914608</v>
      </c>
      <c r="EQ60">
        <f t="shared" si="314"/>
        <v>1.3277351192079931</v>
      </c>
      <c r="ER60">
        <f t="shared" si="315"/>
        <v>1.2984131488260386</v>
      </c>
      <c r="ES60">
        <f t="shared" si="316"/>
        <v>1.2669172606607069</v>
      </c>
      <c r="ET60">
        <f t="shared" si="317"/>
        <v>1.2328991098994539</v>
      </c>
      <c r="EU60">
        <f t="shared" si="318"/>
        <v>1.1959192746788612</v>
      </c>
      <c r="EV60">
        <f t="shared" si="319"/>
        <v>1.1659068086129309</v>
      </c>
      <c r="EW60">
        <f t="shared" si="320"/>
        <v>1.1554124482620232</v>
      </c>
      <c r="EX60" s="98">
        <f t="shared" si="321"/>
        <v>1.1554124482620232</v>
      </c>
      <c r="EY60" s="97">
        <f t="shared" si="322"/>
        <v>0.90541244826202316</v>
      </c>
      <c r="EZ60">
        <f t="shared" si="323"/>
        <v>1.1892399316066766</v>
      </c>
      <c r="FA60">
        <f t="shared" si="324"/>
        <v>1.1552217808454237</v>
      </c>
      <c r="FB60">
        <f t="shared" si="325"/>
        <v>1.1309294549634457</v>
      </c>
      <c r="FC60">
        <f t="shared" si="326"/>
        <v>1.1051639906914608</v>
      </c>
      <c r="FD60">
        <f t="shared" si="327"/>
        <v>1.0777351192079931</v>
      </c>
      <c r="FE60">
        <f t="shared" si="328"/>
        <v>1.0484131488260386</v>
      </c>
      <c r="FF60">
        <f t="shared" si="329"/>
        <v>1.0169172606607069</v>
      </c>
      <c r="FG60">
        <f t="shared" si="330"/>
        <v>0.98289910989945395</v>
      </c>
      <c r="FH60">
        <f t="shared" si="331"/>
        <v>0.94591927467886117</v>
      </c>
      <c r="FI60">
        <f t="shared" si="332"/>
        <v>0.91590680861293094</v>
      </c>
      <c r="FJ60">
        <f t="shared" si="333"/>
        <v>0.90541244826202316</v>
      </c>
      <c r="FK60">
        <f t="shared" si="334"/>
        <v>0.90541244826202316</v>
      </c>
      <c r="FL60" s="126">
        <f t="shared" si="335"/>
        <v>0</v>
      </c>
      <c r="FM60" s="91">
        <f t="shared" si="336"/>
        <v>530.42745884872181</v>
      </c>
      <c r="FN60" s="91">
        <f t="shared" si="337"/>
        <v>2105.4967038640775</v>
      </c>
      <c r="FO60" s="91">
        <f t="shared" si="338"/>
        <v>3140.8783853907512</v>
      </c>
      <c r="FP60" s="91">
        <f t="shared" si="339"/>
        <v>4163.2780841290669</v>
      </c>
      <c r="FQ60" s="91">
        <f t="shared" si="340"/>
        <v>5171.4159417587434</v>
      </c>
      <c r="FR60" s="91">
        <f t="shared" si="341"/>
        <v>6163.7743677198268</v>
      </c>
      <c r="FS60" s="91">
        <f t="shared" si="342"/>
        <v>7138.5315425398894</v>
      </c>
      <c r="FT60" s="91">
        <f t="shared" si="343"/>
        <v>8093.4692367794933</v>
      </c>
      <c r="FU60" s="91">
        <f t="shared" si="344"/>
        <v>9025.8418431420796</v>
      </c>
      <c r="FV60" s="91">
        <f t="shared" si="345"/>
        <v>9708.2632682481672</v>
      </c>
      <c r="FW60" s="91">
        <f t="shared" si="346"/>
        <v>9932.1849101714652</v>
      </c>
      <c r="FX60" s="91">
        <f t="shared" si="347"/>
        <v>9932.1849101714652</v>
      </c>
      <c r="FY60" s="91">
        <f t="shared" si="348"/>
        <v>0</v>
      </c>
      <c r="FZ60" s="91">
        <f t="shared" si="349"/>
        <v>1.0333915738484798</v>
      </c>
      <c r="GA60" s="91">
        <f t="shared" si="350"/>
        <v>10.237128484086387</v>
      </c>
      <c r="GB60" s="91">
        <f t="shared" si="351"/>
        <v>21.086059621863122</v>
      </c>
      <c r="GC60" s="91">
        <f t="shared" si="352"/>
        <v>39.530556596725148</v>
      </c>
      <c r="GD60" s="91">
        <f t="shared" si="353"/>
        <v>63.055477092204661</v>
      </c>
      <c r="GE60" s="91">
        <f t="shared" si="354"/>
        <v>94.528176276574996</v>
      </c>
      <c r="GF60" s="91">
        <f t="shared" si="355"/>
        <v>142.0663847681345</v>
      </c>
      <c r="GG60" s="91">
        <f t="shared" si="356"/>
        <v>215.46818389775189</v>
      </c>
      <c r="GH60" s="91">
        <f t="shared" si="357"/>
        <v>348.12507680382197</v>
      </c>
      <c r="GI60" s="91">
        <f t="shared" si="358"/>
        <v>558.29501580450119</v>
      </c>
      <c r="GJ60" s="91">
        <f t="shared" si="359"/>
        <v>732.0460906634778</v>
      </c>
      <c r="GK60" s="127">
        <f t="shared" si="360"/>
        <v>6617.7563683296457</v>
      </c>
      <c r="GL60" s="126">
        <f t="shared" si="361"/>
        <v>0</v>
      </c>
      <c r="GM60" s="91">
        <f t="shared" si="362"/>
        <v>587.86561714554023</v>
      </c>
      <c r="GN60" s="91">
        <f t="shared" si="363"/>
        <v>2329.7484531391124</v>
      </c>
      <c r="GO60" s="91">
        <f t="shared" si="364"/>
        <v>3471.3637461300541</v>
      </c>
      <c r="GP60" s="91">
        <f t="shared" si="365"/>
        <v>4595.5924550294467</v>
      </c>
      <c r="GQ60" s="91">
        <f t="shared" si="366"/>
        <v>5700.7204838726238</v>
      </c>
      <c r="GR60" s="91">
        <f t="shared" si="367"/>
        <v>6784.7153453025066</v>
      </c>
      <c r="GS60" s="91">
        <f t="shared" si="368"/>
        <v>7845.1371025256667</v>
      </c>
      <c r="GT60" s="91">
        <f t="shared" si="369"/>
        <v>8879.0149125428543</v>
      </c>
      <c r="GU60" s="91">
        <f t="shared" si="370"/>
        <v>9882.6716227247525</v>
      </c>
      <c r="GV60" s="91">
        <f t="shared" si="371"/>
        <v>10612.836437058695</v>
      </c>
      <c r="GW60" s="91">
        <f t="shared" si="372"/>
        <v>10851.467342728256</v>
      </c>
      <c r="GX60" s="91">
        <f t="shared" si="373"/>
        <v>10851.467342728256</v>
      </c>
      <c r="GY60" s="91">
        <f t="shared" si="374"/>
        <v>0</v>
      </c>
      <c r="GZ60" s="91">
        <f t="shared" si="375"/>
        <v>1.0318061971475185</v>
      </c>
      <c r="HA60" s="91">
        <f t="shared" si="376"/>
        <v>10.171152746049025</v>
      </c>
      <c r="HB60" s="91">
        <f t="shared" si="377"/>
        <v>20.87501724558166</v>
      </c>
      <c r="HC60" s="91">
        <f t="shared" si="378"/>
        <v>38.983376901965229</v>
      </c>
      <c r="HD60" s="91">
        <f t="shared" si="379"/>
        <v>61.921462127703968</v>
      </c>
      <c r="HE60" s="91">
        <f t="shared" si="380"/>
        <v>92.402734028773494</v>
      </c>
      <c r="HF60" s="91">
        <f t="shared" si="381"/>
        <v>138.17323671095875</v>
      </c>
      <c r="HG60" s="91">
        <f t="shared" si="382"/>
        <v>208.39690010784645</v>
      </c>
      <c r="HH60" s="91">
        <f t="shared" si="383"/>
        <v>334.60827071241062</v>
      </c>
      <c r="HI60" s="91">
        <f t="shared" si="384"/>
        <v>533.84072549251391</v>
      </c>
      <c r="HJ60" s="91">
        <f t="shared" si="385"/>
        <v>698.69251731314068</v>
      </c>
      <c r="HK60" s="127">
        <f t="shared" si="386"/>
        <v>6316.23734478607</v>
      </c>
      <c r="HL60" s="126">
        <f t="shared" si="387"/>
        <v>0</v>
      </c>
      <c r="HM60" s="91">
        <f t="shared" si="388"/>
        <v>520.58339036743962</v>
      </c>
      <c r="HN60" s="91">
        <f t="shared" si="389"/>
        <v>2033.1151264655152</v>
      </c>
      <c r="HO60" s="91">
        <f t="shared" si="390"/>
        <v>2996.9524402534144</v>
      </c>
      <c r="HP60" s="91">
        <f t="shared" si="391"/>
        <v>3921.3801634338001</v>
      </c>
      <c r="HQ60" s="91">
        <f t="shared" si="392"/>
        <v>4802.5130118201014</v>
      </c>
      <c r="HR60" s="91">
        <f t="shared" si="393"/>
        <v>5635.7440140695981</v>
      </c>
      <c r="HS60" s="91">
        <f t="shared" si="394"/>
        <v>6415.5426467838597</v>
      </c>
      <c r="HT60" s="91">
        <f t="shared" si="395"/>
        <v>7135.174999164582</v>
      </c>
      <c r="HU60" s="91">
        <f t="shared" si="396"/>
        <v>7786.3061919186457</v>
      </c>
      <c r="HV60" s="91">
        <f t="shared" si="397"/>
        <v>8223.4784249985696</v>
      </c>
      <c r="HW60" s="91">
        <f t="shared" si="398"/>
        <v>8358.4191402683518</v>
      </c>
      <c r="HX60" s="91">
        <f t="shared" si="399"/>
        <v>8358.4191402683518</v>
      </c>
      <c r="HY60" s="91">
        <f t="shared" si="400"/>
        <v>0</v>
      </c>
      <c r="HZ60" s="91">
        <f t="shared" si="401"/>
        <v>1.0271594033688394</v>
      </c>
      <c r="IA60" s="91">
        <f t="shared" si="402"/>
        <v>9.9777755828360686</v>
      </c>
      <c r="IB60" s="91">
        <f t="shared" si="403"/>
        <v>20.256444763377388</v>
      </c>
      <c r="IC60" s="91">
        <f t="shared" si="404"/>
        <v>37.379574348358581</v>
      </c>
      <c r="ID60" s="91">
        <f t="shared" si="405"/>
        <v>58.597625162788141</v>
      </c>
      <c r="IE60" s="91">
        <f t="shared" si="406"/>
        <v>86.17298950935529</v>
      </c>
      <c r="IF60" s="91">
        <f t="shared" si="407"/>
        <v>126.76228550889196</v>
      </c>
      <c r="IG60" s="91">
        <f t="shared" si="408"/>
        <v>187.67072348226159</v>
      </c>
      <c r="IH60" s="91">
        <f t="shared" si="409"/>
        <v>294.99004596172227</v>
      </c>
      <c r="II60" s="91">
        <f t="shared" si="410"/>
        <v>462.16435733668919</v>
      </c>
      <c r="IJ60" s="91">
        <f t="shared" si="411"/>
        <v>600.93204370008323</v>
      </c>
      <c r="IK60" s="127">
        <f t="shared" si="412"/>
        <v>5432.4746895721391</v>
      </c>
    </row>
    <row r="61" spans="2:245" x14ac:dyDescent="0.2">
      <c r="B61" s="79">
        <f t="shared" si="188"/>
        <v>-50.5</v>
      </c>
      <c r="C61" s="73">
        <f>'p-y mono_clay'!C61</f>
        <v>35</v>
      </c>
      <c r="D61" s="64">
        <f>'p-y mono_clay'!D61</f>
        <v>34.984000000000002</v>
      </c>
      <c r="E61" s="64" t="str">
        <f>'p-y mono_clay'!E61</f>
        <v>CLAY</v>
      </c>
      <c r="F61" s="55">
        <f>VLOOKUP($C61, 'Pile Property'!$A$8:$D$108,2,TRUE)</f>
        <v>2</v>
      </c>
      <c r="G61" s="102">
        <f>'p-y mono_clay'!Z61</f>
        <v>10427.022951714589</v>
      </c>
      <c r="H61" s="199">
        <f>'p-y mono_clay'!AM61</f>
        <v>0</v>
      </c>
      <c r="I61" s="55">
        <f>'p-y mono_clay'!AN61</f>
        <v>0.96886588895352799</v>
      </c>
      <c r="J61" s="55">
        <f>'p-y mono_clay'!AO61</f>
        <v>9.6886588895352812</v>
      </c>
      <c r="K61" s="55">
        <f>'p-y mono_clay'!AP61</f>
        <v>21.065976668605838</v>
      </c>
      <c r="L61" s="55">
        <f>'p-y mono_clay'!AQ61</f>
        <v>40.131953337211684</v>
      </c>
      <c r="M61" s="55">
        <f>'p-y mono_clay'!AR61</f>
        <v>64.886588895352801</v>
      </c>
      <c r="N61" s="55">
        <f>'p-y mono_clay'!AS61</f>
        <v>99.018542232564471</v>
      </c>
      <c r="O61" s="55">
        <f>'p-y mono_clay'!AT61</f>
        <v>148.83915445931143</v>
      </c>
      <c r="P61" s="55">
        <f>'p-y mono_clay'!AU61</f>
        <v>228.79172002327007</v>
      </c>
      <c r="Q61" s="55">
        <f>'p-y mono_clay'!AV61</f>
        <v>364.43294447676402</v>
      </c>
      <c r="R61" s="55">
        <f>'p-y mono_clay'!AW61</f>
        <v>578.20612226746948</v>
      </c>
      <c r="S61" s="55">
        <f>'p-y mono_clay'!AX61</f>
        <v>768.86588895352804</v>
      </c>
      <c r="T61" s="200">
        <f>'p-y mono_clay'!AY61</f>
        <v>6000</v>
      </c>
      <c r="U61" s="199">
        <f>'p-y mono_clay'!AZ61</f>
        <v>0</v>
      </c>
      <c r="V61" s="55">
        <f>'p-y mono_clay'!BA61</f>
        <v>521.35114758572945</v>
      </c>
      <c r="W61" s="55">
        <f>'p-y mono_clay'!BB61</f>
        <v>2085.4045903429178</v>
      </c>
      <c r="X61" s="55">
        <f>'p-y mono_clay'!BC61</f>
        <v>3128.1068855143767</v>
      </c>
      <c r="Y61" s="55">
        <f>'p-y mono_clay'!BD61</f>
        <v>4170.8091806858356</v>
      </c>
      <c r="Z61" s="55">
        <f>'p-y mono_clay'!BE61</f>
        <v>5213.5114758572945</v>
      </c>
      <c r="AA61" s="55">
        <f>'p-y mono_clay'!BF61</f>
        <v>6256.2137710287534</v>
      </c>
      <c r="AB61" s="55">
        <f>'p-y mono_clay'!BG61</f>
        <v>7298.9160662002114</v>
      </c>
      <c r="AC61" s="55">
        <f>'p-y mono_clay'!BH61</f>
        <v>8341.6183613716712</v>
      </c>
      <c r="AD61" s="55">
        <f>'p-y mono_clay'!BI61</f>
        <v>9384.3206565431301</v>
      </c>
      <c r="AE61" s="55">
        <f>'p-y mono_clay'!BJ61</f>
        <v>10166.347377921724</v>
      </c>
      <c r="AF61" s="55">
        <f>'p-y mono_clay'!BK61</f>
        <v>10427.022951714589</v>
      </c>
      <c r="AG61" s="200">
        <f>'p-y mono_clay'!BL61</f>
        <v>10427.022951714589</v>
      </c>
      <c r="AH61">
        <f t="shared" si="205"/>
        <v>30</v>
      </c>
      <c r="AI61">
        <v>0</v>
      </c>
      <c r="AJ61">
        <f t="shared" si="206"/>
        <v>-0.95</v>
      </c>
      <c r="AK61">
        <f t="shared" si="207"/>
        <v>-0.8</v>
      </c>
      <c r="AL61">
        <f t="shared" si="208"/>
        <v>-0.7</v>
      </c>
      <c r="AM61">
        <f t="shared" si="209"/>
        <v>-0.6</v>
      </c>
      <c r="AN61">
        <f t="shared" si="210"/>
        <v>-0.5</v>
      </c>
      <c r="AO61">
        <f t="shared" si="211"/>
        <v>-0.4</v>
      </c>
      <c r="AP61">
        <f t="shared" si="212"/>
        <v>-0.30000000000000004</v>
      </c>
      <c r="AQ61">
        <f t="shared" si="213"/>
        <v>-0.19999999999999996</v>
      </c>
      <c r="AR61">
        <f t="shared" si="214"/>
        <v>-9.9999999999999978E-2</v>
      </c>
      <c r="AS61">
        <f t="shared" si="215"/>
        <v>-2.5000000000000022E-2</v>
      </c>
      <c r="AT61">
        <f t="shared" si="216"/>
        <v>0</v>
      </c>
      <c r="AU61">
        <f t="shared" si="217"/>
        <v>0</v>
      </c>
      <c r="AV61">
        <v>1</v>
      </c>
      <c r="AW61">
        <v>1.25</v>
      </c>
      <c r="AX61">
        <v>2.5</v>
      </c>
      <c r="AY61" s="162">
        <f t="shared" si="218"/>
        <v>2</v>
      </c>
      <c r="AZ61" s="162">
        <f t="shared" si="219"/>
        <v>1.0256410256410258</v>
      </c>
      <c r="BA61" s="162">
        <f t="shared" si="220"/>
        <v>1.1111111111111112</v>
      </c>
      <c r="BB61" s="162">
        <f t="shared" si="221"/>
        <v>1.1764705882352942</v>
      </c>
      <c r="BC61" s="162">
        <f t="shared" si="222"/>
        <v>1.25</v>
      </c>
      <c r="BD61" s="162">
        <f t="shared" si="223"/>
        <v>1.3333333333333333</v>
      </c>
      <c r="BE61" s="162">
        <f t="shared" si="224"/>
        <v>1.4285714285714286</v>
      </c>
      <c r="BF61" s="162">
        <f t="shared" si="225"/>
        <v>1.5384615384615383</v>
      </c>
      <c r="BG61" s="162">
        <f t="shared" si="226"/>
        <v>1.6666666666666667</v>
      </c>
      <c r="BH61" s="162">
        <f t="shared" si="227"/>
        <v>1.8181818181818181</v>
      </c>
      <c r="BI61" s="162">
        <f t="shared" si="228"/>
        <v>1.9512195121951221</v>
      </c>
      <c r="BJ61" s="162">
        <f t="shared" si="229"/>
        <v>2</v>
      </c>
      <c r="BK61" s="162">
        <f t="shared" si="230"/>
        <v>2</v>
      </c>
      <c r="BL61" s="162">
        <f t="shared" si="231"/>
        <v>2.3784142300054421</v>
      </c>
      <c r="BM61" s="162">
        <f t="shared" si="232"/>
        <v>1.0321533592882333</v>
      </c>
      <c r="BN61" s="162">
        <f t="shared" si="233"/>
        <v>1.1407667734226012</v>
      </c>
      <c r="BO61" s="162">
        <f t="shared" si="234"/>
        <v>1.2252546033521698</v>
      </c>
      <c r="BP61" s="162">
        <f t="shared" si="235"/>
        <v>1.3217140793007052</v>
      </c>
      <c r="BQ61" s="162">
        <f t="shared" si="236"/>
        <v>1.4327599090980556</v>
      </c>
      <c r="BR61" s="162">
        <f t="shared" si="237"/>
        <v>1.5618073056129906</v>
      </c>
      <c r="BS61" s="162">
        <f t="shared" si="238"/>
        <v>1.7133981916233565</v>
      </c>
      <c r="BT61" s="162">
        <f t="shared" si="239"/>
        <v>1.8936989441124989</v>
      </c>
      <c r="BU61" s="162">
        <f t="shared" si="240"/>
        <v>2.1112839107574066</v>
      </c>
      <c r="BV61" s="162">
        <f t="shared" si="241"/>
        <v>2.3061240387292958</v>
      </c>
      <c r="BW61" s="162">
        <f t="shared" si="242"/>
        <v>2.3784142300054421</v>
      </c>
      <c r="BX61" s="162">
        <f t="shared" si="243"/>
        <v>2.3784142300054421</v>
      </c>
      <c r="BY61" s="162">
        <f t="shared" si="244"/>
        <v>5.6568542494923806</v>
      </c>
      <c r="BZ61" s="162">
        <f t="shared" si="245"/>
        <v>1.065340557089985</v>
      </c>
      <c r="CA61" s="162">
        <f t="shared" si="246"/>
        <v>1.3013488313450123</v>
      </c>
      <c r="CB61" s="162">
        <f t="shared" si="247"/>
        <v>1.501248843035683</v>
      </c>
      <c r="CC61" s="162">
        <f t="shared" si="248"/>
        <v>1.7469281074217107</v>
      </c>
      <c r="CD61" s="162">
        <f t="shared" si="249"/>
        <v>2.0528009571186687</v>
      </c>
      <c r="CE61" s="162">
        <f t="shared" si="250"/>
        <v>2.4392420598661095</v>
      </c>
      <c r="CF61" s="162">
        <f t="shared" si="251"/>
        <v>2.9357333630581879</v>
      </c>
      <c r="CG61" s="162">
        <f t="shared" si="252"/>
        <v>3.5860956909327935</v>
      </c>
      <c r="CH61" s="162">
        <f t="shared" si="253"/>
        <v>4.4575197518230878</v>
      </c>
      <c r="CI61" s="162">
        <f t="shared" si="254"/>
        <v>5.3182080820051185</v>
      </c>
      <c r="CJ61" s="162">
        <f t="shared" si="255"/>
        <v>5.6568542494923806</v>
      </c>
      <c r="CK61" s="162">
        <f t="shared" si="256"/>
        <v>5.6568542494923806</v>
      </c>
      <c r="CL61">
        <f t="shared" si="257"/>
        <v>1.3729593947216077</v>
      </c>
      <c r="CM61">
        <f t="shared" si="258"/>
        <v>1.4664555068821994</v>
      </c>
      <c r="CN61">
        <f t="shared" si="259"/>
        <v>1.4552495278079043</v>
      </c>
      <c r="CO61">
        <f t="shared" si="260"/>
        <v>1.4472473498703116</v>
      </c>
      <c r="CP61">
        <f t="shared" si="261"/>
        <v>1.4387599028160105</v>
      </c>
      <c r="CQ61">
        <f t="shared" si="262"/>
        <v>1.4297245098567506</v>
      </c>
      <c r="CR61">
        <f t="shared" si="263"/>
        <v>1.4200655078485775</v>
      </c>
      <c r="CS61">
        <f t="shared" si="264"/>
        <v>1.4096903917470565</v>
      </c>
      <c r="CT61">
        <f t="shared" si="265"/>
        <v>1.3984844126727614</v>
      </c>
      <c r="CU61">
        <f t="shared" si="266"/>
        <v>1.3863028198942131</v>
      </c>
      <c r="CV61">
        <f t="shared" si="267"/>
        <v>1.3764163604842596</v>
      </c>
      <c r="CW61">
        <f t="shared" si="268"/>
        <v>1.3729593947216077</v>
      </c>
      <c r="CX61" s="98">
        <f t="shared" si="269"/>
        <v>1.3729593947216077</v>
      </c>
      <c r="CY61">
        <f t="shared" si="270"/>
        <v>1.1029593947216076</v>
      </c>
      <c r="CZ61">
        <f t="shared" si="271"/>
        <v>1.1964555068821994</v>
      </c>
      <c r="DA61">
        <f t="shared" si="272"/>
        <v>1.1852495278079043</v>
      </c>
      <c r="DB61">
        <f t="shared" si="273"/>
        <v>1.1772473498703115</v>
      </c>
      <c r="DC61">
        <f t="shared" si="274"/>
        <v>1.1687599028160105</v>
      </c>
      <c r="DD61">
        <f t="shared" si="275"/>
        <v>1.1597245098567506</v>
      </c>
      <c r="DE61">
        <f t="shared" si="276"/>
        <v>1.1500655078485775</v>
      </c>
      <c r="DF61">
        <f t="shared" si="277"/>
        <v>1.1396903917470564</v>
      </c>
      <c r="DG61">
        <f t="shared" si="278"/>
        <v>1.1284844126727613</v>
      </c>
      <c r="DH61">
        <f t="shared" si="279"/>
        <v>1.1163028198942131</v>
      </c>
      <c r="DI61">
        <f t="shared" si="280"/>
        <v>1.1064163604842596</v>
      </c>
      <c r="DJ61">
        <f t="shared" si="281"/>
        <v>1.1029593947216076</v>
      </c>
      <c r="DK61">
        <f t="shared" si="282"/>
        <v>1.1029593947216076</v>
      </c>
      <c r="DL61" s="97">
        <f t="shared" si="283"/>
        <v>1.5000349036450102</v>
      </c>
      <c r="DM61">
        <f t="shared" si="284"/>
        <v>1.6252529110029454</v>
      </c>
      <c r="DN61">
        <f t="shared" si="285"/>
        <v>1.6102449033141575</v>
      </c>
      <c r="DO61">
        <f t="shared" si="286"/>
        <v>1.5995277007191671</v>
      </c>
      <c r="DP61">
        <f t="shared" si="287"/>
        <v>1.5881605841285855</v>
      </c>
      <c r="DQ61">
        <f t="shared" si="288"/>
        <v>1.5760596114152909</v>
      </c>
      <c r="DR61">
        <f t="shared" si="289"/>
        <v>1.5631234480114875</v>
      </c>
      <c r="DS61">
        <f t="shared" si="290"/>
        <v>1.5492282032326647</v>
      </c>
      <c r="DT61">
        <f t="shared" si="291"/>
        <v>1.5342201955438766</v>
      </c>
      <c r="DU61">
        <f t="shared" si="292"/>
        <v>1.5179055623583211</v>
      </c>
      <c r="DV61">
        <f t="shared" si="293"/>
        <v>1.5046647685057049</v>
      </c>
      <c r="DW61">
        <f t="shared" si="294"/>
        <v>1.5000349036450102</v>
      </c>
      <c r="DX61" s="98">
        <f t="shared" si="295"/>
        <v>1.5000349036450102</v>
      </c>
      <c r="DY61">
        <f t="shared" si="296"/>
        <v>1.0527062241310117</v>
      </c>
      <c r="DZ61">
        <f t="shared" si="297"/>
        <v>1.1946199658033383</v>
      </c>
      <c r="EA61">
        <f t="shared" si="298"/>
        <v>1.1776108904227118</v>
      </c>
      <c r="EB61">
        <f t="shared" si="299"/>
        <v>1.1654647274817227</v>
      </c>
      <c r="EC61">
        <f t="shared" si="300"/>
        <v>1.1525819953457304</v>
      </c>
      <c r="ED61">
        <f t="shared" si="301"/>
        <v>1.1388675596039965</v>
      </c>
      <c r="EE61">
        <f t="shared" si="302"/>
        <v>1.1242065744130194</v>
      </c>
      <c r="EF61">
        <f t="shared" si="303"/>
        <v>1.1084586303303534</v>
      </c>
      <c r="EG61">
        <f t="shared" si="304"/>
        <v>1.091449554949727</v>
      </c>
      <c r="EH61">
        <f t="shared" si="305"/>
        <v>1.0729596373394306</v>
      </c>
      <c r="EI61">
        <f t="shared" si="306"/>
        <v>1.0579534043064656</v>
      </c>
      <c r="EJ61">
        <f t="shared" si="307"/>
        <v>1.0527062241310117</v>
      </c>
      <c r="EK61">
        <f t="shared" si="308"/>
        <v>1.0527062241310117</v>
      </c>
      <c r="EL61" s="97">
        <f t="shared" si="309"/>
        <v>1.1554124482620232</v>
      </c>
      <c r="EM61">
        <f t="shared" si="310"/>
        <v>1.4392399316066766</v>
      </c>
      <c r="EN61">
        <f t="shared" si="311"/>
        <v>1.4052217808454237</v>
      </c>
      <c r="EO61">
        <f t="shared" si="312"/>
        <v>1.3809294549634457</v>
      </c>
      <c r="EP61">
        <f t="shared" si="313"/>
        <v>1.3551639906914608</v>
      </c>
      <c r="EQ61">
        <f t="shared" si="314"/>
        <v>1.3277351192079931</v>
      </c>
      <c r="ER61">
        <f t="shared" si="315"/>
        <v>1.2984131488260386</v>
      </c>
      <c r="ES61">
        <f t="shared" si="316"/>
        <v>1.2669172606607069</v>
      </c>
      <c r="ET61">
        <f t="shared" si="317"/>
        <v>1.2328991098994539</v>
      </c>
      <c r="EU61">
        <f t="shared" si="318"/>
        <v>1.1959192746788612</v>
      </c>
      <c r="EV61">
        <f t="shared" si="319"/>
        <v>1.1659068086129309</v>
      </c>
      <c r="EW61">
        <f t="shared" si="320"/>
        <v>1.1554124482620232</v>
      </c>
      <c r="EX61" s="98">
        <f t="shared" si="321"/>
        <v>1.1554124482620232</v>
      </c>
      <c r="EY61" s="97">
        <f t="shared" si="322"/>
        <v>0.90541244826202316</v>
      </c>
      <c r="EZ61">
        <f t="shared" si="323"/>
        <v>1.1892399316066766</v>
      </c>
      <c r="FA61">
        <f t="shared" si="324"/>
        <v>1.1552217808454237</v>
      </c>
      <c r="FB61">
        <f t="shared" si="325"/>
        <v>1.1309294549634457</v>
      </c>
      <c r="FC61">
        <f t="shared" si="326"/>
        <v>1.1051639906914608</v>
      </c>
      <c r="FD61">
        <f t="shared" si="327"/>
        <v>1.0777351192079931</v>
      </c>
      <c r="FE61">
        <f t="shared" si="328"/>
        <v>1.0484131488260386</v>
      </c>
      <c r="FF61">
        <f t="shared" si="329"/>
        <v>1.0169172606607069</v>
      </c>
      <c r="FG61">
        <f t="shared" si="330"/>
        <v>0.98289910989945395</v>
      </c>
      <c r="FH61">
        <f t="shared" si="331"/>
        <v>0.94591927467886117</v>
      </c>
      <c r="FI61">
        <f t="shared" si="332"/>
        <v>0.91590680861293094</v>
      </c>
      <c r="FJ61">
        <f t="shared" si="333"/>
        <v>0.90541244826202316</v>
      </c>
      <c r="FK61">
        <f t="shared" si="334"/>
        <v>0.90541244826202316</v>
      </c>
      <c r="FL61" s="126">
        <f t="shared" si="335"/>
        <v>0</v>
      </c>
      <c r="FM61" s="91">
        <f t="shared" si="336"/>
        <v>764.53826139644718</v>
      </c>
      <c r="FN61" s="91">
        <f t="shared" si="337"/>
        <v>3034.7840453849672</v>
      </c>
      <c r="FO61" s="91">
        <f t="shared" si="338"/>
        <v>4527.1444001717555</v>
      </c>
      <c r="FP61" s="91">
        <f t="shared" si="339"/>
        <v>6000.7930114676774</v>
      </c>
      <c r="FQ61" s="91">
        <f t="shared" si="340"/>
        <v>7453.8851394526146</v>
      </c>
      <c r="FR61" s="91">
        <f t="shared" si="341"/>
        <v>8884.2333859652117</v>
      </c>
      <c r="FS61" s="91">
        <f t="shared" si="342"/>
        <v>10289.21184869066</v>
      </c>
      <c r="FT61" s="91">
        <f t="shared" si="343"/>
        <v>11665.623254843184</v>
      </c>
      <c r="FU61" s="91">
        <f t="shared" si="344"/>
        <v>13009.510188957254</v>
      </c>
      <c r="FV61" s="91">
        <f t="shared" si="345"/>
        <v>13993.126857337715</v>
      </c>
      <c r="FW61" s="91">
        <f t="shared" si="346"/>
        <v>14315.879120534373</v>
      </c>
      <c r="FX61" s="91">
        <f t="shared" si="347"/>
        <v>14315.879120534373</v>
      </c>
      <c r="FY61" s="91">
        <f t="shared" si="348"/>
        <v>0</v>
      </c>
      <c r="FZ61" s="91">
        <f t="shared" si="349"/>
        <v>1.159204928268766</v>
      </c>
      <c r="GA61" s="91">
        <f t="shared" si="350"/>
        <v>11.483478373913545</v>
      </c>
      <c r="GB61" s="91">
        <f t="shared" si="351"/>
        <v>24.799865205546038</v>
      </c>
      <c r="GC61" s="91">
        <f t="shared" si="352"/>
        <v>46.904617882216193</v>
      </c>
      <c r="GD61" s="91">
        <f t="shared" si="353"/>
        <v>75.250567502939504</v>
      </c>
      <c r="GE61" s="91">
        <f t="shared" si="354"/>
        <v>113.87781005912008</v>
      </c>
      <c r="GF61" s="91">
        <f t="shared" si="355"/>
        <v>169.6305542530333</v>
      </c>
      <c r="GG61" s="91">
        <f t="shared" si="356"/>
        <v>258.18788979485078</v>
      </c>
      <c r="GH61" s="91">
        <f t="shared" si="357"/>
        <v>406.81752358176288</v>
      </c>
      <c r="GI61" s="91">
        <f t="shared" si="358"/>
        <v>639.73671340889041</v>
      </c>
      <c r="GJ61" s="91">
        <f t="shared" si="359"/>
        <v>848.02785550227406</v>
      </c>
      <c r="GK61" s="127">
        <f t="shared" si="360"/>
        <v>6617.7563683296457</v>
      </c>
      <c r="GL61" s="126">
        <f t="shared" si="361"/>
        <v>0</v>
      </c>
      <c r="GM61" s="91">
        <f t="shared" si="362"/>
        <v>847.32747026843299</v>
      </c>
      <c r="GN61" s="91">
        <f t="shared" si="363"/>
        <v>3358.012112947632</v>
      </c>
      <c r="GO61" s="91">
        <f t="shared" si="364"/>
        <v>5003.4936141906055</v>
      </c>
      <c r="GP61" s="91">
        <f t="shared" si="365"/>
        <v>6623.9147446868838</v>
      </c>
      <c r="GQ61" s="91">
        <f t="shared" si="366"/>
        <v>8216.8048707488069</v>
      </c>
      <c r="GR61" s="91">
        <f t="shared" si="367"/>
        <v>9779.2344412674156</v>
      </c>
      <c r="GS61" s="91">
        <f t="shared" si="368"/>
        <v>11307.686622785382</v>
      </c>
      <c r="GT61" s="91">
        <f t="shared" si="369"/>
        <v>12797.879353536036</v>
      </c>
      <c r="GU61" s="91">
        <f t="shared" si="370"/>
        <v>14244.512523520909</v>
      </c>
      <c r="GV61" s="91">
        <f t="shared" si="371"/>
        <v>15296.944723949169</v>
      </c>
      <c r="GW61" s="91">
        <f t="shared" si="372"/>
        <v>15640.898368679504</v>
      </c>
      <c r="GX61" s="91">
        <f t="shared" si="373"/>
        <v>15640.898368679504</v>
      </c>
      <c r="GY61" s="91">
        <f t="shared" si="374"/>
        <v>0</v>
      </c>
      <c r="GZ61" s="91">
        <f t="shared" si="375"/>
        <v>1.1574265351296846</v>
      </c>
      <c r="HA61" s="91">
        <f t="shared" si="376"/>
        <v>11.409470221907565</v>
      </c>
      <c r="HB61" s="91">
        <f t="shared" si="377"/>
        <v>24.551652757213031</v>
      </c>
      <c r="HC61" s="91">
        <f t="shared" si="378"/>
        <v>46.255366854525185</v>
      </c>
      <c r="HD61" s="91">
        <f t="shared" si="379"/>
        <v>73.89723114627823</v>
      </c>
      <c r="HE61" s="91">
        <f t="shared" si="380"/>
        <v>111.31729616664219</v>
      </c>
      <c r="HF61" s="91">
        <f t="shared" si="381"/>
        <v>164.98204529149626</v>
      </c>
      <c r="HG61" s="91">
        <f t="shared" si="382"/>
        <v>249.71462099558065</v>
      </c>
      <c r="HH61" s="91">
        <f t="shared" si="383"/>
        <v>391.02183994032958</v>
      </c>
      <c r="HI61" s="91">
        <f t="shared" si="384"/>
        <v>611.71513544370976</v>
      </c>
      <c r="HJ61" s="91">
        <f t="shared" si="385"/>
        <v>809.38990682340227</v>
      </c>
      <c r="HK61" s="127">
        <f t="shared" si="386"/>
        <v>6316.23734478607</v>
      </c>
      <c r="HL61" s="126">
        <f t="shared" si="387"/>
        <v>0</v>
      </c>
      <c r="HM61" s="91">
        <f t="shared" si="388"/>
        <v>750.34938999434758</v>
      </c>
      <c r="HN61" s="91">
        <f t="shared" si="389"/>
        <v>2930.4559522248965</v>
      </c>
      <c r="HO61" s="91">
        <f t="shared" si="390"/>
        <v>4319.6949364807697</v>
      </c>
      <c r="HP61" s="91">
        <f t="shared" si="391"/>
        <v>5652.1304137107991</v>
      </c>
      <c r="HQ61" s="91">
        <f t="shared" si="392"/>
        <v>6922.1622808896254</v>
      </c>
      <c r="HR61" s="91">
        <f t="shared" si="393"/>
        <v>8123.1502221702694</v>
      </c>
      <c r="HS61" s="91">
        <f t="shared" si="394"/>
        <v>9247.1227483827952</v>
      </c>
      <c r="HT61" s="91">
        <f t="shared" si="395"/>
        <v>10284.373852856075</v>
      </c>
      <c r="HU61" s="91">
        <f t="shared" si="396"/>
        <v>11222.889952926915</v>
      </c>
      <c r="HV61" s="91">
        <f t="shared" si="397"/>
        <v>11853.013626643156</v>
      </c>
      <c r="HW61" s="91">
        <f t="shared" si="398"/>
        <v>12047.51211672486</v>
      </c>
      <c r="HX61" s="91">
        <f t="shared" si="399"/>
        <v>12047.51211672486</v>
      </c>
      <c r="HY61" s="91">
        <f t="shared" si="400"/>
        <v>0</v>
      </c>
      <c r="HZ61" s="91">
        <f t="shared" si="401"/>
        <v>1.1522140035151356</v>
      </c>
      <c r="IA61" s="91">
        <f t="shared" si="402"/>
        <v>11.192549776372793</v>
      </c>
      <c r="IB61" s="91">
        <f t="shared" si="403"/>
        <v>23.824133512099063</v>
      </c>
      <c r="IC61" s="91">
        <f t="shared" si="404"/>
        <v>44.352389704396352</v>
      </c>
      <c r="ID61" s="91">
        <f t="shared" si="405"/>
        <v>69.930555618133099</v>
      </c>
      <c r="IE61" s="91">
        <f t="shared" si="406"/>
        <v>103.812341654207</v>
      </c>
      <c r="IF61" s="91">
        <f t="shared" si="407"/>
        <v>151.35710523181882</v>
      </c>
      <c r="IG61" s="91">
        <f t="shared" si="408"/>
        <v>224.87917796323723</v>
      </c>
      <c r="IH61" s="91">
        <f t="shared" si="409"/>
        <v>344.72414650854233</v>
      </c>
      <c r="II61" s="91">
        <f t="shared" si="410"/>
        <v>529.58292416645611</v>
      </c>
      <c r="IJ61" s="91">
        <f t="shared" si="411"/>
        <v>696.14074690257064</v>
      </c>
      <c r="IK61" s="127">
        <f t="shared" si="412"/>
        <v>5432.4746895721391</v>
      </c>
    </row>
    <row r="62" spans="2:245" x14ac:dyDescent="0.2">
      <c r="B62" s="79">
        <f t="shared" si="188"/>
        <v>-51.5</v>
      </c>
      <c r="C62" s="73">
        <f>'p-y mono_clay'!C62</f>
        <v>36</v>
      </c>
      <c r="D62" s="64">
        <f>'p-y mono_clay'!D62</f>
        <v>35.993000000000002</v>
      </c>
      <c r="E62" s="64" t="str">
        <f>'p-y mono_clay'!E62</f>
        <v>CLAY</v>
      </c>
      <c r="F62" s="55">
        <f>VLOOKUP($C62, 'Pile Property'!$A$8:$D$108,2,TRUE)</f>
        <v>2</v>
      </c>
      <c r="G62" s="102">
        <f>'p-y mono_clay'!Z62</f>
        <v>7824.8005545014366</v>
      </c>
      <c r="H62" s="199">
        <f>'p-y mono_clay'!AM62</f>
        <v>0</v>
      </c>
      <c r="I62" s="55">
        <f>'p-y mono_clay'!AN62</f>
        <v>0.86956148669071187</v>
      </c>
      <c r="J62" s="55">
        <f>'p-y mono_clay'!AO62</f>
        <v>8.6956148669071194</v>
      </c>
      <c r="K62" s="55">
        <f>'p-y mono_clay'!AP62</f>
        <v>18.086844600721353</v>
      </c>
      <c r="L62" s="55">
        <f>'p-y mono_clay'!AQ62</f>
        <v>34.17368920144272</v>
      </c>
      <c r="M62" s="55">
        <f>'p-y mono_clay'!AR62</f>
        <v>54.956148669071183</v>
      </c>
      <c r="N62" s="55">
        <f>'p-y mono_clay'!AS62</f>
        <v>83.129837870513896</v>
      </c>
      <c r="O62" s="55">
        <f>'p-y mono_clay'!AT62</f>
        <v>125.99914193886374</v>
      </c>
      <c r="P62" s="55">
        <f>'p-y mono_clay'!AU62</f>
        <v>193.04213520865628</v>
      </c>
      <c r="Q62" s="55">
        <f>'p-y mono_clay'!AV62</f>
        <v>314.78074334535592</v>
      </c>
      <c r="R62" s="55">
        <f>'p-y mono_clay'!AW62</f>
        <v>508.69304068349828</v>
      </c>
      <c r="S62" s="55">
        <f>'p-y mono_clay'!AX62</f>
        <v>669.56148669071183</v>
      </c>
      <c r="T62" s="200">
        <f>'p-y mono_clay'!AY62</f>
        <v>6000</v>
      </c>
      <c r="U62" s="199">
        <f>'p-y mono_clay'!AZ62</f>
        <v>0</v>
      </c>
      <c r="V62" s="55">
        <f>'p-y mono_clay'!BA62</f>
        <v>391.24002772507185</v>
      </c>
      <c r="W62" s="55">
        <f>'p-y mono_clay'!BB62</f>
        <v>1564.9601109002874</v>
      </c>
      <c r="X62" s="55">
        <f>'p-y mono_clay'!BC62</f>
        <v>2347.4401663504309</v>
      </c>
      <c r="Y62" s="55">
        <f>'p-y mono_clay'!BD62</f>
        <v>3129.9202218005748</v>
      </c>
      <c r="Z62" s="55">
        <f>'p-y mono_clay'!BE62</f>
        <v>3912.4002772507183</v>
      </c>
      <c r="AA62" s="55">
        <f>'p-y mono_clay'!BF62</f>
        <v>4694.8803327008618</v>
      </c>
      <c r="AB62" s="55">
        <f>'p-y mono_clay'!BG62</f>
        <v>5477.3603881510053</v>
      </c>
      <c r="AC62" s="55">
        <f>'p-y mono_clay'!BH62</f>
        <v>6259.8404436011497</v>
      </c>
      <c r="AD62" s="55">
        <f>'p-y mono_clay'!BI62</f>
        <v>7042.3204990512932</v>
      </c>
      <c r="AE62" s="55">
        <f>'p-y mono_clay'!BJ62</f>
        <v>7629.1805406389003</v>
      </c>
      <c r="AF62" s="55">
        <f>'p-y mono_clay'!BK62</f>
        <v>7824.8005545014366</v>
      </c>
      <c r="AG62" s="200">
        <f>'p-y mono_clay'!BL62</f>
        <v>7824.8005545014366</v>
      </c>
      <c r="AH62">
        <f t="shared" si="205"/>
        <v>30</v>
      </c>
      <c r="AI62">
        <v>0</v>
      </c>
      <c r="AJ62">
        <f t="shared" si="206"/>
        <v>-0.95</v>
      </c>
      <c r="AK62">
        <f t="shared" si="207"/>
        <v>-0.8</v>
      </c>
      <c r="AL62">
        <f t="shared" si="208"/>
        <v>-0.7</v>
      </c>
      <c r="AM62">
        <f t="shared" si="209"/>
        <v>-0.6</v>
      </c>
      <c r="AN62">
        <f t="shared" si="210"/>
        <v>-0.5</v>
      </c>
      <c r="AO62">
        <f t="shared" si="211"/>
        <v>-0.4</v>
      </c>
      <c r="AP62">
        <f t="shared" si="212"/>
        <v>-0.30000000000000004</v>
      </c>
      <c r="AQ62">
        <f t="shared" si="213"/>
        <v>-0.19999999999999996</v>
      </c>
      <c r="AR62">
        <f t="shared" si="214"/>
        <v>-9.9999999999999978E-2</v>
      </c>
      <c r="AS62">
        <f t="shared" si="215"/>
        <v>-2.5000000000000022E-2</v>
      </c>
      <c r="AT62">
        <f t="shared" si="216"/>
        <v>0</v>
      </c>
      <c r="AU62">
        <f t="shared" si="217"/>
        <v>0</v>
      </c>
      <c r="AV62">
        <v>1</v>
      </c>
      <c r="AW62">
        <v>1.25</v>
      </c>
      <c r="AX62">
        <v>2.5</v>
      </c>
      <c r="AY62" s="162">
        <f t="shared" si="218"/>
        <v>2</v>
      </c>
      <c r="AZ62" s="162">
        <f t="shared" si="219"/>
        <v>1.0256410256410258</v>
      </c>
      <c r="BA62" s="162">
        <f t="shared" si="220"/>
        <v>1.1111111111111112</v>
      </c>
      <c r="BB62" s="162">
        <f t="shared" si="221"/>
        <v>1.1764705882352942</v>
      </c>
      <c r="BC62" s="162">
        <f t="shared" si="222"/>
        <v>1.25</v>
      </c>
      <c r="BD62" s="162">
        <f t="shared" si="223"/>
        <v>1.3333333333333333</v>
      </c>
      <c r="BE62" s="162">
        <f t="shared" si="224"/>
        <v>1.4285714285714286</v>
      </c>
      <c r="BF62" s="162">
        <f t="shared" si="225"/>
        <v>1.5384615384615383</v>
      </c>
      <c r="BG62" s="162">
        <f t="shared" si="226"/>
        <v>1.6666666666666667</v>
      </c>
      <c r="BH62" s="162">
        <f t="shared" si="227"/>
        <v>1.8181818181818181</v>
      </c>
      <c r="BI62" s="162">
        <f t="shared" si="228"/>
        <v>1.9512195121951221</v>
      </c>
      <c r="BJ62" s="162">
        <f t="shared" si="229"/>
        <v>2</v>
      </c>
      <c r="BK62" s="162">
        <f t="shared" si="230"/>
        <v>2</v>
      </c>
      <c r="BL62" s="162">
        <f t="shared" si="231"/>
        <v>2.3784142300054421</v>
      </c>
      <c r="BM62" s="162">
        <f t="shared" si="232"/>
        <v>1.0321533592882333</v>
      </c>
      <c r="BN62" s="162">
        <f t="shared" si="233"/>
        <v>1.1407667734226012</v>
      </c>
      <c r="BO62" s="162">
        <f t="shared" si="234"/>
        <v>1.2252546033521698</v>
      </c>
      <c r="BP62" s="162">
        <f t="shared" si="235"/>
        <v>1.3217140793007052</v>
      </c>
      <c r="BQ62" s="162">
        <f t="shared" si="236"/>
        <v>1.4327599090980556</v>
      </c>
      <c r="BR62" s="162">
        <f t="shared" si="237"/>
        <v>1.5618073056129906</v>
      </c>
      <c r="BS62" s="162">
        <f t="shared" si="238"/>
        <v>1.7133981916233565</v>
      </c>
      <c r="BT62" s="162">
        <f t="shared" si="239"/>
        <v>1.8936989441124989</v>
      </c>
      <c r="BU62" s="162">
        <f t="shared" si="240"/>
        <v>2.1112839107574066</v>
      </c>
      <c r="BV62" s="162">
        <f t="shared" si="241"/>
        <v>2.3061240387292958</v>
      </c>
      <c r="BW62" s="162">
        <f t="shared" si="242"/>
        <v>2.3784142300054421</v>
      </c>
      <c r="BX62" s="162">
        <f t="shared" si="243"/>
        <v>2.3784142300054421</v>
      </c>
      <c r="BY62" s="162">
        <f t="shared" si="244"/>
        <v>5.6568542494923806</v>
      </c>
      <c r="BZ62" s="162">
        <f t="shared" si="245"/>
        <v>1.065340557089985</v>
      </c>
      <c r="CA62" s="162">
        <f t="shared" si="246"/>
        <v>1.3013488313450123</v>
      </c>
      <c r="CB62" s="162">
        <f t="shared" si="247"/>
        <v>1.501248843035683</v>
      </c>
      <c r="CC62" s="162">
        <f t="shared" si="248"/>
        <v>1.7469281074217107</v>
      </c>
      <c r="CD62" s="162">
        <f t="shared" si="249"/>
        <v>2.0528009571186687</v>
      </c>
      <c r="CE62" s="162">
        <f t="shared" si="250"/>
        <v>2.4392420598661095</v>
      </c>
      <c r="CF62" s="162">
        <f t="shared" si="251"/>
        <v>2.9357333630581879</v>
      </c>
      <c r="CG62" s="162">
        <f t="shared" si="252"/>
        <v>3.5860956909327935</v>
      </c>
      <c r="CH62" s="162">
        <f t="shared" si="253"/>
        <v>4.4575197518230878</v>
      </c>
      <c r="CI62" s="162">
        <f t="shared" si="254"/>
        <v>5.3182080820051185</v>
      </c>
      <c r="CJ62" s="162">
        <f t="shared" si="255"/>
        <v>5.6568542494923806</v>
      </c>
      <c r="CK62" s="162">
        <f t="shared" si="256"/>
        <v>5.6568542494923806</v>
      </c>
      <c r="CL62">
        <f t="shared" si="257"/>
        <v>1.3729593947216077</v>
      </c>
      <c r="CM62">
        <f t="shared" si="258"/>
        <v>1.4664555068821994</v>
      </c>
      <c r="CN62">
        <f t="shared" si="259"/>
        <v>1.4552495278079043</v>
      </c>
      <c r="CO62">
        <f t="shared" si="260"/>
        <v>1.4472473498703116</v>
      </c>
      <c r="CP62">
        <f t="shared" si="261"/>
        <v>1.4387599028160105</v>
      </c>
      <c r="CQ62">
        <f t="shared" si="262"/>
        <v>1.4297245098567506</v>
      </c>
      <c r="CR62">
        <f t="shared" si="263"/>
        <v>1.4200655078485775</v>
      </c>
      <c r="CS62">
        <f t="shared" si="264"/>
        <v>1.4096903917470565</v>
      </c>
      <c r="CT62">
        <f t="shared" si="265"/>
        <v>1.3984844126727614</v>
      </c>
      <c r="CU62">
        <f t="shared" si="266"/>
        <v>1.3863028198942131</v>
      </c>
      <c r="CV62">
        <f t="shared" si="267"/>
        <v>1.3764163604842596</v>
      </c>
      <c r="CW62">
        <f t="shared" si="268"/>
        <v>1.3729593947216077</v>
      </c>
      <c r="CX62" s="98">
        <f t="shared" si="269"/>
        <v>1.3729593947216077</v>
      </c>
      <c r="CY62">
        <f t="shared" si="270"/>
        <v>1.1029593947216076</v>
      </c>
      <c r="CZ62">
        <f t="shared" si="271"/>
        <v>1.1964555068821994</v>
      </c>
      <c r="DA62">
        <f t="shared" si="272"/>
        <v>1.1852495278079043</v>
      </c>
      <c r="DB62">
        <f t="shared" si="273"/>
        <v>1.1772473498703115</v>
      </c>
      <c r="DC62">
        <f t="shared" si="274"/>
        <v>1.1687599028160105</v>
      </c>
      <c r="DD62">
        <f t="shared" si="275"/>
        <v>1.1597245098567506</v>
      </c>
      <c r="DE62">
        <f t="shared" si="276"/>
        <v>1.1500655078485775</v>
      </c>
      <c r="DF62">
        <f t="shared" si="277"/>
        <v>1.1396903917470564</v>
      </c>
      <c r="DG62">
        <f t="shared" si="278"/>
        <v>1.1284844126727613</v>
      </c>
      <c r="DH62">
        <f t="shared" si="279"/>
        <v>1.1163028198942131</v>
      </c>
      <c r="DI62">
        <f t="shared" si="280"/>
        <v>1.1064163604842596</v>
      </c>
      <c r="DJ62">
        <f t="shared" si="281"/>
        <v>1.1029593947216076</v>
      </c>
      <c r="DK62">
        <f t="shared" si="282"/>
        <v>1.1029593947216076</v>
      </c>
      <c r="DL62" s="97">
        <f t="shared" si="283"/>
        <v>1.5000349036450102</v>
      </c>
      <c r="DM62">
        <f t="shared" si="284"/>
        <v>1.6252529110029454</v>
      </c>
      <c r="DN62">
        <f t="shared" si="285"/>
        <v>1.6102449033141575</v>
      </c>
      <c r="DO62">
        <f t="shared" si="286"/>
        <v>1.5995277007191671</v>
      </c>
      <c r="DP62">
        <f t="shared" si="287"/>
        <v>1.5881605841285855</v>
      </c>
      <c r="DQ62">
        <f t="shared" si="288"/>
        <v>1.5760596114152909</v>
      </c>
      <c r="DR62">
        <f t="shared" si="289"/>
        <v>1.5631234480114875</v>
      </c>
      <c r="DS62">
        <f t="shared" si="290"/>
        <v>1.5492282032326647</v>
      </c>
      <c r="DT62">
        <f t="shared" si="291"/>
        <v>1.5342201955438766</v>
      </c>
      <c r="DU62">
        <f t="shared" si="292"/>
        <v>1.5179055623583211</v>
      </c>
      <c r="DV62">
        <f t="shared" si="293"/>
        <v>1.5046647685057049</v>
      </c>
      <c r="DW62">
        <f t="shared" si="294"/>
        <v>1.5000349036450102</v>
      </c>
      <c r="DX62" s="98">
        <f t="shared" si="295"/>
        <v>1.5000349036450102</v>
      </c>
      <c r="DY62">
        <f t="shared" si="296"/>
        <v>1.0527062241310117</v>
      </c>
      <c r="DZ62">
        <f t="shared" si="297"/>
        <v>1.1946199658033383</v>
      </c>
      <c r="EA62">
        <f t="shared" si="298"/>
        <v>1.1776108904227118</v>
      </c>
      <c r="EB62">
        <f t="shared" si="299"/>
        <v>1.1654647274817227</v>
      </c>
      <c r="EC62">
        <f t="shared" si="300"/>
        <v>1.1525819953457304</v>
      </c>
      <c r="ED62">
        <f t="shared" si="301"/>
        <v>1.1388675596039965</v>
      </c>
      <c r="EE62">
        <f t="shared" si="302"/>
        <v>1.1242065744130194</v>
      </c>
      <c r="EF62">
        <f t="shared" si="303"/>
        <v>1.1084586303303534</v>
      </c>
      <c r="EG62">
        <f t="shared" si="304"/>
        <v>1.091449554949727</v>
      </c>
      <c r="EH62">
        <f t="shared" si="305"/>
        <v>1.0729596373394306</v>
      </c>
      <c r="EI62">
        <f t="shared" si="306"/>
        <v>1.0579534043064656</v>
      </c>
      <c r="EJ62">
        <f t="shared" si="307"/>
        <v>1.0527062241310117</v>
      </c>
      <c r="EK62">
        <f t="shared" si="308"/>
        <v>1.0527062241310117</v>
      </c>
      <c r="EL62" s="97">
        <f t="shared" si="309"/>
        <v>1.1554124482620232</v>
      </c>
      <c r="EM62">
        <f t="shared" si="310"/>
        <v>1.4392399316066766</v>
      </c>
      <c r="EN62">
        <f t="shared" si="311"/>
        <v>1.4052217808454237</v>
      </c>
      <c r="EO62">
        <f t="shared" si="312"/>
        <v>1.3809294549634457</v>
      </c>
      <c r="EP62">
        <f t="shared" si="313"/>
        <v>1.3551639906914608</v>
      </c>
      <c r="EQ62">
        <f t="shared" si="314"/>
        <v>1.3277351192079931</v>
      </c>
      <c r="ER62">
        <f t="shared" si="315"/>
        <v>1.2984131488260386</v>
      </c>
      <c r="ES62">
        <f t="shared" si="316"/>
        <v>1.2669172606607069</v>
      </c>
      <c r="ET62">
        <f t="shared" si="317"/>
        <v>1.2328991098994539</v>
      </c>
      <c r="EU62">
        <f t="shared" si="318"/>
        <v>1.1959192746788612</v>
      </c>
      <c r="EV62">
        <f t="shared" si="319"/>
        <v>1.1659068086129309</v>
      </c>
      <c r="EW62">
        <f t="shared" si="320"/>
        <v>1.1554124482620232</v>
      </c>
      <c r="EX62" s="98">
        <f t="shared" si="321"/>
        <v>1.1554124482620232</v>
      </c>
      <c r="EY62" s="97">
        <f t="shared" si="322"/>
        <v>0.90541244826202316</v>
      </c>
      <c r="EZ62">
        <f t="shared" si="323"/>
        <v>1.1892399316066766</v>
      </c>
      <c r="FA62">
        <f t="shared" si="324"/>
        <v>1.1552217808454237</v>
      </c>
      <c r="FB62">
        <f t="shared" si="325"/>
        <v>1.1309294549634457</v>
      </c>
      <c r="FC62">
        <f t="shared" si="326"/>
        <v>1.1051639906914608</v>
      </c>
      <c r="FD62">
        <f t="shared" si="327"/>
        <v>1.0777351192079931</v>
      </c>
      <c r="FE62">
        <f t="shared" si="328"/>
        <v>1.0484131488260386</v>
      </c>
      <c r="FF62">
        <f t="shared" si="329"/>
        <v>1.0169172606607069</v>
      </c>
      <c r="FG62">
        <f t="shared" si="330"/>
        <v>0.98289910989945395</v>
      </c>
      <c r="FH62">
        <f t="shared" si="331"/>
        <v>0.94591927467886117</v>
      </c>
      <c r="FI62">
        <f t="shared" si="332"/>
        <v>0.91590680861293094</v>
      </c>
      <c r="FJ62">
        <f t="shared" si="333"/>
        <v>0.90541244826202316</v>
      </c>
      <c r="FK62">
        <f t="shared" si="334"/>
        <v>0.90541244826202316</v>
      </c>
      <c r="FL62" s="126">
        <f t="shared" si="335"/>
        <v>0</v>
      </c>
      <c r="FM62" s="91">
        <f t="shared" si="336"/>
        <v>573.73609317017599</v>
      </c>
      <c r="FN62" s="91">
        <f t="shared" si="337"/>
        <v>2277.4074624258487</v>
      </c>
      <c r="FO62" s="91">
        <f t="shared" si="338"/>
        <v>3397.3265597297845</v>
      </c>
      <c r="FP62" s="91">
        <f t="shared" si="339"/>
        <v>4503.2037141396613</v>
      </c>
      <c r="FQ62" s="91">
        <f t="shared" si="340"/>
        <v>5593.6545687556982</v>
      </c>
      <c r="FR62" s="91">
        <f t="shared" si="341"/>
        <v>6667.037623945148</v>
      </c>
      <c r="FS62" s="91">
        <f t="shared" si="342"/>
        <v>7721.3823113123999</v>
      </c>
      <c r="FT62" s="91">
        <f t="shared" si="343"/>
        <v>8754.2892861947512</v>
      </c>
      <c r="FU62" s="91">
        <f t="shared" si="344"/>
        <v>9762.7887664336304</v>
      </c>
      <c r="FV62" s="91">
        <f t="shared" si="345"/>
        <v>10500.928913223532</v>
      </c>
      <c r="FW62" s="91">
        <f t="shared" si="346"/>
        <v>10743.133433125593</v>
      </c>
      <c r="FX62" s="91">
        <f t="shared" si="347"/>
        <v>10743.133433125593</v>
      </c>
      <c r="FY62" s="91">
        <f t="shared" si="348"/>
        <v>0</v>
      </c>
      <c r="FZ62" s="91">
        <f t="shared" si="349"/>
        <v>1.0403916293237745</v>
      </c>
      <c r="GA62" s="91">
        <f t="shared" si="350"/>
        <v>10.306473415001056</v>
      </c>
      <c r="GB62" s="91">
        <f t="shared" si="351"/>
        <v>21.292689873715364</v>
      </c>
      <c r="GC62" s="91">
        <f t="shared" si="352"/>
        <v>39.940837669942738</v>
      </c>
      <c r="GD62" s="91">
        <f t="shared" si="353"/>
        <v>63.733992578853297</v>
      </c>
      <c r="GE62" s="91">
        <f t="shared" si="354"/>
        <v>95.60475920792247</v>
      </c>
      <c r="GF62" s="91">
        <f t="shared" si="355"/>
        <v>143.60001143609659</v>
      </c>
      <c r="GG62" s="91">
        <f t="shared" si="356"/>
        <v>217.84504057203625</v>
      </c>
      <c r="GH62" s="91">
        <f t="shared" si="357"/>
        <v>351.39063144481736</v>
      </c>
      <c r="GI62" s="91">
        <f t="shared" si="358"/>
        <v>562.82630267670754</v>
      </c>
      <c r="GJ62" s="91">
        <f t="shared" si="359"/>
        <v>738.49913208928729</v>
      </c>
      <c r="GK62" s="127">
        <f t="shared" si="360"/>
        <v>6617.7563683296457</v>
      </c>
      <c r="GL62" s="126">
        <f t="shared" si="361"/>
        <v>0</v>
      </c>
      <c r="GM62" s="91">
        <f t="shared" si="362"/>
        <v>635.86399396104616</v>
      </c>
      <c r="GN62" s="91">
        <f t="shared" si="363"/>
        <v>2519.9690424671467</v>
      </c>
      <c r="GO62" s="91">
        <f t="shared" si="364"/>
        <v>3754.7955718583239</v>
      </c>
      <c r="GP62" s="91">
        <f t="shared" si="365"/>
        <v>4970.8159277306731</v>
      </c>
      <c r="GQ62" s="91">
        <f t="shared" si="366"/>
        <v>6166.176060664844</v>
      </c>
      <c r="GR62" s="91">
        <f t="shared" si="367"/>
        <v>7338.6775336526907</v>
      </c>
      <c r="GS62" s="91">
        <f t="shared" si="368"/>
        <v>8485.6811925929524</v>
      </c>
      <c r="GT62" s="91">
        <f t="shared" si="369"/>
        <v>9603.9736294552222</v>
      </c>
      <c r="GU62" s="91">
        <f t="shared" si="370"/>
        <v>10689.577457419986</v>
      </c>
      <c r="GV62" s="91">
        <f t="shared" si="371"/>
        <v>11479.35917206866</v>
      </c>
      <c r="GW62" s="91">
        <f t="shared" si="372"/>
        <v>11737.473945812984</v>
      </c>
      <c r="GX62" s="91">
        <f t="shared" si="373"/>
        <v>11737.473945812984</v>
      </c>
      <c r="GY62" s="91">
        <f t="shared" si="374"/>
        <v>0</v>
      </c>
      <c r="GZ62" s="91">
        <f t="shared" si="375"/>
        <v>1.0387955134943583</v>
      </c>
      <c r="HA62" s="91">
        <f t="shared" si="376"/>
        <v>10.240050766191464</v>
      </c>
      <c r="HB62" s="91">
        <f t="shared" si="377"/>
        <v>21.079579413583978</v>
      </c>
      <c r="HC62" s="91">
        <f t="shared" si="378"/>
        <v>39.387978888123691</v>
      </c>
      <c r="HD62" s="91">
        <f t="shared" si="379"/>
        <v>62.587774919979523</v>
      </c>
      <c r="HE62" s="91">
        <f t="shared" si="380"/>
        <v>93.455110263920119</v>
      </c>
      <c r="HF62" s="91">
        <f t="shared" si="381"/>
        <v>139.66483629635269</v>
      </c>
      <c r="HG62" s="91">
        <f t="shared" si="382"/>
        <v>210.6957525600329</v>
      </c>
      <c r="HH62" s="91">
        <f t="shared" si="383"/>
        <v>337.74703222126948</v>
      </c>
      <c r="HI62" s="91">
        <f t="shared" si="384"/>
        <v>538.17353413811441</v>
      </c>
      <c r="HJ62" s="91">
        <f t="shared" si="385"/>
        <v>704.85154447772584</v>
      </c>
      <c r="HK62" s="127">
        <f t="shared" si="386"/>
        <v>6316.23734478607</v>
      </c>
      <c r="HL62" s="126">
        <f t="shared" si="387"/>
        <v>0</v>
      </c>
      <c r="HM62" s="91">
        <f t="shared" si="388"/>
        <v>563.08827074482667</v>
      </c>
      <c r="HN62" s="91">
        <f t="shared" si="389"/>
        <v>2199.1160339913536</v>
      </c>
      <c r="HO62" s="91">
        <f t="shared" si="390"/>
        <v>3241.6492694776007</v>
      </c>
      <c r="HP62" s="91">
        <f t="shared" si="391"/>
        <v>4241.5551783211686</v>
      </c>
      <c r="HQ62" s="91">
        <f t="shared" si="392"/>
        <v>5194.6312485048675</v>
      </c>
      <c r="HR62" s="91">
        <f t="shared" si="393"/>
        <v>6095.8943561435663</v>
      </c>
      <c r="HS62" s="91">
        <f t="shared" si="394"/>
        <v>6939.3624186077377</v>
      </c>
      <c r="HT62" s="91">
        <f t="shared" si="395"/>
        <v>7717.7517110284607</v>
      </c>
      <c r="HU62" s="91">
        <f t="shared" si="396"/>
        <v>8422.0468232814983</v>
      </c>
      <c r="HV62" s="91">
        <f t="shared" si="397"/>
        <v>8894.9135364681752</v>
      </c>
      <c r="HW62" s="91">
        <f t="shared" si="398"/>
        <v>9040.8719658385417</v>
      </c>
      <c r="HX62" s="91">
        <f t="shared" si="399"/>
        <v>9040.8719658385417</v>
      </c>
      <c r="HY62" s="91">
        <f t="shared" si="400"/>
        <v>0</v>
      </c>
      <c r="HZ62" s="91">
        <f t="shared" si="401"/>
        <v>1.0341172429598622</v>
      </c>
      <c r="IA62" s="91">
        <f t="shared" si="402"/>
        <v>10.045363692094384</v>
      </c>
      <c r="IB62" s="91">
        <f t="shared" si="403"/>
        <v>20.454945306302339</v>
      </c>
      <c r="IC62" s="91">
        <f t="shared" si="404"/>
        <v>37.767530734516114</v>
      </c>
      <c r="ID62" s="91">
        <f t="shared" si="405"/>
        <v>59.228171437073627</v>
      </c>
      <c r="IE62" s="91">
        <f t="shared" si="406"/>
        <v>87.154415083223554</v>
      </c>
      <c r="IF62" s="91">
        <f t="shared" si="407"/>
        <v>128.13070226606891</v>
      </c>
      <c r="IG62" s="91">
        <f t="shared" si="408"/>
        <v>189.74094286967829</v>
      </c>
      <c r="IH62" s="91">
        <f t="shared" si="409"/>
        <v>297.7571724281118</v>
      </c>
      <c r="II62" s="91">
        <f t="shared" si="410"/>
        <v>465.91541945603075</v>
      </c>
      <c r="IJ62" s="91">
        <f t="shared" si="411"/>
        <v>606.22930492659748</v>
      </c>
      <c r="IK62" s="127">
        <f t="shared" si="412"/>
        <v>5432.4746895721391</v>
      </c>
    </row>
    <row r="63" spans="2:245" x14ac:dyDescent="0.2">
      <c r="B63" s="79">
        <f t="shared" si="188"/>
        <v>-52.5</v>
      </c>
      <c r="C63" s="73">
        <f>'p-y mono_clay'!C63</f>
        <v>37</v>
      </c>
      <c r="D63" s="64">
        <f>'p-y mono_clay'!D63</f>
        <v>36.984999999999999</v>
      </c>
      <c r="E63" s="64" t="str">
        <f>'p-y mono_clay'!E63</f>
        <v>SAND</v>
      </c>
      <c r="F63" s="55">
        <f>VLOOKUP($C63, 'Pile Property'!$A$8:$D$108,2,TRUE)</f>
        <v>2</v>
      </c>
      <c r="G63" s="102" t="e">
        <f>'p-y mono_clay'!Z63</f>
        <v>#N/A</v>
      </c>
      <c r="H63" s="199">
        <f>'p-y mono_clay'!AM63</f>
        <v>0</v>
      </c>
      <c r="I63" s="55" t="e">
        <f>'p-y mono_clay'!AN63</f>
        <v>#N/A</v>
      </c>
      <c r="J63" s="55" t="e">
        <f>'p-y mono_clay'!AO63</f>
        <v>#N/A</v>
      </c>
      <c r="K63" s="55" t="e">
        <f>'p-y mono_clay'!AP63</f>
        <v>#N/A</v>
      </c>
      <c r="L63" s="55" t="e">
        <f>'p-y mono_clay'!AQ63</f>
        <v>#N/A</v>
      </c>
      <c r="M63" s="55" t="e">
        <f>'p-y mono_clay'!AR63</f>
        <v>#N/A</v>
      </c>
      <c r="N63" s="55" t="e">
        <f>'p-y mono_clay'!AS63</f>
        <v>#N/A</v>
      </c>
      <c r="O63" s="55" t="e">
        <f>'p-y mono_clay'!AT63</f>
        <v>#N/A</v>
      </c>
      <c r="P63" s="55" t="e">
        <f>'p-y mono_clay'!AU63</f>
        <v>#N/A</v>
      </c>
      <c r="Q63" s="55" t="e">
        <f>'p-y mono_clay'!AV63</f>
        <v>#N/A</v>
      </c>
      <c r="R63" s="55" t="e">
        <f>'p-y mono_clay'!AW63</f>
        <v>#N/A</v>
      </c>
      <c r="S63" s="55" t="e">
        <f>'p-y mono_clay'!AX63</f>
        <v>#N/A</v>
      </c>
      <c r="T63" s="200">
        <f>'p-y mono_clay'!AY63</f>
        <v>6000</v>
      </c>
      <c r="U63" s="199">
        <f>'p-y mono_clay'!AZ63</f>
        <v>0</v>
      </c>
      <c r="V63" s="55" t="e">
        <f>'p-y mono_clay'!BA63</f>
        <v>#N/A</v>
      </c>
      <c r="W63" s="55" t="e">
        <f>'p-y mono_clay'!BB63</f>
        <v>#N/A</v>
      </c>
      <c r="X63" s="55" t="e">
        <f>'p-y mono_clay'!BC63</f>
        <v>#N/A</v>
      </c>
      <c r="Y63" s="55" t="e">
        <f>'p-y mono_clay'!BD63</f>
        <v>#N/A</v>
      </c>
      <c r="Z63" s="55" t="e">
        <f>'p-y mono_clay'!BE63</f>
        <v>#N/A</v>
      </c>
      <c r="AA63" s="55" t="e">
        <f>'p-y mono_clay'!BF63</f>
        <v>#N/A</v>
      </c>
      <c r="AB63" s="55" t="e">
        <f>'p-y mono_clay'!BG63</f>
        <v>#N/A</v>
      </c>
      <c r="AC63" s="55" t="e">
        <f>'p-y mono_clay'!BH63</f>
        <v>#N/A</v>
      </c>
      <c r="AD63" s="55" t="e">
        <f>'p-y mono_clay'!BI63</f>
        <v>#N/A</v>
      </c>
      <c r="AE63" s="55" t="e">
        <f>'p-y mono_clay'!BJ63</f>
        <v>#N/A</v>
      </c>
      <c r="AF63" s="55" t="e">
        <f>'p-y mono_clay'!BK63</f>
        <v>#N/A</v>
      </c>
      <c r="AG63" s="200" t="e">
        <f>'p-y mono_clay'!BL63</f>
        <v>#N/A</v>
      </c>
      <c r="AH63">
        <f t="shared" si="205"/>
        <v>30</v>
      </c>
      <c r="AI63">
        <v>0</v>
      </c>
      <c r="AJ63" t="e">
        <f t="shared" si="206"/>
        <v>#N/A</v>
      </c>
      <c r="AK63" t="e">
        <f t="shared" si="207"/>
        <v>#N/A</v>
      </c>
      <c r="AL63" t="e">
        <f t="shared" si="208"/>
        <v>#N/A</v>
      </c>
      <c r="AM63" t="e">
        <f t="shared" si="209"/>
        <v>#N/A</v>
      </c>
      <c r="AN63" t="e">
        <f t="shared" si="210"/>
        <v>#N/A</v>
      </c>
      <c r="AO63" t="e">
        <f t="shared" si="211"/>
        <v>#N/A</v>
      </c>
      <c r="AP63" t="e">
        <f t="shared" si="212"/>
        <v>#N/A</v>
      </c>
      <c r="AQ63" t="e">
        <f t="shared" si="213"/>
        <v>#N/A</v>
      </c>
      <c r="AR63" t="e">
        <f t="shared" si="214"/>
        <v>#N/A</v>
      </c>
      <c r="AS63" t="e">
        <f t="shared" si="215"/>
        <v>#N/A</v>
      </c>
      <c r="AT63" t="e">
        <f t="shared" si="216"/>
        <v>#N/A</v>
      </c>
      <c r="AU63" t="e">
        <f t="shared" si="217"/>
        <v>#N/A</v>
      </c>
      <c r="AV63">
        <v>1</v>
      </c>
      <c r="AW63">
        <v>1.25</v>
      </c>
      <c r="AX63">
        <v>2.5</v>
      </c>
      <c r="AY63" s="162">
        <f t="shared" si="218"/>
        <v>2</v>
      </c>
      <c r="AZ63" s="162" t="e">
        <f t="shared" si="219"/>
        <v>#N/A</v>
      </c>
      <c r="BA63" s="162" t="e">
        <f t="shared" si="220"/>
        <v>#N/A</v>
      </c>
      <c r="BB63" s="162" t="e">
        <f t="shared" si="221"/>
        <v>#N/A</v>
      </c>
      <c r="BC63" s="162" t="e">
        <f t="shared" si="222"/>
        <v>#N/A</v>
      </c>
      <c r="BD63" s="162" t="e">
        <f t="shared" si="223"/>
        <v>#N/A</v>
      </c>
      <c r="BE63" s="162" t="e">
        <f t="shared" si="224"/>
        <v>#N/A</v>
      </c>
      <c r="BF63" s="162" t="e">
        <f t="shared" si="225"/>
        <v>#N/A</v>
      </c>
      <c r="BG63" s="162" t="e">
        <f t="shared" si="226"/>
        <v>#N/A</v>
      </c>
      <c r="BH63" s="162" t="e">
        <f t="shared" si="227"/>
        <v>#N/A</v>
      </c>
      <c r="BI63" s="162" t="e">
        <f t="shared" si="228"/>
        <v>#N/A</v>
      </c>
      <c r="BJ63" s="162" t="e">
        <f t="shared" si="229"/>
        <v>#N/A</v>
      </c>
      <c r="BK63" s="162" t="e">
        <f t="shared" si="230"/>
        <v>#N/A</v>
      </c>
      <c r="BL63" s="162">
        <f t="shared" si="231"/>
        <v>2.3784142300054421</v>
      </c>
      <c r="BM63" s="162" t="e">
        <f t="shared" si="232"/>
        <v>#N/A</v>
      </c>
      <c r="BN63" s="162" t="e">
        <f t="shared" si="233"/>
        <v>#N/A</v>
      </c>
      <c r="BO63" s="162" t="e">
        <f t="shared" si="234"/>
        <v>#N/A</v>
      </c>
      <c r="BP63" s="162" t="e">
        <f t="shared" si="235"/>
        <v>#N/A</v>
      </c>
      <c r="BQ63" s="162" t="e">
        <f t="shared" si="236"/>
        <v>#N/A</v>
      </c>
      <c r="BR63" s="162" t="e">
        <f t="shared" si="237"/>
        <v>#N/A</v>
      </c>
      <c r="BS63" s="162" t="e">
        <f t="shared" si="238"/>
        <v>#N/A</v>
      </c>
      <c r="BT63" s="162" t="e">
        <f t="shared" si="239"/>
        <v>#N/A</v>
      </c>
      <c r="BU63" s="162" t="e">
        <f t="shared" si="240"/>
        <v>#N/A</v>
      </c>
      <c r="BV63" s="162" t="e">
        <f t="shared" si="241"/>
        <v>#N/A</v>
      </c>
      <c r="BW63" s="162" t="e">
        <f t="shared" si="242"/>
        <v>#N/A</v>
      </c>
      <c r="BX63" s="162" t="e">
        <f t="shared" si="243"/>
        <v>#N/A</v>
      </c>
      <c r="BY63" s="162">
        <f t="shared" si="244"/>
        <v>5.6568542494923806</v>
      </c>
      <c r="BZ63" s="162" t="e">
        <f t="shared" si="245"/>
        <v>#N/A</v>
      </c>
      <c r="CA63" s="162" t="e">
        <f t="shared" si="246"/>
        <v>#N/A</v>
      </c>
      <c r="CB63" s="162" t="e">
        <f t="shared" si="247"/>
        <v>#N/A</v>
      </c>
      <c r="CC63" s="162" t="e">
        <f t="shared" si="248"/>
        <v>#N/A</v>
      </c>
      <c r="CD63" s="162" t="e">
        <f t="shared" si="249"/>
        <v>#N/A</v>
      </c>
      <c r="CE63" s="162" t="e">
        <f t="shared" si="250"/>
        <v>#N/A</v>
      </c>
      <c r="CF63" s="162" t="e">
        <f t="shared" si="251"/>
        <v>#N/A</v>
      </c>
      <c r="CG63" s="162" t="e">
        <f t="shared" si="252"/>
        <v>#N/A</v>
      </c>
      <c r="CH63" s="162" t="e">
        <f t="shared" si="253"/>
        <v>#N/A</v>
      </c>
      <c r="CI63" s="162" t="e">
        <f t="shared" si="254"/>
        <v>#N/A</v>
      </c>
      <c r="CJ63" s="162" t="e">
        <f t="shared" si="255"/>
        <v>#N/A</v>
      </c>
      <c r="CK63" s="162" t="e">
        <f t="shared" si="256"/>
        <v>#N/A</v>
      </c>
      <c r="CL63">
        <f t="shared" si="257"/>
        <v>1.3729593947216077</v>
      </c>
      <c r="CM63" t="e">
        <f t="shared" si="258"/>
        <v>#N/A</v>
      </c>
      <c r="CN63" t="e">
        <f t="shared" si="259"/>
        <v>#N/A</v>
      </c>
      <c r="CO63" t="e">
        <f t="shared" si="260"/>
        <v>#N/A</v>
      </c>
      <c r="CP63" t="e">
        <f t="shared" si="261"/>
        <v>#N/A</v>
      </c>
      <c r="CQ63" t="e">
        <f t="shared" si="262"/>
        <v>#N/A</v>
      </c>
      <c r="CR63" t="e">
        <f t="shared" si="263"/>
        <v>#N/A</v>
      </c>
      <c r="CS63" t="e">
        <f t="shared" si="264"/>
        <v>#N/A</v>
      </c>
      <c r="CT63" t="e">
        <f t="shared" si="265"/>
        <v>#N/A</v>
      </c>
      <c r="CU63" t="e">
        <f t="shared" si="266"/>
        <v>#N/A</v>
      </c>
      <c r="CV63" t="e">
        <f t="shared" si="267"/>
        <v>#N/A</v>
      </c>
      <c r="CW63" t="e">
        <f t="shared" si="268"/>
        <v>#N/A</v>
      </c>
      <c r="CX63" s="98" t="e">
        <f t="shared" si="269"/>
        <v>#N/A</v>
      </c>
      <c r="CY63">
        <f t="shared" si="270"/>
        <v>1.1029593947216076</v>
      </c>
      <c r="CZ63" t="e">
        <f t="shared" si="271"/>
        <v>#N/A</v>
      </c>
      <c r="DA63" t="e">
        <f t="shared" si="272"/>
        <v>#N/A</v>
      </c>
      <c r="DB63" t="e">
        <f t="shared" si="273"/>
        <v>#N/A</v>
      </c>
      <c r="DC63" t="e">
        <f t="shared" si="274"/>
        <v>#N/A</v>
      </c>
      <c r="DD63" t="e">
        <f t="shared" si="275"/>
        <v>#N/A</v>
      </c>
      <c r="DE63" t="e">
        <f t="shared" si="276"/>
        <v>#N/A</v>
      </c>
      <c r="DF63" t="e">
        <f t="shared" si="277"/>
        <v>#N/A</v>
      </c>
      <c r="DG63" t="e">
        <f t="shared" si="278"/>
        <v>#N/A</v>
      </c>
      <c r="DH63" t="e">
        <f t="shared" si="279"/>
        <v>#N/A</v>
      </c>
      <c r="DI63" t="e">
        <f t="shared" si="280"/>
        <v>#N/A</v>
      </c>
      <c r="DJ63" t="e">
        <f t="shared" si="281"/>
        <v>#N/A</v>
      </c>
      <c r="DK63" t="e">
        <f t="shared" si="282"/>
        <v>#N/A</v>
      </c>
      <c r="DL63" s="97">
        <f t="shared" si="283"/>
        <v>1.5000349036450102</v>
      </c>
      <c r="DM63" t="e">
        <f t="shared" si="284"/>
        <v>#N/A</v>
      </c>
      <c r="DN63" t="e">
        <f t="shared" si="285"/>
        <v>#N/A</v>
      </c>
      <c r="DO63" t="e">
        <f t="shared" si="286"/>
        <v>#N/A</v>
      </c>
      <c r="DP63" t="e">
        <f t="shared" si="287"/>
        <v>#N/A</v>
      </c>
      <c r="DQ63" t="e">
        <f t="shared" si="288"/>
        <v>#N/A</v>
      </c>
      <c r="DR63" t="e">
        <f t="shared" si="289"/>
        <v>#N/A</v>
      </c>
      <c r="DS63" t="e">
        <f t="shared" si="290"/>
        <v>#N/A</v>
      </c>
      <c r="DT63" t="e">
        <f t="shared" si="291"/>
        <v>#N/A</v>
      </c>
      <c r="DU63" t="e">
        <f t="shared" si="292"/>
        <v>#N/A</v>
      </c>
      <c r="DV63" t="e">
        <f t="shared" si="293"/>
        <v>#N/A</v>
      </c>
      <c r="DW63" t="e">
        <f t="shared" si="294"/>
        <v>#N/A</v>
      </c>
      <c r="DX63" s="98" t="e">
        <f t="shared" si="295"/>
        <v>#N/A</v>
      </c>
      <c r="DY63">
        <f t="shared" si="296"/>
        <v>1.0527062241310117</v>
      </c>
      <c r="DZ63" t="e">
        <f t="shared" si="297"/>
        <v>#N/A</v>
      </c>
      <c r="EA63" t="e">
        <f t="shared" si="298"/>
        <v>#N/A</v>
      </c>
      <c r="EB63" t="e">
        <f t="shared" si="299"/>
        <v>#N/A</v>
      </c>
      <c r="EC63" t="e">
        <f t="shared" si="300"/>
        <v>#N/A</v>
      </c>
      <c r="ED63" t="e">
        <f t="shared" si="301"/>
        <v>#N/A</v>
      </c>
      <c r="EE63" t="e">
        <f t="shared" si="302"/>
        <v>#N/A</v>
      </c>
      <c r="EF63" t="e">
        <f t="shared" si="303"/>
        <v>#N/A</v>
      </c>
      <c r="EG63" t="e">
        <f t="shared" si="304"/>
        <v>#N/A</v>
      </c>
      <c r="EH63" t="e">
        <f t="shared" si="305"/>
        <v>#N/A</v>
      </c>
      <c r="EI63" t="e">
        <f t="shared" si="306"/>
        <v>#N/A</v>
      </c>
      <c r="EJ63" t="e">
        <f t="shared" si="307"/>
        <v>#N/A</v>
      </c>
      <c r="EK63" t="e">
        <f t="shared" si="308"/>
        <v>#N/A</v>
      </c>
      <c r="EL63" s="97">
        <f t="shared" si="309"/>
        <v>1.1554124482620232</v>
      </c>
      <c r="EM63" t="e">
        <f t="shared" si="310"/>
        <v>#N/A</v>
      </c>
      <c r="EN63" t="e">
        <f t="shared" si="311"/>
        <v>#N/A</v>
      </c>
      <c r="EO63" t="e">
        <f t="shared" si="312"/>
        <v>#N/A</v>
      </c>
      <c r="EP63" t="e">
        <f t="shared" si="313"/>
        <v>#N/A</v>
      </c>
      <c r="EQ63" t="e">
        <f t="shared" si="314"/>
        <v>#N/A</v>
      </c>
      <c r="ER63" t="e">
        <f t="shared" si="315"/>
        <v>#N/A</v>
      </c>
      <c r="ES63" t="e">
        <f t="shared" si="316"/>
        <v>#N/A</v>
      </c>
      <c r="ET63" t="e">
        <f t="shared" si="317"/>
        <v>#N/A</v>
      </c>
      <c r="EU63" t="e">
        <f t="shared" si="318"/>
        <v>#N/A</v>
      </c>
      <c r="EV63" t="e">
        <f t="shared" si="319"/>
        <v>#N/A</v>
      </c>
      <c r="EW63" t="e">
        <f t="shared" si="320"/>
        <v>#N/A</v>
      </c>
      <c r="EX63" s="98" t="e">
        <f t="shared" si="321"/>
        <v>#N/A</v>
      </c>
      <c r="EY63" s="97">
        <f t="shared" si="322"/>
        <v>0.90541244826202316</v>
      </c>
      <c r="EZ63" t="e">
        <f t="shared" si="323"/>
        <v>#N/A</v>
      </c>
      <c r="FA63" t="e">
        <f t="shared" si="324"/>
        <v>#N/A</v>
      </c>
      <c r="FB63" t="e">
        <f t="shared" si="325"/>
        <v>#N/A</v>
      </c>
      <c r="FC63" t="e">
        <f t="shared" si="326"/>
        <v>#N/A</v>
      </c>
      <c r="FD63" t="e">
        <f t="shared" si="327"/>
        <v>#N/A</v>
      </c>
      <c r="FE63" t="e">
        <f t="shared" si="328"/>
        <v>#N/A</v>
      </c>
      <c r="FF63" t="e">
        <f t="shared" si="329"/>
        <v>#N/A</v>
      </c>
      <c r="FG63" t="e">
        <f t="shared" si="330"/>
        <v>#N/A</v>
      </c>
      <c r="FH63" t="e">
        <f t="shared" si="331"/>
        <v>#N/A</v>
      </c>
      <c r="FI63" t="e">
        <f t="shared" si="332"/>
        <v>#N/A</v>
      </c>
      <c r="FJ63" t="e">
        <f t="shared" si="333"/>
        <v>#N/A</v>
      </c>
      <c r="FK63" t="e">
        <f t="shared" si="334"/>
        <v>#N/A</v>
      </c>
      <c r="FL63" s="126">
        <f t="shared" si="335"/>
        <v>0</v>
      </c>
      <c r="FM63" s="91" t="e">
        <f t="shared" si="336"/>
        <v>#N/A</v>
      </c>
      <c r="FN63" s="91" t="e">
        <f t="shared" si="337"/>
        <v>#N/A</v>
      </c>
      <c r="FO63" s="91" t="e">
        <f t="shared" si="338"/>
        <v>#N/A</v>
      </c>
      <c r="FP63" s="91" t="e">
        <f t="shared" si="339"/>
        <v>#N/A</v>
      </c>
      <c r="FQ63" s="91" t="e">
        <f t="shared" si="340"/>
        <v>#N/A</v>
      </c>
      <c r="FR63" s="91" t="e">
        <f t="shared" si="341"/>
        <v>#N/A</v>
      </c>
      <c r="FS63" s="91" t="e">
        <f t="shared" si="342"/>
        <v>#N/A</v>
      </c>
      <c r="FT63" s="91" t="e">
        <f t="shared" si="343"/>
        <v>#N/A</v>
      </c>
      <c r="FU63" s="91" t="e">
        <f t="shared" si="344"/>
        <v>#N/A</v>
      </c>
      <c r="FV63" s="91" t="e">
        <f t="shared" si="345"/>
        <v>#N/A</v>
      </c>
      <c r="FW63" s="91" t="e">
        <f t="shared" si="346"/>
        <v>#N/A</v>
      </c>
      <c r="FX63" s="91" t="e">
        <f t="shared" si="347"/>
        <v>#N/A</v>
      </c>
      <c r="FY63" s="91">
        <f t="shared" si="348"/>
        <v>0</v>
      </c>
      <c r="FZ63" s="91" t="e">
        <f t="shared" si="349"/>
        <v>#N/A</v>
      </c>
      <c r="GA63" s="91" t="e">
        <f t="shared" si="350"/>
        <v>#N/A</v>
      </c>
      <c r="GB63" s="91" t="e">
        <f t="shared" si="351"/>
        <v>#N/A</v>
      </c>
      <c r="GC63" s="91" t="e">
        <f t="shared" si="352"/>
        <v>#N/A</v>
      </c>
      <c r="GD63" s="91" t="e">
        <f t="shared" si="353"/>
        <v>#N/A</v>
      </c>
      <c r="GE63" s="91" t="e">
        <f t="shared" si="354"/>
        <v>#N/A</v>
      </c>
      <c r="GF63" s="91" t="e">
        <f t="shared" si="355"/>
        <v>#N/A</v>
      </c>
      <c r="GG63" s="91" t="e">
        <f t="shared" si="356"/>
        <v>#N/A</v>
      </c>
      <c r="GH63" s="91" t="e">
        <f t="shared" si="357"/>
        <v>#N/A</v>
      </c>
      <c r="GI63" s="91" t="e">
        <f t="shared" si="358"/>
        <v>#N/A</v>
      </c>
      <c r="GJ63" s="91" t="e">
        <f t="shared" si="359"/>
        <v>#N/A</v>
      </c>
      <c r="GK63" s="127" t="e">
        <f t="shared" si="360"/>
        <v>#N/A</v>
      </c>
      <c r="GL63" s="126">
        <f t="shared" si="361"/>
        <v>0</v>
      </c>
      <c r="GM63" s="91" t="e">
        <f t="shared" si="362"/>
        <v>#N/A</v>
      </c>
      <c r="GN63" s="91" t="e">
        <f t="shared" si="363"/>
        <v>#N/A</v>
      </c>
      <c r="GO63" s="91" t="e">
        <f t="shared" si="364"/>
        <v>#N/A</v>
      </c>
      <c r="GP63" s="91" t="e">
        <f t="shared" si="365"/>
        <v>#N/A</v>
      </c>
      <c r="GQ63" s="91" t="e">
        <f t="shared" si="366"/>
        <v>#N/A</v>
      </c>
      <c r="GR63" s="91" t="e">
        <f t="shared" si="367"/>
        <v>#N/A</v>
      </c>
      <c r="GS63" s="91" t="e">
        <f t="shared" si="368"/>
        <v>#N/A</v>
      </c>
      <c r="GT63" s="91" t="e">
        <f t="shared" si="369"/>
        <v>#N/A</v>
      </c>
      <c r="GU63" s="91" t="e">
        <f t="shared" si="370"/>
        <v>#N/A</v>
      </c>
      <c r="GV63" s="91" t="e">
        <f t="shared" si="371"/>
        <v>#N/A</v>
      </c>
      <c r="GW63" s="91" t="e">
        <f t="shared" si="372"/>
        <v>#N/A</v>
      </c>
      <c r="GX63" s="91" t="e">
        <f t="shared" si="373"/>
        <v>#N/A</v>
      </c>
      <c r="GY63" s="91">
        <f t="shared" si="374"/>
        <v>0</v>
      </c>
      <c r="GZ63" s="91" t="e">
        <f t="shared" si="375"/>
        <v>#N/A</v>
      </c>
      <c r="HA63" s="91" t="e">
        <f t="shared" si="376"/>
        <v>#N/A</v>
      </c>
      <c r="HB63" s="91" t="e">
        <f t="shared" si="377"/>
        <v>#N/A</v>
      </c>
      <c r="HC63" s="91" t="e">
        <f t="shared" si="378"/>
        <v>#N/A</v>
      </c>
      <c r="HD63" s="91" t="e">
        <f t="shared" si="379"/>
        <v>#N/A</v>
      </c>
      <c r="HE63" s="91" t="e">
        <f t="shared" si="380"/>
        <v>#N/A</v>
      </c>
      <c r="HF63" s="91" t="e">
        <f t="shared" si="381"/>
        <v>#N/A</v>
      </c>
      <c r="HG63" s="91" t="e">
        <f t="shared" si="382"/>
        <v>#N/A</v>
      </c>
      <c r="HH63" s="91" t="e">
        <f t="shared" si="383"/>
        <v>#N/A</v>
      </c>
      <c r="HI63" s="91" t="e">
        <f t="shared" si="384"/>
        <v>#N/A</v>
      </c>
      <c r="HJ63" s="91" t="e">
        <f t="shared" si="385"/>
        <v>#N/A</v>
      </c>
      <c r="HK63" s="127" t="e">
        <f t="shared" si="386"/>
        <v>#N/A</v>
      </c>
      <c r="HL63" s="126">
        <f t="shared" si="387"/>
        <v>0</v>
      </c>
      <c r="HM63" s="91" t="e">
        <f t="shared" si="388"/>
        <v>#N/A</v>
      </c>
      <c r="HN63" s="91" t="e">
        <f t="shared" si="389"/>
        <v>#N/A</v>
      </c>
      <c r="HO63" s="91" t="e">
        <f t="shared" si="390"/>
        <v>#N/A</v>
      </c>
      <c r="HP63" s="91" t="e">
        <f t="shared" si="391"/>
        <v>#N/A</v>
      </c>
      <c r="HQ63" s="91" t="e">
        <f t="shared" si="392"/>
        <v>#N/A</v>
      </c>
      <c r="HR63" s="91" t="e">
        <f t="shared" si="393"/>
        <v>#N/A</v>
      </c>
      <c r="HS63" s="91" t="e">
        <f t="shared" si="394"/>
        <v>#N/A</v>
      </c>
      <c r="HT63" s="91" t="e">
        <f t="shared" si="395"/>
        <v>#N/A</v>
      </c>
      <c r="HU63" s="91" t="e">
        <f t="shared" si="396"/>
        <v>#N/A</v>
      </c>
      <c r="HV63" s="91" t="e">
        <f t="shared" si="397"/>
        <v>#N/A</v>
      </c>
      <c r="HW63" s="91" t="e">
        <f t="shared" si="398"/>
        <v>#N/A</v>
      </c>
      <c r="HX63" s="91" t="e">
        <f t="shared" si="399"/>
        <v>#N/A</v>
      </c>
      <c r="HY63" s="91">
        <f t="shared" si="400"/>
        <v>0</v>
      </c>
      <c r="HZ63" s="91" t="e">
        <f t="shared" si="401"/>
        <v>#N/A</v>
      </c>
      <c r="IA63" s="91" t="e">
        <f t="shared" si="402"/>
        <v>#N/A</v>
      </c>
      <c r="IB63" s="91" t="e">
        <f t="shared" si="403"/>
        <v>#N/A</v>
      </c>
      <c r="IC63" s="91" t="e">
        <f t="shared" si="404"/>
        <v>#N/A</v>
      </c>
      <c r="ID63" s="91" t="e">
        <f t="shared" si="405"/>
        <v>#N/A</v>
      </c>
      <c r="IE63" s="91" t="e">
        <f t="shared" si="406"/>
        <v>#N/A</v>
      </c>
      <c r="IF63" s="91" t="e">
        <f t="shared" si="407"/>
        <v>#N/A</v>
      </c>
      <c r="IG63" s="91" t="e">
        <f t="shared" si="408"/>
        <v>#N/A</v>
      </c>
      <c r="IH63" s="91" t="e">
        <f t="shared" si="409"/>
        <v>#N/A</v>
      </c>
      <c r="II63" s="91" t="e">
        <f t="shared" si="410"/>
        <v>#N/A</v>
      </c>
      <c r="IJ63" s="91" t="e">
        <f t="shared" si="411"/>
        <v>#N/A</v>
      </c>
      <c r="IK63" s="127" t="e">
        <f t="shared" si="412"/>
        <v>#N/A</v>
      </c>
    </row>
    <row r="64" spans="2:245" x14ac:dyDescent="0.2">
      <c r="B64" s="79">
        <f t="shared" si="188"/>
        <v>-53.5</v>
      </c>
      <c r="C64" s="73">
        <f>'p-y mono_clay'!C64</f>
        <v>38</v>
      </c>
      <c r="D64" s="64">
        <f>'p-y mono_clay'!D64</f>
        <v>37.99</v>
      </c>
      <c r="E64" s="64" t="str">
        <f>'p-y mono_clay'!E64</f>
        <v>CLAY</v>
      </c>
      <c r="F64" s="55">
        <f>VLOOKUP($C64, 'Pile Property'!$A$8:$D$108,2,TRUE)</f>
        <v>2</v>
      </c>
      <c r="G64" s="102">
        <f>'p-y mono_clay'!Z64</f>
        <v>10740.26495832298</v>
      </c>
      <c r="H64" s="199">
        <f>'p-y mono_clay'!AM64</f>
        <v>0</v>
      </c>
      <c r="I64" s="55">
        <f>'p-y mono_clay'!AN64</f>
        <v>0.93787340574856726</v>
      </c>
      <c r="J64" s="55">
        <f>'p-y mono_clay'!AO64</f>
        <v>9.3787340574856763</v>
      </c>
      <c r="K64" s="55">
        <f>'p-y mono_clay'!AP64</f>
        <v>20.136202172457018</v>
      </c>
      <c r="L64" s="55">
        <f>'p-y mono_clay'!AQ64</f>
        <v>38.272404344914044</v>
      </c>
      <c r="M64" s="55">
        <f>'p-y mono_clay'!AR64</f>
        <v>61.787340574856742</v>
      </c>
      <c r="N64" s="55">
        <f>'p-y mono_clay'!AS64</f>
        <v>94.059744919770779</v>
      </c>
      <c r="O64" s="55">
        <f>'p-y mono_clay'!AT64</f>
        <v>141.7108833221705</v>
      </c>
      <c r="P64" s="55">
        <f>'p-y mono_clay'!AU64</f>
        <v>217.63442606948425</v>
      </c>
      <c r="Q64" s="55">
        <f>'p-y mono_clay'!AV64</f>
        <v>348.9367028742837</v>
      </c>
      <c r="R64" s="55">
        <f>'p-y mono_clay'!AW64</f>
        <v>556.51138402399715</v>
      </c>
      <c r="S64" s="55">
        <f>'p-y mono_clay'!AX64</f>
        <v>737.87340574856739</v>
      </c>
      <c r="T64" s="200">
        <f>'p-y mono_clay'!AY64</f>
        <v>6000</v>
      </c>
      <c r="U64" s="199">
        <f>'p-y mono_clay'!AZ64</f>
        <v>0</v>
      </c>
      <c r="V64" s="55">
        <f>'p-y mono_clay'!BA64</f>
        <v>537.013247916149</v>
      </c>
      <c r="W64" s="55">
        <f>'p-y mono_clay'!BB64</f>
        <v>2148.052991664596</v>
      </c>
      <c r="X64" s="55">
        <f>'p-y mono_clay'!BC64</f>
        <v>3222.0794874968938</v>
      </c>
      <c r="Y64" s="55">
        <f>'p-y mono_clay'!BD64</f>
        <v>4296.105983329192</v>
      </c>
      <c r="Z64" s="55">
        <f>'p-y mono_clay'!BE64</f>
        <v>5370.1324791614898</v>
      </c>
      <c r="AA64" s="55">
        <f>'p-y mono_clay'!BF64</f>
        <v>6444.1589749937875</v>
      </c>
      <c r="AB64" s="55">
        <f>'p-y mono_clay'!BG64</f>
        <v>7518.1854708260853</v>
      </c>
      <c r="AC64" s="55">
        <f>'p-y mono_clay'!BH64</f>
        <v>8592.211966658384</v>
      </c>
      <c r="AD64" s="55">
        <f>'p-y mono_clay'!BI64</f>
        <v>9666.2384624906827</v>
      </c>
      <c r="AE64" s="55">
        <f>'p-y mono_clay'!BJ64</f>
        <v>10471.758334364904</v>
      </c>
      <c r="AF64" s="55">
        <f>'p-y mono_clay'!BK64</f>
        <v>10740.26495832298</v>
      </c>
      <c r="AG64" s="200">
        <f>'p-y mono_clay'!BL64</f>
        <v>10740.26495832298</v>
      </c>
      <c r="AH64">
        <f t="shared" si="205"/>
        <v>30</v>
      </c>
      <c r="AI64">
        <v>0</v>
      </c>
      <c r="AJ64">
        <f t="shared" si="206"/>
        <v>-0.95</v>
      </c>
      <c r="AK64">
        <f t="shared" si="207"/>
        <v>-0.8</v>
      </c>
      <c r="AL64">
        <f t="shared" si="208"/>
        <v>-0.7</v>
      </c>
      <c r="AM64">
        <f t="shared" si="209"/>
        <v>-0.6</v>
      </c>
      <c r="AN64">
        <f t="shared" si="210"/>
        <v>-0.5</v>
      </c>
      <c r="AO64">
        <f t="shared" si="211"/>
        <v>-0.4</v>
      </c>
      <c r="AP64">
        <f t="shared" si="212"/>
        <v>-0.30000000000000004</v>
      </c>
      <c r="AQ64">
        <f t="shared" si="213"/>
        <v>-0.19999999999999996</v>
      </c>
      <c r="AR64">
        <f t="shared" si="214"/>
        <v>-9.9999999999999867E-2</v>
      </c>
      <c r="AS64">
        <f t="shared" si="215"/>
        <v>-2.5000000000000133E-2</v>
      </c>
      <c r="AT64">
        <f t="shared" si="216"/>
        <v>0</v>
      </c>
      <c r="AU64">
        <f t="shared" si="217"/>
        <v>0</v>
      </c>
      <c r="AV64">
        <v>1</v>
      </c>
      <c r="AW64">
        <v>1.25</v>
      </c>
      <c r="AX64">
        <v>2.5</v>
      </c>
      <c r="AY64" s="162">
        <f t="shared" si="218"/>
        <v>2</v>
      </c>
      <c r="AZ64" s="162">
        <f t="shared" si="219"/>
        <v>1.0256410256410258</v>
      </c>
      <c r="BA64" s="162">
        <f t="shared" si="220"/>
        <v>1.1111111111111112</v>
      </c>
      <c r="BB64" s="162">
        <f t="shared" si="221"/>
        <v>1.1764705882352942</v>
      </c>
      <c r="BC64" s="162">
        <f t="shared" si="222"/>
        <v>1.25</v>
      </c>
      <c r="BD64" s="162">
        <f t="shared" si="223"/>
        <v>1.3333333333333333</v>
      </c>
      <c r="BE64" s="162">
        <f t="shared" si="224"/>
        <v>1.4285714285714286</v>
      </c>
      <c r="BF64" s="162">
        <f t="shared" si="225"/>
        <v>1.5384615384615383</v>
      </c>
      <c r="BG64" s="162">
        <f t="shared" si="226"/>
        <v>1.6666666666666667</v>
      </c>
      <c r="BH64" s="162">
        <f t="shared" si="227"/>
        <v>1.8181818181818183</v>
      </c>
      <c r="BI64" s="162">
        <f t="shared" si="228"/>
        <v>1.9512195121951217</v>
      </c>
      <c r="BJ64" s="162">
        <f t="shared" si="229"/>
        <v>2</v>
      </c>
      <c r="BK64" s="162">
        <f t="shared" si="230"/>
        <v>2</v>
      </c>
      <c r="BL64" s="162">
        <f t="shared" si="231"/>
        <v>2.3784142300054421</v>
      </c>
      <c r="BM64" s="162">
        <f t="shared" si="232"/>
        <v>1.0321533592882333</v>
      </c>
      <c r="BN64" s="162">
        <f t="shared" si="233"/>
        <v>1.1407667734226012</v>
      </c>
      <c r="BO64" s="162">
        <f t="shared" si="234"/>
        <v>1.2252546033521698</v>
      </c>
      <c r="BP64" s="162">
        <f t="shared" si="235"/>
        <v>1.3217140793007052</v>
      </c>
      <c r="BQ64" s="162">
        <f t="shared" si="236"/>
        <v>1.4327599090980556</v>
      </c>
      <c r="BR64" s="162">
        <f t="shared" si="237"/>
        <v>1.5618073056129906</v>
      </c>
      <c r="BS64" s="162">
        <f t="shared" si="238"/>
        <v>1.7133981916233565</v>
      </c>
      <c r="BT64" s="162">
        <f t="shared" si="239"/>
        <v>1.8936989441124989</v>
      </c>
      <c r="BU64" s="162">
        <f t="shared" si="240"/>
        <v>2.1112839107574066</v>
      </c>
      <c r="BV64" s="162">
        <f t="shared" si="241"/>
        <v>2.3061240387292949</v>
      </c>
      <c r="BW64" s="162">
        <f t="shared" si="242"/>
        <v>2.3784142300054421</v>
      </c>
      <c r="BX64" s="162">
        <f t="shared" si="243"/>
        <v>2.3784142300054421</v>
      </c>
      <c r="BY64" s="162">
        <f t="shared" si="244"/>
        <v>5.6568542494923806</v>
      </c>
      <c r="BZ64" s="162">
        <f t="shared" si="245"/>
        <v>1.065340557089985</v>
      </c>
      <c r="CA64" s="162">
        <f t="shared" si="246"/>
        <v>1.3013488313450123</v>
      </c>
      <c r="CB64" s="162">
        <f t="shared" si="247"/>
        <v>1.501248843035683</v>
      </c>
      <c r="CC64" s="162">
        <f t="shared" si="248"/>
        <v>1.7469281074217107</v>
      </c>
      <c r="CD64" s="162">
        <f t="shared" si="249"/>
        <v>2.0528009571186687</v>
      </c>
      <c r="CE64" s="162">
        <f t="shared" si="250"/>
        <v>2.4392420598661095</v>
      </c>
      <c r="CF64" s="162">
        <f t="shared" si="251"/>
        <v>2.9357333630581879</v>
      </c>
      <c r="CG64" s="162">
        <f t="shared" si="252"/>
        <v>3.5860956909327935</v>
      </c>
      <c r="CH64" s="162">
        <f t="shared" si="253"/>
        <v>4.4575197518230896</v>
      </c>
      <c r="CI64" s="162">
        <f t="shared" si="254"/>
        <v>5.318208082005115</v>
      </c>
      <c r="CJ64" s="162">
        <f t="shared" si="255"/>
        <v>5.6568542494923806</v>
      </c>
      <c r="CK64" s="162">
        <f t="shared" si="256"/>
        <v>5.6568542494923806</v>
      </c>
      <c r="CL64">
        <f t="shared" si="257"/>
        <v>1.3729593947216077</v>
      </c>
      <c r="CM64">
        <f t="shared" si="258"/>
        <v>1.4664555068821994</v>
      </c>
      <c r="CN64">
        <f t="shared" si="259"/>
        <v>1.4552495278079043</v>
      </c>
      <c r="CO64">
        <f t="shared" si="260"/>
        <v>1.4472473498703116</v>
      </c>
      <c r="CP64">
        <f t="shared" si="261"/>
        <v>1.4387599028160105</v>
      </c>
      <c r="CQ64">
        <f t="shared" si="262"/>
        <v>1.4297245098567506</v>
      </c>
      <c r="CR64">
        <f t="shared" si="263"/>
        <v>1.4200655078485775</v>
      </c>
      <c r="CS64">
        <f t="shared" si="264"/>
        <v>1.4096903917470565</v>
      </c>
      <c r="CT64">
        <f t="shared" si="265"/>
        <v>1.3984844126727614</v>
      </c>
      <c r="CU64">
        <f t="shared" si="266"/>
        <v>1.3863028198942131</v>
      </c>
      <c r="CV64">
        <f t="shared" si="267"/>
        <v>1.3764163604842596</v>
      </c>
      <c r="CW64">
        <f t="shared" si="268"/>
        <v>1.3729593947216077</v>
      </c>
      <c r="CX64" s="98">
        <f t="shared" si="269"/>
        <v>1.3729593947216077</v>
      </c>
      <c r="CY64">
        <f t="shared" si="270"/>
        <v>1.1029593947216076</v>
      </c>
      <c r="CZ64">
        <f t="shared" si="271"/>
        <v>1.1964555068821994</v>
      </c>
      <c r="DA64">
        <f t="shared" si="272"/>
        <v>1.1852495278079043</v>
      </c>
      <c r="DB64">
        <f t="shared" si="273"/>
        <v>1.1772473498703115</v>
      </c>
      <c r="DC64">
        <f t="shared" si="274"/>
        <v>1.1687599028160105</v>
      </c>
      <c r="DD64">
        <f t="shared" si="275"/>
        <v>1.1597245098567506</v>
      </c>
      <c r="DE64">
        <f t="shared" si="276"/>
        <v>1.1500655078485775</v>
      </c>
      <c r="DF64">
        <f t="shared" si="277"/>
        <v>1.1396903917470564</v>
      </c>
      <c r="DG64">
        <f t="shared" si="278"/>
        <v>1.1284844126727613</v>
      </c>
      <c r="DH64">
        <f t="shared" si="279"/>
        <v>1.1163028198942131</v>
      </c>
      <c r="DI64">
        <f t="shared" si="280"/>
        <v>1.1064163604842596</v>
      </c>
      <c r="DJ64">
        <f t="shared" si="281"/>
        <v>1.1029593947216076</v>
      </c>
      <c r="DK64">
        <f t="shared" si="282"/>
        <v>1.1029593947216076</v>
      </c>
      <c r="DL64" s="97">
        <f t="shared" si="283"/>
        <v>1.5000349036450102</v>
      </c>
      <c r="DM64">
        <f t="shared" si="284"/>
        <v>1.6252529110029454</v>
      </c>
      <c r="DN64">
        <f t="shared" si="285"/>
        <v>1.6102449033141575</v>
      </c>
      <c r="DO64">
        <f t="shared" si="286"/>
        <v>1.5995277007191671</v>
      </c>
      <c r="DP64">
        <f t="shared" si="287"/>
        <v>1.5881605841285855</v>
      </c>
      <c r="DQ64">
        <f t="shared" si="288"/>
        <v>1.5760596114152909</v>
      </c>
      <c r="DR64">
        <f t="shared" si="289"/>
        <v>1.5631234480114875</v>
      </c>
      <c r="DS64">
        <f t="shared" si="290"/>
        <v>1.5492282032326647</v>
      </c>
      <c r="DT64">
        <f t="shared" si="291"/>
        <v>1.5342201955438766</v>
      </c>
      <c r="DU64">
        <f t="shared" si="292"/>
        <v>1.5179055623583211</v>
      </c>
      <c r="DV64">
        <f t="shared" si="293"/>
        <v>1.5046647685057049</v>
      </c>
      <c r="DW64">
        <f t="shared" si="294"/>
        <v>1.5000349036450102</v>
      </c>
      <c r="DX64" s="98">
        <f t="shared" si="295"/>
        <v>1.5000349036450102</v>
      </c>
      <c r="DY64">
        <f t="shared" si="296"/>
        <v>1.0527062241310117</v>
      </c>
      <c r="DZ64">
        <f t="shared" si="297"/>
        <v>1.1946199658033383</v>
      </c>
      <c r="EA64">
        <f t="shared" si="298"/>
        <v>1.1776108904227118</v>
      </c>
      <c r="EB64">
        <f t="shared" si="299"/>
        <v>1.1654647274817227</v>
      </c>
      <c r="EC64">
        <f t="shared" si="300"/>
        <v>1.1525819953457304</v>
      </c>
      <c r="ED64">
        <f t="shared" si="301"/>
        <v>1.1388675596039965</v>
      </c>
      <c r="EE64">
        <f t="shared" si="302"/>
        <v>1.1242065744130194</v>
      </c>
      <c r="EF64">
        <f t="shared" si="303"/>
        <v>1.1084586303303534</v>
      </c>
      <c r="EG64">
        <f t="shared" si="304"/>
        <v>1.091449554949727</v>
      </c>
      <c r="EH64">
        <f t="shared" si="305"/>
        <v>1.0729596373394306</v>
      </c>
      <c r="EI64">
        <f t="shared" si="306"/>
        <v>1.0579534043064656</v>
      </c>
      <c r="EJ64">
        <f t="shared" si="307"/>
        <v>1.0527062241310117</v>
      </c>
      <c r="EK64">
        <f t="shared" si="308"/>
        <v>1.0527062241310117</v>
      </c>
      <c r="EL64" s="97">
        <f t="shared" si="309"/>
        <v>1.1554124482620232</v>
      </c>
      <c r="EM64">
        <f t="shared" si="310"/>
        <v>1.4392399316066766</v>
      </c>
      <c r="EN64">
        <f t="shared" si="311"/>
        <v>1.4052217808454237</v>
      </c>
      <c r="EO64">
        <f t="shared" si="312"/>
        <v>1.3809294549634457</v>
      </c>
      <c r="EP64">
        <f t="shared" si="313"/>
        <v>1.3551639906914608</v>
      </c>
      <c r="EQ64">
        <f t="shared" si="314"/>
        <v>1.3277351192079931</v>
      </c>
      <c r="ER64">
        <f t="shared" si="315"/>
        <v>1.2984131488260386</v>
      </c>
      <c r="ES64">
        <f t="shared" si="316"/>
        <v>1.2669172606607069</v>
      </c>
      <c r="ET64">
        <f t="shared" si="317"/>
        <v>1.2328991098994539</v>
      </c>
      <c r="EU64">
        <f t="shared" si="318"/>
        <v>1.1959192746788612</v>
      </c>
      <c r="EV64">
        <f t="shared" si="319"/>
        <v>1.1659068086129312</v>
      </c>
      <c r="EW64">
        <f t="shared" si="320"/>
        <v>1.1554124482620232</v>
      </c>
      <c r="EX64" s="98">
        <f t="shared" si="321"/>
        <v>1.1554124482620232</v>
      </c>
      <c r="EY64" s="97">
        <f t="shared" si="322"/>
        <v>0.90541244826202316</v>
      </c>
      <c r="EZ64">
        <f t="shared" si="323"/>
        <v>1.1892399316066766</v>
      </c>
      <c r="FA64">
        <f t="shared" si="324"/>
        <v>1.1552217808454237</v>
      </c>
      <c r="FB64">
        <f t="shared" si="325"/>
        <v>1.1309294549634457</v>
      </c>
      <c r="FC64">
        <f t="shared" si="326"/>
        <v>1.1051639906914608</v>
      </c>
      <c r="FD64">
        <f t="shared" si="327"/>
        <v>1.0777351192079931</v>
      </c>
      <c r="FE64">
        <f t="shared" si="328"/>
        <v>1.0484131488260386</v>
      </c>
      <c r="FF64">
        <f t="shared" si="329"/>
        <v>1.0169172606607069</v>
      </c>
      <c r="FG64">
        <f t="shared" si="330"/>
        <v>0.98289910989945395</v>
      </c>
      <c r="FH64">
        <f t="shared" si="331"/>
        <v>0.94591927467886117</v>
      </c>
      <c r="FI64">
        <f t="shared" si="332"/>
        <v>0.91590680861293117</v>
      </c>
      <c r="FJ64">
        <f t="shared" si="333"/>
        <v>0.90541244826202316</v>
      </c>
      <c r="FK64">
        <f t="shared" si="334"/>
        <v>0.90541244826202316</v>
      </c>
      <c r="FL64" s="126">
        <f t="shared" si="335"/>
        <v>0</v>
      </c>
      <c r="FM64" s="91">
        <f t="shared" si="336"/>
        <v>787.50603467533244</v>
      </c>
      <c r="FN64" s="91">
        <f t="shared" si="337"/>
        <v>3125.9531018262596</v>
      </c>
      <c r="FO64" s="91">
        <f t="shared" si="338"/>
        <v>4663.1459993513708</v>
      </c>
      <c r="FP64" s="91">
        <f t="shared" si="339"/>
        <v>6181.0650270619899</v>
      </c>
      <c r="FQ64" s="91">
        <f t="shared" si="340"/>
        <v>7677.8100266349775</v>
      </c>
      <c r="FR64" s="91">
        <f t="shared" si="341"/>
        <v>9151.1278874815216</v>
      </c>
      <c r="FS64" s="91">
        <f t="shared" si="342"/>
        <v>10598.313821595852</v>
      </c>
      <c r="FT64" s="91">
        <f t="shared" si="343"/>
        <v>12016.074505752122</v>
      </c>
      <c r="FU64" s="91">
        <f t="shared" si="344"/>
        <v>13400.333638320737</v>
      </c>
      <c r="FV64" s="91">
        <f t="shared" si="345"/>
        <v>14413.499494457254</v>
      </c>
      <c r="FW64" s="91">
        <f t="shared" si="346"/>
        <v>14745.947676328811</v>
      </c>
      <c r="FX64" s="91">
        <f t="shared" si="347"/>
        <v>14745.947676328811</v>
      </c>
      <c r="FY64" s="91">
        <f t="shared" si="348"/>
        <v>0</v>
      </c>
      <c r="FZ64" s="91">
        <f t="shared" si="349"/>
        <v>1.1221238010662367</v>
      </c>
      <c r="GA64" s="91">
        <f t="shared" si="350"/>
        <v>11.116140113070808</v>
      </c>
      <c r="GB64" s="91">
        <f t="shared" si="351"/>
        <v>23.705290643977836</v>
      </c>
      <c r="GC64" s="91">
        <f t="shared" si="352"/>
        <v>44.731251582696792</v>
      </c>
      <c r="GD64" s="91">
        <f t="shared" si="353"/>
        <v>71.656293263527857</v>
      </c>
      <c r="GE64" s="91">
        <f t="shared" si="354"/>
        <v>108.17486830926384</v>
      </c>
      <c r="GF64" s="91">
        <f t="shared" si="355"/>
        <v>161.50653212826592</v>
      </c>
      <c r="GG64" s="91">
        <f t="shared" si="356"/>
        <v>245.59705748039542</v>
      </c>
      <c r="GH64" s="91">
        <f t="shared" si="357"/>
        <v>389.51902538315204</v>
      </c>
      <c r="GI64" s="91">
        <f t="shared" si="358"/>
        <v>615.73330007988909</v>
      </c>
      <c r="GJ64" s="91">
        <f t="shared" si="359"/>
        <v>813.84440498561105</v>
      </c>
      <c r="GK64" s="127">
        <f t="shared" si="360"/>
        <v>6617.7563683296457</v>
      </c>
      <c r="GL64" s="126">
        <f t="shared" si="361"/>
        <v>0</v>
      </c>
      <c r="GM64" s="91">
        <f t="shared" si="362"/>
        <v>872.7823444228676</v>
      </c>
      <c r="GN64" s="91">
        <f t="shared" si="363"/>
        <v>3458.8913818766441</v>
      </c>
      <c r="GO64" s="91">
        <f t="shared" si="364"/>
        <v>5153.8053941702983</v>
      </c>
      <c r="GP64" s="91">
        <f t="shared" si="365"/>
        <v>6822.9061879624005</v>
      </c>
      <c r="GQ64" s="91">
        <f t="shared" si="366"/>
        <v>8463.6489083558899</v>
      </c>
      <c r="GR64" s="91">
        <f t="shared" si="367"/>
        <v>10073.015996526463</v>
      </c>
      <c r="GS64" s="91">
        <f t="shared" si="368"/>
        <v>11647.384968537821</v>
      </c>
      <c r="GT64" s="91">
        <f t="shared" si="369"/>
        <v>13182.345123641062</v>
      </c>
      <c r="GU64" s="91">
        <f t="shared" si="370"/>
        <v>14672.437129296553</v>
      </c>
      <c r="GV64" s="91">
        <f t="shared" si="371"/>
        <v>15756.485830024854</v>
      </c>
      <c r="GW64" s="91">
        <f t="shared" si="372"/>
        <v>16110.772311879891</v>
      </c>
      <c r="GX64" s="91">
        <f t="shared" si="373"/>
        <v>16110.772311879891</v>
      </c>
      <c r="GY64" s="91">
        <f t="shared" si="374"/>
        <v>0</v>
      </c>
      <c r="GZ64" s="91">
        <f t="shared" si="375"/>
        <v>1.1204022959032138</v>
      </c>
      <c r="HA64" s="91">
        <f t="shared" si="376"/>
        <v>11.04449936447352</v>
      </c>
      <c r="HB64" s="91">
        <f t="shared" si="377"/>
        <v>23.468033377439493</v>
      </c>
      <c r="HC64" s="91">
        <f t="shared" si="378"/>
        <v>44.112084166539631</v>
      </c>
      <c r="HD64" s="91">
        <f t="shared" si="379"/>
        <v>70.367597774908091</v>
      </c>
      <c r="HE64" s="91">
        <f t="shared" si="380"/>
        <v>105.74258362641791</v>
      </c>
      <c r="HF64" s="91">
        <f t="shared" si="381"/>
        <v>157.08065163019765</v>
      </c>
      <c r="HG64" s="91">
        <f t="shared" si="382"/>
        <v>237.53699747527784</v>
      </c>
      <c r="HH64" s="91">
        <f t="shared" si="383"/>
        <v>374.39499817040809</v>
      </c>
      <c r="HI64" s="91">
        <f t="shared" si="384"/>
        <v>588.7631132634906</v>
      </c>
      <c r="HJ64" s="91">
        <f t="shared" si="385"/>
        <v>776.76392685226426</v>
      </c>
      <c r="HK64" s="127">
        <f t="shared" si="386"/>
        <v>6316.23734478607</v>
      </c>
      <c r="HL64" s="126">
        <f t="shared" si="387"/>
        <v>0</v>
      </c>
      <c r="HM64" s="91">
        <f t="shared" si="388"/>
        <v>772.89091020271758</v>
      </c>
      <c r="HN64" s="91">
        <f t="shared" si="389"/>
        <v>3018.4908502972635</v>
      </c>
      <c r="HO64" s="91">
        <f t="shared" si="390"/>
        <v>4449.4644705179835</v>
      </c>
      <c r="HP64" s="91">
        <f t="shared" si="391"/>
        <v>5821.9281288018501</v>
      </c>
      <c r="HQ64" s="91">
        <f t="shared" si="392"/>
        <v>7130.1134873821966</v>
      </c>
      <c r="HR64" s="91">
        <f t="shared" si="393"/>
        <v>8367.1807462572615</v>
      </c>
      <c r="HS64" s="91">
        <f t="shared" si="394"/>
        <v>9524.9189418381102</v>
      </c>
      <c r="HT64" s="91">
        <f t="shared" si="395"/>
        <v>10593.330485760558</v>
      </c>
      <c r="HU64" s="91">
        <f t="shared" si="396"/>
        <v>11560.040890934768</v>
      </c>
      <c r="HV64" s="91">
        <f t="shared" si="397"/>
        <v>12209.094340185249</v>
      </c>
      <c r="HW64" s="91">
        <f t="shared" si="398"/>
        <v>12409.435830478769</v>
      </c>
      <c r="HX64" s="91">
        <f t="shared" si="399"/>
        <v>12409.435830478769</v>
      </c>
      <c r="HY64" s="91">
        <f t="shared" si="400"/>
        <v>0</v>
      </c>
      <c r="HZ64" s="91">
        <f t="shared" si="401"/>
        <v>1.1153565049081471</v>
      </c>
      <c r="IA64" s="91">
        <f t="shared" si="402"/>
        <v>10.83451785996423</v>
      </c>
      <c r="IB64" s="91">
        <f t="shared" si="403"/>
        <v>22.772624147930568</v>
      </c>
      <c r="IC64" s="91">
        <f t="shared" si="404"/>
        <v>42.29728311918241</v>
      </c>
      <c r="ID64" s="91">
        <f t="shared" si="405"/>
        <v>66.590386859988101</v>
      </c>
      <c r="IE64" s="91">
        <f t="shared" si="406"/>
        <v>98.613473349110876</v>
      </c>
      <c r="IF64" s="91">
        <f t="shared" si="407"/>
        <v>144.10824327379069</v>
      </c>
      <c r="IG64" s="91">
        <f t="shared" si="408"/>
        <v>213.91268366717458</v>
      </c>
      <c r="IH64" s="91">
        <f t="shared" si="409"/>
        <v>330.06595289167575</v>
      </c>
      <c r="II64" s="91">
        <f t="shared" si="410"/>
        <v>509.71256569818462</v>
      </c>
      <c r="IJ64" s="91">
        <f t="shared" si="411"/>
        <v>668.07976680624756</v>
      </c>
      <c r="IK64" s="127">
        <f t="shared" si="412"/>
        <v>5432.4746895721391</v>
      </c>
    </row>
    <row r="65" spans="2:245" x14ac:dyDescent="0.2">
      <c r="B65" s="79">
        <f t="shared" si="188"/>
        <v>-54.5</v>
      </c>
      <c r="C65" s="73">
        <f>'p-y mono_clay'!C65</f>
        <v>39</v>
      </c>
      <c r="D65" s="64">
        <f>'p-y mono_clay'!D65</f>
        <v>38.992000000000004</v>
      </c>
      <c r="E65" s="64" t="str">
        <f>'p-y mono_clay'!E65</f>
        <v>CLAY</v>
      </c>
      <c r="F65" s="55">
        <f>VLOOKUP($C65, 'Pile Property'!$A$8:$D$108,2,TRUE)</f>
        <v>2</v>
      </c>
      <c r="G65" s="102">
        <f>'p-y mono_clay'!Z65</f>
        <v>8835.2134928252653</v>
      </c>
      <c r="H65" s="199">
        <f>'p-y mono_clay'!AM65</f>
        <v>0</v>
      </c>
      <c r="I65" s="55">
        <f>'p-y mono_clay'!AN65</f>
        <v>0.88718689028721864</v>
      </c>
      <c r="J65" s="55">
        <f>'p-y mono_clay'!AO65</f>
        <v>8.8718689028721887</v>
      </c>
      <c r="K65" s="55">
        <f>'p-y mono_clay'!AP65</f>
        <v>18.615606708616561</v>
      </c>
      <c r="L65" s="55">
        <f>'p-y mono_clay'!AQ65</f>
        <v>35.231213417233128</v>
      </c>
      <c r="M65" s="55">
        <f>'p-y mono_clay'!AR65</f>
        <v>56.718689028721876</v>
      </c>
      <c r="N65" s="55">
        <f>'p-y mono_clay'!AS65</f>
        <v>85.94990244595499</v>
      </c>
      <c r="O65" s="55">
        <f>'p-y mono_clay'!AT65</f>
        <v>130.05298476606032</v>
      </c>
      <c r="P65" s="55">
        <f>'p-y mono_clay'!AU65</f>
        <v>199.38728050339876</v>
      </c>
      <c r="Q65" s="55">
        <f>'p-y mono_clay'!AV65</f>
        <v>323.59344514360936</v>
      </c>
      <c r="R65" s="55">
        <f>'p-y mono_clay'!AW65</f>
        <v>521.03082320105307</v>
      </c>
      <c r="S65" s="55">
        <f>'p-y mono_clay'!AX65</f>
        <v>687.18689028721872</v>
      </c>
      <c r="T65" s="200">
        <f>'p-y mono_clay'!AY65</f>
        <v>6000</v>
      </c>
      <c r="U65" s="199">
        <f>'p-y mono_clay'!AZ65</f>
        <v>0</v>
      </c>
      <c r="V65" s="55">
        <f>'p-y mono_clay'!BA65</f>
        <v>441.76067464126328</v>
      </c>
      <c r="W65" s="55">
        <f>'p-y mono_clay'!BB65</f>
        <v>1767.0426985650531</v>
      </c>
      <c r="X65" s="55">
        <f>'p-y mono_clay'!BC65</f>
        <v>2650.5640478475793</v>
      </c>
      <c r="Y65" s="55">
        <f>'p-y mono_clay'!BD65</f>
        <v>3534.0853971301062</v>
      </c>
      <c r="Z65" s="55">
        <f>'p-y mono_clay'!BE65</f>
        <v>4417.6067464126327</v>
      </c>
      <c r="AA65" s="55">
        <f>'p-y mono_clay'!BF65</f>
        <v>5301.1280956951587</v>
      </c>
      <c r="AB65" s="55">
        <f>'p-y mono_clay'!BG65</f>
        <v>6184.6494449776856</v>
      </c>
      <c r="AC65" s="55">
        <f>'p-y mono_clay'!BH65</f>
        <v>7068.1707942602125</v>
      </c>
      <c r="AD65" s="55">
        <f>'p-y mono_clay'!BI65</f>
        <v>7951.6921435427394</v>
      </c>
      <c r="AE65" s="55">
        <f>'p-y mono_clay'!BJ65</f>
        <v>8614.3331555046334</v>
      </c>
      <c r="AF65" s="55">
        <f>'p-y mono_clay'!BK65</f>
        <v>8835.2134928252653</v>
      </c>
      <c r="AG65" s="200">
        <f>'p-y mono_clay'!BL65</f>
        <v>8835.2134928252653</v>
      </c>
      <c r="AH65">
        <f t="shared" si="205"/>
        <v>30</v>
      </c>
      <c r="AI65">
        <v>0</v>
      </c>
      <c r="AJ65">
        <f t="shared" si="206"/>
        <v>-0.95</v>
      </c>
      <c r="AK65">
        <f t="shared" si="207"/>
        <v>-0.8</v>
      </c>
      <c r="AL65">
        <f t="shared" si="208"/>
        <v>-0.7</v>
      </c>
      <c r="AM65">
        <f t="shared" si="209"/>
        <v>-0.6</v>
      </c>
      <c r="AN65">
        <f t="shared" si="210"/>
        <v>-0.5</v>
      </c>
      <c r="AO65">
        <f t="shared" si="211"/>
        <v>-0.4</v>
      </c>
      <c r="AP65">
        <f t="shared" si="212"/>
        <v>-0.30000000000000004</v>
      </c>
      <c r="AQ65">
        <f t="shared" si="213"/>
        <v>-0.19999999999999996</v>
      </c>
      <c r="AR65">
        <f t="shared" si="214"/>
        <v>-9.9999999999999978E-2</v>
      </c>
      <c r="AS65">
        <f t="shared" si="215"/>
        <v>-2.5000000000000022E-2</v>
      </c>
      <c r="AT65">
        <f t="shared" si="216"/>
        <v>0</v>
      </c>
      <c r="AU65">
        <f t="shared" si="217"/>
        <v>0</v>
      </c>
      <c r="AV65">
        <v>1</v>
      </c>
      <c r="AW65">
        <v>1.25</v>
      </c>
      <c r="AX65">
        <v>2.5</v>
      </c>
      <c r="AY65" s="162">
        <f t="shared" si="218"/>
        <v>2</v>
      </c>
      <c r="AZ65" s="162">
        <f t="shared" si="219"/>
        <v>1.0256410256410258</v>
      </c>
      <c r="BA65" s="162">
        <f t="shared" si="220"/>
        <v>1.1111111111111112</v>
      </c>
      <c r="BB65" s="162">
        <f t="shared" si="221"/>
        <v>1.1764705882352942</v>
      </c>
      <c r="BC65" s="162">
        <f t="shared" si="222"/>
        <v>1.25</v>
      </c>
      <c r="BD65" s="162">
        <f t="shared" si="223"/>
        <v>1.3333333333333333</v>
      </c>
      <c r="BE65" s="162">
        <f t="shared" si="224"/>
        <v>1.4285714285714286</v>
      </c>
      <c r="BF65" s="162">
        <f t="shared" si="225"/>
        <v>1.5384615384615383</v>
      </c>
      <c r="BG65" s="162">
        <f t="shared" si="226"/>
        <v>1.6666666666666667</v>
      </c>
      <c r="BH65" s="162">
        <f t="shared" si="227"/>
        <v>1.8181818181818181</v>
      </c>
      <c r="BI65" s="162">
        <f t="shared" si="228"/>
        <v>1.9512195121951221</v>
      </c>
      <c r="BJ65" s="162">
        <f t="shared" si="229"/>
        <v>2</v>
      </c>
      <c r="BK65" s="162">
        <f t="shared" si="230"/>
        <v>2</v>
      </c>
      <c r="BL65" s="162">
        <f t="shared" si="231"/>
        <v>2.3784142300054421</v>
      </c>
      <c r="BM65" s="162">
        <f t="shared" si="232"/>
        <v>1.0321533592882333</v>
      </c>
      <c r="BN65" s="162">
        <f t="shared" si="233"/>
        <v>1.1407667734226012</v>
      </c>
      <c r="BO65" s="162">
        <f t="shared" si="234"/>
        <v>1.2252546033521698</v>
      </c>
      <c r="BP65" s="162">
        <f t="shared" si="235"/>
        <v>1.3217140793007052</v>
      </c>
      <c r="BQ65" s="162">
        <f t="shared" si="236"/>
        <v>1.4327599090980556</v>
      </c>
      <c r="BR65" s="162">
        <f t="shared" si="237"/>
        <v>1.5618073056129906</v>
      </c>
      <c r="BS65" s="162">
        <f t="shared" si="238"/>
        <v>1.7133981916233565</v>
      </c>
      <c r="BT65" s="162">
        <f t="shared" si="239"/>
        <v>1.8936989441124989</v>
      </c>
      <c r="BU65" s="162">
        <f t="shared" si="240"/>
        <v>2.1112839107574066</v>
      </c>
      <c r="BV65" s="162">
        <f t="shared" si="241"/>
        <v>2.3061240387292958</v>
      </c>
      <c r="BW65" s="162">
        <f t="shared" si="242"/>
        <v>2.3784142300054421</v>
      </c>
      <c r="BX65" s="162">
        <f t="shared" si="243"/>
        <v>2.3784142300054421</v>
      </c>
      <c r="BY65" s="162">
        <f t="shared" si="244"/>
        <v>5.6568542494923806</v>
      </c>
      <c r="BZ65" s="162">
        <f t="shared" si="245"/>
        <v>1.065340557089985</v>
      </c>
      <c r="CA65" s="162">
        <f t="shared" si="246"/>
        <v>1.3013488313450123</v>
      </c>
      <c r="CB65" s="162">
        <f t="shared" si="247"/>
        <v>1.501248843035683</v>
      </c>
      <c r="CC65" s="162">
        <f t="shared" si="248"/>
        <v>1.7469281074217107</v>
      </c>
      <c r="CD65" s="162">
        <f t="shared" si="249"/>
        <v>2.0528009571186687</v>
      </c>
      <c r="CE65" s="162">
        <f t="shared" si="250"/>
        <v>2.4392420598661095</v>
      </c>
      <c r="CF65" s="162">
        <f t="shared" si="251"/>
        <v>2.9357333630581879</v>
      </c>
      <c r="CG65" s="162">
        <f t="shared" si="252"/>
        <v>3.5860956909327935</v>
      </c>
      <c r="CH65" s="162">
        <f t="shared" si="253"/>
        <v>4.4575197518230878</v>
      </c>
      <c r="CI65" s="162">
        <f t="shared" si="254"/>
        <v>5.3182080820051185</v>
      </c>
      <c r="CJ65" s="162">
        <f t="shared" si="255"/>
        <v>5.6568542494923806</v>
      </c>
      <c r="CK65" s="162">
        <f t="shared" si="256"/>
        <v>5.6568542494923806</v>
      </c>
      <c r="CL65">
        <f t="shared" si="257"/>
        <v>1.3729593947216077</v>
      </c>
      <c r="CM65">
        <f t="shared" si="258"/>
        <v>1.4664555068821994</v>
      </c>
      <c r="CN65">
        <f t="shared" si="259"/>
        <v>1.4552495278079043</v>
      </c>
      <c r="CO65">
        <f t="shared" si="260"/>
        <v>1.4472473498703116</v>
      </c>
      <c r="CP65">
        <f t="shared" si="261"/>
        <v>1.4387599028160105</v>
      </c>
      <c r="CQ65">
        <f t="shared" si="262"/>
        <v>1.4297245098567506</v>
      </c>
      <c r="CR65">
        <f t="shared" si="263"/>
        <v>1.4200655078485775</v>
      </c>
      <c r="CS65">
        <f t="shared" si="264"/>
        <v>1.4096903917470565</v>
      </c>
      <c r="CT65">
        <f t="shared" si="265"/>
        <v>1.3984844126727614</v>
      </c>
      <c r="CU65">
        <f t="shared" si="266"/>
        <v>1.3863028198942131</v>
      </c>
      <c r="CV65">
        <f t="shared" si="267"/>
        <v>1.3764163604842596</v>
      </c>
      <c r="CW65">
        <f t="shared" si="268"/>
        <v>1.3729593947216077</v>
      </c>
      <c r="CX65" s="98">
        <f t="shared" si="269"/>
        <v>1.3729593947216077</v>
      </c>
      <c r="CY65">
        <f t="shared" si="270"/>
        <v>1.1029593947216076</v>
      </c>
      <c r="CZ65">
        <f t="shared" si="271"/>
        <v>1.1964555068821994</v>
      </c>
      <c r="DA65">
        <f t="shared" si="272"/>
        <v>1.1852495278079043</v>
      </c>
      <c r="DB65">
        <f t="shared" si="273"/>
        <v>1.1772473498703115</v>
      </c>
      <c r="DC65">
        <f t="shared" si="274"/>
        <v>1.1687599028160105</v>
      </c>
      <c r="DD65">
        <f t="shared" si="275"/>
        <v>1.1597245098567506</v>
      </c>
      <c r="DE65">
        <f t="shared" si="276"/>
        <v>1.1500655078485775</v>
      </c>
      <c r="DF65">
        <f t="shared" si="277"/>
        <v>1.1396903917470564</v>
      </c>
      <c r="DG65">
        <f t="shared" si="278"/>
        <v>1.1284844126727613</v>
      </c>
      <c r="DH65">
        <f t="shared" si="279"/>
        <v>1.1163028198942131</v>
      </c>
      <c r="DI65">
        <f t="shared" si="280"/>
        <v>1.1064163604842596</v>
      </c>
      <c r="DJ65">
        <f t="shared" si="281"/>
        <v>1.1029593947216076</v>
      </c>
      <c r="DK65">
        <f t="shared" si="282"/>
        <v>1.1029593947216076</v>
      </c>
      <c r="DL65" s="97">
        <f t="shared" si="283"/>
        <v>1.5000349036450102</v>
      </c>
      <c r="DM65">
        <f t="shared" si="284"/>
        <v>1.6252529110029454</v>
      </c>
      <c r="DN65">
        <f t="shared" si="285"/>
        <v>1.6102449033141575</v>
      </c>
      <c r="DO65">
        <f t="shared" si="286"/>
        <v>1.5995277007191671</v>
      </c>
      <c r="DP65">
        <f t="shared" si="287"/>
        <v>1.5881605841285855</v>
      </c>
      <c r="DQ65">
        <f t="shared" si="288"/>
        <v>1.5760596114152909</v>
      </c>
      <c r="DR65">
        <f t="shared" si="289"/>
        <v>1.5631234480114875</v>
      </c>
      <c r="DS65">
        <f t="shared" si="290"/>
        <v>1.5492282032326647</v>
      </c>
      <c r="DT65">
        <f t="shared" si="291"/>
        <v>1.5342201955438766</v>
      </c>
      <c r="DU65">
        <f t="shared" si="292"/>
        <v>1.5179055623583211</v>
      </c>
      <c r="DV65">
        <f t="shared" si="293"/>
        <v>1.5046647685057049</v>
      </c>
      <c r="DW65">
        <f t="shared" si="294"/>
        <v>1.5000349036450102</v>
      </c>
      <c r="DX65" s="98">
        <f t="shared" si="295"/>
        <v>1.5000349036450102</v>
      </c>
      <c r="DY65">
        <f t="shared" si="296"/>
        <v>1.0527062241310117</v>
      </c>
      <c r="DZ65">
        <f t="shared" si="297"/>
        <v>1.1946199658033383</v>
      </c>
      <c r="EA65">
        <f t="shared" si="298"/>
        <v>1.1776108904227118</v>
      </c>
      <c r="EB65">
        <f t="shared" si="299"/>
        <v>1.1654647274817227</v>
      </c>
      <c r="EC65">
        <f t="shared" si="300"/>
        <v>1.1525819953457304</v>
      </c>
      <c r="ED65">
        <f t="shared" si="301"/>
        <v>1.1388675596039965</v>
      </c>
      <c r="EE65">
        <f t="shared" si="302"/>
        <v>1.1242065744130194</v>
      </c>
      <c r="EF65">
        <f t="shared" si="303"/>
        <v>1.1084586303303534</v>
      </c>
      <c r="EG65">
        <f t="shared" si="304"/>
        <v>1.091449554949727</v>
      </c>
      <c r="EH65">
        <f t="shared" si="305"/>
        <v>1.0729596373394306</v>
      </c>
      <c r="EI65">
        <f t="shared" si="306"/>
        <v>1.0579534043064656</v>
      </c>
      <c r="EJ65">
        <f t="shared" si="307"/>
        <v>1.0527062241310117</v>
      </c>
      <c r="EK65">
        <f t="shared" si="308"/>
        <v>1.0527062241310117</v>
      </c>
      <c r="EL65" s="97">
        <f t="shared" si="309"/>
        <v>1.1554124482620232</v>
      </c>
      <c r="EM65">
        <f t="shared" si="310"/>
        <v>1.4392399316066766</v>
      </c>
      <c r="EN65">
        <f t="shared" si="311"/>
        <v>1.4052217808454237</v>
      </c>
      <c r="EO65">
        <f t="shared" si="312"/>
        <v>1.3809294549634457</v>
      </c>
      <c r="EP65">
        <f t="shared" si="313"/>
        <v>1.3551639906914608</v>
      </c>
      <c r="EQ65">
        <f t="shared" si="314"/>
        <v>1.3277351192079931</v>
      </c>
      <c r="ER65">
        <f t="shared" si="315"/>
        <v>1.2984131488260386</v>
      </c>
      <c r="ES65">
        <f t="shared" si="316"/>
        <v>1.2669172606607069</v>
      </c>
      <c r="ET65">
        <f t="shared" si="317"/>
        <v>1.2328991098994539</v>
      </c>
      <c r="EU65">
        <f t="shared" si="318"/>
        <v>1.1959192746788612</v>
      </c>
      <c r="EV65">
        <f t="shared" si="319"/>
        <v>1.1659068086129309</v>
      </c>
      <c r="EW65">
        <f t="shared" si="320"/>
        <v>1.1554124482620232</v>
      </c>
      <c r="EX65" s="98">
        <f t="shared" si="321"/>
        <v>1.1554124482620232</v>
      </c>
      <c r="EY65" s="97">
        <f t="shared" si="322"/>
        <v>0.90541244826202316</v>
      </c>
      <c r="EZ65">
        <f t="shared" si="323"/>
        <v>1.1892399316066766</v>
      </c>
      <c r="FA65">
        <f t="shared" si="324"/>
        <v>1.1552217808454237</v>
      </c>
      <c r="FB65">
        <f t="shared" si="325"/>
        <v>1.1309294549634457</v>
      </c>
      <c r="FC65">
        <f t="shared" si="326"/>
        <v>1.1051639906914608</v>
      </c>
      <c r="FD65">
        <f t="shared" si="327"/>
        <v>1.0777351192079931</v>
      </c>
      <c r="FE65">
        <f t="shared" si="328"/>
        <v>1.0484131488260386</v>
      </c>
      <c r="FF65">
        <f t="shared" si="329"/>
        <v>1.0169172606607069</v>
      </c>
      <c r="FG65">
        <f t="shared" si="330"/>
        <v>0.98289910989945395</v>
      </c>
      <c r="FH65">
        <f t="shared" si="331"/>
        <v>0.94591927467886117</v>
      </c>
      <c r="FI65">
        <f t="shared" si="332"/>
        <v>0.91590680861293094</v>
      </c>
      <c r="FJ65">
        <f t="shared" si="333"/>
        <v>0.90541244826202316</v>
      </c>
      <c r="FK65">
        <f t="shared" si="334"/>
        <v>0.90541244826202316</v>
      </c>
      <c r="FL65" s="126">
        <f t="shared" si="335"/>
        <v>0</v>
      </c>
      <c r="FM65" s="91">
        <f t="shared" si="336"/>
        <v>647.82237405167609</v>
      </c>
      <c r="FN65" s="91">
        <f t="shared" si="337"/>
        <v>2571.4880527031987</v>
      </c>
      <c r="FO65" s="91">
        <f t="shared" si="338"/>
        <v>3836.0217939089348</v>
      </c>
      <c r="FP65" s="91">
        <f t="shared" si="339"/>
        <v>5084.7003625183934</v>
      </c>
      <c r="FQ65" s="91">
        <f t="shared" si="340"/>
        <v>6315.960640254676</v>
      </c>
      <c r="FR65" s="91">
        <f t="shared" si="341"/>
        <v>7527.9491613837081</v>
      </c>
      <c r="FS65" s="91">
        <f t="shared" si="342"/>
        <v>8718.4408989088097</v>
      </c>
      <c r="FT65" s="91">
        <f t="shared" si="343"/>
        <v>9884.7266818817589</v>
      </c>
      <c r="FU65" s="91">
        <f t="shared" si="344"/>
        <v>11023.453241523959</v>
      </c>
      <c r="FV65" s="91">
        <f t="shared" si="345"/>
        <v>11856.909089898576</v>
      </c>
      <c r="FW65" s="91">
        <f t="shared" si="346"/>
        <v>12130.389369345557</v>
      </c>
      <c r="FX65" s="91">
        <f t="shared" si="347"/>
        <v>12130.389369345557</v>
      </c>
      <c r="FY65" s="91">
        <f t="shared" si="348"/>
        <v>0</v>
      </c>
      <c r="FZ65" s="91">
        <f t="shared" si="349"/>
        <v>1.0614796405178364</v>
      </c>
      <c r="GA65" s="91">
        <f t="shared" si="350"/>
        <v>10.515378427902892</v>
      </c>
      <c r="GB65" s="91">
        <f t="shared" si="351"/>
        <v>21.915173663946838</v>
      </c>
      <c r="GC65" s="91">
        <f t="shared" si="352"/>
        <v>41.176829569615514</v>
      </c>
      <c r="GD65" s="91">
        <f t="shared" si="353"/>
        <v>65.778053833551937</v>
      </c>
      <c r="GE65" s="91">
        <f t="shared" si="354"/>
        <v>98.848018206042923</v>
      </c>
      <c r="GF65" s="91">
        <f t="shared" si="355"/>
        <v>148.22013715590526</v>
      </c>
      <c r="GG65" s="91">
        <f t="shared" si="356"/>
        <v>225.00543813329708</v>
      </c>
      <c r="GH65" s="91">
        <f t="shared" si="357"/>
        <v>361.22827531309446</v>
      </c>
      <c r="GI65" s="91">
        <f t="shared" si="358"/>
        <v>576.47702710622684</v>
      </c>
      <c r="GJ65" s="91">
        <f t="shared" si="359"/>
        <v>757.9392365718146</v>
      </c>
      <c r="GK65" s="127">
        <f t="shared" si="360"/>
        <v>6617.7563683296457</v>
      </c>
      <c r="GL65" s="126">
        <f t="shared" si="361"/>
        <v>0</v>
      </c>
      <c r="GM65" s="91">
        <f t="shared" si="362"/>
        <v>717.9728224273382</v>
      </c>
      <c r="GN65" s="91">
        <f t="shared" si="363"/>
        <v>2845.3714993028721</v>
      </c>
      <c r="GO65" s="91">
        <f t="shared" si="364"/>
        <v>4239.6506170625271</v>
      </c>
      <c r="GP65" s="91">
        <f t="shared" si="365"/>
        <v>5612.6951286664535</v>
      </c>
      <c r="GQ65" s="91">
        <f t="shared" si="366"/>
        <v>6962.4115721366616</v>
      </c>
      <c r="GR65" s="91">
        <f t="shared" si="367"/>
        <v>8286.3176272935871</v>
      </c>
      <c r="GS65" s="91">
        <f t="shared" si="368"/>
        <v>9581.4333472666767</v>
      </c>
      <c r="GT65" s="91">
        <f t="shared" si="369"/>
        <v>10844.13037810742</v>
      </c>
      <c r="GU65" s="91">
        <f t="shared" si="370"/>
        <v>12069.917734844485</v>
      </c>
      <c r="GV65" s="91">
        <f t="shared" si="371"/>
        <v>12961.683603258398</v>
      </c>
      <c r="GW65" s="91">
        <f t="shared" si="372"/>
        <v>13253.128620393241</v>
      </c>
      <c r="GX65" s="91">
        <f t="shared" si="373"/>
        <v>13253.128620393241</v>
      </c>
      <c r="GY65" s="91">
        <f t="shared" si="374"/>
        <v>0</v>
      </c>
      <c r="GZ65" s="91">
        <f t="shared" si="375"/>
        <v>1.0598511725360871</v>
      </c>
      <c r="HA65" s="91">
        <f t="shared" si="376"/>
        <v>10.447609438424886</v>
      </c>
      <c r="HB65" s="91">
        <f t="shared" si="377"/>
        <v>21.695832999564729</v>
      </c>
      <c r="HC65" s="91">
        <f t="shared" si="378"/>
        <v>40.606862258885826</v>
      </c>
      <c r="HD65" s="91">
        <f t="shared" si="379"/>
        <v>64.595074958078456</v>
      </c>
      <c r="HE65" s="91">
        <f t="shared" si="380"/>
        <v>96.625445399900258</v>
      </c>
      <c r="HF65" s="91">
        <f t="shared" si="381"/>
        <v>144.15835336416154</v>
      </c>
      <c r="HG65" s="91">
        <f t="shared" si="382"/>
        <v>217.62115856807094</v>
      </c>
      <c r="HH65" s="91">
        <f t="shared" si="383"/>
        <v>347.20270554670401</v>
      </c>
      <c r="HI65" s="91">
        <f t="shared" si="384"/>
        <v>551.2263331541543</v>
      </c>
      <c r="HJ65" s="91">
        <f t="shared" si="385"/>
        <v>723.40591654658976</v>
      </c>
      <c r="HK65" s="127">
        <f t="shared" si="386"/>
        <v>6316.23734478607</v>
      </c>
      <c r="HL65" s="126">
        <f t="shared" si="387"/>
        <v>0</v>
      </c>
      <c r="HM65" s="91">
        <f t="shared" si="388"/>
        <v>635.7996031572111</v>
      </c>
      <c r="HN65" s="91">
        <f t="shared" si="389"/>
        <v>2483.0868877074872</v>
      </c>
      <c r="HO65" s="91">
        <f t="shared" si="390"/>
        <v>3660.241965939862</v>
      </c>
      <c r="HP65" s="91">
        <f t="shared" si="391"/>
        <v>4789.2652702192509</v>
      </c>
      <c r="HQ65" s="91">
        <f t="shared" si="392"/>
        <v>5865.411620062212</v>
      </c>
      <c r="HR65" s="91">
        <f t="shared" si="393"/>
        <v>6883.0544230617325</v>
      </c>
      <c r="HS65" s="91">
        <f t="shared" si="394"/>
        <v>7835.4391329778909</v>
      </c>
      <c r="HT65" s="91">
        <f t="shared" si="395"/>
        <v>8714.3414808607322</v>
      </c>
      <c r="HU65" s="91">
        <f t="shared" si="396"/>
        <v>9509.5819007752325</v>
      </c>
      <c r="HV65" s="91">
        <f t="shared" si="397"/>
        <v>10043.509677662965</v>
      </c>
      <c r="HW65" s="91">
        <f t="shared" si="398"/>
        <v>10208.315652662901</v>
      </c>
      <c r="HX65" s="91">
        <f t="shared" si="399"/>
        <v>10208.315652662901</v>
      </c>
      <c r="HY65" s="91">
        <f t="shared" si="400"/>
        <v>0</v>
      </c>
      <c r="HZ65" s="91">
        <f t="shared" si="401"/>
        <v>1.0550780767275121</v>
      </c>
      <c r="IA65" s="91">
        <f t="shared" si="402"/>
        <v>10.248976193403145</v>
      </c>
      <c r="IB65" s="91">
        <f t="shared" si="403"/>
        <v>21.052937948789591</v>
      </c>
      <c r="IC65" s="91">
        <f t="shared" si="404"/>
        <v>38.936268417091902</v>
      </c>
      <c r="ID65" s="91">
        <f t="shared" si="405"/>
        <v>61.127723081690661</v>
      </c>
      <c r="IE65" s="91">
        <f t="shared" si="406"/>
        <v>90.111007864654511</v>
      </c>
      <c r="IF65" s="91">
        <f t="shared" si="407"/>
        <v>132.25312500905071</v>
      </c>
      <c r="IG65" s="91">
        <f t="shared" si="408"/>
        <v>195.9775805320634</v>
      </c>
      <c r="IH65" s="91">
        <f t="shared" si="409"/>
        <v>306.09327692107684</v>
      </c>
      <c r="II65" s="91">
        <f t="shared" si="410"/>
        <v>477.21567846704477</v>
      </c>
      <c r="IJ65" s="91">
        <f t="shared" si="411"/>
        <v>622.18756474851705</v>
      </c>
      <c r="IK65" s="127">
        <f t="shared" si="412"/>
        <v>5432.4746895721391</v>
      </c>
    </row>
    <row r="66" spans="2:245" x14ac:dyDescent="0.2">
      <c r="B66" s="79">
        <f t="shared" si="188"/>
        <v>-55.5</v>
      </c>
      <c r="C66" s="73">
        <f>'p-y mono_clay'!C66</f>
        <v>40</v>
      </c>
      <c r="D66" s="64">
        <f>'p-y mono_clay'!D66</f>
        <v>39.991</v>
      </c>
      <c r="E66" s="64" t="str">
        <f>'p-y mono_clay'!E66</f>
        <v>CLAY</v>
      </c>
      <c r="F66" s="55">
        <f>VLOOKUP($C66, 'Pile Property'!$A$8:$D$108,2,TRUE)</f>
        <v>2</v>
      </c>
      <c r="G66" s="102">
        <f>'p-y mono_clay'!Z66</f>
        <v>5516.1150160896805</v>
      </c>
      <c r="H66" s="199">
        <f>'p-y mono_clay'!AM66</f>
        <v>0</v>
      </c>
      <c r="I66" s="55">
        <f>'p-y mono_clay'!AN66</f>
        <v>0.75031446811036739</v>
      </c>
      <c r="J66" s="55">
        <f>'p-y mono_clay'!AO66</f>
        <v>7.5031446811036728</v>
      </c>
      <c r="K66" s="55">
        <f>'p-y mono_clay'!AP66</f>
        <v>14.658490638979917</v>
      </c>
      <c r="L66" s="55">
        <f>'p-y mono_clay'!AQ66</f>
        <v>27.018868086622042</v>
      </c>
      <c r="M66" s="55">
        <f>'p-y mono_clay'!AR66</f>
        <v>43.03144681103673</v>
      </c>
      <c r="N66" s="55">
        <f>'p-y mono_clay'!AS66</f>
        <v>65.044025535451425</v>
      </c>
      <c r="O66" s="55">
        <f>'p-y mono_clay'!AT66</f>
        <v>98.572327665384478</v>
      </c>
      <c r="P66" s="55">
        <f>'p-y mono_clay'!AU66</f>
        <v>151.10691915752489</v>
      </c>
      <c r="Q66" s="55">
        <f>'p-y mono_clay'!AV66</f>
        <v>251.18239150401311</v>
      </c>
      <c r="R66" s="55">
        <f>'p-y mono_clay'!AW66</f>
        <v>420.25157448829384</v>
      </c>
      <c r="S66" s="55">
        <f>'p-y mono_clay'!AX66</f>
        <v>575.15723405518372</v>
      </c>
      <c r="T66" s="200">
        <f>'p-y mono_clay'!AY66</f>
        <v>6000</v>
      </c>
      <c r="U66" s="199">
        <f>'p-y mono_clay'!AZ66</f>
        <v>0</v>
      </c>
      <c r="V66" s="55">
        <f>'p-y mono_clay'!BA66</f>
        <v>275.80575080448403</v>
      </c>
      <c r="W66" s="55">
        <f>'p-y mono_clay'!BB66</f>
        <v>1103.2230032179361</v>
      </c>
      <c r="X66" s="55">
        <f>'p-y mono_clay'!BC66</f>
        <v>1654.8345048269041</v>
      </c>
      <c r="Y66" s="55">
        <f>'p-y mono_clay'!BD66</f>
        <v>2206.4460064358723</v>
      </c>
      <c r="Z66" s="55">
        <f>'p-y mono_clay'!BE66</f>
        <v>2758.0575080448402</v>
      </c>
      <c r="AA66" s="55">
        <f>'p-y mono_clay'!BF66</f>
        <v>3309.6690096538082</v>
      </c>
      <c r="AB66" s="55">
        <f>'p-y mono_clay'!BG66</f>
        <v>3861.2805112627761</v>
      </c>
      <c r="AC66" s="55">
        <f>'p-y mono_clay'!BH66</f>
        <v>4412.8920128717446</v>
      </c>
      <c r="AD66" s="55">
        <f>'p-y mono_clay'!BI66</f>
        <v>4964.5035144807125</v>
      </c>
      <c r="AE66" s="55">
        <f>'p-y mono_clay'!BJ66</f>
        <v>5378.2121406874385</v>
      </c>
      <c r="AF66" s="55">
        <f>'p-y mono_clay'!BK66</f>
        <v>5516.1150160896805</v>
      </c>
      <c r="AG66" s="200">
        <f>'p-y mono_clay'!BL66</f>
        <v>5516.1150160896805</v>
      </c>
      <c r="AH66">
        <f t="shared" si="205"/>
        <v>30</v>
      </c>
      <c r="AI66">
        <v>0</v>
      </c>
      <c r="AJ66">
        <f t="shared" si="206"/>
        <v>-0.95</v>
      </c>
      <c r="AK66">
        <f t="shared" si="207"/>
        <v>-0.8</v>
      </c>
      <c r="AL66">
        <f t="shared" si="208"/>
        <v>-0.7</v>
      </c>
      <c r="AM66">
        <f t="shared" si="209"/>
        <v>-0.6</v>
      </c>
      <c r="AN66">
        <f t="shared" si="210"/>
        <v>-0.5</v>
      </c>
      <c r="AO66">
        <f t="shared" si="211"/>
        <v>-0.4</v>
      </c>
      <c r="AP66">
        <f t="shared" si="212"/>
        <v>-0.30000000000000004</v>
      </c>
      <c r="AQ66">
        <f t="shared" si="213"/>
        <v>-0.19999999999999996</v>
      </c>
      <c r="AR66">
        <f t="shared" si="214"/>
        <v>-9.9999999999999978E-2</v>
      </c>
      <c r="AS66">
        <f t="shared" si="215"/>
        <v>-2.5000000000000022E-2</v>
      </c>
      <c r="AT66">
        <f t="shared" si="216"/>
        <v>0</v>
      </c>
      <c r="AU66">
        <f t="shared" si="217"/>
        <v>0</v>
      </c>
      <c r="AV66">
        <v>1</v>
      </c>
      <c r="AW66">
        <v>1.25</v>
      </c>
      <c r="AX66">
        <v>2.5</v>
      </c>
      <c r="AY66" s="162">
        <f t="shared" si="218"/>
        <v>2</v>
      </c>
      <c r="AZ66" s="162">
        <f t="shared" si="219"/>
        <v>1.0256410256410258</v>
      </c>
      <c r="BA66" s="162">
        <f t="shared" si="220"/>
        <v>1.1111111111111112</v>
      </c>
      <c r="BB66" s="162">
        <f t="shared" si="221"/>
        <v>1.1764705882352942</v>
      </c>
      <c r="BC66" s="162">
        <f t="shared" si="222"/>
        <v>1.25</v>
      </c>
      <c r="BD66" s="162">
        <f t="shared" si="223"/>
        <v>1.3333333333333333</v>
      </c>
      <c r="BE66" s="162">
        <f t="shared" si="224"/>
        <v>1.4285714285714286</v>
      </c>
      <c r="BF66" s="162">
        <f t="shared" si="225"/>
        <v>1.5384615384615383</v>
      </c>
      <c r="BG66" s="162">
        <f t="shared" si="226"/>
        <v>1.6666666666666667</v>
      </c>
      <c r="BH66" s="162">
        <f t="shared" si="227"/>
        <v>1.8181818181818181</v>
      </c>
      <c r="BI66" s="162">
        <f t="shared" si="228"/>
        <v>1.9512195121951221</v>
      </c>
      <c r="BJ66" s="162">
        <f t="shared" si="229"/>
        <v>2</v>
      </c>
      <c r="BK66" s="162">
        <f t="shared" si="230"/>
        <v>2</v>
      </c>
      <c r="BL66" s="162">
        <f t="shared" si="231"/>
        <v>2.3784142300054421</v>
      </c>
      <c r="BM66" s="162">
        <f t="shared" si="232"/>
        <v>1.0321533592882333</v>
      </c>
      <c r="BN66" s="162">
        <f t="shared" si="233"/>
        <v>1.1407667734226012</v>
      </c>
      <c r="BO66" s="162">
        <f t="shared" si="234"/>
        <v>1.2252546033521698</v>
      </c>
      <c r="BP66" s="162">
        <f t="shared" si="235"/>
        <v>1.3217140793007052</v>
      </c>
      <c r="BQ66" s="162">
        <f t="shared" si="236"/>
        <v>1.4327599090980556</v>
      </c>
      <c r="BR66" s="162">
        <f t="shared" si="237"/>
        <v>1.5618073056129906</v>
      </c>
      <c r="BS66" s="162">
        <f t="shared" si="238"/>
        <v>1.7133981916233565</v>
      </c>
      <c r="BT66" s="162">
        <f t="shared" si="239"/>
        <v>1.8936989441124989</v>
      </c>
      <c r="BU66" s="162">
        <f t="shared" si="240"/>
        <v>2.1112839107574066</v>
      </c>
      <c r="BV66" s="162">
        <f t="shared" si="241"/>
        <v>2.3061240387292958</v>
      </c>
      <c r="BW66" s="162">
        <f t="shared" si="242"/>
        <v>2.3784142300054421</v>
      </c>
      <c r="BX66" s="162">
        <f t="shared" si="243"/>
        <v>2.3784142300054421</v>
      </c>
      <c r="BY66" s="162">
        <f t="shared" si="244"/>
        <v>5.6568542494923806</v>
      </c>
      <c r="BZ66" s="162">
        <f t="shared" si="245"/>
        <v>1.065340557089985</v>
      </c>
      <c r="CA66" s="162">
        <f t="shared" si="246"/>
        <v>1.3013488313450123</v>
      </c>
      <c r="CB66" s="162">
        <f t="shared" si="247"/>
        <v>1.501248843035683</v>
      </c>
      <c r="CC66" s="162">
        <f t="shared" si="248"/>
        <v>1.7469281074217107</v>
      </c>
      <c r="CD66" s="162">
        <f t="shared" si="249"/>
        <v>2.0528009571186687</v>
      </c>
      <c r="CE66" s="162">
        <f t="shared" si="250"/>
        <v>2.4392420598661095</v>
      </c>
      <c r="CF66" s="162">
        <f t="shared" si="251"/>
        <v>2.9357333630581879</v>
      </c>
      <c r="CG66" s="162">
        <f t="shared" si="252"/>
        <v>3.5860956909327935</v>
      </c>
      <c r="CH66" s="162">
        <f t="shared" si="253"/>
        <v>4.4575197518230878</v>
      </c>
      <c r="CI66" s="162">
        <f t="shared" si="254"/>
        <v>5.3182080820051185</v>
      </c>
      <c r="CJ66" s="162">
        <f t="shared" si="255"/>
        <v>5.6568542494923806</v>
      </c>
      <c r="CK66" s="162">
        <f t="shared" si="256"/>
        <v>5.6568542494923806</v>
      </c>
      <c r="CL66">
        <f t="shared" si="257"/>
        <v>1.3729593947216077</v>
      </c>
      <c r="CM66">
        <f t="shared" si="258"/>
        <v>1.4664555068821994</v>
      </c>
      <c r="CN66">
        <f t="shared" si="259"/>
        <v>1.4552495278079043</v>
      </c>
      <c r="CO66">
        <f t="shared" si="260"/>
        <v>1.4472473498703116</v>
      </c>
      <c r="CP66">
        <f t="shared" si="261"/>
        <v>1.4387599028160105</v>
      </c>
      <c r="CQ66">
        <f t="shared" si="262"/>
        <v>1.4297245098567506</v>
      </c>
      <c r="CR66">
        <f t="shared" si="263"/>
        <v>1.4200655078485775</v>
      </c>
      <c r="CS66">
        <f t="shared" si="264"/>
        <v>1.4096903917470565</v>
      </c>
      <c r="CT66">
        <f t="shared" si="265"/>
        <v>1.3984844126727614</v>
      </c>
      <c r="CU66">
        <f t="shared" si="266"/>
        <v>1.3863028198942131</v>
      </c>
      <c r="CV66">
        <f t="shared" si="267"/>
        <v>1.3764163604842596</v>
      </c>
      <c r="CW66">
        <f t="shared" si="268"/>
        <v>1.3729593947216077</v>
      </c>
      <c r="CX66" s="98">
        <f t="shared" si="269"/>
        <v>1.3729593947216077</v>
      </c>
      <c r="CY66">
        <f t="shared" si="270"/>
        <v>1.1029593947216076</v>
      </c>
      <c r="CZ66">
        <f t="shared" si="271"/>
        <v>1.1964555068821994</v>
      </c>
      <c r="DA66">
        <f t="shared" si="272"/>
        <v>1.1852495278079043</v>
      </c>
      <c r="DB66">
        <f t="shared" si="273"/>
        <v>1.1772473498703115</v>
      </c>
      <c r="DC66">
        <f t="shared" si="274"/>
        <v>1.1687599028160105</v>
      </c>
      <c r="DD66">
        <f t="shared" si="275"/>
        <v>1.1597245098567506</v>
      </c>
      <c r="DE66">
        <f t="shared" si="276"/>
        <v>1.1500655078485775</v>
      </c>
      <c r="DF66">
        <f t="shared" si="277"/>
        <v>1.1396903917470564</v>
      </c>
      <c r="DG66">
        <f t="shared" si="278"/>
        <v>1.1284844126727613</v>
      </c>
      <c r="DH66">
        <f t="shared" si="279"/>
        <v>1.1163028198942131</v>
      </c>
      <c r="DI66">
        <f t="shared" si="280"/>
        <v>1.1064163604842596</v>
      </c>
      <c r="DJ66">
        <f t="shared" si="281"/>
        <v>1.1029593947216076</v>
      </c>
      <c r="DK66">
        <f t="shared" si="282"/>
        <v>1.1029593947216076</v>
      </c>
      <c r="DL66" s="97">
        <f t="shared" si="283"/>
        <v>1.5000349036450102</v>
      </c>
      <c r="DM66">
        <f t="shared" si="284"/>
        <v>1.6252529110029454</v>
      </c>
      <c r="DN66">
        <f t="shared" si="285"/>
        <v>1.6102449033141575</v>
      </c>
      <c r="DO66">
        <f t="shared" si="286"/>
        <v>1.5995277007191671</v>
      </c>
      <c r="DP66">
        <f t="shared" si="287"/>
        <v>1.5881605841285855</v>
      </c>
      <c r="DQ66">
        <f t="shared" si="288"/>
        <v>1.5760596114152909</v>
      </c>
      <c r="DR66">
        <f t="shared" si="289"/>
        <v>1.5631234480114875</v>
      </c>
      <c r="DS66">
        <f t="shared" si="290"/>
        <v>1.5492282032326647</v>
      </c>
      <c r="DT66">
        <f t="shared" si="291"/>
        <v>1.5342201955438766</v>
      </c>
      <c r="DU66">
        <f t="shared" si="292"/>
        <v>1.5179055623583211</v>
      </c>
      <c r="DV66">
        <f t="shared" si="293"/>
        <v>1.5046647685057049</v>
      </c>
      <c r="DW66">
        <f t="shared" si="294"/>
        <v>1.5000349036450102</v>
      </c>
      <c r="DX66" s="98">
        <f t="shared" si="295"/>
        <v>1.5000349036450102</v>
      </c>
      <c r="DY66">
        <f t="shared" si="296"/>
        <v>1.0527062241310117</v>
      </c>
      <c r="DZ66">
        <f t="shared" si="297"/>
        <v>1.1946199658033383</v>
      </c>
      <c r="EA66">
        <f t="shared" si="298"/>
        <v>1.1776108904227118</v>
      </c>
      <c r="EB66">
        <f t="shared" si="299"/>
        <v>1.1654647274817227</v>
      </c>
      <c r="EC66">
        <f t="shared" si="300"/>
        <v>1.1525819953457304</v>
      </c>
      <c r="ED66">
        <f t="shared" si="301"/>
        <v>1.1388675596039965</v>
      </c>
      <c r="EE66">
        <f t="shared" si="302"/>
        <v>1.1242065744130194</v>
      </c>
      <c r="EF66">
        <f t="shared" si="303"/>
        <v>1.1084586303303534</v>
      </c>
      <c r="EG66">
        <f t="shared" si="304"/>
        <v>1.091449554949727</v>
      </c>
      <c r="EH66">
        <f t="shared" si="305"/>
        <v>1.0729596373394306</v>
      </c>
      <c r="EI66">
        <f t="shared" si="306"/>
        <v>1.0579534043064656</v>
      </c>
      <c r="EJ66">
        <f t="shared" si="307"/>
        <v>1.0527062241310117</v>
      </c>
      <c r="EK66">
        <f t="shared" si="308"/>
        <v>1.0527062241310117</v>
      </c>
      <c r="EL66" s="97">
        <f t="shared" si="309"/>
        <v>1.1554124482620232</v>
      </c>
      <c r="EM66">
        <f t="shared" si="310"/>
        <v>1.4392399316066766</v>
      </c>
      <c r="EN66">
        <f t="shared" si="311"/>
        <v>1.4052217808454237</v>
      </c>
      <c r="EO66">
        <f t="shared" si="312"/>
        <v>1.3809294549634457</v>
      </c>
      <c r="EP66">
        <f t="shared" si="313"/>
        <v>1.3551639906914608</v>
      </c>
      <c r="EQ66">
        <f t="shared" si="314"/>
        <v>1.3277351192079931</v>
      </c>
      <c r="ER66">
        <f t="shared" si="315"/>
        <v>1.2984131488260386</v>
      </c>
      <c r="ES66">
        <f t="shared" si="316"/>
        <v>1.2669172606607069</v>
      </c>
      <c r="ET66">
        <f t="shared" si="317"/>
        <v>1.2328991098994539</v>
      </c>
      <c r="EU66">
        <f t="shared" si="318"/>
        <v>1.1959192746788612</v>
      </c>
      <c r="EV66">
        <f t="shared" si="319"/>
        <v>1.1659068086129309</v>
      </c>
      <c r="EW66">
        <f t="shared" si="320"/>
        <v>1.1554124482620232</v>
      </c>
      <c r="EX66" s="98">
        <f t="shared" si="321"/>
        <v>1.1554124482620232</v>
      </c>
      <c r="EY66" s="97">
        <f t="shared" si="322"/>
        <v>0.90541244826202316</v>
      </c>
      <c r="EZ66">
        <f t="shared" si="323"/>
        <v>1.1892399316066766</v>
      </c>
      <c r="FA66">
        <f t="shared" si="324"/>
        <v>1.1552217808454237</v>
      </c>
      <c r="FB66">
        <f t="shared" si="325"/>
        <v>1.1309294549634457</v>
      </c>
      <c r="FC66">
        <f t="shared" si="326"/>
        <v>1.1051639906914608</v>
      </c>
      <c r="FD66">
        <f t="shared" si="327"/>
        <v>1.0777351192079931</v>
      </c>
      <c r="FE66">
        <f t="shared" si="328"/>
        <v>1.0484131488260386</v>
      </c>
      <c r="FF66">
        <f t="shared" si="329"/>
        <v>1.0169172606607069</v>
      </c>
      <c r="FG66">
        <f t="shared" si="330"/>
        <v>0.98289910989945395</v>
      </c>
      <c r="FH66">
        <f t="shared" si="331"/>
        <v>0.94591927467886117</v>
      </c>
      <c r="FI66">
        <f t="shared" si="332"/>
        <v>0.91590680861293094</v>
      </c>
      <c r="FJ66">
        <f t="shared" si="333"/>
        <v>0.90541244826202316</v>
      </c>
      <c r="FK66">
        <f t="shared" si="334"/>
        <v>0.90541244826202316</v>
      </c>
      <c r="FL66" s="126">
        <f t="shared" si="335"/>
        <v>0</v>
      </c>
      <c r="FM66" s="91">
        <f t="shared" si="336"/>
        <v>404.45686209701523</v>
      </c>
      <c r="FN66" s="91">
        <f t="shared" si="337"/>
        <v>1605.4647544997197</v>
      </c>
      <c r="FO66" s="91">
        <f t="shared" si="338"/>
        <v>2394.9548515846864</v>
      </c>
      <c r="FP66" s="91">
        <f t="shared" si="339"/>
        <v>3174.5460417884501</v>
      </c>
      <c r="FQ66" s="91">
        <f t="shared" si="340"/>
        <v>3943.26241884614</v>
      </c>
      <c r="FR66" s="91">
        <f t="shared" si="341"/>
        <v>4699.9468030047337</v>
      </c>
      <c r="FS66" s="91">
        <f t="shared" si="342"/>
        <v>5443.2100365672977</v>
      </c>
      <c r="FT66" s="91">
        <f t="shared" si="343"/>
        <v>6171.3606948092611</v>
      </c>
      <c r="FU66" s="91">
        <f t="shared" si="344"/>
        <v>6882.3052214993431</v>
      </c>
      <c r="FV66" s="91">
        <f t="shared" si="345"/>
        <v>7402.659180597263</v>
      </c>
      <c r="FW66" s="91">
        <f t="shared" si="346"/>
        <v>7573.4019337052587</v>
      </c>
      <c r="FX66" s="91">
        <f t="shared" si="347"/>
        <v>7573.4019337052587</v>
      </c>
      <c r="FY66" s="91">
        <f t="shared" si="348"/>
        <v>0</v>
      </c>
      <c r="FZ66" s="91">
        <f t="shared" si="349"/>
        <v>0.8977178772640374</v>
      </c>
      <c r="GA66" s="91">
        <f t="shared" si="350"/>
        <v>8.8930986903525167</v>
      </c>
      <c r="GB66" s="91">
        <f t="shared" si="351"/>
        <v>17.256669257837878</v>
      </c>
      <c r="GC66" s="91">
        <f t="shared" si="352"/>
        <v>31.578569639118985</v>
      </c>
      <c r="GD66" s="91">
        <f t="shared" si="353"/>
        <v>49.904623561356402</v>
      </c>
      <c r="GE66" s="91">
        <f t="shared" si="354"/>
        <v>74.804890259944784</v>
      </c>
      <c r="GF66" s="91">
        <f t="shared" si="355"/>
        <v>112.34193473238125</v>
      </c>
      <c r="GG66" s="91">
        <f t="shared" si="356"/>
        <v>170.52180291626991</v>
      </c>
      <c r="GH66" s="91">
        <f t="shared" si="357"/>
        <v>280.39561194370208</v>
      </c>
      <c r="GI66" s="91">
        <f t="shared" si="358"/>
        <v>464.9732175331178</v>
      </c>
      <c r="GJ66" s="91">
        <f t="shared" si="359"/>
        <v>634.37507474325946</v>
      </c>
      <c r="GK66" s="127">
        <f t="shared" si="360"/>
        <v>6617.7563683296457</v>
      </c>
      <c r="GL66" s="126">
        <f t="shared" si="361"/>
        <v>0</v>
      </c>
      <c r="GM66" s="91">
        <f t="shared" si="362"/>
        <v>448.25409936634065</v>
      </c>
      <c r="GN66" s="91">
        <f t="shared" si="363"/>
        <v>1776.45921815062</v>
      </c>
      <c r="GO66" s="91">
        <f t="shared" si="364"/>
        <v>2646.9536305765191</v>
      </c>
      <c r="GP66" s="91">
        <f t="shared" si="365"/>
        <v>3504.1905784293795</v>
      </c>
      <c r="GQ66" s="91">
        <f t="shared" si="366"/>
        <v>4346.8630443901766</v>
      </c>
      <c r="GR66" s="91">
        <f t="shared" si="367"/>
        <v>5173.4212341468256</v>
      </c>
      <c r="GS66" s="91">
        <f t="shared" si="368"/>
        <v>5982.004668640936</v>
      </c>
      <c r="GT66" s="91">
        <f t="shared" si="369"/>
        <v>6770.3480469020988</v>
      </c>
      <c r="GU66" s="91">
        <f t="shared" si="370"/>
        <v>7535.6474989777071</v>
      </c>
      <c r="GV66" s="91">
        <f t="shared" si="371"/>
        <v>8092.4063256420359</v>
      </c>
      <c r="GW66" s="91">
        <f t="shared" si="372"/>
        <v>8274.3650566548786</v>
      </c>
      <c r="GX66" s="91">
        <f t="shared" si="373"/>
        <v>8274.3650566548786</v>
      </c>
      <c r="GY66" s="91">
        <f t="shared" si="374"/>
        <v>0</v>
      </c>
      <c r="GZ66" s="91">
        <f t="shared" si="375"/>
        <v>0.8963406442357571</v>
      </c>
      <c r="HA66" s="91">
        <f t="shared" si="376"/>
        <v>8.8357848888849304</v>
      </c>
      <c r="HB66" s="91">
        <f t="shared" si="377"/>
        <v>17.083953797852111</v>
      </c>
      <c r="HC66" s="91">
        <f t="shared" si="378"/>
        <v>31.141460891261911</v>
      </c>
      <c r="HD66" s="91">
        <f t="shared" si="379"/>
        <v>49.007118815914581</v>
      </c>
      <c r="HE66" s="91">
        <f t="shared" si="380"/>
        <v>73.122921133242812</v>
      </c>
      <c r="HF66" s="91">
        <f t="shared" si="381"/>
        <v>109.26334731244688</v>
      </c>
      <c r="HG66" s="91">
        <f t="shared" si="382"/>
        <v>164.92557966430491</v>
      </c>
      <c r="HH66" s="91">
        <f t="shared" si="383"/>
        <v>269.50856769419676</v>
      </c>
      <c r="HI66" s="91">
        <f t="shared" si="384"/>
        <v>444.60658389504266</v>
      </c>
      <c r="HJ66" s="91">
        <f t="shared" si="385"/>
        <v>605.47160014386895</v>
      </c>
      <c r="HK66" s="127">
        <f t="shared" si="386"/>
        <v>6316.23734478607</v>
      </c>
      <c r="HL66" s="126">
        <f t="shared" si="387"/>
        <v>0</v>
      </c>
      <c r="HM66" s="91">
        <f t="shared" si="388"/>
        <v>396.95064992457372</v>
      </c>
      <c r="HN66" s="91">
        <f t="shared" si="389"/>
        <v>1550.2729932515449</v>
      </c>
      <c r="HO66" s="91">
        <f t="shared" si="390"/>
        <v>2285.2097108053204</v>
      </c>
      <c r="HP66" s="91">
        <f t="shared" si="391"/>
        <v>2990.096175326873</v>
      </c>
      <c r="HQ66" s="91">
        <f t="shared" si="392"/>
        <v>3661.9698142264165</v>
      </c>
      <c r="HR66" s="91">
        <f t="shared" si="393"/>
        <v>4297.3177603965578</v>
      </c>
      <c r="HS66" s="91">
        <f t="shared" si="394"/>
        <v>4891.9229279716101</v>
      </c>
      <c r="HT66" s="91">
        <f t="shared" si="395"/>
        <v>5440.6506347519835</v>
      </c>
      <c r="HU66" s="91">
        <f t="shared" si="396"/>
        <v>5937.145442178431</v>
      </c>
      <c r="HV66" s="91">
        <f t="shared" si="397"/>
        <v>6270.4941529922107</v>
      </c>
      <c r="HW66" s="91">
        <f t="shared" si="398"/>
        <v>6373.3879556350867</v>
      </c>
      <c r="HX66" s="91">
        <f t="shared" si="399"/>
        <v>6373.3879556350867</v>
      </c>
      <c r="HY66" s="91">
        <f t="shared" si="400"/>
        <v>0</v>
      </c>
      <c r="HZ66" s="91">
        <f t="shared" si="401"/>
        <v>0.89230392673907322</v>
      </c>
      <c r="IA66" s="91">
        <f t="shared" si="402"/>
        <v>8.6677961604454534</v>
      </c>
      <c r="IB66" s="91">
        <f t="shared" si="403"/>
        <v>16.577718828928326</v>
      </c>
      <c r="IC66" s="91">
        <f t="shared" si="404"/>
        <v>29.860280078577368</v>
      </c>
      <c r="ID66" s="91">
        <f t="shared" si="405"/>
        <v>46.376501458585089</v>
      </c>
      <c r="IE66" s="91">
        <f t="shared" si="406"/>
        <v>68.193011623943889</v>
      </c>
      <c r="IF66" s="91">
        <f t="shared" si="407"/>
        <v>100.2399014264324</v>
      </c>
      <c r="IG66" s="91">
        <f t="shared" si="408"/>
        <v>148.52285633957996</v>
      </c>
      <c r="IH66" s="91">
        <f t="shared" si="409"/>
        <v>237.59826558357781</v>
      </c>
      <c r="II66" s="91">
        <f t="shared" si="410"/>
        <v>384.91127840413264</v>
      </c>
      <c r="IJ66" s="91">
        <f t="shared" si="411"/>
        <v>520.75451942151733</v>
      </c>
      <c r="IK66" s="127">
        <f t="shared" si="412"/>
        <v>5432.4746895721391</v>
      </c>
    </row>
    <row r="67" spans="2:245" x14ac:dyDescent="0.2">
      <c r="B67" s="79">
        <f t="shared" si="188"/>
        <v>-56.5</v>
      </c>
      <c r="C67" s="73">
        <f>'p-y mono_clay'!C67</f>
        <v>41</v>
      </c>
      <c r="D67" s="64">
        <f>'p-y mono_clay'!D67</f>
        <v>40.984999999999999</v>
      </c>
      <c r="E67" s="64" t="str">
        <f>'p-y mono_clay'!E67</f>
        <v>CLAY</v>
      </c>
      <c r="F67" s="55">
        <f>VLOOKUP($C67, 'Pile Property'!$A$8:$D$108,2,TRUE)</f>
        <v>2</v>
      </c>
      <c r="G67" s="102">
        <f>'p-y mono_clay'!Z67</f>
        <v>10737.199289852555</v>
      </c>
      <c r="H67" s="199">
        <f>'p-y mono_clay'!AM67</f>
        <v>0</v>
      </c>
      <c r="I67" s="55">
        <f>'p-y mono_clay'!AN67</f>
        <v>0.91878506404600968</v>
      </c>
      <c r="J67" s="55">
        <f>'p-y mono_clay'!AO67</f>
        <v>9.1878506404600984</v>
      </c>
      <c r="K67" s="55">
        <f>'p-y mono_clay'!AP67</f>
        <v>19.563551921380292</v>
      </c>
      <c r="L67" s="55">
        <f>'p-y mono_clay'!AQ67</f>
        <v>37.127103842760583</v>
      </c>
      <c r="M67" s="55">
        <f>'p-y mono_clay'!AR67</f>
        <v>59.878506404600977</v>
      </c>
      <c r="N67" s="55">
        <f>'p-y mono_clay'!AS67</f>
        <v>91.005610247361545</v>
      </c>
      <c r="O67" s="55">
        <f>'p-y mono_clay'!AT67</f>
        <v>137.32056473058225</v>
      </c>
      <c r="P67" s="55">
        <f>'p-y mono_clay'!AU67</f>
        <v>210.76262305656351</v>
      </c>
      <c r="Q67" s="55">
        <f>'p-y mono_clay'!AV67</f>
        <v>339.39253202300483</v>
      </c>
      <c r="R67" s="55">
        <f>'p-y mono_clay'!AW67</f>
        <v>543.14954483220674</v>
      </c>
      <c r="S67" s="55">
        <f>'p-y mono_clay'!AX67</f>
        <v>718.78506404600967</v>
      </c>
      <c r="T67" s="200">
        <f>'p-y mono_clay'!AY67</f>
        <v>6000</v>
      </c>
      <c r="U67" s="199">
        <f>'p-y mono_clay'!AZ67</f>
        <v>0</v>
      </c>
      <c r="V67" s="55">
        <f>'p-y mono_clay'!BA67</f>
        <v>536.8599644926278</v>
      </c>
      <c r="W67" s="55">
        <f>'p-y mono_clay'!BB67</f>
        <v>2147.4398579705112</v>
      </c>
      <c r="X67" s="55">
        <f>'p-y mono_clay'!BC67</f>
        <v>3221.1597869557663</v>
      </c>
      <c r="Y67" s="55">
        <f>'p-y mono_clay'!BD67</f>
        <v>4294.8797159410224</v>
      </c>
      <c r="Z67" s="55">
        <f>'p-y mono_clay'!BE67</f>
        <v>5368.5996449262775</v>
      </c>
      <c r="AA67" s="55">
        <f>'p-y mono_clay'!BF67</f>
        <v>6442.3195739115326</v>
      </c>
      <c r="AB67" s="55">
        <f>'p-y mono_clay'!BG67</f>
        <v>7516.0395028967878</v>
      </c>
      <c r="AC67" s="55">
        <f>'p-y mono_clay'!BH67</f>
        <v>8589.7594318820447</v>
      </c>
      <c r="AD67" s="55">
        <f>'p-y mono_clay'!BI67</f>
        <v>9663.479360867299</v>
      </c>
      <c r="AE67" s="55">
        <f>'p-y mono_clay'!BJ67</f>
        <v>10468.769307606241</v>
      </c>
      <c r="AF67" s="55">
        <f>'p-y mono_clay'!BK67</f>
        <v>10737.199289852555</v>
      </c>
      <c r="AG67" s="200">
        <f>'p-y mono_clay'!BL67</f>
        <v>10737.199289852555</v>
      </c>
      <c r="AH67">
        <f t="shared" si="205"/>
        <v>30</v>
      </c>
      <c r="AI67">
        <v>0</v>
      </c>
      <c r="AJ67">
        <f t="shared" si="206"/>
        <v>-0.95</v>
      </c>
      <c r="AK67">
        <f t="shared" si="207"/>
        <v>-0.8</v>
      </c>
      <c r="AL67">
        <f t="shared" si="208"/>
        <v>-0.7</v>
      </c>
      <c r="AM67">
        <f t="shared" si="209"/>
        <v>-0.6</v>
      </c>
      <c r="AN67">
        <f t="shared" si="210"/>
        <v>-0.5</v>
      </c>
      <c r="AO67">
        <f t="shared" si="211"/>
        <v>-0.4</v>
      </c>
      <c r="AP67">
        <f t="shared" si="212"/>
        <v>-0.30000000000000004</v>
      </c>
      <c r="AQ67">
        <f t="shared" si="213"/>
        <v>-0.19999999999999996</v>
      </c>
      <c r="AR67">
        <f t="shared" si="214"/>
        <v>-0.10000000000000009</v>
      </c>
      <c r="AS67">
        <f t="shared" si="215"/>
        <v>-2.5000000000000022E-2</v>
      </c>
      <c r="AT67">
        <f t="shared" si="216"/>
        <v>0</v>
      </c>
      <c r="AU67">
        <f t="shared" si="217"/>
        <v>0</v>
      </c>
      <c r="AV67">
        <v>1</v>
      </c>
      <c r="AW67">
        <v>1.25</v>
      </c>
      <c r="AX67">
        <v>2.5</v>
      </c>
      <c r="AY67" s="162">
        <f t="shared" si="218"/>
        <v>2</v>
      </c>
      <c r="AZ67" s="162">
        <f t="shared" si="219"/>
        <v>1.0256410256410258</v>
      </c>
      <c r="BA67" s="162">
        <f t="shared" si="220"/>
        <v>1.1111111111111112</v>
      </c>
      <c r="BB67" s="162">
        <f t="shared" si="221"/>
        <v>1.1764705882352942</v>
      </c>
      <c r="BC67" s="162">
        <f t="shared" si="222"/>
        <v>1.25</v>
      </c>
      <c r="BD67" s="162">
        <f t="shared" si="223"/>
        <v>1.3333333333333333</v>
      </c>
      <c r="BE67" s="162">
        <f t="shared" si="224"/>
        <v>1.4285714285714286</v>
      </c>
      <c r="BF67" s="162">
        <f t="shared" si="225"/>
        <v>1.5384615384615383</v>
      </c>
      <c r="BG67" s="162">
        <f t="shared" si="226"/>
        <v>1.6666666666666667</v>
      </c>
      <c r="BH67" s="162">
        <f t="shared" si="227"/>
        <v>1.8181818181818181</v>
      </c>
      <c r="BI67" s="162">
        <f t="shared" si="228"/>
        <v>1.9512195121951221</v>
      </c>
      <c r="BJ67" s="162">
        <f t="shared" si="229"/>
        <v>2</v>
      </c>
      <c r="BK67" s="162">
        <f t="shared" si="230"/>
        <v>2</v>
      </c>
      <c r="BL67" s="162">
        <f t="shared" si="231"/>
        <v>2.3784142300054421</v>
      </c>
      <c r="BM67" s="162">
        <f t="shared" si="232"/>
        <v>1.0321533592882333</v>
      </c>
      <c r="BN67" s="162">
        <f t="shared" si="233"/>
        <v>1.1407667734226012</v>
      </c>
      <c r="BO67" s="162">
        <f t="shared" si="234"/>
        <v>1.2252546033521698</v>
      </c>
      <c r="BP67" s="162">
        <f t="shared" si="235"/>
        <v>1.3217140793007052</v>
      </c>
      <c r="BQ67" s="162">
        <f t="shared" si="236"/>
        <v>1.4327599090980556</v>
      </c>
      <c r="BR67" s="162">
        <f t="shared" si="237"/>
        <v>1.5618073056129906</v>
      </c>
      <c r="BS67" s="162">
        <f t="shared" si="238"/>
        <v>1.7133981916233565</v>
      </c>
      <c r="BT67" s="162">
        <f t="shared" si="239"/>
        <v>1.8936989441124989</v>
      </c>
      <c r="BU67" s="162">
        <f t="shared" si="240"/>
        <v>2.1112839107574066</v>
      </c>
      <c r="BV67" s="162">
        <f t="shared" si="241"/>
        <v>2.3061240387292958</v>
      </c>
      <c r="BW67" s="162">
        <f t="shared" si="242"/>
        <v>2.3784142300054421</v>
      </c>
      <c r="BX67" s="162">
        <f t="shared" si="243"/>
        <v>2.3784142300054421</v>
      </c>
      <c r="BY67" s="162">
        <f t="shared" si="244"/>
        <v>5.6568542494923806</v>
      </c>
      <c r="BZ67" s="162">
        <f t="shared" si="245"/>
        <v>1.065340557089985</v>
      </c>
      <c r="CA67" s="162">
        <f t="shared" si="246"/>
        <v>1.3013488313450123</v>
      </c>
      <c r="CB67" s="162">
        <f t="shared" si="247"/>
        <v>1.501248843035683</v>
      </c>
      <c r="CC67" s="162">
        <f t="shared" si="248"/>
        <v>1.7469281074217107</v>
      </c>
      <c r="CD67" s="162">
        <f t="shared" si="249"/>
        <v>2.0528009571186687</v>
      </c>
      <c r="CE67" s="162">
        <f t="shared" si="250"/>
        <v>2.4392420598661095</v>
      </c>
      <c r="CF67" s="162">
        <f t="shared" si="251"/>
        <v>2.9357333630581879</v>
      </c>
      <c r="CG67" s="162">
        <f t="shared" si="252"/>
        <v>3.5860956909327935</v>
      </c>
      <c r="CH67" s="162">
        <f t="shared" si="253"/>
        <v>4.4575197518230878</v>
      </c>
      <c r="CI67" s="162">
        <f t="shared" si="254"/>
        <v>5.3182080820051185</v>
      </c>
      <c r="CJ67" s="162">
        <f t="shared" si="255"/>
        <v>5.6568542494923806</v>
      </c>
      <c r="CK67" s="162">
        <f t="shared" si="256"/>
        <v>5.6568542494923806</v>
      </c>
      <c r="CL67">
        <f t="shared" si="257"/>
        <v>1.3729593947216077</v>
      </c>
      <c r="CM67">
        <f t="shared" si="258"/>
        <v>1.4664555068821994</v>
      </c>
      <c r="CN67">
        <f t="shared" si="259"/>
        <v>1.4552495278079043</v>
      </c>
      <c r="CO67">
        <f t="shared" si="260"/>
        <v>1.4472473498703116</v>
      </c>
      <c r="CP67">
        <f t="shared" si="261"/>
        <v>1.4387599028160105</v>
      </c>
      <c r="CQ67">
        <f t="shared" si="262"/>
        <v>1.4297245098567506</v>
      </c>
      <c r="CR67">
        <f t="shared" si="263"/>
        <v>1.4200655078485775</v>
      </c>
      <c r="CS67">
        <f t="shared" si="264"/>
        <v>1.4096903917470565</v>
      </c>
      <c r="CT67">
        <f t="shared" si="265"/>
        <v>1.3984844126727614</v>
      </c>
      <c r="CU67">
        <f t="shared" si="266"/>
        <v>1.3863028198942131</v>
      </c>
      <c r="CV67">
        <f t="shared" si="267"/>
        <v>1.3764163604842596</v>
      </c>
      <c r="CW67">
        <f t="shared" si="268"/>
        <v>1.3729593947216077</v>
      </c>
      <c r="CX67" s="98">
        <f t="shared" si="269"/>
        <v>1.3729593947216077</v>
      </c>
      <c r="CY67">
        <f t="shared" si="270"/>
        <v>1.1029593947216076</v>
      </c>
      <c r="CZ67">
        <f t="shared" si="271"/>
        <v>1.1964555068821994</v>
      </c>
      <c r="DA67">
        <f t="shared" si="272"/>
        <v>1.1852495278079043</v>
      </c>
      <c r="DB67">
        <f t="shared" si="273"/>
        <v>1.1772473498703115</v>
      </c>
      <c r="DC67">
        <f t="shared" si="274"/>
        <v>1.1687599028160105</v>
      </c>
      <c r="DD67">
        <f t="shared" si="275"/>
        <v>1.1597245098567506</v>
      </c>
      <c r="DE67">
        <f t="shared" si="276"/>
        <v>1.1500655078485775</v>
      </c>
      <c r="DF67">
        <f t="shared" si="277"/>
        <v>1.1396903917470564</v>
      </c>
      <c r="DG67">
        <f t="shared" si="278"/>
        <v>1.1284844126727613</v>
      </c>
      <c r="DH67">
        <f t="shared" si="279"/>
        <v>1.1163028198942131</v>
      </c>
      <c r="DI67">
        <f t="shared" si="280"/>
        <v>1.1064163604842596</v>
      </c>
      <c r="DJ67">
        <f t="shared" si="281"/>
        <v>1.1029593947216076</v>
      </c>
      <c r="DK67">
        <f t="shared" si="282"/>
        <v>1.1029593947216076</v>
      </c>
      <c r="DL67" s="97">
        <f t="shared" si="283"/>
        <v>1.5000349036450102</v>
      </c>
      <c r="DM67">
        <f t="shared" si="284"/>
        <v>1.6252529110029454</v>
      </c>
      <c r="DN67">
        <f t="shared" si="285"/>
        <v>1.6102449033141575</v>
      </c>
      <c r="DO67">
        <f t="shared" si="286"/>
        <v>1.5995277007191671</v>
      </c>
      <c r="DP67">
        <f t="shared" si="287"/>
        <v>1.5881605841285855</v>
      </c>
      <c r="DQ67">
        <f t="shared" si="288"/>
        <v>1.5760596114152909</v>
      </c>
      <c r="DR67">
        <f t="shared" si="289"/>
        <v>1.5631234480114875</v>
      </c>
      <c r="DS67">
        <f t="shared" si="290"/>
        <v>1.5492282032326647</v>
      </c>
      <c r="DT67">
        <f t="shared" si="291"/>
        <v>1.5342201955438766</v>
      </c>
      <c r="DU67">
        <f t="shared" si="292"/>
        <v>1.5179055623583211</v>
      </c>
      <c r="DV67">
        <f t="shared" si="293"/>
        <v>1.5046647685057049</v>
      </c>
      <c r="DW67">
        <f t="shared" si="294"/>
        <v>1.5000349036450102</v>
      </c>
      <c r="DX67" s="98">
        <f t="shared" si="295"/>
        <v>1.5000349036450102</v>
      </c>
      <c r="DY67">
        <f t="shared" si="296"/>
        <v>1.0527062241310117</v>
      </c>
      <c r="DZ67">
        <f t="shared" si="297"/>
        <v>1.1946199658033383</v>
      </c>
      <c r="EA67">
        <f t="shared" si="298"/>
        <v>1.1776108904227118</v>
      </c>
      <c r="EB67">
        <f t="shared" si="299"/>
        <v>1.1654647274817227</v>
      </c>
      <c r="EC67">
        <f t="shared" si="300"/>
        <v>1.1525819953457304</v>
      </c>
      <c r="ED67">
        <f t="shared" si="301"/>
        <v>1.1388675596039965</v>
      </c>
      <c r="EE67">
        <f t="shared" si="302"/>
        <v>1.1242065744130194</v>
      </c>
      <c r="EF67">
        <f t="shared" si="303"/>
        <v>1.1084586303303534</v>
      </c>
      <c r="EG67">
        <f t="shared" si="304"/>
        <v>1.091449554949727</v>
      </c>
      <c r="EH67">
        <f t="shared" si="305"/>
        <v>1.0729596373394306</v>
      </c>
      <c r="EI67">
        <f t="shared" si="306"/>
        <v>1.0579534043064656</v>
      </c>
      <c r="EJ67">
        <f t="shared" si="307"/>
        <v>1.0527062241310117</v>
      </c>
      <c r="EK67">
        <f t="shared" si="308"/>
        <v>1.0527062241310117</v>
      </c>
      <c r="EL67" s="97">
        <f t="shared" si="309"/>
        <v>1.1554124482620232</v>
      </c>
      <c r="EM67">
        <f t="shared" si="310"/>
        <v>1.4392399316066766</v>
      </c>
      <c r="EN67">
        <f t="shared" si="311"/>
        <v>1.4052217808454237</v>
      </c>
      <c r="EO67">
        <f t="shared" si="312"/>
        <v>1.3809294549634457</v>
      </c>
      <c r="EP67">
        <f t="shared" si="313"/>
        <v>1.3551639906914608</v>
      </c>
      <c r="EQ67">
        <f t="shared" si="314"/>
        <v>1.3277351192079931</v>
      </c>
      <c r="ER67">
        <f t="shared" si="315"/>
        <v>1.2984131488260386</v>
      </c>
      <c r="ES67">
        <f t="shared" si="316"/>
        <v>1.2669172606607069</v>
      </c>
      <c r="ET67">
        <f t="shared" si="317"/>
        <v>1.2328991098994539</v>
      </c>
      <c r="EU67">
        <f t="shared" si="318"/>
        <v>1.1959192746788612</v>
      </c>
      <c r="EV67">
        <f t="shared" si="319"/>
        <v>1.1659068086129309</v>
      </c>
      <c r="EW67">
        <f t="shared" si="320"/>
        <v>1.1554124482620232</v>
      </c>
      <c r="EX67" s="98">
        <f t="shared" si="321"/>
        <v>1.1554124482620232</v>
      </c>
      <c r="EY67" s="97">
        <f t="shared" si="322"/>
        <v>0.90541244826202316</v>
      </c>
      <c r="EZ67">
        <f t="shared" si="323"/>
        <v>1.1892399316066766</v>
      </c>
      <c r="FA67">
        <f t="shared" si="324"/>
        <v>1.1552217808454237</v>
      </c>
      <c r="FB67">
        <f t="shared" si="325"/>
        <v>1.1309294549634457</v>
      </c>
      <c r="FC67">
        <f t="shared" si="326"/>
        <v>1.1051639906914608</v>
      </c>
      <c r="FD67">
        <f t="shared" si="327"/>
        <v>1.0777351192079931</v>
      </c>
      <c r="FE67">
        <f t="shared" si="328"/>
        <v>1.0484131488260386</v>
      </c>
      <c r="FF67">
        <f t="shared" si="329"/>
        <v>1.0169172606607069</v>
      </c>
      <c r="FG67">
        <f t="shared" si="330"/>
        <v>0.98289910989945395</v>
      </c>
      <c r="FH67">
        <f t="shared" si="331"/>
        <v>0.94591927467886117</v>
      </c>
      <c r="FI67">
        <f t="shared" si="332"/>
        <v>0.91590680861293094</v>
      </c>
      <c r="FJ67">
        <f t="shared" si="333"/>
        <v>0.90541244826202316</v>
      </c>
      <c r="FK67">
        <f t="shared" si="334"/>
        <v>0.90541244826202316</v>
      </c>
      <c r="FL67" s="126">
        <f t="shared" si="335"/>
        <v>0</v>
      </c>
      <c r="FM67" s="91">
        <f t="shared" si="336"/>
        <v>787.28125135479604</v>
      </c>
      <c r="FN67" s="91">
        <f t="shared" si="337"/>
        <v>3125.0608393074594</v>
      </c>
      <c r="FO67" s="91">
        <f t="shared" si="338"/>
        <v>4661.8149651805506</v>
      </c>
      <c r="FP67" s="91">
        <f t="shared" si="339"/>
        <v>6179.3007227137605</v>
      </c>
      <c r="FQ67" s="91">
        <f t="shared" si="340"/>
        <v>7675.6184959593475</v>
      </c>
      <c r="FR67" s="91">
        <f t="shared" si="341"/>
        <v>9148.5158174495118</v>
      </c>
      <c r="FS67" s="91">
        <f t="shared" si="342"/>
        <v>10595.288671224924</v>
      </c>
      <c r="FT67" s="91">
        <f t="shared" si="343"/>
        <v>12012.644674095873</v>
      </c>
      <c r="FU67" s="91">
        <f t="shared" si="344"/>
        <v>13396.508687959864</v>
      </c>
      <c r="FV67" s="91">
        <f t="shared" si="345"/>
        <v>14409.385349124705</v>
      </c>
      <c r="FW67" s="91">
        <f t="shared" si="346"/>
        <v>14741.738638001239</v>
      </c>
      <c r="FX67" s="91">
        <f t="shared" si="347"/>
        <v>14741.738638001239</v>
      </c>
      <c r="FY67" s="91">
        <f t="shared" si="348"/>
        <v>0</v>
      </c>
      <c r="FZ67" s="91">
        <f t="shared" si="349"/>
        <v>1.0992854495189626</v>
      </c>
      <c r="GA67" s="91">
        <f t="shared" si="350"/>
        <v>10.889895633174882</v>
      </c>
      <c r="GB67" s="91">
        <f t="shared" si="351"/>
        <v>23.031139653495188</v>
      </c>
      <c r="GC67" s="91">
        <f t="shared" si="352"/>
        <v>43.392670279104792</v>
      </c>
      <c r="GD67" s="91">
        <f t="shared" si="353"/>
        <v>69.442571491030165</v>
      </c>
      <c r="GE67" s="91">
        <f t="shared" si="354"/>
        <v>104.66241336620156</v>
      </c>
      <c r="GF67" s="91">
        <f t="shared" si="355"/>
        <v>156.5029282127243</v>
      </c>
      <c r="GG67" s="91">
        <f t="shared" si="356"/>
        <v>237.84233489335665</v>
      </c>
      <c r="GH67" s="91">
        <f t="shared" si="357"/>
        <v>378.86484054831732</v>
      </c>
      <c r="GI67" s="91">
        <f t="shared" si="358"/>
        <v>600.94954259193241</v>
      </c>
      <c r="GJ67" s="91">
        <f t="shared" si="359"/>
        <v>792.7907391751188</v>
      </c>
      <c r="GK67" s="127">
        <f t="shared" si="360"/>
        <v>6617.7563683296457</v>
      </c>
      <c r="GL67" s="126">
        <f t="shared" si="361"/>
        <v>0</v>
      </c>
      <c r="GM67" s="91">
        <f t="shared" si="362"/>
        <v>872.53322009258125</v>
      </c>
      <c r="GN67" s="91">
        <f t="shared" si="363"/>
        <v>3457.904086470694</v>
      </c>
      <c r="GO67" s="91">
        <f t="shared" si="364"/>
        <v>5152.3343076783985</v>
      </c>
      <c r="GP67" s="91">
        <f t="shared" si="365"/>
        <v>6820.9586784309076</v>
      </c>
      <c r="GQ67" s="91">
        <f t="shared" si="366"/>
        <v>8461.2330702267773</v>
      </c>
      <c r="GR67" s="91">
        <f t="shared" si="367"/>
        <v>10070.140785564492</v>
      </c>
      <c r="GS67" s="91">
        <f t="shared" si="368"/>
        <v>11644.060374498522</v>
      </c>
      <c r="GT67" s="91">
        <f t="shared" si="369"/>
        <v>13178.582395256928</v>
      </c>
      <c r="GU67" s="91">
        <f t="shared" si="370"/>
        <v>14668.249073595307</v>
      </c>
      <c r="GV67" s="91">
        <f t="shared" si="371"/>
        <v>15751.988346768972</v>
      </c>
      <c r="GW67" s="91">
        <f t="shared" si="372"/>
        <v>16106.173702171251</v>
      </c>
      <c r="GX67" s="91">
        <f t="shared" si="373"/>
        <v>16106.173702171251</v>
      </c>
      <c r="GY67" s="91">
        <f t="shared" si="374"/>
        <v>0</v>
      </c>
      <c r="GZ67" s="91">
        <f t="shared" si="375"/>
        <v>1.0975989817912621</v>
      </c>
      <c r="HA67" s="91">
        <f t="shared" si="376"/>
        <v>10.819712973783099</v>
      </c>
      <c r="HB67" s="91">
        <f t="shared" si="377"/>
        <v>22.800629708626015</v>
      </c>
      <c r="HC67" s="91">
        <f t="shared" si="378"/>
        <v>42.792031428497125</v>
      </c>
      <c r="HD67" s="91">
        <f t="shared" si="379"/>
        <v>68.193688461740194</v>
      </c>
      <c r="HE67" s="91">
        <f t="shared" si="380"/>
        <v>102.30910534855271</v>
      </c>
      <c r="HF67" s="91">
        <f t="shared" si="381"/>
        <v>152.21416509745183</v>
      </c>
      <c r="HG67" s="91">
        <f t="shared" si="382"/>
        <v>230.0367711351233</v>
      </c>
      <c r="HH67" s="91">
        <f t="shared" si="383"/>
        <v>364.15448807511433</v>
      </c>
      <c r="HI67" s="91">
        <f t="shared" si="384"/>
        <v>574.62691000274037</v>
      </c>
      <c r="HJ67" s="91">
        <f t="shared" si="385"/>
        <v>756.66951073364226</v>
      </c>
      <c r="HK67" s="127">
        <f t="shared" si="386"/>
        <v>6316.23734478607</v>
      </c>
      <c r="HL67" s="126">
        <f t="shared" si="387"/>
        <v>0</v>
      </c>
      <c r="HM67" s="91">
        <f t="shared" si="388"/>
        <v>772.67029857873251</v>
      </c>
      <c r="HN67" s="91">
        <f t="shared" si="389"/>
        <v>3017.6292614757654</v>
      </c>
      <c r="HO67" s="91">
        <f t="shared" si="390"/>
        <v>4448.1944289509947</v>
      </c>
      <c r="HP67" s="91">
        <f t="shared" si="391"/>
        <v>5820.2663353944436</v>
      </c>
      <c r="HQ67" s="91">
        <f t="shared" si="392"/>
        <v>7128.0782895361808</v>
      </c>
      <c r="HR67" s="91">
        <f t="shared" si="393"/>
        <v>8364.7924437060974</v>
      </c>
      <c r="HS67" s="91">
        <f t="shared" si="394"/>
        <v>9522.2001780276587</v>
      </c>
      <c r="HT67" s="91">
        <f t="shared" si="395"/>
        <v>10590.306757817812</v>
      </c>
      <c r="HU67" s="91">
        <f t="shared" si="396"/>
        <v>11556.741228122564</v>
      </c>
      <c r="HV67" s="91">
        <f t="shared" si="397"/>
        <v>12205.609413536195</v>
      </c>
      <c r="HW67" s="91">
        <f t="shared" si="398"/>
        <v>12405.893718965797</v>
      </c>
      <c r="HX67" s="91">
        <f t="shared" si="399"/>
        <v>12405.893718965797</v>
      </c>
      <c r="HY67" s="91">
        <f t="shared" si="400"/>
        <v>0</v>
      </c>
      <c r="HZ67" s="91">
        <f t="shared" si="401"/>
        <v>1.0926558867273126</v>
      </c>
      <c r="IA67" s="91">
        <f t="shared" si="402"/>
        <v>10.614005179014082</v>
      </c>
      <c r="IB67" s="91">
        <f t="shared" si="403"/>
        <v>22.124997111595682</v>
      </c>
      <c r="IC67" s="91">
        <f t="shared" si="404"/>
        <v>41.031538245681553</v>
      </c>
      <c r="ID67" s="91">
        <f t="shared" si="405"/>
        <v>64.533169237959214</v>
      </c>
      <c r="IE67" s="91">
        <f t="shared" si="406"/>
        <v>95.411478400271534</v>
      </c>
      <c r="IF67" s="91">
        <f t="shared" si="407"/>
        <v>139.64365251820499</v>
      </c>
      <c r="IG67" s="91">
        <f t="shared" si="408"/>
        <v>207.15839460237041</v>
      </c>
      <c r="IH67" s="91">
        <f t="shared" si="409"/>
        <v>321.03793772262287</v>
      </c>
      <c r="II67" s="91">
        <f t="shared" si="410"/>
        <v>497.47436620683254</v>
      </c>
      <c r="IJ67" s="91">
        <f t="shared" si="411"/>
        <v>650.79694461207271</v>
      </c>
      <c r="IK67" s="127">
        <f t="shared" si="412"/>
        <v>5432.4746895721391</v>
      </c>
    </row>
    <row r="68" spans="2:245" x14ac:dyDescent="0.2">
      <c r="B68" s="79">
        <f t="shared" si="188"/>
        <v>-57.5</v>
      </c>
      <c r="C68" s="73">
        <f>'p-y mono_clay'!C68</f>
        <v>42</v>
      </c>
      <c r="D68" s="64">
        <f>'p-y mono_clay'!D68</f>
        <v>41.99</v>
      </c>
      <c r="E68" s="64" t="str">
        <f>'p-y mono_clay'!E68</f>
        <v>CLAY</v>
      </c>
      <c r="F68" s="55">
        <f>VLOOKUP($C68, 'Pile Property'!$A$8:$D$108,2,TRUE)</f>
        <v>2</v>
      </c>
      <c r="G68" s="102">
        <f>'p-y mono_clay'!Z68</f>
        <v>11510.356253213455</v>
      </c>
      <c r="H68" s="199">
        <f>'p-y mono_clay'!AM68</f>
        <v>0</v>
      </c>
      <c r="I68" s="55">
        <f>'p-y mono_clay'!AN68</f>
        <v>0.93041055805206818</v>
      </c>
      <c r="J68" s="55">
        <f>'p-y mono_clay'!AO68</f>
        <v>9.3041055805206838</v>
      </c>
      <c r="K68" s="55">
        <f>'p-y mono_clay'!AP68</f>
        <v>19.912316741562048</v>
      </c>
      <c r="L68" s="55">
        <f>'p-y mono_clay'!AQ68</f>
        <v>37.82463348312411</v>
      </c>
      <c r="M68" s="55">
        <f>'p-y mono_clay'!AR68</f>
        <v>61.041055805206831</v>
      </c>
      <c r="N68" s="55">
        <f>'p-y mono_clay'!AS68</f>
        <v>92.865689288330913</v>
      </c>
      <c r="O68" s="55">
        <f>'p-y mono_clay'!AT68</f>
        <v>139.9944283519757</v>
      </c>
      <c r="P68" s="55">
        <f>'p-y mono_clay'!AU68</f>
        <v>214.94780089874459</v>
      </c>
      <c r="Q68" s="55">
        <f>'p-y mono_clay'!AV68</f>
        <v>345.20527902603413</v>
      </c>
      <c r="R68" s="55">
        <f>'p-y mono_clay'!AW68</f>
        <v>551.28739063644775</v>
      </c>
      <c r="S68" s="55">
        <f>'p-y mono_clay'!AX68</f>
        <v>730.41055805206838</v>
      </c>
      <c r="T68" s="200">
        <f>'p-y mono_clay'!AY68</f>
        <v>6000</v>
      </c>
      <c r="U68" s="199">
        <f>'p-y mono_clay'!AZ68</f>
        <v>0</v>
      </c>
      <c r="V68" s="55">
        <f>'p-y mono_clay'!BA68</f>
        <v>575.5178126606728</v>
      </c>
      <c r="W68" s="55">
        <f>'p-y mono_clay'!BB68</f>
        <v>2302.0712506426912</v>
      </c>
      <c r="X68" s="55">
        <f>'p-y mono_clay'!BC68</f>
        <v>3453.1068759640361</v>
      </c>
      <c r="Y68" s="55">
        <f>'p-y mono_clay'!BD68</f>
        <v>4604.1425012853824</v>
      </c>
      <c r="Z68" s="55">
        <f>'p-y mono_clay'!BE68</f>
        <v>5755.1781266067273</v>
      </c>
      <c r="AA68" s="55">
        <f>'p-y mono_clay'!BF68</f>
        <v>6906.2137519280723</v>
      </c>
      <c r="AB68" s="55">
        <f>'p-y mono_clay'!BG68</f>
        <v>8057.2493772494181</v>
      </c>
      <c r="AC68" s="55">
        <f>'p-y mono_clay'!BH68</f>
        <v>9208.2850025707648</v>
      </c>
      <c r="AD68" s="55">
        <f>'p-y mono_clay'!BI68</f>
        <v>10359.32062789211</v>
      </c>
      <c r="AE68" s="55">
        <f>'p-y mono_clay'!BJ68</f>
        <v>11222.597346883118</v>
      </c>
      <c r="AF68" s="55">
        <f>'p-y mono_clay'!BK68</f>
        <v>11510.356253213455</v>
      </c>
      <c r="AG68" s="200">
        <f>'p-y mono_clay'!BL68</f>
        <v>11510.356253213455</v>
      </c>
      <c r="AH68">
        <f t="shared" si="205"/>
        <v>30</v>
      </c>
      <c r="AI68">
        <v>0</v>
      </c>
      <c r="AJ68">
        <f t="shared" si="206"/>
        <v>-0.95</v>
      </c>
      <c r="AK68">
        <f t="shared" si="207"/>
        <v>-0.8</v>
      </c>
      <c r="AL68">
        <f t="shared" si="208"/>
        <v>-0.7</v>
      </c>
      <c r="AM68">
        <f t="shared" si="209"/>
        <v>-0.6</v>
      </c>
      <c r="AN68">
        <f t="shared" si="210"/>
        <v>-0.5</v>
      </c>
      <c r="AO68">
        <f t="shared" si="211"/>
        <v>-0.4</v>
      </c>
      <c r="AP68">
        <f t="shared" si="212"/>
        <v>-0.30000000000000004</v>
      </c>
      <c r="AQ68">
        <f t="shared" si="213"/>
        <v>-0.19999999999999996</v>
      </c>
      <c r="AR68">
        <f t="shared" si="214"/>
        <v>-9.9999999999999978E-2</v>
      </c>
      <c r="AS68">
        <f t="shared" si="215"/>
        <v>-2.5000000000000022E-2</v>
      </c>
      <c r="AT68">
        <f t="shared" si="216"/>
        <v>0</v>
      </c>
      <c r="AU68">
        <f t="shared" si="217"/>
        <v>0</v>
      </c>
      <c r="AV68">
        <v>1</v>
      </c>
      <c r="AW68">
        <v>1.25</v>
      </c>
      <c r="AX68">
        <v>2.5</v>
      </c>
      <c r="AY68" s="162">
        <f t="shared" si="218"/>
        <v>2</v>
      </c>
      <c r="AZ68" s="162">
        <f t="shared" si="219"/>
        <v>1.0256410256410258</v>
      </c>
      <c r="BA68" s="162">
        <f t="shared" si="220"/>
        <v>1.1111111111111112</v>
      </c>
      <c r="BB68" s="162">
        <f t="shared" si="221"/>
        <v>1.1764705882352942</v>
      </c>
      <c r="BC68" s="162">
        <f t="shared" si="222"/>
        <v>1.25</v>
      </c>
      <c r="BD68" s="162">
        <f t="shared" si="223"/>
        <v>1.3333333333333333</v>
      </c>
      <c r="BE68" s="162">
        <f t="shared" si="224"/>
        <v>1.4285714285714286</v>
      </c>
      <c r="BF68" s="162">
        <f t="shared" si="225"/>
        <v>1.5384615384615383</v>
      </c>
      <c r="BG68" s="162">
        <f t="shared" si="226"/>
        <v>1.6666666666666667</v>
      </c>
      <c r="BH68" s="162">
        <f t="shared" si="227"/>
        <v>1.8181818181818181</v>
      </c>
      <c r="BI68" s="162">
        <f t="shared" si="228"/>
        <v>1.9512195121951221</v>
      </c>
      <c r="BJ68" s="162">
        <f t="shared" si="229"/>
        <v>2</v>
      </c>
      <c r="BK68" s="162">
        <f t="shared" si="230"/>
        <v>2</v>
      </c>
      <c r="BL68" s="162">
        <f t="shared" si="231"/>
        <v>2.3784142300054421</v>
      </c>
      <c r="BM68" s="162">
        <f t="shared" si="232"/>
        <v>1.0321533592882333</v>
      </c>
      <c r="BN68" s="162">
        <f t="shared" si="233"/>
        <v>1.1407667734226012</v>
      </c>
      <c r="BO68" s="162">
        <f t="shared" si="234"/>
        <v>1.2252546033521698</v>
      </c>
      <c r="BP68" s="162">
        <f t="shared" si="235"/>
        <v>1.3217140793007052</v>
      </c>
      <c r="BQ68" s="162">
        <f t="shared" si="236"/>
        <v>1.4327599090980556</v>
      </c>
      <c r="BR68" s="162">
        <f t="shared" si="237"/>
        <v>1.5618073056129906</v>
      </c>
      <c r="BS68" s="162">
        <f t="shared" si="238"/>
        <v>1.7133981916233565</v>
      </c>
      <c r="BT68" s="162">
        <f t="shared" si="239"/>
        <v>1.8936989441124989</v>
      </c>
      <c r="BU68" s="162">
        <f t="shared" si="240"/>
        <v>2.1112839107574066</v>
      </c>
      <c r="BV68" s="162">
        <f t="shared" si="241"/>
        <v>2.3061240387292958</v>
      </c>
      <c r="BW68" s="162">
        <f t="shared" si="242"/>
        <v>2.3784142300054421</v>
      </c>
      <c r="BX68" s="162">
        <f t="shared" si="243"/>
        <v>2.3784142300054421</v>
      </c>
      <c r="BY68" s="162">
        <f t="shared" si="244"/>
        <v>5.6568542494923806</v>
      </c>
      <c r="BZ68" s="162">
        <f t="shared" si="245"/>
        <v>1.065340557089985</v>
      </c>
      <c r="CA68" s="162">
        <f t="shared" si="246"/>
        <v>1.3013488313450123</v>
      </c>
      <c r="CB68" s="162">
        <f t="shared" si="247"/>
        <v>1.501248843035683</v>
      </c>
      <c r="CC68" s="162">
        <f t="shared" si="248"/>
        <v>1.7469281074217107</v>
      </c>
      <c r="CD68" s="162">
        <f t="shared" si="249"/>
        <v>2.0528009571186687</v>
      </c>
      <c r="CE68" s="162">
        <f t="shared" si="250"/>
        <v>2.4392420598661095</v>
      </c>
      <c r="CF68" s="162">
        <f t="shared" si="251"/>
        <v>2.9357333630581879</v>
      </c>
      <c r="CG68" s="162">
        <f t="shared" si="252"/>
        <v>3.5860956909327935</v>
      </c>
      <c r="CH68" s="162">
        <f t="shared" si="253"/>
        <v>4.4575197518230878</v>
      </c>
      <c r="CI68" s="162">
        <f t="shared" si="254"/>
        <v>5.3182080820051185</v>
      </c>
      <c r="CJ68" s="162">
        <f t="shared" si="255"/>
        <v>5.6568542494923806</v>
      </c>
      <c r="CK68" s="162">
        <f t="shared" si="256"/>
        <v>5.6568542494923806</v>
      </c>
      <c r="CL68">
        <f t="shared" si="257"/>
        <v>1.3729593947216077</v>
      </c>
      <c r="CM68">
        <f t="shared" si="258"/>
        <v>1.4664555068821994</v>
      </c>
      <c r="CN68">
        <f t="shared" si="259"/>
        <v>1.4552495278079043</v>
      </c>
      <c r="CO68">
        <f t="shared" si="260"/>
        <v>1.4472473498703116</v>
      </c>
      <c r="CP68">
        <f t="shared" si="261"/>
        <v>1.4387599028160105</v>
      </c>
      <c r="CQ68">
        <f t="shared" si="262"/>
        <v>1.4297245098567506</v>
      </c>
      <c r="CR68">
        <f t="shared" si="263"/>
        <v>1.4200655078485775</v>
      </c>
      <c r="CS68">
        <f t="shared" si="264"/>
        <v>1.4096903917470565</v>
      </c>
      <c r="CT68">
        <f t="shared" si="265"/>
        <v>1.3984844126727614</v>
      </c>
      <c r="CU68">
        <f t="shared" si="266"/>
        <v>1.3863028198942131</v>
      </c>
      <c r="CV68">
        <f t="shared" si="267"/>
        <v>1.3764163604842596</v>
      </c>
      <c r="CW68">
        <f t="shared" si="268"/>
        <v>1.3729593947216077</v>
      </c>
      <c r="CX68" s="98">
        <f t="shared" si="269"/>
        <v>1.3729593947216077</v>
      </c>
      <c r="CY68">
        <f t="shared" si="270"/>
        <v>1.1029593947216076</v>
      </c>
      <c r="CZ68">
        <f t="shared" si="271"/>
        <v>1.1964555068821994</v>
      </c>
      <c r="DA68">
        <f t="shared" si="272"/>
        <v>1.1852495278079043</v>
      </c>
      <c r="DB68">
        <f t="shared" si="273"/>
        <v>1.1772473498703115</v>
      </c>
      <c r="DC68">
        <f t="shared" si="274"/>
        <v>1.1687599028160105</v>
      </c>
      <c r="DD68">
        <f t="shared" si="275"/>
        <v>1.1597245098567506</v>
      </c>
      <c r="DE68">
        <f t="shared" si="276"/>
        <v>1.1500655078485775</v>
      </c>
      <c r="DF68">
        <f t="shared" si="277"/>
        <v>1.1396903917470564</v>
      </c>
      <c r="DG68">
        <f t="shared" si="278"/>
        <v>1.1284844126727613</v>
      </c>
      <c r="DH68">
        <f t="shared" si="279"/>
        <v>1.1163028198942131</v>
      </c>
      <c r="DI68">
        <f t="shared" si="280"/>
        <v>1.1064163604842596</v>
      </c>
      <c r="DJ68">
        <f t="shared" si="281"/>
        <v>1.1029593947216076</v>
      </c>
      <c r="DK68">
        <f t="shared" si="282"/>
        <v>1.1029593947216076</v>
      </c>
      <c r="DL68" s="97">
        <f t="shared" si="283"/>
        <v>1.5000349036450102</v>
      </c>
      <c r="DM68">
        <f t="shared" si="284"/>
        <v>1.6252529110029454</v>
      </c>
      <c r="DN68">
        <f t="shared" si="285"/>
        <v>1.6102449033141575</v>
      </c>
      <c r="DO68">
        <f t="shared" si="286"/>
        <v>1.5995277007191671</v>
      </c>
      <c r="DP68">
        <f t="shared" si="287"/>
        <v>1.5881605841285855</v>
      </c>
      <c r="DQ68">
        <f t="shared" si="288"/>
        <v>1.5760596114152909</v>
      </c>
      <c r="DR68">
        <f t="shared" si="289"/>
        <v>1.5631234480114875</v>
      </c>
      <c r="DS68">
        <f t="shared" si="290"/>
        <v>1.5492282032326647</v>
      </c>
      <c r="DT68">
        <f t="shared" si="291"/>
        <v>1.5342201955438766</v>
      </c>
      <c r="DU68">
        <f t="shared" si="292"/>
        <v>1.5179055623583211</v>
      </c>
      <c r="DV68">
        <f t="shared" si="293"/>
        <v>1.5046647685057049</v>
      </c>
      <c r="DW68">
        <f t="shared" si="294"/>
        <v>1.5000349036450102</v>
      </c>
      <c r="DX68" s="98">
        <f t="shared" si="295"/>
        <v>1.5000349036450102</v>
      </c>
      <c r="DY68">
        <f t="shared" si="296"/>
        <v>1.0527062241310117</v>
      </c>
      <c r="DZ68">
        <f t="shared" si="297"/>
        <v>1.1946199658033383</v>
      </c>
      <c r="EA68">
        <f t="shared" si="298"/>
        <v>1.1776108904227118</v>
      </c>
      <c r="EB68">
        <f t="shared" si="299"/>
        <v>1.1654647274817227</v>
      </c>
      <c r="EC68">
        <f t="shared" si="300"/>
        <v>1.1525819953457304</v>
      </c>
      <c r="ED68">
        <f t="shared" si="301"/>
        <v>1.1388675596039965</v>
      </c>
      <c r="EE68">
        <f t="shared" si="302"/>
        <v>1.1242065744130194</v>
      </c>
      <c r="EF68">
        <f t="shared" si="303"/>
        <v>1.1084586303303534</v>
      </c>
      <c r="EG68">
        <f t="shared" si="304"/>
        <v>1.091449554949727</v>
      </c>
      <c r="EH68">
        <f t="shared" si="305"/>
        <v>1.0729596373394306</v>
      </c>
      <c r="EI68">
        <f t="shared" si="306"/>
        <v>1.0579534043064656</v>
      </c>
      <c r="EJ68">
        <f t="shared" si="307"/>
        <v>1.0527062241310117</v>
      </c>
      <c r="EK68">
        <f t="shared" si="308"/>
        <v>1.0527062241310117</v>
      </c>
      <c r="EL68" s="97">
        <f t="shared" si="309"/>
        <v>1.1554124482620232</v>
      </c>
      <c r="EM68">
        <f t="shared" si="310"/>
        <v>1.4392399316066766</v>
      </c>
      <c r="EN68">
        <f t="shared" si="311"/>
        <v>1.4052217808454237</v>
      </c>
      <c r="EO68">
        <f t="shared" si="312"/>
        <v>1.3809294549634457</v>
      </c>
      <c r="EP68">
        <f t="shared" si="313"/>
        <v>1.3551639906914608</v>
      </c>
      <c r="EQ68">
        <f t="shared" si="314"/>
        <v>1.3277351192079931</v>
      </c>
      <c r="ER68">
        <f t="shared" si="315"/>
        <v>1.2984131488260386</v>
      </c>
      <c r="ES68">
        <f t="shared" si="316"/>
        <v>1.2669172606607069</v>
      </c>
      <c r="ET68">
        <f t="shared" si="317"/>
        <v>1.2328991098994539</v>
      </c>
      <c r="EU68">
        <f t="shared" si="318"/>
        <v>1.1959192746788612</v>
      </c>
      <c r="EV68">
        <f t="shared" si="319"/>
        <v>1.1659068086129309</v>
      </c>
      <c r="EW68">
        <f t="shared" si="320"/>
        <v>1.1554124482620232</v>
      </c>
      <c r="EX68" s="98">
        <f t="shared" si="321"/>
        <v>1.1554124482620232</v>
      </c>
      <c r="EY68" s="97">
        <f t="shared" si="322"/>
        <v>0.90541244826202316</v>
      </c>
      <c r="EZ68">
        <f t="shared" si="323"/>
        <v>1.1892399316066766</v>
      </c>
      <c r="FA68">
        <f t="shared" si="324"/>
        <v>1.1552217808454237</v>
      </c>
      <c r="FB68">
        <f t="shared" si="325"/>
        <v>1.1309294549634457</v>
      </c>
      <c r="FC68">
        <f t="shared" si="326"/>
        <v>1.1051639906914608</v>
      </c>
      <c r="FD68">
        <f t="shared" si="327"/>
        <v>1.0777351192079931</v>
      </c>
      <c r="FE68">
        <f t="shared" si="328"/>
        <v>1.0484131488260386</v>
      </c>
      <c r="FF68">
        <f t="shared" si="329"/>
        <v>1.0169172606607069</v>
      </c>
      <c r="FG68">
        <f t="shared" si="330"/>
        <v>0.98289910989945395</v>
      </c>
      <c r="FH68">
        <f t="shared" si="331"/>
        <v>0.94591927467886117</v>
      </c>
      <c r="FI68">
        <f t="shared" si="332"/>
        <v>0.91590680861293094</v>
      </c>
      <c r="FJ68">
        <f t="shared" si="333"/>
        <v>0.90541244826202316</v>
      </c>
      <c r="FK68">
        <f t="shared" si="334"/>
        <v>0.90541244826202316</v>
      </c>
      <c r="FL68" s="126">
        <f t="shared" si="335"/>
        <v>0</v>
      </c>
      <c r="FM68" s="91">
        <f t="shared" si="336"/>
        <v>843.97126568504166</v>
      </c>
      <c r="FN68" s="91">
        <f t="shared" si="337"/>
        <v>3350.088100477928</v>
      </c>
      <c r="FO68" s="91">
        <f t="shared" si="338"/>
        <v>4997.4997750579023</v>
      </c>
      <c r="FP68" s="91">
        <f t="shared" si="339"/>
        <v>6624.2556177004208</v>
      </c>
      <c r="FQ68" s="91">
        <f t="shared" si="340"/>
        <v>8228.3192262010962</v>
      </c>
      <c r="FR68" s="91">
        <f t="shared" si="341"/>
        <v>9807.2759389425682</v>
      </c>
      <c r="FS68" s="91">
        <f t="shared" si="342"/>
        <v>11358.227031018459</v>
      </c>
      <c r="FT68" s="91">
        <f t="shared" si="343"/>
        <v>12877.643043543572</v>
      </c>
      <c r="FU68" s="91">
        <f t="shared" si="344"/>
        <v>14361.155398635123</v>
      </c>
      <c r="FV68" s="91">
        <f t="shared" si="345"/>
        <v>15446.966595377169</v>
      </c>
      <c r="FW68" s="91">
        <f t="shared" si="346"/>
        <v>15803.251754442017</v>
      </c>
      <c r="FX68" s="91">
        <f t="shared" si="347"/>
        <v>15803.251754442017</v>
      </c>
      <c r="FY68" s="91">
        <f t="shared" si="348"/>
        <v>0</v>
      </c>
      <c r="FZ68" s="91">
        <f t="shared" si="349"/>
        <v>1.1131948358427373</v>
      </c>
      <c r="GA68" s="91">
        <f t="shared" si="350"/>
        <v>11.027686745987028</v>
      </c>
      <c r="GB68" s="91">
        <f t="shared" si="351"/>
        <v>23.441722113782159</v>
      </c>
      <c r="GC68" s="91">
        <f t="shared" si="352"/>
        <v>44.207914953787352</v>
      </c>
      <c r="GD68" s="91">
        <f t="shared" si="353"/>
        <v>70.790808524832045</v>
      </c>
      <c r="GE68" s="91">
        <f t="shared" si="354"/>
        <v>106.8016261130925</v>
      </c>
      <c r="GF68" s="91">
        <f t="shared" si="355"/>
        <v>159.5503048908684</v>
      </c>
      <c r="GG68" s="91">
        <f t="shared" si="356"/>
        <v>242.56524285252144</v>
      </c>
      <c r="GH68" s="91">
        <f t="shared" si="357"/>
        <v>385.35362641913053</v>
      </c>
      <c r="GI68" s="91">
        <f t="shared" si="358"/>
        <v>609.95338832884283</v>
      </c>
      <c r="GJ68" s="91">
        <f t="shared" si="359"/>
        <v>805.61318700738104</v>
      </c>
      <c r="GK68" s="127">
        <f t="shared" si="360"/>
        <v>6617.7563683296457</v>
      </c>
      <c r="GL68" s="126">
        <f t="shared" si="361"/>
        <v>0</v>
      </c>
      <c r="GM68" s="91">
        <f t="shared" si="362"/>
        <v>935.36200036080629</v>
      </c>
      <c r="GN68" s="91">
        <f t="shared" si="363"/>
        <v>3706.8984984134418</v>
      </c>
      <c r="GO68" s="91">
        <f t="shared" si="364"/>
        <v>5523.3401016483003</v>
      </c>
      <c r="GP68" s="91">
        <f t="shared" si="365"/>
        <v>7312.1176442526394</v>
      </c>
      <c r="GQ68" s="91">
        <f t="shared" si="366"/>
        <v>9070.5038018455816</v>
      </c>
      <c r="GR68" s="91">
        <f t="shared" si="367"/>
        <v>10795.26465261816</v>
      </c>
      <c r="GS68" s="91">
        <f t="shared" si="368"/>
        <v>12482.517975713623</v>
      </c>
      <c r="GT68" s="91">
        <f t="shared" si="369"/>
        <v>14127.536817267865</v>
      </c>
      <c r="GU68" s="91">
        <f t="shared" si="370"/>
        <v>15724.470403330728</v>
      </c>
      <c r="GV68" s="91">
        <f t="shared" si="371"/>
        <v>16886.246838980624</v>
      </c>
      <c r="GW68" s="91">
        <f t="shared" si="372"/>
        <v>17265.936133208786</v>
      </c>
      <c r="GX68" s="91">
        <f t="shared" si="373"/>
        <v>17265.936133208786</v>
      </c>
      <c r="GY68" s="91">
        <f t="shared" si="374"/>
        <v>0</v>
      </c>
      <c r="GZ68" s="91">
        <f t="shared" si="375"/>
        <v>1.1114870290432266</v>
      </c>
      <c r="HA68" s="91">
        <f t="shared" si="376"/>
        <v>10.956616057263885</v>
      </c>
      <c r="HB68" s="91">
        <f t="shared" si="377"/>
        <v>23.207102804734358</v>
      </c>
      <c r="HC68" s="91">
        <f t="shared" si="378"/>
        <v>43.595991533200113</v>
      </c>
      <c r="HD68" s="91">
        <f t="shared" si="379"/>
        <v>69.517678260527276</v>
      </c>
      <c r="HE68" s="91">
        <f t="shared" si="380"/>
        <v>104.40021843533833</v>
      </c>
      <c r="HF68" s="91">
        <f t="shared" si="381"/>
        <v>155.17803230491177</v>
      </c>
      <c r="HG68" s="91">
        <f t="shared" si="382"/>
        <v>234.6046816283573</v>
      </c>
      <c r="HH68" s="91">
        <f t="shared" si="383"/>
        <v>370.39133099143049</v>
      </c>
      <c r="HI68" s="91">
        <f t="shared" si="384"/>
        <v>583.23637167505819</v>
      </c>
      <c r="HJ68" s="91">
        <f t="shared" si="385"/>
        <v>768.90774063241804</v>
      </c>
      <c r="HK68" s="127">
        <f t="shared" si="386"/>
        <v>6316.23734478607</v>
      </c>
      <c r="HL68" s="126">
        <f t="shared" si="387"/>
        <v>0</v>
      </c>
      <c r="HM68" s="91">
        <f t="shared" si="388"/>
        <v>828.3082173321709</v>
      </c>
      <c r="HN68" s="91">
        <f t="shared" si="389"/>
        <v>3234.9206624611743</v>
      </c>
      <c r="HO68" s="91">
        <f t="shared" si="390"/>
        <v>4768.4969961555425</v>
      </c>
      <c r="HP68" s="91">
        <f t="shared" si="391"/>
        <v>6239.3681257540629</v>
      </c>
      <c r="HQ68" s="91">
        <f t="shared" si="392"/>
        <v>7641.352115993418</v>
      </c>
      <c r="HR68" s="91">
        <f t="shared" si="393"/>
        <v>8967.1187441066195</v>
      </c>
      <c r="HS68" s="91">
        <f t="shared" si="394"/>
        <v>10207.868309485018</v>
      </c>
      <c r="HT68" s="91">
        <f t="shared" si="395"/>
        <v>11352.886383369987</v>
      </c>
      <c r="HU68" s="91">
        <f t="shared" si="396"/>
        <v>12388.911211474497</v>
      </c>
      <c r="HV68" s="91">
        <f t="shared" si="397"/>
        <v>13084.502657052442</v>
      </c>
      <c r="HW68" s="91">
        <f t="shared" si="398"/>
        <v>13299.208898893445</v>
      </c>
      <c r="HX68" s="91">
        <f t="shared" si="399"/>
        <v>13299.208898893445</v>
      </c>
      <c r="HY68" s="91">
        <f t="shared" si="400"/>
        <v>0</v>
      </c>
      <c r="HZ68" s="91">
        <f t="shared" si="401"/>
        <v>1.1064813884239715</v>
      </c>
      <c r="IA68" s="91">
        <f t="shared" si="402"/>
        <v>10.74830541790295</v>
      </c>
      <c r="IB68" s="91">
        <f t="shared" si="403"/>
        <v>22.519425519594261</v>
      </c>
      <c r="IC68" s="91">
        <f t="shared" si="404"/>
        <v>41.802422886651286</v>
      </c>
      <c r="ID68" s="91">
        <f t="shared" si="405"/>
        <v>65.786089554806352</v>
      </c>
      <c r="IE68" s="91">
        <f t="shared" si="406"/>
        <v>97.361609724679539</v>
      </c>
      <c r="IF68" s="91">
        <f t="shared" si="407"/>
        <v>142.36275058745272</v>
      </c>
      <c r="IG68" s="91">
        <f t="shared" si="408"/>
        <v>211.2720021782211</v>
      </c>
      <c r="IH68" s="91">
        <f t="shared" si="409"/>
        <v>326.53632715162007</v>
      </c>
      <c r="II68" s="91">
        <f t="shared" si="410"/>
        <v>504.92787458637906</v>
      </c>
      <c r="IJ68" s="91">
        <f t="shared" si="411"/>
        <v>661.3228116023538</v>
      </c>
      <c r="IK68" s="127">
        <f t="shared" si="412"/>
        <v>5432.4746895721391</v>
      </c>
    </row>
    <row r="69" spans="2:245" x14ac:dyDescent="0.2">
      <c r="B69" s="79">
        <f t="shared" si="188"/>
        <v>-58.5</v>
      </c>
      <c r="C69" s="73">
        <f>'p-y mono_clay'!C69</f>
        <v>43</v>
      </c>
      <c r="D69" s="64">
        <f>'p-y mono_clay'!D69</f>
        <v>42.992000000000004</v>
      </c>
      <c r="E69" s="64" t="str">
        <f>'p-y mono_clay'!E69</f>
        <v>CLAY</v>
      </c>
      <c r="F69" s="55">
        <f>VLOOKUP($C69, 'Pile Property'!$A$8:$D$108,2,TRUE)</f>
        <v>2</v>
      </c>
      <c r="G69" s="102">
        <f>'p-y mono_clay'!Z69</f>
        <v>15185.884236687101</v>
      </c>
      <c r="H69" s="199">
        <f>'p-y mono_clay'!AM69</f>
        <v>0</v>
      </c>
      <c r="I69" s="55">
        <f>'p-y mono_clay'!AN69</f>
        <v>1</v>
      </c>
      <c r="J69" s="55">
        <f>'p-y mono_clay'!AO69</f>
        <v>10</v>
      </c>
      <c r="K69" s="55">
        <f>'p-y mono_clay'!AP69</f>
        <v>22</v>
      </c>
      <c r="L69" s="55">
        <f>'p-y mono_clay'!AQ69</f>
        <v>42</v>
      </c>
      <c r="M69" s="55">
        <f>'p-y mono_clay'!AR69</f>
        <v>68</v>
      </c>
      <c r="N69" s="55">
        <f>'p-y mono_clay'!AS69</f>
        <v>104</v>
      </c>
      <c r="O69" s="55">
        <f>'p-y mono_clay'!AT69</f>
        <v>156</v>
      </c>
      <c r="P69" s="55">
        <f>'p-y mono_clay'!AU69</f>
        <v>240</v>
      </c>
      <c r="Q69" s="55">
        <f>'p-y mono_clay'!AV69</f>
        <v>380</v>
      </c>
      <c r="R69" s="55">
        <f>'p-y mono_clay'!AW69</f>
        <v>600</v>
      </c>
      <c r="S69" s="55">
        <f>'p-y mono_clay'!AX69</f>
        <v>800</v>
      </c>
      <c r="T69" s="200">
        <f>'p-y mono_clay'!AY69</f>
        <v>6000</v>
      </c>
      <c r="U69" s="199">
        <f>'p-y mono_clay'!AZ69</f>
        <v>0</v>
      </c>
      <c r="V69" s="55">
        <f>'p-y mono_clay'!BA69</f>
        <v>759.29421183435511</v>
      </c>
      <c r="W69" s="55">
        <f>'p-y mono_clay'!BB69</f>
        <v>3037.1768473374204</v>
      </c>
      <c r="X69" s="55">
        <f>'p-y mono_clay'!BC69</f>
        <v>4555.7652710061302</v>
      </c>
      <c r="Y69" s="55">
        <f>'p-y mono_clay'!BD69</f>
        <v>6074.3536946748409</v>
      </c>
      <c r="Z69" s="55">
        <f>'p-y mono_clay'!BE69</f>
        <v>7592.9421183435506</v>
      </c>
      <c r="AA69" s="55">
        <f>'p-y mono_clay'!BF69</f>
        <v>9111.5305420122604</v>
      </c>
      <c r="AB69" s="55">
        <f>'p-y mono_clay'!BG69</f>
        <v>10630.118965680971</v>
      </c>
      <c r="AC69" s="55">
        <f>'p-y mono_clay'!BH69</f>
        <v>12148.707389349682</v>
      </c>
      <c r="AD69" s="55">
        <f>'p-y mono_clay'!BI69</f>
        <v>13667.295813018391</v>
      </c>
      <c r="AE69" s="55">
        <f>'p-y mono_clay'!BJ69</f>
        <v>14806.237130769923</v>
      </c>
      <c r="AF69" s="55">
        <f>'p-y mono_clay'!BK69</f>
        <v>15185.884236687101</v>
      </c>
      <c r="AG69" s="200">
        <f>'p-y mono_clay'!BL69</f>
        <v>15185.884236687101</v>
      </c>
      <c r="AH69">
        <f t="shared" si="205"/>
        <v>30</v>
      </c>
      <c r="AI69">
        <v>0</v>
      </c>
      <c r="AJ69">
        <f t="shared" si="206"/>
        <v>-0.95</v>
      </c>
      <c r="AK69">
        <f t="shared" si="207"/>
        <v>-0.8</v>
      </c>
      <c r="AL69">
        <f t="shared" si="208"/>
        <v>-0.7</v>
      </c>
      <c r="AM69">
        <f t="shared" si="209"/>
        <v>-0.6</v>
      </c>
      <c r="AN69">
        <f t="shared" si="210"/>
        <v>-0.5</v>
      </c>
      <c r="AO69">
        <f t="shared" si="211"/>
        <v>-0.4</v>
      </c>
      <c r="AP69">
        <f t="shared" si="212"/>
        <v>-0.29999999999999993</v>
      </c>
      <c r="AQ69">
        <f t="shared" si="213"/>
        <v>-0.19999999999999996</v>
      </c>
      <c r="AR69">
        <f t="shared" si="214"/>
        <v>-0.10000000000000009</v>
      </c>
      <c r="AS69">
        <f t="shared" si="215"/>
        <v>-2.5000000000000022E-2</v>
      </c>
      <c r="AT69">
        <f t="shared" si="216"/>
        <v>0</v>
      </c>
      <c r="AU69">
        <f t="shared" si="217"/>
        <v>0</v>
      </c>
      <c r="AV69">
        <v>1</v>
      </c>
      <c r="AW69">
        <v>1.25</v>
      </c>
      <c r="AX69">
        <v>2.5</v>
      </c>
      <c r="AY69" s="162">
        <f t="shared" si="218"/>
        <v>2</v>
      </c>
      <c r="AZ69" s="162">
        <f t="shared" si="219"/>
        <v>1.0256410256410258</v>
      </c>
      <c r="BA69" s="162">
        <f t="shared" si="220"/>
        <v>1.1111111111111112</v>
      </c>
      <c r="BB69" s="162">
        <f t="shared" si="221"/>
        <v>1.1764705882352942</v>
      </c>
      <c r="BC69" s="162">
        <f t="shared" si="222"/>
        <v>1.25</v>
      </c>
      <c r="BD69" s="162">
        <f t="shared" si="223"/>
        <v>1.3333333333333333</v>
      </c>
      <c r="BE69" s="162">
        <f t="shared" si="224"/>
        <v>1.4285714285714286</v>
      </c>
      <c r="BF69" s="162">
        <f t="shared" si="225"/>
        <v>1.5384615384615388</v>
      </c>
      <c r="BG69" s="162">
        <f t="shared" si="226"/>
        <v>1.6666666666666667</v>
      </c>
      <c r="BH69" s="162">
        <f t="shared" si="227"/>
        <v>1.8181818181818181</v>
      </c>
      <c r="BI69" s="162">
        <f t="shared" si="228"/>
        <v>1.9512195121951221</v>
      </c>
      <c r="BJ69" s="162">
        <f t="shared" si="229"/>
        <v>2</v>
      </c>
      <c r="BK69" s="162">
        <f t="shared" si="230"/>
        <v>2</v>
      </c>
      <c r="BL69" s="162">
        <f t="shared" si="231"/>
        <v>2.3784142300054421</v>
      </c>
      <c r="BM69" s="162">
        <f t="shared" si="232"/>
        <v>1.0321533592882333</v>
      </c>
      <c r="BN69" s="162">
        <f t="shared" si="233"/>
        <v>1.1407667734226012</v>
      </c>
      <c r="BO69" s="162">
        <f t="shared" si="234"/>
        <v>1.2252546033521698</v>
      </c>
      <c r="BP69" s="162">
        <f t="shared" si="235"/>
        <v>1.3217140793007052</v>
      </c>
      <c r="BQ69" s="162">
        <f t="shared" si="236"/>
        <v>1.4327599090980556</v>
      </c>
      <c r="BR69" s="162">
        <f t="shared" si="237"/>
        <v>1.5618073056129906</v>
      </c>
      <c r="BS69" s="162">
        <f t="shared" si="238"/>
        <v>1.7133981916233569</v>
      </c>
      <c r="BT69" s="162">
        <f t="shared" si="239"/>
        <v>1.8936989441124989</v>
      </c>
      <c r="BU69" s="162">
        <f t="shared" si="240"/>
        <v>2.1112839107574066</v>
      </c>
      <c r="BV69" s="162">
        <f t="shared" si="241"/>
        <v>2.3061240387292958</v>
      </c>
      <c r="BW69" s="162">
        <f t="shared" si="242"/>
        <v>2.3784142300054421</v>
      </c>
      <c r="BX69" s="162">
        <f t="shared" si="243"/>
        <v>2.3784142300054421</v>
      </c>
      <c r="BY69" s="162">
        <f t="shared" si="244"/>
        <v>5.6568542494923806</v>
      </c>
      <c r="BZ69" s="162">
        <f t="shared" si="245"/>
        <v>1.065340557089985</v>
      </c>
      <c r="CA69" s="162">
        <f t="shared" si="246"/>
        <v>1.3013488313450123</v>
      </c>
      <c r="CB69" s="162">
        <f t="shared" si="247"/>
        <v>1.501248843035683</v>
      </c>
      <c r="CC69" s="162">
        <f t="shared" si="248"/>
        <v>1.7469281074217107</v>
      </c>
      <c r="CD69" s="162">
        <f t="shared" si="249"/>
        <v>2.0528009571186687</v>
      </c>
      <c r="CE69" s="162">
        <f t="shared" si="250"/>
        <v>2.4392420598661095</v>
      </c>
      <c r="CF69" s="162">
        <f t="shared" si="251"/>
        <v>2.9357333630581897</v>
      </c>
      <c r="CG69" s="162">
        <f t="shared" si="252"/>
        <v>3.5860956909327935</v>
      </c>
      <c r="CH69" s="162">
        <f t="shared" si="253"/>
        <v>4.4575197518230878</v>
      </c>
      <c r="CI69" s="162">
        <f t="shared" si="254"/>
        <v>5.3182080820051185</v>
      </c>
      <c r="CJ69" s="162">
        <f t="shared" si="255"/>
        <v>5.6568542494923806</v>
      </c>
      <c r="CK69" s="162">
        <f t="shared" si="256"/>
        <v>5.6568542494923806</v>
      </c>
      <c r="CL69">
        <f t="shared" si="257"/>
        <v>1.3729593947216077</v>
      </c>
      <c r="CM69">
        <f t="shared" si="258"/>
        <v>1.4664555068821994</v>
      </c>
      <c r="CN69">
        <f t="shared" si="259"/>
        <v>1.4552495278079043</v>
      </c>
      <c r="CO69">
        <f t="shared" si="260"/>
        <v>1.4472473498703116</v>
      </c>
      <c r="CP69">
        <f t="shared" si="261"/>
        <v>1.4387599028160105</v>
      </c>
      <c r="CQ69">
        <f t="shared" si="262"/>
        <v>1.4297245098567506</v>
      </c>
      <c r="CR69">
        <f t="shared" si="263"/>
        <v>1.4200655078485775</v>
      </c>
      <c r="CS69">
        <f t="shared" si="264"/>
        <v>1.4096903917470562</v>
      </c>
      <c r="CT69">
        <f t="shared" si="265"/>
        <v>1.3984844126727614</v>
      </c>
      <c r="CU69">
        <f t="shared" si="266"/>
        <v>1.3863028198942131</v>
      </c>
      <c r="CV69">
        <f t="shared" si="267"/>
        <v>1.3764163604842596</v>
      </c>
      <c r="CW69">
        <f t="shared" si="268"/>
        <v>1.3729593947216077</v>
      </c>
      <c r="CX69" s="98">
        <f t="shared" si="269"/>
        <v>1.3729593947216077</v>
      </c>
      <c r="CY69">
        <f t="shared" si="270"/>
        <v>1.1029593947216076</v>
      </c>
      <c r="CZ69">
        <f t="shared" si="271"/>
        <v>1.1964555068821994</v>
      </c>
      <c r="DA69">
        <f t="shared" si="272"/>
        <v>1.1852495278079043</v>
      </c>
      <c r="DB69">
        <f t="shared" si="273"/>
        <v>1.1772473498703115</v>
      </c>
      <c r="DC69">
        <f t="shared" si="274"/>
        <v>1.1687599028160105</v>
      </c>
      <c r="DD69">
        <f t="shared" si="275"/>
        <v>1.1597245098567506</v>
      </c>
      <c r="DE69">
        <f t="shared" si="276"/>
        <v>1.1500655078485775</v>
      </c>
      <c r="DF69">
        <f t="shared" si="277"/>
        <v>1.1396903917470562</v>
      </c>
      <c r="DG69">
        <f t="shared" si="278"/>
        <v>1.1284844126727613</v>
      </c>
      <c r="DH69">
        <f t="shared" si="279"/>
        <v>1.1163028198942131</v>
      </c>
      <c r="DI69">
        <f t="shared" si="280"/>
        <v>1.1064163604842596</v>
      </c>
      <c r="DJ69">
        <f t="shared" si="281"/>
        <v>1.1029593947216076</v>
      </c>
      <c r="DK69">
        <f t="shared" si="282"/>
        <v>1.1029593947216076</v>
      </c>
      <c r="DL69" s="97">
        <f t="shared" si="283"/>
        <v>1.5000349036450102</v>
      </c>
      <c r="DM69">
        <f t="shared" si="284"/>
        <v>1.6252529110029454</v>
      </c>
      <c r="DN69">
        <f t="shared" si="285"/>
        <v>1.6102449033141575</v>
      </c>
      <c r="DO69">
        <f t="shared" si="286"/>
        <v>1.5995277007191671</v>
      </c>
      <c r="DP69">
        <f t="shared" si="287"/>
        <v>1.5881605841285855</v>
      </c>
      <c r="DQ69">
        <f t="shared" si="288"/>
        <v>1.5760596114152909</v>
      </c>
      <c r="DR69">
        <f t="shared" si="289"/>
        <v>1.5631234480114875</v>
      </c>
      <c r="DS69">
        <f t="shared" si="290"/>
        <v>1.5492282032326647</v>
      </c>
      <c r="DT69">
        <f t="shared" si="291"/>
        <v>1.5342201955438766</v>
      </c>
      <c r="DU69">
        <f t="shared" si="292"/>
        <v>1.5179055623583211</v>
      </c>
      <c r="DV69">
        <f t="shared" si="293"/>
        <v>1.5046647685057049</v>
      </c>
      <c r="DW69">
        <f t="shared" si="294"/>
        <v>1.5000349036450102</v>
      </c>
      <c r="DX69" s="98">
        <f t="shared" si="295"/>
        <v>1.5000349036450102</v>
      </c>
      <c r="DY69">
        <f t="shared" si="296"/>
        <v>1.0527062241310117</v>
      </c>
      <c r="DZ69">
        <f t="shared" si="297"/>
        <v>1.1946199658033383</v>
      </c>
      <c r="EA69">
        <f t="shared" si="298"/>
        <v>1.1776108904227118</v>
      </c>
      <c r="EB69">
        <f t="shared" si="299"/>
        <v>1.1654647274817227</v>
      </c>
      <c r="EC69">
        <f t="shared" si="300"/>
        <v>1.1525819953457304</v>
      </c>
      <c r="ED69">
        <f t="shared" si="301"/>
        <v>1.1388675596039965</v>
      </c>
      <c r="EE69">
        <f t="shared" si="302"/>
        <v>1.1242065744130194</v>
      </c>
      <c r="EF69">
        <f t="shared" si="303"/>
        <v>1.1084586303303534</v>
      </c>
      <c r="EG69">
        <f t="shared" si="304"/>
        <v>1.091449554949727</v>
      </c>
      <c r="EH69">
        <f t="shared" si="305"/>
        <v>1.0729596373394306</v>
      </c>
      <c r="EI69">
        <f t="shared" si="306"/>
        <v>1.0579534043064656</v>
      </c>
      <c r="EJ69">
        <f t="shared" si="307"/>
        <v>1.0527062241310117</v>
      </c>
      <c r="EK69">
        <f t="shared" si="308"/>
        <v>1.0527062241310117</v>
      </c>
      <c r="EL69" s="97">
        <f t="shared" si="309"/>
        <v>1.1554124482620232</v>
      </c>
      <c r="EM69">
        <f t="shared" si="310"/>
        <v>1.4392399316066766</v>
      </c>
      <c r="EN69">
        <f t="shared" si="311"/>
        <v>1.4052217808454237</v>
      </c>
      <c r="EO69">
        <f t="shared" si="312"/>
        <v>1.3809294549634457</v>
      </c>
      <c r="EP69">
        <f t="shared" si="313"/>
        <v>1.3551639906914608</v>
      </c>
      <c r="EQ69">
        <f t="shared" si="314"/>
        <v>1.3277351192079931</v>
      </c>
      <c r="ER69">
        <f t="shared" si="315"/>
        <v>1.2984131488260386</v>
      </c>
      <c r="ES69">
        <f t="shared" si="316"/>
        <v>1.2669172606607069</v>
      </c>
      <c r="ET69">
        <f t="shared" si="317"/>
        <v>1.2328991098994539</v>
      </c>
      <c r="EU69">
        <f t="shared" si="318"/>
        <v>1.1959192746788612</v>
      </c>
      <c r="EV69">
        <f t="shared" si="319"/>
        <v>1.1659068086129309</v>
      </c>
      <c r="EW69">
        <f t="shared" si="320"/>
        <v>1.1554124482620232</v>
      </c>
      <c r="EX69" s="98">
        <f t="shared" si="321"/>
        <v>1.1554124482620232</v>
      </c>
      <c r="EY69" s="97">
        <f t="shared" si="322"/>
        <v>0.90541244826202316</v>
      </c>
      <c r="EZ69">
        <f t="shared" si="323"/>
        <v>1.1892399316066766</v>
      </c>
      <c r="FA69">
        <f t="shared" si="324"/>
        <v>1.1552217808454237</v>
      </c>
      <c r="FB69">
        <f t="shared" si="325"/>
        <v>1.1309294549634457</v>
      </c>
      <c r="FC69">
        <f t="shared" si="326"/>
        <v>1.1051639906914608</v>
      </c>
      <c r="FD69">
        <f t="shared" si="327"/>
        <v>1.0777351192079931</v>
      </c>
      <c r="FE69">
        <f t="shared" si="328"/>
        <v>1.0484131488260386</v>
      </c>
      <c r="FF69">
        <f t="shared" si="329"/>
        <v>1.0169172606607069</v>
      </c>
      <c r="FG69">
        <f t="shared" si="330"/>
        <v>0.98289910989945395</v>
      </c>
      <c r="FH69">
        <f t="shared" si="331"/>
        <v>0.94591927467886117</v>
      </c>
      <c r="FI69">
        <f t="shared" si="332"/>
        <v>0.91590680861293094</v>
      </c>
      <c r="FJ69">
        <f t="shared" si="333"/>
        <v>0.90541244826202316</v>
      </c>
      <c r="FK69">
        <f t="shared" si="334"/>
        <v>0.90541244826202316</v>
      </c>
      <c r="FL69" s="126">
        <f t="shared" si="335"/>
        <v>0</v>
      </c>
      <c r="FM69" s="91">
        <f t="shared" si="336"/>
        <v>1113.4711782882694</v>
      </c>
      <c r="FN69" s="91">
        <f t="shared" si="337"/>
        <v>4419.8501729568807</v>
      </c>
      <c r="FO69" s="91">
        <f t="shared" si="338"/>
        <v>6593.3192150948234</v>
      </c>
      <c r="FP69" s="91">
        <f t="shared" si="339"/>
        <v>8739.5365314204482</v>
      </c>
      <c r="FQ69" s="91">
        <f t="shared" si="340"/>
        <v>10855.81544851941</v>
      </c>
      <c r="FR69" s="91">
        <f t="shared" si="341"/>
        <v>12938.970246420466</v>
      </c>
      <c r="FS69" s="91">
        <f t="shared" si="342"/>
        <v>14985.176569048621</v>
      </c>
      <c r="FT69" s="91">
        <f t="shared" si="343"/>
        <v>16989.777918127926</v>
      </c>
      <c r="FU69" s="91">
        <f t="shared" si="344"/>
        <v>18947.010725915767</v>
      </c>
      <c r="FV69" s="91">
        <f t="shared" si="345"/>
        <v>20379.547024001244</v>
      </c>
      <c r="FW69" s="91">
        <f t="shared" si="346"/>
        <v>20849.602429914325</v>
      </c>
      <c r="FX69" s="91">
        <f t="shared" si="347"/>
        <v>20849.602429914325</v>
      </c>
      <c r="FY69" s="91">
        <f t="shared" si="348"/>
        <v>0</v>
      </c>
      <c r="FZ69" s="91">
        <f t="shared" si="349"/>
        <v>1.1964555068821994</v>
      </c>
      <c r="GA69" s="91">
        <f t="shared" si="350"/>
        <v>11.852495278079044</v>
      </c>
      <c r="GB69" s="91">
        <f t="shared" si="351"/>
        <v>25.899441697146855</v>
      </c>
      <c r="GC69" s="91">
        <f t="shared" si="352"/>
        <v>49.087915918272444</v>
      </c>
      <c r="GD69" s="91">
        <f t="shared" si="353"/>
        <v>78.861266670259042</v>
      </c>
      <c r="GE69" s="91">
        <f t="shared" si="354"/>
        <v>119.60681281625206</v>
      </c>
      <c r="GF69" s="91">
        <f t="shared" si="355"/>
        <v>177.79170111254078</v>
      </c>
      <c r="GG69" s="91">
        <f t="shared" si="356"/>
        <v>270.83625904146271</v>
      </c>
      <c r="GH69" s="91">
        <f t="shared" si="357"/>
        <v>424.19507155980097</v>
      </c>
      <c r="GI69" s="91">
        <f t="shared" si="358"/>
        <v>663.84981629055574</v>
      </c>
      <c r="GJ69" s="91">
        <f t="shared" si="359"/>
        <v>882.36751577728614</v>
      </c>
      <c r="GK69" s="127">
        <f t="shared" si="360"/>
        <v>6617.7563683296457</v>
      </c>
      <c r="GL69" s="126">
        <f t="shared" si="361"/>
        <v>0</v>
      </c>
      <c r="GM69" s="91">
        <f t="shared" si="362"/>
        <v>1234.0451280914729</v>
      </c>
      <c r="GN69" s="91">
        <f t="shared" si="363"/>
        <v>4890.5985388888421</v>
      </c>
      <c r="GO69" s="91">
        <f t="shared" si="364"/>
        <v>7287.072748948668</v>
      </c>
      <c r="GP69" s="91">
        <f t="shared" si="365"/>
        <v>9647.049111938426</v>
      </c>
      <c r="GQ69" s="91">
        <f t="shared" si="366"/>
        <v>11966.929404535333</v>
      </c>
      <c r="GR69" s="91">
        <f t="shared" si="367"/>
        <v>14242.447037492182</v>
      </c>
      <c r="GS69" s="91">
        <f t="shared" si="368"/>
        <v>16468.480105351402</v>
      </c>
      <c r="GT69" s="91">
        <f t="shared" si="369"/>
        <v>18638.792226493406</v>
      </c>
      <c r="GU69" s="91">
        <f t="shared" si="370"/>
        <v>20745.664336977206</v>
      </c>
      <c r="GV69" s="91">
        <f t="shared" si="371"/>
        <v>22278.423364810496</v>
      </c>
      <c r="GW69" s="91">
        <f t="shared" si="372"/>
        <v>22779.356397743217</v>
      </c>
      <c r="GX69" s="91">
        <f t="shared" si="373"/>
        <v>22779.356397743217</v>
      </c>
      <c r="GY69" s="91">
        <f t="shared" si="374"/>
        <v>0</v>
      </c>
      <c r="GZ69" s="91">
        <f t="shared" si="375"/>
        <v>1.1946199658033383</v>
      </c>
      <c r="HA69" s="91">
        <f t="shared" si="376"/>
        <v>11.776108904227119</v>
      </c>
      <c r="HB69" s="91">
        <f t="shared" si="377"/>
        <v>25.640224004597901</v>
      </c>
      <c r="HC69" s="91">
        <f t="shared" si="378"/>
        <v>48.408443804520672</v>
      </c>
      <c r="HD69" s="91">
        <f t="shared" si="379"/>
        <v>77.442994053071772</v>
      </c>
      <c r="HE69" s="91">
        <f t="shared" si="380"/>
        <v>116.91748373895402</v>
      </c>
      <c r="HF69" s="91">
        <f t="shared" si="381"/>
        <v>172.91954633153514</v>
      </c>
      <c r="HG69" s="91">
        <f t="shared" si="382"/>
        <v>261.94789318793448</v>
      </c>
      <c r="HH69" s="91">
        <f t="shared" si="383"/>
        <v>407.72466218898359</v>
      </c>
      <c r="HI69" s="91">
        <f t="shared" si="384"/>
        <v>634.77204258387928</v>
      </c>
      <c r="HJ69" s="91">
        <f t="shared" si="385"/>
        <v>842.16497930480932</v>
      </c>
      <c r="HK69" s="127">
        <f t="shared" si="386"/>
        <v>6316.23734478607</v>
      </c>
      <c r="HL69" s="126">
        <f t="shared" si="387"/>
        <v>0</v>
      </c>
      <c r="HM69" s="91">
        <f t="shared" si="388"/>
        <v>1092.8065495098226</v>
      </c>
      <c r="HN69" s="91">
        <f t="shared" si="389"/>
        <v>4267.9070581579799</v>
      </c>
      <c r="HO69" s="91">
        <f t="shared" si="390"/>
        <v>6291.1904526318895</v>
      </c>
      <c r="HP69" s="91">
        <f t="shared" si="391"/>
        <v>8231.7453937469763</v>
      </c>
      <c r="HQ69" s="91">
        <f t="shared" si="392"/>
        <v>10081.415908638266</v>
      </c>
      <c r="HR69" s="91">
        <f t="shared" si="393"/>
        <v>11830.531061678761</v>
      </c>
      <c r="HS69" s="91">
        <f t="shared" si="394"/>
        <v>13467.481200497963</v>
      </c>
      <c r="HT69" s="91">
        <f t="shared" si="395"/>
        <v>14978.130526758141</v>
      </c>
      <c r="HU69" s="91">
        <f t="shared" si="396"/>
        <v>16344.98249552639</v>
      </c>
      <c r="HV69" s="91">
        <f t="shared" si="397"/>
        <v>17262.692680702239</v>
      </c>
      <c r="HW69" s="91">
        <f t="shared" si="398"/>
        <v>17545.959684934307</v>
      </c>
      <c r="HX69" s="91">
        <f t="shared" si="399"/>
        <v>17545.959684934307</v>
      </c>
      <c r="HY69" s="91">
        <f t="shared" si="400"/>
        <v>0</v>
      </c>
      <c r="HZ69" s="91">
        <f t="shared" si="401"/>
        <v>1.1892399316066766</v>
      </c>
      <c r="IA69" s="91">
        <f t="shared" si="402"/>
        <v>11.552217808454238</v>
      </c>
      <c r="IB69" s="91">
        <f t="shared" si="403"/>
        <v>24.880448009195803</v>
      </c>
      <c r="IC69" s="91">
        <f t="shared" si="404"/>
        <v>46.416887609041353</v>
      </c>
      <c r="ID69" s="91">
        <f t="shared" si="405"/>
        <v>73.285988106143535</v>
      </c>
      <c r="IE69" s="91">
        <f t="shared" si="406"/>
        <v>109.03496747790803</v>
      </c>
      <c r="IF69" s="91">
        <f t="shared" si="407"/>
        <v>158.63909266307027</v>
      </c>
      <c r="IG69" s="91">
        <f t="shared" si="408"/>
        <v>235.89578637586894</v>
      </c>
      <c r="IH69" s="91">
        <f t="shared" si="409"/>
        <v>359.44932437796723</v>
      </c>
      <c r="II69" s="91">
        <f t="shared" si="410"/>
        <v>549.54408516775857</v>
      </c>
      <c r="IJ69" s="91">
        <f t="shared" si="411"/>
        <v>724.32995860961853</v>
      </c>
      <c r="IK69" s="127">
        <f t="shared" si="412"/>
        <v>5432.4746895721391</v>
      </c>
    </row>
    <row r="70" spans="2:245" x14ac:dyDescent="0.2">
      <c r="B70" s="79">
        <f t="shared" si="188"/>
        <v>-59.5</v>
      </c>
      <c r="C70" s="73">
        <f>'p-y mono_clay'!C70</f>
        <v>44</v>
      </c>
      <c r="D70" s="64">
        <f>'p-y mono_clay'!D70</f>
        <v>43.99</v>
      </c>
      <c r="E70" s="64" t="str">
        <f>'p-y mono_clay'!E70</f>
        <v>CLAY</v>
      </c>
      <c r="F70" s="55">
        <f>VLOOKUP($C70, 'Pile Property'!$A$8:$D$108,2,TRUE)</f>
        <v>2</v>
      </c>
      <c r="G70" s="102">
        <f>'p-y mono_clay'!Z70</f>
        <v>13601.262030595022</v>
      </c>
      <c r="H70" s="199">
        <f>'p-y mono_clay'!AM70</f>
        <v>0</v>
      </c>
      <c r="I70" s="55">
        <f>'p-y mono_clay'!AN70</f>
        <v>0.96248487949179518</v>
      </c>
      <c r="J70" s="55">
        <f>'p-y mono_clay'!AO70</f>
        <v>9.624848794917952</v>
      </c>
      <c r="K70" s="55">
        <f>'p-y mono_clay'!AP70</f>
        <v>20.874546384753856</v>
      </c>
      <c r="L70" s="55">
        <f>'p-y mono_clay'!AQ70</f>
        <v>39.749092769507712</v>
      </c>
      <c r="M70" s="55">
        <f>'p-y mono_clay'!AR70</f>
        <v>64.24848794917952</v>
      </c>
      <c r="N70" s="55">
        <f>'p-y mono_clay'!AS70</f>
        <v>97.997580718687217</v>
      </c>
      <c r="O70" s="55">
        <f>'p-y mono_clay'!AT70</f>
        <v>147.37152228311291</v>
      </c>
      <c r="P70" s="55">
        <f>'p-y mono_clay'!AU70</f>
        <v>226.49455661704627</v>
      </c>
      <c r="Q70" s="55">
        <f>'p-y mono_clay'!AV70</f>
        <v>361.24243974589757</v>
      </c>
      <c r="R70" s="55">
        <f>'p-y mono_clay'!AW70</f>
        <v>573.73941564425661</v>
      </c>
      <c r="S70" s="55">
        <f>'p-y mono_clay'!AX70</f>
        <v>762.48487949179514</v>
      </c>
      <c r="T70" s="200">
        <f>'p-y mono_clay'!AY70</f>
        <v>6000</v>
      </c>
      <c r="U70" s="199">
        <f>'p-y mono_clay'!AZ70</f>
        <v>0</v>
      </c>
      <c r="V70" s="55">
        <f>'p-y mono_clay'!BA70</f>
        <v>680.06310152975118</v>
      </c>
      <c r="W70" s="55">
        <f>'p-y mono_clay'!BB70</f>
        <v>2720.2524061190047</v>
      </c>
      <c r="X70" s="55">
        <f>'p-y mono_clay'!BC70</f>
        <v>4080.3786091785064</v>
      </c>
      <c r="Y70" s="55">
        <f>'p-y mono_clay'!BD70</f>
        <v>5440.5048122380094</v>
      </c>
      <c r="Z70" s="55">
        <f>'p-y mono_clay'!BE70</f>
        <v>6800.6310152975111</v>
      </c>
      <c r="AA70" s="55">
        <f>'p-y mono_clay'!BF70</f>
        <v>8160.7572183570128</v>
      </c>
      <c r="AB70" s="55">
        <f>'p-y mono_clay'!BG70</f>
        <v>9520.8834214165145</v>
      </c>
      <c r="AC70" s="55">
        <f>'p-y mono_clay'!BH70</f>
        <v>10881.009624476019</v>
      </c>
      <c r="AD70" s="55">
        <f>'p-y mono_clay'!BI70</f>
        <v>12241.13582753552</v>
      </c>
      <c r="AE70" s="55">
        <f>'p-y mono_clay'!BJ70</f>
        <v>13261.230479830147</v>
      </c>
      <c r="AF70" s="55">
        <f>'p-y mono_clay'!BK70</f>
        <v>13601.262030595022</v>
      </c>
      <c r="AG70" s="200">
        <f>'p-y mono_clay'!BL70</f>
        <v>13601.262030595022</v>
      </c>
      <c r="AH70">
        <f t="shared" si="205"/>
        <v>30</v>
      </c>
      <c r="AI70">
        <v>0</v>
      </c>
      <c r="AJ70">
        <f t="shared" si="206"/>
        <v>-0.95</v>
      </c>
      <c r="AK70">
        <f t="shared" si="207"/>
        <v>-0.8</v>
      </c>
      <c r="AL70">
        <f t="shared" si="208"/>
        <v>-0.7</v>
      </c>
      <c r="AM70">
        <f t="shared" si="209"/>
        <v>-0.6</v>
      </c>
      <c r="AN70">
        <f t="shared" si="210"/>
        <v>-0.5</v>
      </c>
      <c r="AO70">
        <f t="shared" si="211"/>
        <v>-0.4</v>
      </c>
      <c r="AP70">
        <f t="shared" si="212"/>
        <v>-0.30000000000000004</v>
      </c>
      <c r="AQ70">
        <f t="shared" si="213"/>
        <v>-0.19999999999999996</v>
      </c>
      <c r="AR70">
        <f t="shared" si="214"/>
        <v>-9.9999999999999978E-2</v>
      </c>
      <c r="AS70">
        <f t="shared" si="215"/>
        <v>-2.5000000000000022E-2</v>
      </c>
      <c r="AT70">
        <f t="shared" si="216"/>
        <v>0</v>
      </c>
      <c r="AU70">
        <f t="shared" si="217"/>
        <v>0</v>
      </c>
      <c r="AV70">
        <v>1</v>
      </c>
      <c r="AW70">
        <v>1.25</v>
      </c>
      <c r="AX70">
        <v>2.5</v>
      </c>
      <c r="AY70" s="162">
        <f t="shared" si="218"/>
        <v>2</v>
      </c>
      <c r="AZ70" s="162">
        <f t="shared" si="219"/>
        <v>1.0256410256410258</v>
      </c>
      <c r="BA70" s="162">
        <f t="shared" si="220"/>
        <v>1.1111111111111112</v>
      </c>
      <c r="BB70" s="162">
        <f t="shared" si="221"/>
        <v>1.1764705882352942</v>
      </c>
      <c r="BC70" s="162">
        <f t="shared" si="222"/>
        <v>1.25</v>
      </c>
      <c r="BD70" s="162">
        <f t="shared" si="223"/>
        <v>1.3333333333333333</v>
      </c>
      <c r="BE70" s="162">
        <f t="shared" si="224"/>
        <v>1.4285714285714286</v>
      </c>
      <c r="BF70" s="162">
        <f t="shared" si="225"/>
        <v>1.5384615384615383</v>
      </c>
      <c r="BG70" s="162">
        <f t="shared" si="226"/>
        <v>1.6666666666666667</v>
      </c>
      <c r="BH70" s="162">
        <f t="shared" si="227"/>
        <v>1.8181818181818181</v>
      </c>
      <c r="BI70" s="162">
        <f t="shared" si="228"/>
        <v>1.9512195121951221</v>
      </c>
      <c r="BJ70" s="162">
        <f t="shared" si="229"/>
        <v>2</v>
      </c>
      <c r="BK70" s="162">
        <f t="shared" si="230"/>
        <v>2</v>
      </c>
      <c r="BL70" s="162">
        <f t="shared" si="231"/>
        <v>2.3784142300054421</v>
      </c>
      <c r="BM70" s="162">
        <f t="shared" si="232"/>
        <v>1.0321533592882333</v>
      </c>
      <c r="BN70" s="162">
        <f t="shared" si="233"/>
        <v>1.1407667734226012</v>
      </c>
      <c r="BO70" s="162">
        <f t="shared" si="234"/>
        <v>1.2252546033521698</v>
      </c>
      <c r="BP70" s="162">
        <f t="shared" si="235"/>
        <v>1.3217140793007052</v>
      </c>
      <c r="BQ70" s="162">
        <f t="shared" si="236"/>
        <v>1.4327599090980556</v>
      </c>
      <c r="BR70" s="162">
        <f t="shared" si="237"/>
        <v>1.5618073056129906</v>
      </c>
      <c r="BS70" s="162">
        <f t="shared" si="238"/>
        <v>1.7133981916233565</v>
      </c>
      <c r="BT70" s="162">
        <f t="shared" si="239"/>
        <v>1.8936989441124989</v>
      </c>
      <c r="BU70" s="162">
        <f t="shared" si="240"/>
        <v>2.1112839107574066</v>
      </c>
      <c r="BV70" s="162">
        <f t="shared" si="241"/>
        <v>2.3061240387292958</v>
      </c>
      <c r="BW70" s="162">
        <f t="shared" si="242"/>
        <v>2.3784142300054421</v>
      </c>
      <c r="BX70" s="162">
        <f t="shared" si="243"/>
        <v>2.3784142300054421</v>
      </c>
      <c r="BY70" s="162">
        <f t="shared" si="244"/>
        <v>5.6568542494923806</v>
      </c>
      <c r="BZ70" s="162">
        <f t="shared" si="245"/>
        <v>1.065340557089985</v>
      </c>
      <c r="CA70" s="162">
        <f t="shared" si="246"/>
        <v>1.3013488313450123</v>
      </c>
      <c r="CB70" s="162">
        <f t="shared" si="247"/>
        <v>1.501248843035683</v>
      </c>
      <c r="CC70" s="162">
        <f t="shared" si="248"/>
        <v>1.7469281074217107</v>
      </c>
      <c r="CD70" s="162">
        <f t="shared" si="249"/>
        <v>2.0528009571186687</v>
      </c>
      <c r="CE70" s="162">
        <f t="shared" si="250"/>
        <v>2.4392420598661095</v>
      </c>
      <c r="CF70" s="162">
        <f t="shared" si="251"/>
        <v>2.9357333630581879</v>
      </c>
      <c r="CG70" s="162">
        <f t="shared" si="252"/>
        <v>3.5860956909327935</v>
      </c>
      <c r="CH70" s="162">
        <f t="shared" si="253"/>
        <v>4.4575197518230878</v>
      </c>
      <c r="CI70" s="162">
        <f t="shared" si="254"/>
        <v>5.3182080820051185</v>
      </c>
      <c r="CJ70" s="162">
        <f t="shared" si="255"/>
        <v>5.6568542494923806</v>
      </c>
      <c r="CK70" s="162">
        <f t="shared" si="256"/>
        <v>5.6568542494923806</v>
      </c>
      <c r="CL70">
        <f t="shared" si="257"/>
        <v>1.3729593947216077</v>
      </c>
      <c r="CM70">
        <f t="shared" si="258"/>
        <v>1.4664555068821994</v>
      </c>
      <c r="CN70">
        <f t="shared" si="259"/>
        <v>1.4552495278079043</v>
      </c>
      <c r="CO70">
        <f t="shared" si="260"/>
        <v>1.4472473498703116</v>
      </c>
      <c r="CP70">
        <f t="shared" si="261"/>
        <v>1.4387599028160105</v>
      </c>
      <c r="CQ70">
        <f t="shared" si="262"/>
        <v>1.4297245098567506</v>
      </c>
      <c r="CR70">
        <f t="shared" si="263"/>
        <v>1.4200655078485775</v>
      </c>
      <c r="CS70">
        <f t="shared" si="264"/>
        <v>1.4096903917470565</v>
      </c>
      <c r="CT70">
        <f t="shared" si="265"/>
        <v>1.3984844126727614</v>
      </c>
      <c r="CU70">
        <f t="shared" si="266"/>
        <v>1.3863028198942131</v>
      </c>
      <c r="CV70">
        <f t="shared" si="267"/>
        <v>1.3764163604842596</v>
      </c>
      <c r="CW70">
        <f t="shared" si="268"/>
        <v>1.3729593947216077</v>
      </c>
      <c r="CX70" s="98">
        <f t="shared" si="269"/>
        <v>1.3729593947216077</v>
      </c>
      <c r="CY70">
        <f t="shared" si="270"/>
        <v>1.1029593947216076</v>
      </c>
      <c r="CZ70">
        <f t="shared" si="271"/>
        <v>1.1964555068821994</v>
      </c>
      <c r="DA70">
        <f t="shared" si="272"/>
        <v>1.1852495278079043</v>
      </c>
      <c r="DB70">
        <f t="shared" si="273"/>
        <v>1.1772473498703115</v>
      </c>
      <c r="DC70">
        <f t="shared" si="274"/>
        <v>1.1687599028160105</v>
      </c>
      <c r="DD70">
        <f t="shared" si="275"/>
        <v>1.1597245098567506</v>
      </c>
      <c r="DE70">
        <f t="shared" si="276"/>
        <v>1.1500655078485775</v>
      </c>
      <c r="DF70">
        <f t="shared" si="277"/>
        <v>1.1396903917470564</v>
      </c>
      <c r="DG70">
        <f t="shared" si="278"/>
        <v>1.1284844126727613</v>
      </c>
      <c r="DH70">
        <f t="shared" si="279"/>
        <v>1.1163028198942131</v>
      </c>
      <c r="DI70">
        <f t="shared" si="280"/>
        <v>1.1064163604842596</v>
      </c>
      <c r="DJ70">
        <f t="shared" si="281"/>
        <v>1.1029593947216076</v>
      </c>
      <c r="DK70">
        <f t="shared" si="282"/>
        <v>1.1029593947216076</v>
      </c>
      <c r="DL70" s="97">
        <f t="shared" si="283"/>
        <v>1.5000349036450102</v>
      </c>
      <c r="DM70">
        <f t="shared" si="284"/>
        <v>1.6252529110029454</v>
      </c>
      <c r="DN70">
        <f t="shared" si="285"/>
        <v>1.6102449033141575</v>
      </c>
      <c r="DO70">
        <f t="shared" si="286"/>
        <v>1.5995277007191671</v>
      </c>
      <c r="DP70">
        <f t="shared" si="287"/>
        <v>1.5881605841285855</v>
      </c>
      <c r="DQ70">
        <f t="shared" si="288"/>
        <v>1.5760596114152909</v>
      </c>
      <c r="DR70">
        <f t="shared" si="289"/>
        <v>1.5631234480114875</v>
      </c>
      <c r="DS70">
        <f t="shared" si="290"/>
        <v>1.5492282032326647</v>
      </c>
      <c r="DT70">
        <f t="shared" si="291"/>
        <v>1.5342201955438766</v>
      </c>
      <c r="DU70">
        <f t="shared" si="292"/>
        <v>1.5179055623583211</v>
      </c>
      <c r="DV70">
        <f t="shared" si="293"/>
        <v>1.5046647685057049</v>
      </c>
      <c r="DW70">
        <f t="shared" si="294"/>
        <v>1.5000349036450102</v>
      </c>
      <c r="DX70" s="98">
        <f t="shared" si="295"/>
        <v>1.5000349036450102</v>
      </c>
      <c r="DY70">
        <f t="shared" si="296"/>
        <v>1.0527062241310117</v>
      </c>
      <c r="DZ70">
        <f t="shared" si="297"/>
        <v>1.1946199658033383</v>
      </c>
      <c r="EA70">
        <f t="shared" si="298"/>
        <v>1.1776108904227118</v>
      </c>
      <c r="EB70">
        <f t="shared" si="299"/>
        <v>1.1654647274817227</v>
      </c>
      <c r="EC70">
        <f t="shared" si="300"/>
        <v>1.1525819953457304</v>
      </c>
      <c r="ED70">
        <f t="shared" si="301"/>
        <v>1.1388675596039965</v>
      </c>
      <c r="EE70">
        <f t="shared" si="302"/>
        <v>1.1242065744130194</v>
      </c>
      <c r="EF70">
        <f t="shared" si="303"/>
        <v>1.1084586303303534</v>
      </c>
      <c r="EG70">
        <f t="shared" si="304"/>
        <v>1.091449554949727</v>
      </c>
      <c r="EH70">
        <f t="shared" si="305"/>
        <v>1.0729596373394306</v>
      </c>
      <c r="EI70">
        <f t="shared" si="306"/>
        <v>1.0579534043064656</v>
      </c>
      <c r="EJ70">
        <f t="shared" si="307"/>
        <v>1.0527062241310117</v>
      </c>
      <c r="EK70">
        <f t="shared" si="308"/>
        <v>1.0527062241310117</v>
      </c>
      <c r="EL70" s="97">
        <f t="shared" si="309"/>
        <v>1.1554124482620232</v>
      </c>
      <c r="EM70">
        <f t="shared" si="310"/>
        <v>1.4392399316066766</v>
      </c>
      <c r="EN70">
        <f t="shared" si="311"/>
        <v>1.4052217808454237</v>
      </c>
      <c r="EO70">
        <f t="shared" si="312"/>
        <v>1.3809294549634457</v>
      </c>
      <c r="EP70">
        <f t="shared" si="313"/>
        <v>1.3551639906914608</v>
      </c>
      <c r="EQ70">
        <f t="shared" si="314"/>
        <v>1.3277351192079931</v>
      </c>
      <c r="ER70">
        <f t="shared" si="315"/>
        <v>1.2984131488260386</v>
      </c>
      <c r="ES70">
        <f t="shared" si="316"/>
        <v>1.2669172606607069</v>
      </c>
      <c r="ET70">
        <f t="shared" si="317"/>
        <v>1.2328991098994539</v>
      </c>
      <c r="EU70">
        <f t="shared" si="318"/>
        <v>1.1959192746788612</v>
      </c>
      <c r="EV70">
        <f t="shared" si="319"/>
        <v>1.1659068086129309</v>
      </c>
      <c r="EW70">
        <f t="shared" si="320"/>
        <v>1.1554124482620232</v>
      </c>
      <c r="EX70" s="98">
        <f t="shared" si="321"/>
        <v>1.1554124482620232</v>
      </c>
      <c r="EY70" s="97">
        <f t="shared" si="322"/>
        <v>0.90541244826202316</v>
      </c>
      <c r="EZ70">
        <f t="shared" si="323"/>
        <v>1.1892399316066766</v>
      </c>
      <c r="FA70">
        <f t="shared" si="324"/>
        <v>1.1552217808454237</v>
      </c>
      <c r="FB70">
        <f t="shared" si="325"/>
        <v>1.1309294549634457</v>
      </c>
      <c r="FC70">
        <f t="shared" si="326"/>
        <v>1.1051639906914608</v>
      </c>
      <c r="FD70">
        <f t="shared" si="327"/>
        <v>1.0777351192079931</v>
      </c>
      <c r="FE70">
        <f t="shared" si="328"/>
        <v>1.0484131488260386</v>
      </c>
      <c r="FF70">
        <f t="shared" si="329"/>
        <v>1.0169172606607069</v>
      </c>
      <c r="FG70">
        <f t="shared" si="330"/>
        <v>0.98289910989945395</v>
      </c>
      <c r="FH70">
        <f t="shared" si="331"/>
        <v>0.94591927467886117</v>
      </c>
      <c r="FI70">
        <f t="shared" si="332"/>
        <v>0.91590680861293094</v>
      </c>
      <c r="FJ70">
        <f t="shared" si="333"/>
        <v>0.90541244826202316</v>
      </c>
      <c r="FK70">
        <f t="shared" si="334"/>
        <v>0.90541244826202316</v>
      </c>
      <c r="FL70" s="126">
        <f t="shared" si="335"/>
        <v>0</v>
      </c>
      <c r="FM70" s="91">
        <f t="shared" si="336"/>
        <v>997.28228026569184</v>
      </c>
      <c r="FN70" s="91">
        <f t="shared" si="337"/>
        <v>3958.6460295229972</v>
      </c>
      <c r="FO70" s="91">
        <f t="shared" si="338"/>
        <v>5905.3171286011011</v>
      </c>
      <c r="FP70" s="91">
        <f t="shared" si="339"/>
        <v>7827.5801749255961</v>
      </c>
      <c r="FQ70" s="91">
        <f t="shared" si="340"/>
        <v>9723.0288450628505</v>
      </c>
      <c r="FR70" s="91">
        <f t="shared" si="341"/>
        <v>11588.809843715097</v>
      </c>
      <c r="FS70" s="91">
        <f t="shared" si="342"/>
        <v>13421.497880114701</v>
      </c>
      <c r="FT70" s="91">
        <f t="shared" si="343"/>
        <v>15216.92235397201</v>
      </c>
      <c r="FU70" s="91">
        <f t="shared" si="344"/>
        <v>16969.921116420574</v>
      </c>
      <c r="FV70" s="91">
        <f t="shared" si="345"/>
        <v>18252.974592590741</v>
      </c>
      <c r="FW70" s="91">
        <f t="shared" si="346"/>
        <v>18673.980484975727</v>
      </c>
      <c r="FX70" s="91">
        <f t="shared" si="347"/>
        <v>18673.980484975727</v>
      </c>
      <c r="FY70" s="91">
        <f t="shared" si="348"/>
        <v>0</v>
      </c>
      <c r="FZ70" s="91">
        <f t="shared" si="349"/>
        <v>1.1515703343588084</v>
      </c>
      <c r="GA70" s="91">
        <f t="shared" si="350"/>
        <v>11.407847489398979</v>
      </c>
      <c r="GB70" s="91">
        <f t="shared" si="351"/>
        <v>24.574504411196369</v>
      </c>
      <c r="GC70" s="91">
        <f t="shared" si="352"/>
        <v>46.457145802314422</v>
      </c>
      <c r="GD70" s="91">
        <f t="shared" si="353"/>
        <v>74.510546195899565</v>
      </c>
      <c r="GE70" s="91">
        <f t="shared" si="354"/>
        <v>112.70363743716898</v>
      </c>
      <c r="GF70" s="91">
        <f t="shared" si="355"/>
        <v>167.95790796320102</v>
      </c>
      <c r="GG70" s="91">
        <f t="shared" si="356"/>
        <v>255.59557669756495</v>
      </c>
      <c r="GH70" s="91">
        <f t="shared" si="357"/>
        <v>403.25595415381082</v>
      </c>
      <c r="GI70" s="91">
        <f t="shared" si="358"/>
        <v>634.79467612348424</v>
      </c>
      <c r="GJ70" s="91">
        <f t="shared" si="359"/>
        <v>840.9898611686483</v>
      </c>
      <c r="GK70" s="127">
        <f t="shared" si="360"/>
        <v>6617.7563683296457</v>
      </c>
      <c r="GL70" s="126">
        <f t="shared" si="361"/>
        <v>0</v>
      </c>
      <c r="GM70" s="91">
        <f t="shared" si="362"/>
        <v>1105.2745354269198</v>
      </c>
      <c r="GN70" s="91">
        <f t="shared" si="363"/>
        <v>4380.2725726812014</v>
      </c>
      <c r="GO70" s="91">
        <f t="shared" si="364"/>
        <v>6526.6786148029687</v>
      </c>
      <c r="GP70" s="91">
        <f t="shared" si="365"/>
        <v>8640.3953005582971</v>
      </c>
      <c r="GQ70" s="91">
        <f t="shared" si="366"/>
        <v>10718.199875348571</v>
      </c>
      <c r="GR70" s="91">
        <f t="shared" si="367"/>
        <v>12756.27096154285</v>
      </c>
      <c r="GS70" s="91">
        <f t="shared" si="368"/>
        <v>14750.021116148773</v>
      </c>
      <c r="GT70" s="91">
        <f t="shared" si="369"/>
        <v>16693.864713778399</v>
      </c>
      <c r="GU70" s="91">
        <f t="shared" si="370"/>
        <v>18580.888162199895</v>
      </c>
      <c r="GV70" s="91">
        <f t="shared" si="371"/>
        <v>19953.706290034424</v>
      </c>
      <c r="GW70" s="91">
        <f t="shared" si="372"/>
        <v>20402.367779514141</v>
      </c>
      <c r="GX70" s="91">
        <f t="shared" si="373"/>
        <v>20402.367779514141</v>
      </c>
      <c r="GY70" s="91">
        <f t="shared" si="374"/>
        <v>0</v>
      </c>
      <c r="GZ70" s="91">
        <f t="shared" si="375"/>
        <v>1.1498036538247185</v>
      </c>
      <c r="HA70" s="91">
        <f t="shared" si="376"/>
        <v>11.334326759567295</v>
      </c>
      <c r="HB70" s="91">
        <f t="shared" si="377"/>
        <v>24.328547513611731</v>
      </c>
      <c r="HC70" s="91">
        <f t="shared" si="378"/>
        <v>45.814088657461738</v>
      </c>
      <c r="HD70" s="91">
        <f t="shared" si="379"/>
        <v>73.170518678928858</v>
      </c>
      <c r="HE70" s="91">
        <f t="shared" si="380"/>
        <v>110.16952452051872</v>
      </c>
      <c r="HF70" s="91">
        <f t="shared" si="381"/>
        <v>163.35523573963849</v>
      </c>
      <c r="HG70" s="91">
        <f t="shared" si="382"/>
        <v>247.20738301821089</v>
      </c>
      <c r="HH70" s="91">
        <f t="shared" si="383"/>
        <v>387.59855714136933</v>
      </c>
      <c r="HI70" s="91">
        <f t="shared" si="384"/>
        <v>606.98956796564346</v>
      </c>
      <c r="HJ70" s="91">
        <f t="shared" si="385"/>
        <v>802.67257844679716</v>
      </c>
      <c r="HK70" s="127">
        <f t="shared" si="386"/>
        <v>6316.23734478607</v>
      </c>
      <c r="HL70" s="126">
        <f t="shared" si="387"/>
        <v>0</v>
      </c>
      <c r="HM70" s="91">
        <f t="shared" si="388"/>
        <v>978.77397173390352</v>
      </c>
      <c r="HN70" s="91">
        <f t="shared" si="389"/>
        <v>3822.5579304755965</v>
      </c>
      <c r="HO70" s="91">
        <f t="shared" si="390"/>
        <v>5634.7150088173776</v>
      </c>
      <c r="HP70" s="91">
        <f t="shared" si="391"/>
        <v>7372.7762127285569</v>
      </c>
      <c r="HQ70" s="91">
        <f t="shared" si="392"/>
        <v>9029.4366317856166</v>
      </c>
      <c r="HR70" s="91">
        <f t="shared" si="393"/>
        <v>10596.034476691753</v>
      </c>
      <c r="HS70" s="91">
        <f t="shared" si="394"/>
        <v>12062.171543330949</v>
      </c>
      <c r="HT70" s="91">
        <f t="shared" si="395"/>
        <v>13415.187080823875</v>
      </c>
      <c r="HU70" s="91">
        <f t="shared" si="396"/>
        <v>14639.410280111699</v>
      </c>
      <c r="HV70" s="91">
        <f t="shared" si="397"/>
        <v>15461.358907019294</v>
      </c>
      <c r="HW70" s="91">
        <f t="shared" si="398"/>
        <v>15715.067462223091</v>
      </c>
      <c r="HX70" s="91">
        <f t="shared" si="399"/>
        <v>15715.067462223091</v>
      </c>
      <c r="HY70" s="91">
        <f t="shared" si="400"/>
        <v>0</v>
      </c>
      <c r="HZ70" s="91">
        <f t="shared" si="401"/>
        <v>1.1446254522592829</v>
      </c>
      <c r="IA70" s="91">
        <f t="shared" si="402"/>
        <v>11.118834965233047</v>
      </c>
      <c r="IB70" s="91">
        <f t="shared" si="403"/>
        <v>23.607639365518843</v>
      </c>
      <c r="IC70" s="91">
        <f t="shared" si="404"/>
        <v>43.929265991514228</v>
      </c>
      <c r="ID70" s="91">
        <f t="shared" si="405"/>
        <v>69.242851818842297</v>
      </c>
      <c r="IE70" s="91">
        <f t="shared" si="406"/>
        <v>102.74195217861276</v>
      </c>
      <c r="IF70" s="91">
        <f t="shared" si="407"/>
        <v>149.86464473954149</v>
      </c>
      <c r="IG70" s="91">
        <f t="shared" si="408"/>
        <v>222.62129809596627</v>
      </c>
      <c r="IH70" s="91">
        <f t="shared" si="409"/>
        <v>341.70618658766165</v>
      </c>
      <c r="II70" s="91">
        <f t="shared" si="410"/>
        <v>525.49183715817901</v>
      </c>
      <c r="IJ70" s="91">
        <f t="shared" si="411"/>
        <v>690.36330150343997</v>
      </c>
      <c r="IK70" s="127">
        <f t="shared" si="412"/>
        <v>5432.4746895721391</v>
      </c>
    </row>
    <row r="71" spans="2:245" x14ac:dyDescent="0.2">
      <c r="B71" s="79">
        <f t="shared" si="188"/>
        <v>-60.5</v>
      </c>
      <c r="C71" s="73">
        <f>'p-y mono_clay'!C71</f>
        <v>45</v>
      </c>
      <c r="D71" s="64">
        <f>'p-y mono_clay'!D71</f>
        <v>44.991</v>
      </c>
      <c r="E71" s="64" t="str">
        <f>'p-y mono_clay'!E71</f>
        <v>CLAY</v>
      </c>
      <c r="F71" s="55">
        <f>VLOOKUP($C71, 'Pile Property'!$A$8:$D$108,2,TRUE)</f>
        <v>2</v>
      </c>
      <c r="G71" s="102">
        <f>'p-y mono_clay'!Z71</f>
        <v>10680.209374538323</v>
      </c>
      <c r="H71" s="199">
        <f>'p-y mono_clay'!AM71</f>
        <v>0</v>
      </c>
      <c r="I71" s="55">
        <f>'p-y mono_clay'!AN71</f>
        <v>0.87847307114435991</v>
      </c>
      <c r="J71" s="55">
        <f>'p-y mono_clay'!AO71</f>
        <v>8.7847307114436006</v>
      </c>
      <c r="K71" s="55">
        <f>'p-y mono_clay'!AP71</f>
        <v>18.354192134330795</v>
      </c>
      <c r="L71" s="55">
        <f>'p-y mono_clay'!AQ71</f>
        <v>34.708384268661604</v>
      </c>
      <c r="M71" s="55">
        <f>'p-y mono_clay'!AR71</f>
        <v>55.847307114435992</v>
      </c>
      <c r="N71" s="55">
        <f>'p-y mono_clay'!AS71</f>
        <v>84.555691383097582</v>
      </c>
      <c r="O71" s="55">
        <f>'p-y mono_clay'!AT71</f>
        <v>128.0488063632028</v>
      </c>
      <c r="P71" s="55">
        <f>'p-y mono_clay'!AU71</f>
        <v>196.25030561196959</v>
      </c>
      <c r="Q71" s="55">
        <f>'p-y mono_clay'!AV71</f>
        <v>319.23653557217995</v>
      </c>
      <c r="R71" s="55">
        <f>'p-y mono_clay'!AW71</f>
        <v>514.9311498010519</v>
      </c>
      <c r="S71" s="55">
        <f>'p-y mono_clay'!AX71</f>
        <v>678.47307114435989</v>
      </c>
      <c r="T71" s="200">
        <f>'p-y mono_clay'!AY71</f>
        <v>6000</v>
      </c>
      <c r="U71" s="199">
        <f>'p-y mono_clay'!AZ71</f>
        <v>0</v>
      </c>
      <c r="V71" s="55">
        <f>'p-y mono_clay'!BA71</f>
        <v>534.0104687269162</v>
      </c>
      <c r="W71" s="55">
        <f>'p-y mono_clay'!BB71</f>
        <v>2136.0418749076648</v>
      </c>
      <c r="X71" s="55">
        <f>'p-y mono_clay'!BC71</f>
        <v>3204.0628123614965</v>
      </c>
      <c r="Y71" s="55">
        <f>'p-y mono_clay'!BD71</f>
        <v>4272.0837498153296</v>
      </c>
      <c r="Z71" s="55">
        <f>'p-y mono_clay'!BE71</f>
        <v>5340.1046872691613</v>
      </c>
      <c r="AA71" s="55">
        <f>'p-y mono_clay'!BF71</f>
        <v>6408.1256247229931</v>
      </c>
      <c r="AB71" s="55">
        <f>'p-y mono_clay'!BG71</f>
        <v>7476.1465621768257</v>
      </c>
      <c r="AC71" s="55">
        <f>'p-y mono_clay'!BH71</f>
        <v>8544.1674996306592</v>
      </c>
      <c r="AD71" s="55">
        <f>'p-y mono_clay'!BI71</f>
        <v>9612.1884370844909</v>
      </c>
      <c r="AE71" s="55">
        <f>'p-y mono_clay'!BJ71</f>
        <v>10413.204140174865</v>
      </c>
      <c r="AF71" s="55">
        <f>'p-y mono_clay'!BK71</f>
        <v>10680.209374538323</v>
      </c>
      <c r="AG71" s="200">
        <f>'p-y mono_clay'!BL71</f>
        <v>10680.209374538323</v>
      </c>
      <c r="AH71">
        <f t="shared" si="205"/>
        <v>30</v>
      </c>
      <c r="AI71">
        <v>0</v>
      </c>
      <c r="AJ71">
        <f t="shared" si="206"/>
        <v>-0.95</v>
      </c>
      <c r="AK71">
        <f t="shared" si="207"/>
        <v>-0.79999999999999993</v>
      </c>
      <c r="AL71">
        <f t="shared" si="208"/>
        <v>-0.7</v>
      </c>
      <c r="AM71">
        <f t="shared" si="209"/>
        <v>-0.59999999999999987</v>
      </c>
      <c r="AN71">
        <f t="shared" si="210"/>
        <v>-0.5</v>
      </c>
      <c r="AO71">
        <f t="shared" si="211"/>
        <v>-0.4</v>
      </c>
      <c r="AP71">
        <f t="shared" si="212"/>
        <v>-0.30000000000000004</v>
      </c>
      <c r="AQ71">
        <f t="shared" si="213"/>
        <v>-0.19999999999999984</v>
      </c>
      <c r="AR71">
        <f t="shared" si="214"/>
        <v>-9.9999999999999978E-2</v>
      </c>
      <c r="AS71">
        <f t="shared" si="215"/>
        <v>-2.5000000000000022E-2</v>
      </c>
      <c r="AT71">
        <f t="shared" si="216"/>
        <v>0</v>
      </c>
      <c r="AU71">
        <f t="shared" si="217"/>
        <v>0</v>
      </c>
      <c r="AV71">
        <v>1</v>
      </c>
      <c r="AW71">
        <v>1.25</v>
      </c>
      <c r="AX71">
        <v>2.5</v>
      </c>
      <c r="AY71" s="162">
        <f t="shared" si="218"/>
        <v>2</v>
      </c>
      <c r="AZ71" s="162">
        <f t="shared" si="219"/>
        <v>1.0256410256410258</v>
      </c>
      <c r="BA71" s="162">
        <f t="shared" si="220"/>
        <v>1.1111111111111112</v>
      </c>
      <c r="BB71" s="162">
        <f t="shared" si="221"/>
        <v>1.1764705882352942</v>
      </c>
      <c r="BC71" s="162">
        <f t="shared" si="222"/>
        <v>1.25</v>
      </c>
      <c r="BD71" s="162">
        <f t="shared" si="223"/>
        <v>1.3333333333333333</v>
      </c>
      <c r="BE71" s="162">
        <f t="shared" si="224"/>
        <v>1.4285714285714286</v>
      </c>
      <c r="BF71" s="162">
        <f t="shared" si="225"/>
        <v>1.5384615384615383</v>
      </c>
      <c r="BG71" s="162">
        <f t="shared" si="226"/>
        <v>1.666666666666667</v>
      </c>
      <c r="BH71" s="162">
        <f t="shared" si="227"/>
        <v>1.8181818181818181</v>
      </c>
      <c r="BI71" s="162">
        <f t="shared" si="228"/>
        <v>1.9512195121951221</v>
      </c>
      <c r="BJ71" s="162">
        <f t="shared" si="229"/>
        <v>2</v>
      </c>
      <c r="BK71" s="162">
        <f t="shared" si="230"/>
        <v>2</v>
      </c>
      <c r="BL71" s="162">
        <f t="shared" si="231"/>
        <v>2.3784142300054421</v>
      </c>
      <c r="BM71" s="162">
        <f t="shared" si="232"/>
        <v>1.0321533592882333</v>
      </c>
      <c r="BN71" s="162">
        <f t="shared" si="233"/>
        <v>1.1407667734226012</v>
      </c>
      <c r="BO71" s="162">
        <f t="shared" si="234"/>
        <v>1.2252546033521698</v>
      </c>
      <c r="BP71" s="162">
        <f t="shared" si="235"/>
        <v>1.3217140793007052</v>
      </c>
      <c r="BQ71" s="162">
        <f t="shared" si="236"/>
        <v>1.4327599090980556</v>
      </c>
      <c r="BR71" s="162">
        <f t="shared" si="237"/>
        <v>1.5618073056129906</v>
      </c>
      <c r="BS71" s="162">
        <f t="shared" si="238"/>
        <v>1.7133981916233565</v>
      </c>
      <c r="BT71" s="162">
        <f t="shared" si="239"/>
        <v>1.8936989441124994</v>
      </c>
      <c r="BU71" s="162">
        <f t="shared" si="240"/>
        <v>2.1112839107574066</v>
      </c>
      <c r="BV71" s="162">
        <f t="shared" si="241"/>
        <v>2.3061240387292958</v>
      </c>
      <c r="BW71" s="162">
        <f t="shared" si="242"/>
        <v>2.3784142300054421</v>
      </c>
      <c r="BX71" s="162">
        <f t="shared" si="243"/>
        <v>2.3784142300054421</v>
      </c>
      <c r="BY71" s="162">
        <f t="shared" si="244"/>
        <v>5.6568542494923806</v>
      </c>
      <c r="BZ71" s="162">
        <f t="shared" si="245"/>
        <v>1.065340557089985</v>
      </c>
      <c r="CA71" s="162">
        <f t="shared" si="246"/>
        <v>1.3013488313450123</v>
      </c>
      <c r="CB71" s="162">
        <f t="shared" si="247"/>
        <v>1.501248843035683</v>
      </c>
      <c r="CC71" s="162">
        <f t="shared" si="248"/>
        <v>1.7469281074217107</v>
      </c>
      <c r="CD71" s="162">
        <f t="shared" si="249"/>
        <v>2.0528009571186687</v>
      </c>
      <c r="CE71" s="162">
        <f t="shared" si="250"/>
        <v>2.4392420598661095</v>
      </c>
      <c r="CF71" s="162">
        <f t="shared" si="251"/>
        <v>2.9357333630581879</v>
      </c>
      <c r="CG71" s="162">
        <f t="shared" si="252"/>
        <v>3.5860956909327948</v>
      </c>
      <c r="CH71" s="162">
        <f t="shared" si="253"/>
        <v>4.4575197518230878</v>
      </c>
      <c r="CI71" s="162">
        <f t="shared" si="254"/>
        <v>5.3182080820051185</v>
      </c>
      <c r="CJ71" s="162">
        <f t="shared" si="255"/>
        <v>5.6568542494923806</v>
      </c>
      <c r="CK71" s="162">
        <f t="shared" si="256"/>
        <v>5.6568542494923806</v>
      </c>
      <c r="CL71">
        <f t="shared" si="257"/>
        <v>1.3729593947216077</v>
      </c>
      <c r="CM71">
        <f t="shared" si="258"/>
        <v>1.4664555068821994</v>
      </c>
      <c r="CN71">
        <f t="shared" si="259"/>
        <v>1.4552495278079043</v>
      </c>
      <c r="CO71">
        <f t="shared" si="260"/>
        <v>1.4472473498703116</v>
      </c>
      <c r="CP71">
        <f t="shared" si="261"/>
        <v>1.4387599028160105</v>
      </c>
      <c r="CQ71">
        <f t="shared" si="262"/>
        <v>1.4297245098567506</v>
      </c>
      <c r="CR71">
        <f t="shared" si="263"/>
        <v>1.4200655078485775</v>
      </c>
      <c r="CS71">
        <f t="shared" si="264"/>
        <v>1.4096903917470565</v>
      </c>
      <c r="CT71">
        <f t="shared" si="265"/>
        <v>1.3984844126727611</v>
      </c>
      <c r="CU71">
        <f t="shared" si="266"/>
        <v>1.3863028198942131</v>
      </c>
      <c r="CV71">
        <f t="shared" si="267"/>
        <v>1.3764163604842596</v>
      </c>
      <c r="CW71">
        <f t="shared" si="268"/>
        <v>1.3729593947216077</v>
      </c>
      <c r="CX71" s="98">
        <f t="shared" si="269"/>
        <v>1.3729593947216077</v>
      </c>
      <c r="CY71">
        <f t="shared" si="270"/>
        <v>1.1029593947216076</v>
      </c>
      <c r="CZ71">
        <f t="shared" si="271"/>
        <v>1.1964555068821994</v>
      </c>
      <c r="DA71">
        <f t="shared" si="272"/>
        <v>1.1852495278079043</v>
      </c>
      <c r="DB71">
        <f t="shared" si="273"/>
        <v>1.1772473498703115</v>
      </c>
      <c r="DC71">
        <f t="shared" si="274"/>
        <v>1.1687599028160105</v>
      </c>
      <c r="DD71">
        <f t="shared" si="275"/>
        <v>1.1597245098567506</v>
      </c>
      <c r="DE71">
        <f t="shared" si="276"/>
        <v>1.1500655078485775</v>
      </c>
      <c r="DF71">
        <f t="shared" si="277"/>
        <v>1.1396903917470564</v>
      </c>
      <c r="DG71">
        <f t="shared" si="278"/>
        <v>1.1284844126727611</v>
      </c>
      <c r="DH71">
        <f t="shared" si="279"/>
        <v>1.1163028198942131</v>
      </c>
      <c r="DI71">
        <f t="shared" si="280"/>
        <v>1.1064163604842596</v>
      </c>
      <c r="DJ71">
        <f t="shared" si="281"/>
        <v>1.1029593947216076</v>
      </c>
      <c r="DK71">
        <f t="shared" si="282"/>
        <v>1.1029593947216076</v>
      </c>
      <c r="DL71" s="97">
        <f t="shared" si="283"/>
        <v>1.5000349036450102</v>
      </c>
      <c r="DM71">
        <f t="shared" si="284"/>
        <v>1.6252529110029454</v>
      </c>
      <c r="DN71">
        <f t="shared" si="285"/>
        <v>1.6102449033141575</v>
      </c>
      <c r="DO71">
        <f t="shared" si="286"/>
        <v>1.5995277007191671</v>
      </c>
      <c r="DP71">
        <f t="shared" si="287"/>
        <v>1.5881605841285855</v>
      </c>
      <c r="DQ71">
        <f t="shared" si="288"/>
        <v>1.5760596114152909</v>
      </c>
      <c r="DR71">
        <f t="shared" si="289"/>
        <v>1.5631234480114875</v>
      </c>
      <c r="DS71">
        <f t="shared" si="290"/>
        <v>1.5492282032326647</v>
      </c>
      <c r="DT71">
        <f t="shared" si="291"/>
        <v>1.5342201955438766</v>
      </c>
      <c r="DU71">
        <f t="shared" si="292"/>
        <v>1.5179055623583211</v>
      </c>
      <c r="DV71">
        <f t="shared" si="293"/>
        <v>1.5046647685057049</v>
      </c>
      <c r="DW71">
        <f t="shared" si="294"/>
        <v>1.5000349036450102</v>
      </c>
      <c r="DX71" s="98">
        <f t="shared" si="295"/>
        <v>1.5000349036450102</v>
      </c>
      <c r="DY71">
        <f t="shared" si="296"/>
        <v>1.0527062241310117</v>
      </c>
      <c r="DZ71">
        <f t="shared" si="297"/>
        <v>1.1946199658033383</v>
      </c>
      <c r="EA71">
        <f t="shared" si="298"/>
        <v>1.1776108904227118</v>
      </c>
      <c r="EB71">
        <f t="shared" si="299"/>
        <v>1.1654647274817227</v>
      </c>
      <c r="EC71">
        <f t="shared" si="300"/>
        <v>1.1525819953457304</v>
      </c>
      <c r="ED71">
        <f t="shared" si="301"/>
        <v>1.1388675596039965</v>
      </c>
      <c r="EE71">
        <f t="shared" si="302"/>
        <v>1.1242065744130194</v>
      </c>
      <c r="EF71">
        <f t="shared" si="303"/>
        <v>1.1084586303303534</v>
      </c>
      <c r="EG71">
        <f t="shared" si="304"/>
        <v>1.091449554949727</v>
      </c>
      <c r="EH71">
        <f t="shared" si="305"/>
        <v>1.0729596373394306</v>
      </c>
      <c r="EI71">
        <f t="shared" si="306"/>
        <v>1.0579534043064656</v>
      </c>
      <c r="EJ71">
        <f t="shared" si="307"/>
        <v>1.0527062241310117</v>
      </c>
      <c r="EK71">
        <f t="shared" si="308"/>
        <v>1.0527062241310117</v>
      </c>
      <c r="EL71" s="97">
        <f t="shared" si="309"/>
        <v>1.1554124482620232</v>
      </c>
      <c r="EM71">
        <f t="shared" si="310"/>
        <v>1.4392399316066766</v>
      </c>
      <c r="EN71">
        <f t="shared" si="311"/>
        <v>1.4052217808454237</v>
      </c>
      <c r="EO71">
        <f t="shared" si="312"/>
        <v>1.3809294549634457</v>
      </c>
      <c r="EP71">
        <f t="shared" si="313"/>
        <v>1.3551639906914608</v>
      </c>
      <c r="EQ71">
        <f t="shared" si="314"/>
        <v>1.3277351192079931</v>
      </c>
      <c r="ER71">
        <f t="shared" si="315"/>
        <v>1.2984131488260386</v>
      </c>
      <c r="ES71">
        <f t="shared" si="316"/>
        <v>1.2669172606607069</v>
      </c>
      <c r="ET71">
        <f t="shared" si="317"/>
        <v>1.2328991098994537</v>
      </c>
      <c r="EU71">
        <f t="shared" si="318"/>
        <v>1.1959192746788612</v>
      </c>
      <c r="EV71">
        <f t="shared" si="319"/>
        <v>1.1659068086129309</v>
      </c>
      <c r="EW71">
        <f t="shared" si="320"/>
        <v>1.1554124482620232</v>
      </c>
      <c r="EX71" s="98">
        <f t="shared" si="321"/>
        <v>1.1554124482620232</v>
      </c>
      <c r="EY71" s="97">
        <f t="shared" si="322"/>
        <v>0.90541244826202316</v>
      </c>
      <c r="EZ71">
        <f t="shared" si="323"/>
        <v>1.1892399316066766</v>
      </c>
      <c r="FA71">
        <f t="shared" si="324"/>
        <v>1.1552217808454237</v>
      </c>
      <c r="FB71">
        <f t="shared" si="325"/>
        <v>1.1309294549634457</v>
      </c>
      <c r="FC71">
        <f t="shared" si="326"/>
        <v>1.1051639906914608</v>
      </c>
      <c r="FD71">
        <f t="shared" si="327"/>
        <v>1.0777351192079931</v>
      </c>
      <c r="FE71">
        <f t="shared" si="328"/>
        <v>1.0484131488260386</v>
      </c>
      <c r="FF71">
        <f t="shared" si="329"/>
        <v>1.0169172606607069</v>
      </c>
      <c r="FG71">
        <f t="shared" si="330"/>
        <v>0.98289910989945384</v>
      </c>
      <c r="FH71">
        <f t="shared" si="331"/>
        <v>0.94591927467886117</v>
      </c>
      <c r="FI71">
        <f t="shared" si="332"/>
        <v>0.91590680861293094</v>
      </c>
      <c r="FJ71">
        <f t="shared" si="333"/>
        <v>0.90541244826202316</v>
      </c>
      <c r="FK71">
        <f t="shared" si="334"/>
        <v>0.90541244826202316</v>
      </c>
      <c r="FL71" s="126">
        <f t="shared" si="335"/>
        <v>0</v>
      </c>
      <c r="FM71" s="91">
        <f t="shared" si="336"/>
        <v>783.10259259733073</v>
      </c>
      <c r="FN71" s="91">
        <f t="shared" si="337"/>
        <v>3108.4739298372897</v>
      </c>
      <c r="FO71" s="91">
        <f t="shared" si="338"/>
        <v>4637.0714140081927</v>
      </c>
      <c r="FP71" s="91">
        <f t="shared" si="339"/>
        <v>6146.502800706161</v>
      </c>
      <c r="FQ71" s="91">
        <f t="shared" si="340"/>
        <v>7634.8785565896378</v>
      </c>
      <c r="FR71" s="91">
        <f t="shared" si="341"/>
        <v>9099.958169629741</v>
      </c>
      <c r="FS71" s="91">
        <f t="shared" si="342"/>
        <v>10539.05197599346</v>
      </c>
      <c r="FT71" s="91">
        <f t="shared" si="343"/>
        <v>11948.885067498677</v>
      </c>
      <c r="FU71" s="91">
        <f t="shared" si="344"/>
        <v>13325.403935684779</v>
      </c>
      <c r="FV71" s="91">
        <f t="shared" si="345"/>
        <v>14332.904543599112</v>
      </c>
      <c r="FW71" s="91">
        <f t="shared" si="346"/>
        <v>14663.493798366175</v>
      </c>
      <c r="FX71" s="91">
        <f t="shared" si="347"/>
        <v>14663.493798366175</v>
      </c>
      <c r="FY71" s="91">
        <f t="shared" si="348"/>
        <v>0</v>
      </c>
      <c r="FZ71" s="91">
        <f t="shared" si="349"/>
        <v>1.0510539436183874</v>
      </c>
      <c r="GA71" s="91">
        <f t="shared" si="350"/>
        <v>10.412097927658122</v>
      </c>
      <c r="GB71" s="91">
        <f t="shared" si="351"/>
        <v>21.607424049151444</v>
      </c>
      <c r="GC71" s="91">
        <f t="shared" si="352"/>
        <v>40.565767824741684</v>
      </c>
      <c r="GD71" s="91">
        <f t="shared" si="353"/>
        <v>64.767490870108702</v>
      </c>
      <c r="GE71" s="91">
        <f t="shared" si="354"/>
        <v>97.244584151989713</v>
      </c>
      <c r="GF71" s="91">
        <f t="shared" si="355"/>
        <v>145.93599428682157</v>
      </c>
      <c r="GG71" s="91">
        <f t="shared" si="356"/>
        <v>221.46541086537337</v>
      </c>
      <c r="GH71" s="91">
        <f t="shared" si="357"/>
        <v>356.36464487248372</v>
      </c>
      <c r="GI71" s="91">
        <f t="shared" si="358"/>
        <v>569.72824866285498</v>
      </c>
      <c r="GJ71" s="91">
        <f t="shared" si="359"/>
        <v>748.32824788429343</v>
      </c>
      <c r="GK71" s="127">
        <f t="shared" si="360"/>
        <v>6617.7563683296457</v>
      </c>
      <c r="GL71" s="126">
        <f t="shared" si="361"/>
        <v>0</v>
      </c>
      <c r="GM71" s="91">
        <f t="shared" si="362"/>
        <v>867.90206880446794</v>
      </c>
      <c r="GN71" s="91">
        <f t="shared" si="363"/>
        <v>3439.5505423356844</v>
      </c>
      <c r="GO71" s="91">
        <f t="shared" si="364"/>
        <v>5124.9872232163725</v>
      </c>
      <c r="GP71" s="91">
        <f t="shared" si="365"/>
        <v>6784.7550235529516</v>
      </c>
      <c r="GQ71" s="91">
        <f t="shared" si="366"/>
        <v>8416.3233183344073</v>
      </c>
      <c r="GR71" s="91">
        <f t="shared" si="367"/>
        <v>10016.691421807773</v>
      </c>
      <c r="GS71" s="91">
        <f t="shared" si="368"/>
        <v>11582.257105625267</v>
      </c>
      <c r="GT71" s="91">
        <f t="shared" si="369"/>
        <v>13108.634332042984</v>
      </c>
      <c r="GU71" s="91">
        <f t="shared" si="370"/>
        <v>14590.394295086886</v>
      </c>
      <c r="GV71" s="91">
        <f t="shared" si="371"/>
        <v>15668.381396978861</v>
      </c>
      <c r="GW71" s="91">
        <f t="shared" si="372"/>
        <v>16020.686840044127</v>
      </c>
      <c r="GX71" s="91">
        <f t="shared" si="373"/>
        <v>16020.686840044127</v>
      </c>
      <c r="GY71" s="91">
        <f t="shared" si="374"/>
        <v>0</v>
      </c>
      <c r="GZ71" s="91">
        <f t="shared" si="375"/>
        <v>1.0494414702096289</v>
      </c>
      <c r="HA71" s="91">
        <f t="shared" si="376"/>
        <v>10.344994555226842</v>
      </c>
      <c r="HB71" s="91">
        <f t="shared" si="377"/>
        <v>21.391163533985019</v>
      </c>
      <c r="HC71" s="91">
        <f t="shared" si="378"/>
        <v>40.00425879560035</v>
      </c>
      <c r="HD71" s="91">
        <f t="shared" si="379"/>
        <v>63.602686363872635</v>
      </c>
      <c r="HE71" s="91">
        <f t="shared" si="380"/>
        <v>95.0580641569166</v>
      </c>
      <c r="HF71" s="91">
        <f t="shared" si="381"/>
        <v>141.93680451679242</v>
      </c>
      <c r="HG71" s="91">
        <f t="shared" si="382"/>
        <v>214.19730871893211</v>
      </c>
      <c r="HH71" s="91">
        <f t="shared" si="383"/>
        <v>342.52791743302242</v>
      </c>
      <c r="HI71" s="91">
        <f t="shared" si="384"/>
        <v>544.77316291546549</v>
      </c>
      <c r="HJ71" s="91">
        <f t="shared" si="385"/>
        <v>714.2328248989503</v>
      </c>
      <c r="HK71" s="127">
        <f t="shared" si="386"/>
        <v>6316.23734478607</v>
      </c>
      <c r="HL71" s="126">
        <f t="shared" si="387"/>
        <v>0</v>
      </c>
      <c r="HM71" s="91">
        <f t="shared" si="388"/>
        <v>768.56919048777615</v>
      </c>
      <c r="HN71" s="91">
        <f t="shared" si="389"/>
        <v>3001.6125674181467</v>
      </c>
      <c r="HO71" s="91">
        <f t="shared" si="390"/>
        <v>4424.5847131430064</v>
      </c>
      <c r="HP71" s="91">
        <f t="shared" si="391"/>
        <v>5789.3740629678823</v>
      </c>
      <c r="HQ71" s="91">
        <f t="shared" si="392"/>
        <v>7090.2445335344828</v>
      </c>
      <c r="HR71" s="91">
        <f t="shared" si="393"/>
        <v>8320.394570469407</v>
      </c>
      <c r="HS71" s="91">
        <f t="shared" si="394"/>
        <v>9471.6591228510242</v>
      </c>
      <c r="HT71" s="91">
        <f t="shared" si="395"/>
        <v>10534.096505126481</v>
      </c>
      <c r="HU71" s="91">
        <f t="shared" si="396"/>
        <v>11495.40142375462</v>
      </c>
      <c r="HV71" s="91">
        <f t="shared" si="397"/>
        <v>12140.825606506236</v>
      </c>
      <c r="HW71" s="91">
        <f t="shared" si="398"/>
        <v>12340.046861386334</v>
      </c>
      <c r="HX71" s="91">
        <f t="shared" si="399"/>
        <v>12340.046861386334</v>
      </c>
      <c r="HY71" s="91">
        <f t="shared" si="400"/>
        <v>0</v>
      </c>
      <c r="HZ71" s="91">
        <f t="shared" si="401"/>
        <v>1.0447152550460257</v>
      </c>
      <c r="IA71" s="91">
        <f t="shared" si="402"/>
        <v>10.148312256721363</v>
      </c>
      <c r="IB71" s="91">
        <f t="shared" si="403"/>
        <v>20.757296506773088</v>
      </c>
      <c r="IC71" s="91">
        <f t="shared" si="404"/>
        <v>38.358456468806779</v>
      </c>
      <c r="ID71" s="91">
        <f t="shared" si="405"/>
        <v>60.188604190422076</v>
      </c>
      <c r="IE71" s="91">
        <f t="shared" si="406"/>
        <v>88.64929865411608</v>
      </c>
      <c r="IF71" s="91">
        <f t="shared" si="407"/>
        <v>130.21504139774149</v>
      </c>
      <c r="IG71" s="91">
        <f t="shared" si="408"/>
        <v>192.89425070350072</v>
      </c>
      <c r="IH71" s="91">
        <f t="shared" si="409"/>
        <v>301.97199217942892</v>
      </c>
      <c r="II71" s="91">
        <f t="shared" si="410"/>
        <v>471.62894606966853</v>
      </c>
      <c r="IJ71" s="91">
        <f t="shared" si="411"/>
        <v>614.29796442466875</v>
      </c>
      <c r="IK71" s="127">
        <f t="shared" si="412"/>
        <v>5432.4746895721391</v>
      </c>
    </row>
    <row r="72" spans="2:245" x14ac:dyDescent="0.2">
      <c r="B72" s="79">
        <f t="shared" si="188"/>
        <v>-61.5</v>
      </c>
      <c r="C72" s="73">
        <f>'p-y mono_clay'!C72</f>
        <v>46</v>
      </c>
      <c r="D72" s="64">
        <f>'p-y mono_clay'!D72</f>
        <v>45.989000000000004</v>
      </c>
      <c r="E72" s="64" t="str">
        <f>'p-y mono_clay'!E72</f>
        <v>CLAY</v>
      </c>
      <c r="F72" s="55">
        <f>VLOOKUP($C72, 'Pile Property'!$A$8:$D$108,2,TRUE)</f>
        <v>2</v>
      </c>
      <c r="G72" s="102">
        <f>'p-y mono_clay'!Z72</f>
        <v>17582.462121661465</v>
      </c>
      <c r="H72" s="199">
        <f>'p-y mono_clay'!AM72</f>
        <v>0</v>
      </c>
      <c r="I72" s="55">
        <f>'p-y mono_clay'!AN72</f>
        <v>1</v>
      </c>
      <c r="J72" s="55">
        <f>'p-y mono_clay'!AO72</f>
        <v>10</v>
      </c>
      <c r="K72" s="55">
        <f>'p-y mono_clay'!AP72</f>
        <v>22</v>
      </c>
      <c r="L72" s="55">
        <f>'p-y mono_clay'!AQ72</f>
        <v>42</v>
      </c>
      <c r="M72" s="55">
        <f>'p-y mono_clay'!AR72</f>
        <v>68</v>
      </c>
      <c r="N72" s="55">
        <f>'p-y mono_clay'!AS72</f>
        <v>104</v>
      </c>
      <c r="O72" s="55">
        <f>'p-y mono_clay'!AT72</f>
        <v>156</v>
      </c>
      <c r="P72" s="55">
        <f>'p-y mono_clay'!AU72</f>
        <v>240</v>
      </c>
      <c r="Q72" s="55">
        <f>'p-y mono_clay'!AV72</f>
        <v>380</v>
      </c>
      <c r="R72" s="55">
        <f>'p-y mono_clay'!AW72</f>
        <v>600</v>
      </c>
      <c r="S72" s="55">
        <f>'p-y mono_clay'!AX72</f>
        <v>800</v>
      </c>
      <c r="T72" s="200">
        <f>'p-y mono_clay'!AY72</f>
        <v>6000</v>
      </c>
      <c r="U72" s="199">
        <f>'p-y mono_clay'!AZ72</f>
        <v>0</v>
      </c>
      <c r="V72" s="55">
        <f>'p-y mono_clay'!BA72</f>
        <v>879.12310608307325</v>
      </c>
      <c r="W72" s="55">
        <f>'p-y mono_clay'!BB72</f>
        <v>3516.492424332293</v>
      </c>
      <c r="X72" s="55">
        <f>'p-y mono_clay'!BC72</f>
        <v>5274.7386364984395</v>
      </c>
      <c r="Y72" s="55">
        <f>'p-y mono_clay'!BD72</f>
        <v>7032.984848664586</v>
      </c>
      <c r="Z72" s="55">
        <f>'p-y mono_clay'!BE72</f>
        <v>8791.2310608307325</v>
      </c>
      <c r="AA72" s="55">
        <f>'p-y mono_clay'!BF72</f>
        <v>10549.477272996879</v>
      </c>
      <c r="AB72" s="55">
        <f>'p-y mono_clay'!BG72</f>
        <v>12307.723485163026</v>
      </c>
      <c r="AC72" s="55">
        <f>'p-y mono_clay'!BH72</f>
        <v>14065.969697329172</v>
      </c>
      <c r="AD72" s="55">
        <f>'p-y mono_clay'!BI72</f>
        <v>15824.215909495319</v>
      </c>
      <c r="AE72" s="55">
        <f>'p-y mono_clay'!BJ72</f>
        <v>17142.900568619927</v>
      </c>
      <c r="AF72" s="55">
        <f>'p-y mono_clay'!BK72</f>
        <v>17582.462121661465</v>
      </c>
      <c r="AG72" s="200">
        <f>'p-y mono_clay'!BL72</f>
        <v>17582.462121661465</v>
      </c>
      <c r="AH72">
        <f t="shared" si="205"/>
        <v>30</v>
      </c>
      <c r="AI72">
        <v>0</v>
      </c>
      <c r="AJ72">
        <f t="shared" si="206"/>
        <v>-0.95</v>
      </c>
      <c r="AK72">
        <f t="shared" si="207"/>
        <v>-0.8</v>
      </c>
      <c r="AL72">
        <f t="shared" si="208"/>
        <v>-0.7</v>
      </c>
      <c r="AM72">
        <f t="shared" si="209"/>
        <v>-0.6</v>
      </c>
      <c r="AN72">
        <f t="shared" si="210"/>
        <v>-0.5</v>
      </c>
      <c r="AO72">
        <f t="shared" si="211"/>
        <v>-0.4</v>
      </c>
      <c r="AP72">
        <f t="shared" si="212"/>
        <v>-0.30000000000000004</v>
      </c>
      <c r="AQ72">
        <f t="shared" si="213"/>
        <v>-0.19999999999999996</v>
      </c>
      <c r="AR72">
        <f t="shared" si="214"/>
        <v>-9.9999999999999978E-2</v>
      </c>
      <c r="AS72">
        <f t="shared" si="215"/>
        <v>-2.5000000000000022E-2</v>
      </c>
      <c r="AT72">
        <f t="shared" si="216"/>
        <v>0</v>
      </c>
      <c r="AU72">
        <f t="shared" si="217"/>
        <v>0</v>
      </c>
      <c r="AV72">
        <v>1</v>
      </c>
      <c r="AW72">
        <v>1.25</v>
      </c>
      <c r="AX72">
        <v>2.5</v>
      </c>
      <c r="AY72" s="162">
        <f t="shared" si="218"/>
        <v>2</v>
      </c>
      <c r="AZ72" s="162">
        <f t="shared" si="219"/>
        <v>1.0256410256410258</v>
      </c>
      <c r="BA72" s="162">
        <f t="shared" si="220"/>
        <v>1.1111111111111112</v>
      </c>
      <c r="BB72" s="162">
        <f t="shared" si="221"/>
        <v>1.1764705882352942</v>
      </c>
      <c r="BC72" s="162">
        <f t="shared" si="222"/>
        <v>1.25</v>
      </c>
      <c r="BD72" s="162">
        <f t="shared" si="223"/>
        <v>1.3333333333333333</v>
      </c>
      <c r="BE72" s="162">
        <f t="shared" si="224"/>
        <v>1.4285714285714286</v>
      </c>
      <c r="BF72" s="162">
        <f t="shared" si="225"/>
        <v>1.5384615384615383</v>
      </c>
      <c r="BG72" s="162">
        <f t="shared" si="226"/>
        <v>1.6666666666666667</v>
      </c>
      <c r="BH72" s="162">
        <f t="shared" si="227"/>
        <v>1.8181818181818181</v>
      </c>
      <c r="BI72" s="162">
        <f t="shared" si="228"/>
        <v>1.9512195121951221</v>
      </c>
      <c r="BJ72" s="162">
        <f t="shared" si="229"/>
        <v>2</v>
      </c>
      <c r="BK72" s="162">
        <f t="shared" si="230"/>
        <v>2</v>
      </c>
      <c r="BL72" s="162">
        <f t="shared" si="231"/>
        <v>2.3784142300054421</v>
      </c>
      <c r="BM72" s="162">
        <f t="shared" si="232"/>
        <v>1.0321533592882333</v>
      </c>
      <c r="BN72" s="162">
        <f t="shared" si="233"/>
        <v>1.1407667734226012</v>
      </c>
      <c r="BO72" s="162">
        <f t="shared" si="234"/>
        <v>1.2252546033521698</v>
      </c>
      <c r="BP72" s="162">
        <f t="shared" si="235"/>
        <v>1.3217140793007052</v>
      </c>
      <c r="BQ72" s="162">
        <f t="shared" si="236"/>
        <v>1.4327599090980556</v>
      </c>
      <c r="BR72" s="162">
        <f t="shared" si="237"/>
        <v>1.5618073056129906</v>
      </c>
      <c r="BS72" s="162">
        <f t="shared" si="238"/>
        <v>1.7133981916233565</v>
      </c>
      <c r="BT72" s="162">
        <f t="shared" si="239"/>
        <v>1.8936989441124989</v>
      </c>
      <c r="BU72" s="162">
        <f t="shared" si="240"/>
        <v>2.1112839107574066</v>
      </c>
      <c r="BV72" s="162">
        <f t="shared" si="241"/>
        <v>2.3061240387292958</v>
      </c>
      <c r="BW72" s="162">
        <f t="shared" si="242"/>
        <v>2.3784142300054421</v>
      </c>
      <c r="BX72" s="162">
        <f t="shared" si="243"/>
        <v>2.3784142300054421</v>
      </c>
      <c r="BY72" s="162">
        <f t="shared" si="244"/>
        <v>5.6568542494923806</v>
      </c>
      <c r="BZ72" s="162">
        <f t="shared" si="245"/>
        <v>1.065340557089985</v>
      </c>
      <c r="CA72" s="162">
        <f t="shared" si="246"/>
        <v>1.3013488313450123</v>
      </c>
      <c r="CB72" s="162">
        <f t="shared" si="247"/>
        <v>1.501248843035683</v>
      </c>
      <c r="CC72" s="162">
        <f t="shared" si="248"/>
        <v>1.7469281074217107</v>
      </c>
      <c r="CD72" s="162">
        <f t="shared" si="249"/>
        <v>2.0528009571186687</v>
      </c>
      <c r="CE72" s="162">
        <f t="shared" si="250"/>
        <v>2.4392420598661095</v>
      </c>
      <c r="CF72" s="162">
        <f t="shared" si="251"/>
        <v>2.9357333630581879</v>
      </c>
      <c r="CG72" s="162">
        <f t="shared" si="252"/>
        <v>3.5860956909327935</v>
      </c>
      <c r="CH72" s="162">
        <f t="shared" si="253"/>
        <v>4.4575197518230878</v>
      </c>
      <c r="CI72" s="162">
        <f t="shared" si="254"/>
        <v>5.3182080820051185</v>
      </c>
      <c r="CJ72" s="162">
        <f t="shared" si="255"/>
        <v>5.6568542494923806</v>
      </c>
      <c r="CK72" s="162">
        <f t="shared" si="256"/>
        <v>5.6568542494923806</v>
      </c>
      <c r="CL72">
        <f t="shared" si="257"/>
        <v>1.3729593947216077</v>
      </c>
      <c r="CM72">
        <f t="shared" si="258"/>
        <v>1.4664555068821994</v>
      </c>
      <c r="CN72">
        <f t="shared" si="259"/>
        <v>1.4552495278079043</v>
      </c>
      <c r="CO72">
        <f t="shared" si="260"/>
        <v>1.4472473498703116</v>
      </c>
      <c r="CP72">
        <f t="shared" si="261"/>
        <v>1.4387599028160105</v>
      </c>
      <c r="CQ72">
        <f t="shared" si="262"/>
        <v>1.4297245098567506</v>
      </c>
      <c r="CR72">
        <f t="shared" si="263"/>
        <v>1.4200655078485775</v>
      </c>
      <c r="CS72">
        <f t="shared" si="264"/>
        <v>1.4096903917470565</v>
      </c>
      <c r="CT72">
        <f t="shared" si="265"/>
        <v>1.3984844126727614</v>
      </c>
      <c r="CU72">
        <f t="shared" si="266"/>
        <v>1.3863028198942131</v>
      </c>
      <c r="CV72">
        <f t="shared" si="267"/>
        <v>1.3764163604842596</v>
      </c>
      <c r="CW72">
        <f t="shared" si="268"/>
        <v>1.3729593947216077</v>
      </c>
      <c r="CX72" s="98">
        <f t="shared" si="269"/>
        <v>1.3729593947216077</v>
      </c>
      <c r="CY72">
        <f t="shared" si="270"/>
        <v>1.1029593947216076</v>
      </c>
      <c r="CZ72">
        <f t="shared" si="271"/>
        <v>1.1964555068821994</v>
      </c>
      <c r="DA72">
        <f t="shared" si="272"/>
        <v>1.1852495278079043</v>
      </c>
      <c r="DB72">
        <f t="shared" si="273"/>
        <v>1.1772473498703115</v>
      </c>
      <c r="DC72">
        <f t="shared" si="274"/>
        <v>1.1687599028160105</v>
      </c>
      <c r="DD72">
        <f t="shared" si="275"/>
        <v>1.1597245098567506</v>
      </c>
      <c r="DE72">
        <f t="shared" si="276"/>
        <v>1.1500655078485775</v>
      </c>
      <c r="DF72">
        <f t="shared" si="277"/>
        <v>1.1396903917470564</v>
      </c>
      <c r="DG72">
        <f t="shared" si="278"/>
        <v>1.1284844126727613</v>
      </c>
      <c r="DH72">
        <f t="shared" si="279"/>
        <v>1.1163028198942131</v>
      </c>
      <c r="DI72">
        <f t="shared" si="280"/>
        <v>1.1064163604842596</v>
      </c>
      <c r="DJ72">
        <f t="shared" si="281"/>
        <v>1.1029593947216076</v>
      </c>
      <c r="DK72">
        <f t="shared" si="282"/>
        <v>1.1029593947216076</v>
      </c>
      <c r="DL72" s="97">
        <f t="shared" si="283"/>
        <v>1.5000349036450102</v>
      </c>
      <c r="DM72">
        <f t="shared" si="284"/>
        <v>1.6252529110029454</v>
      </c>
      <c r="DN72">
        <f t="shared" si="285"/>
        <v>1.6102449033141575</v>
      </c>
      <c r="DO72">
        <f t="shared" si="286"/>
        <v>1.5995277007191671</v>
      </c>
      <c r="DP72">
        <f t="shared" si="287"/>
        <v>1.5881605841285855</v>
      </c>
      <c r="DQ72">
        <f t="shared" si="288"/>
        <v>1.5760596114152909</v>
      </c>
      <c r="DR72">
        <f t="shared" si="289"/>
        <v>1.5631234480114875</v>
      </c>
      <c r="DS72">
        <f t="shared" si="290"/>
        <v>1.5492282032326647</v>
      </c>
      <c r="DT72">
        <f t="shared" si="291"/>
        <v>1.5342201955438766</v>
      </c>
      <c r="DU72">
        <f t="shared" si="292"/>
        <v>1.5179055623583211</v>
      </c>
      <c r="DV72">
        <f t="shared" si="293"/>
        <v>1.5046647685057049</v>
      </c>
      <c r="DW72">
        <f t="shared" si="294"/>
        <v>1.5000349036450102</v>
      </c>
      <c r="DX72" s="98">
        <f t="shared" si="295"/>
        <v>1.5000349036450102</v>
      </c>
      <c r="DY72">
        <f t="shared" si="296"/>
        <v>1.0527062241310117</v>
      </c>
      <c r="DZ72">
        <f t="shared" si="297"/>
        <v>1.1946199658033383</v>
      </c>
      <c r="EA72">
        <f t="shared" si="298"/>
        <v>1.1776108904227118</v>
      </c>
      <c r="EB72">
        <f t="shared" si="299"/>
        <v>1.1654647274817227</v>
      </c>
      <c r="EC72">
        <f t="shared" si="300"/>
        <v>1.1525819953457304</v>
      </c>
      <c r="ED72">
        <f t="shared" si="301"/>
        <v>1.1388675596039965</v>
      </c>
      <c r="EE72">
        <f t="shared" si="302"/>
        <v>1.1242065744130194</v>
      </c>
      <c r="EF72">
        <f t="shared" si="303"/>
        <v>1.1084586303303534</v>
      </c>
      <c r="EG72">
        <f t="shared" si="304"/>
        <v>1.091449554949727</v>
      </c>
      <c r="EH72">
        <f t="shared" si="305"/>
        <v>1.0729596373394306</v>
      </c>
      <c r="EI72">
        <f t="shared" si="306"/>
        <v>1.0579534043064656</v>
      </c>
      <c r="EJ72">
        <f t="shared" si="307"/>
        <v>1.0527062241310117</v>
      </c>
      <c r="EK72">
        <f t="shared" si="308"/>
        <v>1.0527062241310117</v>
      </c>
      <c r="EL72" s="97">
        <f t="shared" si="309"/>
        <v>1.1554124482620232</v>
      </c>
      <c r="EM72">
        <f t="shared" si="310"/>
        <v>1.4392399316066766</v>
      </c>
      <c r="EN72">
        <f t="shared" si="311"/>
        <v>1.4052217808454237</v>
      </c>
      <c r="EO72">
        <f t="shared" si="312"/>
        <v>1.3809294549634457</v>
      </c>
      <c r="EP72">
        <f t="shared" si="313"/>
        <v>1.3551639906914608</v>
      </c>
      <c r="EQ72">
        <f t="shared" si="314"/>
        <v>1.3277351192079931</v>
      </c>
      <c r="ER72">
        <f t="shared" si="315"/>
        <v>1.2984131488260386</v>
      </c>
      <c r="ES72">
        <f t="shared" si="316"/>
        <v>1.2669172606607069</v>
      </c>
      <c r="ET72">
        <f t="shared" si="317"/>
        <v>1.2328991098994539</v>
      </c>
      <c r="EU72">
        <f t="shared" si="318"/>
        <v>1.1959192746788612</v>
      </c>
      <c r="EV72">
        <f t="shared" si="319"/>
        <v>1.1659068086129309</v>
      </c>
      <c r="EW72">
        <f t="shared" si="320"/>
        <v>1.1554124482620232</v>
      </c>
      <c r="EX72" s="98">
        <f t="shared" si="321"/>
        <v>1.1554124482620232</v>
      </c>
      <c r="EY72" s="97">
        <f t="shared" si="322"/>
        <v>0.90541244826202316</v>
      </c>
      <c r="EZ72">
        <f t="shared" si="323"/>
        <v>1.1892399316066766</v>
      </c>
      <c r="FA72">
        <f t="shared" si="324"/>
        <v>1.1552217808454237</v>
      </c>
      <c r="FB72">
        <f t="shared" si="325"/>
        <v>1.1309294549634457</v>
      </c>
      <c r="FC72">
        <f t="shared" si="326"/>
        <v>1.1051639906914608</v>
      </c>
      <c r="FD72">
        <f t="shared" si="327"/>
        <v>1.0777351192079931</v>
      </c>
      <c r="FE72">
        <f t="shared" si="328"/>
        <v>1.0484131488260386</v>
      </c>
      <c r="FF72">
        <f t="shared" si="329"/>
        <v>1.0169172606607069</v>
      </c>
      <c r="FG72">
        <f t="shared" si="330"/>
        <v>0.98289910989945395</v>
      </c>
      <c r="FH72">
        <f t="shared" si="331"/>
        <v>0.94591927467886117</v>
      </c>
      <c r="FI72">
        <f t="shared" si="332"/>
        <v>0.91590680861293094</v>
      </c>
      <c r="FJ72">
        <f t="shared" si="333"/>
        <v>0.90541244826202316</v>
      </c>
      <c r="FK72">
        <f t="shared" si="334"/>
        <v>0.90541244826202316</v>
      </c>
      <c r="FL72" s="126">
        <f t="shared" si="335"/>
        <v>0</v>
      </c>
      <c r="FM72" s="91">
        <f t="shared" si="336"/>
        <v>1289.1949201429068</v>
      </c>
      <c r="FN72" s="91">
        <f t="shared" si="337"/>
        <v>5117.3739400496424</v>
      </c>
      <c r="FO72" s="91">
        <f t="shared" si="338"/>
        <v>7633.8515129309071</v>
      </c>
      <c r="FP72" s="91">
        <f t="shared" si="339"/>
        <v>10118.776597371134</v>
      </c>
      <c r="FQ72" s="91">
        <f t="shared" si="340"/>
        <v>12569.03851948366</v>
      </c>
      <c r="FR72" s="91">
        <f t="shared" si="341"/>
        <v>14980.94880121534</v>
      </c>
      <c r="FS72" s="91">
        <f t="shared" si="342"/>
        <v>17350.079541313913</v>
      </c>
      <c r="FT72" s="91">
        <f t="shared" si="343"/>
        <v>19671.039370842245</v>
      </c>
      <c r="FU72" s="91">
        <f t="shared" si="344"/>
        <v>21937.15513794823</v>
      </c>
      <c r="FV72" s="91">
        <f t="shared" si="345"/>
        <v>23595.768808803386</v>
      </c>
      <c r="FW72" s="91">
        <f t="shared" si="346"/>
        <v>24140.00655227192</v>
      </c>
      <c r="FX72" s="91">
        <f t="shared" si="347"/>
        <v>24140.00655227192</v>
      </c>
      <c r="FY72" s="91">
        <f t="shared" si="348"/>
        <v>0</v>
      </c>
      <c r="FZ72" s="91">
        <f t="shared" si="349"/>
        <v>1.1964555068821994</v>
      </c>
      <c r="GA72" s="91">
        <f t="shared" si="350"/>
        <v>11.852495278079044</v>
      </c>
      <c r="GB72" s="91">
        <f t="shared" si="351"/>
        <v>25.899441697146855</v>
      </c>
      <c r="GC72" s="91">
        <f t="shared" si="352"/>
        <v>49.087915918272444</v>
      </c>
      <c r="GD72" s="91">
        <f t="shared" si="353"/>
        <v>78.861266670259042</v>
      </c>
      <c r="GE72" s="91">
        <f t="shared" si="354"/>
        <v>119.60681281625206</v>
      </c>
      <c r="GF72" s="91">
        <f t="shared" si="355"/>
        <v>177.79170111254081</v>
      </c>
      <c r="GG72" s="91">
        <f t="shared" si="356"/>
        <v>270.83625904146271</v>
      </c>
      <c r="GH72" s="91">
        <f t="shared" si="357"/>
        <v>424.19507155980097</v>
      </c>
      <c r="GI72" s="91">
        <f t="shared" si="358"/>
        <v>663.84981629055574</v>
      </c>
      <c r="GJ72" s="91">
        <f t="shared" si="359"/>
        <v>882.36751577728614</v>
      </c>
      <c r="GK72" s="127">
        <f t="shared" si="360"/>
        <v>6617.7563683296457</v>
      </c>
      <c r="GL72" s="126">
        <f t="shared" si="361"/>
        <v>0</v>
      </c>
      <c r="GM72" s="91">
        <f t="shared" si="362"/>
        <v>1428.7973872914661</v>
      </c>
      <c r="GN72" s="91">
        <f t="shared" si="363"/>
        <v>5662.4140038239202</v>
      </c>
      <c r="GO72" s="91">
        <f t="shared" si="364"/>
        <v>8437.0905631329024</v>
      </c>
      <c r="GP72" s="91">
        <f t="shared" si="365"/>
        <v>11169.509325422641</v>
      </c>
      <c r="GQ72" s="91">
        <f t="shared" si="366"/>
        <v>13855.504209594921</v>
      </c>
      <c r="GR72" s="91">
        <f t="shared" si="367"/>
        <v>16490.135289685706</v>
      </c>
      <c r="GS72" s="91">
        <f t="shared" si="368"/>
        <v>19067.472340803586</v>
      </c>
      <c r="GT72" s="91">
        <f t="shared" si="369"/>
        <v>21580.294779550604</v>
      </c>
      <c r="GU72" s="91">
        <f t="shared" si="370"/>
        <v>24019.665348981984</v>
      </c>
      <c r="GV72" s="91">
        <f t="shared" si="371"/>
        <v>25794.318515598818</v>
      </c>
      <c r="GW72" s="91">
        <f t="shared" si="372"/>
        <v>26374.306874508497</v>
      </c>
      <c r="GX72" s="91">
        <f t="shared" si="373"/>
        <v>26374.306874508497</v>
      </c>
      <c r="GY72" s="91">
        <f t="shared" si="374"/>
        <v>0</v>
      </c>
      <c r="GZ72" s="91">
        <f t="shared" si="375"/>
        <v>1.1946199658033383</v>
      </c>
      <c r="HA72" s="91">
        <f t="shared" si="376"/>
        <v>11.776108904227119</v>
      </c>
      <c r="HB72" s="91">
        <f t="shared" si="377"/>
        <v>25.640224004597901</v>
      </c>
      <c r="HC72" s="91">
        <f t="shared" si="378"/>
        <v>48.408443804520672</v>
      </c>
      <c r="HD72" s="91">
        <f t="shared" si="379"/>
        <v>77.442994053071772</v>
      </c>
      <c r="HE72" s="91">
        <f t="shared" si="380"/>
        <v>116.91748373895402</v>
      </c>
      <c r="HF72" s="91">
        <f t="shared" si="381"/>
        <v>172.91954633153514</v>
      </c>
      <c r="HG72" s="91">
        <f t="shared" si="382"/>
        <v>261.94789318793448</v>
      </c>
      <c r="HH72" s="91">
        <f t="shared" si="383"/>
        <v>407.72466218898359</v>
      </c>
      <c r="HI72" s="91">
        <f t="shared" si="384"/>
        <v>634.77204258387928</v>
      </c>
      <c r="HJ72" s="91">
        <f t="shared" si="385"/>
        <v>842.16497930480932</v>
      </c>
      <c r="HK72" s="127">
        <f t="shared" si="386"/>
        <v>6316.23734478607</v>
      </c>
      <c r="HL72" s="126">
        <f t="shared" si="387"/>
        <v>0</v>
      </c>
      <c r="HM72" s="91">
        <f t="shared" si="388"/>
        <v>1265.2690790728516</v>
      </c>
      <c r="HN72" s="91">
        <f t="shared" si="389"/>
        <v>4941.4517468496661</v>
      </c>
      <c r="HO72" s="91">
        <f t="shared" si="390"/>
        <v>7284.0419503744188</v>
      </c>
      <c r="HP72" s="91">
        <f t="shared" si="391"/>
        <v>9530.8478139888794</v>
      </c>
      <c r="HQ72" s="91">
        <f t="shared" si="392"/>
        <v>11672.426220537105</v>
      </c>
      <c r="HR72" s="91">
        <f t="shared" si="393"/>
        <v>13697.580004500609</v>
      </c>
      <c r="HS72" s="91">
        <f t="shared" si="394"/>
        <v>15592.867322792188</v>
      </c>
      <c r="HT72" s="91">
        <f t="shared" si="395"/>
        <v>17341.921519709827</v>
      </c>
      <c r="HU72" s="91">
        <f t="shared" si="396"/>
        <v>18924.484812845338</v>
      </c>
      <c r="HV72" s="91">
        <f t="shared" si="397"/>
        <v>19987.024492328459</v>
      </c>
      <c r="HW72" s="91">
        <f t="shared" si="398"/>
        <v>20314.995606463159</v>
      </c>
      <c r="HX72" s="91">
        <f t="shared" si="399"/>
        <v>20314.995606463159</v>
      </c>
      <c r="HY72" s="91">
        <f t="shared" si="400"/>
        <v>0</v>
      </c>
      <c r="HZ72" s="91">
        <f t="shared" si="401"/>
        <v>1.1892399316066766</v>
      </c>
      <c r="IA72" s="91">
        <f t="shared" si="402"/>
        <v>11.552217808454238</v>
      </c>
      <c r="IB72" s="91">
        <f t="shared" si="403"/>
        <v>24.880448009195803</v>
      </c>
      <c r="IC72" s="91">
        <f t="shared" si="404"/>
        <v>46.416887609041353</v>
      </c>
      <c r="ID72" s="91">
        <f t="shared" si="405"/>
        <v>73.285988106143535</v>
      </c>
      <c r="IE72" s="91">
        <f t="shared" si="406"/>
        <v>109.03496747790803</v>
      </c>
      <c r="IF72" s="91">
        <f t="shared" si="407"/>
        <v>158.63909266307027</v>
      </c>
      <c r="IG72" s="91">
        <f t="shared" si="408"/>
        <v>235.89578637586894</v>
      </c>
      <c r="IH72" s="91">
        <f t="shared" si="409"/>
        <v>359.44932437796723</v>
      </c>
      <c r="II72" s="91">
        <f t="shared" si="410"/>
        <v>549.54408516775857</v>
      </c>
      <c r="IJ72" s="91">
        <f t="shared" si="411"/>
        <v>724.32995860961853</v>
      </c>
      <c r="IK72" s="127">
        <f t="shared" si="412"/>
        <v>5432.4746895721391</v>
      </c>
    </row>
    <row r="73" spans="2:245" x14ac:dyDescent="0.2">
      <c r="B73" s="79">
        <f t="shared" si="188"/>
        <v>-62.5</v>
      </c>
      <c r="C73" s="73">
        <f>'p-y mono_clay'!C73</f>
        <v>47</v>
      </c>
      <c r="D73" s="64">
        <f>'p-y mono_clay'!D73</f>
        <v>46.992000000000004</v>
      </c>
      <c r="E73" s="64" t="str">
        <f>'p-y mono_clay'!E73</f>
        <v>CLAY</v>
      </c>
      <c r="F73" s="55">
        <f>VLOOKUP($C73, 'Pile Property'!$A$8:$D$108,2,TRUE)</f>
        <v>2</v>
      </c>
      <c r="G73" s="102">
        <f>'p-y mono_clay'!Z73</f>
        <v>6060.077584636635</v>
      </c>
      <c r="H73" s="199">
        <f>'p-y mono_clay'!AM73</f>
        <v>0</v>
      </c>
      <c r="I73" s="55">
        <f>'p-y mono_clay'!AN73</f>
        <v>0.68946951740323947</v>
      </c>
      <c r="J73" s="55">
        <f>'p-y mono_clay'!AO73</f>
        <v>6.8946951740323943</v>
      </c>
      <c r="K73" s="55">
        <f>'p-y mono_clay'!AP73</f>
        <v>13.015676969887464</v>
      </c>
      <c r="L73" s="55">
        <f>'p-y mono_clay'!AQ73</f>
        <v>23.368171044194362</v>
      </c>
      <c r="M73" s="55">
        <f>'p-y mono_clay'!AR73</f>
        <v>36.946951740323946</v>
      </c>
      <c r="N73" s="55">
        <f>'p-y mono_clay'!AS73</f>
        <v>56.525732436453517</v>
      </c>
      <c r="O73" s="55">
        <f>'p-y mono_clay'!AT73</f>
        <v>84.577989002745056</v>
      </c>
      <c r="P73" s="55">
        <f>'p-y mono_clay'!AU73</f>
        <v>130.41963591710143</v>
      </c>
      <c r="Q73" s="55">
        <f>'p-y mono_clay'!AV73</f>
        <v>215.89232009387891</v>
      </c>
      <c r="R73" s="55">
        <f>'p-y mono_clay'!AW73</f>
        <v>371.57561392259151</v>
      </c>
      <c r="S73" s="55">
        <f>'p-y mono_clay'!AX73</f>
        <v>544.73475870161974</v>
      </c>
      <c r="T73" s="200">
        <f>'p-y mono_clay'!AY73</f>
        <v>6000</v>
      </c>
      <c r="U73" s="199">
        <f>'p-y mono_clay'!AZ73</f>
        <v>0</v>
      </c>
      <c r="V73" s="55">
        <f>'p-y mono_clay'!BA73</f>
        <v>303.00387923183177</v>
      </c>
      <c r="W73" s="55">
        <f>'p-y mono_clay'!BB73</f>
        <v>1212.0155169273271</v>
      </c>
      <c r="X73" s="55">
        <f>'p-y mono_clay'!BC73</f>
        <v>1818.0232753909904</v>
      </c>
      <c r="Y73" s="55">
        <f>'p-y mono_clay'!BD73</f>
        <v>2424.0310338546542</v>
      </c>
      <c r="Z73" s="55">
        <f>'p-y mono_clay'!BE73</f>
        <v>3030.0387923183175</v>
      </c>
      <c r="AA73" s="55">
        <f>'p-y mono_clay'!BF73</f>
        <v>3636.0465507819808</v>
      </c>
      <c r="AB73" s="55">
        <f>'p-y mono_clay'!BG73</f>
        <v>4242.0543092456446</v>
      </c>
      <c r="AC73" s="55">
        <f>'p-y mono_clay'!BH73</f>
        <v>4848.0620677093084</v>
      </c>
      <c r="AD73" s="55">
        <f>'p-y mono_clay'!BI73</f>
        <v>5454.0698261729713</v>
      </c>
      <c r="AE73" s="55">
        <f>'p-y mono_clay'!BJ73</f>
        <v>5908.5756450207191</v>
      </c>
      <c r="AF73" s="55">
        <f>'p-y mono_clay'!BK73</f>
        <v>6060.077584636635</v>
      </c>
      <c r="AG73" s="200">
        <f>'p-y mono_clay'!BL73</f>
        <v>6060.077584636635</v>
      </c>
      <c r="AH73">
        <f t="shared" si="205"/>
        <v>30</v>
      </c>
      <c r="AI73">
        <v>0</v>
      </c>
      <c r="AJ73">
        <f t="shared" si="206"/>
        <v>-0.95</v>
      </c>
      <c r="AK73">
        <f t="shared" si="207"/>
        <v>-0.8</v>
      </c>
      <c r="AL73">
        <f t="shared" si="208"/>
        <v>-0.7</v>
      </c>
      <c r="AM73">
        <f t="shared" si="209"/>
        <v>-0.6</v>
      </c>
      <c r="AN73">
        <f t="shared" si="210"/>
        <v>-0.5</v>
      </c>
      <c r="AO73">
        <f t="shared" si="211"/>
        <v>-0.4</v>
      </c>
      <c r="AP73">
        <f t="shared" si="212"/>
        <v>-0.29999999999999993</v>
      </c>
      <c r="AQ73">
        <f t="shared" si="213"/>
        <v>-0.19999999999999996</v>
      </c>
      <c r="AR73">
        <f t="shared" si="214"/>
        <v>-0.10000000000000009</v>
      </c>
      <c r="AS73">
        <f t="shared" si="215"/>
        <v>-2.5000000000000022E-2</v>
      </c>
      <c r="AT73">
        <f t="shared" si="216"/>
        <v>0</v>
      </c>
      <c r="AU73">
        <f t="shared" si="217"/>
        <v>0</v>
      </c>
      <c r="AV73">
        <v>1</v>
      </c>
      <c r="AW73">
        <v>1.25</v>
      </c>
      <c r="AX73">
        <v>2.5</v>
      </c>
      <c r="AY73" s="162">
        <f t="shared" si="218"/>
        <v>2</v>
      </c>
      <c r="AZ73" s="162">
        <f t="shared" si="219"/>
        <v>1.0256410256410258</v>
      </c>
      <c r="BA73" s="162">
        <f t="shared" si="220"/>
        <v>1.1111111111111112</v>
      </c>
      <c r="BB73" s="162">
        <f t="shared" si="221"/>
        <v>1.1764705882352942</v>
      </c>
      <c r="BC73" s="162">
        <f t="shared" si="222"/>
        <v>1.25</v>
      </c>
      <c r="BD73" s="162">
        <f t="shared" si="223"/>
        <v>1.3333333333333333</v>
      </c>
      <c r="BE73" s="162">
        <f t="shared" si="224"/>
        <v>1.4285714285714286</v>
      </c>
      <c r="BF73" s="162">
        <f t="shared" si="225"/>
        <v>1.5384615384615388</v>
      </c>
      <c r="BG73" s="162">
        <f t="shared" si="226"/>
        <v>1.6666666666666667</v>
      </c>
      <c r="BH73" s="162">
        <f t="shared" si="227"/>
        <v>1.8181818181818181</v>
      </c>
      <c r="BI73" s="162">
        <f t="shared" si="228"/>
        <v>1.9512195121951221</v>
      </c>
      <c r="BJ73" s="162">
        <f t="shared" si="229"/>
        <v>2</v>
      </c>
      <c r="BK73" s="162">
        <f t="shared" si="230"/>
        <v>2</v>
      </c>
      <c r="BL73" s="162">
        <f t="shared" si="231"/>
        <v>2.3784142300054421</v>
      </c>
      <c r="BM73" s="162">
        <f t="shared" si="232"/>
        <v>1.0321533592882333</v>
      </c>
      <c r="BN73" s="162">
        <f t="shared" si="233"/>
        <v>1.1407667734226012</v>
      </c>
      <c r="BO73" s="162">
        <f t="shared" si="234"/>
        <v>1.2252546033521698</v>
      </c>
      <c r="BP73" s="162">
        <f t="shared" si="235"/>
        <v>1.3217140793007052</v>
      </c>
      <c r="BQ73" s="162">
        <f t="shared" si="236"/>
        <v>1.4327599090980556</v>
      </c>
      <c r="BR73" s="162">
        <f t="shared" si="237"/>
        <v>1.5618073056129906</v>
      </c>
      <c r="BS73" s="162">
        <f t="shared" si="238"/>
        <v>1.7133981916233569</v>
      </c>
      <c r="BT73" s="162">
        <f t="shared" si="239"/>
        <v>1.8936989441124989</v>
      </c>
      <c r="BU73" s="162">
        <f t="shared" si="240"/>
        <v>2.1112839107574066</v>
      </c>
      <c r="BV73" s="162">
        <f t="shared" si="241"/>
        <v>2.3061240387292958</v>
      </c>
      <c r="BW73" s="162">
        <f t="shared" si="242"/>
        <v>2.3784142300054421</v>
      </c>
      <c r="BX73" s="162">
        <f t="shared" si="243"/>
        <v>2.3784142300054421</v>
      </c>
      <c r="BY73" s="162">
        <f t="shared" si="244"/>
        <v>5.6568542494923806</v>
      </c>
      <c r="BZ73" s="162">
        <f t="shared" si="245"/>
        <v>1.065340557089985</v>
      </c>
      <c r="CA73" s="162">
        <f t="shared" si="246"/>
        <v>1.3013488313450123</v>
      </c>
      <c r="CB73" s="162">
        <f t="shared" si="247"/>
        <v>1.501248843035683</v>
      </c>
      <c r="CC73" s="162">
        <f t="shared" si="248"/>
        <v>1.7469281074217107</v>
      </c>
      <c r="CD73" s="162">
        <f t="shared" si="249"/>
        <v>2.0528009571186687</v>
      </c>
      <c r="CE73" s="162">
        <f t="shared" si="250"/>
        <v>2.4392420598661095</v>
      </c>
      <c r="CF73" s="162">
        <f t="shared" si="251"/>
        <v>2.9357333630581897</v>
      </c>
      <c r="CG73" s="162">
        <f t="shared" si="252"/>
        <v>3.5860956909327935</v>
      </c>
      <c r="CH73" s="162">
        <f t="shared" si="253"/>
        <v>4.4575197518230878</v>
      </c>
      <c r="CI73" s="162">
        <f t="shared" si="254"/>
        <v>5.3182080820051185</v>
      </c>
      <c r="CJ73" s="162">
        <f t="shared" si="255"/>
        <v>5.6568542494923806</v>
      </c>
      <c r="CK73" s="162">
        <f t="shared" si="256"/>
        <v>5.6568542494923806</v>
      </c>
      <c r="CL73">
        <f t="shared" si="257"/>
        <v>1.3729593947216077</v>
      </c>
      <c r="CM73">
        <f t="shared" si="258"/>
        <v>1.4664555068821994</v>
      </c>
      <c r="CN73">
        <f t="shared" si="259"/>
        <v>1.4552495278079043</v>
      </c>
      <c r="CO73">
        <f t="shared" si="260"/>
        <v>1.4472473498703116</v>
      </c>
      <c r="CP73">
        <f t="shared" si="261"/>
        <v>1.4387599028160105</v>
      </c>
      <c r="CQ73">
        <f t="shared" si="262"/>
        <v>1.4297245098567506</v>
      </c>
      <c r="CR73">
        <f t="shared" si="263"/>
        <v>1.4200655078485775</v>
      </c>
      <c r="CS73">
        <f t="shared" si="264"/>
        <v>1.4096903917470562</v>
      </c>
      <c r="CT73">
        <f t="shared" si="265"/>
        <v>1.3984844126727614</v>
      </c>
      <c r="CU73">
        <f t="shared" si="266"/>
        <v>1.3863028198942131</v>
      </c>
      <c r="CV73">
        <f t="shared" si="267"/>
        <v>1.3764163604842596</v>
      </c>
      <c r="CW73">
        <f t="shared" si="268"/>
        <v>1.3729593947216077</v>
      </c>
      <c r="CX73" s="98">
        <f t="shared" si="269"/>
        <v>1.3729593947216077</v>
      </c>
      <c r="CY73">
        <f t="shared" si="270"/>
        <v>1.1029593947216076</v>
      </c>
      <c r="CZ73">
        <f t="shared" si="271"/>
        <v>1.1964555068821994</v>
      </c>
      <c r="DA73">
        <f t="shared" si="272"/>
        <v>1.1852495278079043</v>
      </c>
      <c r="DB73">
        <f t="shared" si="273"/>
        <v>1.1772473498703115</v>
      </c>
      <c r="DC73">
        <f t="shared" si="274"/>
        <v>1.1687599028160105</v>
      </c>
      <c r="DD73">
        <f t="shared" si="275"/>
        <v>1.1597245098567506</v>
      </c>
      <c r="DE73">
        <f t="shared" si="276"/>
        <v>1.1500655078485775</v>
      </c>
      <c r="DF73">
        <f t="shared" si="277"/>
        <v>1.1396903917470562</v>
      </c>
      <c r="DG73">
        <f t="shared" si="278"/>
        <v>1.1284844126727613</v>
      </c>
      <c r="DH73">
        <f t="shared" si="279"/>
        <v>1.1163028198942131</v>
      </c>
      <c r="DI73">
        <f t="shared" si="280"/>
        <v>1.1064163604842596</v>
      </c>
      <c r="DJ73">
        <f t="shared" si="281"/>
        <v>1.1029593947216076</v>
      </c>
      <c r="DK73">
        <f t="shared" si="282"/>
        <v>1.1029593947216076</v>
      </c>
      <c r="DL73" s="97">
        <f t="shared" si="283"/>
        <v>1.5000349036450102</v>
      </c>
      <c r="DM73">
        <f t="shared" si="284"/>
        <v>1.6252529110029454</v>
      </c>
      <c r="DN73">
        <f t="shared" si="285"/>
        <v>1.6102449033141575</v>
      </c>
      <c r="DO73">
        <f t="shared" si="286"/>
        <v>1.5995277007191671</v>
      </c>
      <c r="DP73">
        <f t="shared" si="287"/>
        <v>1.5881605841285855</v>
      </c>
      <c r="DQ73">
        <f t="shared" si="288"/>
        <v>1.5760596114152909</v>
      </c>
      <c r="DR73">
        <f t="shared" si="289"/>
        <v>1.5631234480114875</v>
      </c>
      <c r="DS73">
        <f t="shared" si="290"/>
        <v>1.5492282032326647</v>
      </c>
      <c r="DT73">
        <f t="shared" si="291"/>
        <v>1.5342201955438766</v>
      </c>
      <c r="DU73">
        <f t="shared" si="292"/>
        <v>1.5179055623583211</v>
      </c>
      <c r="DV73">
        <f t="shared" si="293"/>
        <v>1.5046647685057049</v>
      </c>
      <c r="DW73">
        <f t="shared" si="294"/>
        <v>1.5000349036450102</v>
      </c>
      <c r="DX73" s="98">
        <f t="shared" si="295"/>
        <v>1.5000349036450102</v>
      </c>
      <c r="DY73">
        <f t="shared" si="296"/>
        <v>1.0527062241310117</v>
      </c>
      <c r="DZ73">
        <f t="shared" si="297"/>
        <v>1.1946199658033383</v>
      </c>
      <c r="EA73">
        <f t="shared" si="298"/>
        <v>1.1776108904227118</v>
      </c>
      <c r="EB73">
        <f t="shared" si="299"/>
        <v>1.1654647274817227</v>
      </c>
      <c r="EC73">
        <f t="shared" si="300"/>
        <v>1.1525819953457304</v>
      </c>
      <c r="ED73">
        <f t="shared" si="301"/>
        <v>1.1388675596039965</v>
      </c>
      <c r="EE73">
        <f t="shared" si="302"/>
        <v>1.1242065744130194</v>
      </c>
      <c r="EF73">
        <f t="shared" si="303"/>
        <v>1.1084586303303534</v>
      </c>
      <c r="EG73">
        <f t="shared" si="304"/>
        <v>1.091449554949727</v>
      </c>
      <c r="EH73">
        <f t="shared" si="305"/>
        <v>1.0729596373394306</v>
      </c>
      <c r="EI73">
        <f t="shared" si="306"/>
        <v>1.0579534043064656</v>
      </c>
      <c r="EJ73">
        <f t="shared" si="307"/>
        <v>1.0527062241310117</v>
      </c>
      <c r="EK73">
        <f t="shared" si="308"/>
        <v>1.0527062241310117</v>
      </c>
      <c r="EL73" s="97">
        <f t="shared" si="309"/>
        <v>1.1554124482620232</v>
      </c>
      <c r="EM73">
        <f t="shared" si="310"/>
        <v>1.4392399316066766</v>
      </c>
      <c r="EN73">
        <f t="shared" si="311"/>
        <v>1.4052217808454237</v>
      </c>
      <c r="EO73">
        <f t="shared" si="312"/>
        <v>1.3809294549634457</v>
      </c>
      <c r="EP73">
        <f t="shared" si="313"/>
        <v>1.3551639906914608</v>
      </c>
      <c r="EQ73">
        <f t="shared" si="314"/>
        <v>1.3277351192079931</v>
      </c>
      <c r="ER73">
        <f t="shared" si="315"/>
        <v>1.2984131488260386</v>
      </c>
      <c r="ES73">
        <f t="shared" si="316"/>
        <v>1.2669172606607069</v>
      </c>
      <c r="ET73">
        <f t="shared" si="317"/>
        <v>1.2328991098994539</v>
      </c>
      <c r="EU73">
        <f t="shared" si="318"/>
        <v>1.1959192746788612</v>
      </c>
      <c r="EV73">
        <f t="shared" si="319"/>
        <v>1.1659068086129309</v>
      </c>
      <c r="EW73">
        <f t="shared" si="320"/>
        <v>1.1554124482620232</v>
      </c>
      <c r="EX73" s="98">
        <f t="shared" si="321"/>
        <v>1.1554124482620232</v>
      </c>
      <c r="EY73" s="97">
        <f t="shared" si="322"/>
        <v>0.90541244826202316</v>
      </c>
      <c r="EZ73">
        <f t="shared" si="323"/>
        <v>1.1892399316066766</v>
      </c>
      <c r="FA73">
        <f t="shared" si="324"/>
        <v>1.1552217808454237</v>
      </c>
      <c r="FB73">
        <f t="shared" si="325"/>
        <v>1.1309294549634457</v>
      </c>
      <c r="FC73">
        <f t="shared" si="326"/>
        <v>1.1051639906914608</v>
      </c>
      <c r="FD73">
        <f t="shared" si="327"/>
        <v>1.0777351192079931</v>
      </c>
      <c r="FE73">
        <f t="shared" si="328"/>
        <v>1.0484131488260386</v>
      </c>
      <c r="FF73">
        <f t="shared" si="329"/>
        <v>1.0169172606607069</v>
      </c>
      <c r="FG73">
        <f t="shared" si="330"/>
        <v>0.98289910989945395</v>
      </c>
      <c r="FH73">
        <f t="shared" si="331"/>
        <v>0.94591927467886117</v>
      </c>
      <c r="FI73">
        <f t="shared" si="332"/>
        <v>0.91590680861293094</v>
      </c>
      <c r="FJ73">
        <f t="shared" si="333"/>
        <v>0.90541244826202316</v>
      </c>
      <c r="FK73">
        <f t="shared" si="334"/>
        <v>0.90541244826202316</v>
      </c>
      <c r="FL73" s="126">
        <f t="shared" si="335"/>
        <v>0</v>
      </c>
      <c r="FM73" s="91">
        <f t="shared" si="336"/>
        <v>444.3417073061886</v>
      </c>
      <c r="FN73" s="91">
        <f t="shared" si="337"/>
        <v>1763.7850087043457</v>
      </c>
      <c r="FO73" s="91">
        <f t="shared" si="338"/>
        <v>2631.1293673121545</v>
      </c>
      <c r="FP73" s="91">
        <f t="shared" si="339"/>
        <v>3487.5986546917156</v>
      </c>
      <c r="FQ73" s="91">
        <f t="shared" si="340"/>
        <v>4332.1207271942467</v>
      </c>
      <c r="FR73" s="91">
        <f t="shared" si="341"/>
        <v>5163.4242916972826</v>
      </c>
      <c r="FS73" s="91">
        <f t="shared" si="342"/>
        <v>5979.9832010127811</v>
      </c>
      <c r="FT73" s="91">
        <f t="shared" si="343"/>
        <v>6779.9392333615451</v>
      </c>
      <c r="FU73" s="91">
        <f t="shared" si="344"/>
        <v>7560.9923799235312</v>
      </c>
      <c r="FV73" s="91">
        <f t="shared" si="345"/>
        <v>8132.6601849653553</v>
      </c>
      <c r="FW73" s="91">
        <f t="shared" si="346"/>
        <v>8320.2404525686961</v>
      </c>
      <c r="FX73" s="91">
        <f t="shared" si="347"/>
        <v>8320.2404525686961</v>
      </c>
      <c r="FY73" s="91">
        <f t="shared" si="348"/>
        <v>0</v>
      </c>
      <c r="FZ73" s="91">
        <f t="shared" si="349"/>
        <v>0.82491960092451821</v>
      </c>
      <c r="GA73" s="91">
        <f t="shared" si="350"/>
        <v>8.1719341994013313</v>
      </c>
      <c r="GB73" s="91">
        <f t="shared" si="351"/>
        <v>15.322671219568063</v>
      </c>
      <c r="GC73" s="91">
        <f t="shared" si="352"/>
        <v>27.311781318600513</v>
      </c>
      <c r="GD73" s="91">
        <f t="shared" si="353"/>
        <v>42.848285497748208</v>
      </c>
      <c r="GE73" s="91">
        <f t="shared" si="354"/>
        <v>65.008295181042726</v>
      </c>
      <c r="GF73" s="91">
        <f t="shared" si="355"/>
        <v>96.392721419716722</v>
      </c>
      <c r="GG73" s="91">
        <f t="shared" si="356"/>
        <v>147.17652623890558</v>
      </c>
      <c r="GH73" s="91">
        <f t="shared" si="357"/>
        <v>241.00120571430111</v>
      </c>
      <c r="GI73" s="91">
        <f t="shared" si="358"/>
        <v>411.11733840093808</v>
      </c>
      <c r="GJ73" s="91">
        <f t="shared" si="359"/>
        <v>600.82031974135953</v>
      </c>
      <c r="GK73" s="127">
        <f t="shared" si="360"/>
        <v>6617.7563683296457</v>
      </c>
      <c r="GL73" s="126">
        <f t="shared" si="361"/>
        <v>0</v>
      </c>
      <c r="GM73" s="91">
        <f t="shared" si="362"/>
        <v>492.45793676671951</v>
      </c>
      <c r="GN73" s="91">
        <f t="shared" si="363"/>
        <v>1951.6418088699024</v>
      </c>
      <c r="GO73" s="91">
        <f t="shared" si="364"/>
        <v>2907.9785895400801</v>
      </c>
      <c r="GP73" s="91">
        <f t="shared" si="365"/>
        <v>3849.7505426724265</v>
      </c>
      <c r="GQ73" s="91">
        <f t="shared" si="366"/>
        <v>4775.5217615944648</v>
      </c>
      <c r="GR73" s="91">
        <f t="shared" si="367"/>
        <v>5683.589621588606</v>
      </c>
      <c r="GS73" s="91">
        <f t="shared" si="368"/>
        <v>6571.9101755280126</v>
      </c>
      <c r="GT73" s="91">
        <f t="shared" si="369"/>
        <v>7437.9947335298257</v>
      </c>
      <c r="GU73" s="91">
        <f t="shared" si="370"/>
        <v>8278.7629266386339</v>
      </c>
      <c r="GV73" s="91">
        <f t="shared" si="371"/>
        <v>8890.4256051135453</v>
      </c>
      <c r="GW73" s="91">
        <f t="shared" si="372"/>
        <v>9090.3278957517014</v>
      </c>
      <c r="GX73" s="91">
        <f t="shared" si="373"/>
        <v>9090.3278957517014</v>
      </c>
      <c r="GY73" s="91">
        <f t="shared" si="374"/>
        <v>0</v>
      </c>
      <c r="GZ73" s="91">
        <f t="shared" si="375"/>
        <v>0.82365405130270208</v>
      </c>
      <c r="HA73" s="91">
        <f t="shared" si="376"/>
        <v>8.1192681230854618</v>
      </c>
      <c r="HB73" s="91">
        <f t="shared" si="377"/>
        <v>15.169312412700027</v>
      </c>
      <c r="HC73" s="91">
        <f t="shared" si="378"/>
        <v>26.933733209697856</v>
      </c>
      <c r="HD73" s="91">
        <f t="shared" si="379"/>
        <v>42.077684763309364</v>
      </c>
      <c r="HE73" s="91">
        <f t="shared" si="380"/>
        <v>63.546600028572307</v>
      </c>
      <c r="HF73" s="91">
        <f t="shared" si="381"/>
        <v>93.751201846078473</v>
      </c>
      <c r="HG73" s="91">
        <f t="shared" si="382"/>
        <v>142.34645357842578</v>
      </c>
      <c r="HH73" s="91">
        <f t="shared" si="383"/>
        <v>231.64374547229656</v>
      </c>
      <c r="HI73" s="91">
        <f t="shared" si="384"/>
        <v>393.10968570667063</v>
      </c>
      <c r="HJ73" s="91">
        <f t="shared" si="385"/>
        <v>573.44567098569985</v>
      </c>
      <c r="HK73" s="127">
        <f t="shared" si="386"/>
        <v>6316.23734478607</v>
      </c>
      <c r="HL73" s="126">
        <f t="shared" si="387"/>
        <v>0</v>
      </c>
      <c r="HM73" s="91">
        <f t="shared" si="388"/>
        <v>436.09528242217925</v>
      </c>
      <c r="HN73" s="91">
        <f t="shared" si="389"/>
        <v>1703.1506031089054</v>
      </c>
      <c r="HO73" s="91">
        <f t="shared" si="390"/>
        <v>2510.5618907965386</v>
      </c>
      <c r="HP73" s="91">
        <f t="shared" si="391"/>
        <v>3284.9595693984206</v>
      </c>
      <c r="HQ73" s="91">
        <f t="shared" si="392"/>
        <v>4023.0889171236049</v>
      </c>
      <c r="HR73" s="91">
        <f t="shared" si="393"/>
        <v>4721.0906512788888</v>
      </c>
      <c r="HS73" s="91">
        <f t="shared" si="394"/>
        <v>5374.3318250434395</v>
      </c>
      <c r="HT73" s="91">
        <f t="shared" si="395"/>
        <v>5977.1714080161128</v>
      </c>
      <c r="HU73" s="91">
        <f t="shared" si="396"/>
        <v>6522.6272305646426</v>
      </c>
      <c r="HV73" s="91">
        <f t="shared" si="397"/>
        <v>6888.8485737341962</v>
      </c>
      <c r="HW73" s="91">
        <f t="shared" si="398"/>
        <v>7001.889078722822</v>
      </c>
      <c r="HX73" s="91">
        <f t="shared" si="399"/>
        <v>7001.889078722822</v>
      </c>
      <c r="HY73" s="91">
        <f t="shared" si="400"/>
        <v>0</v>
      </c>
      <c r="HZ73" s="91">
        <f t="shared" si="401"/>
        <v>0.8199446817215168</v>
      </c>
      <c r="IA73" s="91">
        <f t="shared" si="402"/>
        <v>7.9649020373320507</v>
      </c>
      <c r="IB73" s="91">
        <f t="shared" si="403"/>
        <v>14.719812461535101</v>
      </c>
      <c r="IC73" s="91">
        <f t="shared" si="404"/>
        <v>25.82566116636248</v>
      </c>
      <c r="ID73" s="91">
        <f t="shared" si="405"/>
        <v>39.819027438229995</v>
      </c>
      <c r="IE73" s="91">
        <f t="shared" si="406"/>
        <v>59.262321133400384</v>
      </c>
      <c r="IF73" s="91">
        <f t="shared" si="407"/>
        <v>86.008816888862896</v>
      </c>
      <c r="IG73" s="91">
        <f t="shared" si="408"/>
        <v>128.18934405632984</v>
      </c>
      <c r="IH73" s="91">
        <f t="shared" si="409"/>
        <v>204.21670683193847</v>
      </c>
      <c r="II73" s="91">
        <f t="shared" si="410"/>
        <v>340.32863470623136</v>
      </c>
      <c r="IJ73" s="91">
        <f t="shared" si="411"/>
        <v>493.20963152945598</v>
      </c>
      <c r="IK73" s="127">
        <f t="shared" si="412"/>
        <v>5432.4746895721391</v>
      </c>
    </row>
    <row r="74" spans="2:245" x14ac:dyDescent="0.2">
      <c r="B74" s="79">
        <f t="shared" si="188"/>
        <v>-63.5</v>
      </c>
      <c r="C74" s="73">
        <f>'p-y mono_clay'!C74</f>
        <v>48</v>
      </c>
      <c r="D74" s="64">
        <f>'p-y mono_clay'!D74</f>
        <v>47.983000000000004</v>
      </c>
      <c r="E74" s="64" t="str">
        <f>'p-y mono_clay'!E74</f>
        <v>CLAY</v>
      </c>
      <c r="F74" s="55">
        <f>VLOOKUP($C74, 'Pile Property'!$A$8:$D$108,2,TRUE)</f>
        <v>2</v>
      </c>
      <c r="G74" s="102">
        <f>'p-y mono_clay'!Z74</f>
        <v>11785.559074713783</v>
      </c>
      <c r="H74" s="199">
        <f>'p-y mono_clay'!AM74</f>
        <v>0</v>
      </c>
      <c r="I74" s="55">
        <f>'p-y mono_clay'!AN74</f>
        <v>0.89411013701047293</v>
      </c>
      <c r="J74" s="55">
        <f>'p-y mono_clay'!AO74</f>
        <v>8.9411013701047324</v>
      </c>
      <c r="K74" s="55">
        <f>'p-y mono_clay'!AP74</f>
        <v>18.823304110314186</v>
      </c>
      <c r="L74" s="55">
        <f>'p-y mono_clay'!AQ74</f>
        <v>35.646608220628387</v>
      </c>
      <c r="M74" s="55">
        <f>'p-y mono_clay'!AR74</f>
        <v>57.411013701047303</v>
      </c>
      <c r="N74" s="55">
        <f>'p-y mono_clay'!AS74</f>
        <v>87.057621921675675</v>
      </c>
      <c r="O74" s="55">
        <f>'p-y mono_clay'!AT74</f>
        <v>131.6453315124088</v>
      </c>
      <c r="P74" s="55">
        <f>'p-y mono_clay'!AU74</f>
        <v>201.87964932377028</v>
      </c>
      <c r="Q74" s="55">
        <f>'p-y mono_clay'!AV74</f>
        <v>327.05506850523653</v>
      </c>
      <c r="R74" s="55">
        <f>'p-y mono_clay'!AW74</f>
        <v>525.87709590733107</v>
      </c>
      <c r="S74" s="55">
        <f>'p-y mono_clay'!AX74</f>
        <v>694.11013701047295</v>
      </c>
      <c r="T74" s="200">
        <f>'p-y mono_clay'!AY74</f>
        <v>6000</v>
      </c>
      <c r="U74" s="199">
        <f>'p-y mono_clay'!AZ74</f>
        <v>0</v>
      </c>
      <c r="V74" s="55">
        <f>'p-y mono_clay'!BA74</f>
        <v>589.27795373568915</v>
      </c>
      <c r="W74" s="55">
        <f>'p-y mono_clay'!BB74</f>
        <v>2357.1118149427566</v>
      </c>
      <c r="X74" s="55">
        <f>'p-y mono_clay'!BC74</f>
        <v>3535.6677224141349</v>
      </c>
      <c r="Y74" s="55">
        <f>'p-y mono_clay'!BD74</f>
        <v>4714.2236298855132</v>
      </c>
      <c r="Z74" s="55">
        <f>'p-y mono_clay'!BE74</f>
        <v>5892.7795373568915</v>
      </c>
      <c r="AA74" s="55">
        <f>'p-y mono_clay'!BF74</f>
        <v>7071.3354448282698</v>
      </c>
      <c r="AB74" s="55">
        <f>'p-y mono_clay'!BG74</f>
        <v>8249.8913522996481</v>
      </c>
      <c r="AC74" s="55">
        <f>'p-y mono_clay'!BH74</f>
        <v>9428.4472597710264</v>
      </c>
      <c r="AD74" s="55">
        <f>'p-y mono_clay'!BI74</f>
        <v>10607.003167242405</v>
      </c>
      <c r="AE74" s="55">
        <f>'p-y mono_clay'!BJ74</f>
        <v>11490.920097845938</v>
      </c>
      <c r="AF74" s="55">
        <f>'p-y mono_clay'!BK74</f>
        <v>11785.559074713783</v>
      </c>
      <c r="AG74" s="200">
        <f>'p-y mono_clay'!BL74</f>
        <v>11785.559074713783</v>
      </c>
      <c r="AH74">
        <f t="shared" si="205"/>
        <v>30</v>
      </c>
      <c r="AI74">
        <v>0</v>
      </c>
      <c r="AJ74">
        <f t="shared" si="206"/>
        <v>-0.95</v>
      </c>
      <c r="AK74">
        <f t="shared" si="207"/>
        <v>-0.8</v>
      </c>
      <c r="AL74">
        <f t="shared" si="208"/>
        <v>-0.7</v>
      </c>
      <c r="AM74">
        <f t="shared" si="209"/>
        <v>-0.6</v>
      </c>
      <c r="AN74">
        <f t="shared" si="210"/>
        <v>-0.5</v>
      </c>
      <c r="AO74">
        <f t="shared" si="211"/>
        <v>-0.4</v>
      </c>
      <c r="AP74">
        <f t="shared" si="212"/>
        <v>-0.30000000000000004</v>
      </c>
      <c r="AQ74">
        <f t="shared" si="213"/>
        <v>-0.19999999999999996</v>
      </c>
      <c r="AR74">
        <f t="shared" si="214"/>
        <v>-9.9999999999999978E-2</v>
      </c>
      <c r="AS74">
        <f t="shared" si="215"/>
        <v>-2.5000000000000022E-2</v>
      </c>
      <c r="AT74">
        <f t="shared" si="216"/>
        <v>0</v>
      </c>
      <c r="AU74">
        <f t="shared" si="217"/>
        <v>0</v>
      </c>
      <c r="AV74">
        <v>1</v>
      </c>
      <c r="AW74">
        <v>1.25</v>
      </c>
      <c r="AX74">
        <v>2.5</v>
      </c>
      <c r="AY74" s="162">
        <f t="shared" si="218"/>
        <v>2</v>
      </c>
      <c r="AZ74" s="162">
        <f t="shared" si="219"/>
        <v>1.0256410256410258</v>
      </c>
      <c r="BA74" s="162">
        <f t="shared" si="220"/>
        <v>1.1111111111111112</v>
      </c>
      <c r="BB74" s="162">
        <f t="shared" si="221"/>
        <v>1.1764705882352942</v>
      </c>
      <c r="BC74" s="162">
        <f t="shared" si="222"/>
        <v>1.25</v>
      </c>
      <c r="BD74" s="162">
        <f t="shared" si="223"/>
        <v>1.3333333333333333</v>
      </c>
      <c r="BE74" s="162">
        <f t="shared" si="224"/>
        <v>1.4285714285714286</v>
      </c>
      <c r="BF74" s="162">
        <f t="shared" si="225"/>
        <v>1.5384615384615383</v>
      </c>
      <c r="BG74" s="162">
        <f t="shared" si="226"/>
        <v>1.6666666666666667</v>
      </c>
      <c r="BH74" s="162">
        <f t="shared" si="227"/>
        <v>1.8181818181818181</v>
      </c>
      <c r="BI74" s="162">
        <f t="shared" si="228"/>
        <v>1.9512195121951221</v>
      </c>
      <c r="BJ74" s="162">
        <f t="shared" si="229"/>
        <v>2</v>
      </c>
      <c r="BK74" s="162">
        <f t="shared" si="230"/>
        <v>2</v>
      </c>
      <c r="BL74" s="162">
        <f t="shared" si="231"/>
        <v>2.3784142300054421</v>
      </c>
      <c r="BM74" s="162">
        <f t="shared" si="232"/>
        <v>1.0321533592882333</v>
      </c>
      <c r="BN74" s="162">
        <f t="shared" si="233"/>
        <v>1.1407667734226012</v>
      </c>
      <c r="BO74" s="162">
        <f t="shared" si="234"/>
        <v>1.2252546033521698</v>
      </c>
      <c r="BP74" s="162">
        <f t="shared" si="235"/>
        <v>1.3217140793007052</v>
      </c>
      <c r="BQ74" s="162">
        <f t="shared" si="236"/>
        <v>1.4327599090980556</v>
      </c>
      <c r="BR74" s="162">
        <f t="shared" si="237"/>
        <v>1.5618073056129906</v>
      </c>
      <c r="BS74" s="162">
        <f t="shared" si="238"/>
        <v>1.7133981916233565</v>
      </c>
      <c r="BT74" s="162">
        <f t="shared" si="239"/>
        <v>1.8936989441124989</v>
      </c>
      <c r="BU74" s="162">
        <f t="shared" si="240"/>
        <v>2.1112839107574066</v>
      </c>
      <c r="BV74" s="162">
        <f t="shared" si="241"/>
        <v>2.3061240387292958</v>
      </c>
      <c r="BW74" s="162">
        <f t="shared" si="242"/>
        <v>2.3784142300054421</v>
      </c>
      <c r="BX74" s="162">
        <f t="shared" si="243"/>
        <v>2.3784142300054421</v>
      </c>
      <c r="BY74" s="162">
        <f t="shared" si="244"/>
        <v>5.6568542494923806</v>
      </c>
      <c r="BZ74" s="162">
        <f t="shared" si="245"/>
        <v>1.065340557089985</v>
      </c>
      <c r="CA74" s="162">
        <f t="shared" si="246"/>
        <v>1.3013488313450123</v>
      </c>
      <c r="CB74" s="162">
        <f t="shared" si="247"/>
        <v>1.501248843035683</v>
      </c>
      <c r="CC74" s="162">
        <f t="shared" si="248"/>
        <v>1.7469281074217107</v>
      </c>
      <c r="CD74" s="162">
        <f t="shared" si="249"/>
        <v>2.0528009571186687</v>
      </c>
      <c r="CE74" s="162">
        <f t="shared" si="250"/>
        <v>2.4392420598661095</v>
      </c>
      <c r="CF74" s="162">
        <f t="shared" si="251"/>
        <v>2.9357333630581879</v>
      </c>
      <c r="CG74" s="162">
        <f t="shared" si="252"/>
        <v>3.5860956909327935</v>
      </c>
      <c r="CH74" s="162">
        <f t="shared" si="253"/>
        <v>4.4575197518230878</v>
      </c>
      <c r="CI74" s="162">
        <f t="shared" si="254"/>
        <v>5.3182080820051185</v>
      </c>
      <c r="CJ74" s="162">
        <f t="shared" si="255"/>
        <v>5.6568542494923806</v>
      </c>
      <c r="CK74" s="162">
        <f t="shared" si="256"/>
        <v>5.6568542494923806</v>
      </c>
      <c r="CL74">
        <f t="shared" si="257"/>
        <v>1.3729593947216077</v>
      </c>
      <c r="CM74">
        <f t="shared" si="258"/>
        <v>1.4664555068821994</v>
      </c>
      <c r="CN74">
        <f t="shared" si="259"/>
        <v>1.4552495278079043</v>
      </c>
      <c r="CO74">
        <f t="shared" si="260"/>
        <v>1.4472473498703116</v>
      </c>
      <c r="CP74">
        <f t="shared" si="261"/>
        <v>1.4387599028160105</v>
      </c>
      <c r="CQ74">
        <f t="shared" si="262"/>
        <v>1.4297245098567506</v>
      </c>
      <c r="CR74">
        <f t="shared" si="263"/>
        <v>1.4200655078485775</v>
      </c>
      <c r="CS74">
        <f t="shared" si="264"/>
        <v>1.4096903917470565</v>
      </c>
      <c r="CT74">
        <f t="shared" si="265"/>
        <v>1.3984844126727614</v>
      </c>
      <c r="CU74">
        <f t="shared" si="266"/>
        <v>1.3863028198942131</v>
      </c>
      <c r="CV74">
        <f t="shared" si="267"/>
        <v>1.3764163604842596</v>
      </c>
      <c r="CW74">
        <f t="shared" si="268"/>
        <v>1.3729593947216077</v>
      </c>
      <c r="CX74" s="98">
        <f t="shared" si="269"/>
        <v>1.3729593947216077</v>
      </c>
      <c r="CY74">
        <f t="shared" si="270"/>
        <v>1.1029593947216076</v>
      </c>
      <c r="CZ74">
        <f t="shared" si="271"/>
        <v>1.1964555068821994</v>
      </c>
      <c r="DA74">
        <f t="shared" si="272"/>
        <v>1.1852495278079043</v>
      </c>
      <c r="DB74">
        <f t="shared" si="273"/>
        <v>1.1772473498703115</v>
      </c>
      <c r="DC74">
        <f t="shared" si="274"/>
        <v>1.1687599028160105</v>
      </c>
      <c r="DD74">
        <f t="shared" si="275"/>
        <v>1.1597245098567506</v>
      </c>
      <c r="DE74">
        <f t="shared" si="276"/>
        <v>1.1500655078485775</v>
      </c>
      <c r="DF74">
        <f t="shared" si="277"/>
        <v>1.1396903917470564</v>
      </c>
      <c r="DG74">
        <f t="shared" si="278"/>
        <v>1.1284844126727613</v>
      </c>
      <c r="DH74">
        <f t="shared" si="279"/>
        <v>1.1163028198942131</v>
      </c>
      <c r="DI74">
        <f t="shared" si="280"/>
        <v>1.1064163604842596</v>
      </c>
      <c r="DJ74">
        <f t="shared" si="281"/>
        <v>1.1029593947216076</v>
      </c>
      <c r="DK74">
        <f t="shared" si="282"/>
        <v>1.1029593947216076</v>
      </c>
      <c r="DL74" s="97">
        <f t="shared" si="283"/>
        <v>1.5000349036450102</v>
      </c>
      <c r="DM74">
        <f t="shared" si="284"/>
        <v>1.6252529110029454</v>
      </c>
      <c r="DN74">
        <f t="shared" si="285"/>
        <v>1.6102449033141575</v>
      </c>
      <c r="DO74">
        <f t="shared" si="286"/>
        <v>1.5995277007191671</v>
      </c>
      <c r="DP74">
        <f t="shared" si="287"/>
        <v>1.5881605841285855</v>
      </c>
      <c r="DQ74">
        <f t="shared" si="288"/>
        <v>1.5760596114152909</v>
      </c>
      <c r="DR74">
        <f t="shared" si="289"/>
        <v>1.5631234480114875</v>
      </c>
      <c r="DS74">
        <f t="shared" si="290"/>
        <v>1.5492282032326647</v>
      </c>
      <c r="DT74">
        <f t="shared" si="291"/>
        <v>1.5342201955438766</v>
      </c>
      <c r="DU74">
        <f t="shared" si="292"/>
        <v>1.5179055623583211</v>
      </c>
      <c r="DV74">
        <f t="shared" si="293"/>
        <v>1.5046647685057049</v>
      </c>
      <c r="DW74">
        <f t="shared" si="294"/>
        <v>1.5000349036450102</v>
      </c>
      <c r="DX74" s="98">
        <f t="shared" si="295"/>
        <v>1.5000349036450102</v>
      </c>
      <c r="DY74">
        <f t="shared" si="296"/>
        <v>1.0527062241310117</v>
      </c>
      <c r="DZ74">
        <f t="shared" si="297"/>
        <v>1.1946199658033383</v>
      </c>
      <c r="EA74">
        <f t="shared" si="298"/>
        <v>1.1776108904227118</v>
      </c>
      <c r="EB74">
        <f t="shared" si="299"/>
        <v>1.1654647274817227</v>
      </c>
      <c r="EC74">
        <f t="shared" si="300"/>
        <v>1.1525819953457304</v>
      </c>
      <c r="ED74">
        <f t="shared" si="301"/>
        <v>1.1388675596039965</v>
      </c>
      <c r="EE74">
        <f t="shared" si="302"/>
        <v>1.1242065744130194</v>
      </c>
      <c r="EF74">
        <f t="shared" si="303"/>
        <v>1.1084586303303534</v>
      </c>
      <c r="EG74">
        <f t="shared" si="304"/>
        <v>1.091449554949727</v>
      </c>
      <c r="EH74">
        <f t="shared" si="305"/>
        <v>1.0729596373394306</v>
      </c>
      <c r="EI74">
        <f t="shared" si="306"/>
        <v>1.0579534043064656</v>
      </c>
      <c r="EJ74">
        <f t="shared" si="307"/>
        <v>1.0527062241310117</v>
      </c>
      <c r="EK74">
        <f t="shared" si="308"/>
        <v>1.0527062241310117</v>
      </c>
      <c r="EL74" s="97">
        <f t="shared" si="309"/>
        <v>1.1554124482620232</v>
      </c>
      <c r="EM74">
        <f t="shared" si="310"/>
        <v>1.4392399316066766</v>
      </c>
      <c r="EN74">
        <f t="shared" si="311"/>
        <v>1.4052217808454237</v>
      </c>
      <c r="EO74">
        <f t="shared" si="312"/>
        <v>1.3809294549634457</v>
      </c>
      <c r="EP74">
        <f t="shared" si="313"/>
        <v>1.3551639906914608</v>
      </c>
      <c r="EQ74">
        <f t="shared" si="314"/>
        <v>1.3277351192079931</v>
      </c>
      <c r="ER74">
        <f t="shared" si="315"/>
        <v>1.2984131488260386</v>
      </c>
      <c r="ES74">
        <f t="shared" si="316"/>
        <v>1.2669172606607069</v>
      </c>
      <c r="ET74">
        <f t="shared" si="317"/>
        <v>1.2328991098994539</v>
      </c>
      <c r="EU74">
        <f t="shared" si="318"/>
        <v>1.1959192746788612</v>
      </c>
      <c r="EV74">
        <f t="shared" si="319"/>
        <v>1.1659068086129309</v>
      </c>
      <c r="EW74">
        <f t="shared" si="320"/>
        <v>1.1554124482620232</v>
      </c>
      <c r="EX74" s="98">
        <f t="shared" si="321"/>
        <v>1.1554124482620232</v>
      </c>
      <c r="EY74" s="97">
        <f t="shared" si="322"/>
        <v>0.90541244826202316</v>
      </c>
      <c r="EZ74">
        <f t="shared" si="323"/>
        <v>1.1892399316066766</v>
      </c>
      <c r="FA74">
        <f t="shared" si="324"/>
        <v>1.1552217808454237</v>
      </c>
      <c r="FB74">
        <f t="shared" si="325"/>
        <v>1.1309294549634457</v>
      </c>
      <c r="FC74">
        <f t="shared" si="326"/>
        <v>1.1051639906914608</v>
      </c>
      <c r="FD74">
        <f t="shared" si="327"/>
        <v>1.0777351192079931</v>
      </c>
      <c r="FE74">
        <f t="shared" si="328"/>
        <v>1.0484131488260386</v>
      </c>
      <c r="FF74">
        <f t="shared" si="329"/>
        <v>1.0169172606607069</v>
      </c>
      <c r="FG74">
        <f t="shared" si="330"/>
        <v>0.98289910989945395</v>
      </c>
      <c r="FH74">
        <f t="shared" si="331"/>
        <v>0.94591927467886117</v>
      </c>
      <c r="FI74">
        <f t="shared" si="332"/>
        <v>0.91590680861293094</v>
      </c>
      <c r="FJ74">
        <f t="shared" si="333"/>
        <v>0.90541244826202316</v>
      </c>
      <c r="FK74">
        <f t="shared" si="334"/>
        <v>0.90541244826202316</v>
      </c>
      <c r="FL74" s="126">
        <f t="shared" si="335"/>
        <v>0</v>
      </c>
      <c r="FM74" s="91">
        <f t="shared" si="336"/>
        <v>864.14990033997526</v>
      </c>
      <c r="FN74" s="91">
        <f t="shared" si="337"/>
        <v>3430.1858556858788</v>
      </c>
      <c r="FO74" s="91">
        <f t="shared" si="338"/>
        <v>5116.9857412858573</v>
      </c>
      <c r="FP74" s="91">
        <f t="shared" si="339"/>
        <v>6782.6359315870213</v>
      </c>
      <c r="FQ74" s="91">
        <f t="shared" si="340"/>
        <v>8425.0513357414711</v>
      </c>
      <c r="FR74" s="91">
        <f t="shared" si="341"/>
        <v>10041.759559627704</v>
      </c>
      <c r="FS74" s="91">
        <f t="shared" si="342"/>
        <v>11629.792572293944</v>
      </c>
      <c r="FT74" s="91">
        <f t="shared" si="343"/>
        <v>13185.53652849699</v>
      </c>
      <c r="FU74" s="91">
        <f t="shared" si="344"/>
        <v>14704.518401374995</v>
      </c>
      <c r="FV74" s="91">
        <f t="shared" si="345"/>
        <v>15816.290419692537</v>
      </c>
      <c r="FW74" s="91">
        <f t="shared" si="346"/>
        <v>16181.094053674786</v>
      </c>
      <c r="FX74" s="91">
        <f t="shared" si="347"/>
        <v>16181.094053674786</v>
      </c>
      <c r="FY74" s="91">
        <f t="shared" si="348"/>
        <v>0</v>
      </c>
      <c r="FZ74" s="91">
        <f t="shared" si="349"/>
        <v>1.0697629971853782</v>
      </c>
      <c r="GA74" s="91">
        <f t="shared" si="350"/>
        <v>10.59743617699924</v>
      </c>
      <c r="GB74" s="91">
        <f t="shared" si="351"/>
        <v>22.159684879670319</v>
      </c>
      <c r="GC74" s="91">
        <f t="shared" si="352"/>
        <v>41.662326359662032</v>
      </c>
      <c r="GD74" s="91">
        <f t="shared" si="353"/>
        <v>66.580959724826272</v>
      </c>
      <c r="GE74" s="91">
        <f t="shared" si="354"/>
        <v>100.12196816744139</v>
      </c>
      <c r="GF74" s="91">
        <f t="shared" si="355"/>
        <v>150.0349194430483</v>
      </c>
      <c r="GG74" s="91">
        <f t="shared" si="356"/>
        <v>227.81803749771794</v>
      </c>
      <c r="GH74" s="91">
        <f t="shared" si="357"/>
        <v>365.09249523309057</v>
      </c>
      <c r="GI74" s="91">
        <f t="shared" si="358"/>
        <v>581.83902251582117</v>
      </c>
      <c r="GJ74" s="91">
        <f t="shared" si="359"/>
        <v>765.57529658720341</v>
      </c>
      <c r="GK74" s="127">
        <f t="shared" si="360"/>
        <v>6617.7563683296457</v>
      </c>
      <c r="GL74" s="126">
        <f t="shared" si="361"/>
        <v>0</v>
      </c>
      <c r="GM74" s="91">
        <f t="shared" si="362"/>
        <v>957.7257096987878</v>
      </c>
      <c r="GN74" s="91">
        <f t="shared" si="363"/>
        <v>3795.5272865531574</v>
      </c>
      <c r="GO74" s="91">
        <f t="shared" si="364"/>
        <v>5655.3984625400553</v>
      </c>
      <c r="GP74" s="91">
        <f t="shared" si="365"/>
        <v>7486.9441537517578</v>
      </c>
      <c r="GQ74" s="91">
        <f t="shared" si="366"/>
        <v>9287.3718278026809</v>
      </c>
      <c r="GR74" s="91">
        <f t="shared" si="367"/>
        <v>11053.37024256581</v>
      </c>
      <c r="GS74" s="91">
        <f t="shared" si="368"/>
        <v>12780.964356587883</v>
      </c>
      <c r="GT74" s="91">
        <f t="shared" si="369"/>
        <v>14465.314198561031</v>
      </c>
      <c r="GU74" s="91">
        <f t="shared" si="370"/>
        <v>16100.429107509575</v>
      </c>
      <c r="GV74" s="91">
        <f t="shared" si="371"/>
        <v>17289.982628942907</v>
      </c>
      <c r="GW74" s="91">
        <f t="shared" si="372"/>
        <v>17678.749971040867</v>
      </c>
      <c r="GX74" s="91">
        <f t="shared" si="373"/>
        <v>17678.749971040867</v>
      </c>
      <c r="GY74" s="91">
        <f t="shared" si="374"/>
        <v>0</v>
      </c>
      <c r="GZ74" s="91">
        <f t="shared" si="375"/>
        <v>1.0681218212998693</v>
      </c>
      <c r="HA74" s="91">
        <f t="shared" si="376"/>
        <v>10.529138345808763</v>
      </c>
      <c r="HB74" s="91">
        <f t="shared" si="377"/>
        <v>21.937896995232915</v>
      </c>
      <c r="HC74" s="91">
        <f t="shared" si="378"/>
        <v>41.085638830239382</v>
      </c>
      <c r="HD74" s="91">
        <f t="shared" si="379"/>
        <v>65.383541068103355</v>
      </c>
      <c r="HE74" s="91">
        <f t="shared" si="380"/>
        <v>97.870750917110797</v>
      </c>
      <c r="HF74" s="91">
        <f t="shared" si="381"/>
        <v>145.92340385762998</v>
      </c>
      <c r="HG74" s="91">
        <f t="shared" si="382"/>
        <v>220.34145340783601</v>
      </c>
      <c r="HH74" s="91">
        <f t="shared" si="383"/>
        <v>350.91688769340124</v>
      </c>
      <c r="HI74" s="91">
        <f t="shared" si="384"/>
        <v>556.35346386195863</v>
      </c>
      <c r="HJ74" s="91">
        <f t="shared" si="385"/>
        <v>730.69406146335416</v>
      </c>
      <c r="HK74" s="127">
        <f t="shared" si="386"/>
        <v>6316.23734478607</v>
      </c>
      <c r="HL74" s="126">
        <f t="shared" si="387"/>
        <v>0</v>
      </c>
      <c r="HM74" s="91">
        <f t="shared" si="388"/>
        <v>848.11236183187566</v>
      </c>
      <c r="HN74" s="91">
        <f t="shared" si="389"/>
        <v>3312.2648622456491</v>
      </c>
      <c r="HO74" s="91">
        <f t="shared" si="390"/>
        <v>4882.507700845199</v>
      </c>
      <c r="HP74" s="91">
        <f t="shared" si="391"/>
        <v>6388.546107287636</v>
      </c>
      <c r="HQ74" s="91">
        <f t="shared" si="392"/>
        <v>7824.0503414989753</v>
      </c>
      <c r="HR74" s="91">
        <f t="shared" si="393"/>
        <v>9181.5149213246514</v>
      </c>
      <c r="HS74" s="91">
        <f t="shared" si="394"/>
        <v>10451.929752803924</v>
      </c>
      <c r="HT74" s="91">
        <f t="shared" si="395"/>
        <v>11624.324234305644</v>
      </c>
      <c r="HU74" s="91">
        <f t="shared" si="396"/>
        <v>12685.119534284921</v>
      </c>
      <c r="HV74" s="91">
        <f t="shared" si="397"/>
        <v>13397.341979305746</v>
      </c>
      <c r="HW74" s="91">
        <f t="shared" si="398"/>
        <v>13617.181664651756</v>
      </c>
      <c r="HX74" s="91">
        <f t="shared" si="399"/>
        <v>13617.181664651756</v>
      </c>
      <c r="HY74" s="91">
        <f t="shared" si="400"/>
        <v>0</v>
      </c>
      <c r="HZ74" s="91">
        <f t="shared" si="401"/>
        <v>1.0633114781871711</v>
      </c>
      <c r="IA74" s="91">
        <f t="shared" si="402"/>
        <v>10.328955047491847</v>
      </c>
      <c r="IB74" s="91">
        <f t="shared" si="403"/>
        <v>21.287829058088811</v>
      </c>
      <c r="IC74" s="91">
        <f t="shared" si="404"/>
        <v>39.395347795724703</v>
      </c>
      <c r="ID74" s="91">
        <f t="shared" si="405"/>
        <v>61.873865694949941</v>
      </c>
      <c r="IE74" s="91">
        <f t="shared" si="406"/>
        <v>91.272355528210767</v>
      </c>
      <c r="IF74" s="91">
        <f t="shared" si="407"/>
        <v>133.87240990036938</v>
      </c>
      <c r="IG74" s="91">
        <f t="shared" si="408"/>
        <v>198.42732762714772</v>
      </c>
      <c r="IH74" s="91">
        <f t="shared" si="409"/>
        <v>309.36769318051859</v>
      </c>
      <c r="II74" s="91">
        <f t="shared" si="410"/>
        <v>481.6544126351198</v>
      </c>
      <c r="IJ74" s="91">
        <f t="shared" si="411"/>
        <v>628.45595851414066</v>
      </c>
      <c r="IK74" s="127">
        <f t="shared" si="412"/>
        <v>5432.4746895721391</v>
      </c>
    </row>
    <row r="75" spans="2:245" x14ac:dyDescent="0.2">
      <c r="B75" s="79">
        <f t="shared" si="188"/>
        <v>-64.5</v>
      </c>
      <c r="C75" s="73">
        <f>'p-y mono_clay'!C75</f>
        <v>49</v>
      </c>
      <c r="D75" s="64">
        <f>'p-y mono_clay'!D75</f>
        <v>48.988</v>
      </c>
      <c r="E75" s="64" t="str">
        <f>'p-y mono_clay'!E75</f>
        <v>CLAY</v>
      </c>
      <c r="F75" s="55">
        <f>VLOOKUP($C75, 'Pile Property'!$A$8:$D$108,2,TRUE)</f>
        <v>2</v>
      </c>
      <c r="G75" s="102">
        <f>'p-y mono_clay'!Z75</f>
        <v>7249.0698783749021</v>
      </c>
      <c r="H75" s="199">
        <f>'p-y mono_clay'!AM75</f>
        <v>0</v>
      </c>
      <c r="I75" s="55">
        <f>'p-y mono_clay'!AN75</f>
        <v>0.75639764392447817</v>
      </c>
      <c r="J75" s="55">
        <f>'p-y mono_clay'!AO75</f>
        <v>7.5639764392447812</v>
      </c>
      <c r="K75" s="55">
        <f>'p-y mono_clay'!AP75</f>
        <v>14.822736385960908</v>
      </c>
      <c r="L75" s="55">
        <f>'p-y mono_clay'!AQ75</f>
        <v>27.383858635468684</v>
      </c>
      <c r="M75" s="55">
        <f>'p-y mono_clay'!AR75</f>
        <v>43.639764392447809</v>
      </c>
      <c r="N75" s="55">
        <f>'p-y mono_clay'!AS75</f>
        <v>65.895670149426934</v>
      </c>
      <c r="O75" s="55">
        <f>'p-y mono_clay'!AT75</f>
        <v>99.971458102629938</v>
      </c>
      <c r="P75" s="55">
        <f>'p-y mono_clay'!AU75</f>
        <v>153.17519893432257</v>
      </c>
      <c r="Q75" s="55">
        <f>'p-y mono_clay'!AV75</f>
        <v>254.71063347619733</v>
      </c>
      <c r="R75" s="55">
        <f>'p-y mono_clay'!AW75</f>
        <v>425.11811513958247</v>
      </c>
      <c r="S75" s="55">
        <f>'p-y mono_clay'!AX75</f>
        <v>578.19882196223909</v>
      </c>
      <c r="T75" s="200">
        <f>'p-y mono_clay'!AY75</f>
        <v>6000</v>
      </c>
      <c r="U75" s="199">
        <f>'p-y mono_clay'!AZ75</f>
        <v>0</v>
      </c>
      <c r="V75" s="55">
        <f>'p-y mono_clay'!BA75</f>
        <v>362.45349391874515</v>
      </c>
      <c r="W75" s="55">
        <f>'p-y mono_clay'!BB75</f>
        <v>1449.8139756749806</v>
      </c>
      <c r="X75" s="55">
        <f>'p-y mono_clay'!BC75</f>
        <v>2174.7209635124705</v>
      </c>
      <c r="Y75" s="55">
        <f>'p-y mono_clay'!BD75</f>
        <v>2899.6279513499612</v>
      </c>
      <c r="Z75" s="55">
        <f>'p-y mono_clay'!BE75</f>
        <v>3624.5349391874511</v>
      </c>
      <c r="AA75" s="55">
        <f>'p-y mono_clay'!BF75</f>
        <v>4349.4419270249409</v>
      </c>
      <c r="AB75" s="55">
        <f>'p-y mono_clay'!BG75</f>
        <v>5074.3489148624312</v>
      </c>
      <c r="AC75" s="55">
        <f>'p-y mono_clay'!BH75</f>
        <v>5799.2559026999224</v>
      </c>
      <c r="AD75" s="55">
        <f>'p-y mono_clay'!BI75</f>
        <v>6524.1628905374118</v>
      </c>
      <c r="AE75" s="55">
        <f>'p-y mono_clay'!BJ75</f>
        <v>7067.8431314155296</v>
      </c>
      <c r="AF75" s="55">
        <f>'p-y mono_clay'!BK75</f>
        <v>7249.0698783749021</v>
      </c>
      <c r="AG75" s="200">
        <f>'p-y mono_clay'!BL75</f>
        <v>7249.0698783749021</v>
      </c>
      <c r="AH75">
        <f t="shared" si="205"/>
        <v>30</v>
      </c>
      <c r="AI75">
        <v>0</v>
      </c>
      <c r="AJ75">
        <f t="shared" si="206"/>
        <v>-0.95</v>
      </c>
      <c r="AK75">
        <f t="shared" si="207"/>
        <v>-0.79999999999999993</v>
      </c>
      <c r="AL75">
        <f t="shared" si="208"/>
        <v>-0.7</v>
      </c>
      <c r="AM75">
        <f t="shared" si="209"/>
        <v>-0.59999999999999987</v>
      </c>
      <c r="AN75">
        <f t="shared" si="210"/>
        <v>-0.5</v>
      </c>
      <c r="AO75">
        <f t="shared" si="211"/>
        <v>-0.4</v>
      </c>
      <c r="AP75">
        <f t="shared" si="212"/>
        <v>-0.30000000000000004</v>
      </c>
      <c r="AQ75">
        <f t="shared" si="213"/>
        <v>-0.19999999999999984</v>
      </c>
      <c r="AR75">
        <f t="shared" si="214"/>
        <v>-9.9999999999999978E-2</v>
      </c>
      <c r="AS75">
        <f t="shared" si="215"/>
        <v>-2.5000000000000022E-2</v>
      </c>
      <c r="AT75">
        <f t="shared" si="216"/>
        <v>0</v>
      </c>
      <c r="AU75">
        <f t="shared" si="217"/>
        <v>0</v>
      </c>
      <c r="AV75">
        <v>1</v>
      </c>
      <c r="AW75">
        <v>1.25</v>
      </c>
      <c r="AX75">
        <v>2.5</v>
      </c>
      <c r="AY75" s="162">
        <f t="shared" si="218"/>
        <v>2</v>
      </c>
      <c r="AZ75" s="162">
        <f t="shared" si="219"/>
        <v>1.0256410256410258</v>
      </c>
      <c r="BA75" s="162">
        <f t="shared" si="220"/>
        <v>1.1111111111111112</v>
      </c>
      <c r="BB75" s="162">
        <f t="shared" si="221"/>
        <v>1.1764705882352942</v>
      </c>
      <c r="BC75" s="162">
        <f t="shared" si="222"/>
        <v>1.25</v>
      </c>
      <c r="BD75" s="162">
        <f t="shared" si="223"/>
        <v>1.3333333333333333</v>
      </c>
      <c r="BE75" s="162">
        <f t="shared" si="224"/>
        <v>1.4285714285714286</v>
      </c>
      <c r="BF75" s="162">
        <f t="shared" si="225"/>
        <v>1.5384615384615383</v>
      </c>
      <c r="BG75" s="162">
        <f t="shared" si="226"/>
        <v>1.666666666666667</v>
      </c>
      <c r="BH75" s="162">
        <f t="shared" si="227"/>
        <v>1.8181818181818181</v>
      </c>
      <c r="BI75" s="162">
        <f t="shared" si="228"/>
        <v>1.9512195121951221</v>
      </c>
      <c r="BJ75" s="162">
        <f t="shared" si="229"/>
        <v>2</v>
      </c>
      <c r="BK75" s="162">
        <f t="shared" si="230"/>
        <v>2</v>
      </c>
      <c r="BL75" s="162">
        <f t="shared" si="231"/>
        <v>2.3784142300054421</v>
      </c>
      <c r="BM75" s="162">
        <f t="shared" si="232"/>
        <v>1.0321533592882333</v>
      </c>
      <c r="BN75" s="162">
        <f t="shared" si="233"/>
        <v>1.1407667734226012</v>
      </c>
      <c r="BO75" s="162">
        <f t="shared" si="234"/>
        <v>1.2252546033521698</v>
      </c>
      <c r="BP75" s="162">
        <f t="shared" si="235"/>
        <v>1.3217140793007052</v>
      </c>
      <c r="BQ75" s="162">
        <f t="shared" si="236"/>
        <v>1.4327599090980556</v>
      </c>
      <c r="BR75" s="162">
        <f t="shared" si="237"/>
        <v>1.5618073056129906</v>
      </c>
      <c r="BS75" s="162">
        <f t="shared" si="238"/>
        <v>1.7133981916233565</v>
      </c>
      <c r="BT75" s="162">
        <f t="shared" si="239"/>
        <v>1.8936989441124994</v>
      </c>
      <c r="BU75" s="162">
        <f t="shared" si="240"/>
        <v>2.1112839107574066</v>
      </c>
      <c r="BV75" s="162">
        <f t="shared" si="241"/>
        <v>2.3061240387292958</v>
      </c>
      <c r="BW75" s="162">
        <f t="shared" si="242"/>
        <v>2.3784142300054421</v>
      </c>
      <c r="BX75" s="162">
        <f t="shared" si="243"/>
        <v>2.3784142300054421</v>
      </c>
      <c r="BY75" s="162">
        <f t="shared" si="244"/>
        <v>5.6568542494923806</v>
      </c>
      <c r="BZ75" s="162">
        <f t="shared" si="245"/>
        <v>1.065340557089985</v>
      </c>
      <c r="CA75" s="162">
        <f t="shared" si="246"/>
        <v>1.3013488313450123</v>
      </c>
      <c r="CB75" s="162">
        <f t="shared" si="247"/>
        <v>1.501248843035683</v>
      </c>
      <c r="CC75" s="162">
        <f t="shared" si="248"/>
        <v>1.7469281074217107</v>
      </c>
      <c r="CD75" s="162">
        <f t="shared" si="249"/>
        <v>2.0528009571186687</v>
      </c>
      <c r="CE75" s="162">
        <f t="shared" si="250"/>
        <v>2.4392420598661095</v>
      </c>
      <c r="CF75" s="162">
        <f t="shared" si="251"/>
        <v>2.9357333630581879</v>
      </c>
      <c r="CG75" s="162">
        <f t="shared" si="252"/>
        <v>3.5860956909327948</v>
      </c>
      <c r="CH75" s="162">
        <f t="shared" si="253"/>
        <v>4.4575197518230878</v>
      </c>
      <c r="CI75" s="162">
        <f t="shared" si="254"/>
        <v>5.3182080820051185</v>
      </c>
      <c r="CJ75" s="162">
        <f t="shared" si="255"/>
        <v>5.6568542494923806</v>
      </c>
      <c r="CK75" s="162">
        <f t="shared" si="256"/>
        <v>5.6568542494923806</v>
      </c>
      <c r="CL75">
        <f t="shared" si="257"/>
        <v>1.3729593947216077</v>
      </c>
      <c r="CM75">
        <f t="shared" si="258"/>
        <v>1.4664555068821994</v>
      </c>
      <c r="CN75">
        <f t="shared" si="259"/>
        <v>1.4552495278079043</v>
      </c>
      <c r="CO75">
        <f t="shared" si="260"/>
        <v>1.4472473498703116</v>
      </c>
      <c r="CP75">
        <f t="shared" si="261"/>
        <v>1.4387599028160105</v>
      </c>
      <c r="CQ75">
        <f t="shared" si="262"/>
        <v>1.4297245098567506</v>
      </c>
      <c r="CR75">
        <f t="shared" si="263"/>
        <v>1.4200655078485775</v>
      </c>
      <c r="CS75">
        <f t="shared" si="264"/>
        <v>1.4096903917470565</v>
      </c>
      <c r="CT75">
        <f t="shared" si="265"/>
        <v>1.3984844126727611</v>
      </c>
      <c r="CU75">
        <f t="shared" si="266"/>
        <v>1.3863028198942131</v>
      </c>
      <c r="CV75">
        <f t="shared" si="267"/>
        <v>1.3764163604842596</v>
      </c>
      <c r="CW75">
        <f t="shared" si="268"/>
        <v>1.3729593947216077</v>
      </c>
      <c r="CX75" s="98">
        <f t="shared" si="269"/>
        <v>1.3729593947216077</v>
      </c>
      <c r="CY75">
        <f t="shared" si="270"/>
        <v>1.1029593947216076</v>
      </c>
      <c r="CZ75">
        <f t="shared" si="271"/>
        <v>1.1964555068821994</v>
      </c>
      <c r="DA75">
        <f t="shared" si="272"/>
        <v>1.1852495278079043</v>
      </c>
      <c r="DB75">
        <f t="shared" si="273"/>
        <v>1.1772473498703115</v>
      </c>
      <c r="DC75">
        <f t="shared" si="274"/>
        <v>1.1687599028160105</v>
      </c>
      <c r="DD75">
        <f t="shared" si="275"/>
        <v>1.1597245098567506</v>
      </c>
      <c r="DE75">
        <f t="shared" si="276"/>
        <v>1.1500655078485775</v>
      </c>
      <c r="DF75">
        <f t="shared" si="277"/>
        <v>1.1396903917470564</v>
      </c>
      <c r="DG75">
        <f t="shared" si="278"/>
        <v>1.1284844126727611</v>
      </c>
      <c r="DH75">
        <f t="shared" si="279"/>
        <v>1.1163028198942131</v>
      </c>
      <c r="DI75">
        <f t="shared" si="280"/>
        <v>1.1064163604842596</v>
      </c>
      <c r="DJ75">
        <f t="shared" si="281"/>
        <v>1.1029593947216076</v>
      </c>
      <c r="DK75">
        <f t="shared" si="282"/>
        <v>1.1029593947216076</v>
      </c>
      <c r="DL75" s="97">
        <f t="shared" si="283"/>
        <v>1.5000349036450102</v>
      </c>
      <c r="DM75">
        <f t="shared" si="284"/>
        <v>1.6252529110029454</v>
      </c>
      <c r="DN75">
        <f t="shared" si="285"/>
        <v>1.6102449033141575</v>
      </c>
      <c r="DO75">
        <f t="shared" si="286"/>
        <v>1.5995277007191671</v>
      </c>
      <c r="DP75">
        <f t="shared" si="287"/>
        <v>1.5881605841285855</v>
      </c>
      <c r="DQ75">
        <f t="shared" si="288"/>
        <v>1.5760596114152909</v>
      </c>
      <c r="DR75">
        <f t="shared" si="289"/>
        <v>1.5631234480114875</v>
      </c>
      <c r="DS75">
        <f t="shared" si="290"/>
        <v>1.5492282032326647</v>
      </c>
      <c r="DT75">
        <f t="shared" si="291"/>
        <v>1.5342201955438766</v>
      </c>
      <c r="DU75">
        <f t="shared" si="292"/>
        <v>1.5179055623583211</v>
      </c>
      <c r="DV75">
        <f t="shared" si="293"/>
        <v>1.5046647685057049</v>
      </c>
      <c r="DW75">
        <f t="shared" si="294"/>
        <v>1.5000349036450102</v>
      </c>
      <c r="DX75" s="98">
        <f t="shared" si="295"/>
        <v>1.5000349036450102</v>
      </c>
      <c r="DY75">
        <f t="shared" si="296"/>
        <v>1.0527062241310117</v>
      </c>
      <c r="DZ75">
        <f t="shared" si="297"/>
        <v>1.1946199658033383</v>
      </c>
      <c r="EA75">
        <f t="shared" si="298"/>
        <v>1.1776108904227118</v>
      </c>
      <c r="EB75">
        <f t="shared" si="299"/>
        <v>1.1654647274817227</v>
      </c>
      <c r="EC75">
        <f t="shared" si="300"/>
        <v>1.1525819953457304</v>
      </c>
      <c r="ED75">
        <f t="shared" si="301"/>
        <v>1.1388675596039965</v>
      </c>
      <c r="EE75">
        <f t="shared" si="302"/>
        <v>1.1242065744130194</v>
      </c>
      <c r="EF75">
        <f t="shared" si="303"/>
        <v>1.1084586303303534</v>
      </c>
      <c r="EG75">
        <f t="shared" si="304"/>
        <v>1.091449554949727</v>
      </c>
      <c r="EH75">
        <f t="shared" si="305"/>
        <v>1.0729596373394306</v>
      </c>
      <c r="EI75">
        <f t="shared" si="306"/>
        <v>1.0579534043064656</v>
      </c>
      <c r="EJ75">
        <f t="shared" si="307"/>
        <v>1.0527062241310117</v>
      </c>
      <c r="EK75">
        <f t="shared" si="308"/>
        <v>1.0527062241310117</v>
      </c>
      <c r="EL75" s="97">
        <f t="shared" si="309"/>
        <v>1.1554124482620232</v>
      </c>
      <c r="EM75">
        <f t="shared" si="310"/>
        <v>1.4392399316066766</v>
      </c>
      <c r="EN75">
        <f t="shared" si="311"/>
        <v>1.4052217808454237</v>
      </c>
      <c r="EO75">
        <f t="shared" si="312"/>
        <v>1.3809294549634457</v>
      </c>
      <c r="EP75">
        <f t="shared" si="313"/>
        <v>1.3551639906914608</v>
      </c>
      <c r="EQ75">
        <f t="shared" si="314"/>
        <v>1.3277351192079931</v>
      </c>
      <c r="ER75">
        <f t="shared" si="315"/>
        <v>1.2984131488260386</v>
      </c>
      <c r="ES75">
        <f t="shared" si="316"/>
        <v>1.2669172606607069</v>
      </c>
      <c r="ET75">
        <f t="shared" si="317"/>
        <v>1.2328991098994537</v>
      </c>
      <c r="EU75">
        <f t="shared" si="318"/>
        <v>1.1959192746788612</v>
      </c>
      <c r="EV75">
        <f t="shared" si="319"/>
        <v>1.1659068086129309</v>
      </c>
      <c r="EW75">
        <f t="shared" si="320"/>
        <v>1.1554124482620232</v>
      </c>
      <c r="EX75" s="98">
        <f t="shared" si="321"/>
        <v>1.1554124482620232</v>
      </c>
      <c r="EY75" s="97">
        <f t="shared" si="322"/>
        <v>0.90541244826202316</v>
      </c>
      <c r="EZ75">
        <f t="shared" si="323"/>
        <v>1.1892399316066766</v>
      </c>
      <c r="FA75">
        <f t="shared" si="324"/>
        <v>1.1552217808454237</v>
      </c>
      <c r="FB75">
        <f t="shared" si="325"/>
        <v>1.1309294549634457</v>
      </c>
      <c r="FC75">
        <f t="shared" si="326"/>
        <v>1.1051639906914608</v>
      </c>
      <c r="FD75">
        <f t="shared" si="327"/>
        <v>1.0777351192079931</v>
      </c>
      <c r="FE75">
        <f t="shared" si="328"/>
        <v>1.0484131488260386</v>
      </c>
      <c r="FF75">
        <f t="shared" si="329"/>
        <v>1.0169172606607069</v>
      </c>
      <c r="FG75">
        <f t="shared" si="330"/>
        <v>0.98289910989945384</v>
      </c>
      <c r="FH75">
        <f t="shared" si="331"/>
        <v>0.94591927467886117</v>
      </c>
      <c r="FI75">
        <f t="shared" si="332"/>
        <v>0.91590680861293094</v>
      </c>
      <c r="FJ75">
        <f t="shared" si="333"/>
        <v>0.90541244826202316</v>
      </c>
      <c r="FK75">
        <f t="shared" si="334"/>
        <v>0.90541244826202316</v>
      </c>
      <c r="FL75" s="126">
        <f t="shared" si="335"/>
        <v>0</v>
      </c>
      <c r="FM75" s="91">
        <f t="shared" si="336"/>
        <v>531.52192214583761</v>
      </c>
      <c r="FN75" s="91">
        <f t="shared" si="337"/>
        <v>2109.8411035103159</v>
      </c>
      <c r="FO75" s="91">
        <f t="shared" si="338"/>
        <v>3147.3591511508334</v>
      </c>
      <c r="FP75" s="91">
        <f t="shared" si="339"/>
        <v>4171.8684294868581</v>
      </c>
      <c r="FQ75" s="91">
        <f t="shared" si="340"/>
        <v>5182.0864393884458</v>
      </c>
      <c r="FR75" s="91">
        <f t="shared" si="341"/>
        <v>6176.4924589585689</v>
      </c>
      <c r="FS75" s="91">
        <f t="shared" si="342"/>
        <v>7153.2609096536717</v>
      </c>
      <c r="FT75" s="91">
        <f t="shared" si="343"/>
        <v>8110.1689850263447</v>
      </c>
      <c r="FU75" s="91">
        <f t="shared" si="344"/>
        <v>9044.4654126011937</v>
      </c>
      <c r="FV75" s="91">
        <f t="shared" si="345"/>
        <v>9728.2949194166358</v>
      </c>
      <c r="FW75" s="91">
        <f t="shared" si="346"/>
        <v>9952.678592508244</v>
      </c>
      <c r="FX75" s="91">
        <f t="shared" si="347"/>
        <v>9952.678592508244</v>
      </c>
      <c r="FY75" s="91">
        <f t="shared" si="348"/>
        <v>0</v>
      </c>
      <c r="FZ75" s="91">
        <f t="shared" si="349"/>
        <v>0.9049961264661629</v>
      </c>
      <c r="GA75" s="91">
        <f t="shared" si="350"/>
        <v>8.9651995029649907</v>
      </c>
      <c r="GB75" s="91">
        <f t="shared" si="351"/>
        <v>17.45002712819872</v>
      </c>
      <c r="GC75" s="91">
        <f t="shared" si="352"/>
        <v>32.005155957517751</v>
      </c>
      <c r="GD75" s="91">
        <f t="shared" si="353"/>
        <v>50.610104370295609</v>
      </c>
      <c r="GE75" s="91">
        <f t="shared" si="354"/>
        <v>75.784337355423034</v>
      </c>
      <c r="GF75" s="91">
        <f t="shared" si="355"/>
        <v>113.93651024851076</v>
      </c>
      <c r="GG75" s="91">
        <f t="shared" si="356"/>
        <v>172.85582440543234</v>
      </c>
      <c r="GH75" s="91">
        <f t="shared" si="357"/>
        <v>284.33419840652044</v>
      </c>
      <c r="GI75" s="91">
        <f t="shared" si="358"/>
        <v>470.35763772866528</v>
      </c>
      <c r="GJ75" s="91">
        <f t="shared" si="359"/>
        <v>637.72982270021782</v>
      </c>
      <c r="GK75" s="127">
        <f t="shared" si="360"/>
        <v>6617.7563683296457</v>
      </c>
      <c r="GL75" s="126">
        <f t="shared" si="361"/>
        <v>0</v>
      </c>
      <c r="GM75" s="91">
        <f t="shared" si="362"/>
        <v>589.07859609462889</v>
      </c>
      <c r="GN75" s="91">
        <f t="shared" si="363"/>
        <v>2334.5555650842734</v>
      </c>
      <c r="GO75" s="91">
        <f t="shared" si="364"/>
        <v>3478.5264224728735</v>
      </c>
      <c r="GP75" s="91">
        <f t="shared" si="365"/>
        <v>4605.0748209715284</v>
      </c>
      <c r="GQ75" s="91">
        <f t="shared" si="366"/>
        <v>5712.4831278169195</v>
      </c>
      <c r="GR75" s="91">
        <f t="shared" si="367"/>
        <v>6798.7146618969546</v>
      </c>
      <c r="GS75" s="91">
        <f t="shared" si="368"/>
        <v>7861.3244519479467</v>
      </c>
      <c r="GT75" s="91">
        <f t="shared" si="369"/>
        <v>8897.335525049255</v>
      </c>
      <c r="GU75" s="91">
        <f t="shared" si="370"/>
        <v>9903.0631412784805</v>
      </c>
      <c r="GV75" s="91">
        <f t="shared" si="371"/>
        <v>10634.734549165983</v>
      </c>
      <c r="GW75" s="91">
        <f t="shared" si="372"/>
        <v>10873.857836524043</v>
      </c>
      <c r="GX75" s="91">
        <f t="shared" si="373"/>
        <v>10873.857836524043</v>
      </c>
      <c r="GY75" s="91">
        <f t="shared" si="374"/>
        <v>0</v>
      </c>
      <c r="GZ75" s="91">
        <f t="shared" si="375"/>
        <v>0.90360772751878571</v>
      </c>
      <c r="HA75" s="91">
        <f t="shared" si="376"/>
        <v>8.9074210297554597</v>
      </c>
      <c r="HB75" s="91">
        <f t="shared" si="377"/>
        <v>17.275376422597347</v>
      </c>
      <c r="HC75" s="91">
        <f t="shared" si="378"/>
        <v>31.562142426333903</v>
      </c>
      <c r="HD75" s="91">
        <f t="shared" si="379"/>
        <v>49.699911975320418</v>
      </c>
      <c r="HE75" s="91">
        <f t="shared" si="380"/>
        <v>74.080345607337506</v>
      </c>
      <c r="HF75" s="91">
        <f t="shared" si="381"/>
        <v>110.81422552056949</v>
      </c>
      <c r="HG75" s="91">
        <f t="shared" si="382"/>
        <v>167.18300270620225</v>
      </c>
      <c r="HH75" s="91">
        <f t="shared" si="383"/>
        <v>273.29422892111728</v>
      </c>
      <c r="HI75" s="91">
        <f t="shared" si="384"/>
        <v>449.75515714426928</v>
      </c>
      <c r="HJ75" s="91">
        <f t="shared" si="385"/>
        <v>608.67349866486779</v>
      </c>
      <c r="HK75" s="127">
        <f t="shared" si="386"/>
        <v>6316.23734478607</v>
      </c>
      <c r="HL75" s="126">
        <f t="shared" si="387"/>
        <v>0</v>
      </c>
      <c r="HM75" s="91">
        <f t="shared" si="388"/>
        <v>521.65754179821579</v>
      </c>
      <c r="HN75" s="91">
        <f t="shared" si="389"/>
        <v>2037.31017679258</v>
      </c>
      <c r="HO75" s="91">
        <f t="shared" si="390"/>
        <v>3003.1362348408552</v>
      </c>
      <c r="HP75" s="91">
        <f t="shared" si="391"/>
        <v>3929.4713860719185</v>
      </c>
      <c r="HQ75" s="91">
        <f t="shared" si="392"/>
        <v>4812.4223295555867</v>
      </c>
      <c r="HR75" s="91">
        <f t="shared" si="393"/>
        <v>5647.3725881044465</v>
      </c>
      <c r="HS75" s="91">
        <f t="shared" si="394"/>
        <v>6428.7802268541418</v>
      </c>
      <c r="HT75" s="91">
        <f t="shared" si="395"/>
        <v>7149.8974405178878</v>
      </c>
      <c r="HU75" s="91">
        <f t="shared" si="396"/>
        <v>7802.3721519382443</v>
      </c>
      <c r="HV75" s="91">
        <f t="shared" si="397"/>
        <v>8240.4464291255044</v>
      </c>
      <c r="HW75" s="91">
        <f t="shared" si="398"/>
        <v>8375.6655757956323</v>
      </c>
      <c r="HX75" s="91">
        <f t="shared" si="399"/>
        <v>8375.6655757956323</v>
      </c>
      <c r="HY75" s="91">
        <f t="shared" si="400"/>
        <v>0</v>
      </c>
      <c r="HZ75" s="91">
        <f t="shared" si="401"/>
        <v>0.89953828232819777</v>
      </c>
      <c r="IA75" s="91">
        <f t="shared" si="402"/>
        <v>8.7380703324171822</v>
      </c>
      <c r="IB75" s="91">
        <f t="shared" si="403"/>
        <v>16.763469182041604</v>
      </c>
      <c r="IC75" s="91">
        <f t="shared" si="404"/>
        <v>30.263654490105392</v>
      </c>
      <c r="ID75" s="91">
        <f t="shared" si="405"/>
        <v>47.032106679703475</v>
      </c>
      <c r="IE75" s="91">
        <f t="shared" si="406"/>
        <v>69.085887035362688</v>
      </c>
      <c r="IF75" s="91">
        <f t="shared" si="407"/>
        <v>101.66270131798306</v>
      </c>
      <c r="IG75" s="91">
        <f t="shared" si="408"/>
        <v>150.55576669121743</v>
      </c>
      <c r="IH75" s="91">
        <f t="shared" si="409"/>
        <v>240.93569767079782</v>
      </c>
      <c r="II75" s="91">
        <f t="shared" si="410"/>
        <v>389.3685761210395</v>
      </c>
      <c r="IJ75" s="91">
        <f t="shared" si="411"/>
        <v>523.50841097504849</v>
      </c>
      <c r="IK75" s="127">
        <f t="shared" si="412"/>
        <v>5432.4746895721391</v>
      </c>
    </row>
    <row r="76" spans="2:245" x14ac:dyDescent="0.2">
      <c r="B76" s="79">
        <f t="shared" si="188"/>
        <v>-65.5</v>
      </c>
      <c r="C76" s="73">
        <f>'p-y mono_clay'!C76</f>
        <v>50</v>
      </c>
      <c r="D76" s="64">
        <f>'p-y mono_clay'!D76</f>
        <v>49.988</v>
      </c>
      <c r="E76" s="64" t="str">
        <f>'p-y mono_clay'!E76</f>
        <v>CLAY</v>
      </c>
      <c r="F76" s="55">
        <f>VLOOKUP($C76, 'Pile Property'!$A$8:$D$108,2,TRUE)</f>
        <v>2</v>
      </c>
      <c r="G76" s="102">
        <f>'p-y mono_clay'!Z76</f>
        <v>4634.3083769113728</v>
      </c>
      <c r="H76" s="199">
        <f>'p-y mono_clay'!AM76</f>
        <v>0</v>
      </c>
      <c r="I76" s="55">
        <f>'p-y mono_clay'!AN76</f>
        <v>0.6</v>
      </c>
      <c r="J76" s="55">
        <f>'p-y mono_clay'!AO76</f>
        <v>6</v>
      </c>
      <c r="K76" s="55">
        <f>'p-y mono_clay'!AP76</f>
        <v>10.6</v>
      </c>
      <c r="L76" s="55">
        <f>'p-y mono_clay'!AQ76</f>
        <v>18</v>
      </c>
      <c r="M76" s="55">
        <f>'p-y mono_clay'!AR76</f>
        <v>28</v>
      </c>
      <c r="N76" s="55">
        <f>'p-y mono_clay'!AS76</f>
        <v>44</v>
      </c>
      <c r="O76" s="55">
        <f>'p-y mono_clay'!AT76</f>
        <v>64</v>
      </c>
      <c r="P76" s="55">
        <f>'p-y mono_clay'!AU76</f>
        <v>100</v>
      </c>
      <c r="Q76" s="55">
        <f>'p-y mono_clay'!AV76</f>
        <v>164</v>
      </c>
      <c r="R76" s="55">
        <f>'p-y mono_clay'!AW76</f>
        <v>300</v>
      </c>
      <c r="S76" s="55">
        <f>'p-y mono_clay'!AX76</f>
        <v>500</v>
      </c>
      <c r="T76" s="200">
        <f>'p-y mono_clay'!AY76</f>
        <v>6000</v>
      </c>
      <c r="U76" s="199">
        <f>'p-y mono_clay'!AZ76</f>
        <v>0</v>
      </c>
      <c r="V76" s="55">
        <f>'p-y mono_clay'!BA76</f>
        <v>231.71541884556865</v>
      </c>
      <c r="W76" s="55">
        <f>'p-y mono_clay'!BB76</f>
        <v>926.8616753822746</v>
      </c>
      <c r="X76" s="55">
        <f>'p-y mono_clay'!BC76</f>
        <v>1390.2925130734118</v>
      </c>
      <c r="Y76" s="55">
        <f>'p-y mono_clay'!BD76</f>
        <v>1853.7233507645492</v>
      </c>
      <c r="Z76" s="55">
        <f>'p-y mono_clay'!BE76</f>
        <v>2317.1541884556864</v>
      </c>
      <c r="AA76" s="55">
        <f>'p-y mono_clay'!BF76</f>
        <v>2780.5850261468236</v>
      </c>
      <c r="AB76" s="55">
        <f>'p-y mono_clay'!BG76</f>
        <v>3244.0158638379608</v>
      </c>
      <c r="AC76" s="55">
        <f>'p-y mono_clay'!BH76</f>
        <v>3707.4467015290984</v>
      </c>
      <c r="AD76" s="55">
        <f>'p-y mono_clay'!BI76</f>
        <v>4170.877539220236</v>
      </c>
      <c r="AE76" s="55">
        <f>'p-y mono_clay'!BJ76</f>
        <v>4518.4506674885879</v>
      </c>
      <c r="AF76" s="55">
        <f>'p-y mono_clay'!BK76</f>
        <v>4634.3083769113728</v>
      </c>
      <c r="AG76" s="200">
        <f>'p-y mono_clay'!BL76</f>
        <v>4634.3083769113728</v>
      </c>
      <c r="AH76">
        <f t="shared" si="205"/>
        <v>30</v>
      </c>
      <c r="AI76">
        <v>0</v>
      </c>
      <c r="AJ76">
        <f t="shared" si="206"/>
        <v>-0.95</v>
      </c>
      <c r="AK76">
        <f t="shared" si="207"/>
        <v>-0.8</v>
      </c>
      <c r="AL76">
        <f t="shared" si="208"/>
        <v>-0.7</v>
      </c>
      <c r="AM76">
        <f t="shared" si="209"/>
        <v>-0.6</v>
      </c>
      <c r="AN76">
        <f t="shared" si="210"/>
        <v>-0.5</v>
      </c>
      <c r="AO76">
        <f t="shared" si="211"/>
        <v>-0.4</v>
      </c>
      <c r="AP76">
        <f t="shared" si="212"/>
        <v>-0.30000000000000004</v>
      </c>
      <c r="AQ76">
        <f t="shared" si="213"/>
        <v>-0.19999999999999996</v>
      </c>
      <c r="AR76">
        <f t="shared" si="214"/>
        <v>-9.9999999999999867E-2</v>
      </c>
      <c r="AS76">
        <f t="shared" si="215"/>
        <v>-2.5000000000000133E-2</v>
      </c>
      <c r="AT76">
        <f t="shared" si="216"/>
        <v>0</v>
      </c>
      <c r="AU76">
        <f t="shared" si="217"/>
        <v>0</v>
      </c>
      <c r="AV76">
        <v>1</v>
      </c>
      <c r="AW76">
        <v>1.25</v>
      </c>
      <c r="AX76">
        <v>2.5</v>
      </c>
      <c r="AY76" s="162">
        <f t="shared" si="218"/>
        <v>2</v>
      </c>
      <c r="AZ76" s="162">
        <f t="shared" si="219"/>
        <v>1.0256410256410258</v>
      </c>
      <c r="BA76" s="162">
        <f t="shared" si="220"/>
        <v>1.1111111111111112</v>
      </c>
      <c r="BB76" s="162">
        <f t="shared" si="221"/>
        <v>1.1764705882352942</v>
      </c>
      <c r="BC76" s="162">
        <f t="shared" si="222"/>
        <v>1.25</v>
      </c>
      <c r="BD76" s="162">
        <f t="shared" si="223"/>
        <v>1.3333333333333333</v>
      </c>
      <c r="BE76" s="162">
        <f t="shared" si="224"/>
        <v>1.4285714285714286</v>
      </c>
      <c r="BF76" s="162">
        <f t="shared" si="225"/>
        <v>1.5384615384615383</v>
      </c>
      <c r="BG76" s="162">
        <f t="shared" si="226"/>
        <v>1.6666666666666667</v>
      </c>
      <c r="BH76" s="162">
        <f t="shared" si="227"/>
        <v>1.8181818181818183</v>
      </c>
      <c r="BI76" s="162">
        <f t="shared" si="228"/>
        <v>1.9512195121951217</v>
      </c>
      <c r="BJ76" s="162">
        <f t="shared" si="229"/>
        <v>2</v>
      </c>
      <c r="BK76" s="162">
        <f t="shared" si="230"/>
        <v>2</v>
      </c>
      <c r="BL76" s="162">
        <f t="shared" si="231"/>
        <v>2.3784142300054421</v>
      </c>
      <c r="BM76" s="162">
        <f t="shared" si="232"/>
        <v>1.0321533592882333</v>
      </c>
      <c r="BN76" s="162">
        <f t="shared" si="233"/>
        <v>1.1407667734226012</v>
      </c>
      <c r="BO76" s="162">
        <f t="shared" si="234"/>
        <v>1.2252546033521698</v>
      </c>
      <c r="BP76" s="162">
        <f t="shared" si="235"/>
        <v>1.3217140793007052</v>
      </c>
      <c r="BQ76" s="162">
        <f t="shared" si="236"/>
        <v>1.4327599090980556</v>
      </c>
      <c r="BR76" s="162">
        <f t="shared" si="237"/>
        <v>1.5618073056129906</v>
      </c>
      <c r="BS76" s="162">
        <f t="shared" si="238"/>
        <v>1.7133981916233565</v>
      </c>
      <c r="BT76" s="162">
        <f t="shared" si="239"/>
        <v>1.8936989441124989</v>
      </c>
      <c r="BU76" s="162">
        <f t="shared" si="240"/>
        <v>2.1112839107574066</v>
      </c>
      <c r="BV76" s="162">
        <f t="shared" si="241"/>
        <v>2.3061240387292949</v>
      </c>
      <c r="BW76" s="162">
        <f t="shared" si="242"/>
        <v>2.3784142300054421</v>
      </c>
      <c r="BX76" s="162">
        <f t="shared" si="243"/>
        <v>2.3784142300054421</v>
      </c>
      <c r="BY76" s="162">
        <f t="shared" si="244"/>
        <v>5.6568542494923806</v>
      </c>
      <c r="BZ76" s="162">
        <f t="shared" si="245"/>
        <v>1.065340557089985</v>
      </c>
      <c r="CA76" s="162">
        <f t="shared" si="246"/>
        <v>1.3013488313450123</v>
      </c>
      <c r="CB76" s="162">
        <f t="shared" si="247"/>
        <v>1.501248843035683</v>
      </c>
      <c r="CC76" s="162">
        <f t="shared" si="248"/>
        <v>1.7469281074217107</v>
      </c>
      <c r="CD76" s="162">
        <f t="shared" si="249"/>
        <v>2.0528009571186687</v>
      </c>
      <c r="CE76" s="162">
        <f t="shared" si="250"/>
        <v>2.4392420598661095</v>
      </c>
      <c r="CF76" s="162">
        <f t="shared" si="251"/>
        <v>2.9357333630581879</v>
      </c>
      <c r="CG76" s="162">
        <f t="shared" si="252"/>
        <v>3.5860956909327935</v>
      </c>
      <c r="CH76" s="162">
        <f t="shared" si="253"/>
        <v>4.4575197518230896</v>
      </c>
      <c r="CI76" s="162">
        <f t="shared" si="254"/>
        <v>5.318208082005115</v>
      </c>
      <c r="CJ76" s="162">
        <f t="shared" si="255"/>
        <v>5.6568542494923806</v>
      </c>
      <c r="CK76" s="162">
        <f t="shared" si="256"/>
        <v>5.6568542494923806</v>
      </c>
      <c r="CL76">
        <f t="shared" si="257"/>
        <v>1.3729593947216077</v>
      </c>
      <c r="CM76">
        <f t="shared" si="258"/>
        <v>1.4664555068821994</v>
      </c>
      <c r="CN76">
        <f t="shared" si="259"/>
        <v>1.4552495278079043</v>
      </c>
      <c r="CO76">
        <f t="shared" si="260"/>
        <v>1.4472473498703116</v>
      </c>
      <c r="CP76">
        <f t="shared" si="261"/>
        <v>1.4387599028160105</v>
      </c>
      <c r="CQ76">
        <f t="shared" si="262"/>
        <v>1.4297245098567506</v>
      </c>
      <c r="CR76">
        <f t="shared" si="263"/>
        <v>1.4200655078485775</v>
      </c>
      <c r="CS76">
        <f t="shared" si="264"/>
        <v>1.4096903917470565</v>
      </c>
      <c r="CT76">
        <f t="shared" si="265"/>
        <v>1.3984844126727614</v>
      </c>
      <c r="CU76">
        <f t="shared" si="266"/>
        <v>1.3863028198942131</v>
      </c>
      <c r="CV76">
        <f t="shared" si="267"/>
        <v>1.3764163604842596</v>
      </c>
      <c r="CW76">
        <f t="shared" si="268"/>
        <v>1.3729593947216077</v>
      </c>
      <c r="CX76" s="98">
        <f t="shared" si="269"/>
        <v>1.3729593947216077</v>
      </c>
      <c r="CY76">
        <f t="shared" si="270"/>
        <v>1.1029593947216076</v>
      </c>
      <c r="CZ76">
        <f t="shared" si="271"/>
        <v>1.1964555068821994</v>
      </c>
      <c r="DA76">
        <f t="shared" si="272"/>
        <v>1.1852495278079043</v>
      </c>
      <c r="DB76">
        <f t="shared" si="273"/>
        <v>1.1772473498703115</v>
      </c>
      <c r="DC76">
        <f t="shared" si="274"/>
        <v>1.1687599028160105</v>
      </c>
      <c r="DD76">
        <f t="shared" si="275"/>
        <v>1.1597245098567506</v>
      </c>
      <c r="DE76">
        <f t="shared" si="276"/>
        <v>1.1500655078485775</v>
      </c>
      <c r="DF76">
        <f t="shared" si="277"/>
        <v>1.1396903917470564</v>
      </c>
      <c r="DG76">
        <f t="shared" si="278"/>
        <v>1.1284844126727613</v>
      </c>
      <c r="DH76">
        <f t="shared" si="279"/>
        <v>1.1163028198942131</v>
      </c>
      <c r="DI76">
        <f t="shared" si="280"/>
        <v>1.1064163604842596</v>
      </c>
      <c r="DJ76">
        <f t="shared" si="281"/>
        <v>1.1029593947216076</v>
      </c>
      <c r="DK76">
        <f t="shared" si="282"/>
        <v>1.1029593947216076</v>
      </c>
      <c r="DL76" s="97">
        <f t="shared" si="283"/>
        <v>1.5000349036450102</v>
      </c>
      <c r="DM76">
        <f t="shared" si="284"/>
        <v>1.6252529110029454</v>
      </c>
      <c r="DN76">
        <f t="shared" si="285"/>
        <v>1.6102449033141575</v>
      </c>
      <c r="DO76">
        <f t="shared" si="286"/>
        <v>1.5995277007191671</v>
      </c>
      <c r="DP76">
        <f t="shared" si="287"/>
        <v>1.5881605841285855</v>
      </c>
      <c r="DQ76">
        <f t="shared" si="288"/>
        <v>1.5760596114152909</v>
      </c>
      <c r="DR76">
        <f t="shared" si="289"/>
        <v>1.5631234480114875</v>
      </c>
      <c r="DS76">
        <f t="shared" si="290"/>
        <v>1.5492282032326647</v>
      </c>
      <c r="DT76">
        <f t="shared" si="291"/>
        <v>1.5342201955438766</v>
      </c>
      <c r="DU76">
        <f t="shared" si="292"/>
        <v>1.5179055623583211</v>
      </c>
      <c r="DV76">
        <f t="shared" si="293"/>
        <v>1.5046647685057049</v>
      </c>
      <c r="DW76">
        <f t="shared" si="294"/>
        <v>1.5000349036450102</v>
      </c>
      <c r="DX76" s="98">
        <f t="shared" si="295"/>
        <v>1.5000349036450102</v>
      </c>
      <c r="DY76">
        <f t="shared" si="296"/>
        <v>1.0527062241310117</v>
      </c>
      <c r="DZ76">
        <f t="shared" si="297"/>
        <v>1.1946199658033383</v>
      </c>
      <c r="EA76">
        <f t="shared" si="298"/>
        <v>1.1776108904227118</v>
      </c>
      <c r="EB76">
        <f t="shared" si="299"/>
        <v>1.1654647274817227</v>
      </c>
      <c r="EC76">
        <f t="shared" si="300"/>
        <v>1.1525819953457304</v>
      </c>
      <c r="ED76">
        <f t="shared" si="301"/>
        <v>1.1388675596039965</v>
      </c>
      <c r="EE76">
        <f t="shared" si="302"/>
        <v>1.1242065744130194</v>
      </c>
      <c r="EF76">
        <f t="shared" si="303"/>
        <v>1.1084586303303534</v>
      </c>
      <c r="EG76">
        <f t="shared" si="304"/>
        <v>1.091449554949727</v>
      </c>
      <c r="EH76">
        <f t="shared" si="305"/>
        <v>1.0729596373394306</v>
      </c>
      <c r="EI76">
        <f t="shared" si="306"/>
        <v>1.0579534043064656</v>
      </c>
      <c r="EJ76">
        <f t="shared" si="307"/>
        <v>1.0527062241310117</v>
      </c>
      <c r="EK76">
        <f t="shared" si="308"/>
        <v>1.0527062241310117</v>
      </c>
      <c r="EL76" s="97">
        <f t="shared" si="309"/>
        <v>1.1554124482620232</v>
      </c>
      <c r="EM76">
        <f t="shared" si="310"/>
        <v>1.4392399316066766</v>
      </c>
      <c r="EN76">
        <f t="shared" si="311"/>
        <v>1.4052217808454237</v>
      </c>
      <c r="EO76">
        <f t="shared" si="312"/>
        <v>1.3809294549634457</v>
      </c>
      <c r="EP76">
        <f t="shared" si="313"/>
        <v>1.3551639906914608</v>
      </c>
      <c r="EQ76">
        <f t="shared" si="314"/>
        <v>1.3277351192079931</v>
      </c>
      <c r="ER76">
        <f t="shared" si="315"/>
        <v>1.2984131488260386</v>
      </c>
      <c r="ES76">
        <f t="shared" si="316"/>
        <v>1.2669172606607069</v>
      </c>
      <c r="ET76">
        <f t="shared" si="317"/>
        <v>1.2328991098994539</v>
      </c>
      <c r="EU76">
        <f t="shared" si="318"/>
        <v>1.1959192746788612</v>
      </c>
      <c r="EV76">
        <f t="shared" si="319"/>
        <v>1.1659068086129312</v>
      </c>
      <c r="EW76">
        <f t="shared" si="320"/>
        <v>1.1554124482620232</v>
      </c>
      <c r="EX76" s="98">
        <f t="shared" si="321"/>
        <v>1.1554124482620232</v>
      </c>
      <c r="EY76" s="97">
        <f t="shared" si="322"/>
        <v>0.90541244826202316</v>
      </c>
      <c r="EZ76">
        <f t="shared" si="323"/>
        <v>1.1892399316066766</v>
      </c>
      <c r="FA76">
        <f t="shared" si="324"/>
        <v>1.1552217808454237</v>
      </c>
      <c r="FB76">
        <f t="shared" si="325"/>
        <v>1.1309294549634457</v>
      </c>
      <c r="FC76">
        <f t="shared" si="326"/>
        <v>1.1051639906914608</v>
      </c>
      <c r="FD76">
        <f t="shared" si="327"/>
        <v>1.0777351192079931</v>
      </c>
      <c r="FE76">
        <f t="shared" si="328"/>
        <v>1.0484131488260386</v>
      </c>
      <c r="FF76">
        <f t="shared" si="329"/>
        <v>1.0169172606607069</v>
      </c>
      <c r="FG76">
        <f t="shared" si="330"/>
        <v>0.98289910989945395</v>
      </c>
      <c r="FH76">
        <f t="shared" si="331"/>
        <v>0.94591927467886117</v>
      </c>
      <c r="FI76">
        <f t="shared" si="332"/>
        <v>0.91590680861293117</v>
      </c>
      <c r="FJ76">
        <f t="shared" si="333"/>
        <v>0.90541244826202316</v>
      </c>
      <c r="FK76">
        <f t="shared" si="334"/>
        <v>0.90541244826202316</v>
      </c>
      <c r="FL76" s="126">
        <f t="shared" si="335"/>
        <v>0</v>
      </c>
      <c r="FM76" s="91">
        <f t="shared" si="336"/>
        <v>339.8003519955995</v>
      </c>
      <c r="FN76" s="91">
        <f t="shared" si="337"/>
        <v>1348.8150154432981</v>
      </c>
      <c r="FO76" s="91">
        <f t="shared" si="338"/>
        <v>2012.0971550900306</v>
      </c>
      <c r="FP76" s="91">
        <f t="shared" si="339"/>
        <v>2667.0628279937723</v>
      </c>
      <c r="FQ76" s="91">
        <f t="shared" si="340"/>
        <v>3312.8921363523227</v>
      </c>
      <c r="FR76" s="91">
        <f t="shared" si="341"/>
        <v>3948.6128872713393</v>
      </c>
      <c r="FS76" s="91">
        <f t="shared" si="342"/>
        <v>4573.0579939274003</v>
      </c>
      <c r="FT76" s="91">
        <f t="shared" si="343"/>
        <v>5184.8064229034871</v>
      </c>
      <c r="FU76" s="91">
        <f t="shared" si="344"/>
        <v>5782.0992940544493</v>
      </c>
      <c r="FV76" s="91">
        <f t="shared" si="345"/>
        <v>6219.2694227723159</v>
      </c>
      <c r="FW76" s="91">
        <f t="shared" si="346"/>
        <v>6362.717224117514</v>
      </c>
      <c r="FX76" s="91">
        <f t="shared" si="347"/>
        <v>6362.717224117514</v>
      </c>
      <c r="FY76" s="91">
        <f t="shared" si="348"/>
        <v>0</v>
      </c>
      <c r="FZ76" s="91">
        <f t="shared" si="349"/>
        <v>0.7178733041293196</v>
      </c>
      <c r="GA76" s="91">
        <f t="shared" si="350"/>
        <v>7.1114971668474256</v>
      </c>
      <c r="GB76" s="91">
        <f t="shared" si="351"/>
        <v>12.478821908625301</v>
      </c>
      <c r="GC76" s="91">
        <f t="shared" si="352"/>
        <v>21.037678250688188</v>
      </c>
      <c r="GD76" s="91">
        <f t="shared" si="353"/>
        <v>32.472286275989013</v>
      </c>
      <c r="GE76" s="91">
        <f t="shared" si="354"/>
        <v>50.602882345337413</v>
      </c>
      <c r="GF76" s="91">
        <f t="shared" si="355"/>
        <v>72.940185071811612</v>
      </c>
      <c r="GG76" s="91">
        <f t="shared" si="356"/>
        <v>112.84844126727613</v>
      </c>
      <c r="GH76" s="91">
        <f t="shared" si="357"/>
        <v>183.07366246265096</v>
      </c>
      <c r="GI76" s="91">
        <f t="shared" si="358"/>
        <v>331.92490814527787</v>
      </c>
      <c r="GJ76" s="91">
        <f t="shared" si="359"/>
        <v>551.47969736080381</v>
      </c>
      <c r="GK76" s="127">
        <f t="shared" si="360"/>
        <v>6617.7563683296457</v>
      </c>
      <c r="GL76" s="126">
        <f t="shared" si="361"/>
        <v>0</v>
      </c>
      <c r="GM76" s="91">
        <f t="shared" si="362"/>
        <v>376.5961590030272</v>
      </c>
      <c r="GN76" s="91">
        <f t="shared" si="363"/>
        <v>1492.4742888615287</v>
      </c>
      <c r="GO76" s="91">
        <f t="shared" si="364"/>
        <v>2223.811386763387</v>
      </c>
      <c r="GP76" s="91">
        <f t="shared" si="365"/>
        <v>2944.0103595630253</v>
      </c>
      <c r="GQ76" s="91">
        <f t="shared" si="366"/>
        <v>3651.9731298467827</v>
      </c>
      <c r="GR76" s="91">
        <f t="shared" si="367"/>
        <v>4346.3976535597349</v>
      </c>
      <c r="GS76" s="91">
        <f t="shared" si="368"/>
        <v>5025.7208679919449</v>
      </c>
      <c r="GT76" s="91">
        <f t="shared" si="369"/>
        <v>5688.0396033884736</v>
      </c>
      <c r="GU76" s="91">
        <f t="shared" si="370"/>
        <v>6330.9982166977825</v>
      </c>
      <c r="GV76" s="91">
        <f t="shared" si="371"/>
        <v>6798.753527601164</v>
      </c>
      <c r="GW76" s="91">
        <f t="shared" si="372"/>
        <v>6951.6243196215146</v>
      </c>
      <c r="GX76" s="91">
        <f t="shared" si="373"/>
        <v>6951.6243196215146</v>
      </c>
      <c r="GY76" s="91">
        <f t="shared" si="374"/>
        <v>0</v>
      </c>
      <c r="GZ76" s="91">
        <f t="shared" si="375"/>
        <v>0.716771979482003</v>
      </c>
      <c r="HA76" s="91">
        <f t="shared" si="376"/>
        <v>7.0656653425362705</v>
      </c>
      <c r="HB76" s="91">
        <f t="shared" si="377"/>
        <v>12.35392611130626</v>
      </c>
      <c r="HC76" s="91">
        <f t="shared" si="378"/>
        <v>20.746475916223147</v>
      </c>
      <c r="HD76" s="91">
        <f t="shared" si="379"/>
        <v>31.888291668911904</v>
      </c>
      <c r="HE76" s="91">
        <f t="shared" si="380"/>
        <v>49.465089274172854</v>
      </c>
      <c r="HF76" s="91">
        <f t="shared" si="381"/>
        <v>70.941352341142618</v>
      </c>
      <c r="HG76" s="91">
        <f t="shared" si="382"/>
        <v>109.14495549497269</v>
      </c>
      <c r="HH76" s="91">
        <f t="shared" si="383"/>
        <v>175.96538052366662</v>
      </c>
      <c r="HI76" s="91">
        <f t="shared" si="384"/>
        <v>317.38602129193964</v>
      </c>
      <c r="HJ76" s="91">
        <f t="shared" si="385"/>
        <v>526.3531120655058</v>
      </c>
      <c r="HK76" s="127">
        <f t="shared" si="386"/>
        <v>6316.23734478607</v>
      </c>
      <c r="HL76" s="126">
        <f t="shared" si="387"/>
        <v>0</v>
      </c>
      <c r="HM76" s="91">
        <f t="shared" si="388"/>
        <v>333.49408357150867</v>
      </c>
      <c r="HN76" s="91">
        <f t="shared" si="389"/>
        <v>1302.4462140780529</v>
      </c>
      <c r="HO76" s="91">
        <f t="shared" si="390"/>
        <v>1919.8958823182256</v>
      </c>
      <c r="HP76" s="91">
        <f t="shared" si="391"/>
        <v>2512.0991336600332</v>
      </c>
      <c r="HQ76" s="91">
        <f t="shared" si="392"/>
        <v>3076.5669926325113</v>
      </c>
      <c r="HR76" s="91">
        <f t="shared" si="393"/>
        <v>3610.3481593778301</v>
      </c>
      <c r="HS76" s="91">
        <f t="shared" si="394"/>
        <v>4109.899691753466</v>
      </c>
      <c r="HT76" s="91">
        <f t="shared" si="395"/>
        <v>4570.9077383148915</v>
      </c>
      <c r="HU76" s="91">
        <f t="shared" si="396"/>
        <v>4988.0328414786181</v>
      </c>
      <c r="HV76" s="91">
        <f t="shared" si="397"/>
        <v>5268.0923976065878</v>
      </c>
      <c r="HW76" s="91">
        <f t="shared" si="398"/>
        <v>5354.5375877683718</v>
      </c>
      <c r="HX76" s="91">
        <f t="shared" si="399"/>
        <v>5354.5375877683718</v>
      </c>
      <c r="HY76" s="91">
        <f t="shared" si="400"/>
        <v>0</v>
      </c>
      <c r="HZ76" s="91">
        <f t="shared" si="401"/>
        <v>0.71354395896400591</v>
      </c>
      <c r="IA76" s="91">
        <f t="shared" si="402"/>
        <v>6.9313306850725418</v>
      </c>
      <c r="IB76" s="91">
        <f t="shared" si="403"/>
        <v>11.987852222612524</v>
      </c>
      <c r="IC76" s="91">
        <f t="shared" si="404"/>
        <v>19.892951832446293</v>
      </c>
      <c r="ID76" s="91">
        <f t="shared" si="405"/>
        <v>30.176583337823807</v>
      </c>
      <c r="IE76" s="91">
        <f t="shared" si="406"/>
        <v>46.130178548345697</v>
      </c>
      <c r="IF76" s="91">
        <f t="shared" si="407"/>
        <v>65.08270468228524</v>
      </c>
      <c r="IG76" s="91">
        <f t="shared" si="408"/>
        <v>98.289910989945398</v>
      </c>
      <c r="IH76" s="91">
        <f t="shared" si="409"/>
        <v>155.13076104733324</v>
      </c>
      <c r="II76" s="91">
        <f t="shared" si="410"/>
        <v>274.77204258387934</v>
      </c>
      <c r="IJ76" s="91">
        <f t="shared" si="411"/>
        <v>452.7062241310116</v>
      </c>
      <c r="IK76" s="127">
        <f t="shared" si="412"/>
        <v>5432.4746895721391</v>
      </c>
    </row>
    <row r="77" spans="2:245" x14ac:dyDescent="0.2">
      <c r="B77" s="79">
        <f t="shared" si="188"/>
        <v>-66.5</v>
      </c>
      <c r="C77" s="73">
        <f>'p-y mono_clay'!C77</f>
        <v>51</v>
      </c>
      <c r="D77" s="64">
        <f>'p-y mono_clay'!D77</f>
        <v>50.989000000000004</v>
      </c>
      <c r="E77" s="64" t="str">
        <f>'p-y mono_clay'!E77</f>
        <v>CLAY</v>
      </c>
      <c r="F77" s="55">
        <f>VLOOKUP($C77, 'Pile Property'!$A$8:$D$108,2,TRUE)</f>
        <v>2</v>
      </c>
      <c r="G77" s="102">
        <f>'p-y mono_clay'!Z77</f>
        <v>6797.4100577350091</v>
      </c>
      <c r="H77" s="199">
        <f>'p-y mono_clay'!AM77</f>
        <v>0</v>
      </c>
      <c r="I77" s="55">
        <f>'p-y mono_clay'!AN77</f>
        <v>0.72325375487582255</v>
      </c>
      <c r="J77" s="55">
        <f>'p-y mono_clay'!AO77</f>
        <v>7.2325375487582253</v>
      </c>
      <c r="K77" s="55">
        <f>'p-y mono_clay'!AP77</f>
        <v>13.92785138164721</v>
      </c>
      <c r="L77" s="55">
        <f>'p-y mono_clay'!AQ77</f>
        <v>25.395225292549352</v>
      </c>
      <c r="M77" s="55">
        <f>'p-y mono_clay'!AR77</f>
        <v>40.325375487582257</v>
      </c>
      <c r="N77" s="55">
        <f>'p-y mono_clay'!AS77</f>
        <v>61.255525682615158</v>
      </c>
      <c r="O77" s="55">
        <f>'p-y mono_clay'!AT77</f>
        <v>92.348363621439177</v>
      </c>
      <c r="P77" s="55">
        <f>'p-y mono_clay'!AU77</f>
        <v>141.9062766577797</v>
      </c>
      <c r="Q77" s="55">
        <f>'p-y mono_clay'!AV77</f>
        <v>235.48717782797712</v>
      </c>
      <c r="R77" s="55">
        <f>'p-y mono_clay'!AW77</f>
        <v>398.60300390065805</v>
      </c>
      <c r="S77" s="55">
        <f>'p-y mono_clay'!AX77</f>
        <v>561.62687743791128</v>
      </c>
      <c r="T77" s="200">
        <f>'p-y mono_clay'!AY77</f>
        <v>6000</v>
      </c>
      <c r="U77" s="199">
        <f>'p-y mono_clay'!AZ77</f>
        <v>0</v>
      </c>
      <c r="V77" s="55">
        <f>'p-y mono_clay'!BA77</f>
        <v>339.8705028867505</v>
      </c>
      <c r="W77" s="55">
        <f>'p-y mono_clay'!BB77</f>
        <v>1359.482011547002</v>
      </c>
      <c r="X77" s="55">
        <f>'p-y mono_clay'!BC77</f>
        <v>2039.2230173205025</v>
      </c>
      <c r="Y77" s="55">
        <f>'p-y mono_clay'!BD77</f>
        <v>2718.964023094004</v>
      </c>
      <c r="Z77" s="55">
        <f>'p-y mono_clay'!BE77</f>
        <v>3398.7050288675046</v>
      </c>
      <c r="AA77" s="55">
        <f>'p-y mono_clay'!BF77</f>
        <v>4078.4460346410051</v>
      </c>
      <c r="AB77" s="55">
        <f>'p-y mono_clay'!BG77</f>
        <v>4758.1870404145056</v>
      </c>
      <c r="AC77" s="55">
        <f>'p-y mono_clay'!BH77</f>
        <v>5437.928046188008</v>
      </c>
      <c r="AD77" s="55">
        <f>'p-y mono_clay'!BI77</f>
        <v>6117.6690519615086</v>
      </c>
      <c r="AE77" s="55">
        <f>'p-y mono_clay'!BJ77</f>
        <v>6627.4748062916333</v>
      </c>
      <c r="AF77" s="55">
        <f>'p-y mono_clay'!BK77</f>
        <v>6797.4100577350091</v>
      </c>
      <c r="AG77" s="200">
        <f>'p-y mono_clay'!BL77</f>
        <v>6797.4100577350091</v>
      </c>
      <c r="AH77">
        <f t="shared" si="205"/>
        <v>30</v>
      </c>
      <c r="AI77">
        <v>0</v>
      </c>
      <c r="AJ77">
        <f t="shared" si="206"/>
        <v>-0.95</v>
      </c>
      <c r="AK77">
        <f t="shared" si="207"/>
        <v>-0.79999999999999993</v>
      </c>
      <c r="AL77">
        <f t="shared" si="208"/>
        <v>-0.7</v>
      </c>
      <c r="AM77">
        <f t="shared" si="209"/>
        <v>-0.59999999999999987</v>
      </c>
      <c r="AN77">
        <f t="shared" si="210"/>
        <v>-0.5</v>
      </c>
      <c r="AO77">
        <f t="shared" si="211"/>
        <v>-0.4</v>
      </c>
      <c r="AP77">
        <f t="shared" si="212"/>
        <v>-0.30000000000000016</v>
      </c>
      <c r="AQ77">
        <f t="shared" si="213"/>
        <v>-0.19999999999999984</v>
      </c>
      <c r="AR77">
        <f t="shared" si="214"/>
        <v>-9.9999999999999978E-2</v>
      </c>
      <c r="AS77">
        <f t="shared" si="215"/>
        <v>-2.5000000000000133E-2</v>
      </c>
      <c r="AT77">
        <f t="shared" si="216"/>
        <v>0</v>
      </c>
      <c r="AU77">
        <f t="shared" si="217"/>
        <v>0</v>
      </c>
      <c r="AV77">
        <v>1</v>
      </c>
      <c r="AW77">
        <v>1.25</v>
      </c>
      <c r="AX77">
        <v>2.5</v>
      </c>
      <c r="AY77" s="162">
        <f t="shared" si="218"/>
        <v>2</v>
      </c>
      <c r="AZ77" s="162">
        <f t="shared" si="219"/>
        <v>1.0256410256410258</v>
      </c>
      <c r="BA77" s="162">
        <f t="shared" si="220"/>
        <v>1.1111111111111112</v>
      </c>
      <c r="BB77" s="162">
        <f t="shared" si="221"/>
        <v>1.1764705882352942</v>
      </c>
      <c r="BC77" s="162">
        <f t="shared" si="222"/>
        <v>1.25</v>
      </c>
      <c r="BD77" s="162">
        <f t="shared" si="223"/>
        <v>1.3333333333333333</v>
      </c>
      <c r="BE77" s="162">
        <f t="shared" si="224"/>
        <v>1.4285714285714286</v>
      </c>
      <c r="BF77" s="162">
        <f t="shared" si="225"/>
        <v>1.5384615384615381</v>
      </c>
      <c r="BG77" s="162">
        <f t="shared" si="226"/>
        <v>1.666666666666667</v>
      </c>
      <c r="BH77" s="162">
        <f t="shared" si="227"/>
        <v>1.8181818181818181</v>
      </c>
      <c r="BI77" s="162">
        <f t="shared" si="228"/>
        <v>1.9512195121951217</v>
      </c>
      <c r="BJ77" s="162">
        <f t="shared" si="229"/>
        <v>2</v>
      </c>
      <c r="BK77" s="162">
        <f t="shared" si="230"/>
        <v>2</v>
      </c>
      <c r="BL77" s="162">
        <f t="shared" si="231"/>
        <v>2.3784142300054421</v>
      </c>
      <c r="BM77" s="162">
        <f t="shared" si="232"/>
        <v>1.0321533592882333</v>
      </c>
      <c r="BN77" s="162">
        <f t="shared" si="233"/>
        <v>1.1407667734226012</v>
      </c>
      <c r="BO77" s="162">
        <f t="shared" si="234"/>
        <v>1.2252546033521698</v>
      </c>
      <c r="BP77" s="162">
        <f t="shared" si="235"/>
        <v>1.3217140793007052</v>
      </c>
      <c r="BQ77" s="162">
        <f t="shared" si="236"/>
        <v>1.4327599090980556</v>
      </c>
      <c r="BR77" s="162">
        <f t="shared" si="237"/>
        <v>1.5618073056129906</v>
      </c>
      <c r="BS77" s="162">
        <f t="shared" si="238"/>
        <v>1.713398191623356</v>
      </c>
      <c r="BT77" s="162">
        <f t="shared" si="239"/>
        <v>1.8936989441124994</v>
      </c>
      <c r="BU77" s="162">
        <f t="shared" si="240"/>
        <v>2.1112839107574066</v>
      </c>
      <c r="BV77" s="162">
        <f t="shared" si="241"/>
        <v>2.3061240387292949</v>
      </c>
      <c r="BW77" s="162">
        <f t="shared" si="242"/>
        <v>2.3784142300054421</v>
      </c>
      <c r="BX77" s="162">
        <f t="shared" si="243"/>
        <v>2.3784142300054421</v>
      </c>
      <c r="BY77" s="162">
        <f t="shared" si="244"/>
        <v>5.6568542494923806</v>
      </c>
      <c r="BZ77" s="162">
        <f t="shared" si="245"/>
        <v>1.065340557089985</v>
      </c>
      <c r="CA77" s="162">
        <f t="shared" si="246"/>
        <v>1.3013488313450123</v>
      </c>
      <c r="CB77" s="162">
        <f t="shared" si="247"/>
        <v>1.501248843035683</v>
      </c>
      <c r="CC77" s="162">
        <f t="shared" si="248"/>
        <v>1.7469281074217107</v>
      </c>
      <c r="CD77" s="162">
        <f t="shared" si="249"/>
        <v>2.0528009571186687</v>
      </c>
      <c r="CE77" s="162">
        <f t="shared" si="250"/>
        <v>2.4392420598661095</v>
      </c>
      <c r="CF77" s="162">
        <f t="shared" si="251"/>
        <v>2.9357333630581866</v>
      </c>
      <c r="CG77" s="162">
        <f t="shared" si="252"/>
        <v>3.5860956909327948</v>
      </c>
      <c r="CH77" s="162">
        <f t="shared" si="253"/>
        <v>4.4575197518230878</v>
      </c>
      <c r="CI77" s="162">
        <f t="shared" si="254"/>
        <v>5.318208082005115</v>
      </c>
      <c r="CJ77" s="162">
        <f t="shared" si="255"/>
        <v>5.6568542494923806</v>
      </c>
      <c r="CK77" s="162">
        <f t="shared" si="256"/>
        <v>5.6568542494923806</v>
      </c>
      <c r="CL77">
        <f t="shared" si="257"/>
        <v>1.3729593947216077</v>
      </c>
      <c r="CM77">
        <f t="shared" si="258"/>
        <v>1.4664555068821994</v>
      </c>
      <c r="CN77">
        <f t="shared" si="259"/>
        <v>1.4552495278079043</v>
      </c>
      <c r="CO77">
        <f t="shared" si="260"/>
        <v>1.4472473498703116</v>
      </c>
      <c r="CP77">
        <f t="shared" si="261"/>
        <v>1.4387599028160105</v>
      </c>
      <c r="CQ77">
        <f t="shared" si="262"/>
        <v>1.4297245098567506</v>
      </c>
      <c r="CR77">
        <f t="shared" si="263"/>
        <v>1.4200655078485775</v>
      </c>
      <c r="CS77">
        <f t="shared" si="264"/>
        <v>1.4096903917470565</v>
      </c>
      <c r="CT77">
        <f t="shared" si="265"/>
        <v>1.3984844126727611</v>
      </c>
      <c r="CU77">
        <f t="shared" si="266"/>
        <v>1.3863028198942131</v>
      </c>
      <c r="CV77">
        <f t="shared" si="267"/>
        <v>1.3764163604842596</v>
      </c>
      <c r="CW77">
        <f t="shared" si="268"/>
        <v>1.3729593947216077</v>
      </c>
      <c r="CX77" s="98">
        <f t="shared" si="269"/>
        <v>1.3729593947216077</v>
      </c>
      <c r="CY77">
        <f t="shared" si="270"/>
        <v>1.1029593947216076</v>
      </c>
      <c r="CZ77">
        <f t="shared" si="271"/>
        <v>1.1964555068821994</v>
      </c>
      <c r="DA77">
        <f t="shared" si="272"/>
        <v>1.1852495278079043</v>
      </c>
      <c r="DB77">
        <f t="shared" si="273"/>
        <v>1.1772473498703115</v>
      </c>
      <c r="DC77">
        <f t="shared" si="274"/>
        <v>1.1687599028160105</v>
      </c>
      <c r="DD77">
        <f t="shared" si="275"/>
        <v>1.1597245098567506</v>
      </c>
      <c r="DE77">
        <f t="shared" si="276"/>
        <v>1.1500655078485775</v>
      </c>
      <c r="DF77">
        <f t="shared" si="277"/>
        <v>1.1396903917470564</v>
      </c>
      <c r="DG77">
        <f t="shared" si="278"/>
        <v>1.1284844126727611</v>
      </c>
      <c r="DH77">
        <f t="shared" si="279"/>
        <v>1.1163028198942131</v>
      </c>
      <c r="DI77">
        <f t="shared" si="280"/>
        <v>1.1064163604842596</v>
      </c>
      <c r="DJ77">
        <f t="shared" si="281"/>
        <v>1.1029593947216076</v>
      </c>
      <c r="DK77">
        <f t="shared" si="282"/>
        <v>1.1029593947216076</v>
      </c>
      <c r="DL77" s="97">
        <f t="shared" si="283"/>
        <v>1.5000349036450102</v>
      </c>
      <c r="DM77">
        <f t="shared" si="284"/>
        <v>1.6252529110029454</v>
      </c>
      <c r="DN77">
        <f t="shared" si="285"/>
        <v>1.6102449033141575</v>
      </c>
      <c r="DO77">
        <f t="shared" si="286"/>
        <v>1.5995277007191671</v>
      </c>
      <c r="DP77">
        <f t="shared" si="287"/>
        <v>1.5881605841285855</v>
      </c>
      <c r="DQ77">
        <f t="shared" si="288"/>
        <v>1.5760596114152909</v>
      </c>
      <c r="DR77">
        <f t="shared" si="289"/>
        <v>1.5631234480114875</v>
      </c>
      <c r="DS77">
        <f t="shared" si="290"/>
        <v>1.5492282032326647</v>
      </c>
      <c r="DT77">
        <f t="shared" si="291"/>
        <v>1.5342201955438766</v>
      </c>
      <c r="DU77">
        <f t="shared" si="292"/>
        <v>1.5179055623583211</v>
      </c>
      <c r="DV77">
        <f t="shared" si="293"/>
        <v>1.5046647685057049</v>
      </c>
      <c r="DW77">
        <f t="shared" si="294"/>
        <v>1.5000349036450102</v>
      </c>
      <c r="DX77" s="98">
        <f t="shared" si="295"/>
        <v>1.5000349036450102</v>
      </c>
      <c r="DY77">
        <f t="shared" si="296"/>
        <v>1.0527062241310117</v>
      </c>
      <c r="DZ77">
        <f t="shared" si="297"/>
        <v>1.1946199658033383</v>
      </c>
      <c r="EA77">
        <f t="shared" si="298"/>
        <v>1.1776108904227118</v>
      </c>
      <c r="EB77">
        <f t="shared" si="299"/>
        <v>1.1654647274817227</v>
      </c>
      <c r="EC77">
        <f t="shared" si="300"/>
        <v>1.1525819953457304</v>
      </c>
      <c r="ED77">
        <f t="shared" si="301"/>
        <v>1.1388675596039965</v>
      </c>
      <c r="EE77">
        <f t="shared" si="302"/>
        <v>1.1242065744130194</v>
      </c>
      <c r="EF77">
        <f t="shared" si="303"/>
        <v>1.1084586303303534</v>
      </c>
      <c r="EG77">
        <f t="shared" si="304"/>
        <v>1.091449554949727</v>
      </c>
      <c r="EH77">
        <f t="shared" si="305"/>
        <v>1.0729596373394306</v>
      </c>
      <c r="EI77">
        <f t="shared" si="306"/>
        <v>1.0579534043064656</v>
      </c>
      <c r="EJ77">
        <f t="shared" si="307"/>
        <v>1.0527062241310117</v>
      </c>
      <c r="EK77">
        <f t="shared" si="308"/>
        <v>1.0527062241310117</v>
      </c>
      <c r="EL77" s="97">
        <f t="shared" si="309"/>
        <v>1.1554124482620232</v>
      </c>
      <c r="EM77">
        <f t="shared" si="310"/>
        <v>1.4392399316066766</v>
      </c>
      <c r="EN77">
        <f t="shared" si="311"/>
        <v>1.4052217808454237</v>
      </c>
      <c r="EO77">
        <f t="shared" si="312"/>
        <v>1.3809294549634457</v>
      </c>
      <c r="EP77">
        <f t="shared" si="313"/>
        <v>1.3551639906914608</v>
      </c>
      <c r="EQ77">
        <f t="shared" si="314"/>
        <v>1.3277351192079931</v>
      </c>
      <c r="ER77">
        <f t="shared" si="315"/>
        <v>1.2984131488260386</v>
      </c>
      <c r="ES77">
        <f t="shared" si="316"/>
        <v>1.2669172606607071</v>
      </c>
      <c r="ET77">
        <f t="shared" si="317"/>
        <v>1.2328991098994537</v>
      </c>
      <c r="EU77">
        <f t="shared" si="318"/>
        <v>1.1959192746788612</v>
      </c>
      <c r="EV77">
        <f t="shared" si="319"/>
        <v>1.1659068086129312</v>
      </c>
      <c r="EW77">
        <f t="shared" si="320"/>
        <v>1.1554124482620232</v>
      </c>
      <c r="EX77" s="98">
        <f t="shared" si="321"/>
        <v>1.1554124482620232</v>
      </c>
      <c r="EY77" s="97">
        <f t="shared" si="322"/>
        <v>0.90541244826202316</v>
      </c>
      <c r="EZ77">
        <f t="shared" si="323"/>
        <v>1.1892399316066766</v>
      </c>
      <c r="FA77">
        <f t="shared" si="324"/>
        <v>1.1552217808454237</v>
      </c>
      <c r="FB77">
        <f t="shared" si="325"/>
        <v>1.1309294549634457</v>
      </c>
      <c r="FC77">
        <f t="shared" si="326"/>
        <v>1.1051639906914608</v>
      </c>
      <c r="FD77">
        <f t="shared" si="327"/>
        <v>1.0777351192079931</v>
      </c>
      <c r="FE77">
        <f t="shared" si="328"/>
        <v>1.0484131488260386</v>
      </c>
      <c r="FF77">
        <f t="shared" si="329"/>
        <v>1.0169172606607071</v>
      </c>
      <c r="FG77">
        <f t="shared" si="330"/>
        <v>0.98289910989945384</v>
      </c>
      <c r="FH77">
        <f t="shared" si="331"/>
        <v>0.94591927467886117</v>
      </c>
      <c r="FI77">
        <f t="shared" si="332"/>
        <v>0.91590680861293117</v>
      </c>
      <c r="FJ77">
        <f t="shared" si="333"/>
        <v>0.90541244826202316</v>
      </c>
      <c r="FK77">
        <f t="shared" si="334"/>
        <v>0.90541244826202316</v>
      </c>
      <c r="FL77" s="126">
        <f t="shared" si="335"/>
        <v>0</v>
      </c>
      <c r="FM77" s="91">
        <f t="shared" si="336"/>
        <v>498.40497058509771</v>
      </c>
      <c r="FN77" s="91">
        <f t="shared" si="337"/>
        <v>1978.3855553671146</v>
      </c>
      <c r="FO77" s="91">
        <f t="shared" si="338"/>
        <v>2951.260107611638</v>
      </c>
      <c r="FP77" s="91">
        <f t="shared" si="339"/>
        <v>3911.9364136269583</v>
      </c>
      <c r="FQ77" s="91">
        <f t="shared" si="340"/>
        <v>4859.2118815452659</v>
      </c>
      <c r="FR77" s="91">
        <f t="shared" si="341"/>
        <v>5791.6605394154958</v>
      </c>
      <c r="FS77" s="91">
        <f t="shared" si="342"/>
        <v>6707.5705530076921</v>
      </c>
      <c r="FT77" s="91">
        <f t="shared" si="343"/>
        <v>7604.8576098299718</v>
      </c>
      <c r="FU77" s="91">
        <f t="shared" si="344"/>
        <v>8480.9418579137964</v>
      </c>
      <c r="FV77" s="91">
        <f t="shared" si="345"/>
        <v>9122.164752077053</v>
      </c>
      <c r="FW77" s="91">
        <f t="shared" si="346"/>
        <v>9332.5679985424267</v>
      </c>
      <c r="FX77" s="91">
        <f t="shared" si="347"/>
        <v>9332.5679985424267</v>
      </c>
      <c r="FY77" s="91">
        <f t="shared" si="348"/>
        <v>0</v>
      </c>
      <c r="FZ77" s="91">
        <f t="shared" si="349"/>
        <v>0.86534093789440625</v>
      </c>
      <c r="GA77" s="91">
        <f t="shared" si="350"/>
        <v>8.5723617145186246</v>
      </c>
      <c r="GB77" s="91">
        <f t="shared" si="351"/>
        <v>16.396526128431734</v>
      </c>
      <c r="GC77" s="91">
        <f t="shared" si="352"/>
        <v>29.680921044910672</v>
      </c>
      <c r="GD77" s="91">
        <f t="shared" si="353"/>
        <v>46.766326322125757</v>
      </c>
      <c r="GE77" s="91">
        <f t="shared" si="354"/>
        <v>70.447867252708392</v>
      </c>
      <c r="GF77" s="91">
        <f t="shared" si="355"/>
        <v>105.24854271291763</v>
      </c>
      <c r="GG77" s="91">
        <f t="shared" si="356"/>
        <v>160.13902126873288</v>
      </c>
      <c r="GH77" s="91">
        <f t="shared" si="357"/>
        <v>262.87500065830085</v>
      </c>
      <c r="GI77" s="91">
        <f t="shared" si="358"/>
        <v>441.02088485385923</v>
      </c>
      <c r="GJ77" s="91">
        <f t="shared" si="359"/>
        <v>619.45164079830511</v>
      </c>
      <c r="GK77" s="127">
        <f t="shared" si="360"/>
        <v>6617.7563683296457</v>
      </c>
      <c r="GL77" s="126">
        <f t="shared" si="361"/>
        <v>0</v>
      </c>
      <c r="GM77" s="91">
        <f t="shared" si="362"/>
        <v>552.37552418072619</v>
      </c>
      <c r="GN77" s="91">
        <f t="shared" si="363"/>
        <v>2189.0989802408385</v>
      </c>
      <c r="GO77" s="91">
        <f t="shared" si="364"/>
        <v>3261.7937041482655</v>
      </c>
      <c r="GP77" s="91">
        <f t="shared" si="365"/>
        <v>4318.1514911415825</v>
      </c>
      <c r="GQ77" s="91">
        <f t="shared" si="366"/>
        <v>5356.5617271121146</v>
      </c>
      <c r="GR77" s="91">
        <f t="shared" si="367"/>
        <v>6375.1146281968267</v>
      </c>
      <c r="GS77" s="91">
        <f t="shared" si="368"/>
        <v>7371.5175592663154</v>
      </c>
      <c r="GT77" s="91">
        <f t="shared" si="369"/>
        <v>8342.9790303760965</v>
      </c>
      <c r="GU77" s="91">
        <f t="shared" si="370"/>
        <v>9286.0438826397312</v>
      </c>
      <c r="GV77" s="91">
        <f t="shared" si="371"/>
        <v>9972.1278451861908</v>
      </c>
      <c r="GW77" s="91">
        <f t="shared" si="372"/>
        <v>10196.352340990157</v>
      </c>
      <c r="GX77" s="91">
        <f t="shared" si="373"/>
        <v>10196.352340990157</v>
      </c>
      <c r="GY77" s="91">
        <f t="shared" si="374"/>
        <v>0</v>
      </c>
      <c r="GZ77" s="91">
        <f t="shared" si="375"/>
        <v>0.8640133759168912</v>
      </c>
      <c r="HA77" s="91">
        <f t="shared" si="376"/>
        <v>8.5171149828088719</v>
      </c>
      <c r="HB77" s="91">
        <f t="shared" si="377"/>
        <v>16.2324195149174</v>
      </c>
      <c r="HC77" s="91">
        <f t="shared" si="378"/>
        <v>29.27007943994089</v>
      </c>
      <c r="HD77" s="91">
        <f t="shared" si="379"/>
        <v>45.925261971657626</v>
      </c>
      <c r="HE77" s="91">
        <f t="shared" si="380"/>
        <v>68.863864691521513</v>
      </c>
      <c r="HF77" s="91">
        <f t="shared" si="381"/>
        <v>102.3643406530699</v>
      </c>
      <c r="HG77" s="91">
        <f t="shared" si="382"/>
        <v>154.88354250270649</v>
      </c>
      <c r="HH77" s="91">
        <f t="shared" si="383"/>
        <v>252.66823692039233</v>
      </c>
      <c r="HI77" s="91">
        <f t="shared" si="384"/>
        <v>421.70340494348454</v>
      </c>
      <c r="HJ77" s="91">
        <f t="shared" si="385"/>
        <v>591.22810951815404</v>
      </c>
      <c r="HK77" s="127">
        <f t="shared" si="386"/>
        <v>6316.23734478607</v>
      </c>
      <c r="HL77" s="126">
        <f t="shared" si="387"/>
        <v>0</v>
      </c>
      <c r="HM77" s="91">
        <f t="shared" si="388"/>
        <v>489.15519932985359</v>
      </c>
      <c r="HN77" s="91">
        <f t="shared" si="389"/>
        <v>1910.373733293397</v>
      </c>
      <c r="HO77" s="91">
        <f t="shared" si="390"/>
        <v>2816.0231298573149</v>
      </c>
      <c r="HP77" s="91">
        <f t="shared" si="391"/>
        <v>3684.6421360825793</v>
      </c>
      <c r="HQ77" s="91">
        <f t="shared" si="392"/>
        <v>4512.5800266562019</v>
      </c>
      <c r="HR77" s="91">
        <f t="shared" si="393"/>
        <v>5295.5079581552982</v>
      </c>
      <c r="HS77" s="91">
        <f t="shared" si="394"/>
        <v>6028.2292909532225</v>
      </c>
      <c r="HT77" s="91">
        <f t="shared" si="395"/>
        <v>6704.4166478424704</v>
      </c>
      <c r="HU77" s="91">
        <f t="shared" si="396"/>
        <v>7316.2383353471232</v>
      </c>
      <c r="HV77" s="91">
        <f t="shared" si="397"/>
        <v>7727.0180005660823</v>
      </c>
      <c r="HW77" s="91">
        <f t="shared" si="398"/>
        <v>7853.8121966485069</v>
      </c>
      <c r="HX77" s="91">
        <f t="shared" si="399"/>
        <v>7853.8121966485069</v>
      </c>
      <c r="HY77" s="91">
        <f t="shared" si="400"/>
        <v>0</v>
      </c>
      <c r="HZ77" s="91">
        <f t="shared" si="401"/>
        <v>0.8601222459827953</v>
      </c>
      <c r="IA77" s="91">
        <f t="shared" si="402"/>
        <v>8.3551849071078728</v>
      </c>
      <c r="IB77" s="91">
        <f t="shared" si="403"/>
        <v>15.751417371858153</v>
      </c>
      <c r="IC77" s="91">
        <f t="shared" si="404"/>
        <v>28.065888528822562</v>
      </c>
      <c r="ID77" s="91">
        <f t="shared" si="405"/>
        <v>43.460073358216547</v>
      </c>
      <c r="IE77" s="91">
        <f t="shared" si="406"/>
        <v>64.221098563904832</v>
      </c>
      <c r="IF77" s="91">
        <f t="shared" si="407"/>
        <v>93.910644960412824</v>
      </c>
      <c r="IG77" s="91">
        <f t="shared" si="408"/>
        <v>139.47955301607732</v>
      </c>
      <c r="IH77" s="91">
        <f t="shared" si="409"/>
        <v>222.75186044721212</v>
      </c>
      <c r="II77" s="91">
        <f t="shared" si="410"/>
        <v>365.08320520617946</v>
      </c>
      <c r="IJ77" s="91">
        <f t="shared" si="411"/>
        <v>508.50396611081447</v>
      </c>
      <c r="IK77" s="127">
        <f t="shared" si="412"/>
        <v>5432.4746895721391</v>
      </c>
    </row>
    <row r="78" spans="2:245" x14ac:dyDescent="0.2">
      <c r="B78" s="79">
        <f t="shared" si="188"/>
        <v>-67.5</v>
      </c>
      <c r="C78" s="73">
        <f>'p-y mono_clay'!C78</f>
        <v>52</v>
      </c>
      <c r="D78" s="64">
        <f>'p-y mono_clay'!D78</f>
        <v>51.993000000000002</v>
      </c>
      <c r="E78" s="64" t="str">
        <f>'p-y mono_clay'!E78</f>
        <v>CLAY</v>
      </c>
      <c r="F78" s="55">
        <f>VLOOKUP($C78, 'Pile Property'!$A$8:$D$108,2,TRUE)</f>
        <v>2</v>
      </c>
      <c r="G78" s="102">
        <f>'p-y mono_clay'!Z78</f>
        <v>5610.2440226199187</v>
      </c>
      <c r="H78" s="199">
        <f>'p-y mono_clay'!AM78</f>
        <v>0</v>
      </c>
      <c r="I78" s="55">
        <f>'p-y mono_clay'!AN78</f>
        <v>0.63926283272339834</v>
      </c>
      <c r="J78" s="55">
        <f>'p-y mono_clay'!AO78</f>
        <v>6.3926283272339832</v>
      </c>
      <c r="K78" s="55">
        <f>'p-y mono_clay'!AP78</f>
        <v>11.660096483531754</v>
      </c>
      <c r="L78" s="55">
        <f>'p-y mono_clay'!AQ78</f>
        <v>20.355769963403894</v>
      </c>
      <c r="M78" s="55">
        <f>'p-y mono_clay'!AR78</f>
        <v>31.92628327233983</v>
      </c>
      <c r="N78" s="55">
        <f>'p-y mono_clay'!AS78</f>
        <v>49.496796581275753</v>
      </c>
      <c r="O78" s="55">
        <f>'p-y mono_clay'!AT78</f>
        <v>73.030451526381597</v>
      </c>
      <c r="P78" s="55">
        <f>'p-y mono_clay'!AU78</f>
        <v>113.34936312595541</v>
      </c>
      <c r="Q78" s="55">
        <f>'p-y mono_clay'!AV78</f>
        <v>186.77244297957103</v>
      </c>
      <c r="R78" s="55">
        <f>'p-y mono_clay'!AW78</f>
        <v>331.41026617871859</v>
      </c>
      <c r="S78" s="55">
        <f>'p-y mono_clay'!AX78</f>
        <v>519.63141636169917</v>
      </c>
      <c r="T78" s="200">
        <f>'p-y mono_clay'!AY78</f>
        <v>6000</v>
      </c>
      <c r="U78" s="199">
        <f>'p-y mono_clay'!AZ78</f>
        <v>0</v>
      </c>
      <c r="V78" s="55">
        <f>'p-y mono_clay'!BA78</f>
        <v>280.51220113099595</v>
      </c>
      <c r="W78" s="55">
        <f>'p-y mono_clay'!BB78</f>
        <v>1122.0488045239838</v>
      </c>
      <c r="X78" s="55">
        <f>'p-y mono_clay'!BC78</f>
        <v>1683.0732067859756</v>
      </c>
      <c r="Y78" s="55">
        <f>'p-y mono_clay'!BD78</f>
        <v>2244.0976090479676</v>
      </c>
      <c r="Z78" s="55">
        <f>'p-y mono_clay'!BE78</f>
        <v>2805.1220113099594</v>
      </c>
      <c r="AA78" s="55">
        <f>'p-y mono_clay'!BF78</f>
        <v>3366.1464135719511</v>
      </c>
      <c r="AB78" s="55">
        <f>'p-y mono_clay'!BG78</f>
        <v>3927.1708158339429</v>
      </c>
      <c r="AC78" s="55">
        <f>'p-y mono_clay'!BH78</f>
        <v>4488.1952180959352</v>
      </c>
      <c r="AD78" s="55">
        <f>'p-y mono_clay'!BI78</f>
        <v>5049.2196203579269</v>
      </c>
      <c r="AE78" s="55">
        <f>'p-y mono_clay'!BJ78</f>
        <v>5469.9879220544208</v>
      </c>
      <c r="AF78" s="55">
        <f>'p-y mono_clay'!BK78</f>
        <v>5610.2440226199187</v>
      </c>
      <c r="AG78" s="200">
        <f>'p-y mono_clay'!BL78</f>
        <v>5610.2440226199187</v>
      </c>
      <c r="AH78">
        <f t="shared" si="205"/>
        <v>30</v>
      </c>
      <c r="AI78">
        <v>0</v>
      </c>
      <c r="AJ78">
        <f t="shared" si="206"/>
        <v>-0.95</v>
      </c>
      <c r="AK78">
        <f t="shared" si="207"/>
        <v>-0.8</v>
      </c>
      <c r="AL78">
        <f t="shared" si="208"/>
        <v>-0.7</v>
      </c>
      <c r="AM78">
        <f t="shared" si="209"/>
        <v>-0.6</v>
      </c>
      <c r="AN78">
        <f t="shared" si="210"/>
        <v>-0.5</v>
      </c>
      <c r="AO78">
        <f t="shared" si="211"/>
        <v>-0.4</v>
      </c>
      <c r="AP78">
        <f t="shared" si="212"/>
        <v>-0.30000000000000004</v>
      </c>
      <c r="AQ78">
        <f t="shared" si="213"/>
        <v>-0.19999999999999996</v>
      </c>
      <c r="AR78">
        <f t="shared" si="214"/>
        <v>-9.9999999999999978E-2</v>
      </c>
      <c r="AS78">
        <f t="shared" si="215"/>
        <v>-2.5000000000000022E-2</v>
      </c>
      <c r="AT78">
        <f t="shared" si="216"/>
        <v>0</v>
      </c>
      <c r="AU78">
        <f t="shared" si="217"/>
        <v>0</v>
      </c>
      <c r="AV78">
        <v>1</v>
      </c>
      <c r="AW78">
        <v>1.25</v>
      </c>
      <c r="AX78">
        <v>2.5</v>
      </c>
      <c r="AY78" s="162">
        <f t="shared" si="218"/>
        <v>2</v>
      </c>
      <c r="AZ78" s="162">
        <f t="shared" si="219"/>
        <v>1.0256410256410258</v>
      </c>
      <c r="BA78" s="162">
        <f t="shared" si="220"/>
        <v>1.1111111111111112</v>
      </c>
      <c r="BB78" s="162">
        <f t="shared" si="221"/>
        <v>1.1764705882352942</v>
      </c>
      <c r="BC78" s="162">
        <f t="shared" si="222"/>
        <v>1.25</v>
      </c>
      <c r="BD78" s="162">
        <f t="shared" si="223"/>
        <v>1.3333333333333333</v>
      </c>
      <c r="BE78" s="162">
        <f t="shared" si="224"/>
        <v>1.4285714285714286</v>
      </c>
      <c r="BF78" s="162">
        <f t="shared" si="225"/>
        <v>1.5384615384615383</v>
      </c>
      <c r="BG78" s="162">
        <f t="shared" si="226"/>
        <v>1.6666666666666667</v>
      </c>
      <c r="BH78" s="162">
        <f t="shared" si="227"/>
        <v>1.8181818181818181</v>
      </c>
      <c r="BI78" s="162">
        <f t="shared" si="228"/>
        <v>1.9512195121951221</v>
      </c>
      <c r="BJ78" s="162">
        <f t="shared" si="229"/>
        <v>2</v>
      </c>
      <c r="BK78" s="162">
        <f t="shared" si="230"/>
        <v>2</v>
      </c>
      <c r="BL78" s="162">
        <f t="shared" si="231"/>
        <v>2.3784142300054421</v>
      </c>
      <c r="BM78" s="162">
        <f t="shared" si="232"/>
        <v>1.0321533592882333</v>
      </c>
      <c r="BN78" s="162">
        <f t="shared" si="233"/>
        <v>1.1407667734226012</v>
      </c>
      <c r="BO78" s="162">
        <f t="shared" si="234"/>
        <v>1.2252546033521698</v>
      </c>
      <c r="BP78" s="162">
        <f t="shared" si="235"/>
        <v>1.3217140793007052</v>
      </c>
      <c r="BQ78" s="162">
        <f t="shared" si="236"/>
        <v>1.4327599090980556</v>
      </c>
      <c r="BR78" s="162">
        <f t="shared" si="237"/>
        <v>1.5618073056129906</v>
      </c>
      <c r="BS78" s="162">
        <f t="shared" si="238"/>
        <v>1.7133981916233565</v>
      </c>
      <c r="BT78" s="162">
        <f t="shared" si="239"/>
        <v>1.8936989441124989</v>
      </c>
      <c r="BU78" s="162">
        <f t="shared" si="240"/>
        <v>2.1112839107574066</v>
      </c>
      <c r="BV78" s="162">
        <f t="shared" si="241"/>
        <v>2.3061240387292958</v>
      </c>
      <c r="BW78" s="162">
        <f t="shared" si="242"/>
        <v>2.3784142300054421</v>
      </c>
      <c r="BX78" s="162">
        <f t="shared" si="243"/>
        <v>2.3784142300054421</v>
      </c>
      <c r="BY78" s="162">
        <f t="shared" si="244"/>
        <v>5.6568542494923806</v>
      </c>
      <c r="BZ78" s="162">
        <f t="shared" si="245"/>
        <v>1.065340557089985</v>
      </c>
      <c r="CA78" s="162">
        <f t="shared" si="246"/>
        <v>1.3013488313450123</v>
      </c>
      <c r="CB78" s="162">
        <f t="shared" si="247"/>
        <v>1.501248843035683</v>
      </c>
      <c r="CC78" s="162">
        <f t="shared" si="248"/>
        <v>1.7469281074217107</v>
      </c>
      <c r="CD78" s="162">
        <f t="shared" si="249"/>
        <v>2.0528009571186687</v>
      </c>
      <c r="CE78" s="162">
        <f t="shared" si="250"/>
        <v>2.4392420598661095</v>
      </c>
      <c r="CF78" s="162">
        <f t="shared" si="251"/>
        <v>2.9357333630581879</v>
      </c>
      <c r="CG78" s="162">
        <f t="shared" si="252"/>
        <v>3.5860956909327935</v>
      </c>
      <c r="CH78" s="162">
        <f t="shared" si="253"/>
        <v>4.4575197518230878</v>
      </c>
      <c r="CI78" s="162">
        <f t="shared" si="254"/>
        <v>5.3182080820051185</v>
      </c>
      <c r="CJ78" s="162">
        <f t="shared" si="255"/>
        <v>5.6568542494923806</v>
      </c>
      <c r="CK78" s="162">
        <f t="shared" si="256"/>
        <v>5.6568542494923806</v>
      </c>
      <c r="CL78">
        <f t="shared" si="257"/>
        <v>1.3729593947216077</v>
      </c>
      <c r="CM78">
        <f t="shared" si="258"/>
        <v>1.4664555068821994</v>
      </c>
      <c r="CN78">
        <f t="shared" si="259"/>
        <v>1.4552495278079043</v>
      </c>
      <c r="CO78">
        <f t="shared" si="260"/>
        <v>1.4472473498703116</v>
      </c>
      <c r="CP78">
        <f t="shared" si="261"/>
        <v>1.4387599028160105</v>
      </c>
      <c r="CQ78">
        <f t="shared" si="262"/>
        <v>1.4297245098567506</v>
      </c>
      <c r="CR78">
        <f t="shared" si="263"/>
        <v>1.4200655078485775</v>
      </c>
      <c r="CS78">
        <f t="shared" si="264"/>
        <v>1.4096903917470565</v>
      </c>
      <c r="CT78">
        <f t="shared" si="265"/>
        <v>1.3984844126727614</v>
      </c>
      <c r="CU78">
        <f t="shared" si="266"/>
        <v>1.3863028198942131</v>
      </c>
      <c r="CV78">
        <f t="shared" si="267"/>
        <v>1.3764163604842596</v>
      </c>
      <c r="CW78">
        <f t="shared" si="268"/>
        <v>1.3729593947216077</v>
      </c>
      <c r="CX78" s="98">
        <f t="shared" si="269"/>
        <v>1.3729593947216077</v>
      </c>
      <c r="CY78">
        <f t="shared" si="270"/>
        <v>1.1029593947216076</v>
      </c>
      <c r="CZ78">
        <f t="shared" si="271"/>
        <v>1.1964555068821994</v>
      </c>
      <c r="DA78">
        <f t="shared" si="272"/>
        <v>1.1852495278079043</v>
      </c>
      <c r="DB78">
        <f t="shared" si="273"/>
        <v>1.1772473498703115</v>
      </c>
      <c r="DC78">
        <f t="shared" si="274"/>
        <v>1.1687599028160105</v>
      </c>
      <c r="DD78">
        <f t="shared" si="275"/>
        <v>1.1597245098567506</v>
      </c>
      <c r="DE78">
        <f t="shared" si="276"/>
        <v>1.1500655078485775</v>
      </c>
      <c r="DF78">
        <f t="shared" si="277"/>
        <v>1.1396903917470564</v>
      </c>
      <c r="DG78">
        <f t="shared" si="278"/>
        <v>1.1284844126727613</v>
      </c>
      <c r="DH78">
        <f t="shared" si="279"/>
        <v>1.1163028198942131</v>
      </c>
      <c r="DI78">
        <f t="shared" si="280"/>
        <v>1.1064163604842596</v>
      </c>
      <c r="DJ78">
        <f t="shared" si="281"/>
        <v>1.1029593947216076</v>
      </c>
      <c r="DK78">
        <f t="shared" si="282"/>
        <v>1.1029593947216076</v>
      </c>
      <c r="DL78" s="97">
        <f t="shared" si="283"/>
        <v>1.5000349036450102</v>
      </c>
      <c r="DM78">
        <f t="shared" si="284"/>
        <v>1.6252529110029454</v>
      </c>
      <c r="DN78">
        <f t="shared" si="285"/>
        <v>1.6102449033141575</v>
      </c>
      <c r="DO78">
        <f t="shared" si="286"/>
        <v>1.5995277007191671</v>
      </c>
      <c r="DP78">
        <f t="shared" si="287"/>
        <v>1.5881605841285855</v>
      </c>
      <c r="DQ78">
        <f t="shared" si="288"/>
        <v>1.5760596114152909</v>
      </c>
      <c r="DR78">
        <f t="shared" si="289"/>
        <v>1.5631234480114875</v>
      </c>
      <c r="DS78">
        <f t="shared" si="290"/>
        <v>1.5492282032326647</v>
      </c>
      <c r="DT78">
        <f t="shared" si="291"/>
        <v>1.5342201955438766</v>
      </c>
      <c r="DU78">
        <f t="shared" si="292"/>
        <v>1.5179055623583211</v>
      </c>
      <c r="DV78">
        <f t="shared" si="293"/>
        <v>1.5046647685057049</v>
      </c>
      <c r="DW78">
        <f t="shared" si="294"/>
        <v>1.5000349036450102</v>
      </c>
      <c r="DX78" s="98">
        <f t="shared" si="295"/>
        <v>1.5000349036450102</v>
      </c>
      <c r="DY78">
        <f t="shared" si="296"/>
        <v>1.0527062241310117</v>
      </c>
      <c r="DZ78">
        <f t="shared" si="297"/>
        <v>1.1946199658033383</v>
      </c>
      <c r="EA78">
        <f t="shared" si="298"/>
        <v>1.1776108904227118</v>
      </c>
      <c r="EB78">
        <f t="shared" si="299"/>
        <v>1.1654647274817227</v>
      </c>
      <c r="EC78">
        <f t="shared" si="300"/>
        <v>1.1525819953457304</v>
      </c>
      <c r="ED78">
        <f t="shared" si="301"/>
        <v>1.1388675596039965</v>
      </c>
      <c r="EE78">
        <f t="shared" si="302"/>
        <v>1.1242065744130194</v>
      </c>
      <c r="EF78">
        <f t="shared" si="303"/>
        <v>1.1084586303303534</v>
      </c>
      <c r="EG78">
        <f t="shared" si="304"/>
        <v>1.091449554949727</v>
      </c>
      <c r="EH78">
        <f t="shared" si="305"/>
        <v>1.0729596373394306</v>
      </c>
      <c r="EI78">
        <f t="shared" si="306"/>
        <v>1.0579534043064656</v>
      </c>
      <c r="EJ78">
        <f t="shared" si="307"/>
        <v>1.0527062241310117</v>
      </c>
      <c r="EK78">
        <f t="shared" si="308"/>
        <v>1.0527062241310117</v>
      </c>
      <c r="EL78" s="97">
        <f t="shared" si="309"/>
        <v>1.1554124482620232</v>
      </c>
      <c r="EM78">
        <f t="shared" si="310"/>
        <v>1.4392399316066766</v>
      </c>
      <c r="EN78">
        <f t="shared" si="311"/>
        <v>1.4052217808454237</v>
      </c>
      <c r="EO78">
        <f t="shared" si="312"/>
        <v>1.3809294549634457</v>
      </c>
      <c r="EP78">
        <f t="shared" si="313"/>
        <v>1.3551639906914608</v>
      </c>
      <c r="EQ78">
        <f t="shared" si="314"/>
        <v>1.3277351192079931</v>
      </c>
      <c r="ER78">
        <f t="shared" si="315"/>
        <v>1.2984131488260386</v>
      </c>
      <c r="ES78">
        <f t="shared" si="316"/>
        <v>1.2669172606607069</v>
      </c>
      <c r="ET78">
        <f t="shared" si="317"/>
        <v>1.2328991098994539</v>
      </c>
      <c r="EU78">
        <f t="shared" si="318"/>
        <v>1.1959192746788612</v>
      </c>
      <c r="EV78">
        <f t="shared" si="319"/>
        <v>1.1659068086129309</v>
      </c>
      <c r="EW78">
        <f t="shared" si="320"/>
        <v>1.1554124482620232</v>
      </c>
      <c r="EX78" s="98">
        <f t="shared" si="321"/>
        <v>1.1554124482620232</v>
      </c>
      <c r="EY78" s="97">
        <f t="shared" si="322"/>
        <v>0.90541244826202316</v>
      </c>
      <c r="EZ78">
        <f t="shared" si="323"/>
        <v>1.1892399316066766</v>
      </c>
      <c r="FA78">
        <f t="shared" si="324"/>
        <v>1.1552217808454237</v>
      </c>
      <c r="FB78">
        <f t="shared" si="325"/>
        <v>1.1309294549634457</v>
      </c>
      <c r="FC78">
        <f t="shared" si="326"/>
        <v>1.1051639906914608</v>
      </c>
      <c r="FD78">
        <f t="shared" si="327"/>
        <v>1.0777351192079931</v>
      </c>
      <c r="FE78">
        <f t="shared" si="328"/>
        <v>1.0484131488260386</v>
      </c>
      <c r="FF78">
        <f t="shared" si="329"/>
        <v>1.0169172606607069</v>
      </c>
      <c r="FG78">
        <f t="shared" si="330"/>
        <v>0.98289910989945395</v>
      </c>
      <c r="FH78">
        <f t="shared" si="331"/>
        <v>0.94591927467886117</v>
      </c>
      <c r="FI78">
        <f t="shared" si="332"/>
        <v>0.91590680861293094</v>
      </c>
      <c r="FJ78">
        <f t="shared" si="333"/>
        <v>0.90541244826202316</v>
      </c>
      <c r="FK78">
        <f t="shared" si="334"/>
        <v>0.90541244826202316</v>
      </c>
      <c r="FL78" s="126">
        <f t="shared" si="335"/>
        <v>0</v>
      </c>
      <c r="FM78" s="91">
        <f t="shared" si="336"/>
        <v>411.3586620961961</v>
      </c>
      <c r="FN78" s="91">
        <f t="shared" si="337"/>
        <v>1632.8609929609509</v>
      </c>
      <c r="FO78" s="91">
        <f t="shared" si="338"/>
        <v>2435.82323815873</v>
      </c>
      <c r="FP78" s="91">
        <f t="shared" si="339"/>
        <v>3228.7176579034954</v>
      </c>
      <c r="FQ78" s="91">
        <f t="shared" si="340"/>
        <v>4010.5516927085141</v>
      </c>
      <c r="FR78" s="91">
        <f t="shared" si="341"/>
        <v>4780.1484162817205</v>
      </c>
      <c r="FS78" s="91">
        <f t="shared" si="342"/>
        <v>5536.0949658305581</v>
      </c>
      <c r="FT78" s="91">
        <f t="shared" si="343"/>
        <v>6276.6710535395896</v>
      </c>
      <c r="FU78" s="91">
        <f t="shared" si="344"/>
        <v>6999.7473979673823</v>
      </c>
      <c r="FV78" s="91">
        <f t="shared" si="345"/>
        <v>7528.9808675670038</v>
      </c>
      <c r="FW78" s="91">
        <f t="shared" si="346"/>
        <v>7702.6372375367609</v>
      </c>
      <c r="FX78" s="91">
        <f t="shared" si="347"/>
        <v>7702.6372375367609</v>
      </c>
      <c r="FY78" s="91">
        <f t="shared" si="348"/>
        <v>0</v>
      </c>
      <c r="FZ78" s="91">
        <f t="shared" si="349"/>
        <v>0.76484953655702415</v>
      </c>
      <c r="GA78" s="91">
        <f t="shared" si="350"/>
        <v>7.5768597063055116</v>
      </c>
      <c r="GB78" s="91">
        <f t="shared" si="351"/>
        <v>13.726817684469896</v>
      </c>
      <c r="GC78" s="91">
        <f t="shared" si="352"/>
        <v>23.791007724172999</v>
      </c>
      <c r="GD78" s="91">
        <f t="shared" si="353"/>
        <v>37.025693219562086</v>
      </c>
      <c r="GE78" s="91">
        <f t="shared" si="354"/>
        <v>56.924558497122632</v>
      </c>
      <c r="GF78" s="91">
        <f t="shared" si="355"/>
        <v>83.232103909566263</v>
      </c>
      <c r="GG78" s="91">
        <f t="shared" si="356"/>
        <v>127.91298947402534</v>
      </c>
      <c r="GH78" s="91">
        <f t="shared" si="357"/>
        <v>208.49460477662626</v>
      </c>
      <c r="GI78" s="91">
        <f t="shared" si="358"/>
        <v>366.67774053257756</v>
      </c>
      <c r="GJ78" s="91">
        <f t="shared" si="359"/>
        <v>573.13235246863144</v>
      </c>
      <c r="GK78" s="127">
        <f t="shared" si="360"/>
        <v>6617.7563683296457</v>
      </c>
      <c r="GL78" s="126">
        <f t="shared" si="361"/>
        <v>0</v>
      </c>
      <c r="GM78" s="91">
        <f t="shared" si="362"/>
        <v>455.90327145999487</v>
      </c>
      <c r="GN78" s="91">
        <f t="shared" si="363"/>
        <v>1806.7733687544883</v>
      </c>
      <c r="GO78" s="91">
        <f t="shared" si="364"/>
        <v>2692.1222165924069</v>
      </c>
      <c r="GP78" s="91">
        <f t="shared" si="365"/>
        <v>3563.9873696271825</v>
      </c>
      <c r="GQ78" s="91">
        <f t="shared" si="366"/>
        <v>4421.0395071176536</v>
      </c>
      <c r="GR78" s="91">
        <f t="shared" si="367"/>
        <v>5261.7023884940909</v>
      </c>
      <c r="GS78" s="91">
        <f t="shared" si="368"/>
        <v>6084.0837868021772</v>
      </c>
      <c r="GT78" s="91">
        <f t="shared" si="369"/>
        <v>6885.8797451462369</v>
      </c>
      <c r="GU78" s="91">
        <f t="shared" si="370"/>
        <v>7664.2385473100676</v>
      </c>
      <c r="GV78" s="91">
        <f t="shared" si="371"/>
        <v>8230.4981104670169</v>
      </c>
      <c r="GW78" s="91">
        <f t="shared" si="372"/>
        <v>8415.5618518956653</v>
      </c>
      <c r="GX78" s="91">
        <f t="shared" si="373"/>
        <v>8415.5618518956653</v>
      </c>
      <c r="GY78" s="91">
        <f t="shared" si="374"/>
        <v>0</v>
      </c>
      <c r="GZ78" s="91">
        <f t="shared" si="375"/>
        <v>0.76367614336737133</v>
      </c>
      <c r="HA78" s="91">
        <f t="shared" si="376"/>
        <v>7.5280287365754619</v>
      </c>
      <c r="HB78" s="91">
        <f t="shared" si="377"/>
        <v>13.589431170589929</v>
      </c>
      <c r="HC78" s="91">
        <f t="shared" si="378"/>
        <v>23.461693961218746</v>
      </c>
      <c r="HD78" s="91">
        <f t="shared" si="379"/>
        <v>36.359808317595558</v>
      </c>
      <c r="HE78" s="91">
        <f t="shared" si="380"/>
        <v>55.644624129054066</v>
      </c>
      <c r="HF78" s="91">
        <f t="shared" si="381"/>
        <v>80.951234271340212</v>
      </c>
      <c r="HG78" s="91">
        <f t="shared" si="382"/>
        <v>123.71511193765902</v>
      </c>
      <c r="HH78" s="91">
        <f t="shared" si="383"/>
        <v>200.39929268436001</v>
      </c>
      <c r="HI78" s="91">
        <f t="shared" si="384"/>
        <v>350.61661932588726</v>
      </c>
      <c r="HJ78" s="91">
        <f t="shared" si="385"/>
        <v>547.01922625797397</v>
      </c>
      <c r="HK78" s="127">
        <f t="shared" si="386"/>
        <v>6316.23734478607</v>
      </c>
      <c r="HL78" s="126">
        <f t="shared" si="387"/>
        <v>0</v>
      </c>
      <c r="HM78" s="91">
        <f t="shared" si="388"/>
        <v>403.72436117061295</v>
      </c>
      <c r="HN78" s="91">
        <f t="shared" si="389"/>
        <v>1576.7274192886712</v>
      </c>
      <c r="HO78" s="91">
        <f t="shared" si="390"/>
        <v>2324.205366110536</v>
      </c>
      <c r="HP78" s="91">
        <f t="shared" si="391"/>
        <v>3041.1202713786092</v>
      </c>
      <c r="HQ78" s="91">
        <f t="shared" si="392"/>
        <v>3724.4590080795942</v>
      </c>
      <c r="HR78" s="91">
        <f t="shared" si="393"/>
        <v>4370.6487642554339</v>
      </c>
      <c r="HS78" s="91">
        <f t="shared" si="394"/>
        <v>4975.4004921430123</v>
      </c>
      <c r="HT78" s="91">
        <f t="shared" si="395"/>
        <v>5533.491889445464</v>
      </c>
      <c r="HU78" s="91">
        <f t="shared" si="396"/>
        <v>6038.4590660727272</v>
      </c>
      <c r="HV78" s="91">
        <f t="shared" si="397"/>
        <v>6377.4961613537471</v>
      </c>
      <c r="HW78" s="91">
        <f t="shared" si="398"/>
        <v>6482.1457815226613</v>
      </c>
      <c r="HX78" s="91">
        <f t="shared" si="399"/>
        <v>6482.1457815226613</v>
      </c>
      <c r="HY78" s="91">
        <f t="shared" si="400"/>
        <v>0</v>
      </c>
      <c r="HZ78" s="91">
        <f t="shared" si="401"/>
        <v>0.76023688746666462</v>
      </c>
      <c r="IA78" s="91">
        <f t="shared" si="402"/>
        <v>7.3849034804701441</v>
      </c>
      <c r="IB78" s="91">
        <f t="shared" si="403"/>
        <v>13.186746560941756</v>
      </c>
      <c r="IC78" s="91">
        <f t="shared" si="404"/>
        <v>22.496463966352817</v>
      </c>
      <c r="ID78" s="91">
        <f t="shared" si="405"/>
        <v>34.408076708383327</v>
      </c>
      <c r="IE78" s="91">
        <f t="shared" si="406"/>
        <v>51.893092360577214</v>
      </c>
      <c r="IF78" s="91">
        <f t="shared" si="407"/>
        <v>74.265926711022516</v>
      </c>
      <c r="IG78" s="91">
        <f t="shared" si="408"/>
        <v>111.41098812417155</v>
      </c>
      <c r="IH78" s="91">
        <f t="shared" si="409"/>
        <v>176.67165379323478</v>
      </c>
      <c r="II78" s="91">
        <f t="shared" si="410"/>
        <v>303.5409192373121</v>
      </c>
      <c r="IJ78" s="91">
        <f t="shared" si="411"/>
        <v>470.48075288190876</v>
      </c>
      <c r="IK78" s="127">
        <f t="shared" si="412"/>
        <v>5432.4746895721391</v>
      </c>
    </row>
    <row r="79" spans="2:245" x14ac:dyDescent="0.2">
      <c r="B79" s="79">
        <f t="shared" si="188"/>
        <v>-68.5</v>
      </c>
      <c r="C79" s="73">
        <f>'p-y mono_clay'!C79</f>
        <v>53</v>
      </c>
      <c r="D79" s="64">
        <f>'p-y mono_clay'!D79</f>
        <v>52.988</v>
      </c>
      <c r="E79" s="64" t="str">
        <f>'p-y mono_clay'!E79</f>
        <v>SAND</v>
      </c>
      <c r="F79" s="55">
        <f>VLOOKUP($C79, 'Pile Property'!$A$8:$D$108,2,TRUE)</f>
        <v>2</v>
      </c>
      <c r="G79" s="102" t="e">
        <f>'p-y mono_clay'!Z79</f>
        <v>#N/A</v>
      </c>
      <c r="H79" s="199">
        <f>'p-y mono_clay'!AM79</f>
        <v>0</v>
      </c>
      <c r="I79" s="55" t="e">
        <f>'p-y mono_clay'!AN79</f>
        <v>#N/A</v>
      </c>
      <c r="J79" s="55" t="e">
        <f>'p-y mono_clay'!AO79</f>
        <v>#N/A</v>
      </c>
      <c r="K79" s="55" t="e">
        <f>'p-y mono_clay'!AP79</f>
        <v>#N/A</v>
      </c>
      <c r="L79" s="55" t="e">
        <f>'p-y mono_clay'!AQ79</f>
        <v>#N/A</v>
      </c>
      <c r="M79" s="55" t="e">
        <f>'p-y mono_clay'!AR79</f>
        <v>#N/A</v>
      </c>
      <c r="N79" s="55" t="e">
        <f>'p-y mono_clay'!AS79</f>
        <v>#N/A</v>
      </c>
      <c r="O79" s="55" t="e">
        <f>'p-y mono_clay'!AT79</f>
        <v>#N/A</v>
      </c>
      <c r="P79" s="55" t="e">
        <f>'p-y mono_clay'!AU79</f>
        <v>#N/A</v>
      </c>
      <c r="Q79" s="55" t="e">
        <f>'p-y mono_clay'!AV79</f>
        <v>#N/A</v>
      </c>
      <c r="R79" s="55" t="e">
        <f>'p-y mono_clay'!AW79</f>
        <v>#N/A</v>
      </c>
      <c r="S79" s="55" t="e">
        <f>'p-y mono_clay'!AX79</f>
        <v>#N/A</v>
      </c>
      <c r="T79" s="200">
        <f>'p-y mono_clay'!AY79</f>
        <v>6000</v>
      </c>
      <c r="U79" s="199">
        <f>'p-y mono_clay'!AZ79</f>
        <v>0</v>
      </c>
      <c r="V79" s="55" t="e">
        <f>'p-y mono_clay'!BA79</f>
        <v>#N/A</v>
      </c>
      <c r="W79" s="55" t="e">
        <f>'p-y mono_clay'!BB79</f>
        <v>#N/A</v>
      </c>
      <c r="X79" s="55" t="e">
        <f>'p-y mono_clay'!BC79</f>
        <v>#N/A</v>
      </c>
      <c r="Y79" s="55" t="e">
        <f>'p-y mono_clay'!BD79</f>
        <v>#N/A</v>
      </c>
      <c r="Z79" s="55" t="e">
        <f>'p-y mono_clay'!BE79</f>
        <v>#N/A</v>
      </c>
      <c r="AA79" s="55" t="e">
        <f>'p-y mono_clay'!BF79</f>
        <v>#N/A</v>
      </c>
      <c r="AB79" s="55" t="e">
        <f>'p-y mono_clay'!BG79</f>
        <v>#N/A</v>
      </c>
      <c r="AC79" s="55" t="e">
        <f>'p-y mono_clay'!BH79</f>
        <v>#N/A</v>
      </c>
      <c r="AD79" s="55" t="e">
        <f>'p-y mono_clay'!BI79</f>
        <v>#N/A</v>
      </c>
      <c r="AE79" s="55" t="e">
        <f>'p-y mono_clay'!BJ79</f>
        <v>#N/A</v>
      </c>
      <c r="AF79" s="55" t="e">
        <f>'p-y mono_clay'!BK79</f>
        <v>#N/A</v>
      </c>
      <c r="AG79" s="200" t="e">
        <f>'p-y mono_clay'!BL79</f>
        <v>#N/A</v>
      </c>
      <c r="AH79">
        <f t="shared" si="205"/>
        <v>30</v>
      </c>
      <c r="AI79">
        <v>0</v>
      </c>
      <c r="AJ79" t="e">
        <f t="shared" si="206"/>
        <v>#N/A</v>
      </c>
      <c r="AK79" t="e">
        <f t="shared" si="207"/>
        <v>#N/A</v>
      </c>
      <c r="AL79" t="e">
        <f t="shared" si="208"/>
        <v>#N/A</v>
      </c>
      <c r="AM79" t="e">
        <f t="shared" si="209"/>
        <v>#N/A</v>
      </c>
      <c r="AN79" t="e">
        <f t="shared" si="210"/>
        <v>#N/A</v>
      </c>
      <c r="AO79" t="e">
        <f t="shared" si="211"/>
        <v>#N/A</v>
      </c>
      <c r="AP79" t="e">
        <f t="shared" si="212"/>
        <v>#N/A</v>
      </c>
      <c r="AQ79" t="e">
        <f t="shared" si="213"/>
        <v>#N/A</v>
      </c>
      <c r="AR79" t="e">
        <f t="shared" si="214"/>
        <v>#N/A</v>
      </c>
      <c r="AS79" t="e">
        <f t="shared" si="215"/>
        <v>#N/A</v>
      </c>
      <c r="AT79" t="e">
        <f t="shared" si="216"/>
        <v>#N/A</v>
      </c>
      <c r="AU79" t="e">
        <f t="shared" si="217"/>
        <v>#N/A</v>
      </c>
      <c r="AV79">
        <v>1</v>
      </c>
      <c r="AW79">
        <v>1.25</v>
      </c>
      <c r="AX79">
        <v>2.5</v>
      </c>
      <c r="AY79" s="162">
        <f t="shared" si="218"/>
        <v>2</v>
      </c>
      <c r="AZ79" s="162" t="e">
        <f t="shared" si="219"/>
        <v>#N/A</v>
      </c>
      <c r="BA79" s="162" t="e">
        <f t="shared" si="220"/>
        <v>#N/A</v>
      </c>
      <c r="BB79" s="162" t="e">
        <f t="shared" si="221"/>
        <v>#N/A</v>
      </c>
      <c r="BC79" s="162" t="e">
        <f t="shared" si="222"/>
        <v>#N/A</v>
      </c>
      <c r="BD79" s="162" t="e">
        <f t="shared" si="223"/>
        <v>#N/A</v>
      </c>
      <c r="BE79" s="162" t="e">
        <f t="shared" si="224"/>
        <v>#N/A</v>
      </c>
      <c r="BF79" s="162" t="e">
        <f t="shared" si="225"/>
        <v>#N/A</v>
      </c>
      <c r="BG79" s="162" t="e">
        <f t="shared" si="226"/>
        <v>#N/A</v>
      </c>
      <c r="BH79" s="162" t="e">
        <f t="shared" si="227"/>
        <v>#N/A</v>
      </c>
      <c r="BI79" s="162" t="e">
        <f t="shared" si="228"/>
        <v>#N/A</v>
      </c>
      <c r="BJ79" s="162" t="e">
        <f t="shared" si="229"/>
        <v>#N/A</v>
      </c>
      <c r="BK79" s="162" t="e">
        <f t="shared" si="230"/>
        <v>#N/A</v>
      </c>
      <c r="BL79" s="162">
        <f t="shared" si="231"/>
        <v>2.3784142300054421</v>
      </c>
      <c r="BM79" s="162" t="e">
        <f t="shared" si="232"/>
        <v>#N/A</v>
      </c>
      <c r="BN79" s="162" t="e">
        <f t="shared" si="233"/>
        <v>#N/A</v>
      </c>
      <c r="BO79" s="162" t="e">
        <f t="shared" si="234"/>
        <v>#N/A</v>
      </c>
      <c r="BP79" s="162" t="e">
        <f t="shared" si="235"/>
        <v>#N/A</v>
      </c>
      <c r="BQ79" s="162" t="e">
        <f t="shared" si="236"/>
        <v>#N/A</v>
      </c>
      <c r="BR79" s="162" t="e">
        <f t="shared" si="237"/>
        <v>#N/A</v>
      </c>
      <c r="BS79" s="162" t="e">
        <f t="shared" si="238"/>
        <v>#N/A</v>
      </c>
      <c r="BT79" s="162" t="e">
        <f t="shared" si="239"/>
        <v>#N/A</v>
      </c>
      <c r="BU79" s="162" t="e">
        <f t="shared" si="240"/>
        <v>#N/A</v>
      </c>
      <c r="BV79" s="162" t="e">
        <f t="shared" si="241"/>
        <v>#N/A</v>
      </c>
      <c r="BW79" s="162" t="e">
        <f t="shared" si="242"/>
        <v>#N/A</v>
      </c>
      <c r="BX79" s="162" t="e">
        <f t="shared" si="243"/>
        <v>#N/A</v>
      </c>
      <c r="BY79" s="162">
        <f t="shared" si="244"/>
        <v>5.6568542494923806</v>
      </c>
      <c r="BZ79" s="162" t="e">
        <f t="shared" si="245"/>
        <v>#N/A</v>
      </c>
      <c r="CA79" s="162" t="e">
        <f t="shared" si="246"/>
        <v>#N/A</v>
      </c>
      <c r="CB79" s="162" t="e">
        <f t="shared" si="247"/>
        <v>#N/A</v>
      </c>
      <c r="CC79" s="162" t="e">
        <f t="shared" si="248"/>
        <v>#N/A</v>
      </c>
      <c r="CD79" s="162" t="e">
        <f t="shared" si="249"/>
        <v>#N/A</v>
      </c>
      <c r="CE79" s="162" t="e">
        <f t="shared" si="250"/>
        <v>#N/A</v>
      </c>
      <c r="CF79" s="162" t="e">
        <f t="shared" si="251"/>
        <v>#N/A</v>
      </c>
      <c r="CG79" s="162" t="e">
        <f t="shared" si="252"/>
        <v>#N/A</v>
      </c>
      <c r="CH79" s="162" t="e">
        <f t="shared" si="253"/>
        <v>#N/A</v>
      </c>
      <c r="CI79" s="162" t="e">
        <f t="shared" si="254"/>
        <v>#N/A</v>
      </c>
      <c r="CJ79" s="162" t="e">
        <f t="shared" si="255"/>
        <v>#N/A</v>
      </c>
      <c r="CK79" s="162" t="e">
        <f t="shared" si="256"/>
        <v>#N/A</v>
      </c>
      <c r="CL79">
        <f t="shared" si="257"/>
        <v>1.3729593947216077</v>
      </c>
      <c r="CM79" t="e">
        <f t="shared" si="258"/>
        <v>#N/A</v>
      </c>
      <c r="CN79" t="e">
        <f t="shared" si="259"/>
        <v>#N/A</v>
      </c>
      <c r="CO79" t="e">
        <f t="shared" si="260"/>
        <v>#N/A</v>
      </c>
      <c r="CP79" t="e">
        <f t="shared" si="261"/>
        <v>#N/A</v>
      </c>
      <c r="CQ79" t="e">
        <f t="shared" si="262"/>
        <v>#N/A</v>
      </c>
      <c r="CR79" t="e">
        <f t="shared" si="263"/>
        <v>#N/A</v>
      </c>
      <c r="CS79" t="e">
        <f t="shared" si="264"/>
        <v>#N/A</v>
      </c>
      <c r="CT79" t="e">
        <f t="shared" si="265"/>
        <v>#N/A</v>
      </c>
      <c r="CU79" t="e">
        <f t="shared" si="266"/>
        <v>#N/A</v>
      </c>
      <c r="CV79" t="e">
        <f t="shared" si="267"/>
        <v>#N/A</v>
      </c>
      <c r="CW79" t="e">
        <f t="shared" si="268"/>
        <v>#N/A</v>
      </c>
      <c r="CX79" s="98" t="e">
        <f t="shared" si="269"/>
        <v>#N/A</v>
      </c>
      <c r="CY79">
        <f t="shared" si="270"/>
        <v>1.1029593947216076</v>
      </c>
      <c r="CZ79" t="e">
        <f t="shared" si="271"/>
        <v>#N/A</v>
      </c>
      <c r="DA79" t="e">
        <f t="shared" si="272"/>
        <v>#N/A</v>
      </c>
      <c r="DB79" t="e">
        <f t="shared" si="273"/>
        <v>#N/A</v>
      </c>
      <c r="DC79" t="e">
        <f t="shared" si="274"/>
        <v>#N/A</v>
      </c>
      <c r="DD79" t="e">
        <f t="shared" si="275"/>
        <v>#N/A</v>
      </c>
      <c r="DE79" t="e">
        <f t="shared" si="276"/>
        <v>#N/A</v>
      </c>
      <c r="DF79" t="e">
        <f t="shared" si="277"/>
        <v>#N/A</v>
      </c>
      <c r="DG79" t="e">
        <f t="shared" si="278"/>
        <v>#N/A</v>
      </c>
      <c r="DH79" t="e">
        <f t="shared" si="279"/>
        <v>#N/A</v>
      </c>
      <c r="DI79" t="e">
        <f t="shared" si="280"/>
        <v>#N/A</v>
      </c>
      <c r="DJ79" t="e">
        <f t="shared" si="281"/>
        <v>#N/A</v>
      </c>
      <c r="DK79" t="e">
        <f t="shared" si="282"/>
        <v>#N/A</v>
      </c>
      <c r="DL79" s="97">
        <f t="shared" si="283"/>
        <v>1.5000349036450102</v>
      </c>
      <c r="DM79" t="e">
        <f t="shared" si="284"/>
        <v>#N/A</v>
      </c>
      <c r="DN79" t="e">
        <f t="shared" si="285"/>
        <v>#N/A</v>
      </c>
      <c r="DO79" t="e">
        <f t="shared" si="286"/>
        <v>#N/A</v>
      </c>
      <c r="DP79" t="e">
        <f t="shared" si="287"/>
        <v>#N/A</v>
      </c>
      <c r="DQ79" t="e">
        <f t="shared" si="288"/>
        <v>#N/A</v>
      </c>
      <c r="DR79" t="e">
        <f t="shared" si="289"/>
        <v>#N/A</v>
      </c>
      <c r="DS79" t="e">
        <f t="shared" si="290"/>
        <v>#N/A</v>
      </c>
      <c r="DT79" t="e">
        <f t="shared" si="291"/>
        <v>#N/A</v>
      </c>
      <c r="DU79" t="e">
        <f t="shared" si="292"/>
        <v>#N/A</v>
      </c>
      <c r="DV79" t="e">
        <f t="shared" si="293"/>
        <v>#N/A</v>
      </c>
      <c r="DW79" t="e">
        <f t="shared" si="294"/>
        <v>#N/A</v>
      </c>
      <c r="DX79" s="98" t="e">
        <f t="shared" si="295"/>
        <v>#N/A</v>
      </c>
      <c r="DY79">
        <f t="shared" si="296"/>
        <v>1.0527062241310117</v>
      </c>
      <c r="DZ79" t="e">
        <f t="shared" si="297"/>
        <v>#N/A</v>
      </c>
      <c r="EA79" t="e">
        <f t="shared" si="298"/>
        <v>#N/A</v>
      </c>
      <c r="EB79" t="e">
        <f t="shared" si="299"/>
        <v>#N/A</v>
      </c>
      <c r="EC79" t="e">
        <f t="shared" si="300"/>
        <v>#N/A</v>
      </c>
      <c r="ED79" t="e">
        <f t="shared" si="301"/>
        <v>#N/A</v>
      </c>
      <c r="EE79" t="e">
        <f t="shared" si="302"/>
        <v>#N/A</v>
      </c>
      <c r="EF79" t="e">
        <f t="shared" si="303"/>
        <v>#N/A</v>
      </c>
      <c r="EG79" t="e">
        <f t="shared" si="304"/>
        <v>#N/A</v>
      </c>
      <c r="EH79" t="e">
        <f t="shared" si="305"/>
        <v>#N/A</v>
      </c>
      <c r="EI79" t="e">
        <f t="shared" si="306"/>
        <v>#N/A</v>
      </c>
      <c r="EJ79" t="e">
        <f t="shared" si="307"/>
        <v>#N/A</v>
      </c>
      <c r="EK79" t="e">
        <f t="shared" si="308"/>
        <v>#N/A</v>
      </c>
      <c r="EL79" s="97">
        <f t="shared" si="309"/>
        <v>1.1554124482620232</v>
      </c>
      <c r="EM79" t="e">
        <f t="shared" si="310"/>
        <v>#N/A</v>
      </c>
      <c r="EN79" t="e">
        <f t="shared" si="311"/>
        <v>#N/A</v>
      </c>
      <c r="EO79" t="e">
        <f t="shared" si="312"/>
        <v>#N/A</v>
      </c>
      <c r="EP79" t="e">
        <f t="shared" si="313"/>
        <v>#N/A</v>
      </c>
      <c r="EQ79" t="e">
        <f t="shared" si="314"/>
        <v>#N/A</v>
      </c>
      <c r="ER79" t="e">
        <f t="shared" si="315"/>
        <v>#N/A</v>
      </c>
      <c r="ES79" t="e">
        <f t="shared" si="316"/>
        <v>#N/A</v>
      </c>
      <c r="ET79" t="e">
        <f t="shared" si="317"/>
        <v>#N/A</v>
      </c>
      <c r="EU79" t="e">
        <f t="shared" si="318"/>
        <v>#N/A</v>
      </c>
      <c r="EV79" t="e">
        <f t="shared" si="319"/>
        <v>#N/A</v>
      </c>
      <c r="EW79" t="e">
        <f t="shared" si="320"/>
        <v>#N/A</v>
      </c>
      <c r="EX79" s="98" t="e">
        <f t="shared" si="321"/>
        <v>#N/A</v>
      </c>
      <c r="EY79" s="97">
        <f t="shared" si="322"/>
        <v>0.90541244826202316</v>
      </c>
      <c r="EZ79" t="e">
        <f t="shared" si="323"/>
        <v>#N/A</v>
      </c>
      <c r="FA79" t="e">
        <f t="shared" si="324"/>
        <v>#N/A</v>
      </c>
      <c r="FB79" t="e">
        <f t="shared" si="325"/>
        <v>#N/A</v>
      </c>
      <c r="FC79" t="e">
        <f t="shared" si="326"/>
        <v>#N/A</v>
      </c>
      <c r="FD79" t="e">
        <f t="shared" si="327"/>
        <v>#N/A</v>
      </c>
      <c r="FE79" t="e">
        <f t="shared" si="328"/>
        <v>#N/A</v>
      </c>
      <c r="FF79" t="e">
        <f t="shared" si="329"/>
        <v>#N/A</v>
      </c>
      <c r="FG79" t="e">
        <f t="shared" si="330"/>
        <v>#N/A</v>
      </c>
      <c r="FH79" t="e">
        <f t="shared" si="331"/>
        <v>#N/A</v>
      </c>
      <c r="FI79" t="e">
        <f t="shared" si="332"/>
        <v>#N/A</v>
      </c>
      <c r="FJ79" t="e">
        <f t="shared" si="333"/>
        <v>#N/A</v>
      </c>
      <c r="FK79" t="e">
        <f t="shared" si="334"/>
        <v>#N/A</v>
      </c>
      <c r="FL79" s="126">
        <f t="shared" si="335"/>
        <v>0</v>
      </c>
      <c r="FM79" s="91" t="e">
        <f t="shared" si="336"/>
        <v>#N/A</v>
      </c>
      <c r="FN79" s="91" t="e">
        <f t="shared" si="337"/>
        <v>#N/A</v>
      </c>
      <c r="FO79" s="91" t="e">
        <f t="shared" si="338"/>
        <v>#N/A</v>
      </c>
      <c r="FP79" s="91" t="e">
        <f t="shared" si="339"/>
        <v>#N/A</v>
      </c>
      <c r="FQ79" s="91" t="e">
        <f t="shared" si="340"/>
        <v>#N/A</v>
      </c>
      <c r="FR79" s="91" t="e">
        <f t="shared" si="341"/>
        <v>#N/A</v>
      </c>
      <c r="FS79" s="91" t="e">
        <f t="shared" si="342"/>
        <v>#N/A</v>
      </c>
      <c r="FT79" s="91" t="e">
        <f t="shared" si="343"/>
        <v>#N/A</v>
      </c>
      <c r="FU79" s="91" t="e">
        <f t="shared" si="344"/>
        <v>#N/A</v>
      </c>
      <c r="FV79" s="91" t="e">
        <f t="shared" si="345"/>
        <v>#N/A</v>
      </c>
      <c r="FW79" s="91" t="e">
        <f t="shared" si="346"/>
        <v>#N/A</v>
      </c>
      <c r="FX79" s="91" t="e">
        <f t="shared" si="347"/>
        <v>#N/A</v>
      </c>
      <c r="FY79" s="91">
        <f t="shared" si="348"/>
        <v>0</v>
      </c>
      <c r="FZ79" s="91" t="e">
        <f t="shared" si="349"/>
        <v>#N/A</v>
      </c>
      <c r="GA79" s="91" t="e">
        <f t="shared" si="350"/>
        <v>#N/A</v>
      </c>
      <c r="GB79" s="91" t="e">
        <f t="shared" si="351"/>
        <v>#N/A</v>
      </c>
      <c r="GC79" s="91" t="e">
        <f t="shared" si="352"/>
        <v>#N/A</v>
      </c>
      <c r="GD79" s="91" t="e">
        <f t="shared" si="353"/>
        <v>#N/A</v>
      </c>
      <c r="GE79" s="91" t="e">
        <f t="shared" si="354"/>
        <v>#N/A</v>
      </c>
      <c r="GF79" s="91" t="e">
        <f t="shared" si="355"/>
        <v>#N/A</v>
      </c>
      <c r="GG79" s="91" t="e">
        <f t="shared" si="356"/>
        <v>#N/A</v>
      </c>
      <c r="GH79" s="91" t="e">
        <f t="shared" si="357"/>
        <v>#N/A</v>
      </c>
      <c r="GI79" s="91" t="e">
        <f t="shared" si="358"/>
        <v>#N/A</v>
      </c>
      <c r="GJ79" s="91" t="e">
        <f t="shared" si="359"/>
        <v>#N/A</v>
      </c>
      <c r="GK79" s="127" t="e">
        <f t="shared" si="360"/>
        <v>#N/A</v>
      </c>
      <c r="GL79" s="126">
        <f t="shared" si="361"/>
        <v>0</v>
      </c>
      <c r="GM79" s="91" t="e">
        <f t="shared" si="362"/>
        <v>#N/A</v>
      </c>
      <c r="GN79" s="91" t="e">
        <f t="shared" si="363"/>
        <v>#N/A</v>
      </c>
      <c r="GO79" s="91" t="e">
        <f t="shared" si="364"/>
        <v>#N/A</v>
      </c>
      <c r="GP79" s="91" t="e">
        <f t="shared" si="365"/>
        <v>#N/A</v>
      </c>
      <c r="GQ79" s="91" t="e">
        <f t="shared" si="366"/>
        <v>#N/A</v>
      </c>
      <c r="GR79" s="91" t="e">
        <f t="shared" si="367"/>
        <v>#N/A</v>
      </c>
      <c r="GS79" s="91" t="e">
        <f t="shared" si="368"/>
        <v>#N/A</v>
      </c>
      <c r="GT79" s="91" t="e">
        <f t="shared" si="369"/>
        <v>#N/A</v>
      </c>
      <c r="GU79" s="91" t="e">
        <f t="shared" si="370"/>
        <v>#N/A</v>
      </c>
      <c r="GV79" s="91" t="e">
        <f t="shared" si="371"/>
        <v>#N/A</v>
      </c>
      <c r="GW79" s="91" t="e">
        <f t="shared" si="372"/>
        <v>#N/A</v>
      </c>
      <c r="GX79" s="91" t="e">
        <f t="shared" si="373"/>
        <v>#N/A</v>
      </c>
      <c r="GY79" s="91">
        <f t="shared" si="374"/>
        <v>0</v>
      </c>
      <c r="GZ79" s="91" t="e">
        <f t="shared" si="375"/>
        <v>#N/A</v>
      </c>
      <c r="HA79" s="91" t="e">
        <f t="shared" si="376"/>
        <v>#N/A</v>
      </c>
      <c r="HB79" s="91" t="e">
        <f t="shared" si="377"/>
        <v>#N/A</v>
      </c>
      <c r="HC79" s="91" t="e">
        <f t="shared" si="378"/>
        <v>#N/A</v>
      </c>
      <c r="HD79" s="91" t="e">
        <f t="shared" si="379"/>
        <v>#N/A</v>
      </c>
      <c r="HE79" s="91" t="e">
        <f t="shared" si="380"/>
        <v>#N/A</v>
      </c>
      <c r="HF79" s="91" t="e">
        <f t="shared" si="381"/>
        <v>#N/A</v>
      </c>
      <c r="HG79" s="91" t="e">
        <f t="shared" si="382"/>
        <v>#N/A</v>
      </c>
      <c r="HH79" s="91" t="e">
        <f t="shared" si="383"/>
        <v>#N/A</v>
      </c>
      <c r="HI79" s="91" t="e">
        <f t="shared" si="384"/>
        <v>#N/A</v>
      </c>
      <c r="HJ79" s="91" t="e">
        <f t="shared" si="385"/>
        <v>#N/A</v>
      </c>
      <c r="HK79" s="127" t="e">
        <f t="shared" si="386"/>
        <v>#N/A</v>
      </c>
      <c r="HL79" s="126">
        <f t="shared" si="387"/>
        <v>0</v>
      </c>
      <c r="HM79" s="91" t="e">
        <f t="shared" si="388"/>
        <v>#N/A</v>
      </c>
      <c r="HN79" s="91" t="e">
        <f t="shared" si="389"/>
        <v>#N/A</v>
      </c>
      <c r="HO79" s="91" t="e">
        <f t="shared" si="390"/>
        <v>#N/A</v>
      </c>
      <c r="HP79" s="91" t="e">
        <f t="shared" si="391"/>
        <v>#N/A</v>
      </c>
      <c r="HQ79" s="91" t="e">
        <f t="shared" si="392"/>
        <v>#N/A</v>
      </c>
      <c r="HR79" s="91" t="e">
        <f t="shared" si="393"/>
        <v>#N/A</v>
      </c>
      <c r="HS79" s="91" t="e">
        <f t="shared" si="394"/>
        <v>#N/A</v>
      </c>
      <c r="HT79" s="91" t="e">
        <f t="shared" si="395"/>
        <v>#N/A</v>
      </c>
      <c r="HU79" s="91" t="e">
        <f t="shared" si="396"/>
        <v>#N/A</v>
      </c>
      <c r="HV79" s="91" t="e">
        <f t="shared" si="397"/>
        <v>#N/A</v>
      </c>
      <c r="HW79" s="91" t="e">
        <f t="shared" si="398"/>
        <v>#N/A</v>
      </c>
      <c r="HX79" s="91" t="e">
        <f t="shared" si="399"/>
        <v>#N/A</v>
      </c>
      <c r="HY79" s="91">
        <f t="shared" si="400"/>
        <v>0</v>
      </c>
      <c r="HZ79" s="91" t="e">
        <f t="shared" si="401"/>
        <v>#N/A</v>
      </c>
      <c r="IA79" s="91" t="e">
        <f t="shared" si="402"/>
        <v>#N/A</v>
      </c>
      <c r="IB79" s="91" t="e">
        <f t="shared" si="403"/>
        <v>#N/A</v>
      </c>
      <c r="IC79" s="91" t="e">
        <f t="shared" si="404"/>
        <v>#N/A</v>
      </c>
      <c r="ID79" s="91" t="e">
        <f t="shared" si="405"/>
        <v>#N/A</v>
      </c>
      <c r="IE79" s="91" t="e">
        <f t="shared" si="406"/>
        <v>#N/A</v>
      </c>
      <c r="IF79" s="91" t="e">
        <f t="shared" si="407"/>
        <v>#N/A</v>
      </c>
      <c r="IG79" s="91" t="e">
        <f t="shared" si="408"/>
        <v>#N/A</v>
      </c>
      <c r="IH79" s="91" t="e">
        <f t="shared" si="409"/>
        <v>#N/A</v>
      </c>
      <c r="II79" s="91" t="e">
        <f t="shared" si="410"/>
        <v>#N/A</v>
      </c>
      <c r="IJ79" s="91" t="e">
        <f t="shared" si="411"/>
        <v>#N/A</v>
      </c>
      <c r="IK79" s="127" t="e">
        <f t="shared" si="412"/>
        <v>#N/A</v>
      </c>
    </row>
    <row r="80" spans="2:245" x14ac:dyDescent="0.2">
      <c r="B80" s="79">
        <f t="shared" si="188"/>
        <v>-69.5</v>
      </c>
      <c r="C80" s="73">
        <f>'p-y mono_clay'!C80</f>
        <v>54</v>
      </c>
      <c r="D80" s="64">
        <f>'p-y mono_clay'!D80</f>
        <v>53.992000000000004</v>
      </c>
      <c r="E80" s="64" t="str">
        <f>'p-y mono_clay'!E80</f>
        <v>SAND</v>
      </c>
      <c r="F80" s="55">
        <f>VLOOKUP($C80, 'Pile Property'!$A$8:$D$108,2,TRUE)</f>
        <v>2</v>
      </c>
      <c r="G80" s="102" t="e">
        <f>'p-y mono_clay'!Z80</f>
        <v>#N/A</v>
      </c>
      <c r="H80" s="199">
        <f>'p-y mono_clay'!AM80</f>
        <v>0</v>
      </c>
      <c r="I80" s="55" t="e">
        <f>'p-y mono_clay'!AN80</f>
        <v>#N/A</v>
      </c>
      <c r="J80" s="55" t="e">
        <f>'p-y mono_clay'!AO80</f>
        <v>#N/A</v>
      </c>
      <c r="K80" s="55" t="e">
        <f>'p-y mono_clay'!AP80</f>
        <v>#N/A</v>
      </c>
      <c r="L80" s="55" t="e">
        <f>'p-y mono_clay'!AQ80</f>
        <v>#N/A</v>
      </c>
      <c r="M80" s="55" t="e">
        <f>'p-y mono_clay'!AR80</f>
        <v>#N/A</v>
      </c>
      <c r="N80" s="55" t="e">
        <f>'p-y mono_clay'!AS80</f>
        <v>#N/A</v>
      </c>
      <c r="O80" s="55" t="e">
        <f>'p-y mono_clay'!AT80</f>
        <v>#N/A</v>
      </c>
      <c r="P80" s="55" t="e">
        <f>'p-y mono_clay'!AU80</f>
        <v>#N/A</v>
      </c>
      <c r="Q80" s="55" t="e">
        <f>'p-y mono_clay'!AV80</f>
        <v>#N/A</v>
      </c>
      <c r="R80" s="55" t="e">
        <f>'p-y mono_clay'!AW80</f>
        <v>#N/A</v>
      </c>
      <c r="S80" s="55" t="e">
        <f>'p-y mono_clay'!AX80</f>
        <v>#N/A</v>
      </c>
      <c r="T80" s="200">
        <f>'p-y mono_clay'!AY80</f>
        <v>6000</v>
      </c>
      <c r="U80" s="199">
        <f>'p-y mono_clay'!AZ80</f>
        <v>0</v>
      </c>
      <c r="V80" s="55" t="e">
        <f>'p-y mono_clay'!BA80</f>
        <v>#N/A</v>
      </c>
      <c r="W80" s="55" t="e">
        <f>'p-y mono_clay'!BB80</f>
        <v>#N/A</v>
      </c>
      <c r="X80" s="55" t="e">
        <f>'p-y mono_clay'!BC80</f>
        <v>#N/A</v>
      </c>
      <c r="Y80" s="55" t="e">
        <f>'p-y mono_clay'!BD80</f>
        <v>#N/A</v>
      </c>
      <c r="Z80" s="55" t="e">
        <f>'p-y mono_clay'!BE80</f>
        <v>#N/A</v>
      </c>
      <c r="AA80" s="55" t="e">
        <f>'p-y mono_clay'!BF80</f>
        <v>#N/A</v>
      </c>
      <c r="AB80" s="55" t="e">
        <f>'p-y mono_clay'!BG80</f>
        <v>#N/A</v>
      </c>
      <c r="AC80" s="55" t="e">
        <f>'p-y mono_clay'!BH80</f>
        <v>#N/A</v>
      </c>
      <c r="AD80" s="55" t="e">
        <f>'p-y mono_clay'!BI80</f>
        <v>#N/A</v>
      </c>
      <c r="AE80" s="55" t="e">
        <f>'p-y mono_clay'!BJ80</f>
        <v>#N/A</v>
      </c>
      <c r="AF80" s="55" t="e">
        <f>'p-y mono_clay'!BK80</f>
        <v>#N/A</v>
      </c>
      <c r="AG80" s="200" t="e">
        <f>'p-y mono_clay'!BL80</f>
        <v>#N/A</v>
      </c>
      <c r="AH80">
        <f t="shared" si="205"/>
        <v>30</v>
      </c>
      <c r="AI80">
        <v>0</v>
      </c>
      <c r="AJ80" t="e">
        <f t="shared" si="206"/>
        <v>#N/A</v>
      </c>
      <c r="AK80" t="e">
        <f t="shared" si="207"/>
        <v>#N/A</v>
      </c>
      <c r="AL80" t="e">
        <f t="shared" si="208"/>
        <v>#N/A</v>
      </c>
      <c r="AM80" t="e">
        <f t="shared" si="209"/>
        <v>#N/A</v>
      </c>
      <c r="AN80" t="e">
        <f t="shared" si="210"/>
        <v>#N/A</v>
      </c>
      <c r="AO80" t="e">
        <f t="shared" si="211"/>
        <v>#N/A</v>
      </c>
      <c r="AP80" t="e">
        <f t="shared" si="212"/>
        <v>#N/A</v>
      </c>
      <c r="AQ80" t="e">
        <f t="shared" si="213"/>
        <v>#N/A</v>
      </c>
      <c r="AR80" t="e">
        <f t="shared" si="214"/>
        <v>#N/A</v>
      </c>
      <c r="AS80" t="e">
        <f t="shared" si="215"/>
        <v>#N/A</v>
      </c>
      <c r="AT80" t="e">
        <f t="shared" si="216"/>
        <v>#N/A</v>
      </c>
      <c r="AU80" t="e">
        <f t="shared" si="217"/>
        <v>#N/A</v>
      </c>
      <c r="AV80">
        <v>1</v>
      </c>
      <c r="AW80">
        <v>1.25</v>
      </c>
      <c r="AX80">
        <v>2.5</v>
      </c>
      <c r="AY80" s="162">
        <f t="shared" si="218"/>
        <v>2</v>
      </c>
      <c r="AZ80" s="162" t="e">
        <f t="shared" si="219"/>
        <v>#N/A</v>
      </c>
      <c r="BA80" s="162" t="e">
        <f t="shared" si="220"/>
        <v>#N/A</v>
      </c>
      <c r="BB80" s="162" t="e">
        <f t="shared" si="221"/>
        <v>#N/A</v>
      </c>
      <c r="BC80" s="162" t="e">
        <f t="shared" si="222"/>
        <v>#N/A</v>
      </c>
      <c r="BD80" s="162" t="e">
        <f t="shared" si="223"/>
        <v>#N/A</v>
      </c>
      <c r="BE80" s="162" t="e">
        <f t="shared" si="224"/>
        <v>#N/A</v>
      </c>
      <c r="BF80" s="162" t="e">
        <f t="shared" si="225"/>
        <v>#N/A</v>
      </c>
      <c r="BG80" s="162" t="e">
        <f t="shared" si="226"/>
        <v>#N/A</v>
      </c>
      <c r="BH80" s="162" t="e">
        <f t="shared" si="227"/>
        <v>#N/A</v>
      </c>
      <c r="BI80" s="162" t="e">
        <f t="shared" si="228"/>
        <v>#N/A</v>
      </c>
      <c r="BJ80" s="162" t="e">
        <f t="shared" si="229"/>
        <v>#N/A</v>
      </c>
      <c r="BK80" s="162" t="e">
        <f t="shared" si="230"/>
        <v>#N/A</v>
      </c>
      <c r="BL80" s="162">
        <f t="shared" si="231"/>
        <v>2.3784142300054421</v>
      </c>
      <c r="BM80" s="162" t="e">
        <f t="shared" si="232"/>
        <v>#N/A</v>
      </c>
      <c r="BN80" s="162" t="e">
        <f t="shared" si="233"/>
        <v>#N/A</v>
      </c>
      <c r="BO80" s="162" t="e">
        <f t="shared" si="234"/>
        <v>#N/A</v>
      </c>
      <c r="BP80" s="162" t="e">
        <f t="shared" si="235"/>
        <v>#N/A</v>
      </c>
      <c r="BQ80" s="162" t="e">
        <f t="shared" si="236"/>
        <v>#N/A</v>
      </c>
      <c r="BR80" s="162" t="e">
        <f t="shared" si="237"/>
        <v>#N/A</v>
      </c>
      <c r="BS80" s="162" t="e">
        <f t="shared" si="238"/>
        <v>#N/A</v>
      </c>
      <c r="BT80" s="162" t="e">
        <f t="shared" si="239"/>
        <v>#N/A</v>
      </c>
      <c r="BU80" s="162" t="e">
        <f t="shared" si="240"/>
        <v>#N/A</v>
      </c>
      <c r="BV80" s="162" t="e">
        <f t="shared" si="241"/>
        <v>#N/A</v>
      </c>
      <c r="BW80" s="162" t="e">
        <f t="shared" si="242"/>
        <v>#N/A</v>
      </c>
      <c r="BX80" s="162" t="e">
        <f t="shared" si="243"/>
        <v>#N/A</v>
      </c>
      <c r="BY80" s="162">
        <f t="shared" si="244"/>
        <v>5.6568542494923806</v>
      </c>
      <c r="BZ80" s="162" t="e">
        <f t="shared" si="245"/>
        <v>#N/A</v>
      </c>
      <c r="CA80" s="162" t="e">
        <f t="shared" si="246"/>
        <v>#N/A</v>
      </c>
      <c r="CB80" s="162" t="e">
        <f t="shared" si="247"/>
        <v>#N/A</v>
      </c>
      <c r="CC80" s="162" t="e">
        <f t="shared" si="248"/>
        <v>#N/A</v>
      </c>
      <c r="CD80" s="162" t="e">
        <f t="shared" si="249"/>
        <v>#N/A</v>
      </c>
      <c r="CE80" s="162" t="e">
        <f t="shared" si="250"/>
        <v>#N/A</v>
      </c>
      <c r="CF80" s="162" t="e">
        <f t="shared" si="251"/>
        <v>#N/A</v>
      </c>
      <c r="CG80" s="162" t="e">
        <f t="shared" si="252"/>
        <v>#N/A</v>
      </c>
      <c r="CH80" s="162" t="e">
        <f t="shared" si="253"/>
        <v>#N/A</v>
      </c>
      <c r="CI80" s="162" t="e">
        <f t="shared" si="254"/>
        <v>#N/A</v>
      </c>
      <c r="CJ80" s="162" t="e">
        <f t="shared" si="255"/>
        <v>#N/A</v>
      </c>
      <c r="CK80" s="162" t="e">
        <f t="shared" si="256"/>
        <v>#N/A</v>
      </c>
      <c r="CL80">
        <f t="shared" si="257"/>
        <v>1.3729593947216077</v>
      </c>
      <c r="CM80" t="e">
        <f t="shared" si="258"/>
        <v>#N/A</v>
      </c>
      <c r="CN80" t="e">
        <f t="shared" si="259"/>
        <v>#N/A</v>
      </c>
      <c r="CO80" t="e">
        <f t="shared" si="260"/>
        <v>#N/A</v>
      </c>
      <c r="CP80" t="e">
        <f t="shared" si="261"/>
        <v>#N/A</v>
      </c>
      <c r="CQ80" t="e">
        <f t="shared" si="262"/>
        <v>#N/A</v>
      </c>
      <c r="CR80" t="e">
        <f t="shared" si="263"/>
        <v>#N/A</v>
      </c>
      <c r="CS80" t="e">
        <f t="shared" si="264"/>
        <v>#N/A</v>
      </c>
      <c r="CT80" t="e">
        <f t="shared" si="265"/>
        <v>#N/A</v>
      </c>
      <c r="CU80" t="e">
        <f t="shared" si="266"/>
        <v>#N/A</v>
      </c>
      <c r="CV80" t="e">
        <f t="shared" si="267"/>
        <v>#N/A</v>
      </c>
      <c r="CW80" t="e">
        <f t="shared" si="268"/>
        <v>#N/A</v>
      </c>
      <c r="CX80" s="98" t="e">
        <f t="shared" si="269"/>
        <v>#N/A</v>
      </c>
      <c r="CY80">
        <f t="shared" si="270"/>
        <v>1.1029593947216076</v>
      </c>
      <c r="CZ80" t="e">
        <f t="shared" si="271"/>
        <v>#N/A</v>
      </c>
      <c r="DA80" t="e">
        <f t="shared" si="272"/>
        <v>#N/A</v>
      </c>
      <c r="DB80" t="e">
        <f t="shared" si="273"/>
        <v>#N/A</v>
      </c>
      <c r="DC80" t="e">
        <f t="shared" si="274"/>
        <v>#N/A</v>
      </c>
      <c r="DD80" t="e">
        <f t="shared" si="275"/>
        <v>#N/A</v>
      </c>
      <c r="DE80" t="e">
        <f t="shared" si="276"/>
        <v>#N/A</v>
      </c>
      <c r="DF80" t="e">
        <f t="shared" si="277"/>
        <v>#N/A</v>
      </c>
      <c r="DG80" t="e">
        <f t="shared" si="278"/>
        <v>#N/A</v>
      </c>
      <c r="DH80" t="e">
        <f t="shared" si="279"/>
        <v>#N/A</v>
      </c>
      <c r="DI80" t="e">
        <f t="shared" si="280"/>
        <v>#N/A</v>
      </c>
      <c r="DJ80" t="e">
        <f t="shared" si="281"/>
        <v>#N/A</v>
      </c>
      <c r="DK80" t="e">
        <f t="shared" si="282"/>
        <v>#N/A</v>
      </c>
      <c r="DL80" s="97">
        <f t="shared" si="283"/>
        <v>1.5000349036450102</v>
      </c>
      <c r="DM80" t="e">
        <f t="shared" si="284"/>
        <v>#N/A</v>
      </c>
      <c r="DN80" t="e">
        <f t="shared" si="285"/>
        <v>#N/A</v>
      </c>
      <c r="DO80" t="e">
        <f t="shared" si="286"/>
        <v>#N/A</v>
      </c>
      <c r="DP80" t="e">
        <f t="shared" si="287"/>
        <v>#N/A</v>
      </c>
      <c r="DQ80" t="e">
        <f t="shared" si="288"/>
        <v>#N/A</v>
      </c>
      <c r="DR80" t="e">
        <f t="shared" si="289"/>
        <v>#N/A</v>
      </c>
      <c r="DS80" t="e">
        <f t="shared" si="290"/>
        <v>#N/A</v>
      </c>
      <c r="DT80" t="e">
        <f t="shared" si="291"/>
        <v>#N/A</v>
      </c>
      <c r="DU80" t="e">
        <f t="shared" si="292"/>
        <v>#N/A</v>
      </c>
      <c r="DV80" t="e">
        <f t="shared" si="293"/>
        <v>#N/A</v>
      </c>
      <c r="DW80" t="e">
        <f t="shared" si="294"/>
        <v>#N/A</v>
      </c>
      <c r="DX80" s="98" t="e">
        <f t="shared" si="295"/>
        <v>#N/A</v>
      </c>
      <c r="DY80">
        <f t="shared" si="296"/>
        <v>1.0527062241310117</v>
      </c>
      <c r="DZ80" t="e">
        <f t="shared" si="297"/>
        <v>#N/A</v>
      </c>
      <c r="EA80" t="e">
        <f t="shared" si="298"/>
        <v>#N/A</v>
      </c>
      <c r="EB80" t="e">
        <f t="shared" si="299"/>
        <v>#N/A</v>
      </c>
      <c r="EC80" t="e">
        <f t="shared" si="300"/>
        <v>#N/A</v>
      </c>
      <c r="ED80" t="e">
        <f t="shared" si="301"/>
        <v>#N/A</v>
      </c>
      <c r="EE80" t="e">
        <f t="shared" si="302"/>
        <v>#N/A</v>
      </c>
      <c r="EF80" t="e">
        <f t="shared" si="303"/>
        <v>#N/A</v>
      </c>
      <c r="EG80" t="e">
        <f t="shared" si="304"/>
        <v>#N/A</v>
      </c>
      <c r="EH80" t="e">
        <f t="shared" si="305"/>
        <v>#N/A</v>
      </c>
      <c r="EI80" t="e">
        <f t="shared" si="306"/>
        <v>#N/A</v>
      </c>
      <c r="EJ80" t="e">
        <f t="shared" si="307"/>
        <v>#N/A</v>
      </c>
      <c r="EK80" t="e">
        <f t="shared" si="308"/>
        <v>#N/A</v>
      </c>
      <c r="EL80" s="97">
        <f t="shared" si="309"/>
        <v>1.1554124482620232</v>
      </c>
      <c r="EM80" t="e">
        <f t="shared" si="310"/>
        <v>#N/A</v>
      </c>
      <c r="EN80" t="e">
        <f t="shared" si="311"/>
        <v>#N/A</v>
      </c>
      <c r="EO80" t="e">
        <f t="shared" si="312"/>
        <v>#N/A</v>
      </c>
      <c r="EP80" t="e">
        <f t="shared" si="313"/>
        <v>#N/A</v>
      </c>
      <c r="EQ80" t="e">
        <f t="shared" si="314"/>
        <v>#N/A</v>
      </c>
      <c r="ER80" t="e">
        <f t="shared" si="315"/>
        <v>#N/A</v>
      </c>
      <c r="ES80" t="e">
        <f t="shared" si="316"/>
        <v>#N/A</v>
      </c>
      <c r="ET80" t="e">
        <f t="shared" si="317"/>
        <v>#N/A</v>
      </c>
      <c r="EU80" t="e">
        <f t="shared" si="318"/>
        <v>#N/A</v>
      </c>
      <c r="EV80" t="e">
        <f t="shared" si="319"/>
        <v>#N/A</v>
      </c>
      <c r="EW80" t="e">
        <f t="shared" si="320"/>
        <v>#N/A</v>
      </c>
      <c r="EX80" s="98" t="e">
        <f t="shared" si="321"/>
        <v>#N/A</v>
      </c>
      <c r="EY80" s="97">
        <f t="shared" si="322"/>
        <v>0.90541244826202316</v>
      </c>
      <c r="EZ80" t="e">
        <f t="shared" si="323"/>
        <v>#N/A</v>
      </c>
      <c r="FA80" t="e">
        <f t="shared" si="324"/>
        <v>#N/A</v>
      </c>
      <c r="FB80" t="e">
        <f t="shared" si="325"/>
        <v>#N/A</v>
      </c>
      <c r="FC80" t="e">
        <f t="shared" si="326"/>
        <v>#N/A</v>
      </c>
      <c r="FD80" t="e">
        <f t="shared" si="327"/>
        <v>#N/A</v>
      </c>
      <c r="FE80" t="e">
        <f t="shared" si="328"/>
        <v>#N/A</v>
      </c>
      <c r="FF80" t="e">
        <f t="shared" si="329"/>
        <v>#N/A</v>
      </c>
      <c r="FG80" t="e">
        <f t="shared" si="330"/>
        <v>#N/A</v>
      </c>
      <c r="FH80" t="e">
        <f t="shared" si="331"/>
        <v>#N/A</v>
      </c>
      <c r="FI80" t="e">
        <f t="shared" si="332"/>
        <v>#N/A</v>
      </c>
      <c r="FJ80" t="e">
        <f t="shared" si="333"/>
        <v>#N/A</v>
      </c>
      <c r="FK80" t="e">
        <f t="shared" si="334"/>
        <v>#N/A</v>
      </c>
      <c r="FL80" s="126">
        <f t="shared" si="335"/>
        <v>0</v>
      </c>
      <c r="FM80" s="91" t="e">
        <f t="shared" si="336"/>
        <v>#N/A</v>
      </c>
      <c r="FN80" s="91" t="e">
        <f t="shared" si="337"/>
        <v>#N/A</v>
      </c>
      <c r="FO80" s="91" t="e">
        <f t="shared" si="338"/>
        <v>#N/A</v>
      </c>
      <c r="FP80" s="91" t="e">
        <f t="shared" si="339"/>
        <v>#N/A</v>
      </c>
      <c r="FQ80" s="91" t="e">
        <f t="shared" si="340"/>
        <v>#N/A</v>
      </c>
      <c r="FR80" s="91" t="e">
        <f t="shared" si="341"/>
        <v>#N/A</v>
      </c>
      <c r="FS80" s="91" t="e">
        <f t="shared" si="342"/>
        <v>#N/A</v>
      </c>
      <c r="FT80" s="91" t="e">
        <f t="shared" si="343"/>
        <v>#N/A</v>
      </c>
      <c r="FU80" s="91" t="e">
        <f t="shared" si="344"/>
        <v>#N/A</v>
      </c>
      <c r="FV80" s="91" t="e">
        <f t="shared" si="345"/>
        <v>#N/A</v>
      </c>
      <c r="FW80" s="91" t="e">
        <f t="shared" si="346"/>
        <v>#N/A</v>
      </c>
      <c r="FX80" s="91" t="e">
        <f t="shared" si="347"/>
        <v>#N/A</v>
      </c>
      <c r="FY80" s="91">
        <f t="shared" si="348"/>
        <v>0</v>
      </c>
      <c r="FZ80" s="91" t="e">
        <f t="shared" si="349"/>
        <v>#N/A</v>
      </c>
      <c r="GA80" s="91" t="e">
        <f t="shared" si="350"/>
        <v>#N/A</v>
      </c>
      <c r="GB80" s="91" t="e">
        <f t="shared" si="351"/>
        <v>#N/A</v>
      </c>
      <c r="GC80" s="91" t="e">
        <f t="shared" si="352"/>
        <v>#N/A</v>
      </c>
      <c r="GD80" s="91" t="e">
        <f t="shared" si="353"/>
        <v>#N/A</v>
      </c>
      <c r="GE80" s="91" t="e">
        <f t="shared" si="354"/>
        <v>#N/A</v>
      </c>
      <c r="GF80" s="91" t="e">
        <f t="shared" si="355"/>
        <v>#N/A</v>
      </c>
      <c r="GG80" s="91" t="e">
        <f t="shared" si="356"/>
        <v>#N/A</v>
      </c>
      <c r="GH80" s="91" t="e">
        <f t="shared" si="357"/>
        <v>#N/A</v>
      </c>
      <c r="GI80" s="91" t="e">
        <f t="shared" si="358"/>
        <v>#N/A</v>
      </c>
      <c r="GJ80" s="91" t="e">
        <f t="shared" si="359"/>
        <v>#N/A</v>
      </c>
      <c r="GK80" s="127" t="e">
        <f t="shared" si="360"/>
        <v>#N/A</v>
      </c>
      <c r="GL80" s="126">
        <f t="shared" si="361"/>
        <v>0</v>
      </c>
      <c r="GM80" s="91" t="e">
        <f t="shared" si="362"/>
        <v>#N/A</v>
      </c>
      <c r="GN80" s="91" t="e">
        <f t="shared" si="363"/>
        <v>#N/A</v>
      </c>
      <c r="GO80" s="91" t="e">
        <f t="shared" si="364"/>
        <v>#N/A</v>
      </c>
      <c r="GP80" s="91" t="e">
        <f t="shared" si="365"/>
        <v>#N/A</v>
      </c>
      <c r="GQ80" s="91" t="e">
        <f t="shared" si="366"/>
        <v>#N/A</v>
      </c>
      <c r="GR80" s="91" t="e">
        <f t="shared" si="367"/>
        <v>#N/A</v>
      </c>
      <c r="GS80" s="91" t="e">
        <f t="shared" si="368"/>
        <v>#N/A</v>
      </c>
      <c r="GT80" s="91" t="e">
        <f t="shared" si="369"/>
        <v>#N/A</v>
      </c>
      <c r="GU80" s="91" t="e">
        <f t="shared" si="370"/>
        <v>#N/A</v>
      </c>
      <c r="GV80" s="91" t="e">
        <f t="shared" si="371"/>
        <v>#N/A</v>
      </c>
      <c r="GW80" s="91" t="e">
        <f t="shared" si="372"/>
        <v>#N/A</v>
      </c>
      <c r="GX80" s="91" t="e">
        <f t="shared" si="373"/>
        <v>#N/A</v>
      </c>
      <c r="GY80" s="91">
        <f t="shared" si="374"/>
        <v>0</v>
      </c>
      <c r="GZ80" s="91" t="e">
        <f t="shared" si="375"/>
        <v>#N/A</v>
      </c>
      <c r="HA80" s="91" t="e">
        <f t="shared" si="376"/>
        <v>#N/A</v>
      </c>
      <c r="HB80" s="91" t="e">
        <f t="shared" si="377"/>
        <v>#N/A</v>
      </c>
      <c r="HC80" s="91" t="e">
        <f t="shared" si="378"/>
        <v>#N/A</v>
      </c>
      <c r="HD80" s="91" t="e">
        <f t="shared" si="379"/>
        <v>#N/A</v>
      </c>
      <c r="HE80" s="91" t="e">
        <f t="shared" si="380"/>
        <v>#N/A</v>
      </c>
      <c r="HF80" s="91" t="e">
        <f t="shared" si="381"/>
        <v>#N/A</v>
      </c>
      <c r="HG80" s="91" t="e">
        <f t="shared" si="382"/>
        <v>#N/A</v>
      </c>
      <c r="HH80" s="91" t="e">
        <f t="shared" si="383"/>
        <v>#N/A</v>
      </c>
      <c r="HI80" s="91" t="e">
        <f t="shared" si="384"/>
        <v>#N/A</v>
      </c>
      <c r="HJ80" s="91" t="e">
        <f t="shared" si="385"/>
        <v>#N/A</v>
      </c>
      <c r="HK80" s="127" t="e">
        <f t="shared" si="386"/>
        <v>#N/A</v>
      </c>
      <c r="HL80" s="126">
        <f t="shared" si="387"/>
        <v>0</v>
      </c>
      <c r="HM80" s="91" t="e">
        <f t="shared" si="388"/>
        <v>#N/A</v>
      </c>
      <c r="HN80" s="91" t="e">
        <f t="shared" si="389"/>
        <v>#N/A</v>
      </c>
      <c r="HO80" s="91" t="e">
        <f t="shared" si="390"/>
        <v>#N/A</v>
      </c>
      <c r="HP80" s="91" t="e">
        <f t="shared" si="391"/>
        <v>#N/A</v>
      </c>
      <c r="HQ80" s="91" t="e">
        <f t="shared" si="392"/>
        <v>#N/A</v>
      </c>
      <c r="HR80" s="91" t="e">
        <f t="shared" si="393"/>
        <v>#N/A</v>
      </c>
      <c r="HS80" s="91" t="e">
        <f t="shared" si="394"/>
        <v>#N/A</v>
      </c>
      <c r="HT80" s="91" t="e">
        <f t="shared" si="395"/>
        <v>#N/A</v>
      </c>
      <c r="HU80" s="91" t="e">
        <f t="shared" si="396"/>
        <v>#N/A</v>
      </c>
      <c r="HV80" s="91" t="e">
        <f t="shared" si="397"/>
        <v>#N/A</v>
      </c>
      <c r="HW80" s="91" t="e">
        <f t="shared" si="398"/>
        <v>#N/A</v>
      </c>
      <c r="HX80" s="91" t="e">
        <f t="shared" si="399"/>
        <v>#N/A</v>
      </c>
      <c r="HY80" s="91">
        <f t="shared" si="400"/>
        <v>0</v>
      </c>
      <c r="HZ80" s="91" t="e">
        <f t="shared" si="401"/>
        <v>#N/A</v>
      </c>
      <c r="IA80" s="91" t="e">
        <f t="shared" si="402"/>
        <v>#N/A</v>
      </c>
      <c r="IB80" s="91" t="e">
        <f t="shared" si="403"/>
        <v>#N/A</v>
      </c>
      <c r="IC80" s="91" t="e">
        <f t="shared" si="404"/>
        <v>#N/A</v>
      </c>
      <c r="ID80" s="91" t="e">
        <f t="shared" si="405"/>
        <v>#N/A</v>
      </c>
      <c r="IE80" s="91" t="e">
        <f t="shared" si="406"/>
        <v>#N/A</v>
      </c>
      <c r="IF80" s="91" t="e">
        <f t="shared" si="407"/>
        <v>#N/A</v>
      </c>
      <c r="IG80" s="91" t="e">
        <f t="shared" si="408"/>
        <v>#N/A</v>
      </c>
      <c r="IH80" s="91" t="e">
        <f t="shared" si="409"/>
        <v>#N/A</v>
      </c>
      <c r="II80" s="91" t="e">
        <f t="shared" si="410"/>
        <v>#N/A</v>
      </c>
      <c r="IJ80" s="91" t="e">
        <f t="shared" si="411"/>
        <v>#N/A</v>
      </c>
      <c r="IK80" s="127" t="e">
        <f t="shared" si="412"/>
        <v>#N/A</v>
      </c>
    </row>
    <row r="81" spans="2:245" x14ac:dyDescent="0.2">
      <c r="B81" s="79">
        <f t="shared" si="188"/>
        <v>-70.5</v>
      </c>
      <c r="C81" s="73">
        <f>'p-y mono_clay'!C81</f>
        <v>55</v>
      </c>
      <c r="D81" s="64">
        <f>'p-y mono_clay'!D81</f>
        <v>54.987000000000002</v>
      </c>
      <c r="E81" s="64" t="str">
        <f>'p-y mono_clay'!E81</f>
        <v>SAND</v>
      </c>
      <c r="F81" s="55">
        <f>VLOOKUP($C81, 'Pile Property'!$A$8:$D$108,2,TRUE)</f>
        <v>2</v>
      </c>
      <c r="G81" s="102" t="e">
        <f>'p-y mono_clay'!Z81</f>
        <v>#N/A</v>
      </c>
      <c r="H81" s="199">
        <f>'p-y mono_clay'!AM81</f>
        <v>0</v>
      </c>
      <c r="I81" s="55" t="e">
        <f>'p-y mono_clay'!AN81</f>
        <v>#N/A</v>
      </c>
      <c r="J81" s="55" t="e">
        <f>'p-y mono_clay'!AO81</f>
        <v>#N/A</v>
      </c>
      <c r="K81" s="55" t="e">
        <f>'p-y mono_clay'!AP81</f>
        <v>#N/A</v>
      </c>
      <c r="L81" s="55" t="e">
        <f>'p-y mono_clay'!AQ81</f>
        <v>#N/A</v>
      </c>
      <c r="M81" s="55" t="e">
        <f>'p-y mono_clay'!AR81</f>
        <v>#N/A</v>
      </c>
      <c r="N81" s="55" t="e">
        <f>'p-y mono_clay'!AS81</f>
        <v>#N/A</v>
      </c>
      <c r="O81" s="55" t="e">
        <f>'p-y mono_clay'!AT81</f>
        <v>#N/A</v>
      </c>
      <c r="P81" s="55" t="e">
        <f>'p-y mono_clay'!AU81</f>
        <v>#N/A</v>
      </c>
      <c r="Q81" s="55" t="e">
        <f>'p-y mono_clay'!AV81</f>
        <v>#N/A</v>
      </c>
      <c r="R81" s="55" t="e">
        <f>'p-y mono_clay'!AW81</f>
        <v>#N/A</v>
      </c>
      <c r="S81" s="55" t="e">
        <f>'p-y mono_clay'!AX81</f>
        <v>#N/A</v>
      </c>
      <c r="T81" s="200">
        <f>'p-y mono_clay'!AY81</f>
        <v>6000</v>
      </c>
      <c r="U81" s="199">
        <f>'p-y mono_clay'!AZ81</f>
        <v>0</v>
      </c>
      <c r="V81" s="55" t="e">
        <f>'p-y mono_clay'!BA81</f>
        <v>#N/A</v>
      </c>
      <c r="W81" s="55" t="e">
        <f>'p-y mono_clay'!BB81</f>
        <v>#N/A</v>
      </c>
      <c r="X81" s="55" t="e">
        <f>'p-y mono_clay'!BC81</f>
        <v>#N/A</v>
      </c>
      <c r="Y81" s="55" t="e">
        <f>'p-y mono_clay'!BD81</f>
        <v>#N/A</v>
      </c>
      <c r="Z81" s="55" t="e">
        <f>'p-y mono_clay'!BE81</f>
        <v>#N/A</v>
      </c>
      <c r="AA81" s="55" t="e">
        <f>'p-y mono_clay'!BF81</f>
        <v>#N/A</v>
      </c>
      <c r="AB81" s="55" t="e">
        <f>'p-y mono_clay'!BG81</f>
        <v>#N/A</v>
      </c>
      <c r="AC81" s="55" t="e">
        <f>'p-y mono_clay'!BH81</f>
        <v>#N/A</v>
      </c>
      <c r="AD81" s="55" t="e">
        <f>'p-y mono_clay'!BI81</f>
        <v>#N/A</v>
      </c>
      <c r="AE81" s="55" t="e">
        <f>'p-y mono_clay'!BJ81</f>
        <v>#N/A</v>
      </c>
      <c r="AF81" s="55" t="e">
        <f>'p-y mono_clay'!BK81</f>
        <v>#N/A</v>
      </c>
      <c r="AG81" s="200" t="e">
        <f>'p-y mono_clay'!BL81</f>
        <v>#N/A</v>
      </c>
      <c r="AH81">
        <f t="shared" si="205"/>
        <v>30</v>
      </c>
      <c r="AI81">
        <v>0</v>
      </c>
      <c r="AJ81" t="e">
        <f t="shared" si="206"/>
        <v>#N/A</v>
      </c>
      <c r="AK81" t="e">
        <f t="shared" si="207"/>
        <v>#N/A</v>
      </c>
      <c r="AL81" t="e">
        <f t="shared" si="208"/>
        <v>#N/A</v>
      </c>
      <c r="AM81" t="e">
        <f t="shared" si="209"/>
        <v>#N/A</v>
      </c>
      <c r="AN81" t="e">
        <f t="shared" si="210"/>
        <v>#N/A</v>
      </c>
      <c r="AO81" t="e">
        <f t="shared" si="211"/>
        <v>#N/A</v>
      </c>
      <c r="AP81" t="e">
        <f t="shared" si="212"/>
        <v>#N/A</v>
      </c>
      <c r="AQ81" t="e">
        <f t="shared" si="213"/>
        <v>#N/A</v>
      </c>
      <c r="AR81" t="e">
        <f t="shared" si="214"/>
        <v>#N/A</v>
      </c>
      <c r="AS81" t="e">
        <f t="shared" si="215"/>
        <v>#N/A</v>
      </c>
      <c r="AT81" t="e">
        <f t="shared" si="216"/>
        <v>#N/A</v>
      </c>
      <c r="AU81" t="e">
        <f t="shared" si="217"/>
        <v>#N/A</v>
      </c>
      <c r="AV81">
        <v>1</v>
      </c>
      <c r="AW81">
        <v>1.25</v>
      </c>
      <c r="AX81">
        <v>2.5</v>
      </c>
      <c r="AY81" s="162">
        <f t="shared" si="218"/>
        <v>2</v>
      </c>
      <c r="AZ81" s="162" t="e">
        <f t="shared" si="219"/>
        <v>#N/A</v>
      </c>
      <c r="BA81" s="162" t="e">
        <f t="shared" si="220"/>
        <v>#N/A</v>
      </c>
      <c r="BB81" s="162" t="e">
        <f t="shared" si="221"/>
        <v>#N/A</v>
      </c>
      <c r="BC81" s="162" t="e">
        <f t="shared" si="222"/>
        <v>#N/A</v>
      </c>
      <c r="BD81" s="162" t="e">
        <f t="shared" si="223"/>
        <v>#N/A</v>
      </c>
      <c r="BE81" s="162" t="e">
        <f t="shared" si="224"/>
        <v>#N/A</v>
      </c>
      <c r="BF81" s="162" t="e">
        <f t="shared" si="225"/>
        <v>#N/A</v>
      </c>
      <c r="BG81" s="162" t="e">
        <f t="shared" si="226"/>
        <v>#N/A</v>
      </c>
      <c r="BH81" s="162" t="e">
        <f t="shared" si="227"/>
        <v>#N/A</v>
      </c>
      <c r="BI81" s="162" t="e">
        <f t="shared" si="228"/>
        <v>#N/A</v>
      </c>
      <c r="BJ81" s="162" t="e">
        <f t="shared" si="229"/>
        <v>#N/A</v>
      </c>
      <c r="BK81" s="162" t="e">
        <f t="shared" si="230"/>
        <v>#N/A</v>
      </c>
      <c r="BL81" s="162">
        <f t="shared" si="231"/>
        <v>2.3784142300054421</v>
      </c>
      <c r="BM81" s="162" t="e">
        <f t="shared" si="232"/>
        <v>#N/A</v>
      </c>
      <c r="BN81" s="162" t="e">
        <f t="shared" si="233"/>
        <v>#N/A</v>
      </c>
      <c r="BO81" s="162" t="e">
        <f t="shared" si="234"/>
        <v>#N/A</v>
      </c>
      <c r="BP81" s="162" t="e">
        <f t="shared" si="235"/>
        <v>#N/A</v>
      </c>
      <c r="BQ81" s="162" t="e">
        <f t="shared" si="236"/>
        <v>#N/A</v>
      </c>
      <c r="BR81" s="162" t="e">
        <f t="shared" si="237"/>
        <v>#N/A</v>
      </c>
      <c r="BS81" s="162" t="e">
        <f t="shared" si="238"/>
        <v>#N/A</v>
      </c>
      <c r="BT81" s="162" t="e">
        <f t="shared" si="239"/>
        <v>#N/A</v>
      </c>
      <c r="BU81" s="162" t="e">
        <f t="shared" si="240"/>
        <v>#N/A</v>
      </c>
      <c r="BV81" s="162" t="e">
        <f t="shared" si="241"/>
        <v>#N/A</v>
      </c>
      <c r="BW81" s="162" t="e">
        <f t="shared" si="242"/>
        <v>#N/A</v>
      </c>
      <c r="BX81" s="162" t="e">
        <f t="shared" si="243"/>
        <v>#N/A</v>
      </c>
      <c r="BY81" s="162">
        <f t="shared" si="244"/>
        <v>5.6568542494923806</v>
      </c>
      <c r="BZ81" s="162" t="e">
        <f t="shared" si="245"/>
        <v>#N/A</v>
      </c>
      <c r="CA81" s="162" t="e">
        <f t="shared" si="246"/>
        <v>#N/A</v>
      </c>
      <c r="CB81" s="162" t="e">
        <f t="shared" si="247"/>
        <v>#N/A</v>
      </c>
      <c r="CC81" s="162" t="e">
        <f t="shared" si="248"/>
        <v>#N/A</v>
      </c>
      <c r="CD81" s="162" t="e">
        <f t="shared" si="249"/>
        <v>#N/A</v>
      </c>
      <c r="CE81" s="162" t="e">
        <f t="shared" si="250"/>
        <v>#N/A</v>
      </c>
      <c r="CF81" s="162" t="e">
        <f t="shared" si="251"/>
        <v>#N/A</v>
      </c>
      <c r="CG81" s="162" t="e">
        <f t="shared" si="252"/>
        <v>#N/A</v>
      </c>
      <c r="CH81" s="162" t="e">
        <f t="shared" si="253"/>
        <v>#N/A</v>
      </c>
      <c r="CI81" s="162" t="e">
        <f t="shared" si="254"/>
        <v>#N/A</v>
      </c>
      <c r="CJ81" s="162" t="e">
        <f t="shared" si="255"/>
        <v>#N/A</v>
      </c>
      <c r="CK81" s="162" t="e">
        <f t="shared" si="256"/>
        <v>#N/A</v>
      </c>
      <c r="CL81">
        <f t="shared" si="257"/>
        <v>1.3729593947216077</v>
      </c>
      <c r="CM81" t="e">
        <f t="shared" si="258"/>
        <v>#N/A</v>
      </c>
      <c r="CN81" t="e">
        <f t="shared" si="259"/>
        <v>#N/A</v>
      </c>
      <c r="CO81" t="e">
        <f t="shared" si="260"/>
        <v>#N/A</v>
      </c>
      <c r="CP81" t="e">
        <f t="shared" si="261"/>
        <v>#N/A</v>
      </c>
      <c r="CQ81" t="e">
        <f t="shared" si="262"/>
        <v>#N/A</v>
      </c>
      <c r="CR81" t="e">
        <f t="shared" si="263"/>
        <v>#N/A</v>
      </c>
      <c r="CS81" t="e">
        <f t="shared" si="264"/>
        <v>#N/A</v>
      </c>
      <c r="CT81" t="e">
        <f t="shared" si="265"/>
        <v>#N/A</v>
      </c>
      <c r="CU81" t="e">
        <f t="shared" si="266"/>
        <v>#N/A</v>
      </c>
      <c r="CV81" t="e">
        <f t="shared" si="267"/>
        <v>#N/A</v>
      </c>
      <c r="CW81" t="e">
        <f t="shared" si="268"/>
        <v>#N/A</v>
      </c>
      <c r="CX81" s="98" t="e">
        <f t="shared" si="269"/>
        <v>#N/A</v>
      </c>
      <c r="CY81">
        <f t="shared" si="270"/>
        <v>1.1029593947216076</v>
      </c>
      <c r="CZ81" t="e">
        <f t="shared" si="271"/>
        <v>#N/A</v>
      </c>
      <c r="DA81" t="e">
        <f t="shared" si="272"/>
        <v>#N/A</v>
      </c>
      <c r="DB81" t="e">
        <f t="shared" si="273"/>
        <v>#N/A</v>
      </c>
      <c r="DC81" t="e">
        <f t="shared" si="274"/>
        <v>#N/A</v>
      </c>
      <c r="DD81" t="e">
        <f t="shared" si="275"/>
        <v>#N/A</v>
      </c>
      <c r="DE81" t="e">
        <f t="shared" si="276"/>
        <v>#N/A</v>
      </c>
      <c r="DF81" t="e">
        <f t="shared" si="277"/>
        <v>#N/A</v>
      </c>
      <c r="DG81" t="e">
        <f t="shared" si="278"/>
        <v>#N/A</v>
      </c>
      <c r="DH81" t="e">
        <f t="shared" si="279"/>
        <v>#N/A</v>
      </c>
      <c r="DI81" t="e">
        <f t="shared" si="280"/>
        <v>#N/A</v>
      </c>
      <c r="DJ81" t="e">
        <f t="shared" si="281"/>
        <v>#N/A</v>
      </c>
      <c r="DK81" t="e">
        <f t="shared" si="282"/>
        <v>#N/A</v>
      </c>
      <c r="DL81" s="97">
        <f t="shared" si="283"/>
        <v>1.5000349036450102</v>
      </c>
      <c r="DM81" t="e">
        <f t="shared" si="284"/>
        <v>#N/A</v>
      </c>
      <c r="DN81" t="e">
        <f t="shared" si="285"/>
        <v>#N/A</v>
      </c>
      <c r="DO81" t="e">
        <f t="shared" si="286"/>
        <v>#N/A</v>
      </c>
      <c r="DP81" t="e">
        <f t="shared" si="287"/>
        <v>#N/A</v>
      </c>
      <c r="DQ81" t="e">
        <f t="shared" si="288"/>
        <v>#N/A</v>
      </c>
      <c r="DR81" t="e">
        <f t="shared" si="289"/>
        <v>#N/A</v>
      </c>
      <c r="DS81" t="e">
        <f t="shared" si="290"/>
        <v>#N/A</v>
      </c>
      <c r="DT81" t="e">
        <f t="shared" si="291"/>
        <v>#N/A</v>
      </c>
      <c r="DU81" t="e">
        <f t="shared" si="292"/>
        <v>#N/A</v>
      </c>
      <c r="DV81" t="e">
        <f t="shared" si="293"/>
        <v>#N/A</v>
      </c>
      <c r="DW81" t="e">
        <f t="shared" si="294"/>
        <v>#N/A</v>
      </c>
      <c r="DX81" s="98" t="e">
        <f t="shared" si="295"/>
        <v>#N/A</v>
      </c>
      <c r="DY81">
        <f t="shared" si="296"/>
        <v>1.0527062241310117</v>
      </c>
      <c r="DZ81" t="e">
        <f t="shared" si="297"/>
        <v>#N/A</v>
      </c>
      <c r="EA81" t="e">
        <f t="shared" si="298"/>
        <v>#N/A</v>
      </c>
      <c r="EB81" t="e">
        <f t="shared" si="299"/>
        <v>#N/A</v>
      </c>
      <c r="EC81" t="e">
        <f t="shared" si="300"/>
        <v>#N/A</v>
      </c>
      <c r="ED81" t="e">
        <f t="shared" si="301"/>
        <v>#N/A</v>
      </c>
      <c r="EE81" t="e">
        <f t="shared" si="302"/>
        <v>#N/A</v>
      </c>
      <c r="EF81" t="e">
        <f t="shared" si="303"/>
        <v>#N/A</v>
      </c>
      <c r="EG81" t="e">
        <f t="shared" si="304"/>
        <v>#N/A</v>
      </c>
      <c r="EH81" t="e">
        <f t="shared" si="305"/>
        <v>#N/A</v>
      </c>
      <c r="EI81" t="e">
        <f t="shared" si="306"/>
        <v>#N/A</v>
      </c>
      <c r="EJ81" t="e">
        <f t="shared" si="307"/>
        <v>#N/A</v>
      </c>
      <c r="EK81" t="e">
        <f t="shared" si="308"/>
        <v>#N/A</v>
      </c>
      <c r="EL81" s="97">
        <f t="shared" si="309"/>
        <v>1.1554124482620232</v>
      </c>
      <c r="EM81" t="e">
        <f t="shared" si="310"/>
        <v>#N/A</v>
      </c>
      <c r="EN81" t="e">
        <f t="shared" si="311"/>
        <v>#N/A</v>
      </c>
      <c r="EO81" t="e">
        <f t="shared" si="312"/>
        <v>#N/A</v>
      </c>
      <c r="EP81" t="e">
        <f t="shared" si="313"/>
        <v>#N/A</v>
      </c>
      <c r="EQ81" t="e">
        <f t="shared" si="314"/>
        <v>#N/A</v>
      </c>
      <c r="ER81" t="e">
        <f t="shared" si="315"/>
        <v>#N/A</v>
      </c>
      <c r="ES81" t="e">
        <f t="shared" si="316"/>
        <v>#N/A</v>
      </c>
      <c r="ET81" t="e">
        <f t="shared" si="317"/>
        <v>#N/A</v>
      </c>
      <c r="EU81" t="e">
        <f t="shared" si="318"/>
        <v>#N/A</v>
      </c>
      <c r="EV81" t="e">
        <f t="shared" si="319"/>
        <v>#N/A</v>
      </c>
      <c r="EW81" t="e">
        <f t="shared" si="320"/>
        <v>#N/A</v>
      </c>
      <c r="EX81" s="98" t="e">
        <f t="shared" si="321"/>
        <v>#N/A</v>
      </c>
      <c r="EY81" s="97">
        <f t="shared" si="322"/>
        <v>0.90541244826202316</v>
      </c>
      <c r="EZ81" t="e">
        <f t="shared" si="323"/>
        <v>#N/A</v>
      </c>
      <c r="FA81" t="e">
        <f t="shared" si="324"/>
        <v>#N/A</v>
      </c>
      <c r="FB81" t="e">
        <f t="shared" si="325"/>
        <v>#N/A</v>
      </c>
      <c r="FC81" t="e">
        <f t="shared" si="326"/>
        <v>#N/A</v>
      </c>
      <c r="FD81" t="e">
        <f t="shared" si="327"/>
        <v>#N/A</v>
      </c>
      <c r="FE81" t="e">
        <f t="shared" si="328"/>
        <v>#N/A</v>
      </c>
      <c r="FF81" t="e">
        <f t="shared" si="329"/>
        <v>#N/A</v>
      </c>
      <c r="FG81" t="e">
        <f t="shared" si="330"/>
        <v>#N/A</v>
      </c>
      <c r="FH81" t="e">
        <f t="shared" si="331"/>
        <v>#N/A</v>
      </c>
      <c r="FI81" t="e">
        <f t="shared" si="332"/>
        <v>#N/A</v>
      </c>
      <c r="FJ81" t="e">
        <f t="shared" si="333"/>
        <v>#N/A</v>
      </c>
      <c r="FK81" t="e">
        <f t="shared" si="334"/>
        <v>#N/A</v>
      </c>
      <c r="FL81" s="126">
        <f t="shared" si="335"/>
        <v>0</v>
      </c>
      <c r="FM81" s="91" t="e">
        <f t="shared" si="336"/>
        <v>#N/A</v>
      </c>
      <c r="FN81" s="91" t="e">
        <f t="shared" si="337"/>
        <v>#N/A</v>
      </c>
      <c r="FO81" s="91" t="e">
        <f t="shared" si="338"/>
        <v>#N/A</v>
      </c>
      <c r="FP81" s="91" t="e">
        <f t="shared" si="339"/>
        <v>#N/A</v>
      </c>
      <c r="FQ81" s="91" t="e">
        <f t="shared" si="340"/>
        <v>#N/A</v>
      </c>
      <c r="FR81" s="91" t="e">
        <f t="shared" si="341"/>
        <v>#N/A</v>
      </c>
      <c r="FS81" s="91" t="e">
        <f t="shared" si="342"/>
        <v>#N/A</v>
      </c>
      <c r="FT81" s="91" t="e">
        <f t="shared" si="343"/>
        <v>#N/A</v>
      </c>
      <c r="FU81" s="91" t="e">
        <f t="shared" si="344"/>
        <v>#N/A</v>
      </c>
      <c r="FV81" s="91" t="e">
        <f t="shared" si="345"/>
        <v>#N/A</v>
      </c>
      <c r="FW81" s="91" t="e">
        <f t="shared" si="346"/>
        <v>#N/A</v>
      </c>
      <c r="FX81" s="91" t="e">
        <f t="shared" si="347"/>
        <v>#N/A</v>
      </c>
      <c r="FY81" s="91">
        <f t="shared" si="348"/>
        <v>0</v>
      </c>
      <c r="FZ81" s="91" t="e">
        <f t="shared" si="349"/>
        <v>#N/A</v>
      </c>
      <c r="GA81" s="91" t="e">
        <f t="shared" si="350"/>
        <v>#N/A</v>
      </c>
      <c r="GB81" s="91" t="e">
        <f t="shared" si="351"/>
        <v>#N/A</v>
      </c>
      <c r="GC81" s="91" t="e">
        <f t="shared" si="352"/>
        <v>#N/A</v>
      </c>
      <c r="GD81" s="91" t="e">
        <f t="shared" si="353"/>
        <v>#N/A</v>
      </c>
      <c r="GE81" s="91" t="e">
        <f t="shared" si="354"/>
        <v>#N/A</v>
      </c>
      <c r="GF81" s="91" t="e">
        <f t="shared" si="355"/>
        <v>#N/A</v>
      </c>
      <c r="GG81" s="91" t="e">
        <f t="shared" si="356"/>
        <v>#N/A</v>
      </c>
      <c r="GH81" s="91" t="e">
        <f t="shared" si="357"/>
        <v>#N/A</v>
      </c>
      <c r="GI81" s="91" t="e">
        <f t="shared" si="358"/>
        <v>#N/A</v>
      </c>
      <c r="GJ81" s="91" t="e">
        <f t="shared" si="359"/>
        <v>#N/A</v>
      </c>
      <c r="GK81" s="127" t="e">
        <f t="shared" si="360"/>
        <v>#N/A</v>
      </c>
      <c r="GL81" s="126">
        <f t="shared" si="361"/>
        <v>0</v>
      </c>
      <c r="GM81" s="91" t="e">
        <f t="shared" si="362"/>
        <v>#N/A</v>
      </c>
      <c r="GN81" s="91" t="e">
        <f t="shared" si="363"/>
        <v>#N/A</v>
      </c>
      <c r="GO81" s="91" t="e">
        <f t="shared" si="364"/>
        <v>#N/A</v>
      </c>
      <c r="GP81" s="91" t="e">
        <f t="shared" si="365"/>
        <v>#N/A</v>
      </c>
      <c r="GQ81" s="91" t="e">
        <f t="shared" si="366"/>
        <v>#N/A</v>
      </c>
      <c r="GR81" s="91" t="e">
        <f t="shared" si="367"/>
        <v>#N/A</v>
      </c>
      <c r="GS81" s="91" t="e">
        <f t="shared" si="368"/>
        <v>#N/A</v>
      </c>
      <c r="GT81" s="91" t="e">
        <f t="shared" si="369"/>
        <v>#N/A</v>
      </c>
      <c r="GU81" s="91" t="e">
        <f t="shared" si="370"/>
        <v>#N/A</v>
      </c>
      <c r="GV81" s="91" t="e">
        <f t="shared" si="371"/>
        <v>#N/A</v>
      </c>
      <c r="GW81" s="91" t="e">
        <f t="shared" si="372"/>
        <v>#N/A</v>
      </c>
      <c r="GX81" s="91" t="e">
        <f t="shared" si="373"/>
        <v>#N/A</v>
      </c>
      <c r="GY81" s="91">
        <f t="shared" si="374"/>
        <v>0</v>
      </c>
      <c r="GZ81" s="91" t="e">
        <f t="shared" si="375"/>
        <v>#N/A</v>
      </c>
      <c r="HA81" s="91" t="e">
        <f t="shared" si="376"/>
        <v>#N/A</v>
      </c>
      <c r="HB81" s="91" t="e">
        <f t="shared" si="377"/>
        <v>#N/A</v>
      </c>
      <c r="HC81" s="91" t="e">
        <f t="shared" si="378"/>
        <v>#N/A</v>
      </c>
      <c r="HD81" s="91" t="e">
        <f t="shared" si="379"/>
        <v>#N/A</v>
      </c>
      <c r="HE81" s="91" t="e">
        <f t="shared" si="380"/>
        <v>#N/A</v>
      </c>
      <c r="HF81" s="91" t="e">
        <f t="shared" si="381"/>
        <v>#N/A</v>
      </c>
      <c r="HG81" s="91" t="e">
        <f t="shared" si="382"/>
        <v>#N/A</v>
      </c>
      <c r="HH81" s="91" t="e">
        <f t="shared" si="383"/>
        <v>#N/A</v>
      </c>
      <c r="HI81" s="91" t="e">
        <f t="shared" si="384"/>
        <v>#N/A</v>
      </c>
      <c r="HJ81" s="91" t="e">
        <f t="shared" si="385"/>
        <v>#N/A</v>
      </c>
      <c r="HK81" s="127" t="e">
        <f t="shared" si="386"/>
        <v>#N/A</v>
      </c>
      <c r="HL81" s="126">
        <f t="shared" si="387"/>
        <v>0</v>
      </c>
      <c r="HM81" s="91" t="e">
        <f t="shared" si="388"/>
        <v>#N/A</v>
      </c>
      <c r="HN81" s="91" t="e">
        <f t="shared" si="389"/>
        <v>#N/A</v>
      </c>
      <c r="HO81" s="91" t="e">
        <f t="shared" si="390"/>
        <v>#N/A</v>
      </c>
      <c r="HP81" s="91" t="e">
        <f t="shared" si="391"/>
        <v>#N/A</v>
      </c>
      <c r="HQ81" s="91" t="e">
        <f t="shared" si="392"/>
        <v>#N/A</v>
      </c>
      <c r="HR81" s="91" t="e">
        <f t="shared" si="393"/>
        <v>#N/A</v>
      </c>
      <c r="HS81" s="91" t="e">
        <f t="shared" si="394"/>
        <v>#N/A</v>
      </c>
      <c r="HT81" s="91" t="e">
        <f t="shared" si="395"/>
        <v>#N/A</v>
      </c>
      <c r="HU81" s="91" t="e">
        <f t="shared" si="396"/>
        <v>#N/A</v>
      </c>
      <c r="HV81" s="91" t="e">
        <f t="shared" si="397"/>
        <v>#N/A</v>
      </c>
      <c r="HW81" s="91" t="e">
        <f t="shared" si="398"/>
        <v>#N/A</v>
      </c>
      <c r="HX81" s="91" t="e">
        <f t="shared" si="399"/>
        <v>#N/A</v>
      </c>
      <c r="HY81" s="91">
        <f t="shared" si="400"/>
        <v>0</v>
      </c>
      <c r="HZ81" s="91" t="e">
        <f t="shared" si="401"/>
        <v>#N/A</v>
      </c>
      <c r="IA81" s="91" t="e">
        <f t="shared" si="402"/>
        <v>#N/A</v>
      </c>
      <c r="IB81" s="91" t="e">
        <f t="shared" si="403"/>
        <v>#N/A</v>
      </c>
      <c r="IC81" s="91" t="e">
        <f t="shared" si="404"/>
        <v>#N/A</v>
      </c>
      <c r="ID81" s="91" t="e">
        <f t="shared" si="405"/>
        <v>#N/A</v>
      </c>
      <c r="IE81" s="91" t="e">
        <f t="shared" si="406"/>
        <v>#N/A</v>
      </c>
      <c r="IF81" s="91" t="e">
        <f t="shared" si="407"/>
        <v>#N/A</v>
      </c>
      <c r="IG81" s="91" t="e">
        <f t="shared" si="408"/>
        <v>#N/A</v>
      </c>
      <c r="IH81" s="91" t="e">
        <f t="shared" si="409"/>
        <v>#N/A</v>
      </c>
      <c r="II81" s="91" t="e">
        <f t="shared" si="410"/>
        <v>#N/A</v>
      </c>
      <c r="IJ81" s="91" t="e">
        <f t="shared" si="411"/>
        <v>#N/A</v>
      </c>
      <c r="IK81" s="127" t="e">
        <f t="shared" si="412"/>
        <v>#N/A</v>
      </c>
    </row>
    <row r="82" spans="2:245" ht="13.5" thickBot="1" x14ac:dyDescent="0.25">
      <c r="B82" s="79">
        <f t="shared" si="188"/>
        <v>-71.5</v>
      </c>
      <c r="C82" s="73">
        <f>'p-y mono_clay'!C82</f>
        <v>56</v>
      </c>
      <c r="D82" s="64">
        <f>'p-y mono_clay'!D82</f>
        <v>55.989000000000004</v>
      </c>
      <c r="E82" s="64" t="str">
        <f>'p-y mono_clay'!E82</f>
        <v>SAND</v>
      </c>
      <c r="F82" s="55">
        <f>VLOOKUP($C82, 'Pile Property'!$A$8:$D$108,2,TRUE)</f>
        <v>2</v>
      </c>
      <c r="G82" s="102" t="e">
        <f>'p-y mono_clay'!Z82</f>
        <v>#N/A</v>
      </c>
      <c r="H82" s="201">
        <f>'p-y mono_clay'!AM82</f>
        <v>0</v>
      </c>
      <c r="I82" s="202" t="e">
        <f>'p-y mono_clay'!AN82</f>
        <v>#N/A</v>
      </c>
      <c r="J82" s="202" t="e">
        <f>'p-y mono_clay'!AO82</f>
        <v>#N/A</v>
      </c>
      <c r="K82" s="202" t="e">
        <f>'p-y mono_clay'!AP82</f>
        <v>#N/A</v>
      </c>
      <c r="L82" s="202" t="e">
        <f>'p-y mono_clay'!AQ82</f>
        <v>#N/A</v>
      </c>
      <c r="M82" s="202" t="e">
        <f>'p-y mono_clay'!AR82</f>
        <v>#N/A</v>
      </c>
      <c r="N82" s="202" t="e">
        <f>'p-y mono_clay'!AS82</f>
        <v>#N/A</v>
      </c>
      <c r="O82" s="202" t="e">
        <f>'p-y mono_clay'!AT82</f>
        <v>#N/A</v>
      </c>
      <c r="P82" s="202" t="e">
        <f>'p-y mono_clay'!AU82</f>
        <v>#N/A</v>
      </c>
      <c r="Q82" s="202" t="e">
        <f>'p-y mono_clay'!AV82</f>
        <v>#N/A</v>
      </c>
      <c r="R82" s="202" t="e">
        <f>'p-y mono_clay'!AW82</f>
        <v>#N/A</v>
      </c>
      <c r="S82" s="202" t="e">
        <f>'p-y mono_clay'!AX82</f>
        <v>#N/A</v>
      </c>
      <c r="T82" s="203">
        <f>'p-y mono_clay'!AY82</f>
        <v>6000</v>
      </c>
      <c r="U82" s="201">
        <f>'p-y mono_clay'!AZ82</f>
        <v>0</v>
      </c>
      <c r="V82" s="202" t="e">
        <f>'p-y mono_clay'!BA82</f>
        <v>#N/A</v>
      </c>
      <c r="W82" s="202" t="e">
        <f>'p-y mono_clay'!BB82</f>
        <v>#N/A</v>
      </c>
      <c r="X82" s="202" t="e">
        <f>'p-y mono_clay'!BC82</f>
        <v>#N/A</v>
      </c>
      <c r="Y82" s="202" t="e">
        <f>'p-y mono_clay'!BD82</f>
        <v>#N/A</v>
      </c>
      <c r="Z82" s="202" t="e">
        <f>'p-y mono_clay'!BE82</f>
        <v>#N/A</v>
      </c>
      <c r="AA82" s="202" t="e">
        <f>'p-y mono_clay'!BF82</f>
        <v>#N/A</v>
      </c>
      <c r="AB82" s="202" t="e">
        <f>'p-y mono_clay'!BG82</f>
        <v>#N/A</v>
      </c>
      <c r="AC82" s="202" t="e">
        <f>'p-y mono_clay'!BH82</f>
        <v>#N/A</v>
      </c>
      <c r="AD82" s="202" t="e">
        <f>'p-y mono_clay'!BI82</f>
        <v>#N/A</v>
      </c>
      <c r="AE82" s="202" t="e">
        <f>'p-y mono_clay'!BJ82</f>
        <v>#N/A</v>
      </c>
      <c r="AF82" s="202" t="e">
        <f>'p-y mono_clay'!BK82</f>
        <v>#N/A</v>
      </c>
      <c r="AG82" s="203" t="e">
        <f>'p-y mono_clay'!BL82</f>
        <v>#N/A</v>
      </c>
      <c r="AH82">
        <f t="shared" si="205"/>
        <v>30</v>
      </c>
      <c r="AI82">
        <v>0</v>
      </c>
      <c r="AJ82" t="e">
        <f t="shared" si="206"/>
        <v>#N/A</v>
      </c>
      <c r="AK82" t="e">
        <f t="shared" si="207"/>
        <v>#N/A</v>
      </c>
      <c r="AL82" t="e">
        <f t="shared" si="208"/>
        <v>#N/A</v>
      </c>
      <c r="AM82" t="e">
        <f t="shared" si="209"/>
        <v>#N/A</v>
      </c>
      <c r="AN82" t="e">
        <f t="shared" si="210"/>
        <v>#N/A</v>
      </c>
      <c r="AO82" t="e">
        <f t="shared" si="211"/>
        <v>#N/A</v>
      </c>
      <c r="AP82" t="e">
        <f t="shared" si="212"/>
        <v>#N/A</v>
      </c>
      <c r="AQ82" t="e">
        <f t="shared" si="213"/>
        <v>#N/A</v>
      </c>
      <c r="AR82" t="e">
        <f t="shared" si="214"/>
        <v>#N/A</v>
      </c>
      <c r="AS82" t="e">
        <f t="shared" si="215"/>
        <v>#N/A</v>
      </c>
      <c r="AT82" t="e">
        <f t="shared" si="216"/>
        <v>#N/A</v>
      </c>
      <c r="AU82" t="e">
        <f t="shared" si="217"/>
        <v>#N/A</v>
      </c>
      <c r="AV82">
        <v>1</v>
      </c>
      <c r="AW82">
        <v>1.25</v>
      </c>
      <c r="AX82">
        <v>2.5</v>
      </c>
      <c r="AY82" s="162">
        <f t="shared" si="218"/>
        <v>2</v>
      </c>
      <c r="AZ82" s="162" t="e">
        <f t="shared" si="219"/>
        <v>#N/A</v>
      </c>
      <c r="BA82" s="162" t="e">
        <f t="shared" si="220"/>
        <v>#N/A</v>
      </c>
      <c r="BB82" s="162" t="e">
        <f t="shared" si="221"/>
        <v>#N/A</v>
      </c>
      <c r="BC82" s="162" t="e">
        <f t="shared" si="222"/>
        <v>#N/A</v>
      </c>
      <c r="BD82" s="162" t="e">
        <f t="shared" si="223"/>
        <v>#N/A</v>
      </c>
      <c r="BE82" s="162" t="e">
        <f t="shared" si="224"/>
        <v>#N/A</v>
      </c>
      <c r="BF82" s="162" t="e">
        <f t="shared" si="225"/>
        <v>#N/A</v>
      </c>
      <c r="BG82" s="162" t="e">
        <f t="shared" si="226"/>
        <v>#N/A</v>
      </c>
      <c r="BH82" s="162" t="e">
        <f t="shared" si="227"/>
        <v>#N/A</v>
      </c>
      <c r="BI82" s="162" t="e">
        <f t="shared" si="228"/>
        <v>#N/A</v>
      </c>
      <c r="BJ82" s="162" t="e">
        <f t="shared" si="229"/>
        <v>#N/A</v>
      </c>
      <c r="BK82" s="162" t="e">
        <f t="shared" si="230"/>
        <v>#N/A</v>
      </c>
      <c r="BL82" s="162">
        <f t="shared" si="231"/>
        <v>2.3784142300054421</v>
      </c>
      <c r="BM82" s="162" t="e">
        <f t="shared" si="232"/>
        <v>#N/A</v>
      </c>
      <c r="BN82" s="162" t="e">
        <f t="shared" si="233"/>
        <v>#N/A</v>
      </c>
      <c r="BO82" s="162" t="e">
        <f t="shared" si="234"/>
        <v>#N/A</v>
      </c>
      <c r="BP82" s="162" t="e">
        <f t="shared" si="235"/>
        <v>#N/A</v>
      </c>
      <c r="BQ82" s="162" t="e">
        <f t="shared" si="236"/>
        <v>#N/A</v>
      </c>
      <c r="BR82" s="162" t="e">
        <f t="shared" si="237"/>
        <v>#N/A</v>
      </c>
      <c r="BS82" s="162" t="e">
        <f t="shared" si="238"/>
        <v>#N/A</v>
      </c>
      <c r="BT82" s="162" t="e">
        <f t="shared" si="239"/>
        <v>#N/A</v>
      </c>
      <c r="BU82" s="162" t="e">
        <f t="shared" si="240"/>
        <v>#N/A</v>
      </c>
      <c r="BV82" s="162" t="e">
        <f t="shared" si="241"/>
        <v>#N/A</v>
      </c>
      <c r="BW82" s="162" t="e">
        <f t="shared" si="242"/>
        <v>#N/A</v>
      </c>
      <c r="BX82" s="162" t="e">
        <f t="shared" si="243"/>
        <v>#N/A</v>
      </c>
      <c r="BY82" s="162">
        <f t="shared" si="244"/>
        <v>5.6568542494923806</v>
      </c>
      <c r="BZ82" s="162" t="e">
        <f t="shared" si="245"/>
        <v>#N/A</v>
      </c>
      <c r="CA82" s="162" t="e">
        <f t="shared" si="246"/>
        <v>#N/A</v>
      </c>
      <c r="CB82" s="162" t="e">
        <f t="shared" si="247"/>
        <v>#N/A</v>
      </c>
      <c r="CC82" s="162" t="e">
        <f t="shared" si="248"/>
        <v>#N/A</v>
      </c>
      <c r="CD82" s="162" t="e">
        <f t="shared" si="249"/>
        <v>#N/A</v>
      </c>
      <c r="CE82" s="162" t="e">
        <f t="shared" si="250"/>
        <v>#N/A</v>
      </c>
      <c r="CF82" s="162" t="e">
        <f t="shared" si="251"/>
        <v>#N/A</v>
      </c>
      <c r="CG82" s="162" t="e">
        <f t="shared" si="252"/>
        <v>#N/A</v>
      </c>
      <c r="CH82" s="162" t="e">
        <f t="shared" si="253"/>
        <v>#N/A</v>
      </c>
      <c r="CI82" s="162" t="e">
        <f t="shared" si="254"/>
        <v>#N/A</v>
      </c>
      <c r="CJ82" s="162" t="e">
        <f t="shared" si="255"/>
        <v>#N/A</v>
      </c>
      <c r="CK82" s="162" t="e">
        <f t="shared" si="256"/>
        <v>#N/A</v>
      </c>
      <c r="CL82">
        <f t="shared" si="257"/>
        <v>1.3729593947216077</v>
      </c>
      <c r="CM82" t="e">
        <f t="shared" si="258"/>
        <v>#N/A</v>
      </c>
      <c r="CN82" t="e">
        <f t="shared" si="259"/>
        <v>#N/A</v>
      </c>
      <c r="CO82" t="e">
        <f t="shared" si="260"/>
        <v>#N/A</v>
      </c>
      <c r="CP82" t="e">
        <f t="shared" si="261"/>
        <v>#N/A</v>
      </c>
      <c r="CQ82" t="e">
        <f t="shared" si="262"/>
        <v>#N/A</v>
      </c>
      <c r="CR82" t="e">
        <f t="shared" si="263"/>
        <v>#N/A</v>
      </c>
      <c r="CS82" t="e">
        <f t="shared" si="264"/>
        <v>#N/A</v>
      </c>
      <c r="CT82" t="e">
        <f t="shared" si="265"/>
        <v>#N/A</v>
      </c>
      <c r="CU82" t="e">
        <f t="shared" si="266"/>
        <v>#N/A</v>
      </c>
      <c r="CV82" t="e">
        <f t="shared" si="267"/>
        <v>#N/A</v>
      </c>
      <c r="CW82" t="e">
        <f t="shared" si="268"/>
        <v>#N/A</v>
      </c>
      <c r="CX82" s="98" t="e">
        <f t="shared" si="269"/>
        <v>#N/A</v>
      </c>
      <c r="CY82">
        <f t="shared" si="270"/>
        <v>1.1029593947216076</v>
      </c>
      <c r="CZ82" t="e">
        <f t="shared" si="271"/>
        <v>#N/A</v>
      </c>
      <c r="DA82" t="e">
        <f t="shared" si="272"/>
        <v>#N/A</v>
      </c>
      <c r="DB82" t="e">
        <f t="shared" si="273"/>
        <v>#N/A</v>
      </c>
      <c r="DC82" t="e">
        <f t="shared" si="274"/>
        <v>#N/A</v>
      </c>
      <c r="DD82" t="e">
        <f t="shared" si="275"/>
        <v>#N/A</v>
      </c>
      <c r="DE82" t="e">
        <f t="shared" si="276"/>
        <v>#N/A</v>
      </c>
      <c r="DF82" t="e">
        <f t="shared" si="277"/>
        <v>#N/A</v>
      </c>
      <c r="DG82" t="e">
        <f t="shared" si="278"/>
        <v>#N/A</v>
      </c>
      <c r="DH82" t="e">
        <f t="shared" si="279"/>
        <v>#N/A</v>
      </c>
      <c r="DI82" t="e">
        <f t="shared" si="280"/>
        <v>#N/A</v>
      </c>
      <c r="DJ82" t="e">
        <f t="shared" si="281"/>
        <v>#N/A</v>
      </c>
      <c r="DK82" t="e">
        <f t="shared" si="282"/>
        <v>#N/A</v>
      </c>
      <c r="DL82" s="97">
        <f t="shared" si="283"/>
        <v>1.5000349036450102</v>
      </c>
      <c r="DM82" t="e">
        <f t="shared" si="284"/>
        <v>#N/A</v>
      </c>
      <c r="DN82" t="e">
        <f t="shared" si="285"/>
        <v>#N/A</v>
      </c>
      <c r="DO82" t="e">
        <f t="shared" si="286"/>
        <v>#N/A</v>
      </c>
      <c r="DP82" t="e">
        <f t="shared" si="287"/>
        <v>#N/A</v>
      </c>
      <c r="DQ82" t="e">
        <f t="shared" si="288"/>
        <v>#N/A</v>
      </c>
      <c r="DR82" t="e">
        <f t="shared" si="289"/>
        <v>#N/A</v>
      </c>
      <c r="DS82" t="e">
        <f t="shared" si="290"/>
        <v>#N/A</v>
      </c>
      <c r="DT82" t="e">
        <f t="shared" si="291"/>
        <v>#N/A</v>
      </c>
      <c r="DU82" t="e">
        <f t="shared" si="292"/>
        <v>#N/A</v>
      </c>
      <c r="DV82" t="e">
        <f t="shared" si="293"/>
        <v>#N/A</v>
      </c>
      <c r="DW82" t="e">
        <f t="shared" si="294"/>
        <v>#N/A</v>
      </c>
      <c r="DX82" s="98" t="e">
        <f t="shared" si="295"/>
        <v>#N/A</v>
      </c>
      <c r="DY82">
        <f t="shared" si="296"/>
        <v>1.0527062241310117</v>
      </c>
      <c r="DZ82" t="e">
        <f t="shared" si="297"/>
        <v>#N/A</v>
      </c>
      <c r="EA82" t="e">
        <f t="shared" si="298"/>
        <v>#N/A</v>
      </c>
      <c r="EB82" t="e">
        <f t="shared" si="299"/>
        <v>#N/A</v>
      </c>
      <c r="EC82" t="e">
        <f t="shared" si="300"/>
        <v>#N/A</v>
      </c>
      <c r="ED82" t="e">
        <f t="shared" si="301"/>
        <v>#N/A</v>
      </c>
      <c r="EE82" t="e">
        <f t="shared" si="302"/>
        <v>#N/A</v>
      </c>
      <c r="EF82" t="e">
        <f t="shared" si="303"/>
        <v>#N/A</v>
      </c>
      <c r="EG82" t="e">
        <f t="shared" si="304"/>
        <v>#N/A</v>
      </c>
      <c r="EH82" t="e">
        <f t="shared" si="305"/>
        <v>#N/A</v>
      </c>
      <c r="EI82" t="e">
        <f t="shared" si="306"/>
        <v>#N/A</v>
      </c>
      <c r="EJ82" t="e">
        <f t="shared" si="307"/>
        <v>#N/A</v>
      </c>
      <c r="EK82" t="e">
        <f t="shared" si="308"/>
        <v>#N/A</v>
      </c>
      <c r="EL82" s="97">
        <f t="shared" si="309"/>
        <v>1.1554124482620232</v>
      </c>
      <c r="EM82" t="e">
        <f t="shared" si="310"/>
        <v>#N/A</v>
      </c>
      <c r="EN82" t="e">
        <f t="shared" si="311"/>
        <v>#N/A</v>
      </c>
      <c r="EO82" t="e">
        <f t="shared" si="312"/>
        <v>#N/A</v>
      </c>
      <c r="EP82" t="e">
        <f t="shared" si="313"/>
        <v>#N/A</v>
      </c>
      <c r="EQ82" t="e">
        <f t="shared" si="314"/>
        <v>#N/A</v>
      </c>
      <c r="ER82" t="e">
        <f t="shared" si="315"/>
        <v>#N/A</v>
      </c>
      <c r="ES82" t="e">
        <f t="shared" si="316"/>
        <v>#N/A</v>
      </c>
      <c r="ET82" t="e">
        <f t="shared" si="317"/>
        <v>#N/A</v>
      </c>
      <c r="EU82" t="e">
        <f t="shared" si="318"/>
        <v>#N/A</v>
      </c>
      <c r="EV82" t="e">
        <f t="shared" si="319"/>
        <v>#N/A</v>
      </c>
      <c r="EW82" t="e">
        <f t="shared" si="320"/>
        <v>#N/A</v>
      </c>
      <c r="EX82" s="98" t="e">
        <f t="shared" si="321"/>
        <v>#N/A</v>
      </c>
      <c r="EY82" s="97">
        <f t="shared" si="322"/>
        <v>0.90541244826202316</v>
      </c>
      <c r="EZ82" t="e">
        <f t="shared" si="323"/>
        <v>#N/A</v>
      </c>
      <c r="FA82" t="e">
        <f t="shared" si="324"/>
        <v>#N/A</v>
      </c>
      <c r="FB82" t="e">
        <f t="shared" si="325"/>
        <v>#N/A</v>
      </c>
      <c r="FC82" t="e">
        <f t="shared" si="326"/>
        <v>#N/A</v>
      </c>
      <c r="FD82" t="e">
        <f t="shared" si="327"/>
        <v>#N/A</v>
      </c>
      <c r="FE82" t="e">
        <f t="shared" si="328"/>
        <v>#N/A</v>
      </c>
      <c r="FF82" t="e">
        <f t="shared" si="329"/>
        <v>#N/A</v>
      </c>
      <c r="FG82" t="e">
        <f t="shared" si="330"/>
        <v>#N/A</v>
      </c>
      <c r="FH82" t="e">
        <f t="shared" si="331"/>
        <v>#N/A</v>
      </c>
      <c r="FI82" t="e">
        <f t="shared" si="332"/>
        <v>#N/A</v>
      </c>
      <c r="FJ82" t="e">
        <f t="shared" si="333"/>
        <v>#N/A</v>
      </c>
      <c r="FK82" t="e">
        <f t="shared" si="334"/>
        <v>#N/A</v>
      </c>
      <c r="FL82" s="126">
        <f t="shared" si="335"/>
        <v>0</v>
      </c>
      <c r="FM82" s="91" t="e">
        <f t="shared" si="336"/>
        <v>#N/A</v>
      </c>
      <c r="FN82" s="91" t="e">
        <f t="shared" si="337"/>
        <v>#N/A</v>
      </c>
      <c r="FO82" s="91" t="e">
        <f t="shared" si="338"/>
        <v>#N/A</v>
      </c>
      <c r="FP82" s="91" t="e">
        <f t="shared" si="339"/>
        <v>#N/A</v>
      </c>
      <c r="FQ82" s="91" t="e">
        <f t="shared" si="340"/>
        <v>#N/A</v>
      </c>
      <c r="FR82" s="91" t="e">
        <f t="shared" si="341"/>
        <v>#N/A</v>
      </c>
      <c r="FS82" s="91" t="e">
        <f t="shared" si="342"/>
        <v>#N/A</v>
      </c>
      <c r="FT82" s="91" t="e">
        <f t="shared" si="343"/>
        <v>#N/A</v>
      </c>
      <c r="FU82" s="91" t="e">
        <f t="shared" si="344"/>
        <v>#N/A</v>
      </c>
      <c r="FV82" s="91" t="e">
        <f t="shared" si="345"/>
        <v>#N/A</v>
      </c>
      <c r="FW82" s="91" t="e">
        <f t="shared" si="346"/>
        <v>#N/A</v>
      </c>
      <c r="FX82" s="91" t="e">
        <f t="shared" si="347"/>
        <v>#N/A</v>
      </c>
      <c r="FY82" s="91">
        <f t="shared" si="348"/>
        <v>0</v>
      </c>
      <c r="FZ82" s="91" t="e">
        <f t="shared" si="349"/>
        <v>#N/A</v>
      </c>
      <c r="GA82" s="91" t="e">
        <f t="shared" si="350"/>
        <v>#N/A</v>
      </c>
      <c r="GB82" s="91" t="e">
        <f t="shared" si="351"/>
        <v>#N/A</v>
      </c>
      <c r="GC82" s="91" t="e">
        <f t="shared" si="352"/>
        <v>#N/A</v>
      </c>
      <c r="GD82" s="91" t="e">
        <f t="shared" si="353"/>
        <v>#N/A</v>
      </c>
      <c r="GE82" s="91" t="e">
        <f t="shared" si="354"/>
        <v>#N/A</v>
      </c>
      <c r="GF82" s="91" t="e">
        <f t="shared" si="355"/>
        <v>#N/A</v>
      </c>
      <c r="GG82" s="91" t="e">
        <f t="shared" si="356"/>
        <v>#N/A</v>
      </c>
      <c r="GH82" s="91" t="e">
        <f t="shared" si="357"/>
        <v>#N/A</v>
      </c>
      <c r="GI82" s="91" t="e">
        <f t="shared" si="358"/>
        <v>#N/A</v>
      </c>
      <c r="GJ82" s="91" t="e">
        <f t="shared" si="359"/>
        <v>#N/A</v>
      </c>
      <c r="GK82" s="127" t="e">
        <f t="shared" si="360"/>
        <v>#N/A</v>
      </c>
      <c r="GL82" s="126">
        <f t="shared" si="361"/>
        <v>0</v>
      </c>
      <c r="GM82" s="91" t="e">
        <f t="shared" si="362"/>
        <v>#N/A</v>
      </c>
      <c r="GN82" s="91" t="e">
        <f t="shared" si="363"/>
        <v>#N/A</v>
      </c>
      <c r="GO82" s="91" t="e">
        <f t="shared" si="364"/>
        <v>#N/A</v>
      </c>
      <c r="GP82" s="91" t="e">
        <f t="shared" si="365"/>
        <v>#N/A</v>
      </c>
      <c r="GQ82" s="91" t="e">
        <f t="shared" si="366"/>
        <v>#N/A</v>
      </c>
      <c r="GR82" s="91" t="e">
        <f t="shared" si="367"/>
        <v>#N/A</v>
      </c>
      <c r="GS82" s="91" t="e">
        <f t="shared" si="368"/>
        <v>#N/A</v>
      </c>
      <c r="GT82" s="91" t="e">
        <f t="shared" si="369"/>
        <v>#N/A</v>
      </c>
      <c r="GU82" s="91" t="e">
        <f t="shared" si="370"/>
        <v>#N/A</v>
      </c>
      <c r="GV82" s="91" t="e">
        <f t="shared" si="371"/>
        <v>#N/A</v>
      </c>
      <c r="GW82" s="91" t="e">
        <f t="shared" si="372"/>
        <v>#N/A</v>
      </c>
      <c r="GX82" s="91" t="e">
        <f t="shared" si="373"/>
        <v>#N/A</v>
      </c>
      <c r="GY82" s="91">
        <f t="shared" si="374"/>
        <v>0</v>
      </c>
      <c r="GZ82" s="91" t="e">
        <f t="shared" si="375"/>
        <v>#N/A</v>
      </c>
      <c r="HA82" s="91" t="e">
        <f t="shared" si="376"/>
        <v>#N/A</v>
      </c>
      <c r="HB82" s="91" t="e">
        <f t="shared" si="377"/>
        <v>#N/A</v>
      </c>
      <c r="HC82" s="91" t="e">
        <f t="shared" si="378"/>
        <v>#N/A</v>
      </c>
      <c r="HD82" s="91" t="e">
        <f t="shared" si="379"/>
        <v>#N/A</v>
      </c>
      <c r="HE82" s="91" t="e">
        <f t="shared" si="380"/>
        <v>#N/A</v>
      </c>
      <c r="HF82" s="91" t="e">
        <f t="shared" si="381"/>
        <v>#N/A</v>
      </c>
      <c r="HG82" s="91" t="e">
        <f t="shared" si="382"/>
        <v>#N/A</v>
      </c>
      <c r="HH82" s="91" t="e">
        <f t="shared" si="383"/>
        <v>#N/A</v>
      </c>
      <c r="HI82" s="91" t="e">
        <f t="shared" si="384"/>
        <v>#N/A</v>
      </c>
      <c r="HJ82" s="91" t="e">
        <f t="shared" si="385"/>
        <v>#N/A</v>
      </c>
      <c r="HK82" s="127" t="e">
        <f t="shared" si="386"/>
        <v>#N/A</v>
      </c>
      <c r="HL82" s="126">
        <f t="shared" si="387"/>
        <v>0</v>
      </c>
      <c r="HM82" s="91" t="e">
        <f t="shared" si="388"/>
        <v>#N/A</v>
      </c>
      <c r="HN82" s="91" t="e">
        <f t="shared" si="389"/>
        <v>#N/A</v>
      </c>
      <c r="HO82" s="91" t="e">
        <f t="shared" si="390"/>
        <v>#N/A</v>
      </c>
      <c r="HP82" s="91" t="e">
        <f t="shared" si="391"/>
        <v>#N/A</v>
      </c>
      <c r="HQ82" s="91" t="e">
        <f t="shared" si="392"/>
        <v>#N/A</v>
      </c>
      <c r="HR82" s="91" t="e">
        <f t="shared" si="393"/>
        <v>#N/A</v>
      </c>
      <c r="HS82" s="91" t="e">
        <f t="shared" si="394"/>
        <v>#N/A</v>
      </c>
      <c r="HT82" s="91" t="e">
        <f t="shared" si="395"/>
        <v>#N/A</v>
      </c>
      <c r="HU82" s="91" t="e">
        <f t="shared" si="396"/>
        <v>#N/A</v>
      </c>
      <c r="HV82" s="91" t="e">
        <f t="shared" si="397"/>
        <v>#N/A</v>
      </c>
      <c r="HW82" s="91" t="e">
        <f t="shared" si="398"/>
        <v>#N/A</v>
      </c>
      <c r="HX82" s="91" t="e">
        <f t="shared" si="399"/>
        <v>#N/A</v>
      </c>
      <c r="HY82" s="91">
        <f t="shared" si="400"/>
        <v>0</v>
      </c>
      <c r="HZ82" s="91" t="e">
        <f t="shared" si="401"/>
        <v>#N/A</v>
      </c>
      <c r="IA82" s="91" t="e">
        <f t="shared" si="402"/>
        <v>#N/A</v>
      </c>
      <c r="IB82" s="91" t="e">
        <f t="shared" si="403"/>
        <v>#N/A</v>
      </c>
      <c r="IC82" s="91" t="e">
        <f t="shared" si="404"/>
        <v>#N/A</v>
      </c>
      <c r="ID82" s="91" t="e">
        <f t="shared" si="405"/>
        <v>#N/A</v>
      </c>
      <c r="IE82" s="91" t="e">
        <f t="shared" si="406"/>
        <v>#N/A</v>
      </c>
      <c r="IF82" s="91" t="e">
        <f t="shared" si="407"/>
        <v>#N/A</v>
      </c>
      <c r="IG82" s="91" t="e">
        <f t="shared" si="408"/>
        <v>#N/A</v>
      </c>
      <c r="IH82" s="91" t="e">
        <f t="shared" si="409"/>
        <v>#N/A</v>
      </c>
      <c r="II82" s="91" t="e">
        <f t="shared" si="410"/>
        <v>#N/A</v>
      </c>
      <c r="IJ82" s="91" t="e">
        <f t="shared" si="411"/>
        <v>#N/A</v>
      </c>
      <c r="IK82" s="127" t="e">
        <f t="shared" si="412"/>
        <v>#N/A</v>
      </c>
    </row>
    <row r="83" spans="2:245" x14ac:dyDescent="0.2">
      <c r="B83" s="79">
        <f t="shared" si="188"/>
        <v>-72.5</v>
      </c>
      <c r="C83" s="73">
        <f>'p-y mono_clay'!C83</f>
        <v>57</v>
      </c>
      <c r="D83" s="64">
        <f>'p-y mono_clay'!D83</f>
        <v>56.987000000000002</v>
      </c>
      <c r="E83" s="64" t="str">
        <f>'p-y mono_clay'!E83</f>
        <v>SAND</v>
      </c>
      <c r="F83" s="55">
        <f>VLOOKUP($C83, 'Pile Property'!$A$8:$D$108,2,TRUE)</f>
        <v>2</v>
      </c>
      <c r="G83" s="102" t="e">
        <f>'p-y mono_clay'!Z83</f>
        <v>#N/A</v>
      </c>
      <c r="H83" s="199">
        <f>'p-y mono_clay'!AM83</f>
        <v>0</v>
      </c>
      <c r="I83" s="55" t="e">
        <f>'p-y mono_clay'!AN83</f>
        <v>#N/A</v>
      </c>
      <c r="J83" s="55" t="e">
        <f>'p-y mono_clay'!AO83</f>
        <v>#N/A</v>
      </c>
      <c r="K83" s="55" t="e">
        <f>'p-y mono_clay'!AP83</f>
        <v>#N/A</v>
      </c>
      <c r="L83" s="55" t="e">
        <f>'p-y mono_clay'!AQ83</f>
        <v>#N/A</v>
      </c>
      <c r="M83" s="55" t="e">
        <f>'p-y mono_clay'!AR83</f>
        <v>#N/A</v>
      </c>
      <c r="N83" s="55" t="e">
        <f>'p-y mono_clay'!AS83</f>
        <v>#N/A</v>
      </c>
      <c r="O83" s="55" t="e">
        <f>'p-y mono_clay'!AT83</f>
        <v>#N/A</v>
      </c>
      <c r="P83" s="55" t="e">
        <f>'p-y mono_clay'!AU83</f>
        <v>#N/A</v>
      </c>
      <c r="Q83" s="55" t="e">
        <f>'p-y mono_clay'!AV83</f>
        <v>#N/A</v>
      </c>
      <c r="R83" s="55" t="e">
        <f>'p-y mono_clay'!AW83</f>
        <v>#N/A</v>
      </c>
      <c r="S83" s="55" t="e">
        <f>'p-y mono_clay'!AX83</f>
        <v>#N/A</v>
      </c>
      <c r="T83" s="200">
        <f>'p-y mono_clay'!AY83</f>
        <v>6000</v>
      </c>
      <c r="U83" s="199">
        <f>'p-y mono_clay'!AZ83</f>
        <v>1</v>
      </c>
      <c r="V83" s="55" t="e">
        <f>'p-y mono_clay'!BA83</f>
        <v>#N/A</v>
      </c>
      <c r="W83" s="55" t="e">
        <f>'p-y mono_clay'!BB83</f>
        <v>#N/A</v>
      </c>
      <c r="X83" s="55" t="e">
        <f>'p-y mono_clay'!BC83</f>
        <v>#N/A</v>
      </c>
      <c r="Y83" s="55" t="e">
        <f>'p-y mono_clay'!BD83</f>
        <v>#N/A</v>
      </c>
      <c r="Z83" s="55" t="e">
        <f>'p-y mono_clay'!BE83</f>
        <v>#N/A</v>
      </c>
      <c r="AA83" s="55" t="e">
        <f>'p-y mono_clay'!BF83</f>
        <v>#N/A</v>
      </c>
      <c r="AB83" s="55" t="e">
        <f>'p-y mono_clay'!BG83</f>
        <v>#N/A</v>
      </c>
      <c r="AC83" s="55" t="e">
        <f>'p-y mono_clay'!BH83</f>
        <v>#N/A</v>
      </c>
      <c r="AD83" s="55" t="e">
        <f>'p-y mono_clay'!BI83</f>
        <v>#N/A</v>
      </c>
      <c r="AE83" s="55" t="e">
        <f>'p-y mono_clay'!BJ83</f>
        <v>#N/A</v>
      </c>
      <c r="AF83" s="55" t="e">
        <f>'p-y mono_clay'!BK83</f>
        <v>#N/A</v>
      </c>
      <c r="AG83" s="200" t="e">
        <f>'p-y mono_clay'!BL83</f>
        <v>#N/A</v>
      </c>
      <c r="AH83">
        <f t="shared" ref="AH83:AH100" si="413">15*F83</f>
        <v>30</v>
      </c>
      <c r="AI83">
        <v>0</v>
      </c>
      <c r="AJ83" t="e">
        <f t="shared" ref="AJ83:AJ100" si="414">MIN(MAX(IF($D83&lt;=$AH83,((V83/$G83)-($D83/$AH83)^2),(V83/$G83)-1),-1),0.99)</f>
        <v>#N/A</v>
      </c>
      <c r="AK83" t="e">
        <f t="shared" ref="AK83:AK100" si="415">MIN(MAX(IF($D83&lt;=$AH83,((W83/$G83)-($D83/$AH83)^2),(W83/$G83)-1),-1),0.99)</f>
        <v>#N/A</v>
      </c>
      <c r="AL83" t="e">
        <f t="shared" ref="AL83:AL100" si="416">MIN(MAX(IF($D83&lt;=$AH83,((X83/$G83)-($D83/$AH83)^2),(X83/$G83)-1),-1),0.99)</f>
        <v>#N/A</v>
      </c>
      <c r="AM83" t="e">
        <f t="shared" ref="AM83:AM100" si="417">MIN(MAX(IF($D83&lt;=$AH83,((Y83/$G83)-($D83/$AH83)^2),(Y83/$G83)-1),-1),0.99)</f>
        <v>#N/A</v>
      </c>
      <c r="AN83" t="e">
        <f t="shared" ref="AN83:AN100" si="418">MIN(MAX(IF($D83&lt;=$AH83,((Z83/$G83)-($D83/$AH83)^2),(Z83/$G83)-1),-1),0.99)</f>
        <v>#N/A</v>
      </c>
      <c r="AO83" t="e">
        <f t="shared" ref="AO83:AO100" si="419">MIN(MAX(IF($D83&lt;=$AH83,((AA83/$G83)-($D83/$AH83)^2),(AA83/$G83)-1),-1),0.99)</f>
        <v>#N/A</v>
      </c>
      <c r="AP83" t="e">
        <f t="shared" ref="AP83:AP100" si="420">MIN(MAX(IF($D83&lt;=$AH83,((AB83/$G83)-($D83/$AH83)^2),(AB83/$G83)-1),-1),0.99)</f>
        <v>#N/A</v>
      </c>
      <c r="AQ83" t="e">
        <f t="shared" ref="AQ83:AQ100" si="421">MIN(MAX(IF($D83&lt;=$AH83,((AC83/$G83)-($D83/$AH83)^2),(AC83/$G83)-1),-1),0.99)</f>
        <v>#N/A</v>
      </c>
      <c r="AR83" t="e">
        <f t="shared" ref="AR83:AR100" si="422">MIN(MAX(IF($D83&lt;=$AH83,((AD83/$G83)-($D83/$AH83)^2),(AD83/$G83)-1),-1),0.99)</f>
        <v>#N/A</v>
      </c>
      <c r="AS83" t="e">
        <f t="shared" ref="AS83:AS100" si="423">MIN(MAX(IF($D83&lt;=$AH83,((AE83/$G83)-($D83/$AH83)^2),(AE83/$G83)-1),-1),0.99)</f>
        <v>#N/A</v>
      </c>
      <c r="AT83" t="e">
        <f t="shared" ref="AT83:AT100" si="424">MIN(MAX(IF($D83&lt;=$AH83,((AF83/$G83)-($D83/$AH83)^2),(AF83/$G83)-1),-1),0.99)</f>
        <v>#N/A</v>
      </c>
      <c r="AU83" t="e">
        <f t="shared" ref="AU83:AU100" si="425">MIN(MAX(IF($D83&lt;=$AH83,((AG83/$G83)-($D83/$AH83)^2),(AG83/$G83)-1),-1),0.99)</f>
        <v>#N/A</v>
      </c>
      <c r="AV83">
        <v>1</v>
      </c>
      <c r="AW83">
        <v>1.25</v>
      </c>
      <c r="AX83">
        <v>2.5</v>
      </c>
      <c r="AY83" s="162">
        <f t="shared" ref="AY83:AY100" si="426">MIN(MAX((2/(1-AI83))^$AV83,1),25)</f>
        <v>2</v>
      </c>
      <c r="AZ83" s="162" t="e">
        <f t="shared" ref="AZ83:AZ100" si="427">MIN(MAX((2/(1-AJ83))^$AV83,1),25)</f>
        <v>#N/A</v>
      </c>
      <c r="BA83" s="162" t="e">
        <f t="shared" ref="BA83:BA100" si="428">MIN(MAX((2/(1-AK83))^$AV83,1),25)</f>
        <v>#N/A</v>
      </c>
      <c r="BB83" s="162" t="e">
        <f t="shared" ref="BB83:BB100" si="429">MIN(MAX((2/(1-AL83))^$AV83,1),25)</f>
        <v>#N/A</v>
      </c>
      <c r="BC83" s="162" t="e">
        <f t="shared" ref="BC83:BC100" si="430">MIN(MAX((2/(1-AM83))^$AV83,1),25)</f>
        <v>#N/A</v>
      </c>
      <c r="BD83" s="162" t="e">
        <f t="shared" ref="BD83:BD100" si="431">MIN(MAX((2/(1-AN83))^$AV83,1),25)</f>
        <v>#N/A</v>
      </c>
      <c r="BE83" s="162" t="e">
        <f t="shared" ref="BE83:BE100" si="432">MIN(MAX((2/(1-AO83))^$AV83,1),25)</f>
        <v>#N/A</v>
      </c>
      <c r="BF83" s="162" t="e">
        <f t="shared" ref="BF83:BF100" si="433">MIN(MAX((2/(1-AP83))^$AV83,1),25)</f>
        <v>#N/A</v>
      </c>
      <c r="BG83" s="162" t="e">
        <f t="shared" ref="BG83:BG100" si="434">MIN(MAX((2/(1-AQ83))^$AV83,1),25)</f>
        <v>#N/A</v>
      </c>
      <c r="BH83" s="162" t="e">
        <f t="shared" ref="BH83:BH100" si="435">MIN(MAX((2/(1-AR83))^$AV83,1),25)</f>
        <v>#N/A</v>
      </c>
      <c r="BI83" s="162" t="e">
        <f t="shared" ref="BI83:BI100" si="436">MIN(MAX((2/(1-AS83))^$AV83,1),25)</f>
        <v>#N/A</v>
      </c>
      <c r="BJ83" s="162" t="e">
        <f t="shared" ref="BJ83:BJ100" si="437">MIN(MAX((2/(1-AT83))^$AV83,1),25)</f>
        <v>#N/A</v>
      </c>
      <c r="BK83" s="162" t="e">
        <f t="shared" ref="BK83:BK100" si="438">MIN(MAX((2/(1-AU83))^$AV83,1),25)</f>
        <v>#N/A</v>
      </c>
      <c r="BL83" s="162">
        <f t="shared" ref="BL83:BL100" si="439">MIN(MAX((2/(1-AI83))^$AW83,1),25)</f>
        <v>2.3784142300054421</v>
      </c>
      <c r="BM83" s="162" t="e">
        <f t="shared" ref="BM83:BM100" si="440">MIN(MAX((2/(1-AJ83))^$AW83,1),25)</f>
        <v>#N/A</v>
      </c>
      <c r="BN83" s="162" t="e">
        <f t="shared" ref="BN83:BN100" si="441">MIN(MAX((2/(1-AK83))^$AW83,1),25)</f>
        <v>#N/A</v>
      </c>
      <c r="BO83" s="162" t="e">
        <f t="shared" ref="BO83:BO100" si="442">MIN(MAX((2/(1-AL83))^$AW83,1),25)</f>
        <v>#N/A</v>
      </c>
      <c r="BP83" s="162" t="e">
        <f t="shared" ref="BP83:BP100" si="443">MIN(MAX((2/(1-AM83))^$AW83,1),25)</f>
        <v>#N/A</v>
      </c>
      <c r="BQ83" s="162" t="e">
        <f t="shared" ref="BQ83:BQ100" si="444">MIN(MAX((2/(1-AN83))^$AW83,1),25)</f>
        <v>#N/A</v>
      </c>
      <c r="BR83" s="162" t="e">
        <f t="shared" ref="BR83:BR100" si="445">MIN(MAX((2/(1-AO83))^$AW83,1),25)</f>
        <v>#N/A</v>
      </c>
      <c r="BS83" s="162" t="e">
        <f t="shared" ref="BS83:BS100" si="446">MIN(MAX((2/(1-AP83))^$AW83,1),25)</f>
        <v>#N/A</v>
      </c>
      <c r="BT83" s="162" t="e">
        <f t="shared" ref="BT83:BT100" si="447">MIN(MAX((2/(1-AQ83))^$AW83,1),25)</f>
        <v>#N/A</v>
      </c>
      <c r="BU83" s="162" t="e">
        <f t="shared" ref="BU83:BU100" si="448">MIN(MAX((2/(1-AR83))^$AW83,1),25)</f>
        <v>#N/A</v>
      </c>
      <c r="BV83" s="162" t="e">
        <f t="shared" ref="BV83:BV100" si="449">MIN(MAX((2/(1-AS83))^$AW83,1),25)</f>
        <v>#N/A</v>
      </c>
      <c r="BW83" s="162" t="e">
        <f t="shared" ref="BW83:BW100" si="450">MIN(MAX((2/(1-AT83))^$AW83,1),25)</f>
        <v>#N/A</v>
      </c>
      <c r="BX83" s="162" t="e">
        <f t="shared" ref="BX83:BX100" si="451">MIN(MAX((2/(1-AU83))^$AW83,1),25)</f>
        <v>#N/A</v>
      </c>
      <c r="BY83" s="162">
        <f t="shared" ref="BY83:BY100" si="452">MIN(MAX((2/(1-AI83))^$AX83,1),25)</f>
        <v>5.6568542494923806</v>
      </c>
      <c r="BZ83" s="162" t="e">
        <f t="shared" ref="BZ83:BZ100" si="453">MIN(MAX((2/(1-AJ83))^$AX83,1),25)</f>
        <v>#N/A</v>
      </c>
      <c r="CA83" s="162" t="e">
        <f t="shared" ref="CA83:CA100" si="454">MIN(MAX((2/(1-AK83))^$AX83,1),25)</f>
        <v>#N/A</v>
      </c>
      <c r="CB83" s="162" t="e">
        <f t="shared" ref="CB83:CB100" si="455">MIN(MAX((2/(1-AL83))^$AX83,1),25)</f>
        <v>#N/A</v>
      </c>
      <c r="CC83" s="162" t="e">
        <f t="shared" ref="CC83:CC100" si="456">MIN(MAX((2/(1-AM83))^$AX83,1),25)</f>
        <v>#N/A</v>
      </c>
      <c r="CD83" s="162" t="e">
        <f t="shared" ref="CD83:CD100" si="457">MIN(MAX((2/(1-AN83))^$AX83,1),25)</f>
        <v>#N/A</v>
      </c>
      <c r="CE83" s="162" t="e">
        <f t="shared" ref="CE83:CE100" si="458">MIN(MAX((2/(1-AO83))^$AX83,1),25)</f>
        <v>#N/A</v>
      </c>
      <c r="CF83" s="162" t="e">
        <f t="shared" ref="CF83:CF100" si="459">MIN(MAX((2/(1-AP83))^$AX83,1),25)</f>
        <v>#N/A</v>
      </c>
      <c r="CG83" s="162" t="e">
        <f t="shared" ref="CG83:CG100" si="460">MIN(MAX((2/(1-AQ83))^$AX83,1),25)</f>
        <v>#N/A</v>
      </c>
      <c r="CH83" s="162" t="e">
        <f t="shared" ref="CH83:CH100" si="461">MIN(MAX((2/(1-AR83))^$AX83,1),25)</f>
        <v>#N/A</v>
      </c>
      <c r="CI83" s="162" t="e">
        <f t="shared" ref="CI83:CI100" si="462">MIN(MAX((2/(1-AS83))^$AX83,1),25)</f>
        <v>#N/A</v>
      </c>
      <c r="CJ83" s="162" t="e">
        <f t="shared" ref="CJ83:CJ100" si="463">MIN(MAX((2/(1-AT83))^$AX83,1),25)</f>
        <v>#N/A</v>
      </c>
      <c r="CK83" s="162" t="e">
        <f t="shared" ref="CK83:CK100" si="464">MIN(MAX((2/(1-AU83))^$AX83,1),25)</f>
        <v>#N/A</v>
      </c>
      <c r="CL83">
        <f t="shared" ref="CL83:CL100" si="465">1.47-(0.14*LN(AY83))</f>
        <v>1.3729593947216077</v>
      </c>
      <c r="CM83" t="e">
        <f t="shared" ref="CM83:CM100" si="466">1.47-(0.14*LN(AZ83))</f>
        <v>#N/A</v>
      </c>
      <c r="CN83" t="e">
        <f t="shared" ref="CN83:CN100" si="467">1.47-(0.14*LN(BA83))</f>
        <v>#N/A</v>
      </c>
      <c r="CO83" t="e">
        <f t="shared" ref="CO83:CO100" si="468">1.47-(0.14*LN(BB83))</f>
        <v>#N/A</v>
      </c>
      <c r="CP83" t="e">
        <f t="shared" ref="CP83:CP100" si="469">1.47-(0.14*LN(BC83))</f>
        <v>#N/A</v>
      </c>
      <c r="CQ83" t="e">
        <f t="shared" ref="CQ83:CQ100" si="470">1.47-(0.14*LN(BD83))</f>
        <v>#N/A</v>
      </c>
      <c r="CR83" t="e">
        <f t="shared" ref="CR83:CR100" si="471">1.47-(0.14*LN(BE83))</f>
        <v>#N/A</v>
      </c>
      <c r="CS83" t="e">
        <f t="shared" ref="CS83:CS100" si="472">1.47-(0.14*LN(BF83))</f>
        <v>#N/A</v>
      </c>
      <c r="CT83" t="e">
        <f t="shared" ref="CT83:CT100" si="473">1.47-(0.14*LN(BG83))</f>
        <v>#N/A</v>
      </c>
      <c r="CU83" t="e">
        <f t="shared" ref="CU83:CU100" si="474">1.47-(0.14*LN(BH83))</f>
        <v>#N/A</v>
      </c>
      <c r="CV83" t="e">
        <f t="shared" ref="CV83:CV100" si="475">1.47-(0.14*LN(BI83))</f>
        <v>#N/A</v>
      </c>
      <c r="CW83" t="e">
        <f t="shared" ref="CW83:CW100" si="476">1.47-(0.14*LN(BJ83))</f>
        <v>#N/A</v>
      </c>
      <c r="CX83" s="98" t="e">
        <f t="shared" ref="CX83:CX100" si="477">1.47-(0.14*LN(BK83))</f>
        <v>#N/A</v>
      </c>
      <c r="CY83">
        <f t="shared" ref="CY83:CY100" si="478">1.2-(0.14*LN(AY83))</f>
        <v>1.1029593947216076</v>
      </c>
      <c r="CZ83" t="e">
        <f t="shared" ref="CZ83:CZ100" si="479">1.2-(0.14*LN(AZ83))</f>
        <v>#N/A</v>
      </c>
      <c r="DA83" t="e">
        <f t="shared" ref="DA83:DA100" si="480">1.2-(0.14*LN(BA83))</f>
        <v>#N/A</v>
      </c>
      <c r="DB83" t="e">
        <f t="shared" ref="DB83:DB100" si="481">1.2-(0.14*LN(BB83))</f>
        <v>#N/A</v>
      </c>
      <c r="DC83" t="e">
        <f t="shared" ref="DC83:DC100" si="482">1.2-(0.14*LN(BC83))</f>
        <v>#N/A</v>
      </c>
      <c r="DD83" t="e">
        <f t="shared" ref="DD83:DD100" si="483">1.2-(0.14*LN(BD83))</f>
        <v>#N/A</v>
      </c>
      <c r="DE83" t="e">
        <f t="shared" ref="DE83:DE100" si="484">1.2-(0.14*LN(BE83))</f>
        <v>#N/A</v>
      </c>
      <c r="DF83" t="e">
        <f t="shared" ref="DF83:DF100" si="485">1.2-(0.14*LN(BF83))</f>
        <v>#N/A</v>
      </c>
      <c r="DG83" t="e">
        <f t="shared" ref="DG83:DG100" si="486">1.2-(0.14*LN(BG83))</f>
        <v>#N/A</v>
      </c>
      <c r="DH83" t="e">
        <f t="shared" ref="DH83:DH100" si="487">1.2-(0.14*LN(BH83))</f>
        <v>#N/A</v>
      </c>
      <c r="DI83" t="e">
        <f t="shared" ref="DI83:DI100" si="488">1.2-(0.14*LN(BI83))</f>
        <v>#N/A</v>
      </c>
      <c r="DJ83" t="e">
        <f t="shared" ref="DJ83:DJ100" si="489">1.2-(0.14*LN(BJ83))</f>
        <v>#N/A</v>
      </c>
      <c r="DK83" t="e">
        <f t="shared" ref="DK83:DK100" si="490">1.2-(0.14*LN(BK83))</f>
        <v>#N/A</v>
      </c>
      <c r="DL83" s="97">
        <f t="shared" ref="DL83:DL100" si="491">1.63-(0.15*LN(BL83))</f>
        <v>1.5000349036450102</v>
      </c>
      <c r="DM83" t="e">
        <f t="shared" ref="DM83:DM100" si="492">1.63-(0.15*LN(BM83))</f>
        <v>#N/A</v>
      </c>
      <c r="DN83" t="e">
        <f t="shared" ref="DN83:DN100" si="493">1.63-(0.15*LN(BN83))</f>
        <v>#N/A</v>
      </c>
      <c r="DO83" t="e">
        <f t="shared" ref="DO83:DO100" si="494">1.63-(0.15*LN(BO83))</f>
        <v>#N/A</v>
      </c>
      <c r="DP83" t="e">
        <f t="shared" ref="DP83:DP100" si="495">1.63-(0.15*LN(BP83))</f>
        <v>#N/A</v>
      </c>
      <c r="DQ83" t="e">
        <f t="shared" ref="DQ83:DQ100" si="496">1.63-(0.15*LN(BQ83))</f>
        <v>#N/A</v>
      </c>
      <c r="DR83" t="e">
        <f t="shared" ref="DR83:DR100" si="497">1.63-(0.15*LN(BR83))</f>
        <v>#N/A</v>
      </c>
      <c r="DS83" t="e">
        <f t="shared" ref="DS83:DS100" si="498">1.63-(0.15*LN(BS83))</f>
        <v>#N/A</v>
      </c>
      <c r="DT83" t="e">
        <f t="shared" ref="DT83:DT100" si="499">1.63-(0.15*LN(BT83))</f>
        <v>#N/A</v>
      </c>
      <c r="DU83" t="e">
        <f t="shared" ref="DU83:DU100" si="500">1.63-(0.15*LN(BU83))</f>
        <v>#N/A</v>
      </c>
      <c r="DV83" t="e">
        <f t="shared" ref="DV83:DV100" si="501">1.63-(0.15*LN(BV83))</f>
        <v>#N/A</v>
      </c>
      <c r="DW83" t="e">
        <f t="shared" ref="DW83:DW100" si="502">1.63-(0.15*LN(BW83))</f>
        <v>#N/A</v>
      </c>
      <c r="DX83" s="98" t="e">
        <f t="shared" ref="DX83:DX100" si="503">1.63-(0.15*LN(BX83))</f>
        <v>#N/A</v>
      </c>
      <c r="DY83">
        <f t="shared" ref="DY83:DY100" si="504">1.2-(0.17*LN(BL83))</f>
        <v>1.0527062241310117</v>
      </c>
      <c r="DZ83" t="e">
        <f t="shared" ref="DZ83:DZ100" si="505">1.2-(0.17*LN(BM83))</f>
        <v>#N/A</v>
      </c>
      <c r="EA83" t="e">
        <f t="shared" ref="EA83:EA100" si="506">1.2-(0.17*LN(BN83))</f>
        <v>#N/A</v>
      </c>
      <c r="EB83" t="e">
        <f t="shared" ref="EB83:EB100" si="507">1.2-(0.17*LN(BO83))</f>
        <v>#N/A</v>
      </c>
      <c r="EC83" t="e">
        <f t="shared" ref="EC83:EC100" si="508">1.2-(0.17*LN(BP83))</f>
        <v>#N/A</v>
      </c>
      <c r="ED83" t="e">
        <f t="shared" ref="ED83:ED100" si="509">1.2-(0.17*LN(BQ83))</f>
        <v>#N/A</v>
      </c>
      <c r="EE83" t="e">
        <f t="shared" ref="EE83:EE100" si="510">1.2-(0.17*LN(BR83))</f>
        <v>#N/A</v>
      </c>
      <c r="EF83" t="e">
        <f t="shared" ref="EF83:EF100" si="511">1.2-(0.17*LN(BS83))</f>
        <v>#N/A</v>
      </c>
      <c r="EG83" t="e">
        <f t="shared" ref="EG83:EG100" si="512">1.2-(0.17*LN(BT83))</f>
        <v>#N/A</v>
      </c>
      <c r="EH83" t="e">
        <f t="shared" ref="EH83:EH100" si="513">1.2-(0.17*LN(BU83))</f>
        <v>#N/A</v>
      </c>
      <c r="EI83" t="e">
        <f t="shared" ref="EI83:EI100" si="514">1.2-(0.17*LN(BV83))</f>
        <v>#N/A</v>
      </c>
      <c r="EJ83" t="e">
        <f t="shared" ref="EJ83:EJ100" si="515">1.2-(0.17*LN(BW83))</f>
        <v>#N/A</v>
      </c>
      <c r="EK83" t="e">
        <f t="shared" ref="EK83:EK100" si="516">1.2-(0.17*LN(BX83))</f>
        <v>#N/A</v>
      </c>
      <c r="EL83" s="97">
        <f t="shared" ref="EL83:EL100" si="517">1.45-(0.17*LN(BY83))</f>
        <v>1.1554124482620232</v>
      </c>
      <c r="EM83" t="e">
        <f t="shared" ref="EM83:EM100" si="518">1.45-(0.17*LN(BZ83))</f>
        <v>#N/A</v>
      </c>
      <c r="EN83" t="e">
        <f t="shared" ref="EN83:EN100" si="519">1.45-(0.17*LN(CA83))</f>
        <v>#N/A</v>
      </c>
      <c r="EO83" t="e">
        <f t="shared" ref="EO83:EO100" si="520">1.45-(0.17*LN(CB83))</f>
        <v>#N/A</v>
      </c>
      <c r="EP83" t="e">
        <f t="shared" ref="EP83:EP100" si="521">1.45-(0.17*LN(CC83))</f>
        <v>#N/A</v>
      </c>
      <c r="EQ83" t="e">
        <f t="shared" ref="EQ83:EQ100" si="522">1.45-(0.17*LN(CD83))</f>
        <v>#N/A</v>
      </c>
      <c r="ER83" t="e">
        <f t="shared" ref="ER83:ER100" si="523">1.45-(0.17*LN(CE83))</f>
        <v>#N/A</v>
      </c>
      <c r="ES83" t="e">
        <f t="shared" ref="ES83:ES100" si="524">1.45-(0.17*LN(CF83))</f>
        <v>#N/A</v>
      </c>
      <c r="ET83" t="e">
        <f t="shared" ref="ET83:ET100" si="525">1.45-(0.17*LN(CG83))</f>
        <v>#N/A</v>
      </c>
      <c r="EU83" t="e">
        <f t="shared" ref="EU83:EU100" si="526">1.45-(0.17*LN(CH83))</f>
        <v>#N/A</v>
      </c>
      <c r="EV83" t="e">
        <f t="shared" ref="EV83:EV100" si="527">1.45-(0.17*LN(CI83))</f>
        <v>#N/A</v>
      </c>
      <c r="EW83" t="e">
        <f t="shared" ref="EW83:EW100" si="528">1.45-(0.17*LN(CJ83))</f>
        <v>#N/A</v>
      </c>
      <c r="EX83" s="98" t="e">
        <f t="shared" ref="EX83:EX100" si="529">1.45-(0.17*LN(CK83))</f>
        <v>#N/A</v>
      </c>
      <c r="EY83" s="97">
        <f t="shared" ref="EY83:EY100" si="530">1.2-(0.17*LN(BY83))</f>
        <v>0.90541244826202316</v>
      </c>
      <c r="EZ83" t="e">
        <f t="shared" ref="EZ83:EZ100" si="531">1.2-(0.17*LN(BZ83))</f>
        <v>#N/A</v>
      </c>
      <c r="FA83" t="e">
        <f t="shared" ref="FA83:FA100" si="532">1.2-(0.17*LN(CA83))</f>
        <v>#N/A</v>
      </c>
      <c r="FB83" t="e">
        <f t="shared" ref="FB83:FB100" si="533">1.2-(0.17*LN(CB83))</f>
        <v>#N/A</v>
      </c>
      <c r="FC83" t="e">
        <f t="shared" ref="FC83:FC100" si="534">1.2-(0.17*LN(CC83))</f>
        <v>#N/A</v>
      </c>
      <c r="FD83" t="e">
        <f t="shared" ref="FD83:FD100" si="535">1.2-(0.17*LN(CD83))</f>
        <v>#N/A</v>
      </c>
      <c r="FE83" t="e">
        <f t="shared" ref="FE83:FE100" si="536">1.2-(0.17*LN(CE83))</f>
        <v>#N/A</v>
      </c>
      <c r="FF83" t="e">
        <f t="shared" ref="FF83:FF100" si="537">1.2-(0.17*LN(CF83))</f>
        <v>#N/A</v>
      </c>
      <c r="FG83" t="e">
        <f t="shared" ref="FG83:FG100" si="538">1.2-(0.17*LN(CG83))</f>
        <v>#N/A</v>
      </c>
      <c r="FH83" t="e">
        <f t="shared" ref="FH83:FH100" si="539">1.2-(0.17*LN(CH83))</f>
        <v>#N/A</v>
      </c>
      <c r="FI83" t="e">
        <f t="shared" ref="FI83:FI100" si="540">1.2-(0.17*LN(CI83))</f>
        <v>#N/A</v>
      </c>
      <c r="FJ83" t="e">
        <f t="shared" ref="FJ83:FJ100" si="541">1.2-(0.17*LN(CJ83))</f>
        <v>#N/A</v>
      </c>
      <c r="FK83" t="e">
        <f t="shared" ref="FK83:FK100" si="542">1.2-(0.17*LN(CK83))</f>
        <v>#N/A</v>
      </c>
      <c r="FL83" s="126">
        <f t="shared" ref="FL83:FL100" si="543">CL83*U83</f>
        <v>1.3729593947216077</v>
      </c>
      <c r="FM83" s="91" t="e">
        <f t="shared" ref="FM83:FM100" si="544">CM83*V83</f>
        <v>#N/A</v>
      </c>
      <c r="FN83" s="91" t="e">
        <f t="shared" ref="FN83:FN100" si="545">CN83*W83</f>
        <v>#N/A</v>
      </c>
      <c r="FO83" s="91" t="e">
        <f t="shared" ref="FO83:FO100" si="546">CO83*X83</f>
        <v>#N/A</v>
      </c>
      <c r="FP83" s="91" t="e">
        <f t="shared" ref="FP83:FP100" si="547">CP83*Y83</f>
        <v>#N/A</v>
      </c>
      <c r="FQ83" s="91" t="e">
        <f t="shared" ref="FQ83:FQ100" si="548">CQ83*Z83</f>
        <v>#N/A</v>
      </c>
      <c r="FR83" s="91" t="e">
        <f t="shared" ref="FR83:FR100" si="549">CR83*AA83</f>
        <v>#N/A</v>
      </c>
      <c r="FS83" s="91" t="e">
        <f t="shared" ref="FS83:FS100" si="550">CS83*AB83</f>
        <v>#N/A</v>
      </c>
      <c r="FT83" s="91" t="e">
        <f t="shared" ref="FT83:FT100" si="551">CT83*AC83</f>
        <v>#N/A</v>
      </c>
      <c r="FU83" s="91" t="e">
        <f t="shared" ref="FU83:FU100" si="552">CU83*AD83</f>
        <v>#N/A</v>
      </c>
      <c r="FV83" s="91" t="e">
        <f t="shared" ref="FV83:FV100" si="553">CV83*AE83</f>
        <v>#N/A</v>
      </c>
      <c r="FW83" s="91" t="e">
        <f t="shared" ref="FW83:FW100" si="554">CW83*AF83</f>
        <v>#N/A</v>
      </c>
      <c r="FX83" s="91" t="e">
        <f t="shared" ref="FX83:FX100" si="555">CX83*AG83</f>
        <v>#N/A</v>
      </c>
      <c r="FY83" s="91">
        <f t="shared" ref="FY83:FY100" si="556">CY83*H83</f>
        <v>0</v>
      </c>
      <c r="FZ83" s="91" t="e">
        <f t="shared" ref="FZ83:FZ100" si="557">CZ83*I83</f>
        <v>#N/A</v>
      </c>
      <c r="GA83" s="91" t="e">
        <f t="shared" ref="GA83:GA100" si="558">DA83*J83</f>
        <v>#N/A</v>
      </c>
      <c r="GB83" s="91" t="e">
        <f t="shared" ref="GB83:GB100" si="559">DB83*K83</f>
        <v>#N/A</v>
      </c>
      <c r="GC83" s="91" t="e">
        <f t="shared" ref="GC83:GC100" si="560">DC83*L83</f>
        <v>#N/A</v>
      </c>
      <c r="GD83" s="91" t="e">
        <f t="shared" ref="GD83:GD100" si="561">DD83*M83</f>
        <v>#N/A</v>
      </c>
      <c r="GE83" s="91" t="e">
        <f t="shared" ref="GE83:GE100" si="562">DE83*N83</f>
        <v>#N/A</v>
      </c>
      <c r="GF83" s="91" t="e">
        <f t="shared" ref="GF83:GF100" si="563">DF83*O83</f>
        <v>#N/A</v>
      </c>
      <c r="GG83" s="91" t="e">
        <f t="shared" ref="GG83:GG100" si="564">DG83*P83</f>
        <v>#N/A</v>
      </c>
      <c r="GH83" s="91" t="e">
        <f t="shared" ref="GH83:GH100" si="565">DH83*Q83</f>
        <v>#N/A</v>
      </c>
      <c r="GI83" s="91" t="e">
        <f t="shared" ref="GI83:GI100" si="566">DI83*R83</f>
        <v>#N/A</v>
      </c>
      <c r="GJ83" s="91" t="e">
        <f t="shared" ref="GJ83:GJ100" si="567">DJ83*S83</f>
        <v>#N/A</v>
      </c>
      <c r="GK83" s="127" t="e">
        <f t="shared" ref="GK83:GK100" si="568">DK83*T83</f>
        <v>#N/A</v>
      </c>
      <c r="GL83" s="126">
        <f t="shared" ref="GL83:GL100" si="569">DL83*U83</f>
        <v>1.5000349036450102</v>
      </c>
      <c r="GM83" s="91" t="e">
        <f t="shared" ref="GM83:GM100" si="570">DM83*V83</f>
        <v>#N/A</v>
      </c>
      <c r="GN83" s="91" t="e">
        <f t="shared" ref="GN83:GN100" si="571">DN83*W83</f>
        <v>#N/A</v>
      </c>
      <c r="GO83" s="91" t="e">
        <f t="shared" ref="GO83:GO100" si="572">DO83*X83</f>
        <v>#N/A</v>
      </c>
      <c r="GP83" s="91" t="e">
        <f t="shared" ref="GP83:GP100" si="573">DP83*Y83</f>
        <v>#N/A</v>
      </c>
      <c r="GQ83" s="91" t="e">
        <f t="shared" ref="GQ83:GQ100" si="574">DQ83*Z83</f>
        <v>#N/A</v>
      </c>
      <c r="GR83" s="91" t="e">
        <f t="shared" ref="GR83:GR100" si="575">DR83*AA83</f>
        <v>#N/A</v>
      </c>
      <c r="GS83" s="91" t="e">
        <f t="shared" ref="GS83:GS100" si="576">DS83*AB83</f>
        <v>#N/A</v>
      </c>
      <c r="GT83" s="91" t="e">
        <f t="shared" ref="GT83:GT100" si="577">DT83*AC83</f>
        <v>#N/A</v>
      </c>
      <c r="GU83" s="91" t="e">
        <f t="shared" ref="GU83:GU100" si="578">DU83*AD83</f>
        <v>#N/A</v>
      </c>
      <c r="GV83" s="91" t="e">
        <f t="shared" ref="GV83:GV100" si="579">DV83*AE83</f>
        <v>#N/A</v>
      </c>
      <c r="GW83" s="91" t="e">
        <f t="shared" ref="GW83:GW100" si="580">DW83*AF83</f>
        <v>#N/A</v>
      </c>
      <c r="GX83" s="91" t="e">
        <f t="shared" ref="GX83:GX100" si="581">DX83*AG83</f>
        <v>#N/A</v>
      </c>
      <c r="GY83" s="91">
        <f t="shared" ref="GY83:GY100" si="582">DY83*H83</f>
        <v>0</v>
      </c>
      <c r="GZ83" s="91" t="e">
        <f t="shared" ref="GZ83:GZ100" si="583">DZ83*I83</f>
        <v>#N/A</v>
      </c>
      <c r="HA83" s="91" t="e">
        <f t="shared" ref="HA83:HA100" si="584">EA83*J83</f>
        <v>#N/A</v>
      </c>
      <c r="HB83" s="91" t="e">
        <f t="shared" ref="HB83:HB100" si="585">EB83*K83</f>
        <v>#N/A</v>
      </c>
      <c r="HC83" s="91" t="e">
        <f t="shared" ref="HC83:HC100" si="586">EC83*L83</f>
        <v>#N/A</v>
      </c>
      <c r="HD83" s="91" t="e">
        <f t="shared" ref="HD83:HD100" si="587">ED83*M83</f>
        <v>#N/A</v>
      </c>
      <c r="HE83" s="91" t="e">
        <f t="shared" ref="HE83:HE100" si="588">EE83*N83</f>
        <v>#N/A</v>
      </c>
      <c r="HF83" s="91" t="e">
        <f t="shared" ref="HF83:HF100" si="589">EF83*O83</f>
        <v>#N/A</v>
      </c>
      <c r="HG83" s="91" t="e">
        <f t="shared" ref="HG83:HG100" si="590">EG83*P83</f>
        <v>#N/A</v>
      </c>
      <c r="HH83" s="91" t="e">
        <f t="shared" ref="HH83:HH100" si="591">EH83*Q83</f>
        <v>#N/A</v>
      </c>
      <c r="HI83" s="91" t="e">
        <f t="shared" ref="HI83:HI100" si="592">EI83*R83</f>
        <v>#N/A</v>
      </c>
      <c r="HJ83" s="91" t="e">
        <f t="shared" ref="HJ83:HJ100" si="593">EJ83*S83</f>
        <v>#N/A</v>
      </c>
      <c r="HK83" s="127" t="e">
        <f t="shared" ref="HK83:HK100" si="594">EK83*T83</f>
        <v>#N/A</v>
      </c>
      <c r="HL83" s="126">
        <f t="shared" ref="HL83:HL100" si="595">EL83*U83</f>
        <v>1.1554124482620232</v>
      </c>
      <c r="HM83" s="91" t="e">
        <f t="shared" ref="HM83:HM100" si="596">EM83*V83</f>
        <v>#N/A</v>
      </c>
      <c r="HN83" s="91" t="e">
        <f t="shared" ref="HN83:HN100" si="597">EN83*W83</f>
        <v>#N/A</v>
      </c>
      <c r="HO83" s="91" t="e">
        <f t="shared" ref="HO83:HO100" si="598">EO83*X83</f>
        <v>#N/A</v>
      </c>
      <c r="HP83" s="91" t="e">
        <f t="shared" ref="HP83:HP100" si="599">EP83*Y83</f>
        <v>#N/A</v>
      </c>
      <c r="HQ83" s="91" t="e">
        <f t="shared" ref="HQ83:HQ100" si="600">EQ83*Z83</f>
        <v>#N/A</v>
      </c>
      <c r="HR83" s="91" t="e">
        <f t="shared" ref="HR83:HR100" si="601">ER83*AA83</f>
        <v>#N/A</v>
      </c>
      <c r="HS83" s="91" t="e">
        <f t="shared" ref="HS83:HS100" si="602">ES83*AB83</f>
        <v>#N/A</v>
      </c>
      <c r="HT83" s="91" t="e">
        <f t="shared" ref="HT83:HT100" si="603">ET83*AC83</f>
        <v>#N/A</v>
      </c>
      <c r="HU83" s="91" t="e">
        <f t="shared" ref="HU83:HU100" si="604">EU83*AD83</f>
        <v>#N/A</v>
      </c>
      <c r="HV83" s="91" t="e">
        <f t="shared" ref="HV83:HV100" si="605">EV83*AE83</f>
        <v>#N/A</v>
      </c>
      <c r="HW83" s="91" t="e">
        <f t="shared" ref="HW83:HW100" si="606">EW83*AF83</f>
        <v>#N/A</v>
      </c>
      <c r="HX83" s="91" t="e">
        <f t="shared" ref="HX83:HX100" si="607">EX83*AG83</f>
        <v>#N/A</v>
      </c>
      <c r="HY83" s="91">
        <f t="shared" ref="HY83:HY100" si="608">EY83*H83</f>
        <v>0</v>
      </c>
      <c r="HZ83" s="91" t="e">
        <f t="shared" ref="HZ83:HZ100" si="609">EZ83*I83</f>
        <v>#N/A</v>
      </c>
      <c r="IA83" s="91" t="e">
        <f t="shared" ref="IA83:IA100" si="610">FA83*J83</f>
        <v>#N/A</v>
      </c>
      <c r="IB83" s="91" t="e">
        <f t="shared" ref="IB83:IB100" si="611">FB83*K83</f>
        <v>#N/A</v>
      </c>
      <c r="IC83" s="91" t="e">
        <f t="shared" ref="IC83:IC100" si="612">FC83*L83</f>
        <v>#N/A</v>
      </c>
      <c r="ID83" s="91" t="e">
        <f t="shared" ref="ID83:ID100" si="613">FD83*M83</f>
        <v>#N/A</v>
      </c>
      <c r="IE83" s="91" t="e">
        <f t="shared" ref="IE83:IE100" si="614">FE83*N83</f>
        <v>#N/A</v>
      </c>
      <c r="IF83" s="91" t="e">
        <f t="shared" ref="IF83:IF100" si="615">FF83*O83</f>
        <v>#N/A</v>
      </c>
      <c r="IG83" s="91" t="e">
        <f t="shared" ref="IG83:IG100" si="616">FG83*P83</f>
        <v>#N/A</v>
      </c>
      <c r="IH83" s="91" t="e">
        <f t="shared" ref="IH83:IH100" si="617">FH83*Q83</f>
        <v>#N/A</v>
      </c>
      <c r="II83" s="91" t="e">
        <f t="shared" ref="II83:II100" si="618">FI83*R83</f>
        <v>#N/A</v>
      </c>
      <c r="IJ83" s="91" t="e">
        <f t="shared" ref="IJ83:IJ100" si="619">FJ83*S83</f>
        <v>#N/A</v>
      </c>
      <c r="IK83" s="127" t="e">
        <f t="shared" ref="IK83:IK100" si="620">FK83*T83</f>
        <v>#N/A</v>
      </c>
    </row>
    <row r="84" spans="2:245" ht="13.5" thickBot="1" x14ac:dyDescent="0.25">
      <c r="B84" s="79">
        <f t="shared" si="188"/>
        <v>-73.5</v>
      </c>
      <c r="C84" s="73">
        <f>'p-y mono_clay'!C84</f>
        <v>58</v>
      </c>
      <c r="D84" s="64">
        <f>'p-y mono_clay'!D84</f>
        <v>57.984000000000002</v>
      </c>
      <c r="E84" s="64" t="str">
        <f>'p-y mono_clay'!E84</f>
        <v>SAND</v>
      </c>
      <c r="F84" s="55">
        <f>VLOOKUP($C84, 'Pile Property'!$A$8:$D$108,2,TRUE)</f>
        <v>2</v>
      </c>
      <c r="G84" s="102" t="e">
        <f>'p-y mono_clay'!Z84</f>
        <v>#N/A</v>
      </c>
      <c r="H84" s="201">
        <f>'p-y mono_clay'!AM84</f>
        <v>0</v>
      </c>
      <c r="I84" s="202" t="e">
        <f>'p-y mono_clay'!AN84</f>
        <v>#N/A</v>
      </c>
      <c r="J84" s="202" t="e">
        <f>'p-y mono_clay'!AO84</f>
        <v>#N/A</v>
      </c>
      <c r="K84" s="202" t="e">
        <f>'p-y mono_clay'!AP84</f>
        <v>#N/A</v>
      </c>
      <c r="L84" s="202" t="e">
        <f>'p-y mono_clay'!AQ84</f>
        <v>#N/A</v>
      </c>
      <c r="M84" s="202" t="e">
        <f>'p-y mono_clay'!AR84</f>
        <v>#N/A</v>
      </c>
      <c r="N84" s="202" t="e">
        <f>'p-y mono_clay'!AS84</f>
        <v>#N/A</v>
      </c>
      <c r="O84" s="202" t="e">
        <f>'p-y mono_clay'!AT84</f>
        <v>#N/A</v>
      </c>
      <c r="P84" s="202" t="e">
        <f>'p-y mono_clay'!AU84</f>
        <v>#N/A</v>
      </c>
      <c r="Q84" s="202" t="e">
        <f>'p-y mono_clay'!AV84</f>
        <v>#N/A</v>
      </c>
      <c r="R84" s="202" t="e">
        <f>'p-y mono_clay'!AW84</f>
        <v>#N/A</v>
      </c>
      <c r="S84" s="202" t="e">
        <f>'p-y mono_clay'!AX84</f>
        <v>#N/A</v>
      </c>
      <c r="T84" s="203">
        <f>'p-y mono_clay'!AY84</f>
        <v>6000</v>
      </c>
      <c r="U84" s="201">
        <f>'p-y mono_clay'!AZ84</f>
        <v>2</v>
      </c>
      <c r="V84" s="202" t="e">
        <f>'p-y mono_clay'!BA84</f>
        <v>#N/A</v>
      </c>
      <c r="W84" s="202" t="e">
        <f>'p-y mono_clay'!BB84</f>
        <v>#N/A</v>
      </c>
      <c r="X84" s="202" t="e">
        <f>'p-y mono_clay'!BC84</f>
        <v>#N/A</v>
      </c>
      <c r="Y84" s="202" t="e">
        <f>'p-y mono_clay'!BD84</f>
        <v>#N/A</v>
      </c>
      <c r="Z84" s="202" t="e">
        <f>'p-y mono_clay'!BE84</f>
        <v>#N/A</v>
      </c>
      <c r="AA84" s="202" t="e">
        <f>'p-y mono_clay'!BF84</f>
        <v>#N/A</v>
      </c>
      <c r="AB84" s="202" t="e">
        <f>'p-y mono_clay'!BG84</f>
        <v>#N/A</v>
      </c>
      <c r="AC84" s="202" t="e">
        <f>'p-y mono_clay'!BH84</f>
        <v>#N/A</v>
      </c>
      <c r="AD84" s="202" t="e">
        <f>'p-y mono_clay'!BI84</f>
        <v>#N/A</v>
      </c>
      <c r="AE84" s="202" t="e">
        <f>'p-y mono_clay'!BJ84</f>
        <v>#N/A</v>
      </c>
      <c r="AF84" s="202" t="e">
        <f>'p-y mono_clay'!BK84</f>
        <v>#N/A</v>
      </c>
      <c r="AG84" s="203" t="e">
        <f>'p-y mono_clay'!BL84</f>
        <v>#N/A</v>
      </c>
      <c r="AH84">
        <f t="shared" si="413"/>
        <v>30</v>
      </c>
      <c r="AI84">
        <v>0</v>
      </c>
      <c r="AJ84" t="e">
        <f t="shared" si="414"/>
        <v>#N/A</v>
      </c>
      <c r="AK84" t="e">
        <f t="shared" si="415"/>
        <v>#N/A</v>
      </c>
      <c r="AL84" t="e">
        <f t="shared" si="416"/>
        <v>#N/A</v>
      </c>
      <c r="AM84" t="e">
        <f t="shared" si="417"/>
        <v>#N/A</v>
      </c>
      <c r="AN84" t="e">
        <f t="shared" si="418"/>
        <v>#N/A</v>
      </c>
      <c r="AO84" t="e">
        <f t="shared" si="419"/>
        <v>#N/A</v>
      </c>
      <c r="AP84" t="e">
        <f t="shared" si="420"/>
        <v>#N/A</v>
      </c>
      <c r="AQ84" t="e">
        <f t="shared" si="421"/>
        <v>#N/A</v>
      </c>
      <c r="AR84" t="e">
        <f t="shared" si="422"/>
        <v>#N/A</v>
      </c>
      <c r="AS84" t="e">
        <f t="shared" si="423"/>
        <v>#N/A</v>
      </c>
      <c r="AT84" t="e">
        <f t="shared" si="424"/>
        <v>#N/A</v>
      </c>
      <c r="AU84" t="e">
        <f t="shared" si="425"/>
        <v>#N/A</v>
      </c>
      <c r="AV84">
        <v>1</v>
      </c>
      <c r="AW84">
        <v>1.25</v>
      </c>
      <c r="AX84">
        <v>2.5</v>
      </c>
      <c r="AY84" s="162">
        <f t="shared" si="426"/>
        <v>2</v>
      </c>
      <c r="AZ84" s="162" t="e">
        <f t="shared" si="427"/>
        <v>#N/A</v>
      </c>
      <c r="BA84" s="162" t="e">
        <f t="shared" si="428"/>
        <v>#N/A</v>
      </c>
      <c r="BB84" s="162" t="e">
        <f t="shared" si="429"/>
        <v>#N/A</v>
      </c>
      <c r="BC84" s="162" t="e">
        <f t="shared" si="430"/>
        <v>#N/A</v>
      </c>
      <c r="BD84" s="162" t="e">
        <f t="shared" si="431"/>
        <v>#N/A</v>
      </c>
      <c r="BE84" s="162" t="e">
        <f t="shared" si="432"/>
        <v>#N/A</v>
      </c>
      <c r="BF84" s="162" t="e">
        <f t="shared" si="433"/>
        <v>#N/A</v>
      </c>
      <c r="BG84" s="162" t="e">
        <f t="shared" si="434"/>
        <v>#N/A</v>
      </c>
      <c r="BH84" s="162" t="e">
        <f t="shared" si="435"/>
        <v>#N/A</v>
      </c>
      <c r="BI84" s="162" t="e">
        <f t="shared" si="436"/>
        <v>#N/A</v>
      </c>
      <c r="BJ84" s="162" t="e">
        <f t="shared" si="437"/>
        <v>#N/A</v>
      </c>
      <c r="BK84" s="162" t="e">
        <f t="shared" si="438"/>
        <v>#N/A</v>
      </c>
      <c r="BL84" s="162">
        <f t="shared" si="439"/>
        <v>2.3784142300054421</v>
      </c>
      <c r="BM84" s="162" t="e">
        <f t="shared" si="440"/>
        <v>#N/A</v>
      </c>
      <c r="BN84" s="162" t="e">
        <f t="shared" si="441"/>
        <v>#N/A</v>
      </c>
      <c r="BO84" s="162" t="e">
        <f t="shared" si="442"/>
        <v>#N/A</v>
      </c>
      <c r="BP84" s="162" t="e">
        <f t="shared" si="443"/>
        <v>#N/A</v>
      </c>
      <c r="BQ84" s="162" t="e">
        <f t="shared" si="444"/>
        <v>#N/A</v>
      </c>
      <c r="BR84" s="162" t="e">
        <f t="shared" si="445"/>
        <v>#N/A</v>
      </c>
      <c r="BS84" s="162" t="e">
        <f t="shared" si="446"/>
        <v>#N/A</v>
      </c>
      <c r="BT84" s="162" t="e">
        <f t="shared" si="447"/>
        <v>#N/A</v>
      </c>
      <c r="BU84" s="162" t="e">
        <f t="shared" si="448"/>
        <v>#N/A</v>
      </c>
      <c r="BV84" s="162" t="e">
        <f t="shared" si="449"/>
        <v>#N/A</v>
      </c>
      <c r="BW84" s="162" t="e">
        <f t="shared" si="450"/>
        <v>#N/A</v>
      </c>
      <c r="BX84" s="162" t="e">
        <f t="shared" si="451"/>
        <v>#N/A</v>
      </c>
      <c r="BY84" s="162">
        <f t="shared" si="452"/>
        <v>5.6568542494923806</v>
      </c>
      <c r="BZ84" s="162" t="e">
        <f t="shared" si="453"/>
        <v>#N/A</v>
      </c>
      <c r="CA84" s="162" t="e">
        <f t="shared" si="454"/>
        <v>#N/A</v>
      </c>
      <c r="CB84" s="162" t="e">
        <f t="shared" si="455"/>
        <v>#N/A</v>
      </c>
      <c r="CC84" s="162" t="e">
        <f t="shared" si="456"/>
        <v>#N/A</v>
      </c>
      <c r="CD84" s="162" t="e">
        <f t="shared" si="457"/>
        <v>#N/A</v>
      </c>
      <c r="CE84" s="162" t="e">
        <f t="shared" si="458"/>
        <v>#N/A</v>
      </c>
      <c r="CF84" s="162" t="e">
        <f t="shared" si="459"/>
        <v>#N/A</v>
      </c>
      <c r="CG84" s="162" t="e">
        <f t="shared" si="460"/>
        <v>#N/A</v>
      </c>
      <c r="CH84" s="162" t="e">
        <f t="shared" si="461"/>
        <v>#N/A</v>
      </c>
      <c r="CI84" s="162" t="e">
        <f t="shared" si="462"/>
        <v>#N/A</v>
      </c>
      <c r="CJ84" s="162" t="e">
        <f t="shared" si="463"/>
        <v>#N/A</v>
      </c>
      <c r="CK84" s="162" t="e">
        <f t="shared" si="464"/>
        <v>#N/A</v>
      </c>
      <c r="CL84">
        <f t="shared" si="465"/>
        <v>1.3729593947216077</v>
      </c>
      <c r="CM84" t="e">
        <f t="shared" si="466"/>
        <v>#N/A</v>
      </c>
      <c r="CN84" t="e">
        <f t="shared" si="467"/>
        <v>#N/A</v>
      </c>
      <c r="CO84" t="e">
        <f t="shared" si="468"/>
        <v>#N/A</v>
      </c>
      <c r="CP84" t="e">
        <f t="shared" si="469"/>
        <v>#N/A</v>
      </c>
      <c r="CQ84" t="e">
        <f t="shared" si="470"/>
        <v>#N/A</v>
      </c>
      <c r="CR84" t="e">
        <f t="shared" si="471"/>
        <v>#N/A</v>
      </c>
      <c r="CS84" t="e">
        <f t="shared" si="472"/>
        <v>#N/A</v>
      </c>
      <c r="CT84" t="e">
        <f t="shared" si="473"/>
        <v>#N/A</v>
      </c>
      <c r="CU84" t="e">
        <f t="shared" si="474"/>
        <v>#N/A</v>
      </c>
      <c r="CV84" t="e">
        <f t="shared" si="475"/>
        <v>#N/A</v>
      </c>
      <c r="CW84" t="e">
        <f t="shared" si="476"/>
        <v>#N/A</v>
      </c>
      <c r="CX84" s="98" t="e">
        <f t="shared" si="477"/>
        <v>#N/A</v>
      </c>
      <c r="CY84">
        <f t="shared" si="478"/>
        <v>1.1029593947216076</v>
      </c>
      <c r="CZ84" t="e">
        <f t="shared" si="479"/>
        <v>#N/A</v>
      </c>
      <c r="DA84" t="e">
        <f t="shared" si="480"/>
        <v>#N/A</v>
      </c>
      <c r="DB84" t="e">
        <f t="shared" si="481"/>
        <v>#N/A</v>
      </c>
      <c r="DC84" t="e">
        <f t="shared" si="482"/>
        <v>#N/A</v>
      </c>
      <c r="DD84" t="e">
        <f t="shared" si="483"/>
        <v>#N/A</v>
      </c>
      <c r="DE84" t="e">
        <f t="shared" si="484"/>
        <v>#N/A</v>
      </c>
      <c r="DF84" t="e">
        <f t="shared" si="485"/>
        <v>#N/A</v>
      </c>
      <c r="DG84" t="e">
        <f t="shared" si="486"/>
        <v>#N/A</v>
      </c>
      <c r="DH84" t="e">
        <f t="shared" si="487"/>
        <v>#N/A</v>
      </c>
      <c r="DI84" t="e">
        <f t="shared" si="488"/>
        <v>#N/A</v>
      </c>
      <c r="DJ84" t="e">
        <f t="shared" si="489"/>
        <v>#N/A</v>
      </c>
      <c r="DK84" t="e">
        <f t="shared" si="490"/>
        <v>#N/A</v>
      </c>
      <c r="DL84" s="97">
        <f t="shared" si="491"/>
        <v>1.5000349036450102</v>
      </c>
      <c r="DM84" t="e">
        <f t="shared" si="492"/>
        <v>#N/A</v>
      </c>
      <c r="DN84" t="e">
        <f t="shared" si="493"/>
        <v>#N/A</v>
      </c>
      <c r="DO84" t="e">
        <f t="shared" si="494"/>
        <v>#N/A</v>
      </c>
      <c r="DP84" t="e">
        <f t="shared" si="495"/>
        <v>#N/A</v>
      </c>
      <c r="DQ84" t="e">
        <f t="shared" si="496"/>
        <v>#N/A</v>
      </c>
      <c r="DR84" t="e">
        <f t="shared" si="497"/>
        <v>#N/A</v>
      </c>
      <c r="DS84" t="e">
        <f t="shared" si="498"/>
        <v>#N/A</v>
      </c>
      <c r="DT84" t="e">
        <f t="shared" si="499"/>
        <v>#N/A</v>
      </c>
      <c r="DU84" t="e">
        <f t="shared" si="500"/>
        <v>#N/A</v>
      </c>
      <c r="DV84" t="e">
        <f t="shared" si="501"/>
        <v>#N/A</v>
      </c>
      <c r="DW84" t="e">
        <f t="shared" si="502"/>
        <v>#N/A</v>
      </c>
      <c r="DX84" s="98" t="e">
        <f t="shared" si="503"/>
        <v>#N/A</v>
      </c>
      <c r="DY84">
        <f t="shared" si="504"/>
        <v>1.0527062241310117</v>
      </c>
      <c r="DZ84" t="e">
        <f t="shared" si="505"/>
        <v>#N/A</v>
      </c>
      <c r="EA84" t="e">
        <f t="shared" si="506"/>
        <v>#N/A</v>
      </c>
      <c r="EB84" t="e">
        <f t="shared" si="507"/>
        <v>#N/A</v>
      </c>
      <c r="EC84" t="e">
        <f t="shared" si="508"/>
        <v>#N/A</v>
      </c>
      <c r="ED84" t="e">
        <f t="shared" si="509"/>
        <v>#N/A</v>
      </c>
      <c r="EE84" t="e">
        <f t="shared" si="510"/>
        <v>#N/A</v>
      </c>
      <c r="EF84" t="e">
        <f t="shared" si="511"/>
        <v>#N/A</v>
      </c>
      <c r="EG84" t="e">
        <f t="shared" si="512"/>
        <v>#N/A</v>
      </c>
      <c r="EH84" t="e">
        <f t="shared" si="513"/>
        <v>#N/A</v>
      </c>
      <c r="EI84" t="e">
        <f t="shared" si="514"/>
        <v>#N/A</v>
      </c>
      <c r="EJ84" t="e">
        <f t="shared" si="515"/>
        <v>#N/A</v>
      </c>
      <c r="EK84" t="e">
        <f t="shared" si="516"/>
        <v>#N/A</v>
      </c>
      <c r="EL84" s="97">
        <f t="shared" si="517"/>
        <v>1.1554124482620232</v>
      </c>
      <c r="EM84" t="e">
        <f t="shared" si="518"/>
        <v>#N/A</v>
      </c>
      <c r="EN84" t="e">
        <f t="shared" si="519"/>
        <v>#N/A</v>
      </c>
      <c r="EO84" t="e">
        <f t="shared" si="520"/>
        <v>#N/A</v>
      </c>
      <c r="EP84" t="e">
        <f t="shared" si="521"/>
        <v>#N/A</v>
      </c>
      <c r="EQ84" t="e">
        <f t="shared" si="522"/>
        <v>#N/A</v>
      </c>
      <c r="ER84" t="e">
        <f t="shared" si="523"/>
        <v>#N/A</v>
      </c>
      <c r="ES84" t="e">
        <f t="shared" si="524"/>
        <v>#N/A</v>
      </c>
      <c r="ET84" t="e">
        <f t="shared" si="525"/>
        <v>#N/A</v>
      </c>
      <c r="EU84" t="e">
        <f t="shared" si="526"/>
        <v>#N/A</v>
      </c>
      <c r="EV84" t="e">
        <f t="shared" si="527"/>
        <v>#N/A</v>
      </c>
      <c r="EW84" t="e">
        <f t="shared" si="528"/>
        <v>#N/A</v>
      </c>
      <c r="EX84" s="98" t="e">
        <f t="shared" si="529"/>
        <v>#N/A</v>
      </c>
      <c r="EY84" s="97">
        <f t="shared" si="530"/>
        <v>0.90541244826202316</v>
      </c>
      <c r="EZ84" t="e">
        <f t="shared" si="531"/>
        <v>#N/A</v>
      </c>
      <c r="FA84" t="e">
        <f t="shared" si="532"/>
        <v>#N/A</v>
      </c>
      <c r="FB84" t="e">
        <f t="shared" si="533"/>
        <v>#N/A</v>
      </c>
      <c r="FC84" t="e">
        <f t="shared" si="534"/>
        <v>#N/A</v>
      </c>
      <c r="FD84" t="e">
        <f t="shared" si="535"/>
        <v>#N/A</v>
      </c>
      <c r="FE84" t="e">
        <f t="shared" si="536"/>
        <v>#N/A</v>
      </c>
      <c r="FF84" t="e">
        <f t="shared" si="537"/>
        <v>#N/A</v>
      </c>
      <c r="FG84" t="e">
        <f t="shared" si="538"/>
        <v>#N/A</v>
      </c>
      <c r="FH84" t="e">
        <f t="shared" si="539"/>
        <v>#N/A</v>
      </c>
      <c r="FI84" t="e">
        <f t="shared" si="540"/>
        <v>#N/A</v>
      </c>
      <c r="FJ84" t="e">
        <f t="shared" si="541"/>
        <v>#N/A</v>
      </c>
      <c r="FK84" t="e">
        <f t="shared" si="542"/>
        <v>#N/A</v>
      </c>
      <c r="FL84" s="126">
        <f t="shared" si="543"/>
        <v>2.7459187894432153</v>
      </c>
      <c r="FM84" s="91" t="e">
        <f t="shared" si="544"/>
        <v>#N/A</v>
      </c>
      <c r="FN84" s="91" t="e">
        <f t="shared" si="545"/>
        <v>#N/A</v>
      </c>
      <c r="FO84" s="91" t="e">
        <f t="shared" si="546"/>
        <v>#N/A</v>
      </c>
      <c r="FP84" s="91" t="e">
        <f t="shared" si="547"/>
        <v>#N/A</v>
      </c>
      <c r="FQ84" s="91" t="e">
        <f t="shared" si="548"/>
        <v>#N/A</v>
      </c>
      <c r="FR84" s="91" t="e">
        <f t="shared" si="549"/>
        <v>#N/A</v>
      </c>
      <c r="FS84" s="91" t="e">
        <f t="shared" si="550"/>
        <v>#N/A</v>
      </c>
      <c r="FT84" s="91" t="e">
        <f t="shared" si="551"/>
        <v>#N/A</v>
      </c>
      <c r="FU84" s="91" t="e">
        <f t="shared" si="552"/>
        <v>#N/A</v>
      </c>
      <c r="FV84" s="91" t="e">
        <f t="shared" si="553"/>
        <v>#N/A</v>
      </c>
      <c r="FW84" s="91" t="e">
        <f t="shared" si="554"/>
        <v>#N/A</v>
      </c>
      <c r="FX84" s="91" t="e">
        <f t="shared" si="555"/>
        <v>#N/A</v>
      </c>
      <c r="FY84" s="91">
        <f t="shared" si="556"/>
        <v>0</v>
      </c>
      <c r="FZ84" s="91" t="e">
        <f t="shared" si="557"/>
        <v>#N/A</v>
      </c>
      <c r="GA84" s="91" t="e">
        <f t="shared" si="558"/>
        <v>#N/A</v>
      </c>
      <c r="GB84" s="91" t="e">
        <f t="shared" si="559"/>
        <v>#N/A</v>
      </c>
      <c r="GC84" s="91" t="e">
        <f t="shared" si="560"/>
        <v>#N/A</v>
      </c>
      <c r="GD84" s="91" t="e">
        <f t="shared" si="561"/>
        <v>#N/A</v>
      </c>
      <c r="GE84" s="91" t="e">
        <f t="shared" si="562"/>
        <v>#N/A</v>
      </c>
      <c r="GF84" s="91" t="e">
        <f t="shared" si="563"/>
        <v>#N/A</v>
      </c>
      <c r="GG84" s="91" t="e">
        <f t="shared" si="564"/>
        <v>#N/A</v>
      </c>
      <c r="GH84" s="91" t="e">
        <f t="shared" si="565"/>
        <v>#N/A</v>
      </c>
      <c r="GI84" s="91" t="e">
        <f t="shared" si="566"/>
        <v>#N/A</v>
      </c>
      <c r="GJ84" s="91" t="e">
        <f t="shared" si="567"/>
        <v>#N/A</v>
      </c>
      <c r="GK84" s="127" t="e">
        <f t="shared" si="568"/>
        <v>#N/A</v>
      </c>
      <c r="GL84" s="126">
        <f t="shared" si="569"/>
        <v>3.0000698072900205</v>
      </c>
      <c r="GM84" s="91" t="e">
        <f t="shared" si="570"/>
        <v>#N/A</v>
      </c>
      <c r="GN84" s="91" t="e">
        <f t="shared" si="571"/>
        <v>#N/A</v>
      </c>
      <c r="GO84" s="91" t="e">
        <f t="shared" si="572"/>
        <v>#N/A</v>
      </c>
      <c r="GP84" s="91" t="e">
        <f t="shared" si="573"/>
        <v>#N/A</v>
      </c>
      <c r="GQ84" s="91" t="e">
        <f t="shared" si="574"/>
        <v>#N/A</v>
      </c>
      <c r="GR84" s="91" t="e">
        <f t="shared" si="575"/>
        <v>#N/A</v>
      </c>
      <c r="GS84" s="91" t="e">
        <f t="shared" si="576"/>
        <v>#N/A</v>
      </c>
      <c r="GT84" s="91" t="e">
        <f t="shared" si="577"/>
        <v>#N/A</v>
      </c>
      <c r="GU84" s="91" t="e">
        <f t="shared" si="578"/>
        <v>#N/A</v>
      </c>
      <c r="GV84" s="91" t="e">
        <f t="shared" si="579"/>
        <v>#N/A</v>
      </c>
      <c r="GW84" s="91" t="e">
        <f t="shared" si="580"/>
        <v>#N/A</v>
      </c>
      <c r="GX84" s="91" t="e">
        <f t="shared" si="581"/>
        <v>#N/A</v>
      </c>
      <c r="GY84" s="91">
        <f t="shared" si="582"/>
        <v>0</v>
      </c>
      <c r="GZ84" s="91" t="e">
        <f t="shared" si="583"/>
        <v>#N/A</v>
      </c>
      <c r="HA84" s="91" t="e">
        <f t="shared" si="584"/>
        <v>#N/A</v>
      </c>
      <c r="HB84" s="91" t="e">
        <f t="shared" si="585"/>
        <v>#N/A</v>
      </c>
      <c r="HC84" s="91" t="e">
        <f t="shared" si="586"/>
        <v>#N/A</v>
      </c>
      <c r="HD84" s="91" t="e">
        <f t="shared" si="587"/>
        <v>#N/A</v>
      </c>
      <c r="HE84" s="91" t="e">
        <f t="shared" si="588"/>
        <v>#N/A</v>
      </c>
      <c r="HF84" s="91" t="e">
        <f t="shared" si="589"/>
        <v>#N/A</v>
      </c>
      <c r="HG84" s="91" t="e">
        <f t="shared" si="590"/>
        <v>#N/A</v>
      </c>
      <c r="HH84" s="91" t="e">
        <f t="shared" si="591"/>
        <v>#N/A</v>
      </c>
      <c r="HI84" s="91" t="e">
        <f t="shared" si="592"/>
        <v>#N/A</v>
      </c>
      <c r="HJ84" s="91" t="e">
        <f t="shared" si="593"/>
        <v>#N/A</v>
      </c>
      <c r="HK84" s="127" t="e">
        <f t="shared" si="594"/>
        <v>#N/A</v>
      </c>
      <c r="HL84" s="126">
        <f t="shared" si="595"/>
        <v>2.3108248965240463</v>
      </c>
      <c r="HM84" s="91" t="e">
        <f t="shared" si="596"/>
        <v>#N/A</v>
      </c>
      <c r="HN84" s="91" t="e">
        <f t="shared" si="597"/>
        <v>#N/A</v>
      </c>
      <c r="HO84" s="91" t="e">
        <f t="shared" si="598"/>
        <v>#N/A</v>
      </c>
      <c r="HP84" s="91" t="e">
        <f t="shared" si="599"/>
        <v>#N/A</v>
      </c>
      <c r="HQ84" s="91" t="e">
        <f t="shared" si="600"/>
        <v>#N/A</v>
      </c>
      <c r="HR84" s="91" t="e">
        <f t="shared" si="601"/>
        <v>#N/A</v>
      </c>
      <c r="HS84" s="91" t="e">
        <f t="shared" si="602"/>
        <v>#N/A</v>
      </c>
      <c r="HT84" s="91" t="e">
        <f t="shared" si="603"/>
        <v>#N/A</v>
      </c>
      <c r="HU84" s="91" t="e">
        <f t="shared" si="604"/>
        <v>#N/A</v>
      </c>
      <c r="HV84" s="91" t="e">
        <f t="shared" si="605"/>
        <v>#N/A</v>
      </c>
      <c r="HW84" s="91" t="e">
        <f t="shared" si="606"/>
        <v>#N/A</v>
      </c>
      <c r="HX84" s="91" t="e">
        <f t="shared" si="607"/>
        <v>#N/A</v>
      </c>
      <c r="HY84" s="91">
        <f t="shared" si="608"/>
        <v>0</v>
      </c>
      <c r="HZ84" s="91" t="e">
        <f t="shared" si="609"/>
        <v>#N/A</v>
      </c>
      <c r="IA84" s="91" t="e">
        <f t="shared" si="610"/>
        <v>#N/A</v>
      </c>
      <c r="IB84" s="91" t="e">
        <f t="shared" si="611"/>
        <v>#N/A</v>
      </c>
      <c r="IC84" s="91" t="e">
        <f t="shared" si="612"/>
        <v>#N/A</v>
      </c>
      <c r="ID84" s="91" t="e">
        <f t="shared" si="613"/>
        <v>#N/A</v>
      </c>
      <c r="IE84" s="91" t="e">
        <f t="shared" si="614"/>
        <v>#N/A</v>
      </c>
      <c r="IF84" s="91" t="e">
        <f t="shared" si="615"/>
        <v>#N/A</v>
      </c>
      <c r="IG84" s="91" t="e">
        <f t="shared" si="616"/>
        <v>#N/A</v>
      </c>
      <c r="IH84" s="91" t="e">
        <f t="shared" si="617"/>
        <v>#N/A</v>
      </c>
      <c r="II84" s="91" t="e">
        <f t="shared" si="618"/>
        <v>#N/A</v>
      </c>
      <c r="IJ84" s="91" t="e">
        <f t="shared" si="619"/>
        <v>#N/A</v>
      </c>
      <c r="IK84" s="127" t="e">
        <f t="shared" si="620"/>
        <v>#N/A</v>
      </c>
    </row>
    <row r="85" spans="2:245" x14ac:dyDescent="0.2">
      <c r="B85" s="79">
        <f t="shared" si="188"/>
        <v>-74.5</v>
      </c>
      <c r="C85" s="73">
        <f>'p-y mono_clay'!C85</f>
        <v>59</v>
      </c>
      <c r="D85" s="64">
        <f>'p-y mono_clay'!D85</f>
        <v>58.988</v>
      </c>
      <c r="E85" s="64" t="str">
        <f>'p-y mono_clay'!E85</f>
        <v>SAND</v>
      </c>
      <c r="F85" s="55">
        <f>VLOOKUP($C85, 'Pile Property'!$A$8:$D$108,2,TRUE)</f>
        <v>2</v>
      </c>
      <c r="G85" s="102" t="e">
        <f>'p-y mono_clay'!Z85</f>
        <v>#N/A</v>
      </c>
      <c r="H85" s="199">
        <f>'p-y mono_clay'!AM85</f>
        <v>0</v>
      </c>
      <c r="I85" s="55" t="e">
        <f>'p-y mono_clay'!AN85</f>
        <v>#N/A</v>
      </c>
      <c r="J85" s="55" t="e">
        <f>'p-y mono_clay'!AO85</f>
        <v>#N/A</v>
      </c>
      <c r="K85" s="55" t="e">
        <f>'p-y mono_clay'!AP85</f>
        <v>#N/A</v>
      </c>
      <c r="L85" s="55" t="e">
        <f>'p-y mono_clay'!AQ85</f>
        <v>#N/A</v>
      </c>
      <c r="M85" s="55" t="e">
        <f>'p-y mono_clay'!AR85</f>
        <v>#N/A</v>
      </c>
      <c r="N85" s="55" t="e">
        <f>'p-y mono_clay'!AS85</f>
        <v>#N/A</v>
      </c>
      <c r="O85" s="55" t="e">
        <f>'p-y mono_clay'!AT85</f>
        <v>#N/A</v>
      </c>
      <c r="P85" s="55" t="e">
        <f>'p-y mono_clay'!AU85</f>
        <v>#N/A</v>
      </c>
      <c r="Q85" s="55" t="e">
        <f>'p-y mono_clay'!AV85</f>
        <v>#N/A</v>
      </c>
      <c r="R85" s="55" t="e">
        <f>'p-y mono_clay'!AW85</f>
        <v>#N/A</v>
      </c>
      <c r="S85" s="55" t="e">
        <f>'p-y mono_clay'!AX85</f>
        <v>#N/A</v>
      </c>
      <c r="T85" s="200">
        <f>'p-y mono_clay'!AY85</f>
        <v>6000</v>
      </c>
      <c r="U85" s="199">
        <f>'p-y mono_clay'!AZ85</f>
        <v>3</v>
      </c>
      <c r="V85" s="55" t="e">
        <f>'p-y mono_clay'!BA85</f>
        <v>#N/A</v>
      </c>
      <c r="W85" s="55" t="e">
        <f>'p-y mono_clay'!BB85</f>
        <v>#N/A</v>
      </c>
      <c r="X85" s="55" t="e">
        <f>'p-y mono_clay'!BC85</f>
        <v>#N/A</v>
      </c>
      <c r="Y85" s="55" t="e">
        <f>'p-y mono_clay'!BD85</f>
        <v>#N/A</v>
      </c>
      <c r="Z85" s="55" t="e">
        <f>'p-y mono_clay'!BE85</f>
        <v>#N/A</v>
      </c>
      <c r="AA85" s="55" t="e">
        <f>'p-y mono_clay'!BF85</f>
        <v>#N/A</v>
      </c>
      <c r="AB85" s="55" t="e">
        <f>'p-y mono_clay'!BG85</f>
        <v>#N/A</v>
      </c>
      <c r="AC85" s="55" t="e">
        <f>'p-y mono_clay'!BH85</f>
        <v>#N/A</v>
      </c>
      <c r="AD85" s="55" t="e">
        <f>'p-y mono_clay'!BI85</f>
        <v>#N/A</v>
      </c>
      <c r="AE85" s="55" t="e">
        <f>'p-y mono_clay'!BJ85</f>
        <v>#N/A</v>
      </c>
      <c r="AF85" s="55" t="e">
        <f>'p-y mono_clay'!BK85</f>
        <v>#N/A</v>
      </c>
      <c r="AG85" s="200" t="e">
        <f>'p-y mono_clay'!BL85</f>
        <v>#N/A</v>
      </c>
      <c r="AH85">
        <f t="shared" si="413"/>
        <v>30</v>
      </c>
      <c r="AI85">
        <v>0</v>
      </c>
      <c r="AJ85" t="e">
        <f t="shared" si="414"/>
        <v>#N/A</v>
      </c>
      <c r="AK85" t="e">
        <f t="shared" si="415"/>
        <v>#N/A</v>
      </c>
      <c r="AL85" t="e">
        <f t="shared" si="416"/>
        <v>#N/A</v>
      </c>
      <c r="AM85" t="e">
        <f t="shared" si="417"/>
        <v>#N/A</v>
      </c>
      <c r="AN85" t="e">
        <f t="shared" si="418"/>
        <v>#N/A</v>
      </c>
      <c r="AO85" t="e">
        <f t="shared" si="419"/>
        <v>#N/A</v>
      </c>
      <c r="AP85" t="e">
        <f t="shared" si="420"/>
        <v>#N/A</v>
      </c>
      <c r="AQ85" t="e">
        <f t="shared" si="421"/>
        <v>#N/A</v>
      </c>
      <c r="AR85" t="e">
        <f t="shared" si="422"/>
        <v>#N/A</v>
      </c>
      <c r="AS85" t="e">
        <f t="shared" si="423"/>
        <v>#N/A</v>
      </c>
      <c r="AT85" t="e">
        <f t="shared" si="424"/>
        <v>#N/A</v>
      </c>
      <c r="AU85" t="e">
        <f t="shared" si="425"/>
        <v>#N/A</v>
      </c>
      <c r="AV85">
        <v>1</v>
      </c>
      <c r="AW85">
        <v>1.25</v>
      </c>
      <c r="AX85">
        <v>2.5</v>
      </c>
      <c r="AY85" s="162">
        <f t="shared" si="426"/>
        <v>2</v>
      </c>
      <c r="AZ85" s="162" t="e">
        <f t="shared" si="427"/>
        <v>#N/A</v>
      </c>
      <c r="BA85" s="162" t="e">
        <f t="shared" si="428"/>
        <v>#N/A</v>
      </c>
      <c r="BB85" s="162" t="e">
        <f t="shared" si="429"/>
        <v>#N/A</v>
      </c>
      <c r="BC85" s="162" t="e">
        <f t="shared" si="430"/>
        <v>#N/A</v>
      </c>
      <c r="BD85" s="162" t="e">
        <f t="shared" si="431"/>
        <v>#N/A</v>
      </c>
      <c r="BE85" s="162" t="e">
        <f t="shared" si="432"/>
        <v>#N/A</v>
      </c>
      <c r="BF85" s="162" t="e">
        <f t="shared" si="433"/>
        <v>#N/A</v>
      </c>
      <c r="BG85" s="162" t="e">
        <f t="shared" si="434"/>
        <v>#N/A</v>
      </c>
      <c r="BH85" s="162" t="e">
        <f t="shared" si="435"/>
        <v>#N/A</v>
      </c>
      <c r="BI85" s="162" t="e">
        <f t="shared" si="436"/>
        <v>#N/A</v>
      </c>
      <c r="BJ85" s="162" t="e">
        <f t="shared" si="437"/>
        <v>#N/A</v>
      </c>
      <c r="BK85" s="162" t="e">
        <f t="shared" si="438"/>
        <v>#N/A</v>
      </c>
      <c r="BL85" s="162">
        <f t="shared" si="439"/>
        <v>2.3784142300054421</v>
      </c>
      <c r="BM85" s="162" t="e">
        <f t="shared" si="440"/>
        <v>#N/A</v>
      </c>
      <c r="BN85" s="162" t="e">
        <f t="shared" si="441"/>
        <v>#N/A</v>
      </c>
      <c r="BO85" s="162" t="e">
        <f t="shared" si="442"/>
        <v>#N/A</v>
      </c>
      <c r="BP85" s="162" t="e">
        <f t="shared" si="443"/>
        <v>#N/A</v>
      </c>
      <c r="BQ85" s="162" t="e">
        <f t="shared" si="444"/>
        <v>#N/A</v>
      </c>
      <c r="BR85" s="162" t="e">
        <f t="shared" si="445"/>
        <v>#N/A</v>
      </c>
      <c r="BS85" s="162" t="e">
        <f t="shared" si="446"/>
        <v>#N/A</v>
      </c>
      <c r="BT85" s="162" t="e">
        <f t="shared" si="447"/>
        <v>#N/A</v>
      </c>
      <c r="BU85" s="162" t="e">
        <f t="shared" si="448"/>
        <v>#N/A</v>
      </c>
      <c r="BV85" s="162" t="e">
        <f t="shared" si="449"/>
        <v>#N/A</v>
      </c>
      <c r="BW85" s="162" t="e">
        <f t="shared" si="450"/>
        <v>#N/A</v>
      </c>
      <c r="BX85" s="162" t="e">
        <f t="shared" si="451"/>
        <v>#N/A</v>
      </c>
      <c r="BY85" s="162">
        <f t="shared" si="452"/>
        <v>5.6568542494923806</v>
      </c>
      <c r="BZ85" s="162" t="e">
        <f t="shared" si="453"/>
        <v>#N/A</v>
      </c>
      <c r="CA85" s="162" t="e">
        <f t="shared" si="454"/>
        <v>#N/A</v>
      </c>
      <c r="CB85" s="162" t="e">
        <f t="shared" si="455"/>
        <v>#N/A</v>
      </c>
      <c r="CC85" s="162" t="e">
        <f t="shared" si="456"/>
        <v>#N/A</v>
      </c>
      <c r="CD85" s="162" t="e">
        <f t="shared" si="457"/>
        <v>#N/A</v>
      </c>
      <c r="CE85" s="162" t="e">
        <f t="shared" si="458"/>
        <v>#N/A</v>
      </c>
      <c r="CF85" s="162" t="e">
        <f t="shared" si="459"/>
        <v>#N/A</v>
      </c>
      <c r="CG85" s="162" t="e">
        <f t="shared" si="460"/>
        <v>#N/A</v>
      </c>
      <c r="CH85" s="162" t="e">
        <f t="shared" si="461"/>
        <v>#N/A</v>
      </c>
      <c r="CI85" s="162" t="e">
        <f t="shared" si="462"/>
        <v>#N/A</v>
      </c>
      <c r="CJ85" s="162" t="e">
        <f t="shared" si="463"/>
        <v>#N/A</v>
      </c>
      <c r="CK85" s="162" t="e">
        <f t="shared" si="464"/>
        <v>#N/A</v>
      </c>
      <c r="CL85">
        <f t="shared" si="465"/>
        <v>1.3729593947216077</v>
      </c>
      <c r="CM85" t="e">
        <f t="shared" si="466"/>
        <v>#N/A</v>
      </c>
      <c r="CN85" t="e">
        <f t="shared" si="467"/>
        <v>#N/A</v>
      </c>
      <c r="CO85" t="e">
        <f t="shared" si="468"/>
        <v>#N/A</v>
      </c>
      <c r="CP85" t="e">
        <f t="shared" si="469"/>
        <v>#N/A</v>
      </c>
      <c r="CQ85" t="e">
        <f t="shared" si="470"/>
        <v>#N/A</v>
      </c>
      <c r="CR85" t="e">
        <f t="shared" si="471"/>
        <v>#N/A</v>
      </c>
      <c r="CS85" t="e">
        <f t="shared" si="472"/>
        <v>#N/A</v>
      </c>
      <c r="CT85" t="e">
        <f t="shared" si="473"/>
        <v>#N/A</v>
      </c>
      <c r="CU85" t="e">
        <f t="shared" si="474"/>
        <v>#N/A</v>
      </c>
      <c r="CV85" t="e">
        <f t="shared" si="475"/>
        <v>#N/A</v>
      </c>
      <c r="CW85" t="e">
        <f t="shared" si="476"/>
        <v>#N/A</v>
      </c>
      <c r="CX85" s="98" t="e">
        <f t="shared" si="477"/>
        <v>#N/A</v>
      </c>
      <c r="CY85">
        <f t="shared" si="478"/>
        <v>1.1029593947216076</v>
      </c>
      <c r="CZ85" t="e">
        <f t="shared" si="479"/>
        <v>#N/A</v>
      </c>
      <c r="DA85" t="e">
        <f t="shared" si="480"/>
        <v>#N/A</v>
      </c>
      <c r="DB85" t="e">
        <f t="shared" si="481"/>
        <v>#N/A</v>
      </c>
      <c r="DC85" t="e">
        <f t="shared" si="482"/>
        <v>#N/A</v>
      </c>
      <c r="DD85" t="e">
        <f t="shared" si="483"/>
        <v>#N/A</v>
      </c>
      <c r="DE85" t="e">
        <f t="shared" si="484"/>
        <v>#N/A</v>
      </c>
      <c r="DF85" t="e">
        <f t="shared" si="485"/>
        <v>#N/A</v>
      </c>
      <c r="DG85" t="e">
        <f t="shared" si="486"/>
        <v>#N/A</v>
      </c>
      <c r="DH85" t="e">
        <f t="shared" si="487"/>
        <v>#N/A</v>
      </c>
      <c r="DI85" t="e">
        <f t="shared" si="488"/>
        <v>#N/A</v>
      </c>
      <c r="DJ85" t="e">
        <f t="shared" si="489"/>
        <v>#N/A</v>
      </c>
      <c r="DK85" t="e">
        <f t="shared" si="490"/>
        <v>#N/A</v>
      </c>
      <c r="DL85" s="97">
        <f t="shared" si="491"/>
        <v>1.5000349036450102</v>
      </c>
      <c r="DM85" t="e">
        <f t="shared" si="492"/>
        <v>#N/A</v>
      </c>
      <c r="DN85" t="e">
        <f t="shared" si="493"/>
        <v>#N/A</v>
      </c>
      <c r="DO85" t="e">
        <f t="shared" si="494"/>
        <v>#N/A</v>
      </c>
      <c r="DP85" t="e">
        <f t="shared" si="495"/>
        <v>#N/A</v>
      </c>
      <c r="DQ85" t="e">
        <f t="shared" si="496"/>
        <v>#N/A</v>
      </c>
      <c r="DR85" t="e">
        <f t="shared" si="497"/>
        <v>#N/A</v>
      </c>
      <c r="DS85" t="e">
        <f t="shared" si="498"/>
        <v>#N/A</v>
      </c>
      <c r="DT85" t="e">
        <f t="shared" si="499"/>
        <v>#N/A</v>
      </c>
      <c r="DU85" t="e">
        <f t="shared" si="500"/>
        <v>#N/A</v>
      </c>
      <c r="DV85" t="e">
        <f t="shared" si="501"/>
        <v>#N/A</v>
      </c>
      <c r="DW85" t="e">
        <f t="shared" si="502"/>
        <v>#N/A</v>
      </c>
      <c r="DX85" s="98" t="e">
        <f t="shared" si="503"/>
        <v>#N/A</v>
      </c>
      <c r="DY85">
        <f t="shared" si="504"/>
        <v>1.0527062241310117</v>
      </c>
      <c r="DZ85" t="e">
        <f t="shared" si="505"/>
        <v>#N/A</v>
      </c>
      <c r="EA85" t="e">
        <f t="shared" si="506"/>
        <v>#N/A</v>
      </c>
      <c r="EB85" t="e">
        <f t="shared" si="507"/>
        <v>#N/A</v>
      </c>
      <c r="EC85" t="e">
        <f t="shared" si="508"/>
        <v>#N/A</v>
      </c>
      <c r="ED85" t="e">
        <f t="shared" si="509"/>
        <v>#N/A</v>
      </c>
      <c r="EE85" t="e">
        <f t="shared" si="510"/>
        <v>#N/A</v>
      </c>
      <c r="EF85" t="e">
        <f t="shared" si="511"/>
        <v>#N/A</v>
      </c>
      <c r="EG85" t="e">
        <f t="shared" si="512"/>
        <v>#N/A</v>
      </c>
      <c r="EH85" t="e">
        <f t="shared" si="513"/>
        <v>#N/A</v>
      </c>
      <c r="EI85" t="e">
        <f t="shared" si="514"/>
        <v>#N/A</v>
      </c>
      <c r="EJ85" t="e">
        <f t="shared" si="515"/>
        <v>#N/A</v>
      </c>
      <c r="EK85" t="e">
        <f t="shared" si="516"/>
        <v>#N/A</v>
      </c>
      <c r="EL85" s="97">
        <f t="shared" si="517"/>
        <v>1.1554124482620232</v>
      </c>
      <c r="EM85" t="e">
        <f t="shared" si="518"/>
        <v>#N/A</v>
      </c>
      <c r="EN85" t="e">
        <f t="shared" si="519"/>
        <v>#N/A</v>
      </c>
      <c r="EO85" t="e">
        <f t="shared" si="520"/>
        <v>#N/A</v>
      </c>
      <c r="EP85" t="e">
        <f t="shared" si="521"/>
        <v>#N/A</v>
      </c>
      <c r="EQ85" t="e">
        <f t="shared" si="522"/>
        <v>#N/A</v>
      </c>
      <c r="ER85" t="e">
        <f t="shared" si="523"/>
        <v>#N/A</v>
      </c>
      <c r="ES85" t="e">
        <f t="shared" si="524"/>
        <v>#N/A</v>
      </c>
      <c r="ET85" t="e">
        <f t="shared" si="525"/>
        <v>#N/A</v>
      </c>
      <c r="EU85" t="e">
        <f t="shared" si="526"/>
        <v>#N/A</v>
      </c>
      <c r="EV85" t="e">
        <f t="shared" si="527"/>
        <v>#N/A</v>
      </c>
      <c r="EW85" t="e">
        <f t="shared" si="528"/>
        <v>#N/A</v>
      </c>
      <c r="EX85" s="98" t="e">
        <f t="shared" si="529"/>
        <v>#N/A</v>
      </c>
      <c r="EY85" s="97">
        <f t="shared" si="530"/>
        <v>0.90541244826202316</v>
      </c>
      <c r="EZ85" t="e">
        <f t="shared" si="531"/>
        <v>#N/A</v>
      </c>
      <c r="FA85" t="e">
        <f t="shared" si="532"/>
        <v>#N/A</v>
      </c>
      <c r="FB85" t="e">
        <f t="shared" si="533"/>
        <v>#N/A</v>
      </c>
      <c r="FC85" t="e">
        <f t="shared" si="534"/>
        <v>#N/A</v>
      </c>
      <c r="FD85" t="e">
        <f t="shared" si="535"/>
        <v>#N/A</v>
      </c>
      <c r="FE85" t="e">
        <f t="shared" si="536"/>
        <v>#N/A</v>
      </c>
      <c r="FF85" t="e">
        <f t="shared" si="537"/>
        <v>#N/A</v>
      </c>
      <c r="FG85" t="e">
        <f t="shared" si="538"/>
        <v>#N/A</v>
      </c>
      <c r="FH85" t="e">
        <f t="shared" si="539"/>
        <v>#N/A</v>
      </c>
      <c r="FI85" t="e">
        <f t="shared" si="540"/>
        <v>#N/A</v>
      </c>
      <c r="FJ85" t="e">
        <f t="shared" si="541"/>
        <v>#N/A</v>
      </c>
      <c r="FK85" t="e">
        <f t="shared" si="542"/>
        <v>#N/A</v>
      </c>
      <c r="FL85" s="126">
        <f t="shared" si="543"/>
        <v>4.1188781841648225</v>
      </c>
      <c r="FM85" s="91" t="e">
        <f t="shared" si="544"/>
        <v>#N/A</v>
      </c>
      <c r="FN85" s="91" t="e">
        <f t="shared" si="545"/>
        <v>#N/A</v>
      </c>
      <c r="FO85" s="91" t="e">
        <f t="shared" si="546"/>
        <v>#N/A</v>
      </c>
      <c r="FP85" s="91" t="e">
        <f t="shared" si="547"/>
        <v>#N/A</v>
      </c>
      <c r="FQ85" s="91" t="e">
        <f t="shared" si="548"/>
        <v>#N/A</v>
      </c>
      <c r="FR85" s="91" t="e">
        <f t="shared" si="549"/>
        <v>#N/A</v>
      </c>
      <c r="FS85" s="91" t="e">
        <f t="shared" si="550"/>
        <v>#N/A</v>
      </c>
      <c r="FT85" s="91" t="e">
        <f t="shared" si="551"/>
        <v>#N/A</v>
      </c>
      <c r="FU85" s="91" t="e">
        <f t="shared" si="552"/>
        <v>#N/A</v>
      </c>
      <c r="FV85" s="91" t="e">
        <f t="shared" si="553"/>
        <v>#N/A</v>
      </c>
      <c r="FW85" s="91" t="e">
        <f t="shared" si="554"/>
        <v>#N/A</v>
      </c>
      <c r="FX85" s="91" t="e">
        <f t="shared" si="555"/>
        <v>#N/A</v>
      </c>
      <c r="FY85" s="91">
        <f t="shared" si="556"/>
        <v>0</v>
      </c>
      <c r="FZ85" s="91" t="e">
        <f t="shared" si="557"/>
        <v>#N/A</v>
      </c>
      <c r="GA85" s="91" t="e">
        <f t="shared" si="558"/>
        <v>#N/A</v>
      </c>
      <c r="GB85" s="91" t="e">
        <f t="shared" si="559"/>
        <v>#N/A</v>
      </c>
      <c r="GC85" s="91" t="e">
        <f t="shared" si="560"/>
        <v>#N/A</v>
      </c>
      <c r="GD85" s="91" t="e">
        <f t="shared" si="561"/>
        <v>#N/A</v>
      </c>
      <c r="GE85" s="91" t="e">
        <f t="shared" si="562"/>
        <v>#N/A</v>
      </c>
      <c r="GF85" s="91" t="e">
        <f t="shared" si="563"/>
        <v>#N/A</v>
      </c>
      <c r="GG85" s="91" t="e">
        <f t="shared" si="564"/>
        <v>#N/A</v>
      </c>
      <c r="GH85" s="91" t="e">
        <f t="shared" si="565"/>
        <v>#N/A</v>
      </c>
      <c r="GI85" s="91" t="e">
        <f t="shared" si="566"/>
        <v>#N/A</v>
      </c>
      <c r="GJ85" s="91" t="e">
        <f t="shared" si="567"/>
        <v>#N/A</v>
      </c>
      <c r="GK85" s="127" t="e">
        <f t="shared" si="568"/>
        <v>#N/A</v>
      </c>
      <c r="GL85" s="126">
        <f t="shared" si="569"/>
        <v>4.5001047109350303</v>
      </c>
      <c r="GM85" s="91" t="e">
        <f t="shared" si="570"/>
        <v>#N/A</v>
      </c>
      <c r="GN85" s="91" t="e">
        <f t="shared" si="571"/>
        <v>#N/A</v>
      </c>
      <c r="GO85" s="91" t="e">
        <f t="shared" si="572"/>
        <v>#N/A</v>
      </c>
      <c r="GP85" s="91" t="e">
        <f t="shared" si="573"/>
        <v>#N/A</v>
      </c>
      <c r="GQ85" s="91" t="e">
        <f t="shared" si="574"/>
        <v>#N/A</v>
      </c>
      <c r="GR85" s="91" t="e">
        <f t="shared" si="575"/>
        <v>#N/A</v>
      </c>
      <c r="GS85" s="91" t="e">
        <f t="shared" si="576"/>
        <v>#N/A</v>
      </c>
      <c r="GT85" s="91" t="e">
        <f t="shared" si="577"/>
        <v>#N/A</v>
      </c>
      <c r="GU85" s="91" t="e">
        <f t="shared" si="578"/>
        <v>#N/A</v>
      </c>
      <c r="GV85" s="91" t="e">
        <f t="shared" si="579"/>
        <v>#N/A</v>
      </c>
      <c r="GW85" s="91" t="e">
        <f t="shared" si="580"/>
        <v>#N/A</v>
      </c>
      <c r="GX85" s="91" t="e">
        <f t="shared" si="581"/>
        <v>#N/A</v>
      </c>
      <c r="GY85" s="91">
        <f t="shared" si="582"/>
        <v>0</v>
      </c>
      <c r="GZ85" s="91" t="e">
        <f t="shared" si="583"/>
        <v>#N/A</v>
      </c>
      <c r="HA85" s="91" t="e">
        <f t="shared" si="584"/>
        <v>#N/A</v>
      </c>
      <c r="HB85" s="91" t="e">
        <f t="shared" si="585"/>
        <v>#N/A</v>
      </c>
      <c r="HC85" s="91" t="e">
        <f t="shared" si="586"/>
        <v>#N/A</v>
      </c>
      <c r="HD85" s="91" t="e">
        <f t="shared" si="587"/>
        <v>#N/A</v>
      </c>
      <c r="HE85" s="91" t="e">
        <f t="shared" si="588"/>
        <v>#N/A</v>
      </c>
      <c r="HF85" s="91" t="e">
        <f t="shared" si="589"/>
        <v>#N/A</v>
      </c>
      <c r="HG85" s="91" t="e">
        <f t="shared" si="590"/>
        <v>#N/A</v>
      </c>
      <c r="HH85" s="91" t="e">
        <f t="shared" si="591"/>
        <v>#N/A</v>
      </c>
      <c r="HI85" s="91" t="e">
        <f t="shared" si="592"/>
        <v>#N/A</v>
      </c>
      <c r="HJ85" s="91" t="e">
        <f t="shared" si="593"/>
        <v>#N/A</v>
      </c>
      <c r="HK85" s="127" t="e">
        <f t="shared" si="594"/>
        <v>#N/A</v>
      </c>
      <c r="HL85" s="126">
        <f t="shared" si="595"/>
        <v>3.4662373447860695</v>
      </c>
      <c r="HM85" s="91" t="e">
        <f t="shared" si="596"/>
        <v>#N/A</v>
      </c>
      <c r="HN85" s="91" t="e">
        <f t="shared" si="597"/>
        <v>#N/A</v>
      </c>
      <c r="HO85" s="91" t="e">
        <f t="shared" si="598"/>
        <v>#N/A</v>
      </c>
      <c r="HP85" s="91" t="e">
        <f t="shared" si="599"/>
        <v>#N/A</v>
      </c>
      <c r="HQ85" s="91" t="e">
        <f t="shared" si="600"/>
        <v>#N/A</v>
      </c>
      <c r="HR85" s="91" t="e">
        <f t="shared" si="601"/>
        <v>#N/A</v>
      </c>
      <c r="HS85" s="91" t="e">
        <f t="shared" si="602"/>
        <v>#N/A</v>
      </c>
      <c r="HT85" s="91" t="e">
        <f t="shared" si="603"/>
        <v>#N/A</v>
      </c>
      <c r="HU85" s="91" t="e">
        <f t="shared" si="604"/>
        <v>#N/A</v>
      </c>
      <c r="HV85" s="91" t="e">
        <f t="shared" si="605"/>
        <v>#N/A</v>
      </c>
      <c r="HW85" s="91" t="e">
        <f t="shared" si="606"/>
        <v>#N/A</v>
      </c>
      <c r="HX85" s="91" t="e">
        <f t="shared" si="607"/>
        <v>#N/A</v>
      </c>
      <c r="HY85" s="91">
        <f t="shared" si="608"/>
        <v>0</v>
      </c>
      <c r="HZ85" s="91" t="e">
        <f t="shared" si="609"/>
        <v>#N/A</v>
      </c>
      <c r="IA85" s="91" t="e">
        <f t="shared" si="610"/>
        <v>#N/A</v>
      </c>
      <c r="IB85" s="91" t="e">
        <f t="shared" si="611"/>
        <v>#N/A</v>
      </c>
      <c r="IC85" s="91" t="e">
        <f t="shared" si="612"/>
        <v>#N/A</v>
      </c>
      <c r="ID85" s="91" t="e">
        <f t="shared" si="613"/>
        <v>#N/A</v>
      </c>
      <c r="IE85" s="91" t="e">
        <f t="shared" si="614"/>
        <v>#N/A</v>
      </c>
      <c r="IF85" s="91" t="e">
        <f t="shared" si="615"/>
        <v>#N/A</v>
      </c>
      <c r="IG85" s="91" t="e">
        <f t="shared" si="616"/>
        <v>#N/A</v>
      </c>
      <c r="IH85" s="91" t="e">
        <f t="shared" si="617"/>
        <v>#N/A</v>
      </c>
      <c r="II85" s="91" t="e">
        <f t="shared" si="618"/>
        <v>#N/A</v>
      </c>
      <c r="IJ85" s="91" t="e">
        <f t="shared" si="619"/>
        <v>#N/A</v>
      </c>
      <c r="IK85" s="127" t="e">
        <f t="shared" si="620"/>
        <v>#N/A</v>
      </c>
    </row>
    <row r="86" spans="2:245" ht="13.5" thickBot="1" x14ac:dyDescent="0.25">
      <c r="B86" s="79">
        <f t="shared" si="188"/>
        <v>-75.5</v>
      </c>
      <c r="C86" s="73">
        <f>'p-y mono_clay'!C86</f>
        <v>60</v>
      </c>
      <c r="D86" s="64">
        <f>'p-y mono_clay'!D86</f>
        <v>59.993000000000002</v>
      </c>
      <c r="E86" s="64" t="str">
        <f>'p-y mono_clay'!E86</f>
        <v>SAND</v>
      </c>
      <c r="F86" s="55">
        <f>VLOOKUP($C86, 'Pile Property'!$A$8:$D$108,2,TRUE)</f>
        <v>2</v>
      </c>
      <c r="G86" s="102" t="e">
        <f>'p-y mono_clay'!Z86</f>
        <v>#N/A</v>
      </c>
      <c r="H86" s="201">
        <f>'p-y mono_clay'!AM86</f>
        <v>0</v>
      </c>
      <c r="I86" s="202" t="e">
        <f>'p-y mono_clay'!AN86</f>
        <v>#N/A</v>
      </c>
      <c r="J86" s="202" t="e">
        <f>'p-y mono_clay'!AO86</f>
        <v>#N/A</v>
      </c>
      <c r="K86" s="202" t="e">
        <f>'p-y mono_clay'!AP86</f>
        <v>#N/A</v>
      </c>
      <c r="L86" s="202" t="e">
        <f>'p-y mono_clay'!AQ86</f>
        <v>#N/A</v>
      </c>
      <c r="M86" s="202" t="e">
        <f>'p-y mono_clay'!AR86</f>
        <v>#N/A</v>
      </c>
      <c r="N86" s="202" t="e">
        <f>'p-y mono_clay'!AS86</f>
        <v>#N/A</v>
      </c>
      <c r="O86" s="202" t="e">
        <f>'p-y mono_clay'!AT86</f>
        <v>#N/A</v>
      </c>
      <c r="P86" s="202" t="e">
        <f>'p-y mono_clay'!AU86</f>
        <v>#N/A</v>
      </c>
      <c r="Q86" s="202" t="e">
        <f>'p-y mono_clay'!AV86</f>
        <v>#N/A</v>
      </c>
      <c r="R86" s="202" t="e">
        <f>'p-y mono_clay'!AW86</f>
        <v>#N/A</v>
      </c>
      <c r="S86" s="202" t="e">
        <f>'p-y mono_clay'!AX86</f>
        <v>#N/A</v>
      </c>
      <c r="T86" s="203">
        <f>'p-y mono_clay'!AY86</f>
        <v>6000</v>
      </c>
      <c r="U86" s="201">
        <f>'p-y mono_clay'!AZ86</f>
        <v>4</v>
      </c>
      <c r="V86" s="202" t="e">
        <f>'p-y mono_clay'!BA86</f>
        <v>#N/A</v>
      </c>
      <c r="W86" s="202" t="e">
        <f>'p-y mono_clay'!BB86</f>
        <v>#N/A</v>
      </c>
      <c r="X86" s="202" t="e">
        <f>'p-y mono_clay'!BC86</f>
        <v>#N/A</v>
      </c>
      <c r="Y86" s="202" t="e">
        <f>'p-y mono_clay'!BD86</f>
        <v>#N/A</v>
      </c>
      <c r="Z86" s="202" t="e">
        <f>'p-y mono_clay'!BE86</f>
        <v>#N/A</v>
      </c>
      <c r="AA86" s="202" t="e">
        <f>'p-y mono_clay'!BF86</f>
        <v>#N/A</v>
      </c>
      <c r="AB86" s="202" t="e">
        <f>'p-y mono_clay'!BG86</f>
        <v>#N/A</v>
      </c>
      <c r="AC86" s="202" t="e">
        <f>'p-y mono_clay'!BH86</f>
        <v>#N/A</v>
      </c>
      <c r="AD86" s="202" t="e">
        <f>'p-y mono_clay'!BI86</f>
        <v>#N/A</v>
      </c>
      <c r="AE86" s="202" t="e">
        <f>'p-y mono_clay'!BJ86</f>
        <v>#N/A</v>
      </c>
      <c r="AF86" s="202" t="e">
        <f>'p-y mono_clay'!BK86</f>
        <v>#N/A</v>
      </c>
      <c r="AG86" s="203" t="e">
        <f>'p-y mono_clay'!BL86</f>
        <v>#N/A</v>
      </c>
      <c r="AH86">
        <f t="shared" si="413"/>
        <v>30</v>
      </c>
      <c r="AI86">
        <v>0</v>
      </c>
      <c r="AJ86" t="e">
        <f t="shared" si="414"/>
        <v>#N/A</v>
      </c>
      <c r="AK86" t="e">
        <f t="shared" si="415"/>
        <v>#N/A</v>
      </c>
      <c r="AL86" t="e">
        <f t="shared" si="416"/>
        <v>#N/A</v>
      </c>
      <c r="AM86" t="e">
        <f t="shared" si="417"/>
        <v>#N/A</v>
      </c>
      <c r="AN86" t="e">
        <f t="shared" si="418"/>
        <v>#N/A</v>
      </c>
      <c r="AO86" t="e">
        <f t="shared" si="419"/>
        <v>#N/A</v>
      </c>
      <c r="AP86" t="e">
        <f t="shared" si="420"/>
        <v>#N/A</v>
      </c>
      <c r="AQ86" t="e">
        <f t="shared" si="421"/>
        <v>#N/A</v>
      </c>
      <c r="AR86" t="e">
        <f t="shared" si="422"/>
        <v>#N/A</v>
      </c>
      <c r="AS86" t="e">
        <f t="shared" si="423"/>
        <v>#N/A</v>
      </c>
      <c r="AT86" t="e">
        <f t="shared" si="424"/>
        <v>#N/A</v>
      </c>
      <c r="AU86" t="e">
        <f t="shared" si="425"/>
        <v>#N/A</v>
      </c>
      <c r="AV86">
        <v>1</v>
      </c>
      <c r="AW86">
        <v>1.25</v>
      </c>
      <c r="AX86">
        <v>2.5</v>
      </c>
      <c r="AY86" s="162">
        <f t="shared" si="426"/>
        <v>2</v>
      </c>
      <c r="AZ86" s="162" t="e">
        <f t="shared" si="427"/>
        <v>#N/A</v>
      </c>
      <c r="BA86" s="162" t="e">
        <f t="shared" si="428"/>
        <v>#N/A</v>
      </c>
      <c r="BB86" s="162" t="e">
        <f t="shared" si="429"/>
        <v>#N/A</v>
      </c>
      <c r="BC86" s="162" t="e">
        <f t="shared" si="430"/>
        <v>#N/A</v>
      </c>
      <c r="BD86" s="162" t="e">
        <f t="shared" si="431"/>
        <v>#N/A</v>
      </c>
      <c r="BE86" s="162" t="e">
        <f t="shared" si="432"/>
        <v>#N/A</v>
      </c>
      <c r="BF86" s="162" t="e">
        <f t="shared" si="433"/>
        <v>#N/A</v>
      </c>
      <c r="BG86" s="162" t="e">
        <f t="shared" si="434"/>
        <v>#N/A</v>
      </c>
      <c r="BH86" s="162" t="e">
        <f t="shared" si="435"/>
        <v>#N/A</v>
      </c>
      <c r="BI86" s="162" t="e">
        <f t="shared" si="436"/>
        <v>#N/A</v>
      </c>
      <c r="BJ86" s="162" t="e">
        <f t="shared" si="437"/>
        <v>#N/A</v>
      </c>
      <c r="BK86" s="162" t="e">
        <f t="shared" si="438"/>
        <v>#N/A</v>
      </c>
      <c r="BL86" s="162">
        <f t="shared" si="439"/>
        <v>2.3784142300054421</v>
      </c>
      <c r="BM86" s="162" t="e">
        <f t="shared" si="440"/>
        <v>#N/A</v>
      </c>
      <c r="BN86" s="162" t="e">
        <f t="shared" si="441"/>
        <v>#N/A</v>
      </c>
      <c r="BO86" s="162" t="e">
        <f t="shared" si="442"/>
        <v>#N/A</v>
      </c>
      <c r="BP86" s="162" t="e">
        <f t="shared" si="443"/>
        <v>#N/A</v>
      </c>
      <c r="BQ86" s="162" t="e">
        <f t="shared" si="444"/>
        <v>#N/A</v>
      </c>
      <c r="BR86" s="162" t="e">
        <f t="shared" si="445"/>
        <v>#N/A</v>
      </c>
      <c r="BS86" s="162" t="e">
        <f t="shared" si="446"/>
        <v>#N/A</v>
      </c>
      <c r="BT86" s="162" t="e">
        <f t="shared" si="447"/>
        <v>#N/A</v>
      </c>
      <c r="BU86" s="162" t="e">
        <f t="shared" si="448"/>
        <v>#N/A</v>
      </c>
      <c r="BV86" s="162" t="e">
        <f t="shared" si="449"/>
        <v>#N/A</v>
      </c>
      <c r="BW86" s="162" t="e">
        <f t="shared" si="450"/>
        <v>#N/A</v>
      </c>
      <c r="BX86" s="162" t="e">
        <f t="shared" si="451"/>
        <v>#N/A</v>
      </c>
      <c r="BY86" s="162">
        <f t="shared" si="452"/>
        <v>5.6568542494923806</v>
      </c>
      <c r="BZ86" s="162" t="e">
        <f t="shared" si="453"/>
        <v>#N/A</v>
      </c>
      <c r="CA86" s="162" t="e">
        <f t="shared" si="454"/>
        <v>#N/A</v>
      </c>
      <c r="CB86" s="162" t="e">
        <f t="shared" si="455"/>
        <v>#N/A</v>
      </c>
      <c r="CC86" s="162" t="e">
        <f t="shared" si="456"/>
        <v>#N/A</v>
      </c>
      <c r="CD86" s="162" t="e">
        <f t="shared" si="457"/>
        <v>#N/A</v>
      </c>
      <c r="CE86" s="162" t="e">
        <f t="shared" si="458"/>
        <v>#N/A</v>
      </c>
      <c r="CF86" s="162" t="e">
        <f t="shared" si="459"/>
        <v>#N/A</v>
      </c>
      <c r="CG86" s="162" t="e">
        <f t="shared" si="460"/>
        <v>#N/A</v>
      </c>
      <c r="CH86" s="162" t="e">
        <f t="shared" si="461"/>
        <v>#N/A</v>
      </c>
      <c r="CI86" s="162" t="e">
        <f t="shared" si="462"/>
        <v>#N/A</v>
      </c>
      <c r="CJ86" s="162" t="e">
        <f t="shared" si="463"/>
        <v>#N/A</v>
      </c>
      <c r="CK86" s="162" t="e">
        <f t="shared" si="464"/>
        <v>#N/A</v>
      </c>
      <c r="CL86">
        <f t="shared" si="465"/>
        <v>1.3729593947216077</v>
      </c>
      <c r="CM86" t="e">
        <f t="shared" si="466"/>
        <v>#N/A</v>
      </c>
      <c r="CN86" t="e">
        <f t="shared" si="467"/>
        <v>#N/A</v>
      </c>
      <c r="CO86" t="e">
        <f t="shared" si="468"/>
        <v>#N/A</v>
      </c>
      <c r="CP86" t="e">
        <f t="shared" si="469"/>
        <v>#N/A</v>
      </c>
      <c r="CQ86" t="e">
        <f t="shared" si="470"/>
        <v>#N/A</v>
      </c>
      <c r="CR86" t="e">
        <f t="shared" si="471"/>
        <v>#N/A</v>
      </c>
      <c r="CS86" t="e">
        <f t="shared" si="472"/>
        <v>#N/A</v>
      </c>
      <c r="CT86" t="e">
        <f t="shared" si="473"/>
        <v>#N/A</v>
      </c>
      <c r="CU86" t="e">
        <f t="shared" si="474"/>
        <v>#N/A</v>
      </c>
      <c r="CV86" t="e">
        <f t="shared" si="475"/>
        <v>#N/A</v>
      </c>
      <c r="CW86" t="e">
        <f t="shared" si="476"/>
        <v>#N/A</v>
      </c>
      <c r="CX86" s="98" t="e">
        <f t="shared" si="477"/>
        <v>#N/A</v>
      </c>
      <c r="CY86">
        <f t="shared" si="478"/>
        <v>1.1029593947216076</v>
      </c>
      <c r="CZ86" t="e">
        <f t="shared" si="479"/>
        <v>#N/A</v>
      </c>
      <c r="DA86" t="e">
        <f t="shared" si="480"/>
        <v>#N/A</v>
      </c>
      <c r="DB86" t="e">
        <f t="shared" si="481"/>
        <v>#N/A</v>
      </c>
      <c r="DC86" t="e">
        <f t="shared" si="482"/>
        <v>#N/A</v>
      </c>
      <c r="DD86" t="e">
        <f t="shared" si="483"/>
        <v>#N/A</v>
      </c>
      <c r="DE86" t="e">
        <f t="shared" si="484"/>
        <v>#N/A</v>
      </c>
      <c r="DF86" t="e">
        <f t="shared" si="485"/>
        <v>#N/A</v>
      </c>
      <c r="DG86" t="e">
        <f t="shared" si="486"/>
        <v>#N/A</v>
      </c>
      <c r="DH86" t="e">
        <f t="shared" si="487"/>
        <v>#N/A</v>
      </c>
      <c r="DI86" t="e">
        <f t="shared" si="488"/>
        <v>#N/A</v>
      </c>
      <c r="DJ86" t="e">
        <f t="shared" si="489"/>
        <v>#N/A</v>
      </c>
      <c r="DK86" t="e">
        <f t="shared" si="490"/>
        <v>#N/A</v>
      </c>
      <c r="DL86" s="97">
        <f t="shared" si="491"/>
        <v>1.5000349036450102</v>
      </c>
      <c r="DM86" t="e">
        <f t="shared" si="492"/>
        <v>#N/A</v>
      </c>
      <c r="DN86" t="e">
        <f t="shared" si="493"/>
        <v>#N/A</v>
      </c>
      <c r="DO86" t="e">
        <f t="shared" si="494"/>
        <v>#N/A</v>
      </c>
      <c r="DP86" t="e">
        <f t="shared" si="495"/>
        <v>#N/A</v>
      </c>
      <c r="DQ86" t="e">
        <f t="shared" si="496"/>
        <v>#N/A</v>
      </c>
      <c r="DR86" t="e">
        <f t="shared" si="497"/>
        <v>#N/A</v>
      </c>
      <c r="DS86" t="e">
        <f t="shared" si="498"/>
        <v>#N/A</v>
      </c>
      <c r="DT86" t="e">
        <f t="shared" si="499"/>
        <v>#N/A</v>
      </c>
      <c r="DU86" t="e">
        <f t="shared" si="500"/>
        <v>#N/A</v>
      </c>
      <c r="DV86" t="e">
        <f t="shared" si="501"/>
        <v>#N/A</v>
      </c>
      <c r="DW86" t="e">
        <f t="shared" si="502"/>
        <v>#N/A</v>
      </c>
      <c r="DX86" s="98" t="e">
        <f t="shared" si="503"/>
        <v>#N/A</v>
      </c>
      <c r="DY86">
        <f t="shared" si="504"/>
        <v>1.0527062241310117</v>
      </c>
      <c r="DZ86" t="e">
        <f t="shared" si="505"/>
        <v>#N/A</v>
      </c>
      <c r="EA86" t="e">
        <f t="shared" si="506"/>
        <v>#N/A</v>
      </c>
      <c r="EB86" t="e">
        <f t="shared" si="507"/>
        <v>#N/A</v>
      </c>
      <c r="EC86" t="e">
        <f t="shared" si="508"/>
        <v>#N/A</v>
      </c>
      <c r="ED86" t="e">
        <f t="shared" si="509"/>
        <v>#N/A</v>
      </c>
      <c r="EE86" t="e">
        <f t="shared" si="510"/>
        <v>#N/A</v>
      </c>
      <c r="EF86" t="e">
        <f t="shared" si="511"/>
        <v>#N/A</v>
      </c>
      <c r="EG86" t="e">
        <f t="shared" si="512"/>
        <v>#N/A</v>
      </c>
      <c r="EH86" t="e">
        <f t="shared" si="513"/>
        <v>#N/A</v>
      </c>
      <c r="EI86" t="e">
        <f t="shared" si="514"/>
        <v>#N/A</v>
      </c>
      <c r="EJ86" t="e">
        <f t="shared" si="515"/>
        <v>#N/A</v>
      </c>
      <c r="EK86" t="e">
        <f t="shared" si="516"/>
        <v>#N/A</v>
      </c>
      <c r="EL86" s="97">
        <f t="shared" si="517"/>
        <v>1.1554124482620232</v>
      </c>
      <c r="EM86" t="e">
        <f t="shared" si="518"/>
        <v>#N/A</v>
      </c>
      <c r="EN86" t="e">
        <f t="shared" si="519"/>
        <v>#N/A</v>
      </c>
      <c r="EO86" t="e">
        <f t="shared" si="520"/>
        <v>#N/A</v>
      </c>
      <c r="EP86" t="e">
        <f t="shared" si="521"/>
        <v>#N/A</v>
      </c>
      <c r="EQ86" t="e">
        <f t="shared" si="522"/>
        <v>#N/A</v>
      </c>
      <c r="ER86" t="e">
        <f t="shared" si="523"/>
        <v>#N/A</v>
      </c>
      <c r="ES86" t="e">
        <f t="shared" si="524"/>
        <v>#N/A</v>
      </c>
      <c r="ET86" t="e">
        <f t="shared" si="525"/>
        <v>#N/A</v>
      </c>
      <c r="EU86" t="e">
        <f t="shared" si="526"/>
        <v>#N/A</v>
      </c>
      <c r="EV86" t="e">
        <f t="shared" si="527"/>
        <v>#N/A</v>
      </c>
      <c r="EW86" t="e">
        <f t="shared" si="528"/>
        <v>#N/A</v>
      </c>
      <c r="EX86" s="98" t="e">
        <f t="shared" si="529"/>
        <v>#N/A</v>
      </c>
      <c r="EY86" s="97">
        <f t="shared" si="530"/>
        <v>0.90541244826202316</v>
      </c>
      <c r="EZ86" t="e">
        <f t="shared" si="531"/>
        <v>#N/A</v>
      </c>
      <c r="FA86" t="e">
        <f t="shared" si="532"/>
        <v>#N/A</v>
      </c>
      <c r="FB86" t="e">
        <f t="shared" si="533"/>
        <v>#N/A</v>
      </c>
      <c r="FC86" t="e">
        <f t="shared" si="534"/>
        <v>#N/A</v>
      </c>
      <c r="FD86" t="e">
        <f t="shared" si="535"/>
        <v>#N/A</v>
      </c>
      <c r="FE86" t="e">
        <f t="shared" si="536"/>
        <v>#N/A</v>
      </c>
      <c r="FF86" t="e">
        <f t="shared" si="537"/>
        <v>#N/A</v>
      </c>
      <c r="FG86" t="e">
        <f t="shared" si="538"/>
        <v>#N/A</v>
      </c>
      <c r="FH86" t="e">
        <f t="shared" si="539"/>
        <v>#N/A</v>
      </c>
      <c r="FI86" t="e">
        <f t="shared" si="540"/>
        <v>#N/A</v>
      </c>
      <c r="FJ86" t="e">
        <f t="shared" si="541"/>
        <v>#N/A</v>
      </c>
      <c r="FK86" t="e">
        <f t="shared" si="542"/>
        <v>#N/A</v>
      </c>
      <c r="FL86" s="126">
        <f t="shared" si="543"/>
        <v>5.4918375788864306</v>
      </c>
      <c r="FM86" s="91" t="e">
        <f t="shared" si="544"/>
        <v>#N/A</v>
      </c>
      <c r="FN86" s="91" t="e">
        <f t="shared" si="545"/>
        <v>#N/A</v>
      </c>
      <c r="FO86" s="91" t="e">
        <f t="shared" si="546"/>
        <v>#N/A</v>
      </c>
      <c r="FP86" s="91" t="e">
        <f t="shared" si="547"/>
        <v>#N/A</v>
      </c>
      <c r="FQ86" s="91" t="e">
        <f t="shared" si="548"/>
        <v>#N/A</v>
      </c>
      <c r="FR86" s="91" t="e">
        <f t="shared" si="549"/>
        <v>#N/A</v>
      </c>
      <c r="FS86" s="91" t="e">
        <f t="shared" si="550"/>
        <v>#N/A</v>
      </c>
      <c r="FT86" s="91" t="e">
        <f t="shared" si="551"/>
        <v>#N/A</v>
      </c>
      <c r="FU86" s="91" t="e">
        <f t="shared" si="552"/>
        <v>#N/A</v>
      </c>
      <c r="FV86" s="91" t="e">
        <f t="shared" si="553"/>
        <v>#N/A</v>
      </c>
      <c r="FW86" s="91" t="e">
        <f t="shared" si="554"/>
        <v>#N/A</v>
      </c>
      <c r="FX86" s="91" t="e">
        <f t="shared" si="555"/>
        <v>#N/A</v>
      </c>
      <c r="FY86" s="91">
        <f t="shared" si="556"/>
        <v>0</v>
      </c>
      <c r="FZ86" s="91" t="e">
        <f t="shared" si="557"/>
        <v>#N/A</v>
      </c>
      <c r="GA86" s="91" t="e">
        <f t="shared" si="558"/>
        <v>#N/A</v>
      </c>
      <c r="GB86" s="91" t="e">
        <f t="shared" si="559"/>
        <v>#N/A</v>
      </c>
      <c r="GC86" s="91" t="e">
        <f t="shared" si="560"/>
        <v>#N/A</v>
      </c>
      <c r="GD86" s="91" t="e">
        <f t="shared" si="561"/>
        <v>#N/A</v>
      </c>
      <c r="GE86" s="91" t="e">
        <f t="shared" si="562"/>
        <v>#N/A</v>
      </c>
      <c r="GF86" s="91" t="e">
        <f t="shared" si="563"/>
        <v>#N/A</v>
      </c>
      <c r="GG86" s="91" t="e">
        <f t="shared" si="564"/>
        <v>#N/A</v>
      </c>
      <c r="GH86" s="91" t="e">
        <f t="shared" si="565"/>
        <v>#N/A</v>
      </c>
      <c r="GI86" s="91" t="e">
        <f t="shared" si="566"/>
        <v>#N/A</v>
      </c>
      <c r="GJ86" s="91" t="e">
        <f t="shared" si="567"/>
        <v>#N/A</v>
      </c>
      <c r="GK86" s="127" t="e">
        <f t="shared" si="568"/>
        <v>#N/A</v>
      </c>
      <c r="GL86" s="126">
        <f t="shared" si="569"/>
        <v>6.000139614580041</v>
      </c>
      <c r="GM86" s="91" t="e">
        <f t="shared" si="570"/>
        <v>#N/A</v>
      </c>
      <c r="GN86" s="91" t="e">
        <f t="shared" si="571"/>
        <v>#N/A</v>
      </c>
      <c r="GO86" s="91" t="e">
        <f t="shared" si="572"/>
        <v>#N/A</v>
      </c>
      <c r="GP86" s="91" t="e">
        <f t="shared" si="573"/>
        <v>#N/A</v>
      </c>
      <c r="GQ86" s="91" t="e">
        <f t="shared" si="574"/>
        <v>#N/A</v>
      </c>
      <c r="GR86" s="91" t="e">
        <f t="shared" si="575"/>
        <v>#N/A</v>
      </c>
      <c r="GS86" s="91" t="e">
        <f t="shared" si="576"/>
        <v>#N/A</v>
      </c>
      <c r="GT86" s="91" t="e">
        <f t="shared" si="577"/>
        <v>#N/A</v>
      </c>
      <c r="GU86" s="91" t="e">
        <f t="shared" si="578"/>
        <v>#N/A</v>
      </c>
      <c r="GV86" s="91" t="e">
        <f t="shared" si="579"/>
        <v>#N/A</v>
      </c>
      <c r="GW86" s="91" t="e">
        <f t="shared" si="580"/>
        <v>#N/A</v>
      </c>
      <c r="GX86" s="91" t="e">
        <f t="shared" si="581"/>
        <v>#N/A</v>
      </c>
      <c r="GY86" s="91">
        <f t="shared" si="582"/>
        <v>0</v>
      </c>
      <c r="GZ86" s="91" t="e">
        <f t="shared" si="583"/>
        <v>#N/A</v>
      </c>
      <c r="HA86" s="91" t="e">
        <f t="shared" si="584"/>
        <v>#N/A</v>
      </c>
      <c r="HB86" s="91" t="e">
        <f t="shared" si="585"/>
        <v>#N/A</v>
      </c>
      <c r="HC86" s="91" t="e">
        <f t="shared" si="586"/>
        <v>#N/A</v>
      </c>
      <c r="HD86" s="91" t="e">
        <f t="shared" si="587"/>
        <v>#N/A</v>
      </c>
      <c r="HE86" s="91" t="e">
        <f t="shared" si="588"/>
        <v>#N/A</v>
      </c>
      <c r="HF86" s="91" t="e">
        <f t="shared" si="589"/>
        <v>#N/A</v>
      </c>
      <c r="HG86" s="91" t="e">
        <f t="shared" si="590"/>
        <v>#N/A</v>
      </c>
      <c r="HH86" s="91" t="e">
        <f t="shared" si="591"/>
        <v>#N/A</v>
      </c>
      <c r="HI86" s="91" t="e">
        <f t="shared" si="592"/>
        <v>#N/A</v>
      </c>
      <c r="HJ86" s="91" t="e">
        <f t="shared" si="593"/>
        <v>#N/A</v>
      </c>
      <c r="HK86" s="127" t="e">
        <f t="shared" si="594"/>
        <v>#N/A</v>
      </c>
      <c r="HL86" s="126">
        <f t="shared" si="595"/>
        <v>4.6216497930480926</v>
      </c>
      <c r="HM86" s="91" t="e">
        <f t="shared" si="596"/>
        <v>#N/A</v>
      </c>
      <c r="HN86" s="91" t="e">
        <f t="shared" si="597"/>
        <v>#N/A</v>
      </c>
      <c r="HO86" s="91" t="e">
        <f t="shared" si="598"/>
        <v>#N/A</v>
      </c>
      <c r="HP86" s="91" t="e">
        <f t="shared" si="599"/>
        <v>#N/A</v>
      </c>
      <c r="HQ86" s="91" t="e">
        <f t="shared" si="600"/>
        <v>#N/A</v>
      </c>
      <c r="HR86" s="91" t="e">
        <f t="shared" si="601"/>
        <v>#N/A</v>
      </c>
      <c r="HS86" s="91" t="e">
        <f t="shared" si="602"/>
        <v>#N/A</v>
      </c>
      <c r="HT86" s="91" t="e">
        <f t="shared" si="603"/>
        <v>#N/A</v>
      </c>
      <c r="HU86" s="91" t="e">
        <f t="shared" si="604"/>
        <v>#N/A</v>
      </c>
      <c r="HV86" s="91" t="e">
        <f t="shared" si="605"/>
        <v>#N/A</v>
      </c>
      <c r="HW86" s="91" t="e">
        <f t="shared" si="606"/>
        <v>#N/A</v>
      </c>
      <c r="HX86" s="91" t="e">
        <f t="shared" si="607"/>
        <v>#N/A</v>
      </c>
      <c r="HY86" s="91">
        <f t="shared" si="608"/>
        <v>0</v>
      </c>
      <c r="HZ86" s="91" t="e">
        <f t="shared" si="609"/>
        <v>#N/A</v>
      </c>
      <c r="IA86" s="91" t="e">
        <f t="shared" si="610"/>
        <v>#N/A</v>
      </c>
      <c r="IB86" s="91" t="e">
        <f t="shared" si="611"/>
        <v>#N/A</v>
      </c>
      <c r="IC86" s="91" t="e">
        <f t="shared" si="612"/>
        <v>#N/A</v>
      </c>
      <c r="ID86" s="91" t="e">
        <f t="shared" si="613"/>
        <v>#N/A</v>
      </c>
      <c r="IE86" s="91" t="e">
        <f t="shared" si="614"/>
        <v>#N/A</v>
      </c>
      <c r="IF86" s="91" t="e">
        <f t="shared" si="615"/>
        <v>#N/A</v>
      </c>
      <c r="IG86" s="91" t="e">
        <f t="shared" si="616"/>
        <v>#N/A</v>
      </c>
      <c r="IH86" s="91" t="e">
        <f t="shared" si="617"/>
        <v>#N/A</v>
      </c>
      <c r="II86" s="91" t="e">
        <f t="shared" si="618"/>
        <v>#N/A</v>
      </c>
      <c r="IJ86" s="91" t="e">
        <f t="shared" si="619"/>
        <v>#N/A</v>
      </c>
      <c r="IK86" s="127" t="e">
        <f t="shared" si="620"/>
        <v>#N/A</v>
      </c>
    </row>
    <row r="87" spans="2:245" x14ac:dyDescent="0.2">
      <c r="B87" s="79">
        <f t="shared" si="188"/>
        <v>-76.5</v>
      </c>
      <c r="C87" s="73">
        <f>'p-y mono_clay'!C87</f>
        <v>61</v>
      </c>
      <c r="D87" s="64">
        <f>'p-y mono_clay'!D87</f>
        <v>60.984999999999999</v>
      </c>
      <c r="E87" s="64" t="str">
        <f>'p-y mono_clay'!E87</f>
        <v>SAND</v>
      </c>
      <c r="F87" s="55">
        <f>VLOOKUP($C87, 'Pile Property'!$A$8:$D$108,2,TRUE)</f>
        <v>2</v>
      </c>
      <c r="G87" s="102" t="e">
        <f>'p-y mono_clay'!Z87</f>
        <v>#N/A</v>
      </c>
      <c r="H87" s="199">
        <f>'p-y mono_clay'!AM87</f>
        <v>0</v>
      </c>
      <c r="I87" s="55" t="e">
        <f>'p-y mono_clay'!AN87</f>
        <v>#N/A</v>
      </c>
      <c r="J87" s="55" t="e">
        <f>'p-y mono_clay'!AO87</f>
        <v>#N/A</v>
      </c>
      <c r="K87" s="55" t="e">
        <f>'p-y mono_clay'!AP87</f>
        <v>#N/A</v>
      </c>
      <c r="L87" s="55" t="e">
        <f>'p-y mono_clay'!AQ87</f>
        <v>#N/A</v>
      </c>
      <c r="M87" s="55" t="e">
        <f>'p-y mono_clay'!AR87</f>
        <v>#N/A</v>
      </c>
      <c r="N87" s="55" t="e">
        <f>'p-y mono_clay'!AS87</f>
        <v>#N/A</v>
      </c>
      <c r="O87" s="55" t="e">
        <f>'p-y mono_clay'!AT87</f>
        <v>#N/A</v>
      </c>
      <c r="P87" s="55" t="e">
        <f>'p-y mono_clay'!AU87</f>
        <v>#N/A</v>
      </c>
      <c r="Q87" s="55" t="e">
        <f>'p-y mono_clay'!AV87</f>
        <v>#N/A</v>
      </c>
      <c r="R87" s="55" t="e">
        <f>'p-y mono_clay'!AW87</f>
        <v>#N/A</v>
      </c>
      <c r="S87" s="55" t="e">
        <f>'p-y mono_clay'!AX87</f>
        <v>#N/A</v>
      </c>
      <c r="T87" s="200">
        <f>'p-y mono_clay'!AY87</f>
        <v>6000</v>
      </c>
      <c r="U87" s="199">
        <f>'p-y mono_clay'!AZ87</f>
        <v>5</v>
      </c>
      <c r="V87" s="55" t="e">
        <f>'p-y mono_clay'!BA87</f>
        <v>#N/A</v>
      </c>
      <c r="W87" s="55" t="e">
        <f>'p-y mono_clay'!BB87</f>
        <v>#N/A</v>
      </c>
      <c r="X87" s="55" t="e">
        <f>'p-y mono_clay'!BC87</f>
        <v>#N/A</v>
      </c>
      <c r="Y87" s="55" t="e">
        <f>'p-y mono_clay'!BD87</f>
        <v>#N/A</v>
      </c>
      <c r="Z87" s="55" t="e">
        <f>'p-y mono_clay'!BE87</f>
        <v>#N/A</v>
      </c>
      <c r="AA87" s="55" t="e">
        <f>'p-y mono_clay'!BF87</f>
        <v>#N/A</v>
      </c>
      <c r="AB87" s="55" t="e">
        <f>'p-y mono_clay'!BG87</f>
        <v>#N/A</v>
      </c>
      <c r="AC87" s="55" t="e">
        <f>'p-y mono_clay'!BH87</f>
        <v>#N/A</v>
      </c>
      <c r="AD87" s="55" t="e">
        <f>'p-y mono_clay'!BI87</f>
        <v>#N/A</v>
      </c>
      <c r="AE87" s="55" t="e">
        <f>'p-y mono_clay'!BJ87</f>
        <v>#N/A</v>
      </c>
      <c r="AF87" s="55" t="e">
        <f>'p-y mono_clay'!BK87</f>
        <v>#N/A</v>
      </c>
      <c r="AG87" s="200" t="e">
        <f>'p-y mono_clay'!BL87</f>
        <v>#N/A</v>
      </c>
      <c r="AH87">
        <f t="shared" si="413"/>
        <v>30</v>
      </c>
      <c r="AI87">
        <v>0</v>
      </c>
      <c r="AJ87" t="e">
        <f t="shared" si="414"/>
        <v>#N/A</v>
      </c>
      <c r="AK87" t="e">
        <f t="shared" si="415"/>
        <v>#N/A</v>
      </c>
      <c r="AL87" t="e">
        <f t="shared" si="416"/>
        <v>#N/A</v>
      </c>
      <c r="AM87" t="e">
        <f t="shared" si="417"/>
        <v>#N/A</v>
      </c>
      <c r="AN87" t="e">
        <f t="shared" si="418"/>
        <v>#N/A</v>
      </c>
      <c r="AO87" t="e">
        <f t="shared" si="419"/>
        <v>#N/A</v>
      </c>
      <c r="AP87" t="e">
        <f t="shared" si="420"/>
        <v>#N/A</v>
      </c>
      <c r="AQ87" t="e">
        <f t="shared" si="421"/>
        <v>#N/A</v>
      </c>
      <c r="AR87" t="e">
        <f t="shared" si="422"/>
        <v>#N/A</v>
      </c>
      <c r="AS87" t="e">
        <f t="shared" si="423"/>
        <v>#N/A</v>
      </c>
      <c r="AT87" t="e">
        <f t="shared" si="424"/>
        <v>#N/A</v>
      </c>
      <c r="AU87" t="e">
        <f t="shared" si="425"/>
        <v>#N/A</v>
      </c>
      <c r="AV87">
        <v>1</v>
      </c>
      <c r="AW87">
        <v>1.25</v>
      </c>
      <c r="AX87">
        <v>2.5</v>
      </c>
      <c r="AY87" s="162">
        <f t="shared" si="426"/>
        <v>2</v>
      </c>
      <c r="AZ87" s="162" t="e">
        <f t="shared" si="427"/>
        <v>#N/A</v>
      </c>
      <c r="BA87" s="162" t="e">
        <f t="shared" si="428"/>
        <v>#N/A</v>
      </c>
      <c r="BB87" s="162" t="e">
        <f t="shared" si="429"/>
        <v>#N/A</v>
      </c>
      <c r="BC87" s="162" t="e">
        <f t="shared" si="430"/>
        <v>#N/A</v>
      </c>
      <c r="BD87" s="162" t="e">
        <f t="shared" si="431"/>
        <v>#N/A</v>
      </c>
      <c r="BE87" s="162" t="e">
        <f t="shared" si="432"/>
        <v>#N/A</v>
      </c>
      <c r="BF87" s="162" t="e">
        <f t="shared" si="433"/>
        <v>#N/A</v>
      </c>
      <c r="BG87" s="162" t="e">
        <f t="shared" si="434"/>
        <v>#N/A</v>
      </c>
      <c r="BH87" s="162" t="e">
        <f t="shared" si="435"/>
        <v>#N/A</v>
      </c>
      <c r="BI87" s="162" t="e">
        <f t="shared" si="436"/>
        <v>#N/A</v>
      </c>
      <c r="BJ87" s="162" t="e">
        <f t="shared" si="437"/>
        <v>#N/A</v>
      </c>
      <c r="BK87" s="162" t="e">
        <f t="shared" si="438"/>
        <v>#N/A</v>
      </c>
      <c r="BL87" s="162">
        <f t="shared" si="439"/>
        <v>2.3784142300054421</v>
      </c>
      <c r="BM87" s="162" t="e">
        <f t="shared" si="440"/>
        <v>#N/A</v>
      </c>
      <c r="BN87" s="162" t="e">
        <f t="shared" si="441"/>
        <v>#N/A</v>
      </c>
      <c r="BO87" s="162" t="e">
        <f t="shared" si="442"/>
        <v>#N/A</v>
      </c>
      <c r="BP87" s="162" t="e">
        <f t="shared" si="443"/>
        <v>#N/A</v>
      </c>
      <c r="BQ87" s="162" t="e">
        <f t="shared" si="444"/>
        <v>#N/A</v>
      </c>
      <c r="BR87" s="162" t="e">
        <f t="shared" si="445"/>
        <v>#N/A</v>
      </c>
      <c r="BS87" s="162" t="e">
        <f t="shared" si="446"/>
        <v>#N/A</v>
      </c>
      <c r="BT87" s="162" t="e">
        <f t="shared" si="447"/>
        <v>#N/A</v>
      </c>
      <c r="BU87" s="162" t="e">
        <f t="shared" si="448"/>
        <v>#N/A</v>
      </c>
      <c r="BV87" s="162" t="e">
        <f t="shared" si="449"/>
        <v>#N/A</v>
      </c>
      <c r="BW87" s="162" t="e">
        <f t="shared" si="450"/>
        <v>#N/A</v>
      </c>
      <c r="BX87" s="162" t="e">
        <f t="shared" si="451"/>
        <v>#N/A</v>
      </c>
      <c r="BY87" s="162">
        <f t="shared" si="452"/>
        <v>5.6568542494923806</v>
      </c>
      <c r="BZ87" s="162" t="e">
        <f t="shared" si="453"/>
        <v>#N/A</v>
      </c>
      <c r="CA87" s="162" t="e">
        <f t="shared" si="454"/>
        <v>#N/A</v>
      </c>
      <c r="CB87" s="162" t="e">
        <f t="shared" si="455"/>
        <v>#N/A</v>
      </c>
      <c r="CC87" s="162" t="e">
        <f t="shared" si="456"/>
        <v>#N/A</v>
      </c>
      <c r="CD87" s="162" t="e">
        <f t="shared" si="457"/>
        <v>#N/A</v>
      </c>
      <c r="CE87" s="162" t="e">
        <f t="shared" si="458"/>
        <v>#N/A</v>
      </c>
      <c r="CF87" s="162" t="e">
        <f t="shared" si="459"/>
        <v>#N/A</v>
      </c>
      <c r="CG87" s="162" t="e">
        <f t="shared" si="460"/>
        <v>#N/A</v>
      </c>
      <c r="CH87" s="162" t="e">
        <f t="shared" si="461"/>
        <v>#N/A</v>
      </c>
      <c r="CI87" s="162" t="e">
        <f t="shared" si="462"/>
        <v>#N/A</v>
      </c>
      <c r="CJ87" s="162" t="e">
        <f t="shared" si="463"/>
        <v>#N/A</v>
      </c>
      <c r="CK87" s="162" t="e">
        <f t="shared" si="464"/>
        <v>#N/A</v>
      </c>
      <c r="CL87">
        <f t="shared" si="465"/>
        <v>1.3729593947216077</v>
      </c>
      <c r="CM87" t="e">
        <f t="shared" si="466"/>
        <v>#N/A</v>
      </c>
      <c r="CN87" t="e">
        <f t="shared" si="467"/>
        <v>#N/A</v>
      </c>
      <c r="CO87" t="e">
        <f t="shared" si="468"/>
        <v>#N/A</v>
      </c>
      <c r="CP87" t="e">
        <f t="shared" si="469"/>
        <v>#N/A</v>
      </c>
      <c r="CQ87" t="e">
        <f t="shared" si="470"/>
        <v>#N/A</v>
      </c>
      <c r="CR87" t="e">
        <f t="shared" si="471"/>
        <v>#N/A</v>
      </c>
      <c r="CS87" t="e">
        <f t="shared" si="472"/>
        <v>#N/A</v>
      </c>
      <c r="CT87" t="e">
        <f t="shared" si="473"/>
        <v>#N/A</v>
      </c>
      <c r="CU87" t="e">
        <f t="shared" si="474"/>
        <v>#N/A</v>
      </c>
      <c r="CV87" t="e">
        <f t="shared" si="475"/>
        <v>#N/A</v>
      </c>
      <c r="CW87" t="e">
        <f t="shared" si="476"/>
        <v>#N/A</v>
      </c>
      <c r="CX87" s="98" t="e">
        <f t="shared" si="477"/>
        <v>#N/A</v>
      </c>
      <c r="CY87">
        <f t="shared" si="478"/>
        <v>1.1029593947216076</v>
      </c>
      <c r="CZ87" t="e">
        <f t="shared" si="479"/>
        <v>#N/A</v>
      </c>
      <c r="DA87" t="e">
        <f t="shared" si="480"/>
        <v>#N/A</v>
      </c>
      <c r="DB87" t="e">
        <f t="shared" si="481"/>
        <v>#N/A</v>
      </c>
      <c r="DC87" t="e">
        <f t="shared" si="482"/>
        <v>#N/A</v>
      </c>
      <c r="DD87" t="e">
        <f t="shared" si="483"/>
        <v>#N/A</v>
      </c>
      <c r="DE87" t="e">
        <f t="shared" si="484"/>
        <v>#N/A</v>
      </c>
      <c r="DF87" t="e">
        <f t="shared" si="485"/>
        <v>#N/A</v>
      </c>
      <c r="DG87" t="e">
        <f t="shared" si="486"/>
        <v>#N/A</v>
      </c>
      <c r="DH87" t="e">
        <f t="shared" si="487"/>
        <v>#N/A</v>
      </c>
      <c r="DI87" t="e">
        <f t="shared" si="488"/>
        <v>#N/A</v>
      </c>
      <c r="DJ87" t="e">
        <f t="shared" si="489"/>
        <v>#N/A</v>
      </c>
      <c r="DK87" t="e">
        <f t="shared" si="490"/>
        <v>#N/A</v>
      </c>
      <c r="DL87" s="97">
        <f t="shared" si="491"/>
        <v>1.5000349036450102</v>
      </c>
      <c r="DM87" t="e">
        <f t="shared" si="492"/>
        <v>#N/A</v>
      </c>
      <c r="DN87" t="e">
        <f t="shared" si="493"/>
        <v>#N/A</v>
      </c>
      <c r="DO87" t="e">
        <f t="shared" si="494"/>
        <v>#N/A</v>
      </c>
      <c r="DP87" t="e">
        <f t="shared" si="495"/>
        <v>#N/A</v>
      </c>
      <c r="DQ87" t="e">
        <f t="shared" si="496"/>
        <v>#N/A</v>
      </c>
      <c r="DR87" t="e">
        <f t="shared" si="497"/>
        <v>#N/A</v>
      </c>
      <c r="DS87" t="e">
        <f t="shared" si="498"/>
        <v>#N/A</v>
      </c>
      <c r="DT87" t="e">
        <f t="shared" si="499"/>
        <v>#N/A</v>
      </c>
      <c r="DU87" t="e">
        <f t="shared" si="500"/>
        <v>#N/A</v>
      </c>
      <c r="DV87" t="e">
        <f t="shared" si="501"/>
        <v>#N/A</v>
      </c>
      <c r="DW87" t="e">
        <f t="shared" si="502"/>
        <v>#N/A</v>
      </c>
      <c r="DX87" s="98" t="e">
        <f t="shared" si="503"/>
        <v>#N/A</v>
      </c>
      <c r="DY87">
        <f t="shared" si="504"/>
        <v>1.0527062241310117</v>
      </c>
      <c r="DZ87" t="e">
        <f t="shared" si="505"/>
        <v>#N/A</v>
      </c>
      <c r="EA87" t="e">
        <f t="shared" si="506"/>
        <v>#N/A</v>
      </c>
      <c r="EB87" t="e">
        <f t="shared" si="507"/>
        <v>#N/A</v>
      </c>
      <c r="EC87" t="e">
        <f t="shared" si="508"/>
        <v>#N/A</v>
      </c>
      <c r="ED87" t="e">
        <f t="shared" si="509"/>
        <v>#N/A</v>
      </c>
      <c r="EE87" t="e">
        <f t="shared" si="510"/>
        <v>#N/A</v>
      </c>
      <c r="EF87" t="e">
        <f t="shared" si="511"/>
        <v>#N/A</v>
      </c>
      <c r="EG87" t="e">
        <f t="shared" si="512"/>
        <v>#N/A</v>
      </c>
      <c r="EH87" t="e">
        <f t="shared" si="513"/>
        <v>#N/A</v>
      </c>
      <c r="EI87" t="e">
        <f t="shared" si="514"/>
        <v>#N/A</v>
      </c>
      <c r="EJ87" t="e">
        <f t="shared" si="515"/>
        <v>#N/A</v>
      </c>
      <c r="EK87" t="e">
        <f t="shared" si="516"/>
        <v>#N/A</v>
      </c>
      <c r="EL87" s="97">
        <f t="shared" si="517"/>
        <v>1.1554124482620232</v>
      </c>
      <c r="EM87" t="e">
        <f t="shared" si="518"/>
        <v>#N/A</v>
      </c>
      <c r="EN87" t="e">
        <f t="shared" si="519"/>
        <v>#N/A</v>
      </c>
      <c r="EO87" t="e">
        <f t="shared" si="520"/>
        <v>#N/A</v>
      </c>
      <c r="EP87" t="e">
        <f t="shared" si="521"/>
        <v>#N/A</v>
      </c>
      <c r="EQ87" t="e">
        <f t="shared" si="522"/>
        <v>#N/A</v>
      </c>
      <c r="ER87" t="e">
        <f t="shared" si="523"/>
        <v>#N/A</v>
      </c>
      <c r="ES87" t="e">
        <f t="shared" si="524"/>
        <v>#N/A</v>
      </c>
      <c r="ET87" t="e">
        <f t="shared" si="525"/>
        <v>#N/A</v>
      </c>
      <c r="EU87" t="e">
        <f t="shared" si="526"/>
        <v>#N/A</v>
      </c>
      <c r="EV87" t="e">
        <f t="shared" si="527"/>
        <v>#N/A</v>
      </c>
      <c r="EW87" t="e">
        <f t="shared" si="528"/>
        <v>#N/A</v>
      </c>
      <c r="EX87" s="98" t="e">
        <f t="shared" si="529"/>
        <v>#N/A</v>
      </c>
      <c r="EY87" s="97">
        <f t="shared" si="530"/>
        <v>0.90541244826202316</v>
      </c>
      <c r="EZ87" t="e">
        <f t="shared" si="531"/>
        <v>#N/A</v>
      </c>
      <c r="FA87" t="e">
        <f t="shared" si="532"/>
        <v>#N/A</v>
      </c>
      <c r="FB87" t="e">
        <f t="shared" si="533"/>
        <v>#N/A</v>
      </c>
      <c r="FC87" t="e">
        <f t="shared" si="534"/>
        <v>#N/A</v>
      </c>
      <c r="FD87" t="e">
        <f t="shared" si="535"/>
        <v>#N/A</v>
      </c>
      <c r="FE87" t="e">
        <f t="shared" si="536"/>
        <v>#N/A</v>
      </c>
      <c r="FF87" t="e">
        <f t="shared" si="537"/>
        <v>#N/A</v>
      </c>
      <c r="FG87" t="e">
        <f t="shared" si="538"/>
        <v>#N/A</v>
      </c>
      <c r="FH87" t="e">
        <f t="shared" si="539"/>
        <v>#N/A</v>
      </c>
      <c r="FI87" t="e">
        <f t="shared" si="540"/>
        <v>#N/A</v>
      </c>
      <c r="FJ87" t="e">
        <f t="shared" si="541"/>
        <v>#N/A</v>
      </c>
      <c r="FK87" t="e">
        <f t="shared" si="542"/>
        <v>#N/A</v>
      </c>
      <c r="FL87" s="126">
        <f t="shared" si="543"/>
        <v>6.8647969736080388</v>
      </c>
      <c r="FM87" s="91" t="e">
        <f t="shared" si="544"/>
        <v>#N/A</v>
      </c>
      <c r="FN87" s="91" t="e">
        <f t="shared" si="545"/>
        <v>#N/A</v>
      </c>
      <c r="FO87" s="91" t="e">
        <f t="shared" si="546"/>
        <v>#N/A</v>
      </c>
      <c r="FP87" s="91" t="e">
        <f t="shared" si="547"/>
        <v>#N/A</v>
      </c>
      <c r="FQ87" s="91" t="e">
        <f t="shared" si="548"/>
        <v>#N/A</v>
      </c>
      <c r="FR87" s="91" t="e">
        <f t="shared" si="549"/>
        <v>#N/A</v>
      </c>
      <c r="FS87" s="91" t="e">
        <f t="shared" si="550"/>
        <v>#N/A</v>
      </c>
      <c r="FT87" s="91" t="e">
        <f t="shared" si="551"/>
        <v>#N/A</v>
      </c>
      <c r="FU87" s="91" t="e">
        <f t="shared" si="552"/>
        <v>#N/A</v>
      </c>
      <c r="FV87" s="91" t="e">
        <f t="shared" si="553"/>
        <v>#N/A</v>
      </c>
      <c r="FW87" s="91" t="e">
        <f t="shared" si="554"/>
        <v>#N/A</v>
      </c>
      <c r="FX87" s="91" t="e">
        <f t="shared" si="555"/>
        <v>#N/A</v>
      </c>
      <c r="FY87" s="91">
        <f t="shared" si="556"/>
        <v>0</v>
      </c>
      <c r="FZ87" s="91" t="e">
        <f t="shared" si="557"/>
        <v>#N/A</v>
      </c>
      <c r="GA87" s="91" t="e">
        <f t="shared" si="558"/>
        <v>#N/A</v>
      </c>
      <c r="GB87" s="91" t="e">
        <f t="shared" si="559"/>
        <v>#N/A</v>
      </c>
      <c r="GC87" s="91" t="e">
        <f t="shared" si="560"/>
        <v>#N/A</v>
      </c>
      <c r="GD87" s="91" t="e">
        <f t="shared" si="561"/>
        <v>#N/A</v>
      </c>
      <c r="GE87" s="91" t="e">
        <f t="shared" si="562"/>
        <v>#N/A</v>
      </c>
      <c r="GF87" s="91" t="e">
        <f t="shared" si="563"/>
        <v>#N/A</v>
      </c>
      <c r="GG87" s="91" t="e">
        <f t="shared" si="564"/>
        <v>#N/A</v>
      </c>
      <c r="GH87" s="91" t="e">
        <f t="shared" si="565"/>
        <v>#N/A</v>
      </c>
      <c r="GI87" s="91" t="e">
        <f t="shared" si="566"/>
        <v>#N/A</v>
      </c>
      <c r="GJ87" s="91" t="e">
        <f t="shared" si="567"/>
        <v>#N/A</v>
      </c>
      <c r="GK87" s="127" t="e">
        <f t="shared" si="568"/>
        <v>#N/A</v>
      </c>
      <c r="GL87" s="126">
        <f t="shared" si="569"/>
        <v>7.5001745182250517</v>
      </c>
      <c r="GM87" s="91" t="e">
        <f t="shared" si="570"/>
        <v>#N/A</v>
      </c>
      <c r="GN87" s="91" t="e">
        <f t="shared" si="571"/>
        <v>#N/A</v>
      </c>
      <c r="GO87" s="91" t="e">
        <f t="shared" si="572"/>
        <v>#N/A</v>
      </c>
      <c r="GP87" s="91" t="e">
        <f t="shared" si="573"/>
        <v>#N/A</v>
      </c>
      <c r="GQ87" s="91" t="e">
        <f t="shared" si="574"/>
        <v>#N/A</v>
      </c>
      <c r="GR87" s="91" t="e">
        <f t="shared" si="575"/>
        <v>#N/A</v>
      </c>
      <c r="GS87" s="91" t="e">
        <f t="shared" si="576"/>
        <v>#N/A</v>
      </c>
      <c r="GT87" s="91" t="e">
        <f t="shared" si="577"/>
        <v>#N/A</v>
      </c>
      <c r="GU87" s="91" t="e">
        <f t="shared" si="578"/>
        <v>#N/A</v>
      </c>
      <c r="GV87" s="91" t="e">
        <f t="shared" si="579"/>
        <v>#N/A</v>
      </c>
      <c r="GW87" s="91" t="e">
        <f t="shared" si="580"/>
        <v>#N/A</v>
      </c>
      <c r="GX87" s="91" t="e">
        <f t="shared" si="581"/>
        <v>#N/A</v>
      </c>
      <c r="GY87" s="91">
        <f t="shared" si="582"/>
        <v>0</v>
      </c>
      <c r="GZ87" s="91" t="e">
        <f t="shared" si="583"/>
        <v>#N/A</v>
      </c>
      <c r="HA87" s="91" t="e">
        <f t="shared" si="584"/>
        <v>#N/A</v>
      </c>
      <c r="HB87" s="91" t="e">
        <f t="shared" si="585"/>
        <v>#N/A</v>
      </c>
      <c r="HC87" s="91" t="e">
        <f t="shared" si="586"/>
        <v>#N/A</v>
      </c>
      <c r="HD87" s="91" t="e">
        <f t="shared" si="587"/>
        <v>#N/A</v>
      </c>
      <c r="HE87" s="91" t="e">
        <f t="shared" si="588"/>
        <v>#N/A</v>
      </c>
      <c r="HF87" s="91" t="e">
        <f t="shared" si="589"/>
        <v>#N/A</v>
      </c>
      <c r="HG87" s="91" t="e">
        <f t="shared" si="590"/>
        <v>#N/A</v>
      </c>
      <c r="HH87" s="91" t="e">
        <f t="shared" si="591"/>
        <v>#N/A</v>
      </c>
      <c r="HI87" s="91" t="e">
        <f t="shared" si="592"/>
        <v>#N/A</v>
      </c>
      <c r="HJ87" s="91" t="e">
        <f t="shared" si="593"/>
        <v>#N/A</v>
      </c>
      <c r="HK87" s="127" t="e">
        <f t="shared" si="594"/>
        <v>#N/A</v>
      </c>
      <c r="HL87" s="126">
        <f t="shared" si="595"/>
        <v>5.7770622413101158</v>
      </c>
      <c r="HM87" s="91" t="e">
        <f t="shared" si="596"/>
        <v>#N/A</v>
      </c>
      <c r="HN87" s="91" t="e">
        <f t="shared" si="597"/>
        <v>#N/A</v>
      </c>
      <c r="HO87" s="91" t="e">
        <f t="shared" si="598"/>
        <v>#N/A</v>
      </c>
      <c r="HP87" s="91" t="e">
        <f t="shared" si="599"/>
        <v>#N/A</v>
      </c>
      <c r="HQ87" s="91" t="e">
        <f t="shared" si="600"/>
        <v>#N/A</v>
      </c>
      <c r="HR87" s="91" t="e">
        <f t="shared" si="601"/>
        <v>#N/A</v>
      </c>
      <c r="HS87" s="91" t="e">
        <f t="shared" si="602"/>
        <v>#N/A</v>
      </c>
      <c r="HT87" s="91" t="e">
        <f t="shared" si="603"/>
        <v>#N/A</v>
      </c>
      <c r="HU87" s="91" t="e">
        <f t="shared" si="604"/>
        <v>#N/A</v>
      </c>
      <c r="HV87" s="91" t="e">
        <f t="shared" si="605"/>
        <v>#N/A</v>
      </c>
      <c r="HW87" s="91" t="e">
        <f t="shared" si="606"/>
        <v>#N/A</v>
      </c>
      <c r="HX87" s="91" t="e">
        <f t="shared" si="607"/>
        <v>#N/A</v>
      </c>
      <c r="HY87" s="91">
        <f t="shared" si="608"/>
        <v>0</v>
      </c>
      <c r="HZ87" s="91" t="e">
        <f t="shared" si="609"/>
        <v>#N/A</v>
      </c>
      <c r="IA87" s="91" t="e">
        <f t="shared" si="610"/>
        <v>#N/A</v>
      </c>
      <c r="IB87" s="91" t="e">
        <f t="shared" si="611"/>
        <v>#N/A</v>
      </c>
      <c r="IC87" s="91" t="e">
        <f t="shared" si="612"/>
        <v>#N/A</v>
      </c>
      <c r="ID87" s="91" t="e">
        <f t="shared" si="613"/>
        <v>#N/A</v>
      </c>
      <c r="IE87" s="91" t="e">
        <f t="shared" si="614"/>
        <v>#N/A</v>
      </c>
      <c r="IF87" s="91" t="e">
        <f t="shared" si="615"/>
        <v>#N/A</v>
      </c>
      <c r="IG87" s="91" t="e">
        <f t="shared" si="616"/>
        <v>#N/A</v>
      </c>
      <c r="IH87" s="91" t="e">
        <f t="shared" si="617"/>
        <v>#N/A</v>
      </c>
      <c r="II87" s="91" t="e">
        <f t="shared" si="618"/>
        <v>#N/A</v>
      </c>
      <c r="IJ87" s="91" t="e">
        <f t="shared" si="619"/>
        <v>#N/A</v>
      </c>
      <c r="IK87" s="127" t="e">
        <f t="shared" si="620"/>
        <v>#N/A</v>
      </c>
    </row>
    <row r="88" spans="2:245" ht="13.5" thickBot="1" x14ac:dyDescent="0.25">
      <c r="B88" s="79">
        <f t="shared" si="188"/>
        <v>-77.5</v>
      </c>
      <c r="C88" s="73">
        <f>'p-y mono_clay'!C88</f>
        <v>62</v>
      </c>
      <c r="D88" s="64">
        <f>'p-y mono_clay'!D88</f>
        <v>61.993000000000002</v>
      </c>
      <c r="E88" s="64" t="str">
        <f>'p-y mono_clay'!E88</f>
        <v>SAND</v>
      </c>
      <c r="F88" s="55">
        <f>VLOOKUP($C88, 'Pile Property'!$A$8:$D$108,2,TRUE)</f>
        <v>2</v>
      </c>
      <c r="G88" s="102" t="e">
        <f>'p-y mono_clay'!Z88</f>
        <v>#N/A</v>
      </c>
      <c r="H88" s="201">
        <f>'p-y mono_clay'!AM88</f>
        <v>0</v>
      </c>
      <c r="I88" s="202" t="e">
        <f>'p-y mono_clay'!AN88</f>
        <v>#N/A</v>
      </c>
      <c r="J88" s="202" t="e">
        <f>'p-y mono_clay'!AO88</f>
        <v>#N/A</v>
      </c>
      <c r="K88" s="202" t="e">
        <f>'p-y mono_clay'!AP88</f>
        <v>#N/A</v>
      </c>
      <c r="L88" s="202" t="e">
        <f>'p-y mono_clay'!AQ88</f>
        <v>#N/A</v>
      </c>
      <c r="M88" s="202" t="e">
        <f>'p-y mono_clay'!AR88</f>
        <v>#N/A</v>
      </c>
      <c r="N88" s="202" t="e">
        <f>'p-y mono_clay'!AS88</f>
        <v>#N/A</v>
      </c>
      <c r="O88" s="202" t="e">
        <f>'p-y mono_clay'!AT88</f>
        <v>#N/A</v>
      </c>
      <c r="P88" s="202" t="e">
        <f>'p-y mono_clay'!AU88</f>
        <v>#N/A</v>
      </c>
      <c r="Q88" s="202" t="e">
        <f>'p-y mono_clay'!AV88</f>
        <v>#N/A</v>
      </c>
      <c r="R88" s="202" t="e">
        <f>'p-y mono_clay'!AW88</f>
        <v>#N/A</v>
      </c>
      <c r="S88" s="202" t="e">
        <f>'p-y mono_clay'!AX88</f>
        <v>#N/A</v>
      </c>
      <c r="T88" s="203">
        <f>'p-y mono_clay'!AY88</f>
        <v>6000</v>
      </c>
      <c r="U88" s="201">
        <f>'p-y mono_clay'!AZ88</f>
        <v>6</v>
      </c>
      <c r="V88" s="202" t="e">
        <f>'p-y mono_clay'!BA88</f>
        <v>#N/A</v>
      </c>
      <c r="W88" s="202" t="e">
        <f>'p-y mono_clay'!BB88</f>
        <v>#N/A</v>
      </c>
      <c r="X88" s="202" t="e">
        <f>'p-y mono_clay'!BC88</f>
        <v>#N/A</v>
      </c>
      <c r="Y88" s="202" t="e">
        <f>'p-y mono_clay'!BD88</f>
        <v>#N/A</v>
      </c>
      <c r="Z88" s="202" t="e">
        <f>'p-y mono_clay'!BE88</f>
        <v>#N/A</v>
      </c>
      <c r="AA88" s="202" t="e">
        <f>'p-y mono_clay'!BF88</f>
        <v>#N/A</v>
      </c>
      <c r="AB88" s="202" t="e">
        <f>'p-y mono_clay'!BG88</f>
        <v>#N/A</v>
      </c>
      <c r="AC88" s="202" t="e">
        <f>'p-y mono_clay'!BH88</f>
        <v>#N/A</v>
      </c>
      <c r="AD88" s="202" t="e">
        <f>'p-y mono_clay'!BI88</f>
        <v>#N/A</v>
      </c>
      <c r="AE88" s="202" t="e">
        <f>'p-y mono_clay'!BJ88</f>
        <v>#N/A</v>
      </c>
      <c r="AF88" s="202" t="e">
        <f>'p-y mono_clay'!BK88</f>
        <v>#N/A</v>
      </c>
      <c r="AG88" s="203" t="e">
        <f>'p-y mono_clay'!BL88</f>
        <v>#N/A</v>
      </c>
      <c r="AH88">
        <f t="shared" si="413"/>
        <v>30</v>
      </c>
      <c r="AI88">
        <v>0</v>
      </c>
      <c r="AJ88" t="e">
        <f t="shared" si="414"/>
        <v>#N/A</v>
      </c>
      <c r="AK88" t="e">
        <f t="shared" si="415"/>
        <v>#N/A</v>
      </c>
      <c r="AL88" t="e">
        <f t="shared" si="416"/>
        <v>#N/A</v>
      </c>
      <c r="AM88" t="e">
        <f t="shared" si="417"/>
        <v>#N/A</v>
      </c>
      <c r="AN88" t="e">
        <f t="shared" si="418"/>
        <v>#N/A</v>
      </c>
      <c r="AO88" t="e">
        <f t="shared" si="419"/>
        <v>#N/A</v>
      </c>
      <c r="AP88" t="e">
        <f t="shared" si="420"/>
        <v>#N/A</v>
      </c>
      <c r="AQ88" t="e">
        <f t="shared" si="421"/>
        <v>#N/A</v>
      </c>
      <c r="AR88" t="e">
        <f t="shared" si="422"/>
        <v>#N/A</v>
      </c>
      <c r="AS88" t="e">
        <f t="shared" si="423"/>
        <v>#N/A</v>
      </c>
      <c r="AT88" t="e">
        <f t="shared" si="424"/>
        <v>#N/A</v>
      </c>
      <c r="AU88" t="e">
        <f t="shared" si="425"/>
        <v>#N/A</v>
      </c>
      <c r="AV88">
        <v>1</v>
      </c>
      <c r="AW88">
        <v>1.25</v>
      </c>
      <c r="AX88">
        <v>2.5</v>
      </c>
      <c r="AY88" s="162">
        <f t="shared" si="426"/>
        <v>2</v>
      </c>
      <c r="AZ88" s="162" t="e">
        <f t="shared" si="427"/>
        <v>#N/A</v>
      </c>
      <c r="BA88" s="162" t="e">
        <f t="shared" si="428"/>
        <v>#N/A</v>
      </c>
      <c r="BB88" s="162" t="e">
        <f t="shared" si="429"/>
        <v>#N/A</v>
      </c>
      <c r="BC88" s="162" t="e">
        <f t="shared" si="430"/>
        <v>#N/A</v>
      </c>
      <c r="BD88" s="162" t="e">
        <f t="shared" si="431"/>
        <v>#N/A</v>
      </c>
      <c r="BE88" s="162" t="e">
        <f t="shared" si="432"/>
        <v>#N/A</v>
      </c>
      <c r="BF88" s="162" t="e">
        <f t="shared" si="433"/>
        <v>#N/A</v>
      </c>
      <c r="BG88" s="162" t="e">
        <f t="shared" si="434"/>
        <v>#N/A</v>
      </c>
      <c r="BH88" s="162" t="e">
        <f t="shared" si="435"/>
        <v>#N/A</v>
      </c>
      <c r="BI88" s="162" t="e">
        <f t="shared" si="436"/>
        <v>#N/A</v>
      </c>
      <c r="BJ88" s="162" t="e">
        <f t="shared" si="437"/>
        <v>#N/A</v>
      </c>
      <c r="BK88" s="162" t="e">
        <f t="shared" si="438"/>
        <v>#N/A</v>
      </c>
      <c r="BL88" s="162">
        <f t="shared" si="439"/>
        <v>2.3784142300054421</v>
      </c>
      <c r="BM88" s="162" t="e">
        <f t="shared" si="440"/>
        <v>#N/A</v>
      </c>
      <c r="BN88" s="162" t="e">
        <f t="shared" si="441"/>
        <v>#N/A</v>
      </c>
      <c r="BO88" s="162" t="e">
        <f t="shared" si="442"/>
        <v>#N/A</v>
      </c>
      <c r="BP88" s="162" t="e">
        <f t="shared" si="443"/>
        <v>#N/A</v>
      </c>
      <c r="BQ88" s="162" t="e">
        <f t="shared" si="444"/>
        <v>#N/A</v>
      </c>
      <c r="BR88" s="162" t="e">
        <f t="shared" si="445"/>
        <v>#N/A</v>
      </c>
      <c r="BS88" s="162" t="e">
        <f t="shared" si="446"/>
        <v>#N/A</v>
      </c>
      <c r="BT88" s="162" t="e">
        <f t="shared" si="447"/>
        <v>#N/A</v>
      </c>
      <c r="BU88" s="162" t="e">
        <f t="shared" si="448"/>
        <v>#N/A</v>
      </c>
      <c r="BV88" s="162" t="e">
        <f t="shared" si="449"/>
        <v>#N/A</v>
      </c>
      <c r="BW88" s="162" t="e">
        <f t="shared" si="450"/>
        <v>#N/A</v>
      </c>
      <c r="BX88" s="162" t="e">
        <f t="shared" si="451"/>
        <v>#N/A</v>
      </c>
      <c r="BY88" s="162">
        <f t="shared" si="452"/>
        <v>5.6568542494923806</v>
      </c>
      <c r="BZ88" s="162" t="e">
        <f t="shared" si="453"/>
        <v>#N/A</v>
      </c>
      <c r="CA88" s="162" t="e">
        <f t="shared" si="454"/>
        <v>#N/A</v>
      </c>
      <c r="CB88" s="162" t="e">
        <f t="shared" si="455"/>
        <v>#N/A</v>
      </c>
      <c r="CC88" s="162" t="e">
        <f t="shared" si="456"/>
        <v>#N/A</v>
      </c>
      <c r="CD88" s="162" t="e">
        <f t="shared" si="457"/>
        <v>#N/A</v>
      </c>
      <c r="CE88" s="162" t="e">
        <f t="shared" si="458"/>
        <v>#N/A</v>
      </c>
      <c r="CF88" s="162" t="e">
        <f t="shared" si="459"/>
        <v>#N/A</v>
      </c>
      <c r="CG88" s="162" t="e">
        <f t="shared" si="460"/>
        <v>#N/A</v>
      </c>
      <c r="CH88" s="162" t="e">
        <f t="shared" si="461"/>
        <v>#N/A</v>
      </c>
      <c r="CI88" s="162" t="e">
        <f t="shared" si="462"/>
        <v>#N/A</v>
      </c>
      <c r="CJ88" s="162" t="e">
        <f t="shared" si="463"/>
        <v>#N/A</v>
      </c>
      <c r="CK88" s="162" t="e">
        <f t="shared" si="464"/>
        <v>#N/A</v>
      </c>
      <c r="CL88">
        <f t="shared" si="465"/>
        <v>1.3729593947216077</v>
      </c>
      <c r="CM88" t="e">
        <f t="shared" si="466"/>
        <v>#N/A</v>
      </c>
      <c r="CN88" t="e">
        <f t="shared" si="467"/>
        <v>#N/A</v>
      </c>
      <c r="CO88" t="e">
        <f t="shared" si="468"/>
        <v>#N/A</v>
      </c>
      <c r="CP88" t="e">
        <f t="shared" si="469"/>
        <v>#N/A</v>
      </c>
      <c r="CQ88" t="e">
        <f t="shared" si="470"/>
        <v>#N/A</v>
      </c>
      <c r="CR88" t="e">
        <f t="shared" si="471"/>
        <v>#N/A</v>
      </c>
      <c r="CS88" t="e">
        <f t="shared" si="472"/>
        <v>#N/A</v>
      </c>
      <c r="CT88" t="e">
        <f t="shared" si="473"/>
        <v>#N/A</v>
      </c>
      <c r="CU88" t="e">
        <f t="shared" si="474"/>
        <v>#N/A</v>
      </c>
      <c r="CV88" t="e">
        <f t="shared" si="475"/>
        <v>#N/A</v>
      </c>
      <c r="CW88" t="e">
        <f t="shared" si="476"/>
        <v>#N/A</v>
      </c>
      <c r="CX88" s="98" t="e">
        <f t="shared" si="477"/>
        <v>#N/A</v>
      </c>
      <c r="CY88">
        <f t="shared" si="478"/>
        <v>1.1029593947216076</v>
      </c>
      <c r="CZ88" t="e">
        <f t="shared" si="479"/>
        <v>#N/A</v>
      </c>
      <c r="DA88" t="e">
        <f t="shared" si="480"/>
        <v>#N/A</v>
      </c>
      <c r="DB88" t="e">
        <f t="shared" si="481"/>
        <v>#N/A</v>
      </c>
      <c r="DC88" t="e">
        <f t="shared" si="482"/>
        <v>#N/A</v>
      </c>
      <c r="DD88" t="e">
        <f t="shared" si="483"/>
        <v>#N/A</v>
      </c>
      <c r="DE88" t="e">
        <f t="shared" si="484"/>
        <v>#N/A</v>
      </c>
      <c r="DF88" t="e">
        <f t="shared" si="485"/>
        <v>#N/A</v>
      </c>
      <c r="DG88" t="e">
        <f t="shared" si="486"/>
        <v>#N/A</v>
      </c>
      <c r="DH88" t="e">
        <f t="shared" si="487"/>
        <v>#N/A</v>
      </c>
      <c r="DI88" t="e">
        <f t="shared" si="488"/>
        <v>#N/A</v>
      </c>
      <c r="DJ88" t="e">
        <f t="shared" si="489"/>
        <v>#N/A</v>
      </c>
      <c r="DK88" t="e">
        <f t="shared" si="490"/>
        <v>#N/A</v>
      </c>
      <c r="DL88" s="97">
        <f t="shared" si="491"/>
        <v>1.5000349036450102</v>
      </c>
      <c r="DM88" t="e">
        <f t="shared" si="492"/>
        <v>#N/A</v>
      </c>
      <c r="DN88" t="e">
        <f t="shared" si="493"/>
        <v>#N/A</v>
      </c>
      <c r="DO88" t="e">
        <f t="shared" si="494"/>
        <v>#N/A</v>
      </c>
      <c r="DP88" t="e">
        <f t="shared" si="495"/>
        <v>#N/A</v>
      </c>
      <c r="DQ88" t="e">
        <f t="shared" si="496"/>
        <v>#N/A</v>
      </c>
      <c r="DR88" t="e">
        <f t="shared" si="497"/>
        <v>#N/A</v>
      </c>
      <c r="DS88" t="e">
        <f t="shared" si="498"/>
        <v>#N/A</v>
      </c>
      <c r="DT88" t="e">
        <f t="shared" si="499"/>
        <v>#N/A</v>
      </c>
      <c r="DU88" t="e">
        <f t="shared" si="500"/>
        <v>#N/A</v>
      </c>
      <c r="DV88" t="e">
        <f t="shared" si="501"/>
        <v>#N/A</v>
      </c>
      <c r="DW88" t="e">
        <f t="shared" si="502"/>
        <v>#N/A</v>
      </c>
      <c r="DX88" s="98" t="e">
        <f t="shared" si="503"/>
        <v>#N/A</v>
      </c>
      <c r="DY88">
        <f t="shared" si="504"/>
        <v>1.0527062241310117</v>
      </c>
      <c r="DZ88" t="e">
        <f t="shared" si="505"/>
        <v>#N/A</v>
      </c>
      <c r="EA88" t="e">
        <f t="shared" si="506"/>
        <v>#N/A</v>
      </c>
      <c r="EB88" t="e">
        <f t="shared" si="507"/>
        <v>#N/A</v>
      </c>
      <c r="EC88" t="e">
        <f t="shared" si="508"/>
        <v>#N/A</v>
      </c>
      <c r="ED88" t="e">
        <f t="shared" si="509"/>
        <v>#N/A</v>
      </c>
      <c r="EE88" t="e">
        <f t="shared" si="510"/>
        <v>#N/A</v>
      </c>
      <c r="EF88" t="e">
        <f t="shared" si="511"/>
        <v>#N/A</v>
      </c>
      <c r="EG88" t="e">
        <f t="shared" si="512"/>
        <v>#N/A</v>
      </c>
      <c r="EH88" t="e">
        <f t="shared" si="513"/>
        <v>#N/A</v>
      </c>
      <c r="EI88" t="e">
        <f t="shared" si="514"/>
        <v>#N/A</v>
      </c>
      <c r="EJ88" t="e">
        <f t="shared" si="515"/>
        <v>#N/A</v>
      </c>
      <c r="EK88" t="e">
        <f t="shared" si="516"/>
        <v>#N/A</v>
      </c>
      <c r="EL88" s="97">
        <f t="shared" si="517"/>
        <v>1.1554124482620232</v>
      </c>
      <c r="EM88" t="e">
        <f t="shared" si="518"/>
        <v>#N/A</v>
      </c>
      <c r="EN88" t="e">
        <f t="shared" si="519"/>
        <v>#N/A</v>
      </c>
      <c r="EO88" t="e">
        <f t="shared" si="520"/>
        <v>#N/A</v>
      </c>
      <c r="EP88" t="e">
        <f t="shared" si="521"/>
        <v>#N/A</v>
      </c>
      <c r="EQ88" t="e">
        <f t="shared" si="522"/>
        <v>#N/A</v>
      </c>
      <c r="ER88" t="e">
        <f t="shared" si="523"/>
        <v>#N/A</v>
      </c>
      <c r="ES88" t="e">
        <f t="shared" si="524"/>
        <v>#N/A</v>
      </c>
      <c r="ET88" t="e">
        <f t="shared" si="525"/>
        <v>#N/A</v>
      </c>
      <c r="EU88" t="e">
        <f t="shared" si="526"/>
        <v>#N/A</v>
      </c>
      <c r="EV88" t="e">
        <f t="shared" si="527"/>
        <v>#N/A</v>
      </c>
      <c r="EW88" t="e">
        <f t="shared" si="528"/>
        <v>#N/A</v>
      </c>
      <c r="EX88" s="98" t="e">
        <f t="shared" si="529"/>
        <v>#N/A</v>
      </c>
      <c r="EY88" s="97">
        <f t="shared" si="530"/>
        <v>0.90541244826202316</v>
      </c>
      <c r="EZ88" t="e">
        <f t="shared" si="531"/>
        <v>#N/A</v>
      </c>
      <c r="FA88" t="e">
        <f t="shared" si="532"/>
        <v>#N/A</v>
      </c>
      <c r="FB88" t="e">
        <f t="shared" si="533"/>
        <v>#N/A</v>
      </c>
      <c r="FC88" t="e">
        <f t="shared" si="534"/>
        <v>#N/A</v>
      </c>
      <c r="FD88" t="e">
        <f t="shared" si="535"/>
        <v>#N/A</v>
      </c>
      <c r="FE88" t="e">
        <f t="shared" si="536"/>
        <v>#N/A</v>
      </c>
      <c r="FF88" t="e">
        <f t="shared" si="537"/>
        <v>#N/A</v>
      </c>
      <c r="FG88" t="e">
        <f t="shared" si="538"/>
        <v>#N/A</v>
      </c>
      <c r="FH88" t="e">
        <f t="shared" si="539"/>
        <v>#N/A</v>
      </c>
      <c r="FI88" t="e">
        <f t="shared" si="540"/>
        <v>#N/A</v>
      </c>
      <c r="FJ88" t="e">
        <f t="shared" si="541"/>
        <v>#N/A</v>
      </c>
      <c r="FK88" t="e">
        <f t="shared" si="542"/>
        <v>#N/A</v>
      </c>
      <c r="FL88" s="126">
        <f t="shared" si="543"/>
        <v>8.2377563683296451</v>
      </c>
      <c r="FM88" s="91" t="e">
        <f t="shared" si="544"/>
        <v>#N/A</v>
      </c>
      <c r="FN88" s="91" t="e">
        <f t="shared" si="545"/>
        <v>#N/A</v>
      </c>
      <c r="FO88" s="91" t="e">
        <f t="shared" si="546"/>
        <v>#N/A</v>
      </c>
      <c r="FP88" s="91" t="e">
        <f t="shared" si="547"/>
        <v>#N/A</v>
      </c>
      <c r="FQ88" s="91" t="e">
        <f t="shared" si="548"/>
        <v>#N/A</v>
      </c>
      <c r="FR88" s="91" t="e">
        <f t="shared" si="549"/>
        <v>#N/A</v>
      </c>
      <c r="FS88" s="91" t="e">
        <f t="shared" si="550"/>
        <v>#N/A</v>
      </c>
      <c r="FT88" s="91" t="e">
        <f t="shared" si="551"/>
        <v>#N/A</v>
      </c>
      <c r="FU88" s="91" t="e">
        <f t="shared" si="552"/>
        <v>#N/A</v>
      </c>
      <c r="FV88" s="91" t="e">
        <f t="shared" si="553"/>
        <v>#N/A</v>
      </c>
      <c r="FW88" s="91" t="e">
        <f t="shared" si="554"/>
        <v>#N/A</v>
      </c>
      <c r="FX88" s="91" t="e">
        <f t="shared" si="555"/>
        <v>#N/A</v>
      </c>
      <c r="FY88" s="91">
        <f t="shared" si="556"/>
        <v>0</v>
      </c>
      <c r="FZ88" s="91" t="e">
        <f t="shared" si="557"/>
        <v>#N/A</v>
      </c>
      <c r="GA88" s="91" t="e">
        <f t="shared" si="558"/>
        <v>#N/A</v>
      </c>
      <c r="GB88" s="91" t="e">
        <f t="shared" si="559"/>
        <v>#N/A</v>
      </c>
      <c r="GC88" s="91" t="e">
        <f t="shared" si="560"/>
        <v>#N/A</v>
      </c>
      <c r="GD88" s="91" t="e">
        <f t="shared" si="561"/>
        <v>#N/A</v>
      </c>
      <c r="GE88" s="91" t="e">
        <f t="shared" si="562"/>
        <v>#N/A</v>
      </c>
      <c r="GF88" s="91" t="e">
        <f t="shared" si="563"/>
        <v>#N/A</v>
      </c>
      <c r="GG88" s="91" t="e">
        <f t="shared" si="564"/>
        <v>#N/A</v>
      </c>
      <c r="GH88" s="91" t="e">
        <f t="shared" si="565"/>
        <v>#N/A</v>
      </c>
      <c r="GI88" s="91" t="e">
        <f t="shared" si="566"/>
        <v>#N/A</v>
      </c>
      <c r="GJ88" s="91" t="e">
        <f t="shared" si="567"/>
        <v>#N/A</v>
      </c>
      <c r="GK88" s="127" t="e">
        <f t="shared" si="568"/>
        <v>#N/A</v>
      </c>
      <c r="GL88" s="126">
        <f t="shared" si="569"/>
        <v>9.0002094218700606</v>
      </c>
      <c r="GM88" s="91" t="e">
        <f t="shared" si="570"/>
        <v>#N/A</v>
      </c>
      <c r="GN88" s="91" t="e">
        <f t="shared" si="571"/>
        <v>#N/A</v>
      </c>
      <c r="GO88" s="91" t="e">
        <f t="shared" si="572"/>
        <v>#N/A</v>
      </c>
      <c r="GP88" s="91" t="e">
        <f t="shared" si="573"/>
        <v>#N/A</v>
      </c>
      <c r="GQ88" s="91" t="e">
        <f t="shared" si="574"/>
        <v>#N/A</v>
      </c>
      <c r="GR88" s="91" t="e">
        <f t="shared" si="575"/>
        <v>#N/A</v>
      </c>
      <c r="GS88" s="91" t="e">
        <f t="shared" si="576"/>
        <v>#N/A</v>
      </c>
      <c r="GT88" s="91" t="e">
        <f t="shared" si="577"/>
        <v>#N/A</v>
      </c>
      <c r="GU88" s="91" t="e">
        <f t="shared" si="578"/>
        <v>#N/A</v>
      </c>
      <c r="GV88" s="91" t="e">
        <f t="shared" si="579"/>
        <v>#N/A</v>
      </c>
      <c r="GW88" s="91" t="e">
        <f t="shared" si="580"/>
        <v>#N/A</v>
      </c>
      <c r="GX88" s="91" t="e">
        <f t="shared" si="581"/>
        <v>#N/A</v>
      </c>
      <c r="GY88" s="91">
        <f t="shared" si="582"/>
        <v>0</v>
      </c>
      <c r="GZ88" s="91" t="e">
        <f t="shared" si="583"/>
        <v>#N/A</v>
      </c>
      <c r="HA88" s="91" t="e">
        <f t="shared" si="584"/>
        <v>#N/A</v>
      </c>
      <c r="HB88" s="91" t="e">
        <f t="shared" si="585"/>
        <v>#N/A</v>
      </c>
      <c r="HC88" s="91" t="e">
        <f t="shared" si="586"/>
        <v>#N/A</v>
      </c>
      <c r="HD88" s="91" t="e">
        <f t="shared" si="587"/>
        <v>#N/A</v>
      </c>
      <c r="HE88" s="91" t="e">
        <f t="shared" si="588"/>
        <v>#N/A</v>
      </c>
      <c r="HF88" s="91" t="e">
        <f t="shared" si="589"/>
        <v>#N/A</v>
      </c>
      <c r="HG88" s="91" t="e">
        <f t="shared" si="590"/>
        <v>#N/A</v>
      </c>
      <c r="HH88" s="91" t="e">
        <f t="shared" si="591"/>
        <v>#N/A</v>
      </c>
      <c r="HI88" s="91" t="e">
        <f t="shared" si="592"/>
        <v>#N/A</v>
      </c>
      <c r="HJ88" s="91" t="e">
        <f t="shared" si="593"/>
        <v>#N/A</v>
      </c>
      <c r="HK88" s="127" t="e">
        <f t="shared" si="594"/>
        <v>#N/A</v>
      </c>
      <c r="HL88" s="126">
        <f t="shared" si="595"/>
        <v>6.932474689572139</v>
      </c>
      <c r="HM88" s="91" t="e">
        <f t="shared" si="596"/>
        <v>#N/A</v>
      </c>
      <c r="HN88" s="91" t="e">
        <f t="shared" si="597"/>
        <v>#N/A</v>
      </c>
      <c r="HO88" s="91" t="e">
        <f t="shared" si="598"/>
        <v>#N/A</v>
      </c>
      <c r="HP88" s="91" t="e">
        <f t="shared" si="599"/>
        <v>#N/A</v>
      </c>
      <c r="HQ88" s="91" t="e">
        <f t="shared" si="600"/>
        <v>#N/A</v>
      </c>
      <c r="HR88" s="91" t="e">
        <f t="shared" si="601"/>
        <v>#N/A</v>
      </c>
      <c r="HS88" s="91" t="e">
        <f t="shared" si="602"/>
        <v>#N/A</v>
      </c>
      <c r="HT88" s="91" t="e">
        <f t="shared" si="603"/>
        <v>#N/A</v>
      </c>
      <c r="HU88" s="91" t="e">
        <f t="shared" si="604"/>
        <v>#N/A</v>
      </c>
      <c r="HV88" s="91" t="e">
        <f t="shared" si="605"/>
        <v>#N/A</v>
      </c>
      <c r="HW88" s="91" t="e">
        <f t="shared" si="606"/>
        <v>#N/A</v>
      </c>
      <c r="HX88" s="91" t="e">
        <f t="shared" si="607"/>
        <v>#N/A</v>
      </c>
      <c r="HY88" s="91">
        <f t="shared" si="608"/>
        <v>0</v>
      </c>
      <c r="HZ88" s="91" t="e">
        <f t="shared" si="609"/>
        <v>#N/A</v>
      </c>
      <c r="IA88" s="91" t="e">
        <f t="shared" si="610"/>
        <v>#N/A</v>
      </c>
      <c r="IB88" s="91" t="e">
        <f t="shared" si="611"/>
        <v>#N/A</v>
      </c>
      <c r="IC88" s="91" t="e">
        <f t="shared" si="612"/>
        <v>#N/A</v>
      </c>
      <c r="ID88" s="91" t="e">
        <f t="shared" si="613"/>
        <v>#N/A</v>
      </c>
      <c r="IE88" s="91" t="e">
        <f t="shared" si="614"/>
        <v>#N/A</v>
      </c>
      <c r="IF88" s="91" t="e">
        <f t="shared" si="615"/>
        <v>#N/A</v>
      </c>
      <c r="IG88" s="91" t="e">
        <f t="shared" si="616"/>
        <v>#N/A</v>
      </c>
      <c r="IH88" s="91" t="e">
        <f t="shared" si="617"/>
        <v>#N/A</v>
      </c>
      <c r="II88" s="91" t="e">
        <f t="shared" si="618"/>
        <v>#N/A</v>
      </c>
      <c r="IJ88" s="91" t="e">
        <f t="shared" si="619"/>
        <v>#N/A</v>
      </c>
      <c r="IK88" s="127" t="e">
        <f t="shared" si="620"/>
        <v>#N/A</v>
      </c>
    </row>
    <row r="89" spans="2:245" x14ac:dyDescent="0.2">
      <c r="B89" s="79">
        <f t="shared" si="188"/>
        <v>-78.5</v>
      </c>
      <c r="C89" s="73">
        <f>'p-y mono_clay'!C89</f>
        <v>63</v>
      </c>
      <c r="D89" s="64">
        <f>'p-y mono_clay'!D89</f>
        <v>62.986000000000004</v>
      </c>
      <c r="E89" s="64" t="str">
        <f>'p-y mono_clay'!E89</f>
        <v>SAND</v>
      </c>
      <c r="F89" s="55">
        <f>VLOOKUP($C89, 'Pile Property'!$A$8:$D$108,2,TRUE)</f>
        <v>2</v>
      </c>
      <c r="G89" s="102" t="e">
        <f>'p-y mono_clay'!Z89</f>
        <v>#N/A</v>
      </c>
      <c r="H89" s="199">
        <f>'p-y mono_clay'!AM89</f>
        <v>0</v>
      </c>
      <c r="I89" s="55" t="e">
        <f>'p-y mono_clay'!AN89</f>
        <v>#N/A</v>
      </c>
      <c r="J89" s="55" t="e">
        <f>'p-y mono_clay'!AO89</f>
        <v>#N/A</v>
      </c>
      <c r="K89" s="55" t="e">
        <f>'p-y mono_clay'!AP89</f>
        <v>#N/A</v>
      </c>
      <c r="L89" s="55" t="e">
        <f>'p-y mono_clay'!AQ89</f>
        <v>#N/A</v>
      </c>
      <c r="M89" s="55" t="e">
        <f>'p-y mono_clay'!AR89</f>
        <v>#N/A</v>
      </c>
      <c r="N89" s="55" t="e">
        <f>'p-y mono_clay'!AS89</f>
        <v>#N/A</v>
      </c>
      <c r="O89" s="55" t="e">
        <f>'p-y mono_clay'!AT89</f>
        <v>#N/A</v>
      </c>
      <c r="P89" s="55" t="e">
        <f>'p-y mono_clay'!AU89</f>
        <v>#N/A</v>
      </c>
      <c r="Q89" s="55" t="e">
        <f>'p-y mono_clay'!AV89</f>
        <v>#N/A</v>
      </c>
      <c r="R89" s="55" t="e">
        <f>'p-y mono_clay'!AW89</f>
        <v>#N/A</v>
      </c>
      <c r="S89" s="55" t="e">
        <f>'p-y mono_clay'!AX89</f>
        <v>#N/A</v>
      </c>
      <c r="T89" s="200">
        <f>'p-y mono_clay'!AY89</f>
        <v>6000</v>
      </c>
      <c r="U89" s="199">
        <f>'p-y mono_clay'!AZ89</f>
        <v>7</v>
      </c>
      <c r="V89" s="55" t="e">
        <f>'p-y mono_clay'!BA89</f>
        <v>#N/A</v>
      </c>
      <c r="W89" s="55" t="e">
        <f>'p-y mono_clay'!BB89</f>
        <v>#N/A</v>
      </c>
      <c r="X89" s="55" t="e">
        <f>'p-y mono_clay'!BC89</f>
        <v>#N/A</v>
      </c>
      <c r="Y89" s="55" t="e">
        <f>'p-y mono_clay'!BD89</f>
        <v>#N/A</v>
      </c>
      <c r="Z89" s="55" t="e">
        <f>'p-y mono_clay'!BE89</f>
        <v>#N/A</v>
      </c>
      <c r="AA89" s="55" t="e">
        <f>'p-y mono_clay'!BF89</f>
        <v>#N/A</v>
      </c>
      <c r="AB89" s="55" t="e">
        <f>'p-y mono_clay'!BG89</f>
        <v>#N/A</v>
      </c>
      <c r="AC89" s="55" t="e">
        <f>'p-y mono_clay'!BH89</f>
        <v>#N/A</v>
      </c>
      <c r="AD89" s="55" t="e">
        <f>'p-y mono_clay'!BI89</f>
        <v>#N/A</v>
      </c>
      <c r="AE89" s="55" t="e">
        <f>'p-y mono_clay'!BJ89</f>
        <v>#N/A</v>
      </c>
      <c r="AF89" s="55" t="e">
        <f>'p-y mono_clay'!BK89</f>
        <v>#N/A</v>
      </c>
      <c r="AG89" s="200" t="e">
        <f>'p-y mono_clay'!BL89</f>
        <v>#N/A</v>
      </c>
      <c r="AH89">
        <f t="shared" si="413"/>
        <v>30</v>
      </c>
      <c r="AI89">
        <v>0</v>
      </c>
      <c r="AJ89" t="e">
        <f t="shared" si="414"/>
        <v>#N/A</v>
      </c>
      <c r="AK89" t="e">
        <f t="shared" si="415"/>
        <v>#N/A</v>
      </c>
      <c r="AL89" t="e">
        <f t="shared" si="416"/>
        <v>#N/A</v>
      </c>
      <c r="AM89" t="e">
        <f t="shared" si="417"/>
        <v>#N/A</v>
      </c>
      <c r="AN89" t="e">
        <f t="shared" si="418"/>
        <v>#N/A</v>
      </c>
      <c r="AO89" t="e">
        <f t="shared" si="419"/>
        <v>#N/A</v>
      </c>
      <c r="AP89" t="e">
        <f t="shared" si="420"/>
        <v>#N/A</v>
      </c>
      <c r="AQ89" t="e">
        <f t="shared" si="421"/>
        <v>#N/A</v>
      </c>
      <c r="AR89" t="e">
        <f t="shared" si="422"/>
        <v>#N/A</v>
      </c>
      <c r="AS89" t="e">
        <f t="shared" si="423"/>
        <v>#N/A</v>
      </c>
      <c r="AT89" t="e">
        <f t="shared" si="424"/>
        <v>#N/A</v>
      </c>
      <c r="AU89" t="e">
        <f t="shared" si="425"/>
        <v>#N/A</v>
      </c>
      <c r="AV89">
        <v>1</v>
      </c>
      <c r="AW89">
        <v>1.25</v>
      </c>
      <c r="AX89">
        <v>2.5</v>
      </c>
      <c r="AY89" s="162">
        <f t="shared" si="426"/>
        <v>2</v>
      </c>
      <c r="AZ89" s="162" t="e">
        <f t="shared" si="427"/>
        <v>#N/A</v>
      </c>
      <c r="BA89" s="162" t="e">
        <f t="shared" si="428"/>
        <v>#N/A</v>
      </c>
      <c r="BB89" s="162" t="e">
        <f t="shared" si="429"/>
        <v>#N/A</v>
      </c>
      <c r="BC89" s="162" t="e">
        <f t="shared" si="430"/>
        <v>#N/A</v>
      </c>
      <c r="BD89" s="162" t="e">
        <f t="shared" si="431"/>
        <v>#N/A</v>
      </c>
      <c r="BE89" s="162" t="e">
        <f t="shared" si="432"/>
        <v>#N/A</v>
      </c>
      <c r="BF89" s="162" t="e">
        <f t="shared" si="433"/>
        <v>#N/A</v>
      </c>
      <c r="BG89" s="162" t="e">
        <f t="shared" si="434"/>
        <v>#N/A</v>
      </c>
      <c r="BH89" s="162" t="e">
        <f t="shared" si="435"/>
        <v>#N/A</v>
      </c>
      <c r="BI89" s="162" t="e">
        <f t="shared" si="436"/>
        <v>#N/A</v>
      </c>
      <c r="BJ89" s="162" t="e">
        <f t="shared" si="437"/>
        <v>#N/A</v>
      </c>
      <c r="BK89" s="162" t="e">
        <f t="shared" si="438"/>
        <v>#N/A</v>
      </c>
      <c r="BL89" s="162">
        <f t="shared" si="439"/>
        <v>2.3784142300054421</v>
      </c>
      <c r="BM89" s="162" t="e">
        <f t="shared" si="440"/>
        <v>#N/A</v>
      </c>
      <c r="BN89" s="162" t="e">
        <f t="shared" si="441"/>
        <v>#N/A</v>
      </c>
      <c r="BO89" s="162" t="e">
        <f t="shared" si="442"/>
        <v>#N/A</v>
      </c>
      <c r="BP89" s="162" t="e">
        <f t="shared" si="443"/>
        <v>#N/A</v>
      </c>
      <c r="BQ89" s="162" t="e">
        <f t="shared" si="444"/>
        <v>#N/A</v>
      </c>
      <c r="BR89" s="162" t="e">
        <f t="shared" si="445"/>
        <v>#N/A</v>
      </c>
      <c r="BS89" s="162" t="e">
        <f t="shared" si="446"/>
        <v>#N/A</v>
      </c>
      <c r="BT89" s="162" t="e">
        <f t="shared" si="447"/>
        <v>#N/A</v>
      </c>
      <c r="BU89" s="162" t="e">
        <f t="shared" si="448"/>
        <v>#N/A</v>
      </c>
      <c r="BV89" s="162" t="e">
        <f t="shared" si="449"/>
        <v>#N/A</v>
      </c>
      <c r="BW89" s="162" t="e">
        <f t="shared" si="450"/>
        <v>#N/A</v>
      </c>
      <c r="BX89" s="162" t="e">
        <f t="shared" si="451"/>
        <v>#N/A</v>
      </c>
      <c r="BY89" s="162">
        <f t="shared" si="452"/>
        <v>5.6568542494923806</v>
      </c>
      <c r="BZ89" s="162" t="e">
        <f t="shared" si="453"/>
        <v>#N/A</v>
      </c>
      <c r="CA89" s="162" t="e">
        <f t="shared" si="454"/>
        <v>#N/A</v>
      </c>
      <c r="CB89" s="162" t="e">
        <f t="shared" si="455"/>
        <v>#N/A</v>
      </c>
      <c r="CC89" s="162" t="e">
        <f t="shared" si="456"/>
        <v>#N/A</v>
      </c>
      <c r="CD89" s="162" t="e">
        <f t="shared" si="457"/>
        <v>#N/A</v>
      </c>
      <c r="CE89" s="162" t="e">
        <f t="shared" si="458"/>
        <v>#N/A</v>
      </c>
      <c r="CF89" s="162" t="e">
        <f t="shared" si="459"/>
        <v>#N/A</v>
      </c>
      <c r="CG89" s="162" t="e">
        <f t="shared" si="460"/>
        <v>#N/A</v>
      </c>
      <c r="CH89" s="162" t="e">
        <f t="shared" si="461"/>
        <v>#N/A</v>
      </c>
      <c r="CI89" s="162" t="e">
        <f t="shared" si="462"/>
        <v>#N/A</v>
      </c>
      <c r="CJ89" s="162" t="e">
        <f t="shared" si="463"/>
        <v>#N/A</v>
      </c>
      <c r="CK89" s="162" t="e">
        <f t="shared" si="464"/>
        <v>#N/A</v>
      </c>
      <c r="CL89">
        <f t="shared" si="465"/>
        <v>1.3729593947216077</v>
      </c>
      <c r="CM89" t="e">
        <f t="shared" si="466"/>
        <v>#N/A</v>
      </c>
      <c r="CN89" t="e">
        <f t="shared" si="467"/>
        <v>#N/A</v>
      </c>
      <c r="CO89" t="e">
        <f t="shared" si="468"/>
        <v>#N/A</v>
      </c>
      <c r="CP89" t="e">
        <f t="shared" si="469"/>
        <v>#N/A</v>
      </c>
      <c r="CQ89" t="e">
        <f t="shared" si="470"/>
        <v>#N/A</v>
      </c>
      <c r="CR89" t="e">
        <f t="shared" si="471"/>
        <v>#N/A</v>
      </c>
      <c r="CS89" t="e">
        <f t="shared" si="472"/>
        <v>#N/A</v>
      </c>
      <c r="CT89" t="e">
        <f t="shared" si="473"/>
        <v>#N/A</v>
      </c>
      <c r="CU89" t="e">
        <f t="shared" si="474"/>
        <v>#N/A</v>
      </c>
      <c r="CV89" t="e">
        <f t="shared" si="475"/>
        <v>#N/A</v>
      </c>
      <c r="CW89" t="e">
        <f t="shared" si="476"/>
        <v>#N/A</v>
      </c>
      <c r="CX89" s="98" t="e">
        <f t="shared" si="477"/>
        <v>#N/A</v>
      </c>
      <c r="CY89">
        <f t="shared" si="478"/>
        <v>1.1029593947216076</v>
      </c>
      <c r="CZ89" t="e">
        <f t="shared" si="479"/>
        <v>#N/A</v>
      </c>
      <c r="DA89" t="e">
        <f t="shared" si="480"/>
        <v>#N/A</v>
      </c>
      <c r="DB89" t="e">
        <f t="shared" si="481"/>
        <v>#N/A</v>
      </c>
      <c r="DC89" t="e">
        <f t="shared" si="482"/>
        <v>#N/A</v>
      </c>
      <c r="DD89" t="e">
        <f t="shared" si="483"/>
        <v>#N/A</v>
      </c>
      <c r="DE89" t="e">
        <f t="shared" si="484"/>
        <v>#N/A</v>
      </c>
      <c r="DF89" t="e">
        <f t="shared" si="485"/>
        <v>#N/A</v>
      </c>
      <c r="DG89" t="e">
        <f t="shared" si="486"/>
        <v>#N/A</v>
      </c>
      <c r="DH89" t="e">
        <f t="shared" si="487"/>
        <v>#N/A</v>
      </c>
      <c r="DI89" t="e">
        <f t="shared" si="488"/>
        <v>#N/A</v>
      </c>
      <c r="DJ89" t="e">
        <f t="shared" si="489"/>
        <v>#N/A</v>
      </c>
      <c r="DK89" t="e">
        <f t="shared" si="490"/>
        <v>#N/A</v>
      </c>
      <c r="DL89" s="97">
        <f t="shared" si="491"/>
        <v>1.5000349036450102</v>
      </c>
      <c r="DM89" t="e">
        <f t="shared" si="492"/>
        <v>#N/A</v>
      </c>
      <c r="DN89" t="e">
        <f t="shared" si="493"/>
        <v>#N/A</v>
      </c>
      <c r="DO89" t="e">
        <f t="shared" si="494"/>
        <v>#N/A</v>
      </c>
      <c r="DP89" t="e">
        <f t="shared" si="495"/>
        <v>#N/A</v>
      </c>
      <c r="DQ89" t="e">
        <f t="shared" si="496"/>
        <v>#N/A</v>
      </c>
      <c r="DR89" t="e">
        <f t="shared" si="497"/>
        <v>#N/A</v>
      </c>
      <c r="DS89" t="e">
        <f t="shared" si="498"/>
        <v>#N/A</v>
      </c>
      <c r="DT89" t="e">
        <f t="shared" si="499"/>
        <v>#N/A</v>
      </c>
      <c r="DU89" t="e">
        <f t="shared" si="500"/>
        <v>#N/A</v>
      </c>
      <c r="DV89" t="e">
        <f t="shared" si="501"/>
        <v>#N/A</v>
      </c>
      <c r="DW89" t="e">
        <f t="shared" si="502"/>
        <v>#N/A</v>
      </c>
      <c r="DX89" s="98" t="e">
        <f t="shared" si="503"/>
        <v>#N/A</v>
      </c>
      <c r="DY89">
        <f t="shared" si="504"/>
        <v>1.0527062241310117</v>
      </c>
      <c r="DZ89" t="e">
        <f t="shared" si="505"/>
        <v>#N/A</v>
      </c>
      <c r="EA89" t="e">
        <f t="shared" si="506"/>
        <v>#N/A</v>
      </c>
      <c r="EB89" t="e">
        <f t="shared" si="507"/>
        <v>#N/A</v>
      </c>
      <c r="EC89" t="e">
        <f t="shared" si="508"/>
        <v>#N/A</v>
      </c>
      <c r="ED89" t="e">
        <f t="shared" si="509"/>
        <v>#N/A</v>
      </c>
      <c r="EE89" t="e">
        <f t="shared" si="510"/>
        <v>#N/A</v>
      </c>
      <c r="EF89" t="e">
        <f t="shared" si="511"/>
        <v>#N/A</v>
      </c>
      <c r="EG89" t="e">
        <f t="shared" si="512"/>
        <v>#N/A</v>
      </c>
      <c r="EH89" t="e">
        <f t="shared" si="513"/>
        <v>#N/A</v>
      </c>
      <c r="EI89" t="e">
        <f t="shared" si="514"/>
        <v>#N/A</v>
      </c>
      <c r="EJ89" t="e">
        <f t="shared" si="515"/>
        <v>#N/A</v>
      </c>
      <c r="EK89" t="e">
        <f t="shared" si="516"/>
        <v>#N/A</v>
      </c>
      <c r="EL89" s="97">
        <f t="shared" si="517"/>
        <v>1.1554124482620232</v>
      </c>
      <c r="EM89" t="e">
        <f t="shared" si="518"/>
        <v>#N/A</v>
      </c>
      <c r="EN89" t="e">
        <f t="shared" si="519"/>
        <v>#N/A</v>
      </c>
      <c r="EO89" t="e">
        <f t="shared" si="520"/>
        <v>#N/A</v>
      </c>
      <c r="EP89" t="e">
        <f t="shared" si="521"/>
        <v>#N/A</v>
      </c>
      <c r="EQ89" t="e">
        <f t="shared" si="522"/>
        <v>#N/A</v>
      </c>
      <c r="ER89" t="e">
        <f t="shared" si="523"/>
        <v>#N/A</v>
      </c>
      <c r="ES89" t="e">
        <f t="shared" si="524"/>
        <v>#N/A</v>
      </c>
      <c r="ET89" t="e">
        <f t="shared" si="525"/>
        <v>#N/A</v>
      </c>
      <c r="EU89" t="e">
        <f t="shared" si="526"/>
        <v>#N/A</v>
      </c>
      <c r="EV89" t="e">
        <f t="shared" si="527"/>
        <v>#N/A</v>
      </c>
      <c r="EW89" t="e">
        <f t="shared" si="528"/>
        <v>#N/A</v>
      </c>
      <c r="EX89" s="98" t="e">
        <f t="shared" si="529"/>
        <v>#N/A</v>
      </c>
      <c r="EY89" s="97">
        <f t="shared" si="530"/>
        <v>0.90541244826202316</v>
      </c>
      <c r="EZ89" t="e">
        <f t="shared" si="531"/>
        <v>#N/A</v>
      </c>
      <c r="FA89" t="e">
        <f t="shared" si="532"/>
        <v>#N/A</v>
      </c>
      <c r="FB89" t="e">
        <f t="shared" si="533"/>
        <v>#N/A</v>
      </c>
      <c r="FC89" t="e">
        <f t="shared" si="534"/>
        <v>#N/A</v>
      </c>
      <c r="FD89" t="e">
        <f t="shared" si="535"/>
        <v>#N/A</v>
      </c>
      <c r="FE89" t="e">
        <f t="shared" si="536"/>
        <v>#N/A</v>
      </c>
      <c r="FF89" t="e">
        <f t="shared" si="537"/>
        <v>#N/A</v>
      </c>
      <c r="FG89" t="e">
        <f t="shared" si="538"/>
        <v>#N/A</v>
      </c>
      <c r="FH89" t="e">
        <f t="shared" si="539"/>
        <v>#N/A</v>
      </c>
      <c r="FI89" t="e">
        <f t="shared" si="540"/>
        <v>#N/A</v>
      </c>
      <c r="FJ89" t="e">
        <f t="shared" si="541"/>
        <v>#N/A</v>
      </c>
      <c r="FK89" t="e">
        <f t="shared" si="542"/>
        <v>#N/A</v>
      </c>
      <c r="FL89" s="126">
        <f t="shared" si="543"/>
        <v>9.6107157630512532</v>
      </c>
      <c r="FM89" s="91" t="e">
        <f t="shared" si="544"/>
        <v>#N/A</v>
      </c>
      <c r="FN89" s="91" t="e">
        <f t="shared" si="545"/>
        <v>#N/A</v>
      </c>
      <c r="FO89" s="91" t="e">
        <f t="shared" si="546"/>
        <v>#N/A</v>
      </c>
      <c r="FP89" s="91" t="e">
        <f t="shared" si="547"/>
        <v>#N/A</v>
      </c>
      <c r="FQ89" s="91" t="e">
        <f t="shared" si="548"/>
        <v>#N/A</v>
      </c>
      <c r="FR89" s="91" t="e">
        <f t="shared" si="549"/>
        <v>#N/A</v>
      </c>
      <c r="FS89" s="91" t="e">
        <f t="shared" si="550"/>
        <v>#N/A</v>
      </c>
      <c r="FT89" s="91" t="e">
        <f t="shared" si="551"/>
        <v>#N/A</v>
      </c>
      <c r="FU89" s="91" t="e">
        <f t="shared" si="552"/>
        <v>#N/A</v>
      </c>
      <c r="FV89" s="91" t="e">
        <f t="shared" si="553"/>
        <v>#N/A</v>
      </c>
      <c r="FW89" s="91" t="e">
        <f t="shared" si="554"/>
        <v>#N/A</v>
      </c>
      <c r="FX89" s="91" t="e">
        <f t="shared" si="555"/>
        <v>#N/A</v>
      </c>
      <c r="FY89" s="91">
        <f t="shared" si="556"/>
        <v>0</v>
      </c>
      <c r="FZ89" s="91" t="e">
        <f t="shared" si="557"/>
        <v>#N/A</v>
      </c>
      <c r="GA89" s="91" t="e">
        <f t="shared" si="558"/>
        <v>#N/A</v>
      </c>
      <c r="GB89" s="91" t="e">
        <f t="shared" si="559"/>
        <v>#N/A</v>
      </c>
      <c r="GC89" s="91" t="e">
        <f t="shared" si="560"/>
        <v>#N/A</v>
      </c>
      <c r="GD89" s="91" t="e">
        <f t="shared" si="561"/>
        <v>#N/A</v>
      </c>
      <c r="GE89" s="91" t="e">
        <f t="shared" si="562"/>
        <v>#N/A</v>
      </c>
      <c r="GF89" s="91" t="e">
        <f t="shared" si="563"/>
        <v>#N/A</v>
      </c>
      <c r="GG89" s="91" t="e">
        <f t="shared" si="564"/>
        <v>#N/A</v>
      </c>
      <c r="GH89" s="91" t="e">
        <f t="shared" si="565"/>
        <v>#N/A</v>
      </c>
      <c r="GI89" s="91" t="e">
        <f t="shared" si="566"/>
        <v>#N/A</v>
      </c>
      <c r="GJ89" s="91" t="e">
        <f t="shared" si="567"/>
        <v>#N/A</v>
      </c>
      <c r="GK89" s="127" t="e">
        <f t="shared" si="568"/>
        <v>#N/A</v>
      </c>
      <c r="GL89" s="126">
        <f t="shared" si="569"/>
        <v>10.500244325515071</v>
      </c>
      <c r="GM89" s="91" t="e">
        <f t="shared" si="570"/>
        <v>#N/A</v>
      </c>
      <c r="GN89" s="91" t="e">
        <f t="shared" si="571"/>
        <v>#N/A</v>
      </c>
      <c r="GO89" s="91" t="e">
        <f t="shared" si="572"/>
        <v>#N/A</v>
      </c>
      <c r="GP89" s="91" t="e">
        <f t="shared" si="573"/>
        <v>#N/A</v>
      </c>
      <c r="GQ89" s="91" t="e">
        <f t="shared" si="574"/>
        <v>#N/A</v>
      </c>
      <c r="GR89" s="91" t="e">
        <f t="shared" si="575"/>
        <v>#N/A</v>
      </c>
      <c r="GS89" s="91" t="e">
        <f t="shared" si="576"/>
        <v>#N/A</v>
      </c>
      <c r="GT89" s="91" t="e">
        <f t="shared" si="577"/>
        <v>#N/A</v>
      </c>
      <c r="GU89" s="91" t="e">
        <f t="shared" si="578"/>
        <v>#N/A</v>
      </c>
      <c r="GV89" s="91" t="e">
        <f t="shared" si="579"/>
        <v>#N/A</v>
      </c>
      <c r="GW89" s="91" t="e">
        <f t="shared" si="580"/>
        <v>#N/A</v>
      </c>
      <c r="GX89" s="91" t="e">
        <f t="shared" si="581"/>
        <v>#N/A</v>
      </c>
      <c r="GY89" s="91">
        <f t="shared" si="582"/>
        <v>0</v>
      </c>
      <c r="GZ89" s="91" t="e">
        <f t="shared" si="583"/>
        <v>#N/A</v>
      </c>
      <c r="HA89" s="91" t="e">
        <f t="shared" si="584"/>
        <v>#N/A</v>
      </c>
      <c r="HB89" s="91" t="e">
        <f t="shared" si="585"/>
        <v>#N/A</v>
      </c>
      <c r="HC89" s="91" t="e">
        <f t="shared" si="586"/>
        <v>#N/A</v>
      </c>
      <c r="HD89" s="91" t="e">
        <f t="shared" si="587"/>
        <v>#N/A</v>
      </c>
      <c r="HE89" s="91" t="e">
        <f t="shared" si="588"/>
        <v>#N/A</v>
      </c>
      <c r="HF89" s="91" t="e">
        <f t="shared" si="589"/>
        <v>#N/A</v>
      </c>
      <c r="HG89" s="91" t="e">
        <f t="shared" si="590"/>
        <v>#N/A</v>
      </c>
      <c r="HH89" s="91" t="e">
        <f t="shared" si="591"/>
        <v>#N/A</v>
      </c>
      <c r="HI89" s="91" t="e">
        <f t="shared" si="592"/>
        <v>#N/A</v>
      </c>
      <c r="HJ89" s="91" t="e">
        <f t="shared" si="593"/>
        <v>#N/A</v>
      </c>
      <c r="HK89" s="127" t="e">
        <f t="shared" si="594"/>
        <v>#N/A</v>
      </c>
      <c r="HL89" s="126">
        <f t="shared" si="595"/>
        <v>8.0878871378341621</v>
      </c>
      <c r="HM89" s="91" t="e">
        <f t="shared" si="596"/>
        <v>#N/A</v>
      </c>
      <c r="HN89" s="91" t="e">
        <f t="shared" si="597"/>
        <v>#N/A</v>
      </c>
      <c r="HO89" s="91" t="e">
        <f t="shared" si="598"/>
        <v>#N/A</v>
      </c>
      <c r="HP89" s="91" t="e">
        <f t="shared" si="599"/>
        <v>#N/A</v>
      </c>
      <c r="HQ89" s="91" t="e">
        <f t="shared" si="600"/>
        <v>#N/A</v>
      </c>
      <c r="HR89" s="91" t="e">
        <f t="shared" si="601"/>
        <v>#N/A</v>
      </c>
      <c r="HS89" s="91" t="e">
        <f t="shared" si="602"/>
        <v>#N/A</v>
      </c>
      <c r="HT89" s="91" t="e">
        <f t="shared" si="603"/>
        <v>#N/A</v>
      </c>
      <c r="HU89" s="91" t="e">
        <f t="shared" si="604"/>
        <v>#N/A</v>
      </c>
      <c r="HV89" s="91" t="e">
        <f t="shared" si="605"/>
        <v>#N/A</v>
      </c>
      <c r="HW89" s="91" t="e">
        <f t="shared" si="606"/>
        <v>#N/A</v>
      </c>
      <c r="HX89" s="91" t="e">
        <f t="shared" si="607"/>
        <v>#N/A</v>
      </c>
      <c r="HY89" s="91">
        <f t="shared" si="608"/>
        <v>0</v>
      </c>
      <c r="HZ89" s="91" t="e">
        <f t="shared" si="609"/>
        <v>#N/A</v>
      </c>
      <c r="IA89" s="91" t="e">
        <f t="shared" si="610"/>
        <v>#N/A</v>
      </c>
      <c r="IB89" s="91" t="e">
        <f t="shared" si="611"/>
        <v>#N/A</v>
      </c>
      <c r="IC89" s="91" t="e">
        <f t="shared" si="612"/>
        <v>#N/A</v>
      </c>
      <c r="ID89" s="91" t="e">
        <f t="shared" si="613"/>
        <v>#N/A</v>
      </c>
      <c r="IE89" s="91" t="e">
        <f t="shared" si="614"/>
        <v>#N/A</v>
      </c>
      <c r="IF89" s="91" t="e">
        <f t="shared" si="615"/>
        <v>#N/A</v>
      </c>
      <c r="IG89" s="91" t="e">
        <f t="shared" si="616"/>
        <v>#N/A</v>
      </c>
      <c r="IH89" s="91" t="e">
        <f t="shared" si="617"/>
        <v>#N/A</v>
      </c>
      <c r="II89" s="91" t="e">
        <f t="shared" si="618"/>
        <v>#N/A</v>
      </c>
      <c r="IJ89" s="91" t="e">
        <f t="shared" si="619"/>
        <v>#N/A</v>
      </c>
      <c r="IK89" s="127" t="e">
        <f t="shared" si="620"/>
        <v>#N/A</v>
      </c>
    </row>
    <row r="90" spans="2:245" ht="13.5" thickBot="1" x14ac:dyDescent="0.25">
      <c r="B90" s="79">
        <f t="shared" si="188"/>
        <v>-79.5</v>
      </c>
      <c r="C90" s="73">
        <f>'p-y mono_clay'!C90</f>
        <v>64</v>
      </c>
      <c r="D90" s="64">
        <f>'p-y mono_clay'!D90</f>
        <v>63.989000000000004</v>
      </c>
      <c r="E90" s="64" t="str">
        <f>'p-y mono_clay'!E90</f>
        <v>SAND</v>
      </c>
      <c r="F90" s="55">
        <f>VLOOKUP($C90, 'Pile Property'!$A$8:$D$108,2,TRUE)</f>
        <v>2</v>
      </c>
      <c r="G90" s="102" t="e">
        <f>'p-y mono_clay'!Z90</f>
        <v>#N/A</v>
      </c>
      <c r="H90" s="201">
        <f>'p-y mono_clay'!AM90</f>
        <v>0</v>
      </c>
      <c r="I90" s="202" t="e">
        <f>'p-y mono_clay'!AN90</f>
        <v>#N/A</v>
      </c>
      <c r="J90" s="202" t="e">
        <f>'p-y mono_clay'!AO90</f>
        <v>#N/A</v>
      </c>
      <c r="K90" s="202" t="e">
        <f>'p-y mono_clay'!AP90</f>
        <v>#N/A</v>
      </c>
      <c r="L90" s="202" t="e">
        <f>'p-y mono_clay'!AQ90</f>
        <v>#N/A</v>
      </c>
      <c r="M90" s="202" t="e">
        <f>'p-y mono_clay'!AR90</f>
        <v>#N/A</v>
      </c>
      <c r="N90" s="202" t="e">
        <f>'p-y mono_clay'!AS90</f>
        <v>#N/A</v>
      </c>
      <c r="O90" s="202" t="e">
        <f>'p-y mono_clay'!AT90</f>
        <v>#N/A</v>
      </c>
      <c r="P90" s="202" t="e">
        <f>'p-y mono_clay'!AU90</f>
        <v>#N/A</v>
      </c>
      <c r="Q90" s="202" t="e">
        <f>'p-y mono_clay'!AV90</f>
        <v>#N/A</v>
      </c>
      <c r="R90" s="202" t="e">
        <f>'p-y mono_clay'!AW90</f>
        <v>#N/A</v>
      </c>
      <c r="S90" s="202" t="e">
        <f>'p-y mono_clay'!AX90</f>
        <v>#N/A</v>
      </c>
      <c r="T90" s="203">
        <f>'p-y mono_clay'!AY90</f>
        <v>6000</v>
      </c>
      <c r="U90" s="201">
        <f>'p-y mono_clay'!AZ90</f>
        <v>8</v>
      </c>
      <c r="V90" s="202" t="e">
        <f>'p-y mono_clay'!BA90</f>
        <v>#N/A</v>
      </c>
      <c r="W90" s="202" t="e">
        <f>'p-y mono_clay'!BB90</f>
        <v>#N/A</v>
      </c>
      <c r="X90" s="202" t="e">
        <f>'p-y mono_clay'!BC90</f>
        <v>#N/A</v>
      </c>
      <c r="Y90" s="202" t="e">
        <f>'p-y mono_clay'!BD90</f>
        <v>#N/A</v>
      </c>
      <c r="Z90" s="202" t="e">
        <f>'p-y mono_clay'!BE90</f>
        <v>#N/A</v>
      </c>
      <c r="AA90" s="202" t="e">
        <f>'p-y mono_clay'!BF90</f>
        <v>#N/A</v>
      </c>
      <c r="AB90" s="202" t="e">
        <f>'p-y mono_clay'!BG90</f>
        <v>#N/A</v>
      </c>
      <c r="AC90" s="202" t="e">
        <f>'p-y mono_clay'!BH90</f>
        <v>#N/A</v>
      </c>
      <c r="AD90" s="202" t="e">
        <f>'p-y mono_clay'!BI90</f>
        <v>#N/A</v>
      </c>
      <c r="AE90" s="202" t="e">
        <f>'p-y mono_clay'!BJ90</f>
        <v>#N/A</v>
      </c>
      <c r="AF90" s="202" t="e">
        <f>'p-y mono_clay'!BK90</f>
        <v>#N/A</v>
      </c>
      <c r="AG90" s="203" t="e">
        <f>'p-y mono_clay'!BL90</f>
        <v>#N/A</v>
      </c>
      <c r="AH90">
        <f t="shared" si="413"/>
        <v>30</v>
      </c>
      <c r="AI90">
        <v>0</v>
      </c>
      <c r="AJ90" t="e">
        <f t="shared" si="414"/>
        <v>#N/A</v>
      </c>
      <c r="AK90" t="e">
        <f t="shared" si="415"/>
        <v>#N/A</v>
      </c>
      <c r="AL90" t="e">
        <f t="shared" si="416"/>
        <v>#N/A</v>
      </c>
      <c r="AM90" t="e">
        <f t="shared" si="417"/>
        <v>#N/A</v>
      </c>
      <c r="AN90" t="e">
        <f t="shared" si="418"/>
        <v>#N/A</v>
      </c>
      <c r="AO90" t="e">
        <f t="shared" si="419"/>
        <v>#N/A</v>
      </c>
      <c r="AP90" t="e">
        <f t="shared" si="420"/>
        <v>#N/A</v>
      </c>
      <c r="AQ90" t="e">
        <f t="shared" si="421"/>
        <v>#N/A</v>
      </c>
      <c r="AR90" t="e">
        <f t="shared" si="422"/>
        <v>#N/A</v>
      </c>
      <c r="AS90" t="e">
        <f t="shared" si="423"/>
        <v>#N/A</v>
      </c>
      <c r="AT90" t="e">
        <f t="shared" si="424"/>
        <v>#N/A</v>
      </c>
      <c r="AU90" t="e">
        <f t="shared" si="425"/>
        <v>#N/A</v>
      </c>
      <c r="AV90">
        <v>1</v>
      </c>
      <c r="AW90">
        <v>1.25</v>
      </c>
      <c r="AX90">
        <v>2.5</v>
      </c>
      <c r="AY90" s="162">
        <f t="shared" si="426"/>
        <v>2</v>
      </c>
      <c r="AZ90" s="162" t="e">
        <f t="shared" si="427"/>
        <v>#N/A</v>
      </c>
      <c r="BA90" s="162" t="e">
        <f t="shared" si="428"/>
        <v>#N/A</v>
      </c>
      <c r="BB90" s="162" t="e">
        <f t="shared" si="429"/>
        <v>#N/A</v>
      </c>
      <c r="BC90" s="162" t="e">
        <f t="shared" si="430"/>
        <v>#N/A</v>
      </c>
      <c r="BD90" s="162" t="e">
        <f t="shared" si="431"/>
        <v>#N/A</v>
      </c>
      <c r="BE90" s="162" t="e">
        <f t="shared" si="432"/>
        <v>#N/A</v>
      </c>
      <c r="BF90" s="162" t="e">
        <f t="shared" si="433"/>
        <v>#N/A</v>
      </c>
      <c r="BG90" s="162" t="e">
        <f t="shared" si="434"/>
        <v>#N/A</v>
      </c>
      <c r="BH90" s="162" t="e">
        <f t="shared" si="435"/>
        <v>#N/A</v>
      </c>
      <c r="BI90" s="162" t="e">
        <f t="shared" si="436"/>
        <v>#N/A</v>
      </c>
      <c r="BJ90" s="162" t="e">
        <f t="shared" si="437"/>
        <v>#N/A</v>
      </c>
      <c r="BK90" s="162" t="e">
        <f t="shared" si="438"/>
        <v>#N/A</v>
      </c>
      <c r="BL90" s="162">
        <f t="shared" si="439"/>
        <v>2.3784142300054421</v>
      </c>
      <c r="BM90" s="162" t="e">
        <f t="shared" si="440"/>
        <v>#N/A</v>
      </c>
      <c r="BN90" s="162" t="e">
        <f t="shared" si="441"/>
        <v>#N/A</v>
      </c>
      <c r="BO90" s="162" t="e">
        <f t="shared" si="442"/>
        <v>#N/A</v>
      </c>
      <c r="BP90" s="162" t="e">
        <f t="shared" si="443"/>
        <v>#N/A</v>
      </c>
      <c r="BQ90" s="162" t="e">
        <f t="shared" si="444"/>
        <v>#N/A</v>
      </c>
      <c r="BR90" s="162" t="e">
        <f t="shared" si="445"/>
        <v>#N/A</v>
      </c>
      <c r="BS90" s="162" t="e">
        <f t="shared" si="446"/>
        <v>#N/A</v>
      </c>
      <c r="BT90" s="162" t="e">
        <f t="shared" si="447"/>
        <v>#N/A</v>
      </c>
      <c r="BU90" s="162" t="e">
        <f t="shared" si="448"/>
        <v>#N/A</v>
      </c>
      <c r="BV90" s="162" t="e">
        <f t="shared" si="449"/>
        <v>#N/A</v>
      </c>
      <c r="BW90" s="162" t="e">
        <f t="shared" si="450"/>
        <v>#N/A</v>
      </c>
      <c r="BX90" s="162" t="e">
        <f t="shared" si="451"/>
        <v>#N/A</v>
      </c>
      <c r="BY90" s="162">
        <f t="shared" si="452"/>
        <v>5.6568542494923806</v>
      </c>
      <c r="BZ90" s="162" t="e">
        <f t="shared" si="453"/>
        <v>#N/A</v>
      </c>
      <c r="CA90" s="162" t="e">
        <f t="shared" si="454"/>
        <v>#N/A</v>
      </c>
      <c r="CB90" s="162" t="e">
        <f t="shared" si="455"/>
        <v>#N/A</v>
      </c>
      <c r="CC90" s="162" t="e">
        <f t="shared" si="456"/>
        <v>#N/A</v>
      </c>
      <c r="CD90" s="162" t="e">
        <f t="shared" si="457"/>
        <v>#N/A</v>
      </c>
      <c r="CE90" s="162" t="e">
        <f t="shared" si="458"/>
        <v>#N/A</v>
      </c>
      <c r="CF90" s="162" t="e">
        <f t="shared" si="459"/>
        <v>#N/A</v>
      </c>
      <c r="CG90" s="162" t="e">
        <f t="shared" si="460"/>
        <v>#N/A</v>
      </c>
      <c r="CH90" s="162" t="e">
        <f t="shared" si="461"/>
        <v>#N/A</v>
      </c>
      <c r="CI90" s="162" t="e">
        <f t="shared" si="462"/>
        <v>#N/A</v>
      </c>
      <c r="CJ90" s="162" t="e">
        <f t="shared" si="463"/>
        <v>#N/A</v>
      </c>
      <c r="CK90" s="162" t="e">
        <f t="shared" si="464"/>
        <v>#N/A</v>
      </c>
      <c r="CL90">
        <f t="shared" si="465"/>
        <v>1.3729593947216077</v>
      </c>
      <c r="CM90" t="e">
        <f t="shared" si="466"/>
        <v>#N/A</v>
      </c>
      <c r="CN90" t="e">
        <f t="shared" si="467"/>
        <v>#N/A</v>
      </c>
      <c r="CO90" t="e">
        <f t="shared" si="468"/>
        <v>#N/A</v>
      </c>
      <c r="CP90" t="e">
        <f t="shared" si="469"/>
        <v>#N/A</v>
      </c>
      <c r="CQ90" t="e">
        <f t="shared" si="470"/>
        <v>#N/A</v>
      </c>
      <c r="CR90" t="e">
        <f t="shared" si="471"/>
        <v>#N/A</v>
      </c>
      <c r="CS90" t="e">
        <f t="shared" si="472"/>
        <v>#N/A</v>
      </c>
      <c r="CT90" t="e">
        <f t="shared" si="473"/>
        <v>#N/A</v>
      </c>
      <c r="CU90" t="e">
        <f t="shared" si="474"/>
        <v>#N/A</v>
      </c>
      <c r="CV90" t="e">
        <f t="shared" si="475"/>
        <v>#N/A</v>
      </c>
      <c r="CW90" t="e">
        <f t="shared" si="476"/>
        <v>#N/A</v>
      </c>
      <c r="CX90" s="98" t="e">
        <f t="shared" si="477"/>
        <v>#N/A</v>
      </c>
      <c r="CY90">
        <f t="shared" si="478"/>
        <v>1.1029593947216076</v>
      </c>
      <c r="CZ90" t="e">
        <f t="shared" si="479"/>
        <v>#N/A</v>
      </c>
      <c r="DA90" t="e">
        <f t="shared" si="480"/>
        <v>#N/A</v>
      </c>
      <c r="DB90" t="e">
        <f t="shared" si="481"/>
        <v>#N/A</v>
      </c>
      <c r="DC90" t="e">
        <f t="shared" si="482"/>
        <v>#N/A</v>
      </c>
      <c r="DD90" t="e">
        <f t="shared" si="483"/>
        <v>#N/A</v>
      </c>
      <c r="DE90" t="e">
        <f t="shared" si="484"/>
        <v>#N/A</v>
      </c>
      <c r="DF90" t="e">
        <f t="shared" si="485"/>
        <v>#N/A</v>
      </c>
      <c r="DG90" t="e">
        <f t="shared" si="486"/>
        <v>#N/A</v>
      </c>
      <c r="DH90" t="e">
        <f t="shared" si="487"/>
        <v>#N/A</v>
      </c>
      <c r="DI90" t="e">
        <f t="shared" si="488"/>
        <v>#N/A</v>
      </c>
      <c r="DJ90" t="e">
        <f t="shared" si="489"/>
        <v>#N/A</v>
      </c>
      <c r="DK90" t="e">
        <f t="shared" si="490"/>
        <v>#N/A</v>
      </c>
      <c r="DL90" s="97">
        <f t="shared" si="491"/>
        <v>1.5000349036450102</v>
      </c>
      <c r="DM90" t="e">
        <f t="shared" si="492"/>
        <v>#N/A</v>
      </c>
      <c r="DN90" t="e">
        <f t="shared" si="493"/>
        <v>#N/A</v>
      </c>
      <c r="DO90" t="e">
        <f t="shared" si="494"/>
        <v>#N/A</v>
      </c>
      <c r="DP90" t="e">
        <f t="shared" si="495"/>
        <v>#N/A</v>
      </c>
      <c r="DQ90" t="e">
        <f t="shared" si="496"/>
        <v>#N/A</v>
      </c>
      <c r="DR90" t="e">
        <f t="shared" si="497"/>
        <v>#N/A</v>
      </c>
      <c r="DS90" t="e">
        <f t="shared" si="498"/>
        <v>#N/A</v>
      </c>
      <c r="DT90" t="e">
        <f t="shared" si="499"/>
        <v>#N/A</v>
      </c>
      <c r="DU90" t="e">
        <f t="shared" si="500"/>
        <v>#N/A</v>
      </c>
      <c r="DV90" t="e">
        <f t="shared" si="501"/>
        <v>#N/A</v>
      </c>
      <c r="DW90" t="e">
        <f t="shared" si="502"/>
        <v>#N/A</v>
      </c>
      <c r="DX90" s="98" t="e">
        <f t="shared" si="503"/>
        <v>#N/A</v>
      </c>
      <c r="DY90">
        <f t="shared" si="504"/>
        <v>1.0527062241310117</v>
      </c>
      <c r="DZ90" t="e">
        <f t="shared" si="505"/>
        <v>#N/A</v>
      </c>
      <c r="EA90" t="e">
        <f t="shared" si="506"/>
        <v>#N/A</v>
      </c>
      <c r="EB90" t="e">
        <f t="shared" si="507"/>
        <v>#N/A</v>
      </c>
      <c r="EC90" t="e">
        <f t="shared" si="508"/>
        <v>#N/A</v>
      </c>
      <c r="ED90" t="e">
        <f t="shared" si="509"/>
        <v>#N/A</v>
      </c>
      <c r="EE90" t="e">
        <f t="shared" si="510"/>
        <v>#N/A</v>
      </c>
      <c r="EF90" t="e">
        <f t="shared" si="511"/>
        <v>#N/A</v>
      </c>
      <c r="EG90" t="e">
        <f t="shared" si="512"/>
        <v>#N/A</v>
      </c>
      <c r="EH90" t="e">
        <f t="shared" si="513"/>
        <v>#N/A</v>
      </c>
      <c r="EI90" t="e">
        <f t="shared" si="514"/>
        <v>#N/A</v>
      </c>
      <c r="EJ90" t="e">
        <f t="shared" si="515"/>
        <v>#N/A</v>
      </c>
      <c r="EK90" t="e">
        <f t="shared" si="516"/>
        <v>#N/A</v>
      </c>
      <c r="EL90" s="97">
        <f t="shared" si="517"/>
        <v>1.1554124482620232</v>
      </c>
      <c r="EM90" t="e">
        <f t="shared" si="518"/>
        <v>#N/A</v>
      </c>
      <c r="EN90" t="e">
        <f t="shared" si="519"/>
        <v>#N/A</v>
      </c>
      <c r="EO90" t="e">
        <f t="shared" si="520"/>
        <v>#N/A</v>
      </c>
      <c r="EP90" t="e">
        <f t="shared" si="521"/>
        <v>#N/A</v>
      </c>
      <c r="EQ90" t="e">
        <f t="shared" si="522"/>
        <v>#N/A</v>
      </c>
      <c r="ER90" t="e">
        <f t="shared" si="523"/>
        <v>#N/A</v>
      </c>
      <c r="ES90" t="e">
        <f t="shared" si="524"/>
        <v>#N/A</v>
      </c>
      <c r="ET90" t="e">
        <f t="shared" si="525"/>
        <v>#N/A</v>
      </c>
      <c r="EU90" t="e">
        <f t="shared" si="526"/>
        <v>#N/A</v>
      </c>
      <c r="EV90" t="e">
        <f t="shared" si="527"/>
        <v>#N/A</v>
      </c>
      <c r="EW90" t="e">
        <f t="shared" si="528"/>
        <v>#N/A</v>
      </c>
      <c r="EX90" s="98" t="e">
        <f t="shared" si="529"/>
        <v>#N/A</v>
      </c>
      <c r="EY90" s="97">
        <f t="shared" si="530"/>
        <v>0.90541244826202316</v>
      </c>
      <c r="EZ90" t="e">
        <f t="shared" si="531"/>
        <v>#N/A</v>
      </c>
      <c r="FA90" t="e">
        <f t="shared" si="532"/>
        <v>#N/A</v>
      </c>
      <c r="FB90" t="e">
        <f t="shared" si="533"/>
        <v>#N/A</v>
      </c>
      <c r="FC90" t="e">
        <f t="shared" si="534"/>
        <v>#N/A</v>
      </c>
      <c r="FD90" t="e">
        <f t="shared" si="535"/>
        <v>#N/A</v>
      </c>
      <c r="FE90" t="e">
        <f t="shared" si="536"/>
        <v>#N/A</v>
      </c>
      <c r="FF90" t="e">
        <f t="shared" si="537"/>
        <v>#N/A</v>
      </c>
      <c r="FG90" t="e">
        <f t="shared" si="538"/>
        <v>#N/A</v>
      </c>
      <c r="FH90" t="e">
        <f t="shared" si="539"/>
        <v>#N/A</v>
      </c>
      <c r="FI90" t="e">
        <f t="shared" si="540"/>
        <v>#N/A</v>
      </c>
      <c r="FJ90" t="e">
        <f t="shared" si="541"/>
        <v>#N/A</v>
      </c>
      <c r="FK90" t="e">
        <f t="shared" si="542"/>
        <v>#N/A</v>
      </c>
      <c r="FL90" s="126">
        <f t="shared" si="543"/>
        <v>10.983675157772861</v>
      </c>
      <c r="FM90" s="91" t="e">
        <f t="shared" si="544"/>
        <v>#N/A</v>
      </c>
      <c r="FN90" s="91" t="e">
        <f t="shared" si="545"/>
        <v>#N/A</v>
      </c>
      <c r="FO90" s="91" t="e">
        <f t="shared" si="546"/>
        <v>#N/A</v>
      </c>
      <c r="FP90" s="91" t="e">
        <f t="shared" si="547"/>
        <v>#N/A</v>
      </c>
      <c r="FQ90" s="91" t="e">
        <f t="shared" si="548"/>
        <v>#N/A</v>
      </c>
      <c r="FR90" s="91" t="e">
        <f t="shared" si="549"/>
        <v>#N/A</v>
      </c>
      <c r="FS90" s="91" t="e">
        <f t="shared" si="550"/>
        <v>#N/A</v>
      </c>
      <c r="FT90" s="91" t="e">
        <f t="shared" si="551"/>
        <v>#N/A</v>
      </c>
      <c r="FU90" s="91" t="e">
        <f t="shared" si="552"/>
        <v>#N/A</v>
      </c>
      <c r="FV90" s="91" t="e">
        <f t="shared" si="553"/>
        <v>#N/A</v>
      </c>
      <c r="FW90" s="91" t="e">
        <f t="shared" si="554"/>
        <v>#N/A</v>
      </c>
      <c r="FX90" s="91" t="e">
        <f t="shared" si="555"/>
        <v>#N/A</v>
      </c>
      <c r="FY90" s="91">
        <f t="shared" si="556"/>
        <v>0</v>
      </c>
      <c r="FZ90" s="91" t="e">
        <f t="shared" si="557"/>
        <v>#N/A</v>
      </c>
      <c r="GA90" s="91" t="e">
        <f t="shared" si="558"/>
        <v>#N/A</v>
      </c>
      <c r="GB90" s="91" t="e">
        <f t="shared" si="559"/>
        <v>#N/A</v>
      </c>
      <c r="GC90" s="91" t="e">
        <f t="shared" si="560"/>
        <v>#N/A</v>
      </c>
      <c r="GD90" s="91" t="e">
        <f t="shared" si="561"/>
        <v>#N/A</v>
      </c>
      <c r="GE90" s="91" t="e">
        <f t="shared" si="562"/>
        <v>#N/A</v>
      </c>
      <c r="GF90" s="91" t="e">
        <f t="shared" si="563"/>
        <v>#N/A</v>
      </c>
      <c r="GG90" s="91" t="e">
        <f t="shared" si="564"/>
        <v>#N/A</v>
      </c>
      <c r="GH90" s="91" t="e">
        <f t="shared" si="565"/>
        <v>#N/A</v>
      </c>
      <c r="GI90" s="91" t="e">
        <f t="shared" si="566"/>
        <v>#N/A</v>
      </c>
      <c r="GJ90" s="91" t="e">
        <f t="shared" si="567"/>
        <v>#N/A</v>
      </c>
      <c r="GK90" s="127" t="e">
        <f t="shared" si="568"/>
        <v>#N/A</v>
      </c>
      <c r="GL90" s="126">
        <f t="shared" si="569"/>
        <v>12.000279229160082</v>
      </c>
      <c r="GM90" s="91" t="e">
        <f t="shared" si="570"/>
        <v>#N/A</v>
      </c>
      <c r="GN90" s="91" t="e">
        <f t="shared" si="571"/>
        <v>#N/A</v>
      </c>
      <c r="GO90" s="91" t="e">
        <f t="shared" si="572"/>
        <v>#N/A</v>
      </c>
      <c r="GP90" s="91" t="e">
        <f t="shared" si="573"/>
        <v>#N/A</v>
      </c>
      <c r="GQ90" s="91" t="e">
        <f t="shared" si="574"/>
        <v>#N/A</v>
      </c>
      <c r="GR90" s="91" t="e">
        <f t="shared" si="575"/>
        <v>#N/A</v>
      </c>
      <c r="GS90" s="91" t="e">
        <f t="shared" si="576"/>
        <v>#N/A</v>
      </c>
      <c r="GT90" s="91" t="e">
        <f t="shared" si="577"/>
        <v>#N/A</v>
      </c>
      <c r="GU90" s="91" t="e">
        <f t="shared" si="578"/>
        <v>#N/A</v>
      </c>
      <c r="GV90" s="91" t="e">
        <f t="shared" si="579"/>
        <v>#N/A</v>
      </c>
      <c r="GW90" s="91" t="e">
        <f t="shared" si="580"/>
        <v>#N/A</v>
      </c>
      <c r="GX90" s="91" t="e">
        <f t="shared" si="581"/>
        <v>#N/A</v>
      </c>
      <c r="GY90" s="91">
        <f t="shared" si="582"/>
        <v>0</v>
      </c>
      <c r="GZ90" s="91" t="e">
        <f t="shared" si="583"/>
        <v>#N/A</v>
      </c>
      <c r="HA90" s="91" t="e">
        <f t="shared" si="584"/>
        <v>#N/A</v>
      </c>
      <c r="HB90" s="91" t="e">
        <f t="shared" si="585"/>
        <v>#N/A</v>
      </c>
      <c r="HC90" s="91" t="e">
        <f t="shared" si="586"/>
        <v>#N/A</v>
      </c>
      <c r="HD90" s="91" t="e">
        <f t="shared" si="587"/>
        <v>#N/A</v>
      </c>
      <c r="HE90" s="91" t="e">
        <f t="shared" si="588"/>
        <v>#N/A</v>
      </c>
      <c r="HF90" s="91" t="e">
        <f t="shared" si="589"/>
        <v>#N/A</v>
      </c>
      <c r="HG90" s="91" t="e">
        <f t="shared" si="590"/>
        <v>#N/A</v>
      </c>
      <c r="HH90" s="91" t="e">
        <f t="shared" si="591"/>
        <v>#N/A</v>
      </c>
      <c r="HI90" s="91" t="e">
        <f t="shared" si="592"/>
        <v>#N/A</v>
      </c>
      <c r="HJ90" s="91" t="e">
        <f t="shared" si="593"/>
        <v>#N/A</v>
      </c>
      <c r="HK90" s="127" t="e">
        <f t="shared" si="594"/>
        <v>#N/A</v>
      </c>
      <c r="HL90" s="126">
        <f t="shared" si="595"/>
        <v>9.2432995860961853</v>
      </c>
      <c r="HM90" s="91" t="e">
        <f t="shared" si="596"/>
        <v>#N/A</v>
      </c>
      <c r="HN90" s="91" t="e">
        <f t="shared" si="597"/>
        <v>#N/A</v>
      </c>
      <c r="HO90" s="91" t="e">
        <f t="shared" si="598"/>
        <v>#N/A</v>
      </c>
      <c r="HP90" s="91" t="e">
        <f t="shared" si="599"/>
        <v>#N/A</v>
      </c>
      <c r="HQ90" s="91" t="e">
        <f t="shared" si="600"/>
        <v>#N/A</v>
      </c>
      <c r="HR90" s="91" t="e">
        <f t="shared" si="601"/>
        <v>#N/A</v>
      </c>
      <c r="HS90" s="91" t="e">
        <f t="shared" si="602"/>
        <v>#N/A</v>
      </c>
      <c r="HT90" s="91" t="e">
        <f t="shared" si="603"/>
        <v>#N/A</v>
      </c>
      <c r="HU90" s="91" t="e">
        <f t="shared" si="604"/>
        <v>#N/A</v>
      </c>
      <c r="HV90" s="91" t="e">
        <f t="shared" si="605"/>
        <v>#N/A</v>
      </c>
      <c r="HW90" s="91" t="e">
        <f t="shared" si="606"/>
        <v>#N/A</v>
      </c>
      <c r="HX90" s="91" t="e">
        <f t="shared" si="607"/>
        <v>#N/A</v>
      </c>
      <c r="HY90" s="91">
        <f t="shared" si="608"/>
        <v>0</v>
      </c>
      <c r="HZ90" s="91" t="e">
        <f t="shared" si="609"/>
        <v>#N/A</v>
      </c>
      <c r="IA90" s="91" t="e">
        <f t="shared" si="610"/>
        <v>#N/A</v>
      </c>
      <c r="IB90" s="91" t="e">
        <f t="shared" si="611"/>
        <v>#N/A</v>
      </c>
      <c r="IC90" s="91" t="e">
        <f t="shared" si="612"/>
        <v>#N/A</v>
      </c>
      <c r="ID90" s="91" t="e">
        <f t="shared" si="613"/>
        <v>#N/A</v>
      </c>
      <c r="IE90" s="91" t="e">
        <f t="shared" si="614"/>
        <v>#N/A</v>
      </c>
      <c r="IF90" s="91" t="e">
        <f t="shared" si="615"/>
        <v>#N/A</v>
      </c>
      <c r="IG90" s="91" t="e">
        <f t="shared" si="616"/>
        <v>#N/A</v>
      </c>
      <c r="IH90" s="91" t="e">
        <f t="shared" si="617"/>
        <v>#N/A</v>
      </c>
      <c r="II90" s="91" t="e">
        <f t="shared" si="618"/>
        <v>#N/A</v>
      </c>
      <c r="IJ90" s="91" t="e">
        <f t="shared" si="619"/>
        <v>#N/A</v>
      </c>
      <c r="IK90" s="127" t="e">
        <f t="shared" si="620"/>
        <v>#N/A</v>
      </c>
    </row>
    <row r="91" spans="2:245" x14ac:dyDescent="0.2">
      <c r="B91" s="79">
        <f t="shared" si="188"/>
        <v>-80.5</v>
      </c>
      <c r="C91" s="73">
        <f>'p-y mono_clay'!C91</f>
        <v>65</v>
      </c>
      <c r="D91" s="64">
        <f>'p-y mono_clay'!D91</f>
        <v>64.989999999999995</v>
      </c>
      <c r="E91" s="64" t="str">
        <f>'p-y mono_clay'!E91</f>
        <v>SAND</v>
      </c>
      <c r="F91" s="55">
        <f>VLOOKUP($C91, 'Pile Property'!$A$8:$D$108,2,TRUE)</f>
        <v>2</v>
      </c>
      <c r="G91" s="102" t="e">
        <f>'p-y mono_clay'!Z91</f>
        <v>#N/A</v>
      </c>
      <c r="H91" s="199">
        <f>'p-y mono_clay'!AM91</f>
        <v>0</v>
      </c>
      <c r="I91" s="55" t="e">
        <f>'p-y mono_clay'!AN91</f>
        <v>#N/A</v>
      </c>
      <c r="J91" s="55" t="e">
        <f>'p-y mono_clay'!AO91</f>
        <v>#N/A</v>
      </c>
      <c r="K91" s="55" t="e">
        <f>'p-y mono_clay'!AP91</f>
        <v>#N/A</v>
      </c>
      <c r="L91" s="55" t="e">
        <f>'p-y mono_clay'!AQ91</f>
        <v>#N/A</v>
      </c>
      <c r="M91" s="55" t="e">
        <f>'p-y mono_clay'!AR91</f>
        <v>#N/A</v>
      </c>
      <c r="N91" s="55" t="e">
        <f>'p-y mono_clay'!AS91</f>
        <v>#N/A</v>
      </c>
      <c r="O91" s="55" t="e">
        <f>'p-y mono_clay'!AT91</f>
        <v>#N/A</v>
      </c>
      <c r="P91" s="55" t="e">
        <f>'p-y mono_clay'!AU91</f>
        <v>#N/A</v>
      </c>
      <c r="Q91" s="55" t="e">
        <f>'p-y mono_clay'!AV91</f>
        <v>#N/A</v>
      </c>
      <c r="R91" s="55" t="e">
        <f>'p-y mono_clay'!AW91</f>
        <v>#N/A</v>
      </c>
      <c r="S91" s="55" t="e">
        <f>'p-y mono_clay'!AX91</f>
        <v>#N/A</v>
      </c>
      <c r="T91" s="200">
        <f>'p-y mono_clay'!AY91</f>
        <v>6000</v>
      </c>
      <c r="U91" s="199">
        <f>'p-y mono_clay'!AZ91</f>
        <v>9</v>
      </c>
      <c r="V91" s="55" t="e">
        <f>'p-y mono_clay'!BA91</f>
        <v>#N/A</v>
      </c>
      <c r="W91" s="55" t="e">
        <f>'p-y mono_clay'!BB91</f>
        <v>#N/A</v>
      </c>
      <c r="X91" s="55" t="e">
        <f>'p-y mono_clay'!BC91</f>
        <v>#N/A</v>
      </c>
      <c r="Y91" s="55" t="e">
        <f>'p-y mono_clay'!BD91</f>
        <v>#N/A</v>
      </c>
      <c r="Z91" s="55" t="e">
        <f>'p-y mono_clay'!BE91</f>
        <v>#N/A</v>
      </c>
      <c r="AA91" s="55" t="e">
        <f>'p-y mono_clay'!BF91</f>
        <v>#N/A</v>
      </c>
      <c r="AB91" s="55" t="e">
        <f>'p-y mono_clay'!BG91</f>
        <v>#N/A</v>
      </c>
      <c r="AC91" s="55" t="e">
        <f>'p-y mono_clay'!BH91</f>
        <v>#N/A</v>
      </c>
      <c r="AD91" s="55" t="e">
        <f>'p-y mono_clay'!BI91</f>
        <v>#N/A</v>
      </c>
      <c r="AE91" s="55" t="e">
        <f>'p-y mono_clay'!BJ91</f>
        <v>#N/A</v>
      </c>
      <c r="AF91" s="55" t="e">
        <f>'p-y mono_clay'!BK91</f>
        <v>#N/A</v>
      </c>
      <c r="AG91" s="200" t="e">
        <f>'p-y mono_clay'!BL91</f>
        <v>#N/A</v>
      </c>
      <c r="AH91">
        <f t="shared" si="413"/>
        <v>30</v>
      </c>
      <c r="AI91">
        <v>0</v>
      </c>
      <c r="AJ91" t="e">
        <f t="shared" si="414"/>
        <v>#N/A</v>
      </c>
      <c r="AK91" t="e">
        <f t="shared" si="415"/>
        <v>#N/A</v>
      </c>
      <c r="AL91" t="e">
        <f t="shared" si="416"/>
        <v>#N/A</v>
      </c>
      <c r="AM91" t="e">
        <f t="shared" si="417"/>
        <v>#N/A</v>
      </c>
      <c r="AN91" t="e">
        <f t="shared" si="418"/>
        <v>#N/A</v>
      </c>
      <c r="AO91" t="e">
        <f t="shared" si="419"/>
        <v>#N/A</v>
      </c>
      <c r="AP91" t="e">
        <f t="shared" si="420"/>
        <v>#N/A</v>
      </c>
      <c r="AQ91" t="e">
        <f t="shared" si="421"/>
        <v>#N/A</v>
      </c>
      <c r="AR91" t="e">
        <f t="shared" si="422"/>
        <v>#N/A</v>
      </c>
      <c r="AS91" t="e">
        <f t="shared" si="423"/>
        <v>#N/A</v>
      </c>
      <c r="AT91" t="e">
        <f t="shared" si="424"/>
        <v>#N/A</v>
      </c>
      <c r="AU91" t="e">
        <f t="shared" si="425"/>
        <v>#N/A</v>
      </c>
      <c r="AV91">
        <v>1</v>
      </c>
      <c r="AW91">
        <v>1.25</v>
      </c>
      <c r="AX91">
        <v>2.5</v>
      </c>
      <c r="AY91" s="162">
        <f t="shared" si="426"/>
        <v>2</v>
      </c>
      <c r="AZ91" s="162" t="e">
        <f t="shared" si="427"/>
        <v>#N/A</v>
      </c>
      <c r="BA91" s="162" t="e">
        <f t="shared" si="428"/>
        <v>#N/A</v>
      </c>
      <c r="BB91" s="162" t="e">
        <f t="shared" si="429"/>
        <v>#N/A</v>
      </c>
      <c r="BC91" s="162" t="e">
        <f t="shared" si="430"/>
        <v>#N/A</v>
      </c>
      <c r="BD91" s="162" t="e">
        <f t="shared" si="431"/>
        <v>#N/A</v>
      </c>
      <c r="BE91" s="162" t="e">
        <f t="shared" si="432"/>
        <v>#N/A</v>
      </c>
      <c r="BF91" s="162" t="e">
        <f t="shared" si="433"/>
        <v>#N/A</v>
      </c>
      <c r="BG91" s="162" t="e">
        <f t="shared" si="434"/>
        <v>#N/A</v>
      </c>
      <c r="BH91" s="162" t="e">
        <f t="shared" si="435"/>
        <v>#N/A</v>
      </c>
      <c r="BI91" s="162" t="e">
        <f t="shared" si="436"/>
        <v>#N/A</v>
      </c>
      <c r="BJ91" s="162" t="e">
        <f t="shared" si="437"/>
        <v>#N/A</v>
      </c>
      <c r="BK91" s="162" t="e">
        <f t="shared" si="438"/>
        <v>#N/A</v>
      </c>
      <c r="BL91" s="162">
        <f t="shared" si="439"/>
        <v>2.3784142300054421</v>
      </c>
      <c r="BM91" s="162" t="e">
        <f t="shared" si="440"/>
        <v>#N/A</v>
      </c>
      <c r="BN91" s="162" t="e">
        <f t="shared" si="441"/>
        <v>#N/A</v>
      </c>
      <c r="BO91" s="162" t="e">
        <f t="shared" si="442"/>
        <v>#N/A</v>
      </c>
      <c r="BP91" s="162" t="e">
        <f t="shared" si="443"/>
        <v>#N/A</v>
      </c>
      <c r="BQ91" s="162" t="e">
        <f t="shared" si="444"/>
        <v>#N/A</v>
      </c>
      <c r="BR91" s="162" t="e">
        <f t="shared" si="445"/>
        <v>#N/A</v>
      </c>
      <c r="BS91" s="162" t="e">
        <f t="shared" si="446"/>
        <v>#N/A</v>
      </c>
      <c r="BT91" s="162" t="e">
        <f t="shared" si="447"/>
        <v>#N/A</v>
      </c>
      <c r="BU91" s="162" t="e">
        <f t="shared" si="448"/>
        <v>#N/A</v>
      </c>
      <c r="BV91" s="162" t="e">
        <f t="shared" si="449"/>
        <v>#N/A</v>
      </c>
      <c r="BW91" s="162" t="e">
        <f t="shared" si="450"/>
        <v>#N/A</v>
      </c>
      <c r="BX91" s="162" t="e">
        <f t="shared" si="451"/>
        <v>#N/A</v>
      </c>
      <c r="BY91" s="162">
        <f t="shared" si="452"/>
        <v>5.6568542494923806</v>
      </c>
      <c r="BZ91" s="162" t="e">
        <f t="shared" si="453"/>
        <v>#N/A</v>
      </c>
      <c r="CA91" s="162" t="e">
        <f t="shared" si="454"/>
        <v>#N/A</v>
      </c>
      <c r="CB91" s="162" t="e">
        <f t="shared" si="455"/>
        <v>#N/A</v>
      </c>
      <c r="CC91" s="162" t="e">
        <f t="shared" si="456"/>
        <v>#N/A</v>
      </c>
      <c r="CD91" s="162" t="e">
        <f t="shared" si="457"/>
        <v>#N/A</v>
      </c>
      <c r="CE91" s="162" t="e">
        <f t="shared" si="458"/>
        <v>#N/A</v>
      </c>
      <c r="CF91" s="162" t="e">
        <f t="shared" si="459"/>
        <v>#N/A</v>
      </c>
      <c r="CG91" s="162" t="e">
        <f t="shared" si="460"/>
        <v>#N/A</v>
      </c>
      <c r="CH91" s="162" t="e">
        <f t="shared" si="461"/>
        <v>#N/A</v>
      </c>
      <c r="CI91" s="162" t="e">
        <f t="shared" si="462"/>
        <v>#N/A</v>
      </c>
      <c r="CJ91" s="162" t="e">
        <f t="shared" si="463"/>
        <v>#N/A</v>
      </c>
      <c r="CK91" s="162" t="e">
        <f t="shared" si="464"/>
        <v>#N/A</v>
      </c>
      <c r="CL91">
        <f t="shared" si="465"/>
        <v>1.3729593947216077</v>
      </c>
      <c r="CM91" t="e">
        <f t="shared" si="466"/>
        <v>#N/A</v>
      </c>
      <c r="CN91" t="e">
        <f t="shared" si="467"/>
        <v>#N/A</v>
      </c>
      <c r="CO91" t="e">
        <f t="shared" si="468"/>
        <v>#N/A</v>
      </c>
      <c r="CP91" t="e">
        <f t="shared" si="469"/>
        <v>#N/A</v>
      </c>
      <c r="CQ91" t="e">
        <f t="shared" si="470"/>
        <v>#N/A</v>
      </c>
      <c r="CR91" t="e">
        <f t="shared" si="471"/>
        <v>#N/A</v>
      </c>
      <c r="CS91" t="e">
        <f t="shared" si="472"/>
        <v>#N/A</v>
      </c>
      <c r="CT91" t="e">
        <f t="shared" si="473"/>
        <v>#N/A</v>
      </c>
      <c r="CU91" t="e">
        <f t="shared" si="474"/>
        <v>#N/A</v>
      </c>
      <c r="CV91" t="e">
        <f t="shared" si="475"/>
        <v>#N/A</v>
      </c>
      <c r="CW91" t="e">
        <f t="shared" si="476"/>
        <v>#N/A</v>
      </c>
      <c r="CX91" s="98" t="e">
        <f t="shared" si="477"/>
        <v>#N/A</v>
      </c>
      <c r="CY91">
        <f t="shared" si="478"/>
        <v>1.1029593947216076</v>
      </c>
      <c r="CZ91" t="e">
        <f t="shared" si="479"/>
        <v>#N/A</v>
      </c>
      <c r="DA91" t="e">
        <f t="shared" si="480"/>
        <v>#N/A</v>
      </c>
      <c r="DB91" t="e">
        <f t="shared" si="481"/>
        <v>#N/A</v>
      </c>
      <c r="DC91" t="e">
        <f t="shared" si="482"/>
        <v>#N/A</v>
      </c>
      <c r="DD91" t="e">
        <f t="shared" si="483"/>
        <v>#N/A</v>
      </c>
      <c r="DE91" t="e">
        <f t="shared" si="484"/>
        <v>#N/A</v>
      </c>
      <c r="DF91" t="e">
        <f t="shared" si="485"/>
        <v>#N/A</v>
      </c>
      <c r="DG91" t="e">
        <f t="shared" si="486"/>
        <v>#N/A</v>
      </c>
      <c r="DH91" t="e">
        <f t="shared" si="487"/>
        <v>#N/A</v>
      </c>
      <c r="DI91" t="e">
        <f t="shared" si="488"/>
        <v>#N/A</v>
      </c>
      <c r="DJ91" t="e">
        <f t="shared" si="489"/>
        <v>#N/A</v>
      </c>
      <c r="DK91" t="e">
        <f t="shared" si="490"/>
        <v>#N/A</v>
      </c>
      <c r="DL91" s="97">
        <f t="shared" si="491"/>
        <v>1.5000349036450102</v>
      </c>
      <c r="DM91" t="e">
        <f t="shared" si="492"/>
        <v>#N/A</v>
      </c>
      <c r="DN91" t="e">
        <f t="shared" si="493"/>
        <v>#N/A</v>
      </c>
      <c r="DO91" t="e">
        <f t="shared" si="494"/>
        <v>#N/A</v>
      </c>
      <c r="DP91" t="e">
        <f t="shared" si="495"/>
        <v>#N/A</v>
      </c>
      <c r="DQ91" t="e">
        <f t="shared" si="496"/>
        <v>#N/A</v>
      </c>
      <c r="DR91" t="e">
        <f t="shared" si="497"/>
        <v>#N/A</v>
      </c>
      <c r="DS91" t="e">
        <f t="shared" si="498"/>
        <v>#N/A</v>
      </c>
      <c r="DT91" t="e">
        <f t="shared" si="499"/>
        <v>#N/A</v>
      </c>
      <c r="DU91" t="e">
        <f t="shared" si="500"/>
        <v>#N/A</v>
      </c>
      <c r="DV91" t="e">
        <f t="shared" si="501"/>
        <v>#N/A</v>
      </c>
      <c r="DW91" t="e">
        <f t="shared" si="502"/>
        <v>#N/A</v>
      </c>
      <c r="DX91" s="98" t="e">
        <f t="shared" si="503"/>
        <v>#N/A</v>
      </c>
      <c r="DY91">
        <f t="shared" si="504"/>
        <v>1.0527062241310117</v>
      </c>
      <c r="DZ91" t="e">
        <f t="shared" si="505"/>
        <v>#N/A</v>
      </c>
      <c r="EA91" t="e">
        <f t="shared" si="506"/>
        <v>#N/A</v>
      </c>
      <c r="EB91" t="e">
        <f t="shared" si="507"/>
        <v>#N/A</v>
      </c>
      <c r="EC91" t="e">
        <f t="shared" si="508"/>
        <v>#N/A</v>
      </c>
      <c r="ED91" t="e">
        <f t="shared" si="509"/>
        <v>#N/A</v>
      </c>
      <c r="EE91" t="e">
        <f t="shared" si="510"/>
        <v>#N/A</v>
      </c>
      <c r="EF91" t="e">
        <f t="shared" si="511"/>
        <v>#N/A</v>
      </c>
      <c r="EG91" t="e">
        <f t="shared" si="512"/>
        <v>#N/A</v>
      </c>
      <c r="EH91" t="e">
        <f t="shared" si="513"/>
        <v>#N/A</v>
      </c>
      <c r="EI91" t="e">
        <f t="shared" si="514"/>
        <v>#N/A</v>
      </c>
      <c r="EJ91" t="e">
        <f t="shared" si="515"/>
        <v>#N/A</v>
      </c>
      <c r="EK91" t="e">
        <f t="shared" si="516"/>
        <v>#N/A</v>
      </c>
      <c r="EL91" s="97">
        <f t="shared" si="517"/>
        <v>1.1554124482620232</v>
      </c>
      <c r="EM91" t="e">
        <f t="shared" si="518"/>
        <v>#N/A</v>
      </c>
      <c r="EN91" t="e">
        <f t="shared" si="519"/>
        <v>#N/A</v>
      </c>
      <c r="EO91" t="e">
        <f t="shared" si="520"/>
        <v>#N/A</v>
      </c>
      <c r="EP91" t="e">
        <f t="shared" si="521"/>
        <v>#N/A</v>
      </c>
      <c r="EQ91" t="e">
        <f t="shared" si="522"/>
        <v>#N/A</v>
      </c>
      <c r="ER91" t="e">
        <f t="shared" si="523"/>
        <v>#N/A</v>
      </c>
      <c r="ES91" t="e">
        <f t="shared" si="524"/>
        <v>#N/A</v>
      </c>
      <c r="ET91" t="e">
        <f t="shared" si="525"/>
        <v>#N/A</v>
      </c>
      <c r="EU91" t="e">
        <f t="shared" si="526"/>
        <v>#N/A</v>
      </c>
      <c r="EV91" t="e">
        <f t="shared" si="527"/>
        <v>#N/A</v>
      </c>
      <c r="EW91" t="e">
        <f t="shared" si="528"/>
        <v>#N/A</v>
      </c>
      <c r="EX91" s="98" t="e">
        <f t="shared" si="529"/>
        <v>#N/A</v>
      </c>
      <c r="EY91" s="97">
        <f t="shared" si="530"/>
        <v>0.90541244826202316</v>
      </c>
      <c r="EZ91" t="e">
        <f t="shared" si="531"/>
        <v>#N/A</v>
      </c>
      <c r="FA91" t="e">
        <f t="shared" si="532"/>
        <v>#N/A</v>
      </c>
      <c r="FB91" t="e">
        <f t="shared" si="533"/>
        <v>#N/A</v>
      </c>
      <c r="FC91" t="e">
        <f t="shared" si="534"/>
        <v>#N/A</v>
      </c>
      <c r="FD91" t="e">
        <f t="shared" si="535"/>
        <v>#N/A</v>
      </c>
      <c r="FE91" t="e">
        <f t="shared" si="536"/>
        <v>#N/A</v>
      </c>
      <c r="FF91" t="e">
        <f t="shared" si="537"/>
        <v>#N/A</v>
      </c>
      <c r="FG91" t="e">
        <f t="shared" si="538"/>
        <v>#N/A</v>
      </c>
      <c r="FH91" t="e">
        <f t="shared" si="539"/>
        <v>#N/A</v>
      </c>
      <c r="FI91" t="e">
        <f t="shared" si="540"/>
        <v>#N/A</v>
      </c>
      <c r="FJ91" t="e">
        <f t="shared" si="541"/>
        <v>#N/A</v>
      </c>
      <c r="FK91" t="e">
        <f t="shared" si="542"/>
        <v>#N/A</v>
      </c>
      <c r="FL91" s="126">
        <f t="shared" si="543"/>
        <v>12.356634552494469</v>
      </c>
      <c r="FM91" s="91" t="e">
        <f t="shared" si="544"/>
        <v>#N/A</v>
      </c>
      <c r="FN91" s="91" t="e">
        <f t="shared" si="545"/>
        <v>#N/A</v>
      </c>
      <c r="FO91" s="91" t="e">
        <f t="shared" si="546"/>
        <v>#N/A</v>
      </c>
      <c r="FP91" s="91" t="e">
        <f t="shared" si="547"/>
        <v>#N/A</v>
      </c>
      <c r="FQ91" s="91" t="e">
        <f t="shared" si="548"/>
        <v>#N/A</v>
      </c>
      <c r="FR91" s="91" t="e">
        <f t="shared" si="549"/>
        <v>#N/A</v>
      </c>
      <c r="FS91" s="91" t="e">
        <f t="shared" si="550"/>
        <v>#N/A</v>
      </c>
      <c r="FT91" s="91" t="e">
        <f t="shared" si="551"/>
        <v>#N/A</v>
      </c>
      <c r="FU91" s="91" t="e">
        <f t="shared" si="552"/>
        <v>#N/A</v>
      </c>
      <c r="FV91" s="91" t="e">
        <f t="shared" si="553"/>
        <v>#N/A</v>
      </c>
      <c r="FW91" s="91" t="e">
        <f t="shared" si="554"/>
        <v>#N/A</v>
      </c>
      <c r="FX91" s="91" t="e">
        <f t="shared" si="555"/>
        <v>#N/A</v>
      </c>
      <c r="FY91" s="91">
        <f t="shared" si="556"/>
        <v>0</v>
      </c>
      <c r="FZ91" s="91" t="e">
        <f t="shared" si="557"/>
        <v>#N/A</v>
      </c>
      <c r="GA91" s="91" t="e">
        <f t="shared" si="558"/>
        <v>#N/A</v>
      </c>
      <c r="GB91" s="91" t="e">
        <f t="shared" si="559"/>
        <v>#N/A</v>
      </c>
      <c r="GC91" s="91" t="e">
        <f t="shared" si="560"/>
        <v>#N/A</v>
      </c>
      <c r="GD91" s="91" t="e">
        <f t="shared" si="561"/>
        <v>#N/A</v>
      </c>
      <c r="GE91" s="91" t="e">
        <f t="shared" si="562"/>
        <v>#N/A</v>
      </c>
      <c r="GF91" s="91" t="e">
        <f t="shared" si="563"/>
        <v>#N/A</v>
      </c>
      <c r="GG91" s="91" t="e">
        <f t="shared" si="564"/>
        <v>#N/A</v>
      </c>
      <c r="GH91" s="91" t="e">
        <f t="shared" si="565"/>
        <v>#N/A</v>
      </c>
      <c r="GI91" s="91" t="e">
        <f t="shared" si="566"/>
        <v>#N/A</v>
      </c>
      <c r="GJ91" s="91" t="e">
        <f t="shared" si="567"/>
        <v>#N/A</v>
      </c>
      <c r="GK91" s="127" t="e">
        <f t="shared" si="568"/>
        <v>#N/A</v>
      </c>
      <c r="GL91" s="126">
        <f t="shared" si="569"/>
        <v>13.500314132805093</v>
      </c>
      <c r="GM91" s="91" t="e">
        <f t="shared" si="570"/>
        <v>#N/A</v>
      </c>
      <c r="GN91" s="91" t="e">
        <f t="shared" si="571"/>
        <v>#N/A</v>
      </c>
      <c r="GO91" s="91" t="e">
        <f t="shared" si="572"/>
        <v>#N/A</v>
      </c>
      <c r="GP91" s="91" t="e">
        <f t="shared" si="573"/>
        <v>#N/A</v>
      </c>
      <c r="GQ91" s="91" t="e">
        <f t="shared" si="574"/>
        <v>#N/A</v>
      </c>
      <c r="GR91" s="91" t="e">
        <f t="shared" si="575"/>
        <v>#N/A</v>
      </c>
      <c r="GS91" s="91" t="e">
        <f t="shared" si="576"/>
        <v>#N/A</v>
      </c>
      <c r="GT91" s="91" t="e">
        <f t="shared" si="577"/>
        <v>#N/A</v>
      </c>
      <c r="GU91" s="91" t="e">
        <f t="shared" si="578"/>
        <v>#N/A</v>
      </c>
      <c r="GV91" s="91" t="e">
        <f t="shared" si="579"/>
        <v>#N/A</v>
      </c>
      <c r="GW91" s="91" t="e">
        <f t="shared" si="580"/>
        <v>#N/A</v>
      </c>
      <c r="GX91" s="91" t="e">
        <f t="shared" si="581"/>
        <v>#N/A</v>
      </c>
      <c r="GY91" s="91">
        <f t="shared" si="582"/>
        <v>0</v>
      </c>
      <c r="GZ91" s="91" t="e">
        <f t="shared" si="583"/>
        <v>#N/A</v>
      </c>
      <c r="HA91" s="91" t="e">
        <f t="shared" si="584"/>
        <v>#N/A</v>
      </c>
      <c r="HB91" s="91" t="e">
        <f t="shared" si="585"/>
        <v>#N/A</v>
      </c>
      <c r="HC91" s="91" t="e">
        <f t="shared" si="586"/>
        <v>#N/A</v>
      </c>
      <c r="HD91" s="91" t="e">
        <f t="shared" si="587"/>
        <v>#N/A</v>
      </c>
      <c r="HE91" s="91" t="e">
        <f t="shared" si="588"/>
        <v>#N/A</v>
      </c>
      <c r="HF91" s="91" t="e">
        <f t="shared" si="589"/>
        <v>#N/A</v>
      </c>
      <c r="HG91" s="91" t="e">
        <f t="shared" si="590"/>
        <v>#N/A</v>
      </c>
      <c r="HH91" s="91" t="e">
        <f t="shared" si="591"/>
        <v>#N/A</v>
      </c>
      <c r="HI91" s="91" t="e">
        <f t="shared" si="592"/>
        <v>#N/A</v>
      </c>
      <c r="HJ91" s="91" t="e">
        <f t="shared" si="593"/>
        <v>#N/A</v>
      </c>
      <c r="HK91" s="127" t="e">
        <f t="shared" si="594"/>
        <v>#N/A</v>
      </c>
      <c r="HL91" s="126">
        <f t="shared" si="595"/>
        <v>10.398712034358208</v>
      </c>
      <c r="HM91" s="91" t="e">
        <f t="shared" si="596"/>
        <v>#N/A</v>
      </c>
      <c r="HN91" s="91" t="e">
        <f t="shared" si="597"/>
        <v>#N/A</v>
      </c>
      <c r="HO91" s="91" t="e">
        <f t="shared" si="598"/>
        <v>#N/A</v>
      </c>
      <c r="HP91" s="91" t="e">
        <f t="shared" si="599"/>
        <v>#N/A</v>
      </c>
      <c r="HQ91" s="91" t="e">
        <f t="shared" si="600"/>
        <v>#N/A</v>
      </c>
      <c r="HR91" s="91" t="e">
        <f t="shared" si="601"/>
        <v>#N/A</v>
      </c>
      <c r="HS91" s="91" t="e">
        <f t="shared" si="602"/>
        <v>#N/A</v>
      </c>
      <c r="HT91" s="91" t="e">
        <f t="shared" si="603"/>
        <v>#N/A</v>
      </c>
      <c r="HU91" s="91" t="e">
        <f t="shared" si="604"/>
        <v>#N/A</v>
      </c>
      <c r="HV91" s="91" t="e">
        <f t="shared" si="605"/>
        <v>#N/A</v>
      </c>
      <c r="HW91" s="91" t="e">
        <f t="shared" si="606"/>
        <v>#N/A</v>
      </c>
      <c r="HX91" s="91" t="e">
        <f t="shared" si="607"/>
        <v>#N/A</v>
      </c>
      <c r="HY91" s="91">
        <f t="shared" si="608"/>
        <v>0</v>
      </c>
      <c r="HZ91" s="91" t="e">
        <f t="shared" si="609"/>
        <v>#N/A</v>
      </c>
      <c r="IA91" s="91" t="e">
        <f t="shared" si="610"/>
        <v>#N/A</v>
      </c>
      <c r="IB91" s="91" t="e">
        <f t="shared" si="611"/>
        <v>#N/A</v>
      </c>
      <c r="IC91" s="91" t="e">
        <f t="shared" si="612"/>
        <v>#N/A</v>
      </c>
      <c r="ID91" s="91" t="e">
        <f t="shared" si="613"/>
        <v>#N/A</v>
      </c>
      <c r="IE91" s="91" t="e">
        <f t="shared" si="614"/>
        <v>#N/A</v>
      </c>
      <c r="IF91" s="91" t="e">
        <f t="shared" si="615"/>
        <v>#N/A</v>
      </c>
      <c r="IG91" s="91" t="e">
        <f t="shared" si="616"/>
        <v>#N/A</v>
      </c>
      <c r="IH91" s="91" t="e">
        <f t="shared" si="617"/>
        <v>#N/A</v>
      </c>
      <c r="II91" s="91" t="e">
        <f t="shared" si="618"/>
        <v>#N/A</v>
      </c>
      <c r="IJ91" s="91" t="e">
        <f t="shared" si="619"/>
        <v>#N/A</v>
      </c>
      <c r="IK91" s="127" t="e">
        <f t="shared" si="620"/>
        <v>#N/A</v>
      </c>
    </row>
    <row r="92" spans="2:245" ht="13.5" thickBot="1" x14ac:dyDescent="0.25">
      <c r="B92" s="79">
        <f t="shared" ref="B92:B100" si="621">$B$26 - $C92</f>
        <v>-81.5</v>
      </c>
      <c r="C92" s="73">
        <f>'p-y mono_clay'!C92</f>
        <v>66</v>
      </c>
      <c r="D92" s="64">
        <f>'p-y mono_clay'!D92</f>
        <v>65.988</v>
      </c>
      <c r="E92" s="64" t="str">
        <f>'p-y mono_clay'!E92</f>
        <v>SAND</v>
      </c>
      <c r="F92" s="55">
        <f>VLOOKUP($C92, 'Pile Property'!$A$8:$D$108,2,TRUE)</f>
        <v>2</v>
      </c>
      <c r="G92" s="102" t="e">
        <f>'p-y mono_clay'!Z92</f>
        <v>#N/A</v>
      </c>
      <c r="H92" s="201">
        <f>'p-y mono_clay'!AM92</f>
        <v>0</v>
      </c>
      <c r="I92" s="202" t="e">
        <f>'p-y mono_clay'!AN92</f>
        <v>#N/A</v>
      </c>
      <c r="J92" s="202" t="e">
        <f>'p-y mono_clay'!AO92</f>
        <v>#N/A</v>
      </c>
      <c r="K92" s="202" t="e">
        <f>'p-y mono_clay'!AP92</f>
        <v>#N/A</v>
      </c>
      <c r="L92" s="202" t="e">
        <f>'p-y mono_clay'!AQ92</f>
        <v>#N/A</v>
      </c>
      <c r="M92" s="202" t="e">
        <f>'p-y mono_clay'!AR92</f>
        <v>#N/A</v>
      </c>
      <c r="N92" s="202" t="e">
        <f>'p-y mono_clay'!AS92</f>
        <v>#N/A</v>
      </c>
      <c r="O92" s="202" t="e">
        <f>'p-y mono_clay'!AT92</f>
        <v>#N/A</v>
      </c>
      <c r="P92" s="202" t="e">
        <f>'p-y mono_clay'!AU92</f>
        <v>#N/A</v>
      </c>
      <c r="Q92" s="202" t="e">
        <f>'p-y mono_clay'!AV92</f>
        <v>#N/A</v>
      </c>
      <c r="R92" s="202" t="e">
        <f>'p-y mono_clay'!AW92</f>
        <v>#N/A</v>
      </c>
      <c r="S92" s="202" t="e">
        <f>'p-y mono_clay'!AX92</f>
        <v>#N/A</v>
      </c>
      <c r="T92" s="203">
        <f>'p-y mono_clay'!AY92</f>
        <v>6000</v>
      </c>
      <c r="U92" s="201">
        <f>'p-y mono_clay'!AZ92</f>
        <v>10</v>
      </c>
      <c r="V92" s="202" t="e">
        <f>'p-y mono_clay'!BA92</f>
        <v>#N/A</v>
      </c>
      <c r="W92" s="202" t="e">
        <f>'p-y mono_clay'!BB92</f>
        <v>#N/A</v>
      </c>
      <c r="X92" s="202" t="e">
        <f>'p-y mono_clay'!BC92</f>
        <v>#N/A</v>
      </c>
      <c r="Y92" s="202" t="e">
        <f>'p-y mono_clay'!BD92</f>
        <v>#N/A</v>
      </c>
      <c r="Z92" s="202" t="e">
        <f>'p-y mono_clay'!BE92</f>
        <v>#N/A</v>
      </c>
      <c r="AA92" s="202" t="e">
        <f>'p-y mono_clay'!BF92</f>
        <v>#N/A</v>
      </c>
      <c r="AB92" s="202" t="e">
        <f>'p-y mono_clay'!BG92</f>
        <v>#N/A</v>
      </c>
      <c r="AC92" s="202" t="e">
        <f>'p-y mono_clay'!BH92</f>
        <v>#N/A</v>
      </c>
      <c r="AD92" s="202" t="e">
        <f>'p-y mono_clay'!BI92</f>
        <v>#N/A</v>
      </c>
      <c r="AE92" s="202" t="e">
        <f>'p-y mono_clay'!BJ92</f>
        <v>#N/A</v>
      </c>
      <c r="AF92" s="202" t="e">
        <f>'p-y mono_clay'!BK92</f>
        <v>#N/A</v>
      </c>
      <c r="AG92" s="203" t="e">
        <f>'p-y mono_clay'!BL92</f>
        <v>#N/A</v>
      </c>
      <c r="AH92">
        <f t="shared" si="413"/>
        <v>30</v>
      </c>
      <c r="AI92">
        <v>0</v>
      </c>
      <c r="AJ92" t="e">
        <f t="shared" si="414"/>
        <v>#N/A</v>
      </c>
      <c r="AK92" t="e">
        <f t="shared" si="415"/>
        <v>#N/A</v>
      </c>
      <c r="AL92" t="e">
        <f t="shared" si="416"/>
        <v>#N/A</v>
      </c>
      <c r="AM92" t="e">
        <f t="shared" si="417"/>
        <v>#N/A</v>
      </c>
      <c r="AN92" t="e">
        <f t="shared" si="418"/>
        <v>#N/A</v>
      </c>
      <c r="AO92" t="e">
        <f t="shared" si="419"/>
        <v>#N/A</v>
      </c>
      <c r="AP92" t="e">
        <f t="shared" si="420"/>
        <v>#N/A</v>
      </c>
      <c r="AQ92" t="e">
        <f t="shared" si="421"/>
        <v>#N/A</v>
      </c>
      <c r="AR92" t="e">
        <f t="shared" si="422"/>
        <v>#N/A</v>
      </c>
      <c r="AS92" t="e">
        <f t="shared" si="423"/>
        <v>#N/A</v>
      </c>
      <c r="AT92" t="e">
        <f t="shared" si="424"/>
        <v>#N/A</v>
      </c>
      <c r="AU92" t="e">
        <f t="shared" si="425"/>
        <v>#N/A</v>
      </c>
      <c r="AV92">
        <v>1</v>
      </c>
      <c r="AW92">
        <v>1.25</v>
      </c>
      <c r="AX92">
        <v>2.5</v>
      </c>
      <c r="AY92" s="162">
        <f t="shared" si="426"/>
        <v>2</v>
      </c>
      <c r="AZ92" s="162" t="e">
        <f t="shared" si="427"/>
        <v>#N/A</v>
      </c>
      <c r="BA92" s="162" t="e">
        <f t="shared" si="428"/>
        <v>#N/A</v>
      </c>
      <c r="BB92" s="162" t="e">
        <f t="shared" si="429"/>
        <v>#N/A</v>
      </c>
      <c r="BC92" s="162" t="e">
        <f t="shared" si="430"/>
        <v>#N/A</v>
      </c>
      <c r="BD92" s="162" t="e">
        <f t="shared" si="431"/>
        <v>#N/A</v>
      </c>
      <c r="BE92" s="162" t="e">
        <f t="shared" si="432"/>
        <v>#N/A</v>
      </c>
      <c r="BF92" s="162" t="e">
        <f t="shared" si="433"/>
        <v>#N/A</v>
      </c>
      <c r="BG92" s="162" t="e">
        <f t="shared" si="434"/>
        <v>#N/A</v>
      </c>
      <c r="BH92" s="162" t="e">
        <f t="shared" si="435"/>
        <v>#N/A</v>
      </c>
      <c r="BI92" s="162" t="e">
        <f t="shared" si="436"/>
        <v>#N/A</v>
      </c>
      <c r="BJ92" s="162" t="e">
        <f t="shared" si="437"/>
        <v>#N/A</v>
      </c>
      <c r="BK92" s="162" t="e">
        <f t="shared" si="438"/>
        <v>#N/A</v>
      </c>
      <c r="BL92" s="162">
        <f t="shared" si="439"/>
        <v>2.3784142300054421</v>
      </c>
      <c r="BM92" s="162" t="e">
        <f t="shared" si="440"/>
        <v>#N/A</v>
      </c>
      <c r="BN92" s="162" t="e">
        <f t="shared" si="441"/>
        <v>#N/A</v>
      </c>
      <c r="BO92" s="162" t="e">
        <f t="shared" si="442"/>
        <v>#N/A</v>
      </c>
      <c r="BP92" s="162" t="e">
        <f t="shared" si="443"/>
        <v>#N/A</v>
      </c>
      <c r="BQ92" s="162" t="e">
        <f t="shared" si="444"/>
        <v>#N/A</v>
      </c>
      <c r="BR92" s="162" t="e">
        <f t="shared" si="445"/>
        <v>#N/A</v>
      </c>
      <c r="BS92" s="162" t="e">
        <f t="shared" si="446"/>
        <v>#N/A</v>
      </c>
      <c r="BT92" s="162" t="e">
        <f t="shared" si="447"/>
        <v>#N/A</v>
      </c>
      <c r="BU92" s="162" t="e">
        <f t="shared" si="448"/>
        <v>#N/A</v>
      </c>
      <c r="BV92" s="162" t="e">
        <f t="shared" si="449"/>
        <v>#N/A</v>
      </c>
      <c r="BW92" s="162" t="e">
        <f t="shared" si="450"/>
        <v>#N/A</v>
      </c>
      <c r="BX92" s="162" t="e">
        <f t="shared" si="451"/>
        <v>#N/A</v>
      </c>
      <c r="BY92" s="162">
        <f t="shared" si="452"/>
        <v>5.6568542494923806</v>
      </c>
      <c r="BZ92" s="162" t="e">
        <f t="shared" si="453"/>
        <v>#N/A</v>
      </c>
      <c r="CA92" s="162" t="e">
        <f t="shared" si="454"/>
        <v>#N/A</v>
      </c>
      <c r="CB92" s="162" t="e">
        <f t="shared" si="455"/>
        <v>#N/A</v>
      </c>
      <c r="CC92" s="162" t="e">
        <f t="shared" si="456"/>
        <v>#N/A</v>
      </c>
      <c r="CD92" s="162" t="e">
        <f t="shared" si="457"/>
        <v>#N/A</v>
      </c>
      <c r="CE92" s="162" t="e">
        <f t="shared" si="458"/>
        <v>#N/A</v>
      </c>
      <c r="CF92" s="162" t="e">
        <f t="shared" si="459"/>
        <v>#N/A</v>
      </c>
      <c r="CG92" s="162" t="e">
        <f t="shared" si="460"/>
        <v>#N/A</v>
      </c>
      <c r="CH92" s="162" t="e">
        <f t="shared" si="461"/>
        <v>#N/A</v>
      </c>
      <c r="CI92" s="162" t="e">
        <f t="shared" si="462"/>
        <v>#N/A</v>
      </c>
      <c r="CJ92" s="162" t="e">
        <f t="shared" si="463"/>
        <v>#N/A</v>
      </c>
      <c r="CK92" s="162" t="e">
        <f t="shared" si="464"/>
        <v>#N/A</v>
      </c>
      <c r="CL92">
        <f t="shared" si="465"/>
        <v>1.3729593947216077</v>
      </c>
      <c r="CM92" t="e">
        <f t="shared" si="466"/>
        <v>#N/A</v>
      </c>
      <c r="CN92" t="e">
        <f t="shared" si="467"/>
        <v>#N/A</v>
      </c>
      <c r="CO92" t="e">
        <f t="shared" si="468"/>
        <v>#N/A</v>
      </c>
      <c r="CP92" t="e">
        <f t="shared" si="469"/>
        <v>#N/A</v>
      </c>
      <c r="CQ92" t="e">
        <f t="shared" si="470"/>
        <v>#N/A</v>
      </c>
      <c r="CR92" t="e">
        <f t="shared" si="471"/>
        <v>#N/A</v>
      </c>
      <c r="CS92" t="e">
        <f t="shared" si="472"/>
        <v>#N/A</v>
      </c>
      <c r="CT92" t="e">
        <f t="shared" si="473"/>
        <v>#N/A</v>
      </c>
      <c r="CU92" t="e">
        <f t="shared" si="474"/>
        <v>#N/A</v>
      </c>
      <c r="CV92" t="e">
        <f t="shared" si="475"/>
        <v>#N/A</v>
      </c>
      <c r="CW92" t="e">
        <f t="shared" si="476"/>
        <v>#N/A</v>
      </c>
      <c r="CX92" s="98" t="e">
        <f t="shared" si="477"/>
        <v>#N/A</v>
      </c>
      <c r="CY92">
        <f t="shared" si="478"/>
        <v>1.1029593947216076</v>
      </c>
      <c r="CZ92" t="e">
        <f t="shared" si="479"/>
        <v>#N/A</v>
      </c>
      <c r="DA92" t="e">
        <f t="shared" si="480"/>
        <v>#N/A</v>
      </c>
      <c r="DB92" t="e">
        <f t="shared" si="481"/>
        <v>#N/A</v>
      </c>
      <c r="DC92" t="e">
        <f t="shared" si="482"/>
        <v>#N/A</v>
      </c>
      <c r="DD92" t="e">
        <f t="shared" si="483"/>
        <v>#N/A</v>
      </c>
      <c r="DE92" t="e">
        <f t="shared" si="484"/>
        <v>#N/A</v>
      </c>
      <c r="DF92" t="e">
        <f t="shared" si="485"/>
        <v>#N/A</v>
      </c>
      <c r="DG92" t="e">
        <f t="shared" si="486"/>
        <v>#N/A</v>
      </c>
      <c r="DH92" t="e">
        <f t="shared" si="487"/>
        <v>#N/A</v>
      </c>
      <c r="DI92" t="e">
        <f t="shared" si="488"/>
        <v>#N/A</v>
      </c>
      <c r="DJ92" t="e">
        <f t="shared" si="489"/>
        <v>#N/A</v>
      </c>
      <c r="DK92" t="e">
        <f t="shared" si="490"/>
        <v>#N/A</v>
      </c>
      <c r="DL92" s="97">
        <f t="shared" si="491"/>
        <v>1.5000349036450102</v>
      </c>
      <c r="DM92" t="e">
        <f t="shared" si="492"/>
        <v>#N/A</v>
      </c>
      <c r="DN92" t="e">
        <f t="shared" si="493"/>
        <v>#N/A</v>
      </c>
      <c r="DO92" t="e">
        <f t="shared" si="494"/>
        <v>#N/A</v>
      </c>
      <c r="DP92" t="e">
        <f t="shared" si="495"/>
        <v>#N/A</v>
      </c>
      <c r="DQ92" t="e">
        <f t="shared" si="496"/>
        <v>#N/A</v>
      </c>
      <c r="DR92" t="e">
        <f t="shared" si="497"/>
        <v>#N/A</v>
      </c>
      <c r="DS92" t="e">
        <f t="shared" si="498"/>
        <v>#N/A</v>
      </c>
      <c r="DT92" t="e">
        <f t="shared" si="499"/>
        <v>#N/A</v>
      </c>
      <c r="DU92" t="e">
        <f t="shared" si="500"/>
        <v>#N/A</v>
      </c>
      <c r="DV92" t="e">
        <f t="shared" si="501"/>
        <v>#N/A</v>
      </c>
      <c r="DW92" t="e">
        <f t="shared" si="502"/>
        <v>#N/A</v>
      </c>
      <c r="DX92" s="98" t="e">
        <f t="shared" si="503"/>
        <v>#N/A</v>
      </c>
      <c r="DY92">
        <f t="shared" si="504"/>
        <v>1.0527062241310117</v>
      </c>
      <c r="DZ92" t="e">
        <f t="shared" si="505"/>
        <v>#N/A</v>
      </c>
      <c r="EA92" t="e">
        <f t="shared" si="506"/>
        <v>#N/A</v>
      </c>
      <c r="EB92" t="e">
        <f t="shared" si="507"/>
        <v>#N/A</v>
      </c>
      <c r="EC92" t="e">
        <f t="shared" si="508"/>
        <v>#N/A</v>
      </c>
      <c r="ED92" t="e">
        <f t="shared" si="509"/>
        <v>#N/A</v>
      </c>
      <c r="EE92" t="e">
        <f t="shared" si="510"/>
        <v>#N/A</v>
      </c>
      <c r="EF92" t="e">
        <f t="shared" si="511"/>
        <v>#N/A</v>
      </c>
      <c r="EG92" t="e">
        <f t="shared" si="512"/>
        <v>#N/A</v>
      </c>
      <c r="EH92" t="e">
        <f t="shared" si="513"/>
        <v>#N/A</v>
      </c>
      <c r="EI92" t="e">
        <f t="shared" si="514"/>
        <v>#N/A</v>
      </c>
      <c r="EJ92" t="e">
        <f t="shared" si="515"/>
        <v>#N/A</v>
      </c>
      <c r="EK92" t="e">
        <f t="shared" si="516"/>
        <v>#N/A</v>
      </c>
      <c r="EL92" s="97">
        <f t="shared" si="517"/>
        <v>1.1554124482620232</v>
      </c>
      <c r="EM92" t="e">
        <f t="shared" si="518"/>
        <v>#N/A</v>
      </c>
      <c r="EN92" t="e">
        <f t="shared" si="519"/>
        <v>#N/A</v>
      </c>
      <c r="EO92" t="e">
        <f t="shared" si="520"/>
        <v>#N/A</v>
      </c>
      <c r="EP92" t="e">
        <f t="shared" si="521"/>
        <v>#N/A</v>
      </c>
      <c r="EQ92" t="e">
        <f t="shared" si="522"/>
        <v>#N/A</v>
      </c>
      <c r="ER92" t="e">
        <f t="shared" si="523"/>
        <v>#N/A</v>
      </c>
      <c r="ES92" t="e">
        <f t="shared" si="524"/>
        <v>#N/A</v>
      </c>
      <c r="ET92" t="e">
        <f t="shared" si="525"/>
        <v>#N/A</v>
      </c>
      <c r="EU92" t="e">
        <f t="shared" si="526"/>
        <v>#N/A</v>
      </c>
      <c r="EV92" t="e">
        <f t="shared" si="527"/>
        <v>#N/A</v>
      </c>
      <c r="EW92" t="e">
        <f t="shared" si="528"/>
        <v>#N/A</v>
      </c>
      <c r="EX92" s="98" t="e">
        <f t="shared" si="529"/>
        <v>#N/A</v>
      </c>
      <c r="EY92" s="97">
        <f t="shared" si="530"/>
        <v>0.90541244826202316</v>
      </c>
      <c r="EZ92" t="e">
        <f t="shared" si="531"/>
        <v>#N/A</v>
      </c>
      <c r="FA92" t="e">
        <f t="shared" si="532"/>
        <v>#N/A</v>
      </c>
      <c r="FB92" t="e">
        <f t="shared" si="533"/>
        <v>#N/A</v>
      </c>
      <c r="FC92" t="e">
        <f t="shared" si="534"/>
        <v>#N/A</v>
      </c>
      <c r="FD92" t="e">
        <f t="shared" si="535"/>
        <v>#N/A</v>
      </c>
      <c r="FE92" t="e">
        <f t="shared" si="536"/>
        <v>#N/A</v>
      </c>
      <c r="FF92" t="e">
        <f t="shared" si="537"/>
        <v>#N/A</v>
      </c>
      <c r="FG92" t="e">
        <f t="shared" si="538"/>
        <v>#N/A</v>
      </c>
      <c r="FH92" t="e">
        <f t="shared" si="539"/>
        <v>#N/A</v>
      </c>
      <c r="FI92" t="e">
        <f t="shared" si="540"/>
        <v>#N/A</v>
      </c>
      <c r="FJ92" t="e">
        <f t="shared" si="541"/>
        <v>#N/A</v>
      </c>
      <c r="FK92" t="e">
        <f t="shared" si="542"/>
        <v>#N/A</v>
      </c>
      <c r="FL92" s="126">
        <f t="shared" si="543"/>
        <v>13.729593947216078</v>
      </c>
      <c r="FM92" s="91" t="e">
        <f t="shared" si="544"/>
        <v>#N/A</v>
      </c>
      <c r="FN92" s="91" t="e">
        <f t="shared" si="545"/>
        <v>#N/A</v>
      </c>
      <c r="FO92" s="91" t="e">
        <f t="shared" si="546"/>
        <v>#N/A</v>
      </c>
      <c r="FP92" s="91" t="e">
        <f t="shared" si="547"/>
        <v>#N/A</v>
      </c>
      <c r="FQ92" s="91" t="e">
        <f t="shared" si="548"/>
        <v>#N/A</v>
      </c>
      <c r="FR92" s="91" t="e">
        <f t="shared" si="549"/>
        <v>#N/A</v>
      </c>
      <c r="FS92" s="91" t="e">
        <f t="shared" si="550"/>
        <v>#N/A</v>
      </c>
      <c r="FT92" s="91" t="e">
        <f t="shared" si="551"/>
        <v>#N/A</v>
      </c>
      <c r="FU92" s="91" t="e">
        <f t="shared" si="552"/>
        <v>#N/A</v>
      </c>
      <c r="FV92" s="91" t="e">
        <f t="shared" si="553"/>
        <v>#N/A</v>
      </c>
      <c r="FW92" s="91" t="e">
        <f t="shared" si="554"/>
        <v>#N/A</v>
      </c>
      <c r="FX92" s="91" t="e">
        <f t="shared" si="555"/>
        <v>#N/A</v>
      </c>
      <c r="FY92" s="91">
        <f t="shared" si="556"/>
        <v>0</v>
      </c>
      <c r="FZ92" s="91" t="e">
        <f t="shared" si="557"/>
        <v>#N/A</v>
      </c>
      <c r="GA92" s="91" t="e">
        <f t="shared" si="558"/>
        <v>#N/A</v>
      </c>
      <c r="GB92" s="91" t="e">
        <f t="shared" si="559"/>
        <v>#N/A</v>
      </c>
      <c r="GC92" s="91" t="e">
        <f t="shared" si="560"/>
        <v>#N/A</v>
      </c>
      <c r="GD92" s="91" t="e">
        <f t="shared" si="561"/>
        <v>#N/A</v>
      </c>
      <c r="GE92" s="91" t="e">
        <f t="shared" si="562"/>
        <v>#N/A</v>
      </c>
      <c r="GF92" s="91" t="e">
        <f t="shared" si="563"/>
        <v>#N/A</v>
      </c>
      <c r="GG92" s="91" t="e">
        <f t="shared" si="564"/>
        <v>#N/A</v>
      </c>
      <c r="GH92" s="91" t="e">
        <f t="shared" si="565"/>
        <v>#N/A</v>
      </c>
      <c r="GI92" s="91" t="e">
        <f t="shared" si="566"/>
        <v>#N/A</v>
      </c>
      <c r="GJ92" s="91" t="e">
        <f t="shared" si="567"/>
        <v>#N/A</v>
      </c>
      <c r="GK92" s="127" t="e">
        <f t="shared" si="568"/>
        <v>#N/A</v>
      </c>
      <c r="GL92" s="126">
        <f t="shared" si="569"/>
        <v>15.000349036450103</v>
      </c>
      <c r="GM92" s="91" t="e">
        <f t="shared" si="570"/>
        <v>#N/A</v>
      </c>
      <c r="GN92" s="91" t="e">
        <f t="shared" si="571"/>
        <v>#N/A</v>
      </c>
      <c r="GO92" s="91" t="e">
        <f t="shared" si="572"/>
        <v>#N/A</v>
      </c>
      <c r="GP92" s="91" t="e">
        <f t="shared" si="573"/>
        <v>#N/A</v>
      </c>
      <c r="GQ92" s="91" t="e">
        <f t="shared" si="574"/>
        <v>#N/A</v>
      </c>
      <c r="GR92" s="91" t="e">
        <f t="shared" si="575"/>
        <v>#N/A</v>
      </c>
      <c r="GS92" s="91" t="e">
        <f t="shared" si="576"/>
        <v>#N/A</v>
      </c>
      <c r="GT92" s="91" t="e">
        <f t="shared" si="577"/>
        <v>#N/A</v>
      </c>
      <c r="GU92" s="91" t="e">
        <f t="shared" si="578"/>
        <v>#N/A</v>
      </c>
      <c r="GV92" s="91" t="e">
        <f t="shared" si="579"/>
        <v>#N/A</v>
      </c>
      <c r="GW92" s="91" t="e">
        <f t="shared" si="580"/>
        <v>#N/A</v>
      </c>
      <c r="GX92" s="91" t="e">
        <f t="shared" si="581"/>
        <v>#N/A</v>
      </c>
      <c r="GY92" s="91">
        <f t="shared" si="582"/>
        <v>0</v>
      </c>
      <c r="GZ92" s="91" t="e">
        <f t="shared" si="583"/>
        <v>#N/A</v>
      </c>
      <c r="HA92" s="91" t="e">
        <f t="shared" si="584"/>
        <v>#N/A</v>
      </c>
      <c r="HB92" s="91" t="e">
        <f t="shared" si="585"/>
        <v>#N/A</v>
      </c>
      <c r="HC92" s="91" t="e">
        <f t="shared" si="586"/>
        <v>#N/A</v>
      </c>
      <c r="HD92" s="91" t="e">
        <f t="shared" si="587"/>
        <v>#N/A</v>
      </c>
      <c r="HE92" s="91" t="e">
        <f t="shared" si="588"/>
        <v>#N/A</v>
      </c>
      <c r="HF92" s="91" t="e">
        <f t="shared" si="589"/>
        <v>#N/A</v>
      </c>
      <c r="HG92" s="91" t="e">
        <f t="shared" si="590"/>
        <v>#N/A</v>
      </c>
      <c r="HH92" s="91" t="e">
        <f t="shared" si="591"/>
        <v>#N/A</v>
      </c>
      <c r="HI92" s="91" t="e">
        <f t="shared" si="592"/>
        <v>#N/A</v>
      </c>
      <c r="HJ92" s="91" t="e">
        <f t="shared" si="593"/>
        <v>#N/A</v>
      </c>
      <c r="HK92" s="127" t="e">
        <f t="shared" si="594"/>
        <v>#N/A</v>
      </c>
      <c r="HL92" s="126">
        <f t="shared" si="595"/>
        <v>11.554124482620232</v>
      </c>
      <c r="HM92" s="91" t="e">
        <f t="shared" si="596"/>
        <v>#N/A</v>
      </c>
      <c r="HN92" s="91" t="e">
        <f t="shared" si="597"/>
        <v>#N/A</v>
      </c>
      <c r="HO92" s="91" t="e">
        <f t="shared" si="598"/>
        <v>#N/A</v>
      </c>
      <c r="HP92" s="91" t="e">
        <f t="shared" si="599"/>
        <v>#N/A</v>
      </c>
      <c r="HQ92" s="91" t="e">
        <f t="shared" si="600"/>
        <v>#N/A</v>
      </c>
      <c r="HR92" s="91" t="e">
        <f t="shared" si="601"/>
        <v>#N/A</v>
      </c>
      <c r="HS92" s="91" t="e">
        <f t="shared" si="602"/>
        <v>#N/A</v>
      </c>
      <c r="HT92" s="91" t="e">
        <f t="shared" si="603"/>
        <v>#N/A</v>
      </c>
      <c r="HU92" s="91" t="e">
        <f t="shared" si="604"/>
        <v>#N/A</v>
      </c>
      <c r="HV92" s="91" t="e">
        <f t="shared" si="605"/>
        <v>#N/A</v>
      </c>
      <c r="HW92" s="91" t="e">
        <f t="shared" si="606"/>
        <v>#N/A</v>
      </c>
      <c r="HX92" s="91" t="e">
        <f t="shared" si="607"/>
        <v>#N/A</v>
      </c>
      <c r="HY92" s="91">
        <f t="shared" si="608"/>
        <v>0</v>
      </c>
      <c r="HZ92" s="91" t="e">
        <f t="shared" si="609"/>
        <v>#N/A</v>
      </c>
      <c r="IA92" s="91" t="e">
        <f t="shared" si="610"/>
        <v>#N/A</v>
      </c>
      <c r="IB92" s="91" t="e">
        <f t="shared" si="611"/>
        <v>#N/A</v>
      </c>
      <c r="IC92" s="91" t="e">
        <f t="shared" si="612"/>
        <v>#N/A</v>
      </c>
      <c r="ID92" s="91" t="e">
        <f t="shared" si="613"/>
        <v>#N/A</v>
      </c>
      <c r="IE92" s="91" t="e">
        <f t="shared" si="614"/>
        <v>#N/A</v>
      </c>
      <c r="IF92" s="91" t="e">
        <f t="shared" si="615"/>
        <v>#N/A</v>
      </c>
      <c r="IG92" s="91" t="e">
        <f t="shared" si="616"/>
        <v>#N/A</v>
      </c>
      <c r="IH92" s="91" t="e">
        <f t="shared" si="617"/>
        <v>#N/A</v>
      </c>
      <c r="II92" s="91" t="e">
        <f t="shared" si="618"/>
        <v>#N/A</v>
      </c>
      <c r="IJ92" s="91" t="e">
        <f t="shared" si="619"/>
        <v>#N/A</v>
      </c>
      <c r="IK92" s="127" t="e">
        <f t="shared" si="620"/>
        <v>#N/A</v>
      </c>
    </row>
    <row r="93" spans="2:245" x14ac:dyDescent="0.2">
      <c r="B93" s="79">
        <f t="shared" si="621"/>
        <v>-82.5</v>
      </c>
      <c r="C93" s="73">
        <f>'p-y mono_clay'!C93</f>
        <v>67</v>
      </c>
      <c r="D93" s="64">
        <f>'p-y mono_clay'!D93</f>
        <v>66.98599999999999</v>
      </c>
      <c r="E93" s="64" t="str">
        <f>'p-y mono_clay'!E93</f>
        <v>SAND</v>
      </c>
      <c r="F93" s="55">
        <f>VLOOKUP($C93, 'Pile Property'!$A$8:$D$108,2,TRUE)</f>
        <v>2</v>
      </c>
      <c r="G93" s="102" t="e">
        <f>'p-y mono_clay'!Z93</f>
        <v>#N/A</v>
      </c>
      <c r="H93" s="199">
        <f>'p-y mono_clay'!AM93</f>
        <v>0</v>
      </c>
      <c r="I93" s="55" t="e">
        <f>'p-y mono_clay'!AN93</f>
        <v>#N/A</v>
      </c>
      <c r="J93" s="55" t="e">
        <f>'p-y mono_clay'!AO93</f>
        <v>#N/A</v>
      </c>
      <c r="K93" s="55" t="e">
        <f>'p-y mono_clay'!AP93</f>
        <v>#N/A</v>
      </c>
      <c r="L93" s="55" t="e">
        <f>'p-y mono_clay'!AQ93</f>
        <v>#N/A</v>
      </c>
      <c r="M93" s="55" t="e">
        <f>'p-y mono_clay'!AR93</f>
        <v>#N/A</v>
      </c>
      <c r="N93" s="55" t="e">
        <f>'p-y mono_clay'!AS93</f>
        <v>#N/A</v>
      </c>
      <c r="O93" s="55" t="e">
        <f>'p-y mono_clay'!AT93</f>
        <v>#N/A</v>
      </c>
      <c r="P93" s="55" t="e">
        <f>'p-y mono_clay'!AU93</f>
        <v>#N/A</v>
      </c>
      <c r="Q93" s="55" t="e">
        <f>'p-y mono_clay'!AV93</f>
        <v>#N/A</v>
      </c>
      <c r="R93" s="55" t="e">
        <f>'p-y mono_clay'!AW93</f>
        <v>#N/A</v>
      </c>
      <c r="S93" s="55" t="e">
        <f>'p-y mono_clay'!AX93</f>
        <v>#N/A</v>
      </c>
      <c r="T93" s="200">
        <f>'p-y mono_clay'!AY93</f>
        <v>6000</v>
      </c>
      <c r="U93" s="199">
        <f>'p-y mono_clay'!AZ93</f>
        <v>11</v>
      </c>
      <c r="V93" s="55" t="e">
        <f>'p-y mono_clay'!BA93</f>
        <v>#N/A</v>
      </c>
      <c r="W93" s="55" t="e">
        <f>'p-y mono_clay'!BB93</f>
        <v>#N/A</v>
      </c>
      <c r="X93" s="55" t="e">
        <f>'p-y mono_clay'!BC93</f>
        <v>#N/A</v>
      </c>
      <c r="Y93" s="55" t="e">
        <f>'p-y mono_clay'!BD93</f>
        <v>#N/A</v>
      </c>
      <c r="Z93" s="55" t="e">
        <f>'p-y mono_clay'!BE93</f>
        <v>#N/A</v>
      </c>
      <c r="AA93" s="55" t="e">
        <f>'p-y mono_clay'!BF93</f>
        <v>#N/A</v>
      </c>
      <c r="AB93" s="55" t="e">
        <f>'p-y mono_clay'!BG93</f>
        <v>#N/A</v>
      </c>
      <c r="AC93" s="55" t="e">
        <f>'p-y mono_clay'!BH93</f>
        <v>#N/A</v>
      </c>
      <c r="AD93" s="55" t="e">
        <f>'p-y mono_clay'!BI93</f>
        <v>#N/A</v>
      </c>
      <c r="AE93" s="55" t="e">
        <f>'p-y mono_clay'!BJ93</f>
        <v>#N/A</v>
      </c>
      <c r="AF93" s="55" t="e">
        <f>'p-y mono_clay'!BK93</f>
        <v>#N/A</v>
      </c>
      <c r="AG93" s="200" t="e">
        <f>'p-y mono_clay'!BL93</f>
        <v>#N/A</v>
      </c>
      <c r="AH93">
        <f t="shared" si="413"/>
        <v>30</v>
      </c>
      <c r="AI93">
        <v>0</v>
      </c>
      <c r="AJ93" t="e">
        <f t="shared" si="414"/>
        <v>#N/A</v>
      </c>
      <c r="AK93" t="e">
        <f t="shared" si="415"/>
        <v>#N/A</v>
      </c>
      <c r="AL93" t="e">
        <f t="shared" si="416"/>
        <v>#N/A</v>
      </c>
      <c r="AM93" t="e">
        <f t="shared" si="417"/>
        <v>#N/A</v>
      </c>
      <c r="AN93" t="e">
        <f t="shared" si="418"/>
        <v>#N/A</v>
      </c>
      <c r="AO93" t="e">
        <f t="shared" si="419"/>
        <v>#N/A</v>
      </c>
      <c r="AP93" t="e">
        <f t="shared" si="420"/>
        <v>#N/A</v>
      </c>
      <c r="AQ93" t="e">
        <f t="shared" si="421"/>
        <v>#N/A</v>
      </c>
      <c r="AR93" t="e">
        <f t="shared" si="422"/>
        <v>#N/A</v>
      </c>
      <c r="AS93" t="e">
        <f t="shared" si="423"/>
        <v>#N/A</v>
      </c>
      <c r="AT93" t="e">
        <f t="shared" si="424"/>
        <v>#N/A</v>
      </c>
      <c r="AU93" t="e">
        <f t="shared" si="425"/>
        <v>#N/A</v>
      </c>
      <c r="AV93">
        <v>1</v>
      </c>
      <c r="AW93">
        <v>1.25</v>
      </c>
      <c r="AX93">
        <v>2.5</v>
      </c>
      <c r="AY93" s="162">
        <f t="shared" si="426"/>
        <v>2</v>
      </c>
      <c r="AZ93" s="162" t="e">
        <f t="shared" si="427"/>
        <v>#N/A</v>
      </c>
      <c r="BA93" s="162" t="e">
        <f t="shared" si="428"/>
        <v>#N/A</v>
      </c>
      <c r="BB93" s="162" t="e">
        <f t="shared" si="429"/>
        <v>#N/A</v>
      </c>
      <c r="BC93" s="162" t="e">
        <f t="shared" si="430"/>
        <v>#N/A</v>
      </c>
      <c r="BD93" s="162" t="e">
        <f t="shared" si="431"/>
        <v>#N/A</v>
      </c>
      <c r="BE93" s="162" t="e">
        <f t="shared" si="432"/>
        <v>#N/A</v>
      </c>
      <c r="BF93" s="162" t="e">
        <f t="shared" si="433"/>
        <v>#N/A</v>
      </c>
      <c r="BG93" s="162" t="e">
        <f t="shared" si="434"/>
        <v>#N/A</v>
      </c>
      <c r="BH93" s="162" t="e">
        <f t="shared" si="435"/>
        <v>#N/A</v>
      </c>
      <c r="BI93" s="162" t="e">
        <f t="shared" si="436"/>
        <v>#N/A</v>
      </c>
      <c r="BJ93" s="162" t="e">
        <f t="shared" si="437"/>
        <v>#N/A</v>
      </c>
      <c r="BK93" s="162" t="e">
        <f t="shared" si="438"/>
        <v>#N/A</v>
      </c>
      <c r="BL93" s="162">
        <f t="shared" si="439"/>
        <v>2.3784142300054421</v>
      </c>
      <c r="BM93" s="162" t="e">
        <f t="shared" si="440"/>
        <v>#N/A</v>
      </c>
      <c r="BN93" s="162" t="e">
        <f t="shared" si="441"/>
        <v>#N/A</v>
      </c>
      <c r="BO93" s="162" t="e">
        <f t="shared" si="442"/>
        <v>#N/A</v>
      </c>
      <c r="BP93" s="162" t="e">
        <f t="shared" si="443"/>
        <v>#N/A</v>
      </c>
      <c r="BQ93" s="162" t="e">
        <f t="shared" si="444"/>
        <v>#N/A</v>
      </c>
      <c r="BR93" s="162" t="e">
        <f t="shared" si="445"/>
        <v>#N/A</v>
      </c>
      <c r="BS93" s="162" t="e">
        <f t="shared" si="446"/>
        <v>#N/A</v>
      </c>
      <c r="BT93" s="162" t="e">
        <f t="shared" si="447"/>
        <v>#N/A</v>
      </c>
      <c r="BU93" s="162" t="e">
        <f t="shared" si="448"/>
        <v>#N/A</v>
      </c>
      <c r="BV93" s="162" t="e">
        <f t="shared" si="449"/>
        <v>#N/A</v>
      </c>
      <c r="BW93" s="162" t="e">
        <f t="shared" si="450"/>
        <v>#N/A</v>
      </c>
      <c r="BX93" s="162" t="e">
        <f t="shared" si="451"/>
        <v>#N/A</v>
      </c>
      <c r="BY93" s="162">
        <f t="shared" si="452"/>
        <v>5.6568542494923806</v>
      </c>
      <c r="BZ93" s="162" t="e">
        <f t="shared" si="453"/>
        <v>#N/A</v>
      </c>
      <c r="CA93" s="162" t="e">
        <f t="shared" si="454"/>
        <v>#N/A</v>
      </c>
      <c r="CB93" s="162" t="e">
        <f t="shared" si="455"/>
        <v>#N/A</v>
      </c>
      <c r="CC93" s="162" t="e">
        <f t="shared" si="456"/>
        <v>#N/A</v>
      </c>
      <c r="CD93" s="162" t="e">
        <f t="shared" si="457"/>
        <v>#N/A</v>
      </c>
      <c r="CE93" s="162" t="e">
        <f t="shared" si="458"/>
        <v>#N/A</v>
      </c>
      <c r="CF93" s="162" t="e">
        <f t="shared" si="459"/>
        <v>#N/A</v>
      </c>
      <c r="CG93" s="162" t="e">
        <f t="shared" si="460"/>
        <v>#N/A</v>
      </c>
      <c r="CH93" s="162" t="e">
        <f t="shared" si="461"/>
        <v>#N/A</v>
      </c>
      <c r="CI93" s="162" t="e">
        <f t="shared" si="462"/>
        <v>#N/A</v>
      </c>
      <c r="CJ93" s="162" t="e">
        <f t="shared" si="463"/>
        <v>#N/A</v>
      </c>
      <c r="CK93" s="162" t="e">
        <f t="shared" si="464"/>
        <v>#N/A</v>
      </c>
      <c r="CL93">
        <f t="shared" si="465"/>
        <v>1.3729593947216077</v>
      </c>
      <c r="CM93" t="e">
        <f t="shared" si="466"/>
        <v>#N/A</v>
      </c>
      <c r="CN93" t="e">
        <f t="shared" si="467"/>
        <v>#N/A</v>
      </c>
      <c r="CO93" t="e">
        <f t="shared" si="468"/>
        <v>#N/A</v>
      </c>
      <c r="CP93" t="e">
        <f t="shared" si="469"/>
        <v>#N/A</v>
      </c>
      <c r="CQ93" t="e">
        <f t="shared" si="470"/>
        <v>#N/A</v>
      </c>
      <c r="CR93" t="e">
        <f t="shared" si="471"/>
        <v>#N/A</v>
      </c>
      <c r="CS93" t="e">
        <f t="shared" si="472"/>
        <v>#N/A</v>
      </c>
      <c r="CT93" t="e">
        <f t="shared" si="473"/>
        <v>#N/A</v>
      </c>
      <c r="CU93" t="e">
        <f t="shared" si="474"/>
        <v>#N/A</v>
      </c>
      <c r="CV93" t="e">
        <f t="shared" si="475"/>
        <v>#N/A</v>
      </c>
      <c r="CW93" t="e">
        <f t="shared" si="476"/>
        <v>#N/A</v>
      </c>
      <c r="CX93" s="98" t="e">
        <f t="shared" si="477"/>
        <v>#N/A</v>
      </c>
      <c r="CY93">
        <f t="shared" si="478"/>
        <v>1.1029593947216076</v>
      </c>
      <c r="CZ93" t="e">
        <f t="shared" si="479"/>
        <v>#N/A</v>
      </c>
      <c r="DA93" t="e">
        <f t="shared" si="480"/>
        <v>#N/A</v>
      </c>
      <c r="DB93" t="e">
        <f t="shared" si="481"/>
        <v>#N/A</v>
      </c>
      <c r="DC93" t="e">
        <f t="shared" si="482"/>
        <v>#N/A</v>
      </c>
      <c r="DD93" t="e">
        <f t="shared" si="483"/>
        <v>#N/A</v>
      </c>
      <c r="DE93" t="e">
        <f t="shared" si="484"/>
        <v>#N/A</v>
      </c>
      <c r="DF93" t="e">
        <f t="shared" si="485"/>
        <v>#N/A</v>
      </c>
      <c r="DG93" t="e">
        <f t="shared" si="486"/>
        <v>#N/A</v>
      </c>
      <c r="DH93" t="e">
        <f t="shared" si="487"/>
        <v>#N/A</v>
      </c>
      <c r="DI93" t="e">
        <f t="shared" si="488"/>
        <v>#N/A</v>
      </c>
      <c r="DJ93" t="e">
        <f t="shared" si="489"/>
        <v>#N/A</v>
      </c>
      <c r="DK93" t="e">
        <f t="shared" si="490"/>
        <v>#N/A</v>
      </c>
      <c r="DL93" s="97">
        <f t="shared" si="491"/>
        <v>1.5000349036450102</v>
      </c>
      <c r="DM93" t="e">
        <f t="shared" si="492"/>
        <v>#N/A</v>
      </c>
      <c r="DN93" t="e">
        <f t="shared" si="493"/>
        <v>#N/A</v>
      </c>
      <c r="DO93" t="e">
        <f t="shared" si="494"/>
        <v>#N/A</v>
      </c>
      <c r="DP93" t="e">
        <f t="shared" si="495"/>
        <v>#N/A</v>
      </c>
      <c r="DQ93" t="e">
        <f t="shared" si="496"/>
        <v>#N/A</v>
      </c>
      <c r="DR93" t="e">
        <f t="shared" si="497"/>
        <v>#N/A</v>
      </c>
      <c r="DS93" t="e">
        <f t="shared" si="498"/>
        <v>#N/A</v>
      </c>
      <c r="DT93" t="e">
        <f t="shared" si="499"/>
        <v>#N/A</v>
      </c>
      <c r="DU93" t="e">
        <f t="shared" si="500"/>
        <v>#N/A</v>
      </c>
      <c r="DV93" t="e">
        <f t="shared" si="501"/>
        <v>#N/A</v>
      </c>
      <c r="DW93" t="e">
        <f t="shared" si="502"/>
        <v>#N/A</v>
      </c>
      <c r="DX93" s="98" t="e">
        <f t="shared" si="503"/>
        <v>#N/A</v>
      </c>
      <c r="DY93">
        <f t="shared" si="504"/>
        <v>1.0527062241310117</v>
      </c>
      <c r="DZ93" t="e">
        <f t="shared" si="505"/>
        <v>#N/A</v>
      </c>
      <c r="EA93" t="e">
        <f t="shared" si="506"/>
        <v>#N/A</v>
      </c>
      <c r="EB93" t="e">
        <f t="shared" si="507"/>
        <v>#N/A</v>
      </c>
      <c r="EC93" t="e">
        <f t="shared" si="508"/>
        <v>#N/A</v>
      </c>
      <c r="ED93" t="e">
        <f t="shared" si="509"/>
        <v>#N/A</v>
      </c>
      <c r="EE93" t="e">
        <f t="shared" si="510"/>
        <v>#N/A</v>
      </c>
      <c r="EF93" t="e">
        <f t="shared" si="511"/>
        <v>#N/A</v>
      </c>
      <c r="EG93" t="e">
        <f t="shared" si="512"/>
        <v>#N/A</v>
      </c>
      <c r="EH93" t="e">
        <f t="shared" si="513"/>
        <v>#N/A</v>
      </c>
      <c r="EI93" t="e">
        <f t="shared" si="514"/>
        <v>#N/A</v>
      </c>
      <c r="EJ93" t="e">
        <f t="shared" si="515"/>
        <v>#N/A</v>
      </c>
      <c r="EK93" t="e">
        <f t="shared" si="516"/>
        <v>#N/A</v>
      </c>
      <c r="EL93" s="97">
        <f t="shared" si="517"/>
        <v>1.1554124482620232</v>
      </c>
      <c r="EM93" t="e">
        <f t="shared" si="518"/>
        <v>#N/A</v>
      </c>
      <c r="EN93" t="e">
        <f t="shared" si="519"/>
        <v>#N/A</v>
      </c>
      <c r="EO93" t="e">
        <f t="shared" si="520"/>
        <v>#N/A</v>
      </c>
      <c r="EP93" t="e">
        <f t="shared" si="521"/>
        <v>#N/A</v>
      </c>
      <c r="EQ93" t="e">
        <f t="shared" si="522"/>
        <v>#N/A</v>
      </c>
      <c r="ER93" t="e">
        <f t="shared" si="523"/>
        <v>#N/A</v>
      </c>
      <c r="ES93" t="e">
        <f t="shared" si="524"/>
        <v>#N/A</v>
      </c>
      <c r="ET93" t="e">
        <f t="shared" si="525"/>
        <v>#N/A</v>
      </c>
      <c r="EU93" t="e">
        <f t="shared" si="526"/>
        <v>#N/A</v>
      </c>
      <c r="EV93" t="e">
        <f t="shared" si="527"/>
        <v>#N/A</v>
      </c>
      <c r="EW93" t="e">
        <f t="shared" si="528"/>
        <v>#N/A</v>
      </c>
      <c r="EX93" s="98" t="e">
        <f t="shared" si="529"/>
        <v>#N/A</v>
      </c>
      <c r="EY93" s="97">
        <f t="shared" si="530"/>
        <v>0.90541244826202316</v>
      </c>
      <c r="EZ93" t="e">
        <f t="shared" si="531"/>
        <v>#N/A</v>
      </c>
      <c r="FA93" t="e">
        <f t="shared" si="532"/>
        <v>#N/A</v>
      </c>
      <c r="FB93" t="e">
        <f t="shared" si="533"/>
        <v>#N/A</v>
      </c>
      <c r="FC93" t="e">
        <f t="shared" si="534"/>
        <v>#N/A</v>
      </c>
      <c r="FD93" t="e">
        <f t="shared" si="535"/>
        <v>#N/A</v>
      </c>
      <c r="FE93" t="e">
        <f t="shared" si="536"/>
        <v>#N/A</v>
      </c>
      <c r="FF93" t="e">
        <f t="shared" si="537"/>
        <v>#N/A</v>
      </c>
      <c r="FG93" t="e">
        <f t="shared" si="538"/>
        <v>#N/A</v>
      </c>
      <c r="FH93" t="e">
        <f t="shared" si="539"/>
        <v>#N/A</v>
      </c>
      <c r="FI93" t="e">
        <f t="shared" si="540"/>
        <v>#N/A</v>
      </c>
      <c r="FJ93" t="e">
        <f t="shared" si="541"/>
        <v>#N/A</v>
      </c>
      <c r="FK93" t="e">
        <f t="shared" si="542"/>
        <v>#N/A</v>
      </c>
      <c r="FL93" s="126">
        <f t="shared" si="543"/>
        <v>15.102553341937684</v>
      </c>
      <c r="FM93" s="91" t="e">
        <f t="shared" si="544"/>
        <v>#N/A</v>
      </c>
      <c r="FN93" s="91" t="e">
        <f t="shared" si="545"/>
        <v>#N/A</v>
      </c>
      <c r="FO93" s="91" t="e">
        <f t="shared" si="546"/>
        <v>#N/A</v>
      </c>
      <c r="FP93" s="91" t="e">
        <f t="shared" si="547"/>
        <v>#N/A</v>
      </c>
      <c r="FQ93" s="91" t="e">
        <f t="shared" si="548"/>
        <v>#N/A</v>
      </c>
      <c r="FR93" s="91" t="e">
        <f t="shared" si="549"/>
        <v>#N/A</v>
      </c>
      <c r="FS93" s="91" t="e">
        <f t="shared" si="550"/>
        <v>#N/A</v>
      </c>
      <c r="FT93" s="91" t="e">
        <f t="shared" si="551"/>
        <v>#N/A</v>
      </c>
      <c r="FU93" s="91" t="e">
        <f t="shared" si="552"/>
        <v>#N/A</v>
      </c>
      <c r="FV93" s="91" t="e">
        <f t="shared" si="553"/>
        <v>#N/A</v>
      </c>
      <c r="FW93" s="91" t="e">
        <f t="shared" si="554"/>
        <v>#N/A</v>
      </c>
      <c r="FX93" s="91" t="e">
        <f t="shared" si="555"/>
        <v>#N/A</v>
      </c>
      <c r="FY93" s="91">
        <f t="shared" si="556"/>
        <v>0</v>
      </c>
      <c r="FZ93" s="91" t="e">
        <f t="shared" si="557"/>
        <v>#N/A</v>
      </c>
      <c r="GA93" s="91" t="e">
        <f t="shared" si="558"/>
        <v>#N/A</v>
      </c>
      <c r="GB93" s="91" t="e">
        <f t="shared" si="559"/>
        <v>#N/A</v>
      </c>
      <c r="GC93" s="91" t="e">
        <f t="shared" si="560"/>
        <v>#N/A</v>
      </c>
      <c r="GD93" s="91" t="e">
        <f t="shared" si="561"/>
        <v>#N/A</v>
      </c>
      <c r="GE93" s="91" t="e">
        <f t="shared" si="562"/>
        <v>#N/A</v>
      </c>
      <c r="GF93" s="91" t="e">
        <f t="shared" si="563"/>
        <v>#N/A</v>
      </c>
      <c r="GG93" s="91" t="e">
        <f t="shared" si="564"/>
        <v>#N/A</v>
      </c>
      <c r="GH93" s="91" t="e">
        <f t="shared" si="565"/>
        <v>#N/A</v>
      </c>
      <c r="GI93" s="91" t="e">
        <f t="shared" si="566"/>
        <v>#N/A</v>
      </c>
      <c r="GJ93" s="91" t="e">
        <f t="shared" si="567"/>
        <v>#N/A</v>
      </c>
      <c r="GK93" s="127" t="e">
        <f t="shared" si="568"/>
        <v>#N/A</v>
      </c>
      <c r="GL93" s="126">
        <f t="shared" si="569"/>
        <v>16.500383940095112</v>
      </c>
      <c r="GM93" s="91" t="e">
        <f t="shared" si="570"/>
        <v>#N/A</v>
      </c>
      <c r="GN93" s="91" t="e">
        <f t="shared" si="571"/>
        <v>#N/A</v>
      </c>
      <c r="GO93" s="91" t="e">
        <f t="shared" si="572"/>
        <v>#N/A</v>
      </c>
      <c r="GP93" s="91" t="e">
        <f t="shared" si="573"/>
        <v>#N/A</v>
      </c>
      <c r="GQ93" s="91" t="e">
        <f t="shared" si="574"/>
        <v>#N/A</v>
      </c>
      <c r="GR93" s="91" t="e">
        <f t="shared" si="575"/>
        <v>#N/A</v>
      </c>
      <c r="GS93" s="91" t="e">
        <f t="shared" si="576"/>
        <v>#N/A</v>
      </c>
      <c r="GT93" s="91" t="e">
        <f t="shared" si="577"/>
        <v>#N/A</v>
      </c>
      <c r="GU93" s="91" t="e">
        <f t="shared" si="578"/>
        <v>#N/A</v>
      </c>
      <c r="GV93" s="91" t="e">
        <f t="shared" si="579"/>
        <v>#N/A</v>
      </c>
      <c r="GW93" s="91" t="e">
        <f t="shared" si="580"/>
        <v>#N/A</v>
      </c>
      <c r="GX93" s="91" t="e">
        <f t="shared" si="581"/>
        <v>#N/A</v>
      </c>
      <c r="GY93" s="91">
        <f t="shared" si="582"/>
        <v>0</v>
      </c>
      <c r="GZ93" s="91" t="e">
        <f t="shared" si="583"/>
        <v>#N/A</v>
      </c>
      <c r="HA93" s="91" t="e">
        <f t="shared" si="584"/>
        <v>#N/A</v>
      </c>
      <c r="HB93" s="91" t="e">
        <f t="shared" si="585"/>
        <v>#N/A</v>
      </c>
      <c r="HC93" s="91" t="e">
        <f t="shared" si="586"/>
        <v>#N/A</v>
      </c>
      <c r="HD93" s="91" t="e">
        <f t="shared" si="587"/>
        <v>#N/A</v>
      </c>
      <c r="HE93" s="91" t="e">
        <f t="shared" si="588"/>
        <v>#N/A</v>
      </c>
      <c r="HF93" s="91" t="e">
        <f t="shared" si="589"/>
        <v>#N/A</v>
      </c>
      <c r="HG93" s="91" t="e">
        <f t="shared" si="590"/>
        <v>#N/A</v>
      </c>
      <c r="HH93" s="91" t="e">
        <f t="shared" si="591"/>
        <v>#N/A</v>
      </c>
      <c r="HI93" s="91" t="e">
        <f t="shared" si="592"/>
        <v>#N/A</v>
      </c>
      <c r="HJ93" s="91" t="e">
        <f t="shared" si="593"/>
        <v>#N/A</v>
      </c>
      <c r="HK93" s="127" t="e">
        <f t="shared" si="594"/>
        <v>#N/A</v>
      </c>
      <c r="HL93" s="126">
        <f t="shared" si="595"/>
        <v>12.709536930882255</v>
      </c>
      <c r="HM93" s="91" t="e">
        <f t="shared" si="596"/>
        <v>#N/A</v>
      </c>
      <c r="HN93" s="91" t="e">
        <f t="shared" si="597"/>
        <v>#N/A</v>
      </c>
      <c r="HO93" s="91" t="e">
        <f t="shared" si="598"/>
        <v>#N/A</v>
      </c>
      <c r="HP93" s="91" t="e">
        <f t="shared" si="599"/>
        <v>#N/A</v>
      </c>
      <c r="HQ93" s="91" t="e">
        <f t="shared" si="600"/>
        <v>#N/A</v>
      </c>
      <c r="HR93" s="91" t="e">
        <f t="shared" si="601"/>
        <v>#N/A</v>
      </c>
      <c r="HS93" s="91" t="e">
        <f t="shared" si="602"/>
        <v>#N/A</v>
      </c>
      <c r="HT93" s="91" t="e">
        <f t="shared" si="603"/>
        <v>#N/A</v>
      </c>
      <c r="HU93" s="91" t="e">
        <f t="shared" si="604"/>
        <v>#N/A</v>
      </c>
      <c r="HV93" s="91" t="e">
        <f t="shared" si="605"/>
        <v>#N/A</v>
      </c>
      <c r="HW93" s="91" t="e">
        <f t="shared" si="606"/>
        <v>#N/A</v>
      </c>
      <c r="HX93" s="91" t="e">
        <f t="shared" si="607"/>
        <v>#N/A</v>
      </c>
      <c r="HY93" s="91">
        <f t="shared" si="608"/>
        <v>0</v>
      </c>
      <c r="HZ93" s="91" t="e">
        <f t="shared" si="609"/>
        <v>#N/A</v>
      </c>
      <c r="IA93" s="91" t="e">
        <f t="shared" si="610"/>
        <v>#N/A</v>
      </c>
      <c r="IB93" s="91" t="e">
        <f t="shared" si="611"/>
        <v>#N/A</v>
      </c>
      <c r="IC93" s="91" t="e">
        <f t="shared" si="612"/>
        <v>#N/A</v>
      </c>
      <c r="ID93" s="91" t="e">
        <f t="shared" si="613"/>
        <v>#N/A</v>
      </c>
      <c r="IE93" s="91" t="e">
        <f t="shared" si="614"/>
        <v>#N/A</v>
      </c>
      <c r="IF93" s="91" t="e">
        <f t="shared" si="615"/>
        <v>#N/A</v>
      </c>
      <c r="IG93" s="91" t="e">
        <f t="shared" si="616"/>
        <v>#N/A</v>
      </c>
      <c r="IH93" s="91" t="e">
        <f t="shared" si="617"/>
        <v>#N/A</v>
      </c>
      <c r="II93" s="91" t="e">
        <f t="shared" si="618"/>
        <v>#N/A</v>
      </c>
      <c r="IJ93" s="91" t="e">
        <f t="shared" si="619"/>
        <v>#N/A</v>
      </c>
      <c r="IK93" s="127" t="e">
        <f t="shared" si="620"/>
        <v>#N/A</v>
      </c>
    </row>
    <row r="94" spans="2:245" ht="13.5" thickBot="1" x14ac:dyDescent="0.25">
      <c r="B94" s="79">
        <f t="shared" si="621"/>
        <v>-83.5</v>
      </c>
      <c r="C94" s="73">
        <f>'p-y mono_clay'!C94</f>
        <v>68</v>
      </c>
      <c r="D94" s="64">
        <f>'p-y mono_clay'!D94</f>
        <v>67.984999999999999</v>
      </c>
      <c r="E94" s="64" t="str">
        <f>'p-y mono_clay'!E94</f>
        <v>CLAY</v>
      </c>
      <c r="F94" s="55">
        <f>VLOOKUP($C94, 'Pile Property'!$A$8:$D$108,2,TRUE)</f>
        <v>2</v>
      </c>
      <c r="G94" s="102">
        <f>'p-y mono_clay'!Z94</f>
        <v>7598.2344264422572</v>
      </c>
      <c r="H94" s="201">
        <f>'p-y mono_clay'!AM94</f>
        <v>0</v>
      </c>
      <c r="I94" s="202">
        <f>'p-y mono_clay'!AN94</f>
        <v>0.60878833739125127</v>
      </c>
      <c r="J94" s="202">
        <f>'p-y mono_clay'!AO94</f>
        <v>6.0878833739125131</v>
      </c>
      <c r="K94" s="202">
        <f>'p-y mono_clay'!AP94</f>
        <v>10.837285109563787</v>
      </c>
      <c r="L94" s="202">
        <f>'p-y mono_clay'!AQ94</f>
        <v>18.527300243475079</v>
      </c>
      <c r="M94" s="202">
        <f>'p-y mono_clay'!AR94</f>
        <v>28.878833739125135</v>
      </c>
      <c r="N94" s="202">
        <f>'p-y mono_clay'!AS94</f>
        <v>45.23036723477518</v>
      </c>
      <c r="O94" s="202">
        <f>'p-y mono_clay'!AT94</f>
        <v>66.02131759998781</v>
      </c>
      <c r="P94" s="202">
        <f>'p-y mono_clay'!AU94</f>
        <v>102.98803471302546</v>
      </c>
      <c r="Q94" s="202">
        <f>'p-y mono_clay'!AV94</f>
        <v>169.09723568692581</v>
      </c>
      <c r="R94" s="202">
        <f>'p-y mono_clay'!AW94</f>
        <v>307.03066991300108</v>
      </c>
      <c r="S94" s="202">
        <f>'p-y mono_clay'!AX94</f>
        <v>504.39416869562569</v>
      </c>
      <c r="T94" s="203">
        <f>'p-y mono_clay'!AY94</f>
        <v>6000</v>
      </c>
      <c r="U94" s="201">
        <f>'p-y mono_clay'!AZ94</f>
        <v>12</v>
      </c>
      <c r="V94" s="202">
        <f>'p-y mono_clay'!BA94</f>
        <v>379.9117213221129</v>
      </c>
      <c r="W94" s="202">
        <f>'p-y mono_clay'!BB94</f>
        <v>1519.6468852884516</v>
      </c>
      <c r="X94" s="202">
        <f>'p-y mono_clay'!BC94</f>
        <v>2279.4703279326773</v>
      </c>
      <c r="Y94" s="202">
        <f>'p-y mono_clay'!BD94</f>
        <v>3039.2937705769032</v>
      </c>
      <c r="Z94" s="202">
        <f>'p-y mono_clay'!BE94</f>
        <v>3799.1172132211286</v>
      </c>
      <c r="AA94" s="202">
        <f>'p-y mono_clay'!BF94</f>
        <v>4558.9406558653545</v>
      </c>
      <c r="AB94" s="202">
        <f>'p-y mono_clay'!BG94</f>
        <v>5318.7640985095795</v>
      </c>
      <c r="AC94" s="202">
        <f>'p-y mono_clay'!BH94</f>
        <v>6078.5875411538063</v>
      </c>
      <c r="AD94" s="202">
        <f>'p-y mono_clay'!BI94</f>
        <v>6838.4109837980313</v>
      </c>
      <c r="AE94" s="202">
        <f>'p-y mono_clay'!BJ94</f>
        <v>7408.278565781201</v>
      </c>
      <c r="AF94" s="202">
        <f>'p-y mono_clay'!BK94</f>
        <v>7598.2344264422572</v>
      </c>
      <c r="AG94" s="203">
        <f>'p-y mono_clay'!BL94</f>
        <v>7598.2344264422572</v>
      </c>
      <c r="AH94">
        <f t="shared" si="413"/>
        <v>30</v>
      </c>
      <c r="AI94">
        <v>0</v>
      </c>
      <c r="AJ94">
        <f t="shared" si="414"/>
        <v>-0.95</v>
      </c>
      <c r="AK94">
        <f t="shared" si="415"/>
        <v>-0.8</v>
      </c>
      <c r="AL94">
        <f t="shared" si="416"/>
        <v>-0.7</v>
      </c>
      <c r="AM94">
        <f t="shared" si="417"/>
        <v>-0.6</v>
      </c>
      <c r="AN94">
        <f t="shared" si="418"/>
        <v>-0.5</v>
      </c>
      <c r="AO94">
        <f t="shared" si="419"/>
        <v>-0.4</v>
      </c>
      <c r="AP94">
        <f t="shared" si="420"/>
        <v>-0.30000000000000004</v>
      </c>
      <c r="AQ94">
        <f t="shared" si="421"/>
        <v>-0.19999999999999996</v>
      </c>
      <c r="AR94">
        <f t="shared" si="422"/>
        <v>-9.9999999999999978E-2</v>
      </c>
      <c r="AS94">
        <f t="shared" si="423"/>
        <v>-2.5000000000000022E-2</v>
      </c>
      <c r="AT94">
        <f t="shared" si="424"/>
        <v>0</v>
      </c>
      <c r="AU94">
        <f t="shared" si="425"/>
        <v>0</v>
      </c>
      <c r="AV94">
        <v>1</v>
      </c>
      <c r="AW94">
        <v>1.25</v>
      </c>
      <c r="AX94">
        <v>2.5</v>
      </c>
      <c r="AY94" s="162">
        <f t="shared" si="426"/>
        <v>2</v>
      </c>
      <c r="AZ94" s="162">
        <f t="shared" si="427"/>
        <v>1.0256410256410258</v>
      </c>
      <c r="BA94" s="162">
        <f t="shared" si="428"/>
        <v>1.1111111111111112</v>
      </c>
      <c r="BB94" s="162">
        <f t="shared" si="429"/>
        <v>1.1764705882352942</v>
      </c>
      <c r="BC94" s="162">
        <f t="shared" si="430"/>
        <v>1.25</v>
      </c>
      <c r="BD94" s="162">
        <f t="shared" si="431"/>
        <v>1.3333333333333333</v>
      </c>
      <c r="BE94" s="162">
        <f t="shared" si="432"/>
        <v>1.4285714285714286</v>
      </c>
      <c r="BF94" s="162">
        <f t="shared" si="433"/>
        <v>1.5384615384615383</v>
      </c>
      <c r="BG94" s="162">
        <f t="shared" si="434"/>
        <v>1.6666666666666667</v>
      </c>
      <c r="BH94" s="162">
        <f t="shared" si="435"/>
        <v>1.8181818181818181</v>
      </c>
      <c r="BI94" s="162">
        <f t="shared" si="436"/>
        <v>1.9512195121951221</v>
      </c>
      <c r="BJ94" s="162">
        <f t="shared" si="437"/>
        <v>2</v>
      </c>
      <c r="BK94" s="162">
        <f t="shared" si="438"/>
        <v>2</v>
      </c>
      <c r="BL94" s="162">
        <f t="shared" si="439"/>
        <v>2.3784142300054421</v>
      </c>
      <c r="BM94" s="162">
        <f t="shared" si="440"/>
        <v>1.0321533592882333</v>
      </c>
      <c r="BN94" s="162">
        <f t="shared" si="441"/>
        <v>1.1407667734226012</v>
      </c>
      <c r="BO94" s="162">
        <f t="shared" si="442"/>
        <v>1.2252546033521698</v>
      </c>
      <c r="BP94" s="162">
        <f t="shared" si="443"/>
        <v>1.3217140793007052</v>
      </c>
      <c r="BQ94" s="162">
        <f t="shared" si="444"/>
        <v>1.4327599090980556</v>
      </c>
      <c r="BR94" s="162">
        <f t="shared" si="445"/>
        <v>1.5618073056129906</v>
      </c>
      <c r="BS94" s="162">
        <f t="shared" si="446"/>
        <v>1.7133981916233565</v>
      </c>
      <c r="BT94" s="162">
        <f t="shared" si="447"/>
        <v>1.8936989441124989</v>
      </c>
      <c r="BU94" s="162">
        <f t="shared" si="448"/>
        <v>2.1112839107574066</v>
      </c>
      <c r="BV94" s="162">
        <f t="shared" si="449"/>
        <v>2.3061240387292958</v>
      </c>
      <c r="BW94" s="162">
        <f t="shared" si="450"/>
        <v>2.3784142300054421</v>
      </c>
      <c r="BX94" s="162">
        <f t="shared" si="451"/>
        <v>2.3784142300054421</v>
      </c>
      <c r="BY94" s="162">
        <f t="shared" si="452"/>
        <v>5.6568542494923806</v>
      </c>
      <c r="BZ94" s="162">
        <f t="shared" si="453"/>
        <v>1.065340557089985</v>
      </c>
      <c r="CA94" s="162">
        <f t="shared" si="454"/>
        <v>1.3013488313450123</v>
      </c>
      <c r="CB94" s="162">
        <f t="shared" si="455"/>
        <v>1.501248843035683</v>
      </c>
      <c r="CC94" s="162">
        <f t="shared" si="456"/>
        <v>1.7469281074217107</v>
      </c>
      <c r="CD94" s="162">
        <f t="shared" si="457"/>
        <v>2.0528009571186687</v>
      </c>
      <c r="CE94" s="162">
        <f t="shared" si="458"/>
        <v>2.4392420598661095</v>
      </c>
      <c r="CF94" s="162">
        <f t="shared" si="459"/>
        <v>2.9357333630581879</v>
      </c>
      <c r="CG94" s="162">
        <f t="shared" si="460"/>
        <v>3.5860956909327935</v>
      </c>
      <c r="CH94" s="162">
        <f t="shared" si="461"/>
        <v>4.4575197518230878</v>
      </c>
      <c r="CI94" s="162">
        <f t="shared" si="462"/>
        <v>5.3182080820051185</v>
      </c>
      <c r="CJ94" s="162">
        <f t="shared" si="463"/>
        <v>5.6568542494923806</v>
      </c>
      <c r="CK94" s="162">
        <f t="shared" si="464"/>
        <v>5.6568542494923806</v>
      </c>
      <c r="CL94">
        <f t="shared" si="465"/>
        <v>1.3729593947216077</v>
      </c>
      <c r="CM94">
        <f t="shared" si="466"/>
        <v>1.4664555068821994</v>
      </c>
      <c r="CN94">
        <f t="shared" si="467"/>
        <v>1.4552495278079043</v>
      </c>
      <c r="CO94">
        <f t="shared" si="468"/>
        <v>1.4472473498703116</v>
      </c>
      <c r="CP94">
        <f t="shared" si="469"/>
        <v>1.4387599028160105</v>
      </c>
      <c r="CQ94">
        <f t="shared" si="470"/>
        <v>1.4297245098567506</v>
      </c>
      <c r="CR94">
        <f t="shared" si="471"/>
        <v>1.4200655078485775</v>
      </c>
      <c r="CS94">
        <f t="shared" si="472"/>
        <v>1.4096903917470565</v>
      </c>
      <c r="CT94">
        <f t="shared" si="473"/>
        <v>1.3984844126727614</v>
      </c>
      <c r="CU94">
        <f t="shared" si="474"/>
        <v>1.3863028198942131</v>
      </c>
      <c r="CV94">
        <f t="shared" si="475"/>
        <v>1.3764163604842596</v>
      </c>
      <c r="CW94">
        <f t="shared" si="476"/>
        <v>1.3729593947216077</v>
      </c>
      <c r="CX94" s="98">
        <f t="shared" si="477"/>
        <v>1.3729593947216077</v>
      </c>
      <c r="CY94">
        <f t="shared" si="478"/>
        <v>1.1029593947216076</v>
      </c>
      <c r="CZ94">
        <f t="shared" si="479"/>
        <v>1.1964555068821994</v>
      </c>
      <c r="DA94">
        <f t="shared" si="480"/>
        <v>1.1852495278079043</v>
      </c>
      <c r="DB94">
        <f t="shared" si="481"/>
        <v>1.1772473498703115</v>
      </c>
      <c r="DC94">
        <f t="shared" si="482"/>
        <v>1.1687599028160105</v>
      </c>
      <c r="DD94">
        <f t="shared" si="483"/>
        <v>1.1597245098567506</v>
      </c>
      <c r="DE94">
        <f t="shared" si="484"/>
        <v>1.1500655078485775</v>
      </c>
      <c r="DF94">
        <f t="shared" si="485"/>
        <v>1.1396903917470564</v>
      </c>
      <c r="DG94">
        <f t="shared" si="486"/>
        <v>1.1284844126727613</v>
      </c>
      <c r="DH94">
        <f t="shared" si="487"/>
        <v>1.1163028198942131</v>
      </c>
      <c r="DI94">
        <f t="shared" si="488"/>
        <v>1.1064163604842596</v>
      </c>
      <c r="DJ94">
        <f t="shared" si="489"/>
        <v>1.1029593947216076</v>
      </c>
      <c r="DK94">
        <f t="shared" si="490"/>
        <v>1.1029593947216076</v>
      </c>
      <c r="DL94" s="97">
        <f t="shared" si="491"/>
        <v>1.5000349036450102</v>
      </c>
      <c r="DM94">
        <f t="shared" si="492"/>
        <v>1.6252529110029454</v>
      </c>
      <c r="DN94">
        <f t="shared" si="493"/>
        <v>1.6102449033141575</v>
      </c>
      <c r="DO94">
        <f t="shared" si="494"/>
        <v>1.5995277007191671</v>
      </c>
      <c r="DP94">
        <f t="shared" si="495"/>
        <v>1.5881605841285855</v>
      </c>
      <c r="DQ94">
        <f t="shared" si="496"/>
        <v>1.5760596114152909</v>
      </c>
      <c r="DR94">
        <f t="shared" si="497"/>
        <v>1.5631234480114875</v>
      </c>
      <c r="DS94">
        <f t="shared" si="498"/>
        <v>1.5492282032326647</v>
      </c>
      <c r="DT94">
        <f t="shared" si="499"/>
        <v>1.5342201955438766</v>
      </c>
      <c r="DU94">
        <f t="shared" si="500"/>
        <v>1.5179055623583211</v>
      </c>
      <c r="DV94">
        <f t="shared" si="501"/>
        <v>1.5046647685057049</v>
      </c>
      <c r="DW94">
        <f t="shared" si="502"/>
        <v>1.5000349036450102</v>
      </c>
      <c r="DX94" s="98">
        <f t="shared" si="503"/>
        <v>1.5000349036450102</v>
      </c>
      <c r="DY94">
        <f t="shared" si="504"/>
        <v>1.0527062241310117</v>
      </c>
      <c r="DZ94">
        <f t="shared" si="505"/>
        <v>1.1946199658033383</v>
      </c>
      <c r="EA94">
        <f t="shared" si="506"/>
        <v>1.1776108904227118</v>
      </c>
      <c r="EB94">
        <f t="shared" si="507"/>
        <v>1.1654647274817227</v>
      </c>
      <c r="EC94">
        <f t="shared" si="508"/>
        <v>1.1525819953457304</v>
      </c>
      <c r="ED94">
        <f t="shared" si="509"/>
        <v>1.1388675596039965</v>
      </c>
      <c r="EE94">
        <f t="shared" si="510"/>
        <v>1.1242065744130194</v>
      </c>
      <c r="EF94">
        <f t="shared" si="511"/>
        <v>1.1084586303303534</v>
      </c>
      <c r="EG94">
        <f t="shared" si="512"/>
        <v>1.091449554949727</v>
      </c>
      <c r="EH94">
        <f t="shared" si="513"/>
        <v>1.0729596373394306</v>
      </c>
      <c r="EI94">
        <f t="shared" si="514"/>
        <v>1.0579534043064656</v>
      </c>
      <c r="EJ94">
        <f t="shared" si="515"/>
        <v>1.0527062241310117</v>
      </c>
      <c r="EK94">
        <f t="shared" si="516"/>
        <v>1.0527062241310117</v>
      </c>
      <c r="EL94" s="97">
        <f t="shared" si="517"/>
        <v>1.1554124482620232</v>
      </c>
      <c r="EM94">
        <f t="shared" si="518"/>
        <v>1.4392399316066766</v>
      </c>
      <c r="EN94">
        <f t="shared" si="519"/>
        <v>1.4052217808454237</v>
      </c>
      <c r="EO94">
        <f t="shared" si="520"/>
        <v>1.3809294549634457</v>
      </c>
      <c r="EP94">
        <f t="shared" si="521"/>
        <v>1.3551639906914608</v>
      </c>
      <c r="EQ94">
        <f t="shared" si="522"/>
        <v>1.3277351192079931</v>
      </c>
      <c r="ER94">
        <f t="shared" si="523"/>
        <v>1.2984131488260386</v>
      </c>
      <c r="ES94">
        <f t="shared" si="524"/>
        <v>1.2669172606607069</v>
      </c>
      <c r="ET94">
        <f t="shared" si="525"/>
        <v>1.2328991098994539</v>
      </c>
      <c r="EU94">
        <f t="shared" si="526"/>
        <v>1.1959192746788612</v>
      </c>
      <c r="EV94">
        <f t="shared" si="527"/>
        <v>1.1659068086129309</v>
      </c>
      <c r="EW94">
        <f t="shared" si="528"/>
        <v>1.1554124482620232</v>
      </c>
      <c r="EX94" s="98">
        <f t="shared" si="529"/>
        <v>1.1554124482620232</v>
      </c>
      <c r="EY94" s="97">
        <f t="shared" si="530"/>
        <v>0.90541244826202316</v>
      </c>
      <c r="EZ94">
        <f t="shared" si="531"/>
        <v>1.1892399316066766</v>
      </c>
      <c r="FA94">
        <f t="shared" si="532"/>
        <v>1.1552217808454237</v>
      </c>
      <c r="FB94">
        <f t="shared" si="533"/>
        <v>1.1309294549634457</v>
      </c>
      <c r="FC94">
        <f t="shared" si="534"/>
        <v>1.1051639906914608</v>
      </c>
      <c r="FD94">
        <f t="shared" si="535"/>
        <v>1.0777351192079931</v>
      </c>
      <c r="FE94">
        <f t="shared" si="536"/>
        <v>1.0484131488260386</v>
      </c>
      <c r="FF94">
        <f t="shared" si="537"/>
        <v>1.0169172606607069</v>
      </c>
      <c r="FG94">
        <f t="shared" si="538"/>
        <v>0.98289910989945395</v>
      </c>
      <c r="FH94">
        <f t="shared" si="539"/>
        <v>0.94591927467886117</v>
      </c>
      <c r="FI94">
        <f t="shared" si="540"/>
        <v>0.91590680861293094</v>
      </c>
      <c r="FJ94">
        <f t="shared" si="541"/>
        <v>0.90541244826202316</v>
      </c>
      <c r="FK94">
        <f t="shared" si="542"/>
        <v>0.90541244826202316</v>
      </c>
      <c r="FL94" s="126">
        <f t="shared" si="543"/>
        <v>16.47551273665929</v>
      </c>
      <c r="FM94" s="91">
        <f t="shared" si="544"/>
        <v>557.12363586190793</v>
      </c>
      <c r="FN94" s="91">
        <f t="shared" si="545"/>
        <v>2211.4654122507718</v>
      </c>
      <c r="FO94" s="91">
        <f t="shared" si="546"/>
        <v>3298.9573912085771</v>
      </c>
      <c r="FP94" s="91">
        <f t="shared" si="547"/>
        <v>4372.8140099845314</v>
      </c>
      <c r="FQ94" s="91">
        <f t="shared" si="548"/>
        <v>5431.6909955609226</v>
      </c>
      <c r="FR94" s="91">
        <f t="shared" si="549"/>
        <v>6473.9943777229619</v>
      </c>
      <c r="FS94" s="91">
        <f t="shared" si="550"/>
        <v>7497.8106456381483</v>
      </c>
      <c r="FT94" s="91">
        <f t="shared" si="551"/>
        <v>8500.8099273704447</v>
      </c>
      <c r="FU94" s="91">
        <f t="shared" si="552"/>
        <v>9480.1084304347714</v>
      </c>
      <c r="FV94" s="91">
        <f t="shared" si="553"/>
        <v>10196.875820966112</v>
      </c>
      <c r="FW94" s="91">
        <f t="shared" si="554"/>
        <v>10432.067339081043</v>
      </c>
      <c r="FX94" s="91">
        <f t="shared" si="555"/>
        <v>10432.067339081043</v>
      </c>
      <c r="FY94" s="91">
        <f t="shared" si="556"/>
        <v>0</v>
      </c>
      <c r="FZ94" s="91">
        <f t="shared" si="557"/>
        <v>0.72838815879742091</v>
      </c>
      <c r="GA94" s="91">
        <f t="shared" si="558"/>
        <v>7.2156608942793969</v>
      </c>
      <c r="GB94" s="91">
        <f t="shared" si="559"/>
        <v>12.758165175022958</v>
      </c>
      <c r="GC94" s="91">
        <f t="shared" si="560"/>
        <v>21.65396563200698</v>
      </c>
      <c r="GD94" s="91">
        <f t="shared" si="561"/>
        <v>33.49149130334149</v>
      </c>
      <c r="GE94" s="91">
        <f t="shared" si="562"/>
        <v>52.017885264039379</v>
      </c>
      <c r="GF94" s="91">
        <f t="shared" si="563"/>
        <v>75.243861319186934</v>
      </c>
      <c r="GG94" s="91">
        <f t="shared" si="564"/>
        <v>116.22039186545049</v>
      </c>
      <c r="GH94" s="91">
        <f t="shared" si="565"/>
        <v>188.76372103363164</v>
      </c>
      <c r="GI94" s="91">
        <f t="shared" si="566"/>
        <v>339.70375636218671</v>
      </c>
      <c r="GJ94" s="91">
        <f t="shared" si="567"/>
        <v>556.32628700563578</v>
      </c>
      <c r="GK94" s="127">
        <f t="shared" si="568"/>
        <v>6617.7563683296457</v>
      </c>
      <c r="GL94" s="126">
        <f t="shared" si="569"/>
        <v>18.000418843740121</v>
      </c>
      <c r="GM94" s="91">
        <f t="shared" si="570"/>
        <v>617.45263100290379</v>
      </c>
      <c r="GN94" s="91">
        <f t="shared" si="571"/>
        <v>2447.0036518729635</v>
      </c>
      <c r="GO94" s="91">
        <f t="shared" si="572"/>
        <v>3646.0759324957212</v>
      </c>
      <c r="GP94" s="91">
        <f t="shared" si="573"/>
        <v>4826.8865700177857</v>
      </c>
      <c r="GQ94" s="91">
        <f t="shared" si="574"/>
        <v>5987.6351987904354</v>
      </c>
      <c r="GR94" s="91">
        <f t="shared" si="575"/>
        <v>7126.187037276005</v>
      </c>
      <c r="GS94" s="91">
        <f t="shared" si="576"/>
        <v>8239.9793477523999</v>
      </c>
      <c r="GT94" s="91">
        <f t="shared" si="577"/>
        <v>9325.8917660195639</v>
      </c>
      <c r="GU94" s="91">
        <f t="shared" si="578"/>
        <v>10380.062069999271</v>
      </c>
      <c r="GV94" s="91">
        <f t="shared" si="579"/>
        <v>11146.975753206945</v>
      </c>
      <c r="GW94" s="91">
        <f t="shared" si="580"/>
        <v>11397.616845740511</v>
      </c>
      <c r="GX94" s="91">
        <f t="shared" si="581"/>
        <v>11397.616845740511</v>
      </c>
      <c r="GY94" s="91">
        <f t="shared" si="582"/>
        <v>0</v>
      </c>
      <c r="GZ94" s="91">
        <f t="shared" si="583"/>
        <v>0.72727070279580774</v>
      </c>
      <c r="HA94" s="91">
        <f t="shared" si="584"/>
        <v>7.1691577607427375</v>
      </c>
      <c r="HB94" s="91">
        <f t="shared" si="585"/>
        <v>12.63047353685949</v>
      </c>
      <c r="HC94" s="91">
        <f t="shared" si="586"/>
        <v>21.354232682993942</v>
      </c>
      <c r="HD94" s="91">
        <f t="shared" si="587"/>
        <v>32.889166904687002</v>
      </c>
      <c r="HE94" s="91">
        <f t="shared" si="588"/>
        <v>50.848276208449477</v>
      </c>
      <c r="HF94" s="91">
        <f t="shared" si="589"/>
        <v>73.181899279487737</v>
      </c>
      <c r="HG94" s="91">
        <f t="shared" si="590"/>
        <v>112.40624465267867</v>
      </c>
      <c r="HH94" s="91">
        <f t="shared" si="591"/>
        <v>181.43450867774413</v>
      </c>
      <c r="HI94" s="91">
        <f t="shared" si="592"/>
        <v>324.82414246095419</v>
      </c>
      <c r="HJ94" s="91">
        <f t="shared" si="593"/>
        <v>530.97888080127268</v>
      </c>
      <c r="HK94" s="127">
        <f t="shared" si="594"/>
        <v>6316.23734478607</v>
      </c>
      <c r="HL94" s="126">
        <f t="shared" si="595"/>
        <v>13.864949379144278</v>
      </c>
      <c r="HM94" s="91">
        <f t="shared" si="596"/>
        <v>546.78411981221257</v>
      </c>
      <c r="HN94" s="91">
        <f t="shared" si="597"/>
        <v>2135.4409024012393</v>
      </c>
      <c r="HO94" s="91">
        <f t="shared" si="598"/>
        <v>3147.7877175574185</v>
      </c>
      <c r="HP94" s="91">
        <f t="shared" si="599"/>
        <v>4118.7414750186927</v>
      </c>
      <c r="HQ94" s="91">
        <f t="shared" si="600"/>
        <v>5044.2213459812938</v>
      </c>
      <c r="HR94" s="91">
        <f t="shared" si="601"/>
        <v>5919.3884922931811</v>
      </c>
      <c r="HS94" s="91">
        <f t="shared" si="602"/>
        <v>6738.4340417842704</v>
      </c>
      <c r="HT94" s="91">
        <f t="shared" si="603"/>
        <v>7494.2851689344379</v>
      </c>
      <c r="HU94" s="91">
        <f t="shared" si="604"/>
        <v>8178.1875036996989</v>
      </c>
      <c r="HV94" s="91">
        <f t="shared" si="605"/>
        <v>8637.3624199455408</v>
      </c>
      <c r="HW94" s="91">
        <f t="shared" si="606"/>
        <v>8779.0946411244386</v>
      </c>
      <c r="HX94" s="91">
        <f t="shared" si="607"/>
        <v>8779.0946411244386</v>
      </c>
      <c r="HY94" s="91">
        <f t="shared" si="608"/>
        <v>0</v>
      </c>
      <c r="HZ94" s="91">
        <f t="shared" si="609"/>
        <v>0.72399540072211399</v>
      </c>
      <c r="IA94" s="91">
        <f t="shared" si="610"/>
        <v>7.0328554727904597</v>
      </c>
      <c r="IB94" s="91">
        <f t="shared" si="611"/>
        <v>12.256204942242439</v>
      </c>
      <c r="IC94" s="91">
        <f t="shared" si="612"/>
        <v>20.475705073817789</v>
      </c>
      <c r="ID94" s="91">
        <f t="shared" si="613"/>
        <v>31.123733322423842</v>
      </c>
      <c r="IE94" s="91">
        <f t="shared" si="614"/>
        <v>47.420111735168732</v>
      </c>
      <c r="IF94" s="91">
        <f t="shared" si="615"/>
        <v>67.138217438990125</v>
      </c>
      <c r="IG94" s="91">
        <f t="shared" si="616"/>
        <v>101.22684764972679</v>
      </c>
      <c r="IH94" s="91">
        <f t="shared" si="617"/>
        <v>159.95233453117731</v>
      </c>
      <c r="II94" s="91">
        <f t="shared" si="618"/>
        <v>281.21148102630707</v>
      </c>
      <c r="IJ94" s="91">
        <f t="shared" si="619"/>
        <v>456.68475916779437</v>
      </c>
      <c r="IK94" s="127">
        <f t="shared" si="620"/>
        <v>5432.4746895721391</v>
      </c>
    </row>
    <row r="95" spans="2:245" x14ac:dyDescent="0.2">
      <c r="B95" s="79">
        <f t="shared" si="621"/>
        <v>-84.5</v>
      </c>
      <c r="C95" s="73">
        <f>'p-y mono_clay'!C95</f>
        <v>69</v>
      </c>
      <c r="D95" s="64">
        <f>'p-y mono_clay'!D95</f>
        <v>68.99199999999999</v>
      </c>
      <c r="E95" s="64" t="str">
        <f>'p-y mono_clay'!E95</f>
        <v>SAND</v>
      </c>
      <c r="F95" s="55">
        <f>VLOOKUP($C95, 'Pile Property'!$A$8:$D$108,2,TRUE)</f>
        <v>2</v>
      </c>
      <c r="G95" s="102" t="e">
        <f>'p-y mono_clay'!Z95</f>
        <v>#N/A</v>
      </c>
      <c r="H95" s="199">
        <f>'p-y mono_clay'!AM95</f>
        <v>0</v>
      </c>
      <c r="I95" s="55" t="e">
        <f>'p-y mono_clay'!AN95</f>
        <v>#N/A</v>
      </c>
      <c r="J95" s="55" t="e">
        <f>'p-y mono_clay'!AO95</f>
        <v>#N/A</v>
      </c>
      <c r="K95" s="55" t="e">
        <f>'p-y mono_clay'!AP95</f>
        <v>#N/A</v>
      </c>
      <c r="L95" s="55" t="e">
        <f>'p-y mono_clay'!AQ95</f>
        <v>#N/A</v>
      </c>
      <c r="M95" s="55" t="e">
        <f>'p-y mono_clay'!AR95</f>
        <v>#N/A</v>
      </c>
      <c r="N95" s="55" t="e">
        <f>'p-y mono_clay'!AS95</f>
        <v>#N/A</v>
      </c>
      <c r="O95" s="55" t="e">
        <f>'p-y mono_clay'!AT95</f>
        <v>#N/A</v>
      </c>
      <c r="P95" s="55" t="e">
        <f>'p-y mono_clay'!AU95</f>
        <v>#N/A</v>
      </c>
      <c r="Q95" s="55" t="e">
        <f>'p-y mono_clay'!AV95</f>
        <v>#N/A</v>
      </c>
      <c r="R95" s="55" t="e">
        <f>'p-y mono_clay'!AW95</f>
        <v>#N/A</v>
      </c>
      <c r="S95" s="55" t="e">
        <f>'p-y mono_clay'!AX95</f>
        <v>#N/A</v>
      </c>
      <c r="T95" s="200">
        <f>'p-y mono_clay'!AY95</f>
        <v>6000</v>
      </c>
      <c r="U95" s="199">
        <f>'p-y mono_clay'!AZ95</f>
        <v>13</v>
      </c>
      <c r="V95" s="55" t="e">
        <f>'p-y mono_clay'!BA95</f>
        <v>#N/A</v>
      </c>
      <c r="W95" s="55" t="e">
        <f>'p-y mono_clay'!BB95</f>
        <v>#N/A</v>
      </c>
      <c r="X95" s="55" t="e">
        <f>'p-y mono_clay'!BC95</f>
        <v>#N/A</v>
      </c>
      <c r="Y95" s="55" t="e">
        <f>'p-y mono_clay'!BD95</f>
        <v>#N/A</v>
      </c>
      <c r="Z95" s="55" t="e">
        <f>'p-y mono_clay'!BE95</f>
        <v>#N/A</v>
      </c>
      <c r="AA95" s="55" t="e">
        <f>'p-y mono_clay'!BF95</f>
        <v>#N/A</v>
      </c>
      <c r="AB95" s="55" t="e">
        <f>'p-y mono_clay'!BG95</f>
        <v>#N/A</v>
      </c>
      <c r="AC95" s="55" t="e">
        <f>'p-y mono_clay'!BH95</f>
        <v>#N/A</v>
      </c>
      <c r="AD95" s="55" t="e">
        <f>'p-y mono_clay'!BI95</f>
        <v>#N/A</v>
      </c>
      <c r="AE95" s="55" t="e">
        <f>'p-y mono_clay'!BJ95</f>
        <v>#N/A</v>
      </c>
      <c r="AF95" s="55" t="e">
        <f>'p-y mono_clay'!BK95</f>
        <v>#N/A</v>
      </c>
      <c r="AG95" s="200" t="e">
        <f>'p-y mono_clay'!BL95</f>
        <v>#N/A</v>
      </c>
      <c r="AH95">
        <f t="shared" si="413"/>
        <v>30</v>
      </c>
      <c r="AI95">
        <v>0</v>
      </c>
      <c r="AJ95" t="e">
        <f t="shared" si="414"/>
        <v>#N/A</v>
      </c>
      <c r="AK95" t="e">
        <f t="shared" si="415"/>
        <v>#N/A</v>
      </c>
      <c r="AL95" t="e">
        <f t="shared" si="416"/>
        <v>#N/A</v>
      </c>
      <c r="AM95" t="e">
        <f t="shared" si="417"/>
        <v>#N/A</v>
      </c>
      <c r="AN95" t="e">
        <f t="shared" si="418"/>
        <v>#N/A</v>
      </c>
      <c r="AO95" t="e">
        <f t="shared" si="419"/>
        <v>#N/A</v>
      </c>
      <c r="AP95" t="e">
        <f t="shared" si="420"/>
        <v>#N/A</v>
      </c>
      <c r="AQ95" t="e">
        <f t="shared" si="421"/>
        <v>#N/A</v>
      </c>
      <c r="AR95" t="e">
        <f t="shared" si="422"/>
        <v>#N/A</v>
      </c>
      <c r="AS95" t="e">
        <f t="shared" si="423"/>
        <v>#N/A</v>
      </c>
      <c r="AT95" t="e">
        <f t="shared" si="424"/>
        <v>#N/A</v>
      </c>
      <c r="AU95" t="e">
        <f t="shared" si="425"/>
        <v>#N/A</v>
      </c>
      <c r="AV95">
        <v>1</v>
      </c>
      <c r="AW95">
        <v>1.25</v>
      </c>
      <c r="AX95">
        <v>2.5</v>
      </c>
      <c r="AY95" s="162">
        <f t="shared" si="426"/>
        <v>2</v>
      </c>
      <c r="AZ95" s="162" t="e">
        <f t="shared" si="427"/>
        <v>#N/A</v>
      </c>
      <c r="BA95" s="162" t="e">
        <f t="shared" si="428"/>
        <v>#N/A</v>
      </c>
      <c r="BB95" s="162" t="e">
        <f t="shared" si="429"/>
        <v>#N/A</v>
      </c>
      <c r="BC95" s="162" t="e">
        <f t="shared" si="430"/>
        <v>#N/A</v>
      </c>
      <c r="BD95" s="162" t="e">
        <f t="shared" si="431"/>
        <v>#N/A</v>
      </c>
      <c r="BE95" s="162" t="e">
        <f t="shared" si="432"/>
        <v>#N/A</v>
      </c>
      <c r="BF95" s="162" t="e">
        <f t="shared" si="433"/>
        <v>#N/A</v>
      </c>
      <c r="BG95" s="162" t="e">
        <f t="shared" si="434"/>
        <v>#N/A</v>
      </c>
      <c r="BH95" s="162" t="e">
        <f t="shared" si="435"/>
        <v>#N/A</v>
      </c>
      <c r="BI95" s="162" t="e">
        <f t="shared" si="436"/>
        <v>#N/A</v>
      </c>
      <c r="BJ95" s="162" t="e">
        <f t="shared" si="437"/>
        <v>#N/A</v>
      </c>
      <c r="BK95" s="162" t="e">
        <f t="shared" si="438"/>
        <v>#N/A</v>
      </c>
      <c r="BL95" s="162">
        <f t="shared" si="439"/>
        <v>2.3784142300054421</v>
      </c>
      <c r="BM95" s="162" t="e">
        <f t="shared" si="440"/>
        <v>#N/A</v>
      </c>
      <c r="BN95" s="162" t="e">
        <f t="shared" si="441"/>
        <v>#N/A</v>
      </c>
      <c r="BO95" s="162" t="e">
        <f t="shared" si="442"/>
        <v>#N/A</v>
      </c>
      <c r="BP95" s="162" t="e">
        <f t="shared" si="443"/>
        <v>#N/A</v>
      </c>
      <c r="BQ95" s="162" t="e">
        <f t="shared" si="444"/>
        <v>#N/A</v>
      </c>
      <c r="BR95" s="162" t="e">
        <f t="shared" si="445"/>
        <v>#N/A</v>
      </c>
      <c r="BS95" s="162" t="e">
        <f t="shared" si="446"/>
        <v>#N/A</v>
      </c>
      <c r="BT95" s="162" t="e">
        <f t="shared" si="447"/>
        <v>#N/A</v>
      </c>
      <c r="BU95" s="162" t="e">
        <f t="shared" si="448"/>
        <v>#N/A</v>
      </c>
      <c r="BV95" s="162" t="e">
        <f t="shared" si="449"/>
        <v>#N/A</v>
      </c>
      <c r="BW95" s="162" t="e">
        <f t="shared" si="450"/>
        <v>#N/A</v>
      </c>
      <c r="BX95" s="162" t="e">
        <f t="shared" si="451"/>
        <v>#N/A</v>
      </c>
      <c r="BY95" s="162">
        <f t="shared" si="452"/>
        <v>5.6568542494923806</v>
      </c>
      <c r="BZ95" s="162" t="e">
        <f t="shared" si="453"/>
        <v>#N/A</v>
      </c>
      <c r="CA95" s="162" t="e">
        <f t="shared" si="454"/>
        <v>#N/A</v>
      </c>
      <c r="CB95" s="162" t="e">
        <f t="shared" si="455"/>
        <v>#N/A</v>
      </c>
      <c r="CC95" s="162" t="e">
        <f t="shared" si="456"/>
        <v>#N/A</v>
      </c>
      <c r="CD95" s="162" t="e">
        <f t="shared" si="457"/>
        <v>#N/A</v>
      </c>
      <c r="CE95" s="162" t="e">
        <f t="shared" si="458"/>
        <v>#N/A</v>
      </c>
      <c r="CF95" s="162" t="e">
        <f t="shared" si="459"/>
        <v>#N/A</v>
      </c>
      <c r="CG95" s="162" t="e">
        <f t="shared" si="460"/>
        <v>#N/A</v>
      </c>
      <c r="CH95" s="162" t="e">
        <f t="shared" si="461"/>
        <v>#N/A</v>
      </c>
      <c r="CI95" s="162" t="e">
        <f t="shared" si="462"/>
        <v>#N/A</v>
      </c>
      <c r="CJ95" s="162" t="e">
        <f t="shared" si="463"/>
        <v>#N/A</v>
      </c>
      <c r="CK95" s="162" t="e">
        <f t="shared" si="464"/>
        <v>#N/A</v>
      </c>
      <c r="CL95">
        <f t="shared" si="465"/>
        <v>1.3729593947216077</v>
      </c>
      <c r="CM95" t="e">
        <f t="shared" si="466"/>
        <v>#N/A</v>
      </c>
      <c r="CN95" t="e">
        <f t="shared" si="467"/>
        <v>#N/A</v>
      </c>
      <c r="CO95" t="e">
        <f t="shared" si="468"/>
        <v>#N/A</v>
      </c>
      <c r="CP95" t="e">
        <f t="shared" si="469"/>
        <v>#N/A</v>
      </c>
      <c r="CQ95" t="e">
        <f t="shared" si="470"/>
        <v>#N/A</v>
      </c>
      <c r="CR95" t="e">
        <f t="shared" si="471"/>
        <v>#N/A</v>
      </c>
      <c r="CS95" t="e">
        <f t="shared" si="472"/>
        <v>#N/A</v>
      </c>
      <c r="CT95" t="e">
        <f t="shared" si="473"/>
        <v>#N/A</v>
      </c>
      <c r="CU95" t="e">
        <f t="shared" si="474"/>
        <v>#N/A</v>
      </c>
      <c r="CV95" t="e">
        <f t="shared" si="475"/>
        <v>#N/A</v>
      </c>
      <c r="CW95" t="e">
        <f t="shared" si="476"/>
        <v>#N/A</v>
      </c>
      <c r="CX95" s="98" t="e">
        <f t="shared" si="477"/>
        <v>#N/A</v>
      </c>
      <c r="CY95">
        <f t="shared" si="478"/>
        <v>1.1029593947216076</v>
      </c>
      <c r="CZ95" t="e">
        <f t="shared" si="479"/>
        <v>#N/A</v>
      </c>
      <c r="DA95" t="e">
        <f t="shared" si="480"/>
        <v>#N/A</v>
      </c>
      <c r="DB95" t="e">
        <f t="shared" si="481"/>
        <v>#N/A</v>
      </c>
      <c r="DC95" t="e">
        <f t="shared" si="482"/>
        <v>#N/A</v>
      </c>
      <c r="DD95" t="e">
        <f t="shared" si="483"/>
        <v>#N/A</v>
      </c>
      <c r="DE95" t="e">
        <f t="shared" si="484"/>
        <v>#N/A</v>
      </c>
      <c r="DF95" t="e">
        <f t="shared" si="485"/>
        <v>#N/A</v>
      </c>
      <c r="DG95" t="e">
        <f t="shared" si="486"/>
        <v>#N/A</v>
      </c>
      <c r="DH95" t="e">
        <f t="shared" si="487"/>
        <v>#N/A</v>
      </c>
      <c r="DI95" t="e">
        <f t="shared" si="488"/>
        <v>#N/A</v>
      </c>
      <c r="DJ95" t="e">
        <f t="shared" si="489"/>
        <v>#N/A</v>
      </c>
      <c r="DK95" t="e">
        <f t="shared" si="490"/>
        <v>#N/A</v>
      </c>
      <c r="DL95" s="97">
        <f t="shared" si="491"/>
        <v>1.5000349036450102</v>
      </c>
      <c r="DM95" t="e">
        <f t="shared" si="492"/>
        <v>#N/A</v>
      </c>
      <c r="DN95" t="e">
        <f t="shared" si="493"/>
        <v>#N/A</v>
      </c>
      <c r="DO95" t="e">
        <f t="shared" si="494"/>
        <v>#N/A</v>
      </c>
      <c r="DP95" t="e">
        <f t="shared" si="495"/>
        <v>#N/A</v>
      </c>
      <c r="DQ95" t="e">
        <f t="shared" si="496"/>
        <v>#N/A</v>
      </c>
      <c r="DR95" t="e">
        <f t="shared" si="497"/>
        <v>#N/A</v>
      </c>
      <c r="DS95" t="e">
        <f t="shared" si="498"/>
        <v>#N/A</v>
      </c>
      <c r="DT95" t="e">
        <f t="shared" si="499"/>
        <v>#N/A</v>
      </c>
      <c r="DU95" t="e">
        <f t="shared" si="500"/>
        <v>#N/A</v>
      </c>
      <c r="DV95" t="e">
        <f t="shared" si="501"/>
        <v>#N/A</v>
      </c>
      <c r="DW95" t="e">
        <f t="shared" si="502"/>
        <v>#N/A</v>
      </c>
      <c r="DX95" s="98" t="e">
        <f t="shared" si="503"/>
        <v>#N/A</v>
      </c>
      <c r="DY95">
        <f t="shared" si="504"/>
        <v>1.0527062241310117</v>
      </c>
      <c r="DZ95" t="e">
        <f t="shared" si="505"/>
        <v>#N/A</v>
      </c>
      <c r="EA95" t="e">
        <f t="shared" si="506"/>
        <v>#N/A</v>
      </c>
      <c r="EB95" t="e">
        <f t="shared" si="507"/>
        <v>#N/A</v>
      </c>
      <c r="EC95" t="e">
        <f t="shared" si="508"/>
        <v>#N/A</v>
      </c>
      <c r="ED95" t="e">
        <f t="shared" si="509"/>
        <v>#N/A</v>
      </c>
      <c r="EE95" t="e">
        <f t="shared" si="510"/>
        <v>#N/A</v>
      </c>
      <c r="EF95" t="e">
        <f t="shared" si="511"/>
        <v>#N/A</v>
      </c>
      <c r="EG95" t="e">
        <f t="shared" si="512"/>
        <v>#N/A</v>
      </c>
      <c r="EH95" t="e">
        <f t="shared" si="513"/>
        <v>#N/A</v>
      </c>
      <c r="EI95" t="e">
        <f t="shared" si="514"/>
        <v>#N/A</v>
      </c>
      <c r="EJ95" t="e">
        <f t="shared" si="515"/>
        <v>#N/A</v>
      </c>
      <c r="EK95" t="e">
        <f t="shared" si="516"/>
        <v>#N/A</v>
      </c>
      <c r="EL95" s="97">
        <f t="shared" si="517"/>
        <v>1.1554124482620232</v>
      </c>
      <c r="EM95" t="e">
        <f t="shared" si="518"/>
        <v>#N/A</v>
      </c>
      <c r="EN95" t="e">
        <f t="shared" si="519"/>
        <v>#N/A</v>
      </c>
      <c r="EO95" t="e">
        <f t="shared" si="520"/>
        <v>#N/A</v>
      </c>
      <c r="EP95" t="e">
        <f t="shared" si="521"/>
        <v>#N/A</v>
      </c>
      <c r="EQ95" t="e">
        <f t="shared" si="522"/>
        <v>#N/A</v>
      </c>
      <c r="ER95" t="e">
        <f t="shared" si="523"/>
        <v>#N/A</v>
      </c>
      <c r="ES95" t="e">
        <f t="shared" si="524"/>
        <v>#N/A</v>
      </c>
      <c r="ET95" t="e">
        <f t="shared" si="525"/>
        <v>#N/A</v>
      </c>
      <c r="EU95" t="e">
        <f t="shared" si="526"/>
        <v>#N/A</v>
      </c>
      <c r="EV95" t="e">
        <f t="shared" si="527"/>
        <v>#N/A</v>
      </c>
      <c r="EW95" t="e">
        <f t="shared" si="528"/>
        <v>#N/A</v>
      </c>
      <c r="EX95" s="98" t="e">
        <f t="shared" si="529"/>
        <v>#N/A</v>
      </c>
      <c r="EY95" s="97">
        <f t="shared" si="530"/>
        <v>0.90541244826202316</v>
      </c>
      <c r="EZ95" t="e">
        <f t="shared" si="531"/>
        <v>#N/A</v>
      </c>
      <c r="FA95" t="e">
        <f t="shared" si="532"/>
        <v>#N/A</v>
      </c>
      <c r="FB95" t="e">
        <f t="shared" si="533"/>
        <v>#N/A</v>
      </c>
      <c r="FC95" t="e">
        <f t="shared" si="534"/>
        <v>#N/A</v>
      </c>
      <c r="FD95" t="e">
        <f t="shared" si="535"/>
        <v>#N/A</v>
      </c>
      <c r="FE95" t="e">
        <f t="shared" si="536"/>
        <v>#N/A</v>
      </c>
      <c r="FF95" t="e">
        <f t="shared" si="537"/>
        <v>#N/A</v>
      </c>
      <c r="FG95" t="e">
        <f t="shared" si="538"/>
        <v>#N/A</v>
      </c>
      <c r="FH95" t="e">
        <f t="shared" si="539"/>
        <v>#N/A</v>
      </c>
      <c r="FI95" t="e">
        <f t="shared" si="540"/>
        <v>#N/A</v>
      </c>
      <c r="FJ95" t="e">
        <f t="shared" si="541"/>
        <v>#N/A</v>
      </c>
      <c r="FK95" t="e">
        <f t="shared" si="542"/>
        <v>#N/A</v>
      </c>
      <c r="FL95" s="126">
        <f t="shared" si="543"/>
        <v>17.848472131380898</v>
      </c>
      <c r="FM95" s="91" t="e">
        <f t="shared" si="544"/>
        <v>#N/A</v>
      </c>
      <c r="FN95" s="91" t="e">
        <f t="shared" si="545"/>
        <v>#N/A</v>
      </c>
      <c r="FO95" s="91" t="e">
        <f t="shared" si="546"/>
        <v>#N/A</v>
      </c>
      <c r="FP95" s="91" t="e">
        <f t="shared" si="547"/>
        <v>#N/A</v>
      </c>
      <c r="FQ95" s="91" t="e">
        <f t="shared" si="548"/>
        <v>#N/A</v>
      </c>
      <c r="FR95" s="91" t="e">
        <f t="shared" si="549"/>
        <v>#N/A</v>
      </c>
      <c r="FS95" s="91" t="e">
        <f t="shared" si="550"/>
        <v>#N/A</v>
      </c>
      <c r="FT95" s="91" t="e">
        <f t="shared" si="551"/>
        <v>#N/A</v>
      </c>
      <c r="FU95" s="91" t="e">
        <f t="shared" si="552"/>
        <v>#N/A</v>
      </c>
      <c r="FV95" s="91" t="e">
        <f t="shared" si="553"/>
        <v>#N/A</v>
      </c>
      <c r="FW95" s="91" t="e">
        <f t="shared" si="554"/>
        <v>#N/A</v>
      </c>
      <c r="FX95" s="91" t="e">
        <f t="shared" si="555"/>
        <v>#N/A</v>
      </c>
      <c r="FY95" s="91">
        <f t="shared" si="556"/>
        <v>0</v>
      </c>
      <c r="FZ95" s="91" t="e">
        <f t="shared" si="557"/>
        <v>#N/A</v>
      </c>
      <c r="GA95" s="91" t="e">
        <f t="shared" si="558"/>
        <v>#N/A</v>
      </c>
      <c r="GB95" s="91" t="e">
        <f t="shared" si="559"/>
        <v>#N/A</v>
      </c>
      <c r="GC95" s="91" t="e">
        <f t="shared" si="560"/>
        <v>#N/A</v>
      </c>
      <c r="GD95" s="91" t="e">
        <f t="shared" si="561"/>
        <v>#N/A</v>
      </c>
      <c r="GE95" s="91" t="e">
        <f t="shared" si="562"/>
        <v>#N/A</v>
      </c>
      <c r="GF95" s="91" t="e">
        <f t="shared" si="563"/>
        <v>#N/A</v>
      </c>
      <c r="GG95" s="91" t="e">
        <f t="shared" si="564"/>
        <v>#N/A</v>
      </c>
      <c r="GH95" s="91" t="e">
        <f t="shared" si="565"/>
        <v>#N/A</v>
      </c>
      <c r="GI95" s="91" t="e">
        <f t="shared" si="566"/>
        <v>#N/A</v>
      </c>
      <c r="GJ95" s="91" t="e">
        <f t="shared" si="567"/>
        <v>#N/A</v>
      </c>
      <c r="GK95" s="127" t="e">
        <f t="shared" si="568"/>
        <v>#N/A</v>
      </c>
      <c r="GL95" s="126">
        <f t="shared" si="569"/>
        <v>19.500453747385134</v>
      </c>
      <c r="GM95" s="91" t="e">
        <f t="shared" si="570"/>
        <v>#N/A</v>
      </c>
      <c r="GN95" s="91" t="e">
        <f t="shared" si="571"/>
        <v>#N/A</v>
      </c>
      <c r="GO95" s="91" t="e">
        <f t="shared" si="572"/>
        <v>#N/A</v>
      </c>
      <c r="GP95" s="91" t="e">
        <f t="shared" si="573"/>
        <v>#N/A</v>
      </c>
      <c r="GQ95" s="91" t="e">
        <f t="shared" si="574"/>
        <v>#N/A</v>
      </c>
      <c r="GR95" s="91" t="e">
        <f t="shared" si="575"/>
        <v>#N/A</v>
      </c>
      <c r="GS95" s="91" t="e">
        <f t="shared" si="576"/>
        <v>#N/A</v>
      </c>
      <c r="GT95" s="91" t="e">
        <f t="shared" si="577"/>
        <v>#N/A</v>
      </c>
      <c r="GU95" s="91" t="e">
        <f t="shared" si="578"/>
        <v>#N/A</v>
      </c>
      <c r="GV95" s="91" t="e">
        <f t="shared" si="579"/>
        <v>#N/A</v>
      </c>
      <c r="GW95" s="91" t="e">
        <f t="shared" si="580"/>
        <v>#N/A</v>
      </c>
      <c r="GX95" s="91" t="e">
        <f t="shared" si="581"/>
        <v>#N/A</v>
      </c>
      <c r="GY95" s="91">
        <f t="shared" si="582"/>
        <v>0</v>
      </c>
      <c r="GZ95" s="91" t="e">
        <f t="shared" si="583"/>
        <v>#N/A</v>
      </c>
      <c r="HA95" s="91" t="e">
        <f t="shared" si="584"/>
        <v>#N/A</v>
      </c>
      <c r="HB95" s="91" t="e">
        <f t="shared" si="585"/>
        <v>#N/A</v>
      </c>
      <c r="HC95" s="91" t="e">
        <f t="shared" si="586"/>
        <v>#N/A</v>
      </c>
      <c r="HD95" s="91" t="e">
        <f t="shared" si="587"/>
        <v>#N/A</v>
      </c>
      <c r="HE95" s="91" t="e">
        <f t="shared" si="588"/>
        <v>#N/A</v>
      </c>
      <c r="HF95" s="91" t="e">
        <f t="shared" si="589"/>
        <v>#N/A</v>
      </c>
      <c r="HG95" s="91" t="e">
        <f t="shared" si="590"/>
        <v>#N/A</v>
      </c>
      <c r="HH95" s="91" t="e">
        <f t="shared" si="591"/>
        <v>#N/A</v>
      </c>
      <c r="HI95" s="91" t="e">
        <f t="shared" si="592"/>
        <v>#N/A</v>
      </c>
      <c r="HJ95" s="91" t="e">
        <f t="shared" si="593"/>
        <v>#N/A</v>
      </c>
      <c r="HK95" s="127" t="e">
        <f t="shared" si="594"/>
        <v>#N/A</v>
      </c>
      <c r="HL95" s="126">
        <f t="shared" si="595"/>
        <v>15.020361827406301</v>
      </c>
      <c r="HM95" s="91" t="e">
        <f t="shared" si="596"/>
        <v>#N/A</v>
      </c>
      <c r="HN95" s="91" t="e">
        <f t="shared" si="597"/>
        <v>#N/A</v>
      </c>
      <c r="HO95" s="91" t="e">
        <f t="shared" si="598"/>
        <v>#N/A</v>
      </c>
      <c r="HP95" s="91" t="e">
        <f t="shared" si="599"/>
        <v>#N/A</v>
      </c>
      <c r="HQ95" s="91" t="e">
        <f t="shared" si="600"/>
        <v>#N/A</v>
      </c>
      <c r="HR95" s="91" t="e">
        <f t="shared" si="601"/>
        <v>#N/A</v>
      </c>
      <c r="HS95" s="91" t="e">
        <f t="shared" si="602"/>
        <v>#N/A</v>
      </c>
      <c r="HT95" s="91" t="e">
        <f t="shared" si="603"/>
        <v>#N/A</v>
      </c>
      <c r="HU95" s="91" t="e">
        <f t="shared" si="604"/>
        <v>#N/A</v>
      </c>
      <c r="HV95" s="91" t="e">
        <f t="shared" si="605"/>
        <v>#N/A</v>
      </c>
      <c r="HW95" s="91" t="e">
        <f t="shared" si="606"/>
        <v>#N/A</v>
      </c>
      <c r="HX95" s="91" t="e">
        <f t="shared" si="607"/>
        <v>#N/A</v>
      </c>
      <c r="HY95" s="91">
        <f t="shared" si="608"/>
        <v>0</v>
      </c>
      <c r="HZ95" s="91" t="e">
        <f t="shared" si="609"/>
        <v>#N/A</v>
      </c>
      <c r="IA95" s="91" t="e">
        <f t="shared" si="610"/>
        <v>#N/A</v>
      </c>
      <c r="IB95" s="91" t="e">
        <f t="shared" si="611"/>
        <v>#N/A</v>
      </c>
      <c r="IC95" s="91" t="e">
        <f t="shared" si="612"/>
        <v>#N/A</v>
      </c>
      <c r="ID95" s="91" t="e">
        <f t="shared" si="613"/>
        <v>#N/A</v>
      </c>
      <c r="IE95" s="91" t="e">
        <f t="shared" si="614"/>
        <v>#N/A</v>
      </c>
      <c r="IF95" s="91" t="e">
        <f t="shared" si="615"/>
        <v>#N/A</v>
      </c>
      <c r="IG95" s="91" t="e">
        <f t="shared" si="616"/>
        <v>#N/A</v>
      </c>
      <c r="IH95" s="91" t="e">
        <f t="shared" si="617"/>
        <v>#N/A</v>
      </c>
      <c r="II95" s="91" t="e">
        <f t="shared" si="618"/>
        <v>#N/A</v>
      </c>
      <c r="IJ95" s="91" t="e">
        <f t="shared" si="619"/>
        <v>#N/A</v>
      </c>
      <c r="IK95" s="127" t="e">
        <f t="shared" si="620"/>
        <v>#N/A</v>
      </c>
    </row>
    <row r="96" spans="2:245" ht="13.5" thickBot="1" x14ac:dyDescent="0.25">
      <c r="B96" s="79">
        <f t="shared" si="621"/>
        <v>-85.5</v>
      </c>
      <c r="C96" s="73">
        <f>'p-y mono_clay'!C96</f>
        <v>70</v>
      </c>
      <c r="D96" s="64">
        <f>'p-y mono_clay'!D96</f>
        <v>69.983999999999995</v>
      </c>
      <c r="E96" s="64" t="str">
        <f>'p-y mono_clay'!E96</f>
        <v>SAND</v>
      </c>
      <c r="F96" s="55">
        <f>VLOOKUP($C96, 'Pile Property'!$A$8:$D$108,2,TRUE)</f>
        <v>2</v>
      </c>
      <c r="G96" s="102" t="e">
        <f>'p-y mono_clay'!Z96</f>
        <v>#N/A</v>
      </c>
      <c r="H96" s="201">
        <f>'p-y mono_clay'!AM96</f>
        <v>0</v>
      </c>
      <c r="I96" s="202" t="e">
        <f>'p-y mono_clay'!AN96</f>
        <v>#N/A</v>
      </c>
      <c r="J96" s="202" t="e">
        <f>'p-y mono_clay'!AO96</f>
        <v>#N/A</v>
      </c>
      <c r="K96" s="202" t="e">
        <f>'p-y mono_clay'!AP96</f>
        <v>#N/A</v>
      </c>
      <c r="L96" s="202" t="e">
        <f>'p-y mono_clay'!AQ96</f>
        <v>#N/A</v>
      </c>
      <c r="M96" s="202" t="e">
        <f>'p-y mono_clay'!AR96</f>
        <v>#N/A</v>
      </c>
      <c r="N96" s="202" t="e">
        <f>'p-y mono_clay'!AS96</f>
        <v>#N/A</v>
      </c>
      <c r="O96" s="202" t="e">
        <f>'p-y mono_clay'!AT96</f>
        <v>#N/A</v>
      </c>
      <c r="P96" s="202" t="e">
        <f>'p-y mono_clay'!AU96</f>
        <v>#N/A</v>
      </c>
      <c r="Q96" s="202" t="e">
        <f>'p-y mono_clay'!AV96</f>
        <v>#N/A</v>
      </c>
      <c r="R96" s="202" t="e">
        <f>'p-y mono_clay'!AW96</f>
        <v>#N/A</v>
      </c>
      <c r="S96" s="202" t="e">
        <f>'p-y mono_clay'!AX96</f>
        <v>#N/A</v>
      </c>
      <c r="T96" s="203">
        <f>'p-y mono_clay'!AY96</f>
        <v>6000</v>
      </c>
      <c r="U96" s="201">
        <f>'p-y mono_clay'!AZ96</f>
        <v>14</v>
      </c>
      <c r="V96" s="202" t="e">
        <f>'p-y mono_clay'!BA96</f>
        <v>#N/A</v>
      </c>
      <c r="W96" s="202" t="e">
        <f>'p-y mono_clay'!BB96</f>
        <v>#N/A</v>
      </c>
      <c r="X96" s="202" t="e">
        <f>'p-y mono_clay'!BC96</f>
        <v>#N/A</v>
      </c>
      <c r="Y96" s="202" t="e">
        <f>'p-y mono_clay'!BD96</f>
        <v>#N/A</v>
      </c>
      <c r="Z96" s="202" t="e">
        <f>'p-y mono_clay'!BE96</f>
        <v>#N/A</v>
      </c>
      <c r="AA96" s="202" t="e">
        <f>'p-y mono_clay'!BF96</f>
        <v>#N/A</v>
      </c>
      <c r="AB96" s="202" t="e">
        <f>'p-y mono_clay'!BG96</f>
        <v>#N/A</v>
      </c>
      <c r="AC96" s="202" t="e">
        <f>'p-y mono_clay'!BH96</f>
        <v>#N/A</v>
      </c>
      <c r="AD96" s="202" t="e">
        <f>'p-y mono_clay'!BI96</f>
        <v>#N/A</v>
      </c>
      <c r="AE96" s="202" t="e">
        <f>'p-y mono_clay'!BJ96</f>
        <v>#N/A</v>
      </c>
      <c r="AF96" s="202" t="e">
        <f>'p-y mono_clay'!BK96</f>
        <v>#N/A</v>
      </c>
      <c r="AG96" s="203" t="e">
        <f>'p-y mono_clay'!BL96</f>
        <v>#N/A</v>
      </c>
      <c r="AH96">
        <f t="shared" si="413"/>
        <v>30</v>
      </c>
      <c r="AI96">
        <v>0</v>
      </c>
      <c r="AJ96" t="e">
        <f t="shared" si="414"/>
        <v>#N/A</v>
      </c>
      <c r="AK96" t="e">
        <f t="shared" si="415"/>
        <v>#N/A</v>
      </c>
      <c r="AL96" t="e">
        <f t="shared" si="416"/>
        <v>#N/A</v>
      </c>
      <c r="AM96" t="e">
        <f t="shared" si="417"/>
        <v>#N/A</v>
      </c>
      <c r="AN96" t="e">
        <f t="shared" si="418"/>
        <v>#N/A</v>
      </c>
      <c r="AO96" t="e">
        <f t="shared" si="419"/>
        <v>#N/A</v>
      </c>
      <c r="AP96" t="e">
        <f t="shared" si="420"/>
        <v>#N/A</v>
      </c>
      <c r="AQ96" t="e">
        <f t="shared" si="421"/>
        <v>#N/A</v>
      </c>
      <c r="AR96" t="e">
        <f t="shared" si="422"/>
        <v>#N/A</v>
      </c>
      <c r="AS96" t="e">
        <f t="shared" si="423"/>
        <v>#N/A</v>
      </c>
      <c r="AT96" t="e">
        <f t="shared" si="424"/>
        <v>#N/A</v>
      </c>
      <c r="AU96" t="e">
        <f t="shared" si="425"/>
        <v>#N/A</v>
      </c>
      <c r="AV96">
        <v>1</v>
      </c>
      <c r="AW96">
        <v>1.25</v>
      </c>
      <c r="AX96">
        <v>2.5</v>
      </c>
      <c r="AY96" s="162">
        <f t="shared" si="426"/>
        <v>2</v>
      </c>
      <c r="AZ96" s="162" t="e">
        <f t="shared" si="427"/>
        <v>#N/A</v>
      </c>
      <c r="BA96" s="162" t="e">
        <f t="shared" si="428"/>
        <v>#N/A</v>
      </c>
      <c r="BB96" s="162" t="e">
        <f t="shared" si="429"/>
        <v>#N/A</v>
      </c>
      <c r="BC96" s="162" t="e">
        <f t="shared" si="430"/>
        <v>#N/A</v>
      </c>
      <c r="BD96" s="162" t="e">
        <f t="shared" si="431"/>
        <v>#N/A</v>
      </c>
      <c r="BE96" s="162" t="e">
        <f t="shared" si="432"/>
        <v>#N/A</v>
      </c>
      <c r="BF96" s="162" t="e">
        <f t="shared" si="433"/>
        <v>#N/A</v>
      </c>
      <c r="BG96" s="162" t="e">
        <f t="shared" si="434"/>
        <v>#N/A</v>
      </c>
      <c r="BH96" s="162" t="e">
        <f t="shared" si="435"/>
        <v>#N/A</v>
      </c>
      <c r="BI96" s="162" t="e">
        <f t="shared" si="436"/>
        <v>#N/A</v>
      </c>
      <c r="BJ96" s="162" t="e">
        <f t="shared" si="437"/>
        <v>#N/A</v>
      </c>
      <c r="BK96" s="162" t="e">
        <f t="shared" si="438"/>
        <v>#N/A</v>
      </c>
      <c r="BL96" s="162">
        <f t="shared" si="439"/>
        <v>2.3784142300054421</v>
      </c>
      <c r="BM96" s="162" t="e">
        <f t="shared" si="440"/>
        <v>#N/A</v>
      </c>
      <c r="BN96" s="162" t="e">
        <f t="shared" si="441"/>
        <v>#N/A</v>
      </c>
      <c r="BO96" s="162" t="e">
        <f t="shared" si="442"/>
        <v>#N/A</v>
      </c>
      <c r="BP96" s="162" t="e">
        <f t="shared" si="443"/>
        <v>#N/A</v>
      </c>
      <c r="BQ96" s="162" t="e">
        <f t="shared" si="444"/>
        <v>#N/A</v>
      </c>
      <c r="BR96" s="162" t="e">
        <f t="shared" si="445"/>
        <v>#N/A</v>
      </c>
      <c r="BS96" s="162" t="e">
        <f t="shared" si="446"/>
        <v>#N/A</v>
      </c>
      <c r="BT96" s="162" t="e">
        <f t="shared" si="447"/>
        <v>#N/A</v>
      </c>
      <c r="BU96" s="162" t="e">
        <f t="shared" si="448"/>
        <v>#N/A</v>
      </c>
      <c r="BV96" s="162" t="e">
        <f t="shared" si="449"/>
        <v>#N/A</v>
      </c>
      <c r="BW96" s="162" t="e">
        <f t="shared" si="450"/>
        <v>#N/A</v>
      </c>
      <c r="BX96" s="162" t="e">
        <f t="shared" si="451"/>
        <v>#N/A</v>
      </c>
      <c r="BY96" s="162">
        <f t="shared" si="452"/>
        <v>5.6568542494923806</v>
      </c>
      <c r="BZ96" s="162" t="e">
        <f t="shared" si="453"/>
        <v>#N/A</v>
      </c>
      <c r="CA96" s="162" t="e">
        <f t="shared" si="454"/>
        <v>#N/A</v>
      </c>
      <c r="CB96" s="162" t="e">
        <f t="shared" si="455"/>
        <v>#N/A</v>
      </c>
      <c r="CC96" s="162" t="e">
        <f t="shared" si="456"/>
        <v>#N/A</v>
      </c>
      <c r="CD96" s="162" t="e">
        <f t="shared" si="457"/>
        <v>#N/A</v>
      </c>
      <c r="CE96" s="162" t="e">
        <f t="shared" si="458"/>
        <v>#N/A</v>
      </c>
      <c r="CF96" s="162" t="e">
        <f t="shared" si="459"/>
        <v>#N/A</v>
      </c>
      <c r="CG96" s="162" t="e">
        <f t="shared" si="460"/>
        <v>#N/A</v>
      </c>
      <c r="CH96" s="162" t="e">
        <f t="shared" si="461"/>
        <v>#N/A</v>
      </c>
      <c r="CI96" s="162" t="e">
        <f t="shared" si="462"/>
        <v>#N/A</v>
      </c>
      <c r="CJ96" s="162" t="e">
        <f t="shared" si="463"/>
        <v>#N/A</v>
      </c>
      <c r="CK96" s="162" t="e">
        <f t="shared" si="464"/>
        <v>#N/A</v>
      </c>
      <c r="CL96">
        <f t="shared" si="465"/>
        <v>1.3729593947216077</v>
      </c>
      <c r="CM96" t="e">
        <f t="shared" si="466"/>
        <v>#N/A</v>
      </c>
      <c r="CN96" t="e">
        <f t="shared" si="467"/>
        <v>#N/A</v>
      </c>
      <c r="CO96" t="e">
        <f t="shared" si="468"/>
        <v>#N/A</v>
      </c>
      <c r="CP96" t="e">
        <f t="shared" si="469"/>
        <v>#N/A</v>
      </c>
      <c r="CQ96" t="e">
        <f t="shared" si="470"/>
        <v>#N/A</v>
      </c>
      <c r="CR96" t="e">
        <f t="shared" si="471"/>
        <v>#N/A</v>
      </c>
      <c r="CS96" t="e">
        <f t="shared" si="472"/>
        <v>#N/A</v>
      </c>
      <c r="CT96" t="e">
        <f t="shared" si="473"/>
        <v>#N/A</v>
      </c>
      <c r="CU96" t="e">
        <f t="shared" si="474"/>
        <v>#N/A</v>
      </c>
      <c r="CV96" t="e">
        <f t="shared" si="475"/>
        <v>#N/A</v>
      </c>
      <c r="CW96" t="e">
        <f t="shared" si="476"/>
        <v>#N/A</v>
      </c>
      <c r="CX96" s="98" t="e">
        <f t="shared" si="477"/>
        <v>#N/A</v>
      </c>
      <c r="CY96">
        <f t="shared" si="478"/>
        <v>1.1029593947216076</v>
      </c>
      <c r="CZ96" t="e">
        <f t="shared" si="479"/>
        <v>#N/A</v>
      </c>
      <c r="DA96" t="e">
        <f t="shared" si="480"/>
        <v>#N/A</v>
      </c>
      <c r="DB96" t="e">
        <f t="shared" si="481"/>
        <v>#N/A</v>
      </c>
      <c r="DC96" t="e">
        <f t="shared" si="482"/>
        <v>#N/A</v>
      </c>
      <c r="DD96" t="e">
        <f t="shared" si="483"/>
        <v>#N/A</v>
      </c>
      <c r="DE96" t="e">
        <f t="shared" si="484"/>
        <v>#N/A</v>
      </c>
      <c r="DF96" t="e">
        <f t="shared" si="485"/>
        <v>#N/A</v>
      </c>
      <c r="DG96" t="e">
        <f t="shared" si="486"/>
        <v>#N/A</v>
      </c>
      <c r="DH96" t="e">
        <f t="shared" si="487"/>
        <v>#N/A</v>
      </c>
      <c r="DI96" t="e">
        <f t="shared" si="488"/>
        <v>#N/A</v>
      </c>
      <c r="DJ96" t="e">
        <f t="shared" si="489"/>
        <v>#N/A</v>
      </c>
      <c r="DK96" t="e">
        <f t="shared" si="490"/>
        <v>#N/A</v>
      </c>
      <c r="DL96" s="97">
        <f t="shared" si="491"/>
        <v>1.5000349036450102</v>
      </c>
      <c r="DM96" t="e">
        <f t="shared" si="492"/>
        <v>#N/A</v>
      </c>
      <c r="DN96" t="e">
        <f t="shared" si="493"/>
        <v>#N/A</v>
      </c>
      <c r="DO96" t="e">
        <f t="shared" si="494"/>
        <v>#N/A</v>
      </c>
      <c r="DP96" t="e">
        <f t="shared" si="495"/>
        <v>#N/A</v>
      </c>
      <c r="DQ96" t="e">
        <f t="shared" si="496"/>
        <v>#N/A</v>
      </c>
      <c r="DR96" t="e">
        <f t="shared" si="497"/>
        <v>#N/A</v>
      </c>
      <c r="DS96" t="e">
        <f t="shared" si="498"/>
        <v>#N/A</v>
      </c>
      <c r="DT96" t="e">
        <f t="shared" si="499"/>
        <v>#N/A</v>
      </c>
      <c r="DU96" t="e">
        <f t="shared" si="500"/>
        <v>#N/A</v>
      </c>
      <c r="DV96" t="e">
        <f t="shared" si="501"/>
        <v>#N/A</v>
      </c>
      <c r="DW96" t="e">
        <f t="shared" si="502"/>
        <v>#N/A</v>
      </c>
      <c r="DX96" s="98" t="e">
        <f t="shared" si="503"/>
        <v>#N/A</v>
      </c>
      <c r="DY96">
        <f t="shared" si="504"/>
        <v>1.0527062241310117</v>
      </c>
      <c r="DZ96" t="e">
        <f t="shared" si="505"/>
        <v>#N/A</v>
      </c>
      <c r="EA96" t="e">
        <f t="shared" si="506"/>
        <v>#N/A</v>
      </c>
      <c r="EB96" t="e">
        <f t="shared" si="507"/>
        <v>#N/A</v>
      </c>
      <c r="EC96" t="e">
        <f t="shared" si="508"/>
        <v>#N/A</v>
      </c>
      <c r="ED96" t="e">
        <f t="shared" si="509"/>
        <v>#N/A</v>
      </c>
      <c r="EE96" t="e">
        <f t="shared" si="510"/>
        <v>#N/A</v>
      </c>
      <c r="EF96" t="e">
        <f t="shared" si="511"/>
        <v>#N/A</v>
      </c>
      <c r="EG96" t="e">
        <f t="shared" si="512"/>
        <v>#N/A</v>
      </c>
      <c r="EH96" t="e">
        <f t="shared" si="513"/>
        <v>#N/A</v>
      </c>
      <c r="EI96" t="e">
        <f t="shared" si="514"/>
        <v>#N/A</v>
      </c>
      <c r="EJ96" t="e">
        <f t="shared" si="515"/>
        <v>#N/A</v>
      </c>
      <c r="EK96" t="e">
        <f t="shared" si="516"/>
        <v>#N/A</v>
      </c>
      <c r="EL96" s="97">
        <f t="shared" si="517"/>
        <v>1.1554124482620232</v>
      </c>
      <c r="EM96" t="e">
        <f t="shared" si="518"/>
        <v>#N/A</v>
      </c>
      <c r="EN96" t="e">
        <f t="shared" si="519"/>
        <v>#N/A</v>
      </c>
      <c r="EO96" t="e">
        <f t="shared" si="520"/>
        <v>#N/A</v>
      </c>
      <c r="EP96" t="e">
        <f t="shared" si="521"/>
        <v>#N/A</v>
      </c>
      <c r="EQ96" t="e">
        <f t="shared" si="522"/>
        <v>#N/A</v>
      </c>
      <c r="ER96" t="e">
        <f t="shared" si="523"/>
        <v>#N/A</v>
      </c>
      <c r="ES96" t="e">
        <f t="shared" si="524"/>
        <v>#N/A</v>
      </c>
      <c r="ET96" t="e">
        <f t="shared" si="525"/>
        <v>#N/A</v>
      </c>
      <c r="EU96" t="e">
        <f t="shared" si="526"/>
        <v>#N/A</v>
      </c>
      <c r="EV96" t="e">
        <f t="shared" si="527"/>
        <v>#N/A</v>
      </c>
      <c r="EW96" t="e">
        <f t="shared" si="528"/>
        <v>#N/A</v>
      </c>
      <c r="EX96" s="98" t="e">
        <f t="shared" si="529"/>
        <v>#N/A</v>
      </c>
      <c r="EY96" s="97">
        <f t="shared" si="530"/>
        <v>0.90541244826202316</v>
      </c>
      <c r="EZ96" t="e">
        <f t="shared" si="531"/>
        <v>#N/A</v>
      </c>
      <c r="FA96" t="e">
        <f t="shared" si="532"/>
        <v>#N/A</v>
      </c>
      <c r="FB96" t="e">
        <f t="shared" si="533"/>
        <v>#N/A</v>
      </c>
      <c r="FC96" t="e">
        <f t="shared" si="534"/>
        <v>#N/A</v>
      </c>
      <c r="FD96" t="e">
        <f t="shared" si="535"/>
        <v>#N/A</v>
      </c>
      <c r="FE96" t="e">
        <f t="shared" si="536"/>
        <v>#N/A</v>
      </c>
      <c r="FF96" t="e">
        <f t="shared" si="537"/>
        <v>#N/A</v>
      </c>
      <c r="FG96" t="e">
        <f t="shared" si="538"/>
        <v>#N/A</v>
      </c>
      <c r="FH96" t="e">
        <f t="shared" si="539"/>
        <v>#N/A</v>
      </c>
      <c r="FI96" t="e">
        <f t="shared" si="540"/>
        <v>#N/A</v>
      </c>
      <c r="FJ96" t="e">
        <f t="shared" si="541"/>
        <v>#N/A</v>
      </c>
      <c r="FK96" t="e">
        <f t="shared" si="542"/>
        <v>#N/A</v>
      </c>
      <c r="FL96" s="126">
        <f t="shared" si="543"/>
        <v>19.221431526102506</v>
      </c>
      <c r="FM96" s="91" t="e">
        <f t="shared" si="544"/>
        <v>#N/A</v>
      </c>
      <c r="FN96" s="91" t="e">
        <f t="shared" si="545"/>
        <v>#N/A</v>
      </c>
      <c r="FO96" s="91" t="e">
        <f t="shared" si="546"/>
        <v>#N/A</v>
      </c>
      <c r="FP96" s="91" t="e">
        <f t="shared" si="547"/>
        <v>#N/A</v>
      </c>
      <c r="FQ96" s="91" t="e">
        <f t="shared" si="548"/>
        <v>#N/A</v>
      </c>
      <c r="FR96" s="91" t="e">
        <f t="shared" si="549"/>
        <v>#N/A</v>
      </c>
      <c r="FS96" s="91" t="e">
        <f t="shared" si="550"/>
        <v>#N/A</v>
      </c>
      <c r="FT96" s="91" t="e">
        <f t="shared" si="551"/>
        <v>#N/A</v>
      </c>
      <c r="FU96" s="91" t="e">
        <f t="shared" si="552"/>
        <v>#N/A</v>
      </c>
      <c r="FV96" s="91" t="e">
        <f t="shared" si="553"/>
        <v>#N/A</v>
      </c>
      <c r="FW96" s="91" t="e">
        <f t="shared" si="554"/>
        <v>#N/A</v>
      </c>
      <c r="FX96" s="91" t="e">
        <f t="shared" si="555"/>
        <v>#N/A</v>
      </c>
      <c r="FY96" s="91">
        <f t="shared" si="556"/>
        <v>0</v>
      </c>
      <c r="FZ96" s="91" t="e">
        <f t="shared" si="557"/>
        <v>#N/A</v>
      </c>
      <c r="GA96" s="91" t="e">
        <f t="shared" si="558"/>
        <v>#N/A</v>
      </c>
      <c r="GB96" s="91" t="e">
        <f t="shared" si="559"/>
        <v>#N/A</v>
      </c>
      <c r="GC96" s="91" t="e">
        <f t="shared" si="560"/>
        <v>#N/A</v>
      </c>
      <c r="GD96" s="91" t="e">
        <f t="shared" si="561"/>
        <v>#N/A</v>
      </c>
      <c r="GE96" s="91" t="e">
        <f t="shared" si="562"/>
        <v>#N/A</v>
      </c>
      <c r="GF96" s="91" t="e">
        <f t="shared" si="563"/>
        <v>#N/A</v>
      </c>
      <c r="GG96" s="91" t="e">
        <f t="shared" si="564"/>
        <v>#N/A</v>
      </c>
      <c r="GH96" s="91" t="e">
        <f t="shared" si="565"/>
        <v>#N/A</v>
      </c>
      <c r="GI96" s="91" t="e">
        <f t="shared" si="566"/>
        <v>#N/A</v>
      </c>
      <c r="GJ96" s="91" t="e">
        <f t="shared" si="567"/>
        <v>#N/A</v>
      </c>
      <c r="GK96" s="127" t="e">
        <f t="shared" si="568"/>
        <v>#N/A</v>
      </c>
      <c r="GL96" s="126">
        <f t="shared" si="569"/>
        <v>21.000488651030143</v>
      </c>
      <c r="GM96" s="91" t="e">
        <f t="shared" si="570"/>
        <v>#N/A</v>
      </c>
      <c r="GN96" s="91" t="e">
        <f t="shared" si="571"/>
        <v>#N/A</v>
      </c>
      <c r="GO96" s="91" t="e">
        <f t="shared" si="572"/>
        <v>#N/A</v>
      </c>
      <c r="GP96" s="91" t="e">
        <f t="shared" si="573"/>
        <v>#N/A</v>
      </c>
      <c r="GQ96" s="91" t="e">
        <f t="shared" si="574"/>
        <v>#N/A</v>
      </c>
      <c r="GR96" s="91" t="e">
        <f t="shared" si="575"/>
        <v>#N/A</v>
      </c>
      <c r="GS96" s="91" t="e">
        <f t="shared" si="576"/>
        <v>#N/A</v>
      </c>
      <c r="GT96" s="91" t="e">
        <f t="shared" si="577"/>
        <v>#N/A</v>
      </c>
      <c r="GU96" s="91" t="e">
        <f t="shared" si="578"/>
        <v>#N/A</v>
      </c>
      <c r="GV96" s="91" t="e">
        <f t="shared" si="579"/>
        <v>#N/A</v>
      </c>
      <c r="GW96" s="91" t="e">
        <f t="shared" si="580"/>
        <v>#N/A</v>
      </c>
      <c r="GX96" s="91" t="e">
        <f t="shared" si="581"/>
        <v>#N/A</v>
      </c>
      <c r="GY96" s="91">
        <f t="shared" si="582"/>
        <v>0</v>
      </c>
      <c r="GZ96" s="91" t="e">
        <f t="shared" si="583"/>
        <v>#N/A</v>
      </c>
      <c r="HA96" s="91" t="e">
        <f t="shared" si="584"/>
        <v>#N/A</v>
      </c>
      <c r="HB96" s="91" t="e">
        <f t="shared" si="585"/>
        <v>#N/A</v>
      </c>
      <c r="HC96" s="91" t="e">
        <f t="shared" si="586"/>
        <v>#N/A</v>
      </c>
      <c r="HD96" s="91" t="e">
        <f t="shared" si="587"/>
        <v>#N/A</v>
      </c>
      <c r="HE96" s="91" t="e">
        <f t="shared" si="588"/>
        <v>#N/A</v>
      </c>
      <c r="HF96" s="91" t="e">
        <f t="shared" si="589"/>
        <v>#N/A</v>
      </c>
      <c r="HG96" s="91" t="e">
        <f t="shared" si="590"/>
        <v>#N/A</v>
      </c>
      <c r="HH96" s="91" t="e">
        <f t="shared" si="591"/>
        <v>#N/A</v>
      </c>
      <c r="HI96" s="91" t="e">
        <f t="shared" si="592"/>
        <v>#N/A</v>
      </c>
      <c r="HJ96" s="91" t="e">
        <f t="shared" si="593"/>
        <v>#N/A</v>
      </c>
      <c r="HK96" s="127" t="e">
        <f t="shared" si="594"/>
        <v>#N/A</v>
      </c>
      <c r="HL96" s="126">
        <f t="shared" si="595"/>
        <v>16.175774275668324</v>
      </c>
      <c r="HM96" s="91" t="e">
        <f t="shared" si="596"/>
        <v>#N/A</v>
      </c>
      <c r="HN96" s="91" t="e">
        <f t="shared" si="597"/>
        <v>#N/A</v>
      </c>
      <c r="HO96" s="91" t="e">
        <f t="shared" si="598"/>
        <v>#N/A</v>
      </c>
      <c r="HP96" s="91" t="e">
        <f t="shared" si="599"/>
        <v>#N/A</v>
      </c>
      <c r="HQ96" s="91" t="e">
        <f t="shared" si="600"/>
        <v>#N/A</v>
      </c>
      <c r="HR96" s="91" t="e">
        <f t="shared" si="601"/>
        <v>#N/A</v>
      </c>
      <c r="HS96" s="91" t="e">
        <f t="shared" si="602"/>
        <v>#N/A</v>
      </c>
      <c r="HT96" s="91" t="e">
        <f t="shared" si="603"/>
        <v>#N/A</v>
      </c>
      <c r="HU96" s="91" t="e">
        <f t="shared" si="604"/>
        <v>#N/A</v>
      </c>
      <c r="HV96" s="91" t="e">
        <f t="shared" si="605"/>
        <v>#N/A</v>
      </c>
      <c r="HW96" s="91" t="e">
        <f t="shared" si="606"/>
        <v>#N/A</v>
      </c>
      <c r="HX96" s="91" t="e">
        <f t="shared" si="607"/>
        <v>#N/A</v>
      </c>
      <c r="HY96" s="91">
        <f t="shared" si="608"/>
        <v>0</v>
      </c>
      <c r="HZ96" s="91" t="e">
        <f t="shared" si="609"/>
        <v>#N/A</v>
      </c>
      <c r="IA96" s="91" t="e">
        <f t="shared" si="610"/>
        <v>#N/A</v>
      </c>
      <c r="IB96" s="91" t="e">
        <f t="shared" si="611"/>
        <v>#N/A</v>
      </c>
      <c r="IC96" s="91" t="e">
        <f t="shared" si="612"/>
        <v>#N/A</v>
      </c>
      <c r="ID96" s="91" t="e">
        <f t="shared" si="613"/>
        <v>#N/A</v>
      </c>
      <c r="IE96" s="91" t="e">
        <f t="shared" si="614"/>
        <v>#N/A</v>
      </c>
      <c r="IF96" s="91" t="e">
        <f t="shared" si="615"/>
        <v>#N/A</v>
      </c>
      <c r="IG96" s="91" t="e">
        <f t="shared" si="616"/>
        <v>#N/A</v>
      </c>
      <c r="IH96" s="91" t="e">
        <f t="shared" si="617"/>
        <v>#N/A</v>
      </c>
      <c r="II96" s="91" t="e">
        <f t="shared" si="618"/>
        <v>#N/A</v>
      </c>
      <c r="IJ96" s="91" t="e">
        <f t="shared" si="619"/>
        <v>#N/A</v>
      </c>
      <c r="IK96" s="127" t="e">
        <f t="shared" si="620"/>
        <v>#N/A</v>
      </c>
    </row>
    <row r="97" spans="2:245" x14ac:dyDescent="0.2">
      <c r="B97" s="79">
        <f t="shared" si="621"/>
        <v>-86.5</v>
      </c>
      <c r="C97" s="73">
        <f>'p-y mono_clay'!C97</f>
        <v>71</v>
      </c>
      <c r="D97" s="64">
        <f>'p-y mono_clay'!D97</f>
        <v>70.98599999999999</v>
      </c>
      <c r="E97" s="64" t="str">
        <f>'p-y mono_clay'!E97</f>
        <v>SAND</v>
      </c>
      <c r="F97" s="55">
        <f>VLOOKUP($C97, 'Pile Property'!$A$8:$D$108,2,TRUE)</f>
        <v>2</v>
      </c>
      <c r="G97" s="102" t="e">
        <f>'p-y mono_clay'!Z97</f>
        <v>#N/A</v>
      </c>
      <c r="H97" s="199">
        <f>'p-y mono_clay'!AM97</f>
        <v>0</v>
      </c>
      <c r="I97" s="55" t="e">
        <f>'p-y mono_clay'!AN97</f>
        <v>#N/A</v>
      </c>
      <c r="J97" s="55" t="e">
        <f>'p-y mono_clay'!AO97</f>
        <v>#N/A</v>
      </c>
      <c r="K97" s="55" t="e">
        <f>'p-y mono_clay'!AP97</f>
        <v>#N/A</v>
      </c>
      <c r="L97" s="55" t="e">
        <f>'p-y mono_clay'!AQ97</f>
        <v>#N/A</v>
      </c>
      <c r="M97" s="55" t="e">
        <f>'p-y mono_clay'!AR97</f>
        <v>#N/A</v>
      </c>
      <c r="N97" s="55" t="e">
        <f>'p-y mono_clay'!AS97</f>
        <v>#N/A</v>
      </c>
      <c r="O97" s="55" t="e">
        <f>'p-y mono_clay'!AT97</f>
        <v>#N/A</v>
      </c>
      <c r="P97" s="55" t="e">
        <f>'p-y mono_clay'!AU97</f>
        <v>#N/A</v>
      </c>
      <c r="Q97" s="55" t="e">
        <f>'p-y mono_clay'!AV97</f>
        <v>#N/A</v>
      </c>
      <c r="R97" s="55" t="e">
        <f>'p-y mono_clay'!AW97</f>
        <v>#N/A</v>
      </c>
      <c r="S97" s="55" t="e">
        <f>'p-y mono_clay'!AX97</f>
        <v>#N/A</v>
      </c>
      <c r="T97" s="200">
        <f>'p-y mono_clay'!AY97</f>
        <v>6000</v>
      </c>
      <c r="U97" s="199">
        <f>'p-y mono_clay'!AZ97</f>
        <v>15</v>
      </c>
      <c r="V97" s="55" t="e">
        <f>'p-y mono_clay'!BA97</f>
        <v>#N/A</v>
      </c>
      <c r="W97" s="55" t="e">
        <f>'p-y mono_clay'!BB97</f>
        <v>#N/A</v>
      </c>
      <c r="X97" s="55" t="e">
        <f>'p-y mono_clay'!BC97</f>
        <v>#N/A</v>
      </c>
      <c r="Y97" s="55" t="e">
        <f>'p-y mono_clay'!BD97</f>
        <v>#N/A</v>
      </c>
      <c r="Z97" s="55" t="e">
        <f>'p-y mono_clay'!BE97</f>
        <v>#N/A</v>
      </c>
      <c r="AA97" s="55" t="e">
        <f>'p-y mono_clay'!BF97</f>
        <v>#N/A</v>
      </c>
      <c r="AB97" s="55" t="e">
        <f>'p-y mono_clay'!BG97</f>
        <v>#N/A</v>
      </c>
      <c r="AC97" s="55" t="e">
        <f>'p-y mono_clay'!BH97</f>
        <v>#N/A</v>
      </c>
      <c r="AD97" s="55" t="e">
        <f>'p-y mono_clay'!BI97</f>
        <v>#N/A</v>
      </c>
      <c r="AE97" s="55" t="e">
        <f>'p-y mono_clay'!BJ97</f>
        <v>#N/A</v>
      </c>
      <c r="AF97" s="55" t="e">
        <f>'p-y mono_clay'!BK97</f>
        <v>#N/A</v>
      </c>
      <c r="AG97" s="200" t="e">
        <f>'p-y mono_clay'!BL97</f>
        <v>#N/A</v>
      </c>
      <c r="AH97">
        <f t="shared" si="413"/>
        <v>30</v>
      </c>
      <c r="AI97">
        <v>0</v>
      </c>
      <c r="AJ97" t="e">
        <f t="shared" si="414"/>
        <v>#N/A</v>
      </c>
      <c r="AK97" t="e">
        <f t="shared" si="415"/>
        <v>#N/A</v>
      </c>
      <c r="AL97" t="e">
        <f t="shared" si="416"/>
        <v>#N/A</v>
      </c>
      <c r="AM97" t="e">
        <f t="shared" si="417"/>
        <v>#N/A</v>
      </c>
      <c r="AN97" t="e">
        <f t="shared" si="418"/>
        <v>#N/A</v>
      </c>
      <c r="AO97" t="e">
        <f t="shared" si="419"/>
        <v>#N/A</v>
      </c>
      <c r="AP97" t="e">
        <f t="shared" si="420"/>
        <v>#N/A</v>
      </c>
      <c r="AQ97" t="e">
        <f t="shared" si="421"/>
        <v>#N/A</v>
      </c>
      <c r="AR97" t="e">
        <f t="shared" si="422"/>
        <v>#N/A</v>
      </c>
      <c r="AS97" t="e">
        <f t="shared" si="423"/>
        <v>#N/A</v>
      </c>
      <c r="AT97" t="e">
        <f t="shared" si="424"/>
        <v>#N/A</v>
      </c>
      <c r="AU97" t="e">
        <f t="shared" si="425"/>
        <v>#N/A</v>
      </c>
      <c r="AV97">
        <v>1</v>
      </c>
      <c r="AW97">
        <v>1.25</v>
      </c>
      <c r="AX97">
        <v>2.5</v>
      </c>
      <c r="AY97" s="162">
        <f t="shared" si="426"/>
        <v>2</v>
      </c>
      <c r="AZ97" s="162" t="e">
        <f t="shared" si="427"/>
        <v>#N/A</v>
      </c>
      <c r="BA97" s="162" t="e">
        <f t="shared" si="428"/>
        <v>#N/A</v>
      </c>
      <c r="BB97" s="162" t="e">
        <f t="shared" si="429"/>
        <v>#N/A</v>
      </c>
      <c r="BC97" s="162" t="e">
        <f t="shared" si="430"/>
        <v>#N/A</v>
      </c>
      <c r="BD97" s="162" t="e">
        <f t="shared" si="431"/>
        <v>#N/A</v>
      </c>
      <c r="BE97" s="162" t="e">
        <f t="shared" si="432"/>
        <v>#N/A</v>
      </c>
      <c r="BF97" s="162" t="e">
        <f t="shared" si="433"/>
        <v>#N/A</v>
      </c>
      <c r="BG97" s="162" t="e">
        <f t="shared" si="434"/>
        <v>#N/A</v>
      </c>
      <c r="BH97" s="162" t="e">
        <f t="shared" si="435"/>
        <v>#N/A</v>
      </c>
      <c r="BI97" s="162" t="e">
        <f t="shared" si="436"/>
        <v>#N/A</v>
      </c>
      <c r="BJ97" s="162" t="e">
        <f t="shared" si="437"/>
        <v>#N/A</v>
      </c>
      <c r="BK97" s="162" t="e">
        <f t="shared" si="438"/>
        <v>#N/A</v>
      </c>
      <c r="BL97" s="162">
        <f t="shared" si="439"/>
        <v>2.3784142300054421</v>
      </c>
      <c r="BM97" s="162" t="e">
        <f t="shared" si="440"/>
        <v>#N/A</v>
      </c>
      <c r="BN97" s="162" t="e">
        <f t="shared" si="441"/>
        <v>#N/A</v>
      </c>
      <c r="BO97" s="162" t="e">
        <f t="shared" si="442"/>
        <v>#N/A</v>
      </c>
      <c r="BP97" s="162" t="e">
        <f t="shared" si="443"/>
        <v>#N/A</v>
      </c>
      <c r="BQ97" s="162" t="e">
        <f t="shared" si="444"/>
        <v>#N/A</v>
      </c>
      <c r="BR97" s="162" t="e">
        <f t="shared" si="445"/>
        <v>#N/A</v>
      </c>
      <c r="BS97" s="162" t="e">
        <f t="shared" si="446"/>
        <v>#N/A</v>
      </c>
      <c r="BT97" s="162" t="e">
        <f t="shared" si="447"/>
        <v>#N/A</v>
      </c>
      <c r="BU97" s="162" t="e">
        <f t="shared" si="448"/>
        <v>#N/A</v>
      </c>
      <c r="BV97" s="162" t="e">
        <f t="shared" si="449"/>
        <v>#N/A</v>
      </c>
      <c r="BW97" s="162" t="e">
        <f t="shared" si="450"/>
        <v>#N/A</v>
      </c>
      <c r="BX97" s="162" t="e">
        <f t="shared" si="451"/>
        <v>#N/A</v>
      </c>
      <c r="BY97" s="162">
        <f t="shared" si="452"/>
        <v>5.6568542494923806</v>
      </c>
      <c r="BZ97" s="162" t="e">
        <f t="shared" si="453"/>
        <v>#N/A</v>
      </c>
      <c r="CA97" s="162" t="e">
        <f t="shared" si="454"/>
        <v>#N/A</v>
      </c>
      <c r="CB97" s="162" t="e">
        <f t="shared" si="455"/>
        <v>#N/A</v>
      </c>
      <c r="CC97" s="162" t="e">
        <f t="shared" si="456"/>
        <v>#N/A</v>
      </c>
      <c r="CD97" s="162" t="e">
        <f t="shared" si="457"/>
        <v>#N/A</v>
      </c>
      <c r="CE97" s="162" t="e">
        <f t="shared" si="458"/>
        <v>#N/A</v>
      </c>
      <c r="CF97" s="162" t="e">
        <f t="shared" si="459"/>
        <v>#N/A</v>
      </c>
      <c r="CG97" s="162" t="e">
        <f t="shared" si="460"/>
        <v>#N/A</v>
      </c>
      <c r="CH97" s="162" t="e">
        <f t="shared" si="461"/>
        <v>#N/A</v>
      </c>
      <c r="CI97" s="162" t="e">
        <f t="shared" si="462"/>
        <v>#N/A</v>
      </c>
      <c r="CJ97" s="162" t="e">
        <f t="shared" si="463"/>
        <v>#N/A</v>
      </c>
      <c r="CK97" s="162" t="e">
        <f t="shared" si="464"/>
        <v>#N/A</v>
      </c>
      <c r="CL97">
        <f t="shared" si="465"/>
        <v>1.3729593947216077</v>
      </c>
      <c r="CM97" t="e">
        <f t="shared" si="466"/>
        <v>#N/A</v>
      </c>
      <c r="CN97" t="e">
        <f t="shared" si="467"/>
        <v>#N/A</v>
      </c>
      <c r="CO97" t="e">
        <f t="shared" si="468"/>
        <v>#N/A</v>
      </c>
      <c r="CP97" t="e">
        <f t="shared" si="469"/>
        <v>#N/A</v>
      </c>
      <c r="CQ97" t="e">
        <f t="shared" si="470"/>
        <v>#N/A</v>
      </c>
      <c r="CR97" t="e">
        <f t="shared" si="471"/>
        <v>#N/A</v>
      </c>
      <c r="CS97" t="e">
        <f t="shared" si="472"/>
        <v>#N/A</v>
      </c>
      <c r="CT97" t="e">
        <f t="shared" si="473"/>
        <v>#N/A</v>
      </c>
      <c r="CU97" t="e">
        <f t="shared" si="474"/>
        <v>#N/A</v>
      </c>
      <c r="CV97" t="e">
        <f t="shared" si="475"/>
        <v>#N/A</v>
      </c>
      <c r="CW97" t="e">
        <f t="shared" si="476"/>
        <v>#N/A</v>
      </c>
      <c r="CX97" s="98" t="e">
        <f t="shared" si="477"/>
        <v>#N/A</v>
      </c>
      <c r="CY97">
        <f t="shared" si="478"/>
        <v>1.1029593947216076</v>
      </c>
      <c r="CZ97" t="e">
        <f t="shared" si="479"/>
        <v>#N/A</v>
      </c>
      <c r="DA97" t="e">
        <f t="shared" si="480"/>
        <v>#N/A</v>
      </c>
      <c r="DB97" t="e">
        <f t="shared" si="481"/>
        <v>#N/A</v>
      </c>
      <c r="DC97" t="e">
        <f t="shared" si="482"/>
        <v>#N/A</v>
      </c>
      <c r="DD97" t="e">
        <f t="shared" si="483"/>
        <v>#N/A</v>
      </c>
      <c r="DE97" t="e">
        <f t="shared" si="484"/>
        <v>#N/A</v>
      </c>
      <c r="DF97" t="e">
        <f t="shared" si="485"/>
        <v>#N/A</v>
      </c>
      <c r="DG97" t="e">
        <f t="shared" si="486"/>
        <v>#N/A</v>
      </c>
      <c r="DH97" t="e">
        <f t="shared" si="487"/>
        <v>#N/A</v>
      </c>
      <c r="DI97" t="e">
        <f t="shared" si="488"/>
        <v>#N/A</v>
      </c>
      <c r="DJ97" t="e">
        <f t="shared" si="489"/>
        <v>#N/A</v>
      </c>
      <c r="DK97" t="e">
        <f t="shared" si="490"/>
        <v>#N/A</v>
      </c>
      <c r="DL97" s="97">
        <f t="shared" si="491"/>
        <v>1.5000349036450102</v>
      </c>
      <c r="DM97" t="e">
        <f t="shared" si="492"/>
        <v>#N/A</v>
      </c>
      <c r="DN97" t="e">
        <f t="shared" si="493"/>
        <v>#N/A</v>
      </c>
      <c r="DO97" t="e">
        <f t="shared" si="494"/>
        <v>#N/A</v>
      </c>
      <c r="DP97" t="e">
        <f t="shared" si="495"/>
        <v>#N/A</v>
      </c>
      <c r="DQ97" t="e">
        <f t="shared" si="496"/>
        <v>#N/A</v>
      </c>
      <c r="DR97" t="e">
        <f t="shared" si="497"/>
        <v>#N/A</v>
      </c>
      <c r="DS97" t="e">
        <f t="shared" si="498"/>
        <v>#N/A</v>
      </c>
      <c r="DT97" t="e">
        <f t="shared" si="499"/>
        <v>#N/A</v>
      </c>
      <c r="DU97" t="e">
        <f t="shared" si="500"/>
        <v>#N/A</v>
      </c>
      <c r="DV97" t="e">
        <f t="shared" si="501"/>
        <v>#N/A</v>
      </c>
      <c r="DW97" t="e">
        <f t="shared" si="502"/>
        <v>#N/A</v>
      </c>
      <c r="DX97" s="98" t="e">
        <f t="shared" si="503"/>
        <v>#N/A</v>
      </c>
      <c r="DY97">
        <f t="shared" si="504"/>
        <v>1.0527062241310117</v>
      </c>
      <c r="DZ97" t="e">
        <f t="shared" si="505"/>
        <v>#N/A</v>
      </c>
      <c r="EA97" t="e">
        <f t="shared" si="506"/>
        <v>#N/A</v>
      </c>
      <c r="EB97" t="e">
        <f t="shared" si="507"/>
        <v>#N/A</v>
      </c>
      <c r="EC97" t="e">
        <f t="shared" si="508"/>
        <v>#N/A</v>
      </c>
      <c r="ED97" t="e">
        <f t="shared" si="509"/>
        <v>#N/A</v>
      </c>
      <c r="EE97" t="e">
        <f t="shared" si="510"/>
        <v>#N/A</v>
      </c>
      <c r="EF97" t="e">
        <f t="shared" si="511"/>
        <v>#N/A</v>
      </c>
      <c r="EG97" t="e">
        <f t="shared" si="512"/>
        <v>#N/A</v>
      </c>
      <c r="EH97" t="e">
        <f t="shared" si="513"/>
        <v>#N/A</v>
      </c>
      <c r="EI97" t="e">
        <f t="shared" si="514"/>
        <v>#N/A</v>
      </c>
      <c r="EJ97" t="e">
        <f t="shared" si="515"/>
        <v>#N/A</v>
      </c>
      <c r="EK97" t="e">
        <f t="shared" si="516"/>
        <v>#N/A</v>
      </c>
      <c r="EL97" s="97">
        <f t="shared" si="517"/>
        <v>1.1554124482620232</v>
      </c>
      <c r="EM97" t="e">
        <f t="shared" si="518"/>
        <v>#N/A</v>
      </c>
      <c r="EN97" t="e">
        <f t="shared" si="519"/>
        <v>#N/A</v>
      </c>
      <c r="EO97" t="e">
        <f t="shared" si="520"/>
        <v>#N/A</v>
      </c>
      <c r="EP97" t="e">
        <f t="shared" si="521"/>
        <v>#N/A</v>
      </c>
      <c r="EQ97" t="e">
        <f t="shared" si="522"/>
        <v>#N/A</v>
      </c>
      <c r="ER97" t="e">
        <f t="shared" si="523"/>
        <v>#N/A</v>
      </c>
      <c r="ES97" t="e">
        <f t="shared" si="524"/>
        <v>#N/A</v>
      </c>
      <c r="ET97" t="e">
        <f t="shared" si="525"/>
        <v>#N/A</v>
      </c>
      <c r="EU97" t="e">
        <f t="shared" si="526"/>
        <v>#N/A</v>
      </c>
      <c r="EV97" t="e">
        <f t="shared" si="527"/>
        <v>#N/A</v>
      </c>
      <c r="EW97" t="e">
        <f t="shared" si="528"/>
        <v>#N/A</v>
      </c>
      <c r="EX97" s="98" t="e">
        <f t="shared" si="529"/>
        <v>#N/A</v>
      </c>
      <c r="EY97" s="97">
        <f t="shared" si="530"/>
        <v>0.90541244826202316</v>
      </c>
      <c r="EZ97" t="e">
        <f t="shared" si="531"/>
        <v>#N/A</v>
      </c>
      <c r="FA97" t="e">
        <f t="shared" si="532"/>
        <v>#N/A</v>
      </c>
      <c r="FB97" t="e">
        <f t="shared" si="533"/>
        <v>#N/A</v>
      </c>
      <c r="FC97" t="e">
        <f t="shared" si="534"/>
        <v>#N/A</v>
      </c>
      <c r="FD97" t="e">
        <f t="shared" si="535"/>
        <v>#N/A</v>
      </c>
      <c r="FE97" t="e">
        <f t="shared" si="536"/>
        <v>#N/A</v>
      </c>
      <c r="FF97" t="e">
        <f t="shared" si="537"/>
        <v>#N/A</v>
      </c>
      <c r="FG97" t="e">
        <f t="shared" si="538"/>
        <v>#N/A</v>
      </c>
      <c r="FH97" t="e">
        <f t="shared" si="539"/>
        <v>#N/A</v>
      </c>
      <c r="FI97" t="e">
        <f t="shared" si="540"/>
        <v>#N/A</v>
      </c>
      <c r="FJ97" t="e">
        <f t="shared" si="541"/>
        <v>#N/A</v>
      </c>
      <c r="FK97" t="e">
        <f t="shared" si="542"/>
        <v>#N/A</v>
      </c>
      <c r="FL97" s="126">
        <f t="shared" si="543"/>
        <v>20.594390920824114</v>
      </c>
      <c r="FM97" s="91" t="e">
        <f t="shared" si="544"/>
        <v>#N/A</v>
      </c>
      <c r="FN97" s="91" t="e">
        <f t="shared" si="545"/>
        <v>#N/A</v>
      </c>
      <c r="FO97" s="91" t="e">
        <f t="shared" si="546"/>
        <v>#N/A</v>
      </c>
      <c r="FP97" s="91" t="e">
        <f t="shared" si="547"/>
        <v>#N/A</v>
      </c>
      <c r="FQ97" s="91" t="e">
        <f t="shared" si="548"/>
        <v>#N/A</v>
      </c>
      <c r="FR97" s="91" t="e">
        <f t="shared" si="549"/>
        <v>#N/A</v>
      </c>
      <c r="FS97" s="91" t="e">
        <f t="shared" si="550"/>
        <v>#N/A</v>
      </c>
      <c r="FT97" s="91" t="e">
        <f t="shared" si="551"/>
        <v>#N/A</v>
      </c>
      <c r="FU97" s="91" t="e">
        <f t="shared" si="552"/>
        <v>#N/A</v>
      </c>
      <c r="FV97" s="91" t="e">
        <f t="shared" si="553"/>
        <v>#N/A</v>
      </c>
      <c r="FW97" s="91" t="e">
        <f t="shared" si="554"/>
        <v>#N/A</v>
      </c>
      <c r="FX97" s="91" t="e">
        <f t="shared" si="555"/>
        <v>#N/A</v>
      </c>
      <c r="FY97" s="91">
        <f t="shared" si="556"/>
        <v>0</v>
      </c>
      <c r="FZ97" s="91" t="e">
        <f t="shared" si="557"/>
        <v>#N/A</v>
      </c>
      <c r="GA97" s="91" t="e">
        <f t="shared" si="558"/>
        <v>#N/A</v>
      </c>
      <c r="GB97" s="91" t="e">
        <f t="shared" si="559"/>
        <v>#N/A</v>
      </c>
      <c r="GC97" s="91" t="e">
        <f t="shared" si="560"/>
        <v>#N/A</v>
      </c>
      <c r="GD97" s="91" t="e">
        <f t="shared" si="561"/>
        <v>#N/A</v>
      </c>
      <c r="GE97" s="91" t="e">
        <f t="shared" si="562"/>
        <v>#N/A</v>
      </c>
      <c r="GF97" s="91" t="e">
        <f t="shared" si="563"/>
        <v>#N/A</v>
      </c>
      <c r="GG97" s="91" t="e">
        <f t="shared" si="564"/>
        <v>#N/A</v>
      </c>
      <c r="GH97" s="91" t="e">
        <f t="shared" si="565"/>
        <v>#N/A</v>
      </c>
      <c r="GI97" s="91" t="e">
        <f t="shared" si="566"/>
        <v>#N/A</v>
      </c>
      <c r="GJ97" s="91" t="e">
        <f t="shared" si="567"/>
        <v>#N/A</v>
      </c>
      <c r="GK97" s="127" t="e">
        <f t="shared" si="568"/>
        <v>#N/A</v>
      </c>
      <c r="GL97" s="126">
        <f t="shared" si="569"/>
        <v>22.500523554675155</v>
      </c>
      <c r="GM97" s="91" t="e">
        <f t="shared" si="570"/>
        <v>#N/A</v>
      </c>
      <c r="GN97" s="91" t="e">
        <f t="shared" si="571"/>
        <v>#N/A</v>
      </c>
      <c r="GO97" s="91" t="e">
        <f t="shared" si="572"/>
        <v>#N/A</v>
      </c>
      <c r="GP97" s="91" t="e">
        <f t="shared" si="573"/>
        <v>#N/A</v>
      </c>
      <c r="GQ97" s="91" t="e">
        <f t="shared" si="574"/>
        <v>#N/A</v>
      </c>
      <c r="GR97" s="91" t="e">
        <f t="shared" si="575"/>
        <v>#N/A</v>
      </c>
      <c r="GS97" s="91" t="e">
        <f t="shared" si="576"/>
        <v>#N/A</v>
      </c>
      <c r="GT97" s="91" t="e">
        <f t="shared" si="577"/>
        <v>#N/A</v>
      </c>
      <c r="GU97" s="91" t="e">
        <f t="shared" si="578"/>
        <v>#N/A</v>
      </c>
      <c r="GV97" s="91" t="e">
        <f t="shared" si="579"/>
        <v>#N/A</v>
      </c>
      <c r="GW97" s="91" t="e">
        <f t="shared" si="580"/>
        <v>#N/A</v>
      </c>
      <c r="GX97" s="91" t="e">
        <f t="shared" si="581"/>
        <v>#N/A</v>
      </c>
      <c r="GY97" s="91">
        <f t="shared" si="582"/>
        <v>0</v>
      </c>
      <c r="GZ97" s="91" t="e">
        <f t="shared" si="583"/>
        <v>#N/A</v>
      </c>
      <c r="HA97" s="91" t="e">
        <f t="shared" si="584"/>
        <v>#N/A</v>
      </c>
      <c r="HB97" s="91" t="e">
        <f t="shared" si="585"/>
        <v>#N/A</v>
      </c>
      <c r="HC97" s="91" t="e">
        <f t="shared" si="586"/>
        <v>#N/A</v>
      </c>
      <c r="HD97" s="91" t="e">
        <f t="shared" si="587"/>
        <v>#N/A</v>
      </c>
      <c r="HE97" s="91" t="e">
        <f t="shared" si="588"/>
        <v>#N/A</v>
      </c>
      <c r="HF97" s="91" t="e">
        <f t="shared" si="589"/>
        <v>#N/A</v>
      </c>
      <c r="HG97" s="91" t="e">
        <f t="shared" si="590"/>
        <v>#N/A</v>
      </c>
      <c r="HH97" s="91" t="e">
        <f t="shared" si="591"/>
        <v>#N/A</v>
      </c>
      <c r="HI97" s="91" t="e">
        <f t="shared" si="592"/>
        <v>#N/A</v>
      </c>
      <c r="HJ97" s="91" t="e">
        <f t="shared" si="593"/>
        <v>#N/A</v>
      </c>
      <c r="HK97" s="127" t="e">
        <f t="shared" si="594"/>
        <v>#N/A</v>
      </c>
      <c r="HL97" s="126">
        <f t="shared" si="595"/>
        <v>17.331186723930347</v>
      </c>
      <c r="HM97" s="91" t="e">
        <f t="shared" si="596"/>
        <v>#N/A</v>
      </c>
      <c r="HN97" s="91" t="e">
        <f t="shared" si="597"/>
        <v>#N/A</v>
      </c>
      <c r="HO97" s="91" t="e">
        <f t="shared" si="598"/>
        <v>#N/A</v>
      </c>
      <c r="HP97" s="91" t="e">
        <f t="shared" si="599"/>
        <v>#N/A</v>
      </c>
      <c r="HQ97" s="91" t="e">
        <f t="shared" si="600"/>
        <v>#N/A</v>
      </c>
      <c r="HR97" s="91" t="e">
        <f t="shared" si="601"/>
        <v>#N/A</v>
      </c>
      <c r="HS97" s="91" t="e">
        <f t="shared" si="602"/>
        <v>#N/A</v>
      </c>
      <c r="HT97" s="91" t="e">
        <f t="shared" si="603"/>
        <v>#N/A</v>
      </c>
      <c r="HU97" s="91" t="e">
        <f t="shared" si="604"/>
        <v>#N/A</v>
      </c>
      <c r="HV97" s="91" t="e">
        <f t="shared" si="605"/>
        <v>#N/A</v>
      </c>
      <c r="HW97" s="91" t="e">
        <f t="shared" si="606"/>
        <v>#N/A</v>
      </c>
      <c r="HX97" s="91" t="e">
        <f t="shared" si="607"/>
        <v>#N/A</v>
      </c>
      <c r="HY97" s="91">
        <f t="shared" si="608"/>
        <v>0</v>
      </c>
      <c r="HZ97" s="91" t="e">
        <f t="shared" si="609"/>
        <v>#N/A</v>
      </c>
      <c r="IA97" s="91" t="e">
        <f t="shared" si="610"/>
        <v>#N/A</v>
      </c>
      <c r="IB97" s="91" t="e">
        <f t="shared" si="611"/>
        <v>#N/A</v>
      </c>
      <c r="IC97" s="91" t="e">
        <f t="shared" si="612"/>
        <v>#N/A</v>
      </c>
      <c r="ID97" s="91" t="e">
        <f t="shared" si="613"/>
        <v>#N/A</v>
      </c>
      <c r="IE97" s="91" t="e">
        <f t="shared" si="614"/>
        <v>#N/A</v>
      </c>
      <c r="IF97" s="91" t="e">
        <f t="shared" si="615"/>
        <v>#N/A</v>
      </c>
      <c r="IG97" s="91" t="e">
        <f t="shared" si="616"/>
        <v>#N/A</v>
      </c>
      <c r="IH97" s="91" t="e">
        <f t="shared" si="617"/>
        <v>#N/A</v>
      </c>
      <c r="II97" s="91" t="e">
        <f t="shared" si="618"/>
        <v>#N/A</v>
      </c>
      <c r="IJ97" s="91" t="e">
        <f t="shared" si="619"/>
        <v>#N/A</v>
      </c>
      <c r="IK97" s="127" t="e">
        <f t="shared" si="620"/>
        <v>#N/A</v>
      </c>
    </row>
    <row r="98" spans="2:245" ht="13.5" thickBot="1" x14ac:dyDescent="0.25">
      <c r="B98" s="79">
        <f t="shared" si="621"/>
        <v>-87.5</v>
      </c>
      <c r="C98" s="73">
        <f>'p-y mono_clay'!C98</f>
        <v>72</v>
      </c>
      <c r="D98" s="64">
        <f>'p-y mono_clay'!D98</f>
        <v>71.988</v>
      </c>
      <c r="E98" s="64" t="str">
        <f>'p-y mono_clay'!E98</f>
        <v>SAND</v>
      </c>
      <c r="F98" s="55">
        <f>VLOOKUP($C98, 'Pile Property'!$A$8:$D$108,2,TRUE)</f>
        <v>2</v>
      </c>
      <c r="G98" s="102" t="e">
        <f>'p-y mono_clay'!Z98</f>
        <v>#N/A</v>
      </c>
      <c r="H98" s="201">
        <f>'p-y mono_clay'!AM98</f>
        <v>0</v>
      </c>
      <c r="I98" s="202" t="e">
        <f>'p-y mono_clay'!AN98</f>
        <v>#N/A</v>
      </c>
      <c r="J98" s="202" t="e">
        <f>'p-y mono_clay'!AO98</f>
        <v>#N/A</v>
      </c>
      <c r="K98" s="202" t="e">
        <f>'p-y mono_clay'!AP98</f>
        <v>#N/A</v>
      </c>
      <c r="L98" s="202" t="e">
        <f>'p-y mono_clay'!AQ98</f>
        <v>#N/A</v>
      </c>
      <c r="M98" s="202" t="e">
        <f>'p-y mono_clay'!AR98</f>
        <v>#N/A</v>
      </c>
      <c r="N98" s="202" t="e">
        <f>'p-y mono_clay'!AS98</f>
        <v>#N/A</v>
      </c>
      <c r="O98" s="202" t="e">
        <f>'p-y mono_clay'!AT98</f>
        <v>#N/A</v>
      </c>
      <c r="P98" s="202" t="e">
        <f>'p-y mono_clay'!AU98</f>
        <v>#N/A</v>
      </c>
      <c r="Q98" s="202" t="e">
        <f>'p-y mono_clay'!AV98</f>
        <v>#N/A</v>
      </c>
      <c r="R98" s="202" t="e">
        <f>'p-y mono_clay'!AW98</f>
        <v>#N/A</v>
      </c>
      <c r="S98" s="202" t="e">
        <f>'p-y mono_clay'!AX98</f>
        <v>#N/A</v>
      </c>
      <c r="T98" s="203">
        <f>'p-y mono_clay'!AY98</f>
        <v>6000</v>
      </c>
      <c r="U98" s="201">
        <f>'p-y mono_clay'!AZ98</f>
        <v>16</v>
      </c>
      <c r="V98" s="202" t="e">
        <f>'p-y mono_clay'!BA98</f>
        <v>#N/A</v>
      </c>
      <c r="W98" s="202" t="e">
        <f>'p-y mono_clay'!BB98</f>
        <v>#N/A</v>
      </c>
      <c r="X98" s="202" t="e">
        <f>'p-y mono_clay'!BC98</f>
        <v>#N/A</v>
      </c>
      <c r="Y98" s="202" t="e">
        <f>'p-y mono_clay'!BD98</f>
        <v>#N/A</v>
      </c>
      <c r="Z98" s="202" t="e">
        <f>'p-y mono_clay'!BE98</f>
        <v>#N/A</v>
      </c>
      <c r="AA98" s="202" t="e">
        <f>'p-y mono_clay'!BF98</f>
        <v>#N/A</v>
      </c>
      <c r="AB98" s="202" t="e">
        <f>'p-y mono_clay'!BG98</f>
        <v>#N/A</v>
      </c>
      <c r="AC98" s="202" t="e">
        <f>'p-y mono_clay'!BH98</f>
        <v>#N/A</v>
      </c>
      <c r="AD98" s="202" t="e">
        <f>'p-y mono_clay'!BI98</f>
        <v>#N/A</v>
      </c>
      <c r="AE98" s="202" t="e">
        <f>'p-y mono_clay'!BJ98</f>
        <v>#N/A</v>
      </c>
      <c r="AF98" s="202" t="e">
        <f>'p-y mono_clay'!BK98</f>
        <v>#N/A</v>
      </c>
      <c r="AG98" s="203" t="e">
        <f>'p-y mono_clay'!BL98</f>
        <v>#N/A</v>
      </c>
      <c r="AH98">
        <f t="shared" si="413"/>
        <v>30</v>
      </c>
      <c r="AI98">
        <v>0</v>
      </c>
      <c r="AJ98" t="e">
        <f t="shared" si="414"/>
        <v>#N/A</v>
      </c>
      <c r="AK98" t="e">
        <f t="shared" si="415"/>
        <v>#N/A</v>
      </c>
      <c r="AL98" t="e">
        <f t="shared" si="416"/>
        <v>#N/A</v>
      </c>
      <c r="AM98" t="e">
        <f t="shared" si="417"/>
        <v>#N/A</v>
      </c>
      <c r="AN98" t="e">
        <f t="shared" si="418"/>
        <v>#N/A</v>
      </c>
      <c r="AO98" t="e">
        <f t="shared" si="419"/>
        <v>#N/A</v>
      </c>
      <c r="AP98" t="e">
        <f t="shared" si="420"/>
        <v>#N/A</v>
      </c>
      <c r="AQ98" t="e">
        <f t="shared" si="421"/>
        <v>#N/A</v>
      </c>
      <c r="AR98" t="e">
        <f t="shared" si="422"/>
        <v>#N/A</v>
      </c>
      <c r="AS98" t="e">
        <f t="shared" si="423"/>
        <v>#N/A</v>
      </c>
      <c r="AT98" t="e">
        <f t="shared" si="424"/>
        <v>#N/A</v>
      </c>
      <c r="AU98" t="e">
        <f t="shared" si="425"/>
        <v>#N/A</v>
      </c>
      <c r="AV98">
        <v>1</v>
      </c>
      <c r="AW98">
        <v>1.25</v>
      </c>
      <c r="AX98">
        <v>2.5</v>
      </c>
      <c r="AY98" s="162">
        <f t="shared" si="426"/>
        <v>2</v>
      </c>
      <c r="AZ98" s="162" t="e">
        <f t="shared" si="427"/>
        <v>#N/A</v>
      </c>
      <c r="BA98" s="162" t="e">
        <f t="shared" si="428"/>
        <v>#N/A</v>
      </c>
      <c r="BB98" s="162" t="e">
        <f t="shared" si="429"/>
        <v>#N/A</v>
      </c>
      <c r="BC98" s="162" t="e">
        <f t="shared" si="430"/>
        <v>#N/A</v>
      </c>
      <c r="BD98" s="162" t="e">
        <f t="shared" si="431"/>
        <v>#N/A</v>
      </c>
      <c r="BE98" s="162" t="e">
        <f t="shared" si="432"/>
        <v>#N/A</v>
      </c>
      <c r="BF98" s="162" t="e">
        <f t="shared" si="433"/>
        <v>#N/A</v>
      </c>
      <c r="BG98" s="162" t="e">
        <f t="shared" si="434"/>
        <v>#N/A</v>
      </c>
      <c r="BH98" s="162" t="e">
        <f t="shared" si="435"/>
        <v>#N/A</v>
      </c>
      <c r="BI98" s="162" t="e">
        <f t="shared" si="436"/>
        <v>#N/A</v>
      </c>
      <c r="BJ98" s="162" t="e">
        <f t="shared" si="437"/>
        <v>#N/A</v>
      </c>
      <c r="BK98" s="162" t="e">
        <f t="shared" si="438"/>
        <v>#N/A</v>
      </c>
      <c r="BL98" s="162">
        <f t="shared" si="439"/>
        <v>2.3784142300054421</v>
      </c>
      <c r="BM98" s="162" t="e">
        <f t="shared" si="440"/>
        <v>#N/A</v>
      </c>
      <c r="BN98" s="162" t="e">
        <f t="shared" si="441"/>
        <v>#N/A</v>
      </c>
      <c r="BO98" s="162" t="e">
        <f t="shared" si="442"/>
        <v>#N/A</v>
      </c>
      <c r="BP98" s="162" t="e">
        <f t="shared" si="443"/>
        <v>#N/A</v>
      </c>
      <c r="BQ98" s="162" t="e">
        <f t="shared" si="444"/>
        <v>#N/A</v>
      </c>
      <c r="BR98" s="162" t="e">
        <f t="shared" si="445"/>
        <v>#N/A</v>
      </c>
      <c r="BS98" s="162" t="e">
        <f t="shared" si="446"/>
        <v>#N/A</v>
      </c>
      <c r="BT98" s="162" t="e">
        <f t="shared" si="447"/>
        <v>#N/A</v>
      </c>
      <c r="BU98" s="162" t="e">
        <f t="shared" si="448"/>
        <v>#N/A</v>
      </c>
      <c r="BV98" s="162" t="e">
        <f t="shared" si="449"/>
        <v>#N/A</v>
      </c>
      <c r="BW98" s="162" t="e">
        <f t="shared" si="450"/>
        <v>#N/A</v>
      </c>
      <c r="BX98" s="162" t="e">
        <f t="shared" si="451"/>
        <v>#N/A</v>
      </c>
      <c r="BY98" s="162">
        <f t="shared" si="452"/>
        <v>5.6568542494923806</v>
      </c>
      <c r="BZ98" s="162" t="e">
        <f t="shared" si="453"/>
        <v>#N/A</v>
      </c>
      <c r="CA98" s="162" t="e">
        <f t="shared" si="454"/>
        <v>#N/A</v>
      </c>
      <c r="CB98" s="162" t="e">
        <f t="shared" si="455"/>
        <v>#N/A</v>
      </c>
      <c r="CC98" s="162" t="e">
        <f t="shared" si="456"/>
        <v>#N/A</v>
      </c>
      <c r="CD98" s="162" t="e">
        <f t="shared" si="457"/>
        <v>#N/A</v>
      </c>
      <c r="CE98" s="162" t="e">
        <f t="shared" si="458"/>
        <v>#N/A</v>
      </c>
      <c r="CF98" s="162" t="e">
        <f t="shared" si="459"/>
        <v>#N/A</v>
      </c>
      <c r="CG98" s="162" t="e">
        <f t="shared" si="460"/>
        <v>#N/A</v>
      </c>
      <c r="CH98" s="162" t="e">
        <f t="shared" si="461"/>
        <v>#N/A</v>
      </c>
      <c r="CI98" s="162" t="e">
        <f t="shared" si="462"/>
        <v>#N/A</v>
      </c>
      <c r="CJ98" s="162" t="e">
        <f t="shared" si="463"/>
        <v>#N/A</v>
      </c>
      <c r="CK98" s="162" t="e">
        <f t="shared" si="464"/>
        <v>#N/A</v>
      </c>
      <c r="CL98">
        <f t="shared" si="465"/>
        <v>1.3729593947216077</v>
      </c>
      <c r="CM98" t="e">
        <f t="shared" si="466"/>
        <v>#N/A</v>
      </c>
      <c r="CN98" t="e">
        <f t="shared" si="467"/>
        <v>#N/A</v>
      </c>
      <c r="CO98" t="e">
        <f t="shared" si="468"/>
        <v>#N/A</v>
      </c>
      <c r="CP98" t="e">
        <f t="shared" si="469"/>
        <v>#N/A</v>
      </c>
      <c r="CQ98" t="e">
        <f t="shared" si="470"/>
        <v>#N/A</v>
      </c>
      <c r="CR98" t="e">
        <f t="shared" si="471"/>
        <v>#N/A</v>
      </c>
      <c r="CS98" t="e">
        <f t="shared" si="472"/>
        <v>#N/A</v>
      </c>
      <c r="CT98" t="e">
        <f t="shared" si="473"/>
        <v>#N/A</v>
      </c>
      <c r="CU98" t="e">
        <f t="shared" si="474"/>
        <v>#N/A</v>
      </c>
      <c r="CV98" t="e">
        <f t="shared" si="475"/>
        <v>#N/A</v>
      </c>
      <c r="CW98" t="e">
        <f t="shared" si="476"/>
        <v>#N/A</v>
      </c>
      <c r="CX98" s="98" t="e">
        <f t="shared" si="477"/>
        <v>#N/A</v>
      </c>
      <c r="CY98">
        <f t="shared" si="478"/>
        <v>1.1029593947216076</v>
      </c>
      <c r="CZ98" t="e">
        <f t="shared" si="479"/>
        <v>#N/A</v>
      </c>
      <c r="DA98" t="e">
        <f t="shared" si="480"/>
        <v>#N/A</v>
      </c>
      <c r="DB98" t="e">
        <f t="shared" si="481"/>
        <v>#N/A</v>
      </c>
      <c r="DC98" t="e">
        <f t="shared" si="482"/>
        <v>#N/A</v>
      </c>
      <c r="DD98" t="e">
        <f t="shared" si="483"/>
        <v>#N/A</v>
      </c>
      <c r="DE98" t="e">
        <f t="shared" si="484"/>
        <v>#N/A</v>
      </c>
      <c r="DF98" t="e">
        <f t="shared" si="485"/>
        <v>#N/A</v>
      </c>
      <c r="DG98" t="e">
        <f t="shared" si="486"/>
        <v>#N/A</v>
      </c>
      <c r="DH98" t="e">
        <f t="shared" si="487"/>
        <v>#N/A</v>
      </c>
      <c r="DI98" t="e">
        <f t="shared" si="488"/>
        <v>#N/A</v>
      </c>
      <c r="DJ98" t="e">
        <f t="shared" si="489"/>
        <v>#N/A</v>
      </c>
      <c r="DK98" t="e">
        <f t="shared" si="490"/>
        <v>#N/A</v>
      </c>
      <c r="DL98" s="97">
        <f t="shared" si="491"/>
        <v>1.5000349036450102</v>
      </c>
      <c r="DM98" t="e">
        <f t="shared" si="492"/>
        <v>#N/A</v>
      </c>
      <c r="DN98" t="e">
        <f t="shared" si="493"/>
        <v>#N/A</v>
      </c>
      <c r="DO98" t="e">
        <f t="shared" si="494"/>
        <v>#N/A</v>
      </c>
      <c r="DP98" t="e">
        <f t="shared" si="495"/>
        <v>#N/A</v>
      </c>
      <c r="DQ98" t="e">
        <f t="shared" si="496"/>
        <v>#N/A</v>
      </c>
      <c r="DR98" t="e">
        <f t="shared" si="497"/>
        <v>#N/A</v>
      </c>
      <c r="DS98" t="e">
        <f t="shared" si="498"/>
        <v>#N/A</v>
      </c>
      <c r="DT98" t="e">
        <f t="shared" si="499"/>
        <v>#N/A</v>
      </c>
      <c r="DU98" t="e">
        <f t="shared" si="500"/>
        <v>#N/A</v>
      </c>
      <c r="DV98" t="e">
        <f t="shared" si="501"/>
        <v>#N/A</v>
      </c>
      <c r="DW98" t="e">
        <f t="shared" si="502"/>
        <v>#N/A</v>
      </c>
      <c r="DX98" s="98" t="e">
        <f t="shared" si="503"/>
        <v>#N/A</v>
      </c>
      <c r="DY98">
        <f t="shared" si="504"/>
        <v>1.0527062241310117</v>
      </c>
      <c r="DZ98" t="e">
        <f t="shared" si="505"/>
        <v>#N/A</v>
      </c>
      <c r="EA98" t="e">
        <f t="shared" si="506"/>
        <v>#N/A</v>
      </c>
      <c r="EB98" t="e">
        <f t="shared" si="507"/>
        <v>#N/A</v>
      </c>
      <c r="EC98" t="e">
        <f t="shared" si="508"/>
        <v>#N/A</v>
      </c>
      <c r="ED98" t="e">
        <f t="shared" si="509"/>
        <v>#N/A</v>
      </c>
      <c r="EE98" t="e">
        <f t="shared" si="510"/>
        <v>#N/A</v>
      </c>
      <c r="EF98" t="e">
        <f t="shared" si="511"/>
        <v>#N/A</v>
      </c>
      <c r="EG98" t="e">
        <f t="shared" si="512"/>
        <v>#N/A</v>
      </c>
      <c r="EH98" t="e">
        <f t="shared" si="513"/>
        <v>#N/A</v>
      </c>
      <c r="EI98" t="e">
        <f t="shared" si="514"/>
        <v>#N/A</v>
      </c>
      <c r="EJ98" t="e">
        <f t="shared" si="515"/>
        <v>#N/A</v>
      </c>
      <c r="EK98" t="e">
        <f t="shared" si="516"/>
        <v>#N/A</v>
      </c>
      <c r="EL98" s="97">
        <f t="shared" si="517"/>
        <v>1.1554124482620232</v>
      </c>
      <c r="EM98" t="e">
        <f t="shared" si="518"/>
        <v>#N/A</v>
      </c>
      <c r="EN98" t="e">
        <f t="shared" si="519"/>
        <v>#N/A</v>
      </c>
      <c r="EO98" t="e">
        <f t="shared" si="520"/>
        <v>#N/A</v>
      </c>
      <c r="EP98" t="e">
        <f t="shared" si="521"/>
        <v>#N/A</v>
      </c>
      <c r="EQ98" t="e">
        <f t="shared" si="522"/>
        <v>#N/A</v>
      </c>
      <c r="ER98" t="e">
        <f t="shared" si="523"/>
        <v>#N/A</v>
      </c>
      <c r="ES98" t="e">
        <f t="shared" si="524"/>
        <v>#N/A</v>
      </c>
      <c r="ET98" t="e">
        <f t="shared" si="525"/>
        <v>#N/A</v>
      </c>
      <c r="EU98" t="e">
        <f t="shared" si="526"/>
        <v>#N/A</v>
      </c>
      <c r="EV98" t="e">
        <f t="shared" si="527"/>
        <v>#N/A</v>
      </c>
      <c r="EW98" t="e">
        <f t="shared" si="528"/>
        <v>#N/A</v>
      </c>
      <c r="EX98" s="98" t="e">
        <f t="shared" si="529"/>
        <v>#N/A</v>
      </c>
      <c r="EY98" s="97">
        <f t="shared" si="530"/>
        <v>0.90541244826202316</v>
      </c>
      <c r="EZ98" t="e">
        <f t="shared" si="531"/>
        <v>#N/A</v>
      </c>
      <c r="FA98" t="e">
        <f t="shared" si="532"/>
        <v>#N/A</v>
      </c>
      <c r="FB98" t="e">
        <f t="shared" si="533"/>
        <v>#N/A</v>
      </c>
      <c r="FC98" t="e">
        <f t="shared" si="534"/>
        <v>#N/A</v>
      </c>
      <c r="FD98" t="e">
        <f t="shared" si="535"/>
        <v>#N/A</v>
      </c>
      <c r="FE98" t="e">
        <f t="shared" si="536"/>
        <v>#N/A</v>
      </c>
      <c r="FF98" t="e">
        <f t="shared" si="537"/>
        <v>#N/A</v>
      </c>
      <c r="FG98" t="e">
        <f t="shared" si="538"/>
        <v>#N/A</v>
      </c>
      <c r="FH98" t="e">
        <f t="shared" si="539"/>
        <v>#N/A</v>
      </c>
      <c r="FI98" t="e">
        <f t="shared" si="540"/>
        <v>#N/A</v>
      </c>
      <c r="FJ98" t="e">
        <f t="shared" si="541"/>
        <v>#N/A</v>
      </c>
      <c r="FK98" t="e">
        <f t="shared" si="542"/>
        <v>#N/A</v>
      </c>
      <c r="FL98" s="126">
        <f t="shared" si="543"/>
        <v>21.967350315545723</v>
      </c>
      <c r="FM98" s="91" t="e">
        <f t="shared" si="544"/>
        <v>#N/A</v>
      </c>
      <c r="FN98" s="91" t="e">
        <f t="shared" si="545"/>
        <v>#N/A</v>
      </c>
      <c r="FO98" s="91" t="e">
        <f t="shared" si="546"/>
        <v>#N/A</v>
      </c>
      <c r="FP98" s="91" t="e">
        <f t="shared" si="547"/>
        <v>#N/A</v>
      </c>
      <c r="FQ98" s="91" t="e">
        <f t="shared" si="548"/>
        <v>#N/A</v>
      </c>
      <c r="FR98" s="91" t="e">
        <f t="shared" si="549"/>
        <v>#N/A</v>
      </c>
      <c r="FS98" s="91" t="e">
        <f t="shared" si="550"/>
        <v>#N/A</v>
      </c>
      <c r="FT98" s="91" t="e">
        <f t="shared" si="551"/>
        <v>#N/A</v>
      </c>
      <c r="FU98" s="91" t="e">
        <f t="shared" si="552"/>
        <v>#N/A</v>
      </c>
      <c r="FV98" s="91" t="e">
        <f t="shared" si="553"/>
        <v>#N/A</v>
      </c>
      <c r="FW98" s="91" t="e">
        <f t="shared" si="554"/>
        <v>#N/A</v>
      </c>
      <c r="FX98" s="91" t="e">
        <f t="shared" si="555"/>
        <v>#N/A</v>
      </c>
      <c r="FY98" s="91">
        <f t="shared" si="556"/>
        <v>0</v>
      </c>
      <c r="FZ98" s="91" t="e">
        <f t="shared" si="557"/>
        <v>#N/A</v>
      </c>
      <c r="GA98" s="91" t="e">
        <f t="shared" si="558"/>
        <v>#N/A</v>
      </c>
      <c r="GB98" s="91" t="e">
        <f t="shared" si="559"/>
        <v>#N/A</v>
      </c>
      <c r="GC98" s="91" t="e">
        <f t="shared" si="560"/>
        <v>#N/A</v>
      </c>
      <c r="GD98" s="91" t="e">
        <f t="shared" si="561"/>
        <v>#N/A</v>
      </c>
      <c r="GE98" s="91" t="e">
        <f t="shared" si="562"/>
        <v>#N/A</v>
      </c>
      <c r="GF98" s="91" t="e">
        <f t="shared" si="563"/>
        <v>#N/A</v>
      </c>
      <c r="GG98" s="91" t="e">
        <f t="shared" si="564"/>
        <v>#N/A</v>
      </c>
      <c r="GH98" s="91" t="e">
        <f t="shared" si="565"/>
        <v>#N/A</v>
      </c>
      <c r="GI98" s="91" t="e">
        <f t="shared" si="566"/>
        <v>#N/A</v>
      </c>
      <c r="GJ98" s="91" t="e">
        <f t="shared" si="567"/>
        <v>#N/A</v>
      </c>
      <c r="GK98" s="127" t="e">
        <f t="shared" si="568"/>
        <v>#N/A</v>
      </c>
      <c r="GL98" s="126">
        <f t="shared" si="569"/>
        <v>24.000558458320164</v>
      </c>
      <c r="GM98" s="91" t="e">
        <f t="shared" si="570"/>
        <v>#N/A</v>
      </c>
      <c r="GN98" s="91" t="e">
        <f t="shared" si="571"/>
        <v>#N/A</v>
      </c>
      <c r="GO98" s="91" t="e">
        <f t="shared" si="572"/>
        <v>#N/A</v>
      </c>
      <c r="GP98" s="91" t="e">
        <f t="shared" si="573"/>
        <v>#N/A</v>
      </c>
      <c r="GQ98" s="91" t="e">
        <f t="shared" si="574"/>
        <v>#N/A</v>
      </c>
      <c r="GR98" s="91" t="e">
        <f t="shared" si="575"/>
        <v>#N/A</v>
      </c>
      <c r="GS98" s="91" t="e">
        <f t="shared" si="576"/>
        <v>#N/A</v>
      </c>
      <c r="GT98" s="91" t="e">
        <f t="shared" si="577"/>
        <v>#N/A</v>
      </c>
      <c r="GU98" s="91" t="e">
        <f t="shared" si="578"/>
        <v>#N/A</v>
      </c>
      <c r="GV98" s="91" t="e">
        <f t="shared" si="579"/>
        <v>#N/A</v>
      </c>
      <c r="GW98" s="91" t="e">
        <f t="shared" si="580"/>
        <v>#N/A</v>
      </c>
      <c r="GX98" s="91" t="e">
        <f t="shared" si="581"/>
        <v>#N/A</v>
      </c>
      <c r="GY98" s="91">
        <f t="shared" si="582"/>
        <v>0</v>
      </c>
      <c r="GZ98" s="91" t="e">
        <f t="shared" si="583"/>
        <v>#N/A</v>
      </c>
      <c r="HA98" s="91" t="e">
        <f t="shared" si="584"/>
        <v>#N/A</v>
      </c>
      <c r="HB98" s="91" t="e">
        <f t="shared" si="585"/>
        <v>#N/A</v>
      </c>
      <c r="HC98" s="91" t="e">
        <f t="shared" si="586"/>
        <v>#N/A</v>
      </c>
      <c r="HD98" s="91" t="e">
        <f t="shared" si="587"/>
        <v>#N/A</v>
      </c>
      <c r="HE98" s="91" t="e">
        <f t="shared" si="588"/>
        <v>#N/A</v>
      </c>
      <c r="HF98" s="91" t="e">
        <f t="shared" si="589"/>
        <v>#N/A</v>
      </c>
      <c r="HG98" s="91" t="e">
        <f t="shared" si="590"/>
        <v>#N/A</v>
      </c>
      <c r="HH98" s="91" t="e">
        <f t="shared" si="591"/>
        <v>#N/A</v>
      </c>
      <c r="HI98" s="91" t="e">
        <f t="shared" si="592"/>
        <v>#N/A</v>
      </c>
      <c r="HJ98" s="91" t="e">
        <f t="shared" si="593"/>
        <v>#N/A</v>
      </c>
      <c r="HK98" s="127" t="e">
        <f t="shared" si="594"/>
        <v>#N/A</v>
      </c>
      <c r="HL98" s="126">
        <f t="shared" si="595"/>
        <v>18.486599172192371</v>
      </c>
      <c r="HM98" s="91" t="e">
        <f t="shared" si="596"/>
        <v>#N/A</v>
      </c>
      <c r="HN98" s="91" t="e">
        <f t="shared" si="597"/>
        <v>#N/A</v>
      </c>
      <c r="HO98" s="91" t="e">
        <f t="shared" si="598"/>
        <v>#N/A</v>
      </c>
      <c r="HP98" s="91" t="e">
        <f t="shared" si="599"/>
        <v>#N/A</v>
      </c>
      <c r="HQ98" s="91" t="e">
        <f t="shared" si="600"/>
        <v>#N/A</v>
      </c>
      <c r="HR98" s="91" t="e">
        <f t="shared" si="601"/>
        <v>#N/A</v>
      </c>
      <c r="HS98" s="91" t="e">
        <f t="shared" si="602"/>
        <v>#N/A</v>
      </c>
      <c r="HT98" s="91" t="e">
        <f t="shared" si="603"/>
        <v>#N/A</v>
      </c>
      <c r="HU98" s="91" t="e">
        <f t="shared" si="604"/>
        <v>#N/A</v>
      </c>
      <c r="HV98" s="91" t="e">
        <f t="shared" si="605"/>
        <v>#N/A</v>
      </c>
      <c r="HW98" s="91" t="e">
        <f t="shared" si="606"/>
        <v>#N/A</v>
      </c>
      <c r="HX98" s="91" t="e">
        <f t="shared" si="607"/>
        <v>#N/A</v>
      </c>
      <c r="HY98" s="91">
        <f t="shared" si="608"/>
        <v>0</v>
      </c>
      <c r="HZ98" s="91" t="e">
        <f t="shared" si="609"/>
        <v>#N/A</v>
      </c>
      <c r="IA98" s="91" t="e">
        <f t="shared" si="610"/>
        <v>#N/A</v>
      </c>
      <c r="IB98" s="91" t="e">
        <f t="shared" si="611"/>
        <v>#N/A</v>
      </c>
      <c r="IC98" s="91" t="e">
        <f t="shared" si="612"/>
        <v>#N/A</v>
      </c>
      <c r="ID98" s="91" t="e">
        <f t="shared" si="613"/>
        <v>#N/A</v>
      </c>
      <c r="IE98" s="91" t="e">
        <f t="shared" si="614"/>
        <v>#N/A</v>
      </c>
      <c r="IF98" s="91" t="e">
        <f t="shared" si="615"/>
        <v>#N/A</v>
      </c>
      <c r="IG98" s="91" t="e">
        <f t="shared" si="616"/>
        <v>#N/A</v>
      </c>
      <c r="IH98" s="91" t="e">
        <f t="shared" si="617"/>
        <v>#N/A</v>
      </c>
      <c r="II98" s="91" t="e">
        <f t="shared" si="618"/>
        <v>#N/A</v>
      </c>
      <c r="IJ98" s="91" t="e">
        <f t="shared" si="619"/>
        <v>#N/A</v>
      </c>
      <c r="IK98" s="127" t="e">
        <f t="shared" si="620"/>
        <v>#N/A</v>
      </c>
    </row>
    <row r="99" spans="2:245" x14ac:dyDescent="0.2">
      <c r="B99" s="79">
        <f t="shared" si="621"/>
        <v>-88.5</v>
      </c>
      <c r="C99" s="73">
        <f>'p-y mono_clay'!C99</f>
        <v>73</v>
      </c>
      <c r="D99" s="64">
        <f>'p-y mono_clay'!D99</f>
        <v>72.98899999999999</v>
      </c>
      <c r="E99" s="64" t="str">
        <f>'p-y mono_clay'!E99</f>
        <v>SAND</v>
      </c>
      <c r="F99" s="55">
        <f>VLOOKUP($C99, 'Pile Property'!$A$8:$D$108,2,TRUE)</f>
        <v>2</v>
      </c>
      <c r="G99" s="102" t="e">
        <f>'p-y mono_clay'!Z99</f>
        <v>#N/A</v>
      </c>
      <c r="H99" s="199">
        <f>'p-y mono_clay'!AM99</f>
        <v>0</v>
      </c>
      <c r="I99" s="55" t="e">
        <f>'p-y mono_clay'!AN99</f>
        <v>#N/A</v>
      </c>
      <c r="J99" s="55" t="e">
        <f>'p-y mono_clay'!AO99</f>
        <v>#N/A</v>
      </c>
      <c r="K99" s="55" t="e">
        <f>'p-y mono_clay'!AP99</f>
        <v>#N/A</v>
      </c>
      <c r="L99" s="55" t="e">
        <f>'p-y mono_clay'!AQ99</f>
        <v>#N/A</v>
      </c>
      <c r="M99" s="55" t="e">
        <f>'p-y mono_clay'!AR99</f>
        <v>#N/A</v>
      </c>
      <c r="N99" s="55" t="e">
        <f>'p-y mono_clay'!AS99</f>
        <v>#N/A</v>
      </c>
      <c r="O99" s="55" t="e">
        <f>'p-y mono_clay'!AT99</f>
        <v>#N/A</v>
      </c>
      <c r="P99" s="55" t="e">
        <f>'p-y mono_clay'!AU99</f>
        <v>#N/A</v>
      </c>
      <c r="Q99" s="55" t="e">
        <f>'p-y mono_clay'!AV99</f>
        <v>#N/A</v>
      </c>
      <c r="R99" s="55" t="e">
        <f>'p-y mono_clay'!AW99</f>
        <v>#N/A</v>
      </c>
      <c r="S99" s="55" t="e">
        <f>'p-y mono_clay'!AX99</f>
        <v>#N/A</v>
      </c>
      <c r="T99" s="200">
        <f>'p-y mono_clay'!AY99</f>
        <v>6000</v>
      </c>
      <c r="U99" s="199">
        <f>'p-y mono_clay'!AZ99</f>
        <v>17</v>
      </c>
      <c r="V99" s="55" t="e">
        <f>'p-y mono_clay'!BA99</f>
        <v>#N/A</v>
      </c>
      <c r="W99" s="55" t="e">
        <f>'p-y mono_clay'!BB99</f>
        <v>#N/A</v>
      </c>
      <c r="X99" s="55" t="e">
        <f>'p-y mono_clay'!BC99</f>
        <v>#N/A</v>
      </c>
      <c r="Y99" s="55" t="e">
        <f>'p-y mono_clay'!BD99</f>
        <v>#N/A</v>
      </c>
      <c r="Z99" s="55" t="e">
        <f>'p-y mono_clay'!BE99</f>
        <v>#N/A</v>
      </c>
      <c r="AA99" s="55" t="e">
        <f>'p-y mono_clay'!BF99</f>
        <v>#N/A</v>
      </c>
      <c r="AB99" s="55" t="e">
        <f>'p-y mono_clay'!BG99</f>
        <v>#N/A</v>
      </c>
      <c r="AC99" s="55" t="e">
        <f>'p-y mono_clay'!BH99</f>
        <v>#N/A</v>
      </c>
      <c r="AD99" s="55" t="e">
        <f>'p-y mono_clay'!BI99</f>
        <v>#N/A</v>
      </c>
      <c r="AE99" s="55" t="e">
        <f>'p-y mono_clay'!BJ99</f>
        <v>#N/A</v>
      </c>
      <c r="AF99" s="55" t="e">
        <f>'p-y mono_clay'!BK99</f>
        <v>#N/A</v>
      </c>
      <c r="AG99" s="200" t="e">
        <f>'p-y mono_clay'!BL99</f>
        <v>#N/A</v>
      </c>
      <c r="AH99">
        <f t="shared" si="413"/>
        <v>30</v>
      </c>
      <c r="AI99">
        <v>0</v>
      </c>
      <c r="AJ99" t="e">
        <f t="shared" si="414"/>
        <v>#N/A</v>
      </c>
      <c r="AK99" t="e">
        <f t="shared" si="415"/>
        <v>#N/A</v>
      </c>
      <c r="AL99" t="e">
        <f t="shared" si="416"/>
        <v>#N/A</v>
      </c>
      <c r="AM99" t="e">
        <f t="shared" si="417"/>
        <v>#N/A</v>
      </c>
      <c r="AN99" t="e">
        <f t="shared" si="418"/>
        <v>#N/A</v>
      </c>
      <c r="AO99" t="e">
        <f t="shared" si="419"/>
        <v>#N/A</v>
      </c>
      <c r="AP99" t="e">
        <f t="shared" si="420"/>
        <v>#N/A</v>
      </c>
      <c r="AQ99" t="e">
        <f t="shared" si="421"/>
        <v>#N/A</v>
      </c>
      <c r="AR99" t="e">
        <f t="shared" si="422"/>
        <v>#N/A</v>
      </c>
      <c r="AS99" t="e">
        <f t="shared" si="423"/>
        <v>#N/A</v>
      </c>
      <c r="AT99" t="e">
        <f t="shared" si="424"/>
        <v>#N/A</v>
      </c>
      <c r="AU99" t="e">
        <f t="shared" si="425"/>
        <v>#N/A</v>
      </c>
      <c r="AV99">
        <v>1</v>
      </c>
      <c r="AW99">
        <v>1.25</v>
      </c>
      <c r="AX99">
        <v>2.5</v>
      </c>
      <c r="AY99" s="162">
        <f t="shared" si="426"/>
        <v>2</v>
      </c>
      <c r="AZ99" s="162" t="e">
        <f t="shared" si="427"/>
        <v>#N/A</v>
      </c>
      <c r="BA99" s="162" t="e">
        <f t="shared" si="428"/>
        <v>#N/A</v>
      </c>
      <c r="BB99" s="162" t="e">
        <f t="shared" si="429"/>
        <v>#N/A</v>
      </c>
      <c r="BC99" s="162" t="e">
        <f t="shared" si="430"/>
        <v>#N/A</v>
      </c>
      <c r="BD99" s="162" t="e">
        <f t="shared" si="431"/>
        <v>#N/A</v>
      </c>
      <c r="BE99" s="162" t="e">
        <f t="shared" si="432"/>
        <v>#N/A</v>
      </c>
      <c r="BF99" s="162" t="e">
        <f t="shared" si="433"/>
        <v>#N/A</v>
      </c>
      <c r="BG99" s="162" t="e">
        <f t="shared" si="434"/>
        <v>#N/A</v>
      </c>
      <c r="BH99" s="162" t="e">
        <f t="shared" si="435"/>
        <v>#N/A</v>
      </c>
      <c r="BI99" s="162" t="e">
        <f t="shared" si="436"/>
        <v>#N/A</v>
      </c>
      <c r="BJ99" s="162" t="e">
        <f t="shared" si="437"/>
        <v>#N/A</v>
      </c>
      <c r="BK99" s="162" t="e">
        <f t="shared" si="438"/>
        <v>#N/A</v>
      </c>
      <c r="BL99" s="162">
        <f t="shared" si="439"/>
        <v>2.3784142300054421</v>
      </c>
      <c r="BM99" s="162" t="e">
        <f t="shared" si="440"/>
        <v>#N/A</v>
      </c>
      <c r="BN99" s="162" t="e">
        <f t="shared" si="441"/>
        <v>#N/A</v>
      </c>
      <c r="BO99" s="162" t="e">
        <f t="shared" si="442"/>
        <v>#N/A</v>
      </c>
      <c r="BP99" s="162" t="e">
        <f t="shared" si="443"/>
        <v>#N/A</v>
      </c>
      <c r="BQ99" s="162" t="e">
        <f t="shared" si="444"/>
        <v>#N/A</v>
      </c>
      <c r="BR99" s="162" t="e">
        <f t="shared" si="445"/>
        <v>#N/A</v>
      </c>
      <c r="BS99" s="162" t="e">
        <f t="shared" si="446"/>
        <v>#N/A</v>
      </c>
      <c r="BT99" s="162" t="e">
        <f t="shared" si="447"/>
        <v>#N/A</v>
      </c>
      <c r="BU99" s="162" t="e">
        <f t="shared" si="448"/>
        <v>#N/A</v>
      </c>
      <c r="BV99" s="162" t="e">
        <f t="shared" si="449"/>
        <v>#N/A</v>
      </c>
      <c r="BW99" s="162" t="e">
        <f t="shared" si="450"/>
        <v>#N/A</v>
      </c>
      <c r="BX99" s="162" t="e">
        <f t="shared" si="451"/>
        <v>#N/A</v>
      </c>
      <c r="BY99" s="162">
        <f t="shared" si="452"/>
        <v>5.6568542494923806</v>
      </c>
      <c r="BZ99" s="162" t="e">
        <f t="shared" si="453"/>
        <v>#N/A</v>
      </c>
      <c r="CA99" s="162" t="e">
        <f t="shared" si="454"/>
        <v>#N/A</v>
      </c>
      <c r="CB99" s="162" t="e">
        <f t="shared" si="455"/>
        <v>#N/A</v>
      </c>
      <c r="CC99" s="162" t="e">
        <f t="shared" si="456"/>
        <v>#N/A</v>
      </c>
      <c r="CD99" s="162" t="e">
        <f t="shared" si="457"/>
        <v>#N/A</v>
      </c>
      <c r="CE99" s="162" t="e">
        <f t="shared" si="458"/>
        <v>#N/A</v>
      </c>
      <c r="CF99" s="162" t="e">
        <f t="shared" si="459"/>
        <v>#N/A</v>
      </c>
      <c r="CG99" s="162" t="e">
        <f t="shared" si="460"/>
        <v>#N/A</v>
      </c>
      <c r="CH99" s="162" t="e">
        <f t="shared" si="461"/>
        <v>#N/A</v>
      </c>
      <c r="CI99" s="162" t="e">
        <f t="shared" si="462"/>
        <v>#N/A</v>
      </c>
      <c r="CJ99" s="162" t="e">
        <f t="shared" si="463"/>
        <v>#N/A</v>
      </c>
      <c r="CK99" s="162" t="e">
        <f t="shared" si="464"/>
        <v>#N/A</v>
      </c>
      <c r="CL99">
        <f t="shared" si="465"/>
        <v>1.3729593947216077</v>
      </c>
      <c r="CM99" t="e">
        <f t="shared" si="466"/>
        <v>#N/A</v>
      </c>
      <c r="CN99" t="e">
        <f t="shared" si="467"/>
        <v>#N/A</v>
      </c>
      <c r="CO99" t="e">
        <f t="shared" si="468"/>
        <v>#N/A</v>
      </c>
      <c r="CP99" t="e">
        <f t="shared" si="469"/>
        <v>#N/A</v>
      </c>
      <c r="CQ99" t="e">
        <f t="shared" si="470"/>
        <v>#N/A</v>
      </c>
      <c r="CR99" t="e">
        <f t="shared" si="471"/>
        <v>#N/A</v>
      </c>
      <c r="CS99" t="e">
        <f t="shared" si="472"/>
        <v>#N/A</v>
      </c>
      <c r="CT99" t="e">
        <f t="shared" si="473"/>
        <v>#N/A</v>
      </c>
      <c r="CU99" t="e">
        <f t="shared" si="474"/>
        <v>#N/A</v>
      </c>
      <c r="CV99" t="e">
        <f t="shared" si="475"/>
        <v>#N/A</v>
      </c>
      <c r="CW99" t="e">
        <f t="shared" si="476"/>
        <v>#N/A</v>
      </c>
      <c r="CX99" s="98" t="e">
        <f t="shared" si="477"/>
        <v>#N/A</v>
      </c>
      <c r="CY99">
        <f t="shared" si="478"/>
        <v>1.1029593947216076</v>
      </c>
      <c r="CZ99" t="e">
        <f t="shared" si="479"/>
        <v>#N/A</v>
      </c>
      <c r="DA99" t="e">
        <f t="shared" si="480"/>
        <v>#N/A</v>
      </c>
      <c r="DB99" t="e">
        <f t="shared" si="481"/>
        <v>#N/A</v>
      </c>
      <c r="DC99" t="e">
        <f t="shared" si="482"/>
        <v>#N/A</v>
      </c>
      <c r="DD99" t="e">
        <f t="shared" si="483"/>
        <v>#N/A</v>
      </c>
      <c r="DE99" t="e">
        <f t="shared" si="484"/>
        <v>#N/A</v>
      </c>
      <c r="DF99" t="e">
        <f t="shared" si="485"/>
        <v>#N/A</v>
      </c>
      <c r="DG99" t="e">
        <f t="shared" si="486"/>
        <v>#N/A</v>
      </c>
      <c r="DH99" t="e">
        <f t="shared" si="487"/>
        <v>#N/A</v>
      </c>
      <c r="DI99" t="e">
        <f t="shared" si="488"/>
        <v>#N/A</v>
      </c>
      <c r="DJ99" t="e">
        <f t="shared" si="489"/>
        <v>#N/A</v>
      </c>
      <c r="DK99" t="e">
        <f t="shared" si="490"/>
        <v>#N/A</v>
      </c>
      <c r="DL99" s="97">
        <f t="shared" si="491"/>
        <v>1.5000349036450102</v>
      </c>
      <c r="DM99" t="e">
        <f t="shared" si="492"/>
        <v>#N/A</v>
      </c>
      <c r="DN99" t="e">
        <f t="shared" si="493"/>
        <v>#N/A</v>
      </c>
      <c r="DO99" t="e">
        <f t="shared" si="494"/>
        <v>#N/A</v>
      </c>
      <c r="DP99" t="e">
        <f t="shared" si="495"/>
        <v>#N/A</v>
      </c>
      <c r="DQ99" t="e">
        <f t="shared" si="496"/>
        <v>#N/A</v>
      </c>
      <c r="DR99" t="e">
        <f t="shared" si="497"/>
        <v>#N/A</v>
      </c>
      <c r="DS99" t="e">
        <f t="shared" si="498"/>
        <v>#N/A</v>
      </c>
      <c r="DT99" t="e">
        <f t="shared" si="499"/>
        <v>#N/A</v>
      </c>
      <c r="DU99" t="e">
        <f t="shared" si="500"/>
        <v>#N/A</v>
      </c>
      <c r="DV99" t="e">
        <f t="shared" si="501"/>
        <v>#N/A</v>
      </c>
      <c r="DW99" t="e">
        <f t="shared" si="502"/>
        <v>#N/A</v>
      </c>
      <c r="DX99" s="98" t="e">
        <f t="shared" si="503"/>
        <v>#N/A</v>
      </c>
      <c r="DY99">
        <f t="shared" si="504"/>
        <v>1.0527062241310117</v>
      </c>
      <c r="DZ99" t="e">
        <f t="shared" si="505"/>
        <v>#N/A</v>
      </c>
      <c r="EA99" t="e">
        <f t="shared" si="506"/>
        <v>#N/A</v>
      </c>
      <c r="EB99" t="e">
        <f t="shared" si="507"/>
        <v>#N/A</v>
      </c>
      <c r="EC99" t="e">
        <f t="shared" si="508"/>
        <v>#N/A</v>
      </c>
      <c r="ED99" t="e">
        <f t="shared" si="509"/>
        <v>#N/A</v>
      </c>
      <c r="EE99" t="e">
        <f t="shared" si="510"/>
        <v>#N/A</v>
      </c>
      <c r="EF99" t="e">
        <f t="shared" si="511"/>
        <v>#N/A</v>
      </c>
      <c r="EG99" t="e">
        <f t="shared" si="512"/>
        <v>#N/A</v>
      </c>
      <c r="EH99" t="e">
        <f t="shared" si="513"/>
        <v>#N/A</v>
      </c>
      <c r="EI99" t="e">
        <f t="shared" si="514"/>
        <v>#N/A</v>
      </c>
      <c r="EJ99" t="e">
        <f t="shared" si="515"/>
        <v>#N/A</v>
      </c>
      <c r="EK99" t="e">
        <f t="shared" si="516"/>
        <v>#N/A</v>
      </c>
      <c r="EL99" s="97">
        <f t="shared" si="517"/>
        <v>1.1554124482620232</v>
      </c>
      <c r="EM99" t="e">
        <f t="shared" si="518"/>
        <v>#N/A</v>
      </c>
      <c r="EN99" t="e">
        <f t="shared" si="519"/>
        <v>#N/A</v>
      </c>
      <c r="EO99" t="e">
        <f t="shared" si="520"/>
        <v>#N/A</v>
      </c>
      <c r="EP99" t="e">
        <f t="shared" si="521"/>
        <v>#N/A</v>
      </c>
      <c r="EQ99" t="e">
        <f t="shared" si="522"/>
        <v>#N/A</v>
      </c>
      <c r="ER99" t="e">
        <f t="shared" si="523"/>
        <v>#N/A</v>
      </c>
      <c r="ES99" t="e">
        <f t="shared" si="524"/>
        <v>#N/A</v>
      </c>
      <c r="ET99" t="e">
        <f t="shared" si="525"/>
        <v>#N/A</v>
      </c>
      <c r="EU99" t="e">
        <f t="shared" si="526"/>
        <v>#N/A</v>
      </c>
      <c r="EV99" t="e">
        <f t="shared" si="527"/>
        <v>#N/A</v>
      </c>
      <c r="EW99" t="e">
        <f t="shared" si="528"/>
        <v>#N/A</v>
      </c>
      <c r="EX99" s="98" t="e">
        <f t="shared" si="529"/>
        <v>#N/A</v>
      </c>
      <c r="EY99" s="97">
        <f t="shared" si="530"/>
        <v>0.90541244826202316</v>
      </c>
      <c r="EZ99" t="e">
        <f t="shared" si="531"/>
        <v>#N/A</v>
      </c>
      <c r="FA99" t="e">
        <f t="shared" si="532"/>
        <v>#N/A</v>
      </c>
      <c r="FB99" t="e">
        <f t="shared" si="533"/>
        <v>#N/A</v>
      </c>
      <c r="FC99" t="e">
        <f t="shared" si="534"/>
        <v>#N/A</v>
      </c>
      <c r="FD99" t="e">
        <f t="shared" si="535"/>
        <v>#N/A</v>
      </c>
      <c r="FE99" t="e">
        <f t="shared" si="536"/>
        <v>#N/A</v>
      </c>
      <c r="FF99" t="e">
        <f t="shared" si="537"/>
        <v>#N/A</v>
      </c>
      <c r="FG99" t="e">
        <f t="shared" si="538"/>
        <v>#N/A</v>
      </c>
      <c r="FH99" t="e">
        <f t="shared" si="539"/>
        <v>#N/A</v>
      </c>
      <c r="FI99" t="e">
        <f t="shared" si="540"/>
        <v>#N/A</v>
      </c>
      <c r="FJ99" t="e">
        <f t="shared" si="541"/>
        <v>#N/A</v>
      </c>
      <c r="FK99" t="e">
        <f t="shared" si="542"/>
        <v>#N/A</v>
      </c>
      <c r="FL99" s="126">
        <f t="shared" si="543"/>
        <v>23.340309710267331</v>
      </c>
      <c r="FM99" s="91" t="e">
        <f t="shared" si="544"/>
        <v>#N/A</v>
      </c>
      <c r="FN99" s="91" t="e">
        <f t="shared" si="545"/>
        <v>#N/A</v>
      </c>
      <c r="FO99" s="91" t="e">
        <f t="shared" si="546"/>
        <v>#N/A</v>
      </c>
      <c r="FP99" s="91" t="e">
        <f t="shared" si="547"/>
        <v>#N/A</v>
      </c>
      <c r="FQ99" s="91" t="e">
        <f t="shared" si="548"/>
        <v>#N/A</v>
      </c>
      <c r="FR99" s="91" t="e">
        <f t="shared" si="549"/>
        <v>#N/A</v>
      </c>
      <c r="FS99" s="91" t="e">
        <f t="shared" si="550"/>
        <v>#N/A</v>
      </c>
      <c r="FT99" s="91" t="e">
        <f t="shared" si="551"/>
        <v>#N/A</v>
      </c>
      <c r="FU99" s="91" t="e">
        <f t="shared" si="552"/>
        <v>#N/A</v>
      </c>
      <c r="FV99" s="91" t="e">
        <f t="shared" si="553"/>
        <v>#N/A</v>
      </c>
      <c r="FW99" s="91" t="e">
        <f t="shared" si="554"/>
        <v>#N/A</v>
      </c>
      <c r="FX99" s="91" t="e">
        <f t="shared" si="555"/>
        <v>#N/A</v>
      </c>
      <c r="FY99" s="91">
        <f t="shared" si="556"/>
        <v>0</v>
      </c>
      <c r="FZ99" s="91" t="e">
        <f t="shared" si="557"/>
        <v>#N/A</v>
      </c>
      <c r="GA99" s="91" t="e">
        <f t="shared" si="558"/>
        <v>#N/A</v>
      </c>
      <c r="GB99" s="91" t="e">
        <f t="shared" si="559"/>
        <v>#N/A</v>
      </c>
      <c r="GC99" s="91" t="e">
        <f t="shared" si="560"/>
        <v>#N/A</v>
      </c>
      <c r="GD99" s="91" t="e">
        <f t="shared" si="561"/>
        <v>#N/A</v>
      </c>
      <c r="GE99" s="91" t="e">
        <f t="shared" si="562"/>
        <v>#N/A</v>
      </c>
      <c r="GF99" s="91" t="e">
        <f t="shared" si="563"/>
        <v>#N/A</v>
      </c>
      <c r="GG99" s="91" t="e">
        <f t="shared" si="564"/>
        <v>#N/A</v>
      </c>
      <c r="GH99" s="91" t="e">
        <f t="shared" si="565"/>
        <v>#N/A</v>
      </c>
      <c r="GI99" s="91" t="e">
        <f t="shared" si="566"/>
        <v>#N/A</v>
      </c>
      <c r="GJ99" s="91" t="e">
        <f t="shared" si="567"/>
        <v>#N/A</v>
      </c>
      <c r="GK99" s="127" t="e">
        <f t="shared" si="568"/>
        <v>#N/A</v>
      </c>
      <c r="GL99" s="126">
        <f t="shared" si="569"/>
        <v>25.500593361965173</v>
      </c>
      <c r="GM99" s="91" t="e">
        <f t="shared" si="570"/>
        <v>#N/A</v>
      </c>
      <c r="GN99" s="91" t="e">
        <f t="shared" si="571"/>
        <v>#N/A</v>
      </c>
      <c r="GO99" s="91" t="e">
        <f t="shared" si="572"/>
        <v>#N/A</v>
      </c>
      <c r="GP99" s="91" t="e">
        <f t="shared" si="573"/>
        <v>#N/A</v>
      </c>
      <c r="GQ99" s="91" t="e">
        <f t="shared" si="574"/>
        <v>#N/A</v>
      </c>
      <c r="GR99" s="91" t="e">
        <f t="shared" si="575"/>
        <v>#N/A</v>
      </c>
      <c r="GS99" s="91" t="e">
        <f t="shared" si="576"/>
        <v>#N/A</v>
      </c>
      <c r="GT99" s="91" t="e">
        <f t="shared" si="577"/>
        <v>#N/A</v>
      </c>
      <c r="GU99" s="91" t="e">
        <f t="shared" si="578"/>
        <v>#N/A</v>
      </c>
      <c r="GV99" s="91" t="e">
        <f t="shared" si="579"/>
        <v>#N/A</v>
      </c>
      <c r="GW99" s="91" t="e">
        <f t="shared" si="580"/>
        <v>#N/A</v>
      </c>
      <c r="GX99" s="91" t="e">
        <f t="shared" si="581"/>
        <v>#N/A</v>
      </c>
      <c r="GY99" s="91">
        <f t="shared" si="582"/>
        <v>0</v>
      </c>
      <c r="GZ99" s="91" t="e">
        <f t="shared" si="583"/>
        <v>#N/A</v>
      </c>
      <c r="HA99" s="91" t="e">
        <f t="shared" si="584"/>
        <v>#N/A</v>
      </c>
      <c r="HB99" s="91" t="e">
        <f t="shared" si="585"/>
        <v>#N/A</v>
      </c>
      <c r="HC99" s="91" t="e">
        <f t="shared" si="586"/>
        <v>#N/A</v>
      </c>
      <c r="HD99" s="91" t="e">
        <f t="shared" si="587"/>
        <v>#N/A</v>
      </c>
      <c r="HE99" s="91" t="e">
        <f t="shared" si="588"/>
        <v>#N/A</v>
      </c>
      <c r="HF99" s="91" t="e">
        <f t="shared" si="589"/>
        <v>#N/A</v>
      </c>
      <c r="HG99" s="91" t="e">
        <f t="shared" si="590"/>
        <v>#N/A</v>
      </c>
      <c r="HH99" s="91" t="e">
        <f t="shared" si="591"/>
        <v>#N/A</v>
      </c>
      <c r="HI99" s="91" t="e">
        <f t="shared" si="592"/>
        <v>#N/A</v>
      </c>
      <c r="HJ99" s="91" t="e">
        <f t="shared" si="593"/>
        <v>#N/A</v>
      </c>
      <c r="HK99" s="127" t="e">
        <f t="shared" si="594"/>
        <v>#N/A</v>
      </c>
      <c r="HL99" s="126">
        <f t="shared" si="595"/>
        <v>19.642011620454394</v>
      </c>
      <c r="HM99" s="91" t="e">
        <f t="shared" si="596"/>
        <v>#N/A</v>
      </c>
      <c r="HN99" s="91" t="e">
        <f t="shared" si="597"/>
        <v>#N/A</v>
      </c>
      <c r="HO99" s="91" t="e">
        <f t="shared" si="598"/>
        <v>#N/A</v>
      </c>
      <c r="HP99" s="91" t="e">
        <f t="shared" si="599"/>
        <v>#N/A</v>
      </c>
      <c r="HQ99" s="91" t="e">
        <f t="shared" si="600"/>
        <v>#N/A</v>
      </c>
      <c r="HR99" s="91" t="e">
        <f t="shared" si="601"/>
        <v>#N/A</v>
      </c>
      <c r="HS99" s="91" t="e">
        <f t="shared" si="602"/>
        <v>#N/A</v>
      </c>
      <c r="HT99" s="91" t="e">
        <f t="shared" si="603"/>
        <v>#N/A</v>
      </c>
      <c r="HU99" s="91" t="e">
        <f t="shared" si="604"/>
        <v>#N/A</v>
      </c>
      <c r="HV99" s="91" t="e">
        <f t="shared" si="605"/>
        <v>#N/A</v>
      </c>
      <c r="HW99" s="91" t="e">
        <f t="shared" si="606"/>
        <v>#N/A</v>
      </c>
      <c r="HX99" s="91" t="e">
        <f t="shared" si="607"/>
        <v>#N/A</v>
      </c>
      <c r="HY99" s="91">
        <f t="shared" si="608"/>
        <v>0</v>
      </c>
      <c r="HZ99" s="91" t="e">
        <f t="shared" si="609"/>
        <v>#N/A</v>
      </c>
      <c r="IA99" s="91" t="e">
        <f t="shared" si="610"/>
        <v>#N/A</v>
      </c>
      <c r="IB99" s="91" t="e">
        <f t="shared" si="611"/>
        <v>#N/A</v>
      </c>
      <c r="IC99" s="91" t="e">
        <f t="shared" si="612"/>
        <v>#N/A</v>
      </c>
      <c r="ID99" s="91" t="e">
        <f t="shared" si="613"/>
        <v>#N/A</v>
      </c>
      <c r="IE99" s="91" t="e">
        <f t="shared" si="614"/>
        <v>#N/A</v>
      </c>
      <c r="IF99" s="91" t="e">
        <f t="shared" si="615"/>
        <v>#N/A</v>
      </c>
      <c r="IG99" s="91" t="e">
        <f t="shared" si="616"/>
        <v>#N/A</v>
      </c>
      <c r="IH99" s="91" t="e">
        <f t="shared" si="617"/>
        <v>#N/A</v>
      </c>
      <c r="II99" s="91" t="e">
        <f t="shared" si="618"/>
        <v>#N/A</v>
      </c>
      <c r="IJ99" s="91" t="e">
        <f t="shared" si="619"/>
        <v>#N/A</v>
      </c>
      <c r="IK99" s="127" t="e">
        <f t="shared" si="620"/>
        <v>#N/A</v>
      </c>
    </row>
    <row r="100" spans="2:245" ht="13.5" thickBot="1" x14ac:dyDescent="0.25">
      <c r="B100" s="79">
        <f t="shared" si="621"/>
        <v>-89.5</v>
      </c>
      <c r="C100" s="73">
        <f>'p-y mono_clay'!C100</f>
        <v>74</v>
      </c>
      <c r="D100" s="64">
        <f>'p-y mono_clay'!D100</f>
        <v>73.992999999999995</v>
      </c>
      <c r="E100" s="64" t="str">
        <f>'p-y mono_clay'!E100</f>
        <v>SAND</v>
      </c>
      <c r="F100" s="55">
        <f>VLOOKUP($C100, 'Pile Property'!$A$8:$D$108,2,TRUE)</f>
        <v>2</v>
      </c>
      <c r="G100" s="102" t="e">
        <f>'p-y mono_clay'!Z100</f>
        <v>#N/A</v>
      </c>
      <c r="H100" s="201">
        <f>'p-y mono_clay'!AM100</f>
        <v>0</v>
      </c>
      <c r="I100" s="202" t="e">
        <f>'p-y mono_clay'!AN100</f>
        <v>#N/A</v>
      </c>
      <c r="J100" s="202" t="e">
        <f>'p-y mono_clay'!AO100</f>
        <v>#N/A</v>
      </c>
      <c r="K100" s="202" t="e">
        <f>'p-y mono_clay'!AP100</f>
        <v>#N/A</v>
      </c>
      <c r="L100" s="202" t="e">
        <f>'p-y mono_clay'!AQ100</f>
        <v>#N/A</v>
      </c>
      <c r="M100" s="202" t="e">
        <f>'p-y mono_clay'!AR100</f>
        <v>#N/A</v>
      </c>
      <c r="N100" s="202" t="e">
        <f>'p-y mono_clay'!AS100</f>
        <v>#N/A</v>
      </c>
      <c r="O100" s="202" t="e">
        <f>'p-y mono_clay'!AT100</f>
        <v>#N/A</v>
      </c>
      <c r="P100" s="202" t="e">
        <f>'p-y mono_clay'!AU100</f>
        <v>#N/A</v>
      </c>
      <c r="Q100" s="202" t="e">
        <f>'p-y mono_clay'!AV100</f>
        <v>#N/A</v>
      </c>
      <c r="R100" s="202" t="e">
        <f>'p-y mono_clay'!AW100</f>
        <v>#N/A</v>
      </c>
      <c r="S100" s="202" t="e">
        <f>'p-y mono_clay'!AX100</f>
        <v>#N/A</v>
      </c>
      <c r="T100" s="203">
        <f>'p-y mono_clay'!AY100</f>
        <v>6000</v>
      </c>
      <c r="U100" s="201">
        <f>'p-y mono_clay'!AZ100</f>
        <v>18</v>
      </c>
      <c r="V100" s="202" t="e">
        <f>'p-y mono_clay'!BA100</f>
        <v>#N/A</v>
      </c>
      <c r="W100" s="202" t="e">
        <f>'p-y mono_clay'!BB100</f>
        <v>#N/A</v>
      </c>
      <c r="X100" s="202" t="e">
        <f>'p-y mono_clay'!BC100</f>
        <v>#N/A</v>
      </c>
      <c r="Y100" s="202" t="e">
        <f>'p-y mono_clay'!BD100</f>
        <v>#N/A</v>
      </c>
      <c r="Z100" s="202" t="e">
        <f>'p-y mono_clay'!BE100</f>
        <v>#N/A</v>
      </c>
      <c r="AA100" s="202" t="e">
        <f>'p-y mono_clay'!BF100</f>
        <v>#N/A</v>
      </c>
      <c r="AB100" s="202" t="e">
        <f>'p-y mono_clay'!BG100</f>
        <v>#N/A</v>
      </c>
      <c r="AC100" s="202" t="e">
        <f>'p-y mono_clay'!BH100</f>
        <v>#N/A</v>
      </c>
      <c r="AD100" s="202" t="e">
        <f>'p-y mono_clay'!BI100</f>
        <v>#N/A</v>
      </c>
      <c r="AE100" s="202" t="e">
        <f>'p-y mono_clay'!BJ100</f>
        <v>#N/A</v>
      </c>
      <c r="AF100" s="202" t="e">
        <f>'p-y mono_clay'!BK100</f>
        <v>#N/A</v>
      </c>
      <c r="AG100" s="203" t="e">
        <f>'p-y mono_clay'!BL100</f>
        <v>#N/A</v>
      </c>
      <c r="AH100">
        <f t="shared" si="413"/>
        <v>30</v>
      </c>
      <c r="AI100">
        <v>0</v>
      </c>
      <c r="AJ100" t="e">
        <f t="shared" si="414"/>
        <v>#N/A</v>
      </c>
      <c r="AK100" t="e">
        <f t="shared" si="415"/>
        <v>#N/A</v>
      </c>
      <c r="AL100" t="e">
        <f t="shared" si="416"/>
        <v>#N/A</v>
      </c>
      <c r="AM100" t="e">
        <f t="shared" si="417"/>
        <v>#N/A</v>
      </c>
      <c r="AN100" t="e">
        <f t="shared" si="418"/>
        <v>#N/A</v>
      </c>
      <c r="AO100" t="e">
        <f t="shared" si="419"/>
        <v>#N/A</v>
      </c>
      <c r="AP100" t="e">
        <f t="shared" si="420"/>
        <v>#N/A</v>
      </c>
      <c r="AQ100" t="e">
        <f t="shared" si="421"/>
        <v>#N/A</v>
      </c>
      <c r="AR100" t="e">
        <f t="shared" si="422"/>
        <v>#N/A</v>
      </c>
      <c r="AS100" t="e">
        <f t="shared" si="423"/>
        <v>#N/A</v>
      </c>
      <c r="AT100" t="e">
        <f t="shared" si="424"/>
        <v>#N/A</v>
      </c>
      <c r="AU100" t="e">
        <f t="shared" si="425"/>
        <v>#N/A</v>
      </c>
      <c r="AV100">
        <v>1</v>
      </c>
      <c r="AW100">
        <v>1.25</v>
      </c>
      <c r="AX100">
        <v>2.5</v>
      </c>
      <c r="AY100" s="162">
        <f t="shared" si="426"/>
        <v>2</v>
      </c>
      <c r="AZ100" s="162" t="e">
        <f t="shared" si="427"/>
        <v>#N/A</v>
      </c>
      <c r="BA100" s="162" t="e">
        <f t="shared" si="428"/>
        <v>#N/A</v>
      </c>
      <c r="BB100" s="162" t="e">
        <f t="shared" si="429"/>
        <v>#N/A</v>
      </c>
      <c r="BC100" s="162" t="e">
        <f t="shared" si="430"/>
        <v>#N/A</v>
      </c>
      <c r="BD100" s="162" t="e">
        <f t="shared" si="431"/>
        <v>#N/A</v>
      </c>
      <c r="BE100" s="162" t="e">
        <f t="shared" si="432"/>
        <v>#N/A</v>
      </c>
      <c r="BF100" s="162" t="e">
        <f t="shared" si="433"/>
        <v>#N/A</v>
      </c>
      <c r="BG100" s="162" t="e">
        <f t="shared" si="434"/>
        <v>#N/A</v>
      </c>
      <c r="BH100" s="162" t="e">
        <f t="shared" si="435"/>
        <v>#N/A</v>
      </c>
      <c r="BI100" s="162" t="e">
        <f t="shared" si="436"/>
        <v>#N/A</v>
      </c>
      <c r="BJ100" s="162" t="e">
        <f t="shared" si="437"/>
        <v>#N/A</v>
      </c>
      <c r="BK100" s="162" t="e">
        <f t="shared" si="438"/>
        <v>#N/A</v>
      </c>
      <c r="BL100" s="162">
        <f t="shared" si="439"/>
        <v>2.3784142300054421</v>
      </c>
      <c r="BM100" s="162" t="e">
        <f t="shared" si="440"/>
        <v>#N/A</v>
      </c>
      <c r="BN100" s="162" t="e">
        <f t="shared" si="441"/>
        <v>#N/A</v>
      </c>
      <c r="BO100" s="162" t="e">
        <f t="shared" si="442"/>
        <v>#N/A</v>
      </c>
      <c r="BP100" s="162" t="e">
        <f t="shared" si="443"/>
        <v>#N/A</v>
      </c>
      <c r="BQ100" s="162" t="e">
        <f t="shared" si="444"/>
        <v>#N/A</v>
      </c>
      <c r="BR100" s="162" t="e">
        <f t="shared" si="445"/>
        <v>#N/A</v>
      </c>
      <c r="BS100" s="162" t="e">
        <f t="shared" si="446"/>
        <v>#N/A</v>
      </c>
      <c r="BT100" s="162" t="e">
        <f t="shared" si="447"/>
        <v>#N/A</v>
      </c>
      <c r="BU100" s="162" t="e">
        <f t="shared" si="448"/>
        <v>#N/A</v>
      </c>
      <c r="BV100" s="162" t="e">
        <f t="shared" si="449"/>
        <v>#N/A</v>
      </c>
      <c r="BW100" s="162" t="e">
        <f t="shared" si="450"/>
        <v>#N/A</v>
      </c>
      <c r="BX100" s="162" t="e">
        <f t="shared" si="451"/>
        <v>#N/A</v>
      </c>
      <c r="BY100" s="162">
        <f t="shared" si="452"/>
        <v>5.6568542494923806</v>
      </c>
      <c r="BZ100" s="162" t="e">
        <f t="shared" si="453"/>
        <v>#N/A</v>
      </c>
      <c r="CA100" s="162" t="e">
        <f t="shared" si="454"/>
        <v>#N/A</v>
      </c>
      <c r="CB100" s="162" t="e">
        <f t="shared" si="455"/>
        <v>#N/A</v>
      </c>
      <c r="CC100" s="162" t="e">
        <f t="shared" si="456"/>
        <v>#N/A</v>
      </c>
      <c r="CD100" s="162" t="e">
        <f t="shared" si="457"/>
        <v>#N/A</v>
      </c>
      <c r="CE100" s="162" t="e">
        <f t="shared" si="458"/>
        <v>#N/A</v>
      </c>
      <c r="CF100" s="162" t="e">
        <f t="shared" si="459"/>
        <v>#N/A</v>
      </c>
      <c r="CG100" s="162" t="e">
        <f t="shared" si="460"/>
        <v>#N/A</v>
      </c>
      <c r="CH100" s="162" t="e">
        <f t="shared" si="461"/>
        <v>#N/A</v>
      </c>
      <c r="CI100" s="162" t="e">
        <f t="shared" si="462"/>
        <v>#N/A</v>
      </c>
      <c r="CJ100" s="162" t="e">
        <f t="shared" si="463"/>
        <v>#N/A</v>
      </c>
      <c r="CK100" s="162" t="e">
        <f t="shared" si="464"/>
        <v>#N/A</v>
      </c>
      <c r="CL100">
        <f t="shared" si="465"/>
        <v>1.3729593947216077</v>
      </c>
      <c r="CM100" t="e">
        <f t="shared" si="466"/>
        <v>#N/A</v>
      </c>
      <c r="CN100" t="e">
        <f t="shared" si="467"/>
        <v>#N/A</v>
      </c>
      <c r="CO100" t="e">
        <f t="shared" si="468"/>
        <v>#N/A</v>
      </c>
      <c r="CP100" t="e">
        <f t="shared" si="469"/>
        <v>#N/A</v>
      </c>
      <c r="CQ100" t="e">
        <f t="shared" si="470"/>
        <v>#N/A</v>
      </c>
      <c r="CR100" t="e">
        <f t="shared" si="471"/>
        <v>#N/A</v>
      </c>
      <c r="CS100" t="e">
        <f t="shared" si="472"/>
        <v>#N/A</v>
      </c>
      <c r="CT100" t="e">
        <f t="shared" si="473"/>
        <v>#N/A</v>
      </c>
      <c r="CU100" t="e">
        <f t="shared" si="474"/>
        <v>#N/A</v>
      </c>
      <c r="CV100" t="e">
        <f t="shared" si="475"/>
        <v>#N/A</v>
      </c>
      <c r="CW100" t="e">
        <f t="shared" si="476"/>
        <v>#N/A</v>
      </c>
      <c r="CX100" s="98" t="e">
        <f t="shared" si="477"/>
        <v>#N/A</v>
      </c>
      <c r="CY100">
        <f t="shared" si="478"/>
        <v>1.1029593947216076</v>
      </c>
      <c r="CZ100" t="e">
        <f t="shared" si="479"/>
        <v>#N/A</v>
      </c>
      <c r="DA100" t="e">
        <f t="shared" si="480"/>
        <v>#N/A</v>
      </c>
      <c r="DB100" t="e">
        <f t="shared" si="481"/>
        <v>#N/A</v>
      </c>
      <c r="DC100" t="e">
        <f t="shared" si="482"/>
        <v>#N/A</v>
      </c>
      <c r="DD100" t="e">
        <f t="shared" si="483"/>
        <v>#N/A</v>
      </c>
      <c r="DE100" t="e">
        <f t="shared" si="484"/>
        <v>#N/A</v>
      </c>
      <c r="DF100" t="e">
        <f t="shared" si="485"/>
        <v>#N/A</v>
      </c>
      <c r="DG100" t="e">
        <f t="shared" si="486"/>
        <v>#N/A</v>
      </c>
      <c r="DH100" t="e">
        <f t="shared" si="487"/>
        <v>#N/A</v>
      </c>
      <c r="DI100" t="e">
        <f t="shared" si="488"/>
        <v>#N/A</v>
      </c>
      <c r="DJ100" t="e">
        <f t="shared" si="489"/>
        <v>#N/A</v>
      </c>
      <c r="DK100" t="e">
        <f t="shared" si="490"/>
        <v>#N/A</v>
      </c>
      <c r="DL100" s="97">
        <f t="shared" si="491"/>
        <v>1.5000349036450102</v>
      </c>
      <c r="DM100" t="e">
        <f t="shared" si="492"/>
        <v>#N/A</v>
      </c>
      <c r="DN100" t="e">
        <f t="shared" si="493"/>
        <v>#N/A</v>
      </c>
      <c r="DO100" t="e">
        <f t="shared" si="494"/>
        <v>#N/A</v>
      </c>
      <c r="DP100" t="e">
        <f t="shared" si="495"/>
        <v>#N/A</v>
      </c>
      <c r="DQ100" t="e">
        <f t="shared" si="496"/>
        <v>#N/A</v>
      </c>
      <c r="DR100" t="e">
        <f t="shared" si="497"/>
        <v>#N/A</v>
      </c>
      <c r="DS100" t="e">
        <f t="shared" si="498"/>
        <v>#N/A</v>
      </c>
      <c r="DT100" t="e">
        <f t="shared" si="499"/>
        <v>#N/A</v>
      </c>
      <c r="DU100" t="e">
        <f t="shared" si="500"/>
        <v>#N/A</v>
      </c>
      <c r="DV100" t="e">
        <f t="shared" si="501"/>
        <v>#N/A</v>
      </c>
      <c r="DW100" t="e">
        <f t="shared" si="502"/>
        <v>#N/A</v>
      </c>
      <c r="DX100" s="98" t="e">
        <f t="shared" si="503"/>
        <v>#N/A</v>
      </c>
      <c r="DY100">
        <f t="shared" si="504"/>
        <v>1.0527062241310117</v>
      </c>
      <c r="DZ100" t="e">
        <f t="shared" si="505"/>
        <v>#N/A</v>
      </c>
      <c r="EA100" t="e">
        <f t="shared" si="506"/>
        <v>#N/A</v>
      </c>
      <c r="EB100" t="e">
        <f t="shared" si="507"/>
        <v>#N/A</v>
      </c>
      <c r="EC100" t="e">
        <f t="shared" si="508"/>
        <v>#N/A</v>
      </c>
      <c r="ED100" t="e">
        <f t="shared" si="509"/>
        <v>#N/A</v>
      </c>
      <c r="EE100" t="e">
        <f t="shared" si="510"/>
        <v>#N/A</v>
      </c>
      <c r="EF100" t="e">
        <f t="shared" si="511"/>
        <v>#N/A</v>
      </c>
      <c r="EG100" t="e">
        <f t="shared" si="512"/>
        <v>#N/A</v>
      </c>
      <c r="EH100" t="e">
        <f t="shared" si="513"/>
        <v>#N/A</v>
      </c>
      <c r="EI100" t="e">
        <f t="shared" si="514"/>
        <v>#N/A</v>
      </c>
      <c r="EJ100" t="e">
        <f t="shared" si="515"/>
        <v>#N/A</v>
      </c>
      <c r="EK100" t="e">
        <f t="shared" si="516"/>
        <v>#N/A</v>
      </c>
      <c r="EL100" s="97">
        <f t="shared" si="517"/>
        <v>1.1554124482620232</v>
      </c>
      <c r="EM100" t="e">
        <f t="shared" si="518"/>
        <v>#N/A</v>
      </c>
      <c r="EN100" t="e">
        <f t="shared" si="519"/>
        <v>#N/A</v>
      </c>
      <c r="EO100" t="e">
        <f t="shared" si="520"/>
        <v>#N/A</v>
      </c>
      <c r="EP100" t="e">
        <f t="shared" si="521"/>
        <v>#N/A</v>
      </c>
      <c r="EQ100" t="e">
        <f t="shared" si="522"/>
        <v>#N/A</v>
      </c>
      <c r="ER100" t="e">
        <f t="shared" si="523"/>
        <v>#N/A</v>
      </c>
      <c r="ES100" t="e">
        <f t="shared" si="524"/>
        <v>#N/A</v>
      </c>
      <c r="ET100" t="e">
        <f t="shared" si="525"/>
        <v>#N/A</v>
      </c>
      <c r="EU100" t="e">
        <f t="shared" si="526"/>
        <v>#N/A</v>
      </c>
      <c r="EV100" t="e">
        <f t="shared" si="527"/>
        <v>#N/A</v>
      </c>
      <c r="EW100" t="e">
        <f t="shared" si="528"/>
        <v>#N/A</v>
      </c>
      <c r="EX100" s="98" t="e">
        <f t="shared" si="529"/>
        <v>#N/A</v>
      </c>
      <c r="EY100" s="97">
        <f t="shared" si="530"/>
        <v>0.90541244826202316</v>
      </c>
      <c r="EZ100" t="e">
        <f t="shared" si="531"/>
        <v>#N/A</v>
      </c>
      <c r="FA100" t="e">
        <f t="shared" si="532"/>
        <v>#N/A</v>
      </c>
      <c r="FB100" t="e">
        <f t="shared" si="533"/>
        <v>#N/A</v>
      </c>
      <c r="FC100" t="e">
        <f t="shared" si="534"/>
        <v>#N/A</v>
      </c>
      <c r="FD100" t="e">
        <f t="shared" si="535"/>
        <v>#N/A</v>
      </c>
      <c r="FE100" t="e">
        <f t="shared" si="536"/>
        <v>#N/A</v>
      </c>
      <c r="FF100" t="e">
        <f t="shared" si="537"/>
        <v>#N/A</v>
      </c>
      <c r="FG100" t="e">
        <f t="shared" si="538"/>
        <v>#N/A</v>
      </c>
      <c r="FH100" t="e">
        <f t="shared" si="539"/>
        <v>#N/A</v>
      </c>
      <c r="FI100" t="e">
        <f t="shared" si="540"/>
        <v>#N/A</v>
      </c>
      <c r="FJ100" t="e">
        <f t="shared" si="541"/>
        <v>#N/A</v>
      </c>
      <c r="FK100" t="e">
        <f t="shared" si="542"/>
        <v>#N/A</v>
      </c>
      <c r="FL100" s="126">
        <f t="shared" si="543"/>
        <v>24.713269104988939</v>
      </c>
      <c r="FM100" s="91" t="e">
        <f t="shared" si="544"/>
        <v>#N/A</v>
      </c>
      <c r="FN100" s="91" t="e">
        <f t="shared" si="545"/>
        <v>#N/A</v>
      </c>
      <c r="FO100" s="91" t="e">
        <f t="shared" si="546"/>
        <v>#N/A</v>
      </c>
      <c r="FP100" s="91" t="e">
        <f t="shared" si="547"/>
        <v>#N/A</v>
      </c>
      <c r="FQ100" s="91" t="e">
        <f t="shared" si="548"/>
        <v>#N/A</v>
      </c>
      <c r="FR100" s="91" t="e">
        <f t="shared" si="549"/>
        <v>#N/A</v>
      </c>
      <c r="FS100" s="91" t="e">
        <f t="shared" si="550"/>
        <v>#N/A</v>
      </c>
      <c r="FT100" s="91" t="e">
        <f t="shared" si="551"/>
        <v>#N/A</v>
      </c>
      <c r="FU100" s="91" t="e">
        <f t="shared" si="552"/>
        <v>#N/A</v>
      </c>
      <c r="FV100" s="91" t="e">
        <f t="shared" si="553"/>
        <v>#N/A</v>
      </c>
      <c r="FW100" s="91" t="e">
        <f t="shared" si="554"/>
        <v>#N/A</v>
      </c>
      <c r="FX100" s="91" t="e">
        <f t="shared" si="555"/>
        <v>#N/A</v>
      </c>
      <c r="FY100" s="91">
        <f t="shared" si="556"/>
        <v>0</v>
      </c>
      <c r="FZ100" s="91" t="e">
        <f t="shared" si="557"/>
        <v>#N/A</v>
      </c>
      <c r="GA100" s="91" t="e">
        <f t="shared" si="558"/>
        <v>#N/A</v>
      </c>
      <c r="GB100" s="91" t="e">
        <f t="shared" si="559"/>
        <v>#N/A</v>
      </c>
      <c r="GC100" s="91" t="e">
        <f t="shared" si="560"/>
        <v>#N/A</v>
      </c>
      <c r="GD100" s="91" t="e">
        <f t="shared" si="561"/>
        <v>#N/A</v>
      </c>
      <c r="GE100" s="91" t="e">
        <f t="shared" si="562"/>
        <v>#N/A</v>
      </c>
      <c r="GF100" s="91" t="e">
        <f t="shared" si="563"/>
        <v>#N/A</v>
      </c>
      <c r="GG100" s="91" t="e">
        <f t="shared" si="564"/>
        <v>#N/A</v>
      </c>
      <c r="GH100" s="91" t="e">
        <f t="shared" si="565"/>
        <v>#N/A</v>
      </c>
      <c r="GI100" s="91" t="e">
        <f t="shared" si="566"/>
        <v>#N/A</v>
      </c>
      <c r="GJ100" s="91" t="e">
        <f t="shared" si="567"/>
        <v>#N/A</v>
      </c>
      <c r="GK100" s="127" t="e">
        <f t="shared" si="568"/>
        <v>#N/A</v>
      </c>
      <c r="GL100" s="126">
        <f t="shared" si="569"/>
        <v>27.000628265610185</v>
      </c>
      <c r="GM100" s="91" t="e">
        <f t="shared" si="570"/>
        <v>#N/A</v>
      </c>
      <c r="GN100" s="91" t="e">
        <f t="shared" si="571"/>
        <v>#N/A</v>
      </c>
      <c r="GO100" s="91" t="e">
        <f t="shared" si="572"/>
        <v>#N/A</v>
      </c>
      <c r="GP100" s="91" t="e">
        <f t="shared" si="573"/>
        <v>#N/A</v>
      </c>
      <c r="GQ100" s="91" t="e">
        <f t="shared" si="574"/>
        <v>#N/A</v>
      </c>
      <c r="GR100" s="91" t="e">
        <f t="shared" si="575"/>
        <v>#N/A</v>
      </c>
      <c r="GS100" s="91" t="e">
        <f t="shared" si="576"/>
        <v>#N/A</v>
      </c>
      <c r="GT100" s="91" t="e">
        <f t="shared" si="577"/>
        <v>#N/A</v>
      </c>
      <c r="GU100" s="91" t="e">
        <f t="shared" si="578"/>
        <v>#N/A</v>
      </c>
      <c r="GV100" s="91" t="e">
        <f t="shared" si="579"/>
        <v>#N/A</v>
      </c>
      <c r="GW100" s="91" t="e">
        <f t="shared" si="580"/>
        <v>#N/A</v>
      </c>
      <c r="GX100" s="91" t="e">
        <f t="shared" si="581"/>
        <v>#N/A</v>
      </c>
      <c r="GY100" s="91">
        <f t="shared" si="582"/>
        <v>0</v>
      </c>
      <c r="GZ100" s="91" t="e">
        <f t="shared" si="583"/>
        <v>#N/A</v>
      </c>
      <c r="HA100" s="91" t="e">
        <f t="shared" si="584"/>
        <v>#N/A</v>
      </c>
      <c r="HB100" s="91" t="e">
        <f t="shared" si="585"/>
        <v>#N/A</v>
      </c>
      <c r="HC100" s="91" t="e">
        <f t="shared" si="586"/>
        <v>#N/A</v>
      </c>
      <c r="HD100" s="91" t="e">
        <f t="shared" si="587"/>
        <v>#N/A</v>
      </c>
      <c r="HE100" s="91" t="e">
        <f t="shared" si="588"/>
        <v>#N/A</v>
      </c>
      <c r="HF100" s="91" t="e">
        <f t="shared" si="589"/>
        <v>#N/A</v>
      </c>
      <c r="HG100" s="91" t="e">
        <f t="shared" si="590"/>
        <v>#N/A</v>
      </c>
      <c r="HH100" s="91" t="e">
        <f t="shared" si="591"/>
        <v>#N/A</v>
      </c>
      <c r="HI100" s="91" t="e">
        <f t="shared" si="592"/>
        <v>#N/A</v>
      </c>
      <c r="HJ100" s="91" t="e">
        <f t="shared" si="593"/>
        <v>#N/A</v>
      </c>
      <c r="HK100" s="127" t="e">
        <f t="shared" si="594"/>
        <v>#N/A</v>
      </c>
      <c r="HL100" s="126">
        <f t="shared" si="595"/>
        <v>20.797424068716417</v>
      </c>
      <c r="HM100" s="91" t="e">
        <f t="shared" si="596"/>
        <v>#N/A</v>
      </c>
      <c r="HN100" s="91" t="e">
        <f t="shared" si="597"/>
        <v>#N/A</v>
      </c>
      <c r="HO100" s="91" t="e">
        <f t="shared" si="598"/>
        <v>#N/A</v>
      </c>
      <c r="HP100" s="91" t="e">
        <f t="shared" si="599"/>
        <v>#N/A</v>
      </c>
      <c r="HQ100" s="91" t="e">
        <f t="shared" si="600"/>
        <v>#N/A</v>
      </c>
      <c r="HR100" s="91" t="e">
        <f t="shared" si="601"/>
        <v>#N/A</v>
      </c>
      <c r="HS100" s="91" t="e">
        <f t="shared" si="602"/>
        <v>#N/A</v>
      </c>
      <c r="HT100" s="91" t="e">
        <f t="shared" si="603"/>
        <v>#N/A</v>
      </c>
      <c r="HU100" s="91" t="e">
        <f t="shared" si="604"/>
        <v>#N/A</v>
      </c>
      <c r="HV100" s="91" t="e">
        <f t="shared" si="605"/>
        <v>#N/A</v>
      </c>
      <c r="HW100" s="91" t="e">
        <f t="shared" si="606"/>
        <v>#N/A</v>
      </c>
      <c r="HX100" s="91" t="e">
        <f t="shared" si="607"/>
        <v>#N/A</v>
      </c>
      <c r="HY100" s="91">
        <f t="shared" si="608"/>
        <v>0</v>
      </c>
      <c r="HZ100" s="91" t="e">
        <f t="shared" si="609"/>
        <v>#N/A</v>
      </c>
      <c r="IA100" s="91" t="e">
        <f t="shared" si="610"/>
        <v>#N/A</v>
      </c>
      <c r="IB100" s="91" t="e">
        <f t="shared" si="611"/>
        <v>#N/A</v>
      </c>
      <c r="IC100" s="91" t="e">
        <f t="shared" si="612"/>
        <v>#N/A</v>
      </c>
      <c r="ID100" s="91" t="e">
        <f t="shared" si="613"/>
        <v>#N/A</v>
      </c>
      <c r="IE100" s="91" t="e">
        <f t="shared" si="614"/>
        <v>#N/A</v>
      </c>
      <c r="IF100" s="91" t="e">
        <f t="shared" si="615"/>
        <v>#N/A</v>
      </c>
      <c r="IG100" s="91" t="e">
        <f t="shared" si="616"/>
        <v>#N/A</v>
      </c>
      <c r="IH100" s="91" t="e">
        <f t="shared" si="617"/>
        <v>#N/A</v>
      </c>
      <c r="II100" s="91" t="e">
        <f t="shared" si="618"/>
        <v>#N/A</v>
      </c>
      <c r="IJ100" s="91" t="e">
        <f t="shared" si="619"/>
        <v>#N/A</v>
      </c>
      <c r="IK100" s="127" t="e">
        <f t="shared" si="620"/>
        <v>#N/A</v>
      </c>
    </row>
    <row r="101" spans="2:245" x14ac:dyDescent="0.2">
      <c r="B101" s="79"/>
      <c r="C101" s="73"/>
    </row>
    <row r="102" spans="2:245" x14ac:dyDescent="0.2">
      <c r="B102" s="79"/>
      <c r="C102" s="73"/>
    </row>
    <row r="103" spans="2:245" x14ac:dyDescent="0.2">
      <c r="B103" s="79"/>
      <c r="C103" s="73"/>
    </row>
    <row r="104" spans="2:245" x14ac:dyDescent="0.2">
      <c r="B104" s="79"/>
      <c r="C104" s="73"/>
    </row>
    <row r="105" spans="2:245" x14ac:dyDescent="0.2">
      <c r="B105" s="79"/>
      <c r="C105" s="73"/>
    </row>
    <row r="106" spans="2:245" x14ac:dyDescent="0.2">
      <c r="B106" s="79"/>
      <c r="C106" s="73"/>
    </row>
    <row r="107" spans="2:245" x14ac:dyDescent="0.2">
      <c r="B107" s="79"/>
      <c r="C107" s="73"/>
    </row>
    <row r="108" spans="2:245" x14ac:dyDescent="0.2">
      <c r="B108" s="79"/>
      <c r="C108" s="73"/>
      <c r="D108" s="64"/>
      <c r="E108" s="64"/>
      <c r="F108" s="55"/>
      <c r="G108" s="102"/>
      <c r="H108" s="55"/>
      <c r="I108" s="55"/>
      <c r="J108" s="55"/>
      <c r="K108" s="55"/>
      <c r="L108" s="55"/>
      <c r="M108" s="55"/>
      <c r="N108" s="55"/>
      <c r="O108" s="55"/>
      <c r="P108" s="55"/>
      <c r="Q108" s="55"/>
      <c r="R108" s="55"/>
      <c r="S108" s="55"/>
      <c r="T108" s="55"/>
      <c r="U108" s="55"/>
      <c r="V108" s="55"/>
      <c r="W108" s="55"/>
      <c r="X108" s="55"/>
      <c r="Y108" s="55"/>
      <c r="Z108" s="55"/>
      <c r="AA108" s="55"/>
      <c r="AB108" s="55"/>
      <c r="AC108" s="55"/>
      <c r="AD108" s="55"/>
      <c r="AE108" s="55"/>
      <c r="AF108" s="55"/>
      <c r="AG108" s="55"/>
      <c r="AY108" s="162"/>
      <c r="AZ108" s="162"/>
      <c r="BA108" s="162"/>
      <c r="BB108" s="162"/>
      <c r="BC108" s="162"/>
      <c r="BD108" s="162"/>
      <c r="BE108" s="162"/>
      <c r="BF108" s="162"/>
      <c r="BG108" s="162"/>
      <c r="BH108" s="162"/>
      <c r="BI108" s="162"/>
      <c r="BJ108" s="162"/>
      <c r="BK108" s="162"/>
      <c r="BL108" s="162"/>
      <c r="BM108" s="162"/>
      <c r="BN108" s="162"/>
      <c r="BO108" s="162"/>
      <c r="BP108" s="162"/>
      <c r="BQ108" s="162"/>
      <c r="BR108" s="162"/>
      <c r="BS108" s="162"/>
      <c r="BT108" s="162"/>
      <c r="BU108" s="162"/>
      <c r="BV108" s="162"/>
      <c r="BW108" s="162"/>
      <c r="BX108" s="162"/>
      <c r="BY108" s="162"/>
      <c r="BZ108" s="162"/>
      <c r="CA108" s="162"/>
      <c r="CB108" s="162"/>
      <c r="CC108" s="162"/>
      <c r="CD108" s="162"/>
      <c r="CE108" s="162"/>
      <c r="CF108" s="162"/>
      <c r="CG108" s="162"/>
      <c r="CH108" s="162"/>
      <c r="CI108" s="162"/>
      <c r="CJ108" s="162"/>
      <c r="CK108" s="162"/>
      <c r="CX108" s="98"/>
      <c r="DL108" s="97"/>
      <c r="DX108" s="98"/>
      <c r="EL108" s="97"/>
      <c r="EX108" s="98"/>
      <c r="EY108" s="97"/>
      <c r="FL108" s="126"/>
      <c r="FM108" s="91"/>
      <c r="FN108" s="91"/>
      <c r="FO108" s="91"/>
      <c r="FP108" s="91"/>
      <c r="FQ108" s="91"/>
      <c r="FR108" s="91"/>
      <c r="FS108" s="91"/>
      <c r="FT108" s="91"/>
      <c r="FU108" s="91"/>
      <c r="FV108" s="91"/>
      <c r="FW108" s="91"/>
      <c r="FX108" s="91"/>
      <c r="FY108" s="91"/>
      <c r="FZ108" s="91"/>
      <c r="GA108" s="91"/>
      <c r="GB108" s="91"/>
      <c r="GC108" s="91"/>
      <c r="GD108" s="91"/>
      <c r="GE108" s="91"/>
      <c r="GF108" s="91"/>
      <c r="GG108" s="91"/>
      <c r="GH108" s="91"/>
      <c r="GI108" s="91"/>
      <c r="GJ108" s="91"/>
      <c r="GK108" s="127"/>
      <c r="GL108" s="126"/>
      <c r="GM108" s="91"/>
      <c r="GN108" s="91"/>
      <c r="GO108" s="91"/>
      <c r="GP108" s="91"/>
      <c r="GQ108" s="91"/>
      <c r="GR108" s="91"/>
      <c r="GS108" s="91"/>
      <c r="GT108" s="91"/>
      <c r="GU108" s="91"/>
      <c r="GV108" s="91"/>
      <c r="GW108" s="91"/>
      <c r="GX108" s="91"/>
      <c r="GY108" s="91"/>
      <c r="GZ108" s="91"/>
      <c r="HA108" s="91"/>
      <c r="HB108" s="91"/>
      <c r="HC108" s="91"/>
      <c r="HD108" s="91"/>
      <c r="HE108" s="91"/>
      <c r="HF108" s="91"/>
      <c r="HG108" s="91"/>
      <c r="HH108" s="91"/>
      <c r="HI108" s="91"/>
      <c r="HJ108" s="91"/>
      <c r="HK108" s="127"/>
      <c r="HL108" s="126"/>
      <c r="HM108" s="91"/>
      <c r="HN108" s="91"/>
      <c r="HO108" s="91"/>
      <c r="HP108" s="91"/>
      <c r="HQ108" s="91"/>
      <c r="HR108" s="91"/>
      <c r="HS108" s="91"/>
      <c r="HT108" s="91"/>
      <c r="HU108" s="91"/>
      <c r="HV108" s="91"/>
      <c r="HW108" s="91"/>
      <c r="HX108" s="91"/>
      <c r="HY108" s="91"/>
      <c r="HZ108" s="91"/>
      <c r="IA108" s="91"/>
      <c r="IB108" s="91"/>
      <c r="IC108" s="91"/>
      <c r="ID108" s="91"/>
      <c r="IE108" s="91"/>
      <c r="IF108" s="91"/>
      <c r="IG108" s="91"/>
      <c r="IH108" s="91"/>
      <c r="II108" s="91"/>
      <c r="IJ108" s="91"/>
      <c r="IK108" s="127"/>
    </row>
    <row r="109" spans="2:245" x14ac:dyDescent="0.2">
      <c r="B109" s="79"/>
      <c r="C109" s="73"/>
      <c r="D109" s="64"/>
      <c r="E109" s="64"/>
      <c r="F109" s="55"/>
      <c r="G109" s="102"/>
      <c r="H109" s="55"/>
      <c r="I109" s="55"/>
      <c r="J109" s="55"/>
      <c r="K109" s="55"/>
      <c r="L109" s="55"/>
      <c r="M109" s="55"/>
      <c r="N109" s="55"/>
      <c r="O109" s="55"/>
      <c r="P109" s="55"/>
      <c r="Q109" s="55"/>
      <c r="R109" s="55"/>
      <c r="S109" s="55"/>
      <c r="T109" s="55"/>
      <c r="U109" s="55"/>
      <c r="V109" s="55"/>
      <c r="W109" s="55"/>
      <c r="X109" s="55"/>
      <c r="Y109" s="55"/>
      <c r="Z109" s="55"/>
      <c r="AA109" s="55"/>
      <c r="AB109" s="55"/>
      <c r="AC109" s="55"/>
      <c r="AD109" s="55"/>
      <c r="AE109" s="55"/>
      <c r="AF109" s="55"/>
      <c r="AG109" s="55"/>
      <c r="AY109" s="162"/>
      <c r="AZ109" s="162"/>
      <c r="BA109" s="162"/>
      <c r="BB109" s="162"/>
      <c r="BC109" s="162"/>
      <c r="BD109" s="162"/>
      <c r="BE109" s="162"/>
      <c r="BF109" s="162"/>
      <c r="BG109" s="162"/>
      <c r="BH109" s="162"/>
      <c r="BI109" s="162"/>
      <c r="BJ109" s="162"/>
      <c r="BK109" s="162"/>
      <c r="BL109" s="162"/>
      <c r="BM109" s="162"/>
      <c r="BN109" s="162"/>
      <c r="BO109" s="162"/>
      <c r="BP109" s="162"/>
      <c r="BQ109" s="162"/>
      <c r="BR109" s="162"/>
      <c r="BS109" s="162"/>
      <c r="BT109" s="162"/>
      <c r="BU109" s="162"/>
      <c r="BV109" s="162"/>
      <c r="BW109" s="162"/>
      <c r="BX109" s="162"/>
      <c r="BY109" s="162"/>
      <c r="BZ109" s="162"/>
      <c r="CA109" s="162"/>
      <c r="CB109" s="162"/>
      <c r="CC109" s="162"/>
      <c r="CD109" s="162"/>
      <c r="CE109" s="162"/>
      <c r="CF109" s="162"/>
      <c r="CG109" s="162"/>
      <c r="CH109" s="162"/>
      <c r="CI109" s="162"/>
      <c r="CJ109" s="162"/>
      <c r="CK109" s="162"/>
      <c r="CX109" s="98"/>
      <c r="DL109" s="97"/>
      <c r="DX109" s="98"/>
      <c r="EL109" s="97"/>
      <c r="EX109" s="98"/>
      <c r="EY109" s="97"/>
      <c r="FL109" s="126"/>
      <c r="FM109" s="91"/>
      <c r="FN109" s="91"/>
      <c r="FO109" s="91"/>
      <c r="FP109" s="91"/>
      <c r="FQ109" s="91"/>
      <c r="FR109" s="91"/>
      <c r="FS109" s="91"/>
      <c r="FT109" s="91"/>
      <c r="FU109" s="91"/>
      <c r="FV109" s="91"/>
      <c r="FW109" s="91"/>
      <c r="FX109" s="91"/>
      <c r="FY109" s="91"/>
      <c r="FZ109" s="91"/>
      <c r="GA109" s="91"/>
      <c r="GB109" s="91"/>
      <c r="GC109" s="91"/>
      <c r="GD109" s="91"/>
      <c r="GE109" s="91"/>
      <c r="GF109" s="91"/>
      <c r="GG109" s="91"/>
      <c r="GH109" s="91"/>
      <c r="GI109" s="91"/>
      <c r="GJ109" s="91"/>
      <c r="GK109" s="127"/>
      <c r="GL109" s="126"/>
      <c r="GM109" s="91"/>
      <c r="GN109" s="91"/>
      <c r="GO109" s="91"/>
      <c r="GP109" s="91"/>
      <c r="GQ109" s="91"/>
      <c r="GR109" s="91"/>
      <c r="GS109" s="91"/>
      <c r="GT109" s="91"/>
      <c r="GU109" s="91"/>
      <c r="GV109" s="91"/>
      <c r="GW109" s="91"/>
      <c r="GX109" s="91"/>
      <c r="GY109" s="91"/>
      <c r="GZ109" s="91"/>
      <c r="HA109" s="91"/>
      <c r="HB109" s="91"/>
      <c r="HC109" s="91"/>
      <c r="HD109" s="91"/>
      <c r="HE109" s="91"/>
      <c r="HF109" s="91"/>
      <c r="HG109" s="91"/>
      <c r="HH109" s="91"/>
      <c r="HI109" s="91"/>
      <c r="HJ109" s="91"/>
      <c r="HK109" s="127"/>
      <c r="HL109" s="126"/>
      <c r="HM109" s="91"/>
      <c r="HN109" s="91"/>
      <c r="HO109" s="91"/>
      <c r="HP109" s="91"/>
      <c r="HQ109" s="91"/>
      <c r="HR109" s="91"/>
      <c r="HS109" s="91"/>
      <c r="HT109" s="91"/>
      <c r="HU109" s="91"/>
      <c r="HV109" s="91"/>
      <c r="HW109" s="91"/>
      <c r="HX109" s="91"/>
      <c r="HY109" s="91"/>
      <c r="HZ109" s="91"/>
      <c r="IA109" s="91"/>
      <c r="IB109" s="91"/>
      <c r="IC109" s="91"/>
      <c r="ID109" s="91"/>
      <c r="IE109" s="91"/>
      <c r="IF109" s="91"/>
      <c r="IG109" s="91"/>
      <c r="IH109" s="91"/>
      <c r="II109" s="91"/>
      <c r="IJ109" s="91"/>
      <c r="IK109" s="127"/>
    </row>
    <row r="110" spans="2:245" x14ac:dyDescent="0.2">
      <c r="B110" s="79"/>
      <c r="C110" s="73"/>
      <c r="D110" s="64"/>
      <c r="E110" s="64"/>
      <c r="F110" s="55"/>
      <c r="G110" s="102"/>
      <c r="H110" s="55"/>
      <c r="I110" s="55"/>
      <c r="J110" s="55"/>
      <c r="K110" s="55"/>
      <c r="L110" s="55"/>
      <c r="M110" s="55"/>
      <c r="N110" s="55"/>
      <c r="O110" s="55"/>
      <c r="P110" s="55"/>
      <c r="Q110" s="55"/>
      <c r="R110" s="55"/>
      <c r="S110" s="55"/>
      <c r="T110" s="55"/>
      <c r="U110" s="55"/>
      <c r="V110" s="55"/>
      <c r="W110" s="55"/>
      <c r="X110" s="55"/>
      <c r="Y110" s="55"/>
      <c r="Z110" s="55"/>
      <c r="AA110" s="55"/>
      <c r="AB110" s="55"/>
      <c r="AC110" s="55"/>
      <c r="AD110" s="55"/>
      <c r="AE110" s="55"/>
      <c r="AF110" s="55"/>
      <c r="AG110" s="55"/>
      <c r="AY110" s="162"/>
      <c r="AZ110" s="162"/>
      <c r="BA110" s="162"/>
      <c r="BB110" s="162"/>
      <c r="BC110" s="162"/>
      <c r="BD110" s="162"/>
      <c r="BE110" s="162"/>
      <c r="BF110" s="162"/>
      <c r="BG110" s="162"/>
      <c r="BH110" s="162"/>
      <c r="BI110" s="162"/>
      <c r="BJ110" s="162"/>
      <c r="BK110" s="162"/>
      <c r="BL110" s="162"/>
      <c r="BM110" s="162"/>
      <c r="BN110" s="162"/>
      <c r="BO110" s="162"/>
      <c r="BP110" s="162"/>
      <c r="BQ110" s="162"/>
      <c r="BR110" s="162"/>
      <c r="BS110" s="162"/>
      <c r="BT110" s="162"/>
      <c r="BU110" s="162"/>
      <c r="BV110" s="162"/>
      <c r="BW110" s="162"/>
      <c r="BX110" s="162"/>
      <c r="BY110" s="162"/>
      <c r="BZ110" s="162"/>
      <c r="CA110" s="162"/>
      <c r="CB110" s="162"/>
      <c r="CC110" s="162"/>
      <c r="CD110" s="162"/>
      <c r="CE110" s="162"/>
      <c r="CF110" s="162"/>
      <c r="CG110" s="162"/>
      <c r="CH110" s="162"/>
      <c r="CI110" s="162"/>
      <c r="CJ110" s="162"/>
      <c r="CK110" s="162"/>
      <c r="CX110" s="98"/>
      <c r="DL110" s="97"/>
      <c r="DX110" s="98"/>
      <c r="EL110" s="97"/>
      <c r="EX110" s="98"/>
      <c r="EY110" s="97"/>
      <c r="FL110" s="126"/>
      <c r="FM110" s="91"/>
      <c r="FN110" s="91"/>
      <c r="FO110" s="91"/>
      <c r="FP110" s="91"/>
      <c r="FQ110" s="91"/>
      <c r="FR110" s="91"/>
      <c r="FS110" s="91"/>
      <c r="FT110" s="91"/>
      <c r="FU110" s="91"/>
      <c r="FV110" s="91"/>
      <c r="FW110" s="91"/>
      <c r="FX110" s="91"/>
      <c r="FY110" s="91"/>
      <c r="FZ110" s="91"/>
      <c r="GA110" s="91"/>
      <c r="GB110" s="91"/>
      <c r="GC110" s="91"/>
      <c r="GD110" s="91"/>
      <c r="GE110" s="91"/>
      <c r="GF110" s="91"/>
      <c r="GG110" s="91"/>
      <c r="GH110" s="91"/>
      <c r="GI110" s="91"/>
      <c r="GJ110" s="91"/>
      <c r="GK110" s="127"/>
      <c r="GL110" s="126"/>
      <c r="GM110" s="91"/>
      <c r="GN110" s="91"/>
      <c r="GO110" s="91"/>
      <c r="GP110" s="91"/>
      <c r="GQ110" s="91"/>
      <c r="GR110" s="91"/>
      <c r="GS110" s="91"/>
      <c r="GT110" s="91"/>
      <c r="GU110" s="91"/>
      <c r="GV110" s="91"/>
      <c r="GW110" s="91"/>
      <c r="GX110" s="91"/>
      <c r="GY110" s="91"/>
      <c r="GZ110" s="91"/>
      <c r="HA110" s="91"/>
      <c r="HB110" s="91"/>
      <c r="HC110" s="91"/>
      <c r="HD110" s="91"/>
      <c r="HE110" s="91"/>
      <c r="HF110" s="91"/>
      <c r="HG110" s="91"/>
      <c r="HH110" s="91"/>
      <c r="HI110" s="91"/>
      <c r="HJ110" s="91"/>
      <c r="HK110" s="127"/>
      <c r="HL110" s="126"/>
      <c r="HM110" s="91"/>
      <c r="HN110" s="91"/>
      <c r="HO110" s="91"/>
      <c r="HP110" s="91"/>
      <c r="HQ110" s="91"/>
      <c r="HR110" s="91"/>
      <c r="HS110" s="91"/>
      <c r="HT110" s="91"/>
      <c r="HU110" s="91"/>
      <c r="HV110" s="91"/>
      <c r="HW110" s="91"/>
      <c r="HX110" s="91"/>
      <c r="HY110" s="91"/>
      <c r="HZ110" s="91"/>
      <c r="IA110" s="91"/>
      <c r="IB110" s="91"/>
      <c r="IC110" s="91"/>
      <c r="ID110" s="91"/>
      <c r="IE110" s="91"/>
      <c r="IF110" s="91"/>
      <c r="IG110" s="91"/>
      <c r="IH110" s="91"/>
      <c r="II110" s="91"/>
      <c r="IJ110" s="91"/>
      <c r="IK110" s="127"/>
    </row>
    <row r="111" spans="2:245" x14ac:dyDescent="0.2">
      <c r="B111" s="79"/>
      <c r="C111" s="73"/>
      <c r="D111" s="64"/>
      <c r="E111" s="64"/>
      <c r="F111" s="55"/>
      <c r="G111" s="102"/>
      <c r="H111" s="55"/>
      <c r="I111" s="55"/>
      <c r="J111" s="55"/>
      <c r="K111" s="55"/>
      <c r="L111" s="55"/>
      <c r="M111" s="55"/>
      <c r="N111" s="55"/>
      <c r="O111" s="55"/>
      <c r="P111" s="55"/>
      <c r="Q111" s="55"/>
      <c r="R111" s="55"/>
      <c r="S111" s="55"/>
      <c r="T111" s="55"/>
      <c r="U111" s="55"/>
      <c r="V111" s="55"/>
      <c r="W111" s="55"/>
      <c r="X111" s="55"/>
      <c r="Y111" s="55"/>
      <c r="Z111" s="55"/>
      <c r="AA111" s="55"/>
      <c r="AB111" s="55"/>
      <c r="AC111" s="55"/>
      <c r="AD111" s="55"/>
      <c r="AE111" s="55"/>
      <c r="AF111" s="55"/>
      <c r="AG111" s="55"/>
      <c r="AY111" s="162"/>
      <c r="AZ111" s="162"/>
      <c r="BA111" s="162"/>
      <c r="BB111" s="162"/>
      <c r="BC111" s="162"/>
      <c r="BD111" s="162"/>
      <c r="BE111" s="162"/>
      <c r="BF111" s="162"/>
      <c r="BG111" s="162"/>
      <c r="BH111" s="162"/>
      <c r="BI111" s="162"/>
      <c r="BJ111" s="162"/>
      <c r="BK111" s="162"/>
      <c r="BL111" s="162"/>
      <c r="BM111" s="162"/>
      <c r="BN111" s="162"/>
      <c r="BO111" s="162"/>
      <c r="BP111" s="162"/>
      <c r="BQ111" s="162"/>
      <c r="BR111" s="162"/>
      <c r="BS111" s="162"/>
      <c r="BT111" s="162"/>
      <c r="BU111" s="162"/>
      <c r="BV111" s="162"/>
      <c r="BW111" s="162"/>
      <c r="BX111" s="162"/>
      <c r="BY111" s="162"/>
      <c r="BZ111" s="162"/>
      <c r="CA111" s="162"/>
      <c r="CB111" s="162"/>
      <c r="CC111" s="162"/>
      <c r="CD111" s="162"/>
      <c r="CE111" s="162"/>
      <c r="CF111" s="162"/>
      <c r="CG111" s="162"/>
      <c r="CH111" s="162"/>
      <c r="CI111" s="162"/>
      <c r="CJ111" s="162"/>
      <c r="CK111" s="162"/>
      <c r="CX111" s="98"/>
      <c r="DL111" s="97"/>
      <c r="DX111" s="98"/>
      <c r="EL111" s="97"/>
      <c r="EX111" s="98"/>
      <c r="EY111" s="97"/>
      <c r="FL111" s="126"/>
      <c r="FM111" s="91"/>
      <c r="FN111" s="91"/>
      <c r="FO111" s="91"/>
      <c r="FP111" s="91"/>
      <c r="FQ111" s="91"/>
      <c r="FR111" s="91"/>
      <c r="FS111" s="91"/>
      <c r="FT111" s="91"/>
      <c r="FU111" s="91"/>
      <c r="FV111" s="91"/>
      <c r="FW111" s="91"/>
      <c r="FX111" s="91"/>
      <c r="FY111" s="91"/>
      <c r="FZ111" s="91"/>
      <c r="GA111" s="91"/>
      <c r="GB111" s="91"/>
      <c r="GC111" s="91"/>
      <c r="GD111" s="91"/>
      <c r="GE111" s="91"/>
      <c r="GF111" s="91"/>
      <c r="GG111" s="91"/>
      <c r="GH111" s="91"/>
      <c r="GI111" s="91"/>
      <c r="GJ111" s="91"/>
      <c r="GK111" s="127"/>
      <c r="GL111" s="126"/>
      <c r="GM111" s="91"/>
      <c r="GN111" s="91"/>
      <c r="GO111" s="91"/>
      <c r="GP111" s="91"/>
      <c r="GQ111" s="91"/>
      <c r="GR111" s="91"/>
      <c r="GS111" s="91"/>
      <c r="GT111" s="91"/>
      <c r="GU111" s="91"/>
      <c r="GV111" s="91"/>
      <c r="GW111" s="91"/>
      <c r="GX111" s="91"/>
      <c r="GY111" s="91"/>
      <c r="GZ111" s="91"/>
      <c r="HA111" s="91"/>
      <c r="HB111" s="91"/>
      <c r="HC111" s="91"/>
      <c r="HD111" s="91"/>
      <c r="HE111" s="91"/>
      <c r="HF111" s="91"/>
      <c r="HG111" s="91"/>
      <c r="HH111" s="91"/>
      <c r="HI111" s="91"/>
      <c r="HJ111" s="91"/>
      <c r="HK111" s="127"/>
      <c r="HL111" s="126"/>
      <c r="HM111" s="91"/>
      <c r="HN111" s="91"/>
      <c r="HO111" s="91"/>
      <c r="HP111" s="91"/>
      <c r="HQ111" s="91"/>
      <c r="HR111" s="91"/>
      <c r="HS111" s="91"/>
      <c r="HT111" s="91"/>
      <c r="HU111" s="91"/>
      <c r="HV111" s="91"/>
      <c r="HW111" s="91"/>
      <c r="HX111" s="91"/>
      <c r="HY111" s="91"/>
      <c r="HZ111" s="91"/>
      <c r="IA111" s="91"/>
      <c r="IB111" s="91"/>
      <c r="IC111" s="91"/>
      <c r="ID111" s="91"/>
      <c r="IE111" s="91"/>
      <c r="IF111" s="91"/>
      <c r="IG111" s="91"/>
      <c r="IH111" s="91"/>
      <c r="II111" s="91"/>
      <c r="IJ111" s="91"/>
      <c r="IK111" s="127"/>
    </row>
    <row r="112" spans="2:245" x14ac:dyDescent="0.2">
      <c r="B112" s="79"/>
      <c r="C112" s="73"/>
      <c r="D112" s="64"/>
      <c r="E112" s="64"/>
      <c r="F112" s="55"/>
      <c r="G112" s="102"/>
      <c r="H112" s="55"/>
      <c r="I112" s="55"/>
      <c r="J112" s="55"/>
      <c r="K112" s="55"/>
      <c r="L112" s="55"/>
      <c r="M112" s="55"/>
      <c r="N112" s="55"/>
      <c r="O112" s="55"/>
      <c r="P112" s="55"/>
      <c r="Q112" s="55"/>
      <c r="R112" s="55"/>
      <c r="S112" s="55"/>
      <c r="T112" s="55"/>
      <c r="U112" s="55"/>
      <c r="V112" s="55"/>
      <c r="W112" s="55"/>
      <c r="X112" s="55"/>
      <c r="Y112" s="55"/>
      <c r="Z112" s="55"/>
      <c r="AA112" s="55"/>
      <c r="AB112" s="55"/>
      <c r="AC112" s="55"/>
      <c r="AD112" s="55"/>
      <c r="AE112" s="55"/>
      <c r="AF112" s="55"/>
      <c r="AG112" s="55"/>
      <c r="AY112" s="162"/>
      <c r="AZ112" s="162"/>
      <c r="BA112" s="162"/>
      <c r="BB112" s="162"/>
      <c r="BC112" s="162"/>
      <c r="BD112" s="162"/>
      <c r="BE112" s="162"/>
      <c r="BF112" s="162"/>
      <c r="BG112" s="162"/>
      <c r="BH112" s="162"/>
      <c r="BI112" s="162"/>
      <c r="BJ112" s="162"/>
      <c r="BK112" s="162"/>
      <c r="BL112" s="162"/>
      <c r="BM112" s="162"/>
      <c r="BN112" s="162"/>
      <c r="BO112" s="162"/>
      <c r="BP112" s="162"/>
      <c r="BQ112" s="162"/>
      <c r="BR112" s="162"/>
      <c r="BS112" s="162"/>
      <c r="BT112" s="162"/>
      <c r="BU112" s="162"/>
      <c r="BV112" s="162"/>
      <c r="BW112" s="162"/>
      <c r="BX112" s="162"/>
      <c r="BY112" s="162"/>
      <c r="BZ112" s="162"/>
      <c r="CA112" s="162"/>
      <c r="CB112" s="162"/>
      <c r="CC112" s="162"/>
      <c r="CD112" s="162"/>
      <c r="CE112" s="162"/>
      <c r="CF112" s="162"/>
      <c r="CG112" s="162"/>
      <c r="CH112" s="162"/>
      <c r="CI112" s="162"/>
      <c r="CJ112" s="162"/>
      <c r="CK112" s="162"/>
      <c r="CX112" s="98"/>
      <c r="DL112" s="97"/>
      <c r="DX112" s="98"/>
      <c r="EL112" s="97"/>
      <c r="EX112" s="98"/>
      <c r="EY112" s="97"/>
      <c r="FL112" s="126"/>
      <c r="FM112" s="91"/>
      <c r="FN112" s="91"/>
      <c r="FO112" s="91"/>
      <c r="FP112" s="91"/>
      <c r="FQ112" s="91"/>
      <c r="FR112" s="91"/>
      <c r="FS112" s="91"/>
      <c r="FT112" s="91"/>
      <c r="FU112" s="91"/>
      <c r="FV112" s="91"/>
      <c r="FW112" s="91"/>
      <c r="FX112" s="91"/>
      <c r="FY112" s="91"/>
      <c r="FZ112" s="91"/>
      <c r="GA112" s="91"/>
      <c r="GB112" s="91"/>
      <c r="GC112" s="91"/>
      <c r="GD112" s="91"/>
      <c r="GE112" s="91"/>
      <c r="GF112" s="91"/>
      <c r="GG112" s="91"/>
      <c r="GH112" s="91"/>
      <c r="GI112" s="91"/>
      <c r="GJ112" s="91"/>
      <c r="GK112" s="127"/>
      <c r="GL112" s="126"/>
      <c r="GM112" s="91"/>
      <c r="GN112" s="91"/>
      <c r="GO112" s="91"/>
      <c r="GP112" s="91"/>
      <c r="GQ112" s="91"/>
      <c r="GR112" s="91"/>
      <c r="GS112" s="91"/>
      <c r="GT112" s="91"/>
      <c r="GU112" s="91"/>
      <c r="GV112" s="91"/>
      <c r="GW112" s="91"/>
      <c r="GX112" s="91"/>
      <c r="GY112" s="91"/>
      <c r="GZ112" s="91"/>
      <c r="HA112" s="91"/>
      <c r="HB112" s="91"/>
      <c r="HC112" s="91"/>
      <c r="HD112" s="91"/>
      <c r="HE112" s="91"/>
      <c r="HF112" s="91"/>
      <c r="HG112" s="91"/>
      <c r="HH112" s="91"/>
      <c r="HI112" s="91"/>
      <c r="HJ112" s="91"/>
      <c r="HK112" s="127"/>
      <c r="HL112" s="126"/>
      <c r="HM112" s="91"/>
      <c r="HN112" s="91"/>
      <c r="HO112" s="91"/>
      <c r="HP112" s="91"/>
      <c r="HQ112" s="91"/>
      <c r="HR112" s="91"/>
      <c r="HS112" s="91"/>
      <c r="HT112" s="91"/>
      <c r="HU112" s="91"/>
      <c r="HV112" s="91"/>
      <c r="HW112" s="91"/>
      <c r="HX112" s="91"/>
      <c r="HY112" s="91"/>
      <c r="HZ112" s="91"/>
      <c r="IA112" s="91"/>
      <c r="IB112" s="91"/>
      <c r="IC112" s="91"/>
      <c r="ID112" s="91"/>
      <c r="IE112" s="91"/>
      <c r="IF112" s="91"/>
      <c r="IG112" s="91"/>
      <c r="IH112" s="91"/>
      <c r="II112" s="91"/>
      <c r="IJ112" s="91"/>
      <c r="IK112" s="127"/>
    </row>
    <row r="113" spans="2:245" x14ac:dyDescent="0.2">
      <c r="B113" s="79"/>
      <c r="C113" s="73"/>
      <c r="D113" s="64"/>
      <c r="E113" s="64"/>
      <c r="F113" s="55"/>
      <c r="G113" s="102"/>
      <c r="H113" s="55"/>
      <c r="I113" s="55"/>
      <c r="J113" s="55"/>
      <c r="K113" s="55"/>
      <c r="L113" s="55"/>
      <c r="M113" s="55"/>
      <c r="N113" s="55"/>
      <c r="O113" s="55"/>
      <c r="P113" s="55"/>
      <c r="Q113" s="55"/>
      <c r="R113" s="55"/>
      <c r="S113" s="55"/>
      <c r="T113" s="55"/>
      <c r="U113" s="55"/>
      <c r="V113" s="55"/>
      <c r="W113" s="55"/>
      <c r="X113" s="55"/>
      <c r="Y113" s="55"/>
      <c r="Z113" s="55"/>
      <c r="AA113" s="55"/>
      <c r="AB113" s="55"/>
      <c r="AC113" s="55"/>
      <c r="AD113" s="55"/>
      <c r="AE113" s="55"/>
      <c r="AF113" s="55"/>
      <c r="AG113" s="55"/>
      <c r="AY113" s="162"/>
      <c r="AZ113" s="162"/>
      <c r="BA113" s="162"/>
      <c r="BB113" s="162"/>
      <c r="BC113" s="162"/>
      <c r="BD113" s="162"/>
      <c r="BE113" s="162"/>
      <c r="BF113" s="162"/>
      <c r="BG113" s="162"/>
      <c r="BH113" s="162"/>
      <c r="BI113" s="162"/>
      <c r="BJ113" s="162"/>
      <c r="BK113" s="162"/>
      <c r="BL113" s="162"/>
      <c r="BM113" s="162"/>
      <c r="BN113" s="162"/>
      <c r="BO113" s="162"/>
      <c r="BP113" s="162"/>
      <c r="BQ113" s="162"/>
      <c r="BR113" s="162"/>
      <c r="BS113" s="162"/>
      <c r="BT113" s="162"/>
      <c r="BU113" s="162"/>
      <c r="BV113" s="162"/>
      <c r="BW113" s="162"/>
      <c r="BX113" s="162"/>
      <c r="BY113" s="162"/>
      <c r="BZ113" s="162"/>
      <c r="CA113" s="162"/>
      <c r="CB113" s="162"/>
      <c r="CC113" s="162"/>
      <c r="CD113" s="162"/>
      <c r="CE113" s="162"/>
      <c r="CF113" s="162"/>
      <c r="CG113" s="162"/>
      <c r="CH113" s="162"/>
      <c r="CI113" s="162"/>
      <c r="CJ113" s="162"/>
      <c r="CK113" s="162"/>
      <c r="CX113" s="98"/>
      <c r="DL113" s="97"/>
      <c r="DX113" s="98"/>
      <c r="EL113" s="97"/>
      <c r="EX113" s="98"/>
      <c r="EY113" s="97"/>
      <c r="FL113" s="126"/>
      <c r="FM113" s="91"/>
      <c r="FN113" s="91"/>
      <c r="FO113" s="91"/>
      <c r="FP113" s="91"/>
      <c r="FQ113" s="91"/>
      <c r="FR113" s="91"/>
      <c r="FS113" s="91"/>
      <c r="FT113" s="91"/>
      <c r="FU113" s="91"/>
      <c r="FV113" s="91"/>
      <c r="FW113" s="91"/>
      <c r="FX113" s="91"/>
      <c r="FY113" s="91"/>
      <c r="FZ113" s="91"/>
      <c r="GA113" s="91"/>
      <c r="GB113" s="91"/>
      <c r="GC113" s="91"/>
      <c r="GD113" s="91"/>
      <c r="GE113" s="91"/>
      <c r="GF113" s="91"/>
      <c r="GG113" s="91"/>
      <c r="GH113" s="91"/>
      <c r="GI113" s="91"/>
      <c r="GJ113" s="91"/>
      <c r="GK113" s="127"/>
      <c r="GL113" s="126"/>
      <c r="GM113" s="91"/>
      <c r="GN113" s="91"/>
      <c r="GO113" s="91"/>
      <c r="GP113" s="91"/>
      <c r="GQ113" s="91"/>
      <c r="GR113" s="91"/>
      <c r="GS113" s="91"/>
      <c r="GT113" s="91"/>
      <c r="GU113" s="91"/>
      <c r="GV113" s="91"/>
      <c r="GW113" s="91"/>
      <c r="GX113" s="91"/>
      <c r="GY113" s="91"/>
      <c r="GZ113" s="91"/>
      <c r="HA113" s="91"/>
      <c r="HB113" s="91"/>
      <c r="HC113" s="91"/>
      <c r="HD113" s="91"/>
      <c r="HE113" s="91"/>
      <c r="HF113" s="91"/>
      <c r="HG113" s="91"/>
      <c r="HH113" s="91"/>
      <c r="HI113" s="91"/>
      <c r="HJ113" s="91"/>
      <c r="HK113" s="127"/>
      <c r="HL113" s="126"/>
      <c r="HM113" s="91"/>
      <c r="HN113" s="91"/>
      <c r="HO113" s="91"/>
      <c r="HP113" s="91"/>
      <c r="HQ113" s="91"/>
      <c r="HR113" s="91"/>
      <c r="HS113" s="91"/>
      <c r="HT113" s="91"/>
      <c r="HU113" s="91"/>
      <c r="HV113" s="91"/>
      <c r="HW113" s="91"/>
      <c r="HX113" s="91"/>
      <c r="HY113" s="91"/>
      <c r="HZ113" s="91"/>
      <c r="IA113" s="91"/>
      <c r="IB113" s="91"/>
      <c r="IC113" s="91"/>
      <c r="ID113" s="91"/>
      <c r="IE113" s="91"/>
      <c r="IF113" s="91"/>
      <c r="IG113" s="91"/>
      <c r="IH113" s="91"/>
      <c r="II113" s="91"/>
      <c r="IJ113" s="91"/>
      <c r="IK113" s="127"/>
    </row>
    <row r="114" spans="2:245" x14ac:dyDescent="0.2">
      <c r="B114" s="79"/>
      <c r="C114" s="73"/>
      <c r="D114" s="64"/>
      <c r="E114" s="64"/>
      <c r="F114" s="55"/>
      <c r="G114" s="102"/>
      <c r="H114" s="55"/>
      <c r="I114" s="55"/>
      <c r="J114" s="55"/>
      <c r="K114" s="55"/>
      <c r="L114" s="55"/>
      <c r="M114" s="55"/>
      <c r="N114" s="55"/>
      <c r="O114" s="55"/>
      <c r="P114" s="55"/>
      <c r="Q114" s="55"/>
      <c r="R114" s="55"/>
      <c r="S114" s="55"/>
      <c r="T114" s="55"/>
      <c r="U114" s="55"/>
      <c r="V114" s="55"/>
      <c r="W114" s="55"/>
      <c r="X114" s="55"/>
      <c r="Y114" s="55"/>
      <c r="Z114" s="55"/>
      <c r="AA114" s="55"/>
      <c r="AB114" s="55"/>
      <c r="AC114" s="55"/>
      <c r="AD114" s="55"/>
      <c r="AE114" s="55"/>
      <c r="AF114" s="55"/>
      <c r="AG114" s="55"/>
      <c r="AY114" s="162"/>
      <c r="AZ114" s="162"/>
      <c r="BA114" s="162"/>
      <c r="BB114" s="162"/>
      <c r="BC114" s="162"/>
      <c r="BD114" s="162"/>
      <c r="BE114" s="162"/>
      <c r="BF114" s="162"/>
      <c r="BG114" s="162"/>
      <c r="BH114" s="162"/>
      <c r="BI114" s="162"/>
      <c r="BJ114" s="162"/>
      <c r="BK114" s="162"/>
      <c r="BL114" s="162"/>
      <c r="BM114" s="162"/>
      <c r="BN114" s="162"/>
      <c r="BO114" s="162"/>
      <c r="BP114" s="162"/>
      <c r="BQ114" s="162"/>
      <c r="BR114" s="162"/>
      <c r="BS114" s="162"/>
      <c r="BT114" s="162"/>
      <c r="BU114" s="162"/>
      <c r="BV114" s="162"/>
      <c r="BW114" s="162"/>
      <c r="BX114" s="162"/>
      <c r="BY114" s="162"/>
      <c r="BZ114" s="162"/>
      <c r="CA114" s="162"/>
      <c r="CB114" s="162"/>
      <c r="CC114" s="162"/>
      <c r="CD114" s="162"/>
      <c r="CE114" s="162"/>
      <c r="CF114" s="162"/>
      <c r="CG114" s="162"/>
      <c r="CH114" s="162"/>
      <c r="CI114" s="162"/>
      <c r="CJ114" s="162"/>
      <c r="CK114" s="162"/>
      <c r="CX114" s="98"/>
      <c r="DL114" s="97"/>
      <c r="DX114" s="98"/>
      <c r="EL114" s="97"/>
      <c r="EX114" s="98"/>
      <c r="EY114" s="97"/>
      <c r="FL114" s="126"/>
      <c r="FM114" s="91"/>
      <c r="FN114" s="91"/>
      <c r="FO114" s="91"/>
      <c r="FP114" s="91"/>
      <c r="FQ114" s="91"/>
      <c r="FR114" s="91"/>
      <c r="FS114" s="91"/>
      <c r="FT114" s="91"/>
      <c r="FU114" s="91"/>
      <c r="FV114" s="91"/>
      <c r="FW114" s="91"/>
      <c r="FX114" s="91"/>
      <c r="FY114" s="91"/>
      <c r="FZ114" s="91"/>
      <c r="GA114" s="91"/>
      <c r="GB114" s="91"/>
      <c r="GC114" s="91"/>
      <c r="GD114" s="91"/>
      <c r="GE114" s="91"/>
      <c r="GF114" s="91"/>
      <c r="GG114" s="91"/>
      <c r="GH114" s="91"/>
      <c r="GI114" s="91"/>
      <c r="GJ114" s="91"/>
      <c r="GK114" s="127"/>
      <c r="GL114" s="126"/>
      <c r="GM114" s="91"/>
      <c r="GN114" s="91"/>
      <c r="GO114" s="91"/>
      <c r="GP114" s="91"/>
      <c r="GQ114" s="91"/>
      <c r="GR114" s="91"/>
      <c r="GS114" s="91"/>
      <c r="GT114" s="91"/>
      <c r="GU114" s="91"/>
      <c r="GV114" s="91"/>
      <c r="GW114" s="91"/>
      <c r="GX114" s="91"/>
      <c r="GY114" s="91"/>
      <c r="GZ114" s="91"/>
      <c r="HA114" s="91"/>
      <c r="HB114" s="91"/>
      <c r="HC114" s="91"/>
      <c r="HD114" s="91"/>
      <c r="HE114" s="91"/>
      <c r="HF114" s="91"/>
      <c r="HG114" s="91"/>
      <c r="HH114" s="91"/>
      <c r="HI114" s="91"/>
      <c r="HJ114" s="91"/>
      <c r="HK114" s="127"/>
      <c r="HL114" s="126"/>
      <c r="HM114" s="91"/>
      <c r="HN114" s="91"/>
      <c r="HO114" s="91"/>
      <c r="HP114" s="91"/>
      <c r="HQ114" s="91"/>
      <c r="HR114" s="91"/>
      <c r="HS114" s="91"/>
      <c r="HT114" s="91"/>
      <c r="HU114" s="91"/>
      <c r="HV114" s="91"/>
      <c r="HW114" s="91"/>
      <c r="HX114" s="91"/>
      <c r="HY114" s="91"/>
      <c r="HZ114" s="91"/>
      <c r="IA114" s="91"/>
      <c r="IB114" s="91"/>
      <c r="IC114" s="91"/>
      <c r="ID114" s="91"/>
      <c r="IE114" s="91"/>
      <c r="IF114" s="91"/>
      <c r="IG114" s="91"/>
      <c r="IH114" s="91"/>
      <c r="II114" s="91"/>
      <c r="IJ114" s="91"/>
      <c r="IK114" s="127"/>
    </row>
    <row r="115" spans="2:245" x14ac:dyDescent="0.2">
      <c r="B115" s="79"/>
      <c r="C115" s="73"/>
      <c r="D115" s="64"/>
      <c r="E115" s="64"/>
      <c r="F115" s="55"/>
      <c r="G115" s="102"/>
      <c r="H115" s="55"/>
      <c r="I115" s="55"/>
      <c r="J115" s="55"/>
      <c r="K115" s="55"/>
      <c r="L115" s="55"/>
      <c r="M115" s="55"/>
      <c r="N115" s="55"/>
      <c r="O115" s="55"/>
      <c r="P115" s="55"/>
      <c r="Q115" s="55"/>
      <c r="R115" s="55"/>
      <c r="S115" s="55"/>
      <c r="T115" s="55"/>
      <c r="U115" s="55"/>
      <c r="V115" s="55"/>
      <c r="W115" s="55"/>
      <c r="X115" s="55"/>
      <c r="Y115" s="55"/>
      <c r="Z115" s="55"/>
      <c r="AA115" s="55"/>
      <c r="AB115" s="55"/>
      <c r="AC115" s="55"/>
      <c r="AD115" s="55"/>
      <c r="AE115" s="55"/>
      <c r="AF115" s="55"/>
      <c r="AG115" s="55"/>
      <c r="AY115" s="162"/>
      <c r="AZ115" s="162"/>
      <c r="BA115" s="162"/>
      <c r="BB115" s="162"/>
      <c r="BC115" s="162"/>
      <c r="BD115" s="162"/>
      <c r="BE115" s="162"/>
      <c r="BF115" s="162"/>
      <c r="BG115" s="162"/>
      <c r="BH115" s="162"/>
      <c r="BI115" s="162"/>
      <c r="BJ115" s="162"/>
      <c r="BK115" s="162"/>
      <c r="BL115" s="162"/>
      <c r="BM115" s="162"/>
      <c r="BN115" s="162"/>
      <c r="BO115" s="162"/>
      <c r="BP115" s="162"/>
      <c r="BQ115" s="162"/>
      <c r="BR115" s="162"/>
      <c r="BS115" s="162"/>
      <c r="BT115" s="162"/>
      <c r="BU115" s="162"/>
      <c r="BV115" s="162"/>
      <c r="BW115" s="162"/>
      <c r="BX115" s="162"/>
      <c r="BY115" s="162"/>
      <c r="BZ115" s="162"/>
      <c r="CA115" s="162"/>
      <c r="CB115" s="162"/>
      <c r="CC115" s="162"/>
      <c r="CD115" s="162"/>
      <c r="CE115" s="162"/>
      <c r="CF115" s="162"/>
      <c r="CG115" s="162"/>
      <c r="CH115" s="162"/>
      <c r="CI115" s="162"/>
      <c r="CJ115" s="162"/>
      <c r="CK115" s="162"/>
      <c r="CX115" s="98"/>
      <c r="DL115" s="97"/>
      <c r="DX115" s="98"/>
      <c r="EL115" s="97"/>
      <c r="EX115" s="98"/>
      <c r="EY115" s="97"/>
      <c r="FL115" s="126"/>
      <c r="FM115" s="91"/>
      <c r="FN115" s="91"/>
      <c r="FO115" s="91"/>
      <c r="FP115" s="91"/>
      <c r="FQ115" s="91"/>
      <c r="FR115" s="91"/>
      <c r="FS115" s="91"/>
      <c r="FT115" s="91"/>
      <c r="FU115" s="91"/>
      <c r="FV115" s="91"/>
      <c r="FW115" s="91"/>
      <c r="FX115" s="91"/>
      <c r="FY115" s="91"/>
      <c r="FZ115" s="91"/>
      <c r="GA115" s="91"/>
      <c r="GB115" s="91"/>
      <c r="GC115" s="91"/>
      <c r="GD115" s="91"/>
      <c r="GE115" s="91"/>
      <c r="GF115" s="91"/>
      <c r="GG115" s="91"/>
      <c r="GH115" s="91"/>
      <c r="GI115" s="91"/>
      <c r="GJ115" s="91"/>
      <c r="GK115" s="127"/>
      <c r="GL115" s="126"/>
      <c r="GM115" s="91"/>
      <c r="GN115" s="91"/>
      <c r="GO115" s="91"/>
      <c r="GP115" s="91"/>
      <c r="GQ115" s="91"/>
      <c r="GR115" s="91"/>
      <c r="GS115" s="91"/>
      <c r="GT115" s="91"/>
      <c r="GU115" s="91"/>
      <c r="GV115" s="91"/>
      <c r="GW115" s="91"/>
      <c r="GX115" s="91"/>
      <c r="GY115" s="91"/>
      <c r="GZ115" s="91"/>
      <c r="HA115" s="91"/>
      <c r="HB115" s="91"/>
      <c r="HC115" s="91"/>
      <c r="HD115" s="91"/>
      <c r="HE115" s="91"/>
      <c r="HF115" s="91"/>
      <c r="HG115" s="91"/>
      <c r="HH115" s="91"/>
      <c r="HI115" s="91"/>
      <c r="HJ115" s="91"/>
      <c r="HK115" s="127"/>
      <c r="HL115" s="126"/>
      <c r="HM115" s="91"/>
      <c r="HN115" s="91"/>
      <c r="HO115" s="91"/>
      <c r="HP115" s="91"/>
      <c r="HQ115" s="91"/>
      <c r="HR115" s="91"/>
      <c r="HS115" s="91"/>
      <c r="HT115" s="91"/>
      <c r="HU115" s="91"/>
      <c r="HV115" s="91"/>
      <c r="HW115" s="91"/>
      <c r="HX115" s="91"/>
      <c r="HY115" s="91"/>
      <c r="HZ115" s="91"/>
      <c r="IA115" s="91"/>
      <c r="IB115" s="91"/>
      <c r="IC115" s="91"/>
      <c r="ID115" s="91"/>
      <c r="IE115" s="91"/>
      <c r="IF115" s="91"/>
      <c r="IG115" s="91"/>
      <c r="IH115" s="91"/>
      <c r="II115" s="91"/>
      <c r="IJ115" s="91"/>
      <c r="IK115" s="127"/>
    </row>
    <row r="116" spans="2:245" x14ac:dyDescent="0.2">
      <c r="B116" s="79"/>
      <c r="C116" s="73"/>
      <c r="D116" s="64"/>
      <c r="E116" s="64"/>
      <c r="F116" s="55"/>
      <c r="G116" s="102"/>
      <c r="H116" s="55"/>
      <c r="I116" s="55"/>
      <c r="J116" s="55"/>
      <c r="K116" s="55"/>
      <c r="L116" s="55"/>
      <c r="M116" s="55"/>
      <c r="N116" s="55"/>
      <c r="O116" s="55"/>
      <c r="P116" s="55"/>
      <c r="Q116" s="55"/>
      <c r="R116" s="55"/>
      <c r="S116" s="55"/>
      <c r="T116" s="55"/>
      <c r="U116" s="55"/>
      <c r="V116" s="55"/>
      <c r="W116" s="55"/>
      <c r="X116" s="55"/>
      <c r="Y116" s="55"/>
      <c r="Z116" s="55"/>
      <c r="AA116" s="55"/>
      <c r="AB116" s="55"/>
      <c r="AC116" s="55"/>
      <c r="AD116" s="55"/>
      <c r="AE116" s="55"/>
      <c r="AF116" s="55"/>
      <c r="AG116" s="55"/>
      <c r="AY116" s="162"/>
      <c r="AZ116" s="162"/>
      <c r="BA116" s="162"/>
      <c r="BB116" s="162"/>
      <c r="BC116" s="162"/>
      <c r="BD116" s="162"/>
      <c r="BE116" s="162"/>
      <c r="BF116" s="162"/>
      <c r="BG116" s="162"/>
      <c r="BH116" s="162"/>
      <c r="BI116" s="162"/>
      <c r="BJ116" s="162"/>
      <c r="BK116" s="162"/>
      <c r="BL116" s="162"/>
      <c r="BM116" s="162"/>
      <c r="BN116" s="162"/>
      <c r="BO116" s="162"/>
      <c r="BP116" s="162"/>
      <c r="BQ116" s="162"/>
      <c r="BR116" s="162"/>
      <c r="BS116" s="162"/>
      <c r="BT116" s="162"/>
      <c r="BU116" s="162"/>
      <c r="BV116" s="162"/>
      <c r="BW116" s="162"/>
      <c r="BX116" s="162"/>
      <c r="BY116" s="162"/>
      <c r="BZ116" s="162"/>
      <c r="CA116" s="162"/>
      <c r="CB116" s="162"/>
      <c r="CC116" s="162"/>
      <c r="CD116" s="162"/>
      <c r="CE116" s="162"/>
      <c r="CF116" s="162"/>
      <c r="CG116" s="162"/>
      <c r="CH116" s="162"/>
      <c r="CI116" s="162"/>
      <c r="CJ116" s="162"/>
      <c r="CK116" s="162"/>
      <c r="CX116" s="98"/>
      <c r="DL116" s="97"/>
      <c r="DX116" s="98"/>
      <c r="EL116" s="97"/>
      <c r="EX116" s="98"/>
      <c r="EY116" s="97"/>
      <c r="FL116" s="126"/>
      <c r="FM116" s="91"/>
      <c r="FN116" s="91"/>
      <c r="FO116" s="91"/>
      <c r="FP116" s="91"/>
      <c r="FQ116" s="91"/>
      <c r="FR116" s="91"/>
      <c r="FS116" s="91"/>
      <c r="FT116" s="91"/>
      <c r="FU116" s="91"/>
      <c r="FV116" s="91"/>
      <c r="FW116" s="91"/>
      <c r="FX116" s="91"/>
      <c r="FY116" s="91"/>
      <c r="FZ116" s="91"/>
      <c r="GA116" s="91"/>
      <c r="GB116" s="91"/>
      <c r="GC116" s="91"/>
      <c r="GD116" s="91"/>
      <c r="GE116" s="91"/>
      <c r="GF116" s="91"/>
      <c r="GG116" s="91"/>
      <c r="GH116" s="91"/>
      <c r="GI116" s="91"/>
      <c r="GJ116" s="91"/>
      <c r="GK116" s="127"/>
      <c r="GL116" s="126"/>
      <c r="GM116" s="91"/>
      <c r="GN116" s="91"/>
      <c r="GO116" s="91"/>
      <c r="GP116" s="91"/>
      <c r="GQ116" s="91"/>
      <c r="GR116" s="91"/>
      <c r="GS116" s="91"/>
      <c r="GT116" s="91"/>
      <c r="GU116" s="91"/>
      <c r="GV116" s="91"/>
      <c r="GW116" s="91"/>
      <c r="GX116" s="91"/>
      <c r="GY116" s="91"/>
      <c r="GZ116" s="91"/>
      <c r="HA116" s="91"/>
      <c r="HB116" s="91"/>
      <c r="HC116" s="91"/>
      <c r="HD116" s="91"/>
      <c r="HE116" s="91"/>
      <c r="HF116" s="91"/>
      <c r="HG116" s="91"/>
      <c r="HH116" s="91"/>
      <c r="HI116" s="91"/>
      <c r="HJ116" s="91"/>
      <c r="HK116" s="127"/>
      <c r="HL116" s="126"/>
      <c r="HM116" s="91"/>
      <c r="HN116" s="91"/>
      <c r="HO116" s="91"/>
      <c r="HP116" s="91"/>
      <c r="HQ116" s="91"/>
      <c r="HR116" s="91"/>
      <c r="HS116" s="91"/>
      <c r="HT116" s="91"/>
      <c r="HU116" s="91"/>
      <c r="HV116" s="91"/>
      <c r="HW116" s="91"/>
      <c r="HX116" s="91"/>
      <c r="HY116" s="91"/>
      <c r="HZ116" s="91"/>
      <c r="IA116" s="91"/>
      <c r="IB116" s="91"/>
      <c r="IC116" s="91"/>
      <c r="ID116" s="91"/>
      <c r="IE116" s="91"/>
      <c r="IF116" s="91"/>
      <c r="IG116" s="91"/>
      <c r="IH116" s="91"/>
      <c r="II116" s="91"/>
      <c r="IJ116" s="91"/>
      <c r="IK116" s="127"/>
    </row>
    <row r="117" spans="2:245" x14ac:dyDescent="0.2">
      <c r="B117" s="79"/>
      <c r="C117" s="73"/>
      <c r="D117" s="64"/>
      <c r="E117" s="64"/>
      <c r="F117" s="55"/>
      <c r="G117" s="102"/>
      <c r="H117" s="55"/>
      <c r="I117" s="55"/>
      <c r="J117" s="55"/>
      <c r="K117" s="55"/>
      <c r="L117" s="55"/>
      <c r="M117" s="55"/>
      <c r="N117" s="55"/>
      <c r="O117" s="55"/>
      <c r="P117" s="55"/>
      <c r="Q117" s="55"/>
      <c r="R117" s="55"/>
      <c r="S117" s="55"/>
      <c r="T117" s="55"/>
      <c r="U117" s="55"/>
      <c r="V117" s="55"/>
      <c r="W117" s="55"/>
      <c r="X117" s="55"/>
      <c r="Y117" s="55"/>
      <c r="Z117" s="55"/>
      <c r="AA117" s="55"/>
      <c r="AB117" s="55"/>
      <c r="AC117" s="55"/>
      <c r="AD117" s="55"/>
      <c r="AE117" s="55"/>
      <c r="AF117" s="55"/>
      <c r="AG117" s="55"/>
      <c r="AY117" s="162"/>
      <c r="AZ117" s="162"/>
      <c r="BA117" s="162"/>
      <c r="BB117" s="162"/>
      <c r="BC117" s="162"/>
      <c r="BD117" s="162"/>
      <c r="BE117" s="162"/>
      <c r="BF117" s="162"/>
      <c r="BG117" s="162"/>
      <c r="BH117" s="162"/>
      <c r="BI117" s="162"/>
      <c r="BJ117" s="162"/>
      <c r="BK117" s="162"/>
      <c r="BL117" s="162"/>
      <c r="BM117" s="162"/>
      <c r="BN117" s="162"/>
      <c r="BO117" s="162"/>
      <c r="BP117" s="162"/>
      <c r="BQ117" s="162"/>
      <c r="BR117" s="162"/>
      <c r="BS117" s="162"/>
      <c r="BT117" s="162"/>
      <c r="BU117" s="162"/>
      <c r="BV117" s="162"/>
      <c r="BW117" s="162"/>
      <c r="BX117" s="162"/>
      <c r="BY117" s="162"/>
      <c r="BZ117" s="162"/>
      <c r="CA117" s="162"/>
      <c r="CB117" s="162"/>
      <c r="CC117" s="162"/>
      <c r="CD117" s="162"/>
      <c r="CE117" s="162"/>
      <c r="CF117" s="162"/>
      <c r="CG117" s="162"/>
      <c r="CH117" s="162"/>
      <c r="CI117" s="162"/>
      <c r="CJ117" s="162"/>
      <c r="CK117" s="162"/>
      <c r="CX117" s="98"/>
      <c r="DL117" s="97"/>
      <c r="DX117" s="98"/>
      <c r="EL117" s="97"/>
      <c r="EX117" s="98"/>
      <c r="EY117" s="97"/>
      <c r="FL117" s="126"/>
      <c r="FM117" s="91"/>
      <c r="FN117" s="91"/>
      <c r="FO117" s="91"/>
      <c r="FP117" s="91"/>
      <c r="FQ117" s="91"/>
      <c r="FR117" s="91"/>
      <c r="FS117" s="91"/>
      <c r="FT117" s="91"/>
      <c r="FU117" s="91"/>
      <c r="FV117" s="91"/>
      <c r="FW117" s="91"/>
      <c r="FX117" s="91"/>
      <c r="FY117" s="91"/>
      <c r="FZ117" s="91"/>
      <c r="GA117" s="91"/>
      <c r="GB117" s="91"/>
      <c r="GC117" s="91"/>
      <c r="GD117" s="91"/>
      <c r="GE117" s="91"/>
      <c r="GF117" s="91"/>
      <c r="GG117" s="91"/>
      <c r="GH117" s="91"/>
      <c r="GI117" s="91"/>
      <c r="GJ117" s="91"/>
      <c r="GK117" s="127"/>
      <c r="GL117" s="126"/>
      <c r="GM117" s="91"/>
      <c r="GN117" s="91"/>
      <c r="GO117" s="91"/>
      <c r="GP117" s="91"/>
      <c r="GQ117" s="91"/>
      <c r="GR117" s="91"/>
      <c r="GS117" s="91"/>
      <c r="GT117" s="91"/>
      <c r="GU117" s="91"/>
      <c r="GV117" s="91"/>
      <c r="GW117" s="91"/>
      <c r="GX117" s="91"/>
      <c r="GY117" s="91"/>
      <c r="GZ117" s="91"/>
      <c r="HA117" s="91"/>
      <c r="HB117" s="91"/>
      <c r="HC117" s="91"/>
      <c r="HD117" s="91"/>
      <c r="HE117" s="91"/>
      <c r="HF117" s="91"/>
      <c r="HG117" s="91"/>
      <c r="HH117" s="91"/>
      <c r="HI117" s="91"/>
      <c r="HJ117" s="91"/>
      <c r="HK117" s="127"/>
      <c r="HL117" s="126"/>
      <c r="HM117" s="91"/>
      <c r="HN117" s="91"/>
      <c r="HO117" s="91"/>
      <c r="HP117" s="91"/>
      <c r="HQ117" s="91"/>
      <c r="HR117" s="91"/>
      <c r="HS117" s="91"/>
      <c r="HT117" s="91"/>
      <c r="HU117" s="91"/>
      <c r="HV117" s="91"/>
      <c r="HW117" s="91"/>
      <c r="HX117" s="91"/>
      <c r="HY117" s="91"/>
      <c r="HZ117" s="91"/>
      <c r="IA117" s="91"/>
      <c r="IB117" s="91"/>
      <c r="IC117" s="91"/>
      <c r="ID117" s="91"/>
      <c r="IE117" s="91"/>
      <c r="IF117" s="91"/>
      <c r="IG117" s="91"/>
      <c r="IH117" s="91"/>
      <c r="II117" s="91"/>
      <c r="IJ117" s="91"/>
      <c r="IK117" s="127"/>
    </row>
    <row r="118" spans="2:245" x14ac:dyDescent="0.2">
      <c r="B118" s="79"/>
      <c r="C118" s="73"/>
      <c r="D118" s="64"/>
      <c r="E118" s="64"/>
      <c r="F118" s="55"/>
      <c r="G118" s="102"/>
      <c r="H118" s="55"/>
      <c r="I118" s="55"/>
      <c r="J118" s="55"/>
      <c r="K118" s="55"/>
      <c r="L118" s="55"/>
      <c r="M118" s="55"/>
      <c r="N118" s="55"/>
      <c r="O118" s="55"/>
      <c r="P118" s="55"/>
      <c r="Q118" s="55"/>
      <c r="R118" s="55"/>
      <c r="S118" s="55"/>
      <c r="T118" s="55"/>
      <c r="U118" s="55"/>
      <c r="V118" s="55"/>
      <c r="W118" s="55"/>
      <c r="X118" s="55"/>
      <c r="Y118" s="55"/>
      <c r="Z118" s="55"/>
      <c r="AA118" s="55"/>
      <c r="AB118" s="55"/>
      <c r="AC118" s="55"/>
      <c r="AD118" s="55"/>
      <c r="AE118" s="55"/>
      <c r="AF118" s="55"/>
      <c r="AG118" s="55"/>
      <c r="AY118" s="162"/>
      <c r="AZ118" s="162"/>
      <c r="BA118" s="162"/>
      <c r="BB118" s="162"/>
      <c r="BC118" s="162"/>
      <c r="BD118" s="162"/>
      <c r="BE118" s="162"/>
      <c r="BF118" s="162"/>
      <c r="BG118" s="162"/>
      <c r="BH118" s="162"/>
      <c r="BI118" s="162"/>
      <c r="BJ118" s="162"/>
      <c r="BK118" s="162"/>
      <c r="BL118" s="162"/>
      <c r="BM118" s="162"/>
      <c r="BN118" s="162"/>
      <c r="BO118" s="162"/>
      <c r="BP118" s="162"/>
      <c r="BQ118" s="162"/>
      <c r="BR118" s="162"/>
      <c r="BS118" s="162"/>
      <c r="BT118" s="162"/>
      <c r="BU118" s="162"/>
      <c r="BV118" s="162"/>
      <c r="BW118" s="162"/>
      <c r="BX118" s="162"/>
      <c r="BY118" s="162"/>
      <c r="BZ118" s="162"/>
      <c r="CA118" s="162"/>
      <c r="CB118" s="162"/>
      <c r="CC118" s="162"/>
      <c r="CD118" s="162"/>
      <c r="CE118" s="162"/>
      <c r="CF118" s="162"/>
      <c r="CG118" s="162"/>
      <c r="CH118" s="162"/>
      <c r="CI118" s="162"/>
      <c r="CJ118" s="162"/>
      <c r="CK118" s="162"/>
      <c r="CX118" s="98"/>
      <c r="DL118" s="97"/>
      <c r="DX118" s="98"/>
      <c r="EL118" s="97"/>
      <c r="EX118" s="98"/>
      <c r="EY118" s="97"/>
      <c r="FL118" s="126"/>
      <c r="FM118" s="91"/>
      <c r="FN118" s="91"/>
      <c r="FO118" s="91"/>
      <c r="FP118" s="91"/>
      <c r="FQ118" s="91"/>
      <c r="FR118" s="91"/>
      <c r="FS118" s="91"/>
      <c r="FT118" s="91"/>
      <c r="FU118" s="91"/>
      <c r="FV118" s="91"/>
      <c r="FW118" s="91"/>
      <c r="FX118" s="91"/>
      <c r="FY118" s="91"/>
      <c r="FZ118" s="91"/>
      <c r="GA118" s="91"/>
      <c r="GB118" s="91"/>
      <c r="GC118" s="91"/>
      <c r="GD118" s="91"/>
      <c r="GE118" s="91"/>
      <c r="GF118" s="91"/>
      <c r="GG118" s="91"/>
      <c r="GH118" s="91"/>
      <c r="GI118" s="91"/>
      <c r="GJ118" s="91"/>
      <c r="GK118" s="127"/>
      <c r="GL118" s="126"/>
      <c r="GM118" s="91"/>
      <c r="GN118" s="91"/>
      <c r="GO118" s="91"/>
      <c r="GP118" s="91"/>
      <c r="GQ118" s="91"/>
      <c r="GR118" s="91"/>
      <c r="GS118" s="91"/>
      <c r="GT118" s="91"/>
      <c r="GU118" s="91"/>
      <c r="GV118" s="91"/>
      <c r="GW118" s="91"/>
      <c r="GX118" s="91"/>
      <c r="GY118" s="91"/>
      <c r="GZ118" s="91"/>
      <c r="HA118" s="91"/>
      <c r="HB118" s="91"/>
      <c r="HC118" s="91"/>
      <c r="HD118" s="91"/>
      <c r="HE118" s="91"/>
      <c r="HF118" s="91"/>
      <c r="HG118" s="91"/>
      <c r="HH118" s="91"/>
      <c r="HI118" s="91"/>
      <c r="HJ118" s="91"/>
      <c r="HK118" s="127"/>
      <c r="HL118" s="126"/>
      <c r="HM118" s="91"/>
      <c r="HN118" s="91"/>
      <c r="HO118" s="91"/>
      <c r="HP118" s="91"/>
      <c r="HQ118" s="91"/>
      <c r="HR118" s="91"/>
      <c r="HS118" s="91"/>
      <c r="HT118" s="91"/>
      <c r="HU118" s="91"/>
      <c r="HV118" s="91"/>
      <c r="HW118" s="91"/>
      <c r="HX118" s="91"/>
      <c r="HY118" s="91"/>
      <c r="HZ118" s="91"/>
      <c r="IA118" s="91"/>
      <c r="IB118" s="91"/>
      <c r="IC118" s="91"/>
      <c r="ID118" s="91"/>
      <c r="IE118" s="91"/>
      <c r="IF118" s="91"/>
      <c r="IG118" s="91"/>
      <c r="IH118" s="91"/>
      <c r="II118" s="91"/>
      <c r="IJ118" s="91"/>
      <c r="IK118" s="127"/>
    </row>
    <row r="119" spans="2:245" x14ac:dyDescent="0.2">
      <c r="B119" s="79"/>
      <c r="C119" s="73"/>
      <c r="D119" s="64"/>
      <c r="E119" s="64"/>
      <c r="F119" s="55"/>
      <c r="G119" s="102"/>
      <c r="H119" s="55"/>
      <c r="I119" s="55"/>
      <c r="J119" s="55"/>
      <c r="K119" s="55"/>
      <c r="L119" s="55"/>
      <c r="M119" s="55"/>
      <c r="N119" s="55"/>
      <c r="O119" s="55"/>
      <c r="P119" s="55"/>
      <c r="Q119" s="55"/>
      <c r="R119" s="55"/>
      <c r="S119" s="55"/>
      <c r="T119" s="55"/>
      <c r="U119" s="55"/>
      <c r="V119" s="55"/>
      <c r="W119" s="55"/>
      <c r="X119" s="55"/>
      <c r="Y119" s="55"/>
      <c r="Z119" s="55"/>
      <c r="AA119" s="55"/>
      <c r="AB119" s="55"/>
      <c r="AC119" s="55"/>
      <c r="AD119" s="55"/>
      <c r="AE119" s="55"/>
      <c r="AF119" s="55"/>
      <c r="AG119" s="55"/>
      <c r="AY119" s="162"/>
      <c r="AZ119" s="162"/>
      <c r="BA119" s="162"/>
      <c r="BB119" s="162"/>
      <c r="BC119" s="162"/>
      <c r="BD119" s="162"/>
      <c r="BE119" s="162"/>
      <c r="BF119" s="162"/>
      <c r="BG119" s="162"/>
      <c r="BH119" s="162"/>
      <c r="BI119" s="162"/>
      <c r="BJ119" s="162"/>
      <c r="BK119" s="162"/>
      <c r="BL119" s="162"/>
      <c r="BM119" s="162"/>
      <c r="BN119" s="162"/>
      <c r="BO119" s="162"/>
      <c r="BP119" s="162"/>
      <c r="BQ119" s="162"/>
      <c r="BR119" s="162"/>
      <c r="BS119" s="162"/>
      <c r="BT119" s="162"/>
      <c r="BU119" s="162"/>
      <c r="BV119" s="162"/>
      <c r="BW119" s="162"/>
      <c r="BX119" s="162"/>
      <c r="BY119" s="162"/>
      <c r="BZ119" s="162"/>
      <c r="CA119" s="162"/>
      <c r="CB119" s="162"/>
      <c r="CC119" s="162"/>
      <c r="CD119" s="162"/>
      <c r="CE119" s="162"/>
      <c r="CF119" s="162"/>
      <c r="CG119" s="162"/>
      <c r="CH119" s="162"/>
      <c r="CI119" s="162"/>
      <c r="CJ119" s="162"/>
      <c r="CK119" s="162"/>
      <c r="CX119" s="98"/>
      <c r="DL119" s="97"/>
      <c r="DX119" s="98"/>
      <c r="EL119" s="97"/>
      <c r="EX119" s="98"/>
      <c r="EY119" s="97"/>
      <c r="FL119" s="126"/>
      <c r="FM119" s="91"/>
      <c r="FN119" s="91"/>
      <c r="FO119" s="91"/>
      <c r="FP119" s="91"/>
      <c r="FQ119" s="91"/>
      <c r="FR119" s="91"/>
      <c r="FS119" s="91"/>
      <c r="FT119" s="91"/>
      <c r="FU119" s="91"/>
      <c r="FV119" s="91"/>
      <c r="FW119" s="91"/>
      <c r="FX119" s="91"/>
      <c r="FY119" s="91"/>
      <c r="FZ119" s="91"/>
      <c r="GA119" s="91"/>
      <c r="GB119" s="91"/>
      <c r="GC119" s="91"/>
      <c r="GD119" s="91"/>
      <c r="GE119" s="91"/>
      <c r="GF119" s="91"/>
      <c r="GG119" s="91"/>
      <c r="GH119" s="91"/>
      <c r="GI119" s="91"/>
      <c r="GJ119" s="91"/>
      <c r="GK119" s="127"/>
      <c r="GL119" s="126"/>
      <c r="GM119" s="91"/>
      <c r="GN119" s="91"/>
      <c r="GO119" s="91"/>
      <c r="GP119" s="91"/>
      <c r="GQ119" s="91"/>
      <c r="GR119" s="91"/>
      <c r="GS119" s="91"/>
      <c r="GT119" s="91"/>
      <c r="GU119" s="91"/>
      <c r="GV119" s="91"/>
      <c r="GW119" s="91"/>
      <c r="GX119" s="91"/>
      <c r="GY119" s="91"/>
      <c r="GZ119" s="91"/>
      <c r="HA119" s="91"/>
      <c r="HB119" s="91"/>
      <c r="HC119" s="91"/>
      <c r="HD119" s="91"/>
      <c r="HE119" s="91"/>
      <c r="HF119" s="91"/>
      <c r="HG119" s="91"/>
      <c r="HH119" s="91"/>
      <c r="HI119" s="91"/>
      <c r="HJ119" s="91"/>
      <c r="HK119" s="127"/>
      <c r="HL119" s="126"/>
      <c r="HM119" s="91"/>
      <c r="HN119" s="91"/>
      <c r="HO119" s="91"/>
      <c r="HP119" s="91"/>
      <c r="HQ119" s="91"/>
      <c r="HR119" s="91"/>
      <c r="HS119" s="91"/>
      <c r="HT119" s="91"/>
      <c r="HU119" s="91"/>
      <c r="HV119" s="91"/>
      <c r="HW119" s="91"/>
      <c r="HX119" s="91"/>
      <c r="HY119" s="91"/>
      <c r="HZ119" s="91"/>
      <c r="IA119" s="91"/>
      <c r="IB119" s="91"/>
      <c r="IC119" s="91"/>
      <c r="ID119" s="91"/>
      <c r="IE119" s="91"/>
      <c r="IF119" s="91"/>
      <c r="IG119" s="91"/>
      <c r="IH119" s="91"/>
      <c r="II119" s="91"/>
      <c r="IJ119" s="91"/>
      <c r="IK119" s="127"/>
    </row>
    <row r="120" spans="2:245" x14ac:dyDescent="0.2">
      <c r="B120" s="79"/>
      <c r="C120" s="73"/>
      <c r="D120" s="64"/>
      <c r="E120" s="64"/>
      <c r="F120" s="55"/>
      <c r="G120" s="102"/>
      <c r="H120" s="55"/>
      <c r="I120" s="55"/>
      <c r="J120" s="55"/>
      <c r="K120" s="55"/>
      <c r="L120" s="55"/>
      <c r="M120" s="55"/>
      <c r="N120" s="55"/>
      <c r="O120" s="55"/>
      <c r="P120" s="55"/>
      <c r="Q120" s="55"/>
      <c r="R120" s="55"/>
      <c r="S120" s="55"/>
      <c r="T120" s="55"/>
      <c r="U120" s="55"/>
      <c r="V120" s="55"/>
      <c r="W120" s="55"/>
      <c r="X120" s="55"/>
      <c r="Y120" s="55"/>
      <c r="Z120" s="55"/>
      <c r="AA120" s="55"/>
      <c r="AB120" s="55"/>
      <c r="AC120" s="55"/>
      <c r="AD120" s="55"/>
      <c r="AE120" s="55"/>
      <c r="AF120" s="55"/>
      <c r="AG120" s="55"/>
      <c r="AY120" s="162"/>
      <c r="AZ120" s="162"/>
      <c r="BA120" s="162"/>
      <c r="BB120" s="162"/>
      <c r="BC120" s="162"/>
      <c r="BD120" s="162"/>
      <c r="BE120" s="162"/>
      <c r="BF120" s="162"/>
      <c r="BG120" s="162"/>
      <c r="BH120" s="162"/>
      <c r="BI120" s="162"/>
      <c r="BJ120" s="162"/>
      <c r="BK120" s="162"/>
      <c r="BL120" s="162"/>
      <c r="BM120" s="162"/>
      <c r="BN120" s="162"/>
      <c r="BO120" s="162"/>
      <c r="BP120" s="162"/>
      <c r="BQ120" s="162"/>
      <c r="BR120" s="162"/>
      <c r="BS120" s="162"/>
      <c r="BT120" s="162"/>
      <c r="BU120" s="162"/>
      <c r="BV120" s="162"/>
      <c r="BW120" s="162"/>
      <c r="BX120" s="162"/>
      <c r="BY120" s="162"/>
      <c r="BZ120" s="162"/>
      <c r="CA120" s="162"/>
      <c r="CB120" s="162"/>
      <c r="CC120" s="162"/>
      <c r="CD120" s="162"/>
      <c r="CE120" s="162"/>
      <c r="CF120" s="162"/>
      <c r="CG120" s="162"/>
      <c r="CH120" s="162"/>
      <c r="CI120" s="162"/>
      <c r="CJ120" s="162"/>
      <c r="CK120" s="162"/>
      <c r="CX120" s="98"/>
      <c r="DL120" s="97"/>
      <c r="DX120" s="98"/>
      <c r="EL120" s="97"/>
      <c r="EX120" s="98"/>
      <c r="EY120" s="97"/>
      <c r="FL120" s="126"/>
      <c r="FM120" s="91"/>
      <c r="FN120" s="91"/>
      <c r="FO120" s="91"/>
      <c r="FP120" s="91"/>
      <c r="FQ120" s="91"/>
      <c r="FR120" s="91"/>
      <c r="FS120" s="91"/>
      <c r="FT120" s="91"/>
      <c r="FU120" s="91"/>
      <c r="FV120" s="91"/>
      <c r="FW120" s="91"/>
      <c r="FX120" s="91"/>
      <c r="FY120" s="91"/>
      <c r="FZ120" s="91"/>
      <c r="GA120" s="91"/>
      <c r="GB120" s="91"/>
      <c r="GC120" s="91"/>
      <c r="GD120" s="91"/>
      <c r="GE120" s="91"/>
      <c r="GF120" s="91"/>
      <c r="GG120" s="91"/>
      <c r="GH120" s="91"/>
      <c r="GI120" s="91"/>
      <c r="GJ120" s="91"/>
      <c r="GK120" s="127"/>
      <c r="GL120" s="126"/>
      <c r="GM120" s="91"/>
      <c r="GN120" s="91"/>
      <c r="GO120" s="91"/>
      <c r="GP120" s="91"/>
      <c r="GQ120" s="91"/>
      <c r="GR120" s="91"/>
      <c r="GS120" s="91"/>
      <c r="GT120" s="91"/>
      <c r="GU120" s="91"/>
      <c r="GV120" s="91"/>
      <c r="GW120" s="91"/>
      <c r="GX120" s="91"/>
      <c r="GY120" s="91"/>
      <c r="GZ120" s="91"/>
      <c r="HA120" s="91"/>
      <c r="HB120" s="91"/>
      <c r="HC120" s="91"/>
      <c r="HD120" s="91"/>
      <c r="HE120" s="91"/>
      <c r="HF120" s="91"/>
      <c r="HG120" s="91"/>
      <c r="HH120" s="91"/>
      <c r="HI120" s="91"/>
      <c r="HJ120" s="91"/>
      <c r="HK120" s="127"/>
      <c r="HL120" s="126"/>
      <c r="HM120" s="91"/>
      <c r="HN120" s="91"/>
      <c r="HO120" s="91"/>
      <c r="HP120" s="91"/>
      <c r="HQ120" s="91"/>
      <c r="HR120" s="91"/>
      <c r="HS120" s="91"/>
      <c r="HT120" s="91"/>
      <c r="HU120" s="91"/>
      <c r="HV120" s="91"/>
      <c r="HW120" s="91"/>
      <c r="HX120" s="91"/>
      <c r="HY120" s="91"/>
      <c r="HZ120" s="91"/>
      <c r="IA120" s="91"/>
      <c r="IB120" s="91"/>
      <c r="IC120" s="91"/>
      <c r="ID120" s="91"/>
      <c r="IE120" s="91"/>
      <c r="IF120" s="91"/>
      <c r="IG120" s="91"/>
      <c r="IH120" s="91"/>
      <c r="II120" s="91"/>
      <c r="IJ120" s="91"/>
      <c r="IK120" s="127"/>
    </row>
    <row r="121" spans="2:245" x14ac:dyDescent="0.2">
      <c r="B121" s="79"/>
      <c r="C121" s="73"/>
      <c r="D121" s="64"/>
      <c r="E121" s="64"/>
      <c r="F121" s="55"/>
      <c r="G121" s="102"/>
      <c r="H121" s="55"/>
      <c r="I121" s="55"/>
      <c r="J121" s="55"/>
      <c r="K121" s="55"/>
      <c r="L121" s="55"/>
      <c r="M121" s="55"/>
      <c r="N121" s="55"/>
      <c r="O121" s="55"/>
      <c r="P121" s="55"/>
      <c r="Q121" s="55"/>
      <c r="R121" s="55"/>
      <c r="S121" s="55"/>
      <c r="T121" s="55"/>
      <c r="U121" s="55"/>
      <c r="V121" s="55"/>
      <c r="W121" s="55"/>
      <c r="X121" s="55"/>
      <c r="Y121" s="55"/>
      <c r="Z121" s="55"/>
      <c r="AA121" s="55"/>
      <c r="AB121" s="55"/>
      <c r="AC121" s="55"/>
      <c r="AD121" s="55"/>
      <c r="AE121" s="55"/>
      <c r="AF121" s="55"/>
      <c r="AG121" s="55"/>
      <c r="AY121" s="162"/>
      <c r="AZ121" s="162"/>
      <c r="BA121" s="162"/>
      <c r="BB121" s="162"/>
      <c r="BC121" s="162"/>
      <c r="BD121" s="162"/>
      <c r="BE121" s="162"/>
      <c r="BF121" s="162"/>
      <c r="BG121" s="162"/>
      <c r="BH121" s="162"/>
      <c r="BI121" s="162"/>
      <c r="BJ121" s="162"/>
      <c r="BK121" s="162"/>
      <c r="BL121" s="162"/>
      <c r="BM121" s="162"/>
      <c r="BN121" s="162"/>
      <c r="BO121" s="162"/>
      <c r="BP121" s="162"/>
      <c r="BQ121" s="162"/>
      <c r="BR121" s="162"/>
      <c r="BS121" s="162"/>
      <c r="BT121" s="162"/>
      <c r="BU121" s="162"/>
      <c r="BV121" s="162"/>
      <c r="BW121" s="162"/>
      <c r="BX121" s="162"/>
      <c r="BY121" s="162"/>
      <c r="BZ121" s="162"/>
      <c r="CA121" s="162"/>
      <c r="CB121" s="162"/>
      <c r="CC121" s="162"/>
      <c r="CD121" s="162"/>
      <c r="CE121" s="162"/>
      <c r="CF121" s="162"/>
      <c r="CG121" s="162"/>
      <c r="CH121" s="162"/>
      <c r="CI121" s="162"/>
      <c r="CJ121" s="162"/>
      <c r="CK121" s="162"/>
      <c r="CX121" s="98"/>
      <c r="DL121" s="97"/>
      <c r="DX121" s="98"/>
      <c r="EL121" s="97"/>
      <c r="EX121" s="98"/>
      <c r="EY121" s="97"/>
      <c r="FL121" s="126"/>
      <c r="FM121" s="91"/>
      <c r="FN121" s="91"/>
      <c r="FO121" s="91"/>
      <c r="FP121" s="91"/>
      <c r="FQ121" s="91"/>
      <c r="FR121" s="91"/>
      <c r="FS121" s="91"/>
      <c r="FT121" s="91"/>
      <c r="FU121" s="91"/>
      <c r="FV121" s="91"/>
      <c r="FW121" s="91"/>
      <c r="FX121" s="91"/>
      <c r="FY121" s="91"/>
      <c r="FZ121" s="91"/>
      <c r="GA121" s="91"/>
      <c r="GB121" s="91"/>
      <c r="GC121" s="91"/>
      <c r="GD121" s="91"/>
      <c r="GE121" s="91"/>
      <c r="GF121" s="91"/>
      <c r="GG121" s="91"/>
      <c r="GH121" s="91"/>
      <c r="GI121" s="91"/>
      <c r="GJ121" s="91"/>
      <c r="GK121" s="127"/>
      <c r="GL121" s="126"/>
      <c r="GM121" s="91"/>
      <c r="GN121" s="91"/>
      <c r="GO121" s="91"/>
      <c r="GP121" s="91"/>
      <c r="GQ121" s="91"/>
      <c r="GR121" s="91"/>
      <c r="GS121" s="91"/>
      <c r="GT121" s="91"/>
      <c r="GU121" s="91"/>
      <c r="GV121" s="91"/>
      <c r="GW121" s="91"/>
      <c r="GX121" s="91"/>
      <c r="GY121" s="91"/>
      <c r="GZ121" s="91"/>
      <c r="HA121" s="91"/>
      <c r="HB121" s="91"/>
      <c r="HC121" s="91"/>
      <c r="HD121" s="91"/>
      <c r="HE121" s="91"/>
      <c r="HF121" s="91"/>
      <c r="HG121" s="91"/>
      <c r="HH121" s="91"/>
      <c r="HI121" s="91"/>
      <c r="HJ121" s="91"/>
      <c r="HK121" s="127"/>
      <c r="HL121" s="126"/>
      <c r="HM121" s="91"/>
      <c r="HN121" s="91"/>
      <c r="HO121" s="91"/>
      <c r="HP121" s="91"/>
      <c r="HQ121" s="91"/>
      <c r="HR121" s="91"/>
      <c r="HS121" s="91"/>
      <c r="HT121" s="91"/>
      <c r="HU121" s="91"/>
      <c r="HV121" s="91"/>
      <c r="HW121" s="91"/>
      <c r="HX121" s="91"/>
      <c r="HY121" s="91"/>
      <c r="HZ121" s="91"/>
      <c r="IA121" s="91"/>
      <c r="IB121" s="91"/>
      <c r="IC121" s="91"/>
      <c r="ID121" s="91"/>
      <c r="IE121" s="91"/>
      <c r="IF121" s="91"/>
      <c r="IG121" s="91"/>
      <c r="IH121" s="91"/>
      <c r="II121" s="91"/>
      <c r="IJ121" s="91"/>
      <c r="IK121" s="127"/>
    </row>
    <row r="122" spans="2:245" x14ac:dyDescent="0.2">
      <c r="B122" s="79"/>
      <c r="C122" s="73"/>
      <c r="D122" s="64"/>
      <c r="E122" s="64"/>
      <c r="F122" s="55"/>
      <c r="G122" s="102"/>
      <c r="H122" s="55"/>
      <c r="I122" s="55"/>
      <c r="J122" s="55"/>
      <c r="K122" s="55"/>
      <c r="L122" s="55"/>
      <c r="M122" s="55"/>
      <c r="N122" s="55"/>
      <c r="O122" s="55"/>
      <c r="P122" s="55"/>
      <c r="Q122" s="55"/>
      <c r="R122" s="55"/>
      <c r="S122" s="55"/>
      <c r="T122" s="55"/>
      <c r="U122" s="55"/>
      <c r="V122" s="55"/>
      <c r="W122" s="55"/>
      <c r="X122" s="55"/>
      <c r="Y122" s="55"/>
      <c r="Z122" s="55"/>
      <c r="AA122" s="55"/>
      <c r="AB122" s="55"/>
      <c r="AC122" s="55"/>
      <c r="AD122" s="55"/>
      <c r="AE122" s="55"/>
      <c r="AF122" s="55"/>
      <c r="AG122" s="55"/>
      <c r="AY122" s="162"/>
      <c r="AZ122" s="162"/>
      <c r="BA122" s="162"/>
      <c r="BB122" s="162"/>
      <c r="BC122" s="162"/>
      <c r="BD122" s="162"/>
      <c r="BE122" s="162"/>
      <c r="BF122" s="162"/>
      <c r="BG122" s="162"/>
      <c r="BH122" s="162"/>
      <c r="BI122" s="162"/>
      <c r="BJ122" s="162"/>
      <c r="BK122" s="162"/>
      <c r="BL122" s="162"/>
      <c r="BM122" s="162"/>
      <c r="BN122" s="162"/>
      <c r="BO122" s="162"/>
      <c r="BP122" s="162"/>
      <c r="BQ122" s="162"/>
      <c r="BR122" s="162"/>
      <c r="BS122" s="162"/>
      <c r="BT122" s="162"/>
      <c r="BU122" s="162"/>
      <c r="BV122" s="162"/>
      <c r="BW122" s="162"/>
      <c r="BX122" s="162"/>
      <c r="BY122" s="162"/>
      <c r="BZ122" s="162"/>
      <c r="CA122" s="162"/>
      <c r="CB122" s="162"/>
      <c r="CC122" s="162"/>
      <c r="CD122" s="162"/>
      <c r="CE122" s="162"/>
      <c r="CF122" s="162"/>
      <c r="CG122" s="162"/>
      <c r="CH122" s="162"/>
      <c r="CI122" s="162"/>
      <c r="CJ122" s="162"/>
      <c r="CK122" s="162"/>
      <c r="CX122" s="98"/>
      <c r="DL122" s="97"/>
      <c r="DX122" s="98"/>
      <c r="EL122" s="97"/>
      <c r="EX122" s="98"/>
      <c r="EY122" s="97"/>
      <c r="FL122" s="126"/>
      <c r="FM122" s="91"/>
      <c r="FN122" s="91"/>
      <c r="FO122" s="91"/>
      <c r="FP122" s="91"/>
      <c r="FQ122" s="91"/>
      <c r="FR122" s="91"/>
      <c r="FS122" s="91"/>
      <c r="FT122" s="91"/>
      <c r="FU122" s="91"/>
      <c r="FV122" s="91"/>
      <c r="FW122" s="91"/>
      <c r="FX122" s="91"/>
      <c r="FY122" s="91"/>
      <c r="FZ122" s="91"/>
      <c r="GA122" s="91"/>
      <c r="GB122" s="91"/>
      <c r="GC122" s="91"/>
      <c r="GD122" s="91"/>
      <c r="GE122" s="91"/>
      <c r="GF122" s="91"/>
      <c r="GG122" s="91"/>
      <c r="GH122" s="91"/>
      <c r="GI122" s="91"/>
      <c r="GJ122" s="91"/>
      <c r="GK122" s="127"/>
      <c r="GL122" s="126"/>
      <c r="GM122" s="91"/>
      <c r="GN122" s="91"/>
      <c r="GO122" s="91"/>
      <c r="GP122" s="91"/>
      <c r="GQ122" s="91"/>
      <c r="GR122" s="91"/>
      <c r="GS122" s="91"/>
      <c r="GT122" s="91"/>
      <c r="GU122" s="91"/>
      <c r="GV122" s="91"/>
      <c r="GW122" s="91"/>
      <c r="GX122" s="91"/>
      <c r="GY122" s="91"/>
      <c r="GZ122" s="91"/>
      <c r="HA122" s="91"/>
      <c r="HB122" s="91"/>
      <c r="HC122" s="91"/>
      <c r="HD122" s="91"/>
      <c r="HE122" s="91"/>
      <c r="HF122" s="91"/>
      <c r="HG122" s="91"/>
      <c r="HH122" s="91"/>
      <c r="HI122" s="91"/>
      <c r="HJ122" s="91"/>
      <c r="HK122" s="127"/>
      <c r="HL122" s="126"/>
      <c r="HM122" s="91"/>
      <c r="HN122" s="91"/>
      <c r="HO122" s="91"/>
      <c r="HP122" s="91"/>
      <c r="HQ122" s="91"/>
      <c r="HR122" s="91"/>
      <c r="HS122" s="91"/>
      <c r="HT122" s="91"/>
      <c r="HU122" s="91"/>
      <c r="HV122" s="91"/>
      <c r="HW122" s="91"/>
      <c r="HX122" s="91"/>
      <c r="HY122" s="91"/>
      <c r="HZ122" s="91"/>
      <c r="IA122" s="91"/>
      <c r="IB122" s="91"/>
      <c r="IC122" s="91"/>
      <c r="ID122" s="91"/>
      <c r="IE122" s="91"/>
      <c r="IF122" s="91"/>
      <c r="IG122" s="91"/>
      <c r="IH122" s="91"/>
      <c r="II122" s="91"/>
      <c r="IJ122" s="91"/>
      <c r="IK122" s="127"/>
    </row>
    <row r="123" spans="2:245" x14ac:dyDescent="0.2">
      <c r="B123" s="79"/>
      <c r="C123" s="73"/>
      <c r="D123" s="64"/>
      <c r="E123" s="64"/>
      <c r="F123" s="55"/>
      <c r="G123" s="102"/>
      <c r="H123" s="55"/>
      <c r="I123" s="55"/>
      <c r="J123" s="55"/>
      <c r="K123" s="55"/>
      <c r="L123" s="55"/>
      <c r="M123" s="55"/>
      <c r="N123" s="55"/>
      <c r="O123" s="55"/>
      <c r="P123" s="55"/>
      <c r="Q123" s="55"/>
      <c r="R123" s="55"/>
      <c r="S123" s="55"/>
      <c r="T123" s="55"/>
      <c r="U123" s="55"/>
      <c r="V123" s="55"/>
      <c r="W123" s="55"/>
      <c r="X123" s="55"/>
      <c r="Y123" s="55"/>
      <c r="Z123" s="55"/>
      <c r="AA123" s="55"/>
      <c r="AB123" s="55"/>
      <c r="AC123" s="55"/>
      <c r="AD123" s="55"/>
      <c r="AE123" s="55"/>
      <c r="AF123" s="55"/>
      <c r="AG123" s="55"/>
      <c r="AY123" s="162"/>
      <c r="AZ123" s="162"/>
      <c r="BA123" s="162"/>
      <c r="BB123" s="162"/>
      <c r="BC123" s="162"/>
      <c r="BD123" s="162"/>
      <c r="BE123" s="162"/>
      <c r="BF123" s="162"/>
      <c r="BG123" s="162"/>
      <c r="BH123" s="162"/>
      <c r="BI123" s="162"/>
      <c r="BJ123" s="162"/>
      <c r="BK123" s="162"/>
      <c r="BL123" s="162"/>
      <c r="BM123" s="162"/>
      <c r="BN123" s="162"/>
      <c r="BO123" s="162"/>
      <c r="BP123" s="162"/>
      <c r="BQ123" s="162"/>
      <c r="BR123" s="162"/>
      <c r="BS123" s="162"/>
      <c r="BT123" s="162"/>
      <c r="BU123" s="162"/>
      <c r="BV123" s="162"/>
      <c r="BW123" s="162"/>
      <c r="BX123" s="162"/>
      <c r="BY123" s="162"/>
      <c r="BZ123" s="162"/>
      <c r="CA123" s="162"/>
      <c r="CB123" s="162"/>
      <c r="CC123" s="162"/>
      <c r="CD123" s="162"/>
      <c r="CE123" s="162"/>
      <c r="CF123" s="162"/>
      <c r="CG123" s="162"/>
      <c r="CH123" s="162"/>
      <c r="CI123" s="162"/>
      <c r="CJ123" s="162"/>
      <c r="CK123" s="162"/>
      <c r="CX123" s="98"/>
      <c r="DL123" s="97"/>
      <c r="DX123" s="98"/>
      <c r="EL123" s="97"/>
      <c r="EX123" s="98"/>
      <c r="EY123" s="97"/>
      <c r="FL123" s="126"/>
      <c r="FM123" s="91"/>
      <c r="FN123" s="91"/>
      <c r="FO123" s="91"/>
      <c r="FP123" s="91"/>
      <c r="FQ123" s="91"/>
      <c r="FR123" s="91"/>
      <c r="FS123" s="91"/>
      <c r="FT123" s="91"/>
      <c r="FU123" s="91"/>
      <c r="FV123" s="91"/>
      <c r="FW123" s="91"/>
      <c r="FX123" s="91"/>
      <c r="FY123" s="91"/>
      <c r="FZ123" s="91"/>
      <c r="GA123" s="91"/>
      <c r="GB123" s="91"/>
      <c r="GC123" s="91"/>
      <c r="GD123" s="91"/>
      <c r="GE123" s="91"/>
      <c r="GF123" s="91"/>
      <c r="GG123" s="91"/>
      <c r="GH123" s="91"/>
      <c r="GI123" s="91"/>
      <c r="GJ123" s="91"/>
      <c r="GK123" s="127"/>
      <c r="GL123" s="126"/>
      <c r="GM123" s="91"/>
      <c r="GN123" s="91"/>
      <c r="GO123" s="91"/>
      <c r="GP123" s="91"/>
      <c r="GQ123" s="91"/>
      <c r="GR123" s="91"/>
      <c r="GS123" s="91"/>
      <c r="GT123" s="91"/>
      <c r="GU123" s="91"/>
      <c r="GV123" s="91"/>
      <c r="GW123" s="91"/>
      <c r="GX123" s="91"/>
      <c r="GY123" s="91"/>
      <c r="GZ123" s="91"/>
      <c r="HA123" s="91"/>
      <c r="HB123" s="91"/>
      <c r="HC123" s="91"/>
      <c r="HD123" s="91"/>
      <c r="HE123" s="91"/>
      <c r="HF123" s="91"/>
      <c r="HG123" s="91"/>
      <c r="HH123" s="91"/>
      <c r="HI123" s="91"/>
      <c r="HJ123" s="91"/>
      <c r="HK123" s="127"/>
      <c r="HL123" s="126"/>
      <c r="HM123" s="91"/>
      <c r="HN123" s="91"/>
      <c r="HO123" s="91"/>
      <c r="HP123" s="91"/>
      <c r="HQ123" s="91"/>
      <c r="HR123" s="91"/>
      <c r="HS123" s="91"/>
      <c r="HT123" s="91"/>
      <c r="HU123" s="91"/>
      <c r="HV123" s="91"/>
      <c r="HW123" s="91"/>
      <c r="HX123" s="91"/>
      <c r="HY123" s="91"/>
      <c r="HZ123" s="91"/>
      <c r="IA123" s="91"/>
      <c r="IB123" s="91"/>
      <c r="IC123" s="91"/>
      <c r="ID123" s="91"/>
      <c r="IE123" s="91"/>
      <c r="IF123" s="91"/>
      <c r="IG123" s="91"/>
      <c r="IH123" s="91"/>
      <c r="II123" s="91"/>
      <c r="IJ123" s="91"/>
      <c r="IK123" s="127"/>
    </row>
    <row r="124" spans="2:245" x14ac:dyDescent="0.2">
      <c r="B124" s="79"/>
      <c r="C124" s="73"/>
      <c r="D124" s="64"/>
      <c r="E124" s="64"/>
      <c r="F124" s="55"/>
      <c r="G124" s="102"/>
      <c r="H124" s="55"/>
      <c r="I124" s="55"/>
      <c r="J124" s="55"/>
      <c r="K124" s="55"/>
      <c r="L124" s="55"/>
      <c r="M124" s="55"/>
      <c r="N124" s="55"/>
      <c r="O124" s="55"/>
      <c r="P124" s="55"/>
      <c r="Q124" s="55"/>
      <c r="R124" s="55"/>
      <c r="S124" s="55"/>
      <c r="T124" s="55"/>
      <c r="U124" s="55"/>
      <c r="V124" s="55"/>
      <c r="W124" s="55"/>
      <c r="X124" s="55"/>
      <c r="Y124" s="55"/>
      <c r="Z124" s="55"/>
      <c r="AA124" s="55"/>
      <c r="AB124" s="55"/>
      <c r="AC124" s="55"/>
      <c r="AD124" s="55"/>
      <c r="AE124" s="55"/>
      <c r="AF124" s="55"/>
      <c r="AG124" s="55"/>
      <c r="AY124" s="162"/>
      <c r="AZ124" s="162"/>
      <c r="BA124" s="162"/>
      <c r="BB124" s="162"/>
      <c r="BC124" s="162"/>
      <c r="BD124" s="162"/>
      <c r="BE124" s="162"/>
      <c r="BF124" s="162"/>
      <c r="BG124" s="162"/>
      <c r="BH124" s="162"/>
      <c r="BI124" s="162"/>
      <c r="BJ124" s="162"/>
      <c r="BK124" s="162"/>
      <c r="BL124" s="162"/>
      <c r="BM124" s="162"/>
      <c r="BN124" s="162"/>
      <c r="BO124" s="162"/>
      <c r="BP124" s="162"/>
      <c r="BQ124" s="162"/>
      <c r="BR124" s="162"/>
      <c r="BS124" s="162"/>
      <c r="BT124" s="162"/>
      <c r="BU124" s="162"/>
      <c r="BV124" s="162"/>
      <c r="BW124" s="162"/>
      <c r="BX124" s="162"/>
      <c r="BY124" s="162"/>
      <c r="BZ124" s="162"/>
      <c r="CA124" s="162"/>
      <c r="CB124" s="162"/>
      <c r="CC124" s="162"/>
      <c r="CD124" s="162"/>
      <c r="CE124" s="162"/>
      <c r="CF124" s="162"/>
      <c r="CG124" s="162"/>
      <c r="CH124" s="162"/>
      <c r="CI124" s="162"/>
      <c r="CJ124" s="162"/>
      <c r="CK124" s="162"/>
      <c r="CX124" s="98"/>
      <c r="DL124" s="97"/>
      <c r="DX124" s="98"/>
      <c r="EL124" s="97"/>
      <c r="EX124" s="98"/>
      <c r="EY124" s="97"/>
      <c r="FL124" s="126"/>
      <c r="FM124" s="91"/>
      <c r="FN124" s="91"/>
      <c r="FO124" s="91"/>
      <c r="FP124" s="91"/>
      <c r="FQ124" s="91"/>
      <c r="FR124" s="91"/>
      <c r="FS124" s="91"/>
      <c r="FT124" s="91"/>
      <c r="FU124" s="91"/>
      <c r="FV124" s="91"/>
      <c r="FW124" s="91"/>
      <c r="FX124" s="91"/>
      <c r="FY124" s="91"/>
      <c r="FZ124" s="91"/>
      <c r="GA124" s="91"/>
      <c r="GB124" s="91"/>
      <c r="GC124" s="91"/>
      <c r="GD124" s="91"/>
      <c r="GE124" s="91"/>
      <c r="GF124" s="91"/>
      <c r="GG124" s="91"/>
      <c r="GH124" s="91"/>
      <c r="GI124" s="91"/>
      <c r="GJ124" s="91"/>
      <c r="GK124" s="127"/>
      <c r="GL124" s="126"/>
      <c r="GM124" s="91"/>
      <c r="GN124" s="91"/>
      <c r="GO124" s="91"/>
      <c r="GP124" s="91"/>
      <c r="GQ124" s="91"/>
      <c r="GR124" s="91"/>
      <c r="GS124" s="91"/>
      <c r="GT124" s="91"/>
      <c r="GU124" s="91"/>
      <c r="GV124" s="91"/>
      <c r="GW124" s="91"/>
      <c r="GX124" s="91"/>
      <c r="GY124" s="91"/>
      <c r="GZ124" s="91"/>
      <c r="HA124" s="91"/>
      <c r="HB124" s="91"/>
      <c r="HC124" s="91"/>
      <c r="HD124" s="91"/>
      <c r="HE124" s="91"/>
      <c r="HF124" s="91"/>
      <c r="HG124" s="91"/>
      <c r="HH124" s="91"/>
      <c r="HI124" s="91"/>
      <c r="HJ124" s="91"/>
      <c r="HK124" s="127"/>
      <c r="HL124" s="126"/>
      <c r="HM124" s="91"/>
      <c r="HN124" s="91"/>
      <c r="HO124" s="91"/>
      <c r="HP124" s="91"/>
      <c r="HQ124" s="91"/>
      <c r="HR124" s="91"/>
      <c r="HS124" s="91"/>
      <c r="HT124" s="91"/>
      <c r="HU124" s="91"/>
      <c r="HV124" s="91"/>
      <c r="HW124" s="91"/>
      <c r="HX124" s="91"/>
      <c r="HY124" s="91"/>
      <c r="HZ124" s="91"/>
      <c r="IA124" s="91"/>
      <c r="IB124" s="91"/>
      <c r="IC124" s="91"/>
      <c r="ID124" s="91"/>
      <c r="IE124" s="91"/>
      <c r="IF124" s="91"/>
      <c r="IG124" s="91"/>
      <c r="IH124" s="91"/>
      <c r="II124" s="91"/>
      <c r="IJ124" s="91"/>
      <c r="IK124" s="127"/>
    </row>
    <row r="125" spans="2:245" x14ac:dyDescent="0.2">
      <c r="B125" s="79"/>
      <c r="C125" s="73"/>
      <c r="D125" s="64"/>
      <c r="E125" s="64"/>
      <c r="F125" s="55"/>
      <c r="G125" s="102"/>
      <c r="H125" s="55"/>
      <c r="I125" s="55"/>
      <c r="J125" s="55"/>
      <c r="K125" s="55"/>
      <c r="L125" s="55"/>
      <c r="M125" s="55"/>
      <c r="N125" s="55"/>
      <c r="O125" s="55"/>
      <c r="P125" s="55"/>
      <c r="Q125" s="55"/>
      <c r="R125" s="55"/>
      <c r="S125" s="55"/>
      <c r="T125" s="55"/>
      <c r="U125" s="55"/>
      <c r="V125" s="55"/>
      <c r="W125" s="55"/>
      <c r="X125" s="55"/>
      <c r="Y125" s="55"/>
      <c r="Z125" s="55"/>
      <c r="AA125" s="55"/>
      <c r="AB125" s="55"/>
      <c r="AC125" s="55"/>
      <c r="AD125" s="55"/>
      <c r="AE125" s="55"/>
      <c r="AF125" s="55"/>
      <c r="AG125" s="55"/>
      <c r="AY125" s="162"/>
      <c r="AZ125" s="162"/>
      <c r="BA125" s="162"/>
      <c r="BB125" s="162"/>
      <c r="BC125" s="162"/>
      <c r="BD125" s="162"/>
      <c r="BE125" s="162"/>
      <c r="BF125" s="162"/>
      <c r="BG125" s="162"/>
      <c r="BH125" s="162"/>
      <c r="BI125" s="162"/>
      <c r="BJ125" s="162"/>
      <c r="BK125" s="162"/>
      <c r="BL125" s="162"/>
      <c r="BM125" s="162"/>
      <c r="BN125" s="162"/>
      <c r="BO125" s="162"/>
      <c r="BP125" s="162"/>
      <c r="BQ125" s="162"/>
      <c r="BR125" s="162"/>
      <c r="BS125" s="162"/>
      <c r="BT125" s="162"/>
      <c r="BU125" s="162"/>
      <c r="BV125" s="162"/>
      <c r="BW125" s="162"/>
      <c r="BX125" s="162"/>
      <c r="BY125" s="162"/>
      <c r="BZ125" s="162"/>
      <c r="CA125" s="162"/>
      <c r="CB125" s="162"/>
      <c r="CC125" s="162"/>
      <c r="CD125" s="162"/>
      <c r="CE125" s="162"/>
      <c r="CF125" s="162"/>
      <c r="CG125" s="162"/>
      <c r="CH125" s="162"/>
      <c r="CI125" s="162"/>
      <c r="CJ125" s="162"/>
      <c r="CK125" s="162"/>
      <c r="CX125" s="98"/>
      <c r="DL125" s="97"/>
      <c r="DX125" s="98"/>
      <c r="EL125" s="97"/>
      <c r="EX125" s="98"/>
      <c r="EY125" s="97"/>
      <c r="FL125" s="126"/>
      <c r="FM125" s="91"/>
      <c r="FN125" s="91"/>
      <c r="FO125" s="91"/>
      <c r="FP125" s="91"/>
      <c r="FQ125" s="91"/>
      <c r="FR125" s="91"/>
      <c r="FS125" s="91"/>
      <c r="FT125" s="91"/>
      <c r="FU125" s="91"/>
      <c r="FV125" s="91"/>
      <c r="FW125" s="91"/>
      <c r="FX125" s="91"/>
      <c r="FY125" s="91"/>
      <c r="FZ125" s="91"/>
      <c r="GA125" s="91"/>
      <c r="GB125" s="91"/>
      <c r="GC125" s="91"/>
      <c r="GD125" s="91"/>
      <c r="GE125" s="91"/>
      <c r="GF125" s="91"/>
      <c r="GG125" s="91"/>
      <c r="GH125" s="91"/>
      <c r="GI125" s="91"/>
      <c r="GJ125" s="91"/>
      <c r="GK125" s="127"/>
      <c r="GL125" s="126"/>
      <c r="GM125" s="91"/>
      <c r="GN125" s="91"/>
      <c r="GO125" s="91"/>
      <c r="GP125" s="91"/>
      <c r="GQ125" s="91"/>
      <c r="GR125" s="91"/>
      <c r="GS125" s="91"/>
      <c r="GT125" s="91"/>
      <c r="GU125" s="91"/>
      <c r="GV125" s="91"/>
      <c r="GW125" s="91"/>
      <c r="GX125" s="91"/>
      <c r="GY125" s="91"/>
      <c r="GZ125" s="91"/>
      <c r="HA125" s="91"/>
      <c r="HB125" s="91"/>
      <c r="HC125" s="91"/>
      <c r="HD125" s="91"/>
      <c r="HE125" s="91"/>
      <c r="HF125" s="91"/>
      <c r="HG125" s="91"/>
      <c r="HH125" s="91"/>
      <c r="HI125" s="91"/>
      <c r="HJ125" s="91"/>
      <c r="HK125" s="127"/>
      <c r="HL125" s="126"/>
      <c r="HM125" s="91"/>
      <c r="HN125" s="91"/>
      <c r="HO125" s="91"/>
      <c r="HP125" s="91"/>
      <c r="HQ125" s="91"/>
      <c r="HR125" s="91"/>
      <c r="HS125" s="91"/>
      <c r="HT125" s="91"/>
      <c r="HU125" s="91"/>
      <c r="HV125" s="91"/>
      <c r="HW125" s="91"/>
      <c r="HX125" s="91"/>
      <c r="HY125" s="91"/>
      <c r="HZ125" s="91"/>
      <c r="IA125" s="91"/>
      <c r="IB125" s="91"/>
      <c r="IC125" s="91"/>
      <c r="ID125" s="91"/>
      <c r="IE125" s="91"/>
      <c r="IF125" s="91"/>
      <c r="IG125" s="91"/>
      <c r="IH125" s="91"/>
      <c r="II125" s="91"/>
      <c r="IJ125" s="91"/>
      <c r="IK125" s="127"/>
    </row>
    <row r="126" spans="2:245" x14ac:dyDescent="0.2">
      <c r="B126" s="79"/>
      <c r="C126" s="73"/>
      <c r="D126" s="64"/>
      <c r="E126" s="64"/>
      <c r="F126" s="55"/>
      <c r="G126" s="102"/>
      <c r="H126" s="55"/>
      <c r="I126" s="55"/>
      <c r="J126" s="55"/>
      <c r="K126" s="55"/>
      <c r="L126" s="55"/>
      <c r="M126" s="55"/>
      <c r="N126" s="55"/>
      <c r="O126" s="55"/>
      <c r="P126" s="55"/>
      <c r="Q126" s="55"/>
      <c r="R126" s="55"/>
      <c r="S126" s="55"/>
      <c r="T126" s="55"/>
      <c r="U126" s="55"/>
      <c r="V126" s="55"/>
      <c r="W126" s="55"/>
      <c r="X126" s="55"/>
      <c r="Y126" s="55"/>
      <c r="Z126" s="55"/>
      <c r="AA126" s="55"/>
      <c r="AB126" s="55"/>
      <c r="AC126" s="55"/>
      <c r="AD126" s="55"/>
      <c r="AE126" s="55"/>
      <c r="AF126" s="55"/>
      <c r="AG126" s="55"/>
      <c r="AY126" s="162"/>
      <c r="AZ126" s="162"/>
      <c r="BA126" s="162"/>
      <c r="BB126" s="162"/>
      <c r="BC126" s="162"/>
      <c r="BD126" s="162"/>
      <c r="BE126" s="162"/>
      <c r="BF126" s="162"/>
      <c r="BG126" s="162"/>
      <c r="BH126" s="162"/>
      <c r="BI126" s="162"/>
      <c r="BJ126" s="162"/>
      <c r="BK126" s="162"/>
      <c r="BL126" s="162"/>
      <c r="BM126" s="162"/>
      <c r="BN126" s="162"/>
      <c r="BO126" s="162"/>
      <c r="BP126" s="162"/>
      <c r="BQ126" s="162"/>
      <c r="BR126" s="162"/>
      <c r="BS126" s="162"/>
      <c r="BT126" s="162"/>
      <c r="BU126" s="162"/>
      <c r="BV126" s="162"/>
      <c r="BW126" s="162"/>
      <c r="BX126" s="162"/>
      <c r="BY126" s="162"/>
      <c r="BZ126" s="162"/>
      <c r="CA126" s="162"/>
      <c r="CB126" s="162"/>
      <c r="CC126" s="162"/>
      <c r="CD126" s="162"/>
      <c r="CE126" s="162"/>
      <c r="CF126" s="162"/>
      <c r="CG126" s="162"/>
      <c r="CH126" s="162"/>
      <c r="CI126" s="162"/>
      <c r="CJ126" s="162"/>
      <c r="CK126" s="162"/>
      <c r="CX126" s="98"/>
      <c r="DL126" s="97"/>
      <c r="DX126" s="98"/>
      <c r="EL126" s="97"/>
      <c r="EX126" s="98"/>
      <c r="EY126" s="97"/>
      <c r="FL126" s="126"/>
      <c r="FM126" s="91"/>
      <c r="FN126" s="91"/>
      <c r="FO126" s="91"/>
      <c r="FP126" s="91"/>
      <c r="FQ126" s="91"/>
      <c r="FR126" s="91"/>
      <c r="FS126" s="91"/>
      <c r="FT126" s="91"/>
      <c r="FU126" s="91"/>
      <c r="FV126" s="91"/>
      <c r="FW126" s="91"/>
      <c r="FX126" s="91"/>
      <c r="FY126" s="91"/>
      <c r="FZ126" s="91"/>
      <c r="GA126" s="91"/>
      <c r="GB126" s="91"/>
      <c r="GC126" s="91"/>
      <c r="GD126" s="91"/>
      <c r="GE126" s="91"/>
      <c r="GF126" s="91"/>
      <c r="GG126" s="91"/>
      <c r="GH126" s="91"/>
      <c r="GI126" s="91"/>
      <c r="GJ126" s="91"/>
      <c r="GK126" s="127"/>
      <c r="GL126" s="126"/>
      <c r="GM126" s="91"/>
      <c r="GN126" s="91"/>
      <c r="GO126" s="91"/>
      <c r="GP126" s="91"/>
      <c r="GQ126" s="91"/>
      <c r="GR126" s="91"/>
      <c r="GS126" s="91"/>
      <c r="GT126" s="91"/>
      <c r="GU126" s="91"/>
      <c r="GV126" s="91"/>
      <c r="GW126" s="91"/>
      <c r="GX126" s="91"/>
      <c r="GY126" s="91"/>
      <c r="GZ126" s="91"/>
      <c r="HA126" s="91"/>
      <c r="HB126" s="91"/>
      <c r="HC126" s="91"/>
      <c r="HD126" s="91"/>
      <c r="HE126" s="91"/>
      <c r="HF126" s="91"/>
      <c r="HG126" s="91"/>
      <c r="HH126" s="91"/>
      <c r="HI126" s="91"/>
      <c r="HJ126" s="91"/>
      <c r="HK126" s="127"/>
      <c r="HL126" s="126"/>
      <c r="HM126" s="91"/>
      <c r="HN126" s="91"/>
      <c r="HO126" s="91"/>
      <c r="HP126" s="91"/>
      <c r="HQ126" s="91"/>
      <c r="HR126" s="91"/>
      <c r="HS126" s="91"/>
      <c r="HT126" s="91"/>
      <c r="HU126" s="91"/>
      <c r="HV126" s="91"/>
      <c r="HW126" s="91"/>
      <c r="HX126" s="91"/>
      <c r="HY126" s="91"/>
      <c r="HZ126" s="91"/>
      <c r="IA126" s="91"/>
      <c r="IB126" s="91"/>
      <c r="IC126" s="91"/>
      <c r="ID126" s="91"/>
      <c r="IE126" s="91"/>
      <c r="IF126" s="91"/>
      <c r="IG126" s="91"/>
      <c r="IH126" s="91"/>
      <c r="II126" s="91"/>
      <c r="IJ126" s="91"/>
      <c r="IK126" s="127"/>
    </row>
    <row r="127" spans="2:245" x14ac:dyDescent="0.2">
      <c r="B127" s="79"/>
      <c r="C127" s="73"/>
      <c r="D127" s="64"/>
      <c r="E127" s="64"/>
      <c r="F127" s="55"/>
      <c r="G127" s="102"/>
      <c r="H127" s="55"/>
      <c r="I127" s="55"/>
      <c r="J127" s="55"/>
      <c r="K127" s="55"/>
      <c r="L127" s="55"/>
      <c r="M127" s="55"/>
      <c r="N127" s="55"/>
      <c r="O127" s="55"/>
      <c r="P127" s="55"/>
      <c r="Q127" s="55"/>
      <c r="R127" s="55"/>
      <c r="S127" s="55"/>
      <c r="T127" s="55"/>
      <c r="U127" s="55"/>
      <c r="V127" s="55"/>
      <c r="W127" s="55"/>
      <c r="X127" s="55"/>
      <c r="Y127" s="55"/>
      <c r="Z127" s="55"/>
      <c r="AA127" s="55"/>
      <c r="AB127" s="55"/>
      <c r="AC127" s="55"/>
      <c r="AD127" s="55"/>
      <c r="AE127" s="55"/>
      <c r="AF127" s="55"/>
      <c r="AG127" s="55"/>
      <c r="AY127" s="162"/>
      <c r="AZ127" s="162"/>
      <c r="BA127" s="162"/>
      <c r="BB127" s="162"/>
      <c r="BC127" s="162"/>
      <c r="BD127" s="162"/>
      <c r="BE127" s="162"/>
      <c r="BF127" s="162"/>
      <c r="BG127" s="162"/>
      <c r="BH127" s="162"/>
      <c r="BI127" s="162"/>
      <c r="BJ127" s="162"/>
      <c r="BK127" s="162"/>
      <c r="BL127" s="162"/>
      <c r="BM127" s="162"/>
      <c r="BN127" s="162"/>
      <c r="BO127" s="162"/>
      <c r="BP127" s="162"/>
      <c r="BQ127" s="162"/>
      <c r="BR127" s="162"/>
      <c r="BS127" s="162"/>
      <c r="BT127" s="162"/>
      <c r="BU127" s="162"/>
      <c r="BV127" s="162"/>
      <c r="BW127" s="162"/>
      <c r="BX127" s="162"/>
      <c r="BY127" s="162"/>
      <c r="BZ127" s="162"/>
      <c r="CA127" s="162"/>
      <c r="CB127" s="162"/>
      <c r="CC127" s="162"/>
      <c r="CD127" s="162"/>
      <c r="CE127" s="162"/>
      <c r="CF127" s="162"/>
      <c r="CG127" s="162"/>
      <c r="CH127" s="162"/>
      <c r="CI127" s="162"/>
      <c r="CJ127" s="162"/>
      <c r="CK127" s="162"/>
      <c r="CX127" s="98"/>
      <c r="DL127" s="97"/>
      <c r="DX127" s="98"/>
      <c r="EL127" s="97"/>
      <c r="EX127" s="98"/>
      <c r="EY127" s="97"/>
      <c r="FL127" s="126"/>
      <c r="FM127" s="91"/>
      <c r="FN127" s="91"/>
      <c r="FO127" s="91"/>
      <c r="FP127" s="91"/>
      <c r="FQ127" s="91"/>
      <c r="FR127" s="91"/>
      <c r="FS127" s="91"/>
      <c r="FT127" s="91"/>
      <c r="FU127" s="91"/>
      <c r="FV127" s="91"/>
      <c r="FW127" s="91"/>
      <c r="FX127" s="91"/>
      <c r="FY127" s="91"/>
      <c r="FZ127" s="91"/>
      <c r="GA127" s="91"/>
      <c r="GB127" s="91"/>
      <c r="GC127" s="91"/>
      <c r="GD127" s="91"/>
      <c r="GE127" s="91"/>
      <c r="GF127" s="91"/>
      <c r="GG127" s="91"/>
      <c r="GH127" s="91"/>
      <c r="GI127" s="91"/>
      <c r="GJ127" s="91"/>
      <c r="GK127" s="127"/>
      <c r="GL127" s="126"/>
      <c r="GM127" s="91"/>
      <c r="GN127" s="91"/>
      <c r="GO127" s="91"/>
      <c r="GP127" s="91"/>
      <c r="GQ127" s="91"/>
      <c r="GR127" s="91"/>
      <c r="GS127" s="91"/>
      <c r="GT127" s="91"/>
      <c r="GU127" s="91"/>
      <c r="GV127" s="91"/>
      <c r="GW127" s="91"/>
      <c r="GX127" s="91"/>
      <c r="GY127" s="91"/>
      <c r="GZ127" s="91"/>
      <c r="HA127" s="91"/>
      <c r="HB127" s="91"/>
      <c r="HC127" s="91"/>
      <c r="HD127" s="91"/>
      <c r="HE127" s="91"/>
      <c r="HF127" s="91"/>
      <c r="HG127" s="91"/>
      <c r="HH127" s="91"/>
      <c r="HI127" s="91"/>
      <c r="HJ127" s="91"/>
      <c r="HK127" s="127"/>
      <c r="HL127" s="126"/>
      <c r="HM127" s="91"/>
      <c r="HN127" s="91"/>
      <c r="HO127" s="91"/>
      <c r="HP127" s="91"/>
      <c r="HQ127" s="91"/>
      <c r="HR127" s="91"/>
      <c r="HS127" s="91"/>
      <c r="HT127" s="91"/>
      <c r="HU127" s="91"/>
      <c r="HV127" s="91"/>
      <c r="HW127" s="91"/>
      <c r="HX127" s="91"/>
      <c r="HY127" s="91"/>
      <c r="HZ127" s="91"/>
      <c r="IA127" s="91"/>
      <c r="IB127" s="91"/>
      <c r="IC127" s="91"/>
      <c r="ID127" s="91"/>
      <c r="IE127" s="91"/>
      <c r="IF127" s="91"/>
      <c r="IG127" s="91"/>
      <c r="IH127" s="91"/>
      <c r="II127" s="91"/>
      <c r="IJ127" s="91"/>
      <c r="IK127" s="127"/>
    </row>
    <row r="128" spans="2:245" x14ac:dyDescent="0.2">
      <c r="B128" s="79"/>
      <c r="C128" s="73"/>
      <c r="D128" s="64"/>
      <c r="E128" s="64"/>
      <c r="F128" s="55"/>
      <c r="G128" s="102"/>
      <c r="H128" s="55"/>
      <c r="I128" s="55"/>
      <c r="J128" s="55"/>
      <c r="K128" s="55"/>
      <c r="L128" s="55"/>
      <c r="M128" s="55"/>
      <c r="N128" s="55"/>
      <c r="O128" s="55"/>
      <c r="P128" s="55"/>
      <c r="Q128" s="55"/>
      <c r="R128" s="55"/>
      <c r="S128" s="55"/>
      <c r="T128" s="55"/>
      <c r="U128" s="55"/>
      <c r="V128" s="55"/>
      <c r="W128" s="55"/>
      <c r="X128" s="55"/>
      <c r="Y128" s="55"/>
      <c r="Z128" s="55"/>
      <c r="AA128" s="55"/>
      <c r="AB128" s="55"/>
      <c r="AC128" s="55"/>
      <c r="AD128" s="55"/>
      <c r="AE128" s="55"/>
      <c r="AF128" s="55"/>
      <c r="AG128" s="55"/>
      <c r="AY128" s="162"/>
      <c r="AZ128" s="162"/>
      <c r="BA128" s="162"/>
      <c r="BB128" s="162"/>
      <c r="BC128" s="162"/>
      <c r="BD128" s="162"/>
      <c r="BE128" s="162"/>
      <c r="BF128" s="162"/>
      <c r="BG128" s="162"/>
      <c r="BH128" s="162"/>
      <c r="BI128" s="162"/>
      <c r="BJ128" s="162"/>
      <c r="BK128" s="162"/>
      <c r="BL128" s="162"/>
      <c r="BM128" s="162"/>
      <c r="BN128" s="162"/>
      <c r="BO128" s="162"/>
      <c r="BP128" s="162"/>
      <c r="BQ128" s="162"/>
      <c r="BR128" s="162"/>
      <c r="BS128" s="162"/>
      <c r="BT128" s="162"/>
      <c r="BU128" s="162"/>
      <c r="BV128" s="162"/>
      <c r="BW128" s="162"/>
      <c r="BX128" s="162"/>
      <c r="BY128" s="162"/>
      <c r="BZ128" s="162"/>
      <c r="CA128" s="162"/>
      <c r="CB128" s="162"/>
      <c r="CC128" s="162"/>
      <c r="CD128" s="162"/>
      <c r="CE128" s="162"/>
      <c r="CF128" s="162"/>
      <c r="CG128" s="162"/>
      <c r="CH128" s="162"/>
      <c r="CI128" s="162"/>
      <c r="CJ128" s="162"/>
      <c r="CK128" s="162"/>
      <c r="CX128" s="98"/>
      <c r="DL128" s="97"/>
      <c r="DX128" s="98"/>
      <c r="EL128" s="97"/>
      <c r="EX128" s="98"/>
      <c r="EY128" s="97"/>
      <c r="FL128" s="126"/>
      <c r="FM128" s="91"/>
      <c r="FN128" s="91"/>
      <c r="FO128" s="91"/>
      <c r="FP128" s="91"/>
      <c r="FQ128" s="91"/>
      <c r="FR128" s="91"/>
      <c r="FS128" s="91"/>
      <c r="FT128" s="91"/>
      <c r="FU128" s="91"/>
      <c r="FV128" s="91"/>
      <c r="FW128" s="91"/>
      <c r="FX128" s="91"/>
      <c r="FY128" s="91"/>
      <c r="FZ128" s="91"/>
      <c r="GA128" s="91"/>
      <c r="GB128" s="91"/>
      <c r="GC128" s="91"/>
      <c r="GD128" s="91"/>
      <c r="GE128" s="91"/>
      <c r="GF128" s="91"/>
      <c r="GG128" s="91"/>
      <c r="GH128" s="91"/>
      <c r="GI128" s="91"/>
      <c r="GJ128" s="91"/>
      <c r="GK128" s="127"/>
      <c r="GL128" s="126"/>
      <c r="GM128" s="91"/>
      <c r="GN128" s="91"/>
      <c r="GO128" s="91"/>
      <c r="GP128" s="91"/>
      <c r="GQ128" s="91"/>
      <c r="GR128" s="91"/>
      <c r="GS128" s="91"/>
      <c r="GT128" s="91"/>
      <c r="GU128" s="91"/>
      <c r="GV128" s="91"/>
      <c r="GW128" s="91"/>
      <c r="GX128" s="91"/>
      <c r="GY128" s="91"/>
      <c r="GZ128" s="91"/>
      <c r="HA128" s="91"/>
      <c r="HB128" s="91"/>
      <c r="HC128" s="91"/>
      <c r="HD128" s="91"/>
      <c r="HE128" s="91"/>
      <c r="HF128" s="91"/>
      <c r="HG128" s="91"/>
      <c r="HH128" s="91"/>
      <c r="HI128" s="91"/>
      <c r="HJ128" s="91"/>
      <c r="HK128" s="127"/>
      <c r="HL128" s="126"/>
      <c r="HM128" s="91"/>
      <c r="HN128" s="91"/>
      <c r="HO128" s="91"/>
      <c r="HP128" s="91"/>
      <c r="HQ128" s="91"/>
      <c r="HR128" s="91"/>
      <c r="HS128" s="91"/>
      <c r="HT128" s="91"/>
      <c r="HU128" s="91"/>
      <c r="HV128" s="91"/>
      <c r="HW128" s="91"/>
      <c r="HX128" s="91"/>
      <c r="HY128" s="91"/>
      <c r="HZ128" s="91"/>
      <c r="IA128" s="91"/>
      <c r="IB128" s="91"/>
      <c r="IC128" s="91"/>
      <c r="ID128" s="91"/>
      <c r="IE128" s="91"/>
      <c r="IF128" s="91"/>
      <c r="IG128" s="91"/>
      <c r="IH128" s="91"/>
      <c r="II128" s="91"/>
      <c r="IJ128" s="91"/>
      <c r="IK128" s="127"/>
    </row>
    <row r="129" spans="2:245" x14ac:dyDescent="0.2">
      <c r="B129" s="79"/>
      <c r="C129" s="73"/>
      <c r="D129" s="64"/>
      <c r="E129" s="64"/>
      <c r="F129" s="55"/>
      <c r="G129" s="102"/>
      <c r="H129" s="55"/>
      <c r="I129" s="55"/>
      <c r="J129" s="55"/>
      <c r="K129" s="55"/>
      <c r="L129" s="55"/>
      <c r="M129" s="55"/>
      <c r="N129" s="55"/>
      <c r="O129" s="55"/>
      <c r="P129" s="55"/>
      <c r="Q129" s="55"/>
      <c r="R129" s="55"/>
      <c r="S129" s="55"/>
      <c r="T129" s="55"/>
      <c r="U129" s="55"/>
      <c r="V129" s="55"/>
      <c r="W129" s="55"/>
      <c r="X129" s="55"/>
      <c r="Y129" s="55"/>
      <c r="Z129" s="55"/>
      <c r="AA129" s="55"/>
      <c r="AB129" s="55"/>
      <c r="AC129" s="55"/>
      <c r="AD129" s="55"/>
      <c r="AE129" s="55"/>
      <c r="AF129" s="55"/>
      <c r="AG129" s="55"/>
      <c r="AY129" s="162"/>
      <c r="AZ129" s="162"/>
      <c r="BA129" s="162"/>
      <c r="BB129" s="162"/>
      <c r="BC129" s="162"/>
      <c r="BD129" s="162"/>
      <c r="BE129" s="162"/>
      <c r="BF129" s="162"/>
      <c r="BG129" s="162"/>
      <c r="BH129" s="162"/>
      <c r="BI129" s="162"/>
      <c r="BJ129" s="162"/>
      <c r="BK129" s="162"/>
      <c r="BL129" s="162"/>
      <c r="BM129" s="162"/>
      <c r="BN129" s="162"/>
      <c r="BO129" s="162"/>
      <c r="BP129" s="162"/>
      <c r="BQ129" s="162"/>
      <c r="BR129" s="162"/>
      <c r="BS129" s="162"/>
      <c r="BT129" s="162"/>
      <c r="BU129" s="162"/>
      <c r="BV129" s="162"/>
      <c r="BW129" s="162"/>
      <c r="BX129" s="162"/>
      <c r="BY129" s="162"/>
      <c r="BZ129" s="162"/>
      <c r="CA129" s="162"/>
      <c r="CB129" s="162"/>
      <c r="CC129" s="162"/>
      <c r="CD129" s="162"/>
      <c r="CE129" s="162"/>
      <c r="CF129" s="162"/>
      <c r="CG129" s="162"/>
      <c r="CH129" s="162"/>
      <c r="CI129" s="162"/>
      <c r="CJ129" s="162"/>
      <c r="CK129" s="162"/>
      <c r="CX129" s="98"/>
      <c r="DL129" s="97"/>
      <c r="DX129" s="98"/>
      <c r="EL129" s="97"/>
      <c r="EX129" s="98"/>
      <c r="EY129" s="97"/>
      <c r="FL129" s="126"/>
      <c r="FM129" s="91"/>
      <c r="FN129" s="91"/>
      <c r="FO129" s="91"/>
      <c r="FP129" s="91"/>
      <c r="FQ129" s="91"/>
      <c r="FR129" s="91"/>
      <c r="FS129" s="91"/>
      <c r="FT129" s="91"/>
      <c r="FU129" s="91"/>
      <c r="FV129" s="91"/>
      <c r="FW129" s="91"/>
      <c r="FX129" s="91"/>
      <c r="FY129" s="91"/>
      <c r="FZ129" s="91"/>
      <c r="GA129" s="91"/>
      <c r="GB129" s="91"/>
      <c r="GC129" s="91"/>
      <c r="GD129" s="91"/>
      <c r="GE129" s="91"/>
      <c r="GF129" s="91"/>
      <c r="GG129" s="91"/>
      <c r="GH129" s="91"/>
      <c r="GI129" s="91"/>
      <c r="GJ129" s="91"/>
      <c r="GK129" s="127"/>
      <c r="GL129" s="126"/>
      <c r="GM129" s="91"/>
      <c r="GN129" s="91"/>
      <c r="GO129" s="91"/>
      <c r="GP129" s="91"/>
      <c r="GQ129" s="91"/>
      <c r="GR129" s="91"/>
      <c r="GS129" s="91"/>
      <c r="GT129" s="91"/>
      <c r="GU129" s="91"/>
      <c r="GV129" s="91"/>
      <c r="GW129" s="91"/>
      <c r="GX129" s="91"/>
      <c r="GY129" s="91"/>
      <c r="GZ129" s="91"/>
      <c r="HA129" s="91"/>
      <c r="HB129" s="91"/>
      <c r="HC129" s="91"/>
      <c r="HD129" s="91"/>
      <c r="HE129" s="91"/>
      <c r="HF129" s="91"/>
      <c r="HG129" s="91"/>
      <c r="HH129" s="91"/>
      <c r="HI129" s="91"/>
      <c r="HJ129" s="91"/>
      <c r="HK129" s="127"/>
      <c r="HL129" s="126"/>
      <c r="HM129" s="91"/>
      <c r="HN129" s="91"/>
      <c r="HO129" s="91"/>
      <c r="HP129" s="91"/>
      <c r="HQ129" s="91"/>
      <c r="HR129" s="91"/>
      <c r="HS129" s="91"/>
      <c r="HT129" s="91"/>
      <c r="HU129" s="91"/>
      <c r="HV129" s="91"/>
      <c r="HW129" s="91"/>
      <c r="HX129" s="91"/>
      <c r="HY129" s="91"/>
      <c r="HZ129" s="91"/>
      <c r="IA129" s="91"/>
      <c r="IB129" s="91"/>
      <c r="IC129" s="91"/>
      <c r="ID129" s="91"/>
      <c r="IE129" s="91"/>
      <c r="IF129" s="91"/>
      <c r="IG129" s="91"/>
      <c r="IH129" s="91"/>
      <c r="II129" s="91"/>
      <c r="IJ129" s="91"/>
      <c r="IK129" s="127"/>
    </row>
    <row r="130" spans="2:245" x14ac:dyDescent="0.2">
      <c r="B130" s="79"/>
      <c r="C130" s="73"/>
      <c r="D130" s="64"/>
      <c r="E130" s="64"/>
      <c r="F130" s="55"/>
      <c r="G130" s="102"/>
      <c r="H130" s="55"/>
      <c r="I130" s="55"/>
      <c r="J130" s="55"/>
      <c r="K130" s="55"/>
      <c r="L130" s="55"/>
      <c r="M130" s="55"/>
      <c r="N130" s="55"/>
      <c r="O130" s="55"/>
      <c r="P130" s="55"/>
      <c r="Q130" s="55"/>
      <c r="R130" s="55"/>
      <c r="S130" s="55"/>
      <c r="T130" s="55"/>
      <c r="U130" s="55"/>
      <c r="V130" s="55"/>
      <c r="W130" s="55"/>
      <c r="X130" s="55"/>
      <c r="Y130" s="55"/>
      <c r="Z130" s="55"/>
      <c r="AA130" s="55"/>
      <c r="AB130" s="55"/>
      <c r="AC130" s="55"/>
      <c r="AD130" s="55"/>
      <c r="AE130" s="55"/>
      <c r="AF130" s="55"/>
      <c r="AG130" s="55"/>
      <c r="AY130" s="162"/>
      <c r="AZ130" s="162"/>
      <c r="BA130" s="162"/>
      <c r="BB130" s="162"/>
      <c r="BC130" s="162"/>
      <c r="BD130" s="162"/>
      <c r="BE130" s="162"/>
      <c r="BF130" s="162"/>
      <c r="BG130" s="162"/>
      <c r="BH130" s="162"/>
      <c r="BI130" s="162"/>
      <c r="BJ130" s="162"/>
      <c r="BK130" s="162"/>
      <c r="BL130" s="162"/>
      <c r="BM130" s="162"/>
      <c r="BN130" s="162"/>
      <c r="BO130" s="162"/>
      <c r="BP130" s="162"/>
      <c r="BQ130" s="162"/>
      <c r="BR130" s="162"/>
      <c r="BS130" s="162"/>
      <c r="BT130" s="162"/>
      <c r="BU130" s="162"/>
      <c r="BV130" s="162"/>
      <c r="BW130" s="162"/>
      <c r="BX130" s="162"/>
      <c r="BY130" s="162"/>
      <c r="BZ130" s="162"/>
      <c r="CA130" s="162"/>
      <c r="CB130" s="162"/>
      <c r="CC130" s="162"/>
      <c r="CD130" s="162"/>
      <c r="CE130" s="162"/>
      <c r="CF130" s="162"/>
      <c r="CG130" s="162"/>
      <c r="CH130" s="162"/>
      <c r="CI130" s="162"/>
      <c r="CJ130" s="162"/>
      <c r="CK130" s="162"/>
      <c r="CX130" s="98"/>
      <c r="DL130" s="97"/>
      <c r="DX130" s="98"/>
      <c r="EL130" s="97"/>
      <c r="EX130" s="98"/>
      <c r="EY130" s="97"/>
      <c r="FL130" s="126"/>
      <c r="FM130" s="91"/>
      <c r="FN130" s="91"/>
      <c r="FO130" s="91"/>
      <c r="FP130" s="91"/>
      <c r="FQ130" s="91"/>
      <c r="FR130" s="91"/>
      <c r="FS130" s="91"/>
      <c r="FT130" s="91"/>
      <c r="FU130" s="91"/>
      <c r="FV130" s="91"/>
      <c r="FW130" s="91"/>
      <c r="FX130" s="91"/>
      <c r="FY130" s="91"/>
      <c r="FZ130" s="91"/>
      <c r="GA130" s="91"/>
      <c r="GB130" s="91"/>
      <c r="GC130" s="91"/>
      <c r="GD130" s="91"/>
      <c r="GE130" s="91"/>
      <c r="GF130" s="91"/>
      <c r="GG130" s="91"/>
      <c r="GH130" s="91"/>
      <c r="GI130" s="91"/>
      <c r="GJ130" s="91"/>
      <c r="GK130" s="127"/>
      <c r="GL130" s="126"/>
      <c r="GM130" s="91"/>
      <c r="GN130" s="91"/>
      <c r="GO130" s="91"/>
      <c r="GP130" s="91"/>
      <c r="GQ130" s="91"/>
      <c r="GR130" s="91"/>
      <c r="GS130" s="91"/>
      <c r="GT130" s="91"/>
      <c r="GU130" s="91"/>
      <c r="GV130" s="91"/>
      <c r="GW130" s="91"/>
      <c r="GX130" s="91"/>
      <c r="GY130" s="91"/>
      <c r="GZ130" s="91"/>
      <c r="HA130" s="91"/>
      <c r="HB130" s="91"/>
      <c r="HC130" s="91"/>
      <c r="HD130" s="91"/>
      <c r="HE130" s="91"/>
      <c r="HF130" s="91"/>
      <c r="HG130" s="91"/>
      <c r="HH130" s="91"/>
      <c r="HI130" s="91"/>
      <c r="HJ130" s="91"/>
      <c r="HK130" s="127"/>
      <c r="HL130" s="126"/>
      <c r="HM130" s="91"/>
      <c r="HN130" s="91"/>
      <c r="HO130" s="91"/>
      <c r="HP130" s="91"/>
      <c r="HQ130" s="91"/>
      <c r="HR130" s="91"/>
      <c r="HS130" s="91"/>
      <c r="HT130" s="91"/>
      <c r="HU130" s="91"/>
      <c r="HV130" s="91"/>
      <c r="HW130" s="91"/>
      <c r="HX130" s="91"/>
      <c r="HY130" s="91"/>
      <c r="HZ130" s="91"/>
      <c r="IA130" s="91"/>
      <c r="IB130" s="91"/>
      <c r="IC130" s="91"/>
      <c r="ID130" s="91"/>
      <c r="IE130" s="91"/>
      <c r="IF130" s="91"/>
      <c r="IG130" s="91"/>
      <c r="IH130" s="91"/>
      <c r="II130" s="91"/>
      <c r="IJ130" s="91"/>
      <c r="IK130" s="127"/>
    </row>
    <row r="131" spans="2:245" x14ac:dyDescent="0.2">
      <c r="B131" s="79"/>
      <c r="C131" s="73"/>
      <c r="D131" s="64"/>
      <c r="E131" s="64"/>
      <c r="F131" s="55"/>
      <c r="G131" s="102"/>
      <c r="H131" s="55"/>
      <c r="I131" s="55"/>
      <c r="J131" s="55"/>
      <c r="K131" s="55"/>
      <c r="L131" s="55"/>
      <c r="M131" s="55"/>
      <c r="N131" s="55"/>
      <c r="O131" s="55"/>
      <c r="P131" s="55"/>
      <c r="Q131" s="55"/>
      <c r="R131" s="55"/>
      <c r="S131" s="55"/>
      <c r="T131" s="55"/>
      <c r="U131" s="55"/>
      <c r="V131" s="55"/>
      <c r="W131" s="55"/>
      <c r="X131" s="55"/>
      <c r="Y131" s="55"/>
      <c r="Z131" s="55"/>
      <c r="AA131" s="55"/>
      <c r="AB131" s="55"/>
      <c r="AC131" s="55"/>
      <c r="AD131" s="55"/>
      <c r="AE131" s="55"/>
      <c r="AF131" s="55"/>
      <c r="AG131" s="55"/>
      <c r="AY131" s="162"/>
      <c r="AZ131" s="162"/>
      <c r="BA131" s="162"/>
      <c r="BB131" s="162"/>
      <c r="BC131" s="162"/>
      <c r="BD131" s="162"/>
      <c r="BE131" s="162"/>
      <c r="BF131" s="162"/>
      <c r="BG131" s="162"/>
      <c r="BH131" s="162"/>
      <c r="BI131" s="162"/>
      <c r="BJ131" s="162"/>
      <c r="BK131" s="162"/>
      <c r="BL131" s="162"/>
      <c r="BM131" s="162"/>
      <c r="BN131" s="162"/>
      <c r="BO131" s="162"/>
      <c r="BP131" s="162"/>
      <c r="BQ131" s="162"/>
      <c r="BR131" s="162"/>
      <c r="BS131" s="162"/>
      <c r="BT131" s="162"/>
      <c r="BU131" s="162"/>
      <c r="BV131" s="162"/>
      <c r="BW131" s="162"/>
      <c r="BX131" s="162"/>
      <c r="BY131" s="162"/>
      <c r="BZ131" s="162"/>
      <c r="CA131" s="162"/>
      <c r="CB131" s="162"/>
      <c r="CC131" s="162"/>
      <c r="CD131" s="162"/>
      <c r="CE131" s="162"/>
      <c r="CF131" s="162"/>
      <c r="CG131" s="162"/>
      <c r="CH131" s="162"/>
      <c r="CI131" s="162"/>
      <c r="CJ131" s="162"/>
      <c r="CK131" s="162"/>
      <c r="CX131" s="98"/>
      <c r="DL131" s="97"/>
      <c r="DX131" s="98"/>
      <c r="EL131" s="97"/>
      <c r="EX131" s="98"/>
      <c r="EY131" s="97"/>
      <c r="FL131" s="126"/>
      <c r="FM131" s="91"/>
      <c r="FN131" s="91"/>
      <c r="FO131" s="91"/>
      <c r="FP131" s="91"/>
      <c r="FQ131" s="91"/>
      <c r="FR131" s="91"/>
      <c r="FS131" s="91"/>
      <c r="FT131" s="91"/>
      <c r="FU131" s="91"/>
      <c r="FV131" s="91"/>
      <c r="FW131" s="91"/>
      <c r="FX131" s="91"/>
      <c r="FY131" s="91"/>
      <c r="FZ131" s="91"/>
      <c r="GA131" s="91"/>
      <c r="GB131" s="91"/>
      <c r="GC131" s="91"/>
      <c r="GD131" s="91"/>
      <c r="GE131" s="91"/>
      <c r="GF131" s="91"/>
      <c r="GG131" s="91"/>
      <c r="GH131" s="91"/>
      <c r="GI131" s="91"/>
      <c r="GJ131" s="91"/>
      <c r="GK131" s="127"/>
      <c r="GL131" s="126"/>
      <c r="GM131" s="91"/>
      <c r="GN131" s="91"/>
      <c r="GO131" s="91"/>
      <c r="GP131" s="91"/>
      <c r="GQ131" s="91"/>
      <c r="GR131" s="91"/>
      <c r="GS131" s="91"/>
      <c r="GT131" s="91"/>
      <c r="GU131" s="91"/>
      <c r="GV131" s="91"/>
      <c r="GW131" s="91"/>
      <c r="GX131" s="91"/>
      <c r="GY131" s="91"/>
      <c r="GZ131" s="91"/>
      <c r="HA131" s="91"/>
      <c r="HB131" s="91"/>
      <c r="HC131" s="91"/>
      <c r="HD131" s="91"/>
      <c r="HE131" s="91"/>
      <c r="HF131" s="91"/>
      <c r="HG131" s="91"/>
      <c r="HH131" s="91"/>
      <c r="HI131" s="91"/>
      <c r="HJ131" s="91"/>
      <c r="HK131" s="127"/>
      <c r="HL131" s="126"/>
      <c r="HM131" s="91"/>
      <c r="HN131" s="91"/>
      <c r="HO131" s="91"/>
      <c r="HP131" s="91"/>
      <c r="HQ131" s="91"/>
      <c r="HR131" s="91"/>
      <c r="HS131" s="91"/>
      <c r="HT131" s="91"/>
      <c r="HU131" s="91"/>
      <c r="HV131" s="91"/>
      <c r="HW131" s="91"/>
      <c r="HX131" s="91"/>
      <c r="HY131" s="91"/>
      <c r="HZ131" s="91"/>
      <c r="IA131" s="91"/>
      <c r="IB131" s="91"/>
      <c r="IC131" s="91"/>
      <c r="ID131" s="91"/>
      <c r="IE131" s="91"/>
      <c r="IF131" s="91"/>
      <c r="IG131" s="91"/>
      <c r="IH131" s="91"/>
      <c r="II131" s="91"/>
      <c r="IJ131" s="91"/>
      <c r="IK131" s="127"/>
    </row>
    <row r="132" spans="2:245" x14ac:dyDescent="0.2">
      <c r="B132" s="79"/>
      <c r="C132" s="73"/>
      <c r="D132" s="64"/>
      <c r="E132" s="64"/>
      <c r="F132" s="55"/>
      <c r="G132" s="102"/>
      <c r="H132" s="55"/>
      <c r="I132" s="55"/>
      <c r="J132" s="55"/>
      <c r="K132" s="55"/>
      <c r="L132" s="55"/>
      <c r="M132" s="55"/>
      <c r="N132" s="55"/>
      <c r="O132" s="55"/>
      <c r="P132" s="55"/>
      <c r="Q132" s="55"/>
      <c r="R132" s="55"/>
      <c r="S132" s="55"/>
      <c r="T132" s="55"/>
      <c r="U132" s="55"/>
      <c r="V132" s="55"/>
      <c r="W132" s="55"/>
      <c r="X132" s="55"/>
      <c r="Y132" s="55"/>
      <c r="Z132" s="55"/>
      <c r="AA132" s="55"/>
      <c r="AB132" s="55"/>
      <c r="AC132" s="55"/>
      <c r="AD132" s="55"/>
      <c r="AE132" s="55"/>
      <c r="AF132" s="55"/>
      <c r="AG132" s="55"/>
      <c r="AY132" s="162"/>
      <c r="AZ132" s="162"/>
      <c r="BA132" s="162"/>
      <c r="BB132" s="162"/>
      <c r="BC132" s="162"/>
      <c r="BD132" s="162"/>
      <c r="BE132" s="162"/>
      <c r="BF132" s="162"/>
      <c r="BG132" s="162"/>
      <c r="BH132" s="162"/>
      <c r="BI132" s="162"/>
      <c r="BJ132" s="162"/>
      <c r="BK132" s="162"/>
      <c r="BL132" s="162"/>
      <c r="BM132" s="162"/>
      <c r="BN132" s="162"/>
      <c r="BO132" s="162"/>
      <c r="BP132" s="162"/>
      <c r="BQ132" s="162"/>
      <c r="BR132" s="162"/>
      <c r="BS132" s="162"/>
      <c r="BT132" s="162"/>
      <c r="BU132" s="162"/>
      <c r="BV132" s="162"/>
      <c r="BW132" s="162"/>
      <c r="BX132" s="162"/>
      <c r="BY132" s="162"/>
      <c r="BZ132" s="162"/>
      <c r="CA132" s="162"/>
      <c r="CB132" s="162"/>
      <c r="CC132" s="162"/>
      <c r="CD132" s="162"/>
      <c r="CE132" s="162"/>
      <c r="CF132" s="162"/>
      <c r="CG132" s="162"/>
      <c r="CH132" s="162"/>
      <c r="CI132" s="162"/>
      <c r="CJ132" s="162"/>
      <c r="CK132" s="162"/>
      <c r="CX132" s="98"/>
      <c r="DL132" s="97"/>
      <c r="DX132" s="98"/>
      <c r="EL132" s="97"/>
      <c r="EX132" s="98"/>
      <c r="EY132" s="97"/>
      <c r="FL132" s="126"/>
      <c r="FM132" s="91"/>
      <c r="FN132" s="91"/>
      <c r="FO132" s="91"/>
      <c r="FP132" s="91"/>
      <c r="FQ132" s="91"/>
      <c r="FR132" s="91"/>
      <c r="FS132" s="91"/>
      <c r="FT132" s="91"/>
      <c r="FU132" s="91"/>
      <c r="FV132" s="91"/>
      <c r="FW132" s="91"/>
      <c r="FX132" s="91"/>
      <c r="FY132" s="91"/>
      <c r="FZ132" s="91"/>
      <c r="GA132" s="91"/>
      <c r="GB132" s="91"/>
      <c r="GC132" s="91"/>
      <c r="GD132" s="91"/>
      <c r="GE132" s="91"/>
      <c r="GF132" s="91"/>
      <c r="GG132" s="91"/>
      <c r="GH132" s="91"/>
      <c r="GI132" s="91"/>
      <c r="GJ132" s="91"/>
      <c r="GK132" s="127"/>
      <c r="GL132" s="126"/>
      <c r="GM132" s="91"/>
      <c r="GN132" s="91"/>
      <c r="GO132" s="91"/>
      <c r="GP132" s="91"/>
      <c r="GQ132" s="91"/>
      <c r="GR132" s="91"/>
      <c r="GS132" s="91"/>
      <c r="GT132" s="91"/>
      <c r="GU132" s="91"/>
      <c r="GV132" s="91"/>
      <c r="GW132" s="91"/>
      <c r="GX132" s="91"/>
      <c r="GY132" s="91"/>
      <c r="GZ132" s="91"/>
      <c r="HA132" s="91"/>
      <c r="HB132" s="91"/>
      <c r="HC132" s="91"/>
      <c r="HD132" s="91"/>
      <c r="HE132" s="91"/>
      <c r="HF132" s="91"/>
      <c r="HG132" s="91"/>
      <c r="HH132" s="91"/>
      <c r="HI132" s="91"/>
      <c r="HJ132" s="91"/>
      <c r="HK132" s="127"/>
      <c r="HL132" s="126"/>
      <c r="HM132" s="91"/>
      <c r="HN132" s="91"/>
      <c r="HO132" s="91"/>
      <c r="HP132" s="91"/>
      <c r="HQ132" s="91"/>
      <c r="HR132" s="91"/>
      <c r="HS132" s="91"/>
      <c r="HT132" s="91"/>
      <c r="HU132" s="91"/>
      <c r="HV132" s="91"/>
      <c r="HW132" s="91"/>
      <c r="HX132" s="91"/>
      <c r="HY132" s="91"/>
      <c r="HZ132" s="91"/>
      <c r="IA132" s="91"/>
      <c r="IB132" s="91"/>
      <c r="IC132" s="91"/>
      <c r="ID132" s="91"/>
      <c r="IE132" s="91"/>
      <c r="IF132" s="91"/>
      <c r="IG132" s="91"/>
      <c r="IH132" s="91"/>
      <c r="II132" s="91"/>
      <c r="IJ132" s="91"/>
      <c r="IK132" s="127"/>
    </row>
    <row r="133" spans="2:245" x14ac:dyDescent="0.2">
      <c r="B133" s="79"/>
      <c r="C133" s="73"/>
      <c r="D133" s="64"/>
      <c r="E133" s="64"/>
      <c r="F133" s="55"/>
      <c r="G133" s="102"/>
      <c r="H133" s="55"/>
      <c r="I133" s="55"/>
      <c r="J133" s="55"/>
      <c r="K133" s="55"/>
      <c r="L133" s="55"/>
      <c r="M133" s="55"/>
      <c r="N133" s="55"/>
      <c r="O133" s="55"/>
      <c r="P133" s="55"/>
      <c r="Q133" s="55"/>
      <c r="R133" s="55"/>
      <c r="S133" s="55"/>
      <c r="T133" s="55"/>
      <c r="U133" s="55"/>
      <c r="V133" s="55"/>
      <c r="W133" s="55"/>
      <c r="X133" s="55"/>
      <c r="Y133" s="55"/>
      <c r="Z133" s="55"/>
      <c r="AA133" s="55"/>
      <c r="AB133" s="55"/>
      <c r="AC133" s="55"/>
      <c r="AD133" s="55"/>
      <c r="AE133" s="55"/>
      <c r="AF133" s="55"/>
      <c r="AG133" s="55"/>
      <c r="AY133" s="162"/>
      <c r="AZ133" s="162"/>
      <c r="BA133" s="162"/>
      <c r="BB133" s="162"/>
      <c r="BC133" s="162"/>
      <c r="BD133" s="162"/>
      <c r="BE133" s="162"/>
      <c r="BF133" s="162"/>
      <c r="BG133" s="162"/>
      <c r="BH133" s="162"/>
      <c r="BI133" s="162"/>
      <c r="BJ133" s="162"/>
      <c r="BK133" s="162"/>
      <c r="BL133" s="162"/>
      <c r="BM133" s="162"/>
      <c r="BN133" s="162"/>
      <c r="BO133" s="162"/>
      <c r="BP133" s="162"/>
      <c r="BQ133" s="162"/>
      <c r="BR133" s="162"/>
      <c r="BS133" s="162"/>
      <c r="BT133" s="162"/>
      <c r="BU133" s="162"/>
      <c r="BV133" s="162"/>
      <c r="BW133" s="162"/>
      <c r="BX133" s="162"/>
      <c r="BY133" s="162"/>
      <c r="BZ133" s="162"/>
      <c r="CA133" s="162"/>
      <c r="CB133" s="162"/>
      <c r="CC133" s="162"/>
      <c r="CD133" s="162"/>
      <c r="CE133" s="162"/>
      <c r="CF133" s="162"/>
      <c r="CG133" s="162"/>
      <c r="CH133" s="162"/>
      <c r="CI133" s="162"/>
      <c r="CJ133" s="162"/>
      <c r="CK133" s="162"/>
      <c r="CX133" s="98"/>
      <c r="DL133" s="97"/>
      <c r="DX133" s="98"/>
      <c r="EL133" s="97"/>
      <c r="EX133" s="98"/>
      <c r="EY133" s="97"/>
      <c r="FL133" s="126"/>
      <c r="FM133" s="91"/>
      <c r="FN133" s="91"/>
      <c r="FO133" s="91"/>
      <c r="FP133" s="91"/>
      <c r="FQ133" s="91"/>
      <c r="FR133" s="91"/>
      <c r="FS133" s="91"/>
      <c r="FT133" s="91"/>
      <c r="FU133" s="91"/>
      <c r="FV133" s="91"/>
      <c r="FW133" s="91"/>
      <c r="FX133" s="91"/>
      <c r="FY133" s="91"/>
      <c r="FZ133" s="91"/>
      <c r="GA133" s="91"/>
      <c r="GB133" s="91"/>
      <c r="GC133" s="91"/>
      <c r="GD133" s="91"/>
      <c r="GE133" s="91"/>
      <c r="GF133" s="91"/>
      <c r="GG133" s="91"/>
      <c r="GH133" s="91"/>
      <c r="GI133" s="91"/>
      <c r="GJ133" s="91"/>
      <c r="GK133" s="127"/>
      <c r="GL133" s="126"/>
      <c r="GM133" s="91"/>
      <c r="GN133" s="91"/>
      <c r="GO133" s="91"/>
      <c r="GP133" s="91"/>
      <c r="GQ133" s="91"/>
      <c r="GR133" s="91"/>
      <c r="GS133" s="91"/>
      <c r="GT133" s="91"/>
      <c r="GU133" s="91"/>
      <c r="GV133" s="91"/>
      <c r="GW133" s="91"/>
      <c r="GX133" s="91"/>
      <c r="GY133" s="91"/>
      <c r="GZ133" s="91"/>
      <c r="HA133" s="91"/>
      <c r="HB133" s="91"/>
      <c r="HC133" s="91"/>
      <c r="HD133" s="91"/>
      <c r="HE133" s="91"/>
      <c r="HF133" s="91"/>
      <c r="HG133" s="91"/>
      <c r="HH133" s="91"/>
      <c r="HI133" s="91"/>
      <c r="HJ133" s="91"/>
      <c r="HK133" s="127"/>
      <c r="HL133" s="126"/>
      <c r="HM133" s="91"/>
      <c r="HN133" s="91"/>
      <c r="HO133" s="91"/>
      <c r="HP133" s="91"/>
      <c r="HQ133" s="91"/>
      <c r="HR133" s="91"/>
      <c r="HS133" s="91"/>
      <c r="HT133" s="91"/>
      <c r="HU133" s="91"/>
      <c r="HV133" s="91"/>
      <c r="HW133" s="91"/>
      <c r="HX133" s="91"/>
      <c r="HY133" s="91"/>
      <c r="HZ133" s="91"/>
      <c r="IA133" s="91"/>
      <c r="IB133" s="91"/>
      <c r="IC133" s="91"/>
      <c r="ID133" s="91"/>
      <c r="IE133" s="91"/>
      <c r="IF133" s="91"/>
      <c r="IG133" s="91"/>
      <c r="IH133" s="91"/>
      <c r="II133" s="91"/>
      <c r="IJ133" s="91"/>
      <c r="IK133" s="127"/>
    </row>
    <row r="134" spans="2:245" x14ac:dyDescent="0.2">
      <c r="B134" s="79"/>
      <c r="C134" s="73"/>
      <c r="D134" s="64"/>
      <c r="E134" s="64"/>
      <c r="F134" s="55"/>
      <c r="G134" s="102"/>
      <c r="H134" s="55"/>
      <c r="I134" s="55"/>
      <c r="J134" s="55"/>
      <c r="K134" s="55"/>
      <c r="L134" s="55"/>
      <c r="M134" s="55"/>
      <c r="N134" s="55"/>
      <c r="O134" s="55"/>
      <c r="P134" s="55"/>
      <c r="Q134" s="55"/>
      <c r="R134" s="55"/>
      <c r="S134" s="55"/>
      <c r="T134" s="55"/>
      <c r="U134" s="55"/>
      <c r="V134" s="55"/>
      <c r="W134" s="55"/>
      <c r="X134" s="55"/>
      <c r="Y134" s="55"/>
      <c r="Z134" s="55"/>
      <c r="AA134" s="55"/>
      <c r="AB134" s="55"/>
      <c r="AC134" s="55"/>
      <c r="AD134" s="55"/>
      <c r="AE134" s="55"/>
      <c r="AF134" s="55"/>
      <c r="AG134" s="55"/>
      <c r="AY134" s="162"/>
      <c r="AZ134" s="162"/>
      <c r="BA134" s="162"/>
      <c r="BB134" s="162"/>
      <c r="BC134" s="162"/>
      <c r="BD134" s="162"/>
      <c r="BE134" s="162"/>
      <c r="BF134" s="162"/>
      <c r="BG134" s="162"/>
      <c r="BH134" s="162"/>
      <c r="BI134" s="162"/>
      <c r="BJ134" s="162"/>
      <c r="BK134" s="162"/>
      <c r="BL134" s="162"/>
      <c r="BM134" s="162"/>
      <c r="BN134" s="162"/>
      <c r="BO134" s="162"/>
      <c r="BP134" s="162"/>
      <c r="BQ134" s="162"/>
      <c r="BR134" s="162"/>
      <c r="BS134" s="162"/>
      <c r="BT134" s="162"/>
      <c r="BU134" s="162"/>
      <c r="BV134" s="162"/>
      <c r="BW134" s="162"/>
      <c r="BX134" s="162"/>
      <c r="BY134" s="162"/>
      <c r="BZ134" s="162"/>
      <c r="CA134" s="162"/>
      <c r="CB134" s="162"/>
      <c r="CC134" s="162"/>
      <c r="CD134" s="162"/>
      <c r="CE134" s="162"/>
      <c r="CF134" s="162"/>
      <c r="CG134" s="162"/>
      <c r="CH134" s="162"/>
      <c r="CI134" s="162"/>
      <c r="CJ134" s="162"/>
      <c r="CK134" s="162"/>
      <c r="CX134" s="98"/>
      <c r="DL134" s="97"/>
      <c r="DX134" s="98"/>
      <c r="EL134" s="97"/>
      <c r="EX134" s="98"/>
      <c r="EY134" s="97"/>
      <c r="FL134" s="126"/>
      <c r="FM134" s="91"/>
      <c r="FN134" s="91"/>
      <c r="FO134" s="91"/>
      <c r="FP134" s="91"/>
      <c r="FQ134" s="91"/>
      <c r="FR134" s="91"/>
      <c r="FS134" s="91"/>
      <c r="FT134" s="91"/>
      <c r="FU134" s="91"/>
      <c r="FV134" s="91"/>
      <c r="FW134" s="91"/>
      <c r="FX134" s="91"/>
      <c r="FY134" s="91"/>
      <c r="FZ134" s="91"/>
      <c r="GA134" s="91"/>
      <c r="GB134" s="91"/>
      <c r="GC134" s="91"/>
      <c r="GD134" s="91"/>
      <c r="GE134" s="91"/>
      <c r="GF134" s="91"/>
      <c r="GG134" s="91"/>
      <c r="GH134" s="91"/>
      <c r="GI134" s="91"/>
      <c r="GJ134" s="91"/>
      <c r="GK134" s="127"/>
      <c r="GL134" s="126"/>
      <c r="GM134" s="91"/>
      <c r="GN134" s="91"/>
      <c r="GO134" s="91"/>
      <c r="GP134" s="91"/>
      <c r="GQ134" s="91"/>
      <c r="GR134" s="91"/>
      <c r="GS134" s="91"/>
      <c r="GT134" s="91"/>
      <c r="GU134" s="91"/>
      <c r="GV134" s="91"/>
      <c r="GW134" s="91"/>
      <c r="GX134" s="91"/>
      <c r="GY134" s="91"/>
      <c r="GZ134" s="91"/>
      <c r="HA134" s="91"/>
      <c r="HB134" s="91"/>
      <c r="HC134" s="91"/>
      <c r="HD134" s="91"/>
      <c r="HE134" s="91"/>
      <c r="HF134" s="91"/>
      <c r="HG134" s="91"/>
      <c r="HH134" s="91"/>
      <c r="HI134" s="91"/>
      <c r="HJ134" s="91"/>
      <c r="HK134" s="127"/>
      <c r="HL134" s="126"/>
      <c r="HM134" s="91"/>
      <c r="HN134" s="91"/>
      <c r="HO134" s="91"/>
      <c r="HP134" s="91"/>
      <c r="HQ134" s="91"/>
      <c r="HR134" s="91"/>
      <c r="HS134" s="91"/>
      <c r="HT134" s="91"/>
      <c r="HU134" s="91"/>
      <c r="HV134" s="91"/>
      <c r="HW134" s="91"/>
      <c r="HX134" s="91"/>
      <c r="HY134" s="91"/>
      <c r="HZ134" s="91"/>
      <c r="IA134" s="91"/>
      <c r="IB134" s="91"/>
      <c r="IC134" s="91"/>
      <c r="ID134" s="91"/>
      <c r="IE134" s="91"/>
      <c r="IF134" s="91"/>
      <c r="IG134" s="91"/>
      <c r="IH134" s="91"/>
      <c r="II134" s="91"/>
      <c r="IJ134" s="91"/>
      <c r="IK134" s="127"/>
    </row>
    <row r="135" spans="2:245" x14ac:dyDescent="0.2">
      <c r="B135" s="79"/>
      <c r="C135" s="73"/>
      <c r="D135" s="64"/>
      <c r="E135" s="64"/>
      <c r="F135" s="55"/>
      <c r="G135" s="102"/>
      <c r="H135" s="55"/>
      <c r="I135" s="55"/>
      <c r="J135" s="55"/>
      <c r="K135" s="55"/>
      <c r="L135" s="55"/>
      <c r="M135" s="55"/>
      <c r="N135" s="55"/>
      <c r="O135" s="55"/>
      <c r="P135" s="55"/>
      <c r="Q135" s="55"/>
      <c r="R135" s="55"/>
      <c r="S135" s="55"/>
      <c r="T135" s="55"/>
      <c r="U135" s="55"/>
      <c r="V135" s="55"/>
      <c r="W135" s="55"/>
      <c r="X135" s="55"/>
      <c r="Y135" s="55"/>
      <c r="Z135" s="55"/>
      <c r="AA135" s="55"/>
      <c r="AB135" s="55"/>
      <c r="AC135" s="55"/>
      <c r="AD135" s="55"/>
      <c r="AE135" s="55"/>
      <c r="AF135" s="55"/>
      <c r="AG135" s="55"/>
      <c r="AY135" s="162"/>
      <c r="AZ135" s="162"/>
      <c r="BA135" s="162"/>
      <c r="BB135" s="162"/>
      <c r="BC135" s="162"/>
      <c r="BD135" s="162"/>
      <c r="BE135" s="162"/>
      <c r="BF135" s="162"/>
      <c r="BG135" s="162"/>
      <c r="BH135" s="162"/>
      <c r="BI135" s="162"/>
      <c r="BJ135" s="162"/>
      <c r="BK135" s="162"/>
      <c r="BL135" s="162"/>
      <c r="BM135" s="162"/>
      <c r="BN135" s="162"/>
      <c r="BO135" s="162"/>
      <c r="BP135" s="162"/>
      <c r="BQ135" s="162"/>
      <c r="BR135" s="162"/>
      <c r="BS135" s="162"/>
      <c r="BT135" s="162"/>
      <c r="BU135" s="162"/>
      <c r="BV135" s="162"/>
      <c r="BW135" s="162"/>
      <c r="BX135" s="162"/>
      <c r="BY135" s="162"/>
      <c r="BZ135" s="162"/>
      <c r="CA135" s="162"/>
      <c r="CB135" s="162"/>
      <c r="CC135" s="162"/>
      <c r="CD135" s="162"/>
      <c r="CE135" s="162"/>
      <c r="CF135" s="162"/>
      <c r="CG135" s="162"/>
      <c r="CH135" s="162"/>
      <c r="CI135" s="162"/>
      <c r="CJ135" s="162"/>
      <c r="CK135" s="162"/>
      <c r="CX135" s="98"/>
      <c r="DL135" s="97"/>
      <c r="DX135" s="98"/>
      <c r="EL135" s="97"/>
      <c r="EX135" s="98"/>
      <c r="EY135" s="97"/>
      <c r="FL135" s="126"/>
      <c r="FM135" s="91"/>
      <c r="FN135" s="91"/>
      <c r="FO135" s="91"/>
      <c r="FP135" s="91"/>
      <c r="FQ135" s="91"/>
      <c r="FR135" s="91"/>
      <c r="FS135" s="91"/>
      <c r="FT135" s="91"/>
      <c r="FU135" s="91"/>
      <c r="FV135" s="91"/>
      <c r="FW135" s="91"/>
      <c r="FX135" s="91"/>
      <c r="FY135" s="91"/>
      <c r="FZ135" s="91"/>
      <c r="GA135" s="91"/>
      <c r="GB135" s="91"/>
      <c r="GC135" s="91"/>
      <c r="GD135" s="91"/>
      <c r="GE135" s="91"/>
      <c r="GF135" s="91"/>
      <c r="GG135" s="91"/>
      <c r="GH135" s="91"/>
      <c r="GI135" s="91"/>
      <c r="GJ135" s="91"/>
      <c r="GK135" s="127"/>
      <c r="GL135" s="126"/>
      <c r="GM135" s="91"/>
      <c r="GN135" s="91"/>
      <c r="GO135" s="91"/>
      <c r="GP135" s="91"/>
      <c r="GQ135" s="91"/>
      <c r="GR135" s="91"/>
      <c r="GS135" s="91"/>
      <c r="GT135" s="91"/>
      <c r="GU135" s="91"/>
      <c r="GV135" s="91"/>
      <c r="GW135" s="91"/>
      <c r="GX135" s="91"/>
      <c r="GY135" s="91"/>
      <c r="GZ135" s="91"/>
      <c r="HA135" s="91"/>
      <c r="HB135" s="91"/>
      <c r="HC135" s="91"/>
      <c r="HD135" s="91"/>
      <c r="HE135" s="91"/>
      <c r="HF135" s="91"/>
      <c r="HG135" s="91"/>
      <c r="HH135" s="91"/>
      <c r="HI135" s="91"/>
      <c r="HJ135" s="91"/>
      <c r="HK135" s="127"/>
      <c r="HL135" s="126"/>
      <c r="HM135" s="91"/>
      <c r="HN135" s="91"/>
      <c r="HO135" s="91"/>
      <c r="HP135" s="91"/>
      <c r="HQ135" s="91"/>
      <c r="HR135" s="91"/>
      <c r="HS135" s="91"/>
      <c r="HT135" s="91"/>
      <c r="HU135" s="91"/>
      <c r="HV135" s="91"/>
      <c r="HW135" s="91"/>
      <c r="HX135" s="91"/>
      <c r="HY135" s="91"/>
      <c r="HZ135" s="91"/>
      <c r="IA135" s="91"/>
      <c r="IB135" s="91"/>
      <c r="IC135" s="91"/>
      <c r="ID135" s="91"/>
      <c r="IE135" s="91"/>
      <c r="IF135" s="91"/>
      <c r="IG135" s="91"/>
      <c r="IH135" s="91"/>
      <c r="II135" s="91"/>
      <c r="IJ135" s="91"/>
      <c r="IK135" s="127"/>
    </row>
    <row r="136" spans="2:245" x14ac:dyDescent="0.2">
      <c r="B136" s="79"/>
      <c r="C136" s="73"/>
      <c r="D136" s="64"/>
      <c r="E136" s="64"/>
      <c r="F136" s="55"/>
      <c r="G136" s="102"/>
      <c r="H136" s="55"/>
      <c r="I136" s="55"/>
      <c r="J136" s="55"/>
      <c r="K136" s="55"/>
      <c r="L136" s="55"/>
      <c r="M136" s="55"/>
      <c r="N136" s="55"/>
      <c r="O136" s="55"/>
      <c r="P136" s="55"/>
      <c r="Q136" s="55"/>
      <c r="R136" s="55"/>
      <c r="S136" s="55"/>
      <c r="T136" s="55"/>
      <c r="U136" s="55"/>
      <c r="V136" s="55"/>
      <c r="W136" s="55"/>
      <c r="X136" s="55"/>
      <c r="Y136" s="55"/>
      <c r="Z136" s="55"/>
      <c r="AA136" s="55"/>
      <c r="AB136" s="55"/>
      <c r="AC136" s="55"/>
      <c r="AD136" s="55"/>
      <c r="AE136" s="55"/>
      <c r="AF136" s="55"/>
      <c r="AG136" s="55"/>
      <c r="AY136" s="162"/>
      <c r="AZ136" s="162"/>
      <c r="BA136" s="162"/>
      <c r="BB136" s="162"/>
      <c r="BC136" s="162"/>
      <c r="BD136" s="162"/>
      <c r="BE136" s="162"/>
      <c r="BF136" s="162"/>
      <c r="BG136" s="162"/>
      <c r="BH136" s="162"/>
      <c r="BI136" s="162"/>
      <c r="BJ136" s="162"/>
      <c r="BK136" s="162"/>
      <c r="BL136" s="162"/>
      <c r="BM136" s="162"/>
      <c r="BN136" s="162"/>
      <c r="BO136" s="162"/>
      <c r="BP136" s="162"/>
      <c r="BQ136" s="162"/>
      <c r="BR136" s="162"/>
      <c r="BS136" s="162"/>
      <c r="BT136" s="162"/>
      <c r="BU136" s="162"/>
      <c r="BV136" s="162"/>
      <c r="BW136" s="162"/>
      <c r="BX136" s="162"/>
      <c r="BY136" s="162"/>
      <c r="BZ136" s="162"/>
      <c r="CA136" s="162"/>
      <c r="CB136" s="162"/>
      <c r="CC136" s="162"/>
      <c r="CD136" s="162"/>
      <c r="CE136" s="162"/>
      <c r="CF136" s="162"/>
      <c r="CG136" s="162"/>
      <c r="CH136" s="162"/>
      <c r="CI136" s="162"/>
      <c r="CJ136" s="162"/>
      <c r="CK136" s="162"/>
      <c r="CX136" s="98"/>
      <c r="DL136" s="97"/>
      <c r="DX136" s="98"/>
      <c r="EL136" s="97"/>
      <c r="EX136" s="98"/>
      <c r="EY136" s="97"/>
      <c r="FL136" s="126"/>
      <c r="FM136" s="91"/>
      <c r="FN136" s="91"/>
      <c r="FO136" s="91"/>
      <c r="FP136" s="91"/>
      <c r="FQ136" s="91"/>
      <c r="FR136" s="91"/>
      <c r="FS136" s="91"/>
      <c r="FT136" s="91"/>
      <c r="FU136" s="91"/>
      <c r="FV136" s="91"/>
      <c r="FW136" s="91"/>
      <c r="FX136" s="91"/>
      <c r="FY136" s="91"/>
      <c r="FZ136" s="91"/>
      <c r="GA136" s="91"/>
      <c r="GB136" s="91"/>
      <c r="GC136" s="91"/>
      <c r="GD136" s="91"/>
      <c r="GE136" s="91"/>
      <c r="GF136" s="91"/>
      <c r="GG136" s="91"/>
      <c r="GH136" s="91"/>
      <c r="GI136" s="91"/>
      <c r="GJ136" s="91"/>
      <c r="GK136" s="127"/>
      <c r="GL136" s="126"/>
      <c r="GM136" s="91"/>
      <c r="GN136" s="91"/>
      <c r="GO136" s="91"/>
      <c r="GP136" s="91"/>
      <c r="GQ136" s="91"/>
      <c r="GR136" s="91"/>
      <c r="GS136" s="91"/>
      <c r="GT136" s="91"/>
      <c r="GU136" s="91"/>
      <c r="GV136" s="91"/>
      <c r="GW136" s="91"/>
      <c r="GX136" s="91"/>
      <c r="GY136" s="91"/>
      <c r="GZ136" s="91"/>
      <c r="HA136" s="91"/>
      <c r="HB136" s="91"/>
      <c r="HC136" s="91"/>
      <c r="HD136" s="91"/>
      <c r="HE136" s="91"/>
      <c r="HF136" s="91"/>
      <c r="HG136" s="91"/>
      <c r="HH136" s="91"/>
      <c r="HI136" s="91"/>
      <c r="HJ136" s="91"/>
      <c r="HK136" s="127"/>
      <c r="HL136" s="126"/>
      <c r="HM136" s="91"/>
      <c r="HN136" s="91"/>
      <c r="HO136" s="91"/>
      <c r="HP136" s="91"/>
      <c r="HQ136" s="91"/>
      <c r="HR136" s="91"/>
      <c r="HS136" s="91"/>
      <c r="HT136" s="91"/>
      <c r="HU136" s="91"/>
      <c r="HV136" s="91"/>
      <c r="HW136" s="91"/>
      <c r="HX136" s="91"/>
      <c r="HY136" s="91"/>
      <c r="HZ136" s="91"/>
      <c r="IA136" s="91"/>
      <c r="IB136" s="91"/>
      <c r="IC136" s="91"/>
      <c r="ID136" s="91"/>
      <c r="IE136" s="91"/>
      <c r="IF136" s="91"/>
      <c r="IG136" s="91"/>
      <c r="IH136" s="91"/>
      <c r="II136" s="91"/>
      <c r="IJ136" s="91"/>
      <c r="IK136" s="127"/>
    </row>
    <row r="137" spans="2:245" x14ac:dyDescent="0.2">
      <c r="B137" s="79"/>
      <c r="C137" s="73"/>
      <c r="D137" s="64"/>
      <c r="E137" s="64"/>
      <c r="F137" s="55"/>
      <c r="G137" s="102"/>
      <c r="H137" s="55"/>
      <c r="I137" s="55"/>
      <c r="J137" s="55"/>
      <c r="K137" s="55"/>
      <c r="L137" s="55"/>
      <c r="M137" s="55"/>
      <c r="N137" s="55"/>
      <c r="O137" s="55"/>
      <c r="P137" s="55"/>
      <c r="Q137" s="55"/>
      <c r="R137" s="55"/>
      <c r="S137" s="55"/>
      <c r="T137" s="55"/>
      <c r="U137" s="55"/>
      <c r="V137" s="55"/>
      <c r="W137" s="55"/>
      <c r="X137" s="55"/>
      <c r="Y137" s="55"/>
      <c r="Z137" s="55"/>
      <c r="AA137" s="55"/>
      <c r="AB137" s="55"/>
      <c r="AC137" s="55"/>
      <c r="AD137" s="55"/>
      <c r="AE137" s="55"/>
      <c r="AF137" s="55"/>
      <c r="AG137" s="55"/>
      <c r="AY137" s="162"/>
      <c r="AZ137" s="162"/>
      <c r="BA137" s="162"/>
      <c r="BB137" s="162"/>
      <c r="BC137" s="162"/>
      <c r="BD137" s="162"/>
      <c r="BE137" s="162"/>
      <c r="BF137" s="162"/>
      <c r="BG137" s="162"/>
      <c r="BH137" s="162"/>
      <c r="BI137" s="162"/>
      <c r="BJ137" s="162"/>
      <c r="BK137" s="162"/>
      <c r="BL137" s="162"/>
      <c r="BM137" s="162"/>
      <c r="BN137" s="162"/>
      <c r="BO137" s="162"/>
      <c r="BP137" s="162"/>
      <c r="BQ137" s="162"/>
      <c r="BR137" s="162"/>
      <c r="BS137" s="162"/>
      <c r="BT137" s="162"/>
      <c r="BU137" s="162"/>
      <c r="BV137" s="162"/>
      <c r="BW137" s="162"/>
      <c r="BX137" s="162"/>
      <c r="BY137" s="162"/>
      <c r="BZ137" s="162"/>
      <c r="CA137" s="162"/>
      <c r="CB137" s="162"/>
      <c r="CC137" s="162"/>
      <c r="CD137" s="162"/>
      <c r="CE137" s="162"/>
      <c r="CF137" s="162"/>
      <c r="CG137" s="162"/>
      <c r="CH137" s="162"/>
      <c r="CI137" s="162"/>
      <c r="CJ137" s="162"/>
      <c r="CK137" s="162"/>
      <c r="CX137" s="98"/>
      <c r="DL137" s="97"/>
      <c r="DX137" s="98"/>
      <c r="EL137" s="97"/>
      <c r="EX137" s="98"/>
      <c r="EY137" s="97"/>
      <c r="FL137" s="126"/>
      <c r="FM137" s="91"/>
      <c r="FN137" s="91"/>
      <c r="FO137" s="91"/>
      <c r="FP137" s="91"/>
      <c r="FQ137" s="91"/>
      <c r="FR137" s="91"/>
      <c r="FS137" s="91"/>
      <c r="FT137" s="91"/>
      <c r="FU137" s="91"/>
      <c r="FV137" s="91"/>
      <c r="FW137" s="91"/>
      <c r="FX137" s="91"/>
      <c r="FY137" s="91"/>
      <c r="FZ137" s="91"/>
      <c r="GA137" s="91"/>
      <c r="GB137" s="91"/>
      <c r="GC137" s="91"/>
      <c r="GD137" s="91"/>
      <c r="GE137" s="91"/>
      <c r="GF137" s="91"/>
      <c r="GG137" s="91"/>
      <c r="GH137" s="91"/>
      <c r="GI137" s="91"/>
      <c r="GJ137" s="91"/>
      <c r="GK137" s="127"/>
      <c r="GL137" s="126"/>
      <c r="GM137" s="91"/>
      <c r="GN137" s="91"/>
      <c r="GO137" s="91"/>
      <c r="GP137" s="91"/>
      <c r="GQ137" s="91"/>
      <c r="GR137" s="91"/>
      <c r="GS137" s="91"/>
      <c r="GT137" s="91"/>
      <c r="GU137" s="91"/>
      <c r="GV137" s="91"/>
      <c r="GW137" s="91"/>
      <c r="GX137" s="91"/>
      <c r="GY137" s="91"/>
      <c r="GZ137" s="91"/>
      <c r="HA137" s="91"/>
      <c r="HB137" s="91"/>
      <c r="HC137" s="91"/>
      <c r="HD137" s="91"/>
      <c r="HE137" s="91"/>
      <c r="HF137" s="91"/>
      <c r="HG137" s="91"/>
      <c r="HH137" s="91"/>
      <c r="HI137" s="91"/>
      <c r="HJ137" s="91"/>
      <c r="HK137" s="127"/>
      <c r="HL137" s="126"/>
      <c r="HM137" s="91"/>
      <c r="HN137" s="91"/>
      <c r="HO137" s="91"/>
      <c r="HP137" s="91"/>
      <c r="HQ137" s="91"/>
      <c r="HR137" s="91"/>
      <c r="HS137" s="91"/>
      <c r="HT137" s="91"/>
      <c r="HU137" s="91"/>
      <c r="HV137" s="91"/>
      <c r="HW137" s="91"/>
      <c r="HX137" s="91"/>
      <c r="HY137" s="91"/>
      <c r="HZ137" s="91"/>
      <c r="IA137" s="91"/>
      <c r="IB137" s="91"/>
      <c r="IC137" s="91"/>
      <c r="ID137" s="91"/>
      <c r="IE137" s="91"/>
      <c r="IF137" s="91"/>
      <c r="IG137" s="91"/>
      <c r="IH137" s="91"/>
      <c r="II137" s="91"/>
      <c r="IJ137" s="91"/>
      <c r="IK137" s="127"/>
    </row>
    <row r="138" spans="2:245" x14ac:dyDescent="0.2">
      <c r="B138" s="79"/>
      <c r="C138" s="73"/>
      <c r="D138" s="64"/>
      <c r="E138" s="64"/>
      <c r="F138" s="55"/>
      <c r="G138" s="102"/>
      <c r="H138" s="55"/>
      <c r="I138" s="55"/>
      <c r="J138" s="55"/>
      <c r="K138" s="55"/>
      <c r="L138" s="55"/>
      <c r="M138" s="55"/>
      <c r="N138" s="55"/>
      <c r="O138" s="55"/>
      <c r="P138" s="55"/>
      <c r="Q138" s="55"/>
      <c r="R138" s="55"/>
      <c r="S138" s="55"/>
      <c r="T138" s="55"/>
      <c r="U138" s="55"/>
      <c r="V138" s="55"/>
      <c r="W138" s="55"/>
      <c r="X138" s="55"/>
      <c r="Y138" s="55"/>
      <c r="Z138" s="55"/>
      <c r="AA138" s="55"/>
      <c r="AB138" s="55"/>
      <c r="AC138" s="55"/>
      <c r="AD138" s="55"/>
      <c r="AE138" s="55"/>
      <c r="AF138" s="55"/>
      <c r="AG138" s="55"/>
      <c r="AY138" s="162"/>
      <c r="AZ138" s="162"/>
      <c r="BA138" s="162"/>
      <c r="BB138" s="162"/>
      <c r="BC138" s="162"/>
      <c r="BD138" s="162"/>
      <c r="BE138" s="162"/>
      <c r="BF138" s="162"/>
      <c r="BG138" s="162"/>
      <c r="BH138" s="162"/>
      <c r="BI138" s="162"/>
      <c r="BJ138" s="162"/>
      <c r="BK138" s="162"/>
      <c r="BL138" s="162"/>
      <c r="BM138" s="162"/>
      <c r="BN138" s="162"/>
      <c r="BO138" s="162"/>
      <c r="BP138" s="162"/>
      <c r="BQ138" s="162"/>
      <c r="BR138" s="162"/>
      <c r="BS138" s="162"/>
      <c r="BT138" s="162"/>
      <c r="BU138" s="162"/>
      <c r="BV138" s="162"/>
      <c r="BW138" s="162"/>
      <c r="BX138" s="162"/>
      <c r="BY138" s="162"/>
      <c r="BZ138" s="162"/>
      <c r="CA138" s="162"/>
      <c r="CB138" s="162"/>
      <c r="CC138" s="162"/>
      <c r="CD138" s="162"/>
      <c r="CE138" s="162"/>
      <c r="CF138" s="162"/>
      <c r="CG138" s="162"/>
      <c r="CH138" s="162"/>
      <c r="CI138" s="162"/>
      <c r="CJ138" s="162"/>
      <c r="CK138" s="162"/>
      <c r="CX138" s="98"/>
      <c r="DL138" s="97"/>
      <c r="DX138" s="98"/>
      <c r="EL138" s="97"/>
      <c r="EX138" s="98"/>
      <c r="EY138" s="97"/>
      <c r="FL138" s="126"/>
      <c r="FM138" s="91"/>
      <c r="FN138" s="91"/>
      <c r="FO138" s="91"/>
      <c r="FP138" s="91"/>
      <c r="FQ138" s="91"/>
      <c r="FR138" s="91"/>
      <c r="FS138" s="91"/>
      <c r="FT138" s="91"/>
      <c r="FU138" s="91"/>
      <c r="FV138" s="91"/>
      <c r="FW138" s="91"/>
      <c r="FX138" s="91"/>
      <c r="FY138" s="91"/>
      <c r="FZ138" s="91"/>
      <c r="GA138" s="91"/>
      <c r="GB138" s="91"/>
      <c r="GC138" s="91"/>
      <c r="GD138" s="91"/>
      <c r="GE138" s="91"/>
      <c r="GF138" s="91"/>
      <c r="GG138" s="91"/>
      <c r="GH138" s="91"/>
      <c r="GI138" s="91"/>
      <c r="GJ138" s="91"/>
      <c r="GK138" s="127"/>
      <c r="GL138" s="126"/>
      <c r="GM138" s="91"/>
      <c r="GN138" s="91"/>
      <c r="GO138" s="91"/>
      <c r="GP138" s="91"/>
      <c r="GQ138" s="91"/>
      <c r="GR138" s="91"/>
      <c r="GS138" s="91"/>
      <c r="GT138" s="91"/>
      <c r="GU138" s="91"/>
      <c r="GV138" s="91"/>
      <c r="GW138" s="91"/>
      <c r="GX138" s="91"/>
      <c r="GY138" s="91"/>
      <c r="GZ138" s="91"/>
      <c r="HA138" s="91"/>
      <c r="HB138" s="91"/>
      <c r="HC138" s="91"/>
      <c r="HD138" s="91"/>
      <c r="HE138" s="91"/>
      <c r="HF138" s="91"/>
      <c r="HG138" s="91"/>
      <c r="HH138" s="91"/>
      <c r="HI138" s="91"/>
      <c r="HJ138" s="91"/>
      <c r="HK138" s="127"/>
      <c r="HL138" s="126"/>
      <c r="HM138" s="91"/>
      <c r="HN138" s="91"/>
      <c r="HO138" s="91"/>
      <c r="HP138" s="91"/>
      <c r="HQ138" s="91"/>
      <c r="HR138" s="91"/>
      <c r="HS138" s="91"/>
      <c r="HT138" s="91"/>
      <c r="HU138" s="91"/>
      <c r="HV138" s="91"/>
      <c r="HW138" s="91"/>
      <c r="HX138" s="91"/>
      <c r="HY138" s="91"/>
      <c r="HZ138" s="91"/>
      <c r="IA138" s="91"/>
      <c r="IB138" s="91"/>
      <c r="IC138" s="91"/>
      <c r="ID138" s="91"/>
      <c r="IE138" s="91"/>
      <c r="IF138" s="91"/>
      <c r="IG138" s="91"/>
      <c r="IH138" s="91"/>
      <c r="II138" s="91"/>
      <c r="IJ138" s="91"/>
      <c r="IK138" s="127"/>
    </row>
    <row r="139" spans="2:245" x14ac:dyDescent="0.2">
      <c r="B139" s="79"/>
      <c r="C139" s="73"/>
      <c r="D139" s="64"/>
      <c r="E139" s="64"/>
      <c r="F139" s="55"/>
      <c r="G139" s="102"/>
      <c r="H139" s="55"/>
      <c r="I139" s="55"/>
      <c r="J139" s="55"/>
      <c r="K139" s="55"/>
      <c r="L139" s="55"/>
      <c r="M139" s="55"/>
      <c r="N139" s="55"/>
      <c r="O139" s="55"/>
      <c r="P139" s="55"/>
      <c r="Q139" s="55"/>
      <c r="R139" s="55"/>
      <c r="S139" s="55"/>
      <c r="T139" s="55"/>
      <c r="U139" s="55"/>
      <c r="V139" s="55"/>
      <c r="W139" s="55"/>
      <c r="X139" s="55"/>
      <c r="Y139" s="55"/>
      <c r="Z139" s="55"/>
      <c r="AA139" s="55"/>
      <c r="AB139" s="55"/>
      <c r="AC139" s="55"/>
      <c r="AD139" s="55"/>
      <c r="AE139" s="55"/>
      <c r="AF139" s="55"/>
      <c r="AG139" s="55"/>
      <c r="AY139" s="162"/>
      <c r="AZ139" s="162"/>
      <c r="BA139" s="162"/>
      <c r="BB139" s="162"/>
      <c r="BC139" s="162"/>
      <c r="BD139" s="162"/>
      <c r="BE139" s="162"/>
      <c r="BF139" s="162"/>
      <c r="BG139" s="162"/>
      <c r="BH139" s="162"/>
      <c r="BI139" s="162"/>
      <c r="BJ139" s="162"/>
      <c r="BK139" s="162"/>
      <c r="BL139" s="162"/>
      <c r="BM139" s="162"/>
      <c r="BN139" s="162"/>
      <c r="BO139" s="162"/>
      <c r="BP139" s="162"/>
      <c r="BQ139" s="162"/>
      <c r="BR139" s="162"/>
      <c r="BS139" s="162"/>
      <c r="BT139" s="162"/>
      <c r="BU139" s="162"/>
      <c r="BV139" s="162"/>
      <c r="BW139" s="162"/>
      <c r="BX139" s="162"/>
      <c r="BY139" s="162"/>
      <c r="BZ139" s="162"/>
      <c r="CA139" s="162"/>
      <c r="CB139" s="162"/>
      <c r="CC139" s="162"/>
      <c r="CD139" s="162"/>
      <c r="CE139" s="162"/>
      <c r="CF139" s="162"/>
      <c r="CG139" s="162"/>
      <c r="CH139" s="162"/>
      <c r="CI139" s="162"/>
      <c r="CJ139" s="162"/>
      <c r="CK139" s="162"/>
      <c r="CX139" s="98"/>
      <c r="DL139" s="97"/>
      <c r="DX139" s="98"/>
      <c r="EL139" s="97"/>
      <c r="EX139" s="98"/>
      <c r="EY139" s="97"/>
      <c r="FL139" s="126"/>
      <c r="FM139" s="91"/>
      <c r="FN139" s="91"/>
      <c r="FO139" s="91"/>
      <c r="FP139" s="91"/>
      <c r="FQ139" s="91"/>
      <c r="FR139" s="91"/>
      <c r="FS139" s="91"/>
      <c r="FT139" s="91"/>
      <c r="FU139" s="91"/>
      <c r="FV139" s="91"/>
      <c r="FW139" s="91"/>
      <c r="FX139" s="91"/>
      <c r="FY139" s="91"/>
      <c r="FZ139" s="91"/>
      <c r="GA139" s="91"/>
      <c r="GB139" s="91"/>
      <c r="GC139" s="91"/>
      <c r="GD139" s="91"/>
      <c r="GE139" s="91"/>
      <c r="GF139" s="91"/>
      <c r="GG139" s="91"/>
      <c r="GH139" s="91"/>
      <c r="GI139" s="91"/>
      <c r="GJ139" s="91"/>
      <c r="GK139" s="127"/>
      <c r="GL139" s="126"/>
      <c r="GM139" s="91"/>
      <c r="GN139" s="91"/>
      <c r="GO139" s="91"/>
      <c r="GP139" s="91"/>
      <c r="GQ139" s="91"/>
      <c r="GR139" s="91"/>
      <c r="GS139" s="91"/>
      <c r="GT139" s="91"/>
      <c r="GU139" s="91"/>
      <c r="GV139" s="91"/>
      <c r="GW139" s="91"/>
      <c r="GX139" s="91"/>
      <c r="GY139" s="91"/>
      <c r="GZ139" s="91"/>
      <c r="HA139" s="91"/>
      <c r="HB139" s="91"/>
      <c r="HC139" s="91"/>
      <c r="HD139" s="91"/>
      <c r="HE139" s="91"/>
      <c r="HF139" s="91"/>
      <c r="HG139" s="91"/>
      <c r="HH139" s="91"/>
      <c r="HI139" s="91"/>
      <c r="HJ139" s="91"/>
      <c r="HK139" s="127"/>
      <c r="HL139" s="126"/>
      <c r="HM139" s="91"/>
      <c r="HN139" s="91"/>
      <c r="HO139" s="91"/>
      <c r="HP139" s="91"/>
      <c r="HQ139" s="91"/>
      <c r="HR139" s="91"/>
      <c r="HS139" s="91"/>
      <c r="HT139" s="91"/>
      <c r="HU139" s="91"/>
      <c r="HV139" s="91"/>
      <c r="HW139" s="91"/>
      <c r="HX139" s="91"/>
      <c r="HY139" s="91"/>
      <c r="HZ139" s="91"/>
      <c r="IA139" s="91"/>
      <c r="IB139" s="91"/>
      <c r="IC139" s="91"/>
      <c r="ID139" s="91"/>
      <c r="IE139" s="91"/>
      <c r="IF139" s="91"/>
      <c r="IG139" s="91"/>
      <c r="IH139" s="91"/>
      <c r="II139" s="91"/>
      <c r="IJ139" s="91"/>
      <c r="IK139" s="127"/>
    </row>
    <row r="140" spans="2:245" x14ac:dyDescent="0.2">
      <c r="B140" s="79"/>
      <c r="C140" s="73"/>
      <c r="D140" s="64"/>
      <c r="E140" s="64"/>
      <c r="F140" s="55"/>
      <c r="G140" s="102"/>
      <c r="H140" s="55"/>
      <c r="I140" s="55"/>
      <c r="J140" s="55"/>
      <c r="K140" s="55"/>
      <c r="L140" s="55"/>
      <c r="M140" s="55"/>
      <c r="N140" s="55"/>
      <c r="O140" s="55"/>
      <c r="P140" s="55"/>
      <c r="Q140" s="55"/>
      <c r="R140" s="55"/>
      <c r="S140" s="55"/>
      <c r="T140" s="55"/>
      <c r="U140" s="55"/>
      <c r="V140" s="55"/>
      <c r="W140" s="55"/>
      <c r="X140" s="55"/>
      <c r="Y140" s="55"/>
      <c r="Z140" s="55"/>
      <c r="AA140" s="55"/>
      <c r="AB140" s="55"/>
      <c r="AC140" s="55"/>
      <c r="AD140" s="55"/>
      <c r="AE140" s="55"/>
      <c r="AF140" s="55"/>
      <c r="AG140" s="55"/>
      <c r="AY140" s="162"/>
      <c r="AZ140" s="162"/>
      <c r="BA140" s="162"/>
      <c r="BB140" s="162"/>
      <c r="BC140" s="162"/>
      <c r="BD140" s="162"/>
      <c r="BE140" s="162"/>
      <c r="BF140" s="162"/>
      <c r="BG140" s="162"/>
      <c r="BH140" s="162"/>
      <c r="BI140" s="162"/>
      <c r="BJ140" s="162"/>
      <c r="BK140" s="162"/>
      <c r="BL140" s="162"/>
      <c r="BM140" s="162"/>
      <c r="BN140" s="162"/>
      <c r="BO140" s="162"/>
      <c r="BP140" s="162"/>
      <c r="BQ140" s="162"/>
      <c r="BR140" s="162"/>
      <c r="BS140" s="162"/>
      <c r="BT140" s="162"/>
      <c r="BU140" s="162"/>
      <c r="BV140" s="162"/>
      <c r="BW140" s="162"/>
      <c r="BX140" s="162"/>
      <c r="BY140" s="162"/>
      <c r="BZ140" s="162"/>
      <c r="CA140" s="162"/>
      <c r="CB140" s="162"/>
      <c r="CC140" s="162"/>
      <c r="CD140" s="162"/>
      <c r="CE140" s="162"/>
      <c r="CF140" s="162"/>
      <c r="CG140" s="162"/>
      <c r="CH140" s="162"/>
      <c r="CI140" s="162"/>
      <c r="CJ140" s="162"/>
      <c r="CK140" s="162"/>
      <c r="CX140" s="98"/>
      <c r="DL140" s="97"/>
      <c r="DX140" s="98"/>
      <c r="EL140" s="97"/>
      <c r="EX140" s="98"/>
      <c r="EY140" s="97"/>
      <c r="FL140" s="126"/>
      <c r="FM140" s="91"/>
      <c r="FN140" s="91"/>
      <c r="FO140" s="91"/>
      <c r="FP140" s="91"/>
      <c r="FQ140" s="91"/>
      <c r="FR140" s="91"/>
      <c r="FS140" s="91"/>
      <c r="FT140" s="91"/>
      <c r="FU140" s="91"/>
      <c r="FV140" s="91"/>
      <c r="FW140" s="91"/>
      <c r="FX140" s="91"/>
      <c r="FY140" s="91"/>
      <c r="FZ140" s="91"/>
      <c r="GA140" s="91"/>
      <c r="GB140" s="91"/>
      <c r="GC140" s="91"/>
      <c r="GD140" s="91"/>
      <c r="GE140" s="91"/>
      <c r="GF140" s="91"/>
      <c r="GG140" s="91"/>
      <c r="GH140" s="91"/>
      <c r="GI140" s="91"/>
      <c r="GJ140" s="91"/>
      <c r="GK140" s="127"/>
      <c r="GL140" s="126"/>
      <c r="GM140" s="91"/>
      <c r="GN140" s="91"/>
      <c r="GO140" s="91"/>
      <c r="GP140" s="91"/>
      <c r="GQ140" s="91"/>
      <c r="GR140" s="91"/>
      <c r="GS140" s="91"/>
      <c r="GT140" s="91"/>
      <c r="GU140" s="91"/>
      <c r="GV140" s="91"/>
      <c r="GW140" s="91"/>
      <c r="GX140" s="91"/>
      <c r="GY140" s="91"/>
      <c r="GZ140" s="91"/>
      <c r="HA140" s="91"/>
      <c r="HB140" s="91"/>
      <c r="HC140" s="91"/>
      <c r="HD140" s="91"/>
      <c r="HE140" s="91"/>
      <c r="HF140" s="91"/>
      <c r="HG140" s="91"/>
      <c r="HH140" s="91"/>
      <c r="HI140" s="91"/>
      <c r="HJ140" s="91"/>
      <c r="HK140" s="127"/>
      <c r="HL140" s="126"/>
      <c r="HM140" s="91"/>
      <c r="HN140" s="91"/>
      <c r="HO140" s="91"/>
      <c r="HP140" s="91"/>
      <c r="HQ140" s="91"/>
      <c r="HR140" s="91"/>
      <c r="HS140" s="91"/>
      <c r="HT140" s="91"/>
      <c r="HU140" s="91"/>
      <c r="HV140" s="91"/>
      <c r="HW140" s="91"/>
      <c r="HX140" s="91"/>
      <c r="HY140" s="91"/>
      <c r="HZ140" s="91"/>
      <c r="IA140" s="91"/>
      <c r="IB140" s="91"/>
      <c r="IC140" s="91"/>
      <c r="ID140" s="91"/>
      <c r="IE140" s="91"/>
      <c r="IF140" s="91"/>
      <c r="IG140" s="91"/>
      <c r="IH140" s="91"/>
      <c r="II140" s="91"/>
      <c r="IJ140" s="91"/>
      <c r="IK140" s="127"/>
    </row>
    <row r="141" spans="2:245" x14ac:dyDescent="0.2">
      <c r="B141" s="79"/>
      <c r="C141" s="73"/>
      <c r="D141" s="64"/>
      <c r="E141" s="64"/>
      <c r="F141" s="55"/>
      <c r="G141" s="102"/>
      <c r="H141" s="55"/>
      <c r="I141" s="55"/>
      <c r="J141" s="55"/>
      <c r="K141" s="55"/>
      <c r="L141" s="55"/>
      <c r="M141" s="55"/>
      <c r="N141" s="55"/>
      <c r="O141" s="55"/>
      <c r="P141" s="55"/>
      <c r="Q141" s="55"/>
      <c r="R141" s="55"/>
      <c r="S141" s="55"/>
      <c r="T141" s="55"/>
      <c r="U141" s="55"/>
      <c r="V141" s="55"/>
      <c r="W141" s="55"/>
      <c r="X141" s="55"/>
      <c r="Y141" s="55"/>
      <c r="Z141" s="55"/>
      <c r="AA141" s="55"/>
      <c r="AB141" s="55"/>
      <c r="AC141" s="55"/>
      <c r="AD141" s="55"/>
      <c r="AE141" s="55"/>
      <c r="AF141" s="55"/>
      <c r="AG141" s="55"/>
      <c r="AY141" s="162"/>
      <c r="AZ141" s="162"/>
      <c r="BA141" s="162"/>
      <c r="BB141" s="162"/>
      <c r="BC141" s="162"/>
      <c r="BD141" s="162"/>
      <c r="BE141" s="162"/>
      <c r="BF141" s="162"/>
      <c r="BG141" s="162"/>
      <c r="BH141" s="162"/>
      <c r="BI141" s="162"/>
      <c r="BJ141" s="162"/>
      <c r="BK141" s="162"/>
      <c r="BL141" s="162"/>
      <c r="BM141" s="162"/>
      <c r="BN141" s="162"/>
      <c r="BO141" s="162"/>
      <c r="BP141" s="162"/>
      <c r="BQ141" s="162"/>
      <c r="BR141" s="162"/>
      <c r="BS141" s="162"/>
      <c r="BT141" s="162"/>
      <c r="BU141" s="162"/>
      <c r="BV141" s="162"/>
      <c r="BW141" s="162"/>
      <c r="BX141" s="162"/>
      <c r="BY141" s="162"/>
      <c r="BZ141" s="162"/>
      <c r="CA141" s="162"/>
      <c r="CB141" s="162"/>
      <c r="CC141" s="162"/>
      <c r="CD141" s="162"/>
      <c r="CE141" s="162"/>
      <c r="CF141" s="162"/>
      <c r="CG141" s="162"/>
      <c r="CH141" s="162"/>
      <c r="CI141" s="162"/>
      <c r="CJ141" s="162"/>
      <c r="CK141" s="162"/>
      <c r="CX141" s="98"/>
      <c r="DL141" s="97"/>
      <c r="DX141" s="98"/>
      <c r="EL141" s="97"/>
      <c r="EX141" s="98"/>
      <c r="EY141" s="97"/>
      <c r="FL141" s="126"/>
      <c r="FM141" s="91"/>
      <c r="FN141" s="91"/>
      <c r="FO141" s="91"/>
      <c r="FP141" s="91"/>
      <c r="FQ141" s="91"/>
      <c r="FR141" s="91"/>
      <c r="FS141" s="91"/>
      <c r="FT141" s="91"/>
      <c r="FU141" s="91"/>
      <c r="FV141" s="91"/>
      <c r="FW141" s="91"/>
      <c r="FX141" s="91"/>
      <c r="FY141" s="91"/>
      <c r="FZ141" s="91"/>
      <c r="GA141" s="91"/>
      <c r="GB141" s="91"/>
      <c r="GC141" s="91"/>
      <c r="GD141" s="91"/>
      <c r="GE141" s="91"/>
      <c r="GF141" s="91"/>
      <c r="GG141" s="91"/>
      <c r="GH141" s="91"/>
      <c r="GI141" s="91"/>
      <c r="GJ141" s="91"/>
      <c r="GK141" s="127"/>
      <c r="GL141" s="126"/>
      <c r="GM141" s="91"/>
      <c r="GN141" s="91"/>
      <c r="GO141" s="91"/>
      <c r="GP141" s="91"/>
      <c r="GQ141" s="91"/>
      <c r="GR141" s="91"/>
      <c r="GS141" s="91"/>
      <c r="GT141" s="91"/>
      <c r="GU141" s="91"/>
      <c r="GV141" s="91"/>
      <c r="GW141" s="91"/>
      <c r="GX141" s="91"/>
      <c r="GY141" s="91"/>
      <c r="GZ141" s="91"/>
      <c r="HA141" s="91"/>
      <c r="HB141" s="91"/>
      <c r="HC141" s="91"/>
      <c r="HD141" s="91"/>
      <c r="HE141" s="91"/>
      <c r="HF141" s="91"/>
      <c r="HG141" s="91"/>
      <c r="HH141" s="91"/>
      <c r="HI141" s="91"/>
      <c r="HJ141" s="91"/>
      <c r="HK141" s="127"/>
      <c r="HL141" s="126"/>
      <c r="HM141" s="91"/>
      <c r="HN141" s="91"/>
      <c r="HO141" s="91"/>
      <c r="HP141" s="91"/>
      <c r="HQ141" s="91"/>
      <c r="HR141" s="91"/>
      <c r="HS141" s="91"/>
      <c r="HT141" s="91"/>
      <c r="HU141" s="91"/>
      <c r="HV141" s="91"/>
      <c r="HW141" s="91"/>
      <c r="HX141" s="91"/>
      <c r="HY141" s="91"/>
      <c r="HZ141" s="91"/>
      <c r="IA141" s="91"/>
      <c r="IB141" s="91"/>
      <c r="IC141" s="91"/>
      <c r="ID141" s="91"/>
      <c r="IE141" s="91"/>
      <c r="IF141" s="91"/>
      <c r="IG141" s="91"/>
      <c r="IH141" s="91"/>
      <c r="II141" s="91"/>
      <c r="IJ141" s="91"/>
      <c r="IK141" s="127"/>
    </row>
    <row r="142" spans="2:245" x14ac:dyDescent="0.2">
      <c r="B142" s="79"/>
      <c r="C142" s="73"/>
      <c r="D142" s="64"/>
      <c r="E142" s="64"/>
      <c r="F142" s="55"/>
      <c r="G142" s="102"/>
      <c r="H142" s="55"/>
      <c r="I142" s="55"/>
      <c r="J142" s="55"/>
      <c r="K142" s="55"/>
      <c r="L142" s="55"/>
      <c r="M142" s="55"/>
      <c r="N142" s="55"/>
      <c r="O142" s="55"/>
      <c r="P142" s="55"/>
      <c r="Q142" s="55"/>
      <c r="R142" s="55"/>
      <c r="S142" s="55"/>
      <c r="T142" s="55"/>
      <c r="U142" s="55"/>
      <c r="V142" s="55"/>
      <c r="W142" s="55"/>
      <c r="X142" s="55"/>
      <c r="Y142" s="55"/>
      <c r="Z142" s="55"/>
      <c r="AA142" s="55"/>
      <c r="AB142" s="55"/>
      <c r="AC142" s="55"/>
      <c r="AD142" s="55"/>
      <c r="AE142" s="55"/>
      <c r="AF142" s="55"/>
      <c r="AG142" s="55"/>
      <c r="AY142" s="162"/>
      <c r="AZ142" s="162"/>
      <c r="BA142" s="162"/>
      <c r="BB142" s="162"/>
      <c r="BC142" s="162"/>
      <c r="BD142" s="162"/>
      <c r="BE142" s="162"/>
      <c r="BF142" s="162"/>
      <c r="BG142" s="162"/>
      <c r="BH142" s="162"/>
      <c r="BI142" s="162"/>
      <c r="BJ142" s="162"/>
      <c r="BK142" s="162"/>
      <c r="BL142" s="162"/>
      <c r="BM142" s="162"/>
      <c r="BN142" s="162"/>
      <c r="BO142" s="162"/>
      <c r="BP142" s="162"/>
      <c r="BQ142" s="162"/>
      <c r="BR142" s="162"/>
      <c r="BS142" s="162"/>
      <c r="BT142" s="162"/>
      <c r="BU142" s="162"/>
      <c r="BV142" s="162"/>
      <c r="BW142" s="162"/>
      <c r="BX142" s="162"/>
      <c r="BY142" s="162"/>
      <c r="BZ142" s="162"/>
      <c r="CA142" s="162"/>
      <c r="CB142" s="162"/>
      <c r="CC142" s="162"/>
      <c r="CD142" s="162"/>
      <c r="CE142" s="162"/>
      <c r="CF142" s="162"/>
      <c r="CG142" s="162"/>
      <c r="CH142" s="162"/>
      <c r="CI142" s="162"/>
      <c r="CJ142" s="162"/>
      <c r="CK142" s="162"/>
      <c r="CX142" s="98"/>
      <c r="DL142" s="97"/>
      <c r="DX142" s="98"/>
      <c r="EL142" s="97"/>
      <c r="EX142" s="98"/>
      <c r="EY142" s="97"/>
      <c r="FL142" s="126"/>
      <c r="FM142" s="91"/>
      <c r="FN142" s="91"/>
      <c r="FO142" s="91"/>
      <c r="FP142" s="91"/>
      <c r="FQ142" s="91"/>
      <c r="FR142" s="91"/>
      <c r="FS142" s="91"/>
      <c r="FT142" s="91"/>
      <c r="FU142" s="91"/>
      <c r="FV142" s="91"/>
      <c r="FW142" s="91"/>
      <c r="FX142" s="91"/>
      <c r="FY142" s="91"/>
      <c r="FZ142" s="91"/>
      <c r="GA142" s="91"/>
      <c r="GB142" s="91"/>
      <c r="GC142" s="91"/>
      <c r="GD142" s="91"/>
      <c r="GE142" s="91"/>
      <c r="GF142" s="91"/>
      <c r="GG142" s="91"/>
      <c r="GH142" s="91"/>
      <c r="GI142" s="91"/>
      <c r="GJ142" s="91"/>
      <c r="GK142" s="127"/>
      <c r="GL142" s="126"/>
      <c r="GM142" s="91"/>
      <c r="GN142" s="91"/>
      <c r="GO142" s="91"/>
      <c r="GP142" s="91"/>
      <c r="GQ142" s="91"/>
      <c r="GR142" s="91"/>
      <c r="GS142" s="91"/>
      <c r="GT142" s="91"/>
      <c r="GU142" s="91"/>
      <c r="GV142" s="91"/>
      <c r="GW142" s="91"/>
      <c r="GX142" s="91"/>
      <c r="GY142" s="91"/>
      <c r="GZ142" s="91"/>
      <c r="HA142" s="91"/>
      <c r="HB142" s="91"/>
      <c r="HC142" s="91"/>
      <c r="HD142" s="91"/>
      <c r="HE142" s="91"/>
      <c r="HF142" s="91"/>
      <c r="HG142" s="91"/>
      <c r="HH142" s="91"/>
      <c r="HI142" s="91"/>
      <c r="HJ142" s="91"/>
      <c r="HK142" s="127"/>
      <c r="HL142" s="126"/>
      <c r="HM142" s="91"/>
      <c r="HN142" s="91"/>
      <c r="HO142" s="91"/>
      <c r="HP142" s="91"/>
      <c r="HQ142" s="91"/>
      <c r="HR142" s="91"/>
      <c r="HS142" s="91"/>
      <c r="HT142" s="91"/>
      <c r="HU142" s="91"/>
      <c r="HV142" s="91"/>
      <c r="HW142" s="91"/>
      <c r="HX142" s="91"/>
      <c r="HY142" s="91"/>
      <c r="HZ142" s="91"/>
      <c r="IA142" s="91"/>
      <c r="IB142" s="91"/>
      <c r="IC142" s="91"/>
      <c r="ID142" s="91"/>
      <c r="IE142" s="91"/>
      <c r="IF142" s="91"/>
      <c r="IG142" s="91"/>
      <c r="IH142" s="91"/>
      <c r="II142" s="91"/>
      <c r="IJ142" s="91"/>
      <c r="IK142" s="127"/>
    </row>
    <row r="143" spans="2:245" x14ac:dyDescent="0.2">
      <c r="B143" s="79"/>
      <c r="C143" s="73"/>
      <c r="D143" s="64"/>
      <c r="E143" s="64"/>
      <c r="F143" s="55"/>
      <c r="G143" s="102"/>
      <c r="H143" s="55"/>
      <c r="I143" s="55"/>
      <c r="J143" s="55"/>
      <c r="K143" s="55"/>
      <c r="L143" s="55"/>
      <c r="M143" s="55"/>
      <c r="N143" s="55"/>
      <c r="O143" s="55"/>
      <c r="P143" s="55"/>
      <c r="Q143" s="55"/>
      <c r="R143" s="55"/>
      <c r="S143" s="55"/>
      <c r="T143" s="55"/>
      <c r="U143" s="55"/>
      <c r="V143" s="55"/>
      <c r="W143" s="55"/>
      <c r="X143" s="55"/>
      <c r="Y143" s="55"/>
      <c r="Z143" s="55"/>
      <c r="AA143" s="55"/>
      <c r="AB143" s="55"/>
      <c r="AC143" s="55"/>
      <c r="AD143" s="55"/>
      <c r="AE143" s="55"/>
      <c r="AF143" s="55"/>
      <c r="AG143" s="55"/>
      <c r="AY143" s="162"/>
      <c r="AZ143" s="162"/>
      <c r="BA143" s="162"/>
      <c r="BB143" s="162"/>
      <c r="BC143" s="162"/>
      <c r="BD143" s="162"/>
      <c r="BE143" s="162"/>
      <c r="BF143" s="162"/>
      <c r="BG143" s="162"/>
      <c r="BH143" s="162"/>
      <c r="BI143" s="162"/>
      <c r="BJ143" s="162"/>
      <c r="BK143" s="162"/>
      <c r="BL143" s="162"/>
      <c r="BM143" s="162"/>
      <c r="BN143" s="162"/>
      <c r="BO143" s="162"/>
      <c r="BP143" s="162"/>
      <c r="BQ143" s="162"/>
      <c r="BR143" s="162"/>
      <c r="BS143" s="162"/>
      <c r="BT143" s="162"/>
      <c r="BU143" s="162"/>
      <c r="BV143" s="162"/>
      <c r="BW143" s="162"/>
      <c r="BX143" s="162"/>
      <c r="BY143" s="162"/>
      <c r="BZ143" s="162"/>
      <c r="CA143" s="162"/>
      <c r="CB143" s="162"/>
      <c r="CC143" s="162"/>
      <c r="CD143" s="162"/>
      <c r="CE143" s="162"/>
      <c r="CF143" s="162"/>
      <c r="CG143" s="162"/>
      <c r="CH143" s="162"/>
      <c r="CI143" s="162"/>
      <c r="CJ143" s="162"/>
      <c r="CK143" s="162"/>
      <c r="CX143" s="98"/>
      <c r="DL143" s="97"/>
      <c r="DX143" s="98"/>
      <c r="EL143" s="97"/>
      <c r="EX143" s="98"/>
      <c r="EY143" s="97"/>
      <c r="FL143" s="126"/>
      <c r="FM143" s="91"/>
      <c r="FN143" s="91"/>
      <c r="FO143" s="91"/>
      <c r="FP143" s="91"/>
      <c r="FQ143" s="91"/>
      <c r="FR143" s="91"/>
      <c r="FS143" s="91"/>
      <c r="FT143" s="91"/>
      <c r="FU143" s="91"/>
      <c r="FV143" s="91"/>
      <c r="FW143" s="91"/>
      <c r="FX143" s="91"/>
      <c r="FY143" s="91"/>
      <c r="FZ143" s="91"/>
      <c r="GA143" s="91"/>
      <c r="GB143" s="91"/>
      <c r="GC143" s="91"/>
      <c r="GD143" s="91"/>
      <c r="GE143" s="91"/>
      <c r="GF143" s="91"/>
      <c r="GG143" s="91"/>
      <c r="GH143" s="91"/>
      <c r="GI143" s="91"/>
      <c r="GJ143" s="91"/>
      <c r="GK143" s="127"/>
      <c r="GL143" s="126"/>
      <c r="GM143" s="91"/>
      <c r="GN143" s="91"/>
      <c r="GO143" s="91"/>
      <c r="GP143" s="91"/>
      <c r="GQ143" s="91"/>
      <c r="GR143" s="91"/>
      <c r="GS143" s="91"/>
      <c r="GT143" s="91"/>
      <c r="GU143" s="91"/>
      <c r="GV143" s="91"/>
      <c r="GW143" s="91"/>
      <c r="GX143" s="91"/>
      <c r="GY143" s="91"/>
      <c r="GZ143" s="91"/>
      <c r="HA143" s="91"/>
      <c r="HB143" s="91"/>
      <c r="HC143" s="91"/>
      <c r="HD143" s="91"/>
      <c r="HE143" s="91"/>
      <c r="HF143" s="91"/>
      <c r="HG143" s="91"/>
      <c r="HH143" s="91"/>
      <c r="HI143" s="91"/>
      <c r="HJ143" s="91"/>
      <c r="HK143" s="127"/>
      <c r="HL143" s="126"/>
      <c r="HM143" s="91"/>
      <c r="HN143" s="91"/>
      <c r="HO143" s="91"/>
      <c r="HP143" s="91"/>
      <c r="HQ143" s="91"/>
      <c r="HR143" s="91"/>
      <c r="HS143" s="91"/>
      <c r="HT143" s="91"/>
      <c r="HU143" s="91"/>
      <c r="HV143" s="91"/>
      <c r="HW143" s="91"/>
      <c r="HX143" s="91"/>
      <c r="HY143" s="91"/>
      <c r="HZ143" s="91"/>
      <c r="IA143" s="91"/>
      <c r="IB143" s="91"/>
      <c r="IC143" s="91"/>
      <c r="ID143" s="91"/>
      <c r="IE143" s="91"/>
      <c r="IF143" s="91"/>
      <c r="IG143" s="91"/>
      <c r="IH143" s="91"/>
      <c r="II143" s="91"/>
      <c r="IJ143" s="91"/>
      <c r="IK143" s="127"/>
    </row>
    <row r="144" spans="2:245" x14ac:dyDescent="0.2">
      <c r="B144" s="79"/>
      <c r="C144" s="73"/>
      <c r="D144" s="64"/>
      <c r="E144" s="64"/>
      <c r="F144" s="55"/>
      <c r="G144" s="102"/>
      <c r="H144" s="55"/>
      <c r="I144" s="55"/>
      <c r="J144" s="55"/>
      <c r="K144" s="55"/>
      <c r="L144" s="55"/>
      <c r="M144" s="55"/>
      <c r="N144" s="55"/>
      <c r="O144" s="55"/>
      <c r="P144" s="55"/>
      <c r="Q144" s="55"/>
      <c r="R144" s="55"/>
      <c r="S144" s="55"/>
      <c r="T144" s="55"/>
      <c r="U144" s="55"/>
      <c r="V144" s="55"/>
      <c r="W144" s="55"/>
      <c r="X144" s="55"/>
      <c r="Y144" s="55"/>
      <c r="Z144" s="55"/>
      <c r="AA144" s="55"/>
      <c r="AB144" s="55"/>
      <c r="AC144" s="55"/>
      <c r="AD144" s="55"/>
      <c r="AE144" s="55"/>
      <c r="AF144" s="55"/>
      <c r="AG144" s="55"/>
      <c r="AY144" s="162"/>
      <c r="AZ144" s="162"/>
      <c r="BA144" s="162"/>
      <c r="BB144" s="162"/>
      <c r="BC144" s="162"/>
      <c r="BD144" s="162"/>
      <c r="BE144" s="162"/>
      <c r="BF144" s="162"/>
      <c r="BG144" s="162"/>
      <c r="BH144" s="162"/>
      <c r="BI144" s="162"/>
      <c r="BJ144" s="162"/>
      <c r="BK144" s="162"/>
      <c r="BL144" s="162"/>
      <c r="BM144" s="162"/>
      <c r="BN144" s="162"/>
      <c r="BO144" s="162"/>
      <c r="BP144" s="162"/>
      <c r="BQ144" s="162"/>
      <c r="BR144" s="162"/>
      <c r="BS144" s="162"/>
      <c r="BT144" s="162"/>
      <c r="BU144" s="162"/>
      <c r="BV144" s="162"/>
      <c r="BW144" s="162"/>
      <c r="BX144" s="162"/>
      <c r="BY144" s="162"/>
      <c r="BZ144" s="162"/>
      <c r="CA144" s="162"/>
      <c r="CB144" s="162"/>
      <c r="CC144" s="162"/>
      <c r="CD144" s="162"/>
      <c r="CE144" s="162"/>
      <c r="CF144" s="162"/>
      <c r="CG144" s="162"/>
      <c r="CH144" s="162"/>
      <c r="CI144" s="162"/>
      <c r="CJ144" s="162"/>
      <c r="CK144" s="162"/>
      <c r="CX144" s="98"/>
      <c r="DL144" s="97"/>
      <c r="DX144" s="98"/>
      <c r="EL144" s="97"/>
      <c r="EX144" s="98"/>
      <c r="EY144" s="97"/>
      <c r="FL144" s="126"/>
      <c r="FM144" s="91"/>
      <c r="FN144" s="91"/>
      <c r="FO144" s="91"/>
      <c r="FP144" s="91"/>
      <c r="FQ144" s="91"/>
      <c r="FR144" s="91"/>
      <c r="FS144" s="91"/>
      <c r="FT144" s="91"/>
      <c r="FU144" s="91"/>
      <c r="FV144" s="91"/>
      <c r="FW144" s="91"/>
      <c r="FX144" s="91"/>
      <c r="FY144" s="91"/>
      <c r="FZ144" s="91"/>
      <c r="GA144" s="91"/>
      <c r="GB144" s="91"/>
      <c r="GC144" s="91"/>
      <c r="GD144" s="91"/>
      <c r="GE144" s="91"/>
      <c r="GF144" s="91"/>
      <c r="GG144" s="91"/>
      <c r="GH144" s="91"/>
      <c r="GI144" s="91"/>
      <c r="GJ144" s="91"/>
      <c r="GK144" s="127"/>
      <c r="GL144" s="126"/>
      <c r="GM144" s="91"/>
      <c r="GN144" s="91"/>
      <c r="GO144" s="91"/>
      <c r="GP144" s="91"/>
      <c r="GQ144" s="91"/>
      <c r="GR144" s="91"/>
      <c r="GS144" s="91"/>
      <c r="GT144" s="91"/>
      <c r="GU144" s="91"/>
      <c r="GV144" s="91"/>
      <c r="GW144" s="91"/>
      <c r="GX144" s="91"/>
      <c r="GY144" s="91"/>
      <c r="GZ144" s="91"/>
      <c r="HA144" s="91"/>
      <c r="HB144" s="91"/>
      <c r="HC144" s="91"/>
      <c r="HD144" s="91"/>
      <c r="HE144" s="91"/>
      <c r="HF144" s="91"/>
      <c r="HG144" s="91"/>
      <c r="HH144" s="91"/>
      <c r="HI144" s="91"/>
      <c r="HJ144" s="91"/>
      <c r="HK144" s="127"/>
      <c r="HL144" s="126"/>
      <c r="HM144" s="91"/>
      <c r="HN144" s="91"/>
      <c r="HO144" s="91"/>
      <c r="HP144" s="91"/>
      <c r="HQ144" s="91"/>
      <c r="HR144" s="91"/>
      <c r="HS144" s="91"/>
      <c r="HT144" s="91"/>
      <c r="HU144" s="91"/>
      <c r="HV144" s="91"/>
      <c r="HW144" s="91"/>
      <c r="HX144" s="91"/>
      <c r="HY144" s="91"/>
      <c r="HZ144" s="91"/>
      <c r="IA144" s="91"/>
      <c r="IB144" s="91"/>
      <c r="IC144" s="91"/>
      <c r="ID144" s="91"/>
      <c r="IE144" s="91"/>
      <c r="IF144" s="91"/>
      <c r="IG144" s="91"/>
      <c r="IH144" s="91"/>
      <c r="II144" s="91"/>
      <c r="IJ144" s="91"/>
      <c r="IK144" s="127"/>
    </row>
    <row r="145" spans="2:245" x14ac:dyDescent="0.2">
      <c r="B145" s="79"/>
      <c r="C145" s="73"/>
      <c r="D145" s="64"/>
      <c r="E145" s="64"/>
      <c r="F145" s="55"/>
      <c r="G145" s="102"/>
      <c r="H145" s="55"/>
      <c r="I145" s="55"/>
      <c r="J145" s="55"/>
      <c r="K145" s="55"/>
      <c r="L145" s="55"/>
      <c r="M145" s="55"/>
      <c r="N145" s="55"/>
      <c r="O145" s="55"/>
      <c r="P145" s="55"/>
      <c r="Q145" s="55"/>
      <c r="R145" s="55"/>
      <c r="S145" s="55"/>
      <c r="T145" s="55"/>
      <c r="U145" s="55"/>
      <c r="V145" s="55"/>
      <c r="W145" s="55"/>
      <c r="X145" s="55"/>
      <c r="Y145" s="55"/>
      <c r="Z145" s="55"/>
      <c r="AA145" s="55"/>
      <c r="AB145" s="55"/>
      <c r="AC145" s="55"/>
      <c r="AD145" s="55"/>
      <c r="AE145" s="55"/>
      <c r="AF145" s="55"/>
      <c r="AG145" s="55"/>
      <c r="AY145" s="162"/>
      <c r="AZ145" s="162"/>
      <c r="BA145" s="162"/>
      <c r="BB145" s="162"/>
      <c r="BC145" s="162"/>
      <c r="BD145" s="162"/>
      <c r="BE145" s="162"/>
      <c r="BF145" s="162"/>
      <c r="BG145" s="162"/>
      <c r="BH145" s="162"/>
      <c r="BI145" s="162"/>
      <c r="BJ145" s="162"/>
      <c r="BK145" s="162"/>
      <c r="BL145" s="162"/>
      <c r="BM145" s="162"/>
      <c r="BN145" s="162"/>
      <c r="BO145" s="162"/>
      <c r="BP145" s="162"/>
      <c r="BQ145" s="162"/>
      <c r="BR145" s="162"/>
      <c r="BS145" s="162"/>
      <c r="BT145" s="162"/>
      <c r="BU145" s="162"/>
      <c r="BV145" s="162"/>
      <c r="BW145" s="162"/>
      <c r="BX145" s="162"/>
      <c r="BY145" s="162"/>
      <c r="BZ145" s="162"/>
      <c r="CA145" s="162"/>
      <c r="CB145" s="162"/>
      <c r="CC145" s="162"/>
      <c r="CD145" s="162"/>
      <c r="CE145" s="162"/>
      <c r="CF145" s="162"/>
      <c r="CG145" s="162"/>
      <c r="CH145" s="162"/>
      <c r="CI145" s="162"/>
      <c r="CJ145" s="162"/>
      <c r="CK145" s="162"/>
      <c r="CX145" s="98"/>
      <c r="DL145" s="97"/>
      <c r="DX145" s="98"/>
      <c r="EL145" s="97"/>
      <c r="EX145" s="98"/>
      <c r="EY145" s="97"/>
      <c r="FL145" s="126"/>
      <c r="FM145" s="91"/>
      <c r="FN145" s="91"/>
      <c r="FO145" s="91"/>
      <c r="FP145" s="91"/>
      <c r="FQ145" s="91"/>
      <c r="FR145" s="91"/>
      <c r="FS145" s="91"/>
      <c r="FT145" s="91"/>
      <c r="FU145" s="91"/>
      <c r="FV145" s="91"/>
      <c r="FW145" s="91"/>
      <c r="FX145" s="91"/>
      <c r="FY145" s="91"/>
      <c r="FZ145" s="91"/>
      <c r="GA145" s="91"/>
      <c r="GB145" s="91"/>
      <c r="GC145" s="91"/>
      <c r="GD145" s="91"/>
      <c r="GE145" s="91"/>
      <c r="GF145" s="91"/>
      <c r="GG145" s="91"/>
      <c r="GH145" s="91"/>
      <c r="GI145" s="91"/>
      <c r="GJ145" s="91"/>
      <c r="GK145" s="127"/>
      <c r="GL145" s="126"/>
      <c r="GM145" s="91"/>
      <c r="GN145" s="91"/>
      <c r="GO145" s="91"/>
      <c r="GP145" s="91"/>
      <c r="GQ145" s="91"/>
      <c r="GR145" s="91"/>
      <c r="GS145" s="91"/>
      <c r="GT145" s="91"/>
      <c r="GU145" s="91"/>
      <c r="GV145" s="91"/>
      <c r="GW145" s="91"/>
      <c r="GX145" s="91"/>
      <c r="GY145" s="91"/>
      <c r="GZ145" s="91"/>
      <c r="HA145" s="91"/>
      <c r="HB145" s="91"/>
      <c r="HC145" s="91"/>
      <c r="HD145" s="91"/>
      <c r="HE145" s="91"/>
      <c r="HF145" s="91"/>
      <c r="HG145" s="91"/>
      <c r="HH145" s="91"/>
      <c r="HI145" s="91"/>
      <c r="HJ145" s="91"/>
      <c r="HK145" s="127"/>
      <c r="HL145" s="126"/>
      <c r="HM145" s="91"/>
      <c r="HN145" s="91"/>
      <c r="HO145" s="91"/>
      <c r="HP145" s="91"/>
      <c r="HQ145" s="91"/>
      <c r="HR145" s="91"/>
      <c r="HS145" s="91"/>
      <c r="HT145" s="91"/>
      <c r="HU145" s="91"/>
      <c r="HV145" s="91"/>
      <c r="HW145" s="91"/>
      <c r="HX145" s="91"/>
      <c r="HY145" s="91"/>
      <c r="HZ145" s="91"/>
      <c r="IA145" s="91"/>
      <c r="IB145" s="91"/>
      <c r="IC145" s="91"/>
      <c r="ID145" s="91"/>
      <c r="IE145" s="91"/>
      <c r="IF145" s="91"/>
      <c r="IG145" s="91"/>
      <c r="IH145" s="91"/>
      <c r="II145" s="91"/>
      <c r="IJ145" s="91"/>
      <c r="IK145" s="127"/>
    </row>
    <row r="146" spans="2:245" x14ac:dyDescent="0.2">
      <c r="B146" s="79"/>
      <c r="C146" s="73"/>
      <c r="D146" s="64"/>
      <c r="E146" s="64"/>
      <c r="F146" s="55"/>
      <c r="G146" s="102"/>
      <c r="H146" s="55"/>
      <c r="I146" s="55"/>
      <c r="J146" s="55"/>
      <c r="K146" s="55"/>
      <c r="L146" s="55"/>
      <c r="M146" s="55"/>
      <c r="N146" s="55"/>
      <c r="O146" s="55"/>
      <c r="P146" s="55"/>
      <c r="Q146" s="55"/>
      <c r="R146" s="55"/>
      <c r="S146" s="55"/>
      <c r="T146" s="55"/>
      <c r="U146" s="55"/>
      <c r="V146" s="55"/>
      <c r="W146" s="55"/>
      <c r="X146" s="55"/>
      <c r="Y146" s="55"/>
      <c r="Z146" s="55"/>
      <c r="AA146" s="55"/>
      <c r="AB146" s="55"/>
      <c r="AC146" s="55"/>
      <c r="AD146" s="55"/>
      <c r="AE146" s="55"/>
      <c r="AF146" s="55"/>
      <c r="AG146" s="55"/>
      <c r="AY146" s="162"/>
      <c r="AZ146" s="162"/>
      <c r="BA146" s="162"/>
      <c r="BB146" s="162"/>
      <c r="BC146" s="162"/>
      <c r="BD146" s="162"/>
      <c r="BE146" s="162"/>
      <c r="BF146" s="162"/>
      <c r="BG146" s="162"/>
      <c r="BH146" s="162"/>
      <c r="BI146" s="162"/>
      <c r="BJ146" s="162"/>
      <c r="BK146" s="162"/>
      <c r="BL146" s="162"/>
      <c r="BM146" s="162"/>
      <c r="BN146" s="162"/>
      <c r="BO146" s="162"/>
      <c r="BP146" s="162"/>
      <c r="BQ146" s="162"/>
      <c r="BR146" s="162"/>
      <c r="BS146" s="162"/>
      <c r="BT146" s="162"/>
      <c r="BU146" s="162"/>
      <c r="BV146" s="162"/>
      <c r="BW146" s="162"/>
      <c r="BX146" s="162"/>
      <c r="BY146" s="162"/>
      <c r="BZ146" s="162"/>
      <c r="CA146" s="162"/>
      <c r="CB146" s="162"/>
      <c r="CC146" s="162"/>
      <c r="CD146" s="162"/>
      <c r="CE146" s="162"/>
      <c r="CF146" s="162"/>
      <c r="CG146" s="162"/>
      <c r="CH146" s="162"/>
      <c r="CI146" s="162"/>
      <c r="CJ146" s="162"/>
      <c r="CK146" s="162"/>
      <c r="CX146" s="98"/>
      <c r="DL146" s="97"/>
      <c r="DX146" s="98"/>
      <c r="EL146" s="97"/>
      <c r="EX146" s="98"/>
      <c r="EY146" s="97"/>
      <c r="FL146" s="126"/>
      <c r="FM146" s="91"/>
      <c r="FN146" s="91"/>
      <c r="FO146" s="91"/>
      <c r="FP146" s="91"/>
      <c r="FQ146" s="91"/>
      <c r="FR146" s="91"/>
      <c r="FS146" s="91"/>
      <c r="FT146" s="91"/>
      <c r="FU146" s="91"/>
      <c r="FV146" s="91"/>
      <c r="FW146" s="91"/>
      <c r="FX146" s="91"/>
      <c r="FY146" s="91"/>
      <c r="FZ146" s="91"/>
      <c r="GA146" s="91"/>
      <c r="GB146" s="91"/>
      <c r="GC146" s="91"/>
      <c r="GD146" s="91"/>
      <c r="GE146" s="91"/>
      <c r="GF146" s="91"/>
      <c r="GG146" s="91"/>
      <c r="GH146" s="91"/>
      <c r="GI146" s="91"/>
      <c r="GJ146" s="91"/>
      <c r="GK146" s="127"/>
      <c r="GL146" s="126"/>
      <c r="GM146" s="91"/>
      <c r="GN146" s="91"/>
      <c r="GO146" s="91"/>
      <c r="GP146" s="91"/>
      <c r="GQ146" s="91"/>
      <c r="GR146" s="91"/>
      <c r="GS146" s="91"/>
      <c r="GT146" s="91"/>
      <c r="GU146" s="91"/>
      <c r="GV146" s="91"/>
      <c r="GW146" s="91"/>
      <c r="GX146" s="91"/>
      <c r="GY146" s="91"/>
      <c r="GZ146" s="91"/>
      <c r="HA146" s="91"/>
      <c r="HB146" s="91"/>
      <c r="HC146" s="91"/>
      <c r="HD146" s="91"/>
      <c r="HE146" s="91"/>
      <c r="HF146" s="91"/>
      <c r="HG146" s="91"/>
      <c r="HH146" s="91"/>
      <c r="HI146" s="91"/>
      <c r="HJ146" s="91"/>
      <c r="HK146" s="127"/>
      <c r="HL146" s="126"/>
      <c r="HM146" s="91"/>
      <c r="HN146" s="91"/>
      <c r="HO146" s="91"/>
      <c r="HP146" s="91"/>
      <c r="HQ146" s="91"/>
      <c r="HR146" s="91"/>
      <c r="HS146" s="91"/>
      <c r="HT146" s="91"/>
      <c r="HU146" s="91"/>
      <c r="HV146" s="91"/>
      <c r="HW146" s="91"/>
      <c r="HX146" s="91"/>
      <c r="HY146" s="91"/>
      <c r="HZ146" s="91"/>
      <c r="IA146" s="91"/>
      <c r="IB146" s="91"/>
      <c r="IC146" s="91"/>
      <c r="ID146" s="91"/>
      <c r="IE146" s="91"/>
      <c r="IF146" s="91"/>
      <c r="IG146" s="91"/>
      <c r="IH146" s="91"/>
      <c r="II146" s="91"/>
      <c r="IJ146" s="91"/>
      <c r="IK146" s="127"/>
    </row>
    <row r="147" spans="2:245" x14ac:dyDescent="0.2">
      <c r="B147" s="79"/>
      <c r="C147" s="73"/>
      <c r="D147" s="64"/>
      <c r="E147" s="64"/>
      <c r="F147" s="55"/>
      <c r="G147" s="102"/>
      <c r="H147" s="55"/>
      <c r="I147" s="55"/>
      <c r="J147" s="55"/>
      <c r="K147" s="55"/>
      <c r="L147" s="55"/>
      <c r="M147" s="55"/>
      <c r="N147" s="55"/>
      <c r="O147" s="55"/>
      <c r="P147" s="55"/>
      <c r="Q147" s="55"/>
      <c r="R147" s="55"/>
      <c r="S147" s="55"/>
      <c r="T147" s="55"/>
      <c r="U147" s="55"/>
      <c r="V147" s="55"/>
      <c r="W147" s="55"/>
      <c r="X147" s="55"/>
      <c r="Y147" s="55"/>
      <c r="Z147" s="55"/>
      <c r="AA147" s="55"/>
      <c r="AB147" s="55"/>
      <c r="AC147" s="55"/>
      <c r="AD147" s="55"/>
      <c r="AE147" s="55"/>
      <c r="AF147" s="55"/>
      <c r="AG147" s="55"/>
      <c r="AY147" s="162"/>
      <c r="AZ147" s="162"/>
      <c r="BA147" s="162"/>
      <c r="BB147" s="162"/>
      <c r="BC147" s="162"/>
      <c r="BD147" s="162"/>
      <c r="BE147" s="162"/>
      <c r="BF147" s="162"/>
      <c r="BG147" s="162"/>
      <c r="BH147" s="162"/>
      <c r="BI147" s="162"/>
      <c r="BJ147" s="162"/>
      <c r="BK147" s="162"/>
      <c r="BL147" s="162"/>
      <c r="BM147" s="162"/>
      <c r="BN147" s="162"/>
      <c r="BO147" s="162"/>
      <c r="BP147" s="162"/>
      <c r="BQ147" s="162"/>
      <c r="BR147" s="162"/>
      <c r="BS147" s="162"/>
      <c r="BT147" s="162"/>
      <c r="BU147" s="162"/>
      <c r="BV147" s="162"/>
      <c r="BW147" s="162"/>
      <c r="BX147" s="162"/>
      <c r="BY147" s="162"/>
      <c r="BZ147" s="162"/>
      <c r="CA147" s="162"/>
      <c r="CB147" s="162"/>
      <c r="CC147" s="162"/>
      <c r="CD147" s="162"/>
      <c r="CE147" s="162"/>
      <c r="CF147" s="162"/>
      <c r="CG147" s="162"/>
      <c r="CH147" s="162"/>
      <c r="CI147" s="162"/>
      <c r="CJ147" s="162"/>
      <c r="CK147" s="162"/>
      <c r="CX147" s="98"/>
      <c r="DL147" s="97"/>
      <c r="DX147" s="98"/>
      <c r="EL147" s="97"/>
      <c r="EX147" s="98"/>
      <c r="EY147" s="97"/>
      <c r="FL147" s="126"/>
      <c r="FM147" s="91"/>
      <c r="FN147" s="91"/>
      <c r="FO147" s="91"/>
      <c r="FP147" s="91"/>
      <c r="FQ147" s="91"/>
      <c r="FR147" s="91"/>
      <c r="FS147" s="91"/>
      <c r="FT147" s="91"/>
      <c r="FU147" s="91"/>
      <c r="FV147" s="91"/>
      <c r="FW147" s="91"/>
      <c r="FX147" s="91"/>
      <c r="FY147" s="91"/>
      <c r="FZ147" s="91"/>
      <c r="GA147" s="91"/>
      <c r="GB147" s="91"/>
      <c r="GC147" s="91"/>
      <c r="GD147" s="91"/>
      <c r="GE147" s="91"/>
      <c r="GF147" s="91"/>
      <c r="GG147" s="91"/>
      <c r="GH147" s="91"/>
      <c r="GI147" s="91"/>
      <c r="GJ147" s="91"/>
      <c r="GK147" s="127"/>
      <c r="GL147" s="126"/>
      <c r="GM147" s="91"/>
      <c r="GN147" s="91"/>
      <c r="GO147" s="91"/>
      <c r="GP147" s="91"/>
      <c r="GQ147" s="91"/>
      <c r="GR147" s="91"/>
      <c r="GS147" s="91"/>
      <c r="GT147" s="91"/>
      <c r="GU147" s="91"/>
      <c r="GV147" s="91"/>
      <c r="GW147" s="91"/>
      <c r="GX147" s="91"/>
      <c r="GY147" s="91"/>
      <c r="GZ147" s="91"/>
      <c r="HA147" s="91"/>
      <c r="HB147" s="91"/>
      <c r="HC147" s="91"/>
      <c r="HD147" s="91"/>
      <c r="HE147" s="91"/>
      <c r="HF147" s="91"/>
      <c r="HG147" s="91"/>
      <c r="HH147" s="91"/>
      <c r="HI147" s="91"/>
      <c r="HJ147" s="91"/>
      <c r="HK147" s="127"/>
      <c r="HL147" s="126"/>
      <c r="HM147" s="91"/>
      <c r="HN147" s="91"/>
      <c r="HO147" s="91"/>
      <c r="HP147" s="91"/>
      <c r="HQ147" s="91"/>
      <c r="HR147" s="91"/>
      <c r="HS147" s="91"/>
      <c r="HT147" s="91"/>
      <c r="HU147" s="91"/>
      <c r="HV147" s="91"/>
      <c r="HW147" s="91"/>
      <c r="HX147" s="91"/>
      <c r="HY147" s="91"/>
      <c r="HZ147" s="91"/>
      <c r="IA147" s="91"/>
      <c r="IB147" s="91"/>
      <c r="IC147" s="91"/>
      <c r="ID147" s="91"/>
      <c r="IE147" s="91"/>
      <c r="IF147" s="91"/>
      <c r="IG147" s="91"/>
      <c r="IH147" s="91"/>
      <c r="II147" s="91"/>
      <c r="IJ147" s="91"/>
      <c r="IK147" s="127"/>
    </row>
    <row r="148" spans="2:245" x14ac:dyDescent="0.2">
      <c r="B148" s="79"/>
      <c r="C148" s="73"/>
      <c r="D148" s="64"/>
      <c r="E148" s="64"/>
      <c r="F148" s="55"/>
      <c r="G148" s="102"/>
      <c r="H148" s="55"/>
      <c r="I148" s="55"/>
      <c r="J148" s="55"/>
      <c r="K148" s="55"/>
      <c r="L148" s="55"/>
      <c r="M148" s="55"/>
      <c r="N148" s="55"/>
      <c r="O148" s="55"/>
      <c r="P148" s="55"/>
      <c r="Q148" s="55"/>
      <c r="R148" s="55"/>
      <c r="S148" s="55"/>
      <c r="T148" s="55"/>
      <c r="U148" s="55"/>
      <c r="V148" s="55"/>
      <c r="W148" s="55"/>
      <c r="X148" s="55"/>
      <c r="Y148" s="55"/>
      <c r="Z148" s="55"/>
      <c r="AA148" s="55"/>
      <c r="AB148" s="55"/>
      <c r="AC148" s="55"/>
      <c r="AD148" s="55"/>
      <c r="AE148" s="55"/>
      <c r="AF148" s="55"/>
      <c r="AG148" s="55"/>
      <c r="AY148" s="162"/>
      <c r="AZ148" s="162"/>
      <c r="BA148" s="162"/>
      <c r="BB148" s="162"/>
      <c r="BC148" s="162"/>
      <c r="BD148" s="162"/>
      <c r="BE148" s="162"/>
      <c r="BF148" s="162"/>
      <c r="BG148" s="162"/>
      <c r="BH148" s="162"/>
      <c r="BI148" s="162"/>
      <c r="BJ148" s="162"/>
      <c r="BK148" s="162"/>
      <c r="BL148" s="162"/>
      <c r="BM148" s="162"/>
      <c r="BN148" s="162"/>
      <c r="BO148" s="162"/>
      <c r="BP148" s="162"/>
      <c r="BQ148" s="162"/>
      <c r="BR148" s="162"/>
      <c r="BS148" s="162"/>
      <c r="BT148" s="162"/>
      <c r="BU148" s="162"/>
      <c r="BV148" s="162"/>
      <c r="BW148" s="162"/>
      <c r="BX148" s="162"/>
      <c r="BY148" s="162"/>
      <c r="BZ148" s="162"/>
      <c r="CA148" s="162"/>
      <c r="CB148" s="162"/>
      <c r="CC148" s="162"/>
      <c r="CD148" s="162"/>
      <c r="CE148" s="162"/>
      <c r="CF148" s="162"/>
      <c r="CG148" s="162"/>
      <c r="CH148" s="162"/>
      <c r="CI148" s="162"/>
      <c r="CJ148" s="162"/>
      <c r="CK148" s="162"/>
      <c r="CX148" s="98"/>
      <c r="DL148" s="97"/>
      <c r="DX148" s="98"/>
      <c r="EL148" s="97"/>
      <c r="EX148" s="98"/>
      <c r="EY148" s="97"/>
      <c r="FL148" s="126"/>
      <c r="FM148" s="91"/>
      <c r="FN148" s="91"/>
      <c r="FO148" s="91"/>
      <c r="FP148" s="91"/>
      <c r="FQ148" s="91"/>
      <c r="FR148" s="91"/>
      <c r="FS148" s="91"/>
      <c r="FT148" s="91"/>
      <c r="FU148" s="91"/>
      <c r="FV148" s="91"/>
      <c r="FW148" s="91"/>
      <c r="FX148" s="91"/>
      <c r="FY148" s="91"/>
      <c r="FZ148" s="91"/>
      <c r="GA148" s="91"/>
      <c r="GB148" s="91"/>
      <c r="GC148" s="91"/>
      <c r="GD148" s="91"/>
      <c r="GE148" s="91"/>
      <c r="GF148" s="91"/>
      <c r="GG148" s="91"/>
      <c r="GH148" s="91"/>
      <c r="GI148" s="91"/>
      <c r="GJ148" s="91"/>
      <c r="GK148" s="127"/>
      <c r="GL148" s="126"/>
      <c r="GM148" s="91"/>
      <c r="GN148" s="91"/>
      <c r="GO148" s="91"/>
      <c r="GP148" s="91"/>
      <c r="GQ148" s="91"/>
      <c r="GR148" s="91"/>
      <c r="GS148" s="91"/>
      <c r="GT148" s="91"/>
      <c r="GU148" s="91"/>
      <c r="GV148" s="91"/>
      <c r="GW148" s="91"/>
      <c r="GX148" s="91"/>
      <c r="GY148" s="91"/>
      <c r="GZ148" s="91"/>
      <c r="HA148" s="91"/>
      <c r="HB148" s="91"/>
      <c r="HC148" s="91"/>
      <c r="HD148" s="91"/>
      <c r="HE148" s="91"/>
      <c r="HF148" s="91"/>
      <c r="HG148" s="91"/>
      <c r="HH148" s="91"/>
      <c r="HI148" s="91"/>
      <c r="HJ148" s="91"/>
      <c r="HK148" s="127"/>
      <c r="HL148" s="126"/>
      <c r="HM148" s="91"/>
      <c r="HN148" s="91"/>
      <c r="HO148" s="91"/>
      <c r="HP148" s="91"/>
      <c r="HQ148" s="91"/>
      <c r="HR148" s="91"/>
      <c r="HS148" s="91"/>
      <c r="HT148" s="91"/>
      <c r="HU148" s="91"/>
      <c r="HV148" s="91"/>
      <c r="HW148" s="91"/>
      <c r="HX148" s="91"/>
      <c r="HY148" s="91"/>
      <c r="HZ148" s="91"/>
      <c r="IA148" s="91"/>
      <c r="IB148" s="91"/>
      <c r="IC148" s="91"/>
      <c r="ID148" s="91"/>
      <c r="IE148" s="91"/>
      <c r="IF148" s="91"/>
      <c r="IG148" s="91"/>
      <c r="IH148" s="91"/>
      <c r="II148" s="91"/>
      <c r="IJ148" s="91"/>
      <c r="IK148" s="127"/>
    </row>
    <row r="149" spans="2:245" x14ac:dyDescent="0.2">
      <c r="B149" s="79"/>
      <c r="C149" s="73"/>
      <c r="D149" s="64"/>
      <c r="E149" s="64"/>
      <c r="F149" s="55"/>
      <c r="G149" s="102"/>
      <c r="H149" s="55"/>
      <c r="I149" s="55"/>
      <c r="J149" s="55"/>
      <c r="K149" s="55"/>
      <c r="L149" s="55"/>
      <c r="M149" s="55"/>
      <c r="N149" s="55"/>
      <c r="O149" s="55"/>
      <c r="P149" s="55"/>
      <c r="Q149" s="55"/>
      <c r="R149" s="55"/>
      <c r="S149" s="55"/>
      <c r="T149" s="55"/>
      <c r="U149" s="55"/>
      <c r="V149" s="55"/>
      <c r="W149" s="55"/>
      <c r="X149" s="55"/>
      <c r="Y149" s="55"/>
      <c r="Z149" s="55"/>
      <c r="AA149" s="55"/>
      <c r="AB149" s="55"/>
      <c r="AC149" s="55"/>
      <c r="AD149" s="55"/>
      <c r="AE149" s="55"/>
      <c r="AF149" s="55"/>
      <c r="AG149" s="55"/>
      <c r="AY149" s="162"/>
      <c r="AZ149" s="162"/>
      <c r="BA149" s="162"/>
      <c r="BB149" s="162"/>
      <c r="BC149" s="162"/>
      <c r="BD149" s="162"/>
      <c r="BE149" s="162"/>
      <c r="BF149" s="162"/>
      <c r="BG149" s="162"/>
      <c r="BH149" s="162"/>
      <c r="BI149" s="162"/>
      <c r="BJ149" s="162"/>
      <c r="BK149" s="162"/>
      <c r="BL149" s="162"/>
      <c r="BM149" s="162"/>
      <c r="BN149" s="162"/>
      <c r="BO149" s="162"/>
      <c r="BP149" s="162"/>
      <c r="BQ149" s="162"/>
      <c r="BR149" s="162"/>
      <c r="BS149" s="162"/>
      <c r="BT149" s="162"/>
      <c r="BU149" s="162"/>
      <c r="BV149" s="162"/>
      <c r="BW149" s="162"/>
      <c r="BX149" s="162"/>
      <c r="BY149" s="162"/>
      <c r="BZ149" s="162"/>
      <c r="CA149" s="162"/>
      <c r="CB149" s="162"/>
      <c r="CC149" s="162"/>
      <c r="CD149" s="162"/>
      <c r="CE149" s="162"/>
      <c r="CF149" s="162"/>
      <c r="CG149" s="162"/>
      <c r="CH149" s="162"/>
      <c r="CI149" s="162"/>
      <c r="CJ149" s="162"/>
      <c r="CK149" s="162"/>
      <c r="CX149" s="98"/>
      <c r="DL149" s="97"/>
      <c r="DX149" s="98"/>
      <c r="EL149" s="97"/>
      <c r="EX149" s="98"/>
      <c r="EY149" s="97"/>
      <c r="FL149" s="126"/>
      <c r="FM149" s="91"/>
      <c r="FN149" s="91"/>
      <c r="FO149" s="91"/>
      <c r="FP149" s="91"/>
      <c r="FQ149" s="91"/>
      <c r="FR149" s="91"/>
      <c r="FS149" s="91"/>
      <c r="FT149" s="91"/>
      <c r="FU149" s="91"/>
      <c r="FV149" s="91"/>
      <c r="FW149" s="91"/>
      <c r="FX149" s="91"/>
      <c r="FY149" s="91"/>
      <c r="FZ149" s="91"/>
      <c r="GA149" s="91"/>
      <c r="GB149" s="91"/>
      <c r="GC149" s="91"/>
      <c r="GD149" s="91"/>
      <c r="GE149" s="91"/>
      <c r="GF149" s="91"/>
      <c r="GG149" s="91"/>
      <c r="GH149" s="91"/>
      <c r="GI149" s="91"/>
      <c r="GJ149" s="91"/>
      <c r="GK149" s="127"/>
      <c r="GL149" s="126"/>
      <c r="GM149" s="91"/>
      <c r="GN149" s="91"/>
      <c r="GO149" s="91"/>
      <c r="GP149" s="91"/>
      <c r="GQ149" s="91"/>
      <c r="GR149" s="91"/>
      <c r="GS149" s="91"/>
      <c r="GT149" s="91"/>
      <c r="GU149" s="91"/>
      <c r="GV149" s="91"/>
      <c r="GW149" s="91"/>
      <c r="GX149" s="91"/>
      <c r="GY149" s="91"/>
      <c r="GZ149" s="91"/>
      <c r="HA149" s="91"/>
      <c r="HB149" s="91"/>
      <c r="HC149" s="91"/>
      <c r="HD149" s="91"/>
      <c r="HE149" s="91"/>
      <c r="HF149" s="91"/>
      <c r="HG149" s="91"/>
      <c r="HH149" s="91"/>
      <c r="HI149" s="91"/>
      <c r="HJ149" s="91"/>
      <c r="HK149" s="127"/>
      <c r="HL149" s="126"/>
      <c r="HM149" s="91"/>
      <c r="HN149" s="91"/>
      <c r="HO149" s="91"/>
      <c r="HP149" s="91"/>
      <c r="HQ149" s="91"/>
      <c r="HR149" s="91"/>
      <c r="HS149" s="91"/>
      <c r="HT149" s="91"/>
      <c r="HU149" s="91"/>
      <c r="HV149" s="91"/>
      <c r="HW149" s="91"/>
      <c r="HX149" s="91"/>
      <c r="HY149" s="91"/>
      <c r="HZ149" s="91"/>
      <c r="IA149" s="91"/>
      <c r="IB149" s="91"/>
      <c r="IC149" s="91"/>
      <c r="ID149" s="91"/>
      <c r="IE149" s="91"/>
      <c r="IF149" s="91"/>
      <c r="IG149" s="91"/>
      <c r="IH149" s="91"/>
      <c r="II149" s="91"/>
      <c r="IJ149" s="91"/>
      <c r="IK149" s="127"/>
    </row>
    <row r="150" spans="2:245" x14ac:dyDescent="0.2">
      <c r="B150" s="79"/>
      <c r="C150" s="73"/>
      <c r="D150" s="64"/>
      <c r="E150" s="64"/>
      <c r="F150" s="55"/>
      <c r="G150" s="102"/>
      <c r="H150" s="55"/>
      <c r="I150" s="55"/>
      <c r="J150" s="55"/>
      <c r="K150" s="55"/>
      <c r="L150" s="55"/>
      <c r="M150" s="55"/>
      <c r="N150" s="55"/>
      <c r="O150" s="55"/>
      <c r="P150" s="55"/>
      <c r="Q150" s="55"/>
      <c r="R150" s="55"/>
      <c r="S150" s="55"/>
      <c r="T150" s="55"/>
      <c r="U150" s="55"/>
      <c r="V150" s="55"/>
      <c r="W150" s="55"/>
      <c r="X150" s="55"/>
      <c r="Y150" s="55"/>
      <c r="Z150" s="55"/>
      <c r="AA150" s="55"/>
      <c r="AB150" s="55"/>
      <c r="AC150" s="55"/>
      <c r="AD150" s="55"/>
      <c r="AE150" s="55"/>
      <c r="AF150" s="55"/>
      <c r="AG150" s="55"/>
      <c r="AY150" s="162"/>
      <c r="AZ150" s="162"/>
      <c r="BA150" s="162"/>
      <c r="BB150" s="162"/>
      <c r="BC150" s="162"/>
      <c r="BD150" s="162"/>
      <c r="BE150" s="162"/>
      <c r="BF150" s="162"/>
      <c r="BG150" s="162"/>
      <c r="BH150" s="162"/>
      <c r="BI150" s="162"/>
      <c r="BJ150" s="162"/>
      <c r="BK150" s="162"/>
      <c r="BL150" s="162"/>
      <c r="BM150" s="162"/>
      <c r="BN150" s="162"/>
      <c r="BO150" s="162"/>
      <c r="BP150" s="162"/>
      <c r="BQ150" s="162"/>
      <c r="BR150" s="162"/>
      <c r="BS150" s="162"/>
      <c r="BT150" s="162"/>
      <c r="BU150" s="162"/>
      <c r="BV150" s="162"/>
      <c r="BW150" s="162"/>
      <c r="BX150" s="162"/>
      <c r="BY150" s="162"/>
      <c r="BZ150" s="162"/>
      <c r="CA150" s="162"/>
      <c r="CB150" s="162"/>
      <c r="CC150" s="162"/>
      <c r="CD150" s="162"/>
      <c r="CE150" s="162"/>
      <c r="CF150" s="162"/>
      <c r="CG150" s="162"/>
      <c r="CH150" s="162"/>
      <c r="CI150" s="162"/>
      <c r="CJ150" s="162"/>
      <c r="CK150" s="162"/>
      <c r="CX150" s="98"/>
      <c r="DL150" s="97"/>
      <c r="DX150" s="98"/>
      <c r="EL150" s="97"/>
      <c r="EX150" s="98"/>
      <c r="EY150" s="97"/>
      <c r="FL150" s="126"/>
      <c r="FM150" s="91"/>
      <c r="FN150" s="91"/>
      <c r="FO150" s="91"/>
      <c r="FP150" s="91"/>
      <c r="FQ150" s="91"/>
      <c r="FR150" s="91"/>
      <c r="FS150" s="91"/>
      <c r="FT150" s="91"/>
      <c r="FU150" s="91"/>
      <c r="FV150" s="91"/>
      <c r="FW150" s="91"/>
      <c r="FX150" s="91"/>
      <c r="FY150" s="91"/>
      <c r="FZ150" s="91"/>
      <c r="GA150" s="91"/>
      <c r="GB150" s="91"/>
      <c r="GC150" s="91"/>
      <c r="GD150" s="91"/>
      <c r="GE150" s="91"/>
      <c r="GF150" s="91"/>
      <c r="GG150" s="91"/>
      <c r="GH150" s="91"/>
      <c r="GI150" s="91"/>
      <c r="GJ150" s="91"/>
      <c r="GK150" s="127"/>
      <c r="GL150" s="126"/>
      <c r="GM150" s="91"/>
      <c r="GN150" s="91"/>
      <c r="GO150" s="91"/>
      <c r="GP150" s="91"/>
      <c r="GQ150" s="91"/>
      <c r="GR150" s="91"/>
      <c r="GS150" s="91"/>
      <c r="GT150" s="91"/>
      <c r="GU150" s="91"/>
      <c r="GV150" s="91"/>
      <c r="GW150" s="91"/>
      <c r="GX150" s="91"/>
      <c r="GY150" s="91"/>
      <c r="GZ150" s="91"/>
      <c r="HA150" s="91"/>
      <c r="HB150" s="91"/>
      <c r="HC150" s="91"/>
      <c r="HD150" s="91"/>
      <c r="HE150" s="91"/>
      <c r="HF150" s="91"/>
      <c r="HG150" s="91"/>
      <c r="HH150" s="91"/>
      <c r="HI150" s="91"/>
      <c r="HJ150" s="91"/>
      <c r="HK150" s="127"/>
      <c r="HL150" s="126"/>
      <c r="HM150" s="91"/>
      <c r="HN150" s="91"/>
      <c r="HO150" s="91"/>
      <c r="HP150" s="91"/>
      <c r="HQ150" s="91"/>
      <c r="HR150" s="91"/>
      <c r="HS150" s="91"/>
      <c r="HT150" s="91"/>
      <c r="HU150" s="91"/>
      <c r="HV150" s="91"/>
      <c r="HW150" s="91"/>
      <c r="HX150" s="91"/>
      <c r="HY150" s="91"/>
      <c r="HZ150" s="91"/>
      <c r="IA150" s="91"/>
      <c r="IB150" s="91"/>
      <c r="IC150" s="91"/>
      <c r="ID150" s="91"/>
      <c r="IE150" s="91"/>
      <c r="IF150" s="91"/>
      <c r="IG150" s="91"/>
      <c r="IH150" s="91"/>
      <c r="II150" s="91"/>
      <c r="IJ150" s="91"/>
      <c r="IK150" s="127"/>
    </row>
    <row r="151" spans="2:245" x14ac:dyDescent="0.2">
      <c r="B151" s="79"/>
      <c r="C151" s="73"/>
      <c r="D151" s="64"/>
      <c r="E151" s="64"/>
      <c r="F151" s="55"/>
      <c r="G151" s="102"/>
      <c r="H151" s="55"/>
      <c r="I151" s="55"/>
      <c r="J151" s="55"/>
      <c r="K151" s="55"/>
      <c r="L151" s="55"/>
      <c r="M151" s="55"/>
      <c r="N151" s="55"/>
      <c r="O151" s="55"/>
      <c r="P151" s="55"/>
      <c r="Q151" s="55"/>
      <c r="R151" s="55"/>
      <c r="S151" s="55"/>
      <c r="T151" s="55"/>
      <c r="U151" s="55"/>
      <c r="V151" s="55"/>
      <c r="W151" s="55"/>
      <c r="X151" s="55"/>
      <c r="Y151" s="55"/>
      <c r="Z151" s="55"/>
      <c r="AA151" s="55"/>
      <c r="AB151" s="55"/>
      <c r="AC151" s="55"/>
      <c r="AD151" s="55"/>
      <c r="AE151" s="55"/>
      <c r="AF151" s="55"/>
      <c r="AG151" s="55"/>
      <c r="AY151" s="162"/>
      <c r="AZ151" s="162"/>
      <c r="BA151" s="162"/>
      <c r="BB151" s="162"/>
      <c r="BC151" s="162"/>
      <c r="BD151" s="162"/>
      <c r="BE151" s="162"/>
      <c r="BF151" s="162"/>
      <c r="BG151" s="162"/>
      <c r="BH151" s="162"/>
      <c r="BI151" s="162"/>
      <c r="BJ151" s="162"/>
      <c r="BK151" s="162"/>
      <c r="BL151" s="162"/>
      <c r="BM151" s="162"/>
      <c r="BN151" s="162"/>
      <c r="BO151" s="162"/>
      <c r="BP151" s="162"/>
      <c r="BQ151" s="162"/>
      <c r="BR151" s="162"/>
      <c r="BS151" s="162"/>
      <c r="BT151" s="162"/>
      <c r="BU151" s="162"/>
      <c r="BV151" s="162"/>
      <c r="BW151" s="162"/>
      <c r="BX151" s="162"/>
      <c r="BY151" s="162"/>
      <c r="BZ151" s="162"/>
      <c r="CA151" s="162"/>
      <c r="CB151" s="162"/>
      <c r="CC151" s="162"/>
      <c r="CD151" s="162"/>
      <c r="CE151" s="162"/>
      <c r="CF151" s="162"/>
      <c r="CG151" s="162"/>
      <c r="CH151" s="162"/>
      <c r="CI151" s="162"/>
      <c r="CJ151" s="162"/>
      <c r="CK151" s="162"/>
      <c r="CX151" s="98"/>
      <c r="DL151" s="97"/>
      <c r="DX151" s="98"/>
      <c r="EL151" s="97"/>
      <c r="EX151" s="98"/>
      <c r="EY151" s="97"/>
      <c r="FL151" s="126"/>
      <c r="FM151" s="91"/>
      <c r="FN151" s="91"/>
      <c r="FO151" s="91"/>
      <c r="FP151" s="91"/>
      <c r="FQ151" s="91"/>
      <c r="FR151" s="91"/>
      <c r="FS151" s="91"/>
      <c r="FT151" s="91"/>
      <c r="FU151" s="91"/>
      <c r="FV151" s="91"/>
      <c r="FW151" s="91"/>
      <c r="FX151" s="91"/>
      <c r="FY151" s="91"/>
      <c r="FZ151" s="91"/>
      <c r="GA151" s="91"/>
      <c r="GB151" s="91"/>
      <c r="GC151" s="91"/>
      <c r="GD151" s="91"/>
      <c r="GE151" s="91"/>
      <c r="GF151" s="91"/>
      <c r="GG151" s="91"/>
      <c r="GH151" s="91"/>
      <c r="GI151" s="91"/>
      <c r="GJ151" s="91"/>
      <c r="GK151" s="127"/>
      <c r="GL151" s="126"/>
      <c r="GM151" s="91"/>
      <c r="GN151" s="91"/>
      <c r="GO151" s="91"/>
      <c r="GP151" s="91"/>
      <c r="GQ151" s="91"/>
      <c r="GR151" s="91"/>
      <c r="GS151" s="91"/>
      <c r="GT151" s="91"/>
      <c r="GU151" s="91"/>
      <c r="GV151" s="91"/>
      <c r="GW151" s="91"/>
      <c r="GX151" s="91"/>
      <c r="GY151" s="91"/>
      <c r="GZ151" s="91"/>
      <c r="HA151" s="91"/>
      <c r="HB151" s="91"/>
      <c r="HC151" s="91"/>
      <c r="HD151" s="91"/>
      <c r="HE151" s="91"/>
      <c r="HF151" s="91"/>
      <c r="HG151" s="91"/>
      <c r="HH151" s="91"/>
      <c r="HI151" s="91"/>
      <c r="HJ151" s="91"/>
      <c r="HK151" s="127"/>
      <c r="HL151" s="126"/>
      <c r="HM151" s="91"/>
      <c r="HN151" s="91"/>
      <c r="HO151" s="91"/>
      <c r="HP151" s="91"/>
      <c r="HQ151" s="91"/>
      <c r="HR151" s="91"/>
      <c r="HS151" s="91"/>
      <c r="HT151" s="91"/>
      <c r="HU151" s="91"/>
      <c r="HV151" s="91"/>
      <c r="HW151" s="91"/>
      <c r="HX151" s="91"/>
      <c r="HY151" s="91"/>
      <c r="HZ151" s="91"/>
      <c r="IA151" s="91"/>
      <c r="IB151" s="91"/>
      <c r="IC151" s="91"/>
      <c r="ID151" s="91"/>
      <c r="IE151" s="91"/>
      <c r="IF151" s="91"/>
      <c r="IG151" s="91"/>
      <c r="IH151" s="91"/>
      <c r="II151" s="91"/>
      <c r="IJ151" s="91"/>
      <c r="IK151" s="127"/>
    </row>
    <row r="152" spans="2:245" x14ac:dyDescent="0.2">
      <c r="B152" s="79"/>
      <c r="C152" s="73"/>
      <c r="D152" s="64"/>
      <c r="E152" s="64"/>
      <c r="F152" s="55"/>
      <c r="G152" s="102"/>
      <c r="H152" s="55"/>
      <c r="I152" s="55"/>
      <c r="J152" s="55"/>
      <c r="K152" s="55"/>
      <c r="L152" s="55"/>
      <c r="M152" s="55"/>
      <c r="N152" s="55"/>
      <c r="O152" s="55"/>
      <c r="P152" s="55"/>
      <c r="Q152" s="55"/>
      <c r="R152" s="55"/>
      <c r="S152" s="55"/>
      <c r="T152" s="55"/>
      <c r="U152" s="55"/>
      <c r="V152" s="55"/>
      <c r="W152" s="55"/>
      <c r="X152" s="55"/>
      <c r="Y152" s="55"/>
      <c r="Z152" s="55"/>
      <c r="AA152" s="55"/>
      <c r="AB152" s="55"/>
      <c r="AC152" s="55"/>
      <c r="AD152" s="55"/>
      <c r="AE152" s="55"/>
      <c r="AF152" s="55"/>
      <c r="AG152" s="55"/>
      <c r="AY152" s="162"/>
      <c r="AZ152" s="162"/>
      <c r="BA152" s="162"/>
      <c r="BB152" s="162"/>
      <c r="BC152" s="162"/>
      <c r="BD152" s="162"/>
      <c r="BE152" s="162"/>
      <c r="BF152" s="162"/>
      <c r="BG152" s="162"/>
      <c r="BH152" s="162"/>
      <c r="BI152" s="162"/>
      <c r="BJ152" s="162"/>
      <c r="BK152" s="162"/>
      <c r="BL152" s="162"/>
      <c r="BM152" s="162"/>
      <c r="BN152" s="162"/>
      <c r="BO152" s="162"/>
      <c r="BP152" s="162"/>
      <c r="BQ152" s="162"/>
      <c r="BR152" s="162"/>
      <c r="BS152" s="162"/>
      <c r="BT152" s="162"/>
      <c r="BU152" s="162"/>
      <c r="BV152" s="162"/>
      <c r="BW152" s="162"/>
      <c r="BX152" s="162"/>
      <c r="BY152" s="162"/>
      <c r="BZ152" s="162"/>
      <c r="CA152" s="162"/>
      <c r="CB152" s="162"/>
      <c r="CC152" s="162"/>
      <c r="CD152" s="162"/>
      <c r="CE152" s="162"/>
      <c r="CF152" s="162"/>
      <c r="CG152" s="162"/>
      <c r="CH152" s="162"/>
      <c r="CI152" s="162"/>
      <c r="CJ152" s="162"/>
      <c r="CK152" s="162"/>
      <c r="CX152" s="98"/>
      <c r="DL152" s="97"/>
      <c r="DX152" s="98"/>
      <c r="EL152" s="97"/>
      <c r="EX152" s="98"/>
      <c r="EY152" s="97"/>
      <c r="FL152" s="126"/>
      <c r="FM152" s="91"/>
      <c r="FN152" s="91"/>
      <c r="FO152" s="91"/>
      <c r="FP152" s="91"/>
      <c r="FQ152" s="91"/>
      <c r="FR152" s="91"/>
      <c r="FS152" s="91"/>
      <c r="FT152" s="91"/>
      <c r="FU152" s="91"/>
      <c r="FV152" s="91"/>
      <c r="FW152" s="91"/>
      <c r="FX152" s="91"/>
      <c r="FY152" s="91"/>
      <c r="FZ152" s="91"/>
      <c r="GA152" s="91"/>
      <c r="GB152" s="91"/>
      <c r="GC152" s="91"/>
      <c r="GD152" s="91"/>
      <c r="GE152" s="91"/>
      <c r="GF152" s="91"/>
      <c r="GG152" s="91"/>
      <c r="GH152" s="91"/>
      <c r="GI152" s="91"/>
      <c r="GJ152" s="91"/>
      <c r="GK152" s="127"/>
      <c r="GL152" s="126"/>
      <c r="GM152" s="91"/>
      <c r="GN152" s="91"/>
      <c r="GO152" s="91"/>
      <c r="GP152" s="91"/>
      <c r="GQ152" s="91"/>
      <c r="GR152" s="91"/>
      <c r="GS152" s="91"/>
      <c r="GT152" s="91"/>
      <c r="GU152" s="91"/>
      <c r="GV152" s="91"/>
      <c r="GW152" s="91"/>
      <c r="GX152" s="91"/>
      <c r="GY152" s="91"/>
      <c r="GZ152" s="91"/>
      <c r="HA152" s="91"/>
      <c r="HB152" s="91"/>
      <c r="HC152" s="91"/>
      <c r="HD152" s="91"/>
      <c r="HE152" s="91"/>
      <c r="HF152" s="91"/>
      <c r="HG152" s="91"/>
      <c r="HH152" s="91"/>
      <c r="HI152" s="91"/>
      <c r="HJ152" s="91"/>
      <c r="HK152" s="127"/>
      <c r="HL152" s="126"/>
      <c r="HM152" s="91"/>
      <c r="HN152" s="91"/>
      <c r="HO152" s="91"/>
      <c r="HP152" s="91"/>
      <c r="HQ152" s="91"/>
      <c r="HR152" s="91"/>
      <c r="HS152" s="91"/>
      <c r="HT152" s="91"/>
      <c r="HU152" s="91"/>
      <c r="HV152" s="91"/>
      <c r="HW152" s="91"/>
      <c r="HX152" s="91"/>
      <c r="HY152" s="91"/>
      <c r="HZ152" s="91"/>
      <c r="IA152" s="91"/>
      <c r="IB152" s="91"/>
      <c r="IC152" s="91"/>
      <c r="ID152" s="91"/>
      <c r="IE152" s="91"/>
      <c r="IF152" s="91"/>
      <c r="IG152" s="91"/>
      <c r="IH152" s="91"/>
      <c r="II152" s="91"/>
      <c r="IJ152" s="91"/>
      <c r="IK152" s="127"/>
    </row>
    <row r="153" spans="2:245" x14ac:dyDescent="0.2">
      <c r="B153" s="79"/>
      <c r="C153" s="73"/>
      <c r="D153" s="64"/>
      <c r="E153" s="64"/>
      <c r="F153" s="55"/>
      <c r="G153" s="102"/>
      <c r="H153" s="55"/>
      <c r="I153" s="55"/>
      <c r="J153" s="55"/>
      <c r="K153" s="55"/>
      <c r="L153" s="55"/>
      <c r="M153" s="55"/>
      <c r="N153" s="55"/>
      <c r="O153" s="55"/>
      <c r="P153" s="55"/>
      <c r="Q153" s="55"/>
      <c r="R153" s="55"/>
      <c r="S153" s="55"/>
      <c r="T153" s="55"/>
      <c r="U153" s="55"/>
      <c r="V153" s="55"/>
      <c r="W153" s="55"/>
      <c r="X153" s="55"/>
      <c r="Y153" s="55"/>
      <c r="Z153" s="55"/>
      <c r="AA153" s="55"/>
      <c r="AB153" s="55"/>
      <c r="AC153" s="55"/>
      <c r="AD153" s="55"/>
      <c r="AE153" s="55"/>
      <c r="AF153" s="55"/>
      <c r="AG153" s="55"/>
      <c r="AY153" s="162"/>
      <c r="AZ153" s="162"/>
      <c r="BA153" s="162"/>
      <c r="BB153" s="162"/>
      <c r="BC153" s="162"/>
      <c r="BD153" s="162"/>
      <c r="BE153" s="162"/>
      <c r="BF153" s="162"/>
      <c r="BG153" s="162"/>
      <c r="BH153" s="162"/>
      <c r="BI153" s="162"/>
      <c r="BJ153" s="162"/>
      <c r="BK153" s="162"/>
      <c r="BL153" s="162"/>
      <c r="BM153" s="162"/>
      <c r="BN153" s="162"/>
      <c r="BO153" s="162"/>
      <c r="BP153" s="162"/>
      <c r="BQ153" s="162"/>
      <c r="BR153" s="162"/>
      <c r="BS153" s="162"/>
      <c r="BT153" s="162"/>
      <c r="BU153" s="162"/>
      <c r="BV153" s="162"/>
      <c r="BW153" s="162"/>
      <c r="BX153" s="162"/>
      <c r="BY153" s="162"/>
      <c r="BZ153" s="162"/>
      <c r="CA153" s="162"/>
      <c r="CB153" s="162"/>
      <c r="CC153" s="162"/>
      <c r="CD153" s="162"/>
      <c r="CE153" s="162"/>
      <c r="CF153" s="162"/>
      <c r="CG153" s="162"/>
      <c r="CH153" s="162"/>
      <c r="CI153" s="162"/>
      <c r="CJ153" s="162"/>
      <c r="CK153" s="162"/>
      <c r="CX153" s="98"/>
      <c r="DL153" s="97"/>
      <c r="DX153" s="98"/>
      <c r="EL153" s="97"/>
      <c r="EX153" s="98"/>
      <c r="EY153" s="97"/>
      <c r="FL153" s="126"/>
      <c r="FM153" s="91"/>
      <c r="FN153" s="91"/>
      <c r="FO153" s="91"/>
      <c r="FP153" s="91"/>
      <c r="FQ153" s="91"/>
      <c r="FR153" s="91"/>
      <c r="FS153" s="91"/>
      <c r="FT153" s="91"/>
      <c r="FU153" s="91"/>
      <c r="FV153" s="91"/>
      <c r="FW153" s="91"/>
      <c r="FX153" s="91"/>
      <c r="FY153" s="91"/>
      <c r="FZ153" s="91"/>
      <c r="GA153" s="91"/>
      <c r="GB153" s="91"/>
      <c r="GC153" s="91"/>
      <c r="GD153" s="91"/>
      <c r="GE153" s="91"/>
      <c r="GF153" s="91"/>
      <c r="GG153" s="91"/>
      <c r="GH153" s="91"/>
      <c r="GI153" s="91"/>
      <c r="GJ153" s="91"/>
      <c r="GK153" s="127"/>
      <c r="GL153" s="126"/>
      <c r="GM153" s="91"/>
      <c r="GN153" s="91"/>
      <c r="GO153" s="91"/>
      <c r="GP153" s="91"/>
      <c r="GQ153" s="91"/>
      <c r="GR153" s="91"/>
      <c r="GS153" s="91"/>
      <c r="GT153" s="91"/>
      <c r="GU153" s="91"/>
      <c r="GV153" s="91"/>
      <c r="GW153" s="91"/>
      <c r="GX153" s="91"/>
      <c r="GY153" s="91"/>
      <c r="GZ153" s="91"/>
      <c r="HA153" s="91"/>
      <c r="HB153" s="91"/>
      <c r="HC153" s="91"/>
      <c r="HD153" s="91"/>
      <c r="HE153" s="91"/>
      <c r="HF153" s="91"/>
      <c r="HG153" s="91"/>
      <c r="HH153" s="91"/>
      <c r="HI153" s="91"/>
      <c r="HJ153" s="91"/>
      <c r="HK153" s="127"/>
      <c r="HL153" s="126"/>
      <c r="HM153" s="91"/>
      <c r="HN153" s="91"/>
      <c r="HO153" s="91"/>
      <c r="HP153" s="91"/>
      <c r="HQ153" s="91"/>
      <c r="HR153" s="91"/>
      <c r="HS153" s="91"/>
      <c r="HT153" s="91"/>
      <c r="HU153" s="91"/>
      <c r="HV153" s="91"/>
      <c r="HW153" s="91"/>
      <c r="HX153" s="91"/>
      <c r="HY153" s="91"/>
      <c r="HZ153" s="91"/>
      <c r="IA153" s="91"/>
      <c r="IB153" s="91"/>
      <c r="IC153" s="91"/>
      <c r="ID153" s="91"/>
      <c r="IE153" s="91"/>
      <c r="IF153" s="91"/>
      <c r="IG153" s="91"/>
      <c r="IH153" s="91"/>
      <c r="II153" s="91"/>
      <c r="IJ153" s="91"/>
      <c r="IK153" s="127"/>
    </row>
    <row r="154" spans="2:245" x14ac:dyDescent="0.2">
      <c r="B154" s="79"/>
      <c r="C154" s="73"/>
      <c r="D154" s="64"/>
      <c r="E154" s="64"/>
      <c r="F154" s="55"/>
      <c r="G154" s="102"/>
      <c r="H154" s="55"/>
      <c r="I154" s="55"/>
      <c r="J154" s="55"/>
      <c r="K154" s="55"/>
      <c r="L154" s="55"/>
      <c r="M154" s="55"/>
      <c r="N154" s="55"/>
      <c r="O154" s="55"/>
      <c r="P154" s="55"/>
      <c r="Q154" s="55"/>
      <c r="R154" s="55"/>
      <c r="S154" s="55"/>
      <c r="T154" s="55"/>
      <c r="U154" s="55"/>
      <c r="V154" s="55"/>
      <c r="W154" s="55"/>
      <c r="X154" s="55"/>
      <c r="Y154" s="55"/>
      <c r="Z154" s="55"/>
      <c r="AA154" s="55"/>
      <c r="AB154" s="55"/>
      <c r="AC154" s="55"/>
      <c r="AD154" s="55"/>
      <c r="AE154" s="55"/>
      <c r="AF154" s="55"/>
      <c r="AG154" s="55"/>
      <c r="AY154" s="162"/>
      <c r="AZ154" s="162"/>
      <c r="BA154" s="162"/>
      <c r="BB154" s="162"/>
      <c r="BC154" s="162"/>
      <c r="BD154" s="162"/>
      <c r="BE154" s="162"/>
      <c r="BF154" s="162"/>
      <c r="BG154" s="162"/>
      <c r="BH154" s="162"/>
      <c r="BI154" s="162"/>
      <c r="BJ154" s="162"/>
      <c r="BK154" s="162"/>
      <c r="BL154" s="162"/>
      <c r="BM154" s="162"/>
      <c r="BN154" s="162"/>
      <c r="BO154" s="162"/>
      <c r="BP154" s="162"/>
      <c r="BQ154" s="162"/>
      <c r="BR154" s="162"/>
      <c r="BS154" s="162"/>
      <c r="BT154" s="162"/>
      <c r="BU154" s="162"/>
      <c r="BV154" s="162"/>
      <c r="BW154" s="162"/>
      <c r="BX154" s="162"/>
      <c r="BY154" s="162"/>
      <c r="BZ154" s="162"/>
      <c r="CA154" s="162"/>
      <c r="CB154" s="162"/>
      <c r="CC154" s="162"/>
      <c r="CD154" s="162"/>
      <c r="CE154" s="162"/>
      <c r="CF154" s="162"/>
      <c r="CG154" s="162"/>
      <c r="CH154" s="162"/>
      <c r="CI154" s="162"/>
      <c r="CJ154" s="162"/>
      <c r="CK154" s="162"/>
      <c r="CX154" s="98"/>
      <c r="DL154" s="97"/>
      <c r="DX154" s="98"/>
      <c r="EL154" s="97"/>
      <c r="EX154" s="98"/>
      <c r="EY154" s="97"/>
      <c r="FL154" s="126"/>
      <c r="FM154" s="91"/>
      <c r="FN154" s="91"/>
      <c r="FO154" s="91"/>
      <c r="FP154" s="91"/>
      <c r="FQ154" s="91"/>
      <c r="FR154" s="91"/>
      <c r="FS154" s="91"/>
      <c r="FT154" s="91"/>
      <c r="FU154" s="91"/>
      <c r="FV154" s="91"/>
      <c r="FW154" s="91"/>
      <c r="FX154" s="91"/>
      <c r="FY154" s="91"/>
      <c r="FZ154" s="91"/>
      <c r="GA154" s="91"/>
      <c r="GB154" s="91"/>
      <c r="GC154" s="91"/>
      <c r="GD154" s="91"/>
      <c r="GE154" s="91"/>
      <c r="GF154" s="91"/>
      <c r="GG154" s="91"/>
      <c r="GH154" s="91"/>
      <c r="GI154" s="91"/>
      <c r="GJ154" s="91"/>
      <c r="GK154" s="127"/>
      <c r="GL154" s="126"/>
      <c r="GM154" s="91"/>
      <c r="GN154" s="91"/>
      <c r="GO154" s="91"/>
      <c r="GP154" s="91"/>
      <c r="GQ154" s="91"/>
      <c r="GR154" s="91"/>
      <c r="GS154" s="91"/>
      <c r="GT154" s="91"/>
      <c r="GU154" s="91"/>
      <c r="GV154" s="91"/>
      <c r="GW154" s="91"/>
      <c r="GX154" s="91"/>
      <c r="GY154" s="91"/>
      <c r="GZ154" s="91"/>
      <c r="HA154" s="91"/>
      <c r="HB154" s="91"/>
      <c r="HC154" s="91"/>
      <c r="HD154" s="91"/>
      <c r="HE154" s="91"/>
      <c r="HF154" s="91"/>
      <c r="HG154" s="91"/>
      <c r="HH154" s="91"/>
      <c r="HI154" s="91"/>
      <c r="HJ154" s="91"/>
      <c r="HK154" s="127"/>
      <c r="HL154" s="126"/>
      <c r="HM154" s="91"/>
      <c r="HN154" s="91"/>
      <c r="HO154" s="91"/>
      <c r="HP154" s="91"/>
      <c r="HQ154" s="91"/>
      <c r="HR154" s="91"/>
      <c r="HS154" s="91"/>
      <c r="HT154" s="91"/>
      <c r="HU154" s="91"/>
      <c r="HV154" s="91"/>
      <c r="HW154" s="91"/>
      <c r="HX154" s="91"/>
      <c r="HY154" s="91"/>
      <c r="HZ154" s="91"/>
      <c r="IA154" s="91"/>
      <c r="IB154" s="91"/>
      <c r="IC154" s="91"/>
      <c r="ID154" s="91"/>
      <c r="IE154" s="91"/>
      <c r="IF154" s="91"/>
      <c r="IG154" s="91"/>
      <c r="IH154" s="91"/>
      <c r="II154" s="91"/>
      <c r="IJ154" s="91"/>
      <c r="IK154" s="127"/>
    </row>
    <row r="155" spans="2:245" x14ac:dyDescent="0.2">
      <c r="B155" s="79"/>
      <c r="C155" s="73"/>
      <c r="D155" s="64"/>
      <c r="E155" s="64"/>
      <c r="F155" s="55"/>
      <c r="G155" s="102"/>
      <c r="H155" s="55"/>
      <c r="I155" s="55"/>
      <c r="J155" s="55"/>
      <c r="K155" s="55"/>
      <c r="L155" s="55"/>
      <c r="M155" s="55"/>
      <c r="N155" s="55"/>
      <c r="O155" s="55"/>
      <c r="P155" s="55"/>
      <c r="Q155" s="55"/>
      <c r="R155" s="55"/>
      <c r="S155" s="55"/>
      <c r="T155" s="55"/>
      <c r="U155" s="55"/>
      <c r="V155" s="55"/>
      <c r="W155" s="55"/>
      <c r="X155" s="55"/>
      <c r="Y155" s="55"/>
      <c r="Z155" s="55"/>
      <c r="AA155" s="55"/>
      <c r="AB155" s="55"/>
      <c r="AC155" s="55"/>
      <c r="AD155" s="55"/>
      <c r="AE155" s="55"/>
      <c r="AF155" s="55"/>
      <c r="AG155" s="55"/>
      <c r="AY155" s="162"/>
      <c r="AZ155" s="162"/>
      <c r="BA155" s="162"/>
      <c r="BB155" s="162"/>
      <c r="BC155" s="162"/>
      <c r="BD155" s="162"/>
      <c r="BE155" s="162"/>
      <c r="BF155" s="162"/>
      <c r="BG155" s="162"/>
      <c r="BH155" s="162"/>
      <c r="BI155" s="162"/>
      <c r="BJ155" s="162"/>
      <c r="BK155" s="162"/>
      <c r="BL155" s="162"/>
      <c r="BM155" s="162"/>
      <c r="BN155" s="162"/>
      <c r="BO155" s="162"/>
      <c r="BP155" s="162"/>
      <c r="BQ155" s="162"/>
      <c r="BR155" s="162"/>
      <c r="BS155" s="162"/>
      <c r="BT155" s="162"/>
      <c r="BU155" s="162"/>
      <c r="BV155" s="162"/>
      <c r="BW155" s="162"/>
      <c r="BX155" s="162"/>
      <c r="BY155" s="162"/>
      <c r="BZ155" s="162"/>
      <c r="CA155" s="162"/>
      <c r="CB155" s="162"/>
      <c r="CC155" s="162"/>
      <c r="CD155" s="162"/>
      <c r="CE155" s="162"/>
      <c r="CF155" s="162"/>
      <c r="CG155" s="162"/>
      <c r="CH155" s="162"/>
      <c r="CI155" s="162"/>
      <c r="CJ155" s="162"/>
      <c r="CK155" s="162"/>
      <c r="CX155" s="98"/>
      <c r="DL155" s="97"/>
      <c r="DX155" s="98"/>
      <c r="EL155" s="97"/>
      <c r="EX155" s="98"/>
      <c r="EY155" s="97"/>
      <c r="FL155" s="126"/>
      <c r="FM155" s="91"/>
      <c r="FN155" s="91"/>
      <c r="FO155" s="91"/>
      <c r="FP155" s="91"/>
      <c r="FQ155" s="91"/>
      <c r="FR155" s="91"/>
      <c r="FS155" s="91"/>
      <c r="FT155" s="91"/>
      <c r="FU155" s="91"/>
      <c r="FV155" s="91"/>
      <c r="FW155" s="91"/>
      <c r="FX155" s="91"/>
      <c r="FY155" s="91"/>
      <c r="FZ155" s="91"/>
      <c r="GA155" s="91"/>
      <c r="GB155" s="91"/>
      <c r="GC155" s="91"/>
      <c r="GD155" s="91"/>
      <c r="GE155" s="91"/>
      <c r="GF155" s="91"/>
      <c r="GG155" s="91"/>
      <c r="GH155" s="91"/>
      <c r="GI155" s="91"/>
      <c r="GJ155" s="91"/>
      <c r="GK155" s="127"/>
      <c r="GL155" s="126"/>
      <c r="GM155" s="91"/>
      <c r="GN155" s="91"/>
      <c r="GO155" s="91"/>
      <c r="GP155" s="91"/>
      <c r="GQ155" s="91"/>
      <c r="GR155" s="91"/>
      <c r="GS155" s="91"/>
      <c r="GT155" s="91"/>
      <c r="GU155" s="91"/>
      <c r="GV155" s="91"/>
      <c r="GW155" s="91"/>
      <c r="GX155" s="91"/>
      <c r="GY155" s="91"/>
      <c r="GZ155" s="91"/>
      <c r="HA155" s="91"/>
      <c r="HB155" s="91"/>
      <c r="HC155" s="91"/>
      <c r="HD155" s="91"/>
      <c r="HE155" s="91"/>
      <c r="HF155" s="91"/>
      <c r="HG155" s="91"/>
      <c r="HH155" s="91"/>
      <c r="HI155" s="91"/>
      <c r="HJ155" s="91"/>
      <c r="HK155" s="127"/>
      <c r="HL155" s="126"/>
      <c r="HM155" s="91"/>
      <c r="HN155" s="91"/>
      <c r="HO155" s="91"/>
      <c r="HP155" s="91"/>
      <c r="HQ155" s="91"/>
      <c r="HR155" s="91"/>
      <c r="HS155" s="91"/>
      <c r="HT155" s="91"/>
      <c r="HU155" s="91"/>
      <c r="HV155" s="91"/>
      <c r="HW155" s="91"/>
      <c r="HX155" s="91"/>
      <c r="HY155" s="91"/>
      <c r="HZ155" s="91"/>
      <c r="IA155" s="91"/>
      <c r="IB155" s="91"/>
      <c r="IC155" s="91"/>
      <c r="ID155" s="91"/>
      <c r="IE155" s="91"/>
      <c r="IF155" s="91"/>
      <c r="IG155" s="91"/>
      <c r="IH155" s="91"/>
      <c r="II155" s="91"/>
      <c r="IJ155" s="91"/>
      <c r="IK155" s="127"/>
    </row>
    <row r="156" spans="2:245" x14ac:dyDescent="0.2">
      <c r="B156" s="79"/>
      <c r="C156" s="73"/>
      <c r="D156" s="64"/>
      <c r="E156" s="64"/>
      <c r="F156" s="55"/>
      <c r="G156" s="102"/>
      <c r="H156" s="55"/>
      <c r="I156" s="55"/>
      <c r="J156" s="55"/>
      <c r="K156" s="55"/>
      <c r="L156" s="55"/>
      <c r="M156" s="55"/>
      <c r="N156" s="55"/>
      <c r="O156" s="55"/>
      <c r="P156" s="55"/>
      <c r="Q156" s="55"/>
      <c r="R156" s="55"/>
      <c r="S156" s="55"/>
      <c r="T156" s="55"/>
      <c r="U156" s="55"/>
      <c r="V156" s="55"/>
      <c r="W156" s="55"/>
      <c r="X156" s="55"/>
      <c r="Y156" s="55"/>
      <c r="Z156" s="55"/>
      <c r="AA156" s="55"/>
      <c r="AB156" s="55"/>
      <c r="AC156" s="55"/>
      <c r="AD156" s="55"/>
      <c r="AE156" s="55"/>
      <c r="AF156" s="55"/>
      <c r="AG156" s="55"/>
      <c r="AY156" s="162"/>
      <c r="AZ156" s="162"/>
      <c r="BA156" s="162"/>
      <c r="BB156" s="162"/>
      <c r="BC156" s="162"/>
      <c r="BD156" s="162"/>
      <c r="BE156" s="162"/>
      <c r="BF156" s="162"/>
      <c r="BG156" s="162"/>
      <c r="BH156" s="162"/>
      <c r="BI156" s="162"/>
      <c r="BJ156" s="162"/>
      <c r="BK156" s="162"/>
      <c r="BL156" s="162"/>
      <c r="BM156" s="162"/>
      <c r="BN156" s="162"/>
      <c r="BO156" s="162"/>
      <c r="BP156" s="162"/>
      <c r="BQ156" s="162"/>
      <c r="BR156" s="162"/>
      <c r="BS156" s="162"/>
      <c r="BT156" s="162"/>
      <c r="BU156" s="162"/>
      <c r="BV156" s="162"/>
      <c r="BW156" s="162"/>
      <c r="BX156" s="162"/>
      <c r="BY156" s="162"/>
      <c r="BZ156" s="162"/>
      <c r="CA156" s="162"/>
      <c r="CB156" s="162"/>
      <c r="CC156" s="162"/>
      <c r="CD156" s="162"/>
      <c r="CE156" s="162"/>
      <c r="CF156" s="162"/>
      <c r="CG156" s="162"/>
      <c r="CH156" s="162"/>
      <c r="CI156" s="162"/>
      <c r="CJ156" s="162"/>
      <c r="CK156" s="162"/>
      <c r="CX156" s="98"/>
      <c r="DL156" s="97"/>
      <c r="DX156" s="98"/>
      <c r="EL156" s="97"/>
      <c r="EX156" s="98"/>
      <c r="EY156" s="97"/>
      <c r="FL156" s="126"/>
      <c r="FM156" s="91"/>
      <c r="FN156" s="91"/>
      <c r="FO156" s="91"/>
      <c r="FP156" s="91"/>
      <c r="FQ156" s="91"/>
      <c r="FR156" s="91"/>
      <c r="FS156" s="91"/>
      <c r="FT156" s="91"/>
      <c r="FU156" s="91"/>
      <c r="FV156" s="91"/>
      <c r="FW156" s="91"/>
      <c r="FX156" s="91"/>
      <c r="FY156" s="91"/>
      <c r="FZ156" s="91"/>
      <c r="GA156" s="91"/>
      <c r="GB156" s="91"/>
      <c r="GC156" s="91"/>
      <c r="GD156" s="91"/>
      <c r="GE156" s="91"/>
      <c r="GF156" s="91"/>
      <c r="GG156" s="91"/>
      <c r="GH156" s="91"/>
      <c r="GI156" s="91"/>
      <c r="GJ156" s="91"/>
      <c r="GK156" s="127"/>
      <c r="GL156" s="126"/>
      <c r="GM156" s="91"/>
      <c r="GN156" s="91"/>
      <c r="GO156" s="91"/>
      <c r="GP156" s="91"/>
      <c r="GQ156" s="91"/>
      <c r="GR156" s="91"/>
      <c r="GS156" s="91"/>
      <c r="GT156" s="91"/>
      <c r="GU156" s="91"/>
      <c r="GV156" s="91"/>
      <c r="GW156" s="91"/>
      <c r="GX156" s="91"/>
      <c r="GY156" s="91"/>
      <c r="GZ156" s="91"/>
      <c r="HA156" s="91"/>
      <c r="HB156" s="91"/>
      <c r="HC156" s="91"/>
      <c r="HD156" s="91"/>
      <c r="HE156" s="91"/>
      <c r="HF156" s="91"/>
      <c r="HG156" s="91"/>
      <c r="HH156" s="91"/>
      <c r="HI156" s="91"/>
      <c r="HJ156" s="91"/>
      <c r="HK156" s="127"/>
      <c r="HL156" s="126"/>
      <c r="HM156" s="91"/>
      <c r="HN156" s="91"/>
      <c r="HO156" s="91"/>
      <c r="HP156" s="91"/>
      <c r="HQ156" s="91"/>
      <c r="HR156" s="91"/>
      <c r="HS156" s="91"/>
      <c r="HT156" s="91"/>
      <c r="HU156" s="91"/>
      <c r="HV156" s="91"/>
      <c r="HW156" s="91"/>
      <c r="HX156" s="91"/>
      <c r="HY156" s="91"/>
      <c r="HZ156" s="91"/>
      <c r="IA156" s="91"/>
      <c r="IB156" s="91"/>
      <c r="IC156" s="91"/>
      <c r="ID156" s="91"/>
      <c r="IE156" s="91"/>
      <c r="IF156" s="91"/>
      <c r="IG156" s="91"/>
      <c r="IH156" s="91"/>
      <c r="II156" s="91"/>
      <c r="IJ156" s="91"/>
      <c r="IK156" s="127"/>
    </row>
    <row r="157" spans="2:245" x14ac:dyDescent="0.2">
      <c r="B157" s="79"/>
      <c r="C157" s="73"/>
      <c r="D157" s="64"/>
      <c r="E157" s="64"/>
      <c r="F157" s="55"/>
      <c r="G157" s="102"/>
      <c r="H157" s="55"/>
      <c r="I157" s="55"/>
      <c r="J157" s="55"/>
      <c r="K157" s="55"/>
      <c r="L157" s="55"/>
      <c r="M157" s="55"/>
      <c r="N157" s="55"/>
      <c r="O157" s="55"/>
      <c r="P157" s="55"/>
      <c r="Q157" s="55"/>
      <c r="R157" s="55"/>
      <c r="S157" s="55"/>
      <c r="T157" s="55"/>
      <c r="U157" s="55"/>
      <c r="V157" s="55"/>
      <c r="W157" s="55"/>
      <c r="X157" s="55"/>
      <c r="Y157" s="55"/>
      <c r="Z157" s="55"/>
      <c r="AA157" s="55"/>
      <c r="AB157" s="55"/>
      <c r="AC157" s="55"/>
      <c r="AD157" s="55"/>
      <c r="AE157" s="55"/>
      <c r="AF157" s="55"/>
      <c r="AG157" s="55"/>
      <c r="AY157" s="162"/>
      <c r="AZ157" s="162"/>
      <c r="BA157" s="162"/>
      <c r="BB157" s="162"/>
      <c r="BC157" s="162"/>
      <c r="BD157" s="162"/>
      <c r="BE157" s="162"/>
      <c r="BF157" s="162"/>
      <c r="BG157" s="162"/>
      <c r="BH157" s="162"/>
      <c r="BI157" s="162"/>
      <c r="BJ157" s="162"/>
      <c r="BK157" s="162"/>
      <c r="BL157" s="162"/>
      <c r="BM157" s="162"/>
      <c r="BN157" s="162"/>
      <c r="BO157" s="162"/>
      <c r="BP157" s="162"/>
      <c r="BQ157" s="162"/>
      <c r="BR157" s="162"/>
      <c r="BS157" s="162"/>
      <c r="BT157" s="162"/>
      <c r="BU157" s="162"/>
      <c r="BV157" s="162"/>
      <c r="BW157" s="162"/>
      <c r="BX157" s="162"/>
      <c r="BY157" s="162"/>
      <c r="BZ157" s="162"/>
      <c r="CA157" s="162"/>
      <c r="CB157" s="162"/>
      <c r="CC157" s="162"/>
      <c r="CD157" s="162"/>
      <c r="CE157" s="162"/>
      <c r="CF157" s="162"/>
      <c r="CG157" s="162"/>
      <c r="CH157" s="162"/>
      <c r="CI157" s="162"/>
      <c r="CJ157" s="162"/>
      <c r="CK157" s="162"/>
      <c r="CX157" s="98"/>
      <c r="DL157" s="97"/>
      <c r="DX157" s="98"/>
      <c r="EL157" s="97"/>
      <c r="EX157" s="98"/>
      <c r="EY157" s="97"/>
      <c r="FL157" s="126"/>
      <c r="FM157" s="91"/>
      <c r="FN157" s="91"/>
      <c r="FO157" s="91"/>
      <c r="FP157" s="91"/>
      <c r="FQ157" s="91"/>
      <c r="FR157" s="91"/>
      <c r="FS157" s="91"/>
      <c r="FT157" s="91"/>
      <c r="FU157" s="91"/>
      <c r="FV157" s="91"/>
      <c r="FW157" s="91"/>
      <c r="FX157" s="91"/>
      <c r="FY157" s="91"/>
      <c r="FZ157" s="91"/>
      <c r="GA157" s="91"/>
      <c r="GB157" s="91"/>
      <c r="GC157" s="91"/>
      <c r="GD157" s="91"/>
      <c r="GE157" s="91"/>
      <c r="GF157" s="91"/>
      <c r="GG157" s="91"/>
      <c r="GH157" s="91"/>
      <c r="GI157" s="91"/>
      <c r="GJ157" s="91"/>
      <c r="GK157" s="127"/>
      <c r="GL157" s="126"/>
      <c r="GM157" s="91"/>
      <c r="GN157" s="91"/>
      <c r="GO157" s="91"/>
      <c r="GP157" s="91"/>
      <c r="GQ157" s="91"/>
      <c r="GR157" s="91"/>
      <c r="GS157" s="91"/>
      <c r="GT157" s="91"/>
      <c r="GU157" s="91"/>
      <c r="GV157" s="91"/>
      <c r="GW157" s="91"/>
      <c r="GX157" s="91"/>
      <c r="GY157" s="91"/>
      <c r="GZ157" s="91"/>
      <c r="HA157" s="91"/>
      <c r="HB157" s="91"/>
      <c r="HC157" s="91"/>
      <c r="HD157" s="91"/>
      <c r="HE157" s="91"/>
      <c r="HF157" s="91"/>
      <c r="HG157" s="91"/>
      <c r="HH157" s="91"/>
      <c r="HI157" s="91"/>
      <c r="HJ157" s="91"/>
      <c r="HK157" s="127"/>
      <c r="HL157" s="126"/>
      <c r="HM157" s="91"/>
      <c r="HN157" s="91"/>
      <c r="HO157" s="91"/>
      <c r="HP157" s="91"/>
      <c r="HQ157" s="91"/>
      <c r="HR157" s="91"/>
      <c r="HS157" s="91"/>
      <c r="HT157" s="91"/>
      <c r="HU157" s="91"/>
      <c r="HV157" s="91"/>
      <c r="HW157" s="91"/>
      <c r="HX157" s="91"/>
      <c r="HY157" s="91"/>
      <c r="HZ157" s="91"/>
      <c r="IA157" s="91"/>
      <c r="IB157" s="91"/>
      <c r="IC157" s="91"/>
      <c r="ID157" s="91"/>
      <c r="IE157" s="91"/>
      <c r="IF157" s="91"/>
      <c r="IG157" s="91"/>
      <c r="IH157" s="91"/>
      <c r="II157" s="91"/>
      <c r="IJ157" s="91"/>
      <c r="IK157" s="127"/>
    </row>
    <row r="158" spans="2:245" x14ac:dyDescent="0.2">
      <c r="B158" s="79"/>
      <c r="C158" s="73"/>
      <c r="D158" s="64"/>
      <c r="E158" s="64"/>
      <c r="F158" s="55"/>
      <c r="G158" s="102"/>
      <c r="H158" s="55"/>
      <c r="I158" s="55"/>
      <c r="J158" s="55"/>
      <c r="K158" s="55"/>
      <c r="L158" s="55"/>
      <c r="M158" s="55"/>
      <c r="N158" s="55"/>
      <c r="O158" s="55"/>
      <c r="P158" s="55"/>
      <c r="Q158" s="55"/>
      <c r="R158" s="55"/>
      <c r="S158" s="55"/>
      <c r="T158" s="55"/>
      <c r="U158" s="55"/>
      <c r="V158" s="55"/>
      <c r="W158" s="55"/>
      <c r="X158" s="55"/>
      <c r="Y158" s="55"/>
      <c r="Z158" s="55"/>
      <c r="AA158" s="55"/>
      <c r="AB158" s="55"/>
      <c r="AC158" s="55"/>
      <c r="AD158" s="55"/>
      <c r="AE158" s="55"/>
      <c r="AF158" s="55"/>
      <c r="AG158" s="55"/>
      <c r="AY158" s="162"/>
      <c r="AZ158" s="162"/>
      <c r="BA158" s="162"/>
      <c r="BB158" s="162"/>
      <c r="BC158" s="162"/>
      <c r="BD158" s="162"/>
      <c r="BE158" s="162"/>
      <c r="BF158" s="162"/>
      <c r="BG158" s="162"/>
      <c r="BH158" s="162"/>
      <c r="BI158" s="162"/>
      <c r="BJ158" s="162"/>
      <c r="BK158" s="162"/>
      <c r="BL158" s="162"/>
      <c r="BM158" s="162"/>
      <c r="BN158" s="162"/>
      <c r="BO158" s="162"/>
      <c r="BP158" s="162"/>
      <c r="BQ158" s="162"/>
      <c r="BR158" s="162"/>
      <c r="BS158" s="162"/>
      <c r="BT158" s="162"/>
      <c r="BU158" s="162"/>
      <c r="BV158" s="162"/>
      <c r="BW158" s="162"/>
      <c r="BX158" s="162"/>
      <c r="BY158" s="162"/>
      <c r="BZ158" s="162"/>
      <c r="CA158" s="162"/>
      <c r="CB158" s="162"/>
      <c r="CC158" s="162"/>
      <c r="CD158" s="162"/>
      <c r="CE158" s="162"/>
      <c r="CF158" s="162"/>
      <c r="CG158" s="162"/>
      <c r="CH158" s="162"/>
      <c r="CI158" s="162"/>
      <c r="CJ158" s="162"/>
      <c r="CK158" s="162"/>
      <c r="CX158" s="98"/>
      <c r="DL158" s="97"/>
      <c r="DX158" s="98"/>
      <c r="EL158" s="97"/>
      <c r="EX158" s="98"/>
      <c r="EY158" s="97"/>
      <c r="FL158" s="126"/>
      <c r="FM158" s="91"/>
      <c r="FN158" s="91"/>
      <c r="FO158" s="91"/>
      <c r="FP158" s="91"/>
      <c r="FQ158" s="91"/>
      <c r="FR158" s="91"/>
      <c r="FS158" s="91"/>
      <c r="FT158" s="91"/>
      <c r="FU158" s="91"/>
      <c r="FV158" s="91"/>
      <c r="FW158" s="91"/>
      <c r="FX158" s="91"/>
      <c r="FY158" s="91"/>
      <c r="FZ158" s="91"/>
      <c r="GA158" s="91"/>
      <c r="GB158" s="91"/>
      <c r="GC158" s="91"/>
      <c r="GD158" s="91"/>
      <c r="GE158" s="91"/>
      <c r="GF158" s="91"/>
      <c r="GG158" s="91"/>
      <c r="GH158" s="91"/>
      <c r="GI158" s="91"/>
      <c r="GJ158" s="91"/>
      <c r="GK158" s="127"/>
      <c r="GL158" s="126"/>
      <c r="GM158" s="91"/>
      <c r="GN158" s="91"/>
      <c r="GO158" s="91"/>
      <c r="GP158" s="91"/>
      <c r="GQ158" s="91"/>
      <c r="GR158" s="91"/>
      <c r="GS158" s="91"/>
      <c r="GT158" s="91"/>
      <c r="GU158" s="91"/>
      <c r="GV158" s="91"/>
      <c r="GW158" s="91"/>
      <c r="GX158" s="91"/>
      <c r="GY158" s="91"/>
      <c r="GZ158" s="91"/>
      <c r="HA158" s="91"/>
      <c r="HB158" s="91"/>
      <c r="HC158" s="91"/>
      <c r="HD158" s="91"/>
      <c r="HE158" s="91"/>
      <c r="HF158" s="91"/>
      <c r="HG158" s="91"/>
      <c r="HH158" s="91"/>
      <c r="HI158" s="91"/>
      <c r="HJ158" s="91"/>
      <c r="HK158" s="127"/>
      <c r="HL158" s="126"/>
      <c r="HM158" s="91"/>
      <c r="HN158" s="91"/>
      <c r="HO158" s="91"/>
      <c r="HP158" s="91"/>
      <c r="HQ158" s="91"/>
      <c r="HR158" s="91"/>
      <c r="HS158" s="91"/>
      <c r="HT158" s="91"/>
      <c r="HU158" s="91"/>
      <c r="HV158" s="91"/>
      <c r="HW158" s="91"/>
      <c r="HX158" s="91"/>
      <c r="HY158" s="91"/>
      <c r="HZ158" s="91"/>
      <c r="IA158" s="91"/>
      <c r="IB158" s="91"/>
      <c r="IC158" s="91"/>
      <c r="ID158" s="91"/>
      <c r="IE158" s="91"/>
      <c r="IF158" s="91"/>
      <c r="IG158" s="91"/>
      <c r="IH158" s="91"/>
      <c r="II158" s="91"/>
      <c r="IJ158" s="91"/>
      <c r="IK158" s="127"/>
    </row>
    <row r="159" spans="2:245" x14ac:dyDescent="0.2">
      <c r="B159" s="79"/>
      <c r="C159" s="73"/>
      <c r="D159" s="64"/>
      <c r="E159" s="64"/>
      <c r="F159" s="55"/>
      <c r="G159" s="102"/>
      <c r="H159" s="55"/>
      <c r="I159" s="55"/>
      <c r="J159" s="55"/>
      <c r="K159" s="55"/>
      <c r="L159" s="55"/>
      <c r="M159" s="55"/>
      <c r="N159" s="55"/>
      <c r="O159" s="55"/>
      <c r="P159" s="55"/>
      <c r="Q159" s="55"/>
      <c r="R159" s="55"/>
      <c r="S159" s="55"/>
      <c r="T159" s="55"/>
      <c r="U159" s="55"/>
      <c r="V159" s="55"/>
      <c r="W159" s="55"/>
      <c r="X159" s="55"/>
      <c r="Y159" s="55"/>
      <c r="Z159" s="55"/>
      <c r="AA159" s="55"/>
      <c r="AB159" s="55"/>
      <c r="AC159" s="55"/>
      <c r="AD159" s="55"/>
      <c r="AE159" s="55"/>
      <c r="AF159" s="55"/>
      <c r="AG159" s="55"/>
      <c r="AY159" s="162"/>
      <c r="AZ159" s="162"/>
      <c r="BA159" s="162"/>
      <c r="BB159" s="162"/>
      <c r="BC159" s="162"/>
      <c r="BD159" s="162"/>
      <c r="BE159" s="162"/>
      <c r="BF159" s="162"/>
      <c r="BG159" s="162"/>
      <c r="BH159" s="162"/>
      <c r="BI159" s="162"/>
      <c r="BJ159" s="162"/>
      <c r="BK159" s="162"/>
      <c r="BL159" s="162"/>
      <c r="BM159" s="162"/>
      <c r="BN159" s="162"/>
      <c r="BO159" s="162"/>
      <c r="BP159" s="162"/>
      <c r="BQ159" s="162"/>
      <c r="BR159" s="162"/>
      <c r="BS159" s="162"/>
      <c r="BT159" s="162"/>
      <c r="BU159" s="162"/>
      <c r="BV159" s="162"/>
      <c r="BW159" s="162"/>
      <c r="BX159" s="162"/>
      <c r="BY159" s="162"/>
      <c r="BZ159" s="162"/>
      <c r="CA159" s="162"/>
      <c r="CB159" s="162"/>
      <c r="CC159" s="162"/>
      <c r="CD159" s="162"/>
      <c r="CE159" s="162"/>
      <c r="CF159" s="162"/>
      <c r="CG159" s="162"/>
      <c r="CH159" s="162"/>
      <c r="CI159" s="162"/>
      <c r="CJ159" s="162"/>
      <c r="CK159" s="162"/>
      <c r="CX159" s="98"/>
      <c r="DL159" s="97"/>
      <c r="DX159" s="98"/>
      <c r="EL159" s="97"/>
      <c r="EX159" s="98"/>
      <c r="EY159" s="97"/>
      <c r="FL159" s="126"/>
      <c r="FM159" s="91"/>
      <c r="FN159" s="91"/>
      <c r="FO159" s="91"/>
      <c r="FP159" s="91"/>
      <c r="FQ159" s="91"/>
      <c r="FR159" s="91"/>
      <c r="FS159" s="91"/>
      <c r="FT159" s="91"/>
      <c r="FU159" s="91"/>
      <c r="FV159" s="91"/>
      <c r="FW159" s="91"/>
      <c r="FX159" s="91"/>
      <c r="FY159" s="91"/>
      <c r="FZ159" s="91"/>
      <c r="GA159" s="91"/>
      <c r="GB159" s="91"/>
      <c r="GC159" s="91"/>
      <c r="GD159" s="91"/>
      <c r="GE159" s="91"/>
      <c r="GF159" s="91"/>
      <c r="GG159" s="91"/>
      <c r="GH159" s="91"/>
      <c r="GI159" s="91"/>
      <c r="GJ159" s="91"/>
      <c r="GK159" s="127"/>
      <c r="GL159" s="126"/>
      <c r="GM159" s="91"/>
      <c r="GN159" s="91"/>
      <c r="GO159" s="91"/>
      <c r="GP159" s="91"/>
      <c r="GQ159" s="91"/>
      <c r="GR159" s="91"/>
      <c r="GS159" s="91"/>
      <c r="GT159" s="91"/>
      <c r="GU159" s="91"/>
      <c r="GV159" s="91"/>
      <c r="GW159" s="91"/>
      <c r="GX159" s="91"/>
      <c r="GY159" s="91"/>
      <c r="GZ159" s="91"/>
      <c r="HA159" s="91"/>
      <c r="HB159" s="91"/>
      <c r="HC159" s="91"/>
      <c r="HD159" s="91"/>
      <c r="HE159" s="91"/>
      <c r="HF159" s="91"/>
      <c r="HG159" s="91"/>
      <c r="HH159" s="91"/>
      <c r="HI159" s="91"/>
      <c r="HJ159" s="91"/>
      <c r="HK159" s="127"/>
      <c r="HL159" s="126"/>
      <c r="HM159" s="91"/>
      <c r="HN159" s="91"/>
      <c r="HO159" s="91"/>
      <c r="HP159" s="91"/>
      <c r="HQ159" s="91"/>
      <c r="HR159" s="91"/>
      <c r="HS159" s="91"/>
      <c r="HT159" s="91"/>
      <c r="HU159" s="91"/>
      <c r="HV159" s="91"/>
      <c r="HW159" s="91"/>
      <c r="HX159" s="91"/>
      <c r="HY159" s="91"/>
      <c r="HZ159" s="91"/>
      <c r="IA159" s="91"/>
      <c r="IB159" s="91"/>
      <c r="IC159" s="91"/>
      <c r="ID159" s="91"/>
      <c r="IE159" s="91"/>
      <c r="IF159" s="91"/>
      <c r="IG159" s="91"/>
      <c r="IH159" s="91"/>
      <c r="II159" s="91"/>
      <c r="IJ159" s="91"/>
      <c r="IK159" s="127"/>
    </row>
    <row r="160" spans="2:245" x14ac:dyDescent="0.2">
      <c r="B160" s="79"/>
      <c r="C160" s="73"/>
      <c r="D160" s="64"/>
      <c r="E160" s="64"/>
      <c r="F160" s="55"/>
      <c r="G160" s="102"/>
      <c r="H160" s="55"/>
      <c r="I160" s="55"/>
      <c r="J160" s="55"/>
      <c r="K160" s="55"/>
      <c r="L160" s="55"/>
      <c r="M160" s="55"/>
      <c r="N160" s="55"/>
      <c r="O160" s="55"/>
      <c r="P160" s="55"/>
      <c r="Q160" s="55"/>
      <c r="R160" s="55"/>
      <c r="S160" s="55"/>
      <c r="T160" s="55"/>
      <c r="U160" s="55"/>
      <c r="V160" s="55"/>
      <c r="W160" s="55"/>
      <c r="X160" s="55"/>
      <c r="Y160" s="55"/>
      <c r="Z160" s="55"/>
      <c r="AA160" s="55"/>
      <c r="AB160" s="55"/>
      <c r="AC160" s="55"/>
      <c r="AD160" s="55"/>
      <c r="AE160" s="55"/>
      <c r="AF160" s="55"/>
      <c r="AG160" s="55"/>
      <c r="AY160" s="162"/>
      <c r="AZ160" s="162"/>
      <c r="BA160" s="162"/>
      <c r="BB160" s="162"/>
      <c r="BC160" s="162"/>
      <c r="BD160" s="162"/>
      <c r="BE160" s="162"/>
      <c r="BF160" s="162"/>
      <c r="BG160" s="162"/>
      <c r="BH160" s="162"/>
      <c r="BI160" s="162"/>
      <c r="BJ160" s="162"/>
      <c r="BK160" s="162"/>
      <c r="BL160" s="162"/>
      <c r="BM160" s="162"/>
      <c r="BN160" s="162"/>
      <c r="BO160" s="162"/>
      <c r="BP160" s="162"/>
      <c r="BQ160" s="162"/>
      <c r="BR160" s="162"/>
      <c r="BS160" s="162"/>
      <c r="BT160" s="162"/>
      <c r="BU160" s="162"/>
      <c r="BV160" s="162"/>
      <c r="BW160" s="162"/>
      <c r="BX160" s="162"/>
      <c r="BY160" s="162"/>
      <c r="BZ160" s="162"/>
      <c r="CA160" s="162"/>
      <c r="CB160" s="162"/>
      <c r="CC160" s="162"/>
      <c r="CD160" s="162"/>
      <c r="CE160" s="162"/>
      <c r="CF160" s="162"/>
      <c r="CG160" s="162"/>
      <c r="CH160" s="162"/>
      <c r="CI160" s="162"/>
      <c r="CJ160" s="162"/>
      <c r="CK160" s="162"/>
      <c r="CX160" s="98"/>
      <c r="DL160" s="97"/>
      <c r="DX160" s="98"/>
      <c r="EL160" s="97"/>
      <c r="EX160" s="98"/>
      <c r="EY160" s="97"/>
      <c r="FL160" s="126"/>
      <c r="FM160" s="91"/>
      <c r="FN160" s="91"/>
      <c r="FO160" s="91"/>
      <c r="FP160" s="91"/>
      <c r="FQ160" s="91"/>
      <c r="FR160" s="91"/>
      <c r="FS160" s="91"/>
      <c r="FT160" s="91"/>
      <c r="FU160" s="91"/>
      <c r="FV160" s="91"/>
      <c r="FW160" s="91"/>
      <c r="FX160" s="91"/>
      <c r="FY160" s="91"/>
      <c r="FZ160" s="91"/>
      <c r="GA160" s="91"/>
      <c r="GB160" s="91"/>
      <c r="GC160" s="91"/>
      <c r="GD160" s="91"/>
      <c r="GE160" s="91"/>
      <c r="GF160" s="91"/>
      <c r="GG160" s="91"/>
      <c r="GH160" s="91"/>
      <c r="GI160" s="91"/>
      <c r="GJ160" s="91"/>
      <c r="GK160" s="127"/>
      <c r="GL160" s="126"/>
      <c r="GM160" s="91"/>
      <c r="GN160" s="91"/>
      <c r="GO160" s="91"/>
      <c r="GP160" s="91"/>
      <c r="GQ160" s="91"/>
      <c r="GR160" s="91"/>
      <c r="GS160" s="91"/>
      <c r="GT160" s="91"/>
      <c r="GU160" s="91"/>
      <c r="GV160" s="91"/>
      <c r="GW160" s="91"/>
      <c r="GX160" s="91"/>
      <c r="GY160" s="91"/>
      <c r="GZ160" s="91"/>
      <c r="HA160" s="91"/>
      <c r="HB160" s="91"/>
      <c r="HC160" s="91"/>
      <c r="HD160" s="91"/>
      <c r="HE160" s="91"/>
      <c r="HF160" s="91"/>
      <c r="HG160" s="91"/>
      <c r="HH160" s="91"/>
      <c r="HI160" s="91"/>
      <c r="HJ160" s="91"/>
      <c r="HK160" s="127"/>
      <c r="HL160" s="126"/>
      <c r="HM160" s="91"/>
      <c r="HN160" s="91"/>
      <c r="HO160" s="91"/>
      <c r="HP160" s="91"/>
      <c r="HQ160" s="91"/>
      <c r="HR160" s="91"/>
      <c r="HS160" s="91"/>
      <c r="HT160" s="91"/>
      <c r="HU160" s="91"/>
      <c r="HV160" s="91"/>
      <c r="HW160" s="91"/>
      <c r="HX160" s="91"/>
      <c r="HY160" s="91"/>
      <c r="HZ160" s="91"/>
      <c r="IA160" s="91"/>
      <c r="IB160" s="91"/>
      <c r="IC160" s="91"/>
      <c r="ID160" s="91"/>
      <c r="IE160" s="91"/>
      <c r="IF160" s="91"/>
      <c r="IG160" s="91"/>
      <c r="IH160" s="91"/>
      <c r="II160" s="91"/>
      <c r="IJ160" s="91"/>
      <c r="IK160" s="127"/>
    </row>
    <row r="161" spans="2:245" x14ac:dyDescent="0.2">
      <c r="B161" s="79"/>
      <c r="C161" s="73"/>
      <c r="D161" s="64"/>
      <c r="E161" s="64"/>
      <c r="F161" s="55"/>
      <c r="G161" s="102"/>
      <c r="H161" s="55"/>
      <c r="I161" s="55"/>
      <c r="J161" s="55"/>
      <c r="K161" s="55"/>
      <c r="L161" s="55"/>
      <c r="M161" s="55"/>
      <c r="N161" s="55"/>
      <c r="O161" s="55"/>
      <c r="P161" s="55"/>
      <c r="Q161" s="55"/>
      <c r="R161" s="55"/>
      <c r="S161" s="55"/>
      <c r="T161" s="55"/>
      <c r="U161" s="55"/>
      <c r="V161" s="55"/>
      <c r="W161" s="55"/>
      <c r="X161" s="55"/>
      <c r="Y161" s="55"/>
      <c r="Z161" s="55"/>
      <c r="AA161" s="55"/>
      <c r="AB161" s="55"/>
      <c r="AC161" s="55"/>
      <c r="AD161" s="55"/>
      <c r="AE161" s="55"/>
      <c r="AF161" s="55"/>
      <c r="AG161" s="55"/>
      <c r="AY161" s="162"/>
      <c r="AZ161" s="162"/>
      <c r="BA161" s="162"/>
      <c r="BB161" s="162"/>
      <c r="BC161" s="162"/>
      <c r="BD161" s="162"/>
      <c r="BE161" s="162"/>
      <c r="BF161" s="162"/>
      <c r="BG161" s="162"/>
      <c r="BH161" s="162"/>
      <c r="BI161" s="162"/>
      <c r="BJ161" s="162"/>
      <c r="BK161" s="162"/>
      <c r="BL161" s="162"/>
      <c r="BM161" s="162"/>
      <c r="BN161" s="162"/>
      <c r="BO161" s="162"/>
      <c r="BP161" s="162"/>
      <c r="BQ161" s="162"/>
      <c r="BR161" s="162"/>
      <c r="BS161" s="162"/>
      <c r="BT161" s="162"/>
      <c r="BU161" s="162"/>
      <c r="BV161" s="162"/>
      <c r="BW161" s="162"/>
      <c r="BX161" s="162"/>
      <c r="BY161" s="162"/>
      <c r="BZ161" s="162"/>
      <c r="CA161" s="162"/>
      <c r="CB161" s="162"/>
      <c r="CC161" s="162"/>
      <c r="CD161" s="162"/>
      <c r="CE161" s="162"/>
      <c r="CF161" s="162"/>
      <c r="CG161" s="162"/>
      <c r="CH161" s="162"/>
      <c r="CI161" s="162"/>
      <c r="CJ161" s="162"/>
      <c r="CK161" s="162"/>
      <c r="CX161" s="98"/>
      <c r="DL161" s="97"/>
      <c r="DX161" s="98"/>
      <c r="EL161" s="97"/>
      <c r="EX161" s="98"/>
      <c r="EY161" s="97"/>
      <c r="FL161" s="126"/>
      <c r="FM161" s="91"/>
      <c r="FN161" s="91"/>
      <c r="FO161" s="91"/>
      <c r="FP161" s="91"/>
      <c r="FQ161" s="91"/>
      <c r="FR161" s="91"/>
      <c r="FS161" s="91"/>
      <c r="FT161" s="91"/>
      <c r="FU161" s="91"/>
      <c r="FV161" s="91"/>
      <c r="FW161" s="91"/>
      <c r="FX161" s="91"/>
      <c r="FY161" s="91"/>
      <c r="FZ161" s="91"/>
      <c r="GA161" s="91"/>
      <c r="GB161" s="91"/>
      <c r="GC161" s="91"/>
      <c r="GD161" s="91"/>
      <c r="GE161" s="91"/>
      <c r="GF161" s="91"/>
      <c r="GG161" s="91"/>
      <c r="GH161" s="91"/>
      <c r="GI161" s="91"/>
      <c r="GJ161" s="91"/>
      <c r="GK161" s="127"/>
      <c r="GL161" s="126"/>
      <c r="GM161" s="91"/>
      <c r="GN161" s="91"/>
      <c r="GO161" s="91"/>
      <c r="GP161" s="91"/>
      <c r="GQ161" s="91"/>
      <c r="GR161" s="91"/>
      <c r="GS161" s="91"/>
      <c r="GT161" s="91"/>
      <c r="GU161" s="91"/>
      <c r="GV161" s="91"/>
      <c r="GW161" s="91"/>
      <c r="GX161" s="91"/>
      <c r="GY161" s="91"/>
      <c r="GZ161" s="91"/>
      <c r="HA161" s="91"/>
      <c r="HB161" s="91"/>
      <c r="HC161" s="91"/>
      <c r="HD161" s="91"/>
      <c r="HE161" s="91"/>
      <c r="HF161" s="91"/>
      <c r="HG161" s="91"/>
      <c r="HH161" s="91"/>
      <c r="HI161" s="91"/>
      <c r="HJ161" s="91"/>
      <c r="HK161" s="127"/>
      <c r="HL161" s="126"/>
      <c r="HM161" s="91"/>
      <c r="HN161" s="91"/>
      <c r="HO161" s="91"/>
      <c r="HP161" s="91"/>
      <c r="HQ161" s="91"/>
      <c r="HR161" s="91"/>
      <c r="HS161" s="91"/>
      <c r="HT161" s="91"/>
      <c r="HU161" s="91"/>
      <c r="HV161" s="91"/>
      <c r="HW161" s="91"/>
      <c r="HX161" s="91"/>
      <c r="HY161" s="91"/>
      <c r="HZ161" s="91"/>
      <c r="IA161" s="91"/>
      <c r="IB161" s="91"/>
      <c r="IC161" s="91"/>
      <c r="ID161" s="91"/>
      <c r="IE161" s="91"/>
      <c r="IF161" s="91"/>
      <c r="IG161" s="91"/>
      <c r="IH161" s="91"/>
      <c r="II161" s="91"/>
      <c r="IJ161" s="91"/>
      <c r="IK161" s="127"/>
    </row>
    <row r="162" spans="2:245" x14ac:dyDescent="0.2">
      <c r="B162" s="79"/>
      <c r="C162" s="73"/>
      <c r="D162" s="64"/>
      <c r="E162" s="64"/>
      <c r="F162" s="55"/>
      <c r="G162" s="102"/>
      <c r="H162" s="55"/>
      <c r="I162" s="55"/>
      <c r="J162" s="55"/>
      <c r="K162" s="55"/>
      <c r="L162" s="55"/>
      <c r="M162" s="55"/>
      <c r="N162" s="55"/>
      <c r="O162" s="55"/>
      <c r="P162" s="55"/>
      <c r="Q162" s="55"/>
      <c r="R162" s="55"/>
      <c r="S162" s="55"/>
      <c r="T162" s="55"/>
      <c r="U162" s="55"/>
      <c r="V162" s="55"/>
      <c r="W162" s="55"/>
      <c r="X162" s="55"/>
      <c r="Y162" s="55"/>
      <c r="Z162" s="55"/>
      <c r="AA162" s="55"/>
      <c r="AB162" s="55"/>
      <c r="AC162" s="55"/>
      <c r="AD162" s="55"/>
      <c r="AE162" s="55"/>
      <c r="AF162" s="55"/>
      <c r="AG162" s="55"/>
      <c r="AY162" s="162"/>
      <c r="AZ162" s="162"/>
      <c r="BA162" s="162"/>
      <c r="BB162" s="162"/>
      <c r="BC162" s="162"/>
      <c r="BD162" s="162"/>
      <c r="BE162" s="162"/>
      <c r="BF162" s="162"/>
      <c r="BG162" s="162"/>
      <c r="BH162" s="162"/>
      <c r="BI162" s="162"/>
      <c r="BJ162" s="162"/>
      <c r="BK162" s="162"/>
      <c r="BL162" s="162"/>
      <c r="BM162" s="162"/>
      <c r="BN162" s="162"/>
      <c r="BO162" s="162"/>
      <c r="BP162" s="162"/>
      <c r="BQ162" s="162"/>
      <c r="BR162" s="162"/>
      <c r="BS162" s="162"/>
      <c r="BT162" s="162"/>
      <c r="BU162" s="162"/>
      <c r="BV162" s="162"/>
      <c r="BW162" s="162"/>
      <c r="BX162" s="162"/>
      <c r="BY162" s="162"/>
      <c r="BZ162" s="162"/>
      <c r="CA162" s="162"/>
      <c r="CB162" s="162"/>
      <c r="CC162" s="162"/>
      <c r="CD162" s="162"/>
      <c r="CE162" s="162"/>
      <c r="CF162" s="162"/>
      <c r="CG162" s="162"/>
      <c r="CH162" s="162"/>
      <c r="CI162" s="162"/>
      <c r="CJ162" s="162"/>
      <c r="CK162" s="162"/>
      <c r="CX162" s="98"/>
      <c r="DL162" s="97"/>
      <c r="DX162" s="98"/>
      <c r="EL162" s="97"/>
      <c r="EX162" s="98"/>
      <c r="EY162" s="97"/>
      <c r="FL162" s="126"/>
      <c r="FM162" s="91"/>
      <c r="FN162" s="91"/>
      <c r="FO162" s="91"/>
      <c r="FP162" s="91"/>
      <c r="FQ162" s="91"/>
      <c r="FR162" s="91"/>
      <c r="FS162" s="91"/>
      <c r="FT162" s="91"/>
      <c r="FU162" s="91"/>
      <c r="FV162" s="91"/>
      <c r="FW162" s="91"/>
      <c r="FX162" s="91"/>
      <c r="FY162" s="91"/>
      <c r="FZ162" s="91"/>
      <c r="GA162" s="91"/>
      <c r="GB162" s="91"/>
      <c r="GC162" s="91"/>
      <c r="GD162" s="91"/>
      <c r="GE162" s="91"/>
      <c r="GF162" s="91"/>
      <c r="GG162" s="91"/>
      <c r="GH162" s="91"/>
      <c r="GI162" s="91"/>
      <c r="GJ162" s="91"/>
      <c r="GK162" s="127"/>
      <c r="GL162" s="126"/>
      <c r="GM162" s="91"/>
      <c r="GN162" s="91"/>
      <c r="GO162" s="91"/>
      <c r="GP162" s="91"/>
      <c r="GQ162" s="91"/>
      <c r="GR162" s="91"/>
      <c r="GS162" s="91"/>
      <c r="GT162" s="91"/>
      <c r="GU162" s="91"/>
      <c r="GV162" s="91"/>
      <c r="GW162" s="91"/>
      <c r="GX162" s="91"/>
      <c r="GY162" s="91"/>
      <c r="GZ162" s="91"/>
      <c r="HA162" s="91"/>
      <c r="HB162" s="91"/>
      <c r="HC162" s="91"/>
      <c r="HD162" s="91"/>
      <c r="HE162" s="91"/>
      <c r="HF162" s="91"/>
      <c r="HG162" s="91"/>
      <c r="HH162" s="91"/>
      <c r="HI162" s="91"/>
      <c r="HJ162" s="91"/>
      <c r="HK162" s="127"/>
      <c r="HL162" s="126"/>
      <c r="HM162" s="91"/>
      <c r="HN162" s="91"/>
      <c r="HO162" s="91"/>
      <c r="HP162" s="91"/>
      <c r="HQ162" s="91"/>
      <c r="HR162" s="91"/>
      <c r="HS162" s="91"/>
      <c r="HT162" s="91"/>
      <c r="HU162" s="91"/>
      <c r="HV162" s="91"/>
      <c r="HW162" s="91"/>
      <c r="HX162" s="91"/>
      <c r="HY162" s="91"/>
      <c r="HZ162" s="91"/>
      <c r="IA162" s="91"/>
      <c r="IB162" s="91"/>
      <c r="IC162" s="91"/>
      <c r="ID162" s="91"/>
      <c r="IE162" s="91"/>
      <c r="IF162" s="91"/>
      <c r="IG162" s="91"/>
      <c r="IH162" s="91"/>
      <c r="II162" s="91"/>
      <c r="IJ162" s="91"/>
      <c r="IK162" s="127"/>
    </row>
    <row r="163" spans="2:245" x14ac:dyDescent="0.2">
      <c r="B163" s="79"/>
      <c r="C163" s="73"/>
      <c r="D163" s="64"/>
      <c r="E163" s="64"/>
      <c r="F163" s="55"/>
      <c r="G163" s="102"/>
      <c r="H163" s="55"/>
      <c r="I163" s="55"/>
      <c r="J163" s="55"/>
      <c r="K163" s="55"/>
      <c r="L163" s="55"/>
      <c r="M163" s="55"/>
      <c r="N163" s="55"/>
      <c r="O163" s="55"/>
      <c r="P163" s="55"/>
      <c r="Q163" s="55"/>
      <c r="R163" s="55"/>
      <c r="S163" s="55"/>
      <c r="T163" s="55"/>
      <c r="U163" s="55"/>
      <c r="V163" s="55"/>
      <c r="W163" s="55"/>
      <c r="X163" s="55"/>
      <c r="Y163" s="55"/>
      <c r="Z163" s="55"/>
      <c r="AA163" s="55"/>
      <c r="AB163" s="55"/>
      <c r="AC163" s="55"/>
      <c r="AD163" s="55"/>
      <c r="AE163" s="55"/>
      <c r="AF163" s="55"/>
      <c r="AG163" s="55"/>
      <c r="AY163" s="162"/>
      <c r="AZ163" s="162"/>
      <c r="BA163" s="162"/>
      <c r="BB163" s="162"/>
      <c r="BC163" s="162"/>
      <c r="BD163" s="162"/>
      <c r="BE163" s="162"/>
      <c r="BF163" s="162"/>
      <c r="BG163" s="162"/>
      <c r="BH163" s="162"/>
      <c r="BI163" s="162"/>
      <c r="BJ163" s="162"/>
      <c r="BK163" s="162"/>
      <c r="BL163" s="162"/>
      <c r="BM163" s="162"/>
      <c r="BN163" s="162"/>
      <c r="BO163" s="162"/>
      <c r="BP163" s="162"/>
      <c r="BQ163" s="162"/>
      <c r="BR163" s="162"/>
      <c r="BS163" s="162"/>
      <c r="BT163" s="162"/>
      <c r="BU163" s="162"/>
      <c r="BV163" s="162"/>
      <c r="BW163" s="162"/>
      <c r="BX163" s="162"/>
      <c r="BY163" s="162"/>
      <c r="BZ163" s="162"/>
      <c r="CA163" s="162"/>
      <c r="CB163" s="162"/>
      <c r="CC163" s="162"/>
      <c r="CD163" s="162"/>
      <c r="CE163" s="162"/>
      <c r="CF163" s="162"/>
      <c r="CG163" s="162"/>
      <c r="CH163" s="162"/>
      <c r="CI163" s="162"/>
      <c r="CJ163" s="162"/>
      <c r="CK163" s="162"/>
      <c r="CX163" s="98"/>
      <c r="DL163" s="97"/>
      <c r="DX163" s="98"/>
      <c r="EL163" s="97"/>
      <c r="EX163" s="98"/>
      <c r="EY163" s="97"/>
      <c r="FL163" s="126"/>
      <c r="FM163" s="91"/>
      <c r="FN163" s="91"/>
      <c r="FO163" s="91"/>
      <c r="FP163" s="91"/>
      <c r="FQ163" s="91"/>
      <c r="FR163" s="91"/>
      <c r="FS163" s="91"/>
      <c r="FT163" s="91"/>
      <c r="FU163" s="91"/>
      <c r="FV163" s="91"/>
      <c r="FW163" s="91"/>
      <c r="FX163" s="91"/>
      <c r="FY163" s="91"/>
      <c r="FZ163" s="91"/>
      <c r="GA163" s="91"/>
      <c r="GB163" s="91"/>
      <c r="GC163" s="91"/>
      <c r="GD163" s="91"/>
      <c r="GE163" s="91"/>
      <c r="GF163" s="91"/>
      <c r="GG163" s="91"/>
      <c r="GH163" s="91"/>
      <c r="GI163" s="91"/>
      <c r="GJ163" s="91"/>
      <c r="GK163" s="127"/>
      <c r="GL163" s="126"/>
      <c r="GM163" s="91"/>
      <c r="GN163" s="91"/>
      <c r="GO163" s="91"/>
      <c r="GP163" s="91"/>
      <c r="GQ163" s="91"/>
      <c r="GR163" s="91"/>
      <c r="GS163" s="91"/>
      <c r="GT163" s="91"/>
      <c r="GU163" s="91"/>
      <c r="GV163" s="91"/>
      <c r="GW163" s="91"/>
      <c r="GX163" s="91"/>
      <c r="GY163" s="91"/>
      <c r="GZ163" s="91"/>
      <c r="HA163" s="91"/>
      <c r="HB163" s="91"/>
      <c r="HC163" s="91"/>
      <c r="HD163" s="91"/>
      <c r="HE163" s="91"/>
      <c r="HF163" s="91"/>
      <c r="HG163" s="91"/>
      <c r="HH163" s="91"/>
      <c r="HI163" s="91"/>
      <c r="HJ163" s="91"/>
      <c r="HK163" s="127"/>
      <c r="HL163" s="126"/>
      <c r="HM163" s="91"/>
      <c r="HN163" s="91"/>
      <c r="HO163" s="91"/>
      <c r="HP163" s="91"/>
      <c r="HQ163" s="91"/>
      <c r="HR163" s="91"/>
      <c r="HS163" s="91"/>
      <c r="HT163" s="91"/>
      <c r="HU163" s="91"/>
      <c r="HV163" s="91"/>
      <c r="HW163" s="91"/>
      <c r="HX163" s="91"/>
      <c r="HY163" s="91"/>
      <c r="HZ163" s="91"/>
      <c r="IA163" s="91"/>
      <c r="IB163" s="91"/>
      <c r="IC163" s="91"/>
      <c r="ID163" s="91"/>
      <c r="IE163" s="91"/>
      <c r="IF163" s="91"/>
      <c r="IG163" s="91"/>
      <c r="IH163" s="91"/>
      <c r="II163" s="91"/>
      <c r="IJ163" s="91"/>
      <c r="IK163" s="127"/>
    </row>
    <row r="164" spans="2:245" x14ac:dyDescent="0.2">
      <c r="B164" s="79"/>
      <c r="C164" s="73"/>
      <c r="D164" s="64"/>
      <c r="E164" s="64"/>
      <c r="F164" s="55"/>
      <c r="G164" s="102"/>
      <c r="H164" s="55"/>
      <c r="I164" s="55"/>
      <c r="J164" s="55"/>
      <c r="K164" s="55"/>
      <c r="L164" s="55"/>
      <c r="M164" s="55"/>
      <c r="N164" s="55"/>
      <c r="O164" s="55"/>
      <c r="P164" s="55"/>
      <c r="Q164" s="55"/>
      <c r="R164" s="55"/>
      <c r="S164" s="55"/>
      <c r="T164" s="55"/>
      <c r="U164" s="55"/>
      <c r="V164" s="55"/>
      <c r="W164" s="55"/>
      <c r="X164" s="55"/>
      <c r="Y164" s="55"/>
      <c r="Z164" s="55"/>
      <c r="AA164" s="55"/>
      <c r="AB164" s="55"/>
      <c r="AC164" s="55"/>
      <c r="AD164" s="55"/>
      <c r="AE164" s="55"/>
      <c r="AF164" s="55"/>
      <c r="AG164" s="55"/>
      <c r="AY164" s="162"/>
      <c r="AZ164" s="162"/>
      <c r="BA164" s="162"/>
      <c r="BB164" s="162"/>
      <c r="BC164" s="162"/>
      <c r="BD164" s="162"/>
      <c r="BE164" s="162"/>
      <c r="BF164" s="162"/>
      <c r="BG164" s="162"/>
      <c r="BH164" s="162"/>
      <c r="BI164" s="162"/>
      <c r="BJ164" s="162"/>
      <c r="BK164" s="162"/>
      <c r="BL164" s="162"/>
      <c r="BM164" s="162"/>
      <c r="BN164" s="162"/>
      <c r="BO164" s="162"/>
      <c r="BP164" s="162"/>
      <c r="BQ164" s="162"/>
      <c r="BR164" s="162"/>
      <c r="BS164" s="162"/>
      <c r="BT164" s="162"/>
      <c r="BU164" s="162"/>
      <c r="BV164" s="162"/>
      <c r="BW164" s="162"/>
      <c r="BX164" s="162"/>
      <c r="BY164" s="162"/>
      <c r="BZ164" s="162"/>
      <c r="CA164" s="162"/>
      <c r="CB164" s="162"/>
      <c r="CC164" s="162"/>
      <c r="CD164" s="162"/>
      <c r="CE164" s="162"/>
      <c r="CF164" s="162"/>
      <c r="CG164" s="162"/>
      <c r="CH164" s="162"/>
      <c r="CI164" s="162"/>
      <c r="CJ164" s="162"/>
      <c r="CK164" s="162"/>
      <c r="CX164" s="98"/>
      <c r="DL164" s="97"/>
      <c r="DX164" s="98"/>
      <c r="EL164" s="97"/>
      <c r="EX164" s="98"/>
      <c r="EY164" s="97"/>
      <c r="FL164" s="126"/>
      <c r="FM164" s="91"/>
      <c r="FN164" s="91"/>
      <c r="FO164" s="91"/>
      <c r="FP164" s="91"/>
      <c r="FQ164" s="91"/>
      <c r="FR164" s="91"/>
      <c r="FS164" s="91"/>
      <c r="FT164" s="91"/>
      <c r="FU164" s="91"/>
      <c r="FV164" s="91"/>
      <c r="FW164" s="91"/>
      <c r="FX164" s="91"/>
      <c r="FY164" s="91"/>
      <c r="FZ164" s="91"/>
      <c r="GA164" s="91"/>
      <c r="GB164" s="91"/>
      <c r="GC164" s="91"/>
      <c r="GD164" s="91"/>
      <c r="GE164" s="91"/>
      <c r="GF164" s="91"/>
      <c r="GG164" s="91"/>
      <c r="GH164" s="91"/>
      <c r="GI164" s="91"/>
      <c r="GJ164" s="91"/>
      <c r="GK164" s="127"/>
      <c r="GL164" s="126"/>
      <c r="GM164" s="91"/>
      <c r="GN164" s="91"/>
      <c r="GO164" s="91"/>
      <c r="GP164" s="91"/>
      <c r="GQ164" s="91"/>
      <c r="GR164" s="91"/>
      <c r="GS164" s="91"/>
      <c r="GT164" s="91"/>
      <c r="GU164" s="91"/>
      <c r="GV164" s="91"/>
      <c r="GW164" s="91"/>
      <c r="GX164" s="91"/>
      <c r="GY164" s="91"/>
      <c r="GZ164" s="91"/>
      <c r="HA164" s="91"/>
      <c r="HB164" s="91"/>
      <c r="HC164" s="91"/>
      <c r="HD164" s="91"/>
      <c r="HE164" s="91"/>
      <c r="HF164" s="91"/>
      <c r="HG164" s="91"/>
      <c r="HH164" s="91"/>
      <c r="HI164" s="91"/>
      <c r="HJ164" s="91"/>
      <c r="HK164" s="127"/>
      <c r="HL164" s="126"/>
      <c r="HM164" s="91"/>
      <c r="HN164" s="91"/>
      <c r="HO164" s="91"/>
      <c r="HP164" s="91"/>
      <c r="HQ164" s="91"/>
      <c r="HR164" s="91"/>
      <c r="HS164" s="91"/>
      <c r="HT164" s="91"/>
      <c r="HU164" s="91"/>
      <c r="HV164" s="91"/>
      <c r="HW164" s="91"/>
      <c r="HX164" s="91"/>
      <c r="HY164" s="91"/>
      <c r="HZ164" s="91"/>
      <c r="IA164" s="91"/>
      <c r="IB164" s="91"/>
      <c r="IC164" s="91"/>
      <c r="ID164" s="91"/>
      <c r="IE164" s="91"/>
      <c r="IF164" s="91"/>
      <c r="IG164" s="91"/>
      <c r="IH164" s="91"/>
      <c r="II164" s="91"/>
      <c r="IJ164" s="91"/>
      <c r="IK164" s="127"/>
    </row>
    <row r="165" spans="2:245" x14ac:dyDescent="0.2">
      <c r="B165" s="79"/>
      <c r="C165" s="73"/>
      <c r="D165" s="64"/>
      <c r="E165" s="64"/>
      <c r="F165" s="55"/>
      <c r="G165" s="102"/>
      <c r="H165" s="55"/>
      <c r="I165" s="55"/>
      <c r="J165" s="55"/>
      <c r="K165" s="55"/>
      <c r="L165" s="55"/>
      <c r="M165" s="55"/>
      <c r="N165" s="55"/>
      <c r="O165" s="55"/>
      <c r="P165" s="55"/>
      <c r="Q165" s="55"/>
      <c r="R165" s="55"/>
      <c r="S165" s="55"/>
      <c r="T165" s="55"/>
      <c r="U165" s="55"/>
      <c r="V165" s="55"/>
      <c r="W165" s="55"/>
      <c r="X165" s="55"/>
      <c r="Y165" s="55"/>
      <c r="Z165" s="55"/>
      <c r="AA165" s="55"/>
      <c r="AB165" s="55"/>
      <c r="AC165" s="55"/>
      <c r="AD165" s="55"/>
      <c r="AE165" s="55"/>
      <c r="AF165" s="55"/>
      <c r="AG165" s="55"/>
      <c r="AY165" s="162"/>
      <c r="AZ165" s="162"/>
      <c r="BA165" s="162"/>
      <c r="BB165" s="162"/>
      <c r="BC165" s="162"/>
      <c r="BD165" s="162"/>
      <c r="BE165" s="162"/>
      <c r="BF165" s="162"/>
      <c r="BG165" s="162"/>
      <c r="BH165" s="162"/>
      <c r="BI165" s="162"/>
      <c r="BJ165" s="162"/>
      <c r="BK165" s="162"/>
      <c r="BL165" s="162"/>
      <c r="BM165" s="162"/>
      <c r="BN165" s="162"/>
      <c r="BO165" s="162"/>
      <c r="BP165" s="162"/>
      <c r="BQ165" s="162"/>
      <c r="BR165" s="162"/>
      <c r="BS165" s="162"/>
      <c r="BT165" s="162"/>
      <c r="BU165" s="162"/>
      <c r="BV165" s="162"/>
      <c r="BW165" s="162"/>
      <c r="BX165" s="162"/>
      <c r="BY165" s="162"/>
      <c r="BZ165" s="162"/>
      <c r="CA165" s="162"/>
      <c r="CB165" s="162"/>
      <c r="CC165" s="162"/>
      <c r="CD165" s="162"/>
      <c r="CE165" s="162"/>
      <c r="CF165" s="162"/>
      <c r="CG165" s="162"/>
      <c r="CH165" s="162"/>
      <c r="CI165" s="162"/>
      <c r="CJ165" s="162"/>
      <c r="CK165" s="162"/>
      <c r="CX165" s="98"/>
      <c r="DL165" s="97"/>
      <c r="DX165" s="98"/>
      <c r="EL165" s="97"/>
      <c r="EX165" s="98"/>
      <c r="EY165" s="97"/>
      <c r="FL165" s="126"/>
      <c r="FM165" s="91"/>
      <c r="FN165" s="91"/>
      <c r="FO165" s="91"/>
      <c r="FP165" s="91"/>
      <c r="FQ165" s="91"/>
      <c r="FR165" s="91"/>
      <c r="FS165" s="91"/>
      <c r="FT165" s="91"/>
      <c r="FU165" s="91"/>
      <c r="FV165" s="91"/>
      <c r="FW165" s="91"/>
      <c r="FX165" s="91"/>
      <c r="FY165" s="91"/>
      <c r="FZ165" s="91"/>
      <c r="GA165" s="91"/>
      <c r="GB165" s="91"/>
      <c r="GC165" s="91"/>
      <c r="GD165" s="91"/>
      <c r="GE165" s="91"/>
      <c r="GF165" s="91"/>
      <c r="GG165" s="91"/>
      <c r="GH165" s="91"/>
      <c r="GI165" s="91"/>
      <c r="GJ165" s="91"/>
      <c r="GK165" s="127"/>
      <c r="GL165" s="126"/>
      <c r="GM165" s="91"/>
      <c r="GN165" s="91"/>
      <c r="GO165" s="91"/>
      <c r="GP165" s="91"/>
      <c r="GQ165" s="91"/>
      <c r="GR165" s="91"/>
      <c r="GS165" s="91"/>
      <c r="GT165" s="91"/>
      <c r="GU165" s="91"/>
      <c r="GV165" s="91"/>
      <c r="GW165" s="91"/>
      <c r="GX165" s="91"/>
      <c r="GY165" s="91"/>
      <c r="GZ165" s="91"/>
      <c r="HA165" s="91"/>
      <c r="HB165" s="91"/>
      <c r="HC165" s="91"/>
      <c r="HD165" s="91"/>
      <c r="HE165" s="91"/>
      <c r="HF165" s="91"/>
      <c r="HG165" s="91"/>
      <c r="HH165" s="91"/>
      <c r="HI165" s="91"/>
      <c r="HJ165" s="91"/>
      <c r="HK165" s="127"/>
      <c r="HL165" s="126"/>
      <c r="HM165" s="91"/>
      <c r="HN165" s="91"/>
      <c r="HO165" s="91"/>
      <c r="HP165" s="91"/>
      <c r="HQ165" s="91"/>
      <c r="HR165" s="91"/>
      <c r="HS165" s="91"/>
      <c r="HT165" s="91"/>
      <c r="HU165" s="91"/>
      <c r="HV165" s="91"/>
      <c r="HW165" s="91"/>
      <c r="HX165" s="91"/>
      <c r="HY165" s="91"/>
      <c r="HZ165" s="91"/>
      <c r="IA165" s="91"/>
      <c r="IB165" s="91"/>
      <c r="IC165" s="91"/>
      <c r="ID165" s="91"/>
      <c r="IE165" s="91"/>
      <c r="IF165" s="91"/>
      <c r="IG165" s="91"/>
      <c r="IH165" s="91"/>
      <c r="II165" s="91"/>
      <c r="IJ165" s="91"/>
      <c r="IK165" s="127"/>
    </row>
    <row r="166" spans="2:245" x14ac:dyDescent="0.2">
      <c r="B166" s="79"/>
      <c r="C166" s="73"/>
      <c r="D166" s="64"/>
      <c r="E166" s="64"/>
      <c r="F166" s="55"/>
      <c r="G166" s="102"/>
      <c r="H166" s="55"/>
      <c r="I166" s="55"/>
      <c r="J166" s="55"/>
      <c r="K166" s="55"/>
      <c r="L166" s="55"/>
      <c r="M166" s="55"/>
      <c r="N166" s="55"/>
      <c r="O166" s="55"/>
      <c r="P166" s="55"/>
      <c r="Q166" s="55"/>
      <c r="R166" s="55"/>
      <c r="S166" s="55"/>
      <c r="T166" s="55"/>
      <c r="U166" s="55"/>
      <c r="V166" s="55"/>
      <c r="W166" s="55"/>
      <c r="X166" s="55"/>
      <c r="Y166" s="55"/>
      <c r="Z166" s="55"/>
      <c r="AA166" s="55"/>
      <c r="AB166" s="55"/>
      <c r="AC166" s="55"/>
      <c r="AD166" s="55"/>
      <c r="AE166" s="55"/>
      <c r="AF166" s="55"/>
      <c r="AG166" s="55"/>
      <c r="AY166" s="162"/>
      <c r="AZ166" s="162"/>
      <c r="BA166" s="162"/>
      <c r="BB166" s="162"/>
      <c r="BC166" s="162"/>
      <c r="BD166" s="162"/>
      <c r="BE166" s="162"/>
      <c r="BF166" s="162"/>
      <c r="BG166" s="162"/>
      <c r="BH166" s="162"/>
      <c r="BI166" s="162"/>
      <c r="BJ166" s="162"/>
      <c r="BK166" s="162"/>
      <c r="BL166" s="162"/>
      <c r="BM166" s="162"/>
      <c r="BN166" s="162"/>
      <c r="BO166" s="162"/>
      <c r="BP166" s="162"/>
      <c r="BQ166" s="162"/>
      <c r="BR166" s="162"/>
      <c r="BS166" s="162"/>
      <c r="BT166" s="162"/>
      <c r="BU166" s="162"/>
      <c r="BV166" s="162"/>
      <c r="BW166" s="162"/>
      <c r="BX166" s="162"/>
      <c r="BY166" s="162"/>
      <c r="BZ166" s="162"/>
      <c r="CA166" s="162"/>
      <c r="CB166" s="162"/>
      <c r="CC166" s="162"/>
      <c r="CD166" s="162"/>
      <c r="CE166" s="162"/>
      <c r="CF166" s="162"/>
      <c r="CG166" s="162"/>
      <c r="CH166" s="162"/>
      <c r="CI166" s="162"/>
      <c r="CJ166" s="162"/>
      <c r="CK166" s="162"/>
      <c r="CX166" s="98"/>
      <c r="DL166" s="97"/>
      <c r="DX166" s="98"/>
      <c r="EL166" s="97"/>
      <c r="EX166" s="98"/>
      <c r="EY166" s="97"/>
      <c r="FL166" s="126"/>
      <c r="FM166" s="91"/>
      <c r="FN166" s="91"/>
      <c r="FO166" s="91"/>
      <c r="FP166" s="91"/>
      <c r="FQ166" s="91"/>
      <c r="FR166" s="91"/>
      <c r="FS166" s="91"/>
      <c r="FT166" s="91"/>
      <c r="FU166" s="91"/>
      <c r="FV166" s="91"/>
      <c r="FW166" s="91"/>
      <c r="FX166" s="91"/>
      <c r="FY166" s="91"/>
      <c r="FZ166" s="91"/>
      <c r="GA166" s="91"/>
      <c r="GB166" s="91"/>
      <c r="GC166" s="91"/>
      <c r="GD166" s="91"/>
      <c r="GE166" s="91"/>
      <c r="GF166" s="91"/>
      <c r="GG166" s="91"/>
      <c r="GH166" s="91"/>
      <c r="GI166" s="91"/>
      <c r="GJ166" s="91"/>
      <c r="GK166" s="127"/>
      <c r="GL166" s="126"/>
      <c r="GM166" s="91"/>
      <c r="GN166" s="91"/>
      <c r="GO166" s="91"/>
      <c r="GP166" s="91"/>
      <c r="GQ166" s="91"/>
      <c r="GR166" s="91"/>
      <c r="GS166" s="91"/>
      <c r="GT166" s="91"/>
      <c r="GU166" s="91"/>
      <c r="GV166" s="91"/>
      <c r="GW166" s="91"/>
      <c r="GX166" s="91"/>
      <c r="GY166" s="91"/>
      <c r="GZ166" s="91"/>
      <c r="HA166" s="91"/>
      <c r="HB166" s="91"/>
      <c r="HC166" s="91"/>
      <c r="HD166" s="91"/>
      <c r="HE166" s="91"/>
      <c r="HF166" s="91"/>
      <c r="HG166" s="91"/>
      <c r="HH166" s="91"/>
      <c r="HI166" s="91"/>
      <c r="HJ166" s="91"/>
      <c r="HK166" s="127"/>
      <c r="HL166" s="126"/>
      <c r="HM166" s="91"/>
      <c r="HN166" s="91"/>
      <c r="HO166" s="91"/>
      <c r="HP166" s="91"/>
      <c r="HQ166" s="91"/>
      <c r="HR166" s="91"/>
      <c r="HS166" s="91"/>
      <c r="HT166" s="91"/>
      <c r="HU166" s="91"/>
      <c r="HV166" s="91"/>
      <c r="HW166" s="91"/>
      <c r="HX166" s="91"/>
      <c r="HY166" s="91"/>
      <c r="HZ166" s="91"/>
      <c r="IA166" s="91"/>
      <c r="IB166" s="91"/>
      <c r="IC166" s="91"/>
      <c r="ID166" s="91"/>
      <c r="IE166" s="91"/>
      <c r="IF166" s="91"/>
      <c r="IG166" s="91"/>
      <c r="IH166" s="91"/>
      <c r="II166" s="91"/>
      <c r="IJ166" s="91"/>
      <c r="IK166" s="127"/>
    </row>
    <row r="167" spans="2:245" x14ac:dyDescent="0.2">
      <c r="B167" s="79"/>
      <c r="C167" s="73"/>
      <c r="D167" s="64"/>
      <c r="E167" s="64"/>
      <c r="F167" s="55"/>
      <c r="G167" s="102"/>
      <c r="H167" s="55"/>
      <c r="I167" s="55"/>
      <c r="J167" s="55"/>
      <c r="K167" s="55"/>
      <c r="L167" s="55"/>
      <c r="M167" s="55"/>
      <c r="N167" s="55"/>
      <c r="O167" s="55"/>
      <c r="P167" s="55"/>
      <c r="Q167" s="55"/>
      <c r="R167" s="55"/>
      <c r="S167" s="55"/>
      <c r="T167" s="55"/>
      <c r="U167" s="55"/>
      <c r="V167" s="55"/>
      <c r="W167" s="55"/>
      <c r="X167" s="55"/>
      <c r="Y167" s="55"/>
      <c r="Z167" s="55"/>
      <c r="AA167" s="55"/>
      <c r="AB167" s="55"/>
      <c r="AC167" s="55"/>
      <c r="AD167" s="55"/>
      <c r="AE167" s="55"/>
      <c r="AF167" s="55"/>
      <c r="AG167" s="55"/>
      <c r="AY167" s="162"/>
      <c r="AZ167" s="162"/>
      <c r="BA167" s="162"/>
      <c r="BB167" s="162"/>
      <c r="BC167" s="162"/>
      <c r="BD167" s="162"/>
      <c r="BE167" s="162"/>
      <c r="BF167" s="162"/>
      <c r="BG167" s="162"/>
      <c r="BH167" s="162"/>
      <c r="BI167" s="162"/>
      <c r="BJ167" s="162"/>
      <c r="BK167" s="162"/>
      <c r="BL167" s="162"/>
      <c r="BM167" s="162"/>
      <c r="BN167" s="162"/>
      <c r="BO167" s="162"/>
      <c r="BP167" s="162"/>
      <c r="BQ167" s="162"/>
      <c r="BR167" s="162"/>
      <c r="BS167" s="162"/>
      <c r="BT167" s="162"/>
      <c r="BU167" s="162"/>
      <c r="BV167" s="162"/>
      <c r="BW167" s="162"/>
      <c r="BX167" s="162"/>
      <c r="BY167" s="162"/>
      <c r="BZ167" s="162"/>
      <c r="CA167" s="162"/>
      <c r="CB167" s="162"/>
      <c r="CC167" s="162"/>
      <c r="CD167" s="162"/>
      <c r="CE167" s="162"/>
      <c r="CF167" s="162"/>
      <c r="CG167" s="162"/>
      <c r="CH167" s="162"/>
      <c r="CI167" s="162"/>
      <c r="CJ167" s="162"/>
      <c r="CK167" s="162"/>
      <c r="CX167" s="98"/>
      <c r="DL167" s="97"/>
      <c r="DX167" s="98"/>
      <c r="EL167" s="97"/>
      <c r="EX167" s="98"/>
      <c r="EY167" s="97"/>
      <c r="FL167" s="126"/>
      <c r="FM167" s="91"/>
      <c r="FN167" s="91"/>
      <c r="FO167" s="91"/>
      <c r="FP167" s="91"/>
      <c r="FQ167" s="91"/>
      <c r="FR167" s="91"/>
      <c r="FS167" s="91"/>
      <c r="FT167" s="91"/>
      <c r="FU167" s="91"/>
      <c r="FV167" s="91"/>
      <c r="FW167" s="91"/>
      <c r="FX167" s="91"/>
      <c r="FY167" s="91"/>
      <c r="FZ167" s="91"/>
      <c r="GA167" s="91"/>
      <c r="GB167" s="91"/>
      <c r="GC167" s="91"/>
      <c r="GD167" s="91"/>
      <c r="GE167" s="91"/>
      <c r="GF167" s="91"/>
      <c r="GG167" s="91"/>
      <c r="GH167" s="91"/>
      <c r="GI167" s="91"/>
      <c r="GJ167" s="91"/>
      <c r="GK167" s="127"/>
      <c r="GL167" s="126"/>
      <c r="GM167" s="91"/>
      <c r="GN167" s="91"/>
      <c r="GO167" s="91"/>
      <c r="GP167" s="91"/>
      <c r="GQ167" s="91"/>
      <c r="GR167" s="91"/>
      <c r="GS167" s="91"/>
      <c r="GT167" s="91"/>
      <c r="GU167" s="91"/>
      <c r="GV167" s="91"/>
      <c r="GW167" s="91"/>
      <c r="GX167" s="91"/>
      <c r="GY167" s="91"/>
      <c r="GZ167" s="91"/>
      <c r="HA167" s="91"/>
      <c r="HB167" s="91"/>
      <c r="HC167" s="91"/>
      <c r="HD167" s="91"/>
      <c r="HE167" s="91"/>
      <c r="HF167" s="91"/>
      <c r="HG167" s="91"/>
      <c r="HH167" s="91"/>
      <c r="HI167" s="91"/>
      <c r="HJ167" s="91"/>
      <c r="HK167" s="127"/>
      <c r="HL167" s="126"/>
      <c r="HM167" s="91"/>
      <c r="HN167" s="91"/>
      <c r="HO167" s="91"/>
      <c r="HP167" s="91"/>
      <c r="HQ167" s="91"/>
      <c r="HR167" s="91"/>
      <c r="HS167" s="91"/>
      <c r="HT167" s="91"/>
      <c r="HU167" s="91"/>
      <c r="HV167" s="91"/>
      <c r="HW167" s="91"/>
      <c r="HX167" s="91"/>
      <c r="HY167" s="91"/>
      <c r="HZ167" s="91"/>
      <c r="IA167" s="91"/>
      <c r="IB167" s="91"/>
      <c r="IC167" s="91"/>
      <c r="ID167" s="91"/>
      <c r="IE167" s="91"/>
      <c r="IF167" s="91"/>
      <c r="IG167" s="91"/>
      <c r="IH167" s="91"/>
      <c r="II167" s="91"/>
      <c r="IJ167" s="91"/>
      <c r="IK167" s="127"/>
    </row>
    <row r="168" spans="2:245" x14ac:dyDescent="0.2">
      <c r="B168" s="79"/>
      <c r="C168" s="73"/>
      <c r="D168" s="64"/>
      <c r="E168" s="64"/>
      <c r="F168" s="55"/>
      <c r="G168" s="102"/>
      <c r="H168" s="55"/>
      <c r="I168" s="55"/>
      <c r="J168" s="55"/>
      <c r="K168" s="55"/>
      <c r="L168" s="55"/>
      <c r="M168" s="55"/>
      <c r="N168" s="55"/>
      <c r="O168" s="55"/>
      <c r="P168" s="55"/>
      <c r="Q168" s="55"/>
      <c r="R168" s="55"/>
      <c r="S168" s="55"/>
      <c r="T168" s="55"/>
      <c r="U168" s="55"/>
      <c r="V168" s="55"/>
      <c r="W168" s="55"/>
      <c r="X168" s="55"/>
      <c r="Y168" s="55"/>
      <c r="Z168" s="55"/>
      <c r="AA168" s="55"/>
      <c r="AB168" s="55"/>
      <c r="AC168" s="55"/>
      <c r="AD168" s="55"/>
      <c r="AE168" s="55"/>
      <c r="AF168" s="55"/>
      <c r="AG168" s="55"/>
      <c r="AY168" s="162"/>
      <c r="AZ168" s="162"/>
      <c r="BA168" s="162"/>
      <c r="BB168" s="162"/>
      <c r="BC168" s="162"/>
      <c r="BD168" s="162"/>
      <c r="BE168" s="162"/>
      <c r="BF168" s="162"/>
      <c r="BG168" s="162"/>
      <c r="BH168" s="162"/>
      <c r="BI168" s="162"/>
      <c r="BJ168" s="162"/>
      <c r="BK168" s="162"/>
      <c r="BL168" s="162"/>
      <c r="BM168" s="162"/>
      <c r="BN168" s="162"/>
      <c r="BO168" s="162"/>
      <c r="BP168" s="162"/>
      <c r="BQ168" s="162"/>
      <c r="BR168" s="162"/>
      <c r="BS168" s="162"/>
      <c r="BT168" s="162"/>
      <c r="BU168" s="162"/>
      <c r="BV168" s="162"/>
      <c r="BW168" s="162"/>
      <c r="BX168" s="162"/>
      <c r="BY168" s="162"/>
      <c r="BZ168" s="162"/>
      <c r="CA168" s="162"/>
      <c r="CB168" s="162"/>
      <c r="CC168" s="162"/>
      <c r="CD168" s="162"/>
      <c r="CE168" s="162"/>
      <c r="CF168" s="162"/>
      <c r="CG168" s="162"/>
      <c r="CH168" s="162"/>
      <c r="CI168" s="162"/>
      <c r="CJ168" s="162"/>
      <c r="CK168" s="162"/>
      <c r="CX168" s="98"/>
      <c r="DL168" s="97"/>
      <c r="DX168" s="98"/>
      <c r="EL168" s="97"/>
      <c r="EX168" s="98"/>
      <c r="EY168" s="97"/>
      <c r="FL168" s="126"/>
      <c r="FM168" s="91"/>
      <c r="FN168" s="91"/>
      <c r="FO168" s="91"/>
      <c r="FP168" s="91"/>
      <c r="FQ168" s="91"/>
      <c r="FR168" s="91"/>
      <c r="FS168" s="91"/>
      <c r="FT168" s="91"/>
      <c r="FU168" s="91"/>
      <c r="FV168" s="91"/>
      <c r="FW168" s="91"/>
      <c r="FX168" s="91"/>
      <c r="FY168" s="91"/>
      <c r="FZ168" s="91"/>
      <c r="GA168" s="91"/>
      <c r="GB168" s="91"/>
      <c r="GC168" s="91"/>
      <c r="GD168" s="91"/>
      <c r="GE168" s="91"/>
      <c r="GF168" s="91"/>
      <c r="GG168" s="91"/>
      <c r="GH168" s="91"/>
      <c r="GI168" s="91"/>
      <c r="GJ168" s="91"/>
      <c r="GK168" s="127"/>
      <c r="GL168" s="126"/>
      <c r="GM168" s="91"/>
      <c r="GN168" s="91"/>
      <c r="GO168" s="91"/>
      <c r="GP168" s="91"/>
      <c r="GQ168" s="91"/>
      <c r="GR168" s="91"/>
      <c r="GS168" s="91"/>
      <c r="GT168" s="91"/>
      <c r="GU168" s="91"/>
      <c r="GV168" s="91"/>
      <c r="GW168" s="91"/>
      <c r="GX168" s="91"/>
      <c r="GY168" s="91"/>
      <c r="GZ168" s="91"/>
      <c r="HA168" s="91"/>
      <c r="HB168" s="91"/>
      <c r="HC168" s="91"/>
      <c r="HD168" s="91"/>
      <c r="HE168" s="91"/>
      <c r="HF168" s="91"/>
      <c r="HG168" s="91"/>
      <c r="HH168" s="91"/>
      <c r="HI168" s="91"/>
      <c r="HJ168" s="91"/>
      <c r="HK168" s="127"/>
      <c r="HL168" s="126"/>
      <c r="HM168" s="91"/>
      <c r="HN168" s="91"/>
      <c r="HO168" s="91"/>
      <c r="HP168" s="91"/>
      <c r="HQ168" s="91"/>
      <c r="HR168" s="91"/>
      <c r="HS168" s="91"/>
      <c r="HT168" s="91"/>
      <c r="HU168" s="91"/>
      <c r="HV168" s="91"/>
      <c r="HW168" s="91"/>
      <c r="HX168" s="91"/>
      <c r="HY168" s="91"/>
      <c r="HZ168" s="91"/>
      <c r="IA168" s="91"/>
      <c r="IB168" s="91"/>
      <c r="IC168" s="91"/>
      <c r="ID168" s="91"/>
      <c r="IE168" s="91"/>
      <c r="IF168" s="91"/>
      <c r="IG168" s="91"/>
      <c r="IH168" s="91"/>
      <c r="II168" s="91"/>
      <c r="IJ168" s="91"/>
      <c r="IK168" s="127"/>
    </row>
    <row r="169" spans="2:245" x14ac:dyDescent="0.2">
      <c r="B169" s="79"/>
      <c r="C169" s="73"/>
      <c r="D169" s="64"/>
      <c r="E169" s="64"/>
      <c r="F169" s="55"/>
      <c r="G169" s="102"/>
      <c r="H169" s="55"/>
      <c r="I169" s="55"/>
      <c r="J169" s="55"/>
      <c r="K169" s="55"/>
      <c r="L169" s="55"/>
      <c r="M169" s="55"/>
      <c r="N169" s="55"/>
      <c r="O169" s="55"/>
      <c r="P169" s="55"/>
      <c r="Q169" s="55"/>
      <c r="R169" s="55"/>
      <c r="S169" s="55"/>
      <c r="T169" s="55"/>
      <c r="U169" s="55"/>
      <c r="V169" s="55"/>
      <c r="W169" s="55"/>
      <c r="X169" s="55"/>
      <c r="Y169" s="55"/>
      <c r="Z169" s="55"/>
      <c r="AA169" s="55"/>
      <c r="AB169" s="55"/>
      <c r="AC169" s="55"/>
      <c r="AD169" s="55"/>
      <c r="AE169" s="55"/>
      <c r="AF169" s="55"/>
      <c r="AG169" s="55"/>
      <c r="AY169" s="162"/>
      <c r="AZ169" s="162"/>
      <c r="BA169" s="162"/>
      <c r="BB169" s="162"/>
      <c r="BC169" s="162"/>
      <c r="BD169" s="162"/>
      <c r="BE169" s="162"/>
      <c r="BF169" s="162"/>
      <c r="BG169" s="162"/>
      <c r="BH169" s="162"/>
      <c r="BI169" s="162"/>
      <c r="BJ169" s="162"/>
      <c r="BK169" s="162"/>
      <c r="BL169" s="162"/>
      <c r="BM169" s="162"/>
      <c r="BN169" s="162"/>
      <c r="BO169" s="162"/>
      <c r="BP169" s="162"/>
      <c r="BQ169" s="162"/>
      <c r="BR169" s="162"/>
      <c r="BS169" s="162"/>
      <c r="BT169" s="162"/>
      <c r="BU169" s="162"/>
      <c r="BV169" s="162"/>
      <c r="BW169" s="162"/>
      <c r="BX169" s="162"/>
      <c r="BY169" s="162"/>
      <c r="BZ169" s="162"/>
      <c r="CA169" s="162"/>
      <c r="CB169" s="162"/>
      <c r="CC169" s="162"/>
      <c r="CD169" s="162"/>
      <c r="CE169" s="162"/>
      <c r="CF169" s="162"/>
      <c r="CG169" s="162"/>
      <c r="CH169" s="162"/>
      <c r="CI169" s="162"/>
      <c r="CJ169" s="162"/>
      <c r="CK169" s="162"/>
      <c r="CX169" s="98"/>
      <c r="DL169" s="97"/>
      <c r="DX169" s="98"/>
      <c r="EL169" s="97"/>
      <c r="EX169" s="98"/>
      <c r="EY169" s="97"/>
      <c r="FL169" s="126"/>
      <c r="FM169" s="91"/>
      <c r="FN169" s="91"/>
      <c r="FO169" s="91"/>
      <c r="FP169" s="91"/>
      <c r="FQ169" s="91"/>
      <c r="FR169" s="91"/>
      <c r="FS169" s="91"/>
      <c r="FT169" s="91"/>
      <c r="FU169" s="91"/>
      <c r="FV169" s="91"/>
      <c r="FW169" s="91"/>
      <c r="FX169" s="91"/>
      <c r="FY169" s="91"/>
      <c r="FZ169" s="91"/>
      <c r="GA169" s="91"/>
      <c r="GB169" s="91"/>
      <c r="GC169" s="91"/>
      <c r="GD169" s="91"/>
      <c r="GE169" s="91"/>
      <c r="GF169" s="91"/>
      <c r="GG169" s="91"/>
      <c r="GH169" s="91"/>
      <c r="GI169" s="91"/>
      <c r="GJ169" s="91"/>
      <c r="GK169" s="127"/>
      <c r="GL169" s="126"/>
      <c r="GM169" s="91"/>
      <c r="GN169" s="91"/>
      <c r="GO169" s="91"/>
      <c r="GP169" s="91"/>
      <c r="GQ169" s="91"/>
      <c r="GR169" s="91"/>
      <c r="GS169" s="91"/>
      <c r="GT169" s="91"/>
      <c r="GU169" s="91"/>
      <c r="GV169" s="91"/>
      <c r="GW169" s="91"/>
      <c r="GX169" s="91"/>
      <c r="GY169" s="91"/>
      <c r="GZ169" s="91"/>
      <c r="HA169" s="91"/>
      <c r="HB169" s="91"/>
      <c r="HC169" s="91"/>
      <c r="HD169" s="91"/>
      <c r="HE169" s="91"/>
      <c r="HF169" s="91"/>
      <c r="HG169" s="91"/>
      <c r="HH169" s="91"/>
      <c r="HI169" s="91"/>
      <c r="HJ169" s="91"/>
      <c r="HK169" s="127"/>
      <c r="HL169" s="126"/>
      <c r="HM169" s="91"/>
      <c r="HN169" s="91"/>
      <c r="HO169" s="91"/>
      <c r="HP169" s="91"/>
      <c r="HQ169" s="91"/>
      <c r="HR169" s="91"/>
      <c r="HS169" s="91"/>
      <c r="HT169" s="91"/>
      <c r="HU169" s="91"/>
      <c r="HV169" s="91"/>
      <c r="HW169" s="91"/>
      <c r="HX169" s="91"/>
      <c r="HY169" s="91"/>
      <c r="HZ169" s="91"/>
      <c r="IA169" s="91"/>
      <c r="IB169" s="91"/>
      <c r="IC169" s="91"/>
      <c r="ID169" s="91"/>
      <c r="IE169" s="91"/>
      <c r="IF169" s="91"/>
      <c r="IG169" s="91"/>
      <c r="IH169" s="91"/>
      <c r="II169" s="91"/>
      <c r="IJ169" s="91"/>
      <c r="IK169" s="127"/>
    </row>
    <row r="170" spans="2:245" x14ac:dyDescent="0.2">
      <c r="B170" s="79"/>
      <c r="C170" s="73"/>
      <c r="D170" s="64"/>
      <c r="E170" s="64"/>
      <c r="F170" s="55"/>
      <c r="G170" s="102"/>
      <c r="H170" s="55"/>
      <c r="I170" s="55"/>
      <c r="J170" s="55"/>
      <c r="K170" s="55"/>
      <c r="L170" s="55"/>
      <c r="M170" s="55"/>
      <c r="N170" s="55"/>
      <c r="O170" s="55"/>
      <c r="P170" s="55"/>
      <c r="Q170" s="55"/>
      <c r="R170" s="55"/>
      <c r="S170" s="55"/>
      <c r="T170" s="55"/>
      <c r="U170" s="55"/>
      <c r="V170" s="55"/>
      <c r="W170" s="55"/>
      <c r="X170" s="55"/>
      <c r="Y170" s="55"/>
      <c r="Z170" s="55"/>
      <c r="AA170" s="55"/>
      <c r="AB170" s="55"/>
      <c r="AC170" s="55"/>
      <c r="AD170" s="55"/>
      <c r="AE170" s="55"/>
      <c r="AF170" s="55"/>
      <c r="AG170" s="55"/>
      <c r="AY170" s="162"/>
      <c r="AZ170" s="162"/>
      <c r="BA170" s="162"/>
      <c r="BB170" s="162"/>
      <c r="BC170" s="162"/>
      <c r="BD170" s="162"/>
      <c r="BE170" s="162"/>
      <c r="BF170" s="162"/>
      <c r="BG170" s="162"/>
      <c r="BH170" s="162"/>
      <c r="BI170" s="162"/>
      <c r="BJ170" s="162"/>
      <c r="BK170" s="162"/>
      <c r="BL170" s="162"/>
      <c r="BM170" s="162"/>
      <c r="BN170" s="162"/>
      <c r="BO170" s="162"/>
      <c r="BP170" s="162"/>
      <c r="BQ170" s="162"/>
      <c r="BR170" s="162"/>
      <c r="BS170" s="162"/>
      <c r="BT170" s="162"/>
      <c r="BU170" s="162"/>
      <c r="BV170" s="162"/>
      <c r="BW170" s="162"/>
      <c r="BX170" s="162"/>
      <c r="BY170" s="162"/>
      <c r="BZ170" s="162"/>
      <c r="CA170" s="162"/>
      <c r="CB170" s="162"/>
      <c r="CC170" s="162"/>
      <c r="CD170" s="162"/>
      <c r="CE170" s="162"/>
      <c r="CF170" s="162"/>
      <c r="CG170" s="162"/>
      <c r="CH170" s="162"/>
      <c r="CI170" s="162"/>
      <c r="CJ170" s="162"/>
      <c r="CK170" s="162"/>
      <c r="CX170" s="98"/>
      <c r="DL170" s="97"/>
      <c r="DX170" s="98"/>
      <c r="EL170" s="97"/>
      <c r="EX170" s="98"/>
      <c r="EY170" s="97"/>
      <c r="FL170" s="126"/>
      <c r="FM170" s="91"/>
      <c r="FN170" s="91"/>
      <c r="FO170" s="91"/>
      <c r="FP170" s="91"/>
      <c r="FQ170" s="91"/>
      <c r="FR170" s="91"/>
      <c r="FS170" s="91"/>
      <c r="FT170" s="91"/>
      <c r="FU170" s="91"/>
      <c r="FV170" s="91"/>
      <c r="FW170" s="91"/>
      <c r="FX170" s="91"/>
      <c r="FY170" s="91"/>
      <c r="FZ170" s="91"/>
      <c r="GA170" s="91"/>
      <c r="GB170" s="91"/>
      <c r="GC170" s="91"/>
      <c r="GD170" s="91"/>
      <c r="GE170" s="91"/>
      <c r="GF170" s="91"/>
      <c r="GG170" s="91"/>
      <c r="GH170" s="91"/>
      <c r="GI170" s="91"/>
      <c r="GJ170" s="91"/>
      <c r="GK170" s="127"/>
      <c r="GL170" s="126"/>
      <c r="GM170" s="91"/>
      <c r="GN170" s="91"/>
      <c r="GO170" s="91"/>
      <c r="GP170" s="91"/>
      <c r="GQ170" s="91"/>
      <c r="GR170" s="91"/>
      <c r="GS170" s="91"/>
      <c r="GT170" s="91"/>
      <c r="GU170" s="91"/>
      <c r="GV170" s="91"/>
      <c r="GW170" s="91"/>
      <c r="GX170" s="91"/>
      <c r="GY170" s="91"/>
      <c r="GZ170" s="91"/>
      <c r="HA170" s="91"/>
      <c r="HB170" s="91"/>
      <c r="HC170" s="91"/>
      <c r="HD170" s="91"/>
      <c r="HE170" s="91"/>
      <c r="HF170" s="91"/>
      <c r="HG170" s="91"/>
      <c r="HH170" s="91"/>
      <c r="HI170" s="91"/>
      <c r="HJ170" s="91"/>
      <c r="HK170" s="127"/>
      <c r="HL170" s="126"/>
      <c r="HM170" s="91"/>
      <c r="HN170" s="91"/>
      <c r="HO170" s="91"/>
      <c r="HP170" s="91"/>
      <c r="HQ170" s="91"/>
      <c r="HR170" s="91"/>
      <c r="HS170" s="91"/>
      <c r="HT170" s="91"/>
      <c r="HU170" s="91"/>
      <c r="HV170" s="91"/>
      <c r="HW170" s="91"/>
      <c r="HX170" s="91"/>
      <c r="HY170" s="91"/>
      <c r="HZ170" s="91"/>
      <c r="IA170" s="91"/>
      <c r="IB170" s="91"/>
      <c r="IC170" s="91"/>
      <c r="ID170" s="91"/>
      <c r="IE170" s="91"/>
      <c r="IF170" s="91"/>
      <c r="IG170" s="91"/>
      <c r="IH170" s="91"/>
      <c r="II170" s="91"/>
      <c r="IJ170" s="91"/>
      <c r="IK170" s="127"/>
    </row>
    <row r="171" spans="2:245" x14ac:dyDescent="0.2">
      <c r="B171" s="79"/>
      <c r="C171" s="73"/>
      <c r="D171" s="64"/>
      <c r="E171" s="64"/>
      <c r="F171" s="55"/>
      <c r="G171" s="102"/>
      <c r="H171" s="55"/>
      <c r="I171" s="55"/>
      <c r="J171" s="55"/>
      <c r="K171" s="55"/>
      <c r="L171" s="55"/>
      <c r="M171" s="55"/>
      <c r="N171" s="55"/>
      <c r="O171" s="55"/>
      <c r="P171" s="55"/>
      <c r="Q171" s="55"/>
      <c r="R171" s="55"/>
      <c r="S171" s="55"/>
      <c r="T171" s="55"/>
      <c r="U171" s="55"/>
      <c r="V171" s="55"/>
      <c r="W171" s="55"/>
      <c r="X171" s="55"/>
      <c r="Y171" s="55"/>
      <c r="Z171" s="55"/>
      <c r="AA171" s="55"/>
      <c r="AB171" s="55"/>
      <c r="AC171" s="55"/>
      <c r="AD171" s="55"/>
      <c r="AE171" s="55"/>
      <c r="AF171" s="55"/>
      <c r="AG171" s="55"/>
      <c r="AY171" s="162"/>
      <c r="AZ171" s="162"/>
      <c r="BA171" s="162"/>
      <c r="BB171" s="162"/>
      <c r="BC171" s="162"/>
      <c r="BD171" s="162"/>
      <c r="BE171" s="162"/>
      <c r="BF171" s="162"/>
      <c r="BG171" s="162"/>
      <c r="BH171" s="162"/>
      <c r="BI171" s="162"/>
      <c r="BJ171" s="162"/>
      <c r="BK171" s="162"/>
      <c r="BL171" s="162"/>
      <c r="BM171" s="162"/>
      <c r="BN171" s="162"/>
      <c r="BO171" s="162"/>
      <c r="BP171" s="162"/>
      <c r="BQ171" s="162"/>
      <c r="BR171" s="162"/>
      <c r="BS171" s="162"/>
      <c r="BT171" s="162"/>
      <c r="BU171" s="162"/>
      <c r="BV171" s="162"/>
      <c r="BW171" s="162"/>
      <c r="BX171" s="162"/>
      <c r="BY171" s="162"/>
      <c r="BZ171" s="162"/>
      <c r="CA171" s="162"/>
      <c r="CB171" s="162"/>
      <c r="CC171" s="162"/>
      <c r="CD171" s="162"/>
      <c r="CE171" s="162"/>
      <c r="CF171" s="162"/>
      <c r="CG171" s="162"/>
      <c r="CH171" s="162"/>
      <c r="CI171" s="162"/>
      <c r="CJ171" s="162"/>
      <c r="CK171" s="162"/>
      <c r="CX171" s="98"/>
      <c r="DL171" s="97"/>
      <c r="DX171" s="98"/>
      <c r="EL171" s="97"/>
      <c r="EX171" s="98"/>
      <c r="EY171" s="97"/>
      <c r="FL171" s="126"/>
      <c r="FM171" s="91"/>
      <c r="FN171" s="91"/>
      <c r="FO171" s="91"/>
      <c r="FP171" s="91"/>
      <c r="FQ171" s="91"/>
      <c r="FR171" s="91"/>
      <c r="FS171" s="91"/>
      <c r="FT171" s="91"/>
      <c r="FU171" s="91"/>
      <c r="FV171" s="91"/>
      <c r="FW171" s="91"/>
      <c r="FX171" s="91"/>
      <c r="FY171" s="91"/>
      <c r="FZ171" s="91"/>
      <c r="GA171" s="91"/>
      <c r="GB171" s="91"/>
      <c r="GC171" s="91"/>
      <c r="GD171" s="91"/>
      <c r="GE171" s="91"/>
      <c r="GF171" s="91"/>
      <c r="GG171" s="91"/>
      <c r="GH171" s="91"/>
      <c r="GI171" s="91"/>
      <c r="GJ171" s="91"/>
      <c r="GK171" s="127"/>
      <c r="GL171" s="126"/>
      <c r="GM171" s="91"/>
      <c r="GN171" s="91"/>
      <c r="GO171" s="91"/>
      <c r="GP171" s="91"/>
      <c r="GQ171" s="91"/>
      <c r="GR171" s="91"/>
      <c r="GS171" s="91"/>
      <c r="GT171" s="91"/>
      <c r="GU171" s="91"/>
      <c r="GV171" s="91"/>
      <c r="GW171" s="91"/>
      <c r="GX171" s="91"/>
      <c r="GY171" s="91"/>
      <c r="GZ171" s="91"/>
      <c r="HA171" s="91"/>
      <c r="HB171" s="91"/>
      <c r="HC171" s="91"/>
      <c r="HD171" s="91"/>
      <c r="HE171" s="91"/>
      <c r="HF171" s="91"/>
      <c r="HG171" s="91"/>
      <c r="HH171" s="91"/>
      <c r="HI171" s="91"/>
      <c r="HJ171" s="91"/>
      <c r="HK171" s="127"/>
      <c r="HL171" s="126"/>
      <c r="HM171" s="91"/>
      <c r="HN171" s="91"/>
      <c r="HO171" s="91"/>
      <c r="HP171" s="91"/>
      <c r="HQ171" s="91"/>
      <c r="HR171" s="91"/>
      <c r="HS171" s="91"/>
      <c r="HT171" s="91"/>
      <c r="HU171" s="91"/>
      <c r="HV171" s="91"/>
      <c r="HW171" s="91"/>
      <c r="HX171" s="91"/>
      <c r="HY171" s="91"/>
      <c r="HZ171" s="91"/>
      <c r="IA171" s="91"/>
      <c r="IB171" s="91"/>
      <c r="IC171" s="91"/>
      <c r="ID171" s="91"/>
      <c r="IE171" s="91"/>
      <c r="IF171" s="91"/>
      <c r="IG171" s="91"/>
      <c r="IH171" s="91"/>
      <c r="II171" s="91"/>
      <c r="IJ171" s="91"/>
      <c r="IK171" s="127"/>
    </row>
    <row r="172" spans="2:245" x14ac:dyDescent="0.2">
      <c r="B172" s="79"/>
      <c r="C172" s="73"/>
      <c r="D172" s="64"/>
      <c r="E172" s="64"/>
      <c r="F172" s="55"/>
      <c r="G172" s="102"/>
      <c r="H172" s="55"/>
      <c r="I172" s="55"/>
      <c r="J172" s="55"/>
      <c r="K172" s="55"/>
      <c r="L172" s="55"/>
      <c r="M172" s="55"/>
      <c r="N172" s="55"/>
      <c r="O172" s="55"/>
      <c r="P172" s="55"/>
      <c r="Q172" s="55"/>
      <c r="R172" s="55"/>
      <c r="S172" s="55"/>
      <c r="T172" s="55"/>
      <c r="U172" s="55"/>
      <c r="V172" s="55"/>
      <c r="W172" s="55"/>
      <c r="X172" s="55"/>
      <c r="Y172" s="55"/>
      <c r="Z172" s="55"/>
      <c r="AA172" s="55"/>
      <c r="AB172" s="55"/>
      <c r="AC172" s="55"/>
      <c r="AD172" s="55"/>
      <c r="AE172" s="55"/>
      <c r="AF172" s="55"/>
      <c r="AG172" s="55"/>
      <c r="AY172" s="162"/>
      <c r="AZ172" s="162"/>
      <c r="BA172" s="162"/>
      <c r="BB172" s="162"/>
      <c r="BC172" s="162"/>
      <c r="BD172" s="162"/>
      <c r="BE172" s="162"/>
      <c r="BF172" s="162"/>
      <c r="BG172" s="162"/>
      <c r="BH172" s="162"/>
      <c r="BI172" s="162"/>
      <c r="BJ172" s="162"/>
      <c r="BK172" s="162"/>
      <c r="BL172" s="162"/>
      <c r="BM172" s="162"/>
      <c r="BN172" s="162"/>
      <c r="BO172" s="162"/>
      <c r="BP172" s="162"/>
      <c r="BQ172" s="162"/>
      <c r="BR172" s="162"/>
      <c r="BS172" s="162"/>
      <c r="BT172" s="162"/>
      <c r="BU172" s="162"/>
      <c r="BV172" s="162"/>
      <c r="BW172" s="162"/>
      <c r="BX172" s="162"/>
      <c r="BY172" s="162"/>
      <c r="BZ172" s="162"/>
      <c r="CA172" s="162"/>
      <c r="CB172" s="162"/>
      <c r="CC172" s="162"/>
      <c r="CD172" s="162"/>
      <c r="CE172" s="162"/>
      <c r="CF172" s="162"/>
      <c r="CG172" s="162"/>
      <c r="CH172" s="162"/>
      <c r="CI172" s="162"/>
      <c r="CJ172" s="162"/>
      <c r="CK172" s="162"/>
      <c r="CX172" s="98"/>
      <c r="DL172" s="97"/>
      <c r="DX172" s="98"/>
      <c r="EL172" s="97"/>
      <c r="EX172" s="98"/>
      <c r="EY172" s="97"/>
      <c r="FL172" s="126"/>
      <c r="FM172" s="91"/>
      <c r="FN172" s="91"/>
      <c r="FO172" s="91"/>
      <c r="FP172" s="91"/>
      <c r="FQ172" s="91"/>
      <c r="FR172" s="91"/>
      <c r="FS172" s="91"/>
      <c r="FT172" s="91"/>
      <c r="FU172" s="91"/>
      <c r="FV172" s="91"/>
      <c r="FW172" s="91"/>
      <c r="FX172" s="91"/>
      <c r="FY172" s="91"/>
      <c r="FZ172" s="91"/>
      <c r="GA172" s="91"/>
      <c r="GB172" s="91"/>
      <c r="GC172" s="91"/>
      <c r="GD172" s="91"/>
      <c r="GE172" s="91"/>
      <c r="GF172" s="91"/>
      <c r="GG172" s="91"/>
      <c r="GH172" s="91"/>
      <c r="GI172" s="91"/>
      <c r="GJ172" s="91"/>
      <c r="GK172" s="127"/>
      <c r="GL172" s="126"/>
      <c r="GM172" s="91"/>
      <c r="GN172" s="91"/>
      <c r="GO172" s="91"/>
      <c r="GP172" s="91"/>
      <c r="GQ172" s="91"/>
      <c r="GR172" s="91"/>
      <c r="GS172" s="91"/>
      <c r="GT172" s="91"/>
      <c r="GU172" s="91"/>
      <c r="GV172" s="91"/>
      <c r="GW172" s="91"/>
      <c r="GX172" s="91"/>
      <c r="GY172" s="91"/>
      <c r="GZ172" s="91"/>
      <c r="HA172" s="91"/>
      <c r="HB172" s="91"/>
      <c r="HC172" s="91"/>
      <c r="HD172" s="91"/>
      <c r="HE172" s="91"/>
      <c r="HF172" s="91"/>
      <c r="HG172" s="91"/>
      <c r="HH172" s="91"/>
      <c r="HI172" s="91"/>
      <c r="HJ172" s="91"/>
      <c r="HK172" s="127"/>
      <c r="HL172" s="126"/>
      <c r="HM172" s="91"/>
      <c r="HN172" s="91"/>
      <c r="HO172" s="91"/>
      <c r="HP172" s="91"/>
      <c r="HQ172" s="91"/>
      <c r="HR172" s="91"/>
      <c r="HS172" s="91"/>
      <c r="HT172" s="91"/>
      <c r="HU172" s="91"/>
      <c r="HV172" s="91"/>
      <c r="HW172" s="91"/>
      <c r="HX172" s="91"/>
      <c r="HY172" s="91"/>
      <c r="HZ172" s="91"/>
      <c r="IA172" s="91"/>
      <c r="IB172" s="91"/>
      <c r="IC172" s="91"/>
      <c r="ID172" s="91"/>
      <c r="IE172" s="91"/>
      <c r="IF172" s="91"/>
      <c r="IG172" s="91"/>
      <c r="IH172" s="91"/>
      <c r="II172" s="91"/>
      <c r="IJ172" s="91"/>
      <c r="IK172" s="127"/>
    </row>
    <row r="173" spans="2:245" x14ac:dyDescent="0.2">
      <c r="B173" s="79"/>
      <c r="C173" s="73"/>
      <c r="D173" s="64"/>
      <c r="E173" s="64"/>
      <c r="F173" s="55"/>
      <c r="G173" s="102"/>
      <c r="H173" s="55"/>
      <c r="I173" s="55"/>
      <c r="J173" s="55"/>
      <c r="K173" s="55"/>
      <c r="L173" s="55"/>
      <c r="M173" s="55"/>
      <c r="N173" s="55"/>
      <c r="O173" s="55"/>
      <c r="P173" s="55"/>
      <c r="Q173" s="55"/>
      <c r="R173" s="55"/>
      <c r="S173" s="55"/>
      <c r="T173" s="55"/>
      <c r="U173" s="55"/>
      <c r="V173" s="55"/>
      <c r="W173" s="55"/>
      <c r="X173" s="55"/>
      <c r="Y173" s="55"/>
      <c r="Z173" s="55"/>
      <c r="AA173" s="55"/>
      <c r="AB173" s="55"/>
      <c r="AC173" s="55"/>
      <c r="AD173" s="55"/>
      <c r="AE173" s="55"/>
      <c r="AF173" s="55"/>
      <c r="AG173" s="55"/>
      <c r="AY173" s="162"/>
      <c r="AZ173" s="162"/>
      <c r="BA173" s="162"/>
      <c r="BB173" s="162"/>
      <c r="BC173" s="162"/>
      <c r="BD173" s="162"/>
      <c r="BE173" s="162"/>
      <c r="BF173" s="162"/>
      <c r="BG173" s="162"/>
      <c r="BH173" s="162"/>
      <c r="BI173" s="162"/>
      <c r="BJ173" s="162"/>
      <c r="BK173" s="162"/>
      <c r="BL173" s="162"/>
      <c r="BM173" s="162"/>
      <c r="BN173" s="162"/>
      <c r="BO173" s="162"/>
      <c r="BP173" s="162"/>
      <c r="BQ173" s="162"/>
      <c r="BR173" s="162"/>
      <c r="BS173" s="162"/>
      <c r="BT173" s="162"/>
      <c r="BU173" s="162"/>
      <c r="BV173" s="162"/>
      <c r="BW173" s="162"/>
      <c r="BX173" s="162"/>
      <c r="BY173" s="162"/>
      <c r="BZ173" s="162"/>
      <c r="CA173" s="162"/>
      <c r="CB173" s="162"/>
      <c r="CC173" s="162"/>
      <c r="CD173" s="162"/>
      <c r="CE173" s="162"/>
      <c r="CF173" s="162"/>
      <c r="CG173" s="162"/>
      <c r="CH173" s="162"/>
      <c r="CI173" s="162"/>
      <c r="CJ173" s="162"/>
      <c r="CK173" s="162"/>
      <c r="CX173" s="98"/>
      <c r="DL173" s="97"/>
      <c r="DX173" s="98"/>
      <c r="EL173" s="97"/>
      <c r="EX173" s="98"/>
      <c r="EY173" s="97"/>
      <c r="FL173" s="126"/>
      <c r="FM173" s="91"/>
      <c r="FN173" s="91"/>
      <c r="FO173" s="91"/>
      <c r="FP173" s="91"/>
      <c r="FQ173" s="91"/>
      <c r="FR173" s="91"/>
      <c r="FS173" s="91"/>
      <c r="FT173" s="91"/>
      <c r="FU173" s="91"/>
      <c r="FV173" s="91"/>
      <c r="FW173" s="91"/>
      <c r="FX173" s="91"/>
      <c r="FY173" s="91"/>
      <c r="FZ173" s="91"/>
      <c r="GA173" s="91"/>
      <c r="GB173" s="91"/>
      <c r="GC173" s="91"/>
      <c r="GD173" s="91"/>
      <c r="GE173" s="91"/>
      <c r="GF173" s="91"/>
      <c r="GG173" s="91"/>
      <c r="GH173" s="91"/>
      <c r="GI173" s="91"/>
      <c r="GJ173" s="91"/>
      <c r="GK173" s="127"/>
      <c r="GL173" s="126"/>
      <c r="GM173" s="91"/>
      <c r="GN173" s="91"/>
      <c r="GO173" s="91"/>
      <c r="GP173" s="91"/>
      <c r="GQ173" s="91"/>
      <c r="GR173" s="91"/>
      <c r="GS173" s="91"/>
      <c r="GT173" s="91"/>
      <c r="GU173" s="91"/>
      <c r="GV173" s="91"/>
      <c r="GW173" s="91"/>
      <c r="GX173" s="91"/>
      <c r="GY173" s="91"/>
      <c r="GZ173" s="91"/>
      <c r="HA173" s="91"/>
      <c r="HB173" s="91"/>
      <c r="HC173" s="91"/>
      <c r="HD173" s="91"/>
      <c r="HE173" s="91"/>
      <c r="HF173" s="91"/>
      <c r="HG173" s="91"/>
      <c r="HH173" s="91"/>
      <c r="HI173" s="91"/>
      <c r="HJ173" s="91"/>
      <c r="HK173" s="127"/>
      <c r="HL173" s="126"/>
      <c r="HM173" s="91"/>
      <c r="HN173" s="91"/>
      <c r="HO173" s="91"/>
      <c r="HP173" s="91"/>
      <c r="HQ173" s="91"/>
      <c r="HR173" s="91"/>
      <c r="HS173" s="91"/>
      <c r="HT173" s="91"/>
      <c r="HU173" s="91"/>
      <c r="HV173" s="91"/>
      <c r="HW173" s="91"/>
      <c r="HX173" s="91"/>
      <c r="HY173" s="91"/>
      <c r="HZ173" s="91"/>
      <c r="IA173" s="91"/>
      <c r="IB173" s="91"/>
      <c r="IC173" s="91"/>
      <c r="ID173" s="91"/>
      <c r="IE173" s="91"/>
      <c r="IF173" s="91"/>
      <c r="IG173" s="91"/>
      <c r="IH173" s="91"/>
      <c r="II173" s="91"/>
      <c r="IJ173" s="91"/>
      <c r="IK173" s="127"/>
    </row>
    <row r="174" spans="2:245" x14ac:dyDescent="0.2">
      <c r="B174" s="79"/>
      <c r="C174" s="73"/>
      <c r="D174" s="64"/>
      <c r="E174" s="64"/>
      <c r="F174" s="55"/>
      <c r="G174" s="102"/>
      <c r="H174" s="55"/>
      <c r="I174" s="55"/>
      <c r="J174" s="55"/>
      <c r="K174" s="55"/>
      <c r="L174" s="55"/>
      <c r="M174" s="55"/>
      <c r="N174" s="55"/>
      <c r="O174" s="55"/>
      <c r="P174" s="55"/>
      <c r="Q174" s="55"/>
      <c r="R174" s="55"/>
      <c r="S174" s="55"/>
      <c r="T174" s="55"/>
      <c r="U174" s="55"/>
      <c r="V174" s="55"/>
      <c r="W174" s="55"/>
      <c r="X174" s="55"/>
      <c r="Y174" s="55"/>
      <c r="Z174" s="55"/>
      <c r="AA174" s="55"/>
      <c r="AB174" s="55"/>
      <c r="AC174" s="55"/>
      <c r="AD174" s="55"/>
      <c r="AE174" s="55"/>
      <c r="AF174" s="55"/>
      <c r="AG174" s="55"/>
      <c r="AY174" s="162"/>
      <c r="AZ174" s="162"/>
      <c r="BA174" s="162"/>
      <c r="BB174" s="162"/>
      <c r="BC174" s="162"/>
      <c r="BD174" s="162"/>
      <c r="BE174" s="162"/>
      <c r="BF174" s="162"/>
      <c r="BG174" s="162"/>
      <c r="BH174" s="162"/>
      <c r="BI174" s="162"/>
      <c r="BJ174" s="162"/>
      <c r="BK174" s="162"/>
      <c r="BL174" s="162"/>
      <c r="BM174" s="162"/>
      <c r="BN174" s="162"/>
      <c r="BO174" s="162"/>
      <c r="BP174" s="162"/>
      <c r="BQ174" s="162"/>
      <c r="BR174" s="162"/>
      <c r="BS174" s="162"/>
      <c r="BT174" s="162"/>
      <c r="BU174" s="162"/>
      <c r="BV174" s="162"/>
      <c r="BW174" s="162"/>
      <c r="BX174" s="162"/>
      <c r="BY174" s="162"/>
      <c r="BZ174" s="162"/>
      <c r="CA174" s="162"/>
      <c r="CB174" s="162"/>
      <c r="CC174" s="162"/>
      <c r="CD174" s="162"/>
      <c r="CE174" s="162"/>
      <c r="CF174" s="162"/>
      <c r="CG174" s="162"/>
      <c r="CH174" s="162"/>
      <c r="CI174" s="162"/>
      <c r="CJ174" s="162"/>
      <c r="CK174" s="162"/>
      <c r="CX174" s="98"/>
      <c r="DL174" s="97"/>
      <c r="DX174" s="98"/>
      <c r="EL174" s="97"/>
      <c r="EX174" s="98"/>
      <c r="EY174" s="97"/>
      <c r="FL174" s="126"/>
      <c r="FM174" s="91"/>
      <c r="FN174" s="91"/>
      <c r="FO174" s="91"/>
      <c r="FP174" s="91"/>
      <c r="FQ174" s="91"/>
      <c r="FR174" s="91"/>
      <c r="FS174" s="91"/>
      <c r="FT174" s="91"/>
      <c r="FU174" s="91"/>
      <c r="FV174" s="91"/>
      <c r="FW174" s="91"/>
      <c r="FX174" s="91"/>
      <c r="FY174" s="91"/>
      <c r="FZ174" s="91"/>
      <c r="GA174" s="91"/>
      <c r="GB174" s="91"/>
      <c r="GC174" s="91"/>
      <c r="GD174" s="91"/>
      <c r="GE174" s="91"/>
      <c r="GF174" s="91"/>
      <c r="GG174" s="91"/>
      <c r="GH174" s="91"/>
      <c r="GI174" s="91"/>
      <c r="GJ174" s="91"/>
      <c r="GK174" s="127"/>
      <c r="GL174" s="126"/>
      <c r="GM174" s="91"/>
      <c r="GN174" s="91"/>
      <c r="GO174" s="91"/>
      <c r="GP174" s="91"/>
      <c r="GQ174" s="91"/>
      <c r="GR174" s="91"/>
      <c r="GS174" s="91"/>
      <c r="GT174" s="91"/>
      <c r="GU174" s="91"/>
      <c r="GV174" s="91"/>
      <c r="GW174" s="91"/>
      <c r="GX174" s="91"/>
      <c r="GY174" s="91"/>
      <c r="GZ174" s="91"/>
      <c r="HA174" s="91"/>
      <c r="HB174" s="91"/>
      <c r="HC174" s="91"/>
      <c r="HD174" s="91"/>
      <c r="HE174" s="91"/>
      <c r="HF174" s="91"/>
      <c r="HG174" s="91"/>
      <c r="HH174" s="91"/>
      <c r="HI174" s="91"/>
      <c r="HJ174" s="91"/>
      <c r="HK174" s="127"/>
      <c r="HL174" s="126"/>
      <c r="HM174" s="91"/>
      <c r="HN174" s="91"/>
      <c r="HO174" s="91"/>
      <c r="HP174" s="91"/>
      <c r="HQ174" s="91"/>
      <c r="HR174" s="91"/>
      <c r="HS174" s="91"/>
      <c r="HT174" s="91"/>
      <c r="HU174" s="91"/>
      <c r="HV174" s="91"/>
      <c r="HW174" s="91"/>
      <c r="HX174" s="91"/>
      <c r="HY174" s="91"/>
      <c r="HZ174" s="91"/>
      <c r="IA174" s="91"/>
      <c r="IB174" s="91"/>
      <c r="IC174" s="91"/>
      <c r="ID174" s="91"/>
      <c r="IE174" s="91"/>
      <c r="IF174" s="91"/>
      <c r="IG174" s="91"/>
      <c r="IH174" s="91"/>
      <c r="II174" s="91"/>
      <c r="IJ174" s="91"/>
      <c r="IK174" s="127"/>
    </row>
    <row r="175" spans="2:245" x14ac:dyDescent="0.2">
      <c r="B175" s="79"/>
      <c r="C175" s="73"/>
      <c r="D175" s="64"/>
      <c r="E175" s="64"/>
      <c r="F175" s="55"/>
      <c r="G175" s="102"/>
      <c r="H175" s="55"/>
      <c r="I175" s="55"/>
      <c r="J175" s="55"/>
      <c r="K175" s="55"/>
      <c r="L175" s="55"/>
      <c r="M175" s="55"/>
      <c r="N175" s="55"/>
      <c r="O175" s="55"/>
      <c r="P175" s="55"/>
      <c r="Q175" s="55"/>
      <c r="R175" s="55"/>
      <c r="S175" s="55"/>
      <c r="T175" s="55"/>
      <c r="U175" s="55"/>
      <c r="V175" s="55"/>
      <c r="W175" s="55"/>
      <c r="X175" s="55"/>
      <c r="Y175" s="55"/>
      <c r="Z175" s="55"/>
      <c r="AA175" s="55"/>
      <c r="AB175" s="55"/>
      <c r="AC175" s="55"/>
      <c r="AD175" s="55"/>
      <c r="AE175" s="55"/>
      <c r="AF175" s="55"/>
      <c r="AG175" s="55"/>
      <c r="AY175" s="162"/>
      <c r="AZ175" s="162"/>
      <c r="BA175" s="162"/>
      <c r="BB175" s="162"/>
      <c r="BC175" s="162"/>
      <c r="BD175" s="162"/>
      <c r="BE175" s="162"/>
      <c r="BF175" s="162"/>
      <c r="BG175" s="162"/>
      <c r="BH175" s="162"/>
      <c r="BI175" s="162"/>
      <c r="BJ175" s="162"/>
      <c r="BK175" s="162"/>
      <c r="BL175" s="162"/>
      <c r="BM175" s="162"/>
      <c r="BN175" s="162"/>
      <c r="BO175" s="162"/>
      <c r="BP175" s="162"/>
      <c r="BQ175" s="162"/>
      <c r="BR175" s="162"/>
      <c r="BS175" s="162"/>
      <c r="BT175" s="162"/>
      <c r="BU175" s="162"/>
      <c r="BV175" s="162"/>
      <c r="BW175" s="162"/>
      <c r="BX175" s="162"/>
      <c r="BY175" s="162"/>
      <c r="BZ175" s="162"/>
      <c r="CA175" s="162"/>
      <c r="CB175" s="162"/>
      <c r="CC175" s="162"/>
      <c r="CD175" s="162"/>
      <c r="CE175" s="162"/>
      <c r="CF175" s="162"/>
      <c r="CG175" s="162"/>
      <c r="CH175" s="162"/>
      <c r="CI175" s="162"/>
      <c r="CJ175" s="162"/>
      <c r="CK175" s="162"/>
      <c r="CX175" s="98"/>
      <c r="DL175" s="97"/>
      <c r="DX175" s="98"/>
      <c r="EL175" s="97"/>
      <c r="EX175" s="98"/>
      <c r="EY175" s="97"/>
      <c r="FL175" s="126"/>
      <c r="FM175" s="91"/>
      <c r="FN175" s="91"/>
      <c r="FO175" s="91"/>
      <c r="FP175" s="91"/>
      <c r="FQ175" s="91"/>
      <c r="FR175" s="91"/>
      <c r="FS175" s="91"/>
      <c r="FT175" s="91"/>
      <c r="FU175" s="91"/>
      <c r="FV175" s="91"/>
      <c r="FW175" s="91"/>
      <c r="FX175" s="91"/>
      <c r="FY175" s="91"/>
      <c r="FZ175" s="91"/>
      <c r="GA175" s="91"/>
      <c r="GB175" s="91"/>
      <c r="GC175" s="91"/>
      <c r="GD175" s="91"/>
      <c r="GE175" s="91"/>
      <c r="GF175" s="91"/>
      <c r="GG175" s="91"/>
      <c r="GH175" s="91"/>
      <c r="GI175" s="91"/>
      <c r="GJ175" s="91"/>
      <c r="GK175" s="127"/>
      <c r="GL175" s="126"/>
      <c r="GM175" s="91"/>
      <c r="GN175" s="91"/>
      <c r="GO175" s="91"/>
      <c r="GP175" s="91"/>
      <c r="GQ175" s="91"/>
      <c r="GR175" s="91"/>
      <c r="GS175" s="91"/>
      <c r="GT175" s="91"/>
      <c r="GU175" s="91"/>
      <c r="GV175" s="91"/>
      <c r="GW175" s="91"/>
      <c r="GX175" s="91"/>
      <c r="GY175" s="91"/>
      <c r="GZ175" s="91"/>
      <c r="HA175" s="91"/>
      <c r="HB175" s="91"/>
      <c r="HC175" s="91"/>
      <c r="HD175" s="91"/>
      <c r="HE175" s="91"/>
      <c r="HF175" s="91"/>
      <c r="HG175" s="91"/>
      <c r="HH175" s="91"/>
      <c r="HI175" s="91"/>
      <c r="HJ175" s="91"/>
      <c r="HK175" s="127"/>
      <c r="HL175" s="126"/>
      <c r="HM175" s="91"/>
      <c r="HN175" s="91"/>
      <c r="HO175" s="91"/>
      <c r="HP175" s="91"/>
      <c r="HQ175" s="91"/>
      <c r="HR175" s="91"/>
      <c r="HS175" s="91"/>
      <c r="HT175" s="91"/>
      <c r="HU175" s="91"/>
      <c r="HV175" s="91"/>
      <c r="HW175" s="91"/>
      <c r="HX175" s="91"/>
      <c r="HY175" s="91"/>
      <c r="HZ175" s="91"/>
      <c r="IA175" s="91"/>
      <c r="IB175" s="91"/>
      <c r="IC175" s="91"/>
      <c r="ID175" s="91"/>
      <c r="IE175" s="91"/>
      <c r="IF175" s="91"/>
      <c r="IG175" s="91"/>
      <c r="IH175" s="91"/>
      <c r="II175" s="91"/>
      <c r="IJ175" s="91"/>
      <c r="IK175" s="127"/>
    </row>
    <row r="176" spans="2:245" x14ac:dyDescent="0.2">
      <c r="B176" s="79"/>
      <c r="C176" s="73"/>
      <c r="D176" s="64"/>
      <c r="E176" s="64"/>
      <c r="F176" s="55"/>
      <c r="G176" s="102"/>
      <c r="H176" s="55"/>
      <c r="I176" s="55"/>
      <c r="J176" s="55"/>
      <c r="K176" s="55"/>
      <c r="L176" s="55"/>
      <c r="M176" s="55"/>
      <c r="N176" s="55"/>
      <c r="O176" s="55"/>
      <c r="P176" s="55"/>
      <c r="Q176" s="55"/>
      <c r="R176" s="55"/>
      <c r="S176" s="55"/>
      <c r="T176" s="55"/>
      <c r="U176" s="55"/>
      <c r="V176" s="55"/>
      <c r="W176" s="55"/>
      <c r="X176" s="55"/>
      <c r="Y176" s="55"/>
      <c r="Z176" s="55"/>
      <c r="AA176" s="55"/>
      <c r="AB176" s="55"/>
      <c r="AC176" s="55"/>
      <c r="AD176" s="55"/>
      <c r="AE176" s="55"/>
      <c r="AF176" s="55"/>
      <c r="AG176" s="55"/>
      <c r="AY176" s="162"/>
      <c r="AZ176" s="162"/>
      <c r="BA176" s="162"/>
      <c r="BB176" s="162"/>
      <c r="BC176" s="162"/>
      <c r="BD176" s="162"/>
      <c r="BE176" s="162"/>
      <c r="BF176" s="162"/>
      <c r="BG176" s="162"/>
      <c r="BH176" s="162"/>
      <c r="BI176" s="162"/>
      <c r="BJ176" s="162"/>
      <c r="BK176" s="162"/>
      <c r="BL176" s="162"/>
      <c r="BM176" s="162"/>
      <c r="BN176" s="162"/>
      <c r="BO176" s="162"/>
      <c r="BP176" s="162"/>
      <c r="BQ176" s="162"/>
      <c r="BR176" s="162"/>
      <c r="BS176" s="162"/>
      <c r="BT176" s="162"/>
      <c r="BU176" s="162"/>
      <c r="BV176" s="162"/>
      <c r="BW176" s="162"/>
      <c r="BX176" s="162"/>
      <c r="BY176" s="162"/>
      <c r="BZ176" s="162"/>
      <c r="CA176" s="162"/>
      <c r="CB176" s="162"/>
      <c r="CC176" s="162"/>
      <c r="CD176" s="162"/>
      <c r="CE176" s="162"/>
      <c r="CF176" s="162"/>
      <c r="CG176" s="162"/>
      <c r="CH176" s="162"/>
      <c r="CI176" s="162"/>
      <c r="CJ176" s="162"/>
      <c r="CK176" s="162"/>
      <c r="CX176" s="98"/>
      <c r="DL176" s="97"/>
      <c r="DX176" s="98"/>
      <c r="EL176" s="97"/>
      <c r="EX176" s="98"/>
      <c r="EY176" s="97"/>
      <c r="FL176" s="126"/>
      <c r="FM176" s="91"/>
      <c r="FN176" s="91"/>
      <c r="FO176" s="91"/>
      <c r="FP176" s="91"/>
      <c r="FQ176" s="91"/>
      <c r="FR176" s="91"/>
      <c r="FS176" s="91"/>
      <c r="FT176" s="91"/>
      <c r="FU176" s="91"/>
      <c r="FV176" s="91"/>
      <c r="FW176" s="91"/>
      <c r="FX176" s="91"/>
      <c r="FY176" s="91"/>
      <c r="FZ176" s="91"/>
      <c r="GA176" s="91"/>
      <c r="GB176" s="91"/>
      <c r="GC176" s="91"/>
      <c r="GD176" s="91"/>
      <c r="GE176" s="91"/>
      <c r="GF176" s="91"/>
      <c r="GG176" s="91"/>
      <c r="GH176" s="91"/>
      <c r="GI176" s="91"/>
      <c r="GJ176" s="91"/>
      <c r="GK176" s="127"/>
      <c r="GL176" s="126"/>
      <c r="GM176" s="91"/>
      <c r="GN176" s="91"/>
      <c r="GO176" s="91"/>
      <c r="GP176" s="91"/>
      <c r="GQ176" s="91"/>
      <c r="GR176" s="91"/>
      <c r="GS176" s="91"/>
      <c r="GT176" s="91"/>
      <c r="GU176" s="91"/>
      <c r="GV176" s="91"/>
      <c r="GW176" s="91"/>
      <c r="GX176" s="91"/>
      <c r="GY176" s="91"/>
      <c r="GZ176" s="91"/>
      <c r="HA176" s="91"/>
      <c r="HB176" s="91"/>
      <c r="HC176" s="91"/>
      <c r="HD176" s="91"/>
      <c r="HE176" s="91"/>
      <c r="HF176" s="91"/>
      <c r="HG176" s="91"/>
      <c r="HH176" s="91"/>
      <c r="HI176" s="91"/>
      <c r="HJ176" s="91"/>
      <c r="HK176" s="127"/>
      <c r="HL176" s="126"/>
      <c r="HM176" s="91"/>
      <c r="HN176" s="91"/>
      <c r="HO176" s="91"/>
      <c r="HP176" s="91"/>
      <c r="HQ176" s="91"/>
      <c r="HR176" s="91"/>
      <c r="HS176" s="91"/>
      <c r="HT176" s="91"/>
      <c r="HU176" s="91"/>
      <c r="HV176" s="91"/>
      <c r="HW176" s="91"/>
      <c r="HX176" s="91"/>
      <c r="HY176" s="91"/>
      <c r="HZ176" s="91"/>
      <c r="IA176" s="91"/>
      <c r="IB176" s="91"/>
      <c r="IC176" s="91"/>
      <c r="ID176" s="91"/>
      <c r="IE176" s="91"/>
      <c r="IF176" s="91"/>
      <c r="IG176" s="91"/>
      <c r="IH176" s="91"/>
      <c r="II176" s="91"/>
      <c r="IJ176" s="91"/>
      <c r="IK176" s="127"/>
    </row>
    <row r="177" spans="2:245" x14ac:dyDescent="0.2">
      <c r="B177" s="79"/>
      <c r="C177" s="73"/>
      <c r="D177" s="64"/>
      <c r="E177" s="64"/>
      <c r="F177" s="55"/>
      <c r="G177" s="102"/>
      <c r="H177" s="55"/>
      <c r="I177" s="55"/>
      <c r="J177" s="55"/>
      <c r="K177" s="55"/>
      <c r="L177" s="55"/>
      <c r="M177" s="55"/>
      <c r="N177" s="55"/>
      <c r="O177" s="55"/>
      <c r="P177" s="55"/>
      <c r="Q177" s="55"/>
      <c r="R177" s="55"/>
      <c r="S177" s="55"/>
      <c r="T177" s="55"/>
      <c r="U177" s="55"/>
      <c r="V177" s="55"/>
      <c r="W177" s="55"/>
      <c r="X177" s="55"/>
      <c r="Y177" s="55"/>
      <c r="Z177" s="55"/>
      <c r="AA177" s="55"/>
      <c r="AB177" s="55"/>
      <c r="AC177" s="55"/>
      <c r="AD177" s="55"/>
      <c r="AE177" s="55"/>
      <c r="AF177" s="55"/>
      <c r="AG177" s="55"/>
      <c r="AY177" s="162"/>
      <c r="AZ177" s="162"/>
      <c r="BA177" s="162"/>
      <c r="BB177" s="162"/>
      <c r="BC177" s="162"/>
      <c r="BD177" s="162"/>
      <c r="BE177" s="162"/>
      <c r="BF177" s="162"/>
      <c r="BG177" s="162"/>
      <c r="BH177" s="162"/>
      <c r="BI177" s="162"/>
      <c r="BJ177" s="162"/>
      <c r="BK177" s="162"/>
      <c r="BL177" s="162"/>
      <c r="BM177" s="162"/>
      <c r="BN177" s="162"/>
      <c r="BO177" s="162"/>
      <c r="BP177" s="162"/>
      <c r="BQ177" s="162"/>
      <c r="BR177" s="162"/>
      <c r="BS177" s="162"/>
      <c r="BT177" s="162"/>
      <c r="BU177" s="162"/>
      <c r="BV177" s="162"/>
      <c r="BW177" s="162"/>
      <c r="BX177" s="162"/>
      <c r="BY177" s="162"/>
      <c r="BZ177" s="162"/>
      <c r="CA177" s="162"/>
      <c r="CB177" s="162"/>
      <c r="CC177" s="162"/>
      <c r="CD177" s="162"/>
      <c r="CE177" s="162"/>
      <c r="CF177" s="162"/>
      <c r="CG177" s="162"/>
      <c r="CH177" s="162"/>
      <c r="CI177" s="162"/>
      <c r="CJ177" s="162"/>
      <c r="CK177" s="162"/>
      <c r="CX177" s="98"/>
      <c r="DL177" s="97"/>
      <c r="DX177" s="98"/>
      <c r="EL177" s="97"/>
      <c r="EX177" s="98"/>
      <c r="EY177" s="97"/>
      <c r="FL177" s="126"/>
      <c r="FM177" s="91"/>
      <c r="FN177" s="91"/>
      <c r="FO177" s="91"/>
      <c r="FP177" s="91"/>
      <c r="FQ177" s="91"/>
      <c r="FR177" s="91"/>
      <c r="FS177" s="91"/>
      <c r="FT177" s="91"/>
      <c r="FU177" s="91"/>
      <c r="FV177" s="91"/>
      <c r="FW177" s="91"/>
      <c r="FX177" s="91"/>
      <c r="FY177" s="91"/>
      <c r="FZ177" s="91"/>
      <c r="GA177" s="91"/>
      <c r="GB177" s="91"/>
      <c r="GC177" s="91"/>
      <c r="GD177" s="91"/>
      <c r="GE177" s="91"/>
      <c r="GF177" s="91"/>
      <c r="GG177" s="91"/>
      <c r="GH177" s="91"/>
      <c r="GI177" s="91"/>
      <c r="GJ177" s="91"/>
      <c r="GK177" s="127"/>
      <c r="GL177" s="126"/>
      <c r="GM177" s="91"/>
      <c r="GN177" s="91"/>
      <c r="GO177" s="91"/>
      <c r="GP177" s="91"/>
      <c r="GQ177" s="91"/>
      <c r="GR177" s="91"/>
      <c r="GS177" s="91"/>
      <c r="GT177" s="91"/>
      <c r="GU177" s="91"/>
      <c r="GV177" s="91"/>
      <c r="GW177" s="91"/>
      <c r="GX177" s="91"/>
      <c r="GY177" s="91"/>
      <c r="GZ177" s="91"/>
      <c r="HA177" s="91"/>
      <c r="HB177" s="91"/>
      <c r="HC177" s="91"/>
      <c r="HD177" s="91"/>
      <c r="HE177" s="91"/>
      <c r="HF177" s="91"/>
      <c r="HG177" s="91"/>
      <c r="HH177" s="91"/>
      <c r="HI177" s="91"/>
      <c r="HJ177" s="91"/>
      <c r="HK177" s="127"/>
      <c r="HL177" s="126"/>
      <c r="HM177" s="91"/>
      <c r="HN177" s="91"/>
      <c r="HO177" s="91"/>
      <c r="HP177" s="91"/>
      <c r="HQ177" s="91"/>
      <c r="HR177" s="91"/>
      <c r="HS177" s="91"/>
      <c r="HT177" s="91"/>
      <c r="HU177" s="91"/>
      <c r="HV177" s="91"/>
      <c r="HW177" s="91"/>
      <c r="HX177" s="91"/>
      <c r="HY177" s="91"/>
      <c r="HZ177" s="91"/>
      <c r="IA177" s="91"/>
      <c r="IB177" s="91"/>
      <c r="IC177" s="91"/>
      <c r="ID177" s="91"/>
      <c r="IE177" s="91"/>
      <c r="IF177" s="91"/>
      <c r="IG177" s="91"/>
      <c r="IH177" s="91"/>
      <c r="II177" s="91"/>
      <c r="IJ177" s="91"/>
      <c r="IK177" s="127"/>
    </row>
    <row r="178" spans="2:245" x14ac:dyDescent="0.2">
      <c r="B178" s="79"/>
      <c r="C178" s="73"/>
      <c r="D178" s="64"/>
      <c r="E178" s="64"/>
      <c r="F178" s="55"/>
      <c r="G178" s="102"/>
      <c r="H178" s="55"/>
      <c r="I178" s="55"/>
      <c r="J178" s="55"/>
      <c r="K178" s="55"/>
      <c r="L178" s="55"/>
      <c r="M178" s="55"/>
      <c r="N178" s="55"/>
      <c r="O178" s="55"/>
      <c r="P178" s="55"/>
      <c r="Q178" s="55"/>
      <c r="R178" s="55"/>
      <c r="S178" s="55"/>
      <c r="T178" s="55"/>
      <c r="U178" s="55"/>
      <c r="V178" s="55"/>
      <c r="W178" s="55"/>
      <c r="X178" s="55"/>
      <c r="Y178" s="55"/>
      <c r="Z178" s="55"/>
      <c r="AA178" s="55"/>
      <c r="AB178" s="55"/>
      <c r="AC178" s="55"/>
      <c r="AD178" s="55"/>
      <c r="AE178" s="55"/>
      <c r="AF178" s="55"/>
      <c r="AG178" s="55"/>
      <c r="AY178" s="162"/>
      <c r="AZ178" s="162"/>
      <c r="BA178" s="162"/>
      <c r="BB178" s="162"/>
      <c r="BC178" s="162"/>
      <c r="BD178" s="162"/>
      <c r="BE178" s="162"/>
      <c r="BF178" s="162"/>
      <c r="BG178" s="162"/>
      <c r="BH178" s="162"/>
      <c r="BI178" s="162"/>
      <c r="BJ178" s="162"/>
      <c r="BK178" s="162"/>
      <c r="BL178" s="162"/>
      <c r="BM178" s="162"/>
      <c r="BN178" s="162"/>
      <c r="BO178" s="162"/>
      <c r="BP178" s="162"/>
      <c r="BQ178" s="162"/>
      <c r="BR178" s="162"/>
      <c r="BS178" s="162"/>
      <c r="BT178" s="162"/>
      <c r="BU178" s="162"/>
      <c r="BV178" s="162"/>
      <c r="BW178" s="162"/>
      <c r="BX178" s="162"/>
      <c r="BY178" s="162"/>
      <c r="BZ178" s="162"/>
      <c r="CA178" s="162"/>
      <c r="CB178" s="162"/>
      <c r="CC178" s="162"/>
      <c r="CD178" s="162"/>
      <c r="CE178" s="162"/>
      <c r="CF178" s="162"/>
      <c r="CG178" s="162"/>
      <c r="CH178" s="162"/>
      <c r="CI178" s="162"/>
      <c r="CJ178" s="162"/>
      <c r="CK178" s="162"/>
      <c r="CX178" s="98"/>
      <c r="DL178" s="97"/>
      <c r="DX178" s="98"/>
      <c r="EL178" s="97"/>
      <c r="EX178" s="98"/>
      <c r="EY178" s="97"/>
      <c r="FL178" s="126"/>
      <c r="FM178" s="91"/>
      <c r="FN178" s="91"/>
      <c r="FO178" s="91"/>
      <c r="FP178" s="91"/>
      <c r="FQ178" s="91"/>
      <c r="FR178" s="91"/>
      <c r="FS178" s="91"/>
      <c r="FT178" s="91"/>
      <c r="FU178" s="91"/>
      <c r="FV178" s="91"/>
      <c r="FW178" s="91"/>
      <c r="FX178" s="91"/>
      <c r="FY178" s="91"/>
      <c r="FZ178" s="91"/>
      <c r="GA178" s="91"/>
      <c r="GB178" s="91"/>
      <c r="GC178" s="91"/>
      <c r="GD178" s="91"/>
      <c r="GE178" s="91"/>
      <c r="GF178" s="91"/>
      <c r="GG178" s="91"/>
      <c r="GH178" s="91"/>
      <c r="GI178" s="91"/>
      <c r="GJ178" s="91"/>
      <c r="GK178" s="127"/>
      <c r="GL178" s="126"/>
      <c r="GM178" s="91"/>
      <c r="GN178" s="91"/>
      <c r="GO178" s="91"/>
      <c r="GP178" s="91"/>
      <c r="GQ178" s="91"/>
      <c r="GR178" s="91"/>
      <c r="GS178" s="91"/>
      <c r="GT178" s="91"/>
      <c r="GU178" s="91"/>
      <c r="GV178" s="91"/>
      <c r="GW178" s="91"/>
      <c r="GX178" s="91"/>
      <c r="GY178" s="91"/>
      <c r="GZ178" s="91"/>
      <c r="HA178" s="91"/>
      <c r="HB178" s="91"/>
      <c r="HC178" s="91"/>
      <c r="HD178" s="91"/>
      <c r="HE178" s="91"/>
      <c r="HF178" s="91"/>
      <c r="HG178" s="91"/>
      <c r="HH178" s="91"/>
      <c r="HI178" s="91"/>
      <c r="HJ178" s="91"/>
      <c r="HK178" s="127"/>
      <c r="HL178" s="126"/>
      <c r="HM178" s="91"/>
      <c r="HN178" s="91"/>
      <c r="HO178" s="91"/>
      <c r="HP178" s="91"/>
      <c r="HQ178" s="91"/>
      <c r="HR178" s="91"/>
      <c r="HS178" s="91"/>
      <c r="HT178" s="91"/>
      <c r="HU178" s="91"/>
      <c r="HV178" s="91"/>
      <c r="HW178" s="91"/>
      <c r="HX178" s="91"/>
      <c r="HY178" s="91"/>
      <c r="HZ178" s="91"/>
      <c r="IA178" s="91"/>
      <c r="IB178" s="91"/>
      <c r="IC178" s="91"/>
      <c r="ID178" s="91"/>
      <c r="IE178" s="91"/>
      <c r="IF178" s="91"/>
      <c r="IG178" s="91"/>
      <c r="IH178" s="91"/>
      <c r="II178" s="91"/>
      <c r="IJ178" s="91"/>
      <c r="IK178" s="127"/>
    </row>
    <row r="179" spans="2:245" x14ac:dyDescent="0.2">
      <c r="B179" s="79"/>
      <c r="C179" s="73"/>
      <c r="D179" s="64"/>
      <c r="E179" s="64"/>
      <c r="F179" s="55"/>
      <c r="G179" s="102"/>
      <c r="H179" s="55"/>
      <c r="I179" s="55"/>
      <c r="J179" s="55"/>
      <c r="K179" s="55"/>
      <c r="L179" s="55"/>
      <c r="M179" s="55"/>
      <c r="N179" s="55"/>
      <c r="O179" s="55"/>
      <c r="P179" s="55"/>
      <c r="Q179" s="55"/>
      <c r="R179" s="55"/>
      <c r="S179" s="55"/>
      <c r="T179" s="55"/>
      <c r="U179" s="55"/>
      <c r="V179" s="55"/>
      <c r="W179" s="55"/>
      <c r="X179" s="55"/>
      <c r="Y179" s="55"/>
      <c r="Z179" s="55"/>
      <c r="AA179" s="55"/>
      <c r="AB179" s="55"/>
      <c r="AC179" s="55"/>
      <c r="AD179" s="55"/>
      <c r="AE179" s="55"/>
      <c r="AF179" s="55"/>
      <c r="AG179" s="55"/>
      <c r="AY179" s="162"/>
      <c r="AZ179" s="162"/>
      <c r="BA179" s="162"/>
      <c r="BB179" s="162"/>
      <c r="BC179" s="162"/>
      <c r="BD179" s="162"/>
      <c r="BE179" s="162"/>
      <c r="BF179" s="162"/>
      <c r="BG179" s="162"/>
      <c r="BH179" s="162"/>
      <c r="BI179" s="162"/>
      <c r="BJ179" s="162"/>
      <c r="BK179" s="162"/>
      <c r="BL179" s="162"/>
      <c r="BM179" s="162"/>
      <c r="BN179" s="162"/>
      <c r="BO179" s="162"/>
      <c r="BP179" s="162"/>
      <c r="BQ179" s="162"/>
      <c r="BR179" s="162"/>
      <c r="BS179" s="162"/>
      <c r="BT179" s="162"/>
      <c r="BU179" s="162"/>
      <c r="BV179" s="162"/>
      <c r="BW179" s="162"/>
      <c r="BX179" s="162"/>
      <c r="BY179" s="162"/>
      <c r="BZ179" s="162"/>
      <c r="CA179" s="162"/>
      <c r="CB179" s="162"/>
      <c r="CC179" s="162"/>
      <c r="CD179" s="162"/>
      <c r="CE179" s="162"/>
      <c r="CF179" s="162"/>
      <c r="CG179" s="162"/>
      <c r="CH179" s="162"/>
      <c r="CI179" s="162"/>
      <c r="CJ179" s="162"/>
      <c r="CK179" s="162"/>
      <c r="CX179" s="98"/>
      <c r="DL179" s="97"/>
      <c r="DX179" s="98"/>
      <c r="EL179" s="97"/>
      <c r="EX179" s="98"/>
      <c r="EY179" s="97"/>
      <c r="FL179" s="126"/>
      <c r="FM179" s="91"/>
      <c r="FN179" s="91"/>
      <c r="FO179" s="91"/>
      <c r="FP179" s="91"/>
      <c r="FQ179" s="91"/>
      <c r="FR179" s="91"/>
      <c r="FS179" s="91"/>
      <c r="FT179" s="91"/>
      <c r="FU179" s="91"/>
      <c r="FV179" s="91"/>
      <c r="FW179" s="91"/>
      <c r="FX179" s="91"/>
      <c r="FY179" s="91"/>
      <c r="FZ179" s="91"/>
      <c r="GA179" s="91"/>
      <c r="GB179" s="91"/>
      <c r="GC179" s="91"/>
      <c r="GD179" s="91"/>
      <c r="GE179" s="91"/>
      <c r="GF179" s="91"/>
      <c r="GG179" s="91"/>
      <c r="GH179" s="91"/>
      <c r="GI179" s="91"/>
      <c r="GJ179" s="91"/>
      <c r="GK179" s="127"/>
      <c r="GL179" s="126"/>
      <c r="GM179" s="91"/>
      <c r="GN179" s="91"/>
      <c r="GO179" s="91"/>
      <c r="GP179" s="91"/>
      <c r="GQ179" s="91"/>
      <c r="GR179" s="91"/>
      <c r="GS179" s="91"/>
      <c r="GT179" s="91"/>
      <c r="GU179" s="91"/>
      <c r="GV179" s="91"/>
      <c r="GW179" s="91"/>
      <c r="GX179" s="91"/>
      <c r="GY179" s="91"/>
      <c r="GZ179" s="91"/>
      <c r="HA179" s="91"/>
      <c r="HB179" s="91"/>
      <c r="HC179" s="91"/>
      <c r="HD179" s="91"/>
      <c r="HE179" s="91"/>
      <c r="HF179" s="91"/>
      <c r="HG179" s="91"/>
      <c r="HH179" s="91"/>
      <c r="HI179" s="91"/>
      <c r="HJ179" s="91"/>
      <c r="HK179" s="127"/>
      <c r="HL179" s="126"/>
      <c r="HM179" s="91"/>
      <c r="HN179" s="91"/>
      <c r="HO179" s="91"/>
      <c r="HP179" s="91"/>
      <c r="HQ179" s="91"/>
      <c r="HR179" s="91"/>
      <c r="HS179" s="91"/>
      <c r="HT179" s="91"/>
      <c r="HU179" s="91"/>
      <c r="HV179" s="91"/>
      <c r="HW179" s="91"/>
      <c r="HX179" s="91"/>
      <c r="HY179" s="91"/>
      <c r="HZ179" s="91"/>
      <c r="IA179" s="91"/>
      <c r="IB179" s="91"/>
      <c r="IC179" s="91"/>
      <c r="ID179" s="91"/>
      <c r="IE179" s="91"/>
      <c r="IF179" s="91"/>
      <c r="IG179" s="91"/>
      <c r="IH179" s="91"/>
      <c r="II179" s="91"/>
      <c r="IJ179" s="91"/>
      <c r="IK179" s="127"/>
    </row>
    <row r="180" spans="2:245" x14ac:dyDescent="0.2">
      <c r="B180" s="79"/>
      <c r="C180" s="73"/>
      <c r="D180" s="64"/>
      <c r="E180" s="64"/>
      <c r="F180" s="55"/>
      <c r="G180" s="102"/>
      <c r="H180" s="55"/>
      <c r="I180" s="55"/>
      <c r="J180" s="55"/>
      <c r="K180" s="55"/>
      <c r="L180" s="55"/>
      <c r="M180" s="55"/>
      <c r="N180" s="55"/>
      <c r="O180" s="55"/>
      <c r="P180" s="55"/>
      <c r="Q180" s="55"/>
      <c r="R180" s="55"/>
      <c r="S180" s="55"/>
      <c r="T180" s="55"/>
      <c r="U180" s="55"/>
      <c r="V180" s="55"/>
      <c r="W180" s="55"/>
      <c r="X180" s="55"/>
      <c r="Y180" s="55"/>
      <c r="Z180" s="55"/>
      <c r="AA180" s="55"/>
      <c r="AB180" s="55"/>
      <c r="AC180" s="55"/>
      <c r="AD180" s="55"/>
      <c r="AE180" s="55"/>
      <c r="AF180" s="55"/>
      <c r="AG180" s="55"/>
      <c r="AY180" s="162"/>
      <c r="AZ180" s="162"/>
      <c r="BA180" s="162"/>
      <c r="BB180" s="162"/>
      <c r="BC180" s="162"/>
      <c r="BD180" s="162"/>
      <c r="BE180" s="162"/>
      <c r="BF180" s="162"/>
      <c r="BG180" s="162"/>
      <c r="BH180" s="162"/>
      <c r="BI180" s="162"/>
      <c r="BJ180" s="162"/>
      <c r="BK180" s="162"/>
      <c r="BL180" s="162"/>
      <c r="BM180" s="162"/>
      <c r="BN180" s="162"/>
      <c r="BO180" s="162"/>
      <c r="BP180" s="162"/>
      <c r="BQ180" s="162"/>
      <c r="BR180" s="162"/>
      <c r="BS180" s="162"/>
      <c r="BT180" s="162"/>
      <c r="BU180" s="162"/>
      <c r="BV180" s="162"/>
      <c r="BW180" s="162"/>
      <c r="BX180" s="162"/>
      <c r="BY180" s="162"/>
      <c r="BZ180" s="162"/>
      <c r="CA180" s="162"/>
      <c r="CB180" s="162"/>
      <c r="CC180" s="162"/>
      <c r="CD180" s="162"/>
      <c r="CE180" s="162"/>
      <c r="CF180" s="162"/>
      <c r="CG180" s="162"/>
      <c r="CH180" s="162"/>
      <c r="CI180" s="162"/>
      <c r="CJ180" s="162"/>
      <c r="CK180" s="162"/>
      <c r="CX180" s="98"/>
      <c r="DL180" s="97"/>
      <c r="DX180" s="98"/>
      <c r="EL180" s="97"/>
      <c r="EX180" s="98"/>
      <c r="EY180" s="97"/>
      <c r="FL180" s="126"/>
      <c r="FM180" s="91"/>
      <c r="FN180" s="91"/>
      <c r="FO180" s="91"/>
      <c r="FP180" s="91"/>
      <c r="FQ180" s="91"/>
      <c r="FR180" s="91"/>
      <c r="FS180" s="91"/>
      <c r="FT180" s="91"/>
      <c r="FU180" s="91"/>
      <c r="FV180" s="91"/>
      <c r="FW180" s="91"/>
      <c r="FX180" s="91"/>
      <c r="FY180" s="91"/>
      <c r="FZ180" s="91"/>
      <c r="GA180" s="91"/>
      <c r="GB180" s="91"/>
      <c r="GC180" s="91"/>
      <c r="GD180" s="91"/>
      <c r="GE180" s="91"/>
      <c r="GF180" s="91"/>
      <c r="GG180" s="91"/>
      <c r="GH180" s="91"/>
      <c r="GI180" s="91"/>
      <c r="GJ180" s="91"/>
      <c r="GK180" s="127"/>
      <c r="GL180" s="126"/>
      <c r="GM180" s="91"/>
      <c r="GN180" s="91"/>
      <c r="GO180" s="91"/>
      <c r="GP180" s="91"/>
      <c r="GQ180" s="91"/>
      <c r="GR180" s="91"/>
      <c r="GS180" s="91"/>
      <c r="GT180" s="91"/>
      <c r="GU180" s="91"/>
      <c r="GV180" s="91"/>
      <c r="GW180" s="91"/>
      <c r="GX180" s="91"/>
      <c r="GY180" s="91"/>
      <c r="GZ180" s="91"/>
      <c r="HA180" s="91"/>
      <c r="HB180" s="91"/>
      <c r="HC180" s="91"/>
      <c r="HD180" s="91"/>
      <c r="HE180" s="91"/>
      <c r="HF180" s="91"/>
      <c r="HG180" s="91"/>
      <c r="HH180" s="91"/>
      <c r="HI180" s="91"/>
      <c r="HJ180" s="91"/>
      <c r="HK180" s="127"/>
      <c r="HL180" s="126"/>
      <c r="HM180" s="91"/>
      <c r="HN180" s="91"/>
      <c r="HO180" s="91"/>
      <c r="HP180" s="91"/>
      <c r="HQ180" s="91"/>
      <c r="HR180" s="91"/>
      <c r="HS180" s="91"/>
      <c r="HT180" s="91"/>
      <c r="HU180" s="91"/>
      <c r="HV180" s="91"/>
      <c r="HW180" s="91"/>
      <c r="HX180" s="91"/>
      <c r="HY180" s="91"/>
      <c r="HZ180" s="91"/>
      <c r="IA180" s="91"/>
      <c r="IB180" s="91"/>
      <c r="IC180" s="91"/>
      <c r="ID180" s="91"/>
      <c r="IE180" s="91"/>
      <c r="IF180" s="91"/>
      <c r="IG180" s="91"/>
      <c r="IH180" s="91"/>
      <c r="II180" s="91"/>
      <c r="IJ180" s="91"/>
      <c r="IK180" s="127"/>
    </row>
    <row r="181" spans="2:245" x14ac:dyDescent="0.2">
      <c r="B181" s="79"/>
      <c r="C181" s="73"/>
      <c r="D181" s="64"/>
      <c r="E181" s="64"/>
      <c r="F181" s="55"/>
      <c r="G181" s="102"/>
      <c r="H181" s="55"/>
      <c r="I181" s="55"/>
      <c r="J181" s="55"/>
      <c r="K181" s="55"/>
      <c r="L181" s="55"/>
      <c r="M181" s="55"/>
      <c r="N181" s="55"/>
      <c r="O181" s="55"/>
      <c r="P181" s="55"/>
      <c r="Q181" s="55"/>
      <c r="R181" s="55"/>
      <c r="S181" s="55"/>
      <c r="T181" s="55"/>
      <c r="U181" s="55"/>
      <c r="V181" s="55"/>
      <c r="W181" s="55"/>
      <c r="X181" s="55"/>
      <c r="Y181" s="55"/>
      <c r="Z181" s="55"/>
      <c r="AA181" s="55"/>
      <c r="AB181" s="55"/>
      <c r="AC181" s="55"/>
      <c r="AD181" s="55"/>
      <c r="AE181" s="55"/>
      <c r="AF181" s="55"/>
      <c r="AG181" s="55"/>
      <c r="AY181" s="162"/>
      <c r="AZ181" s="162"/>
      <c r="BA181" s="162"/>
      <c r="BB181" s="162"/>
      <c r="BC181" s="162"/>
      <c r="BD181" s="162"/>
      <c r="BE181" s="162"/>
      <c r="BF181" s="162"/>
      <c r="BG181" s="162"/>
      <c r="BH181" s="162"/>
      <c r="BI181" s="162"/>
      <c r="BJ181" s="162"/>
      <c r="BK181" s="162"/>
      <c r="BL181" s="162"/>
      <c r="BM181" s="162"/>
      <c r="BN181" s="162"/>
      <c r="BO181" s="162"/>
      <c r="BP181" s="162"/>
      <c r="BQ181" s="162"/>
      <c r="BR181" s="162"/>
      <c r="BS181" s="162"/>
      <c r="BT181" s="162"/>
      <c r="BU181" s="162"/>
      <c r="BV181" s="162"/>
      <c r="BW181" s="162"/>
      <c r="BX181" s="162"/>
      <c r="BY181" s="162"/>
      <c r="BZ181" s="162"/>
      <c r="CA181" s="162"/>
      <c r="CB181" s="162"/>
      <c r="CC181" s="162"/>
      <c r="CD181" s="162"/>
      <c r="CE181" s="162"/>
      <c r="CF181" s="162"/>
      <c r="CG181" s="162"/>
      <c r="CH181" s="162"/>
      <c r="CI181" s="162"/>
      <c r="CJ181" s="162"/>
      <c r="CK181" s="162"/>
      <c r="CX181" s="98"/>
      <c r="DL181" s="97"/>
      <c r="DX181" s="98"/>
      <c r="EL181" s="97"/>
      <c r="EX181" s="98"/>
      <c r="EY181" s="97"/>
      <c r="FL181" s="126"/>
      <c r="FM181" s="91"/>
      <c r="FN181" s="91"/>
      <c r="FO181" s="91"/>
      <c r="FP181" s="91"/>
      <c r="FQ181" s="91"/>
      <c r="FR181" s="91"/>
      <c r="FS181" s="91"/>
      <c r="FT181" s="91"/>
      <c r="FU181" s="91"/>
      <c r="FV181" s="91"/>
      <c r="FW181" s="91"/>
      <c r="FX181" s="91"/>
      <c r="FY181" s="91"/>
      <c r="FZ181" s="91"/>
      <c r="GA181" s="91"/>
      <c r="GB181" s="91"/>
      <c r="GC181" s="91"/>
      <c r="GD181" s="91"/>
      <c r="GE181" s="91"/>
      <c r="GF181" s="91"/>
      <c r="GG181" s="91"/>
      <c r="GH181" s="91"/>
      <c r="GI181" s="91"/>
      <c r="GJ181" s="91"/>
      <c r="GK181" s="127"/>
      <c r="GL181" s="126"/>
      <c r="GM181" s="91"/>
      <c r="GN181" s="91"/>
      <c r="GO181" s="91"/>
      <c r="GP181" s="91"/>
      <c r="GQ181" s="91"/>
      <c r="GR181" s="91"/>
      <c r="GS181" s="91"/>
      <c r="GT181" s="91"/>
      <c r="GU181" s="91"/>
      <c r="GV181" s="91"/>
      <c r="GW181" s="91"/>
      <c r="GX181" s="91"/>
      <c r="GY181" s="91"/>
      <c r="GZ181" s="91"/>
      <c r="HA181" s="91"/>
      <c r="HB181" s="91"/>
      <c r="HC181" s="91"/>
      <c r="HD181" s="91"/>
      <c r="HE181" s="91"/>
      <c r="HF181" s="91"/>
      <c r="HG181" s="91"/>
      <c r="HH181" s="91"/>
      <c r="HI181" s="91"/>
      <c r="HJ181" s="91"/>
      <c r="HK181" s="127"/>
      <c r="HL181" s="126"/>
      <c r="HM181" s="91"/>
      <c r="HN181" s="91"/>
      <c r="HO181" s="91"/>
      <c r="HP181" s="91"/>
      <c r="HQ181" s="91"/>
      <c r="HR181" s="91"/>
      <c r="HS181" s="91"/>
      <c r="HT181" s="91"/>
      <c r="HU181" s="91"/>
      <c r="HV181" s="91"/>
      <c r="HW181" s="91"/>
      <c r="HX181" s="91"/>
      <c r="HY181" s="91"/>
      <c r="HZ181" s="91"/>
      <c r="IA181" s="91"/>
      <c r="IB181" s="91"/>
      <c r="IC181" s="91"/>
      <c r="ID181" s="91"/>
      <c r="IE181" s="91"/>
      <c r="IF181" s="91"/>
      <c r="IG181" s="91"/>
      <c r="IH181" s="91"/>
      <c r="II181" s="91"/>
      <c r="IJ181" s="91"/>
      <c r="IK181" s="127"/>
    </row>
    <row r="182" spans="2:245" x14ac:dyDescent="0.2">
      <c r="B182" s="79"/>
      <c r="C182" s="73"/>
      <c r="D182" s="64"/>
      <c r="E182" s="64"/>
      <c r="F182" s="55"/>
      <c r="G182" s="102"/>
      <c r="H182" s="55"/>
      <c r="I182" s="55"/>
      <c r="J182" s="55"/>
      <c r="K182" s="55"/>
      <c r="L182" s="55"/>
      <c r="M182" s="55"/>
      <c r="N182" s="55"/>
      <c r="O182" s="55"/>
      <c r="P182" s="55"/>
      <c r="Q182" s="55"/>
      <c r="R182" s="55"/>
      <c r="S182" s="55"/>
      <c r="T182" s="55"/>
      <c r="U182" s="55"/>
      <c r="V182" s="55"/>
      <c r="W182" s="55"/>
      <c r="X182" s="55"/>
      <c r="Y182" s="55"/>
      <c r="Z182" s="55"/>
      <c r="AA182" s="55"/>
      <c r="AB182" s="55"/>
      <c r="AC182" s="55"/>
      <c r="AD182" s="55"/>
      <c r="AE182" s="55"/>
      <c r="AF182" s="55"/>
      <c r="AG182" s="55"/>
      <c r="AY182" s="162"/>
      <c r="AZ182" s="162"/>
      <c r="BA182" s="162"/>
      <c r="BB182" s="162"/>
      <c r="BC182" s="162"/>
      <c r="BD182" s="162"/>
      <c r="BE182" s="162"/>
      <c r="BF182" s="162"/>
      <c r="BG182" s="162"/>
      <c r="BH182" s="162"/>
      <c r="BI182" s="162"/>
      <c r="BJ182" s="162"/>
      <c r="BK182" s="162"/>
      <c r="BL182" s="162"/>
      <c r="BM182" s="162"/>
      <c r="BN182" s="162"/>
      <c r="BO182" s="162"/>
      <c r="BP182" s="162"/>
      <c r="BQ182" s="162"/>
      <c r="BR182" s="162"/>
      <c r="BS182" s="162"/>
      <c r="BT182" s="162"/>
      <c r="BU182" s="162"/>
      <c r="BV182" s="162"/>
      <c r="BW182" s="162"/>
      <c r="BX182" s="162"/>
      <c r="BY182" s="162"/>
      <c r="BZ182" s="162"/>
      <c r="CA182" s="162"/>
      <c r="CB182" s="162"/>
      <c r="CC182" s="162"/>
      <c r="CD182" s="162"/>
      <c r="CE182" s="162"/>
      <c r="CF182" s="162"/>
      <c r="CG182" s="162"/>
      <c r="CH182" s="162"/>
      <c r="CI182" s="162"/>
      <c r="CJ182" s="162"/>
      <c r="CK182" s="162"/>
      <c r="CX182" s="98"/>
      <c r="DL182" s="97"/>
      <c r="DX182" s="98"/>
      <c r="EL182" s="97"/>
      <c r="EX182" s="98"/>
      <c r="EY182" s="97"/>
      <c r="FL182" s="126"/>
      <c r="FM182" s="91"/>
      <c r="FN182" s="91"/>
      <c r="FO182" s="91"/>
      <c r="FP182" s="91"/>
      <c r="FQ182" s="91"/>
      <c r="FR182" s="91"/>
      <c r="FS182" s="91"/>
      <c r="FT182" s="91"/>
      <c r="FU182" s="91"/>
      <c r="FV182" s="91"/>
      <c r="FW182" s="91"/>
      <c r="FX182" s="91"/>
      <c r="FY182" s="91"/>
      <c r="FZ182" s="91"/>
      <c r="GA182" s="91"/>
      <c r="GB182" s="91"/>
      <c r="GC182" s="91"/>
      <c r="GD182" s="91"/>
      <c r="GE182" s="91"/>
      <c r="GF182" s="91"/>
      <c r="GG182" s="91"/>
      <c r="GH182" s="91"/>
      <c r="GI182" s="91"/>
      <c r="GJ182" s="91"/>
      <c r="GK182" s="127"/>
      <c r="GL182" s="126"/>
      <c r="GM182" s="91"/>
      <c r="GN182" s="91"/>
      <c r="GO182" s="91"/>
      <c r="GP182" s="91"/>
      <c r="GQ182" s="91"/>
      <c r="GR182" s="91"/>
      <c r="GS182" s="91"/>
      <c r="GT182" s="91"/>
      <c r="GU182" s="91"/>
      <c r="GV182" s="91"/>
      <c r="GW182" s="91"/>
      <c r="GX182" s="91"/>
      <c r="GY182" s="91"/>
      <c r="GZ182" s="91"/>
      <c r="HA182" s="91"/>
      <c r="HB182" s="91"/>
      <c r="HC182" s="91"/>
      <c r="HD182" s="91"/>
      <c r="HE182" s="91"/>
      <c r="HF182" s="91"/>
      <c r="HG182" s="91"/>
      <c r="HH182" s="91"/>
      <c r="HI182" s="91"/>
      <c r="HJ182" s="91"/>
      <c r="HK182" s="127"/>
      <c r="HL182" s="126"/>
      <c r="HM182" s="91"/>
      <c r="HN182" s="91"/>
      <c r="HO182" s="91"/>
      <c r="HP182" s="91"/>
      <c r="HQ182" s="91"/>
      <c r="HR182" s="91"/>
      <c r="HS182" s="91"/>
      <c r="HT182" s="91"/>
      <c r="HU182" s="91"/>
      <c r="HV182" s="91"/>
      <c r="HW182" s="91"/>
      <c r="HX182" s="91"/>
      <c r="HY182" s="91"/>
      <c r="HZ182" s="91"/>
      <c r="IA182" s="91"/>
      <c r="IB182" s="91"/>
      <c r="IC182" s="91"/>
      <c r="ID182" s="91"/>
      <c r="IE182" s="91"/>
      <c r="IF182" s="91"/>
      <c r="IG182" s="91"/>
      <c r="IH182" s="91"/>
      <c r="II182" s="91"/>
      <c r="IJ182" s="91"/>
      <c r="IK182" s="127"/>
    </row>
    <row r="183" spans="2:245" x14ac:dyDescent="0.2">
      <c r="B183" s="79"/>
      <c r="C183" s="73"/>
      <c r="D183" s="64"/>
      <c r="E183" s="64"/>
      <c r="F183" s="55"/>
      <c r="G183" s="102"/>
      <c r="H183" s="55"/>
      <c r="I183" s="55"/>
      <c r="J183" s="55"/>
      <c r="K183" s="55"/>
      <c r="L183" s="55"/>
      <c r="M183" s="55"/>
      <c r="N183" s="55"/>
      <c r="O183" s="55"/>
      <c r="P183" s="55"/>
      <c r="Q183" s="55"/>
      <c r="R183" s="55"/>
      <c r="S183" s="55"/>
      <c r="T183" s="55"/>
      <c r="U183" s="55"/>
      <c r="V183" s="55"/>
      <c r="W183" s="55"/>
      <c r="X183" s="55"/>
      <c r="Y183" s="55"/>
      <c r="Z183" s="55"/>
      <c r="AA183" s="55"/>
      <c r="AB183" s="55"/>
      <c r="AC183" s="55"/>
      <c r="AD183" s="55"/>
      <c r="AE183" s="55"/>
      <c r="AF183" s="55"/>
      <c r="AG183" s="55"/>
      <c r="AY183" s="162"/>
      <c r="AZ183" s="162"/>
      <c r="BA183" s="162"/>
      <c r="BB183" s="162"/>
      <c r="BC183" s="162"/>
      <c r="BD183" s="162"/>
      <c r="BE183" s="162"/>
      <c r="BF183" s="162"/>
      <c r="BG183" s="162"/>
      <c r="BH183" s="162"/>
      <c r="BI183" s="162"/>
      <c r="BJ183" s="162"/>
      <c r="BK183" s="162"/>
      <c r="BL183" s="162"/>
      <c r="BM183" s="162"/>
      <c r="BN183" s="162"/>
      <c r="BO183" s="162"/>
      <c r="BP183" s="162"/>
      <c r="BQ183" s="162"/>
      <c r="BR183" s="162"/>
      <c r="BS183" s="162"/>
      <c r="BT183" s="162"/>
      <c r="BU183" s="162"/>
      <c r="BV183" s="162"/>
      <c r="BW183" s="162"/>
      <c r="BX183" s="162"/>
      <c r="BY183" s="162"/>
      <c r="BZ183" s="162"/>
      <c r="CA183" s="162"/>
      <c r="CB183" s="162"/>
      <c r="CC183" s="162"/>
      <c r="CD183" s="162"/>
      <c r="CE183" s="162"/>
      <c r="CF183" s="162"/>
      <c r="CG183" s="162"/>
      <c r="CH183" s="162"/>
      <c r="CI183" s="162"/>
      <c r="CJ183" s="162"/>
      <c r="CK183" s="162"/>
      <c r="CX183" s="98"/>
      <c r="DL183" s="97"/>
      <c r="DX183" s="98"/>
      <c r="EL183" s="97"/>
      <c r="EX183" s="98"/>
      <c r="EY183" s="97"/>
      <c r="FL183" s="126"/>
      <c r="FM183" s="91"/>
      <c r="FN183" s="91"/>
      <c r="FO183" s="91"/>
      <c r="FP183" s="91"/>
      <c r="FQ183" s="91"/>
      <c r="FR183" s="91"/>
      <c r="FS183" s="91"/>
      <c r="FT183" s="91"/>
      <c r="FU183" s="91"/>
      <c r="FV183" s="91"/>
      <c r="FW183" s="91"/>
      <c r="FX183" s="91"/>
      <c r="FY183" s="91"/>
      <c r="FZ183" s="91"/>
      <c r="GA183" s="91"/>
      <c r="GB183" s="91"/>
      <c r="GC183" s="91"/>
      <c r="GD183" s="91"/>
      <c r="GE183" s="91"/>
      <c r="GF183" s="91"/>
      <c r="GG183" s="91"/>
      <c r="GH183" s="91"/>
      <c r="GI183" s="91"/>
      <c r="GJ183" s="91"/>
      <c r="GK183" s="127"/>
      <c r="GL183" s="126"/>
      <c r="GM183" s="91"/>
      <c r="GN183" s="91"/>
      <c r="GO183" s="91"/>
      <c r="GP183" s="91"/>
      <c r="GQ183" s="91"/>
      <c r="GR183" s="91"/>
      <c r="GS183" s="91"/>
      <c r="GT183" s="91"/>
      <c r="GU183" s="91"/>
      <c r="GV183" s="91"/>
      <c r="GW183" s="91"/>
      <c r="GX183" s="91"/>
      <c r="GY183" s="91"/>
      <c r="GZ183" s="91"/>
      <c r="HA183" s="91"/>
      <c r="HB183" s="91"/>
      <c r="HC183" s="91"/>
      <c r="HD183" s="91"/>
      <c r="HE183" s="91"/>
      <c r="HF183" s="91"/>
      <c r="HG183" s="91"/>
      <c r="HH183" s="91"/>
      <c r="HI183" s="91"/>
      <c r="HJ183" s="91"/>
      <c r="HK183" s="127"/>
      <c r="HL183" s="126"/>
      <c r="HM183" s="91"/>
      <c r="HN183" s="91"/>
      <c r="HO183" s="91"/>
      <c r="HP183" s="91"/>
      <c r="HQ183" s="91"/>
      <c r="HR183" s="91"/>
      <c r="HS183" s="91"/>
      <c r="HT183" s="91"/>
      <c r="HU183" s="91"/>
      <c r="HV183" s="91"/>
      <c r="HW183" s="91"/>
      <c r="HX183" s="91"/>
      <c r="HY183" s="91"/>
      <c r="HZ183" s="91"/>
      <c r="IA183" s="91"/>
      <c r="IB183" s="91"/>
      <c r="IC183" s="91"/>
      <c r="ID183" s="91"/>
      <c r="IE183" s="91"/>
      <c r="IF183" s="91"/>
      <c r="IG183" s="91"/>
      <c r="IH183" s="91"/>
      <c r="II183" s="91"/>
      <c r="IJ183" s="91"/>
      <c r="IK183" s="127"/>
    </row>
    <row r="184" spans="2:245" x14ac:dyDescent="0.2">
      <c r="B184" s="79"/>
      <c r="C184" s="73"/>
      <c r="D184" s="64"/>
      <c r="E184" s="64"/>
      <c r="F184" s="55"/>
      <c r="G184" s="102"/>
      <c r="H184" s="55"/>
      <c r="I184" s="55"/>
      <c r="J184" s="55"/>
      <c r="K184" s="55"/>
      <c r="L184" s="55"/>
      <c r="M184" s="55"/>
      <c r="N184" s="55"/>
      <c r="O184" s="55"/>
      <c r="P184" s="55"/>
      <c r="Q184" s="55"/>
      <c r="R184" s="55"/>
      <c r="S184" s="55"/>
      <c r="T184" s="55"/>
      <c r="U184" s="55"/>
      <c r="V184" s="55"/>
      <c r="W184" s="55"/>
      <c r="X184" s="55"/>
      <c r="Y184" s="55"/>
      <c r="Z184" s="55"/>
      <c r="AA184" s="55"/>
      <c r="AB184" s="55"/>
      <c r="AC184" s="55"/>
      <c r="AD184" s="55"/>
      <c r="AE184" s="55"/>
      <c r="AF184" s="55"/>
      <c r="AG184" s="55"/>
      <c r="AY184" s="162"/>
      <c r="AZ184" s="162"/>
      <c r="BA184" s="162"/>
      <c r="BB184" s="162"/>
      <c r="BC184" s="162"/>
      <c r="BD184" s="162"/>
      <c r="BE184" s="162"/>
      <c r="BF184" s="162"/>
      <c r="BG184" s="162"/>
      <c r="BH184" s="162"/>
      <c r="BI184" s="162"/>
      <c r="BJ184" s="162"/>
      <c r="BK184" s="162"/>
      <c r="BL184" s="162"/>
      <c r="BM184" s="162"/>
      <c r="BN184" s="162"/>
      <c r="BO184" s="162"/>
      <c r="BP184" s="162"/>
      <c r="BQ184" s="162"/>
      <c r="BR184" s="162"/>
      <c r="BS184" s="162"/>
      <c r="BT184" s="162"/>
      <c r="BU184" s="162"/>
      <c r="BV184" s="162"/>
      <c r="BW184" s="162"/>
      <c r="BX184" s="162"/>
      <c r="BY184" s="162"/>
      <c r="BZ184" s="162"/>
      <c r="CA184" s="162"/>
      <c r="CB184" s="162"/>
      <c r="CC184" s="162"/>
      <c r="CD184" s="162"/>
      <c r="CE184" s="162"/>
      <c r="CF184" s="162"/>
      <c r="CG184" s="162"/>
      <c r="CH184" s="162"/>
      <c r="CI184" s="162"/>
      <c r="CJ184" s="162"/>
      <c r="CK184" s="162"/>
      <c r="CX184" s="98"/>
      <c r="DL184" s="97"/>
      <c r="DX184" s="98"/>
      <c r="EL184" s="97"/>
      <c r="EX184" s="98"/>
      <c r="EY184" s="97"/>
      <c r="FL184" s="126"/>
      <c r="FM184" s="91"/>
      <c r="FN184" s="91"/>
      <c r="FO184" s="91"/>
      <c r="FP184" s="91"/>
      <c r="FQ184" s="91"/>
      <c r="FR184" s="91"/>
      <c r="FS184" s="91"/>
      <c r="FT184" s="91"/>
      <c r="FU184" s="91"/>
      <c r="FV184" s="91"/>
      <c r="FW184" s="91"/>
      <c r="FX184" s="91"/>
      <c r="FY184" s="91"/>
      <c r="FZ184" s="91"/>
      <c r="GA184" s="91"/>
      <c r="GB184" s="91"/>
      <c r="GC184" s="91"/>
      <c r="GD184" s="91"/>
      <c r="GE184" s="91"/>
      <c r="GF184" s="91"/>
      <c r="GG184" s="91"/>
      <c r="GH184" s="91"/>
      <c r="GI184" s="91"/>
      <c r="GJ184" s="91"/>
      <c r="GK184" s="127"/>
      <c r="GL184" s="126"/>
      <c r="GM184" s="91"/>
      <c r="GN184" s="91"/>
      <c r="GO184" s="91"/>
      <c r="GP184" s="91"/>
      <c r="GQ184" s="91"/>
      <c r="GR184" s="91"/>
      <c r="GS184" s="91"/>
      <c r="GT184" s="91"/>
      <c r="GU184" s="91"/>
      <c r="GV184" s="91"/>
      <c r="GW184" s="91"/>
      <c r="GX184" s="91"/>
      <c r="GY184" s="91"/>
      <c r="GZ184" s="91"/>
      <c r="HA184" s="91"/>
      <c r="HB184" s="91"/>
      <c r="HC184" s="91"/>
      <c r="HD184" s="91"/>
      <c r="HE184" s="91"/>
      <c r="HF184" s="91"/>
      <c r="HG184" s="91"/>
      <c r="HH184" s="91"/>
      <c r="HI184" s="91"/>
      <c r="HJ184" s="91"/>
      <c r="HK184" s="127"/>
      <c r="HL184" s="126"/>
      <c r="HM184" s="91"/>
      <c r="HN184" s="91"/>
      <c r="HO184" s="91"/>
      <c r="HP184" s="91"/>
      <c r="HQ184" s="91"/>
      <c r="HR184" s="91"/>
      <c r="HS184" s="91"/>
      <c r="HT184" s="91"/>
      <c r="HU184" s="91"/>
      <c r="HV184" s="91"/>
      <c r="HW184" s="91"/>
      <c r="HX184" s="91"/>
      <c r="HY184" s="91"/>
      <c r="HZ184" s="91"/>
      <c r="IA184" s="91"/>
      <c r="IB184" s="91"/>
      <c r="IC184" s="91"/>
      <c r="ID184" s="91"/>
      <c r="IE184" s="91"/>
      <c r="IF184" s="91"/>
      <c r="IG184" s="91"/>
      <c r="IH184" s="91"/>
      <c r="II184" s="91"/>
      <c r="IJ184" s="91"/>
      <c r="IK184" s="127"/>
    </row>
    <row r="185" spans="2:245" x14ac:dyDescent="0.2">
      <c r="B185" s="79"/>
      <c r="C185" s="73"/>
      <c r="D185" s="64"/>
      <c r="E185" s="64"/>
      <c r="F185" s="55"/>
      <c r="G185" s="102"/>
      <c r="H185" s="55"/>
      <c r="I185" s="55"/>
      <c r="J185" s="55"/>
      <c r="K185" s="55"/>
      <c r="L185" s="55"/>
      <c r="M185" s="55"/>
      <c r="N185" s="55"/>
      <c r="O185" s="55"/>
      <c r="P185" s="55"/>
      <c r="Q185" s="55"/>
      <c r="R185" s="55"/>
      <c r="S185" s="55"/>
      <c r="T185" s="55"/>
      <c r="U185" s="55"/>
      <c r="V185" s="55"/>
      <c r="W185" s="55"/>
      <c r="X185" s="55"/>
      <c r="Y185" s="55"/>
      <c r="Z185" s="55"/>
      <c r="AA185" s="55"/>
      <c r="AB185" s="55"/>
      <c r="AC185" s="55"/>
      <c r="AD185" s="55"/>
      <c r="AE185" s="55"/>
      <c r="AF185" s="55"/>
      <c r="AG185" s="55"/>
      <c r="AY185" s="162"/>
      <c r="AZ185" s="162"/>
      <c r="BA185" s="162"/>
      <c r="BB185" s="162"/>
      <c r="BC185" s="162"/>
      <c r="BD185" s="162"/>
      <c r="BE185" s="162"/>
      <c r="BF185" s="162"/>
      <c r="BG185" s="162"/>
      <c r="BH185" s="162"/>
      <c r="BI185" s="162"/>
      <c r="BJ185" s="162"/>
      <c r="BK185" s="162"/>
      <c r="BL185" s="162"/>
      <c r="BM185" s="162"/>
      <c r="BN185" s="162"/>
      <c r="BO185" s="162"/>
      <c r="BP185" s="162"/>
      <c r="BQ185" s="162"/>
      <c r="BR185" s="162"/>
      <c r="BS185" s="162"/>
      <c r="BT185" s="162"/>
      <c r="BU185" s="162"/>
      <c r="BV185" s="162"/>
      <c r="BW185" s="162"/>
      <c r="BX185" s="162"/>
      <c r="BY185" s="162"/>
      <c r="BZ185" s="162"/>
      <c r="CA185" s="162"/>
      <c r="CB185" s="162"/>
      <c r="CC185" s="162"/>
      <c r="CD185" s="162"/>
      <c r="CE185" s="162"/>
      <c r="CF185" s="162"/>
      <c r="CG185" s="162"/>
      <c r="CH185" s="162"/>
      <c r="CI185" s="162"/>
      <c r="CJ185" s="162"/>
      <c r="CK185" s="162"/>
      <c r="CX185" s="98"/>
      <c r="DL185" s="97"/>
      <c r="DX185" s="98"/>
      <c r="EL185" s="97"/>
      <c r="EX185" s="98"/>
      <c r="EY185" s="97"/>
      <c r="FL185" s="126"/>
      <c r="FM185" s="91"/>
      <c r="FN185" s="91"/>
      <c r="FO185" s="91"/>
      <c r="FP185" s="91"/>
      <c r="FQ185" s="91"/>
      <c r="FR185" s="91"/>
      <c r="FS185" s="91"/>
      <c r="FT185" s="91"/>
      <c r="FU185" s="91"/>
      <c r="FV185" s="91"/>
      <c r="FW185" s="91"/>
      <c r="FX185" s="91"/>
      <c r="FY185" s="91"/>
      <c r="FZ185" s="91"/>
      <c r="GA185" s="91"/>
      <c r="GB185" s="91"/>
      <c r="GC185" s="91"/>
      <c r="GD185" s="91"/>
      <c r="GE185" s="91"/>
      <c r="GF185" s="91"/>
      <c r="GG185" s="91"/>
      <c r="GH185" s="91"/>
      <c r="GI185" s="91"/>
      <c r="GJ185" s="91"/>
      <c r="GK185" s="127"/>
      <c r="GL185" s="126"/>
      <c r="GM185" s="91"/>
      <c r="GN185" s="91"/>
      <c r="GO185" s="91"/>
      <c r="GP185" s="91"/>
      <c r="GQ185" s="91"/>
      <c r="GR185" s="91"/>
      <c r="GS185" s="91"/>
      <c r="GT185" s="91"/>
      <c r="GU185" s="91"/>
      <c r="GV185" s="91"/>
      <c r="GW185" s="91"/>
      <c r="GX185" s="91"/>
      <c r="GY185" s="91"/>
      <c r="GZ185" s="91"/>
      <c r="HA185" s="91"/>
      <c r="HB185" s="91"/>
      <c r="HC185" s="91"/>
      <c r="HD185" s="91"/>
      <c r="HE185" s="91"/>
      <c r="HF185" s="91"/>
      <c r="HG185" s="91"/>
      <c r="HH185" s="91"/>
      <c r="HI185" s="91"/>
      <c r="HJ185" s="91"/>
      <c r="HK185" s="127"/>
      <c r="HL185" s="126"/>
      <c r="HM185" s="91"/>
      <c r="HN185" s="91"/>
      <c r="HO185" s="91"/>
      <c r="HP185" s="91"/>
      <c r="HQ185" s="91"/>
      <c r="HR185" s="91"/>
      <c r="HS185" s="91"/>
      <c r="HT185" s="91"/>
      <c r="HU185" s="91"/>
      <c r="HV185" s="91"/>
      <c r="HW185" s="91"/>
      <c r="HX185" s="91"/>
      <c r="HY185" s="91"/>
      <c r="HZ185" s="91"/>
      <c r="IA185" s="91"/>
      <c r="IB185" s="91"/>
      <c r="IC185" s="91"/>
      <c r="ID185" s="91"/>
      <c r="IE185" s="91"/>
      <c r="IF185" s="91"/>
      <c r="IG185" s="91"/>
      <c r="IH185" s="91"/>
      <c r="II185" s="91"/>
      <c r="IJ185" s="91"/>
      <c r="IK185" s="127"/>
    </row>
    <row r="186" spans="2:245" x14ac:dyDescent="0.2">
      <c r="B186" s="79"/>
      <c r="C186" s="73"/>
      <c r="D186" s="64"/>
      <c r="E186" s="64"/>
      <c r="F186" s="55"/>
      <c r="G186" s="102"/>
      <c r="H186" s="55"/>
      <c r="I186" s="55"/>
      <c r="J186" s="55"/>
      <c r="K186" s="55"/>
      <c r="L186" s="55"/>
      <c r="M186" s="55"/>
      <c r="N186" s="55"/>
      <c r="O186" s="55"/>
      <c r="P186" s="55"/>
      <c r="Q186" s="55"/>
      <c r="R186" s="55"/>
      <c r="S186" s="55"/>
      <c r="T186" s="55"/>
      <c r="U186" s="55"/>
      <c r="V186" s="55"/>
      <c r="W186" s="55"/>
      <c r="X186" s="55"/>
      <c r="Y186" s="55"/>
      <c r="Z186" s="55"/>
      <c r="AA186" s="55"/>
      <c r="AB186" s="55"/>
      <c r="AC186" s="55"/>
      <c r="AD186" s="55"/>
      <c r="AE186" s="55"/>
      <c r="AF186" s="55"/>
      <c r="AG186" s="55"/>
      <c r="AY186" s="162"/>
      <c r="AZ186" s="162"/>
      <c r="BA186" s="162"/>
      <c r="BB186" s="162"/>
      <c r="BC186" s="162"/>
      <c r="BD186" s="162"/>
      <c r="BE186" s="162"/>
      <c r="BF186" s="162"/>
      <c r="BG186" s="162"/>
      <c r="BH186" s="162"/>
      <c r="BI186" s="162"/>
      <c r="BJ186" s="162"/>
      <c r="BK186" s="162"/>
      <c r="BL186" s="162"/>
      <c r="BM186" s="162"/>
      <c r="BN186" s="162"/>
      <c r="BO186" s="162"/>
      <c r="BP186" s="162"/>
      <c r="BQ186" s="162"/>
      <c r="BR186" s="162"/>
      <c r="BS186" s="162"/>
      <c r="BT186" s="162"/>
      <c r="BU186" s="162"/>
      <c r="BV186" s="162"/>
      <c r="BW186" s="162"/>
      <c r="BX186" s="162"/>
      <c r="BY186" s="162"/>
      <c r="BZ186" s="162"/>
      <c r="CA186" s="162"/>
      <c r="CB186" s="162"/>
      <c r="CC186" s="162"/>
      <c r="CD186" s="162"/>
      <c r="CE186" s="162"/>
      <c r="CF186" s="162"/>
      <c r="CG186" s="162"/>
      <c r="CH186" s="162"/>
      <c r="CI186" s="162"/>
      <c r="CJ186" s="162"/>
      <c r="CK186" s="162"/>
      <c r="CX186" s="98"/>
      <c r="DL186" s="97"/>
      <c r="DX186" s="98"/>
      <c r="EL186" s="97"/>
      <c r="EX186" s="98"/>
      <c r="EY186" s="97"/>
      <c r="FL186" s="126"/>
      <c r="FM186" s="91"/>
      <c r="FN186" s="91"/>
      <c r="FO186" s="91"/>
      <c r="FP186" s="91"/>
      <c r="FQ186" s="91"/>
      <c r="FR186" s="91"/>
      <c r="FS186" s="91"/>
      <c r="FT186" s="91"/>
      <c r="FU186" s="91"/>
      <c r="FV186" s="91"/>
      <c r="FW186" s="91"/>
      <c r="FX186" s="91"/>
      <c r="FY186" s="91"/>
      <c r="FZ186" s="91"/>
      <c r="GA186" s="91"/>
      <c r="GB186" s="91"/>
      <c r="GC186" s="91"/>
      <c r="GD186" s="91"/>
      <c r="GE186" s="91"/>
      <c r="GF186" s="91"/>
      <c r="GG186" s="91"/>
      <c r="GH186" s="91"/>
      <c r="GI186" s="91"/>
      <c r="GJ186" s="91"/>
      <c r="GK186" s="127"/>
      <c r="GL186" s="126"/>
      <c r="GM186" s="91"/>
      <c r="GN186" s="91"/>
      <c r="GO186" s="91"/>
      <c r="GP186" s="91"/>
      <c r="GQ186" s="91"/>
      <c r="GR186" s="91"/>
      <c r="GS186" s="91"/>
      <c r="GT186" s="91"/>
      <c r="GU186" s="91"/>
      <c r="GV186" s="91"/>
      <c r="GW186" s="91"/>
      <c r="GX186" s="91"/>
      <c r="GY186" s="91"/>
      <c r="GZ186" s="91"/>
      <c r="HA186" s="91"/>
      <c r="HB186" s="91"/>
      <c r="HC186" s="91"/>
      <c r="HD186" s="91"/>
      <c r="HE186" s="91"/>
      <c r="HF186" s="91"/>
      <c r="HG186" s="91"/>
      <c r="HH186" s="91"/>
      <c r="HI186" s="91"/>
      <c r="HJ186" s="91"/>
      <c r="HK186" s="127"/>
      <c r="HL186" s="126"/>
      <c r="HM186" s="91"/>
      <c r="HN186" s="91"/>
      <c r="HO186" s="91"/>
      <c r="HP186" s="91"/>
      <c r="HQ186" s="91"/>
      <c r="HR186" s="91"/>
      <c r="HS186" s="91"/>
      <c r="HT186" s="91"/>
      <c r="HU186" s="91"/>
      <c r="HV186" s="91"/>
      <c r="HW186" s="91"/>
      <c r="HX186" s="91"/>
      <c r="HY186" s="91"/>
      <c r="HZ186" s="91"/>
      <c r="IA186" s="91"/>
      <c r="IB186" s="91"/>
      <c r="IC186" s="91"/>
      <c r="ID186" s="91"/>
      <c r="IE186" s="91"/>
      <c r="IF186" s="91"/>
      <c r="IG186" s="91"/>
      <c r="IH186" s="91"/>
      <c r="II186" s="91"/>
      <c r="IJ186" s="91"/>
      <c r="IK186" s="127"/>
    </row>
    <row r="187" spans="2:245" x14ac:dyDescent="0.2">
      <c r="B187" s="79"/>
      <c r="C187" s="73"/>
      <c r="D187" s="64"/>
      <c r="E187" s="64"/>
      <c r="F187" s="55"/>
      <c r="G187" s="102"/>
      <c r="H187" s="55"/>
      <c r="I187" s="55"/>
      <c r="J187" s="55"/>
      <c r="K187" s="55"/>
      <c r="L187" s="55"/>
      <c r="M187" s="55"/>
      <c r="N187" s="55"/>
      <c r="O187" s="55"/>
      <c r="P187" s="55"/>
      <c r="Q187" s="55"/>
      <c r="R187" s="55"/>
      <c r="S187" s="55"/>
      <c r="T187" s="55"/>
      <c r="U187" s="55"/>
      <c r="V187" s="55"/>
      <c r="W187" s="55"/>
      <c r="X187" s="55"/>
      <c r="Y187" s="55"/>
      <c r="Z187" s="55"/>
      <c r="AA187" s="55"/>
      <c r="AB187" s="55"/>
      <c r="AC187" s="55"/>
      <c r="AD187" s="55"/>
      <c r="AE187" s="55"/>
      <c r="AF187" s="55"/>
      <c r="AG187" s="55"/>
      <c r="AY187" s="162"/>
      <c r="AZ187" s="162"/>
      <c r="BA187" s="162"/>
      <c r="BB187" s="162"/>
      <c r="BC187" s="162"/>
      <c r="BD187" s="162"/>
      <c r="BE187" s="162"/>
      <c r="BF187" s="162"/>
      <c r="BG187" s="162"/>
      <c r="BH187" s="162"/>
      <c r="BI187" s="162"/>
      <c r="BJ187" s="162"/>
      <c r="BK187" s="162"/>
      <c r="BL187" s="162"/>
      <c r="BM187" s="162"/>
      <c r="BN187" s="162"/>
      <c r="BO187" s="162"/>
      <c r="BP187" s="162"/>
      <c r="BQ187" s="162"/>
      <c r="BR187" s="162"/>
      <c r="BS187" s="162"/>
      <c r="BT187" s="162"/>
      <c r="BU187" s="162"/>
      <c r="BV187" s="162"/>
      <c r="BW187" s="162"/>
      <c r="BX187" s="162"/>
      <c r="BY187" s="162"/>
      <c r="BZ187" s="162"/>
      <c r="CA187" s="162"/>
      <c r="CB187" s="162"/>
      <c r="CC187" s="162"/>
      <c r="CD187" s="162"/>
      <c r="CE187" s="162"/>
      <c r="CF187" s="162"/>
      <c r="CG187" s="162"/>
      <c r="CH187" s="162"/>
      <c r="CI187" s="162"/>
      <c r="CJ187" s="162"/>
      <c r="CK187" s="162"/>
      <c r="CX187" s="98"/>
      <c r="DL187" s="97"/>
      <c r="DX187" s="98"/>
      <c r="EL187" s="97"/>
      <c r="EX187" s="98"/>
      <c r="EY187" s="97"/>
      <c r="FL187" s="126"/>
      <c r="FM187" s="91"/>
      <c r="FN187" s="91"/>
      <c r="FO187" s="91"/>
      <c r="FP187" s="91"/>
      <c r="FQ187" s="91"/>
      <c r="FR187" s="91"/>
      <c r="FS187" s="91"/>
      <c r="FT187" s="91"/>
      <c r="FU187" s="91"/>
      <c r="FV187" s="91"/>
      <c r="FW187" s="91"/>
      <c r="FX187" s="91"/>
      <c r="FY187" s="91"/>
      <c r="FZ187" s="91"/>
      <c r="GA187" s="91"/>
      <c r="GB187" s="91"/>
      <c r="GC187" s="91"/>
      <c r="GD187" s="91"/>
      <c r="GE187" s="91"/>
      <c r="GF187" s="91"/>
      <c r="GG187" s="91"/>
      <c r="GH187" s="91"/>
      <c r="GI187" s="91"/>
      <c r="GJ187" s="91"/>
      <c r="GK187" s="127"/>
      <c r="GL187" s="126"/>
      <c r="GM187" s="91"/>
      <c r="GN187" s="91"/>
      <c r="GO187" s="91"/>
      <c r="GP187" s="91"/>
      <c r="GQ187" s="91"/>
      <c r="GR187" s="91"/>
      <c r="GS187" s="91"/>
      <c r="GT187" s="91"/>
      <c r="GU187" s="91"/>
      <c r="GV187" s="91"/>
      <c r="GW187" s="91"/>
      <c r="GX187" s="91"/>
      <c r="GY187" s="91"/>
      <c r="GZ187" s="91"/>
      <c r="HA187" s="91"/>
      <c r="HB187" s="91"/>
      <c r="HC187" s="91"/>
      <c r="HD187" s="91"/>
      <c r="HE187" s="91"/>
      <c r="HF187" s="91"/>
      <c r="HG187" s="91"/>
      <c r="HH187" s="91"/>
      <c r="HI187" s="91"/>
      <c r="HJ187" s="91"/>
      <c r="HK187" s="127"/>
      <c r="HL187" s="126"/>
      <c r="HM187" s="91"/>
      <c r="HN187" s="91"/>
      <c r="HO187" s="91"/>
      <c r="HP187" s="91"/>
      <c r="HQ187" s="91"/>
      <c r="HR187" s="91"/>
      <c r="HS187" s="91"/>
      <c r="HT187" s="91"/>
      <c r="HU187" s="91"/>
      <c r="HV187" s="91"/>
      <c r="HW187" s="91"/>
      <c r="HX187" s="91"/>
      <c r="HY187" s="91"/>
      <c r="HZ187" s="91"/>
      <c r="IA187" s="91"/>
      <c r="IB187" s="91"/>
      <c r="IC187" s="91"/>
      <c r="ID187" s="91"/>
      <c r="IE187" s="91"/>
      <c r="IF187" s="91"/>
      <c r="IG187" s="91"/>
      <c r="IH187" s="91"/>
      <c r="II187" s="91"/>
      <c r="IJ187" s="91"/>
      <c r="IK187" s="127"/>
    </row>
    <row r="188" spans="2:245" x14ac:dyDescent="0.2">
      <c r="B188" s="79"/>
      <c r="C188" s="73"/>
      <c r="D188" s="64"/>
      <c r="E188" s="64"/>
      <c r="F188" s="55"/>
      <c r="G188" s="102"/>
      <c r="H188" s="55"/>
      <c r="I188" s="55"/>
      <c r="J188" s="55"/>
      <c r="K188" s="55"/>
      <c r="L188" s="55"/>
      <c r="M188" s="55"/>
      <c r="N188" s="55"/>
      <c r="O188" s="55"/>
      <c r="P188" s="55"/>
      <c r="Q188" s="55"/>
      <c r="R188" s="55"/>
      <c r="S188" s="55"/>
      <c r="T188" s="55"/>
      <c r="U188" s="55"/>
      <c r="V188" s="55"/>
      <c r="W188" s="55"/>
      <c r="X188" s="55"/>
      <c r="Y188" s="55"/>
      <c r="Z188" s="55"/>
      <c r="AA188" s="55"/>
      <c r="AB188" s="55"/>
      <c r="AC188" s="55"/>
      <c r="AD188" s="55"/>
      <c r="AE188" s="55"/>
      <c r="AF188" s="55"/>
      <c r="AG188" s="55"/>
      <c r="AY188" s="162"/>
      <c r="AZ188" s="162"/>
      <c r="BA188" s="162"/>
      <c r="BB188" s="162"/>
      <c r="BC188" s="162"/>
      <c r="BD188" s="162"/>
      <c r="BE188" s="162"/>
      <c r="BF188" s="162"/>
      <c r="BG188" s="162"/>
      <c r="BH188" s="162"/>
      <c r="BI188" s="162"/>
      <c r="BJ188" s="162"/>
      <c r="BK188" s="162"/>
      <c r="BL188" s="162"/>
      <c r="BM188" s="162"/>
      <c r="BN188" s="162"/>
      <c r="BO188" s="162"/>
      <c r="BP188" s="162"/>
      <c r="BQ188" s="162"/>
      <c r="BR188" s="162"/>
      <c r="BS188" s="162"/>
      <c r="BT188" s="162"/>
      <c r="BU188" s="162"/>
      <c r="BV188" s="162"/>
      <c r="BW188" s="162"/>
      <c r="BX188" s="162"/>
      <c r="BY188" s="162"/>
      <c r="BZ188" s="162"/>
      <c r="CA188" s="162"/>
      <c r="CB188" s="162"/>
      <c r="CC188" s="162"/>
      <c r="CD188" s="162"/>
      <c r="CE188" s="162"/>
      <c r="CF188" s="162"/>
      <c r="CG188" s="162"/>
      <c r="CH188" s="162"/>
      <c r="CI188" s="162"/>
      <c r="CJ188" s="162"/>
      <c r="CK188" s="162"/>
      <c r="CX188" s="98"/>
      <c r="DL188" s="97"/>
      <c r="DX188" s="98"/>
      <c r="EL188" s="97"/>
      <c r="EX188" s="98"/>
      <c r="EY188" s="97"/>
      <c r="FL188" s="126"/>
      <c r="FM188" s="91"/>
      <c r="FN188" s="91"/>
      <c r="FO188" s="91"/>
      <c r="FP188" s="91"/>
      <c r="FQ188" s="91"/>
      <c r="FR188" s="91"/>
      <c r="FS188" s="91"/>
      <c r="FT188" s="91"/>
      <c r="FU188" s="91"/>
      <c r="FV188" s="91"/>
      <c r="FW188" s="91"/>
      <c r="FX188" s="91"/>
      <c r="FY188" s="91"/>
      <c r="FZ188" s="91"/>
      <c r="GA188" s="91"/>
      <c r="GB188" s="91"/>
      <c r="GC188" s="91"/>
      <c r="GD188" s="91"/>
      <c r="GE188" s="91"/>
      <c r="GF188" s="91"/>
      <c r="GG188" s="91"/>
      <c r="GH188" s="91"/>
      <c r="GI188" s="91"/>
      <c r="GJ188" s="91"/>
      <c r="GK188" s="127"/>
      <c r="GL188" s="126"/>
      <c r="GM188" s="91"/>
      <c r="GN188" s="91"/>
      <c r="GO188" s="91"/>
      <c r="GP188" s="91"/>
      <c r="GQ188" s="91"/>
      <c r="GR188" s="91"/>
      <c r="GS188" s="91"/>
      <c r="GT188" s="91"/>
      <c r="GU188" s="91"/>
      <c r="GV188" s="91"/>
      <c r="GW188" s="91"/>
      <c r="GX188" s="91"/>
      <c r="GY188" s="91"/>
      <c r="GZ188" s="91"/>
      <c r="HA188" s="91"/>
      <c r="HB188" s="91"/>
      <c r="HC188" s="91"/>
      <c r="HD188" s="91"/>
      <c r="HE188" s="91"/>
      <c r="HF188" s="91"/>
      <c r="HG188" s="91"/>
      <c r="HH188" s="91"/>
      <c r="HI188" s="91"/>
      <c r="HJ188" s="91"/>
      <c r="HK188" s="127"/>
      <c r="HL188" s="126"/>
      <c r="HM188" s="91"/>
      <c r="HN188" s="91"/>
      <c r="HO188" s="91"/>
      <c r="HP188" s="91"/>
      <c r="HQ188" s="91"/>
      <c r="HR188" s="91"/>
      <c r="HS188" s="91"/>
      <c r="HT188" s="91"/>
      <c r="HU188" s="91"/>
      <c r="HV188" s="91"/>
      <c r="HW188" s="91"/>
      <c r="HX188" s="91"/>
      <c r="HY188" s="91"/>
      <c r="HZ188" s="91"/>
      <c r="IA188" s="91"/>
      <c r="IB188" s="91"/>
      <c r="IC188" s="91"/>
      <c r="ID188" s="91"/>
      <c r="IE188" s="91"/>
      <c r="IF188" s="91"/>
      <c r="IG188" s="91"/>
      <c r="IH188" s="91"/>
      <c r="II188" s="91"/>
      <c r="IJ188" s="91"/>
      <c r="IK188" s="127"/>
    </row>
    <row r="189" spans="2:245" x14ac:dyDescent="0.2">
      <c r="B189" s="79"/>
      <c r="C189" s="73"/>
      <c r="D189" s="64"/>
      <c r="E189" s="64"/>
      <c r="F189" s="55"/>
      <c r="G189" s="102"/>
      <c r="H189" s="55"/>
      <c r="I189" s="55"/>
      <c r="J189" s="55"/>
      <c r="K189" s="55"/>
      <c r="L189" s="55"/>
      <c r="M189" s="55"/>
      <c r="N189" s="55"/>
      <c r="O189" s="55"/>
      <c r="P189" s="55"/>
      <c r="Q189" s="55"/>
      <c r="R189" s="55"/>
      <c r="S189" s="55"/>
      <c r="T189" s="55"/>
      <c r="U189" s="55"/>
      <c r="V189" s="55"/>
      <c r="W189" s="55"/>
      <c r="X189" s="55"/>
      <c r="Y189" s="55"/>
      <c r="Z189" s="55"/>
      <c r="AA189" s="55"/>
      <c r="AB189" s="55"/>
      <c r="AC189" s="55"/>
      <c r="AD189" s="55"/>
      <c r="AE189" s="55"/>
      <c r="AF189" s="55"/>
      <c r="AG189" s="55"/>
      <c r="AY189" s="162"/>
      <c r="AZ189" s="162"/>
      <c r="BA189" s="162"/>
      <c r="BB189" s="162"/>
      <c r="BC189" s="162"/>
      <c r="BD189" s="162"/>
      <c r="BE189" s="162"/>
      <c r="BF189" s="162"/>
      <c r="BG189" s="162"/>
      <c r="BH189" s="162"/>
      <c r="BI189" s="162"/>
      <c r="BJ189" s="162"/>
      <c r="BK189" s="162"/>
      <c r="BL189" s="162"/>
      <c r="BM189" s="162"/>
      <c r="BN189" s="162"/>
      <c r="BO189" s="162"/>
      <c r="BP189" s="162"/>
      <c r="BQ189" s="162"/>
      <c r="BR189" s="162"/>
      <c r="BS189" s="162"/>
      <c r="BT189" s="162"/>
      <c r="BU189" s="162"/>
      <c r="BV189" s="162"/>
      <c r="BW189" s="162"/>
      <c r="BX189" s="162"/>
      <c r="BY189" s="162"/>
      <c r="BZ189" s="162"/>
      <c r="CA189" s="162"/>
      <c r="CB189" s="162"/>
      <c r="CC189" s="162"/>
      <c r="CD189" s="162"/>
      <c r="CE189" s="162"/>
      <c r="CF189" s="162"/>
      <c r="CG189" s="162"/>
      <c r="CH189" s="162"/>
      <c r="CI189" s="162"/>
      <c r="CJ189" s="162"/>
      <c r="CK189" s="162"/>
      <c r="CX189" s="98"/>
      <c r="DL189" s="97"/>
      <c r="DX189" s="98"/>
      <c r="EL189" s="97"/>
      <c r="EX189" s="98"/>
      <c r="EY189" s="97"/>
      <c r="FL189" s="126"/>
      <c r="FM189" s="91"/>
      <c r="FN189" s="91"/>
      <c r="FO189" s="91"/>
      <c r="FP189" s="91"/>
      <c r="FQ189" s="91"/>
      <c r="FR189" s="91"/>
      <c r="FS189" s="91"/>
      <c r="FT189" s="91"/>
      <c r="FU189" s="91"/>
      <c r="FV189" s="91"/>
      <c r="FW189" s="91"/>
      <c r="FX189" s="91"/>
      <c r="FY189" s="91"/>
      <c r="FZ189" s="91"/>
      <c r="GA189" s="91"/>
      <c r="GB189" s="91"/>
      <c r="GC189" s="91"/>
      <c r="GD189" s="91"/>
      <c r="GE189" s="91"/>
      <c r="GF189" s="91"/>
      <c r="GG189" s="91"/>
      <c r="GH189" s="91"/>
      <c r="GI189" s="91"/>
      <c r="GJ189" s="91"/>
      <c r="GK189" s="127"/>
      <c r="GL189" s="126"/>
      <c r="GM189" s="91"/>
      <c r="GN189" s="91"/>
      <c r="GO189" s="91"/>
      <c r="GP189" s="91"/>
      <c r="GQ189" s="91"/>
      <c r="GR189" s="91"/>
      <c r="GS189" s="91"/>
      <c r="GT189" s="91"/>
      <c r="GU189" s="91"/>
      <c r="GV189" s="91"/>
      <c r="GW189" s="91"/>
      <c r="GX189" s="91"/>
      <c r="GY189" s="91"/>
      <c r="GZ189" s="91"/>
      <c r="HA189" s="91"/>
      <c r="HB189" s="91"/>
      <c r="HC189" s="91"/>
      <c r="HD189" s="91"/>
      <c r="HE189" s="91"/>
      <c r="HF189" s="91"/>
      <c r="HG189" s="91"/>
      <c r="HH189" s="91"/>
      <c r="HI189" s="91"/>
      <c r="HJ189" s="91"/>
      <c r="HK189" s="127"/>
      <c r="HL189" s="126"/>
      <c r="HM189" s="91"/>
      <c r="HN189" s="91"/>
      <c r="HO189" s="91"/>
      <c r="HP189" s="91"/>
      <c r="HQ189" s="91"/>
      <c r="HR189" s="91"/>
      <c r="HS189" s="91"/>
      <c r="HT189" s="91"/>
      <c r="HU189" s="91"/>
      <c r="HV189" s="91"/>
      <c r="HW189" s="91"/>
      <c r="HX189" s="91"/>
      <c r="HY189" s="91"/>
      <c r="HZ189" s="91"/>
      <c r="IA189" s="91"/>
      <c r="IB189" s="91"/>
      <c r="IC189" s="91"/>
      <c r="ID189" s="91"/>
      <c r="IE189" s="91"/>
      <c r="IF189" s="91"/>
      <c r="IG189" s="91"/>
      <c r="IH189" s="91"/>
      <c r="II189" s="91"/>
      <c r="IJ189" s="91"/>
      <c r="IK189" s="127"/>
    </row>
    <row r="190" spans="2:245" x14ac:dyDescent="0.2">
      <c r="B190" s="79"/>
      <c r="C190" s="73"/>
      <c r="D190" s="64"/>
      <c r="E190" s="64"/>
      <c r="F190" s="55"/>
      <c r="G190" s="102"/>
      <c r="H190" s="55"/>
      <c r="I190" s="55"/>
      <c r="J190" s="55"/>
      <c r="K190" s="55"/>
      <c r="L190" s="55"/>
      <c r="M190" s="55"/>
      <c r="N190" s="55"/>
      <c r="O190" s="55"/>
      <c r="P190" s="55"/>
      <c r="Q190" s="55"/>
      <c r="R190" s="55"/>
      <c r="S190" s="55"/>
      <c r="T190" s="55"/>
      <c r="U190" s="55"/>
      <c r="V190" s="55"/>
      <c r="W190" s="55"/>
      <c r="X190" s="55"/>
      <c r="Y190" s="55"/>
      <c r="Z190" s="55"/>
      <c r="AA190" s="55"/>
      <c r="AB190" s="55"/>
      <c r="AC190" s="55"/>
      <c r="AD190" s="55"/>
      <c r="AE190" s="55"/>
      <c r="AF190" s="55"/>
      <c r="AG190" s="55"/>
      <c r="AY190" s="162"/>
      <c r="AZ190" s="162"/>
      <c r="BA190" s="162"/>
      <c r="BB190" s="162"/>
      <c r="BC190" s="162"/>
      <c r="BD190" s="162"/>
      <c r="BE190" s="162"/>
      <c r="BF190" s="162"/>
      <c r="BG190" s="162"/>
      <c r="BH190" s="162"/>
      <c r="BI190" s="162"/>
      <c r="BJ190" s="162"/>
      <c r="BK190" s="162"/>
      <c r="BL190" s="162"/>
      <c r="BM190" s="162"/>
      <c r="BN190" s="162"/>
      <c r="BO190" s="162"/>
      <c r="BP190" s="162"/>
      <c r="BQ190" s="162"/>
      <c r="BR190" s="162"/>
      <c r="BS190" s="162"/>
      <c r="BT190" s="162"/>
      <c r="BU190" s="162"/>
      <c r="BV190" s="162"/>
      <c r="BW190" s="162"/>
      <c r="BX190" s="162"/>
      <c r="BY190" s="162"/>
      <c r="BZ190" s="162"/>
      <c r="CA190" s="162"/>
      <c r="CB190" s="162"/>
      <c r="CC190" s="162"/>
      <c r="CD190" s="162"/>
      <c r="CE190" s="162"/>
      <c r="CF190" s="162"/>
      <c r="CG190" s="162"/>
      <c r="CH190" s="162"/>
      <c r="CI190" s="162"/>
      <c r="CJ190" s="162"/>
      <c r="CK190" s="162"/>
      <c r="CX190" s="98"/>
      <c r="DL190" s="97"/>
      <c r="DX190" s="98"/>
      <c r="EL190" s="97"/>
      <c r="EX190" s="98"/>
      <c r="EY190" s="97"/>
      <c r="FL190" s="126"/>
      <c r="FM190" s="91"/>
      <c r="FN190" s="91"/>
      <c r="FO190" s="91"/>
      <c r="FP190" s="91"/>
      <c r="FQ190" s="91"/>
      <c r="FR190" s="91"/>
      <c r="FS190" s="91"/>
      <c r="FT190" s="91"/>
      <c r="FU190" s="91"/>
      <c r="FV190" s="91"/>
      <c r="FW190" s="91"/>
      <c r="FX190" s="91"/>
      <c r="FY190" s="91"/>
      <c r="FZ190" s="91"/>
      <c r="GA190" s="91"/>
      <c r="GB190" s="91"/>
      <c r="GC190" s="91"/>
      <c r="GD190" s="91"/>
      <c r="GE190" s="91"/>
      <c r="GF190" s="91"/>
      <c r="GG190" s="91"/>
      <c r="GH190" s="91"/>
      <c r="GI190" s="91"/>
      <c r="GJ190" s="91"/>
      <c r="GK190" s="127"/>
      <c r="GL190" s="126"/>
      <c r="GM190" s="91"/>
      <c r="GN190" s="91"/>
      <c r="GO190" s="91"/>
      <c r="GP190" s="91"/>
      <c r="GQ190" s="91"/>
      <c r="GR190" s="91"/>
      <c r="GS190" s="91"/>
      <c r="GT190" s="91"/>
      <c r="GU190" s="91"/>
      <c r="GV190" s="91"/>
      <c r="GW190" s="91"/>
      <c r="GX190" s="91"/>
      <c r="GY190" s="91"/>
      <c r="GZ190" s="91"/>
      <c r="HA190" s="91"/>
      <c r="HB190" s="91"/>
      <c r="HC190" s="91"/>
      <c r="HD190" s="91"/>
      <c r="HE190" s="91"/>
      <c r="HF190" s="91"/>
      <c r="HG190" s="91"/>
      <c r="HH190" s="91"/>
      <c r="HI190" s="91"/>
      <c r="HJ190" s="91"/>
      <c r="HK190" s="127"/>
      <c r="HL190" s="126"/>
      <c r="HM190" s="91"/>
      <c r="HN190" s="91"/>
      <c r="HO190" s="91"/>
      <c r="HP190" s="91"/>
      <c r="HQ190" s="91"/>
      <c r="HR190" s="91"/>
      <c r="HS190" s="91"/>
      <c r="HT190" s="91"/>
      <c r="HU190" s="91"/>
      <c r="HV190" s="91"/>
      <c r="HW190" s="91"/>
      <c r="HX190" s="91"/>
      <c r="HY190" s="91"/>
      <c r="HZ190" s="91"/>
      <c r="IA190" s="91"/>
      <c r="IB190" s="91"/>
      <c r="IC190" s="91"/>
      <c r="ID190" s="91"/>
      <c r="IE190" s="91"/>
      <c r="IF190" s="91"/>
      <c r="IG190" s="91"/>
      <c r="IH190" s="91"/>
      <c r="II190" s="91"/>
      <c r="IJ190" s="91"/>
      <c r="IK190" s="127"/>
    </row>
    <row r="191" spans="2:245" x14ac:dyDescent="0.2">
      <c r="B191" s="79"/>
      <c r="C191" s="73"/>
      <c r="D191" s="64"/>
      <c r="E191" s="64"/>
      <c r="F191" s="55"/>
      <c r="G191" s="102"/>
      <c r="H191" s="55"/>
      <c r="I191" s="55"/>
      <c r="J191" s="55"/>
      <c r="K191" s="55"/>
      <c r="L191" s="55"/>
      <c r="M191" s="55"/>
      <c r="N191" s="55"/>
      <c r="O191" s="55"/>
      <c r="P191" s="55"/>
      <c r="Q191" s="55"/>
      <c r="R191" s="55"/>
      <c r="S191" s="55"/>
      <c r="T191" s="55"/>
      <c r="U191" s="55"/>
      <c r="V191" s="55"/>
      <c r="W191" s="55"/>
      <c r="X191" s="55"/>
      <c r="Y191" s="55"/>
      <c r="Z191" s="55"/>
      <c r="AA191" s="55"/>
      <c r="AB191" s="55"/>
      <c r="AC191" s="55"/>
      <c r="AD191" s="55"/>
      <c r="AE191" s="55"/>
      <c r="AF191" s="55"/>
      <c r="AG191" s="55"/>
      <c r="AY191" s="162"/>
      <c r="AZ191" s="162"/>
      <c r="BA191" s="162"/>
      <c r="BB191" s="162"/>
      <c r="BC191" s="162"/>
      <c r="BD191" s="162"/>
      <c r="BE191" s="162"/>
      <c r="BF191" s="162"/>
      <c r="BG191" s="162"/>
      <c r="BH191" s="162"/>
      <c r="BI191" s="162"/>
      <c r="BJ191" s="162"/>
      <c r="BK191" s="162"/>
      <c r="BL191" s="162"/>
      <c r="BM191" s="162"/>
      <c r="BN191" s="162"/>
      <c r="BO191" s="162"/>
      <c r="BP191" s="162"/>
      <c r="BQ191" s="162"/>
      <c r="BR191" s="162"/>
      <c r="BS191" s="162"/>
      <c r="BT191" s="162"/>
      <c r="BU191" s="162"/>
      <c r="BV191" s="162"/>
      <c r="BW191" s="162"/>
      <c r="BX191" s="162"/>
      <c r="BY191" s="162"/>
      <c r="BZ191" s="162"/>
      <c r="CA191" s="162"/>
      <c r="CB191" s="162"/>
      <c r="CC191" s="162"/>
      <c r="CD191" s="162"/>
      <c r="CE191" s="162"/>
      <c r="CF191" s="162"/>
      <c r="CG191" s="162"/>
      <c r="CH191" s="162"/>
      <c r="CI191" s="162"/>
      <c r="CJ191" s="162"/>
      <c r="CK191" s="162"/>
      <c r="CX191" s="98"/>
      <c r="DL191" s="97"/>
      <c r="DX191" s="98"/>
      <c r="EL191" s="97"/>
      <c r="EX191" s="98"/>
      <c r="EY191" s="97"/>
      <c r="FL191" s="126"/>
      <c r="FM191" s="91"/>
      <c r="FN191" s="91"/>
      <c r="FO191" s="91"/>
      <c r="FP191" s="91"/>
      <c r="FQ191" s="91"/>
      <c r="FR191" s="91"/>
      <c r="FS191" s="91"/>
      <c r="FT191" s="91"/>
      <c r="FU191" s="91"/>
      <c r="FV191" s="91"/>
      <c r="FW191" s="91"/>
      <c r="FX191" s="91"/>
      <c r="FY191" s="91"/>
      <c r="FZ191" s="91"/>
      <c r="GA191" s="91"/>
      <c r="GB191" s="91"/>
      <c r="GC191" s="91"/>
      <c r="GD191" s="91"/>
      <c r="GE191" s="91"/>
      <c r="GF191" s="91"/>
      <c r="GG191" s="91"/>
      <c r="GH191" s="91"/>
      <c r="GI191" s="91"/>
      <c r="GJ191" s="91"/>
      <c r="GK191" s="127"/>
      <c r="GL191" s="126"/>
      <c r="GM191" s="91"/>
      <c r="GN191" s="91"/>
      <c r="GO191" s="91"/>
      <c r="GP191" s="91"/>
      <c r="GQ191" s="91"/>
      <c r="GR191" s="91"/>
      <c r="GS191" s="91"/>
      <c r="GT191" s="91"/>
      <c r="GU191" s="91"/>
      <c r="GV191" s="91"/>
      <c r="GW191" s="91"/>
      <c r="GX191" s="91"/>
      <c r="GY191" s="91"/>
      <c r="GZ191" s="91"/>
      <c r="HA191" s="91"/>
      <c r="HB191" s="91"/>
      <c r="HC191" s="91"/>
      <c r="HD191" s="91"/>
      <c r="HE191" s="91"/>
      <c r="HF191" s="91"/>
      <c r="HG191" s="91"/>
      <c r="HH191" s="91"/>
      <c r="HI191" s="91"/>
      <c r="HJ191" s="91"/>
      <c r="HK191" s="127"/>
      <c r="HL191" s="126"/>
      <c r="HM191" s="91"/>
      <c r="HN191" s="91"/>
      <c r="HO191" s="91"/>
      <c r="HP191" s="91"/>
      <c r="HQ191" s="91"/>
      <c r="HR191" s="91"/>
      <c r="HS191" s="91"/>
      <c r="HT191" s="91"/>
      <c r="HU191" s="91"/>
      <c r="HV191" s="91"/>
      <c r="HW191" s="91"/>
      <c r="HX191" s="91"/>
      <c r="HY191" s="91"/>
      <c r="HZ191" s="91"/>
      <c r="IA191" s="91"/>
      <c r="IB191" s="91"/>
      <c r="IC191" s="91"/>
      <c r="ID191" s="91"/>
      <c r="IE191" s="91"/>
      <c r="IF191" s="91"/>
      <c r="IG191" s="91"/>
      <c r="IH191" s="91"/>
      <c r="II191" s="91"/>
      <c r="IJ191" s="91"/>
      <c r="IK191" s="127"/>
    </row>
    <row r="192" spans="2:245" x14ac:dyDescent="0.2">
      <c r="B192" s="79"/>
      <c r="C192" s="73"/>
      <c r="D192" s="64"/>
      <c r="E192" s="64"/>
      <c r="F192" s="55"/>
      <c r="G192" s="102"/>
      <c r="H192" s="55"/>
      <c r="I192" s="55"/>
      <c r="J192" s="55"/>
      <c r="K192" s="55"/>
      <c r="L192" s="55"/>
      <c r="M192" s="55"/>
      <c r="N192" s="55"/>
      <c r="O192" s="55"/>
      <c r="P192" s="55"/>
      <c r="Q192" s="55"/>
      <c r="R192" s="55"/>
      <c r="S192" s="55"/>
      <c r="T192" s="55"/>
      <c r="U192" s="55"/>
      <c r="V192" s="55"/>
      <c r="W192" s="55"/>
      <c r="X192" s="55"/>
      <c r="Y192" s="55"/>
      <c r="Z192" s="55"/>
      <c r="AA192" s="55"/>
      <c r="AB192" s="55"/>
      <c r="AC192" s="55"/>
      <c r="AD192" s="55"/>
      <c r="AE192" s="55"/>
      <c r="AF192" s="55"/>
      <c r="AG192" s="55"/>
      <c r="AY192" s="162"/>
      <c r="AZ192" s="162"/>
      <c r="BA192" s="162"/>
      <c r="BB192" s="162"/>
      <c r="BC192" s="162"/>
      <c r="BD192" s="162"/>
      <c r="BE192" s="162"/>
      <c r="BF192" s="162"/>
      <c r="BG192" s="162"/>
      <c r="BH192" s="162"/>
      <c r="BI192" s="162"/>
      <c r="BJ192" s="162"/>
      <c r="BK192" s="162"/>
      <c r="BL192" s="162"/>
      <c r="BM192" s="162"/>
      <c r="BN192" s="162"/>
      <c r="BO192" s="162"/>
      <c r="BP192" s="162"/>
      <c r="BQ192" s="162"/>
      <c r="BR192" s="162"/>
      <c r="BS192" s="162"/>
      <c r="BT192" s="162"/>
      <c r="BU192" s="162"/>
      <c r="BV192" s="162"/>
      <c r="BW192" s="162"/>
      <c r="BX192" s="162"/>
      <c r="BY192" s="162"/>
      <c r="BZ192" s="162"/>
      <c r="CA192" s="162"/>
      <c r="CB192" s="162"/>
      <c r="CC192" s="162"/>
      <c r="CD192" s="162"/>
      <c r="CE192" s="162"/>
      <c r="CF192" s="162"/>
      <c r="CG192" s="162"/>
      <c r="CH192" s="162"/>
      <c r="CI192" s="162"/>
      <c r="CJ192" s="162"/>
      <c r="CK192" s="162"/>
      <c r="CX192" s="98"/>
      <c r="DL192" s="97"/>
      <c r="DX192" s="98"/>
      <c r="EL192" s="97"/>
      <c r="EX192" s="98"/>
      <c r="EY192" s="97"/>
      <c r="FL192" s="126"/>
      <c r="FM192" s="91"/>
      <c r="FN192" s="91"/>
      <c r="FO192" s="91"/>
      <c r="FP192" s="91"/>
      <c r="FQ192" s="91"/>
      <c r="FR192" s="91"/>
      <c r="FS192" s="91"/>
      <c r="FT192" s="91"/>
      <c r="FU192" s="91"/>
      <c r="FV192" s="91"/>
      <c r="FW192" s="91"/>
      <c r="FX192" s="91"/>
      <c r="FY192" s="91"/>
      <c r="FZ192" s="91"/>
      <c r="GA192" s="91"/>
      <c r="GB192" s="91"/>
      <c r="GC192" s="91"/>
      <c r="GD192" s="91"/>
      <c r="GE192" s="91"/>
      <c r="GF192" s="91"/>
      <c r="GG192" s="91"/>
      <c r="GH192" s="91"/>
      <c r="GI192" s="91"/>
      <c r="GJ192" s="91"/>
      <c r="GK192" s="127"/>
      <c r="GL192" s="126"/>
      <c r="GM192" s="91"/>
      <c r="GN192" s="91"/>
      <c r="GO192" s="91"/>
      <c r="GP192" s="91"/>
      <c r="GQ192" s="91"/>
      <c r="GR192" s="91"/>
      <c r="GS192" s="91"/>
      <c r="GT192" s="91"/>
      <c r="GU192" s="91"/>
      <c r="GV192" s="91"/>
      <c r="GW192" s="91"/>
      <c r="GX192" s="91"/>
      <c r="GY192" s="91"/>
      <c r="GZ192" s="91"/>
      <c r="HA192" s="91"/>
      <c r="HB192" s="91"/>
      <c r="HC192" s="91"/>
      <c r="HD192" s="91"/>
      <c r="HE192" s="91"/>
      <c r="HF192" s="91"/>
      <c r="HG192" s="91"/>
      <c r="HH192" s="91"/>
      <c r="HI192" s="91"/>
      <c r="HJ192" s="91"/>
      <c r="HK192" s="127"/>
      <c r="HL192" s="126"/>
      <c r="HM192" s="91"/>
      <c r="HN192" s="91"/>
      <c r="HO192" s="91"/>
      <c r="HP192" s="91"/>
      <c r="HQ192" s="91"/>
      <c r="HR192" s="91"/>
      <c r="HS192" s="91"/>
      <c r="HT192" s="91"/>
      <c r="HU192" s="91"/>
      <c r="HV192" s="91"/>
      <c r="HW192" s="91"/>
      <c r="HX192" s="91"/>
      <c r="HY192" s="91"/>
      <c r="HZ192" s="91"/>
      <c r="IA192" s="91"/>
      <c r="IB192" s="91"/>
      <c r="IC192" s="91"/>
      <c r="ID192" s="91"/>
      <c r="IE192" s="91"/>
      <c r="IF192" s="91"/>
      <c r="IG192" s="91"/>
      <c r="IH192" s="91"/>
      <c r="II192" s="91"/>
      <c r="IJ192" s="91"/>
      <c r="IK192" s="127"/>
    </row>
    <row r="193" spans="2:245" x14ac:dyDescent="0.2">
      <c r="B193" s="79"/>
      <c r="C193" s="73"/>
      <c r="D193" s="64"/>
      <c r="E193" s="64"/>
      <c r="F193" s="55"/>
      <c r="G193" s="102"/>
      <c r="H193" s="55"/>
      <c r="I193" s="55"/>
      <c r="J193" s="55"/>
      <c r="K193" s="55"/>
      <c r="L193" s="55"/>
      <c r="M193" s="55"/>
      <c r="N193" s="55"/>
      <c r="O193" s="55"/>
      <c r="P193" s="55"/>
      <c r="Q193" s="55"/>
      <c r="R193" s="55"/>
      <c r="S193" s="55"/>
      <c r="T193" s="55"/>
      <c r="U193" s="55"/>
      <c r="V193" s="55"/>
      <c r="W193" s="55"/>
      <c r="X193" s="55"/>
      <c r="Y193" s="55"/>
      <c r="Z193" s="55"/>
      <c r="AA193" s="55"/>
      <c r="AB193" s="55"/>
      <c r="AC193" s="55"/>
      <c r="AD193" s="55"/>
      <c r="AE193" s="55"/>
      <c r="AF193" s="55"/>
      <c r="AG193" s="55"/>
      <c r="AY193" s="162"/>
      <c r="AZ193" s="162"/>
      <c r="BA193" s="162"/>
      <c r="BB193" s="162"/>
      <c r="BC193" s="162"/>
      <c r="BD193" s="162"/>
      <c r="BE193" s="162"/>
      <c r="BF193" s="162"/>
      <c r="BG193" s="162"/>
      <c r="BH193" s="162"/>
      <c r="BI193" s="162"/>
      <c r="BJ193" s="162"/>
      <c r="BK193" s="162"/>
      <c r="BL193" s="162"/>
      <c r="BM193" s="162"/>
      <c r="BN193" s="162"/>
      <c r="BO193" s="162"/>
      <c r="BP193" s="162"/>
      <c r="BQ193" s="162"/>
      <c r="BR193" s="162"/>
      <c r="BS193" s="162"/>
      <c r="BT193" s="162"/>
      <c r="BU193" s="162"/>
      <c r="BV193" s="162"/>
      <c r="BW193" s="162"/>
      <c r="BX193" s="162"/>
      <c r="BY193" s="162"/>
      <c r="BZ193" s="162"/>
      <c r="CA193" s="162"/>
      <c r="CB193" s="162"/>
      <c r="CC193" s="162"/>
      <c r="CD193" s="162"/>
      <c r="CE193" s="162"/>
      <c r="CF193" s="162"/>
      <c r="CG193" s="162"/>
      <c r="CH193" s="162"/>
      <c r="CI193" s="162"/>
      <c r="CJ193" s="162"/>
      <c r="CK193" s="162"/>
      <c r="CX193" s="98"/>
      <c r="DL193" s="97"/>
      <c r="DX193" s="98"/>
      <c r="EL193" s="97"/>
      <c r="EX193" s="98"/>
      <c r="EY193" s="97"/>
      <c r="FL193" s="126"/>
      <c r="FM193" s="91"/>
      <c r="FN193" s="91"/>
      <c r="FO193" s="91"/>
      <c r="FP193" s="91"/>
      <c r="FQ193" s="91"/>
      <c r="FR193" s="91"/>
      <c r="FS193" s="91"/>
      <c r="FT193" s="91"/>
      <c r="FU193" s="91"/>
      <c r="FV193" s="91"/>
      <c r="FW193" s="91"/>
      <c r="FX193" s="91"/>
      <c r="FY193" s="91"/>
      <c r="FZ193" s="91"/>
      <c r="GA193" s="91"/>
      <c r="GB193" s="91"/>
      <c r="GC193" s="91"/>
      <c r="GD193" s="91"/>
      <c r="GE193" s="91"/>
      <c r="GF193" s="91"/>
      <c r="GG193" s="91"/>
      <c r="GH193" s="91"/>
      <c r="GI193" s="91"/>
      <c r="GJ193" s="91"/>
      <c r="GK193" s="127"/>
      <c r="GL193" s="126"/>
      <c r="GM193" s="91"/>
      <c r="GN193" s="91"/>
      <c r="GO193" s="91"/>
      <c r="GP193" s="91"/>
      <c r="GQ193" s="91"/>
      <c r="GR193" s="91"/>
      <c r="GS193" s="91"/>
      <c r="GT193" s="91"/>
      <c r="GU193" s="91"/>
      <c r="GV193" s="91"/>
      <c r="GW193" s="91"/>
      <c r="GX193" s="91"/>
      <c r="GY193" s="91"/>
      <c r="GZ193" s="91"/>
      <c r="HA193" s="91"/>
      <c r="HB193" s="91"/>
      <c r="HC193" s="91"/>
      <c r="HD193" s="91"/>
      <c r="HE193" s="91"/>
      <c r="HF193" s="91"/>
      <c r="HG193" s="91"/>
      <c r="HH193" s="91"/>
      <c r="HI193" s="91"/>
      <c r="HJ193" s="91"/>
      <c r="HK193" s="127"/>
      <c r="HL193" s="126"/>
      <c r="HM193" s="91"/>
      <c r="HN193" s="91"/>
      <c r="HO193" s="91"/>
      <c r="HP193" s="91"/>
      <c r="HQ193" s="91"/>
      <c r="HR193" s="91"/>
      <c r="HS193" s="91"/>
      <c r="HT193" s="91"/>
      <c r="HU193" s="91"/>
      <c r="HV193" s="91"/>
      <c r="HW193" s="91"/>
      <c r="HX193" s="91"/>
      <c r="HY193" s="91"/>
      <c r="HZ193" s="91"/>
      <c r="IA193" s="91"/>
      <c r="IB193" s="91"/>
      <c r="IC193" s="91"/>
      <c r="ID193" s="91"/>
      <c r="IE193" s="91"/>
      <c r="IF193" s="91"/>
      <c r="IG193" s="91"/>
      <c r="IH193" s="91"/>
      <c r="II193" s="91"/>
      <c r="IJ193" s="91"/>
      <c r="IK193" s="127"/>
    </row>
    <row r="194" spans="2:245" x14ac:dyDescent="0.2">
      <c r="B194" s="79"/>
      <c r="C194" s="73"/>
      <c r="D194" s="64"/>
      <c r="E194" s="64"/>
      <c r="F194" s="55"/>
      <c r="G194" s="102"/>
      <c r="H194" s="55"/>
      <c r="I194" s="55"/>
      <c r="J194" s="55"/>
      <c r="K194" s="55"/>
      <c r="L194" s="55"/>
      <c r="M194" s="55"/>
      <c r="N194" s="55"/>
      <c r="O194" s="55"/>
      <c r="P194" s="55"/>
      <c r="Q194" s="55"/>
      <c r="R194" s="55"/>
      <c r="S194" s="55"/>
      <c r="T194" s="55"/>
      <c r="U194" s="55"/>
      <c r="V194" s="55"/>
      <c r="W194" s="55"/>
      <c r="X194" s="55"/>
      <c r="Y194" s="55"/>
      <c r="Z194" s="55"/>
      <c r="AA194" s="55"/>
      <c r="AB194" s="55"/>
      <c r="AC194" s="55"/>
      <c r="AD194" s="55"/>
      <c r="AE194" s="55"/>
      <c r="AF194" s="55"/>
      <c r="AG194" s="55"/>
      <c r="AY194" s="162"/>
      <c r="AZ194" s="162"/>
      <c r="BA194" s="162"/>
      <c r="BB194" s="162"/>
      <c r="BC194" s="162"/>
      <c r="BD194" s="162"/>
      <c r="BE194" s="162"/>
      <c r="BF194" s="162"/>
      <c r="BG194" s="162"/>
      <c r="BH194" s="162"/>
      <c r="BI194" s="162"/>
      <c r="BJ194" s="162"/>
      <c r="BK194" s="162"/>
      <c r="BL194" s="162"/>
      <c r="BM194" s="162"/>
      <c r="BN194" s="162"/>
      <c r="BO194" s="162"/>
      <c r="BP194" s="162"/>
      <c r="BQ194" s="162"/>
      <c r="BR194" s="162"/>
      <c r="BS194" s="162"/>
      <c r="BT194" s="162"/>
      <c r="BU194" s="162"/>
      <c r="BV194" s="162"/>
      <c r="BW194" s="162"/>
      <c r="BX194" s="162"/>
      <c r="BY194" s="162"/>
      <c r="BZ194" s="162"/>
      <c r="CA194" s="162"/>
      <c r="CB194" s="162"/>
      <c r="CC194" s="162"/>
      <c r="CD194" s="162"/>
      <c r="CE194" s="162"/>
      <c r="CF194" s="162"/>
      <c r="CG194" s="162"/>
      <c r="CH194" s="162"/>
      <c r="CI194" s="162"/>
      <c r="CJ194" s="162"/>
      <c r="CK194" s="162"/>
      <c r="CX194" s="98"/>
      <c r="DL194" s="97"/>
      <c r="DX194" s="98"/>
      <c r="EL194" s="97"/>
      <c r="EX194" s="98"/>
      <c r="EY194" s="97"/>
      <c r="FL194" s="126"/>
      <c r="FM194" s="91"/>
      <c r="FN194" s="91"/>
      <c r="FO194" s="91"/>
      <c r="FP194" s="91"/>
      <c r="FQ194" s="91"/>
      <c r="FR194" s="91"/>
      <c r="FS194" s="91"/>
      <c r="FT194" s="91"/>
      <c r="FU194" s="91"/>
      <c r="FV194" s="91"/>
      <c r="FW194" s="91"/>
      <c r="FX194" s="91"/>
      <c r="FY194" s="91"/>
      <c r="FZ194" s="91"/>
      <c r="GA194" s="91"/>
      <c r="GB194" s="91"/>
      <c r="GC194" s="91"/>
      <c r="GD194" s="91"/>
      <c r="GE194" s="91"/>
      <c r="GF194" s="91"/>
      <c r="GG194" s="91"/>
      <c r="GH194" s="91"/>
      <c r="GI194" s="91"/>
      <c r="GJ194" s="91"/>
      <c r="GK194" s="127"/>
      <c r="GL194" s="126"/>
      <c r="GM194" s="91"/>
      <c r="GN194" s="91"/>
      <c r="GO194" s="91"/>
      <c r="GP194" s="91"/>
      <c r="GQ194" s="91"/>
      <c r="GR194" s="91"/>
      <c r="GS194" s="91"/>
      <c r="GT194" s="91"/>
      <c r="GU194" s="91"/>
      <c r="GV194" s="91"/>
      <c r="GW194" s="91"/>
      <c r="GX194" s="91"/>
      <c r="GY194" s="91"/>
      <c r="GZ194" s="91"/>
      <c r="HA194" s="91"/>
      <c r="HB194" s="91"/>
      <c r="HC194" s="91"/>
      <c r="HD194" s="91"/>
      <c r="HE194" s="91"/>
      <c r="HF194" s="91"/>
      <c r="HG194" s="91"/>
      <c r="HH194" s="91"/>
      <c r="HI194" s="91"/>
      <c r="HJ194" s="91"/>
      <c r="HK194" s="127"/>
      <c r="HL194" s="126"/>
      <c r="HM194" s="91"/>
      <c r="HN194" s="91"/>
      <c r="HO194" s="91"/>
      <c r="HP194" s="91"/>
      <c r="HQ194" s="91"/>
      <c r="HR194" s="91"/>
      <c r="HS194" s="91"/>
      <c r="HT194" s="91"/>
      <c r="HU194" s="91"/>
      <c r="HV194" s="91"/>
      <c r="HW194" s="91"/>
      <c r="HX194" s="91"/>
      <c r="HY194" s="91"/>
      <c r="HZ194" s="91"/>
      <c r="IA194" s="91"/>
      <c r="IB194" s="91"/>
      <c r="IC194" s="91"/>
      <c r="ID194" s="91"/>
      <c r="IE194" s="91"/>
      <c r="IF194" s="91"/>
      <c r="IG194" s="91"/>
      <c r="IH194" s="91"/>
      <c r="II194" s="91"/>
      <c r="IJ194" s="91"/>
      <c r="IK194" s="127"/>
    </row>
    <row r="195" spans="2:245" x14ac:dyDescent="0.2">
      <c r="B195" s="79"/>
      <c r="C195" s="73"/>
      <c r="D195" s="64"/>
      <c r="E195" s="64"/>
      <c r="F195" s="55"/>
      <c r="G195" s="102"/>
      <c r="H195" s="55"/>
      <c r="I195" s="55"/>
      <c r="J195" s="55"/>
      <c r="K195" s="55"/>
      <c r="L195" s="55"/>
      <c r="M195" s="55"/>
      <c r="N195" s="55"/>
      <c r="O195" s="55"/>
      <c r="P195" s="55"/>
      <c r="Q195" s="55"/>
      <c r="R195" s="55"/>
      <c r="S195" s="55"/>
      <c r="T195" s="55"/>
      <c r="U195" s="55"/>
      <c r="V195" s="55"/>
      <c r="W195" s="55"/>
      <c r="X195" s="55"/>
      <c r="Y195" s="55"/>
      <c r="Z195" s="55"/>
      <c r="AA195" s="55"/>
      <c r="AB195" s="55"/>
      <c r="AC195" s="55"/>
      <c r="AD195" s="55"/>
      <c r="AE195" s="55"/>
      <c r="AF195" s="55"/>
      <c r="AG195" s="55"/>
      <c r="AY195" s="162"/>
      <c r="AZ195" s="162"/>
      <c r="BA195" s="162"/>
      <c r="BB195" s="162"/>
      <c r="BC195" s="162"/>
      <c r="BD195" s="162"/>
      <c r="BE195" s="162"/>
      <c r="BF195" s="162"/>
      <c r="BG195" s="162"/>
      <c r="BH195" s="162"/>
      <c r="BI195" s="162"/>
      <c r="BJ195" s="162"/>
      <c r="BK195" s="162"/>
      <c r="BL195" s="162"/>
      <c r="BM195" s="162"/>
      <c r="BN195" s="162"/>
      <c r="BO195" s="162"/>
      <c r="BP195" s="162"/>
      <c r="BQ195" s="162"/>
      <c r="BR195" s="162"/>
      <c r="BS195" s="162"/>
      <c r="BT195" s="162"/>
      <c r="BU195" s="162"/>
      <c r="BV195" s="162"/>
      <c r="BW195" s="162"/>
      <c r="BX195" s="162"/>
      <c r="BY195" s="162"/>
      <c r="BZ195" s="162"/>
      <c r="CA195" s="162"/>
      <c r="CB195" s="162"/>
      <c r="CC195" s="162"/>
      <c r="CD195" s="162"/>
      <c r="CE195" s="162"/>
      <c r="CF195" s="162"/>
      <c r="CG195" s="162"/>
      <c r="CH195" s="162"/>
      <c r="CI195" s="162"/>
      <c r="CJ195" s="162"/>
      <c r="CK195" s="162"/>
      <c r="CX195" s="98"/>
      <c r="DL195" s="97"/>
      <c r="DX195" s="98"/>
      <c r="EL195" s="97"/>
      <c r="EX195" s="98"/>
      <c r="EY195" s="97"/>
      <c r="FL195" s="126"/>
      <c r="FM195" s="91"/>
      <c r="FN195" s="91"/>
      <c r="FO195" s="91"/>
      <c r="FP195" s="91"/>
      <c r="FQ195" s="91"/>
      <c r="FR195" s="91"/>
      <c r="FS195" s="91"/>
      <c r="FT195" s="91"/>
      <c r="FU195" s="91"/>
      <c r="FV195" s="91"/>
      <c r="FW195" s="91"/>
      <c r="FX195" s="91"/>
      <c r="FY195" s="91"/>
      <c r="FZ195" s="91"/>
      <c r="GA195" s="91"/>
      <c r="GB195" s="91"/>
      <c r="GC195" s="91"/>
      <c r="GD195" s="91"/>
      <c r="GE195" s="91"/>
      <c r="GF195" s="91"/>
      <c r="GG195" s="91"/>
      <c r="GH195" s="91"/>
      <c r="GI195" s="91"/>
      <c r="GJ195" s="91"/>
      <c r="GK195" s="127"/>
      <c r="GL195" s="126"/>
      <c r="GM195" s="91"/>
      <c r="GN195" s="91"/>
      <c r="GO195" s="91"/>
      <c r="GP195" s="91"/>
      <c r="GQ195" s="91"/>
      <c r="GR195" s="91"/>
      <c r="GS195" s="91"/>
      <c r="GT195" s="91"/>
      <c r="GU195" s="91"/>
      <c r="GV195" s="91"/>
      <c r="GW195" s="91"/>
      <c r="GX195" s="91"/>
      <c r="GY195" s="91"/>
      <c r="GZ195" s="91"/>
      <c r="HA195" s="91"/>
      <c r="HB195" s="91"/>
      <c r="HC195" s="91"/>
      <c r="HD195" s="91"/>
      <c r="HE195" s="91"/>
      <c r="HF195" s="91"/>
      <c r="HG195" s="91"/>
      <c r="HH195" s="91"/>
      <c r="HI195" s="91"/>
      <c r="HJ195" s="91"/>
      <c r="HK195" s="127"/>
      <c r="HL195" s="126"/>
      <c r="HM195" s="91"/>
      <c r="HN195" s="91"/>
      <c r="HO195" s="91"/>
      <c r="HP195" s="91"/>
      <c r="HQ195" s="91"/>
      <c r="HR195" s="91"/>
      <c r="HS195" s="91"/>
      <c r="HT195" s="91"/>
      <c r="HU195" s="91"/>
      <c r="HV195" s="91"/>
      <c r="HW195" s="91"/>
      <c r="HX195" s="91"/>
      <c r="HY195" s="91"/>
      <c r="HZ195" s="91"/>
      <c r="IA195" s="91"/>
      <c r="IB195" s="91"/>
      <c r="IC195" s="91"/>
      <c r="ID195" s="91"/>
      <c r="IE195" s="91"/>
      <c r="IF195" s="91"/>
      <c r="IG195" s="91"/>
      <c r="IH195" s="91"/>
      <c r="II195" s="91"/>
      <c r="IJ195" s="91"/>
      <c r="IK195" s="127"/>
    </row>
    <row r="196" spans="2:245" x14ac:dyDescent="0.2">
      <c r="B196" s="79"/>
      <c r="C196" s="73"/>
      <c r="D196" s="64"/>
      <c r="E196" s="64"/>
      <c r="F196" s="55"/>
      <c r="G196" s="102"/>
      <c r="H196" s="55"/>
      <c r="I196" s="55"/>
      <c r="J196" s="55"/>
      <c r="K196" s="55"/>
      <c r="L196" s="55"/>
      <c r="M196" s="55"/>
      <c r="N196" s="55"/>
      <c r="O196" s="55"/>
      <c r="P196" s="55"/>
      <c r="Q196" s="55"/>
      <c r="R196" s="55"/>
      <c r="S196" s="55"/>
      <c r="T196" s="55"/>
      <c r="U196" s="55"/>
      <c r="V196" s="55"/>
      <c r="W196" s="55"/>
      <c r="X196" s="55"/>
      <c r="Y196" s="55"/>
      <c r="Z196" s="55"/>
      <c r="AA196" s="55"/>
      <c r="AB196" s="55"/>
      <c r="AC196" s="55"/>
      <c r="AD196" s="55"/>
      <c r="AE196" s="55"/>
      <c r="AF196" s="55"/>
      <c r="AG196" s="55"/>
      <c r="AY196" s="162"/>
      <c r="AZ196" s="162"/>
      <c r="BA196" s="162"/>
      <c r="BB196" s="162"/>
      <c r="BC196" s="162"/>
      <c r="BD196" s="162"/>
      <c r="BE196" s="162"/>
      <c r="BF196" s="162"/>
      <c r="BG196" s="162"/>
      <c r="BH196" s="162"/>
      <c r="BI196" s="162"/>
      <c r="BJ196" s="162"/>
      <c r="BK196" s="162"/>
      <c r="BL196" s="162"/>
      <c r="BM196" s="162"/>
      <c r="BN196" s="162"/>
      <c r="BO196" s="162"/>
      <c r="BP196" s="162"/>
      <c r="BQ196" s="162"/>
      <c r="BR196" s="162"/>
      <c r="BS196" s="162"/>
      <c r="BT196" s="162"/>
      <c r="BU196" s="162"/>
      <c r="BV196" s="162"/>
      <c r="BW196" s="162"/>
      <c r="BX196" s="162"/>
      <c r="BY196" s="162"/>
      <c r="BZ196" s="162"/>
      <c r="CA196" s="162"/>
      <c r="CB196" s="162"/>
      <c r="CC196" s="162"/>
      <c r="CD196" s="162"/>
      <c r="CE196" s="162"/>
      <c r="CF196" s="162"/>
      <c r="CG196" s="162"/>
      <c r="CH196" s="162"/>
      <c r="CI196" s="162"/>
      <c r="CJ196" s="162"/>
      <c r="CK196" s="162"/>
      <c r="CX196" s="98"/>
      <c r="DL196" s="97"/>
      <c r="DX196" s="98"/>
      <c r="EL196" s="97"/>
      <c r="EX196" s="98"/>
      <c r="EY196" s="97"/>
      <c r="FL196" s="126"/>
      <c r="FM196" s="91"/>
      <c r="FN196" s="91"/>
      <c r="FO196" s="91"/>
      <c r="FP196" s="91"/>
      <c r="FQ196" s="91"/>
      <c r="FR196" s="91"/>
      <c r="FS196" s="91"/>
      <c r="FT196" s="91"/>
      <c r="FU196" s="91"/>
      <c r="FV196" s="91"/>
      <c r="FW196" s="91"/>
      <c r="FX196" s="91"/>
      <c r="FY196" s="91"/>
      <c r="FZ196" s="91"/>
      <c r="GA196" s="91"/>
      <c r="GB196" s="91"/>
      <c r="GC196" s="91"/>
      <c r="GD196" s="91"/>
      <c r="GE196" s="91"/>
      <c r="GF196" s="91"/>
      <c r="GG196" s="91"/>
      <c r="GH196" s="91"/>
      <c r="GI196" s="91"/>
      <c r="GJ196" s="91"/>
      <c r="GK196" s="127"/>
      <c r="GL196" s="126"/>
      <c r="GM196" s="91"/>
      <c r="GN196" s="91"/>
      <c r="GO196" s="91"/>
      <c r="GP196" s="91"/>
      <c r="GQ196" s="91"/>
      <c r="GR196" s="91"/>
      <c r="GS196" s="91"/>
      <c r="GT196" s="91"/>
      <c r="GU196" s="91"/>
      <c r="GV196" s="91"/>
      <c r="GW196" s="91"/>
      <c r="GX196" s="91"/>
      <c r="GY196" s="91"/>
      <c r="GZ196" s="91"/>
      <c r="HA196" s="91"/>
      <c r="HB196" s="91"/>
      <c r="HC196" s="91"/>
      <c r="HD196" s="91"/>
      <c r="HE196" s="91"/>
      <c r="HF196" s="91"/>
      <c r="HG196" s="91"/>
      <c r="HH196" s="91"/>
      <c r="HI196" s="91"/>
      <c r="HJ196" s="91"/>
      <c r="HK196" s="127"/>
      <c r="HL196" s="126"/>
      <c r="HM196" s="91"/>
      <c r="HN196" s="91"/>
      <c r="HO196" s="91"/>
      <c r="HP196" s="91"/>
      <c r="HQ196" s="91"/>
      <c r="HR196" s="91"/>
      <c r="HS196" s="91"/>
      <c r="HT196" s="91"/>
      <c r="HU196" s="91"/>
      <c r="HV196" s="91"/>
      <c r="HW196" s="91"/>
      <c r="HX196" s="91"/>
      <c r="HY196" s="91"/>
      <c r="HZ196" s="91"/>
      <c r="IA196" s="91"/>
      <c r="IB196" s="91"/>
      <c r="IC196" s="91"/>
      <c r="ID196" s="91"/>
      <c r="IE196" s="91"/>
      <c r="IF196" s="91"/>
      <c r="IG196" s="91"/>
      <c r="IH196" s="91"/>
      <c r="II196" s="91"/>
      <c r="IJ196" s="91"/>
      <c r="IK196" s="127"/>
    </row>
    <row r="197" spans="2:245" x14ac:dyDescent="0.2">
      <c r="B197" s="79"/>
      <c r="C197" s="73"/>
      <c r="D197" s="64"/>
      <c r="E197" s="64"/>
      <c r="F197" s="55"/>
      <c r="G197" s="102"/>
      <c r="H197" s="55"/>
      <c r="I197" s="55"/>
      <c r="J197" s="55"/>
      <c r="K197" s="55"/>
      <c r="L197" s="55"/>
      <c r="M197" s="55"/>
      <c r="N197" s="55"/>
      <c r="O197" s="55"/>
      <c r="P197" s="55"/>
      <c r="Q197" s="55"/>
      <c r="R197" s="55"/>
      <c r="S197" s="55"/>
      <c r="T197" s="55"/>
      <c r="U197" s="55"/>
      <c r="V197" s="55"/>
      <c r="W197" s="55"/>
      <c r="X197" s="55"/>
      <c r="Y197" s="55"/>
      <c r="Z197" s="55"/>
      <c r="AA197" s="55"/>
      <c r="AB197" s="55"/>
      <c r="AC197" s="55"/>
      <c r="AD197" s="55"/>
      <c r="AE197" s="55"/>
      <c r="AF197" s="55"/>
      <c r="AG197" s="55"/>
      <c r="AY197" s="162"/>
      <c r="AZ197" s="162"/>
      <c r="BA197" s="162"/>
      <c r="BB197" s="162"/>
      <c r="BC197" s="162"/>
      <c r="BD197" s="162"/>
      <c r="BE197" s="162"/>
      <c r="BF197" s="162"/>
      <c r="BG197" s="162"/>
      <c r="BH197" s="162"/>
      <c r="BI197" s="162"/>
      <c r="BJ197" s="162"/>
      <c r="BK197" s="162"/>
      <c r="BL197" s="162"/>
      <c r="BM197" s="162"/>
      <c r="BN197" s="162"/>
      <c r="BO197" s="162"/>
      <c r="BP197" s="162"/>
      <c r="BQ197" s="162"/>
      <c r="BR197" s="162"/>
      <c r="BS197" s="162"/>
      <c r="BT197" s="162"/>
      <c r="BU197" s="162"/>
      <c r="BV197" s="162"/>
      <c r="BW197" s="162"/>
      <c r="BX197" s="162"/>
      <c r="BY197" s="162"/>
      <c r="BZ197" s="162"/>
      <c r="CA197" s="162"/>
      <c r="CB197" s="162"/>
      <c r="CC197" s="162"/>
      <c r="CD197" s="162"/>
      <c r="CE197" s="162"/>
      <c r="CF197" s="162"/>
      <c r="CG197" s="162"/>
      <c r="CH197" s="162"/>
      <c r="CI197" s="162"/>
      <c r="CJ197" s="162"/>
      <c r="CK197" s="162"/>
      <c r="CX197" s="98"/>
      <c r="DL197" s="97"/>
      <c r="DX197" s="98"/>
      <c r="EL197" s="97"/>
      <c r="EX197" s="98"/>
      <c r="EY197" s="97"/>
      <c r="FL197" s="126"/>
      <c r="FM197" s="91"/>
      <c r="FN197" s="91"/>
      <c r="FO197" s="91"/>
      <c r="FP197" s="91"/>
      <c r="FQ197" s="91"/>
      <c r="FR197" s="91"/>
      <c r="FS197" s="91"/>
      <c r="FT197" s="91"/>
      <c r="FU197" s="91"/>
      <c r="FV197" s="91"/>
      <c r="FW197" s="91"/>
      <c r="FX197" s="91"/>
      <c r="FY197" s="91"/>
      <c r="FZ197" s="91"/>
      <c r="GA197" s="91"/>
      <c r="GB197" s="91"/>
      <c r="GC197" s="91"/>
      <c r="GD197" s="91"/>
      <c r="GE197" s="91"/>
      <c r="GF197" s="91"/>
      <c r="GG197" s="91"/>
      <c r="GH197" s="91"/>
      <c r="GI197" s="91"/>
      <c r="GJ197" s="91"/>
      <c r="GK197" s="127"/>
      <c r="GL197" s="126"/>
      <c r="GM197" s="91"/>
      <c r="GN197" s="91"/>
      <c r="GO197" s="91"/>
      <c r="GP197" s="91"/>
      <c r="GQ197" s="91"/>
      <c r="GR197" s="91"/>
      <c r="GS197" s="91"/>
      <c r="GT197" s="91"/>
      <c r="GU197" s="91"/>
      <c r="GV197" s="91"/>
      <c r="GW197" s="91"/>
      <c r="GX197" s="91"/>
      <c r="GY197" s="91"/>
      <c r="GZ197" s="91"/>
      <c r="HA197" s="91"/>
      <c r="HB197" s="91"/>
      <c r="HC197" s="91"/>
      <c r="HD197" s="91"/>
      <c r="HE197" s="91"/>
      <c r="HF197" s="91"/>
      <c r="HG197" s="91"/>
      <c r="HH197" s="91"/>
      <c r="HI197" s="91"/>
      <c r="HJ197" s="91"/>
      <c r="HK197" s="127"/>
      <c r="HL197" s="126"/>
      <c r="HM197" s="91"/>
      <c r="HN197" s="91"/>
      <c r="HO197" s="91"/>
      <c r="HP197" s="91"/>
      <c r="HQ197" s="91"/>
      <c r="HR197" s="91"/>
      <c r="HS197" s="91"/>
      <c r="HT197" s="91"/>
      <c r="HU197" s="91"/>
      <c r="HV197" s="91"/>
      <c r="HW197" s="91"/>
      <c r="HX197" s="91"/>
      <c r="HY197" s="91"/>
      <c r="HZ197" s="91"/>
      <c r="IA197" s="91"/>
      <c r="IB197" s="91"/>
      <c r="IC197" s="91"/>
      <c r="ID197" s="91"/>
      <c r="IE197" s="91"/>
      <c r="IF197" s="91"/>
      <c r="IG197" s="91"/>
      <c r="IH197" s="91"/>
      <c r="II197" s="91"/>
      <c r="IJ197" s="91"/>
      <c r="IK197" s="127"/>
    </row>
    <row r="198" spans="2:245" x14ac:dyDescent="0.2">
      <c r="B198" s="79"/>
      <c r="C198" s="73"/>
      <c r="D198" s="64"/>
      <c r="E198" s="64"/>
      <c r="F198" s="55"/>
      <c r="G198" s="102"/>
      <c r="H198" s="55"/>
      <c r="I198" s="55"/>
      <c r="J198" s="55"/>
      <c r="K198" s="55"/>
      <c r="L198" s="55"/>
      <c r="M198" s="55"/>
      <c r="N198" s="55"/>
      <c r="O198" s="55"/>
      <c r="P198" s="55"/>
      <c r="Q198" s="55"/>
      <c r="R198" s="55"/>
      <c r="S198" s="55"/>
      <c r="T198" s="55"/>
      <c r="U198" s="55"/>
      <c r="V198" s="55"/>
      <c r="W198" s="55"/>
      <c r="X198" s="55"/>
      <c r="Y198" s="55"/>
      <c r="Z198" s="55"/>
      <c r="AA198" s="55"/>
      <c r="AB198" s="55"/>
      <c r="AC198" s="55"/>
      <c r="AD198" s="55"/>
      <c r="AE198" s="55"/>
      <c r="AF198" s="55"/>
      <c r="AG198" s="55"/>
      <c r="AY198" s="162"/>
      <c r="AZ198" s="162"/>
      <c r="BA198" s="162"/>
      <c r="BB198" s="162"/>
      <c r="BC198" s="162"/>
      <c r="BD198" s="162"/>
      <c r="BE198" s="162"/>
      <c r="BF198" s="162"/>
      <c r="BG198" s="162"/>
      <c r="BH198" s="162"/>
      <c r="BI198" s="162"/>
      <c r="BJ198" s="162"/>
      <c r="BK198" s="162"/>
      <c r="BL198" s="162"/>
      <c r="BM198" s="162"/>
      <c r="BN198" s="162"/>
      <c r="BO198" s="162"/>
      <c r="BP198" s="162"/>
      <c r="BQ198" s="162"/>
      <c r="BR198" s="162"/>
      <c r="BS198" s="162"/>
      <c r="BT198" s="162"/>
      <c r="BU198" s="162"/>
      <c r="BV198" s="162"/>
      <c r="BW198" s="162"/>
      <c r="BX198" s="162"/>
      <c r="BY198" s="162"/>
      <c r="BZ198" s="162"/>
      <c r="CA198" s="162"/>
      <c r="CB198" s="162"/>
      <c r="CC198" s="162"/>
      <c r="CD198" s="162"/>
      <c r="CE198" s="162"/>
      <c r="CF198" s="162"/>
      <c r="CG198" s="162"/>
      <c r="CH198" s="162"/>
      <c r="CI198" s="162"/>
      <c r="CJ198" s="162"/>
      <c r="CK198" s="162"/>
      <c r="CX198" s="98"/>
      <c r="DL198" s="97"/>
      <c r="DX198" s="98"/>
      <c r="EL198" s="97"/>
      <c r="EX198" s="98"/>
      <c r="EY198" s="97"/>
      <c r="FL198" s="126"/>
      <c r="FM198" s="91"/>
      <c r="FN198" s="91"/>
      <c r="FO198" s="91"/>
      <c r="FP198" s="91"/>
      <c r="FQ198" s="91"/>
      <c r="FR198" s="91"/>
      <c r="FS198" s="91"/>
      <c r="FT198" s="91"/>
      <c r="FU198" s="91"/>
      <c r="FV198" s="91"/>
      <c r="FW198" s="91"/>
      <c r="FX198" s="91"/>
      <c r="FY198" s="91"/>
      <c r="FZ198" s="91"/>
      <c r="GA198" s="91"/>
      <c r="GB198" s="91"/>
      <c r="GC198" s="91"/>
      <c r="GD198" s="91"/>
      <c r="GE198" s="91"/>
      <c r="GF198" s="91"/>
      <c r="GG198" s="91"/>
      <c r="GH198" s="91"/>
      <c r="GI198" s="91"/>
      <c r="GJ198" s="91"/>
      <c r="GK198" s="127"/>
      <c r="GL198" s="126"/>
      <c r="GM198" s="91"/>
      <c r="GN198" s="91"/>
      <c r="GO198" s="91"/>
      <c r="GP198" s="91"/>
      <c r="GQ198" s="91"/>
      <c r="GR198" s="91"/>
      <c r="GS198" s="91"/>
      <c r="GT198" s="91"/>
      <c r="GU198" s="91"/>
      <c r="GV198" s="91"/>
      <c r="GW198" s="91"/>
      <c r="GX198" s="91"/>
      <c r="GY198" s="91"/>
      <c r="GZ198" s="91"/>
      <c r="HA198" s="91"/>
      <c r="HB198" s="91"/>
      <c r="HC198" s="91"/>
      <c r="HD198" s="91"/>
      <c r="HE198" s="91"/>
      <c r="HF198" s="91"/>
      <c r="HG198" s="91"/>
      <c r="HH198" s="91"/>
      <c r="HI198" s="91"/>
      <c r="HJ198" s="91"/>
      <c r="HK198" s="127"/>
      <c r="HL198" s="126"/>
      <c r="HM198" s="91"/>
      <c r="HN198" s="91"/>
      <c r="HO198" s="91"/>
      <c r="HP198" s="91"/>
      <c r="HQ198" s="91"/>
      <c r="HR198" s="91"/>
      <c r="HS198" s="91"/>
      <c r="HT198" s="91"/>
      <c r="HU198" s="91"/>
      <c r="HV198" s="91"/>
      <c r="HW198" s="91"/>
      <c r="HX198" s="91"/>
      <c r="HY198" s="91"/>
      <c r="HZ198" s="91"/>
      <c r="IA198" s="91"/>
      <c r="IB198" s="91"/>
      <c r="IC198" s="91"/>
      <c r="ID198" s="91"/>
      <c r="IE198" s="91"/>
      <c r="IF198" s="91"/>
      <c r="IG198" s="91"/>
      <c r="IH198" s="91"/>
      <c r="II198" s="91"/>
      <c r="IJ198" s="91"/>
      <c r="IK198" s="127"/>
    </row>
    <row r="199" spans="2:245" x14ac:dyDescent="0.2">
      <c r="B199" s="79"/>
      <c r="C199" s="73"/>
      <c r="D199" s="64"/>
      <c r="E199" s="64"/>
      <c r="F199" s="55"/>
      <c r="G199" s="102"/>
      <c r="H199" s="55"/>
      <c r="I199" s="55"/>
      <c r="J199" s="55"/>
      <c r="K199" s="55"/>
      <c r="L199" s="55"/>
      <c r="M199" s="55"/>
      <c r="N199" s="55"/>
      <c r="O199" s="55"/>
      <c r="P199" s="55"/>
      <c r="Q199" s="55"/>
      <c r="R199" s="55"/>
      <c r="S199" s="55"/>
      <c r="T199" s="55"/>
      <c r="U199" s="55"/>
      <c r="V199" s="55"/>
      <c r="W199" s="55"/>
      <c r="X199" s="55"/>
      <c r="Y199" s="55"/>
      <c r="Z199" s="55"/>
      <c r="AA199" s="55"/>
      <c r="AB199" s="55"/>
      <c r="AC199" s="55"/>
      <c r="AD199" s="55"/>
      <c r="AE199" s="55"/>
      <c r="AF199" s="55"/>
      <c r="AG199" s="55"/>
      <c r="AY199" s="162"/>
      <c r="AZ199" s="162"/>
      <c r="BA199" s="162"/>
      <c r="BB199" s="162"/>
      <c r="BC199" s="162"/>
      <c r="BD199" s="162"/>
      <c r="BE199" s="162"/>
      <c r="BF199" s="162"/>
      <c r="BG199" s="162"/>
      <c r="BH199" s="162"/>
      <c r="BI199" s="162"/>
      <c r="BJ199" s="162"/>
      <c r="BK199" s="162"/>
      <c r="BL199" s="162"/>
      <c r="BM199" s="162"/>
      <c r="BN199" s="162"/>
      <c r="BO199" s="162"/>
      <c r="BP199" s="162"/>
      <c r="BQ199" s="162"/>
      <c r="BR199" s="162"/>
      <c r="BS199" s="162"/>
      <c r="BT199" s="162"/>
      <c r="BU199" s="162"/>
      <c r="BV199" s="162"/>
      <c r="BW199" s="162"/>
      <c r="BX199" s="162"/>
      <c r="BY199" s="162"/>
      <c r="BZ199" s="162"/>
      <c r="CA199" s="162"/>
      <c r="CB199" s="162"/>
      <c r="CC199" s="162"/>
      <c r="CD199" s="162"/>
      <c r="CE199" s="162"/>
      <c r="CF199" s="162"/>
      <c r="CG199" s="162"/>
      <c r="CH199" s="162"/>
      <c r="CI199" s="162"/>
      <c r="CJ199" s="162"/>
      <c r="CK199" s="162"/>
      <c r="CX199" s="98"/>
      <c r="DL199" s="97"/>
      <c r="DX199" s="98"/>
      <c r="EL199" s="97"/>
      <c r="EX199" s="98"/>
      <c r="EY199" s="97"/>
      <c r="FL199" s="126"/>
      <c r="FM199" s="91"/>
      <c r="FN199" s="91"/>
      <c r="FO199" s="91"/>
      <c r="FP199" s="91"/>
      <c r="FQ199" s="91"/>
      <c r="FR199" s="91"/>
      <c r="FS199" s="91"/>
      <c r="FT199" s="91"/>
      <c r="FU199" s="91"/>
      <c r="FV199" s="91"/>
      <c r="FW199" s="91"/>
      <c r="FX199" s="91"/>
      <c r="FY199" s="91"/>
      <c r="FZ199" s="91"/>
      <c r="GA199" s="91"/>
      <c r="GB199" s="91"/>
      <c r="GC199" s="91"/>
      <c r="GD199" s="91"/>
      <c r="GE199" s="91"/>
      <c r="GF199" s="91"/>
      <c r="GG199" s="91"/>
      <c r="GH199" s="91"/>
      <c r="GI199" s="91"/>
      <c r="GJ199" s="91"/>
      <c r="GK199" s="127"/>
      <c r="GL199" s="126"/>
      <c r="GM199" s="91"/>
      <c r="GN199" s="91"/>
      <c r="GO199" s="91"/>
      <c r="GP199" s="91"/>
      <c r="GQ199" s="91"/>
      <c r="GR199" s="91"/>
      <c r="GS199" s="91"/>
      <c r="GT199" s="91"/>
      <c r="GU199" s="91"/>
      <c r="GV199" s="91"/>
      <c r="GW199" s="91"/>
      <c r="GX199" s="91"/>
      <c r="GY199" s="91"/>
      <c r="GZ199" s="91"/>
      <c r="HA199" s="91"/>
      <c r="HB199" s="91"/>
      <c r="HC199" s="91"/>
      <c r="HD199" s="91"/>
      <c r="HE199" s="91"/>
      <c r="HF199" s="91"/>
      <c r="HG199" s="91"/>
      <c r="HH199" s="91"/>
      <c r="HI199" s="91"/>
      <c r="HJ199" s="91"/>
      <c r="HK199" s="127"/>
      <c r="HL199" s="126"/>
      <c r="HM199" s="91"/>
      <c r="HN199" s="91"/>
      <c r="HO199" s="91"/>
      <c r="HP199" s="91"/>
      <c r="HQ199" s="91"/>
      <c r="HR199" s="91"/>
      <c r="HS199" s="91"/>
      <c r="HT199" s="91"/>
      <c r="HU199" s="91"/>
      <c r="HV199" s="91"/>
      <c r="HW199" s="91"/>
      <c r="HX199" s="91"/>
      <c r="HY199" s="91"/>
      <c r="HZ199" s="91"/>
      <c r="IA199" s="91"/>
      <c r="IB199" s="91"/>
      <c r="IC199" s="91"/>
      <c r="ID199" s="91"/>
      <c r="IE199" s="91"/>
      <c r="IF199" s="91"/>
      <c r="IG199" s="91"/>
      <c r="IH199" s="91"/>
      <c r="II199" s="91"/>
      <c r="IJ199" s="91"/>
      <c r="IK199" s="127"/>
    </row>
    <row r="200" spans="2:245" x14ac:dyDescent="0.2">
      <c r="B200" s="79"/>
      <c r="C200" s="73"/>
      <c r="D200" s="64"/>
      <c r="E200" s="64"/>
      <c r="F200" s="55"/>
      <c r="G200" s="102"/>
      <c r="H200" s="55"/>
      <c r="I200" s="55"/>
      <c r="J200" s="55"/>
      <c r="K200" s="55"/>
      <c r="L200" s="55"/>
      <c r="M200" s="55"/>
      <c r="N200" s="55"/>
      <c r="O200" s="55"/>
      <c r="P200" s="55"/>
      <c r="Q200" s="55"/>
      <c r="R200" s="55"/>
      <c r="S200" s="55"/>
      <c r="T200" s="55"/>
      <c r="U200" s="55"/>
      <c r="V200" s="55"/>
      <c r="W200" s="55"/>
      <c r="X200" s="55"/>
      <c r="Y200" s="55"/>
      <c r="Z200" s="55"/>
      <c r="AA200" s="55"/>
      <c r="AB200" s="55"/>
      <c r="AC200" s="55"/>
      <c r="AD200" s="55"/>
      <c r="AE200" s="55"/>
      <c r="AF200" s="55"/>
      <c r="AG200" s="55"/>
      <c r="AY200" s="162"/>
      <c r="AZ200" s="162"/>
      <c r="BA200" s="162"/>
      <c r="BB200" s="162"/>
      <c r="BC200" s="162"/>
      <c r="BD200" s="162"/>
      <c r="BE200" s="162"/>
      <c r="BF200" s="162"/>
      <c r="BG200" s="162"/>
      <c r="BH200" s="162"/>
      <c r="BI200" s="162"/>
      <c r="BJ200" s="162"/>
      <c r="BK200" s="162"/>
      <c r="BL200" s="162"/>
      <c r="BM200" s="162"/>
      <c r="BN200" s="162"/>
      <c r="BO200" s="162"/>
      <c r="BP200" s="162"/>
      <c r="BQ200" s="162"/>
      <c r="BR200" s="162"/>
      <c r="BS200" s="162"/>
      <c r="BT200" s="162"/>
      <c r="BU200" s="162"/>
      <c r="BV200" s="162"/>
      <c r="BW200" s="162"/>
      <c r="BX200" s="162"/>
      <c r="BY200" s="162"/>
      <c r="BZ200" s="162"/>
      <c r="CA200" s="162"/>
      <c r="CB200" s="162"/>
      <c r="CC200" s="162"/>
      <c r="CD200" s="162"/>
      <c r="CE200" s="162"/>
      <c r="CF200" s="162"/>
      <c r="CG200" s="162"/>
      <c r="CH200" s="162"/>
      <c r="CI200" s="162"/>
      <c r="CJ200" s="162"/>
      <c r="CK200" s="162"/>
      <c r="CX200" s="98"/>
      <c r="DL200" s="97"/>
      <c r="DX200" s="98"/>
      <c r="EL200" s="97"/>
      <c r="EX200" s="98"/>
      <c r="EY200" s="97"/>
      <c r="FL200" s="126"/>
      <c r="FM200" s="91"/>
      <c r="FN200" s="91"/>
      <c r="FO200" s="91"/>
      <c r="FP200" s="91"/>
      <c r="FQ200" s="91"/>
      <c r="FR200" s="91"/>
      <c r="FS200" s="91"/>
      <c r="FT200" s="91"/>
      <c r="FU200" s="91"/>
      <c r="FV200" s="91"/>
      <c r="FW200" s="91"/>
      <c r="FX200" s="91"/>
      <c r="FY200" s="91"/>
      <c r="FZ200" s="91"/>
      <c r="GA200" s="91"/>
      <c r="GB200" s="91"/>
      <c r="GC200" s="91"/>
      <c r="GD200" s="91"/>
      <c r="GE200" s="91"/>
      <c r="GF200" s="91"/>
      <c r="GG200" s="91"/>
      <c r="GH200" s="91"/>
      <c r="GI200" s="91"/>
      <c r="GJ200" s="91"/>
      <c r="GK200" s="127"/>
      <c r="GL200" s="126"/>
      <c r="GM200" s="91"/>
      <c r="GN200" s="91"/>
      <c r="GO200" s="91"/>
      <c r="GP200" s="91"/>
      <c r="GQ200" s="91"/>
      <c r="GR200" s="91"/>
      <c r="GS200" s="91"/>
      <c r="GT200" s="91"/>
      <c r="GU200" s="91"/>
      <c r="GV200" s="91"/>
      <c r="GW200" s="91"/>
      <c r="GX200" s="91"/>
      <c r="GY200" s="91"/>
      <c r="GZ200" s="91"/>
      <c r="HA200" s="91"/>
      <c r="HB200" s="91"/>
      <c r="HC200" s="91"/>
      <c r="HD200" s="91"/>
      <c r="HE200" s="91"/>
      <c r="HF200" s="91"/>
      <c r="HG200" s="91"/>
      <c r="HH200" s="91"/>
      <c r="HI200" s="91"/>
      <c r="HJ200" s="91"/>
      <c r="HK200" s="127"/>
      <c r="HL200" s="126"/>
      <c r="HM200" s="91"/>
      <c r="HN200" s="91"/>
      <c r="HO200" s="91"/>
      <c r="HP200" s="91"/>
      <c r="HQ200" s="91"/>
      <c r="HR200" s="91"/>
      <c r="HS200" s="91"/>
      <c r="HT200" s="91"/>
      <c r="HU200" s="91"/>
      <c r="HV200" s="91"/>
      <c r="HW200" s="91"/>
      <c r="HX200" s="91"/>
      <c r="HY200" s="91"/>
      <c r="HZ200" s="91"/>
      <c r="IA200" s="91"/>
      <c r="IB200" s="91"/>
      <c r="IC200" s="91"/>
      <c r="ID200" s="91"/>
      <c r="IE200" s="91"/>
      <c r="IF200" s="91"/>
      <c r="IG200" s="91"/>
      <c r="IH200" s="91"/>
      <c r="II200" s="91"/>
      <c r="IJ200" s="91"/>
      <c r="IK200" s="127"/>
    </row>
    <row r="201" spans="2:245" x14ac:dyDescent="0.2">
      <c r="B201" s="79"/>
      <c r="C201" s="73"/>
      <c r="D201" s="64"/>
      <c r="E201" s="64"/>
      <c r="F201" s="55"/>
      <c r="G201" s="102"/>
      <c r="H201" s="55"/>
      <c r="I201" s="55"/>
      <c r="J201" s="55"/>
      <c r="K201" s="55"/>
      <c r="L201" s="55"/>
      <c r="M201" s="55"/>
      <c r="N201" s="55"/>
      <c r="O201" s="55"/>
      <c r="P201" s="55"/>
      <c r="Q201" s="55"/>
      <c r="R201" s="55"/>
      <c r="S201" s="55"/>
      <c r="T201" s="55"/>
      <c r="U201" s="55"/>
      <c r="V201" s="55"/>
      <c r="W201" s="55"/>
      <c r="X201" s="55"/>
      <c r="Y201" s="55"/>
      <c r="Z201" s="55"/>
      <c r="AA201" s="55"/>
      <c r="AB201" s="55"/>
      <c r="AC201" s="55"/>
      <c r="AD201" s="55"/>
      <c r="AE201" s="55"/>
      <c r="AF201" s="55"/>
      <c r="AG201" s="55"/>
      <c r="AY201" s="162"/>
      <c r="AZ201" s="162"/>
      <c r="BA201" s="162"/>
      <c r="BB201" s="162"/>
      <c r="BC201" s="162"/>
      <c r="BD201" s="162"/>
      <c r="BE201" s="162"/>
      <c r="BF201" s="162"/>
      <c r="BG201" s="162"/>
      <c r="BH201" s="162"/>
      <c r="BI201" s="162"/>
      <c r="BJ201" s="162"/>
      <c r="BK201" s="162"/>
      <c r="BL201" s="162"/>
      <c r="BM201" s="162"/>
      <c r="BN201" s="162"/>
      <c r="BO201" s="162"/>
      <c r="BP201" s="162"/>
      <c r="BQ201" s="162"/>
      <c r="BR201" s="162"/>
      <c r="BS201" s="162"/>
      <c r="BT201" s="162"/>
      <c r="BU201" s="162"/>
      <c r="BV201" s="162"/>
      <c r="BW201" s="162"/>
      <c r="BX201" s="162"/>
      <c r="BY201" s="162"/>
      <c r="BZ201" s="162"/>
      <c r="CA201" s="162"/>
      <c r="CB201" s="162"/>
      <c r="CC201" s="162"/>
      <c r="CD201" s="162"/>
      <c r="CE201" s="162"/>
      <c r="CF201" s="162"/>
      <c r="CG201" s="162"/>
      <c r="CH201" s="162"/>
      <c r="CI201" s="162"/>
      <c r="CJ201" s="162"/>
      <c r="CK201" s="162"/>
      <c r="CX201" s="98"/>
      <c r="DL201" s="97"/>
      <c r="DX201" s="98"/>
      <c r="EL201" s="97"/>
      <c r="EX201" s="98"/>
      <c r="EY201" s="97"/>
      <c r="FL201" s="126"/>
      <c r="FM201" s="91"/>
      <c r="FN201" s="91"/>
      <c r="FO201" s="91"/>
      <c r="FP201" s="91"/>
      <c r="FQ201" s="91"/>
      <c r="FR201" s="91"/>
      <c r="FS201" s="91"/>
      <c r="FT201" s="91"/>
      <c r="FU201" s="91"/>
      <c r="FV201" s="91"/>
      <c r="FW201" s="91"/>
      <c r="FX201" s="91"/>
      <c r="FY201" s="91"/>
      <c r="FZ201" s="91"/>
      <c r="GA201" s="91"/>
      <c r="GB201" s="91"/>
      <c r="GC201" s="91"/>
      <c r="GD201" s="91"/>
      <c r="GE201" s="91"/>
      <c r="GF201" s="91"/>
      <c r="GG201" s="91"/>
      <c r="GH201" s="91"/>
      <c r="GI201" s="91"/>
      <c r="GJ201" s="91"/>
      <c r="GK201" s="127"/>
      <c r="GL201" s="126"/>
      <c r="GM201" s="91"/>
      <c r="GN201" s="91"/>
      <c r="GO201" s="91"/>
      <c r="GP201" s="91"/>
      <c r="GQ201" s="91"/>
      <c r="GR201" s="91"/>
      <c r="GS201" s="91"/>
      <c r="GT201" s="91"/>
      <c r="GU201" s="91"/>
      <c r="GV201" s="91"/>
      <c r="GW201" s="91"/>
      <c r="GX201" s="91"/>
      <c r="GY201" s="91"/>
      <c r="GZ201" s="91"/>
      <c r="HA201" s="91"/>
      <c r="HB201" s="91"/>
      <c r="HC201" s="91"/>
      <c r="HD201" s="91"/>
      <c r="HE201" s="91"/>
      <c r="HF201" s="91"/>
      <c r="HG201" s="91"/>
      <c r="HH201" s="91"/>
      <c r="HI201" s="91"/>
      <c r="HJ201" s="91"/>
      <c r="HK201" s="127"/>
      <c r="HL201" s="126"/>
      <c r="HM201" s="91"/>
      <c r="HN201" s="91"/>
      <c r="HO201" s="91"/>
      <c r="HP201" s="91"/>
      <c r="HQ201" s="91"/>
      <c r="HR201" s="91"/>
      <c r="HS201" s="91"/>
      <c r="HT201" s="91"/>
      <c r="HU201" s="91"/>
      <c r="HV201" s="91"/>
      <c r="HW201" s="91"/>
      <c r="HX201" s="91"/>
      <c r="HY201" s="91"/>
      <c r="HZ201" s="91"/>
      <c r="IA201" s="91"/>
      <c r="IB201" s="91"/>
      <c r="IC201" s="91"/>
      <c r="ID201" s="91"/>
      <c r="IE201" s="91"/>
      <c r="IF201" s="91"/>
      <c r="IG201" s="91"/>
      <c r="IH201" s="91"/>
      <c r="II201" s="91"/>
      <c r="IJ201" s="91"/>
      <c r="IK201" s="127"/>
    </row>
    <row r="202" spans="2:245" x14ac:dyDescent="0.2">
      <c r="B202" s="79"/>
      <c r="C202" s="73"/>
      <c r="D202" s="64"/>
      <c r="E202" s="64"/>
      <c r="F202" s="55"/>
      <c r="G202" s="102"/>
      <c r="H202" s="55"/>
      <c r="I202" s="55"/>
      <c r="J202" s="55"/>
      <c r="K202" s="55"/>
      <c r="L202" s="55"/>
      <c r="M202" s="55"/>
      <c r="N202" s="55"/>
      <c r="O202" s="55"/>
      <c r="P202" s="55"/>
      <c r="Q202" s="55"/>
      <c r="R202" s="55"/>
      <c r="S202" s="55"/>
      <c r="T202" s="55"/>
      <c r="U202" s="55"/>
      <c r="V202" s="55"/>
      <c r="W202" s="55"/>
      <c r="X202" s="55"/>
      <c r="Y202" s="55"/>
      <c r="Z202" s="55"/>
      <c r="AA202" s="55"/>
      <c r="AB202" s="55"/>
      <c r="AC202" s="55"/>
      <c r="AD202" s="55"/>
      <c r="AE202" s="55"/>
      <c r="AF202" s="55"/>
      <c r="AG202" s="55"/>
      <c r="AY202" s="162"/>
      <c r="AZ202" s="162"/>
      <c r="BA202" s="162"/>
      <c r="BB202" s="162"/>
      <c r="BC202" s="162"/>
      <c r="BD202" s="162"/>
      <c r="BE202" s="162"/>
      <c r="BF202" s="162"/>
      <c r="BG202" s="162"/>
      <c r="BH202" s="162"/>
      <c r="BI202" s="162"/>
      <c r="BJ202" s="162"/>
      <c r="BK202" s="162"/>
      <c r="BL202" s="162"/>
      <c r="BM202" s="162"/>
      <c r="BN202" s="162"/>
      <c r="BO202" s="162"/>
      <c r="BP202" s="162"/>
      <c r="BQ202" s="162"/>
      <c r="BR202" s="162"/>
      <c r="BS202" s="162"/>
      <c r="BT202" s="162"/>
      <c r="BU202" s="162"/>
      <c r="BV202" s="162"/>
      <c r="BW202" s="162"/>
      <c r="BX202" s="162"/>
      <c r="BY202" s="162"/>
      <c r="BZ202" s="162"/>
      <c r="CA202" s="162"/>
      <c r="CB202" s="162"/>
      <c r="CC202" s="162"/>
      <c r="CD202" s="162"/>
      <c r="CE202" s="162"/>
      <c r="CF202" s="162"/>
      <c r="CG202" s="162"/>
      <c r="CH202" s="162"/>
      <c r="CI202" s="162"/>
      <c r="CJ202" s="162"/>
      <c r="CK202" s="162"/>
      <c r="CX202" s="98"/>
      <c r="DL202" s="97"/>
      <c r="DX202" s="98"/>
      <c r="EL202" s="97"/>
      <c r="EX202" s="98"/>
      <c r="EY202" s="97"/>
      <c r="FL202" s="126"/>
      <c r="FM202" s="91"/>
      <c r="FN202" s="91"/>
      <c r="FO202" s="91"/>
      <c r="FP202" s="91"/>
      <c r="FQ202" s="91"/>
      <c r="FR202" s="91"/>
      <c r="FS202" s="91"/>
      <c r="FT202" s="91"/>
      <c r="FU202" s="91"/>
      <c r="FV202" s="91"/>
      <c r="FW202" s="91"/>
      <c r="FX202" s="91"/>
      <c r="FY202" s="91"/>
      <c r="FZ202" s="91"/>
      <c r="GA202" s="91"/>
      <c r="GB202" s="91"/>
      <c r="GC202" s="91"/>
      <c r="GD202" s="91"/>
      <c r="GE202" s="91"/>
      <c r="GF202" s="91"/>
      <c r="GG202" s="91"/>
      <c r="GH202" s="91"/>
      <c r="GI202" s="91"/>
      <c r="GJ202" s="91"/>
      <c r="GK202" s="127"/>
      <c r="GL202" s="126"/>
      <c r="GM202" s="91"/>
      <c r="GN202" s="91"/>
      <c r="GO202" s="91"/>
      <c r="GP202" s="91"/>
      <c r="GQ202" s="91"/>
      <c r="GR202" s="91"/>
      <c r="GS202" s="91"/>
      <c r="GT202" s="91"/>
      <c r="GU202" s="91"/>
      <c r="GV202" s="91"/>
      <c r="GW202" s="91"/>
      <c r="GX202" s="91"/>
      <c r="GY202" s="91"/>
      <c r="GZ202" s="91"/>
      <c r="HA202" s="91"/>
      <c r="HB202" s="91"/>
      <c r="HC202" s="91"/>
      <c r="HD202" s="91"/>
      <c r="HE202" s="91"/>
      <c r="HF202" s="91"/>
      <c r="HG202" s="91"/>
      <c r="HH202" s="91"/>
      <c r="HI202" s="91"/>
      <c r="HJ202" s="91"/>
      <c r="HK202" s="127"/>
      <c r="HL202" s="126"/>
      <c r="HM202" s="91"/>
      <c r="HN202" s="91"/>
      <c r="HO202" s="91"/>
      <c r="HP202" s="91"/>
      <c r="HQ202" s="91"/>
      <c r="HR202" s="91"/>
      <c r="HS202" s="91"/>
      <c r="HT202" s="91"/>
      <c r="HU202" s="91"/>
      <c r="HV202" s="91"/>
      <c r="HW202" s="91"/>
      <c r="HX202" s="91"/>
      <c r="HY202" s="91"/>
      <c r="HZ202" s="91"/>
      <c r="IA202" s="91"/>
      <c r="IB202" s="91"/>
      <c r="IC202" s="91"/>
      <c r="ID202" s="91"/>
      <c r="IE202" s="91"/>
      <c r="IF202" s="91"/>
      <c r="IG202" s="91"/>
      <c r="IH202" s="91"/>
      <c r="II202" s="91"/>
      <c r="IJ202" s="91"/>
      <c r="IK202" s="127"/>
    </row>
    <row r="203" spans="2:245" x14ac:dyDescent="0.2">
      <c r="B203" s="79"/>
      <c r="C203" s="73"/>
      <c r="D203" s="64"/>
      <c r="E203" s="64"/>
      <c r="F203" s="55"/>
      <c r="G203" s="102"/>
      <c r="H203" s="55"/>
      <c r="I203" s="55"/>
      <c r="J203" s="55"/>
      <c r="K203" s="55"/>
      <c r="L203" s="55"/>
      <c r="M203" s="55"/>
      <c r="N203" s="55"/>
      <c r="O203" s="55"/>
      <c r="P203" s="55"/>
      <c r="Q203" s="55"/>
      <c r="R203" s="55"/>
      <c r="S203" s="55"/>
      <c r="T203" s="55"/>
      <c r="U203" s="55"/>
      <c r="V203" s="55"/>
      <c r="W203" s="55"/>
      <c r="X203" s="55"/>
      <c r="Y203" s="55"/>
      <c r="Z203" s="55"/>
      <c r="AA203" s="55"/>
      <c r="AB203" s="55"/>
      <c r="AC203" s="55"/>
      <c r="AD203" s="55"/>
      <c r="AE203" s="55"/>
      <c r="AF203" s="55"/>
      <c r="AG203" s="55"/>
      <c r="AY203" s="162"/>
      <c r="AZ203" s="162"/>
      <c r="BA203" s="162"/>
      <c r="BB203" s="162"/>
      <c r="BC203" s="162"/>
      <c r="BD203" s="162"/>
      <c r="BE203" s="162"/>
      <c r="BF203" s="162"/>
      <c r="BG203" s="162"/>
      <c r="BH203" s="162"/>
      <c r="BI203" s="162"/>
      <c r="BJ203" s="162"/>
      <c r="BK203" s="162"/>
      <c r="BL203" s="162"/>
      <c r="BM203" s="162"/>
      <c r="BN203" s="162"/>
      <c r="BO203" s="162"/>
      <c r="BP203" s="162"/>
      <c r="BQ203" s="162"/>
      <c r="BR203" s="162"/>
      <c r="BS203" s="162"/>
      <c r="BT203" s="162"/>
      <c r="BU203" s="162"/>
      <c r="BV203" s="162"/>
      <c r="BW203" s="162"/>
      <c r="BX203" s="162"/>
      <c r="BY203" s="162"/>
      <c r="BZ203" s="162"/>
      <c r="CA203" s="162"/>
      <c r="CB203" s="162"/>
      <c r="CC203" s="162"/>
      <c r="CD203" s="162"/>
      <c r="CE203" s="162"/>
      <c r="CF203" s="162"/>
      <c r="CG203" s="162"/>
      <c r="CH203" s="162"/>
      <c r="CI203" s="162"/>
      <c r="CJ203" s="162"/>
      <c r="CK203" s="162"/>
      <c r="CX203" s="98"/>
      <c r="DL203" s="97"/>
      <c r="DX203" s="98"/>
      <c r="EL203" s="97"/>
      <c r="EX203" s="98"/>
      <c r="EY203" s="97"/>
      <c r="FL203" s="126"/>
      <c r="FM203" s="91"/>
      <c r="FN203" s="91"/>
      <c r="FO203" s="91"/>
      <c r="FP203" s="91"/>
      <c r="FQ203" s="91"/>
      <c r="FR203" s="91"/>
      <c r="FS203" s="91"/>
      <c r="FT203" s="91"/>
      <c r="FU203" s="91"/>
      <c r="FV203" s="91"/>
      <c r="FW203" s="91"/>
      <c r="FX203" s="91"/>
      <c r="FY203" s="91"/>
      <c r="FZ203" s="91"/>
      <c r="GA203" s="91"/>
      <c r="GB203" s="91"/>
      <c r="GC203" s="91"/>
      <c r="GD203" s="91"/>
      <c r="GE203" s="91"/>
      <c r="GF203" s="91"/>
      <c r="GG203" s="91"/>
      <c r="GH203" s="91"/>
      <c r="GI203" s="91"/>
      <c r="GJ203" s="91"/>
      <c r="GK203" s="127"/>
      <c r="GL203" s="126"/>
      <c r="GM203" s="91"/>
      <c r="GN203" s="91"/>
      <c r="GO203" s="91"/>
      <c r="GP203" s="91"/>
      <c r="GQ203" s="91"/>
      <c r="GR203" s="91"/>
      <c r="GS203" s="91"/>
      <c r="GT203" s="91"/>
      <c r="GU203" s="91"/>
      <c r="GV203" s="91"/>
      <c r="GW203" s="91"/>
      <c r="GX203" s="91"/>
      <c r="GY203" s="91"/>
      <c r="GZ203" s="91"/>
      <c r="HA203" s="91"/>
      <c r="HB203" s="91"/>
      <c r="HC203" s="91"/>
      <c r="HD203" s="91"/>
      <c r="HE203" s="91"/>
      <c r="HF203" s="91"/>
      <c r="HG203" s="91"/>
      <c r="HH203" s="91"/>
      <c r="HI203" s="91"/>
      <c r="HJ203" s="91"/>
      <c r="HK203" s="127"/>
      <c r="HL203" s="126"/>
      <c r="HM203" s="91"/>
      <c r="HN203" s="91"/>
      <c r="HO203" s="91"/>
      <c r="HP203" s="91"/>
      <c r="HQ203" s="91"/>
      <c r="HR203" s="91"/>
      <c r="HS203" s="91"/>
      <c r="HT203" s="91"/>
      <c r="HU203" s="91"/>
      <c r="HV203" s="91"/>
      <c r="HW203" s="91"/>
      <c r="HX203" s="91"/>
      <c r="HY203" s="91"/>
      <c r="HZ203" s="91"/>
      <c r="IA203" s="91"/>
      <c r="IB203" s="91"/>
      <c r="IC203" s="91"/>
      <c r="ID203" s="91"/>
      <c r="IE203" s="91"/>
      <c r="IF203" s="91"/>
      <c r="IG203" s="91"/>
      <c r="IH203" s="91"/>
      <c r="II203" s="91"/>
      <c r="IJ203" s="91"/>
      <c r="IK203" s="127"/>
    </row>
    <row r="204" spans="2:245" x14ac:dyDescent="0.2">
      <c r="B204" s="79"/>
      <c r="C204" s="73"/>
      <c r="D204" s="64"/>
      <c r="E204" s="64"/>
      <c r="F204" s="55"/>
      <c r="G204" s="102"/>
      <c r="H204" s="55"/>
      <c r="I204" s="55"/>
      <c r="J204" s="55"/>
      <c r="K204" s="55"/>
      <c r="L204" s="55"/>
      <c r="M204" s="55"/>
      <c r="N204" s="55"/>
      <c r="O204" s="55"/>
      <c r="P204" s="55"/>
      <c r="Q204" s="55"/>
      <c r="R204" s="55"/>
      <c r="S204" s="55"/>
      <c r="T204" s="55"/>
      <c r="U204" s="55"/>
      <c r="V204" s="55"/>
      <c r="W204" s="55"/>
      <c r="X204" s="55"/>
      <c r="Y204" s="55"/>
      <c r="Z204" s="55"/>
      <c r="AA204" s="55"/>
      <c r="AB204" s="55"/>
      <c r="AC204" s="55"/>
      <c r="AD204" s="55"/>
      <c r="AE204" s="55"/>
      <c r="AF204" s="55"/>
      <c r="AG204" s="55"/>
      <c r="AY204" s="162"/>
      <c r="AZ204" s="162"/>
      <c r="BA204" s="162"/>
      <c r="BB204" s="162"/>
      <c r="BC204" s="162"/>
      <c r="BD204" s="162"/>
      <c r="BE204" s="162"/>
      <c r="BF204" s="162"/>
      <c r="BG204" s="162"/>
      <c r="BH204" s="162"/>
      <c r="BI204" s="162"/>
      <c r="BJ204" s="162"/>
      <c r="BK204" s="162"/>
      <c r="BL204" s="162"/>
      <c r="BM204" s="162"/>
      <c r="BN204" s="162"/>
      <c r="BO204" s="162"/>
      <c r="BP204" s="162"/>
      <c r="BQ204" s="162"/>
      <c r="BR204" s="162"/>
      <c r="BS204" s="162"/>
      <c r="BT204" s="162"/>
      <c r="BU204" s="162"/>
      <c r="BV204" s="162"/>
      <c r="BW204" s="162"/>
      <c r="BX204" s="162"/>
      <c r="BY204" s="162"/>
      <c r="BZ204" s="162"/>
      <c r="CA204" s="162"/>
      <c r="CB204" s="162"/>
      <c r="CC204" s="162"/>
      <c r="CD204" s="162"/>
      <c r="CE204" s="162"/>
      <c r="CF204" s="162"/>
      <c r="CG204" s="162"/>
      <c r="CH204" s="162"/>
      <c r="CI204" s="162"/>
      <c r="CJ204" s="162"/>
      <c r="CK204" s="162"/>
      <c r="CX204" s="98"/>
      <c r="DL204" s="97"/>
      <c r="DX204" s="98"/>
      <c r="EL204" s="97"/>
      <c r="EX204" s="98"/>
      <c r="EY204" s="97"/>
      <c r="FL204" s="126"/>
      <c r="FM204" s="91"/>
      <c r="FN204" s="91"/>
      <c r="FO204" s="91"/>
      <c r="FP204" s="91"/>
      <c r="FQ204" s="91"/>
      <c r="FR204" s="91"/>
      <c r="FS204" s="91"/>
      <c r="FT204" s="91"/>
      <c r="FU204" s="91"/>
      <c r="FV204" s="91"/>
      <c r="FW204" s="91"/>
      <c r="FX204" s="91"/>
      <c r="FY204" s="91"/>
      <c r="FZ204" s="91"/>
      <c r="GA204" s="91"/>
      <c r="GB204" s="91"/>
      <c r="GC204" s="91"/>
      <c r="GD204" s="91"/>
      <c r="GE204" s="91"/>
      <c r="GF204" s="91"/>
      <c r="GG204" s="91"/>
      <c r="GH204" s="91"/>
      <c r="GI204" s="91"/>
      <c r="GJ204" s="91"/>
      <c r="GK204" s="127"/>
      <c r="GL204" s="126"/>
      <c r="GM204" s="91"/>
      <c r="GN204" s="91"/>
      <c r="GO204" s="91"/>
      <c r="GP204" s="91"/>
      <c r="GQ204" s="91"/>
      <c r="GR204" s="91"/>
      <c r="GS204" s="91"/>
      <c r="GT204" s="91"/>
      <c r="GU204" s="91"/>
      <c r="GV204" s="91"/>
      <c r="GW204" s="91"/>
      <c r="GX204" s="91"/>
      <c r="GY204" s="91"/>
      <c r="GZ204" s="91"/>
      <c r="HA204" s="91"/>
      <c r="HB204" s="91"/>
      <c r="HC204" s="91"/>
      <c r="HD204" s="91"/>
      <c r="HE204" s="91"/>
      <c r="HF204" s="91"/>
      <c r="HG204" s="91"/>
      <c r="HH204" s="91"/>
      <c r="HI204" s="91"/>
      <c r="HJ204" s="91"/>
      <c r="HK204" s="127"/>
      <c r="HL204" s="126"/>
      <c r="HM204" s="91"/>
      <c r="HN204" s="91"/>
      <c r="HO204" s="91"/>
      <c r="HP204" s="91"/>
      <c r="HQ204" s="91"/>
      <c r="HR204" s="91"/>
      <c r="HS204" s="91"/>
      <c r="HT204" s="91"/>
      <c r="HU204" s="91"/>
      <c r="HV204" s="91"/>
      <c r="HW204" s="91"/>
      <c r="HX204" s="91"/>
      <c r="HY204" s="91"/>
      <c r="HZ204" s="91"/>
      <c r="IA204" s="91"/>
      <c r="IB204" s="91"/>
      <c r="IC204" s="91"/>
      <c r="ID204" s="91"/>
      <c r="IE204" s="91"/>
      <c r="IF204" s="91"/>
      <c r="IG204" s="91"/>
      <c r="IH204" s="91"/>
      <c r="II204" s="91"/>
      <c r="IJ204" s="91"/>
      <c r="IK204" s="127"/>
    </row>
    <row r="205" spans="2:245" x14ac:dyDescent="0.2">
      <c r="B205" s="79"/>
      <c r="C205" s="73"/>
      <c r="D205" s="64"/>
      <c r="E205" s="64"/>
      <c r="F205" s="55"/>
      <c r="G205" s="102"/>
      <c r="H205" s="55"/>
      <c r="I205" s="55"/>
      <c r="J205" s="55"/>
      <c r="K205" s="55"/>
      <c r="L205" s="55"/>
      <c r="M205" s="55"/>
      <c r="N205" s="55"/>
      <c r="O205" s="55"/>
      <c r="P205" s="55"/>
      <c r="Q205" s="55"/>
      <c r="R205" s="55"/>
      <c r="S205" s="55"/>
      <c r="T205" s="55"/>
      <c r="U205" s="55"/>
      <c r="V205" s="55"/>
      <c r="W205" s="55"/>
      <c r="X205" s="55"/>
      <c r="Y205" s="55"/>
      <c r="Z205" s="55"/>
      <c r="AA205" s="55"/>
      <c r="AB205" s="55"/>
      <c r="AC205" s="55"/>
      <c r="AD205" s="55"/>
      <c r="AE205" s="55"/>
      <c r="AF205" s="55"/>
      <c r="AG205" s="55"/>
      <c r="AY205" s="162"/>
      <c r="AZ205" s="162"/>
      <c r="BA205" s="162"/>
      <c r="BB205" s="162"/>
      <c r="BC205" s="162"/>
      <c r="BD205" s="162"/>
      <c r="BE205" s="162"/>
      <c r="BF205" s="162"/>
      <c r="BG205" s="162"/>
      <c r="BH205" s="162"/>
      <c r="BI205" s="162"/>
      <c r="BJ205" s="162"/>
      <c r="BK205" s="162"/>
      <c r="BL205" s="162"/>
      <c r="BM205" s="162"/>
      <c r="BN205" s="162"/>
      <c r="BO205" s="162"/>
      <c r="BP205" s="162"/>
      <c r="BQ205" s="162"/>
      <c r="BR205" s="162"/>
      <c r="BS205" s="162"/>
      <c r="BT205" s="162"/>
      <c r="BU205" s="162"/>
      <c r="BV205" s="162"/>
      <c r="BW205" s="162"/>
      <c r="BX205" s="162"/>
      <c r="BY205" s="162"/>
      <c r="BZ205" s="162"/>
      <c r="CA205" s="162"/>
      <c r="CB205" s="162"/>
      <c r="CC205" s="162"/>
      <c r="CD205" s="162"/>
      <c r="CE205" s="162"/>
      <c r="CF205" s="162"/>
      <c r="CG205" s="162"/>
      <c r="CH205" s="162"/>
      <c r="CI205" s="162"/>
      <c r="CJ205" s="162"/>
      <c r="CK205" s="162"/>
      <c r="CX205" s="98"/>
      <c r="DL205" s="97"/>
      <c r="DX205" s="98"/>
      <c r="EL205" s="97"/>
      <c r="EX205" s="98"/>
      <c r="EY205" s="97"/>
      <c r="FL205" s="126"/>
      <c r="FM205" s="91"/>
      <c r="FN205" s="91"/>
      <c r="FO205" s="91"/>
      <c r="FP205" s="91"/>
      <c r="FQ205" s="91"/>
      <c r="FR205" s="91"/>
      <c r="FS205" s="91"/>
      <c r="FT205" s="91"/>
      <c r="FU205" s="91"/>
      <c r="FV205" s="91"/>
      <c r="FW205" s="91"/>
      <c r="FX205" s="91"/>
      <c r="FY205" s="91"/>
      <c r="FZ205" s="91"/>
      <c r="GA205" s="91"/>
      <c r="GB205" s="91"/>
      <c r="GC205" s="91"/>
      <c r="GD205" s="91"/>
      <c r="GE205" s="91"/>
      <c r="GF205" s="91"/>
      <c r="GG205" s="91"/>
      <c r="GH205" s="91"/>
      <c r="GI205" s="91"/>
      <c r="GJ205" s="91"/>
      <c r="GK205" s="127"/>
      <c r="GL205" s="126"/>
      <c r="GM205" s="91"/>
      <c r="GN205" s="91"/>
      <c r="GO205" s="91"/>
      <c r="GP205" s="91"/>
      <c r="GQ205" s="91"/>
      <c r="GR205" s="91"/>
      <c r="GS205" s="91"/>
      <c r="GT205" s="91"/>
      <c r="GU205" s="91"/>
      <c r="GV205" s="91"/>
      <c r="GW205" s="91"/>
      <c r="GX205" s="91"/>
      <c r="GY205" s="91"/>
      <c r="GZ205" s="91"/>
      <c r="HA205" s="91"/>
      <c r="HB205" s="91"/>
      <c r="HC205" s="91"/>
      <c r="HD205" s="91"/>
      <c r="HE205" s="91"/>
      <c r="HF205" s="91"/>
      <c r="HG205" s="91"/>
      <c r="HH205" s="91"/>
      <c r="HI205" s="91"/>
      <c r="HJ205" s="91"/>
      <c r="HK205" s="127"/>
      <c r="HL205" s="126"/>
      <c r="HM205" s="91"/>
      <c r="HN205" s="91"/>
      <c r="HO205" s="91"/>
      <c r="HP205" s="91"/>
      <c r="HQ205" s="91"/>
      <c r="HR205" s="91"/>
      <c r="HS205" s="91"/>
      <c r="HT205" s="91"/>
      <c r="HU205" s="91"/>
      <c r="HV205" s="91"/>
      <c r="HW205" s="91"/>
      <c r="HX205" s="91"/>
      <c r="HY205" s="91"/>
      <c r="HZ205" s="91"/>
      <c r="IA205" s="91"/>
      <c r="IB205" s="91"/>
      <c r="IC205" s="91"/>
      <c r="ID205" s="91"/>
      <c r="IE205" s="91"/>
      <c r="IF205" s="91"/>
      <c r="IG205" s="91"/>
      <c r="IH205" s="91"/>
      <c r="II205" s="91"/>
      <c r="IJ205" s="91"/>
      <c r="IK205" s="127"/>
    </row>
    <row r="206" spans="2:245" x14ac:dyDescent="0.2">
      <c r="B206" s="79"/>
      <c r="C206" s="73"/>
      <c r="D206" s="64"/>
      <c r="E206" s="64"/>
      <c r="F206" s="55"/>
      <c r="G206" s="102"/>
      <c r="H206" s="55"/>
      <c r="I206" s="55"/>
      <c r="J206" s="55"/>
      <c r="K206" s="55"/>
      <c r="L206" s="55"/>
      <c r="M206" s="55"/>
      <c r="N206" s="55"/>
      <c r="O206" s="55"/>
      <c r="P206" s="55"/>
      <c r="Q206" s="55"/>
      <c r="R206" s="55"/>
      <c r="S206" s="55"/>
      <c r="T206" s="55"/>
      <c r="U206" s="55"/>
      <c r="V206" s="55"/>
      <c r="W206" s="55"/>
      <c r="X206" s="55"/>
      <c r="Y206" s="55"/>
      <c r="Z206" s="55"/>
      <c r="AA206" s="55"/>
      <c r="AB206" s="55"/>
      <c r="AC206" s="55"/>
      <c r="AD206" s="55"/>
      <c r="AE206" s="55"/>
      <c r="AF206" s="55"/>
      <c r="AG206" s="55"/>
      <c r="AY206" s="162"/>
      <c r="AZ206" s="162"/>
      <c r="BA206" s="162"/>
      <c r="BB206" s="162"/>
      <c r="BC206" s="162"/>
      <c r="BD206" s="162"/>
      <c r="BE206" s="162"/>
      <c r="BF206" s="162"/>
      <c r="BG206" s="162"/>
      <c r="BH206" s="162"/>
      <c r="BI206" s="162"/>
      <c r="BJ206" s="162"/>
      <c r="BK206" s="162"/>
      <c r="BL206" s="162"/>
      <c r="BM206" s="162"/>
      <c r="BN206" s="162"/>
      <c r="BO206" s="162"/>
      <c r="BP206" s="162"/>
      <c r="BQ206" s="162"/>
      <c r="BR206" s="162"/>
      <c r="BS206" s="162"/>
      <c r="BT206" s="162"/>
      <c r="BU206" s="162"/>
      <c r="BV206" s="162"/>
      <c r="BW206" s="162"/>
      <c r="BX206" s="162"/>
      <c r="BY206" s="162"/>
      <c r="BZ206" s="162"/>
      <c r="CA206" s="162"/>
      <c r="CB206" s="162"/>
      <c r="CC206" s="162"/>
      <c r="CD206" s="162"/>
      <c r="CE206" s="162"/>
      <c r="CF206" s="162"/>
      <c r="CG206" s="162"/>
      <c r="CH206" s="162"/>
      <c r="CI206" s="162"/>
      <c r="CJ206" s="162"/>
      <c r="CK206" s="162"/>
      <c r="CX206" s="98"/>
      <c r="DL206" s="97"/>
      <c r="DX206" s="98"/>
      <c r="EL206" s="97"/>
      <c r="EX206" s="98"/>
      <c r="EY206" s="97"/>
      <c r="FL206" s="126"/>
      <c r="FM206" s="91"/>
      <c r="FN206" s="91"/>
      <c r="FO206" s="91"/>
      <c r="FP206" s="91"/>
      <c r="FQ206" s="91"/>
      <c r="FR206" s="91"/>
      <c r="FS206" s="91"/>
      <c r="FT206" s="91"/>
      <c r="FU206" s="91"/>
      <c r="FV206" s="91"/>
      <c r="FW206" s="91"/>
      <c r="FX206" s="91"/>
      <c r="FY206" s="91"/>
      <c r="FZ206" s="91"/>
      <c r="GA206" s="91"/>
      <c r="GB206" s="91"/>
      <c r="GC206" s="91"/>
      <c r="GD206" s="91"/>
      <c r="GE206" s="91"/>
      <c r="GF206" s="91"/>
      <c r="GG206" s="91"/>
      <c r="GH206" s="91"/>
      <c r="GI206" s="91"/>
      <c r="GJ206" s="91"/>
      <c r="GK206" s="127"/>
      <c r="GL206" s="126"/>
      <c r="GM206" s="91"/>
      <c r="GN206" s="91"/>
      <c r="GO206" s="91"/>
      <c r="GP206" s="91"/>
      <c r="GQ206" s="91"/>
      <c r="GR206" s="91"/>
      <c r="GS206" s="91"/>
      <c r="GT206" s="91"/>
      <c r="GU206" s="91"/>
      <c r="GV206" s="91"/>
      <c r="GW206" s="91"/>
      <c r="GX206" s="91"/>
      <c r="GY206" s="91"/>
      <c r="GZ206" s="91"/>
      <c r="HA206" s="91"/>
      <c r="HB206" s="91"/>
      <c r="HC206" s="91"/>
      <c r="HD206" s="91"/>
      <c r="HE206" s="91"/>
      <c r="HF206" s="91"/>
      <c r="HG206" s="91"/>
      <c r="HH206" s="91"/>
      <c r="HI206" s="91"/>
      <c r="HJ206" s="91"/>
      <c r="HK206" s="127"/>
      <c r="HL206" s="126"/>
      <c r="HM206" s="91"/>
      <c r="HN206" s="91"/>
      <c r="HO206" s="91"/>
      <c r="HP206" s="91"/>
      <c r="HQ206" s="91"/>
      <c r="HR206" s="91"/>
      <c r="HS206" s="91"/>
      <c r="HT206" s="91"/>
      <c r="HU206" s="91"/>
      <c r="HV206" s="91"/>
      <c r="HW206" s="91"/>
      <c r="HX206" s="91"/>
      <c r="HY206" s="91"/>
      <c r="HZ206" s="91"/>
      <c r="IA206" s="91"/>
      <c r="IB206" s="91"/>
      <c r="IC206" s="91"/>
      <c r="ID206" s="91"/>
      <c r="IE206" s="91"/>
      <c r="IF206" s="91"/>
      <c r="IG206" s="91"/>
      <c r="IH206" s="91"/>
      <c r="II206" s="91"/>
      <c r="IJ206" s="91"/>
      <c r="IK206" s="127"/>
    </row>
    <row r="207" spans="2:245" x14ac:dyDescent="0.2">
      <c r="B207" s="79"/>
      <c r="C207" s="73"/>
      <c r="D207" s="64"/>
      <c r="E207" s="64"/>
      <c r="F207" s="55"/>
      <c r="G207" s="102"/>
      <c r="H207" s="55"/>
      <c r="I207" s="55"/>
      <c r="J207" s="55"/>
      <c r="K207" s="55"/>
      <c r="L207" s="55"/>
      <c r="M207" s="55"/>
      <c r="N207" s="55"/>
      <c r="O207" s="55"/>
      <c r="P207" s="55"/>
      <c r="Q207" s="55"/>
      <c r="R207" s="55"/>
      <c r="S207" s="55"/>
      <c r="T207" s="55"/>
      <c r="U207" s="55"/>
      <c r="V207" s="55"/>
      <c r="W207" s="55"/>
      <c r="X207" s="55"/>
      <c r="Y207" s="55"/>
      <c r="Z207" s="55"/>
      <c r="AA207" s="55"/>
      <c r="AB207" s="55"/>
      <c r="AC207" s="55"/>
      <c r="AD207" s="55"/>
      <c r="AE207" s="55"/>
      <c r="AF207" s="55"/>
      <c r="AG207" s="55"/>
      <c r="AY207" s="162"/>
      <c r="AZ207" s="162"/>
      <c r="BA207" s="162"/>
      <c r="BB207" s="162"/>
      <c r="BC207" s="162"/>
      <c r="BD207" s="162"/>
      <c r="BE207" s="162"/>
      <c r="BF207" s="162"/>
      <c r="BG207" s="162"/>
      <c r="BH207" s="162"/>
      <c r="BI207" s="162"/>
      <c r="BJ207" s="162"/>
      <c r="BK207" s="162"/>
      <c r="BL207" s="162"/>
      <c r="BM207" s="162"/>
      <c r="BN207" s="162"/>
      <c r="BO207" s="162"/>
      <c r="BP207" s="162"/>
      <c r="BQ207" s="162"/>
      <c r="BR207" s="162"/>
      <c r="BS207" s="162"/>
      <c r="BT207" s="162"/>
      <c r="BU207" s="162"/>
      <c r="BV207" s="162"/>
      <c r="BW207" s="162"/>
      <c r="BX207" s="162"/>
      <c r="BY207" s="162"/>
      <c r="BZ207" s="162"/>
      <c r="CA207" s="162"/>
      <c r="CB207" s="162"/>
      <c r="CC207" s="162"/>
      <c r="CD207" s="162"/>
      <c r="CE207" s="162"/>
      <c r="CF207" s="162"/>
      <c r="CG207" s="162"/>
      <c r="CH207" s="162"/>
      <c r="CI207" s="162"/>
      <c r="CJ207" s="162"/>
      <c r="CK207" s="162"/>
      <c r="CX207" s="98"/>
      <c r="DL207" s="97"/>
      <c r="DX207" s="98"/>
      <c r="EL207" s="97"/>
      <c r="EX207" s="98"/>
      <c r="EY207" s="97"/>
      <c r="FL207" s="126"/>
      <c r="FM207" s="91"/>
      <c r="FN207" s="91"/>
      <c r="FO207" s="91"/>
      <c r="FP207" s="91"/>
      <c r="FQ207" s="91"/>
      <c r="FR207" s="91"/>
      <c r="FS207" s="91"/>
      <c r="FT207" s="91"/>
      <c r="FU207" s="91"/>
      <c r="FV207" s="91"/>
      <c r="FW207" s="91"/>
      <c r="FX207" s="91"/>
      <c r="FY207" s="91"/>
      <c r="FZ207" s="91"/>
      <c r="GA207" s="91"/>
      <c r="GB207" s="91"/>
      <c r="GC207" s="91"/>
      <c r="GD207" s="91"/>
      <c r="GE207" s="91"/>
      <c r="GF207" s="91"/>
      <c r="GG207" s="91"/>
      <c r="GH207" s="91"/>
      <c r="GI207" s="91"/>
      <c r="GJ207" s="91"/>
      <c r="GK207" s="127"/>
      <c r="GL207" s="126"/>
      <c r="GM207" s="91"/>
      <c r="GN207" s="91"/>
      <c r="GO207" s="91"/>
      <c r="GP207" s="91"/>
      <c r="GQ207" s="91"/>
      <c r="GR207" s="91"/>
      <c r="GS207" s="91"/>
      <c r="GT207" s="91"/>
      <c r="GU207" s="91"/>
      <c r="GV207" s="91"/>
      <c r="GW207" s="91"/>
      <c r="GX207" s="91"/>
      <c r="GY207" s="91"/>
      <c r="GZ207" s="91"/>
      <c r="HA207" s="91"/>
      <c r="HB207" s="91"/>
      <c r="HC207" s="91"/>
      <c r="HD207" s="91"/>
      <c r="HE207" s="91"/>
      <c r="HF207" s="91"/>
      <c r="HG207" s="91"/>
      <c r="HH207" s="91"/>
      <c r="HI207" s="91"/>
      <c r="HJ207" s="91"/>
      <c r="HK207" s="127"/>
      <c r="HL207" s="126"/>
      <c r="HM207" s="91"/>
      <c r="HN207" s="91"/>
      <c r="HO207" s="91"/>
      <c r="HP207" s="91"/>
      <c r="HQ207" s="91"/>
      <c r="HR207" s="91"/>
      <c r="HS207" s="91"/>
      <c r="HT207" s="91"/>
      <c r="HU207" s="91"/>
      <c r="HV207" s="91"/>
      <c r="HW207" s="91"/>
      <c r="HX207" s="91"/>
      <c r="HY207" s="91"/>
      <c r="HZ207" s="91"/>
      <c r="IA207" s="91"/>
      <c r="IB207" s="91"/>
      <c r="IC207" s="91"/>
      <c r="ID207" s="91"/>
      <c r="IE207" s="91"/>
      <c r="IF207" s="91"/>
      <c r="IG207" s="91"/>
      <c r="IH207" s="91"/>
      <c r="II207" s="91"/>
      <c r="IJ207" s="91"/>
      <c r="IK207" s="127"/>
    </row>
    <row r="208" spans="2:245" x14ac:dyDescent="0.2">
      <c r="B208" s="79"/>
      <c r="C208" s="73"/>
      <c r="D208" s="64"/>
      <c r="E208" s="64"/>
      <c r="F208" s="55"/>
      <c r="G208" s="102"/>
      <c r="H208" s="55"/>
      <c r="I208" s="55"/>
      <c r="J208" s="55"/>
      <c r="K208" s="55"/>
      <c r="L208" s="55"/>
      <c r="M208" s="55"/>
      <c r="N208" s="55"/>
      <c r="O208" s="55"/>
      <c r="P208" s="55"/>
      <c r="Q208" s="55"/>
      <c r="R208" s="55"/>
      <c r="S208" s="55"/>
      <c r="T208" s="55"/>
      <c r="U208" s="55"/>
      <c r="V208" s="55"/>
      <c r="W208" s="55"/>
      <c r="X208" s="55"/>
      <c r="Y208" s="55"/>
      <c r="Z208" s="55"/>
      <c r="AA208" s="55"/>
      <c r="AB208" s="55"/>
      <c r="AC208" s="55"/>
      <c r="AD208" s="55"/>
      <c r="AE208" s="55"/>
      <c r="AF208" s="55"/>
      <c r="AG208" s="55"/>
      <c r="AY208" s="162"/>
      <c r="AZ208" s="162"/>
      <c r="BA208" s="162"/>
      <c r="BB208" s="162"/>
      <c r="BC208" s="162"/>
      <c r="BD208" s="162"/>
      <c r="BE208" s="162"/>
      <c r="BF208" s="162"/>
      <c r="BG208" s="162"/>
      <c r="BH208" s="162"/>
      <c r="BI208" s="162"/>
      <c r="BJ208" s="162"/>
      <c r="BK208" s="162"/>
      <c r="BL208" s="162"/>
      <c r="BM208" s="162"/>
      <c r="BN208" s="162"/>
      <c r="BO208" s="162"/>
      <c r="BP208" s="162"/>
      <c r="BQ208" s="162"/>
      <c r="BR208" s="162"/>
      <c r="BS208" s="162"/>
      <c r="BT208" s="162"/>
      <c r="BU208" s="162"/>
      <c r="BV208" s="162"/>
      <c r="BW208" s="162"/>
      <c r="BX208" s="162"/>
      <c r="BY208" s="162"/>
      <c r="BZ208" s="162"/>
      <c r="CA208" s="162"/>
      <c r="CB208" s="162"/>
      <c r="CC208" s="162"/>
      <c r="CD208" s="162"/>
      <c r="CE208" s="162"/>
      <c r="CF208" s="162"/>
      <c r="CG208" s="162"/>
      <c r="CH208" s="162"/>
      <c r="CI208" s="162"/>
      <c r="CJ208" s="162"/>
      <c r="CK208" s="162"/>
      <c r="CX208" s="98"/>
      <c r="DL208" s="97"/>
      <c r="DX208" s="98"/>
      <c r="EL208" s="97"/>
      <c r="EX208" s="98"/>
      <c r="EY208" s="97"/>
      <c r="FL208" s="126"/>
      <c r="FM208" s="91"/>
      <c r="FN208" s="91"/>
      <c r="FO208" s="91"/>
      <c r="FP208" s="91"/>
      <c r="FQ208" s="91"/>
      <c r="FR208" s="91"/>
      <c r="FS208" s="91"/>
      <c r="FT208" s="91"/>
      <c r="FU208" s="91"/>
      <c r="FV208" s="91"/>
      <c r="FW208" s="91"/>
      <c r="FX208" s="91"/>
      <c r="FY208" s="91"/>
      <c r="FZ208" s="91"/>
      <c r="GA208" s="91"/>
      <c r="GB208" s="91"/>
      <c r="GC208" s="91"/>
      <c r="GD208" s="91"/>
      <c r="GE208" s="91"/>
      <c r="GF208" s="91"/>
      <c r="GG208" s="91"/>
      <c r="GH208" s="91"/>
      <c r="GI208" s="91"/>
      <c r="GJ208" s="91"/>
      <c r="GK208" s="127"/>
      <c r="GL208" s="126"/>
      <c r="GM208" s="91"/>
      <c r="GN208" s="91"/>
      <c r="GO208" s="91"/>
      <c r="GP208" s="91"/>
      <c r="GQ208" s="91"/>
      <c r="GR208" s="91"/>
      <c r="GS208" s="91"/>
      <c r="GT208" s="91"/>
      <c r="GU208" s="91"/>
      <c r="GV208" s="91"/>
      <c r="GW208" s="91"/>
      <c r="GX208" s="91"/>
      <c r="GY208" s="91"/>
      <c r="GZ208" s="91"/>
      <c r="HA208" s="91"/>
      <c r="HB208" s="91"/>
      <c r="HC208" s="91"/>
      <c r="HD208" s="91"/>
      <c r="HE208" s="91"/>
      <c r="HF208" s="91"/>
      <c r="HG208" s="91"/>
      <c r="HH208" s="91"/>
      <c r="HI208" s="91"/>
      <c r="HJ208" s="91"/>
      <c r="HK208" s="127"/>
      <c r="HL208" s="126"/>
      <c r="HM208" s="91"/>
      <c r="HN208" s="91"/>
      <c r="HO208" s="91"/>
      <c r="HP208" s="91"/>
      <c r="HQ208" s="91"/>
      <c r="HR208" s="91"/>
      <c r="HS208" s="91"/>
      <c r="HT208" s="91"/>
      <c r="HU208" s="91"/>
      <c r="HV208" s="91"/>
      <c r="HW208" s="91"/>
      <c r="HX208" s="91"/>
      <c r="HY208" s="91"/>
      <c r="HZ208" s="91"/>
      <c r="IA208" s="91"/>
      <c r="IB208" s="91"/>
      <c r="IC208" s="91"/>
      <c r="ID208" s="91"/>
      <c r="IE208" s="91"/>
      <c r="IF208" s="91"/>
      <c r="IG208" s="91"/>
      <c r="IH208" s="91"/>
      <c r="II208" s="91"/>
      <c r="IJ208" s="91"/>
      <c r="IK208" s="127"/>
    </row>
    <row r="209" spans="2:245" x14ac:dyDescent="0.2">
      <c r="B209" s="79"/>
      <c r="C209" s="73"/>
      <c r="D209" s="64"/>
      <c r="E209" s="64"/>
      <c r="F209" s="55"/>
      <c r="G209" s="102"/>
      <c r="H209" s="55"/>
      <c r="I209" s="55"/>
      <c r="J209" s="55"/>
      <c r="K209" s="55"/>
      <c r="L209" s="55"/>
      <c r="M209" s="55"/>
      <c r="N209" s="55"/>
      <c r="O209" s="55"/>
      <c r="P209" s="55"/>
      <c r="Q209" s="55"/>
      <c r="R209" s="55"/>
      <c r="S209" s="55"/>
      <c r="T209" s="55"/>
      <c r="U209" s="55"/>
      <c r="V209" s="55"/>
      <c r="W209" s="55"/>
      <c r="X209" s="55"/>
      <c r="Y209" s="55"/>
      <c r="Z209" s="55"/>
      <c r="AA209" s="55"/>
      <c r="AB209" s="55"/>
      <c r="AC209" s="55"/>
      <c r="AD209" s="55"/>
      <c r="AE209" s="55"/>
      <c r="AF209" s="55"/>
      <c r="AG209" s="55"/>
      <c r="AY209" s="162"/>
      <c r="AZ209" s="162"/>
      <c r="BA209" s="162"/>
      <c r="BB209" s="162"/>
      <c r="BC209" s="162"/>
      <c r="BD209" s="162"/>
      <c r="BE209" s="162"/>
      <c r="BF209" s="162"/>
      <c r="BG209" s="162"/>
      <c r="BH209" s="162"/>
      <c r="BI209" s="162"/>
      <c r="BJ209" s="162"/>
      <c r="BK209" s="162"/>
      <c r="BL209" s="162"/>
      <c r="BM209" s="162"/>
      <c r="BN209" s="162"/>
      <c r="BO209" s="162"/>
      <c r="BP209" s="162"/>
      <c r="BQ209" s="162"/>
      <c r="BR209" s="162"/>
      <c r="BS209" s="162"/>
      <c r="BT209" s="162"/>
      <c r="BU209" s="162"/>
      <c r="BV209" s="162"/>
      <c r="BW209" s="162"/>
      <c r="BX209" s="162"/>
      <c r="BY209" s="162"/>
      <c r="BZ209" s="162"/>
      <c r="CA209" s="162"/>
      <c r="CB209" s="162"/>
      <c r="CC209" s="162"/>
      <c r="CD209" s="162"/>
      <c r="CE209" s="162"/>
      <c r="CF209" s="162"/>
      <c r="CG209" s="162"/>
      <c r="CH209" s="162"/>
      <c r="CI209" s="162"/>
      <c r="CJ209" s="162"/>
      <c r="CK209" s="162"/>
      <c r="CX209" s="98"/>
      <c r="DL209" s="97"/>
      <c r="DX209" s="98"/>
      <c r="EL209" s="97"/>
      <c r="EX209" s="98"/>
      <c r="EY209" s="97"/>
      <c r="FL209" s="126"/>
      <c r="FM209" s="91"/>
      <c r="FN209" s="91"/>
      <c r="FO209" s="91"/>
      <c r="FP209" s="91"/>
      <c r="FQ209" s="91"/>
      <c r="FR209" s="91"/>
      <c r="FS209" s="91"/>
      <c r="FT209" s="91"/>
      <c r="FU209" s="91"/>
      <c r="FV209" s="91"/>
      <c r="FW209" s="91"/>
      <c r="FX209" s="91"/>
      <c r="FY209" s="91"/>
      <c r="FZ209" s="91"/>
      <c r="GA209" s="91"/>
      <c r="GB209" s="91"/>
      <c r="GC209" s="91"/>
      <c r="GD209" s="91"/>
      <c r="GE209" s="91"/>
      <c r="GF209" s="91"/>
      <c r="GG209" s="91"/>
      <c r="GH209" s="91"/>
      <c r="GI209" s="91"/>
      <c r="GJ209" s="91"/>
      <c r="GK209" s="127"/>
      <c r="GL209" s="126"/>
      <c r="GM209" s="91"/>
      <c r="GN209" s="91"/>
      <c r="GO209" s="91"/>
      <c r="GP209" s="91"/>
      <c r="GQ209" s="91"/>
      <c r="GR209" s="91"/>
      <c r="GS209" s="91"/>
      <c r="GT209" s="91"/>
      <c r="GU209" s="91"/>
      <c r="GV209" s="91"/>
      <c r="GW209" s="91"/>
      <c r="GX209" s="91"/>
      <c r="GY209" s="91"/>
      <c r="GZ209" s="91"/>
      <c r="HA209" s="91"/>
      <c r="HB209" s="91"/>
      <c r="HC209" s="91"/>
      <c r="HD209" s="91"/>
      <c r="HE209" s="91"/>
      <c r="HF209" s="91"/>
      <c r="HG209" s="91"/>
      <c r="HH209" s="91"/>
      <c r="HI209" s="91"/>
      <c r="HJ209" s="91"/>
      <c r="HK209" s="127"/>
      <c r="HL209" s="126"/>
      <c r="HM209" s="91"/>
      <c r="HN209" s="91"/>
      <c r="HO209" s="91"/>
      <c r="HP209" s="91"/>
      <c r="HQ209" s="91"/>
      <c r="HR209" s="91"/>
      <c r="HS209" s="91"/>
      <c r="HT209" s="91"/>
      <c r="HU209" s="91"/>
      <c r="HV209" s="91"/>
      <c r="HW209" s="91"/>
      <c r="HX209" s="91"/>
      <c r="HY209" s="91"/>
      <c r="HZ209" s="91"/>
      <c r="IA209" s="91"/>
      <c r="IB209" s="91"/>
      <c r="IC209" s="91"/>
      <c r="ID209" s="91"/>
      <c r="IE209" s="91"/>
      <c r="IF209" s="91"/>
      <c r="IG209" s="91"/>
      <c r="IH209" s="91"/>
      <c r="II209" s="91"/>
      <c r="IJ209" s="91"/>
      <c r="IK209" s="127"/>
    </row>
    <row r="210" spans="2:245" x14ac:dyDescent="0.2">
      <c r="B210" s="79"/>
      <c r="C210" s="73"/>
      <c r="D210" s="64"/>
      <c r="E210" s="64"/>
      <c r="F210" s="55"/>
      <c r="G210" s="102"/>
      <c r="H210" s="55"/>
      <c r="I210" s="55"/>
      <c r="J210" s="55"/>
      <c r="K210" s="55"/>
      <c r="L210" s="55"/>
      <c r="M210" s="55"/>
      <c r="N210" s="55"/>
      <c r="O210" s="55"/>
      <c r="P210" s="55"/>
      <c r="Q210" s="55"/>
      <c r="R210" s="55"/>
      <c r="S210" s="55"/>
      <c r="T210" s="55"/>
      <c r="U210" s="55"/>
      <c r="V210" s="55"/>
      <c r="W210" s="55"/>
      <c r="X210" s="55"/>
      <c r="Y210" s="55"/>
      <c r="Z210" s="55"/>
      <c r="AA210" s="55"/>
      <c r="AB210" s="55"/>
      <c r="AC210" s="55"/>
      <c r="AD210" s="55"/>
      <c r="AE210" s="55"/>
      <c r="AF210" s="55"/>
      <c r="AG210" s="55"/>
      <c r="AY210" s="162"/>
      <c r="AZ210" s="162"/>
      <c r="BA210" s="162"/>
      <c r="BB210" s="162"/>
      <c r="BC210" s="162"/>
      <c r="BD210" s="162"/>
      <c r="BE210" s="162"/>
      <c r="BF210" s="162"/>
      <c r="BG210" s="162"/>
      <c r="BH210" s="162"/>
      <c r="BI210" s="162"/>
      <c r="BJ210" s="162"/>
      <c r="BK210" s="162"/>
      <c r="BL210" s="162"/>
      <c r="BM210" s="162"/>
      <c r="BN210" s="162"/>
      <c r="BO210" s="162"/>
      <c r="BP210" s="162"/>
      <c r="BQ210" s="162"/>
      <c r="BR210" s="162"/>
      <c r="BS210" s="162"/>
      <c r="BT210" s="162"/>
      <c r="BU210" s="162"/>
      <c r="BV210" s="162"/>
      <c r="BW210" s="162"/>
      <c r="BX210" s="162"/>
      <c r="BY210" s="162"/>
      <c r="BZ210" s="162"/>
      <c r="CA210" s="162"/>
      <c r="CB210" s="162"/>
      <c r="CC210" s="162"/>
      <c r="CD210" s="162"/>
      <c r="CE210" s="162"/>
      <c r="CF210" s="162"/>
      <c r="CG210" s="162"/>
      <c r="CH210" s="162"/>
      <c r="CI210" s="162"/>
      <c r="CJ210" s="162"/>
      <c r="CK210" s="162"/>
      <c r="CX210" s="98"/>
      <c r="DL210" s="97"/>
      <c r="DX210" s="98"/>
      <c r="EL210" s="97"/>
      <c r="EX210" s="98"/>
      <c r="EY210" s="97"/>
      <c r="FL210" s="126"/>
      <c r="FM210" s="91"/>
      <c r="FN210" s="91"/>
      <c r="FO210" s="91"/>
      <c r="FP210" s="91"/>
      <c r="FQ210" s="91"/>
      <c r="FR210" s="91"/>
      <c r="FS210" s="91"/>
      <c r="FT210" s="91"/>
      <c r="FU210" s="91"/>
      <c r="FV210" s="91"/>
      <c r="FW210" s="91"/>
      <c r="FX210" s="91"/>
      <c r="FY210" s="91"/>
      <c r="FZ210" s="91"/>
      <c r="GA210" s="91"/>
      <c r="GB210" s="91"/>
      <c r="GC210" s="91"/>
      <c r="GD210" s="91"/>
      <c r="GE210" s="91"/>
      <c r="GF210" s="91"/>
      <c r="GG210" s="91"/>
      <c r="GH210" s="91"/>
      <c r="GI210" s="91"/>
      <c r="GJ210" s="91"/>
      <c r="GK210" s="127"/>
      <c r="GL210" s="126"/>
      <c r="GM210" s="91"/>
      <c r="GN210" s="91"/>
      <c r="GO210" s="91"/>
      <c r="GP210" s="91"/>
      <c r="GQ210" s="91"/>
      <c r="GR210" s="91"/>
      <c r="GS210" s="91"/>
      <c r="GT210" s="91"/>
      <c r="GU210" s="91"/>
      <c r="GV210" s="91"/>
      <c r="GW210" s="91"/>
      <c r="GX210" s="91"/>
      <c r="GY210" s="91"/>
      <c r="GZ210" s="91"/>
      <c r="HA210" s="91"/>
      <c r="HB210" s="91"/>
      <c r="HC210" s="91"/>
      <c r="HD210" s="91"/>
      <c r="HE210" s="91"/>
      <c r="HF210" s="91"/>
      <c r="HG210" s="91"/>
      <c r="HH210" s="91"/>
      <c r="HI210" s="91"/>
      <c r="HJ210" s="91"/>
      <c r="HK210" s="127"/>
      <c r="HL210" s="126"/>
      <c r="HM210" s="91"/>
      <c r="HN210" s="91"/>
      <c r="HO210" s="91"/>
      <c r="HP210" s="91"/>
      <c r="HQ210" s="91"/>
      <c r="HR210" s="91"/>
      <c r="HS210" s="91"/>
      <c r="HT210" s="91"/>
      <c r="HU210" s="91"/>
      <c r="HV210" s="91"/>
      <c r="HW210" s="91"/>
      <c r="HX210" s="91"/>
      <c r="HY210" s="91"/>
      <c r="HZ210" s="91"/>
      <c r="IA210" s="91"/>
      <c r="IB210" s="91"/>
      <c r="IC210" s="91"/>
      <c r="ID210" s="91"/>
      <c r="IE210" s="91"/>
      <c r="IF210" s="91"/>
      <c r="IG210" s="91"/>
      <c r="IH210" s="91"/>
      <c r="II210" s="91"/>
      <c r="IJ210" s="91"/>
      <c r="IK210" s="127"/>
    </row>
    <row r="211" spans="2:245" x14ac:dyDescent="0.2">
      <c r="B211" s="79"/>
      <c r="C211" s="73"/>
      <c r="D211" s="64"/>
      <c r="E211" s="64"/>
      <c r="F211" s="55"/>
      <c r="G211" s="102"/>
      <c r="H211" s="55"/>
      <c r="I211" s="55"/>
      <c r="J211" s="55"/>
      <c r="K211" s="55"/>
      <c r="L211" s="55"/>
      <c r="M211" s="55"/>
      <c r="N211" s="55"/>
      <c r="O211" s="55"/>
      <c r="P211" s="55"/>
      <c r="Q211" s="55"/>
      <c r="R211" s="55"/>
      <c r="S211" s="55"/>
      <c r="T211" s="55"/>
      <c r="U211" s="55"/>
      <c r="V211" s="55"/>
      <c r="W211" s="55"/>
      <c r="X211" s="55"/>
      <c r="Y211" s="55"/>
      <c r="Z211" s="55"/>
      <c r="AA211" s="55"/>
      <c r="AB211" s="55"/>
      <c r="AC211" s="55"/>
      <c r="AD211" s="55"/>
      <c r="AE211" s="55"/>
      <c r="AF211" s="55"/>
      <c r="AG211" s="55"/>
      <c r="AY211" s="162"/>
      <c r="AZ211" s="162"/>
      <c r="BA211" s="162"/>
      <c r="BB211" s="162"/>
      <c r="BC211" s="162"/>
      <c r="BD211" s="162"/>
      <c r="BE211" s="162"/>
      <c r="BF211" s="162"/>
      <c r="BG211" s="162"/>
      <c r="BH211" s="162"/>
      <c r="BI211" s="162"/>
      <c r="BJ211" s="162"/>
      <c r="BK211" s="162"/>
      <c r="BL211" s="162"/>
      <c r="BM211" s="162"/>
      <c r="BN211" s="162"/>
      <c r="BO211" s="162"/>
      <c r="BP211" s="162"/>
      <c r="BQ211" s="162"/>
      <c r="BR211" s="162"/>
      <c r="BS211" s="162"/>
      <c r="BT211" s="162"/>
      <c r="BU211" s="162"/>
      <c r="BV211" s="162"/>
      <c r="BW211" s="162"/>
      <c r="BX211" s="162"/>
      <c r="BY211" s="162"/>
      <c r="BZ211" s="162"/>
      <c r="CA211" s="162"/>
      <c r="CB211" s="162"/>
      <c r="CC211" s="162"/>
      <c r="CD211" s="162"/>
      <c r="CE211" s="162"/>
      <c r="CF211" s="162"/>
      <c r="CG211" s="162"/>
      <c r="CH211" s="162"/>
      <c r="CI211" s="162"/>
      <c r="CJ211" s="162"/>
      <c r="CK211" s="162"/>
      <c r="CX211" s="98"/>
      <c r="DL211" s="97"/>
      <c r="DX211" s="98"/>
      <c r="EL211" s="97"/>
      <c r="EX211" s="98"/>
      <c r="EY211" s="97"/>
      <c r="FL211" s="126"/>
      <c r="FM211" s="91"/>
      <c r="FN211" s="91"/>
      <c r="FO211" s="91"/>
      <c r="FP211" s="91"/>
      <c r="FQ211" s="91"/>
      <c r="FR211" s="91"/>
      <c r="FS211" s="91"/>
      <c r="FT211" s="91"/>
      <c r="FU211" s="91"/>
      <c r="FV211" s="91"/>
      <c r="FW211" s="91"/>
      <c r="FX211" s="91"/>
      <c r="FY211" s="91"/>
      <c r="FZ211" s="91"/>
      <c r="GA211" s="91"/>
      <c r="GB211" s="91"/>
      <c r="GC211" s="91"/>
      <c r="GD211" s="91"/>
      <c r="GE211" s="91"/>
      <c r="GF211" s="91"/>
      <c r="GG211" s="91"/>
      <c r="GH211" s="91"/>
      <c r="GI211" s="91"/>
      <c r="GJ211" s="91"/>
      <c r="GK211" s="127"/>
      <c r="GL211" s="126"/>
      <c r="GM211" s="91"/>
      <c r="GN211" s="91"/>
      <c r="GO211" s="91"/>
      <c r="GP211" s="91"/>
      <c r="GQ211" s="91"/>
      <c r="GR211" s="91"/>
      <c r="GS211" s="91"/>
      <c r="GT211" s="91"/>
      <c r="GU211" s="91"/>
      <c r="GV211" s="91"/>
      <c r="GW211" s="91"/>
      <c r="GX211" s="91"/>
      <c r="GY211" s="91"/>
      <c r="GZ211" s="91"/>
      <c r="HA211" s="91"/>
      <c r="HB211" s="91"/>
      <c r="HC211" s="91"/>
      <c r="HD211" s="91"/>
      <c r="HE211" s="91"/>
      <c r="HF211" s="91"/>
      <c r="HG211" s="91"/>
      <c r="HH211" s="91"/>
      <c r="HI211" s="91"/>
      <c r="HJ211" s="91"/>
      <c r="HK211" s="127"/>
      <c r="HL211" s="126"/>
      <c r="HM211" s="91"/>
      <c r="HN211" s="91"/>
      <c r="HO211" s="91"/>
      <c r="HP211" s="91"/>
      <c r="HQ211" s="91"/>
      <c r="HR211" s="91"/>
      <c r="HS211" s="91"/>
      <c r="HT211" s="91"/>
      <c r="HU211" s="91"/>
      <c r="HV211" s="91"/>
      <c r="HW211" s="91"/>
      <c r="HX211" s="91"/>
      <c r="HY211" s="91"/>
      <c r="HZ211" s="91"/>
      <c r="IA211" s="91"/>
      <c r="IB211" s="91"/>
      <c r="IC211" s="91"/>
      <c r="ID211" s="91"/>
      <c r="IE211" s="91"/>
      <c r="IF211" s="91"/>
      <c r="IG211" s="91"/>
      <c r="IH211" s="91"/>
      <c r="II211" s="91"/>
      <c r="IJ211" s="91"/>
      <c r="IK211" s="127"/>
    </row>
    <row r="212" spans="2:245" x14ac:dyDescent="0.2">
      <c r="B212" s="79"/>
      <c r="C212" s="73"/>
      <c r="D212" s="64"/>
      <c r="E212" s="64"/>
      <c r="F212" s="55"/>
      <c r="G212" s="102"/>
      <c r="H212" s="55"/>
      <c r="I212" s="55"/>
      <c r="J212" s="55"/>
      <c r="K212" s="55"/>
      <c r="L212" s="55"/>
      <c r="M212" s="55"/>
      <c r="N212" s="55"/>
      <c r="O212" s="55"/>
      <c r="P212" s="55"/>
      <c r="Q212" s="55"/>
      <c r="R212" s="55"/>
      <c r="S212" s="55"/>
      <c r="T212" s="55"/>
      <c r="U212" s="55"/>
      <c r="V212" s="55"/>
      <c r="W212" s="55"/>
      <c r="X212" s="55"/>
      <c r="Y212" s="55"/>
      <c r="Z212" s="55"/>
      <c r="AA212" s="55"/>
      <c r="AB212" s="55"/>
      <c r="AC212" s="55"/>
      <c r="AD212" s="55"/>
      <c r="AE212" s="55"/>
      <c r="AF212" s="55"/>
      <c r="AG212" s="55"/>
      <c r="AY212" s="162"/>
      <c r="AZ212" s="162"/>
      <c r="BA212" s="162"/>
      <c r="BB212" s="162"/>
      <c r="BC212" s="162"/>
      <c r="BD212" s="162"/>
      <c r="BE212" s="162"/>
      <c r="BF212" s="162"/>
      <c r="BG212" s="162"/>
      <c r="BH212" s="162"/>
      <c r="BI212" s="162"/>
      <c r="BJ212" s="162"/>
      <c r="BK212" s="162"/>
      <c r="BL212" s="162"/>
      <c r="BM212" s="162"/>
      <c r="BN212" s="162"/>
      <c r="BO212" s="162"/>
      <c r="BP212" s="162"/>
      <c r="BQ212" s="162"/>
      <c r="BR212" s="162"/>
      <c r="BS212" s="162"/>
      <c r="BT212" s="162"/>
      <c r="BU212" s="162"/>
      <c r="BV212" s="162"/>
      <c r="BW212" s="162"/>
      <c r="BX212" s="162"/>
      <c r="BY212" s="162"/>
      <c r="BZ212" s="162"/>
      <c r="CA212" s="162"/>
      <c r="CB212" s="162"/>
      <c r="CC212" s="162"/>
      <c r="CD212" s="162"/>
      <c r="CE212" s="162"/>
      <c r="CF212" s="162"/>
      <c r="CG212" s="162"/>
      <c r="CH212" s="162"/>
      <c r="CI212" s="162"/>
      <c r="CJ212" s="162"/>
      <c r="CK212" s="162"/>
      <c r="CX212" s="98"/>
      <c r="DL212" s="97"/>
      <c r="DX212" s="98"/>
      <c r="EL212" s="97"/>
      <c r="EX212" s="98"/>
      <c r="EY212" s="97"/>
      <c r="FL212" s="126"/>
      <c r="FM212" s="91"/>
      <c r="FN212" s="91"/>
      <c r="FO212" s="91"/>
      <c r="FP212" s="91"/>
      <c r="FQ212" s="91"/>
      <c r="FR212" s="91"/>
      <c r="FS212" s="91"/>
      <c r="FT212" s="91"/>
      <c r="FU212" s="91"/>
      <c r="FV212" s="91"/>
      <c r="FW212" s="91"/>
      <c r="FX212" s="91"/>
      <c r="FY212" s="91"/>
      <c r="FZ212" s="91"/>
      <c r="GA212" s="91"/>
      <c r="GB212" s="91"/>
      <c r="GC212" s="91"/>
      <c r="GD212" s="91"/>
      <c r="GE212" s="91"/>
      <c r="GF212" s="91"/>
      <c r="GG212" s="91"/>
      <c r="GH212" s="91"/>
      <c r="GI212" s="91"/>
      <c r="GJ212" s="91"/>
      <c r="GK212" s="127"/>
      <c r="GL212" s="126"/>
      <c r="GM212" s="91"/>
      <c r="GN212" s="91"/>
      <c r="GO212" s="91"/>
      <c r="GP212" s="91"/>
      <c r="GQ212" s="91"/>
      <c r="GR212" s="91"/>
      <c r="GS212" s="91"/>
      <c r="GT212" s="91"/>
      <c r="GU212" s="91"/>
      <c r="GV212" s="91"/>
      <c r="GW212" s="91"/>
      <c r="GX212" s="91"/>
      <c r="GY212" s="91"/>
      <c r="GZ212" s="91"/>
      <c r="HA212" s="91"/>
      <c r="HB212" s="91"/>
      <c r="HC212" s="91"/>
      <c r="HD212" s="91"/>
      <c r="HE212" s="91"/>
      <c r="HF212" s="91"/>
      <c r="HG212" s="91"/>
      <c r="HH212" s="91"/>
      <c r="HI212" s="91"/>
      <c r="HJ212" s="91"/>
      <c r="HK212" s="127"/>
      <c r="HL212" s="126"/>
      <c r="HM212" s="91"/>
      <c r="HN212" s="91"/>
      <c r="HO212" s="91"/>
      <c r="HP212" s="91"/>
      <c r="HQ212" s="91"/>
      <c r="HR212" s="91"/>
      <c r="HS212" s="91"/>
      <c r="HT212" s="91"/>
      <c r="HU212" s="91"/>
      <c r="HV212" s="91"/>
      <c r="HW212" s="91"/>
      <c r="HX212" s="91"/>
      <c r="HY212" s="91"/>
      <c r="HZ212" s="91"/>
      <c r="IA212" s="91"/>
      <c r="IB212" s="91"/>
      <c r="IC212" s="91"/>
      <c r="ID212" s="91"/>
      <c r="IE212" s="91"/>
      <c r="IF212" s="91"/>
      <c r="IG212" s="91"/>
      <c r="IH212" s="91"/>
      <c r="II212" s="91"/>
      <c r="IJ212" s="91"/>
      <c r="IK212" s="127"/>
    </row>
    <row r="213" spans="2:245" x14ac:dyDescent="0.2">
      <c r="B213" s="79"/>
      <c r="C213" s="73"/>
      <c r="D213" s="64"/>
      <c r="E213" s="64"/>
      <c r="F213" s="55"/>
      <c r="G213" s="102"/>
      <c r="H213" s="55"/>
      <c r="I213" s="55"/>
      <c r="J213" s="55"/>
      <c r="K213" s="55"/>
      <c r="L213" s="55"/>
      <c r="M213" s="55"/>
      <c r="N213" s="55"/>
      <c r="O213" s="55"/>
      <c r="P213" s="55"/>
      <c r="Q213" s="55"/>
      <c r="R213" s="55"/>
      <c r="S213" s="55"/>
      <c r="T213" s="55"/>
      <c r="U213" s="55"/>
      <c r="V213" s="55"/>
      <c r="W213" s="55"/>
      <c r="X213" s="55"/>
      <c r="Y213" s="55"/>
      <c r="Z213" s="55"/>
      <c r="AA213" s="55"/>
      <c r="AB213" s="55"/>
      <c r="AC213" s="55"/>
      <c r="AD213" s="55"/>
      <c r="AE213" s="55"/>
      <c r="AF213" s="55"/>
      <c r="AG213" s="55"/>
      <c r="AY213" s="162"/>
      <c r="AZ213" s="162"/>
      <c r="BA213" s="162"/>
      <c r="BB213" s="162"/>
      <c r="BC213" s="162"/>
      <c r="BD213" s="162"/>
      <c r="BE213" s="162"/>
      <c r="BF213" s="162"/>
      <c r="BG213" s="162"/>
      <c r="BH213" s="162"/>
      <c r="BI213" s="162"/>
      <c r="BJ213" s="162"/>
      <c r="BK213" s="162"/>
      <c r="BL213" s="162"/>
      <c r="BM213" s="162"/>
      <c r="BN213" s="162"/>
      <c r="BO213" s="162"/>
      <c r="BP213" s="162"/>
      <c r="BQ213" s="162"/>
      <c r="BR213" s="162"/>
      <c r="BS213" s="162"/>
      <c r="BT213" s="162"/>
      <c r="BU213" s="162"/>
      <c r="BV213" s="162"/>
      <c r="BW213" s="162"/>
      <c r="BX213" s="162"/>
      <c r="BY213" s="162"/>
      <c r="BZ213" s="162"/>
      <c r="CA213" s="162"/>
      <c r="CB213" s="162"/>
      <c r="CC213" s="162"/>
      <c r="CD213" s="162"/>
      <c r="CE213" s="162"/>
      <c r="CF213" s="162"/>
      <c r="CG213" s="162"/>
      <c r="CH213" s="162"/>
      <c r="CI213" s="162"/>
      <c r="CJ213" s="162"/>
      <c r="CK213" s="162"/>
      <c r="CX213" s="98"/>
      <c r="DL213" s="97"/>
      <c r="DX213" s="98"/>
      <c r="EL213" s="97"/>
      <c r="EX213" s="98"/>
      <c r="EY213" s="97"/>
      <c r="FL213" s="126"/>
      <c r="FM213" s="91"/>
      <c r="FN213" s="91"/>
      <c r="FO213" s="91"/>
      <c r="FP213" s="91"/>
      <c r="FQ213" s="91"/>
      <c r="FR213" s="91"/>
      <c r="FS213" s="91"/>
      <c r="FT213" s="91"/>
      <c r="FU213" s="91"/>
      <c r="FV213" s="91"/>
      <c r="FW213" s="91"/>
      <c r="FX213" s="91"/>
      <c r="FY213" s="91"/>
      <c r="FZ213" s="91"/>
      <c r="GA213" s="91"/>
      <c r="GB213" s="91"/>
      <c r="GC213" s="91"/>
      <c r="GD213" s="91"/>
      <c r="GE213" s="91"/>
      <c r="GF213" s="91"/>
      <c r="GG213" s="91"/>
      <c r="GH213" s="91"/>
      <c r="GI213" s="91"/>
      <c r="GJ213" s="91"/>
      <c r="GK213" s="127"/>
      <c r="GL213" s="126"/>
      <c r="GM213" s="91"/>
      <c r="GN213" s="91"/>
      <c r="GO213" s="91"/>
      <c r="GP213" s="91"/>
      <c r="GQ213" s="91"/>
      <c r="GR213" s="91"/>
      <c r="GS213" s="91"/>
      <c r="GT213" s="91"/>
      <c r="GU213" s="91"/>
      <c r="GV213" s="91"/>
      <c r="GW213" s="91"/>
      <c r="GX213" s="91"/>
      <c r="GY213" s="91"/>
      <c r="GZ213" s="91"/>
      <c r="HA213" s="91"/>
      <c r="HB213" s="91"/>
      <c r="HC213" s="91"/>
      <c r="HD213" s="91"/>
      <c r="HE213" s="91"/>
      <c r="HF213" s="91"/>
      <c r="HG213" s="91"/>
      <c r="HH213" s="91"/>
      <c r="HI213" s="91"/>
      <c r="HJ213" s="91"/>
      <c r="HK213" s="127"/>
      <c r="HL213" s="126"/>
      <c r="HM213" s="91"/>
      <c r="HN213" s="91"/>
      <c r="HO213" s="91"/>
      <c r="HP213" s="91"/>
      <c r="HQ213" s="91"/>
      <c r="HR213" s="91"/>
      <c r="HS213" s="91"/>
      <c r="HT213" s="91"/>
      <c r="HU213" s="91"/>
      <c r="HV213" s="91"/>
      <c r="HW213" s="91"/>
      <c r="HX213" s="91"/>
      <c r="HY213" s="91"/>
      <c r="HZ213" s="91"/>
      <c r="IA213" s="91"/>
      <c r="IB213" s="91"/>
      <c r="IC213" s="91"/>
      <c r="ID213" s="91"/>
      <c r="IE213" s="91"/>
      <c r="IF213" s="91"/>
      <c r="IG213" s="91"/>
      <c r="IH213" s="91"/>
      <c r="II213" s="91"/>
      <c r="IJ213" s="91"/>
      <c r="IK213" s="127"/>
    </row>
    <row r="214" spans="2:245" x14ac:dyDescent="0.2">
      <c r="B214" s="79"/>
      <c r="C214" s="73"/>
      <c r="D214" s="64"/>
      <c r="E214" s="64"/>
      <c r="F214" s="55"/>
      <c r="G214" s="102"/>
      <c r="H214" s="55"/>
      <c r="I214" s="55"/>
      <c r="J214" s="55"/>
      <c r="K214" s="55"/>
      <c r="L214" s="55"/>
      <c r="M214" s="55"/>
      <c r="N214" s="55"/>
      <c r="O214" s="55"/>
      <c r="P214" s="55"/>
      <c r="Q214" s="55"/>
      <c r="R214" s="55"/>
      <c r="S214" s="55"/>
      <c r="T214" s="55"/>
      <c r="U214" s="55"/>
      <c r="V214" s="55"/>
      <c r="W214" s="55"/>
      <c r="X214" s="55"/>
      <c r="Y214" s="55"/>
      <c r="Z214" s="55"/>
      <c r="AA214" s="55"/>
      <c r="AB214" s="55"/>
      <c r="AC214" s="55"/>
      <c r="AD214" s="55"/>
      <c r="AE214" s="55"/>
      <c r="AF214" s="55"/>
      <c r="AG214" s="55"/>
      <c r="AY214" s="162"/>
      <c r="AZ214" s="162"/>
      <c r="BA214" s="162"/>
      <c r="BB214" s="162"/>
      <c r="BC214" s="162"/>
      <c r="BD214" s="162"/>
      <c r="BE214" s="162"/>
      <c r="BF214" s="162"/>
      <c r="BG214" s="162"/>
      <c r="BH214" s="162"/>
      <c r="BI214" s="162"/>
      <c r="BJ214" s="162"/>
      <c r="BK214" s="162"/>
      <c r="BL214" s="162"/>
      <c r="BM214" s="162"/>
      <c r="BN214" s="162"/>
      <c r="BO214" s="162"/>
      <c r="BP214" s="162"/>
      <c r="BQ214" s="162"/>
      <c r="BR214" s="162"/>
      <c r="BS214" s="162"/>
      <c r="BT214" s="162"/>
      <c r="BU214" s="162"/>
      <c r="BV214" s="162"/>
      <c r="BW214" s="162"/>
      <c r="BX214" s="162"/>
      <c r="BY214" s="162"/>
      <c r="BZ214" s="162"/>
      <c r="CA214" s="162"/>
      <c r="CB214" s="162"/>
      <c r="CC214" s="162"/>
      <c r="CD214" s="162"/>
      <c r="CE214" s="162"/>
      <c r="CF214" s="162"/>
      <c r="CG214" s="162"/>
      <c r="CH214" s="162"/>
      <c r="CI214" s="162"/>
      <c r="CJ214" s="162"/>
      <c r="CK214" s="162"/>
      <c r="CX214" s="98"/>
      <c r="DL214" s="97"/>
      <c r="DX214" s="98"/>
      <c r="EL214" s="97"/>
      <c r="EX214" s="98"/>
      <c r="EY214" s="97"/>
      <c r="FL214" s="126"/>
      <c r="FM214" s="91"/>
      <c r="FN214" s="91"/>
      <c r="FO214" s="91"/>
      <c r="FP214" s="91"/>
      <c r="FQ214" s="91"/>
      <c r="FR214" s="91"/>
      <c r="FS214" s="91"/>
      <c r="FT214" s="91"/>
      <c r="FU214" s="91"/>
      <c r="FV214" s="91"/>
      <c r="FW214" s="91"/>
      <c r="FX214" s="91"/>
      <c r="FY214" s="91"/>
      <c r="FZ214" s="91"/>
      <c r="GA214" s="91"/>
      <c r="GB214" s="91"/>
      <c r="GC214" s="91"/>
      <c r="GD214" s="91"/>
      <c r="GE214" s="91"/>
      <c r="GF214" s="91"/>
      <c r="GG214" s="91"/>
      <c r="GH214" s="91"/>
      <c r="GI214" s="91"/>
      <c r="GJ214" s="91"/>
      <c r="GK214" s="127"/>
      <c r="GL214" s="126"/>
      <c r="GM214" s="91"/>
      <c r="GN214" s="91"/>
      <c r="GO214" s="91"/>
      <c r="GP214" s="91"/>
      <c r="GQ214" s="91"/>
      <c r="GR214" s="91"/>
      <c r="GS214" s="91"/>
      <c r="GT214" s="91"/>
      <c r="GU214" s="91"/>
      <c r="GV214" s="91"/>
      <c r="GW214" s="91"/>
      <c r="GX214" s="91"/>
      <c r="GY214" s="91"/>
      <c r="GZ214" s="91"/>
      <c r="HA214" s="91"/>
      <c r="HB214" s="91"/>
      <c r="HC214" s="91"/>
      <c r="HD214" s="91"/>
      <c r="HE214" s="91"/>
      <c r="HF214" s="91"/>
      <c r="HG214" s="91"/>
      <c r="HH214" s="91"/>
      <c r="HI214" s="91"/>
      <c r="HJ214" s="91"/>
      <c r="HK214" s="127"/>
      <c r="HL214" s="126"/>
      <c r="HM214" s="91"/>
      <c r="HN214" s="91"/>
      <c r="HO214" s="91"/>
      <c r="HP214" s="91"/>
      <c r="HQ214" s="91"/>
      <c r="HR214" s="91"/>
      <c r="HS214" s="91"/>
      <c r="HT214" s="91"/>
      <c r="HU214" s="91"/>
      <c r="HV214" s="91"/>
      <c r="HW214" s="91"/>
      <c r="HX214" s="91"/>
      <c r="HY214" s="91"/>
      <c r="HZ214" s="91"/>
      <c r="IA214" s="91"/>
      <c r="IB214" s="91"/>
      <c r="IC214" s="91"/>
      <c r="ID214" s="91"/>
      <c r="IE214" s="91"/>
      <c r="IF214" s="91"/>
      <c r="IG214" s="91"/>
      <c r="IH214" s="91"/>
      <c r="II214" s="91"/>
      <c r="IJ214" s="91"/>
      <c r="IK214" s="127"/>
    </row>
    <row r="215" spans="2:245" x14ac:dyDescent="0.2">
      <c r="B215" s="79"/>
      <c r="C215" s="73"/>
      <c r="D215" s="64"/>
      <c r="E215" s="64"/>
      <c r="F215" s="55"/>
      <c r="G215" s="102"/>
      <c r="H215" s="55"/>
      <c r="I215" s="55"/>
      <c r="J215" s="55"/>
      <c r="K215" s="55"/>
      <c r="L215" s="55"/>
      <c r="M215" s="55"/>
      <c r="N215" s="55"/>
      <c r="O215" s="55"/>
      <c r="P215" s="55"/>
      <c r="Q215" s="55"/>
      <c r="R215" s="55"/>
      <c r="S215" s="55"/>
      <c r="T215" s="55"/>
      <c r="U215" s="55"/>
      <c r="V215" s="55"/>
      <c r="W215" s="55"/>
      <c r="X215" s="55"/>
      <c r="Y215" s="55"/>
      <c r="Z215" s="55"/>
      <c r="AA215" s="55"/>
      <c r="AB215" s="55"/>
      <c r="AC215" s="55"/>
      <c r="AD215" s="55"/>
      <c r="AE215" s="55"/>
      <c r="AF215" s="55"/>
      <c r="AG215" s="55"/>
      <c r="AY215" s="162"/>
      <c r="AZ215" s="162"/>
      <c r="BA215" s="162"/>
      <c r="BB215" s="162"/>
      <c r="BC215" s="162"/>
      <c r="BD215" s="162"/>
      <c r="BE215" s="162"/>
      <c r="BF215" s="162"/>
      <c r="BG215" s="162"/>
      <c r="BH215" s="162"/>
      <c r="BI215" s="162"/>
      <c r="BJ215" s="162"/>
      <c r="BK215" s="162"/>
      <c r="BL215" s="162"/>
      <c r="BM215" s="162"/>
      <c r="BN215" s="162"/>
      <c r="BO215" s="162"/>
      <c r="BP215" s="162"/>
      <c r="BQ215" s="162"/>
      <c r="BR215" s="162"/>
      <c r="BS215" s="162"/>
      <c r="BT215" s="162"/>
      <c r="BU215" s="162"/>
      <c r="BV215" s="162"/>
      <c r="BW215" s="162"/>
      <c r="BX215" s="162"/>
      <c r="BY215" s="162"/>
      <c r="BZ215" s="162"/>
      <c r="CA215" s="162"/>
      <c r="CB215" s="162"/>
      <c r="CC215" s="162"/>
      <c r="CD215" s="162"/>
      <c r="CE215" s="162"/>
      <c r="CF215" s="162"/>
      <c r="CG215" s="162"/>
      <c r="CH215" s="162"/>
      <c r="CI215" s="162"/>
      <c r="CJ215" s="162"/>
      <c r="CK215" s="162"/>
      <c r="CX215" s="98"/>
      <c r="DL215" s="97"/>
      <c r="DX215" s="98"/>
      <c r="EL215" s="97"/>
      <c r="EX215" s="98"/>
      <c r="EY215" s="97"/>
      <c r="FL215" s="126"/>
      <c r="FM215" s="91"/>
      <c r="FN215" s="91"/>
      <c r="FO215" s="91"/>
      <c r="FP215" s="91"/>
      <c r="FQ215" s="91"/>
      <c r="FR215" s="91"/>
      <c r="FS215" s="91"/>
      <c r="FT215" s="91"/>
      <c r="FU215" s="91"/>
      <c r="FV215" s="91"/>
      <c r="FW215" s="91"/>
      <c r="FX215" s="91"/>
      <c r="FY215" s="91"/>
      <c r="FZ215" s="91"/>
      <c r="GA215" s="91"/>
      <c r="GB215" s="91"/>
      <c r="GC215" s="91"/>
      <c r="GD215" s="91"/>
      <c r="GE215" s="91"/>
      <c r="GF215" s="91"/>
      <c r="GG215" s="91"/>
      <c r="GH215" s="91"/>
      <c r="GI215" s="91"/>
      <c r="GJ215" s="91"/>
      <c r="GK215" s="127"/>
      <c r="GL215" s="126"/>
      <c r="GM215" s="91"/>
      <c r="GN215" s="91"/>
      <c r="GO215" s="91"/>
      <c r="GP215" s="91"/>
      <c r="GQ215" s="91"/>
      <c r="GR215" s="91"/>
      <c r="GS215" s="91"/>
      <c r="GT215" s="91"/>
      <c r="GU215" s="91"/>
      <c r="GV215" s="91"/>
      <c r="GW215" s="91"/>
      <c r="GX215" s="91"/>
      <c r="GY215" s="91"/>
      <c r="GZ215" s="91"/>
      <c r="HA215" s="91"/>
      <c r="HB215" s="91"/>
      <c r="HC215" s="91"/>
      <c r="HD215" s="91"/>
      <c r="HE215" s="91"/>
      <c r="HF215" s="91"/>
      <c r="HG215" s="91"/>
      <c r="HH215" s="91"/>
      <c r="HI215" s="91"/>
      <c r="HJ215" s="91"/>
      <c r="HK215" s="127"/>
      <c r="HL215" s="126"/>
      <c r="HM215" s="91"/>
      <c r="HN215" s="91"/>
      <c r="HO215" s="91"/>
      <c r="HP215" s="91"/>
      <c r="HQ215" s="91"/>
      <c r="HR215" s="91"/>
      <c r="HS215" s="91"/>
      <c r="HT215" s="91"/>
      <c r="HU215" s="91"/>
      <c r="HV215" s="91"/>
      <c r="HW215" s="91"/>
      <c r="HX215" s="91"/>
      <c r="HY215" s="91"/>
      <c r="HZ215" s="91"/>
      <c r="IA215" s="91"/>
      <c r="IB215" s="91"/>
      <c r="IC215" s="91"/>
      <c r="ID215" s="91"/>
      <c r="IE215" s="91"/>
      <c r="IF215" s="91"/>
      <c r="IG215" s="91"/>
      <c r="IH215" s="91"/>
      <c r="II215" s="91"/>
      <c r="IJ215" s="91"/>
      <c r="IK215" s="127"/>
    </row>
    <row r="216" spans="2:245" x14ac:dyDescent="0.2">
      <c r="B216" s="79"/>
      <c r="C216" s="73"/>
      <c r="D216" s="64"/>
      <c r="E216" s="64"/>
      <c r="F216" s="55"/>
      <c r="G216" s="102"/>
      <c r="H216" s="55"/>
      <c r="I216" s="55"/>
      <c r="J216" s="55"/>
      <c r="K216" s="55"/>
      <c r="L216" s="55"/>
      <c r="M216" s="55"/>
      <c r="N216" s="55"/>
      <c r="O216" s="55"/>
      <c r="P216" s="55"/>
      <c r="Q216" s="55"/>
      <c r="R216" s="55"/>
      <c r="S216" s="55"/>
      <c r="T216" s="55"/>
      <c r="U216" s="55"/>
      <c r="V216" s="55"/>
      <c r="W216" s="55"/>
      <c r="X216" s="55"/>
      <c r="Y216" s="55"/>
      <c r="Z216" s="55"/>
      <c r="AA216" s="55"/>
      <c r="AB216" s="55"/>
      <c r="AC216" s="55"/>
      <c r="AD216" s="55"/>
      <c r="AE216" s="55"/>
      <c r="AF216" s="55"/>
      <c r="AG216" s="55"/>
      <c r="AY216" s="162"/>
      <c r="AZ216" s="162"/>
      <c r="BA216" s="162"/>
      <c r="BB216" s="162"/>
      <c r="BC216" s="162"/>
      <c r="BD216" s="162"/>
      <c r="BE216" s="162"/>
      <c r="BF216" s="162"/>
      <c r="BG216" s="162"/>
      <c r="BH216" s="162"/>
      <c r="BI216" s="162"/>
      <c r="BJ216" s="162"/>
      <c r="BK216" s="162"/>
      <c r="BL216" s="162"/>
      <c r="BM216" s="162"/>
      <c r="BN216" s="162"/>
      <c r="BO216" s="162"/>
      <c r="BP216" s="162"/>
      <c r="BQ216" s="162"/>
      <c r="BR216" s="162"/>
      <c r="BS216" s="162"/>
      <c r="BT216" s="162"/>
      <c r="BU216" s="162"/>
      <c r="BV216" s="162"/>
      <c r="BW216" s="162"/>
      <c r="BX216" s="162"/>
      <c r="BY216" s="162"/>
      <c r="BZ216" s="162"/>
      <c r="CA216" s="162"/>
      <c r="CB216" s="162"/>
      <c r="CC216" s="162"/>
      <c r="CD216" s="162"/>
      <c r="CE216" s="162"/>
      <c r="CF216" s="162"/>
      <c r="CG216" s="162"/>
      <c r="CH216" s="162"/>
      <c r="CI216" s="162"/>
      <c r="CJ216" s="162"/>
      <c r="CK216" s="162"/>
      <c r="CX216" s="98"/>
      <c r="DL216" s="97"/>
      <c r="DX216" s="98"/>
      <c r="EL216" s="97"/>
      <c r="EX216" s="98"/>
      <c r="EY216" s="97"/>
      <c r="FL216" s="126"/>
      <c r="FM216" s="91"/>
      <c r="FN216" s="91"/>
      <c r="FO216" s="91"/>
      <c r="FP216" s="91"/>
      <c r="FQ216" s="91"/>
      <c r="FR216" s="91"/>
      <c r="FS216" s="91"/>
      <c r="FT216" s="91"/>
      <c r="FU216" s="91"/>
      <c r="FV216" s="91"/>
      <c r="FW216" s="91"/>
      <c r="FX216" s="91"/>
      <c r="FY216" s="91"/>
      <c r="FZ216" s="91"/>
      <c r="GA216" s="91"/>
      <c r="GB216" s="91"/>
      <c r="GC216" s="91"/>
      <c r="GD216" s="91"/>
      <c r="GE216" s="91"/>
      <c r="GF216" s="91"/>
      <c r="GG216" s="91"/>
      <c r="GH216" s="91"/>
      <c r="GI216" s="91"/>
      <c r="GJ216" s="91"/>
      <c r="GK216" s="127"/>
      <c r="GL216" s="126"/>
      <c r="GM216" s="91"/>
      <c r="GN216" s="91"/>
      <c r="GO216" s="91"/>
      <c r="GP216" s="91"/>
      <c r="GQ216" s="91"/>
      <c r="GR216" s="91"/>
      <c r="GS216" s="91"/>
      <c r="GT216" s="91"/>
      <c r="GU216" s="91"/>
      <c r="GV216" s="91"/>
      <c r="GW216" s="91"/>
      <c r="GX216" s="91"/>
      <c r="GY216" s="91"/>
      <c r="GZ216" s="91"/>
      <c r="HA216" s="91"/>
      <c r="HB216" s="91"/>
      <c r="HC216" s="91"/>
      <c r="HD216" s="91"/>
      <c r="HE216" s="91"/>
      <c r="HF216" s="91"/>
      <c r="HG216" s="91"/>
      <c r="HH216" s="91"/>
      <c r="HI216" s="91"/>
      <c r="HJ216" s="91"/>
      <c r="HK216" s="127"/>
      <c r="HL216" s="126"/>
      <c r="HM216" s="91"/>
      <c r="HN216" s="91"/>
      <c r="HO216" s="91"/>
      <c r="HP216" s="91"/>
      <c r="HQ216" s="91"/>
      <c r="HR216" s="91"/>
      <c r="HS216" s="91"/>
      <c r="HT216" s="91"/>
      <c r="HU216" s="91"/>
      <c r="HV216" s="91"/>
      <c r="HW216" s="91"/>
      <c r="HX216" s="91"/>
      <c r="HY216" s="91"/>
      <c r="HZ216" s="91"/>
      <c r="IA216" s="91"/>
      <c r="IB216" s="91"/>
      <c r="IC216" s="91"/>
      <c r="ID216" s="91"/>
      <c r="IE216" s="91"/>
      <c r="IF216" s="91"/>
      <c r="IG216" s="91"/>
      <c r="IH216" s="91"/>
      <c r="II216" s="91"/>
      <c r="IJ216" s="91"/>
      <c r="IK216" s="127"/>
    </row>
    <row r="217" spans="2:245" x14ac:dyDescent="0.2">
      <c r="B217" s="79"/>
      <c r="C217" s="73"/>
      <c r="D217" s="64"/>
      <c r="E217" s="64"/>
      <c r="F217" s="55"/>
      <c r="G217" s="102"/>
      <c r="H217" s="55"/>
      <c r="I217" s="55"/>
      <c r="J217" s="55"/>
      <c r="K217" s="55"/>
      <c r="L217" s="55"/>
      <c r="M217" s="55"/>
      <c r="N217" s="55"/>
      <c r="O217" s="55"/>
      <c r="P217" s="55"/>
      <c r="Q217" s="55"/>
      <c r="R217" s="55"/>
      <c r="S217" s="55"/>
      <c r="T217" s="55"/>
      <c r="U217" s="55"/>
      <c r="V217" s="55"/>
      <c r="W217" s="55"/>
      <c r="X217" s="55"/>
      <c r="Y217" s="55"/>
      <c r="Z217" s="55"/>
      <c r="AA217" s="55"/>
      <c r="AB217" s="55"/>
      <c r="AC217" s="55"/>
      <c r="AD217" s="55"/>
      <c r="AE217" s="55"/>
      <c r="AF217" s="55"/>
      <c r="AG217" s="55"/>
      <c r="AY217" s="162"/>
      <c r="AZ217" s="162"/>
      <c r="BA217" s="162"/>
      <c r="BB217" s="162"/>
      <c r="BC217" s="162"/>
      <c r="BD217" s="162"/>
      <c r="BE217" s="162"/>
      <c r="BF217" s="162"/>
      <c r="BG217" s="162"/>
      <c r="BH217" s="162"/>
      <c r="BI217" s="162"/>
      <c r="BJ217" s="162"/>
      <c r="BK217" s="162"/>
      <c r="BL217" s="162"/>
      <c r="BM217" s="162"/>
      <c r="BN217" s="162"/>
      <c r="BO217" s="162"/>
      <c r="BP217" s="162"/>
      <c r="BQ217" s="162"/>
      <c r="BR217" s="162"/>
      <c r="BS217" s="162"/>
      <c r="BT217" s="162"/>
      <c r="BU217" s="162"/>
      <c r="BV217" s="162"/>
      <c r="BW217" s="162"/>
      <c r="BX217" s="162"/>
      <c r="BY217" s="162"/>
      <c r="BZ217" s="162"/>
      <c r="CA217" s="162"/>
      <c r="CB217" s="162"/>
      <c r="CC217" s="162"/>
      <c r="CD217" s="162"/>
      <c r="CE217" s="162"/>
      <c r="CF217" s="162"/>
      <c r="CG217" s="162"/>
      <c r="CH217" s="162"/>
      <c r="CI217" s="162"/>
      <c r="CJ217" s="162"/>
      <c r="CK217" s="162"/>
      <c r="CX217" s="98"/>
      <c r="DL217" s="97"/>
      <c r="DX217" s="98"/>
      <c r="EL217" s="97"/>
      <c r="EX217" s="98"/>
      <c r="EY217" s="97"/>
      <c r="FL217" s="126"/>
      <c r="FM217" s="91"/>
      <c r="FN217" s="91"/>
      <c r="FO217" s="91"/>
      <c r="FP217" s="91"/>
      <c r="FQ217" s="91"/>
      <c r="FR217" s="91"/>
      <c r="FS217" s="91"/>
      <c r="FT217" s="91"/>
      <c r="FU217" s="91"/>
      <c r="FV217" s="91"/>
      <c r="FW217" s="91"/>
      <c r="FX217" s="91"/>
      <c r="FY217" s="91"/>
      <c r="FZ217" s="91"/>
      <c r="GA217" s="91"/>
      <c r="GB217" s="91"/>
      <c r="GC217" s="91"/>
      <c r="GD217" s="91"/>
      <c r="GE217" s="91"/>
      <c r="GF217" s="91"/>
      <c r="GG217" s="91"/>
      <c r="GH217" s="91"/>
      <c r="GI217" s="91"/>
      <c r="GJ217" s="91"/>
      <c r="GK217" s="127"/>
      <c r="GL217" s="126"/>
      <c r="GM217" s="91"/>
      <c r="GN217" s="91"/>
      <c r="GO217" s="91"/>
      <c r="GP217" s="91"/>
      <c r="GQ217" s="91"/>
      <c r="GR217" s="91"/>
      <c r="GS217" s="91"/>
      <c r="GT217" s="91"/>
      <c r="GU217" s="91"/>
      <c r="GV217" s="91"/>
      <c r="GW217" s="91"/>
      <c r="GX217" s="91"/>
      <c r="GY217" s="91"/>
      <c r="GZ217" s="91"/>
      <c r="HA217" s="91"/>
      <c r="HB217" s="91"/>
      <c r="HC217" s="91"/>
      <c r="HD217" s="91"/>
      <c r="HE217" s="91"/>
      <c r="HF217" s="91"/>
      <c r="HG217" s="91"/>
      <c r="HH217" s="91"/>
      <c r="HI217" s="91"/>
      <c r="HJ217" s="91"/>
      <c r="HK217" s="127"/>
      <c r="HL217" s="126"/>
      <c r="HM217" s="91"/>
      <c r="HN217" s="91"/>
      <c r="HO217" s="91"/>
      <c r="HP217" s="91"/>
      <c r="HQ217" s="91"/>
      <c r="HR217" s="91"/>
      <c r="HS217" s="91"/>
      <c r="HT217" s="91"/>
      <c r="HU217" s="91"/>
      <c r="HV217" s="91"/>
      <c r="HW217" s="91"/>
      <c r="HX217" s="91"/>
      <c r="HY217" s="91"/>
      <c r="HZ217" s="91"/>
      <c r="IA217" s="91"/>
      <c r="IB217" s="91"/>
      <c r="IC217" s="91"/>
      <c r="ID217" s="91"/>
      <c r="IE217" s="91"/>
      <c r="IF217" s="91"/>
      <c r="IG217" s="91"/>
      <c r="IH217" s="91"/>
      <c r="II217" s="91"/>
      <c r="IJ217" s="91"/>
      <c r="IK217" s="127"/>
    </row>
    <row r="218" spans="2:245" x14ac:dyDescent="0.2">
      <c r="B218" s="79"/>
      <c r="C218" s="73"/>
      <c r="D218" s="64"/>
      <c r="E218" s="64"/>
      <c r="F218" s="55"/>
      <c r="G218" s="102"/>
      <c r="H218" s="55"/>
      <c r="I218" s="55"/>
      <c r="J218" s="55"/>
      <c r="K218" s="55"/>
      <c r="L218" s="55"/>
      <c r="M218" s="55"/>
      <c r="N218" s="55"/>
      <c r="O218" s="55"/>
      <c r="P218" s="55"/>
      <c r="Q218" s="55"/>
      <c r="R218" s="55"/>
      <c r="S218" s="55"/>
      <c r="T218" s="55"/>
      <c r="U218" s="55"/>
      <c r="V218" s="55"/>
      <c r="W218" s="55"/>
      <c r="X218" s="55"/>
      <c r="Y218" s="55"/>
      <c r="Z218" s="55"/>
      <c r="AA218" s="55"/>
      <c r="AB218" s="55"/>
      <c r="AC218" s="55"/>
      <c r="AD218" s="55"/>
      <c r="AE218" s="55"/>
      <c r="AF218" s="55"/>
      <c r="AG218" s="55"/>
      <c r="AY218" s="162"/>
      <c r="AZ218" s="162"/>
      <c r="BA218" s="162"/>
      <c r="BB218" s="162"/>
      <c r="BC218" s="162"/>
      <c r="BD218" s="162"/>
      <c r="BE218" s="162"/>
      <c r="BF218" s="162"/>
      <c r="BG218" s="162"/>
      <c r="BH218" s="162"/>
      <c r="BI218" s="162"/>
      <c r="BJ218" s="162"/>
      <c r="BK218" s="162"/>
      <c r="BL218" s="162"/>
      <c r="BM218" s="162"/>
      <c r="BN218" s="162"/>
      <c r="BO218" s="162"/>
      <c r="BP218" s="162"/>
      <c r="BQ218" s="162"/>
      <c r="BR218" s="162"/>
      <c r="BS218" s="162"/>
      <c r="BT218" s="162"/>
      <c r="BU218" s="162"/>
      <c r="BV218" s="162"/>
      <c r="BW218" s="162"/>
      <c r="BX218" s="162"/>
      <c r="BY218" s="162"/>
      <c r="BZ218" s="162"/>
      <c r="CA218" s="162"/>
      <c r="CB218" s="162"/>
      <c r="CC218" s="162"/>
      <c r="CD218" s="162"/>
      <c r="CE218" s="162"/>
      <c r="CF218" s="162"/>
      <c r="CG218" s="162"/>
      <c r="CH218" s="162"/>
      <c r="CI218" s="162"/>
      <c r="CJ218" s="162"/>
      <c r="CK218" s="162"/>
      <c r="CX218" s="98"/>
      <c r="DL218" s="97"/>
      <c r="DX218" s="98"/>
      <c r="EL218" s="97"/>
      <c r="EX218" s="98"/>
      <c r="EY218" s="97"/>
      <c r="FL218" s="126"/>
      <c r="FM218" s="91"/>
      <c r="FN218" s="91"/>
      <c r="FO218" s="91"/>
      <c r="FP218" s="91"/>
      <c r="FQ218" s="91"/>
      <c r="FR218" s="91"/>
      <c r="FS218" s="91"/>
      <c r="FT218" s="91"/>
      <c r="FU218" s="91"/>
      <c r="FV218" s="91"/>
      <c r="FW218" s="91"/>
      <c r="FX218" s="91"/>
      <c r="FY218" s="91"/>
      <c r="FZ218" s="91"/>
      <c r="GA218" s="91"/>
      <c r="GB218" s="91"/>
      <c r="GC218" s="91"/>
      <c r="GD218" s="91"/>
      <c r="GE218" s="91"/>
      <c r="GF218" s="91"/>
      <c r="GG218" s="91"/>
      <c r="GH218" s="91"/>
      <c r="GI218" s="91"/>
      <c r="GJ218" s="91"/>
      <c r="GK218" s="127"/>
      <c r="GL218" s="126"/>
      <c r="GM218" s="91"/>
      <c r="GN218" s="91"/>
      <c r="GO218" s="91"/>
      <c r="GP218" s="91"/>
      <c r="GQ218" s="91"/>
      <c r="GR218" s="91"/>
      <c r="GS218" s="91"/>
      <c r="GT218" s="91"/>
      <c r="GU218" s="91"/>
      <c r="GV218" s="91"/>
      <c r="GW218" s="91"/>
      <c r="GX218" s="91"/>
      <c r="GY218" s="91"/>
      <c r="GZ218" s="91"/>
      <c r="HA218" s="91"/>
      <c r="HB218" s="91"/>
      <c r="HC218" s="91"/>
      <c r="HD218" s="91"/>
      <c r="HE218" s="91"/>
      <c r="HF218" s="91"/>
      <c r="HG218" s="91"/>
      <c r="HH218" s="91"/>
      <c r="HI218" s="91"/>
      <c r="HJ218" s="91"/>
      <c r="HK218" s="127"/>
      <c r="HL218" s="126"/>
      <c r="HM218" s="91"/>
      <c r="HN218" s="91"/>
      <c r="HO218" s="91"/>
      <c r="HP218" s="91"/>
      <c r="HQ218" s="91"/>
      <c r="HR218" s="91"/>
      <c r="HS218" s="91"/>
      <c r="HT218" s="91"/>
      <c r="HU218" s="91"/>
      <c r="HV218" s="91"/>
      <c r="HW218" s="91"/>
      <c r="HX218" s="91"/>
      <c r="HY218" s="91"/>
      <c r="HZ218" s="91"/>
      <c r="IA218" s="91"/>
      <c r="IB218" s="91"/>
      <c r="IC218" s="91"/>
      <c r="ID218" s="91"/>
      <c r="IE218" s="91"/>
      <c r="IF218" s="91"/>
      <c r="IG218" s="91"/>
      <c r="IH218" s="91"/>
      <c r="II218" s="91"/>
      <c r="IJ218" s="91"/>
      <c r="IK218" s="127"/>
    </row>
    <row r="219" spans="2:245" x14ac:dyDescent="0.2">
      <c r="B219" s="79"/>
      <c r="C219" s="73"/>
      <c r="D219" s="64"/>
      <c r="E219" s="64"/>
      <c r="F219" s="55"/>
      <c r="G219" s="102"/>
      <c r="H219" s="55"/>
      <c r="I219" s="55"/>
      <c r="J219" s="55"/>
      <c r="K219" s="55"/>
      <c r="L219" s="55"/>
      <c r="M219" s="55"/>
      <c r="N219" s="55"/>
      <c r="O219" s="55"/>
      <c r="P219" s="55"/>
      <c r="Q219" s="55"/>
      <c r="R219" s="55"/>
      <c r="S219" s="55"/>
      <c r="T219" s="55"/>
      <c r="U219" s="55"/>
      <c r="V219" s="55"/>
      <c r="W219" s="55"/>
      <c r="X219" s="55"/>
      <c r="Y219" s="55"/>
      <c r="Z219" s="55"/>
      <c r="AA219" s="55"/>
      <c r="AB219" s="55"/>
      <c r="AC219" s="55"/>
      <c r="AD219" s="55"/>
      <c r="AE219" s="55"/>
      <c r="AF219" s="55"/>
      <c r="AG219" s="55"/>
      <c r="AY219" s="162"/>
      <c r="AZ219" s="162"/>
      <c r="BA219" s="162"/>
      <c r="BB219" s="162"/>
      <c r="BC219" s="162"/>
      <c r="BD219" s="162"/>
      <c r="BE219" s="162"/>
      <c r="BF219" s="162"/>
      <c r="BG219" s="162"/>
      <c r="BH219" s="162"/>
      <c r="BI219" s="162"/>
      <c r="BJ219" s="162"/>
      <c r="BK219" s="162"/>
      <c r="BL219" s="162"/>
      <c r="BM219" s="162"/>
      <c r="BN219" s="162"/>
      <c r="BO219" s="162"/>
      <c r="BP219" s="162"/>
      <c r="BQ219" s="162"/>
      <c r="BR219" s="162"/>
      <c r="BS219" s="162"/>
      <c r="BT219" s="162"/>
      <c r="BU219" s="162"/>
      <c r="BV219" s="162"/>
      <c r="BW219" s="162"/>
      <c r="BX219" s="162"/>
      <c r="BY219" s="162"/>
      <c r="BZ219" s="162"/>
      <c r="CA219" s="162"/>
      <c r="CB219" s="162"/>
      <c r="CC219" s="162"/>
      <c r="CD219" s="162"/>
      <c r="CE219" s="162"/>
      <c r="CF219" s="162"/>
      <c r="CG219" s="162"/>
      <c r="CH219" s="162"/>
      <c r="CI219" s="162"/>
      <c r="CJ219" s="162"/>
      <c r="CK219" s="162"/>
      <c r="CX219" s="98"/>
      <c r="DL219" s="97"/>
      <c r="DX219" s="98"/>
      <c r="EL219" s="97"/>
      <c r="EX219" s="98"/>
      <c r="EY219" s="97"/>
      <c r="FL219" s="126"/>
      <c r="FM219" s="91"/>
      <c r="FN219" s="91"/>
      <c r="FO219" s="91"/>
      <c r="FP219" s="91"/>
      <c r="FQ219" s="91"/>
      <c r="FR219" s="91"/>
      <c r="FS219" s="91"/>
      <c r="FT219" s="91"/>
      <c r="FU219" s="91"/>
      <c r="FV219" s="91"/>
      <c r="FW219" s="91"/>
      <c r="FX219" s="91"/>
      <c r="FY219" s="91"/>
      <c r="FZ219" s="91"/>
      <c r="GA219" s="91"/>
      <c r="GB219" s="91"/>
      <c r="GC219" s="91"/>
      <c r="GD219" s="91"/>
      <c r="GE219" s="91"/>
      <c r="GF219" s="91"/>
      <c r="GG219" s="91"/>
      <c r="GH219" s="91"/>
      <c r="GI219" s="91"/>
      <c r="GJ219" s="91"/>
      <c r="GK219" s="127"/>
      <c r="GL219" s="126"/>
      <c r="GM219" s="91"/>
      <c r="GN219" s="91"/>
      <c r="GO219" s="91"/>
      <c r="GP219" s="91"/>
      <c r="GQ219" s="91"/>
      <c r="GR219" s="91"/>
      <c r="GS219" s="91"/>
      <c r="GT219" s="91"/>
      <c r="GU219" s="91"/>
      <c r="GV219" s="91"/>
      <c r="GW219" s="91"/>
      <c r="GX219" s="91"/>
      <c r="GY219" s="91"/>
      <c r="GZ219" s="91"/>
      <c r="HA219" s="91"/>
      <c r="HB219" s="91"/>
      <c r="HC219" s="91"/>
      <c r="HD219" s="91"/>
      <c r="HE219" s="91"/>
      <c r="HF219" s="91"/>
      <c r="HG219" s="91"/>
      <c r="HH219" s="91"/>
      <c r="HI219" s="91"/>
      <c r="HJ219" s="91"/>
      <c r="HK219" s="127"/>
      <c r="HL219" s="126"/>
      <c r="HM219" s="91"/>
      <c r="HN219" s="91"/>
      <c r="HO219" s="91"/>
      <c r="HP219" s="91"/>
      <c r="HQ219" s="91"/>
      <c r="HR219" s="91"/>
      <c r="HS219" s="91"/>
      <c r="HT219" s="91"/>
      <c r="HU219" s="91"/>
      <c r="HV219" s="91"/>
      <c r="HW219" s="91"/>
      <c r="HX219" s="91"/>
      <c r="HY219" s="91"/>
      <c r="HZ219" s="91"/>
      <c r="IA219" s="91"/>
      <c r="IB219" s="91"/>
      <c r="IC219" s="91"/>
      <c r="ID219" s="91"/>
      <c r="IE219" s="91"/>
      <c r="IF219" s="91"/>
      <c r="IG219" s="91"/>
      <c r="IH219" s="91"/>
      <c r="II219" s="91"/>
      <c r="IJ219" s="91"/>
      <c r="IK219" s="127"/>
    </row>
    <row r="220" spans="2:245" x14ac:dyDescent="0.2">
      <c r="B220" s="79"/>
      <c r="C220" s="73"/>
      <c r="D220" s="64"/>
      <c r="E220" s="64"/>
      <c r="F220" s="55"/>
      <c r="G220" s="102"/>
      <c r="H220" s="55"/>
      <c r="I220" s="55"/>
      <c r="J220" s="55"/>
      <c r="K220" s="55"/>
      <c r="L220" s="55"/>
      <c r="M220" s="55"/>
      <c r="N220" s="55"/>
      <c r="O220" s="55"/>
      <c r="P220" s="55"/>
      <c r="Q220" s="55"/>
      <c r="R220" s="55"/>
      <c r="S220" s="55"/>
      <c r="T220" s="55"/>
      <c r="U220" s="55"/>
      <c r="V220" s="55"/>
      <c r="W220" s="55"/>
      <c r="X220" s="55"/>
      <c r="Y220" s="55"/>
      <c r="Z220" s="55"/>
      <c r="AA220" s="55"/>
      <c r="AB220" s="55"/>
      <c r="AC220" s="55"/>
      <c r="AD220" s="55"/>
      <c r="AE220" s="55"/>
      <c r="AF220" s="55"/>
      <c r="AG220" s="55"/>
      <c r="AY220" s="162"/>
      <c r="AZ220" s="162"/>
      <c r="BA220" s="162"/>
      <c r="BB220" s="162"/>
      <c r="BC220" s="162"/>
      <c r="BD220" s="162"/>
      <c r="BE220" s="162"/>
      <c r="BF220" s="162"/>
      <c r="BG220" s="162"/>
      <c r="BH220" s="162"/>
      <c r="BI220" s="162"/>
      <c r="BJ220" s="162"/>
      <c r="BK220" s="162"/>
      <c r="BL220" s="162"/>
      <c r="BM220" s="162"/>
      <c r="BN220" s="162"/>
      <c r="BO220" s="162"/>
      <c r="BP220" s="162"/>
      <c r="BQ220" s="162"/>
      <c r="BR220" s="162"/>
      <c r="BS220" s="162"/>
      <c r="BT220" s="162"/>
      <c r="BU220" s="162"/>
      <c r="BV220" s="162"/>
      <c r="BW220" s="162"/>
      <c r="BX220" s="162"/>
      <c r="BY220" s="162"/>
      <c r="BZ220" s="162"/>
      <c r="CA220" s="162"/>
      <c r="CB220" s="162"/>
      <c r="CC220" s="162"/>
      <c r="CD220" s="162"/>
      <c r="CE220" s="162"/>
      <c r="CF220" s="162"/>
      <c r="CG220" s="162"/>
      <c r="CH220" s="162"/>
      <c r="CI220" s="162"/>
      <c r="CJ220" s="162"/>
      <c r="CK220" s="162"/>
      <c r="CX220" s="98"/>
      <c r="DL220" s="97"/>
      <c r="DX220" s="98"/>
      <c r="EL220" s="97"/>
      <c r="EX220" s="98"/>
      <c r="EY220" s="97"/>
      <c r="FL220" s="126"/>
      <c r="FM220" s="91"/>
      <c r="FN220" s="91"/>
      <c r="FO220" s="91"/>
      <c r="FP220" s="91"/>
      <c r="FQ220" s="91"/>
      <c r="FR220" s="91"/>
      <c r="FS220" s="91"/>
      <c r="FT220" s="91"/>
      <c r="FU220" s="91"/>
      <c r="FV220" s="91"/>
      <c r="FW220" s="91"/>
      <c r="FX220" s="91"/>
      <c r="FY220" s="91"/>
      <c r="FZ220" s="91"/>
      <c r="GA220" s="91"/>
      <c r="GB220" s="91"/>
      <c r="GC220" s="91"/>
      <c r="GD220" s="91"/>
      <c r="GE220" s="91"/>
      <c r="GF220" s="91"/>
      <c r="GG220" s="91"/>
      <c r="GH220" s="91"/>
      <c r="GI220" s="91"/>
      <c r="GJ220" s="91"/>
      <c r="GK220" s="127"/>
      <c r="GL220" s="126"/>
      <c r="GM220" s="91"/>
      <c r="GN220" s="91"/>
      <c r="GO220" s="91"/>
      <c r="GP220" s="91"/>
      <c r="GQ220" s="91"/>
      <c r="GR220" s="91"/>
      <c r="GS220" s="91"/>
      <c r="GT220" s="91"/>
      <c r="GU220" s="91"/>
      <c r="GV220" s="91"/>
      <c r="GW220" s="91"/>
      <c r="GX220" s="91"/>
      <c r="GY220" s="91"/>
      <c r="GZ220" s="91"/>
      <c r="HA220" s="91"/>
      <c r="HB220" s="91"/>
      <c r="HC220" s="91"/>
      <c r="HD220" s="91"/>
      <c r="HE220" s="91"/>
      <c r="HF220" s="91"/>
      <c r="HG220" s="91"/>
      <c r="HH220" s="91"/>
      <c r="HI220" s="91"/>
      <c r="HJ220" s="91"/>
      <c r="HK220" s="127"/>
      <c r="HL220" s="126"/>
      <c r="HM220" s="91"/>
      <c r="HN220" s="91"/>
      <c r="HO220" s="91"/>
      <c r="HP220" s="91"/>
      <c r="HQ220" s="91"/>
      <c r="HR220" s="91"/>
      <c r="HS220" s="91"/>
      <c r="HT220" s="91"/>
      <c r="HU220" s="91"/>
      <c r="HV220" s="91"/>
      <c r="HW220" s="91"/>
      <c r="HX220" s="91"/>
      <c r="HY220" s="91"/>
      <c r="HZ220" s="91"/>
      <c r="IA220" s="91"/>
      <c r="IB220" s="91"/>
      <c r="IC220" s="91"/>
      <c r="ID220" s="91"/>
      <c r="IE220" s="91"/>
      <c r="IF220" s="91"/>
      <c r="IG220" s="91"/>
      <c r="IH220" s="91"/>
      <c r="II220" s="91"/>
      <c r="IJ220" s="91"/>
      <c r="IK220" s="127"/>
    </row>
    <row r="221" spans="2:245" x14ac:dyDescent="0.2">
      <c r="B221" s="79"/>
      <c r="C221" s="73"/>
      <c r="D221" s="64"/>
      <c r="E221" s="64"/>
      <c r="F221" s="55"/>
      <c r="G221" s="102"/>
      <c r="H221" s="55"/>
      <c r="I221" s="55"/>
      <c r="J221" s="55"/>
      <c r="K221" s="55"/>
      <c r="L221" s="55"/>
      <c r="M221" s="55"/>
      <c r="N221" s="55"/>
      <c r="O221" s="55"/>
      <c r="P221" s="55"/>
      <c r="Q221" s="55"/>
      <c r="R221" s="55"/>
      <c r="S221" s="55"/>
      <c r="T221" s="55"/>
      <c r="U221" s="55"/>
      <c r="V221" s="55"/>
      <c r="W221" s="55"/>
      <c r="X221" s="55"/>
      <c r="Y221" s="55"/>
      <c r="Z221" s="55"/>
      <c r="AA221" s="55"/>
      <c r="AB221" s="55"/>
      <c r="AC221" s="55"/>
      <c r="AD221" s="55"/>
      <c r="AE221" s="55"/>
      <c r="AF221" s="55"/>
      <c r="AG221" s="55"/>
      <c r="AY221" s="162"/>
      <c r="AZ221" s="162"/>
      <c r="BA221" s="162"/>
      <c r="BB221" s="162"/>
      <c r="BC221" s="162"/>
      <c r="BD221" s="162"/>
      <c r="BE221" s="162"/>
      <c r="BF221" s="162"/>
      <c r="BG221" s="162"/>
      <c r="BH221" s="162"/>
      <c r="BI221" s="162"/>
      <c r="BJ221" s="162"/>
      <c r="BK221" s="162"/>
      <c r="BL221" s="162"/>
      <c r="BM221" s="162"/>
      <c r="BN221" s="162"/>
      <c r="BO221" s="162"/>
      <c r="BP221" s="162"/>
      <c r="BQ221" s="162"/>
      <c r="BR221" s="162"/>
      <c r="BS221" s="162"/>
      <c r="BT221" s="162"/>
      <c r="BU221" s="162"/>
      <c r="BV221" s="162"/>
      <c r="BW221" s="162"/>
      <c r="BX221" s="162"/>
      <c r="BY221" s="162"/>
      <c r="BZ221" s="162"/>
      <c r="CA221" s="162"/>
      <c r="CB221" s="162"/>
      <c r="CC221" s="162"/>
      <c r="CD221" s="162"/>
      <c r="CE221" s="162"/>
      <c r="CF221" s="162"/>
      <c r="CG221" s="162"/>
      <c r="CH221" s="162"/>
      <c r="CI221" s="162"/>
      <c r="CJ221" s="162"/>
      <c r="CK221" s="162"/>
      <c r="CX221" s="98"/>
      <c r="DL221" s="97"/>
      <c r="DX221" s="98"/>
      <c r="EL221" s="97"/>
      <c r="EX221" s="98"/>
      <c r="EY221" s="97"/>
      <c r="FL221" s="126"/>
      <c r="FM221" s="91"/>
      <c r="FN221" s="91"/>
      <c r="FO221" s="91"/>
      <c r="FP221" s="91"/>
      <c r="FQ221" s="91"/>
      <c r="FR221" s="91"/>
      <c r="FS221" s="91"/>
      <c r="FT221" s="91"/>
      <c r="FU221" s="91"/>
      <c r="FV221" s="91"/>
      <c r="FW221" s="91"/>
      <c r="FX221" s="91"/>
      <c r="FY221" s="91"/>
      <c r="FZ221" s="91"/>
      <c r="GA221" s="91"/>
      <c r="GB221" s="91"/>
      <c r="GC221" s="91"/>
      <c r="GD221" s="91"/>
      <c r="GE221" s="91"/>
      <c r="GF221" s="91"/>
      <c r="GG221" s="91"/>
      <c r="GH221" s="91"/>
      <c r="GI221" s="91"/>
      <c r="GJ221" s="91"/>
      <c r="GK221" s="127"/>
      <c r="GL221" s="126"/>
      <c r="GM221" s="91"/>
      <c r="GN221" s="91"/>
      <c r="GO221" s="91"/>
      <c r="GP221" s="91"/>
      <c r="GQ221" s="91"/>
      <c r="GR221" s="91"/>
      <c r="GS221" s="91"/>
      <c r="GT221" s="91"/>
      <c r="GU221" s="91"/>
      <c r="GV221" s="91"/>
      <c r="GW221" s="91"/>
      <c r="GX221" s="91"/>
      <c r="GY221" s="91"/>
      <c r="GZ221" s="91"/>
      <c r="HA221" s="91"/>
      <c r="HB221" s="91"/>
      <c r="HC221" s="91"/>
      <c r="HD221" s="91"/>
      <c r="HE221" s="91"/>
      <c r="HF221" s="91"/>
      <c r="HG221" s="91"/>
      <c r="HH221" s="91"/>
      <c r="HI221" s="91"/>
      <c r="HJ221" s="91"/>
      <c r="HK221" s="127"/>
      <c r="HL221" s="126"/>
      <c r="HM221" s="91"/>
      <c r="HN221" s="91"/>
      <c r="HO221" s="91"/>
      <c r="HP221" s="91"/>
      <c r="HQ221" s="91"/>
      <c r="HR221" s="91"/>
      <c r="HS221" s="91"/>
      <c r="HT221" s="91"/>
      <c r="HU221" s="91"/>
      <c r="HV221" s="91"/>
      <c r="HW221" s="91"/>
      <c r="HX221" s="91"/>
      <c r="HY221" s="91"/>
      <c r="HZ221" s="91"/>
      <c r="IA221" s="91"/>
      <c r="IB221" s="91"/>
      <c r="IC221" s="91"/>
      <c r="ID221" s="91"/>
      <c r="IE221" s="91"/>
      <c r="IF221" s="91"/>
      <c r="IG221" s="91"/>
      <c r="IH221" s="91"/>
      <c r="II221" s="91"/>
      <c r="IJ221" s="91"/>
      <c r="IK221" s="127"/>
    </row>
    <row r="222" spans="2:245" x14ac:dyDescent="0.2">
      <c r="B222" s="79"/>
      <c r="C222" s="73"/>
      <c r="D222" s="64"/>
      <c r="E222" s="64"/>
      <c r="F222" s="55"/>
      <c r="G222" s="102"/>
      <c r="H222" s="55"/>
      <c r="I222" s="55"/>
      <c r="J222" s="55"/>
      <c r="K222" s="55"/>
      <c r="L222" s="55"/>
      <c r="M222" s="55"/>
      <c r="N222" s="55"/>
      <c r="O222" s="55"/>
      <c r="P222" s="55"/>
      <c r="Q222" s="55"/>
      <c r="R222" s="55"/>
      <c r="S222" s="55"/>
      <c r="T222" s="55"/>
      <c r="U222" s="55"/>
      <c r="V222" s="55"/>
      <c r="W222" s="55"/>
      <c r="X222" s="55"/>
      <c r="Y222" s="55"/>
      <c r="Z222" s="55"/>
      <c r="AA222" s="55"/>
      <c r="AB222" s="55"/>
      <c r="AC222" s="55"/>
      <c r="AD222" s="55"/>
      <c r="AE222" s="55"/>
      <c r="AF222" s="55"/>
      <c r="AG222" s="55"/>
      <c r="AY222" s="162"/>
      <c r="AZ222" s="162"/>
      <c r="BA222" s="162"/>
      <c r="BB222" s="162"/>
      <c r="BC222" s="162"/>
      <c r="BD222" s="162"/>
      <c r="BE222" s="162"/>
      <c r="BF222" s="162"/>
      <c r="BG222" s="162"/>
      <c r="BH222" s="162"/>
      <c r="BI222" s="162"/>
      <c r="BJ222" s="162"/>
      <c r="BK222" s="162"/>
      <c r="BL222" s="162"/>
      <c r="BM222" s="162"/>
      <c r="BN222" s="162"/>
      <c r="BO222" s="162"/>
      <c r="BP222" s="162"/>
      <c r="BQ222" s="162"/>
      <c r="BR222" s="162"/>
      <c r="BS222" s="162"/>
      <c r="BT222" s="162"/>
      <c r="BU222" s="162"/>
      <c r="BV222" s="162"/>
      <c r="BW222" s="162"/>
      <c r="BX222" s="162"/>
      <c r="BY222" s="162"/>
      <c r="BZ222" s="162"/>
      <c r="CA222" s="162"/>
      <c r="CB222" s="162"/>
      <c r="CC222" s="162"/>
      <c r="CD222" s="162"/>
      <c r="CE222" s="162"/>
      <c r="CF222" s="162"/>
      <c r="CG222" s="162"/>
      <c r="CH222" s="162"/>
      <c r="CI222" s="162"/>
      <c r="CJ222" s="162"/>
      <c r="CK222" s="162"/>
      <c r="CX222" s="98"/>
      <c r="DL222" s="97"/>
      <c r="DX222" s="98"/>
      <c r="EL222" s="97"/>
      <c r="EX222" s="98"/>
      <c r="EY222" s="97"/>
      <c r="FL222" s="126"/>
      <c r="FM222" s="91"/>
      <c r="FN222" s="91"/>
      <c r="FO222" s="91"/>
      <c r="FP222" s="91"/>
      <c r="FQ222" s="91"/>
      <c r="FR222" s="91"/>
      <c r="FS222" s="91"/>
      <c r="FT222" s="91"/>
      <c r="FU222" s="91"/>
      <c r="FV222" s="91"/>
      <c r="FW222" s="91"/>
      <c r="FX222" s="91"/>
      <c r="FY222" s="91"/>
      <c r="FZ222" s="91"/>
      <c r="GA222" s="91"/>
      <c r="GB222" s="91"/>
      <c r="GC222" s="91"/>
      <c r="GD222" s="91"/>
      <c r="GE222" s="91"/>
      <c r="GF222" s="91"/>
      <c r="GG222" s="91"/>
      <c r="GH222" s="91"/>
      <c r="GI222" s="91"/>
      <c r="GJ222" s="91"/>
      <c r="GK222" s="127"/>
      <c r="GL222" s="126"/>
      <c r="GM222" s="91"/>
      <c r="GN222" s="91"/>
      <c r="GO222" s="91"/>
      <c r="GP222" s="91"/>
      <c r="GQ222" s="91"/>
      <c r="GR222" s="91"/>
      <c r="GS222" s="91"/>
      <c r="GT222" s="91"/>
      <c r="GU222" s="91"/>
      <c r="GV222" s="91"/>
      <c r="GW222" s="91"/>
      <c r="GX222" s="91"/>
      <c r="GY222" s="91"/>
      <c r="GZ222" s="91"/>
      <c r="HA222" s="91"/>
      <c r="HB222" s="91"/>
      <c r="HC222" s="91"/>
      <c r="HD222" s="91"/>
      <c r="HE222" s="91"/>
      <c r="HF222" s="91"/>
      <c r="HG222" s="91"/>
      <c r="HH222" s="91"/>
      <c r="HI222" s="91"/>
      <c r="HJ222" s="91"/>
      <c r="HK222" s="127"/>
      <c r="HL222" s="126"/>
      <c r="HM222" s="91"/>
      <c r="HN222" s="91"/>
      <c r="HO222" s="91"/>
      <c r="HP222" s="91"/>
      <c r="HQ222" s="91"/>
      <c r="HR222" s="91"/>
      <c r="HS222" s="91"/>
      <c r="HT222" s="91"/>
      <c r="HU222" s="91"/>
      <c r="HV222" s="91"/>
      <c r="HW222" s="91"/>
      <c r="HX222" s="91"/>
      <c r="HY222" s="91"/>
      <c r="HZ222" s="91"/>
      <c r="IA222" s="91"/>
      <c r="IB222" s="91"/>
      <c r="IC222" s="91"/>
      <c r="ID222" s="91"/>
      <c r="IE222" s="91"/>
      <c r="IF222" s="91"/>
      <c r="IG222" s="91"/>
      <c r="IH222" s="91"/>
      <c r="II222" s="91"/>
      <c r="IJ222" s="91"/>
      <c r="IK222" s="127"/>
    </row>
    <row r="223" spans="2:245" x14ac:dyDescent="0.2">
      <c r="B223" s="79"/>
      <c r="C223" s="73"/>
      <c r="D223" s="64"/>
      <c r="E223" s="64"/>
      <c r="F223" s="55"/>
      <c r="G223" s="102"/>
      <c r="H223" s="55"/>
      <c r="I223" s="55"/>
      <c r="J223" s="55"/>
      <c r="K223" s="55"/>
      <c r="L223" s="55"/>
      <c r="M223" s="55"/>
      <c r="N223" s="55"/>
      <c r="O223" s="55"/>
      <c r="P223" s="55"/>
      <c r="Q223" s="55"/>
      <c r="R223" s="55"/>
      <c r="S223" s="55"/>
      <c r="T223" s="55"/>
      <c r="U223" s="55"/>
      <c r="V223" s="55"/>
      <c r="W223" s="55"/>
      <c r="X223" s="55"/>
      <c r="Y223" s="55"/>
      <c r="Z223" s="55"/>
      <c r="AA223" s="55"/>
      <c r="AB223" s="55"/>
      <c r="AC223" s="55"/>
      <c r="AD223" s="55"/>
      <c r="AE223" s="55"/>
      <c r="AF223" s="55"/>
      <c r="AG223" s="55"/>
      <c r="AY223" s="162"/>
      <c r="AZ223" s="162"/>
      <c r="BA223" s="162"/>
      <c r="BB223" s="162"/>
      <c r="BC223" s="162"/>
      <c r="BD223" s="162"/>
      <c r="BE223" s="162"/>
      <c r="BF223" s="162"/>
      <c r="BG223" s="162"/>
      <c r="BH223" s="162"/>
      <c r="BI223" s="162"/>
      <c r="BJ223" s="162"/>
      <c r="BK223" s="162"/>
      <c r="BL223" s="162"/>
      <c r="BM223" s="162"/>
      <c r="BN223" s="162"/>
      <c r="BO223" s="162"/>
      <c r="BP223" s="162"/>
      <c r="BQ223" s="162"/>
      <c r="BR223" s="162"/>
      <c r="BS223" s="162"/>
      <c r="BT223" s="162"/>
      <c r="BU223" s="162"/>
      <c r="BV223" s="162"/>
      <c r="BW223" s="162"/>
      <c r="BX223" s="162"/>
      <c r="BY223" s="162"/>
      <c r="BZ223" s="162"/>
      <c r="CA223" s="162"/>
      <c r="CB223" s="162"/>
      <c r="CC223" s="162"/>
      <c r="CD223" s="162"/>
      <c r="CE223" s="162"/>
      <c r="CF223" s="162"/>
      <c r="CG223" s="162"/>
      <c r="CH223" s="162"/>
      <c r="CI223" s="162"/>
      <c r="CJ223" s="162"/>
      <c r="CK223" s="162"/>
      <c r="CX223" s="98"/>
      <c r="DL223" s="97"/>
      <c r="DX223" s="98"/>
      <c r="EL223" s="97"/>
      <c r="EX223" s="98"/>
      <c r="EY223" s="97"/>
      <c r="FL223" s="126"/>
      <c r="FM223" s="91"/>
      <c r="FN223" s="91"/>
      <c r="FO223" s="91"/>
      <c r="FP223" s="91"/>
      <c r="FQ223" s="91"/>
      <c r="FR223" s="91"/>
      <c r="FS223" s="91"/>
      <c r="FT223" s="91"/>
      <c r="FU223" s="91"/>
      <c r="FV223" s="91"/>
      <c r="FW223" s="91"/>
      <c r="FX223" s="91"/>
      <c r="FY223" s="91"/>
      <c r="FZ223" s="91"/>
      <c r="GA223" s="91"/>
      <c r="GB223" s="91"/>
      <c r="GC223" s="91"/>
      <c r="GD223" s="91"/>
      <c r="GE223" s="91"/>
      <c r="GF223" s="91"/>
      <c r="GG223" s="91"/>
      <c r="GH223" s="91"/>
      <c r="GI223" s="91"/>
      <c r="GJ223" s="91"/>
      <c r="GK223" s="127"/>
      <c r="GL223" s="126"/>
      <c r="GM223" s="91"/>
      <c r="GN223" s="91"/>
      <c r="GO223" s="91"/>
      <c r="GP223" s="91"/>
      <c r="GQ223" s="91"/>
      <c r="GR223" s="91"/>
      <c r="GS223" s="91"/>
      <c r="GT223" s="91"/>
      <c r="GU223" s="91"/>
      <c r="GV223" s="91"/>
      <c r="GW223" s="91"/>
      <c r="GX223" s="91"/>
      <c r="GY223" s="91"/>
      <c r="GZ223" s="91"/>
      <c r="HA223" s="91"/>
      <c r="HB223" s="91"/>
      <c r="HC223" s="91"/>
      <c r="HD223" s="91"/>
      <c r="HE223" s="91"/>
      <c r="HF223" s="91"/>
      <c r="HG223" s="91"/>
      <c r="HH223" s="91"/>
      <c r="HI223" s="91"/>
      <c r="HJ223" s="91"/>
      <c r="HK223" s="127"/>
      <c r="HL223" s="126"/>
      <c r="HM223" s="91"/>
      <c r="HN223" s="91"/>
      <c r="HO223" s="91"/>
      <c r="HP223" s="91"/>
      <c r="HQ223" s="91"/>
      <c r="HR223" s="91"/>
      <c r="HS223" s="91"/>
      <c r="HT223" s="91"/>
      <c r="HU223" s="91"/>
      <c r="HV223" s="91"/>
      <c r="HW223" s="91"/>
      <c r="HX223" s="91"/>
      <c r="HY223" s="91"/>
      <c r="HZ223" s="91"/>
      <c r="IA223" s="91"/>
      <c r="IB223" s="91"/>
      <c r="IC223" s="91"/>
      <c r="ID223" s="91"/>
      <c r="IE223" s="91"/>
      <c r="IF223" s="91"/>
      <c r="IG223" s="91"/>
      <c r="IH223" s="91"/>
      <c r="II223" s="91"/>
      <c r="IJ223" s="91"/>
      <c r="IK223" s="127"/>
    </row>
    <row r="224" spans="2:245" x14ac:dyDescent="0.2">
      <c r="B224" s="79"/>
      <c r="C224" s="73"/>
      <c r="D224" s="64"/>
      <c r="E224" s="64"/>
      <c r="F224" s="55"/>
      <c r="G224" s="102"/>
      <c r="H224" s="55"/>
      <c r="I224" s="55"/>
      <c r="J224" s="55"/>
      <c r="K224" s="55"/>
      <c r="L224" s="55"/>
      <c r="M224" s="55"/>
      <c r="N224" s="55"/>
      <c r="O224" s="55"/>
      <c r="P224" s="55"/>
      <c r="Q224" s="55"/>
      <c r="R224" s="55"/>
      <c r="S224" s="55"/>
      <c r="T224" s="55"/>
      <c r="U224" s="55"/>
      <c r="V224" s="55"/>
      <c r="W224" s="55"/>
      <c r="X224" s="55"/>
      <c r="Y224" s="55"/>
      <c r="Z224" s="55"/>
      <c r="AA224" s="55"/>
      <c r="AB224" s="55"/>
      <c r="AC224" s="55"/>
      <c r="AD224" s="55"/>
      <c r="AE224" s="55"/>
      <c r="AF224" s="55"/>
      <c r="AG224" s="55"/>
      <c r="AY224" s="162"/>
      <c r="AZ224" s="162"/>
      <c r="BA224" s="162"/>
      <c r="BB224" s="162"/>
      <c r="BC224" s="162"/>
      <c r="BD224" s="162"/>
      <c r="BE224" s="162"/>
      <c r="BF224" s="162"/>
      <c r="BG224" s="162"/>
      <c r="BH224" s="162"/>
      <c r="BI224" s="162"/>
      <c r="BJ224" s="162"/>
      <c r="BK224" s="162"/>
      <c r="BL224" s="162"/>
      <c r="BM224" s="162"/>
      <c r="BN224" s="162"/>
      <c r="BO224" s="162"/>
      <c r="BP224" s="162"/>
      <c r="BQ224" s="162"/>
      <c r="BR224" s="162"/>
      <c r="BS224" s="162"/>
      <c r="BT224" s="162"/>
      <c r="BU224" s="162"/>
      <c r="BV224" s="162"/>
      <c r="BW224" s="162"/>
      <c r="BX224" s="162"/>
      <c r="BY224" s="162"/>
      <c r="BZ224" s="162"/>
      <c r="CA224" s="162"/>
      <c r="CB224" s="162"/>
      <c r="CC224" s="162"/>
      <c r="CD224" s="162"/>
      <c r="CE224" s="162"/>
      <c r="CF224" s="162"/>
      <c r="CG224" s="162"/>
      <c r="CH224" s="162"/>
      <c r="CI224" s="162"/>
      <c r="CJ224" s="162"/>
      <c r="CK224" s="162"/>
      <c r="CX224" s="98"/>
      <c r="DL224" s="97"/>
      <c r="DX224" s="98"/>
      <c r="EL224" s="97"/>
      <c r="EX224" s="98"/>
      <c r="EY224" s="97"/>
      <c r="FL224" s="126"/>
      <c r="FM224" s="91"/>
      <c r="FN224" s="91"/>
      <c r="FO224" s="91"/>
      <c r="FP224" s="91"/>
      <c r="FQ224" s="91"/>
      <c r="FR224" s="91"/>
      <c r="FS224" s="91"/>
      <c r="FT224" s="91"/>
      <c r="FU224" s="91"/>
      <c r="FV224" s="91"/>
      <c r="FW224" s="91"/>
      <c r="FX224" s="91"/>
      <c r="FY224" s="91"/>
      <c r="FZ224" s="91"/>
      <c r="GA224" s="91"/>
      <c r="GB224" s="91"/>
      <c r="GC224" s="91"/>
      <c r="GD224" s="91"/>
      <c r="GE224" s="91"/>
      <c r="GF224" s="91"/>
      <c r="GG224" s="91"/>
      <c r="GH224" s="91"/>
      <c r="GI224" s="91"/>
      <c r="GJ224" s="91"/>
      <c r="GK224" s="127"/>
      <c r="GL224" s="126"/>
      <c r="GM224" s="91"/>
      <c r="GN224" s="91"/>
      <c r="GO224" s="91"/>
      <c r="GP224" s="91"/>
      <c r="GQ224" s="91"/>
      <c r="GR224" s="91"/>
      <c r="GS224" s="91"/>
      <c r="GT224" s="91"/>
      <c r="GU224" s="91"/>
      <c r="GV224" s="91"/>
      <c r="GW224" s="91"/>
      <c r="GX224" s="91"/>
      <c r="GY224" s="91"/>
      <c r="GZ224" s="91"/>
      <c r="HA224" s="91"/>
      <c r="HB224" s="91"/>
      <c r="HC224" s="91"/>
      <c r="HD224" s="91"/>
      <c r="HE224" s="91"/>
      <c r="HF224" s="91"/>
      <c r="HG224" s="91"/>
      <c r="HH224" s="91"/>
      <c r="HI224" s="91"/>
      <c r="HJ224" s="91"/>
      <c r="HK224" s="127"/>
      <c r="HL224" s="126"/>
      <c r="HM224" s="91"/>
      <c r="HN224" s="91"/>
      <c r="HO224" s="91"/>
      <c r="HP224" s="91"/>
      <c r="HQ224" s="91"/>
      <c r="HR224" s="91"/>
      <c r="HS224" s="91"/>
      <c r="HT224" s="91"/>
      <c r="HU224" s="91"/>
      <c r="HV224" s="91"/>
      <c r="HW224" s="91"/>
      <c r="HX224" s="91"/>
      <c r="HY224" s="91"/>
      <c r="HZ224" s="91"/>
      <c r="IA224" s="91"/>
      <c r="IB224" s="91"/>
      <c r="IC224" s="91"/>
      <c r="ID224" s="91"/>
      <c r="IE224" s="91"/>
      <c r="IF224" s="91"/>
      <c r="IG224" s="91"/>
      <c r="IH224" s="91"/>
      <c r="II224" s="91"/>
      <c r="IJ224" s="91"/>
      <c r="IK224" s="127"/>
    </row>
    <row r="225" spans="2:245" x14ac:dyDescent="0.2">
      <c r="B225" s="79"/>
      <c r="C225" s="73"/>
      <c r="D225" s="64"/>
      <c r="E225" s="64"/>
      <c r="F225" s="55"/>
      <c r="G225" s="102"/>
      <c r="H225" s="55"/>
      <c r="I225" s="55"/>
      <c r="J225" s="55"/>
      <c r="K225" s="55"/>
      <c r="L225" s="55"/>
      <c r="M225" s="55"/>
      <c r="N225" s="55"/>
      <c r="O225" s="55"/>
      <c r="P225" s="55"/>
      <c r="Q225" s="55"/>
      <c r="R225" s="55"/>
      <c r="S225" s="55"/>
      <c r="T225" s="55"/>
      <c r="U225" s="55"/>
      <c r="V225" s="55"/>
      <c r="W225" s="55"/>
      <c r="X225" s="55"/>
      <c r="Y225" s="55"/>
      <c r="Z225" s="55"/>
      <c r="AA225" s="55"/>
      <c r="AB225" s="55"/>
      <c r="AC225" s="55"/>
      <c r="AD225" s="55"/>
      <c r="AE225" s="55"/>
      <c r="AF225" s="55"/>
      <c r="AG225" s="55"/>
      <c r="AY225" s="162"/>
      <c r="AZ225" s="162"/>
      <c r="BA225" s="162"/>
      <c r="BB225" s="162"/>
      <c r="BC225" s="162"/>
      <c r="BD225" s="162"/>
      <c r="BE225" s="162"/>
      <c r="BF225" s="162"/>
      <c r="BG225" s="162"/>
      <c r="BH225" s="162"/>
      <c r="BI225" s="162"/>
      <c r="BJ225" s="162"/>
      <c r="BK225" s="162"/>
      <c r="BL225" s="162"/>
      <c r="BM225" s="162"/>
      <c r="BN225" s="162"/>
      <c r="BO225" s="162"/>
      <c r="BP225" s="162"/>
      <c r="BQ225" s="162"/>
      <c r="BR225" s="162"/>
      <c r="BS225" s="162"/>
      <c r="BT225" s="162"/>
      <c r="BU225" s="162"/>
      <c r="BV225" s="162"/>
      <c r="BW225" s="162"/>
      <c r="BX225" s="162"/>
      <c r="BY225" s="162"/>
      <c r="BZ225" s="162"/>
      <c r="CA225" s="162"/>
      <c r="CB225" s="162"/>
      <c r="CC225" s="162"/>
      <c r="CD225" s="162"/>
      <c r="CE225" s="162"/>
      <c r="CF225" s="162"/>
      <c r="CG225" s="162"/>
      <c r="CH225" s="162"/>
      <c r="CI225" s="162"/>
      <c r="CJ225" s="162"/>
      <c r="CK225" s="162"/>
      <c r="CX225" s="98"/>
      <c r="DL225" s="97"/>
      <c r="DX225" s="98"/>
      <c r="EL225" s="97"/>
      <c r="EX225" s="98"/>
      <c r="EY225" s="97"/>
      <c r="FL225" s="126"/>
      <c r="FM225" s="91"/>
      <c r="FN225" s="91"/>
      <c r="FO225" s="91"/>
      <c r="FP225" s="91"/>
      <c r="FQ225" s="91"/>
      <c r="FR225" s="91"/>
      <c r="FS225" s="91"/>
      <c r="FT225" s="91"/>
      <c r="FU225" s="91"/>
      <c r="FV225" s="91"/>
      <c r="FW225" s="91"/>
      <c r="FX225" s="91"/>
      <c r="FY225" s="91"/>
      <c r="FZ225" s="91"/>
      <c r="GA225" s="91"/>
      <c r="GB225" s="91"/>
      <c r="GC225" s="91"/>
      <c r="GD225" s="91"/>
      <c r="GE225" s="91"/>
      <c r="GF225" s="91"/>
      <c r="GG225" s="91"/>
      <c r="GH225" s="91"/>
      <c r="GI225" s="91"/>
      <c r="GJ225" s="91"/>
      <c r="GK225" s="127"/>
      <c r="GL225" s="126"/>
      <c r="GM225" s="91"/>
      <c r="GN225" s="91"/>
      <c r="GO225" s="91"/>
      <c r="GP225" s="91"/>
      <c r="GQ225" s="91"/>
      <c r="GR225" s="91"/>
      <c r="GS225" s="91"/>
      <c r="GT225" s="91"/>
      <c r="GU225" s="91"/>
      <c r="GV225" s="91"/>
      <c r="GW225" s="91"/>
      <c r="GX225" s="91"/>
      <c r="GY225" s="91"/>
      <c r="GZ225" s="91"/>
      <c r="HA225" s="91"/>
      <c r="HB225" s="91"/>
      <c r="HC225" s="91"/>
      <c r="HD225" s="91"/>
      <c r="HE225" s="91"/>
      <c r="HF225" s="91"/>
      <c r="HG225" s="91"/>
      <c r="HH225" s="91"/>
      <c r="HI225" s="91"/>
      <c r="HJ225" s="91"/>
      <c r="HK225" s="127"/>
      <c r="HL225" s="126"/>
      <c r="HM225" s="91"/>
      <c r="HN225" s="91"/>
      <c r="HO225" s="91"/>
      <c r="HP225" s="91"/>
      <c r="HQ225" s="91"/>
      <c r="HR225" s="91"/>
      <c r="HS225" s="91"/>
      <c r="HT225" s="91"/>
      <c r="HU225" s="91"/>
      <c r="HV225" s="91"/>
      <c r="HW225" s="91"/>
      <c r="HX225" s="91"/>
      <c r="HY225" s="91"/>
      <c r="HZ225" s="91"/>
      <c r="IA225" s="91"/>
      <c r="IB225" s="91"/>
      <c r="IC225" s="91"/>
      <c r="ID225" s="91"/>
      <c r="IE225" s="91"/>
      <c r="IF225" s="91"/>
      <c r="IG225" s="91"/>
      <c r="IH225" s="91"/>
      <c r="II225" s="91"/>
      <c r="IJ225" s="91"/>
      <c r="IK225" s="127"/>
    </row>
    <row r="226" spans="2:245" x14ac:dyDescent="0.2">
      <c r="B226" s="79"/>
      <c r="C226" s="73"/>
      <c r="D226" s="64"/>
      <c r="E226" s="64"/>
      <c r="F226" s="55"/>
      <c r="G226" s="102"/>
      <c r="H226" s="55"/>
      <c r="I226" s="55"/>
      <c r="J226" s="55"/>
      <c r="K226" s="55"/>
      <c r="L226" s="55"/>
      <c r="M226" s="55"/>
      <c r="N226" s="55"/>
      <c r="O226" s="55"/>
      <c r="P226" s="55"/>
      <c r="Q226" s="55"/>
      <c r="R226" s="55"/>
      <c r="S226" s="55"/>
      <c r="T226" s="55"/>
      <c r="U226" s="55"/>
      <c r="V226" s="55"/>
      <c r="W226" s="55"/>
      <c r="X226" s="55"/>
      <c r="Y226" s="55"/>
      <c r="Z226" s="55"/>
      <c r="AA226" s="55"/>
      <c r="AB226" s="55"/>
      <c r="AC226" s="55"/>
      <c r="AD226" s="55"/>
      <c r="AE226" s="55"/>
      <c r="AF226" s="55"/>
      <c r="AG226" s="55"/>
      <c r="AY226" s="162"/>
      <c r="AZ226" s="162"/>
      <c r="BA226" s="162"/>
      <c r="BB226" s="162"/>
      <c r="BC226" s="162"/>
      <c r="BD226" s="162"/>
      <c r="BE226" s="162"/>
      <c r="BF226" s="162"/>
      <c r="BG226" s="162"/>
      <c r="BH226" s="162"/>
      <c r="BI226" s="162"/>
      <c r="BJ226" s="162"/>
      <c r="BK226" s="162"/>
      <c r="BL226" s="162"/>
      <c r="BM226" s="162"/>
      <c r="BN226" s="162"/>
      <c r="BO226" s="162"/>
      <c r="BP226" s="162"/>
      <c r="BQ226" s="162"/>
      <c r="BR226" s="162"/>
      <c r="BS226" s="162"/>
      <c r="BT226" s="162"/>
      <c r="BU226" s="162"/>
      <c r="BV226" s="162"/>
      <c r="BW226" s="162"/>
      <c r="BX226" s="162"/>
      <c r="BY226" s="162"/>
      <c r="BZ226" s="162"/>
      <c r="CA226" s="162"/>
      <c r="CB226" s="162"/>
      <c r="CC226" s="162"/>
      <c r="CD226" s="162"/>
      <c r="CE226" s="162"/>
      <c r="CF226" s="162"/>
      <c r="CG226" s="162"/>
      <c r="CH226" s="162"/>
      <c r="CI226" s="162"/>
      <c r="CJ226" s="162"/>
      <c r="CK226" s="162"/>
      <c r="CX226" s="98"/>
      <c r="DL226" s="97"/>
      <c r="DX226" s="98"/>
      <c r="EL226" s="97"/>
      <c r="EX226" s="98"/>
      <c r="EY226" s="97"/>
      <c r="FL226" s="126"/>
      <c r="FM226" s="91"/>
      <c r="FN226" s="91"/>
      <c r="FO226" s="91"/>
      <c r="FP226" s="91"/>
      <c r="FQ226" s="91"/>
      <c r="FR226" s="91"/>
      <c r="FS226" s="91"/>
      <c r="FT226" s="91"/>
      <c r="FU226" s="91"/>
      <c r="FV226" s="91"/>
      <c r="FW226" s="91"/>
      <c r="FX226" s="91"/>
      <c r="FY226" s="91"/>
      <c r="FZ226" s="91"/>
      <c r="GA226" s="91"/>
      <c r="GB226" s="91"/>
      <c r="GC226" s="91"/>
      <c r="GD226" s="91"/>
      <c r="GE226" s="91"/>
      <c r="GF226" s="91"/>
      <c r="GG226" s="91"/>
      <c r="GH226" s="91"/>
      <c r="GI226" s="91"/>
      <c r="GJ226" s="91"/>
      <c r="GK226" s="127"/>
      <c r="GL226" s="126"/>
      <c r="GM226" s="91"/>
      <c r="GN226" s="91"/>
      <c r="GO226" s="91"/>
      <c r="GP226" s="91"/>
      <c r="GQ226" s="91"/>
      <c r="GR226" s="91"/>
      <c r="GS226" s="91"/>
      <c r="GT226" s="91"/>
      <c r="GU226" s="91"/>
      <c r="GV226" s="91"/>
      <c r="GW226" s="91"/>
      <c r="GX226" s="91"/>
      <c r="GY226" s="91"/>
      <c r="GZ226" s="91"/>
      <c r="HA226" s="91"/>
      <c r="HB226" s="91"/>
      <c r="HC226" s="91"/>
      <c r="HD226" s="91"/>
      <c r="HE226" s="91"/>
      <c r="HF226" s="91"/>
      <c r="HG226" s="91"/>
      <c r="HH226" s="91"/>
      <c r="HI226" s="91"/>
      <c r="HJ226" s="91"/>
      <c r="HK226" s="127"/>
      <c r="HL226" s="126"/>
      <c r="HM226" s="91"/>
      <c r="HN226" s="91"/>
      <c r="HO226" s="91"/>
      <c r="HP226" s="91"/>
      <c r="HQ226" s="91"/>
      <c r="HR226" s="91"/>
      <c r="HS226" s="91"/>
      <c r="HT226" s="91"/>
      <c r="HU226" s="91"/>
      <c r="HV226" s="91"/>
      <c r="HW226" s="91"/>
      <c r="HX226" s="91"/>
      <c r="HY226" s="91"/>
      <c r="HZ226" s="91"/>
      <c r="IA226" s="91"/>
      <c r="IB226" s="91"/>
      <c r="IC226" s="91"/>
      <c r="ID226" s="91"/>
      <c r="IE226" s="91"/>
      <c r="IF226" s="91"/>
      <c r="IG226" s="91"/>
      <c r="IH226" s="91"/>
      <c r="II226" s="91"/>
      <c r="IJ226" s="91"/>
      <c r="IK226" s="127"/>
    </row>
    <row r="227" spans="2:245" x14ac:dyDescent="0.2">
      <c r="B227" s="79"/>
      <c r="C227" s="73"/>
      <c r="D227" s="64"/>
      <c r="E227" s="64"/>
      <c r="F227" s="55"/>
      <c r="G227" s="102"/>
      <c r="H227" s="55"/>
      <c r="I227" s="55"/>
      <c r="J227" s="55"/>
      <c r="K227" s="55"/>
      <c r="L227" s="55"/>
      <c r="M227" s="55"/>
      <c r="N227" s="55"/>
      <c r="O227" s="55"/>
      <c r="P227" s="55"/>
      <c r="Q227" s="55"/>
      <c r="R227" s="55"/>
      <c r="S227" s="55"/>
      <c r="T227" s="55"/>
      <c r="U227" s="55"/>
      <c r="V227" s="55"/>
      <c r="W227" s="55"/>
      <c r="X227" s="55"/>
      <c r="Y227" s="55"/>
      <c r="Z227" s="55"/>
      <c r="AA227" s="55"/>
      <c r="AB227" s="55"/>
      <c r="AC227" s="55"/>
      <c r="AD227" s="55"/>
      <c r="AE227" s="55"/>
      <c r="AF227" s="55"/>
      <c r="AG227" s="55"/>
      <c r="AY227" s="162"/>
      <c r="AZ227" s="162"/>
      <c r="BA227" s="162"/>
      <c r="BB227" s="162"/>
      <c r="BC227" s="162"/>
      <c r="BD227" s="162"/>
      <c r="BE227" s="162"/>
      <c r="BF227" s="162"/>
      <c r="BG227" s="162"/>
      <c r="BH227" s="162"/>
      <c r="BI227" s="162"/>
      <c r="BJ227" s="162"/>
      <c r="BK227" s="162"/>
      <c r="BL227" s="162"/>
      <c r="BM227" s="162"/>
      <c r="BN227" s="162"/>
      <c r="BO227" s="162"/>
      <c r="BP227" s="162"/>
      <c r="BQ227" s="162"/>
      <c r="BR227" s="162"/>
      <c r="BS227" s="162"/>
      <c r="BT227" s="162"/>
      <c r="BU227" s="162"/>
      <c r="BV227" s="162"/>
      <c r="BW227" s="162"/>
      <c r="BX227" s="162"/>
      <c r="BY227" s="162"/>
      <c r="BZ227" s="162"/>
      <c r="CA227" s="162"/>
      <c r="CB227" s="162"/>
      <c r="CC227" s="162"/>
      <c r="CD227" s="162"/>
      <c r="CE227" s="162"/>
      <c r="CF227" s="162"/>
      <c r="CG227" s="162"/>
      <c r="CH227" s="162"/>
      <c r="CI227" s="162"/>
      <c r="CJ227" s="162"/>
      <c r="CK227" s="162"/>
      <c r="CX227" s="98"/>
      <c r="DL227" s="97"/>
      <c r="DX227" s="98"/>
      <c r="EL227" s="97"/>
      <c r="EX227" s="98"/>
      <c r="EY227" s="97"/>
      <c r="FL227" s="126"/>
      <c r="FM227" s="91"/>
      <c r="FN227" s="91"/>
      <c r="FO227" s="91"/>
      <c r="FP227" s="91"/>
      <c r="FQ227" s="91"/>
      <c r="FR227" s="91"/>
      <c r="FS227" s="91"/>
      <c r="FT227" s="91"/>
      <c r="FU227" s="91"/>
      <c r="FV227" s="91"/>
      <c r="FW227" s="91"/>
      <c r="FX227" s="91"/>
      <c r="FY227" s="91"/>
      <c r="FZ227" s="91"/>
      <c r="GA227" s="91"/>
      <c r="GB227" s="91"/>
      <c r="GC227" s="91"/>
      <c r="GD227" s="91"/>
      <c r="GE227" s="91"/>
      <c r="GF227" s="91"/>
      <c r="GG227" s="91"/>
      <c r="GH227" s="91"/>
      <c r="GI227" s="91"/>
      <c r="GJ227" s="91"/>
      <c r="GK227" s="127"/>
      <c r="GL227" s="126"/>
      <c r="GM227" s="91"/>
      <c r="GN227" s="91"/>
      <c r="GO227" s="91"/>
      <c r="GP227" s="91"/>
      <c r="GQ227" s="91"/>
      <c r="GR227" s="91"/>
      <c r="GS227" s="91"/>
      <c r="GT227" s="91"/>
      <c r="GU227" s="91"/>
      <c r="GV227" s="91"/>
      <c r="GW227" s="91"/>
      <c r="GX227" s="91"/>
      <c r="GY227" s="91"/>
      <c r="GZ227" s="91"/>
      <c r="HA227" s="91"/>
      <c r="HB227" s="91"/>
      <c r="HC227" s="91"/>
      <c r="HD227" s="91"/>
      <c r="HE227" s="91"/>
      <c r="HF227" s="91"/>
      <c r="HG227" s="91"/>
      <c r="HH227" s="91"/>
      <c r="HI227" s="91"/>
      <c r="HJ227" s="91"/>
      <c r="HK227" s="127"/>
      <c r="HL227" s="126"/>
      <c r="HM227" s="91"/>
      <c r="HN227" s="91"/>
      <c r="HO227" s="91"/>
      <c r="HP227" s="91"/>
      <c r="HQ227" s="91"/>
      <c r="HR227" s="91"/>
      <c r="HS227" s="91"/>
      <c r="HT227" s="91"/>
      <c r="HU227" s="91"/>
      <c r="HV227" s="91"/>
      <c r="HW227" s="91"/>
      <c r="HX227" s="91"/>
      <c r="HY227" s="91"/>
      <c r="HZ227" s="91"/>
      <c r="IA227" s="91"/>
      <c r="IB227" s="91"/>
      <c r="IC227" s="91"/>
      <c r="ID227" s="91"/>
      <c r="IE227" s="91"/>
      <c r="IF227" s="91"/>
      <c r="IG227" s="91"/>
      <c r="IH227" s="91"/>
      <c r="II227" s="91"/>
      <c r="IJ227" s="91"/>
      <c r="IK227" s="127"/>
    </row>
    <row r="228" spans="2:245" x14ac:dyDescent="0.2">
      <c r="B228" s="79"/>
      <c r="C228" s="73"/>
      <c r="D228" s="64"/>
      <c r="E228" s="64"/>
      <c r="F228" s="55"/>
      <c r="G228" s="102"/>
      <c r="H228" s="55"/>
      <c r="I228" s="55"/>
      <c r="J228" s="55"/>
      <c r="K228" s="55"/>
      <c r="L228" s="55"/>
      <c r="M228" s="55"/>
      <c r="N228" s="55"/>
      <c r="O228" s="55"/>
      <c r="P228" s="55"/>
      <c r="Q228" s="55"/>
      <c r="R228" s="55"/>
      <c r="S228" s="55"/>
      <c r="T228" s="55"/>
      <c r="U228" s="55"/>
      <c r="V228" s="55"/>
      <c r="W228" s="55"/>
      <c r="X228" s="55"/>
      <c r="Y228" s="55"/>
      <c r="Z228" s="55"/>
      <c r="AA228" s="55"/>
      <c r="AB228" s="55"/>
      <c r="AC228" s="55"/>
      <c r="AD228" s="55"/>
      <c r="AE228" s="55"/>
      <c r="AF228" s="55"/>
      <c r="AG228" s="55"/>
      <c r="AY228" s="162"/>
      <c r="AZ228" s="162"/>
      <c r="BA228" s="162"/>
      <c r="BB228" s="162"/>
      <c r="BC228" s="162"/>
      <c r="BD228" s="162"/>
      <c r="BE228" s="162"/>
      <c r="BF228" s="162"/>
      <c r="BG228" s="162"/>
      <c r="BH228" s="162"/>
      <c r="BI228" s="162"/>
      <c r="BJ228" s="162"/>
      <c r="BK228" s="162"/>
      <c r="BL228" s="162"/>
      <c r="BM228" s="162"/>
      <c r="BN228" s="162"/>
      <c r="BO228" s="162"/>
      <c r="BP228" s="162"/>
      <c r="BQ228" s="162"/>
      <c r="BR228" s="162"/>
      <c r="BS228" s="162"/>
      <c r="BT228" s="162"/>
      <c r="BU228" s="162"/>
      <c r="BV228" s="162"/>
      <c r="BW228" s="162"/>
      <c r="BX228" s="162"/>
      <c r="BY228" s="162"/>
      <c r="BZ228" s="162"/>
      <c r="CA228" s="162"/>
      <c r="CB228" s="162"/>
      <c r="CC228" s="162"/>
      <c r="CD228" s="162"/>
      <c r="CE228" s="162"/>
      <c r="CF228" s="162"/>
      <c r="CG228" s="162"/>
      <c r="CH228" s="162"/>
      <c r="CI228" s="162"/>
      <c r="CJ228" s="162"/>
      <c r="CK228" s="162"/>
      <c r="CX228" s="98"/>
      <c r="DL228" s="97"/>
      <c r="DX228" s="98"/>
      <c r="EL228" s="97"/>
      <c r="EX228" s="98"/>
      <c r="EY228" s="97"/>
      <c r="FL228" s="126"/>
      <c r="FM228" s="91"/>
      <c r="FN228" s="91"/>
      <c r="FO228" s="91"/>
      <c r="FP228" s="91"/>
      <c r="FQ228" s="91"/>
      <c r="FR228" s="91"/>
      <c r="FS228" s="91"/>
      <c r="FT228" s="91"/>
      <c r="FU228" s="91"/>
      <c r="FV228" s="91"/>
      <c r="FW228" s="91"/>
      <c r="FX228" s="91"/>
      <c r="FY228" s="91"/>
      <c r="FZ228" s="91"/>
      <c r="GA228" s="91"/>
      <c r="GB228" s="91"/>
      <c r="GC228" s="91"/>
      <c r="GD228" s="91"/>
      <c r="GE228" s="91"/>
      <c r="GF228" s="91"/>
      <c r="GG228" s="91"/>
      <c r="GH228" s="91"/>
      <c r="GI228" s="91"/>
      <c r="GJ228" s="91"/>
      <c r="GK228" s="127"/>
      <c r="GL228" s="126"/>
      <c r="GM228" s="91"/>
      <c r="GN228" s="91"/>
      <c r="GO228" s="91"/>
      <c r="GP228" s="91"/>
      <c r="GQ228" s="91"/>
      <c r="GR228" s="91"/>
      <c r="GS228" s="91"/>
      <c r="GT228" s="91"/>
      <c r="GU228" s="91"/>
      <c r="GV228" s="91"/>
      <c r="GW228" s="91"/>
      <c r="GX228" s="91"/>
      <c r="GY228" s="91"/>
      <c r="GZ228" s="91"/>
      <c r="HA228" s="91"/>
      <c r="HB228" s="91"/>
      <c r="HC228" s="91"/>
      <c r="HD228" s="91"/>
      <c r="HE228" s="91"/>
      <c r="HF228" s="91"/>
      <c r="HG228" s="91"/>
      <c r="HH228" s="91"/>
      <c r="HI228" s="91"/>
      <c r="HJ228" s="91"/>
      <c r="HK228" s="127"/>
      <c r="HL228" s="126"/>
      <c r="HM228" s="91"/>
      <c r="HN228" s="91"/>
      <c r="HO228" s="91"/>
      <c r="HP228" s="91"/>
      <c r="HQ228" s="91"/>
      <c r="HR228" s="91"/>
      <c r="HS228" s="91"/>
      <c r="HT228" s="91"/>
      <c r="HU228" s="91"/>
      <c r="HV228" s="91"/>
      <c r="HW228" s="91"/>
      <c r="HX228" s="91"/>
      <c r="HY228" s="91"/>
      <c r="HZ228" s="91"/>
      <c r="IA228" s="91"/>
      <c r="IB228" s="91"/>
      <c r="IC228" s="91"/>
      <c r="ID228" s="91"/>
      <c r="IE228" s="91"/>
      <c r="IF228" s="91"/>
      <c r="IG228" s="91"/>
      <c r="IH228" s="91"/>
      <c r="II228" s="91"/>
      <c r="IJ228" s="91"/>
      <c r="IK228" s="127"/>
    </row>
    <row r="229" spans="2:245" x14ac:dyDescent="0.2">
      <c r="B229" s="79"/>
      <c r="C229" s="73"/>
      <c r="D229" s="64"/>
      <c r="E229" s="64"/>
      <c r="F229" s="55"/>
      <c r="G229" s="102"/>
      <c r="H229" s="55"/>
      <c r="I229" s="55"/>
      <c r="J229" s="55"/>
      <c r="K229" s="55"/>
      <c r="L229" s="55"/>
      <c r="M229" s="55"/>
      <c r="N229" s="55"/>
      <c r="O229" s="55"/>
      <c r="P229" s="55"/>
      <c r="Q229" s="55"/>
      <c r="R229" s="55"/>
      <c r="S229" s="55"/>
      <c r="T229" s="55"/>
      <c r="U229" s="55"/>
      <c r="V229" s="55"/>
      <c r="W229" s="55"/>
      <c r="X229" s="55"/>
      <c r="Y229" s="55"/>
      <c r="Z229" s="55"/>
      <c r="AA229" s="55"/>
      <c r="AB229" s="55"/>
      <c r="AC229" s="55"/>
      <c r="AD229" s="55"/>
      <c r="AE229" s="55"/>
      <c r="AF229" s="55"/>
      <c r="AG229" s="55"/>
      <c r="AY229" s="162"/>
      <c r="AZ229" s="162"/>
      <c r="BA229" s="162"/>
      <c r="BB229" s="162"/>
      <c r="BC229" s="162"/>
      <c r="BD229" s="162"/>
      <c r="BE229" s="162"/>
      <c r="BF229" s="162"/>
      <c r="BG229" s="162"/>
      <c r="BH229" s="162"/>
      <c r="BI229" s="162"/>
      <c r="BJ229" s="162"/>
      <c r="BK229" s="162"/>
      <c r="BL229" s="162"/>
      <c r="BM229" s="162"/>
      <c r="BN229" s="162"/>
      <c r="BO229" s="162"/>
      <c r="BP229" s="162"/>
      <c r="BQ229" s="162"/>
      <c r="BR229" s="162"/>
      <c r="BS229" s="162"/>
      <c r="BT229" s="162"/>
      <c r="BU229" s="162"/>
      <c r="BV229" s="162"/>
      <c r="BW229" s="162"/>
      <c r="BX229" s="162"/>
      <c r="BY229" s="162"/>
      <c r="BZ229" s="162"/>
      <c r="CA229" s="162"/>
      <c r="CB229" s="162"/>
      <c r="CC229" s="162"/>
      <c r="CD229" s="162"/>
      <c r="CE229" s="162"/>
      <c r="CF229" s="162"/>
      <c r="CG229" s="162"/>
      <c r="CH229" s="162"/>
      <c r="CI229" s="162"/>
      <c r="CJ229" s="162"/>
      <c r="CK229" s="162"/>
      <c r="CX229" s="98"/>
      <c r="DL229" s="97"/>
      <c r="DX229" s="98"/>
      <c r="EL229" s="97"/>
      <c r="EX229" s="98"/>
      <c r="EY229" s="97"/>
      <c r="FL229" s="126"/>
      <c r="FM229" s="91"/>
      <c r="FN229" s="91"/>
      <c r="FO229" s="91"/>
      <c r="FP229" s="91"/>
      <c r="FQ229" s="91"/>
      <c r="FR229" s="91"/>
      <c r="FS229" s="91"/>
      <c r="FT229" s="91"/>
      <c r="FU229" s="91"/>
      <c r="FV229" s="91"/>
      <c r="FW229" s="91"/>
      <c r="FX229" s="91"/>
      <c r="FY229" s="91"/>
      <c r="FZ229" s="91"/>
      <c r="GA229" s="91"/>
      <c r="GB229" s="91"/>
      <c r="GC229" s="91"/>
      <c r="GD229" s="91"/>
      <c r="GE229" s="91"/>
      <c r="GF229" s="91"/>
      <c r="GG229" s="91"/>
      <c r="GH229" s="91"/>
      <c r="GI229" s="91"/>
      <c r="GJ229" s="91"/>
      <c r="GK229" s="127"/>
      <c r="GL229" s="126"/>
      <c r="GM229" s="91"/>
      <c r="GN229" s="91"/>
      <c r="GO229" s="91"/>
      <c r="GP229" s="91"/>
      <c r="GQ229" s="91"/>
      <c r="GR229" s="91"/>
      <c r="GS229" s="91"/>
      <c r="GT229" s="91"/>
      <c r="GU229" s="91"/>
      <c r="GV229" s="91"/>
      <c r="GW229" s="91"/>
      <c r="GX229" s="91"/>
      <c r="GY229" s="91"/>
      <c r="GZ229" s="91"/>
      <c r="HA229" s="91"/>
      <c r="HB229" s="91"/>
      <c r="HC229" s="91"/>
      <c r="HD229" s="91"/>
      <c r="HE229" s="91"/>
      <c r="HF229" s="91"/>
      <c r="HG229" s="91"/>
      <c r="HH229" s="91"/>
      <c r="HI229" s="91"/>
      <c r="HJ229" s="91"/>
      <c r="HK229" s="127"/>
      <c r="HL229" s="126"/>
      <c r="HM229" s="91"/>
      <c r="HN229" s="91"/>
      <c r="HO229" s="91"/>
      <c r="HP229" s="91"/>
      <c r="HQ229" s="91"/>
      <c r="HR229" s="91"/>
      <c r="HS229" s="91"/>
      <c r="HT229" s="91"/>
      <c r="HU229" s="91"/>
      <c r="HV229" s="91"/>
      <c r="HW229" s="91"/>
      <c r="HX229" s="91"/>
      <c r="HY229" s="91"/>
      <c r="HZ229" s="91"/>
      <c r="IA229" s="91"/>
      <c r="IB229" s="91"/>
      <c r="IC229" s="91"/>
      <c r="ID229" s="91"/>
      <c r="IE229" s="91"/>
      <c r="IF229" s="91"/>
      <c r="IG229" s="91"/>
      <c r="IH229" s="91"/>
      <c r="II229" s="91"/>
      <c r="IJ229" s="91"/>
      <c r="IK229" s="127"/>
    </row>
    <row r="230" spans="2:245" x14ac:dyDescent="0.2">
      <c r="B230" s="79"/>
      <c r="C230" s="73"/>
      <c r="D230" s="64"/>
      <c r="E230" s="64"/>
      <c r="F230" s="55"/>
      <c r="G230" s="102"/>
      <c r="H230" s="55"/>
      <c r="I230" s="55"/>
      <c r="J230" s="55"/>
      <c r="K230" s="55"/>
      <c r="L230" s="55"/>
      <c r="M230" s="55"/>
      <c r="N230" s="55"/>
      <c r="O230" s="55"/>
      <c r="P230" s="55"/>
      <c r="Q230" s="55"/>
      <c r="R230" s="55"/>
      <c r="S230" s="55"/>
      <c r="T230" s="55"/>
      <c r="U230" s="55"/>
      <c r="V230" s="55"/>
      <c r="W230" s="55"/>
      <c r="X230" s="55"/>
      <c r="Y230" s="55"/>
      <c r="Z230" s="55"/>
      <c r="AA230" s="55"/>
      <c r="AB230" s="55"/>
      <c r="AC230" s="55"/>
      <c r="AD230" s="55"/>
      <c r="AE230" s="55"/>
      <c r="AF230" s="55"/>
      <c r="AG230" s="55"/>
      <c r="AY230" s="162"/>
      <c r="AZ230" s="162"/>
      <c r="BA230" s="162"/>
      <c r="BB230" s="162"/>
      <c r="BC230" s="162"/>
      <c r="BD230" s="162"/>
      <c r="BE230" s="162"/>
      <c r="BF230" s="162"/>
      <c r="BG230" s="162"/>
      <c r="BH230" s="162"/>
      <c r="BI230" s="162"/>
      <c r="BJ230" s="162"/>
      <c r="BK230" s="162"/>
      <c r="BL230" s="162"/>
      <c r="BM230" s="162"/>
      <c r="BN230" s="162"/>
      <c r="BO230" s="162"/>
      <c r="BP230" s="162"/>
      <c r="BQ230" s="162"/>
      <c r="BR230" s="162"/>
      <c r="BS230" s="162"/>
      <c r="BT230" s="162"/>
      <c r="BU230" s="162"/>
      <c r="BV230" s="162"/>
      <c r="BW230" s="162"/>
      <c r="BX230" s="162"/>
      <c r="BY230" s="162"/>
      <c r="BZ230" s="162"/>
      <c r="CA230" s="162"/>
      <c r="CB230" s="162"/>
      <c r="CC230" s="162"/>
      <c r="CD230" s="162"/>
      <c r="CE230" s="162"/>
      <c r="CF230" s="162"/>
      <c r="CG230" s="162"/>
      <c r="CH230" s="162"/>
      <c r="CI230" s="162"/>
      <c r="CJ230" s="162"/>
      <c r="CK230" s="162"/>
      <c r="CX230" s="98"/>
      <c r="DL230" s="97"/>
      <c r="DX230" s="98"/>
      <c r="EL230" s="97"/>
      <c r="EX230" s="98"/>
      <c r="EY230" s="97"/>
      <c r="FL230" s="126"/>
      <c r="FM230" s="91"/>
      <c r="FN230" s="91"/>
      <c r="FO230" s="91"/>
      <c r="FP230" s="91"/>
      <c r="FQ230" s="91"/>
      <c r="FR230" s="91"/>
      <c r="FS230" s="91"/>
      <c r="FT230" s="91"/>
      <c r="FU230" s="91"/>
      <c r="FV230" s="91"/>
      <c r="FW230" s="91"/>
      <c r="FX230" s="91"/>
      <c r="FY230" s="91"/>
      <c r="FZ230" s="91"/>
      <c r="GA230" s="91"/>
      <c r="GB230" s="91"/>
      <c r="GC230" s="91"/>
      <c r="GD230" s="91"/>
      <c r="GE230" s="91"/>
      <c r="GF230" s="91"/>
      <c r="GG230" s="91"/>
      <c r="GH230" s="91"/>
      <c r="GI230" s="91"/>
      <c r="GJ230" s="91"/>
      <c r="GK230" s="127"/>
      <c r="GL230" s="126"/>
      <c r="GM230" s="91"/>
      <c r="GN230" s="91"/>
      <c r="GO230" s="91"/>
      <c r="GP230" s="91"/>
      <c r="GQ230" s="91"/>
      <c r="GR230" s="91"/>
      <c r="GS230" s="91"/>
      <c r="GT230" s="91"/>
      <c r="GU230" s="91"/>
      <c r="GV230" s="91"/>
      <c r="GW230" s="91"/>
      <c r="GX230" s="91"/>
      <c r="GY230" s="91"/>
      <c r="GZ230" s="91"/>
      <c r="HA230" s="91"/>
      <c r="HB230" s="91"/>
      <c r="HC230" s="91"/>
      <c r="HD230" s="91"/>
      <c r="HE230" s="91"/>
      <c r="HF230" s="91"/>
      <c r="HG230" s="91"/>
      <c r="HH230" s="91"/>
      <c r="HI230" s="91"/>
      <c r="HJ230" s="91"/>
      <c r="HK230" s="127"/>
      <c r="HL230" s="126"/>
      <c r="HM230" s="91"/>
      <c r="HN230" s="91"/>
      <c r="HO230" s="91"/>
      <c r="HP230" s="91"/>
      <c r="HQ230" s="91"/>
      <c r="HR230" s="91"/>
      <c r="HS230" s="91"/>
      <c r="HT230" s="91"/>
      <c r="HU230" s="91"/>
      <c r="HV230" s="91"/>
      <c r="HW230" s="91"/>
      <c r="HX230" s="91"/>
      <c r="HY230" s="91"/>
      <c r="HZ230" s="91"/>
      <c r="IA230" s="91"/>
      <c r="IB230" s="91"/>
      <c r="IC230" s="91"/>
      <c r="ID230" s="91"/>
      <c r="IE230" s="91"/>
      <c r="IF230" s="91"/>
      <c r="IG230" s="91"/>
      <c r="IH230" s="91"/>
      <c r="II230" s="91"/>
      <c r="IJ230" s="91"/>
      <c r="IK230" s="127"/>
    </row>
    <row r="231" spans="2:245" x14ac:dyDescent="0.2">
      <c r="B231" s="79"/>
      <c r="C231" s="73"/>
      <c r="D231" s="64"/>
      <c r="E231" s="64"/>
      <c r="F231" s="55"/>
      <c r="G231" s="102"/>
      <c r="H231" s="55"/>
      <c r="I231" s="55"/>
      <c r="J231" s="55"/>
      <c r="K231" s="55"/>
      <c r="L231" s="55"/>
      <c r="M231" s="55"/>
      <c r="N231" s="55"/>
      <c r="O231" s="55"/>
      <c r="P231" s="55"/>
      <c r="Q231" s="55"/>
      <c r="R231" s="55"/>
      <c r="S231" s="55"/>
      <c r="T231" s="55"/>
      <c r="U231" s="55"/>
      <c r="V231" s="55"/>
      <c r="W231" s="55"/>
      <c r="X231" s="55"/>
      <c r="Y231" s="55"/>
      <c r="Z231" s="55"/>
      <c r="AA231" s="55"/>
      <c r="AB231" s="55"/>
      <c r="AC231" s="55"/>
      <c r="AD231" s="55"/>
      <c r="AE231" s="55"/>
      <c r="AF231" s="55"/>
      <c r="AG231" s="55"/>
      <c r="AY231" s="162"/>
      <c r="AZ231" s="162"/>
      <c r="BA231" s="162"/>
      <c r="BB231" s="162"/>
      <c r="BC231" s="162"/>
      <c r="BD231" s="162"/>
      <c r="BE231" s="162"/>
      <c r="BF231" s="162"/>
      <c r="BG231" s="162"/>
      <c r="BH231" s="162"/>
      <c r="BI231" s="162"/>
      <c r="BJ231" s="162"/>
      <c r="BK231" s="162"/>
      <c r="BL231" s="162"/>
      <c r="BM231" s="162"/>
      <c r="BN231" s="162"/>
      <c r="BO231" s="162"/>
      <c r="BP231" s="162"/>
      <c r="BQ231" s="162"/>
      <c r="BR231" s="162"/>
      <c r="BS231" s="162"/>
      <c r="BT231" s="162"/>
      <c r="BU231" s="162"/>
      <c r="BV231" s="162"/>
      <c r="BW231" s="162"/>
      <c r="BX231" s="162"/>
      <c r="BY231" s="162"/>
      <c r="BZ231" s="162"/>
      <c r="CA231" s="162"/>
      <c r="CB231" s="162"/>
      <c r="CC231" s="162"/>
      <c r="CD231" s="162"/>
      <c r="CE231" s="162"/>
      <c r="CF231" s="162"/>
      <c r="CG231" s="162"/>
      <c r="CH231" s="162"/>
      <c r="CI231" s="162"/>
      <c r="CJ231" s="162"/>
      <c r="CK231" s="162"/>
      <c r="CX231" s="98"/>
      <c r="DL231" s="97"/>
      <c r="DX231" s="98"/>
      <c r="EL231" s="97"/>
      <c r="EX231" s="98"/>
      <c r="EY231" s="97"/>
      <c r="FL231" s="126"/>
      <c r="FM231" s="91"/>
      <c r="FN231" s="91"/>
      <c r="FO231" s="91"/>
      <c r="FP231" s="91"/>
      <c r="FQ231" s="91"/>
      <c r="FR231" s="91"/>
      <c r="FS231" s="91"/>
      <c r="FT231" s="91"/>
      <c r="FU231" s="91"/>
      <c r="FV231" s="91"/>
      <c r="FW231" s="91"/>
      <c r="FX231" s="91"/>
      <c r="FY231" s="91"/>
      <c r="FZ231" s="91"/>
      <c r="GA231" s="91"/>
      <c r="GB231" s="91"/>
      <c r="GC231" s="91"/>
      <c r="GD231" s="91"/>
      <c r="GE231" s="91"/>
      <c r="GF231" s="91"/>
      <c r="GG231" s="91"/>
      <c r="GH231" s="91"/>
      <c r="GI231" s="91"/>
      <c r="GJ231" s="91"/>
      <c r="GK231" s="127"/>
      <c r="GL231" s="126"/>
      <c r="GM231" s="91"/>
      <c r="GN231" s="91"/>
      <c r="GO231" s="91"/>
      <c r="GP231" s="91"/>
      <c r="GQ231" s="91"/>
      <c r="GR231" s="91"/>
      <c r="GS231" s="91"/>
      <c r="GT231" s="91"/>
      <c r="GU231" s="91"/>
      <c r="GV231" s="91"/>
      <c r="GW231" s="91"/>
      <c r="GX231" s="91"/>
      <c r="GY231" s="91"/>
      <c r="GZ231" s="91"/>
      <c r="HA231" s="91"/>
      <c r="HB231" s="91"/>
      <c r="HC231" s="91"/>
      <c r="HD231" s="91"/>
      <c r="HE231" s="91"/>
      <c r="HF231" s="91"/>
      <c r="HG231" s="91"/>
      <c r="HH231" s="91"/>
      <c r="HI231" s="91"/>
      <c r="HJ231" s="91"/>
      <c r="HK231" s="127"/>
      <c r="HL231" s="126"/>
      <c r="HM231" s="91"/>
      <c r="HN231" s="91"/>
      <c r="HO231" s="91"/>
      <c r="HP231" s="91"/>
      <c r="HQ231" s="91"/>
      <c r="HR231" s="91"/>
      <c r="HS231" s="91"/>
      <c r="HT231" s="91"/>
      <c r="HU231" s="91"/>
      <c r="HV231" s="91"/>
      <c r="HW231" s="91"/>
      <c r="HX231" s="91"/>
      <c r="HY231" s="91"/>
      <c r="HZ231" s="91"/>
      <c r="IA231" s="91"/>
      <c r="IB231" s="91"/>
      <c r="IC231" s="91"/>
      <c r="ID231" s="91"/>
      <c r="IE231" s="91"/>
      <c r="IF231" s="91"/>
      <c r="IG231" s="91"/>
      <c r="IH231" s="91"/>
      <c r="II231" s="91"/>
      <c r="IJ231" s="91"/>
      <c r="IK231" s="127"/>
    </row>
    <row r="232" spans="2:245" x14ac:dyDescent="0.2">
      <c r="B232" s="79"/>
      <c r="C232" s="73"/>
      <c r="D232" s="64"/>
      <c r="E232" s="64"/>
      <c r="F232" s="55"/>
      <c r="G232" s="102"/>
      <c r="H232" s="55"/>
      <c r="I232" s="55"/>
      <c r="J232" s="55"/>
      <c r="K232" s="55"/>
      <c r="L232" s="55"/>
      <c r="M232" s="55"/>
      <c r="N232" s="55"/>
      <c r="O232" s="55"/>
      <c r="P232" s="55"/>
      <c r="Q232" s="55"/>
      <c r="R232" s="55"/>
      <c r="S232" s="55"/>
      <c r="T232" s="55"/>
      <c r="U232" s="55"/>
      <c r="V232" s="55"/>
      <c r="W232" s="55"/>
      <c r="X232" s="55"/>
      <c r="Y232" s="55"/>
      <c r="Z232" s="55"/>
      <c r="AA232" s="55"/>
      <c r="AB232" s="55"/>
      <c r="AC232" s="55"/>
      <c r="AD232" s="55"/>
      <c r="AE232" s="55"/>
      <c r="AF232" s="55"/>
      <c r="AG232" s="55"/>
      <c r="AY232" s="162"/>
      <c r="AZ232" s="162"/>
      <c r="BA232" s="162"/>
      <c r="BB232" s="162"/>
      <c r="BC232" s="162"/>
      <c r="BD232" s="162"/>
      <c r="BE232" s="162"/>
      <c r="BF232" s="162"/>
      <c r="BG232" s="162"/>
      <c r="BH232" s="162"/>
      <c r="BI232" s="162"/>
      <c r="BJ232" s="162"/>
      <c r="BK232" s="162"/>
      <c r="BL232" s="162"/>
      <c r="BM232" s="162"/>
      <c r="BN232" s="162"/>
      <c r="BO232" s="162"/>
      <c r="BP232" s="162"/>
      <c r="BQ232" s="162"/>
      <c r="BR232" s="162"/>
      <c r="BS232" s="162"/>
      <c r="BT232" s="162"/>
      <c r="BU232" s="162"/>
      <c r="BV232" s="162"/>
      <c r="BW232" s="162"/>
      <c r="BX232" s="162"/>
      <c r="BY232" s="162"/>
      <c r="BZ232" s="162"/>
      <c r="CA232" s="162"/>
      <c r="CB232" s="162"/>
      <c r="CC232" s="162"/>
      <c r="CD232" s="162"/>
      <c r="CE232" s="162"/>
      <c r="CF232" s="162"/>
      <c r="CG232" s="162"/>
      <c r="CH232" s="162"/>
      <c r="CI232" s="162"/>
      <c r="CJ232" s="162"/>
      <c r="CK232" s="162"/>
      <c r="CX232" s="98"/>
      <c r="DL232" s="97"/>
      <c r="DX232" s="98"/>
      <c r="EL232" s="97"/>
      <c r="EX232" s="98"/>
      <c r="EY232" s="97"/>
      <c r="FL232" s="126"/>
      <c r="FM232" s="91"/>
      <c r="FN232" s="91"/>
      <c r="FO232" s="91"/>
      <c r="FP232" s="91"/>
      <c r="FQ232" s="91"/>
      <c r="FR232" s="91"/>
      <c r="FS232" s="91"/>
      <c r="FT232" s="91"/>
      <c r="FU232" s="91"/>
      <c r="FV232" s="91"/>
      <c r="FW232" s="91"/>
      <c r="FX232" s="91"/>
      <c r="FY232" s="91"/>
      <c r="FZ232" s="91"/>
      <c r="GA232" s="91"/>
      <c r="GB232" s="91"/>
      <c r="GC232" s="91"/>
      <c r="GD232" s="91"/>
      <c r="GE232" s="91"/>
      <c r="GF232" s="91"/>
      <c r="GG232" s="91"/>
      <c r="GH232" s="91"/>
      <c r="GI232" s="91"/>
      <c r="GJ232" s="91"/>
      <c r="GK232" s="127"/>
      <c r="GL232" s="126"/>
      <c r="GM232" s="91"/>
      <c r="GN232" s="91"/>
      <c r="GO232" s="91"/>
      <c r="GP232" s="91"/>
      <c r="GQ232" s="91"/>
      <c r="GR232" s="91"/>
      <c r="GS232" s="91"/>
      <c r="GT232" s="91"/>
      <c r="GU232" s="91"/>
      <c r="GV232" s="91"/>
      <c r="GW232" s="91"/>
      <c r="GX232" s="91"/>
      <c r="GY232" s="91"/>
      <c r="GZ232" s="91"/>
      <c r="HA232" s="91"/>
      <c r="HB232" s="91"/>
      <c r="HC232" s="91"/>
      <c r="HD232" s="91"/>
      <c r="HE232" s="91"/>
      <c r="HF232" s="91"/>
      <c r="HG232" s="91"/>
      <c r="HH232" s="91"/>
      <c r="HI232" s="91"/>
      <c r="HJ232" s="91"/>
      <c r="HK232" s="127"/>
      <c r="HL232" s="126"/>
      <c r="HM232" s="91"/>
      <c r="HN232" s="91"/>
      <c r="HO232" s="91"/>
      <c r="HP232" s="91"/>
      <c r="HQ232" s="91"/>
      <c r="HR232" s="91"/>
      <c r="HS232" s="91"/>
      <c r="HT232" s="91"/>
      <c r="HU232" s="91"/>
      <c r="HV232" s="91"/>
      <c r="HW232" s="91"/>
      <c r="HX232" s="91"/>
      <c r="HY232" s="91"/>
      <c r="HZ232" s="91"/>
      <c r="IA232" s="91"/>
      <c r="IB232" s="91"/>
      <c r="IC232" s="91"/>
      <c r="ID232" s="91"/>
      <c r="IE232" s="91"/>
      <c r="IF232" s="91"/>
      <c r="IG232" s="91"/>
      <c r="IH232" s="91"/>
      <c r="II232" s="91"/>
      <c r="IJ232" s="91"/>
      <c r="IK232" s="127"/>
    </row>
    <row r="233" spans="2:245" x14ac:dyDescent="0.2">
      <c r="B233" s="79"/>
      <c r="C233" s="73"/>
      <c r="D233" s="64"/>
      <c r="E233" s="64"/>
      <c r="F233" s="55"/>
      <c r="G233" s="102"/>
      <c r="H233" s="55"/>
      <c r="I233" s="55"/>
      <c r="J233" s="55"/>
      <c r="K233" s="55"/>
      <c r="L233" s="55"/>
      <c r="M233" s="55"/>
      <c r="N233" s="55"/>
      <c r="O233" s="55"/>
      <c r="P233" s="55"/>
      <c r="Q233" s="55"/>
      <c r="R233" s="55"/>
      <c r="S233" s="55"/>
      <c r="T233" s="55"/>
      <c r="U233" s="55"/>
      <c r="V233" s="55"/>
      <c r="W233" s="55"/>
      <c r="X233" s="55"/>
      <c r="Y233" s="55"/>
      <c r="Z233" s="55"/>
      <c r="AA233" s="55"/>
      <c r="AB233" s="55"/>
      <c r="AC233" s="55"/>
      <c r="AD233" s="55"/>
      <c r="AE233" s="55"/>
      <c r="AF233" s="55"/>
      <c r="AG233" s="55"/>
      <c r="AY233" s="162"/>
      <c r="AZ233" s="162"/>
      <c r="BA233" s="162"/>
      <c r="BB233" s="162"/>
      <c r="BC233" s="162"/>
      <c r="BD233" s="162"/>
      <c r="BE233" s="162"/>
      <c r="BF233" s="162"/>
      <c r="BG233" s="162"/>
      <c r="BH233" s="162"/>
      <c r="BI233" s="162"/>
      <c r="BJ233" s="162"/>
      <c r="BK233" s="162"/>
      <c r="BL233" s="162"/>
      <c r="BM233" s="162"/>
      <c r="BN233" s="162"/>
      <c r="BO233" s="162"/>
      <c r="BP233" s="162"/>
      <c r="BQ233" s="162"/>
      <c r="BR233" s="162"/>
      <c r="BS233" s="162"/>
      <c r="BT233" s="162"/>
      <c r="BU233" s="162"/>
      <c r="BV233" s="162"/>
      <c r="BW233" s="162"/>
      <c r="BX233" s="162"/>
      <c r="BY233" s="162"/>
      <c r="BZ233" s="162"/>
      <c r="CA233" s="162"/>
      <c r="CB233" s="162"/>
      <c r="CC233" s="162"/>
      <c r="CD233" s="162"/>
      <c r="CE233" s="162"/>
      <c r="CF233" s="162"/>
      <c r="CG233" s="162"/>
      <c r="CH233" s="162"/>
      <c r="CI233" s="162"/>
      <c r="CJ233" s="162"/>
      <c r="CK233" s="162"/>
      <c r="CX233" s="98"/>
      <c r="DL233" s="97"/>
      <c r="DX233" s="98"/>
      <c r="EL233" s="97"/>
      <c r="EX233" s="98"/>
      <c r="EY233" s="97"/>
      <c r="FL233" s="126"/>
      <c r="FM233" s="91"/>
      <c r="FN233" s="91"/>
      <c r="FO233" s="91"/>
      <c r="FP233" s="91"/>
      <c r="FQ233" s="91"/>
      <c r="FR233" s="91"/>
      <c r="FS233" s="91"/>
      <c r="FT233" s="91"/>
      <c r="FU233" s="91"/>
      <c r="FV233" s="91"/>
      <c r="FW233" s="91"/>
      <c r="FX233" s="91"/>
      <c r="FY233" s="91"/>
      <c r="FZ233" s="91"/>
      <c r="GA233" s="91"/>
      <c r="GB233" s="91"/>
      <c r="GC233" s="91"/>
      <c r="GD233" s="91"/>
      <c r="GE233" s="91"/>
      <c r="GF233" s="91"/>
      <c r="GG233" s="91"/>
      <c r="GH233" s="91"/>
      <c r="GI233" s="91"/>
      <c r="GJ233" s="91"/>
      <c r="GK233" s="127"/>
      <c r="GL233" s="126"/>
      <c r="GM233" s="91"/>
      <c r="GN233" s="91"/>
      <c r="GO233" s="91"/>
      <c r="GP233" s="91"/>
      <c r="GQ233" s="91"/>
      <c r="GR233" s="91"/>
      <c r="GS233" s="91"/>
      <c r="GT233" s="91"/>
      <c r="GU233" s="91"/>
      <c r="GV233" s="91"/>
      <c r="GW233" s="91"/>
      <c r="GX233" s="91"/>
      <c r="GY233" s="91"/>
      <c r="GZ233" s="91"/>
      <c r="HA233" s="91"/>
      <c r="HB233" s="91"/>
      <c r="HC233" s="91"/>
      <c r="HD233" s="91"/>
      <c r="HE233" s="91"/>
      <c r="HF233" s="91"/>
      <c r="HG233" s="91"/>
      <c r="HH233" s="91"/>
      <c r="HI233" s="91"/>
      <c r="HJ233" s="91"/>
      <c r="HK233" s="127"/>
      <c r="HL233" s="126"/>
      <c r="HM233" s="91"/>
      <c r="HN233" s="91"/>
      <c r="HO233" s="91"/>
      <c r="HP233" s="91"/>
      <c r="HQ233" s="91"/>
      <c r="HR233" s="91"/>
      <c r="HS233" s="91"/>
      <c r="HT233" s="91"/>
      <c r="HU233" s="91"/>
      <c r="HV233" s="91"/>
      <c r="HW233" s="91"/>
      <c r="HX233" s="91"/>
      <c r="HY233" s="91"/>
      <c r="HZ233" s="91"/>
      <c r="IA233" s="91"/>
      <c r="IB233" s="91"/>
      <c r="IC233" s="91"/>
      <c r="ID233" s="91"/>
      <c r="IE233" s="91"/>
      <c r="IF233" s="91"/>
      <c r="IG233" s="91"/>
      <c r="IH233" s="91"/>
      <c r="II233" s="91"/>
      <c r="IJ233" s="91"/>
      <c r="IK233" s="127"/>
    </row>
    <row r="234" spans="2:245" x14ac:dyDescent="0.2">
      <c r="B234" s="79"/>
      <c r="C234" s="73"/>
      <c r="D234" s="64"/>
      <c r="E234" s="64"/>
      <c r="F234" s="55"/>
      <c r="G234" s="102"/>
      <c r="H234" s="55"/>
      <c r="I234" s="55"/>
      <c r="J234" s="55"/>
      <c r="K234" s="55"/>
      <c r="L234" s="55"/>
      <c r="M234" s="55"/>
      <c r="N234" s="55"/>
      <c r="O234" s="55"/>
      <c r="P234" s="55"/>
      <c r="Q234" s="55"/>
      <c r="R234" s="55"/>
      <c r="S234" s="55"/>
      <c r="T234" s="55"/>
      <c r="U234" s="55"/>
      <c r="V234" s="55"/>
      <c r="W234" s="55"/>
      <c r="X234" s="55"/>
      <c r="Y234" s="55"/>
      <c r="Z234" s="55"/>
      <c r="AA234" s="55"/>
      <c r="AB234" s="55"/>
      <c r="AC234" s="55"/>
      <c r="AD234" s="55"/>
      <c r="AE234" s="55"/>
      <c r="AF234" s="55"/>
      <c r="AG234" s="55"/>
      <c r="AY234" s="162"/>
      <c r="AZ234" s="162"/>
      <c r="BA234" s="162"/>
      <c r="BB234" s="162"/>
      <c r="BC234" s="162"/>
      <c r="BD234" s="162"/>
      <c r="BE234" s="162"/>
      <c r="BF234" s="162"/>
      <c r="BG234" s="162"/>
      <c r="BH234" s="162"/>
      <c r="BI234" s="162"/>
      <c r="BJ234" s="162"/>
      <c r="BK234" s="162"/>
      <c r="BL234" s="162"/>
      <c r="BM234" s="162"/>
      <c r="BN234" s="162"/>
      <c r="BO234" s="162"/>
      <c r="BP234" s="162"/>
      <c r="BQ234" s="162"/>
      <c r="BR234" s="162"/>
      <c r="BS234" s="162"/>
      <c r="BT234" s="162"/>
      <c r="BU234" s="162"/>
      <c r="BV234" s="162"/>
      <c r="BW234" s="162"/>
      <c r="BX234" s="162"/>
      <c r="BY234" s="162"/>
      <c r="BZ234" s="162"/>
      <c r="CA234" s="162"/>
      <c r="CB234" s="162"/>
      <c r="CC234" s="162"/>
      <c r="CD234" s="162"/>
      <c r="CE234" s="162"/>
      <c r="CF234" s="162"/>
      <c r="CG234" s="162"/>
      <c r="CH234" s="162"/>
      <c r="CI234" s="162"/>
      <c r="CJ234" s="162"/>
      <c r="CK234" s="162"/>
      <c r="CX234" s="98"/>
      <c r="DL234" s="97"/>
      <c r="DX234" s="98"/>
      <c r="EL234" s="97"/>
      <c r="EX234" s="98"/>
      <c r="EY234" s="97"/>
      <c r="FL234" s="126"/>
      <c r="FM234" s="91"/>
      <c r="FN234" s="91"/>
      <c r="FO234" s="91"/>
      <c r="FP234" s="91"/>
      <c r="FQ234" s="91"/>
      <c r="FR234" s="91"/>
      <c r="FS234" s="91"/>
      <c r="FT234" s="91"/>
      <c r="FU234" s="91"/>
      <c r="FV234" s="91"/>
      <c r="FW234" s="91"/>
      <c r="FX234" s="91"/>
      <c r="FY234" s="91"/>
      <c r="FZ234" s="91"/>
      <c r="GA234" s="91"/>
      <c r="GB234" s="91"/>
      <c r="GC234" s="91"/>
      <c r="GD234" s="91"/>
      <c r="GE234" s="91"/>
      <c r="GF234" s="91"/>
      <c r="GG234" s="91"/>
      <c r="GH234" s="91"/>
      <c r="GI234" s="91"/>
      <c r="GJ234" s="91"/>
      <c r="GK234" s="127"/>
      <c r="GL234" s="126"/>
      <c r="GM234" s="91"/>
      <c r="GN234" s="91"/>
      <c r="GO234" s="91"/>
      <c r="GP234" s="91"/>
      <c r="GQ234" s="91"/>
      <c r="GR234" s="91"/>
      <c r="GS234" s="91"/>
      <c r="GT234" s="91"/>
      <c r="GU234" s="91"/>
      <c r="GV234" s="91"/>
      <c r="GW234" s="91"/>
      <c r="GX234" s="91"/>
      <c r="GY234" s="91"/>
      <c r="GZ234" s="91"/>
      <c r="HA234" s="91"/>
      <c r="HB234" s="91"/>
      <c r="HC234" s="91"/>
      <c r="HD234" s="91"/>
      <c r="HE234" s="91"/>
      <c r="HF234" s="91"/>
      <c r="HG234" s="91"/>
      <c r="HH234" s="91"/>
      <c r="HI234" s="91"/>
      <c r="HJ234" s="91"/>
      <c r="HK234" s="127"/>
      <c r="HL234" s="126"/>
      <c r="HM234" s="91"/>
      <c r="HN234" s="91"/>
      <c r="HO234" s="91"/>
      <c r="HP234" s="91"/>
      <c r="HQ234" s="91"/>
      <c r="HR234" s="91"/>
      <c r="HS234" s="91"/>
      <c r="HT234" s="91"/>
      <c r="HU234" s="91"/>
      <c r="HV234" s="91"/>
      <c r="HW234" s="91"/>
      <c r="HX234" s="91"/>
      <c r="HY234" s="91"/>
      <c r="HZ234" s="91"/>
      <c r="IA234" s="91"/>
      <c r="IB234" s="91"/>
      <c r="IC234" s="91"/>
      <c r="ID234" s="91"/>
      <c r="IE234" s="91"/>
      <c r="IF234" s="91"/>
      <c r="IG234" s="91"/>
      <c r="IH234" s="91"/>
      <c r="II234" s="91"/>
      <c r="IJ234" s="91"/>
      <c r="IK234" s="127"/>
    </row>
    <row r="235" spans="2:245" x14ac:dyDescent="0.2">
      <c r="B235" s="79"/>
      <c r="C235" s="73"/>
      <c r="D235" s="64"/>
      <c r="E235" s="64"/>
      <c r="F235" s="55"/>
      <c r="G235" s="102"/>
      <c r="H235" s="55"/>
      <c r="I235" s="55"/>
      <c r="J235" s="55"/>
      <c r="K235" s="55"/>
      <c r="L235" s="55"/>
      <c r="M235" s="55"/>
      <c r="N235" s="55"/>
      <c r="O235" s="55"/>
      <c r="P235" s="55"/>
      <c r="Q235" s="55"/>
      <c r="R235" s="55"/>
      <c r="S235" s="55"/>
      <c r="T235" s="55"/>
      <c r="U235" s="55"/>
      <c r="V235" s="55"/>
      <c r="W235" s="55"/>
      <c r="X235" s="55"/>
      <c r="Y235" s="55"/>
      <c r="Z235" s="55"/>
      <c r="AA235" s="55"/>
      <c r="AB235" s="55"/>
      <c r="AC235" s="55"/>
      <c r="AD235" s="55"/>
      <c r="AE235" s="55"/>
      <c r="AF235" s="55"/>
      <c r="AG235" s="55"/>
      <c r="AY235" s="162"/>
      <c r="AZ235" s="162"/>
      <c r="BA235" s="162"/>
      <c r="BB235" s="162"/>
      <c r="BC235" s="162"/>
      <c r="BD235" s="162"/>
      <c r="BE235" s="162"/>
      <c r="BF235" s="162"/>
      <c r="BG235" s="162"/>
      <c r="BH235" s="162"/>
      <c r="BI235" s="162"/>
      <c r="BJ235" s="162"/>
      <c r="BK235" s="162"/>
      <c r="BL235" s="162"/>
      <c r="BM235" s="162"/>
      <c r="BN235" s="162"/>
      <c r="BO235" s="162"/>
      <c r="BP235" s="162"/>
      <c r="BQ235" s="162"/>
      <c r="BR235" s="162"/>
      <c r="BS235" s="162"/>
      <c r="BT235" s="162"/>
      <c r="BU235" s="162"/>
      <c r="BV235" s="162"/>
      <c r="BW235" s="162"/>
      <c r="BX235" s="162"/>
      <c r="BY235" s="162"/>
      <c r="BZ235" s="162"/>
      <c r="CA235" s="162"/>
      <c r="CB235" s="162"/>
      <c r="CC235" s="162"/>
      <c r="CD235" s="162"/>
      <c r="CE235" s="162"/>
      <c r="CF235" s="162"/>
      <c r="CG235" s="162"/>
      <c r="CH235" s="162"/>
      <c r="CI235" s="162"/>
      <c r="CJ235" s="162"/>
      <c r="CK235" s="162"/>
      <c r="CX235" s="98"/>
      <c r="DL235" s="97"/>
      <c r="DX235" s="98"/>
      <c r="EL235" s="97"/>
      <c r="EX235" s="98"/>
      <c r="EY235" s="97"/>
      <c r="FL235" s="126"/>
      <c r="FM235" s="91"/>
      <c r="FN235" s="91"/>
      <c r="FO235" s="91"/>
      <c r="FP235" s="91"/>
      <c r="FQ235" s="91"/>
      <c r="FR235" s="91"/>
      <c r="FS235" s="91"/>
      <c r="FT235" s="91"/>
      <c r="FU235" s="91"/>
      <c r="FV235" s="91"/>
      <c r="FW235" s="91"/>
      <c r="FX235" s="91"/>
      <c r="FY235" s="91"/>
      <c r="FZ235" s="91"/>
      <c r="GA235" s="91"/>
      <c r="GB235" s="91"/>
      <c r="GC235" s="91"/>
      <c r="GD235" s="91"/>
      <c r="GE235" s="91"/>
      <c r="GF235" s="91"/>
      <c r="GG235" s="91"/>
      <c r="GH235" s="91"/>
      <c r="GI235" s="91"/>
      <c r="GJ235" s="91"/>
      <c r="GK235" s="127"/>
      <c r="GL235" s="126"/>
      <c r="GM235" s="91"/>
      <c r="GN235" s="91"/>
      <c r="GO235" s="91"/>
      <c r="GP235" s="91"/>
      <c r="GQ235" s="91"/>
      <c r="GR235" s="91"/>
      <c r="GS235" s="91"/>
      <c r="GT235" s="91"/>
      <c r="GU235" s="91"/>
      <c r="GV235" s="91"/>
      <c r="GW235" s="91"/>
      <c r="GX235" s="91"/>
      <c r="GY235" s="91"/>
      <c r="GZ235" s="91"/>
      <c r="HA235" s="91"/>
      <c r="HB235" s="91"/>
      <c r="HC235" s="91"/>
      <c r="HD235" s="91"/>
      <c r="HE235" s="91"/>
      <c r="HF235" s="91"/>
      <c r="HG235" s="91"/>
      <c r="HH235" s="91"/>
      <c r="HI235" s="91"/>
      <c r="HJ235" s="91"/>
      <c r="HK235" s="127"/>
      <c r="HL235" s="126"/>
      <c r="HM235" s="91"/>
      <c r="HN235" s="91"/>
      <c r="HO235" s="91"/>
      <c r="HP235" s="91"/>
      <c r="HQ235" s="91"/>
      <c r="HR235" s="91"/>
      <c r="HS235" s="91"/>
      <c r="HT235" s="91"/>
      <c r="HU235" s="91"/>
      <c r="HV235" s="91"/>
      <c r="HW235" s="91"/>
      <c r="HX235" s="91"/>
      <c r="HY235" s="91"/>
      <c r="HZ235" s="91"/>
      <c r="IA235" s="91"/>
      <c r="IB235" s="91"/>
      <c r="IC235" s="91"/>
      <c r="ID235" s="91"/>
      <c r="IE235" s="91"/>
      <c r="IF235" s="91"/>
      <c r="IG235" s="91"/>
      <c r="IH235" s="91"/>
      <c r="II235" s="91"/>
      <c r="IJ235" s="91"/>
      <c r="IK235" s="127"/>
    </row>
    <row r="236" spans="2:245" x14ac:dyDescent="0.2">
      <c r="B236" s="79"/>
      <c r="C236" s="73"/>
      <c r="D236" s="64"/>
      <c r="E236" s="64"/>
      <c r="F236" s="55"/>
      <c r="G236" s="102"/>
      <c r="H236" s="55"/>
      <c r="I236" s="55"/>
      <c r="J236" s="55"/>
      <c r="K236" s="55"/>
      <c r="L236" s="55"/>
      <c r="M236" s="55"/>
      <c r="N236" s="55"/>
      <c r="O236" s="55"/>
      <c r="P236" s="55"/>
      <c r="Q236" s="55"/>
      <c r="R236" s="55"/>
      <c r="S236" s="55"/>
      <c r="T236" s="55"/>
      <c r="U236" s="55"/>
      <c r="V236" s="55"/>
      <c r="W236" s="55"/>
      <c r="X236" s="55"/>
      <c r="Y236" s="55"/>
      <c r="Z236" s="55"/>
      <c r="AA236" s="55"/>
      <c r="AB236" s="55"/>
      <c r="AC236" s="55"/>
      <c r="AD236" s="55"/>
      <c r="AE236" s="55"/>
      <c r="AF236" s="55"/>
      <c r="AG236" s="55"/>
      <c r="AY236" s="162"/>
      <c r="AZ236" s="162"/>
      <c r="BA236" s="162"/>
      <c r="BB236" s="162"/>
      <c r="BC236" s="162"/>
      <c r="BD236" s="162"/>
      <c r="BE236" s="162"/>
      <c r="BF236" s="162"/>
      <c r="BG236" s="162"/>
      <c r="BH236" s="162"/>
      <c r="BI236" s="162"/>
      <c r="BJ236" s="162"/>
      <c r="BK236" s="162"/>
      <c r="BL236" s="162"/>
      <c r="BM236" s="162"/>
      <c r="BN236" s="162"/>
      <c r="BO236" s="162"/>
      <c r="BP236" s="162"/>
      <c r="BQ236" s="162"/>
      <c r="BR236" s="162"/>
      <c r="BS236" s="162"/>
      <c r="BT236" s="162"/>
      <c r="BU236" s="162"/>
      <c r="BV236" s="162"/>
      <c r="BW236" s="162"/>
      <c r="BX236" s="162"/>
      <c r="BY236" s="162"/>
      <c r="BZ236" s="162"/>
      <c r="CA236" s="162"/>
      <c r="CB236" s="162"/>
      <c r="CC236" s="162"/>
      <c r="CD236" s="162"/>
      <c r="CE236" s="162"/>
      <c r="CF236" s="162"/>
      <c r="CG236" s="162"/>
      <c r="CH236" s="162"/>
      <c r="CI236" s="162"/>
      <c r="CJ236" s="162"/>
      <c r="CK236" s="162"/>
      <c r="CX236" s="98"/>
      <c r="DL236" s="97"/>
      <c r="DX236" s="98"/>
      <c r="EL236" s="97"/>
      <c r="EX236" s="98"/>
      <c r="EY236" s="97"/>
      <c r="FL236" s="126"/>
      <c r="FM236" s="91"/>
      <c r="FN236" s="91"/>
      <c r="FO236" s="91"/>
      <c r="FP236" s="91"/>
      <c r="FQ236" s="91"/>
      <c r="FR236" s="91"/>
      <c r="FS236" s="91"/>
      <c r="FT236" s="91"/>
      <c r="FU236" s="91"/>
      <c r="FV236" s="91"/>
      <c r="FW236" s="91"/>
      <c r="FX236" s="91"/>
      <c r="FY236" s="91"/>
      <c r="FZ236" s="91"/>
      <c r="GA236" s="91"/>
      <c r="GB236" s="91"/>
      <c r="GC236" s="91"/>
      <c r="GD236" s="91"/>
      <c r="GE236" s="91"/>
      <c r="GF236" s="91"/>
      <c r="GG236" s="91"/>
      <c r="GH236" s="91"/>
      <c r="GI236" s="91"/>
      <c r="GJ236" s="91"/>
      <c r="GK236" s="127"/>
      <c r="GL236" s="126"/>
      <c r="GM236" s="91"/>
      <c r="GN236" s="91"/>
      <c r="GO236" s="91"/>
      <c r="GP236" s="91"/>
      <c r="GQ236" s="91"/>
      <c r="GR236" s="91"/>
      <c r="GS236" s="91"/>
      <c r="GT236" s="91"/>
      <c r="GU236" s="91"/>
      <c r="GV236" s="91"/>
      <c r="GW236" s="91"/>
      <c r="GX236" s="91"/>
      <c r="GY236" s="91"/>
      <c r="GZ236" s="91"/>
      <c r="HA236" s="91"/>
      <c r="HB236" s="91"/>
      <c r="HC236" s="91"/>
      <c r="HD236" s="91"/>
      <c r="HE236" s="91"/>
      <c r="HF236" s="91"/>
      <c r="HG236" s="91"/>
      <c r="HH236" s="91"/>
      <c r="HI236" s="91"/>
      <c r="HJ236" s="91"/>
      <c r="HK236" s="127"/>
      <c r="HL236" s="126"/>
      <c r="HM236" s="91"/>
      <c r="HN236" s="91"/>
      <c r="HO236" s="91"/>
      <c r="HP236" s="91"/>
      <c r="HQ236" s="91"/>
      <c r="HR236" s="91"/>
      <c r="HS236" s="91"/>
      <c r="HT236" s="91"/>
      <c r="HU236" s="91"/>
      <c r="HV236" s="91"/>
      <c r="HW236" s="91"/>
      <c r="HX236" s="91"/>
      <c r="HY236" s="91"/>
      <c r="HZ236" s="91"/>
      <c r="IA236" s="91"/>
      <c r="IB236" s="91"/>
      <c r="IC236" s="91"/>
      <c r="ID236" s="91"/>
      <c r="IE236" s="91"/>
      <c r="IF236" s="91"/>
      <c r="IG236" s="91"/>
      <c r="IH236" s="91"/>
      <c r="II236" s="91"/>
      <c r="IJ236" s="91"/>
      <c r="IK236" s="127"/>
    </row>
    <row r="237" spans="2:245" x14ac:dyDescent="0.2">
      <c r="B237" s="79"/>
      <c r="C237" s="73"/>
      <c r="D237" s="64"/>
      <c r="E237" s="64"/>
      <c r="F237" s="55"/>
      <c r="G237" s="102"/>
      <c r="H237" s="55"/>
      <c r="I237" s="55"/>
      <c r="J237" s="55"/>
      <c r="K237" s="55"/>
      <c r="L237" s="55"/>
      <c r="M237" s="55"/>
      <c r="N237" s="55"/>
      <c r="O237" s="55"/>
      <c r="P237" s="55"/>
      <c r="Q237" s="55"/>
      <c r="R237" s="55"/>
      <c r="S237" s="55"/>
      <c r="T237" s="55"/>
      <c r="U237" s="55"/>
      <c r="V237" s="55"/>
      <c r="W237" s="55"/>
      <c r="X237" s="55"/>
      <c r="Y237" s="55"/>
      <c r="Z237" s="55"/>
      <c r="AA237" s="55"/>
      <c r="AB237" s="55"/>
      <c r="AC237" s="55"/>
      <c r="AD237" s="55"/>
      <c r="AE237" s="55"/>
      <c r="AF237" s="55"/>
      <c r="AG237" s="55"/>
      <c r="AY237" s="162"/>
      <c r="AZ237" s="162"/>
      <c r="BA237" s="162"/>
      <c r="BB237" s="162"/>
      <c r="BC237" s="162"/>
      <c r="BD237" s="162"/>
      <c r="BE237" s="162"/>
      <c r="BF237" s="162"/>
      <c r="BG237" s="162"/>
      <c r="BH237" s="162"/>
      <c r="BI237" s="162"/>
      <c r="BJ237" s="162"/>
      <c r="BK237" s="162"/>
      <c r="BL237" s="162"/>
      <c r="BM237" s="162"/>
      <c r="BN237" s="162"/>
      <c r="BO237" s="162"/>
      <c r="BP237" s="162"/>
      <c r="BQ237" s="162"/>
      <c r="BR237" s="162"/>
      <c r="BS237" s="162"/>
      <c r="BT237" s="162"/>
      <c r="BU237" s="162"/>
      <c r="BV237" s="162"/>
      <c r="BW237" s="162"/>
      <c r="BX237" s="162"/>
      <c r="BY237" s="162"/>
      <c r="BZ237" s="162"/>
      <c r="CA237" s="162"/>
      <c r="CB237" s="162"/>
      <c r="CC237" s="162"/>
      <c r="CD237" s="162"/>
      <c r="CE237" s="162"/>
      <c r="CF237" s="162"/>
      <c r="CG237" s="162"/>
      <c r="CH237" s="162"/>
      <c r="CI237" s="162"/>
      <c r="CJ237" s="162"/>
      <c r="CK237" s="162"/>
      <c r="CX237" s="98"/>
      <c r="DL237" s="97"/>
      <c r="DX237" s="98"/>
      <c r="EL237" s="97"/>
      <c r="EX237" s="98"/>
      <c r="EY237" s="97"/>
      <c r="FL237" s="126"/>
      <c r="FM237" s="91"/>
      <c r="FN237" s="91"/>
      <c r="FO237" s="91"/>
      <c r="FP237" s="91"/>
      <c r="FQ237" s="91"/>
      <c r="FR237" s="91"/>
      <c r="FS237" s="91"/>
      <c r="FT237" s="91"/>
      <c r="FU237" s="91"/>
      <c r="FV237" s="91"/>
      <c r="FW237" s="91"/>
      <c r="FX237" s="91"/>
      <c r="FY237" s="91"/>
      <c r="FZ237" s="91"/>
      <c r="GA237" s="91"/>
      <c r="GB237" s="91"/>
      <c r="GC237" s="91"/>
      <c r="GD237" s="91"/>
      <c r="GE237" s="91"/>
      <c r="GF237" s="91"/>
      <c r="GG237" s="91"/>
      <c r="GH237" s="91"/>
      <c r="GI237" s="91"/>
      <c r="GJ237" s="91"/>
      <c r="GK237" s="127"/>
      <c r="GL237" s="126"/>
      <c r="GM237" s="91"/>
      <c r="GN237" s="91"/>
      <c r="GO237" s="91"/>
      <c r="GP237" s="91"/>
      <c r="GQ237" s="91"/>
      <c r="GR237" s="91"/>
      <c r="GS237" s="91"/>
      <c r="GT237" s="91"/>
      <c r="GU237" s="91"/>
      <c r="GV237" s="91"/>
      <c r="GW237" s="91"/>
      <c r="GX237" s="91"/>
      <c r="GY237" s="91"/>
      <c r="GZ237" s="91"/>
      <c r="HA237" s="91"/>
      <c r="HB237" s="91"/>
      <c r="HC237" s="91"/>
      <c r="HD237" s="91"/>
      <c r="HE237" s="91"/>
      <c r="HF237" s="91"/>
      <c r="HG237" s="91"/>
      <c r="HH237" s="91"/>
      <c r="HI237" s="91"/>
      <c r="HJ237" s="91"/>
      <c r="HK237" s="127"/>
      <c r="HL237" s="126"/>
      <c r="HM237" s="91"/>
      <c r="HN237" s="91"/>
      <c r="HO237" s="91"/>
      <c r="HP237" s="91"/>
      <c r="HQ237" s="91"/>
      <c r="HR237" s="91"/>
      <c r="HS237" s="91"/>
      <c r="HT237" s="91"/>
      <c r="HU237" s="91"/>
      <c r="HV237" s="91"/>
      <c r="HW237" s="91"/>
      <c r="HX237" s="91"/>
      <c r="HY237" s="91"/>
      <c r="HZ237" s="91"/>
      <c r="IA237" s="91"/>
      <c r="IB237" s="91"/>
      <c r="IC237" s="91"/>
      <c r="ID237" s="91"/>
      <c r="IE237" s="91"/>
      <c r="IF237" s="91"/>
      <c r="IG237" s="91"/>
      <c r="IH237" s="91"/>
      <c r="II237" s="91"/>
      <c r="IJ237" s="91"/>
      <c r="IK237" s="127"/>
    </row>
    <row r="238" spans="2:245" x14ac:dyDescent="0.2">
      <c r="B238" s="79"/>
      <c r="C238" s="73"/>
      <c r="D238" s="64"/>
      <c r="E238" s="64"/>
      <c r="F238" s="55"/>
      <c r="G238" s="102"/>
      <c r="H238" s="55"/>
      <c r="I238" s="55"/>
      <c r="J238" s="55"/>
      <c r="K238" s="55"/>
      <c r="L238" s="55"/>
      <c r="M238" s="55"/>
      <c r="N238" s="55"/>
      <c r="O238" s="55"/>
      <c r="P238" s="55"/>
      <c r="Q238" s="55"/>
      <c r="R238" s="55"/>
      <c r="S238" s="55"/>
      <c r="T238" s="55"/>
      <c r="U238" s="55"/>
      <c r="V238" s="55"/>
      <c r="W238" s="55"/>
      <c r="X238" s="55"/>
      <c r="Y238" s="55"/>
      <c r="Z238" s="55"/>
      <c r="AA238" s="55"/>
      <c r="AB238" s="55"/>
      <c r="AC238" s="55"/>
      <c r="AD238" s="55"/>
      <c r="AE238" s="55"/>
      <c r="AF238" s="55"/>
      <c r="AG238" s="55"/>
      <c r="AY238" s="162"/>
      <c r="AZ238" s="162"/>
      <c r="BA238" s="162"/>
      <c r="BB238" s="162"/>
      <c r="BC238" s="162"/>
      <c r="BD238" s="162"/>
      <c r="BE238" s="162"/>
      <c r="BF238" s="162"/>
      <c r="BG238" s="162"/>
      <c r="BH238" s="162"/>
      <c r="BI238" s="162"/>
      <c r="BJ238" s="162"/>
      <c r="BK238" s="162"/>
      <c r="BL238" s="162"/>
      <c r="BM238" s="162"/>
      <c r="BN238" s="162"/>
      <c r="BO238" s="162"/>
      <c r="BP238" s="162"/>
      <c r="BQ238" s="162"/>
      <c r="BR238" s="162"/>
      <c r="BS238" s="162"/>
      <c r="BT238" s="162"/>
      <c r="BU238" s="162"/>
      <c r="BV238" s="162"/>
      <c r="BW238" s="162"/>
      <c r="BX238" s="162"/>
      <c r="BY238" s="162"/>
      <c r="BZ238" s="162"/>
      <c r="CA238" s="162"/>
      <c r="CB238" s="162"/>
      <c r="CC238" s="162"/>
      <c r="CD238" s="162"/>
      <c r="CE238" s="162"/>
      <c r="CF238" s="162"/>
      <c r="CG238" s="162"/>
      <c r="CH238" s="162"/>
      <c r="CI238" s="162"/>
      <c r="CJ238" s="162"/>
      <c r="CK238" s="162"/>
      <c r="CX238" s="98"/>
      <c r="DL238" s="97"/>
      <c r="DX238" s="98"/>
      <c r="EL238" s="97"/>
      <c r="EX238" s="98"/>
      <c r="EY238" s="97"/>
      <c r="FL238" s="126"/>
      <c r="FM238" s="91"/>
      <c r="FN238" s="91"/>
      <c r="FO238" s="91"/>
      <c r="FP238" s="91"/>
      <c r="FQ238" s="91"/>
      <c r="FR238" s="91"/>
      <c r="FS238" s="91"/>
      <c r="FT238" s="91"/>
      <c r="FU238" s="91"/>
      <c r="FV238" s="91"/>
      <c r="FW238" s="91"/>
      <c r="FX238" s="91"/>
      <c r="FY238" s="91"/>
      <c r="FZ238" s="91"/>
      <c r="GA238" s="91"/>
      <c r="GB238" s="91"/>
      <c r="GC238" s="91"/>
      <c r="GD238" s="91"/>
      <c r="GE238" s="91"/>
      <c r="GF238" s="91"/>
      <c r="GG238" s="91"/>
      <c r="GH238" s="91"/>
      <c r="GI238" s="91"/>
      <c r="GJ238" s="91"/>
      <c r="GK238" s="127"/>
      <c r="GL238" s="126"/>
      <c r="GM238" s="91"/>
      <c r="GN238" s="91"/>
      <c r="GO238" s="91"/>
      <c r="GP238" s="91"/>
      <c r="GQ238" s="91"/>
      <c r="GR238" s="91"/>
      <c r="GS238" s="91"/>
      <c r="GT238" s="91"/>
      <c r="GU238" s="91"/>
      <c r="GV238" s="91"/>
      <c r="GW238" s="91"/>
      <c r="GX238" s="91"/>
      <c r="GY238" s="91"/>
      <c r="GZ238" s="91"/>
      <c r="HA238" s="91"/>
      <c r="HB238" s="91"/>
      <c r="HC238" s="91"/>
      <c r="HD238" s="91"/>
      <c r="HE238" s="91"/>
      <c r="HF238" s="91"/>
      <c r="HG238" s="91"/>
      <c r="HH238" s="91"/>
      <c r="HI238" s="91"/>
      <c r="HJ238" s="91"/>
      <c r="HK238" s="127"/>
      <c r="HL238" s="126"/>
      <c r="HM238" s="91"/>
      <c r="HN238" s="91"/>
      <c r="HO238" s="91"/>
      <c r="HP238" s="91"/>
      <c r="HQ238" s="91"/>
      <c r="HR238" s="91"/>
      <c r="HS238" s="91"/>
      <c r="HT238" s="91"/>
      <c r="HU238" s="91"/>
      <c r="HV238" s="91"/>
      <c r="HW238" s="91"/>
      <c r="HX238" s="91"/>
      <c r="HY238" s="91"/>
      <c r="HZ238" s="91"/>
      <c r="IA238" s="91"/>
      <c r="IB238" s="91"/>
      <c r="IC238" s="91"/>
      <c r="ID238" s="91"/>
      <c r="IE238" s="91"/>
      <c r="IF238" s="91"/>
      <c r="IG238" s="91"/>
      <c r="IH238" s="91"/>
      <c r="II238" s="91"/>
      <c r="IJ238" s="91"/>
      <c r="IK238" s="127"/>
    </row>
    <row r="239" spans="2:245" x14ac:dyDescent="0.2">
      <c r="B239" s="79"/>
      <c r="C239" s="73"/>
      <c r="D239" s="64"/>
      <c r="E239" s="64"/>
      <c r="F239" s="55"/>
      <c r="G239" s="102"/>
      <c r="H239" s="55"/>
      <c r="I239" s="55"/>
      <c r="J239" s="55"/>
      <c r="K239" s="55"/>
      <c r="L239" s="55"/>
      <c r="M239" s="55"/>
      <c r="N239" s="55"/>
      <c r="O239" s="55"/>
      <c r="P239" s="55"/>
      <c r="Q239" s="55"/>
      <c r="R239" s="55"/>
      <c r="S239" s="55"/>
      <c r="T239" s="55"/>
      <c r="U239" s="55"/>
      <c r="V239" s="55"/>
      <c r="W239" s="55"/>
      <c r="X239" s="55"/>
      <c r="Y239" s="55"/>
      <c r="Z239" s="55"/>
      <c r="AA239" s="55"/>
      <c r="AB239" s="55"/>
      <c r="AC239" s="55"/>
      <c r="AD239" s="55"/>
      <c r="AE239" s="55"/>
      <c r="AF239" s="55"/>
      <c r="AG239" s="55"/>
      <c r="AY239" s="162"/>
      <c r="AZ239" s="162"/>
      <c r="BA239" s="162"/>
      <c r="BB239" s="162"/>
      <c r="BC239" s="162"/>
      <c r="BD239" s="162"/>
      <c r="BE239" s="162"/>
      <c r="BF239" s="162"/>
      <c r="BG239" s="162"/>
      <c r="BH239" s="162"/>
      <c r="BI239" s="162"/>
      <c r="BJ239" s="162"/>
      <c r="BK239" s="162"/>
      <c r="BL239" s="162"/>
      <c r="BM239" s="162"/>
      <c r="BN239" s="162"/>
      <c r="BO239" s="162"/>
      <c r="BP239" s="162"/>
      <c r="BQ239" s="162"/>
      <c r="BR239" s="162"/>
      <c r="BS239" s="162"/>
      <c r="BT239" s="162"/>
      <c r="BU239" s="162"/>
      <c r="BV239" s="162"/>
      <c r="BW239" s="162"/>
      <c r="BX239" s="162"/>
      <c r="BY239" s="162"/>
      <c r="BZ239" s="162"/>
      <c r="CA239" s="162"/>
      <c r="CB239" s="162"/>
      <c r="CC239" s="162"/>
      <c r="CD239" s="162"/>
      <c r="CE239" s="162"/>
      <c r="CF239" s="162"/>
      <c r="CG239" s="162"/>
      <c r="CH239" s="162"/>
      <c r="CI239" s="162"/>
      <c r="CJ239" s="162"/>
      <c r="CK239" s="162"/>
      <c r="CX239" s="98"/>
      <c r="DL239" s="97"/>
      <c r="DX239" s="98"/>
      <c r="EL239" s="97"/>
      <c r="EX239" s="98"/>
      <c r="EY239" s="97"/>
      <c r="FL239" s="126"/>
      <c r="FM239" s="91"/>
      <c r="FN239" s="91"/>
      <c r="FO239" s="91"/>
      <c r="FP239" s="91"/>
      <c r="FQ239" s="91"/>
      <c r="FR239" s="91"/>
      <c r="FS239" s="91"/>
      <c r="FT239" s="91"/>
      <c r="FU239" s="91"/>
      <c r="FV239" s="91"/>
      <c r="FW239" s="91"/>
      <c r="FX239" s="91"/>
      <c r="FY239" s="91"/>
      <c r="FZ239" s="91"/>
      <c r="GA239" s="91"/>
      <c r="GB239" s="91"/>
      <c r="GC239" s="91"/>
      <c r="GD239" s="91"/>
      <c r="GE239" s="91"/>
      <c r="GF239" s="91"/>
      <c r="GG239" s="91"/>
      <c r="GH239" s="91"/>
      <c r="GI239" s="91"/>
      <c r="GJ239" s="91"/>
      <c r="GK239" s="127"/>
      <c r="GL239" s="126"/>
      <c r="GM239" s="91"/>
      <c r="GN239" s="91"/>
      <c r="GO239" s="91"/>
      <c r="GP239" s="91"/>
      <c r="GQ239" s="91"/>
      <c r="GR239" s="91"/>
      <c r="GS239" s="91"/>
      <c r="GT239" s="91"/>
      <c r="GU239" s="91"/>
      <c r="GV239" s="91"/>
      <c r="GW239" s="91"/>
      <c r="GX239" s="91"/>
      <c r="GY239" s="91"/>
      <c r="GZ239" s="91"/>
      <c r="HA239" s="91"/>
      <c r="HB239" s="91"/>
      <c r="HC239" s="91"/>
      <c r="HD239" s="91"/>
      <c r="HE239" s="91"/>
      <c r="HF239" s="91"/>
      <c r="HG239" s="91"/>
      <c r="HH239" s="91"/>
      <c r="HI239" s="91"/>
      <c r="HJ239" s="91"/>
      <c r="HK239" s="127"/>
      <c r="HL239" s="126"/>
      <c r="HM239" s="91"/>
      <c r="HN239" s="91"/>
      <c r="HO239" s="91"/>
      <c r="HP239" s="91"/>
      <c r="HQ239" s="91"/>
      <c r="HR239" s="91"/>
      <c r="HS239" s="91"/>
      <c r="HT239" s="91"/>
      <c r="HU239" s="91"/>
      <c r="HV239" s="91"/>
      <c r="HW239" s="91"/>
      <c r="HX239" s="91"/>
      <c r="HY239" s="91"/>
      <c r="HZ239" s="91"/>
      <c r="IA239" s="91"/>
      <c r="IB239" s="91"/>
      <c r="IC239" s="91"/>
      <c r="ID239" s="91"/>
      <c r="IE239" s="91"/>
      <c r="IF239" s="91"/>
      <c r="IG239" s="91"/>
      <c r="IH239" s="91"/>
      <c r="II239" s="91"/>
      <c r="IJ239" s="91"/>
      <c r="IK239" s="127"/>
    </row>
    <row r="240" spans="2:245" x14ac:dyDescent="0.2">
      <c r="B240" s="79"/>
      <c r="C240" s="73"/>
      <c r="D240" s="64"/>
      <c r="E240" s="64"/>
      <c r="F240" s="55"/>
      <c r="G240" s="102"/>
      <c r="H240" s="55"/>
      <c r="I240" s="55"/>
      <c r="J240" s="55"/>
      <c r="K240" s="55"/>
      <c r="L240" s="55"/>
      <c r="M240" s="55"/>
      <c r="N240" s="55"/>
      <c r="O240" s="55"/>
      <c r="P240" s="55"/>
      <c r="Q240" s="55"/>
      <c r="R240" s="55"/>
      <c r="S240" s="55"/>
      <c r="T240" s="55"/>
      <c r="U240" s="55"/>
      <c r="V240" s="55"/>
      <c r="W240" s="55"/>
      <c r="X240" s="55"/>
      <c r="Y240" s="55"/>
      <c r="Z240" s="55"/>
      <c r="AA240" s="55"/>
      <c r="AB240" s="55"/>
      <c r="AC240" s="55"/>
      <c r="AD240" s="55"/>
      <c r="AE240" s="55"/>
      <c r="AF240" s="55"/>
      <c r="AG240" s="55"/>
      <c r="AY240" s="162"/>
      <c r="AZ240" s="162"/>
      <c r="BA240" s="162"/>
      <c r="BB240" s="162"/>
      <c r="BC240" s="162"/>
      <c r="BD240" s="162"/>
      <c r="BE240" s="162"/>
      <c r="BF240" s="162"/>
      <c r="BG240" s="162"/>
      <c r="BH240" s="162"/>
      <c r="BI240" s="162"/>
      <c r="BJ240" s="162"/>
      <c r="BK240" s="162"/>
      <c r="BL240" s="162"/>
      <c r="BM240" s="162"/>
      <c r="BN240" s="162"/>
      <c r="BO240" s="162"/>
      <c r="BP240" s="162"/>
      <c r="BQ240" s="162"/>
      <c r="BR240" s="162"/>
      <c r="BS240" s="162"/>
      <c r="BT240" s="162"/>
      <c r="BU240" s="162"/>
      <c r="BV240" s="162"/>
      <c r="BW240" s="162"/>
      <c r="BX240" s="162"/>
      <c r="BY240" s="162"/>
      <c r="BZ240" s="162"/>
      <c r="CA240" s="162"/>
      <c r="CB240" s="162"/>
      <c r="CC240" s="162"/>
      <c r="CD240" s="162"/>
      <c r="CE240" s="162"/>
      <c r="CF240" s="162"/>
      <c r="CG240" s="162"/>
      <c r="CH240" s="162"/>
      <c r="CI240" s="162"/>
      <c r="CJ240" s="162"/>
      <c r="CK240" s="162"/>
      <c r="CX240" s="98"/>
      <c r="DL240" s="97"/>
      <c r="DX240" s="98"/>
      <c r="EL240" s="97"/>
      <c r="EX240" s="98"/>
      <c r="EY240" s="97"/>
      <c r="FL240" s="126"/>
      <c r="FM240" s="91"/>
      <c r="FN240" s="91"/>
      <c r="FO240" s="91"/>
      <c r="FP240" s="91"/>
      <c r="FQ240" s="91"/>
      <c r="FR240" s="91"/>
      <c r="FS240" s="91"/>
      <c r="FT240" s="91"/>
      <c r="FU240" s="91"/>
      <c r="FV240" s="91"/>
      <c r="FW240" s="91"/>
      <c r="FX240" s="91"/>
      <c r="FY240" s="91"/>
      <c r="FZ240" s="91"/>
      <c r="GA240" s="91"/>
      <c r="GB240" s="91"/>
      <c r="GC240" s="91"/>
      <c r="GD240" s="91"/>
      <c r="GE240" s="91"/>
      <c r="GF240" s="91"/>
      <c r="GG240" s="91"/>
      <c r="GH240" s="91"/>
      <c r="GI240" s="91"/>
      <c r="GJ240" s="91"/>
      <c r="GK240" s="127"/>
      <c r="GL240" s="126"/>
      <c r="GM240" s="91"/>
      <c r="GN240" s="91"/>
      <c r="GO240" s="91"/>
      <c r="GP240" s="91"/>
      <c r="GQ240" s="91"/>
      <c r="GR240" s="91"/>
      <c r="GS240" s="91"/>
      <c r="GT240" s="91"/>
      <c r="GU240" s="91"/>
      <c r="GV240" s="91"/>
      <c r="GW240" s="91"/>
      <c r="GX240" s="91"/>
      <c r="GY240" s="91"/>
      <c r="GZ240" s="91"/>
      <c r="HA240" s="91"/>
      <c r="HB240" s="91"/>
      <c r="HC240" s="91"/>
      <c r="HD240" s="91"/>
      <c r="HE240" s="91"/>
      <c r="HF240" s="91"/>
      <c r="HG240" s="91"/>
      <c r="HH240" s="91"/>
      <c r="HI240" s="91"/>
      <c r="HJ240" s="91"/>
      <c r="HK240" s="127"/>
      <c r="HL240" s="126"/>
      <c r="HM240" s="91"/>
      <c r="HN240" s="91"/>
      <c r="HO240" s="91"/>
      <c r="HP240" s="91"/>
      <c r="HQ240" s="91"/>
      <c r="HR240" s="91"/>
      <c r="HS240" s="91"/>
      <c r="HT240" s="91"/>
      <c r="HU240" s="91"/>
      <c r="HV240" s="91"/>
      <c r="HW240" s="91"/>
      <c r="HX240" s="91"/>
      <c r="HY240" s="91"/>
      <c r="HZ240" s="91"/>
      <c r="IA240" s="91"/>
      <c r="IB240" s="91"/>
      <c r="IC240" s="91"/>
      <c r="ID240" s="91"/>
      <c r="IE240" s="91"/>
      <c r="IF240" s="91"/>
      <c r="IG240" s="91"/>
      <c r="IH240" s="91"/>
      <c r="II240" s="91"/>
      <c r="IJ240" s="91"/>
      <c r="IK240" s="127"/>
    </row>
    <row r="241" spans="2:245" x14ac:dyDescent="0.2">
      <c r="B241" s="79"/>
      <c r="C241" s="73"/>
      <c r="D241" s="64"/>
      <c r="E241" s="64"/>
      <c r="F241" s="55"/>
      <c r="G241" s="102"/>
      <c r="H241" s="55"/>
      <c r="I241" s="55"/>
      <c r="J241" s="55"/>
      <c r="K241" s="55"/>
      <c r="L241" s="55"/>
      <c r="M241" s="55"/>
      <c r="N241" s="55"/>
      <c r="O241" s="55"/>
      <c r="P241" s="55"/>
      <c r="Q241" s="55"/>
      <c r="R241" s="55"/>
      <c r="S241" s="55"/>
      <c r="T241" s="55"/>
      <c r="U241" s="55"/>
      <c r="V241" s="55"/>
      <c r="W241" s="55"/>
      <c r="X241" s="55"/>
      <c r="Y241" s="55"/>
      <c r="Z241" s="55"/>
      <c r="AA241" s="55"/>
      <c r="AB241" s="55"/>
      <c r="AC241" s="55"/>
      <c r="AD241" s="55"/>
      <c r="AE241" s="55"/>
      <c r="AF241" s="55"/>
      <c r="AG241" s="55"/>
      <c r="AY241" s="162"/>
      <c r="AZ241" s="162"/>
      <c r="BA241" s="162"/>
      <c r="BB241" s="162"/>
      <c r="BC241" s="162"/>
      <c r="BD241" s="162"/>
      <c r="BE241" s="162"/>
      <c r="BF241" s="162"/>
      <c r="BG241" s="162"/>
      <c r="BH241" s="162"/>
      <c r="BI241" s="162"/>
      <c r="BJ241" s="162"/>
      <c r="BK241" s="162"/>
      <c r="BL241" s="162"/>
      <c r="BM241" s="162"/>
      <c r="BN241" s="162"/>
      <c r="BO241" s="162"/>
      <c r="BP241" s="162"/>
      <c r="BQ241" s="162"/>
      <c r="BR241" s="162"/>
      <c r="BS241" s="162"/>
      <c r="BT241" s="162"/>
      <c r="BU241" s="162"/>
      <c r="BV241" s="162"/>
      <c r="BW241" s="162"/>
      <c r="BX241" s="162"/>
      <c r="BY241" s="162"/>
      <c r="BZ241" s="162"/>
      <c r="CA241" s="162"/>
      <c r="CB241" s="162"/>
      <c r="CC241" s="162"/>
      <c r="CD241" s="162"/>
      <c r="CE241" s="162"/>
      <c r="CF241" s="162"/>
      <c r="CG241" s="162"/>
      <c r="CH241" s="162"/>
      <c r="CI241" s="162"/>
      <c r="CJ241" s="162"/>
      <c r="CK241" s="162"/>
      <c r="CX241" s="98"/>
      <c r="DL241" s="97"/>
      <c r="DX241" s="98"/>
      <c r="EL241" s="97"/>
      <c r="EX241" s="98"/>
      <c r="EY241" s="97"/>
      <c r="FL241" s="126"/>
      <c r="FM241" s="91"/>
      <c r="FN241" s="91"/>
      <c r="FO241" s="91"/>
      <c r="FP241" s="91"/>
      <c r="FQ241" s="91"/>
      <c r="FR241" s="91"/>
      <c r="FS241" s="91"/>
      <c r="FT241" s="91"/>
      <c r="FU241" s="91"/>
      <c r="FV241" s="91"/>
      <c r="FW241" s="91"/>
      <c r="FX241" s="91"/>
      <c r="FY241" s="91"/>
      <c r="FZ241" s="91"/>
      <c r="GA241" s="91"/>
      <c r="GB241" s="91"/>
      <c r="GC241" s="91"/>
      <c r="GD241" s="91"/>
      <c r="GE241" s="91"/>
      <c r="GF241" s="91"/>
      <c r="GG241" s="91"/>
      <c r="GH241" s="91"/>
      <c r="GI241" s="91"/>
      <c r="GJ241" s="91"/>
      <c r="GK241" s="127"/>
      <c r="GL241" s="126"/>
      <c r="GM241" s="91"/>
      <c r="GN241" s="91"/>
      <c r="GO241" s="91"/>
      <c r="GP241" s="91"/>
      <c r="GQ241" s="91"/>
      <c r="GR241" s="91"/>
      <c r="GS241" s="91"/>
      <c r="GT241" s="91"/>
      <c r="GU241" s="91"/>
      <c r="GV241" s="91"/>
      <c r="GW241" s="91"/>
      <c r="GX241" s="91"/>
      <c r="GY241" s="91"/>
      <c r="GZ241" s="91"/>
      <c r="HA241" s="91"/>
      <c r="HB241" s="91"/>
      <c r="HC241" s="91"/>
      <c r="HD241" s="91"/>
      <c r="HE241" s="91"/>
      <c r="HF241" s="91"/>
      <c r="HG241" s="91"/>
      <c r="HH241" s="91"/>
      <c r="HI241" s="91"/>
      <c r="HJ241" s="91"/>
      <c r="HK241" s="127"/>
      <c r="HL241" s="126"/>
      <c r="HM241" s="91"/>
      <c r="HN241" s="91"/>
      <c r="HO241" s="91"/>
      <c r="HP241" s="91"/>
      <c r="HQ241" s="91"/>
      <c r="HR241" s="91"/>
      <c r="HS241" s="91"/>
      <c r="HT241" s="91"/>
      <c r="HU241" s="91"/>
      <c r="HV241" s="91"/>
      <c r="HW241" s="91"/>
      <c r="HX241" s="91"/>
      <c r="HY241" s="91"/>
      <c r="HZ241" s="91"/>
      <c r="IA241" s="91"/>
      <c r="IB241" s="91"/>
      <c r="IC241" s="91"/>
      <c r="ID241" s="91"/>
      <c r="IE241" s="91"/>
      <c r="IF241" s="91"/>
      <c r="IG241" s="91"/>
      <c r="IH241" s="91"/>
      <c r="II241" s="91"/>
      <c r="IJ241" s="91"/>
      <c r="IK241" s="127"/>
    </row>
    <row r="242" spans="2:245" x14ac:dyDescent="0.2">
      <c r="B242" s="79"/>
      <c r="C242" s="73"/>
      <c r="D242" s="64"/>
      <c r="E242" s="64"/>
      <c r="F242" s="55"/>
      <c r="G242" s="102"/>
      <c r="H242" s="55"/>
      <c r="I242" s="55"/>
      <c r="J242" s="55"/>
      <c r="K242" s="55"/>
      <c r="L242" s="55"/>
      <c r="M242" s="55"/>
      <c r="N242" s="55"/>
      <c r="O242" s="55"/>
      <c r="P242" s="55"/>
      <c r="Q242" s="55"/>
      <c r="R242" s="55"/>
      <c r="S242" s="55"/>
      <c r="T242" s="55"/>
      <c r="U242" s="55"/>
      <c r="V242" s="55"/>
      <c r="W242" s="55"/>
      <c r="X242" s="55"/>
      <c r="Y242" s="55"/>
      <c r="Z242" s="55"/>
      <c r="AA242" s="55"/>
      <c r="AB242" s="55"/>
      <c r="AC242" s="55"/>
      <c r="AD242" s="55"/>
      <c r="AE242" s="55"/>
      <c r="AF242" s="55"/>
      <c r="AG242" s="55"/>
      <c r="AY242" s="162"/>
      <c r="AZ242" s="162"/>
      <c r="BA242" s="162"/>
      <c r="BB242" s="162"/>
      <c r="BC242" s="162"/>
      <c r="BD242" s="162"/>
      <c r="BE242" s="162"/>
      <c r="BF242" s="162"/>
      <c r="BG242" s="162"/>
      <c r="BH242" s="162"/>
      <c r="BI242" s="162"/>
      <c r="BJ242" s="162"/>
      <c r="BK242" s="162"/>
      <c r="BL242" s="162"/>
      <c r="BM242" s="162"/>
      <c r="BN242" s="162"/>
      <c r="BO242" s="162"/>
      <c r="BP242" s="162"/>
      <c r="BQ242" s="162"/>
      <c r="BR242" s="162"/>
      <c r="BS242" s="162"/>
      <c r="BT242" s="162"/>
      <c r="BU242" s="162"/>
      <c r="BV242" s="162"/>
      <c r="BW242" s="162"/>
      <c r="BX242" s="162"/>
      <c r="BY242" s="162"/>
      <c r="BZ242" s="162"/>
      <c r="CA242" s="162"/>
      <c r="CB242" s="162"/>
      <c r="CC242" s="162"/>
      <c r="CD242" s="162"/>
      <c r="CE242" s="162"/>
      <c r="CF242" s="162"/>
      <c r="CG242" s="162"/>
      <c r="CH242" s="162"/>
      <c r="CI242" s="162"/>
      <c r="CJ242" s="162"/>
      <c r="CK242" s="162"/>
      <c r="CX242" s="98"/>
      <c r="DL242" s="97"/>
      <c r="DX242" s="98"/>
      <c r="EL242" s="97"/>
      <c r="EX242" s="98"/>
      <c r="EY242" s="97"/>
      <c r="FL242" s="126"/>
      <c r="FM242" s="91"/>
      <c r="FN242" s="91"/>
      <c r="FO242" s="91"/>
      <c r="FP242" s="91"/>
      <c r="FQ242" s="91"/>
      <c r="FR242" s="91"/>
      <c r="FS242" s="91"/>
      <c r="FT242" s="91"/>
      <c r="FU242" s="91"/>
      <c r="FV242" s="91"/>
      <c r="FW242" s="91"/>
      <c r="FX242" s="91"/>
      <c r="FY242" s="91"/>
      <c r="FZ242" s="91"/>
      <c r="GA242" s="91"/>
      <c r="GB242" s="91"/>
      <c r="GC242" s="91"/>
      <c r="GD242" s="91"/>
      <c r="GE242" s="91"/>
      <c r="GF242" s="91"/>
      <c r="GG242" s="91"/>
      <c r="GH242" s="91"/>
      <c r="GI242" s="91"/>
      <c r="GJ242" s="91"/>
      <c r="GK242" s="127"/>
      <c r="GL242" s="126"/>
      <c r="GM242" s="91"/>
      <c r="GN242" s="91"/>
      <c r="GO242" s="91"/>
      <c r="GP242" s="91"/>
      <c r="GQ242" s="91"/>
      <c r="GR242" s="91"/>
      <c r="GS242" s="91"/>
      <c r="GT242" s="91"/>
      <c r="GU242" s="91"/>
      <c r="GV242" s="91"/>
      <c r="GW242" s="91"/>
      <c r="GX242" s="91"/>
      <c r="GY242" s="91"/>
      <c r="GZ242" s="91"/>
      <c r="HA242" s="91"/>
      <c r="HB242" s="91"/>
      <c r="HC242" s="91"/>
      <c r="HD242" s="91"/>
      <c r="HE242" s="91"/>
      <c r="HF242" s="91"/>
      <c r="HG242" s="91"/>
      <c r="HH242" s="91"/>
      <c r="HI242" s="91"/>
      <c r="HJ242" s="91"/>
      <c r="HK242" s="127"/>
      <c r="HL242" s="126"/>
      <c r="HM242" s="91"/>
      <c r="HN242" s="91"/>
      <c r="HO242" s="91"/>
      <c r="HP242" s="91"/>
      <c r="HQ242" s="91"/>
      <c r="HR242" s="91"/>
      <c r="HS242" s="91"/>
      <c r="HT242" s="91"/>
      <c r="HU242" s="91"/>
      <c r="HV242" s="91"/>
      <c r="HW242" s="91"/>
      <c r="HX242" s="91"/>
      <c r="HY242" s="91"/>
      <c r="HZ242" s="91"/>
      <c r="IA242" s="91"/>
      <c r="IB242" s="91"/>
      <c r="IC242" s="91"/>
      <c r="ID242" s="91"/>
      <c r="IE242" s="91"/>
      <c r="IF242" s="91"/>
      <c r="IG242" s="91"/>
      <c r="IH242" s="91"/>
      <c r="II242" s="91"/>
      <c r="IJ242" s="91"/>
      <c r="IK242" s="127"/>
    </row>
    <row r="243" spans="2:245" x14ac:dyDescent="0.2">
      <c r="B243" s="79"/>
      <c r="C243" s="73"/>
      <c r="D243" s="64"/>
      <c r="E243" s="64"/>
      <c r="F243" s="55"/>
      <c r="G243" s="102"/>
      <c r="H243" s="55"/>
      <c r="I243" s="55"/>
      <c r="J243" s="55"/>
      <c r="K243" s="55"/>
      <c r="L243" s="55"/>
      <c r="M243" s="55"/>
      <c r="N243" s="55"/>
      <c r="O243" s="55"/>
      <c r="P243" s="55"/>
      <c r="Q243" s="55"/>
      <c r="R243" s="55"/>
      <c r="S243" s="55"/>
      <c r="T243" s="55"/>
      <c r="U243" s="55"/>
      <c r="V243" s="55"/>
      <c r="W243" s="55"/>
      <c r="X243" s="55"/>
      <c r="Y243" s="55"/>
      <c r="Z243" s="55"/>
      <c r="AA243" s="55"/>
      <c r="AB243" s="55"/>
      <c r="AC243" s="55"/>
      <c r="AD243" s="55"/>
      <c r="AE243" s="55"/>
      <c r="AF243" s="55"/>
      <c r="AG243" s="55"/>
      <c r="AY243" s="162"/>
      <c r="AZ243" s="162"/>
      <c r="BA243" s="162"/>
      <c r="BB243" s="162"/>
      <c r="BC243" s="162"/>
      <c r="BD243" s="162"/>
      <c r="BE243" s="162"/>
      <c r="BF243" s="162"/>
      <c r="BG243" s="162"/>
      <c r="BH243" s="162"/>
      <c r="BI243" s="162"/>
      <c r="BJ243" s="162"/>
      <c r="BK243" s="162"/>
      <c r="BL243" s="162"/>
      <c r="BM243" s="162"/>
      <c r="BN243" s="162"/>
      <c r="BO243" s="162"/>
      <c r="BP243" s="162"/>
      <c r="BQ243" s="162"/>
      <c r="BR243" s="162"/>
      <c r="BS243" s="162"/>
      <c r="BT243" s="162"/>
      <c r="BU243" s="162"/>
      <c r="BV243" s="162"/>
      <c r="BW243" s="162"/>
      <c r="BX243" s="162"/>
      <c r="BY243" s="162"/>
      <c r="BZ243" s="162"/>
      <c r="CA243" s="162"/>
      <c r="CB243" s="162"/>
      <c r="CC243" s="162"/>
      <c r="CD243" s="162"/>
      <c r="CE243" s="162"/>
      <c r="CF243" s="162"/>
      <c r="CG243" s="162"/>
      <c r="CH243" s="162"/>
      <c r="CI243" s="162"/>
      <c r="CJ243" s="162"/>
      <c r="CK243" s="162"/>
      <c r="CX243" s="98"/>
      <c r="DL243" s="97"/>
      <c r="DX243" s="98"/>
      <c r="EL243" s="97"/>
      <c r="EX243" s="98"/>
      <c r="EY243" s="97"/>
      <c r="FL243" s="126"/>
      <c r="FM243" s="91"/>
      <c r="FN243" s="91"/>
      <c r="FO243" s="91"/>
      <c r="FP243" s="91"/>
      <c r="FQ243" s="91"/>
      <c r="FR243" s="91"/>
      <c r="FS243" s="91"/>
      <c r="FT243" s="91"/>
      <c r="FU243" s="91"/>
      <c r="FV243" s="91"/>
      <c r="FW243" s="91"/>
      <c r="FX243" s="91"/>
      <c r="FY243" s="91"/>
      <c r="FZ243" s="91"/>
      <c r="GA243" s="91"/>
      <c r="GB243" s="91"/>
      <c r="GC243" s="91"/>
      <c r="GD243" s="91"/>
      <c r="GE243" s="91"/>
      <c r="GF243" s="91"/>
      <c r="GG243" s="91"/>
      <c r="GH243" s="91"/>
      <c r="GI243" s="91"/>
      <c r="GJ243" s="91"/>
      <c r="GK243" s="127"/>
      <c r="GL243" s="126"/>
      <c r="GM243" s="91"/>
      <c r="GN243" s="91"/>
      <c r="GO243" s="91"/>
      <c r="GP243" s="91"/>
      <c r="GQ243" s="91"/>
      <c r="GR243" s="91"/>
      <c r="GS243" s="91"/>
      <c r="GT243" s="91"/>
      <c r="GU243" s="91"/>
      <c r="GV243" s="91"/>
      <c r="GW243" s="91"/>
      <c r="GX243" s="91"/>
      <c r="GY243" s="91"/>
      <c r="GZ243" s="91"/>
      <c r="HA243" s="91"/>
      <c r="HB243" s="91"/>
      <c r="HC243" s="91"/>
      <c r="HD243" s="91"/>
      <c r="HE243" s="91"/>
      <c r="HF243" s="91"/>
      <c r="HG243" s="91"/>
      <c r="HH243" s="91"/>
      <c r="HI243" s="91"/>
      <c r="HJ243" s="91"/>
      <c r="HK243" s="127"/>
      <c r="HL243" s="126"/>
      <c r="HM243" s="91"/>
      <c r="HN243" s="91"/>
      <c r="HO243" s="91"/>
      <c r="HP243" s="91"/>
      <c r="HQ243" s="91"/>
      <c r="HR243" s="91"/>
      <c r="HS243" s="91"/>
      <c r="HT243" s="91"/>
      <c r="HU243" s="91"/>
      <c r="HV243" s="91"/>
      <c r="HW243" s="91"/>
      <c r="HX243" s="91"/>
      <c r="HY243" s="91"/>
      <c r="HZ243" s="91"/>
      <c r="IA243" s="91"/>
      <c r="IB243" s="91"/>
      <c r="IC243" s="91"/>
      <c r="ID243" s="91"/>
      <c r="IE243" s="91"/>
      <c r="IF243" s="91"/>
      <c r="IG243" s="91"/>
      <c r="IH243" s="91"/>
      <c r="II243" s="91"/>
      <c r="IJ243" s="91"/>
      <c r="IK243" s="127"/>
    </row>
    <row r="244" spans="2:245" x14ac:dyDescent="0.2">
      <c r="B244" s="79"/>
      <c r="C244" s="73"/>
      <c r="D244" s="64"/>
      <c r="E244" s="64"/>
      <c r="F244" s="55"/>
      <c r="G244" s="102"/>
      <c r="H244" s="55"/>
      <c r="I244" s="55"/>
      <c r="J244" s="55"/>
      <c r="K244" s="55"/>
      <c r="L244" s="55"/>
      <c r="M244" s="55"/>
      <c r="N244" s="55"/>
      <c r="O244" s="55"/>
      <c r="P244" s="55"/>
      <c r="Q244" s="55"/>
      <c r="R244" s="55"/>
      <c r="S244" s="55"/>
      <c r="T244" s="55"/>
      <c r="U244" s="55"/>
      <c r="V244" s="55"/>
      <c r="W244" s="55"/>
      <c r="X244" s="55"/>
      <c r="Y244" s="55"/>
      <c r="Z244" s="55"/>
      <c r="AA244" s="55"/>
      <c r="AB244" s="55"/>
      <c r="AC244" s="55"/>
      <c r="AD244" s="55"/>
      <c r="AE244" s="55"/>
      <c r="AF244" s="55"/>
      <c r="AG244" s="55"/>
      <c r="AY244" s="162"/>
      <c r="AZ244" s="162"/>
      <c r="BA244" s="162"/>
      <c r="BB244" s="162"/>
      <c r="BC244" s="162"/>
      <c r="BD244" s="162"/>
      <c r="BE244" s="162"/>
      <c r="BF244" s="162"/>
      <c r="BG244" s="162"/>
      <c r="BH244" s="162"/>
      <c r="BI244" s="162"/>
      <c r="BJ244" s="162"/>
      <c r="BK244" s="162"/>
      <c r="BL244" s="162"/>
      <c r="BM244" s="162"/>
      <c r="BN244" s="162"/>
      <c r="BO244" s="162"/>
      <c r="BP244" s="162"/>
      <c r="BQ244" s="162"/>
      <c r="BR244" s="162"/>
      <c r="BS244" s="162"/>
      <c r="BT244" s="162"/>
      <c r="BU244" s="162"/>
      <c r="BV244" s="162"/>
      <c r="BW244" s="162"/>
      <c r="BX244" s="162"/>
      <c r="BY244" s="162"/>
      <c r="BZ244" s="162"/>
      <c r="CA244" s="162"/>
      <c r="CB244" s="162"/>
      <c r="CC244" s="162"/>
      <c r="CD244" s="162"/>
      <c r="CE244" s="162"/>
      <c r="CF244" s="162"/>
      <c r="CG244" s="162"/>
      <c r="CH244" s="162"/>
      <c r="CI244" s="162"/>
      <c r="CJ244" s="162"/>
      <c r="CK244" s="162"/>
      <c r="CX244" s="98"/>
      <c r="DL244" s="97"/>
      <c r="DX244" s="98"/>
      <c r="EL244" s="97"/>
      <c r="EX244" s="98"/>
      <c r="EY244" s="97"/>
      <c r="FL244" s="126"/>
      <c r="FM244" s="91"/>
      <c r="FN244" s="91"/>
      <c r="FO244" s="91"/>
      <c r="FP244" s="91"/>
      <c r="FQ244" s="91"/>
      <c r="FR244" s="91"/>
      <c r="FS244" s="91"/>
      <c r="FT244" s="91"/>
      <c r="FU244" s="91"/>
      <c r="FV244" s="91"/>
      <c r="FW244" s="91"/>
      <c r="FX244" s="91"/>
      <c r="FY244" s="91"/>
      <c r="FZ244" s="91"/>
      <c r="GA244" s="91"/>
      <c r="GB244" s="91"/>
      <c r="GC244" s="91"/>
      <c r="GD244" s="91"/>
      <c r="GE244" s="91"/>
      <c r="GF244" s="91"/>
      <c r="GG244" s="91"/>
      <c r="GH244" s="91"/>
      <c r="GI244" s="91"/>
      <c r="GJ244" s="91"/>
      <c r="GK244" s="127"/>
      <c r="GL244" s="126"/>
      <c r="GM244" s="91"/>
      <c r="GN244" s="91"/>
      <c r="GO244" s="91"/>
      <c r="GP244" s="91"/>
      <c r="GQ244" s="91"/>
      <c r="GR244" s="91"/>
      <c r="GS244" s="91"/>
      <c r="GT244" s="91"/>
      <c r="GU244" s="91"/>
      <c r="GV244" s="91"/>
      <c r="GW244" s="91"/>
      <c r="GX244" s="91"/>
      <c r="GY244" s="91"/>
      <c r="GZ244" s="91"/>
      <c r="HA244" s="91"/>
      <c r="HB244" s="91"/>
      <c r="HC244" s="91"/>
      <c r="HD244" s="91"/>
      <c r="HE244" s="91"/>
      <c r="HF244" s="91"/>
      <c r="HG244" s="91"/>
      <c r="HH244" s="91"/>
      <c r="HI244" s="91"/>
      <c r="HJ244" s="91"/>
      <c r="HK244" s="127"/>
      <c r="HL244" s="126"/>
      <c r="HM244" s="91"/>
      <c r="HN244" s="91"/>
      <c r="HO244" s="91"/>
      <c r="HP244" s="91"/>
      <c r="HQ244" s="91"/>
      <c r="HR244" s="91"/>
      <c r="HS244" s="91"/>
      <c r="HT244" s="91"/>
      <c r="HU244" s="91"/>
      <c r="HV244" s="91"/>
      <c r="HW244" s="91"/>
      <c r="HX244" s="91"/>
      <c r="HY244" s="91"/>
      <c r="HZ244" s="91"/>
      <c r="IA244" s="91"/>
      <c r="IB244" s="91"/>
      <c r="IC244" s="91"/>
      <c r="ID244" s="91"/>
      <c r="IE244" s="91"/>
      <c r="IF244" s="91"/>
      <c r="IG244" s="91"/>
      <c r="IH244" s="91"/>
      <c r="II244" s="91"/>
      <c r="IJ244" s="91"/>
      <c r="IK244" s="127"/>
    </row>
    <row r="245" spans="2:245" x14ac:dyDescent="0.2">
      <c r="B245" s="79"/>
      <c r="C245" s="73"/>
      <c r="D245" s="64"/>
      <c r="E245" s="64"/>
      <c r="F245" s="55"/>
      <c r="G245" s="102"/>
      <c r="H245" s="55"/>
      <c r="I245" s="55"/>
      <c r="J245" s="55"/>
      <c r="K245" s="55"/>
      <c r="L245" s="55"/>
      <c r="M245" s="55"/>
      <c r="N245" s="55"/>
      <c r="O245" s="55"/>
      <c r="P245" s="55"/>
      <c r="Q245" s="55"/>
      <c r="R245" s="55"/>
      <c r="S245" s="55"/>
      <c r="T245" s="55"/>
      <c r="U245" s="55"/>
      <c r="V245" s="55"/>
      <c r="W245" s="55"/>
      <c r="X245" s="55"/>
      <c r="Y245" s="55"/>
      <c r="Z245" s="55"/>
      <c r="AA245" s="55"/>
      <c r="AB245" s="55"/>
      <c r="AC245" s="55"/>
      <c r="AD245" s="55"/>
      <c r="AE245" s="55"/>
      <c r="AF245" s="55"/>
      <c r="AG245" s="55"/>
      <c r="AY245" s="162"/>
      <c r="AZ245" s="162"/>
      <c r="BA245" s="162"/>
      <c r="BB245" s="162"/>
      <c r="BC245" s="162"/>
      <c r="BD245" s="162"/>
      <c r="BE245" s="162"/>
      <c r="BF245" s="162"/>
      <c r="BG245" s="162"/>
      <c r="BH245" s="162"/>
      <c r="BI245" s="162"/>
      <c r="BJ245" s="162"/>
      <c r="BK245" s="162"/>
      <c r="BL245" s="162"/>
      <c r="BM245" s="162"/>
      <c r="BN245" s="162"/>
      <c r="BO245" s="162"/>
      <c r="BP245" s="162"/>
      <c r="BQ245" s="162"/>
      <c r="BR245" s="162"/>
      <c r="BS245" s="162"/>
      <c r="BT245" s="162"/>
      <c r="BU245" s="162"/>
      <c r="BV245" s="162"/>
      <c r="BW245" s="162"/>
      <c r="BX245" s="162"/>
      <c r="BY245" s="162"/>
      <c r="BZ245" s="162"/>
      <c r="CA245" s="162"/>
      <c r="CB245" s="162"/>
      <c r="CC245" s="162"/>
      <c r="CD245" s="162"/>
      <c r="CE245" s="162"/>
      <c r="CF245" s="162"/>
      <c r="CG245" s="162"/>
      <c r="CH245" s="162"/>
      <c r="CI245" s="162"/>
      <c r="CJ245" s="162"/>
      <c r="CK245" s="162"/>
      <c r="CX245" s="98"/>
      <c r="DL245" s="97"/>
      <c r="DX245" s="98"/>
      <c r="EL245" s="97"/>
      <c r="EX245" s="98"/>
      <c r="EY245" s="97"/>
      <c r="FL245" s="126"/>
      <c r="FM245" s="91"/>
      <c r="FN245" s="91"/>
      <c r="FO245" s="91"/>
      <c r="FP245" s="91"/>
      <c r="FQ245" s="91"/>
      <c r="FR245" s="91"/>
      <c r="FS245" s="91"/>
      <c r="FT245" s="91"/>
      <c r="FU245" s="91"/>
      <c r="FV245" s="91"/>
      <c r="FW245" s="91"/>
      <c r="FX245" s="91"/>
      <c r="FY245" s="91"/>
      <c r="FZ245" s="91"/>
      <c r="GA245" s="91"/>
      <c r="GB245" s="91"/>
      <c r="GC245" s="91"/>
      <c r="GD245" s="91"/>
      <c r="GE245" s="91"/>
      <c r="GF245" s="91"/>
      <c r="GG245" s="91"/>
      <c r="GH245" s="91"/>
      <c r="GI245" s="91"/>
      <c r="GJ245" s="91"/>
      <c r="GK245" s="127"/>
      <c r="GL245" s="126"/>
      <c r="GM245" s="91"/>
      <c r="GN245" s="91"/>
      <c r="GO245" s="91"/>
      <c r="GP245" s="91"/>
      <c r="GQ245" s="91"/>
      <c r="GR245" s="91"/>
      <c r="GS245" s="91"/>
      <c r="GT245" s="91"/>
      <c r="GU245" s="91"/>
      <c r="GV245" s="91"/>
      <c r="GW245" s="91"/>
      <c r="GX245" s="91"/>
      <c r="GY245" s="91"/>
      <c r="GZ245" s="91"/>
      <c r="HA245" s="91"/>
      <c r="HB245" s="91"/>
      <c r="HC245" s="91"/>
      <c r="HD245" s="91"/>
      <c r="HE245" s="91"/>
      <c r="HF245" s="91"/>
      <c r="HG245" s="91"/>
      <c r="HH245" s="91"/>
      <c r="HI245" s="91"/>
      <c r="HJ245" s="91"/>
      <c r="HK245" s="127"/>
      <c r="HL245" s="126"/>
      <c r="HM245" s="91"/>
      <c r="HN245" s="91"/>
      <c r="HO245" s="91"/>
      <c r="HP245" s="91"/>
      <c r="HQ245" s="91"/>
      <c r="HR245" s="91"/>
      <c r="HS245" s="91"/>
      <c r="HT245" s="91"/>
      <c r="HU245" s="91"/>
      <c r="HV245" s="91"/>
      <c r="HW245" s="91"/>
      <c r="HX245" s="91"/>
      <c r="HY245" s="91"/>
      <c r="HZ245" s="91"/>
      <c r="IA245" s="91"/>
      <c r="IB245" s="91"/>
      <c r="IC245" s="91"/>
      <c r="ID245" s="91"/>
      <c r="IE245" s="91"/>
      <c r="IF245" s="91"/>
      <c r="IG245" s="91"/>
      <c r="IH245" s="91"/>
      <c r="II245" s="91"/>
      <c r="IJ245" s="91"/>
      <c r="IK245" s="127"/>
    </row>
    <row r="246" spans="2:245" x14ac:dyDescent="0.2">
      <c r="B246" s="79"/>
      <c r="C246" s="73"/>
      <c r="D246" s="64"/>
      <c r="E246" s="64"/>
      <c r="F246" s="55"/>
      <c r="G246" s="102"/>
      <c r="H246" s="55"/>
      <c r="I246" s="55"/>
      <c r="J246" s="55"/>
      <c r="K246" s="55"/>
      <c r="L246" s="55"/>
      <c r="M246" s="55"/>
      <c r="N246" s="55"/>
      <c r="O246" s="55"/>
      <c r="P246" s="55"/>
      <c r="Q246" s="55"/>
      <c r="R246" s="55"/>
      <c r="S246" s="55"/>
      <c r="T246" s="55"/>
      <c r="U246" s="55"/>
      <c r="V246" s="55"/>
      <c r="W246" s="55"/>
      <c r="X246" s="55"/>
      <c r="Y246" s="55"/>
      <c r="Z246" s="55"/>
      <c r="AA246" s="55"/>
      <c r="AB246" s="55"/>
      <c r="AC246" s="55"/>
      <c r="AD246" s="55"/>
      <c r="AE246" s="55"/>
      <c r="AF246" s="55"/>
      <c r="AG246" s="55"/>
      <c r="AY246" s="162"/>
      <c r="AZ246" s="162"/>
      <c r="BA246" s="162"/>
      <c r="BB246" s="162"/>
      <c r="BC246" s="162"/>
      <c r="BD246" s="162"/>
      <c r="BE246" s="162"/>
      <c r="BF246" s="162"/>
      <c r="BG246" s="162"/>
      <c r="BH246" s="162"/>
      <c r="BI246" s="162"/>
      <c r="BJ246" s="162"/>
      <c r="BK246" s="162"/>
      <c r="BL246" s="162"/>
      <c r="BM246" s="162"/>
      <c r="BN246" s="162"/>
      <c r="BO246" s="162"/>
      <c r="BP246" s="162"/>
      <c r="BQ246" s="162"/>
      <c r="BR246" s="162"/>
      <c r="BS246" s="162"/>
      <c r="BT246" s="162"/>
      <c r="BU246" s="162"/>
      <c r="BV246" s="162"/>
      <c r="BW246" s="162"/>
      <c r="BX246" s="162"/>
      <c r="BY246" s="162"/>
      <c r="BZ246" s="162"/>
      <c r="CA246" s="162"/>
      <c r="CB246" s="162"/>
      <c r="CC246" s="162"/>
      <c r="CD246" s="162"/>
      <c r="CE246" s="162"/>
      <c r="CF246" s="162"/>
      <c r="CG246" s="162"/>
      <c r="CH246" s="162"/>
      <c r="CI246" s="162"/>
      <c r="CJ246" s="162"/>
      <c r="CK246" s="162"/>
      <c r="CX246" s="98"/>
      <c r="DL246" s="97"/>
      <c r="DX246" s="98"/>
      <c r="EL246" s="97"/>
      <c r="EX246" s="98"/>
      <c r="EY246" s="97"/>
      <c r="FL246" s="126"/>
      <c r="FM246" s="91"/>
      <c r="FN246" s="91"/>
      <c r="FO246" s="91"/>
      <c r="FP246" s="91"/>
      <c r="FQ246" s="91"/>
      <c r="FR246" s="91"/>
      <c r="FS246" s="91"/>
      <c r="FT246" s="91"/>
      <c r="FU246" s="91"/>
      <c r="FV246" s="91"/>
      <c r="FW246" s="91"/>
      <c r="FX246" s="91"/>
      <c r="FY246" s="91"/>
      <c r="FZ246" s="91"/>
      <c r="GA246" s="91"/>
      <c r="GB246" s="91"/>
      <c r="GC246" s="91"/>
      <c r="GD246" s="91"/>
      <c r="GE246" s="91"/>
      <c r="GF246" s="91"/>
      <c r="GG246" s="91"/>
      <c r="GH246" s="91"/>
      <c r="GI246" s="91"/>
      <c r="GJ246" s="91"/>
      <c r="GK246" s="127"/>
      <c r="GL246" s="126"/>
      <c r="GM246" s="91"/>
      <c r="GN246" s="91"/>
      <c r="GO246" s="91"/>
      <c r="GP246" s="91"/>
      <c r="GQ246" s="91"/>
      <c r="GR246" s="91"/>
      <c r="GS246" s="91"/>
      <c r="GT246" s="91"/>
      <c r="GU246" s="91"/>
      <c r="GV246" s="91"/>
      <c r="GW246" s="91"/>
      <c r="GX246" s="91"/>
      <c r="GY246" s="91"/>
      <c r="GZ246" s="91"/>
      <c r="HA246" s="91"/>
      <c r="HB246" s="91"/>
      <c r="HC246" s="91"/>
      <c r="HD246" s="91"/>
      <c r="HE246" s="91"/>
      <c r="HF246" s="91"/>
      <c r="HG246" s="91"/>
      <c r="HH246" s="91"/>
      <c r="HI246" s="91"/>
      <c r="HJ246" s="91"/>
      <c r="HK246" s="127"/>
      <c r="HL246" s="126"/>
      <c r="HM246" s="91"/>
      <c r="HN246" s="91"/>
      <c r="HO246" s="91"/>
      <c r="HP246" s="91"/>
      <c r="HQ246" s="91"/>
      <c r="HR246" s="91"/>
      <c r="HS246" s="91"/>
      <c r="HT246" s="91"/>
      <c r="HU246" s="91"/>
      <c r="HV246" s="91"/>
      <c r="HW246" s="91"/>
      <c r="HX246" s="91"/>
      <c r="HY246" s="91"/>
      <c r="HZ246" s="91"/>
      <c r="IA246" s="91"/>
      <c r="IB246" s="91"/>
      <c r="IC246" s="91"/>
      <c r="ID246" s="91"/>
      <c r="IE246" s="91"/>
      <c r="IF246" s="91"/>
      <c r="IG246" s="91"/>
      <c r="IH246" s="91"/>
      <c r="II246" s="91"/>
      <c r="IJ246" s="91"/>
      <c r="IK246" s="127"/>
    </row>
    <row r="247" spans="2:245" x14ac:dyDescent="0.2">
      <c r="B247" s="79"/>
      <c r="C247" s="73"/>
      <c r="D247" s="64"/>
      <c r="E247" s="64"/>
      <c r="F247" s="55"/>
      <c r="G247" s="102"/>
      <c r="H247" s="55"/>
      <c r="I247" s="55"/>
      <c r="J247" s="55"/>
      <c r="K247" s="55"/>
      <c r="L247" s="55"/>
      <c r="M247" s="55"/>
      <c r="N247" s="55"/>
      <c r="O247" s="55"/>
      <c r="P247" s="55"/>
      <c r="Q247" s="55"/>
      <c r="R247" s="55"/>
      <c r="S247" s="55"/>
      <c r="T247" s="55"/>
      <c r="U247" s="55"/>
      <c r="V247" s="55"/>
      <c r="W247" s="55"/>
      <c r="X247" s="55"/>
      <c r="Y247" s="55"/>
      <c r="Z247" s="55"/>
      <c r="AA247" s="55"/>
      <c r="AB247" s="55"/>
      <c r="AC247" s="55"/>
      <c r="AD247" s="55"/>
      <c r="AE247" s="55"/>
      <c r="AF247" s="55"/>
      <c r="AG247" s="55"/>
      <c r="AY247" s="162"/>
      <c r="AZ247" s="162"/>
      <c r="BA247" s="162"/>
      <c r="BB247" s="162"/>
      <c r="BC247" s="162"/>
      <c r="BD247" s="162"/>
      <c r="BE247" s="162"/>
      <c r="BF247" s="162"/>
      <c r="BG247" s="162"/>
      <c r="BH247" s="162"/>
      <c r="BI247" s="162"/>
      <c r="BJ247" s="162"/>
      <c r="BK247" s="162"/>
      <c r="BL247" s="162"/>
      <c r="BM247" s="162"/>
      <c r="BN247" s="162"/>
      <c r="BO247" s="162"/>
      <c r="BP247" s="162"/>
      <c r="BQ247" s="162"/>
      <c r="BR247" s="162"/>
      <c r="BS247" s="162"/>
      <c r="BT247" s="162"/>
      <c r="BU247" s="162"/>
      <c r="BV247" s="162"/>
      <c r="BW247" s="162"/>
      <c r="BX247" s="162"/>
      <c r="BY247" s="162"/>
      <c r="BZ247" s="162"/>
      <c r="CA247" s="162"/>
      <c r="CB247" s="162"/>
      <c r="CC247" s="162"/>
      <c r="CD247" s="162"/>
      <c r="CE247" s="162"/>
      <c r="CF247" s="162"/>
      <c r="CG247" s="162"/>
      <c r="CH247" s="162"/>
      <c r="CI247" s="162"/>
      <c r="CJ247" s="162"/>
      <c r="CK247" s="162"/>
      <c r="CX247" s="98"/>
      <c r="DL247" s="97"/>
      <c r="DX247" s="98"/>
      <c r="EL247" s="97"/>
      <c r="EX247" s="98"/>
      <c r="EY247" s="97"/>
      <c r="FL247" s="126"/>
      <c r="FM247" s="91"/>
      <c r="FN247" s="91"/>
      <c r="FO247" s="91"/>
      <c r="FP247" s="91"/>
      <c r="FQ247" s="91"/>
      <c r="FR247" s="91"/>
      <c r="FS247" s="91"/>
      <c r="FT247" s="91"/>
      <c r="FU247" s="91"/>
      <c r="FV247" s="91"/>
      <c r="FW247" s="91"/>
      <c r="FX247" s="91"/>
      <c r="FY247" s="91"/>
      <c r="FZ247" s="91"/>
      <c r="GA247" s="91"/>
      <c r="GB247" s="91"/>
      <c r="GC247" s="91"/>
      <c r="GD247" s="91"/>
      <c r="GE247" s="91"/>
      <c r="GF247" s="91"/>
      <c r="GG247" s="91"/>
      <c r="GH247" s="91"/>
      <c r="GI247" s="91"/>
      <c r="GJ247" s="91"/>
      <c r="GK247" s="127"/>
      <c r="GL247" s="126"/>
      <c r="GM247" s="91"/>
      <c r="GN247" s="91"/>
      <c r="GO247" s="91"/>
      <c r="GP247" s="91"/>
      <c r="GQ247" s="91"/>
      <c r="GR247" s="91"/>
      <c r="GS247" s="91"/>
      <c r="GT247" s="91"/>
      <c r="GU247" s="91"/>
      <c r="GV247" s="91"/>
      <c r="GW247" s="91"/>
      <c r="GX247" s="91"/>
      <c r="GY247" s="91"/>
      <c r="GZ247" s="91"/>
      <c r="HA247" s="91"/>
      <c r="HB247" s="91"/>
      <c r="HC247" s="91"/>
      <c r="HD247" s="91"/>
      <c r="HE247" s="91"/>
      <c r="HF247" s="91"/>
      <c r="HG247" s="91"/>
      <c r="HH247" s="91"/>
      <c r="HI247" s="91"/>
      <c r="HJ247" s="91"/>
      <c r="HK247" s="127"/>
      <c r="HL247" s="126"/>
      <c r="HM247" s="91"/>
      <c r="HN247" s="91"/>
      <c r="HO247" s="91"/>
      <c r="HP247" s="91"/>
      <c r="HQ247" s="91"/>
      <c r="HR247" s="91"/>
      <c r="HS247" s="91"/>
      <c r="HT247" s="91"/>
      <c r="HU247" s="91"/>
      <c r="HV247" s="91"/>
      <c r="HW247" s="91"/>
      <c r="HX247" s="91"/>
      <c r="HY247" s="91"/>
      <c r="HZ247" s="91"/>
      <c r="IA247" s="91"/>
      <c r="IB247" s="91"/>
      <c r="IC247" s="91"/>
      <c r="ID247" s="91"/>
      <c r="IE247" s="91"/>
      <c r="IF247" s="91"/>
      <c r="IG247" s="91"/>
      <c r="IH247" s="91"/>
      <c r="II247" s="91"/>
      <c r="IJ247" s="91"/>
      <c r="IK247" s="127"/>
    </row>
    <row r="248" spans="2:245" x14ac:dyDescent="0.2">
      <c r="B248" s="79"/>
      <c r="C248" s="73"/>
      <c r="D248" s="64"/>
      <c r="E248" s="64"/>
      <c r="F248" s="55"/>
      <c r="G248" s="102"/>
      <c r="H248" s="55"/>
      <c r="I248" s="55"/>
      <c r="J248" s="55"/>
      <c r="K248" s="55"/>
      <c r="L248" s="55"/>
      <c r="M248" s="55"/>
      <c r="N248" s="55"/>
      <c r="O248" s="55"/>
      <c r="P248" s="55"/>
      <c r="Q248" s="55"/>
      <c r="R248" s="55"/>
      <c r="S248" s="55"/>
      <c r="T248" s="55"/>
      <c r="U248" s="55"/>
      <c r="V248" s="55"/>
      <c r="W248" s="55"/>
      <c r="X248" s="55"/>
      <c r="Y248" s="55"/>
      <c r="Z248" s="55"/>
      <c r="AA248" s="55"/>
      <c r="AB248" s="55"/>
      <c r="AC248" s="55"/>
      <c r="AD248" s="55"/>
      <c r="AE248" s="55"/>
      <c r="AF248" s="55"/>
      <c r="AG248" s="55"/>
      <c r="AY248" s="162"/>
      <c r="AZ248" s="162"/>
      <c r="BA248" s="162"/>
      <c r="BB248" s="162"/>
      <c r="BC248" s="162"/>
      <c r="BD248" s="162"/>
      <c r="BE248" s="162"/>
      <c r="BF248" s="162"/>
      <c r="BG248" s="162"/>
      <c r="BH248" s="162"/>
      <c r="BI248" s="162"/>
      <c r="BJ248" s="162"/>
      <c r="BK248" s="162"/>
      <c r="BL248" s="162"/>
      <c r="BM248" s="162"/>
      <c r="BN248" s="162"/>
      <c r="BO248" s="162"/>
      <c r="BP248" s="162"/>
      <c r="BQ248" s="162"/>
      <c r="BR248" s="162"/>
      <c r="BS248" s="162"/>
      <c r="BT248" s="162"/>
      <c r="BU248" s="162"/>
      <c r="BV248" s="162"/>
      <c r="BW248" s="162"/>
      <c r="BX248" s="162"/>
      <c r="BY248" s="162"/>
      <c r="BZ248" s="162"/>
      <c r="CA248" s="162"/>
      <c r="CB248" s="162"/>
      <c r="CC248" s="162"/>
      <c r="CD248" s="162"/>
      <c r="CE248" s="162"/>
      <c r="CF248" s="162"/>
      <c r="CG248" s="162"/>
      <c r="CH248" s="162"/>
      <c r="CI248" s="162"/>
      <c r="CJ248" s="162"/>
      <c r="CK248" s="162"/>
      <c r="CX248" s="98"/>
      <c r="DL248" s="97"/>
      <c r="DX248" s="98"/>
      <c r="EL248" s="97"/>
      <c r="EX248" s="98"/>
      <c r="EY248" s="97"/>
      <c r="FL248" s="126"/>
      <c r="FM248" s="91"/>
      <c r="FN248" s="91"/>
      <c r="FO248" s="91"/>
      <c r="FP248" s="91"/>
      <c r="FQ248" s="91"/>
      <c r="FR248" s="91"/>
      <c r="FS248" s="91"/>
      <c r="FT248" s="91"/>
      <c r="FU248" s="91"/>
      <c r="FV248" s="91"/>
      <c r="FW248" s="91"/>
      <c r="FX248" s="91"/>
      <c r="FY248" s="91"/>
      <c r="FZ248" s="91"/>
      <c r="GA248" s="91"/>
      <c r="GB248" s="91"/>
      <c r="GC248" s="91"/>
      <c r="GD248" s="91"/>
      <c r="GE248" s="91"/>
      <c r="GF248" s="91"/>
      <c r="GG248" s="91"/>
      <c r="GH248" s="91"/>
      <c r="GI248" s="91"/>
      <c r="GJ248" s="91"/>
      <c r="GK248" s="127"/>
      <c r="GL248" s="126"/>
      <c r="GM248" s="91"/>
      <c r="GN248" s="91"/>
      <c r="GO248" s="91"/>
      <c r="GP248" s="91"/>
      <c r="GQ248" s="91"/>
      <c r="GR248" s="91"/>
      <c r="GS248" s="91"/>
      <c r="GT248" s="91"/>
      <c r="GU248" s="91"/>
      <c r="GV248" s="91"/>
      <c r="GW248" s="91"/>
      <c r="GX248" s="91"/>
      <c r="GY248" s="91"/>
      <c r="GZ248" s="91"/>
      <c r="HA248" s="91"/>
      <c r="HB248" s="91"/>
      <c r="HC248" s="91"/>
      <c r="HD248" s="91"/>
      <c r="HE248" s="91"/>
      <c r="HF248" s="91"/>
      <c r="HG248" s="91"/>
      <c r="HH248" s="91"/>
      <c r="HI248" s="91"/>
      <c r="HJ248" s="91"/>
      <c r="HK248" s="127"/>
      <c r="HL248" s="126"/>
      <c r="HM248" s="91"/>
      <c r="HN248" s="91"/>
      <c r="HO248" s="91"/>
      <c r="HP248" s="91"/>
      <c r="HQ248" s="91"/>
      <c r="HR248" s="91"/>
      <c r="HS248" s="91"/>
      <c r="HT248" s="91"/>
      <c r="HU248" s="91"/>
      <c r="HV248" s="91"/>
      <c r="HW248" s="91"/>
      <c r="HX248" s="91"/>
      <c r="HY248" s="91"/>
      <c r="HZ248" s="91"/>
      <c r="IA248" s="91"/>
      <c r="IB248" s="91"/>
      <c r="IC248" s="91"/>
      <c r="ID248" s="91"/>
      <c r="IE248" s="91"/>
      <c r="IF248" s="91"/>
      <c r="IG248" s="91"/>
      <c r="IH248" s="91"/>
      <c r="II248" s="91"/>
      <c r="IJ248" s="91"/>
      <c r="IK248" s="127"/>
    </row>
    <row r="249" spans="2:245" x14ac:dyDescent="0.2">
      <c r="B249" s="79"/>
      <c r="C249" s="73"/>
      <c r="D249" s="64"/>
      <c r="E249" s="64"/>
      <c r="F249" s="55"/>
      <c r="G249" s="102"/>
      <c r="H249" s="55"/>
      <c r="I249" s="55"/>
      <c r="J249" s="55"/>
      <c r="K249" s="55"/>
      <c r="L249" s="55"/>
      <c r="M249" s="55"/>
      <c r="N249" s="55"/>
      <c r="O249" s="55"/>
      <c r="P249" s="55"/>
      <c r="Q249" s="55"/>
      <c r="R249" s="55"/>
      <c r="S249" s="55"/>
      <c r="T249" s="55"/>
      <c r="U249" s="55"/>
      <c r="V249" s="55"/>
      <c r="W249" s="55"/>
      <c r="X249" s="55"/>
      <c r="Y249" s="55"/>
      <c r="Z249" s="55"/>
      <c r="AA249" s="55"/>
      <c r="AB249" s="55"/>
      <c r="AC249" s="55"/>
      <c r="AD249" s="55"/>
      <c r="AE249" s="55"/>
      <c r="AF249" s="55"/>
      <c r="AG249" s="55"/>
      <c r="AY249" s="162"/>
      <c r="AZ249" s="162"/>
      <c r="BA249" s="162"/>
      <c r="BB249" s="162"/>
      <c r="BC249" s="162"/>
      <c r="BD249" s="162"/>
      <c r="BE249" s="162"/>
      <c r="BF249" s="162"/>
      <c r="BG249" s="162"/>
      <c r="BH249" s="162"/>
      <c r="BI249" s="162"/>
      <c r="BJ249" s="162"/>
      <c r="BK249" s="162"/>
      <c r="BL249" s="162"/>
      <c r="BM249" s="162"/>
      <c r="BN249" s="162"/>
      <c r="BO249" s="162"/>
      <c r="BP249" s="162"/>
      <c r="BQ249" s="162"/>
      <c r="BR249" s="162"/>
      <c r="BS249" s="162"/>
      <c r="BT249" s="162"/>
      <c r="BU249" s="162"/>
      <c r="BV249" s="162"/>
      <c r="BW249" s="162"/>
      <c r="BX249" s="162"/>
      <c r="BY249" s="162"/>
      <c r="BZ249" s="162"/>
      <c r="CA249" s="162"/>
      <c r="CB249" s="162"/>
      <c r="CC249" s="162"/>
      <c r="CD249" s="162"/>
      <c r="CE249" s="162"/>
      <c r="CF249" s="162"/>
      <c r="CG249" s="162"/>
      <c r="CH249" s="162"/>
      <c r="CI249" s="162"/>
      <c r="CJ249" s="162"/>
      <c r="CK249" s="162"/>
      <c r="CX249" s="98"/>
      <c r="DL249" s="97"/>
      <c r="DX249" s="98"/>
      <c r="EL249" s="97"/>
      <c r="EX249" s="98"/>
      <c r="EY249" s="97"/>
      <c r="FL249" s="126"/>
      <c r="FM249" s="91"/>
      <c r="FN249" s="91"/>
      <c r="FO249" s="91"/>
      <c r="FP249" s="91"/>
      <c r="FQ249" s="91"/>
      <c r="FR249" s="91"/>
      <c r="FS249" s="91"/>
      <c r="FT249" s="91"/>
      <c r="FU249" s="91"/>
      <c r="FV249" s="91"/>
      <c r="FW249" s="91"/>
      <c r="FX249" s="91"/>
      <c r="FY249" s="91"/>
      <c r="FZ249" s="91"/>
      <c r="GA249" s="91"/>
      <c r="GB249" s="91"/>
      <c r="GC249" s="91"/>
      <c r="GD249" s="91"/>
      <c r="GE249" s="91"/>
      <c r="GF249" s="91"/>
      <c r="GG249" s="91"/>
      <c r="GH249" s="91"/>
      <c r="GI249" s="91"/>
      <c r="GJ249" s="91"/>
      <c r="GK249" s="127"/>
      <c r="GL249" s="126"/>
      <c r="GM249" s="91"/>
      <c r="GN249" s="91"/>
      <c r="GO249" s="91"/>
      <c r="GP249" s="91"/>
      <c r="GQ249" s="91"/>
      <c r="GR249" s="91"/>
      <c r="GS249" s="91"/>
      <c r="GT249" s="91"/>
      <c r="GU249" s="91"/>
      <c r="GV249" s="91"/>
      <c r="GW249" s="91"/>
      <c r="GX249" s="91"/>
      <c r="GY249" s="91"/>
      <c r="GZ249" s="91"/>
      <c r="HA249" s="91"/>
      <c r="HB249" s="91"/>
      <c r="HC249" s="91"/>
      <c r="HD249" s="91"/>
      <c r="HE249" s="91"/>
      <c r="HF249" s="91"/>
      <c r="HG249" s="91"/>
      <c r="HH249" s="91"/>
      <c r="HI249" s="91"/>
      <c r="HJ249" s="91"/>
      <c r="HK249" s="127"/>
      <c r="HL249" s="126"/>
      <c r="HM249" s="91"/>
      <c r="HN249" s="91"/>
      <c r="HO249" s="91"/>
      <c r="HP249" s="91"/>
      <c r="HQ249" s="91"/>
      <c r="HR249" s="91"/>
      <c r="HS249" s="91"/>
      <c r="HT249" s="91"/>
      <c r="HU249" s="91"/>
      <c r="HV249" s="91"/>
      <c r="HW249" s="91"/>
      <c r="HX249" s="91"/>
      <c r="HY249" s="91"/>
      <c r="HZ249" s="91"/>
      <c r="IA249" s="91"/>
      <c r="IB249" s="91"/>
      <c r="IC249" s="91"/>
      <c r="ID249" s="91"/>
      <c r="IE249" s="91"/>
      <c r="IF249" s="91"/>
      <c r="IG249" s="91"/>
      <c r="IH249" s="91"/>
      <c r="II249" s="91"/>
      <c r="IJ249" s="91"/>
      <c r="IK249" s="127"/>
    </row>
    <row r="250" spans="2:245" x14ac:dyDescent="0.2">
      <c r="B250" s="79"/>
      <c r="C250" s="73"/>
      <c r="D250" s="64"/>
      <c r="E250" s="64"/>
      <c r="F250" s="55"/>
      <c r="G250" s="102"/>
      <c r="H250" s="55"/>
      <c r="I250" s="55"/>
      <c r="J250" s="55"/>
      <c r="K250" s="55"/>
      <c r="L250" s="55"/>
      <c r="M250" s="55"/>
      <c r="N250" s="55"/>
      <c r="O250" s="55"/>
      <c r="P250" s="55"/>
      <c r="Q250" s="55"/>
      <c r="R250" s="55"/>
      <c r="S250" s="55"/>
      <c r="T250" s="55"/>
      <c r="U250" s="55"/>
      <c r="V250" s="55"/>
      <c r="W250" s="55"/>
      <c r="X250" s="55"/>
      <c r="Y250" s="55"/>
      <c r="Z250" s="55"/>
      <c r="AA250" s="55"/>
      <c r="AB250" s="55"/>
      <c r="AC250" s="55"/>
      <c r="AD250" s="55"/>
      <c r="AE250" s="55"/>
      <c r="AF250" s="55"/>
      <c r="AG250" s="55"/>
      <c r="AY250" s="162"/>
      <c r="AZ250" s="162"/>
      <c r="BA250" s="162"/>
      <c r="BB250" s="162"/>
      <c r="BC250" s="162"/>
      <c r="BD250" s="162"/>
      <c r="BE250" s="162"/>
      <c r="BF250" s="162"/>
      <c r="BG250" s="162"/>
      <c r="BH250" s="162"/>
      <c r="BI250" s="162"/>
      <c r="BJ250" s="162"/>
      <c r="BK250" s="162"/>
      <c r="BL250" s="162"/>
      <c r="BM250" s="162"/>
      <c r="BN250" s="162"/>
      <c r="BO250" s="162"/>
      <c r="BP250" s="162"/>
      <c r="BQ250" s="162"/>
      <c r="BR250" s="162"/>
      <c r="BS250" s="162"/>
      <c r="BT250" s="162"/>
      <c r="BU250" s="162"/>
      <c r="BV250" s="162"/>
      <c r="BW250" s="162"/>
      <c r="BX250" s="162"/>
      <c r="BY250" s="162"/>
      <c r="BZ250" s="162"/>
      <c r="CA250" s="162"/>
      <c r="CB250" s="162"/>
      <c r="CC250" s="162"/>
      <c r="CD250" s="162"/>
      <c r="CE250" s="162"/>
      <c r="CF250" s="162"/>
      <c r="CG250" s="162"/>
      <c r="CH250" s="162"/>
      <c r="CI250" s="162"/>
      <c r="CJ250" s="162"/>
      <c r="CK250" s="162"/>
      <c r="CX250" s="98"/>
      <c r="DL250" s="97"/>
      <c r="DX250" s="98"/>
      <c r="EL250" s="97"/>
      <c r="EX250" s="98"/>
      <c r="EY250" s="97"/>
      <c r="FL250" s="126"/>
      <c r="FM250" s="91"/>
      <c r="FN250" s="91"/>
      <c r="FO250" s="91"/>
      <c r="FP250" s="91"/>
      <c r="FQ250" s="91"/>
      <c r="FR250" s="91"/>
      <c r="FS250" s="91"/>
      <c r="FT250" s="91"/>
      <c r="FU250" s="91"/>
      <c r="FV250" s="91"/>
      <c r="FW250" s="91"/>
      <c r="FX250" s="91"/>
      <c r="FY250" s="91"/>
      <c r="FZ250" s="91"/>
      <c r="GA250" s="91"/>
      <c r="GB250" s="91"/>
      <c r="GC250" s="91"/>
      <c r="GD250" s="91"/>
      <c r="GE250" s="91"/>
      <c r="GF250" s="91"/>
      <c r="GG250" s="91"/>
      <c r="GH250" s="91"/>
      <c r="GI250" s="91"/>
      <c r="GJ250" s="91"/>
      <c r="GK250" s="127"/>
      <c r="GL250" s="126"/>
      <c r="GM250" s="91"/>
      <c r="GN250" s="91"/>
      <c r="GO250" s="91"/>
      <c r="GP250" s="91"/>
      <c r="GQ250" s="91"/>
      <c r="GR250" s="91"/>
      <c r="GS250" s="91"/>
      <c r="GT250" s="91"/>
      <c r="GU250" s="91"/>
      <c r="GV250" s="91"/>
      <c r="GW250" s="91"/>
      <c r="GX250" s="91"/>
      <c r="GY250" s="91"/>
      <c r="GZ250" s="91"/>
      <c r="HA250" s="91"/>
      <c r="HB250" s="91"/>
      <c r="HC250" s="91"/>
      <c r="HD250" s="91"/>
      <c r="HE250" s="91"/>
      <c r="HF250" s="91"/>
      <c r="HG250" s="91"/>
      <c r="HH250" s="91"/>
      <c r="HI250" s="91"/>
      <c r="HJ250" s="91"/>
      <c r="HK250" s="127"/>
      <c r="HL250" s="126"/>
      <c r="HM250" s="91"/>
      <c r="HN250" s="91"/>
      <c r="HO250" s="91"/>
      <c r="HP250" s="91"/>
      <c r="HQ250" s="91"/>
      <c r="HR250" s="91"/>
      <c r="HS250" s="91"/>
      <c r="HT250" s="91"/>
      <c r="HU250" s="91"/>
      <c r="HV250" s="91"/>
      <c r="HW250" s="91"/>
      <c r="HX250" s="91"/>
      <c r="HY250" s="91"/>
      <c r="HZ250" s="91"/>
      <c r="IA250" s="91"/>
      <c r="IB250" s="91"/>
      <c r="IC250" s="91"/>
      <c r="ID250" s="91"/>
      <c r="IE250" s="91"/>
      <c r="IF250" s="91"/>
      <c r="IG250" s="91"/>
      <c r="IH250" s="91"/>
      <c r="II250" s="91"/>
      <c r="IJ250" s="91"/>
      <c r="IK250" s="127"/>
    </row>
    <row r="251" spans="2:245" x14ac:dyDescent="0.2">
      <c r="B251" s="79"/>
      <c r="C251" s="73"/>
      <c r="D251" s="64"/>
      <c r="E251" s="64"/>
      <c r="F251" s="55"/>
      <c r="G251" s="102"/>
      <c r="H251" s="55"/>
      <c r="I251" s="55"/>
      <c r="J251" s="55"/>
      <c r="K251" s="55"/>
      <c r="L251" s="55"/>
      <c r="M251" s="55"/>
      <c r="N251" s="55"/>
      <c r="O251" s="55"/>
      <c r="P251" s="55"/>
      <c r="Q251" s="55"/>
      <c r="R251" s="55"/>
      <c r="S251" s="55"/>
      <c r="T251" s="55"/>
      <c r="U251" s="55"/>
      <c r="V251" s="55"/>
      <c r="W251" s="55"/>
      <c r="X251" s="55"/>
      <c r="Y251" s="55"/>
      <c r="Z251" s="55"/>
      <c r="AA251" s="55"/>
      <c r="AB251" s="55"/>
      <c r="AC251" s="55"/>
      <c r="AD251" s="55"/>
      <c r="AE251" s="55"/>
      <c r="AF251" s="55"/>
      <c r="AG251" s="55"/>
      <c r="AY251" s="162"/>
      <c r="AZ251" s="162"/>
      <c r="BA251" s="162"/>
      <c r="BB251" s="162"/>
      <c r="BC251" s="162"/>
      <c r="BD251" s="162"/>
      <c r="BE251" s="162"/>
      <c r="BF251" s="162"/>
      <c r="BG251" s="162"/>
      <c r="BH251" s="162"/>
      <c r="BI251" s="162"/>
      <c r="BJ251" s="162"/>
      <c r="BK251" s="162"/>
      <c r="BL251" s="162"/>
      <c r="BM251" s="162"/>
      <c r="BN251" s="162"/>
      <c r="BO251" s="162"/>
      <c r="BP251" s="162"/>
      <c r="BQ251" s="162"/>
      <c r="BR251" s="162"/>
      <c r="BS251" s="162"/>
      <c r="BT251" s="162"/>
      <c r="BU251" s="162"/>
      <c r="BV251" s="162"/>
      <c r="BW251" s="162"/>
      <c r="BX251" s="162"/>
      <c r="BY251" s="162"/>
      <c r="BZ251" s="162"/>
      <c r="CA251" s="162"/>
      <c r="CB251" s="162"/>
      <c r="CC251" s="162"/>
      <c r="CD251" s="162"/>
      <c r="CE251" s="162"/>
      <c r="CF251" s="162"/>
      <c r="CG251" s="162"/>
      <c r="CH251" s="162"/>
      <c r="CI251" s="162"/>
      <c r="CJ251" s="162"/>
      <c r="CK251" s="162"/>
      <c r="CX251" s="98"/>
      <c r="DL251" s="97"/>
      <c r="DX251" s="98"/>
      <c r="EL251" s="97"/>
      <c r="EX251" s="98"/>
      <c r="EY251" s="97"/>
      <c r="FL251" s="126"/>
      <c r="FM251" s="91"/>
      <c r="FN251" s="91"/>
      <c r="FO251" s="91"/>
      <c r="FP251" s="91"/>
      <c r="FQ251" s="91"/>
      <c r="FR251" s="91"/>
      <c r="FS251" s="91"/>
      <c r="FT251" s="91"/>
      <c r="FU251" s="91"/>
      <c r="FV251" s="91"/>
      <c r="FW251" s="91"/>
      <c r="FX251" s="91"/>
      <c r="FY251" s="91"/>
      <c r="FZ251" s="91"/>
      <c r="GA251" s="91"/>
      <c r="GB251" s="91"/>
      <c r="GC251" s="91"/>
      <c r="GD251" s="91"/>
      <c r="GE251" s="91"/>
      <c r="GF251" s="91"/>
      <c r="GG251" s="91"/>
      <c r="GH251" s="91"/>
      <c r="GI251" s="91"/>
      <c r="GJ251" s="91"/>
      <c r="GK251" s="127"/>
      <c r="GL251" s="126"/>
      <c r="GM251" s="91"/>
      <c r="GN251" s="91"/>
      <c r="GO251" s="91"/>
      <c r="GP251" s="91"/>
      <c r="GQ251" s="91"/>
      <c r="GR251" s="91"/>
      <c r="GS251" s="91"/>
      <c r="GT251" s="91"/>
      <c r="GU251" s="91"/>
      <c r="GV251" s="91"/>
      <c r="GW251" s="91"/>
      <c r="GX251" s="91"/>
      <c r="GY251" s="91"/>
      <c r="GZ251" s="91"/>
      <c r="HA251" s="91"/>
      <c r="HB251" s="91"/>
      <c r="HC251" s="91"/>
      <c r="HD251" s="91"/>
      <c r="HE251" s="91"/>
      <c r="HF251" s="91"/>
      <c r="HG251" s="91"/>
      <c r="HH251" s="91"/>
      <c r="HI251" s="91"/>
      <c r="HJ251" s="91"/>
      <c r="HK251" s="127"/>
      <c r="HL251" s="126"/>
      <c r="HM251" s="91"/>
      <c r="HN251" s="91"/>
      <c r="HO251" s="91"/>
      <c r="HP251" s="91"/>
      <c r="HQ251" s="91"/>
      <c r="HR251" s="91"/>
      <c r="HS251" s="91"/>
      <c r="HT251" s="91"/>
      <c r="HU251" s="91"/>
      <c r="HV251" s="91"/>
      <c r="HW251" s="91"/>
      <c r="HX251" s="91"/>
      <c r="HY251" s="91"/>
      <c r="HZ251" s="91"/>
      <c r="IA251" s="91"/>
      <c r="IB251" s="91"/>
      <c r="IC251" s="91"/>
      <c r="ID251" s="91"/>
      <c r="IE251" s="91"/>
      <c r="IF251" s="91"/>
      <c r="IG251" s="91"/>
      <c r="IH251" s="91"/>
      <c r="II251" s="91"/>
      <c r="IJ251" s="91"/>
      <c r="IK251" s="127"/>
    </row>
    <row r="252" spans="2:245" x14ac:dyDescent="0.2">
      <c r="B252" s="79"/>
      <c r="C252" s="73"/>
      <c r="D252" s="64"/>
      <c r="E252" s="64"/>
      <c r="F252" s="55"/>
      <c r="G252" s="102"/>
      <c r="H252" s="55"/>
      <c r="I252" s="55"/>
      <c r="J252" s="55"/>
      <c r="K252" s="55"/>
      <c r="L252" s="55"/>
      <c r="M252" s="55"/>
      <c r="N252" s="55"/>
      <c r="O252" s="55"/>
      <c r="P252" s="55"/>
      <c r="Q252" s="55"/>
      <c r="R252" s="55"/>
      <c r="S252" s="55"/>
      <c r="T252" s="55"/>
      <c r="U252" s="55"/>
      <c r="V252" s="55"/>
      <c r="W252" s="55"/>
      <c r="X252" s="55"/>
      <c r="Y252" s="55"/>
      <c r="Z252" s="55"/>
      <c r="AA252" s="55"/>
      <c r="AB252" s="55"/>
      <c r="AC252" s="55"/>
      <c r="AD252" s="55"/>
      <c r="AE252" s="55"/>
      <c r="AF252" s="55"/>
      <c r="AG252" s="55"/>
      <c r="AY252" s="162"/>
      <c r="AZ252" s="162"/>
      <c r="BA252" s="162"/>
      <c r="BB252" s="162"/>
      <c r="BC252" s="162"/>
      <c r="BD252" s="162"/>
      <c r="BE252" s="162"/>
      <c r="BF252" s="162"/>
      <c r="BG252" s="162"/>
      <c r="BH252" s="162"/>
      <c r="BI252" s="162"/>
      <c r="BJ252" s="162"/>
      <c r="BK252" s="162"/>
      <c r="BL252" s="162"/>
      <c r="BM252" s="162"/>
      <c r="BN252" s="162"/>
      <c r="BO252" s="162"/>
      <c r="BP252" s="162"/>
      <c r="BQ252" s="162"/>
      <c r="BR252" s="162"/>
      <c r="BS252" s="162"/>
      <c r="BT252" s="162"/>
      <c r="BU252" s="162"/>
      <c r="BV252" s="162"/>
      <c r="BW252" s="162"/>
      <c r="BX252" s="162"/>
      <c r="BY252" s="162"/>
      <c r="BZ252" s="162"/>
      <c r="CA252" s="162"/>
      <c r="CB252" s="162"/>
      <c r="CC252" s="162"/>
      <c r="CD252" s="162"/>
      <c r="CE252" s="162"/>
      <c r="CF252" s="162"/>
      <c r="CG252" s="162"/>
      <c r="CH252" s="162"/>
      <c r="CI252" s="162"/>
      <c r="CJ252" s="162"/>
      <c r="CK252" s="162"/>
      <c r="CX252" s="98"/>
      <c r="DL252" s="97"/>
      <c r="DX252" s="98"/>
      <c r="EL252" s="97"/>
      <c r="EX252" s="98"/>
      <c r="EY252" s="97"/>
      <c r="FL252" s="126"/>
      <c r="FM252" s="91"/>
      <c r="FN252" s="91"/>
      <c r="FO252" s="91"/>
      <c r="FP252" s="91"/>
      <c r="FQ252" s="91"/>
      <c r="FR252" s="91"/>
      <c r="FS252" s="91"/>
      <c r="FT252" s="91"/>
      <c r="FU252" s="91"/>
      <c r="FV252" s="91"/>
      <c r="FW252" s="91"/>
      <c r="FX252" s="91"/>
      <c r="FY252" s="91"/>
      <c r="FZ252" s="91"/>
      <c r="GA252" s="91"/>
      <c r="GB252" s="91"/>
      <c r="GC252" s="91"/>
      <c r="GD252" s="91"/>
      <c r="GE252" s="91"/>
      <c r="GF252" s="91"/>
      <c r="GG252" s="91"/>
      <c r="GH252" s="91"/>
      <c r="GI252" s="91"/>
      <c r="GJ252" s="91"/>
      <c r="GK252" s="127"/>
      <c r="GL252" s="126"/>
      <c r="GM252" s="91"/>
      <c r="GN252" s="91"/>
      <c r="GO252" s="91"/>
      <c r="GP252" s="91"/>
      <c r="GQ252" s="91"/>
      <c r="GR252" s="91"/>
      <c r="GS252" s="91"/>
      <c r="GT252" s="91"/>
      <c r="GU252" s="91"/>
      <c r="GV252" s="91"/>
      <c r="GW252" s="91"/>
      <c r="GX252" s="91"/>
      <c r="GY252" s="91"/>
      <c r="GZ252" s="91"/>
      <c r="HA252" s="91"/>
      <c r="HB252" s="91"/>
      <c r="HC252" s="91"/>
      <c r="HD252" s="91"/>
      <c r="HE252" s="91"/>
      <c r="HF252" s="91"/>
      <c r="HG252" s="91"/>
      <c r="HH252" s="91"/>
      <c r="HI252" s="91"/>
      <c r="HJ252" s="91"/>
      <c r="HK252" s="127"/>
      <c r="HL252" s="126"/>
      <c r="HM252" s="91"/>
      <c r="HN252" s="91"/>
      <c r="HO252" s="91"/>
      <c r="HP252" s="91"/>
      <c r="HQ252" s="91"/>
      <c r="HR252" s="91"/>
      <c r="HS252" s="91"/>
      <c r="HT252" s="91"/>
      <c r="HU252" s="91"/>
      <c r="HV252" s="91"/>
      <c r="HW252" s="91"/>
      <c r="HX252" s="91"/>
      <c r="HY252" s="91"/>
      <c r="HZ252" s="91"/>
      <c r="IA252" s="91"/>
      <c r="IB252" s="91"/>
      <c r="IC252" s="91"/>
      <c r="ID252" s="91"/>
      <c r="IE252" s="91"/>
      <c r="IF252" s="91"/>
      <c r="IG252" s="91"/>
      <c r="IH252" s="91"/>
      <c r="II252" s="91"/>
      <c r="IJ252" s="91"/>
      <c r="IK252" s="127"/>
    </row>
    <row r="253" spans="2:245" x14ac:dyDescent="0.2">
      <c r="B253" s="79"/>
      <c r="C253" s="73"/>
      <c r="D253" s="64"/>
      <c r="E253" s="64"/>
      <c r="F253" s="55"/>
      <c r="G253" s="102"/>
      <c r="H253" s="55"/>
      <c r="I253" s="55"/>
      <c r="J253" s="55"/>
      <c r="K253" s="55"/>
      <c r="L253" s="55"/>
      <c r="M253" s="55"/>
      <c r="N253" s="55"/>
      <c r="O253" s="55"/>
      <c r="P253" s="55"/>
      <c r="Q253" s="55"/>
      <c r="R253" s="55"/>
      <c r="S253" s="55"/>
      <c r="T253" s="55"/>
      <c r="U253" s="55"/>
      <c r="V253" s="55"/>
      <c r="W253" s="55"/>
      <c r="X253" s="55"/>
      <c r="Y253" s="55"/>
      <c r="Z253" s="55"/>
      <c r="AA253" s="55"/>
      <c r="AB253" s="55"/>
      <c r="AC253" s="55"/>
      <c r="AD253" s="55"/>
      <c r="AE253" s="55"/>
      <c r="AF253" s="55"/>
      <c r="AG253" s="55"/>
      <c r="AY253" s="162"/>
      <c r="AZ253" s="162"/>
      <c r="BA253" s="162"/>
      <c r="BB253" s="162"/>
      <c r="BC253" s="162"/>
      <c r="BD253" s="162"/>
      <c r="BE253" s="162"/>
      <c r="BF253" s="162"/>
      <c r="BG253" s="162"/>
      <c r="BH253" s="162"/>
      <c r="BI253" s="162"/>
      <c r="BJ253" s="162"/>
      <c r="BK253" s="162"/>
      <c r="BL253" s="162"/>
      <c r="BM253" s="162"/>
      <c r="BN253" s="162"/>
      <c r="BO253" s="162"/>
      <c r="BP253" s="162"/>
      <c r="BQ253" s="162"/>
      <c r="BR253" s="162"/>
      <c r="BS253" s="162"/>
      <c r="BT253" s="162"/>
      <c r="BU253" s="162"/>
      <c r="BV253" s="162"/>
      <c r="BW253" s="162"/>
      <c r="BX253" s="162"/>
      <c r="BY253" s="162"/>
      <c r="BZ253" s="162"/>
      <c r="CA253" s="162"/>
      <c r="CB253" s="162"/>
      <c r="CC253" s="162"/>
      <c r="CD253" s="162"/>
      <c r="CE253" s="162"/>
      <c r="CF253" s="162"/>
      <c r="CG253" s="162"/>
      <c r="CH253" s="162"/>
      <c r="CI253" s="162"/>
      <c r="CJ253" s="162"/>
      <c r="CK253" s="162"/>
      <c r="CX253" s="98"/>
      <c r="DL253" s="97"/>
      <c r="DX253" s="98"/>
      <c r="EL253" s="97"/>
      <c r="EX253" s="98"/>
      <c r="EY253" s="97"/>
      <c r="FL253" s="126"/>
      <c r="FM253" s="91"/>
      <c r="FN253" s="91"/>
      <c r="FO253" s="91"/>
      <c r="FP253" s="91"/>
      <c r="FQ253" s="91"/>
      <c r="FR253" s="91"/>
      <c r="FS253" s="91"/>
      <c r="FT253" s="91"/>
      <c r="FU253" s="91"/>
      <c r="FV253" s="91"/>
      <c r="FW253" s="91"/>
      <c r="FX253" s="91"/>
      <c r="FY253" s="91"/>
      <c r="FZ253" s="91"/>
      <c r="GA253" s="91"/>
      <c r="GB253" s="91"/>
      <c r="GC253" s="91"/>
      <c r="GD253" s="91"/>
      <c r="GE253" s="91"/>
      <c r="GF253" s="91"/>
      <c r="GG253" s="91"/>
      <c r="GH253" s="91"/>
      <c r="GI253" s="91"/>
      <c r="GJ253" s="91"/>
      <c r="GK253" s="127"/>
      <c r="GL253" s="126"/>
      <c r="GM253" s="91"/>
      <c r="GN253" s="91"/>
      <c r="GO253" s="91"/>
      <c r="GP253" s="91"/>
      <c r="GQ253" s="91"/>
      <c r="GR253" s="91"/>
      <c r="GS253" s="91"/>
      <c r="GT253" s="91"/>
      <c r="GU253" s="91"/>
      <c r="GV253" s="91"/>
      <c r="GW253" s="91"/>
      <c r="GX253" s="91"/>
      <c r="GY253" s="91"/>
      <c r="GZ253" s="91"/>
      <c r="HA253" s="91"/>
      <c r="HB253" s="91"/>
      <c r="HC253" s="91"/>
      <c r="HD253" s="91"/>
      <c r="HE253" s="91"/>
      <c r="HF253" s="91"/>
      <c r="HG253" s="91"/>
      <c r="HH253" s="91"/>
      <c r="HI253" s="91"/>
      <c r="HJ253" s="91"/>
      <c r="HK253" s="127"/>
      <c r="HL253" s="126"/>
      <c r="HM253" s="91"/>
      <c r="HN253" s="91"/>
      <c r="HO253" s="91"/>
      <c r="HP253" s="91"/>
      <c r="HQ253" s="91"/>
      <c r="HR253" s="91"/>
      <c r="HS253" s="91"/>
      <c r="HT253" s="91"/>
      <c r="HU253" s="91"/>
      <c r="HV253" s="91"/>
      <c r="HW253" s="91"/>
      <c r="HX253" s="91"/>
      <c r="HY253" s="91"/>
      <c r="HZ253" s="91"/>
      <c r="IA253" s="91"/>
      <c r="IB253" s="91"/>
      <c r="IC253" s="91"/>
      <c r="ID253" s="91"/>
      <c r="IE253" s="91"/>
      <c r="IF253" s="91"/>
      <c r="IG253" s="91"/>
      <c r="IH253" s="91"/>
      <c r="II253" s="91"/>
      <c r="IJ253" s="91"/>
      <c r="IK253" s="127"/>
    </row>
    <row r="254" spans="2:245" x14ac:dyDescent="0.2">
      <c r="B254" s="79"/>
      <c r="C254" s="73"/>
      <c r="D254" s="64"/>
      <c r="E254" s="64"/>
      <c r="F254" s="55"/>
      <c r="G254" s="102"/>
      <c r="H254" s="55"/>
      <c r="I254" s="55"/>
      <c r="J254" s="55"/>
      <c r="K254" s="55"/>
      <c r="L254" s="55"/>
      <c r="M254" s="55"/>
      <c r="N254" s="55"/>
      <c r="O254" s="55"/>
      <c r="P254" s="55"/>
      <c r="Q254" s="55"/>
      <c r="R254" s="55"/>
      <c r="S254" s="55"/>
      <c r="T254" s="55"/>
      <c r="U254" s="55"/>
      <c r="V254" s="55"/>
      <c r="W254" s="55"/>
      <c r="X254" s="55"/>
      <c r="Y254" s="55"/>
      <c r="Z254" s="55"/>
      <c r="AA254" s="55"/>
      <c r="AB254" s="55"/>
      <c r="AC254" s="55"/>
      <c r="AD254" s="55"/>
      <c r="AE254" s="55"/>
      <c r="AF254" s="55"/>
      <c r="AG254" s="55"/>
      <c r="AY254" s="162"/>
      <c r="AZ254" s="162"/>
      <c r="BA254" s="162"/>
      <c r="BB254" s="162"/>
      <c r="BC254" s="162"/>
      <c r="BD254" s="162"/>
      <c r="BE254" s="162"/>
      <c r="BF254" s="162"/>
      <c r="BG254" s="162"/>
      <c r="BH254" s="162"/>
      <c r="BI254" s="162"/>
      <c r="BJ254" s="162"/>
      <c r="BK254" s="162"/>
      <c r="BL254" s="162"/>
      <c r="BM254" s="162"/>
      <c r="BN254" s="162"/>
      <c r="BO254" s="162"/>
      <c r="BP254" s="162"/>
      <c r="BQ254" s="162"/>
      <c r="BR254" s="162"/>
      <c r="BS254" s="162"/>
      <c r="BT254" s="162"/>
      <c r="BU254" s="162"/>
      <c r="BV254" s="162"/>
      <c r="BW254" s="162"/>
      <c r="BX254" s="162"/>
      <c r="BY254" s="162"/>
      <c r="BZ254" s="162"/>
      <c r="CA254" s="162"/>
      <c r="CB254" s="162"/>
      <c r="CC254" s="162"/>
      <c r="CD254" s="162"/>
      <c r="CE254" s="162"/>
      <c r="CF254" s="162"/>
      <c r="CG254" s="162"/>
      <c r="CH254" s="162"/>
      <c r="CI254" s="162"/>
      <c r="CJ254" s="162"/>
      <c r="CK254" s="162"/>
      <c r="CX254" s="98"/>
      <c r="DL254" s="97"/>
      <c r="DX254" s="98"/>
      <c r="EL254" s="97"/>
      <c r="EX254" s="98"/>
      <c r="EY254" s="97"/>
      <c r="FL254" s="126"/>
      <c r="FM254" s="91"/>
      <c r="FN254" s="91"/>
      <c r="FO254" s="91"/>
      <c r="FP254" s="91"/>
      <c r="FQ254" s="91"/>
      <c r="FR254" s="91"/>
      <c r="FS254" s="91"/>
      <c r="FT254" s="91"/>
      <c r="FU254" s="91"/>
      <c r="FV254" s="91"/>
      <c r="FW254" s="91"/>
      <c r="FX254" s="91"/>
      <c r="FY254" s="91"/>
      <c r="FZ254" s="91"/>
      <c r="GA254" s="91"/>
      <c r="GB254" s="91"/>
      <c r="GC254" s="91"/>
      <c r="GD254" s="91"/>
      <c r="GE254" s="91"/>
      <c r="GF254" s="91"/>
      <c r="GG254" s="91"/>
      <c r="GH254" s="91"/>
      <c r="GI254" s="91"/>
      <c r="GJ254" s="91"/>
      <c r="GK254" s="127"/>
      <c r="GL254" s="126"/>
      <c r="GM254" s="91"/>
      <c r="GN254" s="91"/>
      <c r="GO254" s="91"/>
      <c r="GP254" s="91"/>
      <c r="GQ254" s="91"/>
      <c r="GR254" s="91"/>
      <c r="GS254" s="91"/>
      <c r="GT254" s="91"/>
      <c r="GU254" s="91"/>
      <c r="GV254" s="91"/>
      <c r="GW254" s="91"/>
      <c r="GX254" s="91"/>
      <c r="GY254" s="91"/>
      <c r="GZ254" s="91"/>
      <c r="HA254" s="91"/>
      <c r="HB254" s="91"/>
      <c r="HC254" s="91"/>
      <c r="HD254" s="91"/>
      <c r="HE254" s="91"/>
      <c r="HF254" s="91"/>
      <c r="HG254" s="91"/>
      <c r="HH254" s="91"/>
      <c r="HI254" s="91"/>
      <c r="HJ254" s="91"/>
      <c r="HK254" s="127"/>
      <c r="HL254" s="126"/>
      <c r="HM254" s="91"/>
      <c r="HN254" s="91"/>
      <c r="HO254" s="91"/>
      <c r="HP254" s="91"/>
      <c r="HQ254" s="91"/>
      <c r="HR254" s="91"/>
      <c r="HS254" s="91"/>
      <c r="HT254" s="91"/>
      <c r="HU254" s="91"/>
      <c r="HV254" s="91"/>
      <c r="HW254" s="91"/>
      <c r="HX254" s="91"/>
      <c r="HY254" s="91"/>
      <c r="HZ254" s="91"/>
      <c r="IA254" s="91"/>
      <c r="IB254" s="91"/>
      <c r="IC254" s="91"/>
      <c r="ID254" s="91"/>
      <c r="IE254" s="91"/>
      <c r="IF254" s="91"/>
      <c r="IG254" s="91"/>
      <c r="IH254" s="91"/>
      <c r="II254" s="91"/>
      <c r="IJ254" s="91"/>
      <c r="IK254" s="127"/>
    </row>
    <row r="255" spans="2:245" x14ac:dyDescent="0.2">
      <c r="B255" s="43"/>
      <c r="C255" s="73"/>
      <c r="D255" s="64"/>
      <c r="E255" s="64"/>
      <c r="F255" s="55"/>
      <c r="G255" s="102"/>
      <c r="H255" s="55"/>
      <c r="I255" s="55"/>
      <c r="J255" s="55"/>
      <c r="K255" s="55"/>
      <c r="L255" s="55"/>
      <c r="M255" s="55"/>
      <c r="N255" s="55"/>
      <c r="O255" s="55"/>
      <c r="P255" s="55"/>
      <c r="Q255" s="55"/>
      <c r="R255" s="55"/>
      <c r="S255" s="55"/>
      <c r="T255" s="55"/>
      <c r="U255" s="55"/>
      <c r="V255" s="55"/>
      <c r="W255" s="55"/>
      <c r="X255" s="55"/>
      <c r="Y255" s="55"/>
      <c r="Z255" s="55"/>
      <c r="AA255" s="55"/>
      <c r="AB255" s="55"/>
      <c r="AC255" s="55"/>
      <c r="AD255" s="55"/>
      <c r="AE255" s="55"/>
      <c r="AF255" s="55"/>
      <c r="AG255" s="55"/>
      <c r="AY255" s="162"/>
      <c r="AZ255" s="162"/>
      <c r="BA255" s="162"/>
      <c r="BB255" s="162"/>
      <c r="BC255" s="162"/>
      <c r="BD255" s="162"/>
      <c r="BE255" s="162"/>
      <c r="BF255" s="162"/>
      <c r="BG255" s="162"/>
      <c r="BH255" s="162"/>
      <c r="BI255" s="162"/>
      <c r="BJ255" s="162"/>
      <c r="BK255" s="162"/>
      <c r="BL255" s="162"/>
      <c r="BM255" s="162"/>
      <c r="BN255" s="162"/>
      <c r="BO255" s="162"/>
      <c r="BP255" s="162"/>
      <c r="BQ255" s="162"/>
      <c r="BR255" s="162"/>
      <c r="BS255" s="162"/>
      <c r="BT255" s="162"/>
      <c r="BU255" s="162"/>
      <c r="BV255" s="162"/>
      <c r="BW255" s="162"/>
      <c r="BX255" s="162"/>
      <c r="BY255" s="162"/>
      <c r="BZ255" s="162"/>
      <c r="CA255" s="162"/>
      <c r="CB255" s="162"/>
      <c r="CC255" s="162"/>
      <c r="CD255" s="162"/>
      <c r="CE255" s="162"/>
      <c r="CF255" s="162"/>
      <c r="CG255" s="162"/>
      <c r="CH255" s="162"/>
      <c r="CI255" s="162"/>
      <c r="CJ255" s="162"/>
      <c r="CK255" s="162"/>
      <c r="CX255" s="98"/>
      <c r="DL255" s="97"/>
      <c r="DX255" s="98"/>
      <c r="EL255" s="97"/>
      <c r="EX255" s="98"/>
      <c r="EY255" s="97"/>
      <c r="FL255" s="126"/>
      <c r="FM255" s="91"/>
      <c r="FN255" s="91"/>
      <c r="FO255" s="91"/>
      <c r="FP255" s="91"/>
      <c r="FQ255" s="91"/>
      <c r="FR255" s="91"/>
      <c r="FS255" s="91"/>
      <c r="FT255" s="91"/>
      <c r="FU255" s="91"/>
      <c r="FV255" s="91"/>
      <c r="FW255" s="91"/>
      <c r="FX255" s="91"/>
      <c r="FY255" s="91"/>
      <c r="FZ255" s="91"/>
      <c r="GA255" s="91"/>
      <c r="GB255" s="91"/>
      <c r="GC255" s="91"/>
      <c r="GD255" s="91"/>
      <c r="GE255" s="91"/>
      <c r="GF255" s="91"/>
      <c r="GG255" s="91"/>
      <c r="GH255" s="91"/>
      <c r="GI255" s="91"/>
      <c r="GJ255" s="91"/>
      <c r="GK255" s="127"/>
      <c r="GL255" s="126"/>
      <c r="GM255" s="91"/>
      <c r="GN255" s="91"/>
      <c r="GO255" s="91"/>
      <c r="GP255" s="91"/>
      <c r="GQ255" s="91"/>
      <c r="GR255" s="91"/>
      <c r="GS255" s="91"/>
      <c r="GT255" s="91"/>
      <c r="GU255" s="91"/>
      <c r="GV255" s="91"/>
      <c r="GW255" s="91"/>
      <c r="GX255" s="91"/>
      <c r="GY255" s="91"/>
      <c r="GZ255" s="91"/>
      <c r="HA255" s="91"/>
      <c r="HB255" s="91"/>
      <c r="HC255" s="91"/>
      <c r="HD255" s="91"/>
      <c r="HE255" s="91"/>
      <c r="HF255" s="91"/>
      <c r="HG255" s="91"/>
      <c r="HH255" s="91"/>
      <c r="HI255" s="91"/>
      <c r="HJ255" s="91"/>
      <c r="HK255" s="127"/>
      <c r="HL255" s="126"/>
      <c r="HM255" s="91"/>
      <c r="HN255" s="91"/>
      <c r="HO255" s="91"/>
      <c r="HP255" s="91"/>
      <c r="HQ255" s="91"/>
      <c r="HR255" s="91"/>
      <c r="HS255" s="91"/>
      <c r="HT255" s="91"/>
      <c r="HU255" s="91"/>
      <c r="HV255" s="91"/>
      <c r="HW255" s="91"/>
      <c r="HX255" s="91"/>
      <c r="HY255" s="91"/>
      <c r="HZ255" s="91"/>
      <c r="IA255" s="91"/>
      <c r="IB255" s="91"/>
      <c r="IC255" s="91"/>
      <c r="ID255" s="91"/>
      <c r="IE255" s="91"/>
      <c r="IF255" s="91"/>
      <c r="IG255" s="91"/>
      <c r="IH255" s="91"/>
      <c r="II255" s="91"/>
      <c r="IJ255" s="91"/>
      <c r="IK255" s="127"/>
    </row>
    <row r="256" spans="2:245" x14ac:dyDescent="0.2">
      <c r="B256" s="43"/>
      <c r="C256" s="73"/>
      <c r="D256" s="64"/>
      <c r="E256" s="64"/>
      <c r="F256" s="55"/>
      <c r="G256" s="102"/>
      <c r="H256" s="55"/>
      <c r="I256" s="55"/>
      <c r="J256" s="55"/>
      <c r="K256" s="55"/>
      <c r="L256" s="55"/>
      <c r="M256" s="55"/>
      <c r="N256" s="55"/>
      <c r="O256" s="55"/>
      <c r="P256" s="55"/>
      <c r="Q256" s="55"/>
      <c r="R256" s="55"/>
      <c r="S256" s="55"/>
      <c r="T256" s="55"/>
      <c r="U256" s="55"/>
      <c r="V256" s="55"/>
      <c r="W256" s="55"/>
      <c r="X256" s="55"/>
      <c r="Y256" s="55"/>
      <c r="Z256" s="55"/>
      <c r="AA256" s="55"/>
      <c r="AB256" s="55"/>
      <c r="AC256" s="55"/>
      <c r="AD256" s="55"/>
      <c r="AE256" s="55"/>
      <c r="AF256" s="55"/>
      <c r="AG256" s="55"/>
      <c r="AY256" s="162"/>
      <c r="AZ256" s="162"/>
      <c r="BA256" s="162"/>
      <c r="BB256" s="162"/>
      <c r="BC256" s="162"/>
      <c r="BD256" s="162"/>
      <c r="BE256" s="162"/>
      <c r="BF256" s="162"/>
      <c r="BG256" s="162"/>
      <c r="BH256" s="162"/>
      <c r="BI256" s="162"/>
      <c r="BJ256" s="162"/>
      <c r="BK256" s="162"/>
      <c r="BL256" s="162"/>
      <c r="BM256" s="162"/>
      <c r="BN256" s="162"/>
      <c r="BO256" s="162"/>
      <c r="BP256" s="162"/>
      <c r="BQ256" s="162"/>
      <c r="BR256" s="162"/>
      <c r="BS256" s="162"/>
      <c r="BT256" s="162"/>
      <c r="BU256" s="162"/>
      <c r="BV256" s="162"/>
      <c r="BW256" s="162"/>
      <c r="BX256" s="162"/>
      <c r="BY256" s="162"/>
      <c r="BZ256" s="162"/>
      <c r="CA256" s="162"/>
      <c r="CB256" s="162"/>
      <c r="CC256" s="162"/>
      <c r="CD256" s="162"/>
      <c r="CE256" s="162"/>
      <c r="CF256" s="162"/>
      <c r="CG256" s="162"/>
      <c r="CH256" s="162"/>
      <c r="CI256" s="162"/>
      <c r="CJ256" s="162"/>
      <c r="CK256" s="162"/>
      <c r="CX256" s="98"/>
      <c r="DL256" s="97"/>
      <c r="DX256" s="98"/>
      <c r="EL256" s="97"/>
      <c r="EX256" s="98"/>
      <c r="EY256" s="97"/>
      <c r="FL256" s="126"/>
      <c r="FM256" s="91"/>
      <c r="FN256" s="91"/>
      <c r="FO256" s="91"/>
      <c r="FP256" s="91"/>
      <c r="FQ256" s="91"/>
      <c r="FR256" s="91"/>
      <c r="FS256" s="91"/>
      <c r="FT256" s="91"/>
      <c r="FU256" s="91"/>
      <c r="FV256" s="91"/>
      <c r="FW256" s="91"/>
      <c r="FX256" s="91"/>
      <c r="FY256" s="91"/>
      <c r="FZ256" s="91"/>
      <c r="GA256" s="91"/>
      <c r="GB256" s="91"/>
      <c r="GC256" s="91"/>
      <c r="GD256" s="91"/>
      <c r="GE256" s="91"/>
      <c r="GF256" s="91"/>
      <c r="GG256" s="91"/>
      <c r="GH256" s="91"/>
      <c r="GI256" s="91"/>
      <c r="GJ256" s="91"/>
      <c r="GK256" s="127"/>
      <c r="GL256" s="126"/>
      <c r="GM256" s="91"/>
      <c r="GN256" s="91"/>
      <c r="GO256" s="91"/>
      <c r="GP256" s="91"/>
      <c r="GQ256" s="91"/>
      <c r="GR256" s="91"/>
      <c r="GS256" s="91"/>
      <c r="GT256" s="91"/>
      <c r="GU256" s="91"/>
      <c r="GV256" s="91"/>
      <c r="GW256" s="91"/>
      <c r="GX256" s="91"/>
      <c r="GY256" s="91"/>
      <c r="GZ256" s="91"/>
      <c r="HA256" s="91"/>
      <c r="HB256" s="91"/>
      <c r="HC256" s="91"/>
      <c r="HD256" s="91"/>
      <c r="HE256" s="91"/>
      <c r="HF256" s="91"/>
      <c r="HG256" s="91"/>
      <c r="HH256" s="91"/>
      <c r="HI256" s="91"/>
      <c r="HJ256" s="91"/>
      <c r="HK256" s="127"/>
      <c r="HL256" s="126"/>
      <c r="HM256" s="91"/>
      <c r="HN256" s="91"/>
      <c r="HO256" s="91"/>
      <c r="HP256" s="91"/>
      <c r="HQ256" s="91"/>
      <c r="HR256" s="91"/>
      <c r="HS256" s="91"/>
      <c r="HT256" s="91"/>
      <c r="HU256" s="91"/>
      <c r="HV256" s="91"/>
      <c r="HW256" s="91"/>
      <c r="HX256" s="91"/>
      <c r="HY256" s="91"/>
      <c r="HZ256" s="91"/>
      <c r="IA256" s="91"/>
      <c r="IB256" s="91"/>
      <c r="IC256" s="91"/>
      <c r="ID256" s="91"/>
      <c r="IE256" s="91"/>
      <c r="IF256" s="91"/>
      <c r="IG256" s="91"/>
      <c r="IH256" s="91"/>
      <c r="II256" s="91"/>
      <c r="IJ256" s="91"/>
      <c r="IK256" s="127"/>
    </row>
    <row r="257" spans="2:245" x14ac:dyDescent="0.2">
      <c r="B257" s="43"/>
      <c r="C257" s="73"/>
      <c r="D257" s="64"/>
      <c r="E257" s="64"/>
      <c r="F257" s="55"/>
      <c r="G257" s="102"/>
      <c r="H257" s="55"/>
      <c r="I257" s="55"/>
      <c r="J257" s="55"/>
      <c r="K257" s="55"/>
      <c r="L257" s="55"/>
      <c r="M257" s="55"/>
      <c r="N257" s="55"/>
      <c r="O257" s="55"/>
      <c r="P257" s="55"/>
      <c r="Q257" s="55"/>
      <c r="R257" s="55"/>
      <c r="S257" s="55"/>
      <c r="T257" s="55"/>
      <c r="U257" s="55"/>
      <c r="V257" s="55"/>
      <c r="W257" s="55"/>
      <c r="X257" s="55"/>
      <c r="Y257" s="55"/>
      <c r="Z257" s="55"/>
      <c r="AA257" s="55"/>
      <c r="AB257" s="55"/>
      <c r="AC257" s="55"/>
      <c r="AD257" s="55"/>
      <c r="AE257" s="55"/>
      <c r="AF257" s="55"/>
      <c r="AG257" s="55"/>
      <c r="AY257" s="162"/>
      <c r="AZ257" s="162"/>
      <c r="BA257" s="162"/>
      <c r="BB257" s="162"/>
      <c r="BC257" s="162"/>
      <c r="BD257" s="162"/>
      <c r="BE257" s="162"/>
      <c r="BF257" s="162"/>
      <c r="BG257" s="162"/>
      <c r="BH257" s="162"/>
      <c r="BI257" s="162"/>
      <c r="BJ257" s="162"/>
      <c r="BK257" s="162"/>
      <c r="BL257" s="162"/>
      <c r="BM257" s="162"/>
      <c r="BN257" s="162"/>
      <c r="BO257" s="162"/>
      <c r="BP257" s="162"/>
      <c r="BQ257" s="162"/>
      <c r="BR257" s="162"/>
      <c r="BS257" s="162"/>
      <c r="BT257" s="162"/>
      <c r="BU257" s="162"/>
      <c r="BV257" s="162"/>
      <c r="BW257" s="162"/>
      <c r="BX257" s="162"/>
      <c r="BY257" s="162"/>
      <c r="BZ257" s="162"/>
      <c r="CA257" s="162"/>
      <c r="CB257" s="162"/>
      <c r="CC257" s="162"/>
      <c r="CD257" s="162"/>
      <c r="CE257" s="162"/>
      <c r="CF257" s="162"/>
      <c r="CG257" s="162"/>
      <c r="CH257" s="162"/>
      <c r="CI257" s="162"/>
      <c r="CJ257" s="162"/>
      <c r="CK257" s="162"/>
      <c r="CX257" s="98"/>
      <c r="DL257" s="97"/>
      <c r="DX257" s="98"/>
      <c r="EL257" s="97"/>
      <c r="EX257" s="98"/>
      <c r="EY257" s="97"/>
      <c r="FL257" s="126"/>
      <c r="FM257" s="91"/>
      <c r="FN257" s="91"/>
      <c r="FO257" s="91"/>
      <c r="FP257" s="91"/>
      <c r="FQ257" s="91"/>
      <c r="FR257" s="91"/>
      <c r="FS257" s="91"/>
      <c r="FT257" s="91"/>
      <c r="FU257" s="91"/>
      <c r="FV257" s="91"/>
      <c r="FW257" s="91"/>
      <c r="FX257" s="91"/>
      <c r="FY257" s="91"/>
      <c r="FZ257" s="91"/>
      <c r="GA257" s="91"/>
      <c r="GB257" s="91"/>
      <c r="GC257" s="91"/>
      <c r="GD257" s="91"/>
      <c r="GE257" s="91"/>
      <c r="GF257" s="91"/>
      <c r="GG257" s="91"/>
      <c r="GH257" s="91"/>
      <c r="GI257" s="91"/>
      <c r="GJ257" s="91"/>
      <c r="GK257" s="127"/>
      <c r="GL257" s="126"/>
      <c r="GM257" s="91"/>
      <c r="GN257" s="91"/>
      <c r="GO257" s="91"/>
      <c r="GP257" s="91"/>
      <c r="GQ257" s="91"/>
      <c r="GR257" s="91"/>
      <c r="GS257" s="91"/>
      <c r="GT257" s="91"/>
      <c r="GU257" s="91"/>
      <c r="GV257" s="91"/>
      <c r="GW257" s="91"/>
      <c r="GX257" s="91"/>
      <c r="GY257" s="91"/>
      <c r="GZ257" s="91"/>
      <c r="HA257" s="91"/>
      <c r="HB257" s="91"/>
      <c r="HC257" s="91"/>
      <c r="HD257" s="91"/>
      <c r="HE257" s="91"/>
      <c r="HF257" s="91"/>
      <c r="HG257" s="91"/>
      <c r="HH257" s="91"/>
      <c r="HI257" s="91"/>
      <c r="HJ257" s="91"/>
      <c r="HK257" s="127"/>
      <c r="HL257" s="126"/>
      <c r="HM257" s="91"/>
      <c r="HN257" s="91"/>
      <c r="HO257" s="91"/>
      <c r="HP257" s="91"/>
      <c r="HQ257" s="91"/>
      <c r="HR257" s="91"/>
      <c r="HS257" s="91"/>
      <c r="HT257" s="91"/>
      <c r="HU257" s="91"/>
      <c r="HV257" s="91"/>
      <c r="HW257" s="91"/>
      <c r="HX257" s="91"/>
      <c r="HY257" s="91"/>
      <c r="HZ257" s="91"/>
      <c r="IA257" s="91"/>
      <c r="IB257" s="91"/>
      <c r="IC257" s="91"/>
      <c r="ID257" s="91"/>
      <c r="IE257" s="91"/>
      <c r="IF257" s="91"/>
      <c r="IG257" s="91"/>
      <c r="IH257" s="91"/>
      <c r="II257" s="91"/>
      <c r="IJ257" s="91"/>
      <c r="IK257" s="127"/>
    </row>
    <row r="258" spans="2:245" x14ac:dyDescent="0.2">
      <c r="B258" s="43"/>
      <c r="C258" s="73"/>
      <c r="D258" s="64"/>
      <c r="E258" s="64"/>
      <c r="F258" s="55"/>
      <c r="G258" s="102"/>
      <c r="H258" s="55"/>
      <c r="I258" s="55"/>
      <c r="J258" s="55"/>
      <c r="K258" s="55"/>
      <c r="L258" s="55"/>
      <c r="M258" s="55"/>
      <c r="N258" s="55"/>
      <c r="O258" s="55"/>
      <c r="P258" s="55"/>
      <c r="Q258" s="55"/>
      <c r="R258" s="55"/>
      <c r="S258" s="55"/>
      <c r="T258" s="55"/>
      <c r="U258" s="55"/>
      <c r="V258" s="55"/>
      <c r="W258" s="55"/>
      <c r="X258" s="55"/>
      <c r="Y258" s="55"/>
      <c r="Z258" s="55"/>
      <c r="AA258" s="55"/>
      <c r="AB258" s="55"/>
      <c r="AC258" s="55"/>
      <c r="AD258" s="55"/>
      <c r="AE258" s="55"/>
      <c r="AF258" s="55"/>
      <c r="AG258" s="55"/>
      <c r="AY258" s="162"/>
      <c r="AZ258" s="162"/>
      <c r="BA258" s="162"/>
      <c r="BB258" s="162"/>
      <c r="BC258" s="162"/>
      <c r="BD258" s="162"/>
      <c r="BE258" s="162"/>
      <c r="BF258" s="162"/>
      <c r="BG258" s="162"/>
      <c r="BH258" s="162"/>
      <c r="BI258" s="162"/>
      <c r="BJ258" s="162"/>
      <c r="BK258" s="162"/>
      <c r="BL258" s="162"/>
      <c r="BM258" s="162"/>
      <c r="BN258" s="162"/>
      <c r="BO258" s="162"/>
      <c r="BP258" s="162"/>
      <c r="BQ258" s="162"/>
      <c r="BR258" s="162"/>
      <c r="BS258" s="162"/>
      <c r="BT258" s="162"/>
      <c r="BU258" s="162"/>
      <c r="BV258" s="162"/>
      <c r="BW258" s="162"/>
      <c r="BX258" s="162"/>
      <c r="BY258" s="162"/>
      <c r="BZ258" s="162"/>
      <c r="CA258" s="162"/>
      <c r="CB258" s="162"/>
      <c r="CC258" s="162"/>
      <c r="CD258" s="162"/>
      <c r="CE258" s="162"/>
      <c r="CF258" s="162"/>
      <c r="CG258" s="162"/>
      <c r="CH258" s="162"/>
      <c r="CI258" s="162"/>
      <c r="CJ258" s="162"/>
      <c r="CK258" s="162"/>
      <c r="CX258" s="98"/>
      <c r="DL258" s="97"/>
      <c r="DX258" s="98"/>
      <c r="EL258" s="97"/>
      <c r="EX258" s="98"/>
      <c r="EY258" s="97"/>
      <c r="FL258" s="126"/>
      <c r="FM258" s="91"/>
      <c r="FN258" s="91"/>
      <c r="FO258" s="91"/>
      <c r="FP258" s="91"/>
      <c r="FQ258" s="91"/>
      <c r="FR258" s="91"/>
      <c r="FS258" s="91"/>
      <c r="FT258" s="91"/>
      <c r="FU258" s="91"/>
      <c r="FV258" s="91"/>
      <c r="FW258" s="91"/>
      <c r="FX258" s="91"/>
      <c r="FY258" s="91"/>
      <c r="FZ258" s="91"/>
      <c r="GA258" s="91"/>
      <c r="GB258" s="91"/>
      <c r="GC258" s="91"/>
      <c r="GD258" s="91"/>
      <c r="GE258" s="91"/>
      <c r="GF258" s="91"/>
      <c r="GG258" s="91"/>
      <c r="GH258" s="91"/>
      <c r="GI258" s="91"/>
      <c r="GJ258" s="91"/>
      <c r="GK258" s="127"/>
      <c r="GL258" s="126"/>
      <c r="GM258" s="91"/>
      <c r="GN258" s="91"/>
      <c r="GO258" s="91"/>
      <c r="GP258" s="91"/>
      <c r="GQ258" s="91"/>
      <c r="GR258" s="91"/>
      <c r="GS258" s="91"/>
      <c r="GT258" s="91"/>
      <c r="GU258" s="91"/>
      <c r="GV258" s="91"/>
      <c r="GW258" s="91"/>
      <c r="GX258" s="91"/>
      <c r="GY258" s="91"/>
      <c r="GZ258" s="91"/>
      <c r="HA258" s="91"/>
      <c r="HB258" s="91"/>
      <c r="HC258" s="91"/>
      <c r="HD258" s="91"/>
      <c r="HE258" s="91"/>
      <c r="HF258" s="91"/>
      <c r="HG258" s="91"/>
      <c r="HH258" s="91"/>
      <c r="HI258" s="91"/>
      <c r="HJ258" s="91"/>
      <c r="HK258" s="127"/>
      <c r="HL258" s="126"/>
      <c r="HM258" s="91"/>
      <c r="HN258" s="91"/>
      <c r="HO258" s="91"/>
      <c r="HP258" s="91"/>
      <c r="HQ258" s="91"/>
      <c r="HR258" s="91"/>
      <c r="HS258" s="91"/>
      <c r="HT258" s="91"/>
      <c r="HU258" s="91"/>
      <c r="HV258" s="91"/>
      <c r="HW258" s="91"/>
      <c r="HX258" s="91"/>
      <c r="HY258" s="91"/>
      <c r="HZ258" s="91"/>
      <c r="IA258" s="91"/>
      <c r="IB258" s="91"/>
      <c r="IC258" s="91"/>
      <c r="ID258" s="91"/>
      <c r="IE258" s="91"/>
      <c r="IF258" s="91"/>
      <c r="IG258" s="91"/>
      <c r="IH258" s="91"/>
      <c r="II258" s="91"/>
      <c r="IJ258" s="91"/>
      <c r="IK258" s="127"/>
    </row>
    <row r="259" spans="2:245" x14ac:dyDescent="0.2">
      <c r="B259" s="43"/>
      <c r="C259" s="73"/>
      <c r="D259" s="64"/>
      <c r="E259" s="64"/>
      <c r="F259" s="55"/>
      <c r="G259" s="102"/>
      <c r="H259" s="55"/>
      <c r="I259" s="55"/>
      <c r="J259" s="55"/>
      <c r="K259" s="55"/>
      <c r="L259" s="55"/>
      <c r="M259" s="55"/>
      <c r="N259" s="55"/>
      <c r="O259" s="55"/>
      <c r="P259" s="55"/>
      <c r="Q259" s="55"/>
      <c r="R259" s="55"/>
      <c r="S259" s="55"/>
      <c r="T259" s="55"/>
      <c r="U259" s="55"/>
      <c r="V259" s="55"/>
      <c r="W259" s="55"/>
      <c r="X259" s="55"/>
      <c r="Y259" s="55"/>
      <c r="Z259" s="55"/>
      <c r="AA259" s="55"/>
      <c r="AB259" s="55"/>
      <c r="AC259" s="55"/>
      <c r="AD259" s="55"/>
      <c r="AE259" s="55"/>
      <c r="AF259" s="55"/>
      <c r="AG259" s="55"/>
      <c r="AY259" s="162"/>
      <c r="AZ259" s="162"/>
      <c r="BA259" s="162"/>
      <c r="BB259" s="162"/>
      <c r="BC259" s="162"/>
      <c r="BD259" s="162"/>
      <c r="BE259" s="162"/>
      <c r="BF259" s="162"/>
      <c r="BG259" s="162"/>
      <c r="BH259" s="162"/>
      <c r="BI259" s="162"/>
      <c r="BJ259" s="162"/>
      <c r="BK259" s="162"/>
      <c r="BL259" s="162"/>
      <c r="BM259" s="162"/>
      <c r="BN259" s="162"/>
      <c r="BO259" s="162"/>
      <c r="BP259" s="162"/>
      <c r="BQ259" s="162"/>
      <c r="BR259" s="162"/>
      <c r="BS259" s="162"/>
      <c r="BT259" s="162"/>
      <c r="BU259" s="162"/>
      <c r="BV259" s="162"/>
      <c r="BW259" s="162"/>
      <c r="BX259" s="162"/>
      <c r="BY259" s="162"/>
      <c r="BZ259" s="162"/>
      <c r="CA259" s="162"/>
      <c r="CB259" s="162"/>
      <c r="CC259" s="162"/>
      <c r="CD259" s="162"/>
      <c r="CE259" s="162"/>
      <c r="CF259" s="162"/>
      <c r="CG259" s="162"/>
      <c r="CH259" s="162"/>
      <c r="CI259" s="162"/>
      <c r="CJ259" s="162"/>
      <c r="CK259" s="162"/>
      <c r="CX259" s="98"/>
      <c r="DL259" s="97"/>
      <c r="DX259" s="98"/>
      <c r="EL259" s="97"/>
      <c r="EX259" s="98"/>
      <c r="EY259" s="97"/>
      <c r="FL259" s="126"/>
      <c r="FM259" s="91"/>
      <c r="FN259" s="91"/>
      <c r="FO259" s="91"/>
      <c r="FP259" s="91"/>
      <c r="FQ259" s="91"/>
      <c r="FR259" s="91"/>
      <c r="FS259" s="91"/>
      <c r="FT259" s="91"/>
      <c r="FU259" s="91"/>
      <c r="FV259" s="91"/>
      <c r="FW259" s="91"/>
      <c r="FX259" s="91"/>
      <c r="FY259" s="91"/>
      <c r="FZ259" s="91"/>
      <c r="GA259" s="91"/>
      <c r="GB259" s="91"/>
      <c r="GC259" s="91"/>
      <c r="GD259" s="91"/>
      <c r="GE259" s="91"/>
      <c r="GF259" s="91"/>
      <c r="GG259" s="91"/>
      <c r="GH259" s="91"/>
      <c r="GI259" s="91"/>
      <c r="GJ259" s="91"/>
      <c r="GK259" s="127"/>
      <c r="GL259" s="126"/>
      <c r="GM259" s="91"/>
      <c r="GN259" s="91"/>
      <c r="GO259" s="91"/>
      <c r="GP259" s="91"/>
      <c r="GQ259" s="91"/>
      <c r="GR259" s="91"/>
      <c r="GS259" s="91"/>
      <c r="GT259" s="91"/>
      <c r="GU259" s="91"/>
      <c r="GV259" s="91"/>
      <c r="GW259" s="91"/>
      <c r="GX259" s="91"/>
      <c r="GY259" s="91"/>
      <c r="GZ259" s="91"/>
      <c r="HA259" s="91"/>
      <c r="HB259" s="91"/>
      <c r="HC259" s="91"/>
      <c r="HD259" s="91"/>
      <c r="HE259" s="91"/>
      <c r="HF259" s="91"/>
      <c r="HG259" s="91"/>
      <c r="HH259" s="91"/>
      <c r="HI259" s="91"/>
      <c r="HJ259" s="91"/>
      <c r="HK259" s="127"/>
      <c r="HL259" s="126"/>
      <c r="HM259" s="91"/>
      <c r="HN259" s="91"/>
      <c r="HO259" s="91"/>
      <c r="HP259" s="91"/>
      <c r="HQ259" s="91"/>
      <c r="HR259" s="91"/>
      <c r="HS259" s="91"/>
      <c r="HT259" s="91"/>
      <c r="HU259" s="91"/>
      <c r="HV259" s="91"/>
      <c r="HW259" s="91"/>
      <c r="HX259" s="91"/>
      <c r="HY259" s="91"/>
      <c r="HZ259" s="91"/>
      <c r="IA259" s="91"/>
      <c r="IB259" s="91"/>
      <c r="IC259" s="91"/>
      <c r="ID259" s="91"/>
      <c r="IE259" s="91"/>
      <c r="IF259" s="91"/>
      <c r="IG259" s="91"/>
      <c r="IH259" s="91"/>
      <c r="II259" s="91"/>
      <c r="IJ259" s="91"/>
      <c r="IK259" s="127"/>
    </row>
    <row r="260" spans="2:245" x14ac:dyDescent="0.2">
      <c r="B260" s="43"/>
      <c r="C260" s="73"/>
      <c r="D260" s="64"/>
      <c r="E260" s="64"/>
      <c r="F260" s="55"/>
      <c r="G260" s="102"/>
      <c r="H260" s="55"/>
      <c r="I260" s="55"/>
      <c r="J260" s="55"/>
      <c r="K260" s="55"/>
      <c r="L260" s="55"/>
      <c r="M260" s="55"/>
      <c r="N260" s="55"/>
      <c r="O260" s="55"/>
      <c r="P260" s="55"/>
      <c r="Q260" s="55"/>
      <c r="R260" s="55"/>
      <c r="S260" s="55"/>
      <c r="T260" s="55"/>
      <c r="U260" s="55"/>
      <c r="V260" s="55"/>
      <c r="W260" s="55"/>
      <c r="X260" s="55"/>
      <c r="Y260" s="55"/>
      <c r="Z260" s="55"/>
      <c r="AA260" s="55"/>
      <c r="AB260" s="55"/>
      <c r="AC260" s="55"/>
      <c r="AD260" s="55"/>
      <c r="AE260" s="55"/>
      <c r="AF260" s="55"/>
      <c r="AG260" s="55"/>
      <c r="AY260" s="162"/>
      <c r="AZ260" s="162"/>
      <c r="BA260" s="162"/>
      <c r="BB260" s="162"/>
      <c r="BC260" s="162"/>
      <c r="BD260" s="162"/>
      <c r="BE260" s="162"/>
      <c r="BF260" s="162"/>
      <c r="BG260" s="162"/>
      <c r="BH260" s="162"/>
      <c r="BI260" s="162"/>
      <c r="BJ260" s="162"/>
      <c r="BK260" s="162"/>
      <c r="BL260" s="162"/>
      <c r="BM260" s="162"/>
      <c r="BN260" s="162"/>
      <c r="BO260" s="162"/>
      <c r="BP260" s="162"/>
      <c r="BQ260" s="162"/>
      <c r="BR260" s="162"/>
      <c r="BS260" s="162"/>
      <c r="BT260" s="162"/>
      <c r="BU260" s="162"/>
      <c r="BV260" s="162"/>
      <c r="BW260" s="162"/>
      <c r="BX260" s="162"/>
      <c r="BY260" s="162"/>
      <c r="BZ260" s="162"/>
      <c r="CA260" s="162"/>
      <c r="CB260" s="162"/>
      <c r="CC260" s="162"/>
      <c r="CD260" s="162"/>
      <c r="CE260" s="162"/>
      <c r="CF260" s="162"/>
      <c r="CG260" s="162"/>
      <c r="CH260" s="162"/>
      <c r="CI260" s="162"/>
      <c r="CJ260" s="162"/>
      <c r="CK260" s="162"/>
      <c r="CX260" s="98"/>
      <c r="DL260" s="97"/>
      <c r="DX260" s="98"/>
      <c r="EL260" s="97"/>
      <c r="EX260" s="98"/>
      <c r="EY260" s="97"/>
      <c r="FL260" s="126"/>
      <c r="FM260" s="91"/>
      <c r="FN260" s="91"/>
      <c r="FO260" s="91"/>
      <c r="FP260" s="91"/>
      <c r="FQ260" s="91"/>
      <c r="FR260" s="91"/>
      <c r="FS260" s="91"/>
      <c r="FT260" s="91"/>
      <c r="FU260" s="91"/>
      <c r="FV260" s="91"/>
      <c r="FW260" s="91"/>
      <c r="FX260" s="91"/>
      <c r="FY260" s="91"/>
      <c r="FZ260" s="91"/>
      <c r="GA260" s="91"/>
      <c r="GB260" s="91"/>
      <c r="GC260" s="91"/>
      <c r="GD260" s="91"/>
      <c r="GE260" s="91"/>
      <c r="GF260" s="91"/>
      <c r="GG260" s="91"/>
      <c r="GH260" s="91"/>
      <c r="GI260" s="91"/>
      <c r="GJ260" s="91"/>
      <c r="GK260" s="127"/>
      <c r="GL260" s="126"/>
      <c r="GM260" s="91"/>
      <c r="GN260" s="91"/>
      <c r="GO260" s="91"/>
      <c r="GP260" s="91"/>
      <c r="GQ260" s="91"/>
      <c r="GR260" s="91"/>
      <c r="GS260" s="91"/>
      <c r="GT260" s="91"/>
      <c r="GU260" s="91"/>
      <c r="GV260" s="91"/>
      <c r="GW260" s="91"/>
      <c r="GX260" s="91"/>
      <c r="GY260" s="91"/>
      <c r="GZ260" s="91"/>
      <c r="HA260" s="91"/>
      <c r="HB260" s="91"/>
      <c r="HC260" s="91"/>
      <c r="HD260" s="91"/>
      <c r="HE260" s="91"/>
      <c r="HF260" s="91"/>
      <c r="HG260" s="91"/>
      <c r="HH260" s="91"/>
      <c r="HI260" s="91"/>
      <c r="HJ260" s="91"/>
      <c r="HK260" s="127"/>
      <c r="HL260" s="126"/>
      <c r="HM260" s="91"/>
      <c r="HN260" s="91"/>
      <c r="HO260" s="91"/>
      <c r="HP260" s="91"/>
      <c r="HQ260" s="91"/>
      <c r="HR260" s="91"/>
      <c r="HS260" s="91"/>
      <c r="HT260" s="91"/>
      <c r="HU260" s="91"/>
      <c r="HV260" s="91"/>
      <c r="HW260" s="91"/>
      <c r="HX260" s="91"/>
      <c r="HY260" s="91"/>
      <c r="HZ260" s="91"/>
      <c r="IA260" s="91"/>
      <c r="IB260" s="91"/>
      <c r="IC260" s="91"/>
      <c r="ID260" s="91"/>
      <c r="IE260" s="91"/>
      <c r="IF260" s="91"/>
      <c r="IG260" s="91"/>
      <c r="IH260" s="91"/>
      <c r="II260" s="91"/>
      <c r="IJ260" s="91"/>
      <c r="IK260" s="127"/>
    </row>
    <row r="261" spans="2:245" x14ac:dyDescent="0.2">
      <c r="B261" s="43"/>
      <c r="C261" s="73"/>
      <c r="D261" s="64"/>
      <c r="E261" s="64"/>
      <c r="F261" s="55"/>
      <c r="G261" s="102"/>
      <c r="H261" s="55"/>
      <c r="I261" s="55"/>
      <c r="J261" s="55"/>
      <c r="K261" s="55"/>
      <c r="L261" s="55"/>
      <c r="M261" s="55"/>
      <c r="N261" s="55"/>
      <c r="O261" s="55"/>
      <c r="P261" s="55"/>
      <c r="Q261" s="55"/>
      <c r="R261" s="55"/>
      <c r="S261" s="55"/>
      <c r="T261" s="55"/>
      <c r="U261" s="55"/>
      <c r="V261" s="55"/>
      <c r="W261" s="55"/>
      <c r="X261" s="55"/>
      <c r="Y261" s="55"/>
      <c r="Z261" s="55"/>
      <c r="AA261" s="55"/>
      <c r="AB261" s="55"/>
      <c r="AC261" s="55"/>
      <c r="AD261" s="55"/>
      <c r="AE261" s="55"/>
      <c r="AF261" s="55"/>
      <c r="AG261" s="55"/>
      <c r="AY261" s="162"/>
      <c r="AZ261" s="162"/>
      <c r="BA261" s="162"/>
      <c r="BB261" s="162"/>
      <c r="BC261" s="162"/>
      <c r="BD261" s="162"/>
      <c r="BE261" s="162"/>
      <c r="BF261" s="162"/>
      <c r="BG261" s="162"/>
      <c r="BH261" s="162"/>
      <c r="BI261" s="162"/>
      <c r="BJ261" s="162"/>
      <c r="BK261" s="162"/>
      <c r="BL261" s="162"/>
      <c r="BM261" s="162"/>
      <c r="BN261" s="162"/>
      <c r="BO261" s="162"/>
      <c r="BP261" s="162"/>
      <c r="BQ261" s="162"/>
      <c r="BR261" s="162"/>
      <c r="BS261" s="162"/>
      <c r="BT261" s="162"/>
      <c r="BU261" s="162"/>
      <c r="BV261" s="162"/>
      <c r="BW261" s="162"/>
      <c r="BX261" s="162"/>
      <c r="BY261" s="162"/>
      <c r="BZ261" s="162"/>
      <c r="CA261" s="162"/>
      <c r="CB261" s="162"/>
      <c r="CC261" s="162"/>
      <c r="CD261" s="162"/>
      <c r="CE261" s="162"/>
      <c r="CF261" s="162"/>
      <c r="CG261" s="162"/>
      <c r="CH261" s="162"/>
      <c r="CI261" s="162"/>
      <c r="CJ261" s="162"/>
      <c r="CK261" s="162"/>
      <c r="CX261" s="98"/>
      <c r="DL261" s="97"/>
      <c r="DX261" s="98"/>
      <c r="EL261" s="97"/>
      <c r="EX261" s="98"/>
      <c r="EY261" s="97"/>
      <c r="FL261" s="126"/>
      <c r="FM261" s="91"/>
      <c r="FN261" s="91"/>
      <c r="FO261" s="91"/>
      <c r="FP261" s="91"/>
      <c r="FQ261" s="91"/>
      <c r="FR261" s="91"/>
      <c r="FS261" s="91"/>
      <c r="FT261" s="91"/>
      <c r="FU261" s="91"/>
      <c r="FV261" s="91"/>
      <c r="FW261" s="91"/>
      <c r="FX261" s="91"/>
      <c r="FY261" s="91"/>
      <c r="FZ261" s="91"/>
      <c r="GA261" s="91"/>
      <c r="GB261" s="91"/>
      <c r="GC261" s="91"/>
      <c r="GD261" s="91"/>
      <c r="GE261" s="91"/>
      <c r="GF261" s="91"/>
      <c r="GG261" s="91"/>
      <c r="GH261" s="91"/>
      <c r="GI261" s="91"/>
      <c r="GJ261" s="91"/>
      <c r="GK261" s="127"/>
      <c r="GL261" s="126"/>
      <c r="GM261" s="91"/>
      <c r="GN261" s="91"/>
      <c r="GO261" s="91"/>
      <c r="GP261" s="91"/>
      <c r="GQ261" s="91"/>
      <c r="GR261" s="91"/>
      <c r="GS261" s="91"/>
      <c r="GT261" s="91"/>
      <c r="GU261" s="91"/>
      <c r="GV261" s="91"/>
      <c r="GW261" s="91"/>
      <c r="GX261" s="91"/>
      <c r="GY261" s="91"/>
      <c r="GZ261" s="91"/>
      <c r="HA261" s="91"/>
      <c r="HB261" s="91"/>
      <c r="HC261" s="91"/>
      <c r="HD261" s="91"/>
      <c r="HE261" s="91"/>
      <c r="HF261" s="91"/>
      <c r="HG261" s="91"/>
      <c r="HH261" s="91"/>
      <c r="HI261" s="91"/>
      <c r="HJ261" s="91"/>
      <c r="HK261" s="127"/>
      <c r="HL261" s="126"/>
      <c r="HM261" s="91"/>
      <c r="HN261" s="91"/>
      <c r="HO261" s="91"/>
      <c r="HP261" s="91"/>
      <c r="HQ261" s="91"/>
      <c r="HR261" s="91"/>
      <c r="HS261" s="91"/>
      <c r="HT261" s="91"/>
      <c r="HU261" s="91"/>
      <c r="HV261" s="91"/>
      <c r="HW261" s="91"/>
      <c r="HX261" s="91"/>
      <c r="HY261" s="91"/>
      <c r="HZ261" s="91"/>
      <c r="IA261" s="91"/>
      <c r="IB261" s="91"/>
      <c r="IC261" s="91"/>
      <c r="ID261" s="91"/>
      <c r="IE261" s="91"/>
      <c r="IF261" s="91"/>
      <c r="IG261" s="91"/>
      <c r="IH261" s="91"/>
      <c r="II261" s="91"/>
      <c r="IJ261" s="91"/>
      <c r="IK261" s="127"/>
    </row>
    <row r="262" spans="2:245" x14ac:dyDescent="0.2">
      <c r="B262" s="43"/>
      <c r="C262" s="73"/>
      <c r="D262" s="64"/>
      <c r="E262" s="64"/>
      <c r="F262" s="55"/>
      <c r="G262" s="102"/>
      <c r="H262" s="55"/>
      <c r="I262" s="55"/>
      <c r="J262" s="55"/>
      <c r="K262" s="55"/>
      <c r="L262" s="55"/>
      <c r="M262" s="55"/>
      <c r="N262" s="55"/>
      <c r="O262" s="55"/>
      <c r="P262" s="55"/>
      <c r="Q262" s="55"/>
      <c r="R262" s="55"/>
      <c r="S262" s="55"/>
      <c r="T262" s="55"/>
      <c r="U262" s="55"/>
      <c r="V262" s="55"/>
      <c r="W262" s="55"/>
      <c r="X262" s="55"/>
      <c r="Y262" s="55"/>
      <c r="Z262" s="55"/>
      <c r="AA262" s="55"/>
      <c r="AB262" s="55"/>
      <c r="AC262" s="55"/>
      <c r="AD262" s="55"/>
      <c r="AE262" s="55"/>
      <c r="AF262" s="55"/>
      <c r="AG262" s="55"/>
      <c r="AY262" s="162"/>
      <c r="AZ262" s="162"/>
      <c r="BA262" s="162"/>
      <c r="BB262" s="162"/>
      <c r="BC262" s="162"/>
      <c r="BD262" s="162"/>
      <c r="BE262" s="162"/>
      <c r="BF262" s="162"/>
      <c r="BG262" s="162"/>
      <c r="BH262" s="162"/>
      <c r="BI262" s="162"/>
      <c r="BJ262" s="162"/>
      <c r="BK262" s="162"/>
      <c r="BL262" s="162"/>
      <c r="BM262" s="162"/>
      <c r="BN262" s="162"/>
      <c r="BO262" s="162"/>
      <c r="BP262" s="162"/>
      <c r="BQ262" s="162"/>
      <c r="BR262" s="162"/>
      <c r="BS262" s="162"/>
      <c r="BT262" s="162"/>
      <c r="BU262" s="162"/>
      <c r="BV262" s="162"/>
      <c r="BW262" s="162"/>
      <c r="BX262" s="162"/>
      <c r="BY262" s="162"/>
      <c r="BZ262" s="162"/>
      <c r="CA262" s="162"/>
      <c r="CB262" s="162"/>
      <c r="CC262" s="162"/>
      <c r="CD262" s="162"/>
      <c r="CE262" s="162"/>
      <c r="CF262" s="162"/>
      <c r="CG262" s="162"/>
      <c r="CH262" s="162"/>
      <c r="CI262" s="162"/>
      <c r="CJ262" s="162"/>
      <c r="CK262" s="162"/>
      <c r="CX262" s="98"/>
      <c r="DL262" s="97"/>
      <c r="DX262" s="98"/>
      <c r="EL262" s="97"/>
      <c r="EX262" s="98"/>
      <c r="EY262" s="97"/>
      <c r="FL262" s="126"/>
      <c r="FM262" s="91"/>
      <c r="FN262" s="91"/>
      <c r="FO262" s="91"/>
      <c r="FP262" s="91"/>
      <c r="FQ262" s="91"/>
      <c r="FR262" s="91"/>
      <c r="FS262" s="91"/>
      <c r="FT262" s="91"/>
      <c r="FU262" s="91"/>
      <c r="FV262" s="91"/>
      <c r="FW262" s="91"/>
      <c r="FX262" s="91"/>
      <c r="FY262" s="91"/>
      <c r="FZ262" s="91"/>
      <c r="GA262" s="91"/>
      <c r="GB262" s="91"/>
      <c r="GC262" s="91"/>
      <c r="GD262" s="91"/>
      <c r="GE262" s="91"/>
      <c r="GF262" s="91"/>
      <c r="GG262" s="91"/>
      <c r="GH262" s="91"/>
      <c r="GI262" s="91"/>
      <c r="GJ262" s="91"/>
      <c r="GK262" s="127"/>
      <c r="GL262" s="126"/>
      <c r="GM262" s="91"/>
      <c r="GN262" s="91"/>
      <c r="GO262" s="91"/>
      <c r="GP262" s="91"/>
      <c r="GQ262" s="91"/>
      <c r="GR262" s="91"/>
      <c r="GS262" s="91"/>
      <c r="GT262" s="91"/>
      <c r="GU262" s="91"/>
      <c r="GV262" s="91"/>
      <c r="GW262" s="91"/>
      <c r="GX262" s="91"/>
      <c r="GY262" s="91"/>
      <c r="GZ262" s="91"/>
      <c r="HA262" s="91"/>
      <c r="HB262" s="91"/>
      <c r="HC262" s="91"/>
      <c r="HD262" s="91"/>
      <c r="HE262" s="91"/>
      <c r="HF262" s="91"/>
      <c r="HG262" s="91"/>
      <c r="HH262" s="91"/>
      <c r="HI262" s="91"/>
      <c r="HJ262" s="91"/>
      <c r="HK262" s="127"/>
      <c r="HL262" s="126"/>
      <c r="HM262" s="91"/>
      <c r="HN262" s="91"/>
      <c r="HO262" s="91"/>
      <c r="HP262" s="91"/>
      <c r="HQ262" s="91"/>
      <c r="HR262" s="91"/>
      <c r="HS262" s="91"/>
      <c r="HT262" s="91"/>
      <c r="HU262" s="91"/>
      <c r="HV262" s="91"/>
      <c r="HW262" s="91"/>
      <c r="HX262" s="91"/>
      <c r="HY262" s="91"/>
      <c r="HZ262" s="91"/>
      <c r="IA262" s="91"/>
      <c r="IB262" s="91"/>
      <c r="IC262" s="91"/>
      <c r="ID262" s="91"/>
      <c r="IE262" s="91"/>
      <c r="IF262" s="91"/>
      <c r="IG262" s="91"/>
      <c r="IH262" s="91"/>
      <c r="II262" s="91"/>
      <c r="IJ262" s="91"/>
      <c r="IK262" s="127"/>
    </row>
    <row r="263" spans="2:245" x14ac:dyDescent="0.2">
      <c r="B263" s="43"/>
      <c r="C263" s="73"/>
      <c r="D263" s="64"/>
      <c r="E263" s="64"/>
      <c r="F263" s="55"/>
      <c r="G263" s="102"/>
      <c r="H263" s="55"/>
      <c r="I263" s="55"/>
      <c r="J263" s="55"/>
      <c r="K263" s="55"/>
      <c r="L263" s="55"/>
      <c r="M263" s="55"/>
      <c r="N263" s="55"/>
      <c r="O263" s="55"/>
      <c r="P263" s="55"/>
      <c r="Q263" s="55"/>
      <c r="R263" s="55"/>
      <c r="S263" s="55"/>
      <c r="T263" s="55"/>
      <c r="U263" s="55"/>
      <c r="V263" s="55"/>
      <c r="W263" s="55"/>
      <c r="X263" s="55"/>
      <c r="Y263" s="55"/>
      <c r="Z263" s="55"/>
      <c r="AA263" s="55"/>
      <c r="AB263" s="55"/>
      <c r="AC263" s="55"/>
      <c r="AD263" s="55"/>
      <c r="AE263" s="55"/>
      <c r="AF263" s="55"/>
      <c r="AG263" s="55"/>
      <c r="AY263" s="162"/>
      <c r="AZ263" s="162"/>
      <c r="BA263" s="162"/>
      <c r="BB263" s="162"/>
      <c r="BC263" s="162"/>
      <c r="BD263" s="162"/>
      <c r="BE263" s="162"/>
      <c r="BF263" s="162"/>
      <c r="BG263" s="162"/>
      <c r="BH263" s="162"/>
      <c r="BI263" s="162"/>
      <c r="BJ263" s="162"/>
      <c r="BK263" s="162"/>
      <c r="BL263" s="162"/>
      <c r="BM263" s="162"/>
      <c r="BN263" s="162"/>
      <c r="BO263" s="162"/>
      <c r="BP263" s="162"/>
      <c r="BQ263" s="162"/>
      <c r="BR263" s="162"/>
      <c r="BS263" s="162"/>
      <c r="BT263" s="162"/>
      <c r="BU263" s="162"/>
      <c r="BV263" s="162"/>
      <c r="BW263" s="162"/>
      <c r="BX263" s="162"/>
      <c r="BY263" s="162"/>
      <c r="BZ263" s="162"/>
      <c r="CA263" s="162"/>
      <c r="CB263" s="162"/>
      <c r="CC263" s="162"/>
      <c r="CD263" s="162"/>
      <c r="CE263" s="162"/>
      <c r="CF263" s="162"/>
      <c r="CG263" s="162"/>
      <c r="CH263" s="162"/>
      <c r="CI263" s="162"/>
      <c r="CJ263" s="162"/>
      <c r="CK263" s="162"/>
      <c r="CX263" s="98"/>
      <c r="DL263" s="97"/>
      <c r="DX263" s="98"/>
      <c r="EL263" s="97"/>
      <c r="EX263" s="98"/>
      <c r="EY263" s="97"/>
      <c r="FL263" s="126"/>
      <c r="FM263" s="91"/>
      <c r="FN263" s="91"/>
      <c r="FO263" s="91"/>
      <c r="FP263" s="91"/>
      <c r="FQ263" s="91"/>
      <c r="FR263" s="91"/>
      <c r="FS263" s="91"/>
      <c r="FT263" s="91"/>
      <c r="FU263" s="91"/>
      <c r="FV263" s="91"/>
      <c r="FW263" s="91"/>
      <c r="FX263" s="91"/>
      <c r="FY263" s="91"/>
      <c r="FZ263" s="91"/>
      <c r="GA263" s="91"/>
      <c r="GB263" s="91"/>
      <c r="GC263" s="91"/>
      <c r="GD263" s="91"/>
      <c r="GE263" s="91"/>
      <c r="GF263" s="91"/>
      <c r="GG263" s="91"/>
      <c r="GH263" s="91"/>
      <c r="GI263" s="91"/>
      <c r="GJ263" s="91"/>
      <c r="GK263" s="127"/>
      <c r="GL263" s="126"/>
      <c r="GM263" s="91"/>
      <c r="GN263" s="91"/>
      <c r="GO263" s="91"/>
      <c r="GP263" s="91"/>
      <c r="GQ263" s="91"/>
      <c r="GR263" s="91"/>
      <c r="GS263" s="91"/>
      <c r="GT263" s="91"/>
      <c r="GU263" s="91"/>
      <c r="GV263" s="91"/>
      <c r="GW263" s="91"/>
      <c r="GX263" s="91"/>
      <c r="GY263" s="91"/>
      <c r="GZ263" s="91"/>
      <c r="HA263" s="91"/>
      <c r="HB263" s="91"/>
      <c r="HC263" s="91"/>
      <c r="HD263" s="91"/>
      <c r="HE263" s="91"/>
      <c r="HF263" s="91"/>
      <c r="HG263" s="91"/>
      <c r="HH263" s="91"/>
      <c r="HI263" s="91"/>
      <c r="HJ263" s="91"/>
      <c r="HK263" s="127"/>
      <c r="HL263" s="126"/>
      <c r="HM263" s="91"/>
      <c r="HN263" s="91"/>
      <c r="HO263" s="91"/>
      <c r="HP263" s="91"/>
      <c r="HQ263" s="91"/>
      <c r="HR263" s="91"/>
      <c r="HS263" s="91"/>
      <c r="HT263" s="91"/>
      <c r="HU263" s="91"/>
      <c r="HV263" s="91"/>
      <c r="HW263" s="91"/>
      <c r="HX263" s="91"/>
      <c r="HY263" s="91"/>
      <c r="HZ263" s="91"/>
      <c r="IA263" s="91"/>
      <c r="IB263" s="91"/>
      <c r="IC263" s="91"/>
      <c r="ID263" s="91"/>
      <c r="IE263" s="91"/>
      <c r="IF263" s="91"/>
      <c r="IG263" s="91"/>
      <c r="IH263" s="91"/>
      <c r="II263" s="91"/>
      <c r="IJ263" s="91"/>
      <c r="IK263" s="127"/>
    </row>
    <row r="264" spans="2:245" x14ac:dyDescent="0.2">
      <c r="B264" s="43"/>
      <c r="C264" s="73"/>
      <c r="D264" s="64"/>
      <c r="E264" s="64"/>
      <c r="F264" s="55"/>
      <c r="G264" s="102"/>
      <c r="H264" s="55"/>
      <c r="I264" s="55"/>
      <c r="J264" s="55"/>
      <c r="K264" s="55"/>
      <c r="L264" s="55"/>
      <c r="M264" s="55"/>
      <c r="N264" s="55"/>
      <c r="O264" s="55"/>
      <c r="P264" s="55"/>
      <c r="Q264" s="55"/>
      <c r="R264" s="55"/>
      <c r="S264" s="55"/>
      <c r="T264" s="55"/>
      <c r="U264" s="55"/>
      <c r="V264" s="55"/>
      <c r="W264" s="55"/>
      <c r="X264" s="55"/>
      <c r="Y264" s="55"/>
      <c r="Z264" s="55"/>
      <c r="AA264" s="55"/>
      <c r="AB264" s="55"/>
      <c r="AC264" s="55"/>
      <c r="AD264" s="55"/>
      <c r="AE264" s="55"/>
      <c r="AF264" s="55"/>
      <c r="AG264" s="55"/>
      <c r="AY264" s="162"/>
      <c r="AZ264" s="162"/>
      <c r="BA264" s="162"/>
      <c r="BB264" s="162"/>
      <c r="BC264" s="162"/>
      <c r="BD264" s="162"/>
      <c r="BE264" s="162"/>
      <c r="BF264" s="162"/>
      <c r="BG264" s="162"/>
      <c r="BH264" s="162"/>
      <c r="BI264" s="162"/>
      <c r="BJ264" s="162"/>
      <c r="BK264" s="162"/>
      <c r="BL264" s="162"/>
      <c r="BM264" s="162"/>
      <c r="BN264" s="162"/>
      <c r="BO264" s="162"/>
      <c r="BP264" s="162"/>
      <c r="BQ264" s="162"/>
      <c r="BR264" s="162"/>
      <c r="BS264" s="162"/>
      <c r="BT264" s="162"/>
      <c r="BU264" s="162"/>
      <c r="BV264" s="162"/>
      <c r="BW264" s="162"/>
      <c r="BX264" s="162"/>
      <c r="BY264" s="162"/>
      <c r="BZ264" s="162"/>
      <c r="CA264" s="162"/>
      <c r="CB264" s="162"/>
      <c r="CC264" s="162"/>
      <c r="CD264" s="162"/>
      <c r="CE264" s="162"/>
      <c r="CF264" s="162"/>
      <c r="CG264" s="162"/>
      <c r="CH264" s="162"/>
      <c r="CI264" s="162"/>
      <c r="CJ264" s="162"/>
      <c r="CK264" s="162"/>
      <c r="CX264" s="98"/>
      <c r="DL264" s="97"/>
      <c r="DX264" s="98"/>
      <c r="EL264" s="97"/>
      <c r="EX264" s="98"/>
      <c r="EY264" s="97"/>
      <c r="FL264" s="126"/>
      <c r="FM264" s="91"/>
      <c r="FN264" s="91"/>
      <c r="FO264" s="91"/>
      <c r="FP264" s="91"/>
      <c r="FQ264" s="91"/>
      <c r="FR264" s="91"/>
      <c r="FS264" s="91"/>
      <c r="FT264" s="91"/>
      <c r="FU264" s="91"/>
      <c r="FV264" s="91"/>
      <c r="FW264" s="91"/>
      <c r="FX264" s="91"/>
      <c r="FY264" s="91"/>
      <c r="FZ264" s="91"/>
      <c r="GA264" s="91"/>
      <c r="GB264" s="91"/>
      <c r="GC264" s="91"/>
      <c r="GD264" s="91"/>
      <c r="GE264" s="91"/>
      <c r="GF264" s="91"/>
      <c r="GG264" s="91"/>
      <c r="GH264" s="91"/>
      <c r="GI264" s="91"/>
      <c r="GJ264" s="91"/>
      <c r="GK264" s="127"/>
      <c r="GL264" s="126"/>
      <c r="GM264" s="91"/>
      <c r="GN264" s="91"/>
      <c r="GO264" s="91"/>
      <c r="GP264" s="91"/>
      <c r="GQ264" s="91"/>
      <c r="GR264" s="91"/>
      <c r="GS264" s="91"/>
      <c r="GT264" s="91"/>
      <c r="GU264" s="91"/>
      <c r="GV264" s="91"/>
      <c r="GW264" s="91"/>
      <c r="GX264" s="91"/>
      <c r="GY264" s="91"/>
      <c r="GZ264" s="91"/>
      <c r="HA264" s="91"/>
      <c r="HB264" s="91"/>
      <c r="HC264" s="91"/>
      <c r="HD264" s="91"/>
      <c r="HE264" s="91"/>
      <c r="HF264" s="91"/>
      <c r="HG264" s="91"/>
      <c r="HH264" s="91"/>
      <c r="HI264" s="91"/>
      <c r="HJ264" s="91"/>
      <c r="HK264" s="127"/>
      <c r="HL264" s="126"/>
      <c r="HM264" s="91"/>
      <c r="HN264" s="91"/>
      <c r="HO264" s="91"/>
      <c r="HP264" s="91"/>
      <c r="HQ264" s="91"/>
      <c r="HR264" s="91"/>
      <c r="HS264" s="91"/>
      <c r="HT264" s="91"/>
      <c r="HU264" s="91"/>
      <c r="HV264" s="91"/>
      <c r="HW264" s="91"/>
      <c r="HX264" s="91"/>
      <c r="HY264" s="91"/>
      <c r="HZ264" s="91"/>
      <c r="IA264" s="91"/>
      <c r="IB264" s="91"/>
      <c r="IC264" s="91"/>
      <c r="ID264" s="91"/>
      <c r="IE264" s="91"/>
      <c r="IF264" s="91"/>
      <c r="IG264" s="91"/>
      <c r="IH264" s="91"/>
      <c r="II264" s="91"/>
      <c r="IJ264" s="91"/>
      <c r="IK264" s="127"/>
    </row>
    <row r="265" spans="2:245" x14ac:dyDescent="0.2">
      <c r="B265" s="43"/>
      <c r="C265" s="73"/>
      <c r="D265" s="64"/>
      <c r="E265" s="64"/>
      <c r="F265" s="55"/>
      <c r="G265" s="102"/>
      <c r="H265" s="55"/>
      <c r="I265" s="55"/>
      <c r="J265" s="55"/>
      <c r="K265" s="55"/>
      <c r="L265" s="55"/>
      <c r="M265" s="55"/>
      <c r="N265" s="55"/>
      <c r="O265" s="55"/>
      <c r="P265" s="55"/>
      <c r="Q265" s="55"/>
      <c r="R265" s="55"/>
      <c r="S265" s="55"/>
      <c r="T265" s="55"/>
      <c r="U265" s="55"/>
      <c r="V265" s="55"/>
      <c r="W265" s="55"/>
      <c r="X265" s="55"/>
      <c r="Y265" s="55"/>
      <c r="Z265" s="55"/>
      <c r="AA265" s="55"/>
      <c r="AB265" s="55"/>
      <c r="AC265" s="55"/>
      <c r="AD265" s="55"/>
      <c r="AE265" s="55"/>
      <c r="AF265" s="55"/>
      <c r="AG265" s="55"/>
      <c r="AY265" s="162"/>
      <c r="AZ265" s="162"/>
      <c r="BA265" s="162"/>
      <c r="BB265" s="162"/>
      <c r="BC265" s="162"/>
      <c r="BD265" s="162"/>
      <c r="BE265" s="162"/>
      <c r="BF265" s="162"/>
      <c r="BG265" s="162"/>
      <c r="BH265" s="162"/>
      <c r="BI265" s="162"/>
      <c r="BJ265" s="162"/>
      <c r="BK265" s="162"/>
      <c r="BL265" s="162"/>
      <c r="BM265" s="162"/>
      <c r="BN265" s="162"/>
      <c r="BO265" s="162"/>
      <c r="BP265" s="162"/>
      <c r="BQ265" s="162"/>
      <c r="BR265" s="162"/>
      <c r="BS265" s="162"/>
      <c r="BT265" s="162"/>
      <c r="BU265" s="162"/>
      <c r="BV265" s="162"/>
      <c r="BW265" s="162"/>
      <c r="BX265" s="162"/>
      <c r="BY265" s="162"/>
      <c r="BZ265" s="162"/>
      <c r="CA265" s="162"/>
      <c r="CB265" s="162"/>
      <c r="CC265" s="162"/>
      <c r="CD265" s="162"/>
      <c r="CE265" s="162"/>
      <c r="CF265" s="162"/>
      <c r="CG265" s="162"/>
      <c r="CH265" s="162"/>
      <c r="CI265" s="162"/>
      <c r="CJ265" s="162"/>
      <c r="CK265" s="162"/>
      <c r="CX265" s="98"/>
      <c r="DL265" s="97"/>
      <c r="DX265" s="98"/>
      <c r="EL265" s="97"/>
      <c r="EX265" s="98"/>
      <c r="EY265" s="97"/>
      <c r="FL265" s="126"/>
      <c r="FM265" s="91"/>
      <c r="FN265" s="91"/>
      <c r="FO265" s="91"/>
      <c r="FP265" s="91"/>
      <c r="FQ265" s="91"/>
      <c r="FR265" s="91"/>
      <c r="FS265" s="91"/>
      <c r="FT265" s="91"/>
      <c r="FU265" s="91"/>
      <c r="FV265" s="91"/>
      <c r="FW265" s="91"/>
      <c r="FX265" s="91"/>
      <c r="FY265" s="91"/>
      <c r="FZ265" s="91"/>
      <c r="GA265" s="91"/>
      <c r="GB265" s="91"/>
      <c r="GC265" s="91"/>
      <c r="GD265" s="91"/>
      <c r="GE265" s="91"/>
      <c r="GF265" s="91"/>
      <c r="GG265" s="91"/>
      <c r="GH265" s="91"/>
      <c r="GI265" s="91"/>
      <c r="GJ265" s="91"/>
      <c r="GK265" s="127"/>
      <c r="GL265" s="126"/>
      <c r="GM265" s="91"/>
      <c r="GN265" s="91"/>
      <c r="GO265" s="91"/>
      <c r="GP265" s="91"/>
      <c r="GQ265" s="91"/>
      <c r="GR265" s="91"/>
      <c r="GS265" s="91"/>
      <c r="GT265" s="91"/>
      <c r="GU265" s="91"/>
      <c r="GV265" s="91"/>
      <c r="GW265" s="91"/>
      <c r="GX265" s="91"/>
      <c r="GY265" s="91"/>
      <c r="GZ265" s="91"/>
      <c r="HA265" s="91"/>
      <c r="HB265" s="91"/>
      <c r="HC265" s="91"/>
      <c r="HD265" s="91"/>
      <c r="HE265" s="91"/>
      <c r="HF265" s="91"/>
      <c r="HG265" s="91"/>
      <c r="HH265" s="91"/>
      <c r="HI265" s="91"/>
      <c r="HJ265" s="91"/>
      <c r="HK265" s="127"/>
      <c r="HL265" s="126"/>
      <c r="HM265" s="91"/>
      <c r="HN265" s="91"/>
      <c r="HO265" s="91"/>
      <c r="HP265" s="91"/>
      <c r="HQ265" s="91"/>
      <c r="HR265" s="91"/>
      <c r="HS265" s="91"/>
      <c r="HT265" s="91"/>
      <c r="HU265" s="91"/>
      <c r="HV265" s="91"/>
      <c r="HW265" s="91"/>
      <c r="HX265" s="91"/>
      <c r="HY265" s="91"/>
      <c r="HZ265" s="91"/>
      <c r="IA265" s="91"/>
      <c r="IB265" s="91"/>
      <c r="IC265" s="91"/>
      <c r="ID265" s="91"/>
      <c r="IE265" s="91"/>
      <c r="IF265" s="91"/>
      <c r="IG265" s="91"/>
      <c r="IH265" s="91"/>
      <c r="II265" s="91"/>
      <c r="IJ265" s="91"/>
      <c r="IK265" s="127"/>
    </row>
    <row r="266" spans="2:245" x14ac:dyDescent="0.2">
      <c r="B266" s="43"/>
      <c r="C266" s="73"/>
      <c r="D266" s="64"/>
      <c r="E266" s="64"/>
      <c r="F266" s="55"/>
      <c r="G266" s="102"/>
      <c r="H266" s="55"/>
      <c r="I266" s="55"/>
      <c r="J266" s="55"/>
      <c r="K266" s="55"/>
      <c r="L266" s="55"/>
      <c r="M266" s="55"/>
      <c r="N266" s="55"/>
      <c r="O266" s="55"/>
      <c r="P266" s="55"/>
      <c r="Q266" s="55"/>
      <c r="R266" s="55"/>
      <c r="S266" s="55"/>
      <c r="T266" s="55"/>
      <c r="U266" s="55"/>
      <c r="V266" s="55"/>
      <c r="W266" s="55"/>
      <c r="X266" s="55"/>
      <c r="Y266" s="55"/>
      <c r="Z266" s="55"/>
      <c r="AA266" s="55"/>
      <c r="AB266" s="55"/>
      <c r="AC266" s="55"/>
      <c r="AD266" s="55"/>
      <c r="AE266" s="55"/>
      <c r="AF266" s="55"/>
      <c r="AG266" s="55"/>
      <c r="AY266" s="162"/>
      <c r="AZ266" s="162"/>
      <c r="BA266" s="162"/>
      <c r="BB266" s="162"/>
      <c r="BC266" s="162"/>
      <c r="BD266" s="162"/>
      <c r="BE266" s="162"/>
      <c r="BF266" s="162"/>
      <c r="BG266" s="162"/>
      <c r="BH266" s="162"/>
      <c r="BI266" s="162"/>
      <c r="BJ266" s="162"/>
      <c r="BK266" s="162"/>
      <c r="BL266" s="162"/>
      <c r="BM266" s="162"/>
      <c r="BN266" s="162"/>
      <c r="BO266" s="162"/>
      <c r="BP266" s="162"/>
      <c r="BQ266" s="162"/>
      <c r="BR266" s="162"/>
      <c r="BS266" s="162"/>
      <c r="BT266" s="162"/>
      <c r="BU266" s="162"/>
      <c r="BV266" s="162"/>
      <c r="BW266" s="162"/>
      <c r="BX266" s="162"/>
      <c r="BY266" s="162"/>
      <c r="BZ266" s="162"/>
      <c r="CA266" s="162"/>
      <c r="CB266" s="162"/>
      <c r="CC266" s="162"/>
      <c r="CD266" s="162"/>
      <c r="CE266" s="162"/>
      <c r="CF266" s="162"/>
      <c r="CG266" s="162"/>
      <c r="CH266" s="162"/>
      <c r="CI266" s="162"/>
      <c r="CJ266" s="162"/>
      <c r="CK266" s="162"/>
      <c r="CX266" s="98"/>
      <c r="DL266" s="97"/>
      <c r="DX266" s="98"/>
      <c r="EL266" s="97"/>
      <c r="EX266" s="98"/>
      <c r="EY266" s="97"/>
      <c r="FL266" s="126"/>
      <c r="FM266" s="91"/>
      <c r="FN266" s="91"/>
      <c r="FO266" s="91"/>
      <c r="FP266" s="91"/>
      <c r="FQ266" s="91"/>
      <c r="FR266" s="91"/>
      <c r="FS266" s="91"/>
      <c r="FT266" s="91"/>
      <c r="FU266" s="91"/>
      <c r="FV266" s="91"/>
      <c r="FW266" s="91"/>
      <c r="FX266" s="91"/>
      <c r="FY266" s="91"/>
      <c r="FZ266" s="91"/>
      <c r="GA266" s="91"/>
      <c r="GB266" s="91"/>
      <c r="GC266" s="91"/>
      <c r="GD266" s="91"/>
      <c r="GE266" s="91"/>
      <c r="GF266" s="91"/>
      <c r="GG266" s="91"/>
      <c r="GH266" s="91"/>
      <c r="GI266" s="91"/>
      <c r="GJ266" s="91"/>
      <c r="GK266" s="127"/>
      <c r="GL266" s="126"/>
      <c r="GM266" s="91"/>
      <c r="GN266" s="91"/>
      <c r="GO266" s="91"/>
      <c r="GP266" s="91"/>
      <c r="GQ266" s="91"/>
      <c r="GR266" s="91"/>
      <c r="GS266" s="91"/>
      <c r="GT266" s="91"/>
      <c r="GU266" s="91"/>
      <c r="GV266" s="91"/>
      <c r="GW266" s="91"/>
      <c r="GX266" s="91"/>
      <c r="GY266" s="91"/>
      <c r="GZ266" s="91"/>
      <c r="HA266" s="91"/>
      <c r="HB266" s="91"/>
      <c r="HC266" s="91"/>
      <c r="HD266" s="91"/>
      <c r="HE266" s="91"/>
      <c r="HF266" s="91"/>
      <c r="HG266" s="91"/>
      <c r="HH266" s="91"/>
      <c r="HI266" s="91"/>
      <c r="HJ266" s="91"/>
      <c r="HK266" s="127"/>
      <c r="HL266" s="126"/>
      <c r="HM266" s="91"/>
      <c r="HN266" s="91"/>
      <c r="HO266" s="91"/>
      <c r="HP266" s="91"/>
      <c r="HQ266" s="91"/>
      <c r="HR266" s="91"/>
      <c r="HS266" s="91"/>
      <c r="HT266" s="91"/>
      <c r="HU266" s="91"/>
      <c r="HV266" s="91"/>
      <c r="HW266" s="91"/>
      <c r="HX266" s="91"/>
      <c r="HY266" s="91"/>
      <c r="HZ266" s="91"/>
      <c r="IA266" s="91"/>
      <c r="IB266" s="91"/>
      <c r="IC266" s="91"/>
      <c r="ID266" s="91"/>
      <c r="IE266" s="91"/>
      <c r="IF266" s="91"/>
      <c r="IG266" s="91"/>
      <c r="IH266" s="91"/>
      <c r="II266" s="91"/>
      <c r="IJ266" s="91"/>
      <c r="IK266" s="127"/>
    </row>
    <row r="267" spans="2:245" x14ac:dyDescent="0.2">
      <c r="B267" s="43"/>
      <c r="C267" s="73"/>
      <c r="D267" s="64"/>
      <c r="E267" s="64"/>
      <c r="F267" s="55"/>
      <c r="G267" s="102"/>
      <c r="H267" s="55"/>
      <c r="I267" s="55"/>
      <c r="J267" s="55"/>
      <c r="K267" s="55"/>
      <c r="L267" s="55"/>
      <c r="M267" s="55"/>
      <c r="N267" s="55"/>
      <c r="O267" s="55"/>
      <c r="P267" s="55"/>
      <c r="Q267" s="55"/>
      <c r="R267" s="55"/>
      <c r="S267" s="55"/>
      <c r="T267" s="55"/>
      <c r="U267" s="55"/>
      <c r="V267" s="55"/>
      <c r="W267" s="55"/>
      <c r="X267" s="55"/>
      <c r="Y267" s="55"/>
      <c r="Z267" s="55"/>
      <c r="AA267" s="55"/>
      <c r="AB267" s="55"/>
      <c r="AC267" s="55"/>
      <c r="AD267" s="55"/>
      <c r="AE267" s="55"/>
      <c r="AF267" s="55"/>
      <c r="AG267" s="55"/>
      <c r="AY267" s="162"/>
      <c r="AZ267" s="162"/>
      <c r="BA267" s="162"/>
      <c r="BB267" s="162"/>
      <c r="BC267" s="162"/>
      <c r="BD267" s="162"/>
      <c r="BE267" s="162"/>
      <c r="BF267" s="162"/>
      <c r="BG267" s="162"/>
      <c r="BH267" s="162"/>
      <c r="BI267" s="162"/>
      <c r="BJ267" s="162"/>
      <c r="BK267" s="162"/>
      <c r="BL267" s="162"/>
      <c r="BM267" s="162"/>
      <c r="BN267" s="162"/>
      <c r="BO267" s="162"/>
      <c r="BP267" s="162"/>
      <c r="BQ267" s="162"/>
      <c r="BR267" s="162"/>
      <c r="BS267" s="162"/>
      <c r="BT267" s="162"/>
      <c r="BU267" s="162"/>
      <c r="BV267" s="162"/>
      <c r="BW267" s="162"/>
      <c r="BX267" s="162"/>
      <c r="BY267" s="162"/>
      <c r="BZ267" s="162"/>
      <c r="CA267" s="162"/>
      <c r="CB267" s="162"/>
      <c r="CC267" s="162"/>
      <c r="CD267" s="162"/>
      <c r="CE267" s="162"/>
      <c r="CF267" s="162"/>
      <c r="CG267" s="162"/>
      <c r="CH267" s="162"/>
      <c r="CI267" s="162"/>
      <c r="CJ267" s="162"/>
      <c r="CK267" s="162"/>
      <c r="CX267" s="98"/>
      <c r="DL267" s="97"/>
      <c r="DX267" s="98"/>
      <c r="EL267" s="97"/>
      <c r="EX267" s="98"/>
      <c r="EY267" s="97"/>
      <c r="FL267" s="126"/>
      <c r="FM267" s="91"/>
      <c r="FN267" s="91"/>
      <c r="FO267" s="91"/>
      <c r="FP267" s="91"/>
      <c r="FQ267" s="91"/>
      <c r="FR267" s="91"/>
      <c r="FS267" s="91"/>
      <c r="FT267" s="91"/>
      <c r="FU267" s="91"/>
      <c r="FV267" s="91"/>
      <c r="FW267" s="91"/>
      <c r="FX267" s="91"/>
      <c r="FY267" s="91"/>
      <c r="FZ267" s="91"/>
      <c r="GA267" s="91"/>
      <c r="GB267" s="91"/>
      <c r="GC267" s="91"/>
      <c r="GD267" s="91"/>
      <c r="GE267" s="91"/>
      <c r="GF267" s="91"/>
      <c r="GG267" s="91"/>
      <c r="GH267" s="91"/>
      <c r="GI267" s="91"/>
      <c r="GJ267" s="91"/>
      <c r="GK267" s="127"/>
      <c r="GL267" s="126"/>
      <c r="GM267" s="91"/>
      <c r="GN267" s="91"/>
      <c r="GO267" s="91"/>
      <c r="GP267" s="91"/>
      <c r="GQ267" s="91"/>
      <c r="GR267" s="91"/>
      <c r="GS267" s="91"/>
      <c r="GT267" s="91"/>
      <c r="GU267" s="91"/>
      <c r="GV267" s="91"/>
      <c r="GW267" s="91"/>
      <c r="GX267" s="91"/>
      <c r="GY267" s="91"/>
      <c r="GZ267" s="91"/>
      <c r="HA267" s="91"/>
      <c r="HB267" s="91"/>
      <c r="HC267" s="91"/>
      <c r="HD267" s="91"/>
      <c r="HE267" s="91"/>
      <c r="HF267" s="91"/>
      <c r="HG267" s="91"/>
      <c r="HH267" s="91"/>
      <c r="HI267" s="91"/>
      <c r="HJ267" s="91"/>
      <c r="HK267" s="127"/>
      <c r="HL267" s="126"/>
      <c r="HM267" s="91"/>
      <c r="HN267" s="91"/>
      <c r="HO267" s="91"/>
      <c r="HP267" s="91"/>
      <c r="HQ267" s="91"/>
      <c r="HR267" s="91"/>
      <c r="HS267" s="91"/>
      <c r="HT267" s="91"/>
      <c r="HU267" s="91"/>
      <c r="HV267" s="91"/>
      <c r="HW267" s="91"/>
      <c r="HX267" s="91"/>
      <c r="HY267" s="91"/>
      <c r="HZ267" s="91"/>
      <c r="IA267" s="91"/>
      <c r="IB267" s="91"/>
      <c r="IC267" s="91"/>
      <c r="ID267" s="91"/>
      <c r="IE267" s="91"/>
      <c r="IF267" s="91"/>
      <c r="IG267" s="91"/>
      <c r="IH267" s="91"/>
      <c r="II267" s="91"/>
      <c r="IJ267" s="91"/>
      <c r="IK267" s="127"/>
    </row>
    <row r="268" spans="2:245" x14ac:dyDescent="0.2">
      <c r="B268" s="43"/>
      <c r="C268" s="73"/>
      <c r="D268" s="64"/>
      <c r="E268" s="64"/>
      <c r="F268" s="55"/>
      <c r="G268" s="102"/>
      <c r="H268" s="55"/>
      <c r="I268" s="55"/>
      <c r="J268" s="55"/>
      <c r="K268" s="55"/>
      <c r="L268" s="55"/>
      <c r="M268" s="55"/>
      <c r="N268" s="55"/>
      <c r="O268" s="55"/>
      <c r="P268" s="55"/>
      <c r="Q268" s="55"/>
      <c r="R268" s="55"/>
      <c r="S268" s="55"/>
      <c r="T268" s="55"/>
      <c r="U268" s="55"/>
      <c r="V268" s="55"/>
      <c r="W268" s="55"/>
      <c r="X268" s="55"/>
      <c r="Y268" s="55"/>
      <c r="Z268" s="55"/>
      <c r="AA268" s="55"/>
      <c r="AB268" s="55"/>
      <c r="AC268" s="55"/>
      <c r="AD268" s="55"/>
      <c r="AE268" s="55"/>
      <c r="AF268" s="55"/>
      <c r="AG268" s="55"/>
      <c r="AY268" s="162"/>
      <c r="AZ268" s="162"/>
      <c r="BA268" s="162"/>
      <c r="BB268" s="162"/>
      <c r="BC268" s="162"/>
      <c r="BD268" s="162"/>
      <c r="BE268" s="162"/>
      <c r="BF268" s="162"/>
      <c r="BG268" s="162"/>
      <c r="BH268" s="162"/>
      <c r="BI268" s="162"/>
      <c r="BJ268" s="162"/>
      <c r="BK268" s="162"/>
      <c r="BL268" s="162"/>
      <c r="BM268" s="162"/>
      <c r="BN268" s="162"/>
      <c r="BO268" s="162"/>
      <c r="BP268" s="162"/>
      <c r="BQ268" s="162"/>
      <c r="BR268" s="162"/>
      <c r="BS268" s="162"/>
      <c r="BT268" s="162"/>
      <c r="BU268" s="162"/>
      <c r="BV268" s="162"/>
      <c r="BW268" s="162"/>
      <c r="BX268" s="162"/>
      <c r="BY268" s="162"/>
      <c r="BZ268" s="162"/>
      <c r="CA268" s="162"/>
      <c r="CB268" s="162"/>
      <c r="CC268" s="162"/>
      <c r="CD268" s="162"/>
      <c r="CE268" s="162"/>
      <c r="CF268" s="162"/>
      <c r="CG268" s="162"/>
      <c r="CH268" s="162"/>
      <c r="CI268" s="162"/>
      <c r="CJ268" s="162"/>
      <c r="CK268" s="162"/>
      <c r="CX268" s="98"/>
      <c r="DL268" s="97"/>
      <c r="DX268" s="98"/>
      <c r="EL268" s="97"/>
      <c r="EX268" s="98"/>
      <c r="EY268" s="97"/>
      <c r="FL268" s="126"/>
      <c r="FM268" s="91"/>
      <c r="FN268" s="91"/>
      <c r="FO268" s="91"/>
      <c r="FP268" s="91"/>
      <c r="FQ268" s="91"/>
      <c r="FR268" s="91"/>
      <c r="FS268" s="91"/>
      <c r="FT268" s="91"/>
      <c r="FU268" s="91"/>
      <c r="FV268" s="91"/>
      <c r="FW268" s="91"/>
      <c r="FX268" s="91"/>
      <c r="FY268" s="91"/>
      <c r="FZ268" s="91"/>
      <c r="GA268" s="91"/>
      <c r="GB268" s="91"/>
      <c r="GC268" s="91"/>
      <c r="GD268" s="91"/>
      <c r="GE268" s="91"/>
      <c r="GF268" s="91"/>
      <c r="GG268" s="91"/>
      <c r="GH268" s="91"/>
      <c r="GI268" s="91"/>
      <c r="GJ268" s="91"/>
      <c r="GK268" s="127"/>
      <c r="GL268" s="126"/>
      <c r="GM268" s="91"/>
      <c r="GN268" s="91"/>
      <c r="GO268" s="91"/>
      <c r="GP268" s="91"/>
      <c r="GQ268" s="91"/>
      <c r="GR268" s="91"/>
      <c r="GS268" s="91"/>
      <c r="GT268" s="91"/>
      <c r="GU268" s="91"/>
      <c r="GV268" s="91"/>
      <c r="GW268" s="91"/>
      <c r="GX268" s="91"/>
      <c r="GY268" s="91"/>
      <c r="GZ268" s="91"/>
      <c r="HA268" s="91"/>
      <c r="HB268" s="91"/>
      <c r="HC268" s="91"/>
      <c r="HD268" s="91"/>
      <c r="HE268" s="91"/>
      <c r="HF268" s="91"/>
      <c r="HG268" s="91"/>
      <c r="HH268" s="91"/>
      <c r="HI268" s="91"/>
      <c r="HJ268" s="91"/>
      <c r="HK268" s="127"/>
      <c r="HL268" s="126"/>
      <c r="HM268" s="91"/>
      <c r="HN268" s="91"/>
      <c r="HO268" s="91"/>
      <c r="HP268" s="91"/>
      <c r="HQ268" s="91"/>
      <c r="HR268" s="91"/>
      <c r="HS268" s="91"/>
      <c r="HT268" s="91"/>
      <c r="HU268" s="91"/>
      <c r="HV268" s="91"/>
      <c r="HW268" s="91"/>
      <c r="HX268" s="91"/>
      <c r="HY268" s="91"/>
      <c r="HZ268" s="91"/>
      <c r="IA268" s="91"/>
      <c r="IB268" s="91"/>
      <c r="IC268" s="91"/>
      <c r="ID268" s="91"/>
      <c r="IE268" s="91"/>
      <c r="IF268" s="91"/>
      <c r="IG268" s="91"/>
      <c r="IH268" s="91"/>
      <c r="II268" s="91"/>
      <c r="IJ268" s="91"/>
      <c r="IK268" s="127"/>
    </row>
    <row r="269" spans="2:245" x14ac:dyDescent="0.2">
      <c r="B269" s="43"/>
      <c r="C269" s="73"/>
      <c r="D269" s="64"/>
      <c r="E269" s="64"/>
      <c r="F269" s="55"/>
      <c r="G269" s="102"/>
      <c r="H269" s="55"/>
      <c r="I269" s="55"/>
      <c r="J269" s="55"/>
      <c r="K269" s="55"/>
      <c r="L269" s="55"/>
      <c r="M269" s="55"/>
      <c r="N269" s="55"/>
      <c r="O269" s="55"/>
      <c r="P269" s="55"/>
      <c r="Q269" s="55"/>
      <c r="R269" s="55"/>
      <c r="S269" s="55"/>
      <c r="T269" s="55"/>
      <c r="U269" s="55"/>
      <c r="V269" s="55"/>
      <c r="W269" s="55"/>
      <c r="X269" s="55"/>
      <c r="Y269" s="55"/>
      <c r="Z269" s="55"/>
      <c r="AA269" s="55"/>
      <c r="AB269" s="55"/>
      <c r="AC269" s="55"/>
      <c r="AD269" s="55"/>
      <c r="AE269" s="55"/>
      <c r="AF269" s="55"/>
      <c r="AG269" s="55"/>
      <c r="AY269" s="162"/>
      <c r="AZ269" s="162"/>
      <c r="BA269" s="162"/>
      <c r="BB269" s="162"/>
      <c r="BC269" s="162"/>
      <c r="BD269" s="162"/>
      <c r="BE269" s="162"/>
      <c r="BF269" s="162"/>
      <c r="BG269" s="162"/>
      <c r="BH269" s="162"/>
      <c r="BI269" s="162"/>
      <c r="BJ269" s="162"/>
      <c r="BK269" s="162"/>
      <c r="BL269" s="162"/>
      <c r="BM269" s="162"/>
      <c r="BN269" s="162"/>
      <c r="BO269" s="162"/>
      <c r="BP269" s="162"/>
      <c r="BQ269" s="162"/>
      <c r="BR269" s="162"/>
      <c r="BS269" s="162"/>
      <c r="BT269" s="162"/>
      <c r="BU269" s="162"/>
      <c r="BV269" s="162"/>
      <c r="BW269" s="162"/>
      <c r="BX269" s="162"/>
      <c r="BY269" s="162"/>
      <c r="BZ269" s="162"/>
      <c r="CA269" s="162"/>
      <c r="CB269" s="162"/>
      <c r="CC269" s="162"/>
      <c r="CD269" s="162"/>
      <c r="CE269" s="162"/>
      <c r="CF269" s="162"/>
      <c r="CG269" s="162"/>
      <c r="CH269" s="162"/>
      <c r="CI269" s="162"/>
      <c r="CJ269" s="162"/>
      <c r="CK269" s="162"/>
      <c r="CX269" s="98"/>
      <c r="DL269" s="97"/>
      <c r="DX269" s="98"/>
      <c r="EL269" s="97"/>
      <c r="EX269" s="98"/>
      <c r="EY269" s="97"/>
      <c r="FL269" s="126"/>
      <c r="FM269" s="91"/>
      <c r="FN269" s="91"/>
      <c r="FO269" s="91"/>
      <c r="FP269" s="91"/>
      <c r="FQ269" s="91"/>
      <c r="FR269" s="91"/>
      <c r="FS269" s="91"/>
      <c r="FT269" s="91"/>
      <c r="FU269" s="91"/>
      <c r="FV269" s="91"/>
      <c r="FW269" s="91"/>
      <c r="FX269" s="91"/>
      <c r="FY269" s="91"/>
      <c r="FZ269" s="91"/>
      <c r="GA269" s="91"/>
      <c r="GB269" s="91"/>
      <c r="GC269" s="91"/>
      <c r="GD269" s="91"/>
      <c r="GE269" s="91"/>
      <c r="GF269" s="91"/>
      <c r="GG269" s="91"/>
      <c r="GH269" s="91"/>
      <c r="GI269" s="91"/>
      <c r="GJ269" s="91"/>
      <c r="GK269" s="127"/>
      <c r="GL269" s="126"/>
      <c r="GM269" s="91"/>
      <c r="GN269" s="91"/>
      <c r="GO269" s="91"/>
      <c r="GP269" s="91"/>
      <c r="GQ269" s="91"/>
      <c r="GR269" s="91"/>
      <c r="GS269" s="91"/>
      <c r="GT269" s="91"/>
      <c r="GU269" s="91"/>
      <c r="GV269" s="91"/>
      <c r="GW269" s="91"/>
      <c r="GX269" s="91"/>
      <c r="GY269" s="91"/>
      <c r="GZ269" s="91"/>
      <c r="HA269" s="91"/>
      <c r="HB269" s="91"/>
      <c r="HC269" s="91"/>
      <c r="HD269" s="91"/>
      <c r="HE269" s="91"/>
      <c r="HF269" s="91"/>
      <c r="HG269" s="91"/>
      <c r="HH269" s="91"/>
      <c r="HI269" s="91"/>
      <c r="HJ269" s="91"/>
      <c r="HK269" s="127"/>
      <c r="HL269" s="126"/>
      <c r="HM269" s="91"/>
      <c r="HN269" s="91"/>
      <c r="HO269" s="91"/>
      <c r="HP269" s="91"/>
      <c r="HQ269" s="91"/>
      <c r="HR269" s="91"/>
      <c r="HS269" s="91"/>
      <c r="HT269" s="91"/>
      <c r="HU269" s="91"/>
      <c r="HV269" s="91"/>
      <c r="HW269" s="91"/>
      <c r="HX269" s="91"/>
      <c r="HY269" s="91"/>
      <c r="HZ269" s="91"/>
      <c r="IA269" s="91"/>
      <c r="IB269" s="91"/>
      <c r="IC269" s="91"/>
      <c r="ID269" s="91"/>
      <c r="IE269" s="91"/>
      <c r="IF269" s="91"/>
      <c r="IG269" s="91"/>
      <c r="IH269" s="91"/>
      <c r="II269" s="91"/>
      <c r="IJ269" s="91"/>
      <c r="IK269" s="127"/>
    </row>
    <row r="270" spans="2:245" x14ac:dyDescent="0.2">
      <c r="B270" s="43"/>
      <c r="C270" s="73"/>
      <c r="D270" s="64"/>
      <c r="E270" s="64"/>
      <c r="F270" s="55"/>
      <c r="G270" s="102"/>
      <c r="H270" s="55"/>
      <c r="I270" s="55"/>
      <c r="J270" s="55"/>
      <c r="K270" s="55"/>
      <c r="L270" s="55"/>
      <c r="M270" s="55"/>
      <c r="N270" s="55"/>
      <c r="O270" s="55"/>
      <c r="P270" s="55"/>
      <c r="Q270" s="55"/>
      <c r="R270" s="55"/>
      <c r="S270" s="55"/>
      <c r="T270" s="55"/>
      <c r="U270" s="55"/>
      <c r="V270" s="55"/>
      <c r="W270" s="55"/>
      <c r="X270" s="55"/>
      <c r="Y270" s="55"/>
      <c r="Z270" s="55"/>
      <c r="AA270" s="55"/>
      <c r="AB270" s="55"/>
      <c r="AC270" s="55"/>
      <c r="AD270" s="55"/>
      <c r="AE270" s="55"/>
      <c r="AF270" s="55"/>
      <c r="AG270" s="55"/>
      <c r="AY270" s="162"/>
      <c r="AZ270" s="162"/>
      <c r="BA270" s="162"/>
      <c r="BB270" s="162"/>
      <c r="BC270" s="162"/>
      <c r="BD270" s="162"/>
      <c r="BE270" s="162"/>
      <c r="BF270" s="162"/>
      <c r="BG270" s="162"/>
      <c r="BH270" s="162"/>
      <c r="BI270" s="162"/>
      <c r="BJ270" s="162"/>
      <c r="BK270" s="162"/>
      <c r="BL270" s="162"/>
      <c r="BM270" s="162"/>
      <c r="BN270" s="162"/>
      <c r="BO270" s="162"/>
      <c r="BP270" s="162"/>
      <c r="BQ270" s="162"/>
      <c r="BR270" s="162"/>
      <c r="BS270" s="162"/>
      <c r="BT270" s="162"/>
      <c r="BU270" s="162"/>
      <c r="BV270" s="162"/>
      <c r="BW270" s="162"/>
      <c r="BX270" s="162"/>
      <c r="BY270" s="162"/>
      <c r="BZ270" s="162"/>
      <c r="CA270" s="162"/>
      <c r="CB270" s="162"/>
      <c r="CC270" s="162"/>
      <c r="CD270" s="162"/>
      <c r="CE270" s="162"/>
      <c r="CF270" s="162"/>
      <c r="CG270" s="162"/>
      <c r="CH270" s="162"/>
      <c r="CI270" s="162"/>
      <c r="CJ270" s="162"/>
      <c r="CK270" s="162"/>
      <c r="CX270" s="98"/>
      <c r="DL270" s="97"/>
      <c r="DX270" s="98"/>
      <c r="EL270" s="97"/>
      <c r="EX270" s="98"/>
      <c r="EY270" s="97"/>
      <c r="FL270" s="126"/>
      <c r="FM270" s="91"/>
      <c r="FN270" s="91"/>
      <c r="FO270" s="91"/>
      <c r="FP270" s="91"/>
      <c r="FQ270" s="91"/>
      <c r="FR270" s="91"/>
      <c r="FS270" s="91"/>
      <c r="FT270" s="91"/>
      <c r="FU270" s="91"/>
      <c r="FV270" s="91"/>
      <c r="FW270" s="91"/>
      <c r="FX270" s="91"/>
      <c r="FY270" s="91"/>
      <c r="FZ270" s="91"/>
      <c r="GA270" s="91"/>
      <c r="GB270" s="91"/>
      <c r="GC270" s="91"/>
      <c r="GD270" s="91"/>
      <c r="GE270" s="91"/>
      <c r="GF270" s="91"/>
      <c r="GG270" s="91"/>
      <c r="GH270" s="91"/>
      <c r="GI270" s="91"/>
      <c r="GJ270" s="91"/>
      <c r="GK270" s="127"/>
      <c r="GL270" s="126"/>
      <c r="GM270" s="91"/>
      <c r="GN270" s="91"/>
      <c r="GO270" s="91"/>
      <c r="GP270" s="91"/>
      <c r="GQ270" s="91"/>
      <c r="GR270" s="91"/>
      <c r="GS270" s="91"/>
      <c r="GT270" s="91"/>
      <c r="GU270" s="91"/>
      <c r="GV270" s="91"/>
      <c r="GW270" s="91"/>
      <c r="GX270" s="91"/>
      <c r="GY270" s="91"/>
      <c r="GZ270" s="91"/>
      <c r="HA270" s="91"/>
      <c r="HB270" s="91"/>
      <c r="HC270" s="91"/>
      <c r="HD270" s="91"/>
      <c r="HE270" s="91"/>
      <c r="HF270" s="91"/>
      <c r="HG270" s="91"/>
      <c r="HH270" s="91"/>
      <c r="HI270" s="91"/>
      <c r="HJ270" s="91"/>
      <c r="HK270" s="127"/>
      <c r="HL270" s="126"/>
      <c r="HM270" s="91"/>
      <c r="HN270" s="91"/>
      <c r="HO270" s="91"/>
      <c r="HP270" s="91"/>
      <c r="HQ270" s="91"/>
      <c r="HR270" s="91"/>
      <c r="HS270" s="91"/>
      <c r="HT270" s="91"/>
      <c r="HU270" s="91"/>
      <c r="HV270" s="91"/>
      <c r="HW270" s="91"/>
      <c r="HX270" s="91"/>
      <c r="HY270" s="91"/>
      <c r="HZ270" s="91"/>
      <c r="IA270" s="91"/>
      <c r="IB270" s="91"/>
      <c r="IC270" s="91"/>
      <c r="ID270" s="91"/>
      <c r="IE270" s="91"/>
      <c r="IF270" s="91"/>
      <c r="IG270" s="91"/>
      <c r="IH270" s="91"/>
      <c r="II270" s="91"/>
      <c r="IJ270" s="91"/>
      <c r="IK270" s="127"/>
    </row>
    <row r="271" spans="2:245" x14ac:dyDescent="0.2">
      <c r="B271" s="43"/>
      <c r="C271" s="73"/>
      <c r="D271" s="64"/>
      <c r="E271" s="64"/>
      <c r="F271" s="55"/>
      <c r="G271" s="102"/>
      <c r="H271" s="55"/>
      <c r="I271" s="55"/>
      <c r="J271" s="55"/>
      <c r="K271" s="55"/>
      <c r="L271" s="55"/>
      <c r="M271" s="55"/>
      <c r="N271" s="55"/>
      <c r="O271" s="55"/>
      <c r="P271" s="55"/>
      <c r="Q271" s="55"/>
      <c r="R271" s="55"/>
      <c r="S271" s="55"/>
      <c r="T271" s="55"/>
      <c r="U271" s="55"/>
      <c r="V271" s="55"/>
      <c r="W271" s="55"/>
      <c r="X271" s="55"/>
      <c r="Y271" s="55"/>
      <c r="Z271" s="55"/>
      <c r="AA271" s="55"/>
      <c r="AB271" s="55"/>
      <c r="AC271" s="55"/>
      <c r="AD271" s="55"/>
      <c r="AE271" s="55"/>
      <c r="AF271" s="55"/>
      <c r="AG271" s="55"/>
      <c r="AY271" s="162"/>
      <c r="AZ271" s="162"/>
      <c r="BA271" s="162"/>
      <c r="BB271" s="162"/>
      <c r="BC271" s="162"/>
      <c r="BD271" s="162"/>
      <c r="BE271" s="162"/>
      <c r="BF271" s="162"/>
      <c r="BG271" s="162"/>
      <c r="BH271" s="162"/>
      <c r="BI271" s="162"/>
      <c r="BJ271" s="162"/>
      <c r="BK271" s="162"/>
      <c r="BL271" s="162"/>
      <c r="BM271" s="162"/>
      <c r="BN271" s="162"/>
      <c r="BO271" s="162"/>
      <c r="BP271" s="162"/>
      <c r="BQ271" s="162"/>
      <c r="BR271" s="162"/>
      <c r="BS271" s="162"/>
      <c r="BT271" s="162"/>
      <c r="BU271" s="162"/>
      <c r="BV271" s="162"/>
      <c r="BW271" s="162"/>
      <c r="BX271" s="162"/>
      <c r="BY271" s="162"/>
      <c r="BZ271" s="162"/>
      <c r="CA271" s="162"/>
      <c r="CB271" s="162"/>
      <c r="CC271" s="162"/>
      <c r="CD271" s="162"/>
      <c r="CE271" s="162"/>
      <c r="CF271" s="162"/>
      <c r="CG271" s="162"/>
      <c r="CH271" s="162"/>
      <c r="CI271" s="162"/>
      <c r="CJ271" s="162"/>
      <c r="CK271" s="162"/>
      <c r="CX271" s="98"/>
      <c r="DL271" s="97"/>
      <c r="DX271" s="98"/>
      <c r="EL271" s="97"/>
      <c r="EX271" s="98"/>
      <c r="EY271" s="97"/>
      <c r="FL271" s="126"/>
      <c r="FM271" s="91"/>
      <c r="FN271" s="91"/>
      <c r="FO271" s="91"/>
      <c r="FP271" s="91"/>
      <c r="FQ271" s="91"/>
      <c r="FR271" s="91"/>
      <c r="FS271" s="91"/>
      <c r="FT271" s="91"/>
      <c r="FU271" s="91"/>
      <c r="FV271" s="91"/>
      <c r="FW271" s="91"/>
      <c r="FX271" s="91"/>
      <c r="FY271" s="91"/>
      <c r="FZ271" s="91"/>
      <c r="GA271" s="91"/>
      <c r="GB271" s="91"/>
      <c r="GC271" s="91"/>
      <c r="GD271" s="91"/>
      <c r="GE271" s="91"/>
      <c r="GF271" s="91"/>
      <c r="GG271" s="91"/>
      <c r="GH271" s="91"/>
      <c r="GI271" s="91"/>
      <c r="GJ271" s="91"/>
      <c r="GK271" s="127"/>
      <c r="GL271" s="126"/>
      <c r="GM271" s="91"/>
      <c r="GN271" s="91"/>
      <c r="GO271" s="91"/>
      <c r="GP271" s="91"/>
      <c r="GQ271" s="91"/>
      <c r="GR271" s="91"/>
      <c r="GS271" s="91"/>
      <c r="GT271" s="91"/>
      <c r="GU271" s="91"/>
      <c r="GV271" s="91"/>
      <c r="GW271" s="91"/>
      <c r="GX271" s="91"/>
      <c r="GY271" s="91"/>
      <c r="GZ271" s="91"/>
      <c r="HA271" s="91"/>
      <c r="HB271" s="91"/>
      <c r="HC271" s="91"/>
      <c r="HD271" s="91"/>
      <c r="HE271" s="91"/>
      <c r="HF271" s="91"/>
      <c r="HG271" s="91"/>
      <c r="HH271" s="91"/>
      <c r="HI271" s="91"/>
      <c r="HJ271" s="91"/>
      <c r="HK271" s="127"/>
      <c r="HL271" s="126"/>
      <c r="HM271" s="91"/>
      <c r="HN271" s="91"/>
      <c r="HO271" s="91"/>
      <c r="HP271" s="91"/>
      <c r="HQ271" s="91"/>
      <c r="HR271" s="91"/>
      <c r="HS271" s="91"/>
      <c r="HT271" s="91"/>
      <c r="HU271" s="91"/>
      <c r="HV271" s="91"/>
      <c r="HW271" s="91"/>
      <c r="HX271" s="91"/>
      <c r="HY271" s="91"/>
      <c r="HZ271" s="91"/>
      <c r="IA271" s="91"/>
      <c r="IB271" s="91"/>
      <c r="IC271" s="91"/>
      <c r="ID271" s="91"/>
      <c r="IE271" s="91"/>
      <c r="IF271" s="91"/>
      <c r="IG271" s="91"/>
      <c r="IH271" s="91"/>
      <c r="II271" s="91"/>
      <c r="IJ271" s="91"/>
      <c r="IK271" s="127"/>
    </row>
    <row r="272" spans="2:245" x14ac:dyDescent="0.2">
      <c r="B272" s="43"/>
      <c r="C272" s="73"/>
      <c r="D272" s="64"/>
      <c r="E272" s="64"/>
      <c r="F272" s="55"/>
      <c r="G272" s="102"/>
      <c r="H272" s="55"/>
      <c r="I272" s="55"/>
      <c r="J272" s="55"/>
      <c r="K272" s="55"/>
      <c r="L272" s="55"/>
      <c r="M272" s="55"/>
      <c r="N272" s="55"/>
      <c r="O272" s="55"/>
      <c r="P272" s="55"/>
      <c r="Q272" s="55"/>
      <c r="R272" s="55"/>
      <c r="S272" s="55"/>
      <c r="T272" s="55"/>
      <c r="U272" s="55"/>
      <c r="V272" s="55"/>
      <c r="W272" s="55"/>
      <c r="X272" s="55"/>
      <c r="Y272" s="55"/>
      <c r="Z272" s="55"/>
      <c r="AA272" s="55"/>
      <c r="AB272" s="55"/>
      <c r="AC272" s="55"/>
      <c r="AD272" s="55"/>
      <c r="AE272" s="55"/>
      <c r="AF272" s="55"/>
      <c r="AG272" s="55"/>
      <c r="AY272" s="162"/>
      <c r="AZ272" s="162"/>
      <c r="BA272" s="162"/>
      <c r="BB272" s="162"/>
      <c r="BC272" s="162"/>
      <c r="BD272" s="162"/>
      <c r="BE272" s="162"/>
      <c r="BF272" s="162"/>
      <c r="BG272" s="162"/>
      <c r="BH272" s="162"/>
      <c r="BI272" s="162"/>
      <c r="BJ272" s="162"/>
      <c r="BK272" s="162"/>
      <c r="BL272" s="162"/>
      <c r="BM272" s="162"/>
      <c r="BN272" s="162"/>
      <c r="BO272" s="162"/>
      <c r="BP272" s="162"/>
      <c r="BQ272" s="162"/>
      <c r="BR272" s="162"/>
      <c r="BS272" s="162"/>
      <c r="BT272" s="162"/>
      <c r="BU272" s="162"/>
      <c r="BV272" s="162"/>
      <c r="BW272" s="162"/>
      <c r="BX272" s="162"/>
      <c r="BY272" s="162"/>
      <c r="BZ272" s="162"/>
      <c r="CA272" s="162"/>
      <c r="CB272" s="162"/>
      <c r="CC272" s="162"/>
      <c r="CD272" s="162"/>
      <c r="CE272" s="162"/>
      <c r="CF272" s="162"/>
      <c r="CG272" s="162"/>
      <c r="CH272" s="162"/>
      <c r="CI272" s="162"/>
      <c r="CJ272" s="162"/>
      <c r="CK272" s="162"/>
      <c r="CX272" s="98"/>
      <c r="DL272" s="97"/>
      <c r="DX272" s="98"/>
      <c r="EL272" s="97"/>
      <c r="EX272" s="98"/>
      <c r="EY272" s="97"/>
      <c r="FL272" s="126"/>
      <c r="FM272" s="91"/>
      <c r="FN272" s="91"/>
      <c r="FO272" s="91"/>
      <c r="FP272" s="91"/>
      <c r="FQ272" s="91"/>
      <c r="FR272" s="91"/>
      <c r="FS272" s="91"/>
      <c r="FT272" s="91"/>
      <c r="FU272" s="91"/>
      <c r="FV272" s="91"/>
      <c r="FW272" s="91"/>
      <c r="FX272" s="91"/>
      <c r="FY272" s="91"/>
      <c r="FZ272" s="91"/>
      <c r="GA272" s="91"/>
      <c r="GB272" s="91"/>
      <c r="GC272" s="91"/>
      <c r="GD272" s="91"/>
      <c r="GE272" s="91"/>
      <c r="GF272" s="91"/>
      <c r="GG272" s="91"/>
      <c r="GH272" s="91"/>
      <c r="GI272" s="91"/>
      <c r="GJ272" s="91"/>
      <c r="GK272" s="127"/>
      <c r="GL272" s="126"/>
      <c r="GM272" s="91"/>
      <c r="GN272" s="91"/>
      <c r="GO272" s="91"/>
      <c r="GP272" s="91"/>
      <c r="GQ272" s="91"/>
      <c r="GR272" s="91"/>
      <c r="GS272" s="91"/>
      <c r="GT272" s="91"/>
      <c r="GU272" s="91"/>
      <c r="GV272" s="91"/>
      <c r="GW272" s="91"/>
      <c r="GX272" s="91"/>
      <c r="GY272" s="91"/>
      <c r="GZ272" s="91"/>
      <c r="HA272" s="91"/>
      <c r="HB272" s="91"/>
      <c r="HC272" s="91"/>
      <c r="HD272" s="91"/>
      <c r="HE272" s="91"/>
      <c r="HF272" s="91"/>
      <c r="HG272" s="91"/>
      <c r="HH272" s="91"/>
      <c r="HI272" s="91"/>
      <c r="HJ272" s="91"/>
      <c r="HK272" s="127"/>
      <c r="HL272" s="126"/>
      <c r="HM272" s="91"/>
      <c r="HN272" s="91"/>
      <c r="HO272" s="91"/>
      <c r="HP272" s="91"/>
      <c r="HQ272" s="91"/>
      <c r="HR272" s="91"/>
      <c r="HS272" s="91"/>
      <c r="HT272" s="91"/>
      <c r="HU272" s="91"/>
      <c r="HV272" s="91"/>
      <c r="HW272" s="91"/>
      <c r="HX272" s="91"/>
      <c r="HY272" s="91"/>
      <c r="HZ272" s="91"/>
      <c r="IA272" s="91"/>
      <c r="IB272" s="91"/>
      <c r="IC272" s="91"/>
      <c r="ID272" s="91"/>
      <c r="IE272" s="91"/>
      <c r="IF272" s="91"/>
      <c r="IG272" s="91"/>
      <c r="IH272" s="91"/>
      <c r="II272" s="91"/>
      <c r="IJ272" s="91"/>
      <c r="IK272" s="127"/>
    </row>
    <row r="273" spans="2:245" x14ac:dyDescent="0.2">
      <c r="B273" s="43"/>
      <c r="C273" s="73"/>
      <c r="D273" s="64"/>
      <c r="E273" s="64"/>
      <c r="F273" s="55"/>
      <c r="G273" s="102"/>
      <c r="H273" s="55"/>
      <c r="I273" s="55"/>
      <c r="J273" s="55"/>
      <c r="K273" s="55"/>
      <c r="L273" s="55"/>
      <c r="M273" s="55"/>
      <c r="N273" s="55"/>
      <c r="O273" s="55"/>
      <c r="P273" s="55"/>
      <c r="Q273" s="55"/>
      <c r="R273" s="55"/>
      <c r="S273" s="55"/>
      <c r="T273" s="55"/>
      <c r="U273" s="55"/>
      <c r="V273" s="55"/>
      <c r="W273" s="55"/>
      <c r="X273" s="55"/>
      <c r="Y273" s="55"/>
      <c r="Z273" s="55"/>
      <c r="AA273" s="55"/>
      <c r="AB273" s="55"/>
      <c r="AC273" s="55"/>
      <c r="AD273" s="55"/>
      <c r="AE273" s="55"/>
      <c r="AF273" s="55"/>
      <c r="AG273" s="55"/>
      <c r="AY273" s="162"/>
      <c r="AZ273" s="162"/>
      <c r="BA273" s="162"/>
      <c r="BB273" s="162"/>
      <c r="BC273" s="162"/>
      <c r="BD273" s="162"/>
      <c r="BE273" s="162"/>
      <c r="BF273" s="162"/>
      <c r="BG273" s="162"/>
      <c r="BH273" s="162"/>
      <c r="BI273" s="162"/>
      <c r="BJ273" s="162"/>
      <c r="BK273" s="162"/>
      <c r="BL273" s="162"/>
      <c r="BM273" s="162"/>
      <c r="BN273" s="162"/>
      <c r="BO273" s="162"/>
      <c r="BP273" s="162"/>
      <c r="BQ273" s="162"/>
      <c r="BR273" s="162"/>
      <c r="BS273" s="162"/>
      <c r="BT273" s="162"/>
      <c r="BU273" s="162"/>
      <c r="BV273" s="162"/>
      <c r="BW273" s="162"/>
      <c r="BX273" s="162"/>
      <c r="BY273" s="162"/>
      <c r="BZ273" s="162"/>
      <c r="CA273" s="162"/>
      <c r="CB273" s="162"/>
      <c r="CC273" s="162"/>
      <c r="CD273" s="162"/>
      <c r="CE273" s="162"/>
      <c r="CF273" s="162"/>
      <c r="CG273" s="162"/>
      <c r="CH273" s="162"/>
      <c r="CI273" s="162"/>
      <c r="CJ273" s="162"/>
      <c r="CK273" s="162"/>
      <c r="CX273" s="98"/>
      <c r="DL273" s="97"/>
      <c r="DX273" s="98"/>
      <c r="EL273" s="97"/>
      <c r="EX273" s="98"/>
      <c r="EY273" s="97"/>
      <c r="FL273" s="126"/>
      <c r="FM273" s="91"/>
      <c r="FN273" s="91"/>
      <c r="FO273" s="91"/>
      <c r="FP273" s="91"/>
      <c r="FQ273" s="91"/>
      <c r="FR273" s="91"/>
      <c r="FS273" s="91"/>
      <c r="FT273" s="91"/>
      <c r="FU273" s="91"/>
      <c r="FV273" s="91"/>
      <c r="FW273" s="91"/>
      <c r="FX273" s="91"/>
      <c r="FY273" s="91"/>
      <c r="FZ273" s="91"/>
      <c r="GA273" s="91"/>
      <c r="GB273" s="91"/>
      <c r="GC273" s="91"/>
      <c r="GD273" s="91"/>
      <c r="GE273" s="91"/>
      <c r="GF273" s="91"/>
      <c r="GG273" s="91"/>
      <c r="GH273" s="91"/>
      <c r="GI273" s="91"/>
      <c r="GJ273" s="91"/>
      <c r="GK273" s="127"/>
      <c r="GL273" s="126"/>
      <c r="GM273" s="91"/>
      <c r="GN273" s="91"/>
      <c r="GO273" s="91"/>
      <c r="GP273" s="91"/>
      <c r="GQ273" s="91"/>
      <c r="GR273" s="91"/>
      <c r="GS273" s="91"/>
      <c r="GT273" s="91"/>
      <c r="GU273" s="91"/>
      <c r="GV273" s="91"/>
      <c r="GW273" s="91"/>
      <c r="GX273" s="91"/>
      <c r="GY273" s="91"/>
      <c r="GZ273" s="91"/>
      <c r="HA273" s="91"/>
      <c r="HB273" s="91"/>
      <c r="HC273" s="91"/>
      <c r="HD273" s="91"/>
      <c r="HE273" s="91"/>
      <c r="HF273" s="91"/>
      <c r="HG273" s="91"/>
      <c r="HH273" s="91"/>
      <c r="HI273" s="91"/>
      <c r="HJ273" s="91"/>
      <c r="HK273" s="127"/>
      <c r="HL273" s="126"/>
      <c r="HM273" s="91"/>
      <c r="HN273" s="91"/>
      <c r="HO273" s="91"/>
      <c r="HP273" s="91"/>
      <c r="HQ273" s="91"/>
      <c r="HR273" s="91"/>
      <c r="HS273" s="91"/>
      <c r="HT273" s="91"/>
      <c r="HU273" s="91"/>
      <c r="HV273" s="91"/>
      <c r="HW273" s="91"/>
      <c r="HX273" s="91"/>
      <c r="HY273" s="91"/>
      <c r="HZ273" s="91"/>
      <c r="IA273" s="91"/>
      <c r="IB273" s="91"/>
      <c r="IC273" s="91"/>
      <c r="ID273" s="91"/>
      <c r="IE273" s="91"/>
      <c r="IF273" s="91"/>
      <c r="IG273" s="91"/>
      <c r="IH273" s="91"/>
      <c r="II273" s="91"/>
      <c r="IJ273" s="91"/>
      <c r="IK273" s="127"/>
    </row>
    <row r="274" spans="2:245" x14ac:dyDescent="0.2">
      <c r="B274" s="43"/>
      <c r="C274" s="73"/>
      <c r="D274" s="64"/>
      <c r="E274" s="64"/>
      <c r="F274" s="55"/>
      <c r="G274" s="102"/>
      <c r="H274" s="55"/>
      <c r="I274" s="55"/>
      <c r="J274" s="55"/>
      <c r="K274" s="55"/>
      <c r="L274" s="55"/>
      <c r="M274" s="55"/>
      <c r="N274" s="55"/>
      <c r="O274" s="55"/>
      <c r="P274" s="55"/>
      <c r="Q274" s="55"/>
      <c r="R274" s="55"/>
      <c r="S274" s="55"/>
      <c r="T274" s="55"/>
      <c r="U274" s="55"/>
      <c r="V274" s="55"/>
      <c r="W274" s="55"/>
      <c r="X274" s="55"/>
      <c r="Y274" s="55"/>
      <c r="Z274" s="55"/>
      <c r="AA274" s="55"/>
      <c r="AB274" s="55"/>
      <c r="AC274" s="55"/>
      <c r="AD274" s="55"/>
      <c r="AE274" s="55"/>
      <c r="AF274" s="55"/>
      <c r="AG274" s="55"/>
      <c r="AY274" s="162"/>
      <c r="AZ274" s="162"/>
      <c r="BA274" s="162"/>
      <c r="BB274" s="162"/>
      <c r="BC274" s="162"/>
      <c r="BD274" s="162"/>
      <c r="BE274" s="162"/>
      <c r="BF274" s="162"/>
      <c r="BG274" s="162"/>
      <c r="BH274" s="162"/>
      <c r="BI274" s="162"/>
      <c r="BJ274" s="162"/>
      <c r="BK274" s="162"/>
      <c r="BL274" s="162"/>
      <c r="BM274" s="162"/>
      <c r="BN274" s="162"/>
      <c r="BO274" s="162"/>
      <c r="BP274" s="162"/>
      <c r="BQ274" s="162"/>
      <c r="BR274" s="162"/>
      <c r="BS274" s="162"/>
      <c r="BT274" s="162"/>
      <c r="BU274" s="162"/>
      <c r="BV274" s="162"/>
      <c r="BW274" s="162"/>
      <c r="BX274" s="162"/>
      <c r="BY274" s="162"/>
      <c r="BZ274" s="162"/>
      <c r="CA274" s="162"/>
      <c r="CB274" s="162"/>
      <c r="CC274" s="162"/>
      <c r="CD274" s="162"/>
      <c r="CE274" s="162"/>
      <c r="CF274" s="162"/>
      <c r="CG274" s="162"/>
      <c r="CH274" s="162"/>
      <c r="CI274" s="162"/>
      <c r="CJ274" s="162"/>
      <c r="CK274" s="162"/>
      <c r="CX274" s="98"/>
      <c r="DL274" s="97"/>
      <c r="DX274" s="98"/>
      <c r="EL274" s="97"/>
      <c r="EX274" s="98"/>
      <c r="EY274" s="97"/>
      <c r="FL274" s="126"/>
      <c r="FM274" s="91"/>
      <c r="FN274" s="91"/>
      <c r="FO274" s="91"/>
      <c r="FP274" s="91"/>
      <c r="FQ274" s="91"/>
      <c r="FR274" s="91"/>
      <c r="FS274" s="91"/>
      <c r="FT274" s="91"/>
      <c r="FU274" s="91"/>
      <c r="FV274" s="91"/>
      <c r="FW274" s="91"/>
      <c r="FX274" s="91"/>
      <c r="FY274" s="91"/>
      <c r="FZ274" s="91"/>
      <c r="GA274" s="91"/>
      <c r="GB274" s="91"/>
      <c r="GC274" s="91"/>
      <c r="GD274" s="91"/>
      <c r="GE274" s="91"/>
      <c r="GF274" s="91"/>
      <c r="GG274" s="91"/>
      <c r="GH274" s="91"/>
      <c r="GI274" s="91"/>
      <c r="GJ274" s="91"/>
      <c r="GK274" s="127"/>
      <c r="GL274" s="126"/>
      <c r="GM274" s="91"/>
      <c r="GN274" s="91"/>
      <c r="GO274" s="91"/>
      <c r="GP274" s="91"/>
      <c r="GQ274" s="91"/>
      <c r="GR274" s="91"/>
      <c r="GS274" s="91"/>
      <c r="GT274" s="91"/>
      <c r="GU274" s="91"/>
      <c r="GV274" s="91"/>
      <c r="GW274" s="91"/>
      <c r="GX274" s="91"/>
      <c r="GY274" s="91"/>
      <c r="GZ274" s="91"/>
      <c r="HA274" s="91"/>
      <c r="HB274" s="91"/>
      <c r="HC274" s="91"/>
      <c r="HD274" s="91"/>
      <c r="HE274" s="91"/>
      <c r="HF274" s="91"/>
      <c r="HG274" s="91"/>
      <c r="HH274" s="91"/>
      <c r="HI274" s="91"/>
      <c r="HJ274" s="91"/>
      <c r="HK274" s="127"/>
      <c r="HL274" s="126"/>
      <c r="HM274" s="91"/>
      <c r="HN274" s="91"/>
      <c r="HO274" s="91"/>
      <c r="HP274" s="91"/>
      <c r="HQ274" s="91"/>
      <c r="HR274" s="91"/>
      <c r="HS274" s="91"/>
      <c r="HT274" s="91"/>
      <c r="HU274" s="91"/>
      <c r="HV274" s="91"/>
      <c r="HW274" s="91"/>
      <c r="HX274" s="91"/>
      <c r="HY274" s="91"/>
      <c r="HZ274" s="91"/>
      <c r="IA274" s="91"/>
      <c r="IB274" s="91"/>
      <c r="IC274" s="91"/>
      <c r="ID274" s="91"/>
      <c r="IE274" s="91"/>
      <c r="IF274" s="91"/>
      <c r="IG274" s="91"/>
      <c r="IH274" s="91"/>
      <c r="II274" s="91"/>
      <c r="IJ274" s="91"/>
      <c r="IK274" s="127"/>
    </row>
    <row r="275" spans="2:245" x14ac:dyDescent="0.2">
      <c r="B275" s="43"/>
      <c r="C275" s="73"/>
      <c r="D275" s="64"/>
      <c r="E275" s="64"/>
      <c r="F275" s="55"/>
      <c r="G275" s="102"/>
      <c r="H275" s="55"/>
      <c r="I275" s="55"/>
      <c r="J275" s="55"/>
      <c r="K275" s="55"/>
      <c r="L275" s="55"/>
      <c r="M275" s="55"/>
      <c r="N275" s="55"/>
      <c r="O275" s="55"/>
      <c r="P275" s="55"/>
      <c r="Q275" s="55"/>
      <c r="R275" s="55"/>
      <c r="S275" s="55"/>
      <c r="T275" s="55"/>
      <c r="U275" s="55"/>
      <c r="V275" s="55"/>
      <c r="W275" s="55"/>
      <c r="X275" s="55"/>
      <c r="Y275" s="55"/>
      <c r="Z275" s="55"/>
      <c r="AA275" s="55"/>
      <c r="AB275" s="55"/>
      <c r="AC275" s="55"/>
      <c r="AD275" s="55"/>
      <c r="AE275" s="55"/>
      <c r="AF275" s="55"/>
      <c r="AG275" s="55"/>
      <c r="AY275" s="162"/>
      <c r="AZ275" s="162"/>
      <c r="BA275" s="162"/>
      <c r="BB275" s="162"/>
      <c r="BC275" s="162"/>
      <c r="BD275" s="162"/>
      <c r="BE275" s="162"/>
      <c r="BF275" s="162"/>
      <c r="BG275" s="162"/>
      <c r="BH275" s="162"/>
      <c r="BI275" s="162"/>
      <c r="BJ275" s="162"/>
      <c r="BK275" s="162"/>
      <c r="BL275" s="162"/>
      <c r="BM275" s="162"/>
      <c r="BN275" s="162"/>
      <c r="BO275" s="162"/>
      <c r="BP275" s="162"/>
      <c r="BQ275" s="162"/>
      <c r="BR275" s="162"/>
      <c r="BS275" s="162"/>
      <c r="BT275" s="162"/>
      <c r="BU275" s="162"/>
      <c r="BV275" s="162"/>
      <c r="BW275" s="162"/>
      <c r="BX275" s="162"/>
      <c r="BY275" s="162"/>
      <c r="BZ275" s="162"/>
      <c r="CA275" s="162"/>
      <c r="CB275" s="162"/>
      <c r="CC275" s="162"/>
      <c r="CD275" s="162"/>
      <c r="CE275" s="162"/>
      <c r="CF275" s="162"/>
      <c r="CG275" s="162"/>
      <c r="CH275" s="162"/>
      <c r="CI275" s="162"/>
      <c r="CJ275" s="162"/>
      <c r="CK275" s="162"/>
      <c r="CX275" s="98"/>
      <c r="DL275" s="97"/>
      <c r="DX275" s="98"/>
      <c r="EL275" s="97"/>
      <c r="EX275" s="98"/>
      <c r="EY275" s="97"/>
      <c r="FL275" s="126"/>
      <c r="FM275" s="91"/>
      <c r="FN275" s="91"/>
      <c r="FO275" s="91"/>
      <c r="FP275" s="91"/>
      <c r="FQ275" s="91"/>
      <c r="FR275" s="91"/>
      <c r="FS275" s="91"/>
      <c r="FT275" s="91"/>
      <c r="FU275" s="91"/>
      <c r="FV275" s="91"/>
      <c r="FW275" s="91"/>
      <c r="FX275" s="91"/>
      <c r="FY275" s="91"/>
      <c r="FZ275" s="91"/>
      <c r="GA275" s="91"/>
      <c r="GB275" s="91"/>
      <c r="GC275" s="91"/>
      <c r="GD275" s="91"/>
      <c r="GE275" s="91"/>
      <c r="GF275" s="91"/>
      <c r="GG275" s="91"/>
      <c r="GH275" s="91"/>
      <c r="GI275" s="91"/>
      <c r="GJ275" s="91"/>
      <c r="GK275" s="127"/>
      <c r="GL275" s="126"/>
      <c r="GM275" s="91"/>
      <c r="GN275" s="91"/>
      <c r="GO275" s="91"/>
      <c r="GP275" s="91"/>
      <c r="GQ275" s="91"/>
      <c r="GR275" s="91"/>
      <c r="GS275" s="91"/>
      <c r="GT275" s="91"/>
      <c r="GU275" s="91"/>
      <c r="GV275" s="91"/>
      <c r="GW275" s="91"/>
      <c r="GX275" s="91"/>
      <c r="GY275" s="91"/>
      <c r="GZ275" s="91"/>
      <c r="HA275" s="91"/>
      <c r="HB275" s="91"/>
      <c r="HC275" s="91"/>
      <c r="HD275" s="91"/>
      <c r="HE275" s="91"/>
      <c r="HF275" s="91"/>
      <c r="HG275" s="91"/>
      <c r="HH275" s="91"/>
      <c r="HI275" s="91"/>
      <c r="HJ275" s="91"/>
      <c r="HK275" s="127"/>
      <c r="HL275" s="126"/>
      <c r="HM275" s="91"/>
      <c r="HN275" s="91"/>
      <c r="HO275" s="91"/>
      <c r="HP275" s="91"/>
      <c r="HQ275" s="91"/>
      <c r="HR275" s="91"/>
      <c r="HS275" s="91"/>
      <c r="HT275" s="91"/>
      <c r="HU275" s="91"/>
      <c r="HV275" s="91"/>
      <c r="HW275" s="91"/>
      <c r="HX275" s="91"/>
      <c r="HY275" s="91"/>
      <c r="HZ275" s="91"/>
      <c r="IA275" s="91"/>
      <c r="IB275" s="91"/>
      <c r="IC275" s="91"/>
      <c r="ID275" s="91"/>
      <c r="IE275" s="91"/>
      <c r="IF275" s="91"/>
      <c r="IG275" s="91"/>
      <c r="IH275" s="91"/>
      <c r="II275" s="91"/>
      <c r="IJ275" s="91"/>
      <c r="IK275" s="127"/>
    </row>
    <row r="276" spans="2:245" x14ac:dyDescent="0.2">
      <c r="B276" s="43"/>
      <c r="C276" s="73"/>
      <c r="D276" s="64"/>
      <c r="E276" s="64"/>
      <c r="F276" s="55"/>
      <c r="G276" s="102"/>
      <c r="H276" s="55"/>
      <c r="I276" s="55"/>
      <c r="J276" s="55"/>
      <c r="K276" s="55"/>
      <c r="L276" s="55"/>
      <c r="M276" s="55"/>
      <c r="N276" s="55"/>
      <c r="O276" s="55"/>
      <c r="P276" s="55"/>
      <c r="Q276" s="55"/>
      <c r="R276" s="55"/>
      <c r="S276" s="55"/>
      <c r="T276" s="55"/>
      <c r="U276" s="55"/>
      <c r="V276" s="55"/>
      <c r="W276" s="55"/>
      <c r="X276" s="55"/>
      <c r="Y276" s="55"/>
      <c r="Z276" s="55"/>
      <c r="AA276" s="55"/>
      <c r="AB276" s="55"/>
      <c r="AC276" s="55"/>
      <c r="AD276" s="55"/>
      <c r="AE276" s="55"/>
      <c r="AF276" s="55"/>
      <c r="AG276" s="55"/>
      <c r="AY276" s="162"/>
      <c r="AZ276" s="162"/>
      <c r="BA276" s="162"/>
      <c r="BB276" s="162"/>
      <c r="BC276" s="162"/>
      <c r="BD276" s="162"/>
      <c r="BE276" s="162"/>
      <c r="BF276" s="162"/>
      <c r="BG276" s="162"/>
      <c r="BH276" s="162"/>
      <c r="BI276" s="162"/>
      <c r="BJ276" s="162"/>
      <c r="BK276" s="162"/>
      <c r="BL276" s="162"/>
      <c r="BM276" s="162"/>
      <c r="BN276" s="162"/>
      <c r="BO276" s="162"/>
      <c r="BP276" s="162"/>
      <c r="BQ276" s="162"/>
      <c r="BR276" s="162"/>
      <c r="BS276" s="162"/>
      <c r="BT276" s="162"/>
      <c r="BU276" s="162"/>
      <c r="BV276" s="162"/>
      <c r="BW276" s="162"/>
      <c r="BX276" s="162"/>
      <c r="BY276" s="162"/>
      <c r="BZ276" s="162"/>
      <c r="CA276" s="162"/>
      <c r="CB276" s="162"/>
      <c r="CC276" s="162"/>
      <c r="CD276" s="162"/>
      <c r="CE276" s="162"/>
      <c r="CF276" s="162"/>
      <c r="CG276" s="162"/>
      <c r="CH276" s="162"/>
      <c r="CI276" s="162"/>
      <c r="CJ276" s="162"/>
      <c r="CK276" s="162"/>
      <c r="CX276" s="98"/>
      <c r="DL276" s="97"/>
      <c r="DX276" s="98"/>
      <c r="EL276" s="97"/>
      <c r="EX276" s="98"/>
      <c r="EY276" s="97"/>
      <c r="FL276" s="126"/>
      <c r="FM276" s="91"/>
      <c r="FN276" s="91"/>
      <c r="FO276" s="91"/>
      <c r="FP276" s="91"/>
      <c r="FQ276" s="91"/>
      <c r="FR276" s="91"/>
      <c r="FS276" s="91"/>
      <c r="FT276" s="91"/>
      <c r="FU276" s="91"/>
      <c r="FV276" s="91"/>
      <c r="FW276" s="91"/>
      <c r="FX276" s="91"/>
      <c r="FY276" s="91"/>
      <c r="FZ276" s="91"/>
      <c r="GA276" s="91"/>
      <c r="GB276" s="91"/>
      <c r="GC276" s="91"/>
      <c r="GD276" s="91"/>
      <c r="GE276" s="91"/>
      <c r="GF276" s="91"/>
      <c r="GG276" s="91"/>
      <c r="GH276" s="91"/>
      <c r="GI276" s="91"/>
      <c r="GJ276" s="91"/>
      <c r="GK276" s="127"/>
      <c r="GL276" s="126"/>
      <c r="GM276" s="91"/>
      <c r="GN276" s="91"/>
      <c r="GO276" s="91"/>
      <c r="GP276" s="91"/>
      <c r="GQ276" s="91"/>
      <c r="GR276" s="91"/>
      <c r="GS276" s="91"/>
      <c r="GT276" s="91"/>
      <c r="GU276" s="91"/>
      <c r="GV276" s="91"/>
      <c r="GW276" s="91"/>
      <c r="GX276" s="91"/>
      <c r="GY276" s="91"/>
      <c r="GZ276" s="91"/>
      <c r="HA276" s="91"/>
      <c r="HB276" s="91"/>
      <c r="HC276" s="91"/>
      <c r="HD276" s="91"/>
      <c r="HE276" s="91"/>
      <c r="HF276" s="91"/>
      <c r="HG276" s="91"/>
      <c r="HH276" s="91"/>
      <c r="HI276" s="91"/>
      <c r="HJ276" s="91"/>
      <c r="HK276" s="127"/>
      <c r="HL276" s="126"/>
      <c r="HM276" s="91"/>
      <c r="HN276" s="91"/>
      <c r="HO276" s="91"/>
      <c r="HP276" s="91"/>
      <c r="HQ276" s="91"/>
      <c r="HR276" s="91"/>
      <c r="HS276" s="91"/>
      <c r="HT276" s="91"/>
      <c r="HU276" s="91"/>
      <c r="HV276" s="91"/>
      <c r="HW276" s="91"/>
      <c r="HX276" s="91"/>
      <c r="HY276" s="91"/>
      <c r="HZ276" s="91"/>
      <c r="IA276" s="91"/>
      <c r="IB276" s="91"/>
      <c r="IC276" s="91"/>
      <c r="ID276" s="91"/>
      <c r="IE276" s="91"/>
      <c r="IF276" s="91"/>
      <c r="IG276" s="91"/>
      <c r="IH276" s="91"/>
      <c r="II276" s="91"/>
      <c r="IJ276" s="91"/>
      <c r="IK276" s="127"/>
    </row>
    <row r="277" spans="2:245" x14ac:dyDescent="0.2">
      <c r="B277" s="43"/>
      <c r="C277" s="73"/>
      <c r="D277" s="64"/>
      <c r="E277" s="64"/>
      <c r="F277" s="55"/>
      <c r="G277" s="102"/>
      <c r="H277" s="55"/>
      <c r="I277" s="55"/>
      <c r="J277" s="55"/>
      <c r="K277" s="55"/>
      <c r="L277" s="55"/>
      <c r="M277" s="55"/>
      <c r="N277" s="55"/>
      <c r="O277" s="55"/>
      <c r="P277" s="55"/>
      <c r="Q277" s="55"/>
      <c r="R277" s="55"/>
      <c r="S277" s="55"/>
      <c r="T277" s="55"/>
      <c r="U277" s="55"/>
      <c r="V277" s="55"/>
      <c r="W277" s="55"/>
      <c r="X277" s="55"/>
      <c r="Y277" s="55"/>
      <c r="Z277" s="55"/>
      <c r="AA277" s="55"/>
      <c r="AB277" s="55"/>
      <c r="AC277" s="55"/>
      <c r="AD277" s="55"/>
      <c r="AE277" s="55"/>
      <c r="AF277" s="55"/>
      <c r="AG277" s="55"/>
      <c r="AY277" s="162"/>
      <c r="AZ277" s="162"/>
      <c r="BA277" s="162"/>
      <c r="BB277" s="162"/>
      <c r="BC277" s="162"/>
      <c r="BD277" s="162"/>
      <c r="BE277" s="162"/>
      <c r="BF277" s="162"/>
      <c r="BG277" s="162"/>
      <c r="BH277" s="162"/>
      <c r="BI277" s="162"/>
      <c r="BJ277" s="162"/>
      <c r="BK277" s="162"/>
      <c r="BL277" s="162"/>
      <c r="BM277" s="162"/>
      <c r="BN277" s="162"/>
      <c r="BO277" s="162"/>
      <c r="BP277" s="162"/>
      <c r="BQ277" s="162"/>
      <c r="BR277" s="162"/>
      <c r="BS277" s="162"/>
      <c r="BT277" s="162"/>
      <c r="BU277" s="162"/>
      <c r="BV277" s="162"/>
      <c r="BW277" s="162"/>
      <c r="BX277" s="162"/>
      <c r="BY277" s="162"/>
      <c r="BZ277" s="162"/>
      <c r="CA277" s="162"/>
      <c r="CB277" s="162"/>
      <c r="CC277" s="162"/>
      <c r="CD277" s="162"/>
      <c r="CE277" s="162"/>
      <c r="CF277" s="162"/>
      <c r="CG277" s="162"/>
      <c r="CH277" s="162"/>
      <c r="CI277" s="162"/>
      <c r="CJ277" s="162"/>
      <c r="CK277" s="162"/>
      <c r="CX277" s="98"/>
      <c r="DL277" s="97"/>
      <c r="DX277" s="98"/>
      <c r="EL277" s="97"/>
      <c r="EX277" s="98"/>
      <c r="EY277" s="97"/>
      <c r="FL277" s="126"/>
      <c r="FM277" s="91"/>
      <c r="FN277" s="91"/>
      <c r="FO277" s="91"/>
      <c r="FP277" s="91"/>
      <c r="FQ277" s="91"/>
      <c r="FR277" s="91"/>
      <c r="FS277" s="91"/>
      <c r="FT277" s="91"/>
      <c r="FU277" s="91"/>
      <c r="FV277" s="91"/>
      <c r="FW277" s="91"/>
      <c r="FX277" s="91"/>
      <c r="FY277" s="91"/>
      <c r="FZ277" s="91"/>
      <c r="GA277" s="91"/>
      <c r="GB277" s="91"/>
      <c r="GC277" s="91"/>
      <c r="GD277" s="91"/>
      <c r="GE277" s="91"/>
      <c r="GF277" s="91"/>
      <c r="GG277" s="91"/>
      <c r="GH277" s="91"/>
      <c r="GI277" s="91"/>
      <c r="GJ277" s="91"/>
      <c r="GK277" s="127"/>
      <c r="GL277" s="126"/>
      <c r="GM277" s="91"/>
      <c r="GN277" s="91"/>
      <c r="GO277" s="91"/>
      <c r="GP277" s="91"/>
      <c r="GQ277" s="91"/>
      <c r="GR277" s="91"/>
      <c r="GS277" s="91"/>
      <c r="GT277" s="91"/>
      <c r="GU277" s="91"/>
      <c r="GV277" s="91"/>
      <c r="GW277" s="91"/>
      <c r="GX277" s="91"/>
      <c r="GY277" s="91"/>
      <c r="GZ277" s="91"/>
      <c r="HA277" s="91"/>
      <c r="HB277" s="91"/>
      <c r="HC277" s="91"/>
      <c r="HD277" s="91"/>
      <c r="HE277" s="91"/>
      <c r="HF277" s="91"/>
      <c r="HG277" s="91"/>
      <c r="HH277" s="91"/>
      <c r="HI277" s="91"/>
      <c r="HJ277" s="91"/>
      <c r="HK277" s="127"/>
      <c r="HL277" s="126"/>
      <c r="HM277" s="91"/>
      <c r="HN277" s="91"/>
      <c r="HO277" s="91"/>
      <c r="HP277" s="91"/>
      <c r="HQ277" s="91"/>
      <c r="HR277" s="91"/>
      <c r="HS277" s="91"/>
      <c r="HT277" s="91"/>
      <c r="HU277" s="91"/>
      <c r="HV277" s="91"/>
      <c r="HW277" s="91"/>
      <c r="HX277" s="91"/>
      <c r="HY277" s="91"/>
      <c r="HZ277" s="91"/>
      <c r="IA277" s="91"/>
      <c r="IB277" s="91"/>
      <c r="IC277" s="91"/>
      <c r="ID277" s="91"/>
      <c r="IE277" s="91"/>
      <c r="IF277" s="91"/>
      <c r="IG277" s="91"/>
      <c r="IH277" s="91"/>
      <c r="II277" s="91"/>
      <c r="IJ277" s="91"/>
      <c r="IK277" s="127"/>
    </row>
    <row r="278" spans="2:245" x14ac:dyDescent="0.2">
      <c r="B278" s="43"/>
      <c r="C278" s="73"/>
      <c r="D278" s="64"/>
      <c r="E278" s="64"/>
      <c r="F278" s="55"/>
      <c r="G278" s="102"/>
      <c r="H278" s="55"/>
      <c r="I278" s="55"/>
      <c r="J278" s="55"/>
      <c r="K278" s="55"/>
      <c r="L278" s="55"/>
      <c r="M278" s="55"/>
      <c r="N278" s="55"/>
      <c r="O278" s="55"/>
      <c r="P278" s="55"/>
      <c r="Q278" s="55"/>
      <c r="R278" s="55"/>
      <c r="S278" s="55"/>
      <c r="T278" s="55"/>
      <c r="U278" s="55"/>
      <c r="V278" s="55"/>
      <c r="W278" s="55"/>
      <c r="X278" s="55"/>
      <c r="Y278" s="55"/>
      <c r="Z278" s="55"/>
      <c r="AA278" s="55"/>
      <c r="AB278" s="55"/>
      <c r="AC278" s="55"/>
      <c r="AD278" s="55"/>
      <c r="AE278" s="55"/>
      <c r="AF278" s="55"/>
      <c r="AG278" s="55"/>
      <c r="AY278" s="162"/>
      <c r="AZ278" s="162"/>
      <c r="BA278" s="162"/>
      <c r="BB278" s="162"/>
      <c r="BC278" s="162"/>
      <c r="BD278" s="162"/>
      <c r="BE278" s="162"/>
      <c r="BF278" s="162"/>
      <c r="BG278" s="162"/>
      <c r="BH278" s="162"/>
      <c r="BI278" s="162"/>
      <c r="BJ278" s="162"/>
      <c r="BK278" s="162"/>
      <c r="BL278" s="162"/>
      <c r="BM278" s="162"/>
      <c r="BN278" s="162"/>
      <c r="BO278" s="162"/>
      <c r="BP278" s="162"/>
      <c r="BQ278" s="162"/>
      <c r="BR278" s="162"/>
      <c r="BS278" s="162"/>
      <c r="BT278" s="162"/>
      <c r="BU278" s="162"/>
      <c r="BV278" s="162"/>
      <c r="BW278" s="162"/>
      <c r="BX278" s="162"/>
      <c r="BY278" s="162"/>
      <c r="BZ278" s="162"/>
      <c r="CA278" s="162"/>
      <c r="CB278" s="162"/>
      <c r="CC278" s="162"/>
      <c r="CD278" s="162"/>
      <c r="CE278" s="162"/>
      <c r="CF278" s="162"/>
      <c r="CG278" s="162"/>
      <c r="CH278" s="162"/>
      <c r="CI278" s="162"/>
      <c r="CJ278" s="162"/>
      <c r="CK278" s="162"/>
      <c r="CX278" s="98"/>
      <c r="DL278" s="97"/>
      <c r="DX278" s="98"/>
      <c r="EL278" s="97"/>
      <c r="EX278" s="98"/>
      <c r="EY278" s="97"/>
      <c r="FL278" s="126"/>
      <c r="FM278" s="91"/>
      <c r="FN278" s="91"/>
      <c r="FO278" s="91"/>
      <c r="FP278" s="91"/>
      <c r="FQ278" s="91"/>
      <c r="FR278" s="91"/>
      <c r="FS278" s="91"/>
      <c r="FT278" s="91"/>
      <c r="FU278" s="91"/>
      <c r="FV278" s="91"/>
      <c r="FW278" s="91"/>
      <c r="FX278" s="91"/>
      <c r="FY278" s="91"/>
      <c r="FZ278" s="91"/>
      <c r="GA278" s="91"/>
      <c r="GB278" s="91"/>
      <c r="GC278" s="91"/>
      <c r="GD278" s="91"/>
      <c r="GE278" s="91"/>
      <c r="GF278" s="91"/>
      <c r="GG278" s="91"/>
      <c r="GH278" s="91"/>
      <c r="GI278" s="91"/>
      <c r="GJ278" s="91"/>
      <c r="GK278" s="127"/>
      <c r="GL278" s="126"/>
      <c r="GM278" s="91"/>
      <c r="GN278" s="91"/>
      <c r="GO278" s="91"/>
      <c r="GP278" s="91"/>
      <c r="GQ278" s="91"/>
      <c r="GR278" s="91"/>
      <c r="GS278" s="91"/>
      <c r="GT278" s="91"/>
      <c r="GU278" s="91"/>
      <c r="GV278" s="91"/>
      <c r="GW278" s="91"/>
      <c r="GX278" s="91"/>
      <c r="GY278" s="91"/>
      <c r="GZ278" s="91"/>
      <c r="HA278" s="91"/>
      <c r="HB278" s="91"/>
      <c r="HC278" s="91"/>
      <c r="HD278" s="91"/>
      <c r="HE278" s="91"/>
      <c r="HF278" s="91"/>
      <c r="HG278" s="91"/>
      <c r="HH278" s="91"/>
      <c r="HI278" s="91"/>
      <c r="HJ278" s="91"/>
      <c r="HK278" s="127"/>
      <c r="HL278" s="126"/>
      <c r="HM278" s="91"/>
      <c r="HN278" s="91"/>
      <c r="HO278" s="91"/>
      <c r="HP278" s="91"/>
      <c r="HQ278" s="91"/>
      <c r="HR278" s="91"/>
      <c r="HS278" s="91"/>
      <c r="HT278" s="91"/>
      <c r="HU278" s="91"/>
      <c r="HV278" s="91"/>
      <c r="HW278" s="91"/>
      <c r="HX278" s="91"/>
      <c r="HY278" s="91"/>
      <c r="HZ278" s="91"/>
      <c r="IA278" s="91"/>
      <c r="IB278" s="91"/>
      <c r="IC278" s="91"/>
      <c r="ID278" s="91"/>
      <c r="IE278" s="91"/>
      <c r="IF278" s="91"/>
      <c r="IG278" s="91"/>
      <c r="IH278" s="91"/>
      <c r="II278" s="91"/>
      <c r="IJ278" s="91"/>
      <c r="IK278" s="127"/>
    </row>
    <row r="279" spans="2:245" x14ac:dyDescent="0.2">
      <c r="B279" s="43"/>
      <c r="C279" s="73"/>
      <c r="D279" s="64"/>
      <c r="E279" s="64"/>
      <c r="F279" s="55"/>
      <c r="G279" s="102"/>
      <c r="H279" s="55"/>
      <c r="I279" s="55"/>
      <c r="J279" s="55"/>
      <c r="K279" s="55"/>
      <c r="L279" s="55"/>
      <c r="M279" s="55"/>
      <c r="N279" s="55"/>
      <c r="O279" s="55"/>
      <c r="P279" s="55"/>
      <c r="Q279" s="55"/>
      <c r="R279" s="55"/>
      <c r="S279" s="55"/>
      <c r="T279" s="55"/>
      <c r="U279" s="55"/>
      <c r="V279" s="55"/>
      <c r="W279" s="55"/>
      <c r="X279" s="55"/>
      <c r="Y279" s="55"/>
      <c r="Z279" s="55"/>
      <c r="AA279" s="55"/>
      <c r="AB279" s="55"/>
      <c r="AC279" s="55"/>
      <c r="AD279" s="55"/>
      <c r="AE279" s="55"/>
      <c r="AF279" s="55"/>
      <c r="AG279" s="55"/>
      <c r="AY279" s="162"/>
      <c r="AZ279" s="162"/>
      <c r="BA279" s="162"/>
      <c r="BB279" s="162"/>
      <c r="BC279" s="162"/>
      <c r="BD279" s="162"/>
      <c r="BE279" s="162"/>
      <c r="BF279" s="162"/>
      <c r="BG279" s="162"/>
      <c r="BH279" s="162"/>
      <c r="BI279" s="162"/>
      <c r="BJ279" s="162"/>
      <c r="BK279" s="162"/>
      <c r="BL279" s="162"/>
      <c r="BM279" s="162"/>
      <c r="BN279" s="162"/>
      <c r="BO279" s="162"/>
      <c r="BP279" s="162"/>
      <c r="BQ279" s="162"/>
      <c r="BR279" s="162"/>
      <c r="BS279" s="162"/>
      <c r="BT279" s="162"/>
      <c r="BU279" s="162"/>
      <c r="BV279" s="162"/>
      <c r="BW279" s="162"/>
      <c r="BX279" s="162"/>
      <c r="BY279" s="162"/>
      <c r="BZ279" s="162"/>
      <c r="CA279" s="162"/>
      <c r="CB279" s="162"/>
      <c r="CC279" s="162"/>
      <c r="CD279" s="162"/>
      <c r="CE279" s="162"/>
      <c r="CF279" s="162"/>
      <c r="CG279" s="162"/>
      <c r="CH279" s="162"/>
      <c r="CI279" s="162"/>
      <c r="CJ279" s="162"/>
      <c r="CK279" s="162"/>
      <c r="CX279" s="98"/>
      <c r="DL279" s="97"/>
      <c r="DX279" s="98"/>
      <c r="EL279" s="97"/>
      <c r="EX279" s="98"/>
      <c r="EY279" s="97"/>
      <c r="FL279" s="126"/>
      <c r="FM279" s="91"/>
      <c r="FN279" s="91"/>
      <c r="FO279" s="91"/>
      <c r="FP279" s="91"/>
      <c r="FQ279" s="91"/>
      <c r="FR279" s="91"/>
      <c r="FS279" s="91"/>
      <c r="FT279" s="91"/>
      <c r="FU279" s="91"/>
      <c r="FV279" s="91"/>
      <c r="FW279" s="91"/>
      <c r="FX279" s="91"/>
      <c r="FY279" s="91"/>
      <c r="FZ279" s="91"/>
      <c r="GA279" s="91"/>
      <c r="GB279" s="91"/>
      <c r="GC279" s="91"/>
      <c r="GD279" s="91"/>
      <c r="GE279" s="91"/>
      <c r="GF279" s="91"/>
      <c r="GG279" s="91"/>
      <c r="GH279" s="91"/>
      <c r="GI279" s="91"/>
      <c r="GJ279" s="91"/>
      <c r="GK279" s="127"/>
      <c r="GL279" s="126"/>
      <c r="GM279" s="91"/>
      <c r="GN279" s="91"/>
      <c r="GO279" s="91"/>
      <c r="GP279" s="91"/>
      <c r="GQ279" s="91"/>
      <c r="GR279" s="91"/>
      <c r="GS279" s="91"/>
      <c r="GT279" s="91"/>
      <c r="GU279" s="91"/>
      <c r="GV279" s="91"/>
      <c r="GW279" s="91"/>
      <c r="GX279" s="91"/>
      <c r="GY279" s="91"/>
      <c r="GZ279" s="91"/>
      <c r="HA279" s="91"/>
      <c r="HB279" s="91"/>
      <c r="HC279" s="91"/>
      <c r="HD279" s="91"/>
      <c r="HE279" s="91"/>
      <c r="HF279" s="91"/>
      <c r="HG279" s="91"/>
      <c r="HH279" s="91"/>
      <c r="HI279" s="91"/>
      <c r="HJ279" s="91"/>
      <c r="HK279" s="127"/>
      <c r="HL279" s="126"/>
      <c r="HM279" s="91"/>
      <c r="HN279" s="91"/>
      <c r="HO279" s="91"/>
      <c r="HP279" s="91"/>
      <c r="HQ279" s="91"/>
      <c r="HR279" s="91"/>
      <c r="HS279" s="91"/>
      <c r="HT279" s="91"/>
      <c r="HU279" s="91"/>
      <c r="HV279" s="91"/>
      <c r="HW279" s="91"/>
      <c r="HX279" s="91"/>
      <c r="HY279" s="91"/>
      <c r="HZ279" s="91"/>
      <c r="IA279" s="91"/>
      <c r="IB279" s="91"/>
      <c r="IC279" s="91"/>
      <c r="ID279" s="91"/>
      <c r="IE279" s="91"/>
      <c r="IF279" s="91"/>
      <c r="IG279" s="91"/>
      <c r="IH279" s="91"/>
      <c r="II279" s="91"/>
      <c r="IJ279" s="91"/>
      <c r="IK279" s="127"/>
    </row>
    <row r="280" spans="2:245" x14ac:dyDescent="0.2">
      <c r="B280" s="43"/>
      <c r="C280" s="73"/>
      <c r="D280" s="64"/>
      <c r="E280" s="64"/>
      <c r="F280" s="55"/>
      <c r="G280" s="102"/>
      <c r="H280" s="55"/>
      <c r="I280" s="55"/>
      <c r="J280" s="55"/>
      <c r="K280" s="55"/>
      <c r="L280" s="55"/>
      <c r="M280" s="55"/>
      <c r="N280" s="55"/>
      <c r="O280" s="55"/>
      <c r="P280" s="55"/>
      <c r="Q280" s="55"/>
      <c r="R280" s="55"/>
      <c r="S280" s="55"/>
      <c r="T280" s="55"/>
      <c r="U280" s="55"/>
      <c r="V280" s="55"/>
      <c r="W280" s="55"/>
      <c r="X280" s="55"/>
      <c r="Y280" s="55"/>
      <c r="Z280" s="55"/>
      <c r="AA280" s="55"/>
      <c r="AB280" s="55"/>
      <c r="AC280" s="55"/>
      <c r="AD280" s="55"/>
      <c r="AE280" s="55"/>
      <c r="AF280" s="55"/>
      <c r="AG280" s="55"/>
      <c r="AY280" s="162"/>
      <c r="AZ280" s="162"/>
      <c r="BA280" s="162"/>
      <c r="BB280" s="162"/>
      <c r="BC280" s="162"/>
      <c r="BD280" s="162"/>
      <c r="BE280" s="162"/>
      <c r="BF280" s="162"/>
      <c r="BG280" s="162"/>
      <c r="BH280" s="162"/>
      <c r="BI280" s="162"/>
      <c r="BJ280" s="162"/>
      <c r="BK280" s="162"/>
      <c r="BL280" s="162"/>
      <c r="BM280" s="162"/>
      <c r="BN280" s="162"/>
      <c r="BO280" s="162"/>
      <c r="BP280" s="162"/>
      <c r="BQ280" s="162"/>
      <c r="BR280" s="162"/>
      <c r="BS280" s="162"/>
      <c r="BT280" s="162"/>
      <c r="BU280" s="162"/>
      <c r="BV280" s="162"/>
      <c r="BW280" s="162"/>
      <c r="BX280" s="162"/>
      <c r="BY280" s="162"/>
      <c r="BZ280" s="162"/>
      <c r="CA280" s="162"/>
      <c r="CB280" s="162"/>
      <c r="CC280" s="162"/>
      <c r="CD280" s="162"/>
      <c r="CE280" s="162"/>
      <c r="CF280" s="162"/>
      <c r="CG280" s="162"/>
      <c r="CH280" s="162"/>
      <c r="CI280" s="162"/>
      <c r="CJ280" s="162"/>
      <c r="CK280" s="162"/>
      <c r="CX280" s="98"/>
      <c r="DL280" s="97"/>
      <c r="DX280" s="98"/>
      <c r="EL280" s="97"/>
      <c r="EX280" s="98"/>
      <c r="EY280" s="97"/>
      <c r="FL280" s="126"/>
      <c r="FM280" s="91"/>
      <c r="FN280" s="91"/>
      <c r="FO280" s="91"/>
      <c r="FP280" s="91"/>
      <c r="FQ280" s="91"/>
      <c r="FR280" s="91"/>
      <c r="FS280" s="91"/>
      <c r="FT280" s="91"/>
      <c r="FU280" s="91"/>
      <c r="FV280" s="91"/>
      <c r="FW280" s="91"/>
      <c r="FX280" s="91"/>
      <c r="FY280" s="91"/>
      <c r="FZ280" s="91"/>
      <c r="GA280" s="91"/>
      <c r="GB280" s="91"/>
      <c r="GC280" s="91"/>
      <c r="GD280" s="91"/>
      <c r="GE280" s="91"/>
      <c r="GF280" s="91"/>
      <c r="GG280" s="91"/>
      <c r="GH280" s="91"/>
      <c r="GI280" s="91"/>
      <c r="GJ280" s="91"/>
      <c r="GK280" s="127"/>
      <c r="GL280" s="126"/>
      <c r="GM280" s="91"/>
      <c r="GN280" s="91"/>
      <c r="GO280" s="91"/>
      <c r="GP280" s="91"/>
      <c r="GQ280" s="91"/>
      <c r="GR280" s="91"/>
      <c r="GS280" s="91"/>
      <c r="GT280" s="91"/>
      <c r="GU280" s="91"/>
      <c r="GV280" s="91"/>
      <c r="GW280" s="91"/>
      <c r="GX280" s="91"/>
      <c r="GY280" s="91"/>
      <c r="GZ280" s="91"/>
      <c r="HA280" s="91"/>
      <c r="HB280" s="91"/>
      <c r="HC280" s="91"/>
      <c r="HD280" s="91"/>
      <c r="HE280" s="91"/>
      <c r="HF280" s="91"/>
      <c r="HG280" s="91"/>
      <c r="HH280" s="91"/>
      <c r="HI280" s="91"/>
      <c r="HJ280" s="91"/>
      <c r="HK280" s="127"/>
      <c r="HL280" s="126"/>
      <c r="HM280" s="91"/>
      <c r="HN280" s="91"/>
      <c r="HO280" s="91"/>
      <c r="HP280" s="91"/>
      <c r="HQ280" s="91"/>
      <c r="HR280" s="91"/>
      <c r="HS280" s="91"/>
      <c r="HT280" s="91"/>
      <c r="HU280" s="91"/>
      <c r="HV280" s="91"/>
      <c r="HW280" s="91"/>
      <c r="HX280" s="91"/>
      <c r="HY280" s="91"/>
      <c r="HZ280" s="91"/>
      <c r="IA280" s="91"/>
      <c r="IB280" s="91"/>
      <c r="IC280" s="91"/>
      <c r="ID280" s="91"/>
      <c r="IE280" s="91"/>
      <c r="IF280" s="91"/>
      <c r="IG280" s="91"/>
      <c r="IH280" s="91"/>
      <c r="II280" s="91"/>
      <c r="IJ280" s="91"/>
      <c r="IK280" s="127"/>
    </row>
    <row r="281" spans="2:245" x14ac:dyDescent="0.2">
      <c r="B281" s="43"/>
      <c r="C281" s="73"/>
      <c r="D281" s="64"/>
      <c r="E281" s="64"/>
      <c r="F281" s="55"/>
      <c r="G281" s="102"/>
      <c r="H281" s="55"/>
      <c r="I281" s="55"/>
      <c r="J281" s="55"/>
      <c r="K281" s="55"/>
      <c r="L281" s="55"/>
      <c r="M281" s="55"/>
      <c r="N281" s="55"/>
      <c r="O281" s="55"/>
      <c r="P281" s="55"/>
      <c r="Q281" s="55"/>
      <c r="R281" s="55"/>
      <c r="S281" s="55"/>
      <c r="T281" s="55"/>
      <c r="U281" s="55"/>
      <c r="V281" s="55"/>
      <c r="W281" s="55"/>
      <c r="X281" s="55"/>
      <c r="Y281" s="55"/>
      <c r="Z281" s="55"/>
      <c r="AA281" s="55"/>
      <c r="AB281" s="55"/>
      <c r="AC281" s="55"/>
      <c r="AD281" s="55"/>
      <c r="AE281" s="55"/>
      <c r="AF281" s="55"/>
      <c r="AG281" s="55"/>
      <c r="AY281" s="162"/>
      <c r="AZ281" s="162"/>
      <c r="BA281" s="162"/>
      <c r="BB281" s="162"/>
      <c r="BC281" s="162"/>
      <c r="BD281" s="162"/>
      <c r="BE281" s="162"/>
      <c r="BF281" s="162"/>
      <c r="BG281" s="162"/>
      <c r="BH281" s="162"/>
      <c r="BI281" s="162"/>
      <c r="BJ281" s="162"/>
      <c r="BK281" s="162"/>
      <c r="BL281" s="162"/>
      <c r="BM281" s="162"/>
      <c r="BN281" s="162"/>
      <c r="BO281" s="162"/>
      <c r="BP281" s="162"/>
      <c r="BQ281" s="162"/>
      <c r="BR281" s="162"/>
      <c r="BS281" s="162"/>
      <c r="BT281" s="162"/>
      <c r="BU281" s="162"/>
      <c r="BV281" s="162"/>
      <c r="BW281" s="162"/>
      <c r="BX281" s="162"/>
      <c r="BY281" s="162"/>
      <c r="BZ281" s="162"/>
      <c r="CA281" s="162"/>
      <c r="CB281" s="162"/>
      <c r="CC281" s="162"/>
      <c r="CD281" s="162"/>
      <c r="CE281" s="162"/>
      <c r="CF281" s="162"/>
      <c r="CG281" s="162"/>
      <c r="CH281" s="162"/>
      <c r="CI281" s="162"/>
      <c r="CJ281" s="162"/>
      <c r="CK281" s="162"/>
      <c r="CX281" s="98"/>
      <c r="DL281" s="97"/>
      <c r="DX281" s="98"/>
      <c r="EL281" s="97"/>
      <c r="EX281" s="98"/>
      <c r="EY281" s="97"/>
      <c r="FL281" s="126"/>
      <c r="FM281" s="91"/>
      <c r="FN281" s="91"/>
      <c r="FO281" s="91"/>
      <c r="FP281" s="91"/>
      <c r="FQ281" s="91"/>
      <c r="FR281" s="91"/>
      <c r="FS281" s="91"/>
      <c r="FT281" s="91"/>
      <c r="FU281" s="91"/>
      <c r="FV281" s="91"/>
      <c r="FW281" s="91"/>
      <c r="FX281" s="91"/>
      <c r="FY281" s="91"/>
      <c r="FZ281" s="91"/>
      <c r="GA281" s="91"/>
      <c r="GB281" s="91"/>
      <c r="GC281" s="91"/>
      <c r="GD281" s="91"/>
      <c r="GE281" s="91"/>
      <c r="GF281" s="91"/>
      <c r="GG281" s="91"/>
      <c r="GH281" s="91"/>
      <c r="GI281" s="91"/>
      <c r="GJ281" s="91"/>
      <c r="GK281" s="127"/>
      <c r="GL281" s="126"/>
      <c r="GM281" s="91"/>
      <c r="GN281" s="91"/>
      <c r="GO281" s="91"/>
      <c r="GP281" s="91"/>
      <c r="GQ281" s="91"/>
      <c r="GR281" s="91"/>
      <c r="GS281" s="91"/>
      <c r="GT281" s="91"/>
      <c r="GU281" s="91"/>
      <c r="GV281" s="91"/>
      <c r="GW281" s="91"/>
      <c r="GX281" s="91"/>
      <c r="GY281" s="91"/>
      <c r="GZ281" s="91"/>
      <c r="HA281" s="91"/>
      <c r="HB281" s="91"/>
      <c r="HC281" s="91"/>
      <c r="HD281" s="91"/>
      <c r="HE281" s="91"/>
      <c r="HF281" s="91"/>
      <c r="HG281" s="91"/>
      <c r="HH281" s="91"/>
      <c r="HI281" s="91"/>
      <c r="HJ281" s="91"/>
      <c r="HK281" s="127"/>
      <c r="HL281" s="126"/>
      <c r="HM281" s="91"/>
      <c r="HN281" s="91"/>
      <c r="HO281" s="91"/>
      <c r="HP281" s="91"/>
      <c r="HQ281" s="91"/>
      <c r="HR281" s="91"/>
      <c r="HS281" s="91"/>
      <c r="HT281" s="91"/>
      <c r="HU281" s="91"/>
      <c r="HV281" s="91"/>
      <c r="HW281" s="91"/>
      <c r="HX281" s="91"/>
      <c r="HY281" s="91"/>
      <c r="HZ281" s="91"/>
      <c r="IA281" s="91"/>
      <c r="IB281" s="91"/>
      <c r="IC281" s="91"/>
      <c r="ID281" s="91"/>
      <c r="IE281" s="91"/>
      <c r="IF281" s="91"/>
      <c r="IG281" s="91"/>
      <c r="IH281" s="91"/>
      <c r="II281" s="91"/>
      <c r="IJ281" s="91"/>
      <c r="IK281" s="127"/>
    </row>
    <row r="282" spans="2:245" x14ac:dyDescent="0.2">
      <c r="B282" s="43"/>
      <c r="C282" s="73"/>
      <c r="D282" s="64"/>
      <c r="E282" s="64"/>
      <c r="F282" s="55"/>
      <c r="G282" s="102"/>
      <c r="H282" s="55"/>
      <c r="I282" s="55"/>
      <c r="J282" s="55"/>
      <c r="K282" s="55"/>
      <c r="L282" s="55"/>
      <c r="M282" s="55"/>
      <c r="N282" s="55"/>
      <c r="O282" s="55"/>
      <c r="P282" s="55"/>
      <c r="Q282" s="55"/>
      <c r="R282" s="55"/>
      <c r="S282" s="55"/>
      <c r="T282" s="55"/>
      <c r="U282" s="55"/>
      <c r="V282" s="55"/>
      <c r="W282" s="55"/>
      <c r="X282" s="55"/>
      <c r="Y282" s="55"/>
      <c r="Z282" s="55"/>
      <c r="AA282" s="55"/>
      <c r="AB282" s="55"/>
      <c r="AC282" s="55"/>
      <c r="AD282" s="55"/>
      <c r="AE282" s="55"/>
      <c r="AF282" s="55"/>
      <c r="AG282" s="55"/>
      <c r="AY282" s="162"/>
      <c r="AZ282" s="162"/>
      <c r="BA282" s="162"/>
      <c r="BB282" s="162"/>
      <c r="BC282" s="162"/>
      <c r="BD282" s="162"/>
      <c r="BE282" s="162"/>
      <c r="BF282" s="162"/>
      <c r="BG282" s="162"/>
      <c r="BH282" s="162"/>
      <c r="BI282" s="162"/>
      <c r="BJ282" s="162"/>
      <c r="BK282" s="162"/>
      <c r="BL282" s="162"/>
      <c r="BM282" s="162"/>
      <c r="BN282" s="162"/>
      <c r="BO282" s="162"/>
      <c r="BP282" s="162"/>
      <c r="BQ282" s="162"/>
      <c r="BR282" s="162"/>
      <c r="BS282" s="162"/>
      <c r="BT282" s="162"/>
      <c r="BU282" s="162"/>
      <c r="BV282" s="162"/>
      <c r="BW282" s="162"/>
      <c r="BX282" s="162"/>
      <c r="BY282" s="162"/>
      <c r="BZ282" s="162"/>
      <c r="CA282" s="162"/>
      <c r="CB282" s="162"/>
      <c r="CC282" s="162"/>
      <c r="CD282" s="162"/>
      <c r="CE282" s="162"/>
      <c r="CF282" s="162"/>
      <c r="CG282" s="162"/>
      <c r="CH282" s="162"/>
      <c r="CI282" s="162"/>
      <c r="CJ282" s="162"/>
      <c r="CK282" s="162"/>
      <c r="CX282" s="98"/>
      <c r="DL282" s="97"/>
      <c r="DX282" s="98"/>
      <c r="EL282" s="97"/>
      <c r="EX282" s="98"/>
      <c r="EY282" s="97"/>
      <c r="FL282" s="126"/>
      <c r="FM282" s="91"/>
      <c r="FN282" s="91"/>
      <c r="FO282" s="91"/>
      <c r="FP282" s="91"/>
      <c r="FQ282" s="91"/>
      <c r="FR282" s="91"/>
      <c r="FS282" s="91"/>
      <c r="FT282" s="91"/>
      <c r="FU282" s="91"/>
      <c r="FV282" s="91"/>
      <c r="FW282" s="91"/>
      <c r="FX282" s="91"/>
      <c r="FY282" s="91"/>
      <c r="FZ282" s="91"/>
      <c r="GA282" s="91"/>
      <c r="GB282" s="91"/>
      <c r="GC282" s="91"/>
      <c r="GD282" s="91"/>
      <c r="GE282" s="91"/>
      <c r="GF282" s="91"/>
      <c r="GG282" s="91"/>
      <c r="GH282" s="91"/>
      <c r="GI282" s="91"/>
      <c r="GJ282" s="91"/>
      <c r="GK282" s="127"/>
      <c r="GL282" s="126"/>
      <c r="GM282" s="91"/>
      <c r="GN282" s="91"/>
      <c r="GO282" s="91"/>
      <c r="GP282" s="91"/>
      <c r="GQ282" s="91"/>
      <c r="GR282" s="91"/>
      <c r="GS282" s="91"/>
      <c r="GT282" s="91"/>
      <c r="GU282" s="91"/>
      <c r="GV282" s="91"/>
      <c r="GW282" s="91"/>
      <c r="GX282" s="91"/>
      <c r="GY282" s="91"/>
      <c r="GZ282" s="91"/>
      <c r="HA282" s="91"/>
      <c r="HB282" s="91"/>
      <c r="HC282" s="91"/>
      <c r="HD282" s="91"/>
      <c r="HE282" s="91"/>
      <c r="HF282" s="91"/>
      <c r="HG282" s="91"/>
      <c r="HH282" s="91"/>
      <c r="HI282" s="91"/>
      <c r="HJ282" s="91"/>
      <c r="HK282" s="127"/>
      <c r="HL282" s="126"/>
      <c r="HM282" s="91"/>
      <c r="HN282" s="91"/>
      <c r="HO282" s="91"/>
      <c r="HP282" s="91"/>
      <c r="HQ282" s="91"/>
      <c r="HR282" s="91"/>
      <c r="HS282" s="91"/>
      <c r="HT282" s="91"/>
      <c r="HU282" s="91"/>
      <c r="HV282" s="91"/>
      <c r="HW282" s="91"/>
      <c r="HX282" s="91"/>
      <c r="HY282" s="91"/>
      <c r="HZ282" s="91"/>
      <c r="IA282" s="91"/>
      <c r="IB282" s="91"/>
      <c r="IC282" s="91"/>
      <c r="ID282" s="91"/>
      <c r="IE282" s="91"/>
      <c r="IF282" s="91"/>
      <c r="IG282" s="91"/>
      <c r="IH282" s="91"/>
      <c r="II282" s="91"/>
      <c r="IJ282" s="91"/>
      <c r="IK282" s="127"/>
    </row>
    <row r="283" spans="2:245" x14ac:dyDescent="0.2">
      <c r="B283" s="43"/>
      <c r="C283" s="73"/>
      <c r="D283" s="64"/>
      <c r="E283" s="64"/>
      <c r="F283" s="55"/>
      <c r="G283" s="102"/>
      <c r="H283" s="55"/>
      <c r="I283" s="55"/>
      <c r="J283" s="55"/>
      <c r="K283" s="55"/>
      <c r="L283" s="55"/>
      <c r="M283" s="55"/>
      <c r="N283" s="55"/>
      <c r="O283" s="55"/>
      <c r="P283" s="55"/>
      <c r="Q283" s="55"/>
      <c r="R283" s="55"/>
      <c r="S283" s="55"/>
      <c r="T283" s="55"/>
      <c r="U283" s="55"/>
      <c r="V283" s="55"/>
      <c r="W283" s="55"/>
      <c r="X283" s="55"/>
      <c r="Y283" s="55"/>
      <c r="Z283" s="55"/>
      <c r="AA283" s="55"/>
      <c r="AB283" s="55"/>
      <c r="AC283" s="55"/>
      <c r="AD283" s="55"/>
      <c r="AE283" s="55"/>
      <c r="AF283" s="55"/>
      <c r="AG283" s="55"/>
      <c r="AY283" s="162"/>
      <c r="AZ283" s="162"/>
      <c r="BA283" s="162"/>
      <c r="BB283" s="162"/>
      <c r="BC283" s="162"/>
      <c r="BD283" s="162"/>
      <c r="BE283" s="162"/>
      <c r="BF283" s="162"/>
      <c r="BG283" s="162"/>
      <c r="BH283" s="162"/>
      <c r="BI283" s="162"/>
      <c r="BJ283" s="162"/>
      <c r="BK283" s="162"/>
      <c r="BL283" s="162"/>
      <c r="BM283" s="162"/>
      <c r="BN283" s="162"/>
      <c r="BO283" s="162"/>
      <c r="BP283" s="162"/>
      <c r="BQ283" s="162"/>
      <c r="BR283" s="162"/>
      <c r="BS283" s="162"/>
      <c r="BT283" s="162"/>
      <c r="BU283" s="162"/>
      <c r="BV283" s="162"/>
      <c r="BW283" s="162"/>
      <c r="BX283" s="162"/>
      <c r="BY283" s="162"/>
      <c r="BZ283" s="162"/>
      <c r="CA283" s="162"/>
      <c r="CB283" s="162"/>
      <c r="CC283" s="162"/>
      <c r="CD283" s="162"/>
      <c r="CE283" s="162"/>
      <c r="CF283" s="162"/>
      <c r="CG283" s="162"/>
      <c r="CH283" s="162"/>
      <c r="CI283" s="162"/>
      <c r="CJ283" s="162"/>
      <c r="CK283" s="162"/>
      <c r="CX283" s="98"/>
      <c r="DL283" s="97"/>
      <c r="DX283" s="98"/>
      <c r="EL283" s="97"/>
      <c r="EX283" s="98"/>
      <c r="EY283" s="97"/>
      <c r="FL283" s="126"/>
      <c r="FM283" s="91"/>
      <c r="FN283" s="91"/>
      <c r="FO283" s="91"/>
      <c r="FP283" s="91"/>
      <c r="FQ283" s="91"/>
      <c r="FR283" s="91"/>
      <c r="FS283" s="91"/>
      <c r="FT283" s="91"/>
      <c r="FU283" s="91"/>
      <c r="FV283" s="91"/>
      <c r="FW283" s="91"/>
      <c r="FX283" s="91"/>
      <c r="FY283" s="91"/>
      <c r="FZ283" s="91"/>
      <c r="GA283" s="91"/>
      <c r="GB283" s="91"/>
      <c r="GC283" s="91"/>
      <c r="GD283" s="91"/>
      <c r="GE283" s="91"/>
      <c r="GF283" s="91"/>
      <c r="GG283" s="91"/>
      <c r="GH283" s="91"/>
      <c r="GI283" s="91"/>
      <c r="GJ283" s="91"/>
      <c r="GK283" s="127"/>
      <c r="GL283" s="126"/>
      <c r="GM283" s="91"/>
      <c r="GN283" s="91"/>
      <c r="GO283" s="91"/>
      <c r="GP283" s="91"/>
      <c r="GQ283" s="91"/>
      <c r="GR283" s="91"/>
      <c r="GS283" s="91"/>
      <c r="GT283" s="91"/>
      <c r="GU283" s="91"/>
      <c r="GV283" s="91"/>
      <c r="GW283" s="91"/>
      <c r="GX283" s="91"/>
      <c r="GY283" s="91"/>
      <c r="GZ283" s="91"/>
      <c r="HA283" s="91"/>
      <c r="HB283" s="91"/>
      <c r="HC283" s="91"/>
      <c r="HD283" s="91"/>
      <c r="HE283" s="91"/>
      <c r="HF283" s="91"/>
      <c r="HG283" s="91"/>
      <c r="HH283" s="91"/>
      <c r="HI283" s="91"/>
      <c r="HJ283" s="91"/>
      <c r="HK283" s="127"/>
      <c r="HL283" s="126"/>
      <c r="HM283" s="91"/>
      <c r="HN283" s="91"/>
      <c r="HO283" s="91"/>
      <c r="HP283" s="91"/>
      <c r="HQ283" s="91"/>
      <c r="HR283" s="91"/>
      <c r="HS283" s="91"/>
      <c r="HT283" s="91"/>
      <c r="HU283" s="91"/>
      <c r="HV283" s="91"/>
      <c r="HW283" s="91"/>
      <c r="HX283" s="91"/>
      <c r="HY283" s="91"/>
      <c r="HZ283" s="91"/>
      <c r="IA283" s="91"/>
      <c r="IB283" s="91"/>
      <c r="IC283" s="91"/>
      <c r="ID283" s="91"/>
      <c r="IE283" s="91"/>
      <c r="IF283" s="91"/>
      <c r="IG283" s="91"/>
      <c r="IH283" s="91"/>
      <c r="II283" s="91"/>
      <c r="IJ283" s="91"/>
      <c r="IK283" s="127"/>
    </row>
    <row r="284" spans="2:245" x14ac:dyDescent="0.2">
      <c r="B284" s="43"/>
      <c r="C284" s="73"/>
      <c r="D284" s="64"/>
      <c r="E284" s="64"/>
      <c r="F284" s="55"/>
      <c r="G284" s="102"/>
      <c r="H284" s="55"/>
      <c r="I284" s="55"/>
      <c r="J284" s="55"/>
      <c r="K284" s="55"/>
      <c r="L284" s="55"/>
      <c r="M284" s="55"/>
      <c r="N284" s="55"/>
      <c r="O284" s="55"/>
      <c r="P284" s="55"/>
      <c r="Q284" s="55"/>
      <c r="R284" s="55"/>
      <c r="S284" s="55"/>
      <c r="T284" s="55"/>
      <c r="U284" s="55"/>
      <c r="V284" s="55"/>
      <c r="W284" s="55"/>
      <c r="X284" s="55"/>
      <c r="Y284" s="55"/>
      <c r="Z284" s="55"/>
      <c r="AA284" s="55"/>
      <c r="AB284" s="55"/>
      <c r="AC284" s="55"/>
      <c r="AD284" s="55"/>
      <c r="AE284" s="55"/>
      <c r="AF284" s="55"/>
      <c r="AG284" s="55"/>
      <c r="AY284" s="162"/>
      <c r="AZ284" s="162"/>
      <c r="BA284" s="162"/>
      <c r="BB284" s="162"/>
      <c r="BC284" s="162"/>
      <c r="BD284" s="162"/>
      <c r="BE284" s="162"/>
      <c r="BF284" s="162"/>
      <c r="BG284" s="162"/>
      <c r="BH284" s="162"/>
      <c r="BI284" s="162"/>
      <c r="BJ284" s="162"/>
      <c r="BK284" s="162"/>
      <c r="BL284" s="162"/>
      <c r="BM284" s="162"/>
      <c r="BN284" s="162"/>
      <c r="BO284" s="162"/>
      <c r="BP284" s="162"/>
      <c r="BQ284" s="162"/>
      <c r="BR284" s="162"/>
      <c r="BS284" s="162"/>
      <c r="BT284" s="162"/>
      <c r="BU284" s="162"/>
      <c r="BV284" s="162"/>
      <c r="BW284" s="162"/>
      <c r="BX284" s="162"/>
      <c r="BY284" s="162"/>
      <c r="BZ284" s="162"/>
      <c r="CA284" s="162"/>
      <c r="CB284" s="162"/>
      <c r="CC284" s="162"/>
      <c r="CD284" s="162"/>
      <c r="CE284" s="162"/>
      <c r="CF284" s="162"/>
      <c r="CG284" s="162"/>
      <c r="CH284" s="162"/>
      <c r="CI284" s="162"/>
      <c r="CJ284" s="162"/>
      <c r="CK284" s="162"/>
      <c r="CX284" s="98"/>
      <c r="DL284" s="97"/>
      <c r="DX284" s="98"/>
      <c r="EL284" s="97"/>
      <c r="EX284" s="98"/>
      <c r="EY284" s="97"/>
      <c r="FL284" s="126"/>
      <c r="FM284" s="91"/>
      <c r="FN284" s="91"/>
      <c r="FO284" s="91"/>
      <c r="FP284" s="91"/>
      <c r="FQ284" s="91"/>
      <c r="FR284" s="91"/>
      <c r="FS284" s="91"/>
      <c r="FT284" s="91"/>
      <c r="FU284" s="91"/>
      <c r="FV284" s="91"/>
      <c r="FW284" s="91"/>
      <c r="FX284" s="91"/>
      <c r="FY284" s="91"/>
      <c r="FZ284" s="91"/>
      <c r="GA284" s="91"/>
      <c r="GB284" s="91"/>
      <c r="GC284" s="91"/>
      <c r="GD284" s="91"/>
      <c r="GE284" s="91"/>
      <c r="GF284" s="91"/>
      <c r="GG284" s="91"/>
      <c r="GH284" s="91"/>
      <c r="GI284" s="91"/>
      <c r="GJ284" s="91"/>
      <c r="GK284" s="127"/>
      <c r="GL284" s="126"/>
      <c r="GM284" s="91"/>
      <c r="GN284" s="91"/>
      <c r="GO284" s="91"/>
      <c r="GP284" s="91"/>
      <c r="GQ284" s="91"/>
      <c r="GR284" s="91"/>
      <c r="GS284" s="91"/>
      <c r="GT284" s="91"/>
      <c r="GU284" s="91"/>
      <c r="GV284" s="91"/>
      <c r="GW284" s="91"/>
      <c r="GX284" s="91"/>
      <c r="GY284" s="91"/>
      <c r="GZ284" s="91"/>
      <c r="HA284" s="91"/>
      <c r="HB284" s="91"/>
      <c r="HC284" s="91"/>
      <c r="HD284" s="91"/>
      <c r="HE284" s="91"/>
      <c r="HF284" s="91"/>
      <c r="HG284" s="91"/>
      <c r="HH284" s="91"/>
      <c r="HI284" s="91"/>
      <c r="HJ284" s="91"/>
      <c r="HK284" s="127"/>
      <c r="HL284" s="126"/>
      <c r="HM284" s="91"/>
      <c r="HN284" s="91"/>
      <c r="HO284" s="91"/>
      <c r="HP284" s="91"/>
      <c r="HQ284" s="91"/>
      <c r="HR284" s="91"/>
      <c r="HS284" s="91"/>
      <c r="HT284" s="91"/>
      <c r="HU284" s="91"/>
      <c r="HV284" s="91"/>
      <c r="HW284" s="91"/>
      <c r="HX284" s="91"/>
      <c r="HY284" s="91"/>
      <c r="HZ284" s="91"/>
      <c r="IA284" s="91"/>
      <c r="IB284" s="91"/>
      <c r="IC284" s="91"/>
      <c r="ID284" s="91"/>
      <c r="IE284" s="91"/>
      <c r="IF284" s="91"/>
      <c r="IG284" s="91"/>
      <c r="IH284" s="91"/>
      <c r="II284" s="91"/>
      <c r="IJ284" s="91"/>
      <c r="IK284" s="127"/>
    </row>
    <row r="285" spans="2:245" x14ac:dyDescent="0.2">
      <c r="B285" s="43"/>
      <c r="C285" s="73"/>
      <c r="D285" s="64"/>
      <c r="E285" s="64"/>
      <c r="F285" s="55"/>
      <c r="G285" s="102"/>
      <c r="H285" s="55"/>
      <c r="I285" s="55"/>
      <c r="J285" s="55"/>
      <c r="K285" s="55"/>
      <c r="L285" s="55"/>
      <c r="M285" s="55"/>
      <c r="N285" s="55"/>
      <c r="O285" s="55"/>
      <c r="P285" s="55"/>
      <c r="Q285" s="55"/>
      <c r="R285" s="55"/>
      <c r="S285" s="55"/>
      <c r="T285" s="55"/>
      <c r="U285" s="55"/>
      <c r="V285" s="55"/>
      <c r="W285" s="55"/>
      <c r="X285" s="55"/>
      <c r="Y285" s="55"/>
      <c r="Z285" s="55"/>
      <c r="AA285" s="55"/>
      <c r="AB285" s="55"/>
      <c r="AC285" s="55"/>
      <c r="AD285" s="55"/>
      <c r="AE285" s="55"/>
      <c r="AF285" s="55"/>
      <c r="AG285" s="55"/>
      <c r="AY285" s="162"/>
      <c r="AZ285" s="162"/>
      <c r="BA285" s="162"/>
      <c r="BB285" s="162"/>
      <c r="BC285" s="162"/>
      <c r="BD285" s="162"/>
      <c r="BE285" s="162"/>
      <c r="BF285" s="162"/>
      <c r="BG285" s="162"/>
      <c r="BH285" s="162"/>
      <c r="BI285" s="162"/>
      <c r="BJ285" s="162"/>
      <c r="BK285" s="162"/>
      <c r="BL285" s="162"/>
      <c r="BM285" s="162"/>
      <c r="BN285" s="162"/>
      <c r="BO285" s="162"/>
      <c r="BP285" s="162"/>
      <c r="BQ285" s="162"/>
      <c r="BR285" s="162"/>
      <c r="BS285" s="162"/>
      <c r="BT285" s="162"/>
      <c r="BU285" s="162"/>
      <c r="BV285" s="162"/>
      <c r="BW285" s="162"/>
      <c r="BX285" s="162"/>
      <c r="BY285" s="162"/>
      <c r="BZ285" s="162"/>
      <c r="CA285" s="162"/>
      <c r="CB285" s="162"/>
      <c r="CC285" s="162"/>
      <c r="CD285" s="162"/>
      <c r="CE285" s="162"/>
      <c r="CF285" s="162"/>
      <c r="CG285" s="162"/>
      <c r="CH285" s="162"/>
      <c r="CI285" s="162"/>
      <c r="CJ285" s="162"/>
      <c r="CK285" s="162"/>
      <c r="CX285" s="98"/>
      <c r="DL285" s="97"/>
      <c r="DX285" s="98"/>
      <c r="EL285" s="97"/>
      <c r="EX285" s="98"/>
      <c r="EY285" s="97"/>
      <c r="FL285" s="126"/>
      <c r="FM285" s="91"/>
      <c r="FN285" s="91"/>
      <c r="FO285" s="91"/>
      <c r="FP285" s="91"/>
      <c r="FQ285" s="91"/>
      <c r="FR285" s="91"/>
      <c r="FS285" s="91"/>
      <c r="FT285" s="91"/>
      <c r="FU285" s="91"/>
      <c r="FV285" s="91"/>
      <c r="FW285" s="91"/>
      <c r="FX285" s="91"/>
      <c r="FY285" s="91"/>
      <c r="FZ285" s="91"/>
      <c r="GA285" s="91"/>
      <c r="GB285" s="91"/>
      <c r="GC285" s="91"/>
      <c r="GD285" s="91"/>
      <c r="GE285" s="91"/>
      <c r="GF285" s="91"/>
      <c r="GG285" s="91"/>
      <c r="GH285" s="91"/>
      <c r="GI285" s="91"/>
      <c r="GJ285" s="91"/>
      <c r="GK285" s="127"/>
      <c r="GL285" s="126"/>
      <c r="GM285" s="91"/>
      <c r="GN285" s="91"/>
      <c r="GO285" s="91"/>
      <c r="GP285" s="91"/>
      <c r="GQ285" s="91"/>
      <c r="GR285" s="91"/>
      <c r="GS285" s="91"/>
      <c r="GT285" s="91"/>
      <c r="GU285" s="91"/>
      <c r="GV285" s="91"/>
      <c r="GW285" s="91"/>
      <c r="GX285" s="91"/>
      <c r="GY285" s="91"/>
      <c r="GZ285" s="91"/>
      <c r="HA285" s="91"/>
      <c r="HB285" s="91"/>
      <c r="HC285" s="91"/>
      <c r="HD285" s="91"/>
      <c r="HE285" s="91"/>
      <c r="HF285" s="91"/>
      <c r="HG285" s="91"/>
      <c r="HH285" s="91"/>
      <c r="HI285" s="91"/>
      <c r="HJ285" s="91"/>
      <c r="HK285" s="127"/>
      <c r="HL285" s="126"/>
      <c r="HM285" s="91"/>
      <c r="HN285" s="91"/>
      <c r="HO285" s="91"/>
      <c r="HP285" s="91"/>
      <c r="HQ285" s="91"/>
      <c r="HR285" s="91"/>
      <c r="HS285" s="91"/>
      <c r="HT285" s="91"/>
      <c r="HU285" s="91"/>
      <c r="HV285" s="91"/>
      <c r="HW285" s="91"/>
      <c r="HX285" s="91"/>
      <c r="HY285" s="91"/>
      <c r="HZ285" s="91"/>
      <c r="IA285" s="91"/>
      <c r="IB285" s="91"/>
      <c r="IC285" s="91"/>
      <c r="ID285" s="91"/>
      <c r="IE285" s="91"/>
      <c r="IF285" s="91"/>
      <c r="IG285" s="91"/>
      <c r="IH285" s="91"/>
      <c r="II285" s="91"/>
      <c r="IJ285" s="91"/>
      <c r="IK285" s="127"/>
    </row>
    <row r="286" spans="2:245" x14ac:dyDescent="0.2">
      <c r="B286" s="43"/>
      <c r="C286" s="73"/>
      <c r="D286" s="64"/>
      <c r="E286" s="64"/>
      <c r="F286" s="55"/>
      <c r="G286" s="102"/>
      <c r="H286" s="55"/>
      <c r="I286" s="55"/>
      <c r="J286" s="55"/>
      <c r="K286" s="55"/>
      <c r="L286" s="55"/>
      <c r="M286" s="55"/>
      <c r="N286" s="55"/>
      <c r="O286" s="55"/>
      <c r="P286" s="55"/>
      <c r="Q286" s="55"/>
      <c r="R286" s="55"/>
      <c r="S286" s="55"/>
      <c r="T286" s="55"/>
      <c r="U286" s="55"/>
      <c r="V286" s="55"/>
      <c r="W286" s="55"/>
      <c r="X286" s="55"/>
      <c r="Y286" s="55"/>
      <c r="Z286" s="55"/>
      <c r="AA286" s="55"/>
      <c r="AB286" s="55"/>
      <c r="AC286" s="55"/>
      <c r="AD286" s="55"/>
      <c r="AE286" s="55"/>
      <c r="AF286" s="55"/>
      <c r="AG286" s="55"/>
      <c r="AY286" s="162"/>
      <c r="AZ286" s="162"/>
      <c r="BA286" s="162"/>
      <c r="BB286" s="162"/>
      <c r="BC286" s="162"/>
      <c r="BD286" s="162"/>
      <c r="BE286" s="162"/>
      <c r="BF286" s="162"/>
      <c r="BG286" s="162"/>
      <c r="BH286" s="162"/>
      <c r="BI286" s="162"/>
      <c r="BJ286" s="162"/>
      <c r="BK286" s="162"/>
      <c r="BL286" s="162"/>
      <c r="BM286" s="162"/>
      <c r="BN286" s="162"/>
      <c r="BO286" s="162"/>
      <c r="BP286" s="162"/>
      <c r="BQ286" s="162"/>
      <c r="BR286" s="162"/>
      <c r="BS286" s="162"/>
      <c r="BT286" s="162"/>
      <c r="BU286" s="162"/>
      <c r="BV286" s="162"/>
      <c r="BW286" s="162"/>
      <c r="BX286" s="162"/>
      <c r="BY286" s="162"/>
      <c r="BZ286" s="162"/>
      <c r="CA286" s="162"/>
      <c r="CB286" s="162"/>
      <c r="CC286" s="162"/>
      <c r="CD286" s="162"/>
      <c r="CE286" s="162"/>
      <c r="CF286" s="162"/>
      <c r="CG286" s="162"/>
      <c r="CH286" s="162"/>
      <c r="CI286" s="162"/>
      <c r="CJ286" s="162"/>
      <c r="CK286" s="162"/>
      <c r="CX286" s="98"/>
      <c r="DL286" s="97"/>
      <c r="DX286" s="98"/>
      <c r="EL286" s="97"/>
      <c r="EX286" s="98"/>
      <c r="EY286" s="97"/>
      <c r="FL286" s="126"/>
      <c r="FM286" s="91"/>
      <c r="FN286" s="91"/>
      <c r="FO286" s="91"/>
      <c r="FP286" s="91"/>
      <c r="FQ286" s="91"/>
      <c r="FR286" s="91"/>
      <c r="FS286" s="91"/>
      <c r="FT286" s="91"/>
      <c r="FU286" s="91"/>
      <c r="FV286" s="91"/>
      <c r="FW286" s="91"/>
      <c r="FX286" s="91"/>
      <c r="FY286" s="91"/>
      <c r="FZ286" s="91"/>
      <c r="GA286" s="91"/>
      <c r="GB286" s="91"/>
      <c r="GC286" s="91"/>
      <c r="GD286" s="91"/>
      <c r="GE286" s="91"/>
      <c r="GF286" s="91"/>
      <c r="GG286" s="91"/>
      <c r="GH286" s="91"/>
      <c r="GI286" s="91"/>
      <c r="GJ286" s="91"/>
      <c r="GK286" s="127"/>
      <c r="GL286" s="126"/>
      <c r="GM286" s="91"/>
      <c r="GN286" s="91"/>
      <c r="GO286" s="91"/>
      <c r="GP286" s="91"/>
      <c r="GQ286" s="91"/>
      <c r="GR286" s="91"/>
      <c r="GS286" s="91"/>
      <c r="GT286" s="91"/>
      <c r="GU286" s="91"/>
      <c r="GV286" s="91"/>
      <c r="GW286" s="91"/>
      <c r="GX286" s="91"/>
      <c r="GY286" s="91"/>
      <c r="GZ286" s="91"/>
      <c r="HA286" s="91"/>
      <c r="HB286" s="91"/>
      <c r="HC286" s="91"/>
      <c r="HD286" s="91"/>
      <c r="HE286" s="91"/>
      <c r="HF286" s="91"/>
      <c r="HG286" s="91"/>
      <c r="HH286" s="91"/>
      <c r="HI286" s="91"/>
      <c r="HJ286" s="91"/>
      <c r="HK286" s="127"/>
      <c r="HL286" s="126"/>
      <c r="HM286" s="91"/>
      <c r="HN286" s="91"/>
      <c r="HO286" s="91"/>
      <c r="HP286" s="91"/>
      <c r="HQ286" s="91"/>
      <c r="HR286" s="91"/>
      <c r="HS286" s="91"/>
      <c r="HT286" s="91"/>
      <c r="HU286" s="91"/>
      <c r="HV286" s="91"/>
      <c r="HW286" s="91"/>
      <c r="HX286" s="91"/>
      <c r="HY286" s="91"/>
      <c r="HZ286" s="91"/>
      <c r="IA286" s="91"/>
      <c r="IB286" s="91"/>
      <c r="IC286" s="91"/>
      <c r="ID286" s="91"/>
      <c r="IE286" s="91"/>
      <c r="IF286" s="91"/>
      <c r="IG286" s="91"/>
      <c r="IH286" s="91"/>
      <c r="II286" s="91"/>
      <c r="IJ286" s="91"/>
      <c r="IK286" s="127"/>
    </row>
    <row r="287" spans="2:245" x14ac:dyDescent="0.2">
      <c r="B287" s="43"/>
      <c r="C287" s="73"/>
      <c r="D287" s="64"/>
      <c r="E287" s="64"/>
      <c r="F287" s="55"/>
      <c r="G287" s="102"/>
      <c r="H287" s="55"/>
      <c r="I287" s="55"/>
      <c r="J287" s="55"/>
      <c r="K287" s="55"/>
      <c r="L287" s="55"/>
      <c r="M287" s="55"/>
      <c r="N287" s="55"/>
      <c r="O287" s="55"/>
      <c r="P287" s="55"/>
      <c r="Q287" s="55"/>
      <c r="R287" s="55"/>
      <c r="S287" s="55"/>
      <c r="T287" s="55"/>
      <c r="U287" s="55"/>
      <c r="V287" s="55"/>
      <c r="W287" s="55"/>
      <c r="X287" s="55"/>
      <c r="Y287" s="55"/>
      <c r="Z287" s="55"/>
      <c r="AA287" s="55"/>
      <c r="AB287" s="55"/>
      <c r="AC287" s="55"/>
      <c r="AD287" s="55"/>
      <c r="AE287" s="55"/>
      <c r="AF287" s="55"/>
      <c r="AG287" s="55"/>
      <c r="AY287" s="162"/>
      <c r="AZ287" s="162"/>
      <c r="BA287" s="162"/>
      <c r="BB287" s="162"/>
      <c r="BC287" s="162"/>
      <c r="BD287" s="162"/>
      <c r="BE287" s="162"/>
      <c r="BF287" s="162"/>
      <c r="BG287" s="162"/>
      <c r="BH287" s="162"/>
      <c r="BI287" s="162"/>
      <c r="BJ287" s="162"/>
      <c r="BK287" s="162"/>
      <c r="BL287" s="162"/>
      <c r="BM287" s="162"/>
      <c r="BN287" s="162"/>
      <c r="BO287" s="162"/>
      <c r="BP287" s="162"/>
      <c r="BQ287" s="162"/>
      <c r="BR287" s="162"/>
      <c r="BS287" s="162"/>
      <c r="BT287" s="162"/>
      <c r="BU287" s="162"/>
      <c r="BV287" s="162"/>
      <c r="BW287" s="162"/>
      <c r="BX287" s="162"/>
      <c r="BY287" s="162"/>
      <c r="BZ287" s="162"/>
      <c r="CA287" s="162"/>
      <c r="CB287" s="162"/>
      <c r="CC287" s="162"/>
      <c r="CD287" s="162"/>
      <c r="CE287" s="162"/>
      <c r="CF287" s="162"/>
      <c r="CG287" s="162"/>
      <c r="CH287" s="162"/>
      <c r="CI287" s="162"/>
      <c r="CJ287" s="162"/>
      <c r="CK287" s="162"/>
      <c r="CX287" s="98"/>
      <c r="DL287" s="97"/>
      <c r="DX287" s="98"/>
      <c r="EL287" s="97"/>
      <c r="EX287" s="98"/>
      <c r="EY287" s="97"/>
      <c r="FL287" s="126"/>
      <c r="FM287" s="91"/>
      <c r="FN287" s="91"/>
      <c r="FO287" s="91"/>
      <c r="FP287" s="91"/>
      <c r="FQ287" s="91"/>
      <c r="FR287" s="91"/>
      <c r="FS287" s="91"/>
      <c r="FT287" s="91"/>
      <c r="FU287" s="91"/>
      <c r="FV287" s="91"/>
      <c r="FW287" s="91"/>
      <c r="FX287" s="91"/>
      <c r="FY287" s="91"/>
      <c r="FZ287" s="91"/>
      <c r="GA287" s="91"/>
      <c r="GB287" s="91"/>
      <c r="GC287" s="91"/>
      <c r="GD287" s="91"/>
      <c r="GE287" s="91"/>
      <c r="GF287" s="91"/>
      <c r="GG287" s="91"/>
      <c r="GH287" s="91"/>
      <c r="GI287" s="91"/>
      <c r="GJ287" s="91"/>
      <c r="GK287" s="127"/>
      <c r="GL287" s="126"/>
      <c r="GM287" s="91"/>
      <c r="GN287" s="91"/>
      <c r="GO287" s="91"/>
      <c r="GP287" s="91"/>
      <c r="GQ287" s="91"/>
      <c r="GR287" s="91"/>
      <c r="GS287" s="91"/>
      <c r="GT287" s="91"/>
      <c r="GU287" s="91"/>
      <c r="GV287" s="91"/>
      <c r="GW287" s="91"/>
      <c r="GX287" s="91"/>
      <c r="GY287" s="91"/>
      <c r="GZ287" s="91"/>
      <c r="HA287" s="91"/>
      <c r="HB287" s="91"/>
      <c r="HC287" s="91"/>
      <c r="HD287" s="91"/>
      <c r="HE287" s="91"/>
      <c r="HF287" s="91"/>
      <c r="HG287" s="91"/>
      <c r="HH287" s="91"/>
      <c r="HI287" s="91"/>
      <c r="HJ287" s="91"/>
      <c r="HK287" s="127"/>
      <c r="HL287" s="126"/>
      <c r="HM287" s="91"/>
      <c r="HN287" s="91"/>
      <c r="HO287" s="91"/>
      <c r="HP287" s="91"/>
      <c r="HQ287" s="91"/>
      <c r="HR287" s="91"/>
      <c r="HS287" s="91"/>
      <c r="HT287" s="91"/>
      <c r="HU287" s="91"/>
      <c r="HV287" s="91"/>
      <c r="HW287" s="91"/>
      <c r="HX287" s="91"/>
      <c r="HY287" s="91"/>
      <c r="HZ287" s="91"/>
      <c r="IA287" s="91"/>
      <c r="IB287" s="91"/>
      <c r="IC287" s="91"/>
      <c r="ID287" s="91"/>
      <c r="IE287" s="91"/>
      <c r="IF287" s="91"/>
      <c r="IG287" s="91"/>
      <c r="IH287" s="91"/>
      <c r="II287" s="91"/>
      <c r="IJ287" s="91"/>
      <c r="IK287" s="127"/>
    </row>
    <row r="288" spans="2:245" x14ac:dyDescent="0.2">
      <c r="B288" s="43"/>
      <c r="C288" s="73"/>
      <c r="D288" s="64"/>
      <c r="E288" s="64"/>
      <c r="F288" s="55"/>
      <c r="G288" s="102"/>
      <c r="H288" s="55"/>
      <c r="I288" s="55"/>
      <c r="J288" s="55"/>
      <c r="K288" s="55"/>
      <c r="L288" s="55"/>
      <c r="M288" s="55"/>
      <c r="N288" s="55"/>
      <c r="O288" s="55"/>
      <c r="P288" s="55"/>
      <c r="Q288" s="55"/>
      <c r="R288" s="55"/>
      <c r="S288" s="55"/>
      <c r="T288" s="55"/>
      <c r="U288" s="55"/>
      <c r="V288" s="55"/>
      <c r="W288" s="55"/>
      <c r="X288" s="55"/>
      <c r="Y288" s="55"/>
      <c r="Z288" s="55"/>
      <c r="AA288" s="55"/>
      <c r="AB288" s="55"/>
      <c r="AC288" s="55"/>
      <c r="AD288" s="55"/>
      <c r="AE288" s="55"/>
      <c r="AF288" s="55"/>
      <c r="AG288" s="55"/>
      <c r="AY288" s="162"/>
      <c r="AZ288" s="162"/>
      <c r="BA288" s="162"/>
      <c r="BB288" s="162"/>
      <c r="BC288" s="162"/>
      <c r="BD288" s="162"/>
      <c r="BE288" s="162"/>
      <c r="BF288" s="162"/>
      <c r="BG288" s="162"/>
      <c r="BH288" s="162"/>
      <c r="BI288" s="162"/>
      <c r="BJ288" s="162"/>
      <c r="BK288" s="162"/>
      <c r="BL288" s="162"/>
      <c r="BM288" s="162"/>
      <c r="BN288" s="162"/>
      <c r="BO288" s="162"/>
      <c r="BP288" s="162"/>
      <c r="BQ288" s="162"/>
      <c r="BR288" s="162"/>
      <c r="BS288" s="162"/>
      <c r="BT288" s="162"/>
      <c r="BU288" s="162"/>
      <c r="BV288" s="162"/>
      <c r="BW288" s="162"/>
      <c r="BX288" s="162"/>
      <c r="BY288" s="162"/>
      <c r="BZ288" s="162"/>
      <c r="CA288" s="162"/>
      <c r="CB288" s="162"/>
      <c r="CC288" s="162"/>
      <c r="CD288" s="162"/>
      <c r="CE288" s="162"/>
      <c r="CF288" s="162"/>
      <c r="CG288" s="162"/>
      <c r="CH288" s="162"/>
      <c r="CI288" s="162"/>
      <c r="CJ288" s="162"/>
      <c r="CK288" s="162"/>
      <c r="CX288" s="98"/>
      <c r="DL288" s="97"/>
      <c r="DX288" s="98"/>
      <c r="EL288" s="97"/>
      <c r="EX288" s="98"/>
      <c r="EY288" s="97"/>
      <c r="FL288" s="126"/>
      <c r="FM288" s="91"/>
      <c r="FN288" s="91"/>
      <c r="FO288" s="91"/>
      <c r="FP288" s="91"/>
      <c r="FQ288" s="91"/>
      <c r="FR288" s="91"/>
      <c r="FS288" s="91"/>
      <c r="FT288" s="91"/>
      <c r="FU288" s="91"/>
      <c r="FV288" s="91"/>
      <c r="FW288" s="91"/>
      <c r="FX288" s="91"/>
      <c r="FY288" s="91"/>
      <c r="FZ288" s="91"/>
      <c r="GA288" s="91"/>
      <c r="GB288" s="91"/>
      <c r="GC288" s="91"/>
      <c r="GD288" s="91"/>
      <c r="GE288" s="91"/>
      <c r="GF288" s="91"/>
      <c r="GG288" s="91"/>
      <c r="GH288" s="91"/>
      <c r="GI288" s="91"/>
      <c r="GJ288" s="91"/>
      <c r="GK288" s="127"/>
      <c r="GL288" s="126"/>
      <c r="GM288" s="91"/>
      <c r="GN288" s="91"/>
      <c r="GO288" s="91"/>
      <c r="GP288" s="91"/>
      <c r="GQ288" s="91"/>
      <c r="GR288" s="91"/>
      <c r="GS288" s="91"/>
      <c r="GT288" s="91"/>
      <c r="GU288" s="91"/>
      <c r="GV288" s="91"/>
      <c r="GW288" s="91"/>
      <c r="GX288" s="91"/>
      <c r="GY288" s="91"/>
      <c r="GZ288" s="91"/>
      <c r="HA288" s="91"/>
      <c r="HB288" s="91"/>
      <c r="HC288" s="91"/>
      <c r="HD288" s="91"/>
      <c r="HE288" s="91"/>
      <c r="HF288" s="91"/>
      <c r="HG288" s="91"/>
      <c r="HH288" s="91"/>
      <c r="HI288" s="91"/>
      <c r="HJ288" s="91"/>
      <c r="HK288" s="127"/>
      <c r="HL288" s="126"/>
      <c r="HM288" s="91"/>
      <c r="HN288" s="91"/>
      <c r="HO288" s="91"/>
      <c r="HP288" s="91"/>
      <c r="HQ288" s="91"/>
      <c r="HR288" s="91"/>
      <c r="HS288" s="91"/>
      <c r="HT288" s="91"/>
      <c r="HU288" s="91"/>
      <c r="HV288" s="91"/>
      <c r="HW288" s="91"/>
      <c r="HX288" s="91"/>
      <c r="HY288" s="91"/>
      <c r="HZ288" s="91"/>
      <c r="IA288" s="91"/>
      <c r="IB288" s="91"/>
      <c r="IC288" s="91"/>
      <c r="ID288" s="91"/>
      <c r="IE288" s="91"/>
      <c r="IF288" s="91"/>
      <c r="IG288" s="91"/>
      <c r="IH288" s="91"/>
      <c r="II288" s="91"/>
      <c r="IJ288" s="91"/>
      <c r="IK288" s="127"/>
    </row>
    <row r="289" spans="2:245" x14ac:dyDescent="0.2">
      <c r="B289" s="43"/>
      <c r="C289" s="73"/>
      <c r="D289" s="64"/>
      <c r="E289" s="64"/>
      <c r="F289" s="55"/>
      <c r="G289" s="102"/>
      <c r="H289" s="55"/>
      <c r="I289" s="55"/>
      <c r="J289" s="55"/>
      <c r="K289" s="55"/>
      <c r="L289" s="55"/>
      <c r="M289" s="55"/>
      <c r="N289" s="55"/>
      <c r="O289" s="55"/>
      <c r="P289" s="55"/>
      <c r="Q289" s="55"/>
      <c r="R289" s="55"/>
      <c r="S289" s="55"/>
      <c r="T289" s="55"/>
      <c r="U289" s="55"/>
      <c r="V289" s="55"/>
      <c r="W289" s="55"/>
      <c r="X289" s="55"/>
      <c r="Y289" s="55"/>
      <c r="Z289" s="55"/>
      <c r="AA289" s="55"/>
      <c r="AB289" s="55"/>
      <c r="AC289" s="55"/>
      <c r="AD289" s="55"/>
      <c r="AE289" s="55"/>
      <c r="AF289" s="55"/>
      <c r="AG289" s="55"/>
      <c r="AY289" s="162"/>
      <c r="AZ289" s="162"/>
      <c r="BA289" s="162"/>
      <c r="BB289" s="162"/>
      <c r="BC289" s="162"/>
      <c r="BD289" s="162"/>
      <c r="BE289" s="162"/>
      <c r="BF289" s="162"/>
      <c r="BG289" s="162"/>
      <c r="BH289" s="162"/>
      <c r="BI289" s="162"/>
      <c r="BJ289" s="162"/>
      <c r="BK289" s="162"/>
      <c r="BL289" s="162"/>
      <c r="BM289" s="162"/>
      <c r="BN289" s="162"/>
      <c r="BO289" s="162"/>
      <c r="BP289" s="162"/>
      <c r="BQ289" s="162"/>
      <c r="BR289" s="162"/>
      <c r="BS289" s="162"/>
      <c r="BT289" s="162"/>
      <c r="BU289" s="162"/>
      <c r="BV289" s="162"/>
      <c r="BW289" s="162"/>
      <c r="BX289" s="162"/>
      <c r="BY289" s="162"/>
      <c r="BZ289" s="162"/>
      <c r="CA289" s="162"/>
      <c r="CB289" s="162"/>
      <c r="CC289" s="162"/>
      <c r="CD289" s="162"/>
      <c r="CE289" s="162"/>
      <c r="CF289" s="162"/>
      <c r="CG289" s="162"/>
      <c r="CH289" s="162"/>
      <c r="CI289" s="162"/>
      <c r="CJ289" s="162"/>
      <c r="CK289" s="162"/>
      <c r="CX289" s="98"/>
      <c r="DL289" s="97"/>
      <c r="DX289" s="98"/>
      <c r="EL289" s="97"/>
      <c r="EX289" s="98"/>
      <c r="EY289" s="97"/>
      <c r="FL289" s="126"/>
      <c r="FM289" s="91"/>
      <c r="FN289" s="91"/>
      <c r="FO289" s="91"/>
      <c r="FP289" s="91"/>
      <c r="FQ289" s="91"/>
      <c r="FR289" s="91"/>
      <c r="FS289" s="91"/>
      <c r="FT289" s="91"/>
      <c r="FU289" s="91"/>
      <c r="FV289" s="91"/>
      <c r="FW289" s="91"/>
      <c r="FX289" s="91"/>
      <c r="FY289" s="91"/>
      <c r="FZ289" s="91"/>
      <c r="GA289" s="91"/>
      <c r="GB289" s="91"/>
      <c r="GC289" s="91"/>
      <c r="GD289" s="91"/>
      <c r="GE289" s="91"/>
      <c r="GF289" s="91"/>
      <c r="GG289" s="91"/>
      <c r="GH289" s="91"/>
      <c r="GI289" s="91"/>
      <c r="GJ289" s="91"/>
      <c r="GK289" s="127"/>
      <c r="GL289" s="126"/>
      <c r="GM289" s="91"/>
      <c r="GN289" s="91"/>
      <c r="GO289" s="91"/>
      <c r="GP289" s="91"/>
      <c r="GQ289" s="91"/>
      <c r="GR289" s="91"/>
      <c r="GS289" s="91"/>
      <c r="GT289" s="91"/>
      <c r="GU289" s="91"/>
      <c r="GV289" s="91"/>
      <c r="GW289" s="91"/>
      <c r="GX289" s="91"/>
      <c r="GY289" s="91"/>
      <c r="GZ289" s="91"/>
      <c r="HA289" s="91"/>
      <c r="HB289" s="91"/>
      <c r="HC289" s="91"/>
      <c r="HD289" s="91"/>
      <c r="HE289" s="91"/>
      <c r="HF289" s="91"/>
      <c r="HG289" s="91"/>
      <c r="HH289" s="91"/>
      <c r="HI289" s="91"/>
      <c r="HJ289" s="91"/>
      <c r="HK289" s="127"/>
      <c r="HL289" s="126"/>
      <c r="HM289" s="91"/>
      <c r="HN289" s="91"/>
      <c r="HO289" s="91"/>
      <c r="HP289" s="91"/>
      <c r="HQ289" s="91"/>
      <c r="HR289" s="91"/>
      <c r="HS289" s="91"/>
      <c r="HT289" s="91"/>
      <c r="HU289" s="91"/>
      <c r="HV289" s="91"/>
      <c r="HW289" s="91"/>
      <c r="HX289" s="91"/>
      <c r="HY289" s="91"/>
      <c r="HZ289" s="91"/>
      <c r="IA289" s="91"/>
      <c r="IB289" s="91"/>
      <c r="IC289" s="91"/>
      <c r="ID289" s="91"/>
      <c r="IE289" s="91"/>
      <c r="IF289" s="91"/>
      <c r="IG289" s="91"/>
      <c r="IH289" s="91"/>
      <c r="II289" s="91"/>
      <c r="IJ289" s="91"/>
      <c r="IK289" s="127"/>
    </row>
    <row r="290" spans="2:245" x14ac:dyDescent="0.2">
      <c r="B290" s="43"/>
      <c r="C290" s="73"/>
      <c r="D290" s="64"/>
      <c r="E290" s="64"/>
      <c r="F290" s="55"/>
      <c r="G290" s="102"/>
      <c r="H290" s="55"/>
      <c r="I290" s="55"/>
      <c r="J290" s="55"/>
      <c r="K290" s="55"/>
      <c r="L290" s="55"/>
      <c r="M290" s="55"/>
      <c r="N290" s="55"/>
      <c r="O290" s="55"/>
      <c r="P290" s="55"/>
      <c r="Q290" s="55"/>
      <c r="R290" s="55"/>
      <c r="S290" s="55"/>
      <c r="T290" s="55"/>
      <c r="U290" s="55"/>
      <c r="V290" s="55"/>
      <c r="W290" s="55"/>
      <c r="X290" s="55"/>
      <c r="Y290" s="55"/>
      <c r="Z290" s="55"/>
      <c r="AA290" s="55"/>
      <c r="AB290" s="55"/>
      <c r="AC290" s="55"/>
      <c r="AD290" s="55"/>
      <c r="AE290" s="55"/>
      <c r="AF290" s="55"/>
      <c r="AG290" s="55"/>
      <c r="AY290" s="162"/>
      <c r="AZ290" s="162"/>
      <c r="BA290" s="162"/>
      <c r="BB290" s="162"/>
      <c r="BC290" s="162"/>
      <c r="BD290" s="162"/>
      <c r="BE290" s="162"/>
      <c r="BF290" s="162"/>
      <c r="BG290" s="162"/>
      <c r="BH290" s="162"/>
      <c r="BI290" s="162"/>
      <c r="BJ290" s="162"/>
      <c r="BK290" s="162"/>
      <c r="BL290" s="162"/>
      <c r="BM290" s="162"/>
      <c r="BN290" s="162"/>
      <c r="BO290" s="162"/>
      <c r="BP290" s="162"/>
      <c r="BQ290" s="162"/>
      <c r="BR290" s="162"/>
      <c r="BS290" s="162"/>
      <c r="BT290" s="162"/>
      <c r="BU290" s="162"/>
      <c r="BV290" s="162"/>
      <c r="BW290" s="162"/>
      <c r="BX290" s="162"/>
      <c r="BY290" s="162"/>
      <c r="BZ290" s="162"/>
      <c r="CA290" s="162"/>
      <c r="CB290" s="162"/>
      <c r="CC290" s="162"/>
      <c r="CD290" s="162"/>
      <c r="CE290" s="162"/>
      <c r="CF290" s="162"/>
      <c r="CG290" s="162"/>
      <c r="CH290" s="162"/>
      <c r="CI290" s="162"/>
      <c r="CJ290" s="162"/>
      <c r="CK290" s="162"/>
      <c r="CX290" s="98"/>
      <c r="DL290" s="97"/>
      <c r="DX290" s="98"/>
      <c r="EL290" s="97"/>
      <c r="EX290" s="98"/>
      <c r="EY290" s="97"/>
      <c r="FL290" s="126"/>
      <c r="FM290" s="91"/>
      <c r="FN290" s="91"/>
      <c r="FO290" s="91"/>
      <c r="FP290" s="91"/>
      <c r="FQ290" s="91"/>
      <c r="FR290" s="91"/>
      <c r="FS290" s="91"/>
      <c r="FT290" s="91"/>
      <c r="FU290" s="91"/>
      <c r="FV290" s="91"/>
      <c r="FW290" s="91"/>
      <c r="FX290" s="91"/>
      <c r="FY290" s="91"/>
      <c r="FZ290" s="91"/>
      <c r="GA290" s="91"/>
      <c r="GB290" s="91"/>
      <c r="GC290" s="91"/>
      <c r="GD290" s="91"/>
      <c r="GE290" s="91"/>
      <c r="GF290" s="91"/>
      <c r="GG290" s="91"/>
      <c r="GH290" s="91"/>
      <c r="GI290" s="91"/>
      <c r="GJ290" s="91"/>
      <c r="GK290" s="127"/>
      <c r="GL290" s="126"/>
      <c r="GM290" s="91"/>
      <c r="GN290" s="91"/>
      <c r="GO290" s="91"/>
      <c r="GP290" s="91"/>
      <c r="GQ290" s="91"/>
      <c r="GR290" s="91"/>
      <c r="GS290" s="91"/>
      <c r="GT290" s="91"/>
      <c r="GU290" s="91"/>
      <c r="GV290" s="91"/>
      <c r="GW290" s="91"/>
      <c r="GX290" s="91"/>
      <c r="GY290" s="91"/>
      <c r="GZ290" s="91"/>
      <c r="HA290" s="91"/>
      <c r="HB290" s="91"/>
      <c r="HC290" s="91"/>
      <c r="HD290" s="91"/>
      <c r="HE290" s="91"/>
      <c r="HF290" s="91"/>
      <c r="HG290" s="91"/>
      <c r="HH290" s="91"/>
      <c r="HI290" s="91"/>
      <c r="HJ290" s="91"/>
      <c r="HK290" s="127"/>
      <c r="HL290" s="126"/>
      <c r="HM290" s="91"/>
      <c r="HN290" s="91"/>
      <c r="HO290" s="91"/>
      <c r="HP290" s="91"/>
      <c r="HQ290" s="91"/>
      <c r="HR290" s="91"/>
      <c r="HS290" s="91"/>
      <c r="HT290" s="91"/>
      <c r="HU290" s="91"/>
      <c r="HV290" s="91"/>
      <c r="HW290" s="91"/>
      <c r="HX290" s="91"/>
      <c r="HY290" s="91"/>
      <c r="HZ290" s="91"/>
      <c r="IA290" s="91"/>
      <c r="IB290" s="91"/>
      <c r="IC290" s="91"/>
      <c r="ID290" s="91"/>
      <c r="IE290" s="91"/>
      <c r="IF290" s="91"/>
      <c r="IG290" s="91"/>
      <c r="IH290" s="91"/>
      <c r="II290" s="91"/>
      <c r="IJ290" s="91"/>
      <c r="IK290" s="127"/>
    </row>
    <row r="291" spans="2:245" x14ac:dyDescent="0.2">
      <c r="B291" s="43"/>
      <c r="C291" s="73"/>
      <c r="D291" s="64"/>
      <c r="E291" s="64"/>
      <c r="F291" s="55"/>
      <c r="G291" s="102"/>
      <c r="H291" s="55"/>
      <c r="I291" s="55"/>
      <c r="J291" s="55"/>
      <c r="K291" s="55"/>
      <c r="L291" s="55"/>
      <c r="M291" s="55"/>
      <c r="N291" s="55"/>
      <c r="O291" s="55"/>
      <c r="P291" s="55"/>
      <c r="Q291" s="55"/>
      <c r="R291" s="55"/>
      <c r="S291" s="55"/>
      <c r="T291" s="55"/>
      <c r="U291" s="55"/>
      <c r="V291" s="55"/>
      <c r="W291" s="55"/>
      <c r="X291" s="55"/>
      <c r="Y291" s="55"/>
      <c r="Z291" s="55"/>
      <c r="AA291" s="55"/>
      <c r="AB291" s="55"/>
      <c r="AC291" s="55"/>
      <c r="AD291" s="55"/>
      <c r="AE291" s="55"/>
      <c r="AF291" s="55"/>
      <c r="AG291" s="55"/>
      <c r="AY291" s="162"/>
      <c r="AZ291" s="162"/>
      <c r="BA291" s="162"/>
      <c r="BB291" s="162"/>
      <c r="BC291" s="162"/>
      <c r="BD291" s="162"/>
      <c r="BE291" s="162"/>
      <c r="BF291" s="162"/>
      <c r="BG291" s="162"/>
      <c r="BH291" s="162"/>
      <c r="BI291" s="162"/>
      <c r="BJ291" s="162"/>
      <c r="BK291" s="162"/>
      <c r="BL291" s="162"/>
      <c r="BM291" s="162"/>
      <c r="BN291" s="162"/>
      <c r="BO291" s="162"/>
      <c r="BP291" s="162"/>
      <c r="BQ291" s="162"/>
      <c r="BR291" s="162"/>
      <c r="BS291" s="162"/>
      <c r="BT291" s="162"/>
      <c r="BU291" s="162"/>
      <c r="BV291" s="162"/>
      <c r="BW291" s="162"/>
      <c r="BX291" s="162"/>
      <c r="BY291" s="162"/>
      <c r="BZ291" s="162"/>
      <c r="CA291" s="162"/>
      <c r="CB291" s="162"/>
      <c r="CC291" s="162"/>
      <c r="CD291" s="162"/>
      <c r="CE291" s="162"/>
      <c r="CF291" s="162"/>
      <c r="CG291" s="162"/>
      <c r="CH291" s="162"/>
      <c r="CI291" s="162"/>
      <c r="CJ291" s="162"/>
      <c r="CK291" s="162"/>
      <c r="CX291" s="98"/>
      <c r="DL291" s="97"/>
      <c r="DX291" s="98"/>
      <c r="EL291" s="97"/>
      <c r="EX291" s="98"/>
      <c r="EY291" s="97"/>
      <c r="FL291" s="126"/>
      <c r="FM291" s="91"/>
      <c r="FN291" s="91"/>
      <c r="FO291" s="91"/>
      <c r="FP291" s="91"/>
      <c r="FQ291" s="91"/>
      <c r="FR291" s="91"/>
      <c r="FS291" s="91"/>
      <c r="FT291" s="91"/>
      <c r="FU291" s="91"/>
      <c r="FV291" s="91"/>
      <c r="FW291" s="91"/>
      <c r="FX291" s="91"/>
      <c r="FY291" s="91"/>
      <c r="FZ291" s="91"/>
      <c r="GA291" s="91"/>
      <c r="GB291" s="91"/>
      <c r="GC291" s="91"/>
      <c r="GD291" s="91"/>
      <c r="GE291" s="91"/>
      <c r="GF291" s="91"/>
      <c r="GG291" s="91"/>
      <c r="GH291" s="91"/>
      <c r="GI291" s="91"/>
      <c r="GJ291" s="91"/>
      <c r="GK291" s="127"/>
      <c r="GL291" s="126"/>
      <c r="GM291" s="91"/>
      <c r="GN291" s="91"/>
      <c r="GO291" s="91"/>
      <c r="GP291" s="91"/>
      <c r="GQ291" s="91"/>
      <c r="GR291" s="91"/>
      <c r="GS291" s="91"/>
      <c r="GT291" s="91"/>
      <c r="GU291" s="91"/>
      <c r="GV291" s="91"/>
      <c r="GW291" s="91"/>
      <c r="GX291" s="91"/>
      <c r="GY291" s="91"/>
      <c r="GZ291" s="91"/>
      <c r="HA291" s="91"/>
      <c r="HB291" s="91"/>
      <c r="HC291" s="91"/>
      <c r="HD291" s="91"/>
      <c r="HE291" s="91"/>
      <c r="HF291" s="91"/>
      <c r="HG291" s="91"/>
      <c r="HH291" s="91"/>
      <c r="HI291" s="91"/>
      <c r="HJ291" s="91"/>
      <c r="HK291" s="127"/>
      <c r="HL291" s="126"/>
      <c r="HM291" s="91"/>
      <c r="HN291" s="91"/>
      <c r="HO291" s="91"/>
      <c r="HP291" s="91"/>
      <c r="HQ291" s="91"/>
      <c r="HR291" s="91"/>
      <c r="HS291" s="91"/>
      <c r="HT291" s="91"/>
      <c r="HU291" s="91"/>
      <c r="HV291" s="91"/>
      <c r="HW291" s="91"/>
      <c r="HX291" s="91"/>
      <c r="HY291" s="91"/>
      <c r="HZ291" s="91"/>
      <c r="IA291" s="91"/>
      <c r="IB291" s="91"/>
      <c r="IC291" s="91"/>
      <c r="ID291" s="91"/>
      <c r="IE291" s="91"/>
      <c r="IF291" s="91"/>
      <c r="IG291" s="91"/>
      <c r="IH291" s="91"/>
      <c r="II291" s="91"/>
      <c r="IJ291" s="91"/>
      <c r="IK291" s="127"/>
    </row>
    <row r="292" spans="2:245" x14ac:dyDescent="0.2">
      <c r="B292" s="43"/>
      <c r="C292" s="73"/>
      <c r="D292" s="64"/>
      <c r="E292" s="64"/>
      <c r="F292" s="55"/>
      <c r="G292" s="102"/>
      <c r="H292" s="55"/>
      <c r="I292" s="55"/>
      <c r="J292" s="55"/>
      <c r="K292" s="55"/>
      <c r="L292" s="55"/>
      <c r="M292" s="55"/>
      <c r="N292" s="55"/>
      <c r="O292" s="55"/>
      <c r="P292" s="55"/>
      <c r="Q292" s="55"/>
      <c r="R292" s="55"/>
      <c r="S292" s="55"/>
      <c r="T292" s="55"/>
      <c r="U292" s="55"/>
      <c r="V292" s="55"/>
      <c r="W292" s="55"/>
      <c r="X292" s="55"/>
      <c r="Y292" s="55"/>
      <c r="Z292" s="55"/>
      <c r="AA292" s="55"/>
      <c r="AB292" s="55"/>
      <c r="AC292" s="55"/>
      <c r="AD292" s="55"/>
      <c r="AE292" s="55"/>
      <c r="AF292" s="55"/>
      <c r="AG292" s="55"/>
      <c r="AY292" s="162"/>
      <c r="AZ292" s="162"/>
      <c r="BA292" s="162"/>
      <c r="BB292" s="162"/>
      <c r="BC292" s="162"/>
      <c r="BD292" s="162"/>
      <c r="BE292" s="162"/>
      <c r="BF292" s="162"/>
      <c r="BG292" s="162"/>
      <c r="BH292" s="162"/>
      <c r="BI292" s="162"/>
      <c r="BJ292" s="162"/>
      <c r="BK292" s="162"/>
      <c r="BL292" s="162"/>
      <c r="BM292" s="162"/>
      <c r="BN292" s="162"/>
      <c r="BO292" s="162"/>
      <c r="BP292" s="162"/>
      <c r="BQ292" s="162"/>
      <c r="BR292" s="162"/>
      <c r="BS292" s="162"/>
      <c r="BT292" s="162"/>
      <c r="BU292" s="162"/>
      <c r="BV292" s="162"/>
      <c r="BW292" s="162"/>
      <c r="BX292" s="162"/>
      <c r="BY292" s="162"/>
      <c r="BZ292" s="162"/>
      <c r="CA292" s="162"/>
      <c r="CB292" s="162"/>
      <c r="CC292" s="162"/>
      <c r="CD292" s="162"/>
      <c r="CE292" s="162"/>
      <c r="CF292" s="162"/>
      <c r="CG292" s="162"/>
      <c r="CH292" s="162"/>
      <c r="CI292" s="162"/>
      <c r="CJ292" s="162"/>
      <c r="CK292" s="162"/>
      <c r="CX292" s="98"/>
      <c r="DL292" s="97"/>
      <c r="DX292" s="98"/>
      <c r="EL292" s="97"/>
      <c r="EX292" s="98"/>
      <c r="EY292" s="97"/>
      <c r="FL292" s="126"/>
      <c r="FM292" s="91"/>
      <c r="FN292" s="91"/>
      <c r="FO292" s="91"/>
      <c r="FP292" s="91"/>
      <c r="FQ292" s="91"/>
      <c r="FR292" s="91"/>
      <c r="FS292" s="91"/>
      <c r="FT292" s="91"/>
      <c r="FU292" s="91"/>
      <c r="FV292" s="91"/>
      <c r="FW292" s="91"/>
      <c r="FX292" s="91"/>
      <c r="FY292" s="91"/>
      <c r="FZ292" s="91"/>
      <c r="GA292" s="91"/>
      <c r="GB292" s="91"/>
      <c r="GC292" s="91"/>
      <c r="GD292" s="91"/>
      <c r="GE292" s="91"/>
      <c r="GF292" s="91"/>
      <c r="GG292" s="91"/>
      <c r="GH292" s="91"/>
      <c r="GI292" s="91"/>
      <c r="GJ292" s="91"/>
      <c r="GK292" s="127"/>
      <c r="GL292" s="126"/>
      <c r="GM292" s="91"/>
      <c r="GN292" s="91"/>
      <c r="GO292" s="91"/>
      <c r="GP292" s="91"/>
      <c r="GQ292" s="91"/>
      <c r="GR292" s="91"/>
      <c r="GS292" s="91"/>
      <c r="GT292" s="91"/>
      <c r="GU292" s="91"/>
      <c r="GV292" s="91"/>
      <c r="GW292" s="91"/>
      <c r="GX292" s="91"/>
      <c r="GY292" s="91"/>
      <c r="GZ292" s="91"/>
      <c r="HA292" s="91"/>
      <c r="HB292" s="91"/>
      <c r="HC292" s="91"/>
      <c r="HD292" s="91"/>
      <c r="HE292" s="91"/>
      <c r="HF292" s="91"/>
      <c r="HG292" s="91"/>
      <c r="HH292" s="91"/>
      <c r="HI292" s="91"/>
      <c r="HJ292" s="91"/>
      <c r="HK292" s="127"/>
      <c r="HL292" s="126"/>
      <c r="HM292" s="91"/>
      <c r="HN292" s="91"/>
      <c r="HO292" s="91"/>
      <c r="HP292" s="91"/>
      <c r="HQ292" s="91"/>
      <c r="HR292" s="91"/>
      <c r="HS292" s="91"/>
      <c r="HT292" s="91"/>
      <c r="HU292" s="91"/>
      <c r="HV292" s="91"/>
      <c r="HW292" s="91"/>
      <c r="HX292" s="91"/>
      <c r="HY292" s="91"/>
      <c r="HZ292" s="91"/>
      <c r="IA292" s="91"/>
      <c r="IB292" s="91"/>
      <c r="IC292" s="91"/>
      <c r="ID292" s="91"/>
      <c r="IE292" s="91"/>
      <c r="IF292" s="91"/>
      <c r="IG292" s="91"/>
      <c r="IH292" s="91"/>
      <c r="II292" s="91"/>
      <c r="IJ292" s="91"/>
      <c r="IK292" s="127"/>
    </row>
    <row r="293" spans="2:245" x14ac:dyDescent="0.2">
      <c r="B293" s="43"/>
      <c r="C293" s="73"/>
      <c r="D293" s="64"/>
      <c r="E293" s="64"/>
      <c r="F293" s="55"/>
      <c r="G293" s="102"/>
      <c r="H293" s="55"/>
      <c r="I293" s="55"/>
      <c r="J293" s="55"/>
      <c r="K293" s="55"/>
      <c r="L293" s="55"/>
      <c r="M293" s="55"/>
      <c r="N293" s="55"/>
      <c r="O293" s="55"/>
      <c r="P293" s="55"/>
      <c r="Q293" s="55"/>
      <c r="R293" s="55"/>
      <c r="S293" s="55"/>
      <c r="T293" s="55"/>
      <c r="U293" s="55"/>
      <c r="V293" s="55"/>
      <c r="W293" s="55"/>
      <c r="X293" s="55"/>
      <c r="Y293" s="55"/>
      <c r="Z293" s="55"/>
      <c r="AA293" s="55"/>
      <c r="AB293" s="55"/>
      <c r="AC293" s="55"/>
      <c r="AD293" s="55"/>
      <c r="AE293" s="55"/>
      <c r="AF293" s="55"/>
      <c r="AG293" s="55"/>
      <c r="AY293" s="162"/>
      <c r="AZ293" s="162"/>
      <c r="BA293" s="162"/>
      <c r="BB293" s="162"/>
      <c r="BC293" s="162"/>
      <c r="BD293" s="162"/>
      <c r="BE293" s="162"/>
      <c r="BF293" s="162"/>
      <c r="BG293" s="162"/>
      <c r="BH293" s="162"/>
      <c r="BI293" s="162"/>
      <c r="BJ293" s="162"/>
      <c r="BK293" s="162"/>
      <c r="BL293" s="162"/>
      <c r="BM293" s="162"/>
      <c r="BN293" s="162"/>
      <c r="BO293" s="162"/>
      <c r="BP293" s="162"/>
      <c r="BQ293" s="162"/>
      <c r="BR293" s="162"/>
      <c r="BS293" s="162"/>
      <c r="BT293" s="162"/>
      <c r="BU293" s="162"/>
      <c r="BV293" s="162"/>
      <c r="BW293" s="162"/>
      <c r="BX293" s="162"/>
      <c r="BY293" s="162"/>
      <c r="BZ293" s="162"/>
      <c r="CA293" s="162"/>
      <c r="CB293" s="162"/>
      <c r="CC293" s="162"/>
      <c r="CD293" s="162"/>
      <c r="CE293" s="162"/>
      <c r="CF293" s="162"/>
      <c r="CG293" s="162"/>
      <c r="CH293" s="162"/>
      <c r="CI293" s="162"/>
      <c r="CJ293" s="162"/>
      <c r="CK293" s="162"/>
      <c r="CX293" s="98"/>
      <c r="DL293" s="97"/>
      <c r="DX293" s="98"/>
      <c r="EL293" s="97"/>
      <c r="EX293" s="98"/>
      <c r="EY293" s="97"/>
      <c r="FL293" s="126"/>
      <c r="FM293" s="91"/>
      <c r="FN293" s="91"/>
      <c r="FO293" s="91"/>
      <c r="FP293" s="91"/>
      <c r="FQ293" s="91"/>
      <c r="FR293" s="91"/>
      <c r="FS293" s="91"/>
      <c r="FT293" s="91"/>
      <c r="FU293" s="91"/>
      <c r="FV293" s="91"/>
      <c r="FW293" s="91"/>
      <c r="FX293" s="91"/>
      <c r="FY293" s="91"/>
      <c r="FZ293" s="91"/>
      <c r="GA293" s="91"/>
      <c r="GB293" s="91"/>
      <c r="GC293" s="91"/>
      <c r="GD293" s="91"/>
      <c r="GE293" s="91"/>
      <c r="GF293" s="91"/>
      <c r="GG293" s="91"/>
      <c r="GH293" s="91"/>
      <c r="GI293" s="91"/>
      <c r="GJ293" s="91"/>
      <c r="GK293" s="127"/>
      <c r="GL293" s="126"/>
      <c r="GM293" s="91"/>
      <c r="GN293" s="91"/>
      <c r="GO293" s="91"/>
      <c r="GP293" s="91"/>
      <c r="GQ293" s="91"/>
      <c r="GR293" s="91"/>
      <c r="GS293" s="91"/>
      <c r="GT293" s="91"/>
      <c r="GU293" s="91"/>
      <c r="GV293" s="91"/>
      <c r="GW293" s="91"/>
      <c r="GX293" s="91"/>
      <c r="GY293" s="91"/>
      <c r="GZ293" s="91"/>
      <c r="HA293" s="91"/>
      <c r="HB293" s="91"/>
      <c r="HC293" s="91"/>
      <c r="HD293" s="91"/>
      <c r="HE293" s="91"/>
      <c r="HF293" s="91"/>
      <c r="HG293" s="91"/>
      <c r="HH293" s="91"/>
      <c r="HI293" s="91"/>
      <c r="HJ293" s="91"/>
      <c r="HK293" s="127"/>
      <c r="HL293" s="126"/>
      <c r="HM293" s="91"/>
      <c r="HN293" s="91"/>
      <c r="HO293" s="91"/>
      <c r="HP293" s="91"/>
      <c r="HQ293" s="91"/>
      <c r="HR293" s="91"/>
      <c r="HS293" s="91"/>
      <c r="HT293" s="91"/>
      <c r="HU293" s="91"/>
      <c r="HV293" s="91"/>
      <c r="HW293" s="91"/>
      <c r="HX293" s="91"/>
      <c r="HY293" s="91"/>
      <c r="HZ293" s="91"/>
      <c r="IA293" s="91"/>
      <c r="IB293" s="91"/>
      <c r="IC293" s="91"/>
      <c r="ID293" s="91"/>
      <c r="IE293" s="91"/>
      <c r="IF293" s="91"/>
      <c r="IG293" s="91"/>
      <c r="IH293" s="91"/>
      <c r="II293" s="91"/>
      <c r="IJ293" s="91"/>
      <c r="IK293" s="127"/>
    </row>
    <row r="294" spans="2:245" x14ac:dyDescent="0.2">
      <c r="B294" s="43"/>
      <c r="C294" s="73"/>
      <c r="D294" s="64"/>
      <c r="E294" s="64"/>
      <c r="F294" s="55"/>
      <c r="G294" s="102"/>
      <c r="H294" s="55"/>
      <c r="I294" s="55"/>
      <c r="J294" s="55"/>
      <c r="K294" s="55"/>
      <c r="L294" s="55"/>
      <c r="M294" s="55"/>
      <c r="N294" s="55"/>
      <c r="O294" s="55"/>
      <c r="P294" s="55"/>
      <c r="Q294" s="55"/>
      <c r="R294" s="55"/>
      <c r="S294" s="55"/>
      <c r="T294" s="55"/>
      <c r="U294" s="55"/>
      <c r="V294" s="55"/>
      <c r="W294" s="55"/>
      <c r="X294" s="55"/>
      <c r="Y294" s="55"/>
      <c r="Z294" s="55"/>
      <c r="AA294" s="55"/>
      <c r="AB294" s="55"/>
      <c r="AC294" s="55"/>
      <c r="AD294" s="55"/>
      <c r="AE294" s="55"/>
      <c r="AF294" s="55"/>
      <c r="AG294" s="55"/>
      <c r="AY294" s="162"/>
      <c r="AZ294" s="162"/>
      <c r="BA294" s="162"/>
      <c r="BB294" s="162"/>
      <c r="BC294" s="162"/>
      <c r="BD294" s="162"/>
      <c r="BE294" s="162"/>
      <c r="BF294" s="162"/>
      <c r="BG294" s="162"/>
      <c r="BH294" s="162"/>
      <c r="BI294" s="162"/>
      <c r="BJ294" s="162"/>
      <c r="BK294" s="162"/>
      <c r="BL294" s="162"/>
      <c r="BM294" s="162"/>
      <c r="BN294" s="162"/>
      <c r="BO294" s="162"/>
      <c r="BP294" s="162"/>
      <c r="BQ294" s="162"/>
      <c r="BR294" s="162"/>
      <c r="BS294" s="162"/>
      <c r="BT294" s="162"/>
      <c r="BU294" s="162"/>
      <c r="BV294" s="162"/>
      <c r="BW294" s="162"/>
      <c r="BX294" s="162"/>
      <c r="BY294" s="162"/>
      <c r="BZ294" s="162"/>
      <c r="CA294" s="162"/>
      <c r="CB294" s="162"/>
      <c r="CC294" s="162"/>
      <c r="CD294" s="162"/>
      <c r="CE294" s="162"/>
      <c r="CF294" s="162"/>
      <c r="CG294" s="162"/>
      <c r="CH294" s="162"/>
      <c r="CI294" s="162"/>
      <c r="CJ294" s="162"/>
      <c r="CK294" s="162"/>
      <c r="CX294" s="98"/>
      <c r="DL294" s="97"/>
      <c r="DX294" s="98"/>
      <c r="EL294" s="97"/>
      <c r="EX294" s="98"/>
      <c r="EY294" s="97"/>
      <c r="FL294" s="126"/>
      <c r="FM294" s="91"/>
      <c r="FN294" s="91"/>
      <c r="FO294" s="91"/>
      <c r="FP294" s="91"/>
      <c r="FQ294" s="91"/>
      <c r="FR294" s="91"/>
      <c r="FS294" s="91"/>
      <c r="FT294" s="91"/>
      <c r="FU294" s="91"/>
      <c r="FV294" s="91"/>
      <c r="FW294" s="91"/>
      <c r="FX294" s="91"/>
      <c r="FY294" s="91"/>
      <c r="FZ294" s="91"/>
      <c r="GA294" s="91"/>
      <c r="GB294" s="91"/>
      <c r="GC294" s="91"/>
      <c r="GD294" s="91"/>
      <c r="GE294" s="91"/>
      <c r="GF294" s="91"/>
      <c r="GG294" s="91"/>
      <c r="GH294" s="91"/>
      <c r="GI294" s="91"/>
      <c r="GJ294" s="91"/>
      <c r="GK294" s="127"/>
      <c r="GL294" s="126"/>
      <c r="GM294" s="91"/>
      <c r="GN294" s="91"/>
      <c r="GO294" s="91"/>
      <c r="GP294" s="91"/>
      <c r="GQ294" s="91"/>
      <c r="GR294" s="91"/>
      <c r="GS294" s="91"/>
      <c r="GT294" s="91"/>
      <c r="GU294" s="91"/>
      <c r="GV294" s="91"/>
      <c r="GW294" s="91"/>
      <c r="GX294" s="91"/>
      <c r="GY294" s="91"/>
      <c r="GZ294" s="91"/>
      <c r="HA294" s="91"/>
      <c r="HB294" s="91"/>
      <c r="HC294" s="91"/>
      <c r="HD294" s="91"/>
      <c r="HE294" s="91"/>
      <c r="HF294" s="91"/>
      <c r="HG294" s="91"/>
      <c r="HH294" s="91"/>
      <c r="HI294" s="91"/>
      <c r="HJ294" s="91"/>
      <c r="HK294" s="127"/>
      <c r="HL294" s="126"/>
      <c r="HM294" s="91"/>
      <c r="HN294" s="91"/>
      <c r="HO294" s="91"/>
      <c r="HP294" s="91"/>
      <c r="HQ294" s="91"/>
      <c r="HR294" s="91"/>
      <c r="HS294" s="91"/>
      <c r="HT294" s="91"/>
      <c r="HU294" s="91"/>
      <c r="HV294" s="91"/>
      <c r="HW294" s="91"/>
      <c r="HX294" s="91"/>
      <c r="HY294" s="91"/>
      <c r="HZ294" s="91"/>
      <c r="IA294" s="91"/>
      <c r="IB294" s="91"/>
      <c r="IC294" s="91"/>
      <c r="ID294" s="91"/>
      <c r="IE294" s="91"/>
      <c r="IF294" s="91"/>
      <c r="IG294" s="91"/>
      <c r="IH294" s="91"/>
      <c r="II294" s="91"/>
      <c r="IJ294" s="91"/>
      <c r="IK294" s="127"/>
    </row>
    <row r="295" spans="2:245" x14ac:dyDescent="0.2">
      <c r="B295" s="43"/>
      <c r="C295" s="73"/>
      <c r="D295" s="64"/>
      <c r="E295" s="64"/>
      <c r="F295" s="55"/>
      <c r="G295" s="102"/>
      <c r="H295" s="55"/>
      <c r="I295" s="55"/>
      <c r="J295" s="55"/>
      <c r="K295" s="55"/>
      <c r="L295" s="55"/>
      <c r="M295" s="55"/>
      <c r="N295" s="55"/>
      <c r="O295" s="55"/>
      <c r="P295" s="55"/>
      <c r="Q295" s="55"/>
      <c r="R295" s="55"/>
      <c r="S295" s="55"/>
      <c r="T295" s="55"/>
      <c r="U295" s="55"/>
      <c r="V295" s="55"/>
      <c r="W295" s="55"/>
      <c r="X295" s="55"/>
      <c r="Y295" s="55"/>
      <c r="Z295" s="55"/>
      <c r="AA295" s="55"/>
      <c r="AB295" s="55"/>
      <c r="AC295" s="55"/>
      <c r="AD295" s="55"/>
      <c r="AE295" s="55"/>
      <c r="AF295" s="55"/>
      <c r="AG295" s="55"/>
      <c r="AY295" s="162"/>
      <c r="AZ295" s="162"/>
      <c r="BA295" s="162"/>
      <c r="BB295" s="162"/>
      <c r="BC295" s="162"/>
      <c r="BD295" s="162"/>
      <c r="BE295" s="162"/>
      <c r="BF295" s="162"/>
      <c r="BG295" s="162"/>
      <c r="BH295" s="162"/>
      <c r="BI295" s="162"/>
      <c r="BJ295" s="162"/>
      <c r="BK295" s="162"/>
      <c r="BL295" s="162"/>
      <c r="BM295" s="162"/>
      <c r="BN295" s="162"/>
      <c r="BO295" s="162"/>
      <c r="BP295" s="162"/>
      <c r="BQ295" s="162"/>
      <c r="BR295" s="162"/>
      <c r="BS295" s="162"/>
      <c r="BT295" s="162"/>
      <c r="BU295" s="162"/>
      <c r="BV295" s="162"/>
      <c r="BW295" s="162"/>
      <c r="BX295" s="162"/>
      <c r="BY295" s="162"/>
      <c r="BZ295" s="162"/>
      <c r="CA295" s="162"/>
      <c r="CB295" s="162"/>
      <c r="CC295" s="162"/>
      <c r="CD295" s="162"/>
      <c r="CE295" s="162"/>
      <c r="CF295" s="162"/>
      <c r="CG295" s="162"/>
      <c r="CH295" s="162"/>
      <c r="CI295" s="162"/>
      <c r="CJ295" s="162"/>
      <c r="CK295" s="162"/>
      <c r="CX295" s="98"/>
      <c r="DL295" s="97"/>
      <c r="DX295" s="98"/>
      <c r="EL295" s="97"/>
      <c r="EX295" s="98"/>
      <c r="EY295" s="97"/>
      <c r="FL295" s="126"/>
      <c r="FM295" s="91"/>
      <c r="FN295" s="91"/>
      <c r="FO295" s="91"/>
      <c r="FP295" s="91"/>
      <c r="FQ295" s="91"/>
      <c r="FR295" s="91"/>
      <c r="FS295" s="91"/>
      <c r="FT295" s="91"/>
      <c r="FU295" s="91"/>
      <c r="FV295" s="91"/>
      <c r="FW295" s="91"/>
      <c r="FX295" s="91"/>
      <c r="FY295" s="91"/>
      <c r="FZ295" s="91"/>
      <c r="GA295" s="91"/>
      <c r="GB295" s="91"/>
      <c r="GC295" s="91"/>
      <c r="GD295" s="91"/>
      <c r="GE295" s="91"/>
      <c r="GF295" s="91"/>
      <c r="GG295" s="91"/>
      <c r="GH295" s="91"/>
      <c r="GI295" s="91"/>
      <c r="GJ295" s="91"/>
      <c r="GK295" s="127"/>
      <c r="GL295" s="126"/>
      <c r="GM295" s="91"/>
      <c r="GN295" s="91"/>
      <c r="GO295" s="91"/>
      <c r="GP295" s="91"/>
      <c r="GQ295" s="91"/>
      <c r="GR295" s="91"/>
      <c r="GS295" s="91"/>
      <c r="GT295" s="91"/>
      <c r="GU295" s="91"/>
      <c r="GV295" s="91"/>
      <c r="GW295" s="91"/>
      <c r="GX295" s="91"/>
      <c r="GY295" s="91"/>
      <c r="GZ295" s="91"/>
      <c r="HA295" s="91"/>
      <c r="HB295" s="91"/>
      <c r="HC295" s="91"/>
      <c r="HD295" s="91"/>
      <c r="HE295" s="91"/>
      <c r="HF295" s="91"/>
      <c r="HG295" s="91"/>
      <c r="HH295" s="91"/>
      <c r="HI295" s="91"/>
      <c r="HJ295" s="91"/>
      <c r="HK295" s="127"/>
      <c r="HL295" s="126"/>
      <c r="HM295" s="91"/>
      <c r="HN295" s="91"/>
      <c r="HO295" s="91"/>
      <c r="HP295" s="91"/>
      <c r="HQ295" s="91"/>
      <c r="HR295" s="91"/>
      <c r="HS295" s="91"/>
      <c r="HT295" s="91"/>
      <c r="HU295" s="91"/>
      <c r="HV295" s="91"/>
      <c r="HW295" s="91"/>
      <c r="HX295" s="91"/>
      <c r="HY295" s="91"/>
      <c r="HZ295" s="91"/>
      <c r="IA295" s="91"/>
      <c r="IB295" s="91"/>
      <c r="IC295" s="91"/>
      <c r="ID295" s="91"/>
      <c r="IE295" s="91"/>
      <c r="IF295" s="91"/>
      <c r="IG295" s="91"/>
      <c r="IH295" s="91"/>
      <c r="II295" s="91"/>
      <c r="IJ295" s="91"/>
      <c r="IK295" s="127"/>
    </row>
    <row r="296" spans="2:245" x14ac:dyDescent="0.2">
      <c r="B296" s="43"/>
      <c r="C296" s="73"/>
      <c r="D296" s="64"/>
      <c r="E296" s="64"/>
      <c r="F296" s="55"/>
      <c r="G296" s="102"/>
      <c r="H296" s="55"/>
      <c r="I296" s="55"/>
      <c r="J296" s="55"/>
      <c r="K296" s="55"/>
      <c r="L296" s="55"/>
      <c r="M296" s="55"/>
      <c r="N296" s="55"/>
      <c r="O296" s="55"/>
      <c r="P296" s="55"/>
      <c r="Q296" s="55"/>
      <c r="R296" s="55"/>
      <c r="S296" s="55"/>
      <c r="T296" s="55"/>
      <c r="U296" s="55"/>
      <c r="V296" s="55"/>
      <c r="W296" s="55"/>
      <c r="X296" s="55"/>
      <c r="Y296" s="55"/>
      <c r="Z296" s="55"/>
      <c r="AA296" s="55"/>
      <c r="AB296" s="55"/>
      <c r="AC296" s="55"/>
      <c r="AD296" s="55"/>
      <c r="AE296" s="55"/>
      <c r="AF296" s="55"/>
      <c r="AG296" s="55"/>
      <c r="AY296" s="162"/>
      <c r="AZ296" s="162"/>
      <c r="BA296" s="162"/>
      <c r="BB296" s="162"/>
      <c r="BC296" s="162"/>
      <c r="BD296" s="162"/>
      <c r="BE296" s="162"/>
      <c r="BF296" s="162"/>
      <c r="BG296" s="162"/>
      <c r="BH296" s="162"/>
      <c r="BI296" s="162"/>
      <c r="BJ296" s="162"/>
      <c r="BK296" s="162"/>
      <c r="BL296" s="162"/>
      <c r="BM296" s="162"/>
      <c r="BN296" s="162"/>
      <c r="BO296" s="162"/>
      <c r="BP296" s="162"/>
      <c r="BQ296" s="162"/>
      <c r="BR296" s="162"/>
      <c r="BS296" s="162"/>
      <c r="BT296" s="162"/>
      <c r="BU296" s="162"/>
      <c r="BV296" s="162"/>
      <c r="BW296" s="162"/>
      <c r="BX296" s="162"/>
      <c r="BY296" s="162"/>
      <c r="BZ296" s="162"/>
      <c r="CA296" s="162"/>
      <c r="CB296" s="162"/>
      <c r="CC296" s="162"/>
      <c r="CD296" s="162"/>
      <c r="CE296" s="162"/>
      <c r="CF296" s="162"/>
      <c r="CG296" s="162"/>
      <c r="CH296" s="162"/>
      <c r="CI296" s="162"/>
      <c r="CJ296" s="162"/>
      <c r="CK296" s="162"/>
      <c r="CX296" s="98"/>
      <c r="DL296" s="97"/>
      <c r="DX296" s="98"/>
      <c r="EL296" s="97"/>
      <c r="EX296" s="98"/>
      <c r="EY296" s="97"/>
      <c r="FL296" s="126"/>
      <c r="FM296" s="91"/>
      <c r="FN296" s="91"/>
      <c r="FO296" s="91"/>
      <c r="FP296" s="91"/>
      <c r="FQ296" s="91"/>
      <c r="FR296" s="91"/>
      <c r="FS296" s="91"/>
      <c r="FT296" s="91"/>
      <c r="FU296" s="91"/>
      <c r="FV296" s="91"/>
      <c r="FW296" s="91"/>
      <c r="FX296" s="91"/>
      <c r="FY296" s="91"/>
      <c r="FZ296" s="91"/>
      <c r="GA296" s="91"/>
      <c r="GB296" s="91"/>
      <c r="GC296" s="91"/>
      <c r="GD296" s="91"/>
      <c r="GE296" s="91"/>
      <c r="GF296" s="91"/>
      <c r="GG296" s="91"/>
      <c r="GH296" s="91"/>
      <c r="GI296" s="91"/>
      <c r="GJ296" s="91"/>
      <c r="GK296" s="127"/>
      <c r="GL296" s="126"/>
      <c r="GM296" s="91"/>
      <c r="GN296" s="91"/>
      <c r="GO296" s="91"/>
      <c r="GP296" s="91"/>
      <c r="GQ296" s="91"/>
      <c r="GR296" s="91"/>
      <c r="GS296" s="91"/>
      <c r="GT296" s="91"/>
      <c r="GU296" s="91"/>
      <c r="GV296" s="91"/>
      <c r="GW296" s="91"/>
      <c r="GX296" s="91"/>
      <c r="GY296" s="91"/>
      <c r="GZ296" s="91"/>
      <c r="HA296" s="91"/>
      <c r="HB296" s="91"/>
      <c r="HC296" s="91"/>
      <c r="HD296" s="91"/>
      <c r="HE296" s="91"/>
      <c r="HF296" s="91"/>
      <c r="HG296" s="91"/>
      <c r="HH296" s="91"/>
      <c r="HI296" s="91"/>
      <c r="HJ296" s="91"/>
      <c r="HK296" s="127"/>
      <c r="HL296" s="126"/>
      <c r="HM296" s="91"/>
      <c r="HN296" s="91"/>
      <c r="HO296" s="91"/>
      <c r="HP296" s="91"/>
      <c r="HQ296" s="91"/>
      <c r="HR296" s="91"/>
      <c r="HS296" s="91"/>
      <c r="HT296" s="91"/>
      <c r="HU296" s="91"/>
      <c r="HV296" s="91"/>
      <c r="HW296" s="91"/>
      <c r="HX296" s="91"/>
      <c r="HY296" s="91"/>
      <c r="HZ296" s="91"/>
      <c r="IA296" s="91"/>
      <c r="IB296" s="91"/>
      <c r="IC296" s="91"/>
      <c r="ID296" s="91"/>
      <c r="IE296" s="91"/>
      <c r="IF296" s="91"/>
      <c r="IG296" s="91"/>
      <c r="IH296" s="91"/>
      <c r="II296" s="91"/>
      <c r="IJ296" s="91"/>
      <c r="IK296" s="127"/>
    </row>
    <row r="297" spans="2:245" x14ac:dyDescent="0.2">
      <c r="B297" s="43"/>
      <c r="C297" s="73"/>
      <c r="D297" s="64"/>
      <c r="E297" s="64"/>
      <c r="F297" s="55"/>
      <c r="G297" s="102"/>
      <c r="H297" s="55"/>
      <c r="I297" s="55"/>
      <c r="J297" s="55"/>
      <c r="K297" s="55"/>
      <c r="L297" s="55"/>
      <c r="M297" s="55"/>
      <c r="N297" s="55"/>
      <c r="O297" s="55"/>
      <c r="P297" s="55"/>
      <c r="Q297" s="55"/>
      <c r="R297" s="55"/>
      <c r="S297" s="55"/>
      <c r="T297" s="55"/>
      <c r="U297" s="55"/>
      <c r="V297" s="55"/>
      <c r="W297" s="55"/>
      <c r="X297" s="55"/>
      <c r="Y297" s="55"/>
      <c r="Z297" s="55"/>
      <c r="AA297" s="55"/>
      <c r="AB297" s="55"/>
      <c r="AC297" s="55"/>
      <c r="AD297" s="55"/>
      <c r="AE297" s="55"/>
      <c r="AF297" s="55"/>
      <c r="AG297" s="55"/>
      <c r="AY297" s="162"/>
      <c r="AZ297" s="162"/>
      <c r="BA297" s="162"/>
      <c r="BB297" s="162"/>
      <c r="BC297" s="162"/>
      <c r="BD297" s="162"/>
      <c r="BE297" s="162"/>
      <c r="BF297" s="162"/>
      <c r="BG297" s="162"/>
      <c r="BH297" s="162"/>
      <c r="BI297" s="162"/>
      <c r="BJ297" s="162"/>
      <c r="BK297" s="162"/>
      <c r="BL297" s="162"/>
      <c r="BM297" s="162"/>
      <c r="BN297" s="162"/>
      <c r="BO297" s="162"/>
      <c r="BP297" s="162"/>
      <c r="BQ297" s="162"/>
      <c r="BR297" s="162"/>
      <c r="BS297" s="162"/>
      <c r="BT297" s="162"/>
      <c r="BU297" s="162"/>
      <c r="BV297" s="162"/>
      <c r="BW297" s="162"/>
      <c r="BX297" s="162"/>
      <c r="BY297" s="162"/>
      <c r="BZ297" s="162"/>
      <c r="CA297" s="162"/>
      <c r="CB297" s="162"/>
      <c r="CC297" s="162"/>
      <c r="CD297" s="162"/>
      <c r="CE297" s="162"/>
      <c r="CF297" s="162"/>
      <c r="CG297" s="162"/>
      <c r="CH297" s="162"/>
      <c r="CI297" s="162"/>
      <c r="CJ297" s="162"/>
      <c r="CK297" s="162"/>
      <c r="CX297" s="98"/>
      <c r="DL297" s="97"/>
      <c r="DX297" s="98"/>
      <c r="EL297" s="97"/>
      <c r="EX297" s="98"/>
      <c r="EY297" s="97"/>
      <c r="FL297" s="126"/>
      <c r="FM297" s="91"/>
      <c r="FN297" s="91"/>
      <c r="FO297" s="91"/>
      <c r="FP297" s="91"/>
      <c r="FQ297" s="91"/>
      <c r="FR297" s="91"/>
      <c r="FS297" s="91"/>
      <c r="FT297" s="91"/>
      <c r="FU297" s="91"/>
      <c r="FV297" s="91"/>
      <c r="FW297" s="91"/>
      <c r="FX297" s="91"/>
      <c r="FY297" s="91"/>
      <c r="FZ297" s="91"/>
      <c r="GA297" s="91"/>
      <c r="GB297" s="91"/>
      <c r="GC297" s="91"/>
      <c r="GD297" s="91"/>
      <c r="GE297" s="91"/>
      <c r="GF297" s="91"/>
      <c r="GG297" s="91"/>
      <c r="GH297" s="91"/>
      <c r="GI297" s="91"/>
      <c r="GJ297" s="91"/>
      <c r="GK297" s="127"/>
      <c r="GL297" s="126"/>
      <c r="GM297" s="91"/>
      <c r="GN297" s="91"/>
      <c r="GO297" s="91"/>
      <c r="GP297" s="91"/>
      <c r="GQ297" s="91"/>
      <c r="GR297" s="91"/>
      <c r="GS297" s="91"/>
      <c r="GT297" s="91"/>
      <c r="GU297" s="91"/>
      <c r="GV297" s="91"/>
      <c r="GW297" s="91"/>
      <c r="GX297" s="91"/>
      <c r="GY297" s="91"/>
      <c r="GZ297" s="91"/>
      <c r="HA297" s="91"/>
      <c r="HB297" s="91"/>
      <c r="HC297" s="91"/>
      <c r="HD297" s="91"/>
      <c r="HE297" s="91"/>
      <c r="HF297" s="91"/>
      <c r="HG297" s="91"/>
      <c r="HH297" s="91"/>
      <c r="HI297" s="91"/>
      <c r="HJ297" s="91"/>
      <c r="HK297" s="127"/>
      <c r="HL297" s="126"/>
      <c r="HM297" s="91"/>
      <c r="HN297" s="91"/>
      <c r="HO297" s="91"/>
      <c r="HP297" s="91"/>
      <c r="HQ297" s="91"/>
      <c r="HR297" s="91"/>
      <c r="HS297" s="91"/>
      <c r="HT297" s="91"/>
      <c r="HU297" s="91"/>
      <c r="HV297" s="91"/>
      <c r="HW297" s="91"/>
      <c r="HX297" s="91"/>
      <c r="HY297" s="91"/>
      <c r="HZ297" s="91"/>
      <c r="IA297" s="91"/>
      <c r="IB297" s="91"/>
      <c r="IC297" s="91"/>
      <c r="ID297" s="91"/>
      <c r="IE297" s="91"/>
      <c r="IF297" s="91"/>
      <c r="IG297" s="91"/>
      <c r="IH297" s="91"/>
      <c r="II297" s="91"/>
      <c r="IJ297" s="91"/>
      <c r="IK297" s="127"/>
    </row>
    <row r="298" spans="2:245" x14ac:dyDescent="0.2">
      <c r="B298" s="43"/>
      <c r="C298" s="73"/>
      <c r="D298" s="64"/>
      <c r="E298" s="64"/>
      <c r="F298" s="55"/>
      <c r="G298" s="102"/>
      <c r="H298" s="55"/>
      <c r="I298" s="55"/>
      <c r="J298" s="55"/>
      <c r="K298" s="55"/>
      <c r="L298" s="55"/>
      <c r="M298" s="55"/>
      <c r="N298" s="55"/>
      <c r="O298" s="55"/>
      <c r="P298" s="55"/>
      <c r="Q298" s="55"/>
      <c r="R298" s="55"/>
      <c r="S298" s="55"/>
      <c r="T298" s="55"/>
      <c r="U298" s="55"/>
      <c r="V298" s="55"/>
      <c r="W298" s="55"/>
      <c r="X298" s="55"/>
      <c r="Y298" s="55"/>
      <c r="Z298" s="55"/>
      <c r="AA298" s="55"/>
      <c r="AB298" s="55"/>
      <c r="AC298" s="55"/>
      <c r="AD298" s="55"/>
      <c r="AE298" s="55"/>
      <c r="AF298" s="55"/>
      <c r="AG298" s="55"/>
      <c r="AY298" s="162"/>
      <c r="AZ298" s="162"/>
      <c r="BA298" s="162"/>
      <c r="BB298" s="162"/>
      <c r="BC298" s="162"/>
      <c r="BD298" s="162"/>
      <c r="BE298" s="162"/>
      <c r="BF298" s="162"/>
      <c r="BG298" s="162"/>
      <c r="BH298" s="162"/>
      <c r="BI298" s="162"/>
      <c r="BJ298" s="162"/>
      <c r="BK298" s="162"/>
      <c r="BL298" s="162"/>
      <c r="BM298" s="162"/>
      <c r="BN298" s="162"/>
      <c r="BO298" s="162"/>
      <c r="BP298" s="162"/>
      <c r="BQ298" s="162"/>
      <c r="BR298" s="162"/>
      <c r="BS298" s="162"/>
      <c r="BT298" s="162"/>
      <c r="BU298" s="162"/>
      <c r="BV298" s="162"/>
      <c r="BW298" s="162"/>
      <c r="BX298" s="162"/>
      <c r="BY298" s="162"/>
      <c r="BZ298" s="162"/>
      <c r="CA298" s="162"/>
      <c r="CB298" s="162"/>
      <c r="CC298" s="162"/>
      <c r="CD298" s="162"/>
      <c r="CE298" s="162"/>
      <c r="CF298" s="162"/>
      <c r="CG298" s="162"/>
      <c r="CH298" s="162"/>
      <c r="CI298" s="162"/>
      <c r="CJ298" s="162"/>
      <c r="CK298" s="162"/>
      <c r="CX298" s="98"/>
      <c r="DL298" s="97"/>
      <c r="DX298" s="98"/>
      <c r="EL298" s="97"/>
      <c r="EX298" s="98"/>
      <c r="EY298" s="97"/>
      <c r="FL298" s="126"/>
      <c r="FM298" s="91"/>
      <c r="FN298" s="91"/>
      <c r="FO298" s="91"/>
      <c r="FP298" s="91"/>
      <c r="FQ298" s="91"/>
      <c r="FR298" s="91"/>
      <c r="FS298" s="91"/>
      <c r="FT298" s="91"/>
      <c r="FU298" s="91"/>
      <c r="FV298" s="91"/>
      <c r="FW298" s="91"/>
      <c r="FX298" s="91"/>
      <c r="FY298" s="91"/>
      <c r="FZ298" s="91"/>
      <c r="GA298" s="91"/>
      <c r="GB298" s="91"/>
      <c r="GC298" s="91"/>
      <c r="GD298" s="91"/>
      <c r="GE298" s="91"/>
      <c r="GF298" s="91"/>
      <c r="GG298" s="91"/>
      <c r="GH298" s="91"/>
      <c r="GI298" s="91"/>
      <c r="GJ298" s="91"/>
      <c r="GK298" s="127"/>
      <c r="GL298" s="126"/>
      <c r="GM298" s="91"/>
      <c r="GN298" s="91"/>
      <c r="GO298" s="91"/>
      <c r="GP298" s="91"/>
      <c r="GQ298" s="91"/>
      <c r="GR298" s="91"/>
      <c r="GS298" s="91"/>
      <c r="GT298" s="91"/>
      <c r="GU298" s="91"/>
      <c r="GV298" s="91"/>
      <c r="GW298" s="91"/>
      <c r="GX298" s="91"/>
      <c r="GY298" s="91"/>
      <c r="GZ298" s="91"/>
      <c r="HA298" s="91"/>
      <c r="HB298" s="91"/>
      <c r="HC298" s="91"/>
      <c r="HD298" s="91"/>
      <c r="HE298" s="91"/>
      <c r="HF298" s="91"/>
      <c r="HG298" s="91"/>
      <c r="HH298" s="91"/>
      <c r="HI298" s="91"/>
      <c r="HJ298" s="91"/>
      <c r="HK298" s="127"/>
      <c r="HL298" s="126"/>
      <c r="HM298" s="91"/>
      <c r="HN298" s="91"/>
      <c r="HO298" s="91"/>
      <c r="HP298" s="91"/>
      <c r="HQ298" s="91"/>
      <c r="HR298" s="91"/>
      <c r="HS298" s="91"/>
      <c r="HT298" s="91"/>
      <c r="HU298" s="91"/>
      <c r="HV298" s="91"/>
      <c r="HW298" s="91"/>
      <c r="HX298" s="91"/>
      <c r="HY298" s="91"/>
      <c r="HZ298" s="91"/>
      <c r="IA298" s="91"/>
      <c r="IB298" s="91"/>
      <c r="IC298" s="91"/>
      <c r="ID298" s="91"/>
      <c r="IE298" s="91"/>
      <c r="IF298" s="91"/>
      <c r="IG298" s="91"/>
      <c r="IH298" s="91"/>
      <c r="II298" s="91"/>
      <c r="IJ298" s="91"/>
      <c r="IK298" s="127"/>
    </row>
    <row r="299" spans="2:245" x14ac:dyDescent="0.2">
      <c r="B299" s="43"/>
      <c r="C299" s="73"/>
      <c r="D299" s="64"/>
      <c r="E299" s="64"/>
      <c r="F299" s="55"/>
      <c r="G299" s="102"/>
      <c r="H299" s="55"/>
      <c r="I299" s="55"/>
      <c r="J299" s="55"/>
      <c r="K299" s="55"/>
      <c r="L299" s="55"/>
      <c r="M299" s="55"/>
      <c r="N299" s="55"/>
      <c r="O299" s="55"/>
      <c r="P299" s="55"/>
      <c r="Q299" s="55"/>
      <c r="R299" s="55"/>
      <c r="S299" s="55"/>
      <c r="T299" s="55"/>
      <c r="U299" s="55"/>
      <c r="V299" s="55"/>
      <c r="W299" s="55"/>
      <c r="X299" s="55"/>
      <c r="Y299" s="55"/>
      <c r="Z299" s="55"/>
      <c r="AA299" s="55"/>
      <c r="AB299" s="55"/>
      <c r="AC299" s="55"/>
      <c r="AD299" s="55"/>
      <c r="AE299" s="55"/>
      <c r="AF299" s="55"/>
      <c r="AG299" s="55"/>
      <c r="AY299" s="162"/>
      <c r="AZ299" s="162"/>
      <c r="BA299" s="162"/>
      <c r="BB299" s="162"/>
      <c r="BC299" s="162"/>
      <c r="BD299" s="162"/>
      <c r="BE299" s="162"/>
      <c r="BF299" s="162"/>
      <c r="BG299" s="162"/>
      <c r="BH299" s="162"/>
      <c r="BI299" s="162"/>
      <c r="BJ299" s="162"/>
      <c r="BK299" s="162"/>
      <c r="BL299" s="162"/>
      <c r="BM299" s="162"/>
      <c r="BN299" s="162"/>
      <c r="BO299" s="162"/>
      <c r="BP299" s="162"/>
      <c r="BQ299" s="162"/>
      <c r="BR299" s="162"/>
      <c r="BS299" s="162"/>
      <c r="BT299" s="162"/>
      <c r="BU299" s="162"/>
      <c r="BV299" s="162"/>
      <c r="BW299" s="162"/>
      <c r="BX299" s="162"/>
      <c r="BY299" s="162"/>
      <c r="BZ299" s="162"/>
      <c r="CA299" s="162"/>
      <c r="CB299" s="162"/>
      <c r="CC299" s="162"/>
      <c r="CD299" s="162"/>
      <c r="CE299" s="162"/>
      <c r="CF299" s="162"/>
      <c r="CG299" s="162"/>
      <c r="CH299" s="162"/>
      <c r="CI299" s="162"/>
      <c r="CJ299" s="162"/>
      <c r="CK299" s="162"/>
      <c r="CX299" s="98"/>
      <c r="DL299" s="97"/>
      <c r="DX299" s="98"/>
      <c r="EL299" s="97"/>
      <c r="EX299" s="98"/>
      <c r="EY299" s="97"/>
      <c r="FL299" s="126"/>
      <c r="FM299" s="91"/>
      <c r="FN299" s="91"/>
      <c r="FO299" s="91"/>
      <c r="FP299" s="91"/>
      <c r="FQ299" s="91"/>
      <c r="FR299" s="91"/>
      <c r="FS299" s="91"/>
      <c r="FT299" s="91"/>
      <c r="FU299" s="91"/>
      <c r="FV299" s="91"/>
      <c r="FW299" s="91"/>
      <c r="FX299" s="91"/>
      <c r="FY299" s="91"/>
      <c r="FZ299" s="91"/>
      <c r="GA299" s="91"/>
      <c r="GB299" s="91"/>
      <c r="GC299" s="91"/>
      <c r="GD299" s="91"/>
      <c r="GE299" s="91"/>
      <c r="GF299" s="91"/>
      <c r="GG299" s="91"/>
      <c r="GH299" s="91"/>
      <c r="GI299" s="91"/>
      <c r="GJ299" s="91"/>
      <c r="GK299" s="127"/>
      <c r="GL299" s="126"/>
      <c r="GM299" s="91"/>
      <c r="GN299" s="91"/>
      <c r="GO299" s="91"/>
      <c r="GP299" s="91"/>
      <c r="GQ299" s="91"/>
      <c r="GR299" s="91"/>
      <c r="GS299" s="91"/>
      <c r="GT299" s="91"/>
      <c r="GU299" s="91"/>
      <c r="GV299" s="91"/>
      <c r="GW299" s="91"/>
      <c r="GX299" s="91"/>
      <c r="GY299" s="91"/>
      <c r="GZ299" s="91"/>
      <c r="HA299" s="91"/>
      <c r="HB299" s="91"/>
      <c r="HC299" s="91"/>
      <c r="HD299" s="91"/>
      <c r="HE299" s="91"/>
      <c r="HF299" s="91"/>
      <c r="HG299" s="91"/>
      <c r="HH299" s="91"/>
      <c r="HI299" s="91"/>
      <c r="HJ299" s="91"/>
      <c r="HK299" s="127"/>
      <c r="HL299" s="126"/>
      <c r="HM299" s="91"/>
      <c r="HN299" s="91"/>
      <c r="HO299" s="91"/>
      <c r="HP299" s="91"/>
      <c r="HQ299" s="91"/>
      <c r="HR299" s="91"/>
      <c r="HS299" s="91"/>
      <c r="HT299" s="91"/>
      <c r="HU299" s="91"/>
      <c r="HV299" s="91"/>
      <c r="HW299" s="91"/>
      <c r="HX299" s="91"/>
      <c r="HY299" s="91"/>
      <c r="HZ299" s="91"/>
      <c r="IA299" s="91"/>
      <c r="IB299" s="91"/>
      <c r="IC299" s="91"/>
      <c r="ID299" s="91"/>
      <c r="IE299" s="91"/>
      <c r="IF299" s="91"/>
      <c r="IG299" s="91"/>
      <c r="IH299" s="91"/>
      <c r="II299" s="91"/>
      <c r="IJ299" s="91"/>
      <c r="IK299" s="127"/>
    </row>
    <row r="300" spans="2:245" x14ac:dyDescent="0.2">
      <c r="B300" s="43"/>
      <c r="C300" s="73"/>
      <c r="D300" s="64"/>
      <c r="E300" s="64"/>
      <c r="F300" s="55"/>
      <c r="G300" s="102"/>
      <c r="H300" s="55"/>
      <c r="I300" s="55"/>
      <c r="J300" s="55"/>
      <c r="K300" s="55"/>
      <c r="L300" s="55"/>
      <c r="M300" s="55"/>
      <c r="N300" s="55"/>
      <c r="O300" s="55"/>
      <c r="P300" s="55"/>
      <c r="Q300" s="55"/>
      <c r="R300" s="55"/>
      <c r="S300" s="55"/>
      <c r="T300" s="55"/>
      <c r="U300" s="55"/>
      <c r="V300" s="55"/>
      <c r="W300" s="55"/>
      <c r="X300" s="55"/>
      <c r="Y300" s="55"/>
      <c r="Z300" s="55"/>
      <c r="AA300" s="55"/>
      <c r="AB300" s="55"/>
      <c r="AC300" s="55"/>
      <c r="AD300" s="55"/>
      <c r="AE300" s="55"/>
      <c r="AF300" s="55"/>
      <c r="AG300" s="55"/>
      <c r="AY300" s="162"/>
      <c r="AZ300" s="162"/>
      <c r="BA300" s="162"/>
      <c r="BB300" s="162"/>
      <c r="BC300" s="162"/>
      <c r="BD300" s="162"/>
      <c r="BE300" s="162"/>
      <c r="BF300" s="162"/>
      <c r="BG300" s="162"/>
      <c r="BH300" s="162"/>
      <c r="BI300" s="162"/>
      <c r="BJ300" s="162"/>
      <c r="BK300" s="162"/>
      <c r="BL300" s="162"/>
      <c r="BM300" s="162"/>
      <c r="BN300" s="162"/>
      <c r="BO300" s="162"/>
      <c r="BP300" s="162"/>
      <c r="BQ300" s="162"/>
      <c r="BR300" s="162"/>
      <c r="BS300" s="162"/>
      <c r="BT300" s="162"/>
      <c r="BU300" s="162"/>
      <c r="BV300" s="162"/>
      <c r="BW300" s="162"/>
      <c r="BX300" s="162"/>
      <c r="BY300" s="162"/>
      <c r="BZ300" s="162"/>
      <c r="CA300" s="162"/>
      <c r="CB300" s="162"/>
      <c r="CC300" s="162"/>
      <c r="CD300" s="162"/>
      <c r="CE300" s="162"/>
      <c r="CF300" s="162"/>
      <c r="CG300" s="162"/>
      <c r="CH300" s="162"/>
      <c r="CI300" s="162"/>
      <c r="CJ300" s="162"/>
      <c r="CK300" s="162"/>
      <c r="CX300" s="98"/>
      <c r="DL300" s="97"/>
      <c r="DX300" s="98"/>
      <c r="EL300" s="97"/>
      <c r="EX300" s="98"/>
      <c r="EY300" s="97"/>
      <c r="FL300" s="126"/>
      <c r="FM300" s="91"/>
      <c r="FN300" s="91"/>
      <c r="FO300" s="91"/>
      <c r="FP300" s="91"/>
      <c r="FQ300" s="91"/>
      <c r="FR300" s="91"/>
      <c r="FS300" s="91"/>
      <c r="FT300" s="91"/>
      <c r="FU300" s="91"/>
      <c r="FV300" s="91"/>
      <c r="FW300" s="91"/>
      <c r="FX300" s="91"/>
      <c r="FY300" s="91"/>
      <c r="FZ300" s="91"/>
      <c r="GA300" s="91"/>
      <c r="GB300" s="91"/>
      <c r="GC300" s="91"/>
      <c r="GD300" s="91"/>
      <c r="GE300" s="91"/>
      <c r="GF300" s="91"/>
      <c r="GG300" s="91"/>
      <c r="GH300" s="91"/>
      <c r="GI300" s="91"/>
      <c r="GJ300" s="91"/>
      <c r="GK300" s="127"/>
      <c r="GL300" s="126"/>
      <c r="GM300" s="91"/>
      <c r="GN300" s="91"/>
      <c r="GO300" s="91"/>
      <c r="GP300" s="91"/>
      <c r="GQ300" s="91"/>
      <c r="GR300" s="91"/>
      <c r="GS300" s="91"/>
      <c r="GT300" s="91"/>
      <c r="GU300" s="91"/>
      <c r="GV300" s="91"/>
      <c r="GW300" s="91"/>
      <c r="GX300" s="91"/>
      <c r="GY300" s="91"/>
      <c r="GZ300" s="91"/>
      <c r="HA300" s="91"/>
      <c r="HB300" s="91"/>
      <c r="HC300" s="91"/>
      <c r="HD300" s="91"/>
      <c r="HE300" s="91"/>
      <c r="HF300" s="91"/>
      <c r="HG300" s="91"/>
      <c r="HH300" s="91"/>
      <c r="HI300" s="91"/>
      <c r="HJ300" s="91"/>
      <c r="HK300" s="127"/>
      <c r="HL300" s="126"/>
      <c r="HM300" s="91"/>
      <c r="HN300" s="91"/>
      <c r="HO300" s="91"/>
      <c r="HP300" s="91"/>
      <c r="HQ300" s="91"/>
      <c r="HR300" s="91"/>
      <c r="HS300" s="91"/>
      <c r="HT300" s="91"/>
      <c r="HU300" s="91"/>
      <c r="HV300" s="91"/>
      <c r="HW300" s="91"/>
      <c r="HX300" s="91"/>
      <c r="HY300" s="91"/>
      <c r="HZ300" s="91"/>
      <c r="IA300" s="91"/>
      <c r="IB300" s="91"/>
      <c r="IC300" s="91"/>
      <c r="ID300" s="91"/>
      <c r="IE300" s="91"/>
      <c r="IF300" s="91"/>
      <c r="IG300" s="91"/>
      <c r="IH300" s="91"/>
      <c r="II300" s="91"/>
      <c r="IJ300" s="91"/>
      <c r="IK300" s="127"/>
    </row>
    <row r="301" spans="2:245" x14ac:dyDescent="0.2">
      <c r="B301" s="43"/>
      <c r="C301" s="73"/>
      <c r="D301" s="64"/>
      <c r="E301" s="64"/>
      <c r="F301" s="55"/>
      <c r="G301" s="102"/>
      <c r="H301" s="55"/>
      <c r="I301" s="55"/>
      <c r="J301" s="55"/>
      <c r="K301" s="55"/>
      <c r="L301" s="55"/>
      <c r="M301" s="55"/>
      <c r="N301" s="55"/>
      <c r="O301" s="55"/>
      <c r="P301" s="55"/>
      <c r="Q301" s="55"/>
      <c r="R301" s="55"/>
      <c r="S301" s="55"/>
      <c r="T301" s="55"/>
      <c r="U301" s="55"/>
      <c r="V301" s="55"/>
      <c r="W301" s="55"/>
      <c r="X301" s="55"/>
      <c r="Y301" s="55"/>
      <c r="Z301" s="55"/>
      <c r="AA301" s="55"/>
      <c r="AB301" s="55"/>
      <c r="AC301" s="55"/>
      <c r="AD301" s="55"/>
      <c r="AE301" s="55"/>
      <c r="AF301" s="55"/>
      <c r="AG301" s="55"/>
      <c r="AY301" s="162"/>
      <c r="AZ301" s="162"/>
      <c r="BA301" s="162"/>
      <c r="BB301" s="162"/>
      <c r="BC301" s="162"/>
      <c r="BD301" s="162"/>
      <c r="BE301" s="162"/>
      <c r="BF301" s="162"/>
      <c r="BG301" s="162"/>
      <c r="BH301" s="162"/>
      <c r="BI301" s="162"/>
      <c r="BJ301" s="162"/>
      <c r="BK301" s="162"/>
      <c r="BL301" s="162"/>
      <c r="BM301" s="162"/>
      <c r="BN301" s="162"/>
      <c r="BO301" s="162"/>
      <c r="BP301" s="162"/>
      <c r="BQ301" s="162"/>
      <c r="BR301" s="162"/>
      <c r="BS301" s="162"/>
      <c r="BT301" s="162"/>
      <c r="BU301" s="162"/>
      <c r="BV301" s="162"/>
      <c r="BW301" s="162"/>
      <c r="BX301" s="162"/>
      <c r="BY301" s="162"/>
      <c r="BZ301" s="162"/>
      <c r="CA301" s="162"/>
      <c r="CB301" s="162"/>
      <c r="CC301" s="162"/>
      <c r="CD301" s="162"/>
      <c r="CE301" s="162"/>
      <c r="CF301" s="162"/>
      <c r="CG301" s="162"/>
      <c r="CH301" s="162"/>
      <c r="CI301" s="162"/>
      <c r="CJ301" s="162"/>
      <c r="CK301" s="162"/>
      <c r="CX301" s="98"/>
      <c r="DL301" s="97"/>
      <c r="DX301" s="98"/>
      <c r="EL301" s="97"/>
      <c r="EX301" s="98"/>
      <c r="EY301" s="97"/>
      <c r="FL301" s="126"/>
      <c r="FM301" s="91"/>
      <c r="FN301" s="91"/>
      <c r="FO301" s="91"/>
      <c r="FP301" s="91"/>
      <c r="FQ301" s="91"/>
      <c r="FR301" s="91"/>
      <c r="FS301" s="91"/>
      <c r="FT301" s="91"/>
      <c r="FU301" s="91"/>
      <c r="FV301" s="91"/>
      <c r="FW301" s="91"/>
      <c r="FX301" s="91"/>
      <c r="FY301" s="91"/>
      <c r="FZ301" s="91"/>
      <c r="GA301" s="91"/>
      <c r="GB301" s="91"/>
      <c r="GC301" s="91"/>
      <c r="GD301" s="91"/>
      <c r="GE301" s="91"/>
      <c r="GF301" s="91"/>
      <c r="GG301" s="91"/>
      <c r="GH301" s="91"/>
      <c r="GI301" s="91"/>
      <c r="GJ301" s="91"/>
      <c r="GK301" s="127"/>
      <c r="GL301" s="126"/>
      <c r="GM301" s="91"/>
      <c r="GN301" s="91"/>
      <c r="GO301" s="91"/>
      <c r="GP301" s="91"/>
      <c r="GQ301" s="91"/>
      <c r="GR301" s="91"/>
      <c r="GS301" s="91"/>
      <c r="GT301" s="91"/>
      <c r="GU301" s="91"/>
      <c r="GV301" s="91"/>
      <c r="GW301" s="91"/>
      <c r="GX301" s="91"/>
      <c r="GY301" s="91"/>
      <c r="GZ301" s="91"/>
      <c r="HA301" s="91"/>
      <c r="HB301" s="91"/>
      <c r="HC301" s="91"/>
      <c r="HD301" s="91"/>
      <c r="HE301" s="91"/>
      <c r="HF301" s="91"/>
      <c r="HG301" s="91"/>
      <c r="HH301" s="91"/>
      <c r="HI301" s="91"/>
      <c r="HJ301" s="91"/>
      <c r="HK301" s="127"/>
      <c r="HL301" s="126"/>
      <c r="HM301" s="91"/>
      <c r="HN301" s="91"/>
      <c r="HO301" s="91"/>
      <c r="HP301" s="91"/>
      <c r="HQ301" s="91"/>
      <c r="HR301" s="91"/>
      <c r="HS301" s="91"/>
      <c r="HT301" s="91"/>
      <c r="HU301" s="91"/>
      <c r="HV301" s="91"/>
      <c r="HW301" s="91"/>
      <c r="HX301" s="91"/>
      <c r="HY301" s="91"/>
      <c r="HZ301" s="91"/>
      <c r="IA301" s="91"/>
      <c r="IB301" s="91"/>
      <c r="IC301" s="91"/>
      <c r="ID301" s="91"/>
      <c r="IE301" s="91"/>
      <c r="IF301" s="91"/>
      <c r="IG301" s="91"/>
      <c r="IH301" s="91"/>
      <c r="II301" s="91"/>
      <c r="IJ301" s="91"/>
      <c r="IK301" s="127"/>
    </row>
    <row r="302" spans="2:245" x14ac:dyDescent="0.2">
      <c r="B302" s="43"/>
      <c r="C302" s="73"/>
      <c r="D302" s="64"/>
      <c r="E302" s="64"/>
      <c r="F302" s="55"/>
      <c r="G302" s="102"/>
      <c r="H302" s="55"/>
      <c r="I302" s="55"/>
      <c r="J302" s="55"/>
      <c r="K302" s="55"/>
      <c r="L302" s="55"/>
      <c r="M302" s="55"/>
      <c r="N302" s="55"/>
      <c r="O302" s="55"/>
      <c r="P302" s="55"/>
      <c r="Q302" s="55"/>
      <c r="R302" s="55"/>
      <c r="S302" s="55"/>
      <c r="T302" s="55"/>
      <c r="U302" s="55"/>
      <c r="V302" s="55"/>
      <c r="W302" s="55"/>
      <c r="X302" s="55"/>
      <c r="Y302" s="55"/>
      <c r="Z302" s="55"/>
      <c r="AA302" s="55"/>
      <c r="AB302" s="55"/>
      <c r="AC302" s="55"/>
      <c r="AD302" s="55"/>
      <c r="AE302" s="55"/>
      <c r="AF302" s="55"/>
      <c r="AG302" s="55"/>
      <c r="AY302" s="162"/>
      <c r="AZ302" s="162"/>
      <c r="BA302" s="162"/>
      <c r="BB302" s="162"/>
      <c r="BC302" s="162"/>
      <c r="BD302" s="162"/>
      <c r="BE302" s="162"/>
      <c r="BF302" s="162"/>
      <c r="BG302" s="162"/>
      <c r="BH302" s="162"/>
      <c r="BI302" s="162"/>
      <c r="BJ302" s="162"/>
      <c r="BK302" s="162"/>
      <c r="BL302" s="162"/>
      <c r="BM302" s="162"/>
      <c r="BN302" s="162"/>
      <c r="BO302" s="162"/>
      <c r="BP302" s="162"/>
      <c r="BQ302" s="162"/>
      <c r="BR302" s="162"/>
      <c r="BS302" s="162"/>
      <c r="BT302" s="162"/>
      <c r="BU302" s="162"/>
      <c r="BV302" s="162"/>
      <c r="BW302" s="162"/>
      <c r="BX302" s="162"/>
      <c r="BY302" s="162"/>
      <c r="BZ302" s="162"/>
      <c r="CA302" s="162"/>
      <c r="CB302" s="162"/>
      <c r="CC302" s="162"/>
      <c r="CD302" s="162"/>
      <c r="CE302" s="162"/>
      <c r="CF302" s="162"/>
      <c r="CG302" s="162"/>
      <c r="CH302" s="162"/>
      <c r="CI302" s="162"/>
      <c r="CJ302" s="162"/>
      <c r="CK302" s="162"/>
      <c r="CX302" s="98"/>
      <c r="DL302" s="97"/>
      <c r="DX302" s="98"/>
      <c r="EL302" s="97"/>
      <c r="EX302" s="98"/>
      <c r="EY302" s="97"/>
      <c r="FL302" s="126"/>
      <c r="FM302" s="91"/>
      <c r="FN302" s="91"/>
      <c r="FO302" s="91"/>
      <c r="FP302" s="91"/>
      <c r="FQ302" s="91"/>
      <c r="FR302" s="91"/>
      <c r="FS302" s="91"/>
      <c r="FT302" s="91"/>
      <c r="FU302" s="91"/>
      <c r="FV302" s="91"/>
      <c r="FW302" s="91"/>
      <c r="FX302" s="91"/>
      <c r="FY302" s="91"/>
      <c r="FZ302" s="91"/>
      <c r="GA302" s="91"/>
      <c r="GB302" s="91"/>
      <c r="GC302" s="91"/>
      <c r="GD302" s="91"/>
      <c r="GE302" s="91"/>
      <c r="GF302" s="91"/>
      <c r="GG302" s="91"/>
      <c r="GH302" s="91"/>
      <c r="GI302" s="91"/>
      <c r="GJ302" s="91"/>
      <c r="GK302" s="127"/>
      <c r="GL302" s="126"/>
      <c r="GM302" s="91"/>
      <c r="GN302" s="91"/>
      <c r="GO302" s="91"/>
      <c r="GP302" s="91"/>
      <c r="GQ302" s="91"/>
      <c r="GR302" s="91"/>
      <c r="GS302" s="91"/>
      <c r="GT302" s="91"/>
      <c r="GU302" s="91"/>
      <c r="GV302" s="91"/>
      <c r="GW302" s="91"/>
      <c r="GX302" s="91"/>
      <c r="GY302" s="91"/>
      <c r="GZ302" s="91"/>
      <c r="HA302" s="91"/>
      <c r="HB302" s="91"/>
      <c r="HC302" s="91"/>
      <c r="HD302" s="91"/>
      <c r="HE302" s="91"/>
      <c r="HF302" s="91"/>
      <c r="HG302" s="91"/>
      <c r="HH302" s="91"/>
      <c r="HI302" s="91"/>
      <c r="HJ302" s="91"/>
      <c r="HK302" s="127"/>
      <c r="HL302" s="126"/>
      <c r="HM302" s="91"/>
      <c r="HN302" s="91"/>
      <c r="HO302" s="91"/>
      <c r="HP302" s="91"/>
      <c r="HQ302" s="91"/>
      <c r="HR302" s="91"/>
      <c r="HS302" s="91"/>
      <c r="HT302" s="91"/>
      <c r="HU302" s="91"/>
      <c r="HV302" s="91"/>
      <c r="HW302" s="91"/>
      <c r="HX302" s="91"/>
      <c r="HY302" s="91"/>
      <c r="HZ302" s="91"/>
      <c r="IA302" s="91"/>
      <c r="IB302" s="91"/>
      <c r="IC302" s="91"/>
      <c r="ID302" s="91"/>
      <c r="IE302" s="91"/>
      <c r="IF302" s="91"/>
      <c r="IG302" s="91"/>
      <c r="IH302" s="91"/>
      <c r="II302" s="91"/>
      <c r="IJ302" s="91"/>
      <c r="IK302" s="127"/>
    </row>
    <row r="303" spans="2:245" x14ac:dyDescent="0.2">
      <c r="B303" s="43"/>
      <c r="C303" s="73"/>
      <c r="D303" s="64"/>
      <c r="E303" s="64"/>
      <c r="F303" s="55"/>
      <c r="G303" s="102"/>
      <c r="H303" s="55"/>
      <c r="I303" s="55"/>
      <c r="J303" s="55"/>
      <c r="K303" s="55"/>
      <c r="L303" s="55"/>
      <c r="M303" s="55"/>
      <c r="N303" s="55"/>
      <c r="O303" s="55"/>
      <c r="P303" s="55"/>
      <c r="Q303" s="55"/>
      <c r="R303" s="55"/>
      <c r="S303" s="55"/>
      <c r="T303" s="55"/>
      <c r="U303" s="55"/>
      <c r="V303" s="55"/>
      <c r="W303" s="55"/>
      <c r="X303" s="55"/>
      <c r="Y303" s="55"/>
      <c r="Z303" s="55"/>
      <c r="AA303" s="55"/>
      <c r="AB303" s="55"/>
      <c r="AC303" s="55"/>
      <c r="AD303" s="55"/>
      <c r="AE303" s="55"/>
      <c r="AF303" s="55"/>
      <c r="AG303" s="55"/>
      <c r="AY303" s="162"/>
      <c r="AZ303" s="162"/>
      <c r="BA303" s="162"/>
      <c r="BB303" s="162"/>
      <c r="BC303" s="162"/>
      <c r="BD303" s="162"/>
      <c r="BE303" s="162"/>
      <c r="BF303" s="162"/>
      <c r="BG303" s="162"/>
      <c r="BH303" s="162"/>
      <c r="BI303" s="162"/>
      <c r="BJ303" s="162"/>
      <c r="BK303" s="162"/>
      <c r="BL303" s="162"/>
      <c r="BM303" s="162"/>
      <c r="BN303" s="162"/>
      <c r="BO303" s="162"/>
      <c r="BP303" s="162"/>
      <c r="BQ303" s="162"/>
      <c r="BR303" s="162"/>
      <c r="BS303" s="162"/>
      <c r="BT303" s="162"/>
      <c r="BU303" s="162"/>
      <c r="BV303" s="162"/>
      <c r="BW303" s="162"/>
      <c r="BX303" s="162"/>
      <c r="BY303" s="162"/>
      <c r="BZ303" s="162"/>
      <c r="CA303" s="162"/>
      <c r="CB303" s="162"/>
      <c r="CC303" s="162"/>
      <c r="CD303" s="162"/>
      <c r="CE303" s="162"/>
      <c r="CF303" s="162"/>
      <c r="CG303" s="162"/>
      <c r="CH303" s="162"/>
      <c r="CI303" s="162"/>
      <c r="CJ303" s="162"/>
      <c r="CK303" s="162"/>
      <c r="CX303" s="98"/>
      <c r="DL303" s="97"/>
      <c r="DX303" s="98"/>
      <c r="EL303" s="97"/>
      <c r="EX303" s="98"/>
      <c r="EY303" s="97"/>
      <c r="FL303" s="126"/>
      <c r="FM303" s="91"/>
      <c r="FN303" s="91"/>
      <c r="FO303" s="91"/>
      <c r="FP303" s="91"/>
      <c r="FQ303" s="91"/>
      <c r="FR303" s="91"/>
      <c r="FS303" s="91"/>
      <c r="FT303" s="91"/>
      <c r="FU303" s="91"/>
      <c r="FV303" s="91"/>
      <c r="FW303" s="91"/>
      <c r="FX303" s="91"/>
      <c r="FY303" s="91"/>
      <c r="FZ303" s="91"/>
      <c r="GA303" s="91"/>
      <c r="GB303" s="91"/>
      <c r="GC303" s="91"/>
      <c r="GD303" s="91"/>
      <c r="GE303" s="91"/>
      <c r="GF303" s="91"/>
      <c r="GG303" s="91"/>
      <c r="GH303" s="91"/>
      <c r="GI303" s="91"/>
      <c r="GJ303" s="91"/>
      <c r="GK303" s="127"/>
      <c r="GL303" s="126"/>
      <c r="GM303" s="91"/>
      <c r="GN303" s="91"/>
      <c r="GO303" s="91"/>
      <c r="GP303" s="91"/>
      <c r="GQ303" s="91"/>
      <c r="GR303" s="91"/>
      <c r="GS303" s="91"/>
      <c r="GT303" s="91"/>
      <c r="GU303" s="91"/>
      <c r="GV303" s="91"/>
      <c r="GW303" s="91"/>
      <c r="GX303" s="91"/>
      <c r="GY303" s="91"/>
      <c r="GZ303" s="91"/>
      <c r="HA303" s="91"/>
      <c r="HB303" s="91"/>
      <c r="HC303" s="91"/>
      <c r="HD303" s="91"/>
      <c r="HE303" s="91"/>
      <c r="HF303" s="91"/>
      <c r="HG303" s="91"/>
      <c r="HH303" s="91"/>
      <c r="HI303" s="91"/>
      <c r="HJ303" s="91"/>
      <c r="HK303" s="127"/>
      <c r="HL303" s="126"/>
      <c r="HM303" s="91"/>
      <c r="HN303" s="91"/>
      <c r="HO303" s="91"/>
      <c r="HP303" s="91"/>
      <c r="HQ303" s="91"/>
      <c r="HR303" s="91"/>
      <c r="HS303" s="91"/>
      <c r="HT303" s="91"/>
      <c r="HU303" s="91"/>
      <c r="HV303" s="91"/>
      <c r="HW303" s="91"/>
      <c r="HX303" s="91"/>
      <c r="HY303" s="91"/>
      <c r="HZ303" s="91"/>
      <c r="IA303" s="91"/>
      <c r="IB303" s="91"/>
      <c r="IC303" s="91"/>
      <c r="ID303" s="91"/>
      <c r="IE303" s="91"/>
      <c r="IF303" s="91"/>
      <c r="IG303" s="91"/>
      <c r="IH303" s="91"/>
      <c r="II303" s="91"/>
      <c r="IJ303" s="91"/>
      <c r="IK303" s="127"/>
    </row>
    <row r="304" spans="2:245" x14ac:dyDescent="0.2">
      <c r="B304" s="43"/>
      <c r="C304" s="73"/>
      <c r="D304" s="64"/>
      <c r="E304" s="64"/>
      <c r="F304" s="55"/>
      <c r="G304" s="102"/>
      <c r="H304" s="55"/>
      <c r="I304" s="55"/>
      <c r="J304" s="55"/>
      <c r="K304" s="55"/>
      <c r="L304" s="55"/>
      <c r="M304" s="55"/>
      <c r="N304" s="55"/>
      <c r="O304" s="55"/>
      <c r="P304" s="55"/>
      <c r="Q304" s="55"/>
      <c r="R304" s="55"/>
      <c r="S304" s="55"/>
      <c r="T304" s="55"/>
      <c r="U304" s="55"/>
      <c r="V304" s="55"/>
      <c r="W304" s="55"/>
      <c r="X304" s="55"/>
      <c r="Y304" s="55"/>
      <c r="Z304" s="55"/>
      <c r="AA304" s="55"/>
      <c r="AB304" s="55"/>
      <c r="AC304" s="55"/>
      <c r="AD304" s="55"/>
      <c r="AE304" s="55"/>
      <c r="AF304" s="55"/>
      <c r="AG304" s="55"/>
      <c r="AY304" s="162"/>
      <c r="AZ304" s="162"/>
      <c r="BA304" s="162"/>
      <c r="BB304" s="162"/>
      <c r="BC304" s="162"/>
      <c r="BD304" s="162"/>
      <c r="BE304" s="162"/>
      <c r="BF304" s="162"/>
      <c r="BG304" s="162"/>
      <c r="BH304" s="162"/>
      <c r="BI304" s="162"/>
      <c r="BJ304" s="162"/>
      <c r="BK304" s="162"/>
      <c r="BL304" s="162"/>
      <c r="BM304" s="162"/>
      <c r="BN304" s="162"/>
      <c r="BO304" s="162"/>
      <c r="BP304" s="162"/>
      <c r="BQ304" s="162"/>
      <c r="BR304" s="162"/>
      <c r="BS304" s="162"/>
      <c r="BT304" s="162"/>
      <c r="BU304" s="162"/>
      <c r="BV304" s="162"/>
      <c r="BW304" s="162"/>
      <c r="BX304" s="162"/>
      <c r="BY304" s="162"/>
      <c r="BZ304" s="162"/>
      <c r="CA304" s="162"/>
      <c r="CB304" s="162"/>
      <c r="CC304" s="162"/>
      <c r="CD304" s="162"/>
      <c r="CE304" s="162"/>
      <c r="CF304" s="162"/>
      <c r="CG304" s="162"/>
      <c r="CH304" s="162"/>
      <c r="CI304" s="162"/>
      <c r="CJ304" s="162"/>
      <c r="CK304" s="162"/>
      <c r="CX304" s="98"/>
      <c r="DL304" s="97"/>
      <c r="DX304" s="98"/>
      <c r="EL304" s="97"/>
      <c r="EX304" s="98"/>
      <c r="EY304" s="97"/>
      <c r="FL304" s="126"/>
      <c r="FM304" s="91"/>
      <c r="FN304" s="91"/>
      <c r="FO304" s="91"/>
      <c r="FP304" s="91"/>
      <c r="FQ304" s="91"/>
      <c r="FR304" s="91"/>
      <c r="FS304" s="91"/>
      <c r="FT304" s="91"/>
      <c r="FU304" s="91"/>
      <c r="FV304" s="91"/>
      <c r="FW304" s="91"/>
      <c r="FX304" s="91"/>
      <c r="FY304" s="91"/>
      <c r="FZ304" s="91"/>
      <c r="GA304" s="91"/>
      <c r="GB304" s="91"/>
      <c r="GC304" s="91"/>
      <c r="GD304" s="91"/>
      <c r="GE304" s="91"/>
      <c r="GF304" s="91"/>
      <c r="GG304" s="91"/>
      <c r="GH304" s="91"/>
      <c r="GI304" s="91"/>
      <c r="GJ304" s="91"/>
      <c r="GK304" s="127"/>
      <c r="GL304" s="126"/>
      <c r="GM304" s="91"/>
      <c r="GN304" s="91"/>
      <c r="GO304" s="91"/>
      <c r="GP304" s="91"/>
      <c r="GQ304" s="91"/>
      <c r="GR304" s="91"/>
      <c r="GS304" s="91"/>
      <c r="GT304" s="91"/>
      <c r="GU304" s="91"/>
      <c r="GV304" s="91"/>
      <c r="GW304" s="91"/>
      <c r="GX304" s="91"/>
      <c r="GY304" s="91"/>
      <c r="GZ304" s="91"/>
      <c r="HA304" s="91"/>
      <c r="HB304" s="91"/>
      <c r="HC304" s="91"/>
      <c r="HD304" s="91"/>
      <c r="HE304" s="91"/>
      <c r="HF304" s="91"/>
      <c r="HG304" s="91"/>
      <c r="HH304" s="91"/>
      <c r="HI304" s="91"/>
      <c r="HJ304" s="91"/>
      <c r="HK304" s="127"/>
      <c r="HL304" s="126"/>
      <c r="HM304" s="91"/>
      <c r="HN304" s="91"/>
      <c r="HO304" s="91"/>
      <c r="HP304" s="91"/>
      <c r="HQ304" s="91"/>
      <c r="HR304" s="91"/>
      <c r="HS304" s="91"/>
      <c r="HT304" s="91"/>
      <c r="HU304" s="91"/>
      <c r="HV304" s="91"/>
      <c r="HW304" s="91"/>
      <c r="HX304" s="91"/>
      <c r="HY304" s="91"/>
      <c r="HZ304" s="91"/>
      <c r="IA304" s="91"/>
      <c r="IB304" s="91"/>
      <c r="IC304" s="91"/>
      <c r="ID304" s="91"/>
      <c r="IE304" s="91"/>
      <c r="IF304" s="91"/>
      <c r="IG304" s="91"/>
      <c r="IH304" s="91"/>
      <c r="II304" s="91"/>
      <c r="IJ304" s="91"/>
      <c r="IK304" s="127"/>
    </row>
    <row r="305" spans="2:245" x14ac:dyDescent="0.2">
      <c r="B305" s="43"/>
      <c r="C305" s="73"/>
      <c r="D305" s="64"/>
      <c r="E305" s="64"/>
      <c r="F305" s="55"/>
      <c r="G305" s="102"/>
      <c r="H305" s="55"/>
      <c r="I305" s="55"/>
      <c r="J305" s="55"/>
      <c r="K305" s="55"/>
      <c r="L305" s="55"/>
      <c r="M305" s="55"/>
      <c r="N305" s="55"/>
      <c r="O305" s="55"/>
      <c r="P305" s="55"/>
      <c r="Q305" s="55"/>
      <c r="R305" s="55"/>
      <c r="S305" s="55"/>
      <c r="T305" s="55"/>
      <c r="U305" s="55"/>
      <c r="V305" s="55"/>
      <c r="W305" s="55"/>
      <c r="X305" s="55"/>
      <c r="Y305" s="55"/>
      <c r="Z305" s="55"/>
      <c r="AA305" s="55"/>
      <c r="AB305" s="55"/>
      <c r="AC305" s="55"/>
      <c r="AD305" s="55"/>
      <c r="AE305" s="55"/>
      <c r="AF305" s="55"/>
      <c r="AG305" s="55"/>
      <c r="AY305" s="162"/>
      <c r="AZ305" s="162"/>
      <c r="BA305" s="162"/>
      <c r="BB305" s="162"/>
      <c r="BC305" s="162"/>
      <c r="BD305" s="162"/>
      <c r="BE305" s="162"/>
      <c r="BF305" s="162"/>
      <c r="BG305" s="162"/>
      <c r="BH305" s="162"/>
      <c r="BI305" s="162"/>
      <c r="BJ305" s="162"/>
      <c r="BK305" s="162"/>
      <c r="BL305" s="162"/>
      <c r="BM305" s="162"/>
      <c r="BN305" s="162"/>
      <c r="BO305" s="162"/>
      <c r="BP305" s="162"/>
      <c r="BQ305" s="162"/>
      <c r="BR305" s="162"/>
      <c r="BS305" s="162"/>
      <c r="BT305" s="162"/>
      <c r="BU305" s="162"/>
      <c r="BV305" s="162"/>
      <c r="BW305" s="162"/>
      <c r="BX305" s="162"/>
      <c r="BY305" s="162"/>
      <c r="BZ305" s="162"/>
      <c r="CA305" s="162"/>
      <c r="CB305" s="162"/>
      <c r="CC305" s="162"/>
      <c r="CD305" s="162"/>
      <c r="CE305" s="162"/>
      <c r="CF305" s="162"/>
      <c r="CG305" s="162"/>
      <c r="CH305" s="162"/>
      <c r="CI305" s="162"/>
      <c r="CJ305" s="162"/>
      <c r="CK305" s="162"/>
      <c r="CX305" s="98"/>
      <c r="DL305" s="97"/>
      <c r="DX305" s="98"/>
      <c r="EL305" s="97"/>
      <c r="EX305" s="98"/>
      <c r="EY305" s="97"/>
      <c r="FL305" s="126"/>
      <c r="FM305" s="91"/>
      <c r="FN305" s="91"/>
      <c r="FO305" s="91"/>
      <c r="FP305" s="91"/>
      <c r="FQ305" s="91"/>
      <c r="FR305" s="91"/>
      <c r="FS305" s="91"/>
      <c r="FT305" s="91"/>
      <c r="FU305" s="91"/>
      <c r="FV305" s="91"/>
      <c r="FW305" s="91"/>
      <c r="FX305" s="91"/>
      <c r="FY305" s="91"/>
      <c r="FZ305" s="91"/>
      <c r="GA305" s="91"/>
      <c r="GB305" s="91"/>
      <c r="GC305" s="91"/>
      <c r="GD305" s="91"/>
      <c r="GE305" s="91"/>
      <c r="GF305" s="91"/>
      <c r="GG305" s="91"/>
      <c r="GH305" s="91"/>
      <c r="GI305" s="91"/>
      <c r="GJ305" s="91"/>
      <c r="GK305" s="127"/>
      <c r="GL305" s="126"/>
      <c r="GM305" s="91"/>
      <c r="GN305" s="91"/>
      <c r="GO305" s="91"/>
      <c r="GP305" s="91"/>
      <c r="GQ305" s="91"/>
      <c r="GR305" s="91"/>
      <c r="GS305" s="91"/>
      <c r="GT305" s="91"/>
      <c r="GU305" s="91"/>
      <c r="GV305" s="91"/>
      <c r="GW305" s="91"/>
      <c r="GX305" s="91"/>
      <c r="GY305" s="91"/>
      <c r="GZ305" s="91"/>
      <c r="HA305" s="91"/>
      <c r="HB305" s="91"/>
      <c r="HC305" s="91"/>
      <c r="HD305" s="91"/>
      <c r="HE305" s="91"/>
      <c r="HF305" s="91"/>
      <c r="HG305" s="91"/>
      <c r="HH305" s="91"/>
      <c r="HI305" s="91"/>
      <c r="HJ305" s="91"/>
      <c r="HK305" s="127"/>
      <c r="HL305" s="126"/>
      <c r="HM305" s="91"/>
      <c r="HN305" s="91"/>
      <c r="HO305" s="91"/>
      <c r="HP305" s="91"/>
      <c r="HQ305" s="91"/>
      <c r="HR305" s="91"/>
      <c r="HS305" s="91"/>
      <c r="HT305" s="91"/>
      <c r="HU305" s="91"/>
      <c r="HV305" s="91"/>
      <c r="HW305" s="91"/>
      <c r="HX305" s="91"/>
      <c r="HY305" s="91"/>
      <c r="HZ305" s="91"/>
      <c r="IA305" s="91"/>
      <c r="IB305" s="91"/>
      <c r="IC305" s="91"/>
      <c r="ID305" s="91"/>
      <c r="IE305" s="91"/>
      <c r="IF305" s="91"/>
      <c r="IG305" s="91"/>
      <c r="IH305" s="91"/>
      <c r="II305" s="91"/>
      <c r="IJ305" s="91"/>
      <c r="IK305" s="127"/>
    </row>
    <row r="306" spans="2:245" x14ac:dyDescent="0.2">
      <c r="B306" s="43"/>
      <c r="C306" s="73"/>
      <c r="D306" s="64"/>
      <c r="E306" s="64"/>
      <c r="F306" s="55"/>
      <c r="G306" s="102"/>
      <c r="H306" s="55"/>
      <c r="I306" s="55"/>
      <c r="J306" s="55"/>
      <c r="K306" s="55"/>
      <c r="L306" s="55"/>
      <c r="M306" s="55"/>
      <c r="N306" s="55"/>
      <c r="O306" s="55"/>
      <c r="P306" s="55"/>
      <c r="Q306" s="55"/>
      <c r="R306" s="55"/>
      <c r="S306" s="55"/>
      <c r="T306" s="55"/>
      <c r="U306" s="55"/>
      <c r="V306" s="55"/>
      <c r="W306" s="55"/>
      <c r="X306" s="55"/>
      <c r="Y306" s="55"/>
      <c r="Z306" s="55"/>
      <c r="AA306" s="55"/>
      <c r="AB306" s="55"/>
      <c r="AC306" s="55"/>
      <c r="AD306" s="55"/>
      <c r="AE306" s="55"/>
      <c r="AF306" s="55"/>
      <c r="AG306" s="55"/>
      <c r="AY306" s="162"/>
      <c r="AZ306" s="162"/>
      <c r="BA306" s="162"/>
      <c r="BB306" s="162"/>
      <c r="BC306" s="162"/>
      <c r="BD306" s="162"/>
      <c r="BE306" s="162"/>
      <c r="BF306" s="162"/>
      <c r="BG306" s="162"/>
      <c r="BH306" s="162"/>
      <c r="BI306" s="162"/>
      <c r="BJ306" s="162"/>
      <c r="BK306" s="162"/>
      <c r="BL306" s="162"/>
      <c r="BM306" s="162"/>
      <c r="BN306" s="162"/>
      <c r="BO306" s="162"/>
      <c r="BP306" s="162"/>
      <c r="BQ306" s="162"/>
      <c r="BR306" s="162"/>
      <c r="BS306" s="162"/>
      <c r="BT306" s="162"/>
      <c r="BU306" s="162"/>
      <c r="BV306" s="162"/>
      <c r="BW306" s="162"/>
      <c r="BX306" s="162"/>
      <c r="BY306" s="162"/>
      <c r="BZ306" s="162"/>
      <c r="CA306" s="162"/>
      <c r="CB306" s="162"/>
      <c r="CC306" s="162"/>
      <c r="CD306" s="162"/>
      <c r="CE306" s="162"/>
      <c r="CF306" s="162"/>
      <c r="CG306" s="162"/>
      <c r="CH306" s="162"/>
      <c r="CI306" s="162"/>
      <c r="CJ306" s="162"/>
      <c r="CK306" s="162"/>
      <c r="CX306" s="98"/>
      <c r="DL306" s="97"/>
      <c r="DX306" s="98"/>
      <c r="EL306" s="97"/>
      <c r="EX306" s="98"/>
      <c r="EY306" s="97"/>
      <c r="FL306" s="126"/>
      <c r="FM306" s="91"/>
      <c r="FN306" s="91"/>
      <c r="FO306" s="91"/>
      <c r="FP306" s="91"/>
      <c r="FQ306" s="91"/>
      <c r="FR306" s="91"/>
      <c r="FS306" s="91"/>
      <c r="FT306" s="91"/>
      <c r="FU306" s="91"/>
      <c r="FV306" s="91"/>
      <c r="FW306" s="91"/>
      <c r="FX306" s="91"/>
      <c r="FY306" s="91"/>
      <c r="FZ306" s="91"/>
      <c r="GA306" s="91"/>
      <c r="GB306" s="91"/>
      <c r="GC306" s="91"/>
      <c r="GD306" s="91"/>
      <c r="GE306" s="91"/>
      <c r="GF306" s="91"/>
      <c r="GG306" s="91"/>
      <c r="GH306" s="91"/>
      <c r="GI306" s="91"/>
      <c r="GJ306" s="91"/>
      <c r="GK306" s="127"/>
      <c r="GL306" s="126"/>
      <c r="GM306" s="91"/>
      <c r="GN306" s="91"/>
      <c r="GO306" s="91"/>
      <c r="GP306" s="91"/>
      <c r="GQ306" s="91"/>
      <c r="GR306" s="91"/>
      <c r="GS306" s="91"/>
      <c r="GT306" s="91"/>
      <c r="GU306" s="91"/>
      <c r="GV306" s="91"/>
      <c r="GW306" s="91"/>
      <c r="GX306" s="91"/>
      <c r="GY306" s="91"/>
      <c r="GZ306" s="91"/>
      <c r="HA306" s="91"/>
      <c r="HB306" s="91"/>
      <c r="HC306" s="91"/>
      <c r="HD306" s="91"/>
      <c r="HE306" s="91"/>
      <c r="HF306" s="91"/>
      <c r="HG306" s="91"/>
      <c r="HH306" s="91"/>
      <c r="HI306" s="91"/>
      <c r="HJ306" s="91"/>
      <c r="HK306" s="127"/>
      <c r="HL306" s="126"/>
      <c r="HM306" s="91"/>
      <c r="HN306" s="91"/>
      <c r="HO306" s="91"/>
      <c r="HP306" s="91"/>
      <c r="HQ306" s="91"/>
      <c r="HR306" s="91"/>
      <c r="HS306" s="91"/>
      <c r="HT306" s="91"/>
      <c r="HU306" s="91"/>
      <c r="HV306" s="91"/>
      <c r="HW306" s="91"/>
      <c r="HX306" s="91"/>
      <c r="HY306" s="91"/>
      <c r="HZ306" s="91"/>
      <c r="IA306" s="91"/>
      <c r="IB306" s="91"/>
      <c r="IC306" s="91"/>
      <c r="ID306" s="91"/>
      <c r="IE306" s="91"/>
      <c r="IF306" s="91"/>
      <c r="IG306" s="91"/>
      <c r="IH306" s="91"/>
      <c r="II306" s="91"/>
      <c r="IJ306" s="91"/>
      <c r="IK306" s="127"/>
    </row>
    <row r="307" spans="2:245" x14ac:dyDescent="0.2">
      <c r="B307" s="43"/>
      <c r="C307" s="73"/>
      <c r="D307" s="64"/>
      <c r="E307" s="64"/>
      <c r="F307" s="55"/>
      <c r="G307" s="102"/>
      <c r="H307" s="55"/>
      <c r="I307" s="55"/>
      <c r="J307" s="55"/>
      <c r="K307" s="55"/>
      <c r="L307" s="55"/>
      <c r="M307" s="55"/>
      <c r="N307" s="55"/>
      <c r="O307" s="55"/>
      <c r="P307" s="55"/>
      <c r="Q307" s="55"/>
      <c r="R307" s="55"/>
      <c r="S307" s="55"/>
      <c r="T307" s="55"/>
      <c r="U307" s="55"/>
      <c r="V307" s="55"/>
      <c r="W307" s="55"/>
      <c r="X307" s="55"/>
      <c r="Y307" s="55"/>
      <c r="Z307" s="55"/>
      <c r="AA307" s="55"/>
      <c r="AB307" s="55"/>
      <c r="AC307" s="55"/>
      <c r="AD307" s="55"/>
      <c r="AE307" s="55"/>
      <c r="AF307" s="55"/>
      <c r="AG307" s="55"/>
      <c r="AY307" s="162"/>
      <c r="AZ307" s="162"/>
      <c r="BA307" s="162"/>
      <c r="BB307" s="162"/>
      <c r="BC307" s="162"/>
      <c r="BD307" s="162"/>
      <c r="BE307" s="162"/>
      <c r="BF307" s="162"/>
      <c r="BG307" s="162"/>
      <c r="BH307" s="162"/>
      <c r="BI307" s="162"/>
      <c r="BJ307" s="162"/>
      <c r="BK307" s="162"/>
      <c r="BL307" s="162"/>
      <c r="BM307" s="162"/>
      <c r="BN307" s="162"/>
      <c r="BO307" s="162"/>
      <c r="BP307" s="162"/>
      <c r="BQ307" s="162"/>
      <c r="BR307" s="162"/>
      <c r="BS307" s="162"/>
      <c r="BT307" s="162"/>
      <c r="BU307" s="162"/>
      <c r="BV307" s="162"/>
      <c r="BW307" s="162"/>
      <c r="BX307" s="162"/>
      <c r="BY307" s="162"/>
      <c r="BZ307" s="162"/>
      <c r="CA307" s="162"/>
      <c r="CB307" s="162"/>
      <c r="CC307" s="162"/>
      <c r="CD307" s="162"/>
      <c r="CE307" s="162"/>
      <c r="CF307" s="162"/>
      <c r="CG307" s="162"/>
      <c r="CH307" s="162"/>
      <c r="CI307" s="162"/>
      <c r="CJ307" s="162"/>
      <c r="CK307" s="162"/>
      <c r="CX307" s="98"/>
      <c r="DL307" s="97"/>
      <c r="DX307" s="98"/>
      <c r="EL307" s="97"/>
      <c r="EX307" s="98"/>
      <c r="EY307" s="97"/>
      <c r="FL307" s="126"/>
      <c r="FM307" s="91"/>
      <c r="FN307" s="91"/>
      <c r="FO307" s="91"/>
      <c r="FP307" s="91"/>
      <c r="FQ307" s="91"/>
      <c r="FR307" s="91"/>
      <c r="FS307" s="91"/>
      <c r="FT307" s="91"/>
      <c r="FU307" s="91"/>
      <c r="FV307" s="91"/>
      <c r="FW307" s="91"/>
      <c r="FX307" s="91"/>
      <c r="FY307" s="91"/>
      <c r="FZ307" s="91"/>
      <c r="GA307" s="91"/>
      <c r="GB307" s="91"/>
      <c r="GC307" s="91"/>
      <c r="GD307" s="91"/>
      <c r="GE307" s="91"/>
      <c r="GF307" s="91"/>
      <c r="GG307" s="91"/>
      <c r="GH307" s="91"/>
      <c r="GI307" s="91"/>
      <c r="GJ307" s="91"/>
      <c r="GK307" s="127"/>
      <c r="GL307" s="126"/>
      <c r="GM307" s="91"/>
      <c r="GN307" s="91"/>
      <c r="GO307" s="91"/>
      <c r="GP307" s="91"/>
      <c r="GQ307" s="91"/>
      <c r="GR307" s="91"/>
      <c r="GS307" s="91"/>
      <c r="GT307" s="91"/>
      <c r="GU307" s="91"/>
      <c r="GV307" s="91"/>
      <c r="GW307" s="91"/>
      <c r="GX307" s="91"/>
      <c r="GY307" s="91"/>
      <c r="GZ307" s="91"/>
      <c r="HA307" s="91"/>
      <c r="HB307" s="91"/>
      <c r="HC307" s="91"/>
      <c r="HD307" s="91"/>
      <c r="HE307" s="91"/>
      <c r="HF307" s="91"/>
      <c r="HG307" s="91"/>
      <c r="HH307" s="91"/>
      <c r="HI307" s="91"/>
      <c r="HJ307" s="91"/>
      <c r="HK307" s="127"/>
      <c r="HL307" s="126"/>
      <c r="HM307" s="91"/>
      <c r="HN307" s="91"/>
      <c r="HO307" s="91"/>
      <c r="HP307" s="91"/>
      <c r="HQ307" s="91"/>
      <c r="HR307" s="91"/>
      <c r="HS307" s="91"/>
      <c r="HT307" s="91"/>
      <c r="HU307" s="91"/>
      <c r="HV307" s="91"/>
      <c r="HW307" s="91"/>
      <c r="HX307" s="91"/>
      <c r="HY307" s="91"/>
      <c r="HZ307" s="91"/>
      <c r="IA307" s="91"/>
      <c r="IB307" s="91"/>
      <c r="IC307" s="91"/>
      <c r="ID307" s="91"/>
      <c r="IE307" s="91"/>
      <c r="IF307" s="91"/>
      <c r="IG307" s="91"/>
      <c r="IH307" s="91"/>
      <c r="II307" s="91"/>
      <c r="IJ307" s="91"/>
      <c r="IK307" s="127"/>
    </row>
    <row r="308" spans="2:245" x14ac:dyDescent="0.2">
      <c r="B308" s="43"/>
      <c r="C308" s="73"/>
      <c r="D308" s="64"/>
      <c r="E308" s="64"/>
      <c r="F308" s="55"/>
      <c r="G308" s="102"/>
      <c r="H308" s="55"/>
      <c r="I308" s="55"/>
      <c r="J308" s="55"/>
      <c r="K308" s="55"/>
      <c r="L308" s="55"/>
      <c r="M308" s="55"/>
      <c r="N308" s="55"/>
      <c r="O308" s="55"/>
      <c r="P308" s="55"/>
      <c r="Q308" s="55"/>
      <c r="R308" s="55"/>
      <c r="S308" s="55"/>
      <c r="T308" s="55"/>
      <c r="U308" s="55"/>
      <c r="V308" s="55"/>
      <c r="W308" s="55"/>
      <c r="X308" s="55"/>
      <c r="Y308" s="55"/>
      <c r="Z308" s="55"/>
      <c r="AA308" s="55"/>
      <c r="AB308" s="55"/>
      <c r="AC308" s="55"/>
      <c r="AD308" s="55"/>
      <c r="AE308" s="55"/>
      <c r="AF308" s="55"/>
      <c r="AG308" s="55"/>
      <c r="AY308" s="162"/>
      <c r="AZ308" s="162"/>
      <c r="BA308" s="162"/>
      <c r="BB308" s="162"/>
      <c r="BC308" s="162"/>
      <c r="BD308" s="162"/>
      <c r="BE308" s="162"/>
      <c r="BF308" s="162"/>
      <c r="BG308" s="162"/>
      <c r="BH308" s="162"/>
      <c r="BI308" s="162"/>
      <c r="BJ308" s="162"/>
      <c r="BK308" s="162"/>
      <c r="BL308" s="162"/>
      <c r="BM308" s="162"/>
      <c r="BN308" s="162"/>
      <c r="BO308" s="162"/>
      <c r="BP308" s="162"/>
      <c r="BQ308" s="162"/>
      <c r="BR308" s="162"/>
      <c r="BS308" s="162"/>
      <c r="BT308" s="162"/>
      <c r="BU308" s="162"/>
      <c r="BV308" s="162"/>
      <c r="BW308" s="162"/>
      <c r="BX308" s="162"/>
      <c r="BY308" s="162"/>
      <c r="BZ308" s="162"/>
      <c r="CA308" s="162"/>
      <c r="CB308" s="162"/>
      <c r="CC308" s="162"/>
      <c r="CD308" s="162"/>
      <c r="CE308" s="162"/>
      <c r="CF308" s="162"/>
      <c r="CG308" s="162"/>
      <c r="CH308" s="162"/>
      <c r="CI308" s="162"/>
      <c r="CJ308" s="162"/>
      <c r="CK308" s="162"/>
      <c r="CX308" s="98"/>
      <c r="DL308" s="97"/>
      <c r="DX308" s="98"/>
      <c r="EL308" s="97"/>
      <c r="EX308" s="98"/>
      <c r="EY308" s="97"/>
      <c r="FL308" s="126"/>
      <c r="FM308" s="91"/>
      <c r="FN308" s="91"/>
      <c r="FO308" s="91"/>
      <c r="FP308" s="91"/>
      <c r="FQ308" s="91"/>
      <c r="FR308" s="91"/>
      <c r="FS308" s="91"/>
      <c r="FT308" s="91"/>
      <c r="FU308" s="91"/>
      <c r="FV308" s="91"/>
      <c r="FW308" s="91"/>
      <c r="FX308" s="91"/>
      <c r="FY308" s="91"/>
      <c r="FZ308" s="91"/>
      <c r="GA308" s="91"/>
      <c r="GB308" s="91"/>
      <c r="GC308" s="91"/>
      <c r="GD308" s="91"/>
      <c r="GE308" s="91"/>
      <c r="GF308" s="91"/>
      <c r="GG308" s="91"/>
      <c r="GH308" s="91"/>
      <c r="GI308" s="91"/>
      <c r="GJ308" s="91"/>
      <c r="GK308" s="127"/>
      <c r="GL308" s="126"/>
      <c r="GM308" s="91"/>
      <c r="GN308" s="91"/>
      <c r="GO308" s="91"/>
      <c r="GP308" s="91"/>
      <c r="GQ308" s="91"/>
      <c r="GR308" s="91"/>
      <c r="GS308" s="91"/>
      <c r="GT308" s="91"/>
      <c r="GU308" s="91"/>
      <c r="GV308" s="91"/>
      <c r="GW308" s="91"/>
      <c r="GX308" s="91"/>
      <c r="GY308" s="91"/>
      <c r="GZ308" s="91"/>
      <c r="HA308" s="91"/>
      <c r="HB308" s="91"/>
      <c r="HC308" s="91"/>
      <c r="HD308" s="91"/>
      <c r="HE308" s="91"/>
      <c r="HF308" s="91"/>
      <c r="HG308" s="91"/>
      <c r="HH308" s="91"/>
      <c r="HI308" s="91"/>
      <c r="HJ308" s="91"/>
      <c r="HK308" s="127"/>
      <c r="HL308" s="126"/>
      <c r="HM308" s="91"/>
      <c r="HN308" s="91"/>
      <c r="HO308" s="91"/>
      <c r="HP308" s="91"/>
      <c r="HQ308" s="91"/>
      <c r="HR308" s="91"/>
      <c r="HS308" s="91"/>
      <c r="HT308" s="91"/>
      <c r="HU308" s="91"/>
      <c r="HV308" s="91"/>
      <c r="HW308" s="91"/>
      <c r="HX308" s="91"/>
      <c r="HY308" s="91"/>
      <c r="HZ308" s="91"/>
      <c r="IA308" s="91"/>
      <c r="IB308" s="91"/>
      <c r="IC308" s="91"/>
      <c r="ID308" s="91"/>
      <c r="IE308" s="91"/>
      <c r="IF308" s="91"/>
      <c r="IG308" s="91"/>
      <c r="IH308" s="91"/>
      <c r="II308" s="91"/>
      <c r="IJ308" s="91"/>
      <c r="IK308" s="127"/>
    </row>
    <row r="309" spans="2:245" x14ac:dyDescent="0.2">
      <c r="B309" s="43"/>
      <c r="C309" s="73"/>
      <c r="D309" s="64"/>
      <c r="E309" s="64"/>
      <c r="F309" s="55"/>
      <c r="G309" s="102"/>
      <c r="H309" s="55"/>
      <c r="I309" s="55"/>
      <c r="J309" s="55"/>
      <c r="K309" s="55"/>
      <c r="L309" s="55"/>
      <c r="M309" s="55"/>
      <c r="N309" s="55"/>
      <c r="O309" s="55"/>
      <c r="P309" s="55"/>
      <c r="Q309" s="55"/>
      <c r="R309" s="55"/>
      <c r="S309" s="55"/>
      <c r="T309" s="55"/>
      <c r="U309" s="55"/>
      <c r="V309" s="55"/>
      <c r="W309" s="55"/>
      <c r="X309" s="55"/>
      <c r="Y309" s="55"/>
      <c r="Z309" s="55"/>
      <c r="AA309" s="55"/>
      <c r="AB309" s="55"/>
      <c r="AC309" s="55"/>
      <c r="AD309" s="55"/>
      <c r="AE309" s="55"/>
      <c r="AF309" s="55"/>
      <c r="AG309" s="55"/>
      <c r="AY309" s="162"/>
      <c r="AZ309" s="162"/>
      <c r="BA309" s="162"/>
      <c r="BB309" s="162"/>
      <c r="BC309" s="162"/>
      <c r="BD309" s="162"/>
      <c r="BE309" s="162"/>
      <c r="BF309" s="162"/>
      <c r="BG309" s="162"/>
      <c r="BH309" s="162"/>
      <c r="BI309" s="162"/>
      <c r="BJ309" s="162"/>
      <c r="BK309" s="162"/>
      <c r="BL309" s="162"/>
      <c r="BM309" s="162"/>
      <c r="BN309" s="162"/>
      <c r="BO309" s="162"/>
      <c r="BP309" s="162"/>
      <c r="BQ309" s="162"/>
      <c r="BR309" s="162"/>
      <c r="BS309" s="162"/>
      <c r="BT309" s="162"/>
      <c r="BU309" s="162"/>
      <c r="BV309" s="162"/>
      <c r="BW309" s="162"/>
      <c r="BX309" s="162"/>
      <c r="BY309" s="162"/>
      <c r="BZ309" s="162"/>
      <c r="CA309" s="162"/>
      <c r="CB309" s="162"/>
      <c r="CC309" s="162"/>
      <c r="CD309" s="162"/>
      <c r="CE309" s="162"/>
      <c r="CF309" s="162"/>
      <c r="CG309" s="162"/>
      <c r="CH309" s="162"/>
      <c r="CI309" s="162"/>
      <c r="CJ309" s="162"/>
      <c r="CK309" s="162"/>
      <c r="CX309" s="98"/>
      <c r="DL309" s="97"/>
      <c r="DX309" s="98"/>
      <c r="EL309" s="97"/>
      <c r="EX309" s="98"/>
      <c r="EY309" s="97"/>
      <c r="FL309" s="126"/>
      <c r="FM309" s="91"/>
      <c r="FN309" s="91"/>
      <c r="FO309" s="91"/>
      <c r="FP309" s="91"/>
      <c r="FQ309" s="91"/>
      <c r="FR309" s="91"/>
      <c r="FS309" s="91"/>
      <c r="FT309" s="91"/>
      <c r="FU309" s="91"/>
      <c r="FV309" s="91"/>
      <c r="FW309" s="91"/>
      <c r="FX309" s="91"/>
      <c r="FY309" s="91"/>
      <c r="FZ309" s="91"/>
      <c r="GA309" s="91"/>
      <c r="GB309" s="91"/>
      <c r="GC309" s="91"/>
      <c r="GD309" s="91"/>
      <c r="GE309" s="91"/>
      <c r="GF309" s="91"/>
      <c r="GG309" s="91"/>
      <c r="GH309" s="91"/>
      <c r="GI309" s="91"/>
      <c r="GJ309" s="91"/>
      <c r="GK309" s="127"/>
      <c r="GL309" s="126"/>
      <c r="GM309" s="91"/>
      <c r="GN309" s="91"/>
      <c r="GO309" s="91"/>
      <c r="GP309" s="91"/>
      <c r="GQ309" s="91"/>
      <c r="GR309" s="91"/>
      <c r="GS309" s="91"/>
      <c r="GT309" s="91"/>
      <c r="GU309" s="91"/>
      <c r="GV309" s="91"/>
      <c r="GW309" s="91"/>
      <c r="GX309" s="91"/>
      <c r="GY309" s="91"/>
      <c r="GZ309" s="91"/>
      <c r="HA309" s="91"/>
      <c r="HB309" s="91"/>
      <c r="HC309" s="91"/>
      <c r="HD309" s="91"/>
      <c r="HE309" s="91"/>
      <c r="HF309" s="91"/>
      <c r="HG309" s="91"/>
      <c r="HH309" s="91"/>
      <c r="HI309" s="91"/>
      <c r="HJ309" s="91"/>
      <c r="HK309" s="127"/>
      <c r="HL309" s="126"/>
      <c r="HM309" s="91"/>
      <c r="HN309" s="91"/>
      <c r="HO309" s="91"/>
      <c r="HP309" s="91"/>
      <c r="HQ309" s="91"/>
      <c r="HR309" s="91"/>
      <c r="HS309" s="91"/>
      <c r="HT309" s="91"/>
      <c r="HU309" s="91"/>
      <c r="HV309" s="91"/>
      <c r="HW309" s="91"/>
      <c r="HX309" s="91"/>
      <c r="HY309" s="91"/>
      <c r="HZ309" s="91"/>
      <c r="IA309" s="91"/>
      <c r="IB309" s="91"/>
      <c r="IC309" s="91"/>
      <c r="ID309" s="91"/>
      <c r="IE309" s="91"/>
      <c r="IF309" s="91"/>
      <c r="IG309" s="91"/>
      <c r="IH309" s="91"/>
      <c r="II309" s="91"/>
      <c r="IJ309" s="91"/>
      <c r="IK309" s="127"/>
    </row>
    <row r="310" spans="2:245" x14ac:dyDescent="0.2">
      <c r="B310" s="43"/>
      <c r="C310" s="73"/>
      <c r="D310" s="64"/>
      <c r="E310" s="64"/>
      <c r="F310" s="55"/>
      <c r="G310" s="102"/>
      <c r="H310" s="55"/>
      <c r="I310" s="55"/>
      <c r="J310" s="55"/>
      <c r="K310" s="55"/>
      <c r="L310" s="55"/>
      <c r="M310" s="55"/>
      <c r="N310" s="55"/>
      <c r="O310" s="55"/>
      <c r="P310" s="55"/>
      <c r="Q310" s="55"/>
      <c r="R310" s="55"/>
      <c r="S310" s="55"/>
      <c r="T310" s="55"/>
      <c r="U310" s="55"/>
      <c r="V310" s="55"/>
      <c r="W310" s="55"/>
      <c r="X310" s="55"/>
      <c r="Y310" s="55"/>
      <c r="Z310" s="55"/>
      <c r="AA310" s="55"/>
      <c r="AB310" s="55"/>
      <c r="AC310" s="55"/>
      <c r="AD310" s="55"/>
      <c r="AE310" s="55"/>
      <c r="AF310" s="55"/>
      <c r="AG310" s="55"/>
      <c r="AY310" s="162"/>
      <c r="AZ310" s="162"/>
      <c r="BA310" s="162"/>
      <c r="BB310" s="162"/>
      <c r="BC310" s="162"/>
      <c r="BD310" s="162"/>
      <c r="BE310" s="162"/>
      <c r="BF310" s="162"/>
      <c r="BG310" s="162"/>
      <c r="BH310" s="162"/>
      <c r="BI310" s="162"/>
      <c r="BJ310" s="162"/>
      <c r="BK310" s="162"/>
      <c r="BL310" s="162"/>
      <c r="BM310" s="162"/>
      <c r="BN310" s="162"/>
      <c r="BO310" s="162"/>
      <c r="BP310" s="162"/>
      <c r="BQ310" s="162"/>
      <c r="BR310" s="162"/>
      <c r="BS310" s="162"/>
      <c r="BT310" s="162"/>
      <c r="BU310" s="162"/>
      <c r="BV310" s="162"/>
      <c r="BW310" s="162"/>
      <c r="BX310" s="162"/>
      <c r="BY310" s="162"/>
      <c r="BZ310" s="162"/>
      <c r="CA310" s="162"/>
      <c r="CB310" s="162"/>
      <c r="CC310" s="162"/>
      <c r="CD310" s="162"/>
      <c r="CE310" s="162"/>
      <c r="CF310" s="162"/>
      <c r="CG310" s="162"/>
      <c r="CH310" s="162"/>
      <c r="CI310" s="162"/>
      <c r="CJ310" s="162"/>
      <c r="CK310" s="162"/>
      <c r="CX310" s="98"/>
      <c r="DL310" s="97"/>
      <c r="DX310" s="98"/>
      <c r="EL310" s="97"/>
      <c r="EX310" s="98"/>
      <c r="EY310" s="97"/>
      <c r="FL310" s="126"/>
      <c r="FM310" s="91"/>
      <c r="FN310" s="91"/>
      <c r="FO310" s="91"/>
      <c r="FP310" s="91"/>
      <c r="FQ310" s="91"/>
      <c r="FR310" s="91"/>
      <c r="FS310" s="91"/>
      <c r="FT310" s="91"/>
      <c r="FU310" s="91"/>
      <c r="FV310" s="91"/>
      <c r="FW310" s="91"/>
      <c r="FX310" s="91"/>
      <c r="FY310" s="91"/>
      <c r="FZ310" s="91"/>
      <c r="GA310" s="91"/>
      <c r="GB310" s="91"/>
      <c r="GC310" s="91"/>
      <c r="GD310" s="91"/>
      <c r="GE310" s="91"/>
      <c r="GF310" s="91"/>
      <c r="GG310" s="91"/>
      <c r="GH310" s="91"/>
      <c r="GI310" s="91"/>
      <c r="GJ310" s="91"/>
      <c r="GK310" s="127"/>
      <c r="GL310" s="126"/>
      <c r="GM310" s="91"/>
      <c r="GN310" s="91"/>
      <c r="GO310" s="91"/>
      <c r="GP310" s="91"/>
      <c r="GQ310" s="91"/>
      <c r="GR310" s="91"/>
      <c r="GS310" s="91"/>
      <c r="GT310" s="91"/>
      <c r="GU310" s="91"/>
      <c r="GV310" s="91"/>
      <c r="GW310" s="91"/>
      <c r="GX310" s="91"/>
      <c r="GY310" s="91"/>
      <c r="GZ310" s="91"/>
      <c r="HA310" s="91"/>
      <c r="HB310" s="91"/>
      <c r="HC310" s="91"/>
      <c r="HD310" s="91"/>
      <c r="HE310" s="91"/>
      <c r="HF310" s="91"/>
      <c r="HG310" s="91"/>
      <c r="HH310" s="91"/>
      <c r="HI310" s="91"/>
      <c r="HJ310" s="91"/>
      <c r="HK310" s="127"/>
      <c r="HL310" s="126"/>
      <c r="HM310" s="91"/>
      <c r="HN310" s="91"/>
      <c r="HO310" s="91"/>
      <c r="HP310" s="91"/>
      <c r="HQ310" s="91"/>
      <c r="HR310" s="91"/>
      <c r="HS310" s="91"/>
      <c r="HT310" s="91"/>
      <c r="HU310" s="91"/>
      <c r="HV310" s="91"/>
      <c r="HW310" s="91"/>
      <c r="HX310" s="91"/>
      <c r="HY310" s="91"/>
      <c r="HZ310" s="91"/>
      <c r="IA310" s="91"/>
      <c r="IB310" s="91"/>
      <c r="IC310" s="91"/>
      <c r="ID310" s="91"/>
      <c r="IE310" s="91"/>
      <c r="IF310" s="91"/>
      <c r="IG310" s="91"/>
      <c r="IH310" s="91"/>
      <c r="II310" s="91"/>
      <c r="IJ310" s="91"/>
      <c r="IK310" s="127"/>
    </row>
    <row r="311" spans="2:245" x14ac:dyDescent="0.2">
      <c r="B311" s="43"/>
      <c r="C311" s="73"/>
      <c r="D311" s="64"/>
      <c r="E311" s="64"/>
      <c r="F311" s="55"/>
      <c r="G311" s="102"/>
      <c r="H311" s="55"/>
      <c r="I311" s="55"/>
      <c r="J311" s="55"/>
      <c r="K311" s="55"/>
      <c r="L311" s="55"/>
      <c r="M311" s="55"/>
      <c r="N311" s="55"/>
      <c r="O311" s="55"/>
      <c r="P311" s="55"/>
      <c r="Q311" s="55"/>
      <c r="R311" s="55"/>
      <c r="S311" s="55"/>
      <c r="T311" s="55"/>
      <c r="U311" s="55"/>
      <c r="V311" s="55"/>
      <c r="W311" s="55"/>
      <c r="X311" s="55"/>
      <c r="Y311" s="55"/>
      <c r="Z311" s="55"/>
      <c r="AA311" s="55"/>
      <c r="AB311" s="55"/>
      <c r="AC311" s="55"/>
      <c r="AD311" s="55"/>
      <c r="AE311" s="55"/>
      <c r="AF311" s="55"/>
      <c r="AG311" s="55"/>
      <c r="AY311" s="162"/>
      <c r="AZ311" s="162"/>
      <c r="BA311" s="162"/>
      <c r="BB311" s="162"/>
      <c r="BC311" s="162"/>
      <c r="BD311" s="162"/>
      <c r="BE311" s="162"/>
      <c r="BF311" s="162"/>
      <c r="BG311" s="162"/>
      <c r="BH311" s="162"/>
      <c r="BI311" s="162"/>
      <c r="BJ311" s="162"/>
      <c r="BK311" s="162"/>
      <c r="BL311" s="162"/>
      <c r="BM311" s="162"/>
      <c r="BN311" s="162"/>
      <c r="BO311" s="162"/>
      <c r="BP311" s="162"/>
      <c r="BQ311" s="162"/>
      <c r="BR311" s="162"/>
      <c r="BS311" s="162"/>
      <c r="BT311" s="162"/>
      <c r="BU311" s="162"/>
      <c r="BV311" s="162"/>
      <c r="BW311" s="162"/>
      <c r="BX311" s="162"/>
      <c r="BY311" s="162"/>
      <c r="BZ311" s="162"/>
      <c r="CA311" s="162"/>
      <c r="CB311" s="162"/>
      <c r="CC311" s="162"/>
      <c r="CD311" s="162"/>
      <c r="CE311" s="162"/>
      <c r="CF311" s="162"/>
      <c r="CG311" s="162"/>
      <c r="CH311" s="162"/>
      <c r="CI311" s="162"/>
      <c r="CJ311" s="162"/>
      <c r="CK311" s="162"/>
      <c r="CX311" s="98"/>
      <c r="DL311" s="97"/>
      <c r="DX311" s="98"/>
      <c r="EL311" s="97"/>
      <c r="EX311" s="98"/>
      <c r="EY311" s="97"/>
      <c r="FL311" s="126"/>
      <c r="FM311" s="91"/>
      <c r="FN311" s="91"/>
      <c r="FO311" s="91"/>
      <c r="FP311" s="91"/>
      <c r="FQ311" s="91"/>
      <c r="FR311" s="91"/>
      <c r="FS311" s="91"/>
      <c r="FT311" s="91"/>
      <c r="FU311" s="91"/>
      <c r="FV311" s="91"/>
      <c r="FW311" s="91"/>
      <c r="FX311" s="91"/>
      <c r="FY311" s="91"/>
      <c r="FZ311" s="91"/>
      <c r="GA311" s="91"/>
      <c r="GB311" s="91"/>
      <c r="GC311" s="91"/>
      <c r="GD311" s="91"/>
      <c r="GE311" s="91"/>
      <c r="GF311" s="91"/>
      <c r="GG311" s="91"/>
      <c r="GH311" s="91"/>
      <c r="GI311" s="91"/>
      <c r="GJ311" s="91"/>
      <c r="GK311" s="127"/>
      <c r="GL311" s="126"/>
      <c r="GM311" s="91"/>
      <c r="GN311" s="91"/>
      <c r="GO311" s="91"/>
      <c r="GP311" s="91"/>
      <c r="GQ311" s="91"/>
      <c r="GR311" s="91"/>
      <c r="GS311" s="91"/>
      <c r="GT311" s="91"/>
      <c r="GU311" s="91"/>
      <c r="GV311" s="91"/>
      <c r="GW311" s="91"/>
      <c r="GX311" s="91"/>
      <c r="GY311" s="91"/>
      <c r="GZ311" s="91"/>
      <c r="HA311" s="91"/>
      <c r="HB311" s="91"/>
      <c r="HC311" s="91"/>
      <c r="HD311" s="91"/>
      <c r="HE311" s="91"/>
      <c r="HF311" s="91"/>
      <c r="HG311" s="91"/>
      <c r="HH311" s="91"/>
      <c r="HI311" s="91"/>
      <c r="HJ311" s="91"/>
      <c r="HK311" s="127"/>
      <c r="HL311" s="126"/>
      <c r="HM311" s="91"/>
      <c r="HN311" s="91"/>
      <c r="HO311" s="91"/>
      <c r="HP311" s="91"/>
      <c r="HQ311" s="91"/>
      <c r="HR311" s="91"/>
      <c r="HS311" s="91"/>
      <c r="HT311" s="91"/>
      <c r="HU311" s="91"/>
      <c r="HV311" s="91"/>
      <c r="HW311" s="91"/>
      <c r="HX311" s="91"/>
      <c r="HY311" s="91"/>
      <c r="HZ311" s="91"/>
      <c r="IA311" s="91"/>
      <c r="IB311" s="91"/>
      <c r="IC311" s="91"/>
      <c r="ID311" s="91"/>
      <c r="IE311" s="91"/>
      <c r="IF311" s="91"/>
      <c r="IG311" s="91"/>
      <c r="IH311" s="91"/>
      <c r="II311" s="91"/>
      <c r="IJ311" s="91"/>
      <c r="IK311" s="127"/>
    </row>
    <row r="312" spans="2:245" x14ac:dyDescent="0.2">
      <c r="B312" s="43"/>
      <c r="C312" s="73"/>
      <c r="D312" s="64"/>
      <c r="E312" s="64"/>
      <c r="F312" s="55"/>
      <c r="G312" s="102"/>
      <c r="H312" s="55"/>
      <c r="I312" s="55"/>
      <c r="J312" s="55"/>
      <c r="K312" s="55"/>
      <c r="L312" s="55"/>
      <c r="M312" s="55"/>
      <c r="N312" s="55"/>
      <c r="O312" s="55"/>
      <c r="P312" s="55"/>
      <c r="Q312" s="55"/>
      <c r="R312" s="55"/>
      <c r="S312" s="55"/>
      <c r="T312" s="55"/>
      <c r="U312" s="55"/>
      <c r="V312" s="55"/>
      <c r="W312" s="55"/>
      <c r="X312" s="55"/>
      <c r="Y312" s="55"/>
      <c r="Z312" s="55"/>
      <c r="AA312" s="55"/>
      <c r="AB312" s="55"/>
      <c r="AC312" s="55"/>
      <c r="AD312" s="55"/>
      <c r="AE312" s="55"/>
      <c r="AF312" s="55"/>
      <c r="AG312" s="55"/>
      <c r="AY312" s="162"/>
      <c r="AZ312" s="162"/>
      <c r="BA312" s="162"/>
      <c r="BB312" s="162"/>
      <c r="BC312" s="162"/>
      <c r="BD312" s="162"/>
      <c r="BE312" s="162"/>
      <c r="BF312" s="162"/>
      <c r="BG312" s="162"/>
      <c r="BH312" s="162"/>
      <c r="BI312" s="162"/>
      <c r="BJ312" s="162"/>
      <c r="BK312" s="162"/>
      <c r="BL312" s="162"/>
      <c r="BM312" s="162"/>
      <c r="BN312" s="162"/>
      <c r="BO312" s="162"/>
      <c r="BP312" s="162"/>
      <c r="BQ312" s="162"/>
      <c r="BR312" s="162"/>
      <c r="BS312" s="162"/>
      <c r="BT312" s="162"/>
      <c r="BU312" s="162"/>
      <c r="BV312" s="162"/>
      <c r="BW312" s="162"/>
      <c r="BX312" s="162"/>
      <c r="BY312" s="162"/>
      <c r="BZ312" s="162"/>
      <c r="CA312" s="162"/>
      <c r="CB312" s="162"/>
      <c r="CC312" s="162"/>
      <c r="CD312" s="162"/>
      <c r="CE312" s="162"/>
      <c r="CF312" s="162"/>
      <c r="CG312" s="162"/>
      <c r="CH312" s="162"/>
      <c r="CI312" s="162"/>
      <c r="CJ312" s="162"/>
      <c r="CK312" s="162"/>
      <c r="CX312" s="98"/>
      <c r="DL312" s="97"/>
      <c r="DX312" s="98"/>
      <c r="EL312" s="97"/>
      <c r="EX312" s="98"/>
      <c r="EY312" s="97"/>
      <c r="FL312" s="126"/>
      <c r="FM312" s="91"/>
      <c r="FN312" s="91"/>
      <c r="FO312" s="91"/>
      <c r="FP312" s="91"/>
      <c r="FQ312" s="91"/>
      <c r="FR312" s="91"/>
      <c r="FS312" s="91"/>
      <c r="FT312" s="91"/>
      <c r="FU312" s="91"/>
      <c r="FV312" s="91"/>
      <c r="FW312" s="91"/>
      <c r="FX312" s="91"/>
      <c r="FY312" s="91"/>
      <c r="FZ312" s="91"/>
      <c r="GA312" s="91"/>
      <c r="GB312" s="91"/>
      <c r="GC312" s="91"/>
      <c r="GD312" s="91"/>
      <c r="GE312" s="91"/>
      <c r="GF312" s="91"/>
      <c r="GG312" s="91"/>
      <c r="GH312" s="91"/>
      <c r="GI312" s="91"/>
      <c r="GJ312" s="91"/>
      <c r="GK312" s="127"/>
      <c r="GL312" s="126"/>
      <c r="GM312" s="91"/>
      <c r="GN312" s="91"/>
      <c r="GO312" s="91"/>
      <c r="GP312" s="91"/>
      <c r="GQ312" s="91"/>
      <c r="GR312" s="91"/>
      <c r="GS312" s="91"/>
      <c r="GT312" s="91"/>
      <c r="GU312" s="91"/>
      <c r="GV312" s="91"/>
      <c r="GW312" s="91"/>
      <c r="GX312" s="91"/>
      <c r="GY312" s="91"/>
      <c r="GZ312" s="91"/>
      <c r="HA312" s="91"/>
      <c r="HB312" s="91"/>
      <c r="HC312" s="91"/>
      <c r="HD312" s="91"/>
      <c r="HE312" s="91"/>
      <c r="HF312" s="91"/>
      <c r="HG312" s="91"/>
      <c r="HH312" s="91"/>
      <c r="HI312" s="91"/>
      <c r="HJ312" s="91"/>
      <c r="HK312" s="127"/>
      <c r="HL312" s="126"/>
      <c r="HM312" s="91"/>
      <c r="HN312" s="91"/>
      <c r="HO312" s="91"/>
      <c r="HP312" s="91"/>
      <c r="HQ312" s="91"/>
      <c r="HR312" s="91"/>
      <c r="HS312" s="91"/>
      <c r="HT312" s="91"/>
      <c r="HU312" s="91"/>
      <c r="HV312" s="91"/>
      <c r="HW312" s="91"/>
      <c r="HX312" s="91"/>
      <c r="HY312" s="91"/>
      <c r="HZ312" s="91"/>
      <c r="IA312" s="91"/>
      <c r="IB312" s="91"/>
      <c r="IC312" s="91"/>
      <c r="ID312" s="91"/>
      <c r="IE312" s="91"/>
      <c r="IF312" s="91"/>
      <c r="IG312" s="91"/>
      <c r="IH312" s="91"/>
      <c r="II312" s="91"/>
      <c r="IJ312" s="91"/>
      <c r="IK312" s="127"/>
    </row>
    <row r="313" spans="2:245" x14ac:dyDescent="0.2">
      <c r="B313" s="43"/>
      <c r="C313" s="73"/>
      <c r="D313" s="64"/>
      <c r="E313" s="64"/>
      <c r="F313" s="55"/>
      <c r="G313" s="102"/>
      <c r="H313" s="55"/>
      <c r="I313" s="55"/>
      <c r="J313" s="55"/>
      <c r="K313" s="55"/>
      <c r="L313" s="55"/>
      <c r="M313" s="55"/>
      <c r="N313" s="55"/>
      <c r="O313" s="55"/>
      <c r="P313" s="55"/>
      <c r="Q313" s="55"/>
      <c r="R313" s="55"/>
      <c r="S313" s="55"/>
      <c r="T313" s="55"/>
      <c r="U313" s="55"/>
      <c r="V313" s="55"/>
      <c r="W313" s="55"/>
      <c r="X313" s="55"/>
      <c r="Y313" s="55"/>
      <c r="Z313" s="55"/>
      <c r="AA313" s="55"/>
      <c r="AB313" s="55"/>
      <c r="AC313" s="55"/>
      <c r="AD313" s="55"/>
      <c r="AE313" s="55"/>
      <c r="AF313" s="55"/>
      <c r="AG313" s="55"/>
      <c r="AY313" s="162"/>
      <c r="AZ313" s="162"/>
      <c r="BA313" s="162"/>
      <c r="BB313" s="162"/>
      <c r="BC313" s="162"/>
      <c r="BD313" s="162"/>
      <c r="BE313" s="162"/>
      <c r="BF313" s="162"/>
      <c r="BG313" s="162"/>
      <c r="BH313" s="162"/>
      <c r="BI313" s="162"/>
      <c r="BJ313" s="162"/>
      <c r="BK313" s="162"/>
      <c r="BL313" s="162"/>
      <c r="BM313" s="162"/>
      <c r="BN313" s="162"/>
      <c r="BO313" s="162"/>
      <c r="BP313" s="162"/>
      <c r="BQ313" s="162"/>
      <c r="BR313" s="162"/>
      <c r="BS313" s="162"/>
      <c r="BT313" s="162"/>
      <c r="BU313" s="162"/>
      <c r="BV313" s="162"/>
      <c r="BW313" s="162"/>
      <c r="BX313" s="162"/>
      <c r="BY313" s="162"/>
      <c r="BZ313" s="162"/>
      <c r="CA313" s="162"/>
      <c r="CB313" s="162"/>
      <c r="CC313" s="162"/>
      <c r="CD313" s="162"/>
      <c r="CE313" s="162"/>
      <c r="CF313" s="162"/>
      <c r="CG313" s="162"/>
      <c r="CH313" s="162"/>
      <c r="CI313" s="162"/>
      <c r="CJ313" s="162"/>
      <c r="CK313" s="162"/>
      <c r="CX313" s="98"/>
      <c r="DL313" s="97"/>
      <c r="DX313" s="98"/>
      <c r="EL313" s="97"/>
      <c r="EX313" s="98"/>
      <c r="EY313" s="97"/>
      <c r="FL313" s="126"/>
      <c r="FM313" s="91"/>
      <c r="FN313" s="91"/>
      <c r="FO313" s="91"/>
      <c r="FP313" s="91"/>
      <c r="FQ313" s="91"/>
      <c r="FR313" s="91"/>
      <c r="FS313" s="91"/>
      <c r="FT313" s="91"/>
      <c r="FU313" s="91"/>
      <c r="FV313" s="91"/>
      <c r="FW313" s="91"/>
      <c r="FX313" s="91"/>
      <c r="FY313" s="91"/>
      <c r="FZ313" s="91"/>
      <c r="GA313" s="91"/>
      <c r="GB313" s="91"/>
      <c r="GC313" s="91"/>
      <c r="GD313" s="91"/>
      <c r="GE313" s="91"/>
      <c r="GF313" s="91"/>
      <c r="GG313" s="91"/>
      <c r="GH313" s="91"/>
      <c r="GI313" s="91"/>
      <c r="GJ313" s="91"/>
      <c r="GK313" s="127"/>
      <c r="GL313" s="126"/>
      <c r="GM313" s="91"/>
      <c r="GN313" s="91"/>
      <c r="GO313" s="91"/>
      <c r="GP313" s="91"/>
      <c r="GQ313" s="91"/>
      <c r="GR313" s="91"/>
      <c r="GS313" s="91"/>
      <c r="GT313" s="91"/>
      <c r="GU313" s="91"/>
      <c r="GV313" s="91"/>
      <c r="GW313" s="91"/>
      <c r="GX313" s="91"/>
      <c r="GY313" s="91"/>
      <c r="GZ313" s="91"/>
      <c r="HA313" s="91"/>
      <c r="HB313" s="91"/>
      <c r="HC313" s="91"/>
      <c r="HD313" s="91"/>
      <c r="HE313" s="91"/>
      <c r="HF313" s="91"/>
      <c r="HG313" s="91"/>
      <c r="HH313" s="91"/>
      <c r="HI313" s="91"/>
      <c r="HJ313" s="91"/>
      <c r="HK313" s="127"/>
      <c r="HL313" s="126"/>
      <c r="HM313" s="91"/>
      <c r="HN313" s="91"/>
      <c r="HO313" s="91"/>
      <c r="HP313" s="91"/>
      <c r="HQ313" s="91"/>
      <c r="HR313" s="91"/>
      <c r="HS313" s="91"/>
      <c r="HT313" s="91"/>
      <c r="HU313" s="91"/>
      <c r="HV313" s="91"/>
      <c r="HW313" s="91"/>
      <c r="HX313" s="91"/>
      <c r="HY313" s="91"/>
      <c r="HZ313" s="91"/>
      <c r="IA313" s="91"/>
      <c r="IB313" s="91"/>
      <c r="IC313" s="91"/>
      <c r="ID313" s="91"/>
      <c r="IE313" s="91"/>
      <c r="IF313" s="91"/>
      <c r="IG313" s="91"/>
      <c r="IH313" s="91"/>
      <c r="II313" s="91"/>
      <c r="IJ313" s="91"/>
      <c r="IK313" s="127"/>
    </row>
    <row r="314" spans="2:245" x14ac:dyDescent="0.2">
      <c r="B314" s="43"/>
      <c r="C314" s="73"/>
      <c r="D314" s="64"/>
      <c r="E314" s="64"/>
      <c r="F314" s="55"/>
      <c r="G314" s="102"/>
      <c r="H314" s="55"/>
      <c r="I314" s="55"/>
      <c r="J314" s="55"/>
      <c r="K314" s="55"/>
      <c r="L314" s="55"/>
      <c r="M314" s="55"/>
      <c r="N314" s="55"/>
      <c r="O314" s="55"/>
      <c r="P314" s="55"/>
      <c r="Q314" s="55"/>
      <c r="R314" s="55"/>
      <c r="S314" s="55"/>
      <c r="T314" s="55"/>
      <c r="U314" s="55"/>
      <c r="V314" s="55"/>
      <c r="W314" s="55"/>
      <c r="X314" s="55"/>
      <c r="Y314" s="55"/>
      <c r="Z314" s="55"/>
      <c r="AA314" s="55"/>
      <c r="AB314" s="55"/>
      <c r="AC314" s="55"/>
      <c r="AD314" s="55"/>
      <c r="AE314" s="55"/>
      <c r="AF314" s="55"/>
      <c r="AG314" s="55"/>
      <c r="AY314" s="162"/>
      <c r="AZ314" s="162"/>
      <c r="BA314" s="162"/>
      <c r="BB314" s="162"/>
      <c r="BC314" s="162"/>
      <c r="BD314" s="162"/>
      <c r="BE314" s="162"/>
      <c r="BF314" s="162"/>
      <c r="BG314" s="162"/>
      <c r="BH314" s="162"/>
      <c r="BI314" s="162"/>
      <c r="BJ314" s="162"/>
      <c r="BK314" s="162"/>
      <c r="BL314" s="162"/>
      <c r="BM314" s="162"/>
      <c r="BN314" s="162"/>
      <c r="BO314" s="162"/>
      <c r="BP314" s="162"/>
      <c r="BQ314" s="162"/>
      <c r="BR314" s="162"/>
      <c r="BS314" s="162"/>
      <c r="BT314" s="162"/>
      <c r="BU314" s="162"/>
      <c r="BV314" s="162"/>
      <c r="BW314" s="162"/>
      <c r="BX314" s="162"/>
      <c r="BY314" s="162"/>
      <c r="BZ314" s="162"/>
      <c r="CA314" s="162"/>
      <c r="CB314" s="162"/>
      <c r="CC314" s="162"/>
      <c r="CD314" s="162"/>
      <c r="CE314" s="162"/>
      <c r="CF314" s="162"/>
      <c r="CG314" s="162"/>
      <c r="CH314" s="162"/>
      <c r="CI314" s="162"/>
      <c r="CJ314" s="162"/>
      <c r="CK314" s="162"/>
      <c r="CX314" s="98"/>
      <c r="DL314" s="97"/>
      <c r="DX314" s="98"/>
      <c r="EL314" s="97"/>
      <c r="EX314" s="98"/>
      <c r="EY314" s="97"/>
      <c r="FL314" s="126"/>
      <c r="FM314" s="91"/>
      <c r="FN314" s="91"/>
      <c r="FO314" s="91"/>
      <c r="FP314" s="91"/>
      <c r="FQ314" s="91"/>
      <c r="FR314" s="91"/>
      <c r="FS314" s="91"/>
      <c r="FT314" s="91"/>
      <c r="FU314" s="91"/>
      <c r="FV314" s="91"/>
      <c r="FW314" s="91"/>
      <c r="FX314" s="91"/>
      <c r="FY314" s="91"/>
      <c r="FZ314" s="91"/>
      <c r="GA314" s="91"/>
      <c r="GB314" s="91"/>
      <c r="GC314" s="91"/>
      <c r="GD314" s="91"/>
      <c r="GE314" s="91"/>
      <c r="GF314" s="91"/>
      <c r="GG314" s="91"/>
      <c r="GH314" s="91"/>
      <c r="GI314" s="91"/>
      <c r="GJ314" s="91"/>
      <c r="GK314" s="127"/>
      <c r="GL314" s="126"/>
      <c r="GM314" s="91"/>
      <c r="GN314" s="91"/>
      <c r="GO314" s="91"/>
      <c r="GP314" s="91"/>
      <c r="GQ314" s="91"/>
      <c r="GR314" s="91"/>
      <c r="GS314" s="91"/>
      <c r="GT314" s="91"/>
      <c r="GU314" s="91"/>
      <c r="GV314" s="91"/>
      <c r="GW314" s="91"/>
      <c r="GX314" s="91"/>
      <c r="GY314" s="91"/>
      <c r="GZ314" s="91"/>
      <c r="HA314" s="91"/>
      <c r="HB314" s="91"/>
      <c r="HC314" s="91"/>
      <c r="HD314" s="91"/>
      <c r="HE314" s="91"/>
      <c r="HF314" s="91"/>
      <c r="HG314" s="91"/>
      <c r="HH314" s="91"/>
      <c r="HI314" s="91"/>
      <c r="HJ314" s="91"/>
      <c r="HK314" s="127"/>
      <c r="HL314" s="126"/>
      <c r="HM314" s="91"/>
      <c r="HN314" s="91"/>
      <c r="HO314" s="91"/>
      <c r="HP314" s="91"/>
      <c r="HQ314" s="91"/>
      <c r="HR314" s="91"/>
      <c r="HS314" s="91"/>
      <c r="HT314" s="91"/>
      <c r="HU314" s="91"/>
      <c r="HV314" s="91"/>
      <c r="HW314" s="91"/>
      <c r="HX314" s="91"/>
      <c r="HY314" s="91"/>
      <c r="HZ314" s="91"/>
      <c r="IA314" s="91"/>
      <c r="IB314" s="91"/>
      <c r="IC314" s="91"/>
      <c r="ID314" s="91"/>
      <c r="IE314" s="91"/>
      <c r="IF314" s="91"/>
      <c r="IG314" s="91"/>
      <c r="IH314" s="91"/>
      <c r="II314" s="91"/>
      <c r="IJ314" s="91"/>
      <c r="IK314" s="127"/>
    </row>
    <row r="315" spans="2:245" x14ac:dyDescent="0.2">
      <c r="B315" s="43"/>
      <c r="C315" s="73"/>
      <c r="D315" s="64"/>
      <c r="E315" s="64"/>
      <c r="F315" s="55"/>
      <c r="G315" s="102"/>
      <c r="H315" s="55"/>
      <c r="I315" s="55"/>
      <c r="J315" s="55"/>
      <c r="K315" s="55"/>
      <c r="L315" s="55"/>
      <c r="M315" s="55"/>
      <c r="N315" s="55"/>
      <c r="O315" s="55"/>
      <c r="P315" s="55"/>
      <c r="Q315" s="55"/>
      <c r="R315" s="55"/>
      <c r="S315" s="55"/>
      <c r="T315" s="55"/>
      <c r="U315" s="55"/>
      <c r="V315" s="55"/>
      <c r="W315" s="55"/>
      <c r="X315" s="55"/>
      <c r="Y315" s="55"/>
      <c r="Z315" s="55"/>
      <c r="AA315" s="55"/>
      <c r="AB315" s="55"/>
      <c r="AC315" s="55"/>
      <c r="AD315" s="55"/>
      <c r="AE315" s="55"/>
      <c r="AF315" s="55"/>
      <c r="AG315" s="55"/>
      <c r="AY315" s="162"/>
      <c r="AZ315" s="162"/>
      <c r="BA315" s="162"/>
      <c r="BB315" s="162"/>
      <c r="BC315" s="162"/>
      <c r="BD315" s="162"/>
      <c r="BE315" s="162"/>
      <c r="BF315" s="162"/>
      <c r="BG315" s="162"/>
      <c r="BH315" s="162"/>
      <c r="BI315" s="162"/>
      <c r="BJ315" s="162"/>
      <c r="BK315" s="162"/>
      <c r="BL315" s="162"/>
      <c r="BM315" s="162"/>
      <c r="BN315" s="162"/>
      <c r="BO315" s="162"/>
      <c r="BP315" s="162"/>
      <c r="BQ315" s="162"/>
      <c r="BR315" s="162"/>
      <c r="BS315" s="162"/>
      <c r="BT315" s="162"/>
      <c r="BU315" s="162"/>
      <c r="BV315" s="162"/>
      <c r="BW315" s="162"/>
      <c r="BX315" s="162"/>
      <c r="BY315" s="162"/>
      <c r="BZ315" s="162"/>
      <c r="CA315" s="162"/>
      <c r="CB315" s="162"/>
      <c r="CC315" s="162"/>
      <c r="CD315" s="162"/>
      <c r="CE315" s="162"/>
      <c r="CF315" s="162"/>
      <c r="CG315" s="162"/>
      <c r="CH315" s="162"/>
      <c r="CI315" s="162"/>
      <c r="CJ315" s="162"/>
      <c r="CK315" s="162"/>
      <c r="CX315" s="98"/>
      <c r="DL315" s="97"/>
      <c r="DX315" s="98"/>
      <c r="EL315" s="97"/>
      <c r="EX315" s="98"/>
      <c r="EY315" s="97"/>
      <c r="FL315" s="126"/>
      <c r="FM315" s="91"/>
      <c r="FN315" s="91"/>
      <c r="FO315" s="91"/>
      <c r="FP315" s="91"/>
      <c r="FQ315" s="91"/>
      <c r="FR315" s="91"/>
      <c r="FS315" s="91"/>
      <c r="FT315" s="91"/>
      <c r="FU315" s="91"/>
      <c r="FV315" s="91"/>
      <c r="FW315" s="91"/>
      <c r="FX315" s="91"/>
      <c r="FY315" s="91"/>
      <c r="FZ315" s="91"/>
      <c r="GA315" s="91"/>
      <c r="GB315" s="91"/>
      <c r="GC315" s="91"/>
      <c r="GD315" s="91"/>
      <c r="GE315" s="91"/>
      <c r="GF315" s="91"/>
      <c r="GG315" s="91"/>
      <c r="GH315" s="91"/>
      <c r="GI315" s="91"/>
      <c r="GJ315" s="91"/>
      <c r="GK315" s="127"/>
      <c r="GL315" s="126"/>
      <c r="GM315" s="91"/>
      <c r="GN315" s="91"/>
      <c r="GO315" s="91"/>
      <c r="GP315" s="91"/>
      <c r="GQ315" s="91"/>
      <c r="GR315" s="91"/>
      <c r="GS315" s="91"/>
      <c r="GT315" s="91"/>
      <c r="GU315" s="91"/>
      <c r="GV315" s="91"/>
      <c r="GW315" s="91"/>
      <c r="GX315" s="91"/>
      <c r="GY315" s="91"/>
      <c r="GZ315" s="91"/>
      <c r="HA315" s="91"/>
      <c r="HB315" s="91"/>
      <c r="HC315" s="91"/>
      <c r="HD315" s="91"/>
      <c r="HE315" s="91"/>
      <c r="HF315" s="91"/>
      <c r="HG315" s="91"/>
      <c r="HH315" s="91"/>
      <c r="HI315" s="91"/>
      <c r="HJ315" s="91"/>
      <c r="HK315" s="127"/>
      <c r="HL315" s="126"/>
      <c r="HM315" s="91"/>
      <c r="HN315" s="91"/>
      <c r="HO315" s="91"/>
      <c r="HP315" s="91"/>
      <c r="HQ315" s="91"/>
      <c r="HR315" s="91"/>
      <c r="HS315" s="91"/>
      <c r="HT315" s="91"/>
      <c r="HU315" s="91"/>
      <c r="HV315" s="91"/>
      <c r="HW315" s="91"/>
      <c r="HX315" s="91"/>
      <c r="HY315" s="91"/>
      <c r="HZ315" s="91"/>
      <c r="IA315" s="91"/>
      <c r="IB315" s="91"/>
      <c r="IC315" s="91"/>
      <c r="ID315" s="91"/>
      <c r="IE315" s="91"/>
      <c r="IF315" s="91"/>
      <c r="IG315" s="91"/>
      <c r="IH315" s="91"/>
      <c r="II315" s="91"/>
      <c r="IJ315" s="91"/>
      <c r="IK315" s="127"/>
    </row>
    <row r="316" spans="2:245" x14ac:dyDescent="0.2">
      <c r="B316" s="43"/>
      <c r="C316" s="73"/>
      <c r="D316" s="64"/>
      <c r="E316" s="64"/>
      <c r="F316" s="55"/>
      <c r="G316" s="102"/>
      <c r="H316" s="55"/>
      <c r="I316" s="55"/>
      <c r="J316" s="55"/>
      <c r="K316" s="55"/>
      <c r="L316" s="55"/>
      <c r="M316" s="55"/>
      <c r="N316" s="55"/>
      <c r="O316" s="55"/>
      <c r="P316" s="55"/>
      <c r="Q316" s="55"/>
      <c r="R316" s="55"/>
      <c r="S316" s="55"/>
      <c r="T316" s="55"/>
      <c r="U316" s="55"/>
      <c r="V316" s="55"/>
      <c r="W316" s="55"/>
      <c r="X316" s="55"/>
      <c r="Y316" s="55"/>
      <c r="Z316" s="55"/>
      <c r="AA316" s="55"/>
      <c r="AB316" s="55"/>
      <c r="AC316" s="55"/>
      <c r="AD316" s="55"/>
      <c r="AE316" s="55"/>
      <c r="AF316" s="55"/>
      <c r="AG316" s="55"/>
      <c r="AY316" s="162"/>
      <c r="AZ316" s="162"/>
      <c r="BA316" s="162"/>
      <c r="BB316" s="162"/>
      <c r="BC316" s="162"/>
      <c r="BD316" s="162"/>
      <c r="BE316" s="162"/>
      <c r="BF316" s="162"/>
      <c r="BG316" s="162"/>
      <c r="BH316" s="162"/>
      <c r="BI316" s="162"/>
      <c r="BJ316" s="162"/>
      <c r="BK316" s="162"/>
      <c r="BL316" s="162"/>
      <c r="BM316" s="162"/>
      <c r="BN316" s="162"/>
      <c r="BO316" s="162"/>
      <c r="BP316" s="162"/>
      <c r="BQ316" s="162"/>
      <c r="BR316" s="162"/>
      <c r="BS316" s="162"/>
      <c r="BT316" s="162"/>
      <c r="BU316" s="162"/>
      <c r="BV316" s="162"/>
      <c r="BW316" s="162"/>
      <c r="BX316" s="162"/>
      <c r="BY316" s="162"/>
      <c r="BZ316" s="162"/>
      <c r="CA316" s="162"/>
      <c r="CB316" s="162"/>
      <c r="CC316" s="162"/>
      <c r="CD316" s="162"/>
      <c r="CE316" s="162"/>
      <c r="CF316" s="162"/>
      <c r="CG316" s="162"/>
      <c r="CH316" s="162"/>
      <c r="CI316" s="162"/>
      <c r="CJ316" s="162"/>
      <c r="CK316" s="162"/>
      <c r="CX316" s="98"/>
      <c r="DL316" s="97"/>
      <c r="DX316" s="98"/>
      <c r="EL316" s="97"/>
      <c r="EX316" s="98"/>
      <c r="EY316" s="97"/>
      <c r="FL316" s="126"/>
      <c r="FM316" s="91"/>
      <c r="FN316" s="91"/>
      <c r="FO316" s="91"/>
      <c r="FP316" s="91"/>
      <c r="FQ316" s="91"/>
      <c r="FR316" s="91"/>
      <c r="FS316" s="91"/>
      <c r="FT316" s="91"/>
      <c r="FU316" s="91"/>
      <c r="FV316" s="91"/>
      <c r="FW316" s="91"/>
      <c r="FX316" s="91"/>
      <c r="FY316" s="91"/>
      <c r="FZ316" s="91"/>
      <c r="GA316" s="91"/>
      <c r="GB316" s="91"/>
      <c r="GC316" s="91"/>
      <c r="GD316" s="91"/>
      <c r="GE316" s="91"/>
      <c r="GF316" s="91"/>
      <c r="GG316" s="91"/>
      <c r="GH316" s="91"/>
      <c r="GI316" s="91"/>
      <c r="GJ316" s="91"/>
      <c r="GK316" s="127"/>
      <c r="GL316" s="126"/>
      <c r="GM316" s="91"/>
      <c r="GN316" s="91"/>
      <c r="GO316" s="91"/>
      <c r="GP316" s="91"/>
      <c r="GQ316" s="91"/>
      <c r="GR316" s="91"/>
      <c r="GS316" s="91"/>
      <c r="GT316" s="91"/>
      <c r="GU316" s="91"/>
      <c r="GV316" s="91"/>
      <c r="GW316" s="91"/>
      <c r="GX316" s="91"/>
      <c r="GY316" s="91"/>
      <c r="GZ316" s="91"/>
      <c r="HA316" s="91"/>
      <c r="HB316" s="91"/>
      <c r="HC316" s="91"/>
      <c r="HD316" s="91"/>
      <c r="HE316" s="91"/>
      <c r="HF316" s="91"/>
      <c r="HG316" s="91"/>
      <c r="HH316" s="91"/>
      <c r="HI316" s="91"/>
      <c r="HJ316" s="91"/>
      <c r="HK316" s="127"/>
      <c r="HL316" s="126"/>
      <c r="HM316" s="91"/>
      <c r="HN316" s="91"/>
      <c r="HO316" s="91"/>
      <c r="HP316" s="91"/>
      <c r="HQ316" s="91"/>
      <c r="HR316" s="91"/>
      <c r="HS316" s="91"/>
      <c r="HT316" s="91"/>
      <c r="HU316" s="91"/>
      <c r="HV316" s="91"/>
      <c r="HW316" s="91"/>
      <c r="HX316" s="91"/>
      <c r="HY316" s="91"/>
      <c r="HZ316" s="91"/>
      <c r="IA316" s="91"/>
      <c r="IB316" s="91"/>
      <c r="IC316" s="91"/>
      <c r="ID316" s="91"/>
      <c r="IE316" s="91"/>
      <c r="IF316" s="91"/>
      <c r="IG316" s="91"/>
      <c r="IH316" s="91"/>
      <c r="II316" s="91"/>
      <c r="IJ316" s="91"/>
      <c r="IK316" s="127"/>
    </row>
    <row r="317" spans="2:245" x14ac:dyDescent="0.2">
      <c r="B317" s="43"/>
      <c r="C317" s="73"/>
      <c r="D317" s="64"/>
      <c r="E317" s="64"/>
      <c r="F317" s="55"/>
      <c r="G317" s="102"/>
      <c r="H317" s="55"/>
      <c r="I317" s="55"/>
      <c r="J317" s="55"/>
      <c r="K317" s="55"/>
      <c r="L317" s="55"/>
      <c r="M317" s="55"/>
      <c r="N317" s="55"/>
      <c r="O317" s="55"/>
      <c r="P317" s="55"/>
      <c r="Q317" s="55"/>
      <c r="R317" s="55"/>
      <c r="S317" s="55"/>
      <c r="T317" s="55"/>
      <c r="U317" s="55"/>
      <c r="V317" s="55"/>
      <c r="W317" s="55"/>
      <c r="X317" s="55"/>
      <c r="Y317" s="55"/>
      <c r="Z317" s="55"/>
      <c r="AA317" s="55"/>
      <c r="AB317" s="55"/>
      <c r="AC317" s="55"/>
      <c r="AD317" s="55"/>
      <c r="AE317" s="55"/>
      <c r="AF317" s="55"/>
      <c r="AG317" s="55"/>
      <c r="AY317" s="162"/>
      <c r="AZ317" s="162"/>
      <c r="BA317" s="162"/>
      <c r="BB317" s="162"/>
      <c r="BC317" s="162"/>
      <c r="BD317" s="162"/>
      <c r="BE317" s="162"/>
      <c r="BF317" s="162"/>
      <c r="BG317" s="162"/>
      <c r="BH317" s="162"/>
      <c r="BI317" s="162"/>
      <c r="BJ317" s="162"/>
      <c r="BK317" s="162"/>
      <c r="BL317" s="162"/>
      <c r="BM317" s="162"/>
      <c r="BN317" s="162"/>
      <c r="BO317" s="162"/>
      <c r="BP317" s="162"/>
      <c r="BQ317" s="162"/>
      <c r="BR317" s="162"/>
      <c r="BS317" s="162"/>
      <c r="BT317" s="162"/>
      <c r="BU317" s="162"/>
      <c r="BV317" s="162"/>
      <c r="BW317" s="162"/>
      <c r="BX317" s="162"/>
      <c r="BY317" s="162"/>
      <c r="BZ317" s="162"/>
      <c r="CA317" s="162"/>
      <c r="CB317" s="162"/>
      <c r="CC317" s="162"/>
      <c r="CD317" s="162"/>
      <c r="CE317" s="162"/>
      <c r="CF317" s="162"/>
      <c r="CG317" s="162"/>
      <c r="CH317" s="162"/>
      <c r="CI317" s="162"/>
      <c r="CJ317" s="162"/>
      <c r="CK317" s="162"/>
      <c r="CX317" s="98"/>
      <c r="DL317" s="97"/>
      <c r="DX317" s="98"/>
      <c r="EL317" s="97"/>
      <c r="EX317" s="98"/>
      <c r="EY317" s="97"/>
      <c r="FL317" s="126"/>
      <c r="FM317" s="91"/>
      <c r="FN317" s="91"/>
      <c r="FO317" s="91"/>
      <c r="FP317" s="91"/>
      <c r="FQ317" s="91"/>
      <c r="FR317" s="91"/>
      <c r="FS317" s="91"/>
      <c r="FT317" s="91"/>
      <c r="FU317" s="91"/>
      <c r="FV317" s="91"/>
      <c r="FW317" s="91"/>
      <c r="FX317" s="91"/>
      <c r="FY317" s="91"/>
      <c r="FZ317" s="91"/>
      <c r="GA317" s="91"/>
      <c r="GB317" s="91"/>
      <c r="GC317" s="91"/>
      <c r="GD317" s="91"/>
      <c r="GE317" s="91"/>
      <c r="GF317" s="91"/>
      <c r="GG317" s="91"/>
      <c r="GH317" s="91"/>
      <c r="GI317" s="91"/>
      <c r="GJ317" s="91"/>
      <c r="GK317" s="127"/>
      <c r="GL317" s="126"/>
      <c r="GM317" s="91"/>
      <c r="GN317" s="91"/>
      <c r="GO317" s="91"/>
      <c r="GP317" s="91"/>
      <c r="GQ317" s="91"/>
      <c r="GR317" s="91"/>
      <c r="GS317" s="91"/>
      <c r="GT317" s="91"/>
      <c r="GU317" s="91"/>
      <c r="GV317" s="91"/>
      <c r="GW317" s="91"/>
      <c r="GX317" s="91"/>
      <c r="GY317" s="91"/>
      <c r="GZ317" s="91"/>
      <c r="HA317" s="91"/>
      <c r="HB317" s="91"/>
      <c r="HC317" s="91"/>
      <c r="HD317" s="91"/>
      <c r="HE317" s="91"/>
      <c r="HF317" s="91"/>
      <c r="HG317" s="91"/>
      <c r="HH317" s="91"/>
      <c r="HI317" s="91"/>
      <c r="HJ317" s="91"/>
      <c r="HK317" s="127"/>
      <c r="HL317" s="126"/>
      <c r="HM317" s="91"/>
      <c r="HN317" s="91"/>
      <c r="HO317" s="91"/>
      <c r="HP317" s="91"/>
      <c r="HQ317" s="91"/>
      <c r="HR317" s="91"/>
      <c r="HS317" s="91"/>
      <c r="HT317" s="91"/>
      <c r="HU317" s="91"/>
      <c r="HV317" s="91"/>
      <c r="HW317" s="91"/>
      <c r="HX317" s="91"/>
      <c r="HY317" s="91"/>
      <c r="HZ317" s="91"/>
      <c r="IA317" s="91"/>
      <c r="IB317" s="91"/>
      <c r="IC317" s="91"/>
      <c r="ID317" s="91"/>
      <c r="IE317" s="91"/>
      <c r="IF317" s="91"/>
      <c r="IG317" s="91"/>
      <c r="IH317" s="91"/>
      <c r="II317" s="91"/>
      <c r="IJ317" s="91"/>
      <c r="IK317" s="127"/>
    </row>
    <row r="318" spans="2:245" x14ac:dyDescent="0.2">
      <c r="B318" s="43"/>
      <c r="C318" s="73"/>
      <c r="D318" s="64"/>
      <c r="E318" s="64"/>
      <c r="F318" s="55"/>
      <c r="G318" s="102"/>
      <c r="H318" s="55"/>
      <c r="I318" s="55"/>
      <c r="J318" s="55"/>
      <c r="K318" s="55"/>
      <c r="L318" s="55"/>
      <c r="M318" s="55"/>
      <c r="N318" s="55"/>
      <c r="O318" s="55"/>
      <c r="P318" s="55"/>
      <c r="Q318" s="55"/>
      <c r="R318" s="55"/>
      <c r="S318" s="55"/>
      <c r="T318" s="55"/>
      <c r="U318" s="55"/>
      <c r="V318" s="55"/>
      <c r="W318" s="55"/>
      <c r="X318" s="55"/>
      <c r="Y318" s="55"/>
      <c r="Z318" s="55"/>
      <c r="AA318" s="55"/>
      <c r="AB318" s="55"/>
      <c r="AC318" s="55"/>
      <c r="AD318" s="55"/>
      <c r="AE318" s="55"/>
      <c r="AF318" s="55"/>
      <c r="AG318" s="55"/>
      <c r="AY318" s="162"/>
      <c r="AZ318" s="162"/>
      <c r="BA318" s="162"/>
      <c r="BB318" s="162"/>
      <c r="BC318" s="162"/>
      <c r="BD318" s="162"/>
      <c r="BE318" s="162"/>
      <c r="BF318" s="162"/>
      <c r="BG318" s="162"/>
      <c r="BH318" s="162"/>
      <c r="BI318" s="162"/>
      <c r="BJ318" s="162"/>
      <c r="BK318" s="162"/>
      <c r="BL318" s="162"/>
      <c r="BM318" s="162"/>
      <c r="BN318" s="162"/>
      <c r="BO318" s="162"/>
      <c r="BP318" s="162"/>
      <c r="BQ318" s="162"/>
      <c r="BR318" s="162"/>
      <c r="BS318" s="162"/>
      <c r="BT318" s="162"/>
      <c r="BU318" s="162"/>
      <c r="BV318" s="162"/>
      <c r="BW318" s="162"/>
      <c r="BX318" s="162"/>
      <c r="BY318" s="162"/>
      <c r="BZ318" s="162"/>
      <c r="CA318" s="162"/>
      <c r="CB318" s="162"/>
      <c r="CC318" s="162"/>
      <c r="CD318" s="162"/>
      <c r="CE318" s="162"/>
      <c r="CF318" s="162"/>
      <c r="CG318" s="162"/>
      <c r="CH318" s="162"/>
      <c r="CI318" s="162"/>
      <c r="CJ318" s="162"/>
      <c r="CK318" s="162"/>
      <c r="CX318" s="98"/>
      <c r="DL318" s="97"/>
      <c r="DX318" s="98"/>
      <c r="EL318" s="97"/>
      <c r="EX318" s="98"/>
      <c r="EY318" s="97"/>
      <c r="FL318" s="126"/>
      <c r="FM318" s="91"/>
      <c r="FN318" s="91"/>
      <c r="FO318" s="91"/>
      <c r="FP318" s="91"/>
      <c r="FQ318" s="91"/>
      <c r="FR318" s="91"/>
      <c r="FS318" s="91"/>
      <c r="FT318" s="91"/>
      <c r="FU318" s="91"/>
      <c r="FV318" s="91"/>
      <c r="FW318" s="91"/>
      <c r="FX318" s="91"/>
      <c r="FY318" s="91"/>
      <c r="FZ318" s="91"/>
      <c r="GA318" s="91"/>
      <c r="GB318" s="91"/>
      <c r="GC318" s="91"/>
      <c r="GD318" s="91"/>
      <c r="GE318" s="91"/>
      <c r="GF318" s="91"/>
      <c r="GG318" s="91"/>
      <c r="GH318" s="91"/>
      <c r="GI318" s="91"/>
      <c r="GJ318" s="91"/>
      <c r="GK318" s="127"/>
      <c r="GL318" s="126"/>
      <c r="GM318" s="91"/>
      <c r="GN318" s="91"/>
      <c r="GO318" s="91"/>
      <c r="GP318" s="91"/>
      <c r="GQ318" s="91"/>
      <c r="GR318" s="91"/>
      <c r="GS318" s="91"/>
      <c r="GT318" s="91"/>
      <c r="GU318" s="91"/>
      <c r="GV318" s="91"/>
      <c r="GW318" s="91"/>
      <c r="GX318" s="91"/>
      <c r="GY318" s="91"/>
      <c r="GZ318" s="91"/>
      <c r="HA318" s="91"/>
      <c r="HB318" s="91"/>
      <c r="HC318" s="91"/>
      <c r="HD318" s="91"/>
      <c r="HE318" s="91"/>
      <c r="HF318" s="91"/>
      <c r="HG318" s="91"/>
      <c r="HH318" s="91"/>
      <c r="HI318" s="91"/>
      <c r="HJ318" s="91"/>
      <c r="HK318" s="127"/>
      <c r="HL318" s="126"/>
      <c r="HM318" s="91"/>
      <c r="HN318" s="91"/>
      <c r="HO318" s="91"/>
      <c r="HP318" s="91"/>
      <c r="HQ318" s="91"/>
      <c r="HR318" s="91"/>
      <c r="HS318" s="91"/>
      <c r="HT318" s="91"/>
      <c r="HU318" s="91"/>
      <c r="HV318" s="91"/>
      <c r="HW318" s="91"/>
      <c r="HX318" s="91"/>
      <c r="HY318" s="91"/>
      <c r="HZ318" s="91"/>
      <c r="IA318" s="91"/>
      <c r="IB318" s="91"/>
      <c r="IC318" s="91"/>
      <c r="ID318" s="91"/>
      <c r="IE318" s="91"/>
      <c r="IF318" s="91"/>
      <c r="IG318" s="91"/>
      <c r="IH318" s="91"/>
      <c r="II318" s="91"/>
      <c r="IJ318" s="91"/>
      <c r="IK318" s="127"/>
    </row>
    <row r="319" spans="2:245" x14ac:dyDescent="0.2">
      <c r="B319" s="43"/>
      <c r="C319" s="73"/>
      <c r="D319" s="64"/>
      <c r="E319" s="64"/>
      <c r="F319" s="55"/>
      <c r="G319" s="102"/>
      <c r="H319" s="55"/>
      <c r="I319" s="55"/>
      <c r="J319" s="55"/>
      <c r="K319" s="55"/>
      <c r="L319" s="55"/>
      <c r="M319" s="55"/>
      <c r="N319" s="55"/>
      <c r="O319" s="55"/>
      <c r="P319" s="55"/>
      <c r="Q319" s="55"/>
      <c r="R319" s="55"/>
      <c r="S319" s="55"/>
      <c r="T319" s="55"/>
      <c r="U319" s="55"/>
      <c r="V319" s="55"/>
      <c r="W319" s="55"/>
      <c r="X319" s="55"/>
      <c r="Y319" s="55"/>
      <c r="Z319" s="55"/>
      <c r="AA319" s="55"/>
      <c r="AB319" s="55"/>
      <c r="AC319" s="55"/>
      <c r="AD319" s="55"/>
      <c r="AE319" s="55"/>
      <c r="AF319" s="55"/>
      <c r="AG319" s="55"/>
      <c r="AY319" s="162"/>
      <c r="AZ319" s="162"/>
      <c r="BA319" s="162"/>
      <c r="BB319" s="162"/>
      <c r="BC319" s="162"/>
      <c r="BD319" s="162"/>
      <c r="BE319" s="162"/>
      <c r="BF319" s="162"/>
      <c r="BG319" s="162"/>
      <c r="BH319" s="162"/>
      <c r="BI319" s="162"/>
      <c r="BJ319" s="162"/>
      <c r="BK319" s="162"/>
      <c r="BL319" s="162"/>
      <c r="BM319" s="162"/>
      <c r="BN319" s="162"/>
      <c r="BO319" s="162"/>
      <c r="BP319" s="162"/>
      <c r="BQ319" s="162"/>
      <c r="BR319" s="162"/>
      <c r="BS319" s="162"/>
      <c r="BT319" s="162"/>
      <c r="BU319" s="162"/>
      <c r="BV319" s="162"/>
      <c r="BW319" s="162"/>
      <c r="BX319" s="162"/>
      <c r="BY319" s="162"/>
      <c r="BZ319" s="162"/>
      <c r="CA319" s="162"/>
      <c r="CB319" s="162"/>
      <c r="CC319" s="162"/>
      <c r="CD319" s="162"/>
      <c r="CE319" s="162"/>
      <c r="CF319" s="162"/>
      <c r="CG319" s="162"/>
      <c r="CH319" s="162"/>
      <c r="CI319" s="162"/>
      <c r="CJ319" s="162"/>
      <c r="CK319" s="162"/>
      <c r="CX319" s="98"/>
      <c r="DL319" s="97"/>
      <c r="DX319" s="98"/>
      <c r="EL319" s="97"/>
      <c r="EX319" s="98"/>
      <c r="EY319" s="97"/>
      <c r="FL319" s="126"/>
      <c r="FM319" s="91"/>
      <c r="FN319" s="91"/>
      <c r="FO319" s="91"/>
      <c r="FP319" s="91"/>
      <c r="FQ319" s="91"/>
      <c r="FR319" s="91"/>
      <c r="FS319" s="91"/>
      <c r="FT319" s="91"/>
      <c r="FU319" s="91"/>
      <c r="FV319" s="91"/>
      <c r="FW319" s="91"/>
      <c r="FX319" s="91"/>
      <c r="FY319" s="91"/>
      <c r="FZ319" s="91"/>
      <c r="GA319" s="91"/>
      <c r="GB319" s="91"/>
      <c r="GC319" s="91"/>
      <c r="GD319" s="91"/>
      <c r="GE319" s="91"/>
      <c r="GF319" s="91"/>
      <c r="GG319" s="91"/>
      <c r="GH319" s="91"/>
      <c r="GI319" s="91"/>
      <c r="GJ319" s="91"/>
      <c r="GK319" s="127"/>
      <c r="GL319" s="126"/>
      <c r="GM319" s="91"/>
      <c r="GN319" s="91"/>
      <c r="GO319" s="91"/>
      <c r="GP319" s="91"/>
      <c r="GQ319" s="91"/>
      <c r="GR319" s="91"/>
      <c r="GS319" s="91"/>
      <c r="GT319" s="91"/>
      <c r="GU319" s="91"/>
      <c r="GV319" s="91"/>
      <c r="GW319" s="91"/>
      <c r="GX319" s="91"/>
      <c r="GY319" s="91"/>
      <c r="GZ319" s="91"/>
      <c r="HA319" s="91"/>
      <c r="HB319" s="91"/>
      <c r="HC319" s="91"/>
      <c r="HD319" s="91"/>
      <c r="HE319" s="91"/>
      <c r="HF319" s="91"/>
      <c r="HG319" s="91"/>
      <c r="HH319" s="91"/>
      <c r="HI319" s="91"/>
      <c r="HJ319" s="91"/>
      <c r="HK319" s="127"/>
      <c r="HL319" s="126"/>
      <c r="HM319" s="91"/>
      <c r="HN319" s="91"/>
      <c r="HO319" s="91"/>
      <c r="HP319" s="91"/>
      <c r="HQ319" s="91"/>
      <c r="HR319" s="91"/>
      <c r="HS319" s="91"/>
      <c r="HT319" s="91"/>
      <c r="HU319" s="91"/>
      <c r="HV319" s="91"/>
      <c r="HW319" s="91"/>
      <c r="HX319" s="91"/>
      <c r="HY319" s="91"/>
      <c r="HZ319" s="91"/>
      <c r="IA319" s="91"/>
      <c r="IB319" s="91"/>
      <c r="IC319" s="91"/>
      <c r="ID319" s="91"/>
      <c r="IE319" s="91"/>
      <c r="IF319" s="91"/>
      <c r="IG319" s="91"/>
      <c r="IH319" s="91"/>
      <c r="II319" s="91"/>
      <c r="IJ319" s="91"/>
      <c r="IK319" s="127"/>
    </row>
    <row r="320" spans="2:245" x14ac:dyDescent="0.2">
      <c r="B320" s="43"/>
      <c r="C320" s="73"/>
      <c r="D320" s="64"/>
      <c r="E320" s="64"/>
      <c r="F320" s="55"/>
      <c r="G320" s="102"/>
      <c r="H320" s="55"/>
      <c r="I320" s="55"/>
      <c r="J320" s="55"/>
      <c r="K320" s="55"/>
      <c r="L320" s="55"/>
      <c r="M320" s="55"/>
      <c r="N320" s="55"/>
      <c r="O320" s="55"/>
      <c r="P320" s="55"/>
      <c r="Q320" s="55"/>
      <c r="R320" s="55"/>
      <c r="S320" s="55"/>
      <c r="T320" s="55"/>
      <c r="U320" s="55"/>
      <c r="V320" s="55"/>
      <c r="W320" s="55"/>
      <c r="X320" s="55"/>
      <c r="Y320" s="55"/>
      <c r="Z320" s="55"/>
      <c r="AA320" s="55"/>
      <c r="AB320" s="55"/>
      <c r="AC320" s="55"/>
      <c r="AD320" s="55"/>
      <c r="AE320" s="55"/>
      <c r="AF320" s="55"/>
      <c r="AG320" s="55"/>
      <c r="AY320" s="162"/>
      <c r="AZ320" s="162"/>
      <c r="BA320" s="162"/>
      <c r="BB320" s="162"/>
      <c r="BC320" s="162"/>
      <c r="BD320" s="162"/>
      <c r="BE320" s="162"/>
      <c r="BF320" s="162"/>
      <c r="BG320" s="162"/>
      <c r="BH320" s="162"/>
      <c r="BI320" s="162"/>
      <c r="BJ320" s="162"/>
      <c r="BK320" s="162"/>
      <c r="BL320" s="162"/>
      <c r="BM320" s="162"/>
      <c r="BN320" s="162"/>
      <c r="BO320" s="162"/>
      <c r="BP320" s="162"/>
      <c r="BQ320" s="162"/>
      <c r="BR320" s="162"/>
      <c r="BS320" s="162"/>
      <c r="BT320" s="162"/>
      <c r="BU320" s="162"/>
      <c r="BV320" s="162"/>
      <c r="BW320" s="162"/>
      <c r="BX320" s="162"/>
      <c r="BY320" s="162"/>
      <c r="BZ320" s="162"/>
      <c r="CA320" s="162"/>
      <c r="CB320" s="162"/>
      <c r="CC320" s="162"/>
      <c r="CD320" s="162"/>
      <c r="CE320" s="162"/>
      <c r="CF320" s="162"/>
      <c r="CG320" s="162"/>
      <c r="CH320" s="162"/>
      <c r="CI320" s="162"/>
      <c r="CJ320" s="162"/>
      <c r="CK320" s="162"/>
      <c r="CX320" s="98"/>
      <c r="DL320" s="97"/>
      <c r="DX320" s="98"/>
      <c r="EL320" s="97"/>
      <c r="EX320" s="98"/>
      <c r="EY320" s="97"/>
      <c r="FL320" s="126"/>
      <c r="FM320" s="91"/>
      <c r="FN320" s="91"/>
      <c r="FO320" s="91"/>
      <c r="FP320" s="91"/>
      <c r="FQ320" s="91"/>
      <c r="FR320" s="91"/>
      <c r="FS320" s="91"/>
      <c r="FT320" s="91"/>
      <c r="FU320" s="91"/>
      <c r="FV320" s="91"/>
      <c r="FW320" s="91"/>
      <c r="FX320" s="91"/>
      <c r="FY320" s="91"/>
      <c r="FZ320" s="91"/>
      <c r="GA320" s="91"/>
      <c r="GB320" s="91"/>
      <c r="GC320" s="91"/>
      <c r="GD320" s="91"/>
      <c r="GE320" s="91"/>
      <c r="GF320" s="91"/>
      <c r="GG320" s="91"/>
      <c r="GH320" s="91"/>
      <c r="GI320" s="91"/>
      <c r="GJ320" s="91"/>
      <c r="GK320" s="127"/>
      <c r="GL320" s="126"/>
      <c r="GM320" s="91"/>
      <c r="GN320" s="91"/>
      <c r="GO320" s="91"/>
      <c r="GP320" s="91"/>
      <c r="GQ320" s="91"/>
      <c r="GR320" s="91"/>
      <c r="GS320" s="91"/>
      <c r="GT320" s="91"/>
      <c r="GU320" s="91"/>
      <c r="GV320" s="91"/>
      <c r="GW320" s="91"/>
      <c r="GX320" s="91"/>
      <c r="GY320" s="91"/>
      <c r="GZ320" s="91"/>
      <c r="HA320" s="91"/>
      <c r="HB320" s="91"/>
      <c r="HC320" s="91"/>
      <c r="HD320" s="91"/>
      <c r="HE320" s="91"/>
      <c r="HF320" s="91"/>
      <c r="HG320" s="91"/>
      <c r="HH320" s="91"/>
      <c r="HI320" s="91"/>
      <c r="HJ320" s="91"/>
      <c r="HK320" s="127"/>
      <c r="HL320" s="126"/>
      <c r="HM320" s="91"/>
      <c r="HN320" s="91"/>
      <c r="HO320" s="91"/>
      <c r="HP320" s="91"/>
      <c r="HQ320" s="91"/>
      <c r="HR320" s="91"/>
      <c r="HS320" s="91"/>
      <c r="HT320" s="91"/>
      <c r="HU320" s="91"/>
      <c r="HV320" s="91"/>
      <c r="HW320" s="91"/>
      <c r="HX320" s="91"/>
      <c r="HY320" s="91"/>
      <c r="HZ320" s="91"/>
      <c r="IA320" s="91"/>
      <c r="IB320" s="91"/>
      <c r="IC320" s="91"/>
      <c r="ID320" s="91"/>
      <c r="IE320" s="91"/>
      <c r="IF320" s="91"/>
      <c r="IG320" s="91"/>
      <c r="IH320" s="91"/>
      <c r="II320" s="91"/>
      <c r="IJ320" s="91"/>
      <c r="IK320" s="127"/>
    </row>
    <row r="321" spans="2:245" x14ac:dyDescent="0.2">
      <c r="B321" s="43"/>
      <c r="C321" s="73"/>
      <c r="D321" s="64"/>
      <c r="E321" s="64"/>
      <c r="F321" s="55"/>
      <c r="G321" s="102"/>
      <c r="H321" s="55"/>
      <c r="I321" s="55"/>
      <c r="J321" s="55"/>
      <c r="K321" s="55"/>
      <c r="L321" s="55"/>
      <c r="M321" s="55"/>
      <c r="N321" s="55"/>
      <c r="O321" s="55"/>
      <c r="P321" s="55"/>
      <c r="Q321" s="55"/>
      <c r="R321" s="55"/>
      <c r="S321" s="55"/>
      <c r="T321" s="55"/>
      <c r="U321" s="55"/>
      <c r="V321" s="55"/>
      <c r="W321" s="55"/>
      <c r="X321" s="55"/>
      <c r="Y321" s="55"/>
      <c r="Z321" s="55"/>
      <c r="AA321" s="55"/>
      <c r="AB321" s="55"/>
      <c r="AC321" s="55"/>
      <c r="AD321" s="55"/>
      <c r="AE321" s="55"/>
      <c r="AF321" s="55"/>
      <c r="AG321" s="55"/>
      <c r="AY321" s="162"/>
      <c r="AZ321" s="162"/>
      <c r="BA321" s="162"/>
      <c r="BB321" s="162"/>
      <c r="BC321" s="162"/>
      <c r="BD321" s="162"/>
      <c r="BE321" s="162"/>
      <c r="BF321" s="162"/>
      <c r="BG321" s="162"/>
      <c r="BH321" s="162"/>
      <c r="BI321" s="162"/>
      <c r="BJ321" s="162"/>
      <c r="BK321" s="162"/>
      <c r="BL321" s="162"/>
      <c r="BM321" s="162"/>
      <c r="BN321" s="162"/>
      <c r="BO321" s="162"/>
      <c r="BP321" s="162"/>
      <c r="BQ321" s="162"/>
      <c r="BR321" s="162"/>
      <c r="BS321" s="162"/>
      <c r="BT321" s="162"/>
      <c r="BU321" s="162"/>
      <c r="BV321" s="162"/>
      <c r="BW321" s="162"/>
      <c r="BX321" s="162"/>
      <c r="BY321" s="162"/>
      <c r="BZ321" s="162"/>
      <c r="CA321" s="162"/>
      <c r="CB321" s="162"/>
      <c r="CC321" s="162"/>
      <c r="CD321" s="162"/>
      <c r="CE321" s="162"/>
      <c r="CF321" s="162"/>
      <c r="CG321" s="162"/>
      <c r="CH321" s="162"/>
      <c r="CI321" s="162"/>
      <c r="CJ321" s="162"/>
      <c r="CK321" s="162"/>
      <c r="CX321" s="98"/>
      <c r="DL321" s="97"/>
      <c r="DX321" s="98"/>
      <c r="EL321" s="97"/>
      <c r="EX321" s="98"/>
      <c r="EY321" s="97"/>
      <c r="FL321" s="126"/>
      <c r="FM321" s="91"/>
      <c r="FN321" s="91"/>
      <c r="FO321" s="91"/>
      <c r="FP321" s="91"/>
      <c r="FQ321" s="91"/>
      <c r="FR321" s="91"/>
      <c r="FS321" s="91"/>
      <c r="FT321" s="91"/>
      <c r="FU321" s="91"/>
      <c r="FV321" s="91"/>
      <c r="FW321" s="91"/>
      <c r="FX321" s="91"/>
      <c r="FY321" s="91"/>
      <c r="FZ321" s="91"/>
      <c r="GA321" s="91"/>
      <c r="GB321" s="91"/>
      <c r="GC321" s="91"/>
      <c r="GD321" s="91"/>
      <c r="GE321" s="91"/>
      <c r="GF321" s="91"/>
      <c r="GG321" s="91"/>
      <c r="GH321" s="91"/>
      <c r="GI321" s="91"/>
      <c r="GJ321" s="91"/>
      <c r="GK321" s="127"/>
      <c r="GL321" s="126"/>
      <c r="GM321" s="91"/>
      <c r="GN321" s="91"/>
      <c r="GO321" s="91"/>
      <c r="GP321" s="91"/>
      <c r="GQ321" s="91"/>
      <c r="GR321" s="91"/>
      <c r="GS321" s="91"/>
      <c r="GT321" s="91"/>
      <c r="GU321" s="91"/>
      <c r="GV321" s="91"/>
      <c r="GW321" s="91"/>
      <c r="GX321" s="91"/>
      <c r="GY321" s="91"/>
      <c r="GZ321" s="91"/>
      <c r="HA321" s="91"/>
      <c r="HB321" s="91"/>
      <c r="HC321" s="91"/>
      <c r="HD321" s="91"/>
      <c r="HE321" s="91"/>
      <c r="HF321" s="91"/>
      <c r="HG321" s="91"/>
      <c r="HH321" s="91"/>
      <c r="HI321" s="91"/>
      <c r="HJ321" s="91"/>
      <c r="HK321" s="127"/>
      <c r="HL321" s="126"/>
      <c r="HM321" s="91"/>
      <c r="HN321" s="91"/>
      <c r="HO321" s="91"/>
      <c r="HP321" s="91"/>
      <c r="HQ321" s="91"/>
      <c r="HR321" s="91"/>
      <c r="HS321" s="91"/>
      <c r="HT321" s="91"/>
      <c r="HU321" s="91"/>
      <c r="HV321" s="91"/>
      <c r="HW321" s="91"/>
      <c r="HX321" s="91"/>
      <c r="HY321" s="91"/>
      <c r="HZ321" s="91"/>
      <c r="IA321" s="91"/>
      <c r="IB321" s="91"/>
      <c r="IC321" s="91"/>
      <c r="ID321" s="91"/>
      <c r="IE321" s="91"/>
      <c r="IF321" s="91"/>
      <c r="IG321" s="91"/>
      <c r="IH321" s="91"/>
      <c r="II321" s="91"/>
      <c r="IJ321" s="91"/>
      <c r="IK321" s="127"/>
    </row>
    <row r="322" spans="2:245" x14ac:dyDescent="0.2">
      <c r="B322" s="43"/>
      <c r="C322" s="73"/>
      <c r="D322" s="64"/>
      <c r="E322" s="64"/>
      <c r="F322" s="55"/>
      <c r="G322" s="102"/>
      <c r="H322" s="55"/>
      <c r="I322" s="55"/>
      <c r="J322" s="55"/>
      <c r="K322" s="55"/>
      <c r="L322" s="55"/>
      <c r="M322" s="55"/>
      <c r="N322" s="55"/>
      <c r="O322" s="55"/>
      <c r="P322" s="55"/>
      <c r="Q322" s="55"/>
      <c r="R322" s="55"/>
      <c r="S322" s="55"/>
      <c r="T322" s="55"/>
      <c r="U322" s="55"/>
      <c r="V322" s="55"/>
      <c r="W322" s="55"/>
      <c r="X322" s="55"/>
      <c r="Y322" s="55"/>
      <c r="Z322" s="55"/>
      <c r="AA322" s="55"/>
      <c r="AB322" s="55"/>
      <c r="AC322" s="55"/>
      <c r="AD322" s="55"/>
      <c r="AE322" s="55"/>
      <c r="AF322" s="55"/>
      <c r="AG322" s="55"/>
      <c r="AY322" s="162"/>
      <c r="AZ322" s="162"/>
      <c r="BA322" s="162"/>
      <c r="BB322" s="162"/>
      <c r="BC322" s="162"/>
      <c r="BD322" s="162"/>
      <c r="BE322" s="162"/>
      <c r="BF322" s="162"/>
      <c r="BG322" s="162"/>
      <c r="BH322" s="162"/>
      <c r="BI322" s="162"/>
      <c r="BJ322" s="162"/>
      <c r="BK322" s="162"/>
      <c r="BL322" s="162"/>
      <c r="BM322" s="162"/>
      <c r="BN322" s="162"/>
      <c r="BO322" s="162"/>
      <c r="BP322" s="162"/>
      <c r="BQ322" s="162"/>
      <c r="BR322" s="162"/>
      <c r="BS322" s="162"/>
      <c r="BT322" s="162"/>
      <c r="BU322" s="162"/>
      <c r="BV322" s="162"/>
      <c r="BW322" s="162"/>
      <c r="BX322" s="162"/>
      <c r="BY322" s="162"/>
      <c r="BZ322" s="162"/>
      <c r="CA322" s="162"/>
      <c r="CB322" s="162"/>
      <c r="CC322" s="162"/>
      <c r="CD322" s="162"/>
      <c r="CE322" s="162"/>
      <c r="CF322" s="162"/>
      <c r="CG322" s="162"/>
      <c r="CH322" s="162"/>
      <c r="CI322" s="162"/>
      <c r="CJ322" s="162"/>
      <c r="CK322" s="162"/>
      <c r="CX322" s="98"/>
      <c r="DL322" s="97"/>
      <c r="DX322" s="98"/>
      <c r="EL322" s="97"/>
      <c r="EX322" s="98"/>
      <c r="EY322" s="97"/>
      <c r="FL322" s="126"/>
      <c r="FM322" s="91"/>
      <c r="FN322" s="91"/>
      <c r="FO322" s="91"/>
      <c r="FP322" s="91"/>
      <c r="FQ322" s="91"/>
      <c r="FR322" s="91"/>
      <c r="FS322" s="91"/>
      <c r="FT322" s="91"/>
      <c r="FU322" s="91"/>
      <c r="FV322" s="91"/>
      <c r="FW322" s="91"/>
      <c r="FX322" s="91"/>
      <c r="FY322" s="91"/>
      <c r="FZ322" s="91"/>
      <c r="GA322" s="91"/>
      <c r="GB322" s="91"/>
      <c r="GC322" s="91"/>
      <c r="GD322" s="91"/>
      <c r="GE322" s="91"/>
      <c r="GF322" s="91"/>
      <c r="GG322" s="91"/>
      <c r="GH322" s="91"/>
      <c r="GI322" s="91"/>
      <c r="GJ322" s="91"/>
      <c r="GK322" s="127"/>
      <c r="GL322" s="126"/>
      <c r="GM322" s="91"/>
      <c r="GN322" s="91"/>
      <c r="GO322" s="91"/>
      <c r="GP322" s="91"/>
      <c r="GQ322" s="91"/>
      <c r="GR322" s="91"/>
      <c r="GS322" s="91"/>
      <c r="GT322" s="91"/>
      <c r="GU322" s="91"/>
      <c r="GV322" s="91"/>
      <c r="GW322" s="91"/>
      <c r="GX322" s="91"/>
      <c r="GY322" s="91"/>
      <c r="GZ322" s="91"/>
      <c r="HA322" s="91"/>
      <c r="HB322" s="91"/>
      <c r="HC322" s="91"/>
      <c r="HD322" s="91"/>
      <c r="HE322" s="91"/>
      <c r="HF322" s="91"/>
      <c r="HG322" s="91"/>
      <c r="HH322" s="91"/>
      <c r="HI322" s="91"/>
      <c r="HJ322" s="91"/>
      <c r="HK322" s="127"/>
      <c r="HL322" s="126"/>
      <c r="HM322" s="91"/>
      <c r="HN322" s="91"/>
      <c r="HO322" s="91"/>
      <c r="HP322" s="91"/>
      <c r="HQ322" s="91"/>
      <c r="HR322" s="91"/>
      <c r="HS322" s="91"/>
      <c r="HT322" s="91"/>
      <c r="HU322" s="91"/>
      <c r="HV322" s="91"/>
      <c r="HW322" s="91"/>
      <c r="HX322" s="91"/>
      <c r="HY322" s="91"/>
      <c r="HZ322" s="91"/>
      <c r="IA322" s="91"/>
      <c r="IB322" s="91"/>
      <c r="IC322" s="91"/>
      <c r="ID322" s="91"/>
      <c r="IE322" s="91"/>
      <c r="IF322" s="91"/>
      <c r="IG322" s="91"/>
      <c r="IH322" s="91"/>
      <c r="II322" s="91"/>
      <c r="IJ322" s="91"/>
      <c r="IK322" s="127"/>
    </row>
    <row r="323" spans="2:245" x14ac:dyDescent="0.2">
      <c r="B323" s="43"/>
      <c r="C323" s="73"/>
      <c r="D323" s="64"/>
      <c r="E323" s="64"/>
      <c r="F323" s="55"/>
      <c r="G323" s="102"/>
      <c r="H323" s="55"/>
      <c r="I323" s="55"/>
      <c r="J323" s="55"/>
      <c r="K323" s="55"/>
      <c r="L323" s="55"/>
      <c r="M323" s="55"/>
      <c r="N323" s="55"/>
      <c r="O323" s="55"/>
      <c r="P323" s="55"/>
      <c r="Q323" s="55"/>
      <c r="R323" s="55"/>
      <c r="S323" s="55"/>
      <c r="T323" s="55"/>
      <c r="U323" s="55"/>
      <c r="V323" s="55"/>
      <c r="W323" s="55"/>
      <c r="X323" s="55"/>
      <c r="Y323" s="55"/>
      <c r="Z323" s="55"/>
      <c r="AA323" s="55"/>
      <c r="AB323" s="55"/>
      <c r="AC323" s="55"/>
      <c r="AD323" s="55"/>
      <c r="AE323" s="55"/>
      <c r="AF323" s="55"/>
      <c r="AG323" s="55"/>
      <c r="AY323" s="162"/>
      <c r="AZ323" s="162"/>
      <c r="BA323" s="162"/>
      <c r="BB323" s="162"/>
      <c r="BC323" s="162"/>
      <c r="BD323" s="162"/>
      <c r="BE323" s="162"/>
      <c r="BF323" s="162"/>
      <c r="BG323" s="162"/>
      <c r="BH323" s="162"/>
      <c r="BI323" s="162"/>
      <c r="BJ323" s="162"/>
      <c r="BK323" s="162"/>
      <c r="BL323" s="162"/>
      <c r="BM323" s="162"/>
      <c r="BN323" s="162"/>
      <c r="BO323" s="162"/>
      <c r="BP323" s="162"/>
      <c r="BQ323" s="162"/>
      <c r="BR323" s="162"/>
      <c r="BS323" s="162"/>
      <c r="BT323" s="162"/>
      <c r="BU323" s="162"/>
      <c r="BV323" s="162"/>
      <c r="BW323" s="162"/>
      <c r="BX323" s="162"/>
      <c r="BY323" s="162"/>
      <c r="BZ323" s="162"/>
      <c r="CA323" s="162"/>
      <c r="CB323" s="162"/>
      <c r="CC323" s="162"/>
      <c r="CD323" s="162"/>
      <c r="CE323" s="162"/>
      <c r="CF323" s="162"/>
      <c r="CG323" s="162"/>
      <c r="CH323" s="162"/>
      <c r="CI323" s="162"/>
      <c r="CJ323" s="162"/>
      <c r="CK323" s="162"/>
      <c r="CX323" s="98"/>
      <c r="DL323" s="97"/>
      <c r="DX323" s="98"/>
      <c r="EL323" s="97"/>
      <c r="EX323" s="98"/>
      <c r="EY323" s="97"/>
      <c r="FL323" s="126"/>
      <c r="FM323" s="91"/>
      <c r="FN323" s="91"/>
      <c r="FO323" s="91"/>
      <c r="FP323" s="91"/>
      <c r="FQ323" s="91"/>
      <c r="FR323" s="91"/>
      <c r="FS323" s="91"/>
      <c r="FT323" s="91"/>
      <c r="FU323" s="91"/>
      <c r="FV323" s="91"/>
      <c r="FW323" s="91"/>
      <c r="FX323" s="91"/>
      <c r="FY323" s="91"/>
      <c r="FZ323" s="91"/>
      <c r="GA323" s="91"/>
      <c r="GB323" s="91"/>
      <c r="GC323" s="91"/>
      <c r="GD323" s="91"/>
      <c r="GE323" s="91"/>
      <c r="GF323" s="91"/>
      <c r="GG323" s="91"/>
      <c r="GH323" s="91"/>
      <c r="GI323" s="91"/>
      <c r="GJ323" s="91"/>
      <c r="GK323" s="127"/>
      <c r="GL323" s="126"/>
      <c r="GM323" s="91"/>
      <c r="GN323" s="91"/>
      <c r="GO323" s="91"/>
      <c r="GP323" s="91"/>
      <c r="GQ323" s="91"/>
      <c r="GR323" s="91"/>
      <c r="GS323" s="91"/>
      <c r="GT323" s="91"/>
      <c r="GU323" s="91"/>
      <c r="GV323" s="91"/>
      <c r="GW323" s="91"/>
      <c r="GX323" s="91"/>
      <c r="GY323" s="91"/>
      <c r="GZ323" s="91"/>
      <c r="HA323" s="91"/>
      <c r="HB323" s="91"/>
      <c r="HC323" s="91"/>
      <c r="HD323" s="91"/>
      <c r="HE323" s="91"/>
      <c r="HF323" s="91"/>
      <c r="HG323" s="91"/>
      <c r="HH323" s="91"/>
      <c r="HI323" s="91"/>
      <c r="HJ323" s="91"/>
      <c r="HK323" s="127"/>
      <c r="HL323" s="126"/>
      <c r="HM323" s="91"/>
      <c r="HN323" s="91"/>
      <c r="HO323" s="91"/>
      <c r="HP323" s="91"/>
      <c r="HQ323" s="91"/>
      <c r="HR323" s="91"/>
      <c r="HS323" s="91"/>
      <c r="HT323" s="91"/>
      <c r="HU323" s="91"/>
      <c r="HV323" s="91"/>
      <c r="HW323" s="91"/>
      <c r="HX323" s="91"/>
      <c r="HY323" s="91"/>
      <c r="HZ323" s="91"/>
      <c r="IA323" s="91"/>
      <c r="IB323" s="91"/>
      <c r="IC323" s="91"/>
      <c r="ID323" s="91"/>
      <c r="IE323" s="91"/>
      <c r="IF323" s="91"/>
      <c r="IG323" s="91"/>
      <c r="IH323" s="91"/>
      <c r="II323" s="91"/>
      <c r="IJ323" s="91"/>
      <c r="IK323" s="127"/>
    </row>
    <row r="324" spans="2:245" x14ac:dyDescent="0.2">
      <c r="B324" s="43"/>
      <c r="C324" s="73"/>
      <c r="D324" s="64"/>
      <c r="E324" s="64"/>
      <c r="F324" s="55"/>
      <c r="G324" s="102"/>
      <c r="H324" s="55"/>
      <c r="I324" s="55"/>
      <c r="J324" s="55"/>
      <c r="K324" s="55"/>
      <c r="L324" s="55"/>
      <c r="M324" s="55"/>
      <c r="N324" s="55"/>
      <c r="O324" s="55"/>
      <c r="P324" s="55"/>
      <c r="Q324" s="55"/>
      <c r="R324" s="55"/>
      <c r="S324" s="55"/>
      <c r="T324" s="55"/>
      <c r="U324" s="55"/>
      <c r="V324" s="55"/>
      <c r="W324" s="55"/>
      <c r="X324" s="55"/>
      <c r="Y324" s="55"/>
      <c r="Z324" s="55"/>
      <c r="AA324" s="55"/>
      <c r="AB324" s="55"/>
      <c r="AC324" s="55"/>
      <c r="AD324" s="55"/>
      <c r="AE324" s="55"/>
      <c r="AF324" s="55"/>
      <c r="AG324" s="55"/>
      <c r="AY324" s="162"/>
      <c r="AZ324" s="162"/>
      <c r="BA324" s="162"/>
      <c r="BB324" s="162"/>
      <c r="BC324" s="162"/>
      <c r="BD324" s="162"/>
      <c r="BE324" s="162"/>
      <c r="BF324" s="162"/>
      <c r="BG324" s="162"/>
      <c r="BH324" s="162"/>
      <c r="BI324" s="162"/>
      <c r="BJ324" s="162"/>
      <c r="BK324" s="162"/>
      <c r="BL324" s="162"/>
      <c r="BM324" s="162"/>
      <c r="BN324" s="162"/>
      <c r="BO324" s="162"/>
      <c r="BP324" s="162"/>
      <c r="BQ324" s="162"/>
      <c r="BR324" s="162"/>
      <c r="BS324" s="162"/>
      <c r="BT324" s="162"/>
      <c r="BU324" s="162"/>
      <c r="BV324" s="162"/>
      <c r="BW324" s="162"/>
      <c r="BX324" s="162"/>
      <c r="BY324" s="162"/>
      <c r="BZ324" s="162"/>
      <c r="CA324" s="162"/>
      <c r="CB324" s="162"/>
      <c r="CC324" s="162"/>
      <c r="CD324" s="162"/>
      <c r="CE324" s="162"/>
      <c r="CF324" s="162"/>
      <c r="CG324" s="162"/>
      <c r="CH324" s="162"/>
      <c r="CI324" s="162"/>
      <c r="CJ324" s="162"/>
      <c r="CK324" s="162"/>
      <c r="CX324" s="98"/>
      <c r="DL324" s="97"/>
      <c r="DX324" s="98"/>
      <c r="EL324" s="97"/>
      <c r="EX324" s="98"/>
      <c r="EY324" s="97"/>
      <c r="FL324" s="126"/>
      <c r="FM324" s="91"/>
      <c r="FN324" s="91"/>
      <c r="FO324" s="91"/>
      <c r="FP324" s="91"/>
      <c r="FQ324" s="91"/>
      <c r="FR324" s="91"/>
      <c r="FS324" s="91"/>
      <c r="FT324" s="91"/>
      <c r="FU324" s="91"/>
      <c r="FV324" s="91"/>
      <c r="FW324" s="91"/>
      <c r="FX324" s="91"/>
      <c r="FY324" s="91"/>
      <c r="FZ324" s="91"/>
      <c r="GA324" s="91"/>
      <c r="GB324" s="91"/>
      <c r="GC324" s="91"/>
      <c r="GD324" s="91"/>
      <c r="GE324" s="91"/>
      <c r="GF324" s="91"/>
      <c r="GG324" s="91"/>
      <c r="GH324" s="91"/>
      <c r="GI324" s="91"/>
      <c r="GJ324" s="91"/>
      <c r="GK324" s="127"/>
      <c r="GL324" s="126"/>
      <c r="GM324" s="91"/>
      <c r="GN324" s="91"/>
      <c r="GO324" s="91"/>
      <c r="GP324" s="91"/>
      <c r="GQ324" s="91"/>
      <c r="GR324" s="91"/>
      <c r="GS324" s="91"/>
      <c r="GT324" s="91"/>
      <c r="GU324" s="91"/>
      <c r="GV324" s="91"/>
      <c r="GW324" s="91"/>
      <c r="GX324" s="91"/>
      <c r="GY324" s="91"/>
      <c r="GZ324" s="91"/>
      <c r="HA324" s="91"/>
      <c r="HB324" s="91"/>
      <c r="HC324" s="91"/>
      <c r="HD324" s="91"/>
      <c r="HE324" s="91"/>
      <c r="HF324" s="91"/>
      <c r="HG324" s="91"/>
      <c r="HH324" s="91"/>
      <c r="HI324" s="91"/>
      <c r="HJ324" s="91"/>
      <c r="HK324" s="127"/>
      <c r="HL324" s="126"/>
      <c r="HM324" s="91"/>
      <c r="HN324" s="91"/>
      <c r="HO324" s="91"/>
      <c r="HP324" s="91"/>
      <c r="HQ324" s="91"/>
      <c r="HR324" s="91"/>
      <c r="HS324" s="91"/>
      <c r="HT324" s="91"/>
      <c r="HU324" s="91"/>
      <c r="HV324" s="91"/>
      <c r="HW324" s="91"/>
      <c r="HX324" s="91"/>
      <c r="HY324" s="91"/>
      <c r="HZ324" s="91"/>
      <c r="IA324" s="91"/>
      <c r="IB324" s="91"/>
      <c r="IC324" s="91"/>
      <c r="ID324" s="91"/>
      <c r="IE324" s="91"/>
      <c r="IF324" s="91"/>
      <c r="IG324" s="91"/>
      <c r="IH324" s="91"/>
      <c r="II324" s="91"/>
      <c r="IJ324" s="91"/>
      <c r="IK324" s="127"/>
    </row>
    <row r="325" spans="2:245" x14ac:dyDescent="0.2">
      <c r="B325" s="43"/>
      <c r="C325" s="73"/>
      <c r="D325" s="64"/>
      <c r="E325" s="64"/>
      <c r="F325" s="55"/>
      <c r="G325" s="102"/>
      <c r="H325" s="55"/>
      <c r="I325" s="55"/>
      <c r="J325" s="55"/>
      <c r="K325" s="55"/>
      <c r="L325" s="55"/>
      <c r="M325" s="55"/>
      <c r="N325" s="55"/>
      <c r="O325" s="55"/>
      <c r="P325" s="55"/>
      <c r="Q325" s="55"/>
      <c r="R325" s="55"/>
      <c r="S325" s="55"/>
      <c r="T325" s="55"/>
      <c r="U325" s="55"/>
      <c r="V325" s="55"/>
      <c r="W325" s="55"/>
      <c r="X325" s="55"/>
      <c r="Y325" s="55"/>
      <c r="Z325" s="55"/>
      <c r="AA325" s="55"/>
      <c r="AB325" s="55"/>
      <c r="AC325" s="55"/>
      <c r="AD325" s="55"/>
      <c r="AE325" s="55"/>
      <c r="AF325" s="55"/>
      <c r="AG325" s="55"/>
      <c r="AY325" s="162"/>
      <c r="AZ325" s="162"/>
      <c r="BA325" s="162"/>
      <c r="BB325" s="162"/>
      <c r="BC325" s="162"/>
      <c r="BD325" s="162"/>
      <c r="BE325" s="162"/>
      <c r="BF325" s="162"/>
      <c r="BG325" s="162"/>
      <c r="BH325" s="162"/>
      <c r="BI325" s="162"/>
      <c r="BJ325" s="162"/>
      <c r="BK325" s="162"/>
      <c r="BL325" s="162"/>
      <c r="BM325" s="162"/>
      <c r="BN325" s="162"/>
      <c r="BO325" s="162"/>
      <c r="BP325" s="162"/>
      <c r="BQ325" s="162"/>
      <c r="BR325" s="162"/>
      <c r="BS325" s="162"/>
      <c r="BT325" s="162"/>
      <c r="BU325" s="162"/>
      <c r="BV325" s="162"/>
      <c r="BW325" s="162"/>
      <c r="BX325" s="162"/>
      <c r="BY325" s="162"/>
      <c r="BZ325" s="162"/>
      <c r="CA325" s="162"/>
      <c r="CB325" s="162"/>
      <c r="CC325" s="162"/>
      <c r="CD325" s="162"/>
      <c r="CE325" s="162"/>
      <c r="CF325" s="162"/>
      <c r="CG325" s="162"/>
      <c r="CH325" s="162"/>
      <c r="CI325" s="162"/>
      <c r="CJ325" s="162"/>
      <c r="CK325" s="162"/>
      <c r="CX325" s="98"/>
      <c r="DL325" s="97"/>
      <c r="DX325" s="98"/>
      <c r="EL325" s="97"/>
      <c r="EX325" s="98"/>
      <c r="EY325" s="97"/>
      <c r="FL325" s="126"/>
      <c r="FM325" s="91"/>
      <c r="FN325" s="91"/>
      <c r="FO325" s="91"/>
      <c r="FP325" s="91"/>
      <c r="FQ325" s="91"/>
      <c r="FR325" s="91"/>
      <c r="FS325" s="91"/>
      <c r="FT325" s="91"/>
      <c r="FU325" s="91"/>
      <c r="FV325" s="91"/>
      <c r="FW325" s="91"/>
      <c r="FX325" s="91"/>
      <c r="FY325" s="91"/>
      <c r="FZ325" s="91"/>
      <c r="GA325" s="91"/>
      <c r="GB325" s="91"/>
      <c r="GC325" s="91"/>
      <c r="GD325" s="91"/>
      <c r="GE325" s="91"/>
      <c r="GF325" s="91"/>
      <c r="GG325" s="91"/>
      <c r="GH325" s="91"/>
      <c r="GI325" s="91"/>
      <c r="GJ325" s="91"/>
      <c r="GK325" s="127"/>
      <c r="GL325" s="126"/>
      <c r="GM325" s="91"/>
      <c r="GN325" s="91"/>
      <c r="GO325" s="91"/>
      <c r="GP325" s="91"/>
      <c r="GQ325" s="91"/>
      <c r="GR325" s="91"/>
      <c r="GS325" s="91"/>
      <c r="GT325" s="91"/>
      <c r="GU325" s="91"/>
      <c r="GV325" s="91"/>
      <c r="GW325" s="91"/>
      <c r="GX325" s="91"/>
      <c r="GY325" s="91"/>
      <c r="GZ325" s="91"/>
      <c r="HA325" s="91"/>
      <c r="HB325" s="91"/>
      <c r="HC325" s="91"/>
      <c r="HD325" s="91"/>
      <c r="HE325" s="91"/>
      <c r="HF325" s="91"/>
      <c r="HG325" s="91"/>
      <c r="HH325" s="91"/>
      <c r="HI325" s="91"/>
      <c r="HJ325" s="91"/>
      <c r="HK325" s="127"/>
      <c r="HL325" s="126"/>
      <c r="HM325" s="91"/>
      <c r="HN325" s="91"/>
      <c r="HO325" s="91"/>
      <c r="HP325" s="91"/>
      <c r="HQ325" s="91"/>
      <c r="HR325" s="91"/>
      <c r="HS325" s="91"/>
      <c r="HT325" s="91"/>
      <c r="HU325" s="91"/>
      <c r="HV325" s="91"/>
      <c r="HW325" s="91"/>
      <c r="HX325" s="91"/>
      <c r="HY325" s="91"/>
      <c r="HZ325" s="91"/>
      <c r="IA325" s="91"/>
      <c r="IB325" s="91"/>
      <c r="IC325" s="91"/>
      <c r="ID325" s="91"/>
      <c r="IE325" s="91"/>
      <c r="IF325" s="91"/>
      <c r="IG325" s="91"/>
      <c r="IH325" s="91"/>
      <c r="II325" s="91"/>
      <c r="IJ325" s="91"/>
      <c r="IK325" s="127"/>
    </row>
    <row r="326" spans="2:245" x14ac:dyDescent="0.2">
      <c r="B326" s="43"/>
      <c r="C326" s="73"/>
      <c r="D326" s="64"/>
      <c r="E326" s="64"/>
      <c r="F326" s="55"/>
      <c r="G326" s="102"/>
      <c r="H326" s="55"/>
      <c r="I326" s="55"/>
      <c r="J326" s="55"/>
      <c r="K326" s="55"/>
      <c r="L326" s="55"/>
      <c r="M326" s="55"/>
      <c r="N326" s="55"/>
      <c r="O326" s="55"/>
      <c r="P326" s="55"/>
      <c r="Q326" s="55"/>
      <c r="R326" s="55"/>
      <c r="S326" s="55"/>
      <c r="T326" s="55"/>
      <c r="U326" s="55"/>
      <c r="V326" s="55"/>
      <c r="W326" s="55"/>
      <c r="X326" s="55"/>
      <c r="Y326" s="55"/>
      <c r="Z326" s="55"/>
      <c r="AA326" s="55"/>
      <c r="AB326" s="55"/>
      <c r="AC326" s="55"/>
      <c r="AD326" s="55"/>
      <c r="AE326" s="55"/>
      <c r="AF326" s="55"/>
      <c r="AG326" s="55"/>
      <c r="AY326" s="162"/>
      <c r="AZ326" s="162"/>
      <c r="BA326" s="162"/>
      <c r="BB326" s="162"/>
      <c r="BC326" s="162"/>
      <c r="BD326" s="162"/>
      <c r="BE326" s="162"/>
      <c r="BF326" s="162"/>
      <c r="BG326" s="162"/>
      <c r="BH326" s="162"/>
      <c r="BI326" s="162"/>
      <c r="BJ326" s="162"/>
      <c r="BK326" s="162"/>
      <c r="BL326" s="162"/>
      <c r="BM326" s="162"/>
      <c r="BN326" s="162"/>
      <c r="BO326" s="162"/>
      <c r="BP326" s="162"/>
      <c r="BQ326" s="162"/>
      <c r="BR326" s="162"/>
      <c r="BS326" s="162"/>
      <c r="BT326" s="162"/>
      <c r="BU326" s="162"/>
      <c r="BV326" s="162"/>
      <c r="BW326" s="162"/>
      <c r="BX326" s="162"/>
      <c r="BY326" s="162"/>
      <c r="BZ326" s="162"/>
      <c r="CA326" s="162"/>
      <c r="CB326" s="162"/>
      <c r="CC326" s="162"/>
      <c r="CD326" s="162"/>
      <c r="CE326" s="162"/>
      <c r="CF326" s="162"/>
      <c r="CG326" s="162"/>
      <c r="CH326" s="162"/>
      <c r="CI326" s="162"/>
      <c r="CJ326" s="162"/>
      <c r="CK326" s="162"/>
      <c r="CX326" s="98"/>
      <c r="DL326" s="97"/>
      <c r="DX326" s="98"/>
      <c r="EL326" s="97"/>
      <c r="EX326" s="98"/>
      <c r="EY326" s="97"/>
      <c r="FL326" s="126"/>
      <c r="FM326" s="91"/>
      <c r="FN326" s="91"/>
      <c r="FO326" s="91"/>
      <c r="FP326" s="91"/>
      <c r="FQ326" s="91"/>
      <c r="FR326" s="91"/>
      <c r="FS326" s="91"/>
      <c r="FT326" s="91"/>
      <c r="FU326" s="91"/>
      <c r="FV326" s="91"/>
      <c r="FW326" s="91"/>
      <c r="FX326" s="91"/>
      <c r="FY326" s="91"/>
      <c r="FZ326" s="91"/>
      <c r="GA326" s="91"/>
      <c r="GB326" s="91"/>
      <c r="GC326" s="91"/>
      <c r="GD326" s="91"/>
      <c r="GE326" s="91"/>
      <c r="GF326" s="91"/>
      <c r="GG326" s="91"/>
      <c r="GH326" s="91"/>
      <c r="GI326" s="91"/>
      <c r="GJ326" s="91"/>
      <c r="GK326" s="127"/>
      <c r="GL326" s="126"/>
      <c r="GM326" s="91"/>
      <c r="GN326" s="91"/>
      <c r="GO326" s="91"/>
      <c r="GP326" s="91"/>
      <c r="GQ326" s="91"/>
      <c r="GR326" s="91"/>
      <c r="GS326" s="91"/>
      <c r="GT326" s="91"/>
      <c r="GU326" s="91"/>
      <c r="GV326" s="91"/>
      <c r="GW326" s="91"/>
      <c r="GX326" s="91"/>
      <c r="GY326" s="91"/>
      <c r="GZ326" s="91"/>
      <c r="HA326" s="91"/>
      <c r="HB326" s="91"/>
      <c r="HC326" s="91"/>
      <c r="HD326" s="91"/>
      <c r="HE326" s="91"/>
      <c r="HF326" s="91"/>
      <c r="HG326" s="91"/>
      <c r="HH326" s="91"/>
      <c r="HI326" s="91"/>
      <c r="HJ326" s="91"/>
      <c r="HK326" s="127"/>
      <c r="HL326" s="126"/>
      <c r="HM326" s="91"/>
      <c r="HN326" s="91"/>
      <c r="HO326" s="91"/>
      <c r="HP326" s="91"/>
      <c r="HQ326" s="91"/>
      <c r="HR326" s="91"/>
      <c r="HS326" s="91"/>
      <c r="HT326" s="91"/>
      <c r="HU326" s="91"/>
      <c r="HV326" s="91"/>
      <c r="HW326" s="91"/>
      <c r="HX326" s="91"/>
      <c r="HY326" s="91"/>
      <c r="HZ326" s="91"/>
      <c r="IA326" s="91"/>
      <c r="IB326" s="91"/>
      <c r="IC326" s="91"/>
      <c r="ID326" s="91"/>
      <c r="IE326" s="91"/>
      <c r="IF326" s="91"/>
      <c r="IG326" s="91"/>
      <c r="IH326" s="91"/>
      <c r="II326" s="91"/>
      <c r="IJ326" s="91"/>
      <c r="IK326" s="127"/>
    </row>
    <row r="327" spans="2:245" x14ac:dyDescent="0.2">
      <c r="B327" s="43"/>
      <c r="C327" s="73"/>
      <c r="D327" s="64"/>
      <c r="E327" s="64"/>
      <c r="F327" s="55"/>
      <c r="G327" s="102"/>
      <c r="H327" s="55"/>
      <c r="I327" s="55"/>
      <c r="J327" s="55"/>
      <c r="K327" s="55"/>
      <c r="L327" s="55"/>
      <c r="M327" s="55"/>
      <c r="N327" s="55"/>
      <c r="O327" s="55"/>
      <c r="P327" s="55"/>
      <c r="Q327" s="55"/>
      <c r="R327" s="55"/>
      <c r="S327" s="55"/>
      <c r="T327" s="55"/>
      <c r="U327" s="55"/>
      <c r="V327" s="55"/>
      <c r="W327" s="55"/>
      <c r="X327" s="55"/>
      <c r="Y327" s="55"/>
      <c r="Z327" s="55"/>
      <c r="AA327" s="55"/>
      <c r="AB327" s="55"/>
      <c r="AC327" s="55"/>
      <c r="AD327" s="55"/>
      <c r="AE327" s="55"/>
      <c r="AF327" s="55"/>
      <c r="AG327" s="55"/>
      <c r="AY327" s="162"/>
      <c r="AZ327" s="162"/>
      <c r="BA327" s="162"/>
      <c r="BB327" s="162"/>
      <c r="BC327" s="162"/>
      <c r="BD327" s="162"/>
      <c r="BE327" s="162"/>
      <c r="BF327" s="162"/>
      <c r="BG327" s="162"/>
      <c r="BH327" s="162"/>
      <c r="BI327" s="162"/>
      <c r="BJ327" s="162"/>
      <c r="BK327" s="162"/>
      <c r="BL327" s="162"/>
      <c r="BM327" s="162"/>
      <c r="BN327" s="162"/>
      <c r="BO327" s="162"/>
      <c r="BP327" s="162"/>
      <c r="BQ327" s="162"/>
      <c r="BR327" s="162"/>
      <c r="BS327" s="162"/>
      <c r="BT327" s="162"/>
      <c r="BU327" s="162"/>
      <c r="BV327" s="162"/>
      <c r="BW327" s="162"/>
      <c r="BX327" s="162"/>
      <c r="BY327" s="162"/>
      <c r="BZ327" s="162"/>
      <c r="CA327" s="162"/>
      <c r="CB327" s="162"/>
      <c r="CC327" s="162"/>
      <c r="CD327" s="162"/>
      <c r="CE327" s="162"/>
      <c r="CF327" s="162"/>
      <c r="CG327" s="162"/>
      <c r="CH327" s="162"/>
      <c r="CI327" s="162"/>
      <c r="CJ327" s="162"/>
      <c r="CK327" s="162"/>
      <c r="CX327" s="98"/>
      <c r="DL327" s="97"/>
      <c r="DX327" s="98"/>
      <c r="EL327" s="97"/>
      <c r="EX327" s="98"/>
      <c r="EY327" s="97"/>
      <c r="FL327" s="126"/>
      <c r="FM327" s="91"/>
      <c r="FN327" s="91"/>
      <c r="FO327" s="91"/>
      <c r="FP327" s="91"/>
      <c r="FQ327" s="91"/>
      <c r="FR327" s="91"/>
      <c r="FS327" s="91"/>
      <c r="FT327" s="91"/>
      <c r="FU327" s="91"/>
      <c r="FV327" s="91"/>
      <c r="FW327" s="91"/>
      <c r="FX327" s="91"/>
      <c r="FY327" s="91"/>
      <c r="FZ327" s="91"/>
      <c r="GA327" s="91"/>
      <c r="GB327" s="91"/>
      <c r="GC327" s="91"/>
      <c r="GD327" s="91"/>
      <c r="GE327" s="91"/>
      <c r="GF327" s="91"/>
      <c r="GG327" s="91"/>
      <c r="GH327" s="91"/>
      <c r="GI327" s="91"/>
      <c r="GJ327" s="91"/>
      <c r="GK327" s="127"/>
      <c r="GL327" s="126"/>
      <c r="GM327" s="91"/>
      <c r="GN327" s="91"/>
      <c r="GO327" s="91"/>
      <c r="GP327" s="91"/>
      <c r="GQ327" s="91"/>
      <c r="GR327" s="91"/>
      <c r="GS327" s="91"/>
      <c r="GT327" s="91"/>
      <c r="GU327" s="91"/>
      <c r="GV327" s="91"/>
      <c r="GW327" s="91"/>
      <c r="GX327" s="91"/>
      <c r="GY327" s="91"/>
      <c r="GZ327" s="91"/>
      <c r="HA327" s="91"/>
      <c r="HB327" s="91"/>
      <c r="HC327" s="91"/>
      <c r="HD327" s="91"/>
      <c r="HE327" s="91"/>
      <c r="HF327" s="91"/>
      <c r="HG327" s="91"/>
      <c r="HH327" s="91"/>
      <c r="HI327" s="91"/>
      <c r="HJ327" s="91"/>
      <c r="HK327" s="127"/>
      <c r="HL327" s="126"/>
      <c r="HM327" s="91"/>
      <c r="HN327" s="91"/>
      <c r="HO327" s="91"/>
      <c r="HP327" s="91"/>
      <c r="HQ327" s="91"/>
      <c r="HR327" s="91"/>
      <c r="HS327" s="91"/>
      <c r="HT327" s="91"/>
      <c r="HU327" s="91"/>
      <c r="HV327" s="91"/>
      <c r="HW327" s="91"/>
      <c r="HX327" s="91"/>
      <c r="HY327" s="91"/>
      <c r="HZ327" s="91"/>
      <c r="IA327" s="91"/>
      <c r="IB327" s="91"/>
      <c r="IC327" s="91"/>
      <c r="ID327" s="91"/>
      <c r="IE327" s="91"/>
      <c r="IF327" s="91"/>
      <c r="IG327" s="91"/>
      <c r="IH327" s="91"/>
      <c r="II327" s="91"/>
      <c r="IJ327" s="91"/>
      <c r="IK327" s="127"/>
    </row>
    <row r="328" spans="2:245" x14ac:dyDescent="0.2">
      <c r="B328" s="43"/>
      <c r="C328" s="73"/>
      <c r="D328" s="64"/>
      <c r="E328" s="64"/>
      <c r="F328" s="55"/>
      <c r="G328" s="102"/>
      <c r="H328" s="55"/>
      <c r="I328" s="55"/>
      <c r="J328" s="55"/>
      <c r="K328" s="55"/>
      <c r="L328" s="55"/>
      <c r="M328" s="55"/>
      <c r="N328" s="55"/>
      <c r="O328" s="55"/>
      <c r="P328" s="55"/>
      <c r="Q328" s="55"/>
      <c r="R328" s="55"/>
      <c r="S328" s="55"/>
      <c r="T328" s="55"/>
      <c r="U328" s="55"/>
      <c r="V328" s="55"/>
      <c r="W328" s="55"/>
      <c r="X328" s="55"/>
      <c r="Y328" s="55"/>
      <c r="Z328" s="55"/>
      <c r="AA328" s="55"/>
      <c r="AB328" s="55"/>
      <c r="AC328" s="55"/>
      <c r="AD328" s="55"/>
      <c r="AE328" s="55"/>
      <c r="AF328" s="55"/>
      <c r="AG328" s="55"/>
      <c r="AY328" s="162"/>
      <c r="AZ328" s="162"/>
      <c r="BA328" s="162"/>
      <c r="BB328" s="162"/>
      <c r="BC328" s="162"/>
      <c r="BD328" s="162"/>
      <c r="BE328" s="162"/>
      <c r="BF328" s="162"/>
      <c r="BG328" s="162"/>
      <c r="BH328" s="162"/>
      <c r="BI328" s="162"/>
      <c r="BJ328" s="162"/>
      <c r="BK328" s="162"/>
      <c r="BL328" s="162"/>
      <c r="BM328" s="162"/>
      <c r="BN328" s="162"/>
      <c r="BO328" s="162"/>
      <c r="BP328" s="162"/>
      <c r="BQ328" s="162"/>
      <c r="BR328" s="162"/>
      <c r="BS328" s="162"/>
      <c r="BT328" s="162"/>
      <c r="BU328" s="162"/>
      <c r="BV328" s="162"/>
      <c r="BW328" s="162"/>
      <c r="BX328" s="162"/>
      <c r="BY328" s="162"/>
      <c r="BZ328" s="162"/>
      <c r="CA328" s="162"/>
      <c r="CB328" s="162"/>
      <c r="CC328" s="162"/>
      <c r="CD328" s="162"/>
      <c r="CE328" s="162"/>
      <c r="CF328" s="162"/>
      <c r="CG328" s="162"/>
      <c r="CH328" s="162"/>
      <c r="CI328" s="162"/>
      <c r="CJ328" s="162"/>
      <c r="CK328" s="162"/>
      <c r="CX328" s="98"/>
      <c r="DL328" s="97"/>
      <c r="DX328" s="98"/>
      <c r="EL328" s="97"/>
      <c r="EX328" s="98"/>
      <c r="EY328" s="97"/>
      <c r="FL328" s="126"/>
      <c r="FM328" s="91"/>
      <c r="FN328" s="91"/>
      <c r="FO328" s="91"/>
      <c r="FP328" s="91"/>
      <c r="FQ328" s="91"/>
      <c r="FR328" s="91"/>
      <c r="FS328" s="91"/>
      <c r="FT328" s="91"/>
      <c r="FU328" s="91"/>
      <c r="FV328" s="91"/>
      <c r="FW328" s="91"/>
      <c r="FX328" s="91"/>
      <c r="FY328" s="91"/>
      <c r="FZ328" s="91"/>
      <c r="GA328" s="91"/>
      <c r="GB328" s="91"/>
      <c r="GC328" s="91"/>
      <c r="GD328" s="91"/>
      <c r="GE328" s="91"/>
      <c r="GF328" s="91"/>
      <c r="GG328" s="91"/>
      <c r="GH328" s="91"/>
      <c r="GI328" s="91"/>
      <c r="GJ328" s="91"/>
      <c r="GK328" s="127"/>
      <c r="GL328" s="126"/>
      <c r="GM328" s="91"/>
      <c r="GN328" s="91"/>
      <c r="GO328" s="91"/>
      <c r="GP328" s="91"/>
      <c r="GQ328" s="91"/>
      <c r="GR328" s="91"/>
      <c r="GS328" s="91"/>
      <c r="GT328" s="91"/>
      <c r="GU328" s="91"/>
      <c r="GV328" s="91"/>
      <c r="GW328" s="91"/>
      <c r="GX328" s="91"/>
      <c r="GY328" s="91"/>
      <c r="GZ328" s="91"/>
      <c r="HA328" s="91"/>
      <c r="HB328" s="91"/>
      <c r="HC328" s="91"/>
      <c r="HD328" s="91"/>
      <c r="HE328" s="91"/>
      <c r="HF328" s="91"/>
      <c r="HG328" s="91"/>
      <c r="HH328" s="91"/>
      <c r="HI328" s="91"/>
      <c r="HJ328" s="91"/>
      <c r="HK328" s="127"/>
      <c r="HL328" s="126"/>
      <c r="HM328" s="91"/>
      <c r="HN328" s="91"/>
      <c r="HO328" s="91"/>
      <c r="HP328" s="91"/>
      <c r="HQ328" s="91"/>
      <c r="HR328" s="91"/>
      <c r="HS328" s="91"/>
      <c r="HT328" s="91"/>
      <c r="HU328" s="91"/>
      <c r="HV328" s="91"/>
      <c r="HW328" s="91"/>
      <c r="HX328" s="91"/>
      <c r="HY328" s="91"/>
      <c r="HZ328" s="91"/>
      <c r="IA328" s="91"/>
      <c r="IB328" s="91"/>
      <c r="IC328" s="91"/>
      <c r="ID328" s="91"/>
      <c r="IE328" s="91"/>
      <c r="IF328" s="91"/>
      <c r="IG328" s="91"/>
      <c r="IH328" s="91"/>
      <c r="II328" s="91"/>
      <c r="IJ328" s="91"/>
      <c r="IK328" s="127"/>
    </row>
    <row r="329" spans="2:245" x14ac:dyDescent="0.2">
      <c r="B329" s="43"/>
      <c r="C329" s="73"/>
      <c r="D329" s="64"/>
      <c r="E329" s="64"/>
      <c r="F329" s="55"/>
      <c r="G329" s="102"/>
      <c r="H329" s="55"/>
      <c r="I329" s="55"/>
      <c r="J329" s="55"/>
      <c r="K329" s="55"/>
      <c r="L329" s="55"/>
      <c r="M329" s="55"/>
      <c r="N329" s="55"/>
      <c r="O329" s="55"/>
      <c r="P329" s="55"/>
      <c r="Q329" s="55"/>
      <c r="R329" s="55"/>
      <c r="S329" s="55"/>
      <c r="T329" s="55"/>
      <c r="U329" s="55"/>
      <c r="V329" s="55"/>
      <c r="W329" s="55"/>
      <c r="X329" s="55"/>
      <c r="Y329" s="55"/>
      <c r="Z329" s="55"/>
      <c r="AA329" s="55"/>
      <c r="AB329" s="55"/>
      <c r="AC329" s="55"/>
      <c r="AD329" s="55"/>
      <c r="AE329" s="55"/>
      <c r="AF329" s="55"/>
      <c r="AG329" s="55"/>
      <c r="AY329" s="162"/>
      <c r="AZ329" s="162"/>
      <c r="BA329" s="162"/>
      <c r="BB329" s="162"/>
      <c r="BC329" s="162"/>
      <c r="BD329" s="162"/>
      <c r="BE329" s="162"/>
      <c r="BF329" s="162"/>
      <c r="BG329" s="162"/>
      <c r="BH329" s="162"/>
      <c r="BI329" s="162"/>
      <c r="BJ329" s="162"/>
      <c r="BK329" s="162"/>
      <c r="BL329" s="162"/>
      <c r="BM329" s="162"/>
      <c r="BN329" s="162"/>
      <c r="BO329" s="162"/>
      <c r="BP329" s="162"/>
      <c r="BQ329" s="162"/>
      <c r="BR329" s="162"/>
      <c r="BS329" s="162"/>
      <c r="BT329" s="162"/>
      <c r="BU329" s="162"/>
      <c r="BV329" s="162"/>
      <c r="BW329" s="162"/>
      <c r="BX329" s="162"/>
      <c r="BY329" s="162"/>
      <c r="BZ329" s="162"/>
      <c r="CA329" s="162"/>
      <c r="CB329" s="162"/>
      <c r="CC329" s="162"/>
      <c r="CD329" s="162"/>
      <c r="CE329" s="162"/>
      <c r="CF329" s="162"/>
      <c r="CG329" s="162"/>
      <c r="CH329" s="162"/>
      <c r="CI329" s="162"/>
      <c r="CJ329" s="162"/>
      <c r="CK329" s="162"/>
      <c r="CX329" s="98"/>
      <c r="DL329" s="97"/>
      <c r="DX329" s="98"/>
      <c r="EL329" s="97"/>
      <c r="EX329" s="98"/>
      <c r="EY329" s="97"/>
      <c r="FL329" s="126"/>
      <c r="FM329" s="91"/>
      <c r="FN329" s="91"/>
      <c r="FO329" s="91"/>
      <c r="FP329" s="91"/>
      <c r="FQ329" s="91"/>
      <c r="FR329" s="91"/>
      <c r="FS329" s="91"/>
      <c r="FT329" s="91"/>
      <c r="FU329" s="91"/>
      <c r="FV329" s="91"/>
      <c r="FW329" s="91"/>
      <c r="FX329" s="91"/>
      <c r="FY329" s="91"/>
      <c r="FZ329" s="91"/>
      <c r="GA329" s="91"/>
      <c r="GB329" s="91"/>
      <c r="GC329" s="91"/>
      <c r="GD329" s="91"/>
      <c r="GE329" s="91"/>
      <c r="GF329" s="91"/>
      <c r="GG329" s="91"/>
      <c r="GH329" s="91"/>
      <c r="GI329" s="91"/>
      <c r="GJ329" s="91"/>
      <c r="GK329" s="127"/>
      <c r="GL329" s="126"/>
      <c r="GM329" s="91"/>
      <c r="GN329" s="91"/>
      <c r="GO329" s="91"/>
      <c r="GP329" s="91"/>
      <c r="GQ329" s="91"/>
      <c r="GR329" s="91"/>
      <c r="GS329" s="91"/>
      <c r="GT329" s="91"/>
      <c r="GU329" s="91"/>
      <c r="GV329" s="91"/>
      <c r="GW329" s="91"/>
      <c r="GX329" s="91"/>
      <c r="GY329" s="91"/>
      <c r="GZ329" s="91"/>
      <c r="HA329" s="91"/>
      <c r="HB329" s="91"/>
      <c r="HC329" s="91"/>
      <c r="HD329" s="91"/>
      <c r="HE329" s="91"/>
      <c r="HF329" s="91"/>
      <c r="HG329" s="91"/>
      <c r="HH329" s="91"/>
      <c r="HI329" s="91"/>
      <c r="HJ329" s="91"/>
      <c r="HK329" s="127"/>
      <c r="HL329" s="126"/>
      <c r="HM329" s="91"/>
      <c r="HN329" s="91"/>
      <c r="HO329" s="91"/>
      <c r="HP329" s="91"/>
      <c r="HQ329" s="91"/>
      <c r="HR329" s="91"/>
      <c r="HS329" s="91"/>
      <c r="HT329" s="91"/>
      <c r="HU329" s="91"/>
      <c r="HV329" s="91"/>
      <c r="HW329" s="91"/>
      <c r="HX329" s="91"/>
      <c r="HY329" s="91"/>
      <c r="HZ329" s="91"/>
      <c r="IA329" s="91"/>
      <c r="IB329" s="91"/>
      <c r="IC329" s="91"/>
      <c r="ID329" s="91"/>
      <c r="IE329" s="91"/>
      <c r="IF329" s="91"/>
      <c r="IG329" s="91"/>
      <c r="IH329" s="91"/>
      <c r="II329" s="91"/>
      <c r="IJ329" s="91"/>
      <c r="IK329" s="127"/>
    </row>
    <row r="330" spans="2:245" x14ac:dyDescent="0.2">
      <c r="B330" s="43"/>
      <c r="C330" s="73"/>
      <c r="D330" s="64"/>
      <c r="E330" s="64"/>
      <c r="F330" s="55"/>
      <c r="G330" s="102"/>
      <c r="H330" s="55"/>
      <c r="I330" s="55"/>
      <c r="J330" s="55"/>
      <c r="K330" s="55"/>
      <c r="L330" s="55"/>
      <c r="M330" s="55"/>
      <c r="N330" s="55"/>
      <c r="O330" s="55"/>
      <c r="P330" s="55"/>
      <c r="Q330" s="55"/>
      <c r="R330" s="55"/>
      <c r="S330" s="55"/>
      <c r="T330" s="55"/>
      <c r="U330" s="55"/>
      <c r="V330" s="55"/>
      <c r="W330" s="55"/>
      <c r="X330" s="55"/>
      <c r="Y330" s="55"/>
      <c r="Z330" s="55"/>
      <c r="AA330" s="55"/>
      <c r="AB330" s="55"/>
      <c r="AC330" s="55"/>
      <c r="AD330" s="55"/>
      <c r="AE330" s="55"/>
      <c r="AF330" s="55"/>
      <c r="AG330" s="55"/>
      <c r="AY330" s="162"/>
      <c r="AZ330" s="162"/>
      <c r="BA330" s="162"/>
      <c r="BB330" s="162"/>
      <c r="BC330" s="162"/>
      <c r="BD330" s="162"/>
      <c r="BE330" s="162"/>
      <c r="BF330" s="162"/>
      <c r="BG330" s="162"/>
      <c r="BH330" s="162"/>
      <c r="BI330" s="162"/>
      <c r="BJ330" s="162"/>
      <c r="BK330" s="162"/>
      <c r="BL330" s="162"/>
      <c r="BM330" s="162"/>
      <c r="BN330" s="162"/>
      <c r="BO330" s="162"/>
      <c r="BP330" s="162"/>
      <c r="BQ330" s="162"/>
      <c r="BR330" s="162"/>
      <c r="BS330" s="162"/>
      <c r="BT330" s="162"/>
      <c r="BU330" s="162"/>
      <c r="BV330" s="162"/>
      <c r="BW330" s="162"/>
      <c r="BX330" s="162"/>
      <c r="BY330" s="162"/>
      <c r="BZ330" s="162"/>
      <c r="CA330" s="162"/>
      <c r="CB330" s="162"/>
      <c r="CC330" s="162"/>
      <c r="CD330" s="162"/>
      <c r="CE330" s="162"/>
      <c r="CF330" s="162"/>
      <c r="CG330" s="162"/>
      <c r="CH330" s="162"/>
      <c r="CI330" s="162"/>
      <c r="CJ330" s="162"/>
      <c r="CK330" s="162"/>
      <c r="CX330" s="98"/>
      <c r="DL330" s="97"/>
      <c r="DX330" s="98"/>
      <c r="EL330" s="97"/>
      <c r="EX330" s="98"/>
      <c r="EY330" s="97"/>
      <c r="FL330" s="126"/>
      <c r="FM330" s="91"/>
      <c r="FN330" s="91"/>
      <c r="FO330" s="91"/>
      <c r="FP330" s="91"/>
      <c r="FQ330" s="91"/>
      <c r="FR330" s="91"/>
      <c r="FS330" s="91"/>
      <c r="FT330" s="91"/>
      <c r="FU330" s="91"/>
      <c r="FV330" s="91"/>
      <c r="FW330" s="91"/>
      <c r="FX330" s="91"/>
      <c r="FY330" s="91"/>
      <c r="FZ330" s="91"/>
      <c r="GA330" s="91"/>
      <c r="GB330" s="91"/>
      <c r="GC330" s="91"/>
      <c r="GD330" s="91"/>
      <c r="GE330" s="91"/>
      <c r="GF330" s="91"/>
      <c r="GG330" s="91"/>
      <c r="GH330" s="91"/>
      <c r="GI330" s="91"/>
      <c r="GJ330" s="91"/>
      <c r="GK330" s="127"/>
      <c r="GL330" s="126"/>
      <c r="GM330" s="91"/>
      <c r="GN330" s="91"/>
      <c r="GO330" s="91"/>
      <c r="GP330" s="91"/>
      <c r="GQ330" s="91"/>
      <c r="GR330" s="91"/>
      <c r="GS330" s="91"/>
      <c r="GT330" s="91"/>
      <c r="GU330" s="91"/>
      <c r="GV330" s="91"/>
      <c r="GW330" s="91"/>
      <c r="GX330" s="91"/>
      <c r="GY330" s="91"/>
      <c r="GZ330" s="91"/>
      <c r="HA330" s="91"/>
      <c r="HB330" s="91"/>
      <c r="HC330" s="91"/>
      <c r="HD330" s="91"/>
      <c r="HE330" s="91"/>
      <c r="HF330" s="91"/>
      <c r="HG330" s="91"/>
      <c r="HH330" s="91"/>
      <c r="HI330" s="91"/>
      <c r="HJ330" s="91"/>
      <c r="HK330" s="127"/>
      <c r="HL330" s="126"/>
      <c r="HM330" s="91"/>
      <c r="HN330" s="91"/>
      <c r="HO330" s="91"/>
      <c r="HP330" s="91"/>
      <c r="HQ330" s="91"/>
      <c r="HR330" s="91"/>
      <c r="HS330" s="91"/>
      <c r="HT330" s="91"/>
      <c r="HU330" s="91"/>
      <c r="HV330" s="91"/>
      <c r="HW330" s="91"/>
      <c r="HX330" s="91"/>
      <c r="HY330" s="91"/>
      <c r="HZ330" s="91"/>
      <c r="IA330" s="91"/>
      <c r="IB330" s="91"/>
      <c r="IC330" s="91"/>
      <c r="ID330" s="91"/>
      <c r="IE330" s="91"/>
      <c r="IF330" s="91"/>
      <c r="IG330" s="91"/>
      <c r="IH330" s="91"/>
      <c r="II330" s="91"/>
      <c r="IJ330" s="91"/>
      <c r="IK330" s="127"/>
    </row>
    <row r="331" spans="2:245" x14ac:dyDescent="0.2">
      <c r="B331" s="43"/>
      <c r="C331" s="73"/>
      <c r="D331" s="64"/>
      <c r="E331" s="64"/>
      <c r="F331" s="55"/>
      <c r="G331" s="102"/>
      <c r="H331" s="55"/>
      <c r="I331" s="55"/>
      <c r="J331" s="55"/>
      <c r="K331" s="55"/>
      <c r="L331" s="55"/>
      <c r="M331" s="55"/>
      <c r="N331" s="55"/>
      <c r="O331" s="55"/>
      <c r="P331" s="55"/>
      <c r="Q331" s="55"/>
      <c r="R331" s="55"/>
      <c r="S331" s="55"/>
      <c r="T331" s="55"/>
      <c r="U331" s="55"/>
      <c r="V331" s="55"/>
      <c r="W331" s="55"/>
      <c r="X331" s="55"/>
      <c r="Y331" s="55"/>
      <c r="Z331" s="55"/>
      <c r="AA331" s="55"/>
      <c r="AB331" s="55"/>
      <c r="AC331" s="55"/>
      <c r="AD331" s="55"/>
      <c r="AE331" s="55"/>
      <c r="AF331" s="55"/>
      <c r="AG331" s="55"/>
      <c r="AY331" s="162"/>
      <c r="AZ331" s="162"/>
      <c r="BA331" s="162"/>
      <c r="BB331" s="162"/>
      <c r="BC331" s="162"/>
      <c r="BD331" s="162"/>
      <c r="BE331" s="162"/>
      <c r="BF331" s="162"/>
      <c r="BG331" s="162"/>
      <c r="BH331" s="162"/>
      <c r="BI331" s="162"/>
      <c r="BJ331" s="162"/>
      <c r="BK331" s="162"/>
      <c r="BL331" s="162"/>
      <c r="BM331" s="162"/>
      <c r="BN331" s="162"/>
      <c r="BO331" s="162"/>
      <c r="BP331" s="162"/>
      <c r="BQ331" s="162"/>
      <c r="BR331" s="162"/>
      <c r="BS331" s="162"/>
      <c r="BT331" s="162"/>
      <c r="BU331" s="162"/>
      <c r="BV331" s="162"/>
      <c r="BW331" s="162"/>
      <c r="BX331" s="162"/>
      <c r="BY331" s="162"/>
      <c r="BZ331" s="162"/>
      <c r="CA331" s="162"/>
      <c r="CB331" s="162"/>
      <c r="CC331" s="162"/>
      <c r="CD331" s="162"/>
      <c r="CE331" s="162"/>
      <c r="CF331" s="162"/>
      <c r="CG331" s="162"/>
      <c r="CH331" s="162"/>
      <c r="CI331" s="162"/>
      <c r="CJ331" s="162"/>
      <c r="CK331" s="162"/>
      <c r="CX331" s="98"/>
      <c r="DL331" s="97"/>
      <c r="DX331" s="98"/>
      <c r="EL331" s="97"/>
      <c r="EX331" s="98"/>
      <c r="EY331" s="97"/>
      <c r="FL331" s="126"/>
      <c r="FM331" s="91"/>
      <c r="FN331" s="91"/>
      <c r="FO331" s="91"/>
      <c r="FP331" s="91"/>
      <c r="FQ331" s="91"/>
      <c r="FR331" s="91"/>
      <c r="FS331" s="91"/>
      <c r="FT331" s="91"/>
      <c r="FU331" s="91"/>
      <c r="FV331" s="91"/>
      <c r="FW331" s="91"/>
      <c r="FX331" s="91"/>
      <c r="FY331" s="91"/>
      <c r="FZ331" s="91"/>
      <c r="GA331" s="91"/>
      <c r="GB331" s="91"/>
      <c r="GC331" s="91"/>
      <c r="GD331" s="91"/>
      <c r="GE331" s="91"/>
      <c r="GF331" s="91"/>
      <c r="GG331" s="91"/>
      <c r="GH331" s="91"/>
      <c r="GI331" s="91"/>
      <c r="GJ331" s="91"/>
      <c r="GK331" s="127"/>
      <c r="GL331" s="126"/>
      <c r="GM331" s="91"/>
      <c r="GN331" s="91"/>
      <c r="GO331" s="91"/>
      <c r="GP331" s="91"/>
      <c r="GQ331" s="91"/>
      <c r="GR331" s="91"/>
      <c r="GS331" s="91"/>
      <c r="GT331" s="91"/>
      <c r="GU331" s="91"/>
      <c r="GV331" s="91"/>
      <c r="GW331" s="91"/>
      <c r="GX331" s="91"/>
      <c r="GY331" s="91"/>
      <c r="GZ331" s="91"/>
      <c r="HA331" s="91"/>
      <c r="HB331" s="91"/>
      <c r="HC331" s="91"/>
      <c r="HD331" s="91"/>
      <c r="HE331" s="91"/>
      <c r="HF331" s="91"/>
      <c r="HG331" s="91"/>
      <c r="HH331" s="91"/>
      <c r="HI331" s="91"/>
      <c r="HJ331" s="91"/>
      <c r="HK331" s="127"/>
      <c r="HL331" s="126"/>
      <c r="HM331" s="91"/>
      <c r="HN331" s="91"/>
      <c r="HO331" s="91"/>
      <c r="HP331" s="91"/>
      <c r="HQ331" s="91"/>
      <c r="HR331" s="91"/>
      <c r="HS331" s="91"/>
      <c r="HT331" s="91"/>
      <c r="HU331" s="91"/>
      <c r="HV331" s="91"/>
      <c r="HW331" s="91"/>
      <c r="HX331" s="91"/>
      <c r="HY331" s="91"/>
      <c r="HZ331" s="91"/>
      <c r="IA331" s="91"/>
      <c r="IB331" s="91"/>
      <c r="IC331" s="91"/>
      <c r="ID331" s="91"/>
      <c r="IE331" s="91"/>
      <c r="IF331" s="91"/>
      <c r="IG331" s="91"/>
      <c r="IH331" s="91"/>
      <c r="II331" s="91"/>
      <c r="IJ331" s="91"/>
      <c r="IK331" s="127"/>
    </row>
    <row r="332" spans="2:245" x14ac:dyDescent="0.2">
      <c r="B332" s="43"/>
      <c r="C332" s="73"/>
      <c r="D332" s="64"/>
      <c r="E332" s="64"/>
      <c r="F332" s="55"/>
      <c r="G332" s="102"/>
      <c r="H332" s="55"/>
      <c r="I332" s="55"/>
      <c r="J332" s="55"/>
      <c r="K332" s="55"/>
      <c r="L332" s="55"/>
      <c r="M332" s="55"/>
      <c r="N332" s="55"/>
      <c r="O332" s="55"/>
      <c r="P332" s="55"/>
      <c r="Q332" s="55"/>
      <c r="R332" s="55"/>
      <c r="S332" s="55"/>
      <c r="T332" s="55"/>
      <c r="U332" s="55"/>
      <c r="V332" s="55"/>
      <c r="W332" s="55"/>
      <c r="X332" s="55"/>
      <c r="Y332" s="55"/>
      <c r="Z332" s="55"/>
      <c r="AA332" s="55"/>
      <c r="AB332" s="55"/>
      <c r="AC332" s="55"/>
      <c r="AD332" s="55"/>
      <c r="AE332" s="55"/>
      <c r="AF332" s="55"/>
      <c r="AG332" s="55"/>
      <c r="AY332" s="162"/>
      <c r="AZ332" s="162"/>
      <c r="BA332" s="162"/>
      <c r="BB332" s="162"/>
      <c r="BC332" s="162"/>
      <c r="BD332" s="162"/>
      <c r="BE332" s="162"/>
      <c r="BF332" s="162"/>
      <c r="BG332" s="162"/>
      <c r="BH332" s="162"/>
      <c r="BI332" s="162"/>
      <c r="BJ332" s="162"/>
      <c r="BK332" s="162"/>
      <c r="BL332" s="162"/>
      <c r="BM332" s="162"/>
      <c r="BN332" s="162"/>
      <c r="BO332" s="162"/>
      <c r="BP332" s="162"/>
      <c r="BQ332" s="162"/>
      <c r="BR332" s="162"/>
      <c r="BS332" s="162"/>
      <c r="BT332" s="162"/>
      <c r="BU332" s="162"/>
      <c r="BV332" s="162"/>
      <c r="BW332" s="162"/>
      <c r="BX332" s="162"/>
      <c r="BY332" s="162"/>
      <c r="BZ332" s="162"/>
      <c r="CA332" s="162"/>
      <c r="CB332" s="162"/>
      <c r="CC332" s="162"/>
      <c r="CD332" s="162"/>
      <c r="CE332" s="162"/>
      <c r="CF332" s="162"/>
      <c r="CG332" s="162"/>
      <c r="CH332" s="162"/>
      <c r="CI332" s="162"/>
      <c r="CJ332" s="162"/>
      <c r="CK332" s="162"/>
      <c r="CX332" s="98"/>
      <c r="DL332" s="97"/>
      <c r="DX332" s="98"/>
      <c r="EL332" s="97"/>
      <c r="EX332" s="98"/>
      <c r="EY332" s="97"/>
      <c r="FL332" s="126"/>
      <c r="FM332" s="91"/>
      <c r="FN332" s="91"/>
      <c r="FO332" s="91"/>
      <c r="FP332" s="91"/>
      <c r="FQ332" s="91"/>
      <c r="FR332" s="91"/>
      <c r="FS332" s="91"/>
      <c r="FT332" s="91"/>
      <c r="FU332" s="91"/>
      <c r="FV332" s="91"/>
      <c r="FW332" s="91"/>
      <c r="FX332" s="91"/>
      <c r="FY332" s="91"/>
      <c r="FZ332" s="91"/>
      <c r="GA332" s="91"/>
      <c r="GB332" s="91"/>
      <c r="GC332" s="91"/>
      <c r="GD332" s="91"/>
      <c r="GE332" s="91"/>
      <c r="GF332" s="91"/>
      <c r="GG332" s="91"/>
      <c r="GH332" s="91"/>
      <c r="GI332" s="91"/>
      <c r="GJ332" s="91"/>
      <c r="GK332" s="127"/>
      <c r="GL332" s="126"/>
      <c r="GM332" s="91"/>
      <c r="GN332" s="91"/>
      <c r="GO332" s="91"/>
      <c r="GP332" s="91"/>
      <c r="GQ332" s="91"/>
      <c r="GR332" s="91"/>
      <c r="GS332" s="91"/>
      <c r="GT332" s="91"/>
      <c r="GU332" s="91"/>
      <c r="GV332" s="91"/>
      <c r="GW332" s="91"/>
      <c r="GX332" s="91"/>
      <c r="GY332" s="91"/>
      <c r="GZ332" s="91"/>
      <c r="HA332" s="91"/>
      <c r="HB332" s="91"/>
      <c r="HC332" s="91"/>
      <c r="HD332" s="91"/>
      <c r="HE332" s="91"/>
      <c r="HF332" s="91"/>
      <c r="HG332" s="91"/>
      <c r="HH332" s="91"/>
      <c r="HI332" s="91"/>
      <c r="HJ332" s="91"/>
      <c r="HK332" s="127"/>
      <c r="HL332" s="126"/>
      <c r="HM332" s="91"/>
      <c r="HN332" s="91"/>
      <c r="HO332" s="91"/>
      <c r="HP332" s="91"/>
      <c r="HQ332" s="91"/>
      <c r="HR332" s="91"/>
      <c r="HS332" s="91"/>
      <c r="HT332" s="91"/>
      <c r="HU332" s="91"/>
      <c r="HV332" s="91"/>
      <c r="HW332" s="91"/>
      <c r="HX332" s="91"/>
      <c r="HY332" s="91"/>
      <c r="HZ332" s="91"/>
      <c r="IA332" s="91"/>
      <c r="IB332" s="91"/>
      <c r="IC332" s="91"/>
      <c r="ID332" s="91"/>
      <c r="IE332" s="91"/>
      <c r="IF332" s="91"/>
      <c r="IG332" s="91"/>
      <c r="IH332" s="91"/>
      <c r="II332" s="91"/>
      <c r="IJ332" s="91"/>
      <c r="IK332" s="127"/>
    </row>
    <row r="333" spans="2:245" x14ac:dyDescent="0.2">
      <c r="B333" s="43"/>
      <c r="C333" s="73"/>
      <c r="D333" s="64"/>
      <c r="E333" s="64"/>
      <c r="F333" s="55"/>
      <c r="G333" s="102"/>
      <c r="H333" s="55"/>
      <c r="I333" s="55"/>
      <c r="J333" s="55"/>
      <c r="K333" s="55"/>
      <c r="L333" s="55"/>
      <c r="M333" s="55"/>
      <c r="N333" s="55"/>
      <c r="O333" s="55"/>
      <c r="P333" s="55"/>
      <c r="Q333" s="55"/>
      <c r="R333" s="55"/>
      <c r="S333" s="55"/>
      <c r="T333" s="55"/>
      <c r="U333" s="55"/>
      <c r="V333" s="55"/>
      <c r="W333" s="55"/>
      <c r="X333" s="55"/>
      <c r="Y333" s="55"/>
      <c r="Z333" s="55"/>
      <c r="AA333" s="55"/>
      <c r="AB333" s="55"/>
      <c r="AC333" s="55"/>
      <c r="AD333" s="55"/>
      <c r="AE333" s="55"/>
      <c r="AF333" s="55"/>
      <c r="AG333" s="55"/>
      <c r="AY333" s="162"/>
      <c r="AZ333" s="162"/>
      <c r="BA333" s="162"/>
      <c r="BB333" s="162"/>
      <c r="BC333" s="162"/>
      <c r="BD333" s="162"/>
      <c r="BE333" s="162"/>
      <c r="BF333" s="162"/>
      <c r="BG333" s="162"/>
      <c r="BH333" s="162"/>
      <c r="BI333" s="162"/>
      <c r="BJ333" s="162"/>
      <c r="BK333" s="162"/>
      <c r="BL333" s="162"/>
      <c r="BM333" s="162"/>
      <c r="BN333" s="162"/>
      <c r="BO333" s="162"/>
      <c r="BP333" s="162"/>
      <c r="BQ333" s="162"/>
      <c r="BR333" s="162"/>
      <c r="BS333" s="162"/>
      <c r="BT333" s="162"/>
      <c r="BU333" s="162"/>
      <c r="BV333" s="162"/>
      <c r="BW333" s="162"/>
      <c r="BX333" s="162"/>
      <c r="BY333" s="162"/>
      <c r="BZ333" s="162"/>
      <c r="CA333" s="162"/>
      <c r="CB333" s="162"/>
      <c r="CC333" s="162"/>
      <c r="CD333" s="162"/>
      <c r="CE333" s="162"/>
      <c r="CF333" s="162"/>
      <c r="CG333" s="162"/>
      <c r="CH333" s="162"/>
      <c r="CI333" s="162"/>
      <c r="CJ333" s="162"/>
      <c r="CK333" s="162"/>
      <c r="CX333" s="98"/>
      <c r="DL333" s="97"/>
      <c r="DX333" s="98"/>
      <c r="EL333" s="97"/>
      <c r="EX333" s="98"/>
      <c r="EY333" s="97"/>
      <c r="FL333" s="126"/>
      <c r="FM333" s="91"/>
      <c r="FN333" s="91"/>
      <c r="FO333" s="91"/>
      <c r="FP333" s="91"/>
      <c r="FQ333" s="91"/>
      <c r="FR333" s="91"/>
      <c r="FS333" s="91"/>
      <c r="FT333" s="91"/>
      <c r="FU333" s="91"/>
      <c r="FV333" s="91"/>
      <c r="FW333" s="91"/>
      <c r="FX333" s="91"/>
      <c r="FY333" s="91"/>
      <c r="FZ333" s="91"/>
      <c r="GA333" s="91"/>
      <c r="GB333" s="91"/>
      <c r="GC333" s="91"/>
      <c r="GD333" s="91"/>
      <c r="GE333" s="91"/>
      <c r="GF333" s="91"/>
      <c r="GG333" s="91"/>
      <c r="GH333" s="91"/>
      <c r="GI333" s="91"/>
      <c r="GJ333" s="91"/>
      <c r="GK333" s="127"/>
      <c r="GL333" s="126"/>
      <c r="GM333" s="91"/>
      <c r="GN333" s="91"/>
      <c r="GO333" s="91"/>
      <c r="GP333" s="91"/>
      <c r="GQ333" s="91"/>
      <c r="GR333" s="91"/>
      <c r="GS333" s="91"/>
      <c r="GT333" s="91"/>
      <c r="GU333" s="91"/>
      <c r="GV333" s="91"/>
      <c r="GW333" s="91"/>
      <c r="GX333" s="91"/>
      <c r="GY333" s="91"/>
      <c r="GZ333" s="91"/>
      <c r="HA333" s="91"/>
      <c r="HB333" s="91"/>
      <c r="HC333" s="91"/>
      <c r="HD333" s="91"/>
      <c r="HE333" s="91"/>
      <c r="HF333" s="91"/>
      <c r="HG333" s="91"/>
      <c r="HH333" s="91"/>
      <c r="HI333" s="91"/>
      <c r="HJ333" s="91"/>
      <c r="HK333" s="127"/>
      <c r="HL333" s="126"/>
      <c r="HM333" s="91"/>
      <c r="HN333" s="91"/>
      <c r="HO333" s="91"/>
      <c r="HP333" s="91"/>
      <c r="HQ333" s="91"/>
      <c r="HR333" s="91"/>
      <c r="HS333" s="91"/>
      <c r="HT333" s="91"/>
      <c r="HU333" s="91"/>
      <c r="HV333" s="91"/>
      <c r="HW333" s="91"/>
      <c r="HX333" s="91"/>
      <c r="HY333" s="91"/>
      <c r="HZ333" s="91"/>
      <c r="IA333" s="91"/>
      <c r="IB333" s="91"/>
      <c r="IC333" s="91"/>
      <c r="ID333" s="91"/>
      <c r="IE333" s="91"/>
      <c r="IF333" s="91"/>
      <c r="IG333" s="91"/>
      <c r="IH333" s="91"/>
      <c r="II333" s="91"/>
      <c r="IJ333" s="91"/>
      <c r="IK333" s="127"/>
    </row>
    <row r="334" spans="2:245" x14ac:dyDescent="0.2">
      <c r="B334" s="43"/>
      <c r="C334" s="73"/>
      <c r="D334" s="64"/>
      <c r="E334" s="64"/>
      <c r="F334" s="55"/>
      <c r="G334" s="102"/>
      <c r="H334" s="55"/>
      <c r="I334" s="55"/>
      <c r="J334" s="55"/>
      <c r="K334" s="55"/>
      <c r="L334" s="55"/>
      <c r="M334" s="55"/>
      <c r="N334" s="55"/>
      <c r="O334" s="55"/>
      <c r="P334" s="55"/>
      <c r="Q334" s="55"/>
      <c r="R334" s="55"/>
      <c r="S334" s="55"/>
      <c r="T334" s="55"/>
      <c r="U334" s="55"/>
      <c r="V334" s="55"/>
      <c r="W334" s="55"/>
      <c r="X334" s="55"/>
      <c r="Y334" s="55"/>
      <c r="Z334" s="55"/>
      <c r="AA334" s="55"/>
      <c r="AB334" s="55"/>
      <c r="AC334" s="55"/>
      <c r="AD334" s="55"/>
      <c r="AE334" s="55"/>
      <c r="AF334" s="55"/>
      <c r="AG334" s="55"/>
      <c r="AY334" s="162"/>
      <c r="AZ334" s="162"/>
      <c r="BA334" s="162"/>
      <c r="BB334" s="162"/>
      <c r="BC334" s="162"/>
      <c r="BD334" s="162"/>
      <c r="BE334" s="162"/>
      <c r="BF334" s="162"/>
      <c r="BG334" s="162"/>
      <c r="BH334" s="162"/>
      <c r="BI334" s="162"/>
      <c r="BJ334" s="162"/>
      <c r="BK334" s="162"/>
      <c r="BL334" s="162"/>
      <c r="BM334" s="162"/>
      <c r="BN334" s="162"/>
      <c r="BO334" s="162"/>
      <c r="BP334" s="162"/>
      <c r="BQ334" s="162"/>
      <c r="BR334" s="162"/>
      <c r="BS334" s="162"/>
      <c r="BT334" s="162"/>
      <c r="BU334" s="162"/>
      <c r="BV334" s="162"/>
      <c r="BW334" s="162"/>
      <c r="BX334" s="162"/>
      <c r="BY334" s="162"/>
      <c r="BZ334" s="162"/>
      <c r="CA334" s="162"/>
      <c r="CB334" s="162"/>
      <c r="CC334" s="162"/>
      <c r="CD334" s="162"/>
      <c r="CE334" s="162"/>
      <c r="CF334" s="162"/>
      <c r="CG334" s="162"/>
      <c r="CH334" s="162"/>
      <c r="CI334" s="162"/>
      <c r="CJ334" s="162"/>
      <c r="CK334" s="162"/>
      <c r="CX334" s="98"/>
      <c r="DL334" s="97"/>
      <c r="DX334" s="98"/>
      <c r="EL334" s="97"/>
      <c r="EX334" s="98"/>
      <c r="EY334" s="97"/>
      <c r="FL334" s="126"/>
      <c r="FM334" s="91"/>
      <c r="FN334" s="91"/>
      <c r="FO334" s="91"/>
      <c r="FP334" s="91"/>
      <c r="FQ334" s="91"/>
      <c r="FR334" s="91"/>
      <c r="FS334" s="91"/>
      <c r="FT334" s="91"/>
      <c r="FU334" s="91"/>
      <c r="FV334" s="91"/>
      <c r="FW334" s="91"/>
      <c r="FX334" s="91"/>
      <c r="FY334" s="91"/>
      <c r="FZ334" s="91"/>
      <c r="GA334" s="91"/>
      <c r="GB334" s="91"/>
      <c r="GC334" s="91"/>
      <c r="GD334" s="91"/>
      <c r="GE334" s="91"/>
      <c r="GF334" s="91"/>
      <c r="GG334" s="91"/>
      <c r="GH334" s="91"/>
      <c r="GI334" s="91"/>
      <c r="GJ334" s="91"/>
      <c r="GK334" s="127"/>
      <c r="GL334" s="126"/>
      <c r="GM334" s="91"/>
      <c r="GN334" s="91"/>
      <c r="GO334" s="91"/>
      <c r="GP334" s="91"/>
      <c r="GQ334" s="91"/>
      <c r="GR334" s="91"/>
      <c r="GS334" s="91"/>
      <c r="GT334" s="91"/>
      <c r="GU334" s="91"/>
      <c r="GV334" s="91"/>
      <c r="GW334" s="91"/>
      <c r="GX334" s="91"/>
      <c r="GY334" s="91"/>
      <c r="GZ334" s="91"/>
      <c r="HA334" s="91"/>
      <c r="HB334" s="91"/>
      <c r="HC334" s="91"/>
      <c r="HD334" s="91"/>
      <c r="HE334" s="91"/>
      <c r="HF334" s="91"/>
      <c r="HG334" s="91"/>
      <c r="HH334" s="91"/>
      <c r="HI334" s="91"/>
      <c r="HJ334" s="91"/>
      <c r="HK334" s="127"/>
      <c r="HL334" s="126"/>
      <c r="HM334" s="91"/>
      <c r="HN334" s="91"/>
      <c r="HO334" s="91"/>
      <c r="HP334" s="91"/>
      <c r="HQ334" s="91"/>
      <c r="HR334" s="91"/>
      <c r="HS334" s="91"/>
      <c r="HT334" s="91"/>
      <c r="HU334" s="91"/>
      <c r="HV334" s="91"/>
      <c r="HW334" s="91"/>
      <c r="HX334" s="91"/>
      <c r="HY334" s="91"/>
      <c r="HZ334" s="91"/>
      <c r="IA334" s="91"/>
      <c r="IB334" s="91"/>
      <c r="IC334" s="91"/>
      <c r="ID334" s="91"/>
      <c r="IE334" s="91"/>
      <c r="IF334" s="91"/>
      <c r="IG334" s="91"/>
      <c r="IH334" s="91"/>
      <c r="II334" s="91"/>
      <c r="IJ334" s="91"/>
      <c r="IK334" s="127"/>
    </row>
    <row r="335" spans="2:245" x14ac:dyDescent="0.2">
      <c r="B335" s="43"/>
      <c r="C335" s="73"/>
      <c r="D335" s="64"/>
      <c r="E335" s="64"/>
      <c r="F335" s="55"/>
      <c r="G335" s="102"/>
      <c r="H335" s="55"/>
      <c r="I335" s="55"/>
      <c r="J335" s="55"/>
      <c r="K335" s="55"/>
      <c r="L335" s="55"/>
      <c r="M335" s="55"/>
      <c r="N335" s="55"/>
      <c r="O335" s="55"/>
      <c r="P335" s="55"/>
      <c r="Q335" s="55"/>
      <c r="R335" s="55"/>
      <c r="S335" s="55"/>
      <c r="T335" s="55"/>
      <c r="U335" s="55"/>
      <c r="V335" s="55"/>
      <c r="W335" s="55"/>
      <c r="X335" s="55"/>
      <c r="Y335" s="55"/>
      <c r="Z335" s="55"/>
      <c r="AA335" s="55"/>
      <c r="AB335" s="55"/>
      <c r="AC335" s="55"/>
      <c r="AD335" s="55"/>
      <c r="AE335" s="55"/>
      <c r="AF335" s="55"/>
      <c r="AG335" s="55"/>
      <c r="AY335" s="162"/>
      <c r="AZ335" s="162"/>
      <c r="BA335" s="162"/>
      <c r="BB335" s="162"/>
      <c r="BC335" s="162"/>
      <c r="BD335" s="162"/>
      <c r="BE335" s="162"/>
      <c r="BF335" s="162"/>
      <c r="BG335" s="162"/>
      <c r="BH335" s="162"/>
      <c r="BI335" s="162"/>
      <c r="BJ335" s="162"/>
      <c r="BK335" s="162"/>
      <c r="BL335" s="162"/>
      <c r="BM335" s="162"/>
      <c r="BN335" s="162"/>
      <c r="BO335" s="162"/>
      <c r="BP335" s="162"/>
      <c r="BQ335" s="162"/>
      <c r="BR335" s="162"/>
      <c r="BS335" s="162"/>
      <c r="BT335" s="162"/>
      <c r="BU335" s="162"/>
      <c r="BV335" s="162"/>
      <c r="BW335" s="162"/>
      <c r="BX335" s="162"/>
      <c r="BY335" s="162"/>
      <c r="BZ335" s="162"/>
      <c r="CA335" s="162"/>
      <c r="CB335" s="162"/>
      <c r="CC335" s="162"/>
      <c r="CD335" s="162"/>
      <c r="CE335" s="162"/>
      <c r="CF335" s="162"/>
      <c r="CG335" s="162"/>
      <c r="CH335" s="162"/>
      <c r="CI335" s="162"/>
      <c r="CJ335" s="162"/>
      <c r="CK335" s="162"/>
      <c r="CX335" s="98"/>
      <c r="DL335" s="97"/>
      <c r="DX335" s="98"/>
      <c r="EL335" s="97"/>
      <c r="EX335" s="98"/>
      <c r="EY335" s="97"/>
      <c r="FL335" s="126"/>
      <c r="FM335" s="91"/>
      <c r="FN335" s="91"/>
      <c r="FO335" s="91"/>
      <c r="FP335" s="91"/>
      <c r="FQ335" s="91"/>
      <c r="FR335" s="91"/>
      <c r="FS335" s="91"/>
      <c r="FT335" s="91"/>
      <c r="FU335" s="91"/>
      <c r="FV335" s="91"/>
      <c r="FW335" s="91"/>
      <c r="FX335" s="91"/>
      <c r="FY335" s="91"/>
      <c r="FZ335" s="91"/>
      <c r="GA335" s="91"/>
      <c r="GB335" s="91"/>
      <c r="GC335" s="91"/>
      <c r="GD335" s="91"/>
      <c r="GE335" s="91"/>
      <c r="GF335" s="91"/>
      <c r="GG335" s="91"/>
      <c r="GH335" s="91"/>
      <c r="GI335" s="91"/>
      <c r="GJ335" s="91"/>
      <c r="GK335" s="127"/>
      <c r="GL335" s="126"/>
      <c r="GM335" s="91"/>
      <c r="GN335" s="91"/>
      <c r="GO335" s="91"/>
      <c r="GP335" s="91"/>
      <c r="GQ335" s="91"/>
      <c r="GR335" s="91"/>
      <c r="GS335" s="91"/>
      <c r="GT335" s="91"/>
      <c r="GU335" s="91"/>
      <c r="GV335" s="91"/>
      <c r="GW335" s="91"/>
      <c r="GX335" s="91"/>
      <c r="GY335" s="91"/>
      <c r="GZ335" s="91"/>
      <c r="HA335" s="91"/>
      <c r="HB335" s="91"/>
      <c r="HC335" s="91"/>
      <c r="HD335" s="91"/>
      <c r="HE335" s="91"/>
      <c r="HF335" s="91"/>
      <c r="HG335" s="91"/>
      <c r="HH335" s="91"/>
      <c r="HI335" s="91"/>
      <c r="HJ335" s="91"/>
      <c r="HK335" s="127"/>
      <c r="HL335" s="126"/>
      <c r="HM335" s="91"/>
      <c r="HN335" s="91"/>
      <c r="HO335" s="91"/>
      <c r="HP335" s="91"/>
      <c r="HQ335" s="91"/>
      <c r="HR335" s="91"/>
      <c r="HS335" s="91"/>
      <c r="HT335" s="91"/>
      <c r="HU335" s="91"/>
      <c r="HV335" s="91"/>
      <c r="HW335" s="91"/>
      <c r="HX335" s="91"/>
      <c r="HY335" s="91"/>
      <c r="HZ335" s="91"/>
      <c r="IA335" s="91"/>
      <c r="IB335" s="91"/>
      <c r="IC335" s="91"/>
      <c r="ID335" s="91"/>
      <c r="IE335" s="91"/>
      <c r="IF335" s="91"/>
      <c r="IG335" s="91"/>
      <c r="IH335" s="91"/>
      <c r="II335" s="91"/>
      <c r="IJ335" s="91"/>
      <c r="IK335" s="127"/>
    </row>
    <row r="336" spans="2:245" x14ac:dyDescent="0.2">
      <c r="B336" s="43"/>
      <c r="C336" s="73"/>
      <c r="D336" s="64"/>
      <c r="E336" s="64"/>
      <c r="F336" s="55"/>
      <c r="G336" s="102"/>
      <c r="H336" s="55"/>
      <c r="I336" s="55"/>
      <c r="J336" s="55"/>
      <c r="K336" s="55"/>
      <c r="L336" s="55"/>
      <c r="M336" s="55"/>
      <c r="N336" s="55"/>
      <c r="O336" s="55"/>
      <c r="P336" s="55"/>
      <c r="Q336" s="55"/>
      <c r="R336" s="55"/>
      <c r="S336" s="55"/>
      <c r="T336" s="55"/>
      <c r="U336" s="55"/>
      <c r="V336" s="55"/>
      <c r="W336" s="55"/>
      <c r="X336" s="55"/>
      <c r="Y336" s="55"/>
      <c r="Z336" s="55"/>
      <c r="AA336" s="55"/>
      <c r="AB336" s="55"/>
      <c r="AC336" s="55"/>
      <c r="AD336" s="55"/>
      <c r="AE336" s="55"/>
      <c r="AF336" s="55"/>
      <c r="AG336" s="55"/>
      <c r="AY336" s="162"/>
      <c r="AZ336" s="162"/>
      <c r="BA336" s="162"/>
      <c r="BB336" s="162"/>
      <c r="BC336" s="162"/>
      <c r="BD336" s="162"/>
      <c r="BE336" s="162"/>
      <c r="BF336" s="162"/>
      <c r="BG336" s="162"/>
      <c r="BH336" s="162"/>
      <c r="BI336" s="162"/>
      <c r="BJ336" s="162"/>
      <c r="BK336" s="162"/>
      <c r="BL336" s="162"/>
      <c r="BM336" s="162"/>
      <c r="BN336" s="162"/>
      <c r="BO336" s="162"/>
      <c r="BP336" s="162"/>
      <c r="BQ336" s="162"/>
      <c r="BR336" s="162"/>
      <c r="BS336" s="162"/>
      <c r="BT336" s="162"/>
      <c r="BU336" s="162"/>
      <c r="BV336" s="162"/>
      <c r="BW336" s="162"/>
      <c r="BX336" s="162"/>
      <c r="BY336" s="162"/>
      <c r="BZ336" s="162"/>
      <c r="CA336" s="162"/>
      <c r="CB336" s="162"/>
      <c r="CC336" s="162"/>
      <c r="CD336" s="162"/>
      <c r="CE336" s="162"/>
      <c r="CF336" s="162"/>
      <c r="CG336" s="162"/>
      <c r="CH336" s="162"/>
      <c r="CI336" s="162"/>
      <c r="CJ336" s="162"/>
      <c r="CK336" s="162"/>
      <c r="CX336" s="98"/>
      <c r="DL336" s="97"/>
      <c r="DX336" s="98"/>
      <c r="EL336" s="97"/>
      <c r="EX336" s="98"/>
      <c r="EY336" s="97"/>
      <c r="FL336" s="126"/>
      <c r="FM336" s="91"/>
      <c r="FN336" s="91"/>
      <c r="FO336" s="91"/>
      <c r="FP336" s="91"/>
      <c r="FQ336" s="91"/>
      <c r="FR336" s="91"/>
      <c r="FS336" s="91"/>
      <c r="FT336" s="91"/>
      <c r="FU336" s="91"/>
      <c r="FV336" s="91"/>
      <c r="FW336" s="91"/>
      <c r="FX336" s="91"/>
      <c r="FY336" s="91"/>
      <c r="FZ336" s="91"/>
      <c r="GA336" s="91"/>
      <c r="GB336" s="91"/>
      <c r="GC336" s="91"/>
      <c r="GD336" s="91"/>
      <c r="GE336" s="91"/>
      <c r="GF336" s="91"/>
      <c r="GG336" s="91"/>
      <c r="GH336" s="91"/>
      <c r="GI336" s="91"/>
      <c r="GJ336" s="91"/>
      <c r="GK336" s="127"/>
      <c r="GL336" s="126"/>
      <c r="GM336" s="91"/>
      <c r="GN336" s="91"/>
      <c r="GO336" s="91"/>
      <c r="GP336" s="91"/>
      <c r="GQ336" s="91"/>
      <c r="GR336" s="91"/>
      <c r="GS336" s="91"/>
      <c r="GT336" s="91"/>
      <c r="GU336" s="91"/>
      <c r="GV336" s="91"/>
      <c r="GW336" s="91"/>
      <c r="GX336" s="91"/>
      <c r="GY336" s="91"/>
      <c r="GZ336" s="91"/>
      <c r="HA336" s="91"/>
      <c r="HB336" s="91"/>
      <c r="HC336" s="91"/>
      <c r="HD336" s="91"/>
      <c r="HE336" s="91"/>
      <c r="HF336" s="91"/>
      <c r="HG336" s="91"/>
      <c r="HH336" s="91"/>
      <c r="HI336" s="91"/>
      <c r="HJ336" s="91"/>
      <c r="HK336" s="127"/>
      <c r="HL336" s="126"/>
      <c r="HM336" s="91"/>
      <c r="HN336" s="91"/>
      <c r="HO336" s="91"/>
      <c r="HP336" s="91"/>
      <c r="HQ336" s="91"/>
      <c r="HR336" s="91"/>
      <c r="HS336" s="91"/>
      <c r="HT336" s="91"/>
      <c r="HU336" s="91"/>
      <c r="HV336" s="91"/>
      <c r="HW336" s="91"/>
      <c r="HX336" s="91"/>
      <c r="HY336" s="91"/>
      <c r="HZ336" s="91"/>
      <c r="IA336" s="91"/>
      <c r="IB336" s="91"/>
      <c r="IC336" s="91"/>
      <c r="ID336" s="91"/>
      <c r="IE336" s="91"/>
      <c r="IF336" s="91"/>
      <c r="IG336" s="91"/>
      <c r="IH336" s="91"/>
      <c r="II336" s="91"/>
      <c r="IJ336" s="91"/>
      <c r="IK336" s="127"/>
    </row>
    <row r="337" spans="2:245" x14ac:dyDescent="0.2">
      <c r="B337" s="43"/>
      <c r="C337" s="73"/>
      <c r="D337" s="64"/>
      <c r="E337" s="64"/>
      <c r="F337" s="55"/>
      <c r="G337" s="102"/>
      <c r="H337" s="55"/>
      <c r="I337" s="55"/>
      <c r="J337" s="55"/>
      <c r="K337" s="55"/>
      <c r="L337" s="55"/>
      <c r="M337" s="55"/>
      <c r="N337" s="55"/>
      <c r="O337" s="55"/>
      <c r="P337" s="55"/>
      <c r="Q337" s="55"/>
      <c r="R337" s="55"/>
      <c r="S337" s="55"/>
      <c r="T337" s="55"/>
      <c r="U337" s="55"/>
      <c r="V337" s="55"/>
      <c r="W337" s="55"/>
      <c r="X337" s="55"/>
      <c r="Y337" s="55"/>
      <c r="Z337" s="55"/>
      <c r="AA337" s="55"/>
      <c r="AB337" s="55"/>
      <c r="AC337" s="55"/>
      <c r="AD337" s="55"/>
      <c r="AE337" s="55"/>
      <c r="AF337" s="55"/>
      <c r="AG337" s="55"/>
      <c r="AY337" s="162"/>
      <c r="AZ337" s="162"/>
      <c r="BA337" s="162"/>
      <c r="BB337" s="162"/>
      <c r="BC337" s="162"/>
      <c r="BD337" s="162"/>
      <c r="BE337" s="162"/>
      <c r="BF337" s="162"/>
      <c r="BG337" s="162"/>
      <c r="BH337" s="162"/>
      <c r="BI337" s="162"/>
      <c r="BJ337" s="162"/>
      <c r="BK337" s="162"/>
      <c r="BL337" s="162"/>
      <c r="BM337" s="162"/>
      <c r="BN337" s="162"/>
      <c r="BO337" s="162"/>
      <c r="BP337" s="162"/>
      <c r="BQ337" s="162"/>
      <c r="BR337" s="162"/>
      <c r="BS337" s="162"/>
      <c r="BT337" s="162"/>
      <c r="BU337" s="162"/>
      <c r="BV337" s="162"/>
      <c r="BW337" s="162"/>
      <c r="BX337" s="162"/>
      <c r="BY337" s="162"/>
      <c r="BZ337" s="162"/>
      <c r="CA337" s="162"/>
      <c r="CB337" s="162"/>
      <c r="CC337" s="162"/>
      <c r="CD337" s="162"/>
      <c r="CE337" s="162"/>
      <c r="CF337" s="162"/>
      <c r="CG337" s="162"/>
      <c r="CH337" s="162"/>
      <c r="CI337" s="162"/>
      <c r="CJ337" s="162"/>
      <c r="CK337" s="162"/>
      <c r="CX337" s="98"/>
      <c r="DL337" s="97"/>
      <c r="DX337" s="98"/>
      <c r="EL337" s="97"/>
      <c r="EX337" s="98"/>
      <c r="EY337" s="97"/>
      <c r="FL337" s="126"/>
      <c r="FM337" s="91"/>
      <c r="FN337" s="91"/>
      <c r="FO337" s="91"/>
      <c r="FP337" s="91"/>
      <c r="FQ337" s="91"/>
      <c r="FR337" s="91"/>
      <c r="FS337" s="91"/>
      <c r="FT337" s="91"/>
      <c r="FU337" s="91"/>
      <c r="FV337" s="91"/>
      <c r="FW337" s="91"/>
      <c r="FX337" s="91"/>
      <c r="FY337" s="91"/>
      <c r="FZ337" s="91"/>
      <c r="GA337" s="91"/>
      <c r="GB337" s="91"/>
      <c r="GC337" s="91"/>
      <c r="GD337" s="91"/>
      <c r="GE337" s="91"/>
      <c r="GF337" s="91"/>
      <c r="GG337" s="91"/>
      <c r="GH337" s="91"/>
      <c r="GI337" s="91"/>
      <c r="GJ337" s="91"/>
      <c r="GK337" s="127"/>
      <c r="GL337" s="126"/>
      <c r="GM337" s="91"/>
      <c r="GN337" s="91"/>
      <c r="GO337" s="91"/>
      <c r="GP337" s="91"/>
      <c r="GQ337" s="91"/>
      <c r="GR337" s="91"/>
      <c r="GS337" s="91"/>
      <c r="GT337" s="91"/>
      <c r="GU337" s="91"/>
      <c r="GV337" s="91"/>
      <c r="GW337" s="91"/>
      <c r="GX337" s="91"/>
      <c r="GY337" s="91"/>
      <c r="GZ337" s="91"/>
      <c r="HA337" s="91"/>
      <c r="HB337" s="91"/>
      <c r="HC337" s="91"/>
      <c r="HD337" s="91"/>
      <c r="HE337" s="91"/>
      <c r="HF337" s="91"/>
      <c r="HG337" s="91"/>
      <c r="HH337" s="91"/>
      <c r="HI337" s="91"/>
      <c r="HJ337" s="91"/>
      <c r="HK337" s="127"/>
      <c r="HL337" s="126"/>
      <c r="HM337" s="91"/>
      <c r="HN337" s="91"/>
      <c r="HO337" s="91"/>
      <c r="HP337" s="91"/>
      <c r="HQ337" s="91"/>
      <c r="HR337" s="91"/>
      <c r="HS337" s="91"/>
      <c r="HT337" s="91"/>
      <c r="HU337" s="91"/>
      <c r="HV337" s="91"/>
      <c r="HW337" s="91"/>
      <c r="HX337" s="91"/>
      <c r="HY337" s="91"/>
      <c r="HZ337" s="91"/>
      <c r="IA337" s="91"/>
      <c r="IB337" s="91"/>
      <c r="IC337" s="91"/>
      <c r="ID337" s="91"/>
      <c r="IE337" s="91"/>
      <c r="IF337" s="91"/>
      <c r="IG337" s="91"/>
      <c r="IH337" s="91"/>
      <c r="II337" s="91"/>
      <c r="IJ337" s="91"/>
      <c r="IK337" s="127"/>
    </row>
    <row r="338" spans="2:245" x14ac:dyDescent="0.2">
      <c r="B338" s="43"/>
      <c r="C338" s="73"/>
      <c r="D338" s="64"/>
      <c r="E338" s="64"/>
      <c r="F338" s="55"/>
      <c r="G338" s="102"/>
      <c r="H338" s="55"/>
      <c r="I338" s="55"/>
      <c r="J338" s="55"/>
      <c r="K338" s="55"/>
      <c r="L338" s="55"/>
      <c r="M338" s="55"/>
      <c r="N338" s="55"/>
      <c r="O338" s="55"/>
      <c r="P338" s="55"/>
      <c r="Q338" s="55"/>
      <c r="R338" s="55"/>
      <c r="S338" s="55"/>
      <c r="T338" s="55"/>
      <c r="U338" s="55"/>
      <c r="V338" s="55"/>
      <c r="W338" s="55"/>
      <c r="X338" s="55"/>
      <c r="Y338" s="55"/>
      <c r="Z338" s="55"/>
      <c r="AA338" s="55"/>
      <c r="AB338" s="55"/>
      <c r="AC338" s="55"/>
      <c r="AD338" s="55"/>
      <c r="AE338" s="55"/>
      <c r="AF338" s="55"/>
      <c r="AG338" s="55"/>
      <c r="AY338" s="162"/>
      <c r="AZ338" s="162"/>
      <c r="BA338" s="162"/>
      <c r="BB338" s="162"/>
      <c r="BC338" s="162"/>
      <c r="BD338" s="162"/>
      <c r="BE338" s="162"/>
      <c r="BF338" s="162"/>
      <c r="BG338" s="162"/>
      <c r="BH338" s="162"/>
      <c r="BI338" s="162"/>
      <c r="BJ338" s="162"/>
      <c r="BK338" s="162"/>
      <c r="BL338" s="162"/>
      <c r="BM338" s="162"/>
      <c r="BN338" s="162"/>
      <c r="BO338" s="162"/>
      <c r="BP338" s="162"/>
      <c r="BQ338" s="162"/>
      <c r="BR338" s="162"/>
      <c r="BS338" s="162"/>
      <c r="BT338" s="162"/>
      <c r="BU338" s="162"/>
      <c r="BV338" s="162"/>
      <c r="BW338" s="162"/>
      <c r="BX338" s="162"/>
      <c r="BY338" s="162"/>
      <c r="BZ338" s="162"/>
      <c r="CA338" s="162"/>
      <c r="CB338" s="162"/>
      <c r="CC338" s="162"/>
      <c r="CD338" s="162"/>
      <c r="CE338" s="162"/>
      <c r="CF338" s="162"/>
      <c r="CG338" s="162"/>
      <c r="CH338" s="162"/>
      <c r="CI338" s="162"/>
      <c r="CJ338" s="162"/>
      <c r="CK338" s="162"/>
      <c r="CX338" s="98"/>
      <c r="DL338" s="97"/>
      <c r="DX338" s="98"/>
      <c r="EL338" s="97"/>
      <c r="EX338" s="98"/>
      <c r="EY338" s="97"/>
      <c r="FL338" s="126"/>
      <c r="FM338" s="91"/>
      <c r="FN338" s="91"/>
      <c r="FO338" s="91"/>
      <c r="FP338" s="91"/>
      <c r="FQ338" s="91"/>
      <c r="FR338" s="91"/>
      <c r="FS338" s="91"/>
      <c r="FT338" s="91"/>
      <c r="FU338" s="91"/>
      <c r="FV338" s="91"/>
      <c r="FW338" s="91"/>
      <c r="FX338" s="91"/>
      <c r="FY338" s="91"/>
      <c r="FZ338" s="91"/>
      <c r="GA338" s="91"/>
      <c r="GB338" s="91"/>
      <c r="GC338" s="91"/>
      <c r="GD338" s="91"/>
      <c r="GE338" s="91"/>
      <c r="GF338" s="91"/>
      <c r="GG338" s="91"/>
      <c r="GH338" s="91"/>
      <c r="GI338" s="91"/>
      <c r="GJ338" s="91"/>
      <c r="GK338" s="127"/>
      <c r="GL338" s="126"/>
      <c r="GM338" s="91"/>
      <c r="GN338" s="91"/>
      <c r="GO338" s="91"/>
      <c r="GP338" s="91"/>
      <c r="GQ338" s="91"/>
      <c r="GR338" s="91"/>
      <c r="GS338" s="91"/>
      <c r="GT338" s="91"/>
      <c r="GU338" s="91"/>
      <c r="GV338" s="91"/>
      <c r="GW338" s="91"/>
      <c r="GX338" s="91"/>
      <c r="GY338" s="91"/>
      <c r="GZ338" s="91"/>
      <c r="HA338" s="91"/>
      <c r="HB338" s="91"/>
      <c r="HC338" s="91"/>
      <c r="HD338" s="91"/>
      <c r="HE338" s="91"/>
      <c r="HF338" s="91"/>
      <c r="HG338" s="91"/>
      <c r="HH338" s="91"/>
      <c r="HI338" s="91"/>
      <c r="HJ338" s="91"/>
      <c r="HK338" s="127"/>
      <c r="HL338" s="126"/>
      <c r="HM338" s="91"/>
      <c r="HN338" s="91"/>
      <c r="HO338" s="91"/>
      <c r="HP338" s="91"/>
      <c r="HQ338" s="91"/>
      <c r="HR338" s="91"/>
      <c r="HS338" s="91"/>
      <c r="HT338" s="91"/>
      <c r="HU338" s="91"/>
      <c r="HV338" s="91"/>
      <c r="HW338" s="91"/>
      <c r="HX338" s="91"/>
      <c r="HY338" s="91"/>
      <c r="HZ338" s="91"/>
      <c r="IA338" s="91"/>
      <c r="IB338" s="91"/>
      <c r="IC338" s="91"/>
      <c r="ID338" s="91"/>
      <c r="IE338" s="91"/>
      <c r="IF338" s="91"/>
      <c r="IG338" s="91"/>
      <c r="IH338" s="91"/>
      <c r="II338" s="91"/>
      <c r="IJ338" s="91"/>
      <c r="IK338" s="127"/>
    </row>
    <row r="339" spans="2:245" x14ac:dyDescent="0.2">
      <c r="B339" s="43"/>
      <c r="C339" s="73"/>
      <c r="D339" s="64"/>
      <c r="E339" s="64"/>
      <c r="F339" s="55"/>
      <c r="G339" s="102"/>
      <c r="H339" s="55"/>
      <c r="I339" s="55"/>
      <c r="J339" s="55"/>
      <c r="K339" s="55"/>
      <c r="L339" s="55"/>
      <c r="M339" s="55"/>
      <c r="N339" s="55"/>
      <c r="O339" s="55"/>
      <c r="P339" s="55"/>
      <c r="Q339" s="55"/>
      <c r="R339" s="55"/>
      <c r="S339" s="55"/>
      <c r="T339" s="55"/>
      <c r="U339" s="55"/>
      <c r="V339" s="55"/>
      <c r="W339" s="55"/>
      <c r="X339" s="55"/>
      <c r="Y339" s="55"/>
      <c r="Z339" s="55"/>
      <c r="AA339" s="55"/>
      <c r="AB339" s="55"/>
      <c r="AC339" s="55"/>
      <c r="AD339" s="55"/>
      <c r="AE339" s="55"/>
      <c r="AF339" s="55"/>
      <c r="AG339" s="55"/>
      <c r="AY339" s="162"/>
      <c r="AZ339" s="162"/>
      <c r="BA339" s="162"/>
      <c r="BB339" s="162"/>
      <c r="BC339" s="162"/>
      <c r="BD339" s="162"/>
      <c r="BE339" s="162"/>
      <c r="BF339" s="162"/>
      <c r="BG339" s="162"/>
      <c r="BH339" s="162"/>
      <c r="BI339" s="162"/>
      <c r="BJ339" s="162"/>
      <c r="BK339" s="162"/>
      <c r="BL339" s="162"/>
      <c r="BM339" s="162"/>
      <c r="BN339" s="162"/>
      <c r="BO339" s="162"/>
      <c r="BP339" s="162"/>
      <c r="BQ339" s="162"/>
      <c r="BR339" s="162"/>
      <c r="BS339" s="162"/>
      <c r="BT339" s="162"/>
      <c r="BU339" s="162"/>
      <c r="BV339" s="162"/>
      <c r="BW339" s="162"/>
      <c r="BX339" s="162"/>
      <c r="BY339" s="162"/>
      <c r="BZ339" s="162"/>
      <c r="CA339" s="162"/>
      <c r="CB339" s="162"/>
      <c r="CC339" s="162"/>
      <c r="CD339" s="162"/>
      <c r="CE339" s="162"/>
      <c r="CF339" s="162"/>
      <c r="CG339" s="162"/>
      <c r="CH339" s="162"/>
      <c r="CI339" s="162"/>
      <c r="CJ339" s="162"/>
      <c r="CK339" s="162"/>
      <c r="CX339" s="98"/>
      <c r="DL339" s="97"/>
      <c r="DX339" s="98"/>
      <c r="EL339" s="97"/>
      <c r="EX339" s="98"/>
      <c r="EY339" s="97"/>
      <c r="FL339" s="126"/>
      <c r="FM339" s="91"/>
      <c r="FN339" s="91"/>
      <c r="FO339" s="91"/>
      <c r="FP339" s="91"/>
      <c r="FQ339" s="91"/>
      <c r="FR339" s="91"/>
      <c r="FS339" s="91"/>
      <c r="FT339" s="91"/>
      <c r="FU339" s="91"/>
      <c r="FV339" s="91"/>
      <c r="FW339" s="91"/>
      <c r="FX339" s="91"/>
      <c r="FY339" s="91"/>
      <c r="FZ339" s="91"/>
      <c r="GA339" s="91"/>
      <c r="GB339" s="91"/>
      <c r="GC339" s="91"/>
      <c r="GD339" s="91"/>
      <c r="GE339" s="91"/>
      <c r="GF339" s="91"/>
      <c r="GG339" s="91"/>
      <c r="GH339" s="91"/>
      <c r="GI339" s="91"/>
      <c r="GJ339" s="91"/>
      <c r="GK339" s="127"/>
      <c r="GL339" s="126"/>
      <c r="GM339" s="91"/>
      <c r="GN339" s="91"/>
      <c r="GO339" s="91"/>
      <c r="GP339" s="91"/>
      <c r="GQ339" s="91"/>
      <c r="GR339" s="91"/>
      <c r="GS339" s="91"/>
      <c r="GT339" s="91"/>
      <c r="GU339" s="91"/>
      <c r="GV339" s="91"/>
      <c r="GW339" s="91"/>
      <c r="GX339" s="91"/>
      <c r="GY339" s="91"/>
      <c r="GZ339" s="91"/>
      <c r="HA339" s="91"/>
      <c r="HB339" s="91"/>
      <c r="HC339" s="91"/>
      <c r="HD339" s="91"/>
      <c r="HE339" s="91"/>
      <c r="HF339" s="91"/>
      <c r="HG339" s="91"/>
      <c r="HH339" s="91"/>
      <c r="HI339" s="91"/>
      <c r="HJ339" s="91"/>
      <c r="HK339" s="127"/>
      <c r="HL339" s="126"/>
      <c r="HM339" s="91"/>
      <c r="HN339" s="91"/>
      <c r="HO339" s="91"/>
      <c r="HP339" s="91"/>
      <c r="HQ339" s="91"/>
      <c r="HR339" s="91"/>
      <c r="HS339" s="91"/>
      <c r="HT339" s="91"/>
      <c r="HU339" s="91"/>
      <c r="HV339" s="91"/>
      <c r="HW339" s="91"/>
      <c r="HX339" s="91"/>
      <c r="HY339" s="91"/>
      <c r="HZ339" s="91"/>
      <c r="IA339" s="91"/>
      <c r="IB339" s="91"/>
      <c r="IC339" s="91"/>
      <c r="ID339" s="91"/>
      <c r="IE339" s="91"/>
      <c r="IF339" s="91"/>
      <c r="IG339" s="91"/>
      <c r="IH339" s="91"/>
      <c r="II339" s="91"/>
      <c r="IJ339" s="91"/>
      <c r="IK339" s="127"/>
    </row>
    <row r="340" spans="2:245" x14ac:dyDescent="0.2">
      <c r="B340" s="43"/>
      <c r="C340" s="73"/>
      <c r="D340" s="64"/>
      <c r="E340" s="64"/>
      <c r="F340" s="55"/>
      <c r="G340" s="102"/>
      <c r="H340" s="55"/>
      <c r="I340" s="55"/>
      <c r="J340" s="55"/>
      <c r="K340" s="55"/>
      <c r="L340" s="55"/>
      <c r="M340" s="55"/>
      <c r="N340" s="55"/>
      <c r="O340" s="55"/>
      <c r="P340" s="55"/>
      <c r="Q340" s="55"/>
      <c r="R340" s="55"/>
      <c r="S340" s="55"/>
      <c r="T340" s="55"/>
      <c r="U340" s="55"/>
      <c r="V340" s="55"/>
      <c r="W340" s="55"/>
      <c r="X340" s="55"/>
      <c r="Y340" s="55"/>
      <c r="Z340" s="55"/>
      <c r="AA340" s="55"/>
      <c r="AB340" s="55"/>
      <c r="AC340" s="55"/>
      <c r="AD340" s="55"/>
      <c r="AE340" s="55"/>
      <c r="AF340" s="55"/>
      <c r="AG340" s="55"/>
      <c r="AY340" s="162"/>
      <c r="AZ340" s="162"/>
      <c r="BA340" s="162"/>
      <c r="BB340" s="162"/>
      <c r="BC340" s="162"/>
      <c r="BD340" s="162"/>
      <c r="BE340" s="162"/>
      <c r="BF340" s="162"/>
      <c r="BG340" s="162"/>
      <c r="BH340" s="162"/>
      <c r="BI340" s="162"/>
      <c r="BJ340" s="162"/>
      <c r="BK340" s="162"/>
      <c r="BL340" s="162"/>
      <c r="BM340" s="162"/>
      <c r="BN340" s="162"/>
      <c r="BO340" s="162"/>
      <c r="BP340" s="162"/>
      <c r="BQ340" s="162"/>
      <c r="BR340" s="162"/>
      <c r="BS340" s="162"/>
      <c r="BT340" s="162"/>
      <c r="BU340" s="162"/>
      <c r="BV340" s="162"/>
      <c r="BW340" s="162"/>
      <c r="BX340" s="162"/>
      <c r="BY340" s="162"/>
      <c r="BZ340" s="162"/>
      <c r="CA340" s="162"/>
      <c r="CB340" s="162"/>
      <c r="CC340" s="162"/>
      <c r="CD340" s="162"/>
      <c r="CE340" s="162"/>
      <c r="CF340" s="162"/>
      <c r="CG340" s="162"/>
      <c r="CH340" s="162"/>
      <c r="CI340" s="162"/>
      <c r="CJ340" s="162"/>
      <c r="CK340" s="162"/>
      <c r="CX340" s="98"/>
      <c r="DL340" s="97"/>
      <c r="DX340" s="98"/>
      <c r="EL340" s="97"/>
      <c r="EX340" s="98"/>
      <c r="EY340" s="97"/>
      <c r="FL340" s="126"/>
      <c r="FM340" s="91"/>
      <c r="FN340" s="91"/>
      <c r="FO340" s="91"/>
      <c r="FP340" s="91"/>
      <c r="FQ340" s="91"/>
      <c r="FR340" s="91"/>
      <c r="FS340" s="91"/>
      <c r="FT340" s="91"/>
      <c r="FU340" s="91"/>
      <c r="FV340" s="91"/>
      <c r="FW340" s="91"/>
      <c r="FX340" s="91"/>
      <c r="FY340" s="91"/>
      <c r="FZ340" s="91"/>
      <c r="GA340" s="91"/>
      <c r="GB340" s="91"/>
      <c r="GC340" s="91"/>
      <c r="GD340" s="91"/>
      <c r="GE340" s="91"/>
      <c r="GF340" s="91"/>
      <c r="GG340" s="91"/>
      <c r="GH340" s="91"/>
      <c r="GI340" s="91"/>
      <c r="GJ340" s="91"/>
      <c r="GK340" s="127"/>
      <c r="GL340" s="126"/>
      <c r="GM340" s="91"/>
      <c r="GN340" s="91"/>
      <c r="GO340" s="91"/>
      <c r="GP340" s="91"/>
      <c r="GQ340" s="91"/>
      <c r="GR340" s="91"/>
      <c r="GS340" s="91"/>
      <c r="GT340" s="91"/>
      <c r="GU340" s="91"/>
      <c r="GV340" s="91"/>
      <c r="GW340" s="91"/>
      <c r="GX340" s="91"/>
      <c r="GY340" s="91"/>
      <c r="GZ340" s="91"/>
      <c r="HA340" s="91"/>
      <c r="HB340" s="91"/>
      <c r="HC340" s="91"/>
      <c r="HD340" s="91"/>
      <c r="HE340" s="91"/>
      <c r="HF340" s="91"/>
      <c r="HG340" s="91"/>
      <c r="HH340" s="91"/>
      <c r="HI340" s="91"/>
      <c r="HJ340" s="91"/>
      <c r="HK340" s="127"/>
      <c r="HL340" s="126"/>
      <c r="HM340" s="91"/>
      <c r="HN340" s="91"/>
      <c r="HO340" s="91"/>
      <c r="HP340" s="91"/>
      <c r="HQ340" s="91"/>
      <c r="HR340" s="91"/>
      <c r="HS340" s="91"/>
      <c r="HT340" s="91"/>
      <c r="HU340" s="91"/>
      <c r="HV340" s="91"/>
      <c r="HW340" s="91"/>
      <c r="HX340" s="91"/>
      <c r="HY340" s="91"/>
      <c r="HZ340" s="91"/>
      <c r="IA340" s="91"/>
      <c r="IB340" s="91"/>
      <c r="IC340" s="91"/>
      <c r="ID340" s="91"/>
      <c r="IE340" s="91"/>
      <c r="IF340" s="91"/>
      <c r="IG340" s="91"/>
      <c r="IH340" s="91"/>
      <c r="II340" s="91"/>
      <c r="IJ340" s="91"/>
      <c r="IK340" s="127"/>
    </row>
    <row r="341" spans="2:245" x14ac:dyDescent="0.2">
      <c r="B341" s="43"/>
      <c r="C341" s="73"/>
      <c r="D341" s="64"/>
      <c r="E341" s="64"/>
      <c r="F341" s="55"/>
      <c r="G341" s="102"/>
      <c r="H341" s="55"/>
      <c r="I341" s="55"/>
      <c r="J341" s="55"/>
      <c r="K341" s="55"/>
      <c r="L341" s="55"/>
      <c r="M341" s="55"/>
      <c r="N341" s="55"/>
      <c r="O341" s="55"/>
      <c r="P341" s="55"/>
      <c r="Q341" s="55"/>
      <c r="R341" s="55"/>
      <c r="S341" s="55"/>
      <c r="T341" s="55"/>
      <c r="U341" s="55"/>
      <c r="V341" s="55"/>
      <c r="W341" s="55"/>
      <c r="X341" s="55"/>
      <c r="Y341" s="55"/>
      <c r="Z341" s="55"/>
      <c r="AA341" s="55"/>
      <c r="AB341" s="55"/>
      <c r="AC341" s="55"/>
      <c r="AD341" s="55"/>
      <c r="AE341" s="55"/>
      <c r="AF341" s="55"/>
      <c r="AG341" s="55"/>
      <c r="AY341" s="162"/>
      <c r="AZ341" s="162"/>
      <c r="BA341" s="162"/>
      <c r="BB341" s="162"/>
      <c r="BC341" s="162"/>
      <c r="BD341" s="162"/>
      <c r="BE341" s="162"/>
      <c r="BF341" s="162"/>
      <c r="BG341" s="162"/>
      <c r="BH341" s="162"/>
      <c r="BI341" s="162"/>
      <c r="BJ341" s="162"/>
      <c r="BK341" s="162"/>
      <c r="BL341" s="162"/>
      <c r="BM341" s="162"/>
      <c r="BN341" s="162"/>
      <c r="BO341" s="162"/>
      <c r="BP341" s="162"/>
      <c r="BQ341" s="162"/>
      <c r="BR341" s="162"/>
      <c r="BS341" s="162"/>
      <c r="BT341" s="162"/>
      <c r="BU341" s="162"/>
      <c r="BV341" s="162"/>
      <c r="BW341" s="162"/>
      <c r="BX341" s="162"/>
      <c r="BY341" s="162"/>
      <c r="BZ341" s="162"/>
      <c r="CA341" s="162"/>
      <c r="CB341" s="162"/>
      <c r="CC341" s="162"/>
      <c r="CD341" s="162"/>
      <c r="CE341" s="162"/>
      <c r="CF341" s="162"/>
      <c r="CG341" s="162"/>
      <c r="CH341" s="162"/>
      <c r="CI341" s="162"/>
      <c r="CJ341" s="162"/>
      <c r="CK341" s="162"/>
      <c r="CX341" s="98"/>
      <c r="DL341" s="97"/>
      <c r="DX341" s="98"/>
      <c r="EL341" s="97"/>
      <c r="EX341" s="98"/>
      <c r="EY341" s="97"/>
      <c r="FL341" s="126"/>
      <c r="FM341" s="91"/>
      <c r="FN341" s="91"/>
      <c r="FO341" s="91"/>
      <c r="FP341" s="91"/>
      <c r="FQ341" s="91"/>
      <c r="FR341" s="91"/>
      <c r="FS341" s="91"/>
      <c r="FT341" s="91"/>
      <c r="FU341" s="91"/>
      <c r="FV341" s="91"/>
      <c r="FW341" s="91"/>
      <c r="FX341" s="91"/>
      <c r="FY341" s="91"/>
      <c r="FZ341" s="91"/>
      <c r="GA341" s="91"/>
      <c r="GB341" s="91"/>
      <c r="GC341" s="91"/>
      <c r="GD341" s="91"/>
      <c r="GE341" s="91"/>
      <c r="GF341" s="91"/>
      <c r="GG341" s="91"/>
      <c r="GH341" s="91"/>
      <c r="GI341" s="91"/>
      <c r="GJ341" s="91"/>
      <c r="GK341" s="127"/>
      <c r="GL341" s="126"/>
      <c r="GM341" s="91"/>
      <c r="GN341" s="91"/>
      <c r="GO341" s="91"/>
      <c r="GP341" s="91"/>
      <c r="GQ341" s="91"/>
      <c r="GR341" s="91"/>
      <c r="GS341" s="91"/>
      <c r="GT341" s="91"/>
      <c r="GU341" s="91"/>
      <c r="GV341" s="91"/>
      <c r="GW341" s="91"/>
      <c r="GX341" s="91"/>
      <c r="GY341" s="91"/>
      <c r="GZ341" s="91"/>
      <c r="HA341" s="91"/>
      <c r="HB341" s="91"/>
      <c r="HC341" s="91"/>
      <c r="HD341" s="91"/>
      <c r="HE341" s="91"/>
      <c r="HF341" s="91"/>
      <c r="HG341" s="91"/>
      <c r="HH341" s="91"/>
      <c r="HI341" s="91"/>
      <c r="HJ341" s="91"/>
      <c r="HK341" s="127"/>
      <c r="HL341" s="126"/>
      <c r="HM341" s="91"/>
      <c r="HN341" s="91"/>
      <c r="HO341" s="91"/>
      <c r="HP341" s="91"/>
      <c r="HQ341" s="91"/>
      <c r="HR341" s="91"/>
      <c r="HS341" s="91"/>
      <c r="HT341" s="91"/>
      <c r="HU341" s="91"/>
      <c r="HV341" s="91"/>
      <c r="HW341" s="91"/>
      <c r="HX341" s="91"/>
      <c r="HY341" s="91"/>
      <c r="HZ341" s="91"/>
      <c r="IA341" s="91"/>
      <c r="IB341" s="91"/>
      <c r="IC341" s="91"/>
      <c r="ID341" s="91"/>
      <c r="IE341" s="91"/>
      <c r="IF341" s="91"/>
      <c r="IG341" s="91"/>
      <c r="IH341" s="91"/>
      <c r="II341" s="91"/>
      <c r="IJ341" s="91"/>
      <c r="IK341" s="127"/>
    </row>
    <row r="342" spans="2:245" x14ac:dyDescent="0.2">
      <c r="B342" s="43"/>
      <c r="C342" s="73"/>
      <c r="D342" s="64"/>
      <c r="E342" s="64"/>
      <c r="F342" s="55"/>
      <c r="G342" s="102"/>
      <c r="H342" s="55"/>
      <c r="I342" s="55"/>
      <c r="J342" s="55"/>
      <c r="K342" s="55"/>
      <c r="L342" s="55"/>
      <c r="M342" s="55"/>
      <c r="N342" s="55"/>
      <c r="O342" s="55"/>
      <c r="P342" s="55"/>
      <c r="Q342" s="55"/>
      <c r="R342" s="55"/>
      <c r="S342" s="55"/>
      <c r="T342" s="55"/>
      <c r="U342" s="55"/>
      <c r="V342" s="55"/>
      <c r="W342" s="55"/>
      <c r="X342" s="55"/>
      <c r="Y342" s="55"/>
      <c r="Z342" s="55"/>
      <c r="AA342" s="55"/>
      <c r="AB342" s="55"/>
      <c r="AC342" s="55"/>
      <c r="AD342" s="55"/>
      <c r="AE342" s="55"/>
      <c r="AF342" s="55"/>
      <c r="AG342" s="55"/>
      <c r="AY342" s="162"/>
      <c r="AZ342" s="162"/>
      <c r="BA342" s="162"/>
      <c r="BB342" s="162"/>
      <c r="BC342" s="162"/>
      <c r="BD342" s="162"/>
      <c r="BE342" s="162"/>
      <c r="BF342" s="162"/>
      <c r="BG342" s="162"/>
      <c r="BH342" s="162"/>
      <c r="BI342" s="162"/>
      <c r="BJ342" s="162"/>
      <c r="BK342" s="162"/>
      <c r="BL342" s="162"/>
      <c r="BM342" s="162"/>
      <c r="BN342" s="162"/>
      <c r="BO342" s="162"/>
      <c r="BP342" s="162"/>
      <c r="BQ342" s="162"/>
      <c r="BR342" s="162"/>
      <c r="BS342" s="162"/>
      <c r="BT342" s="162"/>
      <c r="BU342" s="162"/>
      <c r="BV342" s="162"/>
      <c r="BW342" s="162"/>
      <c r="BX342" s="162"/>
      <c r="BY342" s="162"/>
      <c r="BZ342" s="162"/>
      <c r="CA342" s="162"/>
      <c r="CB342" s="162"/>
      <c r="CC342" s="162"/>
      <c r="CD342" s="162"/>
      <c r="CE342" s="162"/>
      <c r="CF342" s="162"/>
      <c r="CG342" s="162"/>
      <c r="CH342" s="162"/>
      <c r="CI342" s="162"/>
      <c r="CJ342" s="162"/>
      <c r="CK342" s="162"/>
      <c r="CX342" s="98"/>
      <c r="DL342" s="97"/>
      <c r="DX342" s="98"/>
      <c r="EL342" s="97"/>
      <c r="EX342" s="98"/>
      <c r="EY342" s="97"/>
      <c r="FL342" s="126"/>
      <c r="FM342" s="91"/>
      <c r="FN342" s="91"/>
      <c r="FO342" s="91"/>
      <c r="FP342" s="91"/>
      <c r="FQ342" s="91"/>
      <c r="FR342" s="91"/>
      <c r="FS342" s="91"/>
      <c r="FT342" s="91"/>
      <c r="FU342" s="91"/>
      <c r="FV342" s="91"/>
      <c r="FW342" s="91"/>
      <c r="FX342" s="91"/>
      <c r="FY342" s="91"/>
      <c r="FZ342" s="91"/>
      <c r="GA342" s="91"/>
      <c r="GB342" s="91"/>
      <c r="GC342" s="91"/>
      <c r="GD342" s="91"/>
      <c r="GE342" s="91"/>
      <c r="GF342" s="91"/>
      <c r="GG342" s="91"/>
      <c r="GH342" s="91"/>
      <c r="GI342" s="91"/>
      <c r="GJ342" s="91"/>
      <c r="GK342" s="127"/>
      <c r="GL342" s="126"/>
      <c r="GM342" s="91"/>
      <c r="GN342" s="91"/>
      <c r="GO342" s="91"/>
      <c r="GP342" s="91"/>
      <c r="GQ342" s="91"/>
      <c r="GR342" s="91"/>
      <c r="GS342" s="91"/>
      <c r="GT342" s="91"/>
      <c r="GU342" s="91"/>
      <c r="GV342" s="91"/>
      <c r="GW342" s="91"/>
      <c r="GX342" s="91"/>
      <c r="GY342" s="91"/>
      <c r="GZ342" s="91"/>
      <c r="HA342" s="91"/>
      <c r="HB342" s="91"/>
      <c r="HC342" s="91"/>
      <c r="HD342" s="91"/>
      <c r="HE342" s="91"/>
      <c r="HF342" s="91"/>
      <c r="HG342" s="91"/>
      <c r="HH342" s="91"/>
      <c r="HI342" s="91"/>
      <c r="HJ342" s="91"/>
      <c r="HK342" s="127"/>
      <c r="HL342" s="126"/>
      <c r="HM342" s="91"/>
      <c r="HN342" s="91"/>
      <c r="HO342" s="91"/>
      <c r="HP342" s="91"/>
      <c r="HQ342" s="91"/>
      <c r="HR342" s="91"/>
      <c r="HS342" s="91"/>
      <c r="HT342" s="91"/>
      <c r="HU342" s="91"/>
      <c r="HV342" s="91"/>
      <c r="HW342" s="91"/>
      <c r="HX342" s="91"/>
      <c r="HY342" s="91"/>
      <c r="HZ342" s="91"/>
      <c r="IA342" s="91"/>
      <c r="IB342" s="91"/>
      <c r="IC342" s="91"/>
      <c r="ID342" s="91"/>
      <c r="IE342" s="91"/>
      <c r="IF342" s="91"/>
      <c r="IG342" s="91"/>
      <c r="IH342" s="91"/>
      <c r="II342" s="91"/>
      <c r="IJ342" s="91"/>
      <c r="IK342" s="127"/>
    </row>
    <row r="343" spans="2:245" x14ac:dyDescent="0.2">
      <c r="B343" s="43"/>
      <c r="C343" s="73"/>
      <c r="D343" s="64"/>
      <c r="E343" s="64"/>
      <c r="F343" s="55"/>
      <c r="G343" s="102"/>
      <c r="H343" s="55"/>
      <c r="I343" s="55"/>
      <c r="J343" s="55"/>
      <c r="K343" s="55"/>
      <c r="L343" s="55"/>
      <c r="M343" s="55"/>
      <c r="N343" s="55"/>
      <c r="O343" s="55"/>
      <c r="P343" s="55"/>
      <c r="Q343" s="55"/>
      <c r="R343" s="55"/>
      <c r="S343" s="55"/>
      <c r="T343" s="55"/>
      <c r="U343" s="55"/>
      <c r="V343" s="55"/>
      <c r="W343" s="55"/>
      <c r="X343" s="55"/>
      <c r="Y343" s="55"/>
      <c r="Z343" s="55"/>
      <c r="AA343" s="55"/>
      <c r="AB343" s="55"/>
      <c r="AC343" s="55"/>
      <c r="AD343" s="55"/>
      <c r="AE343" s="55"/>
      <c r="AF343" s="55"/>
      <c r="AG343" s="55"/>
      <c r="AY343" s="162"/>
      <c r="AZ343" s="162"/>
      <c r="BA343" s="162"/>
      <c r="BB343" s="162"/>
      <c r="BC343" s="162"/>
      <c r="BD343" s="162"/>
      <c r="BE343" s="162"/>
      <c r="BF343" s="162"/>
      <c r="BG343" s="162"/>
      <c r="BH343" s="162"/>
      <c r="BI343" s="162"/>
      <c r="BJ343" s="162"/>
      <c r="BK343" s="162"/>
      <c r="BL343" s="162"/>
      <c r="BM343" s="162"/>
      <c r="BN343" s="162"/>
      <c r="BO343" s="162"/>
      <c r="BP343" s="162"/>
      <c r="BQ343" s="162"/>
      <c r="BR343" s="162"/>
      <c r="BS343" s="162"/>
      <c r="BT343" s="162"/>
      <c r="BU343" s="162"/>
      <c r="BV343" s="162"/>
      <c r="BW343" s="162"/>
      <c r="BX343" s="162"/>
      <c r="BY343" s="162"/>
      <c r="BZ343" s="162"/>
      <c r="CA343" s="162"/>
      <c r="CB343" s="162"/>
      <c r="CC343" s="162"/>
      <c r="CD343" s="162"/>
      <c r="CE343" s="162"/>
      <c r="CF343" s="162"/>
      <c r="CG343" s="162"/>
      <c r="CH343" s="162"/>
      <c r="CI343" s="162"/>
      <c r="CJ343" s="162"/>
      <c r="CK343" s="162"/>
      <c r="CX343" s="98"/>
      <c r="DL343" s="97"/>
      <c r="DX343" s="98"/>
      <c r="EL343" s="97"/>
      <c r="EX343" s="98"/>
      <c r="EY343" s="97"/>
      <c r="FL343" s="126"/>
      <c r="FM343" s="91"/>
      <c r="FN343" s="91"/>
      <c r="FO343" s="91"/>
      <c r="FP343" s="91"/>
      <c r="FQ343" s="91"/>
      <c r="FR343" s="91"/>
      <c r="FS343" s="91"/>
      <c r="FT343" s="91"/>
      <c r="FU343" s="91"/>
      <c r="FV343" s="91"/>
      <c r="FW343" s="91"/>
      <c r="FX343" s="91"/>
      <c r="FY343" s="91"/>
      <c r="FZ343" s="91"/>
      <c r="GA343" s="91"/>
      <c r="GB343" s="91"/>
      <c r="GC343" s="91"/>
      <c r="GD343" s="91"/>
      <c r="GE343" s="91"/>
      <c r="GF343" s="91"/>
      <c r="GG343" s="91"/>
      <c r="GH343" s="91"/>
      <c r="GI343" s="91"/>
      <c r="GJ343" s="91"/>
      <c r="GK343" s="127"/>
      <c r="GL343" s="126"/>
      <c r="GM343" s="91"/>
      <c r="GN343" s="91"/>
      <c r="GO343" s="91"/>
      <c r="GP343" s="91"/>
      <c r="GQ343" s="91"/>
      <c r="GR343" s="91"/>
      <c r="GS343" s="91"/>
      <c r="GT343" s="91"/>
      <c r="GU343" s="91"/>
      <c r="GV343" s="91"/>
      <c r="GW343" s="91"/>
      <c r="GX343" s="91"/>
      <c r="GY343" s="91"/>
      <c r="GZ343" s="91"/>
      <c r="HA343" s="91"/>
      <c r="HB343" s="91"/>
      <c r="HC343" s="91"/>
      <c r="HD343" s="91"/>
      <c r="HE343" s="91"/>
      <c r="HF343" s="91"/>
      <c r="HG343" s="91"/>
      <c r="HH343" s="91"/>
      <c r="HI343" s="91"/>
      <c r="HJ343" s="91"/>
      <c r="HK343" s="127"/>
      <c r="HL343" s="126"/>
      <c r="HM343" s="91"/>
      <c r="HN343" s="91"/>
      <c r="HO343" s="91"/>
      <c r="HP343" s="91"/>
      <c r="HQ343" s="91"/>
      <c r="HR343" s="91"/>
      <c r="HS343" s="91"/>
      <c r="HT343" s="91"/>
      <c r="HU343" s="91"/>
      <c r="HV343" s="91"/>
      <c r="HW343" s="91"/>
      <c r="HX343" s="91"/>
      <c r="HY343" s="91"/>
      <c r="HZ343" s="91"/>
      <c r="IA343" s="91"/>
      <c r="IB343" s="91"/>
      <c r="IC343" s="91"/>
      <c r="ID343" s="91"/>
      <c r="IE343" s="91"/>
      <c r="IF343" s="91"/>
      <c r="IG343" s="91"/>
      <c r="IH343" s="91"/>
      <c r="II343" s="91"/>
      <c r="IJ343" s="91"/>
      <c r="IK343" s="127"/>
    </row>
    <row r="344" spans="2:245" x14ac:dyDescent="0.2">
      <c r="B344" s="43"/>
      <c r="C344" s="73"/>
      <c r="D344" s="64"/>
      <c r="E344" s="64"/>
      <c r="F344" s="55"/>
      <c r="G344" s="102"/>
      <c r="H344" s="55"/>
      <c r="I344" s="55"/>
      <c r="J344" s="55"/>
      <c r="K344" s="55"/>
      <c r="L344" s="55"/>
      <c r="M344" s="55"/>
      <c r="N344" s="55"/>
      <c r="O344" s="55"/>
      <c r="P344" s="55"/>
      <c r="Q344" s="55"/>
      <c r="R344" s="55"/>
      <c r="S344" s="55"/>
      <c r="T344" s="55"/>
      <c r="U344" s="55"/>
      <c r="V344" s="55"/>
      <c r="W344" s="55"/>
      <c r="X344" s="55"/>
      <c r="Y344" s="55"/>
      <c r="Z344" s="55"/>
      <c r="AA344" s="55"/>
      <c r="AB344" s="55"/>
      <c r="AC344" s="55"/>
      <c r="AD344" s="55"/>
      <c r="AE344" s="55"/>
      <c r="AF344" s="55"/>
      <c r="AG344" s="55"/>
      <c r="AY344" s="162"/>
      <c r="AZ344" s="162"/>
      <c r="BA344" s="162"/>
      <c r="BB344" s="162"/>
      <c r="BC344" s="162"/>
      <c r="BD344" s="162"/>
      <c r="BE344" s="162"/>
      <c r="BF344" s="162"/>
      <c r="BG344" s="162"/>
      <c r="BH344" s="162"/>
      <c r="BI344" s="162"/>
      <c r="BJ344" s="162"/>
      <c r="BK344" s="162"/>
      <c r="BL344" s="162"/>
      <c r="BM344" s="162"/>
      <c r="BN344" s="162"/>
      <c r="BO344" s="162"/>
      <c r="BP344" s="162"/>
      <c r="BQ344" s="162"/>
      <c r="BR344" s="162"/>
      <c r="BS344" s="162"/>
      <c r="BT344" s="162"/>
      <c r="BU344" s="162"/>
      <c r="BV344" s="162"/>
      <c r="BW344" s="162"/>
      <c r="BX344" s="162"/>
      <c r="BY344" s="162"/>
      <c r="BZ344" s="162"/>
      <c r="CA344" s="162"/>
      <c r="CB344" s="162"/>
      <c r="CC344" s="162"/>
      <c r="CD344" s="162"/>
      <c r="CE344" s="162"/>
      <c r="CF344" s="162"/>
      <c r="CG344" s="162"/>
      <c r="CH344" s="162"/>
      <c r="CI344" s="162"/>
      <c r="CJ344" s="162"/>
      <c r="CK344" s="162"/>
      <c r="CX344" s="98"/>
      <c r="DL344" s="97"/>
      <c r="DX344" s="98"/>
      <c r="EL344" s="97"/>
      <c r="EX344" s="98"/>
      <c r="EY344" s="97"/>
      <c r="FL344" s="126"/>
      <c r="FM344" s="91"/>
      <c r="FN344" s="91"/>
      <c r="FO344" s="91"/>
      <c r="FP344" s="91"/>
      <c r="FQ344" s="91"/>
      <c r="FR344" s="91"/>
      <c r="FS344" s="91"/>
      <c r="FT344" s="91"/>
      <c r="FU344" s="91"/>
      <c r="FV344" s="91"/>
      <c r="FW344" s="91"/>
      <c r="FX344" s="91"/>
      <c r="FY344" s="91"/>
      <c r="FZ344" s="91"/>
      <c r="GA344" s="91"/>
      <c r="GB344" s="91"/>
      <c r="GC344" s="91"/>
      <c r="GD344" s="91"/>
      <c r="GE344" s="91"/>
      <c r="GF344" s="91"/>
      <c r="GG344" s="91"/>
      <c r="GH344" s="91"/>
      <c r="GI344" s="91"/>
      <c r="GJ344" s="91"/>
      <c r="GK344" s="127"/>
      <c r="GL344" s="126"/>
      <c r="GM344" s="91"/>
      <c r="GN344" s="91"/>
      <c r="GO344" s="91"/>
      <c r="GP344" s="91"/>
      <c r="GQ344" s="91"/>
      <c r="GR344" s="91"/>
      <c r="GS344" s="91"/>
      <c r="GT344" s="91"/>
      <c r="GU344" s="91"/>
      <c r="GV344" s="91"/>
      <c r="GW344" s="91"/>
      <c r="GX344" s="91"/>
      <c r="GY344" s="91"/>
      <c r="GZ344" s="91"/>
      <c r="HA344" s="91"/>
      <c r="HB344" s="91"/>
      <c r="HC344" s="91"/>
      <c r="HD344" s="91"/>
      <c r="HE344" s="91"/>
      <c r="HF344" s="91"/>
      <c r="HG344" s="91"/>
      <c r="HH344" s="91"/>
      <c r="HI344" s="91"/>
      <c r="HJ344" s="91"/>
      <c r="HK344" s="127"/>
      <c r="HL344" s="126"/>
      <c r="HM344" s="91"/>
      <c r="HN344" s="91"/>
      <c r="HO344" s="91"/>
      <c r="HP344" s="91"/>
      <c r="HQ344" s="91"/>
      <c r="HR344" s="91"/>
      <c r="HS344" s="91"/>
      <c r="HT344" s="91"/>
      <c r="HU344" s="91"/>
      <c r="HV344" s="91"/>
      <c r="HW344" s="91"/>
      <c r="HX344" s="91"/>
      <c r="HY344" s="91"/>
      <c r="HZ344" s="91"/>
      <c r="IA344" s="91"/>
      <c r="IB344" s="91"/>
      <c r="IC344" s="91"/>
      <c r="ID344" s="91"/>
      <c r="IE344" s="91"/>
      <c r="IF344" s="91"/>
      <c r="IG344" s="91"/>
      <c r="IH344" s="91"/>
      <c r="II344" s="91"/>
      <c r="IJ344" s="91"/>
      <c r="IK344" s="127"/>
    </row>
    <row r="345" spans="2:245" x14ac:dyDescent="0.2">
      <c r="B345" s="43"/>
      <c r="C345" s="73"/>
      <c r="D345" s="64"/>
      <c r="E345" s="64"/>
      <c r="F345" s="55"/>
      <c r="G345" s="102"/>
      <c r="H345" s="55"/>
      <c r="I345" s="55"/>
      <c r="J345" s="55"/>
      <c r="K345" s="55"/>
      <c r="L345" s="55"/>
      <c r="M345" s="55"/>
      <c r="N345" s="55"/>
      <c r="O345" s="55"/>
      <c r="P345" s="55"/>
      <c r="Q345" s="55"/>
      <c r="R345" s="55"/>
      <c r="S345" s="55"/>
      <c r="T345" s="55"/>
      <c r="U345" s="55"/>
      <c r="V345" s="55"/>
      <c r="W345" s="55"/>
      <c r="X345" s="55"/>
      <c r="Y345" s="55"/>
      <c r="Z345" s="55"/>
      <c r="AA345" s="55"/>
      <c r="AB345" s="55"/>
      <c r="AC345" s="55"/>
      <c r="AD345" s="55"/>
      <c r="AE345" s="55"/>
      <c r="AF345" s="55"/>
      <c r="AG345" s="55"/>
      <c r="AY345" s="162"/>
      <c r="AZ345" s="162"/>
      <c r="BA345" s="162"/>
      <c r="BB345" s="162"/>
      <c r="BC345" s="162"/>
      <c r="BD345" s="162"/>
      <c r="BE345" s="162"/>
      <c r="BF345" s="162"/>
      <c r="BG345" s="162"/>
      <c r="BH345" s="162"/>
      <c r="BI345" s="162"/>
      <c r="BJ345" s="162"/>
      <c r="BK345" s="162"/>
      <c r="BL345" s="162"/>
      <c r="BM345" s="162"/>
      <c r="BN345" s="162"/>
      <c r="BO345" s="162"/>
      <c r="BP345" s="162"/>
      <c r="BQ345" s="162"/>
      <c r="BR345" s="162"/>
      <c r="BS345" s="162"/>
      <c r="BT345" s="162"/>
      <c r="BU345" s="162"/>
      <c r="BV345" s="162"/>
      <c r="BW345" s="162"/>
      <c r="BX345" s="162"/>
      <c r="BY345" s="162"/>
      <c r="BZ345" s="162"/>
      <c r="CA345" s="162"/>
      <c r="CB345" s="162"/>
      <c r="CC345" s="162"/>
      <c r="CD345" s="162"/>
      <c r="CE345" s="162"/>
      <c r="CF345" s="162"/>
      <c r="CG345" s="162"/>
      <c r="CH345" s="162"/>
      <c r="CI345" s="162"/>
      <c r="CJ345" s="162"/>
      <c r="CK345" s="162"/>
      <c r="CX345" s="98"/>
      <c r="DL345" s="97"/>
      <c r="DX345" s="98"/>
      <c r="EL345" s="97"/>
      <c r="EX345" s="98"/>
      <c r="EY345" s="97"/>
      <c r="FL345" s="126"/>
      <c r="FM345" s="91"/>
      <c r="FN345" s="91"/>
      <c r="FO345" s="91"/>
      <c r="FP345" s="91"/>
      <c r="FQ345" s="91"/>
      <c r="FR345" s="91"/>
      <c r="FS345" s="91"/>
      <c r="FT345" s="91"/>
      <c r="FU345" s="91"/>
      <c r="FV345" s="91"/>
      <c r="FW345" s="91"/>
      <c r="FX345" s="91"/>
      <c r="FY345" s="91"/>
      <c r="FZ345" s="91"/>
      <c r="GA345" s="91"/>
      <c r="GB345" s="91"/>
      <c r="GC345" s="91"/>
      <c r="GD345" s="91"/>
      <c r="GE345" s="91"/>
      <c r="GF345" s="91"/>
      <c r="GG345" s="91"/>
      <c r="GH345" s="91"/>
      <c r="GI345" s="91"/>
      <c r="GJ345" s="91"/>
      <c r="GK345" s="127"/>
      <c r="GL345" s="126"/>
      <c r="GM345" s="91"/>
      <c r="GN345" s="91"/>
      <c r="GO345" s="91"/>
      <c r="GP345" s="91"/>
      <c r="GQ345" s="91"/>
      <c r="GR345" s="91"/>
      <c r="GS345" s="91"/>
      <c r="GT345" s="91"/>
      <c r="GU345" s="91"/>
      <c r="GV345" s="91"/>
      <c r="GW345" s="91"/>
      <c r="GX345" s="91"/>
      <c r="GY345" s="91"/>
      <c r="GZ345" s="91"/>
      <c r="HA345" s="91"/>
      <c r="HB345" s="91"/>
      <c r="HC345" s="91"/>
      <c r="HD345" s="91"/>
      <c r="HE345" s="91"/>
      <c r="HF345" s="91"/>
      <c r="HG345" s="91"/>
      <c r="HH345" s="91"/>
      <c r="HI345" s="91"/>
      <c r="HJ345" s="91"/>
      <c r="HK345" s="127"/>
      <c r="HL345" s="126"/>
      <c r="HM345" s="91"/>
      <c r="HN345" s="91"/>
      <c r="HO345" s="91"/>
      <c r="HP345" s="91"/>
      <c r="HQ345" s="91"/>
      <c r="HR345" s="91"/>
      <c r="HS345" s="91"/>
      <c r="HT345" s="91"/>
      <c r="HU345" s="91"/>
      <c r="HV345" s="91"/>
      <c r="HW345" s="91"/>
      <c r="HX345" s="91"/>
      <c r="HY345" s="91"/>
      <c r="HZ345" s="91"/>
      <c r="IA345" s="91"/>
      <c r="IB345" s="91"/>
      <c r="IC345" s="91"/>
      <c r="ID345" s="91"/>
      <c r="IE345" s="91"/>
      <c r="IF345" s="91"/>
      <c r="IG345" s="91"/>
      <c r="IH345" s="91"/>
      <c r="II345" s="91"/>
      <c r="IJ345" s="91"/>
      <c r="IK345" s="127"/>
    </row>
    <row r="346" spans="2:245" x14ac:dyDescent="0.2">
      <c r="B346" s="43"/>
      <c r="C346" s="73"/>
      <c r="D346" s="64"/>
      <c r="E346" s="64"/>
      <c r="F346" s="55"/>
      <c r="G346" s="102"/>
      <c r="H346" s="55"/>
      <c r="I346" s="55"/>
      <c r="J346" s="55"/>
      <c r="K346" s="55"/>
      <c r="L346" s="55"/>
      <c r="M346" s="55"/>
      <c r="N346" s="55"/>
      <c r="O346" s="55"/>
      <c r="P346" s="55"/>
      <c r="Q346" s="55"/>
      <c r="R346" s="55"/>
      <c r="S346" s="55"/>
      <c r="T346" s="55"/>
      <c r="U346" s="55"/>
      <c r="V346" s="55"/>
      <c r="W346" s="55"/>
      <c r="X346" s="55"/>
      <c r="Y346" s="55"/>
      <c r="Z346" s="55"/>
      <c r="AA346" s="55"/>
      <c r="AB346" s="55"/>
      <c r="AC346" s="55"/>
      <c r="AD346" s="55"/>
      <c r="AE346" s="55"/>
      <c r="AF346" s="55"/>
      <c r="AG346" s="55"/>
      <c r="AY346" s="162"/>
      <c r="AZ346" s="162"/>
      <c r="BA346" s="162"/>
      <c r="BB346" s="162"/>
      <c r="BC346" s="162"/>
      <c r="BD346" s="162"/>
      <c r="BE346" s="162"/>
      <c r="BF346" s="162"/>
      <c r="BG346" s="162"/>
      <c r="BH346" s="162"/>
      <c r="BI346" s="162"/>
      <c r="BJ346" s="162"/>
      <c r="BK346" s="162"/>
      <c r="BL346" s="162"/>
      <c r="BM346" s="162"/>
      <c r="BN346" s="162"/>
      <c r="BO346" s="162"/>
      <c r="BP346" s="162"/>
      <c r="BQ346" s="162"/>
      <c r="BR346" s="162"/>
      <c r="BS346" s="162"/>
      <c r="BT346" s="162"/>
      <c r="BU346" s="162"/>
      <c r="BV346" s="162"/>
      <c r="BW346" s="162"/>
      <c r="BX346" s="162"/>
      <c r="BY346" s="162"/>
      <c r="BZ346" s="162"/>
      <c r="CA346" s="162"/>
      <c r="CB346" s="162"/>
      <c r="CC346" s="162"/>
      <c r="CD346" s="162"/>
      <c r="CE346" s="162"/>
      <c r="CF346" s="162"/>
      <c r="CG346" s="162"/>
      <c r="CH346" s="162"/>
      <c r="CI346" s="162"/>
      <c r="CJ346" s="162"/>
      <c r="CK346" s="162"/>
      <c r="CX346" s="98"/>
      <c r="DL346" s="97"/>
      <c r="DX346" s="98"/>
      <c r="EL346" s="97"/>
      <c r="EX346" s="98"/>
      <c r="EY346" s="97"/>
      <c r="FL346" s="126"/>
      <c r="FM346" s="91"/>
      <c r="FN346" s="91"/>
      <c r="FO346" s="91"/>
      <c r="FP346" s="91"/>
      <c r="FQ346" s="91"/>
      <c r="FR346" s="91"/>
      <c r="FS346" s="91"/>
      <c r="FT346" s="91"/>
      <c r="FU346" s="91"/>
      <c r="FV346" s="91"/>
      <c r="FW346" s="91"/>
      <c r="FX346" s="91"/>
      <c r="FY346" s="91"/>
      <c r="FZ346" s="91"/>
      <c r="GA346" s="91"/>
      <c r="GB346" s="91"/>
      <c r="GC346" s="91"/>
      <c r="GD346" s="91"/>
      <c r="GE346" s="91"/>
      <c r="GF346" s="91"/>
      <c r="GG346" s="91"/>
      <c r="GH346" s="91"/>
      <c r="GI346" s="91"/>
      <c r="GJ346" s="91"/>
      <c r="GK346" s="127"/>
      <c r="GL346" s="126"/>
      <c r="GM346" s="91"/>
      <c r="GN346" s="91"/>
      <c r="GO346" s="91"/>
      <c r="GP346" s="91"/>
      <c r="GQ346" s="91"/>
      <c r="GR346" s="91"/>
      <c r="GS346" s="91"/>
      <c r="GT346" s="91"/>
      <c r="GU346" s="91"/>
      <c r="GV346" s="91"/>
      <c r="GW346" s="91"/>
      <c r="GX346" s="91"/>
      <c r="GY346" s="91"/>
      <c r="GZ346" s="91"/>
      <c r="HA346" s="91"/>
      <c r="HB346" s="91"/>
      <c r="HC346" s="91"/>
      <c r="HD346" s="91"/>
      <c r="HE346" s="91"/>
      <c r="HF346" s="91"/>
      <c r="HG346" s="91"/>
      <c r="HH346" s="91"/>
      <c r="HI346" s="91"/>
      <c r="HJ346" s="91"/>
      <c r="HK346" s="127"/>
      <c r="HL346" s="126"/>
      <c r="HM346" s="91"/>
      <c r="HN346" s="91"/>
      <c r="HO346" s="91"/>
      <c r="HP346" s="91"/>
      <c r="HQ346" s="91"/>
      <c r="HR346" s="91"/>
      <c r="HS346" s="91"/>
      <c r="HT346" s="91"/>
      <c r="HU346" s="91"/>
      <c r="HV346" s="91"/>
      <c r="HW346" s="91"/>
      <c r="HX346" s="91"/>
      <c r="HY346" s="91"/>
      <c r="HZ346" s="91"/>
      <c r="IA346" s="91"/>
      <c r="IB346" s="91"/>
      <c r="IC346" s="91"/>
      <c r="ID346" s="91"/>
      <c r="IE346" s="91"/>
      <c r="IF346" s="91"/>
      <c r="IG346" s="91"/>
      <c r="IH346" s="91"/>
      <c r="II346" s="91"/>
      <c r="IJ346" s="91"/>
      <c r="IK346" s="127"/>
    </row>
    <row r="347" spans="2:245" x14ac:dyDescent="0.2">
      <c r="B347" s="43"/>
      <c r="C347" s="73"/>
      <c r="D347" s="64"/>
      <c r="E347" s="64"/>
      <c r="F347" s="55"/>
      <c r="G347" s="102"/>
      <c r="H347" s="55"/>
      <c r="I347" s="55"/>
      <c r="J347" s="55"/>
      <c r="K347" s="55"/>
      <c r="L347" s="55"/>
      <c r="M347" s="55"/>
      <c r="N347" s="55"/>
      <c r="O347" s="55"/>
      <c r="P347" s="55"/>
      <c r="Q347" s="55"/>
      <c r="R347" s="55"/>
      <c r="S347" s="55"/>
      <c r="T347" s="55"/>
      <c r="U347" s="55"/>
      <c r="V347" s="55"/>
      <c r="W347" s="55"/>
      <c r="X347" s="55"/>
      <c r="Y347" s="55"/>
      <c r="Z347" s="55"/>
      <c r="AA347" s="55"/>
      <c r="AB347" s="55"/>
      <c r="AC347" s="55"/>
      <c r="AD347" s="55"/>
      <c r="AE347" s="55"/>
      <c r="AF347" s="55"/>
      <c r="AG347" s="55"/>
      <c r="AY347" s="162"/>
      <c r="AZ347" s="162"/>
      <c r="BA347" s="162"/>
      <c r="BB347" s="162"/>
      <c r="BC347" s="162"/>
      <c r="BD347" s="162"/>
      <c r="BE347" s="162"/>
      <c r="BF347" s="162"/>
      <c r="BG347" s="162"/>
      <c r="BH347" s="162"/>
      <c r="BI347" s="162"/>
      <c r="BJ347" s="162"/>
      <c r="BK347" s="162"/>
      <c r="BL347" s="162"/>
      <c r="BM347" s="162"/>
      <c r="BN347" s="162"/>
      <c r="BO347" s="162"/>
      <c r="BP347" s="162"/>
      <c r="BQ347" s="162"/>
      <c r="BR347" s="162"/>
      <c r="BS347" s="162"/>
      <c r="BT347" s="162"/>
      <c r="BU347" s="162"/>
      <c r="BV347" s="162"/>
      <c r="BW347" s="162"/>
      <c r="BX347" s="162"/>
      <c r="BY347" s="162"/>
      <c r="BZ347" s="162"/>
      <c r="CA347" s="162"/>
      <c r="CB347" s="162"/>
      <c r="CC347" s="162"/>
      <c r="CD347" s="162"/>
      <c r="CE347" s="162"/>
      <c r="CF347" s="162"/>
      <c r="CG347" s="162"/>
      <c r="CH347" s="162"/>
      <c r="CI347" s="162"/>
      <c r="CJ347" s="162"/>
      <c r="CK347" s="162"/>
      <c r="CX347" s="98"/>
      <c r="DL347" s="97"/>
      <c r="DX347" s="98"/>
      <c r="EL347" s="97"/>
      <c r="EX347" s="98"/>
      <c r="EY347" s="97"/>
      <c r="FL347" s="126"/>
      <c r="FM347" s="91"/>
      <c r="FN347" s="91"/>
      <c r="FO347" s="91"/>
      <c r="FP347" s="91"/>
      <c r="FQ347" s="91"/>
      <c r="FR347" s="91"/>
      <c r="FS347" s="91"/>
      <c r="FT347" s="91"/>
      <c r="FU347" s="91"/>
      <c r="FV347" s="91"/>
      <c r="FW347" s="91"/>
      <c r="FX347" s="91"/>
      <c r="FY347" s="91"/>
      <c r="FZ347" s="91"/>
      <c r="GA347" s="91"/>
      <c r="GB347" s="91"/>
      <c r="GC347" s="91"/>
      <c r="GD347" s="91"/>
      <c r="GE347" s="91"/>
      <c r="GF347" s="91"/>
      <c r="GG347" s="91"/>
      <c r="GH347" s="91"/>
      <c r="GI347" s="91"/>
      <c r="GJ347" s="91"/>
      <c r="GK347" s="127"/>
      <c r="GL347" s="126"/>
      <c r="GM347" s="91"/>
      <c r="GN347" s="91"/>
      <c r="GO347" s="91"/>
      <c r="GP347" s="91"/>
      <c r="GQ347" s="91"/>
      <c r="GR347" s="91"/>
      <c r="GS347" s="91"/>
      <c r="GT347" s="91"/>
      <c r="GU347" s="91"/>
      <c r="GV347" s="91"/>
      <c r="GW347" s="91"/>
      <c r="GX347" s="91"/>
      <c r="GY347" s="91"/>
      <c r="GZ347" s="91"/>
      <c r="HA347" s="91"/>
      <c r="HB347" s="91"/>
      <c r="HC347" s="91"/>
      <c r="HD347" s="91"/>
      <c r="HE347" s="91"/>
      <c r="HF347" s="91"/>
      <c r="HG347" s="91"/>
      <c r="HH347" s="91"/>
      <c r="HI347" s="91"/>
      <c r="HJ347" s="91"/>
      <c r="HK347" s="127"/>
      <c r="HL347" s="126"/>
      <c r="HM347" s="91"/>
      <c r="HN347" s="91"/>
      <c r="HO347" s="91"/>
      <c r="HP347" s="91"/>
      <c r="HQ347" s="91"/>
      <c r="HR347" s="91"/>
      <c r="HS347" s="91"/>
      <c r="HT347" s="91"/>
      <c r="HU347" s="91"/>
      <c r="HV347" s="91"/>
      <c r="HW347" s="91"/>
      <c r="HX347" s="91"/>
      <c r="HY347" s="91"/>
      <c r="HZ347" s="91"/>
      <c r="IA347" s="91"/>
      <c r="IB347" s="91"/>
      <c r="IC347" s="91"/>
      <c r="ID347" s="91"/>
      <c r="IE347" s="91"/>
      <c r="IF347" s="91"/>
      <c r="IG347" s="91"/>
      <c r="IH347" s="91"/>
      <c r="II347" s="91"/>
      <c r="IJ347" s="91"/>
      <c r="IK347" s="127"/>
    </row>
    <row r="348" spans="2:245" x14ac:dyDescent="0.2">
      <c r="B348" s="43"/>
      <c r="C348" s="73"/>
      <c r="D348" s="64"/>
      <c r="E348" s="64"/>
      <c r="F348" s="55"/>
      <c r="G348" s="102"/>
      <c r="H348" s="55"/>
      <c r="I348" s="55"/>
      <c r="J348" s="55"/>
      <c r="K348" s="55"/>
      <c r="L348" s="55"/>
      <c r="M348" s="55"/>
      <c r="N348" s="55"/>
      <c r="O348" s="55"/>
      <c r="P348" s="55"/>
      <c r="Q348" s="55"/>
      <c r="R348" s="55"/>
      <c r="S348" s="55"/>
      <c r="T348" s="55"/>
      <c r="U348" s="55"/>
      <c r="V348" s="55"/>
      <c r="W348" s="55"/>
      <c r="X348" s="55"/>
      <c r="Y348" s="55"/>
      <c r="Z348" s="55"/>
      <c r="AA348" s="55"/>
      <c r="AB348" s="55"/>
      <c r="AC348" s="55"/>
      <c r="AD348" s="55"/>
      <c r="AE348" s="55"/>
      <c r="AF348" s="55"/>
      <c r="AG348" s="55"/>
      <c r="AY348" s="162"/>
      <c r="AZ348" s="162"/>
      <c r="BA348" s="162"/>
      <c r="BB348" s="162"/>
      <c r="BC348" s="162"/>
      <c r="BD348" s="162"/>
      <c r="BE348" s="162"/>
      <c r="BF348" s="162"/>
      <c r="BG348" s="162"/>
      <c r="BH348" s="162"/>
      <c r="BI348" s="162"/>
      <c r="BJ348" s="162"/>
      <c r="BK348" s="162"/>
      <c r="BL348" s="162"/>
      <c r="BM348" s="162"/>
      <c r="BN348" s="162"/>
      <c r="BO348" s="162"/>
      <c r="BP348" s="162"/>
      <c r="BQ348" s="162"/>
      <c r="BR348" s="162"/>
      <c r="BS348" s="162"/>
      <c r="BT348" s="162"/>
      <c r="BU348" s="162"/>
      <c r="BV348" s="162"/>
      <c r="BW348" s="162"/>
      <c r="BX348" s="162"/>
      <c r="BY348" s="162"/>
      <c r="BZ348" s="162"/>
      <c r="CA348" s="162"/>
      <c r="CB348" s="162"/>
      <c r="CC348" s="162"/>
      <c r="CD348" s="162"/>
      <c r="CE348" s="162"/>
      <c r="CF348" s="162"/>
      <c r="CG348" s="162"/>
      <c r="CH348" s="162"/>
      <c r="CI348" s="162"/>
      <c r="CJ348" s="162"/>
      <c r="CK348" s="162"/>
      <c r="CX348" s="98"/>
      <c r="DL348" s="97"/>
      <c r="DX348" s="98"/>
      <c r="EL348" s="97"/>
      <c r="EX348" s="98"/>
      <c r="EY348" s="97"/>
      <c r="FL348" s="126"/>
      <c r="FM348" s="91"/>
      <c r="FN348" s="91"/>
      <c r="FO348" s="91"/>
      <c r="FP348" s="91"/>
      <c r="FQ348" s="91"/>
      <c r="FR348" s="91"/>
      <c r="FS348" s="91"/>
      <c r="FT348" s="91"/>
      <c r="FU348" s="91"/>
      <c r="FV348" s="91"/>
      <c r="FW348" s="91"/>
      <c r="FX348" s="91"/>
      <c r="FY348" s="91"/>
      <c r="FZ348" s="91"/>
      <c r="GA348" s="91"/>
      <c r="GB348" s="91"/>
      <c r="GC348" s="91"/>
      <c r="GD348" s="91"/>
      <c r="GE348" s="91"/>
      <c r="GF348" s="91"/>
      <c r="GG348" s="91"/>
      <c r="GH348" s="91"/>
      <c r="GI348" s="91"/>
      <c r="GJ348" s="91"/>
      <c r="GK348" s="127"/>
      <c r="GL348" s="126"/>
      <c r="GM348" s="91"/>
      <c r="GN348" s="91"/>
      <c r="GO348" s="91"/>
      <c r="GP348" s="91"/>
      <c r="GQ348" s="91"/>
      <c r="GR348" s="91"/>
      <c r="GS348" s="91"/>
      <c r="GT348" s="91"/>
      <c r="GU348" s="91"/>
      <c r="GV348" s="91"/>
      <c r="GW348" s="91"/>
      <c r="GX348" s="91"/>
      <c r="GY348" s="91"/>
      <c r="GZ348" s="91"/>
      <c r="HA348" s="91"/>
      <c r="HB348" s="91"/>
      <c r="HC348" s="91"/>
      <c r="HD348" s="91"/>
      <c r="HE348" s="91"/>
      <c r="HF348" s="91"/>
      <c r="HG348" s="91"/>
      <c r="HH348" s="91"/>
      <c r="HI348" s="91"/>
      <c r="HJ348" s="91"/>
      <c r="HK348" s="127"/>
      <c r="HL348" s="126"/>
      <c r="HM348" s="91"/>
      <c r="HN348" s="91"/>
      <c r="HO348" s="91"/>
      <c r="HP348" s="91"/>
      <c r="HQ348" s="91"/>
      <c r="HR348" s="91"/>
      <c r="HS348" s="91"/>
      <c r="HT348" s="91"/>
      <c r="HU348" s="91"/>
      <c r="HV348" s="91"/>
      <c r="HW348" s="91"/>
      <c r="HX348" s="91"/>
      <c r="HY348" s="91"/>
      <c r="HZ348" s="91"/>
      <c r="IA348" s="91"/>
      <c r="IB348" s="91"/>
      <c r="IC348" s="91"/>
      <c r="ID348" s="91"/>
      <c r="IE348" s="91"/>
      <c r="IF348" s="91"/>
      <c r="IG348" s="91"/>
      <c r="IH348" s="91"/>
      <c r="II348" s="91"/>
      <c r="IJ348" s="91"/>
      <c r="IK348" s="127"/>
    </row>
    <row r="349" spans="2:245" x14ac:dyDescent="0.2">
      <c r="B349" s="43"/>
      <c r="C349" s="73"/>
      <c r="D349" s="64"/>
      <c r="E349" s="64"/>
      <c r="F349" s="55"/>
      <c r="G349" s="102"/>
      <c r="H349" s="55"/>
      <c r="I349" s="55"/>
      <c r="J349" s="55"/>
      <c r="K349" s="55"/>
      <c r="L349" s="55"/>
      <c r="M349" s="55"/>
      <c r="N349" s="55"/>
      <c r="O349" s="55"/>
      <c r="P349" s="55"/>
      <c r="Q349" s="55"/>
      <c r="R349" s="55"/>
      <c r="S349" s="55"/>
      <c r="T349" s="55"/>
      <c r="U349" s="55"/>
      <c r="V349" s="55"/>
      <c r="W349" s="55"/>
      <c r="X349" s="55"/>
      <c r="Y349" s="55"/>
      <c r="Z349" s="55"/>
      <c r="AA349" s="55"/>
      <c r="AB349" s="55"/>
      <c r="AC349" s="55"/>
      <c r="AD349" s="55"/>
      <c r="AE349" s="55"/>
      <c r="AF349" s="55"/>
      <c r="AG349" s="55"/>
      <c r="AY349" s="162"/>
      <c r="AZ349" s="162"/>
      <c r="BA349" s="162"/>
      <c r="BB349" s="162"/>
      <c r="BC349" s="162"/>
      <c r="BD349" s="162"/>
      <c r="BE349" s="162"/>
      <c r="BF349" s="162"/>
      <c r="BG349" s="162"/>
      <c r="BH349" s="162"/>
      <c r="BI349" s="162"/>
      <c r="BJ349" s="162"/>
      <c r="BK349" s="162"/>
      <c r="BL349" s="162"/>
      <c r="BM349" s="162"/>
      <c r="BN349" s="162"/>
      <c r="BO349" s="162"/>
      <c r="BP349" s="162"/>
      <c r="BQ349" s="162"/>
      <c r="BR349" s="162"/>
      <c r="BS349" s="162"/>
      <c r="BT349" s="162"/>
      <c r="BU349" s="162"/>
      <c r="BV349" s="162"/>
      <c r="BW349" s="162"/>
      <c r="BX349" s="162"/>
      <c r="BY349" s="162"/>
      <c r="BZ349" s="162"/>
      <c r="CA349" s="162"/>
      <c r="CB349" s="162"/>
      <c r="CC349" s="162"/>
      <c r="CD349" s="162"/>
      <c r="CE349" s="162"/>
      <c r="CF349" s="162"/>
      <c r="CG349" s="162"/>
      <c r="CH349" s="162"/>
      <c r="CI349" s="162"/>
      <c r="CJ349" s="162"/>
      <c r="CK349" s="162"/>
      <c r="CX349" s="98"/>
      <c r="DL349" s="97"/>
      <c r="DX349" s="98"/>
      <c r="EL349" s="97"/>
      <c r="EX349" s="98"/>
      <c r="EY349" s="97"/>
      <c r="FL349" s="126"/>
      <c r="FM349" s="91"/>
      <c r="FN349" s="91"/>
      <c r="FO349" s="91"/>
      <c r="FP349" s="91"/>
      <c r="FQ349" s="91"/>
      <c r="FR349" s="91"/>
      <c r="FS349" s="91"/>
      <c r="FT349" s="91"/>
      <c r="FU349" s="91"/>
      <c r="FV349" s="91"/>
      <c r="FW349" s="91"/>
      <c r="FX349" s="91"/>
      <c r="FY349" s="91"/>
      <c r="FZ349" s="91"/>
      <c r="GA349" s="91"/>
      <c r="GB349" s="91"/>
      <c r="GC349" s="91"/>
      <c r="GD349" s="91"/>
      <c r="GE349" s="91"/>
      <c r="GF349" s="91"/>
      <c r="GG349" s="91"/>
      <c r="GH349" s="91"/>
      <c r="GI349" s="91"/>
      <c r="GJ349" s="91"/>
      <c r="GK349" s="127"/>
      <c r="GL349" s="126"/>
      <c r="GM349" s="91"/>
      <c r="GN349" s="91"/>
      <c r="GO349" s="91"/>
      <c r="GP349" s="91"/>
      <c r="GQ349" s="91"/>
      <c r="GR349" s="91"/>
      <c r="GS349" s="91"/>
      <c r="GT349" s="91"/>
      <c r="GU349" s="91"/>
      <c r="GV349" s="91"/>
      <c r="GW349" s="91"/>
      <c r="GX349" s="91"/>
      <c r="GY349" s="91"/>
      <c r="GZ349" s="91"/>
      <c r="HA349" s="91"/>
      <c r="HB349" s="91"/>
      <c r="HC349" s="91"/>
      <c r="HD349" s="91"/>
      <c r="HE349" s="91"/>
      <c r="HF349" s="91"/>
      <c r="HG349" s="91"/>
      <c r="HH349" s="91"/>
      <c r="HI349" s="91"/>
      <c r="HJ349" s="91"/>
      <c r="HK349" s="127"/>
      <c r="HL349" s="126"/>
      <c r="HM349" s="91"/>
      <c r="HN349" s="91"/>
      <c r="HO349" s="91"/>
      <c r="HP349" s="91"/>
      <c r="HQ349" s="91"/>
      <c r="HR349" s="91"/>
      <c r="HS349" s="91"/>
      <c r="HT349" s="91"/>
      <c r="HU349" s="91"/>
      <c r="HV349" s="91"/>
      <c r="HW349" s="91"/>
      <c r="HX349" s="91"/>
      <c r="HY349" s="91"/>
      <c r="HZ349" s="91"/>
      <c r="IA349" s="91"/>
      <c r="IB349" s="91"/>
      <c r="IC349" s="91"/>
      <c r="ID349" s="91"/>
      <c r="IE349" s="91"/>
      <c r="IF349" s="91"/>
      <c r="IG349" s="91"/>
      <c r="IH349" s="91"/>
      <c r="II349" s="91"/>
      <c r="IJ349" s="91"/>
      <c r="IK349" s="127"/>
    </row>
    <row r="350" spans="2:245" x14ac:dyDescent="0.2">
      <c r="B350" s="43"/>
      <c r="C350" s="73"/>
      <c r="D350" s="64"/>
      <c r="E350" s="64"/>
      <c r="F350" s="55"/>
      <c r="G350" s="102"/>
      <c r="H350" s="55"/>
      <c r="I350" s="55"/>
      <c r="J350" s="55"/>
      <c r="K350" s="55"/>
      <c r="L350" s="55"/>
      <c r="M350" s="55"/>
      <c r="N350" s="55"/>
      <c r="O350" s="55"/>
      <c r="P350" s="55"/>
      <c r="Q350" s="55"/>
      <c r="R350" s="55"/>
      <c r="S350" s="55"/>
      <c r="T350" s="55"/>
      <c r="U350" s="55"/>
      <c r="V350" s="55"/>
      <c r="W350" s="55"/>
      <c r="X350" s="55"/>
      <c r="Y350" s="55"/>
      <c r="Z350" s="55"/>
      <c r="AA350" s="55"/>
      <c r="AB350" s="55"/>
      <c r="AC350" s="55"/>
      <c r="AD350" s="55"/>
      <c r="AE350" s="55"/>
      <c r="AF350" s="55"/>
      <c r="AG350" s="55"/>
      <c r="AY350" s="162"/>
      <c r="AZ350" s="162"/>
      <c r="BA350" s="162"/>
      <c r="BB350" s="162"/>
      <c r="BC350" s="162"/>
      <c r="BD350" s="162"/>
      <c r="BE350" s="162"/>
      <c r="BF350" s="162"/>
      <c r="BG350" s="162"/>
      <c r="BH350" s="162"/>
      <c r="BI350" s="162"/>
      <c r="BJ350" s="162"/>
      <c r="BK350" s="162"/>
      <c r="BL350" s="162"/>
      <c r="BM350" s="162"/>
      <c r="BN350" s="162"/>
      <c r="BO350" s="162"/>
      <c r="BP350" s="162"/>
      <c r="BQ350" s="162"/>
      <c r="BR350" s="162"/>
      <c r="BS350" s="162"/>
      <c r="BT350" s="162"/>
      <c r="BU350" s="162"/>
      <c r="BV350" s="162"/>
      <c r="BW350" s="162"/>
      <c r="BX350" s="162"/>
      <c r="BY350" s="162"/>
      <c r="BZ350" s="162"/>
      <c r="CA350" s="162"/>
      <c r="CB350" s="162"/>
      <c r="CC350" s="162"/>
      <c r="CD350" s="162"/>
      <c r="CE350" s="162"/>
      <c r="CF350" s="162"/>
      <c r="CG350" s="162"/>
      <c r="CH350" s="162"/>
      <c r="CI350" s="162"/>
      <c r="CJ350" s="162"/>
      <c r="CK350" s="162"/>
      <c r="CX350" s="98"/>
      <c r="DL350" s="97"/>
      <c r="DX350" s="98"/>
      <c r="EL350" s="97"/>
      <c r="EX350" s="98"/>
      <c r="EY350" s="97"/>
      <c r="FL350" s="126"/>
      <c r="FM350" s="91"/>
      <c r="FN350" s="91"/>
      <c r="FO350" s="91"/>
      <c r="FP350" s="91"/>
      <c r="FQ350" s="91"/>
      <c r="FR350" s="91"/>
      <c r="FS350" s="91"/>
      <c r="FT350" s="91"/>
      <c r="FU350" s="91"/>
      <c r="FV350" s="91"/>
      <c r="FW350" s="91"/>
      <c r="FX350" s="91"/>
      <c r="FY350" s="91"/>
      <c r="FZ350" s="91"/>
      <c r="GA350" s="91"/>
      <c r="GB350" s="91"/>
      <c r="GC350" s="91"/>
      <c r="GD350" s="91"/>
      <c r="GE350" s="91"/>
      <c r="GF350" s="91"/>
      <c r="GG350" s="91"/>
      <c r="GH350" s="91"/>
      <c r="GI350" s="91"/>
      <c r="GJ350" s="91"/>
      <c r="GK350" s="127"/>
      <c r="GL350" s="126"/>
      <c r="GM350" s="91"/>
      <c r="GN350" s="91"/>
      <c r="GO350" s="91"/>
      <c r="GP350" s="91"/>
      <c r="GQ350" s="91"/>
      <c r="GR350" s="91"/>
      <c r="GS350" s="91"/>
      <c r="GT350" s="91"/>
      <c r="GU350" s="91"/>
      <c r="GV350" s="91"/>
      <c r="GW350" s="91"/>
      <c r="GX350" s="91"/>
      <c r="GY350" s="91"/>
      <c r="GZ350" s="91"/>
      <c r="HA350" s="91"/>
      <c r="HB350" s="91"/>
      <c r="HC350" s="91"/>
      <c r="HD350" s="91"/>
      <c r="HE350" s="91"/>
      <c r="HF350" s="91"/>
      <c r="HG350" s="91"/>
      <c r="HH350" s="91"/>
      <c r="HI350" s="91"/>
      <c r="HJ350" s="91"/>
      <c r="HK350" s="127"/>
      <c r="HL350" s="126"/>
      <c r="HM350" s="91"/>
      <c r="HN350" s="91"/>
      <c r="HO350" s="91"/>
      <c r="HP350" s="91"/>
      <c r="HQ350" s="91"/>
      <c r="HR350" s="91"/>
      <c r="HS350" s="91"/>
      <c r="HT350" s="91"/>
      <c r="HU350" s="91"/>
      <c r="HV350" s="91"/>
      <c r="HW350" s="91"/>
      <c r="HX350" s="91"/>
      <c r="HY350" s="91"/>
      <c r="HZ350" s="91"/>
      <c r="IA350" s="91"/>
      <c r="IB350" s="91"/>
      <c r="IC350" s="91"/>
      <c r="ID350" s="91"/>
      <c r="IE350" s="91"/>
      <c r="IF350" s="91"/>
      <c r="IG350" s="91"/>
      <c r="IH350" s="91"/>
      <c r="II350" s="91"/>
      <c r="IJ350" s="91"/>
      <c r="IK350" s="127"/>
    </row>
    <row r="351" spans="2:245" x14ac:dyDescent="0.2">
      <c r="B351" s="43"/>
      <c r="C351" s="73"/>
      <c r="D351" s="64"/>
      <c r="E351" s="64"/>
      <c r="F351" s="55"/>
      <c r="G351" s="102"/>
      <c r="H351" s="55"/>
      <c r="I351" s="55"/>
      <c r="J351" s="55"/>
      <c r="K351" s="55"/>
      <c r="L351" s="55"/>
      <c r="M351" s="55"/>
      <c r="N351" s="55"/>
      <c r="O351" s="55"/>
      <c r="P351" s="55"/>
      <c r="Q351" s="55"/>
      <c r="R351" s="55"/>
      <c r="S351" s="55"/>
      <c r="T351" s="55"/>
      <c r="U351" s="55"/>
      <c r="V351" s="55"/>
      <c r="W351" s="55"/>
      <c r="X351" s="55"/>
      <c r="Y351" s="55"/>
      <c r="Z351" s="55"/>
      <c r="AA351" s="55"/>
      <c r="AB351" s="55"/>
      <c r="AC351" s="55"/>
      <c r="AD351" s="55"/>
      <c r="AE351" s="55"/>
      <c r="AF351" s="55"/>
      <c r="AG351" s="55"/>
      <c r="AY351" s="162"/>
      <c r="AZ351" s="162"/>
      <c r="BA351" s="162"/>
      <c r="BB351" s="162"/>
      <c r="BC351" s="162"/>
      <c r="BD351" s="162"/>
      <c r="BE351" s="162"/>
      <c r="BF351" s="162"/>
      <c r="BG351" s="162"/>
      <c r="BH351" s="162"/>
      <c r="BI351" s="162"/>
      <c r="BJ351" s="162"/>
      <c r="BK351" s="162"/>
      <c r="BL351" s="162"/>
      <c r="BM351" s="162"/>
      <c r="BN351" s="162"/>
      <c r="BO351" s="162"/>
      <c r="BP351" s="162"/>
      <c r="BQ351" s="162"/>
      <c r="BR351" s="162"/>
      <c r="BS351" s="162"/>
      <c r="BT351" s="162"/>
      <c r="BU351" s="162"/>
      <c r="BV351" s="162"/>
      <c r="BW351" s="162"/>
      <c r="BX351" s="162"/>
      <c r="BY351" s="162"/>
      <c r="BZ351" s="162"/>
      <c r="CA351" s="162"/>
      <c r="CB351" s="162"/>
      <c r="CC351" s="162"/>
      <c r="CD351" s="162"/>
      <c r="CE351" s="162"/>
      <c r="CF351" s="162"/>
      <c r="CG351" s="162"/>
      <c r="CH351" s="162"/>
      <c r="CI351" s="162"/>
      <c r="CJ351" s="162"/>
      <c r="CK351" s="162"/>
      <c r="CX351" s="98"/>
      <c r="DL351" s="97"/>
      <c r="DX351" s="98"/>
      <c r="EL351" s="97"/>
      <c r="EX351" s="98"/>
      <c r="EY351" s="97"/>
      <c r="FL351" s="126"/>
      <c r="FM351" s="91"/>
      <c r="FN351" s="91"/>
      <c r="FO351" s="91"/>
      <c r="FP351" s="91"/>
      <c r="FQ351" s="91"/>
      <c r="FR351" s="91"/>
      <c r="FS351" s="91"/>
      <c r="FT351" s="91"/>
      <c r="FU351" s="91"/>
      <c r="FV351" s="91"/>
      <c r="FW351" s="91"/>
      <c r="FX351" s="91"/>
      <c r="FY351" s="91"/>
      <c r="FZ351" s="91"/>
      <c r="GA351" s="91"/>
      <c r="GB351" s="91"/>
      <c r="GC351" s="91"/>
      <c r="GD351" s="91"/>
      <c r="GE351" s="91"/>
      <c r="GF351" s="91"/>
      <c r="GG351" s="91"/>
      <c r="GH351" s="91"/>
      <c r="GI351" s="91"/>
      <c r="GJ351" s="91"/>
      <c r="GK351" s="127"/>
      <c r="GL351" s="126"/>
      <c r="GM351" s="91"/>
      <c r="GN351" s="91"/>
      <c r="GO351" s="91"/>
      <c r="GP351" s="91"/>
      <c r="GQ351" s="91"/>
      <c r="GR351" s="91"/>
      <c r="GS351" s="91"/>
      <c r="GT351" s="91"/>
      <c r="GU351" s="91"/>
      <c r="GV351" s="91"/>
      <c r="GW351" s="91"/>
      <c r="GX351" s="91"/>
      <c r="GY351" s="91"/>
      <c r="GZ351" s="91"/>
      <c r="HA351" s="91"/>
      <c r="HB351" s="91"/>
      <c r="HC351" s="91"/>
      <c r="HD351" s="91"/>
      <c r="HE351" s="91"/>
      <c r="HF351" s="91"/>
      <c r="HG351" s="91"/>
      <c r="HH351" s="91"/>
      <c r="HI351" s="91"/>
      <c r="HJ351" s="91"/>
      <c r="HK351" s="127"/>
      <c r="HL351" s="126"/>
      <c r="HM351" s="91"/>
      <c r="HN351" s="91"/>
      <c r="HO351" s="91"/>
      <c r="HP351" s="91"/>
      <c r="HQ351" s="91"/>
      <c r="HR351" s="91"/>
      <c r="HS351" s="91"/>
      <c r="HT351" s="91"/>
      <c r="HU351" s="91"/>
      <c r="HV351" s="91"/>
      <c r="HW351" s="91"/>
      <c r="HX351" s="91"/>
      <c r="HY351" s="91"/>
      <c r="HZ351" s="91"/>
      <c r="IA351" s="91"/>
      <c r="IB351" s="91"/>
      <c r="IC351" s="91"/>
      <c r="ID351" s="91"/>
      <c r="IE351" s="91"/>
      <c r="IF351" s="91"/>
      <c r="IG351" s="91"/>
      <c r="IH351" s="91"/>
      <c r="II351" s="91"/>
      <c r="IJ351" s="91"/>
      <c r="IK351" s="127"/>
    </row>
    <row r="352" spans="2:245" x14ac:dyDescent="0.2">
      <c r="B352" s="43"/>
      <c r="C352" s="73"/>
      <c r="D352" s="64"/>
      <c r="E352" s="64"/>
      <c r="F352" s="55"/>
      <c r="G352" s="102"/>
      <c r="H352" s="55"/>
      <c r="I352" s="55"/>
      <c r="J352" s="55"/>
      <c r="K352" s="55"/>
      <c r="L352" s="55"/>
      <c r="M352" s="55"/>
      <c r="N352" s="55"/>
      <c r="O352" s="55"/>
      <c r="P352" s="55"/>
      <c r="Q352" s="55"/>
      <c r="R352" s="55"/>
      <c r="S352" s="55"/>
      <c r="T352" s="55"/>
      <c r="U352" s="55"/>
      <c r="V352" s="55"/>
      <c r="W352" s="55"/>
      <c r="X352" s="55"/>
      <c r="Y352" s="55"/>
      <c r="Z352" s="55"/>
      <c r="AA352" s="55"/>
      <c r="AB352" s="55"/>
      <c r="AC352" s="55"/>
      <c r="AD352" s="55"/>
      <c r="AE352" s="55"/>
      <c r="AF352" s="55"/>
      <c r="AG352" s="55"/>
      <c r="AY352" s="162"/>
      <c r="AZ352" s="162"/>
      <c r="BA352" s="162"/>
      <c r="BB352" s="162"/>
      <c r="BC352" s="162"/>
      <c r="BD352" s="162"/>
      <c r="BE352" s="162"/>
      <c r="BF352" s="162"/>
      <c r="BG352" s="162"/>
      <c r="BH352" s="162"/>
      <c r="BI352" s="162"/>
      <c r="BJ352" s="162"/>
      <c r="BK352" s="162"/>
      <c r="BL352" s="162"/>
      <c r="BM352" s="162"/>
      <c r="BN352" s="162"/>
      <c r="BO352" s="162"/>
      <c r="BP352" s="162"/>
      <c r="BQ352" s="162"/>
      <c r="BR352" s="162"/>
      <c r="BS352" s="162"/>
      <c r="BT352" s="162"/>
      <c r="BU352" s="162"/>
      <c r="BV352" s="162"/>
      <c r="BW352" s="162"/>
      <c r="BX352" s="162"/>
      <c r="BY352" s="162"/>
      <c r="BZ352" s="162"/>
      <c r="CA352" s="162"/>
      <c r="CB352" s="162"/>
      <c r="CC352" s="162"/>
      <c r="CD352" s="162"/>
      <c r="CE352" s="162"/>
      <c r="CF352" s="162"/>
      <c r="CG352" s="162"/>
      <c r="CH352" s="162"/>
      <c r="CI352" s="162"/>
      <c r="CJ352" s="162"/>
      <c r="CK352" s="162"/>
      <c r="CX352" s="98"/>
      <c r="DL352" s="97"/>
      <c r="DX352" s="98"/>
      <c r="EL352" s="97"/>
      <c r="EX352" s="98"/>
      <c r="EY352" s="97"/>
      <c r="FL352" s="126"/>
      <c r="FM352" s="91"/>
      <c r="FN352" s="91"/>
      <c r="FO352" s="91"/>
      <c r="FP352" s="91"/>
      <c r="FQ352" s="91"/>
      <c r="FR352" s="91"/>
      <c r="FS352" s="91"/>
      <c r="FT352" s="91"/>
      <c r="FU352" s="91"/>
      <c r="FV352" s="91"/>
      <c r="FW352" s="91"/>
      <c r="FX352" s="91"/>
      <c r="FY352" s="91"/>
      <c r="FZ352" s="91"/>
      <c r="GA352" s="91"/>
      <c r="GB352" s="91"/>
      <c r="GC352" s="91"/>
      <c r="GD352" s="91"/>
      <c r="GE352" s="91"/>
      <c r="GF352" s="91"/>
      <c r="GG352" s="91"/>
      <c r="GH352" s="91"/>
      <c r="GI352" s="91"/>
      <c r="GJ352" s="91"/>
      <c r="GK352" s="127"/>
      <c r="GL352" s="126"/>
      <c r="GM352" s="91"/>
      <c r="GN352" s="91"/>
      <c r="GO352" s="91"/>
      <c r="GP352" s="91"/>
      <c r="GQ352" s="91"/>
      <c r="GR352" s="91"/>
      <c r="GS352" s="91"/>
      <c r="GT352" s="91"/>
      <c r="GU352" s="91"/>
      <c r="GV352" s="91"/>
      <c r="GW352" s="91"/>
      <c r="GX352" s="91"/>
      <c r="GY352" s="91"/>
      <c r="GZ352" s="91"/>
      <c r="HA352" s="91"/>
      <c r="HB352" s="91"/>
      <c r="HC352" s="91"/>
      <c r="HD352" s="91"/>
      <c r="HE352" s="91"/>
      <c r="HF352" s="91"/>
      <c r="HG352" s="91"/>
      <c r="HH352" s="91"/>
      <c r="HI352" s="91"/>
      <c r="HJ352" s="91"/>
      <c r="HK352" s="127"/>
      <c r="HL352" s="126"/>
      <c r="HM352" s="91"/>
      <c r="HN352" s="91"/>
      <c r="HO352" s="91"/>
      <c r="HP352" s="91"/>
      <c r="HQ352" s="91"/>
      <c r="HR352" s="91"/>
      <c r="HS352" s="91"/>
      <c r="HT352" s="91"/>
      <c r="HU352" s="91"/>
      <c r="HV352" s="91"/>
      <c r="HW352" s="91"/>
      <c r="HX352" s="91"/>
      <c r="HY352" s="91"/>
      <c r="HZ352" s="91"/>
      <c r="IA352" s="91"/>
      <c r="IB352" s="91"/>
      <c r="IC352" s="91"/>
      <c r="ID352" s="91"/>
      <c r="IE352" s="91"/>
      <c r="IF352" s="91"/>
      <c r="IG352" s="91"/>
      <c r="IH352" s="91"/>
      <c r="II352" s="91"/>
      <c r="IJ352" s="91"/>
      <c r="IK352" s="127"/>
    </row>
    <row r="353" spans="2:245" x14ac:dyDescent="0.2">
      <c r="B353" s="43"/>
      <c r="C353" s="73"/>
      <c r="D353" s="64"/>
      <c r="E353" s="64"/>
      <c r="F353" s="55"/>
      <c r="G353" s="102"/>
      <c r="H353" s="55"/>
      <c r="I353" s="55"/>
      <c r="J353" s="55"/>
      <c r="K353" s="55"/>
      <c r="L353" s="55"/>
      <c r="M353" s="55"/>
      <c r="N353" s="55"/>
      <c r="O353" s="55"/>
      <c r="P353" s="55"/>
      <c r="Q353" s="55"/>
      <c r="R353" s="55"/>
      <c r="S353" s="55"/>
      <c r="T353" s="55"/>
      <c r="U353" s="55"/>
      <c r="V353" s="55"/>
      <c r="W353" s="55"/>
      <c r="X353" s="55"/>
      <c r="Y353" s="55"/>
      <c r="Z353" s="55"/>
      <c r="AA353" s="55"/>
      <c r="AB353" s="55"/>
      <c r="AC353" s="55"/>
      <c r="AD353" s="55"/>
      <c r="AE353" s="55"/>
      <c r="AF353" s="55"/>
      <c r="AG353" s="55"/>
      <c r="AY353" s="162"/>
      <c r="AZ353" s="162"/>
      <c r="BA353" s="162"/>
      <c r="BB353" s="162"/>
      <c r="BC353" s="162"/>
      <c r="BD353" s="162"/>
      <c r="BE353" s="162"/>
      <c r="BF353" s="162"/>
      <c r="BG353" s="162"/>
      <c r="BH353" s="162"/>
      <c r="BI353" s="162"/>
      <c r="BJ353" s="162"/>
      <c r="BK353" s="162"/>
      <c r="BL353" s="162"/>
      <c r="BM353" s="162"/>
      <c r="BN353" s="162"/>
      <c r="BO353" s="162"/>
      <c r="BP353" s="162"/>
      <c r="BQ353" s="162"/>
      <c r="BR353" s="162"/>
      <c r="BS353" s="162"/>
      <c r="BT353" s="162"/>
      <c r="BU353" s="162"/>
      <c r="BV353" s="162"/>
      <c r="BW353" s="162"/>
      <c r="BX353" s="162"/>
      <c r="BY353" s="162"/>
      <c r="BZ353" s="162"/>
      <c r="CA353" s="162"/>
      <c r="CB353" s="162"/>
      <c r="CC353" s="162"/>
      <c r="CD353" s="162"/>
      <c r="CE353" s="162"/>
      <c r="CF353" s="162"/>
      <c r="CG353" s="162"/>
      <c r="CH353" s="162"/>
      <c r="CI353" s="162"/>
      <c r="CJ353" s="162"/>
      <c r="CK353" s="162"/>
      <c r="CX353" s="98"/>
      <c r="DL353" s="97"/>
      <c r="DX353" s="98"/>
      <c r="EL353" s="97"/>
      <c r="EX353" s="98"/>
      <c r="EY353" s="97"/>
      <c r="FL353" s="126"/>
      <c r="FM353" s="91"/>
      <c r="FN353" s="91"/>
      <c r="FO353" s="91"/>
      <c r="FP353" s="91"/>
      <c r="FQ353" s="91"/>
      <c r="FR353" s="91"/>
      <c r="FS353" s="91"/>
      <c r="FT353" s="91"/>
      <c r="FU353" s="91"/>
      <c r="FV353" s="91"/>
      <c r="FW353" s="91"/>
      <c r="FX353" s="91"/>
      <c r="FY353" s="91"/>
      <c r="FZ353" s="91"/>
      <c r="GA353" s="91"/>
      <c r="GB353" s="91"/>
      <c r="GC353" s="91"/>
      <c r="GD353" s="91"/>
      <c r="GE353" s="91"/>
      <c r="GF353" s="91"/>
      <c r="GG353" s="91"/>
      <c r="GH353" s="91"/>
      <c r="GI353" s="91"/>
      <c r="GJ353" s="91"/>
      <c r="GK353" s="127"/>
      <c r="GL353" s="126"/>
      <c r="GM353" s="91"/>
      <c r="GN353" s="91"/>
      <c r="GO353" s="91"/>
      <c r="GP353" s="91"/>
      <c r="GQ353" s="91"/>
      <c r="GR353" s="91"/>
      <c r="GS353" s="91"/>
      <c r="GT353" s="91"/>
      <c r="GU353" s="91"/>
      <c r="GV353" s="91"/>
      <c r="GW353" s="91"/>
      <c r="GX353" s="91"/>
      <c r="GY353" s="91"/>
      <c r="GZ353" s="91"/>
      <c r="HA353" s="91"/>
      <c r="HB353" s="91"/>
      <c r="HC353" s="91"/>
      <c r="HD353" s="91"/>
      <c r="HE353" s="91"/>
      <c r="HF353" s="91"/>
      <c r="HG353" s="91"/>
      <c r="HH353" s="91"/>
      <c r="HI353" s="91"/>
      <c r="HJ353" s="91"/>
      <c r="HK353" s="127"/>
      <c r="HL353" s="126"/>
      <c r="HM353" s="91"/>
      <c r="HN353" s="91"/>
      <c r="HO353" s="91"/>
      <c r="HP353" s="91"/>
      <c r="HQ353" s="91"/>
      <c r="HR353" s="91"/>
      <c r="HS353" s="91"/>
      <c r="HT353" s="91"/>
      <c r="HU353" s="91"/>
      <c r="HV353" s="91"/>
      <c r="HW353" s="91"/>
      <c r="HX353" s="91"/>
      <c r="HY353" s="91"/>
      <c r="HZ353" s="91"/>
      <c r="IA353" s="91"/>
      <c r="IB353" s="91"/>
      <c r="IC353" s="91"/>
      <c r="ID353" s="91"/>
      <c r="IE353" s="91"/>
      <c r="IF353" s="91"/>
      <c r="IG353" s="91"/>
      <c r="IH353" s="91"/>
      <c r="II353" s="91"/>
      <c r="IJ353" s="91"/>
      <c r="IK353" s="127"/>
    </row>
    <row r="354" spans="2:245" x14ac:dyDescent="0.2">
      <c r="B354" s="43"/>
      <c r="C354" s="73"/>
      <c r="D354" s="64"/>
      <c r="E354" s="64"/>
      <c r="F354" s="55"/>
      <c r="G354" s="102"/>
      <c r="H354" s="55"/>
      <c r="I354" s="55"/>
      <c r="J354" s="55"/>
      <c r="K354" s="55"/>
      <c r="L354" s="55"/>
      <c r="M354" s="55"/>
      <c r="N354" s="55"/>
      <c r="O354" s="55"/>
      <c r="P354" s="55"/>
      <c r="Q354" s="55"/>
      <c r="R354" s="55"/>
      <c r="S354" s="55"/>
      <c r="T354" s="55"/>
      <c r="U354" s="55"/>
      <c r="V354" s="55"/>
      <c r="W354" s="55"/>
      <c r="X354" s="55"/>
      <c r="Y354" s="55"/>
      <c r="Z354" s="55"/>
      <c r="AA354" s="55"/>
      <c r="AB354" s="55"/>
      <c r="AC354" s="55"/>
      <c r="AD354" s="55"/>
      <c r="AE354" s="55"/>
      <c r="AF354" s="55"/>
      <c r="AG354" s="55"/>
      <c r="AY354" s="162"/>
      <c r="AZ354" s="162"/>
      <c r="BA354" s="162"/>
      <c r="BB354" s="162"/>
      <c r="BC354" s="162"/>
      <c r="BD354" s="162"/>
      <c r="BE354" s="162"/>
      <c r="BF354" s="162"/>
      <c r="BG354" s="162"/>
      <c r="BH354" s="162"/>
      <c r="BI354" s="162"/>
      <c r="BJ354" s="162"/>
      <c r="BK354" s="162"/>
      <c r="BL354" s="162"/>
      <c r="BM354" s="162"/>
      <c r="BN354" s="162"/>
      <c r="BO354" s="162"/>
      <c r="BP354" s="162"/>
      <c r="BQ354" s="162"/>
      <c r="BR354" s="162"/>
      <c r="BS354" s="162"/>
      <c r="BT354" s="162"/>
      <c r="BU354" s="162"/>
      <c r="BV354" s="162"/>
      <c r="BW354" s="162"/>
      <c r="BX354" s="162"/>
      <c r="BY354" s="162"/>
      <c r="BZ354" s="162"/>
      <c r="CA354" s="162"/>
      <c r="CB354" s="162"/>
      <c r="CC354" s="162"/>
      <c r="CD354" s="162"/>
      <c r="CE354" s="162"/>
      <c r="CF354" s="162"/>
      <c r="CG354" s="162"/>
      <c r="CH354" s="162"/>
      <c r="CI354" s="162"/>
      <c r="CJ354" s="162"/>
      <c r="CK354" s="162"/>
      <c r="CX354" s="98"/>
      <c r="DL354" s="97"/>
      <c r="DX354" s="98"/>
      <c r="EL354" s="97"/>
      <c r="EX354" s="98"/>
      <c r="EY354" s="97"/>
      <c r="FL354" s="126"/>
      <c r="FM354" s="91"/>
      <c r="FN354" s="91"/>
      <c r="FO354" s="91"/>
      <c r="FP354" s="91"/>
      <c r="FQ354" s="91"/>
      <c r="FR354" s="91"/>
      <c r="FS354" s="91"/>
      <c r="FT354" s="91"/>
      <c r="FU354" s="91"/>
      <c r="FV354" s="91"/>
      <c r="FW354" s="91"/>
      <c r="FX354" s="91"/>
      <c r="FY354" s="91"/>
      <c r="FZ354" s="91"/>
      <c r="GA354" s="91"/>
      <c r="GB354" s="91"/>
      <c r="GC354" s="91"/>
      <c r="GD354" s="91"/>
      <c r="GE354" s="91"/>
      <c r="GF354" s="91"/>
      <c r="GG354" s="91"/>
      <c r="GH354" s="91"/>
      <c r="GI354" s="91"/>
      <c r="GJ354" s="91"/>
      <c r="GK354" s="127"/>
      <c r="GL354" s="126"/>
      <c r="GM354" s="91"/>
      <c r="GN354" s="91"/>
      <c r="GO354" s="91"/>
      <c r="GP354" s="91"/>
      <c r="GQ354" s="91"/>
      <c r="GR354" s="91"/>
      <c r="GS354" s="91"/>
      <c r="GT354" s="91"/>
      <c r="GU354" s="91"/>
      <c r="GV354" s="91"/>
      <c r="GW354" s="91"/>
      <c r="GX354" s="91"/>
      <c r="GY354" s="91"/>
      <c r="GZ354" s="91"/>
      <c r="HA354" s="91"/>
      <c r="HB354" s="91"/>
      <c r="HC354" s="91"/>
      <c r="HD354" s="91"/>
      <c r="HE354" s="91"/>
      <c r="HF354" s="91"/>
      <c r="HG354" s="91"/>
      <c r="HH354" s="91"/>
      <c r="HI354" s="91"/>
      <c r="HJ354" s="91"/>
      <c r="HK354" s="127"/>
      <c r="HL354" s="126"/>
      <c r="HM354" s="91"/>
      <c r="HN354" s="91"/>
      <c r="HO354" s="91"/>
      <c r="HP354" s="91"/>
      <c r="HQ354" s="91"/>
      <c r="HR354" s="91"/>
      <c r="HS354" s="91"/>
      <c r="HT354" s="91"/>
      <c r="HU354" s="91"/>
      <c r="HV354" s="91"/>
      <c r="HW354" s="91"/>
      <c r="HX354" s="91"/>
      <c r="HY354" s="91"/>
      <c r="HZ354" s="91"/>
      <c r="IA354" s="91"/>
      <c r="IB354" s="91"/>
      <c r="IC354" s="91"/>
      <c r="ID354" s="91"/>
      <c r="IE354" s="91"/>
      <c r="IF354" s="91"/>
      <c r="IG354" s="91"/>
      <c r="IH354" s="91"/>
      <c r="II354" s="91"/>
      <c r="IJ354" s="91"/>
      <c r="IK354" s="127"/>
    </row>
    <row r="355" spans="2:245" x14ac:dyDescent="0.2">
      <c r="B355" s="43"/>
      <c r="C355" s="73"/>
      <c r="D355" s="64"/>
      <c r="E355" s="64"/>
      <c r="F355" s="55"/>
      <c r="G355" s="102"/>
      <c r="H355" s="55"/>
      <c r="I355" s="55"/>
      <c r="J355" s="55"/>
      <c r="K355" s="55"/>
      <c r="L355" s="55"/>
      <c r="M355" s="55"/>
      <c r="N355" s="55"/>
      <c r="O355" s="55"/>
      <c r="P355" s="55"/>
      <c r="Q355" s="55"/>
      <c r="R355" s="55"/>
      <c r="S355" s="55"/>
      <c r="T355" s="55"/>
      <c r="U355" s="55"/>
      <c r="V355" s="55"/>
      <c r="W355" s="55"/>
      <c r="X355" s="55"/>
      <c r="Y355" s="55"/>
      <c r="Z355" s="55"/>
      <c r="AA355" s="55"/>
      <c r="AB355" s="55"/>
      <c r="AC355" s="55"/>
      <c r="AD355" s="55"/>
      <c r="AE355" s="55"/>
      <c r="AF355" s="55"/>
      <c r="AG355" s="55"/>
      <c r="AY355" s="162"/>
      <c r="AZ355" s="162"/>
      <c r="BA355" s="162"/>
      <c r="BB355" s="162"/>
      <c r="BC355" s="162"/>
      <c r="BD355" s="162"/>
      <c r="BE355" s="162"/>
      <c r="BF355" s="162"/>
      <c r="BG355" s="162"/>
      <c r="BH355" s="162"/>
      <c r="BI355" s="162"/>
      <c r="BJ355" s="162"/>
      <c r="BK355" s="162"/>
      <c r="BL355" s="162"/>
      <c r="BM355" s="162"/>
      <c r="BN355" s="162"/>
      <c r="BO355" s="162"/>
      <c r="BP355" s="162"/>
      <c r="BQ355" s="162"/>
      <c r="BR355" s="162"/>
      <c r="BS355" s="162"/>
      <c r="BT355" s="162"/>
      <c r="BU355" s="162"/>
      <c r="BV355" s="162"/>
      <c r="BW355" s="162"/>
      <c r="BX355" s="162"/>
      <c r="BY355" s="162"/>
      <c r="BZ355" s="162"/>
      <c r="CA355" s="162"/>
      <c r="CB355" s="162"/>
      <c r="CC355" s="162"/>
      <c r="CD355" s="162"/>
      <c r="CE355" s="162"/>
      <c r="CF355" s="162"/>
      <c r="CG355" s="162"/>
      <c r="CH355" s="162"/>
      <c r="CI355" s="162"/>
      <c r="CJ355" s="162"/>
      <c r="CK355" s="162"/>
      <c r="CX355" s="98"/>
      <c r="DL355" s="97"/>
      <c r="DX355" s="98"/>
      <c r="EL355" s="97"/>
      <c r="EX355" s="98"/>
      <c r="EY355" s="97"/>
      <c r="FL355" s="126"/>
      <c r="FM355" s="91"/>
      <c r="FN355" s="91"/>
      <c r="FO355" s="91"/>
      <c r="FP355" s="91"/>
      <c r="FQ355" s="91"/>
      <c r="FR355" s="91"/>
      <c r="FS355" s="91"/>
      <c r="FT355" s="91"/>
      <c r="FU355" s="91"/>
      <c r="FV355" s="91"/>
      <c r="FW355" s="91"/>
      <c r="FX355" s="91"/>
      <c r="FY355" s="91"/>
      <c r="FZ355" s="91"/>
      <c r="GA355" s="91"/>
      <c r="GB355" s="91"/>
      <c r="GC355" s="91"/>
      <c r="GD355" s="91"/>
      <c r="GE355" s="91"/>
      <c r="GF355" s="91"/>
      <c r="GG355" s="91"/>
      <c r="GH355" s="91"/>
      <c r="GI355" s="91"/>
      <c r="GJ355" s="91"/>
      <c r="GK355" s="127"/>
      <c r="GL355" s="126"/>
      <c r="GM355" s="91"/>
      <c r="GN355" s="91"/>
      <c r="GO355" s="91"/>
      <c r="GP355" s="91"/>
      <c r="GQ355" s="91"/>
      <c r="GR355" s="91"/>
      <c r="GS355" s="91"/>
      <c r="GT355" s="91"/>
      <c r="GU355" s="91"/>
      <c r="GV355" s="91"/>
      <c r="GW355" s="91"/>
      <c r="GX355" s="91"/>
      <c r="GY355" s="91"/>
      <c r="GZ355" s="91"/>
      <c r="HA355" s="91"/>
      <c r="HB355" s="91"/>
      <c r="HC355" s="91"/>
      <c r="HD355" s="91"/>
      <c r="HE355" s="91"/>
      <c r="HF355" s="91"/>
      <c r="HG355" s="91"/>
      <c r="HH355" s="91"/>
      <c r="HI355" s="91"/>
      <c r="HJ355" s="91"/>
      <c r="HK355" s="127"/>
      <c r="HL355" s="126"/>
      <c r="HM355" s="91"/>
      <c r="HN355" s="91"/>
      <c r="HO355" s="91"/>
      <c r="HP355" s="91"/>
      <c r="HQ355" s="91"/>
      <c r="HR355" s="91"/>
      <c r="HS355" s="91"/>
      <c r="HT355" s="91"/>
      <c r="HU355" s="91"/>
      <c r="HV355" s="91"/>
      <c r="HW355" s="91"/>
      <c r="HX355" s="91"/>
      <c r="HY355" s="91"/>
      <c r="HZ355" s="91"/>
      <c r="IA355" s="91"/>
      <c r="IB355" s="91"/>
      <c r="IC355" s="91"/>
      <c r="ID355" s="91"/>
      <c r="IE355" s="91"/>
      <c r="IF355" s="91"/>
      <c r="IG355" s="91"/>
      <c r="IH355" s="91"/>
      <c r="II355" s="91"/>
      <c r="IJ355" s="91"/>
      <c r="IK355" s="127"/>
    </row>
    <row r="356" spans="2:245" x14ac:dyDescent="0.2">
      <c r="B356" s="43"/>
      <c r="C356" s="73"/>
      <c r="D356" s="64"/>
      <c r="E356" s="64"/>
      <c r="F356" s="55"/>
      <c r="G356" s="102"/>
      <c r="H356" s="55"/>
      <c r="I356" s="55"/>
      <c r="J356" s="55"/>
      <c r="K356" s="55"/>
      <c r="L356" s="55"/>
      <c r="M356" s="55"/>
      <c r="N356" s="55"/>
      <c r="O356" s="55"/>
      <c r="P356" s="55"/>
      <c r="Q356" s="55"/>
      <c r="R356" s="55"/>
      <c r="S356" s="55"/>
      <c r="T356" s="55"/>
      <c r="U356" s="55"/>
      <c r="V356" s="55"/>
      <c r="W356" s="55"/>
      <c r="X356" s="55"/>
      <c r="Y356" s="55"/>
      <c r="Z356" s="55"/>
      <c r="AA356" s="55"/>
      <c r="AB356" s="55"/>
      <c r="AC356" s="55"/>
      <c r="AD356" s="55"/>
      <c r="AE356" s="55"/>
      <c r="AF356" s="55"/>
      <c r="AG356" s="55"/>
      <c r="AY356" s="162"/>
      <c r="AZ356" s="162"/>
      <c r="BA356" s="162"/>
      <c r="BB356" s="162"/>
      <c r="BC356" s="162"/>
      <c r="BD356" s="162"/>
      <c r="BE356" s="162"/>
      <c r="BF356" s="162"/>
      <c r="BG356" s="162"/>
      <c r="BH356" s="162"/>
      <c r="BI356" s="162"/>
      <c r="BJ356" s="162"/>
      <c r="BK356" s="162"/>
      <c r="BL356" s="162"/>
      <c r="BM356" s="162"/>
      <c r="BN356" s="162"/>
      <c r="BO356" s="162"/>
      <c r="BP356" s="162"/>
      <c r="BQ356" s="162"/>
      <c r="BR356" s="162"/>
      <c r="BS356" s="162"/>
      <c r="BT356" s="162"/>
      <c r="BU356" s="162"/>
      <c r="BV356" s="162"/>
      <c r="BW356" s="162"/>
      <c r="BX356" s="162"/>
      <c r="BY356" s="162"/>
      <c r="BZ356" s="162"/>
      <c r="CA356" s="162"/>
      <c r="CB356" s="162"/>
      <c r="CC356" s="162"/>
      <c r="CD356" s="162"/>
      <c r="CE356" s="162"/>
      <c r="CF356" s="162"/>
      <c r="CG356" s="162"/>
      <c r="CH356" s="162"/>
      <c r="CI356" s="162"/>
      <c r="CJ356" s="162"/>
      <c r="CK356" s="162"/>
      <c r="CX356" s="98"/>
      <c r="DL356" s="97"/>
      <c r="DX356" s="98"/>
      <c r="EL356" s="97"/>
      <c r="EX356" s="98"/>
      <c r="EY356" s="97"/>
      <c r="FL356" s="126"/>
      <c r="FM356" s="91"/>
      <c r="FN356" s="91"/>
      <c r="FO356" s="91"/>
      <c r="FP356" s="91"/>
      <c r="FQ356" s="91"/>
      <c r="FR356" s="91"/>
      <c r="FS356" s="91"/>
      <c r="FT356" s="91"/>
      <c r="FU356" s="91"/>
      <c r="FV356" s="91"/>
      <c r="FW356" s="91"/>
      <c r="FX356" s="91"/>
      <c r="FY356" s="91"/>
      <c r="FZ356" s="91"/>
      <c r="GA356" s="91"/>
      <c r="GB356" s="91"/>
      <c r="GC356" s="91"/>
      <c r="GD356" s="91"/>
      <c r="GE356" s="91"/>
      <c r="GF356" s="91"/>
      <c r="GG356" s="91"/>
      <c r="GH356" s="91"/>
      <c r="GI356" s="91"/>
      <c r="GJ356" s="91"/>
      <c r="GK356" s="127"/>
      <c r="GL356" s="126"/>
      <c r="GM356" s="91"/>
      <c r="GN356" s="91"/>
      <c r="GO356" s="91"/>
      <c r="GP356" s="91"/>
      <c r="GQ356" s="91"/>
      <c r="GR356" s="91"/>
      <c r="GS356" s="91"/>
      <c r="GT356" s="91"/>
      <c r="GU356" s="91"/>
      <c r="GV356" s="91"/>
      <c r="GW356" s="91"/>
      <c r="GX356" s="91"/>
      <c r="GY356" s="91"/>
      <c r="GZ356" s="91"/>
      <c r="HA356" s="91"/>
      <c r="HB356" s="91"/>
      <c r="HC356" s="91"/>
      <c r="HD356" s="91"/>
      <c r="HE356" s="91"/>
      <c r="HF356" s="91"/>
      <c r="HG356" s="91"/>
      <c r="HH356" s="91"/>
      <c r="HI356" s="91"/>
      <c r="HJ356" s="91"/>
      <c r="HK356" s="127"/>
      <c r="HL356" s="126"/>
      <c r="HM356" s="91"/>
      <c r="HN356" s="91"/>
      <c r="HO356" s="91"/>
      <c r="HP356" s="91"/>
      <c r="HQ356" s="91"/>
      <c r="HR356" s="91"/>
      <c r="HS356" s="91"/>
      <c r="HT356" s="91"/>
      <c r="HU356" s="91"/>
      <c r="HV356" s="91"/>
      <c r="HW356" s="91"/>
      <c r="HX356" s="91"/>
      <c r="HY356" s="91"/>
      <c r="HZ356" s="91"/>
      <c r="IA356" s="91"/>
      <c r="IB356" s="91"/>
      <c r="IC356" s="91"/>
      <c r="ID356" s="91"/>
      <c r="IE356" s="91"/>
      <c r="IF356" s="91"/>
      <c r="IG356" s="91"/>
      <c r="IH356" s="91"/>
      <c r="II356" s="91"/>
      <c r="IJ356" s="91"/>
      <c r="IK356" s="127"/>
    </row>
    <row r="357" spans="2:245" x14ac:dyDescent="0.2">
      <c r="B357" s="43"/>
      <c r="C357" s="73"/>
      <c r="D357" s="64"/>
      <c r="E357" s="64"/>
      <c r="F357" s="55"/>
      <c r="G357" s="102"/>
      <c r="H357" s="55"/>
      <c r="I357" s="55"/>
      <c r="J357" s="55"/>
      <c r="K357" s="55"/>
      <c r="L357" s="55"/>
      <c r="M357" s="55"/>
      <c r="N357" s="55"/>
      <c r="O357" s="55"/>
      <c r="P357" s="55"/>
      <c r="Q357" s="55"/>
      <c r="R357" s="55"/>
      <c r="S357" s="55"/>
      <c r="T357" s="55"/>
      <c r="U357" s="55"/>
      <c r="V357" s="55"/>
      <c r="W357" s="55"/>
      <c r="X357" s="55"/>
      <c r="Y357" s="55"/>
      <c r="Z357" s="55"/>
      <c r="AA357" s="55"/>
      <c r="AB357" s="55"/>
      <c r="AC357" s="55"/>
      <c r="AD357" s="55"/>
      <c r="AE357" s="55"/>
      <c r="AF357" s="55"/>
      <c r="AG357" s="55"/>
      <c r="AY357" s="162"/>
      <c r="AZ357" s="162"/>
      <c r="BA357" s="162"/>
      <c r="BB357" s="162"/>
      <c r="BC357" s="162"/>
      <c r="BD357" s="162"/>
      <c r="BE357" s="162"/>
      <c r="BF357" s="162"/>
      <c r="BG357" s="162"/>
      <c r="BH357" s="162"/>
      <c r="BI357" s="162"/>
      <c r="BJ357" s="162"/>
      <c r="BK357" s="162"/>
      <c r="BL357" s="162"/>
      <c r="BM357" s="162"/>
      <c r="BN357" s="162"/>
      <c r="BO357" s="162"/>
      <c r="BP357" s="162"/>
      <c r="BQ357" s="162"/>
      <c r="BR357" s="162"/>
      <c r="BS357" s="162"/>
      <c r="BT357" s="162"/>
      <c r="BU357" s="162"/>
      <c r="BV357" s="162"/>
      <c r="BW357" s="162"/>
      <c r="BX357" s="162"/>
      <c r="BY357" s="162"/>
      <c r="BZ357" s="162"/>
      <c r="CA357" s="162"/>
      <c r="CB357" s="162"/>
      <c r="CC357" s="162"/>
      <c r="CD357" s="162"/>
      <c r="CE357" s="162"/>
      <c r="CF357" s="162"/>
      <c r="CG357" s="162"/>
      <c r="CH357" s="162"/>
      <c r="CI357" s="162"/>
      <c r="CJ357" s="162"/>
      <c r="CK357" s="162"/>
      <c r="CX357" s="98"/>
      <c r="DL357" s="97"/>
      <c r="DX357" s="98"/>
      <c r="EL357" s="97"/>
      <c r="EX357" s="98"/>
      <c r="EY357" s="97"/>
      <c r="FL357" s="126"/>
      <c r="FM357" s="91"/>
      <c r="FN357" s="91"/>
      <c r="FO357" s="91"/>
      <c r="FP357" s="91"/>
      <c r="FQ357" s="91"/>
      <c r="FR357" s="91"/>
      <c r="FS357" s="91"/>
      <c r="FT357" s="91"/>
      <c r="FU357" s="91"/>
      <c r="FV357" s="91"/>
      <c r="FW357" s="91"/>
      <c r="FX357" s="91"/>
      <c r="FY357" s="91"/>
      <c r="FZ357" s="91"/>
      <c r="GA357" s="91"/>
      <c r="GB357" s="91"/>
      <c r="GC357" s="91"/>
      <c r="GD357" s="91"/>
      <c r="GE357" s="91"/>
      <c r="GF357" s="91"/>
      <c r="GG357" s="91"/>
      <c r="GH357" s="91"/>
      <c r="GI357" s="91"/>
      <c r="GJ357" s="91"/>
      <c r="GK357" s="127"/>
      <c r="GL357" s="126"/>
      <c r="GM357" s="91"/>
      <c r="GN357" s="91"/>
      <c r="GO357" s="91"/>
      <c r="GP357" s="91"/>
      <c r="GQ357" s="91"/>
      <c r="GR357" s="91"/>
      <c r="GS357" s="91"/>
      <c r="GT357" s="91"/>
      <c r="GU357" s="91"/>
      <c r="GV357" s="91"/>
      <c r="GW357" s="91"/>
      <c r="GX357" s="91"/>
      <c r="GY357" s="91"/>
      <c r="GZ357" s="91"/>
      <c r="HA357" s="91"/>
      <c r="HB357" s="91"/>
      <c r="HC357" s="91"/>
      <c r="HD357" s="91"/>
      <c r="HE357" s="91"/>
      <c r="HF357" s="91"/>
      <c r="HG357" s="91"/>
      <c r="HH357" s="91"/>
      <c r="HI357" s="91"/>
      <c r="HJ357" s="91"/>
      <c r="HK357" s="127"/>
      <c r="HL357" s="126"/>
      <c r="HM357" s="91"/>
      <c r="HN357" s="91"/>
      <c r="HO357" s="91"/>
      <c r="HP357" s="91"/>
      <c r="HQ357" s="91"/>
      <c r="HR357" s="91"/>
      <c r="HS357" s="91"/>
      <c r="HT357" s="91"/>
      <c r="HU357" s="91"/>
      <c r="HV357" s="91"/>
      <c r="HW357" s="91"/>
      <c r="HX357" s="91"/>
      <c r="HY357" s="91"/>
      <c r="HZ357" s="91"/>
      <c r="IA357" s="91"/>
      <c r="IB357" s="91"/>
      <c r="IC357" s="91"/>
      <c r="ID357" s="91"/>
      <c r="IE357" s="91"/>
      <c r="IF357" s="91"/>
      <c r="IG357" s="91"/>
      <c r="IH357" s="91"/>
      <c r="II357" s="91"/>
      <c r="IJ357" s="91"/>
      <c r="IK357" s="127"/>
    </row>
    <row r="358" spans="2:245" x14ac:dyDescent="0.2">
      <c r="B358" s="43"/>
      <c r="C358" s="73"/>
      <c r="D358" s="64"/>
      <c r="E358" s="64"/>
      <c r="F358" s="55"/>
      <c r="G358" s="102"/>
      <c r="H358" s="55"/>
      <c r="I358" s="55"/>
      <c r="J358" s="55"/>
      <c r="K358" s="55"/>
      <c r="L358" s="55"/>
      <c r="M358" s="55"/>
      <c r="N358" s="55"/>
      <c r="O358" s="55"/>
      <c r="P358" s="55"/>
      <c r="Q358" s="55"/>
      <c r="R358" s="55"/>
      <c r="S358" s="55"/>
      <c r="T358" s="55"/>
      <c r="U358" s="55"/>
      <c r="V358" s="55"/>
      <c r="W358" s="55"/>
      <c r="X358" s="55"/>
      <c r="Y358" s="55"/>
      <c r="Z358" s="55"/>
      <c r="AA358" s="55"/>
      <c r="AB358" s="55"/>
      <c r="AC358" s="55"/>
      <c r="AD358" s="55"/>
      <c r="AE358" s="55"/>
      <c r="AF358" s="55"/>
      <c r="AG358" s="55"/>
      <c r="AY358" s="162"/>
      <c r="AZ358" s="162"/>
      <c r="BA358" s="162"/>
      <c r="BB358" s="162"/>
      <c r="BC358" s="162"/>
      <c r="BD358" s="162"/>
      <c r="BE358" s="162"/>
      <c r="BF358" s="162"/>
      <c r="BG358" s="162"/>
      <c r="BH358" s="162"/>
      <c r="BI358" s="162"/>
      <c r="BJ358" s="162"/>
      <c r="BK358" s="162"/>
      <c r="BL358" s="162"/>
      <c r="BM358" s="162"/>
      <c r="BN358" s="162"/>
      <c r="BO358" s="162"/>
      <c r="BP358" s="162"/>
      <c r="BQ358" s="162"/>
      <c r="BR358" s="162"/>
      <c r="BS358" s="162"/>
      <c r="BT358" s="162"/>
      <c r="BU358" s="162"/>
      <c r="BV358" s="162"/>
      <c r="BW358" s="162"/>
      <c r="BX358" s="162"/>
      <c r="BY358" s="162"/>
      <c r="BZ358" s="162"/>
      <c r="CA358" s="162"/>
      <c r="CB358" s="162"/>
      <c r="CC358" s="162"/>
      <c r="CD358" s="162"/>
      <c r="CE358" s="162"/>
      <c r="CF358" s="162"/>
      <c r="CG358" s="162"/>
      <c r="CH358" s="162"/>
      <c r="CI358" s="162"/>
      <c r="CJ358" s="162"/>
      <c r="CK358" s="162"/>
      <c r="CX358" s="98"/>
      <c r="DL358" s="97"/>
      <c r="DX358" s="98"/>
      <c r="EL358" s="97"/>
      <c r="EX358" s="98"/>
      <c r="EY358" s="97"/>
      <c r="FL358" s="126"/>
      <c r="FM358" s="91"/>
      <c r="FN358" s="91"/>
      <c r="FO358" s="91"/>
      <c r="FP358" s="91"/>
      <c r="FQ358" s="91"/>
      <c r="FR358" s="91"/>
      <c r="FS358" s="91"/>
      <c r="FT358" s="91"/>
      <c r="FU358" s="91"/>
      <c r="FV358" s="91"/>
      <c r="FW358" s="91"/>
      <c r="FX358" s="91"/>
      <c r="FY358" s="91"/>
      <c r="FZ358" s="91"/>
      <c r="GA358" s="91"/>
      <c r="GB358" s="91"/>
      <c r="GC358" s="91"/>
      <c r="GD358" s="91"/>
      <c r="GE358" s="91"/>
      <c r="GF358" s="91"/>
      <c r="GG358" s="91"/>
      <c r="GH358" s="91"/>
      <c r="GI358" s="91"/>
      <c r="GJ358" s="91"/>
      <c r="GK358" s="127"/>
      <c r="GL358" s="126"/>
      <c r="GM358" s="91"/>
      <c r="GN358" s="91"/>
      <c r="GO358" s="91"/>
      <c r="GP358" s="91"/>
      <c r="GQ358" s="91"/>
      <c r="GR358" s="91"/>
      <c r="GS358" s="91"/>
      <c r="GT358" s="91"/>
      <c r="GU358" s="91"/>
      <c r="GV358" s="91"/>
      <c r="GW358" s="91"/>
      <c r="GX358" s="91"/>
      <c r="GY358" s="91"/>
      <c r="GZ358" s="91"/>
      <c r="HA358" s="91"/>
      <c r="HB358" s="91"/>
      <c r="HC358" s="91"/>
      <c r="HD358" s="91"/>
      <c r="HE358" s="91"/>
      <c r="HF358" s="91"/>
      <c r="HG358" s="91"/>
      <c r="HH358" s="91"/>
      <c r="HI358" s="91"/>
      <c r="HJ358" s="91"/>
      <c r="HK358" s="127"/>
      <c r="HL358" s="126"/>
      <c r="HM358" s="91"/>
      <c r="HN358" s="91"/>
      <c r="HO358" s="91"/>
      <c r="HP358" s="91"/>
      <c r="HQ358" s="91"/>
      <c r="HR358" s="91"/>
      <c r="HS358" s="91"/>
      <c r="HT358" s="91"/>
      <c r="HU358" s="91"/>
      <c r="HV358" s="91"/>
      <c r="HW358" s="91"/>
      <c r="HX358" s="91"/>
      <c r="HY358" s="91"/>
      <c r="HZ358" s="91"/>
      <c r="IA358" s="91"/>
      <c r="IB358" s="91"/>
      <c r="IC358" s="91"/>
      <c r="ID358" s="91"/>
      <c r="IE358" s="91"/>
      <c r="IF358" s="91"/>
      <c r="IG358" s="91"/>
      <c r="IH358" s="91"/>
      <c r="II358" s="91"/>
      <c r="IJ358" s="91"/>
      <c r="IK358" s="127"/>
    </row>
    <row r="359" spans="2:245" x14ac:dyDescent="0.2">
      <c r="B359" s="43"/>
      <c r="C359" s="73"/>
      <c r="D359" s="64"/>
      <c r="E359" s="64"/>
      <c r="F359" s="55"/>
      <c r="G359" s="102"/>
      <c r="H359" s="55"/>
      <c r="I359" s="55"/>
      <c r="J359" s="55"/>
      <c r="K359" s="55"/>
      <c r="L359" s="55"/>
      <c r="M359" s="55"/>
      <c r="N359" s="55"/>
      <c r="O359" s="55"/>
      <c r="P359" s="55"/>
      <c r="Q359" s="55"/>
      <c r="R359" s="55"/>
      <c r="S359" s="55"/>
      <c r="T359" s="55"/>
      <c r="U359" s="55"/>
      <c r="V359" s="55"/>
      <c r="W359" s="55"/>
      <c r="X359" s="55"/>
      <c r="Y359" s="55"/>
      <c r="Z359" s="55"/>
      <c r="AA359" s="55"/>
      <c r="AB359" s="55"/>
      <c r="AC359" s="55"/>
      <c r="AD359" s="55"/>
      <c r="AE359" s="55"/>
      <c r="AF359" s="55"/>
      <c r="AG359" s="55"/>
      <c r="AY359" s="162"/>
      <c r="AZ359" s="162"/>
      <c r="BA359" s="162"/>
      <c r="BB359" s="162"/>
      <c r="BC359" s="162"/>
      <c r="BD359" s="162"/>
      <c r="BE359" s="162"/>
      <c r="BF359" s="162"/>
      <c r="BG359" s="162"/>
      <c r="BH359" s="162"/>
      <c r="BI359" s="162"/>
      <c r="BJ359" s="162"/>
      <c r="BK359" s="162"/>
      <c r="BL359" s="162"/>
      <c r="BM359" s="162"/>
      <c r="BN359" s="162"/>
      <c r="BO359" s="162"/>
      <c r="BP359" s="162"/>
      <c r="BQ359" s="162"/>
      <c r="BR359" s="162"/>
      <c r="BS359" s="162"/>
      <c r="BT359" s="162"/>
      <c r="BU359" s="162"/>
      <c r="BV359" s="162"/>
      <c r="BW359" s="162"/>
      <c r="BX359" s="162"/>
      <c r="BY359" s="162"/>
      <c r="BZ359" s="162"/>
      <c r="CA359" s="162"/>
      <c r="CB359" s="162"/>
      <c r="CC359" s="162"/>
      <c r="CD359" s="162"/>
      <c r="CE359" s="162"/>
      <c r="CF359" s="162"/>
      <c r="CG359" s="162"/>
      <c r="CH359" s="162"/>
      <c r="CI359" s="162"/>
      <c r="CJ359" s="162"/>
      <c r="CK359" s="162"/>
      <c r="CX359" s="98"/>
      <c r="DL359" s="97"/>
      <c r="DX359" s="98"/>
      <c r="EL359" s="97"/>
      <c r="EX359" s="98"/>
      <c r="EY359" s="97"/>
      <c r="FL359" s="126"/>
      <c r="FM359" s="91"/>
      <c r="FN359" s="91"/>
      <c r="FO359" s="91"/>
      <c r="FP359" s="91"/>
      <c r="FQ359" s="91"/>
      <c r="FR359" s="91"/>
      <c r="FS359" s="91"/>
      <c r="FT359" s="91"/>
      <c r="FU359" s="91"/>
      <c r="FV359" s="91"/>
      <c r="FW359" s="91"/>
      <c r="FX359" s="91"/>
      <c r="FY359" s="91"/>
      <c r="FZ359" s="91"/>
      <c r="GA359" s="91"/>
      <c r="GB359" s="91"/>
      <c r="GC359" s="91"/>
      <c r="GD359" s="91"/>
      <c r="GE359" s="91"/>
      <c r="GF359" s="91"/>
      <c r="GG359" s="91"/>
      <c r="GH359" s="91"/>
      <c r="GI359" s="91"/>
      <c r="GJ359" s="91"/>
      <c r="GK359" s="127"/>
      <c r="GL359" s="126"/>
      <c r="GM359" s="91"/>
      <c r="GN359" s="91"/>
      <c r="GO359" s="91"/>
      <c r="GP359" s="91"/>
      <c r="GQ359" s="91"/>
      <c r="GR359" s="91"/>
      <c r="GS359" s="91"/>
      <c r="GT359" s="91"/>
      <c r="GU359" s="91"/>
      <c r="GV359" s="91"/>
      <c r="GW359" s="91"/>
      <c r="GX359" s="91"/>
      <c r="GY359" s="91"/>
      <c r="GZ359" s="91"/>
      <c r="HA359" s="91"/>
      <c r="HB359" s="91"/>
      <c r="HC359" s="91"/>
      <c r="HD359" s="91"/>
      <c r="HE359" s="91"/>
      <c r="HF359" s="91"/>
      <c r="HG359" s="91"/>
      <c r="HH359" s="91"/>
      <c r="HI359" s="91"/>
      <c r="HJ359" s="91"/>
      <c r="HK359" s="127"/>
      <c r="HL359" s="126"/>
      <c r="HM359" s="91"/>
      <c r="HN359" s="91"/>
      <c r="HO359" s="91"/>
      <c r="HP359" s="91"/>
      <c r="HQ359" s="91"/>
      <c r="HR359" s="91"/>
      <c r="HS359" s="91"/>
      <c r="HT359" s="91"/>
      <c r="HU359" s="91"/>
      <c r="HV359" s="91"/>
      <c r="HW359" s="91"/>
      <c r="HX359" s="91"/>
      <c r="HY359" s="91"/>
      <c r="HZ359" s="91"/>
      <c r="IA359" s="91"/>
      <c r="IB359" s="91"/>
      <c r="IC359" s="91"/>
      <c r="ID359" s="91"/>
      <c r="IE359" s="91"/>
      <c r="IF359" s="91"/>
      <c r="IG359" s="91"/>
      <c r="IH359" s="91"/>
      <c r="II359" s="91"/>
      <c r="IJ359" s="91"/>
      <c r="IK359" s="127"/>
    </row>
    <row r="360" spans="2:245" x14ac:dyDescent="0.2">
      <c r="B360" s="43"/>
      <c r="C360" s="73"/>
      <c r="D360" s="64"/>
      <c r="E360" s="64"/>
      <c r="F360" s="55"/>
      <c r="G360" s="102"/>
      <c r="H360" s="55"/>
      <c r="I360" s="55"/>
      <c r="J360" s="55"/>
      <c r="K360" s="55"/>
      <c r="L360" s="55"/>
      <c r="M360" s="55"/>
      <c r="N360" s="55"/>
      <c r="O360" s="55"/>
      <c r="P360" s="55"/>
      <c r="Q360" s="55"/>
      <c r="R360" s="55"/>
      <c r="S360" s="55"/>
      <c r="T360" s="55"/>
      <c r="U360" s="55"/>
      <c r="V360" s="55"/>
      <c r="W360" s="55"/>
      <c r="X360" s="55"/>
      <c r="Y360" s="55"/>
      <c r="Z360" s="55"/>
      <c r="AA360" s="55"/>
      <c r="AB360" s="55"/>
      <c r="AC360" s="55"/>
      <c r="AD360" s="55"/>
      <c r="AE360" s="55"/>
      <c r="AF360" s="55"/>
      <c r="AG360" s="55"/>
      <c r="AY360" s="162"/>
      <c r="AZ360" s="162"/>
      <c r="BA360" s="162"/>
      <c r="BB360" s="162"/>
      <c r="BC360" s="162"/>
      <c r="BD360" s="162"/>
      <c r="BE360" s="162"/>
      <c r="BF360" s="162"/>
      <c r="BG360" s="162"/>
      <c r="BH360" s="162"/>
      <c r="BI360" s="162"/>
      <c r="BJ360" s="162"/>
      <c r="BK360" s="162"/>
      <c r="BL360" s="162"/>
      <c r="BM360" s="162"/>
      <c r="BN360" s="162"/>
      <c r="BO360" s="162"/>
      <c r="BP360" s="162"/>
      <c r="BQ360" s="162"/>
      <c r="BR360" s="162"/>
      <c r="BS360" s="162"/>
      <c r="BT360" s="162"/>
      <c r="BU360" s="162"/>
      <c r="BV360" s="162"/>
      <c r="BW360" s="162"/>
      <c r="BX360" s="162"/>
      <c r="BY360" s="162"/>
      <c r="BZ360" s="162"/>
      <c r="CA360" s="162"/>
      <c r="CB360" s="162"/>
      <c r="CC360" s="162"/>
      <c r="CD360" s="162"/>
      <c r="CE360" s="162"/>
      <c r="CF360" s="162"/>
      <c r="CG360" s="162"/>
      <c r="CH360" s="162"/>
      <c r="CI360" s="162"/>
      <c r="CJ360" s="162"/>
      <c r="CK360" s="162"/>
      <c r="CX360" s="98"/>
      <c r="DL360" s="97"/>
      <c r="DX360" s="98"/>
      <c r="EL360" s="97"/>
      <c r="EX360" s="98"/>
      <c r="EY360" s="97"/>
      <c r="FL360" s="126"/>
      <c r="FM360" s="91"/>
      <c r="FN360" s="91"/>
      <c r="FO360" s="91"/>
      <c r="FP360" s="91"/>
      <c r="FQ360" s="91"/>
      <c r="FR360" s="91"/>
      <c r="FS360" s="91"/>
      <c r="FT360" s="91"/>
      <c r="FU360" s="91"/>
      <c r="FV360" s="91"/>
      <c r="FW360" s="91"/>
      <c r="FX360" s="91"/>
      <c r="FY360" s="91"/>
      <c r="FZ360" s="91"/>
      <c r="GA360" s="91"/>
      <c r="GB360" s="91"/>
      <c r="GC360" s="91"/>
      <c r="GD360" s="91"/>
      <c r="GE360" s="91"/>
      <c r="GF360" s="91"/>
      <c r="GG360" s="91"/>
      <c r="GH360" s="91"/>
      <c r="GI360" s="91"/>
      <c r="GJ360" s="91"/>
      <c r="GK360" s="127"/>
      <c r="GL360" s="126"/>
      <c r="GM360" s="91"/>
      <c r="GN360" s="91"/>
      <c r="GO360" s="91"/>
      <c r="GP360" s="91"/>
      <c r="GQ360" s="91"/>
      <c r="GR360" s="91"/>
      <c r="GS360" s="91"/>
      <c r="GT360" s="91"/>
      <c r="GU360" s="91"/>
      <c r="GV360" s="91"/>
      <c r="GW360" s="91"/>
      <c r="GX360" s="91"/>
      <c r="GY360" s="91"/>
      <c r="GZ360" s="91"/>
      <c r="HA360" s="91"/>
      <c r="HB360" s="91"/>
      <c r="HC360" s="91"/>
      <c r="HD360" s="91"/>
      <c r="HE360" s="91"/>
      <c r="HF360" s="91"/>
      <c r="HG360" s="91"/>
      <c r="HH360" s="91"/>
      <c r="HI360" s="91"/>
      <c r="HJ360" s="91"/>
      <c r="HK360" s="127"/>
      <c r="HL360" s="126"/>
      <c r="HM360" s="91"/>
      <c r="HN360" s="91"/>
      <c r="HO360" s="91"/>
      <c r="HP360" s="91"/>
      <c r="HQ360" s="91"/>
      <c r="HR360" s="91"/>
      <c r="HS360" s="91"/>
      <c r="HT360" s="91"/>
      <c r="HU360" s="91"/>
      <c r="HV360" s="91"/>
      <c r="HW360" s="91"/>
      <c r="HX360" s="91"/>
      <c r="HY360" s="91"/>
      <c r="HZ360" s="91"/>
      <c r="IA360" s="91"/>
      <c r="IB360" s="91"/>
      <c r="IC360" s="91"/>
      <c r="ID360" s="91"/>
      <c r="IE360" s="91"/>
      <c r="IF360" s="91"/>
      <c r="IG360" s="91"/>
      <c r="IH360" s="91"/>
      <c r="II360" s="91"/>
      <c r="IJ360" s="91"/>
      <c r="IK360" s="127"/>
    </row>
    <row r="361" spans="2:245" x14ac:dyDescent="0.2">
      <c r="B361" s="43"/>
      <c r="C361" s="73"/>
      <c r="D361" s="64"/>
      <c r="E361" s="64"/>
      <c r="F361" s="55"/>
      <c r="G361" s="102"/>
      <c r="H361" s="55"/>
      <c r="I361" s="55"/>
      <c r="J361" s="55"/>
      <c r="K361" s="55"/>
      <c r="L361" s="55"/>
      <c r="M361" s="55"/>
      <c r="N361" s="55"/>
      <c r="O361" s="55"/>
      <c r="P361" s="55"/>
      <c r="Q361" s="55"/>
      <c r="R361" s="55"/>
      <c r="S361" s="55"/>
      <c r="T361" s="55"/>
      <c r="U361" s="55"/>
      <c r="V361" s="55"/>
      <c r="W361" s="55"/>
      <c r="X361" s="55"/>
      <c r="Y361" s="55"/>
      <c r="Z361" s="55"/>
      <c r="AA361" s="55"/>
      <c r="AB361" s="55"/>
      <c r="AC361" s="55"/>
      <c r="AD361" s="55"/>
      <c r="AE361" s="55"/>
      <c r="AF361" s="55"/>
      <c r="AG361" s="55"/>
      <c r="AY361" s="162"/>
      <c r="AZ361" s="162"/>
      <c r="BA361" s="162"/>
      <c r="BB361" s="162"/>
      <c r="BC361" s="162"/>
      <c r="BD361" s="162"/>
      <c r="BE361" s="162"/>
      <c r="BF361" s="162"/>
      <c r="BG361" s="162"/>
      <c r="BH361" s="162"/>
      <c r="BI361" s="162"/>
      <c r="BJ361" s="162"/>
      <c r="BK361" s="162"/>
      <c r="BL361" s="162"/>
      <c r="BM361" s="162"/>
      <c r="BN361" s="162"/>
      <c r="BO361" s="162"/>
      <c r="BP361" s="162"/>
      <c r="BQ361" s="162"/>
      <c r="BR361" s="162"/>
      <c r="BS361" s="162"/>
      <c r="BT361" s="162"/>
      <c r="BU361" s="162"/>
      <c r="BV361" s="162"/>
      <c r="BW361" s="162"/>
      <c r="BX361" s="162"/>
      <c r="BY361" s="162"/>
      <c r="BZ361" s="162"/>
      <c r="CA361" s="162"/>
      <c r="CB361" s="162"/>
      <c r="CC361" s="162"/>
      <c r="CD361" s="162"/>
      <c r="CE361" s="162"/>
      <c r="CF361" s="162"/>
      <c r="CG361" s="162"/>
      <c r="CH361" s="162"/>
      <c r="CI361" s="162"/>
      <c r="CJ361" s="162"/>
      <c r="CK361" s="162"/>
      <c r="CX361" s="98"/>
      <c r="DL361" s="97"/>
      <c r="DX361" s="98"/>
      <c r="EL361" s="97"/>
      <c r="EX361" s="98"/>
      <c r="EY361" s="97"/>
      <c r="FL361" s="126"/>
      <c r="FM361" s="91"/>
      <c r="FN361" s="91"/>
      <c r="FO361" s="91"/>
      <c r="FP361" s="91"/>
      <c r="FQ361" s="91"/>
      <c r="FR361" s="91"/>
      <c r="FS361" s="91"/>
      <c r="FT361" s="91"/>
      <c r="FU361" s="91"/>
      <c r="FV361" s="91"/>
      <c r="FW361" s="91"/>
      <c r="FX361" s="91"/>
      <c r="FY361" s="91"/>
      <c r="FZ361" s="91"/>
      <c r="GA361" s="91"/>
      <c r="GB361" s="91"/>
      <c r="GC361" s="91"/>
      <c r="GD361" s="91"/>
      <c r="GE361" s="91"/>
      <c r="GF361" s="91"/>
      <c r="GG361" s="91"/>
      <c r="GH361" s="91"/>
      <c r="GI361" s="91"/>
      <c r="GJ361" s="91"/>
      <c r="GK361" s="127"/>
      <c r="GL361" s="126"/>
      <c r="GM361" s="91"/>
      <c r="GN361" s="91"/>
      <c r="GO361" s="91"/>
      <c r="GP361" s="91"/>
      <c r="GQ361" s="91"/>
      <c r="GR361" s="91"/>
      <c r="GS361" s="91"/>
      <c r="GT361" s="91"/>
      <c r="GU361" s="91"/>
      <c r="GV361" s="91"/>
      <c r="GW361" s="91"/>
      <c r="GX361" s="91"/>
      <c r="GY361" s="91"/>
      <c r="GZ361" s="91"/>
      <c r="HA361" s="91"/>
      <c r="HB361" s="91"/>
      <c r="HC361" s="91"/>
      <c r="HD361" s="91"/>
      <c r="HE361" s="91"/>
      <c r="HF361" s="91"/>
      <c r="HG361" s="91"/>
      <c r="HH361" s="91"/>
      <c r="HI361" s="91"/>
      <c r="HJ361" s="91"/>
      <c r="HK361" s="127"/>
      <c r="HL361" s="126"/>
      <c r="HM361" s="91"/>
      <c r="HN361" s="91"/>
      <c r="HO361" s="91"/>
      <c r="HP361" s="91"/>
      <c r="HQ361" s="91"/>
      <c r="HR361" s="91"/>
      <c r="HS361" s="91"/>
      <c r="HT361" s="91"/>
      <c r="HU361" s="91"/>
      <c r="HV361" s="91"/>
      <c r="HW361" s="91"/>
      <c r="HX361" s="91"/>
      <c r="HY361" s="91"/>
      <c r="HZ361" s="91"/>
      <c r="IA361" s="91"/>
      <c r="IB361" s="91"/>
      <c r="IC361" s="91"/>
      <c r="ID361" s="91"/>
      <c r="IE361" s="91"/>
      <c r="IF361" s="91"/>
      <c r="IG361" s="91"/>
      <c r="IH361" s="91"/>
      <c r="II361" s="91"/>
      <c r="IJ361" s="91"/>
      <c r="IK361" s="127"/>
    </row>
    <row r="362" spans="2:245" x14ac:dyDescent="0.2">
      <c r="B362" s="43"/>
      <c r="C362" s="73"/>
      <c r="D362" s="64"/>
      <c r="E362" s="64"/>
      <c r="F362" s="55"/>
      <c r="G362" s="102"/>
      <c r="H362" s="55"/>
      <c r="I362" s="55"/>
      <c r="J362" s="55"/>
      <c r="K362" s="55"/>
      <c r="L362" s="55"/>
      <c r="M362" s="55"/>
      <c r="N362" s="55"/>
      <c r="O362" s="55"/>
      <c r="P362" s="55"/>
      <c r="Q362" s="55"/>
      <c r="R362" s="55"/>
      <c r="S362" s="55"/>
      <c r="T362" s="55"/>
      <c r="U362" s="55"/>
      <c r="V362" s="55"/>
      <c r="W362" s="55"/>
      <c r="X362" s="55"/>
      <c r="Y362" s="55"/>
      <c r="Z362" s="55"/>
      <c r="AA362" s="55"/>
      <c r="AB362" s="55"/>
      <c r="AC362" s="55"/>
      <c r="AD362" s="55"/>
      <c r="AE362" s="55"/>
      <c r="AF362" s="55"/>
      <c r="AG362" s="55"/>
      <c r="AY362" s="162"/>
      <c r="AZ362" s="162"/>
      <c r="BA362" s="162"/>
      <c r="BB362" s="162"/>
      <c r="BC362" s="162"/>
      <c r="BD362" s="162"/>
      <c r="BE362" s="162"/>
      <c r="BF362" s="162"/>
      <c r="BG362" s="162"/>
      <c r="BH362" s="162"/>
      <c r="BI362" s="162"/>
      <c r="BJ362" s="162"/>
      <c r="BK362" s="162"/>
      <c r="BL362" s="162"/>
      <c r="BM362" s="162"/>
      <c r="BN362" s="162"/>
      <c r="BO362" s="162"/>
      <c r="BP362" s="162"/>
      <c r="BQ362" s="162"/>
      <c r="BR362" s="162"/>
      <c r="BS362" s="162"/>
      <c r="BT362" s="162"/>
      <c r="BU362" s="162"/>
      <c r="BV362" s="162"/>
      <c r="BW362" s="162"/>
      <c r="BX362" s="162"/>
      <c r="BY362" s="162"/>
      <c r="BZ362" s="162"/>
      <c r="CA362" s="162"/>
      <c r="CB362" s="162"/>
      <c r="CC362" s="162"/>
      <c r="CD362" s="162"/>
      <c r="CE362" s="162"/>
      <c r="CF362" s="162"/>
      <c r="CG362" s="162"/>
      <c r="CH362" s="162"/>
      <c r="CI362" s="162"/>
      <c r="CJ362" s="162"/>
      <c r="CK362" s="162"/>
      <c r="CX362" s="98"/>
      <c r="DL362" s="97"/>
      <c r="DX362" s="98"/>
      <c r="EL362" s="97"/>
      <c r="EX362" s="98"/>
      <c r="EY362" s="97"/>
      <c r="FL362" s="126"/>
      <c r="FM362" s="91"/>
      <c r="FN362" s="91"/>
      <c r="FO362" s="91"/>
      <c r="FP362" s="91"/>
      <c r="FQ362" s="91"/>
      <c r="FR362" s="91"/>
      <c r="FS362" s="91"/>
      <c r="FT362" s="91"/>
      <c r="FU362" s="91"/>
      <c r="FV362" s="91"/>
      <c r="FW362" s="91"/>
      <c r="FX362" s="91"/>
      <c r="FY362" s="91"/>
      <c r="FZ362" s="91"/>
      <c r="GA362" s="91"/>
      <c r="GB362" s="91"/>
      <c r="GC362" s="91"/>
      <c r="GD362" s="91"/>
      <c r="GE362" s="91"/>
      <c r="GF362" s="91"/>
      <c r="GG362" s="91"/>
      <c r="GH362" s="91"/>
      <c r="GI362" s="91"/>
      <c r="GJ362" s="91"/>
      <c r="GK362" s="127"/>
      <c r="GL362" s="126"/>
      <c r="GM362" s="91"/>
      <c r="GN362" s="91"/>
      <c r="GO362" s="91"/>
      <c r="GP362" s="91"/>
      <c r="GQ362" s="91"/>
      <c r="GR362" s="91"/>
      <c r="GS362" s="91"/>
      <c r="GT362" s="91"/>
      <c r="GU362" s="91"/>
      <c r="GV362" s="91"/>
      <c r="GW362" s="91"/>
      <c r="GX362" s="91"/>
      <c r="GY362" s="91"/>
      <c r="GZ362" s="91"/>
      <c r="HA362" s="91"/>
      <c r="HB362" s="91"/>
      <c r="HC362" s="91"/>
      <c r="HD362" s="91"/>
      <c r="HE362" s="91"/>
      <c r="HF362" s="91"/>
      <c r="HG362" s="91"/>
      <c r="HH362" s="91"/>
      <c r="HI362" s="91"/>
      <c r="HJ362" s="91"/>
      <c r="HK362" s="127"/>
      <c r="HL362" s="126"/>
      <c r="HM362" s="91"/>
      <c r="HN362" s="91"/>
      <c r="HO362" s="91"/>
      <c r="HP362" s="91"/>
      <c r="HQ362" s="91"/>
      <c r="HR362" s="91"/>
      <c r="HS362" s="91"/>
      <c r="HT362" s="91"/>
      <c r="HU362" s="91"/>
      <c r="HV362" s="91"/>
      <c r="HW362" s="91"/>
      <c r="HX362" s="91"/>
      <c r="HY362" s="91"/>
      <c r="HZ362" s="91"/>
      <c r="IA362" s="91"/>
      <c r="IB362" s="91"/>
      <c r="IC362" s="91"/>
      <c r="ID362" s="91"/>
      <c r="IE362" s="91"/>
      <c r="IF362" s="91"/>
      <c r="IG362" s="91"/>
      <c r="IH362" s="91"/>
      <c r="II362" s="91"/>
      <c r="IJ362" s="91"/>
      <c r="IK362" s="127"/>
    </row>
    <row r="363" spans="2:245" x14ac:dyDescent="0.2">
      <c r="B363" s="43"/>
      <c r="C363" s="73"/>
      <c r="D363" s="64"/>
      <c r="E363" s="64"/>
      <c r="F363" s="55"/>
      <c r="G363" s="102"/>
      <c r="H363" s="55"/>
      <c r="I363" s="55"/>
      <c r="J363" s="55"/>
      <c r="K363" s="55"/>
      <c r="L363" s="55"/>
      <c r="M363" s="55"/>
      <c r="N363" s="55"/>
      <c r="O363" s="55"/>
      <c r="P363" s="55"/>
      <c r="Q363" s="55"/>
      <c r="R363" s="55"/>
      <c r="S363" s="55"/>
      <c r="T363" s="55"/>
      <c r="U363" s="55"/>
      <c r="V363" s="55"/>
      <c r="W363" s="55"/>
      <c r="X363" s="55"/>
      <c r="Y363" s="55"/>
      <c r="Z363" s="55"/>
      <c r="AA363" s="55"/>
      <c r="AB363" s="55"/>
      <c r="AC363" s="55"/>
      <c r="AD363" s="55"/>
      <c r="AE363" s="55"/>
      <c r="AF363" s="55"/>
      <c r="AG363" s="55"/>
      <c r="AY363" s="162"/>
      <c r="AZ363" s="162"/>
      <c r="BA363" s="162"/>
      <c r="BB363" s="162"/>
      <c r="BC363" s="162"/>
      <c r="BD363" s="162"/>
      <c r="BE363" s="162"/>
      <c r="BF363" s="162"/>
      <c r="BG363" s="162"/>
      <c r="BH363" s="162"/>
      <c r="BI363" s="162"/>
      <c r="BJ363" s="162"/>
      <c r="BK363" s="162"/>
      <c r="BL363" s="162"/>
      <c r="BM363" s="162"/>
      <c r="BN363" s="162"/>
      <c r="BO363" s="162"/>
      <c r="BP363" s="162"/>
      <c r="BQ363" s="162"/>
      <c r="BR363" s="162"/>
      <c r="BS363" s="162"/>
      <c r="BT363" s="162"/>
      <c r="BU363" s="162"/>
      <c r="BV363" s="162"/>
      <c r="BW363" s="162"/>
      <c r="BX363" s="162"/>
      <c r="BY363" s="162"/>
      <c r="BZ363" s="162"/>
      <c r="CA363" s="162"/>
      <c r="CB363" s="162"/>
      <c r="CC363" s="162"/>
      <c r="CD363" s="162"/>
      <c r="CE363" s="162"/>
      <c r="CF363" s="162"/>
      <c r="CG363" s="162"/>
      <c r="CH363" s="162"/>
      <c r="CI363" s="162"/>
      <c r="CJ363" s="162"/>
      <c r="CK363" s="162"/>
      <c r="CX363" s="98"/>
      <c r="DL363" s="97"/>
      <c r="DX363" s="98"/>
      <c r="EL363" s="97"/>
      <c r="EX363" s="98"/>
      <c r="EY363" s="97"/>
      <c r="FL363" s="126"/>
      <c r="FM363" s="91"/>
      <c r="FN363" s="91"/>
      <c r="FO363" s="91"/>
      <c r="FP363" s="91"/>
      <c r="FQ363" s="91"/>
      <c r="FR363" s="91"/>
      <c r="FS363" s="91"/>
      <c r="FT363" s="91"/>
      <c r="FU363" s="91"/>
      <c r="FV363" s="91"/>
      <c r="FW363" s="91"/>
      <c r="FX363" s="91"/>
      <c r="FY363" s="91"/>
      <c r="FZ363" s="91"/>
      <c r="GA363" s="91"/>
      <c r="GB363" s="91"/>
      <c r="GC363" s="91"/>
      <c r="GD363" s="91"/>
      <c r="GE363" s="91"/>
      <c r="GF363" s="91"/>
      <c r="GG363" s="91"/>
      <c r="GH363" s="91"/>
      <c r="GI363" s="91"/>
      <c r="GJ363" s="91"/>
      <c r="GK363" s="127"/>
      <c r="GL363" s="126"/>
      <c r="GM363" s="91"/>
      <c r="GN363" s="91"/>
      <c r="GO363" s="91"/>
      <c r="GP363" s="91"/>
      <c r="GQ363" s="91"/>
      <c r="GR363" s="91"/>
      <c r="GS363" s="91"/>
      <c r="GT363" s="91"/>
      <c r="GU363" s="91"/>
      <c r="GV363" s="91"/>
      <c r="GW363" s="91"/>
      <c r="GX363" s="91"/>
      <c r="GY363" s="91"/>
      <c r="GZ363" s="91"/>
      <c r="HA363" s="91"/>
      <c r="HB363" s="91"/>
      <c r="HC363" s="91"/>
      <c r="HD363" s="91"/>
      <c r="HE363" s="91"/>
      <c r="HF363" s="91"/>
      <c r="HG363" s="91"/>
      <c r="HH363" s="91"/>
      <c r="HI363" s="91"/>
      <c r="HJ363" s="91"/>
      <c r="HK363" s="127"/>
      <c r="HL363" s="126"/>
      <c r="HM363" s="91"/>
      <c r="HN363" s="91"/>
      <c r="HO363" s="91"/>
      <c r="HP363" s="91"/>
      <c r="HQ363" s="91"/>
      <c r="HR363" s="91"/>
      <c r="HS363" s="91"/>
      <c r="HT363" s="91"/>
      <c r="HU363" s="91"/>
      <c r="HV363" s="91"/>
      <c r="HW363" s="91"/>
      <c r="HX363" s="91"/>
      <c r="HY363" s="91"/>
      <c r="HZ363" s="91"/>
      <c r="IA363" s="91"/>
      <c r="IB363" s="91"/>
      <c r="IC363" s="91"/>
      <c r="ID363" s="91"/>
      <c r="IE363" s="91"/>
      <c r="IF363" s="91"/>
      <c r="IG363" s="91"/>
      <c r="IH363" s="91"/>
      <c r="II363" s="91"/>
      <c r="IJ363" s="91"/>
      <c r="IK363" s="127"/>
    </row>
    <row r="364" spans="2:245" x14ac:dyDescent="0.2">
      <c r="B364" s="43"/>
      <c r="C364" s="73"/>
      <c r="D364" s="64"/>
      <c r="E364" s="64"/>
      <c r="F364" s="55"/>
      <c r="G364" s="102"/>
      <c r="H364" s="55"/>
      <c r="I364" s="55"/>
      <c r="J364" s="55"/>
      <c r="K364" s="55"/>
      <c r="L364" s="55"/>
      <c r="M364" s="55"/>
      <c r="N364" s="55"/>
      <c r="O364" s="55"/>
      <c r="P364" s="55"/>
      <c r="Q364" s="55"/>
      <c r="R364" s="55"/>
      <c r="S364" s="55"/>
      <c r="T364" s="55"/>
      <c r="U364" s="55"/>
      <c r="V364" s="55"/>
      <c r="W364" s="55"/>
      <c r="X364" s="55"/>
      <c r="Y364" s="55"/>
      <c r="Z364" s="55"/>
      <c r="AA364" s="55"/>
      <c r="AB364" s="55"/>
      <c r="AC364" s="55"/>
      <c r="AD364" s="55"/>
      <c r="AE364" s="55"/>
      <c r="AF364" s="55"/>
      <c r="AG364" s="55"/>
      <c r="AY364" s="162"/>
      <c r="AZ364" s="162"/>
      <c r="BA364" s="162"/>
      <c r="BB364" s="162"/>
      <c r="BC364" s="162"/>
      <c r="BD364" s="162"/>
      <c r="BE364" s="162"/>
      <c r="BF364" s="162"/>
      <c r="BG364" s="162"/>
      <c r="BH364" s="162"/>
      <c r="BI364" s="162"/>
      <c r="BJ364" s="162"/>
      <c r="BK364" s="162"/>
      <c r="BL364" s="162"/>
      <c r="BM364" s="162"/>
      <c r="BN364" s="162"/>
      <c r="BO364" s="162"/>
      <c r="BP364" s="162"/>
      <c r="BQ364" s="162"/>
      <c r="BR364" s="162"/>
      <c r="BS364" s="162"/>
      <c r="BT364" s="162"/>
      <c r="BU364" s="162"/>
      <c r="BV364" s="162"/>
      <c r="BW364" s="162"/>
      <c r="BX364" s="162"/>
      <c r="BY364" s="162"/>
      <c r="BZ364" s="162"/>
      <c r="CA364" s="162"/>
      <c r="CB364" s="162"/>
      <c r="CC364" s="162"/>
      <c r="CD364" s="162"/>
      <c r="CE364" s="162"/>
      <c r="CF364" s="162"/>
      <c r="CG364" s="162"/>
      <c r="CH364" s="162"/>
      <c r="CI364" s="162"/>
      <c r="CJ364" s="162"/>
      <c r="CK364" s="162"/>
      <c r="CX364" s="98"/>
      <c r="DL364" s="97"/>
      <c r="DX364" s="98"/>
      <c r="EL364" s="97"/>
      <c r="EX364" s="98"/>
      <c r="EY364" s="97"/>
      <c r="FL364" s="126"/>
      <c r="FM364" s="91"/>
      <c r="FN364" s="91"/>
      <c r="FO364" s="91"/>
      <c r="FP364" s="91"/>
      <c r="FQ364" s="91"/>
      <c r="FR364" s="91"/>
      <c r="FS364" s="91"/>
      <c r="FT364" s="91"/>
      <c r="FU364" s="91"/>
      <c r="FV364" s="91"/>
      <c r="FW364" s="91"/>
      <c r="FX364" s="91"/>
      <c r="FY364" s="91"/>
      <c r="FZ364" s="91"/>
      <c r="GA364" s="91"/>
      <c r="GB364" s="91"/>
      <c r="GC364" s="91"/>
      <c r="GD364" s="91"/>
      <c r="GE364" s="91"/>
      <c r="GF364" s="91"/>
      <c r="GG364" s="91"/>
      <c r="GH364" s="91"/>
      <c r="GI364" s="91"/>
      <c r="GJ364" s="91"/>
      <c r="GK364" s="127"/>
      <c r="GL364" s="126"/>
      <c r="GM364" s="91"/>
      <c r="GN364" s="91"/>
      <c r="GO364" s="91"/>
      <c r="GP364" s="91"/>
      <c r="GQ364" s="91"/>
      <c r="GR364" s="91"/>
      <c r="GS364" s="91"/>
      <c r="GT364" s="91"/>
      <c r="GU364" s="91"/>
      <c r="GV364" s="91"/>
      <c r="GW364" s="91"/>
      <c r="GX364" s="91"/>
      <c r="GY364" s="91"/>
      <c r="GZ364" s="91"/>
      <c r="HA364" s="91"/>
      <c r="HB364" s="91"/>
      <c r="HC364" s="91"/>
      <c r="HD364" s="91"/>
      <c r="HE364" s="91"/>
      <c r="HF364" s="91"/>
      <c r="HG364" s="91"/>
      <c r="HH364" s="91"/>
      <c r="HI364" s="91"/>
      <c r="HJ364" s="91"/>
      <c r="HK364" s="127"/>
      <c r="HL364" s="126"/>
      <c r="HM364" s="91"/>
      <c r="HN364" s="91"/>
      <c r="HO364" s="91"/>
      <c r="HP364" s="91"/>
      <c r="HQ364" s="91"/>
      <c r="HR364" s="91"/>
      <c r="HS364" s="91"/>
      <c r="HT364" s="91"/>
      <c r="HU364" s="91"/>
      <c r="HV364" s="91"/>
      <c r="HW364" s="91"/>
      <c r="HX364" s="91"/>
      <c r="HY364" s="91"/>
      <c r="HZ364" s="91"/>
      <c r="IA364" s="91"/>
      <c r="IB364" s="91"/>
      <c r="IC364" s="91"/>
      <c r="ID364" s="91"/>
      <c r="IE364" s="91"/>
      <c r="IF364" s="91"/>
      <c r="IG364" s="91"/>
      <c r="IH364" s="91"/>
      <c r="II364" s="91"/>
      <c r="IJ364" s="91"/>
      <c r="IK364" s="127"/>
    </row>
    <row r="365" spans="2:245" x14ac:dyDescent="0.2">
      <c r="B365" s="43"/>
      <c r="C365" s="73"/>
      <c r="D365" s="64"/>
      <c r="E365" s="64"/>
      <c r="F365" s="55"/>
      <c r="G365" s="102"/>
      <c r="H365" s="55"/>
      <c r="I365" s="55"/>
      <c r="J365" s="55"/>
      <c r="K365" s="55"/>
      <c r="L365" s="55"/>
      <c r="M365" s="55"/>
      <c r="N365" s="55"/>
      <c r="O365" s="55"/>
      <c r="P365" s="55"/>
      <c r="Q365" s="55"/>
      <c r="R365" s="55"/>
      <c r="S365" s="55"/>
      <c r="T365" s="55"/>
      <c r="U365" s="55"/>
      <c r="V365" s="55"/>
      <c r="W365" s="55"/>
      <c r="X365" s="55"/>
      <c r="Y365" s="55"/>
      <c r="Z365" s="55"/>
      <c r="AA365" s="55"/>
      <c r="AB365" s="55"/>
      <c r="AC365" s="55"/>
      <c r="AD365" s="55"/>
      <c r="AE365" s="55"/>
      <c r="AF365" s="55"/>
      <c r="AG365" s="55"/>
      <c r="AY365" s="162"/>
      <c r="AZ365" s="162"/>
      <c r="BA365" s="162"/>
      <c r="BB365" s="162"/>
      <c r="BC365" s="162"/>
      <c r="BD365" s="162"/>
      <c r="BE365" s="162"/>
      <c r="BF365" s="162"/>
      <c r="BG365" s="162"/>
      <c r="BH365" s="162"/>
      <c r="BI365" s="162"/>
      <c r="BJ365" s="162"/>
      <c r="BK365" s="162"/>
      <c r="BL365" s="162"/>
      <c r="BM365" s="162"/>
      <c r="BN365" s="162"/>
      <c r="BO365" s="162"/>
      <c r="BP365" s="162"/>
      <c r="BQ365" s="162"/>
      <c r="BR365" s="162"/>
      <c r="BS365" s="162"/>
      <c r="BT365" s="162"/>
      <c r="BU365" s="162"/>
      <c r="BV365" s="162"/>
      <c r="BW365" s="162"/>
      <c r="BX365" s="162"/>
      <c r="BY365" s="162"/>
      <c r="BZ365" s="162"/>
      <c r="CA365" s="162"/>
      <c r="CB365" s="162"/>
      <c r="CC365" s="162"/>
      <c r="CD365" s="162"/>
      <c r="CE365" s="162"/>
      <c r="CF365" s="162"/>
      <c r="CG365" s="162"/>
      <c r="CH365" s="162"/>
      <c r="CI365" s="162"/>
      <c r="CJ365" s="162"/>
      <c r="CK365" s="162"/>
      <c r="CX365" s="98"/>
      <c r="DL365" s="97"/>
      <c r="DX365" s="98"/>
      <c r="EL365" s="97"/>
      <c r="EX365" s="98"/>
      <c r="EY365" s="97"/>
      <c r="FL365" s="126"/>
      <c r="FM365" s="91"/>
      <c r="FN365" s="91"/>
      <c r="FO365" s="91"/>
      <c r="FP365" s="91"/>
      <c r="FQ365" s="91"/>
      <c r="FR365" s="91"/>
      <c r="FS365" s="91"/>
      <c r="FT365" s="91"/>
      <c r="FU365" s="91"/>
      <c r="FV365" s="91"/>
      <c r="FW365" s="91"/>
      <c r="FX365" s="91"/>
      <c r="FY365" s="91"/>
      <c r="FZ365" s="91"/>
      <c r="GA365" s="91"/>
      <c r="GB365" s="91"/>
      <c r="GC365" s="91"/>
      <c r="GD365" s="91"/>
      <c r="GE365" s="91"/>
      <c r="GF365" s="91"/>
      <c r="GG365" s="91"/>
      <c r="GH365" s="91"/>
      <c r="GI365" s="91"/>
      <c r="GJ365" s="91"/>
      <c r="GK365" s="127"/>
      <c r="GL365" s="126"/>
      <c r="GM365" s="91"/>
      <c r="GN365" s="91"/>
      <c r="GO365" s="91"/>
      <c r="GP365" s="91"/>
      <c r="GQ365" s="91"/>
      <c r="GR365" s="91"/>
      <c r="GS365" s="91"/>
      <c r="GT365" s="91"/>
      <c r="GU365" s="91"/>
      <c r="GV365" s="91"/>
      <c r="GW365" s="91"/>
      <c r="GX365" s="91"/>
      <c r="GY365" s="91"/>
      <c r="GZ365" s="91"/>
      <c r="HA365" s="91"/>
      <c r="HB365" s="91"/>
      <c r="HC365" s="91"/>
      <c r="HD365" s="91"/>
      <c r="HE365" s="91"/>
      <c r="HF365" s="91"/>
      <c r="HG365" s="91"/>
      <c r="HH365" s="91"/>
      <c r="HI365" s="91"/>
      <c r="HJ365" s="91"/>
      <c r="HK365" s="127"/>
      <c r="HL365" s="126"/>
      <c r="HM365" s="91"/>
      <c r="HN365" s="91"/>
      <c r="HO365" s="91"/>
      <c r="HP365" s="91"/>
      <c r="HQ365" s="91"/>
      <c r="HR365" s="91"/>
      <c r="HS365" s="91"/>
      <c r="HT365" s="91"/>
      <c r="HU365" s="91"/>
      <c r="HV365" s="91"/>
      <c r="HW365" s="91"/>
      <c r="HX365" s="91"/>
      <c r="HY365" s="91"/>
      <c r="HZ365" s="91"/>
      <c r="IA365" s="91"/>
      <c r="IB365" s="91"/>
      <c r="IC365" s="91"/>
      <c r="ID365" s="91"/>
      <c r="IE365" s="91"/>
      <c r="IF365" s="91"/>
      <c r="IG365" s="91"/>
      <c r="IH365" s="91"/>
      <c r="II365" s="91"/>
      <c r="IJ365" s="91"/>
      <c r="IK365" s="127"/>
    </row>
    <row r="366" spans="2:245" x14ac:dyDescent="0.2">
      <c r="B366" s="43"/>
      <c r="C366" s="73"/>
      <c r="D366" s="64"/>
      <c r="E366" s="64"/>
      <c r="F366" s="55"/>
      <c r="G366" s="102"/>
      <c r="H366" s="55"/>
      <c r="I366" s="55"/>
      <c r="J366" s="55"/>
      <c r="K366" s="55"/>
      <c r="L366" s="55"/>
      <c r="M366" s="55"/>
      <c r="N366" s="55"/>
      <c r="O366" s="55"/>
      <c r="P366" s="55"/>
      <c r="Q366" s="55"/>
      <c r="R366" s="55"/>
      <c r="S366" s="55"/>
      <c r="T366" s="55"/>
      <c r="U366" s="55"/>
      <c r="V366" s="55"/>
      <c r="W366" s="55"/>
      <c r="X366" s="55"/>
      <c r="Y366" s="55"/>
      <c r="Z366" s="55"/>
      <c r="AA366" s="55"/>
      <c r="AB366" s="55"/>
      <c r="AC366" s="55"/>
      <c r="AD366" s="55"/>
      <c r="AE366" s="55"/>
      <c r="AF366" s="55"/>
      <c r="AG366" s="55"/>
      <c r="AY366" s="162"/>
      <c r="AZ366" s="162"/>
      <c r="BA366" s="162"/>
      <c r="BB366" s="162"/>
      <c r="BC366" s="162"/>
      <c r="BD366" s="162"/>
      <c r="BE366" s="162"/>
      <c r="BF366" s="162"/>
      <c r="BG366" s="162"/>
      <c r="BH366" s="162"/>
      <c r="BI366" s="162"/>
      <c r="BJ366" s="162"/>
      <c r="BK366" s="162"/>
      <c r="BL366" s="162"/>
      <c r="BM366" s="162"/>
      <c r="BN366" s="162"/>
      <c r="BO366" s="162"/>
      <c r="BP366" s="162"/>
      <c r="BQ366" s="162"/>
      <c r="BR366" s="162"/>
      <c r="BS366" s="162"/>
      <c r="BT366" s="162"/>
      <c r="BU366" s="162"/>
      <c r="BV366" s="162"/>
      <c r="BW366" s="162"/>
      <c r="BX366" s="162"/>
      <c r="BY366" s="162"/>
      <c r="BZ366" s="162"/>
      <c r="CA366" s="162"/>
      <c r="CB366" s="162"/>
      <c r="CC366" s="162"/>
      <c r="CD366" s="162"/>
      <c r="CE366" s="162"/>
      <c r="CF366" s="162"/>
      <c r="CG366" s="162"/>
      <c r="CH366" s="162"/>
      <c r="CI366" s="162"/>
      <c r="CJ366" s="162"/>
      <c r="CK366" s="162"/>
      <c r="CX366" s="98"/>
      <c r="DL366" s="97"/>
      <c r="DX366" s="98"/>
      <c r="EL366" s="97"/>
      <c r="EX366" s="98"/>
      <c r="EY366" s="97"/>
      <c r="FL366" s="126"/>
      <c r="FM366" s="91"/>
      <c r="FN366" s="91"/>
      <c r="FO366" s="91"/>
      <c r="FP366" s="91"/>
      <c r="FQ366" s="91"/>
      <c r="FR366" s="91"/>
      <c r="FS366" s="91"/>
      <c r="FT366" s="91"/>
      <c r="FU366" s="91"/>
      <c r="FV366" s="91"/>
      <c r="FW366" s="91"/>
      <c r="FX366" s="91"/>
      <c r="FY366" s="91"/>
      <c r="FZ366" s="91"/>
      <c r="GA366" s="91"/>
      <c r="GB366" s="91"/>
      <c r="GC366" s="91"/>
      <c r="GD366" s="91"/>
      <c r="GE366" s="91"/>
      <c r="GF366" s="91"/>
      <c r="GG366" s="91"/>
      <c r="GH366" s="91"/>
      <c r="GI366" s="91"/>
      <c r="GJ366" s="91"/>
      <c r="GK366" s="127"/>
      <c r="GL366" s="126"/>
      <c r="GM366" s="91"/>
      <c r="GN366" s="91"/>
      <c r="GO366" s="91"/>
      <c r="GP366" s="91"/>
      <c r="GQ366" s="91"/>
      <c r="GR366" s="91"/>
      <c r="GS366" s="91"/>
      <c r="GT366" s="91"/>
      <c r="GU366" s="91"/>
      <c r="GV366" s="91"/>
      <c r="GW366" s="91"/>
      <c r="GX366" s="91"/>
      <c r="GY366" s="91"/>
      <c r="GZ366" s="91"/>
      <c r="HA366" s="91"/>
      <c r="HB366" s="91"/>
      <c r="HC366" s="91"/>
      <c r="HD366" s="91"/>
      <c r="HE366" s="91"/>
      <c r="HF366" s="91"/>
      <c r="HG366" s="91"/>
      <c r="HH366" s="91"/>
      <c r="HI366" s="91"/>
      <c r="HJ366" s="91"/>
      <c r="HK366" s="127"/>
      <c r="HL366" s="126"/>
      <c r="HM366" s="91"/>
      <c r="HN366" s="91"/>
      <c r="HO366" s="91"/>
      <c r="HP366" s="91"/>
      <c r="HQ366" s="91"/>
      <c r="HR366" s="91"/>
      <c r="HS366" s="91"/>
      <c r="HT366" s="91"/>
      <c r="HU366" s="91"/>
      <c r="HV366" s="91"/>
      <c r="HW366" s="91"/>
      <c r="HX366" s="91"/>
      <c r="HY366" s="91"/>
      <c r="HZ366" s="91"/>
      <c r="IA366" s="91"/>
      <c r="IB366" s="91"/>
      <c r="IC366" s="91"/>
      <c r="ID366" s="91"/>
      <c r="IE366" s="91"/>
      <c r="IF366" s="91"/>
      <c r="IG366" s="91"/>
      <c r="IH366" s="91"/>
      <c r="II366" s="91"/>
      <c r="IJ366" s="91"/>
      <c r="IK366" s="127"/>
    </row>
    <row r="367" spans="2:245" x14ac:dyDescent="0.2">
      <c r="B367" s="43"/>
      <c r="C367" s="73"/>
      <c r="D367" s="64"/>
      <c r="E367" s="64"/>
      <c r="F367" s="55"/>
      <c r="G367" s="102"/>
      <c r="H367" s="55"/>
      <c r="I367" s="55"/>
      <c r="J367" s="55"/>
      <c r="K367" s="55"/>
      <c r="L367" s="55"/>
      <c r="M367" s="55"/>
      <c r="N367" s="55"/>
      <c r="O367" s="55"/>
      <c r="P367" s="55"/>
      <c r="Q367" s="55"/>
      <c r="R367" s="55"/>
      <c r="S367" s="55"/>
      <c r="T367" s="55"/>
      <c r="U367" s="55"/>
      <c r="V367" s="55"/>
      <c r="W367" s="55"/>
      <c r="X367" s="55"/>
      <c r="Y367" s="55"/>
      <c r="Z367" s="55"/>
      <c r="AA367" s="55"/>
      <c r="AB367" s="55"/>
      <c r="AC367" s="55"/>
      <c r="AD367" s="55"/>
      <c r="AE367" s="55"/>
      <c r="AF367" s="55"/>
      <c r="AG367" s="55"/>
      <c r="AY367" s="162"/>
      <c r="AZ367" s="162"/>
      <c r="BA367" s="162"/>
      <c r="BB367" s="162"/>
      <c r="BC367" s="162"/>
      <c r="BD367" s="162"/>
      <c r="BE367" s="162"/>
      <c r="BF367" s="162"/>
      <c r="BG367" s="162"/>
      <c r="BH367" s="162"/>
      <c r="BI367" s="162"/>
      <c r="BJ367" s="162"/>
      <c r="BK367" s="162"/>
      <c r="BL367" s="162"/>
      <c r="BM367" s="162"/>
      <c r="BN367" s="162"/>
      <c r="BO367" s="162"/>
      <c r="BP367" s="162"/>
      <c r="BQ367" s="162"/>
      <c r="BR367" s="162"/>
      <c r="BS367" s="162"/>
      <c r="BT367" s="162"/>
      <c r="BU367" s="162"/>
      <c r="BV367" s="162"/>
      <c r="BW367" s="162"/>
      <c r="BX367" s="162"/>
      <c r="BY367" s="162"/>
      <c r="BZ367" s="162"/>
      <c r="CA367" s="162"/>
      <c r="CB367" s="162"/>
      <c r="CC367" s="162"/>
      <c r="CD367" s="162"/>
      <c r="CE367" s="162"/>
      <c r="CF367" s="162"/>
      <c r="CG367" s="162"/>
      <c r="CH367" s="162"/>
      <c r="CI367" s="162"/>
      <c r="CJ367" s="162"/>
      <c r="CK367" s="162"/>
      <c r="CX367" s="98"/>
      <c r="DL367" s="97"/>
      <c r="DX367" s="98"/>
      <c r="EL367" s="97"/>
      <c r="EX367" s="98"/>
      <c r="EY367" s="97"/>
      <c r="FL367" s="126"/>
      <c r="FM367" s="91"/>
      <c r="FN367" s="91"/>
      <c r="FO367" s="91"/>
      <c r="FP367" s="91"/>
      <c r="FQ367" s="91"/>
      <c r="FR367" s="91"/>
      <c r="FS367" s="91"/>
      <c r="FT367" s="91"/>
      <c r="FU367" s="91"/>
      <c r="FV367" s="91"/>
      <c r="FW367" s="91"/>
      <c r="FX367" s="91"/>
      <c r="FY367" s="91"/>
      <c r="FZ367" s="91"/>
      <c r="GA367" s="91"/>
      <c r="GB367" s="91"/>
      <c r="GC367" s="91"/>
      <c r="GD367" s="91"/>
      <c r="GE367" s="91"/>
      <c r="GF367" s="91"/>
      <c r="GG367" s="91"/>
      <c r="GH367" s="91"/>
      <c r="GI367" s="91"/>
      <c r="GJ367" s="91"/>
      <c r="GK367" s="127"/>
      <c r="GL367" s="126"/>
      <c r="GM367" s="91"/>
      <c r="GN367" s="91"/>
      <c r="GO367" s="91"/>
      <c r="GP367" s="91"/>
      <c r="GQ367" s="91"/>
      <c r="GR367" s="91"/>
      <c r="GS367" s="91"/>
      <c r="GT367" s="91"/>
      <c r="GU367" s="91"/>
      <c r="GV367" s="91"/>
      <c r="GW367" s="91"/>
      <c r="GX367" s="91"/>
      <c r="GY367" s="91"/>
      <c r="GZ367" s="91"/>
      <c r="HA367" s="91"/>
      <c r="HB367" s="91"/>
      <c r="HC367" s="91"/>
      <c r="HD367" s="91"/>
      <c r="HE367" s="91"/>
      <c r="HF367" s="91"/>
      <c r="HG367" s="91"/>
      <c r="HH367" s="91"/>
      <c r="HI367" s="91"/>
      <c r="HJ367" s="91"/>
      <c r="HK367" s="127"/>
      <c r="HL367" s="126"/>
      <c r="HM367" s="91"/>
      <c r="HN367" s="91"/>
      <c r="HO367" s="91"/>
      <c r="HP367" s="91"/>
      <c r="HQ367" s="91"/>
      <c r="HR367" s="91"/>
      <c r="HS367" s="91"/>
      <c r="HT367" s="91"/>
      <c r="HU367" s="91"/>
      <c r="HV367" s="91"/>
      <c r="HW367" s="91"/>
      <c r="HX367" s="91"/>
      <c r="HY367" s="91"/>
      <c r="HZ367" s="91"/>
      <c r="IA367" s="91"/>
      <c r="IB367" s="91"/>
      <c r="IC367" s="91"/>
      <c r="ID367" s="91"/>
      <c r="IE367" s="91"/>
      <c r="IF367" s="91"/>
      <c r="IG367" s="91"/>
      <c r="IH367" s="91"/>
      <c r="II367" s="91"/>
      <c r="IJ367" s="91"/>
      <c r="IK367" s="127"/>
    </row>
    <row r="368" spans="2:245" x14ac:dyDescent="0.2">
      <c r="B368" s="43"/>
      <c r="C368" s="73"/>
      <c r="D368" s="64"/>
      <c r="E368" s="64"/>
      <c r="F368" s="55"/>
      <c r="G368" s="102"/>
      <c r="H368" s="55"/>
      <c r="I368" s="55"/>
      <c r="J368" s="55"/>
      <c r="K368" s="55"/>
      <c r="L368" s="55"/>
      <c r="M368" s="55"/>
      <c r="N368" s="55"/>
      <c r="O368" s="55"/>
      <c r="P368" s="55"/>
      <c r="Q368" s="55"/>
      <c r="R368" s="55"/>
      <c r="S368" s="55"/>
      <c r="T368" s="55"/>
      <c r="U368" s="55"/>
      <c r="V368" s="55"/>
      <c r="W368" s="55"/>
      <c r="X368" s="55"/>
      <c r="Y368" s="55"/>
      <c r="Z368" s="55"/>
      <c r="AA368" s="55"/>
      <c r="AB368" s="55"/>
      <c r="AC368" s="55"/>
      <c r="AD368" s="55"/>
      <c r="AE368" s="55"/>
      <c r="AF368" s="55"/>
      <c r="AG368" s="55"/>
      <c r="AY368" s="162"/>
      <c r="AZ368" s="162"/>
      <c r="BA368" s="162"/>
      <c r="BB368" s="162"/>
      <c r="BC368" s="162"/>
      <c r="BD368" s="162"/>
      <c r="BE368" s="162"/>
      <c r="BF368" s="162"/>
      <c r="BG368" s="162"/>
      <c r="BH368" s="162"/>
      <c r="BI368" s="162"/>
      <c r="BJ368" s="162"/>
      <c r="BK368" s="162"/>
      <c r="BL368" s="162"/>
      <c r="BM368" s="162"/>
      <c r="BN368" s="162"/>
      <c r="BO368" s="162"/>
      <c r="BP368" s="162"/>
      <c r="BQ368" s="162"/>
      <c r="BR368" s="162"/>
      <c r="BS368" s="162"/>
      <c r="BT368" s="162"/>
      <c r="BU368" s="162"/>
      <c r="BV368" s="162"/>
      <c r="BW368" s="162"/>
      <c r="BX368" s="162"/>
      <c r="BY368" s="162"/>
      <c r="BZ368" s="162"/>
      <c r="CA368" s="162"/>
      <c r="CB368" s="162"/>
      <c r="CC368" s="162"/>
      <c r="CD368" s="162"/>
      <c r="CE368" s="162"/>
      <c r="CF368" s="162"/>
      <c r="CG368" s="162"/>
      <c r="CH368" s="162"/>
      <c r="CI368" s="162"/>
      <c r="CJ368" s="162"/>
      <c r="CK368" s="162"/>
      <c r="CX368" s="98"/>
      <c r="DL368" s="97"/>
      <c r="DX368" s="98"/>
      <c r="EL368" s="97"/>
      <c r="EX368" s="98"/>
      <c r="EY368" s="97"/>
      <c r="FL368" s="126"/>
      <c r="FM368" s="91"/>
      <c r="FN368" s="91"/>
      <c r="FO368" s="91"/>
      <c r="FP368" s="91"/>
      <c r="FQ368" s="91"/>
      <c r="FR368" s="91"/>
      <c r="FS368" s="91"/>
      <c r="FT368" s="91"/>
      <c r="FU368" s="91"/>
      <c r="FV368" s="91"/>
      <c r="FW368" s="91"/>
      <c r="FX368" s="91"/>
      <c r="FY368" s="91"/>
      <c r="FZ368" s="91"/>
      <c r="GA368" s="91"/>
      <c r="GB368" s="91"/>
      <c r="GC368" s="91"/>
      <c r="GD368" s="91"/>
      <c r="GE368" s="91"/>
      <c r="GF368" s="91"/>
      <c r="GG368" s="91"/>
      <c r="GH368" s="91"/>
      <c r="GI368" s="91"/>
      <c r="GJ368" s="91"/>
      <c r="GK368" s="127"/>
      <c r="GL368" s="126"/>
      <c r="GM368" s="91"/>
      <c r="GN368" s="91"/>
      <c r="GO368" s="91"/>
      <c r="GP368" s="91"/>
      <c r="GQ368" s="91"/>
      <c r="GR368" s="91"/>
      <c r="GS368" s="91"/>
      <c r="GT368" s="91"/>
      <c r="GU368" s="91"/>
      <c r="GV368" s="91"/>
      <c r="GW368" s="91"/>
      <c r="GX368" s="91"/>
      <c r="GY368" s="91"/>
      <c r="GZ368" s="91"/>
      <c r="HA368" s="91"/>
      <c r="HB368" s="91"/>
      <c r="HC368" s="91"/>
      <c r="HD368" s="91"/>
      <c r="HE368" s="91"/>
      <c r="HF368" s="91"/>
      <c r="HG368" s="91"/>
      <c r="HH368" s="91"/>
      <c r="HI368" s="91"/>
      <c r="HJ368" s="91"/>
      <c r="HK368" s="127"/>
      <c r="HL368" s="126"/>
      <c r="HM368" s="91"/>
      <c r="HN368" s="91"/>
      <c r="HO368" s="91"/>
      <c r="HP368" s="91"/>
      <c r="HQ368" s="91"/>
      <c r="HR368" s="91"/>
      <c r="HS368" s="91"/>
      <c r="HT368" s="91"/>
      <c r="HU368" s="91"/>
      <c r="HV368" s="91"/>
      <c r="HW368" s="91"/>
      <c r="HX368" s="91"/>
      <c r="HY368" s="91"/>
      <c r="HZ368" s="91"/>
      <c r="IA368" s="91"/>
      <c r="IB368" s="91"/>
      <c r="IC368" s="91"/>
      <c r="ID368" s="91"/>
      <c r="IE368" s="91"/>
      <c r="IF368" s="91"/>
      <c r="IG368" s="91"/>
      <c r="IH368" s="91"/>
      <c r="II368" s="91"/>
      <c r="IJ368" s="91"/>
      <c r="IK368" s="127"/>
    </row>
    <row r="369" spans="2:245" x14ac:dyDescent="0.2">
      <c r="B369" s="43"/>
      <c r="C369" s="73"/>
      <c r="D369" s="64"/>
      <c r="E369" s="64"/>
      <c r="F369" s="55"/>
      <c r="G369" s="102"/>
      <c r="H369" s="55"/>
      <c r="I369" s="55"/>
      <c r="J369" s="55"/>
      <c r="K369" s="55"/>
      <c r="L369" s="55"/>
      <c r="M369" s="55"/>
      <c r="N369" s="55"/>
      <c r="O369" s="55"/>
      <c r="P369" s="55"/>
      <c r="Q369" s="55"/>
      <c r="R369" s="55"/>
      <c r="S369" s="55"/>
      <c r="T369" s="55"/>
      <c r="U369" s="55"/>
      <c r="V369" s="55"/>
      <c r="W369" s="55"/>
      <c r="X369" s="55"/>
      <c r="Y369" s="55"/>
      <c r="Z369" s="55"/>
      <c r="AA369" s="55"/>
      <c r="AB369" s="55"/>
      <c r="AC369" s="55"/>
      <c r="AD369" s="55"/>
      <c r="AE369" s="55"/>
      <c r="AF369" s="55"/>
      <c r="AG369" s="55"/>
      <c r="AY369" s="162"/>
      <c r="AZ369" s="162"/>
      <c r="BA369" s="162"/>
      <c r="BB369" s="162"/>
      <c r="BC369" s="162"/>
      <c r="BD369" s="162"/>
      <c r="BE369" s="162"/>
      <c r="BF369" s="162"/>
      <c r="BG369" s="162"/>
      <c r="BH369" s="162"/>
      <c r="BI369" s="162"/>
      <c r="BJ369" s="162"/>
      <c r="BK369" s="162"/>
      <c r="BL369" s="162"/>
      <c r="BM369" s="162"/>
      <c r="BN369" s="162"/>
      <c r="BO369" s="162"/>
      <c r="BP369" s="162"/>
      <c r="BQ369" s="162"/>
      <c r="BR369" s="162"/>
      <c r="BS369" s="162"/>
      <c r="BT369" s="162"/>
      <c r="BU369" s="162"/>
      <c r="BV369" s="162"/>
      <c r="BW369" s="162"/>
      <c r="BX369" s="162"/>
      <c r="BY369" s="162"/>
      <c r="BZ369" s="162"/>
      <c r="CA369" s="162"/>
      <c r="CB369" s="162"/>
      <c r="CC369" s="162"/>
      <c r="CD369" s="162"/>
      <c r="CE369" s="162"/>
      <c r="CF369" s="162"/>
      <c r="CG369" s="162"/>
      <c r="CH369" s="162"/>
      <c r="CI369" s="162"/>
      <c r="CJ369" s="162"/>
      <c r="CK369" s="162"/>
      <c r="CX369" s="98"/>
      <c r="DL369" s="97"/>
      <c r="DX369" s="98"/>
      <c r="EL369" s="97"/>
      <c r="EX369" s="98"/>
      <c r="EY369" s="97"/>
      <c r="FL369" s="126"/>
      <c r="FM369" s="91"/>
      <c r="FN369" s="91"/>
      <c r="FO369" s="91"/>
      <c r="FP369" s="91"/>
      <c r="FQ369" s="91"/>
      <c r="FR369" s="91"/>
      <c r="FS369" s="91"/>
      <c r="FT369" s="91"/>
      <c r="FU369" s="91"/>
      <c r="FV369" s="91"/>
      <c r="FW369" s="91"/>
      <c r="FX369" s="91"/>
      <c r="FY369" s="91"/>
      <c r="FZ369" s="91"/>
      <c r="GA369" s="91"/>
      <c r="GB369" s="91"/>
      <c r="GC369" s="91"/>
      <c r="GD369" s="91"/>
      <c r="GE369" s="91"/>
      <c r="GF369" s="91"/>
      <c r="GG369" s="91"/>
      <c r="GH369" s="91"/>
      <c r="GI369" s="91"/>
      <c r="GJ369" s="91"/>
      <c r="GK369" s="127"/>
      <c r="GL369" s="126"/>
      <c r="GM369" s="91"/>
      <c r="GN369" s="91"/>
      <c r="GO369" s="91"/>
      <c r="GP369" s="91"/>
      <c r="GQ369" s="91"/>
      <c r="GR369" s="91"/>
      <c r="GS369" s="91"/>
      <c r="GT369" s="91"/>
      <c r="GU369" s="91"/>
      <c r="GV369" s="91"/>
      <c r="GW369" s="91"/>
      <c r="GX369" s="91"/>
      <c r="GY369" s="91"/>
      <c r="GZ369" s="91"/>
      <c r="HA369" s="91"/>
      <c r="HB369" s="91"/>
      <c r="HC369" s="91"/>
      <c r="HD369" s="91"/>
      <c r="HE369" s="91"/>
      <c r="HF369" s="91"/>
      <c r="HG369" s="91"/>
      <c r="HH369" s="91"/>
      <c r="HI369" s="91"/>
      <c r="HJ369" s="91"/>
      <c r="HK369" s="127"/>
      <c r="HL369" s="126"/>
      <c r="HM369" s="91"/>
      <c r="HN369" s="91"/>
      <c r="HO369" s="91"/>
      <c r="HP369" s="91"/>
      <c r="HQ369" s="91"/>
      <c r="HR369" s="91"/>
      <c r="HS369" s="91"/>
      <c r="HT369" s="91"/>
      <c r="HU369" s="91"/>
      <c r="HV369" s="91"/>
      <c r="HW369" s="91"/>
      <c r="HX369" s="91"/>
      <c r="HY369" s="91"/>
      <c r="HZ369" s="91"/>
      <c r="IA369" s="91"/>
      <c r="IB369" s="91"/>
      <c r="IC369" s="91"/>
      <c r="ID369" s="91"/>
      <c r="IE369" s="91"/>
      <c r="IF369" s="91"/>
      <c r="IG369" s="91"/>
      <c r="IH369" s="91"/>
      <c r="II369" s="91"/>
      <c r="IJ369" s="91"/>
      <c r="IK369" s="127"/>
    </row>
    <row r="370" spans="2:245" x14ac:dyDescent="0.2">
      <c r="B370" s="43"/>
      <c r="C370" s="73"/>
      <c r="D370" s="64"/>
      <c r="E370" s="64"/>
      <c r="F370" s="55"/>
      <c r="G370" s="102"/>
      <c r="H370" s="55"/>
      <c r="I370" s="55"/>
      <c r="J370" s="55"/>
      <c r="K370" s="55"/>
      <c r="L370" s="55"/>
      <c r="M370" s="55"/>
      <c r="N370" s="55"/>
      <c r="O370" s="55"/>
      <c r="P370" s="55"/>
      <c r="Q370" s="55"/>
      <c r="R370" s="55"/>
      <c r="S370" s="55"/>
      <c r="T370" s="55"/>
      <c r="U370" s="55"/>
      <c r="V370" s="55"/>
      <c r="W370" s="55"/>
      <c r="X370" s="55"/>
      <c r="Y370" s="55"/>
      <c r="Z370" s="55"/>
      <c r="AA370" s="55"/>
      <c r="AB370" s="55"/>
      <c r="AC370" s="55"/>
      <c r="AD370" s="55"/>
      <c r="AE370" s="55"/>
      <c r="AF370" s="55"/>
      <c r="AG370" s="55"/>
      <c r="AY370" s="162"/>
      <c r="AZ370" s="162"/>
      <c r="BA370" s="162"/>
      <c r="BB370" s="162"/>
      <c r="BC370" s="162"/>
      <c r="BD370" s="162"/>
      <c r="BE370" s="162"/>
      <c r="BF370" s="162"/>
      <c r="BG370" s="162"/>
      <c r="BH370" s="162"/>
      <c r="BI370" s="162"/>
      <c r="BJ370" s="162"/>
      <c r="BK370" s="162"/>
      <c r="BL370" s="162"/>
      <c r="BM370" s="162"/>
      <c r="BN370" s="162"/>
      <c r="BO370" s="162"/>
      <c r="BP370" s="162"/>
      <c r="BQ370" s="162"/>
      <c r="BR370" s="162"/>
      <c r="BS370" s="162"/>
      <c r="BT370" s="162"/>
      <c r="BU370" s="162"/>
      <c r="BV370" s="162"/>
      <c r="BW370" s="162"/>
      <c r="BX370" s="162"/>
      <c r="BY370" s="162"/>
      <c r="BZ370" s="162"/>
      <c r="CA370" s="162"/>
      <c r="CB370" s="162"/>
      <c r="CC370" s="162"/>
      <c r="CD370" s="162"/>
      <c r="CE370" s="162"/>
      <c r="CF370" s="162"/>
      <c r="CG370" s="162"/>
      <c r="CH370" s="162"/>
      <c r="CI370" s="162"/>
      <c r="CJ370" s="162"/>
      <c r="CK370" s="162"/>
      <c r="CX370" s="98"/>
      <c r="DL370" s="97"/>
      <c r="DX370" s="98"/>
      <c r="EL370" s="97"/>
      <c r="EX370" s="98"/>
      <c r="EY370" s="97"/>
      <c r="FL370" s="126"/>
      <c r="FM370" s="91"/>
      <c r="FN370" s="91"/>
      <c r="FO370" s="91"/>
      <c r="FP370" s="91"/>
      <c r="FQ370" s="91"/>
      <c r="FR370" s="91"/>
      <c r="FS370" s="91"/>
      <c r="FT370" s="91"/>
      <c r="FU370" s="91"/>
      <c r="FV370" s="91"/>
      <c r="FW370" s="91"/>
      <c r="FX370" s="91"/>
      <c r="FY370" s="91"/>
      <c r="FZ370" s="91"/>
      <c r="GA370" s="91"/>
      <c r="GB370" s="91"/>
      <c r="GC370" s="91"/>
      <c r="GD370" s="91"/>
      <c r="GE370" s="91"/>
      <c r="GF370" s="91"/>
      <c r="GG370" s="91"/>
      <c r="GH370" s="91"/>
      <c r="GI370" s="91"/>
      <c r="GJ370" s="91"/>
      <c r="GK370" s="127"/>
      <c r="GL370" s="126"/>
      <c r="GM370" s="91"/>
      <c r="GN370" s="91"/>
      <c r="GO370" s="91"/>
      <c r="GP370" s="91"/>
      <c r="GQ370" s="91"/>
      <c r="GR370" s="91"/>
      <c r="GS370" s="91"/>
      <c r="GT370" s="91"/>
      <c r="GU370" s="91"/>
      <c r="GV370" s="91"/>
      <c r="GW370" s="91"/>
      <c r="GX370" s="91"/>
      <c r="GY370" s="91"/>
      <c r="GZ370" s="91"/>
      <c r="HA370" s="91"/>
      <c r="HB370" s="91"/>
      <c r="HC370" s="91"/>
      <c r="HD370" s="91"/>
      <c r="HE370" s="91"/>
      <c r="HF370" s="91"/>
      <c r="HG370" s="91"/>
      <c r="HH370" s="91"/>
      <c r="HI370" s="91"/>
      <c r="HJ370" s="91"/>
      <c r="HK370" s="127"/>
      <c r="HL370" s="126"/>
      <c r="HM370" s="91"/>
      <c r="HN370" s="91"/>
      <c r="HO370" s="91"/>
      <c r="HP370" s="91"/>
      <c r="HQ370" s="91"/>
      <c r="HR370" s="91"/>
      <c r="HS370" s="91"/>
      <c r="HT370" s="91"/>
      <c r="HU370" s="91"/>
      <c r="HV370" s="91"/>
      <c r="HW370" s="91"/>
      <c r="HX370" s="91"/>
      <c r="HY370" s="91"/>
      <c r="HZ370" s="91"/>
      <c r="IA370" s="91"/>
      <c r="IB370" s="91"/>
      <c r="IC370" s="91"/>
      <c r="ID370" s="91"/>
      <c r="IE370" s="91"/>
      <c r="IF370" s="91"/>
      <c r="IG370" s="91"/>
      <c r="IH370" s="91"/>
      <c r="II370" s="91"/>
      <c r="IJ370" s="91"/>
      <c r="IK370" s="127"/>
    </row>
    <row r="371" spans="2:245" x14ac:dyDescent="0.2">
      <c r="B371" s="43"/>
      <c r="C371" s="73"/>
      <c r="D371" s="64"/>
      <c r="E371" s="64"/>
      <c r="F371" s="55"/>
      <c r="G371" s="102"/>
      <c r="H371" s="55"/>
      <c r="I371" s="55"/>
      <c r="J371" s="55"/>
      <c r="K371" s="55"/>
      <c r="L371" s="55"/>
      <c r="M371" s="55"/>
      <c r="N371" s="55"/>
      <c r="O371" s="55"/>
      <c r="P371" s="55"/>
      <c r="Q371" s="55"/>
      <c r="R371" s="55"/>
      <c r="S371" s="55"/>
      <c r="T371" s="55"/>
      <c r="U371" s="55"/>
      <c r="V371" s="55"/>
      <c r="W371" s="55"/>
      <c r="X371" s="55"/>
      <c r="Y371" s="55"/>
      <c r="Z371" s="55"/>
      <c r="AA371" s="55"/>
      <c r="AB371" s="55"/>
      <c r="AC371" s="55"/>
      <c r="AD371" s="55"/>
      <c r="AE371" s="55"/>
      <c r="AF371" s="55"/>
      <c r="AG371" s="55"/>
      <c r="AY371" s="162"/>
      <c r="AZ371" s="162"/>
      <c r="BA371" s="162"/>
      <c r="BB371" s="162"/>
      <c r="BC371" s="162"/>
      <c r="BD371" s="162"/>
      <c r="BE371" s="162"/>
      <c r="BF371" s="162"/>
      <c r="BG371" s="162"/>
      <c r="BH371" s="162"/>
      <c r="BI371" s="162"/>
      <c r="BJ371" s="162"/>
      <c r="BK371" s="162"/>
      <c r="BL371" s="162"/>
      <c r="BM371" s="162"/>
      <c r="BN371" s="162"/>
      <c r="BO371" s="162"/>
      <c r="BP371" s="162"/>
      <c r="BQ371" s="162"/>
      <c r="BR371" s="162"/>
      <c r="BS371" s="162"/>
      <c r="BT371" s="162"/>
      <c r="BU371" s="162"/>
      <c r="BV371" s="162"/>
      <c r="BW371" s="162"/>
      <c r="BX371" s="162"/>
      <c r="BY371" s="162"/>
      <c r="BZ371" s="162"/>
      <c r="CA371" s="162"/>
      <c r="CB371" s="162"/>
      <c r="CC371" s="162"/>
      <c r="CD371" s="162"/>
      <c r="CE371" s="162"/>
      <c r="CF371" s="162"/>
      <c r="CG371" s="162"/>
      <c r="CH371" s="162"/>
      <c r="CI371" s="162"/>
      <c r="CJ371" s="162"/>
      <c r="CK371" s="162"/>
      <c r="CX371" s="98"/>
      <c r="DL371" s="97"/>
      <c r="DX371" s="98"/>
      <c r="EL371" s="97"/>
      <c r="EX371" s="98"/>
      <c r="EY371" s="97"/>
      <c r="FL371" s="126"/>
      <c r="FM371" s="91"/>
      <c r="FN371" s="91"/>
      <c r="FO371" s="91"/>
      <c r="FP371" s="91"/>
      <c r="FQ371" s="91"/>
      <c r="FR371" s="91"/>
      <c r="FS371" s="91"/>
      <c r="FT371" s="91"/>
      <c r="FU371" s="91"/>
      <c r="FV371" s="91"/>
      <c r="FW371" s="91"/>
      <c r="FX371" s="91"/>
      <c r="FY371" s="91"/>
      <c r="FZ371" s="91"/>
      <c r="GA371" s="91"/>
      <c r="GB371" s="91"/>
      <c r="GC371" s="91"/>
      <c r="GD371" s="91"/>
      <c r="GE371" s="91"/>
      <c r="GF371" s="91"/>
      <c r="GG371" s="91"/>
      <c r="GH371" s="91"/>
      <c r="GI371" s="91"/>
      <c r="GJ371" s="91"/>
      <c r="GK371" s="127"/>
      <c r="GL371" s="126"/>
      <c r="GM371" s="91"/>
      <c r="GN371" s="91"/>
      <c r="GO371" s="91"/>
      <c r="GP371" s="91"/>
      <c r="GQ371" s="91"/>
      <c r="GR371" s="91"/>
      <c r="GS371" s="91"/>
      <c r="GT371" s="91"/>
      <c r="GU371" s="91"/>
      <c r="GV371" s="91"/>
      <c r="GW371" s="91"/>
      <c r="GX371" s="91"/>
      <c r="GY371" s="91"/>
      <c r="GZ371" s="91"/>
      <c r="HA371" s="91"/>
      <c r="HB371" s="91"/>
      <c r="HC371" s="91"/>
      <c r="HD371" s="91"/>
      <c r="HE371" s="91"/>
      <c r="HF371" s="91"/>
      <c r="HG371" s="91"/>
      <c r="HH371" s="91"/>
      <c r="HI371" s="91"/>
      <c r="HJ371" s="91"/>
      <c r="HK371" s="127"/>
      <c r="HL371" s="126"/>
      <c r="HM371" s="91"/>
      <c r="HN371" s="91"/>
      <c r="HO371" s="91"/>
      <c r="HP371" s="91"/>
      <c r="HQ371" s="91"/>
      <c r="HR371" s="91"/>
      <c r="HS371" s="91"/>
      <c r="HT371" s="91"/>
      <c r="HU371" s="91"/>
      <c r="HV371" s="91"/>
      <c r="HW371" s="91"/>
      <c r="HX371" s="91"/>
      <c r="HY371" s="91"/>
      <c r="HZ371" s="91"/>
      <c r="IA371" s="91"/>
      <c r="IB371" s="91"/>
      <c r="IC371" s="91"/>
      <c r="ID371" s="91"/>
      <c r="IE371" s="91"/>
      <c r="IF371" s="91"/>
      <c r="IG371" s="91"/>
      <c r="IH371" s="91"/>
      <c r="II371" s="91"/>
      <c r="IJ371" s="91"/>
      <c r="IK371" s="127"/>
    </row>
    <row r="372" spans="2:245" x14ac:dyDescent="0.2">
      <c r="B372" s="43"/>
      <c r="C372" s="73"/>
      <c r="D372" s="64"/>
      <c r="E372" s="64"/>
      <c r="F372" s="55"/>
      <c r="G372" s="102"/>
      <c r="H372" s="55"/>
      <c r="I372" s="55"/>
      <c r="J372" s="55"/>
      <c r="K372" s="55"/>
      <c r="L372" s="55"/>
      <c r="M372" s="55"/>
      <c r="N372" s="55"/>
      <c r="O372" s="55"/>
      <c r="P372" s="55"/>
      <c r="Q372" s="55"/>
      <c r="R372" s="55"/>
      <c r="S372" s="55"/>
      <c r="T372" s="55"/>
      <c r="U372" s="55"/>
      <c r="V372" s="55"/>
      <c r="W372" s="55"/>
      <c r="X372" s="55"/>
      <c r="Y372" s="55"/>
      <c r="Z372" s="55"/>
      <c r="AA372" s="55"/>
      <c r="AB372" s="55"/>
      <c r="AC372" s="55"/>
      <c r="AD372" s="55"/>
      <c r="AE372" s="55"/>
      <c r="AF372" s="55"/>
      <c r="AG372" s="55"/>
      <c r="AY372" s="162"/>
      <c r="AZ372" s="162"/>
      <c r="BA372" s="162"/>
      <c r="BB372" s="162"/>
      <c r="BC372" s="162"/>
      <c r="BD372" s="162"/>
      <c r="BE372" s="162"/>
      <c r="BF372" s="162"/>
      <c r="BG372" s="162"/>
      <c r="BH372" s="162"/>
      <c r="BI372" s="162"/>
      <c r="BJ372" s="162"/>
      <c r="BK372" s="162"/>
      <c r="BL372" s="162"/>
      <c r="BM372" s="162"/>
      <c r="BN372" s="162"/>
      <c r="BO372" s="162"/>
      <c r="BP372" s="162"/>
      <c r="BQ372" s="162"/>
      <c r="BR372" s="162"/>
      <c r="BS372" s="162"/>
      <c r="BT372" s="162"/>
      <c r="BU372" s="162"/>
      <c r="BV372" s="162"/>
      <c r="BW372" s="162"/>
      <c r="BX372" s="162"/>
      <c r="BY372" s="162"/>
      <c r="BZ372" s="162"/>
      <c r="CA372" s="162"/>
      <c r="CB372" s="162"/>
      <c r="CC372" s="162"/>
      <c r="CD372" s="162"/>
      <c r="CE372" s="162"/>
      <c r="CF372" s="162"/>
      <c r="CG372" s="162"/>
      <c r="CH372" s="162"/>
      <c r="CI372" s="162"/>
      <c r="CJ372" s="162"/>
      <c r="CK372" s="162"/>
      <c r="CX372" s="98"/>
      <c r="DL372" s="97"/>
      <c r="DX372" s="98"/>
      <c r="EL372" s="97"/>
      <c r="EX372" s="98"/>
      <c r="EY372" s="97"/>
      <c r="FL372" s="126"/>
      <c r="FM372" s="91"/>
      <c r="FN372" s="91"/>
      <c r="FO372" s="91"/>
      <c r="FP372" s="91"/>
      <c r="FQ372" s="91"/>
      <c r="FR372" s="91"/>
      <c r="FS372" s="91"/>
      <c r="FT372" s="91"/>
      <c r="FU372" s="91"/>
      <c r="FV372" s="91"/>
      <c r="FW372" s="91"/>
      <c r="FX372" s="91"/>
      <c r="FY372" s="91"/>
      <c r="FZ372" s="91"/>
      <c r="GA372" s="91"/>
      <c r="GB372" s="91"/>
      <c r="GC372" s="91"/>
      <c r="GD372" s="91"/>
      <c r="GE372" s="91"/>
      <c r="GF372" s="91"/>
      <c r="GG372" s="91"/>
      <c r="GH372" s="91"/>
      <c r="GI372" s="91"/>
      <c r="GJ372" s="91"/>
      <c r="GK372" s="127"/>
      <c r="GL372" s="126"/>
      <c r="GM372" s="91"/>
      <c r="GN372" s="91"/>
      <c r="GO372" s="91"/>
      <c r="GP372" s="91"/>
      <c r="GQ372" s="91"/>
      <c r="GR372" s="91"/>
      <c r="GS372" s="91"/>
      <c r="GT372" s="91"/>
      <c r="GU372" s="91"/>
      <c r="GV372" s="91"/>
      <c r="GW372" s="91"/>
      <c r="GX372" s="91"/>
      <c r="GY372" s="91"/>
      <c r="GZ372" s="91"/>
      <c r="HA372" s="91"/>
      <c r="HB372" s="91"/>
      <c r="HC372" s="91"/>
      <c r="HD372" s="91"/>
      <c r="HE372" s="91"/>
      <c r="HF372" s="91"/>
      <c r="HG372" s="91"/>
      <c r="HH372" s="91"/>
      <c r="HI372" s="91"/>
      <c r="HJ372" s="91"/>
      <c r="HK372" s="127"/>
      <c r="HL372" s="126"/>
      <c r="HM372" s="91"/>
      <c r="HN372" s="91"/>
      <c r="HO372" s="91"/>
      <c r="HP372" s="91"/>
      <c r="HQ372" s="91"/>
      <c r="HR372" s="91"/>
      <c r="HS372" s="91"/>
      <c r="HT372" s="91"/>
      <c r="HU372" s="91"/>
      <c r="HV372" s="91"/>
      <c r="HW372" s="91"/>
      <c r="HX372" s="91"/>
      <c r="HY372" s="91"/>
      <c r="HZ372" s="91"/>
      <c r="IA372" s="91"/>
      <c r="IB372" s="91"/>
      <c r="IC372" s="91"/>
      <c r="ID372" s="91"/>
      <c r="IE372" s="91"/>
      <c r="IF372" s="91"/>
      <c r="IG372" s="91"/>
      <c r="IH372" s="91"/>
      <c r="II372" s="91"/>
      <c r="IJ372" s="91"/>
      <c r="IK372" s="127"/>
    </row>
    <row r="373" spans="2:245" x14ac:dyDescent="0.2">
      <c r="B373" s="43"/>
      <c r="C373" s="73"/>
      <c r="D373" s="64"/>
      <c r="E373" s="64"/>
      <c r="F373" s="55"/>
      <c r="G373" s="102"/>
      <c r="H373" s="55"/>
      <c r="I373" s="55"/>
      <c r="J373" s="55"/>
      <c r="K373" s="55"/>
      <c r="L373" s="55"/>
      <c r="M373" s="55"/>
      <c r="N373" s="55"/>
      <c r="O373" s="55"/>
      <c r="P373" s="55"/>
      <c r="Q373" s="55"/>
      <c r="R373" s="55"/>
      <c r="S373" s="55"/>
      <c r="T373" s="55"/>
      <c r="U373" s="55"/>
      <c r="V373" s="55"/>
      <c r="W373" s="55"/>
      <c r="X373" s="55"/>
      <c r="Y373" s="55"/>
      <c r="Z373" s="55"/>
      <c r="AA373" s="55"/>
      <c r="AB373" s="55"/>
      <c r="AC373" s="55"/>
      <c r="AD373" s="55"/>
      <c r="AE373" s="55"/>
      <c r="AF373" s="55"/>
      <c r="AG373" s="55"/>
      <c r="AY373" s="162"/>
      <c r="AZ373" s="162"/>
      <c r="BA373" s="162"/>
      <c r="BB373" s="162"/>
      <c r="BC373" s="162"/>
      <c r="BD373" s="162"/>
      <c r="BE373" s="162"/>
      <c r="BF373" s="162"/>
      <c r="BG373" s="162"/>
      <c r="BH373" s="162"/>
      <c r="BI373" s="162"/>
      <c r="BJ373" s="162"/>
      <c r="BK373" s="162"/>
      <c r="BL373" s="162"/>
      <c r="BM373" s="162"/>
      <c r="BN373" s="162"/>
      <c r="BO373" s="162"/>
      <c r="BP373" s="162"/>
      <c r="BQ373" s="162"/>
      <c r="BR373" s="162"/>
      <c r="BS373" s="162"/>
      <c r="BT373" s="162"/>
      <c r="BU373" s="162"/>
      <c r="BV373" s="162"/>
      <c r="BW373" s="162"/>
      <c r="BX373" s="162"/>
      <c r="BY373" s="162"/>
      <c r="BZ373" s="162"/>
      <c r="CA373" s="162"/>
      <c r="CB373" s="162"/>
      <c r="CC373" s="162"/>
      <c r="CD373" s="162"/>
      <c r="CE373" s="162"/>
      <c r="CF373" s="162"/>
      <c r="CG373" s="162"/>
      <c r="CH373" s="162"/>
      <c r="CI373" s="162"/>
      <c r="CJ373" s="162"/>
      <c r="CK373" s="162"/>
      <c r="CX373" s="98"/>
      <c r="DL373" s="97"/>
      <c r="DX373" s="98"/>
      <c r="EL373" s="97"/>
      <c r="EX373" s="98"/>
      <c r="EY373" s="97"/>
      <c r="FL373" s="126"/>
      <c r="FM373" s="91"/>
      <c r="FN373" s="91"/>
      <c r="FO373" s="91"/>
      <c r="FP373" s="91"/>
      <c r="FQ373" s="91"/>
      <c r="FR373" s="91"/>
      <c r="FS373" s="91"/>
      <c r="FT373" s="91"/>
      <c r="FU373" s="91"/>
      <c r="FV373" s="91"/>
      <c r="FW373" s="91"/>
      <c r="FX373" s="91"/>
      <c r="FY373" s="91"/>
      <c r="FZ373" s="91"/>
      <c r="GA373" s="91"/>
      <c r="GB373" s="91"/>
      <c r="GC373" s="91"/>
      <c r="GD373" s="91"/>
      <c r="GE373" s="91"/>
      <c r="GF373" s="91"/>
      <c r="GG373" s="91"/>
      <c r="GH373" s="91"/>
      <c r="GI373" s="91"/>
      <c r="GJ373" s="91"/>
      <c r="GK373" s="127"/>
      <c r="GL373" s="126"/>
      <c r="GM373" s="91"/>
      <c r="GN373" s="91"/>
      <c r="GO373" s="91"/>
      <c r="GP373" s="91"/>
      <c r="GQ373" s="91"/>
      <c r="GR373" s="91"/>
      <c r="GS373" s="91"/>
      <c r="GT373" s="91"/>
      <c r="GU373" s="91"/>
      <c r="GV373" s="91"/>
      <c r="GW373" s="91"/>
      <c r="GX373" s="91"/>
      <c r="GY373" s="91"/>
      <c r="GZ373" s="91"/>
      <c r="HA373" s="91"/>
      <c r="HB373" s="91"/>
      <c r="HC373" s="91"/>
      <c r="HD373" s="91"/>
      <c r="HE373" s="91"/>
      <c r="HF373" s="91"/>
      <c r="HG373" s="91"/>
      <c r="HH373" s="91"/>
      <c r="HI373" s="91"/>
      <c r="HJ373" s="91"/>
      <c r="HK373" s="127"/>
      <c r="HL373" s="126"/>
      <c r="HM373" s="91"/>
      <c r="HN373" s="91"/>
      <c r="HO373" s="91"/>
      <c r="HP373" s="91"/>
      <c r="HQ373" s="91"/>
      <c r="HR373" s="91"/>
      <c r="HS373" s="91"/>
      <c r="HT373" s="91"/>
      <c r="HU373" s="91"/>
      <c r="HV373" s="91"/>
      <c r="HW373" s="91"/>
      <c r="HX373" s="91"/>
      <c r="HY373" s="91"/>
      <c r="HZ373" s="91"/>
      <c r="IA373" s="91"/>
      <c r="IB373" s="91"/>
      <c r="IC373" s="91"/>
      <c r="ID373" s="91"/>
      <c r="IE373" s="91"/>
      <c r="IF373" s="91"/>
      <c r="IG373" s="91"/>
      <c r="IH373" s="91"/>
      <c r="II373" s="91"/>
      <c r="IJ373" s="91"/>
      <c r="IK373" s="127"/>
    </row>
    <row r="374" spans="2:245" x14ac:dyDescent="0.2">
      <c r="B374" s="43"/>
      <c r="C374" s="73"/>
      <c r="D374" s="64"/>
      <c r="E374" s="64"/>
      <c r="F374" s="55"/>
      <c r="G374" s="102"/>
      <c r="H374" s="55"/>
      <c r="I374" s="55"/>
      <c r="J374" s="55"/>
      <c r="K374" s="55"/>
      <c r="L374" s="55"/>
      <c r="M374" s="55"/>
      <c r="N374" s="55"/>
      <c r="O374" s="55"/>
      <c r="P374" s="55"/>
      <c r="Q374" s="55"/>
      <c r="R374" s="55"/>
      <c r="S374" s="55"/>
      <c r="T374" s="55"/>
      <c r="U374" s="55"/>
      <c r="V374" s="55"/>
      <c r="W374" s="55"/>
      <c r="X374" s="55"/>
      <c r="Y374" s="55"/>
      <c r="Z374" s="55"/>
      <c r="AA374" s="55"/>
      <c r="AB374" s="55"/>
      <c r="AC374" s="55"/>
      <c r="AD374" s="55"/>
      <c r="AE374" s="55"/>
      <c r="AF374" s="55"/>
      <c r="AG374" s="55"/>
      <c r="AY374" s="162"/>
      <c r="AZ374" s="162"/>
      <c r="BA374" s="162"/>
      <c r="BB374" s="162"/>
      <c r="BC374" s="162"/>
      <c r="BD374" s="162"/>
      <c r="BE374" s="162"/>
      <c r="BF374" s="162"/>
      <c r="BG374" s="162"/>
      <c r="BH374" s="162"/>
      <c r="BI374" s="162"/>
      <c r="BJ374" s="162"/>
      <c r="BK374" s="162"/>
      <c r="BL374" s="162"/>
      <c r="BM374" s="162"/>
      <c r="BN374" s="162"/>
      <c r="BO374" s="162"/>
      <c r="BP374" s="162"/>
      <c r="BQ374" s="162"/>
      <c r="BR374" s="162"/>
      <c r="BS374" s="162"/>
      <c r="BT374" s="162"/>
      <c r="BU374" s="162"/>
      <c r="BV374" s="162"/>
      <c r="BW374" s="162"/>
      <c r="BX374" s="162"/>
      <c r="BY374" s="162"/>
      <c r="BZ374" s="162"/>
      <c r="CA374" s="162"/>
      <c r="CB374" s="162"/>
      <c r="CC374" s="162"/>
      <c r="CD374" s="162"/>
      <c r="CE374" s="162"/>
      <c r="CF374" s="162"/>
      <c r="CG374" s="162"/>
      <c r="CH374" s="162"/>
      <c r="CI374" s="162"/>
      <c r="CJ374" s="162"/>
      <c r="CK374" s="162"/>
      <c r="CX374" s="98"/>
      <c r="DL374" s="97"/>
      <c r="DX374" s="98"/>
      <c r="EL374" s="97"/>
      <c r="EX374" s="98"/>
      <c r="EY374" s="97"/>
      <c r="FL374" s="126"/>
      <c r="FM374" s="91"/>
      <c r="FN374" s="91"/>
      <c r="FO374" s="91"/>
      <c r="FP374" s="91"/>
      <c r="FQ374" s="91"/>
      <c r="FR374" s="91"/>
      <c r="FS374" s="91"/>
      <c r="FT374" s="91"/>
      <c r="FU374" s="91"/>
      <c r="FV374" s="91"/>
      <c r="FW374" s="91"/>
      <c r="FX374" s="91"/>
      <c r="FY374" s="91"/>
      <c r="FZ374" s="91"/>
      <c r="GA374" s="91"/>
      <c r="GB374" s="91"/>
      <c r="GC374" s="91"/>
      <c r="GD374" s="91"/>
      <c r="GE374" s="91"/>
      <c r="GF374" s="91"/>
      <c r="GG374" s="91"/>
      <c r="GH374" s="91"/>
      <c r="GI374" s="91"/>
      <c r="GJ374" s="91"/>
      <c r="GK374" s="127"/>
      <c r="GL374" s="126"/>
      <c r="GM374" s="91"/>
      <c r="GN374" s="91"/>
      <c r="GO374" s="91"/>
      <c r="GP374" s="91"/>
      <c r="GQ374" s="91"/>
      <c r="GR374" s="91"/>
      <c r="GS374" s="91"/>
      <c r="GT374" s="91"/>
      <c r="GU374" s="91"/>
      <c r="GV374" s="91"/>
      <c r="GW374" s="91"/>
      <c r="GX374" s="91"/>
      <c r="GY374" s="91"/>
      <c r="GZ374" s="91"/>
      <c r="HA374" s="91"/>
      <c r="HB374" s="91"/>
      <c r="HC374" s="91"/>
      <c r="HD374" s="91"/>
      <c r="HE374" s="91"/>
      <c r="HF374" s="91"/>
      <c r="HG374" s="91"/>
      <c r="HH374" s="91"/>
      <c r="HI374" s="91"/>
      <c r="HJ374" s="91"/>
      <c r="HK374" s="127"/>
      <c r="HL374" s="126"/>
      <c r="HM374" s="91"/>
      <c r="HN374" s="91"/>
      <c r="HO374" s="91"/>
      <c r="HP374" s="91"/>
      <c r="HQ374" s="91"/>
      <c r="HR374" s="91"/>
      <c r="HS374" s="91"/>
      <c r="HT374" s="91"/>
      <c r="HU374" s="91"/>
      <c r="HV374" s="91"/>
      <c r="HW374" s="91"/>
      <c r="HX374" s="91"/>
      <c r="HY374" s="91"/>
      <c r="HZ374" s="91"/>
      <c r="IA374" s="91"/>
      <c r="IB374" s="91"/>
      <c r="IC374" s="91"/>
      <c r="ID374" s="91"/>
      <c r="IE374" s="91"/>
      <c r="IF374" s="91"/>
      <c r="IG374" s="91"/>
      <c r="IH374" s="91"/>
      <c r="II374" s="91"/>
      <c r="IJ374" s="91"/>
      <c r="IK374" s="127"/>
    </row>
    <row r="375" spans="2:245" x14ac:dyDescent="0.2">
      <c r="B375" s="43"/>
      <c r="C375" s="73"/>
      <c r="D375" s="64"/>
      <c r="E375" s="64"/>
      <c r="F375" s="55"/>
      <c r="G375" s="102"/>
      <c r="H375" s="55"/>
      <c r="I375" s="55"/>
      <c r="J375" s="55"/>
      <c r="K375" s="55"/>
      <c r="L375" s="55"/>
      <c r="M375" s="55"/>
      <c r="N375" s="55"/>
      <c r="O375" s="55"/>
      <c r="P375" s="55"/>
      <c r="Q375" s="55"/>
      <c r="R375" s="55"/>
      <c r="S375" s="55"/>
      <c r="T375" s="55"/>
      <c r="U375" s="55"/>
      <c r="V375" s="55"/>
      <c r="W375" s="55"/>
      <c r="X375" s="55"/>
      <c r="Y375" s="55"/>
      <c r="Z375" s="55"/>
      <c r="AA375" s="55"/>
      <c r="AB375" s="55"/>
      <c r="AC375" s="55"/>
      <c r="AD375" s="55"/>
      <c r="AE375" s="55"/>
      <c r="AF375" s="55"/>
      <c r="AG375" s="55"/>
      <c r="AY375" s="162"/>
      <c r="AZ375" s="162"/>
      <c r="BA375" s="162"/>
      <c r="BB375" s="162"/>
      <c r="BC375" s="162"/>
      <c r="BD375" s="162"/>
      <c r="BE375" s="162"/>
      <c r="BF375" s="162"/>
      <c r="BG375" s="162"/>
      <c r="BH375" s="162"/>
      <c r="BI375" s="162"/>
      <c r="BJ375" s="162"/>
      <c r="BK375" s="162"/>
      <c r="BL375" s="162"/>
      <c r="BM375" s="162"/>
      <c r="BN375" s="162"/>
      <c r="BO375" s="162"/>
      <c r="BP375" s="162"/>
      <c r="BQ375" s="162"/>
      <c r="BR375" s="162"/>
      <c r="BS375" s="162"/>
      <c r="BT375" s="162"/>
      <c r="BU375" s="162"/>
      <c r="BV375" s="162"/>
      <c r="BW375" s="162"/>
      <c r="BX375" s="162"/>
      <c r="BY375" s="162"/>
      <c r="BZ375" s="162"/>
      <c r="CA375" s="162"/>
      <c r="CB375" s="162"/>
      <c r="CC375" s="162"/>
      <c r="CD375" s="162"/>
      <c r="CE375" s="162"/>
      <c r="CF375" s="162"/>
      <c r="CG375" s="162"/>
      <c r="CH375" s="162"/>
      <c r="CI375" s="162"/>
      <c r="CJ375" s="162"/>
      <c r="CK375" s="162"/>
      <c r="CX375" s="98"/>
      <c r="DL375" s="97"/>
      <c r="DX375" s="98"/>
      <c r="EL375" s="97"/>
      <c r="EX375" s="98"/>
      <c r="EY375" s="97"/>
      <c r="FL375" s="126"/>
      <c r="FM375" s="91"/>
      <c r="FN375" s="91"/>
      <c r="FO375" s="91"/>
      <c r="FP375" s="91"/>
      <c r="FQ375" s="91"/>
      <c r="FR375" s="91"/>
      <c r="FS375" s="91"/>
      <c r="FT375" s="91"/>
      <c r="FU375" s="91"/>
      <c r="FV375" s="91"/>
      <c r="FW375" s="91"/>
      <c r="FX375" s="91"/>
      <c r="FY375" s="91"/>
      <c r="FZ375" s="91"/>
      <c r="GA375" s="91"/>
      <c r="GB375" s="91"/>
      <c r="GC375" s="91"/>
      <c r="GD375" s="91"/>
      <c r="GE375" s="91"/>
      <c r="GF375" s="91"/>
      <c r="GG375" s="91"/>
      <c r="GH375" s="91"/>
      <c r="GI375" s="91"/>
      <c r="GJ375" s="91"/>
      <c r="GK375" s="127"/>
      <c r="GL375" s="126"/>
      <c r="GM375" s="91"/>
      <c r="GN375" s="91"/>
      <c r="GO375" s="91"/>
      <c r="GP375" s="91"/>
      <c r="GQ375" s="91"/>
      <c r="GR375" s="91"/>
      <c r="GS375" s="91"/>
      <c r="GT375" s="91"/>
      <c r="GU375" s="91"/>
      <c r="GV375" s="91"/>
      <c r="GW375" s="91"/>
      <c r="GX375" s="91"/>
      <c r="GY375" s="91"/>
      <c r="GZ375" s="91"/>
      <c r="HA375" s="91"/>
      <c r="HB375" s="91"/>
      <c r="HC375" s="91"/>
      <c r="HD375" s="91"/>
      <c r="HE375" s="91"/>
      <c r="HF375" s="91"/>
      <c r="HG375" s="91"/>
      <c r="HH375" s="91"/>
      <c r="HI375" s="91"/>
      <c r="HJ375" s="91"/>
      <c r="HK375" s="127"/>
      <c r="HL375" s="126"/>
      <c r="HM375" s="91"/>
      <c r="HN375" s="91"/>
      <c r="HO375" s="91"/>
      <c r="HP375" s="91"/>
      <c r="HQ375" s="91"/>
      <c r="HR375" s="91"/>
      <c r="HS375" s="91"/>
      <c r="HT375" s="91"/>
      <c r="HU375" s="91"/>
      <c r="HV375" s="91"/>
      <c r="HW375" s="91"/>
      <c r="HX375" s="91"/>
      <c r="HY375" s="91"/>
      <c r="HZ375" s="91"/>
      <c r="IA375" s="91"/>
      <c r="IB375" s="91"/>
      <c r="IC375" s="91"/>
      <c r="ID375" s="91"/>
      <c r="IE375" s="91"/>
      <c r="IF375" s="91"/>
      <c r="IG375" s="91"/>
      <c r="IH375" s="91"/>
      <c r="II375" s="91"/>
      <c r="IJ375" s="91"/>
      <c r="IK375" s="127"/>
    </row>
    <row r="376" spans="2:245" x14ac:dyDescent="0.2">
      <c r="B376" s="43"/>
      <c r="C376" s="73"/>
      <c r="D376" s="64"/>
      <c r="E376" s="64"/>
      <c r="F376" s="55"/>
      <c r="G376" s="102"/>
      <c r="H376" s="55"/>
      <c r="I376" s="55"/>
      <c r="J376" s="55"/>
      <c r="K376" s="55"/>
      <c r="L376" s="55"/>
      <c r="M376" s="55"/>
      <c r="N376" s="55"/>
      <c r="O376" s="55"/>
      <c r="P376" s="55"/>
      <c r="Q376" s="55"/>
      <c r="R376" s="55"/>
      <c r="S376" s="55"/>
      <c r="T376" s="55"/>
      <c r="U376" s="55"/>
      <c r="V376" s="55"/>
      <c r="W376" s="55"/>
      <c r="X376" s="55"/>
      <c r="Y376" s="55"/>
      <c r="Z376" s="55"/>
      <c r="AA376" s="55"/>
      <c r="AB376" s="55"/>
      <c r="AC376" s="55"/>
      <c r="AD376" s="55"/>
      <c r="AE376" s="55"/>
      <c r="AF376" s="55"/>
      <c r="AG376" s="55"/>
      <c r="AY376" s="162"/>
      <c r="AZ376" s="162"/>
      <c r="BA376" s="162"/>
      <c r="BB376" s="162"/>
      <c r="BC376" s="162"/>
      <c r="BD376" s="162"/>
      <c r="BE376" s="162"/>
      <c r="BF376" s="162"/>
      <c r="BG376" s="162"/>
      <c r="BH376" s="162"/>
      <c r="BI376" s="162"/>
      <c r="BJ376" s="162"/>
      <c r="BK376" s="162"/>
      <c r="BL376" s="162"/>
      <c r="BM376" s="162"/>
      <c r="BN376" s="162"/>
      <c r="BO376" s="162"/>
      <c r="BP376" s="162"/>
      <c r="BQ376" s="162"/>
      <c r="BR376" s="162"/>
      <c r="BS376" s="162"/>
      <c r="BT376" s="162"/>
      <c r="BU376" s="162"/>
      <c r="BV376" s="162"/>
      <c r="BW376" s="162"/>
      <c r="BX376" s="162"/>
      <c r="BY376" s="162"/>
      <c r="BZ376" s="162"/>
      <c r="CA376" s="162"/>
      <c r="CB376" s="162"/>
      <c r="CC376" s="162"/>
      <c r="CD376" s="162"/>
      <c r="CE376" s="162"/>
      <c r="CF376" s="162"/>
      <c r="CG376" s="162"/>
      <c r="CH376" s="162"/>
      <c r="CI376" s="162"/>
      <c r="CJ376" s="162"/>
      <c r="CK376" s="162"/>
      <c r="CX376" s="98"/>
      <c r="DL376" s="97"/>
      <c r="DX376" s="98"/>
      <c r="EL376" s="97"/>
      <c r="EX376" s="98"/>
      <c r="EY376" s="97"/>
      <c r="FL376" s="126"/>
      <c r="FM376" s="91"/>
      <c r="FN376" s="91"/>
      <c r="FO376" s="91"/>
      <c r="FP376" s="91"/>
      <c r="FQ376" s="91"/>
      <c r="FR376" s="91"/>
      <c r="FS376" s="91"/>
      <c r="FT376" s="91"/>
      <c r="FU376" s="91"/>
      <c r="FV376" s="91"/>
      <c r="FW376" s="91"/>
      <c r="FX376" s="91"/>
      <c r="FY376" s="91"/>
      <c r="FZ376" s="91"/>
      <c r="GA376" s="91"/>
      <c r="GB376" s="91"/>
      <c r="GC376" s="91"/>
      <c r="GD376" s="91"/>
      <c r="GE376" s="91"/>
      <c r="GF376" s="91"/>
      <c r="GG376" s="91"/>
      <c r="GH376" s="91"/>
      <c r="GI376" s="91"/>
      <c r="GJ376" s="91"/>
      <c r="GK376" s="127"/>
      <c r="GL376" s="126"/>
      <c r="GM376" s="91"/>
      <c r="GN376" s="91"/>
      <c r="GO376" s="91"/>
      <c r="GP376" s="91"/>
      <c r="GQ376" s="91"/>
      <c r="GR376" s="91"/>
      <c r="GS376" s="91"/>
      <c r="GT376" s="91"/>
      <c r="GU376" s="91"/>
      <c r="GV376" s="91"/>
      <c r="GW376" s="91"/>
      <c r="GX376" s="91"/>
      <c r="GY376" s="91"/>
      <c r="GZ376" s="91"/>
      <c r="HA376" s="91"/>
      <c r="HB376" s="91"/>
      <c r="HC376" s="91"/>
      <c r="HD376" s="91"/>
      <c r="HE376" s="91"/>
      <c r="HF376" s="91"/>
      <c r="HG376" s="91"/>
      <c r="HH376" s="91"/>
      <c r="HI376" s="91"/>
      <c r="HJ376" s="91"/>
      <c r="HK376" s="127"/>
      <c r="HL376" s="126"/>
      <c r="HM376" s="91"/>
      <c r="HN376" s="91"/>
      <c r="HO376" s="91"/>
      <c r="HP376" s="91"/>
      <c r="HQ376" s="91"/>
      <c r="HR376" s="91"/>
      <c r="HS376" s="91"/>
      <c r="HT376" s="91"/>
      <c r="HU376" s="91"/>
      <c r="HV376" s="91"/>
      <c r="HW376" s="91"/>
      <c r="HX376" s="91"/>
      <c r="HY376" s="91"/>
      <c r="HZ376" s="91"/>
      <c r="IA376" s="91"/>
      <c r="IB376" s="91"/>
      <c r="IC376" s="91"/>
      <c r="ID376" s="91"/>
      <c r="IE376" s="91"/>
      <c r="IF376" s="91"/>
      <c r="IG376" s="91"/>
      <c r="IH376" s="91"/>
      <c r="II376" s="91"/>
      <c r="IJ376" s="91"/>
      <c r="IK376" s="127"/>
    </row>
    <row r="377" spans="2:245" x14ac:dyDescent="0.2">
      <c r="B377" s="43"/>
      <c r="C377" s="73"/>
      <c r="D377" s="64"/>
      <c r="E377" s="64"/>
      <c r="F377" s="55"/>
      <c r="G377" s="102"/>
      <c r="H377" s="55"/>
      <c r="I377" s="55"/>
      <c r="J377" s="55"/>
      <c r="K377" s="55"/>
      <c r="L377" s="55"/>
      <c r="M377" s="55"/>
      <c r="N377" s="55"/>
      <c r="O377" s="55"/>
      <c r="P377" s="55"/>
      <c r="Q377" s="55"/>
      <c r="R377" s="55"/>
      <c r="S377" s="55"/>
      <c r="T377" s="55"/>
      <c r="U377" s="55"/>
      <c r="V377" s="55"/>
      <c r="W377" s="55"/>
      <c r="X377" s="55"/>
      <c r="Y377" s="55"/>
      <c r="Z377" s="55"/>
      <c r="AA377" s="55"/>
      <c r="AB377" s="55"/>
      <c r="AC377" s="55"/>
      <c r="AD377" s="55"/>
      <c r="AE377" s="55"/>
      <c r="AF377" s="55"/>
      <c r="AG377" s="55"/>
      <c r="AY377" s="162"/>
      <c r="AZ377" s="162"/>
      <c r="BA377" s="162"/>
      <c r="BB377" s="162"/>
      <c r="BC377" s="162"/>
      <c r="BD377" s="162"/>
      <c r="BE377" s="162"/>
      <c r="BF377" s="162"/>
      <c r="BG377" s="162"/>
      <c r="BH377" s="162"/>
      <c r="BI377" s="162"/>
      <c r="BJ377" s="162"/>
      <c r="BK377" s="162"/>
      <c r="BL377" s="162"/>
      <c r="BM377" s="162"/>
      <c r="BN377" s="162"/>
      <c r="BO377" s="162"/>
      <c r="BP377" s="162"/>
      <c r="BQ377" s="162"/>
      <c r="BR377" s="162"/>
      <c r="BS377" s="162"/>
      <c r="BT377" s="162"/>
      <c r="BU377" s="162"/>
      <c r="BV377" s="162"/>
      <c r="BW377" s="162"/>
      <c r="BX377" s="162"/>
      <c r="BY377" s="162"/>
      <c r="BZ377" s="162"/>
      <c r="CA377" s="162"/>
      <c r="CB377" s="162"/>
      <c r="CC377" s="162"/>
      <c r="CD377" s="162"/>
      <c r="CE377" s="162"/>
      <c r="CF377" s="162"/>
      <c r="CG377" s="162"/>
      <c r="CH377" s="162"/>
      <c r="CI377" s="162"/>
      <c r="CJ377" s="162"/>
      <c r="CK377" s="162"/>
      <c r="CX377" s="98"/>
      <c r="DL377" s="97"/>
      <c r="DX377" s="98"/>
      <c r="EL377" s="97"/>
      <c r="EX377" s="98"/>
      <c r="EY377" s="97"/>
      <c r="FL377" s="126"/>
      <c r="FM377" s="91"/>
      <c r="FN377" s="91"/>
      <c r="FO377" s="91"/>
      <c r="FP377" s="91"/>
      <c r="FQ377" s="91"/>
      <c r="FR377" s="91"/>
      <c r="FS377" s="91"/>
      <c r="FT377" s="91"/>
      <c r="FU377" s="91"/>
      <c r="FV377" s="91"/>
      <c r="FW377" s="91"/>
      <c r="FX377" s="91"/>
      <c r="FY377" s="91"/>
      <c r="FZ377" s="91"/>
      <c r="GA377" s="91"/>
      <c r="GB377" s="91"/>
      <c r="GC377" s="91"/>
      <c r="GD377" s="91"/>
      <c r="GE377" s="91"/>
      <c r="GF377" s="91"/>
      <c r="GG377" s="91"/>
      <c r="GH377" s="91"/>
      <c r="GI377" s="91"/>
      <c r="GJ377" s="91"/>
      <c r="GK377" s="127"/>
      <c r="GL377" s="126"/>
      <c r="GM377" s="91"/>
      <c r="GN377" s="91"/>
      <c r="GO377" s="91"/>
      <c r="GP377" s="91"/>
      <c r="GQ377" s="91"/>
      <c r="GR377" s="91"/>
      <c r="GS377" s="91"/>
      <c r="GT377" s="91"/>
      <c r="GU377" s="91"/>
      <c r="GV377" s="91"/>
      <c r="GW377" s="91"/>
      <c r="GX377" s="91"/>
      <c r="GY377" s="91"/>
      <c r="GZ377" s="91"/>
      <c r="HA377" s="91"/>
      <c r="HB377" s="91"/>
      <c r="HC377" s="91"/>
      <c r="HD377" s="91"/>
      <c r="HE377" s="91"/>
      <c r="HF377" s="91"/>
      <c r="HG377" s="91"/>
      <c r="HH377" s="91"/>
      <c r="HI377" s="91"/>
      <c r="HJ377" s="91"/>
      <c r="HK377" s="127"/>
      <c r="HL377" s="126"/>
      <c r="HM377" s="91"/>
      <c r="HN377" s="91"/>
      <c r="HO377" s="91"/>
      <c r="HP377" s="91"/>
      <c r="HQ377" s="91"/>
      <c r="HR377" s="91"/>
      <c r="HS377" s="91"/>
      <c r="HT377" s="91"/>
      <c r="HU377" s="91"/>
      <c r="HV377" s="91"/>
      <c r="HW377" s="91"/>
      <c r="HX377" s="91"/>
      <c r="HY377" s="91"/>
      <c r="HZ377" s="91"/>
      <c r="IA377" s="91"/>
      <c r="IB377" s="91"/>
      <c r="IC377" s="91"/>
      <c r="ID377" s="91"/>
      <c r="IE377" s="91"/>
      <c r="IF377" s="91"/>
      <c r="IG377" s="91"/>
      <c r="IH377" s="91"/>
      <c r="II377" s="91"/>
      <c r="IJ377" s="91"/>
      <c r="IK377" s="127"/>
    </row>
    <row r="378" spans="2:245" x14ac:dyDescent="0.2">
      <c r="B378" s="43"/>
      <c r="C378" s="73"/>
      <c r="D378" s="64"/>
      <c r="E378" s="64"/>
      <c r="F378" s="55"/>
      <c r="G378" s="102"/>
      <c r="H378" s="55"/>
      <c r="I378" s="55"/>
      <c r="J378" s="55"/>
      <c r="K378" s="55"/>
      <c r="L378" s="55"/>
      <c r="M378" s="55"/>
      <c r="N378" s="55"/>
      <c r="O378" s="55"/>
      <c r="P378" s="55"/>
      <c r="Q378" s="55"/>
      <c r="R378" s="55"/>
      <c r="S378" s="55"/>
      <c r="T378" s="55"/>
      <c r="U378" s="55"/>
      <c r="V378" s="55"/>
      <c r="W378" s="55"/>
      <c r="X378" s="55"/>
      <c r="Y378" s="55"/>
      <c r="Z378" s="55"/>
      <c r="AA378" s="55"/>
      <c r="AB378" s="55"/>
      <c r="AC378" s="55"/>
      <c r="AD378" s="55"/>
      <c r="AE378" s="55"/>
      <c r="AF378" s="55"/>
      <c r="AG378" s="55"/>
      <c r="AY378" s="162"/>
      <c r="AZ378" s="162"/>
      <c r="BA378" s="162"/>
      <c r="BB378" s="162"/>
      <c r="BC378" s="162"/>
      <c r="BD378" s="162"/>
      <c r="BE378" s="162"/>
      <c r="BF378" s="162"/>
      <c r="BG378" s="162"/>
      <c r="BH378" s="162"/>
      <c r="BI378" s="162"/>
      <c r="BJ378" s="162"/>
      <c r="BK378" s="162"/>
      <c r="BL378" s="162"/>
      <c r="BM378" s="162"/>
      <c r="BN378" s="162"/>
      <c r="BO378" s="162"/>
      <c r="BP378" s="162"/>
      <c r="BQ378" s="162"/>
      <c r="BR378" s="162"/>
      <c r="BS378" s="162"/>
      <c r="BT378" s="162"/>
      <c r="BU378" s="162"/>
      <c r="BV378" s="162"/>
      <c r="BW378" s="162"/>
      <c r="BX378" s="162"/>
      <c r="BY378" s="162"/>
      <c r="BZ378" s="162"/>
      <c r="CA378" s="162"/>
      <c r="CB378" s="162"/>
      <c r="CC378" s="162"/>
      <c r="CD378" s="162"/>
      <c r="CE378" s="162"/>
      <c r="CF378" s="162"/>
      <c r="CG378" s="162"/>
      <c r="CH378" s="162"/>
      <c r="CI378" s="162"/>
      <c r="CJ378" s="162"/>
      <c r="CK378" s="162"/>
      <c r="CX378" s="98"/>
      <c r="DL378" s="97"/>
      <c r="DX378" s="98"/>
      <c r="EL378" s="97"/>
      <c r="EX378" s="98"/>
      <c r="EY378" s="97"/>
      <c r="FL378" s="126"/>
      <c r="FM378" s="91"/>
      <c r="FN378" s="91"/>
      <c r="FO378" s="91"/>
      <c r="FP378" s="91"/>
      <c r="FQ378" s="91"/>
      <c r="FR378" s="91"/>
      <c r="FS378" s="91"/>
      <c r="FT378" s="91"/>
      <c r="FU378" s="91"/>
      <c r="FV378" s="91"/>
      <c r="FW378" s="91"/>
      <c r="FX378" s="91"/>
      <c r="FY378" s="91"/>
      <c r="FZ378" s="91"/>
      <c r="GA378" s="91"/>
      <c r="GB378" s="91"/>
      <c r="GC378" s="91"/>
      <c r="GD378" s="91"/>
      <c r="GE378" s="91"/>
      <c r="GF378" s="91"/>
      <c r="GG378" s="91"/>
      <c r="GH378" s="91"/>
      <c r="GI378" s="91"/>
      <c r="GJ378" s="91"/>
      <c r="GK378" s="127"/>
      <c r="GL378" s="126"/>
      <c r="GM378" s="91"/>
      <c r="GN378" s="91"/>
      <c r="GO378" s="91"/>
      <c r="GP378" s="91"/>
      <c r="GQ378" s="91"/>
      <c r="GR378" s="91"/>
      <c r="GS378" s="91"/>
      <c r="GT378" s="91"/>
      <c r="GU378" s="91"/>
      <c r="GV378" s="91"/>
      <c r="GW378" s="91"/>
      <c r="GX378" s="91"/>
      <c r="GY378" s="91"/>
      <c r="GZ378" s="91"/>
      <c r="HA378" s="91"/>
      <c r="HB378" s="91"/>
      <c r="HC378" s="91"/>
      <c r="HD378" s="91"/>
      <c r="HE378" s="91"/>
      <c r="HF378" s="91"/>
      <c r="HG378" s="91"/>
      <c r="HH378" s="91"/>
      <c r="HI378" s="91"/>
      <c r="HJ378" s="91"/>
      <c r="HK378" s="127"/>
      <c r="HL378" s="126"/>
      <c r="HM378" s="91"/>
      <c r="HN378" s="91"/>
      <c r="HO378" s="91"/>
      <c r="HP378" s="91"/>
      <c r="HQ378" s="91"/>
      <c r="HR378" s="91"/>
      <c r="HS378" s="91"/>
      <c r="HT378" s="91"/>
      <c r="HU378" s="91"/>
      <c r="HV378" s="91"/>
      <c r="HW378" s="91"/>
      <c r="HX378" s="91"/>
      <c r="HY378" s="91"/>
      <c r="HZ378" s="91"/>
      <c r="IA378" s="91"/>
      <c r="IB378" s="91"/>
      <c r="IC378" s="91"/>
      <c r="ID378" s="91"/>
      <c r="IE378" s="91"/>
      <c r="IF378" s="91"/>
      <c r="IG378" s="91"/>
      <c r="IH378" s="91"/>
      <c r="II378" s="91"/>
      <c r="IJ378" s="91"/>
      <c r="IK378" s="127"/>
    </row>
    <row r="379" spans="2:245" x14ac:dyDescent="0.2">
      <c r="B379" s="43"/>
      <c r="C379" s="73"/>
      <c r="D379" s="64"/>
      <c r="E379" s="64"/>
      <c r="F379" s="55"/>
      <c r="G379" s="102"/>
      <c r="H379" s="55"/>
      <c r="I379" s="55"/>
      <c r="J379" s="55"/>
      <c r="K379" s="55"/>
      <c r="L379" s="55"/>
      <c r="M379" s="55"/>
      <c r="N379" s="55"/>
      <c r="O379" s="55"/>
      <c r="P379" s="55"/>
      <c r="Q379" s="55"/>
      <c r="R379" s="55"/>
      <c r="S379" s="55"/>
      <c r="T379" s="55"/>
      <c r="U379" s="55"/>
      <c r="V379" s="55"/>
      <c r="W379" s="55"/>
      <c r="X379" s="55"/>
      <c r="Y379" s="55"/>
      <c r="Z379" s="55"/>
      <c r="AA379" s="55"/>
      <c r="AB379" s="55"/>
      <c r="AC379" s="55"/>
      <c r="AD379" s="55"/>
      <c r="AE379" s="55"/>
      <c r="AF379" s="55"/>
      <c r="AG379" s="55"/>
      <c r="AY379" s="162"/>
      <c r="AZ379" s="162"/>
      <c r="BA379" s="162"/>
      <c r="BB379" s="162"/>
      <c r="BC379" s="162"/>
      <c r="BD379" s="162"/>
      <c r="BE379" s="162"/>
      <c r="BF379" s="162"/>
      <c r="BG379" s="162"/>
      <c r="BH379" s="162"/>
      <c r="BI379" s="162"/>
      <c r="BJ379" s="162"/>
      <c r="BK379" s="162"/>
      <c r="BL379" s="162"/>
      <c r="BM379" s="162"/>
      <c r="BN379" s="162"/>
      <c r="BO379" s="162"/>
      <c r="BP379" s="162"/>
      <c r="BQ379" s="162"/>
      <c r="BR379" s="162"/>
      <c r="BS379" s="162"/>
      <c r="BT379" s="162"/>
      <c r="BU379" s="162"/>
      <c r="BV379" s="162"/>
      <c r="BW379" s="162"/>
      <c r="BX379" s="162"/>
      <c r="BY379" s="162"/>
      <c r="BZ379" s="162"/>
      <c r="CA379" s="162"/>
      <c r="CB379" s="162"/>
      <c r="CC379" s="162"/>
      <c r="CD379" s="162"/>
      <c r="CE379" s="162"/>
      <c r="CF379" s="162"/>
      <c r="CG379" s="162"/>
      <c r="CH379" s="162"/>
      <c r="CI379" s="162"/>
      <c r="CJ379" s="162"/>
      <c r="CK379" s="162"/>
      <c r="CX379" s="98"/>
      <c r="DL379" s="97"/>
      <c r="DX379" s="98"/>
      <c r="EL379" s="97"/>
      <c r="EX379" s="98"/>
      <c r="EY379" s="97"/>
      <c r="FL379" s="126"/>
      <c r="FM379" s="91"/>
      <c r="FN379" s="91"/>
      <c r="FO379" s="91"/>
      <c r="FP379" s="91"/>
      <c r="FQ379" s="91"/>
      <c r="FR379" s="91"/>
      <c r="FS379" s="91"/>
      <c r="FT379" s="91"/>
      <c r="FU379" s="91"/>
      <c r="FV379" s="91"/>
      <c r="FW379" s="91"/>
      <c r="FX379" s="91"/>
      <c r="FY379" s="91"/>
      <c r="FZ379" s="91"/>
      <c r="GA379" s="91"/>
      <c r="GB379" s="91"/>
      <c r="GC379" s="91"/>
      <c r="GD379" s="91"/>
      <c r="GE379" s="91"/>
      <c r="GF379" s="91"/>
      <c r="GG379" s="91"/>
      <c r="GH379" s="91"/>
      <c r="GI379" s="91"/>
      <c r="GJ379" s="91"/>
      <c r="GK379" s="127"/>
      <c r="GL379" s="126"/>
      <c r="GM379" s="91"/>
      <c r="GN379" s="91"/>
      <c r="GO379" s="91"/>
      <c r="GP379" s="91"/>
      <c r="GQ379" s="91"/>
      <c r="GR379" s="91"/>
      <c r="GS379" s="91"/>
      <c r="GT379" s="91"/>
      <c r="GU379" s="91"/>
      <c r="GV379" s="91"/>
      <c r="GW379" s="91"/>
      <c r="GX379" s="91"/>
      <c r="GY379" s="91"/>
      <c r="GZ379" s="91"/>
      <c r="HA379" s="91"/>
      <c r="HB379" s="91"/>
      <c r="HC379" s="91"/>
      <c r="HD379" s="91"/>
      <c r="HE379" s="91"/>
      <c r="HF379" s="91"/>
      <c r="HG379" s="91"/>
      <c r="HH379" s="91"/>
      <c r="HI379" s="91"/>
      <c r="HJ379" s="91"/>
      <c r="HK379" s="127"/>
      <c r="HL379" s="126"/>
      <c r="HM379" s="91"/>
      <c r="HN379" s="91"/>
      <c r="HO379" s="91"/>
      <c r="HP379" s="91"/>
      <c r="HQ379" s="91"/>
      <c r="HR379" s="91"/>
      <c r="HS379" s="91"/>
      <c r="HT379" s="91"/>
      <c r="HU379" s="91"/>
      <c r="HV379" s="91"/>
      <c r="HW379" s="91"/>
      <c r="HX379" s="91"/>
      <c r="HY379" s="91"/>
      <c r="HZ379" s="91"/>
      <c r="IA379" s="91"/>
      <c r="IB379" s="91"/>
      <c r="IC379" s="91"/>
      <c r="ID379" s="91"/>
      <c r="IE379" s="91"/>
      <c r="IF379" s="91"/>
      <c r="IG379" s="91"/>
      <c r="IH379" s="91"/>
      <c r="II379" s="91"/>
      <c r="IJ379" s="91"/>
      <c r="IK379" s="127"/>
    </row>
    <row r="380" spans="2:245" x14ac:dyDescent="0.2">
      <c r="B380" s="43"/>
      <c r="C380" s="73"/>
      <c r="D380" s="64"/>
      <c r="E380" s="64"/>
      <c r="F380" s="55"/>
      <c r="G380" s="102"/>
      <c r="H380" s="55"/>
      <c r="I380" s="55"/>
      <c r="J380" s="55"/>
      <c r="K380" s="55"/>
      <c r="L380" s="55"/>
      <c r="M380" s="55"/>
      <c r="N380" s="55"/>
      <c r="O380" s="55"/>
      <c r="P380" s="55"/>
      <c r="Q380" s="55"/>
      <c r="R380" s="55"/>
      <c r="S380" s="55"/>
      <c r="T380" s="55"/>
      <c r="U380" s="55"/>
      <c r="V380" s="55"/>
      <c r="W380" s="55"/>
      <c r="X380" s="55"/>
      <c r="Y380" s="55"/>
      <c r="Z380" s="55"/>
      <c r="AA380" s="55"/>
      <c r="AB380" s="55"/>
      <c r="AC380" s="55"/>
      <c r="AD380" s="55"/>
      <c r="AE380" s="55"/>
      <c r="AF380" s="55"/>
      <c r="AG380" s="55"/>
      <c r="AY380" s="162"/>
      <c r="AZ380" s="162"/>
      <c r="BA380" s="162"/>
      <c r="BB380" s="162"/>
      <c r="BC380" s="162"/>
      <c r="BD380" s="162"/>
      <c r="BE380" s="162"/>
      <c r="BF380" s="162"/>
      <c r="BG380" s="162"/>
      <c r="BH380" s="162"/>
      <c r="BI380" s="162"/>
      <c r="BJ380" s="162"/>
      <c r="BK380" s="162"/>
      <c r="BL380" s="162"/>
      <c r="BM380" s="162"/>
      <c r="BN380" s="162"/>
      <c r="BO380" s="162"/>
      <c r="BP380" s="162"/>
      <c r="BQ380" s="162"/>
      <c r="BR380" s="162"/>
      <c r="BS380" s="162"/>
      <c r="BT380" s="162"/>
      <c r="BU380" s="162"/>
      <c r="BV380" s="162"/>
      <c r="BW380" s="162"/>
      <c r="BX380" s="162"/>
      <c r="BY380" s="162"/>
      <c r="BZ380" s="162"/>
      <c r="CA380" s="162"/>
      <c r="CB380" s="162"/>
      <c r="CC380" s="162"/>
      <c r="CD380" s="162"/>
      <c r="CE380" s="162"/>
      <c r="CF380" s="162"/>
      <c r="CG380" s="162"/>
      <c r="CH380" s="162"/>
      <c r="CI380" s="162"/>
      <c r="CJ380" s="162"/>
      <c r="CK380" s="162"/>
      <c r="CX380" s="98"/>
      <c r="DL380" s="97"/>
      <c r="DX380" s="98"/>
      <c r="EL380" s="97"/>
      <c r="EX380" s="98"/>
      <c r="EY380" s="97"/>
      <c r="FL380" s="126"/>
      <c r="FM380" s="91"/>
      <c r="FN380" s="91"/>
      <c r="FO380" s="91"/>
      <c r="FP380" s="91"/>
      <c r="FQ380" s="91"/>
      <c r="FR380" s="91"/>
      <c r="FS380" s="91"/>
      <c r="FT380" s="91"/>
      <c r="FU380" s="91"/>
      <c r="FV380" s="91"/>
      <c r="FW380" s="91"/>
      <c r="FX380" s="91"/>
      <c r="FY380" s="91"/>
      <c r="FZ380" s="91"/>
      <c r="GA380" s="91"/>
      <c r="GB380" s="91"/>
      <c r="GC380" s="91"/>
      <c r="GD380" s="91"/>
      <c r="GE380" s="91"/>
      <c r="GF380" s="91"/>
      <c r="GG380" s="91"/>
      <c r="GH380" s="91"/>
      <c r="GI380" s="91"/>
      <c r="GJ380" s="91"/>
      <c r="GK380" s="127"/>
      <c r="GL380" s="126"/>
      <c r="GM380" s="91"/>
      <c r="GN380" s="91"/>
      <c r="GO380" s="91"/>
      <c r="GP380" s="91"/>
      <c r="GQ380" s="91"/>
      <c r="GR380" s="91"/>
      <c r="GS380" s="91"/>
      <c r="GT380" s="91"/>
      <c r="GU380" s="91"/>
      <c r="GV380" s="91"/>
      <c r="GW380" s="91"/>
      <c r="GX380" s="91"/>
      <c r="GY380" s="91"/>
      <c r="GZ380" s="91"/>
      <c r="HA380" s="91"/>
      <c r="HB380" s="91"/>
      <c r="HC380" s="91"/>
      <c r="HD380" s="91"/>
      <c r="HE380" s="91"/>
      <c r="HF380" s="91"/>
      <c r="HG380" s="91"/>
      <c r="HH380" s="91"/>
      <c r="HI380" s="91"/>
      <c r="HJ380" s="91"/>
      <c r="HK380" s="127"/>
      <c r="HL380" s="126"/>
      <c r="HM380" s="91"/>
      <c r="HN380" s="91"/>
      <c r="HO380" s="91"/>
      <c r="HP380" s="91"/>
      <c r="HQ380" s="91"/>
      <c r="HR380" s="91"/>
      <c r="HS380" s="91"/>
      <c r="HT380" s="91"/>
      <c r="HU380" s="91"/>
      <c r="HV380" s="91"/>
      <c r="HW380" s="91"/>
      <c r="HX380" s="91"/>
      <c r="HY380" s="91"/>
      <c r="HZ380" s="91"/>
      <c r="IA380" s="91"/>
      <c r="IB380" s="91"/>
      <c r="IC380" s="91"/>
      <c r="ID380" s="91"/>
      <c r="IE380" s="91"/>
      <c r="IF380" s="91"/>
      <c r="IG380" s="91"/>
      <c r="IH380" s="91"/>
      <c r="II380" s="91"/>
      <c r="IJ380" s="91"/>
      <c r="IK380" s="127"/>
    </row>
    <row r="381" spans="2:245" x14ac:dyDescent="0.2">
      <c r="B381" s="43"/>
      <c r="C381" s="73"/>
      <c r="D381" s="64"/>
      <c r="E381" s="64"/>
      <c r="F381" s="55"/>
      <c r="G381" s="102"/>
      <c r="H381" s="55"/>
      <c r="I381" s="55"/>
      <c r="J381" s="55"/>
      <c r="K381" s="55"/>
      <c r="L381" s="55"/>
      <c r="M381" s="55"/>
      <c r="N381" s="55"/>
      <c r="O381" s="55"/>
      <c r="P381" s="55"/>
      <c r="Q381" s="55"/>
      <c r="R381" s="55"/>
      <c r="S381" s="55"/>
      <c r="T381" s="55"/>
      <c r="U381" s="55"/>
      <c r="V381" s="55"/>
      <c r="W381" s="55"/>
      <c r="X381" s="55"/>
      <c r="Y381" s="55"/>
      <c r="Z381" s="55"/>
      <c r="AA381" s="55"/>
      <c r="AB381" s="55"/>
      <c r="AC381" s="55"/>
      <c r="AD381" s="55"/>
      <c r="AE381" s="55"/>
      <c r="AF381" s="55"/>
      <c r="AG381" s="55"/>
      <c r="AY381" s="162"/>
      <c r="AZ381" s="162"/>
      <c r="BA381" s="162"/>
      <c r="BB381" s="162"/>
      <c r="BC381" s="162"/>
      <c r="BD381" s="162"/>
      <c r="BE381" s="162"/>
      <c r="BF381" s="162"/>
      <c r="BG381" s="162"/>
      <c r="BH381" s="162"/>
      <c r="BI381" s="162"/>
      <c r="BJ381" s="162"/>
      <c r="BK381" s="162"/>
      <c r="BL381" s="162"/>
      <c r="BM381" s="162"/>
      <c r="BN381" s="162"/>
      <c r="BO381" s="162"/>
      <c r="BP381" s="162"/>
      <c r="BQ381" s="162"/>
      <c r="BR381" s="162"/>
      <c r="BS381" s="162"/>
      <c r="BT381" s="162"/>
      <c r="BU381" s="162"/>
      <c r="BV381" s="162"/>
      <c r="BW381" s="162"/>
      <c r="BX381" s="162"/>
      <c r="BY381" s="162"/>
      <c r="BZ381" s="162"/>
      <c r="CA381" s="162"/>
      <c r="CB381" s="162"/>
      <c r="CC381" s="162"/>
      <c r="CD381" s="162"/>
      <c r="CE381" s="162"/>
      <c r="CF381" s="162"/>
      <c r="CG381" s="162"/>
      <c r="CH381" s="162"/>
      <c r="CI381" s="162"/>
      <c r="CJ381" s="162"/>
      <c r="CK381" s="162"/>
      <c r="CX381" s="98"/>
      <c r="DL381" s="97"/>
      <c r="DX381" s="98"/>
      <c r="EL381" s="97"/>
      <c r="EX381" s="98"/>
      <c r="EY381" s="97"/>
      <c r="FL381" s="126"/>
      <c r="FM381" s="91"/>
      <c r="FN381" s="91"/>
      <c r="FO381" s="91"/>
      <c r="FP381" s="91"/>
      <c r="FQ381" s="91"/>
      <c r="FR381" s="91"/>
      <c r="FS381" s="91"/>
      <c r="FT381" s="91"/>
      <c r="FU381" s="91"/>
      <c r="FV381" s="91"/>
      <c r="FW381" s="91"/>
      <c r="FX381" s="91"/>
      <c r="FY381" s="91"/>
      <c r="FZ381" s="91"/>
      <c r="GA381" s="91"/>
      <c r="GB381" s="91"/>
      <c r="GC381" s="91"/>
      <c r="GD381" s="91"/>
      <c r="GE381" s="91"/>
      <c r="GF381" s="91"/>
      <c r="GG381" s="91"/>
      <c r="GH381" s="91"/>
      <c r="GI381" s="91"/>
      <c r="GJ381" s="91"/>
      <c r="GK381" s="127"/>
      <c r="GL381" s="126"/>
      <c r="GM381" s="91"/>
      <c r="GN381" s="91"/>
      <c r="GO381" s="91"/>
      <c r="GP381" s="91"/>
      <c r="GQ381" s="91"/>
      <c r="GR381" s="91"/>
      <c r="GS381" s="91"/>
      <c r="GT381" s="91"/>
      <c r="GU381" s="91"/>
      <c r="GV381" s="91"/>
      <c r="GW381" s="91"/>
      <c r="GX381" s="91"/>
      <c r="GY381" s="91"/>
      <c r="GZ381" s="91"/>
      <c r="HA381" s="91"/>
      <c r="HB381" s="91"/>
      <c r="HC381" s="91"/>
      <c r="HD381" s="91"/>
      <c r="HE381" s="91"/>
      <c r="HF381" s="91"/>
      <c r="HG381" s="91"/>
      <c r="HH381" s="91"/>
      <c r="HI381" s="91"/>
      <c r="HJ381" s="91"/>
      <c r="HK381" s="127"/>
      <c r="HL381" s="126"/>
      <c r="HM381" s="91"/>
      <c r="HN381" s="91"/>
      <c r="HO381" s="91"/>
      <c r="HP381" s="91"/>
      <c r="HQ381" s="91"/>
      <c r="HR381" s="91"/>
      <c r="HS381" s="91"/>
      <c r="HT381" s="91"/>
      <c r="HU381" s="91"/>
      <c r="HV381" s="91"/>
      <c r="HW381" s="91"/>
      <c r="HX381" s="91"/>
      <c r="HY381" s="91"/>
      <c r="HZ381" s="91"/>
      <c r="IA381" s="91"/>
      <c r="IB381" s="91"/>
      <c r="IC381" s="91"/>
      <c r="ID381" s="91"/>
      <c r="IE381" s="91"/>
      <c r="IF381" s="91"/>
      <c r="IG381" s="91"/>
      <c r="IH381" s="91"/>
      <c r="II381" s="91"/>
      <c r="IJ381" s="91"/>
      <c r="IK381" s="127"/>
    </row>
    <row r="382" spans="2:245" x14ac:dyDescent="0.2">
      <c r="B382" s="43"/>
      <c r="C382" s="73"/>
      <c r="D382" s="64"/>
      <c r="E382" s="64"/>
      <c r="F382" s="55"/>
      <c r="G382" s="102"/>
      <c r="H382" s="55"/>
      <c r="I382" s="55"/>
      <c r="J382" s="55"/>
      <c r="K382" s="55"/>
      <c r="L382" s="55"/>
      <c r="M382" s="55"/>
      <c r="N382" s="55"/>
      <c r="O382" s="55"/>
      <c r="P382" s="55"/>
      <c r="Q382" s="55"/>
      <c r="R382" s="55"/>
      <c r="S382" s="55"/>
      <c r="T382" s="55"/>
      <c r="U382" s="55"/>
      <c r="V382" s="55"/>
      <c r="W382" s="55"/>
      <c r="X382" s="55"/>
      <c r="Y382" s="55"/>
      <c r="Z382" s="55"/>
      <c r="AA382" s="55"/>
      <c r="AB382" s="55"/>
      <c r="AC382" s="55"/>
      <c r="AD382" s="55"/>
      <c r="AE382" s="55"/>
      <c r="AF382" s="55"/>
      <c r="AG382" s="55"/>
      <c r="AY382" s="162"/>
      <c r="AZ382" s="162"/>
      <c r="BA382" s="162"/>
      <c r="BB382" s="162"/>
      <c r="BC382" s="162"/>
      <c r="BD382" s="162"/>
      <c r="BE382" s="162"/>
      <c r="BF382" s="162"/>
      <c r="BG382" s="162"/>
      <c r="BH382" s="162"/>
      <c r="BI382" s="162"/>
      <c r="BJ382" s="162"/>
      <c r="BK382" s="162"/>
      <c r="BL382" s="162"/>
      <c r="BM382" s="162"/>
      <c r="BN382" s="162"/>
      <c r="BO382" s="162"/>
      <c r="BP382" s="162"/>
      <c r="BQ382" s="162"/>
      <c r="BR382" s="162"/>
      <c r="BS382" s="162"/>
      <c r="BT382" s="162"/>
      <c r="BU382" s="162"/>
      <c r="BV382" s="162"/>
      <c r="BW382" s="162"/>
      <c r="BX382" s="162"/>
      <c r="BY382" s="162"/>
      <c r="BZ382" s="162"/>
      <c r="CA382" s="162"/>
      <c r="CB382" s="162"/>
      <c r="CC382" s="162"/>
      <c r="CD382" s="162"/>
      <c r="CE382" s="162"/>
      <c r="CF382" s="162"/>
      <c r="CG382" s="162"/>
      <c r="CH382" s="162"/>
      <c r="CI382" s="162"/>
      <c r="CJ382" s="162"/>
      <c r="CK382" s="162"/>
      <c r="CX382" s="98"/>
      <c r="DL382" s="97"/>
      <c r="DX382" s="98"/>
      <c r="EL382" s="97"/>
      <c r="EX382" s="98"/>
      <c r="EY382" s="97"/>
      <c r="FL382" s="126"/>
      <c r="FM382" s="91"/>
      <c r="FN382" s="91"/>
      <c r="FO382" s="91"/>
      <c r="FP382" s="91"/>
      <c r="FQ382" s="91"/>
      <c r="FR382" s="91"/>
      <c r="FS382" s="91"/>
      <c r="FT382" s="91"/>
      <c r="FU382" s="91"/>
      <c r="FV382" s="91"/>
      <c r="FW382" s="91"/>
      <c r="FX382" s="91"/>
      <c r="FY382" s="91"/>
      <c r="FZ382" s="91"/>
      <c r="GA382" s="91"/>
      <c r="GB382" s="91"/>
      <c r="GC382" s="91"/>
      <c r="GD382" s="91"/>
      <c r="GE382" s="91"/>
      <c r="GF382" s="91"/>
      <c r="GG382" s="91"/>
      <c r="GH382" s="91"/>
      <c r="GI382" s="91"/>
      <c r="GJ382" s="91"/>
      <c r="GK382" s="127"/>
      <c r="GL382" s="126"/>
      <c r="GM382" s="91"/>
      <c r="GN382" s="91"/>
      <c r="GO382" s="91"/>
      <c r="GP382" s="91"/>
      <c r="GQ382" s="91"/>
      <c r="GR382" s="91"/>
      <c r="GS382" s="91"/>
      <c r="GT382" s="91"/>
      <c r="GU382" s="91"/>
      <c r="GV382" s="91"/>
      <c r="GW382" s="91"/>
      <c r="GX382" s="91"/>
      <c r="GY382" s="91"/>
      <c r="GZ382" s="91"/>
      <c r="HA382" s="91"/>
      <c r="HB382" s="91"/>
      <c r="HC382" s="91"/>
      <c r="HD382" s="91"/>
      <c r="HE382" s="91"/>
      <c r="HF382" s="91"/>
      <c r="HG382" s="91"/>
      <c r="HH382" s="91"/>
      <c r="HI382" s="91"/>
      <c r="HJ382" s="91"/>
      <c r="HK382" s="127"/>
      <c r="HL382" s="126"/>
      <c r="HM382" s="91"/>
      <c r="HN382" s="91"/>
      <c r="HO382" s="91"/>
      <c r="HP382" s="91"/>
      <c r="HQ382" s="91"/>
      <c r="HR382" s="91"/>
      <c r="HS382" s="91"/>
      <c r="HT382" s="91"/>
      <c r="HU382" s="91"/>
      <c r="HV382" s="91"/>
      <c r="HW382" s="91"/>
      <c r="HX382" s="91"/>
      <c r="HY382" s="91"/>
      <c r="HZ382" s="91"/>
      <c r="IA382" s="91"/>
      <c r="IB382" s="91"/>
      <c r="IC382" s="91"/>
      <c r="ID382" s="91"/>
      <c r="IE382" s="91"/>
      <c r="IF382" s="91"/>
      <c r="IG382" s="91"/>
      <c r="IH382" s="91"/>
      <c r="II382" s="91"/>
      <c r="IJ382" s="91"/>
      <c r="IK382" s="127"/>
    </row>
    <row r="383" spans="2:245" x14ac:dyDescent="0.2">
      <c r="B383" s="43"/>
      <c r="C383" s="73"/>
      <c r="D383" s="64"/>
      <c r="E383" s="64"/>
      <c r="F383" s="55"/>
      <c r="G383" s="102"/>
      <c r="H383" s="55"/>
      <c r="I383" s="55"/>
      <c r="J383" s="55"/>
      <c r="K383" s="55"/>
      <c r="L383" s="55"/>
      <c r="M383" s="55"/>
      <c r="N383" s="55"/>
      <c r="O383" s="55"/>
      <c r="P383" s="55"/>
      <c r="Q383" s="55"/>
      <c r="R383" s="55"/>
      <c r="S383" s="55"/>
      <c r="T383" s="55"/>
      <c r="U383" s="55"/>
      <c r="V383" s="55"/>
      <c r="W383" s="55"/>
      <c r="X383" s="55"/>
      <c r="Y383" s="55"/>
      <c r="Z383" s="55"/>
      <c r="AA383" s="55"/>
      <c r="AB383" s="55"/>
      <c r="AC383" s="55"/>
      <c r="AD383" s="55"/>
      <c r="AE383" s="55"/>
      <c r="AF383" s="55"/>
      <c r="AG383" s="55"/>
      <c r="AY383" s="162"/>
      <c r="AZ383" s="162"/>
      <c r="BA383" s="162"/>
      <c r="BB383" s="162"/>
      <c r="BC383" s="162"/>
      <c r="BD383" s="162"/>
      <c r="BE383" s="162"/>
      <c r="BF383" s="162"/>
      <c r="BG383" s="162"/>
      <c r="BH383" s="162"/>
      <c r="BI383" s="162"/>
      <c r="BJ383" s="162"/>
      <c r="BK383" s="162"/>
      <c r="BL383" s="162"/>
      <c r="BM383" s="162"/>
      <c r="BN383" s="162"/>
      <c r="BO383" s="162"/>
      <c r="BP383" s="162"/>
      <c r="BQ383" s="162"/>
      <c r="BR383" s="162"/>
      <c r="BS383" s="162"/>
      <c r="BT383" s="162"/>
      <c r="BU383" s="162"/>
      <c r="BV383" s="162"/>
      <c r="BW383" s="162"/>
      <c r="BX383" s="162"/>
      <c r="BY383" s="162"/>
      <c r="BZ383" s="162"/>
      <c r="CA383" s="162"/>
      <c r="CB383" s="162"/>
      <c r="CC383" s="162"/>
      <c r="CD383" s="162"/>
      <c r="CE383" s="162"/>
      <c r="CF383" s="162"/>
      <c r="CG383" s="162"/>
      <c r="CH383" s="162"/>
      <c r="CI383" s="162"/>
      <c r="CJ383" s="162"/>
      <c r="CK383" s="162"/>
      <c r="CX383" s="98"/>
      <c r="DL383" s="97"/>
      <c r="DX383" s="98"/>
      <c r="EL383" s="97"/>
      <c r="EX383" s="98"/>
      <c r="EY383" s="97"/>
      <c r="FL383" s="126"/>
      <c r="FM383" s="91"/>
      <c r="FN383" s="91"/>
      <c r="FO383" s="91"/>
      <c r="FP383" s="91"/>
      <c r="FQ383" s="91"/>
      <c r="FR383" s="91"/>
      <c r="FS383" s="91"/>
      <c r="FT383" s="91"/>
      <c r="FU383" s="91"/>
      <c r="FV383" s="91"/>
      <c r="FW383" s="91"/>
      <c r="FX383" s="91"/>
      <c r="FY383" s="91"/>
      <c r="FZ383" s="91"/>
      <c r="GA383" s="91"/>
      <c r="GB383" s="91"/>
      <c r="GC383" s="91"/>
      <c r="GD383" s="91"/>
      <c r="GE383" s="91"/>
      <c r="GF383" s="91"/>
      <c r="GG383" s="91"/>
      <c r="GH383" s="91"/>
      <c r="GI383" s="91"/>
      <c r="GJ383" s="91"/>
      <c r="GK383" s="127"/>
      <c r="GL383" s="126"/>
      <c r="GM383" s="91"/>
      <c r="GN383" s="91"/>
      <c r="GO383" s="91"/>
      <c r="GP383" s="91"/>
      <c r="GQ383" s="91"/>
      <c r="GR383" s="91"/>
      <c r="GS383" s="91"/>
      <c r="GT383" s="91"/>
      <c r="GU383" s="91"/>
      <c r="GV383" s="91"/>
      <c r="GW383" s="91"/>
      <c r="GX383" s="91"/>
      <c r="GY383" s="91"/>
      <c r="GZ383" s="91"/>
      <c r="HA383" s="91"/>
      <c r="HB383" s="91"/>
      <c r="HC383" s="91"/>
      <c r="HD383" s="91"/>
      <c r="HE383" s="91"/>
      <c r="HF383" s="91"/>
      <c r="HG383" s="91"/>
      <c r="HH383" s="91"/>
      <c r="HI383" s="91"/>
      <c r="HJ383" s="91"/>
      <c r="HK383" s="127"/>
      <c r="HL383" s="126"/>
      <c r="HM383" s="91"/>
      <c r="HN383" s="91"/>
      <c r="HO383" s="91"/>
      <c r="HP383" s="91"/>
      <c r="HQ383" s="91"/>
      <c r="HR383" s="91"/>
      <c r="HS383" s="91"/>
      <c r="HT383" s="91"/>
      <c r="HU383" s="91"/>
      <c r="HV383" s="91"/>
      <c r="HW383" s="91"/>
      <c r="HX383" s="91"/>
      <c r="HY383" s="91"/>
      <c r="HZ383" s="91"/>
      <c r="IA383" s="91"/>
      <c r="IB383" s="91"/>
      <c r="IC383" s="91"/>
      <c r="ID383" s="91"/>
      <c r="IE383" s="91"/>
      <c r="IF383" s="91"/>
      <c r="IG383" s="91"/>
      <c r="IH383" s="91"/>
      <c r="II383" s="91"/>
      <c r="IJ383" s="91"/>
      <c r="IK383" s="127"/>
    </row>
    <row r="384" spans="2:245" x14ac:dyDescent="0.2">
      <c r="B384" s="43"/>
      <c r="C384" s="73"/>
      <c r="D384" s="64"/>
      <c r="E384" s="64"/>
      <c r="F384" s="55"/>
      <c r="G384" s="102"/>
      <c r="H384" s="55"/>
      <c r="I384" s="55"/>
      <c r="J384" s="55"/>
      <c r="K384" s="55"/>
      <c r="L384" s="55"/>
      <c r="M384" s="55"/>
      <c r="N384" s="55"/>
      <c r="O384" s="55"/>
      <c r="P384" s="55"/>
      <c r="Q384" s="55"/>
      <c r="R384" s="55"/>
      <c r="S384" s="55"/>
      <c r="T384" s="55"/>
      <c r="U384" s="55"/>
      <c r="V384" s="55"/>
      <c r="W384" s="55"/>
      <c r="X384" s="55"/>
      <c r="Y384" s="55"/>
      <c r="Z384" s="55"/>
      <c r="AA384" s="55"/>
      <c r="AB384" s="55"/>
      <c r="AC384" s="55"/>
      <c r="AD384" s="55"/>
      <c r="AE384" s="55"/>
      <c r="AF384" s="55"/>
      <c r="AG384" s="55"/>
      <c r="AY384" s="162"/>
      <c r="AZ384" s="162"/>
      <c r="BA384" s="162"/>
      <c r="BB384" s="162"/>
      <c r="BC384" s="162"/>
      <c r="BD384" s="162"/>
      <c r="BE384" s="162"/>
      <c r="BF384" s="162"/>
      <c r="BG384" s="162"/>
      <c r="BH384" s="162"/>
      <c r="BI384" s="162"/>
      <c r="BJ384" s="162"/>
      <c r="BK384" s="162"/>
      <c r="BL384" s="162"/>
      <c r="BM384" s="162"/>
      <c r="BN384" s="162"/>
      <c r="BO384" s="162"/>
      <c r="BP384" s="162"/>
      <c r="BQ384" s="162"/>
      <c r="BR384" s="162"/>
      <c r="BS384" s="162"/>
      <c r="BT384" s="162"/>
      <c r="BU384" s="162"/>
      <c r="BV384" s="162"/>
      <c r="BW384" s="162"/>
      <c r="BX384" s="162"/>
      <c r="BY384" s="162"/>
      <c r="BZ384" s="162"/>
      <c r="CA384" s="162"/>
      <c r="CB384" s="162"/>
      <c r="CC384" s="162"/>
      <c r="CD384" s="162"/>
      <c r="CE384" s="162"/>
      <c r="CF384" s="162"/>
      <c r="CG384" s="162"/>
      <c r="CH384" s="162"/>
      <c r="CI384" s="162"/>
      <c r="CJ384" s="162"/>
      <c r="CK384" s="162"/>
      <c r="CX384" s="98"/>
      <c r="DL384" s="97"/>
      <c r="DX384" s="98"/>
      <c r="EL384" s="97"/>
      <c r="EX384" s="98"/>
      <c r="EY384" s="97"/>
      <c r="FL384" s="126"/>
      <c r="FM384" s="91"/>
      <c r="FN384" s="91"/>
      <c r="FO384" s="91"/>
      <c r="FP384" s="91"/>
      <c r="FQ384" s="91"/>
      <c r="FR384" s="91"/>
      <c r="FS384" s="91"/>
      <c r="FT384" s="91"/>
      <c r="FU384" s="91"/>
      <c r="FV384" s="91"/>
      <c r="FW384" s="91"/>
      <c r="FX384" s="91"/>
      <c r="FY384" s="91"/>
      <c r="FZ384" s="91"/>
      <c r="GA384" s="91"/>
      <c r="GB384" s="91"/>
      <c r="GC384" s="91"/>
      <c r="GD384" s="91"/>
      <c r="GE384" s="91"/>
      <c r="GF384" s="91"/>
      <c r="GG384" s="91"/>
      <c r="GH384" s="91"/>
      <c r="GI384" s="91"/>
      <c r="GJ384" s="91"/>
      <c r="GK384" s="127"/>
      <c r="GL384" s="126"/>
      <c r="GM384" s="91"/>
      <c r="GN384" s="91"/>
      <c r="GO384" s="91"/>
      <c r="GP384" s="91"/>
      <c r="GQ384" s="91"/>
      <c r="GR384" s="91"/>
      <c r="GS384" s="91"/>
      <c r="GT384" s="91"/>
      <c r="GU384" s="91"/>
      <c r="GV384" s="91"/>
      <c r="GW384" s="91"/>
      <c r="GX384" s="91"/>
      <c r="GY384" s="91"/>
      <c r="GZ384" s="91"/>
      <c r="HA384" s="91"/>
      <c r="HB384" s="91"/>
      <c r="HC384" s="91"/>
      <c r="HD384" s="91"/>
      <c r="HE384" s="91"/>
      <c r="HF384" s="91"/>
      <c r="HG384" s="91"/>
      <c r="HH384" s="91"/>
      <c r="HI384" s="91"/>
      <c r="HJ384" s="91"/>
      <c r="HK384" s="127"/>
      <c r="HL384" s="126"/>
      <c r="HM384" s="91"/>
      <c r="HN384" s="91"/>
      <c r="HO384" s="91"/>
      <c r="HP384" s="91"/>
      <c r="HQ384" s="91"/>
      <c r="HR384" s="91"/>
      <c r="HS384" s="91"/>
      <c r="HT384" s="91"/>
      <c r="HU384" s="91"/>
      <c r="HV384" s="91"/>
      <c r="HW384" s="91"/>
      <c r="HX384" s="91"/>
      <c r="HY384" s="91"/>
      <c r="HZ384" s="91"/>
      <c r="IA384" s="91"/>
      <c r="IB384" s="91"/>
      <c r="IC384" s="91"/>
      <c r="ID384" s="91"/>
      <c r="IE384" s="91"/>
      <c r="IF384" s="91"/>
      <c r="IG384" s="91"/>
      <c r="IH384" s="91"/>
      <c r="II384" s="91"/>
      <c r="IJ384" s="91"/>
      <c r="IK384" s="127"/>
    </row>
    <row r="385" spans="2:245" x14ac:dyDescent="0.2">
      <c r="B385" s="43"/>
      <c r="C385" s="73"/>
      <c r="D385" s="64"/>
      <c r="E385" s="64"/>
      <c r="F385" s="55"/>
      <c r="G385" s="102"/>
      <c r="H385" s="55"/>
      <c r="I385" s="55"/>
      <c r="J385" s="55"/>
      <c r="K385" s="55"/>
      <c r="L385" s="55"/>
      <c r="M385" s="55"/>
      <c r="N385" s="55"/>
      <c r="O385" s="55"/>
      <c r="P385" s="55"/>
      <c r="Q385" s="55"/>
      <c r="R385" s="55"/>
      <c r="S385" s="55"/>
      <c r="T385" s="55"/>
      <c r="U385" s="55"/>
      <c r="V385" s="55"/>
      <c r="W385" s="55"/>
      <c r="X385" s="55"/>
      <c r="Y385" s="55"/>
      <c r="Z385" s="55"/>
      <c r="AA385" s="55"/>
      <c r="AB385" s="55"/>
      <c r="AC385" s="55"/>
      <c r="AD385" s="55"/>
      <c r="AE385" s="55"/>
      <c r="AF385" s="55"/>
      <c r="AG385" s="55"/>
      <c r="AY385" s="162"/>
      <c r="AZ385" s="162"/>
      <c r="BA385" s="162"/>
      <c r="BB385" s="162"/>
      <c r="BC385" s="162"/>
      <c r="BD385" s="162"/>
      <c r="BE385" s="162"/>
      <c r="BF385" s="162"/>
      <c r="BG385" s="162"/>
      <c r="BH385" s="162"/>
      <c r="BI385" s="162"/>
      <c r="BJ385" s="162"/>
      <c r="BK385" s="162"/>
      <c r="BL385" s="162"/>
      <c r="BM385" s="162"/>
      <c r="BN385" s="162"/>
      <c r="BO385" s="162"/>
      <c r="BP385" s="162"/>
      <c r="BQ385" s="162"/>
      <c r="BR385" s="162"/>
      <c r="BS385" s="162"/>
      <c r="BT385" s="162"/>
      <c r="BU385" s="162"/>
      <c r="BV385" s="162"/>
      <c r="BW385" s="162"/>
      <c r="BX385" s="162"/>
      <c r="BY385" s="162"/>
      <c r="BZ385" s="162"/>
      <c r="CA385" s="162"/>
      <c r="CB385" s="162"/>
      <c r="CC385" s="162"/>
      <c r="CD385" s="162"/>
      <c r="CE385" s="162"/>
      <c r="CF385" s="162"/>
      <c r="CG385" s="162"/>
      <c r="CH385" s="162"/>
      <c r="CI385" s="162"/>
      <c r="CJ385" s="162"/>
      <c r="CK385" s="162"/>
      <c r="CX385" s="98"/>
      <c r="DL385" s="97"/>
      <c r="DX385" s="98"/>
      <c r="EL385" s="97"/>
      <c r="EX385" s="98"/>
      <c r="EY385" s="97"/>
      <c r="FL385" s="126"/>
      <c r="FM385" s="91"/>
      <c r="FN385" s="91"/>
      <c r="FO385" s="91"/>
      <c r="FP385" s="91"/>
      <c r="FQ385" s="91"/>
      <c r="FR385" s="91"/>
      <c r="FS385" s="91"/>
      <c r="FT385" s="91"/>
      <c r="FU385" s="91"/>
      <c r="FV385" s="91"/>
      <c r="FW385" s="91"/>
      <c r="FX385" s="91"/>
      <c r="FY385" s="91"/>
      <c r="FZ385" s="91"/>
      <c r="GA385" s="91"/>
      <c r="GB385" s="91"/>
      <c r="GC385" s="91"/>
      <c r="GD385" s="91"/>
      <c r="GE385" s="91"/>
      <c r="GF385" s="91"/>
      <c r="GG385" s="91"/>
      <c r="GH385" s="91"/>
      <c r="GI385" s="91"/>
      <c r="GJ385" s="91"/>
      <c r="GK385" s="127"/>
      <c r="GL385" s="126"/>
      <c r="GM385" s="91"/>
      <c r="GN385" s="91"/>
      <c r="GO385" s="91"/>
      <c r="GP385" s="91"/>
      <c r="GQ385" s="91"/>
      <c r="GR385" s="91"/>
      <c r="GS385" s="91"/>
      <c r="GT385" s="91"/>
      <c r="GU385" s="91"/>
      <c r="GV385" s="91"/>
      <c r="GW385" s="91"/>
      <c r="GX385" s="91"/>
      <c r="GY385" s="91"/>
      <c r="GZ385" s="91"/>
      <c r="HA385" s="91"/>
      <c r="HB385" s="91"/>
      <c r="HC385" s="91"/>
      <c r="HD385" s="91"/>
      <c r="HE385" s="91"/>
      <c r="HF385" s="91"/>
      <c r="HG385" s="91"/>
      <c r="HH385" s="91"/>
      <c r="HI385" s="91"/>
      <c r="HJ385" s="91"/>
      <c r="HK385" s="127"/>
      <c r="HL385" s="126"/>
      <c r="HM385" s="91"/>
      <c r="HN385" s="91"/>
      <c r="HO385" s="91"/>
      <c r="HP385" s="91"/>
      <c r="HQ385" s="91"/>
      <c r="HR385" s="91"/>
      <c r="HS385" s="91"/>
      <c r="HT385" s="91"/>
      <c r="HU385" s="91"/>
      <c r="HV385" s="91"/>
      <c r="HW385" s="91"/>
      <c r="HX385" s="91"/>
      <c r="HY385" s="91"/>
      <c r="HZ385" s="91"/>
      <c r="IA385" s="91"/>
      <c r="IB385" s="91"/>
      <c r="IC385" s="91"/>
      <c r="ID385" s="91"/>
      <c r="IE385" s="91"/>
      <c r="IF385" s="91"/>
      <c r="IG385" s="91"/>
      <c r="IH385" s="91"/>
      <c r="II385" s="91"/>
      <c r="IJ385" s="91"/>
      <c r="IK385" s="127"/>
    </row>
    <row r="386" spans="2:245" x14ac:dyDescent="0.2">
      <c r="B386" s="43"/>
      <c r="C386" s="73"/>
      <c r="D386" s="64"/>
      <c r="E386" s="64"/>
      <c r="F386" s="55"/>
      <c r="G386" s="102"/>
      <c r="H386" s="55"/>
      <c r="I386" s="55"/>
      <c r="J386" s="55"/>
      <c r="K386" s="55"/>
      <c r="L386" s="55"/>
      <c r="M386" s="55"/>
      <c r="N386" s="55"/>
      <c r="O386" s="55"/>
      <c r="P386" s="55"/>
      <c r="Q386" s="55"/>
      <c r="R386" s="55"/>
      <c r="S386" s="55"/>
      <c r="T386" s="55"/>
      <c r="U386" s="55"/>
      <c r="V386" s="55"/>
      <c r="W386" s="55"/>
      <c r="X386" s="55"/>
      <c r="Y386" s="55"/>
      <c r="Z386" s="55"/>
      <c r="AA386" s="55"/>
      <c r="AB386" s="55"/>
      <c r="AC386" s="55"/>
      <c r="AD386" s="55"/>
      <c r="AE386" s="55"/>
      <c r="AF386" s="55"/>
      <c r="AG386" s="55"/>
      <c r="AY386" s="162"/>
      <c r="AZ386" s="162"/>
      <c r="BA386" s="162"/>
      <c r="BB386" s="162"/>
      <c r="BC386" s="162"/>
      <c r="BD386" s="162"/>
      <c r="BE386" s="162"/>
      <c r="BF386" s="162"/>
      <c r="BG386" s="162"/>
      <c r="BH386" s="162"/>
      <c r="BI386" s="162"/>
      <c r="BJ386" s="162"/>
      <c r="BK386" s="162"/>
      <c r="BL386" s="162"/>
      <c r="BM386" s="162"/>
      <c r="BN386" s="162"/>
      <c r="BO386" s="162"/>
      <c r="BP386" s="162"/>
      <c r="BQ386" s="162"/>
      <c r="BR386" s="162"/>
      <c r="BS386" s="162"/>
      <c r="BT386" s="162"/>
      <c r="BU386" s="162"/>
      <c r="BV386" s="162"/>
      <c r="BW386" s="162"/>
      <c r="BX386" s="162"/>
      <c r="BY386" s="162"/>
      <c r="BZ386" s="162"/>
      <c r="CA386" s="162"/>
      <c r="CB386" s="162"/>
      <c r="CC386" s="162"/>
      <c r="CD386" s="162"/>
      <c r="CE386" s="162"/>
      <c r="CF386" s="162"/>
      <c r="CG386" s="162"/>
      <c r="CH386" s="162"/>
      <c r="CI386" s="162"/>
      <c r="CJ386" s="162"/>
      <c r="CK386" s="162"/>
      <c r="CX386" s="98"/>
      <c r="DL386" s="97"/>
      <c r="DX386" s="98"/>
      <c r="EL386" s="97"/>
      <c r="EX386" s="98"/>
      <c r="EY386" s="97"/>
      <c r="FL386" s="126"/>
      <c r="FM386" s="91"/>
      <c r="FN386" s="91"/>
      <c r="FO386" s="91"/>
      <c r="FP386" s="91"/>
      <c r="FQ386" s="91"/>
      <c r="FR386" s="91"/>
      <c r="FS386" s="91"/>
      <c r="FT386" s="91"/>
      <c r="FU386" s="91"/>
      <c r="FV386" s="91"/>
      <c r="FW386" s="91"/>
      <c r="FX386" s="91"/>
      <c r="FY386" s="91"/>
      <c r="FZ386" s="91"/>
      <c r="GA386" s="91"/>
      <c r="GB386" s="91"/>
      <c r="GC386" s="91"/>
      <c r="GD386" s="91"/>
      <c r="GE386" s="91"/>
      <c r="GF386" s="91"/>
      <c r="GG386" s="91"/>
      <c r="GH386" s="91"/>
      <c r="GI386" s="91"/>
      <c r="GJ386" s="91"/>
      <c r="GK386" s="127"/>
      <c r="GL386" s="126"/>
      <c r="GM386" s="91"/>
      <c r="GN386" s="91"/>
      <c r="GO386" s="91"/>
      <c r="GP386" s="91"/>
      <c r="GQ386" s="91"/>
      <c r="GR386" s="91"/>
      <c r="GS386" s="91"/>
      <c r="GT386" s="91"/>
      <c r="GU386" s="91"/>
      <c r="GV386" s="91"/>
      <c r="GW386" s="91"/>
      <c r="GX386" s="91"/>
      <c r="GY386" s="91"/>
      <c r="GZ386" s="91"/>
      <c r="HA386" s="91"/>
      <c r="HB386" s="91"/>
      <c r="HC386" s="91"/>
      <c r="HD386" s="91"/>
      <c r="HE386" s="91"/>
      <c r="HF386" s="91"/>
      <c r="HG386" s="91"/>
      <c r="HH386" s="91"/>
      <c r="HI386" s="91"/>
      <c r="HJ386" s="91"/>
      <c r="HK386" s="127"/>
      <c r="HL386" s="126"/>
      <c r="HM386" s="91"/>
      <c r="HN386" s="91"/>
      <c r="HO386" s="91"/>
      <c r="HP386" s="91"/>
      <c r="HQ386" s="91"/>
      <c r="HR386" s="91"/>
      <c r="HS386" s="91"/>
      <c r="HT386" s="91"/>
      <c r="HU386" s="91"/>
      <c r="HV386" s="91"/>
      <c r="HW386" s="91"/>
      <c r="HX386" s="91"/>
      <c r="HY386" s="91"/>
      <c r="HZ386" s="91"/>
      <c r="IA386" s="91"/>
      <c r="IB386" s="91"/>
      <c r="IC386" s="91"/>
      <c r="ID386" s="91"/>
      <c r="IE386" s="91"/>
      <c r="IF386" s="91"/>
      <c r="IG386" s="91"/>
      <c r="IH386" s="91"/>
      <c r="II386" s="91"/>
      <c r="IJ386" s="91"/>
      <c r="IK386" s="127"/>
    </row>
    <row r="387" spans="2:245" x14ac:dyDescent="0.2">
      <c r="B387" s="43"/>
      <c r="C387" s="73"/>
      <c r="D387" s="64"/>
      <c r="E387" s="64"/>
      <c r="F387" s="55"/>
      <c r="G387" s="102"/>
      <c r="H387" s="55"/>
      <c r="I387" s="55"/>
      <c r="J387" s="55"/>
      <c r="K387" s="55"/>
      <c r="L387" s="55"/>
      <c r="M387" s="55"/>
      <c r="N387" s="55"/>
      <c r="O387" s="55"/>
      <c r="P387" s="55"/>
      <c r="Q387" s="55"/>
      <c r="R387" s="55"/>
      <c r="S387" s="55"/>
      <c r="T387" s="55"/>
      <c r="U387" s="55"/>
      <c r="V387" s="55"/>
      <c r="W387" s="55"/>
      <c r="X387" s="55"/>
      <c r="Y387" s="55"/>
      <c r="Z387" s="55"/>
      <c r="AA387" s="55"/>
      <c r="AB387" s="55"/>
      <c r="AC387" s="55"/>
      <c r="AD387" s="55"/>
      <c r="AE387" s="55"/>
      <c r="AF387" s="55"/>
      <c r="AG387" s="55"/>
      <c r="AY387" s="162"/>
      <c r="AZ387" s="162"/>
      <c r="BA387" s="162"/>
      <c r="BB387" s="162"/>
      <c r="BC387" s="162"/>
      <c r="BD387" s="162"/>
      <c r="BE387" s="162"/>
      <c r="BF387" s="162"/>
      <c r="BG387" s="162"/>
      <c r="BH387" s="162"/>
      <c r="BI387" s="162"/>
      <c r="BJ387" s="162"/>
      <c r="BK387" s="162"/>
      <c r="BL387" s="162"/>
      <c r="BM387" s="162"/>
      <c r="BN387" s="162"/>
      <c r="BO387" s="162"/>
      <c r="BP387" s="162"/>
      <c r="BQ387" s="162"/>
      <c r="BR387" s="162"/>
      <c r="BS387" s="162"/>
      <c r="BT387" s="162"/>
      <c r="BU387" s="162"/>
      <c r="BV387" s="162"/>
      <c r="BW387" s="162"/>
      <c r="BX387" s="162"/>
      <c r="BY387" s="162"/>
      <c r="BZ387" s="162"/>
      <c r="CA387" s="162"/>
      <c r="CB387" s="162"/>
      <c r="CC387" s="162"/>
      <c r="CD387" s="162"/>
      <c r="CE387" s="162"/>
      <c r="CF387" s="162"/>
      <c r="CG387" s="162"/>
      <c r="CH387" s="162"/>
      <c r="CI387" s="162"/>
      <c r="CJ387" s="162"/>
      <c r="CK387" s="162"/>
      <c r="CX387" s="98"/>
      <c r="DL387" s="97"/>
      <c r="DX387" s="98"/>
      <c r="EL387" s="97"/>
      <c r="EX387" s="98"/>
      <c r="EY387" s="97"/>
      <c r="FL387" s="126"/>
      <c r="FM387" s="91"/>
      <c r="FN387" s="91"/>
      <c r="FO387" s="91"/>
      <c r="FP387" s="91"/>
      <c r="FQ387" s="91"/>
      <c r="FR387" s="91"/>
      <c r="FS387" s="91"/>
      <c r="FT387" s="91"/>
      <c r="FU387" s="91"/>
      <c r="FV387" s="91"/>
      <c r="FW387" s="91"/>
      <c r="FX387" s="91"/>
      <c r="FY387" s="91"/>
      <c r="FZ387" s="91"/>
      <c r="GA387" s="91"/>
      <c r="GB387" s="91"/>
      <c r="GC387" s="91"/>
      <c r="GD387" s="91"/>
      <c r="GE387" s="91"/>
      <c r="GF387" s="91"/>
      <c r="GG387" s="91"/>
      <c r="GH387" s="91"/>
      <c r="GI387" s="91"/>
      <c r="GJ387" s="91"/>
      <c r="GK387" s="127"/>
      <c r="GL387" s="126"/>
      <c r="GM387" s="91"/>
      <c r="GN387" s="91"/>
      <c r="GO387" s="91"/>
      <c r="GP387" s="91"/>
      <c r="GQ387" s="91"/>
      <c r="GR387" s="91"/>
      <c r="GS387" s="91"/>
      <c r="GT387" s="91"/>
      <c r="GU387" s="91"/>
      <c r="GV387" s="91"/>
      <c r="GW387" s="91"/>
      <c r="GX387" s="91"/>
      <c r="GY387" s="91"/>
      <c r="GZ387" s="91"/>
      <c r="HA387" s="91"/>
      <c r="HB387" s="91"/>
      <c r="HC387" s="91"/>
      <c r="HD387" s="91"/>
      <c r="HE387" s="91"/>
      <c r="HF387" s="91"/>
      <c r="HG387" s="91"/>
      <c r="HH387" s="91"/>
      <c r="HI387" s="91"/>
      <c r="HJ387" s="91"/>
      <c r="HK387" s="127"/>
      <c r="HL387" s="126"/>
      <c r="HM387" s="91"/>
      <c r="HN387" s="91"/>
      <c r="HO387" s="91"/>
      <c r="HP387" s="91"/>
      <c r="HQ387" s="91"/>
      <c r="HR387" s="91"/>
      <c r="HS387" s="91"/>
      <c r="HT387" s="91"/>
      <c r="HU387" s="91"/>
      <c r="HV387" s="91"/>
      <c r="HW387" s="91"/>
      <c r="HX387" s="91"/>
      <c r="HY387" s="91"/>
      <c r="HZ387" s="91"/>
      <c r="IA387" s="91"/>
      <c r="IB387" s="91"/>
      <c r="IC387" s="91"/>
      <c r="ID387" s="91"/>
      <c r="IE387" s="91"/>
      <c r="IF387" s="91"/>
      <c r="IG387" s="91"/>
      <c r="IH387" s="91"/>
      <c r="II387" s="91"/>
      <c r="IJ387" s="91"/>
      <c r="IK387" s="127"/>
    </row>
    <row r="388" spans="2:245" x14ac:dyDescent="0.2">
      <c r="B388" s="43"/>
      <c r="C388" s="73"/>
      <c r="D388" s="64"/>
      <c r="E388" s="64"/>
      <c r="F388" s="55"/>
      <c r="G388" s="102"/>
      <c r="H388" s="55"/>
      <c r="I388" s="55"/>
      <c r="J388" s="55"/>
      <c r="K388" s="55"/>
      <c r="L388" s="55"/>
      <c r="M388" s="55"/>
      <c r="N388" s="55"/>
      <c r="O388" s="55"/>
      <c r="P388" s="55"/>
      <c r="Q388" s="55"/>
      <c r="R388" s="55"/>
      <c r="S388" s="55"/>
      <c r="T388" s="55"/>
      <c r="U388" s="55"/>
      <c r="V388" s="55"/>
      <c r="W388" s="55"/>
      <c r="X388" s="55"/>
      <c r="Y388" s="55"/>
      <c r="Z388" s="55"/>
      <c r="AA388" s="55"/>
      <c r="AB388" s="55"/>
      <c r="AC388" s="55"/>
      <c r="AD388" s="55"/>
      <c r="AE388" s="55"/>
      <c r="AF388" s="55"/>
      <c r="AG388" s="55"/>
      <c r="AY388" s="162"/>
      <c r="AZ388" s="162"/>
      <c r="BA388" s="162"/>
      <c r="BB388" s="162"/>
      <c r="BC388" s="162"/>
      <c r="BD388" s="162"/>
      <c r="BE388" s="162"/>
      <c r="BF388" s="162"/>
      <c r="BG388" s="162"/>
      <c r="BH388" s="162"/>
      <c r="BI388" s="162"/>
      <c r="BJ388" s="162"/>
      <c r="BK388" s="162"/>
      <c r="BL388" s="162"/>
      <c r="BM388" s="162"/>
      <c r="BN388" s="162"/>
      <c r="BO388" s="162"/>
      <c r="BP388" s="162"/>
      <c r="BQ388" s="162"/>
      <c r="BR388" s="162"/>
      <c r="BS388" s="162"/>
      <c r="BT388" s="162"/>
      <c r="BU388" s="162"/>
      <c r="BV388" s="162"/>
      <c r="BW388" s="162"/>
      <c r="BX388" s="162"/>
      <c r="BY388" s="162"/>
      <c r="BZ388" s="162"/>
      <c r="CA388" s="162"/>
      <c r="CB388" s="162"/>
      <c r="CC388" s="162"/>
      <c r="CD388" s="162"/>
      <c r="CE388" s="162"/>
      <c r="CF388" s="162"/>
      <c r="CG388" s="162"/>
      <c r="CH388" s="162"/>
      <c r="CI388" s="162"/>
      <c r="CJ388" s="162"/>
      <c r="CK388" s="162"/>
      <c r="CX388" s="98"/>
      <c r="DL388" s="97"/>
      <c r="DX388" s="98"/>
      <c r="EL388" s="97"/>
      <c r="EX388" s="98"/>
      <c r="EY388" s="97"/>
      <c r="FL388" s="126"/>
      <c r="FM388" s="91"/>
      <c r="FN388" s="91"/>
      <c r="FO388" s="91"/>
      <c r="FP388" s="91"/>
      <c r="FQ388" s="91"/>
      <c r="FR388" s="91"/>
      <c r="FS388" s="91"/>
      <c r="FT388" s="91"/>
      <c r="FU388" s="91"/>
      <c r="FV388" s="91"/>
      <c r="FW388" s="91"/>
      <c r="FX388" s="91"/>
      <c r="FY388" s="91"/>
      <c r="FZ388" s="91"/>
      <c r="GA388" s="91"/>
      <c r="GB388" s="91"/>
      <c r="GC388" s="91"/>
      <c r="GD388" s="91"/>
      <c r="GE388" s="91"/>
      <c r="GF388" s="91"/>
      <c r="GG388" s="91"/>
      <c r="GH388" s="91"/>
      <c r="GI388" s="91"/>
      <c r="GJ388" s="91"/>
      <c r="GK388" s="127"/>
      <c r="GL388" s="126"/>
      <c r="GM388" s="91"/>
      <c r="GN388" s="91"/>
      <c r="GO388" s="91"/>
      <c r="GP388" s="91"/>
      <c r="GQ388" s="91"/>
      <c r="GR388" s="91"/>
      <c r="GS388" s="91"/>
      <c r="GT388" s="91"/>
      <c r="GU388" s="91"/>
      <c r="GV388" s="91"/>
      <c r="GW388" s="91"/>
      <c r="GX388" s="91"/>
      <c r="GY388" s="91"/>
      <c r="GZ388" s="91"/>
      <c r="HA388" s="91"/>
      <c r="HB388" s="91"/>
      <c r="HC388" s="91"/>
      <c r="HD388" s="91"/>
      <c r="HE388" s="91"/>
      <c r="HF388" s="91"/>
      <c r="HG388" s="91"/>
      <c r="HH388" s="91"/>
      <c r="HI388" s="91"/>
      <c r="HJ388" s="91"/>
      <c r="HK388" s="127"/>
      <c r="HL388" s="126"/>
      <c r="HM388" s="91"/>
      <c r="HN388" s="91"/>
      <c r="HO388" s="91"/>
      <c r="HP388" s="91"/>
      <c r="HQ388" s="91"/>
      <c r="HR388" s="91"/>
      <c r="HS388" s="91"/>
      <c r="HT388" s="91"/>
      <c r="HU388" s="91"/>
      <c r="HV388" s="91"/>
      <c r="HW388" s="91"/>
      <c r="HX388" s="91"/>
      <c r="HY388" s="91"/>
      <c r="HZ388" s="91"/>
      <c r="IA388" s="91"/>
      <c r="IB388" s="91"/>
      <c r="IC388" s="91"/>
      <c r="ID388" s="91"/>
      <c r="IE388" s="91"/>
      <c r="IF388" s="91"/>
      <c r="IG388" s="91"/>
      <c r="IH388" s="91"/>
      <c r="II388" s="91"/>
      <c r="IJ388" s="91"/>
      <c r="IK388" s="127"/>
    </row>
    <row r="389" spans="2:245" x14ac:dyDescent="0.2">
      <c r="B389" s="43"/>
      <c r="C389" s="73"/>
      <c r="D389" s="64"/>
      <c r="E389" s="64"/>
      <c r="F389" s="55"/>
      <c r="G389" s="102"/>
      <c r="H389" s="55"/>
      <c r="I389" s="55"/>
      <c r="J389" s="55"/>
      <c r="K389" s="55"/>
      <c r="L389" s="55"/>
      <c r="M389" s="55"/>
      <c r="N389" s="55"/>
      <c r="O389" s="55"/>
      <c r="P389" s="55"/>
      <c r="Q389" s="55"/>
      <c r="R389" s="55"/>
      <c r="S389" s="55"/>
      <c r="T389" s="55"/>
      <c r="U389" s="55"/>
      <c r="V389" s="55"/>
      <c r="W389" s="55"/>
      <c r="X389" s="55"/>
      <c r="Y389" s="55"/>
      <c r="Z389" s="55"/>
      <c r="AA389" s="55"/>
      <c r="AB389" s="55"/>
      <c r="AC389" s="55"/>
      <c r="AD389" s="55"/>
      <c r="AE389" s="55"/>
      <c r="AF389" s="55"/>
      <c r="AG389" s="55"/>
      <c r="AY389" s="162"/>
      <c r="AZ389" s="162"/>
      <c r="BA389" s="162"/>
      <c r="BB389" s="162"/>
      <c r="BC389" s="162"/>
      <c r="BD389" s="162"/>
      <c r="BE389" s="162"/>
      <c r="BF389" s="162"/>
      <c r="BG389" s="162"/>
      <c r="BH389" s="162"/>
      <c r="BI389" s="162"/>
      <c r="BJ389" s="162"/>
      <c r="BK389" s="162"/>
      <c r="BL389" s="162"/>
      <c r="BM389" s="162"/>
      <c r="BN389" s="162"/>
      <c r="BO389" s="162"/>
      <c r="BP389" s="162"/>
      <c r="BQ389" s="162"/>
      <c r="BR389" s="162"/>
      <c r="BS389" s="162"/>
      <c r="BT389" s="162"/>
      <c r="BU389" s="162"/>
      <c r="BV389" s="162"/>
      <c r="BW389" s="162"/>
      <c r="BX389" s="162"/>
      <c r="BY389" s="162"/>
      <c r="BZ389" s="162"/>
      <c r="CA389" s="162"/>
      <c r="CB389" s="162"/>
      <c r="CC389" s="162"/>
      <c r="CD389" s="162"/>
      <c r="CE389" s="162"/>
      <c r="CF389" s="162"/>
      <c r="CG389" s="162"/>
      <c r="CH389" s="162"/>
      <c r="CI389" s="162"/>
      <c r="CJ389" s="162"/>
      <c r="CK389" s="162"/>
      <c r="CX389" s="98"/>
      <c r="DL389" s="97"/>
      <c r="DX389" s="98"/>
      <c r="EL389" s="97"/>
      <c r="EX389" s="98"/>
      <c r="EY389" s="97"/>
      <c r="FL389" s="126"/>
      <c r="FM389" s="91"/>
      <c r="FN389" s="91"/>
      <c r="FO389" s="91"/>
      <c r="FP389" s="91"/>
      <c r="FQ389" s="91"/>
      <c r="FR389" s="91"/>
      <c r="FS389" s="91"/>
      <c r="FT389" s="91"/>
      <c r="FU389" s="91"/>
      <c r="FV389" s="91"/>
      <c r="FW389" s="91"/>
      <c r="FX389" s="91"/>
      <c r="FY389" s="91"/>
      <c r="FZ389" s="91"/>
      <c r="GA389" s="91"/>
      <c r="GB389" s="91"/>
      <c r="GC389" s="91"/>
      <c r="GD389" s="91"/>
      <c r="GE389" s="91"/>
      <c r="GF389" s="91"/>
      <c r="GG389" s="91"/>
      <c r="GH389" s="91"/>
      <c r="GI389" s="91"/>
      <c r="GJ389" s="91"/>
      <c r="GK389" s="127"/>
      <c r="GL389" s="126"/>
      <c r="GM389" s="91"/>
      <c r="GN389" s="91"/>
      <c r="GO389" s="91"/>
      <c r="GP389" s="91"/>
      <c r="GQ389" s="91"/>
      <c r="GR389" s="91"/>
      <c r="GS389" s="91"/>
      <c r="GT389" s="91"/>
      <c r="GU389" s="91"/>
      <c r="GV389" s="91"/>
      <c r="GW389" s="91"/>
      <c r="GX389" s="91"/>
      <c r="GY389" s="91"/>
      <c r="GZ389" s="91"/>
      <c r="HA389" s="91"/>
      <c r="HB389" s="91"/>
      <c r="HC389" s="91"/>
      <c r="HD389" s="91"/>
      <c r="HE389" s="91"/>
      <c r="HF389" s="91"/>
      <c r="HG389" s="91"/>
      <c r="HH389" s="91"/>
      <c r="HI389" s="91"/>
      <c r="HJ389" s="91"/>
      <c r="HK389" s="127"/>
      <c r="HL389" s="126"/>
      <c r="HM389" s="91"/>
      <c r="HN389" s="91"/>
      <c r="HO389" s="91"/>
      <c r="HP389" s="91"/>
      <c r="HQ389" s="91"/>
      <c r="HR389" s="91"/>
      <c r="HS389" s="91"/>
      <c r="HT389" s="91"/>
      <c r="HU389" s="91"/>
      <c r="HV389" s="91"/>
      <c r="HW389" s="91"/>
      <c r="HX389" s="91"/>
      <c r="HY389" s="91"/>
      <c r="HZ389" s="91"/>
      <c r="IA389" s="91"/>
      <c r="IB389" s="91"/>
      <c r="IC389" s="91"/>
      <c r="ID389" s="91"/>
      <c r="IE389" s="91"/>
      <c r="IF389" s="91"/>
      <c r="IG389" s="91"/>
      <c r="IH389" s="91"/>
      <c r="II389" s="91"/>
      <c r="IJ389" s="91"/>
      <c r="IK389" s="127"/>
    </row>
    <row r="390" spans="2:245" x14ac:dyDescent="0.2">
      <c r="B390" s="43"/>
      <c r="C390" s="73"/>
      <c r="D390" s="64"/>
      <c r="E390" s="64"/>
      <c r="F390" s="55"/>
      <c r="G390" s="102"/>
      <c r="H390" s="55"/>
      <c r="I390" s="55"/>
      <c r="J390" s="55"/>
      <c r="K390" s="55"/>
      <c r="L390" s="55"/>
      <c r="M390" s="55"/>
      <c r="N390" s="55"/>
      <c r="O390" s="55"/>
      <c r="P390" s="55"/>
      <c r="Q390" s="55"/>
      <c r="R390" s="55"/>
      <c r="S390" s="55"/>
      <c r="T390" s="55"/>
      <c r="U390" s="55"/>
      <c r="V390" s="55"/>
      <c r="W390" s="55"/>
      <c r="X390" s="55"/>
      <c r="Y390" s="55"/>
      <c r="Z390" s="55"/>
      <c r="AA390" s="55"/>
      <c r="AB390" s="55"/>
      <c r="AC390" s="55"/>
      <c r="AD390" s="55"/>
      <c r="AE390" s="55"/>
      <c r="AF390" s="55"/>
      <c r="AG390" s="55"/>
      <c r="AY390" s="162"/>
      <c r="AZ390" s="162"/>
      <c r="BA390" s="162"/>
      <c r="BB390" s="162"/>
      <c r="BC390" s="162"/>
      <c r="BD390" s="162"/>
      <c r="BE390" s="162"/>
      <c r="BF390" s="162"/>
      <c r="BG390" s="162"/>
      <c r="BH390" s="162"/>
      <c r="BI390" s="162"/>
      <c r="BJ390" s="162"/>
      <c r="BK390" s="162"/>
      <c r="BL390" s="162"/>
      <c r="BM390" s="162"/>
      <c r="BN390" s="162"/>
      <c r="BO390" s="162"/>
      <c r="BP390" s="162"/>
      <c r="BQ390" s="162"/>
      <c r="BR390" s="162"/>
      <c r="BS390" s="162"/>
      <c r="BT390" s="162"/>
      <c r="BU390" s="162"/>
      <c r="BV390" s="162"/>
      <c r="BW390" s="162"/>
      <c r="BX390" s="162"/>
      <c r="BY390" s="162"/>
      <c r="BZ390" s="162"/>
      <c r="CA390" s="162"/>
      <c r="CB390" s="162"/>
      <c r="CC390" s="162"/>
      <c r="CD390" s="162"/>
      <c r="CE390" s="162"/>
      <c r="CF390" s="162"/>
      <c r="CG390" s="162"/>
      <c r="CH390" s="162"/>
      <c r="CI390" s="162"/>
      <c r="CJ390" s="162"/>
      <c r="CK390" s="162"/>
      <c r="CX390" s="98"/>
      <c r="DL390" s="97"/>
      <c r="DX390" s="98"/>
      <c r="EL390" s="97"/>
      <c r="EX390" s="98"/>
      <c r="EY390" s="97"/>
      <c r="FL390" s="126"/>
      <c r="FM390" s="91"/>
      <c r="FN390" s="91"/>
      <c r="FO390" s="91"/>
      <c r="FP390" s="91"/>
      <c r="FQ390" s="91"/>
      <c r="FR390" s="91"/>
      <c r="FS390" s="91"/>
      <c r="FT390" s="91"/>
      <c r="FU390" s="91"/>
      <c r="FV390" s="91"/>
      <c r="FW390" s="91"/>
      <c r="FX390" s="91"/>
      <c r="FY390" s="91"/>
      <c r="FZ390" s="91"/>
      <c r="GA390" s="91"/>
      <c r="GB390" s="91"/>
      <c r="GC390" s="91"/>
      <c r="GD390" s="91"/>
      <c r="GE390" s="91"/>
      <c r="GF390" s="91"/>
      <c r="GG390" s="91"/>
      <c r="GH390" s="91"/>
      <c r="GI390" s="91"/>
      <c r="GJ390" s="91"/>
      <c r="GK390" s="127"/>
      <c r="GL390" s="126"/>
      <c r="GM390" s="91"/>
      <c r="GN390" s="91"/>
      <c r="GO390" s="91"/>
      <c r="GP390" s="91"/>
      <c r="GQ390" s="91"/>
      <c r="GR390" s="91"/>
      <c r="GS390" s="91"/>
      <c r="GT390" s="91"/>
      <c r="GU390" s="91"/>
      <c r="GV390" s="91"/>
      <c r="GW390" s="91"/>
      <c r="GX390" s="91"/>
      <c r="GY390" s="91"/>
      <c r="GZ390" s="91"/>
      <c r="HA390" s="91"/>
      <c r="HB390" s="91"/>
      <c r="HC390" s="91"/>
      <c r="HD390" s="91"/>
      <c r="HE390" s="91"/>
      <c r="HF390" s="91"/>
      <c r="HG390" s="91"/>
      <c r="HH390" s="91"/>
      <c r="HI390" s="91"/>
      <c r="HJ390" s="91"/>
      <c r="HK390" s="127"/>
      <c r="HL390" s="126"/>
      <c r="HM390" s="91"/>
      <c r="HN390" s="91"/>
      <c r="HO390" s="91"/>
      <c r="HP390" s="91"/>
      <c r="HQ390" s="91"/>
      <c r="HR390" s="91"/>
      <c r="HS390" s="91"/>
      <c r="HT390" s="91"/>
      <c r="HU390" s="91"/>
      <c r="HV390" s="91"/>
      <c r="HW390" s="91"/>
      <c r="HX390" s="91"/>
      <c r="HY390" s="91"/>
      <c r="HZ390" s="91"/>
      <c r="IA390" s="91"/>
      <c r="IB390" s="91"/>
      <c r="IC390" s="91"/>
      <c r="ID390" s="91"/>
      <c r="IE390" s="91"/>
      <c r="IF390" s="91"/>
      <c r="IG390" s="91"/>
      <c r="IH390" s="91"/>
      <c r="II390" s="91"/>
      <c r="IJ390" s="91"/>
      <c r="IK390" s="127"/>
    </row>
    <row r="391" spans="2:245" x14ac:dyDescent="0.2">
      <c r="B391" s="43"/>
      <c r="C391" s="73"/>
      <c r="D391" s="64"/>
      <c r="E391" s="64"/>
      <c r="F391" s="55"/>
      <c r="G391" s="102"/>
      <c r="H391" s="55"/>
      <c r="I391" s="55"/>
      <c r="J391" s="55"/>
      <c r="K391" s="55"/>
      <c r="L391" s="55"/>
      <c r="M391" s="55"/>
      <c r="N391" s="55"/>
      <c r="O391" s="55"/>
      <c r="P391" s="55"/>
      <c r="Q391" s="55"/>
      <c r="R391" s="55"/>
      <c r="S391" s="55"/>
      <c r="T391" s="55"/>
      <c r="U391" s="55"/>
      <c r="V391" s="55"/>
      <c r="W391" s="55"/>
      <c r="X391" s="55"/>
      <c r="Y391" s="55"/>
      <c r="Z391" s="55"/>
      <c r="AA391" s="55"/>
      <c r="AB391" s="55"/>
      <c r="AC391" s="55"/>
      <c r="AD391" s="55"/>
      <c r="AE391" s="55"/>
      <c r="AF391" s="55"/>
      <c r="AG391" s="55"/>
      <c r="AY391" s="162"/>
      <c r="AZ391" s="162"/>
      <c r="BA391" s="162"/>
      <c r="BB391" s="162"/>
      <c r="BC391" s="162"/>
      <c r="BD391" s="162"/>
      <c r="BE391" s="162"/>
      <c r="BF391" s="162"/>
      <c r="BG391" s="162"/>
      <c r="BH391" s="162"/>
      <c r="BI391" s="162"/>
      <c r="BJ391" s="162"/>
      <c r="BK391" s="162"/>
      <c r="BL391" s="162"/>
      <c r="BM391" s="162"/>
      <c r="BN391" s="162"/>
      <c r="BO391" s="162"/>
      <c r="BP391" s="162"/>
      <c r="BQ391" s="162"/>
      <c r="BR391" s="162"/>
      <c r="BS391" s="162"/>
      <c r="BT391" s="162"/>
      <c r="BU391" s="162"/>
      <c r="BV391" s="162"/>
      <c r="BW391" s="162"/>
      <c r="BX391" s="162"/>
      <c r="BY391" s="162"/>
      <c r="BZ391" s="162"/>
      <c r="CA391" s="162"/>
      <c r="CB391" s="162"/>
      <c r="CC391" s="162"/>
      <c r="CD391" s="162"/>
      <c r="CE391" s="162"/>
      <c r="CF391" s="162"/>
      <c r="CG391" s="162"/>
      <c r="CH391" s="162"/>
      <c r="CI391" s="162"/>
      <c r="CJ391" s="162"/>
      <c r="CK391" s="162"/>
      <c r="CX391" s="98"/>
      <c r="DL391" s="97"/>
      <c r="DX391" s="98"/>
      <c r="EL391" s="97"/>
      <c r="EX391" s="98"/>
      <c r="EY391" s="97"/>
      <c r="FL391" s="126"/>
      <c r="FM391" s="91"/>
      <c r="FN391" s="91"/>
      <c r="FO391" s="91"/>
      <c r="FP391" s="91"/>
      <c r="FQ391" s="91"/>
      <c r="FR391" s="91"/>
      <c r="FS391" s="91"/>
      <c r="FT391" s="91"/>
      <c r="FU391" s="91"/>
      <c r="FV391" s="91"/>
      <c r="FW391" s="91"/>
      <c r="FX391" s="91"/>
      <c r="FY391" s="91"/>
      <c r="FZ391" s="91"/>
      <c r="GA391" s="91"/>
      <c r="GB391" s="91"/>
      <c r="GC391" s="91"/>
      <c r="GD391" s="91"/>
      <c r="GE391" s="91"/>
      <c r="GF391" s="91"/>
      <c r="GG391" s="91"/>
      <c r="GH391" s="91"/>
      <c r="GI391" s="91"/>
      <c r="GJ391" s="91"/>
      <c r="GK391" s="127"/>
      <c r="GL391" s="126"/>
      <c r="GM391" s="91"/>
      <c r="GN391" s="91"/>
      <c r="GO391" s="91"/>
      <c r="GP391" s="91"/>
      <c r="GQ391" s="91"/>
      <c r="GR391" s="91"/>
      <c r="GS391" s="91"/>
      <c r="GT391" s="91"/>
      <c r="GU391" s="91"/>
      <c r="GV391" s="91"/>
      <c r="GW391" s="91"/>
      <c r="GX391" s="91"/>
      <c r="GY391" s="91"/>
      <c r="GZ391" s="91"/>
      <c r="HA391" s="91"/>
      <c r="HB391" s="91"/>
      <c r="HC391" s="91"/>
      <c r="HD391" s="91"/>
      <c r="HE391" s="91"/>
      <c r="HF391" s="91"/>
      <c r="HG391" s="91"/>
      <c r="HH391" s="91"/>
      <c r="HI391" s="91"/>
      <c r="HJ391" s="91"/>
      <c r="HK391" s="127"/>
      <c r="HL391" s="126"/>
      <c r="HM391" s="91"/>
      <c r="HN391" s="91"/>
      <c r="HO391" s="91"/>
      <c r="HP391" s="91"/>
      <c r="HQ391" s="91"/>
      <c r="HR391" s="91"/>
      <c r="HS391" s="91"/>
      <c r="HT391" s="91"/>
      <c r="HU391" s="91"/>
      <c r="HV391" s="91"/>
      <c r="HW391" s="91"/>
      <c r="HX391" s="91"/>
      <c r="HY391" s="91"/>
      <c r="HZ391" s="91"/>
      <c r="IA391" s="91"/>
      <c r="IB391" s="91"/>
      <c r="IC391" s="91"/>
      <c r="ID391" s="91"/>
      <c r="IE391" s="91"/>
      <c r="IF391" s="91"/>
      <c r="IG391" s="91"/>
      <c r="IH391" s="91"/>
      <c r="II391" s="91"/>
      <c r="IJ391" s="91"/>
      <c r="IK391" s="127"/>
    </row>
    <row r="392" spans="2:245" x14ac:dyDescent="0.2">
      <c r="B392" s="43"/>
      <c r="C392" s="73"/>
      <c r="D392" s="64"/>
      <c r="E392" s="64"/>
      <c r="F392" s="55"/>
      <c r="G392" s="102"/>
      <c r="H392" s="55"/>
      <c r="I392" s="55"/>
      <c r="J392" s="55"/>
      <c r="K392" s="55"/>
      <c r="L392" s="55"/>
      <c r="M392" s="55"/>
      <c r="N392" s="55"/>
      <c r="O392" s="55"/>
      <c r="P392" s="55"/>
      <c r="Q392" s="55"/>
      <c r="R392" s="55"/>
      <c r="S392" s="55"/>
      <c r="T392" s="55"/>
      <c r="U392" s="55"/>
      <c r="V392" s="55"/>
      <c r="W392" s="55"/>
      <c r="X392" s="55"/>
      <c r="Y392" s="55"/>
      <c r="Z392" s="55"/>
      <c r="AA392" s="55"/>
      <c r="AB392" s="55"/>
      <c r="AC392" s="55"/>
      <c r="AD392" s="55"/>
      <c r="AE392" s="55"/>
      <c r="AF392" s="55"/>
      <c r="AG392" s="55"/>
      <c r="AY392" s="162"/>
      <c r="AZ392" s="162"/>
      <c r="BA392" s="162"/>
      <c r="BB392" s="162"/>
      <c r="BC392" s="162"/>
      <c r="BD392" s="162"/>
      <c r="BE392" s="162"/>
      <c r="BF392" s="162"/>
      <c r="BG392" s="162"/>
      <c r="BH392" s="162"/>
      <c r="BI392" s="162"/>
      <c r="BJ392" s="162"/>
      <c r="BK392" s="162"/>
      <c r="BL392" s="162"/>
      <c r="BM392" s="162"/>
      <c r="BN392" s="162"/>
      <c r="BO392" s="162"/>
      <c r="BP392" s="162"/>
      <c r="BQ392" s="162"/>
      <c r="BR392" s="162"/>
      <c r="BS392" s="162"/>
      <c r="BT392" s="162"/>
      <c r="BU392" s="162"/>
      <c r="BV392" s="162"/>
      <c r="BW392" s="162"/>
      <c r="BX392" s="162"/>
      <c r="BY392" s="162"/>
      <c r="BZ392" s="162"/>
      <c r="CA392" s="162"/>
      <c r="CB392" s="162"/>
      <c r="CC392" s="162"/>
      <c r="CD392" s="162"/>
      <c r="CE392" s="162"/>
      <c r="CF392" s="162"/>
      <c r="CG392" s="162"/>
      <c r="CH392" s="162"/>
      <c r="CI392" s="162"/>
      <c r="CJ392" s="162"/>
      <c r="CK392" s="162"/>
      <c r="CX392" s="98"/>
      <c r="DL392" s="97"/>
      <c r="DX392" s="98"/>
      <c r="EL392" s="97"/>
      <c r="EX392" s="98"/>
      <c r="EY392" s="97"/>
      <c r="FL392" s="126"/>
      <c r="FM392" s="91"/>
      <c r="FN392" s="91"/>
      <c r="FO392" s="91"/>
      <c r="FP392" s="91"/>
      <c r="FQ392" s="91"/>
      <c r="FR392" s="91"/>
      <c r="FS392" s="91"/>
      <c r="FT392" s="91"/>
      <c r="FU392" s="91"/>
      <c r="FV392" s="91"/>
      <c r="FW392" s="91"/>
      <c r="FX392" s="91"/>
      <c r="FY392" s="91"/>
      <c r="FZ392" s="91"/>
      <c r="GA392" s="91"/>
      <c r="GB392" s="91"/>
      <c r="GC392" s="91"/>
      <c r="GD392" s="91"/>
      <c r="GE392" s="91"/>
      <c r="GF392" s="91"/>
      <c r="GG392" s="91"/>
      <c r="GH392" s="91"/>
      <c r="GI392" s="91"/>
      <c r="GJ392" s="91"/>
      <c r="GK392" s="127"/>
      <c r="GL392" s="126"/>
      <c r="GM392" s="91"/>
      <c r="GN392" s="91"/>
      <c r="GO392" s="91"/>
      <c r="GP392" s="91"/>
      <c r="GQ392" s="91"/>
      <c r="GR392" s="91"/>
      <c r="GS392" s="91"/>
      <c r="GT392" s="91"/>
      <c r="GU392" s="91"/>
      <c r="GV392" s="91"/>
      <c r="GW392" s="91"/>
      <c r="GX392" s="91"/>
      <c r="GY392" s="91"/>
      <c r="GZ392" s="91"/>
      <c r="HA392" s="91"/>
      <c r="HB392" s="91"/>
      <c r="HC392" s="91"/>
      <c r="HD392" s="91"/>
      <c r="HE392" s="91"/>
      <c r="HF392" s="91"/>
      <c r="HG392" s="91"/>
      <c r="HH392" s="91"/>
      <c r="HI392" s="91"/>
      <c r="HJ392" s="91"/>
      <c r="HK392" s="127"/>
      <c r="HL392" s="126"/>
      <c r="HM392" s="91"/>
      <c r="HN392" s="91"/>
      <c r="HO392" s="91"/>
      <c r="HP392" s="91"/>
      <c r="HQ392" s="91"/>
      <c r="HR392" s="91"/>
      <c r="HS392" s="91"/>
      <c r="HT392" s="91"/>
      <c r="HU392" s="91"/>
      <c r="HV392" s="91"/>
      <c r="HW392" s="91"/>
      <c r="HX392" s="91"/>
      <c r="HY392" s="91"/>
      <c r="HZ392" s="91"/>
      <c r="IA392" s="91"/>
      <c r="IB392" s="91"/>
      <c r="IC392" s="91"/>
      <c r="ID392" s="91"/>
      <c r="IE392" s="91"/>
      <c r="IF392" s="91"/>
      <c r="IG392" s="91"/>
      <c r="IH392" s="91"/>
      <c r="II392" s="91"/>
      <c r="IJ392" s="91"/>
      <c r="IK392" s="127"/>
    </row>
    <row r="393" spans="2:245" x14ac:dyDescent="0.2">
      <c r="B393" s="43"/>
      <c r="C393" s="73"/>
      <c r="D393" s="64"/>
      <c r="E393" s="64"/>
      <c r="F393" s="55"/>
      <c r="G393" s="102"/>
      <c r="H393" s="55"/>
      <c r="I393" s="55"/>
      <c r="J393" s="55"/>
      <c r="K393" s="55"/>
      <c r="L393" s="55"/>
      <c r="M393" s="55"/>
      <c r="N393" s="55"/>
      <c r="O393" s="55"/>
      <c r="P393" s="55"/>
      <c r="Q393" s="55"/>
      <c r="R393" s="55"/>
      <c r="S393" s="55"/>
      <c r="T393" s="55"/>
      <c r="U393" s="55"/>
      <c r="V393" s="55"/>
      <c r="W393" s="55"/>
      <c r="X393" s="55"/>
      <c r="Y393" s="55"/>
      <c r="Z393" s="55"/>
      <c r="AA393" s="55"/>
      <c r="AB393" s="55"/>
      <c r="AC393" s="55"/>
      <c r="AD393" s="55"/>
      <c r="AE393" s="55"/>
      <c r="AF393" s="55"/>
      <c r="AG393" s="55"/>
      <c r="AY393" s="162"/>
      <c r="AZ393" s="162"/>
      <c r="BA393" s="162"/>
      <c r="BB393" s="162"/>
      <c r="BC393" s="162"/>
      <c r="BD393" s="162"/>
      <c r="BE393" s="162"/>
      <c r="BF393" s="162"/>
      <c r="BG393" s="162"/>
      <c r="BH393" s="162"/>
      <c r="BI393" s="162"/>
      <c r="BJ393" s="162"/>
      <c r="BK393" s="162"/>
      <c r="BL393" s="162"/>
      <c r="BM393" s="162"/>
      <c r="BN393" s="162"/>
      <c r="BO393" s="162"/>
      <c r="BP393" s="162"/>
      <c r="BQ393" s="162"/>
      <c r="BR393" s="162"/>
      <c r="BS393" s="162"/>
      <c r="BT393" s="162"/>
      <c r="BU393" s="162"/>
      <c r="BV393" s="162"/>
      <c r="BW393" s="162"/>
      <c r="BX393" s="162"/>
      <c r="BY393" s="162"/>
      <c r="BZ393" s="162"/>
      <c r="CA393" s="162"/>
      <c r="CB393" s="162"/>
      <c r="CC393" s="162"/>
      <c r="CD393" s="162"/>
      <c r="CE393" s="162"/>
      <c r="CF393" s="162"/>
      <c r="CG393" s="162"/>
      <c r="CH393" s="162"/>
      <c r="CI393" s="162"/>
      <c r="CJ393" s="162"/>
      <c r="CK393" s="162"/>
      <c r="CX393" s="98"/>
      <c r="DL393" s="97"/>
      <c r="DX393" s="98"/>
      <c r="EL393" s="97"/>
      <c r="EX393" s="98"/>
      <c r="EY393" s="97"/>
      <c r="FL393" s="126"/>
      <c r="FM393" s="91"/>
      <c r="FN393" s="91"/>
      <c r="FO393" s="91"/>
      <c r="FP393" s="91"/>
      <c r="FQ393" s="91"/>
      <c r="FR393" s="91"/>
      <c r="FS393" s="91"/>
      <c r="FT393" s="91"/>
      <c r="FU393" s="91"/>
      <c r="FV393" s="91"/>
      <c r="FW393" s="91"/>
      <c r="FX393" s="91"/>
      <c r="FY393" s="91"/>
      <c r="FZ393" s="91"/>
      <c r="GA393" s="91"/>
      <c r="GB393" s="91"/>
      <c r="GC393" s="91"/>
      <c r="GD393" s="91"/>
      <c r="GE393" s="91"/>
      <c r="GF393" s="91"/>
      <c r="GG393" s="91"/>
      <c r="GH393" s="91"/>
      <c r="GI393" s="91"/>
      <c r="GJ393" s="91"/>
      <c r="GK393" s="127"/>
      <c r="GL393" s="126"/>
      <c r="GM393" s="91"/>
      <c r="GN393" s="91"/>
      <c r="GO393" s="91"/>
      <c r="GP393" s="91"/>
      <c r="GQ393" s="91"/>
      <c r="GR393" s="91"/>
      <c r="GS393" s="91"/>
      <c r="GT393" s="91"/>
      <c r="GU393" s="91"/>
      <c r="GV393" s="91"/>
      <c r="GW393" s="91"/>
      <c r="GX393" s="91"/>
      <c r="GY393" s="91"/>
      <c r="GZ393" s="91"/>
      <c r="HA393" s="91"/>
      <c r="HB393" s="91"/>
      <c r="HC393" s="91"/>
      <c r="HD393" s="91"/>
      <c r="HE393" s="91"/>
      <c r="HF393" s="91"/>
      <c r="HG393" s="91"/>
      <c r="HH393" s="91"/>
      <c r="HI393" s="91"/>
      <c r="HJ393" s="91"/>
      <c r="HK393" s="127"/>
      <c r="HL393" s="126"/>
      <c r="HM393" s="91"/>
      <c r="HN393" s="91"/>
      <c r="HO393" s="91"/>
      <c r="HP393" s="91"/>
      <c r="HQ393" s="91"/>
      <c r="HR393" s="91"/>
      <c r="HS393" s="91"/>
      <c r="HT393" s="91"/>
      <c r="HU393" s="91"/>
      <c r="HV393" s="91"/>
      <c r="HW393" s="91"/>
      <c r="HX393" s="91"/>
      <c r="HY393" s="91"/>
      <c r="HZ393" s="91"/>
      <c r="IA393" s="91"/>
      <c r="IB393" s="91"/>
      <c r="IC393" s="91"/>
      <c r="ID393" s="91"/>
      <c r="IE393" s="91"/>
      <c r="IF393" s="91"/>
      <c r="IG393" s="91"/>
      <c r="IH393" s="91"/>
      <c r="II393" s="91"/>
      <c r="IJ393" s="91"/>
      <c r="IK393" s="127"/>
    </row>
    <row r="394" spans="2:245" x14ac:dyDescent="0.2">
      <c r="B394" s="43"/>
      <c r="C394" s="73"/>
      <c r="D394" s="64"/>
      <c r="E394" s="64"/>
      <c r="F394" s="55"/>
      <c r="G394" s="102"/>
      <c r="H394" s="55"/>
      <c r="I394" s="55"/>
      <c r="J394" s="55"/>
      <c r="K394" s="55"/>
      <c r="L394" s="55"/>
      <c r="M394" s="55"/>
      <c r="N394" s="55"/>
      <c r="O394" s="55"/>
      <c r="P394" s="55"/>
      <c r="Q394" s="55"/>
      <c r="R394" s="55"/>
      <c r="S394" s="55"/>
      <c r="T394" s="55"/>
      <c r="U394" s="55"/>
      <c r="V394" s="55"/>
      <c r="W394" s="55"/>
      <c r="X394" s="55"/>
      <c r="Y394" s="55"/>
      <c r="Z394" s="55"/>
      <c r="AA394" s="55"/>
      <c r="AB394" s="55"/>
      <c r="AC394" s="55"/>
      <c r="AD394" s="55"/>
      <c r="AE394" s="55"/>
      <c r="AF394" s="55"/>
      <c r="AG394" s="55"/>
      <c r="AY394" s="162"/>
      <c r="AZ394" s="162"/>
      <c r="BA394" s="162"/>
      <c r="BB394" s="162"/>
      <c r="BC394" s="162"/>
      <c r="BD394" s="162"/>
      <c r="BE394" s="162"/>
      <c r="BF394" s="162"/>
      <c r="BG394" s="162"/>
      <c r="BH394" s="162"/>
      <c r="BI394" s="162"/>
      <c r="BJ394" s="162"/>
      <c r="BK394" s="162"/>
      <c r="BL394" s="162"/>
      <c r="BM394" s="162"/>
      <c r="BN394" s="162"/>
      <c r="BO394" s="162"/>
      <c r="BP394" s="162"/>
      <c r="BQ394" s="162"/>
      <c r="BR394" s="162"/>
      <c r="BS394" s="162"/>
      <c r="BT394" s="162"/>
      <c r="BU394" s="162"/>
      <c r="BV394" s="162"/>
      <c r="BW394" s="162"/>
      <c r="BX394" s="162"/>
      <c r="BY394" s="162"/>
      <c r="BZ394" s="162"/>
      <c r="CA394" s="162"/>
      <c r="CB394" s="162"/>
      <c r="CC394" s="162"/>
      <c r="CD394" s="162"/>
      <c r="CE394" s="162"/>
      <c r="CF394" s="162"/>
      <c r="CG394" s="162"/>
      <c r="CH394" s="162"/>
      <c r="CI394" s="162"/>
      <c r="CJ394" s="162"/>
      <c r="CK394" s="162"/>
      <c r="CX394" s="98"/>
      <c r="DL394" s="97"/>
      <c r="DX394" s="98"/>
      <c r="EL394" s="97"/>
      <c r="EX394" s="98"/>
      <c r="EY394" s="97"/>
      <c r="FL394" s="126"/>
      <c r="FM394" s="91"/>
      <c r="FN394" s="91"/>
      <c r="FO394" s="91"/>
      <c r="FP394" s="91"/>
      <c r="FQ394" s="91"/>
      <c r="FR394" s="91"/>
      <c r="FS394" s="91"/>
      <c r="FT394" s="91"/>
      <c r="FU394" s="91"/>
      <c r="FV394" s="91"/>
      <c r="FW394" s="91"/>
      <c r="FX394" s="91"/>
      <c r="FY394" s="91"/>
      <c r="FZ394" s="91"/>
      <c r="GA394" s="91"/>
      <c r="GB394" s="91"/>
      <c r="GC394" s="91"/>
      <c r="GD394" s="91"/>
      <c r="GE394" s="91"/>
      <c r="GF394" s="91"/>
      <c r="GG394" s="91"/>
      <c r="GH394" s="91"/>
      <c r="GI394" s="91"/>
      <c r="GJ394" s="91"/>
      <c r="GK394" s="127"/>
      <c r="GL394" s="126"/>
      <c r="GM394" s="91"/>
      <c r="GN394" s="91"/>
      <c r="GO394" s="91"/>
      <c r="GP394" s="91"/>
      <c r="GQ394" s="91"/>
      <c r="GR394" s="91"/>
      <c r="GS394" s="91"/>
      <c r="GT394" s="91"/>
      <c r="GU394" s="91"/>
      <c r="GV394" s="91"/>
      <c r="GW394" s="91"/>
      <c r="GX394" s="91"/>
      <c r="GY394" s="91"/>
      <c r="GZ394" s="91"/>
      <c r="HA394" s="91"/>
      <c r="HB394" s="91"/>
      <c r="HC394" s="91"/>
      <c r="HD394" s="91"/>
      <c r="HE394" s="91"/>
      <c r="HF394" s="91"/>
      <c r="HG394" s="91"/>
      <c r="HH394" s="91"/>
      <c r="HI394" s="91"/>
      <c r="HJ394" s="91"/>
      <c r="HK394" s="127"/>
      <c r="HL394" s="126"/>
      <c r="HM394" s="91"/>
      <c r="HN394" s="91"/>
      <c r="HO394" s="91"/>
      <c r="HP394" s="91"/>
      <c r="HQ394" s="91"/>
      <c r="HR394" s="91"/>
      <c r="HS394" s="91"/>
      <c r="HT394" s="91"/>
      <c r="HU394" s="91"/>
      <c r="HV394" s="91"/>
      <c r="HW394" s="91"/>
      <c r="HX394" s="91"/>
      <c r="HY394" s="91"/>
      <c r="HZ394" s="91"/>
      <c r="IA394" s="91"/>
      <c r="IB394" s="91"/>
      <c r="IC394" s="91"/>
      <c r="ID394" s="91"/>
      <c r="IE394" s="91"/>
      <c r="IF394" s="91"/>
      <c r="IG394" s="91"/>
      <c r="IH394" s="91"/>
      <c r="II394" s="91"/>
      <c r="IJ394" s="91"/>
      <c r="IK394" s="127"/>
    </row>
    <row r="395" spans="2:245" x14ac:dyDescent="0.2">
      <c r="B395" s="43"/>
      <c r="C395" s="73"/>
      <c r="D395" s="64"/>
      <c r="E395" s="64"/>
      <c r="F395" s="55"/>
      <c r="G395" s="102"/>
      <c r="H395" s="55"/>
      <c r="I395" s="55"/>
      <c r="J395" s="55"/>
      <c r="K395" s="55"/>
      <c r="L395" s="55"/>
      <c r="M395" s="55"/>
      <c r="N395" s="55"/>
      <c r="O395" s="55"/>
      <c r="P395" s="55"/>
      <c r="Q395" s="55"/>
      <c r="R395" s="55"/>
      <c r="S395" s="55"/>
      <c r="T395" s="55"/>
      <c r="U395" s="55"/>
      <c r="V395" s="55"/>
      <c r="W395" s="55"/>
      <c r="X395" s="55"/>
      <c r="Y395" s="55"/>
      <c r="Z395" s="55"/>
      <c r="AA395" s="55"/>
      <c r="AB395" s="55"/>
      <c r="AC395" s="55"/>
      <c r="AD395" s="55"/>
      <c r="AE395" s="55"/>
      <c r="AF395" s="55"/>
      <c r="AG395" s="55"/>
      <c r="AY395" s="162"/>
      <c r="AZ395" s="162"/>
      <c r="BA395" s="162"/>
      <c r="BB395" s="162"/>
      <c r="BC395" s="162"/>
      <c r="BD395" s="162"/>
      <c r="BE395" s="162"/>
      <c r="BF395" s="162"/>
      <c r="BG395" s="162"/>
      <c r="BH395" s="162"/>
      <c r="BI395" s="162"/>
      <c r="BJ395" s="162"/>
      <c r="BK395" s="162"/>
      <c r="BL395" s="162"/>
      <c r="BM395" s="162"/>
      <c r="BN395" s="162"/>
      <c r="BO395" s="162"/>
      <c r="BP395" s="162"/>
      <c r="BQ395" s="162"/>
      <c r="BR395" s="162"/>
      <c r="BS395" s="162"/>
      <c r="BT395" s="162"/>
      <c r="BU395" s="162"/>
      <c r="BV395" s="162"/>
      <c r="BW395" s="162"/>
      <c r="BX395" s="162"/>
      <c r="BY395" s="162"/>
      <c r="BZ395" s="162"/>
      <c r="CA395" s="162"/>
      <c r="CB395" s="162"/>
      <c r="CC395" s="162"/>
      <c r="CD395" s="162"/>
      <c r="CE395" s="162"/>
      <c r="CF395" s="162"/>
      <c r="CG395" s="162"/>
      <c r="CH395" s="162"/>
      <c r="CI395" s="162"/>
      <c r="CJ395" s="162"/>
      <c r="CK395" s="162"/>
      <c r="CX395" s="98"/>
      <c r="DL395" s="97"/>
      <c r="DX395" s="98"/>
      <c r="EL395" s="97"/>
      <c r="EX395" s="98"/>
      <c r="EY395" s="97"/>
      <c r="FL395" s="126"/>
      <c r="FM395" s="91"/>
      <c r="FN395" s="91"/>
      <c r="FO395" s="91"/>
      <c r="FP395" s="91"/>
      <c r="FQ395" s="91"/>
      <c r="FR395" s="91"/>
      <c r="FS395" s="91"/>
      <c r="FT395" s="91"/>
      <c r="FU395" s="91"/>
      <c r="FV395" s="91"/>
      <c r="FW395" s="91"/>
      <c r="FX395" s="91"/>
      <c r="FY395" s="91"/>
      <c r="FZ395" s="91"/>
      <c r="GA395" s="91"/>
      <c r="GB395" s="91"/>
      <c r="GC395" s="91"/>
      <c r="GD395" s="91"/>
      <c r="GE395" s="91"/>
      <c r="GF395" s="91"/>
      <c r="GG395" s="91"/>
      <c r="GH395" s="91"/>
      <c r="GI395" s="91"/>
      <c r="GJ395" s="91"/>
      <c r="GK395" s="127"/>
      <c r="GL395" s="126"/>
      <c r="GM395" s="91"/>
      <c r="GN395" s="91"/>
      <c r="GO395" s="91"/>
      <c r="GP395" s="91"/>
      <c r="GQ395" s="91"/>
      <c r="GR395" s="91"/>
      <c r="GS395" s="91"/>
      <c r="GT395" s="91"/>
      <c r="GU395" s="91"/>
      <c r="GV395" s="91"/>
      <c r="GW395" s="91"/>
      <c r="GX395" s="91"/>
      <c r="GY395" s="91"/>
      <c r="GZ395" s="91"/>
      <c r="HA395" s="91"/>
      <c r="HB395" s="91"/>
      <c r="HC395" s="91"/>
      <c r="HD395" s="91"/>
      <c r="HE395" s="91"/>
      <c r="HF395" s="91"/>
      <c r="HG395" s="91"/>
      <c r="HH395" s="91"/>
      <c r="HI395" s="91"/>
      <c r="HJ395" s="91"/>
      <c r="HK395" s="127"/>
      <c r="HL395" s="126"/>
      <c r="HM395" s="91"/>
      <c r="HN395" s="91"/>
      <c r="HO395" s="91"/>
      <c r="HP395" s="91"/>
      <c r="HQ395" s="91"/>
      <c r="HR395" s="91"/>
      <c r="HS395" s="91"/>
      <c r="HT395" s="91"/>
      <c r="HU395" s="91"/>
      <c r="HV395" s="91"/>
      <c r="HW395" s="91"/>
      <c r="HX395" s="91"/>
      <c r="HY395" s="91"/>
      <c r="HZ395" s="91"/>
      <c r="IA395" s="91"/>
      <c r="IB395" s="91"/>
      <c r="IC395" s="91"/>
      <c r="ID395" s="91"/>
      <c r="IE395" s="91"/>
      <c r="IF395" s="91"/>
      <c r="IG395" s="91"/>
      <c r="IH395" s="91"/>
      <c r="II395" s="91"/>
      <c r="IJ395" s="91"/>
      <c r="IK395" s="127"/>
    </row>
    <row r="396" spans="2:245" x14ac:dyDescent="0.2">
      <c r="B396" s="43"/>
      <c r="C396" s="73"/>
      <c r="D396" s="64"/>
      <c r="E396" s="64"/>
      <c r="F396" s="55"/>
      <c r="G396" s="102"/>
      <c r="H396" s="55"/>
      <c r="I396" s="55"/>
      <c r="J396" s="55"/>
      <c r="K396" s="55"/>
      <c r="L396" s="55"/>
      <c r="M396" s="55"/>
      <c r="N396" s="55"/>
      <c r="O396" s="55"/>
      <c r="P396" s="55"/>
      <c r="Q396" s="55"/>
      <c r="R396" s="55"/>
      <c r="S396" s="55"/>
      <c r="T396" s="55"/>
      <c r="U396" s="55"/>
      <c r="V396" s="55"/>
      <c r="W396" s="55"/>
      <c r="X396" s="55"/>
      <c r="Y396" s="55"/>
      <c r="Z396" s="55"/>
      <c r="AA396" s="55"/>
      <c r="AB396" s="55"/>
      <c r="AC396" s="55"/>
      <c r="AD396" s="55"/>
      <c r="AE396" s="55"/>
      <c r="AF396" s="55"/>
      <c r="AG396" s="55"/>
      <c r="AY396" s="162"/>
      <c r="AZ396" s="162"/>
      <c r="BA396" s="162"/>
      <c r="BB396" s="162"/>
      <c r="BC396" s="162"/>
      <c r="BD396" s="162"/>
      <c r="BE396" s="162"/>
      <c r="BF396" s="162"/>
      <c r="BG396" s="162"/>
      <c r="BH396" s="162"/>
      <c r="BI396" s="162"/>
      <c r="BJ396" s="162"/>
      <c r="BK396" s="162"/>
      <c r="BL396" s="162"/>
      <c r="BM396" s="162"/>
      <c r="BN396" s="162"/>
      <c r="BO396" s="162"/>
      <c r="BP396" s="162"/>
      <c r="BQ396" s="162"/>
      <c r="BR396" s="162"/>
      <c r="BS396" s="162"/>
      <c r="BT396" s="162"/>
      <c r="BU396" s="162"/>
      <c r="BV396" s="162"/>
      <c r="BW396" s="162"/>
      <c r="BX396" s="162"/>
      <c r="BY396" s="162"/>
      <c r="BZ396" s="162"/>
      <c r="CA396" s="162"/>
      <c r="CB396" s="162"/>
      <c r="CC396" s="162"/>
      <c r="CD396" s="162"/>
      <c r="CE396" s="162"/>
      <c r="CF396" s="162"/>
      <c r="CG396" s="162"/>
      <c r="CH396" s="162"/>
      <c r="CI396" s="162"/>
      <c r="CJ396" s="162"/>
      <c r="CK396" s="162"/>
      <c r="CX396" s="98"/>
      <c r="DL396" s="97"/>
      <c r="DX396" s="98"/>
      <c r="EL396" s="97"/>
      <c r="EX396" s="98"/>
      <c r="EY396" s="97"/>
      <c r="FL396" s="126"/>
      <c r="FM396" s="91"/>
      <c r="FN396" s="91"/>
      <c r="FO396" s="91"/>
      <c r="FP396" s="91"/>
      <c r="FQ396" s="91"/>
      <c r="FR396" s="91"/>
      <c r="FS396" s="91"/>
      <c r="FT396" s="91"/>
      <c r="FU396" s="91"/>
      <c r="FV396" s="91"/>
      <c r="FW396" s="91"/>
      <c r="FX396" s="91"/>
      <c r="FY396" s="91"/>
      <c r="FZ396" s="91"/>
      <c r="GA396" s="91"/>
      <c r="GB396" s="91"/>
      <c r="GC396" s="91"/>
      <c r="GD396" s="91"/>
      <c r="GE396" s="91"/>
      <c r="GF396" s="91"/>
      <c r="GG396" s="91"/>
      <c r="GH396" s="91"/>
      <c r="GI396" s="91"/>
      <c r="GJ396" s="91"/>
      <c r="GK396" s="127"/>
      <c r="GL396" s="126"/>
      <c r="GM396" s="91"/>
      <c r="GN396" s="91"/>
      <c r="GO396" s="91"/>
      <c r="GP396" s="91"/>
      <c r="GQ396" s="91"/>
      <c r="GR396" s="91"/>
      <c r="GS396" s="91"/>
      <c r="GT396" s="91"/>
      <c r="GU396" s="91"/>
      <c r="GV396" s="91"/>
      <c r="GW396" s="91"/>
      <c r="GX396" s="91"/>
      <c r="GY396" s="91"/>
      <c r="GZ396" s="91"/>
      <c r="HA396" s="91"/>
      <c r="HB396" s="91"/>
      <c r="HC396" s="91"/>
      <c r="HD396" s="91"/>
      <c r="HE396" s="91"/>
      <c r="HF396" s="91"/>
      <c r="HG396" s="91"/>
      <c r="HH396" s="91"/>
      <c r="HI396" s="91"/>
      <c r="HJ396" s="91"/>
      <c r="HK396" s="127"/>
      <c r="HL396" s="126"/>
      <c r="HM396" s="91"/>
      <c r="HN396" s="91"/>
      <c r="HO396" s="91"/>
      <c r="HP396" s="91"/>
      <c r="HQ396" s="91"/>
      <c r="HR396" s="91"/>
      <c r="HS396" s="91"/>
      <c r="HT396" s="91"/>
      <c r="HU396" s="91"/>
      <c r="HV396" s="91"/>
      <c r="HW396" s="91"/>
      <c r="HX396" s="91"/>
      <c r="HY396" s="91"/>
      <c r="HZ396" s="91"/>
      <c r="IA396" s="91"/>
      <c r="IB396" s="91"/>
      <c r="IC396" s="91"/>
      <c r="ID396" s="91"/>
      <c r="IE396" s="91"/>
      <c r="IF396" s="91"/>
      <c r="IG396" s="91"/>
      <c r="IH396" s="91"/>
      <c r="II396" s="91"/>
      <c r="IJ396" s="91"/>
      <c r="IK396" s="127"/>
    </row>
    <row r="397" spans="2:245" x14ac:dyDescent="0.2">
      <c r="B397" s="43"/>
      <c r="C397" s="73"/>
      <c r="D397" s="64"/>
      <c r="E397" s="64"/>
      <c r="F397" s="55"/>
      <c r="G397" s="102"/>
      <c r="H397" s="55"/>
      <c r="I397" s="55"/>
      <c r="J397" s="55"/>
      <c r="K397" s="55"/>
      <c r="L397" s="55"/>
      <c r="M397" s="55"/>
      <c r="N397" s="55"/>
      <c r="O397" s="55"/>
      <c r="P397" s="55"/>
      <c r="Q397" s="55"/>
      <c r="R397" s="55"/>
      <c r="S397" s="55"/>
      <c r="T397" s="55"/>
      <c r="U397" s="55"/>
      <c r="V397" s="55"/>
      <c r="W397" s="55"/>
      <c r="X397" s="55"/>
      <c r="Y397" s="55"/>
      <c r="Z397" s="55"/>
      <c r="AA397" s="55"/>
      <c r="AB397" s="55"/>
      <c r="AC397" s="55"/>
      <c r="AD397" s="55"/>
      <c r="AE397" s="55"/>
      <c r="AF397" s="55"/>
      <c r="AG397" s="55"/>
      <c r="AY397" s="162"/>
      <c r="AZ397" s="162"/>
      <c r="BA397" s="162"/>
      <c r="BB397" s="162"/>
      <c r="BC397" s="162"/>
      <c r="BD397" s="162"/>
      <c r="BE397" s="162"/>
      <c r="BF397" s="162"/>
      <c r="BG397" s="162"/>
      <c r="BH397" s="162"/>
      <c r="BI397" s="162"/>
      <c r="BJ397" s="162"/>
      <c r="BK397" s="162"/>
      <c r="BL397" s="162"/>
      <c r="BM397" s="162"/>
      <c r="BN397" s="162"/>
      <c r="BO397" s="162"/>
      <c r="BP397" s="162"/>
      <c r="BQ397" s="162"/>
      <c r="BR397" s="162"/>
      <c r="BS397" s="162"/>
      <c r="BT397" s="162"/>
      <c r="BU397" s="162"/>
      <c r="BV397" s="162"/>
      <c r="BW397" s="162"/>
      <c r="BX397" s="162"/>
      <c r="BY397" s="162"/>
      <c r="BZ397" s="162"/>
      <c r="CA397" s="162"/>
      <c r="CB397" s="162"/>
      <c r="CC397" s="162"/>
      <c r="CD397" s="162"/>
      <c r="CE397" s="162"/>
      <c r="CF397" s="162"/>
      <c r="CG397" s="162"/>
      <c r="CH397" s="162"/>
      <c r="CI397" s="162"/>
      <c r="CJ397" s="162"/>
      <c r="CK397" s="162"/>
      <c r="CX397" s="98"/>
      <c r="DL397" s="97"/>
      <c r="DX397" s="98"/>
      <c r="EL397" s="97"/>
      <c r="EX397" s="98"/>
      <c r="EY397" s="97"/>
      <c r="FL397" s="126"/>
      <c r="FM397" s="91"/>
      <c r="FN397" s="91"/>
      <c r="FO397" s="91"/>
      <c r="FP397" s="91"/>
      <c r="FQ397" s="91"/>
      <c r="FR397" s="91"/>
      <c r="FS397" s="91"/>
      <c r="FT397" s="91"/>
      <c r="FU397" s="91"/>
      <c r="FV397" s="91"/>
      <c r="FW397" s="91"/>
      <c r="FX397" s="91"/>
      <c r="FY397" s="91"/>
      <c r="FZ397" s="91"/>
      <c r="GA397" s="91"/>
      <c r="GB397" s="91"/>
      <c r="GC397" s="91"/>
      <c r="GD397" s="91"/>
      <c r="GE397" s="91"/>
      <c r="GF397" s="91"/>
      <c r="GG397" s="91"/>
      <c r="GH397" s="91"/>
      <c r="GI397" s="91"/>
      <c r="GJ397" s="91"/>
      <c r="GK397" s="127"/>
      <c r="GL397" s="126"/>
      <c r="GM397" s="91"/>
      <c r="GN397" s="91"/>
      <c r="GO397" s="91"/>
      <c r="GP397" s="91"/>
      <c r="GQ397" s="91"/>
      <c r="GR397" s="91"/>
      <c r="GS397" s="91"/>
      <c r="GT397" s="91"/>
      <c r="GU397" s="91"/>
      <c r="GV397" s="91"/>
      <c r="GW397" s="91"/>
      <c r="GX397" s="91"/>
      <c r="GY397" s="91"/>
      <c r="GZ397" s="91"/>
      <c r="HA397" s="91"/>
      <c r="HB397" s="91"/>
      <c r="HC397" s="91"/>
      <c r="HD397" s="91"/>
      <c r="HE397" s="91"/>
      <c r="HF397" s="91"/>
      <c r="HG397" s="91"/>
      <c r="HH397" s="91"/>
      <c r="HI397" s="91"/>
      <c r="HJ397" s="91"/>
      <c r="HK397" s="127"/>
      <c r="HL397" s="126"/>
      <c r="HM397" s="91"/>
      <c r="HN397" s="91"/>
      <c r="HO397" s="91"/>
      <c r="HP397" s="91"/>
      <c r="HQ397" s="91"/>
      <c r="HR397" s="91"/>
      <c r="HS397" s="91"/>
      <c r="HT397" s="91"/>
      <c r="HU397" s="91"/>
      <c r="HV397" s="91"/>
      <c r="HW397" s="91"/>
      <c r="HX397" s="91"/>
      <c r="HY397" s="91"/>
      <c r="HZ397" s="91"/>
      <c r="IA397" s="91"/>
      <c r="IB397" s="91"/>
      <c r="IC397" s="91"/>
      <c r="ID397" s="91"/>
      <c r="IE397" s="91"/>
      <c r="IF397" s="91"/>
      <c r="IG397" s="91"/>
      <c r="IH397" s="91"/>
      <c r="II397" s="91"/>
      <c r="IJ397" s="91"/>
      <c r="IK397" s="127"/>
    </row>
    <row r="398" spans="2:245" x14ac:dyDescent="0.2">
      <c r="B398" s="43"/>
      <c r="C398" s="73"/>
      <c r="D398" s="64"/>
      <c r="E398" s="64"/>
      <c r="F398" s="55"/>
      <c r="G398" s="102"/>
      <c r="H398" s="55"/>
      <c r="I398" s="55"/>
      <c r="J398" s="55"/>
      <c r="K398" s="55"/>
      <c r="L398" s="55"/>
      <c r="M398" s="55"/>
      <c r="N398" s="55"/>
      <c r="O398" s="55"/>
      <c r="P398" s="55"/>
      <c r="Q398" s="55"/>
      <c r="R398" s="55"/>
      <c r="S398" s="55"/>
      <c r="T398" s="55"/>
      <c r="U398" s="55"/>
      <c r="V398" s="55"/>
      <c r="W398" s="55"/>
      <c r="X398" s="55"/>
      <c r="Y398" s="55"/>
      <c r="Z398" s="55"/>
      <c r="AA398" s="55"/>
      <c r="AB398" s="55"/>
      <c r="AC398" s="55"/>
      <c r="AD398" s="55"/>
      <c r="AE398" s="55"/>
      <c r="AF398" s="55"/>
      <c r="AG398" s="55"/>
      <c r="AY398" s="162"/>
      <c r="AZ398" s="162"/>
      <c r="BA398" s="162"/>
      <c r="BB398" s="162"/>
      <c r="BC398" s="162"/>
      <c r="BD398" s="162"/>
      <c r="BE398" s="162"/>
      <c r="BF398" s="162"/>
      <c r="BG398" s="162"/>
      <c r="BH398" s="162"/>
      <c r="BI398" s="162"/>
      <c r="BJ398" s="162"/>
      <c r="BK398" s="162"/>
      <c r="BL398" s="162"/>
      <c r="BM398" s="162"/>
      <c r="BN398" s="162"/>
      <c r="BO398" s="162"/>
      <c r="BP398" s="162"/>
      <c r="BQ398" s="162"/>
      <c r="BR398" s="162"/>
      <c r="BS398" s="162"/>
      <c r="BT398" s="162"/>
      <c r="BU398" s="162"/>
      <c r="BV398" s="162"/>
      <c r="BW398" s="162"/>
      <c r="BX398" s="162"/>
      <c r="BY398" s="162"/>
      <c r="BZ398" s="162"/>
      <c r="CA398" s="162"/>
      <c r="CB398" s="162"/>
      <c r="CC398" s="162"/>
      <c r="CD398" s="162"/>
      <c r="CE398" s="162"/>
      <c r="CF398" s="162"/>
      <c r="CG398" s="162"/>
      <c r="CH398" s="162"/>
      <c r="CI398" s="162"/>
      <c r="CJ398" s="162"/>
      <c r="CK398" s="162"/>
      <c r="CX398" s="98"/>
      <c r="DL398" s="97"/>
      <c r="DX398" s="98"/>
      <c r="EL398" s="97"/>
      <c r="EX398" s="98"/>
      <c r="EY398" s="97"/>
      <c r="FL398" s="126"/>
      <c r="FM398" s="91"/>
      <c r="FN398" s="91"/>
      <c r="FO398" s="91"/>
      <c r="FP398" s="91"/>
      <c r="FQ398" s="91"/>
      <c r="FR398" s="91"/>
      <c r="FS398" s="91"/>
      <c r="FT398" s="91"/>
      <c r="FU398" s="91"/>
      <c r="FV398" s="91"/>
      <c r="FW398" s="91"/>
      <c r="FX398" s="91"/>
      <c r="FY398" s="91"/>
      <c r="FZ398" s="91"/>
      <c r="GA398" s="91"/>
      <c r="GB398" s="91"/>
      <c r="GC398" s="91"/>
      <c r="GD398" s="91"/>
      <c r="GE398" s="91"/>
      <c r="GF398" s="91"/>
      <c r="GG398" s="91"/>
      <c r="GH398" s="91"/>
      <c r="GI398" s="91"/>
      <c r="GJ398" s="91"/>
      <c r="GK398" s="127"/>
      <c r="GL398" s="126"/>
      <c r="GM398" s="91"/>
      <c r="GN398" s="91"/>
      <c r="GO398" s="91"/>
      <c r="GP398" s="91"/>
      <c r="GQ398" s="91"/>
      <c r="GR398" s="91"/>
      <c r="GS398" s="91"/>
      <c r="GT398" s="91"/>
      <c r="GU398" s="91"/>
      <c r="GV398" s="91"/>
      <c r="GW398" s="91"/>
      <c r="GX398" s="91"/>
      <c r="GY398" s="91"/>
      <c r="GZ398" s="91"/>
      <c r="HA398" s="91"/>
      <c r="HB398" s="91"/>
      <c r="HC398" s="91"/>
      <c r="HD398" s="91"/>
      <c r="HE398" s="91"/>
      <c r="HF398" s="91"/>
      <c r="HG398" s="91"/>
      <c r="HH398" s="91"/>
      <c r="HI398" s="91"/>
      <c r="HJ398" s="91"/>
      <c r="HK398" s="127"/>
      <c r="HL398" s="126"/>
      <c r="HM398" s="91"/>
      <c r="HN398" s="91"/>
      <c r="HO398" s="91"/>
      <c r="HP398" s="91"/>
      <c r="HQ398" s="91"/>
      <c r="HR398" s="91"/>
      <c r="HS398" s="91"/>
      <c r="HT398" s="91"/>
      <c r="HU398" s="91"/>
      <c r="HV398" s="91"/>
      <c r="HW398" s="91"/>
      <c r="HX398" s="91"/>
      <c r="HY398" s="91"/>
      <c r="HZ398" s="91"/>
      <c r="IA398" s="91"/>
      <c r="IB398" s="91"/>
      <c r="IC398" s="91"/>
      <c r="ID398" s="91"/>
      <c r="IE398" s="91"/>
      <c r="IF398" s="91"/>
      <c r="IG398" s="91"/>
      <c r="IH398" s="91"/>
      <c r="II398" s="91"/>
      <c r="IJ398" s="91"/>
      <c r="IK398" s="127"/>
    </row>
    <row r="399" spans="2:245" x14ac:dyDescent="0.2">
      <c r="B399" s="43"/>
      <c r="C399" s="73"/>
      <c r="D399" s="64"/>
      <c r="E399" s="64"/>
      <c r="F399" s="55"/>
      <c r="G399" s="102"/>
      <c r="H399" s="55"/>
      <c r="I399" s="55"/>
      <c r="J399" s="55"/>
      <c r="K399" s="55"/>
      <c r="L399" s="55"/>
      <c r="M399" s="55"/>
      <c r="N399" s="55"/>
      <c r="O399" s="55"/>
      <c r="P399" s="55"/>
      <c r="Q399" s="55"/>
      <c r="R399" s="55"/>
      <c r="S399" s="55"/>
      <c r="T399" s="55"/>
      <c r="U399" s="55"/>
      <c r="V399" s="55"/>
      <c r="W399" s="55"/>
      <c r="X399" s="55"/>
      <c r="Y399" s="55"/>
      <c r="Z399" s="55"/>
      <c r="AA399" s="55"/>
      <c r="AB399" s="55"/>
      <c r="AC399" s="55"/>
      <c r="AD399" s="55"/>
      <c r="AE399" s="55"/>
      <c r="AF399" s="55"/>
      <c r="AG399" s="55"/>
      <c r="AY399" s="162"/>
      <c r="AZ399" s="162"/>
      <c r="BA399" s="162"/>
      <c r="BB399" s="162"/>
      <c r="BC399" s="162"/>
      <c r="BD399" s="162"/>
      <c r="BE399" s="162"/>
      <c r="BF399" s="162"/>
      <c r="BG399" s="162"/>
      <c r="BH399" s="162"/>
      <c r="BI399" s="162"/>
      <c r="BJ399" s="162"/>
      <c r="BK399" s="162"/>
      <c r="BL399" s="162"/>
      <c r="BM399" s="162"/>
      <c r="BN399" s="162"/>
      <c r="BO399" s="162"/>
      <c r="BP399" s="162"/>
      <c r="BQ399" s="162"/>
      <c r="BR399" s="162"/>
      <c r="BS399" s="162"/>
      <c r="BT399" s="162"/>
      <c r="BU399" s="162"/>
      <c r="BV399" s="162"/>
      <c r="BW399" s="162"/>
      <c r="BX399" s="162"/>
      <c r="BY399" s="162"/>
      <c r="BZ399" s="162"/>
      <c r="CA399" s="162"/>
      <c r="CB399" s="162"/>
      <c r="CC399" s="162"/>
      <c r="CD399" s="162"/>
      <c r="CE399" s="162"/>
      <c r="CF399" s="162"/>
      <c r="CG399" s="162"/>
      <c r="CH399" s="162"/>
      <c r="CI399" s="162"/>
      <c r="CJ399" s="162"/>
      <c r="CK399" s="162"/>
      <c r="CX399" s="98"/>
      <c r="DL399" s="97"/>
      <c r="DX399" s="98"/>
      <c r="EL399" s="97"/>
      <c r="EX399" s="98"/>
      <c r="EY399" s="97"/>
      <c r="FL399" s="126"/>
      <c r="FM399" s="91"/>
      <c r="FN399" s="91"/>
      <c r="FO399" s="91"/>
      <c r="FP399" s="91"/>
      <c r="FQ399" s="91"/>
      <c r="FR399" s="91"/>
      <c r="FS399" s="91"/>
      <c r="FT399" s="91"/>
      <c r="FU399" s="91"/>
      <c r="FV399" s="91"/>
      <c r="FW399" s="91"/>
      <c r="FX399" s="91"/>
      <c r="FY399" s="91"/>
      <c r="FZ399" s="91"/>
      <c r="GA399" s="91"/>
      <c r="GB399" s="91"/>
      <c r="GC399" s="91"/>
      <c r="GD399" s="91"/>
      <c r="GE399" s="91"/>
      <c r="GF399" s="91"/>
      <c r="GG399" s="91"/>
      <c r="GH399" s="91"/>
      <c r="GI399" s="91"/>
      <c r="GJ399" s="91"/>
      <c r="GK399" s="127"/>
      <c r="GL399" s="126"/>
      <c r="GM399" s="91"/>
      <c r="GN399" s="91"/>
      <c r="GO399" s="91"/>
      <c r="GP399" s="91"/>
      <c r="GQ399" s="91"/>
      <c r="GR399" s="91"/>
      <c r="GS399" s="91"/>
      <c r="GT399" s="91"/>
      <c r="GU399" s="91"/>
      <c r="GV399" s="91"/>
      <c r="GW399" s="91"/>
      <c r="GX399" s="91"/>
      <c r="GY399" s="91"/>
      <c r="GZ399" s="91"/>
      <c r="HA399" s="91"/>
      <c r="HB399" s="91"/>
      <c r="HC399" s="91"/>
      <c r="HD399" s="91"/>
      <c r="HE399" s="91"/>
      <c r="HF399" s="91"/>
      <c r="HG399" s="91"/>
      <c r="HH399" s="91"/>
      <c r="HI399" s="91"/>
      <c r="HJ399" s="91"/>
      <c r="HK399" s="127"/>
      <c r="HL399" s="126"/>
      <c r="HM399" s="91"/>
      <c r="HN399" s="91"/>
      <c r="HO399" s="91"/>
      <c r="HP399" s="91"/>
      <c r="HQ399" s="91"/>
      <c r="HR399" s="91"/>
      <c r="HS399" s="91"/>
      <c r="HT399" s="91"/>
      <c r="HU399" s="91"/>
      <c r="HV399" s="91"/>
      <c r="HW399" s="91"/>
      <c r="HX399" s="91"/>
      <c r="HY399" s="91"/>
      <c r="HZ399" s="91"/>
      <c r="IA399" s="91"/>
      <c r="IB399" s="91"/>
      <c r="IC399" s="91"/>
      <c r="ID399" s="91"/>
      <c r="IE399" s="91"/>
      <c r="IF399" s="91"/>
      <c r="IG399" s="91"/>
      <c r="IH399" s="91"/>
      <c r="II399" s="91"/>
      <c r="IJ399" s="91"/>
      <c r="IK399" s="127"/>
    </row>
    <row r="400" spans="2:245" x14ac:dyDescent="0.2">
      <c r="B400" s="43"/>
      <c r="C400" s="73"/>
      <c r="D400" s="64"/>
      <c r="E400" s="64"/>
      <c r="F400" s="55"/>
      <c r="G400" s="102"/>
      <c r="H400" s="55"/>
      <c r="I400" s="55"/>
      <c r="J400" s="55"/>
      <c r="K400" s="55"/>
      <c r="L400" s="55"/>
      <c r="M400" s="55"/>
      <c r="N400" s="55"/>
      <c r="O400" s="55"/>
      <c r="P400" s="55"/>
      <c r="Q400" s="55"/>
      <c r="R400" s="55"/>
      <c r="S400" s="55"/>
      <c r="T400" s="55"/>
      <c r="U400" s="55"/>
      <c r="V400" s="55"/>
      <c r="W400" s="55"/>
      <c r="X400" s="55"/>
      <c r="Y400" s="55"/>
      <c r="Z400" s="55"/>
      <c r="AA400" s="55"/>
      <c r="AB400" s="55"/>
      <c r="AC400" s="55"/>
      <c r="AD400" s="55"/>
      <c r="AE400" s="55"/>
      <c r="AF400" s="55"/>
      <c r="AG400" s="55"/>
      <c r="AY400" s="162"/>
      <c r="AZ400" s="162"/>
      <c r="BA400" s="162"/>
      <c r="BB400" s="162"/>
      <c r="BC400" s="162"/>
      <c r="BD400" s="162"/>
      <c r="BE400" s="162"/>
      <c r="BF400" s="162"/>
      <c r="BG400" s="162"/>
      <c r="BH400" s="162"/>
      <c r="BI400" s="162"/>
      <c r="BJ400" s="162"/>
      <c r="BK400" s="162"/>
      <c r="BL400" s="162"/>
      <c r="BM400" s="162"/>
      <c r="BN400" s="162"/>
      <c r="BO400" s="162"/>
      <c r="BP400" s="162"/>
      <c r="BQ400" s="162"/>
      <c r="BR400" s="162"/>
      <c r="BS400" s="162"/>
      <c r="BT400" s="162"/>
      <c r="BU400" s="162"/>
      <c r="BV400" s="162"/>
      <c r="BW400" s="162"/>
      <c r="BX400" s="162"/>
      <c r="BY400" s="162"/>
      <c r="BZ400" s="162"/>
      <c r="CA400" s="162"/>
      <c r="CB400" s="162"/>
      <c r="CC400" s="162"/>
      <c r="CD400" s="162"/>
      <c r="CE400" s="162"/>
      <c r="CF400" s="162"/>
      <c r="CG400" s="162"/>
      <c r="CH400" s="162"/>
      <c r="CI400" s="162"/>
      <c r="CJ400" s="162"/>
      <c r="CK400" s="162"/>
      <c r="CX400" s="98"/>
      <c r="DL400" s="97"/>
      <c r="DX400" s="98"/>
      <c r="EL400" s="97"/>
      <c r="EX400" s="98"/>
      <c r="EY400" s="97"/>
      <c r="FL400" s="126"/>
      <c r="FM400" s="91"/>
      <c r="FN400" s="91"/>
      <c r="FO400" s="91"/>
      <c r="FP400" s="91"/>
      <c r="FQ400" s="91"/>
      <c r="FR400" s="91"/>
      <c r="FS400" s="91"/>
      <c r="FT400" s="91"/>
      <c r="FU400" s="91"/>
      <c r="FV400" s="91"/>
      <c r="FW400" s="91"/>
      <c r="FX400" s="91"/>
      <c r="FY400" s="91"/>
      <c r="FZ400" s="91"/>
      <c r="GA400" s="91"/>
      <c r="GB400" s="91"/>
      <c r="GC400" s="91"/>
      <c r="GD400" s="91"/>
      <c r="GE400" s="91"/>
      <c r="GF400" s="91"/>
      <c r="GG400" s="91"/>
      <c r="GH400" s="91"/>
      <c r="GI400" s="91"/>
      <c r="GJ400" s="91"/>
      <c r="GK400" s="127"/>
      <c r="GL400" s="126"/>
      <c r="GM400" s="91"/>
      <c r="GN400" s="91"/>
      <c r="GO400" s="91"/>
      <c r="GP400" s="91"/>
      <c r="GQ400" s="91"/>
      <c r="GR400" s="91"/>
      <c r="GS400" s="91"/>
      <c r="GT400" s="91"/>
      <c r="GU400" s="91"/>
      <c r="GV400" s="91"/>
      <c r="GW400" s="91"/>
      <c r="GX400" s="91"/>
      <c r="GY400" s="91"/>
      <c r="GZ400" s="91"/>
      <c r="HA400" s="91"/>
      <c r="HB400" s="91"/>
      <c r="HC400" s="91"/>
      <c r="HD400" s="91"/>
      <c r="HE400" s="91"/>
      <c r="HF400" s="91"/>
      <c r="HG400" s="91"/>
      <c r="HH400" s="91"/>
      <c r="HI400" s="91"/>
      <c r="HJ400" s="91"/>
      <c r="HK400" s="127"/>
      <c r="HL400" s="126"/>
      <c r="HM400" s="91"/>
      <c r="HN400" s="91"/>
      <c r="HO400" s="91"/>
      <c r="HP400" s="91"/>
      <c r="HQ400" s="91"/>
      <c r="HR400" s="91"/>
      <c r="HS400" s="91"/>
      <c r="HT400" s="91"/>
      <c r="HU400" s="91"/>
      <c r="HV400" s="91"/>
      <c r="HW400" s="91"/>
      <c r="HX400" s="91"/>
      <c r="HY400" s="91"/>
      <c r="HZ400" s="91"/>
      <c r="IA400" s="91"/>
      <c r="IB400" s="91"/>
      <c r="IC400" s="91"/>
      <c r="ID400" s="91"/>
      <c r="IE400" s="91"/>
      <c r="IF400" s="91"/>
      <c r="IG400" s="91"/>
      <c r="IH400" s="91"/>
      <c r="II400" s="91"/>
      <c r="IJ400" s="91"/>
      <c r="IK400" s="127"/>
    </row>
    <row r="401" spans="2:245" x14ac:dyDescent="0.2">
      <c r="B401" s="43"/>
      <c r="C401" s="73"/>
      <c r="D401" s="64"/>
      <c r="E401" s="64"/>
      <c r="F401" s="55"/>
      <c r="G401" s="102"/>
      <c r="H401" s="55"/>
      <c r="I401" s="55"/>
      <c r="J401" s="55"/>
      <c r="K401" s="55"/>
      <c r="L401" s="55"/>
      <c r="M401" s="55"/>
      <c r="N401" s="55"/>
      <c r="O401" s="55"/>
      <c r="P401" s="55"/>
      <c r="Q401" s="55"/>
      <c r="R401" s="55"/>
      <c r="S401" s="55"/>
      <c r="T401" s="55"/>
      <c r="U401" s="55"/>
      <c r="V401" s="55"/>
      <c r="W401" s="55"/>
      <c r="X401" s="55"/>
      <c r="Y401" s="55"/>
      <c r="Z401" s="55"/>
      <c r="AA401" s="55"/>
      <c r="AB401" s="55"/>
      <c r="AC401" s="55"/>
      <c r="AD401" s="55"/>
      <c r="AE401" s="55"/>
      <c r="AF401" s="55"/>
      <c r="AG401" s="55"/>
      <c r="AY401" s="162"/>
      <c r="AZ401" s="162"/>
      <c r="BA401" s="162"/>
      <c r="BB401" s="162"/>
      <c r="BC401" s="162"/>
      <c r="BD401" s="162"/>
      <c r="BE401" s="162"/>
      <c r="BF401" s="162"/>
      <c r="BG401" s="162"/>
      <c r="BH401" s="162"/>
      <c r="BI401" s="162"/>
      <c r="BJ401" s="162"/>
      <c r="BK401" s="162"/>
      <c r="BL401" s="162"/>
      <c r="BM401" s="162"/>
      <c r="BN401" s="162"/>
      <c r="BO401" s="162"/>
      <c r="BP401" s="162"/>
      <c r="BQ401" s="162"/>
      <c r="BR401" s="162"/>
      <c r="BS401" s="162"/>
      <c r="BT401" s="162"/>
      <c r="BU401" s="162"/>
      <c r="BV401" s="162"/>
      <c r="BW401" s="162"/>
      <c r="BX401" s="162"/>
      <c r="BY401" s="162"/>
      <c r="BZ401" s="162"/>
      <c r="CA401" s="162"/>
      <c r="CB401" s="162"/>
      <c r="CC401" s="162"/>
      <c r="CD401" s="162"/>
      <c r="CE401" s="162"/>
      <c r="CF401" s="162"/>
      <c r="CG401" s="162"/>
      <c r="CH401" s="162"/>
      <c r="CI401" s="162"/>
      <c r="CJ401" s="162"/>
      <c r="CK401" s="162"/>
      <c r="CX401" s="98"/>
      <c r="DL401" s="97"/>
      <c r="DX401" s="98"/>
      <c r="EL401" s="97"/>
      <c r="EX401" s="98"/>
      <c r="EY401" s="97"/>
      <c r="FL401" s="126"/>
      <c r="FM401" s="91"/>
      <c r="FN401" s="91"/>
      <c r="FO401" s="91"/>
      <c r="FP401" s="91"/>
      <c r="FQ401" s="91"/>
      <c r="FR401" s="91"/>
      <c r="FS401" s="91"/>
      <c r="FT401" s="91"/>
      <c r="FU401" s="91"/>
      <c r="FV401" s="91"/>
      <c r="FW401" s="91"/>
      <c r="FX401" s="91"/>
      <c r="FY401" s="91"/>
      <c r="FZ401" s="91"/>
      <c r="GA401" s="91"/>
      <c r="GB401" s="91"/>
      <c r="GC401" s="91"/>
      <c r="GD401" s="91"/>
      <c r="GE401" s="91"/>
      <c r="GF401" s="91"/>
      <c r="GG401" s="91"/>
      <c r="GH401" s="91"/>
      <c r="GI401" s="91"/>
      <c r="GJ401" s="91"/>
      <c r="GK401" s="127"/>
      <c r="GL401" s="126"/>
      <c r="GM401" s="91"/>
      <c r="GN401" s="91"/>
      <c r="GO401" s="91"/>
      <c r="GP401" s="91"/>
      <c r="GQ401" s="91"/>
      <c r="GR401" s="91"/>
      <c r="GS401" s="91"/>
      <c r="GT401" s="91"/>
      <c r="GU401" s="91"/>
      <c r="GV401" s="91"/>
      <c r="GW401" s="91"/>
      <c r="GX401" s="91"/>
      <c r="GY401" s="91"/>
      <c r="GZ401" s="91"/>
      <c r="HA401" s="91"/>
      <c r="HB401" s="91"/>
      <c r="HC401" s="91"/>
      <c r="HD401" s="91"/>
      <c r="HE401" s="91"/>
      <c r="HF401" s="91"/>
      <c r="HG401" s="91"/>
      <c r="HH401" s="91"/>
      <c r="HI401" s="91"/>
      <c r="HJ401" s="91"/>
      <c r="HK401" s="127"/>
      <c r="HL401" s="126"/>
      <c r="HM401" s="91"/>
      <c r="HN401" s="91"/>
      <c r="HO401" s="91"/>
      <c r="HP401" s="91"/>
      <c r="HQ401" s="91"/>
      <c r="HR401" s="91"/>
      <c r="HS401" s="91"/>
      <c r="HT401" s="91"/>
      <c r="HU401" s="91"/>
      <c r="HV401" s="91"/>
      <c r="HW401" s="91"/>
      <c r="HX401" s="91"/>
      <c r="HY401" s="91"/>
      <c r="HZ401" s="91"/>
      <c r="IA401" s="91"/>
      <c r="IB401" s="91"/>
      <c r="IC401" s="91"/>
      <c r="ID401" s="91"/>
      <c r="IE401" s="91"/>
      <c r="IF401" s="91"/>
      <c r="IG401" s="91"/>
      <c r="IH401" s="91"/>
      <c r="II401" s="91"/>
      <c r="IJ401" s="91"/>
      <c r="IK401" s="127"/>
    </row>
    <row r="402" spans="2:245" x14ac:dyDescent="0.2">
      <c r="B402" s="43"/>
      <c r="C402" s="73"/>
      <c r="D402" s="64"/>
      <c r="E402" s="64"/>
      <c r="F402" s="55"/>
      <c r="G402" s="102"/>
      <c r="H402" s="55"/>
      <c r="I402" s="55"/>
      <c r="J402" s="55"/>
      <c r="K402" s="55"/>
      <c r="L402" s="55"/>
      <c r="M402" s="55"/>
      <c r="N402" s="55"/>
      <c r="O402" s="55"/>
      <c r="P402" s="55"/>
      <c r="Q402" s="55"/>
      <c r="R402" s="55"/>
      <c r="S402" s="55"/>
      <c r="T402" s="55"/>
      <c r="U402" s="55"/>
      <c r="V402" s="55"/>
      <c r="W402" s="55"/>
      <c r="X402" s="55"/>
      <c r="Y402" s="55"/>
      <c r="Z402" s="55"/>
      <c r="AA402" s="55"/>
      <c r="AB402" s="55"/>
      <c r="AC402" s="55"/>
      <c r="AD402" s="55"/>
      <c r="AE402" s="55"/>
      <c r="AF402" s="55"/>
      <c r="AG402" s="55"/>
      <c r="AY402" s="162"/>
      <c r="AZ402" s="162"/>
      <c r="BA402" s="162"/>
      <c r="BB402" s="162"/>
      <c r="BC402" s="162"/>
      <c r="BD402" s="162"/>
      <c r="BE402" s="162"/>
      <c r="BF402" s="162"/>
      <c r="BG402" s="162"/>
      <c r="BH402" s="162"/>
      <c r="BI402" s="162"/>
      <c r="BJ402" s="162"/>
      <c r="BK402" s="162"/>
      <c r="BL402" s="162"/>
      <c r="BM402" s="162"/>
      <c r="BN402" s="162"/>
      <c r="BO402" s="162"/>
      <c r="BP402" s="162"/>
      <c r="BQ402" s="162"/>
      <c r="BR402" s="162"/>
      <c r="BS402" s="162"/>
      <c r="BT402" s="162"/>
      <c r="BU402" s="162"/>
      <c r="BV402" s="162"/>
      <c r="BW402" s="162"/>
      <c r="BX402" s="162"/>
      <c r="BY402" s="162"/>
      <c r="BZ402" s="162"/>
      <c r="CA402" s="162"/>
      <c r="CB402" s="162"/>
      <c r="CC402" s="162"/>
      <c r="CD402" s="162"/>
      <c r="CE402" s="162"/>
      <c r="CF402" s="162"/>
      <c r="CG402" s="162"/>
      <c r="CH402" s="162"/>
      <c r="CI402" s="162"/>
      <c r="CJ402" s="162"/>
      <c r="CK402" s="162"/>
      <c r="CX402" s="98"/>
      <c r="DL402" s="97"/>
      <c r="DX402" s="98"/>
      <c r="EL402" s="97"/>
      <c r="EX402" s="98"/>
      <c r="EY402" s="97"/>
      <c r="FL402" s="126"/>
      <c r="FM402" s="91"/>
      <c r="FN402" s="91"/>
      <c r="FO402" s="91"/>
      <c r="FP402" s="91"/>
      <c r="FQ402" s="91"/>
      <c r="FR402" s="91"/>
      <c r="FS402" s="91"/>
      <c r="FT402" s="91"/>
      <c r="FU402" s="91"/>
      <c r="FV402" s="91"/>
      <c r="FW402" s="91"/>
      <c r="FX402" s="91"/>
      <c r="FY402" s="91"/>
      <c r="FZ402" s="91"/>
      <c r="GA402" s="91"/>
      <c r="GB402" s="91"/>
      <c r="GC402" s="91"/>
      <c r="GD402" s="91"/>
      <c r="GE402" s="91"/>
      <c r="GF402" s="91"/>
      <c r="GG402" s="91"/>
      <c r="GH402" s="91"/>
      <c r="GI402" s="91"/>
      <c r="GJ402" s="91"/>
      <c r="GK402" s="127"/>
      <c r="GL402" s="126"/>
      <c r="GM402" s="91"/>
      <c r="GN402" s="91"/>
      <c r="GO402" s="91"/>
      <c r="GP402" s="91"/>
      <c r="GQ402" s="91"/>
      <c r="GR402" s="91"/>
      <c r="GS402" s="91"/>
      <c r="GT402" s="91"/>
      <c r="GU402" s="91"/>
      <c r="GV402" s="91"/>
      <c r="GW402" s="91"/>
      <c r="GX402" s="91"/>
      <c r="GY402" s="91"/>
      <c r="GZ402" s="91"/>
      <c r="HA402" s="91"/>
      <c r="HB402" s="91"/>
      <c r="HC402" s="91"/>
      <c r="HD402" s="91"/>
      <c r="HE402" s="91"/>
      <c r="HF402" s="91"/>
      <c r="HG402" s="91"/>
      <c r="HH402" s="91"/>
      <c r="HI402" s="91"/>
      <c r="HJ402" s="91"/>
      <c r="HK402" s="127"/>
      <c r="HL402" s="126"/>
      <c r="HM402" s="91"/>
      <c r="HN402" s="91"/>
      <c r="HO402" s="91"/>
      <c r="HP402" s="91"/>
      <c r="HQ402" s="91"/>
      <c r="HR402" s="91"/>
      <c r="HS402" s="91"/>
      <c r="HT402" s="91"/>
      <c r="HU402" s="91"/>
      <c r="HV402" s="91"/>
      <c r="HW402" s="91"/>
      <c r="HX402" s="91"/>
      <c r="HY402" s="91"/>
      <c r="HZ402" s="91"/>
      <c r="IA402" s="91"/>
      <c r="IB402" s="91"/>
      <c r="IC402" s="91"/>
      <c r="ID402" s="91"/>
      <c r="IE402" s="91"/>
      <c r="IF402" s="91"/>
      <c r="IG402" s="91"/>
      <c r="IH402" s="91"/>
      <c r="II402" s="91"/>
      <c r="IJ402" s="91"/>
      <c r="IK402" s="127"/>
    </row>
    <row r="403" spans="2:245" x14ac:dyDescent="0.2">
      <c r="B403" s="43"/>
      <c r="C403" s="73"/>
      <c r="D403" s="64"/>
      <c r="E403" s="64"/>
      <c r="F403" s="55"/>
      <c r="G403" s="102"/>
      <c r="H403" s="55"/>
      <c r="I403" s="55"/>
      <c r="J403" s="55"/>
      <c r="K403" s="55"/>
      <c r="L403" s="55"/>
      <c r="M403" s="55"/>
      <c r="N403" s="55"/>
      <c r="O403" s="55"/>
      <c r="P403" s="55"/>
      <c r="Q403" s="55"/>
      <c r="R403" s="55"/>
      <c r="S403" s="55"/>
      <c r="T403" s="55"/>
      <c r="U403" s="55"/>
      <c r="V403" s="55"/>
      <c r="W403" s="55"/>
      <c r="X403" s="55"/>
      <c r="Y403" s="55"/>
      <c r="Z403" s="55"/>
      <c r="AA403" s="55"/>
      <c r="AB403" s="55"/>
      <c r="AC403" s="55"/>
      <c r="AD403" s="55"/>
      <c r="AE403" s="55"/>
      <c r="AF403" s="55"/>
      <c r="AG403" s="55"/>
      <c r="AY403" s="162"/>
      <c r="AZ403" s="162"/>
      <c r="BA403" s="162"/>
      <c r="BB403" s="162"/>
      <c r="BC403" s="162"/>
      <c r="BD403" s="162"/>
      <c r="BE403" s="162"/>
      <c r="BF403" s="162"/>
      <c r="BG403" s="162"/>
      <c r="BH403" s="162"/>
      <c r="BI403" s="162"/>
      <c r="BJ403" s="162"/>
      <c r="BK403" s="162"/>
      <c r="BL403" s="162"/>
      <c r="BM403" s="162"/>
      <c r="BN403" s="162"/>
      <c r="BO403" s="162"/>
      <c r="BP403" s="162"/>
      <c r="BQ403" s="162"/>
      <c r="BR403" s="162"/>
      <c r="BS403" s="162"/>
      <c r="BT403" s="162"/>
      <c r="BU403" s="162"/>
      <c r="BV403" s="162"/>
      <c r="BW403" s="162"/>
      <c r="BX403" s="162"/>
      <c r="BY403" s="162"/>
      <c r="BZ403" s="162"/>
      <c r="CA403" s="162"/>
      <c r="CB403" s="162"/>
      <c r="CC403" s="162"/>
      <c r="CD403" s="162"/>
      <c r="CE403" s="162"/>
      <c r="CF403" s="162"/>
      <c r="CG403" s="162"/>
      <c r="CH403" s="162"/>
      <c r="CI403" s="162"/>
      <c r="CJ403" s="162"/>
      <c r="CK403" s="162"/>
      <c r="CX403" s="98"/>
      <c r="DL403" s="97"/>
      <c r="DX403" s="98"/>
      <c r="EL403" s="97"/>
      <c r="EX403" s="98"/>
      <c r="EY403" s="97"/>
      <c r="FL403" s="126"/>
      <c r="FM403" s="91"/>
      <c r="FN403" s="91"/>
      <c r="FO403" s="91"/>
      <c r="FP403" s="91"/>
      <c r="FQ403" s="91"/>
      <c r="FR403" s="91"/>
      <c r="FS403" s="91"/>
      <c r="FT403" s="91"/>
      <c r="FU403" s="91"/>
      <c r="FV403" s="91"/>
      <c r="FW403" s="91"/>
      <c r="FX403" s="91"/>
      <c r="FY403" s="91"/>
      <c r="FZ403" s="91"/>
      <c r="GA403" s="91"/>
      <c r="GB403" s="91"/>
      <c r="GC403" s="91"/>
      <c r="GD403" s="91"/>
      <c r="GE403" s="91"/>
      <c r="GF403" s="91"/>
      <c r="GG403" s="91"/>
      <c r="GH403" s="91"/>
      <c r="GI403" s="91"/>
      <c r="GJ403" s="91"/>
      <c r="GK403" s="127"/>
      <c r="GL403" s="126"/>
      <c r="GM403" s="91"/>
      <c r="GN403" s="91"/>
      <c r="GO403" s="91"/>
      <c r="GP403" s="91"/>
      <c r="GQ403" s="91"/>
      <c r="GR403" s="91"/>
      <c r="GS403" s="91"/>
      <c r="GT403" s="91"/>
      <c r="GU403" s="91"/>
      <c r="GV403" s="91"/>
      <c r="GW403" s="91"/>
      <c r="GX403" s="91"/>
      <c r="GY403" s="91"/>
      <c r="GZ403" s="91"/>
      <c r="HA403" s="91"/>
      <c r="HB403" s="91"/>
      <c r="HC403" s="91"/>
      <c r="HD403" s="91"/>
      <c r="HE403" s="91"/>
      <c r="HF403" s="91"/>
      <c r="HG403" s="91"/>
      <c r="HH403" s="91"/>
      <c r="HI403" s="91"/>
      <c r="HJ403" s="91"/>
      <c r="HK403" s="127"/>
      <c r="HL403" s="126"/>
      <c r="HM403" s="91"/>
      <c r="HN403" s="91"/>
      <c r="HO403" s="91"/>
      <c r="HP403" s="91"/>
      <c r="HQ403" s="91"/>
      <c r="HR403" s="91"/>
      <c r="HS403" s="91"/>
      <c r="HT403" s="91"/>
      <c r="HU403" s="91"/>
      <c r="HV403" s="91"/>
      <c r="HW403" s="91"/>
      <c r="HX403" s="91"/>
      <c r="HY403" s="91"/>
      <c r="HZ403" s="91"/>
      <c r="IA403" s="91"/>
      <c r="IB403" s="91"/>
      <c r="IC403" s="91"/>
      <c r="ID403" s="91"/>
      <c r="IE403" s="91"/>
      <c r="IF403" s="91"/>
      <c r="IG403" s="91"/>
      <c r="IH403" s="91"/>
      <c r="II403" s="91"/>
      <c r="IJ403" s="91"/>
      <c r="IK403" s="127"/>
    </row>
    <row r="404" spans="2:245" x14ac:dyDescent="0.2">
      <c r="B404" s="43"/>
      <c r="C404" s="73"/>
      <c r="D404" s="64"/>
      <c r="E404" s="64"/>
      <c r="F404" s="55"/>
      <c r="G404" s="102"/>
      <c r="H404" s="55"/>
      <c r="I404" s="55"/>
      <c r="J404" s="55"/>
      <c r="K404" s="55"/>
      <c r="L404" s="55"/>
      <c r="M404" s="55"/>
      <c r="N404" s="55"/>
      <c r="O404" s="55"/>
      <c r="P404" s="55"/>
      <c r="Q404" s="55"/>
      <c r="R404" s="55"/>
      <c r="S404" s="55"/>
      <c r="T404" s="55"/>
      <c r="U404" s="55"/>
      <c r="V404" s="55"/>
      <c r="W404" s="55"/>
      <c r="X404" s="55"/>
      <c r="Y404" s="55"/>
      <c r="Z404" s="55"/>
      <c r="AA404" s="55"/>
      <c r="AB404" s="55"/>
      <c r="AC404" s="55"/>
      <c r="AD404" s="55"/>
      <c r="AE404" s="55"/>
      <c r="AF404" s="55"/>
      <c r="AG404" s="55"/>
      <c r="AY404" s="162"/>
      <c r="AZ404" s="162"/>
      <c r="BA404" s="162"/>
      <c r="BB404" s="162"/>
      <c r="BC404" s="162"/>
      <c r="BD404" s="162"/>
      <c r="BE404" s="162"/>
      <c r="BF404" s="162"/>
      <c r="BG404" s="162"/>
      <c r="BH404" s="162"/>
      <c r="BI404" s="162"/>
      <c r="BJ404" s="162"/>
      <c r="BK404" s="162"/>
      <c r="BL404" s="162"/>
      <c r="BM404" s="162"/>
      <c r="BN404" s="162"/>
      <c r="BO404" s="162"/>
      <c r="BP404" s="162"/>
      <c r="BQ404" s="162"/>
      <c r="BR404" s="162"/>
      <c r="BS404" s="162"/>
      <c r="BT404" s="162"/>
      <c r="BU404" s="162"/>
      <c r="BV404" s="162"/>
      <c r="BW404" s="162"/>
      <c r="BX404" s="162"/>
      <c r="BY404" s="162"/>
      <c r="BZ404" s="162"/>
      <c r="CA404" s="162"/>
      <c r="CB404" s="162"/>
      <c r="CC404" s="162"/>
      <c r="CD404" s="162"/>
      <c r="CE404" s="162"/>
      <c r="CF404" s="162"/>
      <c r="CG404" s="162"/>
      <c r="CH404" s="162"/>
      <c r="CI404" s="162"/>
      <c r="CJ404" s="162"/>
      <c r="CK404" s="162"/>
      <c r="CX404" s="98"/>
      <c r="DL404" s="97"/>
      <c r="DX404" s="98"/>
      <c r="EL404" s="97"/>
      <c r="EX404" s="98"/>
      <c r="EY404" s="97"/>
      <c r="FL404" s="126"/>
      <c r="FM404" s="91"/>
      <c r="FN404" s="91"/>
      <c r="FO404" s="91"/>
      <c r="FP404" s="91"/>
      <c r="FQ404" s="91"/>
      <c r="FR404" s="91"/>
      <c r="FS404" s="91"/>
      <c r="FT404" s="91"/>
      <c r="FU404" s="91"/>
      <c r="FV404" s="91"/>
      <c r="FW404" s="91"/>
      <c r="FX404" s="91"/>
      <c r="FY404" s="91"/>
      <c r="FZ404" s="91"/>
      <c r="GA404" s="91"/>
      <c r="GB404" s="91"/>
      <c r="GC404" s="91"/>
      <c r="GD404" s="91"/>
      <c r="GE404" s="91"/>
      <c r="GF404" s="91"/>
      <c r="GG404" s="91"/>
      <c r="GH404" s="91"/>
      <c r="GI404" s="91"/>
      <c r="GJ404" s="91"/>
      <c r="GK404" s="127"/>
      <c r="GL404" s="126"/>
      <c r="GM404" s="91"/>
      <c r="GN404" s="91"/>
      <c r="GO404" s="91"/>
      <c r="GP404" s="91"/>
      <c r="GQ404" s="91"/>
      <c r="GR404" s="91"/>
      <c r="GS404" s="91"/>
      <c r="GT404" s="91"/>
      <c r="GU404" s="91"/>
      <c r="GV404" s="91"/>
      <c r="GW404" s="91"/>
      <c r="GX404" s="91"/>
      <c r="GY404" s="91"/>
      <c r="GZ404" s="91"/>
      <c r="HA404" s="91"/>
      <c r="HB404" s="91"/>
      <c r="HC404" s="91"/>
      <c r="HD404" s="91"/>
      <c r="HE404" s="91"/>
      <c r="HF404" s="91"/>
      <c r="HG404" s="91"/>
      <c r="HH404" s="91"/>
      <c r="HI404" s="91"/>
      <c r="HJ404" s="91"/>
      <c r="HK404" s="127"/>
      <c r="HL404" s="126"/>
      <c r="HM404" s="91"/>
      <c r="HN404" s="91"/>
      <c r="HO404" s="91"/>
      <c r="HP404" s="91"/>
      <c r="HQ404" s="91"/>
      <c r="HR404" s="91"/>
      <c r="HS404" s="91"/>
      <c r="HT404" s="91"/>
      <c r="HU404" s="91"/>
      <c r="HV404" s="91"/>
      <c r="HW404" s="91"/>
      <c r="HX404" s="91"/>
      <c r="HY404" s="91"/>
      <c r="HZ404" s="91"/>
      <c r="IA404" s="91"/>
      <c r="IB404" s="91"/>
      <c r="IC404" s="91"/>
      <c r="ID404" s="91"/>
      <c r="IE404" s="91"/>
      <c r="IF404" s="91"/>
      <c r="IG404" s="91"/>
      <c r="IH404" s="91"/>
      <c r="II404" s="91"/>
      <c r="IJ404" s="91"/>
      <c r="IK404" s="127"/>
    </row>
    <row r="405" spans="2:245" x14ac:dyDescent="0.2">
      <c r="B405" s="43"/>
      <c r="C405" s="73"/>
      <c r="D405" s="64"/>
      <c r="E405" s="64"/>
      <c r="F405" s="55"/>
      <c r="G405" s="102"/>
      <c r="H405" s="55"/>
      <c r="I405" s="55"/>
      <c r="J405" s="55"/>
      <c r="K405" s="55"/>
      <c r="L405" s="55"/>
      <c r="M405" s="55"/>
      <c r="N405" s="55"/>
      <c r="O405" s="55"/>
      <c r="P405" s="55"/>
      <c r="Q405" s="55"/>
      <c r="R405" s="55"/>
      <c r="S405" s="55"/>
      <c r="T405" s="55"/>
      <c r="U405" s="55"/>
      <c r="V405" s="55"/>
      <c r="W405" s="55"/>
      <c r="X405" s="55"/>
      <c r="Y405" s="55"/>
      <c r="Z405" s="55"/>
      <c r="AA405" s="55"/>
      <c r="AB405" s="55"/>
      <c r="AC405" s="55"/>
      <c r="AD405" s="55"/>
      <c r="AE405" s="55"/>
      <c r="AF405" s="55"/>
      <c r="AG405" s="55"/>
      <c r="AY405" s="162"/>
      <c r="AZ405" s="162"/>
      <c r="BA405" s="162"/>
      <c r="BB405" s="162"/>
      <c r="BC405" s="162"/>
      <c r="BD405" s="162"/>
      <c r="BE405" s="162"/>
      <c r="BF405" s="162"/>
      <c r="BG405" s="162"/>
      <c r="BH405" s="162"/>
      <c r="BI405" s="162"/>
      <c r="BJ405" s="162"/>
      <c r="BK405" s="162"/>
      <c r="BL405" s="162"/>
      <c r="BM405" s="162"/>
      <c r="BN405" s="162"/>
      <c r="BO405" s="162"/>
      <c r="BP405" s="162"/>
      <c r="BQ405" s="162"/>
      <c r="BR405" s="162"/>
      <c r="BS405" s="162"/>
      <c r="BT405" s="162"/>
      <c r="BU405" s="162"/>
      <c r="BV405" s="162"/>
      <c r="BW405" s="162"/>
      <c r="BX405" s="162"/>
      <c r="BY405" s="162"/>
      <c r="BZ405" s="162"/>
      <c r="CA405" s="162"/>
      <c r="CB405" s="162"/>
      <c r="CC405" s="162"/>
      <c r="CD405" s="162"/>
      <c r="CE405" s="162"/>
      <c r="CF405" s="162"/>
      <c r="CG405" s="162"/>
      <c r="CH405" s="162"/>
      <c r="CI405" s="162"/>
      <c r="CJ405" s="162"/>
      <c r="CK405" s="162"/>
      <c r="CX405" s="98"/>
      <c r="DL405" s="97"/>
      <c r="DX405" s="98"/>
      <c r="EL405" s="97"/>
      <c r="EX405" s="98"/>
      <c r="EY405" s="97"/>
      <c r="FL405" s="126"/>
      <c r="FM405" s="91"/>
      <c r="FN405" s="91"/>
      <c r="FO405" s="91"/>
      <c r="FP405" s="91"/>
      <c r="FQ405" s="91"/>
      <c r="FR405" s="91"/>
      <c r="FS405" s="91"/>
      <c r="FT405" s="91"/>
      <c r="FU405" s="91"/>
      <c r="FV405" s="91"/>
      <c r="FW405" s="91"/>
      <c r="FX405" s="91"/>
      <c r="FY405" s="91"/>
      <c r="FZ405" s="91"/>
      <c r="GA405" s="91"/>
      <c r="GB405" s="91"/>
      <c r="GC405" s="91"/>
      <c r="GD405" s="91"/>
      <c r="GE405" s="91"/>
      <c r="GF405" s="91"/>
      <c r="GG405" s="91"/>
      <c r="GH405" s="91"/>
      <c r="GI405" s="91"/>
      <c r="GJ405" s="91"/>
      <c r="GK405" s="127"/>
      <c r="GL405" s="126"/>
      <c r="GM405" s="91"/>
      <c r="GN405" s="91"/>
      <c r="GO405" s="91"/>
      <c r="GP405" s="91"/>
      <c r="GQ405" s="91"/>
      <c r="GR405" s="91"/>
      <c r="GS405" s="91"/>
      <c r="GT405" s="91"/>
      <c r="GU405" s="91"/>
      <c r="GV405" s="91"/>
      <c r="GW405" s="91"/>
      <c r="GX405" s="91"/>
      <c r="GY405" s="91"/>
      <c r="GZ405" s="91"/>
      <c r="HA405" s="91"/>
      <c r="HB405" s="91"/>
      <c r="HC405" s="91"/>
      <c r="HD405" s="91"/>
      <c r="HE405" s="91"/>
      <c r="HF405" s="91"/>
      <c r="HG405" s="91"/>
      <c r="HH405" s="91"/>
      <c r="HI405" s="91"/>
      <c r="HJ405" s="91"/>
      <c r="HK405" s="127"/>
      <c r="HL405" s="126"/>
      <c r="HM405" s="91"/>
      <c r="HN405" s="91"/>
      <c r="HO405" s="91"/>
      <c r="HP405" s="91"/>
      <c r="HQ405" s="91"/>
      <c r="HR405" s="91"/>
      <c r="HS405" s="91"/>
      <c r="HT405" s="91"/>
      <c r="HU405" s="91"/>
      <c r="HV405" s="91"/>
      <c r="HW405" s="91"/>
      <c r="HX405" s="91"/>
      <c r="HY405" s="91"/>
      <c r="HZ405" s="91"/>
      <c r="IA405" s="91"/>
      <c r="IB405" s="91"/>
      <c r="IC405" s="91"/>
      <c r="ID405" s="91"/>
      <c r="IE405" s="91"/>
      <c r="IF405" s="91"/>
      <c r="IG405" s="91"/>
      <c r="IH405" s="91"/>
      <c r="II405" s="91"/>
      <c r="IJ405" s="91"/>
      <c r="IK405" s="127"/>
    </row>
    <row r="406" spans="2:245" x14ac:dyDescent="0.2">
      <c r="B406" s="43"/>
      <c r="C406" s="73"/>
      <c r="D406" s="64"/>
      <c r="E406" s="64"/>
      <c r="F406" s="55"/>
      <c r="G406" s="102"/>
      <c r="H406" s="55"/>
      <c r="I406" s="55"/>
      <c r="J406" s="55"/>
      <c r="K406" s="55"/>
      <c r="L406" s="55"/>
      <c r="M406" s="55"/>
      <c r="N406" s="55"/>
      <c r="O406" s="55"/>
      <c r="P406" s="55"/>
      <c r="Q406" s="55"/>
      <c r="R406" s="55"/>
      <c r="S406" s="55"/>
      <c r="T406" s="55"/>
      <c r="U406" s="55"/>
      <c r="V406" s="55"/>
      <c r="W406" s="55"/>
      <c r="X406" s="55"/>
      <c r="Y406" s="55"/>
      <c r="Z406" s="55"/>
      <c r="AA406" s="55"/>
      <c r="AB406" s="55"/>
      <c r="AC406" s="55"/>
      <c r="AD406" s="55"/>
      <c r="AE406" s="55"/>
      <c r="AF406" s="55"/>
      <c r="AG406" s="55"/>
      <c r="AY406" s="162"/>
      <c r="AZ406" s="162"/>
      <c r="BA406" s="162"/>
      <c r="BB406" s="162"/>
      <c r="BC406" s="162"/>
      <c r="BD406" s="162"/>
      <c r="BE406" s="162"/>
      <c r="BF406" s="162"/>
      <c r="BG406" s="162"/>
      <c r="BH406" s="162"/>
      <c r="BI406" s="162"/>
      <c r="BJ406" s="162"/>
      <c r="BK406" s="162"/>
      <c r="BL406" s="162"/>
      <c r="BM406" s="162"/>
      <c r="BN406" s="162"/>
      <c r="BO406" s="162"/>
      <c r="BP406" s="162"/>
      <c r="BQ406" s="162"/>
      <c r="BR406" s="162"/>
      <c r="BS406" s="162"/>
      <c r="BT406" s="162"/>
      <c r="BU406" s="162"/>
      <c r="BV406" s="162"/>
      <c r="BW406" s="162"/>
      <c r="BX406" s="162"/>
      <c r="BY406" s="162"/>
      <c r="BZ406" s="162"/>
      <c r="CA406" s="162"/>
      <c r="CB406" s="162"/>
      <c r="CC406" s="162"/>
      <c r="CD406" s="162"/>
      <c r="CE406" s="162"/>
      <c r="CF406" s="162"/>
      <c r="CG406" s="162"/>
      <c r="CH406" s="162"/>
      <c r="CI406" s="162"/>
      <c r="CJ406" s="162"/>
      <c r="CK406" s="162"/>
      <c r="CX406" s="98"/>
      <c r="DL406" s="97"/>
      <c r="DX406" s="98"/>
      <c r="EL406" s="97"/>
      <c r="EX406" s="98"/>
      <c r="EY406" s="97"/>
      <c r="FL406" s="126"/>
      <c r="FM406" s="91"/>
      <c r="FN406" s="91"/>
      <c r="FO406" s="91"/>
      <c r="FP406" s="91"/>
      <c r="FQ406" s="91"/>
      <c r="FR406" s="91"/>
      <c r="FS406" s="91"/>
      <c r="FT406" s="91"/>
      <c r="FU406" s="91"/>
      <c r="FV406" s="91"/>
      <c r="FW406" s="91"/>
      <c r="FX406" s="91"/>
      <c r="FY406" s="91"/>
      <c r="FZ406" s="91"/>
      <c r="GA406" s="91"/>
      <c r="GB406" s="91"/>
      <c r="GC406" s="91"/>
      <c r="GD406" s="91"/>
      <c r="GE406" s="91"/>
      <c r="GF406" s="91"/>
      <c r="GG406" s="91"/>
      <c r="GH406" s="91"/>
      <c r="GI406" s="91"/>
      <c r="GJ406" s="91"/>
      <c r="GK406" s="127"/>
      <c r="GL406" s="126"/>
      <c r="GM406" s="91"/>
      <c r="GN406" s="91"/>
      <c r="GO406" s="91"/>
      <c r="GP406" s="91"/>
      <c r="GQ406" s="91"/>
      <c r="GR406" s="91"/>
      <c r="GS406" s="91"/>
      <c r="GT406" s="91"/>
      <c r="GU406" s="91"/>
      <c r="GV406" s="91"/>
      <c r="GW406" s="91"/>
      <c r="GX406" s="91"/>
      <c r="GY406" s="91"/>
      <c r="GZ406" s="91"/>
      <c r="HA406" s="91"/>
      <c r="HB406" s="91"/>
      <c r="HC406" s="91"/>
      <c r="HD406" s="91"/>
      <c r="HE406" s="91"/>
      <c r="HF406" s="91"/>
      <c r="HG406" s="91"/>
      <c r="HH406" s="91"/>
      <c r="HI406" s="91"/>
      <c r="HJ406" s="91"/>
      <c r="HK406" s="127"/>
      <c r="HL406" s="126"/>
      <c r="HM406" s="91"/>
      <c r="HN406" s="91"/>
      <c r="HO406" s="91"/>
      <c r="HP406" s="91"/>
      <c r="HQ406" s="91"/>
      <c r="HR406" s="91"/>
      <c r="HS406" s="91"/>
      <c r="HT406" s="91"/>
      <c r="HU406" s="91"/>
      <c r="HV406" s="91"/>
      <c r="HW406" s="91"/>
      <c r="HX406" s="91"/>
      <c r="HY406" s="91"/>
      <c r="HZ406" s="91"/>
      <c r="IA406" s="91"/>
      <c r="IB406" s="91"/>
      <c r="IC406" s="91"/>
      <c r="ID406" s="91"/>
      <c r="IE406" s="91"/>
      <c r="IF406" s="91"/>
      <c r="IG406" s="91"/>
      <c r="IH406" s="91"/>
      <c r="II406" s="91"/>
      <c r="IJ406" s="91"/>
      <c r="IK406" s="127"/>
    </row>
    <row r="407" spans="2:245" x14ac:dyDescent="0.2">
      <c r="B407" s="43"/>
      <c r="C407" s="73"/>
      <c r="D407" s="64"/>
      <c r="E407" s="64"/>
      <c r="F407" s="55"/>
      <c r="G407" s="102"/>
      <c r="H407" s="55"/>
      <c r="I407" s="55"/>
      <c r="J407" s="55"/>
      <c r="K407" s="55"/>
      <c r="L407" s="55"/>
      <c r="M407" s="55"/>
      <c r="N407" s="55"/>
      <c r="O407" s="55"/>
      <c r="P407" s="55"/>
      <c r="Q407" s="55"/>
      <c r="R407" s="55"/>
      <c r="S407" s="55"/>
      <c r="T407" s="55"/>
      <c r="U407" s="55"/>
      <c r="V407" s="55"/>
      <c r="W407" s="55"/>
      <c r="X407" s="55"/>
      <c r="Y407" s="55"/>
      <c r="Z407" s="55"/>
      <c r="AA407" s="55"/>
      <c r="AB407" s="55"/>
      <c r="AC407" s="55"/>
      <c r="AD407" s="55"/>
      <c r="AE407" s="55"/>
      <c r="AF407" s="55"/>
      <c r="AG407" s="55"/>
      <c r="AY407" s="162"/>
      <c r="AZ407" s="162"/>
      <c r="BA407" s="162"/>
      <c r="BB407" s="162"/>
      <c r="BC407" s="162"/>
      <c r="BD407" s="162"/>
      <c r="BE407" s="162"/>
      <c r="BF407" s="162"/>
      <c r="BG407" s="162"/>
      <c r="BH407" s="162"/>
      <c r="BI407" s="162"/>
      <c r="BJ407" s="162"/>
      <c r="BK407" s="162"/>
      <c r="BL407" s="162"/>
      <c r="BM407" s="162"/>
      <c r="BN407" s="162"/>
      <c r="BO407" s="162"/>
      <c r="BP407" s="162"/>
      <c r="BQ407" s="162"/>
      <c r="BR407" s="162"/>
      <c r="BS407" s="162"/>
      <c r="BT407" s="162"/>
      <c r="BU407" s="162"/>
      <c r="BV407" s="162"/>
      <c r="BW407" s="162"/>
      <c r="BX407" s="162"/>
      <c r="BY407" s="162"/>
      <c r="BZ407" s="162"/>
      <c r="CA407" s="162"/>
      <c r="CB407" s="162"/>
      <c r="CC407" s="162"/>
      <c r="CD407" s="162"/>
      <c r="CE407" s="162"/>
      <c r="CF407" s="162"/>
      <c r="CG407" s="162"/>
      <c r="CH407" s="162"/>
      <c r="CI407" s="162"/>
      <c r="CJ407" s="162"/>
      <c r="CK407" s="162"/>
      <c r="CX407" s="98"/>
      <c r="DL407" s="97"/>
      <c r="DX407" s="98"/>
      <c r="EL407" s="97"/>
      <c r="EX407" s="98"/>
      <c r="EY407" s="97"/>
      <c r="FL407" s="126"/>
      <c r="FM407" s="91"/>
      <c r="FN407" s="91"/>
      <c r="FO407" s="91"/>
      <c r="FP407" s="91"/>
      <c r="FQ407" s="91"/>
      <c r="FR407" s="91"/>
      <c r="FS407" s="91"/>
      <c r="FT407" s="91"/>
      <c r="FU407" s="91"/>
      <c r="FV407" s="91"/>
      <c r="FW407" s="91"/>
      <c r="FX407" s="91"/>
      <c r="FY407" s="91"/>
      <c r="FZ407" s="91"/>
      <c r="GA407" s="91"/>
      <c r="GB407" s="91"/>
      <c r="GC407" s="91"/>
      <c r="GD407" s="91"/>
      <c r="GE407" s="91"/>
      <c r="GF407" s="91"/>
      <c r="GG407" s="91"/>
      <c r="GH407" s="91"/>
      <c r="GI407" s="91"/>
      <c r="GJ407" s="91"/>
      <c r="GK407" s="127"/>
      <c r="GL407" s="126"/>
      <c r="GM407" s="91"/>
      <c r="GN407" s="91"/>
      <c r="GO407" s="91"/>
      <c r="GP407" s="91"/>
      <c r="GQ407" s="91"/>
      <c r="GR407" s="91"/>
      <c r="GS407" s="91"/>
      <c r="GT407" s="91"/>
      <c r="GU407" s="91"/>
      <c r="GV407" s="91"/>
      <c r="GW407" s="91"/>
      <c r="GX407" s="91"/>
      <c r="GY407" s="91"/>
      <c r="GZ407" s="91"/>
      <c r="HA407" s="91"/>
      <c r="HB407" s="91"/>
      <c r="HC407" s="91"/>
      <c r="HD407" s="91"/>
      <c r="HE407" s="91"/>
      <c r="HF407" s="91"/>
      <c r="HG407" s="91"/>
      <c r="HH407" s="91"/>
      <c r="HI407" s="91"/>
      <c r="HJ407" s="91"/>
      <c r="HK407" s="127"/>
      <c r="HL407" s="126"/>
      <c r="HM407" s="91"/>
      <c r="HN407" s="91"/>
      <c r="HO407" s="91"/>
      <c r="HP407" s="91"/>
      <c r="HQ407" s="91"/>
      <c r="HR407" s="91"/>
      <c r="HS407" s="91"/>
      <c r="HT407" s="91"/>
      <c r="HU407" s="91"/>
      <c r="HV407" s="91"/>
      <c r="HW407" s="91"/>
      <c r="HX407" s="91"/>
      <c r="HY407" s="91"/>
      <c r="HZ407" s="91"/>
      <c r="IA407" s="91"/>
      <c r="IB407" s="91"/>
      <c r="IC407" s="91"/>
      <c r="ID407" s="91"/>
      <c r="IE407" s="91"/>
      <c r="IF407" s="91"/>
      <c r="IG407" s="91"/>
      <c r="IH407" s="91"/>
      <c r="II407" s="91"/>
      <c r="IJ407" s="91"/>
      <c r="IK407" s="127"/>
    </row>
    <row r="408" spans="2:245" x14ac:dyDescent="0.2">
      <c r="B408" s="43"/>
      <c r="C408" s="73"/>
      <c r="D408" s="64"/>
      <c r="E408" s="64"/>
      <c r="F408" s="55"/>
      <c r="G408" s="102"/>
      <c r="H408" s="55"/>
      <c r="I408" s="55"/>
      <c r="J408" s="55"/>
      <c r="K408" s="55"/>
      <c r="L408" s="55"/>
      <c r="M408" s="55"/>
      <c r="N408" s="55"/>
      <c r="O408" s="55"/>
      <c r="P408" s="55"/>
      <c r="Q408" s="55"/>
      <c r="R408" s="55"/>
      <c r="S408" s="55"/>
      <c r="T408" s="55"/>
      <c r="U408" s="55"/>
      <c r="V408" s="55"/>
      <c r="W408" s="55"/>
      <c r="X408" s="55"/>
      <c r="Y408" s="55"/>
      <c r="Z408" s="55"/>
      <c r="AA408" s="55"/>
      <c r="AB408" s="55"/>
      <c r="AC408" s="55"/>
      <c r="AD408" s="55"/>
      <c r="AE408" s="55"/>
      <c r="AF408" s="55"/>
      <c r="AG408" s="55"/>
      <c r="AY408" s="162"/>
      <c r="AZ408" s="162"/>
      <c r="BA408" s="162"/>
      <c r="BB408" s="162"/>
      <c r="BC408" s="162"/>
      <c r="BD408" s="162"/>
      <c r="BE408" s="162"/>
      <c r="BF408" s="162"/>
      <c r="BG408" s="162"/>
      <c r="BH408" s="162"/>
      <c r="BI408" s="162"/>
      <c r="BJ408" s="162"/>
      <c r="BK408" s="162"/>
      <c r="BL408" s="162"/>
      <c r="BM408" s="162"/>
      <c r="BN408" s="162"/>
      <c r="BO408" s="162"/>
      <c r="BP408" s="162"/>
      <c r="BQ408" s="162"/>
      <c r="BR408" s="162"/>
      <c r="BS408" s="162"/>
      <c r="BT408" s="162"/>
      <c r="BU408" s="162"/>
      <c r="BV408" s="162"/>
      <c r="BW408" s="162"/>
      <c r="BX408" s="162"/>
      <c r="BY408" s="162"/>
      <c r="BZ408" s="162"/>
      <c r="CA408" s="162"/>
      <c r="CB408" s="162"/>
      <c r="CC408" s="162"/>
      <c r="CD408" s="162"/>
      <c r="CE408" s="162"/>
      <c r="CF408" s="162"/>
      <c r="CG408" s="162"/>
      <c r="CH408" s="162"/>
      <c r="CI408" s="162"/>
      <c r="CJ408" s="162"/>
      <c r="CK408" s="162"/>
      <c r="CX408" s="98"/>
      <c r="DL408" s="97"/>
      <c r="DX408" s="98"/>
      <c r="EL408" s="97"/>
      <c r="EX408" s="98"/>
      <c r="EY408" s="97"/>
      <c r="FL408" s="126"/>
      <c r="FM408" s="91"/>
      <c r="FN408" s="91"/>
      <c r="FO408" s="91"/>
      <c r="FP408" s="91"/>
      <c r="FQ408" s="91"/>
      <c r="FR408" s="91"/>
      <c r="FS408" s="91"/>
      <c r="FT408" s="91"/>
      <c r="FU408" s="91"/>
      <c r="FV408" s="91"/>
      <c r="FW408" s="91"/>
      <c r="FX408" s="91"/>
      <c r="FY408" s="91"/>
      <c r="FZ408" s="91"/>
      <c r="GA408" s="91"/>
      <c r="GB408" s="91"/>
      <c r="GC408" s="91"/>
      <c r="GD408" s="91"/>
      <c r="GE408" s="91"/>
      <c r="GF408" s="91"/>
      <c r="GG408" s="91"/>
      <c r="GH408" s="91"/>
      <c r="GI408" s="91"/>
      <c r="GJ408" s="91"/>
      <c r="GK408" s="127"/>
      <c r="GL408" s="126"/>
      <c r="GM408" s="91"/>
      <c r="GN408" s="91"/>
      <c r="GO408" s="91"/>
      <c r="GP408" s="91"/>
      <c r="GQ408" s="91"/>
      <c r="GR408" s="91"/>
      <c r="GS408" s="91"/>
      <c r="GT408" s="91"/>
      <c r="GU408" s="91"/>
      <c r="GV408" s="91"/>
      <c r="GW408" s="91"/>
      <c r="GX408" s="91"/>
      <c r="GY408" s="91"/>
      <c r="GZ408" s="91"/>
      <c r="HA408" s="91"/>
      <c r="HB408" s="91"/>
      <c r="HC408" s="91"/>
      <c r="HD408" s="91"/>
      <c r="HE408" s="91"/>
      <c r="HF408" s="91"/>
      <c r="HG408" s="91"/>
      <c r="HH408" s="91"/>
      <c r="HI408" s="91"/>
      <c r="HJ408" s="91"/>
      <c r="HK408" s="127"/>
      <c r="HL408" s="126"/>
      <c r="HM408" s="91"/>
      <c r="HN408" s="91"/>
      <c r="HO408" s="91"/>
      <c r="HP408" s="91"/>
      <c r="HQ408" s="91"/>
      <c r="HR408" s="91"/>
      <c r="HS408" s="91"/>
      <c r="HT408" s="91"/>
      <c r="HU408" s="91"/>
      <c r="HV408" s="91"/>
      <c r="HW408" s="91"/>
      <c r="HX408" s="91"/>
      <c r="HY408" s="91"/>
      <c r="HZ408" s="91"/>
      <c r="IA408" s="91"/>
      <c r="IB408" s="91"/>
      <c r="IC408" s="91"/>
      <c r="ID408" s="91"/>
      <c r="IE408" s="91"/>
      <c r="IF408" s="91"/>
      <c r="IG408" s="91"/>
      <c r="IH408" s="91"/>
      <c r="II408" s="91"/>
      <c r="IJ408" s="91"/>
      <c r="IK408" s="127"/>
    </row>
    <row r="409" spans="2:245" x14ac:dyDescent="0.2">
      <c r="B409" s="43"/>
      <c r="C409" s="73"/>
      <c r="D409" s="64"/>
      <c r="E409" s="64"/>
      <c r="F409" s="55"/>
      <c r="G409" s="102"/>
      <c r="H409" s="55"/>
      <c r="I409" s="55"/>
      <c r="J409" s="55"/>
      <c r="K409" s="55"/>
      <c r="L409" s="55"/>
      <c r="M409" s="55"/>
      <c r="N409" s="55"/>
      <c r="O409" s="55"/>
      <c r="P409" s="55"/>
      <c r="Q409" s="55"/>
      <c r="R409" s="55"/>
      <c r="S409" s="55"/>
      <c r="T409" s="55"/>
      <c r="U409" s="55"/>
      <c r="V409" s="55"/>
      <c r="W409" s="55"/>
      <c r="X409" s="55"/>
      <c r="Y409" s="55"/>
      <c r="Z409" s="55"/>
      <c r="AA409" s="55"/>
      <c r="AB409" s="55"/>
      <c r="AC409" s="55"/>
      <c r="AD409" s="55"/>
      <c r="AE409" s="55"/>
      <c r="AF409" s="55"/>
      <c r="AG409" s="55"/>
      <c r="AY409" s="162"/>
      <c r="AZ409" s="162"/>
      <c r="BA409" s="162"/>
      <c r="BB409" s="162"/>
      <c r="BC409" s="162"/>
      <c r="BD409" s="162"/>
      <c r="BE409" s="162"/>
      <c r="BF409" s="162"/>
      <c r="BG409" s="162"/>
      <c r="BH409" s="162"/>
      <c r="BI409" s="162"/>
      <c r="BJ409" s="162"/>
      <c r="BK409" s="162"/>
      <c r="BL409" s="162"/>
      <c r="BM409" s="162"/>
      <c r="BN409" s="162"/>
      <c r="BO409" s="162"/>
      <c r="BP409" s="162"/>
      <c r="BQ409" s="162"/>
      <c r="BR409" s="162"/>
      <c r="BS409" s="162"/>
      <c r="BT409" s="162"/>
      <c r="BU409" s="162"/>
      <c r="BV409" s="162"/>
      <c r="BW409" s="162"/>
      <c r="BX409" s="162"/>
      <c r="BY409" s="162"/>
      <c r="BZ409" s="162"/>
      <c r="CA409" s="162"/>
      <c r="CB409" s="162"/>
      <c r="CC409" s="162"/>
      <c r="CD409" s="162"/>
      <c r="CE409" s="162"/>
      <c r="CF409" s="162"/>
      <c r="CG409" s="162"/>
      <c r="CH409" s="162"/>
      <c r="CI409" s="162"/>
      <c r="CJ409" s="162"/>
      <c r="CK409" s="162"/>
      <c r="CX409" s="98"/>
      <c r="DL409" s="97"/>
      <c r="DX409" s="98"/>
      <c r="EL409" s="97"/>
      <c r="EX409" s="98"/>
      <c r="EY409" s="97"/>
      <c r="FL409" s="126"/>
      <c r="FM409" s="91"/>
      <c r="FN409" s="91"/>
      <c r="FO409" s="91"/>
      <c r="FP409" s="91"/>
      <c r="FQ409" s="91"/>
      <c r="FR409" s="91"/>
      <c r="FS409" s="91"/>
      <c r="FT409" s="91"/>
      <c r="FU409" s="91"/>
      <c r="FV409" s="91"/>
      <c r="FW409" s="91"/>
      <c r="FX409" s="91"/>
      <c r="FY409" s="91"/>
      <c r="FZ409" s="91"/>
      <c r="GA409" s="91"/>
      <c r="GB409" s="91"/>
      <c r="GC409" s="91"/>
      <c r="GD409" s="91"/>
      <c r="GE409" s="91"/>
      <c r="GF409" s="91"/>
      <c r="GG409" s="91"/>
      <c r="GH409" s="91"/>
      <c r="GI409" s="91"/>
      <c r="GJ409" s="91"/>
      <c r="GK409" s="127"/>
      <c r="GL409" s="126"/>
      <c r="GM409" s="91"/>
      <c r="GN409" s="91"/>
      <c r="GO409" s="91"/>
      <c r="GP409" s="91"/>
      <c r="GQ409" s="91"/>
      <c r="GR409" s="91"/>
      <c r="GS409" s="91"/>
      <c r="GT409" s="91"/>
      <c r="GU409" s="91"/>
      <c r="GV409" s="91"/>
      <c r="GW409" s="91"/>
      <c r="GX409" s="91"/>
      <c r="GY409" s="91"/>
      <c r="GZ409" s="91"/>
      <c r="HA409" s="91"/>
      <c r="HB409" s="91"/>
      <c r="HC409" s="91"/>
      <c r="HD409" s="91"/>
      <c r="HE409" s="91"/>
      <c r="HF409" s="91"/>
      <c r="HG409" s="91"/>
      <c r="HH409" s="91"/>
      <c r="HI409" s="91"/>
      <c r="HJ409" s="91"/>
      <c r="HK409" s="127"/>
      <c r="HL409" s="126"/>
      <c r="HM409" s="91"/>
      <c r="HN409" s="91"/>
      <c r="HO409" s="91"/>
      <c r="HP409" s="91"/>
      <c r="HQ409" s="91"/>
      <c r="HR409" s="91"/>
      <c r="HS409" s="91"/>
      <c r="HT409" s="91"/>
      <c r="HU409" s="91"/>
      <c r="HV409" s="91"/>
      <c r="HW409" s="91"/>
      <c r="HX409" s="91"/>
      <c r="HY409" s="91"/>
      <c r="HZ409" s="91"/>
      <c r="IA409" s="91"/>
      <c r="IB409" s="91"/>
      <c r="IC409" s="91"/>
      <c r="ID409" s="91"/>
      <c r="IE409" s="91"/>
      <c r="IF409" s="91"/>
      <c r="IG409" s="91"/>
      <c r="IH409" s="91"/>
      <c r="II409" s="91"/>
      <c r="IJ409" s="91"/>
      <c r="IK409" s="127"/>
    </row>
    <row r="410" spans="2:245" x14ac:dyDescent="0.2">
      <c r="B410" s="43"/>
      <c r="C410" s="73"/>
      <c r="D410" s="64"/>
      <c r="E410" s="64"/>
      <c r="F410" s="55"/>
      <c r="G410" s="102"/>
      <c r="H410" s="55"/>
      <c r="I410" s="55"/>
      <c r="J410" s="55"/>
      <c r="K410" s="55"/>
      <c r="L410" s="55"/>
      <c r="M410" s="55"/>
      <c r="N410" s="55"/>
      <c r="O410" s="55"/>
      <c r="P410" s="55"/>
      <c r="Q410" s="55"/>
      <c r="R410" s="55"/>
      <c r="S410" s="55"/>
      <c r="T410" s="55"/>
      <c r="U410" s="55"/>
      <c r="V410" s="55"/>
      <c r="W410" s="55"/>
      <c r="X410" s="55"/>
      <c r="Y410" s="55"/>
      <c r="Z410" s="55"/>
      <c r="AA410" s="55"/>
      <c r="AB410" s="55"/>
      <c r="AC410" s="55"/>
      <c r="AD410" s="55"/>
      <c r="AE410" s="55"/>
      <c r="AF410" s="55"/>
      <c r="AG410" s="55"/>
      <c r="AY410" s="162"/>
      <c r="AZ410" s="162"/>
      <c r="BA410" s="162"/>
      <c r="BB410" s="162"/>
      <c r="BC410" s="162"/>
      <c r="BD410" s="162"/>
      <c r="BE410" s="162"/>
      <c r="BF410" s="162"/>
      <c r="BG410" s="162"/>
      <c r="BH410" s="162"/>
      <c r="BI410" s="162"/>
      <c r="BJ410" s="162"/>
      <c r="BK410" s="162"/>
      <c r="BL410" s="162"/>
      <c r="BM410" s="162"/>
      <c r="BN410" s="162"/>
      <c r="BO410" s="162"/>
      <c r="BP410" s="162"/>
      <c r="BQ410" s="162"/>
      <c r="BR410" s="162"/>
      <c r="BS410" s="162"/>
      <c r="BT410" s="162"/>
      <c r="BU410" s="162"/>
      <c r="BV410" s="162"/>
      <c r="BW410" s="162"/>
      <c r="BX410" s="162"/>
      <c r="BY410" s="162"/>
      <c r="BZ410" s="162"/>
      <c r="CA410" s="162"/>
      <c r="CB410" s="162"/>
      <c r="CC410" s="162"/>
      <c r="CD410" s="162"/>
      <c r="CE410" s="162"/>
      <c r="CF410" s="162"/>
      <c r="CG410" s="162"/>
      <c r="CH410" s="162"/>
      <c r="CI410" s="162"/>
      <c r="CJ410" s="162"/>
      <c r="CK410" s="162"/>
      <c r="CX410" s="98"/>
      <c r="DL410" s="97"/>
      <c r="DX410" s="98"/>
      <c r="EL410" s="97"/>
      <c r="EX410" s="98"/>
      <c r="EY410" s="97"/>
      <c r="FL410" s="126"/>
      <c r="FM410" s="91"/>
      <c r="FN410" s="91"/>
      <c r="FO410" s="91"/>
      <c r="FP410" s="91"/>
      <c r="FQ410" s="91"/>
      <c r="FR410" s="91"/>
      <c r="FS410" s="91"/>
      <c r="FT410" s="91"/>
      <c r="FU410" s="91"/>
      <c r="FV410" s="91"/>
      <c r="FW410" s="91"/>
      <c r="FX410" s="91"/>
      <c r="FY410" s="91"/>
      <c r="FZ410" s="91"/>
      <c r="GA410" s="91"/>
      <c r="GB410" s="91"/>
      <c r="GC410" s="91"/>
      <c r="GD410" s="91"/>
      <c r="GE410" s="91"/>
      <c r="GF410" s="91"/>
      <c r="GG410" s="91"/>
      <c r="GH410" s="91"/>
      <c r="GI410" s="91"/>
      <c r="GJ410" s="91"/>
      <c r="GK410" s="127"/>
      <c r="GL410" s="126"/>
      <c r="GM410" s="91"/>
      <c r="GN410" s="91"/>
      <c r="GO410" s="91"/>
      <c r="GP410" s="91"/>
      <c r="GQ410" s="91"/>
      <c r="GR410" s="91"/>
      <c r="GS410" s="91"/>
      <c r="GT410" s="91"/>
      <c r="GU410" s="91"/>
      <c r="GV410" s="91"/>
      <c r="GW410" s="91"/>
      <c r="GX410" s="91"/>
      <c r="GY410" s="91"/>
      <c r="GZ410" s="91"/>
      <c r="HA410" s="91"/>
      <c r="HB410" s="91"/>
      <c r="HC410" s="91"/>
      <c r="HD410" s="91"/>
      <c r="HE410" s="91"/>
      <c r="HF410" s="91"/>
      <c r="HG410" s="91"/>
      <c r="HH410" s="91"/>
      <c r="HI410" s="91"/>
      <c r="HJ410" s="91"/>
      <c r="HK410" s="127"/>
      <c r="HL410" s="126"/>
      <c r="HM410" s="91"/>
      <c r="HN410" s="91"/>
      <c r="HO410" s="91"/>
      <c r="HP410" s="91"/>
      <c r="HQ410" s="91"/>
      <c r="HR410" s="91"/>
      <c r="HS410" s="91"/>
      <c r="HT410" s="91"/>
      <c r="HU410" s="91"/>
      <c r="HV410" s="91"/>
      <c r="HW410" s="91"/>
      <c r="HX410" s="91"/>
      <c r="HY410" s="91"/>
      <c r="HZ410" s="91"/>
      <c r="IA410" s="91"/>
      <c r="IB410" s="91"/>
      <c r="IC410" s="91"/>
      <c r="ID410" s="91"/>
      <c r="IE410" s="91"/>
      <c r="IF410" s="91"/>
      <c r="IG410" s="91"/>
      <c r="IH410" s="91"/>
      <c r="II410" s="91"/>
      <c r="IJ410" s="91"/>
      <c r="IK410" s="127"/>
    </row>
    <row r="411" spans="2:245" x14ac:dyDescent="0.2">
      <c r="B411" s="43"/>
      <c r="C411" s="73"/>
      <c r="D411" s="64"/>
      <c r="E411" s="64"/>
      <c r="F411" s="55"/>
      <c r="G411" s="102"/>
      <c r="H411" s="55"/>
      <c r="I411" s="55"/>
      <c r="J411" s="55"/>
      <c r="K411" s="55"/>
      <c r="L411" s="55"/>
      <c r="M411" s="55"/>
      <c r="N411" s="55"/>
      <c r="O411" s="55"/>
      <c r="P411" s="55"/>
      <c r="Q411" s="55"/>
      <c r="R411" s="55"/>
      <c r="S411" s="55"/>
      <c r="T411" s="55"/>
      <c r="U411" s="55"/>
      <c r="V411" s="55"/>
      <c r="W411" s="55"/>
      <c r="X411" s="55"/>
      <c r="Y411" s="55"/>
      <c r="Z411" s="55"/>
      <c r="AA411" s="55"/>
      <c r="AB411" s="55"/>
      <c r="AC411" s="55"/>
      <c r="AD411" s="55"/>
      <c r="AE411" s="55"/>
      <c r="AF411" s="55"/>
      <c r="AG411" s="55"/>
      <c r="AY411" s="162"/>
      <c r="AZ411" s="162"/>
      <c r="BA411" s="162"/>
      <c r="BB411" s="162"/>
      <c r="BC411" s="162"/>
      <c r="BD411" s="162"/>
      <c r="BE411" s="162"/>
      <c r="BF411" s="162"/>
      <c r="BG411" s="162"/>
      <c r="BH411" s="162"/>
      <c r="BI411" s="162"/>
      <c r="BJ411" s="162"/>
      <c r="BK411" s="162"/>
      <c r="BL411" s="162"/>
      <c r="BM411" s="162"/>
      <c r="BN411" s="162"/>
      <c r="BO411" s="162"/>
      <c r="BP411" s="162"/>
      <c r="BQ411" s="162"/>
      <c r="BR411" s="162"/>
      <c r="BS411" s="162"/>
      <c r="BT411" s="162"/>
      <c r="BU411" s="162"/>
      <c r="BV411" s="162"/>
      <c r="BW411" s="162"/>
      <c r="BX411" s="162"/>
      <c r="BY411" s="162"/>
      <c r="BZ411" s="162"/>
      <c r="CA411" s="162"/>
      <c r="CB411" s="162"/>
      <c r="CC411" s="162"/>
      <c r="CD411" s="162"/>
      <c r="CE411" s="162"/>
      <c r="CF411" s="162"/>
      <c r="CG411" s="162"/>
      <c r="CH411" s="162"/>
      <c r="CI411" s="162"/>
      <c r="CJ411" s="162"/>
      <c r="CK411" s="162"/>
      <c r="CX411" s="98"/>
      <c r="DL411" s="97"/>
      <c r="DX411" s="98"/>
      <c r="EL411" s="97"/>
      <c r="EX411" s="98"/>
      <c r="EY411" s="97"/>
      <c r="FL411" s="126"/>
      <c r="FM411" s="91"/>
      <c r="FN411" s="91"/>
      <c r="FO411" s="91"/>
      <c r="FP411" s="91"/>
      <c r="FQ411" s="91"/>
      <c r="FR411" s="91"/>
      <c r="FS411" s="91"/>
      <c r="FT411" s="91"/>
      <c r="FU411" s="91"/>
      <c r="FV411" s="91"/>
      <c r="FW411" s="91"/>
      <c r="FX411" s="91"/>
      <c r="FY411" s="91"/>
      <c r="FZ411" s="91"/>
      <c r="GA411" s="91"/>
      <c r="GB411" s="91"/>
      <c r="GC411" s="91"/>
      <c r="GD411" s="91"/>
      <c r="GE411" s="91"/>
      <c r="GF411" s="91"/>
      <c r="GG411" s="91"/>
      <c r="GH411" s="91"/>
      <c r="GI411" s="91"/>
      <c r="GJ411" s="91"/>
      <c r="GK411" s="127"/>
      <c r="GL411" s="126"/>
      <c r="GM411" s="91"/>
      <c r="GN411" s="91"/>
      <c r="GO411" s="91"/>
      <c r="GP411" s="91"/>
      <c r="GQ411" s="91"/>
      <c r="GR411" s="91"/>
      <c r="GS411" s="91"/>
      <c r="GT411" s="91"/>
      <c r="GU411" s="91"/>
      <c r="GV411" s="91"/>
      <c r="GW411" s="91"/>
      <c r="GX411" s="91"/>
      <c r="GY411" s="91"/>
      <c r="GZ411" s="91"/>
      <c r="HA411" s="91"/>
      <c r="HB411" s="91"/>
      <c r="HC411" s="91"/>
      <c r="HD411" s="91"/>
      <c r="HE411" s="91"/>
      <c r="HF411" s="91"/>
      <c r="HG411" s="91"/>
      <c r="HH411" s="91"/>
      <c r="HI411" s="91"/>
      <c r="HJ411" s="91"/>
      <c r="HK411" s="127"/>
      <c r="HL411" s="126"/>
      <c r="HM411" s="91"/>
      <c r="HN411" s="91"/>
      <c r="HO411" s="91"/>
      <c r="HP411" s="91"/>
      <c r="HQ411" s="91"/>
      <c r="HR411" s="91"/>
      <c r="HS411" s="91"/>
      <c r="HT411" s="91"/>
      <c r="HU411" s="91"/>
      <c r="HV411" s="91"/>
      <c r="HW411" s="91"/>
      <c r="HX411" s="91"/>
      <c r="HY411" s="91"/>
      <c r="HZ411" s="91"/>
      <c r="IA411" s="91"/>
      <c r="IB411" s="91"/>
      <c r="IC411" s="91"/>
      <c r="ID411" s="91"/>
      <c r="IE411" s="91"/>
      <c r="IF411" s="91"/>
      <c r="IG411" s="91"/>
      <c r="IH411" s="91"/>
      <c r="II411" s="91"/>
      <c r="IJ411" s="91"/>
      <c r="IK411" s="127"/>
    </row>
    <row r="412" spans="2:245" x14ac:dyDescent="0.2">
      <c r="B412" s="43"/>
      <c r="C412" s="73"/>
      <c r="D412" s="64"/>
      <c r="E412" s="64"/>
      <c r="F412" s="55"/>
      <c r="G412" s="102"/>
      <c r="H412" s="55"/>
      <c r="I412" s="55"/>
      <c r="J412" s="55"/>
      <c r="K412" s="55"/>
      <c r="L412" s="55"/>
      <c r="M412" s="55"/>
      <c r="N412" s="55"/>
      <c r="O412" s="55"/>
      <c r="P412" s="55"/>
      <c r="Q412" s="55"/>
      <c r="R412" s="55"/>
      <c r="S412" s="55"/>
      <c r="T412" s="55"/>
      <c r="U412" s="55"/>
      <c r="V412" s="55"/>
      <c r="W412" s="55"/>
      <c r="X412" s="55"/>
      <c r="Y412" s="55"/>
      <c r="Z412" s="55"/>
      <c r="AA412" s="55"/>
      <c r="AB412" s="55"/>
      <c r="AC412" s="55"/>
      <c r="AD412" s="55"/>
      <c r="AE412" s="55"/>
      <c r="AF412" s="55"/>
      <c r="AG412" s="55"/>
      <c r="AY412" s="162"/>
      <c r="AZ412" s="162"/>
      <c r="BA412" s="162"/>
      <c r="BB412" s="162"/>
      <c r="BC412" s="162"/>
      <c r="BD412" s="162"/>
      <c r="BE412" s="162"/>
      <c r="BF412" s="162"/>
      <c r="BG412" s="162"/>
      <c r="BH412" s="162"/>
      <c r="BI412" s="162"/>
      <c r="BJ412" s="162"/>
      <c r="BK412" s="162"/>
      <c r="BL412" s="162"/>
      <c r="BM412" s="162"/>
      <c r="BN412" s="162"/>
      <c r="BO412" s="162"/>
      <c r="BP412" s="162"/>
      <c r="BQ412" s="162"/>
      <c r="BR412" s="162"/>
      <c r="BS412" s="162"/>
      <c r="BT412" s="162"/>
      <c r="BU412" s="162"/>
      <c r="BV412" s="162"/>
      <c r="BW412" s="162"/>
      <c r="BX412" s="162"/>
      <c r="BY412" s="162"/>
      <c r="BZ412" s="162"/>
      <c r="CA412" s="162"/>
      <c r="CB412" s="162"/>
      <c r="CC412" s="162"/>
      <c r="CD412" s="162"/>
      <c r="CE412" s="162"/>
      <c r="CF412" s="162"/>
      <c r="CG412" s="162"/>
      <c r="CH412" s="162"/>
      <c r="CI412" s="162"/>
      <c r="CJ412" s="162"/>
      <c r="CK412" s="162"/>
      <c r="CX412" s="98"/>
      <c r="DL412" s="97"/>
      <c r="DX412" s="98"/>
      <c r="EL412" s="97"/>
      <c r="EX412" s="98"/>
      <c r="EY412" s="97"/>
      <c r="FL412" s="126"/>
      <c r="FM412" s="91"/>
      <c r="FN412" s="91"/>
      <c r="FO412" s="91"/>
      <c r="FP412" s="91"/>
      <c r="FQ412" s="91"/>
      <c r="FR412" s="91"/>
      <c r="FS412" s="91"/>
      <c r="FT412" s="91"/>
      <c r="FU412" s="91"/>
      <c r="FV412" s="91"/>
      <c r="FW412" s="91"/>
      <c r="FX412" s="91"/>
      <c r="FY412" s="91"/>
      <c r="FZ412" s="91"/>
      <c r="GA412" s="91"/>
      <c r="GB412" s="91"/>
      <c r="GC412" s="91"/>
      <c r="GD412" s="91"/>
      <c r="GE412" s="91"/>
      <c r="GF412" s="91"/>
      <c r="GG412" s="91"/>
      <c r="GH412" s="91"/>
      <c r="GI412" s="91"/>
      <c r="GJ412" s="91"/>
      <c r="GK412" s="127"/>
      <c r="GL412" s="126"/>
      <c r="GM412" s="91"/>
      <c r="GN412" s="91"/>
      <c r="GO412" s="91"/>
      <c r="GP412" s="91"/>
      <c r="GQ412" s="91"/>
      <c r="GR412" s="91"/>
      <c r="GS412" s="91"/>
      <c r="GT412" s="91"/>
      <c r="GU412" s="91"/>
      <c r="GV412" s="91"/>
      <c r="GW412" s="91"/>
      <c r="GX412" s="91"/>
      <c r="GY412" s="91"/>
      <c r="GZ412" s="91"/>
      <c r="HA412" s="91"/>
      <c r="HB412" s="91"/>
      <c r="HC412" s="91"/>
      <c r="HD412" s="91"/>
      <c r="HE412" s="91"/>
      <c r="HF412" s="91"/>
      <c r="HG412" s="91"/>
      <c r="HH412" s="91"/>
      <c r="HI412" s="91"/>
      <c r="HJ412" s="91"/>
      <c r="HK412" s="127"/>
      <c r="HL412" s="126"/>
      <c r="HM412" s="91"/>
      <c r="HN412" s="91"/>
      <c r="HO412" s="91"/>
      <c r="HP412" s="91"/>
      <c r="HQ412" s="91"/>
      <c r="HR412" s="91"/>
      <c r="HS412" s="91"/>
      <c r="HT412" s="91"/>
      <c r="HU412" s="91"/>
      <c r="HV412" s="91"/>
      <c r="HW412" s="91"/>
      <c r="HX412" s="91"/>
      <c r="HY412" s="91"/>
      <c r="HZ412" s="91"/>
      <c r="IA412" s="91"/>
      <c r="IB412" s="91"/>
      <c r="IC412" s="91"/>
      <c r="ID412" s="91"/>
      <c r="IE412" s="91"/>
      <c r="IF412" s="91"/>
      <c r="IG412" s="91"/>
      <c r="IH412" s="91"/>
      <c r="II412" s="91"/>
      <c r="IJ412" s="91"/>
      <c r="IK412" s="127"/>
    </row>
    <row r="413" spans="2:245" x14ac:dyDescent="0.2">
      <c r="B413" s="43"/>
      <c r="C413" s="73"/>
      <c r="D413" s="64"/>
      <c r="E413" s="64"/>
      <c r="F413" s="55"/>
      <c r="G413" s="102"/>
      <c r="H413" s="55"/>
      <c r="I413" s="55"/>
      <c r="J413" s="55"/>
      <c r="K413" s="55"/>
      <c r="L413" s="55"/>
      <c r="M413" s="55"/>
      <c r="N413" s="55"/>
      <c r="O413" s="55"/>
      <c r="P413" s="55"/>
      <c r="Q413" s="55"/>
      <c r="R413" s="55"/>
      <c r="S413" s="55"/>
      <c r="T413" s="55"/>
      <c r="U413" s="55"/>
      <c r="V413" s="55"/>
      <c r="W413" s="55"/>
      <c r="X413" s="55"/>
      <c r="Y413" s="55"/>
      <c r="Z413" s="55"/>
      <c r="AA413" s="55"/>
      <c r="AB413" s="55"/>
      <c r="AC413" s="55"/>
      <c r="AD413" s="55"/>
      <c r="AE413" s="55"/>
      <c r="AF413" s="55"/>
      <c r="AG413" s="55"/>
      <c r="AY413" s="162"/>
      <c r="AZ413" s="162"/>
      <c r="BA413" s="162"/>
      <c r="BB413" s="162"/>
      <c r="BC413" s="162"/>
      <c r="BD413" s="162"/>
      <c r="BE413" s="162"/>
      <c r="BF413" s="162"/>
      <c r="BG413" s="162"/>
      <c r="BH413" s="162"/>
      <c r="BI413" s="162"/>
      <c r="BJ413" s="162"/>
      <c r="BK413" s="162"/>
      <c r="BL413" s="162"/>
      <c r="BM413" s="162"/>
      <c r="BN413" s="162"/>
      <c r="BO413" s="162"/>
      <c r="BP413" s="162"/>
      <c r="BQ413" s="162"/>
      <c r="BR413" s="162"/>
      <c r="BS413" s="162"/>
      <c r="BT413" s="162"/>
      <c r="BU413" s="162"/>
      <c r="BV413" s="162"/>
      <c r="BW413" s="162"/>
      <c r="BX413" s="162"/>
      <c r="BY413" s="162"/>
      <c r="BZ413" s="162"/>
      <c r="CA413" s="162"/>
      <c r="CB413" s="162"/>
      <c r="CC413" s="162"/>
      <c r="CD413" s="162"/>
      <c r="CE413" s="162"/>
      <c r="CF413" s="162"/>
      <c r="CG413" s="162"/>
      <c r="CH413" s="162"/>
      <c r="CI413" s="162"/>
      <c r="CJ413" s="162"/>
      <c r="CK413" s="162"/>
      <c r="CX413" s="98"/>
      <c r="DL413" s="97"/>
      <c r="DX413" s="98"/>
      <c r="EL413" s="97"/>
      <c r="EX413" s="98"/>
      <c r="EY413" s="97"/>
      <c r="FL413" s="126"/>
      <c r="FM413" s="91"/>
      <c r="FN413" s="91"/>
      <c r="FO413" s="91"/>
      <c r="FP413" s="91"/>
      <c r="FQ413" s="91"/>
      <c r="FR413" s="91"/>
      <c r="FS413" s="91"/>
      <c r="FT413" s="91"/>
      <c r="FU413" s="91"/>
      <c r="FV413" s="91"/>
      <c r="FW413" s="91"/>
      <c r="FX413" s="91"/>
      <c r="FY413" s="91"/>
      <c r="FZ413" s="91"/>
      <c r="GA413" s="91"/>
      <c r="GB413" s="91"/>
      <c r="GC413" s="91"/>
      <c r="GD413" s="91"/>
      <c r="GE413" s="91"/>
      <c r="GF413" s="91"/>
      <c r="GG413" s="91"/>
      <c r="GH413" s="91"/>
      <c r="GI413" s="91"/>
      <c r="GJ413" s="91"/>
      <c r="GK413" s="127"/>
      <c r="GL413" s="126"/>
      <c r="GM413" s="91"/>
      <c r="GN413" s="91"/>
      <c r="GO413" s="91"/>
      <c r="GP413" s="91"/>
      <c r="GQ413" s="91"/>
      <c r="GR413" s="91"/>
      <c r="GS413" s="91"/>
      <c r="GT413" s="91"/>
      <c r="GU413" s="91"/>
      <c r="GV413" s="91"/>
      <c r="GW413" s="91"/>
      <c r="GX413" s="91"/>
      <c r="GY413" s="91"/>
      <c r="GZ413" s="91"/>
      <c r="HA413" s="91"/>
      <c r="HB413" s="91"/>
      <c r="HC413" s="91"/>
      <c r="HD413" s="91"/>
      <c r="HE413" s="91"/>
      <c r="HF413" s="91"/>
      <c r="HG413" s="91"/>
      <c r="HH413" s="91"/>
      <c r="HI413" s="91"/>
      <c r="HJ413" s="91"/>
      <c r="HK413" s="127"/>
      <c r="HL413" s="126"/>
      <c r="HM413" s="91"/>
      <c r="HN413" s="91"/>
      <c r="HO413" s="91"/>
      <c r="HP413" s="91"/>
      <c r="HQ413" s="91"/>
      <c r="HR413" s="91"/>
      <c r="HS413" s="91"/>
      <c r="HT413" s="91"/>
      <c r="HU413" s="91"/>
      <c r="HV413" s="91"/>
      <c r="HW413" s="91"/>
      <c r="HX413" s="91"/>
      <c r="HY413" s="91"/>
      <c r="HZ413" s="91"/>
      <c r="IA413" s="91"/>
      <c r="IB413" s="91"/>
      <c r="IC413" s="91"/>
      <c r="ID413" s="91"/>
      <c r="IE413" s="91"/>
      <c r="IF413" s="91"/>
      <c r="IG413" s="91"/>
      <c r="IH413" s="91"/>
      <c r="II413" s="91"/>
      <c r="IJ413" s="91"/>
      <c r="IK413" s="127"/>
    </row>
    <row r="414" spans="2:245" x14ac:dyDescent="0.2">
      <c r="B414" s="43"/>
      <c r="C414" s="73"/>
      <c r="D414" s="64"/>
      <c r="E414" s="64"/>
      <c r="F414" s="55"/>
      <c r="G414" s="102"/>
      <c r="H414" s="55"/>
      <c r="I414" s="55"/>
      <c r="J414" s="55"/>
      <c r="K414" s="55"/>
      <c r="L414" s="55"/>
      <c r="M414" s="55"/>
      <c r="N414" s="55"/>
      <c r="O414" s="55"/>
      <c r="P414" s="55"/>
      <c r="Q414" s="55"/>
      <c r="R414" s="55"/>
      <c r="S414" s="55"/>
      <c r="T414" s="55"/>
      <c r="U414" s="55"/>
      <c r="V414" s="55"/>
      <c r="W414" s="55"/>
      <c r="X414" s="55"/>
      <c r="Y414" s="55"/>
      <c r="Z414" s="55"/>
      <c r="AA414" s="55"/>
      <c r="AB414" s="55"/>
      <c r="AC414" s="55"/>
      <c r="AD414" s="55"/>
      <c r="AE414" s="55"/>
      <c r="AF414" s="55"/>
      <c r="AG414" s="55"/>
      <c r="AY414" s="162"/>
      <c r="AZ414" s="162"/>
      <c r="BA414" s="162"/>
      <c r="BB414" s="162"/>
      <c r="BC414" s="162"/>
      <c r="BD414" s="162"/>
      <c r="BE414" s="162"/>
      <c r="BF414" s="162"/>
      <c r="BG414" s="162"/>
      <c r="BH414" s="162"/>
      <c r="BI414" s="162"/>
      <c r="BJ414" s="162"/>
      <c r="BK414" s="162"/>
      <c r="BL414" s="162"/>
      <c r="BM414" s="162"/>
      <c r="BN414" s="162"/>
      <c r="BO414" s="162"/>
      <c r="BP414" s="162"/>
      <c r="BQ414" s="162"/>
      <c r="BR414" s="162"/>
      <c r="BS414" s="162"/>
      <c r="BT414" s="162"/>
      <c r="BU414" s="162"/>
      <c r="BV414" s="162"/>
      <c r="BW414" s="162"/>
      <c r="BX414" s="162"/>
      <c r="BY414" s="162"/>
      <c r="BZ414" s="162"/>
      <c r="CA414" s="162"/>
      <c r="CB414" s="162"/>
      <c r="CC414" s="162"/>
      <c r="CD414" s="162"/>
      <c r="CE414" s="162"/>
      <c r="CF414" s="162"/>
      <c r="CG414" s="162"/>
      <c r="CH414" s="162"/>
      <c r="CI414" s="162"/>
      <c r="CJ414" s="162"/>
      <c r="CK414" s="162"/>
      <c r="CX414" s="98"/>
      <c r="DL414" s="97"/>
      <c r="DX414" s="98"/>
      <c r="EL414" s="97"/>
      <c r="EX414" s="98"/>
      <c r="EY414" s="97"/>
      <c r="FL414" s="126"/>
      <c r="FM414" s="91"/>
      <c r="FN414" s="91"/>
      <c r="FO414" s="91"/>
      <c r="FP414" s="91"/>
      <c r="FQ414" s="91"/>
      <c r="FR414" s="91"/>
      <c r="FS414" s="91"/>
      <c r="FT414" s="91"/>
      <c r="FU414" s="91"/>
      <c r="FV414" s="91"/>
      <c r="FW414" s="91"/>
      <c r="FX414" s="91"/>
      <c r="FY414" s="91"/>
      <c r="FZ414" s="91"/>
      <c r="GA414" s="91"/>
      <c r="GB414" s="91"/>
      <c r="GC414" s="91"/>
      <c r="GD414" s="91"/>
      <c r="GE414" s="91"/>
      <c r="GF414" s="91"/>
      <c r="GG414" s="91"/>
      <c r="GH414" s="91"/>
      <c r="GI414" s="91"/>
      <c r="GJ414" s="91"/>
      <c r="GK414" s="127"/>
      <c r="GL414" s="126"/>
      <c r="GM414" s="91"/>
      <c r="GN414" s="91"/>
      <c r="GO414" s="91"/>
      <c r="GP414" s="91"/>
      <c r="GQ414" s="91"/>
      <c r="GR414" s="91"/>
      <c r="GS414" s="91"/>
      <c r="GT414" s="91"/>
      <c r="GU414" s="91"/>
      <c r="GV414" s="91"/>
      <c r="GW414" s="91"/>
      <c r="GX414" s="91"/>
      <c r="GY414" s="91"/>
      <c r="GZ414" s="91"/>
      <c r="HA414" s="91"/>
      <c r="HB414" s="91"/>
      <c r="HC414" s="91"/>
      <c r="HD414" s="91"/>
      <c r="HE414" s="91"/>
      <c r="HF414" s="91"/>
      <c r="HG414" s="91"/>
      <c r="HH414" s="91"/>
      <c r="HI414" s="91"/>
      <c r="HJ414" s="91"/>
      <c r="HK414" s="127"/>
      <c r="HL414" s="126"/>
      <c r="HM414" s="91"/>
      <c r="HN414" s="91"/>
      <c r="HO414" s="91"/>
      <c r="HP414" s="91"/>
      <c r="HQ414" s="91"/>
      <c r="HR414" s="91"/>
      <c r="HS414" s="91"/>
      <c r="HT414" s="91"/>
      <c r="HU414" s="91"/>
      <c r="HV414" s="91"/>
      <c r="HW414" s="91"/>
      <c r="HX414" s="91"/>
      <c r="HY414" s="91"/>
      <c r="HZ414" s="91"/>
      <c r="IA414" s="91"/>
      <c r="IB414" s="91"/>
      <c r="IC414" s="91"/>
      <c r="ID414" s="91"/>
      <c r="IE414" s="91"/>
      <c r="IF414" s="91"/>
      <c r="IG414" s="91"/>
      <c r="IH414" s="91"/>
      <c r="II414" s="91"/>
      <c r="IJ414" s="91"/>
      <c r="IK414" s="127"/>
    </row>
    <row r="415" spans="2:245" x14ac:dyDescent="0.2">
      <c r="B415" s="43"/>
      <c r="C415" s="73"/>
      <c r="D415" s="64"/>
      <c r="E415" s="64"/>
      <c r="F415" s="55"/>
      <c r="G415" s="102"/>
      <c r="H415" s="55"/>
      <c r="I415" s="55"/>
      <c r="J415" s="55"/>
      <c r="K415" s="55"/>
      <c r="L415" s="55"/>
      <c r="M415" s="55"/>
      <c r="N415" s="55"/>
      <c r="O415" s="55"/>
      <c r="P415" s="55"/>
      <c r="Q415" s="55"/>
      <c r="R415" s="55"/>
      <c r="S415" s="55"/>
      <c r="T415" s="55"/>
      <c r="U415" s="55"/>
      <c r="V415" s="55"/>
      <c r="W415" s="55"/>
      <c r="X415" s="55"/>
      <c r="Y415" s="55"/>
      <c r="Z415" s="55"/>
      <c r="AA415" s="55"/>
      <c r="AB415" s="55"/>
      <c r="AC415" s="55"/>
      <c r="AD415" s="55"/>
      <c r="AE415" s="55"/>
      <c r="AF415" s="55"/>
      <c r="AG415" s="55"/>
      <c r="AY415" s="162"/>
      <c r="AZ415" s="162"/>
      <c r="BA415" s="162"/>
      <c r="BB415" s="162"/>
      <c r="BC415" s="162"/>
      <c r="BD415" s="162"/>
      <c r="BE415" s="162"/>
      <c r="BF415" s="162"/>
      <c r="BG415" s="162"/>
      <c r="BH415" s="162"/>
      <c r="BI415" s="162"/>
      <c r="BJ415" s="162"/>
      <c r="BK415" s="162"/>
      <c r="BL415" s="162"/>
      <c r="BM415" s="162"/>
      <c r="BN415" s="162"/>
      <c r="BO415" s="162"/>
      <c r="BP415" s="162"/>
      <c r="BQ415" s="162"/>
      <c r="BR415" s="162"/>
      <c r="BS415" s="162"/>
      <c r="BT415" s="162"/>
      <c r="BU415" s="162"/>
      <c r="BV415" s="162"/>
      <c r="BW415" s="162"/>
      <c r="BX415" s="162"/>
      <c r="BY415" s="162"/>
      <c r="BZ415" s="162"/>
      <c r="CA415" s="162"/>
      <c r="CB415" s="162"/>
      <c r="CC415" s="162"/>
      <c r="CD415" s="162"/>
      <c r="CE415" s="162"/>
      <c r="CF415" s="162"/>
      <c r="CG415" s="162"/>
      <c r="CH415" s="162"/>
      <c r="CI415" s="162"/>
      <c r="CJ415" s="162"/>
      <c r="CK415" s="162"/>
      <c r="CX415" s="98"/>
      <c r="DL415" s="97"/>
      <c r="DX415" s="98"/>
      <c r="EL415" s="97"/>
      <c r="EX415" s="98"/>
      <c r="EY415" s="97"/>
      <c r="FL415" s="126"/>
      <c r="FM415" s="91"/>
      <c r="FN415" s="91"/>
      <c r="FO415" s="91"/>
      <c r="FP415" s="91"/>
      <c r="FQ415" s="91"/>
      <c r="FR415" s="91"/>
      <c r="FS415" s="91"/>
      <c r="FT415" s="91"/>
      <c r="FU415" s="91"/>
      <c r="FV415" s="91"/>
      <c r="FW415" s="91"/>
      <c r="FX415" s="91"/>
      <c r="FY415" s="91"/>
      <c r="FZ415" s="91"/>
      <c r="GA415" s="91"/>
      <c r="GB415" s="91"/>
      <c r="GC415" s="91"/>
      <c r="GD415" s="91"/>
      <c r="GE415" s="91"/>
      <c r="GF415" s="91"/>
      <c r="GG415" s="91"/>
      <c r="GH415" s="91"/>
      <c r="GI415" s="91"/>
      <c r="GJ415" s="91"/>
      <c r="GK415" s="127"/>
      <c r="GL415" s="126"/>
      <c r="GM415" s="91"/>
      <c r="GN415" s="91"/>
      <c r="GO415" s="91"/>
      <c r="GP415" s="91"/>
      <c r="GQ415" s="91"/>
      <c r="GR415" s="91"/>
      <c r="GS415" s="91"/>
      <c r="GT415" s="91"/>
      <c r="GU415" s="91"/>
      <c r="GV415" s="91"/>
      <c r="GW415" s="91"/>
      <c r="GX415" s="91"/>
      <c r="GY415" s="91"/>
      <c r="GZ415" s="91"/>
      <c r="HA415" s="91"/>
      <c r="HB415" s="91"/>
      <c r="HC415" s="91"/>
      <c r="HD415" s="91"/>
      <c r="HE415" s="91"/>
      <c r="HF415" s="91"/>
      <c r="HG415" s="91"/>
      <c r="HH415" s="91"/>
      <c r="HI415" s="91"/>
      <c r="HJ415" s="91"/>
      <c r="HK415" s="127"/>
      <c r="HL415" s="126"/>
      <c r="HM415" s="91"/>
      <c r="HN415" s="91"/>
      <c r="HO415" s="91"/>
      <c r="HP415" s="91"/>
      <c r="HQ415" s="91"/>
      <c r="HR415" s="91"/>
      <c r="HS415" s="91"/>
      <c r="HT415" s="91"/>
      <c r="HU415" s="91"/>
      <c r="HV415" s="91"/>
      <c r="HW415" s="91"/>
      <c r="HX415" s="91"/>
      <c r="HY415" s="91"/>
      <c r="HZ415" s="91"/>
      <c r="IA415" s="91"/>
      <c r="IB415" s="91"/>
      <c r="IC415" s="91"/>
      <c r="ID415" s="91"/>
      <c r="IE415" s="91"/>
      <c r="IF415" s="91"/>
      <c r="IG415" s="91"/>
      <c r="IH415" s="91"/>
      <c r="II415" s="91"/>
      <c r="IJ415" s="91"/>
      <c r="IK415" s="127"/>
    </row>
    <row r="416" spans="2:245" x14ac:dyDescent="0.2">
      <c r="B416" s="43"/>
      <c r="C416" s="73"/>
      <c r="D416" s="64"/>
      <c r="E416" s="64"/>
      <c r="F416" s="55"/>
      <c r="G416" s="102"/>
      <c r="H416" s="55"/>
      <c r="I416" s="55"/>
      <c r="J416" s="55"/>
      <c r="K416" s="55"/>
      <c r="L416" s="55"/>
      <c r="M416" s="55"/>
      <c r="N416" s="55"/>
      <c r="O416" s="55"/>
      <c r="P416" s="55"/>
      <c r="Q416" s="55"/>
      <c r="R416" s="55"/>
      <c r="S416" s="55"/>
      <c r="T416" s="55"/>
      <c r="U416" s="55"/>
      <c r="V416" s="55"/>
      <c r="W416" s="55"/>
      <c r="X416" s="55"/>
      <c r="Y416" s="55"/>
      <c r="Z416" s="55"/>
      <c r="AA416" s="55"/>
      <c r="AB416" s="55"/>
      <c r="AC416" s="55"/>
      <c r="AD416" s="55"/>
      <c r="AE416" s="55"/>
      <c r="AF416" s="55"/>
      <c r="AG416" s="55"/>
      <c r="AY416" s="162"/>
      <c r="AZ416" s="162"/>
      <c r="BA416" s="162"/>
      <c r="BB416" s="162"/>
      <c r="BC416" s="162"/>
      <c r="BD416" s="162"/>
      <c r="BE416" s="162"/>
      <c r="BF416" s="162"/>
      <c r="BG416" s="162"/>
      <c r="BH416" s="162"/>
      <c r="BI416" s="162"/>
      <c r="BJ416" s="162"/>
      <c r="BK416" s="162"/>
      <c r="BL416" s="162"/>
      <c r="BM416" s="162"/>
      <c r="BN416" s="162"/>
      <c r="BO416" s="162"/>
      <c r="BP416" s="162"/>
      <c r="BQ416" s="162"/>
      <c r="BR416" s="162"/>
      <c r="BS416" s="162"/>
      <c r="BT416" s="162"/>
      <c r="BU416" s="162"/>
      <c r="BV416" s="162"/>
      <c r="BW416" s="162"/>
      <c r="BX416" s="162"/>
      <c r="BY416" s="162"/>
      <c r="BZ416" s="162"/>
      <c r="CA416" s="162"/>
      <c r="CB416" s="162"/>
      <c r="CC416" s="162"/>
      <c r="CD416" s="162"/>
      <c r="CE416" s="162"/>
      <c r="CF416" s="162"/>
      <c r="CG416" s="162"/>
      <c r="CH416" s="162"/>
      <c r="CI416" s="162"/>
      <c r="CJ416" s="162"/>
      <c r="CK416" s="162"/>
      <c r="CX416" s="98"/>
      <c r="DL416" s="97"/>
      <c r="DX416" s="98"/>
      <c r="EL416" s="97"/>
      <c r="EX416" s="98"/>
      <c r="EY416" s="97"/>
      <c r="FL416" s="126"/>
      <c r="FM416" s="91"/>
      <c r="FN416" s="91"/>
      <c r="FO416" s="91"/>
      <c r="FP416" s="91"/>
      <c r="FQ416" s="91"/>
      <c r="FR416" s="91"/>
      <c r="FS416" s="91"/>
      <c r="FT416" s="91"/>
      <c r="FU416" s="91"/>
      <c r="FV416" s="91"/>
      <c r="FW416" s="91"/>
      <c r="FX416" s="91"/>
      <c r="FY416" s="91"/>
      <c r="FZ416" s="91"/>
      <c r="GA416" s="91"/>
      <c r="GB416" s="91"/>
      <c r="GC416" s="91"/>
      <c r="GD416" s="91"/>
      <c r="GE416" s="91"/>
      <c r="GF416" s="91"/>
      <c r="GG416" s="91"/>
      <c r="GH416" s="91"/>
      <c r="GI416" s="91"/>
      <c r="GJ416" s="91"/>
      <c r="GK416" s="127"/>
      <c r="GL416" s="126"/>
      <c r="GM416" s="91"/>
      <c r="GN416" s="91"/>
      <c r="GO416" s="91"/>
      <c r="GP416" s="91"/>
      <c r="GQ416" s="91"/>
      <c r="GR416" s="91"/>
      <c r="GS416" s="91"/>
      <c r="GT416" s="91"/>
      <c r="GU416" s="91"/>
      <c r="GV416" s="91"/>
      <c r="GW416" s="91"/>
      <c r="GX416" s="91"/>
      <c r="GY416" s="91"/>
      <c r="GZ416" s="91"/>
      <c r="HA416" s="91"/>
      <c r="HB416" s="91"/>
      <c r="HC416" s="91"/>
      <c r="HD416" s="91"/>
      <c r="HE416" s="91"/>
      <c r="HF416" s="91"/>
      <c r="HG416" s="91"/>
      <c r="HH416" s="91"/>
      <c r="HI416" s="91"/>
      <c r="HJ416" s="91"/>
      <c r="HK416" s="127"/>
      <c r="HL416" s="126"/>
      <c r="HM416" s="91"/>
      <c r="HN416" s="91"/>
      <c r="HO416" s="91"/>
      <c r="HP416" s="91"/>
      <c r="HQ416" s="91"/>
      <c r="HR416" s="91"/>
      <c r="HS416" s="91"/>
      <c r="HT416" s="91"/>
      <c r="HU416" s="91"/>
      <c r="HV416" s="91"/>
      <c r="HW416" s="91"/>
      <c r="HX416" s="91"/>
      <c r="HY416" s="91"/>
      <c r="HZ416" s="91"/>
      <c r="IA416" s="91"/>
      <c r="IB416" s="91"/>
      <c r="IC416" s="91"/>
      <c r="ID416" s="91"/>
      <c r="IE416" s="91"/>
      <c r="IF416" s="91"/>
      <c r="IG416" s="91"/>
      <c r="IH416" s="91"/>
      <c r="II416" s="91"/>
      <c r="IJ416" s="91"/>
      <c r="IK416" s="127"/>
    </row>
    <row r="417" spans="2:245" x14ac:dyDescent="0.2">
      <c r="B417" s="43"/>
      <c r="C417" s="73"/>
      <c r="D417" s="64"/>
      <c r="E417" s="64"/>
      <c r="F417" s="55"/>
      <c r="G417" s="102"/>
      <c r="H417" s="55"/>
      <c r="I417" s="55"/>
      <c r="J417" s="55"/>
      <c r="K417" s="55"/>
      <c r="L417" s="55"/>
      <c r="M417" s="55"/>
      <c r="N417" s="55"/>
      <c r="O417" s="55"/>
      <c r="P417" s="55"/>
      <c r="Q417" s="55"/>
      <c r="R417" s="55"/>
      <c r="S417" s="55"/>
      <c r="T417" s="55"/>
      <c r="U417" s="55"/>
      <c r="V417" s="55"/>
      <c r="W417" s="55"/>
      <c r="X417" s="55"/>
      <c r="Y417" s="55"/>
      <c r="Z417" s="55"/>
      <c r="AA417" s="55"/>
      <c r="AB417" s="55"/>
      <c r="AC417" s="55"/>
      <c r="AD417" s="55"/>
      <c r="AE417" s="55"/>
      <c r="AF417" s="55"/>
      <c r="AG417" s="55"/>
      <c r="AY417" s="162"/>
      <c r="AZ417" s="162"/>
      <c r="BA417" s="162"/>
      <c r="BB417" s="162"/>
      <c r="BC417" s="162"/>
      <c r="BD417" s="162"/>
      <c r="BE417" s="162"/>
      <c r="BF417" s="162"/>
      <c r="BG417" s="162"/>
      <c r="BH417" s="162"/>
      <c r="BI417" s="162"/>
      <c r="BJ417" s="162"/>
      <c r="BK417" s="162"/>
      <c r="BL417" s="162"/>
      <c r="BM417" s="162"/>
      <c r="BN417" s="162"/>
      <c r="BO417" s="162"/>
      <c r="BP417" s="162"/>
      <c r="BQ417" s="162"/>
      <c r="BR417" s="162"/>
      <c r="BS417" s="162"/>
      <c r="BT417" s="162"/>
      <c r="BU417" s="162"/>
      <c r="BV417" s="162"/>
      <c r="BW417" s="162"/>
      <c r="BX417" s="162"/>
      <c r="BY417" s="162"/>
      <c r="BZ417" s="162"/>
      <c r="CA417" s="162"/>
      <c r="CB417" s="162"/>
      <c r="CC417" s="162"/>
      <c r="CD417" s="162"/>
      <c r="CE417" s="162"/>
      <c r="CF417" s="162"/>
      <c r="CG417" s="162"/>
      <c r="CH417" s="162"/>
      <c r="CI417" s="162"/>
      <c r="CJ417" s="162"/>
      <c r="CK417" s="162"/>
      <c r="CX417" s="98"/>
      <c r="DL417" s="97"/>
      <c r="DX417" s="98"/>
      <c r="EL417" s="97"/>
      <c r="EX417" s="98"/>
      <c r="EY417" s="97"/>
      <c r="FL417" s="126"/>
      <c r="FM417" s="91"/>
      <c r="FN417" s="91"/>
      <c r="FO417" s="91"/>
      <c r="FP417" s="91"/>
      <c r="FQ417" s="91"/>
      <c r="FR417" s="91"/>
      <c r="FS417" s="91"/>
      <c r="FT417" s="91"/>
      <c r="FU417" s="91"/>
      <c r="FV417" s="91"/>
      <c r="FW417" s="91"/>
      <c r="FX417" s="91"/>
      <c r="FY417" s="91"/>
      <c r="FZ417" s="91"/>
      <c r="GA417" s="91"/>
      <c r="GB417" s="91"/>
      <c r="GC417" s="91"/>
      <c r="GD417" s="91"/>
      <c r="GE417" s="91"/>
      <c r="GF417" s="91"/>
      <c r="GG417" s="91"/>
      <c r="GH417" s="91"/>
      <c r="GI417" s="91"/>
      <c r="GJ417" s="91"/>
      <c r="GK417" s="127"/>
      <c r="GL417" s="126"/>
      <c r="GM417" s="91"/>
      <c r="GN417" s="91"/>
      <c r="GO417" s="91"/>
      <c r="GP417" s="91"/>
      <c r="GQ417" s="91"/>
      <c r="GR417" s="91"/>
      <c r="GS417" s="91"/>
      <c r="GT417" s="91"/>
      <c r="GU417" s="91"/>
      <c r="GV417" s="91"/>
      <c r="GW417" s="91"/>
      <c r="GX417" s="91"/>
      <c r="GY417" s="91"/>
      <c r="GZ417" s="91"/>
      <c r="HA417" s="91"/>
      <c r="HB417" s="91"/>
      <c r="HC417" s="91"/>
      <c r="HD417" s="91"/>
      <c r="HE417" s="91"/>
      <c r="HF417" s="91"/>
      <c r="HG417" s="91"/>
      <c r="HH417" s="91"/>
      <c r="HI417" s="91"/>
      <c r="HJ417" s="91"/>
      <c r="HK417" s="127"/>
      <c r="HL417" s="126"/>
      <c r="HM417" s="91"/>
      <c r="HN417" s="91"/>
      <c r="HO417" s="91"/>
      <c r="HP417" s="91"/>
      <c r="HQ417" s="91"/>
      <c r="HR417" s="91"/>
      <c r="HS417" s="91"/>
      <c r="HT417" s="91"/>
      <c r="HU417" s="91"/>
      <c r="HV417" s="91"/>
      <c r="HW417" s="91"/>
      <c r="HX417" s="91"/>
      <c r="HY417" s="91"/>
      <c r="HZ417" s="91"/>
      <c r="IA417" s="91"/>
      <c r="IB417" s="91"/>
      <c r="IC417" s="91"/>
      <c r="ID417" s="91"/>
      <c r="IE417" s="91"/>
      <c r="IF417" s="91"/>
      <c r="IG417" s="91"/>
      <c r="IH417" s="91"/>
      <c r="II417" s="91"/>
      <c r="IJ417" s="91"/>
      <c r="IK417" s="127"/>
    </row>
    <row r="418" spans="2:245" x14ac:dyDescent="0.2">
      <c r="B418" s="43"/>
      <c r="C418" s="73"/>
      <c r="D418" s="64"/>
      <c r="E418" s="64"/>
      <c r="F418" s="55"/>
      <c r="G418" s="102"/>
      <c r="H418" s="55"/>
      <c r="I418" s="55"/>
      <c r="J418" s="55"/>
      <c r="K418" s="55"/>
      <c r="L418" s="55"/>
      <c r="M418" s="55"/>
      <c r="N418" s="55"/>
      <c r="O418" s="55"/>
      <c r="P418" s="55"/>
      <c r="Q418" s="55"/>
      <c r="R418" s="55"/>
      <c r="S418" s="55"/>
      <c r="T418" s="55"/>
      <c r="U418" s="55"/>
      <c r="V418" s="55"/>
      <c r="W418" s="55"/>
      <c r="X418" s="55"/>
      <c r="Y418" s="55"/>
      <c r="Z418" s="55"/>
      <c r="AA418" s="55"/>
      <c r="AB418" s="55"/>
      <c r="AC418" s="55"/>
      <c r="AD418" s="55"/>
      <c r="AE418" s="55"/>
      <c r="AF418" s="55"/>
      <c r="AG418" s="55"/>
      <c r="AY418" s="162"/>
      <c r="AZ418" s="162"/>
      <c r="BA418" s="162"/>
      <c r="BB418" s="162"/>
      <c r="BC418" s="162"/>
      <c r="BD418" s="162"/>
      <c r="BE418" s="162"/>
      <c r="BF418" s="162"/>
      <c r="BG418" s="162"/>
      <c r="BH418" s="162"/>
      <c r="BI418" s="162"/>
      <c r="BJ418" s="162"/>
      <c r="BK418" s="162"/>
      <c r="BL418" s="162"/>
      <c r="BM418" s="162"/>
      <c r="BN418" s="162"/>
      <c r="BO418" s="162"/>
      <c r="BP418" s="162"/>
      <c r="BQ418" s="162"/>
      <c r="BR418" s="162"/>
      <c r="BS418" s="162"/>
      <c r="BT418" s="162"/>
      <c r="BU418" s="162"/>
      <c r="BV418" s="162"/>
      <c r="BW418" s="162"/>
      <c r="BX418" s="162"/>
      <c r="BY418" s="162"/>
      <c r="BZ418" s="162"/>
      <c r="CA418" s="162"/>
      <c r="CB418" s="162"/>
      <c r="CC418" s="162"/>
      <c r="CD418" s="162"/>
      <c r="CE418" s="162"/>
      <c r="CF418" s="162"/>
      <c r="CG418" s="162"/>
      <c r="CH418" s="162"/>
      <c r="CI418" s="162"/>
      <c r="CJ418" s="162"/>
      <c r="CK418" s="162"/>
      <c r="CX418" s="98"/>
      <c r="DL418" s="97"/>
      <c r="DX418" s="98"/>
      <c r="EL418" s="97"/>
      <c r="EX418" s="98"/>
      <c r="EY418" s="97"/>
      <c r="FL418" s="126"/>
      <c r="FM418" s="91"/>
      <c r="FN418" s="91"/>
      <c r="FO418" s="91"/>
      <c r="FP418" s="91"/>
      <c r="FQ418" s="91"/>
      <c r="FR418" s="91"/>
      <c r="FS418" s="91"/>
      <c r="FT418" s="91"/>
      <c r="FU418" s="91"/>
      <c r="FV418" s="91"/>
      <c r="FW418" s="91"/>
      <c r="FX418" s="91"/>
      <c r="FY418" s="91"/>
      <c r="FZ418" s="91"/>
      <c r="GA418" s="91"/>
      <c r="GB418" s="91"/>
      <c r="GC418" s="91"/>
      <c r="GD418" s="91"/>
      <c r="GE418" s="91"/>
      <c r="GF418" s="91"/>
      <c r="GG418" s="91"/>
      <c r="GH418" s="91"/>
      <c r="GI418" s="91"/>
      <c r="GJ418" s="91"/>
      <c r="GK418" s="127"/>
      <c r="GL418" s="126"/>
      <c r="GM418" s="91"/>
      <c r="GN418" s="91"/>
      <c r="GO418" s="91"/>
      <c r="GP418" s="91"/>
      <c r="GQ418" s="91"/>
      <c r="GR418" s="91"/>
      <c r="GS418" s="91"/>
      <c r="GT418" s="91"/>
      <c r="GU418" s="91"/>
      <c r="GV418" s="91"/>
      <c r="GW418" s="91"/>
      <c r="GX418" s="91"/>
      <c r="GY418" s="91"/>
      <c r="GZ418" s="91"/>
      <c r="HA418" s="91"/>
      <c r="HB418" s="91"/>
      <c r="HC418" s="91"/>
      <c r="HD418" s="91"/>
      <c r="HE418" s="91"/>
      <c r="HF418" s="91"/>
      <c r="HG418" s="91"/>
      <c r="HH418" s="91"/>
      <c r="HI418" s="91"/>
      <c r="HJ418" s="91"/>
      <c r="HK418" s="127"/>
      <c r="HL418" s="126"/>
      <c r="HM418" s="91"/>
      <c r="HN418" s="91"/>
      <c r="HO418" s="91"/>
      <c r="HP418" s="91"/>
      <c r="HQ418" s="91"/>
      <c r="HR418" s="91"/>
      <c r="HS418" s="91"/>
      <c r="HT418" s="91"/>
      <c r="HU418" s="91"/>
      <c r="HV418" s="91"/>
      <c r="HW418" s="91"/>
      <c r="HX418" s="91"/>
      <c r="HY418" s="91"/>
      <c r="HZ418" s="91"/>
      <c r="IA418" s="91"/>
      <c r="IB418" s="91"/>
      <c r="IC418" s="91"/>
      <c r="ID418" s="91"/>
      <c r="IE418" s="91"/>
      <c r="IF418" s="91"/>
      <c r="IG418" s="91"/>
      <c r="IH418" s="91"/>
      <c r="II418" s="91"/>
      <c r="IJ418" s="91"/>
      <c r="IK418" s="127"/>
    </row>
    <row r="419" spans="2:245" x14ac:dyDescent="0.2">
      <c r="B419" s="43"/>
      <c r="C419" s="73"/>
      <c r="D419" s="64"/>
      <c r="E419" s="64"/>
      <c r="F419" s="55"/>
      <c r="G419" s="102"/>
      <c r="H419" s="55"/>
      <c r="I419" s="55"/>
      <c r="J419" s="55"/>
      <c r="K419" s="55"/>
      <c r="L419" s="55"/>
      <c r="M419" s="55"/>
      <c r="N419" s="55"/>
      <c r="O419" s="55"/>
      <c r="P419" s="55"/>
      <c r="Q419" s="55"/>
      <c r="R419" s="55"/>
      <c r="S419" s="55"/>
      <c r="T419" s="55"/>
      <c r="U419" s="55"/>
      <c r="V419" s="55"/>
      <c r="W419" s="55"/>
      <c r="X419" s="55"/>
      <c r="Y419" s="55"/>
      <c r="Z419" s="55"/>
      <c r="AA419" s="55"/>
      <c r="AB419" s="55"/>
      <c r="AC419" s="55"/>
      <c r="AD419" s="55"/>
      <c r="AE419" s="55"/>
      <c r="AF419" s="55"/>
      <c r="AG419" s="55"/>
      <c r="AY419" s="162"/>
      <c r="AZ419" s="162"/>
      <c r="BA419" s="162"/>
      <c r="BB419" s="162"/>
      <c r="BC419" s="162"/>
      <c r="BD419" s="162"/>
      <c r="BE419" s="162"/>
      <c r="BF419" s="162"/>
      <c r="BG419" s="162"/>
      <c r="BH419" s="162"/>
      <c r="BI419" s="162"/>
      <c r="BJ419" s="162"/>
      <c r="BK419" s="162"/>
      <c r="BL419" s="162"/>
      <c r="BM419" s="162"/>
      <c r="BN419" s="162"/>
      <c r="BO419" s="162"/>
      <c r="BP419" s="162"/>
      <c r="BQ419" s="162"/>
      <c r="BR419" s="162"/>
      <c r="BS419" s="162"/>
      <c r="BT419" s="162"/>
      <c r="BU419" s="162"/>
      <c r="BV419" s="162"/>
      <c r="BW419" s="162"/>
      <c r="BX419" s="162"/>
      <c r="BY419" s="162"/>
      <c r="BZ419" s="162"/>
      <c r="CA419" s="162"/>
      <c r="CB419" s="162"/>
      <c r="CC419" s="162"/>
      <c r="CD419" s="162"/>
      <c r="CE419" s="162"/>
      <c r="CF419" s="162"/>
      <c r="CG419" s="162"/>
      <c r="CH419" s="162"/>
      <c r="CI419" s="162"/>
      <c r="CJ419" s="162"/>
      <c r="CK419" s="162"/>
      <c r="CX419" s="98"/>
      <c r="DL419" s="97"/>
      <c r="DX419" s="98"/>
      <c r="EL419" s="97"/>
      <c r="EX419" s="98"/>
      <c r="EY419" s="97"/>
      <c r="FL419" s="126"/>
      <c r="FM419" s="91"/>
      <c r="FN419" s="91"/>
      <c r="FO419" s="91"/>
      <c r="FP419" s="91"/>
      <c r="FQ419" s="91"/>
      <c r="FR419" s="91"/>
      <c r="FS419" s="91"/>
      <c r="FT419" s="91"/>
      <c r="FU419" s="91"/>
      <c r="FV419" s="91"/>
      <c r="FW419" s="91"/>
      <c r="FX419" s="91"/>
      <c r="FY419" s="91"/>
      <c r="FZ419" s="91"/>
      <c r="GA419" s="91"/>
      <c r="GB419" s="91"/>
      <c r="GC419" s="91"/>
      <c r="GD419" s="91"/>
      <c r="GE419" s="91"/>
      <c r="GF419" s="91"/>
      <c r="GG419" s="91"/>
      <c r="GH419" s="91"/>
      <c r="GI419" s="91"/>
      <c r="GJ419" s="91"/>
      <c r="GK419" s="127"/>
      <c r="GL419" s="126"/>
      <c r="GM419" s="91"/>
      <c r="GN419" s="91"/>
      <c r="GO419" s="91"/>
      <c r="GP419" s="91"/>
      <c r="GQ419" s="91"/>
      <c r="GR419" s="91"/>
      <c r="GS419" s="91"/>
      <c r="GT419" s="91"/>
      <c r="GU419" s="91"/>
      <c r="GV419" s="91"/>
      <c r="GW419" s="91"/>
      <c r="GX419" s="91"/>
      <c r="GY419" s="91"/>
      <c r="GZ419" s="91"/>
      <c r="HA419" s="91"/>
      <c r="HB419" s="91"/>
      <c r="HC419" s="91"/>
      <c r="HD419" s="91"/>
      <c r="HE419" s="91"/>
      <c r="HF419" s="91"/>
      <c r="HG419" s="91"/>
      <c r="HH419" s="91"/>
      <c r="HI419" s="91"/>
      <c r="HJ419" s="91"/>
      <c r="HK419" s="127"/>
      <c r="HL419" s="126"/>
      <c r="HM419" s="91"/>
      <c r="HN419" s="91"/>
      <c r="HO419" s="91"/>
      <c r="HP419" s="91"/>
      <c r="HQ419" s="91"/>
      <c r="HR419" s="91"/>
      <c r="HS419" s="91"/>
      <c r="HT419" s="91"/>
      <c r="HU419" s="91"/>
      <c r="HV419" s="91"/>
      <c r="HW419" s="91"/>
      <c r="HX419" s="91"/>
      <c r="HY419" s="91"/>
      <c r="HZ419" s="91"/>
      <c r="IA419" s="91"/>
      <c r="IB419" s="91"/>
      <c r="IC419" s="91"/>
      <c r="ID419" s="91"/>
      <c r="IE419" s="91"/>
      <c r="IF419" s="91"/>
      <c r="IG419" s="91"/>
      <c r="IH419" s="91"/>
      <c r="II419" s="91"/>
      <c r="IJ419" s="91"/>
      <c r="IK419" s="127"/>
    </row>
    <row r="420" spans="2:245" x14ac:dyDescent="0.2">
      <c r="B420" s="43"/>
      <c r="C420" s="73"/>
      <c r="D420" s="64"/>
      <c r="E420" s="64"/>
      <c r="F420" s="55"/>
      <c r="G420" s="102"/>
      <c r="H420" s="55"/>
      <c r="I420" s="55"/>
      <c r="J420" s="55"/>
      <c r="K420" s="55"/>
      <c r="L420" s="55"/>
      <c r="M420" s="55"/>
      <c r="N420" s="55"/>
      <c r="O420" s="55"/>
      <c r="P420" s="55"/>
      <c r="Q420" s="55"/>
      <c r="R420" s="55"/>
      <c r="S420" s="55"/>
      <c r="T420" s="55"/>
      <c r="U420" s="55"/>
      <c r="V420" s="55"/>
      <c r="W420" s="55"/>
      <c r="X420" s="55"/>
      <c r="Y420" s="55"/>
      <c r="Z420" s="55"/>
      <c r="AA420" s="55"/>
      <c r="AB420" s="55"/>
      <c r="AC420" s="55"/>
      <c r="AD420" s="55"/>
      <c r="AE420" s="55"/>
      <c r="AF420" s="55"/>
      <c r="AG420" s="55"/>
      <c r="AY420" s="162"/>
      <c r="AZ420" s="162"/>
      <c r="BA420" s="162"/>
      <c r="BB420" s="162"/>
      <c r="BC420" s="162"/>
      <c r="BD420" s="162"/>
      <c r="BE420" s="162"/>
      <c r="BF420" s="162"/>
      <c r="BG420" s="162"/>
      <c r="BH420" s="162"/>
      <c r="BI420" s="162"/>
      <c r="BJ420" s="162"/>
      <c r="BK420" s="162"/>
      <c r="BL420" s="162"/>
      <c r="BM420" s="162"/>
      <c r="BN420" s="162"/>
      <c r="BO420" s="162"/>
      <c r="BP420" s="162"/>
      <c r="BQ420" s="162"/>
      <c r="BR420" s="162"/>
      <c r="BS420" s="162"/>
      <c r="BT420" s="162"/>
      <c r="BU420" s="162"/>
      <c r="BV420" s="162"/>
      <c r="BW420" s="162"/>
      <c r="BX420" s="162"/>
      <c r="BY420" s="162"/>
      <c r="BZ420" s="162"/>
      <c r="CA420" s="162"/>
      <c r="CB420" s="162"/>
      <c r="CC420" s="162"/>
      <c r="CD420" s="162"/>
      <c r="CE420" s="162"/>
      <c r="CF420" s="162"/>
      <c r="CG420" s="162"/>
      <c r="CH420" s="162"/>
      <c r="CI420" s="162"/>
      <c r="CJ420" s="162"/>
      <c r="CK420" s="162"/>
      <c r="CX420" s="98"/>
      <c r="DL420" s="97"/>
      <c r="DX420" s="98"/>
      <c r="EL420" s="97"/>
      <c r="EX420" s="98"/>
      <c r="EY420" s="97"/>
      <c r="FL420" s="126"/>
      <c r="FM420" s="91"/>
      <c r="FN420" s="91"/>
      <c r="FO420" s="91"/>
      <c r="FP420" s="91"/>
      <c r="FQ420" s="91"/>
      <c r="FR420" s="91"/>
      <c r="FS420" s="91"/>
      <c r="FT420" s="91"/>
      <c r="FU420" s="91"/>
      <c r="FV420" s="91"/>
      <c r="FW420" s="91"/>
      <c r="FX420" s="91"/>
      <c r="FY420" s="91"/>
      <c r="FZ420" s="91"/>
      <c r="GA420" s="91"/>
      <c r="GB420" s="91"/>
      <c r="GC420" s="91"/>
      <c r="GD420" s="91"/>
      <c r="GE420" s="91"/>
      <c r="GF420" s="91"/>
      <c r="GG420" s="91"/>
      <c r="GH420" s="91"/>
      <c r="GI420" s="91"/>
      <c r="GJ420" s="91"/>
      <c r="GK420" s="127"/>
      <c r="GL420" s="126"/>
      <c r="GM420" s="91"/>
      <c r="GN420" s="91"/>
      <c r="GO420" s="91"/>
      <c r="GP420" s="91"/>
      <c r="GQ420" s="91"/>
      <c r="GR420" s="91"/>
      <c r="GS420" s="91"/>
      <c r="GT420" s="91"/>
      <c r="GU420" s="91"/>
      <c r="GV420" s="91"/>
      <c r="GW420" s="91"/>
      <c r="GX420" s="91"/>
      <c r="GY420" s="91"/>
      <c r="GZ420" s="91"/>
      <c r="HA420" s="91"/>
      <c r="HB420" s="91"/>
      <c r="HC420" s="91"/>
      <c r="HD420" s="91"/>
      <c r="HE420" s="91"/>
      <c r="HF420" s="91"/>
      <c r="HG420" s="91"/>
      <c r="HH420" s="91"/>
      <c r="HI420" s="91"/>
      <c r="HJ420" s="91"/>
      <c r="HK420" s="127"/>
      <c r="HL420" s="126"/>
      <c r="HM420" s="91"/>
      <c r="HN420" s="91"/>
      <c r="HO420" s="91"/>
      <c r="HP420" s="91"/>
      <c r="HQ420" s="91"/>
      <c r="HR420" s="91"/>
      <c r="HS420" s="91"/>
      <c r="HT420" s="91"/>
      <c r="HU420" s="91"/>
      <c r="HV420" s="91"/>
      <c r="HW420" s="91"/>
      <c r="HX420" s="91"/>
      <c r="HY420" s="91"/>
      <c r="HZ420" s="91"/>
      <c r="IA420" s="91"/>
      <c r="IB420" s="91"/>
      <c r="IC420" s="91"/>
      <c r="ID420" s="91"/>
      <c r="IE420" s="91"/>
      <c r="IF420" s="91"/>
      <c r="IG420" s="91"/>
      <c r="IH420" s="91"/>
      <c r="II420" s="91"/>
      <c r="IJ420" s="91"/>
      <c r="IK420" s="127"/>
    </row>
    <row r="421" spans="2:245" x14ac:dyDescent="0.2">
      <c r="B421" s="43"/>
      <c r="C421" s="73"/>
      <c r="D421" s="64"/>
      <c r="E421" s="64"/>
      <c r="F421" s="55"/>
      <c r="G421" s="102"/>
      <c r="H421" s="55"/>
      <c r="I421" s="55"/>
      <c r="J421" s="55"/>
      <c r="K421" s="55"/>
      <c r="L421" s="55"/>
      <c r="M421" s="55"/>
      <c r="N421" s="55"/>
      <c r="O421" s="55"/>
      <c r="P421" s="55"/>
      <c r="Q421" s="55"/>
      <c r="R421" s="55"/>
      <c r="S421" s="55"/>
      <c r="T421" s="55"/>
      <c r="U421" s="55"/>
      <c r="V421" s="55"/>
      <c r="W421" s="55"/>
      <c r="X421" s="55"/>
      <c r="Y421" s="55"/>
      <c r="Z421" s="55"/>
      <c r="AA421" s="55"/>
      <c r="AB421" s="55"/>
      <c r="AC421" s="55"/>
      <c r="AD421" s="55"/>
      <c r="AE421" s="55"/>
      <c r="AF421" s="55"/>
      <c r="AG421" s="55"/>
      <c r="AY421" s="162"/>
      <c r="AZ421" s="162"/>
      <c r="BA421" s="162"/>
      <c r="BB421" s="162"/>
      <c r="BC421" s="162"/>
      <c r="BD421" s="162"/>
      <c r="BE421" s="162"/>
      <c r="BF421" s="162"/>
      <c r="BG421" s="162"/>
      <c r="BH421" s="162"/>
      <c r="BI421" s="162"/>
      <c r="BJ421" s="162"/>
      <c r="BK421" s="162"/>
      <c r="BL421" s="162"/>
      <c r="BM421" s="162"/>
      <c r="BN421" s="162"/>
      <c r="BO421" s="162"/>
      <c r="BP421" s="162"/>
      <c r="BQ421" s="162"/>
      <c r="BR421" s="162"/>
      <c r="BS421" s="162"/>
      <c r="BT421" s="162"/>
      <c r="BU421" s="162"/>
      <c r="BV421" s="162"/>
      <c r="BW421" s="162"/>
      <c r="BX421" s="162"/>
      <c r="BY421" s="162"/>
      <c r="BZ421" s="162"/>
      <c r="CA421" s="162"/>
      <c r="CB421" s="162"/>
      <c r="CC421" s="162"/>
      <c r="CD421" s="162"/>
      <c r="CE421" s="162"/>
      <c r="CF421" s="162"/>
      <c r="CG421" s="162"/>
      <c r="CH421" s="162"/>
      <c r="CI421" s="162"/>
      <c r="CJ421" s="162"/>
      <c r="CK421" s="162"/>
      <c r="CX421" s="98"/>
      <c r="DL421" s="97"/>
      <c r="DX421" s="98"/>
      <c r="EL421" s="97"/>
      <c r="EX421" s="98"/>
      <c r="EY421" s="97"/>
      <c r="FL421" s="126"/>
      <c r="FM421" s="91"/>
      <c r="FN421" s="91"/>
      <c r="FO421" s="91"/>
      <c r="FP421" s="91"/>
      <c r="FQ421" s="91"/>
      <c r="FR421" s="91"/>
      <c r="FS421" s="91"/>
      <c r="FT421" s="91"/>
      <c r="FU421" s="91"/>
      <c r="FV421" s="91"/>
      <c r="FW421" s="91"/>
      <c r="FX421" s="91"/>
      <c r="FY421" s="91"/>
      <c r="FZ421" s="91"/>
      <c r="GA421" s="91"/>
      <c r="GB421" s="91"/>
      <c r="GC421" s="91"/>
      <c r="GD421" s="91"/>
      <c r="GE421" s="91"/>
      <c r="GF421" s="91"/>
      <c r="GG421" s="91"/>
      <c r="GH421" s="91"/>
      <c r="GI421" s="91"/>
      <c r="GJ421" s="91"/>
      <c r="GK421" s="127"/>
      <c r="GL421" s="126"/>
      <c r="GM421" s="91"/>
      <c r="GN421" s="91"/>
      <c r="GO421" s="91"/>
      <c r="GP421" s="91"/>
      <c r="GQ421" s="91"/>
      <c r="GR421" s="91"/>
      <c r="GS421" s="91"/>
      <c r="GT421" s="91"/>
      <c r="GU421" s="91"/>
      <c r="GV421" s="91"/>
      <c r="GW421" s="91"/>
      <c r="GX421" s="91"/>
      <c r="GY421" s="91"/>
      <c r="GZ421" s="91"/>
      <c r="HA421" s="91"/>
      <c r="HB421" s="91"/>
      <c r="HC421" s="91"/>
      <c r="HD421" s="91"/>
      <c r="HE421" s="91"/>
      <c r="HF421" s="91"/>
      <c r="HG421" s="91"/>
      <c r="HH421" s="91"/>
      <c r="HI421" s="91"/>
      <c r="HJ421" s="91"/>
      <c r="HK421" s="127"/>
      <c r="HL421" s="126"/>
      <c r="HM421" s="91"/>
      <c r="HN421" s="91"/>
      <c r="HO421" s="91"/>
      <c r="HP421" s="91"/>
      <c r="HQ421" s="91"/>
      <c r="HR421" s="91"/>
      <c r="HS421" s="91"/>
      <c r="HT421" s="91"/>
      <c r="HU421" s="91"/>
      <c r="HV421" s="91"/>
      <c r="HW421" s="91"/>
      <c r="HX421" s="91"/>
      <c r="HY421" s="91"/>
      <c r="HZ421" s="91"/>
      <c r="IA421" s="91"/>
      <c r="IB421" s="91"/>
      <c r="IC421" s="91"/>
      <c r="ID421" s="91"/>
      <c r="IE421" s="91"/>
      <c r="IF421" s="91"/>
      <c r="IG421" s="91"/>
      <c r="IH421" s="91"/>
      <c r="II421" s="91"/>
      <c r="IJ421" s="91"/>
      <c r="IK421" s="127"/>
    </row>
    <row r="422" spans="2:245" x14ac:dyDescent="0.2">
      <c r="B422" s="43"/>
      <c r="C422" s="73"/>
      <c r="D422" s="64"/>
      <c r="E422" s="64"/>
      <c r="F422" s="55"/>
      <c r="G422" s="102"/>
      <c r="H422" s="55"/>
      <c r="I422" s="55"/>
      <c r="J422" s="55"/>
      <c r="K422" s="55"/>
      <c r="L422" s="55"/>
      <c r="M422" s="55"/>
      <c r="N422" s="55"/>
      <c r="O422" s="55"/>
      <c r="P422" s="55"/>
      <c r="Q422" s="55"/>
      <c r="R422" s="55"/>
      <c r="S422" s="55"/>
      <c r="T422" s="55"/>
      <c r="U422" s="55"/>
      <c r="V422" s="55"/>
      <c r="W422" s="55"/>
      <c r="X422" s="55"/>
      <c r="Y422" s="55"/>
      <c r="Z422" s="55"/>
      <c r="AA422" s="55"/>
      <c r="AB422" s="55"/>
      <c r="AC422" s="55"/>
      <c r="AD422" s="55"/>
      <c r="AE422" s="55"/>
      <c r="AF422" s="55"/>
      <c r="AG422" s="55"/>
      <c r="AY422" s="162"/>
      <c r="AZ422" s="162"/>
      <c r="BA422" s="162"/>
      <c r="BB422" s="162"/>
      <c r="BC422" s="162"/>
      <c r="BD422" s="162"/>
      <c r="BE422" s="162"/>
      <c r="BF422" s="162"/>
      <c r="BG422" s="162"/>
      <c r="BH422" s="162"/>
      <c r="BI422" s="162"/>
      <c r="BJ422" s="162"/>
      <c r="BK422" s="162"/>
      <c r="BL422" s="162"/>
      <c r="BM422" s="162"/>
      <c r="BN422" s="162"/>
      <c r="BO422" s="162"/>
      <c r="BP422" s="162"/>
      <c r="BQ422" s="162"/>
      <c r="BR422" s="162"/>
      <c r="BS422" s="162"/>
      <c r="BT422" s="162"/>
      <c r="BU422" s="162"/>
      <c r="BV422" s="162"/>
      <c r="BW422" s="162"/>
      <c r="BX422" s="162"/>
      <c r="BY422" s="162"/>
      <c r="BZ422" s="162"/>
      <c r="CA422" s="162"/>
      <c r="CB422" s="162"/>
      <c r="CC422" s="162"/>
      <c r="CD422" s="162"/>
      <c r="CE422" s="162"/>
      <c r="CF422" s="162"/>
      <c r="CG422" s="162"/>
      <c r="CH422" s="162"/>
      <c r="CI422" s="162"/>
      <c r="CJ422" s="162"/>
      <c r="CK422" s="162"/>
      <c r="CX422" s="98"/>
      <c r="DL422" s="97"/>
      <c r="DX422" s="98"/>
      <c r="EL422" s="97"/>
      <c r="EX422" s="98"/>
      <c r="EY422" s="97"/>
      <c r="FL422" s="126"/>
      <c r="FM422" s="91"/>
      <c r="FN422" s="91"/>
      <c r="FO422" s="91"/>
      <c r="FP422" s="91"/>
      <c r="FQ422" s="91"/>
      <c r="FR422" s="91"/>
      <c r="FS422" s="91"/>
      <c r="FT422" s="91"/>
      <c r="FU422" s="91"/>
      <c r="FV422" s="91"/>
      <c r="FW422" s="91"/>
      <c r="FX422" s="91"/>
      <c r="FY422" s="91"/>
      <c r="FZ422" s="91"/>
      <c r="GA422" s="91"/>
      <c r="GB422" s="91"/>
      <c r="GC422" s="91"/>
      <c r="GD422" s="91"/>
      <c r="GE422" s="91"/>
      <c r="GF422" s="91"/>
      <c r="GG422" s="91"/>
      <c r="GH422" s="91"/>
      <c r="GI422" s="91"/>
      <c r="GJ422" s="91"/>
      <c r="GK422" s="127"/>
      <c r="GL422" s="126"/>
      <c r="GM422" s="91"/>
      <c r="GN422" s="91"/>
      <c r="GO422" s="91"/>
      <c r="GP422" s="91"/>
      <c r="GQ422" s="91"/>
      <c r="GR422" s="91"/>
      <c r="GS422" s="91"/>
      <c r="GT422" s="91"/>
      <c r="GU422" s="91"/>
      <c r="GV422" s="91"/>
      <c r="GW422" s="91"/>
      <c r="GX422" s="91"/>
      <c r="GY422" s="91"/>
      <c r="GZ422" s="91"/>
      <c r="HA422" s="91"/>
      <c r="HB422" s="91"/>
      <c r="HC422" s="91"/>
      <c r="HD422" s="91"/>
      <c r="HE422" s="91"/>
      <c r="HF422" s="91"/>
      <c r="HG422" s="91"/>
      <c r="HH422" s="91"/>
      <c r="HI422" s="91"/>
      <c r="HJ422" s="91"/>
      <c r="HK422" s="127"/>
      <c r="HL422" s="126"/>
      <c r="HM422" s="91"/>
      <c r="HN422" s="91"/>
      <c r="HO422" s="91"/>
      <c r="HP422" s="91"/>
      <c r="HQ422" s="91"/>
      <c r="HR422" s="91"/>
      <c r="HS422" s="91"/>
      <c r="HT422" s="91"/>
      <c r="HU422" s="91"/>
      <c r="HV422" s="91"/>
      <c r="HW422" s="91"/>
      <c r="HX422" s="91"/>
      <c r="HY422" s="91"/>
      <c r="HZ422" s="91"/>
      <c r="IA422" s="91"/>
      <c r="IB422" s="91"/>
      <c r="IC422" s="91"/>
      <c r="ID422" s="91"/>
      <c r="IE422" s="91"/>
      <c r="IF422" s="91"/>
      <c r="IG422" s="91"/>
      <c r="IH422" s="91"/>
      <c r="II422" s="91"/>
      <c r="IJ422" s="91"/>
      <c r="IK422" s="127"/>
    </row>
    <row r="423" spans="2:245" x14ac:dyDescent="0.2">
      <c r="B423" s="43"/>
      <c r="C423" s="73"/>
      <c r="D423" s="64"/>
      <c r="E423" s="64"/>
      <c r="F423" s="55"/>
      <c r="G423" s="102"/>
      <c r="H423" s="55"/>
      <c r="I423" s="55"/>
      <c r="J423" s="55"/>
      <c r="K423" s="55"/>
      <c r="L423" s="55"/>
      <c r="M423" s="55"/>
      <c r="N423" s="55"/>
      <c r="O423" s="55"/>
      <c r="P423" s="55"/>
      <c r="Q423" s="55"/>
      <c r="R423" s="55"/>
      <c r="S423" s="55"/>
      <c r="T423" s="55"/>
      <c r="U423" s="55"/>
      <c r="V423" s="55"/>
      <c r="W423" s="55"/>
      <c r="X423" s="55"/>
      <c r="Y423" s="55"/>
      <c r="Z423" s="55"/>
      <c r="AA423" s="55"/>
      <c r="AB423" s="55"/>
      <c r="AC423" s="55"/>
      <c r="AD423" s="55"/>
      <c r="AE423" s="55"/>
      <c r="AF423" s="55"/>
      <c r="AG423" s="55"/>
      <c r="AY423" s="162"/>
      <c r="AZ423" s="162"/>
      <c r="BA423" s="162"/>
      <c r="BB423" s="162"/>
      <c r="BC423" s="162"/>
      <c r="BD423" s="162"/>
      <c r="BE423" s="162"/>
      <c r="BF423" s="162"/>
      <c r="BG423" s="162"/>
      <c r="BH423" s="162"/>
      <c r="BI423" s="162"/>
      <c r="BJ423" s="162"/>
      <c r="BK423" s="162"/>
      <c r="BL423" s="162"/>
      <c r="BM423" s="162"/>
      <c r="BN423" s="162"/>
      <c r="BO423" s="162"/>
      <c r="BP423" s="162"/>
      <c r="BQ423" s="162"/>
      <c r="BR423" s="162"/>
      <c r="BS423" s="162"/>
      <c r="BT423" s="162"/>
      <c r="BU423" s="162"/>
      <c r="BV423" s="162"/>
      <c r="BW423" s="162"/>
      <c r="BX423" s="162"/>
      <c r="BY423" s="162"/>
      <c r="BZ423" s="162"/>
      <c r="CA423" s="162"/>
      <c r="CB423" s="162"/>
      <c r="CC423" s="162"/>
      <c r="CD423" s="162"/>
      <c r="CE423" s="162"/>
      <c r="CF423" s="162"/>
      <c r="CG423" s="162"/>
      <c r="CH423" s="162"/>
      <c r="CI423" s="162"/>
      <c r="CJ423" s="162"/>
      <c r="CK423" s="162"/>
      <c r="CX423" s="98"/>
      <c r="DL423" s="97"/>
      <c r="DX423" s="98"/>
      <c r="EL423" s="97"/>
      <c r="EX423" s="98"/>
      <c r="EY423" s="97"/>
      <c r="FL423" s="126"/>
      <c r="FM423" s="91"/>
      <c r="FN423" s="91"/>
      <c r="FO423" s="91"/>
      <c r="FP423" s="91"/>
      <c r="FQ423" s="91"/>
      <c r="FR423" s="91"/>
      <c r="FS423" s="91"/>
      <c r="FT423" s="91"/>
      <c r="FU423" s="91"/>
      <c r="FV423" s="91"/>
      <c r="FW423" s="91"/>
      <c r="FX423" s="91"/>
      <c r="FY423" s="91"/>
      <c r="FZ423" s="91"/>
      <c r="GA423" s="91"/>
      <c r="GB423" s="91"/>
      <c r="GC423" s="91"/>
      <c r="GD423" s="91"/>
      <c r="GE423" s="91"/>
      <c r="GF423" s="91"/>
      <c r="GG423" s="91"/>
      <c r="GH423" s="91"/>
      <c r="GI423" s="91"/>
      <c r="GJ423" s="91"/>
      <c r="GK423" s="127"/>
      <c r="GL423" s="126"/>
      <c r="GM423" s="91"/>
      <c r="GN423" s="91"/>
      <c r="GO423" s="91"/>
      <c r="GP423" s="91"/>
      <c r="GQ423" s="91"/>
      <c r="GR423" s="91"/>
      <c r="GS423" s="91"/>
      <c r="GT423" s="91"/>
      <c r="GU423" s="91"/>
      <c r="GV423" s="91"/>
      <c r="GW423" s="91"/>
      <c r="GX423" s="91"/>
      <c r="GY423" s="91"/>
      <c r="GZ423" s="91"/>
      <c r="HA423" s="91"/>
      <c r="HB423" s="91"/>
      <c r="HC423" s="91"/>
      <c r="HD423" s="91"/>
      <c r="HE423" s="91"/>
      <c r="HF423" s="91"/>
      <c r="HG423" s="91"/>
      <c r="HH423" s="91"/>
      <c r="HI423" s="91"/>
      <c r="HJ423" s="91"/>
      <c r="HK423" s="127"/>
      <c r="HL423" s="126"/>
      <c r="HM423" s="91"/>
      <c r="HN423" s="91"/>
      <c r="HO423" s="91"/>
      <c r="HP423" s="91"/>
      <c r="HQ423" s="91"/>
      <c r="HR423" s="91"/>
      <c r="HS423" s="91"/>
      <c r="HT423" s="91"/>
      <c r="HU423" s="91"/>
      <c r="HV423" s="91"/>
      <c r="HW423" s="91"/>
      <c r="HX423" s="91"/>
      <c r="HY423" s="91"/>
      <c r="HZ423" s="91"/>
      <c r="IA423" s="91"/>
      <c r="IB423" s="91"/>
      <c r="IC423" s="91"/>
      <c r="ID423" s="91"/>
      <c r="IE423" s="91"/>
      <c r="IF423" s="91"/>
      <c r="IG423" s="91"/>
      <c r="IH423" s="91"/>
      <c r="II423" s="91"/>
      <c r="IJ423" s="91"/>
      <c r="IK423" s="127"/>
    </row>
    <row r="424" spans="2:245" x14ac:dyDescent="0.2">
      <c r="B424" s="43"/>
      <c r="C424" s="73"/>
      <c r="D424" s="64"/>
      <c r="E424" s="64"/>
      <c r="F424" s="55"/>
      <c r="G424" s="102"/>
      <c r="H424" s="55"/>
      <c r="I424" s="55"/>
      <c r="J424" s="55"/>
      <c r="K424" s="55"/>
      <c r="L424" s="55"/>
      <c r="M424" s="55"/>
      <c r="N424" s="55"/>
      <c r="O424" s="55"/>
      <c r="P424" s="55"/>
      <c r="Q424" s="55"/>
      <c r="R424" s="55"/>
      <c r="S424" s="55"/>
      <c r="T424" s="55"/>
      <c r="U424" s="55"/>
      <c r="V424" s="55"/>
      <c r="W424" s="55"/>
      <c r="X424" s="55"/>
      <c r="Y424" s="55"/>
      <c r="Z424" s="55"/>
      <c r="AA424" s="55"/>
      <c r="AB424" s="55"/>
      <c r="AC424" s="55"/>
      <c r="AD424" s="55"/>
      <c r="AE424" s="55"/>
      <c r="AF424" s="55"/>
      <c r="AG424" s="55"/>
      <c r="AY424" s="162"/>
      <c r="AZ424" s="162"/>
      <c r="BA424" s="162"/>
      <c r="BB424" s="162"/>
      <c r="BC424" s="162"/>
      <c r="BD424" s="162"/>
      <c r="BE424" s="162"/>
      <c r="BF424" s="162"/>
      <c r="BG424" s="162"/>
      <c r="BH424" s="162"/>
      <c r="BI424" s="162"/>
      <c r="BJ424" s="162"/>
      <c r="BK424" s="162"/>
      <c r="BL424" s="162"/>
      <c r="BM424" s="162"/>
      <c r="BN424" s="162"/>
      <c r="BO424" s="162"/>
      <c r="BP424" s="162"/>
      <c r="BQ424" s="162"/>
      <c r="BR424" s="162"/>
      <c r="BS424" s="162"/>
      <c r="BT424" s="162"/>
      <c r="BU424" s="162"/>
      <c r="BV424" s="162"/>
      <c r="BW424" s="162"/>
      <c r="BX424" s="162"/>
      <c r="BY424" s="162"/>
      <c r="BZ424" s="162"/>
      <c r="CA424" s="162"/>
      <c r="CB424" s="162"/>
      <c r="CC424" s="162"/>
      <c r="CD424" s="162"/>
      <c r="CE424" s="162"/>
      <c r="CF424" s="162"/>
      <c r="CG424" s="162"/>
      <c r="CH424" s="162"/>
      <c r="CI424" s="162"/>
      <c r="CJ424" s="162"/>
      <c r="CK424" s="162"/>
      <c r="CX424" s="98"/>
      <c r="DL424" s="97"/>
      <c r="DX424" s="98"/>
      <c r="EL424" s="97"/>
      <c r="EX424" s="98"/>
      <c r="EY424" s="97"/>
      <c r="FL424" s="126"/>
      <c r="FM424" s="91"/>
      <c r="FN424" s="91"/>
      <c r="FO424" s="91"/>
      <c r="FP424" s="91"/>
      <c r="FQ424" s="91"/>
      <c r="FR424" s="91"/>
      <c r="FS424" s="91"/>
      <c r="FT424" s="91"/>
      <c r="FU424" s="91"/>
      <c r="FV424" s="91"/>
      <c r="FW424" s="91"/>
      <c r="FX424" s="91"/>
      <c r="FY424" s="91"/>
      <c r="FZ424" s="91"/>
      <c r="GA424" s="91"/>
      <c r="GB424" s="91"/>
      <c r="GC424" s="91"/>
      <c r="GD424" s="91"/>
      <c r="GE424" s="91"/>
      <c r="GF424" s="91"/>
      <c r="GG424" s="91"/>
      <c r="GH424" s="91"/>
      <c r="GI424" s="91"/>
      <c r="GJ424" s="91"/>
      <c r="GK424" s="127"/>
      <c r="GL424" s="126"/>
      <c r="GM424" s="91"/>
      <c r="GN424" s="91"/>
      <c r="GO424" s="91"/>
      <c r="GP424" s="91"/>
      <c r="GQ424" s="91"/>
      <c r="GR424" s="91"/>
      <c r="GS424" s="91"/>
      <c r="GT424" s="91"/>
      <c r="GU424" s="91"/>
      <c r="GV424" s="91"/>
      <c r="GW424" s="91"/>
      <c r="GX424" s="91"/>
      <c r="GY424" s="91"/>
      <c r="GZ424" s="91"/>
      <c r="HA424" s="91"/>
      <c r="HB424" s="91"/>
      <c r="HC424" s="91"/>
      <c r="HD424" s="91"/>
      <c r="HE424" s="91"/>
      <c r="HF424" s="91"/>
      <c r="HG424" s="91"/>
      <c r="HH424" s="91"/>
      <c r="HI424" s="91"/>
      <c r="HJ424" s="91"/>
      <c r="HK424" s="127"/>
      <c r="HL424" s="126"/>
      <c r="HM424" s="91"/>
      <c r="HN424" s="91"/>
      <c r="HO424" s="91"/>
      <c r="HP424" s="91"/>
      <c r="HQ424" s="91"/>
      <c r="HR424" s="91"/>
      <c r="HS424" s="91"/>
      <c r="HT424" s="91"/>
      <c r="HU424" s="91"/>
      <c r="HV424" s="91"/>
      <c r="HW424" s="91"/>
      <c r="HX424" s="91"/>
      <c r="HY424" s="91"/>
      <c r="HZ424" s="91"/>
      <c r="IA424" s="91"/>
      <c r="IB424" s="91"/>
      <c r="IC424" s="91"/>
      <c r="ID424" s="91"/>
      <c r="IE424" s="91"/>
      <c r="IF424" s="91"/>
      <c r="IG424" s="91"/>
      <c r="IH424" s="91"/>
      <c r="II424" s="91"/>
      <c r="IJ424" s="91"/>
      <c r="IK424" s="127"/>
    </row>
    <row r="425" spans="2:245" x14ac:dyDescent="0.2">
      <c r="B425" s="43"/>
      <c r="C425" s="73"/>
      <c r="D425" s="64"/>
      <c r="E425" s="64"/>
      <c r="F425" s="55"/>
      <c r="G425" s="102"/>
      <c r="H425" s="55"/>
      <c r="I425" s="55"/>
      <c r="J425" s="55"/>
      <c r="K425" s="55"/>
      <c r="L425" s="55"/>
      <c r="M425" s="55"/>
      <c r="N425" s="55"/>
      <c r="O425" s="55"/>
      <c r="P425" s="55"/>
      <c r="Q425" s="55"/>
      <c r="R425" s="55"/>
      <c r="S425" s="55"/>
      <c r="T425" s="55"/>
      <c r="U425" s="55"/>
      <c r="V425" s="55"/>
      <c r="W425" s="55"/>
      <c r="X425" s="55"/>
      <c r="Y425" s="55"/>
      <c r="Z425" s="55"/>
      <c r="AA425" s="55"/>
      <c r="AB425" s="55"/>
      <c r="AC425" s="55"/>
      <c r="AD425" s="55"/>
      <c r="AE425" s="55"/>
      <c r="AF425" s="55"/>
      <c r="AG425" s="55"/>
      <c r="AY425" s="162"/>
      <c r="AZ425" s="162"/>
      <c r="BA425" s="162"/>
      <c r="BB425" s="162"/>
      <c r="BC425" s="162"/>
      <c r="BD425" s="162"/>
      <c r="BE425" s="162"/>
      <c r="BF425" s="162"/>
      <c r="BG425" s="162"/>
      <c r="BH425" s="162"/>
      <c r="BI425" s="162"/>
      <c r="BJ425" s="162"/>
      <c r="BK425" s="162"/>
      <c r="BL425" s="162"/>
      <c r="BM425" s="162"/>
      <c r="BN425" s="162"/>
      <c r="BO425" s="162"/>
      <c r="BP425" s="162"/>
      <c r="BQ425" s="162"/>
      <c r="BR425" s="162"/>
      <c r="BS425" s="162"/>
      <c r="BT425" s="162"/>
      <c r="BU425" s="162"/>
      <c r="BV425" s="162"/>
      <c r="BW425" s="162"/>
      <c r="BX425" s="162"/>
      <c r="BY425" s="162"/>
      <c r="BZ425" s="162"/>
      <c r="CA425" s="162"/>
      <c r="CB425" s="162"/>
      <c r="CC425" s="162"/>
      <c r="CD425" s="162"/>
      <c r="CE425" s="162"/>
      <c r="CF425" s="162"/>
      <c r="CG425" s="162"/>
      <c r="CH425" s="162"/>
      <c r="CI425" s="162"/>
      <c r="CJ425" s="162"/>
      <c r="CK425" s="162"/>
      <c r="CX425" s="98"/>
      <c r="DL425" s="97"/>
      <c r="DX425" s="98"/>
      <c r="EL425" s="97"/>
      <c r="EX425" s="98"/>
      <c r="EY425" s="97"/>
      <c r="FL425" s="126"/>
      <c r="FM425" s="91"/>
      <c r="FN425" s="91"/>
      <c r="FO425" s="91"/>
      <c r="FP425" s="91"/>
      <c r="FQ425" s="91"/>
      <c r="FR425" s="91"/>
      <c r="FS425" s="91"/>
      <c r="FT425" s="91"/>
      <c r="FU425" s="91"/>
      <c r="FV425" s="91"/>
      <c r="FW425" s="91"/>
      <c r="FX425" s="91"/>
      <c r="FY425" s="91"/>
      <c r="FZ425" s="91"/>
      <c r="GA425" s="91"/>
      <c r="GB425" s="91"/>
      <c r="GC425" s="91"/>
      <c r="GD425" s="91"/>
      <c r="GE425" s="91"/>
      <c r="GF425" s="91"/>
      <c r="GG425" s="91"/>
      <c r="GH425" s="91"/>
      <c r="GI425" s="91"/>
      <c r="GJ425" s="91"/>
      <c r="GK425" s="127"/>
      <c r="GL425" s="126"/>
      <c r="GM425" s="91"/>
      <c r="GN425" s="91"/>
      <c r="GO425" s="91"/>
      <c r="GP425" s="91"/>
      <c r="GQ425" s="91"/>
      <c r="GR425" s="91"/>
      <c r="GS425" s="91"/>
      <c r="GT425" s="91"/>
      <c r="GU425" s="91"/>
      <c r="GV425" s="91"/>
      <c r="GW425" s="91"/>
      <c r="GX425" s="91"/>
      <c r="GY425" s="91"/>
      <c r="GZ425" s="91"/>
      <c r="HA425" s="91"/>
      <c r="HB425" s="91"/>
      <c r="HC425" s="91"/>
      <c r="HD425" s="91"/>
      <c r="HE425" s="91"/>
      <c r="HF425" s="91"/>
      <c r="HG425" s="91"/>
      <c r="HH425" s="91"/>
      <c r="HI425" s="91"/>
      <c r="HJ425" s="91"/>
      <c r="HK425" s="127"/>
      <c r="HL425" s="126"/>
      <c r="HM425" s="91"/>
      <c r="HN425" s="91"/>
      <c r="HO425" s="91"/>
      <c r="HP425" s="91"/>
      <c r="HQ425" s="91"/>
      <c r="HR425" s="91"/>
      <c r="HS425" s="91"/>
      <c r="HT425" s="91"/>
      <c r="HU425" s="91"/>
      <c r="HV425" s="91"/>
      <c r="HW425" s="91"/>
      <c r="HX425" s="91"/>
      <c r="HY425" s="91"/>
      <c r="HZ425" s="91"/>
      <c r="IA425" s="91"/>
      <c r="IB425" s="91"/>
      <c r="IC425" s="91"/>
      <c r="ID425" s="91"/>
      <c r="IE425" s="91"/>
      <c r="IF425" s="91"/>
      <c r="IG425" s="91"/>
      <c r="IH425" s="91"/>
      <c r="II425" s="91"/>
      <c r="IJ425" s="91"/>
      <c r="IK425" s="127"/>
    </row>
    <row r="426" spans="2:245" x14ac:dyDescent="0.2">
      <c r="B426" s="43"/>
      <c r="C426" s="73"/>
      <c r="D426" s="64"/>
      <c r="E426" s="64"/>
      <c r="F426" s="55"/>
      <c r="G426" s="102"/>
      <c r="H426" s="55"/>
      <c r="I426" s="55"/>
      <c r="J426" s="55"/>
      <c r="K426" s="55"/>
      <c r="L426" s="55"/>
      <c r="M426" s="55"/>
      <c r="N426" s="55"/>
      <c r="O426" s="55"/>
      <c r="P426" s="55"/>
      <c r="Q426" s="55"/>
      <c r="R426" s="55"/>
      <c r="S426" s="55"/>
      <c r="T426" s="55"/>
      <c r="U426" s="55"/>
      <c r="V426" s="55"/>
      <c r="W426" s="55"/>
      <c r="X426" s="55"/>
      <c r="Y426" s="55"/>
      <c r="Z426" s="55"/>
      <c r="AA426" s="55"/>
      <c r="AB426" s="55"/>
      <c r="AC426" s="55"/>
      <c r="AD426" s="55"/>
      <c r="AE426" s="55"/>
      <c r="AF426" s="55"/>
      <c r="AG426" s="55"/>
      <c r="AY426" s="162"/>
      <c r="AZ426" s="162"/>
      <c r="BA426" s="162"/>
      <c r="BB426" s="162"/>
      <c r="BC426" s="162"/>
      <c r="BD426" s="162"/>
      <c r="BE426" s="162"/>
      <c r="BF426" s="162"/>
      <c r="BG426" s="162"/>
      <c r="BH426" s="162"/>
      <c r="BI426" s="162"/>
      <c r="BJ426" s="162"/>
      <c r="BK426" s="162"/>
      <c r="BL426" s="162"/>
      <c r="BM426" s="162"/>
      <c r="BN426" s="162"/>
      <c r="BO426" s="162"/>
      <c r="BP426" s="162"/>
      <c r="BQ426" s="162"/>
      <c r="BR426" s="162"/>
      <c r="BS426" s="162"/>
      <c r="BT426" s="162"/>
      <c r="BU426" s="162"/>
      <c r="BV426" s="162"/>
      <c r="BW426" s="162"/>
      <c r="BX426" s="162"/>
      <c r="BY426" s="162"/>
      <c r="BZ426" s="162"/>
      <c r="CA426" s="162"/>
      <c r="CB426" s="162"/>
      <c r="CC426" s="162"/>
      <c r="CD426" s="162"/>
      <c r="CE426" s="162"/>
      <c r="CF426" s="162"/>
      <c r="CG426" s="162"/>
      <c r="CH426" s="162"/>
      <c r="CI426" s="162"/>
      <c r="CJ426" s="162"/>
      <c r="CK426" s="162"/>
      <c r="CX426" s="98"/>
      <c r="DL426" s="97"/>
      <c r="DX426" s="98"/>
      <c r="EL426" s="97"/>
      <c r="EX426" s="98"/>
      <c r="EY426" s="97"/>
      <c r="FL426" s="126"/>
      <c r="FM426" s="91"/>
      <c r="FN426" s="91"/>
      <c r="FO426" s="91"/>
      <c r="FP426" s="91"/>
      <c r="FQ426" s="91"/>
      <c r="FR426" s="91"/>
      <c r="FS426" s="91"/>
      <c r="FT426" s="91"/>
      <c r="FU426" s="91"/>
      <c r="FV426" s="91"/>
      <c r="FW426" s="91"/>
      <c r="FX426" s="91"/>
      <c r="FY426" s="91"/>
      <c r="FZ426" s="91"/>
      <c r="GA426" s="91"/>
      <c r="GB426" s="91"/>
      <c r="GC426" s="91"/>
      <c r="GD426" s="91"/>
      <c r="GE426" s="91"/>
      <c r="GF426" s="91"/>
      <c r="GG426" s="91"/>
      <c r="GH426" s="91"/>
      <c r="GI426" s="91"/>
      <c r="GJ426" s="91"/>
      <c r="GK426" s="127"/>
      <c r="GL426" s="126"/>
      <c r="GM426" s="91"/>
      <c r="GN426" s="91"/>
      <c r="GO426" s="91"/>
      <c r="GP426" s="91"/>
      <c r="GQ426" s="91"/>
      <c r="GR426" s="91"/>
      <c r="GS426" s="91"/>
      <c r="GT426" s="91"/>
      <c r="GU426" s="91"/>
      <c r="GV426" s="91"/>
      <c r="GW426" s="91"/>
      <c r="GX426" s="91"/>
      <c r="GY426" s="91"/>
      <c r="GZ426" s="91"/>
      <c r="HA426" s="91"/>
      <c r="HB426" s="91"/>
      <c r="HC426" s="91"/>
      <c r="HD426" s="91"/>
      <c r="HE426" s="91"/>
      <c r="HF426" s="91"/>
      <c r="HG426" s="91"/>
      <c r="HH426" s="91"/>
      <c r="HI426" s="91"/>
      <c r="HJ426" s="91"/>
      <c r="HK426" s="127"/>
      <c r="HL426" s="126"/>
      <c r="HM426" s="91"/>
      <c r="HN426" s="91"/>
      <c r="HO426" s="91"/>
      <c r="HP426" s="91"/>
      <c r="HQ426" s="91"/>
      <c r="HR426" s="91"/>
      <c r="HS426" s="91"/>
      <c r="HT426" s="91"/>
      <c r="HU426" s="91"/>
      <c r="HV426" s="91"/>
      <c r="HW426" s="91"/>
      <c r="HX426" s="91"/>
      <c r="HY426" s="91"/>
      <c r="HZ426" s="91"/>
      <c r="IA426" s="91"/>
      <c r="IB426" s="91"/>
      <c r="IC426" s="91"/>
      <c r="ID426" s="91"/>
      <c r="IE426" s="91"/>
      <c r="IF426" s="91"/>
      <c r="IG426" s="91"/>
      <c r="IH426" s="91"/>
      <c r="II426" s="91"/>
      <c r="IJ426" s="91"/>
      <c r="IK426" s="127"/>
    </row>
    <row r="427" spans="2:245" x14ac:dyDescent="0.2">
      <c r="B427" s="43"/>
      <c r="C427" s="73"/>
      <c r="D427" s="64"/>
      <c r="E427" s="64"/>
      <c r="F427" s="55"/>
      <c r="G427" s="102"/>
      <c r="H427" s="55"/>
      <c r="I427" s="55"/>
      <c r="J427" s="55"/>
      <c r="K427" s="55"/>
      <c r="L427" s="55"/>
      <c r="M427" s="55"/>
      <c r="N427" s="55"/>
      <c r="O427" s="55"/>
      <c r="P427" s="55"/>
      <c r="Q427" s="55"/>
      <c r="R427" s="55"/>
      <c r="S427" s="55"/>
      <c r="T427" s="55"/>
      <c r="U427" s="55"/>
      <c r="V427" s="55"/>
      <c r="W427" s="55"/>
      <c r="X427" s="55"/>
      <c r="Y427" s="55"/>
      <c r="Z427" s="55"/>
      <c r="AA427" s="55"/>
      <c r="AB427" s="55"/>
      <c r="AC427" s="55"/>
      <c r="AD427" s="55"/>
      <c r="AE427" s="55"/>
      <c r="AF427" s="55"/>
      <c r="AG427" s="55"/>
      <c r="AY427" s="162"/>
      <c r="AZ427" s="162"/>
      <c r="BA427" s="162"/>
      <c r="BB427" s="162"/>
      <c r="BC427" s="162"/>
      <c r="BD427" s="162"/>
      <c r="BE427" s="162"/>
      <c r="BF427" s="162"/>
      <c r="BG427" s="162"/>
      <c r="BH427" s="162"/>
      <c r="BI427" s="162"/>
      <c r="BJ427" s="162"/>
      <c r="BK427" s="162"/>
      <c r="BL427" s="162"/>
      <c r="BM427" s="162"/>
      <c r="BN427" s="162"/>
      <c r="BO427" s="162"/>
      <c r="BP427" s="162"/>
      <c r="BQ427" s="162"/>
      <c r="BR427" s="162"/>
      <c r="BS427" s="162"/>
      <c r="BT427" s="162"/>
      <c r="BU427" s="162"/>
      <c r="BV427" s="162"/>
      <c r="BW427" s="162"/>
      <c r="BX427" s="162"/>
      <c r="BY427" s="162"/>
      <c r="BZ427" s="162"/>
      <c r="CA427" s="162"/>
      <c r="CB427" s="162"/>
      <c r="CC427" s="162"/>
      <c r="CD427" s="162"/>
      <c r="CE427" s="162"/>
      <c r="CF427" s="162"/>
      <c r="CG427" s="162"/>
      <c r="CH427" s="162"/>
      <c r="CI427" s="162"/>
      <c r="CJ427" s="162"/>
      <c r="CK427" s="162"/>
      <c r="CX427" s="98"/>
      <c r="DL427" s="97"/>
      <c r="DX427" s="98"/>
      <c r="EL427" s="97"/>
      <c r="EX427" s="98"/>
      <c r="EY427" s="97"/>
      <c r="FL427" s="126"/>
      <c r="FM427" s="91"/>
      <c r="FN427" s="91"/>
      <c r="FO427" s="91"/>
      <c r="FP427" s="91"/>
      <c r="FQ427" s="91"/>
      <c r="FR427" s="91"/>
      <c r="FS427" s="91"/>
      <c r="FT427" s="91"/>
      <c r="FU427" s="91"/>
      <c r="FV427" s="91"/>
      <c r="FW427" s="91"/>
      <c r="FX427" s="91"/>
      <c r="FY427" s="91"/>
      <c r="FZ427" s="91"/>
      <c r="GA427" s="91"/>
      <c r="GB427" s="91"/>
      <c r="GC427" s="91"/>
      <c r="GD427" s="91"/>
      <c r="GE427" s="91"/>
      <c r="GF427" s="91"/>
      <c r="GG427" s="91"/>
      <c r="GH427" s="91"/>
      <c r="GI427" s="91"/>
      <c r="GJ427" s="91"/>
      <c r="GK427" s="127"/>
      <c r="GL427" s="126"/>
      <c r="GM427" s="91"/>
      <c r="GN427" s="91"/>
      <c r="GO427" s="91"/>
      <c r="GP427" s="91"/>
      <c r="GQ427" s="91"/>
      <c r="GR427" s="91"/>
      <c r="GS427" s="91"/>
      <c r="GT427" s="91"/>
      <c r="GU427" s="91"/>
      <c r="GV427" s="91"/>
      <c r="GW427" s="91"/>
      <c r="GX427" s="91"/>
      <c r="GY427" s="91"/>
      <c r="GZ427" s="91"/>
      <c r="HA427" s="91"/>
      <c r="HB427" s="91"/>
      <c r="HC427" s="91"/>
      <c r="HD427" s="91"/>
      <c r="HE427" s="91"/>
      <c r="HF427" s="91"/>
      <c r="HG427" s="91"/>
      <c r="HH427" s="91"/>
      <c r="HI427" s="91"/>
      <c r="HJ427" s="91"/>
      <c r="HK427" s="127"/>
      <c r="HL427" s="126"/>
      <c r="HM427" s="91"/>
      <c r="HN427" s="91"/>
      <c r="HO427" s="91"/>
      <c r="HP427" s="91"/>
      <c r="HQ427" s="91"/>
      <c r="HR427" s="91"/>
      <c r="HS427" s="91"/>
      <c r="HT427" s="91"/>
      <c r="HU427" s="91"/>
      <c r="HV427" s="91"/>
      <c r="HW427" s="91"/>
      <c r="HX427" s="91"/>
      <c r="HY427" s="91"/>
      <c r="HZ427" s="91"/>
      <c r="IA427" s="91"/>
      <c r="IB427" s="91"/>
      <c r="IC427" s="91"/>
      <c r="ID427" s="91"/>
      <c r="IE427" s="91"/>
      <c r="IF427" s="91"/>
      <c r="IG427" s="91"/>
      <c r="IH427" s="91"/>
      <c r="II427" s="91"/>
      <c r="IJ427" s="91"/>
      <c r="IK427" s="127"/>
    </row>
    <row r="428" spans="2:245" x14ac:dyDescent="0.2">
      <c r="B428" s="43"/>
      <c r="C428" s="73"/>
      <c r="D428" s="64"/>
      <c r="E428" s="64"/>
      <c r="F428" s="55"/>
      <c r="G428" s="102"/>
      <c r="H428" s="55"/>
      <c r="I428" s="55"/>
      <c r="J428" s="55"/>
      <c r="K428" s="55"/>
      <c r="L428" s="55"/>
      <c r="M428" s="55"/>
      <c r="N428" s="55"/>
      <c r="O428" s="55"/>
      <c r="P428" s="55"/>
      <c r="Q428" s="55"/>
      <c r="R428" s="55"/>
      <c r="S428" s="55"/>
      <c r="T428" s="55"/>
      <c r="U428" s="55"/>
      <c r="V428" s="55"/>
      <c r="W428" s="55"/>
      <c r="X428" s="55"/>
      <c r="Y428" s="55"/>
      <c r="Z428" s="55"/>
      <c r="AA428" s="55"/>
      <c r="AB428" s="55"/>
      <c r="AC428" s="55"/>
      <c r="AD428" s="55"/>
      <c r="AE428" s="55"/>
      <c r="AF428" s="55"/>
      <c r="AG428" s="55"/>
      <c r="AY428" s="162"/>
      <c r="AZ428" s="162"/>
      <c r="BA428" s="162"/>
      <c r="BB428" s="162"/>
      <c r="BC428" s="162"/>
      <c r="BD428" s="162"/>
      <c r="BE428" s="162"/>
      <c r="BF428" s="162"/>
      <c r="BG428" s="162"/>
      <c r="BH428" s="162"/>
      <c r="BI428" s="162"/>
      <c r="BJ428" s="162"/>
      <c r="BK428" s="162"/>
      <c r="BL428" s="162"/>
      <c r="BM428" s="162"/>
      <c r="BN428" s="162"/>
      <c r="BO428" s="162"/>
      <c r="BP428" s="162"/>
      <c r="BQ428" s="162"/>
      <c r="BR428" s="162"/>
      <c r="BS428" s="162"/>
      <c r="BT428" s="162"/>
      <c r="BU428" s="162"/>
      <c r="BV428" s="162"/>
      <c r="BW428" s="162"/>
      <c r="BX428" s="162"/>
      <c r="BY428" s="162"/>
      <c r="BZ428" s="162"/>
      <c r="CA428" s="162"/>
      <c r="CB428" s="162"/>
      <c r="CC428" s="162"/>
      <c r="CD428" s="162"/>
      <c r="CE428" s="162"/>
      <c r="CF428" s="162"/>
      <c r="CG428" s="162"/>
      <c r="CH428" s="162"/>
      <c r="CI428" s="162"/>
      <c r="CJ428" s="162"/>
      <c r="CK428" s="162"/>
      <c r="CX428" s="98"/>
      <c r="DL428" s="97"/>
      <c r="DX428" s="98"/>
      <c r="EL428" s="97"/>
      <c r="EX428" s="98"/>
      <c r="EY428" s="97"/>
      <c r="FL428" s="126"/>
      <c r="FM428" s="91"/>
      <c r="FN428" s="91"/>
      <c r="FO428" s="91"/>
      <c r="FP428" s="91"/>
      <c r="FQ428" s="91"/>
      <c r="FR428" s="91"/>
      <c r="FS428" s="91"/>
      <c r="FT428" s="91"/>
      <c r="FU428" s="91"/>
      <c r="FV428" s="91"/>
      <c r="FW428" s="91"/>
      <c r="FX428" s="91"/>
      <c r="FY428" s="91"/>
      <c r="FZ428" s="91"/>
      <c r="GA428" s="91"/>
      <c r="GB428" s="91"/>
      <c r="GC428" s="91"/>
      <c r="GD428" s="91"/>
      <c r="GE428" s="91"/>
      <c r="GF428" s="91"/>
      <c r="GG428" s="91"/>
      <c r="GH428" s="91"/>
      <c r="GI428" s="91"/>
      <c r="GJ428" s="91"/>
      <c r="GK428" s="127"/>
      <c r="GL428" s="126"/>
      <c r="GM428" s="91"/>
      <c r="GN428" s="91"/>
      <c r="GO428" s="91"/>
      <c r="GP428" s="91"/>
      <c r="GQ428" s="91"/>
      <c r="GR428" s="91"/>
      <c r="GS428" s="91"/>
      <c r="GT428" s="91"/>
      <c r="GU428" s="91"/>
      <c r="GV428" s="91"/>
      <c r="GW428" s="91"/>
      <c r="GX428" s="91"/>
      <c r="GY428" s="91"/>
      <c r="GZ428" s="91"/>
      <c r="HA428" s="91"/>
      <c r="HB428" s="91"/>
      <c r="HC428" s="91"/>
      <c r="HD428" s="91"/>
      <c r="HE428" s="91"/>
      <c r="HF428" s="91"/>
      <c r="HG428" s="91"/>
      <c r="HH428" s="91"/>
      <c r="HI428" s="91"/>
      <c r="HJ428" s="91"/>
      <c r="HK428" s="127"/>
      <c r="HL428" s="126"/>
      <c r="HM428" s="91"/>
      <c r="HN428" s="91"/>
      <c r="HO428" s="91"/>
      <c r="HP428" s="91"/>
      <c r="HQ428" s="91"/>
      <c r="HR428" s="91"/>
      <c r="HS428" s="91"/>
      <c r="HT428" s="91"/>
      <c r="HU428" s="91"/>
      <c r="HV428" s="91"/>
      <c r="HW428" s="91"/>
      <c r="HX428" s="91"/>
      <c r="HY428" s="91"/>
      <c r="HZ428" s="91"/>
      <c r="IA428" s="91"/>
      <c r="IB428" s="91"/>
      <c r="IC428" s="91"/>
      <c r="ID428" s="91"/>
      <c r="IE428" s="91"/>
      <c r="IF428" s="91"/>
      <c r="IG428" s="91"/>
      <c r="IH428" s="91"/>
      <c r="II428" s="91"/>
      <c r="IJ428" s="91"/>
      <c r="IK428" s="127"/>
    </row>
    <row r="429" spans="2:245" x14ac:dyDescent="0.2">
      <c r="B429" s="43"/>
      <c r="C429" s="73"/>
      <c r="D429" s="64"/>
      <c r="E429" s="64"/>
      <c r="F429" s="55"/>
      <c r="G429" s="102"/>
      <c r="H429" s="55"/>
      <c r="I429" s="55"/>
      <c r="J429" s="55"/>
      <c r="K429" s="55"/>
      <c r="L429" s="55"/>
      <c r="M429" s="55"/>
      <c r="N429" s="55"/>
      <c r="O429" s="55"/>
      <c r="P429" s="55"/>
      <c r="Q429" s="55"/>
      <c r="R429" s="55"/>
      <c r="S429" s="55"/>
      <c r="T429" s="55"/>
      <c r="U429" s="55"/>
      <c r="V429" s="55"/>
      <c r="W429" s="55"/>
      <c r="X429" s="55"/>
      <c r="Y429" s="55"/>
      <c r="Z429" s="55"/>
      <c r="AA429" s="55"/>
      <c r="AB429" s="55"/>
      <c r="AC429" s="55"/>
      <c r="AD429" s="55"/>
      <c r="AE429" s="55"/>
      <c r="AF429" s="55"/>
      <c r="AG429" s="55"/>
      <c r="AY429" s="162"/>
      <c r="AZ429" s="162"/>
      <c r="BA429" s="162"/>
      <c r="BB429" s="162"/>
      <c r="BC429" s="162"/>
      <c r="BD429" s="162"/>
      <c r="BE429" s="162"/>
      <c r="BF429" s="162"/>
      <c r="BG429" s="162"/>
      <c r="BH429" s="162"/>
      <c r="BI429" s="162"/>
      <c r="BJ429" s="162"/>
      <c r="BK429" s="162"/>
      <c r="BL429" s="162"/>
      <c r="BM429" s="162"/>
      <c r="BN429" s="162"/>
      <c r="BO429" s="162"/>
      <c r="BP429" s="162"/>
      <c r="BQ429" s="162"/>
      <c r="BR429" s="162"/>
      <c r="BS429" s="162"/>
      <c r="BT429" s="162"/>
      <c r="BU429" s="162"/>
      <c r="BV429" s="162"/>
      <c r="BW429" s="162"/>
      <c r="BX429" s="162"/>
      <c r="BY429" s="162"/>
      <c r="BZ429" s="162"/>
      <c r="CA429" s="162"/>
      <c r="CB429" s="162"/>
      <c r="CC429" s="162"/>
      <c r="CD429" s="162"/>
      <c r="CE429" s="162"/>
      <c r="CF429" s="162"/>
      <c r="CG429" s="162"/>
      <c r="CH429" s="162"/>
      <c r="CI429" s="162"/>
      <c r="CJ429" s="162"/>
      <c r="CK429" s="162"/>
      <c r="CX429" s="98"/>
      <c r="DL429" s="97"/>
      <c r="DX429" s="98"/>
      <c r="EL429" s="97"/>
      <c r="EX429" s="98"/>
      <c r="EY429" s="97"/>
      <c r="FL429" s="126"/>
      <c r="FM429" s="91"/>
      <c r="FN429" s="91"/>
      <c r="FO429" s="91"/>
      <c r="FP429" s="91"/>
      <c r="FQ429" s="91"/>
      <c r="FR429" s="91"/>
      <c r="FS429" s="91"/>
      <c r="FT429" s="91"/>
      <c r="FU429" s="91"/>
      <c r="FV429" s="91"/>
      <c r="FW429" s="91"/>
      <c r="FX429" s="91"/>
      <c r="FY429" s="91"/>
      <c r="FZ429" s="91"/>
      <c r="GA429" s="91"/>
      <c r="GB429" s="91"/>
      <c r="GC429" s="91"/>
      <c r="GD429" s="91"/>
      <c r="GE429" s="91"/>
      <c r="GF429" s="91"/>
      <c r="GG429" s="91"/>
      <c r="GH429" s="91"/>
      <c r="GI429" s="91"/>
      <c r="GJ429" s="91"/>
      <c r="GK429" s="127"/>
      <c r="GL429" s="126"/>
      <c r="GM429" s="91"/>
      <c r="GN429" s="91"/>
      <c r="GO429" s="91"/>
      <c r="GP429" s="91"/>
      <c r="GQ429" s="91"/>
      <c r="GR429" s="91"/>
      <c r="GS429" s="91"/>
      <c r="GT429" s="91"/>
      <c r="GU429" s="91"/>
      <c r="GV429" s="91"/>
      <c r="GW429" s="91"/>
      <c r="GX429" s="91"/>
      <c r="GY429" s="91"/>
      <c r="GZ429" s="91"/>
      <c r="HA429" s="91"/>
      <c r="HB429" s="91"/>
      <c r="HC429" s="91"/>
      <c r="HD429" s="91"/>
      <c r="HE429" s="91"/>
      <c r="HF429" s="91"/>
      <c r="HG429" s="91"/>
      <c r="HH429" s="91"/>
      <c r="HI429" s="91"/>
      <c r="HJ429" s="91"/>
      <c r="HK429" s="127"/>
      <c r="HL429" s="126"/>
      <c r="HM429" s="91"/>
      <c r="HN429" s="91"/>
      <c r="HO429" s="91"/>
      <c r="HP429" s="91"/>
      <c r="HQ429" s="91"/>
      <c r="HR429" s="91"/>
      <c r="HS429" s="91"/>
      <c r="HT429" s="91"/>
      <c r="HU429" s="91"/>
      <c r="HV429" s="91"/>
      <c r="HW429" s="91"/>
      <c r="HX429" s="91"/>
      <c r="HY429" s="91"/>
      <c r="HZ429" s="91"/>
      <c r="IA429" s="91"/>
      <c r="IB429" s="91"/>
      <c r="IC429" s="91"/>
      <c r="ID429" s="91"/>
      <c r="IE429" s="91"/>
      <c r="IF429" s="91"/>
      <c r="IG429" s="91"/>
      <c r="IH429" s="91"/>
      <c r="II429" s="91"/>
      <c r="IJ429" s="91"/>
      <c r="IK429" s="127"/>
    </row>
    <row r="430" spans="2:245" x14ac:dyDescent="0.2">
      <c r="B430" s="43"/>
      <c r="C430" s="73"/>
      <c r="D430" s="64"/>
      <c r="E430" s="64"/>
      <c r="F430" s="55"/>
      <c r="G430" s="102"/>
      <c r="H430" s="55"/>
      <c r="I430" s="55"/>
      <c r="J430" s="55"/>
      <c r="K430" s="55"/>
      <c r="L430" s="55"/>
      <c r="M430" s="55"/>
      <c r="N430" s="55"/>
      <c r="O430" s="55"/>
      <c r="P430" s="55"/>
      <c r="Q430" s="55"/>
      <c r="R430" s="55"/>
      <c r="S430" s="55"/>
      <c r="T430" s="55"/>
      <c r="U430" s="55"/>
      <c r="V430" s="55"/>
      <c r="W430" s="55"/>
      <c r="X430" s="55"/>
      <c r="Y430" s="55"/>
      <c r="Z430" s="55"/>
      <c r="AA430" s="55"/>
      <c r="AB430" s="55"/>
      <c r="AC430" s="55"/>
      <c r="AD430" s="55"/>
      <c r="AE430" s="55"/>
      <c r="AF430" s="55"/>
      <c r="AG430" s="55"/>
      <c r="AY430" s="162"/>
      <c r="AZ430" s="162"/>
      <c r="BA430" s="162"/>
      <c r="BB430" s="162"/>
      <c r="BC430" s="162"/>
      <c r="BD430" s="162"/>
      <c r="BE430" s="162"/>
      <c r="BF430" s="162"/>
      <c r="BG430" s="162"/>
      <c r="BH430" s="162"/>
      <c r="BI430" s="162"/>
      <c r="BJ430" s="162"/>
      <c r="BK430" s="162"/>
      <c r="BL430" s="162"/>
      <c r="BM430" s="162"/>
      <c r="BN430" s="162"/>
      <c r="BO430" s="162"/>
      <c r="BP430" s="162"/>
      <c r="BQ430" s="162"/>
      <c r="BR430" s="162"/>
      <c r="BS430" s="162"/>
      <c r="BT430" s="162"/>
      <c r="BU430" s="162"/>
      <c r="BV430" s="162"/>
      <c r="BW430" s="162"/>
      <c r="BX430" s="162"/>
      <c r="BY430" s="162"/>
      <c r="BZ430" s="162"/>
      <c r="CA430" s="162"/>
      <c r="CB430" s="162"/>
      <c r="CC430" s="162"/>
      <c r="CD430" s="162"/>
      <c r="CE430" s="162"/>
      <c r="CF430" s="162"/>
      <c r="CG430" s="162"/>
      <c r="CH430" s="162"/>
      <c r="CI430" s="162"/>
      <c r="CJ430" s="162"/>
      <c r="CK430" s="162"/>
      <c r="CX430" s="98"/>
      <c r="DL430" s="97"/>
      <c r="DX430" s="98"/>
      <c r="EL430" s="97"/>
      <c r="EX430" s="98"/>
      <c r="EY430" s="97"/>
      <c r="FL430" s="126"/>
      <c r="FM430" s="91"/>
      <c r="FN430" s="91"/>
      <c r="FO430" s="91"/>
      <c r="FP430" s="91"/>
      <c r="FQ430" s="91"/>
      <c r="FR430" s="91"/>
      <c r="FS430" s="91"/>
      <c r="FT430" s="91"/>
      <c r="FU430" s="91"/>
      <c r="FV430" s="91"/>
      <c r="FW430" s="91"/>
      <c r="FX430" s="91"/>
      <c r="FY430" s="91"/>
      <c r="FZ430" s="91"/>
      <c r="GA430" s="91"/>
      <c r="GB430" s="91"/>
      <c r="GC430" s="91"/>
      <c r="GD430" s="91"/>
      <c r="GE430" s="91"/>
      <c r="GF430" s="91"/>
      <c r="GG430" s="91"/>
      <c r="GH430" s="91"/>
      <c r="GI430" s="91"/>
      <c r="GJ430" s="91"/>
      <c r="GK430" s="127"/>
      <c r="GL430" s="126"/>
      <c r="GM430" s="91"/>
      <c r="GN430" s="91"/>
      <c r="GO430" s="91"/>
      <c r="GP430" s="91"/>
      <c r="GQ430" s="91"/>
      <c r="GR430" s="91"/>
      <c r="GS430" s="91"/>
      <c r="GT430" s="91"/>
      <c r="GU430" s="91"/>
      <c r="GV430" s="91"/>
      <c r="GW430" s="91"/>
      <c r="GX430" s="91"/>
      <c r="GY430" s="91"/>
      <c r="GZ430" s="91"/>
      <c r="HA430" s="91"/>
      <c r="HB430" s="91"/>
      <c r="HC430" s="91"/>
      <c r="HD430" s="91"/>
      <c r="HE430" s="91"/>
      <c r="HF430" s="91"/>
      <c r="HG430" s="91"/>
      <c r="HH430" s="91"/>
      <c r="HI430" s="91"/>
      <c r="HJ430" s="91"/>
      <c r="HK430" s="127"/>
      <c r="HL430" s="126"/>
      <c r="HM430" s="91"/>
      <c r="HN430" s="91"/>
      <c r="HO430" s="91"/>
      <c r="HP430" s="91"/>
      <c r="HQ430" s="91"/>
      <c r="HR430" s="91"/>
      <c r="HS430" s="91"/>
      <c r="HT430" s="91"/>
      <c r="HU430" s="91"/>
      <c r="HV430" s="91"/>
      <c r="HW430" s="91"/>
      <c r="HX430" s="91"/>
      <c r="HY430" s="91"/>
      <c r="HZ430" s="91"/>
      <c r="IA430" s="91"/>
      <c r="IB430" s="91"/>
      <c r="IC430" s="91"/>
      <c r="ID430" s="91"/>
      <c r="IE430" s="91"/>
      <c r="IF430" s="91"/>
      <c r="IG430" s="91"/>
      <c r="IH430" s="91"/>
      <c r="II430" s="91"/>
      <c r="IJ430" s="91"/>
      <c r="IK430" s="127"/>
    </row>
    <row r="431" spans="2:245" x14ac:dyDescent="0.2">
      <c r="B431" s="43"/>
      <c r="C431" s="73"/>
      <c r="D431" s="64"/>
      <c r="E431" s="64"/>
      <c r="F431" s="55"/>
      <c r="G431" s="102"/>
      <c r="H431" s="55"/>
      <c r="I431" s="55"/>
      <c r="J431" s="55"/>
      <c r="K431" s="55"/>
      <c r="L431" s="55"/>
      <c r="M431" s="55"/>
      <c r="N431" s="55"/>
      <c r="O431" s="55"/>
      <c r="P431" s="55"/>
      <c r="Q431" s="55"/>
      <c r="R431" s="55"/>
      <c r="S431" s="55"/>
      <c r="T431" s="55"/>
      <c r="U431" s="55"/>
      <c r="V431" s="55"/>
      <c r="W431" s="55"/>
      <c r="X431" s="55"/>
      <c r="Y431" s="55"/>
      <c r="Z431" s="55"/>
      <c r="AA431" s="55"/>
      <c r="AB431" s="55"/>
      <c r="AC431" s="55"/>
      <c r="AD431" s="55"/>
      <c r="AE431" s="55"/>
      <c r="AF431" s="55"/>
      <c r="AG431" s="55"/>
      <c r="AY431" s="162"/>
      <c r="AZ431" s="162"/>
      <c r="BA431" s="162"/>
      <c r="BB431" s="162"/>
      <c r="BC431" s="162"/>
      <c r="BD431" s="162"/>
      <c r="BE431" s="162"/>
      <c r="BF431" s="162"/>
      <c r="BG431" s="162"/>
      <c r="BH431" s="162"/>
      <c r="BI431" s="162"/>
      <c r="BJ431" s="162"/>
      <c r="BK431" s="162"/>
      <c r="BL431" s="162"/>
      <c r="BM431" s="162"/>
      <c r="BN431" s="162"/>
      <c r="BO431" s="162"/>
      <c r="BP431" s="162"/>
      <c r="BQ431" s="162"/>
      <c r="BR431" s="162"/>
      <c r="BS431" s="162"/>
      <c r="BT431" s="162"/>
      <c r="BU431" s="162"/>
      <c r="BV431" s="162"/>
      <c r="BW431" s="162"/>
      <c r="BX431" s="162"/>
      <c r="BY431" s="162"/>
      <c r="BZ431" s="162"/>
      <c r="CA431" s="162"/>
      <c r="CB431" s="162"/>
      <c r="CC431" s="162"/>
      <c r="CD431" s="162"/>
      <c r="CE431" s="162"/>
      <c r="CF431" s="162"/>
      <c r="CG431" s="162"/>
      <c r="CH431" s="162"/>
      <c r="CI431" s="162"/>
      <c r="CJ431" s="162"/>
      <c r="CK431" s="162"/>
      <c r="CX431" s="98"/>
      <c r="DL431" s="97"/>
      <c r="DX431" s="98"/>
      <c r="EL431" s="97"/>
      <c r="EX431" s="98"/>
      <c r="EY431" s="97"/>
      <c r="FL431" s="126"/>
      <c r="FM431" s="91"/>
      <c r="FN431" s="91"/>
      <c r="FO431" s="91"/>
      <c r="FP431" s="91"/>
      <c r="FQ431" s="91"/>
      <c r="FR431" s="91"/>
      <c r="FS431" s="91"/>
      <c r="FT431" s="91"/>
      <c r="FU431" s="91"/>
      <c r="FV431" s="91"/>
      <c r="FW431" s="91"/>
      <c r="FX431" s="91"/>
      <c r="FY431" s="91"/>
      <c r="FZ431" s="91"/>
      <c r="GA431" s="91"/>
      <c r="GB431" s="91"/>
      <c r="GC431" s="91"/>
      <c r="GD431" s="91"/>
      <c r="GE431" s="91"/>
      <c r="GF431" s="91"/>
      <c r="GG431" s="91"/>
      <c r="GH431" s="91"/>
      <c r="GI431" s="91"/>
      <c r="GJ431" s="91"/>
      <c r="GK431" s="127"/>
      <c r="GL431" s="126"/>
      <c r="GM431" s="91"/>
      <c r="GN431" s="91"/>
      <c r="GO431" s="91"/>
      <c r="GP431" s="91"/>
      <c r="GQ431" s="91"/>
      <c r="GR431" s="91"/>
      <c r="GS431" s="91"/>
      <c r="GT431" s="91"/>
      <c r="GU431" s="91"/>
      <c r="GV431" s="91"/>
      <c r="GW431" s="91"/>
      <c r="GX431" s="91"/>
      <c r="GY431" s="91"/>
      <c r="GZ431" s="91"/>
      <c r="HA431" s="91"/>
      <c r="HB431" s="91"/>
      <c r="HC431" s="91"/>
      <c r="HD431" s="91"/>
      <c r="HE431" s="91"/>
      <c r="HF431" s="91"/>
      <c r="HG431" s="91"/>
      <c r="HH431" s="91"/>
      <c r="HI431" s="91"/>
      <c r="HJ431" s="91"/>
      <c r="HK431" s="127"/>
      <c r="HL431" s="126"/>
      <c r="HM431" s="91"/>
      <c r="HN431" s="91"/>
      <c r="HO431" s="91"/>
      <c r="HP431" s="91"/>
      <c r="HQ431" s="91"/>
      <c r="HR431" s="91"/>
      <c r="HS431" s="91"/>
      <c r="HT431" s="91"/>
      <c r="HU431" s="91"/>
      <c r="HV431" s="91"/>
      <c r="HW431" s="91"/>
      <c r="HX431" s="91"/>
      <c r="HY431" s="91"/>
      <c r="HZ431" s="91"/>
      <c r="IA431" s="91"/>
      <c r="IB431" s="91"/>
      <c r="IC431" s="91"/>
      <c r="ID431" s="91"/>
      <c r="IE431" s="91"/>
      <c r="IF431" s="91"/>
      <c r="IG431" s="91"/>
      <c r="IH431" s="91"/>
      <c r="II431" s="91"/>
      <c r="IJ431" s="91"/>
      <c r="IK431" s="127"/>
    </row>
    <row r="432" spans="2:245" x14ac:dyDescent="0.2">
      <c r="B432" s="43"/>
      <c r="C432" s="73"/>
      <c r="D432" s="64"/>
      <c r="E432" s="64"/>
      <c r="F432" s="55"/>
      <c r="G432" s="102"/>
      <c r="H432" s="55"/>
      <c r="I432" s="55"/>
      <c r="J432" s="55"/>
      <c r="K432" s="55"/>
      <c r="L432" s="55"/>
      <c r="M432" s="55"/>
      <c r="N432" s="55"/>
      <c r="O432" s="55"/>
      <c r="P432" s="55"/>
      <c r="Q432" s="55"/>
      <c r="R432" s="55"/>
      <c r="S432" s="55"/>
      <c r="T432" s="55"/>
      <c r="U432" s="55"/>
      <c r="V432" s="55"/>
      <c r="W432" s="55"/>
      <c r="X432" s="55"/>
      <c r="Y432" s="55"/>
      <c r="Z432" s="55"/>
      <c r="AA432" s="55"/>
      <c r="AB432" s="55"/>
      <c r="AC432" s="55"/>
      <c r="AD432" s="55"/>
      <c r="AE432" s="55"/>
      <c r="AF432" s="55"/>
      <c r="AG432" s="55"/>
      <c r="AY432" s="162"/>
      <c r="AZ432" s="162"/>
      <c r="BA432" s="162"/>
      <c r="BB432" s="162"/>
      <c r="BC432" s="162"/>
      <c r="BD432" s="162"/>
      <c r="BE432" s="162"/>
      <c r="BF432" s="162"/>
      <c r="BG432" s="162"/>
      <c r="BH432" s="162"/>
      <c r="BI432" s="162"/>
      <c r="BJ432" s="162"/>
      <c r="BK432" s="162"/>
      <c r="BL432" s="162"/>
      <c r="BM432" s="162"/>
      <c r="BN432" s="162"/>
      <c r="BO432" s="162"/>
      <c r="BP432" s="162"/>
      <c r="BQ432" s="162"/>
      <c r="BR432" s="162"/>
      <c r="BS432" s="162"/>
      <c r="BT432" s="162"/>
      <c r="BU432" s="162"/>
      <c r="BV432" s="162"/>
      <c r="BW432" s="162"/>
      <c r="BX432" s="162"/>
      <c r="BY432" s="162"/>
      <c r="BZ432" s="162"/>
      <c r="CA432" s="162"/>
      <c r="CB432" s="162"/>
      <c r="CC432" s="162"/>
      <c r="CD432" s="162"/>
      <c r="CE432" s="162"/>
      <c r="CF432" s="162"/>
      <c r="CG432" s="162"/>
      <c r="CH432" s="162"/>
      <c r="CI432" s="162"/>
      <c r="CJ432" s="162"/>
      <c r="CK432" s="162"/>
      <c r="CX432" s="98"/>
      <c r="DL432" s="97"/>
      <c r="DX432" s="98"/>
      <c r="EL432" s="97"/>
      <c r="EX432" s="98"/>
      <c r="EY432" s="97"/>
      <c r="FL432" s="126"/>
      <c r="FM432" s="91"/>
      <c r="FN432" s="91"/>
      <c r="FO432" s="91"/>
      <c r="FP432" s="91"/>
      <c r="FQ432" s="91"/>
      <c r="FR432" s="91"/>
      <c r="FS432" s="91"/>
      <c r="FT432" s="91"/>
      <c r="FU432" s="91"/>
      <c r="FV432" s="91"/>
      <c r="FW432" s="91"/>
      <c r="FX432" s="91"/>
      <c r="FY432" s="91"/>
      <c r="FZ432" s="91"/>
      <c r="GA432" s="91"/>
      <c r="GB432" s="91"/>
      <c r="GC432" s="91"/>
      <c r="GD432" s="91"/>
      <c r="GE432" s="91"/>
      <c r="GF432" s="91"/>
      <c r="GG432" s="91"/>
      <c r="GH432" s="91"/>
      <c r="GI432" s="91"/>
      <c r="GJ432" s="91"/>
      <c r="GK432" s="127"/>
      <c r="GL432" s="126"/>
      <c r="GM432" s="91"/>
      <c r="GN432" s="91"/>
      <c r="GO432" s="91"/>
      <c r="GP432" s="91"/>
      <c r="GQ432" s="91"/>
      <c r="GR432" s="91"/>
      <c r="GS432" s="91"/>
      <c r="GT432" s="91"/>
      <c r="GU432" s="91"/>
      <c r="GV432" s="91"/>
      <c r="GW432" s="91"/>
      <c r="GX432" s="91"/>
      <c r="GY432" s="91"/>
      <c r="GZ432" s="91"/>
      <c r="HA432" s="91"/>
      <c r="HB432" s="91"/>
      <c r="HC432" s="91"/>
      <c r="HD432" s="91"/>
      <c r="HE432" s="91"/>
      <c r="HF432" s="91"/>
      <c r="HG432" s="91"/>
      <c r="HH432" s="91"/>
      <c r="HI432" s="91"/>
      <c r="HJ432" s="91"/>
      <c r="HK432" s="127"/>
      <c r="HL432" s="126"/>
      <c r="HM432" s="91"/>
      <c r="HN432" s="91"/>
      <c r="HO432" s="91"/>
      <c r="HP432" s="91"/>
      <c r="HQ432" s="91"/>
      <c r="HR432" s="91"/>
      <c r="HS432" s="91"/>
      <c r="HT432" s="91"/>
      <c r="HU432" s="91"/>
      <c r="HV432" s="91"/>
      <c r="HW432" s="91"/>
      <c r="HX432" s="91"/>
      <c r="HY432" s="91"/>
      <c r="HZ432" s="91"/>
      <c r="IA432" s="91"/>
      <c r="IB432" s="91"/>
      <c r="IC432" s="91"/>
      <c r="ID432" s="91"/>
      <c r="IE432" s="91"/>
      <c r="IF432" s="91"/>
      <c r="IG432" s="91"/>
      <c r="IH432" s="91"/>
      <c r="II432" s="91"/>
      <c r="IJ432" s="91"/>
      <c r="IK432" s="127"/>
    </row>
    <row r="433" spans="2:245" x14ac:dyDescent="0.2">
      <c r="B433" s="43"/>
      <c r="C433" s="73"/>
      <c r="D433" s="64"/>
      <c r="E433" s="64"/>
      <c r="F433" s="55"/>
      <c r="G433" s="102"/>
      <c r="H433" s="55"/>
      <c r="I433" s="55"/>
      <c r="J433" s="55"/>
      <c r="K433" s="55"/>
      <c r="L433" s="55"/>
      <c r="M433" s="55"/>
      <c r="N433" s="55"/>
      <c r="O433" s="55"/>
      <c r="P433" s="55"/>
      <c r="Q433" s="55"/>
      <c r="R433" s="55"/>
      <c r="S433" s="55"/>
      <c r="T433" s="55"/>
      <c r="U433" s="55"/>
      <c r="V433" s="55"/>
      <c r="W433" s="55"/>
      <c r="X433" s="55"/>
      <c r="Y433" s="55"/>
      <c r="Z433" s="55"/>
      <c r="AA433" s="55"/>
      <c r="AB433" s="55"/>
      <c r="AC433" s="55"/>
      <c r="AD433" s="55"/>
      <c r="AE433" s="55"/>
      <c r="AF433" s="55"/>
      <c r="AG433" s="55"/>
      <c r="AY433" s="162"/>
      <c r="AZ433" s="162"/>
      <c r="BA433" s="162"/>
      <c r="BB433" s="162"/>
      <c r="BC433" s="162"/>
      <c r="BD433" s="162"/>
      <c r="BE433" s="162"/>
      <c r="BF433" s="162"/>
      <c r="BG433" s="162"/>
      <c r="BH433" s="162"/>
      <c r="BI433" s="162"/>
      <c r="BJ433" s="162"/>
      <c r="BK433" s="162"/>
      <c r="BL433" s="162"/>
      <c r="BM433" s="162"/>
      <c r="BN433" s="162"/>
      <c r="BO433" s="162"/>
      <c r="BP433" s="162"/>
      <c r="BQ433" s="162"/>
      <c r="BR433" s="162"/>
      <c r="BS433" s="162"/>
      <c r="BT433" s="162"/>
      <c r="BU433" s="162"/>
      <c r="BV433" s="162"/>
      <c r="BW433" s="162"/>
      <c r="BX433" s="162"/>
      <c r="BY433" s="162"/>
      <c r="BZ433" s="162"/>
      <c r="CA433" s="162"/>
      <c r="CB433" s="162"/>
      <c r="CC433" s="162"/>
      <c r="CD433" s="162"/>
      <c r="CE433" s="162"/>
      <c r="CF433" s="162"/>
      <c r="CG433" s="162"/>
      <c r="CH433" s="162"/>
      <c r="CI433" s="162"/>
      <c r="CJ433" s="162"/>
      <c r="CK433" s="162"/>
      <c r="CX433" s="98"/>
      <c r="DL433" s="97"/>
      <c r="DX433" s="98"/>
      <c r="EL433" s="97"/>
      <c r="EX433" s="98"/>
      <c r="EY433" s="97"/>
      <c r="FL433" s="126"/>
      <c r="FM433" s="91"/>
      <c r="FN433" s="91"/>
      <c r="FO433" s="91"/>
      <c r="FP433" s="91"/>
      <c r="FQ433" s="91"/>
      <c r="FR433" s="91"/>
      <c r="FS433" s="91"/>
      <c r="FT433" s="91"/>
      <c r="FU433" s="91"/>
      <c r="FV433" s="91"/>
      <c r="FW433" s="91"/>
      <c r="FX433" s="91"/>
      <c r="FY433" s="91"/>
      <c r="FZ433" s="91"/>
      <c r="GA433" s="91"/>
      <c r="GB433" s="91"/>
      <c r="GC433" s="91"/>
      <c r="GD433" s="91"/>
      <c r="GE433" s="91"/>
      <c r="GF433" s="91"/>
      <c r="GG433" s="91"/>
      <c r="GH433" s="91"/>
      <c r="GI433" s="91"/>
      <c r="GJ433" s="91"/>
      <c r="GK433" s="127"/>
      <c r="GL433" s="126"/>
      <c r="GM433" s="91"/>
      <c r="GN433" s="91"/>
      <c r="GO433" s="91"/>
      <c r="GP433" s="91"/>
      <c r="GQ433" s="91"/>
      <c r="GR433" s="91"/>
      <c r="GS433" s="91"/>
      <c r="GT433" s="91"/>
      <c r="GU433" s="91"/>
      <c r="GV433" s="91"/>
      <c r="GW433" s="91"/>
      <c r="GX433" s="91"/>
      <c r="GY433" s="91"/>
      <c r="GZ433" s="91"/>
      <c r="HA433" s="91"/>
      <c r="HB433" s="91"/>
      <c r="HC433" s="91"/>
      <c r="HD433" s="91"/>
      <c r="HE433" s="91"/>
      <c r="HF433" s="91"/>
      <c r="HG433" s="91"/>
      <c r="HH433" s="91"/>
      <c r="HI433" s="91"/>
      <c r="HJ433" s="91"/>
      <c r="HK433" s="127"/>
      <c r="HL433" s="126"/>
      <c r="HM433" s="91"/>
      <c r="HN433" s="91"/>
      <c r="HO433" s="91"/>
      <c r="HP433" s="91"/>
      <c r="HQ433" s="91"/>
      <c r="HR433" s="91"/>
      <c r="HS433" s="91"/>
      <c r="HT433" s="91"/>
      <c r="HU433" s="91"/>
      <c r="HV433" s="91"/>
      <c r="HW433" s="91"/>
      <c r="HX433" s="91"/>
      <c r="HY433" s="91"/>
      <c r="HZ433" s="91"/>
      <c r="IA433" s="91"/>
      <c r="IB433" s="91"/>
      <c r="IC433" s="91"/>
      <c r="ID433" s="91"/>
      <c r="IE433" s="91"/>
      <c r="IF433" s="91"/>
      <c r="IG433" s="91"/>
      <c r="IH433" s="91"/>
      <c r="II433" s="91"/>
      <c r="IJ433" s="91"/>
      <c r="IK433" s="127"/>
    </row>
    <row r="434" spans="2:245" x14ac:dyDescent="0.2">
      <c r="B434" s="43"/>
      <c r="C434" s="73"/>
      <c r="D434" s="64"/>
      <c r="E434" s="64"/>
      <c r="F434" s="55"/>
      <c r="G434" s="102"/>
      <c r="H434" s="55"/>
      <c r="I434" s="55"/>
      <c r="J434" s="55"/>
      <c r="K434" s="55"/>
      <c r="L434" s="55"/>
      <c r="M434" s="55"/>
      <c r="N434" s="55"/>
      <c r="O434" s="55"/>
      <c r="P434" s="55"/>
      <c r="Q434" s="55"/>
      <c r="R434" s="55"/>
      <c r="S434" s="55"/>
      <c r="T434" s="55"/>
      <c r="U434" s="55"/>
      <c r="V434" s="55"/>
      <c r="W434" s="55"/>
      <c r="X434" s="55"/>
      <c r="Y434" s="55"/>
      <c r="Z434" s="55"/>
      <c r="AA434" s="55"/>
      <c r="AB434" s="55"/>
      <c r="AC434" s="55"/>
      <c r="AD434" s="55"/>
      <c r="AE434" s="55"/>
      <c r="AF434" s="55"/>
      <c r="AG434" s="55"/>
      <c r="AY434" s="162"/>
      <c r="AZ434" s="162"/>
      <c r="BA434" s="162"/>
      <c r="BB434" s="162"/>
      <c r="BC434" s="162"/>
      <c r="BD434" s="162"/>
      <c r="BE434" s="162"/>
      <c r="BF434" s="162"/>
      <c r="BG434" s="162"/>
      <c r="BH434" s="162"/>
      <c r="BI434" s="162"/>
      <c r="BJ434" s="162"/>
      <c r="BK434" s="162"/>
      <c r="BL434" s="162"/>
      <c r="BM434" s="162"/>
      <c r="BN434" s="162"/>
      <c r="BO434" s="162"/>
      <c r="BP434" s="162"/>
      <c r="BQ434" s="162"/>
      <c r="BR434" s="162"/>
      <c r="BS434" s="162"/>
      <c r="BT434" s="162"/>
      <c r="BU434" s="162"/>
      <c r="BV434" s="162"/>
      <c r="BW434" s="162"/>
      <c r="BX434" s="162"/>
      <c r="BY434" s="162"/>
      <c r="BZ434" s="162"/>
      <c r="CA434" s="162"/>
      <c r="CB434" s="162"/>
      <c r="CC434" s="162"/>
      <c r="CD434" s="162"/>
      <c r="CE434" s="162"/>
      <c r="CF434" s="162"/>
      <c r="CG434" s="162"/>
      <c r="CH434" s="162"/>
      <c r="CI434" s="162"/>
      <c r="CJ434" s="162"/>
      <c r="CK434" s="162"/>
      <c r="CX434" s="98"/>
      <c r="DL434" s="97"/>
      <c r="DX434" s="98"/>
      <c r="EL434" s="97"/>
      <c r="EX434" s="98"/>
      <c r="EY434" s="97"/>
      <c r="FL434" s="126"/>
      <c r="FM434" s="91"/>
      <c r="FN434" s="91"/>
      <c r="FO434" s="91"/>
      <c r="FP434" s="91"/>
      <c r="FQ434" s="91"/>
      <c r="FR434" s="91"/>
      <c r="FS434" s="91"/>
      <c r="FT434" s="91"/>
      <c r="FU434" s="91"/>
      <c r="FV434" s="91"/>
      <c r="FW434" s="91"/>
      <c r="FX434" s="91"/>
      <c r="FY434" s="91"/>
      <c r="FZ434" s="91"/>
      <c r="GA434" s="91"/>
      <c r="GB434" s="91"/>
      <c r="GC434" s="91"/>
      <c r="GD434" s="91"/>
      <c r="GE434" s="91"/>
      <c r="GF434" s="91"/>
      <c r="GG434" s="91"/>
      <c r="GH434" s="91"/>
      <c r="GI434" s="91"/>
      <c r="GJ434" s="91"/>
      <c r="GK434" s="127"/>
      <c r="GL434" s="126"/>
      <c r="GM434" s="91"/>
      <c r="GN434" s="91"/>
      <c r="GO434" s="91"/>
      <c r="GP434" s="91"/>
      <c r="GQ434" s="91"/>
      <c r="GR434" s="91"/>
      <c r="GS434" s="91"/>
      <c r="GT434" s="91"/>
      <c r="GU434" s="91"/>
      <c r="GV434" s="91"/>
      <c r="GW434" s="91"/>
      <c r="GX434" s="91"/>
      <c r="GY434" s="91"/>
      <c r="GZ434" s="91"/>
      <c r="HA434" s="91"/>
      <c r="HB434" s="91"/>
      <c r="HC434" s="91"/>
      <c r="HD434" s="91"/>
      <c r="HE434" s="91"/>
      <c r="HF434" s="91"/>
      <c r="HG434" s="91"/>
      <c r="HH434" s="91"/>
      <c r="HI434" s="91"/>
      <c r="HJ434" s="91"/>
      <c r="HK434" s="127"/>
      <c r="HL434" s="126"/>
      <c r="HM434" s="91"/>
      <c r="HN434" s="91"/>
      <c r="HO434" s="91"/>
      <c r="HP434" s="91"/>
      <c r="HQ434" s="91"/>
      <c r="HR434" s="91"/>
      <c r="HS434" s="91"/>
      <c r="HT434" s="91"/>
      <c r="HU434" s="91"/>
      <c r="HV434" s="91"/>
      <c r="HW434" s="91"/>
      <c r="HX434" s="91"/>
      <c r="HY434" s="91"/>
      <c r="HZ434" s="91"/>
      <c r="IA434" s="91"/>
      <c r="IB434" s="91"/>
      <c r="IC434" s="91"/>
      <c r="ID434" s="91"/>
      <c r="IE434" s="91"/>
      <c r="IF434" s="91"/>
      <c r="IG434" s="91"/>
      <c r="IH434" s="91"/>
      <c r="II434" s="91"/>
      <c r="IJ434" s="91"/>
      <c r="IK434" s="127"/>
    </row>
    <row r="435" spans="2:245" x14ac:dyDescent="0.2">
      <c r="B435" s="43"/>
      <c r="C435" s="73"/>
      <c r="D435" s="64"/>
      <c r="E435" s="64"/>
      <c r="F435" s="55"/>
      <c r="G435" s="102"/>
      <c r="H435" s="55"/>
      <c r="I435" s="55"/>
      <c r="J435" s="55"/>
      <c r="K435" s="55"/>
      <c r="L435" s="55"/>
      <c r="M435" s="55"/>
      <c r="N435" s="55"/>
      <c r="O435" s="55"/>
      <c r="P435" s="55"/>
      <c r="Q435" s="55"/>
      <c r="R435" s="55"/>
      <c r="S435" s="55"/>
      <c r="T435" s="55"/>
      <c r="U435" s="55"/>
      <c r="V435" s="55"/>
      <c r="W435" s="55"/>
      <c r="X435" s="55"/>
      <c r="Y435" s="55"/>
      <c r="Z435" s="55"/>
      <c r="AA435" s="55"/>
      <c r="AB435" s="55"/>
      <c r="AC435" s="55"/>
      <c r="AD435" s="55"/>
      <c r="AE435" s="55"/>
      <c r="AF435" s="55"/>
      <c r="AG435" s="55"/>
      <c r="AY435" s="162"/>
      <c r="AZ435" s="162"/>
      <c r="BA435" s="162"/>
      <c r="BB435" s="162"/>
      <c r="BC435" s="162"/>
      <c r="BD435" s="162"/>
      <c r="BE435" s="162"/>
      <c r="BF435" s="162"/>
      <c r="BG435" s="162"/>
      <c r="BH435" s="162"/>
      <c r="BI435" s="162"/>
      <c r="BJ435" s="162"/>
      <c r="BK435" s="162"/>
      <c r="BL435" s="162"/>
      <c r="BM435" s="162"/>
      <c r="BN435" s="162"/>
      <c r="BO435" s="162"/>
      <c r="BP435" s="162"/>
      <c r="BQ435" s="162"/>
      <c r="BR435" s="162"/>
      <c r="BS435" s="162"/>
      <c r="BT435" s="162"/>
      <c r="BU435" s="162"/>
      <c r="BV435" s="162"/>
      <c r="BW435" s="162"/>
      <c r="BX435" s="162"/>
      <c r="BY435" s="162"/>
      <c r="BZ435" s="162"/>
      <c r="CA435" s="162"/>
      <c r="CB435" s="162"/>
      <c r="CC435" s="162"/>
      <c r="CD435" s="162"/>
      <c r="CE435" s="162"/>
      <c r="CF435" s="162"/>
      <c r="CG435" s="162"/>
      <c r="CH435" s="162"/>
      <c r="CI435" s="162"/>
      <c r="CJ435" s="162"/>
      <c r="CK435" s="162"/>
      <c r="CX435" s="98"/>
      <c r="DL435" s="97"/>
      <c r="DX435" s="98"/>
      <c r="EL435" s="97"/>
      <c r="EX435" s="98"/>
      <c r="EY435" s="97"/>
      <c r="FL435" s="126"/>
      <c r="FM435" s="91"/>
      <c r="FN435" s="91"/>
      <c r="FO435" s="91"/>
      <c r="FP435" s="91"/>
      <c r="FQ435" s="91"/>
      <c r="FR435" s="91"/>
      <c r="FS435" s="91"/>
      <c r="FT435" s="91"/>
      <c r="FU435" s="91"/>
      <c r="FV435" s="91"/>
      <c r="FW435" s="91"/>
      <c r="FX435" s="91"/>
      <c r="FY435" s="91"/>
      <c r="FZ435" s="91"/>
      <c r="GA435" s="91"/>
      <c r="GB435" s="91"/>
      <c r="GC435" s="91"/>
      <c r="GD435" s="91"/>
      <c r="GE435" s="91"/>
      <c r="GF435" s="91"/>
      <c r="GG435" s="91"/>
      <c r="GH435" s="91"/>
      <c r="GI435" s="91"/>
      <c r="GJ435" s="91"/>
      <c r="GK435" s="127"/>
      <c r="GL435" s="126"/>
      <c r="GM435" s="91"/>
      <c r="GN435" s="91"/>
      <c r="GO435" s="91"/>
      <c r="GP435" s="91"/>
      <c r="GQ435" s="91"/>
      <c r="GR435" s="91"/>
      <c r="GS435" s="91"/>
      <c r="GT435" s="91"/>
      <c r="GU435" s="91"/>
      <c r="GV435" s="91"/>
      <c r="GW435" s="91"/>
      <c r="GX435" s="91"/>
      <c r="GY435" s="91"/>
      <c r="GZ435" s="91"/>
      <c r="HA435" s="91"/>
      <c r="HB435" s="91"/>
      <c r="HC435" s="91"/>
      <c r="HD435" s="91"/>
      <c r="HE435" s="91"/>
      <c r="HF435" s="91"/>
      <c r="HG435" s="91"/>
      <c r="HH435" s="91"/>
      <c r="HI435" s="91"/>
      <c r="HJ435" s="91"/>
      <c r="HK435" s="127"/>
      <c r="HL435" s="126"/>
      <c r="HM435" s="91"/>
      <c r="HN435" s="91"/>
      <c r="HO435" s="91"/>
      <c r="HP435" s="91"/>
      <c r="HQ435" s="91"/>
      <c r="HR435" s="91"/>
      <c r="HS435" s="91"/>
      <c r="HT435" s="91"/>
      <c r="HU435" s="91"/>
      <c r="HV435" s="91"/>
      <c r="HW435" s="91"/>
      <c r="HX435" s="91"/>
      <c r="HY435" s="91"/>
      <c r="HZ435" s="91"/>
      <c r="IA435" s="91"/>
      <c r="IB435" s="91"/>
      <c r="IC435" s="91"/>
      <c r="ID435" s="91"/>
      <c r="IE435" s="91"/>
      <c r="IF435" s="91"/>
      <c r="IG435" s="91"/>
      <c r="IH435" s="91"/>
      <c r="II435" s="91"/>
      <c r="IJ435" s="91"/>
      <c r="IK435" s="127"/>
    </row>
    <row r="436" spans="2:245" x14ac:dyDescent="0.2">
      <c r="B436" s="43"/>
      <c r="C436" s="73"/>
      <c r="D436" s="64"/>
      <c r="E436" s="64"/>
      <c r="F436" s="55"/>
      <c r="G436" s="102"/>
      <c r="H436" s="55"/>
      <c r="I436" s="55"/>
      <c r="J436" s="55"/>
      <c r="K436" s="55"/>
      <c r="L436" s="55"/>
      <c r="M436" s="55"/>
      <c r="N436" s="55"/>
      <c r="O436" s="55"/>
      <c r="P436" s="55"/>
      <c r="Q436" s="55"/>
      <c r="R436" s="55"/>
      <c r="S436" s="55"/>
      <c r="T436" s="55"/>
      <c r="U436" s="55"/>
      <c r="V436" s="55"/>
      <c r="W436" s="55"/>
      <c r="X436" s="55"/>
      <c r="Y436" s="55"/>
      <c r="Z436" s="55"/>
      <c r="AA436" s="55"/>
      <c r="AB436" s="55"/>
      <c r="AC436" s="55"/>
      <c r="AD436" s="55"/>
      <c r="AE436" s="55"/>
      <c r="AF436" s="55"/>
      <c r="AG436" s="55"/>
      <c r="AY436" s="162"/>
      <c r="AZ436" s="162"/>
      <c r="BA436" s="162"/>
      <c r="BB436" s="162"/>
      <c r="BC436" s="162"/>
      <c r="BD436" s="162"/>
      <c r="BE436" s="162"/>
      <c r="BF436" s="162"/>
      <c r="BG436" s="162"/>
      <c r="BH436" s="162"/>
      <c r="BI436" s="162"/>
      <c r="BJ436" s="162"/>
      <c r="BK436" s="162"/>
      <c r="BL436" s="162"/>
      <c r="BM436" s="162"/>
      <c r="BN436" s="162"/>
      <c r="BO436" s="162"/>
      <c r="BP436" s="162"/>
      <c r="BQ436" s="162"/>
      <c r="BR436" s="162"/>
      <c r="BS436" s="162"/>
      <c r="BT436" s="162"/>
      <c r="BU436" s="162"/>
      <c r="BV436" s="162"/>
      <c r="BW436" s="162"/>
      <c r="BX436" s="162"/>
      <c r="BY436" s="162"/>
      <c r="BZ436" s="162"/>
      <c r="CA436" s="162"/>
      <c r="CB436" s="162"/>
      <c r="CC436" s="162"/>
      <c r="CD436" s="162"/>
      <c r="CE436" s="162"/>
      <c r="CF436" s="162"/>
      <c r="CG436" s="162"/>
      <c r="CH436" s="162"/>
      <c r="CI436" s="162"/>
      <c r="CJ436" s="162"/>
      <c r="CK436" s="162"/>
      <c r="CX436" s="98"/>
      <c r="DL436" s="97"/>
      <c r="DX436" s="98"/>
      <c r="EL436" s="97"/>
      <c r="EX436" s="98"/>
      <c r="EY436" s="97"/>
      <c r="FL436" s="126"/>
      <c r="FM436" s="91"/>
      <c r="FN436" s="91"/>
      <c r="FO436" s="91"/>
      <c r="FP436" s="91"/>
      <c r="FQ436" s="91"/>
      <c r="FR436" s="91"/>
      <c r="FS436" s="91"/>
      <c r="FT436" s="91"/>
      <c r="FU436" s="91"/>
      <c r="FV436" s="91"/>
      <c r="FW436" s="91"/>
      <c r="FX436" s="91"/>
      <c r="FY436" s="91"/>
      <c r="FZ436" s="91"/>
      <c r="GA436" s="91"/>
      <c r="GB436" s="91"/>
      <c r="GC436" s="91"/>
      <c r="GD436" s="91"/>
      <c r="GE436" s="91"/>
      <c r="GF436" s="91"/>
      <c r="GG436" s="91"/>
      <c r="GH436" s="91"/>
      <c r="GI436" s="91"/>
      <c r="GJ436" s="91"/>
      <c r="GK436" s="127"/>
      <c r="GL436" s="126"/>
      <c r="GM436" s="91"/>
      <c r="GN436" s="91"/>
      <c r="GO436" s="91"/>
      <c r="GP436" s="91"/>
      <c r="GQ436" s="91"/>
      <c r="GR436" s="91"/>
      <c r="GS436" s="91"/>
      <c r="GT436" s="91"/>
      <c r="GU436" s="91"/>
      <c r="GV436" s="91"/>
      <c r="GW436" s="91"/>
      <c r="GX436" s="91"/>
      <c r="GY436" s="91"/>
      <c r="GZ436" s="91"/>
      <c r="HA436" s="91"/>
      <c r="HB436" s="91"/>
      <c r="HC436" s="91"/>
      <c r="HD436" s="91"/>
      <c r="HE436" s="91"/>
      <c r="HF436" s="91"/>
      <c r="HG436" s="91"/>
      <c r="HH436" s="91"/>
      <c r="HI436" s="91"/>
      <c r="HJ436" s="91"/>
      <c r="HK436" s="127"/>
      <c r="HL436" s="126"/>
      <c r="HM436" s="91"/>
      <c r="HN436" s="91"/>
      <c r="HO436" s="91"/>
      <c r="HP436" s="91"/>
      <c r="HQ436" s="91"/>
      <c r="HR436" s="91"/>
      <c r="HS436" s="91"/>
      <c r="HT436" s="91"/>
      <c r="HU436" s="91"/>
      <c r="HV436" s="91"/>
      <c r="HW436" s="91"/>
      <c r="HX436" s="91"/>
      <c r="HY436" s="91"/>
      <c r="HZ436" s="91"/>
      <c r="IA436" s="91"/>
      <c r="IB436" s="91"/>
      <c r="IC436" s="91"/>
      <c r="ID436" s="91"/>
      <c r="IE436" s="91"/>
      <c r="IF436" s="91"/>
      <c r="IG436" s="91"/>
      <c r="IH436" s="91"/>
      <c r="II436" s="91"/>
      <c r="IJ436" s="91"/>
      <c r="IK436" s="127"/>
    </row>
    <row r="437" spans="2:245" x14ac:dyDescent="0.2">
      <c r="B437" s="43"/>
      <c r="C437" s="73"/>
      <c r="D437" s="64"/>
      <c r="E437" s="64"/>
      <c r="F437" s="55"/>
      <c r="G437" s="102"/>
      <c r="H437" s="55"/>
      <c r="I437" s="55"/>
      <c r="J437" s="55"/>
      <c r="K437" s="55"/>
      <c r="L437" s="55"/>
      <c r="M437" s="55"/>
      <c r="N437" s="55"/>
      <c r="O437" s="55"/>
      <c r="P437" s="55"/>
      <c r="Q437" s="55"/>
      <c r="R437" s="55"/>
      <c r="S437" s="55"/>
      <c r="T437" s="55"/>
      <c r="U437" s="55"/>
      <c r="V437" s="55"/>
      <c r="W437" s="55"/>
      <c r="X437" s="55"/>
      <c r="Y437" s="55"/>
      <c r="Z437" s="55"/>
      <c r="AA437" s="55"/>
      <c r="AB437" s="55"/>
      <c r="AC437" s="55"/>
      <c r="AD437" s="55"/>
      <c r="AE437" s="55"/>
      <c r="AF437" s="55"/>
      <c r="AG437" s="55"/>
      <c r="AY437" s="162"/>
      <c r="AZ437" s="162"/>
      <c r="BA437" s="162"/>
      <c r="BB437" s="162"/>
      <c r="BC437" s="162"/>
      <c r="BD437" s="162"/>
      <c r="BE437" s="162"/>
      <c r="BF437" s="162"/>
      <c r="BG437" s="162"/>
      <c r="BH437" s="162"/>
      <c r="BI437" s="162"/>
      <c r="BJ437" s="162"/>
      <c r="BK437" s="162"/>
      <c r="BL437" s="162"/>
      <c r="BM437" s="162"/>
      <c r="BN437" s="162"/>
      <c r="BO437" s="162"/>
      <c r="BP437" s="162"/>
      <c r="BQ437" s="162"/>
      <c r="BR437" s="162"/>
      <c r="BS437" s="162"/>
      <c r="BT437" s="162"/>
      <c r="BU437" s="162"/>
      <c r="BV437" s="162"/>
      <c r="BW437" s="162"/>
      <c r="BX437" s="162"/>
      <c r="BY437" s="162"/>
      <c r="BZ437" s="162"/>
      <c r="CA437" s="162"/>
      <c r="CB437" s="162"/>
      <c r="CC437" s="162"/>
      <c r="CD437" s="162"/>
      <c r="CE437" s="162"/>
      <c r="CF437" s="162"/>
      <c r="CG437" s="162"/>
      <c r="CH437" s="162"/>
      <c r="CI437" s="162"/>
      <c r="CJ437" s="162"/>
      <c r="CK437" s="162"/>
      <c r="CX437" s="98"/>
      <c r="DL437" s="97"/>
      <c r="DX437" s="98"/>
      <c r="EL437" s="97"/>
      <c r="EX437" s="98"/>
      <c r="EY437" s="97"/>
      <c r="FL437" s="126"/>
      <c r="FM437" s="91"/>
      <c r="FN437" s="91"/>
      <c r="FO437" s="91"/>
      <c r="FP437" s="91"/>
      <c r="FQ437" s="91"/>
      <c r="FR437" s="91"/>
      <c r="FS437" s="91"/>
      <c r="FT437" s="91"/>
      <c r="FU437" s="91"/>
      <c r="FV437" s="91"/>
      <c r="FW437" s="91"/>
      <c r="FX437" s="91"/>
      <c r="FY437" s="91"/>
      <c r="FZ437" s="91"/>
      <c r="GA437" s="91"/>
      <c r="GB437" s="91"/>
      <c r="GC437" s="91"/>
      <c r="GD437" s="91"/>
      <c r="GE437" s="91"/>
      <c r="GF437" s="91"/>
      <c r="GG437" s="91"/>
      <c r="GH437" s="91"/>
      <c r="GI437" s="91"/>
      <c r="GJ437" s="91"/>
      <c r="GK437" s="127"/>
      <c r="GL437" s="126"/>
      <c r="GM437" s="91"/>
      <c r="GN437" s="91"/>
      <c r="GO437" s="91"/>
      <c r="GP437" s="91"/>
      <c r="GQ437" s="91"/>
      <c r="GR437" s="91"/>
      <c r="GS437" s="91"/>
      <c r="GT437" s="91"/>
      <c r="GU437" s="91"/>
      <c r="GV437" s="91"/>
      <c r="GW437" s="91"/>
      <c r="GX437" s="91"/>
      <c r="GY437" s="91"/>
      <c r="GZ437" s="91"/>
      <c r="HA437" s="91"/>
      <c r="HB437" s="91"/>
      <c r="HC437" s="91"/>
      <c r="HD437" s="91"/>
      <c r="HE437" s="91"/>
      <c r="HF437" s="91"/>
      <c r="HG437" s="91"/>
      <c r="HH437" s="91"/>
      <c r="HI437" s="91"/>
      <c r="HJ437" s="91"/>
      <c r="HK437" s="127"/>
      <c r="HL437" s="126"/>
      <c r="HM437" s="91"/>
      <c r="HN437" s="91"/>
      <c r="HO437" s="91"/>
      <c r="HP437" s="91"/>
      <c r="HQ437" s="91"/>
      <c r="HR437" s="91"/>
      <c r="HS437" s="91"/>
      <c r="HT437" s="91"/>
      <c r="HU437" s="91"/>
      <c r="HV437" s="91"/>
      <c r="HW437" s="91"/>
      <c r="HX437" s="91"/>
      <c r="HY437" s="91"/>
      <c r="HZ437" s="91"/>
      <c r="IA437" s="91"/>
      <c r="IB437" s="91"/>
      <c r="IC437" s="91"/>
      <c r="ID437" s="91"/>
      <c r="IE437" s="91"/>
      <c r="IF437" s="91"/>
      <c r="IG437" s="91"/>
      <c r="IH437" s="91"/>
      <c r="II437" s="91"/>
      <c r="IJ437" s="91"/>
      <c r="IK437" s="127"/>
    </row>
    <row r="438" spans="2:245" x14ac:dyDescent="0.2">
      <c r="B438" s="43"/>
      <c r="C438" s="73"/>
      <c r="D438" s="64"/>
      <c r="E438" s="64"/>
      <c r="F438" s="55"/>
      <c r="G438" s="102"/>
      <c r="H438" s="55"/>
      <c r="I438" s="55"/>
      <c r="J438" s="55"/>
      <c r="K438" s="55"/>
      <c r="L438" s="55"/>
      <c r="M438" s="55"/>
      <c r="N438" s="55"/>
      <c r="O438" s="55"/>
      <c r="P438" s="55"/>
      <c r="Q438" s="55"/>
      <c r="R438" s="55"/>
      <c r="S438" s="55"/>
      <c r="T438" s="55"/>
      <c r="U438" s="55"/>
      <c r="V438" s="55"/>
      <c r="W438" s="55"/>
      <c r="X438" s="55"/>
      <c r="Y438" s="55"/>
      <c r="Z438" s="55"/>
      <c r="AA438" s="55"/>
      <c r="AB438" s="55"/>
      <c r="AC438" s="55"/>
      <c r="AD438" s="55"/>
      <c r="AE438" s="55"/>
      <c r="AF438" s="55"/>
      <c r="AG438" s="55"/>
      <c r="AY438" s="162"/>
      <c r="AZ438" s="162"/>
      <c r="BA438" s="162"/>
      <c r="BB438" s="162"/>
      <c r="BC438" s="162"/>
      <c r="BD438" s="162"/>
      <c r="BE438" s="162"/>
      <c r="BF438" s="162"/>
      <c r="BG438" s="162"/>
      <c r="BH438" s="162"/>
      <c r="BI438" s="162"/>
      <c r="BJ438" s="162"/>
      <c r="BK438" s="162"/>
      <c r="BL438" s="162"/>
      <c r="BM438" s="162"/>
      <c r="BN438" s="162"/>
      <c r="BO438" s="162"/>
      <c r="BP438" s="162"/>
      <c r="BQ438" s="162"/>
      <c r="BR438" s="162"/>
      <c r="BS438" s="162"/>
      <c r="BT438" s="162"/>
      <c r="BU438" s="162"/>
      <c r="BV438" s="162"/>
      <c r="BW438" s="162"/>
      <c r="BX438" s="162"/>
      <c r="BY438" s="162"/>
      <c r="BZ438" s="162"/>
      <c r="CA438" s="162"/>
      <c r="CB438" s="162"/>
      <c r="CC438" s="162"/>
      <c r="CD438" s="162"/>
      <c r="CE438" s="162"/>
      <c r="CF438" s="162"/>
      <c r="CG438" s="162"/>
      <c r="CH438" s="162"/>
      <c r="CI438" s="162"/>
      <c r="CJ438" s="162"/>
      <c r="CK438" s="162"/>
      <c r="CX438" s="98"/>
      <c r="DL438" s="97"/>
      <c r="DX438" s="98"/>
      <c r="EL438" s="97"/>
      <c r="EX438" s="98"/>
      <c r="EY438" s="97"/>
      <c r="FL438" s="126"/>
      <c r="FM438" s="91"/>
      <c r="FN438" s="91"/>
      <c r="FO438" s="91"/>
      <c r="FP438" s="91"/>
      <c r="FQ438" s="91"/>
      <c r="FR438" s="91"/>
      <c r="FS438" s="91"/>
      <c r="FT438" s="91"/>
      <c r="FU438" s="91"/>
      <c r="FV438" s="91"/>
      <c r="FW438" s="91"/>
      <c r="FX438" s="91"/>
      <c r="FY438" s="91"/>
      <c r="FZ438" s="91"/>
      <c r="GA438" s="91"/>
      <c r="GB438" s="91"/>
      <c r="GC438" s="91"/>
      <c r="GD438" s="91"/>
      <c r="GE438" s="91"/>
      <c r="GF438" s="91"/>
      <c r="GG438" s="91"/>
      <c r="GH438" s="91"/>
      <c r="GI438" s="91"/>
      <c r="GJ438" s="91"/>
      <c r="GK438" s="127"/>
      <c r="GL438" s="126"/>
      <c r="GM438" s="91"/>
      <c r="GN438" s="91"/>
      <c r="GO438" s="91"/>
      <c r="GP438" s="91"/>
      <c r="GQ438" s="91"/>
      <c r="GR438" s="91"/>
      <c r="GS438" s="91"/>
      <c r="GT438" s="91"/>
      <c r="GU438" s="91"/>
      <c r="GV438" s="91"/>
      <c r="GW438" s="91"/>
      <c r="GX438" s="91"/>
      <c r="GY438" s="91"/>
      <c r="GZ438" s="91"/>
      <c r="HA438" s="91"/>
      <c r="HB438" s="91"/>
      <c r="HC438" s="91"/>
      <c r="HD438" s="91"/>
      <c r="HE438" s="91"/>
      <c r="HF438" s="91"/>
      <c r="HG438" s="91"/>
      <c r="HH438" s="91"/>
      <c r="HI438" s="91"/>
      <c r="HJ438" s="91"/>
      <c r="HK438" s="127"/>
      <c r="HL438" s="126"/>
      <c r="HM438" s="91"/>
      <c r="HN438" s="91"/>
      <c r="HO438" s="91"/>
      <c r="HP438" s="91"/>
      <c r="HQ438" s="91"/>
      <c r="HR438" s="91"/>
      <c r="HS438" s="91"/>
      <c r="HT438" s="91"/>
      <c r="HU438" s="91"/>
      <c r="HV438" s="91"/>
      <c r="HW438" s="91"/>
      <c r="HX438" s="91"/>
      <c r="HY438" s="91"/>
      <c r="HZ438" s="91"/>
      <c r="IA438" s="91"/>
      <c r="IB438" s="91"/>
      <c r="IC438" s="91"/>
      <c r="ID438" s="91"/>
      <c r="IE438" s="91"/>
      <c r="IF438" s="91"/>
      <c r="IG438" s="91"/>
      <c r="IH438" s="91"/>
      <c r="II438" s="91"/>
      <c r="IJ438" s="91"/>
      <c r="IK438" s="127"/>
    </row>
    <row r="439" spans="2:245" x14ac:dyDescent="0.2">
      <c r="B439" s="43"/>
      <c r="C439" s="73"/>
      <c r="D439" s="64"/>
      <c r="E439" s="64"/>
      <c r="F439" s="55"/>
      <c r="G439" s="102"/>
      <c r="H439" s="55"/>
      <c r="I439" s="55"/>
      <c r="J439" s="55"/>
      <c r="K439" s="55"/>
      <c r="L439" s="55"/>
      <c r="M439" s="55"/>
      <c r="N439" s="55"/>
      <c r="O439" s="55"/>
      <c r="P439" s="55"/>
      <c r="Q439" s="55"/>
      <c r="R439" s="55"/>
      <c r="S439" s="55"/>
      <c r="T439" s="55"/>
      <c r="U439" s="55"/>
      <c r="V439" s="55"/>
      <c r="W439" s="55"/>
      <c r="X439" s="55"/>
      <c r="Y439" s="55"/>
      <c r="Z439" s="55"/>
      <c r="AA439" s="55"/>
      <c r="AB439" s="55"/>
      <c r="AC439" s="55"/>
      <c r="AD439" s="55"/>
      <c r="AE439" s="55"/>
      <c r="AF439" s="55"/>
      <c r="AG439" s="55"/>
      <c r="AY439" s="162"/>
      <c r="AZ439" s="162"/>
      <c r="BA439" s="162"/>
      <c r="BB439" s="162"/>
      <c r="BC439" s="162"/>
      <c r="BD439" s="162"/>
      <c r="BE439" s="162"/>
      <c r="BF439" s="162"/>
      <c r="BG439" s="162"/>
      <c r="BH439" s="162"/>
      <c r="BI439" s="162"/>
      <c r="BJ439" s="162"/>
      <c r="BK439" s="162"/>
      <c r="BL439" s="162"/>
      <c r="BM439" s="162"/>
      <c r="BN439" s="162"/>
      <c r="BO439" s="162"/>
      <c r="BP439" s="162"/>
      <c r="BQ439" s="162"/>
      <c r="BR439" s="162"/>
      <c r="BS439" s="162"/>
      <c r="BT439" s="162"/>
      <c r="BU439" s="162"/>
      <c r="BV439" s="162"/>
      <c r="BW439" s="162"/>
      <c r="BX439" s="162"/>
      <c r="BY439" s="162"/>
      <c r="BZ439" s="162"/>
      <c r="CA439" s="162"/>
      <c r="CB439" s="162"/>
      <c r="CC439" s="162"/>
      <c r="CD439" s="162"/>
      <c r="CE439" s="162"/>
      <c r="CF439" s="162"/>
      <c r="CG439" s="162"/>
      <c r="CH439" s="162"/>
      <c r="CI439" s="162"/>
      <c r="CJ439" s="162"/>
      <c r="CK439" s="162"/>
      <c r="CX439" s="98"/>
      <c r="DL439" s="97"/>
      <c r="DX439" s="98"/>
      <c r="EL439" s="97"/>
      <c r="EX439" s="98"/>
      <c r="EY439" s="97"/>
      <c r="FL439" s="126"/>
      <c r="FM439" s="91"/>
      <c r="FN439" s="91"/>
      <c r="FO439" s="91"/>
      <c r="FP439" s="91"/>
      <c r="FQ439" s="91"/>
      <c r="FR439" s="91"/>
      <c r="FS439" s="91"/>
      <c r="FT439" s="91"/>
      <c r="FU439" s="91"/>
      <c r="FV439" s="91"/>
      <c r="FW439" s="91"/>
      <c r="FX439" s="91"/>
      <c r="FY439" s="91"/>
      <c r="FZ439" s="91"/>
      <c r="GA439" s="91"/>
      <c r="GB439" s="91"/>
      <c r="GC439" s="91"/>
      <c r="GD439" s="91"/>
      <c r="GE439" s="91"/>
      <c r="GF439" s="91"/>
      <c r="GG439" s="91"/>
      <c r="GH439" s="91"/>
      <c r="GI439" s="91"/>
      <c r="GJ439" s="91"/>
      <c r="GK439" s="127"/>
      <c r="GL439" s="126"/>
      <c r="GM439" s="91"/>
      <c r="GN439" s="91"/>
      <c r="GO439" s="91"/>
      <c r="GP439" s="91"/>
      <c r="GQ439" s="91"/>
      <c r="GR439" s="91"/>
      <c r="GS439" s="91"/>
      <c r="GT439" s="91"/>
      <c r="GU439" s="91"/>
      <c r="GV439" s="91"/>
      <c r="GW439" s="91"/>
      <c r="GX439" s="91"/>
      <c r="GY439" s="91"/>
      <c r="GZ439" s="91"/>
      <c r="HA439" s="91"/>
      <c r="HB439" s="91"/>
      <c r="HC439" s="91"/>
      <c r="HD439" s="91"/>
      <c r="HE439" s="91"/>
      <c r="HF439" s="91"/>
      <c r="HG439" s="91"/>
      <c r="HH439" s="91"/>
      <c r="HI439" s="91"/>
      <c r="HJ439" s="91"/>
      <c r="HK439" s="127"/>
      <c r="HL439" s="126"/>
      <c r="HM439" s="91"/>
      <c r="HN439" s="91"/>
      <c r="HO439" s="91"/>
      <c r="HP439" s="91"/>
      <c r="HQ439" s="91"/>
      <c r="HR439" s="91"/>
      <c r="HS439" s="91"/>
      <c r="HT439" s="91"/>
      <c r="HU439" s="91"/>
      <c r="HV439" s="91"/>
      <c r="HW439" s="91"/>
      <c r="HX439" s="91"/>
      <c r="HY439" s="91"/>
      <c r="HZ439" s="91"/>
      <c r="IA439" s="91"/>
      <c r="IB439" s="91"/>
      <c r="IC439" s="91"/>
      <c r="ID439" s="91"/>
      <c r="IE439" s="91"/>
      <c r="IF439" s="91"/>
      <c r="IG439" s="91"/>
      <c r="IH439" s="91"/>
      <c r="II439" s="91"/>
      <c r="IJ439" s="91"/>
      <c r="IK439" s="127"/>
    </row>
    <row r="440" spans="2:245" x14ac:dyDescent="0.2">
      <c r="B440" s="43"/>
      <c r="C440" s="73"/>
      <c r="D440" s="64"/>
      <c r="E440" s="64"/>
      <c r="F440" s="55"/>
      <c r="G440" s="102"/>
      <c r="H440" s="55"/>
      <c r="I440" s="55"/>
      <c r="J440" s="55"/>
      <c r="K440" s="55"/>
      <c r="L440" s="55"/>
      <c r="M440" s="55"/>
      <c r="N440" s="55"/>
      <c r="O440" s="55"/>
      <c r="P440" s="55"/>
      <c r="Q440" s="55"/>
      <c r="R440" s="55"/>
      <c r="S440" s="55"/>
      <c r="T440" s="55"/>
      <c r="U440" s="55"/>
      <c r="V440" s="55"/>
      <c r="W440" s="55"/>
      <c r="X440" s="55"/>
      <c r="Y440" s="55"/>
      <c r="Z440" s="55"/>
      <c r="AA440" s="55"/>
      <c r="AB440" s="55"/>
      <c r="AC440" s="55"/>
      <c r="AD440" s="55"/>
      <c r="AE440" s="55"/>
      <c r="AF440" s="55"/>
      <c r="AG440" s="55"/>
      <c r="AY440" s="162"/>
      <c r="AZ440" s="162"/>
      <c r="BA440" s="162"/>
      <c r="BB440" s="162"/>
      <c r="BC440" s="162"/>
      <c r="BD440" s="162"/>
      <c r="BE440" s="162"/>
      <c r="BF440" s="162"/>
      <c r="BG440" s="162"/>
      <c r="BH440" s="162"/>
      <c r="BI440" s="162"/>
      <c r="BJ440" s="162"/>
      <c r="BK440" s="162"/>
      <c r="BL440" s="162"/>
      <c r="BM440" s="162"/>
      <c r="BN440" s="162"/>
      <c r="BO440" s="162"/>
      <c r="BP440" s="162"/>
      <c r="BQ440" s="162"/>
      <c r="BR440" s="162"/>
      <c r="BS440" s="162"/>
      <c r="BT440" s="162"/>
      <c r="BU440" s="162"/>
      <c r="BV440" s="162"/>
      <c r="BW440" s="162"/>
      <c r="BX440" s="162"/>
      <c r="BY440" s="162"/>
      <c r="BZ440" s="162"/>
      <c r="CA440" s="162"/>
      <c r="CB440" s="162"/>
      <c r="CC440" s="162"/>
      <c r="CD440" s="162"/>
      <c r="CE440" s="162"/>
      <c r="CF440" s="162"/>
      <c r="CG440" s="162"/>
      <c r="CH440" s="162"/>
      <c r="CI440" s="162"/>
      <c r="CJ440" s="162"/>
      <c r="CK440" s="162"/>
      <c r="CX440" s="98"/>
      <c r="DL440" s="97"/>
      <c r="DX440" s="98"/>
      <c r="EL440" s="97"/>
      <c r="EX440" s="98"/>
      <c r="EY440" s="97"/>
      <c r="FL440" s="126"/>
      <c r="FM440" s="91"/>
      <c r="FN440" s="91"/>
      <c r="FO440" s="91"/>
      <c r="FP440" s="91"/>
      <c r="FQ440" s="91"/>
      <c r="FR440" s="91"/>
      <c r="FS440" s="91"/>
      <c r="FT440" s="91"/>
      <c r="FU440" s="91"/>
      <c r="FV440" s="91"/>
      <c r="FW440" s="91"/>
      <c r="FX440" s="91"/>
      <c r="FY440" s="91"/>
      <c r="FZ440" s="91"/>
      <c r="GA440" s="91"/>
      <c r="GB440" s="91"/>
      <c r="GC440" s="91"/>
      <c r="GD440" s="91"/>
      <c r="GE440" s="91"/>
      <c r="GF440" s="91"/>
      <c r="GG440" s="91"/>
      <c r="GH440" s="91"/>
      <c r="GI440" s="91"/>
      <c r="GJ440" s="91"/>
      <c r="GK440" s="127"/>
      <c r="GL440" s="126"/>
      <c r="GM440" s="91"/>
      <c r="GN440" s="91"/>
      <c r="GO440" s="91"/>
      <c r="GP440" s="91"/>
      <c r="GQ440" s="91"/>
      <c r="GR440" s="91"/>
      <c r="GS440" s="91"/>
      <c r="GT440" s="91"/>
      <c r="GU440" s="91"/>
      <c r="GV440" s="91"/>
      <c r="GW440" s="91"/>
      <c r="GX440" s="91"/>
      <c r="GY440" s="91"/>
      <c r="GZ440" s="91"/>
      <c r="HA440" s="91"/>
      <c r="HB440" s="91"/>
      <c r="HC440" s="91"/>
      <c r="HD440" s="91"/>
      <c r="HE440" s="91"/>
      <c r="HF440" s="91"/>
      <c r="HG440" s="91"/>
      <c r="HH440" s="91"/>
      <c r="HI440" s="91"/>
      <c r="HJ440" s="91"/>
      <c r="HK440" s="127"/>
      <c r="HL440" s="126"/>
      <c r="HM440" s="91"/>
      <c r="HN440" s="91"/>
      <c r="HO440" s="91"/>
      <c r="HP440" s="91"/>
      <c r="HQ440" s="91"/>
      <c r="HR440" s="91"/>
      <c r="HS440" s="91"/>
      <c r="HT440" s="91"/>
      <c r="HU440" s="91"/>
      <c r="HV440" s="91"/>
      <c r="HW440" s="91"/>
      <c r="HX440" s="91"/>
      <c r="HY440" s="91"/>
      <c r="HZ440" s="91"/>
      <c r="IA440" s="91"/>
      <c r="IB440" s="91"/>
      <c r="IC440" s="91"/>
      <c r="ID440" s="91"/>
      <c r="IE440" s="91"/>
      <c r="IF440" s="91"/>
      <c r="IG440" s="91"/>
      <c r="IH440" s="91"/>
      <c r="II440" s="91"/>
      <c r="IJ440" s="91"/>
      <c r="IK440" s="127"/>
    </row>
    <row r="441" spans="2:245" x14ac:dyDescent="0.2">
      <c r="B441" s="43"/>
      <c r="C441" s="73"/>
      <c r="D441" s="64"/>
      <c r="E441" s="64"/>
      <c r="F441" s="55"/>
      <c r="G441" s="102"/>
      <c r="H441" s="55"/>
      <c r="I441" s="55"/>
      <c r="J441" s="55"/>
      <c r="K441" s="55"/>
      <c r="L441" s="55"/>
      <c r="M441" s="55"/>
      <c r="N441" s="55"/>
      <c r="O441" s="55"/>
      <c r="P441" s="55"/>
      <c r="Q441" s="55"/>
      <c r="R441" s="55"/>
      <c r="S441" s="55"/>
      <c r="T441" s="55"/>
      <c r="U441" s="55"/>
      <c r="V441" s="55"/>
      <c r="W441" s="55"/>
      <c r="X441" s="55"/>
      <c r="Y441" s="55"/>
      <c r="Z441" s="55"/>
      <c r="AA441" s="55"/>
      <c r="AB441" s="55"/>
      <c r="AC441" s="55"/>
      <c r="AD441" s="55"/>
      <c r="AE441" s="55"/>
      <c r="AF441" s="55"/>
      <c r="AG441" s="55"/>
      <c r="AY441" s="162"/>
      <c r="AZ441" s="162"/>
      <c r="BA441" s="162"/>
      <c r="BB441" s="162"/>
      <c r="BC441" s="162"/>
      <c r="BD441" s="162"/>
      <c r="BE441" s="162"/>
      <c r="BF441" s="162"/>
      <c r="BG441" s="162"/>
      <c r="BH441" s="162"/>
      <c r="BI441" s="162"/>
      <c r="BJ441" s="162"/>
      <c r="BK441" s="162"/>
      <c r="BL441" s="162"/>
      <c r="BM441" s="162"/>
      <c r="BN441" s="162"/>
      <c r="BO441" s="162"/>
      <c r="BP441" s="162"/>
      <c r="BQ441" s="162"/>
      <c r="BR441" s="162"/>
      <c r="BS441" s="162"/>
      <c r="BT441" s="162"/>
      <c r="BU441" s="162"/>
      <c r="BV441" s="162"/>
      <c r="BW441" s="162"/>
      <c r="BX441" s="162"/>
      <c r="BY441" s="162"/>
      <c r="BZ441" s="162"/>
      <c r="CA441" s="162"/>
      <c r="CB441" s="162"/>
      <c r="CC441" s="162"/>
      <c r="CD441" s="162"/>
      <c r="CE441" s="162"/>
      <c r="CF441" s="162"/>
      <c r="CG441" s="162"/>
      <c r="CH441" s="162"/>
      <c r="CI441" s="162"/>
      <c r="CJ441" s="162"/>
      <c r="CK441" s="162"/>
      <c r="CX441" s="98"/>
      <c r="DL441" s="97"/>
      <c r="DX441" s="98"/>
      <c r="EL441" s="97"/>
      <c r="EX441" s="98"/>
      <c r="EY441" s="97"/>
      <c r="FL441" s="126"/>
      <c r="FM441" s="91"/>
      <c r="FN441" s="91"/>
      <c r="FO441" s="91"/>
      <c r="FP441" s="91"/>
      <c r="FQ441" s="91"/>
      <c r="FR441" s="91"/>
      <c r="FS441" s="91"/>
      <c r="FT441" s="91"/>
      <c r="FU441" s="91"/>
      <c r="FV441" s="91"/>
      <c r="FW441" s="91"/>
      <c r="FX441" s="91"/>
      <c r="FY441" s="91"/>
      <c r="FZ441" s="91"/>
      <c r="GA441" s="91"/>
      <c r="GB441" s="91"/>
      <c r="GC441" s="91"/>
      <c r="GD441" s="91"/>
      <c r="GE441" s="91"/>
      <c r="GF441" s="91"/>
      <c r="GG441" s="91"/>
      <c r="GH441" s="91"/>
      <c r="GI441" s="91"/>
      <c r="GJ441" s="91"/>
      <c r="GK441" s="127"/>
      <c r="GL441" s="126"/>
      <c r="GM441" s="91"/>
      <c r="GN441" s="91"/>
      <c r="GO441" s="91"/>
      <c r="GP441" s="91"/>
      <c r="GQ441" s="91"/>
      <c r="GR441" s="91"/>
      <c r="GS441" s="91"/>
      <c r="GT441" s="91"/>
      <c r="GU441" s="91"/>
      <c r="GV441" s="91"/>
      <c r="GW441" s="91"/>
      <c r="GX441" s="91"/>
      <c r="GY441" s="91"/>
      <c r="GZ441" s="91"/>
      <c r="HA441" s="91"/>
      <c r="HB441" s="91"/>
      <c r="HC441" s="91"/>
      <c r="HD441" s="91"/>
      <c r="HE441" s="91"/>
      <c r="HF441" s="91"/>
      <c r="HG441" s="91"/>
      <c r="HH441" s="91"/>
      <c r="HI441" s="91"/>
      <c r="HJ441" s="91"/>
      <c r="HK441" s="127"/>
      <c r="HL441" s="126"/>
      <c r="HM441" s="91"/>
      <c r="HN441" s="91"/>
      <c r="HO441" s="91"/>
      <c r="HP441" s="91"/>
      <c r="HQ441" s="91"/>
      <c r="HR441" s="91"/>
      <c r="HS441" s="91"/>
      <c r="HT441" s="91"/>
      <c r="HU441" s="91"/>
      <c r="HV441" s="91"/>
      <c r="HW441" s="91"/>
      <c r="HX441" s="91"/>
      <c r="HY441" s="91"/>
      <c r="HZ441" s="91"/>
      <c r="IA441" s="91"/>
      <c r="IB441" s="91"/>
      <c r="IC441" s="91"/>
      <c r="ID441" s="91"/>
      <c r="IE441" s="91"/>
      <c r="IF441" s="91"/>
      <c r="IG441" s="91"/>
      <c r="IH441" s="91"/>
      <c r="II441" s="91"/>
      <c r="IJ441" s="91"/>
      <c r="IK441" s="127"/>
    </row>
    <row r="442" spans="2:245" x14ac:dyDescent="0.2">
      <c r="B442" s="43"/>
      <c r="C442" s="73"/>
      <c r="D442" s="64"/>
      <c r="E442" s="64"/>
      <c r="F442" s="55"/>
      <c r="G442" s="102"/>
      <c r="H442" s="55"/>
      <c r="I442" s="55"/>
      <c r="J442" s="55"/>
      <c r="K442" s="55"/>
      <c r="L442" s="55"/>
      <c r="M442" s="55"/>
      <c r="N442" s="55"/>
      <c r="O442" s="55"/>
      <c r="P442" s="55"/>
      <c r="Q442" s="55"/>
      <c r="R442" s="55"/>
      <c r="S442" s="55"/>
      <c r="T442" s="55"/>
      <c r="U442" s="55"/>
      <c r="V442" s="55"/>
      <c r="W442" s="55"/>
      <c r="X442" s="55"/>
      <c r="Y442" s="55"/>
      <c r="Z442" s="55"/>
      <c r="AA442" s="55"/>
      <c r="AB442" s="55"/>
      <c r="AC442" s="55"/>
      <c r="AD442" s="55"/>
      <c r="AE442" s="55"/>
      <c r="AF442" s="55"/>
      <c r="AG442" s="55"/>
      <c r="AY442" s="162"/>
      <c r="AZ442" s="162"/>
      <c r="BA442" s="162"/>
      <c r="BB442" s="162"/>
      <c r="BC442" s="162"/>
      <c r="BD442" s="162"/>
      <c r="BE442" s="162"/>
      <c r="BF442" s="162"/>
      <c r="BG442" s="162"/>
      <c r="BH442" s="162"/>
      <c r="BI442" s="162"/>
      <c r="BJ442" s="162"/>
      <c r="BK442" s="162"/>
      <c r="BL442" s="162"/>
      <c r="BM442" s="162"/>
      <c r="BN442" s="162"/>
      <c r="BO442" s="162"/>
      <c r="BP442" s="162"/>
      <c r="BQ442" s="162"/>
      <c r="BR442" s="162"/>
      <c r="BS442" s="162"/>
      <c r="BT442" s="162"/>
      <c r="BU442" s="162"/>
      <c r="BV442" s="162"/>
      <c r="BW442" s="162"/>
      <c r="BX442" s="162"/>
      <c r="BY442" s="162"/>
      <c r="BZ442" s="162"/>
      <c r="CA442" s="162"/>
      <c r="CB442" s="162"/>
      <c r="CC442" s="162"/>
      <c r="CD442" s="162"/>
      <c r="CE442" s="162"/>
      <c r="CF442" s="162"/>
      <c r="CG442" s="162"/>
      <c r="CH442" s="162"/>
      <c r="CI442" s="162"/>
      <c r="CJ442" s="162"/>
      <c r="CK442" s="162"/>
      <c r="CX442" s="98"/>
      <c r="DL442" s="97"/>
      <c r="DX442" s="98"/>
      <c r="EL442" s="97"/>
      <c r="EX442" s="98"/>
      <c r="EY442" s="97"/>
      <c r="FL442" s="126"/>
      <c r="FM442" s="91"/>
      <c r="FN442" s="91"/>
      <c r="FO442" s="91"/>
      <c r="FP442" s="91"/>
      <c r="FQ442" s="91"/>
      <c r="FR442" s="91"/>
      <c r="FS442" s="91"/>
      <c r="FT442" s="91"/>
      <c r="FU442" s="91"/>
      <c r="FV442" s="91"/>
      <c r="FW442" s="91"/>
      <c r="FX442" s="91"/>
      <c r="FY442" s="91"/>
      <c r="FZ442" s="91"/>
      <c r="GA442" s="91"/>
      <c r="GB442" s="91"/>
      <c r="GC442" s="91"/>
      <c r="GD442" s="91"/>
      <c r="GE442" s="91"/>
      <c r="GF442" s="91"/>
      <c r="GG442" s="91"/>
      <c r="GH442" s="91"/>
      <c r="GI442" s="91"/>
      <c r="GJ442" s="91"/>
      <c r="GK442" s="127"/>
      <c r="GL442" s="126"/>
      <c r="GM442" s="91"/>
      <c r="GN442" s="91"/>
      <c r="GO442" s="91"/>
      <c r="GP442" s="91"/>
      <c r="GQ442" s="91"/>
      <c r="GR442" s="91"/>
      <c r="GS442" s="91"/>
      <c r="GT442" s="91"/>
      <c r="GU442" s="91"/>
      <c r="GV442" s="91"/>
      <c r="GW442" s="91"/>
      <c r="GX442" s="91"/>
      <c r="GY442" s="91"/>
      <c r="GZ442" s="91"/>
      <c r="HA442" s="91"/>
      <c r="HB442" s="91"/>
      <c r="HC442" s="91"/>
      <c r="HD442" s="91"/>
      <c r="HE442" s="91"/>
      <c r="HF442" s="91"/>
      <c r="HG442" s="91"/>
      <c r="HH442" s="91"/>
      <c r="HI442" s="91"/>
      <c r="HJ442" s="91"/>
      <c r="HK442" s="127"/>
      <c r="HL442" s="126"/>
      <c r="HM442" s="91"/>
      <c r="HN442" s="91"/>
      <c r="HO442" s="91"/>
      <c r="HP442" s="91"/>
      <c r="HQ442" s="91"/>
      <c r="HR442" s="91"/>
      <c r="HS442" s="91"/>
      <c r="HT442" s="91"/>
      <c r="HU442" s="91"/>
      <c r="HV442" s="91"/>
      <c r="HW442" s="91"/>
      <c r="HX442" s="91"/>
      <c r="HY442" s="91"/>
      <c r="HZ442" s="91"/>
      <c r="IA442" s="91"/>
      <c r="IB442" s="91"/>
      <c r="IC442" s="91"/>
      <c r="ID442" s="91"/>
      <c r="IE442" s="91"/>
      <c r="IF442" s="91"/>
      <c r="IG442" s="91"/>
      <c r="IH442" s="91"/>
      <c r="II442" s="91"/>
      <c r="IJ442" s="91"/>
      <c r="IK442" s="127"/>
    </row>
    <row r="443" spans="2:245" x14ac:dyDescent="0.2">
      <c r="B443" s="43"/>
      <c r="C443" s="73"/>
      <c r="D443" s="64"/>
      <c r="E443" s="64"/>
      <c r="F443" s="55"/>
      <c r="G443" s="102"/>
      <c r="H443" s="55"/>
      <c r="I443" s="55"/>
      <c r="J443" s="55"/>
      <c r="K443" s="55"/>
      <c r="L443" s="55"/>
      <c r="M443" s="55"/>
      <c r="N443" s="55"/>
      <c r="O443" s="55"/>
      <c r="P443" s="55"/>
      <c r="Q443" s="55"/>
      <c r="R443" s="55"/>
      <c r="S443" s="55"/>
      <c r="T443" s="55"/>
      <c r="U443" s="55"/>
      <c r="V443" s="55"/>
      <c r="W443" s="55"/>
      <c r="X443" s="55"/>
      <c r="Y443" s="55"/>
      <c r="Z443" s="55"/>
      <c r="AA443" s="55"/>
      <c r="AB443" s="55"/>
      <c r="AC443" s="55"/>
      <c r="AD443" s="55"/>
      <c r="AE443" s="55"/>
      <c r="AF443" s="55"/>
      <c r="AG443" s="55"/>
      <c r="AY443" s="162"/>
      <c r="AZ443" s="162"/>
      <c r="BA443" s="162"/>
      <c r="BB443" s="162"/>
      <c r="BC443" s="162"/>
      <c r="BD443" s="162"/>
      <c r="BE443" s="162"/>
      <c r="BF443" s="162"/>
      <c r="BG443" s="162"/>
      <c r="BH443" s="162"/>
      <c r="BI443" s="162"/>
      <c r="BJ443" s="162"/>
      <c r="BK443" s="162"/>
      <c r="BL443" s="162"/>
      <c r="BM443" s="162"/>
      <c r="BN443" s="162"/>
      <c r="BO443" s="162"/>
      <c r="BP443" s="162"/>
      <c r="BQ443" s="162"/>
      <c r="BR443" s="162"/>
      <c r="BS443" s="162"/>
      <c r="BT443" s="162"/>
      <c r="BU443" s="162"/>
      <c r="BV443" s="162"/>
      <c r="BW443" s="162"/>
      <c r="BX443" s="162"/>
      <c r="BY443" s="162"/>
      <c r="BZ443" s="162"/>
      <c r="CA443" s="162"/>
      <c r="CB443" s="162"/>
      <c r="CC443" s="162"/>
      <c r="CD443" s="162"/>
      <c r="CE443" s="162"/>
      <c r="CF443" s="162"/>
      <c r="CG443" s="162"/>
      <c r="CH443" s="162"/>
      <c r="CI443" s="162"/>
      <c r="CJ443" s="162"/>
      <c r="CK443" s="162"/>
      <c r="CX443" s="98"/>
      <c r="DL443" s="97"/>
      <c r="DX443" s="98"/>
      <c r="EL443" s="97"/>
      <c r="EX443" s="98"/>
      <c r="EY443" s="97"/>
      <c r="FL443" s="126"/>
      <c r="FM443" s="91"/>
      <c r="FN443" s="91"/>
      <c r="FO443" s="91"/>
      <c r="FP443" s="91"/>
      <c r="FQ443" s="91"/>
      <c r="FR443" s="91"/>
      <c r="FS443" s="91"/>
      <c r="FT443" s="91"/>
      <c r="FU443" s="91"/>
      <c r="FV443" s="91"/>
      <c r="FW443" s="91"/>
      <c r="FX443" s="91"/>
      <c r="FY443" s="91"/>
      <c r="FZ443" s="91"/>
      <c r="GA443" s="91"/>
      <c r="GB443" s="91"/>
      <c r="GC443" s="91"/>
      <c r="GD443" s="91"/>
      <c r="GE443" s="91"/>
      <c r="GF443" s="91"/>
      <c r="GG443" s="91"/>
      <c r="GH443" s="91"/>
      <c r="GI443" s="91"/>
      <c r="GJ443" s="91"/>
      <c r="GK443" s="127"/>
      <c r="GL443" s="126"/>
      <c r="GM443" s="91"/>
      <c r="GN443" s="91"/>
      <c r="GO443" s="91"/>
      <c r="GP443" s="91"/>
      <c r="GQ443" s="91"/>
      <c r="GR443" s="91"/>
      <c r="GS443" s="91"/>
      <c r="GT443" s="91"/>
      <c r="GU443" s="91"/>
      <c r="GV443" s="91"/>
      <c r="GW443" s="91"/>
      <c r="GX443" s="91"/>
      <c r="GY443" s="91"/>
      <c r="GZ443" s="91"/>
      <c r="HA443" s="91"/>
      <c r="HB443" s="91"/>
      <c r="HC443" s="91"/>
      <c r="HD443" s="91"/>
      <c r="HE443" s="91"/>
      <c r="HF443" s="91"/>
      <c r="HG443" s="91"/>
      <c r="HH443" s="91"/>
      <c r="HI443" s="91"/>
      <c r="HJ443" s="91"/>
      <c r="HK443" s="127"/>
      <c r="HL443" s="126"/>
      <c r="HM443" s="91"/>
      <c r="HN443" s="91"/>
      <c r="HO443" s="91"/>
      <c r="HP443" s="91"/>
      <c r="HQ443" s="91"/>
      <c r="HR443" s="91"/>
      <c r="HS443" s="91"/>
      <c r="HT443" s="91"/>
      <c r="HU443" s="91"/>
      <c r="HV443" s="91"/>
      <c r="HW443" s="91"/>
      <c r="HX443" s="91"/>
      <c r="HY443" s="91"/>
      <c r="HZ443" s="91"/>
      <c r="IA443" s="91"/>
      <c r="IB443" s="91"/>
      <c r="IC443" s="91"/>
      <c r="ID443" s="91"/>
      <c r="IE443" s="91"/>
      <c r="IF443" s="91"/>
      <c r="IG443" s="91"/>
      <c r="IH443" s="91"/>
      <c r="II443" s="91"/>
      <c r="IJ443" s="91"/>
      <c r="IK443" s="127"/>
    </row>
    <row r="444" spans="2:245" x14ac:dyDescent="0.2">
      <c r="B444" s="43"/>
      <c r="C444" s="73"/>
      <c r="D444" s="64"/>
      <c r="E444" s="64"/>
      <c r="F444" s="55"/>
      <c r="G444" s="102"/>
      <c r="H444" s="55"/>
      <c r="I444" s="55"/>
      <c r="J444" s="55"/>
      <c r="K444" s="55"/>
      <c r="L444" s="55"/>
      <c r="M444" s="55"/>
      <c r="N444" s="55"/>
      <c r="O444" s="55"/>
      <c r="P444" s="55"/>
      <c r="Q444" s="55"/>
      <c r="R444" s="55"/>
      <c r="S444" s="55"/>
      <c r="T444" s="55"/>
      <c r="U444" s="55"/>
      <c r="V444" s="55"/>
      <c r="W444" s="55"/>
      <c r="X444" s="55"/>
      <c r="Y444" s="55"/>
      <c r="Z444" s="55"/>
      <c r="AA444" s="55"/>
      <c r="AB444" s="55"/>
      <c r="AC444" s="55"/>
      <c r="AD444" s="55"/>
      <c r="AE444" s="55"/>
      <c r="AF444" s="55"/>
      <c r="AG444" s="55"/>
      <c r="AY444" s="162"/>
      <c r="AZ444" s="162"/>
      <c r="BA444" s="162"/>
      <c r="BB444" s="162"/>
      <c r="BC444" s="162"/>
      <c r="BD444" s="162"/>
      <c r="BE444" s="162"/>
      <c r="BF444" s="162"/>
      <c r="BG444" s="162"/>
      <c r="BH444" s="162"/>
      <c r="BI444" s="162"/>
      <c r="BJ444" s="162"/>
      <c r="BK444" s="162"/>
      <c r="BL444" s="162"/>
      <c r="BM444" s="162"/>
      <c r="BN444" s="162"/>
      <c r="BO444" s="162"/>
      <c r="BP444" s="162"/>
      <c r="BQ444" s="162"/>
      <c r="BR444" s="162"/>
      <c r="BS444" s="162"/>
      <c r="BT444" s="162"/>
      <c r="BU444" s="162"/>
      <c r="BV444" s="162"/>
      <c r="BW444" s="162"/>
      <c r="BX444" s="162"/>
      <c r="BY444" s="162"/>
      <c r="BZ444" s="162"/>
      <c r="CA444" s="162"/>
      <c r="CB444" s="162"/>
      <c r="CC444" s="162"/>
      <c r="CD444" s="162"/>
      <c r="CE444" s="162"/>
      <c r="CF444" s="162"/>
      <c r="CG444" s="162"/>
      <c r="CH444" s="162"/>
      <c r="CI444" s="162"/>
      <c r="CJ444" s="162"/>
      <c r="CK444" s="162"/>
      <c r="CX444" s="98"/>
      <c r="DL444" s="97"/>
      <c r="DX444" s="98"/>
      <c r="EL444" s="97"/>
      <c r="EX444" s="98"/>
      <c r="EY444" s="97"/>
      <c r="FL444" s="126"/>
      <c r="FM444" s="91"/>
      <c r="FN444" s="91"/>
      <c r="FO444" s="91"/>
      <c r="FP444" s="91"/>
      <c r="FQ444" s="91"/>
      <c r="FR444" s="91"/>
      <c r="FS444" s="91"/>
      <c r="FT444" s="91"/>
      <c r="FU444" s="91"/>
      <c r="FV444" s="91"/>
      <c r="FW444" s="91"/>
      <c r="FX444" s="91"/>
      <c r="FY444" s="91"/>
      <c r="FZ444" s="91"/>
      <c r="GA444" s="91"/>
      <c r="GB444" s="91"/>
      <c r="GC444" s="91"/>
      <c r="GD444" s="91"/>
      <c r="GE444" s="91"/>
      <c r="GF444" s="91"/>
      <c r="GG444" s="91"/>
      <c r="GH444" s="91"/>
      <c r="GI444" s="91"/>
      <c r="GJ444" s="91"/>
      <c r="GK444" s="127"/>
      <c r="GL444" s="126"/>
      <c r="GM444" s="91"/>
      <c r="GN444" s="91"/>
      <c r="GO444" s="91"/>
      <c r="GP444" s="91"/>
      <c r="GQ444" s="91"/>
      <c r="GR444" s="91"/>
      <c r="GS444" s="91"/>
      <c r="GT444" s="91"/>
      <c r="GU444" s="91"/>
      <c r="GV444" s="91"/>
      <c r="GW444" s="91"/>
      <c r="GX444" s="91"/>
      <c r="GY444" s="91"/>
      <c r="GZ444" s="91"/>
      <c r="HA444" s="91"/>
      <c r="HB444" s="91"/>
      <c r="HC444" s="91"/>
      <c r="HD444" s="91"/>
      <c r="HE444" s="91"/>
      <c r="HF444" s="91"/>
      <c r="HG444" s="91"/>
      <c r="HH444" s="91"/>
      <c r="HI444" s="91"/>
      <c r="HJ444" s="91"/>
      <c r="HK444" s="127"/>
      <c r="HL444" s="126"/>
      <c r="HM444" s="91"/>
      <c r="HN444" s="91"/>
      <c r="HO444" s="91"/>
      <c r="HP444" s="91"/>
      <c r="HQ444" s="91"/>
      <c r="HR444" s="91"/>
      <c r="HS444" s="91"/>
      <c r="HT444" s="91"/>
      <c r="HU444" s="91"/>
      <c r="HV444" s="91"/>
      <c r="HW444" s="91"/>
      <c r="HX444" s="91"/>
      <c r="HY444" s="91"/>
      <c r="HZ444" s="91"/>
      <c r="IA444" s="91"/>
      <c r="IB444" s="91"/>
      <c r="IC444" s="91"/>
      <c r="ID444" s="91"/>
      <c r="IE444" s="91"/>
      <c r="IF444" s="91"/>
      <c r="IG444" s="91"/>
      <c r="IH444" s="91"/>
      <c r="II444" s="91"/>
      <c r="IJ444" s="91"/>
      <c r="IK444" s="127"/>
    </row>
    <row r="445" spans="2:245" x14ac:dyDescent="0.2">
      <c r="B445" s="43"/>
      <c r="C445" s="73"/>
      <c r="D445" s="64"/>
      <c r="E445" s="64"/>
      <c r="F445" s="55"/>
      <c r="G445" s="102"/>
      <c r="H445" s="55"/>
      <c r="I445" s="55"/>
      <c r="J445" s="55"/>
      <c r="K445" s="55"/>
      <c r="L445" s="55"/>
      <c r="M445" s="55"/>
      <c r="N445" s="55"/>
      <c r="O445" s="55"/>
      <c r="P445" s="55"/>
      <c r="Q445" s="55"/>
      <c r="R445" s="55"/>
      <c r="S445" s="55"/>
      <c r="T445" s="55"/>
      <c r="U445" s="55"/>
      <c r="V445" s="55"/>
      <c r="W445" s="55"/>
      <c r="X445" s="55"/>
      <c r="Y445" s="55"/>
      <c r="Z445" s="55"/>
      <c r="AA445" s="55"/>
      <c r="AB445" s="55"/>
      <c r="AC445" s="55"/>
      <c r="AD445" s="55"/>
      <c r="AE445" s="55"/>
      <c r="AF445" s="55"/>
      <c r="AG445" s="55"/>
      <c r="AY445" s="162"/>
      <c r="AZ445" s="162"/>
      <c r="BA445" s="162"/>
      <c r="BB445" s="162"/>
      <c r="BC445" s="162"/>
      <c r="BD445" s="162"/>
      <c r="BE445" s="162"/>
      <c r="BF445" s="162"/>
      <c r="BG445" s="162"/>
      <c r="BH445" s="162"/>
      <c r="BI445" s="162"/>
      <c r="BJ445" s="162"/>
      <c r="BK445" s="162"/>
      <c r="BL445" s="162"/>
      <c r="BM445" s="162"/>
      <c r="BN445" s="162"/>
      <c r="BO445" s="162"/>
      <c r="BP445" s="162"/>
      <c r="BQ445" s="162"/>
      <c r="BR445" s="162"/>
      <c r="BS445" s="162"/>
      <c r="BT445" s="162"/>
      <c r="BU445" s="162"/>
      <c r="BV445" s="162"/>
      <c r="BW445" s="162"/>
      <c r="BX445" s="162"/>
      <c r="BY445" s="162"/>
      <c r="BZ445" s="162"/>
      <c r="CA445" s="162"/>
      <c r="CB445" s="162"/>
      <c r="CC445" s="162"/>
      <c r="CD445" s="162"/>
      <c r="CE445" s="162"/>
      <c r="CF445" s="162"/>
      <c r="CG445" s="162"/>
      <c r="CH445" s="162"/>
      <c r="CI445" s="162"/>
      <c r="CJ445" s="162"/>
      <c r="CK445" s="162"/>
      <c r="CX445" s="98"/>
      <c r="DL445" s="97"/>
      <c r="DX445" s="98"/>
      <c r="EL445" s="97"/>
      <c r="EX445" s="98"/>
      <c r="EY445" s="97"/>
      <c r="FL445" s="126"/>
      <c r="FM445" s="91"/>
      <c r="FN445" s="91"/>
      <c r="FO445" s="91"/>
      <c r="FP445" s="91"/>
      <c r="FQ445" s="91"/>
      <c r="FR445" s="91"/>
      <c r="FS445" s="91"/>
      <c r="FT445" s="91"/>
      <c r="FU445" s="91"/>
      <c r="FV445" s="91"/>
      <c r="FW445" s="91"/>
      <c r="FX445" s="91"/>
      <c r="FY445" s="91"/>
      <c r="FZ445" s="91"/>
      <c r="GA445" s="91"/>
      <c r="GB445" s="91"/>
      <c r="GC445" s="91"/>
      <c r="GD445" s="91"/>
      <c r="GE445" s="91"/>
      <c r="GF445" s="91"/>
      <c r="GG445" s="91"/>
      <c r="GH445" s="91"/>
      <c r="GI445" s="91"/>
      <c r="GJ445" s="91"/>
      <c r="GK445" s="127"/>
      <c r="GL445" s="126"/>
      <c r="GM445" s="91"/>
      <c r="GN445" s="91"/>
      <c r="GO445" s="91"/>
      <c r="GP445" s="91"/>
      <c r="GQ445" s="91"/>
      <c r="GR445" s="91"/>
      <c r="GS445" s="91"/>
      <c r="GT445" s="91"/>
      <c r="GU445" s="91"/>
      <c r="GV445" s="91"/>
      <c r="GW445" s="91"/>
      <c r="GX445" s="91"/>
      <c r="GY445" s="91"/>
      <c r="GZ445" s="91"/>
      <c r="HA445" s="91"/>
      <c r="HB445" s="91"/>
      <c r="HC445" s="91"/>
      <c r="HD445" s="91"/>
      <c r="HE445" s="91"/>
      <c r="HF445" s="91"/>
      <c r="HG445" s="91"/>
      <c r="HH445" s="91"/>
      <c r="HI445" s="91"/>
      <c r="HJ445" s="91"/>
      <c r="HK445" s="127"/>
      <c r="HL445" s="126"/>
      <c r="HM445" s="91"/>
      <c r="HN445" s="91"/>
      <c r="HO445" s="91"/>
      <c r="HP445" s="91"/>
      <c r="HQ445" s="91"/>
      <c r="HR445" s="91"/>
      <c r="HS445" s="91"/>
      <c r="HT445" s="91"/>
      <c r="HU445" s="91"/>
      <c r="HV445" s="91"/>
      <c r="HW445" s="91"/>
      <c r="HX445" s="91"/>
      <c r="HY445" s="91"/>
      <c r="HZ445" s="91"/>
      <c r="IA445" s="91"/>
      <c r="IB445" s="91"/>
      <c r="IC445" s="91"/>
      <c r="ID445" s="91"/>
      <c r="IE445" s="91"/>
      <c r="IF445" s="91"/>
      <c r="IG445" s="91"/>
      <c r="IH445" s="91"/>
      <c r="II445" s="91"/>
      <c r="IJ445" s="91"/>
      <c r="IK445" s="127"/>
    </row>
    <row r="446" spans="2:245" x14ac:dyDescent="0.2">
      <c r="B446" s="43"/>
      <c r="C446" s="73"/>
      <c r="D446" s="64"/>
      <c r="E446" s="64"/>
      <c r="F446" s="55"/>
      <c r="G446" s="102"/>
      <c r="H446" s="55"/>
      <c r="I446" s="55"/>
      <c r="J446" s="55"/>
      <c r="K446" s="55"/>
      <c r="L446" s="55"/>
      <c r="M446" s="55"/>
      <c r="N446" s="55"/>
      <c r="O446" s="55"/>
      <c r="P446" s="55"/>
      <c r="Q446" s="55"/>
      <c r="R446" s="55"/>
      <c r="S446" s="55"/>
      <c r="T446" s="55"/>
      <c r="U446" s="55"/>
      <c r="V446" s="55"/>
      <c r="W446" s="55"/>
      <c r="X446" s="55"/>
      <c r="Y446" s="55"/>
      <c r="Z446" s="55"/>
      <c r="AA446" s="55"/>
      <c r="AB446" s="55"/>
      <c r="AC446" s="55"/>
      <c r="AD446" s="55"/>
      <c r="AE446" s="55"/>
      <c r="AF446" s="55"/>
      <c r="AG446" s="55"/>
      <c r="AY446" s="162"/>
      <c r="AZ446" s="162"/>
      <c r="BA446" s="162"/>
      <c r="BB446" s="162"/>
      <c r="BC446" s="162"/>
      <c r="BD446" s="162"/>
      <c r="BE446" s="162"/>
      <c r="BF446" s="162"/>
      <c r="BG446" s="162"/>
      <c r="BH446" s="162"/>
      <c r="BI446" s="162"/>
      <c r="BJ446" s="162"/>
      <c r="BK446" s="162"/>
      <c r="BL446" s="162"/>
      <c r="BM446" s="162"/>
      <c r="BN446" s="162"/>
      <c r="BO446" s="162"/>
      <c r="BP446" s="162"/>
      <c r="BQ446" s="162"/>
      <c r="BR446" s="162"/>
      <c r="BS446" s="162"/>
      <c r="BT446" s="162"/>
      <c r="BU446" s="162"/>
      <c r="BV446" s="162"/>
      <c r="BW446" s="162"/>
      <c r="BX446" s="162"/>
      <c r="BY446" s="162"/>
      <c r="BZ446" s="162"/>
      <c r="CA446" s="162"/>
      <c r="CB446" s="162"/>
      <c r="CC446" s="162"/>
      <c r="CD446" s="162"/>
      <c r="CE446" s="162"/>
      <c r="CF446" s="162"/>
      <c r="CG446" s="162"/>
      <c r="CH446" s="162"/>
      <c r="CI446" s="162"/>
      <c r="CJ446" s="162"/>
      <c r="CK446" s="162"/>
      <c r="CX446" s="98"/>
      <c r="DL446" s="97"/>
      <c r="DX446" s="98"/>
      <c r="EL446" s="97"/>
      <c r="EX446" s="98"/>
      <c r="EY446" s="97"/>
      <c r="FL446" s="126"/>
      <c r="FM446" s="91"/>
      <c r="FN446" s="91"/>
      <c r="FO446" s="91"/>
      <c r="FP446" s="91"/>
      <c r="FQ446" s="91"/>
      <c r="FR446" s="91"/>
      <c r="FS446" s="91"/>
      <c r="FT446" s="91"/>
      <c r="FU446" s="91"/>
      <c r="FV446" s="91"/>
      <c r="FW446" s="91"/>
      <c r="FX446" s="91"/>
      <c r="FY446" s="91"/>
      <c r="FZ446" s="91"/>
      <c r="GA446" s="91"/>
      <c r="GB446" s="91"/>
      <c r="GC446" s="91"/>
      <c r="GD446" s="91"/>
      <c r="GE446" s="91"/>
      <c r="GF446" s="91"/>
      <c r="GG446" s="91"/>
      <c r="GH446" s="91"/>
      <c r="GI446" s="91"/>
      <c r="GJ446" s="91"/>
      <c r="GK446" s="127"/>
      <c r="GL446" s="126"/>
      <c r="GM446" s="91"/>
      <c r="GN446" s="91"/>
      <c r="GO446" s="91"/>
      <c r="GP446" s="91"/>
      <c r="GQ446" s="91"/>
      <c r="GR446" s="91"/>
      <c r="GS446" s="91"/>
      <c r="GT446" s="91"/>
      <c r="GU446" s="91"/>
      <c r="GV446" s="91"/>
      <c r="GW446" s="91"/>
      <c r="GX446" s="91"/>
      <c r="GY446" s="91"/>
      <c r="GZ446" s="91"/>
      <c r="HA446" s="91"/>
      <c r="HB446" s="91"/>
      <c r="HC446" s="91"/>
      <c r="HD446" s="91"/>
      <c r="HE446" s="91"/>
      <c r="HF446" s="91"/>
      <c r="HG446" s="91"/>
      <c r="HH446" s="91"/>
      <c r="HI446" s="91"/>
      <c r="HJ446" s="91"/>
      <c r="HK446" s="127"/>
      <c r="HL446" s="126"/>
      <c r="HM446" s="91"/>
      <c r="HN446" s="91"/>
      <c r="HO446" s="91"/>
      <c r="HP446" s="91"/>
      <c r="HQ446" s="91"/>
      <c r="HR446" s="91"/>
      <c r="HS446" s="91"/>
      <c r="HT446" s="91"/>
      <c r="HU446" s="91"/>
      <c r="HV446" s="91"/>
      <c r="HW446" s="91"/>
      <c r="HX446" s="91"/>
      <c r="HY446" s="91"/>
      <c r="HZ446" s="91"/>
      <c r="IA446" s="91"/>
      <c r="IB446" s="91"/>
      <c r="IC446" s="91"/>
      <c r="ID446" s="91"/>
      <c r="IE446" s="91"/>
      <c r="IF446" s="91"/>
      <c r="IG446" s="91"/>
      <c r="IH446" s="91"/>
      <c r="II446" s="91"/>
      <c r="IJ446" s="91"/>
      <c r="IK446" s="127"/>
    </row>
    <row r="447" spans="2:245" x14ac:dyDescent="0.2">
      <c r="B447" s="43"/>
      <c r="C447" s="73"/>
      <c r="D447" s="64"/>
      <c r="E447" s="64"/>
      <c r="F447" s="55"/>
      <c r="G447" s="102"/>
      <c r="H447" s="55"/>
      <c r="I447" s="55"/>
      <c r="J447" s="55"/>
      <c r="K447" s="55"/>
      <c r="L447" s="55"/>
      <c r="M447" s="55"/>
      <c r="N447" s="55"/>
      <c r="O447" s="55"/>
      <c r="P447" s="55"/>
      <c r="Q447" s="55"/>
      <c r="R447" s="55"/>
      <c r="S447" s="55"/>
      <c r="T447" s="55"/>
      <c r="U447" s="55"/>
      <c r="V447" s="55"/>
      <c r="W447" s="55"/>
      <c r="X447" s="55"/>
      <c r="Y447" s="55"/>
      <c r="Z447" s="55"/>
      <c r="AA447" s="55"/>
      <c r="AB447" s="55"/>
      <c r="AC447" s="55"/>
      <c r="AD447" s="55"/>
      <c r="AE447" s="55"/>
      <c r="AF447" s="55"/>
      <c r="AG447" s="55"/>
      <c r="AY447" s="162"/>
      <c r="AZ447" s="162"/>
      <c r="BA447" s="162"/>
      <c r="BB447" s="162"/>
      <c r="BC447" s="162"/>
      <c r="BD447" s="162"/>
      <c r="BE447" s="162"/>
      <c r="BF447" s="162"/>
      <c r="BG447" s="162"/>
      <c r="BH447" s="162"/>
      <c r="BI447" s="162"/>
      <c r="BJ447" s="162"/>
      <c r="BK447" s="162"/>
      <c r="BL447" s="162"/>
      <c r="BM447" s="162"/>
      <c r="BN447" s="162"/>
      <c r="BO447" s="162"/>
      <c r="BP447" s="162"/>
      <c r="BQ447" s="162"/>
      <c r="BR447" s="162"/>
      <c r="BS447" s="162"/>
      <c r="BT447" s="162"/>
      <c r="BU447" s="162"/>
      <c r="BV447" s="162"/>
      <c r="BW447" s="162"/>
      <c r="BX447" s="162"/>
      <c r="BY447" s="162"/>
      <c r="BZ447" s="162"/>
      <c r="CA447" s="162"/>
      <c r="CB447" s="162"/>
      <c r="CC447" s="162"/>
      <c r="CD447" s="162"/>
      <c r="CE447" s="162"/>
      <c r="CF447" s="162"/>
      <c r="CG447" s="162"/>
      <c r="CH447" s="162"/>
      <c r="CI447" s="162"/>
      <c r="CJ447" s="162"/>
      <c r="CK447" s="162"/>
      <c r="CX447" s="98"/>
      <c r="DL447" s="97"/>
      <c r="DX447" s="98"/>
      <c r="EL447" s="97"/>
      <c r="EX447" s="98"/>
      <c r="EY447" s="97"/>
      <c r="FL447" s="126"/>
      <c r="FM447" s="91"/>
      <c r="FN447" s="91"/>
      <c r="FO447" s="91"/>
      <c r="FP447" s="91"/>
      <c r="FQ447" s="91"/>
      <c r="FR447" s="91"/>
      <c r="FS447" s="91"/>
      <c r="FT447" s="91"/>
      <c r="FU447" s="91"/>
      <c r="FV447" s="91"/>
      <c r="FW447" s="91"/>
      <c r="FX447" s="91"/>
      <c r="FY447" s="91"/>
      <c r="FZ447" s="91"/>
      <c r="GA447" s="91"/>
      <c r="GB447" s="91"/>
      <c r="GC447" s="91"/>
      <c r="GD447" s="91"/>
      <c r="GE447" s="91"/>
      <c r="GF447" s="91"/>
      <c r="GG447" s="91"/>
      <c r="GH447" s="91"/>
      <c r="GI447" s="91"/>
      <c r="GJ447" s="91"/>
      <c r="GK447" s="127"/>
      <c r="GL447" s="126"/>
      <c r="GM447" s="91"/>
      <c r="GN447" s="91"/>
      <c r="GO447" s="91"/>
      <c r="GP447" s="91"/>
      <c r="GQ447" s="91"/>
      <c r="GR447" s="91"/>
      <c r="GS447" s="91"/>
      <c r="GT447" s="91"/>
      <c r="GU447" s="91"/>
      <c r="GV447" s="91"/>
      <c r="GW447" s="91"/>
      <c r="GX447" s="91"/>
      <c r="GY447" s="91"/>
      <c r="GZ447" s="91"/>
      <c r="HA447" s="91"/>
      <c r="HB447" s="91"/>
      <c r="HC447" s="91"/>
      <c r="HD447" s="91"/>
      <c r="HE447" s="91"/>
      <c r="HF447" s="91"/>
      <c r="HG447" s="91"/>
      <c r="HH447" s="91"/>
      <c r="HI447" s="91"/>
      <c r="HJ447" s="91"/>
      <c r="HK447" s="127"/>
      <c r="HL447" s="126"/>
      <c r="HM447" s="91"/>
      <c r="HN447" s="91"/>
      <c r="HO447" s="91"/>
      <c r="HP447" s="91"/>
      <c r="HQ447" s="91"/>
      <c r="HR447" s="91"/>
      <c r="HS447" s="91"/>
      <c r="HT447" s="91"/>
      <c r="HU447" s="91"/>
      <c r="HV447" s="91"/>
      <c r="HW447" s="91"/>
      <c r="HX447" s="91"/>
      <c r="HY447" s="91"/>
      <c r="HZ447" s="91"/>
      <c r="IA447" s="91"/>
      <c r="IB447" s="91"/>
      <c r="IC447" s="91"/>
      <c r="ID447" s="91"/>
      <c r="IE447" s="91"/>
      <c r="IF447" s="91"/>
      <c r="IG447" s="91"/>
      <c r="IH447" s="91"/>
      <c r="II447" s="91"/>
      <c r="IJ447" s="91"/>
      <c r="IK447" s="127"/>
    </row>
    <row r="448" spans="2:245" x14ac:dyDescent="0.2">
      <c r="B448" s="43"/>
      <c r="C448" s="73"/>
      <c r="D448" s="64"/>
      <c r="E448" s="64"/>
      <c r="F448" s="55"/>
      <c r="G448" s="102"/>
      <c r="H448" s="55"/>
      <c r="I448" s="55"/>
      <c r="J448" s="55"/>
      <c r="K448" s="55"/>
      <c r="L448" s="55"/>
      <c r="M448" s="55"/>
      <c r="N448" s="55"/>
      <c r="O448" s="55"/>
      <c r="P448" s="55"/>
      <c r="Q448" s="55"/>
      <c r="R448" s="55"/>
      <c r="S448" s="55"/>
      <c r="T448" s="55"/>
      <c r="U448" s="55"/>
      <c r="V448" s="55"/>
      <c r="W448" s="55"/>
      <c r="X448" s="55"/>
      <c r="Y448" s="55"/>
      <c r="Z448" s="55"/>
      <c r="AA448" s="55"/>
      <c r="AB448" s="55"/>
      <c r="AC448" s="55"/>
      <c r="AD448" s="55"/>
      <c r="AE448" s="55"/>
      <c r="AF448" s="55"/>
      <c r="AG448" s="55"/>
      <c r="AY448" s="162"/>
      <c r="AZ448" s="162"/>
      <c r="BA448" s="162"/>
      <c r="BB448" s="162"/>
      <c r="BC448" s="162"/>
      <c r="BD448" s="162"/>
      <c r="BE448" s="162"/>
      <c r="BF448" s="162"/>
      <c r="BG448" s="162"/>
      <c r="BH448" s="162"/>
      <c r="BI448" s="162"/>
      <c r="BJ448" s="162"/>
      <c r="BK448" s="162"/>
      <c r="BL448" s="162"/>
      <c r="BM448" s="162"/>
      <c r="BN448" s="162"/>
      <c r="BO448" s="162"/>
      <c r="BP448" s="162"/>
      <c r="BQ448" s="162"/>
      <c r="BR448" s="162"/>
      <c r="BS448" s="162"/>
      <c r="BT448" s="162"/>
      <c r="BU448" s="162"/>
      <c r="BV448" s="162"/>
      <c r="BW448" s="162"/>
      <c r="BX448" s="162"/>
      <c r="BY448" s="162"/>
      <c r="BZ448" s="162"/>
      <c r="CA448" s="162"/>
      <c r="CB448" s="162"/>
      <c r="CC448" s="162"/>
      <c r="CD448" s="162"/>
      <c r="CE448" s="162"/>
      <c r="CF448" s="162"/>
      <c r="CG448" s="162"/>
      <c r="CH448" s="162"/>
      <c r="CI448" s="162"/>
      <c r="CJ448" s="162"/>
      <c r="CK448" s="162"/>
      <c r="CX448" s="98"/>
      <c r="DL448" s="97"/>
      <c r="DX448" s="98"/>
      <c r="EL448" s="97"/>
      <c r="EX448" s="98"/>
      <c r="EY448" s="97"/>
      <c r="FL448" s="126"/>
      <c r="FM448" s="91"/>
      <c r="FN448" s="91"/>
      <c r="FO448" s="91"/>
      <c r="FP448" s="91"/>
      <c r="FQ448" s="91"/>
      <c r="FR448" s="91"/>
      <c r="FS448" s="91"/>
      <c r="FT448" s="91"/>
      <c r="FU448" s="91"/>
      <c r="FV448" s="91"/>
      <c r="FW448" s="91"/>
      <c r="FX448" s="91"/>
      <c r="FY448" s="91"/>
      <c r="FZ448" s="91"/>
      <c r="GA448" s="91"/>
      <c r="GB448" s="91"/>
      <c r="GC448" s="91"/>
      <c r="GD448" s="91"/>
      <c r="GE448" s="91"/>
      <c r="GF448" s="91"/>
      <c r="GG448" s="91"/>
      <c r="GH448" s="91"/>
      <c r="GI448" s="91"/>
      <c r="GJ448" s="91"/>
      <c r="GK448" s="127"/>
      <c r="GL448" s="126"/>
      <c r="GM448" s="91"/>
      <c r="GN448" s="91"/>
      <c r="GO448" s="91"/>
      <c r="GP448" s="91"/>
      <c r="GQ448" s="91"/>
      <c r="GR448" s="91"/>
      <c r="GS448" s="91"/>
      <c r="GT448" s="91"/>
      <c r="GU448" s="91"/>
      <c r="GV448" s="91"/>
      <c r="GW448" s="91"/>
      <c r="GX448" s="91"/>
      <c r="GY448" s="91"/>
      <c r="GZ448" s="91"/>
      <c r="HA448" s="91"/>
      <c r="HB448" s="91"/>
      <c r="HC448" s="91"/>
      <c r="HD448" s="91"/>
      <c r="HE448" s="91"/>
      <c r="HF448" s="91"/>
      <c r="HG448" s="91"/>
      <c r="HH448" s="91"/>
      <c r="HI448" s="91"/>
      <c r="HJ448" s="91"/>
      <c r="HK448" s="127"/>
      <c r="HL448" s="126"/>
      <c r="HM448" s="91"/>
      <c r="HN448" s="91"/>
      <c r="HO448" s="91"/>
      <c r="HP448" s="91"/>
      <c r="HQ448" s="91"/>
      <c r="HR448" s="91"/>
      <c r="HS448" s="91"/>
      <c r="HT448" s="91"/>
      <c r="HU448" s="91"/>
      <c r="HV448" s="91"/>
      <c r="HW448" s="91"/>
      <c r="HX448" s="91"/>
      <c r="HY448" s="91"/>
      <c r="HZ448" s="91"/>
      <c r="IA448" s="91"/>
      <c r="IB448" s="91"/>
      <c r="IC448" s="91"/>
      <c r="ID448" s="91"/>
      <c r="IE448" s="91"/>
      <c r="IF448" s="91"/>
      <c r="IG448" s="91"/>
      <c r="IH448" s="91"/>
      <c r="II448" s="91"/>
      <c r="IJ448" s="91"/>
      <c r="IK448" s="127"/>
    </row>
    <row r="449" spans="2:245" x14ac:dyDescent="0.2">
      <c r="B449" s="43"/>
      <c r="C449" s="73"/>
      <c r="D449" s="64"/>
      <c r="E449" s="64"/>
      <c r="F449" s="55"/>
      <c r="G449" s="102"/>
      <c r="H449" s="55"/>
      <c r="I449" s="55"/>
      <c r="J449" s="55"/>
      <c r="K449" s="55"/>
      <c r="L449" s="55"/>
      <c r="M449" s="55"/>
      <c r="N449" s="55"/>
      <c r="O449" s="55"/>
      <c r="P449" s="55"/>
      <c r="Q449" s="55"/>
      <c r="R449" s="55"/>
      <c r="S449" s="55"/>
      <c r="T449" s="55"/>
      <c r="U449" s="55"/>
      <c r="V449" s="55"/>
      <c r="W449" s="55"/>
      <c r="X449" s="55"/>
      <c r="Y449" s="55"/>
      <c r="Z449" s="55"/>
      <c r="AA449" s="55"/>
      <c r="AB449" s="55"/>
      <c r="AC449" s="55"/>
      <c r="AD449" s="55"/>
      <c r="AE449" s="55"/>
      <c r="AF449" s="55"/>
      <c r="AG449" s="55"/>
      <c r="AY449" s="162"/>
      <c r="AZ449" s="162"/>
      <c r="BA449" s="162"/>
      <c r="BB449" s="162"/>
      <c r="BC449" s="162"/>
      <c r="BD449" s="162"/>
      <c r="BE449" s="162"/>
      <c r="BF449" s="162"/>
      <c r="BG449" s="162"/>
      <c r="BH449" s="162"/>
      <c r="BI449" s="162"/>
      <c r="BJ449" s="162"/>
      <c r="BK449" s="162"/>
      <c r="BL449" s="162"/>
      <c r="BM449" s="162"/>
      <c r="BN449" s="162"/>
      <c r="BO449" s="162"/>
      <c r="BP449" s="162"/>
      <c r="BQ449" s="162"/>
      <c r="BR449" s="162"/>
      <c r="BS449" s="162"/>
      <c r="BT449" s="162"/>
      <c r="BU449" s="162"/>
      <c r="BV449" s="162"/>
      <c r="BW449" s="162"/>
      <c r="BX449" s="162"/>
      <c r="BY449" s="162"/>
      <c r="BZ449" s="162"/>
      <c r="CA449" s="162"/>
      <c r="CB449" s="162"/>
      <c r="CC449" s="162"/>
      <c r="CD449" s="162"/>
      <c r="CE449" s="162"/>
      <c r="CF449" s="162"/>
      <c r="CG449" s="162"/>
      <c r="CH449" s="162"/>
      <c r="CI449" s="162"/>
      <c r="CJ449" s="162"/>
      <c r="CK449" s="162"/>
      <c r="CX449" s="98"/>
      <c r="DL449" s="97"/>
      <c r="DX449" s="98"/>
      <c r="EL449" s="97"/>
      <c r="EX449" s="98"/>
      <c r="EY449" s="97"/>
      <c r="FL449" s="126"/>
      <c r="FM449" s="91"/>
      <c r="FN449" s="91"/>
      <c r="FO449" s="91"/>
      <c r="FP449" s="91"/>
      <c r="FQ449" s="91"/>
      <c r="FR449" s="91"/>
      <c r="FS449" s="91"/>
      <c r="FT449" s="91"/>
      <c r="FU449" s="91"/>
      <c r="FV449" s="91"/>
      <c r="FW449" s="91"/>
      <c r="FX449" s="91"/>
      <c r="FY449" s="91"/>
      <c r="FZ449" s="91"/>
      <c r="GA449" s="91"/>
      <c r="GB449" s="91"/>
      <c r="GC449" s="91"/>
      <c r="GD449" s="91"/>
      <c r="GE449" s="91"/>
      <c r="GF449" s="91"/>
      <c r="GG449" s="91"/>
      <c r="GH449" s="91"/>
      <c r="GI449" s="91"/>
      <c r="GJ449" s="91"/>
      <c r="GK449" s="127"/>
      <c r="GL449" s="126"/>
      <c r="GM449" s="91"/>
      <c r="GN449" s="91"/>
      <c r="GO449" s="91"/>
      <c r="GP449" s="91"/>
      <c r="GQ449" s="91"/>
      <c r="GR449" s="91"/>
      <c r="GS449" s="91"/>
      <c r="GT449" s="91"/>
      <c r="GU449" s="91"/>
      <c r="GV449" s="91"/>
      <c r="GW449" s="91"/>
      <c r="GX449" s="91"/>
      <c r="GY449" s="91"/>
      <c r="GZ449" s="91"/>
      <c r="HA449" s="91"/>
      <c r="HB449" s="91"/>
      <c r="HC449" s="91"/>
      <c r="HD449" s="91"/>
      <c r="HE449" s="91"/>
      <c r="HF449" s="91"/>
      <c r="HG449" s="91"/>
      <c r="HH449" s="91"/>
      <c r="HI449" s="91"/>
      <c r="HJ449" s="91"/>
      <c r="HK449" s="127"/>
      <c r="HL449" s="126"/>
      <c r="HM449" s="91"/>
      <c r="HN449" s="91"/>
      <c r="HO449" s="91"/>
      <c r="HP449" s="91"/>
      <c r="HQ449" s="91"/>
      <c r="HR449" s="91"/>
      <c r="HS449" s="91"/>
      <c r="HT449" s="91"/>
      <c r="HU449" s="91"/>
      <c r="HV449" s="91"/>
      <c r="HW449" s="91"/>
      <c r="HX449" s="91"/>
      <c r="HY449" s="91"/>
      <c r="HZ449" s="91"/>
      <c r="IA449" s="91"/>
      <c r="IB449" s="91"/>
      <c r="IC449" s="91"/>
      <c r="ID449" s="91"/>
      <c r="IE449" s="91"/>
      <c r="IF449" s="91"/>
      <c r="IG449" s="91"/>
      <c r="IH449" s="91"/>
      <c r="II449" s="91"/>
      <c r="IJ449" s="91"/>
      <c r="IK449" s="127"/>
    </row>
    <row r="450" spans="2:245" x14ac:dyDescent="0.2">
      <c r="B450" s="43"/>
      <c r="C450" s="73"/>
      <c r="D450" s="64"/>
      <c r="E450" s="64"/>
      <c r="F450" s="55"/>
      <c r="G450" s="102"/>
      <c r="H450" s="55"/>
      <c r="I450" s="55"/>
      <c r="J450" s="55"/>
      <c r="K450" s="55"/>
      <c r="L450" s="55"/>
      <c r="M450" s="55"/>
      <c r="N450" s="55"/>
      <c r="O450" s="55"/>
      <c r="P450" s="55"/>
      <c r="Q450" s="55"/>
      <c r="R450" s="55"/>
      <c r="S450" s="55"/>
      <c r="T450" s="55"/>
      <c r="U450" s="55"/>
      <c r="V450" s="55"/>
      <c r="W450" s="55"/>
      <c r="X450" s="55"/>
      <c r="Y450" s="55"/>
      <c r="Z450" s="55"/>
      <c r="AA450" s="55"/>
      <c r="AB450" s="55"/>
      <c r="AC450" s="55"/>
      <c r="AD450" s="55"/>
      <c r="AE450" s="55"/>
      <c r="AF450" s="55"/>
      <c r="AG450" s="55"/>
      <c r="AY450" s="162"/>
      <c r="AZ450" s="162"/>
      <c r="BA450" s="162"/>
      <c r="BB450" s="162"/>
      <c r="BC450" s="162"/>
      <c r="BD450" s="162"/>
      <c r="BE450" s="162"/>
      <c r="BF450" s="162"/>
      <c r="BG450" s="162"/>
      <c r="BH450" s="162"/>
      <c r="BI450" s="162"/>
      <c r="BJ450" s="162"/>
      <c r="BK450" s="162"/>
      <c r="BL450" s="162"/>
      <c r="BM450" s="162"/>
      <c r="BN450" s="162"/>
      <c r="BO450" s="162"/>
      <c r="BP450" s="162"/>
      <c r="BQ450" s="162"/>
      <c r="BR450" s="162"/>
      <c r="BS450" s="162"/>
      <c r="BT450" s="162"/>
      <c r="BU450" s="162"/>
      <c r="BV450" s="162"/>
      <c r="BW450" s="162"/>
      <c r="BX450" s="162"/>
      <c r="BY450" s="162"/>
      <c r="BZ450" s="162"/>
      <c r="CA450" s="162"/>
      <c r="CB450" s="162"/>
      <c r="CC450" s="162"/>
      <c r="CD450" s="162"/>
      <c r="CE450" s="162"/>
      <c r="CF450" s="162"/>
      <c r="CG450" s="162"/>
      <c r="CH450" s="162"/>
      <c r="CI450" s="162"/>
      <c r="CJ450" s="162"/>
      <c r="CK450" s="162"/>
      <c r="CX450" s="98"/>
      <c r="DL450" s="97"/>
      <c r="DX450" s="98"/>
      <c r="EL450" s="97"/>
      <c r="EX450" s="98"/>
      <c r="EY450" s="97"/>
      <c r="FL450" s="126"/>
      <c r="FM450" s="91"/>
      <c r="FN450" s="91"/>
      <c r="FO450" s="91"/>
      <c r="FP450" s="91"/>
      <c r="FQ450" s="91"/>
      <c r="FR450" s="91"/>
      <c r="FS450" s="91"/>
      <c r="FT450" s="91"/>
      <c r="FU450" s="91"/>
      <c r="FV450" s="91"/>
      <c r="FW450" s="91"/>
      <c r="FX450" s="91"/>
      <c r="FY450" s="91"/>
      <c r="FZ450" s="91"/>
      <c r="GA450" s="91"/>
      <c r="GB450" s="91"/>
      <c r="GC450" s="91"/>
      <c r="GD450" s="91"/>
      <c r="GE450" s="91"/>
      <c r="GF450" s="91"/>
      <c r="GG450" s="91"/>
      <c r="GH450" s="91"/>
      <c r="GI450" s="91"/>
      <c r="GJ450" s="91"/>
      <c r="GK450" s="127"/>
      <c r="GL450" s="126"/>
      <c r="GM450" s="91"/>
      <c r="GN450" s="91"/>
      <c r="GO450" s="91"/>
      <c r="GP450" s="91"/>
      <c r="GQ450" s="91"/>
      <c r="GR450" s="91"/>
      <c r="GS450" s="91"/>
      <c r="GT450" s="91"/>
      <c r="GU450" s="91"/>
      <c r="GV450" s="91"/>
      <c r="GW450" s="91"/>
      <c r="GX450" s="91"/>
      <c r="GY450" s="91"/>
      <c r="GZ450" s="91"/>
      <c r="HA450" s="91"/>
      <c r="HB450" s="91"/>
      <c r="HC450" s="91"/>
      <c r="HD450" s="91"/>
      <c r="HE450" s="91"/>
      <c r="HF450" s="91"/>
      <c r="HG450" s="91"/>
      <c r="HH450" s="91"/>
      <c r="HI450" s="91"/>
      <c r="HJ450" s="91"/>
      <c r="HK450" s="127"/>
      <c r="HL450" s="126"/>
      <c r="HM450" s="91"/>
      <c r="HN450" s="91"/>
      <c r="HO450" s="91"/>
      <c r="HP450" s="91"/>
      <c r="HQ450" s="91"/>
      <c r="HR450" s="91"/>
      <c r="HS450" s="91"/>
      <c r="HT450" s="91"/>
      <c r="HU450" s="91"/>
      <c r="HV450" s="91"/>
      <c r="HW450" s="91"/>
      <c r="HX450" s="91"/>
      <c r="HY450" s="91"/>
      <c r="HZ450" s="91"/>
      <c r="IA450" s="91"/>
      <c r="IB450" s="91"/>
      <c r="IC450" s="91"/>
      <c r="ID450" s="91"/>
      <c r="IE450" s="91"/>
      <c r="IF450" s="91"/>
      <c r="IG450" s="91"/>
      <c r="IH450" s="91"/>
      <c r="II450" s="91"/>
      <c r="IJ450" s="91"/>
      <c r="IK450" s="127"/>
    </row>
    <row r="451" spans="2:245" x14ac:dyDescent="0.2">
      <c r="B451" s="43"/>
      <c r="C451" s="73"/>
      <c r="D451" s="64"/>
      <c r="E451" s="64"/>
      <c r="F451" s="55"/>
      <c r="G451" s="102"/>
      <c r="H451" s="55"/>
      <c r="I451" s="55"/>
      <c r="J451" s="55"/>
      <c r="K451" s="55"/>
      <c r="L451" s="55"/>
      <c r="M451" s="55"/>
      <c r="N451" s="55"/>
      <c r="O451" s="55"/>
      <c r="P451" s="55"/>
      <c r="Q451" s="55"/>
      <c r="R451" s="55"/>
      <c r="S451" s="55"/>
      <c r="T451" s="55"/>
      <c r="U451" s="55"/>
      <c r="V451" s="55"/>
      <c r="W451" s="55"/>
      <c r="X451" s="55"/>
      <c r="Y451" s="55"/>
      <c r="Z451" s="55"/>
      <c r="AA451" s="55"/>
      <c r="AB451" s="55"/>
      <c r="AC451" s="55"/>
      <c r="AD451" s="55"/>
      <c r="AE451" s="55"/>
      <c r="AF451" s="55"/>
      <c r="AG451" s="55"/>
      <c r="AY451" s="162"/>
      <c r="AZ451" s="162"/>
      <c r="BA451" s="162"/>
      <c r="BB451" s="162"/>
      <c r="BC451" s="162"/>
      <c r="BD451" s="162"/>
      <c r="BE451" s="162"/>
      <c r="BF451" s="162"/>
      <c r="BG451" s="162"/>
      <c r="BH451" s="162"/>
      <c r="BI451" s="162"/>
      <c r="BJ451" s="162"/>
      <c r="BK451" s="162"/>
      <c r="BL451" s="162"/>
      <c r="BM451" s="162"/>
      <c r="BN451" s="162"/>
      <c r="BO451" s="162"/>
      <c r="BP451" s="162"/>
      <c r="BQ451" s="162"/>
      <c r="BR451" s="162"/>
      <c r="BS451" s="162"/>
      <c r="BT451" s="162"/>
      <c r="BU451" s="162"/>
      <c r="BV451" s="162"/>
      <c r="BW451" s="162"/>
      <c r="BX451" s="162"/>
      <c r="BY451" s="162"/>
      <c r="BZ451" s="162"/>
      <c r="CA451" s="162"/>
      <c r="CB451" s="162"/>
      <c r="CC451" s="162"/>
      <c r="CD451" s="162"/>
      <c r="CE451" s="162"/>
      <c r="CF451" s="162"/>
      <c r="CG451" s="162"/>
      <c r="CH451" s="162"/>
      <c r="CI451" s="162"/>
      <c r="CJ451" s="162"/>
      <c r="CK451" s="162"/>
      <c r="CX451" s="98"/>
      <c r="DL451" s="97"/>
      <c r="DX451" s="98"/>
      <c r="EL451" s="97"/>
      <c r="EX451" s="98"/>
      <c r="EY451" s="97"/>
      <c r="FL451" s="126"/>
      <c r="FM451" s="91"/>
      <c r="FN451" s="91"/>
      <c r="FO451" s="91"/>
      <c r="FP451" s="91"/>
      <c r="FQ451" s="91"/>
      <c r="FR451" s="91"/>
      <c r="FS451" s="91"/>
      <c r="FT451" s="91"/>
      <c r="FU451" s="91"/>
      <c r="FV451" s="91"/>
      <c r="FW451" s="91"/>
      <c r="FX451" s="91"/>
      <c r="FY451" s="91"/>
      <c r="FZ451" s="91"/>
      <c r="GA451" s="91"/>
      <c r="GB451" s="91"/>
      <c r="GC451" s="91"/>
      <c r="GD451" s="91"/>
      <c r="GE451" s="91"/>
      <c r="GF451" s="91"/>
      <c r="GG451" s="91"/>
      <c r="GH451" s="91"/>
      <c r="GI451" s="91"/>
      <c r="GJ451" s="91"/>
      <c r="GK451" s="127"/>
      <c r="GL451" s="126"/>
      <c r="GM451" s="91"/>
      <c r="GN451" s="91"/>
      <c r="GO451" s="91"/>
      <c r="GP451" s="91"/>
      <c r="GQ451" s="91"/>
      <c r="GR451" s="91"/>
      <c r="GS451" s="91"/>
      <c r="GT451" s="91"/>
      <c r="GU451" s="91"/>
      <c r="GV451" s="91"/>
      <c r="GW451" s="91"/>
      <c r="GX451" s="91"/>
      <c r="GY451" s="91"/>
      <c r="GZ451" s="91"/>
      <c r="HA451" s="91"/>
      <c r="HB451" s="91"/>
      <c r="HC451" s="91"/>
      <c r="HD451" s="91"/>
      <c r="HE451" s="91"/>
      <c r="HF451" s="91"/>
      <c r="HG451" s="91"/>
      <c r="HH451" s="91"/>
      <c r="HI451" s="91"/>
      <c r="HJ451" s="91"/>
      <c r="HK451" s="127"/>
      <c r="HL451" s="126"/>
      <c r="HM451" s="91"/>
      <c r="HN451" s="91"/>
      <c r="HO451" s="91"/>
      <c r="HP451" s="91"/>
      <c r="HQ451" s="91"/>
      <c r="HR451" s="91"/>
      <c r="HS451" s="91"/>
      <c r="HT451" s="91"/>
      <c r="HU451" s="91"/>
      <c r="HV451" s="91"/>
      <c r="HW451" s="91"/>
      <c r="HX451" s="91"/>
      <c r="HY451" s="91"/>
      <c r="HZ451" s="91"/>
      <c r="IA451" s="91"/>
      <c r="IB451" s="91"/>
      <c r="IC451" s="91"/>
      <c r="ID451" s="91"/>
      <c r="IE451" s="91"/>
      <c r="IF451" s="91"/>
      <c r="IG451" s="91"/>
      <c r="IH451" s="91"/>
      <c r="II451" s="91"/>
      <c r="IJ451" s="91"/>
      <c r="IK451" s="127"/>
    </row>
    <row r="452" spans="2:245" x14ac:dyDescent="0.2">
      <c r="B452" s="43"/>
      <c r="C452" s="73"/>
      <c r="D452" s="64"/>
      <c r="E452" s="64"/>
      <c r="F452" s="55"/>
      <c r="G452" s="102"/>
      <c r="H452" s="55"/>
      <c r="I452" s="55"/>
      <c r="J452" s="55"/>
      <c r="K452" s="55"/>
      <c r="L452" s="55"/>
      <c r="M452" s="55"/>
      <c r="N452" s="55"/>
      <c r="O452" s="55"/>
      <c r="P452" s="55"/>
      <c r="Q452" s="55"/>
      <c r="R452" s="55"/>
      <c r="S452" s="55"/>
      <c r="T452" s="55"/>
      <c r="U452" s="55"/>
      <c r="V452" s="55"/>
      <c r="W452" s="55"/>
      <c r="X452" s="55"/>
      <c r="Y452" s="55"/>
      <c r="Z452" s="55"/>
      <c r="AA452" s="55"/>
      <c r="AB452" s="55"/>
      <c r="AC452" s="55"/>
      <c r="AD452" s="55"/>
      <c r="AE452" s="55"/>
      <c r="AF452" s="55"/>
      <c r="AG452" s="55"/>
      <c r="AY452" s="162"/>
      <c r="AZ452" s="162"/>
      <c r="BA452" s="162"/>
      <c r="BB452" s="162"/>
      <c r="BC452" s="162"/>
      <c r="BD452" s="162"/>
      <c r="BE452" s="162"/>
      <c r="BF452" s="162"/>
      <c r="BG452" s="162"/>
      <c r="BH452" s="162"/>
      <c r="BI452" s="162"/>
      <c r="BJ452" s="162"/>
      <c r="BK452" s="162"/>
      <c r="BL452" s="162"/>
      <c r="BM452" s="162"/>
      <c r="BN452" s="162"/>
      <c r="BO452" s="162"/>
      <c r="BP452" s="162"/>
      <c r="BQ452" s="162"/>
      <c r="BR452" s="162"/>
      <c r="BS452" s="162"/>
      <c r="BT452" s="162"/>
      <c r="BU452" s="162"/>
      <c r="BV452" s="162"/>
      <c r="BW452" s="162"/>
      <c r="BX452" s="162"/>
      <c r="BY452" s="162"/>
      <c r="BZ452" s="162"/>
      <c r="CA452" s="162"/>
      <c r="CB452" s="162"/>
      <c r="CC452" s="162"/>
      <c r="CD452" s="162"/>
      <c r="CE452" s="162"/>
      <c r="CF452" s="162"/>
      <c r="CG452" s="162"/>
      <c r="CH452" s="162"/>
      <c r="CI452" s="162"/>
      <c r="CJ452" s="162"/>
      <c r="CK452" s="162"/>
      <c r="CX452" s="98"/>
      <c r="DL452" s="97"/>
      <c r="DX452" s="98"/>
      <c r="EL452" s="97"/>
      <c r="EX452" s="98"/>
      <c r="EY452" s="97"/>
      <c r="FL452" s="126"/>
      <c r="FM452" s="91"/>
      <c r="FN452" s="91"/>
      <c r="FO452" s="91"/>
      <c r="FP452" s="91"/>
      <c r="FQ452" s="91"/>
      <c r="FR452" s="91"/>
      <c r="FS452" s="91"/>
      <c r="FT452" s="91"/>
      <c r="FU452" s="91"/>
      <c r="FV452" s="91"/>
      <c r="FW452" s="91"/>
      <c r="FX452" s="91"/>
      <c r="FY452" s="91"/>
      <c r="FZ452" s="91"/>
      <c r="GA452" s="91"/>
      <c r="GB452" s="91"/>
      <c r="GC452" s="91"/>
      <c r="GD452" s="91"/>
      <c r="GE452" s="91"/>
      <c r="GF452" s="91"/>
      <c r="GG452" s="91"/>
      <c r="GH452" s="91"/>
      <c r="GI452" s="91"/>
      <c r="GJ452" s="91"/>
      <c r="GK452" s="127"/>
      <c r="GL452" s="126"/>
      <c r="GM452" s="91"/>
      <c r="GN452" s="91"/>
      <c r="GO452" s="91"/>
      <c r="GP452" s="91"/>
      <c r="GQ452" s="91"/>
      <c r="GR452" s="91"/>
      <c r="GS452" s="91"/>
      <c r="GT452" s="91"/>
      <c r="GU452" s="91"/>
      <c r="GV452" s="91"/>
      <c r="GW452" s="91"/>
      <c r="GX452" s="91"/>
      <c r="GY452" s="91"/>
      <c r="GZ452" s="91"/>
      <c r="HA452" s="91"/>
      <c r="HB452" s="91"/>
      <c r="HC452" s="91"/>
      <c r="HD452" s="91"/>
      <c r="HE452" s="91"/>
      <c r="HF452" s="91"/>
      <c r="HG452" s="91"/>
      <c r="HH452" s="91"/>
      <c r="HI452" s="91"/>
      <c r="HJ452" s="91"/>
      <c r="HK452" s="127"/>
      <c r="HL452" s="126"/>
      <c r="HM452" s="91"/>
      <c r="HN452" s="91"/>
      <c r="HO452" s="91"/>
      <c r="HP452" s="91"/>
      <c r="HQ452" s="91"/>
      <c r="HR452" s="91"/>
      <c r="HS452" s="91"/>
      <c r="HT452" s="91"/>
      <c r="HU452" s="91"/>
      <c r="HV452" s="91"/>
      <c r="HW452" s="91"/>
      <c r="HX452" s="91"/>
      <c r="HY452" s="91"/>
      <c r="HZ452" s="91"/>
      <c r="IA452" s="91"/>
      <c r="IB452" s="91"/>
      <c r="IC452" s="91"/>
      <c r="ID452" s="91"/>
      <c r="IE452" s="91"/>
      <c r="IF452" s="91"/>
      <c r="IG452" s="91"/>
      <c r="IH452" s="91"/>
      <c r="II452" s="91"/>
      <c r="IJ452" s="91"/>
      <c r="IK452" s="127"/>
    </row>
    <row r="453" spans="2:245" x14ac:dyDescent="0.2">
      <c r="B453" s="43"/>
      <c r="C453" s="73"/>
      <c r="D453" s="64"/>
      <c r="E453" s="64"/>
      <c r="F453" s="55"/>
      <c r="G453" s="102"/>
      <c r="H453" s="55"/>
      <c r="I453" s="55"/>
      <c r="J453" s="55"/>
      <c r="K453" s="55"/>
      <c r="L453" s="55"/>
      <c r="M453" s="55"/>
      <c r="N453" s="55"/>
      <c r="O453" s="55"/>
      <c r="P453" s="55"/>
      <c r="Q453" s="55"/>
      <c r="R453" s="55"/>
      <c r="S453" s="55"/>
      <c r="T453" s="55"/>
      <c r="U453" s="55"/>
      <c r="V453" s="55"/>
      <c r="W453" s="55"/>
      <c r="X453" s="55"/>
      <c r="Y453" s="55"/>
      <c r="Z453" s="55"/>
      <c r="AA453" s="55"/>
      <c r="AB453" s="55"/>
      <c r="AC453" s="55"/>
      <c r="AD453" s="55"/>
      <c r="AE453" s="55"/>
      <c r="AF453" s="55"/>
      <c r="AG453" s="55"/>
      <c r="AY453" s="162"/>
      <c r="AZ453" s="162"/>
      <c r="BA453" s="162"/>
      <c r="BB453" s="162"/>
      <c r="BC453" s="162"/>
      <c r="BD453" s="162"/>
      <c r="BE453" s="162"/>
      <c r="BF453" s="162"/>
      <c r="BG453" s="162"/>
      <c r="BH453" s="162"/>
      <c r="BI453" s="162"/>
      <c r="BJ453" s="162"/>
      <c r="BK453" s="162"/>
      <c r="BL453" s="162"/>
      <c r="BM453" s="162"/>
      <c r="BN453" s="162"/>
      <c r="BO453" s="162"/>
      <c r="BP453" s="162"/>
      <c r="BQ453" s="162"/>
      <c r="BR453" s="162"/>
      <c r="BS453" s="162"/>
      <c r="BT453" s="162"/>
      <c r="BU453" s="162"/>
      <c r="BV453" s="162"/>
      <c r="BW453" s="162"/>
      <c r="BX453" s="162"/>
      <c r="BY453" s="162"/>
      <c r="BZ453" s="162"/>
      <c r="CA453" s="162"/>
      <c r="CB453" s="162"/>
      <c r="CC453" s="162"/>
      <c r="CD453" s="162"/>
      <c r="CE453" s="162"/>
      <c r="CF453" s="162"/>
      <c r="CG453" s="162"/>
      <c r="CH453" s="162"/>
      <c r="CI453" s="162"/>
      <c r="CJ453" s="162"/>
      <c r="CK453" s="162"/>
      <c r="CX453" s="98"/>
      <c r="DL453" s="97"/>
      <c r="DX453" s="98"/>
      <c r="EL453" s="97"/>
      <c r="EX453" s="98"/>
      <c r="EY453" s="97"/>
      <c r="FL453" s="126"/>
      <c r="FM453" s="91"/>
      <c r="FN453" s="91"/>
      <c r="FO453" s="91"/>
      <c r="FP453" s="91"/>
      <c r="FQ453" s="91"/>
      <c r="FR453" s="91"/>
      <c r="FS453" s="91"/>
      <c r="FT453" s="91"/>
      <c r="FU453" s="91"/>
      <c r="FV453" s="91"/>
      <c r="FW453" s="91"/>
      <c r="FX453" s="91"/>
      <c r="FY453" s="91"/>
      <c r="FZ453" s="91"/>
      <c r="GA453" s="91"/>
      <c r="GB453" s="91"/>
      <c r="GC453" s="91"/>
      <c r="GD453" s="91"/>
      <c r="GE453" s="91"/>
      <c r="GF453" s="91"/>
      <c r="GG453" s="91"/>
      <c r="GH453" s="91"/>
      <c r="GI453" s="91"/>
      <c r="GJ453" s="91"/>
      <c r="GK453" s="127"/>
      <c r="GL453" s="126"/>
      <c r="GM453" s="91"/>
      <c r="GN453" s="91"/>
      <c r="GO453" s="91"/>
      <c r="GP453" s="91"/>
      <c r="GQ453" s="91"/>
      <c r="GR453" s="91"/>
      <c r="GS453" s="91"/>
      <c r="GT453" s="91"/>
      <c r="GU453" s="91"/>
      <c r="GV453" s="91"/>
      <c r="GW453" s="91"/>
      <c r="GX453" s="91"/>
      <c r="GY453" s="91"/>
      <c r="GZ453" s="91"/>
      <c r="HA453" s="91"/>
      <c r="HB453" s="91"/>
      <c r="HC453" s="91"/>
      <c r="HD453" s="91"/>
      <c r="HE453" s="91"/>
      <c r="HF453" s="91"/>
      <c r="HG453" s="91"/>
      <c r="HH453" s="91"/>
      <c r="HI453" s="91"/>
      <c r="HJ453" s="91"/>
      <c r="HK453" s="127"/>
      <c r="HL453" s="126"/>
      <c r="HM453" s="91"/>
      <c r="HN453" s="91"/>
      <c r="HO453" s="91"/>
      <c r="HP453" s="91"/>
      <c r="HQ453" s="91"/>
      <c r="HR453" s="91"/>
      <c r="HS453" s="91"/>
      <c r="HT453" s="91"/>
      <c r="HU453" s="91"/>
      <c r="HV453" s="91"/>
      <c r="HW453" s="91"/>
      <c r="HX453" s="91"/>
      <c r="HY453" s="91"/>
      <c r="HZ453" s="91"/>
      <c r="IA453" s="91"/>
      <c r="IB453" s="91"/>
      <c r="IC453" s="91"/>
      <c r="ID453" s="91"/>
      <c r="IE453" s="91"/>
      <c r="IF453" s="91"/>
      <c r="IG453" s="91"/>
      <c r="IH453" s="91"/>
      <c r="II453" s="91"/>
      <c r="IJ453" s="91"/>
      <c r="IK453" s="127"/>
    </row>
    <row r="454" spans="2:245" x14ac:dyDescent="0.2">
      <c r="B454" s="43"/>
      <c r="C454" s="73"/>
      <c r="D454" s="64"/>
      <c r="E454" s="64"/>
      <c r="F454" s="55"/>
      <c r="G454" s="102"/>
      <c r="H454" s="55"/>
      <c r="I454" s="55"/>
      <c r="J454" s="55"/>
      <c r="K454" s="55"/>
      <c r="L454" s="55"/>
      <c r="M454" s="55"/>
      <c r="N454" s="55"/>
      <c r="O454" s="55"/>
      <c r="P454" s="55"/>
      <c r="Q454" s="55"/>
      <c r="R454" s="55"/>
      <c r="S454" s="55"/>
      <c r="T454" s="55"/>
      <c r="U454" s="55"/>
      <c r="V454" s="55"/>
      <c r="W454" s="55"/>
      <c r="X454" s="55"/>
      <c r="Y454" s="55"/>
      <c r="Z454" s="55"/>
      <c r="AA454" s="55"/>
      <c r="AB454" s="55"/>
      <c r="AC454" s="55"/>
      <c r="AD454" s="55"/>
      <c r="AE454" s="55"/>
      <c r="AF454" s="55"/>
      <c r="AG454" s="55"/>
      <c r="AY454" s="162"/>
      <c r="AZ454" s="162"/>
      <c r="BA454" s="162"/>
      <c r="BB454" s="162"/>
      <c r="BC454" s="162"/>
      <c r="BD454" s="162"/>
      <c r="BE454" s="162"/>
      <c r="BF454" s="162"/>
      <c r="BG454" s="162"/>
      <c r="BH454" s="162"/>
      <c r="BI454" s="162"/>
      <c r="BJ454" s="162"/>
      <c r="BK454" s="162"/>
      <c r="BL454" s="162"/>
      <c r="BM454" s="162"/>
      <c r="BN454" s="162"/>
      <c r="BO454" s="162"/>
      <c r="BP454" s="162"/>
      <c r="BQ454" s="162"/>
      <c r="BR454" s="162"/>
      <c r="BS454" s="162"/>
      <c r="BT454" s="162"/>
      <c r="BU454" s="162"/>
      <c r="BV454" s="162"/>
      <c r="BW454" s="162"/>
      <c r="BX454" s="162"/>
      <c r="BY454" s="162"/>
      <c r="BZ454" s="162"/>
      <c r="CA454" s="162"/>
      <c r="CB454" s="162"/>
      <c r="CC454" s="162"/>
      <c r="CD454" s="162"/>
      <c r="CE454" s="162"/>
      <c r="CF454" s="162"/>
      <c r="CG454" s="162"/>
      <c r="CH454" s="162"/>
      <c r="CI454" s="162"/>
      <c r="CJ454" s="162"/>
      <c r="CK454" s="162"/>
      <c r="CX454" s="98"/>
      <c r="DL454" s="97"/>
      <c r="DX454" s="98"/>
      <c r="EL454" s="97"/>
      <c r="EX454" s="98"/>
      <c r="EY454" s="97"/>
      <c r="FL454" s="126"/>
      <c r="FM454" s="91"/>
      <c r="FN454" s="91"/>
      <c r="FO454" s="91"/>
      <c r="FP454" s="91"/>
      <c r="FQ454" s="91"/>
      <c r="FR454" s="91"/>
      <c r="FS454" s="91"/>
      <c r="FT454" s="91"/>
      <c r="FU454" s="91"/>
      <c r="FV454" s="91"/>
      <c r="FW454" s="91"/>
      <c r="FX454" s="91"/>
      <c r="FY454" s="91"/>
      <c r="FZ454" s="91"/>
      <c r="GA454" s="91"/>
      <c r="GB454" s="91"/>
      <c r="GC454" s="91"/>
      <c r="GD454" s="91"/>
      <c r="GE454" s="91"/>
      <c r="GF454" s="91"/>
      <c r="GG454" s="91"/>
      <c r="GH454" s="91"/>
      <c r="GI454" s="91"/>
      <c r="GJ454" s="91"/>
      <c r="GK454" s="127"/>
      <c r="GL454" s="126"/>
      <c r="GM454" s="91"/>
      <c r="GN454" s="91"/>
      <c r="GO454" s="91"/>
      <c r="GP454" s="91"/>
      <c r="GQ454" s="91"/>
      <c r="GR454" s="91"/>
      <c r="GS454" s="91"/>
      <c r="GT454" s="91"/>
      <c r="GU454" s="91"/>
      <c r="GV454" s="91"/>
      <c r="GW454" s="91"/>
      <c r="GX454" s="91"/>
      <c r="GY454" s="91"/>
      <c r="GZ454" s="91"/>
      <c r="HA454" s="91"/>
      <c r="HB454" s="91"/>
      <c r="HC454" s="91"/>
      <c r="HD454" s="91"/>
      <c r="HE454" s="91"/>
      <c r="HF454" s="91"/>
      <c r="HG454" s="91"/>
      <c r="HH454" s="91"/>
      <c r="HI454" s="91"/>
      <c r="HJ454" s="91"/>
      <c r="HK454" s="127"/>
      <c r="HL454" s="126"/>
      <c r="HM454" s="91"/>
      <c r="HN454" s="91"/>
      <c r="HO454" s="91"/>
      <c r="HP454" s="91"/>
      <c r="HQ454" s="91"/>
      <c r="HR454" s="91"/>
      <c r="HS454" s="91"/>
      <c r="HT454" s="91"/>
      <c r="HU454" s="91"/>
      <c r="HV454" s="91"/>
      <c r="HW454" s="91"/>
      <c r="HX454" s="91"/>
      <c r="HY454" s="91"/>
      <c r="HZ454" s="91"/>
      <c r="IA454" s="91"/>
      <c r="IB454" s="91"/>
      <c r="IC454" s="91"/>
      <c r="ID454" s="91"/>
      <c r="IE454" s="91"/>
      <c r="IF454" s="91"/>
      <c r="IG454" s="91"/>
      <c r="IH454" s="91"/>
      <c r="II454" s="91"/>
      <c r="IJ454" s="91"/>
      <c r="IK454" s="127"/>
    </row>
    <row r="455" spans="2:245" x14ac:dyDescent="0.2">
      <c r="B455" s="43"/>
      <c r="C455" s="73"/>
      <c r="D455" s="64"/>
      <c r="E455" s="64"/>
      <c r="F455" s="55"/>
      <c r="G455" s="102"/>
      <c r="H455" s="55"/>
      <c r="I455" s="55"/>
      <c r="J455" s="55"/>
      <c r="K455" s="55"/>
      <c r="L455" s="55"/>
      <c r="M455" s="55"/>
      <c r="N455" s="55"/>
      <c r="O455" s="55"/>
      <c r="P455" s="55"/>
      <c r="Q455" s="55"/>
      <c r="R455" s="55"/>
      <c r="S455" s="55"/>
      <c r="T455" s="55"/>
      <c r="U455" s="55"/>
      <c r="V455" s="55"/>
      <c r="W455" s="55"/>
      <c r="X455" s="55"/>
      <c r="Y455" s="55"/>
      <c r="Z455" s="55"/>
      <c r="AA455" s="55"/>
      <c r="AB455" s="55"/>
      <c r="AC455" s="55"/>
      <c r="AD455" s="55"/>
      <c r="AE455" s="55"/>
      <c r="AF455" s="55"/>
      <c r="AG455" s="55"/>
      <c r="AY455" s="162"/>
      <c r="AZ455" s="162"/>
      <c r="BA455" s="162"/>
      <c r="BB455" s="162"/>
      <c r="BC455" s="162"/>
      <c r="BD455" s="162"/>
      <c r="BE455" s="162"/>
      <c r="BF455" s="162"/>
      <c r="BG455" s="162"/>
      <c r="BH455" s="162"/>
      <c r="BI455" s="162"/>
      <c r="BJ455" s="162"/>
      <c r="BK455" s="162"/>
      <c r="BL455" s="162"/>
      <c r="BM455" s="162"/>
      <c r="BN455" s="162"/>
      <c r="BO455" s="162"/>
      <c r="BP455" s="162"/>
      <c r="BQ455" s="162"/>
      <c r="BR455" s="162"/>
      <c r="BS455" s="162"/>
      <c r="BT455" s="162"/>
      <c r="BU455" s="162"/>
      <c r="BV455" s="162"/>
      <c r="BW455" s="162"/>
      <c r="BX455" s="162"/>
      <c r="BY455" s="162"/>
      <c r="BZ455" s="162"/>
      <c r="CA455" s="162"/>
      <c r="CB455" s="162"/>
      <c r="CC455" s="162"/>
      <c r="CD455" s="162"/>
      <c r="CE455" s="162"/>
      <c r="CF455" s="162"/>
      <c r="CG455" s="162"/>
      <c r="CH455" s="162"/>
      <c r="CI455" s="162"/>
      <c r="CJ455" s="162"/>
      <c r="CK455" s="162"/>
      <c r="CX455" s="98"/>
      <c r="DL455" s="97"/>
      <c r="DX455" s="98"/>
      <c r="EL455" s="97"/>
      <c r="EX455" s="98"/>
      <c r="EY455" s="97"/>
      <c r="FL455" s="126"/>
      <c r="FM455" s="91"/>
      <c r="FN455" s="91"/>
      <c r="FO455" s="91"/>
      <c r="FP455" s="91"/>
      <c r="FQ455" s="91"/>
      <c r="FR455" s="91"/>
      <c r="FS455" s="91"/>
      <c r="FT455" s="91"/>
      <c r="FU455" s="91"/>
      <c r="FV455" s="91"/>
      <c r="FW455" s="91"/>
      <c r="FX455" s="91"/>
      <c r="FY455" s="91"/>
      <c r="FZ455" s="91"/>
      <c r="GA455" s="91"/>
      <c r="GB455" s="91"/>
      <c r="GC455" s="91"/>
      <c r="GD455" s="91"/>
      <c r="GE455" s="91"/>
      <c r="GF455" s="91"/>
      <c r="GG455" s="91"/>
      <c r="GH455" s="91"/>
      <c r="GI455" s="91"/>
      <c r="GJ455" s="91"/>
      <c r="GK455" s="127"/>
      <c r="GL455" s="126"/>
      <c r="GM455" s="91"/>
      <c r="GN455" s="91"/>
      <c r="GO455" s="91"/>
      <c r="GP455" s="91"/>
      <c r="GQ455" s="91"/>
      <c r="GR455" s="91"/>
      <c r="GS455" s="91"/>
      <c r="GT455" s="91"/>
      <c r="GU455" s="91"/>
      <c r="GV455" s="91"/>
      <c r="GW455" s="91"/>
      <c r="GX455" s="91"/>
      <c r="GY455" s="91"/>
      <c r="GZ455" s="91"/>
      <c r="HA455" s="91"/>
      <c r="HB455" s="91"/>
      <c r="HC455" s="91"/>
      <c r="HD455" s="91"/>
      <c r="HE455" s="91"/>
      <c r="HF455" s="91"/>
      <c r="HG455" s="91"/>
      <c r="HH455" s="91"/>
      <c r="HI455" s="91"/>
      <c r="HJ455" s="91"/>
      <c r="HK455" s="127"/>
      <c r="HL455" s="126"/>
      <c r="HM455" s="91"/>
      <c r="HN455" s="91"/>
      <c r="HO455" s="91"/>
      <c r="HP455" s="91"/>
      <c r="HQ455" s="91"/>
      <c r="HR455" s="91"/>
      <c r="HS455" s="91"/>
      <c r="HT455" s="91"/>
      <c r="HU455" s="91"/>
      <c r="HV455" s="91"/>
      <c r="HW455" s="91"/>
      <c r="HX455" s="91"/>
      <c r="HY455" s="91"/>
      <c r="HZ455" s="91"/>
      <c r="IA455" s="91"/>
      <c r="IB455" s="91"/>
      <c r="IC455" s="91"/>
      <c r="ID455" s="91"/>
      <c r="IE455" s="91"/>
      <c r="IF455" s="91"/>
      <c r="IG455" s="91"/>
      <c r="IH455" s="91"/>
      <c r="II455" s="91"/>
      <c r="IJ455" s="91"/>
      <c r="IK455" s="127"/>
    </row>
    <row r="456" spans="2:245" x14ac:dyDescent="0.2">
      <c r="B456" s="43"/>
      <c r="C456" s="73"/>
      <c r="D456" s="64"/>
      <c r="E456" s="64"/>
      <c r="F456" s="55"/>
      <c r="G456" s="102"/>
      <c r="H456" s="55"/>
      <c r="I456" s="55"/>
      <c r="J456" s="55"/>
      <c r="K456" s="55"/>
      <c r="L456" s="55"/>
      <c r="M456" s="55"/>
      <c r="N456" s="55"/>
      <c r="O456" s="55"/>
      <c r="P456" s="55"/>
      <c r="Q456" s="55"/>
      <c r="R456" s="55"/>
      <c r="S456" s="55"/>
      <c r="T456" s="55"/>
      <c r="U456" s="55"/>
      <c r="V456" s="55"/>
      <c r="W456" s="55"/>
      <c r="X456" s="55"/>
      <c r="Y456" s="55"/>
      <c r="Z456" s="55"/>
      <c r="AA456" s="55"/>
      <c r="AB456" s="55"/>
      <c r="AC456" s="55"/>
      <c r="AD456" s="55"/>
      <c r="AE456" s="55"/>
      <c r="AF456" s="55"/>
      <c r="AG456" s="55"/>
      <c r="AY456" s="162"/>
      <c r="AZ456" s="162"/>
      <c r="BA456" s="162"/>
      <c r="BB456" s="162"/>
      <c r="BC456" s="162"/>
      <c r="BD456" s="162"/>
      <c r="BE456" s="162"/>
      <c r="BF456" s="162"/>
      <c r="BG456" s="162"/>
      <c r="BH456" s="162"/>
      <c r="BI456" s="162"/>
      <c r="BJ456" s="162"/>
      <c r="BK456" s="162"/>
      <c r="BL456" s="162"/>
      <c r="BM456" s="162"/>
      <c r="BN456" s="162"/>
      <c r="BO456" s="162"/>
      <c r="BP456" s="162"/>
      <c r="BQ456" s="162"/>
      <c r="BR456" s="162"/>
      <c r="BS456" s="162"/>
      <c r="BT456" s="162"/>
      <c r="BU456" s="162"/>
      <c r="BV456" s="162"/>
      <c r="BW456" s="162"/>
      <c r="BX456" s="162"/>
      <c r="BY456" s="162"/>
      <c r="BZ456" s="162"/>
      <c r="CA456" s="162"/>
      <c r="CB456" s="162"/>
      <c r="CC456" s="162"/>
      <c r="CD456" s="162"/>
      <c r="CE456" s="162"/>
      <c r="CF456" s="162"/>
      <c r="CG456" s="162"/>
      <c r="CH456" s="162"/>
      <c r="CI456" s="162"/>
      <c r="CJ456" s="162"/>
      <c r="CK456" s="162"/>
      <c r="CX456" s="98"/>
      <c r="DL456" s="97"/>
      <c r="DX456" s="98"/>
      <c r="EL456" s="97"/>
      <c r="EX456" s="98"/>
      <c r="EY456" s="97"/>
      <c r="FL456" s="126"/>
      <c r="FM456" s="91"/>
      <c r="FN456" s="91"/>
      <c r="FO456" s="91"/>
      <c r="FP456" s="91"/>
      <c r="FQ456" s="91"/>
      <c r="FR456" s="91"/>
      <c r="FS456" s="91"/>
      <c r="FT456" s="91"/>
      <c r="FU456" s="91"/>
      <c r="FV456" s="91"/>
      <c r="FW456" s="91"/>
      <c r="FX456" s="91"/>
      <c r="FY456" s="91"/>
      <c r="FZ456" s="91"/>
      <c r="GA456" s="91"/>
      <c r="GB456" s="91"/>
      <c r="GC456" s="91"/>
      <c r="GD456" s="91"/>
      <c r="GE456" s="91"/>
      <c r="GF456" s="91"/>
      <c r="GG456" s="91"/>
      <c r="GH456" s="91"/>
      <c r="GI456" s="91"/>
      <c r="GJ456" s="91"/>
      <c r="GK456" s="127"/>
      <c r="GL456" s="126"/>
      <c r="GM456" s="91"/>
      <c r="GN456" s="91"/>
      <c r="GO456" s="91"/>
      <c r="GP456" s="91"/>
      <c r="GQ456" s="91"/>
      <c r="GR456" s="91"/>
      <c r="GS456" s="91"/>
      <c r="GT456" s="91"/>
      <c r="GU456" s="91"/>
      <c r="GV456" s="91"/>
      <c r="GW456" s="91"/>
      <c r="GX456" s="91"/>
      <c r="GY456" s="91"/>
      <c r="GZ456" s="91"/>
      <c r="HA456" s="91"/>
      <c r="HB456" s="91"/>
      <c r="HC456" s="91"/>
      <c r="HD456" s="91"/>
      <c r="HE456" s="91"/>
      <c r="HF456" s="91"/>
      <c r="HG456" s="91"/>
      <c r="HH456" s="91"/>
      <c r="HI456" s="91"/>
      <c r="HJ456" s="91"/>
      <c r="HK456" s="127"/>
      <c r="HL456" s="126"/>
      <c r="HM456" s="91"/>
      <c r="HN456" s="91"/>
      <c r="HO456" s="91"/>
      <c r="HP456" s="91"/>
      <c r="HQ456" s="91"/>
      <c r="HR456" s="91"/>
      <c r="HS456" s="91"/>
      <c r="HT456" s="91"/>
      <c r="HU456" s="91"/>
      <c r="HV456" s="91"/>
      <c r="HW456" s="91"/>
      <c r="HX456" s="91"/>
      <c r="HY456" s="91"/>
      <c r="HZ456" s="91"/>
      <c r="IA456" s="91"/>
      <c r="IB456" s="91"/>
      <c r="IC456" s="91"/>
      <c r="ID456" s="91"/>
      <c r="IE456" s="91"/>
      <c r="IF456" s="91"/>
      <c r="IG456" s="91"/>
      <c r="IH456" s="91"/>
      <c r="II456" s="91"/>
      <c r="IJ456" s="91"/>
      <c r="IK456" s="127"/>
    </row>
    <row r="457" spans="2:245" x14ac:dyDescent="0.2">
      <c r="B457" s="43"/>
      <c r="C457" s="73"/>
      <c r="D457" s="64"/>
      <c r="E457" s="64"/>
      <c r="F457" s="55"/>
      <c r="G457" s="102"/>
      <c r="H457" s="55"/>
      <c r="I457" s="55"/>
      <c r="J457" s="55"/>
      <c r="K457" s="55"/>
      <c r="L457" s="55"/>
      <c r="M457" s="55"/>
      <c r="N457" s="55"/>
      <c r="O457" s="55"/>
      <c r="P457" s="55"/>
      <c r="Q457" s="55"/>
      <c r="R457" s="55"/>
      <c r="S457" s="55"/>
      <c r="T457" s="55"/>
      <c r="U457" s="55"/>
      <c r="V457" s="55"/>
      <c r="W457" s="55"/>
      <c r="X457" s="55"/>
      <c r="Y457" s="55"/>
      <c r="Z457" s="55"/>
      <c r="AA457" s="55"/>
      <c r="AB457" s="55"/>
      <c r="AC457" s="55"/>
      <c r="AD457" s="55"/>
      <c r="AE457" s="55"/>
      <c r="AF457" s="55"/>
      <c r="AG457" s="55"/>
      <c r="AY457" s="162"/>
      <c r="AZ457" s="162"/>
      <c r="BA457" s="162"/>
      <c r="BB457" s="162"/>
      <c r="BC457" s="162"/>
      <c r="BD457" s="162"/>
      <c r="BE457" s="162"/>
      <c r="BF457" s="162"/>
      <c r="BG457" s="162"/>
      <c r="BH457" s="162"/>
      <c r="BI457" s="162"/>
      <c r="BJ457" s="162"/>
      <c r="BK457" s="162"/>
      <c r="BL457" s="162"/>
      <c r="BM457" s="162"/>
      <c r="BN457" s="162"/>
      <c r="BO457" s="162"/>
      <c r="BP457" s="162"/>
      <c r="BQ457" s="162"/>
      <c r="BR457" s="162"/>
      <c r="BS457" s="162"/>
      <c r="BT457" s="162"/>
      <c r="BU457" s="162"/>
      <c r="BV457" s="162"/>
      <c r="BW457" s="162"/>
      <c r="BX457" s="162"/>
      <c r="BY457" s="162"/>
      <c r="BZ457" s="162"/>
      <c r="CA457" s="162"/>
      <c r="CB457" s="162"/>
      <c r="CC457" s="162"/>
      <c r="CD457" s="162"/>
      <c r="CE457" s="162"/>
      <c r="CF457" s="162"/>
      <c r="CG457" s="162"/>
      <c r="CH457" s="162"/>
      <c r="CI457" s="162"/>
      <c r="CJ457" s="162"/>
      <c r="CK457" s="162"/>
      <c r="CX457" s="98"/>
      <c r="DL457" s="97"/>
      <c r="DX457" s="98"/>
      <c r="EL457" s="97"/>
      <c r="EX457" s="98"/>
      <c r="EY457" s="97"/>
      <c r="FL457" s="126"/>
      <c r="FM457" s="91"/>
      <c r="FN457" s="91"/>
      <c r="FO457" s="91"/>
      <c r="FP457" s="91"/>
      <c r="FQ457" s="91"/>
      <c r="FR457" s="91"/>
      <c r="FS457" s="91"/>
      <c r="FT457" s="91"/>
      <c r="FU457" s="91"/>
      <c r="FV457" s="91"/>
      <c r="FW457" s="91"/>
      <c r="FX457" s="91"/>
      <c r="FY457" s="91"/>
      <c r="FZ457" s="91"/>
      <c r="GA457" s="91"/>
      <c r="GB457" s="91"/>
      <c r="GC457" s="91"/>
      <c r="GD457" s="91"/>
      <c r="GE457" s="91"/>
      <c r="GF457" s="91"/>
      <c r="GG457" s="91"/>
      <c r="GH457" s="91"/>
      <c r="GI457" s="91"/>
      <c r="GJ457" s="91"/>
      <c r="GK457" s="127"/>
      <c r="GL457" s="126"/>
      <c r="GM457" s="91"/>
      <c r="GN457" s="91"/>
      <c r="GO457" s="91"/>
      <c r="GP457" s="91"/>
      <c r="GQ457" s="91"/>
      <c r="GR457" s="91"/>
      <c r="GS457" s="91"/>
      <c r="GT457" s="91"/>
      <c r="GU457" s="91"/>
      <c r="GV457" s="91"/>
      <c r="GW457" s="91"/>
      <c r="GX457" s="91"/>
      <c r="GY457" s="91"/>
      <c r="GZ457" s="91"/>
      <c r="HA457" s="91"/>
      <c r="HB457" s="91"/>
      <c r="HC457" s="91"/>
      <c r="HD457" s="91"/>
      <c r="HE457" s="91"/>
      <c r="HF457" s="91"/>
      <c r="HG457" s="91"/>
      <c r="HH457" s="91"/>
      <c r="HI457" s="91"/>
      <c r="HJ457" s="91"/>
      <c r="HK457" s="127"/>
      <c r="HL457" s="126"/>
      <c r="HM457" s="91"/>
      <c r="HN457" s="91"/>
      <c r="HO457" s="91"/>
      <c r="HP457" s="91"/>
      <c r="HQ457" s="91"/>
      <c r="HR457" s="91"/>
      <c r="HS457" s="91"/>
      <c r="HT457" s="91"/>
      <c r="HU457" s="91"/>
      <c r="HV457" s="91"/>
      <c r="HW457" s="91"/>
      <c r="HX457" s="91"/>
      <c r="HY457" s="91"/>
      <c r="HZ457" s="91"/>
      <c r="IA457" s="91"/>
      <c r="IB457" s="91"/>
      <c r="IC457" s="91"/>
      <c r="ID457" s="91"/>
      <c r="IE457" s="91"/>
      <c r="IF457" s="91"/>
      <c r="IG457" s="91"/>
      <c r="IH457" s="91"/>
      <c r="II457" s="91"/>
      <c r="IJ457" s="91"/>
      <c r="IK457" s="127"/>
    </row>
    <row r="458" spans="2:245" x14ac:dyDescent="0.2">
      <c r="B458" s="43"/>
      <c r="C458" s="73"/>
      <c r="D458" s="64"/>
      <c r="E458" s="64"/>
      <c r="F458" s="55"/>
      <c r="G458" s="102"/>
      <c r="H458" s="55"/>
      <c r="I458" s="55"/>
      <c r="J458" s="55"/>
      <c r="K458" s="55"/>
      <c r="L458" s="55"/>
      <c r="M458" s="55"/>
      <c r="N458" s="55"/>
      <c r="O458" s="55"/>
      <c r="P458" s="55"/>
      <c r="Q458" s="55"/>
      <c r="R458" s="55"/>
      <c r="S458" s="55"/>
      <c r="T458" s="55"/>
      <c r="U458" s="55"/>
      <c r="V458" s="55"/>
      <c r="W458" s="55"/>
      <c r="X458" s="55"/>
      <c r="Y458" s="55"/>
      <c r="Z458" s="55"/>
      <c r="AA458" s="55"/>
      <c r="AB458" s="55"/>
      <c r="AC458" s="55"/>
      <c r="AD458" s="55"/>
      <c r="AE458" s="55"/>
      <c r="AF458" s="55"/>
      <c r="AG458" s="55"/>
      <c r="AY458" s="162"/>
      <c r="AZ458" s="162"/>
      <c r="BA458" s="162"/>
      <c r="BB458" s="162"/>
      <c r="BC458" s="162"/>
      <c r="BD458" s="162"/>
      <c r="BE458" s="162"/>
      <c r="BF458" s="162"/>
      <c r="BG458" s="162"/>
      <c r="BH458" s="162"/>
      <c r="BI458" s="162"/>
      <c r="BJ458" s="162"/>
      <c r="BK458" s="162"/>
      <c r="BL458" s="162"/>
      <c r="BM458" s="162"/>
      <c r="BN458" s="162"/>
      <c r="BO458" s="162"/>
      <c r="BP458" s="162"/>
      <c r="BQ458" s="162"/>
      <c r="BR458" s="162"/>
      <c r="BS458" s="162"/>
      <c r="BT458" s="162"/>
      <c r="BU458" s="162"/>
      <c r="BV458" s="162"/>
      <c r="BW458" s="162"/>
      <c r="BX458" s="162"/>
      <c r="BY458" s="162"/>
      <c r="BZ458" s="162"/>
      <c r="CA458" s="162"/>
      <c r="CB458" s="162"/>
      <c r="CC458" s="162"/>
      <c r="CD458" s="162"/>
      <c r="CE458" s="162"/>
      <c r="CF458" s="162"/>
      <c r="CG458" s="162"/>
      <c r="CH458" s="162"/>
      <c r="CI458" s="162"/>
      <c r="CJ458" s="162"/>
      <c r="CK458" s="162"/>
      <c r="CX458" s="98"/>
      <c r="DL458" s="97"/>
      <c r="DX458" s="98"/>
      <c r="EL458" s="97"/>
      <c r="EX458" s="98"/>
      <c r="EY458" s="97"/>
      <c r="FL458" s="126"/>
      <c r="FM458" s="91"/>
      <c r="FN458" s="91"/>
      <c r="FO458" s="91"/>
      <c r="FP458" s="91"/>
      <c r="FQ458" s="91"/>
      <c r="FR458" s="91"/>
      <c r="FS458" s="91"/>
      <c r="FT458" s="91"/>
      <c r="FU458" s="91"/>
      <c r="FV458" s="91"/>
      <c r="FW458" s="91"/>
      <c r="FX458" s="91"/>
      <c r="FY458" s="91"/>
      <c r="FZ458" s="91"/>
      <c r="GA458" s="91"/>
      <c r="GB458" s="91"/>
      <c r="GC458" s="91"/>
      <c r="GD458" s="91"/>
      <c r="GE458" s="91"/>
      <c r="GF458" s="91"/>
      <c r="GG458" s="91"/>
      <c r="GH458" s="91"/>
      <c r="GI458" s="91"/>
      <c r="GJ458" s="91"/>
      <c r="GK458" s="127"/>
      <c r="GL458" s="126"/>
      <c r="GM458" s="91"/>
      <c r="GN458" s="91"/>
      <c r="GO458" s="91"/>
      <c r="GP458" s="91"/>
      <c r="GQ458" s="91"/>
      <c r="GR458" s="91"/>
      <c r="GS458" s="91"/>
      <c r="GT458" s="91"/>
      <c r="GU458" s="91"/>
      <c r="GV458" s="91"/>
      <c r="GW458" s="91"/>
      <c r="GX458" s="91"/>
      <c r="GY458" s="91"/>
      <c r="GZ458" s="91"/>
      <c r="HA458" s="91"/>
      <c r="HB458" s="91"/>
      <c r="HC458" s="91"/>
      <c r="HD458" s="91"/>
      <c r="HE458" s="91"/>
      <c r="HF458" s="91"/>
      <c r="HG458" s="91"/>
      <c r="HH458" s="91"/>
      <c r="HI458" s="91"/>
      <c r="HJ458" s="91"/>
      <c r="HK458" s="127"/>
      <c r="HL458" s="126"/>
      <c r="HM458" s="91"/>
      <c r="HN458" s="91"/>
      <c r="HO458" s="91"/>
      <c r="HP458" s="91"/>
      <c r="HQ458" s="91"/>
      <c r="HR458" s="91"/>
      <c r="HS458" s="91"/>
      <c r="HT458" s="91"/>
      <c r="HU458" s="91"/>
      <c r="HV458" s="91"/>
      <c r="HW458" s="91"/>
      <c r="HX458" s="91"/>
      <c r="HY458" s="91"/>
      <c r="HZ458" s="91"/>
      <c r="IA458" s="91"/>
      <c r="IB458" s="91"/>
      <c r="IC458" s="91"/>
      <c r="ID458" s="91"/>
      <c r="IE458" s="91"/>
      <c r="IF458" s="91"/>
      <c r="IG458" s="91"/>
      <c r="IH458" s="91"/>
      <c r="II458" s="91"/>
      <c r="IJ458" s="91"/>
      <c r="IK458" s="127"/>
    </row>
    <row r="459" spans="2:245" x14ac:dyDescent="0.2">
      <c r="B459" s="43"/>
      <c r="C459" s="73"/>
      <c r="D459" s="64"/>
      <c r="E459" s="64"/>
      <c r="F459" s="55"/>
      <c r="G459" s="102"/>
      <c r="H459" s="55"/>
      <c r="I459" s="55"/>
      <c r="J459" s="55"/>
      <c r="K459" s="55"/>
      <c r="L459" s="55"/>
      <c r="M459" s="55"/>
      <c r="N459" s="55"/>
      <c r="O459" s="55"/>
      <c r="P459" s="55"/>
      <c r="Q459" s="55"/>
      <c r="R459" s="55"/>
      <c r="S459" s="55"/>
      <c r="T459" s="55"/>
      <c r="U459" s="55"/>
      <c r="V459" s="55"/>
      <c r="W459" s="55"/>
      <c r="X459" s="55"/>
      <c r="Y459" s="55"/>
      <c r="Z459" s="55"/>
      <c r="AA459" s="55"/>
      <c r="AB459" s="55"/>
      <c r="AC459" s="55"/>
      <c r="AD459" s="55"/>
      <c r="AE459" s="55"/>
      <c r="AF459" s="55"/>
      <c r="AG459" s="55"/>
      <c r="AY459" s="162"/>
      <c r="AZ459" s="162"/>
      <c r="BA459" s="162"/>
      <c r="BB459" s="162"/>
      <c r="BC459" s="162"/>
      <c r="BD459" s="162"/>
      <c r="BE459" s="162"/>
      <c r="BF459" s="162"/>
      <c r="BG459" s="162"/>
      <c r="BH459" s="162"/>
      <c r="BI459" s="162"/>
      <c r="BJ459" s="162"/>
      <c r="BK459" s="162"/>
      <c r="BL459" s="162"/>
      <c r="BM459" s="162"/>
      <c r="BN459" s="162"/>
      <c r="BO459" s="162"/>
      <c r="BP459" s="162"/>
      <c r="BQ459" s="162"/>
      <c r="BR459" s="162"/>
      <c r="BS459" s="162"/>
      <c r="BT459" s="162"/>
      <c r="BU459" s="162"/>
      <c r="BV459" s="162"/>
      <c r="BW459" s="162"/>
      <c r="BX459" s="162"/>
      <c r="BY459" s="162"/>
      <c r="BZ459" s="162"/>
      <c r="CA459" s="162"/>
      <c r="CB459" s="162"/>
      <c r="CC459" s="162"/>
      <c r="CD459" s="162"/>
      <c r="CE459" s="162"/>
      <c r="CF459" s="162"/>
      <c r="CG459" s="162"/>
      <c r="CH459" s="162"/>
      <c r="CI459" s="162"/>
      <c r="CJ459" s="162"/>
      <c r="CK459" s="162"/>
      <c r="CX459" s="98"/>
      <c r="DL459" s="97"/>
      <c r="DX459" s="98"/>
      <c r="EL459" s="97"/>
      <c r="EX459" s="98"/>
      <c r="EY459" s="97"/>
      <c r="FL459" s="126"/>
      <c r="FM459" s="91"/>
      <c r="FN459" s="91"/>
      <c r="FO459" s="91"/>
      <c r="FP459" s="91"/>
      <c r="FQ459" s="91"/>
      <c r="FR459" s="91"/>
      <c r="FS459" s="91"/>
      <c r="FT459" s="91"/>
      <c r="FU459" s="91"/>
      <c r="FV459" s="91"/>
      <c r="FW459" s="91"/>
      <c r="FX459" s="91"/>
      <c r="FY459" s="91"/>
      <c r="FZ459" s="91"/>
      <c r="GA459" s="91"/>
      <c r="GB459" s="91"/>
      <c r="GC459" s="91"/>
      <c r="GD459" s="91"/>
      <c r="GE459" s="91"/>
      <c r="GF459" s="91"/>
      <c r="GG459" s="91"/>
      <c r="GH459" s="91"/>
      <c r="GI459" s="91"/>
      <c r="GJ459" s="91"/>
      <c r="GK459" s="127"/>
      <c r="GL459" s="126"/>
      <c r="GM459" s="91"/>
      <c r="GN459" s="91"/>
      <c r="GO459" s="91"/>
      <c r="GP459" s="91"/>
      <c r="GQ459" s="91"/>
      <c r="GR459" s="91"/>
      <c r="GS459" s="91"/>
      <c r="GT459" s="91"/>
      <c r="GU459" s="91"/>
      <c r="GV459" s="91"/>
      <c r="GW459" s="91"/>
      <c r="GX459" s="91"/>
      <c r="GY459" s="91"/>
      <c r="GZ459" s="91"/>
      <c r="HA459" s="91"/>
      <c r="HB459" s="91"/>
      <c r="HC459" s="91"/>
      <c r="HD459" s="91"/>
      <c r="HE459" s="91"/>
      <c r="HF459" s="91"/>
      <c r="HG459" s="91"/>
      <c r="HH459" s="91"/>
      <c r="HI459" s="91"/>
      <c r="HJ459" s="91"/>
      <c r="HK459" s="127"/>
      <c r="HL459" s="126"/>
      <c r="HM459" s="91"/>
      <c r="HN459" s="91"/>
      <c r="HO459" s="91"/>
      <c r="HP459" s="91"/>
      <c r="HQ459" s="91"/>
      <c r="HR459" s="91"/>
      <c r="HS459" s="91"/>
      <c r="HT459" s="91"/>
      <c r="HU459" s="91"/>
      <c r="HV459" s="91"/>
      <c r="HW459" s="91"/>
      <c r="HX459" s="91"/>
      <c r="HY459" s="91"/>
      <c r="HZ459" s="91"/>
      <c r="IA459" s="91"/>
      <c r="IB459" s="91"/>
      <c r="IC459" s="91"/>
      <c r="ID459" s="91"/>
      <c r="IE459" s="91"/>
      <c r="IF459" s="91"/>
      <c r="IG459" s="91"/>
      <c r="IH459" s="91"/>
      <c r="II459" s="91"/>
      <c r="IJ459" s="91"/>
      <c r="IK459" s="127"/>
    </row>
    <row r="460" spans="2:245" x14ac:dyDescent="0.2">
      <c r="B460" s="43"/>
      <c r="C460" s="73"/>
      <c r="D460" s="64"/>
      <c r="E460" s="64"/>
      <c r="F460" s="55"/>
      <c r="G460" s="102"/>
      <c r="H460" s="55"/>
      <c r="I460" s="55"/>
      <c r="J460" s="55"/>
      <c r="K460" s="55"/>
      <c r="L460" s="55"/>
      <c r="M460" s="55"/>
      <c r="N460" s="55"/>
      <c r="O460" s="55"/>
      <c r="P460" s="55"/>
      <c r="Q460" s="55"/>
      <c r="R460" s="55"/>
      <c r="S460" s="55"/>
      <c r="T460" s="55"/>
      <c r="U460" s="55"/>
      <c r="V460" s="55"/>
      <c r="W460" s="55"/>
      <c r="X460" s="55"/>
      <c r="Y460" s="55"/>
      <c r="Z460" s="55"/>
      <c r="AA460" s="55"/>
      <c r="AB460" s="55"/>
      <c r="AC460" s="55"/>
      <c r="AD460" s="55"/>
      <c r="AE460" s="55"/>
      <c r="AF460" s="55"/>
      <c r="AG460" s="55"/>
      <c r="AY460" s="162"/>
      <c r="AZ460" s="162"/>
      <c r="BA460" s="162"/>
      <c r="BB460" s="162"/>
      <c r="BC460" s="162"/>
      <c r="BD460" s="162"/>
      <c r="BE460" s="162"/>
      <c r="BF460" s="162"/>
      <c r="BG460" s="162"/>
      <c r="BH460" s="162"/>
      <c r="BI460" s="162"/>
      <c r="BJ460" s="162"/>
      <c r="BK460" s="162"/>
      <c r="BL460" s="162"/>
      <c r="BM460" s="162"/>
      <c r="BN460" s="162"/>
      <c r="BO460" s="162"/>
      <c r="BP460" s="162"/>
      <c r="BQ460" s="162"/>
      <c r="BR460" s="162"/>
      <c r="BS460" s="162"/>
      <c r="BT460" s="162"/>
      <c r="BU460" s="162"/>
      <c r="BV460" s="162"/>
      <c r="BW460" s="162"/>
      <c r="BX460" s="162"/>
      <c r="BY460" s="162"/>
      <c r="BZ460" s="162"/>
      <c r="CA460" s="162"/>
      <c r="CB460" s="162"/>
      <c r="CC460" s="162"/>
      <c r="CD460" s="162"/>
      <c r="CE460" s="162"/>
      <c r="CF460" s="162"/>
      <c r="CG460" s="162"/>
      <c r="CH460" s="162"/>
      <c r="CI460" s="162"/>
      <c r="CJ460" s="162"/>
      <c r="CK460" s="162"/>
      <c r="CX460" s="98"/>
      <c r="DL460" s="97"/>
      <c r="DX460" s="98"/>
      <c r="EL460" s="97"/>
      <c r="EX460" s="98"/>
      <c r="EY460" s="97"/>
      <c r="FL460" s="126"/>
      <c r="FM460" s="91"/>
      <c r="FN460" s="91"/>
      <c r="FO460" s="91"/>
      <c r="FP460" s="91"/>
      <c r="FQ460" s="91"/>
      <c r="FR460" s="91"/>
      <c r="FS460" s="91"/>
      <c r="FT460" s="91"/>
      <c r="FU460" s="91"/>
      <c r="FV460" s="91"/>
      <c r="FW460" s="91"/>
      <c r="FX460" s="91"/>
      <c r="FY460" s="91"/>
      <c r="FZ460" s="91"/>
      <c r="GA460" s="91"/>
      <c r="GB460" s="91"/>
      <c r="GC460" s="91"/>
      <c r="GD460" s="91"/>
      <c r="GE460" s="91"/>
      <c r="GF460" s="91"/>
      <c r="GG460" s="91"/>
      <c r="GH460" s="91"/>
      <c r="GI460" s="91"/>
      <c r="GJ460" s="91"/>
      <c r="GK460" s="127"/>
      <c r="GL460" s="126"/>
      <c r="GM460" s="91"/>
      <c r="GN460" s="91"/>
      <c r="GO460" s="91"/>
      <c r="GP460" s="91"/>
      <c r="GQ460" s="91"/>
      <c r="GR460" s="91"/>
      <c r="GS460" s="91"/>
      <c r="GT460" s="91"/>
      <c r="GU460" s="91"/>
      <c r="GV460" s="91"/>
      <c r="GW460" s="91"/>
      <c r="GX460" s="91"/>
      <c r="GY460" s="91"/>
      <c r="GZ460" s="91"/>
      <c r="HA460" s="91"/>
      <c r="HB460" s="91"/>
      <c r="HC460" s="91"/>
      <c r="HD460" s="91"/>
      <c r="HE460" s="91"/>
      <c r="HF460" s="91"/>
      <c r="HG460" s="91"/>
      <c r="HH460" s="91"/>
      <c r="HI460" s="91"/>
      <c r="HJ460" s="91"/>
      <c r="HK460" s="127"/>
      <c r="HL460" s="126"/>
      <c r="HM460" s="91"/>
      <c r="HN460" s="91"/>
      <c r="HO460" s="91"/>
      <c r="HP460" s="91"/>
      <c r="HQ460" s="91"/>
      <c r="HR460" s="91"/>
      <c r="HS460" s="91"/>
      <c r="HT460" s="91"/>
      <c r="HU460" s="91"/>
      <c r="HV460" s="91"/>
      <c r="HW460" s="91"/>
      <c r="HX460" s="91"/>
      <c r="HY460" s="91"/>
      <c r="HZ460" s="91"/>
      <c r="IA460" s="91"/>
      <c r="IB460" s="91"/>
      <c r="IC460" s="91"/>
      <c r="ID460" s="91"/>
      <c r="IE460" s="91"/>
      <c r="IF460" s="91"/>
      <c r="IG460" s="91"/>
      <c r="IH460" s="91"/>
      <c r="II460" s="91"/>
      <c r="IJ460" s="91"/>
      <c r="IK460" s="127"/>
    </row>
    <row r="461" spans="2:245" x14ac:dyDescent="0.2">
      <c r="B461" s="43"/>
      <c r="C461" s="73"/>
      <c r="D461" s="64"/>
      <c r="E461" s="64"/>
      <c r="F461" s="55"/>
      <c r="G461" s="102"/>
      <c r="H461" s="55"/>
      <c r="I461" s="55"/>
      <c r="J461" s="55"/>
      <c r="K461" s="55"/>
      <c r="L461" s="55"/>
      <c r="M461" s="55"/>
      <c r="N461" s="55"/>
      <c r="O461" s="55"/>
      <c r="P461" s="55"/>
      <c r="Q461" s="55"/>
      <c r="R461" s="55"/>
      <c r="S461" s="55"/>
      <c r="T461" s="55"/>
      <c r="U461" s="55"/>
      <c r="V461" s="55"/>
      <c r="W461" s="55"/>
      <c r="X461" s="55"/>
      <c r="Y461" s="55"/>
      <c r="Z461" s="55"/>
      <c r="AA461" s="55"/>
      <c r="AB461" s="55"/>
      <c r="AC461" s="55"/>
      <c r="AD461" s="55"/>
      <c r="AE461" s="55"/>
      <c r="AF461" s="55"/>
      <c r="AG461" s="55"/>
      <c r="AY461" s="162"/>
      <c r="AZ461" s="162"/>
      <c r="BA461" s="162"/>
      <c r="BB461" s="162"/>
      <c r="BC461" s="162"/>
      <c r="BD461" s="162"/>
      <c r="BE461" s="162"/>
      <c r="BF461" s="162"/>
      <c r="BG461" s="162"/>
      <c r="BH461" s="162"/>
      <c r="BI461" s="162"/>
      <c r="BJ461" s="162"/>
      <c r="BK461" s="162"/>
      <c r="BL461" s="162"/>
      <c r="BM461" s="162"/>
      <c r="BN461" s="162"/>
      <c r="BO461" s="162"/>
      <c r="BP461" s="162"/>
      <c r="BQ461" s="162"/>
      <c r="BR461" s="162"/>
      <c r="BS461" s="162"/>
      <c r="BT461" s="162"/>
      <c r="BU461" s="162"/>
      <c r="BV461" s="162"/>
      <c r="BW461" s="162"/>
      <c r="BX461" s="162"/>
      <c r="BY461" s="162"/>
      <c r="BZ461" s="162"/>
      <c r="CA461" s="162"/>
      <c r="CB461" s="162"/>
      <c r="CC461" s="162"/>
      <c r="CD461" s="162"/>
      <c r="CE461" s="162"/>
      <c r="CF461" s="162"/>
      <c r="CG461" s="162"/>
      <c r="CH461" s="162"/>
      <c r="CI461" s="162"/>
      <c r="CJ461" s="162"/>
      <c r="CK461" s="162"/>
      <c r="CX461" s="98"/>
      <c r="DL461" s="97"/>
      <c r="DX461" s="98"/>
      <c r="EL461" s="97"/>
      <c r="EX461" s="98"/>
      <c r="EY461" s="97"/>
      <c r="FL461" s="126"/>
      <c r="FM461" s="91"/>
      <c r="FN461" s="91"/>
      <c r="FO461" s="91"/>
      <c r="FP461" s="91"/>
      <c r="FQ461" s="91"/>
      <c r="FR461" s="91"/>
      <c r="FS461" s="91"/>
      <c r="FT461" s="91"/>
      <c r="FU461" s="91"/>
      <c r="FV461" s="91"/>
      <c r="FW461" s="91"/>
      <c r="FX461" s="91"/>
      <c r="FY461" s="91"/>
      <c r="FZ461" s="91"/>
      <c r="GA461" s="91"/>
      <c r="GB461" s="91"/>
      <c r="GC461" s="91"/>
      <c r="GD461" s="91"/>
      <c r="GE461" s="91"/>
      <c r="GF461" s="91"/>
      <c r="GG461" s="91"/>
      <c r="GH461" s="91"/>
      <c r="GI461" s="91"/>
      <c r="GJ461" s="91"/>
      <c r="GK461" s="127"/>
      <c r="GL461" s="126"/>
      <c r="GM461" s="91"/>
      <c r="GN461" s="91"/>
      <c r="GO461" s="91"/>
      <c r="GP461" s="91"/>
      <c r="GQ461" s="91"/>
      <c r="GR461" s="91"/>
      <c r="GS461" s="91"/>
      <c r="GT461" s="91"/>
      <c r="GU461" s="91"/>
      <c r="GV461" s="91"/>
      <c r="GW461" s="91"/>
      <c r="GX461" s="91"/>
      <c r="GY461" s="91"/>
      <c r="GZ461" s="91"/>
      <c r="HA461" s="91"/>
      <c r="HB461" s="91"/>
      <c r="HC461" s="91"/>
      <c r="HD461" s="91"/>
      <c r="HE461" s="91"/>
      <c r="HF461" s="91"/>
      <c r="HG461" s="91"/>
      <c r="HH461" s="91"/>
      <c r="HI461" s="91"/>
      <c r="HJ461" s="91"/>
      <c r="HK461" s="127"/>
      <c r="HL461" s="126"/>
      <c r="HM461" s="91"/>
      <c r="HN461" s="91"/>
      <c r="HO461" s="91"/>
      <c r="HP461" s="91"/>
      <c r="HQ461" s="91"/>
      <c r="HR461" s="91"/>
      <c r="HS461" s="91"/>
      <c r="HT461" s="91"/>
      <c r="HU461" s="91"/>
      <c r="HV461" s="91"/>
      <c r="HW461" s="91"/>
      <c r="HX461" s="91"/>
      <c r="HY461" s="91"/>
      <c r="HZ461" s="91"/>
      <c r="IA461" s="91"/>
      <c r="IB461" s="91"/>
      <c r="IC461" s="91"/>
      <c r="ID461" s="91"/>
      <c r="IE461" s="91"/>
      <c r="IF461" s="91"/>
      <c r="IG461" s="91"/>
      <c r="IH461" s="91"/>
      <c r="II461" s="91"/>
      <c r="IJ461" s="91"/>
      <c r="IK461" s="127"/>
    </row>
    <row r="462" spans="2:245" x14ac:dyDescent="0.2">
      <c r="B462" s="43"/>
      <c r="C462" s="73"/>
      <c r="D462" s="64"/>
      <c r="E462" s="64"/>
      <c r="F462" s="55"/>
      <c r="G462" s="102"/>
      <c r="H462" s="55"/>
      <c r="I462" s="55"/>
      <c r="J462" s="55"/>
      <c r="K462" s="55"/>
      <c r="L462" s="55"/>
      <c r="M462" s="55"/>
      <c r="N462" s="55"/>
      <c r="O462" s="55"/>
      <c r="P462" s="55"/>
      <c r="Q462" s="55"/>
      <c r="R462" s="55"/>
      <c r="S462" s="55"/>
      <c r="T462" s="55"/>
      <c r="U462" s="55"/>
      <c r="V462" s="55"/>
      <c r="W462" s="55"/>
      <c r="X462" s="55"/>
      <c r="Y462" s="55"/>
      <c r="Z462" s="55"/>
      <c r="AA462" s="55"/>
      <c r="AB462" s="55"/>
      <c r="AC462" s="55"/>
      <c r="AD462" s="55"/>
      <c r="AE462" s="55"/>
      <c r="AF462" s="55"/>
      <c r="AG462" s="55"/>
      <c r="AY462" s="162"/>
      <c r="AZ462" s="162"/>
      <c r="BA462" s="162"/>
      <c r="BB462" s="162"/>
      <c r="BC462" s="162"/>
      <c r="BD462" s="162"/>
      <c r="BE462" s="162"/>
      <c r="BF462" s="162"/>
      <c r="BG462" s="162"/>
      <c r="BH462" s="162"/>
      <c r="BI462" s="162"/>
      <c r="BJ462" s="162"/>
      <c r="BK462" s="162"/>
      <c r="BL462" s="162"/>
      <c r="BM462" s="162"/>
      <c r="BN462" s="162"/>
      <c r="BO462" s="162"/>
      <c r="BP462" s="162"/>
      <c r="BQ462" s="162"/>
      <c r="BR462" s="162"/>
      <c r="BS462" s="162"/>
      <c r="BT462" s="162"/>
      <c r="BU462" s="162"/>
      <c r="BV462" s="162"/>
      <c r="BW462" s="162"/>
      <c r="BX462" s="162"/>
      <c r="BY462" s="162"/>
      <c r="BZ462" s="162"/>
      <c r="CA462" s="162"/>
      <c r="CB462" s="162"/>
      <c r="CC462" s="162"/>
      <c r="CD462" s="162"/>
      <c r="CE462" s="162"/>
      <c r="CF462" s="162"/>
      <c r="CG462" s="162"/>
      <c r="CH462" s="162"/>
      <c r="CI462" s="162"/>
      <c r="CJ462" s="162"/>
      <c r="CK462" s="162"/>
      <c r="CX462" s="98"/>
      <c r="DL462" s="97"/>
      <c r="DX462" s="98"/>
      <c r="EL462" s="97"/>
      <c r="EX462" s="98"/>
      <c r="EY462" s="97"/>
      <c r="FL462" s="126"/>
      <c r="FM462" s="91"/>
      <c r="FN462" s="91"/>
      <c r="FO462" s="91"/>
      <c r="FP462" s="91"/>
      <c r="FQ462" s="91"/>
      <c r="FR462" s="91"/>
      <c r="FS462" s="91"/>
      <c r="FT462" s="91"/>
      <c r="FU462" s="91"/>
      <c r="FV462" s="91"/>
      <c r="FW462" s="91"/>
      <c r="FX462" s="91"/>
      <c r="FY462" s="91"/>
      <c r="FZ462" s="91"/>
      <c r="GA462" s="91"/>
      <c r="GB462" s="91"/>
      <c r="GC462" s="91"/>
      <c r="GD462" s="91"/>
      <c r="GE462" s="91"/>
      <c r="GF462" s="91"/>
      <c r="GG462" s="91"/>
      <c r="GH462" s="91"/>
      <c r="GI462" s="91"/>
      <c r="GJ462" s="91"/>
      <c r="GK462" s="127"/>
      <c r="GL462" s="126"/>
      <c r="GM462" s="91"/>
      <c r="GN462" s="91"/>
      <c r="GO462" s="91"/>
      <c r="GP462" s="91"/>
      <c r="GQ462" s="91"/>
      <c r="GR462" s="91"/>
      <c r="GS462" s="91"/>
      <c r="GT462" s="91"/>
      <c r="GU462" s="91"/>
      <c r="GV462" s="91"/>
      <c r="GW462" s="91"/>
      <c r="GX462" s="91"/>
      <c r="GY462" s="91"/>
      <c r="GZ462" s="91"/>
      <c r="HA462" s="91"/>
      <c r="HB462" s="91"/>
      <c r="HC462" s="91"/>
      <c r="HD462" s="91"/>
      <c r="HE462" s="91"/>
      <c r="HF462" s="91"/>
      <c r="HG462" s="91"/>
      <c r="HH462" s="91"/>
      <c r="HI462" s="91"/>
      <c r="HJ462" s="91"/>
      <c r="HK462" s="127"/>
      <c r="HL462" s="126"/>
      <c r="HM462" s="91"/>
      <c r="HN462" s="91"/>
      <c r="HO462" s="91"/>
      <c r="HP462" s="91"/>
      <c r="HQ462" s="91"/>
      <c r="HR462" s="91"/>
      <c r="HS462" s="91"/>
      <c r="HT462" s="91"/>
      <c r="HU462" s="91"/>
      <c r="HV462" s="91"/>
      <c r="HW462" s="91"/>
      <c r="HX462" s="91"/>
      <c r="HY462" s="91"/>
      <c r="HZ462" s="91"/>
      <c r="IA462" s="91"/>
      <c r="IB462" s="91"/>
      <c r="IC462" s="91"/>
      <c r="ID462" s="91"/>
      <c r="IE462" s="91"/>
      <c r="IF462" s="91"/>
      <c r="IG462" s="91"/>
      <c r="IH462" s="91"/>
      <c r="II462" s="91"/>
      <c r="IJ462" s="91"/>
      <c r="IK462" s="127"/>
    </row>
    <row r="463" spans="2:245" x14ac:dyDescent="0.2">
      <c r="B463" s="43"/>
      <c r="C463" s="73"/>
      <c r="D463" s="64"/>
      <c r="E463" s="64"/>
      <c r="F463" s="55"/>
      <c r="G463" s="102"/>
      <c r="H463" s="55"/>
      <c r="I463" s="55"/>
      <c r="J463" s="55"/>
      <c r="K463" s="55"/>
      <c r="L463" s="55"/>
      <c r="M463" s="55"/>
      <c r="N463" s="55"/>
      <c r="O463" s="55"/>
      <c r="P463" s="55"/>
      <c r="Q463" s="55"/>
      <c r="R463" s="55"/>
      <c r="S463" s="55"/>
      <c r="T463" s="55"/>
      <c r="U463" s="55"/>
      <c r="V463" s="55"/>
      <c r="W463" s="55"/>
      <c r="X463" s="55"/>
      <c r="Y463" s="55"/>
      <c r="Z463" s="55"/>
      <c r="AA463" s="55"/>
      <c r="AB463" s="55"/>
      <c r="AC463" s="55"/>
      <c r="AD463" s="55"/>
      <c r="AE463" s="55"/>
      <c r="AF463" s="55"/>
      <c r="AG463" s="55"/>
      <c r="AY463" s="162"/>
      <c r="AZ463" s="162"/>
      <c r="BA463" s="162"/>
      <c r="BB463" s="162"/>
      <c r="BC463" s="162"/>
      <c r="BD463" s="162"/>
      <c r="BE463" s="162"/>
      <c r="BF463" s="162"/>
      <c r="BG463" s="162"/>
      <c r="BH463" s="162"/>
      <c r="BI463" s="162"/>
      <c r="BJ463" s="162"/>
      <c r="BK463" s="162"/>
      <c r="BL463" s="162"/>
      <c r="BM463" s="162"/>
      <c r="BN463" s="162"/>
      <c r="BO463" s="162"/>
      <c r="BP463" s="162"/>
      <c r="BQ463" s="162"/>
      <c r="BR463" s="162"/>
      <c r="BS463" s="162"/>
      <c r="BT463" s="162"/>
      <c r="BU463" s="162"/>
      <c r="BV463" s="162"/>
      <c r="BW463" s="162"/>
      <c r="BX463" s="162"/>
      <c r="BY463" s="162"/>
      <c r="BZ463" s="162"/>
      <c r="CA463" s="162"/>
      <c r="CB463" s="162"/>
      <c r="CC463" s="162"/>
      <c r="CD463" s="162"/>
      <c r="CE463" s="162"/>
      <c r="CF463" s="162"/>
      <c r="CG463" s="162"/>
      <c r="CH463" s="162"/>
      <c r="CI463" s="162"/>
      <c r="CJ463" s="162"/>
      <c r="CK463" s="162"/>
      <c r="CX463" s="98"/>
      <c r="DL463" s="97"/>
      <c r="DX463" s="98"/>
      <c r="EL463" s="97"/>
      <c r="EX463" s="98"/>
      <c r="EY463" s="97"/>
      <c r="FL463" s="126"/>
      <c r="FM463" s="91"/>
      <c r="FN463" s="91"/>
      <c r="FO463" s="91"/>
      <c r="FP463" s="91"/>
      <c r="FQ463" s="91"/>
      <c r="FR463" s="91"/>
      <c r="FS463" s="91"/>
      <c r="FT463" s="91"/>
      <c r="FU463" s="91"/>
      <c r="FV463" s="91"/>
      <c r="FW463" s="91"/>
      <c r="FX463" s="91"/>
      <c r="FY463" s="91"/>
      <c r="FZ463" s="91"/>
      <c r="GA463" s="91"/>
      <c r="GB463" s="91"/>
      <c r="GC463" s="91"/>
      <c r="GD463" s="91"/>
      <c r="GE463" s="91"/>
      <c r="GF463" s="91"/>
      <c r="GG463" s="91"/>
      <c r="GH463" s="91"/>
      <c r="GI463" s="91"/>
      <c r="GJ463" s="91"/>
      <c r="GK463" s="127"/>
      <c r="GL463" s="126"/>
      <c r="GM463" s="91"/>
      <c r="GN463" s="91"/>
      <c r="GO463" s="91"/>
      <c r="GP463" s="91"/>
      <c r="GQ463" s="91"/>
      <c r="GR463" s="91"/>
      <c r="GS463" s="91"/>
      <c r="GT463" s="91"/>
      <c r="GU463" s="91"/>
      <c r="GV463" s="91"/>
      <c r="GW463" s="91"/>
      <c r="GX463" s="91"/>
      <c r="GY463" s="91"/>
      <c r="GZ463" s="91"/>
      <c r="HA463" s="91"/>
      <c r="HB463" s="91"/>
      <c r="HC463" s="91"/>
      <c r="HD463" s="91"/>
      <c r="HE463" s="91"/>
      <c r="HF463" s="91"/>
      <c r="HG463" s="91"/>
      <c r="HH463" s="91"/>
      <c r="HI463" s="91"/>
      <c r="HJ463" s="91"/>
      <c r="HK463" s="127"/>
      <c r="HL463" s="126"/>
      <c r="HM463" s="91"/>
      <c r="HN463" s="91"/>
      <c r="HO463" s="91"/>
      <c r="HP463" s="91"/>
      <c r="HQ463" s="91"/>
      <c r="HR463" s="91"/>
      <c r="HS463" s="91"/>
      <c r="HT463" s="91"/>
      <c r="HU463" s="91"/>
      <c r="HV463" s="91"/>
      <c r="HW463" s="91"/>
      <c r="HX463" s="91"/>
      <c r="HY463" s="91"/>
      <c r="HZ463" s="91"/>
      <c r="IA463" s="91"/>
      <c r="IB463" s="91"/>
      <c r="IC463" s="91"/>
      <c r="ID463" s="91"/>
      <c r="IE463" s="91"/>
      <c r="IF463" s="91"/>
      <c r="IG463" s="91"/>
      <c r="IH463" s="91"/>
      <c r="II463" s="91"/>
      <c r="IJ463" s="91"/>
      <c r="IK463" s="127"/>
    </row>
    <row r="464" spans="2:245" x14ac:dyDescent="0.2">
      <c r="B464" s="43"/>
      <c r="C464" s="73"/>
      <c r="D464" s="64"/>
      <c r="E464" s="64"/>
      <c r="F464" s="55"/>
      <c r="G464" s="102"/>
      <c r="H464" s="55"/>
      <c r="I464" s="55"/>
      <c r="J464" s="55"/>
      <c r="K464" s="55"/>
      <c r="L464" s="55"/>
      <c r="M464" s="55"/>
      <c r="N464" s="55"/>
      <c r="O464" s="55"/>
      <c r="P464" s="55"/>
      <c r="Q464" s="55"/>
      <c r="R464" s="55"/>
      <c r="S464" s="55"/>
      <c r="T464" s="55"/>
      <c r="U464" s="55"/>
      <c r="V464" s="55"/>
      <c r="W464" s="55"/>
      <c r="X464" s="55"/>
      <c r="Y464" s="55"/>
      <c r="Z464" s="55"/>
      <c r="AA464" s="55"/>
      <c r="AB464" s="55"/>
      <c r="AC464" s="55"/>
      <c r="AD464" s="55"/>
      <c r="AE464" s="55"/>
      <c r="AF464" s="55"/>
      <c r="AG464" s="55"/>
      <c r="AY464" s="162"/>
      <c r="AZ464" s="162"/>
      <c r="BA464" s="162"/>
      <c r="BB464" s="162"/>
      <c r="BC464" s="162"/>
      <c r="BD464" s="162"/>
      <c r="BE464" s="162"/>
      <c r="BF464" s="162"/>
      <c r="BG464" s="162"/>
      <c r="BH464" s="162"/>
      <c r="BI464" s="162"/>
      <c r="BJ464" s="162"/>
      <c r="BK464" s="162"/>
      <c r="BL464" s="162"/>
      <c r="BM464" s="162"/>
      <c r="BN464" s="162"/>
      <c r="BO464" s="162"/>
      <c r="BP464" s="162"/>
      <c r="BQ464" s="162"/>
      <c r="BR464" s="162"/>
      <c r="BS464" s="162"/>
      <c r="BT464" s="162"/>
      <c r="BU464" s="162"/>
      <c r="BV464" s="162"/>
      <c r="BW464" s="162"/>
      <c r="BX464" s="162"/>
      <c r="BY464" s="162"/>
      <c r="BZ464" s="162"/>
      <c r="CA464" s="162"/>
      <c r="CB464" s="162"/>
      <c r="CC464" s="162"/>
      <c r="CD464" s="162"/>
      <c r="CE464" s="162"/>
      <c r="CF464" s="162"/>
      <c r="CG464" s="162"/>
      <c r="CH464" s="162"/>
      <c r="CI464" s="162"/>
      <c r="CJ464" s="162"/>
      <c r="CK464" s="162"/>
      <c r="CX464" s="98"/>
      <c r="DL464" s="97"/>
      <c r="DX464" s="98"/>
      <c r="EL464" s="97"/>
      <c r="EX464" s="98"/>
      <c r="EY464" s="97"/>
      <c r="FL464" s="126"/>
      <c r="FM464" s="91"/>
      <c r="FN464" s="91"/>
      <c r="FO464" s="91"/>
      <c r="FP464" s="91"/>
      <c r="FQ464" s="91"/>
      <c r="FR464" s="91"/>
      <c r="FS464" s="91"/>
      <c r="FT464" s="91"/>
      <c r="FU464" s="91"/>
      <c r="FV464" s="91"/>
      <c r="FW464" s="91"/>
      <c r="FX464" s="91"/>
      <c r="FY464" s="91"/>
      <c r="FZ464" s="91"/>
      <c r="GA464" s="91"/>
      <c r="GB464" s="91"/>
      <c r="GC464" s="91"/>
      <c r="GD464" s="91"/>
      <c r="GE464" s="91"/>
      <c r="GF464" s="91"/>
      <c r="GG464" s="91"/>
      <c r="GH464" s="91"/>
      <c r="GI464" s="91"/>
      <c r="GJ464" s="91"/>
      <c r="GK464" s="127"/>
      <c r="GL464" s="126"/>
      <c r="GM464" s="91"/>
      <c r="GN464" s="91"/>
      <c r="GO464" s="91"/>
      <c r="GP464" s="91"/>
      <c r="GQ464" s="91"/>
      <c r="GR464" s="91"/>
      <c r="GS464" s="91"/>
      <c r="GT464" s="91"/>
      <c r="GU464" s="91"/>
      <c r="GV464" s="91"/>
      <c r="GW464" s="91"/>
      <c r="GX464" s="91"/>
      <c r="GY464" s="91"/>
      <c r="GZ464" s="91"/>
      <c r="HA464" s="91"/>
      <c r="HB464" s="91"/>
      <c r="HC464" s="91"/>
      <c r="HD464" s="91"/>
      <c r="HE464" s="91"/>
      <c r="HF464" s="91"/>
      <c r="HG464" s="91"/>
      <c r="HH464" s="91"/>
      <c r="HI464" s="91"/>
      <c r="HJ464" s="91"/>
      <c r="HK464" s="127"/>
      <c r="HL464" s="126"/>
      <c r="HM464" s="91"/>
      <c r="HN464" s="91"/>
      <c r="HO464" s="91"/>
      <c r="HP464" s="91"/>
      <c r="HQ464" s="91"/>
      <c r="HR464" s="91"/>
      <c r="HS464" s="91"/>
      <c r="HT464" s="91"/>
      <c r="HU464" s="91"/>
      <c r="HV464" s="91"/>
      <c r="HW464" s="91"/>
      <c r="HX464" s="91"/>
      <c r="HY464" s="91"/>
      <c r="HZ464" s="91"/>
      <c r="IA464" s="91"/>
      <c r="IB464" s="91"/>
      <c r="IC464" s="91"/>
      <c r="ID464" s="91"/>
      <c r="IE464" s="91"/>
      <c r="IF464" s="91"/>
      <c r="IG464" s="91"/>
      <c r="IH464" s="91"/>
      <c r="II464" s="91"/>
      <c r="IJ464" s="91"/>
      <c r="IK464" s="127"/>
    </row>
    <row r="465" spans="2:245" x14ac:dyDescent="0.2">
      <c r="B465" s="43"/>
      <c r="C465" s="73"/>
      <c r="D465" s="64"/>
      <c r="E465" s="64"/>
      <c r="F465" s="55"/>
      <c r="G465" s="102"/>
      <c r="H465" s="55"/>
      <c r="I465" s="55"/>
      <c r="J465" s="55"/>
      <c r="K465" s="55"/>
      <c r="L465" s="55"/>
      <c r="M465" s="55"/>
      <c r="N465" s="55"/>
      <c r="O465" s="55"/>
      <c r="P465" s="55"/>
      <c r="Q465" s="55"/>
      <c r="R465" s="55"/>
      <c r="S465" s="55"/>
      <c r="T465" s="55"/>
      <c r="U465" s="55"/>
      <c r="V465" s="55"/>
      <c r="W465" s="55"/>
      <c r="X465" s="55"/>
      <c r="Y465" s="55"/>
      <c r="Z465" s="55"/>
      <c r="AA465" s="55"/>
      <c r="AB465" s="55"/>
      <c r="AC465" s="55"/>
      <c r="AD465" s="55"/>
      <c r="AE465" s="55"/>
      <c r="AF465" s="55"/>
      <c r="AG465" s="55"/>
      <c r="AY465" s="162"/>
      <c r="AZ465" s="162"/>
      <c r="BA465" s="162"/>
      <c r="BB465" s="162"/>
      <c r="BC465" s="162"/>
      <c r="BD465" s="162"/>
      <c r="BE465" s="162"/>
      <c r="BF465" s="162"/>
      <c r="BG465" s="162"/>
      <c r="BH465" s="162"/>
      <c r="BI465" s="162"/>
      <c r="BJ465" s="162"/>
      <c r="BK465" s="162"/>
      <c r="BL465" s="162"/>
      <c r="BM465" s="162"/>
      <c r="BN465" s="162"/>
      <c r="BO465" s="162"/>
      <c r="BP465" s="162"/>
      <c r="BQ465" s="162"/>
      <c r="BR465" s="162"/>
      <c r="BS465" s="162"/>
      <c r="BT465" s="162"/>
      <c r="BU465" s="162"/>
      <c r="BV465" s="162"/>
      <c r="BW465" s="162"/>
      <c r="BX465" s="162"/>
      <c r="BY465" s="162"/>
      <c r="BZ465" s="162"/>
      <c r="CA465" s="162"/>
      <c r="CB465" s="162"/>
      <c r="CC465" s="162"/>
      <c r="CD465" s="162"/>
      <c r="CE465" s="162"/>
      <c r="CF465" s="162"/>
      <c r="CG465" s="162"/>
      <c r="CH465" s="162"/>
      <c r="CI465" s="162"/>
      <c r="CJ465" s="162"/>
      <c r="CK465" s="162"/>
      <c r="CX465" s="98"/>
      <c r="DL465" s="97"/>
      <c r="DX465" s="98"/>
      <c r="EL465" s="97"/>
      <c r="EX465" s="98"/>
      <c r="EY465" s="97"/>
      <c r="FL465" s="126"/>
      <c r="FM465" s="91"/>
      <c r="FN465" s="91"/>
      <c r="FO465" s="91"/>
      <c r="FP465" s="91"/>
      <c r="FQ465" s="91"/>
      <c r="FR465" s="91"/>
      <c r="FS465" s="91"/>
      <c r="FT465" s="91"/>
      <c r="FU465" s="91"/>
      <c r="FV465" s="91"/>
      <c r="FW465" s="91"/>
      <c r="FX465" s="91"/>
      <c r="FY465" s="91"/>
      <c r="FZ465" s="91"/>
      <c r="GA465" s="91"/>
      <c r="GB465" s="91"/>
      <c r="GC465" s="91"/>
      <c r="GD465" s="91"/>
      <c r="GE465" s="91"/>
      <c r="GF465" s="91"/>
      <c r="GG465" s="91"/>
      <c r="GH465" s="91"/>
      <c r="GI465" s="91"/>
      <c r="GJ465" s="91"/>
      <c r="GK465" s="127"/>
      <c r="GL465" s="126"/>
      <c r="GM465" s="91"/>
      <c r="GN465" s="91"/>
      <c r="GO465" s="91"/>
      <c r="GP465" s="91"/>
      <c r="GQ465" s="91"/>
      <c r="GR465" s="91"/>
      <c r="GS465" s="91"/>
      <c r="GT465" s="91"/>
      <c r="GU465" s="91"/>
      <c r="GV465" s="91"/>
      <c r="GW465" s="91"/>
      <c r="GX465" s="91"/>
      <c r="GY465" s="91"/>
      <c r="GZ465" s="91"/>
      <c r="HA465" s="91"/>
      <c r="HB465" s="91"/>
      <c r="HC465" s="91"/>
      <c r="HD465" s="91"/>
      <c r="HE465" s="91"/>
      <c r="HF465" s="91"/>
      <c r="HG465" s="91"/>
      <c r="HH465" s="91"/>
      <c r="HI465" s="91"/>
      <c r="HJ465" s="91"/>
      <c r="HK465" s="127"/>
      <c r="HL465" s="126"/>
      <c r="HM465" s="91"/>
      <c r="HN465" s="91"/>
      <c r="HO465" s="91"/>
      <c r="HP465" s="91"/>
      <c r="HQ465" s="91"/>
      <c r="HR465" s="91"/>
      <c r="HS465" s="91"/>
      <c r="HT465" s="91"/>
      <c r="HU465" s="91"/>
      <c r="HV465" s="91"/>
      <c r="HW465" s="91"/>
      <c r="HX465" s="91"/>
      <c r="HY465" s="91"/>
      <c r="HZ465" s="91"/>
      <c r="IA465" s="91"/>
      <c r="IB465" s="91"/>
      <c r="IC465" s="91"/>
      <c r="ID465" s="91"/>
      <c r="IE465" s="91"/>
      <c r="IF465" s="91"/>
      <c r="IG465" s="91"/>
      <c r="IH465" s="91"/>
      <c r="II465" s="91"/>
      <c r="IJ465" s="91"/>
      <c r="IK465" s="127"/>
    </row>
    <row r="466" spans="2:245" x14ac:dyDescent="0.2">
      <c r="B466" s="43"/>
      <c r="C466" s="73"/>
      <c r="D466" s="64"/>
      <c r="E466" s="64"/>
      <c r="F466" s="55"/>
      <c r="G466" s="102"/>
      <c r="H466" s="55"/>
      <c r="I466" s="55"/>
      <c r="J466" s="55"/>
      <c r="K466" s="55"/>
      <c r="L466" s="55"/>
      <c r="M466" s="55"/>
      <c r="N466" s="55"/>
      <c r="O466" s="55"/>
      <c r="P466" s="55"/>
      <c r="Q466" s="55"/>
      <c r="R466" s="55"/>
      <c r="S466" s="55"/>
      <c r="T466" s="55"/>
      <c r="U466" s="55"/>
      <c r="V466" s="55"/>
      <c r="W466" s="55"/>
      <c r="X466" s="55"/>
      <c r="Y466" s="55"/>
      <c r="Z466" s="55"/>
      <c r="AA466" s="55"/>
      <c r="AB466" s="55"/>
      <c r="AC466" s="55"/>
      <c r="AD466" s="55"/>
      <c r="AE466" s="55"/>
      <c r="AF466" s="55"/>
      <c r="AG466" s="55"/>
      <c r="AY466" s="162"/>
      <c r="AZ466" s="162"/>
      <c r="BA466" s="162"/>
      <c r="BB466" s="162"/>
      <c r="BC466" s="162"/>
      <c r="BD466" s="162"/>
      <c r="BE466" s="162"/>
      <c r="BF466" s="162"/>
      <c r="BG466" s="162"/>
      <c r="BH466" s="162"/>
      <c r="BI466" s="162"/>
      <c r="BJ466" s="162"/>
      <c r="BK466" s="162"/>
      <c r="BL466" s="162"/>
      <c r="BM466" s="162"/>
      <c r="BN466" s="162"/>
      <c r="BO466" s="162"/>
      <c r="BP466" s="162"/>
      <c r="BQ466" s="162"/>
      <c r="BR466" s="162"/>
      <c r="BS466" s="162"/>
      <c r="BT466" s="162"/>
      <c r="BU466" s="162"/>
      <c r="BV466" s="162"/>
      <c r="BW466" s="162"/>
      <c r="BX466" s="162"/>
      <c r="BY466" s="162"/>
      <c r="BZ466" s="162"/>
      <c r="CA466" s="162"/>
      <c r="CB466" s="162"/>
      <c r="CC466" s="162"/>
      <c r="CD466" s="162"/>
      <c r="CE466" s="162"/>
      <c r="CF466" s="162"/>
      <c r="CG466" s="162"/>
      <c r="CH466" s="162"/>
      <c r="CI466" s="162"/>
      <c r="CJ466" s="162"/>
      <c r="CK466" s="162"/>
      <c r="CX466" s="98"/>
      <c r="DL466" s="97"/>
      <c r="DX466" s="98"/>
      <c r="EL466" s="97"/>
      <c r="EX466" s="98"/>
      <c r="EY466" s="97"/>
      <c r="FL466" s="126"/>
      <c r="FM466" s="91"/>
      <c r="FN466" s="91"/>
      <c r="FO466" s="91"/>
      <c r="FP466" s="91"/>
      <c r="FQ466" s="91"/>
      <c r="FR466" s="91"/>
      <c r="FS466" s="91"/>
      <c r="FT466" s="91"/>
      <c r="FU466" s="91"/>
      <c r="FV466" s="91"/>
      <c r="FW466" s="91"/>
      <c r="FX466" s="91"/>
      <c r="FY466" s="91"/>
      <c r="FZ466" s="91"/>
      <c r="GA466" s="91"/>
      <c r="GB466" s="91"/>
      <c r="GC466" s="91"/>
      <c r="GD466" s="91"/>
      <c r="GE466" s="91"/>
      <c r="GF466" s="91"/>
      <c r="GG466" s="91"/>
      <c r="GH466" s="91"/>
      <c r="GI466" s="91"/>
      <c r="GJ466" s="91"/>
      <c r="GK466" s="127"/>
      <c r="GL466" s="126"/>
      <c r="GM466" s="91"/>
      <c r="GN466" s="91"/>
      <c r="GO466" s="91"/>
      <c r="GP466" s="91"/>
      <c r="GQ466" s="91"/>
      <c r="GR466" s="91"/>
      <c r="GS466" s="91"/>
      <c r="GT466" s="91"/>
      <c r="GU466" s="91"/>
      <c r="GV466" s="91"/>
      <c r="GW466" s="91"/>
      <c r="GX466" s="91"/>
      <c r="GY466" s="91"/>
      <c r="GZ466" s="91"/>
      <c r="HA466" s="91"/>
      <c r="HB466" s="91"/>
      <c r="HC466" s="91"/>
      <c r="HD466" s="91"/>
      <c r="HE466" s="91"/>
      <c r="HF466" s="91"/>
      <c r="HG466" s="91"/>
      <c r="HH466" s="91"/>
      <c r="HI466" s="91"/>
      <c r="HJ466" s="91"/>
      <c r="HK466" s="127"/>
      <c r="HL466" s="126"/>
      <c r="HM466" s="91"/>
      <c r="HN466" s="91"/>
      <c r="HO466" s="91"/>
      <c r="HP466" s="91"/>
      <c r="HQ466" s="91"/>
      <c r="HR466" s="91"/>
      <c r="HS466" s="91"/>
      <c r="HT466" s="91"/>
      <c r="HU466" s="91"/>
      <c r="HV466" s="91"/>
      <c r="HW466" s="91"/>
      <c r="HX466" s="91"/>
      <c r="HY466" s="91"/>
      <c r="HZ466" s="91"/>
      <c r="IA466" s="91"/>
      <c r="IB466" s="91"/>
      <c r="IC466" s="91"/>
      <c r="ID466" s="91"/>
      <c r="IE466" s="91"/>
      <c r="IF466" s="91"/>
      <c r="IG466" s="91"/>
      <c r="IH466" s="91"/>
      <c r="II466" s="91"/>
      <c r="IJ466" s="91"/>
      <c r="IK466" s="127"/>
    </row>
    <row r="467" spans="2:245" x14ac:dyDescent="0.2">
      <c r="B467" s="43"/>
      <c r="C467" s="73"/>
      <c r="D467" s="64"/>
      <c r="E467" s="64"/>
      <c r="F467" s="55"/>
      <c r="G467" s="102"/>
      <c r="H467" s="55"/>
      <c r="I467" s="55"/>
      <c r="J467" s="55"/>
      <c r="K467" s="55"/>
      <c r="L467" s="55"/>
      <c r="M467" s="55"/>
      <c r="N467" s="55"/>
      <c r="O467" s="55"/>
      <c r="P467" s="55"/>
      <c r="Q467" s="55"/>
      <c r="R467" s="55"/>
      <c r="S467" s="55"/>
      <c r="T467" s="55"/>
      <c r="U467" s="55"/>
      <c r="V467" s="55"/>
      <c r="W467" s="55"/>
      <c r="X467" s="55"/>
      <c r="Y467" s="55"/>
      <c r="Z467" s="55"/>
      <c r="AA467" s="55"/>
      <c r="AB467" s="55"/>
      <c r="AC467" s="55"/>
      <c r="AD467" s="55"/>
      <c r="AE467" s="55"/>
      <c r="AF467" s="55"/>
      <c r="AG467" s="55"/>
      <c r="AY467" s="162"/>
      <c r="AZ467" s="162"/>
      <c r="BA467" s="162"/>
      <c r="BB467" s="162"/>
      <c r="BC467" s="162"/>
      <c r="BD467" s="162"/>
      <c r="BE467" s="162"/>
      <c r="BF467" s="162"/>
      <c r="BG467" s="162"/>
      <c r="BH467" s="162"/>
      <c r="BI467" s="162"/>
      <c r="BJ467" s="162"/>
      <c r="BK467" s="162"/>
      <c r="BL467" s="162"/>
      <c r="BM467" s="162"/>
      <c r="BN467" s="162"/>
      <c r="BO467" s="162"/>
      <c r="BP467" s="162"/>
      <c r="BQ467" s="162"/>
      <c r="BR467" s="162"/>
      <c r="BS467" s="162"/>
      <c r="BT467" s="162"/>
      <c r="BU467" s="162"/>
      <c r="BV467" s="162"/>
      <c r="BW467" s="162"/>
      <c r="BX467" s="162"/>
      <c r="BY467" s="162"/>
      <c r="BZ467" s="162"/>
      <c r="CA467" s="162"/>
      <c r="CB467" s="162"/>
      <c r="CC467" s="162"/>
      <c r="CD467" s="162"/>
      <c r="CE467" s="162"/>
      <c r="CF467" s="162"/>
      <c r="CG467" s="162"/>
      <c r="CH467" s="162"/>
      <c r="CI467" s="162"/>
      <c r="CJ467" s="162"/>
      <c r="CK467" s="162"/>
      <c r="CX467" s="98"/>
      <c r="DL467" s="97"/>
      <c r="DX467" s="98"/>
      <c r="EL467" s="97"/>
      <c r="EX467" s="98"/>
      <c r="EY467" s="97"/>
      <c r="FL467" s="126"/>
      <c r="FM467" s="91"/>
      <c r="FN467" s="91"/>
      <c r="FO467" s="91"/>
      <c r="FP467" s="91"/>
      <c r="FQ467" s="91"/>
      <c r="FR467" s="91"/>
      <c r="FS467" s="91"/>
      <c r="FT467" s="91"/>
      <c r="FU467" s="91"/>
      <c r="FV467" s="91"/>
      <c r="FW467" s="91"/>
      <c r="FX467" s="91"/>
      <c r="FY467" s="91"/>
      <c r="FZ467" s="91"/>
      <c r="GA467" s="91"/>
      <c r="GB467" s="91"/>
      <c r="GC467" s="91"/>
      <c r="GD467" s="91"/>
      <c r="GE467" s="91"/>
      <c r="GF467" s="91"/>
      <c r="GG467" s="91"/>
      <c r="GH467" s="91"/>
      <c r="GI467" s="91"/>
      <c r="GJ467" s="91"/>
      <c r="GK467" s="127"/>
      <c r="GL467" s="126"/>
      <c r="GM467" s="91"/>
      <c r="GN467" s="91"/>
      <c r="GO467" s="91"/>
      <c r="GP467" s="91"/>
      <c r="GQ467" s="91"/>
      <c r="GR467" s="91"/>
      <c r="GS467" s="91"/>
      <c r="GT467" s="91"/>
      <c r="GU467" s="91"/>
      <c r="GV467" s="91"/>
      <c r="GW467" s="91"/>
      <c r="GX467" s="91"/>
      <c r="GY467" s="91"/>
      <c r="GZ467" s="91"/>
      <c r="HA467" s="91"/>
      <c r="HB467" s="91"/>
      <c r="HC467" s="91"/>
      <c r="HD467" s="91"/>
      <c r="HE467" s="91"/>
      <c r="HF467" s="91"/>
      <c r="HG467" s="91"/>
      <c r="HH467" s="91"/>
      <c r="HI467" s="91"/>
      <c r="HJ467" s="91"/>
      <c r="HK467" s="127"/>
      <c r="HL467" s="126"/>
      <c r="HM467" s="91"/>
      <c r="HN467" s="91"/>
      <c r="HO467" s="91"/>
      <c r="HP467" s="91"/>
      <c r="HQ467" s="91"/>
      <c r="HR467" s="91"/>
      <c r="HS467" s="91"/>
      <c r="HT467" s="91"/>
      <c r="HU467" s="91"/>
      <c r="HV467" s="91"/>
      <c r="HW467" s="91"/>
      <c r="HX467" s="91"/>
      <c r="HY467" s="91"/>
      <c r="HZ467" s="91"/>
      <c r="IA467" s="91"/>
      <c r="IB467" s="91"/>
      <c r="IC467" s="91"/>
      <c r="ID467" s="91"/>
      <c r="IE467" s="91"/>
      <c r="IF467" s="91"/>
      <c r="IG467" s="91"/>
      <c r="IH467" s="91"/>
      <c r="II467" s="91"/>
      <c r="IJ467" s="91"/>
      <c r="IK467" s="127"/>
    </row>
    <row r="468" spans="2:245" x14ac:dyDescent="0.2">
      <c r="B468" s="43"/>
      <c r="C468" s="73"/>
      <c r="D468" s="64"/>
      <c r="E468" s="64"/>
      <c r="F468" s="55"/>
      <c r="G468" s="102"/>
      <c r="H468" s="55"/>
      <c r="I468" s="55"/>
      <c r="J468" s="55"/>
      <c r="K468" s="55"/>
      <c r="L468" s="55"/>
      <c r="M468" s="55"/>
      <c r="N468" s="55"/>
      <c r="O468" s="55"/>
      <c r="P468" s="55"/>
      <c r="Q468" s="55"/>
      <c r="R468" s="55"/>
      <c r="S468" s="55"/>
      <c r="T468" s="55"/>
      <c r="U468" s="55"/>
      <c r="V468" s="55"/>
      <c r="W468" s="55"/>
      <c r="X468" s="55"/>
      <c r="Y468" s="55"/>
      <c r="Z468" s="55"/>
      <c r="AA468" s="55"/>
      <c r="AB468" s="55"/>
      <c r="AC468" s="55"/>
      <c r="AD468" s="55"/>
      <c r="AE468" s="55"/>
      <c r="AF468" s="55"/>
      <c r="AG468" s="55"/>
      <c r="AY468" s="162"/>
      <c r="AZ468" s="162"/>
      <c r="BA468" s="162"/>
      <c r="BB468" s="162"/>
      <c r="BC468" s="162"/>
      <c r="BD468" s="162"/>
      <c r="BE468" s="162"/>
      <c r="BF468" s="162"/>
      <c r="BG468" s="162"/>
      <c r="BH468" s="162"/>
      <c r="BI468" s="162"/>
      <c r="BJ468" s="162"/>
      <c r="BK468" s="162"/>
      <c r="BL468" s="162"/>
      <c r="BM468" s="162"/>
      <c r="BN468" s="162"/>
      <c r="BO468" s="162"/>
      <c r="BP468" s="162"/>
      <c r="BQ468" s="162"/>
      <c r="BR468" s="162"/>
      <c r="BS468" s="162"/>
      <c r="BT468" s="162"/>
      <c r="BU468" s="162"/>
      <c r="BV468" s="162"/>
      <c r="BW468" s="162"/>
      <c r="BX468" s="162"/>
      <c r="BY468" s="162"/>
      <c r="BZ468" s="162"/>
      <c r="CA468" s="162"/>
      <c r="CB468" s="162"/>
      <c r="CC468" s="162"/>
      <c r="CD468" s="162"/>
      <c r="CE468" s="162"/>
      <c r="CF468" s="162"/>
      <c r="CG468" s="162"/>
      <c r="CH468" s="162"/>
      <c r="CI468" s="162"/>
      <c r="CJ468" s="162"/>
      <c r="CK468" s="162"/>
      <c r="CX468" s="98"/>
      <c r="DL468" s="97"/>
      <c r="DX468" s="98"/>
      <c r="EL468" s="97"/>
      <c r="EX468" s="98"/>
      <c r="EY468" s="97"/>
      <c r="FL468" s="126"/>
      <c r="FM468" s="91"/>
      <c r="FN468" s="91"/>
      <c r="FO468" s="91"/>
      <c r="FP468" s="91"/>
      <c r="FQ468" s="91"/>
      <c r="FR468" s="91"/>
      <c r="FS468" s="91"/>
      <c r="FT468" s="91"/>
      <c r="FU468" s="91"/>
      <c r="FV468" s="91"/>
      <c r="FW468" s="91"/>
      <c r="FX468" s="91"/>
      <c r="FY468" s="91"/>
      <c r="FZ468" s="91"/>
      <c r="GA468" s="91"/>
      <c r="GB468" s="91"/>
      <c r="GC468" s="91"/>
      <c r="GD468" s="91"/>
      <c r="GE468" s="91"/>
      <c r="GF468" s="91"/>
      <c r="GG468" s="91"/>
      <c r="GH468" s="91"/>
      <c r="GI468" s="91"/>
      <c r="GJ468" s="91"/>
      <c r="GK468" s="127"/>
      <c r="GL468" s="126"/>
      <c r="GM468" s="91"/>
      <c r="GN468" s="91"/>
      <c r="GO468" s="91"/>
      <c r="GP468" s="91"/>
      <c r="GQ468" s="91"/>
      <c r="GR468" s="91"/>
      <c r="GS468" s="91"/>
      <c r="GT468" s="91"/>
      <c r="GU468" s="91"/>
      <c r="GV468" s="91"/>
      <c r="GW468" s="91"/>
      <c r="GX468" s="91"/>
      <c r="GY468" s="91"/>
      <c r="GZ468" s="91"/>
      <c r="HA468" s="91"/>
      <c r="HB468" s="91"/>
      <c r="HC468" s="91"/>
      <c r="HD468" s="91"/>
      <c r="HE468" s="91"/>
      <c r="HF468" s="91"/>
      <c r="HG468" s="91"/>
      <c r="HH468" s="91"/>
      <c r="HI468" s="91"/>
      <c r="HJ468" s="91"/>
      <c r="HK468" s="127"/>
      <c r="HL468" s="126"/>
      <c r="HM468" s="91"/>
      <c r="HN468" s="91"/>
      <c r="HO468" s="91"/>
      <c r="HP468" s="91"/>
      <c r="HQ468" s="91"/>
      <c r="HR468" s="91"/>
      <c r="HS468" s="91"/>
      <c r="HT468" s="91"/>
      <c r="HU468" s="91"/>
      <c r="HV468" s="91"/>
      <c r="HW468" s="91"/>
      <c r="HX468" s="91"/>
      <c r="HY468" s="91"/>
      <c r="HZ468" s="91"/>
      <c r="IA468" s="91"/>
      <c r="IB468" s="91"/>
      <c r="IC468" s="91"/>
      <c r="ID468" s="91"/>
      <c r="IE468" s="91"/>
      <c r="IF468" s="91"/>
      <c r="IG468" s="91"/>
      <c r="IH468" s="91"/>
      <c r="II468" s="91"/>
      <c r="IJ468" s="91"/>
      <c r="IK468" s="127"/>
    </row>
    <row r="469" spans="2:245" x14ac:dyDescent="0.2">
      <c r="B469" s="43"/>
      <c r="C469" s="73"/>
      <c r="D469" s="64"/>
      <c r="E469" s="64"/>
      <c r="F469" s="55"/>
      <c r="G469" s="102"/>
      <c r="H469" s="55"/>
      <c r="I469" s="55"/>
      <c r="J469" s="55"/>
      <c r="K469" s="55"/>
      <c r="L469" s="55"/>
      <c r="M469" s="55"/>
      <c r="N469" s="55"/>
      <c r="O469" s="55"/>
      <c r="P469" s="55"/>
      <c r="Q469" s="55"/>
      <c r="R469" s="55"/>
      <c r="S469" s="55"/>
      <c r="T469" s="55"/>
      <c r="U469" s="55"/>
      <c r="V469" s="55"/>
      <c r="W469" s="55"/>
      <c r="X469" s="55"/>
      <c r="Y469" s="55"/>
      <c r="Z469" s="55"/>
      <c r="AA469" s="55"/>
      <c r="AB469" s="55"/>
      <c r="AC469" s="55"/>
      <c r="AD469" s="55"/>
      <c r="AE469" s="55"/>
      <c r="AF469" s="55"/>
      <c r="AG469" s="55"/>
      <c r="AY469" s="162"/>
      <c r="AZ469" s="162"/>
      <c r="BA469" s="162"/>
      <c r="BB469" s="162"/>
      <c r="BC469" s="162"/>
      <c r="BD469" s="162"/>
      <c r="BE469" s="162"/>
      <c r="BF469" s="162"/>
      <c r="BG469" s="162"/>
      <c r="BH469" s="162"/>
      <c r="BI469" s="162"/>
      <c r="BJ469" s="162"/>
      <c r="BK469" s="162"/>
      <c r="BL469" s="162"/>
      <c r="BM469" s="162"/>
      <c r="BN469" s="162"/>
      <c r="BO469" s="162"/>
      <c r="BP469" s="162"/>
      <c r="BQ469" s="162"/>
      <c r="BR469" s="162"/>
      <c r="BS469" s="162"/>
      <c r="BT469" s="162"/>
      <c r="BU469" s="162"/>
      <c r="BV469" s="162"/>
      <c r="BW469" s="162"/>
      <c r="BX469" s="162"/>
      <c r="BY469" s="162"/>
      <c r="BZ469" s="162"/>
      <c r="CA469" s="162"/>
      <c r="CB469" s="162"/>
      <c r="CC469" s="162"/>
      <c r="CD469" s="162"/>
      <c r="CE469" s="162"/>
      <c r="CF469" s="162"/>
      <c r="CG469" s="162"/>
      <c r="CH469" s="162"/>
      <c r="CI469" s="162"/>
      <c r="CJ469" s="162"/>
      <c r="CK469" s="162"/>
      <c r="CX469" s="98"/>
      <c r="DL469" s="97"/>
      <c r="DX469" s="98"/>
      <c r="EL469" s="97"/>
      <c r="EX469" s="98"/>
      <c r="EY469" s="97"/>
      <c r="FL469" s="126"/>
      <c r="FM469" s="91"/>
      <c r="FN469" s="91"/>
      <c r="FO469" s="91"/>
      <c r="FP469" s="91"/>
      <c r="FQ469" s="91"/>
      <c r="FR469" s="91"/>
      <c r="FS469" s="91"/>
      <c r="FT469" s="91"/>
      <c r="FU469" s="91"/>
      <c r="FV469" s="91"/>
      <c r="FW469" s="91"/>
      <c r="FX469" s="91"/>
      <c r="FY469" s="91"/>
      <c r="FZ469" s="91"/>
      <c r="GA469" s="91"/>
      <c r="GB469" s="91"/>
      <c r="GC469" s="91"/>
      <c r="GD469" s="91"/>
      <c r="GE469" s="91"/>
      <c r="GF469" s="91"/>
      <c r="GG469" s="91"/>
      <c r="GH469" s="91"/>
      <c r="GI469" s="91"/>
      <c r="GJ469" s="91"/>
      <c r="GK469" s="127"/>
      <c r="GL469" s="126"/>
      <c r="GM469" s="91"/>
      <c r="GN469" s="91"/>
      <c r="GO469" s="91"/>
      <c r="GP469" s="91"/>
      <c r="GQ469" s="91"/>
      <c r="GR469" s="91"/>
      <c r="GS469" s="91"/>
      <c r="GT469" s="91"/>
      <c r="GU469" s="91"/>
      <c r="GV469" s="91"/>
      <c r="GW469" s="91"/>
      <c r="GX469" s="91"/>
      <c r="GY469" s="91"/>
      <c r="GZ469" s="91"/>
      <c r="HA469" s="91"/>
      <c r="HB469" s="91"/>
      <c r="HC469" s="91"/>
      <c r="HD469" s="91"/>
      <c r="HE469" s="91"/>
      <c r="HF469" s="91"/>
      <c r="HG469" s="91"/>
      <c r="HH469" s="91"/>
      <c r="HI469" s="91"/>
      <c r="HJ469" s="91"/>
      <c r="HK469" s="127"/>
      <c r="HL469" s="126"/>
      <c r="HM469" s="91"/>
      <c r="HN469" s="91"/>
      <c r="HO469" s="91"/>
      <c r="HP469" s="91"/>
      <c r="HQ469" s="91"/>
      <c r="HR469" s="91"/>
      <c r="HS469" s="91"/>
      <c r="HT469" s="91"/>
      <c r="HU469" s="91"/>
      <c r="HV469" s="91"/>
      <c r="HW469" s="91"/>
      <c r="HX469" s="91"/>
      <c r="HY469" s="91"/>
      <c r="HZ469" s="91"/>
      <c r="IA469" s="91"/>
      <c r="IB469" s="91"/>
      <c r="IC469" s="91"/>
      <c r="ID469" s="91"/>
      <c r="IE469" s="91"/>
      <c r="IF469" s="91"/>
      <c r="IG469" s="91"/>
      <c r="IH469" s="91"/>
      <c r="II469" s="91"/>
      <c r="IJ469" s="91"/>
      <c r="IK469" s="127"/>
    </row>
    <row r="470" spans="2:245" x14ac:dyDescent="0.2">
      <c r="B470" s="43"/>
      <c r="C470" s="73"/>
      <c r="D470" s="64"/>
      <c r="E470" s="64"/>
      <c r="F470" s="55"/>
      <c r="G470" s="102"/>
      <c r="H470" s="55"/>
      <c r="I470" s="55"/>
      <c r="J470" s="55"/>
      <c r="K470" s="55"/>
      <c r="L470" s="55"/>
      <c r="M470" s="55"/>
      <c r="N470" s="55"/>
      <c r="O470" s="55"/>
      <c r="P470" s="55"/>
      <c r="Q470" s="55"/>
      <c r="R470" s="55"/>
      <c r="S470" s="55"/>
      <c r="T470" s="55"/>
      <c r="U470" s="55"/>
      <c r="V470" s="55"/>
      <c r="W470" s="55"/>
      <c r="X470" s="55"/>
      <c r="Y470" s="55"/>
      <c r="Z470" s="55"/>
      <c r="AA470" s="55"/>
      <c r="AB470" s="55"/>
      <c r="AC470" s="55"/>
      <c r="AD470" s="55"/>
      <c r="AE470" s="55"/>
      <c r="AF470" s="55"/>
      <c r="AG470" s="55"/>
      <c r="AY470" s="162"/>
      <c r="AZ470" s="162"/>
      <c r="BA470" s="162"/>
      <c r="BB470" s="162"/>
      <c r="BC470" s="162"/>
      <c r="BD470" s="162"/>
      <c r="BE470" s="162"/>
      <c r="BF470" s="162"/>
      <c r="BG470" s="162"/>
      <c r="BH470" s="162"/>
      <c r="BI470" s="162"/>
      <c r="BJ470" s="162"/>
      <c r="BK470" s="162"/>
      <c r="BL470" s="162"/>
      <c r="BM470" s="162"/>
      <c r="BN470" s="162"/>
      <c r="BO470" s="162"/>
      <c r="BP470" s="162"/>
      <c r="BQ470" s="162"/>
      <c r="BR470" s="162"/>
      <c r="BS470" s="162"/>
      <c r="BT470" s="162"/>
      <c r="BU470" s="162"/>
      <c r="BV470" s="162"/>
      <c r="BW470" s="162"/>
      <c r="BX470" s="162"/>
      <c r="BY470" s="162"/>
      <c r="BZ470" s="162"/>
      <c r="CA470" s="162"/>
      <c r="CB470" s="162"/>
      <c r="CC470" s="162"/>
      <c r="CD470" s="162"/>
      <c r="CE470" s="162"/>
      <c r="CF470" s="162"/>
      <c r="CG470" s="162"/>
      <c r="CH470" s="162"/>
      <c r="CI470" s="162"/>
      <c r="CJ470" s="162"/>
      <c r="CK470" s="162"/>
      <c r="CX470" s="98"/>
      <c r="DL470" s="97"/>
      <c r="DX470" s="98"/>
      <c r="EL470" s="97"/>
      <c r="EX470" s="98"/>
      <c r="EY470" s="97"/>
      <c r="FL470" s="126"/>
      <c r="FM470" s="91"/>
      <c r="FN470" s="91"/>
      <c r="FO470" s="91"/>
      <c r="FP470" s="91"/>
      <c r="FQ470" s="91"/>
      <c r="FR470" s="91"/>
      <c r="FS470" s="91"/>
      <c r="FT470" s="91"/>
      <c r="FU470" s="91"/>
      <c r="FV470" s="91"/>
      <c r="FW470" s="91"/>
      <c r="FX470" s="91"/>
      <c r="FY470" s="91"/>
      <c r="FZ470" s="91"/>
      <c r="GA470" s="91"/>
      <c r="GB470" s="91"/>
      <c r="GC470" s="91"/>
      <c r="GD470" s="91"/>
      <c r="GE470" s="91"/>
      <c r="GF470" s="91"/>
      <c r="GG470" s="91"/>
      <c r="GH470" s="91"/>
      <c r="GI470" s="91"/>
      <c r="GJ470" s="91"/>
      <c r="GK470" s="127"/>
      <c r="GL470" s="126"/>
      <c r="GM470" s="91"/>
      <c r="GN470" s="91"/>
      <c r="GO470" s="91"/>
      <c r="GP470" s="91"/>
      <c r="GQ470" s="91"/>
      <c r="GR470" s="91"/>
      <c r="GS470" s="91"/>
      <c r="GT470" s="91"/>
      <c r="GU470" s="91"/>
      <c r="GV470" s="91"/>
      <c r="GW470" s="91"/>
      <c r="GX470" s="91"/>
      <c r="GY470" s="91"/>
      <c r="GZ470" s="91"/>
      <c r="HA470" s="91"/>
      <c r="HB470" s="91"/>
      <c r="HC470" s="91"/>
      <c r="HD470" s="91"/>
      <c r="HE470" s="91"/>
      <c r="HF470" s="91"/>
      <c r="HG470" s="91"/>
      <c r="HH470" s="91"/>
      <c r="HI470" s="91"/>
      <c r="HJ470" s="91"/>
      <c r="HK470" s="127"/>
      <c r="HL470" s="126"/>
      <c r="HM470" s="91"/>
      <c r="HN470" s="91"/>
      <c r="HO470" s="91"/>
      <c r="HP470" s="91"/>
      <c r="HQ470" s="91"/>
      <c r="HR470" s="91"/>
      <c r="HS470" s="91"/>
      <c r="HT470" s="91"/>
      <c r="HU470" s="91"/>
      <c r="HV470" s="91"/>
      <c r="HW470" s="91"/>
      <c r="HX470" s="91"/>
      <c r="HY470" s="91"/>
      <c r="HZ470" s="91"/>
      <c r="IA470" s="91"/>
      <c r="IB470" s="91"/>
      <c r="IC470" s="91"/>
      <c r="ID470" s="91"/>
      <c r="IE470" s="91"/>
      <c r="IF470" s="91"/>
      <c r="IG470" s="91"/>
      <c r="IH470" s="91"/>
      <c r="II470" s="91"/>
      <c r="IJ470" s="91"/>
      <c r="IK470" s="127"/>
    </row>
    <row r="471" spans="2:245" x14ac:dyDescent="0.2">
      <c r="B471" s="43"/>
      <c r="C471" s="73"/>
      <c r="D471" s="64"/>
      <c r="E471" s="64"/>
      <c r="F471" s="55"/>
      <c r="G471" s="102"/>
      <c r="H471" s="55"/>
      <c r="I471" s="55"/>
      <c r="J471" s="55"/>
      <c r="K471" s="55"/>
      <c r="L471" s="55"/>
      <c r="M471" s="55"/>
      <c r="N471" s="55"/>
      <c r="O471" s="55"/>
      <c r="P471" s="55"/>
      <c r="Q471" s="55"/>
      <c r="R471" s="55"/>
      <c r="S471" s="55"/>
      <c r="T471" s="55"/>
      <c r="U471" s="55"/>
      <c r="V471" s="55"/>
      <c r="W471" s="55"/>
      <c r="X471" s="55"/>
      <c r="Y471" s="55"/>
      <c r="Z471" s="55"/>
      <c r="AA471" s="55"/>
      <c r="AB471" s="55"/>
      <c r="AC471" s="55"/>
      <c r="AD471" s="55"/>
      <c r="AE471" s="55"/>
      <c r="AF471" s="55"/>
      <c r="AG471" s="55"/>
      <c r="AY471" s="162"/>
      <c r="AZ471" s="162"/>
      <c r="BA471" s="162"/>
      <c r="BB471" s="162"/>
      <c r="BC471" s="162"/>
      <c r="BD471" s="162"/>
      <c r="BE471" s="162"/>
      <c r="BF471" s="162"/>
      <c r="BG471" s="162"/>
      <c r="BH471" s="162"/>
      <c r="BI471" s="162"/>
      <c r="BJ471" s="162"/>
      <c r="BK471" s="162"/>
      <c r="BL471" s="162"/>
      <c r="BM471" s="162"/>
      <c r="BN471" s="162"/>
      <c r="BO471" s="162"/>
      <c r="BP471" s="162"/>
      <c r="BQ471" s="162"/>
      <c r="BR471" s="162"/>
      <c r="BS471" s="162"/>
      <c r="BT471" s="162"/>
      <c r="BU471" s="162"/>
      <c r="BV471" s="162"/>
      <c r="BW471" s="162"/>
      <c r="BX471" s="162"/>
      <c r="BY471" s="162"/>
      <c r="BZ471" s="162"/>
      <c r="CA471" s="162"/>
      <c r="CB471" s="162"/>
      <c r="CC471" s="162"/>
      <c r="CD471" s="162"/>
      <c r="CE471" s="162"/>
      <c r="CF471" s="162"/>
      <c r="CG471" s="162"/>
      <c r="CH471" s="162"/>
      <c r="CI471" s="162"/>
      <c r="CJ471" s="162"/>
      <c r="CK471" s="162"/>
      <c r="CX471" s="98"/>
      <c r="DL471" s="97"/>
      <c r="DX471" s="98"/>
      <c r="EL471" s="97"/>
      <c r="EX471" s="98"/>
      <c r="EY471" s="97"/>
      <c r="FL471" s="126"/>
      <c r="FM471" s="91"/>
      <c r="FN471" s="91"/>
      <c r="FO471" s="91"/>
      <c r="FP471" s="91"/>
      <c r="FQ471" s="91"/>
      <c r="FR471" s="91"/>
      <c r="FS471" s="91"/>
      <c r="FT471" s="91"/>
      <c r="FU471" s="91"/>
      <c r="FV471" s="91"/>
      <c r="FW471" s="91"/>
      <c r="FX471" s="91"/>
      <c r="FY471" s="91"/>
      <c r="FZ471" s="91"/>
      <c r="GA471" s="91"/>
      <c r="GB471" s="91"/>
      <c r="GC471" s="91"/>
      <c r="GD471" s="91"/>
      <c r="GE471" s="91"/>
      <c r="GF471" s="91"/>
      <c r="GG471" s="91"/>
      <c r="GH471" s="91"/>
      <c r="GI471" s="91"/>
      <c r="GJ471" s="91"/>
      <c r="GK471" s="127"/>
      <c r="GL471" s="126"/>
      <c r="GM471" s="91"/>
      <c r="GN471" s="91"/>
      <c r="GO471" s="91"/>
      <c r="GP471" s="91"/>
      <c r="GQ471" s="91"/>
      <c r="GR471" s="91"/>
      <c r="GS471" s="91"/>
      <c r="GT471" s="91"/>
      <c r="GU471" s="91"/>
      <c r="GV471" s="91"/>
      <c r="GW471" s="91"/>
      <c r="GX471" s="91"/>
      <c r="GY471" s="91"/>
      <c r="GZ471" s="91"/>
      <c r="HA471" s="91"/>
      <c r="HB471" s="91"/>
      <c r="HC471" s="91"/>
      <c r="HD471" s="91"/>
      <c r="HE471" s="91"/>
      <c r="HF471" s="91"/>
      <c r="HG471" s="91"/>
      <c r="HH471" s="91"/>
      <c r="HI471" s="91"/>
      <c r="HJ471" s="91"/>
      <c r="HK471" s="127"/>
      <c r="HL471" s="126"/>
      <c r="HM471" s="91"/>
      <c r="HN471" s="91"/>
      <c r="HO471" s="91"/>
      <c r="HP471" s="91"/>
      <c r="HQ471" s="91"/>
      <c r="HR471" s="91"/>
      <c r="HS471" s="91"/>
      <c r="HT471" s="91"/>
      <c r="HU471" s="91"/>
      <c r="HV471" s="91"/>
      <c r="HW471" s="91"/>
      <c r="HX471" s="91"/>
      <c r="HY471" s="91"/>
      <c r="HZ471" s="91"/>
      <c r="IA471" s="91"/>
      <c r="IB471" s="91"/>
      <c r="IC471" s="91"/>
      <c r="ID471" s="91"/>
      <c r="IE471" s="91"/>
      <c r="IF471" s="91"/>
      <c r="IG471" s="91"/>
      <c r="IH471" s="91"/>
      <c r="II471" s="91"/>
      <c r="IJ471" s="91"/>
      <c r="IK471" s="127"/>
    </row>
    <row r="472" spans="2:245" x14ac:dyDescent="0.2">
      <c r="B472" s="43"/>
      <c r="C472" s="73"/>
      <c r="D472" s="64"/>
      <c r="E472" s="64"/>
      <c r="F472" s="55"/>
      <c r="G472" s="102"/>
      <c r="H472" s="55"/>
      <c r="I472" s="55"/>
      <c r="J472" s="55"/>
      <c r="K472" s="55"/>
      <c r="L472" s="55"/>
      <c r="M472" s="55"/>
      <c r="N472" s="55"/>
      <c r="O472" s="55"/>
      <c r="P472" s="55"/>
      <c r="Q472" s="55"/>
      <c r="R472" s="55"/>
      <c r="S472" s="55"/>
      <c r="T472" s="55"/>
      <c r="U472" s="55"/>
      <c r="V472" s="55"/>
      <c r="W472" s="55"/>
      <c r="X472" s="55"/>
      <c r="Y472" s="55"/>
      <c r="Z472" s="55"/>
      <c r="AA472" s="55"/>
      <c r="AB472" s="55"/>
      <c r="AC472" s="55"/>
      <c r="AD472" s="55"/>
      <c r="AE472" s="55"/>
      <c r="AF472" s="55"/>
      <c r="AG472" s="55"/>
      <c r="AY472" s="162"/>
      <c r="AZ472" s="162"/>
      <c r="BA472" s="162"/>
      <c r="BB472" s="162"/>
      <c r="BC472" s="162"/>
      <c r="BD472" s="162"/>
      <c r="BE472" s="162"/>
      <c r="BF472" s="162"/>
      <c r="BG472" s="162"/>
      <c r="BH472" s="162"/>
      <c r="BI472" s="162"/>
      <c r="BJ472" s="162"/>
      <c r="BK472" s="162"/>
      <c r="BL472" s="162"/>
      <c r="BM472" s="162"/>
      <c r="BN472" s="162"/>
      <c r="BO472" s="162"/>
      <c r="BP472" s="162"/>
      <c r="BQ472" s="162"/>
      <c r="BR472" s="162"/>
      <c r="BS472" s="162"/>
      <c r="BT472" s="162"/>
      <c r="BU472" s="162"/>
      <c r="BV472" s="162"/>
      <c r="BW472" s="162"/>
      <c r="BX472" s="162"/>
      <c r="BY472" s="162"/>
      <c r="BZ472" s="162"/>
      <c r="CA472" s="162"/>
      <c r="CB472" s="162"/>
      <c r="CC472" s="162"/>
      <c r="CD472" s="162"/>
      <c r="CE472" s="162"/>
      <c r="CF472" s="162"/>
      <c r="CG472" s="162"/>
      <c r="CH472" s="162"/>
      <c r="CI472" s="162"/>
      <c r="CJ472" s="162"/>
      <c r="CK472" s="162"/>
      <c r="CX472" s="98"/>
      <c r="DL472" s="97"/>
      <c r="DX472" s="98"/>
      <c r="EL472" s="97"/>
      <c r="EX472" s="98"/>
      <c r="EY472" s="97"/>
      <c r="FL472" s="126"/>
      <c r="FM472" s="91"/>
      <c r="FN472" s="91"/>
      <c r="FO472" s="91"/>
      <c r="FP472" s="91"/>
      <c r="FQ472" s="91"/>
      <c r="FR472" s="91"/>
      <c r="FS472" s="91"/>
      <c r="FT472" s="91"/>
      <c r="FU472" s="91"/>
      <c r="FV472" s="91"/>
      <c r="FW472" s="91"/>
      <c r="FX472" s="91"/>
      <c r="FY472" s="91"/>
      <c r="FZ472" s="91"/>
      <c r="GA472" s="91"/>
      <c r="GB472" s="91"/>
      <c r="GC472" s="91"/>
      <c r="GD472" s="91"/>
      <c r="GE472" s="91"/>
      <c r="GF472" s="91"/>
      <c r="GG472" s="91"/>
      <c r="GH472" s="91"/>
      <c r="GI472" s="91"/>
      <c r="GJ472" s="91"/>
      <c r="GK472" s="127"/>
      <c r="GL472" s="126"/>
      <c r="GM472" s="91"/>
      <c r="GN472" s="91"/>
      <c r="GO472" s="91"/>
      <c r="GP472" s="91"/>
      <c r="GQ472" s="91"/>
      <c r="GR472" s="91"/>
      <c r="GS472" s="91"/>
      <c r="GT472" s="91"/>
      <c r="GU472" s="91"/>
      <c r="GV472" s="91"/>
      <c r="GW472" s="91"/>
      <c r="GX472" s="91"/>
      <c r="GY472" s="91"/>
      <c r="GZ472" s="91"/>
      <c r="HA472" s="91"/>
      <c r="HB472" s="91"/>
      <c r="HC472" s="91"/>
      <c r="HD472" s="91"/>
      <c r="HE472" s="91"/>
      <c r="HF472" s="91"/>
      <c r="HG472" s="91"/>
      <c r="HH472" s="91"/>
      <c r="HI472" s="91"/>
      <c r="HJ472" s="91"/>
      <c r="HK472" s="127"/>
      <c r="HL472" s="126"/>
      <c r="HM472" s="91"/>
      <c r="HN472" s="91"/>
      <c r="HO472" s="91"/>
      <c r="HP472" s="91"/>
      <c r="HQ472" s="91"/>
      <c r="HR472" s="91"/>
      <c r="HS472" s="91"/>
      <c r="HT472" s="91"/>
      <c r="HU472" s="91"/>
      <c r="HV472" s="91"/>
      <c r="HW472" s="91"/>
      <c r="HX472" s="91"/>
      <c r="HY472" s="91"/>
      <c r="HZ472" s="91"/>
      <c r="IA472" s="91"/>
      <c r="IB472" s="91"/>
      <c r="IC472" s="91"/>
      <c r="ID472" s="91"/>
      <c r="IE472" s="91"/>
      <c r="IF472" s="91"/>
      <c r="IG472" s="91"/>
      <c r="IH472" s="91"/>
      <c r="II472" s="91"/>
      <c r="IJ472" s="91"/>
      <c r="IK472" s="127"/>
    </row>
    <row r="473" spans="2:245" x14ac:dyDescent="0.2">
      <c r="B473" s="43"/>
      <c r="C473" s="73"/>
      <c r="D473" s="64"/>
      <c r="E473" s="64"/>
      <c r="F473" s="55"/>
      <c r="G473" s="102"/>
      <c r="H473" s="55"/>
      <c r="I473" s="55"/>
      <c r="J473" s="55"/>
      <c r="K473" s="55"/>
      <c r="L473" s="55"/>
      <c r="M473" s="55"/>
      <c r="N473" s="55"/>
      <c r="O473" s="55"/>
      <c r="P473" s="55"/>
      <c r="Q473" s="55"/>
      <c r="R473" s="55"/>
      <c r="S473" s="55"/>
      <c r="T473" s="55"/>
      <c r="U473" s="55"/>
      <c r="V473" s="55"/>
      <c r="W473" s="55"/>
      <c r="X473" s="55"/>
      <c r="Y473" s="55"/>
      <c r="Z473" s="55"/>
      <c r="AA473" s="55"/>
      <c r="AB473" s="55"/>
      <c r="AC473" s="55"/>
      <c r="AD473" s="55"/>
      <c r="AE473" s="55"/>
      <c r="AF473" s="55"/>
      <c r="AG473" s="55"/>
      <c r="AY473" s="162"/>
      <c r="AZ473" s="162"/>
      <c r="BA473" s="162"/>
      <c r="BB473" s="162"/>
      <c r="BC473" s="162"/>
      <c r="BD473" s="162"/>
      <c r="BE473" s="162"/>
      <c r="BF473" s="162"/>
      <c r="BG473" s="162"/>
      <c r="BH473" s="162"/>
      <c r="BI473" s="162"/>
      <c r="BJ473" s="162"/>
      <c r="BK473" s="162"/>
      <c r="BL473" s="162"/>
      <c r="BM473" s="162"/>
      <c r="BN473" s="162"/>
      <c r="BO473" s="162"/>
      <c r="BP473" s="162"/>
      <c r="BQ473" s="162"/>
      <c r="BR473" s="162"/>
      <c r="BS473" s="162"/>
      <c r="BT473" s="162"/>
      <c r="BU473" s="162"/>
      <c r="BV473" s="162"/>
      <c r="BW473" s="162"/>
      <c r="BX473" s="162"/>
      <c r="BY473" s="162"/>
      <c r="BZ473" s="162"/>
      <c r="CA473" s="162"/>
      <c r="CB473" s="162"/>
      <c r="CC473" s="162"/>
      <c r="CD473" s="162"/>
      <c r="CE473" s="162"/>
      <c r="CF473" s="162"/>
      <c r="CG473" s="162"/>
      <c r="CH473" s="162"/>
      <c r="CI473" s="162"/>
      <c r="CJ473" s="162"/>
      <c r="CK473" s="162"/>
      <c r="CX473" s="98"/>
      <c r="DL473" s="97"/>
      <c r="DX473" s="98"/>
      <c r="EL473" s="97"/>
      <c r="EX473" s="98"/>
      <c r="EY473" s="97"/>
      <c r="FL473" s="126"/>
      <c r="FM473" s="91"/>
      <c r="FN473" s="91"/>
      <c r="FO473" s="91"/>
      <c r="FP473" s="91"/>
      <c r="FQ473" s="91"/>
      <c r="FR473" s="91"/>
      <c r="FS473" s="91"/>
      <c r="FT473" s="91"/>
      <c r="FU473" s="91"/>
      <c r="FV473" s="91"/>
      <c r="FW473" s="91"/>
      <c r="FX473" s="91"/>
      <c r="FY473" s="91"/>
      <c r="FZ473" s="91"/>
      <c r="GA473" s="91"/>
      <c r="GB473" s="91"/>
      <c r="GC473" s="91"/>
      <c r="GD473" s="91"/>
      <c r="GE473" s="91"/>
      <c r="GF473" s="91"/>
      <c r="GG473" s="91"/>
      <c r="GH473" s="91"/>
      <c r="GI473" s="91"/>
      <c r="GJ473" s="91"/>
      <c r="GK473" s="127"/>
      <c r="GL473" s="126"/>
      <c r="GM473" s="91"/>
      <c r="GN473" s="91"/>
      <c r="GO473" s="91"/>
      <c r="GP473" s="91"/>
      <c r="GQ473" s="91"/>
      <c r="GR473" s="91"/>
      <c r="GS473" s="91"/>
      <c r="GT473" s="91"/>
      <c r="GU473" s="91"/>
      <c r="GV473" s="91"/>
      <c r="GW473" s="91"/>
      <c r="GX473" s="91"/>
      <c r="GY473" s="91"/>
      <c r="GZ473" s="91"/>
      <c r="HA473" s="91"/>
      <c r="HB473" s="91"/>
      <c r="HC473" s="91"/>
      <c r="HD473" s="91"/>
      <c r="HE473" s="91"/>
      <c r="HF473" s="91"/>
      <c r="HG473" s="91"/>
      <c r="HH473" s="91"/>
      <c r="HI473" s="91"/>
      <c r="HJ473" s="91"/>
      <c r="HK473" s="127"/>
      <c r="HL473" s="126"/>
      <c r="HM473" s="91"/>
      <c r="HN473" s="91"/>
      <c r="HO473" s="91"/>
      <c r="HP473" s="91"/>
      <c r="HQ473" s="91"/>
      <c r="HR473" s="91"/>
      <c r="HS473" s="91"/>
      <c r="HT473" s="91"/>
      <c r="HU473" s="91"/>
      <c r="HV473" s="91"/>
      <c r="HW473" s="91"/>
      <c r="HX473" s="91"/>
      <c r="HY473" s="91"/>
      <c r="HZ473" s="91"/>
      <c r="IA473" s="91"/>
      <c r="IB473" s="91"/>
      <c r="IC473" s="91"/>
      <c r="ID473" s="91"/>
      <c r="IE473" s="91"/>
      <c r="IF473" s="91"/>
      <c r="IG473" s="91"/>
      <c r="IH473" s="91"/>
      <c r="II473" s="91"/>
      <c r="IJ473" s="91"/>
      <c r="IK473" s="127"/>
    </row>
    <row r="474" spans="2:245" x14ac:dyDescent="0.2">
      <c r="B474" s="43"/>
      <c r="C474" s="73"/>
      <c r="D474" s="64"/>
      <c r="E474" s="64"/>
      <c r="F474" s="55"/>
      <c r="G474" s="102"/>
      <c r="H474" s="55"/>
      <c r="I474" s="55"/>
      <c r="J474" s="55"/>
      <c r="K474" s="55"/>
      <c r="L474" s="55"/>
      <c r="M474" s="55"/>
      <c r="N474" s="55"/>
      <c r="O474" s="55"/>
      <c r="P474" s="55"/>
      <c r="Q474" s="55"/>
      <c r="R474" s="55"/>
      <c r="S474" s="55"/>
      <c r="T474" s="55"/>
      <c r="U474" s="55"/>
      <c r="V474" s="55"/>
      <c r="W474" s="55"/>
      <c r="X474" s="55"/>
      <c r="Y474" s="55"/>
      <c r="Z474" s="55"/>
      <c r="AA474" s="55"/>
      <c r="AB474" s="55"/>
      <c r="AC474" s="55"/>
      <c r="AD474" s="55"/>
      <c r="AE474" s="55"/>
      <c r="AF474" s="55"/>
      <c r="AG474" s="55"/>
      <c r="AY474" s="162"/>
      <c r="AZ474" s="162"/>
      <c r="BA474" s="162"/>
      <c r="BB474" s="162"/>
      <c r="BC474" s="162"/>
      <c r="BD474" s="162"/>
      <c r="BE474" s="162"/>
      <c r="BF474" s="162"/>
      <c r="BG474" s="162"/>
      <c r="BH474" s="162"/>
      <c r="BI474" s="162"/>
      <c r="BJ474" s="162"/>
      <c r="BK474" s="162"/>
      <c r="BL474" s="162"/>
      <c r="BM474" s="162"/>
      <c r="BN474" s="162"/>
      <c r="BO474" s="162"/>
      <c r="BP474" s="162"/>
      <c r="BQ474" s="162"/>
      <c r="BR474" s="162"/>
      <c r="BS474" s="162"/>
      <c r="BT474" s="162"/>
      <c r="BU474" s="162"/>
      <c r="BV474" s="162"/>
      <c r="BW474" s="162"/>
      <c r="BX474" s="162"/>
      <c r="BY474" s="162"/>
      <c r="BZ474" s="162"/>
      <c r="CA474" s="162"/>
      <c r="CB474" s="162"/>
      <c r="CC474" s="162"/>
      <c r="CD474" s="162"/>
      <c r="CE474" s="162"/>
      <c r="CF474" s="162"/>
      <c r="CG474" s="162"/>
      <c r="CH474" s="162"/>
      <c r="CI474" s="162"/>
      <c r="CJ474" s="162"/>
      <c r="CK474" s="162"/>
      <c r="CX474" s="98"/>
      <c r="DL474" s="97"/>
      <c r="DX474" s="98"/>
      <c r="EL474" s="97"/>
      <c r="EX474" s="98"/>
      <c r="EY474" s="97"/>
      <c r="FL474" s="126"/>
      <c r="FM474" s="91"/>
      <c r="FN474" s="91"/>
      <c r="FO474" s="91"/>
      <c r="FP474" s="91"/>
      <c r="FQ474" s="91"/>
      <c r="FR474" s="91"/>
      <c r="FS474" s="91"/>
      <c r="FT474" s="91"/>
      <c r="FU474" s="91"/>
      <c r="FV474" s="91"/>
      <c r="FW474" s="91"/>
      <c r="FX474" s="91"/>
      <c r="FY474" s="91"/>
      <c r="FZ474" s="91"/>
      <c r="GA474" s="91"/>
      <c r="GB474" s="91"/>
      <c r="GC474" s="91"/>
      <c r="GD474" s="91"/>
      <c r="GE474" s="91"/>
      <c r="GF474" s="91"/>
      <c r="GG474" s="91"/>
      <c r="GH474" s="91"/>
      <c r="GI474" s="91"/>
      <c r="GJ474" s="91"/>
      <c r="GK474" s="127"/>
      <c r="GL474" s="126"/>
      <c r="GM474" s="91"/>
      <c r="GN474" s="91"/>
      <c r="GO474" s="91"/>
      <c r="GP474" s="91"/>
      <c r="GQ474" s="91"/>
      <c r="GR474" s="91"/>
      <c r="GS474" s="91"/>
      <c r="GT474" s="91"/>
      <c r="GU474" s="91"/>
      <c r="GV474" s="91"/>
      <c r="GW474" s="91"/>
      <c r="GX474" s="91"/>
      <c r="GY474" s="91"/>
      <c r="GZ474" s="91"/>
      <c r="HA474" s="91"/>
      <c r="HB474" s="91"/>
      <c r="HC474" s="91"/>
      <c r="HD474" s="91"/>
      <c r="HE474" s="91"/>
      <c r="HF474" s="91"/>
      <c r="HG474" s="91"/>
      <c r="HH474" s="91"/>
      <c r="HI474" s="91"/>
      <c r="HJ474" s="91"/>
      <c r="HK474" s="127"/>
      <c r="HL474" s="126"/>
      <c r="HM474" s="91"/>
      <c r="HN474" s="91"/>
      <c r="HO474" s="91"/>
      <c r="HP474" s="91"/>
      <c r="HQ474" s="91"/>
      <c r="HR474" s="91"/>
      <c r="HS474" s="91"/>
      <c r="HT474" s="91"/>
      <c r="HU474" s="91"/>
      <c r="HV474" s="91"/>
      <c r="HW474" s="91"/>
      <c r="HX474" s="91"/>
      <c r="HY474" s="91"/>
      <c r="HZ474" s="91"/>
      <c r="IA474" s="91"/>
      <c r="IB474" s="91"/>
      <c r="IC474" s="91"/>
      <c r="ID474" s="91"/>
      <c r="IE474" s="91"/>
      <c r="IF474" s="91"/>
      <c r="IG474" s="91"/>
      <c r="IH474" s="91"/>
      <c r="II474" s="91"/>
      <c r="IJ474" s="91"/>
      <c r="IK474" s="127"/>
    </row>
    <row r="475" spans="2:245" x14ac:dyDescent="0.2">
      <c r="B475" s="43"/>
      <c r="C475" s="73"/>
      <c r="D475" s="64"/>
      <c r="E475" s="64"/>
      <c r="F475" s="55"/>
      <c r="G475" s="102"/>
      <c r="H475" s="55"/>
      <c r="I475" s="55"/>
      <c r="J475" s="55"/>
      <c r="K475" s="55"/>
      <c r="L475" s="55"/>
      <c r="M475" s="55"/>
      <c r="N475" s="55"/>
      <c r="O475" s="55"/>
      <c r="P475" s="55"/>
      <c r="Q475" s="55"/>
      <c r="R475" s="55"/>
      <c r="S475" s="55"/>
      <c r="T475" s="55"/>
      <c r="U475" s="55"/>
      <c r="V475" s="55"/>
      <c r="W475" s="55"/>
      <c r="X475" s="55"/>
      <c r="Y475" s="55"/>
      <c r="Z475" s="55"/>
      <c r="AA475" s="55"/>
      <c r="AB475" s="55"/>
      <c r="AC475" s="55"/>
      <c r="AD475" s="55"/>
      <c r="AE475" s="55"/>
      <c r="AF475" s="55"/>
      <c r="AG475" s="55"/>
      <c r="AY475" s="162"/>
      <c r="AZ475" s="162"/>
      <c r="BA475" s="162"/>
      <c r="BB475" s="162"/>
      <c r="BC475" s="162"/>
      <c r="BD475" s="162"/>
      <c r="BE475" s="162"/>
      <c r="BF475" s="162"/>
      <c r="BG475" s="162"/>
      <c r="BH475" s="162"/>
      <c r="BI475" s="162"/>
      <c r="BJ475" s="162"/>
      <c r="BK475" s="162"/>
      <c r="BL475" s="162"/>
      <c r="BM475" s="162"/>
      <c r="BN475" s="162"/>
      <c r="BO475" s="162"/>
      <c r="BP475" s="162"/>
      <c r="BQ475" s="162"/>
      <c r="BR475" s="162"/>
      <c r="BS475" s="162"/>
      <c r="BT475" s="162"/>
      <c r="BU475" s="162"/>
      <c r="BV475" s="162"/>
      <c r="BW475" s="162"/>
      <c r="BX475" s="162"/>
      <c r="BY475" s="162"/>
      <c r="BZ475" s="162"/>
      <c r="CA475" s="162"/>
      <c r="CB475" s="162"/>
      <c r="CC475" s="162"/>
      <c r="CD475" s="162"/>
      <c r="CE475" s="162"/>
      <c r="CF475" s="162"/>
      <c r="CG475" s="162"/>
      <c r="CH475" s="162"/>
      <c r="CI475" s="162"/>
      <c r="CJ475" s="162"/>
      <c r="CK475" s="162"/>
      <c r="CX475" s="98"/>
      <c r="DL475" s="97"/>
      <c r="DX475" s="98"/>
      <c r="EL475" s="97"/>
      <c r="EX475" s="98"/>
      <c r="EY475" s="97"/>
      <c r="FL475" s="126"/>
      <c r="FM475" s="91"/>
      <c r="FN475" s="91"/>
      <c r="FO475" s="91"/>
      <c r="FP475" s="91"/>
      <c r="FQ475" s="91"/>
      <c r="FR475" s="91"/>
      <c r="FS475" s="91"/>
      <c r="FT475" s="91"/>
      <c r="FU475" s="91"/>
      <c r="FV475" s="91"/>
      <c r="FW475" s="91"/>
      <c r="FX475" s="91"/>
      <c r="FY475" s="91"/>
      <c r="FZ475" s="91"/>
      <c r="GA475" s="91"/>
      <c r="GB475" s="91"/>
      <c r="GC475" s="91"/>
      <c r="GD475" s="91"/>
      <c r="GE475" s="91"/>
      <c r="GF475" s="91"/>
      <c r="GG475" s="91"/>
      <c r="GH475" s="91"/>
      <c r="GI475" s="91"/>
      <c r="GJ475" s="91"/>
      <c r="GK475" s="127"/>
      <c r="GL475" s="126"/>
      <c r="GM475" s="91"/>
      <c r="GN475" s="91"/>
      <c r="GO475" s="91"/>
      <c r="GP475" s="91"/>
      <c r="GQ475" s="91"/>
      <c r="GR475" s="91"/>
      <c r="GS475" s="91"/>
      <c r="GT475" s="91"/>
      <c r="GU475" s="91"/>
      <c r="GV475" s="91"/>
      <c r="GW475" s="91"/>
      <c r="GX475" s="91"/>
      <c r="GY475" s="91"/>
      <c r="GZ475" s="91"/>
      <c r="HA475" s="91"/>
      <c r="HB475" s="91"/>
      <c r="HC475" s="91"/>
      <c r="HD475" s="91"/>
      <c r="HE475" s="91"/>
      <c r="HF475" s="91"/>
      <c r="HG475" s="91"/>
      <c r="HH475" s="91"/>
      <c r="HI475" s="91"/>
      <c r="HJ475" s="91"/>
      <c r="HK475" s="127"/>
      <c r="HL475" s="126"/>
      <c r="HM475" s="91"/>
      <c r="HN475" s="91"/>
      <c r="HO475" s="91"/>
      <c r="HP475" s="91"/>
      <c r="HQ475" s="91"/>
      <c r="HR475" s="91"/>
      <c r="HS475" s="91"/>
      <c r="HT475" s="91"/>
      <c r="HU475" s="91"/>
      <c r="HV475" s="91"/>
      <c r="HW475" s="91"/>
      <c r="HX475" s="91"/>
      <c r="HY475" s="91"/>
      <c r="HZ475" s="91"/>
      <c r="IA475" s="91"/>
      <c r="IB475" s="91"/>
      <c r="IC475" s="91"/>
      <c r="ID475" s="91"/>
      <c r="IE475" s="91"/>
      <c r="IF475" s="91"/>
      <c r="IG475" s="91"/>
      <c r="IH475" s="91"/>
      <c r="II475" s="91"/>
      <c r="IJ475" s="91"/>
      <c r="IK475" s="127"/>
    </row>
    <row r="476" spans="2:245" x14ac:dyDescent="0.2">
      <c r="B476" s="43"/>
      <c r="C476" s="73"/>
      <c r="D476" s="64"/>
      <c r="E476" s="64"/>
      <c r="F476" s="55"/>
      <c r="G476" s="102"/>
      <c r="H476" s="55"/>
      <c r="I476" s="55"/>
      <c r="J476" s="55"/>
      <c r="K476" s="55"/>
      <c r="L476" s="55"/>
      <c r="M476" s="55"/>
      <c r="N476" s="55"/>
      <c r="O476" s="55"/>
      <c r="P476" s="55"/>
      <c r="Q476" s="55"/>
      <c r="R476" s="55"/>
      <c r="S476" s="55"/>
      <c r="T476" s="55"/>
      <c r="U476" s="55"/>
      <c r="V476" s="55"/>
      <c r="W476" s="55"/>
      <c r="X476" s="55"/>
      <c r="Y476" s="55"/>
      <c r="Z476" s="55"/>
      <c r="AA476" s="55"/>
      <c r="AB476" s="55"/>
      <c r="AC476" s="55"/>
      <c r="AD476" s="55"/>
      <c r="AE476" s="55"/>
      <c r="AF476" s="55"/>
      <c r="AG476" s="55"/>
      <c r="AY476" s="162"/>
      <c r="AZ476" s="162"/>
      <c r="BA476" s="162"/>
      <c r="BB476" s="162"/>
      <c r="BC476" s="162"/>
      <c r="BD476" s="162"/>
      <c r="BE476" s="162"/>
      <c r="BF476" s="162"/>
      <c r="BG476" s="162"/>
      <c r="BH476" s="162"/>
      <c r="BI476" s="162"/>
      <c r="BJ476" s="162"/>
      <c r="BK476" s="162"/>
      <c r="BL476" s="162"/>
      <c r="BM476" s="162"/>
      <c r="BN476" s="162"/>
      <c r="BO476" s="162"/>
      <c r="BP476" s="162"/>
      <c r="BQ476" s="162"/>
      <c r="BR476" s="162"/>
      <c r="BS476" s="162"/>
      <c r="BT476" s="162"/>
      <c r="BU476" s="162"/>
      <c r="BV476" s="162"/>
      <c r="BW476" s="162"/>
      <c r="BX476" s="162"/>
      <c r="BY476" s="162"/>
      <c r="BZ476" s="162"/>
      <c r="CA476" s="162"/>
      <c r="CB476" s="162"/>
      <c r="CC476" s="162"/>
      <c r="CD476" s="162"/>
      <c r="CE476" s="162"/>
      <c r="CF476" s="162"/>
      <c r="CG476" s="162"/>
      <c r="CH476" s="162"/>
      <c r="CI476" s="162"/>
      <c r="CJ476" s="162"/>
      <c r="CK476" s="162"/>
      <c r="CX476" s="98"/>
      <c r="DL476" s="97"/>
      <c r="DX476" s="98"/>
      <c r="EL476" s="97"/>
      <c r="EX476" s="98"/>
      <c r="EY476" s="97"/>
      <c r="FL476" s="126"/>
      <c r="FM476" s="91"/>
      <c r="FN476" s="91"/>
      <c r="FO476" s="91"/>
      <c r="FP476" s="91"/>
      <c r="FQ476" s="91"/>
      <c r="FR476" s="91"/>
      <c r="FS476" s="91"/>
      <c r="FT476" s="91"/>
      <c r="FU476" s="91"/>
      <c r="FV476" s="91"/>
      <c r="FW476" s="91"/>
      <c r="FX476" s="91"/>
      <c r="FY476" s="91"/>
      <c r="FZ476" s="91"/>
      <c r="GA476" s="91"/>
      <c r="GB476" s="91"/>
      <c r="GC476" s="91"/>
      <c r="GD476" s="91"/>
      <c r="GE476" s="91"/>
      <c r="GF476" s="91"/>
      <c r="GG476" s="91"/>
      <c r="GH476" s="91"/>
      <c r="GI476" s="91"/>
      <c r="GJ476" s="91"/>
      <c r="GK476" s="127"/>
      <c r="GL476" s="126"/>
      <c r="GM476" s="91"/>
      <c r="GN476" s="91"/>
      <c r="GO476" s="91"/>
      <c r="GP476" s="91"/>
      <c r="GQ476" s="91"/>
      <c r="GR476" s="91"/>
      <c r="GS476" s="91"/>
      <c r="GT476" s="91"/>
      <c r="GU476" s="91"/>
      <c r="GV476" s="91"/>
      <c r="GW476" s="91"/>
      <c r="GX476" s="91"/>
      <c r="GY476" s="91"/>
      <c r="GZ476" s="91"/>
      <c r="HA476" s="91"/>
      <c r="HB476" s="91"/>
      <c r="HC476" s="91"/>
      <c r="HD476" s="91"/>
      <c r="HE476" s="91"/>
      <c r="HF476" s="91"/>
      <c r="HG476" s="91"/>
      <c r="HH476" s="91"/>
      <c r="HI476" s="91"/>
      <c r="HJ476" s="91"/>
      <c r="HK476" s="127"/>
      <c r="HL476" s="126"/>
      <c r="HM476" s="91"/>
      <c r="HN476" s="91"/>
      <c r="HO476" s="91"/>
      <c r="HP476" s="91"/>
      <c r="HQ476" s="91"/>
      <c r="HR476" s="91"/>
      <c r="HS476" s="91"/>
      <c r="HT476" s="91"/>
      <c r="HU476" s="91"/>
      <c r="HV476" s="91"/>
      <c r="HW476" s="91"/>
      <c r="HX476" s="91"/>
      <c r="HY476" s="91"/>
      <c r="HZ476" s="91"/>
      <c r="IA476" s="91"/>
      <c r="IB476" s="91"/>
      <c r="IC476" s="91"/>
      <c r="ID476" s="91"/>
      <c r="IE476" s="91"/>
      <c r="IF476" s="91"/>
      <c r="IG476" s="91"/>
      <c r="IH476" s="91"/>
      <c r="II476" s="91"/>
      <c r="IJ476" s="91"/>
      <c r="IK476" s="127"/>
    </row>
    <row r="477" spans="2:245" x14ac:dyDescent="0.2">
      <c r="B477" s="43"/>
      <c r="C477" s="73"/>
      <c r="D477" s="64"/>
      <c r="E477" s="64"/>
      <c r="F477" s="55"/>
      <c r="G477" s="102"/>
      <c r="H477" s="55"/>
      <c r="I477" s="55"/>
      <c r="J477" s="55"/>
      <c r="K477" s="55"/>
      <c r="L477" s="55"/>
      <c r="M477" s="55"/>
      <c r="N477" s="55"/>
      <c r="O477" s="55"/>
      <c r="P477" s="55"/>
      <c r="Q477" s="55"/>
      <c r="R477" s="55"/>
      <c r="S477" s="55"/>
      <c r="T477" s="55"/>
      <c r="U477" s="55"/>
      <c r="V477" s="55"/>
      <c r="W477" s="55"/>
      <c r="X477" s="55"/>
      <c r="Y477" s="55"/>
      <c r="Z477" s="55"/>
      <c r="AA477" s="55"/>
      <c r="AB477" s="55"/>
      <c r="AC477" s="55"/>
      <c r="AD477" s="55"/>
      <c r="AE477" s="55"/>
      <c r="AF477" s="55"/>
      <c r="AG477" s="55"/>
      <c r="AY477" s="162"/>
      <c r="AZ477" s="162"/>
      <c r="BA477" s="162"/>
      <c r="BB477" s="162"/>
      <c r="BC477" s="162"/>
      <c r="BD477" s="162"/>
      <c r="BE477" s="162"/>
      <c r="BF477" s="162"/>
      <c r="BG477" s="162"/>
      <c r="BH477" s="162"/>
      <c r="BI477" s="162"/>
      <c r="BJ477" s="162"/>
      <c r="BK477" s="162"/>
      <c r="BL477" s="162"/>
      <c r="BM477" s="162"/>
      <c r="BN477" s="162"/>
      <c r="BO477" s="162"/>
      <c r="BP477" s="162"/>
      <c r="BQ477" s="162"/>
      <c r="BR477" s="162"/>
      <c r="BS477" s="162"/>
      <c r="BT477" s="162"/>
      <c r="BU477" s="162"/>
      <c r="BV477" s="162"/>
      <c r="BW477" s="162"/>
      <c r="BX477" s="162"/>
      <c r="BY477" s="162"/>
      <c r="BZ477" s="162"/>
      <c r="CA477" s="162"/>
      <c r="CB477" s="162"/>
      <c r="CC477" s="162"/>
      <c r="CD477" s="162"/>
      <c r="CE477" s="162"/>
      <c r="CF477" s="162"/>
      <c r="CG477" s="162"/>
      <c r="CH477" s="162"/>
      <c r="CI477" s="162"/>
      <c r="CJ477" s="162"/>
      <c r="CK477" s="162"/>
      <c r="CX477" s="98"/>
      <c r="DL477" s="97"/>
      <c r="DX477" s="98"/>
      <c r="EL477" s="97"/>
      <c r="EX477" s="98"/>
      <c r="EY477" s="97"/>
      <c r="FL477" s="126"/>
      <c r="FM477" s="91"/>
      <c r="FN477" s="91"/>
      <c r="FO477" s="91"/>
      <c r="FP477" s="91"/>
      <c r="FQ477" s="91"/>
      <c r="FR477" s="91"/>
      <c r="FS477" s="91"/>
      <c r="FT477" s="91"/>
      <c r="FU477" s="91"/>
      <c r="FV477" s="91"/>
      <c r="FW477" s="91"/>
      <c r="FX477" s="91"/>
      <c r="FY477" s="91"/>
      <c r="FZ477" s="91"/>
      <c r="GA477" s="91"/>
      <c r="GB477" s="91"/>
      <c r="GC477" s="91"/>
      <c r="GD477" s="91"/>
      <c r="GE477" s="91"/>
      <c r="GF477" s="91"/>
      <c r="GG477" s="91"/>
      <c r="GH477" s="91"/>
      <c r="GI477" s="91"/>
      <c r="GJ477" s="91"/>
      <c r="GK477" s="127"/>
      <c r="GL477" s="126"/>
      <c r="GM477" s="91"/>
      <c r="GN477" s="91"/>
      <c r="GO477" s="91"/>
      <c r="GP477" s="91"/>
      <c r="GQ477" s="91"/>
      <c r="GR477" s="91"/>
      <c r="GS477" s="91"/>
      <c r="GT477" s="91"/>
      <c r="GU477" s="91"/>
      <c r="GV477" s="91"/>
      <c r="GW477" s="91"/>
      <c r="GX477" s="91"/>
      <c r="GY477" s="91"/>
      <c r="GZ477" s="91"/>
      <c r="HA477" s="91"/>
      <c r="HB477" s="91"/>
      <c r="HC477" s="91"/>
      <c r="HD477" s="91"/>
      <c r="HE477" s="91"/>
      <c r="HF477" s="91"/>
      <c r="HG477" s="91"/>
      <c r="HH477" s="91"/>
      <c r="HI477" s="91"/>
      <c r="HJ477" s="91"/>
      <c r="HK477" s="127"/>
      <c r="HL477" s="126"/>
      <c r="HM477" s="91"/>
      <c r="HN477" s="91"/>
      <c r="HO477" s="91"/>
      <c r="HP477" s="91"/>
      <c r="HQ477" s="91"/>
      <c r="HR477" s="91"/>
      <c r="HS477" s="91"/>
      <c r="HT477" s="91"/>
      <c r="HU477" s="91"/>
      <c r="HV477" s="91"/>
      <c r="HW477" s="91"/>
      <c r="HX477" s="91"/>
      <c r="HY477" s="91"/>
      <c r="HZ477" s="91"/>
      <c r="IA477" s="91"/>
      <c r="IB477" s="91"/>
      <c r="IC477" s="91"/>
      <c r="ID477" s="91"/>
      <c r="IE477" s="91"/>
      <c r="IF477" s="91"/>
      <c r="IG477" s="91"/>
      <c r="IH477" s="91"/>
      <c r="II477" s="91"/>
      <c r="IJ477" s="91"/>
      <c r="IK477" s="127"/>
    </row>
    <row r="478" spans="2:245" x14ac:dyDescent="0.2">
      <c r="B478" s="43"/>
      <c r="C478" s="73"/>
      <c r="D478" s="64"/>
      <c r="E478" s="64"/>
      <c r="F478" s="55"/>
      <c r="G478" s="102"/>
      <c r="H478" s="55"/>
      <c r="I478" s="55"/>
      <c r="J478" s="55"/>
      <c r="K478" s="55"/>
      <c r="L478" s="55"/>
      <c r="M478" s="55"/>
      <c r="N478" s="55"/>
      <c r="O478" s="55"/>
      <c r="P478" s="55"/>
      <c r="Q478" s="55"/>
      <c r="R478" s="55"/>
      <c r="S478" s="55"/>
      <c r="T478" s="55"/>
      <c r="U478" s="55"/>
      <c r="V478" s="55"/>
      <c r="W478" s="55"/>
      <c r="X478" s="55"/>
      <c r="Y478" s="55"/>
      <c r="Z478" s="55"/>
      <c r="AA478" s="55"/>
      <c r="AB478" s="55"/>
      <c r="AC478" s="55"/>
      <c r="AD478" s="55"/>
      <c r="AE478" s="55"/>
      <c r="AF478" s="55"/>
      <c r="AG478" s="55"/>
      <c r="AY478" s="162"/>
      <c r="AZ478" s="162"/>
      <c r="BA478" s="162"/>
      <c r="BB478" s="162"/>
      <c r="BC478" s="162"/>
      <c r="BD478" s="162"/>
      <c r="BE478" s="162"/>
      <c r="BF478" s="162"/>
      <c r="BG478" s="162"/>
      <c r="BH478" s="162"/>
      <c r="BI478" s="162"/>
      <c r="BJ478" s="162"/>
      <c r="BK478" s="162"/>
      <c r="BL478" s="162"/>
      <c r="BM478" s="162"/>
      <c r="BN478" s="162"/>
      <c r="BO478" s="162"/>
      <c r="BP478" s="162"/>
      <c r="BQ478" s="162"/>
      <c r="BR478" s="162"/>
      <c r="BS478" s="162"/>
      <c r="BT478" s="162"/>
      <c r="BU478" s="162"/>
      <c r="BV478" s="162"/>
      <c r="BW478" s="162"/>
      <c r="BX478" s="162"/>
      <c r="BY478" s="162"/>
      <c r="BZ478" s="162"/>
      <c r="CA478" s="162"/>
      <c r="CB478" s="162"/>
      <c r="CC478" s="162"/>
      <c r="CD478" s="162"/>
      <c r="CE478" s="162"/>
      <c r="CF478" s="162"/>
      <c r="CG478" s="162"/>
      <c r="CH478" s="162"/>
      <c r="CI478" s="162"/>
      <c r="CJ478" s="162"/>
      <c r="CK478" s="162"/>
      <c r="CX478" s="98"/>
      <c r="DL478" s="97"/>
      <c r="DX478" s="98"/>
      <c r="EL478" s="97"/>
      <c r="EX478" s="98"/>
      <c r="EY478" s="97"/>
      <c r="FL478" s="126"/>
      <c r="FM478" s="91"/>
      <c r="FN478" s="91"/>
      <c r="FO478" s="91"/>
      <c r="FP478" s="91"/>
      <c r="FQ478" s="91"/>
      <c r="FR478" s="91"/>
      <c r="FS478" s="91"/>
      <c r="FT478" s="91"/>
      <c r="FU478" s="91"/>
      <c r="FV478" s="91"/>
      <c r="FW478" s="91"/>
      <c r="FX478" s="91"/>
      <c r="FY478" s="91"/>
      <c r="FZ478" s="91"/>
      <c r="GA478" s="91"/>
      <c r="GB478" s="91"/>
      <c r="GC478" s="91"/>
      <c r="GD478" s="91"/>
      <c r="GE478" s="91"/>
      <c r="GF478" s="91"/>
      <c r="GG478" s="91"/>
      <c r="GH478" s="91"/>
      <c r="GI478" s="91"/>
      <c r="GJ478" s="91"/>
      <c r="GK478" s="127"/>
      <c r="GL478" s="126"/>
      <c r="GM478" s="91"/>
      <c r="GN478" s="91"/>
      <c r="GO478" s="91"/>
      <c r="GP478" s="91"/>
      <c r="GQ478" s="91"/>
      <c r="GR478" s="91"/>
      <c r="GS478" s="91"/>
      <c r="GT478" s="91"/>
      <c r="GU478" s="91"/>
      <c r="GV478" s="91"/>
      <c r="GW478" s="91"/>
      <c r="GX478" s="91"/>
      <c r="GY478" s="91"/>
      <c r="GZ478" s="91"/>
      <c r="HA478" s="91"/>
      <c r="HB478" s="91"/>
      <c r="HC478" s="91"/>
      <c r="HD478" s="91"/>
      <c r="HE478" s="91"/>
      <c r="HF478" s="91"/>
      <c r="HG478" s="91"/>
      <c r="HH478" s="91"/>
      <c r="HI478" s="91"/>
      <c r="HJ478" s="91"/>
      <c r="HK478" s="127"/>
      <c r="HL478" s="126"/>
      <c r="HM478" s="91"/>
      <c r="HN478" s="91"/>
      <c r="HO478" s="91"/>
      <c r="HP478" s="91"/>
      <c r="HQ478" s="91"/>
      <c r="HR478" s="91"/>
      <c r="HS478" s="91"/>
      <c r="HT478" s="91"/>
      <c r="HU478" s="91"/>
      <c r="HV478" s="91"/>
      <c r="HW478" s="91"/>
      <c r="HX478" s="91"/>
      <c r="HY478" s="91"/>
      <c r="HZ478" s="91"/>
      <c r="IA478" s="91"/>
      <c r="IB478" s="91"/>
      <c r="IC478" s="91"/>
      <c r="ID478" s="91"/>
      <c r="IE478" s="91"/>
      <c r="IF478" s="91"/>
      <c r="IG478" s="91"/>
      <c r="IH478" s="91"/>
      <c r="II478" s="91"/>
      <c r="IJ478" s="91"/>
      <c r="IK478" s="127"/>
    </row>
    <row r="479" spans="2:245" x14ac:dyDescent="0.2">
      <c r="B479" s="43"/>
      <c r="C479" s="73"/>
      <c r="D479" s="64"/>
      <c r="E479" s="64"/>
      <c r="F479" s="55"/>
      <c r="G479" s="102"/>
      <c r="H479" s="55"/>
      <c r="I479" s="55"/>
      <c r="J479" s="55"/>
      <c r="K479" s="55"/>
      <c r="L479" s="55"/>
      <c r="M479" s="55"/>
      <c r="N479" s="55"/>
      <c r="O479" s="55"/>
      <c r="P479" s="55"/>
      <c r="Q479" s="55"/>
      <c r="R479" s="55"/>
      <c r="S479" s="55"/>
      <c r="T479" s="55"/>
      <c r="U479" s="55"/>
      <c r="V479" s="55"/>
      <c r="W479" s="55"/>
      <c r="X479" s="55"/>
      <c r="Y479" s="55"/>
      <c r="Z479" s="55"/>
      <c r="AA479" s="55"/>
      <c r="AB479" s="55"/>
      <c r="AC479" s="55"/>
      <c r="AD479" s="55"/>
      <c r="AE479" s="55"/>
      <c r="AF479" s="55"/>
      <c r="AG479" s="55"/>
      <c r="AY479" s="162"/>
      <c r="AZ479" s="162"/>
      <c r="BA479" s="162"/>
      <c r="BB479" s="162"/>
      <c r="BC479" s="162"/>
      <c r="BD479" s="162"/>
      <c r="BE479" s="162"/>
      <c r="BF479" s="162"/>
      <c r="BG479" s="162"/>
      <c r="BH479" s="162"/>
      <c r="BI479" s="162"/>
      <c r="BJ479" s="162"/>
      <c r="BK479" s="162"/>
      <c r="BL479" s="162"/>
      <c r="BM479" s="162"/>
      <c r="BN479" s="162"/>
      <c r="BO479" s="162"/>
      <c r="BP479" s="162"/>
      <c r="BQ479" s="162"/>
      <c r="BR479" s="162"/>
      <c r="BS479" s="162"/>
      <c r="BT479" s="162"/>
      <c r="BU479" s="162"/>
      <c r="BV479" s="162"/>
      <c r="BW479" s="162"/>
      <c r="BX479" s="162"/>
      <c r="BY479" s="162"/>
      <c r="BZ479" s="162"/>
      <c r="CA479" s="162"/>
      <c r="CB479" s="162"/>
      <c r="CC479" s="162"/>
      <c r="CD479" s="162"/>
      <c r="CE479" s="162"/>
      <c r="CF479" s="162"/>
      <c r="CG479" s="162"/>
      <c r="CH479" s="162"/>
      <c r="CI479" s="162"/>
      <c r="CJ479" s="162"/>
      <c r="CK479" s="162"/>
      <c r="CX479" s="98"/>
      <c r="DL479" s="97"/>
      <c r="DX479" s="98"/>
      <c r="EL479" s="97"/>
      <c r="EX479" s="98"/>
      <c r="EY479" s="97"/>
      <c r="FL479" s="126"/>
      <c r="FM479" s="91"/>
      <c r="FN479" s="91"/>
      <c r="FO479" s="91"/>
      <c r="FP479" s="91"/>
      <c r="FQ479" s="91"/>
      <c r="FR479" s="91"/>
      <c r="FS479" s="91"/>
      <c r="FT479" s="91"/>
      <c r="FU479" s="91"/>
      <c r="FV479" s="91"/>
      <c r="FW479" s="91"/>
      <c r="FX479" s="91"/>
      <c r="FY479" s="91"/>
      <c r="FZ479" s="91"/>
      <c r="GA479" s="91"/>
      <c r="GB479" s="91"/>
      <c r="GC479" s="91"/>
      <c r="GD479" s="91"/>
      <c r="GE479" s="91"/>
      <c r="GF479" s="91"/>
      <c r="GG479" s="91"/>
      <c r="GH479" s="91"/>
      <c r="GI479" s="91"/>
      <c r="GJ479" s="91"/>
      <c r="GK479" s="127"/>
      <c r="GL479" s="126"/>
      <c r="GM479" s="91"/>
      <c r="GN479" s="91"/>
      <c r="GO479" s="91"/>
      <c r="GP479" s="91"/>
      <c r="GQ479" s="91"/>
      <c r="GR479" s="91"/>
      <c r="GS479" s="91"/>
      <c r="GT479" s="91"/>
      <c r="GU479" s="91"/>
      <c r="GV479" s="91"/>
      <c r="GW479" s="91"/>
      <c r="GX479" s="91"/>
      <c r="GY479" s="91"/>
      <c r="GZ479" s="91"/>
      <c r="HA479" s="91"/>
      <c r="HB479" s="91"/>
      <c r="HC479" s="91"/>
      <c r="HD479" s="91"/>
      <c r="HE479" s="91"/>
      <c r="HF479" s="91"/>
      <c r="HG479" s="91"/>
      <c r="HH479" s="91"/>
      <c r="HI479" s="91"/>
      <c r="HJ479" s="91"/>
      <c r="HK479" s="127"/>
      <c r="HL479" s="126"/>
      <c r="HM479" s="91"/>
      <c r="HN479" s="91"/>
      <c r="HO479" s="91"/>
      <c r="HP479" s="91"/>
      <c r="HQ479" s="91"/>
      <c r="HR479" s="91"/>
      <c r="HS479" s="91"/>
      <c r="HT479" s="91"/>
      <c r="HU479" s="91"/>
      <c r="HV479" s="91"/>
      <c r="HW479" s="91"/>
      <c r="HX479" s="91"/>
      <c r="HY479" s="91"/>
      <c r="HZ479" s="91"/>
      <c r="IA479" s="91"/>
      <c r="IB479" s="91"/>
      <c r="IC479" s="91"/>
      <c r="ID479" s="91"/>
      <c r="IE479" s="91"/>
      <c r="IF479" s="91"/>
      <c r="IG479" s="91"/>
      <c r="IH479" s="91"/>
      <c r="II479" s="91"/>
      <c r="IJ479" s="91"/>
      <c r="IK479" s="127"/>
    </row>
    <row r="480" spans="2:245" x14ac:dyDescent="0.2">
      <c r="B480" s="43"/>
      <c r="C480" s="73"/>
      <c r="D480" s="64"/>
      <c r="E480" s="64"/>
      <c r="F480" s="55"/>
      <c r="G480" s="102"/>
      <c r="H480" s="55"/>
      <c r="I480" s="55"/>
      <c r="J480" s="55"/>
      <c r="K480" s="55"/>
      <c r="L480" s="55"/>
      <c r="M480" s="55"/>
      <c r="N480" s="55"/>
      <c r="O480" s="55"/>
      <c r="P480" s="55"/>
      <c r="Q480" s="55"/>
      <c r="R480" s="55"/>
      <c r="S480" s="55"/>
      <c r="T480" s="55"/>
      <c r="U480" s="55"/>
      <c r="V480" s="55"/>
      <c r="W480" s="55"/>
      <c r="X480" s="55"/>
      <c r="Y480" s="55"/>
      <c r="Z480" s="55"/>
      <c r="AA480" s="55"/>
      <c r="AB480" s="55"/>
      <c r="AC480" s="55"/>
      <c r="AD480" s="55"/>
      <c r="AE480" s="55"/>
      <c r="AF480" s="55"/>
      <c r="AG480" s="55"/>
      <c r="AY480" s="162"/>
      <c r="AZ480" s="162"/>
      <c r="BA480" s="162"/>
      <c r="BB480" s="162"/>
      <c r="BC480" s="162"/>
      <c r="BD480" s="162"/>
      <c r="BE480" s="162"/>
      <c r="BF480" s="162"/>
      <c r="BG480" s="162"/>
      <c r="BH480" s="162"/>
      <c r="BI480" s="162"/>
      <c r="BJ480" s="162"/>
      <c r="BK480" s="162"/>
      <c r="BL480" s="162"/>
      <c r="BM480" s="162"/>
      <c r="BN480" s="162"/>
      <c r="BO480" s="162"/>
      <c r="BP480" s="162"/>
      <c r="BQ480" s="162"/>
      <c r="BR480" s="162"/>
      <c r="BS480" s="162"/>
      <c r="BT480" s="162"/>
      <c r="BU480" s="162"/>
      <c r="BV480" s="162"/>
      <c r="BW480" s="162"/>
      <c r="BX480" s="162"/>
      <c r="BY480" s="162"/>
      <c r="BZ480" s="162"/>
      <c r="CA480" s="162"/>
      <c r="CB480" s="162"/>
      <c r="CC480" s="162"/>
      <c r="CD480" s="162"/>
      <c r="CE480" s="162"/>
      <c r="CF480" s="162"/>
      <c r="CG480" s="162"/>
      <c r="CH480" s="162"/>
      <c r="CI480" s="162"/>
      <c r="CJ480" s="162"/>
      <c r="CK480" s="162"/>
      <c r="CX480" s="98"/>
      <c r="DL480" s="97"/>
      <c r="DX480" s="98"/>
      <c r="EL480" s="97"/>
      <c r="EX480" s="98"/>
      <c r="EY480" s="97"/>
      <c r="FL480" s="126"/>
      <c r="FM480" s="91"/>
      <c r="FN480" s="91"/>
      <c r="FO480" s="91"/>
      <c r="FP480" s="91"/>
      <c r="FQ480" s="91"/>
      <c r="FR480" s="91"/>
      <c r="FS480" s="91"/>
      <c r="FT480" s="91"/>
      <c r="FU480" s="91"/>
      <c r="FV480" s="91"/>
      <c r="FW480" s="91"/>
      <c r="FX480" s="91"/>
      <c r="FY480" s="91"/>
      <c r="FZ480" s="91"/>
      <c r="GA480" s="91"/>
      <c r="GB480" s="91"/>
      <c r="GC480" s="91"/>
      <c r="GD480" s="91"/>
      <c r="GE480" s="91"/>
      <c r="GF480" s="91"/>
      <c r="GG480" s="91"/>
      <c r="GH480" s="91"/>
      <c r="GI480" s="91"/>
      <c r="GJ480" s="91"/>
      <c r="GK480" s="127"/>
      <c r="GL480" s="126"/>
      <c r="GM480" s="91"/>
      <c r="GN480" s="91"/>
      <c r="GO480" s="91"/>
      <c r="GP480" s="91"/>
      <c r="GQ480" s="91"/>
      <c r="GR480" s="91"/>
      <c r="GS480" s="91"/>
      <c r="GT480" s="91"/>
      <c r="GU480" s="91"/>
      <c r="GV480" s="91"/>
      <c r="GW480" s="91"/>
      <c r="GX480" s="91"/>
      <c r="GY480" s="91"/>
      <c r="GZ480" s="91"/>
      <c r="HA480" s="91"/>
      <c r="HB480" s="91"/>
      <c r="HC480" s="91"/>
      <c r="HD480" s="91"/>
      <c r="HE480" s="91"/>
      <c r="HF480" s="91"/>
      <c r="HG480" s="91"/>
      <c r="HH480" s="91"/>
      <c r="HI480" s="91"/>
      <c r="HJ480" s="91"/>
      <c r="HK480" s="127"/>
      <c r="HL480" s="126"/>
      <c r="HM480" s="91"/>
      <c r="HN480" s="91"/>
      <c r="HO480" s="91"/>
      <c r="HP480" s="91"/>
      <c r="HQ480" s="91"/>
      <c r="HR480" s="91"/>
      <c r="HS480" s="91"/>
      <c r="HT480" s="91"/>
      <c r="HU480" s="91"/>
      <c r="HV480" s="91"/>
      <c r="HW480" s="91"/>
      <c r="HX480" s="91"/>
      <c r="HY480" s="91"/>
      <c r="HZ480" s="91"/>
      <c r="IA480" s="91"/>
      <c r="IB480" s="91"/>
      <c r="IC480" s="91"/>
      <c r="ID480" s="91"/>
      <c r="IE480" s="91"/>
      <c r="IF480" s="91"/>
      <c r="IG480" s="91"/>
      <c r="IH480" s="91"/>
      <c r="II480" s="91"/>
      <c r="IJ480" s="91"/>
      <c r="IK480" s="127"/>
    </row>
    <row r="481" spans="2:245" x14ac:dyDescent="0.2">
      <c r="B481" s="43"/>
      <c r="C481" s="73"/>
      <c r="D481" s="64"/>
      <c r="E481" s="64"/>
      <c r="F481" s="55"/>
      <c r="G481" s="102"/>
      <c r="H481" s="55"/>
      <c r="I481" s="55"/>
      <c r="J481" s="55"/>
      <c r="K481" s="55"/>
      <c r="L481" s="55"/>
      <c r="M481" s="55"/>
      <c r="N481" s="55"/>
      <c r="O481" s="55"/>
      <c r="P481" s="55"/>
      <c r="Q481" s="55"/>
      <c r="R481" s="55"/>
      <c r="S481" s="55"/>
      <c r="T481" s="55"/>
      <c r="U481" s="55"/>
      <c r="V481" s="55"/>
      <c r="W481" s="55"/>
      <c r="X481" s="55"/>
      <c r="Y481" s="55"/>
      <c r="Z481" s="55"/>
      <c r="AA481" s="55"/>
      <c r="AB481" s="55"/>
      <c r="AC481" s="55"/>
      <c r="AD481" s="55"/>
      <c r="AE481" s="55"/>
      <c r="AF481" s="55"/>
      <c r="AG481" s="55"/>
      <c r="AY481" s="162"/>
      <c r="AZ481" s="162"/>
      <c r="BA481" s="162"/>
      <c r="BB481" s="162"/>
      <c r="BC481" s="162"/>
      <c r="BD481" s="162"/>
      <c r="BE481" s="162"/>
      <c r="BF481" s="162"/>
      <c r="BG481" s="162"/>
      <c r="BH481" s="162"/>
      <c r="BI481" s="162"/>
      <c r="BJ481" s="162"/>
      <c r="BK481" s="162"/>
      <c r="BL481" s="162"/>
      <c r="BM481" s="162"/>
      <c r="BN481" s="162"/>
      <c r="BO481" s="162"/>
      <c r="BP481" s="162"/>
      <c r="BQ481" s="162"/>
      <c r="BR481" s="162"/>
      <c r="BS481" s="162"/>
      <c r="BT481" s="162"/>
      <c r="BU481" s="162"/>
      <c r="BV481" s="162"/>
      <c r="BW481" s="162"/>
      <c r="BX481" s="162"/>
      <c r="BY481" s="162"/>
      <c r="BZ481" s="162"/>
      <c r="CA481" s="162"/>
      <c r="CB481" s="162"/>
      <c r="CC481" s="162"/>
      <c r="CD481" s="162"/>
      <c r="CE481" s="162"/>
      <c r="CF481" s="162"/>
      <c r="CG481" s="162"/>
      <c r="CH481" s="162"/>
      <c r="CI481" s="162"/>
      <c r="CJ481" s="162"/>
      <c r="CK481" s="162"/>
      <c r="CX481" s="98"/>
      <c r="DL481" s="97"/>
      <c r="DX481" s="98"/>
      <c r="EL481" s="97"/>
      <c r="EX481" s="98"/>
      <c r="EY481" s="97"/>
      <c r="FL481" s="126"/>
      <c r="FM481" s="91"/>
      <c r="FN481" s="91"/>
      <c r="FO481" s="91"/>
      <c r="FP481" s="91"/>
      <c r="FQ481" s="91"/>
      <c r="FR481" s="91"/>
      <c r="FS481" s="91"/>
      <c r="FT481" s="91"/>
      <c r="FU481" s="91"/>
      <c r="FV481" s="91"/>
      <c r="FW481" s="91"/>
      <c r="FX481" s="91"/>
      <c r="FY481" s="91"/>
      <c r="FZ481" s="91"/>
      <c r="GA481" s="91"/>
      <c r="GB481" s="91"/>
      <c r="GC481" s="91"/>
      <c r="GD481" s="91"/>
      <c r="GE481" s="91"/>
      <c r="GF481" s="91"/>
      <c r="GG481" s="91"/>
      <c r="GH481" s="91"/>
      <c r="GI481" s="91"/>
      <c r="GJ481" s="91"/>
      <c r="GK481" s="127"/>
      <c r="GL481" s="126"/>
      <c r="GM481" s="91"/>
      <c r="GN481" s="91"/>
      <c r="GO481" s="91"/>
      <c r="GP481" s="91"/>
      <c r="GQ481" s="91"/>
      <c r="GR481" s="91"/>
      <c r="GS481" s="91"/>
      <c r="GT481" s="91"/>
      <c r="GU481" s="91"/>
      <c r="GV481" s="91"/>
      <c r="GW481" s="91"/>
      <c r="GX481" s="91"/>
      <c r="GY481" s="91"/>
      <c r="GZ481" s="91"/>
      <c r="HA481" s="91"/>
      <c r="HB481" s="91"/>
      <c r="HC481" s="91"/>
      <c r="HD481" s="91"/>
      <c r="HE481" s="91"/>
      <c r="HF481" s="91"/>
      <c r="HG481" s="91"/>
      <c r="HH481" s="91"/>
      <c r="HI481" s="91"/>
      <c r="HJ481" s="91"/>
      <c r="HK481" s="127"/>
      <c r="HL481" s="126"/>
      <c r="HM481" s="91"/>
      <c r="HN481" s="91"/>
      <c r="HO481" s="91"/>
      <c r="HP481" s="91"/>
      <c r="HQ481" s="91"/>
      <c r="HR481" s="91"/>
      <c r="HS481" s="91"/>
      <c r="HT481" s="91"/>
      <c r="HU481" s="91"/>
      <c r="HV481" s="91"/>
      <c r="HW481" s="91"/>
      <c r="HX481" s="91"/>
      <c r="HY481" s="91"/>
      <c r="HZ481" s="91"/>
      <c r="IA481" s="91"/>
      <c r="IB481" s="91"/>
      <c r="IC481" s="91"/>
      <c r="ID481" s="91"/>
      <c r="IE481" s="91"/>
      <c r="IF481" s="91"/>
      <c r="IG481" s="91"/>
      <c r="IH481" s="91"/>
      <c r="II481" s="91"/>
      <c r="IJ481" s="91"/>
      <c r="IK481" s="127"/>
    </row>
    <row r="482" spans="2:245" x14ac:dyDescent="0.2">
      <c r="B482" s="43"/>
      <c r="C482" s="73"/>
      <c r="D482" s="64"/>
      <c r="E482" s="64"/>
      <c r="F482" s="55"/>
      <c r="G482" s="102"/>
      <c r="H482" s="55"/>
      <c r="I482" s="55"/>
      <c r="J482" s="55"/>
      <c r="K482" s="55"/>
      <c r="L482" s="55"/>
      <c r="M482" s="55"/>
      <c r="N482" s="55"/>
      <c r="O482" s="55"/>
      <c r="P482" s="55"/>
      <c r="Q482" s="55"/>
      <c r="R482" s="55"/>
      <c r="S482" s="55"/>
      <c r="T482" s="55"/>
      <c r="U482" s="55"/>
      <c r="V482" s="55"/>
      <c r="W482" s="55"/>
      <c r="X482" s="55"/>
      <c r="Y482" s="55"/>
      <c r="Z482" s="55"/>
      <c r="AA482" s="55"/>
      <c r="AB482" s="55"/>
      <c r="AC482" s="55"/>
      <c r="AD482" s="55"/>
      <c r="AE482" s="55"/>
      <c r="AF482" s="55"/>
      <c r="AG482" s="55"/>
      <c r="AY482" s="162"/>
      <c r="AZ482" s="162"/>
      <c r="BA482" s="162"/>
      <c r="BB482" s="162"/>
      <c r="BC482" s="162"/>
      <c r="BD482" s="162"/>
      <c r="BE482" s="162"/>
      <c r="BF482" s="162"/>
      <c r="BG482" s="162"/>
      <c r="BH482" s="162"/>
      <c r="BI482" s="162"/>
      <c r="BJ482" s="162"/>
      <c r="BK482" s="162"/>
      <c r="BL482" s="162"/>
      <c r="BM482" s="162"/>
      <c r="BN482" s="162"/>
      <c r="BO482" s="162"/>
      <c r="BP482" s="162"/>
      <c r="BQ482" s="162"/>
      <c r="BR482" s="162"/>
      <c r="BS482" s="162"/>
      <c r="BT482" s="162"/>
      <c r="BU482" s="162"/>
      <c r="BV482" s="162"/>
      <c r="BW482" s="162"/>
      <c r="BX482" s="162"/>
      <c r="BY482" s="162"/>
      <c r="BZ482" s="162"/>
      <c r="CA482" s="162"/>
      <c r="CB482" s="162"/>
      <c r="CC482" s="162"/>
      <c r="CD482" s="162"/>
      <c r="CE482" s="162"/>
      <c r="CF482" s="162"/>
      <c r="CG482" s="162"/>
      <c r="CH482" s="162"/>
      <c r="CI482" s="162"/>
      <c r="CJ482" s="162"/>
      <c r="CK482" s="162"/>
      <c r="CX482" s="98"/>
      <c r="DL482" s="97"/>
      <c r="DX482" s="98"/>
      <c r="EL482" s="97"/>
      <c r="EX482" s="98"/>
      <c r="EY482" s="97"/>
      <c r="FL482" s="126"/>
      <c r="FM482" s="91"/>
      <c r="FN482" s="91"/>
      <c r="FO482" s="91"/>
      <c r="FP482" s="91"/>
      <c r="FQ482" s="91"/>
      <c r="FR482" s="91"/>
      <c r="FS482" s="91"/>
      <c r="FT482" s="91"/>
      <c r="FU482" s="91"/>
      <c r="FV482" s="91"/>
      <c r="FW482" s="91"/>
      <c r="FX482" s="91"/>
      <c r="FY482" s="91"/>
      <c r="FZ482" s="91"/>
      <c r="GA482" s="91"/>
      <c r="GB482" s="91"/>
      <c r="GC482" s="91"/>
      <c r="GD482" s="91"/>
      <c r="GE482" s="91"/>
      <c r="GF482" s="91"/>
      <c r="GG482" s="91"/>
      <c r="GH482" s="91"/>
      <c r="GI482" s="91"/>
      <c r="GJ482" s="91"/>
      <c r="GK482" s="127"/>
      <c r="GL482" s="126"/>
      <c r="GM482" s="91"/>
      <c r="GN482" s="91"/>
      <c r="GO482" s="91"/>
      <c r="GP482" s="91"/>
      <c r="GQ482" s="91"/>
      <c r="GR482" s="91"/>
      <c r="GS482" s="91"/>
      <c r="GT482" s="91"/>
      <c r="GU482" s="91"/>
      <c r="GV482" s="91"/>
      <c r="GW482" s="91"/>
      <c r="GX482" s="91"/>
      <c r="GY482" s="91"/>
      <c r="GZ482" s="91"/>
      <c r="HA482" s="91"/>
      <c r="HB482" s="91"/>
      <c r="HC482" s="91"/>
      <c r="HD482" s="91"/>
      <c r="HE482" s="91"/>
      <c r="HF482" s="91"/>
      <c r="HG482" s="91"/>
      <c r="HH482" s="91"/>
      <c r="HI482" s="91"/>
      <c r="HJ482" s="91"/>
      <c r="HK482" s="127"/>
      <c r="HL482" s="126"/>
      <c r="HM482" s="91"/>
      <c r="HN482" s="91"/>
      <c r="HO482" s="91"/>
      <c r="HP482" s="91"/>
      <c r="HQ482" s="91"/>
      <c r="HR482" s="91"/>
      <c r="HS482" s="91"/>
      <c r="HT482" s="91"/>
      <c r="HU482" s="91"/>
      <c r="HV482" s="91"/>
      <c r="HW482" s="91"/>
      <c r="HX482" s="91"/>
      <c r="HY482" s="91"/>
      <c r="HZ482" s="91"/>
      <c r="IA482" s="91"/>
      <c r="IB482" s="91"/>
      <c r="IC482" s="91"/>
      <c r="ID482" s="91"/>
      <c r="IE482" s="91"/>
      <c r="IF482" s="91"/>
      <c r="IG482" s="91"/>
      <c r="IH482" s="91"/>
      <c r="II482" s="91"/>
      <c r="IJ482" s="91"/>
      <c r="IK482" s="127"/>
    </row>
    <row r="483" spans="2:245" x14ac:dyDescent="0.2">
      <c r="B483" s="43"/>
      <c r="C483" s="73"/>
      <c r="D483" s="64"/>
      <c r="E483" s="64"/>
      <c r="F483" s="55"/>
      <c r="G483" s="102"/>
      <c r="H483" s="55"/>
      <c r="I483" s="55"/>
      <c r="J483" s="55"/>
      <c r="K483" s="55"/>
      <c r="L483" s="55"/>
      <c r="M483" s="55"/>
      <c r="N483" s="55"/>
      <c r="O483" s="55"/>
      <c r="P483" s="55"/>
      <c r="Q483" s="55"/>
      <c r="R483" s="55"/>
      <c r="S483" s="55"/>
      <c r="T483" s="55"/>
      <c r="U483" s="55"/>
      <c r="V483" s="55"/>
      <c r="W483" s="55"/>
      <c r="X483" s="55"/>
      <c r="Y483" s="55"/>
      <c r="Z483" s="55"/>
      <c r="AA483" s="55"/>
      <c r="AB483" s="55"/>
      <c r="AC483" s="55"/>
      <c r="AD483" s="55"/>
      <c r="AE483" s="55"/>
      <c r="AF483" s="55"/>
      <c r="AG483" s="55"/>
      <c r="AY483" s="162"/>
      <c r="AZ483" s="162"/>
      <c r="BA483" s="162"/>
      <c r="BB483" s="162"/>
      <c r="BC483" s="162"/>
      <c r="BD483" s="162"/>
      <c r="BE483" s="162"/>
      <c r="BF483" s="162"/>
      <c r="BG483" s="162"/>
      <c r="BH483" s="162"/>
      <c r="BI483" s="162"/>
      <c r="BJ483" s="162"/>
      <c r="BK483" s="162"/>
      <c r="BL483" s="162"/>
      <c r="BM483" s="162"/>
      <c r="BN483" s="162"/>
      <c r="BO483" s="162"/>
      <c r="BP483" s="162"/>
      <c r="BQ483" s="162"/>
      <c r="BR483" s="162"/>
      <c r="BS483" s="162"/>
      <c r="BT483" s="162"/>
      <c r="BU483" s="162"/>
      <c r="BV483" s="162"/>
      <c r="BW483" s="162"/>
      <c r="BX483" s="162"/>
      <c r="BY483" s="162"/>
      <c r="BZ483" s="162"/>
      <c r="CA483" s="162"/>
      <c r="CB483" s="162"/>
      <c r="CC483" s="162"/>
      <c r="CD483" s="162"/>
      <c r="CE483" s="162"/>
      <c r="CF483" s="162"/>
      <c r="CG483" s="162"/>
      <c r="CH483" s="162"/>
      <c r="CI483" s="162"/>
      <c r="CJ483" s="162"/>
      <c r="CK483" s="162"/>
      <c r="CX483" s="98"/>
      <c r="DL483" s="97"/>
      <c r="DX483" s="98"/>
      <c r="EL483" s="97"/>
      <c r="EX483" s="98"/>
      <c r="EY483" s="97"/>
      <c r="FL483" s="126"/>
      <c r="FM483" s="91"/>
      <c r="FN483" s="91"/>
      <c r="FO483" s="91"/>
      <c r="FP483" s="91"/>
      <c r="FQ483" s="91"/>
      <c r="FR483" s="91"/>
      <c r="FS483" s="91"/>
      <c r="FT483" s="91"/>
      <c r="FU483" s="91"/>
      <c r="FV483" s="91"/>
      <c r="FW483" s="91"/>
      <c r="FX483" s="91"/>
      <c r="FY483" s="91"/>
      <c r="FZ483" s="91"/>
      <c r="GA483" s="91"/>
      <c r="GB483" s="91"/>
      <c r="GC483" s="91"/>
      <c r="GD483" s="91"/>
      <c r="GE483" s="91"/>
      <c r="GF483" s="91"/>
      <c r="GG483" s="91"/>
      <c r="GH483" s="91"/>
      <c r="GI483" s="91"/>
      <c r="GJ483" s="91"/>
      <c r="GK483" s="127"/>
      <c r="GL483" s="126"/>
      <c r="GM483" s="91"/>
      <c r="GN483" s="91"/>
      <c r="GO483" s="91"/>
      <c r="GP483" s="91"/>
      <c r="GQ483" s="91"/>
      <c r="GR483" s="91"/>
      <c r="GS483" s="91"/>
      <c r="GT483" s="91"/>
      <c r="GU483" s="91"/>
      <c r="GV483" s="91"/>
      <c r="GW483" s="91"/>
      <c r="GX483" s="91"/>
      <c r="GY483" s="91"/>
      <c r="GZ483" s="91"/>
      <c r="HA483" s="91"/>
      <c r="HB483" s="91"/>
      <c r="HC483" s="91"/>
      <c r="HD483" s="91"/>
      <c r="HE483" s="91"/>
      <c r="HF483" s="91"/>
      <c r="HG483" s="91"/>
      <c r="HH483" s="91"/>
      <c r="HI483" s="91"/>
      <c r="HJ483" s="91"/>
      <c r="HK483" s="127"/>
      <c r="HL483" s="126"/>
      <c r="HM483" s="91"/>
      <c r="HN483" s="91"/>
      <c r="HO483" s="91"/>
      <c r="HP483" s="91"/>
      <c r="HQ483" s="91"/>
      <c r="HR483" s="91"/>
      <c r="HS483" s="91"/>
      <c r="HT483" s="91"/>
      <c r="HU483" s="91"/>
      <c r="HV483" s="91"/>
      <c r="HW483" s="91"/>
      <c r="HX483" s="91"/>
      <c r="HY483" s="91"/>
      <c r="HZ483" s="91"/>
      <c r="IA483" s="91"/>
      <c r="IB483" s="91"/>
      <c r="IC483" s="91"/>
      <c r="ID483" s="91"/>
      <c r="IE483" s="91"/>
      <c r="IF483" s="91"/>
      <c r="IG483" s="91"/>
      <c r="IH483" s="91"/>
      <c r="II483" s="91"/>
      <c r="IJ483" s="91"/>
      <c r="IK483" s="127"/>
    </row>
    <row r="484" spans="2:245" x14ac:dyDescent="0.2">
      <c r="B484" s="43"/>
      <c r="C484" s="73"/>
      <c r="D484" s="64"/>
      <c r="E484" s="64"/>
      <c r="F484" s="55"/>
      <c r="G484" s="102"/>
      <c r="H484" s="55"/>
      <c r="I484" s="55"/>
      <c r="J484" s="55"/>
      <c r="K484" s="55"/>
      <c r="L484" s="55"/>
      <c r="M484" s="55"/>
      <c r="N484" s="55"/>
      <c r="O484" s="55"/>
      <c r="P484" s="55"/>
      <c r="Q484" s="55"/>
      <c r="R484" s="55"/>
      <c r="S484" s="55"/>
      <c r="T484" s="55"/>
      <c r="U484" s="55"/>
      <c r="V484" s="55"/>
      <c r="W484" s="55"/>
      <c r="X484" s="55"/>
      <c r="Y484" s="55"/>
      <c r="Z484" s="55"/>
      <c r="AA484" s="55"/>
      <c r="AB484" s="55"/>
      <c r="AC484" s="55"/>
      <c r="AD484" s="55"/>
      <c r="AE484" s="55"/>
      <c r="AF484" s="55"/>
      <c r="AG484" s="55"/>
      <c r="AY484" s="162"/>
      <c r="AZ484" s="162"/>
      <c r="BA484" s="162"/>
      <c r="BB484" s="162"/>
      <c r="BC484" s="162"/>
      <c r="BD484" s="162"/>
      <c r="BE484" s="162"/>
      <c r="BF484" s="162"/>
      <c r="BG484" s="162"/>
      <c r="BH484" s="162"/>
      <c r="BI484" s="162"/>
      <c r="BJ484" s="162"/>
      <c r="BK484" s="162"/>
      <c r="BL484" s="162"/>
      <c r="BM484" s="162"/>
      <c r="BN484" s="162"/>
      <c r="BO484" s="162"/>
      <c r="BP484" s="162"/>
      <c r="BQ484" s="162"/>
      <c r="BR484" s="162"/>
      <c r="BS484" s="162"/>
      <c r="BT484" s="162"/>
      <c r="BU484" s="162"/>
      <c r="BV484" s="162"/>
      <c r="BW484" s="162"/>
      <c r="BX484" s="162"/>
      <c r="BY484" s="162"/>
      <c r="BZ484" s="162"/>
      <c r="CA484" s="162"/>
      <c r="CB484" s="162"/>
      <c r="CC484" s="162"/>
      <c r="CD484" s="162"/>
      <c r="CE484" s="162"/>
      <c r="CF484" s="162"/>
      <c r="CG484" s="162"/>
      <c r="CH484" s="162"/>
      <c r="CI484" s="162"/>
      <c r="CJ484" s="162"/>
      <c r="CK484" s="162"/>
      <c r="CX484" s="98"/>
      <c r="DL484" s="97"/>
      <c r="DX484" s="98"/>
      <c r="EL484" s="97"/>
      <c r="EX484" s="98"/>
      <c r="EY484" s="97"/>
      <c r="FL484" s="126"/>
      <c r="FM484" s="91"/>
      <c r="FN484" s="91"/>
      <c r="FO484" s="91"/>
      <c r="FP484" s="91"/>
      <c r="FQ484" s="91"/>
      <c r="FR484" s="91"/>
      <c r="FS484" s="91"/>
      <c r="FT484" s="91"/>
      <c r="FU484" s="91"/>
      <c r="FV484" s="91"/>
      <c r="FW484" s="91"/>
      <c r="FX484" s="91"/>
      <c r="FY484" s="91"/>
      <c r="FZ484" s="91"/>
      <c r="GA484" s="91"/>
      <c r="GB484" s="91"/>
      <c r="GC484" s="91"/>
      <c r="GD484" s="91"/>
      <c r="GE484" s="91"/>
      <c r="GF484" s="91"/>
      <c r="GG484" s="91"/>
      <c r="GH484" s="91"/>
      <c r="GI484" s="91"/>
      <c r="GJ484" s="91"/>
      <c r="GK484" s="127"/>
      <c r="GL484" s="126"/>
      <c r="GM484" s="91"/>
      <c r="GN484" s="91"/>
      <c r="GO484" s="91"/>
      <c r="GP484" s="91"/>
      <c r="GQ484" s="91"/>
      <c r="GR484" s="91"/>
      <c r="GS484" s="91"/>
      <c r="GT484" s="91"/>
      <c r="GU484" s="91"/>
      <c r="GV484" s="91"/>
      <c r="GW484" s="91"/>
      <c r="GX484" s="91"/>
      <c r="GY484" s="91"/>
      <c r="GZ484" s="91"/>
      <c r="HA484" s="91"/>
      <c r="HB484" s="91"/>
      <c r="HC484" s="91"/>
      <c r="HD484" s="91"/>
      <c r="HE484" s="91"/>
      <c r="HF484" s="91"/>
      <c r="HG484" s="91"/>
      <c r="HH484" s="91"/>
      <c r="HI484" s="91"/>
      <c r="HJ484" s="91"/>
      <c r="HK484" s="127"/>
      <c r="HL484" s="126"/>
      <c r="HM484" s="91"/>
      <c r="HN484" s="91"/>
      <c r="HO484" s="91"/>
      <c r="HP484" s="91"/>
      <c r="HQ484" s="91"/>
      <c r="HR484" s="91"/>
      <c r="HS484" s="91"/>
      <c r="HT484" s="91"/>
      <c r="HU484" s="91"/>
      <c r="HV484" s="91"/>
      <c r="HW484" s="91"/>
      <c r="HX484" s="91"/>
      <c r="HY484" s="91"/>
      <c r="HZ484" s="91"/>
      <c r="IA484" s="91"/>
      <c r="IB484" s="91"/>
      <c r="IC484" s="91"/>
      <c r="ID484" s="91"/>
      <c r="IE484" s="91"/>
      <c r="IF484" s="91"/>
      <c r="IG484" s="91"/>
      <c r="IH484" s="91"/>
      <c r="II484" s="91"/>
      <c r="IJ484" s="91"/>
      <c r="IK484" s="127"/>
    </row>
    <row r="485" spans="2:245" x14ac:dyDescent="0.2">
      <c r="B485" s="43"/>
      <c r="C485" s="73"/>
      <c r="D485" s="64"/>
      <c r="E485" s="64"/>
      <c r="F485" s="55"/>
      <c r="G485" s="102"/>
      <c r="H485" s="55"/>
      <c r="I485" s="55"/>
      <c r="J485" s="55"/>
      <c r="K485" s="55"/>
      <c r="L485" s="55"/>
      <c r="M485" s="55"/>
      <c r="N485" s="55"/>
      <c r="O485" s="55"/>
      <c r="P485" s="55"/>
      <c r="Q485" s="55"/>
      <c r="R485" s="55"/>
      <c r="S485" s="55"/>
      <c r="T485" s="55"/>
      <c r="U485" s="55"/>
      <c r="V485" s="55"/>
      <c r="W485" s="55"/>
      <c r="X485" s="55"/>
      <c r="Y485" s="55"/>
      <c r="Z485" s="55"/>
      <c r="AA485" s="55"/>
      <c r="AB485" s="55"/>
      <c r="AC485" s="55"/>
      <c r="AD485" s="55"/>
      <c r="AE485" s="55"/>
      <c r="AF485" s="55"/>
      <c r="AG485" s="55"/>
      <c r="AY485" s="162"/>
      <c r="AZ485" s="162"/>
      <c r="BA485" s="162"/>
      <c r="BB485" s="162"/>
      <c r="BC485" s="162"/>
      <c r="BD485" s="162"/>
      <c r="BE485" s="162"/>
      <c r="BF485" s="162"/>
      <c r="BG485" s="162"/>
      <c r="BH485" s="162"/>
      <c r="BI485" s="162"/>
      <c r="BJ485" s="162"/>
      <c r="BK485" s="162"/>
      <c r="BL485" s="162"/>
      <c r="BM485" s="162"/>
      <c r="BN485" s="162"/>
      <c r="BO485" s="162"/>
      <c r="BP485" s="162"/>
      <c r="BQ485" s="162"/>
      <c r="BR485" s="162"/>
      <c r="BS485" s="162"/>
      <c r="BT485" s="162"/>
      <c r="BU485" s="162"/>
      <c r="BV485" s="162"/>
      <c r="BW485" s="162"/>
      <c r="BX485" s="162"/>
      <c r="BY485" s="162"/>
      <c r="BZ485" s="162"/>
      <c r="CA485" s="162"/>
      <c r="CB485" s="162"/>
      <c r="CC485" s="162"/>
      <c r="CD485" s="162"/>
      <c r="CE485" s="162"/>
      <c r="CF485" s="162"/>
      <c r="CG485" s="162"/>
      <c r="CH485" s="162"/>
      <c r="CI485" s="162"/>
      <c r="CJ485" s="162"/>
      <c r="CK485" s="162"/>
      <c r="CX485" s="98"/>
      <c r="DL485" s="97"/>
      <c r="DX485" s="98"/>
      <c r="EL485" s="97"/>
      <c r="EX485" s="98"/>
      <c r="EY485" s="97"/>
      <c r="FL485" s="126"/>
      <c r="FM485" s="91"/>
      <c r="FN485" s="91"/>
      <c r="FO485" s="91"/>
      <c r="FP485" s="91"/>
      <c r="FQ485" s="91"/>
      <c r="FR485" s="91"/>
      <c r="FS485" s="91"/>
      <c r="FT485" s="91"/>
      <c r="FU485" s="91"/>
      <c r="FV485" s="91"/>
      <c r="FW485" s="91"/>
      <c r="FX485" s="91"/>
      <c r="FY485" s="91"/>
      <c r="FZ485" s="91"/>
      <c r="GA485" s="91"/>
      <c r="GB485" s="91"/>
      <c r="GC485" s="91"/>
      <c r="GD485" s="91"/>
      <c r="GE485" s="91"/>
      <c r="GF485" s="91"/>
      <c r="GG485" s="91"/>
      <c r="GH485" s="91"/>
      <c r="GI485" s="91"/>
      <c r="GJ485" s="91"/>
      <c r="GK485" s="127"/>
      <c r="GL485" s="126"/>
      <c r="GM485" s="91"/>
      <c r="GN485" s="91"/>
      <c r="GO485" s="91"/>
      <c r="GP485" s="91"/>
      <c r="GQ485" s="91"/>
      <c r="GR485" s="91"/>
      <c r="GS485" s="91"/>
      <c r="GT485" s="91"/>
      <c r="GU485" s="91"/>
      <c r="GV485" s="91"/>
      <c r="GW485" s="91"/>
      <c r="GX485" s="91"/>
      <c r="GY485" s="91"/>
      <c r="GZ485" s="91"/>
      <c r="HA485" s="91"/>
      <c r="HB485" s="91"/>
      <c r="HC485" s="91"/>
      <c r="HD485" s="91"/>
      <c r="HE485" s="91"/>
      <c r="HF485" s="91"/>
      <c r="HG485" s="91"/>
      <c r="HH485" s="91"/>
      <c r="HI485" s="91"/>
      <c r="HJ485" s="91"/>
      <c r="HK485" s="127"/>
      <c r="HL485" s="126"/>
      <c r="HM485" s="91"/>
      <c r="HN485" s="91"/>
      <c r="HO485" s="91"/>
      <c r="HP485" s="91"/>
      <c r="HQ485" s="91"/>
      <c r="HR485" s="91"/>
      <c r="HS485" s="91"/>
      <c r="HT485" s="91"/>
      <c r="HU485" s="91"/>
      <c r="HV485" s="91"/>
      <c r="HW485" s="91"/>
      <c r="HX485" s="91"/>
      <c r="HY485" s="91"/>
      <c r="HZ485" s="91"/>
      <c r="IA485" s="91"/>
      <c r="IB485" s="91"/>
      <c r="IC485" s="91"/>
      <c r="ID485" s="91"/>
      <c r="IE485" s="91"/>
      <c r="IF485" s="91"/>
      <c r="IG485" s="91"/>
      <c r="IH485" s="91"/>
      <c r="II485" s="91"/>
      <c r="IJ485" s="91"/>
      <c r="IK485" s="127"/>
    </row>
    <row r="486" spans="2:245" x14ac:dyDescent="0.2">
      <c r="B486" s="43"/>
      <c r="C486" s="73"/>
      <c r="D486" s="64"/>
      <c r="E486" s="64"/>
      <c r="F486" s="55"/>
      <c r="G486" s="102"/>
      <c r="H486" s="55"/>
      <c r="I486" s="55"/>
      <c r="J486" s="55"/>
      <c r="K486" s="55"/>
      <c r="L486" s="55"/>
      <c r="M486" s="55"/>
      <c r="N486" s="55"/>
      <c r="O486" s="55"/>
      <c r="P486" s="55"/>
      <c r="Q486" s="55"/>
      <c r="R486" s="55"/>
      <c r="S486" s="55"/>
      <c r="T486" s="55"/>
      <c r="U486" s="55"/>
      <c r="V486" s="55"/>
      <c r="W486" s="55"/>
      <c r="X486" s="55"/>
      <c r="Y486" s="55"/>
      <c r="Z486" s="55"/>
      <c r="AA486" s="55"/>
      <c r="AB486" s="55"/>
      <c r="AC486" s="55"/>
      <c r="AD486" s="55"/>
      <c r="AE486" s="55"/>
      <c r="AF486" s="55"/>
      <c r="AG486" s="55"/>
      <c r="AY486" s="162"/>
      <c r="AZ486" s="162"/>
      <c r="BA486" s="162"/>
      <c r="BB486" s="162"/>
      <c r="BC486" s="162"/>
      <c r="BD486" s="162"/>
      <c r="BE486" s="162"/>
      <c r="BF486" s="162"/>
      <c r="BG486" s="162"/>
      <c r="BH486" s="162"/>
      <c r="BI486" s="162"/>
      <c r="BJ486" s="162"/>
      <c r="BK486" s="162"/>
      <c r="BL486" s="162"/>
      <c r="BM486" s="162"/>
      <c r="BN486" s="162"/>
      <c r="BO486" s="162"/>
      <c r="BP486" s="162"/>
      <c r="BQ486" s="162"/>
      <c r="BR486" s="162"/>
      <c r="BS486" s="162"/>
      <c r="BT486" s="162"/>
      <c r="BU486" s="162"/>
      <c r="BV486" s="162"/>
      <c r="BW486" s="162"/>
      <c r="BX486" s="162"/>
      <c r="BY486" s="162"/>
      <c r="BZ486" s="162"/>
      <c r="CA486" s="162"/>
      <c r="CB486" s="162"/>
      <c r="CC486" s="162"/>
      <c r="CD486" s="162"/>
      <c r="CE486" s="162"/>
      <c r="CF486" s="162"/>
      <c r="CG486" s="162"/>
      <c r="CH486" s="162"/>
      <c r="CI486" s="162"/>
      <c r="CJ486" s="162"/>
      <c r="CK486" s="162"/>
      <c r="CX486" s="98"/>
      <c r="DL486" s="97"/>
      <c r="DX486" s="98"/>
      <c r="EL486" s="97"/>
      <c r="EX486" s="98"/>
      <c r="EY486" s="97"/>
      <c r="FL486" s="126"/>
      <c r="FM486" s="91"/>
      <c r="FN486" s="91"/>
      <c r="FO486" s="91"/>
      <c r="FP486" s="91"/>
      <c r="FQ486" s="91"/>
      <c r="FR486" s="91"/>
      <c r="FS486" s="91"/>
      <c r="FT486" s="91"/>
      <c r="FU486" s="91"/>
      <c r="FV486" s="91"/>
      <c r="FW486" s="91"/>
      <c r="FX486" s="91"/>
      <c r="FY486" s="91"/>
      <c r="FZ486" s="91"/>
      <c r="GA486" s="91"/>
      <c r="GB486" s="91"/>
      <c r="GC486" s="91"/>
      <c r="GD486" s="91"/>
      <c r="GE486" s="91"/>
      <c r="GF486" s="91"/>
      <c r="GG486" s="91"/>
      <c r="GH486" s="91"/>
      <c r="GI486" s="91"/>
      <c r="GJ486" s="91"/>
      <c r="GK486" s="127"/>
      <c r="GL486" s="126"/>
      <c r="GM486" s="91"/>
      <c r="GN486" s="91"/>
      <c r="GO486" s="91"/>
      <c r="GP486" s="91"/>
      <c r="GQ486" s="91"/>
      <c r="GR486" s="91"/>
      <c r="GS486" s="91"/>
      <c r="GT486" s="91"/>
      <c r="GU486" s="91"/>
      <c r="GV486" s="91"/>
      <c r="GW486" s="91"/>
      <c r="GX486" s="91"/>
      <c r="GY486" s="91"/>
      <c r="GZ486" s="91"/>
      <c r="HA486" s="91"/>
      <c r="HB486" s="91"/>
      <c r="HC486" s="91"/>
      <c r="HD486" s="91"/>
      <c r="HE486" s="91"/>
      <c r="HF486" s="91"/>
      <c r="HG486" s="91"/>
      <c r="HH486" s="91"/>
      <c r="HI486" s="91"/>
      <c r="HJ486" s="91"/>
      <c r="HK486" s="127"/>
      <c r="HL486" s="126"/>
      <c r="HM486" s="91"/>
      <c r="HN486" s="91"/>
      <c r="HO486" s="91"/>
      <c r="HP486" s="91"/>
      <c r="HQ486" s="91"/>
      <c r="HR486" s="91"/>
      <c r="HS486" s="91"/>
      <c r="HT486" s="91"/>
      <c r="HU486" s="91"/>
      <c r="HV486" s="91"/>
      <c r="HW486" s="91"/>
      <c r="HX486" s="91"/>
      <c r="HY486" s="91"/>
      <c r="HZ486" s="91"/>
      <c r="IA486" s="91"/>
      <c r="IB486" s="91"/>
      <c r="IC486" s="91"/>
      <c r="ID486" s="91"/>
      <c r="IE486" s="91"/>
      <c r="IF486" s="91"/>
      <c r="IG486" s="91"/>
      <c r="IH486" s="91"/>
      <c r="II486" s="91"/>
      <c r="IJ486" s="91"/>
      <c r="IK486" s="127"/>
    </row>
    <row r="487" spans="2:245" x14ac:dyDescent="0.2">
      <c r="B487" s="43"/>
      <c r="C487" s="73"/>
      <c r="D487" s="64"/>
      <c r="E487" s="64"/>
      <c r="F487" s="55"/>
      <c r="G487" s="102"/>
      <c r="H487" s="55"/>
      <c r="I487" s="55"/>
      <c r="J487" s="55"/>
      <c r="K487" s="55"/>
      <c r="L487" s="55"/>
      <c r="M487" s="55"/>
      <c r="N487" s="55"/>
      <c r="O487" s="55"/>
      <c r="P487" s="55"/>
      <c r="Q487" s="55"/>
      <c r="R487" s="55"/>
      <c r="S487" s="55"/>
      <c r="T487" s="55"/>
      <c r="U487" s="55"/>
      <c r="V487" s="55"/>
      <c r="W487" s="55"/>
      <c r="X487" s="55"/>
      <c r="Y487" s="55"/>
      <c r="Z487" s="55"/>
      <c r="AA487" s="55"/>
      <c r="AB487" s="55"/>
      <c r="AC487" s="55"/>
      <c r="AD487" s="55"/>
      <c r="AE487" s="55"/>
      <c r="AF487" s="55"/>
      <c r="AG487" s="55"/>
      <c r="AY487" s="162"/>
      <c r="AZ487" s="162"/>
      <c r="BA487" s="162"/>
      <c r="BB487" s="162"/>
      <c r="BC487" s="162"/>
      <c r="BD487" s="162"/>
      <c r="BE487" s="162"/>
      <c r="BF487" s="162"/>
      <c r="BG487" s="162"/>
      <c r="BH487" s="162"/>
      <c r="BI487" s="162"/>
      <c r="BJ487" s="162"/>
      <c r="BK487" s="162"/>
      <c r="BL487" s="162"/>
      <c r="BM487" s="162"/>
      <c r="BN487" s="162"/>
      <c r="BO487" s="162"/>
      <c r="BP487" s="162"/>
      <c r="BQ487" s="162"/>
      <c r="BR487" s="162"/>
      <c r="BS487" s="162"/>
      <c r="BT487" s="162"/>
      <c r="BU487" s="162"/>
      <c r="BV487" s="162"/>
      <c r="BW487" s="162"/>
      <c r="BX487" s="162"/>
      <c r="BY487" s="162"/>
      <c r="BZ487" s="162"/>
      <c r="CA487" s="162"/>
      <c r="CB487" s="162"/>
      <c r="CC487" s="162"/>
      <c r="CD487" s="162"/>
      <c r="CE487" s="162"/>
      <c r="CF487" s="162"/>
      <c r="CG487" s="162"/>
      <c r="CH487" s="162"/>
      <c r="CI487" s="162"/>
      <c r="CJ487" s="162"/>
      <c r="CK487" s="162"/>
      <c r="CX487" s="98"/>
      <c r="DL487" s="97"/>
      <c r="DX487" s="98"/>
      <c r="EL487" s="97"/>
      <c r="EX487" s="98"/>
      <c r="EY487" s="97"/>
      <c r="FL487" s="126"/>
      <c r="FM487" s="91"/>
      <c r="FN487" s="91"/>
      <c r="FO487" s="91"/>
      <c r="FP487" s="91"/>
      <c r="FQ487" s="91"/>
      <c r="FR487" s="91"/>
      <c r="FS487" s="91"/>
      <c r="FT487" s="91"/>
      <c r="FU487" s="91"/>
      <c r="FV487" s="91"/>
      <c r="FW487" s="91"/>
      <c r="FX487" s="91"/>
      <c r="FY487" s="91"/>
      <c r="FZ487" s="91"/>
      <c r="GA487" s="91"/>
      <c r="GB487" s="91"/>
      <c r="GC487" s="91"/>
      <c r="GD487" s="91"/>
      <c r="GE487" s="91"/>
      <c r="GF487" s="91"/>
      <c r="GG487" s="91"/>
      <c r="GH487" s="91"/>
      <c r="GI487" s="91"/>
      <c r="GJ487" s="91"/>
      <c r="GK487" s="127"/>
      <c r="GL487" s="126"/>
      <c r="GM487" s="91"/>
      <c r="GN487" s="91"/>
      <c r="GO487" s="91"/>
      <c r="GP487" s="91"/>
      <c r="GQ487" s="91"/>
      <c r="GR487" s="91"/>
      <c r="GS487" s="91"/>
      <c r="GT487" s="91"/>
      <c r="GU487" s="91"/>
      <c r="GV487" s="91"/>
      <c r="GW487" s="91"/>
      <c r="GX487" s="91"/>
      <c r="GY487" s="91"/>
      <c r="GZ487" s="91"/>
      <c r="HA487" s="91"/>
      <c r="HB487" s="91"/>
      <c r="HC487" s="91"/>
      <c r="HD487" s="91"/>
      <c r="HE487" s="91"/>
      <c r="HF487" s="91"/>
      <c r="HG487" s="91"/>
      <c r="HH487" s="91"/>
      <c r="HI487" s="91"/>
      <c r="HJ487" s="91"/>
      <c r="HK487" s="127"/>
      <c r="HL487" s="126"/>
      <c r="HM487" s="91"/>
      <c r="HN487" s="91"/>
      <c r="HO487" s="91"/>
      <c r="HP487" s="91"/>
      <c r="HQ487" s="91"/>
      <c r="HR487" s="91"/>
      <c r="HS487" s="91"/>
      <c r="HT487" s="91"/>
      <c r="HU487" s="91"/>
      <c r="HV487" s="91"/>
      <c r="HW487" s="91"/>
      <c r="HX487" s="91"/>
      <c r="HY487" s="91"/>
      <c r="HZ487" s="91"/>
      <c r="IA487" s="91"/>
      <c r="IB487" s="91"/>
      <c r="IC487" s="91"/>
      <c r="ID487" s="91"/>
      <c r="IE487" s="91"/>
      <c r="IF487" s="91"/>
      <c r="IG487" s="91"/>
      <c r="IH487" s="91"/>
      <c r="II487" s="91"/>
      <c r="IJ487" s="91"/>
      <c r="IK487" s="127"/>
    </row>
    <row r="488" spans="2:245" x14ac:dyDescent="0.2">
      <c r="B488" s="43"/>
      <c r="C488" s="73"/>
      <c r="D488" s="64"/>
      <c r="E488" s="64"/>
      <c r="F488" s="55"/>
      <c r="G488" s="102"/>
      <c r="H488" s="55"/>
      <c r="I488" s="55"/>
      <c r="J488" s="55"/>
      <c r="K488" s="55"/>
      <c r="L488" s="55"/>
      <c r="M488" s="55"/>
      <c r="N488" s="55"/>
      <c r="O488" s="55"/>
      <c r="P488" s="55"/>
      <c r="Q488" s="55"/>
      <c r="R488" s="55"/>
      <c r="S488" s="55"/>
      <c r="T488" s="55"/>
      <c r="U488" s="55"/>
      <c r="V488" s="55"/>
      <c r="W488" s="55"/>
      <c r="X488" s="55"/>
      <c r="Y488" s="55"/>
      <c r="Z488" s="55"/>
      <c r="AA488" s="55"/>
      <c r="AB488" s="55"/>
      <c r="AC488" s="55"/>
      <c r="AD488" s="55"/>
      <c r="AE488" s="55"/>
      <c r="AF488" s="55"/>
      <c r="AG488" s="55"/>
      <c r="AY488" s="162"/>
      <c r="AZ488" s="162"/>
      <c r="BA488" s="162"/>
      <c r="BB488" s="162"/>
      <c r="BC488" s="162"/>
      <c r="BD488" s="162"/>
      <c r="BE488" s="162"/>
      <c r="BF488" s="162"/>
      <c r="BG488" s="162"/>
      <c r="BH488" s="162"/>
      <c r="BI488" s="162"/>
      <c r="BJ488" s="162"/>
      <c r="BK488" s="162"/>
      <c r="BL488" s="162"/>
      <c r="BM488" s="162"/>
      <c r="BN488" s="162"/>
      <c r="BO488" s="162"/>
      <c r="BP488" s="162"/>
      <c r="BQ488" s="162"/>
      <c r="BR488" s="162"/>
      <c r="BS488" s="162"/>
      <c r="BT488" s="162"/>
      <c r="BU488" s="162"/>
      <c r="BV488" s="162"/>
      <c r="BW488" s="162"/>
      <c r="BX488" s="162"/>
      <c r="BY488" s="162"/>
      <c r="BZ488" s="162"/>
      <c r="CA488" s="162"/>
      <c r="CB488" s="162"/>
      <c r="CC488" s="162"/>
      <c r="CD488" s="162"/>
      <c r="CE488" s="162"/>
      <c r="CF488" s="162"/>
      <c r="CG488" s="162"/>
      <c r="CH488" s="162"/>
      <c r="CI488" s="162"/>
      <c r="CJ488" s="162"/>
      <c r="CK488" s="162"/>
      <c r="CX488" s="98"/>
      <c r="DL488" s="97"/>
      <c r="DX488" s="98"/>
      <c r="EL488" s="97"/>
      <c r="EX488" s="98"/>
      <c r="EY488" s="97"/>
      <c r="FL488" s="126"/>
      <c r="FM488" s="91"/>
      <c r="FN488" s="91"/>
      <c r="FO488" s="91"/>
      <c r="FP488" s="91"/>
      <c r="FQ488" s="91"/>
      <c r="FR488" s="91"/>
      <c r="FS488" s="91"/>
      <c r="FT488" s="91"/>
      <c r="FU488" s="91"/>
      <c r="FV488" s="91"/>
      <c r="FW488" s="91"/>
      <c r="FX488" s="91"/>
      <c r="FY488" s="91"/>
      <c r="FZ488" s="91"/>
      <c r="GA488" s="91"/>
      <c r="GB488" s="91"/>
      <c r="GC488" s="91"/>
      <c r="GD488" s="91"/>
      <c r="GE488" s="91"/>
      <c r="GF488" s="91"/>
      <c r="GG488" s="91"/>
      <c r="GH488" s="91"/>
      <c r="GI488" s="91"/>
      <c r="GJ488" s="91"/>
      <c r="GK488" s="127"/>
      <c r="GL488" s="126"/>
      <c r="GM488" s="91"/>
      <c r="GN488" s="91"/>
      <c r="GO488" s="91"/>
      <c r="GP488" s="91"/>
      <c r="GQ488" s="91"/>
      <c r="GR488" s="91"/>
      <c r="GS488" s="91"/>
      <c r="GT488" s="91"/>
      <c r="GU488" s="91"/>
      <c r="GV488" s="91"/>
      <c r="GW488" s="91"/>
      <c r="GX488" s="91"/>
      <c r="GY488" s="91"/>
      <c r="GZ488" s="91"/>
      <c r="HA488" s="91"/>
      <c r="HB488" s="91"/>
      <c r="HC488" s="91"/>
      <c r="HD488" s="91"/>
      <c r="HE488" s="91"/>
      <c r="HF488" s="91"/>
      <c r="HG488" s="91"/>
      <c r="HH488" s="91"/>
      <c r="HI488" s="91"/>
      <c r="HJ488" s="91"/>
      <c r="HK488" s="127"/>
      <c r="HL488" s="126"/>
      <c r="HM488" s="91"/>
      <c r="HN488" s="91"/>
      <c r="HO488" s="91"/>
      <c r="HP488" s="91"/>
      <c r="HQ488" s="91"/>
      <c r="HR488" s="91"/>
      <c r="HS488" s="91"/>
      <c r="HT488" s="91"/>
      <c r="HU488" s="91"/>
      <c r="HV488" s="91"/>
      <c r="HW488" s="91"/>
      <c r="HX488" s="91"/>
      <c r="HY488" s="91"/>
      <c r="HZ488" s="91"/>
      <c r="IA488" s="91"/>
      <c r="IB488" s="91"/>
      <c r="IC488" s="91"/>
      <c r="ID488" s="91"/>
      <c r="IE488" s="91"/>
      <c r="IF488" s="91"/>
      <c r="IG488" s="91"/>
      <c r="IH488" s="91"/>
      <c r="II488" s="91"/>
      <c r="IJ488" s="91"/>
      <c r="IK488" s="127"/>
    </row>
    <row r="489" spans="2:245" x14ac:dyDescent="0.2">
      <c r="B489" s="43"/>
      <c r="C489" s="73"/>
      <c r="D489" s="64"/>
      <c r="E489" s="64"/>
      <c r="F489" s="55"/>
      <c r="G489" s="102"/>
      <c r="H489" s="55"/>
      <c r="I489" s="55"/>
      <c r="J489" s="55"/>
      <c r="K489" s="55"/>
      <c r="L489" s="55"/>
      <c r="M489" s="55"/>
      <c r="N489" s="55"/>
      <c r="O489" s="55"/>
      <c r="P489" s="55"/>
      <c r="Q489" s="55"/>
      <c r="R489" s="55"/>
      <c r="S489" s="55"/>
      <c r="T489" s="55"/>
      <c r="U489" s="55"/>
      <c r="V489" s="55"/>
      <c r="W489" s="55"/>
      <c r="X489" s="55"/>
      <c r="Y489" s="55"/>
      <c r="Z489" s="55"/>
      <c r="AA489" s="55"/>
      <c r="AB489" s="55"/>
      <c r="AC489" s="55"/>
      <c r="AD489" s="55"/>
      <c r="AE489" s="55"/>
      <c r="AF489" s="55"/>
      <c r="AG489" s="55"/>
      <c r="AY489" s="162"/>
      <c r="AZ489" s="162"/>
      <c r="BA489" s="162"/>
      <c r="BB489" s="162"/>
      <c r="BC489" s="162"/>
      <c r="BD489" s="162"/>
      <c r="BE489" s="162"/>
      <c r="BF489" s="162"/>
      <c r="BG489" s="162"/>
      <c r="BH489" s="162"/>
      <c r="BI489" s="162"/>
      <c r="BJ489" s="162"/>
      <c r="BK489" s="162"/>
      <c r="BL489" s="162"/>
      <c r="BM489" s="162"/>
      <c r="BN489" s="162"/>
      <c r="BO489" s="162"/>
      <c r="BP489" s="162"/>
      <c r="BQ489" s="162"/>
      <c r="BR489" s="162"/>
      <c r="BS489" s="162"/>
      <c r="BT489" s="162"/>
      <c r="BU489" s="162"/>
      <c r="BV489" s="162"/>
      <c r="BW489" s="162"/>
      <c r="BX489" s="162"/>
      <c r="BY489" s="162"/>
      <c r="BZ489" s="162"/>
      <c r="CA489" s="162"/>
      <c r="CB489" s="162"/>
      <c r="CC489" s="162"/>
      <c r="CD489" s="162"/>
      <c r="CE489" s="162"/>
      <c r="CF489" s="162"/>
      <c r="CG489" s="162"/>
      <c r="CH489" s="162"/>
      <c r="CI489" s="162"/>
      <c r="CJ489" s="162"/>
      <c r="CK489" s="162"/>
      <c r="CX489" s="98"/>
      <c r="DL489" s="97"/>
      <c r="DX489" s="98"/>
      <c r="EL489" s="97"/>
      <c r="EX489" s="98"/>
      <c r="EY489" s="97"/>
      <c r="FL489" s="126"/>
      <c r="FM489" s="91"/>
      <c r="FN489" s="91"/>
      <c r="FO489" s="91"/>
      <c r="FP489" s="91"/>
      <c r="FQ489" s="91"/>
      <c r="FR489" s="91"/>
      <c r="FS489" s="91"/>
      <c r="FT489" s="91"/>
      <c r="FU489" s="91"/>
      <c r="FV489" s="91"/>
      <c r="FW489" s="91"/>
      <c r="FX489" s="91"/>
      <c r="FY489" s="91"/>
      <c r="FZ489" s="91"/>
      <c r="GA489" s="91"/>
      <c r="GB489" s="91"/>
      <c r="GC489" s="91"/>
      <c r="GD489" s="91"/>
      <c r="GE489" s="91"/>
      <c r="GF489" s="91"/>
      <c r="GG489" s="91"/>
      <c r="GH489" s="91"/>
      <c r="GI489" s="91"/>
      <c r="GJ489" s="91"/>
      <c r="GK489" s="127"/>
      <c r="GL489" s="126"/>
      <c r="GM489" s="91"/>
      <c r="GN489" s="91"/>
      <c r="GO489" s="91"/>
      <c r="GP489" s="91"/>
      <c r="GQ489" s="91"/>
      <c r="GR489" s="91"/>
      <c r="GS489" s="91"/>
      <c r="GT489" s="91"/>
      <c r="GU489" s="91"/>
      <c r="GV489" s="91"/>
      <c r="GW489" s="91"/>
      <c r="GX489" s="91"/>
      <c r="GY489" s="91"/>
      <c r="GZ489" s="91"/>
      <c r="HA489" s="91"/>
      <c r="HB489" s="91"/>
      <c r="HC489" s="91"/>
      <c r="HD489" s="91"/>
      <c r="HE489" s="91"/>
      <c r="HF489" s="91"/>
      <c r="HG489" s="91"/>
      <c r="HH489" s="91"/>
      <c r="HI489" s="91"/>
      <c r="HJ489" s="91"/>
      <c r="HK489" s="127"/>
      <c r="HL489" s="126"/>
      <c r="HM489" s="91"/>
      <c r="HN489" s="91"/>
      <c r="HO489" s="91"/>
      <c r="HP489" s="91"/>
      <c r="HQ489" s="91"/>
      <c r="HR489" s="91"/>
      <c r="HS489" s="91"/>
      <c r="HT489" s="91"/>
      <c r="HU489" s="91"/>
      <c r="HV489" s="91"/>
      <c r="HW489" s="91"/>
      <c r="HX489" s="91"/>
      <c r="HY489" s="91"/>
      <c r="HZ489" s="91"/>
      <c r="IA489" s="91"/>
      <c r="IB489" s="91"/>
      <c r="IC489" s="91"/>
      <c r="ID489" s="91"/>
      <c r="IE489" s="91"/>
      <c r="IF489" s="91"/>
      <c r="IG489" s="91"/>
      <c r="IH489" s="91"/>
      <c r="II489" s="91"/>
      <c r="IJ489" s="91"/>
      <c r="IK489" s="127"/>
    </row>
    <row r="490" spans="2:245" x14ac:dyDescent="0.2">
      <c r="B490" s="43"/>
      <c r="C490" s="73"/>
      <c r="D490" s="64"/>
      <c r="E490" s="64"/>
      <c r="F490" s="55"/>
      <c r="G490" s="102"/>
      <c r="H490" s="55"/>
      <c r="I490" s="55"/>
      <c r="J490" s="55"/>
      <c r="K490" s="55"/>
      <c r="L490" s="55"/>
      <c r="M490" s="55"/>
      <c r="N490" s="55"/>
      <c r="O490" s="55"/>
      <c r="P490" s="55"/>
      <c r="Q490" s="55"/>
      <c r="R490" s="55"/>
      <c r="S490" s="55"/>
      <c r="T490" s="55"/>
      <c r="U490" s="55"/>
      <c r="V490" s="55"/>
      <c r="W490" s="55"/>
      <c r="X490" s="55"/>
      <c r="Y490" s="55"/>
      <c r="Z490" s="55"/>
      <c r="AA490" s="55"/>
      <c r="AB490" s="55"/>
      <c r="AC490" s="55"/>
      <c r="AD490" s="55"/>
      <c r="AE490" s="55"/>
      <c r="AF490" s="55"/>
      <c r="AG490" s="55"/>
      <c r="AY490" s="162"/>
      <c r="AZ490" s="162"/>
      <c r="BA490" s="162"/>
      <c r="BB490" s="162"/>
      <c r="BC490" s="162"/>
      <c r="BD490" s="162"/>
      <c r="BE490" s="162"/>
      <c r="BF490" s="162"/>
      <c r="BG490" s="162"/>
      <c r="BH490" s="162"/>
      <c r="BI490" s="162"/>
      <c r="BJ490" s="162"/>
      <c r="BK490" s="162"/>
      <c r="BL490" s="162"/>
      <c r="BM490" s="162"/>
      <c r="BN490" s="162"/>
      <c r="BO490" s="162"/>
      <c r="BP490" s="162"/>
      <c r="BQ490" s="162"/>
      <c r="BR490" s="162"/>
      <c r="BS490" s="162"/>
      <c r="BT490" s="162"/>
      <c r="BU490" s="162"/>
      <c r="BV490" s="162"/>
      <c r="BW490" s="162"/>
      <c r="BX490" s="162"/>
      <c r="BY490" s="162"/>
      <c r="BZ490" s="162"/>
      <c r="CA490" s="162"/>
      <c r="CB490" s="162"/>
      <c r="CC490" s="162"/>
      <c r="CD490" s="162"/>
      <c r="CE490" s="162"/>
      <c r="CF490" s="162"/>
      <c r="CG490" s="162"/>
      <c r="CH490" s="162"/>
      <c r="CI490" s="162"/>
      <c r="CJ490" s="162"/>
      <c r="CK490" s="162"/>
      <c r="CX490" s="98"/>
      <c r="DL490" s="97"/>
      <c r="DX490" s="98"/>
      <c r="EL490" s="97"/>
      <c r="EX490" s="98"/>
      <c r="EY490" s="97"/>
      <c r="FL490" s="126"/>
      <c r="FM490" s="91"/>
      <c r="FN490" s="91"/>
      <c r="FO490" s="91"/>
      <c r="FP490" s="91"/>
      <c r="FQ490" s="91"/>
      <c r="FR490" s="91"/>
      <c r="FS490" s="91"/>
      <c r="FT490" s="91"/>
      <c r="FU490" s="91"/>
      <c r="FV490" s="91"/>
      <c r="FW490" s="91"/>
      <c r="FX490" s="91"/>
      <c r="FY490" s="91"/>
      <c r="FZ490" s="91"/>
      <c r="GA490" s="91"/>
      <c r="GB490" s="91"/>
      <c r="GC490" s="91"/>
      <c r="GD490" s="91"/>
      <c r="GE490" s="91"/>
      <c r="GF490" s="91"/>
      <c r="GG490" s="91"/>
      <c r="GH490" s="91"/>
      <c r="GI490" s="91"/>
      <c r="GJ490" s="91"/>
      <c r="GK490" s="127"/>
      <c r="GL490" s="126"/>
      <c r="GM490" s="91"/>
      <c r="GN490" s="91"/>
      <c r="GO490" s="91"/>
      <c r="GP490" s="91"/>
      <c r="GQ490" s="91"/>
      <c r="GR490" s="91"/>
      <c r="GS490" s="91"/>
      <c r="GT490" s="91"/>
      <c r="GU490" s="91"/>
      <c r="GV490" s="91"/>
      <c r="GW490" s="91"/>
      <c r="GX490" s="91"/>
      <c r="GY490" s="91"/>
      <c r="GZ490" s="91"/>
      <c r="HA490" s="91"/>
      <c r="HB490" s="91"/>
      <c r="HC490" s="91"/>
      <c r="HD490" s="91"/>
      <c r="HE490" s="91"/>
      <c r="HF490" s="91"/>
      <c r="HG490" s="91"/>
      <c r="HH490" s="91"/>
      <c r="HI490" s="91"/>
      <c r="HJ490" s="91"/>
      <c r="HK490" s="127"/>
      <c r="HL490" s="126"/>
      <c r="HM490" s="91"/>
      <c r="HN490" s="91"/>
      <c r="HO490" s="91"/>
      <c r="HP490" s="91"/>
      <c r="HQ490" s="91"/>
      <c r="HR490" s="91"/>
      <c r="HS490" s="91"/>
      <c r="HT490" s="91"/>
      <c r="HU490" s="91"/>
      <c r="HV490" s="91"/>
      <c r="HW490" s="91"/>
      <c r="HX490" s="91"/>
      <c r="HY490" s="91"/>
      <c r="HZ490" s="91"/>
      <c r="IA490" s="91"/>
      <c r="IB490" s="91"/>
      <c r="IC490" s="91"/>
      <c r="ID490" s="91"/>
      <c r="IE490" s="91"/>
      <c r="IF490" s="91"/>
      <c r="IG490" s="91"/>
      <c r="IH490" s="91"/>
      <c r="II490" s="91"/>
      <c r="IJ490" s="91"/>
      <c r="IK490" s="127"/>
    </row>
    <row r="491" spans="2:245" x14ac:dyDescent="0.2">
      <c r="B491" s="43"/>
      <c r="C491" s="73"/>
      <c r="D491" s="64"/>
      <c r="E491" s="64"/>
      <c r="F491" s="55"/>
      <c r="G491" s="102"/>
      <c r="H491" s="55"/>
      <c r="I491" s="55"/>
      <c r="J491" s="55"/>
      <c r="K491" s="55"/>
      <c r="L491" s="55"/>
      <c r="M491" s="55"/>
      <c r="N491" s="55"/>
      <c r="O491" s="55"/>
      <c r="P491" s="55"/>
      <c r="Q491" s="55"/>
      <c r="R491" s="55"/>
      <c r="S491" s="55"/>
      <c r="T491" s="55"/>
      <c r="U491" s="55"/>
      <c r="V491" s="55"/>
      <c r="W491" s="55"/>
      <c r="X491" s="55"/>
      <c r="Y491" s="55"/>
      <c r="Z491" s="55"/>
      <c r="AA491" s="55"/>
      <c r="AB491" s="55"/>
      <c r="AC491" s="55"/>
      <c r="AD491" s="55"/>
      <c r="AE491" s="55"/>
      <c r="AF491" s="55"/>
      <c r="AG491" s="55"/>
      <c r="AY491" s="162"/>
      <c r="AZ491" s="162"/>
      <c r="BA491" s="162"/>
      <c r="BB491" s="162"/>
      <c r="BC491" s="162"/>
      <c r="BD491" s="162"/>
      <c r="BE491" s="162"/>
      <c r="BF491" s="162"/>
      <c r="BG491" s="162"/>
      <c r="BH491" s="162"/>
      <c r="BI491" s="162"/>
      <c r="BJ491" s="162"/>
      <c r="BK491" s="162"/>
      <c r="BL491" s="162"/>
      <c r="BM491" s="162"/>
      <c r="BN491" s="162"/>
      <c r="BO491" s="162"/>
      <c r="BP491" s="162"/>
      <c r="BQ491" s="162"/>
      <c r="BR491" s="162"/>
      <c r="BS491" s="162"/>
      <c r="BT491" s="162"/>
      <c r="BU491" s="162"/>
      <c r="BV491" s="162"/>
      <c r="BW491" s="162"/>
      <c r="BX491" s="162"/>
      <c r="BY491" s="162"/>
      <c r="BZ491" s="162"/>
      <c r="CA491" s="162"/>
      <c r="CB491" s="162"/>
      <c r="CC491" s="162"/>
      <c r="CD491" s="162"/>
      <c r="CE491" s="162"/>
      <c r="CF491" s="162"/>
      <c r="CG491" s="162"/>
      <c r="CH491" s="162"/>
      <c r="CI491" s="162"/>
      <c r="CJ491" s="162"/>
      <c r="CK491" s="162"/>
      <c r="CX491" s="98"/>
      <c r="DL491" s="97"/>
      <c r="DX491" s="98"/>
      <c r="EL491" s="97"/>
      <c r="EX491" s="98"/>
      <c r="EY491" s="97"/>
      <c r="FL491" s="126"/>
      <c r="FM491" s="91"/>
      <c r="FN491" s="91"/>
      <c r="FO491" s="91"/>
      <c r="FP491" s="91"/>
      <c r="FQ491" s="91"/>
      <c r="FR491" s="91"/>
      <c r="FS491" s="91"/>
      <c r="FT491" s="91"/>
      <c r="FU491" s="91"/>
      <c r="FV491" s="91"/>
      <c r="FW491" s="91"/>
      <c r="FX491" s="91"/>
      <c r="FY491" s="91"/>
      <c r="FZ491" s="91"/>
      <c r="GA491" s="91"/>
      <c r="GB491" s="91"/>
      <c r="GC491" s="91"/>
      <c r="GD491" s="91"/>
      <c r="GE491" s="91"/>
      <c r="GF491" s="91"/>
      <c r="GG491" s="91"/>
      <c r="GH491" s="91"/>
      <c r="GI491" s="91"/>
      <c r="GJ491" s="91"/>
      <c r="GK491" s="127"/>
      <c r="GL491" s="126"/>
      <c r="GM491" s="91"/>
      <c r="GN491" s="91"/>
      <c r="GO491" s="91"/>
      <c r="GP491" s="91"/>
      <c r="GQ491" s="91"/>
      <c r="GR491" s="91"/>
      <c r="GS491" s="91"/>
      <c r="GT491" s="91"/>
      <c r="GU491" s="91"/>
      <c r="GV491" s="91"/>
      <c r="GW491" s="91"/>
      <c r="GX491" s="91"/>
      <c r="GY491" s="91"/>
      <c r="GZ491" s="91"/>
      <c r="HA491" s="91"/>
      <c r="HB491" s="91"/>
      <c r="HC491" s="91"/>
      <c r="HD491" s="91"/>
      <c r="HE491" s="91"/>
      <c r="HF491" s="91"/>
      <c r="HG491" s="91"/>
      <c r="HH491" s="91"/>
      <c r="HI491" s="91"/>
      <c r="HJ491" s="91"/>
      <c r="HK491" s="127"/>
      <c r="HL491" s="126"/>
      <c r="HM491" s="91"/>
      <c r="HN491" s="91"/>
      <c r="HO491" s="91"/>
      <c r="HP491" s="91"/>
      <c r="HQ491" s="91"/>
      <c r="HR491" s="91"/>
      <c r="HS491" s="91"/>
      <c r="HT491" s="91"/>
      <c r="HU491" s="91"/>
      <c r="HV491" s="91"/>
      <c r="HW491" s="91"/>
      <c r="HX491" s="91"/>
      <c r="HY491" s="91"/>
      <c r="HZ491" s="91"/>
      <c r="IA491" s="91"/>
      <c r="IB491" s="91"/>
      <c r="IC491" s="91"/>
      <c r="ID491" s="91"/>
      <c r="IE491" s="91"/>
      <c r="IF491" s="91"/>
      <c r="IG491" s="91"/>
      <c r="IH491" s="91"/>
      <c r="II491" s="91"/>
      <c r="IJ491" s="91"/>
      <c r="IK491" s="127"/>
    </row>
    <row r="492" spans="2:245" x14ac:dyDescent="0.2">
      <c r="B492" s="43"/>
      <c r="C492" s="73"/>
      <c r="D492" s="64"/>
      <c r="E492" s="64"/>
      <c r="F492" s="55"/>
      <c r="G492" s="102"/>
      <c r="H492" s="55"/>
      <c r="I492" s="55"/>
      <c r="J492" s="55"/>
      <c r="K492" s="55"/>
      <c r="L492" s="55"/>
      <c r="M492" s="55"/>
      <c r="N492" s="55"/>
      <c r="O492" s="55"/>
      <c r="P492" s="55"/>
      <c r="Q492" s="55"/>
      <c r="R492" s="55"/>
      <c r="S492" s="55"/>
      <c r="T492" s="55"/>
      <c r="U492" s="55"/>
      <c r="V492" s="55"/>
      <c r="W492" s="55"/>
      <c r="X492" s="55"/>
      <c r="Y492" s="55"/>
      <c r="Z492" s="55"/>
      <c r="AA492" s="55"/>
      <c r="AB492" s="55"/>
      <c r="AC492" s="55"/>
      <c r="AD492" s="55"/>
      <c r="AE492" s="55"/>
      <c r="AF492" s="55"/>
      <c r="AG492" s="55"/>
      <c r="AY492" s="162"/>
      <c r="AZ492" s="162"/>
      <c r="BA492" s="162"/>
      <c r="BB492" s="162"/>
      <c r="BC492" s="162"/>
      <c r="BD492" s="162"/>
      <c r="BE492" s="162"/>
      <c r="BF492" s="162"/>
      <c r="BG492" s="162"/>
      <c r="BH492" s="162"/>
      <c r="BI492" s="162"/>
      <c r="BJ492" s="162"/>
      <c r="BK492" s="162"/>
      <c r="BL492" s="162"/>
      <c r="BM492" s="162"/>
      <c r="BN492" s="162"/>
      <c r="BO492" s="162"/>
      <c r="BP492" s="162"/>
      <c r="BQ492" s="162"/>
      <c r="BR492" s="162"/>
      <c r="BS492" s="162"/>
      <c r="BT492" s="162"/>
      <c r="BU492" s="162"/>
      <c r="BV492" s="162"/>
      <c r="BW492" s="162"/>
      <c r="BX492" s="162"/>
      <c r="BY492" s="162"/>
      <c r="BZ492" s="162"/>
      <c r="CA492" s="162"/>
      <c r="CB492" s="162"/>
      <c r="CC492" s="162"/>
      <c r="CD492" s="162"/>
      <c r="CE492" s="162"/>
      <c r="CF492" s="162"/>
      <c r="CG492" s="162"/>
      <c r="CH492" s="162"/>
      <c r="CI492" s="162"/>
      <c r="CJ492" s="162"/>
      <c r="CK492" s="162"/>
      <c r="CX492" s="98"/>
      <c r="DL492" s="97"/>
      <c r="DX492" s="98"/>
      <c r="EL492" s="97"/>
      <c r="EX492" s="98"/>
      <c r="EY492" s="97"/>
      <c r="FL492" s="126"/>
      <c r="FM492" s="91"/>
      <c r="FN492" s="91"/>
      <c r="FO492" s="91"/>
      <c r="FP492" s="91"/>
      <c r="FQ492" s="91"/>
      <c r="FR492" s="91"/>
      <c r="FS492" s="91"/>
      <c r="FT492" s="91"/>
      <c r="FU492" s="91"/>
      <c r="FV492" s="91"/>
      <c r="FW492" s="91"/>
      <c r="FX492" s="91"/>
      <c r="FY492" s="91"/>
      <c r="FZ492" s="91"/>
      <c r="GA492" s="91"/>
      <c r="GB492" s="91"/>
      <c r="GC492" s="91"/>
      <c r="GD492" s="91"/>
      <c r="GE492" s="91"/>
      <c r="GF492" s="91"/>
      <c r="GG492" s="91"/>
      <c r="GH492" s="91"/>
      <c r="GI492" s="91"/>
      <c r="GJ492" s="91"/>
      <c r="GK492" s="127"/>
      <c r="GL492" s="126"/>
      <c r="GM492" s="91"/>
      <c r="GN492" s="91"/>
      <c r="GO492" s="91"/>
      <c r="GP492" s="91"/>
      <c r="GQ492" s="91"/>
      <c r="GR492" s="91"/>
      <c r="GS492" s="91"/>
      <c r="GT492" s="91"/>
      <c r="GU492" s="91"/>
      <c r="GV492" s="91"/>
      <c r="GW492" s="91"/>
      <c r="GX492" s="91"/>
      <c r="GY492" s="91"/>
      <c r="GZ492" s="91"/>
      <c r="HA492" s="91"/>
      <c r="HB492" s="91"/>
      <c r="HC492" s="91"/>
      <c r="HD492" s="91"/>
      <c r="HE492" s="91"/>
      <c r="HF492" s="91"/>
      <c r="HG492" s="91"/>
      <c r="HH492" s="91"/>
      <c r="HI492" s="91"/>
      <c r="HJ492" s="91"/>
      <c r="HK492" s="127"/>
      <c r="HL492" s="126"/>
      <c r="HM492" s="91"/>
      <c r="HN492" s="91"/>
      <c r="HO492" s="91"/>
      <c r="HP492" s="91"/>
      <c r="HQ492" s="91"/>
      <c r="HR492" s="91"/>
      <c r="HS492" s="91"/>
      <c r="HT492" s="91"/>
      <c r="HU492" s="91"/>
      <c r="HV492" s="91"/>
      <c r="HW492" s="91"/>
      <c r="HX492" s="91"/>
      <c r="HY492" s="91"/>
      <c r="HZ492" s="91"/>
      <c r="IA492" s="91"/>
      <c r="IB492" s="91"/>
      <c r="IC492" s="91"/>
      <c r="ID492" s="91"/>
      <c r="IE492" s="91"/>
      <c r="IF492" s="91"/>
      <c r="IG492" s="91"/>
      <c r="IH492" s="91"/>
      <c r="II492" s="91"/>
      <c r="IJ492" s="91"/>
      <c r="IK492" s="127"/>
    </row>
    <row r="493" spans="2:245" x14ac:dyDescent="0.2">
      <c r="B493" s="43"/>
      <c r="C493" s="73"/>
      <c r="D493" s="64"/>
      <c r="E493" s="64"/>
      <c r="F493" s="55"/>
      <c r="G493" s="102"/>
      <c r="H493" s="55"/>
      <c r="I493" s="55"/>
      <c r="J493" s="55"/>
      <c r="K493" s="55"/>
      <c r="L493" s="55"/>
      <c r="M493" s="55"/>
      <c r="N493" s="55"/>
      <c r="O493" s="55"/>
      <c r="P493" s="55"/>
      <c r="Q493" s="55"/>
      <c r="R493" s="55"/>
      <c r="S493" s="55"/>
      <c r="T493" s="55"/>
      <c r="U493" s="55"/>
      <c r="V493" s="55"/>
      <c r="W493" s="55"/>
      <c r="X493" s="55"/>
      <c r="Y493" s="55"/>
      <c r="Z493" s="55"/>
      <c r="AA493" s="55"/>
      <c r="AB493" s="55"/>
      <c r="AC493" s="55"/>
      <c r="AD493" s="55"/>
      <c r="AE493" s="55"/>
      <c r="AF493" s="55"/>
      <c r="AG493" s="55"/>
      <c r="AY493" s="162"/>
      <c r="AZ493" s="162"/>
      <c r="BA493" s="162"/>
      <c r="BB493" s="162"/>
      <c r="BC493" s="162"/>
      <c r="BD493" s="162"/>
      <c r="BE493" s="162"/>
      <c r="BF493" s="162"/>
      <c r="BG493" s="162"/>
      <c r="BH493" s="162"/>
      <c r="BI493" s="162"/>
      <c r="BJ493" s="162"/>
      <c r="BK493" s="162"/>
      <c r="BL493" s="162"/>
      <c r="BM493" s="162"/>
      <c r="BN493" s="162"/>
      <c r="BO493" s="162"/>
      <c r="BP493" s="162"/>
      <c r="BQ493" s="162"/>
      <c r="BR493" s="162"/>
      <c r="BS493" s="162"/>
      <c r="BT493" s="162"/>
      <c r="BU493" s="162"/>
      <c r="BV493" s="162"/>
      <c r="BW493" s="162"/>
      <c r="BX493" s="162"/>
      <c r="BY493" s="162"/>
      <c r="BZ493" s="162"/>
      <c r="CA493" s="162"/>
      <c r="CB493" s="162"/>
      <c r="CC493" s="162"/>
      <c r="CD493" s="162"/>
      <c r="CE493" s="162"/>
      <c r="CF493" s="162"/>
      <c r="CG493" s="162"/>
      <c r="CH493" s="162"/>
      <c r="CI493" s="162"/>
      <c r="CJ493" s="162"/>
      <c r="CK493" s="162"/>
      <c r="CX493" s="98"/>
      <c r="DL493" s="97"/>
      <c r="DX493" s="98"/>
      <c r="EL493" s="97"/>
      <c r="EX493" s="98"/>
      <c r="EY493" s="97"/>
      <c r="FL493" s="126"/>
      <c r="FM493" s="91"/>
      <c r="FN493" s="91"/>
      <c r="FO493" s="91"/>
      <c r="FP493" s="91"/>
      <c r="FQ493" s="91"/>
      <c r="FR493" s="91"/>
      <c r="FS493" s="91"/>
      <c r="FT493" s="91"/>
      <c r="FU493" s="91"/>
      <c r="FV493" s="91"/>
      <c r="FW493" s="91"/>
      <c r="FX493" s="91"/>
      <c r="FY493" s="91"/>
      <c r="FZ493" s="91"/>
      <c r="GA493" s="91"/>
      <c r="GB493" s="91"/>
      <c r="GC493" s="91"/>
      <c r="GD493" s="91"/>
      <c r="GE493" s="91"/>
      <c r="GF493" s="91"/>
      <c r="GG493" s="91"/>
      <c r="GH493" s="91"/>
      <c r="GI493" s="91"/>
      <c r="GJ493" s="91"/>
      <c r="GK493" s="127"/>
      <c r="GL493" s="126"/>
      <c r="GM493" s="91"/>
      <c r="GN493" s="91"/>
      <c r="GO493" s="91"/>
      <c r="GP493" s="91"/>
      <c r="GQ493" s="91"/>
      <c r="GR493" s="91"/>
      <c r="GS493" s="91"/>
      <c r="GT493" s="91"/>
      <c r="GU493" s="91"/>
      <c r="GV493" s="91"/>
      <c r="GW493" s="91"/>
      <c r="GX493" s="91"/>
      <c r="GY493" s="91"/>
      <c r="GZ493" s="91"/>
      <c r="HA493" s="91"/>
      <c r="HB493" s="91"/>
      <c r="HC493" s="91"/>
      <c r="HD493" s="91"/>
      <c r="HE493" s="91"/>
      <c r="HF493" s="91"/>
      <c r="HG493" s="91"/>
      <c r="HH493" s="91"/>
      <c r="HI493" s="91"/>
      <c r="HJ493" s="91"/>
      <c r="HK493" s="127"/>
      <c r="HL493" s="126"/>
      <c r="HM493" s="91"/>
      <c r="HN493" s="91"/>
      <c r="HO493" s="91"/>
      <c r="HP493" s="91"/>
      <c r="HQ493" s="91"/>
      <c r="HR493" s="91"/>
      <c r="HS493" s="91"/>
      <c r="HT493" s="91"/>
      <c r="HU493" s="91"/>
      <c r="HV493" s="91"/>
      <c r="HW493" s="91"/>
      <c r="HX493" s="91"/>
      <c r="HY493" s="91"/>
      <c r="HZ493" s="91"/>
      <c r="IA493" s="91"/>
      <c r="IB493" s="91"/>
      <c r="IC493" s="91"/>
      <c r="ID493" s="91"/>
      <c r="IE493" s="91"/>
      <c r="IF493" s="91"/>
      <c r="IG493" s="91"/>
      <c r="IH493" s="91"/>
      <c r="II493" s="91"/>
      <c r="IJ493" s="91"/>
      <c r="IK493" s="127"/>
    </row>
    <row r="494" spans="2:245" x14ac:dyDescent="0.2">
      <c r="B494" s="43"/>
      <c r="C494" s="73"/>
      <c r="D494" s="64"/>
      <c r="E494" s="64"/>
      <c r="F494" s="55"/>
      <c r="G494" s="102"/>
      <c r="H494" s="55"/>
      <c r="I494" s="55"/>
      <c r="J494" s="55"/>
      <c r="K494" s="55"/>
      <c r="L494" s="55"/>
      <c r="M494" s="55"/>
      <c r="N494" s="55"/>
      <c r="O494" s="55"/>
      <c r="P494" s="55"/>
      <c r="Q494" s="55"/>
      <c r="R494" s="55"/>
      <c r="S494" s="55"/>
      <c r="T494" s="55"/>
      <c r="U494" s="55"/>
      <c r="V494" s="55"/>
      <c r="W494" s="55"/>
      <c r="X494" s="55"/>
      <c r="Y494" s="55"/>
      <c r="Z494" s="55"/>
      <c r="AA494" s="55"/>
      <c r="AB494" s="55"/>
      <c r="AC494" s="55"/>
      <c r="AD494" s="55"/>
      <c r="AE494" s="55"/>
      <c r="AF494" s="55"/>
      <c r="AG494" s="55"/>
      <c r="AY494" s="162"/>
      <c r="AZ494" s="162"/>
      <c r="BA494" s="162"/>
      <c r="BB494" s="162"/>
      <c r="BC494" s="162"/>
      <c r="BD494" s="162"/>
      <c r="BE494" s="162"/>
      <c r="BF494" s="162"/>
      <c r="BG494" s="162"/>
      <c r="BH494" s="162"/>
      <c r="BI494" s="162"/>
      <c r="BJ494" s="162"/>
      <c r="BK494" s="162"/>
      <c r="BL494" s="162"/>
      <c r="BM494" s="162"/>
      <c r="BN494" s="162"/>
      <c r="BO494" s="162"/>
      <c r="BP494" s="162"/>
      <c r="BQ494" s="162"/>
      <c r="BR494" s="162"/>
      <c r="BS494" s="162"/>
      <c r="BT494" s="162"/>
      <c r="BU494" s="162"/>
      <c r="BV494" s="162"/>
      <c r="BW494" s="162"/>
      <c r="BX494" s="162"/>
      <c r="BY494" s="162"/>
      <c r="BZ494" s="162"/>
      <c r="CA494" s="162"/>
      <c r="CB494" s="162"/>
      <c r="CC494" s="162"/>
      <c r="CD494" s="162"/>
      <c r="CE494" s="162"/>
      <c r="CF494" s="162"/>
      <c r="CG494" s="162"/>
      <c r="CH494" s="162"/>
      <c r="CI494" s="162"/>
      <c r="CJ494" s="162"/>
      <c r="CK494" s="162"/>
      <c r="CX494" s="98"/>
      <c r="DL494" s="97"/>
      <c r="DX494" s="98"/>
      <c r="EL494" s="97"/>
      <c r="EX494" s="98"/>
      <c r="EY494" s="97"/>
      <c r="FL494" s="126"/>
      <c r="FM494" s="91"/>
      <c r="FN494" s="91"/>
      <c r="FO494" s="91"/>
      <c r="FP494" s="91"/>
      <c r="FQ494" s="91"/>
      <c r="FR494" s="91"/>
      <c r="FS494" s="91"/>
      <c r="FT494" s="91"/>
      <c r="FU494" s="91"/>
      <c r="FV494" s="91"/>
      <c r="FW494" s="91"/>
      <c r="FX494" s="91"/>
      <c r="FY494" s="91"/>
      <c r="FZ494" s="91"/>
      <c r="GA494" s="91"/>
      <c r="GB494" s="91"/>
      <c r="GC494" s="91"/>
      <c r="GD494" s="91"/>
      <c r="GE494" s="91"/>
      <c r="GF494" s="91"/>
      <c r="GG494" s="91"/>
      <c r="GH494" s="91"/>
      <c r="GI494" s="91"/>
      <c r="GJ494" s="91"/>
      <c r="GK494" s="127"/>
      <c r="GL494" s="126"/>
      <c r="GM494" s="91"/>
      <c r="GN494" s="91"/>
      <c r="GO494" s="91"/>
      <c r="GP494" s="91"/>
      <c r="GQ494" s="91"/>
      <c r="GR494" s="91"/>
      <c r="GS494" s="91"/>
      <c r="GT494" s="91"/>
      <c r="GU494" s="91"/>
      <c r="GV494" s="91"/>
      <c r="GW494" s="91"/>
      <c r="GX494" s="91"/>
      <c r="GY494" s="91"/>
      <c r="GZ494" s="91"/>
      <c r="HA494" s="91"/>
      <c r="HB494" s="91"/>
      <c r="HC494" s="91"/>
      <c r="HD494" s="91"/>
      <c r="HE494" s="91"/>
      <c r="HF494" s="91"/>
      <c r="HG494" s="91"/>
      <c r="HH494" s="91"/>
      <c r="HI494" s="91"/>
      <c r="HJ494" s="91"/>
      <c r="HK494" s="127"/>
      <c r="HL494" s="126"/>
      <c r="HM494" s="91"/>
      <c r="HN494" s="91"/>
      <c r="HO494" s="91"/>
      <c r="HP494" s="91"/>
      <c r="HQ494" s="91"/>
      <c r="HR494" s="91"/>
      <c r="HS494" s="91"/>
      <c r="HT494" s="91"/>
      <c r="HU494" s="91"/>
      <c r="HV494" s="91"/>
      <c r="HW494" s="91"/>
      <c r="HX494" s="91"/>
      <c r="HY494" s="91"/>
      <c r="HZ494" s="91"/>
      <c r="IA494" s="91"/>
      <c r="IB494" s="91"/>
      <c r="IC494" s="91"/>
      <c r="ID494" s="91"/>
      <c r="IE494" s="91"/>
      <c r="IF494" s="91"/>
      <c r="IG494" s="91"/>
      <c r="IH494" s="91"/>
      <c r="II494" s="91"/>
      <c r="IJ494" s="91"/>
      <c r="IK494" s="127"/>
    </row>
    <row r="495" spans="2:245" x14ac:dyDescent="0.2">
      <c r="B495" s="43"/>
      <c r="C495" s="73"/>
      <c r="D495" s="64"/>
      <c r="E495" s="64"/>
      <c r="F495" s="55"/>
      <c r="G495" s="102"/>
      <c r="H495" s="55"/>
      <c r="I495" s="55"/>
      <c r="J495" s="55"/>
      <c r="K495" s="55"/>
      <c r="L495" s="55"/>
      <c r="M495" s="55"/>
      <c r="N495" s="55"/>
      <c r="O495" s="55"/>
      <c r="P495" s="55"/>
      <c r="Q495" s="55"/>
      <c r="R495" s="55"/>
      <c r="S495" s="55"/>
      <c r="T495" s="55"/>
      <c r="U495" s="55"/>
      <c r="V495" s="55"/>
      <c r="W495" s="55"/>
      <c r="X495" s="55"/>
      <c r="Y495" s="55"/>
      <c r="Z495" s="55"/>
      <c r="AA495" s="55"/>
      <c r="AB495" s="55"/>
      <c r="AC495" s="55"/>
      <c r="AD495" s="55"/>
      <c r="AE495" s="55"/>
      <c r="AF495" s="55"/>
      <c r="AG495" s="55"/>
      <c r="AY495" s="162"/>
      <c r="AZ495" s="162"/>
      <c r="BA495" s="162"/>
      <c r="BB495" s="162"/>
      <c r="BC495" s="162"/>
      <c r="BD495" s="162"/>
      <c r="BE495" s="162"/>
      <c r="BF495" s="162"/>
      <c r="BG495" s="162"/>
      <c r="BH495" s="162"/>
      <c r="BI495" s="162"/>
      <c r="BJ495" s="162"/>
      <c r="BK495" s="162"/>
      <c r="BL495" s="162"/>
      <c r="BM495" s="162"/>
      <c r="BN495" s="162"/>
      <c r="BO495" s="162"/>
      <c r="BP495" s="162"/>
      <c r="BQ495" s="162"/>
      <c r="BR495" s="162"/>
      <c r="BS495" s="162"/>
      <c r="BT495" s="162"/>
      <c r="BU495" s="162"/>
      <c r="BV495" s="162"/>
      <c r="BW495" s="162"/>
      <c r="BX495" s="162"/>
      <c r="BY495" s="162"/>
      <c r="BZ495" s="162"/>
      <c r="CA495" s="162"/>
      <c r="CB495" s="162"/>
      <c r="CC495" s="162"/>
      <c r="CD495" s="162"/>
      <c r="CE495" s="162"/>
      <c r="CF495" s="162"/>
      <c r="CG495" s="162"/>
      <c r="CH495" s="162"/>
      <c r="CI495" s="162"/>
      <c r="CJ495" s="162"/>
      <c r="CK495" s="162"/>
      <c r="CX495" s="98"/>
      <c r="DL495" s="97"/>
      <c r="DX495" s="98"/>
      <c r="EL495" s="97"/>
      <c r="EX495" s="98"/>
      <c r="EY495" s="97"/>
      <c r="FL495" s="126"/>
      <c r="FM495" s="91"/>
      <c r="FN495" s="91"/>
      <c r="FO495" s="91"/>
      <c r="FP495" s="91"/>
      <c r="FQ495" s="91"/>
      <c r="FR495" s="91"/>
      <c r="FS495" s="91"/>
      <c r="FT495" s="91"/>
      <c r="FU495" s="91"/>
      <c r="FV495" s="91"/>
      <c r="FW495" s="91"/>
      <c r="FX495" s="91"/>
      <c r="FY495" s="91"/>
      <c r="FZ495" s="91"/>
      <c r="GA495" s="91"/>
      <c r="GB495" s="91"/>
      <c r="GC495" s="91"/>
      <c r="GD495" s="91"/>
      <c r="GE495" s="91"/>
      <c r="GF495" s="91"/>
      <c r="GG495" s="91"/>
      <c r="GH495" s="91"/>
      <c r="GI495" s="91"/>
      <c r="GJ495" s="91"/>
      <c r="GK495" s="127"/>
      <c r="GL495" s="126"/>
      <c r="GM495" s="91"/>
      <c r="GN495" s="91"/>
      <c r="GO495" s="91"/>
      <c r="GP495" s="91"/>
      <c r="GQ495" s="91"/>
      <c r="GR495" s="91"/>
      <c r="GS495" s="91"/>
      <c r="GT495" s="91"/>
      <c r="GU495" s="91"/>
      <c r="GV495" s="91"/>
      <c r="GW495" s="91"/>
      <c r="GX495" s="91"/>
      <c r="GY495" s="91"/>
      <c r="GZ495" s="91"/>
      <c r="HA495" s="91"/>
      <c r="HB495" s="91"/>
      <c r="HC495" s="91"/>
      <c r="HD495" s="91"/>
      <c r="HE495" s="91"/>
      <c r="HF495" s="91"/>
      <c r="HG495" s="91"/>
      <c r="HH495" s="91"/>
      <c r="HI495" s="91"/>
      <c r="HJ495" s="91"/>
      <c r="HK495" s="127"/>
      <c r="HL495" s="126"/>
      <c r="HM495" s="91"/>
      <c r="HN495" s="91"/>
      <c r="HO495" s="91"/>
      <c r="HP495" s="91"/>
      <c r="HQ495" s="91"/>
      <c r="HR495" s="91"/>
      <c r="HS495" s="91"/>
      <c r="HT495" s="91"/>
      <c r="HU495" s="91"/>
      <c r="HV495" s="91"/>
      <c r="HW495" s="91"/>
      <c r="HX495" s="91"/>
      <c r="HY495" s="91"/>
      <c r="HZ495" s="91"/>
      <c r="IA495" s="91"/>
      <c r="IB495" s="91"/>
      <c r="IC495" s="91"/>
      <c r="ID495" s="91"/>
      <c r="IE495" s="91"/>
      <c r="IF495" s="91"/>
      <c r="IG495" s="91"/>
      <c r="IH495" s="91"/>
      <c r="II495" s="91"/>
      <c r="IJ495" s="91"/>
      <c r="IK495" s="127"/>
    </row>
    <row r="496" spans="2:245" x14ac:dyDescent="0.2">
      <c r="B496" s="43"/>
      <c r="C496" s="73"/>
      <c r="D496" s="64"/>
      <c r="E496" s="64"/>
      <c r="F496" s="55"/>
      <c r="G496" s="102"/>
      <c r="H496" s="55"/>
      <c r="I496" s="55"/>
      <c r="J496" s="55"/>
      <c r="K496" s="55"/>
      <c r="L496" s="55"/>
      <c r="M496" s="55"/>
      <c r="N496" s="55"/>
      <c r="O496" s="55"/>
      <c r="P496" s="55"/>
      <c r="Q496" s="55"/>
      <c r="R496" s="55"/>
      <c r="S496" s="55"/>
      <c r="T496" s="55"/>
      <c r="U496" s="55"/>
      <c r="V496" s="55"/>
      <c r="W496" s="55"/>
      <c r="X496" s="55"/>
      <c r="Y496" s="55"/>
      <c r="Z496" s="55"/>
      <c r="AA496" s="55"/>
      <c r="AB496" s="55"/>
      <c r="AC496" s="55"/>
      <c r="AD496" s="55"/>
      <c r="AE496" s="55"/>
      <c r="AF496" s="55"/>
      <c r="AG496" s="55"/>
      <c r="AY496" s="162"/>
      <c r="AZ496" s="162"/>
      <c r="BA496" s="162"/>
      <c r="BB496" s="162"/>
      <c r="BC496" s="162"/>
      <c r="BD496" s="162"/>
      <c r="BE496" s="162"/>
      <c r="BF496" s="162"/>
      <c r="BG496" s="162"/>
      <c r="BH496" s="162"/>
      <c r="BI496" s="162"/>
      <c r="BJ496" s="162"/>
      <c r="BK496" s="162"/>
      <c r="BL496" s="162"/>
      <c r="BM496" s="162"/>
      <c r="BN496" s="162"/>
      <c r="BO496" s="162"/>
      <c r="BP496" s="162"/>
      <c r="BQ496" s="162"/>
      <c r="BR496" s="162"/>
      <c r="BS496" s="162"/>
      <c r="BT496" s="162"/>
      <c r="BU496" s="162"/>
      <c r="BV496" s="162"/>
      <c r="BW496" s="162"/>
      <c r="BX496" s="162"/>
      <c r="BY496" s="162"/>
      <c r="BZ496" s="162"/>
      <c r="CA496" s="162"/>
      <c r="CB496" s="162"/>
      <c r="CC496" s="162"/>
      <c r="CD496" s="162"/>
      <c r="CE496" s="162"/>
      <c r="CF496" s="162"/>
      <c r="CG496" s="162"/>
      <c r="CH496" s="162"/>
      <c r="CI496" s="162"/>
      <c r="CJ496" s="162"/>
      <c r="CK496" s="162"/>
      <c r="CX496" s="98"/>
      <c r="DL496" s="97"/>
      <c r="DX496" s="98"/>
      <c r="EL496" s="97"/>
      <c r="EX496" s="98"/>
      <c r="EY496" s="97"/>
      <c r="FL496" s="126"/>
      <c r="FM496" s="91"/>
      <c r="FN496" s="91"/>
      <c r="FO496" s="91"/>
      <c r="FP496" s="91"/>
      <c r="FQ496" s="91"/>
      <c r="FR496" s="91"/>
      <c r="FS496" s="91"/>
      <c r="FT496" s="91"/>
      <c r="FU496" s="91"/>
      <c r="FV496" s="91"/>
      <c r="FW496" s="91"/>
      <c r="FX496" s="91"/>
      <c r="FY496" s="91"/>
      <c r="FZ496" s="91"/>
      <c r="GA496" s="91"/>
      <c r="GB496" s="91"/>
      <c r="GC496" s="91"/>
      <c r="GD496" s="91"/>
      <c r="GE496" s="91"/>
      <c r="GF496" s="91"/>
      <c r="GG496" s="91"/>
      <c r="GH496" s="91"/>
      <c r="GI496" s="91"/>
      <c r="GJ496" s="91"/>
      <c r="GK496" s="127"/>
      <c r="GL496" s="126"/>
      <c r="GM496" s="91"/>
      <c r="GN496" s="91"/>
      <c r="GO496" s="91"/>
      <c r="GP496" s="91"/>
      <c r="GQ496" s="91"/>
      <c r="GR496" s="91"/>
      <c r="GS496" s="91"/>
      <c r="GT496" s="91"/>
      <c r="GU496" s="91"/>
      <c r="GV496" s="91"/>
      <c r="GW496" s="91"/>
      <c r="GX496" s="91"/>
      <c r="GY496" s="91"/>
      <c r="GZ496" s="91"/>
      <c r="HA496" s="91"/>
      <c r="HB496" s="91"/>
      <c r="HC496" s="91"/>
      <c r="HD496" s="91"/>
      <c r="HE496" s="91"/>
      <c r="HF496" s="91"/>
      <c r="HG496" s="91"/>
      <c r="HH496" s="91"/>
      <c r="HI496" s="91"/>
      <c r="HJ496" s="91"/>
      <c r="HK496" s="127"/>
      <c r="HL496" s="126"/>
      <c r="HM496" s="91"/>
      <c r="HN496" s="91"/>
      <c r="HO496" s="91"/>
      <c r="HP496" s="91"/>
      <c r="HQ496" s="91"/>
      <c r="HR496" s="91"/>
      <c r="HS496" s="91"/>
      <c r="HT496" s="91"/>
      <c r="HU496" s="91"/>
      <c r="HV496" s="91"/>
      <c r="HW496" s="91"/>
      <c r="HX496" s="91"/>
      <c r="HY496" s="91"/>
      <c r="HZ496" s="91"/>
      <c r="IA496" s="91"/>
      <c r="IB496" s="91"/>
      <c r="IC496" s="91"/>
      <c r="ID496" s="91"/>
      <c r="IE496" s="91"/>
      <c r="IF496" s="91"/>
      <c r="IG496" s="91"/>
      <c r="IH496" s="91"/>
      <c r="II496" s="91"/>
      <c r="IJ496" s="91"/>
      <c r="IK496" s="127"/>
    </row>
    <row r="497" spans="2:245" x14ac:dyDescent="0.2">
      <c r="B497" s="43"/>
      <c r="C497" s="73"/>
      <c r="D497" s="64"/>
      <c r="E497" s="64"/>
      <c r="F497" s="55"/>
      <c r="G497" s="102"/>
      <c r="H497" s="55"/>
      <c r="I497" s="55"/>
      <c r="J497" s="55"/>
      <c r="K497" s="55"/>
      <c r="L497" s="55"/>
      <c r="M497" s="55"/>
      <c r="N497" s="55"/>
      <c r="O497" s="55"/>
      <c r="P497" s="55"/>
      <c r="Q497" s="55"/>
      <c r="R497" s="55"/>
      <c r="S497" s="55"/>
      <c r="T497" s="55"/>
      <c r="U497" s="55"/>
      <c r="V497" s="55"/>
      <c r="W497" s="55"/>
      <c r="X497" s="55"/>
      <c r="Y497" s="55"/>
      <c r="Z497" s="55"/>
      <c r="AA497" s="55"/>
      <c r="AB497" s="55"/>
      <c r="AC497" s="55"/>
      <c r="AD497" s="55"/>
      <c r="AE497" s="55"/>
      <c r="AF497" s="55"/>
      <c r="AG497" s="55"/>
      <c r="AY497" s="162"/>
      <c r="AZ497" s="162"/>
      <c r="BA497" s="162"/>
      <c r="BB497" s="162"/>
      <c r="BC497" s="162"/>
      <c r="BD497" s="162"/>
      <c r="BE497" s="162"/>
      <c r="BF497" s="162"/>
      <c r="BG497" s="162"/>
      <c r="BH497" s="162"/>
      <c r="BI497" s="162"/>
      <c r="BJ497" s="162"/>
      <c r="BK497" s="162"/>
      <c r="BL497" s="162"/>
      <c r="BM497" s="162"/>
      <c r="BN497" s="162"/>
      <c r="BO497" s="162"/>
      <c r="BP497" s="162"/>
      <c r="BQ497" s="162"/>
      <c r="BR497" s="162"/>
      <c r="BS497" s="162"/>
      <c r="BT497" s="162"/>
      <c r="BU497" s="162"/>
      <c r="BV497" s="162"/>
      <c r="BW497" s="162"/>
      <c r="BX497" s="162"/>
      <c r="BY497" s="162"/>
      <c r="BZ497" s="162"/>
      <c r="CA497" s="162"/>
      <c r="CB497" s="162"/>
      <c r="CC497" s="162"/>
      <c r="CD497" s="162"/>
      <c r="CE497" s="162"/>
      <c r="CF497" s="162"/>
      <c r="CG497" s="162"/>
      <c r="CH497" s="162"/>
      <c r="CI497" s="162"/>
      <c r="CJ497" s="162"/>
      <c r="CK497" s="162"/>
      <c r="CX497" s="98"/>
      <c r="DL497" s="97"/>
      <c r="DX497" s="98"/>
      <c r="EL497" s="97"/>
      <c r="EX497" s="98"/>
      <c r="EY497" s="97"/>
      <c r="FL497" s="126"/>
      <c r="FM497" s="91"/>
      <c r="FN497" s="91"/>
      <c r="FO497" s="91"/>
      <c r="FP497" s="91"/>
      <c r="FQ497" s="91"/>
      <c r="FR497" s="91"/>
      <c r="FS497" s="91"/>
      <c r="FT497" s="91"/>
      <c r="FU497" s="91"/>
      <c r="FV497" s="91"/>
      <c r="FW497" s="91"/>
      <c r="FX497" s="91"/>
      <c r="FY497" s="91"/>
      <c r="FZ497" s="91"/>
      <c r="GA497" s="91"/>
      <c r="GB497" s="91"/>
      <c r="GC497" s="91"/>
      <c r="GD497" s="91"/>
      <c r="GE497" s="91"/>
      <c r="GF497" s="91"/>
      <c r="GG497" s="91"/>
      <c r="GH497" s="91"/>
      <c r="GI497" s="91"/>
      <c r="GJ497" s="91"/>
      <c r="GK497" s="127"/>
      <c r="GL497" s="126"/>
      <c r="GM497" s="91"/>
      <c r="GN497" s="91"/>
      <c r="GO497" s="91"/>
      <c r="GP497" s="91"/>
      <c r="GQ497" s="91"/>
      <c r="GR497" s="91"/>
      <c r="GS497" s="91"/>
      <c r="GT497" s="91"/>
      <c r="GU497" s="91"/>
      <c r="GV497" s="91"/>
      <c r="GW497" s="91"/>
      <c r="GX497" s="91"/>
      <c r="GY497" s="91"/>
      <c r="GZ497" s="91"/>
      <c r="HA497" s="91"/>
      <c r="HB497" s="91"/>
      <c r="HC497" s="91"/>
      <c r="HD497" s="91"/>
      <c r="HE497" s="91"/>
      <c r="HF497" s="91"/>
      <c r="HG497" s="91"/>
      <c r="HH497" s="91"/>
      <c r="HI497" s="91"/>
      <c r="HJ497" s="91"/>
      <c r="HK497" s="127"/>
      <c r="HL497" s="126"/>
      <c r="HM497" s="91"/>
      <c r="HN497" s="91"/>
      <c r="HO497" s="91"/>
      <c r="HP497" s="91"/>
      <c r="HQ497" s="91"/>
      <c r="HR497" s="91"/>
      <c r="HS497" s="91"/>
      <c r="HT497" s="91"/>
      <c r="HU497" s="91"/>
      <c r="HV497" s="91"/>
      <c r="HW497" s="91"/>
      <c r="HX497" s="91"/>
      <c r="HY497" s="91"/>
      <c r="HZ497" s="91"/>
      <c r="IA497" s="91"/>
      <c r="IB497" s="91"/>
      <c r="IC497" s="91"/>
      <c r="ID497" s="91"/>
      <c r="IE497" s="91"/>
      <c r="IF497" s="91"/>
      <c r="IG497" s="91"/>
      <c r="IH497" s="91"/>
      <c r="II497" s="91"/>
      <c r="IJ497" s="91"/>
      <c r="IK497" s="127"/>
    </row>
    <row r="498" spans="2:245" x14ac:dyDescent="0.2">
      <c r="B498" s="43"/>
      <c r="C498" s="73"/>
      <c r="D498" s="64"/>
      <c r="E498" s="64"/>
      <c r="F498" s="55"/>
      <c r="G498" s="102"/>
      <c r="H498" s="55"/>
      <c r="I498" s="55"/>
      <c r="J498" s="55"/>
      <c r="K498" s="55"/>
      <c r="L498" s="55"/>
      <c r="M498" s="55"/>
      <c r="N498" s="55"/>
      <c r="O498" s="55"/>
      <c r="P498" s="55"/>
      <c r="Q498" s="55"/>
      <c r="R498" s="55"/>
      <c r="S498" s="55"/>
      <c r="T498" s="55"/>
      <c r="U498" s="55"/>
      <c r="V498" s="55"/>
      <c r="W498" s="55"/>
      <c r="X498" s="55"/>
      <c r="Y498" s="55"/>
      <c r="Z498" s="55"/>
      <c r="AA498" s="55"/>
      <c r="AB498" s="55"/>
      <c r="AC498" s="55"/>
      <c r="AD498" s="55"/>
      <c r="AE498" s="55"/>
      <c r="AF498" s="55"/>
      <c r="AG498" s="55"/>
      <c r="AY498" s="162"/>
      <c r="AZ498" s="162"/>
      <c r="BA498" s="162"/>
      <c r="BB498" s="162"/>
      <c r="BC498" s="162"/>
      <c r="BD498" s="162"/>
      <c r="BE498" s="162"/>
      <c r="BF498" s="162"/>
      <c r="BG498" s="162"/>
      <c r="BH498" s="162"/>
      <c r="BI498" s="162"/>
      <c r="BJ498" s="162"/>
      <c r="BK498" s="162"/>
      <c r="BL498" s="162"/>
      <c r="BM498" s="162"/>
      <c r="BN498" s="162"/>
      <c r="BO498" s="162"/>
      <c r="BP498" s="162"/>
      <c r="BQ498" s="162"/>
      <c r="BR498" s="162"/>
      <c r="BS498" s="162"/>
      <c r="BT498" s="162"/>
      <c r="BU498" s="162"/>
      <c r="BV498" s="162"/>
      <c r="BW498" s="162"/>
      <c r="BX498" s="162"/>
      <c r="BY498" s="162"/>
      <c r="BZ498" s="162"/>
      <c r="CA498" s="162"/>
      <c r="CB498" s="162"/>
      <c r="CC498" s="162"/>
      <c r="CD498" s="162"/>
      <c r="CE498" s="162"/>
      <c r="CF498" s="162"/>
      <c r="CG498" s="162"/>
      <c r="CH498" s="162"/>
      <c r="CI498" s="162"/>
      <c r="CJ498" s="162"/>
      <c r="CK498" s="162"/>
      <c r="CX498" s="98"/>
      <c r="DL498" s="97"/>
      <c r="DX498" s="98"/>
      <c r="EL498" s="97"/>
      <c r="EX498" s="98"/>
      <c r="EY498" s="97"/>
      <c r="FL498" s="126"/>
      <c r="FM498" s="91"/>
      <c r="FN498" s="91"/>
      <c r="FO498" s="91"/>
      <c r="FP498" s="91"/>
      <c r="FQ498" s="91"/>
      <c r="FR498" s="91"/>
      <c r="FS498" s="91"/>
      <c r="FT498" s="91"/>
      <c r="FU498" s="91"/>
      <c r="FV498" s="91"/>
      <c r="FW498" s="91"/>
      <c r="FX498" s="91"/>
      <c r="FY498" s="91"/>
      <c r="FZ498" s="91"/>
      <c r="GA498" s="91"/>
      <c r="GB498" s="91"/>
      <c r="GC498" s="91"/>
      <c r="GD498" s="91"/>
      <c r="GE498" s="91"/>
      <c r="GF498" s="91"/>
      <c r="GG498" s="91"/>
      <c r="GH498" s="91"/>
      <c r="GI498" s="91"/>
      <c r="GJ498" s="91"/>
      <c r="GK498" s="127"/>
      <c r="GL498" s="126"/>
      <c r="GM498" s="91"/>
      <c r="GN498" s="91"/>
      <c r="GO498" s="91"/>
      <c r="GP498" s="91"/>
      <c r="GQ498" s="91"/>
      <c r="GR498" s="91"/>
      <c r="GS498" s="91"/>
      <c r="GT498" s="91"/>
      <c r="GU498" s="91"/>
      <c r="GV498" s="91"/>
      <c r="GW498" s="91"/>
      <c r="GX498" s="91"/>
      <c r="GY498" s="91"/>
      <c r="GZ498" s="91"/>
      <c r="HA498" s="91"/>
      <c r="HB498" s="91"/>
      <c r="HC498" s="91"/>
      <c r="HD498" s="91"/>
      <c r="HE498" s="91"/>
      <c r="HF498" s="91"/>
      <c r="HG498" s="91"/>
      <c r="HH498" s="91"/>
      <c r="HI498" s="91"/>
      <c r="HJ498" s="91"/>
      <c r="HK498" s="127"/>
      <c r="HL498" s="126"/>
      <c r="HM498" s="91"/>
      <c r="HN498" s="91"/>
      <c r="HO498" s="91"/>
      <c r="HP498" s="91"/>
      <c r="HQ498" s="91"/>
      <c r="HR498" s="91"/>
      <c r="HS498" s="91"/>
      <c r="HT498" s="91"/>
      <c r="HU498" s="91"/>
      <c r="HV498" s="91"/>
      <c r="HW498" s="91"/>
      <c r="HX498" s="91"/>
      <c r="HY498" s="91"/>
      <c r="HZ498" s="91"/>
      <c r="IA498" s="91"/>
      <c r="IB498" s="91"/>
      <c r="IC498" s="91"/>
      <c r="ID498" s="91"/>
      <c r="IE498" s="91"/>
      <c r="IF498" s="91"/>
      <c r="IG498" s="91"/>
      <c r="IH498" s="91"/>
      <c r="II498" s="91"/>
      <c r="IJ498" s="91"/>
      <c r="IK498" s="127"/>
    </row>
    <row r="499" spans="2:245" x14ac:dyDescent="0.2">
      <c r="B499" s="43"/>
      <c r="C499" s="73"/>
      <c r="D499" s="64"/>
      <c r="E499" s="64"/>
      <c r="F499" s="55"/>
      <c r="G499" s="102"/>
      <c r="H499" s="55"/>
      <c r="I499" s="55"/>
      <c r="J499" s="55"/>
      <c r="K499" s="55"/>
      <c r="L499" s="55"/>
      <c r="M499" s="55"/>
      <c r="N499" s="55"/>
      <c r="O499" s="55"/>
      <c r="P499" s="55"/>
      <c r="Q499" s="55"/>
      <c r="R499" s="55"/>
      <c r="S499" s="55"/>
      <c r="T499" s="55"/>
      <c r="U499" s="55"/>
      <c r="V499" s="55"/>
      <c r="W499" s="55"/>
      <c r="X499" s="55"/>
      <c r="Y499" s="55"/>
      <c r="Z499" s="55"/>
      <c r="AA499" s="55"/>
      <c r="AB499" s="55"/>
      <c r="AC499" s="55"/>
      <c r="AD499" s="55"/>
      <c r="AE499" s="55"/>
      <c r="AF499" s="55"/>
      <c r="AG499" s="55"/>
      <c r="AY499" s="162"/>
      <c r="AZ499" s="162"/>
      <c r="BA499" s="162"/>
      <c r="BB499" s="162"/>
      <c r="BC499" s="162"/>
      <c r="BD499" s="162"/>
      <c r="BE499" s="162"/>
      <c r="BF499" s="162"/>
      <c r="BG499" s="162"/>
      <c r="BH499" s="162"/>
      <c r="BI499" s="162"/>
      <c r="BJ499" s="162"/>
      <c r="BK499" s="162"/>
      <c r="BL499" s="162"/>
      <c r="BM499" s="162"/>
      <c r="BN499" s="162"/>
      <c r="BO499" s="162"/>
      <c r="BP499" s="162"/>
      <c r="BQ499" s="162"/>
      <c r="BR499" s="162"/>
      <c r="BS499" s="162"/>
      <c r="BT499" s="162"/>
      <c r="BU499" s="162"/>
      <c r="BV499" s="162"/>
      <c r="BW499" s="162"/>
      <c r="BX499" s="162"/>
      <c r="BY499" s="162"/>
      <c r="BZ499" s="162"/>
      <c r="CA499" s="162"/>
      <c r="CB499" s="162"/>
      <c r="CC499" s="162"/>
      <c r="CD499" s="162"/>
      <c r="CE499" s="162"/>
      <c r="CF499" s="162"/>
      <c r="CG499" s="162"/>
      <c r="CH499" s="162"/>
      <c r="CI499" s="162"/>
      <c r="CJ499" s="162"/>
      <c r="CK499" s="162"/>
      <c r="CX499" s="98"/>
      <c r="DL499" s="97"/>
      <c r="DX499" s="98"/>
      <c r="EL499" s="97"/>
      <c r="EX499" s="98"/>
      <c r="EY499" s="97"/>
      <c r="FL499" s="126"/>
      <c r="FM499" s="91"/>
      <c r="FN499" s="91"/>
      <c r="FO499" s="91"/>
      <c r="FP499" s="91"/>
      <c r="FQ499" s="91"/>
      <c r="FR499" s="91"/>
      <c r="FS499" s="91"/>
      <c r="FT499" s="91"/>
      <c r="FU499" s="91"/>
      <c r="FV499" s="91"/>
      <c r="FW499" s="91"/>
      <c r="FX499" s="91"/>
      <c r="FY499" s="91"/>
      <c r="FZ499" s="91"/>
      <c r="GA499" s="91"/>
      <c r="GB499" s="91"/>
      <c r="GC499" s="91"/>
      <c r="GD499" s="91"/>
      <c r="GE499" s="91"/>
      <c r="GF499" s="91"/>
      <c r="GG499" s="91"/>
      <c r="GH499" s="91"/>
      <c r="GI499" s="91"/>
      <c r="GJ499" s="91"/>
      <c r="GK499" s="127"/>
      <c r="GL499" s="126"/>
      <c r="GM499" s="91"/>
      <c r="GN499" s="91"/>
      <c r="GO499" s="91"/>
      <c r="GP499" s="91"/>
      <c r="GQ499" s="91"/>
      <c r="GR499" s="91"/>
      <c r="GS499" s="91"/>
      <c r="GT499" s="91"/>
      <c r="GU499" s="91"/>
      <c r="GV499" s="91"/>
      <c r="GW499" s="91"/>
      <c r="GX499" s="91"/>
      <c r="GY499" s="91"/>
      <c r="GZ499" s="91"/>
      <c r="HA499" s="91"/>
      <c r="HB499" s="91"/>
      <c r="HC499" s="91"/>
      <c r="HD499" s="91"/>
      <c r="HE499" s="91"/>
      <c r="HF499" s="91"/>
      <c r="HG499" s="91"/>
      <c r="HH499" s="91"/>
      <c r="HI499" s="91"/>
      <c r="HJ499" s="91"/>
      <c r="HK499" s="127"/>
      <c r="HL499" s="126"/>
      <c r="HM499" s="91"/>
      <c r="HN499" s="91"/>
      <c r="HO499" s="91"/>
      <c r="HP499" s="91"/>
      <c r="HQ499" s="91"/>
      <c r="HR499" s="91"/>
      <c r="HS499" s="91"/>
      <c r="HT499" s="91"/>
      <c r="HU499" s="91"/>
      <c r="HV499" s="91"/>
      <c r="HW499" s="91"/>
      <c r="HX499" s="91"/>
      <c r="HY499" s="91"/>
      <c r="HZ499" s="91"/>
      <c r="IA499" s="91"/>
      <c r="IB499" s="91"/>
      <c r="IC499" s="91"/>
      <c r="ID499" s="91"/>
      <c r="IE499" s="91"/>
      <c r="IF499" s="91"/>
      <c r="IG499" s="91"/>
      <c r="IH499" s="91"/>
      <c r="II499" s="91"/>
      <c r="IJ499" s="91"/>
      <c r="IK499" s="127"/>
    </row>
    <row r="500" spans="2:245" x14ac:dyDescent="0.2">
      <c r="B500" s="43"/>
      <c r="C500" s="73"/>
      <c r="D500" s="64"/>
      <c r="E500" s="64"/>
      <c r="F500" s="55"/>
      <c r="G500" s="102"/>
      <c r="H500" s="55"/>
      <c r="I500" s="55"/>
      <c r="J500" s="55"/>
      <c r="K500" s="55"/>
      <c r="L500" s="55"/>
      <c r="M500" s="55"/>
      <c r="N500" s="55"/>
      <c r="O500" s="55"/>
      <c r="P500" s="55"/>
      <c r="Q500" s="55"/>
      <c r="R500" s="55"/>
      <c r="S500" s="55"/>
      <c r="T500" s="55"/>
      <c r="U500" s="55"/>
      <c r="V500" s="55"/>
      <c r="W500" s="55"/>
      <c r="X500" s="55"/>
      <c r="Y500" s="55"/>
      <c r="Z500" s="55"/>
      <c r="AA500" s="55"/>
      <c r="AB500" s="55"/>
      <c r="AC500" s="55"/>
      <c r="AD500" s="55"/>
      <c r="AE500" s="55"/>
      <c r="AF500" s="55"/>
      <c r="AG500" s="55"/>
      <c r="AY500" s="162"/>
      <c r="AZ500" s="162"/>
      <c r="BA500" s="162"/>
      <c r="BB500" s="162"/>
      <c r="BC500" s="162"/>
      <c r="BD500" s="162"/>
      <c r="BE500" s="162"/>
      <c r="BF500" s="162"/>
      <c r="BG500" s="162"/>
      <c r="BH500" s="162"/>
      <c r="BI500" s="162"/>
      <c r="BJ500" s="162"/>
      <c r="BK500" s="162"/>
      <c r="BL500" s="162"/>
      <c r="BM500" s="162"/>
      <c r="BN500" s="162"/>
      <c r="BO500" s="162"/>
      <c r="BP500" s="162"/>
      <c r="BQ500" s="162"/>
      <c r="BR500" s="162"/>
      <c r="BS500" s="162"/>
      <c r="BT500" s="162"/>
      <c r="BU500" s="162"/>
      <c r="BV500" s="162"/>
      <c r="BW500" s="162"/>
      <c r="BX500" s="162"/>
      <c r="BY500" s="162"/>
      <c r="BZ500" s="162"/>
      <c r="CA500" s="162"/>
      <c r="CB500" s="162"/>
      <c r="CC500" s="162"/>
      <c r="CD500" s="162"/>
      <c r="CE500" s="162"/>
      <c r="CF500" s="162"/>
      <c r="CG500" s="162"/>
      <c r="CH500" s="162"/>
      <c r="CI500" s="162"/>
      <c r="CJ500" s="162"/>
      <c r="CK500" s="162"/>
      <c r="CX500" s="98"/>
      <c r="DL500" s="97"/>
      <c r="DX500" s="98"/>
      <c r="EL500" s="97"/>
      <c r="EX500" s="98"/>
      <c r="EY500" s="97"/>
      <c r="FL500" s="126"/>
      <c r="FM500" s="91"/>
      <c r="FN500" s="91"/>
      <c r="FO500" s="91"/>
      <c r="FP500" s="91"/>
      <c r="FQ500" s="91"/>
      <c r="FR500" s="91"/>
      <c r="FS500" s="91"/>
      <c r="FT500" s="91"/>
      <c r="FU500" s="91"/>
      <c r="FV500" s="91"/>
      <c r="FW500" s="91"/>
      <c r="FX500" s="91"/>
      <c r="FY500" s="91"/>
      <c r="FZ500" s="91"/>
      <c r="GA500" s="91"/>
      <c r="GB500" s="91"/>
      <c r="GC500" s="91"/>
      <c r="GD500" s="91"/>
      <c r="GE500" s="91"/>
      <c r="GF500" s="91"/>
      <c r="GG500" s="91"/>
      <c r="GH500" s="91"/>
      <c r="GI500" s="91"/>
      <c r="GJ500" s="91"/>
      <c r="GK500" s="127"/>
      <c r="GL500" s="126"/>
      <c r="GM500" s="91"/>
      <c r="GN500" s="91"/>
      <c r="GO500" s="91"/>
      <c r="GP500" s="91"/>
      <c r="GQ500" s="91"/>
      <c r="GR500" s="91"/>
      <c r="GS500" s="91"/>
      <c r="GT500" s="91"/>
      <c r="GU500" s="91"/>
      <c r="GV500" s="91"/>
      <c r="GW500" s="91"/>
      <c r="GX500" s="91"/>
      <c r="GY500" s="91"/>
      <c r="GZ500" s="91"/>
      <c r="HA500" s="91"/>
      <c r="HB500" s="91"/>
      <c r="HC500" s="91"/>
      <c r="HD500" s="91"/>
      <c r="HE500" s="91"/>
      <c r="HF500" s="91"/>
      <c r="HG500" s="91"/>
      <c r="HH500" s="91"/>
      <c r="HI500" s="91"/>
      <c r="HJ500" s="91"/>
      <c r="HK500" s="127"/>
      <c r="HL500" s="126"/>
      <c r="HM500" s="91"/>
      <c r="HN500" s="91"/>
      <c r="HO500" s="91"/>
      <c r="HP500" s="91"/>
      <c r="HQ500" s="91"/>
      <c r="HR500" s="91"/>
      <c r="HS500" s="91"/>
      <c r="HT500" s="91"/>
      <c r="HU500" s="91"/>
      <c r="HV500" s="91"/>
      <c r="HW500" s="91"/>
      <c r="HX500" s="91"/>
      <c r="HY500" s="91"/>
      <c r="HZ500" s="91"/>
      <c r="IA500" s="91"/>
      <c r="IB500" s="91"/>
      <c r="IC500" s="91"/>
      <c r="ID500" s="91"/>
      <c r="IE500" s="91"/>
      <c r="IF500" s="91"/>
      <c r="IG500" s="91"/>
      <c r="IH500" s="91"/>
      <c r="II500" s="91"/>
      <c r="IJ500" s="91"/>
      <c r="IK500" s="127"/>
    </row>
    <row r="501" spans="2:245" x14ac:dyDescent="0.2">
      <c r="B501" s="43"/>
      <c r="C501" s="73"/>
      <c r="D501" s="64"/>
      <c r="E501" s="64"/>
      <c r="F501" s="55"/>
      <c r="G501" s="102"/>
      <c r="H501" s="55"/>
      <c r="I501" s="55"/>
      <c r="J501" s="55"/>
      <c r="K501" s="55"/>
      <c r="L501" s="55"/>
      <c r="M501" s="55"/>
      <c r="N501" s="55"/>
      <c r="O501" s="55"/>
      <c r="P501" s="55"/>
      <c r="Q501" s="55"/>
      <c r="R501" s="55"/>
      <c r="S501" s="55"/>
      <c r="T501" s="55"/>
      <c r="U501" s="55"/>
      <c r="V501" s="55"/>
      <c r="W501" s="55"/>
      <c r="X501" s="55"/>
      <c r="Y501" s="55"/>
      <c r="Z501" s="55"/>
      <c r="AA501" s="55"/>
      <c r="AB501" s="55"/>
      <c r="AC501" s="55"/>
      <c r="AD501" s="55"/>
      <c r="AE501" s="55"/>
      <c r="AF501" s="55"/>
      <c r="AG501" s="55"/>
      <c r="AY501" s="162"/>
      <c r="AZ501" s="162"/>
      <c r="BA501" s="162"/>
      <c r="BB501" s="162"/>
      <c r="BC501" s="162"/>
      <c r="BD501" s="162"/>
      <c r="BE501" s="162"/>
      <c r="BF501" s="162"/>
      <c r="BG501" s="162"/>
      <c r="BH501" s="162"/>
      <c r="BI501" s="162"/>
      <c r="BJ501" s="162"/>
      <c r="BK501" s="162"/>
      <c r="BL501" s="162"/>
      <c r="BM501" s="162"/>
      <c r="BN501" s="162"/>
      <c r="BO501" s="162"/>
      <c r="BP501" s="162"/>
      <c r="BQ501" s="162"/>
      <c r="BR501" s="162"/>
      <c r="BS501" s="162"/>
      <c r="BT501" s="162"/>
      <c r="BU501" s="162"/>
      <c r="BV501" s="162"/>
      <c r="BW501" s="162"/>
      <c r="BX501" s="162"/>
      <c r="BY501" s="162"/>
      <c r="BZ501" s="162"/>
      <c r="CA501" s="162"/>
      <c r="CB501" s="162"/>
      <c r="CC501" s="162"/>
      <c r="CD501" s="162"/>
      <c r="CE501" s="162"/>
      <c r="CF501" s="162"/>
      <c r="CG501" s="162"/>
      <c r="CH501" s="162"/>
      <c r="CI501" s="162"/>
      <c r="CJ501" s="162"/>
      <c r="CK501" s="162"/>
      <c r="CX501" s="98"/>
      <c r="DL501" s="97"/>
      <c r="DX501" s="98"/>
      <c r="EL501" s="97"/>
      <c r="EX501" s="98"/>
      <c r="EY501" s="97"/>
      <c r="FL501" s="126"/>
      <c r="FM501" s="91"/>
      <c r="FN501" s="91"/>
      <c r="FO501" s="91"/>
      <c r="FP501" s="91"/>
      <c r="FQ501" s="91"/>
      <c r="FR501" s="91"/>
      <c r="FS501" s="91"/>
      <c r="FT501" s="91"/>
      <c r="FU501" s="91"/>
      <c r="FV501" s="91"/>
      <c r="FW501" s="91"/>
      <c r="FX501" s="91"/>
      <c r="FY501" s="91"/>
      <c r="FZ501" s="91"/>
      <c r="GA501" s="91"/>
      <c r="GB501" s="91"/>
      <c r="GC501" s="91"/>
      <c r="GD501" s="91"/>
      <c r="GE501" s="91"/>
      <c r="GF501" s="91"/>
      <c r="GG501" s="91"/>
      <c r="GH501" s="91"/>
      <c r="GI501" s="91"/>
      <c r="GJ501" s="91"/>
      <c r="GK501" s="127"/>
      <c r="GL501" s="126"/>
      <c r="GM501" s="91"/>
      <c r="GN501" s="91"/>
      <c r="GO501" s="91"/>
      <c r="GP501" s="91"/>
      <c r="GQ501" s="91"/>
      <c r="GR501" s="91"/>
      <c r="GS501" s="91"/>
      <c r="GT501" s="91"/>
      <c r="GU501" s="91"/>
      <c r="GV501" s="91"/>
      <c r="GW501" s="91"/>
      <c r="GX501" s="91"/>
      <c r="GY501" s="91"/>
      <c r="GZ501" s="91"/>
      <c r="HA501" s="91"/>
      <c r="HB501" s="91"/>
      <c r="HC501" s="91"/>
      <c r="HD501" s="91"/>
      <c r="HE501" s="91"/>
      <c r="HF501" s="91"/>
      <c r="HG501" s="91"/>
      <c r="HH501" s="91"/>
      <c r="HI501" s="91"/>
      <c r="HJ501" s="91"/>
      <c r="HK501" s="127"/>
      <c r="HL501" s="126"/>
      <c r="HM501" s="91"/>
      <c r="HN501" s="91"/>
      <c r="HO501" s="91"/>
      <c r="HP501" s="91"/>
      <c r="HQ501" s="91"/>
      <c r="HR501" s="91"/>
      <c r="HS501" s="91"/>
      <c r="HT501" s="91"/>
      <c r="HU501" s="91"/>
      <c r="HV501" s="91"/>
      <c r="HW501" s="91"/>
      <c r="HX501" s="91"/>
      <c r="HY501" s="91"/>
      <c r="HZ501" s="91"/>
      <c r="IA501" s="91"/>
      <c r="IB501" s="91"/>
      <c r="IC501" s="91"/>
      <c r="ID501" s="91"/>
      <c r="IE501" s="91"/>
      <c r="IF501" s="91"/>
      <c r="IG501" s="91"/>
      <c r="IH501" s="91"/>
      <c r="II501" s="91"/>
      <c r="IJ501" s="91"/>
      <c r="IK501" s="127"/>
    </row>
    <row r="502" spans="2:245" x14ac:dyDescent="0.2">
      <c r="B502" s="43"/>
      <c r="C502" s="73"/>
      <c r="D502" s="64"/>
      <c r="E502" s="64"/>
      <c r="F502" s="55"/>
      <c r="G502" s="102"/>
      <c r="H502" s="55"/>
      <c r="I502" s="55"/>
      <c r="J502" s="55"/>
      <c r="K502" s="55"/>
      <c r="L502" s="55"/>
      <c r="M502" s="55"/>
      <c r="N502" s="55"/>
      <c r="O502" s="55"/>
      <c r="P502" s="55"/>
      <c r="Q502" s="55"/>
      <c r="R502" s="55"/>
      <c r="S502" s="55"/>
      <c r="T502" s="55"/>
      <c r="U502" s="55"/>
      <c r="V502" s="55"/>
      <c r="W502" s="55"/>
      <c r="X502" s="55"/>
      <c r="Y502" s="55"/>
      <c r="Z502" s="55"/>
      <c r="AA502" s="55"/>
      <c r="AB502" s="55"/>
      <c r="AC502" s="55"/>
      <c r="AD502" s="55"/>
      <c r="AE502" s="55"/>
      <c r="AF502" s="55"/>
      <c r="AG502" s="55"/>
      <c r="AY502" s="162"/>
      <c r="AZ502" s="162"/>
      <c r="BA502" s="162"/>
      <c r="BB502" s="162"/>
      <c r="BC502" s="162"/>
      <c r="BD502" s="162"/>
      <c r="BE502" s="162"/>
      <c r="BF502" s="162"/>
      <c r="BG502" s="162"/>
      <c r="BH502" s="162"/>
      <c r="BI502" s="162"/>
      <c r="BJ502" s="162"/>
      <c r="BK502" s="162"/>
      <c r="BL502" s="162"/>
      <c r="BM502" s="162"/>
      <c r="BN502" s="162"/>
      <c r="BO502" s="162"/>
      <c r="BP502" s="162"/>
      <c r="BQ502" s="162"/>
      <c r="BR502" s="162"/>
      <c r="BS502" s="162"/>
      <c r="BT502" s="162"/>
      <c r="BU502" s="162"/>
      <c r="BV502" s="162"/>
      <c r="BW502" s="162"/>
      <c r="BX502" s="162"/>
      <c r="BY502" s="162"/>
      <c r="BZ502" s="162"/>
      <c r="CA502" s="162"/>
      <c r="CB502" s="162"/>
      <c r="CC502" s="162"/>
      <c r="CD502" s="162"/>
      <c r="CE502" s="162"/>
      <c r="CF502" s="162"/>
      <c r="CG502" s="162"/>
      <c r="CH502" s="162"/>
      <c r="CI502" s="162"/>
      <c r="CJ502" s="162"/>
      <c r="CK502" s="162"/>
      <c r="CX502" s="98"/>
      <c r="DL502" s="97"/>
      <c r="DX502" s="98"/>
      <c r="EL502" s="97"/>
      <c r="EX502" s="98"/>
      <c r="EY502" s="97"/>
      <c r="FL502" s="126"/>
      <c r="FM502" s="91"/>
      <c r="FN502" s="91"/>
      <c r="FO502" s="91"/>
      <c r="FP502" s="91"/>
      <c r="FQ502" s="91"/>
      <c r="FR502" s="91"/>
      <c r="FS502" s="91"/>
      <c r="FT502" s="91"/>
      <c r="FU502" s="91"/>
      <c r="FV502" s="91"/>
      <c r="FW502" s="91"/>
      <c r="FX502" s="91"/>
      <c r="FY502" s="91"/>
      <c r="FZ502" s="91"/>
      <c r="GA502" s="91"/>
      <c r="GB502" s="91"/>
      <c r="GC502" s="91"/>
      <c r="GD502" s="91"/>
      <c r="GE502" s="91"/>
      <c r="GF502" s="91"/>
      <c r="GG502" s="91"/>
      <c r="GH502" s="91"/>
      <c r="GI502" s="91"/>
      <c r="GJ502" s="91"/>
      <c r="GK502" s="127"/>
      <c r="GL502" s="126"/>
      <c r="GM502" s="91"/>
      <c r="GN502" s="91"/>
      <c r="GO502" s="91"/>
      <c r="GP502" s="91"/>
      <c r="GQ502" s="91"/>
      <c r="GR502" s="91"/>
      <c r="GS502" s="91"/>
      <c r="GT502" s="91"/>
      <c r="GU502" s="91"/>
      <c r="GV502" s="91"/>
      <c r="GW502" s="91"/>
      <c r="GX502" s="91"/>
      <c r="GY502" s="91"/>
      <c r="GZ502" s="91"/>
      <c r="HA502" s="91"/>
      <c r="HB502" s="91"/>
      <c r="HC502" s="91"/>
      <c r="HD502" s="91"/>
      <c r="HE502" s="91"/>
      <c r="HF502" s="91"/>
      <c r="HG502" s="91"/>
      <c r="HH502" s="91"/>
      <c r="HI502" s="91"/>
      <c r="HJ502" s="91"/>
      <c r="HK502" s="127"/>
      <c r="HL502" s="126"/>
      <c r="HM502" s="91"/>
      <c r="HN502" s="91"/>
      <c r="HO502" s="91"/>
      <c r="HP502" s="91"/>
      <c r="HQ502" s="91"/>
      <c r="HR502" s="91"/>
      <c r="HS502" s="91"/>
      <c r="HT502" s="91"/>
      <c r="HU502" s="91"/>
      <c r="HV502" s="91"/>
      <c r="HW502" s="91"/>
      <c r="HX502" s="91"/>
      <c r="HY502" s="91"/>
      <c r="HZ502" s="91"/>
      <c r="IA502" s="91"/>
      <c r="IB502" s="91"/>
      <c r="IC502" s="91"/>
      <c r="ID502" s="91"/>
      <c r="IE502" s="91"/>
      <c r="IF502" s="91"/>
      <c r="IG502" s="91"/>
      <c r="IH502" s="91"/>
      <c r="II502" s="91"/>
      <c r="IJ502" s="91"/>
      <c r="IK502" s="127"/>
    </row>
    <row r="503" spans="2:245" x14ac:dyDescent="0.2">
      <c r="B503" s="43"/>
      <c r="C503" s="73"/>
      <c r="D503" s="64"/>
      <c r="E503" s="64"/>
      <c r="F503" s="55"/>
      <c r="G503" s="102"/>
      <c r="H503" s="55"/>
      <c r="I503" s="55"/>
      <c r="J503" s="55"/>
      <c r="K503" s="55"/>
      <c r="L503" s="55"/>
      <c r="M503" s="55"/>
      <c r="N503" s="55"/>
      <c r="O503" s="55"/>
      <c r="P503" s="55"/>
      <c r="Q503" s="55"/>
      <c r="R503" s="55"/>
      <c r="S503" s="55"/>
      <c r="T503" s="55"/>
      <c r="U503" s="55"/>
      <c r="V503" s="55"/>
      <c r="W503" s="55"/>
      <c r="X503" s="55"/>
      <c r="Y503" s="55"/>
      <c r="Z503" s="55"/>
      <c r="AA503" s="55"/>
      <c r="AB503" s="55"/>
      <c r="AC503" s="55"/>
      <c r="AD503" s="55"/>
      <c r="AE503" s="55"/>
      <c r="AF503" s="55"/>
      <c r="AG503" s="55"/>
      <c r="AY503" s="162"/>
      <c r="AZ503" s="162"/>
      <c r="BA503" s="162"/>
      <c r="BB503" s="162"/>
      <c r="BC503" s="162"/>
      <c r="BD503" s="162"/>
      <c r="BE503" s="162"/>
      <c r="BF503" s="162"/>
      <c r="BG503" s="162"/>
      <c r="BH503" s="162"/>
      <c r="BI503" s="162"/>
      <c r="BJ503" s="162"/>
      <c r="BK503" s="162"/>
      <c r="BL503" s="162"/>
      <c r="BM503" s="162"/>
      <c r="BN503" s="162"/>
      <c r="BO503" s="162"/>
      <c r="BP503" s="162"/>
      <c r="BQ503" s="162"/>
      <c r="BR503" s="162"/>
      <c r="BS503" s="162"/>
      <c r="BT503" s="162"/>
      <c r="BU503" s="162"/>
      <c r="BV503" s="162"/>
      <c r="BW503" s="162"/>
      <c r="BX503" s="162"/>
      <c r="BY503" s="162"/>
      <c r="BZ503" s="162"/>
      <c r="CA503" s="162"/>
      <c r="CB503" s="162"/>
      <c r="CC503" s="162"/>
      <c r="CD503" s="162"/>
      <c r="CE503" s="162"/>
      <c r="CF503" s="162"/>
      <c r="CG503" s="162"/>
      <c r="CH503" s="162"/>
      <c r="CI503" s="162"/>
      <c r="CJ503" s="162"/>
      <c r="CK503" s="162"/>
      <c r="CX503" s="98"/>
      <c r="DL503" s="97"/>
      <c r="DX503" s="98"/>
      <c r="EL503" s="97"/>
      <c r="EX503" s="98"/>
      <c r="EY503" s="97"/>
      <c r="FL503" s="126"/>
      <c r="FM503" s="91"/>
      <c r="FN503" s="91"/>
      <c r="FO503" s="91"/>
      <c r="FP503" s="91"/>
      <c r="FQ503" s="91"/>
      <c r="FR503" s="91"/>
      <c r="FS503" s="91"/>
      <c r="FT503" s="91"/>
      <c r="FU503" s="91"/>
      <c r="FV503" s="91"/>
      <c r="FW503" s="91"/>
      <c r="FX503" s="91"/>
      <c r="FY503" s="91"/>
      <c r="FZ503" s="91"/>
      <c r="GA503" s="91"/>
      <c r="GB503" s="91"/>
      <c r="GC503" s="91"/>
      <c r="GD503" s="91"/>
      <c r="GE503" s="91"/>
      <c r="GF503" s="91"/>
      <c r="GG503" s="91"/>
      <c r="GH503" s="91"/>
      <c r="GI503" s="91"/>
      <c r="GJ503" s="91"/>
      <c r="GK503" s="127"/>
      <c r="GL503" s="126"/>
      <c r="GM503" s="91"/>
      <c r="GN503" s="91"/>
      <c r="GO503" s="91"/>
      <c r="GP503" s="91"/>
      <c r="GQ503" s="91"/>
      <c r="GR503" s="91"/>
      <c r="GS503" s="91"/>
      <c r="GT503" s="91"/>
      <c r="GU503" s="91"/>
      <c r="GV503" s="91"/>
      <c r="GW503" s="91"/>
      <c r="GX503" s="91"/>
      <c r="GY503" s="91"/>
      <c r="GZ503" s="91"/>
      <c r="HA503" s="91"/>
      <c r="HB503" s="91"/>
      <c r="HC503" s="91"/>
      <c r="HD503" s="91"/>
      <c r="HE503" s="91"/>
      <c r="HF503" s="91"/>
      <c r="HG503" s="91"/>
      <c r="HH503" s="91"/>
      <c r="HI503" s="91"/>
      <c r="HJ503" s="91"/>
      <c r="HK503" s="127"/>
      <c r="HL503" s="126"/>
      <c r="HM503" s="91"/>
      <c r="HN503" s="91"/>
      <c r="HO503" s="91"/>
      <c r="HP503" s="91"/>
      <c r="HQ503" s="91"/>
      <c r="HR503" s="91"/>
      <c r="HS503" s="91"/>
      <c r="HT503" s="91"/>
      <c r="HU503" s="91"/>
      <c r="HV503" s="91"/>
      <c r="HW503" s="91"/>
      <c r="HX503" s="91"/>
      <c r="HY503" s="91"/>
      <c r="HZ503" s="91"/>
      <c r="IA503" s="91"/>
      <c r="IB503" s="91"/>
      <c r="IC503" s="91"/>
      <c r="ID503" s="91"/>
      <c r="IE503" s="91"/>
      <c r="IF503" s="91"/>
      <c r="IG503" s="91"/>
      <c r="IH503" s="91"/>
      <c r="II503" s="91"/>
      <c r="IJ503" s="91"/>
      <c r="IK503" s="127"/>
    </row>
    <row r="504" spans="2:245" x14ac:dyDescent="0.2">
      <c r="B504" s="43"/>
      <c r="C504" s="73"/>
      <c r="D504" s="64"/>
      <c r="E504" s="64"/>
      <c r="F504" s="55"/>
      <c r="G504" s="102"/>
      <c r="H504" s="55"/>
      <c r="I504" s="55"/>
      <c r="J504" s="55"/>
      <c r="K504" s="55"/>
      <c r="L504" s="55"/>
      <c r="M504" s="55"/>
      <c r="N504" s="55"/>
      <c r="O504" s="55"/>
      <c r="P504" s="55"/>
      <c r="Q504" s="55"/>
      <c r="R504" s="55"/>
      <c r="S504" s="55"/>
      <c r="T504" s="55"/>
      <c r="U504" s="55"/>
      <c r="V504" s="55"/>
      <c r="W504" s="55"/>
      <c r="X504" s="55"/>
      <c r="Y504" s="55"/>
      <c r="Z504" s="55"/>
      <c r="AA504" s="55"/>
      <c r="AB504" s="55"/>
      <c r="AC504" s="55"/>
      <c r="AD504" s="55"/>
      <c r="AE504" s="55"/>
      <c r="AF504" s="55"/>
      <c r="AG504" s="55"/>
      <c r="AY504" s="162"/>
      <c r="AZ504" s="162"/>
      <c r="BA504" s="162"/>
      <c r="BB504" s="162"/>
      <c r="BC504" s="162"/>
      <c r="BD504" s="162"/>
      <c r="BE504" s="162"/>
      <c r="BF504" s="162"/>
      <c r="BG504" s="162"/>
      <c r="BH504" s="162"/>
      <c r="BI504" s="162"/>
      <c r="BJ504" s="162"/>
      <c r="BK504" s="162"/>
      <c r="BL504" s="162"/>
      <c r="BM504" s="162"/>
      <c r="BN504" s="162"/>
      <c r="BO504" s="162"/>
      <c r="BP504" s="162"/>
      <c r="BQ504" s="162"/>
      <c r="BR504" s="162"/>
      <c r="BS504" s="162"/>
      <c r="BT504" s="162"/>
      <c r="BU504" s="162"/>
      <c r="BV504" s="162"/>
      <c r="BW504" s="162"/>
      <c r="BX504" s="162"/>
      <c r="BY504" s="162"/>
      <c r="BZ504" s="162"/>
      <c r="CA504" s="162"/>
      <c r="CB504" s="162"/>
      <c r="CC504" s="162"/>
      <c r="CD504" s="162"/>
      <c r="CE504" s="162"/>
      <c r="CF504" s="162"/>
      <c r="CG504" s="162"/>
      <c r="CH504" s="162"/>
      <c r="CI504" s="162"/>
      <c r="CJ504" s="162"/>
      <c r="CK504" s="162"/>
      <c r="CX504" s="98"/>
      <c r="DL504" s="97"/>
      <c r="DX504" s="98"/>
      <c r="EL504" s="97"/>
      <c r="EX504" s="98"/>
      <c r="EY504" s="97"/>
      <c r="FL504" s="126"/>
      <c r="FM504" s="91"/>
      <c r="FN504" s="91"/>
      <c r="FO504" s="91"/>
      <c r="FP504" s="91"/>
      <c r="FQ504" s="91"/>
      <c r="FR504" s="91"/>
      <c r="FS504" s="91"/>
      <c r="FT504" s="91"/>
      <c r="FU504" s="91"/>
      <c r="FV504" s="91"/>
      <c r="FW504" s="91"/>
      <c r="FX504" s="91"/>
      <c r="FY504" s="91"/>
      <c r="FZ504" s="91"/>
      <c r="GA504" s="91"/>
      <c r="GB504" s="91"/>
      <c r="GC504" s="91"/>
      <c r="GD504" s="91"/>
      <c r="GE504" s="91"/>
      <c r="GF504" s="91"/>
      <c r="GG504" s="91"/>
      <c r="GH504" s="91"/>
      <c r="GI504" s="91"/>
      <c r="GJ504" s="91"/>
      <c r="GK504" s="127"/>
      <c r="GL504" s="126"/>
      <c r="GM504" s="91"/>
      <c r="GN504" s="91"/>
      <c r="GO504" s="91"/>
      <c r="GP504" s="91"/>
      <c r="GQ504" s="91"/>
      <c r="GR504" s="91"/>
      <c r="GS504" s="91"/>
      <c r="GT504" s="91"/>
      <c r="GU504" s="91"/>
      <c r="GV504" s="91"/>
      <c r="GW504" s="91"/>
      <c r="GX504" s="91"/>
      <c r="GY504" s="91"/>
      <c r="GZ504" s="91"/>
      <c r="HA504" s="91"/>
      <c r="HB504" s="91"/>
      <c r="HC504" s="91"/>
      <c r="HD504" s="91"/>
      <c r="HE504" s="91"/>
      <c r="HF504" s="91"/>
      <c r="HG504" s="91"/>
      <c r="HH504" s="91"/>
      <c r="HI504" s="91"/>
      <c r="HJ504" s="91"/>
      <c r="HK504" s="127"/>
      <c r="HL504" s="126"/>
      <c r="HM504" s="91"/>
      <c r="HN504" s="91"/>
      <c r="HO504" s="91"/>
      <c r="HP504" s="91"/>
      <c r="HQ504" s="91"/>
      <c r="HR504" s="91"/>
      <c r="HS504" s="91"/>
      <c r="HT504" s="91"/>
      <c r="HU504" s="91"/>
      <c r="HV504" s="91"/>
      <c r="HW504" s="91"/>
      <c r="HX504" s="91"/>
      <c r="HY504" s="91"/>
      <c r="HZ504" s="91"/>
      <c r="IA504" s="91"/>
      <c r="IB504" s="91"/>
      <c r="IC504" s="91"/>
      <c r="ID504" s="91"/>
      <c r="IE504" s="91"/>
      <c r="IF504" s="91"/>
      <c r="IG504" s="91"/>
      <c r="IH504" s="91"/>
      <c r="II504" s="91"/>
      <c r="IJ504" s="91"/>
      <c r="IK504" s="127"/>
    </row>
    <row r="505" spans="2:245" x14ac:dyDescent="0.2">
      <c r="B505" s="43"/>
      <c r="C505" s="73"/>
      <c r="D505" s="64"/>
      <c r="E505" s="64"/>
      <c r="F505" s="55"/>
      <c r="G505" s="102"/>
      <c r="H505" s="55"/>
      <c r="I505" s="55"/>
      <c r="J505" s="55"/>
      <c r="K505" s="55"/>
      <c r="L505" s="55"/>
      <c r="M505" s="55"/>
      <c r="N505" s="55"/>
      <c r="O505" s="55"/>
      <c r="P505" s="55"/>
      <c r="Q505" s="55"/>
      <c r="R505" s="55"/>
      <c r="S505" s="55"/>
      <c r="T505" s="55"/>
      <c r="U505" s="55"/>
      <c r="V505" s="55"/>
      <c r="W505" s="55"/>
      <c r="X505" s="55"/>
      <c r="Y505" s="55"/>
      <c r="Z505" s="55"/>
      <c r="AA505" s="55"/>
      <c r="AB505" s="55"/>
      <c r="AC505" s="55"/>
      <c r="AD505" s="55"/>
      <c r="AE505" s="55"/>
      <c r="AF505" s="55"/>
      <c r="AG505" s="55"/>
      <c r="AY505" s="162"/>
      <c r="AZ505" s="162"/>
      <c r="BA505" s="162"/>
      <c r="BB505" s="162"/>
      <c r="BC505" s="162"/>
      <c r="BD505" s="162"/>
      <c r="BE505" s="162"/>
      <c r="BF505" s="162"/>
      <c r="BG505" s="162"/>
      <c r="BH505" s="162"/>
      <c r="BI505" s="162"/>
      <c r="BJ505" s="162"/>
      <c r="BK505" s="162"/>
      <c r="BL505" s="162"/>
      <c r="BM505" s="162"/>
      <c r="BN505" s="162"/>
      <c r="BO505" s="162"/>
      <c r="BP505" s="162"/>
      <c r="BQ505" s="162"/>
      <c r="BR505" s="162"/>
      <c r="BS505" s="162"/>
      <c r="BT505" s="162"/>
      <c r="BU505" s="162"/>
      <c r="BV505" s="162"/>
      <c r="BW505" s="162"/>
      <c r="BX505" s="162"/>
      <c r="BY505" s="162"/>
      <c r="BZ505" s="162"/>
      <c r="CA505" s="162"/>
      <c r="CB505" s="162"/>
      <c r="CC505" s="162"/>
      <c r="CD505" s="162"/>
      <c r="CE505" s="162"/>
      <c r="CF505" s="162"/>
      <c r="CG505" s="162"/>
      <c r="CH505" s="162"/>
      <c r="CI505" s="162"/>
      <c r="CJ505" s="162"/>
      <c r="CK505" s="162"/>
      <c r="CX505" s="98"/>
      <c r="DL505" s="97"/>
      <c r="DX505" s="98"/>
      <c r="EL505" s="97"/>
      <c r="EX505" s="98"/>
      <c r="EY505" s="97"/>
      <c r="FL505" s="126"/>
      <c r="FM505" s="91"/>
      <c r="FN505" s="91"/>
      <c r="FO505" s="91"/>
      <c r="FP505" s="91"/>
      <c r="FQ505" s="91"/>
      <c r="FR505" s="91"/>
      <c r="FS505" s="91"/>
      <c r="FT505" s="91"/>
      <c r="FU505" s="91"/>
      <c r="FV505" s="91"/>
      <c r="FW505" s="91"/>
      <c r="FX505" s="91"/>
      <c r="FY505" s="91"/>
      <c r="FZ505" s="91"/>
      <c r="GA505" s="91"/>
      <c r="GB505" s="91"/>
      <c r="GC505" s="91"/>
      <c r="GD505" s="91"/>
      <c r="GE505" s="91"/>
      <c r="GF505" s="91"/>
      <c r="GG505" s="91"/>
      <c r="GH505" s="91"/>
      <c r="GI505" s="91"/>
      <c r="GJ505" s="91"/>
      <c r="GK505" s="127"/>
      <c r="GL505" s="126"/>
      <c r="GM505" s="91"/>
      <c r="GN505" s="91"/>
      <c r="GO505" s="91"/>
      <c r="GP505" s="91"/>
      <c r="GQ505" s="91"/>
      <c r="GR505" s="91"/>
      <c r="GS505" s="91"/>
      <c r="GT505" s="91"/>
      <c r="GU505" s="91"/>
      <c r="GV505" s="91"/>
      <c r="GW505" s="91"/>
      <c r="GX505" s="91"/>
      <c r="GY505" s="91"/>
      <c r="GZ505" s="91"/>
      <c r="HA505" s="91"/>
      <c r="HB505" s="91"/>
      <c r="HC505" s="91"/>
      <c r="HD505" s="91"/>
      <c r="HE505" s="91"/>
      <c r="HF505" s="91"/>
      <c r="HG505" s="91"/>
      <c r="HH505" s="91"/>
      <c r="HI505" s="91"/>
      <c r="HJ505" s="91"/>
      <c r="HK505" s="127"/>
      <c r="HL505" s="126"/>
      <c r="HM505" s="91"/>
      <c r="HN505" s="91"/>
      <c r="HO505" s="91"/>
      <c r="HP505" s="91"/>
      <c r="HQ505" s="91"/>
      <c r="HR505" s="91"/>
      <c r="HS505" s="91"/>
      <c r="HT505" s="91"/>
      <c r="HU505" s="91"/>
      <c r="HV505" s="91"/>
      <c r="HW505" s="91"/>
      <c r="HX505" s="91"/>
      <c r="HY505" s="91"/>
      <c r="HZ505" s="91"/>
      <c r="IA505" s="91"/>
      <c r="IB505" s="91"/>
      <c r="IC505" s="91"/>
      <c r="ID505" s="91"/>
      <c r="IE505" s="91"/>
      <c r="IF505" s="91"/>
      <c r="IG505" s="91"/>
      <c r="IH505" s="91"/>
      <c r="II505" s="91"/>
      <c r="IJ505" s="91"/>
      <c r="IK505" s="127"/>
    </row>
    <row r="506" spans="2:245" x14ac:dyDescent="0.2">
      <c r="B506" s="43"/>
      <c r="C506" s="73"/>
      <c r="D506" s="64"/>
      <c r="E506" s="64"/>
      <c r="F506" s="55"/>
      <c r="G506" s="102"/>
      <c r="H506" s="55"/>
      <c r="I506" s="55"/>
      <c r="J506" s="55"/>
      <c r="K506" s="55"/>
      <c r="L506" s="55"/>
      <c r="M506" s="55"/>
      <c r="N506" s="55"/>
      <c r="O506" s="55"/>
      <c r="P506" s="55"/>
      <c r="Q506" s="55"/>
      <c r="R506" s="55"/>
      <c r="S506" s="55"/>
      <c r="T506" s="55"/>
      <c r="U506" s="55"/>
      <c r="V506" s="55"/>
      <c r="W506" s="55"/>
      <c r="X506" s="55"/>
      <c r="Y506" s="55"/>
      <c r="Z506" s="55"/>
      <c r="AA506" s="55"/>
      <c r="AB506" s="55"/>
      <c r="AC506" s="55"/>
      <c r="AD506" s="55"/>
      <c r="AE506" s="55"/>
      <c r="AF506" s="55"/>
      <c r="AG506" s="55"/>
      <c r="AY506" s="162"/>
      <c r="AZ506" s="162"/>
      <c r="BA506" s="162"/>
      <c r="BB506" s="162"/>
      <c r="BC506" s="162"/>
      <c r="BD506" s="162"/>
      <c r="BE506" s="162"/>
      <c r="BF506" s="162"/>
      <c r="BG506" s="162"/>
      <c r="BH506" s="162"/>
      <c r="BI506" s="162"/>
      <c r="BJ506" s="162"/>
      <c r="BK506" s="162"/>
      <c r="BL506" s="162"/>
      <c r="BM506" s="162"/>
      <c r="BN506" s="162"/>
      <c r="BO506" s="162"/>
      <c r="BP506" s="162"/>
      <c r="BQ506" s="162"/>
      <c r="BR506" s="162"/>
      <c r="BS506" s="162"/>
      <c r="BT506" s="162"/>
      <c r="BU506" s="162"/>
      <c r="BV506" s="162"/>
      <c r="BW506" s="162"/>
      <c r="BX506" s="162"/>
      <c r="BY506" s="162"/>
      <c r="BZ506" s="162"/>
      <c r="CA506" s="162"/>
      <c r="CB506" s="162"/>
      <c r="CC506" s="162"/>
      <c r="CD506" s="162"/>
      <c r="CE506" s="162"/>
      <c r="CF506" s="162"/>
      <c r="CG506" s="162"/>
      <c r="CH506" s="162"/>
      <c r="CI506" s="162"/>
      <c r="CJ506" s="162"/>
      <c r="CK506" s="162"/>
      <c r="CX506" s="98"/>
      <c r="DL506" s="97"/>
      <c r="DX506" s="98"/>
      <c r="EL506" s="97"/>
      <c r="EX506" s="98"/>
      <c r="EY506" s="97"/>
      <c r="FL506" s="126"/>
      <c r="FM506" s="91"/>
      <c r="FN506" s="91"/>
      <c r="FO506" s="91"/>
      <c r="FP506" s="91"/>
      <c r="FQ506" s="91"/>
      <c r="FR506" s="91"/>
      <c r="FS506" s="91"/>
      <c r="FT506" s="91"/>
      <c r="FU506" s="91"/>
      <c r="FV506" s="91"/>
      <c r="FW506" s="91"/>
      <c r="FX506" s="91"/>
      <c r="FY506" s="91"/>
      <c r="FZ506" s="91"/>
      <c r="GA506" s="91"/>
      <c r="GB506" s="91"/>
      <c r="GC506" s="91"/>
      <c r="GD506" s="91"/>
      <c r="GE506" s="91"/>
      <c r="GF506" s="91"/>
      <c r="GG506" s="91"/>
      <c r="GH506" s="91"/>
      <c r="GI506" s="91"/>
      <c r="GJ506" s="91"/>
      <c r="GK506" s="127"/>
      <c r="GL506" s="126"/>
      <c r="GM506" s="91"/>
      <c r="GN506" s="91"/>
      <c r="GO506" s="91"/>
      <c r="GP506" s="91"/>
      <c r="GQ506" s="91"/>
      <c r="GR506" s="91"/>
      <c r="GS506" s="91"/>
      <c r="GT506" s="91"/>
      <c r="GU506" s="91"/>
      <c r="GV506" s="91"/>
      <c r="GW506" s="91"/>
      <c r="GX506" s="91"/>
      <c r="GY506" s="91"/>
      <c r="GZ506" s="91"/>
      <c r="HA506" s="91"/>
      <c r="HB506" s="91"/>
      <c r="HC506" s="91"/>
      <c r="HD506" s="91"/>
      <c r="HE506" s="91"/>
      <c r="HF506" s="91"/>
      <c r="HG506" s="91"/>
      <c r="HH506" s="91"/>
      <c r="HI506" s="91"/>
      <c r="HJ506" s="91"/>
      <c r="HK506" s="127"/>
      <c r="HL506" s="126"/>
      <c r="HM506" s="91"/>
      <c r="HN506" s="91"/>
      <c r="HO506" s="91"/>
      <c r="HP506" s="91"/>
      <c r="HQ506" s="91"/>
      <c r="HR506" s="91"/>
      <c r="HS506" s="91"/>
      <c r="HT506" s="91"/>
      <c r="HU506" s="91"/>
      <c r="HV506" s="91"/>
      <c r="HW506" s="91"/>
      <c r="HX506" s="91"/>
      <c r="HY506" s="91"/>
      <c r="HZ506" s="91"/>
      <c r="IA506" s="91"/>
      <c r="IB506" s="91"/>
      <c r="IC506" s="91"/>
      <c r="ID506" s="91"/>
      <c r="IE506" s="91"/>
      <c r="IF506" s="91"/>
      <c r="IG506" s="91"/>
      <c r="IH506" s="91"/>
      <c r="II506" s="91"/>
      <c r="IJ506" s="91"/>
      <c r="IK506" s="127"/>
    </row>
    <row r="507" spans="2:245" x14ac:dyDescent="0.2">
      <c r="B507" s="43"/>
      <c r="C507" s="73"/>
      <c r="D507" s="64"/>
      <c r="E507" s="64"/>
      <c r="F507" s="55"/>
      <c r="G507" s="102"/>
      <c r="H507" s="55"/>
      <c r="I507" s="55"/>
      <c r="J507" s="55"/>
      <c r="K507" s="55"/>
      <c r="L507" s="55"/>
      <c r="M507" s="55"/>
      <c r="N507" s="55"/>
      <c r="O507" s="55"/>
      <c r="P507" s="55"/>
      <c r="Q507" s="55"/>
      <c r="R507" s="55"/>
      <c r="S507" s="55"/>
      <c r="T507" s="55"/>
      <c r="U507" s="55"/>
      <c r="V507" s="55"/>
      <c r="W507" s="55"/>
      <c r="X507" s="55"/>
      <c r="Y507" s="55"/>
      <c r="Z507" s="55"/>
      <c r="AA507" s="55"/>
      <c r="AB507" s="55"/>
      <c r="AC507" s="55"/>
      <c r="AD507" s="55"/>
      <c r="AE507" s="55"/>
      <c r="AF507" s="55"/>
      <c r="AG507" s="55"/>
      <c r="AY507" s="162"/>
      <c r="AZ507" s="162"/>
      <c r="BA507" s="162"/>
      <c r="BB507" s="162"/>
      <c r="BC507" s="162"/>
      <c r="BD507" s="162"/>
      <c r="BE507" s="162"/>
      <c r="BF507" s="162"/>
      <c r="BG507" s="162"/>
      <c r="BH507" s="162"/>
      <c r="BI507" s="162"/>
      <c r="BJ507" s="162"/>
      <c r="BK507" s="162"/>
      <c r="BL507" s="162"/>
      <c r="BM507" s="162"/>
      <c r="BN507" s="162"/>
      <c r="BO507" s="162"/>
      <c r="BP507" s="162"/>
      <c r="BQ507" s="162"/>
      <c r="BR507" s="162"/>
      <c r="BS507" s="162"/>
      <c r="BT507" s="162"/>
      <c r="BU507" s="162"/>
      <c r="BV507" s="162"/>
      <c r="BW507" s="162"/>
      <c r="BX507" s="162"/>
      <c r="BY507" s="162"/>
      <c r="BZ507" s="162"/>
      <c r="CA507" s="162"/>
      <c r="CB507" s="162"/>
      <c r="CC507" s="162"/>
      <c r="CD507" s="162"/>
      <c r="CE507" s="162"/>
      <c r="CF507" s="162"/>
      <c r="CG507" s="162"/>
      <c r="CH507" s="162"/>
      <c r="CI507" s="162"/>
      <c r="CJ507" s="162"/>
      <c r="CK507" s="162"/>
      <c r="CX507" s="98"/>
      <c r="DL507" s="97"/>
      <c r="DX507" s="98"/>
      <c r="EL507" s="97"/>
      <c r="EX507" s="98"/>
      <c r="EY507" s="97"/>
      <c r="FL507" s="126"/>
      <c r="FM507" s="91"/>
      <c r="FN507" s="91"/>
      <c r="FO507" s="91"/>
      <c r="FP507" s="91"/>
      <c r="FQ507" s="91"/>
      <c r="FR507" s="91"/>
      <c r="FS507" s="91"/>
      <c r="FT507" s="91"/>
      <c r="FU507" s="91"/>
      <c r="FV507" s="91"/>
      <c r="FW507" s="91"/>
      <c r="FX507" s="91"/>
      <c r="FY507" s="91"/>
      <c r="FZ507" s="91"/>
      <c r="GA507" s="91"/>
      <c r="GB507" s="91"/>
      <c r="GC507" s="91"/>
      <c r="GD507" s="91"/>
      <c r="GE507" s="91"/>
      <c r="GF507" s="91"/>
      <c r="GG507" s="91"/>
      <c r="GH507" s="91"/>
      <c r="GI507" s="91"/>
      <c r="GJ507" s="91"/>
      <c r="GK507" s="127"/>
      <c r="GL507" s="126"/>
      <c r="GM507" s="91"/>
      <c r="GN507" s="91"/>
      <c r="GO507" s="91"/>
      <c r="GP507" s="91"/>
      <c r="GQ507" s="91"/>
      <c r="GR507" s="91"/>
      <c r="GS507" s="91"/>
      <c r="GT507" s="91"/>
      <c r="GU507" s="91"/>
      <c r="GV507" s="91"/>
      <c r="GW507" s="91"/>
      <c r="GX507" s="91"/>
      <c r="GY507" s="91"/>
      <c r="GZ507" s="91"/>
      <c r="HA507" s="91"/>
      <c r="HB507" s="91"/>
      <c r="HC507" s="91"/>
      <c r="HD507" s="91"/>
      <c r="HE507" s="91"/>
      <c r="HF507" s="91"/>
      <c r="HG507" s="91"/>
      <c r="HH507" s="91"/>
      <c r="HI507" s="91"/>
      <c r="HJ507" s="91"/>
      <c r="HK507" s="127"/>
      <c r="HL507" s="126"/>
      <c r="HM507" s="91"/>
      <c r="HN507" s="91"/>
      <c r="HO507" s="91"/>
      <c r="HP507" s="91"/>
      <c r="HQ507" s="91"/>
      <c r="HR507" s="91"/>
      <c r="HS507" s="91"/>
      <c r="HT507" s="91"/>
      <c r="HU507" s="91"/>
      <c r="HV507" s="91"/>
      <c r="HW507" s="91"/>
      <c r="HX507" s="91"/>
      <c r="HY507" s="91"/>
      <c r="HZ507" s="91"/>
      <c r="IA507" s="91"/>
      <c r="IB507" s="91"/>
      <c r="IC507" s="91"/>
      <c r="ID507" s="91"/>
      <c r="IE507" s="91"/>
      <c r="IF507" s="91"/>
      <c r="IG507" s="91"/>
      <c r="IH507" s="91"/>
      <c r="II507" s="91"/>
      <c r="IJ507" s="91"/>
      <c r="IK507" s="127"/>
    </row>
    <row r="508" spans="2:245" x14ac:dyDescent="0.2">
      <c r="B508" s="43"/>
      <c r="C508" s="73"/>
      <c r="D508" s="64"/>
      <c r="E508" s="64"/>
      <c r="F508" s="55"/>
      <c r="G508" s="102"/>
      <c r="H508" s="55"/>
      <c r="I508" s="55"/>
      <c r="J508" s="55"/>
      <c r="K508" s="55"/>
      <c r="L508" s="55"/>
      <c r="M508" s="55"/>
      <c r="N508" s="55"/>
      <c r="O508" s="55"/>
      <c r="P508" s="55"/>
      <c r="Q508" s="55"/>
      <c r="R508" s="55"/>
      <c r="S508" s="55"/>
      <c r="T508" s="55"/>
      <c r="U508" s="55"/>
      <c r="V508" s="55"/>
      <c r="W508" s="55"/>
      <c r="X508" s="55"/>
      <c r="Y508" s="55"/>
      <c r="Z508" s="55"/>
      <c r="AA508" s="55"/>
      <c r="AB508" s="55"/>
      <c r="AC508" s="55"/>
      <c r="AD508" s="55"/>
      <c r="AE508" s="55"/>
      <c r="AF508" s="55"/>
      <c r="AG508" s="55"/>
      <c r="AY508" s="162"/>
      <c r="AZ508" s="162"/>
      <c r="BA508" s="162"/>
      <c r="BB508" s="162"/>
      <c r="BC508" s="162"/>
      <c r="BD508" s="162"/>
      <c r="BE508" s="162"/>
      <c r="BF508" s="162"/>
      <c r="BG508" s="162"/>
      <c r="BH508" s="162"/>
      <c r="BI508" s="162"/>
      <c r="BJ508" s="162"/>
      <c r="BK508" s="162"/>
      <c r="BL508" s="162"/>
      <c r="BM508" s="162"/>
      <c r="BN508" s="162"/>
      <c r="BO508" s="162"/>
      <c r="BP508" s="162"/>
      <c r="BQ508" s="162"/>
      <c r="BR508" s="162"/>
      <c r="BS508" s="162"/>
      <c r="BT508" s="162"/>
      <c r="BU508" s="162"/>
      <c r="BV508" s="162"/>
      <c r="BW508" s="162"/>
      <c r="BX508" s="162"/>
      <c r="BY508" s="162"/>
      <c r="BZ508" s="162"/>
      <c r="CA508" s="162"/>
      <c r="CB508" s="162"/>
      <c r="CC508" s="162"/>
      <c r="CD508" s="162"/>
      <c r="CE508" s="162"/>
      <c r="CF508" s="162"/>
      <c r="CG508" s="162"/>
      <c r="CH508" s="162"/>
      <c r="CI508" s="162"/>
      <c r="CJ508" s="162"/>
      <c r="CK508" s="162"/>
      <c r="CX508" s="98"/>
      <c r="DL508" s="97"/>
      <c r="DX508" s="98"/>
      <c r="EL508" s="97"/>
      <c r="EX508" s="98"/>
      <c r="EY508" s="97"/>
      <c r="FL508" s="126"/>
      <c r="FM508" s="91"/>
      <c r="FN508" s="91"/>
      <c r="FO508" s="91"/>
      <c r="FP508" s="91"/>
      <c r="FQ508" s="91"/>
      <c r="FR508" s="91"/>
      <c r="FS508" s="91"/>
      <c r="FT508" s="91"/>
      <c r="FU508" s="91"/>
      <c r="FV508" s="91"/>
      <c r="FW508" s="91"/>
      <c r="FX508" s="91"/>
      <c r="FY508" s="91"/>
      <c r="FZ508" s="91"/>
      <c r="GA508" s="91"/>
      <c r="GB508" s="91"/>
      <c r="GC508" s="91"/>
      <c r="GD508" s="91"/>
      <c r="GE508" s="91"/>
      <c r="GF508" s="91"/>
      <c r="GG508" s="91"/>
      <c r="GH508" s="91"/>
      <c r="GI508" s="91"/>
      <c r="GJ508" s="91"/>
      <c r="GK508" s="127"/>
      <c r="GL508" s="126"/>
      <c r="GM508" s="91"/>
      <c r="GN508" s="91"/>
      <c r="GO508" s="91"/>
      <c r="GP508" s="91"/>
      <c r="GQ508" s="91"/>
      <c r="GR508" s="91"/>
      <c r="GS508" s="91"/>
      <c r="GT508" s="91"/>
      <c r="GU508" s="91"/>
      <c r="GV508" s="91"/>
      <c r="GW508" s="91"/>
      <c r="GX508" s="91"/>
      <c r="GY508" s="91"/>
      <c r="GZ508" s="91"/>
      <c r="HA508" s="91"/>
      <c r="HB508" s="91"/>
      <c r="HC508" s="91"/>
      <c r="HD508" s="91"/>
      <c r="HE508" s="91"/>
      <c r="HF508" s="91"/>
      <c r="HG508" s="91"/>
      <c r="HH508" s="91"/>
      <c r="HI508" s="91"/>
      <c r="HJ508" s="91"/>
      <c r="HK508" s="127"/>
      <c r="HL508" s="126"/>
      <c r="HM508" s="91"/>
      <c r="HN508" s="91"/>
      <c r="HO508" s="91"/>
      <c r="HP508" s="91"/>
      <c r="HQ508" s="91"/>
      <c r="HR508" s="91"/>
      <c r="HS508" s="91"/>
      <c r="HT508" s="91"/>
      <c r="HU508" s="91"/>
      <c r="HV508" s="91"/>
      <c r="HW508" s="91"/>
      <c r="HX508" s="91"/>
      <c r="HY508" s="91"/>
      <c r="HZ508" s="91"/>
      <c r="IA508" s="91"/>
      <c r="IB508" s="91"/>
      <c r="IC508" s="91"/>
      <c r="ID508" s="91"/>
      <c r="IE508" s="91"/>
      <c r="IF508" s="91"/>
      <c r="IG508" s="91"/>
      <c r="IH508" s="91"/>
      <c r="II508" s="91"/>
      <c r="IJ508" s="91"/>
      <c r="IK508" s="127"/>
    </row>
    <row r="509" spans="2:245" x14ac:dyDescent="0.2">
      <c r="B509" s="43"/>
      <c r="C509" s="73"/>
      <c r="D509" s="64"/>
      <c r="E509" s="64"/>
      <c r="F509" s="55"/>
      <c r="G509" s="102"/>
      <c r="H509" s="55"/>
      <c r="I509" s="55"/>
      <c r="J509" s="55"/>
      <c r="K509" s="55"/>
      <c r="L509" s="55"/>
      <c r="M509" s="55"/>
      <c r="N509" s="55"/>
      <c r="O509" s="55"/>
      <c r="P509" s="55"/>
      <c r="Q509" s="55"/>
      <c r="R509" s="55"/>
      <c r="S509" s="55"/>
      <c r="T509" s="55"/>
      <c r="U509" s="55"/>
      <c r="V509" s="55"/>
      <c r="W509" s="55"/>
      <c r="X509" s="55"/>
      <c r="Y509" s="55"/>
      <c r="Z509" s="55"/>
      <c r="AA509" s="55"/>
      <c r="AB509" s="55"/>
      <c r="AC509" s="55"/>
      <c r="AD509" s="55"/>
      <c r="AE509" s="55"/>
      <c r="AF509" s="55"/>
      <c r="AG509" s="55"/>
      <c r="AY509" s="162"/>
      <c r="AZ509" s="162"/>
      <c r="BA509" s="162"/>
      <c r="BB509" s="162"/>
      <c r="BC509" s="162"/>
      <c r="BD509" s="162"/>
      <c r="BE509" s="162"/>
      <c r="BF509" s="162"/>
      <c r="BG509" s="162"/>
      <c r="BH509" s="162"/>
      <c r="BI509" s="162"/>
      <c r="BJ509" s="162"/>
      <c r="BK509" s="162"/>
      <c r="BL509" s="162"/>
      <c r="BM509" s="162"/>
      <c r="BN509" s="162"/>
      <c r="BO509" s="162"/>
      <c r="BP509" s="162"/>
      <c r="BQ509" s="162"/>
      <c r="BR509" s="162"/>
      <c r="BS509" s="162"/>
      <c r="BT509" s="162"/>
      <c r="BU509" s="162"/>
      <c r="BV509" s="162"/>
      <c r="BW509" s="162"/>
      <c r="BX509" s="162"/>
      <c r="BY509" s="162"/>
      <c r="BZ509" s="162"/>
      <c r="CA509" s="162"/>
      <c r="CB509" s="162"/>
      <c r="CC509" s="162"/>
      <c r="CD509" s="162"/>
      <c r="CE509" s="162"/>
      <c r="CF509" s="162"/>
      <c r="CG509" s="162"/>
      <c r="CH509" s="162"/>
      <c r="CI509" s="162"/>
      <c r="CJ509" s="162"/>
      <c r="CK509" s="162"/>
      <c r="CX509" s="98"/>
      <c r="DL509" s="97"/>
      <c r="DX509" s="98"/>
      <c r="EL509" s="97"/>
      <c r="EX509" s="98"/>
      <c r="EY509" s="97"/>
      <c r="FL509" s="126"/>
      <c r="FM509" s="91"/>
      <c r="FN509" s="91"/>
      <c r="FO509" s="91"/>
      <c r="FP509" s="91"/>
      <c r="FQ509" s="91"/>
      <c r="FR509" s="91"/>
      <c r="FS509" s="91"/>
      <c r="FT509" s="91"/>
      <c r="FU509" s="91"/>
      <c r="FV509" s="91"/>
      <c r="FW509" s="91"/>
      <c r="FX509" s="91"/>
      <c r="FY509" s="91"/>
      <c r="FZ509" s="91"/>
      <c r="GA509" s="91"/>
      <c r="GB509" s="91"/>
      <c r="GC509" s="91"/>
      <c r="GD509" s="91"/>
      <c r="GE509" s="91"/>
      <c r="GF509" s="91"/>
      <c r="GG509" s="91"/>
      <c r="GH509" s="91"/>
      <c r="GI509" s="91"/>
      <c r="GJ509" s="91"/>
      <c r="GK509" s="127"/>
      <c r="GL509" s="126"/>
      <c r="GM509" s="91"/>
      <c r="GN509" s="91"/>
      <c r="GO509" s="91"/>
      <c r="GP509" s="91"/>
      <c r="GQ509" s="91"/>
      <c r="GR509" s="91"/>
      <c r="GS509" s="91"/>
      <c r="GT509" s="91"/>
      <c r="GU509" s="91"/>
      <c r="GV509" s="91"/>
      <c r="GW509" s="91"/>
      <c r="GX509" s="91"/>
      <c r="GY509" s="91"/>
      <c r="GZ509" s="91"/>
      <c r="HA509" s="91"/>
      <c r="HB509" s="91"/>
      <c r="HC509" s="91"/>
      <c r="HD509" s="91"/>
      <c r="HE509" s="91"/>
      <c r="HF509" s="91"/>
      <c r="HG509" s="91"/>
      <c r="HH509" s="91"/>
      <c r="HI509" s="91"/>
      <c r="HJ509" s="91"/>
      <c r="HK509" s="127"/>
      <c r="HL509" s="126"/>
      <c r="HM509" s="91"/>
      <c r="HN509" s="91"/>
      <c r="HO509" s="91"/>
      <c r="HP509" s="91"/>
      <c r="HQ509" s="91"/>
      <c r="HR509" s="91"/>
      <c r="HS509" s="91"/>
      <c r="HT509" s="91"/>
      <c r="HU509" s="91"/>
      <c r="HV509" s="91"/>
      <c r="HW509" s="91"/>
      <c r="HX509" s="91"/>
      <c r="HY509" s="91"/>
      <c r="HZ509" s="91"/>
      <c r="IA509" s="91"/>
      <c r="IB509" s="91"/>
      <c r="IC509" s="91"/>
      <c r="ID509" s="91"/>
      <c r="IE509" s="91"/>
      <c r="IF509" s="91"/>
      <c r="IG509" s="91"/>
      <c r="IH509" s="91"/>
      <c r="II509" s="91"/>
      <c r="IJ509" s="91"/>
      <c r="IK509" s="127"/>
    </row>
    <row r="510" spans="2:245" x14ac:dyDescent="0.2">
      <c r="B510" s="43"/>
      <c r="C510" s="73"/>
      <c r="D510" s="64"/>
      <c r="E510" s="64"/>
      <c r="F510" s="55"/>
      <c r="G510" s="102"/>
      <c r="H510" s="55"/>
      <c r="I510" s="55"/>
      <c r="J510" s="55"/>
      <c r="K510" s="55"/>
      <c r="L510" s="55"/>
      <c r="M510" s="55"/>
      <c r="N510" s="55"/>
      <c r="O510" s="55"/>
      <c r="P510" s="55"/>
      <c r="Q510" s="55"/>
      <c r="R510" s="55"/>
      <c r="S510" s="55"/>
      <c r="T510" s="55"/>
      <c r="U510" s="55"/>
      <c r="V510" s="55"/>
      <c r="W510" s="55"/>
      <c r="X510" s="55"/>
      <c r="Y510" s="55"/>
      <c r="Z510" s="55"/>
      <c r="AA510" s="55"/>
      <c r="AB510" s="55"/>
      <c r="AC510" s="55"/>
      <c r="AD510" s="55"/>
      <c r="AE510" s="55"/>
      <c r="AF510" s="55"/>
      <c r="AG510" s="55"/>
      <c r="AY510" s="162"/>
      <c r="AZ510" s="162"/>
      <c r="BA510" s="162"/>
      <c r="BB510" s="162"/>
      <c r="BC510" s="162"/>
      <c r="BD510" s="162"/>
      <c r="BE510" s="162"/>
      <c r="BF510" s="162"/>
      <c r="BG510" s="162"/>
      <c r="BH510" s="162"/>
      <c r="BI510" s="162"/>
      <c r="BJ510" s="162"/>
      <c r="BK510" s="162"/>
      <c r="BL510" s="162"/>
      <c r="BM510" s="162"/>
      <c r="BN510" s="162"/>
      <c r="BO510" s="162"/>
      <c r="BP510" s="162"/>
      <c r="BQ510" s="162"/>
      <c r="BR510" s="162"/>
      <c r="BS510" s="162"/>
      <c r="BT510" s="162"/>
      <c r="BU510" s="162"/>
      <c r="BV510" s="162"/>
      <c r="BW510" s="162"/>
      <c r="BX510" s="162"/>
      <c r="BY510" s="162"/>
      <c r="BZ510" s="162"/>
      <c r="CA510" s="162"/>
      <c r="CB510" s="162"/>
      <c r="CC510" s="162"/>
      <c r="CD510" s="162"/>
      <c r="CE510" s="162"/>
      <c r="CF510" s="162"/>
      <c r="CG510" s="162"/>
      <c r="CH510" s="162"/>
      <c r="CI510" s="162"/>
      <c r="CJ510" s="162"/>
      <c r="CK510" s="162"/>
      <c r="CX510" s="98"/>
      <c r="DL510" s="97"/>
      <c r="DX510" s="98"/>
      <c r="EL510" s="97"/>
      <c r="EX510" s="98"/>
      <c r="EY510" s="97"/>
      <c r="FL510" s="126"/>
      <c r="FM510" s="91"/>
      <c r="FN510" s="91"/>
      <c r="FO510" s="91"/>
      <c r="FP510" s="91"/>
      <c r="FQ510" s="91"/>
      <c r="FR510" s="91"/>
      <c r="FS510" s="91"/>
      <c r="FT510" s="91"/>
      <c r="FU510" s="91"/>
      <c r="FV510" s="91"/>
      <c r="FW510" s="91"/>
      <c r="FX510" s="91"/>
      <c r="FY510" s="91"/>
      <c r="FZ510" s="91"/>
      <c r="GA510" s="91"/>
      <c r="GB510" s="91"/>
      <c r="GC510" s="91"/>
      <c r="GD510" s="91"/>
      <c r="GE510" s="91"/>
      <c r="GF510" s="91"/>
      <c r="GG510" s="91"/>
      <c r="GH510" s="91"/>
      <c r="GI510" s="91"/>
      <c r="GJ510" s="91"/>
      <c r="GK510" s="127"/>
      <c r="GL510" s="126"/>
      <c r="GM510" s="91"/>
      <c r="GN510" s="91"/>
      <c r="GO510" s="91"/>
      <c r="GP510" s="91"/>
      <c r="GQ510" s="91"/>
      <c r="GR510" s="91"/>
      <c r="GS510" s="91"/>
      <c r="GT510" s="91"/>
      <c r="GU510" s="91"/>
      <c r="GV510" s="91"/>
      <c r="GW510" s="91"/>
      <c r="GX510" s="91"/>
      <c r="GY510" s="91"/>
      <c r="GZ510" s="91"/>
      <c r="HA510" s="91"/>
      <c r="HB510" s="91"/>
      <c r="HC510" s="91"/>
      <c r="HD510" s="91"/>
      <c r="HE510" s="91"/>
      <c r="HF510" s="91"/>
      <c r="HG510" s="91"/>
      <c r="HH510" s="91"/>
      <c r="HI510" s="91"/>
      <c r="HJ510" s="91"/>
      <c r="HK510" s="127"/>
      <c r="HL510" s="126"/>
      <c r="HM510" s="91"/>
      <c r="HN510" s="91"/>
      <c r="HO510" s="91"/>
      <c r="HP510" s="91"/>
      <c r="HQ510" s="91"/>
      <c r="HR510" s="91"/>
      <c r="HS510" s="91"/>
      <c r="HT510" s="91"/>
      <c r="HU510" s="91"/>
      <c r="HV510" s="91"/>
      <c r="HW510" s="91"/>
      <c r="HX510" s="91"/>
      <c r="HY510" s="91"/>
      <c r="HZ510" s="91"/>
      <c r="IA510" s="91"/>
      <c r="IB510" s="91"/>
      <c r="IC510" s="91"/>
      <c r="ID510" s="91"/>
      <c r="IE510" s="91"/>
      <c r="IF510" s="91"/>
      <c r="IG510" s="91"/>
      <c r="IH510" s="91"/>
      <c r="II510" s="91"/>
      <c r="IJ510" s="91"/>
      <c r="IK510" s="127"/>
    </row>
    <row r="511" spans="2:245" x14ac:dyDescent="0.2">
      <c r="B511" s="43"/>
      <c r="C511" s="73"/>
      <c r="D511" s="64"/>
      <c r="E511" s="64"/>
      <c r="F511" s="55"/>
      <c r="G511" s="102"/>
      <c r="H511" s="55"/>
      <c r="I511" s="55"/>
      <c r="J511" s="55"/>
      <c r="K511" s="55"/>
      <c r="L511" s="55"/>
      <c r="M511" s="55"/>
      <c r="N511" s="55"/>
      <c r="O511" s="55"/>
      <c r="P511" s="55"/>
      <c r="Q511" s="55"/>
      <c r="R511" s="55"/>
      <c r="S511" s="55"/>
      <c r="T511" s="55"/>
      <c r="U511" s="55"/>
      <c r="V511" s="55"/>
      <c r="W511" s="55"/>
      <c r="X511" s="55"/>
      <c r="Y511" s="55"/>
      <c r="Z511" s="55"/>
      <c r="AA511" s="55"/>
      <c r="AB511" s="55"/>
      <c r="AC511" s="55"/>
      <c r="AD511" s="55"/>
      <c r="AE511" s="55"/>
      <c r="AF511" s="55"/>
      <c r="AG511" s="55"/>
      <c r="AY511" s="162"/>
      <c r="AZ511" s="162"/>
      <c r="BA511" s="162"/>
      <c r="BB511" s="162"/>
      <c r="BC511" s="162"/>
      <c r="BD511" s="162"/>
      <c r="BE511" s="162"/>
      <c r="BF511" s="162"/>
      <c r="BG511" s="162"/>
      <c r="BH511" s="162"/>
      <c r="BI511" s="162"/>
      <c r="BJ511" s="162"/>
      <c r="BK511" s="162"/>
      <c r="BL511" s="162"/>
      <c r="BM511" s="162"/>
      <c r="BN511" s="162"/>
      <c r="BO511" s="162"/>
      <c r="BP511" s="162"/>
      <c r="BQ511" s="162"/>
      <c r="BR511" s="162"/>
      <c r="BS511" s="162"/>
      <c r="BT511" s="162"/>
      <c r="BU511" s="162"/>
      <c r="BV511" s="162"/>
      <c r="BW511" s="162"/>
      <c r="BX511" s="162"/>
      <c r="BY511" s="162"/>
      <c r="BZ511" s="162"/>
      <c r="CA511" s="162"/>
      <c r="CB511" s="162"/>
      <c r="CC511" s="162"/>
      <c r="CD511" s="162"/>
      <c r="CE511" s="162"/>
      <c r="CF511" s="162"/>
      <c r="CG511" s="162"/>
      <c r="CH511" s="162"/>
      <c r="CI511" s="162"/>
      <c r="CJ511" s="162"/>
      <c r="CK511" s="162"/>
      <c r="CX511" s="98"/>
      <c r="DL511" s="97"/>
      <c r="DX511" s="98"/>
      <c r="EL511" s="97"/>
      <c r="EX511" s="98"/>
      <c r="EY511" s="97"/>
      <c r="FL511" s="126"/>
      <c r="FM511" s="91"/>
      <c r="FN511" s="91"/>
      <c r="FO511" s="91"/>
      <c r="FP511" s="91"/>
      <c r="FQ511" s="91"/>
      <c r="FR511" s="91"/>
      <c r="FS511" s="91"/>
      <c r="FT511" s="91"/>
      <c r="FU511" s="91"/>
      <c r="FV511" s="91"/>
      <c r="FW511" s="91"/>
      <c r="FX511" s="91"/>
      <c r="FY511" s="91"/>
      <c r="FZ511" s="91"/>
      <c r="GA511" s="91"/>
      <c r="GB511" s="91"/>
      <c r="GC511" s="91"/>
      <c r="GD511" s="91"/>
      <c r="GE511" s="91"/>
      <c r="GF511" s="91"/>
      <c r="GG511" s="91"/>
      <c r="GH511" s="91"/>
      <c r="GI511" s="91"/>
      <c r="GJ511" s="91"/>
      <c r="GK511" s="127"/>
      <c r="GL511" s="126"/>
      <c r="GM511" s="91"/>
      <c r="GN511" s="91"/>
      <c r="GO511" s="91"/>
      <c r="GP511" s="91"/>
      <c r="GQ511" s="91"/>
      <c r="GR511" s="91"/>
      <c r="GS511" s="91"/>
      <c r="GT511" s="91"/>
      <c r="GU511" s="91"/>
      <c r="GV511" s="91"/>
      <c r="GW511" s="91"/>
      <c r="GX511" s="91"/>
      <c r="GY511" s="91"/>
      <c r="GZ511" s="91"/>
      <c r="HA511" s="91"/>
      <c r="HB511" s="91"/>
      <c r="HC511" s="91"/>
      <c r="HD511" s="91"/>
      <c r="HE511" s="91"/>
      <c r="HF511" s="91"/>
      <c r="HG511" s="91"/>
      <c r="HH511" s="91"/>
      <c r="HI511" s="91"/>
      <c r="HJ511" s="91"/>
      <c r="HK511" s="127"/>
      <c r="HL511" s="126"/>
      <c r="HM511" s="91"/>
      <c r="HN511" s="91"/>
      <c r="HO511" s="91"/>
      <c r="HP511" s="91"/>
      <c r="HQ511" s="91"/>
      <c r="HR511" s="91"/>
      <c r="HS511" s="91"/>
      <c r="HT511" s="91"/>
      <c r="HU511" s="91"/>
      <c r="HV511" s="91"/>
      <c r="HW511" s="91"/>
      <c r="HX511" s="91"/>
      <c r="HY511" s="91"/>
      <c r="HZ511" s="91"/>
      <c r="IA511" s="91"/>
      <c r="IB511" s="91"/>
      <c r="IC511" s="91"/>
      <c r="ID511" s="91"/>
      <c r="IE511" s="91"/>
      <c r="IF511" s="91"/>
      <c r="IG511" s="91"/>
      <c r="IH511" s="91"/>
      <c r="II511" s="91"/>
      <c r="IJ511" s="91"/>
      <c r="IK511" s="127"/>
    </row>
    <row r="512" spans="2:245" x14ac:dyDescent="0.2">
      <c r="B512" s="43"/>
      <c r="C512" s="73"/>
      <c r="D512" s="64"/>
      <c r="E512" s="64"/>
      <c r="F512" s="55"/>
      <c r="G512" s="102"/>
      <c r="H512" s="55"/>
      <c r="I512" s="55"/>
      <c r="J512" s="55"/>
      <c r="K512" s="55"/>
      <c r="L512" s="55"/>
      <c r="M512" s="55"/>
      <c r="N512" s="55"/>
      <c r="O512" s="55"/>
      <c r="P512" s="55"/>
      <c r="Q512" s="55"/>
      <c r="R512" s="55"/>
      <c r="S512" s="55"/>
      <c r="T512" s="55"/>
      <c r="U512" s="55"/>
      <c r="V512" s="55"/>
      <c r="W512" s="55"/>
      <c r="X512" s="55"/>
      <c r="Y512" s="55"/>
      <c r="Z512" s="55"/>
      <c r="AA512" s="55"/>
      <c r="AB512" s="55"/>
      <c r="AC512" s="55"/>
      <c r="AD512" s="55"/>
      <c r="AE512" s="55"/>
      <c r="AF512" s="55"/>
      <c r="AG512" s="55"/>
      <c r="AY512" s="162"/>
      <c r="AZ512" s="162"/>
      <c r="BA512" s="162"/>
      <c r="BB512" s="162"/>
      <c r="BC512" s="162"/>
      <c r="BD512" s="162"/>
      <c r="BE512" s="162"/>
      <c r="BF512" s="162"/>
      <c r="BG512" s="162"/>
      <c r="BH512" s="162"/>
      <c r="BI512" s="162"/>
      <c r="BJ512" s="162"/>
      <c r="BK512" s="162"/>
      <c r="BL512" s="162"/>
      <c r="BM512" s="162"/>
      <c r="BN512" s="162"/>
      <c r="BO512" s="162"/>
      <c r="BP512" s="162"/>
      <c r="BQ512" s="162"/>
      <c r="BR512" s="162"/>
      <c r="BS512" s="162"/>
      <c r="BT512" s="162"/>
      <c r="BU512" s="162"/>
      <c r="BV512" s="162"/>
      <c r="BW512" s="162"/>
      <c r="BX512" s="162"/>
      <c r="BY512" s="162"/>
      <c r="BZ512" s="162"/>
      <c r="CA512" s="162"/>
      <c r="CB512" s="162"/>
      <c r="CC512" s="162"/>
      <c r="CD512" s="162"/>
      <c r="CE512" s="162"/>
      <c r="CF512" s="162"/>
      <c r="CG512" s="162"/>
      <c r="CH512" s="162"/>
      <c r="CI512" s="162"/>
      <c r="CJ512" s="162"/>
      <c r="CK512" s="162"/>
      <c r="CX512" s="98"/>
      <c r="DL512" s="97"/>
      <c r="DX512" s="98"/>
      <c r="EL512" s="97"/>
      <c r="EX512" s="98"/>
      <c r="EY512" s="97"/>
      <c r="FL512" s="126"/>
      <c r="FM512" s="91"/>
      <c r="FN512" s="91"/>
      <c r="FO512" s="91"/>
      <c r="FP512" s="91"/>
      <c r="FQ512" s="91"/>
      <c r="FR512" s="91"/>
      <c r="FS512" s="91"/>
      <c r="FT512" s="91"/>
      <c r="FU512" s="91"/>
      <c r="FV512" s="91"/>
      <c r="FW512" s="91"/>
      <c r="FX512" s="91"/>
      <c r="FY512" s="91"/>
      <c r="FZ512" s="91"/>
      <c r="GA512" s="91"/>
      <c r="GB512" s="91"/>
      <c r="GC512" s="91"/>
      <c r="GD512" s="91"/>
      <c r="GE512" s="91"/>
      <c r="GF512" s="91"/>
      <c r="GG512" s="91"/>
      <c r="GH512" s="91"/>
      <c r="GI512" s="91"/>
      <c r="GJ512" s="91"/>
      <c r="GK512" s="127"/>
      <c r="GL512" s="126"/>
      <c r="GM512" s="91"/>
      <c r="GN512" s="91"/>
      <c r="GO512" s="91"/>
      <c r="GP512" s="91"/>
      <c r="GQ512" s="91"/>
      <c r="GR512" s="91"/>
      <c r="GS512" s="91"/>
      <c r="GT512" s="91"/>
      <c r="GU512" s="91"/>
      <c r="GV512" s="91"/>
      <c r="GW512" s="91"/>
      <c r="GX512" s="91"/>
      <c r="GY512" s="91"/>
      <c r="GZ512" s="91"/>
      <c r="HA512" s="91"/>
      <c r="HB512" s="91"/>
      <c r="HC512" s="91"/>
      <c r="HD512" s="91"/>
      <c r="HE512" s="91"/>
      <c r="HF512" s="91"/>
      <c r="HG512" s="91"/>
      <c r="HH512" s="91"/>
      <c r="HI512" s="91"/>
      <c r="HJ512" s="91"/>
      <c r="HK512" s="127"/>
      <c r="HL512" s="126"/>
      <c r="HM512" s="91"/>
      <c r="HN512" s="91"/>
      <c r="HO512" s="91"/>
      <c r="HP512" s="91"/>
      <c r="HQ512" s="91"/>
      <c r="HR512" s="91"/>
      <c r="HS512" s="91"/>
      <c r="HT512" s="91"/>
      <c r="HU512" s="91"/>
      <c r="HV512" s="91"/>
      <c r="HW512" s="91"/>
      <c r="HX512" s="91"/>
      <c r="HY512" s="91"/>
      <c r="HZ512" s="91"/>
      <c r="IA512" s="91"/>
      <c r="IB512" s="91"/>
      <c r="IC512" s="91"/>
      <c r="ID512" s="91"/>
      <c r="IE512" s="91"/>
      <c r="IF512" s="91"/>
      <c r="IG512" s="91"/>
      <c r="IH512" s="91"/>
      <c r="II512" s="91"/>
      <c r="IJ512" s="91"/>
      <c r="IK512" s="127"/>
    </row>
    <row r="513" spans="2:245" x14ac:dyDescent="0.2">
      <c r="B513" s="43"/>
      <c r="C513" s="73"/>
      <c r="D513" s="64"/>
      <c r="E513" s="64"/>
      <c r="F513" s="55"/>
      <c r="G513" s="102"/>
      <c r="H513" s="55"/>
      <c r="I513" s="55"/>
      <c r="J513" s="55"/>
      <c r="K513" s="55"/>
      <c r="L513" s="55"/>
      <c r="M513" s="55"/>
      <c r="N513" s="55"/>
      <c r="O513" s="55"/>
      <c r="P513" s="55"/>
      <c r="Q513" s="55"/>
      <c r="R513" s="55"/>
      <c r="S513" s="55"/>
      <c r="T513" s="55"/>
      <c r="U513" s="55"/>
      <c r="V513" s="55"/>
      <c r="W513" s="55"/>
      <c r="X513" s="55"/>
      <c r="Y513" s="55"/>
      <c r="Z513" s="55"/>
      <c r="AA513" s="55"/>
      <c r="AB513" s="55"/>
      <c r="AC513" s="55"/>
      <c r="AD513" s="55"/>
      <c r="AE513" s="55"/>
      <c r="AF513" s="55"/>
      <c r="AG513" s="55"/>
      <c r="AY513" s="162"/>
      <c r="AZ513" s="162"/>
      <c r="BA513" s="162"/>
      <c r="BB513" s="162"/>
      <c r="BC513" s="162"/>
      <c r="BD513" s="162"/>
      <c r="BE513" s="162"/>
      <c r="BF513" s="162"/>
      <c r="BG513" s="162"/>
      <c r="BH513" s="162"/>
      <c r="BI513" s="162"/>
      <c r="BJ513" s="162"/>
      <c r="BK513" s="162"/>
      <c r="BL513" s="162"/>
      <c r="BM513" s="162"/>
      <c r="BN513" s="162"/>
      <c r="BO513" s="162"/>
      <c r="BP513" s="162"/>
      <c r="BQ513" s="162"/>
      <c r="BR513" s="162"/>
      <c r="BS513" s="162"/>
      <c r="BT513" s="162"/>
      <c r="BU513" s="162"/>
      <c r="BV513" s="162"/>
      <c r="BW513" s="162"/>
      <c r="BX513" s="162"/>
      <c r="BY513" s="162"/>
      <c r="BZ513" s="162"/>
      <c r="CA513" s="162"/>
      <c r="CB513" s="162"/>
      <c r="CC513" s="162"/>
      <c r="CD513" s="162"/>
      <c r="CE513" s="162"/>
      <c r="CF513" s="162"/>
      <c r="CG513" s="162"/>
      <c r="CH513" s="162"/>
      <c r="CI513" s="162"/>
      <c r="CJ513" s="162"/>
      <c r="CK513" s="162"/>
      <c r="CX513" s="98"/>
      <c r="DL513" s="97"/>
      <c r="DX513" s="98"/>
      <c r="EL513" s="97"/>
      <c r="EX513" s="98"/>
      <c r="EY513" s="97"/>
      <c r="FL513" s="126"/>
      <c r="FM513" s="91"/>
      <c r="FN513" s="91"/>
      <c r="FO513" s="91"/>
      <c r="FP513" s="91"/>
      <c r="FQ513" s="91"/>
      <c r="FR513" s="91"/>
      <c r="FS513" s="91"/>
      <c r="FT513" s="91"/>
      <c r="FU513" s="91"/>
      <c r="FV513" s="91"/>
      <c r="FW513" s="91"/>
      <c r="FX513" s="91"/>
      <c r="FY513" s="91"/>
      <c r="FZ513" s="91"/>
      <c r="GA513" s="91"/>
      <c r="GB513" s="91"/>
      <c r="GC513" s="91"/>
      <c r="GD513" s="91"/>
      <c r="GE513" s="91"/>
      <c r="GF513" s="91"/>
      <c r="GG513" s="91"/>
      <c r="GH513" s="91"/>
      <c r="GI513" s="91"/>
      <c r="GJ513" s="91"/>
      <c r="GK513" s="127"/>
      <c r="GL513" s="126"/>
      <c r="GM513" s="91"/>
      <c r="GN513" s="91"/>
      <c r="GO513" s="91"/>
      <c r="GP513" s="91"/>
      <c r="GQ513" s="91"/>
      <c r="GR513" s="91"/>
      <c r="GS513" s="91"/>
      <c r="GT513" s="91"/>
      <c r="GU513" s="91"/>
      <c r="GV513" s="91"/>
      <c r="GW513" s="91"/>
      <c r="GX513" s="91"/>
      <c r="GY513" s="91"/>
      <c r="GZ513" s="91"/>
      <c r="HA513" s="91"/>
      <c r="HB513" s="91"/>
      <c r="HC513" s="91"/>
      <c r="HD513" s="91"/>
      <c r="HE513" s="91"/>
      <c r="HF513" s="91"/>
      <c r="HG513" s="91"/>
      <c r="HH513" s="91"/>
      <c r="HI513" s="91"/>
      <c r="HJ513" s="91"/>
      <c r="HK513" s="127"/>
      <c r="HL513" s="126"/>
      <c r="HM513" s="91"/>
      <c r="HN513" s="91"/>
      <c r="HO513" s="91"/>
      <c r="HP513" s="91"/>
      <c r="HQ513" s="91"/>
      <c r="HR513" s="91"/>
      <c r="HS513" s="91"/>
      <c r="HT513" s="91"/>
      <c r="HU513" s="91"/>
      <c r="HV513" s="91"/>
      <c r="HW513" s="91"/>
      <c r="HX513" s="91"/>
      <c r="HY513" s="91"/>
      <c r="HZ513" s="91"/>
      <c r="IA513" s="91"/>
      <c r="IB513" s="91"/>
      <c r="IC513" s="91"/>
      <c r="ID513" s="91"/>
      <c r="IE513" s="91"/>
      <c r="IF513" s="91"/>
      <c r="IG513" s="91"/>
      <c r="IH513" s="91"/>
      <c r="II513" s="91"/>
      <c r="IJ513" s="91"/>
      <c r="IK513" s="127"/>
    </row>
    <row r="514" spans="2:245" x14ac:dyDescent="0.2">
      <c r="B514" s="43"/>
      <c r="C514" s="73"/>
      <c r="D514" s="64"/>
      <c r="E514" s="64"/>
      <c r="F514" s="55"/>
      <c r="G514" s="102"/>
      <c r="H514" s="55"/>
      <c r="I514" s="55"/>
      <c r="J514" s="55"/>
      <c r="K514" s="55"/>
      <c r="L514" s="55"/>
      <c r="M514" s="55"/>
      <c r="N514" s="55"/>
      <c r="O514" s="55"/>
      <c r="P514" s="55"/>
      <c r="Q514" s="55"/>
      <c r="R514" s="55"/>
      <c r="S514" s="55"/>
      <c r="T514" s="55"/>
      <c r="U514" s="55"/>
      <c r="V514" s="55"/>
      <c r="W514" s="55"/>
      <c r="X514" s="55"/>
      <c r="Y514" s="55"/>
      <c r="Z514" s="55"/>
      <c r="AA514" s="55"/>
      <c r="AB514" s="55"/>
      <c r="AC514" s="55"/>
      <c r="AD514" s="55"/>
      <c r="AE514" s="55"/>
      <c r="AF514" s="55"/>
      <c r="AG514" s="55"/>
      <c r="AY514" s="162"/>
      <c r="AZ514" s="162"/>
      <c r="BA514" s="162"/>
      <c r="BB514" s="162"/>
      <c r="BC514" s="162"/>
      <c r="BD514" s="162"/>
      <c r="BE514" s="162"/>
      <c r="BF514" s="162"/>
      <c r="BG514" s="162"/>
      <c r="BH514" s="162"/>
      <c r="BI514" s="162"/>
      <c r="BJ514" s="162"/>
      <c r="BK514" s="162"/>
      <c r="BL514" s="162"/>
      <c r="BM514" s="162"/>
      <c r="BN514" s="162"/>
      <c r="BO514" s="162"/>
      <c r="BP514" s="162"/>
      <c r="BQ514" s="162"/>
      <c r="BR514" s="162"/>
      <c r="BS514" s="162"/>
      <c r="BT514" s="162"/>
      <c r="BU514" s="162"/>
      <c r="BV514" s="162"/>
      <c r="BW514" s="162"/>
      <c r="BX514" s="162"/>
      <c r="BY514" s="162"/>
      <c r="BZ514" s="162"/>
      <c r="CA514" s="162"/>
      <c r="CB514" s="162"/>
      <c r="CC514" s="162"/>
      <c r="CD514" s="162"/>
      <c r="CE514" s="162"/>
      <c r="CF514" s="162"/>
      <c r="CG514" s="162"/>
      <c r="CH514" s="162"/>
      <c r="CI514" s="162"/>
      <c r="CJ514" s="162"/>
      <c r="CK514" s="162"/>
      <c r="CX514" s="98"/>
      <c r="DL514" s="97"/>
      <c r="DX514" s="98"/>
      <c r="EL514" s="97"/>
      <c r="EX514" s="98"/>
      <c r="EY514" s="97"/>
      <c r="FL514" s="126"/>
      <c r="FM514" s="91"/>
      <c r="FN514" s="91"/>
      <c r="FO514" s="91"/>
      <c r="FP514" s="91"/>
      <c r="FQ514" s="91"/>
      <c r="FR514" s="91"/>
      <c r="FS514" s="91"/>
      <c r="FT514" s="91"/>
      <c r="FU514" s="91"/>
      <c r="FV514" s="91"/>
      <c r="FW514" s="91"/>
      <c r="FX514" s="91"/>
      <c r="FY514" s="91"/>
      <c r="FZ514" s="91"/>
      <c r="GA514" s="91"/>
      <c r="GB514" s="91"/>
      <c r="GC514" s="91"/>
      <c r="GD514" s="91"/>
      <c r="GE514" s="91"/>
      <c r="GF514" s="91"/>
      <c r="GG514" s="91"/>
      <c r="GH514" s="91"/>
      <c r="GI514" s="91"/>
      <c r="GJ514" s="91"/>
      <c r="GK514" s="127"/>
      <c r="GL514" s="126"/>
      <c r="GM514" s="91"/>
      <c r="GN514" s="91"/>
      <c r="GO514" s="91"/>
      <c r="GP514" s="91"/>
      <c r="GQ514" s="91"/>
      <c r="GR514" s="91"/>
      <c r="GS514" s="91"/>
      <c r="GT514" s="91"/>
      <c r="GU514" s="91"/>
      <c r="GV514" s="91"/>
      <c r="GW514" s="91"/>
      <c r="GX514" s="91"/>
      <c r="GY514" s="91"/>
      <c r="GZ514" s="91"/>
      <c r="HA514" s="91"/>
      <c r="HB514" s="91"/>
      <c r="HC514" s="91"/>
      <c r="HD514" s="91"/>
      <c r="HE514" s="91"/>
      <c r="HF514" s="91"/>
      <c r="HG514" s="91"/>
      <c r="HH514" s="91"/>
      <c r="HI514" s="91"/>
      <c r="HJ514" s="91"/>
      <c r="HK514" s="127"/>
      <c r="HL514" s="126"/>
      <c r="HM514" s="91"/>
      <c r="HN514" s="91"/>
      <c r="HO514" s="91"/>
      <c r="HP514" s="91"/>
      <c r="HQ514" s="91"/>
      <c r="HR514" s="91"/>
      <c r="HS514" s="91"/>
      <c r="HT514" s="91"/>
      <c r="HU514" s="91"/>
      <c r="HV514" s="91"/>
      <c r="HW514" s="91"/>
      <c r="HX514" s="91"/>
      <c r="HY514" s="91"/>
      <c r="HZ514" s="91"/>
      <c r="IA514" s="91"/>
      <c r="IB514" s="91"/>
      <c r="IC514" s="91"/>
      <c r="ID514" s="91"/>
      <c r="IE514" s="91"/>
      <c r="IF514" s="91"/>
      <c r="IG514" s="91"/>
      <c r="IH514" s="91"/>
      <c r="II514" s="91"/>
      <c r="IJ514" s="91"/>
      <c r="IK514" s="127"/>
    </row>
    <row r="515" spans="2:245" x14ac:dyDescent="0.2">
      <c r="B515" s="43"/>
      <c r="C515" s="73"/>
      <c r="D515" s="64"/>
      <c r="E515" s="64"/>
      <c r="F515" s="55"/>
      <c r="G515" s="102"/>
      <c r="H515" s="55"/>
      <c r="I515" s="55"/>
      <c r="J515" s="55"/>
      <c r="K515" s="55"/>
      <c r="L515" s="55"/>
      <c r="M515" s="55"/>
      <c r="N515" s="55"/>
      <c r="O515" s="55"/>
      <c r="P515" s="55"/>
      <c r="Q515" s="55"/>
      <c r="R515" s="55"/>
      <c r="S515" s="55"/>
      <c r="T515" s="55"/>
      <c r="U515" s="55"/>
      <c r="V515" s="55"/>
      <c r="W515" s="55"/>
      <c r="X515" s="55"/>
      <c r="Y515" s="55"/>
      <c r="Z515" s="55"/>
      <c r="AA515" s="55"/>
      <c r="AB515" s="55"/>
      <c r="AC515" s="55"/>
      <c r="AD515" s="55"/>
      <c r="AE515" s="55"/>
      <c r="AF515" s="55"/>
      <c r="AG515" s="55"/>
      <c r="AY515" s="162"/>
      <c r="AZ515" s="162"/>
      <c r="BA515" s="162"/>
      <c r="BB515" s="162"/>
      <c r="BC515" s="162"/>
      <c r="BD515" s="162"/>
      <c r="BE515" s="162"/>
      <c r="BF515" s="162"/>
      <c r="BG515" s="162"/>
      <c r="BH515" s="162"/>
      <c r="BI515" s="162"/>
      <c r="BJ515" s="162"/>
      <c r="BK515" s="162"/>
      <c r="BL515" s="162"/>
      <c r="BM515" s="162"/>
      <c r="BN515" s="162"/>
      <c r="BO515" s="162"/>
      <c r="BP515" s="162"/>
      <c r="BQ515" s="162"/>
      <c r="BR515" s="162"/>
      <c r="BS515" s="162"/>
      <c r="BT515" s="162"/>
      <c r="BU515" s="162"/>
      <c r="BV515" s="162"/>
      <c r="BW515" s="162"/>
      <c r="BX515" s="162"/>
      <c r="BY515" s="162"/>
      <c r="BZ515" s="162"/>
      <c r="CA515" s="162"/>
      <c r="CB515" s="162"/>
      <c r="CC515" s="162"/>
      <c r="CD515" s="162"/>
      <c r="CE515" s="162"/>
      <c r="CF515" s="162"/>
      <c r="CG515" s="162"/>
      <c r="CH515" s="162"/>
      <c r="CI515" s="162"/>
      <c r="CJ515" s="162"/>
      <c r="CK515" s="162"/>
      <c r="CX515" s="98"/>
      <c r="DL515" s="97"/>
      <c r="DX515" s="98"/>
      <c r="EL515" s="97"/>
      <c r="EX515" s="98"/>
      <c r="EY515" s="97"/>
      <c r="FL515" s="126"/>
      <c r="FM515" s="91"/>
      <c r="FN515" s="91"/>
      <c r="FO515" s="91"/>
      <c r="FP515" s="91"/>
      <c r="FQ515" s="91"/>
      <c r="FR515" s="91"/>
      <c r="FS515" s="91"/>
      <c r="FT515" s="91"/>
      <c r="FU515" s="91"/>
      <c r="FV515" s="91"/>
      <c r="FW515" s="91"/>
      <c r="FX515" s="91"/>
      <c r="FY515" s="91"/>
      <c r="FZ515" s="91"/>
      <c r="GA515" s="91"/>
      <c r="GB515" s="91"/>
      <c r="GC515" s="91"/>
      <c r="GD515" s="91"/>
      <c r="GE515" s="91"/>
      <c r="GF515" s="91"/>
      <c r="GG515" s="91"/>
      <c r="GH515" s="91"/>
      <c r="GI515" s="91"/>
      <c r="GJ515" s="91"/>
      <c r="GK515" s="127"/>
      <c r="GL515" s="126"/>
      <c r="GM515" s="91"/>
      <c r="GN515" s="91"/>
      <c r="GO515" s="91"/>
      <c r="GP515" s="91"/>
      <c r="GQ515" s="91"/>
      <c r="GR515" s="91"/>
      <c r="GS515" s="91"/>
      <c r="GT515" s="91"/>
      <c r="GU515" s="91"/>
      <c r="GV515" s="91"/>
      <c r="GW515" s="91"/>
      <c r="GX515" s="91"/>
      <c r="GY515" s="91"/>
      <c r="GZ515" s="91"/>
      <c r="HA515" s="91"/>
      <c r="HB515" s="91"/>
      <c r="HC515" s="91"/>
      <c r="HD515" s="91"/>
      <c r="HE515" s="91"/>
      <c r="HF515" s="91"/>
      <c r="HG515" s="91"/>
      <c r="HH515" s="91"/>
      <c r="HI515" s="91"/>
      <c r="HJ515" s="91"/>
      <c r="HK515" s="127"/>
      <c r="HL515" s="126"/>
      <c r="HM515" s="91"/>
      <c r="HN515" s="91"/>
      <c r="HO515" s="91"/>
      <c r="HP515" s="91"/>
      <c r="HQ515" s="91"/>
      <c r="HR515" s="91"/>
      <c r="HS515" s="91"/>
      <c r="HT515" s="91"/>
      <c r="HU515" s="91"/>
      <c r="HV515" s="91"/>
      <c r="HW515" s="91"/>
      <c r="HX515" s="91"/>
      <c r="HY515" s="91"/>
      <c r="HZ515" s="91"/>
      <c r="IA515" s="91"/>
      <c r="IB515" s="91"/>
      <c r="IC515" s="91"/>
      <c r="ID515" s="91"/>
      <c r="IE515" s="91"/>
      <c r="IF515" s="91"/>
      <c r="IG515" s="91"/>
      <c r="IH515" s="91"/>
      <c r="II515" s="91"/>
      <c r="IJ515" s="91"/>
      <c r="IK515" s="127"/>
    </row>
    <row r="516" spans="2:245" x14ac:dyDescent="0.2">
      <c r="B516" s="43"/>
      <c r="C516" s="73"/>
      <c r="D516" s="64"/>
      <c r="E516" s="64"/>
      <c r="F516" s="55"/>
      <c r="G516" s="102"/>
      <c r="H516" s="55"/>
      <c r="I516" s="55"/>
      <c r="J516" s="55"/>
      <c r="K516" s="55"/>
      <c r="L516" s="55"/>
      <c r="M516" s="55"/>
      <c r="N516" s="55"/>
      <c r="O516" s="55"/>
      <c r="P516" s="55"/>
      <c r="Q516" s="55"/>
      <c r="R516" s="55"/>
      <c r="S516" s="55"/>
      <c r="T516" s="55"/>
      <c r="U516" s="55"/>
      <c r="V516" s="55"/>
      <c r="W516" s="55"/>
      <c r="X516" s="55"/>
      <c r="Y516" s="55"/>
      <c r="Z516" s="55"/>
      <c r="AA516" s="55"/>
      <c r="AB516" s="55"/>
      <c r="AC516" s="55"/>
      <c r="AD516" s="55"/>
      <c r="AE516" s="55"/>
      <c r="AF516" s="55"/>
      <c r="AG516" s="55"/>
      <c r="AY516" s="162"/>
      <c r="AZ516" s="162"/>
      <c r="BA516" s="162"/>
      <c r="BB516" s="162"/>
      <c r="BC516" s="162"/>
      <c r="BD516" s="162"/>
      <c r="BE516" s="162"/>
      <c r="BF516" s="162"/>
      <c r="BG516" s="162"/>
      <c r="BH516" s="162"/>
      <c r="BI516" s="162"/>
      <c r="BJ516" s="162"/>
      <c r="BK516" s="162"/>
      <c r="BL516" s="162"/>
      <c r="BM516" s="162"/>
      <c r="BN516" s="162"/>
      <c r="BO516" s="162"/>
      <c r="BP516" s="162"/>
      <c r="BQ516" s="162"/>
      <c r="BR516" s="162"/>
      <c r="BS516" s="162"/>
      <c r="BT516" s="162"/>
      <c r="BU516" s="162"/>
      <c r="BV516" s="162"/>
      <c r="BW516" s="162"/>
      <c r="BX516" s="162"/>
      <c r="BY516" s="162"/>
      <c r="BZ516" s="162"/>
      <c r="CA516" s="162"/>
      <c r="CB516" s="162"/>
      <c r="CC516" s="162"/>
      <c r="CD516" s="162"/>
      <c r="CE516" s="162"/>
      <c r="CF516" s="162"/>
      <c r="CG516" s="162"/>
      <c r="CH516" s="162"/>
      <c r="CI516" s="162"/>
      <c r="CJ516" s="162"/>
      <c r="CK516" s="162"/>
      <c r="CX516" s="98"/>
      <c r="DL516" s="97"/>
      <c r="DX516" s="98"/>
      <c r="EL516" s="97"/>
      <c r="EX516" s="98"/>
      <c r="EY516" s="97"/>
      <c r="FL516" s="126"/>
      <c r="FM516" s="91"/>
      <c r="FN516" s="91"/>
      <c r="FO516" s="91"/>
      <c r="FP516" s="91"/>
      <c r="FQ516" s="91"/>
      <c r="FR516" s="91"/>
      <c r="FS516" s="91"/>
      <c r="FT516" s="91"/>
      <c r="FU516" s="91"/>
      <c r="FV516" s="91"/>
      <c r="FW516" s="91"/>
      <c r="FX516" s="91"/>
      <c r="FY516" s="91"/>
      <c r="FZ516" s="91"/>
      <c r="GA516" s="91"/>
      <c r="GB516" s="91"/>
      <c r="GC516" s="91"/>
      <c r="GD516" s="91"/>
      <c r="GE516" s="91"/>
      <c r="GF516" s="91"/>
      <c r="GG516" s="91"/>
      <c r="GH516" s="91"/>
      <c r="GI516" s="91"/>
      <c r="GJ516" s="91"/>
      <c r="GK516" s="127"/>
      <c r="GL516" s="126"/>
      <c r="GM516" s="91"/>
      <c r="GN516" s="91"/>
      <c r="GO516" s="91"/>
      <c r="GP516" s="91"/>
      <c r="GQ516" s="91"/>
      <c r="GR516" s="91"/>
      <c r="GS516" s="91"/>
      <c r="GT516" s="91"/>
      <c r="GU516" s="91"/>
      <c r="GV516" s="91"/>
      <c r="GW516" s="91"/>
      <c r="GX516" s="91"/>
      <c r="GY516" s="91"/>
      <c r="GZ516" s="91"/>
      <c r="HA516" s="91"/>
      <c r="HB516" s="91"/>
      <c r="HC516" s="91"/>
      <c r="HD516" s="91"/>
      <c r="HE516" s="91"/>
      <c r="HF516" s="91"/>
      <c r="HG516" s="91"/>
      <c r="HH516" s="91"/>
      <c r="HI516" s="91"/>
      <c r="HJ516" s="91"/>
      <c r="HK516" s="127"/>
      <c r="HL516" s="126"/>
      <c r="HM516" s="91"/>
      <c r="HN516" s="91"/>
      <c r="HO516" s="91"/>
      <c r="HP516" s="91"/>
      <c r="HQ516" s="91"/>
      <c r="HR516" s="91"/>
      <c r="HS516" s="91"/>
      <c r="HT516" s="91"/>
      <c r="HU516" s="91"/>
      <c r="HV516" s="91"/>
      <c r="HW516" s="91"/>
      <c r="HX516" s="91"/>
      <c r="HY516" s="91"/>
      <c r="HZ516" s="91"/>
      <c r="IA516" s="91"/>
      <c r="IB516" s="91"/>
      <c r="IC516" s="91"/>
      <c r="ID516" s="91"/>
      <c r="IE516" s="91"/>
      <c r="IF516" s="91"/>
      <c r="IG516" s="91"/>
      <c r="IH516" s="91"/>
      <c r="II516" s="91"/>
      <c r="IJ516" s="91"/>
      <c r="IK516" s="127"/>
    </row>
    <row r="517" spans="2:245" x14ac:dyDescent="0.2">
      <c r="B517" s="43"/>
      <c r="C517" s="73"/>
      <c r="D517" s="64"/>
      <c r="E517" s="64"/>
      <c r="F517" s="55"/>
      <c r="G517" s="102"/>
      <c r="H517" s="55"/>
      <c r="I517" s="55"/>
      <c r="J517" s="55"/>
      <c r="K517" s="55"/>
      <c r="L517" s="55"/>
      <c r="M517" s="55"/>
      <c r="N517" s="55"/>
      <c r="O517" s="55"/>
      <c r="P517" s="55"/>
      <c r="Q517" s="55"/>
      <c r="R517" s="55"/>
      <c r="S517" s="55"/>
      <c r="T517" s="55"/>
      <c r="U517" s="55"/>
      <c r="V517" s="55"/>
      <c r="W517" s="55"/>
      <c r="X517" s="55"/>
      <c r="Y517" s="55"/>
      <c r="Z517" s="55"/>
      <c r="AA517" s="55"/>
      <c r="AB517" s="55"/>
      <c r="AC517" s="55"/>
      <c r="AD517" s="55"/>
      <c r="AE517" s="55"/>
      <c r="AF517" s="55"/>
      <c r="AG517" s="55"/>
      <c r="AY517" s="162"/>
      <c r="AZ517" s="162"/>
      <c r="BA517" s="162"/>
      <c r="BB517" s="162"/>
      <c r="BC517" s="162"/>
      <c r="BD517" s="162"/>
      <c r="BE517" s="162"/>
      <c r="BF517" s="162"/>
      <c r="BG517" s="162"/>
      <c r="BH517" s="162"/>
      <c r="BI517" s="162"/>
      <c r="BJ517" s="162"/>
      <c r="BK517" s="162"/>
      <c r="BL517" s="162"/>
      <c r="BM517" s="162"/>
      <c r="BN517" s="162"/>
      <c r="BO517" s="162"/>
      <c r="BP517" s="162"/>
      <c r="BQ517" s="162"/>
      <c r="BR517" s="162"/>
      <c r="BS517" s="162"/>
      <c r="BT517" s="162"/>
      <c r="BU517" s="162"/>
      <c r="BV517" s="162"/>
      <c r="BW517" s="162"/>
      <c r="BX517" s="162"/>
      <c r="BY517" s="162"/>
      <c r="BZ517" s="162"/>
      <c r="CA517" s="162"/>
      <c r="CB517" s="162"/>
      <c r="CC517" s="162"/>
      <c r="CD517" s="162"/>
      <c r="CE517" s="162"/>
      <c r="CF517" s="162"/>
      <c r="CG517" s="162"/>
      <c r="CH517" s="162"/>
      <c r="CI517" s="162"/>
      <c r="CJ517" s="162"/>
      <c r="CK517" s="162"/>
      <c r="CX517" s="98"/>
      <c r="DL517" s="97"/>
      <c r="DX517" s="98"/>
      <c r="EL517" s="97"/>
      <c r="EX517" s="98"/>
      <c r="EY517" s="97"/>
      <c r="FL517" s="126"/>
      <c r="FM517" s="91"/>
      <c r="FN517" s="91"/>
      <c r="FO517" s="91"/>
      <c r="FP517" s="91"/>
      <c r="FQ517" s="91"/>
      <c r="FR517" s="91"/>
      <c r="FS517" s="91"/>
      <c r="FT517" s="91"/>
      <c r="FU517" s="91"/>
      <c r="FV517" s="91"/>
      <c r="FW517" s="91"/>
      <c r="FX517" s="91"/>
      <c r="FY517" s="91"/>
      <c r="FZ517" s="91"/>
      <c r="GA517" s="91"/>
      <c r="GB517" s="91"/>
      <c r="GC517" s="91"/>
      <c r="GD517" s="91"/>
      <c r="GE517" s="91"/>
      <c r="GF517" s="91"/>
      <c r="GG517" s="91"/>
      <c r="GH517" s="91"/>
      <c r="GI517" s="91"/>
      <c r="GJ517" s="91"/>
      <c r="GK517" s="127"/>
      <c r="GL517" s="126"/>
      <c r="GM517" s="91"/>
      <c r="GN517" s="91"/>
      <c r="GO517" s="91"/>
      <c r="GP517" s="91"/>
      <c r="GQ517" s="91"/>
      <c r="GR517" s="91"/>
      <c r="GS517" s="91"/>
      <c r="GT517" s="91"/>
      <c r="GU517" s="91"/>
      <c r="GV517" s="91"/>
      <c r="GW517" s="91"/>
      <c r="GX517" s="91"/>
      <c r="GY517" s="91"/>
      <c r="GZ517" s="91"/>
      <c r="HA517" s="91"/>
      <c r="HB517" s="91"/>
      <c r="HC517" s="91"/>
      <c r="HD517" s="91"/>
      <c r="HE517" s="91"/>
      <c r="HF517" s="91"/>
      <c r="HG517" s="91"/>
      <c r="HH517" s="91"/>
      <c r="HI517" s="91"/>
      <c r="HJ517" s="91"/>
      <c r="HK517" s="127"/>
      <c r="HL517" s="126"/>
      <c r="HM517" s="91"/>
      <c r="HN517" s="91"/>
      <c r="HO517" s="91"/>
      <c r="HP517" s="91"/>
      <c r="HQ517" s="91"/>
      <c r="HR517" s="91"/>
      <c r="HS517" s="91"/>
      <c r="HT517" s="91"/>
      <c r="HU517" s="91"/>
      <c r="HV517" s="91"/>
      <c r="HW517" s="91"/>
      <c r="HX517" s="91"/>
      <c r="HY517" s="91"/>
      <c r="HZ517" s="91"/>
      <c r="IA517" s="91"/>
      <c r="IB517" s="91"/>
      <c r="IC517" s="91"/>
      <c r="ID517" s="91"/>
      <c r="IE517" s="91"/>
      <c r="IF517" s="91"/>
      <c r="IG517" s="91"/>
      <c r="IH517" s="91"/>
      <c r="II517" s="91"/>
      <c r="IJ517" s="91"/>
      <c r="IK517" s="127"/>
    </row>
    <row r="518" spans="2:245" x14ac:dyDescent="0.2">
      <c r="B518" s="43"/>
      <c r="C518" s="73"/>
      <c r="D518" s="64"/>
      <c r="E518" s="64"/>
      <c r="F518" s="55"/>
      <c r="G518" s="102"/>
      <c r="H518" s="55"/>
      <c r="I518" s="55"/>
      <c r="J518" s="55"/>
      <c r="K518" s="55"/>
      <c r="L518" s="55"/>
      <c r="M518" s="55"/>
      <c r="N518" s="55"/>
      <c r="O518" s="55"/>
      <c r="P518" s="55"/>
      <c r="Q518" s="55"/>
      <c r="R518" s="55"/>
      <c r="S518" s="55"/>
      <c r="T518" s="55"/>
      <c r="U518" s="55"/>
      <c r="V518" s="55"/>
      <c r="W518" s="55"/>
      <c r="X518" s="55"/>
      <c r="Y518" s="55"/>
      <c r="Z518" s="55"/>
      <c r="AA518" s="55"/>
      <c r="AB518" s="55"/>
      <c r="AC518" s="55"/>
      <c r="AD518" s="55"/>
      <c r="AE518" s="55"/>
      <c r="AF518" s="55"/>
      <c r="AG518" s="55"/>
      <c r="AY518" s="162"/>
      <c r="AZ518" s="162"/>
      <c r="BA518" s="162"/>
      <c r="BB518" s="162"/>
      <c r="BC518" s="162"/>
      <c r="BD518" s="162"/>
      <c r="BE518" s="162"/>
      <c r="BF518" s="162"/>
      <c r="BG518" s="162"/>
      <c r="BH518" s="162"/>
      <c r="BI518" s="162"/>
      <c r="BJ518" s="162"/>
      <c r="BK518" s="162"/>
      <c r="BL518" s="162"/>
      <c r="BM518" s="162"/>
      <c r="BN518" s="162"/>
      <c r="BO518" s="162"/>
      <c r="BP518" s="162"/>
      <c r="BQ518" s="162"/>
      <c r="BR518" s="162"/>
      <c r="BS518" s="162"/>
      <c r="BT518" s="162"/>
      <c r="BU518" s="162"/>
      <c r="BV518" s="162"/>
      <c r="BW518" s="162"/>
      <c r="BX518" s="162"/>
      <c r="BY518" s="162"/>
      <c r="BZ518" s="162"/>
      <c r="CA518" s="162"/>
      <c r="CB518" s="162"/>
      <c r="CC518" s="162"/>
      <c r="CD518" s="162"/>
      <c r="CE518" s="162"/>
      <c r="CF518" s="162"/>
      <c r="CG518" s="162"/>
      <c r="CH518" s="162"/>
      <c r="CI518" s="162"/>
      <c r="CJ518" s="162"/>
      <c r="CK518" s="162"/>
      <c r="CX518" s="98"/>
      <c r="DL518" s="97"/>
      <c r="DX518" s="98"/>
      <c r="EL518" s="97"/>
      <c r="EX518" s="98"/>
      <c r="EY518" s="97"/>
      <c r="FL518" s="126"/>
      <c r="FM518" s="91"/>
      <c r="FN518" s="91"/>
      <c r="FO518" s="91"/>
      <c r="FP518" s="91"/>
      <c r="FQ518" s="91"/>
      <c r="FR518" s="91"/>
      <c r="FS518" s="91"/>
      <c r="FT518" s="91"/>
      <c r="FU518" s="91"/>
      <c r="FV518" s="91"/>
      <c r="FW518" s="91"/>
      <c r="FX518" s="91"/>
      <c r="FY518" s="91"/>
      <c r="FZ518" s="91"/>
      <c r="GA518" s="91"/>
      <c r="GB518" s="91"/>
      <c r="GC518" s="91"/>
      <c r="GD518" s="91"/>
      <c r="GE518" s="91"/>
      <c r="GF518" s="91"/>
      <c r="GG518" s="91"/>
      <c r="GH518" s="91"/>
      <c r="GI518" s="91"/>
      <c r="GJ518" s="91"/>
      <c r="GK518" s="127"/>
      <c r="GL518" s="126"/>
      <c r="GM518" s="91"/>
      <c r="GN518" s="91"/>
      <c r="GO518" s="91"/>
      <c r="GP518" s="91"/>
      <c r="GQ518" s="91"/>
      <c r="GR518" s="91"/>
      <c r="GS518" s="91"/>
      <c r="GT518" s="91"/>
      <c r="GU518" s="91"/>
      <c r="GV518" s="91"/>
      <c r="GW518" s="91"/>
      <c r="GX518" s="91"/>
      <c r="GY518" s="91"/>
      <c r="GZ518" s="91"/>
      <c r="HA518" s="91"/>
      <c r="HB518" s="91"/>
      <c r="HC518" s="91"/>
      <c r="HD518" s="91"/>
      <c r="HE518" s="91"/>
      <c r="HF518" s="91"/>
      <c r="HG518" s="91"/>
      <c r="HH518" s="91"/>
      <c r="HI518" s="91"/>
      <c r="HJ518" s="91"/>
      <c r="HK518" s="127"/>
      <c r="HL518" s="126"/>
      <c r="HM518" s="91"/>
      <c r="HN518" s="91"/>
      <c r="HO518" s="91"/>
      <c r="HP518" s="91"/>
      <c r="HQ518" s="91"/>
      <c r="HR518" s="91"/>
      <c r="HS518" s="91"/>
      <c r="HT518" s="91"/>
      <c r="HU518" s="91"/>
      <c r="HV518" s="91"/>
      <c r="HW518" s="91"/>
      <c r="HX518" s="91"/>
      <c r="HY518" s="91"/>
      <c r="HZ518" s="91"/>
      <c r="IA518" s="91"/>
      <c r="IB518" s="91"/>
      <c r="IC518" s="91"/>
      <c r="ID518" s="91"/>
      <c r="IE518" s="91"/>
      <c r="IF518" s="91"/>
      <c r="IG518" s="91"/>
      <c r="IH518" s="91"/>
      <c r="II518" s="91"/>
      <c r="IJ518" s="91"/>
      <c r="IK518" s="127"/>
    </row>
    <row r="519" spans="2:245" x14ac:dyDescent="0.2">
      <c r="B519" s="43"/>
      <c r="C519" s="73"/>
      <c r="D519" s="64"/>
      <c r="E519" s="64"/>
      <c r="F519" s="55"/>
      <c r="G519" s="102"/>
      <c r="H519" s="55"/>
      <c r="I519" s="55"/>
      <c r="J519" s="55"/>
      <c r="K519" s="55"/>
      <c r="L519" s="55"/>
      <c r="M519" s="55"/>
      <c r="N519" s="55"/>
      <c r="O519" s="55"/>
      <c r="P519" s="55"/>
      <c r="Q519" s="55"/>
      <c r="R519" s="55"/>
      <c r="S519" s="55"/>
      <c r="T519" s="55"/>
      <c r="U519" s="55"/>
      <c r="V519" s="55"/>
      <c r="W519" s="55"/>
      <c r="X519" s="55"/>
      <c r="Y519" s="55"/>
      <c r="Z519" s="55"/>
      <c r="AA519" s="55"/>
      <c r="AB519" s="55"/>
      <c r="AC519" s="55"/>
      <c r="AD519" s="55"/>
      <c r="AE519" s="55"/>
      <c r="AF519" s="55"/>
      <c r="AG519" s="55"/>
      <c r="AY519" s="162"/>
      <c r="AZ519" s="162"/>
      <c r="BA519" s="162"/>
      <c r="BB519" s="162"/>
      <c r="BC519" s="162"/>
      <c r="BD519" s="162"/>
      <c r="BE519" s="162"/>
      <c r="BF519" s="162"/>
      <c r="BG519" s="162"/>
      <c r="BH519" s="162"/>
      <c r="BI519" s="162"/>
      <c r="BJ519" s="162"/>
      <c r="BK519" s="162"/>
      <c r="BL519" s="162"/>
      <c r="BM519" s="162"/>
      <c r="BN519" s="162"/>
      <c r="BO519" s="162"/>
      <c r="BP519" s="162"/>
      <c r="BQ519" s="162"/>
      <c r="BR519" s="162"/>
      <c r="BS519" s="162"/>
      <c r="BT519" s="162"/>
      <c r="BU519" s="162"/>
      <c r="BV519" s="162"/>
      <c r="BW519" s="162"/>
      <c r="BX519" s="162"/>
      <c r="BY519" s="162"/>
      <c r="BZ519" s="162"/>
      <c r="CA519" s="162"/>
      <c r="CB519" s="162"/>
      <c r="CC519" s="162"/>
      <c r="CD519" s="162"/>
      <c r="CE519" s="162"/>
      <c r="CF519" s="162"/>
      <c r="CG519" s="162"/>
      <c r="CH519" s="162"/>
      <c r="CI519" s="162"/>
      <c r="CJ519" s="162"/>
      <c r="CK519" s="162"/>
      <c r="CX519" s="98"/>
      <c r="DL519" s="97"/>
      <c r="DX519" s="98"/>
      <c r="EL519" s="97"/>
      <c r="EX519" s="98"/>
      <c r="EY519" s="97"/>
      <c r="FL519" s="126"/>
      <c r="FM519" s="91"/>
      <c r="FN519" s="91"/>
      <c r="FO519" s="91"/>
      <c r="FP519" s="91"/>
      <c r="FQ519" s="91"/>
      <c r="FR519" s="91"/>
      <c r="FS519" s="91"/>
      <c r="FT519" s="91"/>
      <c r="FU519" s="91"/>
      <c r="FV519" s="91"/>
      <c r="FW519" s="91"/>
      <c r="FX519" s="91"/>
      <c r="FY519" s="91"/>
      <c r="FZ519" s="91"/>
      <c r="GA519" s="91"/>
      <c r="GB519" s="91"/>
      <c r="GC519" s="91"/>
      <c r="GD519" s="91"/>
      <c r="GE519" s="91"/>
      <c r="GF519" s="91"/>
      <c r="GG519" s="91"/>
      <c r="GH519" s="91"/>
      <c r="GI519" s="91"/>
      <c r="GJ519" s="91"/>
      <c r="GK519" s="127"/>
      <c r="GL519" s="126"/>
      <c r="GM519" s="91"/>
      <c r="GN519" s="91"/>
      <c r="GO519" s="91"/>
      <c r="GP519" s="91"/>
      <c r="GQ519" s="91"/>
      <c r="GR519" s="91"/>
      <c r="GS519" s="91"/>
      <c r="GT519" s="91"/>
      <c r="GU519" s="91"/>
      <c r="GV519" s="91"/>
      <c r="GW519" s="91"/>
      <c r="GX519" s="91"/>
      <c r="GY519" s="91"/>
      <c r="GZ519" s="91"/>
      <c r="HA519" s="91"/>
      <c r="HB519" s="91"/>
      <c r="HC519" s="91"/>
      <c r="HD519" s="91"/>
      <c r="HE519" s="91"/>
      <c r="HF519" s="91"/>
      <c r="HG519" s="91"/>
      <c r="HH519" s="91"/>
      <c r="HI519" s="91"/>
      <c r="HJ519" s="91"/>
      <c r="HK519" s="127"/>
      <c r="HL519" s="126"/>
      <c r="HM519" s="91"/>
      <c r="HN519" s="91"/>
      <c r="HO519" s="91"/>
      <c r="HP519" s="91"/>
      <c r="HQ519" s="91"/>
      <c r="HR519" s="91"/>
      <c r="HS519" s="91"/>
      <c r="HT519" s="91"/>
      <c r="HU519" s="91"/>
      <c r="HV519" s="91"/>
      <c r="HW519" s="91"/>
      <c r="HX519" s="91"/>
      <c r="HY519" s="91"/>
      <c r="HZ519" s="91"/>
      <c r="IA519" s="91"/>
      <c r="IB519" s="91"/>
      <c r="IC519" s="91"/>
      <c r="ID519" s="91"/>
      <c r="IE519" s="91"/>
      <c r="IF519" s="91"/>
      <c r="IG519" s="91"/>
      <c r="IH519" s="91"/>
      <c r="II519" s="91"/>
      <c r="IJ519" s="91"/>
      <c r="IK519" s="127"/>
    </row>
    <row r="520" spans="2:245" x14ac:dyDescent="0.2">
      <c r="B520" s="43"/>
      <c r="C520" s="73"/>
      <c r="D520" s="64"/>
      <c r="E520" s="64"/>
      <c r="F520" s="55"/>
      <c r="G520" s="102"/>
      <c r="H520" s="55"/>
      <c r="I520" s="55"/>
      <c r="J520" s="55"/>
      <c r="K520" s="55"/>
      <c r="L520" s="55"/>
      <c r="M520" s="55"/>
      <c r="N520" s="55"/>
      <c r="O520" s="55"/>
      <c r="P520" s="55"/>
      <c r="Q520" s="55"/>
      <c r="R520" s="55"/>
      <c r="S520" s="55"/>
      <c r="T520" s="55"/>
      <c r="U520" s="55"/>
      <c r="V520" s="55"/>
      <c r="W520" s="55"/>
      <c r="X520" s="55"/>
      <c r="Y520" s="55"/>
      <c r="Z520" s="55"/>
      <c r="AA520" s="55"/>
      <c r="AB520" s="55"/>
      <c r="AC520" s="55"/>
      <c r="AD520" s="55"/>
      <c r="AE520" s="55"/>
      <c r="AF520" s="55"/>
      <c r="AG520" s="55"/>
      <c r="AY520" s="162"/>
      <c r="AZ520" s="162"/>
      <c r="BA520" s="162"/>
      <c r="BB520" s="162"/>
      <c r="BC520" s="162"/>
      <c r="BD520" s="162"/>
      <c r="BE520" s="162"/>
      <c r="BF520" s="162"/>
      <c r="BG520" s="162"/>
      <c r="BH520" s="162"/>
      <c r="BI520" s="162"/>
      <c r="BJ520" s="162"/>
      <c r="BK520" s="162"/>
      <c r="BL520" s="162"/>
      <c r="BM520" s="162"/>
      <c r="BN520" s="162"/>
      <c r="BO520" s="162"/>
      <c r="BP520" s="162"/>
      <c r="BQ520" s="162"/>
      <c r="BR520" s="162"/>
      <c r="BS520" s="162"/>
      <c r="BT520" s="162"/>
      <c r="BU520" s="162"/>
      <c r="BV520" s="162"/>
      <c r="BW520" s="162"/>
      <c r="BX520" s="162"/>
      <c r="BY520" s="162"/>
      <c r="BZ520" s="162"/>
      <c r="CA520" s="162"/>
      <c r="CB520" s="162"/>
      <c r="CC520" s="162"/>
      <c r="CD520" s="162"/>
      <c r="CE520" s="162"/>
      <c r="CF520" s="162"/>
      <c r="CG520" s="162"/>
      <c r="CH520" s="162"/>
      <c r="CI520" s="162"/>
      <c r="CJ520" s="162"/>
      <c r="CK520" s="162"/>
      <c r="CX520" s="98"/>
      <c r="DL520" s="97"/>
      <c r="DX520" s="98"/>
      <c r="EL520" s="97"/>
      <c r="EX520" s="98"/>
      <c r="EY520" s="97"/>
      <c r="FL520" s="126"/>
      <c r="FM520" s="91"/>
      <c r="FN520" s="91"/>
      <c r="FO520" s="91"/>
      <c r="FP520" s="91"/>
      <c r="FQ520" s="91"/>
      <c r="FR520" s="91"/>
      <c r="FS520" s="91"/>
      <c r="FT520" s="91"/>
      <c r="FU520" s="91"/>
      <c r="FV520" s="91"/>
      <c r="FW520" s="91"/>
      <c r="FX520" s="91"/>
      <c r="FY520" s="91"/>
      <c r="FZ520" s="91"/>
      <c r="GA520" s="91"/>
      <c r="GB520" s="91"/>
      <c r="GC520" s="91"/>
      <c r="GD520" s="91"/>
      <c r="GE520" s="91"/>
      <c r="GF520" s="91"/>
      <c r="GG520" s="91"/>
      <c r="GH520" s="91"/>
      <c r="GI520" s="91"/>
      <c r="GJ520" s="91"/>
      <c r="GK520" s="127"/>
      <c r="GL520" s="126"/>
      <c r="GM520" s="91"/>
      <c r="GN520" s="91"/>
      <c r="GO520" s="91"/>
      <c r="GP520" s="91"/>
      <c r="GQ520" s="91"/>
      <c r="GR520" s="91"/>
      <c r="GS520" s="91"/>
      <c r="GT520" s="91"/>
      <c r="GU520" s="91"/>
      <c r="GV520" s="91"/>
      <c r="GW520" s="91"/>
      <c r="GX520" s="91"/>
      <c r="GY520" s="91"/>
      <c r="GZ520" s="91"/>
      <c r="HA520" s="91"/>
      <c r="HB520" s="91"/>
      <c r="HC520" s="91"/>
      <c r="HD520" s="91"/>
      <c r="HE520" s="91"/>
      <c r="HF520" s="91"/>
      <c r="HG520" s="91"/>
      <c r="HH520" s="91"/>
      <c r="HI520" s="91"/>
      <c r="HJ520" s="91"/>
      <c r="HK520" s="127"/>
      <c r="HL520" s="126"/>
      <c r="HM520" s="91"/>
      <c r="HN520" s="91"/>
      <c r="HO520" s="91"/>
      <c r="HP520" s="91"/>
      <c r="HQ520" s="91"/>
      <c r="HR520" s="91"/>
      <c r="HS520" s="91"/>
      <c r="HT520" s="91"/>
      <c r="HU520" s="91"/>
      <c r="HV520" s="91"/>
      <c r="HW520" s="91"/>
      <c r="HX520" s="91"/>
      <c r="HY520" s="91"/>
      <c r="HZ520" s="91"/>
      <c r="IA520" s="91"/>
      <c r="IB520" s="91"/>
      <c r="IC520" s="91"/>
      <c r="ID520" s="91"/>
      <c r="IE520" s="91"/>
      <c r="IF520" s="91"/>
      <c r="IG520" s="91"/>
      <c r="IH520" s="91"/>
      <c r="II520" s="91"/>
      <c r="IJ520" s="91"/>
      <c r="IK520" s="127"/>
    </row>
    <row r="521" spans="2:245" x14ac:dyDescent="0.2">
      <c r="B521" s="43"/>
      <c r="C521" s="73"/>
      <c r="D521" s="64"/>
      <c r="E521" s="64"/>
      <c r="F521" s="55"/>
      <c r="G521" s="102"/>
      <c r="H521" s="55"/>
      <c r="I521" s="55"/>
      <c r="J521" s="55"/>
      <c r="K521" s="55"/>
      <c r="L521" s="55"/>
      <c r="M521" s="55"/>
      <c r="N521" s="55"/>
      <c r="O521" s="55"/>
      <c r="P521" s="55"/>
      <c r="Q521" s="55"/>
      <c r="R521" s="55"/>
      <c r="S521" s="55"/>
      <c r="T521" s="55"/>
      <c r="U521" s="55"/>
      <c r="V521" s="55"/>
      <c r="W521" s="55"/>
      <c r="X521" s="55"/>
      <c r="Y521" s="55"/>
      <c r="Z521" s="55"/>
      <c r="AA521" s="55"/>
      <c r="AB521" s="55"/>
      <c r="AC521" s="55"/>
      <c r="AD521" s="55"/>
      <c r="AE521" s="55"/>
      <c r="AF521" s="55"/>
      <c r="AG521" s="55"/>
      <c r="AY521" s="162"/>
      <c r="AZ521" s="162"/>
      <c r="BA521" s="162"/>
      <c r="BB521" s="162"/>
      <c r="BC521" s="162"/>
      <c r="BD521" s="162"/>
      <c r="BE521" s="162"/>
      <c r="BF521" s="162"/>
      <c r="BG521" s="162"/>
      <c r="BH521" s="162"/>
      <c r="BI521" s="162"/>
      <c r="BJ521" s="162"/>
      <c r="BK521" s="162"/>
      <c r="BL521" s="162"/>
      <c r="BM521" s="162"/>
      <c r="BN521" s="162"/>
      <c r="BO521" s="162"/>
      <c r="BP521" s="162"/>
      <c r="BQ521" s="162"/>
      <c r="BR521" s="162"/>
      <c r="BS521" s="162"/>
      <c r="BT521" s="162"/>
      <c r="BU521" s="162"/>
      <c r="BV521" s="162"/>
      <c r="BW521" s="162"/>
      <c r="BX521" s="162"/>
      <c r="BY521" s="162"/>
      <c r="BZ521" s="162"/>
      <c r="CA521" s="162"/>
      <c r="CB521" s="162"/>
      <c r="CC521" s="162"/>
      <c r="CD521" s="162"/>
      <c r="CE521" s="162"/>
      <c r="CF521" s="162"/>
      <c r="CG521" s="162"/>
      <c r="CH521" s="162"/>
      <c r="CI521" s="162"/>
      <c r="CJ521" s="162"/>
      <c r="CK521" s="162"/>
      <c r="CX521" s="98"/>
      <c r="DL521" s="97"/>
      <c r="DX521" s="98"/>
      <c r="EL521" s="97"/>
      <c r="EX521" s="98"/>
      <c r="EY521" s="97"/>
      <c r="FL521" s="126"/>
      <c r="FM521" s="91"/>
      <c r="FN521" s="91"/>
      <c r="FO521" s="91"/>
      <c r="FP521" s="91"/>
      <c r="FQ521" s="91"/>
      <c r="FR521" s="91"/>
      <c r="FS521" s="91"/>
      <c r="FT521" s="91"/>
      <c r="FU521" s="91"/>
      <c r="FV521" s="91"/>
      <c r="FW521" s="91"/>
      <c r="FX521" s="91"/>
      <c r="FY521" s="91"/>
      <c r="FZ521" s="91"/>
      <c r="GA521" s="91"/>
      <c r="GB521" s="91"/>
      <c r="GC521" s="91"/>
      <c r="GD521" s="91"/>
      <c r="GE521" s="91"/>
      <c r="GF521" s="91"/>
      <c r="GG521" s="91"/>
      <c r="GH521" s="91"/>
      <c r="GI521" s="91"/>
      <c r="GJ521" s="91"/>
      <c r="GK521" s="127"/>
      <c r="GL521" s="126"/>
      <c r="GM521" s="91"/>
      <c r="GN521" s="91"/>
      <c r="GO521" s="91"/>
      <c r="GP521" s="91"/>
      <c r="GQ521" s="91"/>
      <c r="GR521" s="91"/>
      <c r="GS521" s="91"/>
      <c r="GT521" s="91"/>
      <c r="GU521" s="91"/>
      <c r="GV521" s="91"/>
      <c r="GW521" s="91"/>
      <c r="GX521" s="91"/>
      <c r="GY521" s="91"/>
      <c r="GZ521" s="91"/>
      <c r="HA521" s="91"/>
      <c r="HB521" s="91"/>
      <c r="HC521" s="91"/>
      <c r="HD521" s="91"/>
      <c r="HE521" s="91"/>
      <c r="HF521" s="91"/>
      <c r="HG521" s="91"/>
      <c r="HH521" s="91"/>
      <c r="HI521" s="91"/>
      <c r="HJ521" s="91"/>
      <c r="HK521" s="127"/>
      <c r="HL521" s="126"/>
      <c r="HM521" s="91"/>
      <c r="HN521" s="91"/>
      <c r="HO521" s="91"/>
      <c r="HP521" s="91"/>
      <c r="HQ521" s="91"/>
      <c r="HR521" s="91"/>
      <c r="HS521" s="91"/>
      <c r="HT521" s="91"/>
      <c r="HU521" s="91"/>
      <c r="HV521" s="91"/>
      <c r="HW521" s="91"/>
      <c r="HX521" s="91"/>
      <c r="HY521" s="91"/>
      <c r="HZ521" s="91"/>
      <c r="IA521" s="91"/>
      <c r="IB521" s="91"/>
      <c r="IC521" s="91"/>
      <c r="ID521" s="91"/>
      <c r="IE521" s="91"/>
      <c r="IF521" s="91"/>
      <c r="IG521" s="91"/>
      <c r="IH521" s="91"/>
      <c r="II521" s="91"/>
      <c r="IJ521" s="91"/>
      <c r="IK521" s="127"/>
    </row>
    <row r="522" spans="2:245" x14ac:dyDescent="0.2">
      <c r="B522" s="43"/>
      <c r="C522" s="73"/>
      <c r="D522" s="64"/>
      <c r="E522" s="64"/>
      <c r="F522" s="55"/>
      <c r="G522" s="102"/>
      <c r="H522" s="55"/>
      <c r="I522" s="55"/>
      <c r="J522" s="55"/>
      <c r="K522" s="55"/>
      <c r="L522" s="55"/>
      <c r="M522" s="55"/>
      <c r="N522" s="55"/>
      <c r="O522" s="55"/>
      <c r="P522" s="55"/>
      <c r="Q522" s="55"/>
      <c r="R522" s="55"/>
      <c r="S522" s="55"/>
      <c r="T522" s="55"/>
      <c r="U522" s="55"/>
      <c r="V522" s="55"/>
      <c r="W522" s="55"/>
      <c r="X522" s="55"/>
      <c r="Y522" s="55"/>
      <c r="Z522" s="55"/>
      <c r="AA522" s="55"/>
      <c r="AB522" s="55"/>
      <c r="AC522" s="55"/>
      <c r="AD522" s="55"/>
      <c r="AE522" s="55"/>
      <c r="AF522" s="55"/>
      <c r="AG522" s="55"/>
      <c r="AY522" s="162"/>
      <c r="AZ522" s="162"/>
      <c r="BA522" s="162"/>
      <c r="BB522" s="162"/>
      <c r="BC522" s="162"/>
      <c r="BD522" s="162"/>
      <c r="BE522" s="162"/>
      <c r="BF522" s="162"/>
      <c r="BG522" s="162"/>
      <c r="BH522" s="162"/>
      <c r="BI522" s="162"/>
      <c r="BJ522" s="162"/>
      <c r="BK522" s="162"/>
      <c r="BL522" s="162"/>
      <c r="BM522" s="162"/>
      <c r="BN522" s="162"/>
      <c r="BO522" s="162"/>
      <c r="BP522" s="162"/>
      <c r="BQ522" s="162"/>
      <c r="BR522" s="162"/>
      <c r="BS522" s="162"/>
      <c r="BT522" s="162"/>
      <c r="BU522" s="162"/>
      <c r="BV522" s="162"/>
      <c r="BW522" s="162"/>
      <c r="BX522" s="162"/>
      <c r="BY522" s="162"/>
      <c r="BZ522" s="162"/>
      <c r="CA522" s="162"/>
      <c r="CB522" s="162"/>
      <c r="CC522" s="162"/>
      <c r="CD522" s="162"/>
      <c r="CE522" s="162"/>
      <c r="CF522" s="162"/>
      <c r="CG522" s="162"/>
      <c r="CH522" s="162"/>
      <c r="CI522" s="162"/>
      <c r="CJ522" s="162"/>
      <c r="CK522" s="162"/>
      <c r="CX522" s="98"/>
      <c r="DL522" s="97"/>
      <c r="DX522" s="98"/>
      <c r="EL522" s="97"/>
      <c r="EX522" s="98"/>
      <c r="EY522" s="97"/>
      <c r="FL522" s="126"/>
      <c r="FM522" s="91"/>
      <c r="FN522" s="91"/>
      <c r="FO522" s="91"/>
      <c r="FP522" s="91"/>
      <c r="FQ522" s="91"/>
      <c r="FR522" s="91"/>
      <c r="FS522" s="91"/>
      <c r="FT522" s="91"/>
      <c r="FU522" s="91"/>
      <c r="FV522" s="91"/>
      <c r="FW522" s="91"/>
      <c r="FX522" s="91"/>
      <c r="FY522" s="91"/>
      <c r="FZ522" s="91"/>
      <c r="GA522" s="91"/>
      <c r="GB522" s="91"/>
      <c r="GC522" s="91"/>
      <c r="GD522" s="91"/>
      <c r="GE522" s="91"/>
      <c r="GF522" s="91"/>
      <c r="GG522" s="91"/>
      <c r="GH522" s="91"/>
      <c r="GI522" s="91"/>
      <c r="GJ522" s="91"/>
      <c r="GK522" s="127"/>
      <c r="GL522" s="126"/>
      <c r="GM522" s="91"/>
      <c r="GN522" s="91"/>
      <c r="GO522" s="91"/>
      <c r="GP522" s="91"/>
      <c r="GQ522" s="91"/>
      <c r="GR522" s="91"/>
      <c r="GS522" s="91"/>
      <c r="GT522" s="91"/>
      <c r="GU522" s="91"/>
      <c r="GV522" s="91"/>
      <c r="GW522" s="91"/>
      <c r="GX522" s="91"/>
      <c r="GY522" s="91"/>
      <c r="GZ522" s="91"/>
      <c r="HA522" s="91"/>
      <c r="HB522" s="91"/>
      <c r="HC522" s="91"/>
      <c r="HD522" s="91"/>
      <c r="HE522" s="91"/>
      <c r="HF522" s="91"/>
      <c r="HG522" s="91"/>
      <c r="HH522" s="91"/>
      <c r="HI522" s="91"/>
      <c r="HJ522" s="91"/>
      <c r="HK522" s="127"/>
      <c r="HL522" s="126"/>
      <c r="HM522" s="91"/>
      <c r="HN522" s="91"/>
      <c r="HO522" s="91"/>
      <c r="HP522" s="91"/>
      <c r="HQ522" s="91"/>
      <c r="HR522" s="91"/>
      <c r="HS522" s="91"/>
      <c r="HT522" s="91"/>
      <c r="HU522" s="91"/>
      <c r="HV522" s="91"/>
      <c r="HW522" s="91"/>
      <c r="HX522" s="91"/>
      <c r="HY522" s="91"/>
      <c r="HZ522" s="91"/>
      <c r="IA522" s="91"/>
      <c r="IB522" s="91"/>
      <c r="IC522" s="91"/>
      <c r="ID522" s="91"/>
      <c r="IE522" s="91"/>
      <c r="IF522" s="91"/>
      <c r="IG522" s="91"/>
      <c r="IH522" s="91"/>
      <c r="II522" s="91"/>
      <c r="IJ522" s="91"/>
      <c r="IK522" s="127"/>
    </row>
    <row r="523" spans="2:245" x14ac:dyDescent="0.2">
      <c r="B523" s="43"/>
      <c r="C523" s="73"/>
      <c r="D523" s="64"/>
      <c r="E523" s="64"/>
      <c r="F523" s="55"/>
      <c r="G523" s="102"/>
      <c r="H523" s="55"/>
      <c r="I523" s="55"/>
      <c r="J523" s="55"/>
      <c r="K523" s="55"/>
      <c r="L523" s="55"/>
      <c r="M523" s="55"/>
      <c r="N523" s="55"/>
      <c r="O523" s="55"/>
      <c r="P523" s="55"/>
      <c r="Q523" s="55"/>
      <c r="R523" s="55"/>
      <c r="S523" s="55"/>
      <c r="T523" s="55"/>
      <c r="U523" s="55"/>
      <c r="V523" s="55"/>
      <c r="W523" s="55"/>
      <c r="X523" s="55"/>
      <c r="Y523" s="55"/>
      <c r="Z523" s="55"/>
      <c r="AA523" s="55"/>
      <c r="AB523" s="55"/>
      <c r="AC523" s="55"/>
      <c r="AD523" s="55"/>
      <c r="AE523" s="55"/>
      <c r="AF523" s="55"/>
      <c r="AG523" s="55"/>
      <c r="AY523" s="162"/>
      <c r="AZ523" s="162"/>
      <c r="BA523" s="162"/>
      <c r="BB523" s="162"/>
      <c r="BC523" s="162"/>
      <c r="BD523" s="162"/>
      <c r="BE523" s="162"/>
      <c r="BF523" s="162"/>
      <c r="BG523" s="162"/>
      <c r="BH523" s="162"/>
      <c r="BI523" s="162"/>
      <c r="BJ523" s="162"/>
      <c r="BK523" s="162"/>
      <c r="BL523" s="162"/>
      <c r="BM523" s="162"/>
      <c r="BN523" s="162"/>
      <c r="BO523" s="162"/>
      <c r="BP523" s="162"/>
      <c r="BQ523" s="162"/>
      <c r="BR523" s="162"/>
      <c r="BS523" s="162"/>
      <c r="BT523" s="162"/>
      <c r="BU523" s="162"/>
      <c r="BV523" s="162"/>
      <c r="BW523" s="162"/>
      <c r="BX523" s="162"/>
      <c r="BY523" s="162"/>
      <c r="BZ523" s="162"/>
      <c r="CA523" s="162"/>
      <c r="CB523" s="162"/>
      <c r="CC523" s="162"/>
      <c r="CD523" s="162"/>
      <c r="CE523" s="162"/>
      <c r="CF523" s="162"/>
      <c r="CG523" s="162"/>
      <c r="CH523" s="162"/>
      <c r="CI523" s="162"/>
      <c r="CJ523" s="162"/>
      <c r="CK523" s="162"/>
      <c r="CX523" s="98"/>
      <c r="DL523" s="97"/>
      <c r="DX523" s="98"/>
      <c r="EL523" s="97"/>
      <c r="EX523" s="98"/>
      <c r="EY523" s="97"/>
      <c r="FL523" s="126"/>
      <c r="FM523" s="91"/>
      <c r="FN523" s="91"/>
      <c r="FO523" s="91"/>
      <c r="FP523" s="91"/>
      <c r="FQ523" s="91"/>
      <c r="FR523" s="91"/>
      <c r="FS523" s="91"/>
      <c r="FT523" s="91"/>
      <c r="FU523" s="91"/>
      <c r="FV523" s="91"/>
      <c r="FW523" s="91"/>
      <c r="FX523" s="91"/>
      <c r="FY523" s="91"/>
      <c r="FZ523" s="91"/>
      <c r="GA523" s="91"/>
      <c r="GB523" s="91"/>
      <c r="GC523" s="91"/>
      <c r="GD523" s="91"/>
      <c r="GE523" s="91"/>
      <c r="GF523" s="91"/>
      <c r="GG523" s="91"/>
      <c r="GH523" s="91"/>
      <c r="GI523" s="91"/>
      <c r="GJ523" s="91"/>
      <c r="GK523" s="127"/>
      <c r="GL523" s="126"/>
      <c r="GM523" s="91"/>
      <c r="GN523" s="91"/>
      <c r="GO523" s="91"/>
      <c r="GP523" s="91"/>
      <c r="GQ523" s="91"/>
      <c r="GR523" s="91"/>
      <c r="GS523" s="91"/>
      <c r="GT523" s="91"/>
      <c r="GU523" s="91"/>
      <c r="GV523" s="91"/>
      <c r="GW523" s="91"/>
      <c r="GX523" s="91"/>
      <c r="GY523" s="91"/>
      <c r="GZ523" s="91"/>
      <c r="HA523" s="91"/>
      <c r="HB523" s="91"/>
      <c r="HC523" s="91"/>
      <c r="HD523" s="91"/>
      <c r="HE523" s="91"/>
      <c r="HF523" s="91"/>
      <c r="HG523" s="91"/>
      <c r="HH523" s="91"/>
      <c r="HI523" s="91"/>
      <c r="HJ523" s="91"/>
      <c r="HK523" s="127"/>
      <c r="HL523" s="126"/>
      <c r="HM523" s="91"/>
      <c r="HN523" s="91"/>
      <c r="HO523" s="91"/>
      <c r="HP523" s="91"/>
      <c r="HQ523" s="91"/>
      <c r="HR523" s="91"/>
      <c r="HS523" s="91"/>
      <c r="HT523" s="91"/>
      <c r="HU523" s="91"/>
      <c r="HV523" s="91"/>
      <c r="HW523" s="91"/>
      <c r="HX523" s="91"/>
      <c r="HY523" s="91"/>
      <c r="HZ523" s="91"/>
      <c r="IA523" s="91"/>
      <c r="IB523" s="91"/>
      <c r="IC523" s="91"/>
      <c r="ID523" s="91"/>
      <c r="IE523" s="91"/>
      <c r="IF523" s="91"/>
      <c r="IG523" s="91"/>
      <c r="IH523" s="91"/>
      <c r="II523" s="91"/>
      <c r="IJ523" s="91"/>
      <c r="IK523" s="127"/>
    </row>
    <row r="524" spans="2:245" x14ac:dyDescent="0.2">
      <c r="B524" s="43"/>
      <c r="C524" s="73"/>
      <c r="D524" s="64"/>
      <c r="E524" s="64"/>
      <c r="F524" s="55"/>
      <c r="G524" s="102"/>
      <c r="H524" s="55"/>
      <c r="I524" s="55"/>
      <c r="J524" s="55"/>
      <c r="K524" s="55"/>
      <c r="L524" s="55"/>
      <c r="M524" s="55"/>
      <c r="N524" s="55"/>
      <c r="O524" s="55"/>
      <c r="P524" s="55"/>
      <c r="Q524" s="55"/>
      <c r="R524" s="55"/>
      <c r="S524" s="55"/>
      <c r="T524" s="55"/>
      <c r="U524" s="55"/>
      <c r="V524" s="55"/>
      <c r="W524" s="55"/>
      <c r="X524" s="55"/>
      <c r="Y524" s="55"/>
      <c r="Z524" s="55"/>
      <c r="AA524" s="55"/>
      <c r="AB524" s="55"/>
      <c r="AC524" s="55"/>
      <c r="AD524" s="55"/>
      <c r="AE524" s="55"/>
      <c r="AF524" s="55"/>
      <c r="AG524" s="55"/>
      <c r="AY524" s="162"/>
      <c r="AZ524" s="162"/>
      <c r="BA524" s="162"/>
      <c r="BB524" s="162"/>
      <c r="BC524" s="162"/>
      <c r="BD524" s="162"/>
      <c r="BE524" s="162"/>
      <c r="BF524" s="162"/>
      <c r="BG524" s="162"/>
      <c r="BH524" s="162"/>
      <c r="BI524" s="162"/>
      <c r="BJ524" s="162"/>
      <c r="BK524" s="162"/>
      <c r="BL524" s="162"/>
      <c r="BM524" s="162"/>
      <c r="BN524" s="162"/>
      <c r="BO524" s="162"/>
      <c r="BP524" s="162"/>
      <c r="BQ524" s="162"/>
      <c r="BR524" s="162"/>
      <c r="BS524" s="162"/>
      <c r="BT524" s="162"/>
      <c r="BU524" s="162"/>
      <c r="BV524" s="162"/>
      <c r="BW524" s="162"/>
      <c r="BX524" s="162"/>
      <c r="BY524" s="162"/>
      <c r="BZ524" s="162"/>
      <c r="CA524" s="162"/>
      <c r="CB524" s="162"/>
      <c r="CC524" s="162"/>
      <c r="CD524" s="162"/>
      <c r="CE524" s="162"/>
      <c r="CF524" s="162"/>
      <c r="CG524" s="162"/>
      <c r="CH524" s="162"/>
      <c r="CI524" s="162"/>
      <c r="CJ524" s="162"/>
      <c r="CK524" s="162"/>
      <c r="CX524" s="98"/>
      <c r="DL524" s="97"/>
      <c r="DX524" s="98"/>
      <c r="EL524" s="97"/>
      <c r="EX524" s="98"/>
      <c r="EY524" s="97"/>
      <c r="FL524" s="126"/>
      <c r="FM524" s="91"/>
      <c r="FN524" s="91"/>
      <c r="FO524" s="91"/>
      <c r="FP524" s="91"/>
      <c r="FQ524" s="91"/>
      <c r="FR524" s="91"/>
      <c r="FS524" s="91"/>
      <c r="FT524" s="91"/>
      <c r="FU524" s="91"/>
      <c r="FV524" s="91"/>
      <c r="FW524" s="91"/>
      <c r="FX524" s="91"/>
      <c r="FY524" s="91"/>
      <c r="FZ524" s="91"/>
      <c r="GA524" s="91"/>
      <c r="GB524" s="91"/>
      <c r="GC524" s="91"/>
      <c r="GD524" s="91"/>
      <c r="GE524" s="91"/>
      <c r="GF524" s="91"/>
      <c r="GG524" s="91"/>
      <c r="GH524" s="91"/>
      <c r="GI524" s="91"/>
      <c r="GJ524" s="91"/>
      <c r="GK524" s="127"/>
      <c r="GL524" s="126"/>
      <c r="GM524" s="91"/>
      <c r="GN524" s="91"/>
      <c r="GO524" s="91"/>
      <c r="GP524" s="91"/>
      <c r="GQ524" s="91"/>
      <c r="GR524" s="91"/>
      <c r="GS524" s="91"/>
      <c r="GT524" s="91"/>
      <c r="GU524" s="91"/>
      <c r="GV524" s="91"/>
      <c r="GW524" s="91"/>
      <c r="GX524" s="91"/>
      <c r="GY524" s="91"/>
      <c r="GZ524" s="91"/>
      <c r="HA524" s="91"/>
      <c r="HB524" s="91"/>
      <c r="HC524" s="91"/>
      <c r="HD524" s="91"/>
      <c r="HE524" s="91"/>
      <c r="HF524" s="91"/>
      <c r="HG524" s="91"/>
      <c r="HH524" s="91"/>
      <c r="HI524" s="91"/>
      <c r="HJ524" s="91"/>
      <c r="HK524" s="127"/>
      <c r="HL524" s="126"/>
      <c r="HM524" s="91"/>
      <c r="HN524" s="91"/>
      <c r="HO524" s="91"/>
      <c r="HP524" s="91"/>
      <c r="HQ524" s="91"/>
      <c r="HR524" s="91"/>
      <c r="HS524" s="91"/>
      <c r="HT524" s="91"/>
      <c r="HU524" s="91"/>
      <c r="HV524" s="91"/>
      <c r="HW524" s="91"/>
      <c r="HX524" s="91"/>
      <c r="HY524" s="91"/>
      <c r="HZ524" s="91"/>
      <c r="IA524" s="91"/>
      <c r="IB524" s="91"/>
      <c r="IC524" s="91"/>
      <c r="ID524" s="91"/>
      <c r="IE524" s="91"/>
      <c r="IF524" s="91"/>
      <c r="IG524" s="91"/>
      <c r="IH524" s="91"/>
      <c r="II524" s="91"/>
      <c r="IJ524" s="91"/>
      <c r="IK524" s="127"/>
    </row>
    <row r="525" spans="2:245" x14ac:dyDescent="0.2">
      <c r="B525" s="43"/>
      <c r="C525" s="73"/>
      <c r="D525" s="64"/>
      <c r="E525" s="64"/>
      <c r="F525" s="55"/>
      <c r="G525" s="102"/>
      <c r="H525" s="55"/>
      <c r="I525" s="55"/>
      <c r="J525" s="55"/>
      <c r="K525" s="55"/>
      <c r="L525" s="55"/>
      <c r="M525" s="55"/>
      <c r="N525" s="55"/>
      <c r="O525" s="55"/>
      <c r="P525" s="55"/>
      <c r="Q525" s="55"/>
      <c r="R525" s="55"/>
      <c r="S525" s="55"/>
      <c r="T525" s="55"/>
      <c r="U525" s="55"/>
      <c r="V525" s="55"/>
      <c r="W525" s="55"/>
      <c r="X525" s="55"/>
      <c r="Y525" s="55"/>
      <c r="Z525" s="55"/>
      <c r="AA525" s="55"/>
      <c r="AB525" s="55"/>
      <c r="AC525" s="55"/>
      <c r="AD525" s="55"/>
      <c r="AE525" s="55"/>
      <c r="AF525" s="55"/>
      <c r="AG525" s="55"/>
      <c r="AY525" s="162"/>
      <c r="AZ525" s="162"/>
      <c r="BA525" s="162"/>
      <c r="BB525" s="162"/>
      <c r="BC525" s="162"/>
      <c r="BD525" s="162"/>
      <c r="BE525" s="162"/>
      <c r="BF525" s="162"/>
      <c r="BG525" s="162"/>
      <c r="BH525" s="162"/>
      <c r="BI525" s="162"/>
      <c r="BJ525" s="162"/>
      <c r="BK525" s="162"/>
      <c r="BL525" s="162"/>
      <c r="BM525" s="162"/>
      <c r="BN525" s="162"/>
      <c r="BO525" s="162"/>
      <c r="BP525" s="162"/>
      <c r="BQ525" s="162"/>
      <c r="BR525" s="162"/>
      <c r="BS525" s="162"/>
      <c r="BT525" s="162"/>
      <c r="BU525" s="162"/>
      <c r="BV525" s="162"/>
      <c r="BW525" s="162"/>
      <c r="BX525" s="162"/>
      <c r="BY525" s="162"/>
      <c r="BZ525" s="162"/>
      <c r="CA525" s="162"/>
      <c r="CB525" s="162"/>
      <c r="CC525" s="162"/>
      <c r="CD525" s="162"/>
      <c r="CE525" s="162"/>
      <c r="CF525" s="162"/>
      <c r="CG525" s="162"/>
      <c r="CH525" s="162"/>
      <c r="CI525" s="162"/>
      <c r="CJ525" s="162"/>
      <c r="CK525" s="162"/>
      <c r="CX525" s="98"/>
      <c r="DL525" s="97"/>
      <c r="DX525" s="98"/>
      <c r="EL525" s="97"/>
      <c r="EX525" s="98"/>
      <c r="EY525" s="97"/>
      <c r="FL525" s="126"/>
      <c r="FM525" s="91"/>
      <c r="FN525" s="91"/>
      <c r="FO525" s="91"/>
      <c r="FP525" s="91"/>
      <c r="FQ525" s="91"/>
      <c r="FR525" s="91"/>
      <c r="FS525" s="91"/>
      <c r="FT525" s="91"/>
      <c r="FU525" s="91"/>
      <c r="FV525" s="91"/>
      <c r="FW525" s="91"/>
      <c r="FX525" s="91"/>
      <c r="FY525" s="91"/>
      <c r="FZ525" s="91"/>
      <c r="GA525" s="91"/>
      <c r="GB525" s="91"/>
      <c r="GC525" s="91"/>
      <c r="GD525" s="91"/>
      <c r="GE525" s="91"/>
      <c r="GF525" s="91"/>
      <c r="GG525" s="91"/>
      <c r="GH525" s="91"/>
      <c r="GI525" s="91"/>
      <c r="GJ525" s="91"/>
      <c r="GK525" s="127"/>
      <c r="GL525" s="126"/>
      <c r="GM525" s="91"/>
      <c r="GN525" s="91"/>
      <c r="GO525" s="91"/>
      <c r="GP525" s="91"/>
      <c r="GQ525" s="91"/>
      <c r="GR525" s="91"/>
      <c r="GS525" s="91"/>
      <c r="GT525" s="91"/>
      <c r="GU525" s="91"/>
      <c r="GV525" s="91"/>
      <c r="GW525" s="91"/>
      <c r="GX525" s="91"/>
      <c r="GY525" s="91"/>
      <c r="GZ525" s="91"/>
      <c r="HA525" s="91"/>
      <c r="HB525" s="91"/>
      <c r="HC525" s="91"/>
      <c r="HD525" s="91"/>
      <c r="HE525" s="91"/>
      <c r="HF525" s="91"/>
      <c r="HG525" s="91"/>
      <c r="HH525" s="91"/>
      <c r="HI525" s="91"/>
      <c r="HJ525" s="91"/>
      <c r="HK525" s="127"/>
      <c r="HL525" s="126"/>
      <c r="HM525" s="91"/>
      <c r="HN525" s="91"/>
      <c r="HO525" s="91"/>
      <c r="HP525" s="91"/>
      <c r="HQ525" s="91"/>
      <c r="HR525" s="91"/>
      <c r="HS525" s="91"/>
      <c r="HT525" s="91"/>
      <c r="HU525" s="91"/>
      <c r="HV525" s="91"/>
      <c r="HW525" s="91"/>
      <c r="HX525" s="91"/>
      <c r="HY525" s="91"/>
      <c r="HZ525" s="91"/>
      <c r="IA525" s="91"/>
      <c r="IB525" s="91"/>
      <c r="IC525" s="91"/>
      <c r="ID525" s="91"/>
      <c r="IE525" s="91"/>
      <c r="IF525" s="91"/>
      <c r="IG525" s="91"/>
      <c r="IH525" s="91"/>
      <c r="II525" s="91"/>
      <c r="IJ525" s="91"/>
      <c r="IK525" s="127"/>
    </row>
    <row r="526" spans="2:245" x14ac:dyDescent="0.2">
      <c r="B526" s="43"/>
      <c r="C526" s="73"/>
      <c r="D526" s="64"/>
      <c r="E526" s="64"/>
      <c r="F526" s="55"/>
      <c r="G526" s="102"/>
      <c r="H526" s="55"/>
      <c r="I526" s="55"/>
      <c r="J526" s="55"/>
      <c r="K526" s="55"/>
      <c r="L526" s="55"/>
      <c r="M526" s="55"/>
      <c r="N526" s="55"/>
      <c r="O526" s="55"/>
      <c r="P526" s="55"/>
      <c r="Q526" s="55"/>
      <c r="R526" s="55"/>
      <c r="S526" s="55"/>
      <c r="T526" s="55"/>
      <c r="U526" s="55"/>
      <c r="V526" s="55"/>
      <c r="W526" s="55"/>
      <c r="X526" s="55"/>
      <c r="Y526" s="55"/>
      <c r="Z526" s="55"/>
      <c r="AA526" s="55"/>
      <c r="AB526" s="55"/>
      <c r="AC526" s="55"/>
      <c r="AD526" s="55"/>
      <c r="AE526" s="55"/>
      <c r="AF526" s="55"/>
      <c r="AG526" s="55"/>
      <c r="AY526" s="162"/>
      <c r="AZ526" s="162"/>
      <c r="BA526" s="162"/>
      <c r="BB526" s="162"/>
      <c r="BC526" s="162"/>
      <c r="BD526" s="162"/>
      <c r="BE526" s="162"/>
      <c r="BF526" s="162"/>
      <c r="BG526" s="162"/>
      <c r="BH526" s="162"/>
      <c r="BI526" s="162"/>
      <c r="BJ526" s="162"/>
      <c r="BK526" s="162"/>
      <c r="BL526" s="162"/>
      <c r="BM526" s="162"/>
      <c r="BN526" s="162"/>
      <c r="BO526" s="162"/>
      <c r="BP526" s="162"/>
      <c r="BQ526" s="162"/>
      <c r="BR526" s="162"/>
      <c r="BS526" s="162"/>
      <c r="BT526" s="162"/>
      <c r="BU526" s="162"/>
      <c r="BV526" s="162"/>
      <c r="BW526" s="162"/>
      <c r="BX526" s="162"/>
      <c r="BY526" s="162"/>
      <c r="BZ526" s="162"/>
      <c r="CA526" s="162"/>
      <c r="CB526" s="162"/>
      <c r="CC526" s="162"/>
      <c r="CD526" s="162"/>
      <c r="CE526" s="162"/>
      <c r="CF526" s="162"/>
      <c r="CG526" s="162"/>
      <c r="CH526" s="162"/>
      <c r="CI526" s="162"/>
      <c r="CJ526" s="162"/>
      <c r="CK526" s="162"/>
      <c r="CX526" s="98"/>
      <c r="DL526" s="97"/>
      <c r="DX526" s="98"/>
      <c r="EL526" s="97"/>
      <c r="EX526" s="98"/>
      <c r="EY526" s="97"/>
      <c r="FL526" s="126"/>
      <c r="FM526" s="91"/>
      <c r="FN526" s="91"/>
      <c r="FO526" s="91"/>
      <c r="FP526" s="91"/>
      <c r="FQ526" s="91"/>
      <c r="FR526" s="91"/>
      <c r="FS526" s="91"/>
      <c r="FT526" s="91"/>
      <c r="FU526" s="91"/>
      <c r="FV526" s="91"/>
      <c r="FW526" s="91"/>
      <c r="FX526" s="91"/>
      <c r="FY526" s="91"/>
      <c r="FZ526" s="91"/>
      <c r="GA526" s="91"/>
      <c r="GB526" s="91"/>
      <c r="GC526" s="91"/>
      <c r="GD526" s="91"/>
      <c r="GE526" s="91"/>
      <c r="GF526" s="91"/>
      <c r="GG526" s="91"/>
      <c r="GH526" s="91"/>
      <c r="GI526" s="91"/>
      <c r="GJ526" s="91"/>
      <c r="GK526" s="127"/>
      <c r="GL526" s="126"/>
      <c r="GM526" s="91"/>
      <c r="GN526" s="91"/>
      <c r="GO526" s="91"/>
      <c r="GP526" s="91"/>
      <c r="GQ526" s="91"/>
      <c r="GR526" s="91"/>
      <c r="GS526" s="91"/>
      <c r="GT526" s="91"/>
      <c r="GU526" s="91"/>
      <c r="GV526" s="91"/>
      <c r="GW526" s="91"/>
      <c r="GX526" s="91"/>
      <c r="GY526" s="91"/>
      <c r="GZ526" s="91"/>
      <c r="HA526" s="91"/>
      <c r="HB526" s="91"/>
      <c r="HC526" s="91"/>
      <c r="HD526" s="91"/>
      <c r="HE526" s="91"/>
      <c r="HF526" s="91"/>
      <c r="HG526" s="91"/>
      <c r="HH526" s="91"/>
      <c r="HI526" s="91"/>
      <c r="HJ526" s="91"/>
      <c r="HK526" s="127"/>
      <c r="HL526" s="126"/>
      <c r="HM526" s="91"/>
      <c r="HN526" s="91"/>
      <c r="HO526" s="91"/>
      <c r="HP526" s="91"/>
      <c r="HQ526" s="91"/>
      <c r="HR526" s="91"/>
      <c r="HS526" s="91"/>
      <c r="HT526" s="91"/>
      <c r="HU526" s="91"/>
      <c r="HV526" s="91"/>
      <c r="HW526" s="91"/>
      <c r="HX526" s="91"/>
      <c r="HY526" s="91"/>
      <c r="HZ526" s="91"/>
      <c r="IA526" s="91"/>
      <c r="IB526" s="91"/>
      <c r="IC526" s="91"/>
      <c r="ID526" s="91"/>
      <c r="IE526" s="91"/>
      <c r="IF526" s="91"/>
      <c r="IG526" s="91"/>
      <c r="IH526" s="91"/>
      <c r="II526" s="91"/>
      <c r="IJ526" s="91"/>
      <c r="IK526" s="127"/>
    </row>
    <row r="527" spans="2:245" x14ac:dyDescent="0.2">
      <c r="B527" s="43"/>
      <c r="C527" s="73"/>
      <c r="D527" s="64"/>
      <c r="E527" s="64"/>
      <c r="F527" s="55"/>
      <c r="G527" s="102"/>
      <c r="H527" s="55"/>
      <c r="I527" s="55"/>
      <c r="J527" s="55"/>
      <c r="K527" s="55"/>
      <c r="L527" s="55"/>
      <c r="M527" s="55"/>
      <c r="N527" s="55"/>
      <c r="O527" s="55"/>
      <c r="P527" s="55"/>
      <c r="Q527" s="55"/>
      <c r="R527" s="55"/>
      <c r="S527" s="55"/>
      <c r="T527" s="55"/>
      <c r="U527" s="55"/>
      <c r="V527" s="55"/>
      <c r="W527" s="55"/>
      <c r="X527" s="55"/>
      <c r="Y527" s="55"/>
      <c r="Z527" s="55"/>
      <c r="AA527" s="55"/>
      <c r="AB527" s="55"/>
      <c r="AC527" s="55"/>
      <c r="AD527" s="55"/>
      <c r="AE527" s="55"/>
      <c r="AF527" s="55"/>
      <c r="AG527" s="55"/>
      <c r="AY527" s="162"/>
      <c r="AZ527" s="162"/>
      <c r="BA527" s="162"/>
      <c r="BB527" s="162"/>
      <c r="BC527" s="162"/>
      <c r="BD527" s="162"/>
      <c r="BE527" s="162"/>
      <c r="BF527" s="162"/>
      <c r="BG527" s="162"/>
      <c r="BH527" s="162"/>
      <c r="BI527" s="162"/>
      <c r="BJ527" s="162"/>
      <c r="BK527" s="162"/>
      <c r="BL527" s="162"/>
      <c r="BM527" s="162"/>
      <c r="BN527" s="162"/>
      <c r="BO527" s="162"/>
      <c r="BP527" s="162"/>
      <c r="BQ527" s="162"/>
      <c r="BR527" s="162"/>
      <c r="BS527" s="162"/>
      <c r="BT527" s="162"/>
      <c r="BU527" s="162"/>
      <c r="BV527" s="162"/>
      <c r="BW527" s="162"/>
      <c r="BX527" s="162"/>
      <c r="BY527" s="162"/>
      <c r="BZ527" s="162"/>
      <c r="CA527" s="162"/>
      <c r="CB527" s="162"/>
      <c r="CC527" s="162"/>
      <c r="CD527" s="162"/>
      <c r="CE527" s="162"/>
      <c r="CF527" s="162"/>
      <c r="CG527" s="162"/>
      <c r="CH527" s="162"/>
      <c r="CI527" s="162"/>
      <c r="CJ527" s="162"/>
      <c r="CK527" s="162"/>
      <c r="CX527" s="98"/>
      <c r="DL527" s="97"/>
      <c r="DX527" s="98"/>
      <c r="EL527" s="97"/>
      <c r="EX527" s="98"/>
      <c r="EY527" s="97"/>
      <c r="FL527" s="126"/>
      <c r="FM527" s="91"/>
      <c r="FN527" s="91"/>
      <c r="FO527" s="91"/>
      <c r="FP527" s="91"/>
      <c r="FQ527" s="91"/>
      <c r="FR527" s="91"/>
      <c r="FS527" s="91"/>
      <c r="FT527" s="91"/>
      <c r="FU527" s="91"/>
      <c r="FV527" s="91"/>
      <c r="FW527" s="91"/>
      <c r="FX527" s="91"/>
      <c r="FY527" s="91"/>
      <c r="FZ527" s="91"/>
      <c r="GA527" s="91"/>
      <c r="GB527" s="91"/>
      <c r="GC527" s="91"/>
      <c r="GD527" s="91"/>
      <c r="GE527" s="91"/>
      <c r="GF527" s="91"/>
      <c r="GG527" s="91"/>
      <c r="GH527" s="91"/>
      <c r="GI527" s="91"/>
      <c r="GJ527" s="91"/>
      <c r="GK527" s="127"/>
      <c r="GL527" s="126"/>
      <c r="GM527" s="91"/>
      <c r="GN527" s="91"/>
      <c r="GO527" s="91"/>
      <c r="GP527" s="91"/>
      <c r="GQ527" s="91"/>
      <c r="GR527" s="91"/>
      <c r="GS527" s="91"/>
      <c r="GT527" s="91"/>
      <c r="GU527" s="91"/>
      <c r="GV527" s="91"/>
      <c r="GW527" s="91"/>
      <c r="GX527" s="91"/>
      <c r="GY527" s="91"/>
      <c r="GZ527" s="91"/>
      <c r="HA527" s="91"/>
      <c r="HB527" s="91"/>
      <c r="HC527" s="91"/>
      <c r="HD527" s="91"/>
      <c r="HE527" s="91"/>
      <c r="HF527" s="91"/>
      <c r="HG527" s="91"/>
      <c r="HH527" s="91"/>
      <c r="HI527" s="91"/>
      <c r="HJ527" s="91"/>
      <c r="HK527" s="127"/>
      <c r="HL527" s="126"/>
      <c r="HM527" s="91"/>
      <c r="HN527" s="91"/>
      <c r="HO527" s="91"/>
      <c r="HP527" s="91"/>
      <c r="HQ527" s="91"/>
      <c r="HR527" s="91"/>
      <c r="HS527" s="91"/>
      <c r="HT527" s="91"/>
      <c r="HU527" s="91"/>
      <c r="HV527" s="91"/>
      <c r="HW527" s="91"/>
      <c r="HX527" s="91"/>
      <c r="HY527" s="91"/>
      <c r="HZ527" s="91"/>
      <c r="IA527" s="91"/>
      <c r="IB527" s="91"/>
      <c r="IC527" s="91"/>
      <c r="ID527" s="91"/>
      <c r="IE527" s="91"/>
      <c r="IF527" s="91"/>
      <c r="IG527" s="91"/>
      <c r="IH527" s="91"/>
      <c r="II527" s="91"/>
      <c r="IJ527" s="91"/>
      <c r="IK527" s="127"/>
    </row>
    <row r="528" spans="2:245" x14ac:dyDescent="0.2">
      <c r="B528" s="43"/>
      <c r="C528" s="73"/>
      <c r="D528" s="64"/>
      <c r="E528" s="64"/>
      <c r="F528" s="55"/>
      <c r="G528" s="102"/>
      <c r="H528" s="55"/>
      <c r="I528" s="55"/>
      <c r="J528" s="55"/>
      <c r="K528" s="55"/>
      <c r="L528" s="55"/>
      <c r="M528" s="55"/>
      <c r="N528" s="55"/>
      <c r="O528" s="55"/>
      <c r="P528" s="55"/>
      <c r="Q528" s="55"/>
      <c r="R528" s="55"/>
      <c r="S528" s="55"/>
      <c r="T528" s="55"/>
      <c r="U528" s="55"/>
      <c r="V528" s="55"/>
      <c r="W528" s="55"/>
      <c r="X528" s="55"/>
      <c r="Y528" s="55"/>
      <c r="Z528" s="55"/>
      <c r="AA528" s="55"/>
      <c r="AB528" s="55"/>
      <c r="AC528" s="55"/>
      <c r="AD528" s="55"/>
      <c r="AE528" s="55"/>
      <c r="AF528" s="55"/>
      <c r="AG528" s="55"/>
      <c r="AY528" s="162"/>
      <c r="AZ528" s="162"/>
      <c r="BA528" s="162"/>
      <c r="BB528" s="162"/>
      <c r="BC528" s="162"/>
      <c r="BD528" s="162"/>
      <c r="BE528" s="162"/>
      <c r="BF528" s="162"/>
      <c r="BG528" s="162"/>
      <c r="BH528" s="162"/>
      <c r="BI528" s="162"/>
      <c r="BJ528" s="162"/>
      <c r="BK528" s="162"/>
      <c r="BL528" s="162"/>
      <c r="BM528" s="162"/>
      <c r="BN528" s="162"/>
      <c r="BO528" s="162"/>
      <c r="BP528" s="162"/>
      <c r="BQ528" s="162"/>
      <c r="BR528" s="162"/>
      <c r="BS528" s="162"/>
      <c r="BT528" s="162"/>
      <c r="BU528" s="162"/>
      <c r="BV528" s="162"/>
      <c r="BW528" s="162"/>
      <c r="BX528" s="162"/>
      <c r="BY528" s="162"/>
      <c r="BZ528" s="162"/>
      <c r="CA528" s="162"/>
      <c r="CB528" s="162"/>
      <c r="CC528" s="162"/>
      <c r="CD528" s="162"/>
      <c r="CE528" s="162"/>
      <c r="CF528" s="162"/>
      <c r="CG528" s="162"/>
      <c r="CH528" s="162"/>
      <c r="CI528" s="162"/>
      <c r="CJ528" s="162"/>
      <c r="CK528" s="162"/>
      <c r="CX528" s="98"/>
      <c r="DL528" s="97"/>
      <c r="DX528" s="98"/>
      <c r="EL528" s="97"/>
      <c r="EX528" s="98"/>
      <c r="EY528" s="97"/>
      <c r="FL528" s="126"/>
      <c r="FM528" s="91"/>
      <c r="FN528" s="91"/>
      <c r="FO528" s="91"/>
      <c r="FP528" s="91"/>
      <c r="FQ528" s="91"/>
      <c r="FR528" s="91"/>
      <c r="FS528" s="91"/>
      <c r="FT528" s="91"/>
      <c r="FU528" s="91"/>
      <c r="FV528" s="91"/>
      <c r="FW528" s="91"/>
      <c r="FX528" s="91"/>
      <c r="FY528" s="91"/>
      <c r="FZ528" s="91"/>
      <c r="GA528" s="91"/>
      <c r="GB528" s="91"/>
      <c r="GC528" s="91"/>
      <c r="GD528" s="91"/>
      <c r="GE528" s="91"/>
      <c r="GF528" s="91"/>
      <c r="GG528" s="91"/>
      <c r="GH528" s="91"/>
      <c r="GI528" s="91"/>
      <c r="GJ528" s="91"/>
      <c r="GK528" s="127"/>
      <c r="GL528" s="126"/>
      <c r="GM528" s="91"/>
      <c r="GN528" s="91"/>
      <c r="GO528" s="91"/>
      <c r="GP528" s="91"/>
      <c r="GQ528" s="91"/>
      <c r="GR528" s="91"/>
      <c r="GS528" s="91"/>
      <c r="GT528" s="91"/>
      <c r="GU528" s="91"/>
      <c r="GV528" s="91"/>
      <c r="GW528" s="91"/>
      <c r="GX528" s="91"/>
      <c r="GY528" s="91"/>
      <c r="GZ528" s="91"/>
      <c r="HA528" s="91"/>
      <c r="HB528" s="91"/>
      <c r="HC528" s="91"/>
      <c r="HD528" s="91"/>
      <c r="HE528" s="91"/>
      <c r="HF528" s="91"/>
      <c r="HG528" s="91"/>
      <c r="HH528" s="91"/>
      <c r="HI528" s="91"/>
      <c r="HJ528" s="91"/>
      <c r="HK528" s="127"/>
      <c r="HL528" s="126"/>
      <c r="HM528" s="91"/>
      <c r="HN528" s="91"/>
      <c r="HO528" s="91"/>
      <c r="HP528" s="91"/>
      <c r="HQ528" s="91"/>
      <c r="HR528" s="91"/>
      <c r="HS528" s="91"/>
      <c r="HT528" s="91"/>
      <c r="HU528" s="91"/>
      <c r="HV528" s="91"/>
      <c r="HW528" s="91"/>
      <c r="HX528" s="91"/>
      <c r="HY528" s="91"/>
      <c r="HZ528" s="91"/>
      <c r="IA528" s="91"/>
      <c r="IB528" s="91"/>
      <c r="IC528" s="91"/>
      <c r="ID528" s="91"/>
      <c r="IE528" s="91"/>
      <c r="IF528" s="91"/>
      <c r="IG528" s="91"/>
      <c r="IH528" s="91"/>
      <c r="II528" s="91"/>
      <c r="IJ528" s="91"/>
      <c r="IK528" s="127"/>
    </row>
    <row r="529" spans="2:245" x14ac:dyDescent="0.2">
      <c r="B529" s="43"/>
      <c r="C529" s="73"/>
      <c r="D529" s="64"/>
      <c r="E529" s="64"/>
      <c r="F529" s="55"/>
      <c r="G529" s="102"/>
      <c r="H529" s="55"/>
      <c r="I529" s="55"/>
      <c r="J529" s="55"/>
      <c r="K529" s="55"/>
      <c r="L529" s="55"/>
      <c r="M529" s="55"/>
      <c r="N529" s="55"/>
      <c r="O529" s="55"/>
      <c r="P529" s="55"/>
      <c r="Q529" s="55"/>
      <c r="R529" s="55"/>
      <c r="S529" s="55"/>
      <c r="T529" s="55"/>
      <c r="U529" s="55"/>
      <c r="V529" s="55"/>
      <c r="W529" s="55"/>
      <c r="X529" s="55"/>
      <c r="Y529" s="55"/>
      <c r="Z529" s="55"/>
      <c r="AA529" s="55"/>
      <c r="AB529" s="55"/>
      <c r="AC529" s="55"/>
      <c r="AD529" s="55"/>
      <c r="AE529" s="55"/>
      <c r="AF529" s="55"/>
      <c r="AG529" s="55"/>
      <c r="AY529" s="162"/>
      <c r="AZ529" s="162"/>
      <c r="BA529" s="162"/>
      <c r="BB529" s="162"/>
      <c r="BC529" s="162"/>
      <c r="BD529" s="162"/>
      <c r="BE529" s="162"/>
      <c r="BF529" s="162"/>
      <c r="BG529" s="162"/>
      <c r="BH529" s="162"/>
      <c r="BI529" s="162"/>
      <c r="BJ529" s="162"/>
      <c r="BK529" s="162"/>
      <c r="BL529" s="162"/>
      <c r="BM529" s="162"/>
      <c r="BN529" s="162"/>
      <c r="BO529" s="162"/>
      <c r="BP529" s="162"/>
      <c r="BQ529" s="162"/>
      <c r="BR529" s="162"/>
      <c r="BS529" s="162"/>
      <c r="BT529" s="162"/>
      <c r="BU529" s="162"/>
      <c r="BV529" s="162"/>
      <c r="BW529" s="162"/>
      <c r="BX529" s="162"/>
      <c r="BY529" s="162"/>
      <c r="BZ529" s="162"/>
      <c r="CA529" s="162"/>
      <c r="CB529" s="162"/>
      <c r="CC529" s="162"/>
      <c r="CD529" s="162"/>
      <c r="CE529" s="162"/>
      <c r="CF529" s="162"/>
      <c r="CG529" s="162"/>
      <c r="CH529" s="162"/>
      <c r="CI529" s="162"/>
      <c r="CJ529" s="162"/>
      <c r="CK529" s="162"/>
      <c r="CX529" s="98"/>
      <c r="DL529" s="97"/>
      <c r="DX529" s="98"/>
      <c r="EL529" s="97"/>
      <c r="EX529" s="98"/>
      <c r="EY529" s="97"/>
      <c r="FL529" s="126"/>
      <c r="FM529" s="91"/>
      <c r="FN529" s="91"/>
      <c r="FO529" s="91"/>
      <c r="FP529" s="91"/>
      <c r="FQ529" s="91"/>
      <c r="FR529" s="91"/>
      <c r="FS529" s="91"/>
      <c r="FT529" s="91"/>
      <c r="FU529" s="91"/>
      <c r="FV529" s="91"/>
      <c r="FW529" s="91"/>
      <c r="FX529" s="91"/>
      <c r="FY529" s="91"/>
      <c r="FZ529" s="91"/>
      <c r="GA529" s="91"/>
      <c r="GB529" s="91"/>
      <c r="GC529" s="91"/>
      <c r="GD529" s="91"/>
      <c r="GE529" s="91"/>
      <c r="GF529" s="91"/>
      <c r="GG529" s="91"/>
      <c r="GH529" s="91"/>
      <c r="GI529" s="91"/>
      <c r="GJ529" s="91"/>
      <c r="GK529" s="127"/>
      <c r="GL529" s="126"/>
      <c r="GM529" s="91"/>
      <c r="GN529" s="91"/>
      <c r="GO529" s="91"/>
      <c r="GP529" s="91"/>
      <c r="GQ529" s="91"/>
      <c r="GR529" s="91"/>
      <c r="GS529" s="91"/>
      <c r="GT529" s="91"/>
      <c r="GU529" s="91"/>
      <c r="GV529" s="91"/>
      <c r="GW529" s="91"/>
      <c r="GX529" s="91"/>
      <c r="GY529" s="91"/>
      <c r="GZ529" s="91"/>
      <c r="HA529" s="91"/>
      <c r="HB529" s="91"/>
      <c r="HC529" s="91"/>
      <c r="HD529" s="91"/>
      <c r="HE529" s="91"/>
      <c r="HF529" s="91"/>
      <c r="HG529" s="91"/>
      <c r="HH529" s="91"/>
      <c r="HI529" s="91"/>
      <c r="HJ529" s="91"/>
      <c r="HK529" s="127"/>
      <c r="HL529" s="126"/>
      <c r="HM529" s="91"/>
      <c r="HN529" s="91"/>
      <c r="HO529" s="91"/>
      <c r="HP529" s="91"/>
      <c r="HQ529" s="91"/>
      <c r="HR529" s="91"/>
      <c r="HS529" s="91"/>
      <c r="HT529" s="91"/>
      <c r="HU529" s="91"/>
      <c r="HV529" s="91"/>
      <c r="HW529" s="91"/>
      <c r="HX529" s="91"/>
      <c r="HY529" s="91"/>
      <c r="HZ529" s="91"/>
      <c r="IA529" s="91"/>
      <c r="IB529" s="91"/>
      <c r="IC529" s="91"/>
      <c r="ID529" s="91"/>
      <c r="IE529" s="91"/>
      <c r="IF529" s="91"/>
      <c r="IG529" s="91"/>
      <c r="IH529" s="91"/>
      <c r="II529" s="91"/>
      <c r="IJ529" s="91"/>
      <c r="IK529" s="127"/>
    </row>
    <row r="530" spans="2:245" x14ac:dyDescent="0.2">
      <c r="B530" s="43"/>
      <c r="C530" s="73"/>
      <c r="D530" s="64"/>
      <c r="E530" s="64"/>
      <c r="F530" s="55"/>
      <c r="G530" s="102"/>
      <c r="H530" s="55"/>
      <c r="I530" s="55"/>
      <c r="J530" s="55"/>
      <c r="K530" s="55"/>
      <c r="L530" s="55"/>
      <c r="M530" s="55"/>
      <c r="N530" s="55"/>
      <c r="O530" s="55"/>
      <c r="P530" s="55"/>
      <c r="Q530" s="55"/>
      <c r="R530" s="55"/>
      <c r="S530" s="55"/>
      <c r="T530" s="55"/>
      <c r="U530" s="55"/>
      <c r="V530" s="55"/>
      <c r="W530" s="55"/>
      <c r="X530" s="55"/>
      <c r="Y530" s="55"/>
      <c r="Z530" s="55"/>
      <c r="AA530" s="55"/>
      <c r="AB530" s="55"/>
      <c r="AC530" s="55"/>
      <c r="AD530" s="55"/>
      <c r="AE530" s="55"/>
      <c r="AF530" s="55"/>
      <c r="AG530" s="55"/>
      <c r="AY530" s="162"/>
      <c r="AZ530" s="162"/>
      <c r="BA530" s="162"/>
      <c r="BB530" s="162"/>
      <c r="BC530" s="162"/>
      <c r="BD530" s="162"/>
      <c r="BE530" s="162"/>
      <c r="BF530" s="162"/>
      <c r="BG530" s="162"/>
      <c r="BH530" s="162"/>
      <c r="BI530" s="162"/>
      <c r="BJ530" s="162"/>
      <c r="BK530" s="162"/>
      <c r="BL530" s="162"/>
      <c r="BM530" s="162"/>
      <c r="BN530" s="162"/>
      <c r="BO530" s="162"/>
      <c r="BP530" s="162"/>
      <c r="BQ530" s="162"/>
      <c r="BR530" s="162"/>
      <c r="BS530" s="162"/>
      <c r="BT530" s="162"/>
      <c r="BU530" s="162"/>
      <c r="BV530" s="162"/>
      <c r="BW530" s="162"/>
      <c r="BX530" s="162"/>
      <c r="BY530" s="162"/>
      <c r="BZ530" s="162"/>
      <c r="CA530" s="162"/>
      <c r="CB530" s="162"/>
      <c r="CC530" s="162"/>
      <c r="CD530" s="162"/>
      <c r="CE530" s="162"/>
      <c r="CF530" s="162"/>
      <c r="CG530" s="162"/>
      <c r="CH530" s="162"/>
      <c r="CI530" s="162"/>
      <c r="CJ530" s="162"/>
      <c r="CK530" s="162"/>
      <c r="CX530" s="98"/>
      <c r="DL530" s="97"/>
      <c r="DX530" s="98"/>
      <c r="EL530" s="97"/>
      <c r="EX530" s="98"/>
      <c r="EY530" s="97"/>
      <c r="FL530" s="126"/>
      <c r="FM530" s="91"/>
      <c r="FN530" s="91"/>
      <c r="FO530" s="91"/>
      <c r="FP530" s="91"/>
      <c r="FQ530" s="91"/>
      <c r="FR530" s="91"/>
      <c r="FS530" s="91"/>
      <c r="FT530" s="91"/>
      <c r="FU530" s="91"/>
      <c r="FV530" s="91"/>
      <c r="FW530" s="91"/>
      <c r="FX530" s="91"/>
      <c r="FY530" s="91"/>
      <c r="FZ530" s="91"/>
      <c r="GA530" s="91"/>
      <c r="GB530" s="91"/>
      <c r="GC530" s="91"/>
      <c r="GD530" s="91"/>
      <c r="GE530" s="91"/>
      <c r="GF530" s="91"/>
      <c r="GG530" s="91"/>
      <c r="GH530" s="91"/>
      <c r="GI530" s="91"/>
      <c r="GJ530" s="91"/>
      <c r="GK530" s="127"/>
      <c r="GL530" s="126"/>
      <c r="GM530" s="91"/>
      <c r="GN530" s="91"/>
      <c r="GO530" s="91"/>
      <c r="GP530" s="91"/>
      <c r="GQ530" s="91"/>
      <c r="GR530" s="91"/>
      <c r="GS530" s="91"/>
      <c r="GT530" s="91"/>
      <c r="GU530" s="91"/>
      <c r="GV530" s="91"/>
      <c r="GW530" s="91"/>
      <c r="GX530" s="91"/>
      <c r="GY530" s="91"/>
      <c r="GZ530" s="91"/>
      <c r="HA530" s="91"/>
      <c r="HB530" s="91"/>
      <c r="HC530" s="91"/>
      <c r="HD530" s="91"/>
      <c r="HE530" s="91"/>
      <c r="HF530" s="91"/>
      <c r="HG530" s="91"/>
      <c r="HH530" s="91"/>
      <c r="HI530" s="91"/>
      <c r="HJ530" s="91"/>
      <c r="HK530" s="127"/>
      <c r="HL530" s="126"/>
      <c r="HM530" s="91"/>
      <c r="HN530" s="91"/>
      <c r="HO530" s="91"/>
      <c r="HP530" s="91"/>
      <c r="HQ530" s="91"/>
      <c r="HR530" s="91"/>
      <c r="HS530" s="91"/>
      <c r="HT530" s="91"/>
      <c r="HU530" s="91"/>
      <c r="HV530" s="91"/>
      <c r="HW530" s="91"/>
      <c r="HX530" s="91"/>
      <c r="HY530" s="91"/>
      <c r="HZ530" s="91"/>
      <c r="IA530" s="91"/>
      <c r="IB530" s="91"/>
      <c r="IC530" s="91"/>
      <c r="ID530" s="91"/>
      <c r="IE530" s="91"/>
      <c r="IF530" s="91"/>
      <c r="IG530" s="91"/>
      <c r="IH530" s="91"/>
      <c r="II530" s="91"/>
      <c r="IJ530" s="91"/>
      <c r="IK530" s="127"/>
    </row>
    <row r="531" spans="2:245" x14ac:dyDescent="0.2">
      <c r="B531" s="43"/>
      <c r="C531" s="73"/>
      <c r="D531" s="64"/>
      <c r="E531" s="64"/>
      <c r="F531" s="55"/>
      <c r="G531" s="102"/>
      <c r="H531" s="55"/>
      <c r="I531" s="55"/>
      <c r="J531" s="55"/>
      <c r="K531" s="55"/>
      <c r="L531" s="55"/>
      <c r="M531" s="55"/>
      <c r="N531" s="55"/>
      <c r="O531" s="55"/>
      <c r="P531" s="55"/>
      <c r="Q531" s="55"/>
      <c r="R531" s="55"/>
      <c r="S531" s="55"/>
      <c r="T531" s="55"/>
      <c r="U531" s="55"/>
      <c r="V531" s="55"/>
      <c r="W531" s="55"/>
      <c r="X531" s="55"/>
      <c r="Y531" s="55"/>
      <c r="Z531" s="55"/>
      <c r="AA531" s="55"/>
      <c r="AB531" s="55"/>
      <c r="AC531" s="55"/>
      <c r="AD531" s="55"/>
      <c r="AE531" s="55"/>
      <c r="AF531" s="55"/>
      <c r="AG531" s="55"/>
      <c r="AY531" s="162"/>
      <c r="AZ531" s="162"/>
      <c r="BA531" s="162"/>
      <c r="BB531" s="162"/>
      <c r="BC531" s="162"/>
      <c r="BD531" s="162"/>
      <c r="BE531" s="162"/>
      <c r="BF531" s="162"/>
      <c r="BG531" s="162"/>
      <c r="BH531" s="162"/>
      <c r="BI531" s="162"/>
      <c r="BJ531" s="162"/>
      <c r="BK531" s="162"/>
      <c r="BL531" s="162"/>
      <c r="BM531" s="162"/>
      <c r="BN531" s="162"/>
      <c r="BO531" s="162"/>
      <c r="BP531" s="162"/>
      <c r="BQ531" s="162"/>
      <c r="BR531" s="162"/>
      <c r="BS531" s="162"/>
      <c r="BT531" s="162"/>
      <c r="BU531" s="162"/>
      <c r="BV531" s="162"/>
      <c r="BW531" s="162"/>
      <c r="BX531" s="162"/>
      <c r="BY531" s="162"/>
      <c r="BZ531" s="162"/>
      <c r="CA531" s="162"/>
      <c r="CB531" s="162"/>
      <c r="CC531" s="162"/>
      <c r="CD531" s="162"/>
      <c r="CE531" s="162"/>
      <c r="CF531" s="162"/>
      <c r="CG531" s="162"/>
      <c r="CH531" s="162"/>
      <c r="CI531" s="162"/>
      <c r="CJ531" s="162"/>
      <c r="CK531" s="162"/>
      <c r="CX531" s="98"/>
      <c r="DL531" s="97"/>
      <c r="DX531" s="98"/>
      <c r="EL531" s="97"/>
      <c r="EX531" s="98"/>
      <c r="EY531" s="97"/>
      <c r="FL531" s="126"/>
      <c r="FM531" s="91"/>
      <c r="FN531" s="91"/>
      <c r="FO531" s="91"/>
      <c r="FP531" s="91"/>
      <c r="FQ531" s="91"/>
      <c r="FR531" s="91"/>
      <c r="FS531" s="91"/>
      <c r="FT531" s="91"/>
      <c r="FU531" s="91"/>
      <c r="FV531" s="91"/>
      <c r="FW531" s="91"/>
      <c r="FX531" s="91"/>
      <c r="FY531" s="91"/>
      <c r="FZ531" s="91"/>
      <c r="GA531" s="91"/>
      <c r="GB531" s="91"/>
      <c r="GC531" s="91"/>
      <c r="GD531" s="91"/>
      <c r="GE531" s="91"/>
      <c r="GF531" s="91"/>
      <c r="GG531" s="91"/>
      <c r="GH531" s="91"/>
      <c r="GI531" s="91"/>
      <c r="GJ531" s="91"/>
      <c r="GK531" s="127"/>
      <c r="GL531" s="126"/>
      <c r="GM531" s="91"/>
      <c r="GN531" s="91"/>
      <c r="GO531" s="91"/>
      <c r="GP531" s="91"/>
      <c r="GQ531" s="91"/>
      <c r="GR531" s="91"/>
      <c r="GS531" s="91"/>
      <c r="GT531" s="91"/>
      <c r="GU531" s="91"/>
      <c r="GV531" s="91"/>
      <c r="GW531" s="91"/>
      <c r="GX531" s="91"/>
      <c r="GY531" s="91"/>
      <c r="GZ531" s="91"/>
      <c r="HA531" s="91"/>
      <c r="HB531" s="91"/>
      <c r="HC531" s="91"/>
      <c r="HD531" s="91"/>
      <c r="HE531" s="91"/>
      <c r="HF531" s="91"/>
      <c r="HG531" s="91"/>
      <c r="HH531" s="91"/>
      <c r="HI531" s="91"/>
      <c r="HJ531" s="91"/>
      <c r="HK531" s="127"/>
      <c r="HL531" s="126"/>
      <c r="HM531" s="91"/>
      <c r="HN531" s="91"/>
      <c r="HO531" s="91"/>
      <c r="HP531" s="91"/>
      <c r="HQ531" s="91"/>
      <c r="HR531" s="91"/>
      <c r="HS531" s="91"/>
      <c r="HT531" s="91"/>
      <c r="HU531" s="91"/>
      <c r="HV531" s="91"/>
      <c r="HW531" s="91"/>
      <c r="HX531" s="91"/>
      <c r="HY531" s="91"/>
      <c r="HZ531" s="91"/>
      <c r="IA531" s="91"/>
      <c r="IB531" s="91"/>
      <c r="IC531" s="91"/>
      <c r="ID531" s="91"/>
      <c r="IE531" s="91"/>
      <c r="IF531" s="91"/>
      <c r="IG531" s="91"/>
      <c r="IH531" s="91"/>
      <c r="II531" s="91"/>
      <c r="IJ531" s="91"/>
      <c r="IK531" s="127"/>
    </row>
    <row r="532" spans="2:245" x14ac:dyDescent="0.2">
      <c r="B532" s="43"/>
      <c r="C532" s="73"/>
      <c r="D532" s="64"/>
      <c r="E532" s="64"/>
      <c r="F532" s="55"/>
      <c r="G532" s="102"/>
      <c r="H532" s="55"/>
      <c r="I532" s="55"/>
      <c r="J532" s="55"/>
      <c r="K532" s="55"/>
      <c r="L532" s="55"/>
      <c r="M532" s="55"/>
      <c r="N532" s="55"/>
      <c r="O532" s="55"/>
      <c r="P532" s="55"/>
      <c r="Q532" s="55"/>
      <c r="R532" s="55"/>
      <c r="S532" s="55"/>
      <c r="T532" s="55"/>
      <c r="U532" s="55"/>
      <c r="V532" s="55"/>
      <c r="W532" s="55"/>
      <c r="X532" s="55"/>
      <c r="Y532" s="55"/>
      <c r="Z532" s="55"/>
      <c r="AA532" s="55"/>
      <c r="AB532" s="55"/>
      <c r="AC532" s="55"/>
      <c r="AD532" s="55"/>
      <c r="AE532" s="55"/>
      <c r="AF532" s="55"/>
      <c r="AG532" s="55"/>
      <c r="AY532" s="162"/>
      <c r="AZ532" s="162"/>
      <c r="BA532" s="162"/>
      <c r="BB532" s="162"/>
      <c r="BC532" s="162"/>
      <c r="BD532" s="162"/>
      <c r="BE532" s="162"/>
      <c r="BF532" s="162"/>
      <c r="BG532" s="162"/>
      <c r="BH532" s="162"/>
      <c r="BI532" s="162"/>
      <c r="BJ532" s="162"/>
      <c r="BK532" s="162"/>
      <c r="BL532" s="162"/>
      <c r="BM532" s="162"/>
      <c r="BN532" s="162"/>
      <c r="BO532" s="162"/>
      <c r="BP532" s="162"/>
      <c r="BQ532" s="162"/>
      <c r="BR532" s="162"/>
      <c r="BS532" s="162"/>
      <c r="BT532" s="162"/>
      <c r="BU532" s="162"/>
      <c r="BV532" s="162"/>
      <c r="BW532" s="162"/>
      <c r="BX532" s="162"/>
      <c r="BY532" s="162"/>
      <c r="BZ532" s="162"/>
      <c r="CA532" s="162"/>
      <c r="CB532" s="162"/>
      <c r="CC532" s="162"/>
      <c r="CD532" s="162"/>
      <c r="CE532" s="162"/>
      <c r="CF532" s="162"/>
      <c r="CG532" s="162"/>
      <c r="CH532" s="162"/>
      <c r="CI532" s="162"/>
      <c r="CJ532" s="162"/>
      <c r="CK532" s="162"/>
      <c r="CX532" s="98"/>
      <c r="DL532" s="97"/>
      <c r="DX532" s="98"/>
      <c r="EL532" s="97"/>
      <c r="EX532" s="98"/>
      <c r="EY532" s="97"/>
      <c r="FL532" s="126"/>
      <c r="FM532" s="91"/>
      <c r="FN532" s="91"/>
      <c r="FO532" s="91"/>
      <c r="FP532" s="91"/>
      <c r="FQ532" s="91"/>
      <c r="FR532" s="91"/>
      <c r="FS532" s="91"/>
      <c r="FT532" s="91"/>
      <c r="FU532" s="91"/>
      <c r="FV532" s="91"/>
      <c r="FW532" s="91"/>
      <c r="FX532" s="91"/>
      <c r="FY532" s="91"/>
      <c r="FZ532" s="91"/>
      <c r="GA532" s="91"/>
      <c r="GB532" s="91"/>
      <c r="GC532" s="91"/>
      <c r="GD532" s="91"/>
      <c r="GE532" s="91"/>
      <c r="GF532" s="91"/>
      <c r="GG532" s="91"/>
      <c r="GH532" s="91"/>
      <c r="GI532" s="91"/>
      <c r="GJ532" s="91"/>
      <c r="GK532" s="127"/>
      <c r="GL532" s="126"/>
      <c r="GM532" s="91"/>
      <c r="GN532" s="91"/>
      <c r="GO532" s="91"/>
      <c r="GP532" s="91"/>
      <c r="GQ532" s="91"/>
      <c r="GR532" s="91"/>
      <c r="GS532" s="91"/>
      <c r="GT532" s="91"/>
      <c r="GU532" s="91"/>
      <c r="GV532" s="91"/>
      <c r="GW532" s="91"/>
      <c r="GX532" s="91"/>
      <c r="GY532" s="91"/>
      <c r="GZ532" s="91"/>
      <c r="HA532" s="91"/>
      <c r="HB532" s="91"/>
      <c r="HC532" s="91"/>
      <c r="HD532" s="91"/>
      <c r="HE532" s="91"/>
      <c r="HF532" s="91"/>
      <c r="HG532" s="91"/>
      <c r="HH532" s="91"/>
      <c r="HI532" s="91"/>
      <c r="HJ532" s="91"/>
      <c r="HK532" s="127"/>
      <c r="HL532" s="126"/>
      <c r="HM532" s="91"/>
      <c r="HN532" s="91"/>
      <c r="HO532" s="91"/>
      <c r="HP532" s="91"/>
      <c r="HQ532" s="91"/>
      <c r="HR532" s="91"/>
      <c r="HS532" s="91"/>
      <c r="HT532" s="91"/>
      <c r="HU532" s="91"/>
      <c r="HV532" s="91"/>
      <c r="HW532" s="91"/>
      <c r="HX532" s="91"/>
      <c r="HY532" s="91"/>
      <c r="HZ532" s="91"/>
      <c r="IA532" s="91"/>
      <c r="IB532" s="91"/>
      <c r="IC532" s="91"/>
      <c r="ID532" s="91"/>
      <c r="IE532" s="91"/>
      <c r="IF532" s="91"/>
      <c r="IG532" s="91"/>
      <c r="IH532" s="91"/>
      <c r="II532" s="91"/>
      <c r="IJ532" s="91"/>
      <c r="IK532" s="127"/>
    </row>
    <row r="533" spans="2:245" x14ac:dyDescent="0.2">
      <c r="B533" s="43"/>
      <c r="C533" s="73"/>
      <c r="D533" s="64"/>
      <c r="E533" s="64"/>
      <c r="F533" s="55"/>
      <c r="G533" s="102"/>
      <c r="H533" s="55"/>
      <c r="I533" s="55"/>
      <c r="J533" s="55"/>
      <c r="K533" s="55"/>
      <c r="L533" s="55"/>
      <c r="M533" s="55"/>
      <c r="N533" s="55"/>
      <c r="O533" s="55"/>
      <c r="P533" s="55"/>
      <c r="Q533" s="55"/>
      <c r="R533" s="55"/>
      <c r="S533" s="55"/>
      <c r="T533" s="55"/>
      <c r="U533" s="55"/>
      <c r="V533" s="55"/>
      <c r="W533" s="55"/>
      <c r="X533" s="55"/>
      <c r="Y533" s="55"/>
      <c r="Z533" s="55"/>
      <c r="AA533" s="55"/>
      <c r="AB533" s="55"/>
      <c r="AC533" s="55"/>
      <c r="AD533" s="55"/>
      <c r="AE533" s="55"/>
      <c r="AF533" s="55"/>
      <c r="AG533" s="55"/>
      <c r="AY533" s="162"/>
      <c r="AZ533" s="162"/>
      <c r="BA533" s="162"/>
      <c r="BB533" s="162"/>
      <c r="BC533" s="162"/>
      <c r="BD533" s="162"/>
      <c r="BE533" s="162"/>
      <c r="BF533" s="162"/>
      <c r="BG533" s="162"/>
      <c r="BH533" s="162"/>
      <c r="BI533" s="162"/>
      <c r="BJ533" s="162"/>
      <c r="BK533" s="162"/>
      <c r="BL533" s="162"/>
      <c r="BM533" s="162"/>
      <c r="BN533" s="162"/>
      <c r="BO533" s="162"/>
      <c r="BP533" s="162"/>
      <c r="BQ533" s="162"/>
      <c r="BR533" s="162"/>
      <c r="BS533" s="162"/>
      <c r="BT533" s="162"/>
      <c r="BU533" s="162"/>
      <c r="BV533" s="162"/>
      <c r="BW533" s="162"/>
      <c r="BX533" s="162"/>
      <c r="BY533" s="162"/>
      <c r="BZ533" s="162"/>
      <c r="CA533" s="162"/>
      <c r="CB533" s="162"/>
      <c r="CC533" s="162"/>
      <c r="CD533" s="162"/>
      <c r="CE533" s="162"/>
      <c r="CF533" s="162"/>
      <c r="CG533" s="162"/>
      <c r="CH533" s="162"/>
      <c r="CI533" s="162"/>
      <c r="CJ533" s="162"/>
      <c r="CK533" s="162"/>
      <c r="CX533" s="98"/>
      <c r="DL533" s="97"/>
      <c r="DX533" s="98"/>
      <c r="EL533" s="97"/>
      <c r="EX533" s="98"/>
      <c r="EY533" s="97"/>
      <c r="FL533" s="126"/>
      <c r="FM533" s="91"/>
      <c r="FN533" s="91"/>
      <c r="FO533" s="91"/>
      <c r="FP533" s="91"/>
      <c r="FQ533" s="91"/>
      <c r="FR533" s="91"/>
      <c r="FS533" s="91"/>
      <c r="FT533" s="91"/>
      <c r="FU533" s="91"/>
      <c r="FV533" s="91"/>
      <c r="FW533" s="91"/>
      <c r="FX533" s="91"/>
      <c r="FY533" s="91"/>
      <c r="FZ533" s="91"/>
      <c r="GA533" s="91"/>
      <c r="GB533" s="91"/>
      <c r="GC533" s="91"/>
      <c r="GD533" s="91"/>
      <c r="GE533" s="91"/>
      <c r="GF533" s="91"/>
      <c r="GG533" s="91"/>
      <c r="GH533" s="91"/>
      <c r="GI533" s="91"/>
      <c r="GJ533" s="91"/>
      <c r="GK533" s="127"/>
      <c r="GL533" s="126"/>
      <c r="GM533" s="91"/>
      <c r="GN533" s="91"/>
      <c r="GO533" s="91"/>
      <c r="GP533" s="91"/>
      <c r="GQ533" s="91"/>
      <c r="GR533" s="91"/>
      <c r="GS533" s="91"/>
      <c r="GT533" s="91"/>
      <c r="GU533" s="91"/>
      <c r="GV533" s="91"/>
      <c r="GW533" s="91"/>
      <c r="GX533" s="91"/>
      <c r="GY533" s="91"/>
      <c r="GZ533" s="91"/>
      <c r="HA533" s="91"/>
      <c r="HB533" s="91"/>
      <c r="HC533" s="91"/>
      <c r="HD533" s="91"/>
      <c r="HE533" s="91"/>
      <c r="HF533" s="91"/>
      <c r="HG533" s="91"/>
      <c r="HH533" s="91"/>
      <c r="HI533" s="91"/>
      <c r="HJ533" s="91"/>
      <c r="HK533" s="127"/>
      <c r="HL533" s="126"/>
      <c r="HM533" s="91"/>
      <c r="HN533" s="91"/>
      <c r="HO533" s="91"/>
      <c r="HP533" s="91"/>
      <c r="HQ533" s="91"/>
      <c r="HR533" s="91"/>
      <c r="HS533" s="91"/>
      <c r="HT533" s="91"/>
      <c r="HU533" s="91"/>
      <c r="HV533" s="91"/>
      <c r="HW533" s="91"/>
      <c r="HX533" s="91"/>
      <c r="HY533" s="91"/>
      <c r="HZ533" s="91"/>
      <c r="IA533" s="91"/>
      <c r="IB533" s="91"/>
      <c r="IC533" s="91"/>
      <c r="ID533" s="91"/>
      <c r="IE533" s="91"/>
      <c r="IF533" s="91"/>
      <c r="IG533" s="91"/>
      <c r="IH533" s="91"/>
      <c r="II533" s="91"/>
      <c r="IJ533" s="91"/>
      <c r="IK533" s="127"/>
    </row>
    <row r="534" spans="2:245" x14ac:dyDescent="0.2">
      <c r="B534" s="43"/>
      <c r="C534" s="73"/>
      <c r="D534" s="64"/>
      <c r="E534" s="64"/>
      <c r="F534" s="55"/>
      <c r="G534" s="102"/>
      <c r="H534" s="55"/>
      <c r="I534" s="55"/>
      <c r="J534" s="55"/>
      <c r="K534" s="55"/>
      <c r="L534" s="55"/>
      <c r="M534" s="55"/>
      <c r="N534" s="55"/>
      <c r="O534" s="55"/>
      <c r="P534" s="55"/>
      <c r="Q534" s="55"/>
      <c r="R534" s="55"/>
      <c r="S534" s="55"/>
      <c r="T534" s="55"/>
      <c r="U534" s="55"/>
      <c r="V534" s="55"/>
      <c r="W534" s="55"/>
      <c r="X534" s="55"/>
      <c r="Y534" s="55"/>
      <c r="Z534" s="55"/>
      <c r="AA534" s="55"/>
      <c r="AB534" s="55"/>
      <c r="AC534" s="55"/>
      <c r="AD534" s="55"/>
      <c r="AE534" s="55"/>
      <c r="AF534" s="55"/>
      <c r="AG534" s="55"/>
      <c r="AY534" s="162"/>
      <c r="AZ534" s="162"/>
      <c r="BA534" s="162"/>
      <c r="BB534" s="162"/>
      <c r="BC534" s="162"/>
      <c r="BD534" s="162"/>
      <c r="BE534" s="162"/>
      <c r="BF534" s="162"/>
      <c r="BG534" s="162"/>
      <c r="BH534" s="162"/>
      <c r="BI534" s="162"/>
      <c r="BJ534" s="162"/>
      <c r="BK534" s="162"/>
      <c r="BL534" s="162"/>
      <c r="BM534" s="162"/>
      <c r="BN534" s="162"/>
      <c r="BO534" s="162"/>
      <c r="BP534" s="162"/>
      <c r="BQ534" s="162"/>
      <c r="BR534" s="162"/>
      <c r="BS534" s="162"/>
      <c r="BT534" s="162"/>
      <c r="BU534" s="162"/>
      <c r="BV534" s="162"/>
      <c r="BW534" s="162"/>
      <c r="BX534" s="162"/>
      <c r="BY534" s="162"/>
      <c r="BZ534" s="162"/>
      <c r="CA534" s="162"/>
      <c r="CB534" s="162"/>
      <c r="CC534" s="162"/>
      <c r="CD534" s="162"/>
      <c r="CE534" s="162"/>
      <c r="CF534" s="162"/>
      <c r="CG534" s="162"/>
      <c r="CH534" s="162"/>
      <c r="CI534" s="162"/>
      <c r="CJ534" s="162"/>
      <c r="CK534" s="162"/>
      <c r="CX534" s="98"/>
      <c r="DL534" s="97"/>
      <c r="DX534" s="98"/>
      <c r="EL534" s="97"/>
      <c r="EX534" s="98"/>
      <c r="EY534" s="97"/>
      <c r="FL534" s="126"/>
      <c r="FM534" s="91"/>
      <c r="FN534" s="91"/>
      <c r="FO534" s="91"/>
      <c r="FP534" s="91"/>
      <c r="FQ534" s="91"/>
      <c r="FR534" s="91"/>
      <c r="FS534" s="91"/>
      <c r="FT534" s="91"/>
      <c r="FU534" s="91"/>
      <c r="FV534" s="91"/>
      <c r="FW534" s="91"/>
      <c r="FX534" s="91"/>
      <c r="FY534" s="91"/>
      <c r="FZ534" s="91"/>
      <c r="GA534" s="91"/>
      <c r="GB534" s="91"/>
      <c r="GC534" s="91"/>
      <c r="GD534" s="91"/>
      <c r="GE534" s="91"/>
      <c r="GF534" s="91"/>
      <c r="GG534" s="91"/>
      <c r="GH534" s="91"/>
      <c r="GI534" s="91"/>
      <c r="GJ534" s="91"/>
      <c r="GK534" s="127"/>
      <c r="GL534" s="126"/>
      <c r="GM534" s="91"/>
      <c r="GN534" s="91"/>
      <c r="GO534" s="91"/>
      <c r="GP534" s="91"/>
      <c r="GQ534" s="91"/>
      <c r="GR534" s="91"/>
      <c r="GS534" s="91"/>
      <c r="GT534" s="91"/>
      <c r="GU534" s="91"/>
      <c r="GV534" s="91"/>
      <c r="GW534" s="91"/>
      <c r="GX534" s="91"/>
      <c r="GY534" s="91"/>
      <c r="GZ534" s="91"/>
      <c r="HA534" s="91"/>
      <c r="HB534" s="91"/>
      <c r="HC534" s="91"/>
      <c r="HD534" s="91"/>
      <c r="HE534" s="91"/>
      <c r="HF534" s="91"/>
      <c r="HG534" s="91"/>
      <c r="HH534" s="91"/>
      <c r="HI534" s="91"/>
      <c r="HJ534" s="91"/>
      <c r="HK534" s="127"/>
      <c r="HL534" s="126"/>
      <c r="HM534" s="91"/>
      <c r="HN534" s="91"/>
      <c r="HO534" s="91"/>
      <c r="HP534" s="91"/>
      <c r="HQ534" s="91"/>
      <c r="HR534" s="91"/>
      <c r="HS534" s="91"/>
      <c r="HT534" s="91"/>
      <c r="HU534" s="91"/>
      <c r="HV534" s="91"/>
      <c r="HW534" s="91"/>
      <c r="HX534" s="91"/>
      <c r="HY534" s="91"/>
      <c r="HZ534" s="91"/>
      <c r="IA534" s="91"/>
      <c r="IB534" s="91"/>
      <c r="IC534" s="91"/>
      <c r="ID534" s="91"/>
      <c r="IE534" s="91"/>
      <c r="IF534" s="91"/>
      <c r="IG534" s="91"/>
      <c r="IH534" s="91"/>
      <c r="II534" s="91"/>
      <c r="IJ534" s="91"/>
      <c r="IK534" s="127"/>
    </row>
    <row r="535" spans="2:245" x14ac:dyDescent="0.2">
      <c r="B535" s="43"/>
      <c r="C535" s="73"/>
      <c r="D535" s="64"/>
      <c r="E535" s="64"/>
      <c r="F535" s="55"/>
      <c r="G535" s="102"/>
      <c r="H535" s="55"/>
      <c r="I535" s="55"/>
      <c r="J535" s="55"/>
      <c r="K535" s="55"/>
      <c r="L535" s="55"/>
      <c r="M535" s="55"/>
      <c r="N535" s="55"/>
      <c r="O535" s="55"/>
      <c r="P535" s="55"/>
      <c r="Q535" s="55"/>
      <c r="R535" s="55"/>
      <c r="S535" s="55"/>
      <c r="T535" s="55"/>
      <c r="U535" s="55"/>
      <c r="V535" s="55"/>
      <c r="W535" s="55"/>
      <c r="X535" s="55"/>
      <c r="Y535" s="55"/>
      <c r="Z535" s="55"/>
      <c r="AA535" s="55"/>
      <c r="AB535" s="55"/>
      <c r="AC535" s="55"/>
      <c r="AD535" s="55"/>
      <c r="AE535" s="55"/>
      <c r="AF535" s="55"/>
      <c r="AG535" s="55"/>
      <c r="AY535" s="162"/>
      <c r="AZ535" s="162"/>
      <c r="BA535" s="162"/>
      <c r="BB535" s="162"/>
      <c r="BC535" s="162"/>
      <c r="BD535" s="162"/>
      <c r="BE535" s="162"/>
      <c r="BF535" s="162"/>
      <c r="BG535" s="162"/>
      <c r="BH535" s="162"/>
      <c r="BI535" s="162"/>
      <c r="BJ535" s="162"/>
      <c r="BK535" s="162"/>
      <c r="BL535" s="162"/>
      <c r="BM535" s="162"/>
      <c r="BN535" s="162"/>
      <c r="BO535" s="162"/>
      <c r="BP535" s="162"/>
      <c r="BQ535" s="162"/>
      <c r="BR535" s="162"/>
      <c r="BS535" s="162"/>
      <c r="BT535" s="162"/>
      <c r="BU535" s="162"/>
      <c r="BV535" s="162"/>
      <c r="BW535" s="162"/>
      <c r="BX535" s="162"/>
      <c r="BY535" s="162"/>
      <c r="BZ535" s="162"/>
      <c r="CA535" s="162"/>
      <c r="CB535" s="162"/>
      <c r="CC535" s="162"/>
      <c r="CD535" s="162"/>
      <c r="CE535" s="162"/>
      <c r="CF535" s="162"/>
      <c r="CG535" s="162"/>
      <c r="CH535" s="162"/>
      <c r="CI535" s="162"/>
      <c r="CJ535" s="162"/>
      <c r="CK535" s="162"/>
      <c r="CX535" s="98"/>
      <c r="DL535" s="97"/>
      <c r="DX535" s="98"/>
      <c r="EL535" s="97"/>
      <c r="EX535" s="98"/>
      <c r="EY535" s="97"/>
      <c r="FL535" s="126"/>
      <c r="FM535" s="91"/>
      <c r="FN535" s="91"/>
      <c r="FO535" s="91"/>
      <c r="FP535" s="91"/>
      <c r="FQ535" s="91"/>
      <c r="FR535" s="91"/>
      <c r="FS535" s="91"/>
      <c r="FT535" s="91"/>
      <c r="FU535" s="91"/>
      <c r="FV535" s="91"/>
      <c r="FW535" s="91"/>
      <c r="FX535" s="91"/>
      <c r="FY535" s="91"/>
      <c r="FZ535" s="91"/>
      <c r="GA535" s="91"/>
      <c r="GB535" s="91"/>
      <c r="GC535" s="91"/>
      <c r="GD535" s="91"/>
      <c r="GE535" s="91"/>
      <c r="GF535" s="91"/>
      <c r="GG535" s="91"/>
      <c r="GH535" s="91"/>
      <c r="GI535" s="91"/>
      <c r="GJ535" s="91"/>
      <c r="GK535" s="127"/>
      <c r="GL535" s="126"/>
      <c r="GM535" s="91"/>
      <c r="GN535" s="91"/>
      <c r="GO535" s="91"/>
      <c r="GP535" s="91"/>
      <c r="GQ535" s="91"/>
      <c r="GR535" s="91"/>
      <c r="GS535" s="91"/>
      <c r="GT535" s="91"/>
      <c r="GU535" s="91"/>
      <c r="GV535" s="91"/>
      <c r="GW535" s="91"/>
      <c r="GX535" s="91"/>
      <c r="GY535" s="91"/>
      <c r="GZ535" s="91"/>
      <c r="HA535" s="91"/>
      <c r="HB535" s="91"/>
      <c r="HC535" s="91"/>
      <c r="HD535" s="91"/>
      <c r="HE535" s="91"/>
      <c r="HF535" s="91"/>
      <c r="HG535" s="91"/>
      <c r="HH535" s="91"/>
      <c r="HI535" s="91"/>
      <c r="HJ535" s="91"/>
      <c r="HK535" s="127"/>
      <c r="HL535" s="126"/>
      <c r="HM535" s="91"/>
      <c r="HN535" s="91"/>
      <c r="HO535" s="91"/>
      <c r="HP535" s="91"/>
      <c r="HQ535" s="91"/>
      <c r="HR535" s="91"/>
      <c r="HS535" s="91"/>
      <c r="HT535" s="91"/>
      <c r="HU535" s="91"/>
      <c r="HV535" s="91"/>
      <c r="HW535" s="91"/>
      <c r="HX535" s="91"/>
      <c r="HY535" s="91"/>
      <c r="HZ535" s="91"/>
      <c r="IA535" s="91"/>
      <c r="IB535" s="91"/>
      <c r="IC535" s="91"/>
      <c r="ID535" s="91"/>
      <c r="IE535" s="91"/>
      <c r="IF535" s="91"/>
      <c r="IG535" s="91"/>
      <c r="IH535" s="91"/>
      <c r="II535" s="91"/>
      <c r="IJ535" s="91"/>
      <c r="IK535" s="127"/>
    </row>
    <row r="536" spans="2:245" x14ac:dyDescent="0.2">
      <c r="B536" s="43"/>
      <c r="C536" s="73"/>
      <c r="D536" s="64"/>
      <c r="E536" s="64"/>
      <c r="F536" s="55"/>
      <c r="G536" s="102"/>
      <c r="H536" s="55"/>
      <c r="I536" s="55"/>
      <c r="J536" s="55"/>
      <c r="K536" s="55"/>
      <c r="L536" s="55"/>
      <c r="M536" s="55"/>
      <c r="N536" s="55"/>
      <c r="O536" s="55"/>
      <c r="P536" s="55"/>
      <c r="Q536" s="55"/>
      <c r="R536" s="55"/>
      <c r="S536" s="55"/>
      <c r="T536" s="55"/>
      <c r="U536" s="55"/>
      <c r="V536" s="55"/>
      <c r="W536" s="55"/>
      <c r="X536" s="55"/>
      <c r="Y536" s="55"/>
      <c r="Z536" s="55"/>
      <c r="AA536" s="55"/>
      <c r="AB536" s="55"/>
      <c r="AC536" s="55"/>
      <c r="AD536" s="55"/>
      <c r="AE536" s="55"/>
      <c r="AF536" s="55"/>
      <c r="AG536" s="55"/>
      <c r="AY536" s="162"/>
      <c r="AZ536" s="162"/>
      <c r="BA536" s="162"/>
      <c r="BB536" s="162"/>
      <c r="BC536" s="162"/>
      <c r="BD536" s="162"/>
      <c r="BE536" s="162"/>
      <c r="BF536" s="162"/>
      <c r="BG536" s="162"/>
      <c r="BH536" s="162"/>
      <c r="BI536" s="162"/>
      <c r="BJ536" s="162"/>
      <c r="BK536" s="162"/>
      <c r="BL536" s="162"/>
      <c r="BM536" s="162"/>
      <c r="BN536" s="162"/>
      <c r="BO536" s="162"/>
      <c r="BP536" s="162"/>
      <c r="BQ536" s="162"/>
      <c r="BR536" s="162"/>
      <c r="BS536" s="162"/>
      <c r="BT536" s="162"/>
      <c r="BU536" s="162"/>
      <c r="BV536" s="162"/>
      <c r="BW536" s="162"/>
      <c r="BX536" s="162"/>
      <c r="BY536" s="162"/>
      <c r="BZ536" s="162"/>
      <c r="CA536" s="162"/>
      <c r="CB536" s="162"/>
      <c r="CC536" s="162"/>
      <c r="CD536" s="162"/>
      <c r="CE536" s="162"/>
      <c r="CF536" s="162"/>
      <c r="CG536" s="162"/>
      <c r="CH536" s="162"/>
      <c r="CI536" s="162"/>
      <c r="CJ536" s="162"/>
      <c r="CK536" s="162"/>
      <c r="CX536" s="98"/>
      <c r="DL536" s="97"/>
      <c r="DX536" s="98"/>
      <c r="EL536" s="97"/>
      <c r="EX536" s="98"/>
      <c r="EY536" s="97"/>
      <c r="FL536" s="126"/>
      <c r="FM536" s="91"/>
      <c r="FN536" s="91"/>
      <c r="FO536" s="91"/>
      <c r="FP536" s="91"/>
      <c r="FQ536" s="91"/>
      <c r="FR536" s="91"/>
      <c r="FS536" s="91"/>
      <c r="FT536" s="91"/>
      <c r="FU536" s="91"/>
      <c r="FV536" s="91"/>
      <c r="FW536" s="91"/>
      <c r="FX536" s="91"/>
      <c r="FY536" s="91"/>
      <c r="FZ536" s="91"/>
      <c r="GA536" s="91"/>
      <c r="GB536" s="91"/>
      <c r="GC536" s="91"/>
      <c r="GD536" s="91"/>
      <c r="GE536" s="91"/>
      <c r="GF536" s="91"/>
      <c r="GG536" s="91"/>
      <c r="GH536" s="91"/>
      <c r="GI536" s="91"/>
      <c r="GJ536" s="91"/>
      <c r="GK536" s="127"/>
      <c r="GL536" s="126"/>
      <c r="GM536" s="91"/>
      <c r="GN536" s="91"/>
      <c r="GO536" s="91"/>
      <c r="GP536" s="91"/>
      <c r="GQ536" s="91"/>
      <c r="GR536" s="91"/>
      <c r="GS536" s="91"/>
      <c r="GT536" s="91"/>
      <c r="GU536" s="91"/>
      <c r="GV536" s="91"/>
      <c r="GW536" s="91"/>
      <c r="GX536" s="91"/>
      <c r="GY536" s="91"/>
      <c r="GZ536" s="91"/>
      <c r="HA536" s="91"/>
      <c r="HB536" s="91"/>
      <c r="HC536" s="91"/>
      <c r="HD536" s="91"/>
      <c r="HE536" s="91"/>
      <c r="HF536" s="91"/>
      <c r="HG536" s="91"/>
      <c r="HH536" s="91"/>
      <c r="HI536" s="91"/>
      <c r="HJ536" s="91"/>
      <c r="HK536" s="127"/>
      <c r="HL536" s="126"/>
      <c r="HM536" s="91"/>
      <c r="HN536" s="91"/>
      <c r="HO536" s="91"/>
      <c r="HP536" s="91"/>
      <c r="HQ536" s="91"/>
      <c r="HR536" s="91"/>
      <c r="HS536" s="91"/>
      <c r="HT536" s="91"/>
      <c r="HU536" s="91"/>
      <c r="HV536" s="91"/>
      <c r="HW536" s="91"/>
      <c r="HX536" s="91"/>
      <c r="HY536" s="91"/>
      <c r="HZ536" s="91"/>
      <c r="IA536" s="91"/>
      <c r="IB536" s="91"/>
      <c r="IC536" s="91"/>
      <c r="ID536" s="91"/>
      <c r="IE536" s="91"/>
      <c r="IF536" s="91"/>
      <c r="IG536" s="91"/>
      <c r="IH536" s="91"/>
      <c r="II536" s="91"/>
      <c r="IJ536" s="91"/>
      <c r="IK536" s="127"/>
    </row>
    <row r="537" spans="2:245" x14ac:dyDescent="0.2">
      <c r="B537" s="43"/>
      <c r="C537" s="73"/>
      <c r="D537" s="64"/>
      <c r="E537" s="64"/>
      <c r="F537" s="55"/>
      <c r="G537" s="102"/>
      <c r="H537" s="55"/>
      <c r="I537" s="55"/>
      <c r="J537" s="55"/>
      <c r="K537" s="55"/>
      <c r="L537" s="55"/>
      <c r="M537" s="55"/>
      <c r="N537" s="55"/>
      <c r="O537" s="55"/>
      <c r="P537" s="55"/>
      <c r="Q537" s="55"/>
      <c r="R537" s="55"/>
      <c r="S537" s="55"/>
      <c r="T537" s="55"/>
      <c r="U537" s="55"/>
      <c r="V537" s="55"/>
      <c r="W537" s="55"/>
      <c r="X537" s="55"/>
      <c r="Y537" s="55"/>
      <c r="Z537" s="55"/>
      <c r="AA537" s="55"/>
      <c r="AB537" s="55"/>
      <c r="AC537" s="55"/>
      <c r="AD537" s="55"/>
      <c r="AE537" s="55"/>
      <c r="AF537" s="55"/>
      <c r="AG537" s="55"/>
      <c r="AY537" s="162"/>
      <c r="AZ537" s="162"/>
      <c r="BA537" s="162"/>
      <c r="BB537" s="162"/>
      <c r="BC537" s="162"/>
      <c r="BD537" s="162"/>
      <c r="BE537" s="162"/>
      <c r="BF537" s="162"/>
      <c r="BG537" s="162"/>
      <c r="BH537" s="162"/>
      <c r="BI537" s="162"/>
      <c r="BJ537" s="162"/>
      <c r="BK537" s="162"/>
      <c r="BL537" s="162"/>
      <c r="BM537" s="162"/>
      <c r="BN537" s="162"/>
      <c r="BO537" s="162"/>
      <c r="BP537" s="162"/>
      <c r="BQ537" s="162"/>
      <c r="BR537" s="162"/>
      <c r="BS537" s="162"/>
      <c r="BT537" s="162"/>
      <c r="BU537" s="162"/>
      <c r="BV537" s="162"/>
      <c r="BW537" s="162"/>
      <c r="BX537" s="162"/>
      <c r="BY537" s="162"/>
      <c r="BZ537" s="162"/>
      <c r="CA537" s="162"/>
      <c r="CB537" s="162"/>
      <c r="CC537" s="162"/>
      <c r="CD537" s="162"/>
      <c r="CE537" s="162"/>
      <c r="CF537" s="162"/>
      <c r="CG537" s="162"/>
      <c r="CH537" s="162"/>
      <c r="CI537" s="162"/>
      <c r="CJ537" s="162"/>
      <c r="CK537" s="162"/>
      <c r="CX537" s="98"/>
      <c r="DL537" s="97"/>
      <c r="DX537" s="98"/>
      <c r="EL537" s="97"/>
      <c r="EX537" s="98"/>
      <c r="EY537" s="97"/>
      <c r="FL537" s="126"/>
      <c r="FM537" s="91"/>
      <c r="FN537" s="91"/>
      <c r="FO537" s="91"/>
      <c r="FP537" s="91"/>
      <c r="FQ537" s="91"/>
      <c r="FR537" s="91"/>
      <c r="FS537" s="91"/>
      <c r="FT537" s="91"/>
      <c r="FU537" s="91"/>
      <c r="FV537" s="91"/>
      <c r="FW537" s="91"/>
      <c r="FX537" s="91"/>
      <c r="FY537" s="91"/>
      <c r="FZ537" s="91"/>
      <c r="GA537" s="91"/>
      <c r="GB537" s="91"/>
      <c r="GC537" s="91"/>
      <c r="GD537" s="91"/>
      <c r="GE537" s="91"/>
      <c r="GF537" s="91"/>
      <c r="GG537" s="91"/>
      <c r="GH537" s="91"/>
      <c r="GI537" s="91"/>
      <c r="GJ537" s="91"/>
      <c r="GK537" s="127"/>
      <c r="GL537" s="126"/>
      <c r="GM537" s="91"/>
      <c r="GN537" s="91"/>
      <c r="GO537" s="91"/>
      <c r="GP537" s="91"/>
      <c r="GQ537" s="91"/>
      <c r="GR537" s="91"/>
      <c r="GS537" s="91"/>
      <c r="GT537" s="91"/>
      <c r="GU537" s="91"/>
      <c r="GV537" s="91"/>
      <c r="GW537" s="91"/>
      <c r="GX537" s="91"/>
      <c r="GY537" s="91"/>
      <c r="GZ537" s="91"/>
      <c r="HA537" s="91"/>
      <c r="HB537" s="91"/>
      <c r="HC537" s="91"/>
      <c r="HD537" s="91"/>
      <c r="HE537" s="91"/>
      <c r="HF537" s="91"/>
      <c r="HG537" s="91"/>
      <c r="HH537" s="91"/>
      <c r="HI537" s="91"/>
      <c r="HJ537" s="91"/>
      <c r="HK537" s="127"/>
      <c r="HL537" s="126"/>
      <c r="HM537" s="91"/>
      <c r="HN537" s="91"/>
      <c r="HO537" s="91"/>
      <c r="HP537" s="91"/>
      <c r="HQ537" s="91"/>
      <c r="HR537" s="91"/>
      <c r="HS537" s="91"/>
      <c r="HT537" s="91"/>
      <c r="HU537" s="91"/>
      <c r="HV537" s="91"/>
      <c r="HW537" s="91"/>
      <c r="HX537" s="91"/>
      <c r="HY537" s="91"/>
      <c r="HZ537" s="91"/>
      <c r="IA537" s="91"/>
      <c r="IB537" s="91"/>
      <c r="IC537" s="91"/>
      <c r="ID537" s="91"/>
      <c r="IE537" s="91"/>
      <c r="IF537" s="91"/>
      <c r="IG537" s="91"/>
      <c r="IH537" s="91"/>
      <c r="II537" s="91"/>
      <c r="IJ537" s="91"/>
      <c r="IK537" s="127"/>
    </row>
    <row r="538" spans="2:245" x14ac:dyDescent="0.2">
      <c r="B538" s="43"/>
      <c r="C538" s="73"/>
      <c r="D538" s="64"/>
      <c r="E538" s="64"/>
      <c r="F538" s="55"/>
      <c r="G538" s="102"/>
      <c r="H538" s="55"/>
      <c r="I538" s="55"/>
      <c r="J538" s="55"/>
      <c r="K538" s="55"/>
      <c r="L538" s="55"/>
      <c r="M538" s="55"/>
      <c r="N538" s="55"/>
      <c r="O538" s="55"/>
      <c r="P538" s="55"/>
      <c r="Q538" s="55"/>
      <c r="R538" s="55"/>
      <c r="S538" s="55"/>
      <c r="T538" s="55"/>
      <c r="U538" s="55"/>
      <c r="V538" s="55"/>
      <c r="W538" s="55"/>
      <c r="X538" s="55"/>
      <c r="Y538" s="55"/>
      <c r="Z538" s="55"/>
      <c r="AA538" s="55"/>
      <c r="AB538" s="55"/>
      <c r="AC538" s="55"/>
      <c r="AD538" s="55"/>
      <c r="AE538" s="55"/>
      <c r="AF538" s="55"/>
      <c r="AG538" s="55"/>
      <c r="AY538" s="162"/>
      <c r="AZ538" s="162"/>
      <c r="BA538" s="162"/>
      <c r="BB538" s="162"/>
      <c r="BC538" s="162"/>
      <c r="BD538" s="162"/>
      <c r="BE538" s="162"/>
      <c r="BF538" s="162"/>
      <c r="BG538" s="162"/>
      <c r="BH538" s="162"/>
      <c r="BI538" s="162"/>
      <c r="BJ538" s="162"/>
      <c r="BK538" s="162"/>
      <c r="BL538" s="162"/>
      <c r="BM538" s="162"/>
      <c r="BN538" s="162"/>
      <c r="BO538" s="162"/>
      <c r="BP538" s="162"/>
      <c r="BQ538" s="162"/>
      <c r="BR538" s="162"/>
      <c r="BS538" s="162"/>
      <c r="BT538" s="162"/>
      <c r="BU538" s="162"/>
      <c r="BV538" s="162"/>
      <c r="BW538" s="162"/>
      <c r="BX538" s="162"/>
      <c r="BY538" s="162"/>
      <c r="BZ538" s="162"/>
      <c r="CA538" s="162"/>
      <c r="CB538" s="162"/>
      <c r="CC538" s="162"/>
      <c r="CD538" s="162"/>
      <c r="CE538" s="162"/>
      <c r="CF538" s="162"/>
      <c r="CG538" s="162"/>
      <c r="CH538" s="162"/>
      <c r="CI538" s="162"/>
      <c r="CJ538" s="162"/>
      <c r="CK538" s="162"/>
      <c r="CX538" s="98"/>
      <c r="DL538" s="97"/>
      <c r="DX538" s="98"/>
      <c r="EL538" s="97"/>
      <c r="EX538" s="98"/>
      <c r="EY538" s="97"/>
      <c r="FL538" s="126"/>
      <c r="FM538" s="91"/>
      <c r="FN538" s="91"/>
      <c r="FO538" s="91"/>
      <c r="FP538" s="91"/>
      <c r="FQ538" s="91"/>
      <c r="FR538" s="91"/>
      <c r="FS538" s="91"/>
      <c r="FT538" s="91"/>
      <c r="FU538" s="91"/>
      <c r="FV538" s="91"/>
      <c r="FW538" s="91"/>
      <c r="FX538" s="91"/>
      <c r="FY538" s="91"/>
      <c r="FZ538" s="91"/>
      <c r="GA538" s="91"/>
      <c r="GB538" s="91"/>
      <c r="GC538" s="91"/>
      <c r="GD538" s="91"/>
      <c r="GE538" s="91"/>
      <c r="GF538" s="91"/>
      <c r="GG538" s="91"/>
      <c r="GH538" s="91"/>
      <c r="GI538" s="91"/>
      <c r="GJ538" s="91"/>
      <c r="GK538" s="127"/>
      <c r="GL538" s="126"/>
      <c r="GM538" s="91"/>
      <c r="GN538" s="91"/>
      <c r="GO538" s="91"/>
      <c r="GP538" s="91"/>
      <c r="GQ538" s="91"/>
      <c r="GR538" s="91"/>
      <c r="GS538" s="91"/>
      <c r="GT538" s="91"/>
      <c r="GU538" s="91"/>
      <c r="GV538" s="91"/>
      <c r="GW538" s="91"/>
      <c r="GX538" s="91"/>
      <c r="GY538" s="91"/>
      <c r="GZ538" s="91"/>
      <c r="HA538" s="91"/>
      <c r="HB538" s="91"/>
      <c r="HC538" s="91"/>
      <c r="HD538" s="91"/>
      <c r="HE538" s="91"/>
      <c r="HF538" s="91"/>
      <c r="HG538" s="91"/>
      <c r="HH538" s="91"/>
      <c r="HI538" s="91"/>
      <c r="HJ538" s="91"/>
      <c r="HK538" s="127"/>
      <c r="HL538" s="126"/>
      <c r="HM538" s="91"/>
      <c r="HN538" s="91"/>
      <c r="HO538" s="91"/>
      <c r="HP538" s="91"/>
      <c r="HQ538" s="91"/>
      <c r="HR538" s="91"/>
      <c r="HS538" s="91"/>
      <c r="HT538" s="91"/>
      <c r="HU538" s="91"/>
      <c r="HV538" s="91"/>
      <c r="HW538" s="91"/>
      <c r="HX538" s="91"/>
      <c r="HY538" s="91"/>
      <c r="HZ538" s="91"/>
      <c r="IA538" s="91"/>
      <c r="IB538" s="91"/>
      <c r="IC538" s="91"/>
      <c r="ID538" s="91"/>
      <c r="IE538" s="91"/>
      <c r="IF538" s="91"/>
      <c r="IG538" s="91"/>
      <c r="IH538" s="91"/>
      <c r="II538" s="91"/>
      <c r="IJ538" s="91"/>
      <c r="IK538" s="127"/>
    </row>
    <row r="539" spans="2:245" x14ac:dyDescent="0.2">
      <c r="B539" s="43"/>
      <c r="C539" s="73"/>
      <c r="D539" s="64"/>
      <c r="E539" s="64"/>
      <c r="F539" s="55"/>
      <c r="G539" s="102"/>
      <c r="H539" s="55"/>
      <c r="I539" s="55"/>
      <c r="J539" s="55"/>
      <c r="K539" s="55"/>
      <c r="L539" s="55"/>
      <c r="M539" s="55"/>
      <c r="N539" s="55"/>
      <c r="O539" s="55"/>
      <c r="P539" s="55"/>
      <c r="Q539" s="55"/>
      <c r="R539" s="55"/>
      <c r="S539" s="55"/>
      <c r="T539" s="55"/>
      <c r="U539" s="55"/>
      <c r="V539" s="55"/>
      <c r="W539" s="55"/>
      <c r="X539" s="55"/>
      <c r="Y539" s="55"/>
      <c r="Z539" s="55"/>
      <c r="AA539" s="55"/>
      <c r="AB539" s="55"/>
      <c r="AC539" s="55"/>
      <c r="AD539" s="55"/>
      <c r="AE539" s="55"/>
      <c r="AF539" s="55"/>
      <c r="AG539" s="55"/>
      <c r="AY539" s="162"/>
      <c r="AZ539" s="162"/>
      <c r="BA539" s="162"/>
      <c r="BB539" s="162"/>
      <c r="BC539" s="162"/>
      <c r="BD539" s="162"/>
      <c r="BE539" s="162"/>
      <c r="BF539" s="162"/>
      <c r="BG539" s="162"/>
      <c r="BH539" s="162"/>
      <c r="BI539" s="162"/>
      <c r="BJ539" s="162"/>
      <c r="BK539" s="162"/>
      <c r="BL539" s="162"/>
      <c r="BM539" s="162"/>
      <c r="BN539" s="162"/>
      <c r="BO539" s="162"/>
      <c r="BP539" s="162"/>
      <c r="BQ539" s="162"/>
      <c r="BR539" s="162"/>
      <c r="BS539" s="162"/>
      <c r="BT539" s="162"/>
      <c r="BU539" s="162"/>
      <c r="BV539" s="162"/>
      <c r="BW539" s="162"/>
      <c r="BX539" s="162"/>
      <c r="BY539" s="162"/>
      <c r="BZ539" s="162"/>
      <c r="CA539" s="162"/>
      <c r="CB539" s="162"/>
      <c r="CC539" s="162"/>
      <c r="CD539" s="162"/>
      <c r="CE539" s="162"/>
      <c r="CF539" s="162"/>
      <c r="CG539" s="162"/>
      <c r="CH539" s="162"/>
      <c r="CI539" s="162"/>
      <c r="CJ539" s="162"/>
      <c r="CK539" s="162"/>
      <c r="CX539" s="98"/>
      <c r="DL539" s="97"/>
      <c r="DX539" s="98"/>
      <c r="EL539" s="97"/>
      <c r="EX539" s="98"/>
      <c r="EY539" s="97"/>
      <c r="FL539" s="126"/>
      <c r="FM539" s="91"/>
      <c r="FN539" s="91"/>
      <c r="FO539" s="91"/>
      <c r="FP539" s="91"/>
      <c r="FQ539" s="91"/>
      <c r="FR539" s="91"/>
      <c r="FS539" s="91"/>
      <c r="FT539" s="91"/>
      <c r="FU539" s="91"/>
      <c r="FV539" s="91"/>
      <c r="FW539" s="91"/>
      <c r="FX539" s="91"/>
      <c r="FY539" s="91"/>
      <c r="FZ539" s="91"/>
      <c r="GA539" s="91"/>
      <c r="GB539" s="91"/>
      <c r="GC539" s="91"/>
      <c r="GD539" s="91"/>
      <c r="GE539" s="91"/>
      <c r="GF539" s="91"/>
      <c r="GG539" s="91"/>
      <c r="GH539" s="91"/>
      <c r="GI539" s="91"/>
      <c r="GJ539" s="91"/>
      <c r="GK539" s="127"/>
      <c r="GL539" s="126"/>
      <c r="GM539" s="91"/>
      <c r="GN539" s="91"/>
      <c r="GO539" s="91"/>
      <c r="GP539" s="91"/>
      <c r="GQ539" s="91"/>
      <c r="GR539" s="91"/>
      <c r="GS539" s="91"/>
      <c r="GT539" s="91"/>
      <c r="GU539" s="91"/>
      <c r="GV539" s="91"/>
      <c r="GW539" s="91"/>
      <c r="GX539" s="91"/>
      <c r="GY539" s="91"/>
      <c r="GZ539" s="91"/>
      <c r="HA539" s="91"/>
      <c r="HB539" s="91"/>
      <c r="HC539" s="91"/>
      <c r="HD539" s="91"/>
      <c r="HE539" s="91"/>
      <c r="HF539" s="91"/>
      <c r="HG539" s="91"/>
      <c r="HH539" s="91"/>
      <c r="HI539" s="91"/>
      <c r="HJ539" s="91"/>
      <c r="HK539" s="127"/>
      <c r="HL539" s="126"/>
      <c r="HM539" s="91"/>
      <c r="HN539" s="91"/>
      <c r="HO539" s="91"/>
      <c r="HP539" s="91"/>
      <c r="HQ539" s="91"/>
      <c r="HR539" s="91"/>
      <c r="HS539" s="91"/>
      <c r="HT539" s="91"/>
      <c r="HU539" s="91"/>
      <c r="HV539" s="91"/>
      <c r="HW539" s="91"/>
      <c r="HX539" s="91"/>
      <c r="HY539" s="91"/>
      <c r="HZ539" s="91"/>
      <c r="IA539" s="91"/>
      <c r="IB539" s="91"/>
      <c r="IC539" s="91"/>
      <c r="ID539" s="91"/>
      <c r="IE539" s="91"/>
      <c r="IF539" s="91"/>
      <c r="IG539" s="91"/>
      <c r="IH539" s="91"/>
      <c r="II539" s="91"/>
      <c r="IJ539" s="91"/>
      <c r="IK539" s="127"/>
    </row>
    <row r="540" spans="2:245" x14ac:dyDescent="0.2">
      <c r="B540" s="43"/>
      <c r="C540" s="73"/>
      <c r="D540" s="64"/>
      <c r="E540" s="64"/>
      <c r="F540" s="55"/>
      <c r="G540" s="102"/>
      <c r="H540" s="55"/>
      <c r="I540" s="55"/>
      <c r="J540" s="55"/>
      <c r="K540" s="55"/>
      <c r="L540" s="55"/>
      <c r="M540" s="55"/>
      <c r="N540" s="55"/>
      <c r="O540" s="55"/>
      <c r="P540" s="55"/>
      <c r="Q540" s="55"/>
      <c r="R540" s="55"/>
      <c r="S540" s="55"/>
      <c r="T540" s="55"/>
      <c r="U540" s="55"/>
      <c r="V540" s="55"/>
      <c r="W540" s="55"/>
      <c r="X540" s="55"/>
      <c r="Y540" s="55"/>
      <c r="Z540" s="55"/>
      <c r="AA540" s="55"/>
      <c r="AB540" s="55"/>
      <c r="AC540" s="55"/>
      <c r="AD540" s="55"/>
      <c r="AE540" s="55"/>
      <c r="AF540" s="55"/>
      <c r="AG540" s="55"/>
      <c r="AY540" s="162"/>
      <c r="AZ540" s="162"/>
      <c r="BA540" s="162"/>
      <c r="BB540" s="162"/>
      <c r="BC540" s="162"/>
      <c r="BD540" s="162"/>
      <c r="BE540" s="162"/>
      <c r="BF540" s="162"/>
      <c r="BG540" s="162"/>
      <c r="BH540" s="162"/>
      <c r="BI540" s="162"/>
      <c r="BJ540" s="162"/>
      <c r="BK540" s="162"/>
      <c r="BL540" s="162"/>
      <c r="BM540" s="162"/>
      <c r="BN540" s="162"/>
      <c r="BO540" s="162"/>
      <c r="BP540" s="162"/>
      <c r="BQ540" s="162"/>
      <c r="BR540" s="162"/>
      <c r="BS540" s="162"/>
      <c r="BT540" s="162"/>
      <c r="BU540" s="162"/>
      <c r="BV540" s="162"/>
      <c r="BW540" s="162"/>
      <c r="BX540" s="162"/>
      <c r="BY540" s="162"/>
      <c r="BZ540" s="162"/>
      <c r="CA540" s="162"/>
      <c r="CB540" s="162"/>
      <c r="CC540" s="162"/>
      <c r="CD540" s="162"/>
      <c r="CE540" s="162"/>
      <c r="CF540" s="162"/>
      <c r="CG540" s="162"/>
      <c r="CH540" s="162"/>
      <c r="CI540" s="162"/>
      <c r="CJ540" s="162"/>
      <c r="CK540" s="162"/>
      <c r="CX540" s="98"/>
      <c r="DL540" s="97"/>
      <c r="DX540" s="98"/>
      <c r="EL540" s="97"/>
      <c r="EX540" s="98"/>
      <c r="EY540" s="97"/>
      <c r="FL540" s="126"/>
      <c r="FM540" s="91"/>
      <c r="FN540" s="91"/>
      <c r="FO540" s="91"/>
      <c r="FP540" s="91"/>
      <c r="FQ540" s="91"/>
      <c r="FR540" s="91"/>
      <c r="FS540" s="91"/>
      <c r="FT540" s="91"/>
      <c r="FU540" s="91"/>
      <c r="FV540" s="91"/>
      <c r="FW540" s="91"/>
      <c r="FX540" s="91"/>
      <c r="FY540" s="91"/>
      <c r="FZ540" s="91"/>
      <c r="GA540" s="91"/>
      <c r="GB540" s="91"/>
      <c r="GC540" s="91"/>
      <c r="GD540" s="91"/>
      <c r="GE540" s="91"/>
      <c r="GF540" s="91"/>
      <c r="GG540" s="91"/>
      <c r="GH540" s="91"/>
      <c r="GI540" s="91"/>
      <c r="GJ540" s="91"/>
      <c r="GK540" s="127"/>
      <c r="GL540" s="126"/>
      <c r="GM540" s="91"/>
      <c r="GN540" s="91"/>
      <c r="GO540" s="91"/>
      <c r="GP540" s="91"/>
      <c r="GQ540" s="91"/>
      <c r="GR540" s="91"/>
      <c r="GS540" s="91"/>
      <c r="GT540" s="91"/>
      <c r="GU540" s="91"/>
      <c r="GV540" s="91"/>
      <c r="GW540" s="91"/>
      <c r="GX540" s="91"/>
      <c r="GY540" s="91"/>
      <c r="GZ540" s="91"/>
      <c r="HA540" s="91"/>
      <c r="HB540" s="91"/>
      <c r="HC540" s="91"/>
      <c r="HD540" s="91"/>
      <c r="HE540" s="91"/>
      <c r="HF540" s="91"/>
      <c r="HG540" s="91"/>
      <c r="HH540" s="91"/>
      <c r="HI540" s="91"/>
      <c r="HJ540" s="91"/>
      <c r="HK540" s="127"/>
      <c r="HL540" s="126"/>
      <c r="HM540" s="91"/>
      <c r="HN540" s="91"/>
      <c r="HO540" s="91"/>
      <c r="HP540" s="91"/>
      <c r="HQ540" s="91"/>
      <c r="HR540" s="91"/>
      <c r="HS540" s="91"/>
      <c r="HT540" s="91"/>
      <c r="HU540" s="91"/>
      <c r="HV540" s="91"/>
      <c r="HW540" s="91"/>
      <c r="HX540" s="91"/>
      <c r="HY540" s="91"/>
      <c r="HZ540" s="91"/>
      <c r="IA540" s="91"/>
      <c r="IB540" s="91"/>
      <c r="IC540" s="91"/>
      <c r="ID540" s="91"/>
      <c r="IE540" s="91"/>
      <c r="IF540" s="91"/>
      <c r="IG540" s="91"/>
      <c r="IH540" s="91"/>
      <c r="II540" s="91"/>
      <c r="IJ540" s="91"/>
      <c r="IK540" s="127"/>
    </row>
    <row r="541" spans="2:245" x14ac:dyDescent="0.2">
      <c r="B541" s="43"/>
      <c r="C541" s="73"/>
      <c r="D541" s="64"/>
      <c r="E541" s="64"/>
      <c r="F541" s="55"/>
      <c r="G541" s="102"/>
      <c r="H541" s="55"/>
      <c r="I541" s="55"/>
      <c r="J541" s="55"/>
      <c r="K541" s="55"/>
      <c r="L541" s="55"/>
      <c r="M541" s="55"/>
      <c r="N541" s="55"/>
      <c r="O541" s="55"/>
      <c r="P541" s="55"/>
      <c r="Q541" s="55"/>
      <c r="R541" s="55"/>
      <c r="S541" s="55"/>
      <c r="T541" s="55"/>
      <c r="U541" s="55"/>
      <c r="V541" s="55"/>
      <c r="W541" s="55"/>
      <c r="X541" s="55"/>
      <c r="Y541" s="55"/>
      <c r="Z541" s="55"/>
      <c r="AA541" s="55"/>
      <c r="AB541" s="55"/>
      <c r="AC541" s="55"/>
      <c r="AD541" s="55"/>
      <c r="AE541" s="55"/>
      <c r="AF541" s="55"/>
      <c r="AG541" s="55"/>
      <c r="AY541" s="162"/>
      <c r="AZ541" s="162"/>
      <c r="BA541" s="162"/>
      <c r="BB541" s="162"/>
      <c r="BC541" s="162"/>
      <c r="BD541" s="162"/>
      <c r="BE541" s="162"/>
      <c r="BF541" s="162"/>
      <c r="BG541" s="162"/>
      <c r="BH541" s="162"/>
      <c r="BI541" s="162"/>
      <c r="BJ541" s="162"/>
      <c r="BK541" s="162"/>
      <c r="BL541" s="162"/>
      <c r="BM541" s="162"/>
      <c r="BN541" s="162"/>
      <c r="BO541" s="162"/>
      <c r="BP541" s="162"/>
      <c r="BQ541" s="162"/>
      <c r="BR541" s="162"/>
      <c r="BS541" s="162"/>
      <c r="BT541" s="162"/>
      <c r="BU541" s="162"/>
      <c r="BV541" s="162"/>
      <c r="BW541" s="162"/>
      <c r="BX541" s="162"/>
      <c r="BY541" s="162"/>
      <c r="BZ541" s="162"/>
      <c r="CA541" s="162"/>
      <c r="CB541" s="162"/>
      <c r="CC541" s="162"/>
      <c r="CD541" s="162"/>
      <c r="CE541" s="162"/>
      <c r="CF541" s="162"/>
      <c r="CG541" s="162"/>
      <c r="CH541" s="162"/>
      <c r="CI541" s="162"/>
      <c r="CJ541" s="162"/>
      <c r="CK541" s="162"/>
      <c r="CX541" s="98"/>
      <c r="DL541" s="97"/>
      <c r="DX541" s="98"/>
      <c r="EL541" s="97"/>
      <c r="EX541" s="98"/>
      <c r="EY541" s="97"/>
      <c r="FL541" s="126"/>
      <c r="FM541" s="91"/>
      <c r="FN541" s="91"/>
      <c r="FO541" s="91"/>
      <c r="FP541" s="91"/>
      <c r="FQ541" s="91"/>
      <c r="FR541" s="91"/>
      <c r="FS541" s="91"/>
      <c r="FT541" s="91"/>
      <c r="FU541" s="91"/>
      <c r="FV541" s="91"/>
      <c r="FW541" s="91"/>
      <c r="FX541" s="91"/>
      <c r="FY541" s="91"/>
      <c r="FZ541" s="91"/>
      <c r="GA541" s="91"/>
      <c r="GB541" s="91"/>
      <c r="GC541" s="91"/>
      <c r="GD541" s="91"/>
      <c r="GE541" s="91"/>
      <c r="GF541" s="91"/>
      <c r="GG541" s="91"/>
      <c r="GH541" s="91"/>
      <c r="GI541" s="91"/>
      <c r="GJ541" s="91"/>
      <c r="GK541" s="127"/>
      <c r="GL541" s="126"/>
      <c r="GM541" s="91"/>
      <c r="GN541" s="91"/>
      <c r="GO541" s="91"/>
      <c r="GP541" s="91"/>
      <c r="GQ541" s="91"/>
      <c r="GR541" s="91"/>
      <c r="GS541" s="91"/>
      <c r="GT541" s="91"/>
      <c r="GU541" s="91"/>
      <c r="GV541" s="91"/>
      <c r="GW541" s="91"/>
      <c r="GX541" s="91"/>
      <c r="GY541" s="91"/>
      <c r="GZ541" s="91"/>
      <c r="HA541" s="91"/>
      <c r="HB541" s="91"/>
      <c r="HC541" s="91"/>
      <c r="HD541" s="91"/>
      <c r="HE541" s="91"/>
      <c r="HF541" s="91"/>
      <c r="HG541" s="91"/>
      <c r="HH541" s="91"/>
      <c r="HI541" s="91"/>
      <c r="HJ541" s="91"/>
      <c r="HK541" s="127"/>
      <c r="HL541" s="126"/>
      <c r="HM541" s="91"/>
      <c r="HN541" s="91"/>
      <c r="HO541" s="91"/>
      <c r="HP541" s="91"/>
      <c r="HQ541" s="91"/>
      <c r="HR541" s="91"/>
      <c r="HS541" s="91"/>
      <c r="HT541" s="91"/>
      <c r="HU541" s="91"/>
      <c r="HV541" s="91"/>
      <c r="HW541" s="91"/>
      <c r="HX541" s="91"/>
      <c r="HY541" s="91"/>
      <c r="HZ541" s="91"/>
      <c r="IA541" s="91"/>
      <c r="IB541" s="91"/>
      <c r="IC541" s="91"/>
      <c r="ID541" s="91"/>
      <c r="IE541" s="91"/>
      <c r="IF541" s="91"/>
      <c r="IG541" s="91"/>
      <c r="IH541" s="91"/>
      <c r="II541" s="91"/>
      <c r="IJ541" s="91"/>
      <c r="IK541" s="127"/>
    </row>
    <row r="542" spans="2:245" x14ac:dyDescent="0.2">
      <c r="B542" s="43"/>
      <c r="C542" s="73"/>
      <c r="D542" s="64"/>
      <c r="E542" s="64"/>
      <c r="F542" s="55"/>
      <c r="G542" s="102"/>
      <c r="H542" s="55"/>
      <c r="I542" s="55"/>
      <c r="J542" s="55"/>
      <c r="K542" s="55"/>
      <c r="L542" s="55"/>
      <c r="M542" s="55"/>
      <c r="N542" s="55"/>
      <c r="O542" s="55"/>
      <c r="P542" s="55"/>
      <c r="Q542" s="55"/>
      <c r="R542" s="55"/>
      <c r="S542" s="55"/>
      <c r="T542" s="55"/>
      <c r="U542" s="55"/>
      <c r="V542" s="55"/>
      <c r="W542" s="55"/>
      <c r="X542" s="55"/>
      <c r="Y542" s="55"/>
      <c r="Z542" s="55"/>
      <c r="AA542" s="55"/>
      <c r="AB542" s="55"/>
      <c r="AC542" s="55"/>
      <c r="AD542" s="55"/>
      <c r="AE542" s="55"/>
      <c r="AF542" s="55"/>
      <c r="AG542" s="55"/>
      <c r="AY542" s="162"/>
      <c r="AZ542" s="162"/>
      <c r="BA542" s="162"/>
      <c r="BB542" s="162"/>
      <c r="BC542" s="162"/>
      <c r="BD542" s="162"/>
      <c r="BE542" s="162"/>
      <c r="BF542" s="162"/>
      <c r="BG542" s="162"/>
      <c r="BH542" s="162"/>
      <c r="BI542" s="162"/>
      <c r="BJ542" s="162"/>
      <c r="BK542" s="162"/>
      <c r="BL542" s="162"/>
      <c r="BM542" s="162"/>
      <c r="BN542" s="162"/>
      <c r="BO542" s="162"/>
      <c r="BP542" s="162"/>
      <c r="BQ542" s="162"/>
      <c r="BR542" s="162"/>
      <c r="BS542" s="162"/>
      <c r="BT542" s="162"/>
      <c r="BU542" s="162"/>
      <c r="BV542" s="162"/>
      <c r="BW542" s="162"/>
      <c r="BX542" s="162"/>
      <c r="BY542" s="162"/>
      <c r="BZ542" s="162"/>
      <c r="CA542" s="162"/>
      <c r="CB542" s="162"/>
      <c r="CC542" s="162"/>
      <c r="CD542" s="162"/>
      <c r="CE542" s="162"/>
      <c r="CF542" s="162"/>
      <c r="CG542" s="162"/>
      <c r="CH542" s="162"/>
      <c r="CI542" s="162"/>
      <c r="CJ542" s="162"/>
      <c r="CK542" s="162"/>
      <c r="CX542" s="98"/>
      <c r="DL542" s="97"/>
      <c r="DX542" s="98"/>
      <c r="EL542" s="97"/>
      <c r="EX542" s="98"/>
      <c r="EY542" s="97"/>
      <c r="FL542" s="126"/>
      <c r="FM542" s="91"/>
      <c r="FN542" s="91"/>
      <c r="FO542" s="91"/>
      <c r="FP542" s="91"/>
      <c r="FQ542" s="91"/>
      <c r="FR542" s="91"/>
      <c r="FS542" s="91"/>
      <c r="FT542" s="91"/>
      <c r="FU542" s="91"/>
      <c r="FV542" s="91"/>
      <c r="FW542" s="91"/>
      <c r="FX542" s="91"/>
      <c r="FY542" s="91"/>
      <c r="FZ542" s="91"/>
      <c r="GA542" s="91"/>
      <c r="GB542" s="91"/>
      <c r="GC542" s="91"/>
      <c r="GD542" s="91"/>
      <c r="GE542" s="91"/>
      <c r="GF542" s="91"/>
      <c r="GG542" s="91"/>
      <c r="GH542" s="91"/>
      <c r="GI542" s="91"/>
      <c r="GJ542" s="91"/>
      <c r="GK542" s="127"/>
      <c r="GL542" s="126"/>
      <c r="GM542" s="91"/>
      <c r="GN542" s="91"/>
      <c r="GO542" s="91"/>
      <c r="GP542" s="91"/>
      <c r="GQ542" s="91"/>
      <c r="GR542" s="91"/>
      <c r="GS542" s="91"/>
      <c r="GT542" s="91"/>
      <c r="GU542" s="91"/>
      <c r="GV542" s="91"/>
      <c r="GW542" s="91"/>
      <c r="GX542" s="91"/>
      <c r="GY542" s="91"/>
      <c r="GZ542" s="91"/>
      <c r="HA542" s="91"/>
      <c r="HB542" s="91"/>
      <c r="HC542" s="91"/>
      <c r="HD542" s="91"/>
      <c r="HE542" s="91"/>
      <c r="HF542" s="91"/>
      <c r="HG542" s="91"/>
      <c r="HH542" s="91"/>
      <c r="HI542" s="91"/>
      <c r="HJ542" s="91"/>
      <c r="HK542" s="127"/>
      <c r="HL542" s="126"/>
      <c r="HM542" s="91"/>
      <c r="HN542" s="91"/>
      <c r="HO542" s="91"/>
      <c r="HP542" s="91"/>
      <c r="HQ542" s="91"/>
      <c r="HR542" s="91"/>
      <c r="HS542" s="91"/>
      <c r="HT542" s="91"/>
      <c r="HU542" s="91"/>
      <c r="HV542" s="91"/>
      <c r="HW542" s="91"/>
      <c r="HX542" s="91"/>
      <c r="HY542" s="91"/>
      <c r="HZ542" s="91"/>
      <c r="IA542" s="91"/>
      <c r="IB542" s="91"/>
      <c r="IC542" s="91"/>
      <c r="ID542" s="91"/>
      <c r="IE542" s="91"/>
      <c r="IF542" s="91"/>
      <c r="IG542" s="91"/>
      <c r="IH542" s="91"/>
      <c r="II542" s="91"/>
      <c r="IJ542" s="91"/>
      <c r="IK542" s="127"/>
    </row>
    <row r="543" spans="2:245" x14ac:dyDescent="0.2">
      <c r="B543" s="43"/>
      <c r="C543" s="73"/>
      <c r="D543" s="64"/>
      <c r="E543" s="64"/>
      <c r="F543" s="55"/>
      <c r="G543" s="102"/>
      <c r="H543" s="55"/>
      <c r="I543" s="55"/>
      <c r="J543" s="55"/>
      <c r="K543" s="55"/>
      <c r="L543" s="55"/>
      <c r="M543" s="55"/>
      <c r="N543" s="55"/>
      <c r="O543" s="55"/>
      <c r="P543" s="55"/>
      <c r="Q543" s="55"/>
      <c r="R543" s="55"/>
      <c r="S543" s="55"/>
      <c r="T543" s="55"/>
      <c r="U543" s="55"/>
      <c r="V543" s="55"/>
      <c r="W543" s="55"/>
      <c r="X543" s="55"/>
      <c r="Y543" s="55"/>
      <c r="Z543" s="55"/>
      <c r="AA543" s="55"/>
      <c r="AB543" s="55"/>
      <c r="AC543" s="55"/>
      <c r="AD543" s="55"/>
      <c r="AE543" s="55"/>
      <c r="AF543" s="55"/>
      <c r="AG543" s="55"/>
      <c r="AY543" s="162"/>
      <c r="AZ543" s="162"/>
      <c r="BA543" s="162"/>
      <c r="BB543" s="162"/>
      <c r="BC543" s="162"/>
      <c r="BD543" s="162"/>
      <c r="BE543" s="162"/>
      <c r="BF543" s="162"/>
      <c r="BG543" s="162"/>
      <c r="BH543" s="162"/>
      <c r="BI543" s="162"/>
      <c r="BJ543" s="162"/>
      <c r="BK543" s="162"/>
      <c r="BL543" s="162"/>
      <c r="BM543" s="162"/>
      <c r="BN543" s="162"/>
      <c r="BO543" s="162"/>
      <c r="BP543" s="162"/>
      <c r="BQ543" s="162"/>
      <c r="BR543" s="162"/>
      <c r="BS543" s="162"/>
      <c r="BT543" s="162"/>
      <c r="BU543" s="162"/>
      <c r="BV543" s="162"/>
      <c r="BW543" s="162"/>
      <c r="BX543" s="162"/>
      <c r="BY543" s="162"/>
      <c r="BZ543" s="162"/>
      <c r="CA543" s="162"/>
      <c r="CB543" s="162"/>
      <c r="CC543" s="162"/>
      <c r="CD543" s="162"/>
      <c r="CE543" s="162"/>
      <c r="CF543" s="162"/>
      <c r="CG543" s="162"/>
      <c r="CH543" s="162"/>
      <c r="CI543" s="162"/>
      <c r="CJ543" s="162"/>
      <c r="CK543" s="162"/>
      <c r="CX543" s="98"/>
      <c r="DL543" s="97"/>
      <c r="DX543" s="98"/>
      <c r="EL543" s="97"/>
      <c r="EX543" s="98"/>
      <c r="EY543" s="97"/>
      <c r="FL543" s="126"/>
      <c r="FM543" s="91"/>
      <c r="FN543" s="91"/>
      <c r="FO543" s="91"/>
      <c r="FP543" s="91"/>
      <c r="FQ543" s="91"/>
      <c r="FR543" s="91"/>
      <c r="FS543" s="91"/>
      <c r="FT543" s="91"/>
      <c r="FU543" s="91"/>
      <c r="FV543" s="91"/>
      <c r="FW543" s="91"/>
      <c r="FX543" s="91"/>
      <c r="FY543" s="91"/>
      <c r="FZ543" s="91"/>
      <c r="GA543" s="91"/>
      <c r="GB543" s="91"/>
      <c r="GC543" s="91"/>
      <c r="GD543" s="91"/>
      <c r="GE543" s="91"/>
      <c r="GF543" s="91"/>
      <c r="GG543" s="91"/>
      <c r="GH543" s="91"/>
      <c r="GI543" s="91"/>
      <c r="GJ543" s="91"/>
      <c r="GK543" s="127"/>
      <c r="GL543" s="126"/>
      <c r="GM543" s="91"/>
      <c r="GN543" s="91"/>
      <c r="GO543" s="91"/>
      <c r="GP543" s="91"/>
      <c r="GQ543" s="91"/>
      <c r="GR543" s="91"/>
      <c r="GS543" s="91"/>
      <c r="GT543" s="91"/>
      <c r="GU543" s="91"/>
      <c r="GV543" s="91"/>
      <c r="GW543" s="91"/>
      <c r="GX543" s="91"/>
      <c r="GY543" s="91"/>
      <c r="GZ543" s="91"/>
      <c r="HA543" s="91"/>
      <c r="HB543" s="91"/>
      <c r="HC543" s="91"/>
      <c r="HD543" s="91"/>
      <c r="HE543" s="91"/>
      <c r="HF543" s="91"/>
      <c r="HG543" s="91"/>
      <c r="HH543" s="91"/>
      <c r="HI543" s="91"/>
      <c r="HJ543" s="91"/>
      <c r="HK543" s="127"/>
      <c r="HL543" s="126"/>
      <c r="HM543" s="91"/>
      <c r="HN543" s="91"/>
      <c r="HO543" s="91"/>
      <c r="HP543" s="91"/>
      <c r="HQ543" s="91"/>
      <c r="HR543" s="91"/>
      <c r="HS543" s="91"/>
      <c r="HT543" s="91"/>
      <c r="HU543" s="91"/>
      <c r="HV543" s="91"/>
      <c r="HW543" s="91"/>
      <c r="HX543" s="91"/>
      <c r="HY543" s="91"/>
      <c r="HZ543" s="91"/>
      <c r="IA543" s="91"/>
      <c r="IB543" s="91"/>
      <c r="IC543" s="91"/>
      <c r="ID543" s="91"/>
      <c r="IE543" s="91"/>
      <c r="IF543" s="91"/>
      <c r="IG543" s="91"/>
      <c r="IH543" s="91"/>
      <c r="II543" s="91"/>
      <c r="IJ543" s="91"/>
      <c r="IK543" s="127"/>
    </row>
    <row r="544" spans="2:245" x14ac:dyDescent="0.2">
      <c r="B544" s="43"/>
      <c r="C544" s="73"/>
      <c r="D544" s="64"/>
      <c r="E544" s="64"/>
      <c r="F544" s="55"/>
      <c r="G544" s="102"/>
      <c r="H544" s="55"/>
      <c r="I544" s="55"/>
      <c r="J544" s="55"/>
      <c r="K544" s="55"/>
      <c r="L544" s="55"/>
      <c r="M544" s="55"/>
      <c r="N544" s="55"/>
      <c r="O544" s="55"/>
      <c r="P544" s="55"/>
      <c r="Q544" s="55"/>
      <c r="R544" s="55"/>
      <c r="S544" s="55"/>
      <c r="T544" s="55"/>
      <c r="U544" s="55"/>
      <c r="V544" s="55"/>
      <c r="W544" s="55"/>
      <c r="X544" s="55"/>
      <c r="Y544" s="55"/>
      <c r="Z544" s="55"/>
      <c r="AA544" s="55"/>
      <c r="AB544" s="55"/>
      <c r="AC544" s="55"/>
      <c r="AD544" s="55"/>
      <c r="AE544" s="55"/>
      <c r="AF544" s="55"/>
      <c r="AG544" s="55"/>
      <c r="AY544" s="162"/>
      <c r="AZ544" s="162"/>
      <c r="BA544" s="162"/>
      <c r="BB544" s="162"/>
      <c r="BC544" s="162"/>
      <c r="BD544" s="162"/>
      <c r="BE544" s="162"/>
      <c r="BF544" s="162"/>
      <c r="BG544" s="162"/>
      <c r="BH544" s="162"/>
      <c r="BI544" s="162"/>
      <c r="BJ544" s="162"/>
      <c r="BK544" s="162"/>
      <c r="BL544" s="162"/>
      <c r="BM544" s="162"/>
      <c r="BN544" s="162"/>
      <c r="BO544" s="162"/>
      <c r="BP544" s="162"/>
      <c r="BQ544" s="162"/>
      <c r="BR544" s="162"/>
      <c r="BS544" s="162"/>
      <c r="BT544" s="162"/>
      <c r="BU544" s="162"/>
      <c r="BV544" s="162"/>
      <c r="BW544" s="162"/>
      <c r="BX544" s="162"/>
      <c r="BY544" s="162"/>
      <c r="BZ544" s="162"/>
      <c r="CA544" s="162"/>
      <c r="CB544" s="162"/>
      <c r="CC544" s="162"/>
      <c r="CD544" s="162"/>
      <c r="CE544" s="162"/>
      <c r="CF544" s="162"/>
      <c r="CG544" s="162"/>
      <c r="CH544" s="162"/>
      <c r="CI544" s="162"/>
      <c r="CJ544" s="162"/>
      <c r="CK544" s="162"/>
      <c r="CX544" s="98"/>
      <c r="DL544" s="97"/>
      <c r="DX544" s="98"/>
      <c r="EL544" s="97"/>
      <c r="EX544" s="98"/>
      <c r="EY544" s="97"/>
      <c r="FL544" s="126"/>
      <c r="FM544" s="91"/>
      <c r="FN544" s="91"/>
      <c r="FO544" s="91"/>
      <c r="FP544" s="91"/>
      <c r="FQ544" s="91"/>
      <c r="FR544" s="91"/>
      <c r="FS544" s="91"/>
      <c r="FT544" s="91"/>
      <c r="FU544" s="91"/>
      <c r="FV544" s="91"/>
      <c r="FW544" s="91"/>
      <c r="FX544" s="91"/>
      <c r="FY544" s="91"/>
      <c r="FZ544" s="91"/>
      <c r="GA544" s="91"/>
      <c r="GB544" s="91"/>
      <c r="GC544" s="91"/>
      <c r="GD544" s="91"/>
      <c r="GE544" s="91"/>
      <c r="GF544" s="91"/>
      <c r="GG544" s="91"/>
      <c r="GH544" s="91"/>
      <c r="GI544" s="91"/>
      <c r="GJ544" s="91"/>
      <c r="GK544" s="127"/>
      <c r="GL544" s="126"/>
      <c r="GM544" s="91"/>
      <c r="GN544" s="91"/>
      <c r="GO544" s="91"/>
      <c r="GP544" s="91"/>
      <c r="GQ544" s="91"/>
      <c r="GR544" s="91"/>
      <c r="GS544" s="91"/>
      <c r="GT544" s="91"/>
      <c r="GU544" s="91"/>
      <c r="GV544" s="91"/>
      <c r="GW544" s="91"/>
      <c r="GX544" s="91"/>
      <c r="GY544" s="91"/>
      <c r="GZ544" s="91"/>
      <c r="HA544" s="91"/>
      <c r="HB544" s="91"/>
      <c r="HC544" s="91"/>
      <c r="HD544" s="91"/>
      <c r="HE544" s="91"/>
      <c r="HF544" s="91"/>
      <c r="HG544" s="91"/>
      <c r="HH544" s="91"/>
      <c r="HI544" s="91"/>
      <c r="HJ544" s="91"/>
      <c r="HK544" s="127"/>
      <c r="HL544" s="126"/>
      <c r="HM544" s="91"/>
      <c r="HN544" s="91"/>
      <c r="HO544" s="91"/>
      <c r="HP544" s="91"/>
      <c r="HQ544" s="91"/>
      <c r="HR544" s="91"/>
      <c r="HS544" s="91"/>
      <c r="HT544" s="91"/>
      <c r="HU544" s="91"/>
      <c r="HV544" s="91"/>
      <c r="HW544" s="91"/>
      <c r="HX544" s="91"/>
      <c r="HY544" s="91"/>
      <c r="HZ544" s="91"/>
      <c r="IA544" s="91"/>
      <c r="IB544" s="91"/>
      <c r="IC544" s="91"/>
      <c r="ID544" s="91"/>
      <c r="IE544" s="91"/>
      <c r="IF544" s="91"/>
      <c r="IG544" s="91"/>
      <c r="IH544" s="91"/>
      <c r="II544" s="91"/>
      <c r="IJ544" s="91"/>
      <c r="IK544" s="127"/>
    </row>
    <row r="545" spans="2:245" x14ac:dyDescent="0.2">
      <c r="B545" s="43"/>
      <c r="C545" s="73"/>
      <c r="D545" s="64"/>
      <c r="E545" s="64"/>
      <c r="F545" s="55"/>
      <c r="G545" s="102"/>
      <c r="H545" s="55"/>
      <c r="I545" s="55"/>
      <c r="J545" s="55"/>
      <c r="K545" s="55"/>
      <c r="L545" s="55"/>
      <c r="M545" s="55"/>
      <c r="N545" s="55"/>
      <c r="O545" s="55"/>
      <c r="P545" s="55"/>
      <c r="Q545" s="55"/>
      <c r="R545" s="55"/>
      <c r="S545" s="55"/>
      <c r="T545" s="55"/>
      <c r="U545" s="55"/>
      <c r="V545" s="55"/>
      <c r="W545" s="55"/>
      <c r="X545" s="55"/>
      <c r="Y545" s="55"/>
      <c r="Z545" s="55"/>
      <c r="AA545" s="55"/>
      <c r="AB545" s="55"/>
      <c r="AC545" s="55"/>
      <c r="AD545" s="55"/>
      <c r="AE545" s="55"/>
      <c r="AF545" s="55"/>
      <c r="AG545" s="55"/>
      <c r="AY545" s="162"/>
      <c r="AZ545" s="162"/>
      <c r="BA545" s="162"/>
      <c r="BB545" s="162"/>
      <c r="BC545" s="162"/>
      <c r="BD545" s="162"/>
      <c r="BE545" s="162"/>
      <c r="BF545" s="162"/>
      <c r="BG545" s="162"/>
      <c r="BH545" s="162"/>
      <c r="BI545" s="162"/>
      <c r="BJ545" s="162"/>
      <c r="BK545" s="162"/>
      <c r="BL545" s="162"/>
      <c r="BM545" s="162"/>
      <c r="BN545" s="162"/>
      <c r="BO545" s="162"/>
      <c r="BP545" s="162"/>
      <c r="BQ545" s="162"/>
      <c r="BR545" s="162"/>
      <c r="BS545" s="162"/>
      <c r="BT545" s="162"/>
      <c r="BU545" s="162"/>
      <c r="BV545" s="162"/>
      <c r="BW545" s="162"/>
      <c r="BX545" s="162"/>
      <c r="BY545" s="162"/>
      <c r="BZ545" s="162"/>
      <c r="CA545" s="162"/>
      <c r="CB545" s="162"/>
      <c r="CC545" s="162"/>
      <c r="CD545" s="162"/>
      <c r="CE545" s="162"/>
      <c r="CF545" s="162"/>
      <c r="CG545" s="162"/>
      <c r="CH545" s="162"/>
      <c r="CI545" s="162"/>
      <c r="CJ545" s="162"/>
      <c r="CK545" s="162"/>
      <c r="CX545" s="98"/>
      <c r="DL545" s="97"/>
      <c r="DX545" s="98"/>
      <c r="EL545" s="97"/>
      <c r="EX545" s="98"/>
      <c r="EY545" s="97"/>
      <c r="FL545" s="126"/>
      <c r="FM545" s="91"/>
      <c r="FN545" s="91"/>
      <c r="FO545" s="91"/>
      <c r="FP545" s="91"/>
      <c r="FQ545" s="91"/>
      <c r="FR545" s="91"/>
      <c r="FS545" s="91"/>
      <c r="FT545" s="91"/>
      <c r="FU545" s="91"/>
      <c r="FV545" s="91"/>
      <c r="FW545" s="91"/>
      <c r="FX545" s="91"/>
      <c r="FY545" s="91"/>
      <c r="FZ545" s="91"/>
      <c r="GA545" s="91"/>
      <c r="GB545" s="91"/>
      <c r="GC545" s="91"/>
      <c r="GD545" s="91"/>
      <c r="GE545" s="91"/>
      <c r="GF545" s="91"/>
      <c r="GG545" s="91"/>
      <c r="GH545" s="91"/>
      <c r="GI545" s="91"/>
      <c r="GJ545" s="91"/>
      <c r="GK545" s="127"/>
      <c r="GL545" s="126"/>
      <c r="GM545" s="91"/>
      <c r="GN545" s="91"/>
      <c r="GO545" s="91"/>
      <c r="GP545" s="91"/>
      <c r="GQ545" s="91"/>
      <c r="GR545" s="91"/>
      <c r="GS545" s="91"/>
      <c r="GT545" s="91"/>
      <c r="GU545" s="91"/>
      <c r="GV545" s="91"/>
      <c r="GW545" s="91"/>
      <c r="GX545" s="91"/>
      <c r="GY545" s="91"/>
      <c r="GZ545" s="91"/>
      <c r="HA545" s="91"/>
      <c r="HB545" s="91"/>
      <c r="HC545" s="91"/>
      <c r="HD545" s="91"/>
      <c r="HE545" s="91"/>
      <c r="HF545" s="91"/>
      <c r="HG545" s="91"/>
      <c r="HH545" s="91"/>
      <c r="HI545" s="91"/>
      <c r="HJ545" s="91"/>
      <c r="HK545" s="127"/>
      <c r="HL545" s="126"/>
      <c r="HM545" s="91"/>
      <c r="HN545" s="91"/>
      <c r="HO545" s="91"/>
      <c r="HP545" s="91"/>
      <c r="HQ545" s="91"/>
      <c r="HR545" s="91"/>
      <c r="HS545" s="91"/>
      <c r="HT545" s="91"/>
      <c r="HU545" s="91"/>
      <c r="HV545" s="91"/>
      <c r="HW545" s="91"/>
      <c r="HX545" s="91"/>
      <c r="HY545" s="91"/>
      <c r="HZ545" s="91"/>
      <c r="IA545" s="91"/>
      <c r="IB545" s="91"/>
      <c r="IC545" s="91"/>
      <c r="ID545" s="91"/>
      <c r="IE545" s="91"/>
      <c r="IF545" s="91"/>
      <c r="IG545" s="91"/>
      <c r="IH545" s="91"/>
      <c r="II545" s="91"/>
      <c r="IJ545" s="91"/>
      <c r="IK545" s="127"/>
    </row>
    <row r="546" spans="2:245" x14ac:dyDescent="0.2">
      <c r="B546" s="43"/>
      <c r="C546" s="73"/>
      <c r="D546" s="64"/>
      <c r="E546" s="64"/>
      <c r="F546" s="55"/>
      <c r="G546" s="102"/>
      <c r="H546" s="55"/>
      <c r="I546" s="55"/>
      <c r="J546" s="55"/>
      <c r="K546" s="55"/>
      <c r="L546" s="55"/>
      <c r="M546" s="55"/>
      <c r="N546" s="55"/>
      <c r="O546" s="55"/>
      <c r="P546" s="55"/>
      <c r="Q546" s="55"/>
      <c r="R546" s="55"/>
      <c r="S546" s="55"/>
      <c r="T546" s="55"/>
      <c r="U546" s="55"/>
      <c r="V546" s="55"/>
      <c r="W546" s="55"/>
      <c r="X546" s="55"/>
      <c r="Y546" s="55"/>
      <c r="Z546" s="55"/>
      <c r="AA546" s="55"/>
      <c r="AB546" s="55"/>
      <c r="AC546" s="55"/>
      <c r="AD546" s="55"/>
      <c r="AE546" s="55"/>
      <c r="AF546" s="55"/>
      <c r="AG546" s="55"/>
      <c r="AY546" s="162"/>
      <c r="AZ546" s="162"/>
      <c r="BA546" s="162"/>
      <c r="BB546" s="162"/>
      <c r="BC546" s="162"/>
      <c r="BD546" s="162"/>
      <c r="BE546" s="162"/>
      <c r="BF546" s="162"/>
      <c r="BG546" s="162"/>
      <c r="BH546" s="162"/>
      <c r="BI546" s="162"/>
      <c r="BJ546" s="162"/>
      <c r="BK546" s="162"/>
      <c r="BL546" s="162"/>
      <c r="BM546" s="162"/>
      <c r="BN546" s="162"/>
      <c r="BO546" s="162"/>
      <c r="BP546" s="162"/>
      <c r="BQ546" s="162"/>
      <c r="BR546" s="162"/>
      <c r="BS546" s="162"/>
      <c r="BT546" s="162"/>
      <c r="BU546" s="162"/>
      <c r="BV546" s="162"/>
      <c r="BW546" s="162"/>
      <c r="BX546" s="162"/>
      <c r="BY546" s="162"/>
      <c r="BZ546" s="162"/>
      <c r="CA546" s="162"/>
      <c r="CB546" s="162"/>
      <c r="CC546" s="162"/>
      <c r="CD546" s="162"/>
      <c r="CE546" s="162"/>
      <c r="CF546" s="162"/>
      <c r="CG546" s="162"/>
      <c r="CH546" s="162"/>
      <c r="CI546" s="162"/>
      <c r="CJ546" s="162"/>
      <c r="CK546" s="162"/>
      <c r="CX546" s="98"/>
      <c r="DL546" s="97"/>
      <c r="DX546" s="98"/>
      <c r="EL546" s="97"/>
      <c r="EX546" s="98"/>
      <c r="EY546" s="97"/>
      <c r="FL546" s="126"/>
      <c r="FM546" s="91"/>
      <c r="FN546" s="91"/>
      <c r="FO546" s="91"/>
      <c r="FP546" s="91"/>
      <c r="FQ546" s="91"/>
      <c r="FR546" s="91"/>
      <c r="FS546" s="91"/>
      <c r="FT546" s="91"/>
      <c r="FU546" s="91"/>
      <c r="FV546" s="91"/>
      <c r="FW546" s="91"/>
      <c r="FX546" s="91"/>
      <c r="FY546" s="91"/>
      <c r="FZ546" s="91"/>
      <c r="GA546" s="91"/>
      <c r="GB546" s="91"/>
      <c r="GC546" s="91"/>
      <c r="GD546" s="91"/>
      <c r="GE546" s="91"/>
      <c r="GF546" s="91"/>
      <c r="GG546" s="91"/>
      <c r="GH546" s="91"/>
      <c r="GI546" s="91"/>
      <c r="GJ546" s="91"/>
      <c r="GK546" s="127"/>
      <c r="GL546" s="126"/>
      <c r="GM546" s="91"/>
      <c r="GN546" s="91"/>
      <c r="GO546" s="91"/>
      <c r="GP546" s="91"/>
      <c r="GQ546" s="91"/>
      <c r="GR546" s="91"/>
      <c r="GS546" s="91"/>
      <c r="GT546" s="91"/>
      <c r="GU546" s="91"/>
      <c r="GV546" s="91"/>
      <c r="GW546" s="91"/>
      <c r="GX546" s="91"/>
      <c r="GY546" s="91"/>
      <c r="GZ546" s="91"/>
      <c r="HA546" s="91"/>
      <c r="HB546" s="91"/>
      <c r="HC546" s="91"/>
      <c r="HD546" s="91"/>
      <c r="HE546" s="91"/>
      <c r="HF546" s="91"/>
      <c r="HG546" s="91"/>
      <c r="HH546" s="91"/>
      <c r="HI546" s="91"/>
      <c r="HJ546" s="91"/>
      <c r="HK546" s="127"/>
      <c r="HL546" s="126"/>
      <c r="HM546" s="91"/>
      <c r="HN546" s="91"/>
      <c r="HO546" s="91"/>
      <c r="HP546" s="91"/>
      <c r="HQ546" s="91"/>
      <c r="HR546" s="91"/>
      <c r="HS546" s="91"/>
      <c r="HT546" s="91"/>
      <c r="HU546" s="91"/>
      <c r="HV546" s="91"/>
      <c r="HW546" s="91"/>
      <c r="HX546" s="91"/>
      <c r="HY546" s="91"/>
      <c r="HZ546" s="91"/>
      <c r="IA546" s="91"/>
      <c r="IB546" s="91"/>
      <c r="IC546" s="91"/>
      <c r="ID546" s="91"/>
      <c r="IE546" s="91"/>
      <c r="IF546" s="91"/>
      <c r="IG546" s="91"/>
      <c r="IH546" s="91"/>
      <c r="II546" s="91"/>
      <c r="IJ546" s="91"/>
      <c r="IK546" s="127"/>
    </row>
    <row r="547" spans="2:245" x14ac:dyDescent="0.2">
      <c r="B547" s="43"/>
      <c r="C547" s="73"/>
      <c r="D547" s="64"/>
      <c r="E547" s="64"/>
      <c r="F547" s="55"/>
      <c r="G547" s="102"/>
      <c r="H547" s="55"/>
      <c r="I547" s="55"/>
      <c r="J547" s="55"/>
      <c r="K547" s="55"/>
      <c r="L547" s="55"/>
      <c r="M547" s="55"/>
      <c r="N547" s="55"/>
      <c r="O547" s="55"/>
      <c r="P547" s="55"/>
      <c r="Q547" s="55"/>
      <c r="R547" s="55"/>
      <c r="S547" s="55"/>
      <c r="T547" s="55"/>
      <c r="U547" s="55"/>
      <c r="V547" s="55"/>
      <c r="W547" s="55"/>
      <c r="X547" s="55"/>
      <c r="Y547" s="55"/>
      <c r="Z547" s="55"/>
      <c r="AA547" s="55"/>
      <c r="AB547" s="55"/>
      <c r="AC547" s="55"/>
      <c r="AD547" s="55"/>
      <c r="AE547" s="55"/>
      <c r="AF547" s="55"/>
      <c r="AG547" s="55"/>
      <c r="AY547" s="162"/>
      <c r="AZ547" s="162"/>
      <c r="BA547" s="162"/>
      <c r="BB547" s="162"/>
      <c r="BC547" s="162"/>
      <c r="BD547" s="162"/>
      <c r="BE547" s="162"/>
      <c r="BF547" s="162"/>
      <c r="BG547" s="162"/>
      <c r="BH547" s="162"/>
      <c r="BI547" s="162"/>
      <c r="BJ547" s="162"/>
      <c r="BK547" s="162"/>
      <c r="BL547" s="162"/>
      <c r="BM547" s="162"/>
      <c r="BN547" s="162"/>
      <c r="BO547" s="162"/>
      <c r="BP547" s="162"/>
      <c r="BQ547" s="162"/>
      <c r="BR547" s="162"/>
      <c r="BS547" s="162"/>
      <c r="BT547" s="162"/>
      <c r="BU547" s="162"/>
      <c r="BV547" s="162"/>
      <c r="BW547" s="162"/>
      <c r="BX547" s="162"/>
      <c r="BY547" s="162"/>
      <c r="BZ547" s="162"/>
      <c r="CA547" s="162"/>
      <c r="CB547" s="162"/>
      <c r="CC547" s="162"/>
      <c r="CD547" s="162"/>
      <c r="CE547" s="162"/>
      <c r="CF547" s="162"/>
      <c r="CG547" s="162"/>
      <c r="CH547" s="162"/>
      <c r="CI547" s="162"/>
      <c r="CJ547" s="162"/>
      <c r="CK547" s="162"/>
      <c r="CX547" s="98"/>
      <c r="DL547" s="97"/>
      <c r="DX547" s="98"/>
      <c r="EL547" s="97"/>
      <c r="EX547" s="98"/>
      <c r="EY547" s="97"/>
      <c r="FL547" s="126"/>
      <c r="FM547" s="91"/>
      <c r="FN547" s="91"/>
      <c r="FO547" s="91"/>
      <c r="FP547" s="91"/>
      <c r="FQ547" s="91"/>
      <c r="FR547" s="91"/>
      <c r="FS547" s="91"/>
      <c r="FT547" s="91"/>
      <c r="FU547" s="91"/>
      <c r="FV547" s="91"/>
      <c r="FW547" s="91"/>
      <c r="FX547" s="91"/>
      <c r="FY547" s="91"/>
      <c r="FZ547" s="91"/>
      <c r="GA547" s="91"/>
      <c r="GB547" s="91"/>
      <c r="GC547" s="91"/>
      <c r="GD547" s="91"/>
      <c r="GE547" s="91"/>
      <c r="GF547" s="91"/>
      <c r="GG547" s="91"/>
      <c r="GH547" s="91"/>
      <c r="GI547" s="91"/>
      <c r="GJ547" s="91"/>
      <c r="GK547" s="127"/>
      <c r="GL547" s="126"/>
      <c r="GM547" s="91"/>
      <c r="GN547" s="91"/>
      <c r="GO547" s="91"/>
      <c r="GP547" s="91"/>
      <c r="GQ547" s="91"/>
      <c r="GR547" s="91"/>
      <c r="GS547" s="91"/>
      <c r="GT547" s="91"/>
      <c r="GU547" s="91"/>
      <c r="GV547" s="91"/>
      <c r="GW547" s="91"/>
      <c r="GX547" s="91"/>
      <c r="GY547" s="91"/>
      <c r="GZ547" s="91"/>
      <c r="HA547" s="91"/>
      <c r="HB547" s="91"/>
      <c r="HC547" s="91"/>
      <c r="HD547" s="91"/>
      <c r="HE547" s="91"/>
      <c r="HF547" s="91"/>
      <c r="HG547" s="91"/>
      <c r="HH547" s="91"/>
      <c r="HI547" s="91"/>
      <c r="HJ547" s="91"/>
      <c r="HK547" s="127"/>
      <c r="HL547" s="126"/>
      <c r="HM547" s="91"/>
      <c r="HN547" s="91"/>
      <c r="HO547" s="91"/>
      <c r="HP547" s="91"/>
      <c r="HQ547" s="91"/>
      <c r="HR547" s="91"/>
      <c r="HS547" s="91"/>
      <c r="HT547" s="91"/>
      <c r="HU547" s="91"/>
      <c r="HV547" s="91"/>
      <c r="HW547" s="91"/>
      <c r="HX547" s="91"/>
      <c r="HY547" s="91"/>
      <c r="HZ547" s="91"/>
      <c r="IA547" s="91"/>
      <c r="IB547" s="91"/>
      <c r="IC547" s="91"/>
      <c r="ID547" s="91"/>
      <c r="IE547" s="91"/>
      <c r="IF547" s="91"/>
      <c r="IG547" s="91"/>
      <c r="IH547" s="91"/>
      <c r="II547" s="91"/>
      <c r="IJ547" s="91"/>
      <c r="IK547" s="127"/>
    </row>
    <row r="548" spans="2:245" x14ac:dyDescent="0.2">
      <c r="B548" s="43"/>
      <c r="C548" s="73"/>
      <c r="D548" s="64"/>
      <c r="E548" s="64"/>
      <c r="F548" s="55"/>
      <c r="G548" s="102"/>
      <c r="H548" s="55"/>
      <c r="I548" s="55"/>
      <c r="J548" s="55"/>
      <c r="K548" s="55"/>
      <c r="L548" s="55"/>
      <c r="M548" s="55"/>
      <c r="N548" s="55"/>
      <c r="O548" s="55"/>
      <c r="P548" s="55"/>
      <c r="Q548" s="55"/>
      <c r="R548" s="55"/>
      <c r="S548" s="55"/>
      <c r="T548" s="55"/>
      <c r="U548" s="55"/>
      <c r="V548" s="55"/>
      <c r="W548" s="55"/>
      <c r="X548" s="55"/>
      <c r="Y548" s="55"/>
      <c r="Z548" s="55"/>
      <c r="AA548" s="55"/>
      <c r="AB548" s="55"/>
      <c r="AC548" s="55"/>
      <c r="AD548" s="55"/>
      <c r="AE548" s="55"/>
      <c r="AF548" s="55"/>
      <c r="AG548" s="55"/>
      <c r="AY548" s="162"/>
      <c r="AZ548" s="162"/>
      <c r="BA548" s="162"/>
      <c r="BB548" s="162"/>
      <c r="BC548" s="162"/>
      <c r="BD548" s="162"/>
      <c r="BE548" s="162"/>
      <c r="BF548" s="162"/>
      <c r="BG548" s="162"/>
      <c r="BH548" s="162"/>
      <c r="BI548" s="162"/>
      <c r="BJ548" s="162"/>
      <c r="BK548" s="162"/>
      <c r="BL548" s="162"/>
      <c r="BM548" s="162"/>
      <c r="BN548" s="162"/>
      <c r="BO548" s="162"/>
      <c r="BP548" s="162"/>
      <c r="BQ548" s="162"/>
      <c r="BR548" s="162"/>
      <c r="BS548" s="162"/>
      <c r="BT548" s="162"/>
      <c r="BU548" s="162"/>
      <c r="BV548" s="162"/>
      <c r="BW548" s="162"/>
      <c r="BX548" s="162"/>
      <c r="BY548" s="162"/>
      <c r="BZ548" s="162"/>
      <c r="CA548" s="162"/>
      <c r="CB548" s="162"/>
      <c r="CC548" s="162"/>
      <c r="CD548" s="162"/>
      <c r="CE548" s="162"/>
      <c r="CF548" s="162"/>
      <c r="CG548" s="162"/>
      <c r="CH548" s="162"/>
      <c r="CI548" s="162"/>
      <c r="CJ548" s="162"/>
      <c r="CK548" s="162"/>
      <c r="CX548" s="98"/>
      <c r="DL548" s="97"/>
      <c r="DX548" s="98"/>
      <c r="EL548" s="97"/>
      <c r="EX548" s="98"/>
      <c r="EY548" s="97"/>
      <c r="FL548" s="126"/>
      <c r="FM548" s="91"/>
      <c r="FN548" s="91"/>
      <c r="FO548" s="91"/>
      <c r="FP548" s="91"/>
      <c r="FQ548" s="91"/>
      <c r="FR548" s="91"/>
      <c r="FS548" s="91"/>
      <c r="FT548" s="91"/>
      <c r="FU548" s="91"/>
      <c r="FV548" s="91"/>
      <c r="FW548" s="91"/>
      <c r="FX548" s="91"/>
      <c r="FY548" s="91"/>
      <c r="FZ548" s="91"/>
      <c r="GA548" s="91"/>
      <c r="GB548" s="91"/>
      <c r="GC548" s="91"/>
      <c r="GD548" s="91"/>
      <c r="GE548" s="91"/>
      <c r="GF548" s="91"/>
      <c r="GG548" s="91"/>
      <c r="GH548" s="91"/>
      <c r="GI548" s="91"/>
      <c r="GJ548" s="91"/>
      <c r="GK548" s="127"/>
      <c r="GL548" s="126"/>
      <c r="GM548" s="91"/>
      <c r="GN548" s="91"/>
      <c r="GO548" s="91"/>
      <c r="GP548" s="91"/>
      <c r="GQ548" s="91"/>
      <c r="GR548" s="91"/>
      <c r="GS548" s="91"/>
      <c r="GT548" s="91"/>
      <c r="GU548" s="91"/>
      <c r="GV548" s="91"/>
      <c r="GW548" s="91"/>
      <c r="GX548" s="91"/>
      <c r="GY548" s="91"/>
      <c r="GZ548" s="91"/>
      <c r="HA548" s="91"/>
      <c r="HB548" s="91"/>
      <c r="HC548" s="91"/>
      <c r="HD548" s="91"/>
      <c r="HE548" s="91"/>
      <c r="HF548" s="91"/>
      <c r="HG548" s="91"/>
      <c r="HH548" s="91"/>
      <c r="HI548" s="91"/>
      <c r="HJ548" s="91"/>
      <c r="HK548" s="127"/>
      <c r="HL548" s="126"/>
      <c r="HM548" s="91"/>
      <c r="HN548" s="91"/>
      <c r="HO548" s="91"/>
      <c r="HP548" s="91"/>
      <c r="HQ548" s="91"/>
      <c r="HR548" s="91"/>
      <c r="HS548" s="91"/>
      <c r="HT548" s="91"/>
      <c r="HU548" s="91"/>
      <c r="HV548" s="91"/>
      <c r="HW548" s="91"/>
      <c r="HX548" s="91"/>
      <c r="HY548" s="91"/>
      <c r="HZ548" s="91"/>
      <c r="IA548" s="91"/>
      <c r="IB548" s="91"/>
      <c r="IC548" s="91"/>
      <c r="ID548" s="91"/>
      <c r="IE548" s="91"/>
      <c r="IF548" s="91"/>
      <c r="IG548" s="91"/>
      <c r="IH548" s="91"/>
      <c r="II548" s="91"/>
      <c r="IJ548" s="91"/>
      <c r="IK548" s="127"/>
    </row>
    <row r="549" spans="2:245" x14ac:dyDescent="0.2">
      <c r="B549" s="43"/>
      <c r="C549" s="73"/>
      <c r="D549" s="64"/>
      <c r="E549" s="64"/>
      <c r="F549" s="55"/>
      <c r="G549" s="102"/>
      <c r="H549" s="55"/>
      <c r="I549" s="55"/>
      <c r="J549" s="55"/>
      <c r="K549" s="55"/>
      <c r="L549" s="55"/>
      <c r="M549" s="55"/>
      <c r="N549" s="55"/>
      <c r="O549" s="55"/>
      <c r="P549" s="55"/>
      <c r="Q549" s="55"/>
      <c r="R549" s="55"/>
      <c r="S549" s="55"/>
      <c r="T549" s="55"/>
      <c r="U549" s="55"/>
      <c r="V549" s="55"/>
      <c r="W549" s="55"/>
      <c r="X549" s="55"/>
      <c r="Y549" s="55"/>
      <c r="Z549" s="55"/>
      <c r="AA549" s="55"/>
      <c r="AB549" s="55"/>
      <c r="AC549" s="55"/>
      <c r="AD549" s="55"/>
      <c r="AE549" s="55"/>
      <c r="AF549" s="55"/>
      <c r="AG549" s="55"/>
      <c r="AY549" s="162"/>
      <c r="AZ549" s="162"/>
      <c r="BA549" s="162"/>
      <c r="BB549" s="162"/>
      <c r="BC549" s="162"/>
      <c r="BD549" s="162"/>
      <c r="BE549" s="162"/>
      <c r="BF549" s="162"/>
      <c r="BG549" s="162"/>
      <c r="BH549" s="162"/>
      <c r="BI549" s="162"/>
      <c r="BJ549" s="162"/>
      <c r="BK549" s="162"/>
      <c r="BL549" s="162"/>
      <c r="BM549" s="162"/>
      <c r="BN549" s="162"/>
      <c r="BO549" s="162"/>
      <c r="BP549" s="162"/>
      <c r="BQ549" s="162"/>
      <c r="BR549" s="162"/>
      <c r="BS549" s="162"/>
      <c r="BT549" s="162"/>
      <c r="BU549" s="162"/>
      <c r="BV549" s="162"/>
      <c r="BW549" s="162"/>
      <c r="BX549" s="162"/>
      <c r="BY549" s="162"/>
      <c r="BZ549" s="162"/>
      <c r="CA549" s="162"/>
      <c r="CB549" s="162"/>
      <c r="CC549" s="162"/>
      <c r="CD549" s="162"/>
      <c r="CE549" s="162"/>
      <c r="CF549" s="162"/>
      <c r="CG549" s="162"/>
      <c r="CH549" s="162"/>
      <c r="CI549" s="162"/>
      <c r="CJ549" s="162"/>
      <c r="CK549" s="162"/>
      <c r="CX549" s="98"/>
      <c r="DL549" s="97"/>
      <c r="DX549" s="98"/>
      <c r="EL549" s="97"/>
      <c r="EX549" s="98"/>
      <c r="EY549" s="97"/>
      <c r="FL549" s="126"/>
      <c r="FM549" s="91"/>
      <c r="FN549" s="91"/>
      <c r="FO549" s="91"/>
      <c r="FP549" s="91"/>
      <c r="FQ549" s="91"/>
      <c r="FR549" s="91"/>
      <c r="FS549" s="91"/>
      <c r="FT549" s="91"/>
      <c r="FU549" s="91"/>
      <c r="FV549" s="91"/>
      <c r="FW549" s="91"/>
      <c r="FX549" s="91"/>
      <c r="FY549" s="91"/>
      <c r="FZ549" s="91"/>
      <c r="GA549" s="91"/>
      <c r="GB549" s="91"/>
      <c r="GC549" s="91"/>
      <c r="GD549" s="91"/>
      <c r="GE549" s="91"/>
      <c r="GF549" s="91"/>
      <c r="GG549" s="91"/>
      <c r="GH549" s="91"/>
      <c r="GI549" s="91"/>
      <c r="GJ549" s="91"/>
      <c r="GK549" s="127"/>
      <c r="GL549" s="126"/>
      <c r="GM549" s="91"/>
      <c r="GN549" s="91"/>
      <c r="GO549" s="91"/>
      <c r="GP549" s="91"/>
      <c r="GQ549" s="91"/>
      <c r="GR549" s="91"/>
      <c r="GS549" s="91"/>
      <c r="GT549" s="91"/>
      <c r="GU549" s="91"/>
      <c r="GV549" s="91"/>
      <c r="GW549" s="91"/>
      <c r="GX549" s="91"/>
      <c r="GY549" s="91"/>
      <c r="GZ549" s="91"/>
      <c r="HA549" s="91"/>
      <c r="HB549" s="91"/>
      <c r="HC549" s="91"/>
      <c r="HD549" s="91"/>
      <c r="HE549" s="91"/>
      <c r="HF549" s="91"/>
      <c r="HG549" s="91"/>
      <c r="HH549" s="91"/>
      <c r="HI549" s="91"/>
      <c r="HJ549" s="91"/>
      <c r="HK549" s="127"/>
      <c r="HL549" s="126"/>
      <c r="HM549" s="91"/>
      <c r="HN549" s="91"/>
      <c r="HO549" s="91"/>
      <c r="HP549" s="91"/>
      <c r="HQ549" s="91"/>
      <c r="HR549" s="91"/>
      <c r="HS549" s="91"/>
      <c r="HT549" s="91"/>
      <c r="HU549" s="91"/>
      <c r="HV549" s="91"/>
      <c r="HW549" s="91"/>
      <c r="HX549" s="91"/>
      <c r="HY549" s="91"/>
      <c r="HZ549" s="91"/>
      <c r="IA549" s="91"/>
      <c r="IB549" s="91"/>
      <c r="IC549" s="91"/>
      <c r="ID549" s="91"/>
      <c r="IE549" s="91"/>
      <c r="IF549" s="91"/>
      <c r="IG549" s="91"/>
      <c r="IH549" s="91"/>
      <c r="II549" s="91"/>
      <c r="IJ549" s="91"/>
      <c r="IK549" s="127"/>
    </row>
    <row r="550" spans="2:245" x14ac:dyDescent="0.2">
      <c r="B550" s="43"/>
      <c r="C550" s="73"/>
      <c r="D550" s="64"/>
      <c r="E550" s="64"/>
      <c r="F550" s="55"/>
      <c r="G550" s="102"/>
      <c r="H550" s="55"/>
      <c r="I550" s="55"/>
      <c r="J550" s="55"/>
      <c r="K550" s="55"/>
      <c r="L550" s="55"/>
      <c r="M550" s="55"/>
      <c r="N550" s="55"/>
      <c r="O550" s="55"/>
      <c r="P550" s="55"/>
      <c r="Q550" s="55"/>
      <c r="R550" s="55"/>
      <c r="S550" s="55"/>
      <c r="T550" s="55"/>
      <c r="U550" s="55"/>
      <c r="V550" s="55"/>
      <c r="W550" s="55"/>
      <c r="X550" s="55"/>
      <c r="Y550" s="55"/>
      <c r="Z550" s="55"/>
      <c r="AA550" s="55"/>
      <c r="AB550" s="55"/>
      <c r="AC550" s="55"/>
      <c r="AD550" s="55"/>
      <c r="AE550" s="55"/>
      <c r="AF550" s="55"/>
      <c r="AG550" s="55"/>
      <c r="AY550" s="162"/>
      <c r="AZ550" s="162"/>
      <c r="BA550" s="162"/>
      <c r="BB550" s="162"/>
      <c r="BC550" s="162"/>
      <c r="BD550" s="162"/>
      <c r="BE550" s="162"/>
      <c r="BF550" s="162"/>
      <c r="BG550" s="162"/>
      <c r="BH550" s="162"/>
      <c r="BI550" s="162"/>
      <c r="BJ550" s="162"/>
      <c r="BK550" s="162"/>
      <c r="BL550" s="162"/>
      <c r="BM550" s="162"/>
      <c r="BN550" s="162"/>
      <c r="BO550" s="162"/>
      <c r="BP550" s="162"/>
      <c r="BQ550" s="162"/>
      <c r="BR550" s="162"/>
      <c r="BS550" s="162"/>
      <c r="BT550" s="162"/>
      <c r="BU550" s="162"/>
      <c r="BV550" s="162"/>
      <c r="BW550" s="162"/>
      <c r="BX550" s="162"/>
      <c r="BY550" s="162"/>
      <c r="BZ550" s="162"/>
      <c r="CA550" s="162"/>
      <c r="CB550" s="162"/>
      <c r="CC550" s="162"/>
      <c r="CD550" s="162"/>
      <c r="CE550" s="162"/>
      <c r="CF550" s="162"/>
      <c r="CG550" s="162"/>
      <c r="CH550" s="162"/>
      <c r="CI550" s="162"/>
      <c r="CJ550" s="162"/>
      <c r="CK550" s="162"/>
      <c r="CX550" s="98"/>
      <c r="DL550" s="97"/>
      <c r="DX550" s="98"/>
      <c r="EL550" s="97"/>
      <c r="EX550" s="98"/>
      <c r="EY550" s="97"/>
      <c r="FL550" s="126"/>
      <c r="FM550" s="91"/>
      <c r="FN550" s="91"/>
      <c r="FO550" s="91"/>
      <c r="FP550" s="91"/>
      <c r="FQ550" s="91"/>
      <c r="FR550" s="91"/>
      <c r="FS550" s="91"/>
      <c r="FT550" s="91"/>
      <c r="FU550" s="91"/>
      <c r="FV550" s="91"/>
      <c r="FW550" s="91"/>
      <c r="FX550" s="91"/>
      <c r="FY550" s="91"/>
      <c r="FZ550" s="91"/>
      <c r="GA550" s="91"/>
      <c r="GB550" s="91"/>
      <c r="GC550" s="91"/>
      <c r="GD550" s="91"/>
      <c r="GE550" s="91"/>
      <c r="GF550" s="91"/>
      <c r="GG550" s="91"/>
      <c r="GH550" s="91"/>
      <c r="GI550" s="91"/>
      <c r="GJ550" s="91"/>
      <c r="GK550" s="127"/>
      <c r="GL550" s="126"/>
      <c r="GM550" s="91"/>
      <c r="GN550" s="91"/>
      <c r="GO550" s="91"/>
      <c r="GP550" s="91"/>
      <c r="GQ550" s="91"/>
      <c r="GR550" s="91"/>
      <c r="GS550" s="91"/>
      <c r="GT550" s="91"/>
      <c r="GU550" s="91"/>
      <c r="GV550" s="91"/>
      <c r="GW550" s="91"/>
      <c r="GX550" s="91"/>
      <c r="GY550" s="91"/>
      <c r="GZ550" s="91"/>
      <c r="HA550" s="91"/>
      <c r="HB550" s="91"/>
      <c r="HC550" s="91"/>
      <c r="HD550" s="91"/>
      <c r="HE550" s="91"/>
      <c r="HF550" s="91"/>
      <c r="HG550" s="91"/>
      <c r="HH550" s="91"/>
      <c r="HI550" s="91"/>
      <c r="HJ550" s="91"/>
      <c r="HK550" s="127"/>
      <c r="HL550" s="126"/>
      <c r="HM550" s="91"/>
      <c r="HN550" s="91"/>
      <c r="HO550" s="91"/>
      <c r="HP550" s="91"/>
      <c r="HQ550" s="91"/>
      <c r="HR550" s="91"/>
      <c r="HS550" s="91"/>
      <c r="HT550" s="91"/>
      <c r="HU550" s="91"/>
      <c r="HV550" s="91"/>
      <c r="HW550" s="91"/>
      <c r="HX550" s="91"/>
      <c r="HY550" s="91"/>
      <c r="HZ550" s="91"/>
      <c r="IA550" s="91"/>
      <c r="IB550" s="91"/>
      <c r="IC550" s="91"/>
      <c r="ID550" s="91"/>
      <c r="IE550" s="91"/>
      <c r="IF550" s="91"/>
      <c r="IG550" s="91"/>
      <c r="IH550" s="91"/>
      <c r="II550" s="91"/>
      <c r="IJ550" s="91"/>
      <c r="IK550" s="127"/>
    </row>
    <row r="551" spans="2:245" x14ac:dyDescent="0.2">
      <c r="B551" s="43"/>
      <c r="C551" s="73"/>
      <c r="D551" s="64"/>
      <c r="E551" s="64"/>
      <c r="F551" s="55"/>
      <c r="G551" s="102"/>
      <c r="H551" s="55"/>
      <c r="I551" s="55"/>
      <c r="J551" s="55"/>
      <c r="K551" s="55"/>
      <c r="L551" s="55"/>
      <c r="M551" s="55"/>
      <c r="N551" s="55"/>
      <c r="O551" s="55"/>
      <c r="P551" s="55"/>
      <c r="Q551" s="55"/>
      <c r="R551" s="55"/>
      <c r="S551" s="55"/>
      <c r="T551" s="55"/>
      <c r="U551" s="55"/>
      <c r="V551" s="55"/>
      <c r="W551" s="55"/>
      <c r="X551" s="55"/>
      <c r="Y551" s="55"/>
      <c r="Z551" s="55"/>
      <c r="AA551" s="55"/>
      <c r="AB551" s="55"/>
      <c r="AC551" s="55"/>
      <c r="AD551" s="55"/>
      <c r="AE551" s="55"/>
      <c r="AF551" s="55"/>
      <c r="AG551" s="55"/>
      <c r="AY551" s="162"/>
      <c r="AZ551" s="162"/>
      <c r="BA551" s="162"/>
      <c r="BB551" s="162"/>
      <c r="BC551" s="162"/>
      <c r="BD551" s="162"/>
      <c r="BE551" s="162"/>
      <c r="BF551" s="162"/>
      <c r="BG551" s="162"/>
      <c r="BH551" s="162"/>
      <c r="BI551" s="162"/>
      <c r="BJ551" s="162"/>
      <c r="BK551" s="162"/>
      <c r="BL551" s="162"/>
      <c r="BM551" s="162"/>
      <c r="BN551" s="162"/>
      <c r="BO551" s="162"/>
      <c r="BP551" s="162"/>
      <c r="BQ551" s="162"/>
      <c r="BR551" s="162"/>
      <c r="BS551" s="162"/>
      <c r="BT551" s="162"/>
      <c r="BU551" s="162"/>
      <c r="BV551" s="162"/>
      <c r="BW551" s="162"/>
      <c r="BX551" s="162"/>
      <c r="BY551" s="162"/>
      <c r="BZ551" s="162"/>
      <c r="CA551" s="162"/>
      <c r="CB551" s="162"/>
      <c r="CC551" s="162"/>
      <c r="CD551" s="162"/>
      <c r="CE551" s="162"/>
      <c r="CF551" s="162"/>
      <c r="CG551" s="162"/>
      <c r="CH551" s="162"/>
      <c r="CI551" s="162"/>
      <c r="CJ551" s="162"/>
      <c r="CK551" s="162"/>
      <c r="CX551" s="98"/>
      <c r="DL551" s="97"/>
      <c r="DX551" s="98"/>
      <c r="EL551" s="97"/>
      <c r="EX551" s="98"/>
      <c r="EY551" s="97"/>
      <c r="FL551" s="126"/>
      <c r="FM551" s="91"/>
      <c r="FN551" s="91"/>
      <c r="FO551" s="91"/>
      <c r="FP551" s="91"/>
      <c r="FQ551" s="91"/>
      <c r="FR551" s="91"/>
      <c r="FS551" s="91"/>
      <c r="FT551" s="91"/>
      <c r="FU551" s="91"/>
      <c r="FV551" s="91"/>
      <c r="FW551" s="91"/>
      <c r="FX551" s="91"/>
      <c r="FY551" s="91"/>
      <c r="FZ551" s="91"/>
      <c r="GA551" s="91"/>
      <c r="GB551" s="91"/>
      <c r="GC551" s="91"/>
      <c r="GD551" s="91"/>
      <c r="GE551" s="91"/>
      <c r="GF551" s="91"/>
      <c r="GG551" s="91"/>
      <c r="GH551" s="91"/>
      <c r="GI551" s="91"/>
      <c r="GJ551" s="91"/>
      <c r="GK551" s="127"/>
      <c r="GL551" s="126"/>
      <c r="GM551" s="91"/>
      <c r="GN551" s="91"/>
      <c r="GO551" s="91"/>
      <c r="GP551" s="91"/>
      <c r="GQ551" s="91"/>
      <c r="GR551" s="91"/>
      <c r="GS551" s="91"/>
      <c r="GT551" s="91"/>
      <c r="GU551" s="91"/>
      <c r="GV551" s="91"/>
      <c r="GW551" s="91"/>
      <c r="GX551" s="91"/>
      <c r="GY551" s="91"/>
      <c r="GZ551" s="91"/>
      <c r="HA551" s="91"/>
      <c r="HB551" s="91"/>
      <c r="HC551" s="91"/>
      <c r="HD551" s="91"/>
      <c r="HE551" s="91"/>
      <c r="HF551" s="91"/>
      <c r="HG551" s="91"/>
      <c r="HH551" s="91"/>
      <c r="HI551" s="91"/>
      <c r="HJ551" s="91"/>
      <c r="HK551" s="127"/>
      <c r="HL551" s="126"/>
      <c r="HM551" s="91"/>
      <c r="HN551" s="91"/>
      <c r="HO551" s="91"/>
      <c r="HP551" s="91"/>
      <c r="HQ551" s="91"/>
      <c r="HR551" s="91"/>
      <c r="HS551" s="91"/>
      <c r="HT551" s="91"/>
      <c r="HU551" s="91"/>
      <c r="HV551" s="91"/>
      <c r="HW551" s="91"/>
      <c r="HX551" s="91"/>
      <c r="HY551" s="91"/>
      <c r="HZ551" s="91"/>
      <c r="IA551" s="91"/>
      <c r="IB551" s="91"/>
      <c r="IC551" s="91"/>
      <c r="ID551" s="91"/>
      <c r="IE551" s="91"/>
      <c r="IF551" s="91"/>
      <c r="IG551" s="91"/>
      <c r="IH551" s="91"/>
      <c r="II551" s="91"/>
      <c r="IJ551" s="91"/>
      <c r="IK551" s="127"/>
    </row>
    <row r="552" spans="2:245" x14ac:dyDescent="0.2">
      <c r="B552" s="43"/>
      <c r="C552" s="73"/>
      <c r="D552" s="64"/>
      <c r="E552" s="64"/>
      <c r="F552" s="55"/>
      <c r="G552" s="102"/>
      <c r="H552" s="55"/>
      <c r="I552" s="55"/>
      <c r="J552" s="55"/>
      <c r="K552" s="55"/>
      <c r="L552" s="55"/>
      <c r="M552" s="55"/>
      <c r="N552" s="55"/>
      <c r="O552" s="55"/>
      <c r="P552" s="55"/>
      <c r="Q552" s="55"/>
      <c r="R552" s="55"/>
      <c r="S552" s="55"/>
      <c r="T552" s="55"/>
      <c r="U552" s="55"/>
      <c r="V552" s="55"/>
      <c r="W552" s="55"/>
      <c r="X552" s="55"/>
      <c r="Y552" s="55"/>
      <c r="Z552" s="55"/>
      <c r="AA552" s="55"/>
      <c r="AB552" s="55"/>
      <c r="AC552" s="55"/>
      <c r="AD552" s="55"/>
      <c r="AE552" s="55"/>
      <c r="AF552" s="55"/>
      <c r="AG552" s="55"/>
      <c r="AY552" s="162"/>
      <c r="AZ552" s="162"/>
      <c r="BA552" s="162"/>
      <c r="BB552" s="162"/>
      <c r="BC552" s="162"/>
      <c r="BD552" s="162"/>
      <c r="BE552" s="162"/>
      <c r="BF552" s="162"/>
      <c r="BG552" s="162"/>
      <c r="BH552" s="162"/>
      <c r="BI552" s="162"/>
      <c r="BJ552" s="162"/>
      <c r="BK552" s="162"/>
      <c r="BL552" s="162"/>
      <c r="BM552" s="162"/>
      <c r="BN552" s="162"/>
      <c r="BO552" s="162"/>
      <c r="BP552" s="162"/>
      <c r="BQ552" s="162"/>
      <c r="BR552" s="162"/>
      <c r="BS552" s="162"/>
      <c r="BT552" s="162"/>
      <c r="BU552" s="162"/>
      <c r="BV552" s="162"/>
      <c r="BW552" s="162"/>
      <c r="BX552" s="162"/>
      <c r="BY552" s="162"/>
      <c r="BZ552" s="162"/>
      <c r="CA552" s="162"/>
      <c r="CB552" s="162"/>
      <c r="CC552" s="162"/>
      <c r="CD552" s="162"/>
      <c r="CE552" s="162"/>
      <c r="CF552" s="162"/>
      <c r="CG552" s="162"/>
      <c r="CH552" s="162"/>
      <c r="CI552" s="162"/>
      <c r="CJ552" s="162"/>
      <c r="CK552" s="162"/>
      <c r="CX552" s="98"/>
      <c r="DL552" s="97"/>
      <c r="DX552" s="98"/>
      <c r="EL552" s="97"/>
      <c r="EX552" s="98"/>
      <c r="EY552" s="97"/>
      <c r="FL552" s="126"/>
      <c r="FM552" s="91"/>
      <c r="FN552" s="91"/>
      <c r="FO552" s="91"/>
      <c r="FP552" s="91"/>
      <c r="FQ552" s="91"/>
      <c r="FR552" s="91"/>
      <c r="FS552" s="91"/>
      <c r="FT552" s="91"/>
      <c r="FU552" s="91"/>
      <c r="FV552" s="91"/>
      <c r="FW552" s="91"/>
      <c r="FX552" s="91"/>
      <c r="FY552" s="91"/>
      <c r="FZ552" s="91"/>
      <c r="GA552" s="91"/>
      <c r="GB552" s="91"/>
      <c r="GC552" s="91"/>
      <c r="GD552" s="91"/>
      <c r="GE552" s="91"/>
      <c r="GF552" s="91"/>
      <c r="GG552" s="91"/>
      <c r="GH552" s="91"/>
      <c r="GI552" s="91"/>
      <c r="GJ552" s="91"/>
      <c r="GK552" s="127"/>
      <c r="GL552" s="126"/>
      <c r="GM552" s="91"/>
      <c r="GN552" s="91"/>
      <c r="GO552" s="91"/>
      <c r="GP552" s="91"/>
      <c r="GQ552" s="91"/>
      <c r="GR552" s="91"/>
      <c r="GS552" s="91"/>
      <c r="GT552" s="91"/>
      <c r="GU552" s="91"/>
      <c r="GV552" s="91"/>
      <c r="GW552" s="91"/>
      <c r="GX552" s="91"/>
      <c r="GY552" s="91"/>
      <c r="GZ552" s="91"/>
      <c r="HA552" s="91"/>
      <c r="HB552" s="91"/>
      <c r="HC552" s="91"/>
      <c r="HD552" s="91"/>
      <c r="HE552" s="91"/>
      <c r="HF552" s="91"/>
      <c r="HG552" s="91"/>
      <c r="HH552" s="91"/>
      <c r="HI552" s="91"/>
      <c r="HJ552" s="91"/>
      <c r="HK552" s="127"/>
      <c r="HL552" s="126"/>
      <c r="HM552" s="91"/>
      <c r="HN552" s="91"/>
      <c r="HO552" s="91"/>
      <c r="HP552" s="91"/>
      <c r="HQ552" s="91"/>
      <c r="HR552" s="91"/>
      <c r="HS552" s="91"/>
      <c r="HT552" s="91"/>
      <c r="HU552" s="91"/>
      <c r="HV552" s="91"/>
      <c r="HW552" s="91"/>
      <c r="HX552" s="91"/>
      <c r="HY552" s="91"/>
      <c r="HZ552" s="91"/>
      <c r="IA552" s="91"/>
      <c r="IB552" s="91"/>
      <c r="IC552" s="91"/>
      <c r="ID552" s="91"/>
      <c r="IE552" s="91"/>
      <c r="IF552" s="91"/>
      <c r="IG552" s="91"/>
      <c r="IH552" s="91"/>
      <c r="II552" s="91"/>
      <c r="IJ552" s="91"/>
      <c r="IK552" s="127"/>
    </row>
    <row r="553" spans="2:245" x14ac:dyDescent="0.2">
      <c r="B553" s="43"/>
      <c r="C553" s="73"/>
      <c r="D553" s="64"/>
      <c r="E553" s="64"/>
      <c r="F553" s="55"/>
      <c r="G553" s="102"/>
      <c r="H553" s="55"/>
      <c r="I553" s="55"/>
      <c r="J553" s="55"/>
      <c r="K553" s="55"/>
      <c r="L553" s="55"/>
      <c r="M553" s="55"/>
      <c r="N553" s="55"/>
      <c r="O553" s="55"/>
      <c r="P553" s="55"/>
      <c r="Q553" s="55"/>
      <c r="R553" s="55"/>
      <c r="S553" s="55"/>
      <c r="T553" s="55"/>
      <c r="U553" s="55"/>
      <c r="V553" s="55"/>
      <c r="W553" s="55"/>
      <c r="X553" s="55"/>
      <c r="Y553" s="55"/>
      <c r="Z553" s="55"/>
      <c r="AA553" s="55"/>
      <c r="AB553" s="55"/>
      <c r="AC553" s="55"/>
      <c r="AD553" s="55"/>
      <c r="AE553" s="55"/>
      <c r="AF553" s="55"/>
      <c r="AG553" s="55"/>
      <c r="AY553" s="162"/>
      <c r="AZ553" s="162"/>
      <c r="BA553" s="162"/>
      <c r="BB553" s="162"/>
      <c r="BC553" s="162"/>
      <c r="BD553" s="162"/>
      <c r="BE553" s="162"/>
      <c r="BF553" s="162"/>
      <c r="BG553" s="162"/>
      <c r="BH553" s="162"/>
      <c r="BI553" s="162"/>
      <c r="BJ553" s="162"/>
      <c r="BK553" s="162"/>
      <c r="BL553" s="162"/>
      <c r="BM553" s="162"/>
      <c r="BN553" s="162"/>
      <c r="BO553" s="162"/>
      <c r="BP553" s="162"/>
      <c r="BQ553" s="162"/>
      <c r="BR553" s="162"/>
      <c r="BS553" s="162"/>
      <c r="BT553" s="162"/>
      <c r="BU553" s="162"/>
      <c r="BV553" s="162"/>
      <c r="BW553" s="162"/>
      <c r="BX553" s="162"/>
      <c r="BY553" s="162"/>
      <c r="BZ553" s="162"/>
      <c r="CA553" s="162"/>
      <c r="CB553" s="162"/>
      <c r="CC553" s="162"/>
      <c r="CD553" s="162"/>
      <c r="CE553" s="162"/>
      <c r="CF553" s="162"/>
      <c r="CG553" s="162"/>
      <c r="CH553" s="162"/>
      <c r="CI553" s="162"/>
      <c r="CJ553" s="162"/>
      <c r="CK553" s="162"/>
      <c r="CX553" s="98"/>
      <c r="DL553" s="97"/>
      <c r="DX553" s="98"/>
      <c r="EL553" s="97"/>
      <c r="EX553" s="98"/>
      <c r="EY553" s="97"/>
      <c r="FL553" s="126"/>
      <c r="FM553" s="91"/>
      <c r="FN553" s="91"/>
      <c r="FO553" s="91"/>
      <c r="FP553" s="91"/>
      <c r="FQ553" s="91"/>
      <c r="FR553" s="91"/>
      <c r="FS553" s="91"/>
      <c r="FT553" s="91"/>
      <c r="FU553" s="91"/>
      <c r="FV553" s="91"/>
      <c r="FW553" s="91"/>
      <c r="FX553" s="91"/>
      <c r="FY553" s="91"/>
      <c r="FZ553" s="91"/>
      <c r="GA553" s="91"/>
      <c r="GB553" s="91"/>
      <c r="GC553" s="91"/>
      <c r="GD553" s="91"/>
      <c r="GE553" s="91"/>
      <c r="GF553" s="91"/>
      <c r="GG553" s="91"/>
      <c r="GH553" s="91"/>
      <c r="GI553" s="91"/>
      <c r="GJ553" s="91"/>
      <c r="GK553" s="127"/>
      <c r="GL553" s="126"/>
      <c r="GM553" s="91"/>
      <c r="GN553" s="91"/>
      <c r="GO553" s="91"/>
      <c r="GP553" s="91"/>
      <c r="GQ553" s="91"/>
      <c r="GR553" s="91"/>
      <c r="GS553" s="91"/>
      <c r="GT553" s="91"/>
      <c r="GU553" s="91"/>
      <c r="GV553" s="91"/>
      <c r="GW553" s="91"/>
      <c r="GX553" s="91"/>
      <c r="GY553" s="91"/>
      <c r="GZ553" s="91"/>
      <c r="HA553" s="91"/>
      <c r="HB553" s="91"/>
      <c r="HC553" s="91"/>
      <c r="HD553" s="91"/>
      <c r="HE553" s="91"/>
      <c r="HF553" s="91"/>
      <c r="HG553" s="91"/>
      <c r="HH553" s="91"/>
      <c r="HI553" s="91"/>
      <c r="HJ553" s="91"/>
      <c r="HK553" s="127"/>
      <c r="HL553" s="126"/>
      <c r="HM553" s="91"/>
      <c r="HN553" s="91"/>
      <c r="HO553" s="91"/>
      <c r="HP553" s="91"/>
      <c r="HQ553" s="91"/>
      <c r="HR553" s="91"/>
      <c r="HS553" s="91"/>
      <c r="HT553" s="91"/>
      <c r="HU553" s="91"/>
      <c r="HV553" s="91"/>
      <c r="HW553" s="91"/>
      <c r="HX553" s="91"/>
      <c r="HY553" s="91"/>
      <c r="HZ553" s="91"/>
      <c r="IA553" s="91"/>
      <c r="IB553" s="91"/>
      <c r="IC553" s="91"/>
      <c r="ID553" s="91"/>
      <c r="IE553" s="91"/>
      <c r="IF553" s="91"/>
      <c r="IG553" s="91"/>
      <c r="IH553" s="91"/>
      <c r="II553" s="91"/>
      <c r="IJ553" s="91"/>
      <c r="IK553" s="127"/>
    </row>
    <row r="554" spans="2:245" x14ac:dyDescent="0.2">
      <c r="B554" s="43"/>
      <c r="C554" s="73"/>
      <c r="D554" s="64"/>
      <c r="E554" s="64"/>
      <c r="F554" s="55"/>
      <c r="G554" s="102"/>
      <c r="H554" s="55"/>
      <c r="I554" s="55"/>
      <c r="J554" s="55"/>
      <c r="K554" s="55"/>
      <c r="L554" s="55"/>
      <c r="M554" s="55"/>
      <c r="N554" s="55"/>
      <c r="O554" s="55"/>
      <c r="P554" s="55"/>
      <c r="Q554" s="55"/>
      <c r="R554" s="55"/>
      <c r="S554" s="55"/>
      <c r="T554" s="55"/>
      <c r="U554" s="55"/>
      <c r="V554" s="55"/>
      <c r="W554" s="55"/>
      <c r="X554" s="55"/>
      <c r="Y554" s="55"/>
      <c r="Z554" s="55"/>
      <c r="AA554" s="55"/>
      <c r="AB554" s="55"/>
      <c r="AC554" s="55"/>
      <c r="AD554" s="55"/>
      <c r="AE554" s="55"/>
      <c r="AF554" s="55"/>
      <c r="AG554" s="55"/>
      <c r="AY554" s="162"/>
      <c r="AZ554" s="162"/>
      <c r="BA554" s="162"/>
      <c r="BB554" s="162"/>
      <c r="BC554" s="162"/>
      <c r="BD554" s="162"/>
      <c r="BE554" s="162"/>
      <c r="BF554" s="162"/>
      <c r="BG554" s="162"/>
      <c r="BH554" s="162"/>
      <c r="BI554" s="162"/>
      <c r="BJ554" s="162"/>
      <c r="BK554" s="162"/>
      <c r="BL554" s="162"/>
      <c r="BM554" s="162"/>
      <c r="BN554" s="162"/>
      <c r="BO554" s="162"/>
      <c r="BP554" s="162"/>
      <c r="BQ554" s="162"/>
      <c r="BR554" s="162"/>
      <c r="BS554" s="162"/>
      <c r="BT554" s="162"/>
      <c r="BU554" s="162"/>
      <c r="BV554" s="162"/>
      <c r="BW554" s="162"/>
      <c r="BX554" s="162"/>
      <c r="BY554" s="162"/>
      <c r="BZ554" s="162"/>
      <c r="CA554" s="162"/>
      <c r="CB554" s="162"/>
      <c r="CC554" s="162"/>
      <c r="CD554" s="162"/>
      <c r="CE554" s="162"/>
      <c r="CF554" s="162"/>
      <c r="CG554" s="162"/>
      <c r="CH554" s="162"/>
      <c r="CI554" s="162"/>
      <c r="CJ554" s="162"/>
      <c r="CK554" s="162"/>
      <c r="CX554" s="98"/>
      <c r="DL554" s="97"/>
      <c r="DX554" s="98"/>
      <c r="EL554" s="97"/>
      <c r="EX554" s="98"/>
      <c r="EY554" s="97"/>
      <c r="FL554" s="126"/>
      <c r="FM554" s="91"/>
      <c r="FN554" s="91"/>
      <c r="FO554" s="91"/>
      <c r="FP554" s="91"/>
      <c r="FQ554" s="91"/>
      <c r="FR554" s="91"/>
      <c r="FS554" s="91"/>
      <c r="FT554" s="91"/>
      <c r="FU554" s="91"/>
      <c r="FV554" s="91"/>
      <c r="FW554" s="91"/>
      <c r="FX554" s="91"/>
      <c r="FY554" s="91"/>
      <c r="FZ554" s="91"/>
      <c r="GA554" s="91"/>
      <c r="GB554" s="91"/>
      <c r="GC554" s="91"/>
      <c r="GD554" s="91"/>
      <c r="GE554" s="91"/>
      <c r="GF554" s="91"/>
      <c r="GG554" s="91"/>
      <c r="GH554" s="91"/>
      <c r="GI554" s="91"/>
      <c r="GJ554" s="91"/>
      <c r="GK554" s="127"/>
      <c r="GL554" s="126"/>
      <c r="GM554" s="91"/>
      <c r="GN554" s="91"/>
      <c r="GO554" s="91"/>
      <c r="GP554" s="91"/>
      <c r="GQ554" s="91"/>
      <c r="GR554" s="91"/>
      <c r="GS554" s="91"/>
      <c r="GT554" s="91"/>
      <c r="GU554" s="91"/>
      <c r="GV554" s="91"/>
      <c r="GW554" s="91"/>
      <c r="GX554" s="91"/>
      <c r="GY554" s="91"/>
      <c r="GZ554" s="91"/>
      <c r="HA554" s="91"/>
      <c r="HB554" s="91"/>
      <c r="HC554" s="91"/>
      <c r="HD554" s="91"/>
      <c r="HE554" s="91"/>
      <c r="HF554" s="91"/>
      <c r="HG554" s="91"/>
      <c r="HH554" s="91"/>
      <c r="HI554" s="91"/>
      <c r="HJ554" s="91"/>
      <c r="HK554" s="127"/>
      <c r="HL554" s="126"/>
      <c r="HM554" s="91"/>
      <c r="HN554" s="91"/>
      <c r="HO554" s="91"/>
      <c r="HP554" s="91"/>
      <c r="HQ554" s="91"/>
      <c r="HR554" s="91"/>
      <c r="HS554" s="91"/>
      <c r="HT554" s="91"/>
      <c r="HU554" s="91"/>
      <c r="HV554" s="91"/>
      <c r="HW554" s="91"/>
      <c r="HX554" s="91"/>
      <c r="HY554" s="91"/>
      <c r="HZ554" s="91"/>
      <c r="IA554" s="91"/>
      <c r="IB554" s="91"/>
      <c r="IC554" s="91"/>
      <c r="ID554" s="91"/>
      <c r="IE554" s="91"/>
      <c r="IF554" s="91"/>
      <c r="IG554" s="91"/>
      <c r="IH554" s="91"/>
      <c r="II554" s="91"/>
      <c r="IJ554" s="91"/>
      <c r="IK554" s="127"/>
    </row>
    <row r="555" spans="2:245" x14ac:dyDescent="0.2">
      <c r="B555" s="43"/>
      <c r="C555" s="73"/>
      <c r="D555" s="64"/>
      <c r="E555" s="64"/>
      <c r="F555" s="55"/>
      <c r="G555" s="102"/>
      <c r="H555" s="55"/>
      <c r="I555" s="55"/>
      <c r="J555" s="55"/>
      <c r="K555" s="55"/>
      <c r="L555" s="55"/>
      <c r="M555" s="55"/>
      <c r="N555" s="55"/>
      <c r="O555" s="55"/>
      <c r="P555" s="55"/>
      <c r="Q555" s="55"/>
      <c r="R555" s="55"/>
      <c r="S555" s="55"/>
      <c r="T555" s="55"/>
      <c r="U555" s="55"/>
      <c r="V555" s="55"/>
      <c r="W555" s="55"/>
      <c r="X555" s="55"/>
      <c r="Y555" s="55"/>
      <c r="Z555" s="55"/>
      <c r="AA555" s="55"/>
      <c r="AB555" s="55"/>
      <c r="AC555" s="55"/>
      <c r="AD555" s="55"/>
      <c r="AE555" s="55"/>
      <c r="AF555" s="55"/>
      <c r="AG555" s="55"/>
      <c r="AY555" s="162"/>
      <c r="AZ555" s="162"/>
      <c r="BA555" s="162"/>
      <c r="BB555" s="162"/>
      <c r="BC555" s="162"/>
      <c r="BD555" s="162"/>
      <c r="BE555" s="162"/>
      <c r="BF555" s="162"/>
      <c r="BG555" s="162"/>
      <c r="BH555" s="162"/>
      <c r="BI555" s="162"/>
      <c r="BJ555" s="162"/>
      <c r="BK555" s="162"/>
      <c r="BL555" s="162"/>
      <c r="BM555" s="162"/>
      <c r="BN555" s="162"/>
      <c r="BO555" s="162"/>
      <c r="BP555" s="162"/>
      <c r="BQ555" s="162"/>
      <c r="BR555" s="162"/>
      <c r="BS555" s="162"/>
      <c r="BT555" s="162"/>
      <c r="BU555" s="162"/>
      <c r="BV555" s="162"/>
      <c r="BW555" s="162"/>
      <c r="BX555" s="162"/>
      <c r="BY555" s="162"/>
      <c r="BZ555" s="162"/>
      <c r="CA555" s="162"/>
      <c r="CB555" s="162"/>
      <c r="CC555" s="162"/>
      <c r="CD555" s="162"/>
      <c r="CE555" s="162"/>
      <c r="CF555" s="162"/>
      <c r="CG555" s="162"/>
      <c r="CH555" s="162"/>
      <c r="CI555" s="162"/>
      <c r="CJ555" s="162"/>
      <c r="CK555" s="162"/>
      <c r="CX555" s="98"/>
      <c r="DL555" s="97"/>
      <c r="DX555" s="98"/>
      <c r="EL555" s="97"/>
      <c r="EX555" s="98"/>
      <c r="EY555" s="97"/>
      <c r="FL555" s="126"/>
      <c r="FM555" s="91"/>
      <c r="FN555" s="91"/>
      <c r="FO555" s="91"/>
      <c r="FP555" s="91"/>
      <c r="FQ555" s="91"/>
      <c r="FR555" s="91"/>
      <c r="FS555" s="91"/>
      <c r="FT555" s="91"/>
      <c r="FU555" s="91"/>
      <c r="FV555" s="91"/>
      <c r="FW555" s="91"/>
      <c r="FX555" s="91"/>
      <c r="FY555" s="91"/>
      <c r="FZ555" s="91"/>
      <c r="GA555" s="91"/>
      <c r="GB555" s="91"/>
      <c r="GC555" s="91"/>
      <c r="GD555" s="91"/>
      <c r="GE555" s="91"/>
      <c r="GF555" s="91"/>
      <c r="GG555" s="91"/>
      <c r="GH555" s="91"/>
      <c r="GI555" s="91"/>
      <c r="GJ555" s="91"/>
      <c r="GK555" s="127"/>
      <c r="GL555" s="126"/>
      <c r="GM555" s="91"/>
      <c r="GN555" s="91"/>
      <c r="GO555" s="91"/>
      <c r="GP555" s="91"/>
      <c r="GQ555" s="91"/>
      <c r="GR555" s="91"/>
      <c r="GS555" s="91"/>
      <c r="GT555" s="91"/>
      <c r="GU555" s="91"/>
      <c r="GV555" s="91"/>
      <c r="GW555" s="91"/>
      <c r="GX555" s="91"/>
      <c r="GY555" s="91"/>
      <c r="GZ555" s="91"/>
      <c r="HA555" s="91"/>
      <c r="HB555" s="91"/>
      <c r="HC555" s="91"/>
      <c r="HD555" s="91"/>
      <c r="HE555" s="91"/>
      <c r="HF555" s="91"/>
      <c r="HG555" s="91"/>
      <c r="HH555" s="91"/>
      <c r="HI555" s="91"/>
      <c r="HJ555" s="91"/>
      <c r="HK555" s="127"/>
      <c r="HL555" s="126"/>
      <c r="HM555" s="91"/>
      <c r="HN555" s="91"/>
      <c r="HO555" s="91"/>
      <c r="HP555" s="91"/>
      <c r="HQ555" s="91"/>
      <c r="HR555" s="91"/>
      <c r="HS555" s="91"/>
      <c r="HT555" s="91"/>
      <c r="HU555" s="91"/>
      <c r="HV555" s="91"/>
      <c r="HW555" s="91"/>
      <c r="HX555" s="91"/>
      <c r="HY555" s="91"/>
      <c r="HZ555" s="91"/>
      <c r="IA555" s="91"/>
      <c r="IB555" s="91"/>
      <c r="IC555" s="91"/>
      <c r="ID555" s="91"/>
      <c r="IE555" s="91"/>
      <c r="IF555" s="91"/>
      <c r="IG555" s="91"/>
      <c r="IH555" s="91"/>
      <c r="II555" s="91"/>
      <c r="IJ555" s="91"/>
      <c r="IK555" s="127"/>
    </row>
    <row r="556" spans="2:245" x14ac:dyDescent="0.2">
      <c r="B556" s="43"/>
      <c r="C556" s="73"/>
      <c r="D556" s="64"/>
      <c r="E556" s="64"/>
      <c r="F556" s="55"/>
      <c r="G556" s="102"/>
      <c r="H556" s="55"/>
      <c r="I556" s="55"/>
      <c r="J556" s="55"/>
      <c r="K556" s="55"/>
      <c r="L556" s="55"/>
      <c r="M556" s="55"/>
      <c r="N556" s="55"/>
      <c r="O556" s="55"/>
      <c r="P556" s="55"/>
      <c r="Q556" s="55"/>
      <c r="R556" s="55"/>
      <c r="S556" s="55"/>
      <c r="T556" s="55"/>
      <c r="U556" s="55"/>
      <c r="V556" s="55"/>
      <c r="W556" s="55"/>
      <c r="X556" s="55"/>
      <c r="Y556" s="55"/>
      <c r="Z556" s="55"/>
      <c r="AA556" s="55"/>
      <c r="AB556" s="55"/>
      <c r="AC556" s="55"/>
      <c r="AD556" s="55"/>
      <c r="AE556" s="55"/>
      <c r="AF556" s="55"/>
      <c r="AG556" s="55"/>
      <c r="AY556" s="162"/>
      <c r="AZ556" s="162"/>
      <c r="BA556" s="162"/>
      <c r="BB556" s="162"/>
      <c r="BC556" s="162"/>
      <c r="BD556" s="162"/>
      <c r="BE556" s="162"/>
      <c r="BF556" s="162"/>
      <c r="BG556" s="162"/>
      <c r="BH556" s="162"/>
      <c r="BI556" s="162"/>
      <c r="BJ556" s="162"/>
      <c r="BK556" s="162"/>
      <c r="BL556" s="162"/>
      <c r="BM556" s="162"/>
      <c r="BN556" s="162"/>
      <c r="BO556" s="162"/>
      <c r="BP556" s="162"/>
      <c r="BQ556" s="162"/>
      <c r="BR556" s="162"/>
      <c r="BS556" s="162"/>
      <c r="BT556" s="162"/>
      <c r="BU556" s="162"/>
      <c r="BV556" s="162"/>
      <c r="BW556" s="162"/>
      <c r="BX556" s="162"/>
      <c r="BY556" s="162"/>
      <c r="BZ556" s="162"/>
      <c r="CA556" s="162"/>
      <c r="CB556" s="162"/>
      <c r="CC556" s="162"/>
      <c r="CD556" s="162"/>
      <c r="CE556" s="162"/>
      <c r="CF556" s="162"/>
      <c r="CG556" s="162"/>
      <c r="CH556" s="162"/>
      <c r="CI556" s="162"/>
      <c r="CJ556" s="162"/>
      <c r="CK556" s="162"/>
      <c r="CX556" s="98"/>
      <c r="DL556" s="97"/>
      <c r="DX556" s="98"/>
      <c r="EL556" s="97"/>
      <c r="EX556" s="98"/>
      <c r="EY556" s="97"/>
      <c r="FL556" s="126"/>
      <c r="FM556" s="91"/>
      <c r="FN556" s="91"/>
      <c r="FO556" s="91"/>
      <c r="FP556" s="91"/>
      <c r="FQ556" s="91"/>
      <c r="FR556" s="91"/>
      <c r="FS556" s="91"/>
      <c r="FT556" s="91"/>
      <c r="FU556" s="91"/>
      <c r="FV556" s="91"/>
      <c r="FW556" s="91"/>
      <c r="FX556" s="91"/>
      <c r="FY556" s="91"/>
      <c r="FZ556" s="91"/>
      <c r="GA556" s="91"/>
      <c r="GB556" s="91"/>
      <c r="GC556" s="91"/>
      <c r="GD556" s="91"/>
      <c r="GE556" s="91"/>
      <c r="GF556" s="91"/>
      <c r="GG556" s="91"/>
      <c r="GH556" s="91"/>
      <c r="GI556" s="91"/>
      <c r="GJ556" s="91"/>
      <c r="GK556" s="127"/>
      <c r="GL556" s="126"/>
      <c r="GM556" s="91"/>
      <c r="GN556" s="91"/>
      <c r="GO556" s="91"/>
      <c r="GP556" s="91"/>
      <c r="GQ556" s="91"/>
      <c r="GR556" s="91"/>
      <c r="GS556" s="91"/>
      <c r="GT556" s="91"/>
      <c r="GU556" s="91"/>
      <c r="GV556" s="91"/>
      <c r="GW556" s="91"/>
      <c r="GX556" s="91"/>
      <c r="GY556" s="91"/>
      <c r="GZ556" s="91"/>
      <c r="HA556" s="91"/>
      <c r="HB556" s="91"/>
      <c r="HC556" s="91"/>
      <c r="HD556" s="91"/>
      <c r="HE556" s="91"/>
      <c r="HF556" s="91"/>
      <c r="HG556" s="91"/>
      <c r="HH556" s="91"/>
      <c r="HI556" s="91"/>
      <c r="HJ556" s="91"/>
      <c r="HK556" s="127"/>
      <c r="HL556" s="126"/>
      <c r="HM556" s="91"/>
      <c r="HN556" s="91"/>
      <c r="HO556" s="91"/>
      <c r="HP556" s="91"/>
      <c r="HQ556" s="91"/>
      <c r="HR556" s="91"/>
      <c r="HS556" s="91"/>
      <c r="HT556" s="91"/>
      <c r="HU556" s="91"/>
      <c r="HV556" s="91"/>
      <c r="HW556" s="91"/>
      <c r="HX556" s="91"/>
      <c r="HY556" s="91"/>
      <c r="HZ556" s="91"/>
      <c r="IA556" s="91"/>
      <c r="IB556" s="91"/>
      <c r="IC556" s="91"/>
      <c r="ID556" s="91"/>
      <c r="IE556" s="91"/>
      <c r="IF556" s="91"/>
      <c r="IG556" s="91"/>
      <c r="IH556" s="91"/>
      <c r="II556" s="91"/>
      <c r="IJ556" s="91"/>
      <c r="IK556" s="127"/>
    </row>
    <row r="557" spans="2:245" x14ac:dyDescent="0.2">
      <c r="B557" s="43"/>
      <c r="C557" s="73"/>
      <c r="D557" s="64"/>
      <c r="E557" s="64"/>
      <c r="F557" s="55"/>
      <c r="G557" s="102"/>
      <c r="H557" s="55"/>
      <c r="I557" s="55"/>
      <c r="J557" s="55"/>
      <c r="K557" s="55"/>
      <c r="L557" s="55"/>
      <c r="M557" s="55"/>
      <c r="N557" s="55"/>
      <c r="O557" s="55"/>
      <c r="P557" s="55"/>
      <c r="Q557" s="55"/>
      <c r="R557" s="55"/>
      <c r="S557" s="55"/>
      <c r="T557" s="55"/>
      <c r="U557" s="55"/>
      <c r="V557" s="55"/>
      <c r="W557" s="55"/>
      <c r="X557" s="55"/>
      <c r="Y557" s="55"/>
      <c r="Z557" s="55"/>
      <c r="AA557" s="55"/>
      <c r="AB557" s="55"/>
      <c r="AC557" s="55"/>
      <c r="AD557" s="55"/>
      <c r="AE557" s="55"/>
      <c r="AF557" s="55"/>
      <c r="AG557" s="55"/>
      <c r="AY557" s="162"/>
      <c r="AZ557" s="162"/>
      <c r="BA557" s="162"/>
      <c r="BB557" s="162"/>
      <c r="BC557" s="162"/>
      <c r="BD557" s="162"/>
      <c r="BE557" s="162"/>
      <c r="BF557" s="162"/>
      <c r="BG557" s="162"/>
      <c r="BH557" s="162"/>
      <c r="BI557" s="162"/>
      <c r="BJ557" s="162"/>
      <c r="BK557" s="162"/>
      <c r="BL557" s="162"/>
      <c r="BM557" s="162"/>
      <c r="BN557" s="162"/>
      <c r="BO557" s="162"/>
      <c r="BP557" s="162"/>
      <c r="BQ557" s="162"/>
      <c r="BR557" s="162"/>
      <c r="BS557" s="162"/>
      <c r="BT557" s="162"/>
      <c r="BU557" s="162"/>
      <c r="BV557" s="162"/>
      <c r="BW557" s="162"/>
      <c r="BX557" s="162"/>
      <c r="BY557" s="162"/>
      <c r="BZ557" s="162"/>
      <c r="CA557" s="162"/>
      <c r="CB557" s="162"/>
      <c r="CC557" s="162"/>
      <c r="CD557" s="162"/>
      <c r="CE557" s="162"/>
      <c r="CF557" s="162"/>
      <c r="CG557" s="162"/>
      <c r="CH557" s="162"/>
      <c r="CI557" s="162"/>
      <c r="CJ557" s="162"/>
      <c r="CK557" s="162"/>
      <c r="CX557" s="98"/>
      <c r="DL557" s="97"/>
      <c r="DX557" s="98"/>
      <c r="EL557" s="97"/>
      <c r="EX557" s="98"/>
      <c r="EY557" s="97"/>
      <c r="FL557" s="126"/>
      <c r="FM557" s="91"/>
      <c r="FN557" s="91"/>
      <c r="FO557" s="91"/>
      <c r="FP557" s="91"/>
      <c r="FQ557" s="91"/>
      <c r="FR557" s="91"/>
      <c r="FS557" s="91"/>
      <c r="FT557" s="91"/>
      <c r="FU557" s="91"/>
      <c r="FV557" s="91"/>
      <c r="FW557" s="91"/>
      <c r="FX557" s="91"/>
      <c r="FY557" s="91"/>
      <c r="FZ557" s="91"/>
      <c r="GA557" s="91"/>
      <c r="GB557" s="91"/>
      <c r="GC557" s="91"/>
      <c r="GD557" s="91"/>
      <c r="GE557" s="91"/>
      <c r="GF557" s="91"/>
      <c r="GG557" s="91"/>
      <c r="GH557" s="91"/>
      <c r="GI557" s="91"/>
      <c r="GJ557" s="91"/>
      <c r="GK557" s="127"/>
      <c r="GL557" s="126"/>
      <c r="GM557" s="91"/>
      <c r="GN557" s="91"/>
      <c r="GO557" s="91"/>
      <c r="GP557" s="91"/>
      <c r="GQ557" s="91"/>
      <c r="GR557" s="91"/>
      <c r="GS557" s="91"/>
      <c r="GT557" s="91"/>
      <c r="GU557" s="91"/>
      <c r="GV557" s="91"/>
      <c r="GW557" s="91"/>
      <c r="GX557" s="91"/>
      <c r="GY557" s="91"/>
      <c r="GZ557" s="91"/>
      <c r="HA557" s="91"/>
      <c r="HB557" s="91"/>
      <c r="HC557" s="91"/>
      <c r="HD557" s="91"/>
      <c r="HE557" s="91"/>
      <c r="HF557" s="91"/>
      <c r="HG557" s="91"/>
      <c r="HH557" s="91"/>
      <c r="HI557" s="91"/>
      <c r="HJ557" s="91"/>
      <c r="HK557" s="127"/>
      <c r="HL557" s="126"/>
      <c r="HM557" s="91"/>
      <c r="HN557" s="91"/>
      <c r="HO557" s="91"/>
      <c r="HP557" s="91"/>
      <c r="HQ557" s="91"/>
      <c r="HR557" s="91"/>
      <c r="HS557" s="91"/>
      <c r="HT557" s="91"/>
      <c r="HU557" s="91"/>
      <c r="HV557" s="91"/>
      <c r="HW557" s="91"/>
      <c r="HX557" s="91"/>
      <c r="HY557" s="91"/>
      <c r="HZ557" s="91"/>
      <c r="IA557" s="91"/>
      <c r="IB557" s="91"/>
      <c r="IC557" s="91"/>
      <c r="ID557" s="91"/>
      <c r="IE557" s="91"/>
      <c r="IF557" s="91"/>
      <c r="IG557" s="91"/>
      <c r="IH557" s="91"/>
      <c r="II557" s="91"/>
      <c r="IJ557" s="91"/>
      <c r="IK557" s="127"/>
    </row>
    <row r="558" spans="2:245" x14ac:dyDescent="0.2">
      <c r="B558" s="43"/>
      <c r="C558" s="73"/>
      <c r="D558" s="64"/>
      <c r="E558" s="64"/>
      <c r="F558" s="55"/>
      <c r="G558" s="102"/>
      <c r="H558" s="55"/>
      <c r="I558" s="55"/>
      <c r="J558" s="55"/>
      <c r="K558" s="55"/>
      <c r="L558" s="55"/>
      <c r="M558" s="55"/>
      <c r="N558" s="55"/>
      <c r="O558" s="55"/>
      <c r="P558" s="55"/>
      <c r="Q558" s="55"/>
      <c r="R558" s="55"/>
      <c r="S558" s="55"/>
      <c r="T558" s="55"/>
      <c r="U558" s="55"/>
      <c r="V558" s="55"/>
      <c r="W558" s="55"/>
      <c r="X558" s="55"/>
      <c r="Y558" s="55"/>
      <c r="Z558" s="55"/>
      <c r="AA558" s="55"/>
      <c r="AB558" s="55"/>
      <c r="AC558" s="55"/>
      <c r="AD558" s="55"/>
      <c r="AE558" s="55"/>
      <c r="AF558" s="55"/>
      <c r="AG558" s="55"/>
      <c r="AY558" s="162"/>
      <c r="AZ558" s="162"/>
      <c r="BA558" s="162"/>
      <c r="BB558" s="162"/>
      <c r="BC558" s="162"/>
      <c r="BD558" s="162"/>
      <c r="BE558" s="162"/>
      <c r="BF558" s="162"/>
      <c r="BG558" s="162"/>
      <c r="BH558" s="162"/>
      <c r="BI558" s="162"/>
      <c r="BJ558" s="162"/>
      <c r="BK558" s="162"/>
      <c r="BL558" s="162"/>
      <c r="BM558" s="162"/>
      <c r="BN558" s="162"/>
      <c r="BO558" s="162"/>
      <c r="BP558" s="162"/>
      <c r="BQ558" s="162"/>
      <c r="BR558" s="162"/>
      <c r="BS558" s="162"/>
      <c r="BT558" s="162"/>
      <c r="BU558" s="162"/>
      <c r="BV558" s="162"/>
      <c r="BW558" s="162"/>
      <c r="BX558" s="162"/>
      <c r="BY558" s="162"/>
      <c r="BZ558" s="162"/>
      <c r="CA558" s="162"/>
      <c r="CB558" s="162"/>
      <c r="CC558" s="162"/>
      <c r="CD558" s="162"/>
      <c r="CE558" s="162"/>
      <c r="CF558" s="162"/>
      <c r="CG558" s="162"/>
      <c r="CH558" s="162"/>
      <c r="CI558" s="162"/>
      <c r="CJ558" s="162"/>
      <c r="CK558" s="162"/>
      <c r="CX558" s="98"/>
      <c r="DL558" s="97"/>
      <c r="DX558" s="98"/>
      <c r="EL558" s="97"/>
      <c r="EX558" s="98"/>
      <c r="EY558" s="97"/>
      <c r="FL558" s="126"/>
      <c r="FM558" s="91"/>
      <c r="FN558" s="91"/>
      <c r="FO558" s="91"/>
      <c r="FP558" s="91"/>
      <c r="FQ558" s="91"/>
      <c r="FR558" s="91"/>
      <c r="FS558" s="91"/>
      <c r="FT558" s="91"/>
      <c r="FU558" s="91"/>
      <c r="FV558" s="91"/>
      <c r="FW558" s="91"/>
      <c r="FX558" s="91"/>
      <c r="FY558" s="91"/>
      <c r="FZ558" s="91"/>
      <c r="GA558" s="91"/>
      <c r="GB558" s="91"/>
      <c r="GC558" s="91"/>
      <c r="GD558" s="91"/>
      <c r="GE558" s="91"/>
      <c r="GF558" s="91"/>
      <c r="GG558" s="91"/>
      <c r="GH558" s="91"/>
      <c r="GI558" s="91"/>
      <c r="GJ558" s="91"/>
      <c r="GK558" s="127"/>
      <c r="GL558" s="126"/>
      <c r="GM558" s="91"/>
      <c r="GN558" s="91"/>
      <c r="GO558" s="91"/>
      <c r="GP558" s="91"/>
      <c r="GQ558" s="91"/>
      <c r="GR558" s="91"/>
      <c r="GS558" s="91"/>
      <c r="GT558" s="91"/>
      <c r="GU558" s="91"/>
      <c r="GV558" s="91"/>
      <c r="GW558" s="91"/>
      <c r="GX558" s="91"/>
      <c r="GY558" s="91"/>
      <c r="GZ558" s="91"/>
      <c r="HA558" s="91"/>
      <c r="HB558" s="91"/>
      <c r="HC558" s="91"/>
      <c r="HD558" s="91"/>
      <c r="HE558" s="91"/>
      <c r="HF558" s="91"/>
      <c r="HG558" s="91"/>
      <c r="HH558" s="91"/>
      <c r="HI558" s="91"/>
      <c r="HJ558" s="91"/>
      <c r="HK558" s="127"/>
      <c r="HL558" s="126"/>
      <c r="HM558" s="91"/>
      <c r="HN558" s="91"/>
      <c r="HO558" s="91"/>
      <c r="HP558" s="91"/>
      <c r="HQ558" s="91"/>
      <c r="HR558" s="91"/>
      <c r="HS558" s="91"/>
      <c r="HT558" s="91"/>
      <c r="HU558" s="91"/>
      <c r="HV558" s="91"/>
      <c r="HW558" s="91"/>
      <c r="HX558" s="91"/>
      <c r="HY558" s="91"/>
      <c r="HZ558" s="91"/>
      <c r="IA558" s="91"/>
      <c r="IB558" s="91"/>
      <c r="IC558" s="91"/>
      <c r="ID558" s="91"/>
      <c r="IE558" s="91"/>
      <c r="IF558" s="91"/>
      <c r="IG558" s="91"/>
      <c r="IH558" s="91"/>
      <c r="II558" s="91"/>
      <c r="IJ558" s="91"/>
      <c r="IK558" s="127"/>
    </row>
    <row r="559" spans="2:245" x14ac:dyDescent="0.2">
      <c r="B559" s="43"/>
      <c r="C559" s="73"/>
      <c r="D559" s="64"/>
      <c r="E559" s="64"/>
      <c r="F559" s="55"/>
      <c r="G559" s="102"/>
      <c r="H559" s="55"/>
      <c r="I559" s="55"/>
      <c r="J559" s="55"/>
      <c r="K559" s="55"/>
      <c r="L559" s="55"/>
      <c r="M559" s="55"/>
      <c r="N559" s="55"/>
      <c r="O559" s="55"/>
      <c r="P559" s="55"/>
      <c r="Q559" s="55"/>
      <c r="R559" s="55"/>
      <c r="S559" s="55"/>
      <c r="T559" s="55"/>
      <c r="U559" s="55"/>
      <c r="V559" s="55"/>
      <c r="W559" s="55"/>
      <c r="X559" s="55"/>
      <c r="Y559" s="55"/>
      <c r="Z559" s="55"/>
      <c r="AA559" s="55"/>
      <c r="AB559" s="55"/>
      <c r="AC559" s="55"/>
      <c r="AD559" s="55"/>
      <c r="AE559" s="55"/>
      <c r="AF559" s="55"/>
      <c r="AG559" s="55"/>
      <c r="AY559" s="162"/>
      <c r="AZ559" s="162"/>
      <c r="BA559" s="162"/>
      <c r="BB559" s="162"/>
      <c r="BC559" s="162"/>
      <c r="BD559" s="162"/>
      <c r="BE559" s="162"/>
      <c r="BF559" s="162"/>
      <c r="BG559" s="162"/>
      <c r="BH559" s="162"/>
      <c r="BI559" s="162"/>
      <c r="BJ559" s="162"/>
      <c r="BK559" s="162"/>
      <c r="BL559" s="162"/>
      <c r="BM559" s="162"/>
      <c r="BN559" s="162"/>
      <c r="BO559" s="162"/>
      <c r="BP559" s="162"/>
      <c r="BQ559" s="162"/>
      <c r="BR559" s="162"/>
      <c r="BS559" s="162"/>
      <c r="BT559" s="162"/>
      <c r="BU559" s="162"/>
      <c r="BV559" s="162"/>
      <c r="BW559" s="162"/>
      <c r="BX559" s="162"/>
      <c r="BY559" s="162"/>
      <c r="BZ559" s="162"/>
      <c r="CA559" s="162"/>
      <c r="CB559" s="162"/>
      <c r="CC559" s="162"/>
      <c r="CD559" s="162"/>
      <c r="CE559" s="162"/>
      <c r="CF559" s="162"/>
      <c r="CG559" s="162"/>
      <c r="CH559" s="162"/>
      <c r="CI559" s="162"/>
      <c r="CJ559" s="162"/>
      <c r="CK559" s="162"/>
      <c r="CX559" s="98"/>
      <c r="DL559" s="97"/>
      <c r="DX559" s="98"/>
      <c r="EL559" s="97"/>
      <c r="EX559" s="98"/>
      <c r="EY559" s="97"/>
      <c r="FL559" s="126"/>
      <c r="FM559" s="91"/>
      <c r="FN559" s="91"/>
      <c r="FO559" s="91"/>
      <c r="FP559" s="91"/>
      <c r="FQ559" s="91"/>
      <c r="FR559" s="91"/>
      <c r="FS559" s="91"/>
      <c r="FT559" s="91"/>
      <c r="FU559" s="91"/>
      <c r="FV559" s="91"/>
      <c r="FW559" s="91"/>
      <c r="FX559" s="91"/>
      <c r="FY559" s="91"/>
      <c r="FZ559" s="91"/>
      <c r="GA559" s="91"/>
      <c r="GB559" s="91"/>
      <c r="GC559" s="91"/>
      <c r="GD559" s="91"/>
      <c r="GE559" s="91"/>
      <c r="GF559" s="91"/>
      <c r="GG559" s="91"/>
      <c r="GH559" s="91"/>
      <c r="GI559" s="91"/>
      <c r="GJ559" s="91"/>
      <c r="GK559" s="127"/>
      <c r="GL559" s="126"/>
      <c r="GM559" s="91"/>
      <c r="GN559" s="91"/>
      <c r="GO559" s="91"/>
      <c r="GP559" s="91"/>
      <c r="GQ559" s="91"/>
      <c r="GR559" s="91"/>
      <c r="GS559" s="91"/>
      <c r="GT559" s="91"/>
      <c r="GU559" s="91"/>
      <c r="GV559" s="91"/>
      <c r="GW559" s="91"/>
      <c r="GX559" s="91"/>
      <c r="GY559" s="91"/>
      <c r="GZ559" s="91"/>
      <c r="HA559" s="91"/>
      <c r="HB559" s="91"/>
      <c r="HC559" s="91"/>
      <c r="HD559" s="91"/>
      <c r="HE559" s="91"/>
      <c r="HF559" s="91"/>
      <c r="HG559" s="91"/>
      <c r="HH559" s="91"/>
      <c r="HI559" s="91"/>
      <c r="HJ559" s="91"/>
      <c r="HK559" s="127"/>
      <c r="HL559" s="126"/>
      <c r="HM559" s="91"/>
      <c r="HN559" s="91"/>
      <c r="HO559" s="91"/>
      <c r="HP559" s="91"/>
      <c r="HQ559" s="91"/>
      <c r="HR559" s="91"/>
      <c r="HS559" s="91"/>
      <c r="HT559" s="91"/>
      <c r="HU559" s="91"/>
      <c r="HV559" s="91"/>
      <c r="HW559" s="91"/>
      <c r="HX559" s="91"/>
      <c r="HY559" s="91"/>
      <c r="HZ559" s="91"/>
      <c r="IA559" s="91"/>
      <c r="IB559" s="91"/>
      <c r="IC559" s="91"/>
      <c r="ID559" s="91"/>
      <c r="IE559" s="91"/>
      <c r="IF559" s="91"/>
      <c r="IG559" s="91"/>
      <c r="IH559" s="91"/>
      <c r="II559" s="91"/>
      <c r="IJ559" s="91"/>
      <c r="IK559" s="127"/>
    </row>
    <row r="560" spans="2:245" x14ac:dyDescent="0.2">
      <c r="B560" s="43"/>
      <c r="C560" s="73"/>
      <c r="D560" s="64"/>
      <c r="E560" s="64"/>
      <c r="F560" s="55"/>
      <c r="G560" s="102"/>
      <c r="H560" s="55"/>
      <c r="I560" s="55"/>
      <c r="J560" s="55"/>
      <c r="K560" s="55"/>
      <c r="L560" s="55"/>
      <c r="M560" s="55"/>
      <c r="N560" s="55"/>
      <c r="O560" s="55"/>
      <c r="P560" s="55"/>
      <c r="Q560" s="55"/>
      <c r="R560" s="55"/>
      <c r="S560" s="55"/>
      <c r="T560" s="55"/>
      <c r="U560" s="55"/>
      <c r="V560" s="55"/>
      <c r="W560" s="55"/>
      <c r="X560" s="55"/>
      <c r="Y560" s="55"/>
      <c r="Z560" s="55"/>
      <c r="AA560" s="55"/>
      <c r="AB560" s="55"/>
      <c r="AC560" s="55"/>
      <c r="AD560" s="55"/>
      <c r="AE560" s="55"/>
      <c r="AF560" s="55"/>
      <c r="AG560" s="55"/>
      <c r="AY560" s="162"/>
      <c r="AZ560" s="162"/>
      <c r="BA560" s="162"/>
      <c r="BB560" s="162"/>
      <c r="BC560" s="162"/>
      <c r="BD560" s="162"/>
      <c r="BE560" s="162"/>
      <c r="BF560" s="162"/>
      <c r="BG560" s="162"/>
      <c r="BH560" s="162"/>
      <c r="BI560" s="162"/>
      <c r="BJ560" s="162"/>
      <c r="BK560" s="162"/>
      <c r="BL560" s="162"/>
      <c r="BM560" s="162"/>
      <c r="BN560" s="162"/>
      <c r="BO560" s="162"/>
      <c r="BP560" s="162"/>
      <c r="BQ560" s="162"/>
      <c r="BR560" s="162"/>
      <c r="BS560" s="162"/>
      <c r="BT560" s="162"/>
      <c r="BU560" s="162"/>
      <c r="BV560" s="162"/>
      <c r="BW560" s="162"/>
      <c r="BX560" s="162"/>
      <c r="BY560" s="162"/>
      <c r="BZ560" s="162"/>
      <c r="CA560" s="162"/>
      <c r="CB560" s="162"/>
      <c r="CC560" s="162"/>
      <c r="CD560" s="162"/>
      <c r="CE560" s="162"/>
      <c r="CF560" s="162"/>
      <c r="CG560" s="162"/>
      <c r="CH560" s="162"/>
      <c r="CI560" s="162"/>
      <c r="CJ560" s="162"/>
      <c r="CK560" s="162"/>
      <c r="CX560" s="98"/>
      <c r="DL560" s="97"/>
      <c r="DX560" s="98"/>
      <c r="EL560" s="97"/>
      <c r="EX560" s="98"/>
      <c r="EY560" s="97"/>
      <c r="FL560" s="126"/>
      <c r="FM560" s="91"/>
      <c r="FN560" s="91"/>
      <c r="FO560" s="91"/>
      <c r="FP560" s="91"/>
      <c r="FQ560" s="91"/>
      <c r="FR560" s="91"/>
      <c r="FS560" s="91"/>
      <c r="FT560" s="91"/>
      <c r="FU560" s="91"/>
      <c r="FV560" s="91"/>
      <c r="FW560" s="91"/>
      <c r="FX560" s="91"/>
      <c r="FY560" s="91"/>
      <c r="FZ560" s="91"/>
      <c r="GA560" s="91"/>
      <c r="GB560" s="91"/>
      <c r="GC560" s="91"/>
      <c r="GD560" s="91"/>
      <c r="GE560" s="91"/>
      <c r="GF560" s="91"/>
      <c r="GG560" s="91"/>
      <c r="GH560" s="91"/>
      <c r="GI560" s="91"/>
      <c r="GJ560" s="91"/>
      <c r="GK560" s="127"/>
      <c r="GL560" s="126"/>
      <c r="GM560" s="91"/>
      <c r="GN560" s="91"/>
      <c r="GO560" s="91"/>
      <c r="GP560" s="91"/>
      <c r="GQ560" s="91"/>
      <c r="GR560" s="91"/>
      <c r="GS560" s="91"/>
      <c r="GT560" s="91"/>
      <c r="GU560" s="91"/>
      <c r="GV560" s="91"/>
      <c r="GW560" s="91"/>
      <c r="GX560" s="91"/>
      <c r="GY560" s="91"/>
      <c r="GZ560" s="91"/>
      <c r="HA560" s="91"/>
      <c r="HB560" s="91"/>
      <c r="HC560" s="91"/>
      <c r="HD560" s="91"/>
      <c r="HE560" s="91"/>
      <c r="HF560" s="91"/>
      <c r="HG560" s="91"/>
      <c r="HH560" s="91"/>
      <c r="HI560" s="91"/>
      <c r="HJ560" s="91"/>
      <c r="HK560" s="127"/>
      <c r="HL560" s="126"/>
      <c r="HM560" s="91"/>
      <c r="HN560" s="91"/>
      <c r="HO560" s="91"/>
      <c r="HP560" s="91"/>
      <c r="HQ560" s="91"/>
      <c r="HR560" s="91"/>
      <c r="HS560" s="91"/>
      <c r="HT560" s="91"/>
      <c r="HU560" s="91"/>
      <c r="HV560" s="91"/>
      <c r="HW560" s="91"/>
      <c r="HX560" s="91"/>
      <c r="HY560" s="91"/>
      <c r="HZ560" s="91"/>
      <c r="IA560" s="91"/>
      <c r="IB560" s="91"/>
      <c r="IC560" s="91"/>
      <c r="ID560" s="91"/>
      <c r="IE560" s="91"/>
      <c r="IF560" s="91"/>
      <c r="IG560" s="91"/>
      <c r="IH560" s="91"/>
      <c r="II560" s="91"/>
      <c r="IJ560" s="91"/>
      <c r="IK560" s="127"/>
    </row>
    <row r="561" spans="2:245" x14ac:dyDescent="0.2">
      <c r="B561" s="43"/>
      <c r="C561" s="73"/>
      <c r="D561" s="64"/>
      <c r="E561" s="64"/>
      <c r="F561" s="55"/>
      <c r="G561" s="102"/>
      <c r="H561" s="55"/>
      <c r="I561" s="55"/>
      <c r="J561" s="55"/>
      <c r="K561" s="55"/>
      <c r="L561" s="55"/>
      <c r="M561" s="55"/>
      <c r="N561" s="55"/>
      <c r="O561" s="55"/>
      <c r="P561" s="55"/>
      <c r="Q561" s="55"/>
      <c r="R561" s="55"/>
      <c r="S561" s="55"/>
      <c r="T561" s="55"/>
      <c r="U561" s="55"/>
      <c r="V561" s="55"/>
      <c r="W561" s="55"/>
      <c r="X561" s="55"/>
      <c r="Y561" s="55"/>
      <c r="Z561" s="55"/>
      <c r="AA561" s="55"/>
      <c r="AB561" s="55"/>
      <c r="AC561" s="55"/>
      <c r="AD561" s="55"/>
      <c r="AE561" s="55"/>
      <c r="AF561" s="55"/>
      <c r="AG561" s="55"/>
      <c r="AY561" s="162"/>
      <c r="AZ561" s="162"/>
      <c r="BA561" s="162"/>
      <c r="BB561" s="162"/>
      <c r="BC561" s="162"/>
      <c r="BD561" s="162"/>
      <c r="BE561" s="162"/>
      <c r="BF561" s="162"/>
      <c r="BG561" s="162"/>
      <c r="BH561" s="162"/>
      <c r="BI561" s="162"/>
      <c r="BJ561" s="162"/>
      <c r="BK561" s="162"/>
      <c r="BL561" s="162"/>
      <c r="BM561" s="162"/>
      <c r="BN561" s="162"/>
      <c r="BO561" s="162"/>
      <c r="BP561" s="162"/>
      <c r="BQ561" s="162"/>
      <c r="BR561" s="162"/>
      <c r="BS561" s="162"/>
      <c r="BT561" s="162"/>
      <c r="BU561" s="162"/>
      <c r="BV561" s="162"/>
      <c r="BW561" s="162"/>
      <c r="BX561" s="162"/>
      <c r="BY561" s="162"/>
      <c r="BZ561" s="162"/>
      <c r="CA561" s="162"/>
      <c r="CB561" s="162"/>
      <c r="CC561" s="162"/>
      <c r="CD561" s="162"/>
      <c r="CE561" s="162"/>
      <c r="CF561" s="162"/>
      <c r="CG561" s="162"/>
      <c r="CH561" s="162"/>
      <c r="CI561" s="162"/>
      <c r="CJ561" s="162"/>
      <c r="CK561" s="162"/>
      <c r="CX561" s="98"/>
      <c r="DL561" s="97"/>
      <c r="DX561" s="98"/>
      <c r="EL561" s="97"/>
      <c r="EX561" s="98"/>
      <c r="EY561" s="97"/>
      <c r="FL561" s="126"/>
      <c r="FM561" s="91"/>
      <c r="FN561" s="91"/>
      <c r="FO561" s="91"/>
      <c r="FP561" s="91"/>
      <c r="FQ561" s="91"/>
      <c r="FR561" s="91"/>
      <c r="FS561" s="91"/>
      <c r="FT561" s="91"/>
      <c r="FU561" s="91"/>
      <c r="FV561" s="91"/>
      <c r="FW561" s="91"/>
      <c r="FX561" s="91"/>
      <c r="FY561" s="91"/>
      <c r="FZ561" s="91"/>
      <c r="GA561" s="91"/>
      <c r="GB561" s="91"/>
      <c r="GC561" s="91"/>
      <c r="GD561" s="91"/>
      <c r="GE561" s="91"/>
      <c r="GF561" s="91"/>
      <c r="GG561" s="91"/>
      <c r="GH561" s="91"/>
      <c r="GI561" s="91"/>
      <c r="GJ561" s="91"/>
      <c r="GK561" s="127"/>
      <c r="GL561" s="126"/>
      <c r="GM561" s="91"/>
      <c r="GN561" s="91"/>
      <c r="GO561" s="91"/>
      <c r="GP561" s="91"/>
      <c r="GQ561" s="91"/>
      <c r="GR561" s="91"/>
      <c r="GS561" s="91"/>
      <c r="GT561" s="91"/>
      <c r="GU561" s="91"/>
      <c r="GV561" s="91"/>
      <c r="GW561" s="91"/>
      <c r="GX561" s="91"/>
      <c r="GY561" s="91"/>
      <c r="GZ561" s="91"/>
      <c r="HA561" s="91"/>
      <c r="HB561" s="91"/>
      <c r="HC561" s="91"/>
      <c r="HD561" s="91"/>
      <c r="HE561" s="91"/>
      <c r="HF561" s="91"/>
      <c r="HG561" s="91"/>
      <c r="HH561" s="91"/>
      <c r="HI561" s="91"/>
      <c r="HJ561" s="91"/>
      <c r="HK561" s="127"/>
      <c r="HL561" s="126"/>
      <c r="HM561" s="91"/>
      <c r="HN561" s="91"/>
      <c r="HO561" s="91"/>
      <c r="HP561" s="91"/>
      <c r="HQ561" s="91"/>
      <c r="HR561" s="91"/>
      <c r="HS561" s="91"/>
      <c r="HT561" s="91"/>
      <c r="HU561" s="91"/>
      <c r="HV561" s="91"/>
      <c r="HW561" s="91"/>
      <c r="HX561" s="91"/>
      <c r="HY561" s="91"/>
      <c r="HZ561" s="91"/>
      <c r="IA561" s="91"/>
      <c r="IB561" s="91"/>
      <c r="IC561" s="91"/>
      <c r="ID561" s="91"/>
      <c r="IE561" s="91"/>
      <c r="IF561" s="91"/>
      <c r="IG561" s="91"/>
      <c r="IH561" s="91"/>
      <c r="II561" s="91"/>
      <c r="IJ561" s="91"/>
      <c r="IK561" s="127"/>
    </row>
    <row r="562" spans="2:245" x14ac:dyDescent="0.2">
      <c r="B562" s="43"/>
      <c r="C562" s="73"/>
      <c r="D562" s="64"/>
      <c r="E562" s="64"/>
      <c r="F562" s="55"/>
      <c r="G562" s="102"/>
      <c r="H562" s="55"/>
      <c r="I562" s="55"/>
      <c r="J562" s="55"/>
      <c r="K562" s="55"/>
      <c r="L562" s="55"/>
      <c r="M562" s="55"/>
      <c r="N562" s="55"/>
      <c r="O562" s="55"/>
      <c r="P562" s="55"/>
      <c r="Q562" s="55"/>
      <c r="R562" s="55"/>
      <c r="S562" s="55"/>
      <c r="T562" s="55"/>
      <c r="U562" s="55"/>
      <c r="V562" s="55"/>
      <c r="W562" s="55"/>
      <c r="X562" s="55"/>
      <c r="Y562" s="55"/>
      <c r="Z562" s="55"/>
      <c r="AA562" s="55"/>
      <c r="AB562" s="55"/>
      <c r="AC562" s="55"/>
      <c r="AD562" s="55"/>
      <c r="AE562" s="55"/>
      <c r="AF562" s="55"/>
      <c r="AG562" s="55"/>
      <c r="AY562" s="162"/>
      <c r="AZ562" s="162"/>
      <c r="BA562" s="162"/>
      <c r="BB562" s="162"/>
      <c r="BC562" s="162"/>
      <c r="BD562" s="162"/>
      <c r="BE562" s="162"/>
      <c r="BF562" s="162"/>
      <c r="BG562" s="162"/>
      <c r="BH562" s="162"/>
      <c r="BI562" s="162"/>
      <c r="BJ562" s="162"/>
      <c r="BK562" s="162"/>
      <c r="BL562" s="162"/>
      <c r="BM562" s="162"/>
      <c r="BN562" s="162"/>
      <c r="BO562" s="162"/>
      <c r="BP562" s="162"/>
      <c r="BQ562" s="162"/>
      <c r="BR562" s="162"/>
      <c r="BS562" s="162"/>
      <c r="BT562" s="162"/>
      <c r="BU562" s="162"/>
      <c r="BV562" s="162"/>
      <c r="BW562" s="162"/>
      <c r="BX562" s="162"/>
      <c r="BY562" s="162"/>
      <c r="BZ562" s="162"/>
      <c r="CA562" s="162"/>
      <c r="CB562" s="162"/>
      <c r="CC562" s="162"/>
      <c r="CD562" s="162"/>
      <c r="CE562" s="162"/>
      <c r="CF562" s="162"/>
      <c r="CG562" s="162"/>
      <c r="CH562" s="162"/>
      <c r="CI562" s="162"/>
      <c r="CJ562" s="162"/>
      <c r="CK562" s="162"/>
      <c r="CX562" s="98"/>
      <c r="DL562" s="97"/>
      <c r="DX562" s="98"/>
      <c r="EL562" s="97"/>
      <c r="EX562" s="98"/>
      <c r="EY562" s="97"/>
      <c r="FL562" s="126"/>
      <c r="FM562" s="91"/>
      <c r="FN562" s="91"/>
      <c r="FO562" s="91"/>
      <c r="FP562" s="91"/>
      <c r="FQ562" s="91"/>
      <c r="FR562" s="91"/>
      <c r="FS562" s="91"/>
      <c r="FT562" s="91"/>
      <c r="FU562" s="91"/>
      <c r="FV562" s="91"/>
      <c r="FW562" s="91"/>
      <c r="FX562" s="91"/>
      <c r="FY562" s="91"/>
      <c r="FZ562" s="91"/>
      <c r="GA562" s="91"/>
      <c r="GB562" s="91"/>
      <c r="GC562" s="91"/>
      <c r="GD562" s="91"/>
      <c r="GE562" s="91"/>
      <c r="GF562" s="91"/>
      <c r="GG562" s="91"/>
      <c r="GH562" s="91"/>
      <c r="GI562" s="91"/>
      <c r="GJ562" s="91"/>
      <c r="GK562" s="127"/>
      <c r="GL562" s="126"/>
      <c r="GM562" s="91"/>
      <c r="GN562" s="91"/>
      <c r="GO562" s="91"/>
      <c r="GP562" s="91"/>
      <c r="GQ562" s="91"/>
      <c r="GR562" s="91"/>
      <c r="GS562" s="91"/>
      <c r="GT562" s="91"/>
      <c r="GU562" s="91"/>
      <c r="GV562" s="91"/>
      <c r="GW562" s="91"/>
      <c r="GX562" s="91"/>
      <c r="GY562" s="91"/>
      <c r="GZ562" s="91"/>
      <c r="HA562" s="91"/>
      <c r="HB562" s="91"/>
      <c r="HC562" s="91"/>
      <c r="HD562" s="91"/>
      <c r="HE562" s="91"/>
      <c r="HF562" s="91"/>
      <c r="HG562" s="91"/>
      <c r="HH562" s="91"/>
      <c r="HI562" s="91"/>
      <c r="HJ562" s="91"/>
      <c r="HK562" s="127"/>
      <c r="HL562" s="126"/>
      <c r="HM562" s="91"/>
      <c r="HN562" s="91"/>
      <c r="HO562" s="91"/>
      <c r="HP562" s="91"/>
      <c r="HQ562" s="91"/>
      <c r="HR562" s="91"/>
      <c r="HS562" s="91"/>
      <c r="HT562" s="91"/>
      <c r="HU562" s="91"/>
      <c r="HV562" s="91"/>
      <c r="HW562" s="91"/>
      <c r="HX562" s="91"/>
      <c r="HY562" s="91"/>
      <c r="HZ562" s="91"/>
      <c r="IA562" s="91"/>
      <c r="IB562" s="91"/>
      <c r="IC562" s="91"/>
      <c r="ID562" s="91"/>
      <c r="IE562" s="91"/>
      <c r="IF562" s="91"/>
      <c r="IG562" s="91"/>
      <c r="IH562" s="91"/>
      <c r="II562" s="91"/>
      <c r="IJ562" s="91"/>
      <c r="IK562" s="127"/>
    </row>
    <row r="563" spans="2:245" x14ac:dyDescent="0.2">
      <c r="B563" s="43"/>
      <c r="C563" s="73"/>
      <c r="D563" s="64"/>
      <c r="E563" s="64"/>
      <c r="F563" s="55"/>
      <c r="G563" s="102"/>
      <c r="H563" s="55"/>
      <c r="I563" s="55"/>
      <c r="J563" s="55"/>
      <c r="K563" s="55"/>
      <c r="L563" s="55"/>
      <c r="M563" s="55"/>
      <c r="N563" s="55"/>
      <c r="O563" s="55"/>
      <c r="P563" s="55"/>
      <c r="Q563" s="55"/>
      <c r="R563" s="55"/>
      <c r="S563" s="55"/>
      <c r="T563" s="55"/>
      <c r="U563" s="55"/>
      <c r="V563" s="55"/>
      <c r="W563" s="55"/>
      <c r="X563" s="55"/>
      <c r="Y563" s="55"/>
      <c r="Z563" s="55"/>
      <c r="AA563" s="55"/>
      <c r="AB563" s="55"/>
      <c r="AC563" s="55"/>
      <c r="AD563" s="55"/>
      <c r="AE563" s="55"/>
      <c r="AF563" s="55"/>
      <c r="AG563" s="55"/>
      <c r="AY563" s="162"/>
      <c r="AZ563" s="162"/>
      <c r="BA563" s="162"/>
      <c r="BB563" s="162"/>
      <c r="BC563" s="162"/>
      <c r="BD563" s="162"/>
      <c r="BE563" s="162"/>
      <c r="BF563" s="162"/>
      <c r="BG563" s="162"/>
      <c r="BH563" s="162"/>
      <c r="BI563" s="162"/>
      <c r="BJ563" s="162"/>
      <c r="BK563" s="162"/>
      <c r="BL563" s="162"/>
      <c r="BM563" s="162"/>
      <c r="BN563" s="162"/>
      <c r="BO563" s="162"/>
      <c r="BP563" s="162"/>
      <c r="BQ563" s="162"/>
      <c r="BR563" s="162"/>
      <c r="BS563" s="162"/>
      <c r="BT563" s="162"/>
      <c r="BU563" s="162"/>
      <c r="BV563" s="162"/>
      <c r="BW563" s="162"/>
      <c r="BX563" s="162"/>
      <c r="BY563" s="162"/>
      <c r="BZ563" s="162"/>
      <c r="CA563" s="162"/>
      <c r="CB563" s="162"/>
      <c r="CC563" s="162"/>
      <c r="CD563" s="162"/>
      <c r="CE563" s="162"/>
      <c r="CF563" s="162"/>
      <c r="CG563" s="162"/>
      <c r="CH563" s="162"/>
      <c r="CI563" s="162"/>
      <c r="CJ563" s="162"/>
      <c r="CK563" s="162"/>
      <c r="CX563" s="98"/>
      <c r="DL563" s="97"/>
      <c r="DX563" s="98"/>
      <c r="EL563" s="97"/>
      <c r="EX563" s="98"/>
      <c r="EY563" s="97"/>
      <c r="FL563" s="126"/>
      <c r="FM563" s="91"/>
      <c r="FN563" s="91"/>
      <c r="FO563" s="91"/>
      <c r="FP563" s="91"/>
      <c r="FQ563" s="91"/>
      <c r="FR563" s="91"/>
      <c r="FS563" s="91"/>
      <c r="FT563" s="91"/>
      <c r="FU563" s="91"/>
      <c r="FV563" s="91"/>
      <c r="FW563" s="91"/>
      <c r="FX563" s="91"/>
      <c r="FY563" s="91"/>
      <c r="FZ563" s="91"/>
      <c r="GA563" s="91"/>
      <c r="GB563" s="91"/>
      <c r="GC563" s="91"/>
      <c r="GD563" s="91"/>
      <c r="GE563" s="91"/>
      <c r="GF563" s="91"/>
      <c r="GG563" s="91"/>
      <c r="GH563" s="91"/>
      <c r="GI563" s="91"/>
      <c r="GJ563" s="91"/>
      <c r="GK563" s="127"/>
      <c r="GL563" s="126"/>
      <c r="GM563" s="91"/>
      <c r="GN563" s="91"/>
      <c r="GO563" s="91"/>
      <c r="GP563" s="91"/>
      <c r="GQ563" s="91"/>
      <c r="GR563" s="91"/>
      <c r="GS563" s="91"/>
      <c r="GT563" s="91"/>
      <c r="GU563" s="91"/>
      <c r="GV563" s="91"/>
      <c r="GW563" s="91"/>
      <c r="GX563" s="91"/>
      <c r="GY563" s="91"/>
      <c r="GZ563" s="91"/>
      <c r="HA563" s="91"/>
      <c r="HB563" s="91"/>
      <c r="HC563" s="91"/>
      <c r="HD563" s="91"/>
      <c r="HE563" s="91"/>
      <c r="HF563" s="91"/>
      <c r="HG563" s="91"/>
      <c r="HH563" s="91"/>
      <c r="HI563" s="91"/>
      <c r="HJ563" s="91"/>
      <c r="HK563" s="127"/>
      <c r="HL563" s="126"/>
      <c r="HM563" s="91"/>
      <c r="HN563" s="91"/>
      <c r="HO563" s="91"/>
      <c r="HP563" s="91"/>
      <c r="HQ563" s="91"/>
      <c r="HR563" s="91"/>
      <c r="HS563" s="91"/>
      <c r="HT563" s="91"/>
      <c r="HU563" s="91"/>
      <c r="HV563" s="91"/>
      <c r="HW563" s="91"/>
      <c r="HX563" s="91"/>
      <c r="HY563" s="91"/>
      <c r="HZ563" s="91"/>
      <c r="IA563" s="91"/>
      <c r="IB563" s="91"/>
      <c r="IC563" s="91"/>
      <c r="ID563" s="91"/>
      <c r="IE563" s="91"/>
      <c r="IF563" s="91"/>
      <c r="IG563" s="91"/>
      <c r="IH563" s="91"/>
      <c r="II563" s="91"/>
      <c r="IJ563" s="91"/>
      <c r="IK563" s="127"/>
    </row>
    <row r="564" spans="2:245" x14ac:dyDescent="0.2">
      <c r="B564" s="43"/>
      <c r="C564" s="73"/>
      <c r="D564" s="64"/>
      <c r="E564" s="64"/>
      <c r="F564" s="55"/>
      <c r="G564" s="102"/>
      <c r="H564" s="55"/>
      <c r="I564" s="55"/>
      <c r="J564" s="55"/>
      <c r="K564" s="55"/>
      <c r="L564" s="55"/>
      <c r="M564" s="55"/>
      <c r="N564" s="55"/>
      <c r="O564" s="55"/>
      <c r="P564" s="55"/>
      <c r="Q564" s="55"/>
      <c r="R564" s="55"/>
      <c r="S564" s="55"/>
      <c r="T564" s="55"/>
      <c r="U564" s="55"/>
      <c r="V564" s="55"/>
      <c r="W564" s="55"/>
      <c r="X564" s="55"/>
      <c r="Y564" s="55"/>
      <c r="Z564" s="55"/>
      <c r="AA564" s="55"/>
      <c r="AB564" s="55"/>
      <c r="AC564" s="55"/>
      <c r="AD564" s="55"/>
      <c r="AE564" s="55"/>
      <c r="AF564" s="55"/>
      <c r="AG564" s="55"/>
      <c r="AY564" s="162"/>
      <c r="AZ564" s="162"/>
      <c r="BA564" s="162"/>
      <c r="BB564" s="162"/>
      <c r="BC564" s="162"/>
      <c r="BD564" s="162"/>
      <c r="BE564" s="162"/>
      <c r="BF564" s="162"/>
      <c r="BG564" s="162"/>
      <c r="BH564" s="162"/>
      <c r="BI564" s="162"/>
      <c r="BJ564" s="162"/>
      <c r="BK564" s="162"/>
      <c r="BL564" s="162"/>
      <c r="BM564" s="162"/>
      <c r="BN564" s="162"/>
      <c r="BO564" s="162"/>
      <c r="BP564" s="162"/>
      <c r="BQ564" s="162"/>
      <c r="BR564" s="162"/>
      <c r="BS564" s="162"/>
      <c r="BT564" s="162"/>
      <c r="BU564" s="162"/>
      <c r="BV564" s="162"/>
      <c r="BW564" s="162"/>
      <c r="BX564" s="162"/>
      <c r="BY564" s="162"/>
      <c r="BZ564" s="162"/>
      <c r="CA564" s="162"/>
      <c r="CB564" s="162"/>
      <c r="CC564" s="162"/>
      <c r="CD564" s="162"/>
      <c r="CE564" s="162"/>
      <c r="CF564" s="162"/>
      <c r="CG564" s="162"/>
      <c r="CH564" s="162"/>
      <c r="CI564" s="162"/>
      <c r="CJ564" s="162"/>
      <c r="CK564" s="162"/>
      <c r="CX564" s="98"/>
      <c r="DL564" s="97"/>
      <c r="DX564" s="98"/>
      <c r="EL564" s="97"/>
      <c r="EX564" s="98"/>
      <c r="EY564" s="97"/>
      <c r="FL564" s="126"/>
      <c r="FM564" s="91"/>
      <c r="FN564" s="91"/>
      <c r="FO564" s="91"/>
      <c r="FP564" s="91"/>
      <c r="FQ564" s="91"/>
      <c r="FR564" s="91"/>
      <c r="FS564" s="91"/>
      <c r="FT564" s="91"/>
      <c r="FU564" s="91"/>
      <c r="FV564" s="91"/>
      <c r="FW564" s="91"/>
      <c r="FX564" s="91"/>
      <c r="FY564" s="91"/>
      <c r="FZ564" s="91"/>
      <c r="GA564" s="91"/>
      <c r="GB564" s="91"/>
      <c r="GC564" s="91"/>
      <c r="GD564" s="91"/>
      <c r="GE564" s="91"/>
      <c r="GF564" s="91"/>
      <c r="GG564" s="91"/>
      <c r="GH564" s="91"/>
      <c r="GI564" s="91"/>
      <c r="GJ564" s="91"/>
      <c r="GK564" s="127"/>
      <c r="GL564" s="126"/>
      <c r="GM564" s="91"/>
      <c r="GN564" s="91"/>
      <c r="GO564" s="91"/>
      <c r="GP564" s="91"/>
      <c r="GQ564" s="91"/>
      <c r="GR564" s="91"/>
      <c r="GS564" s="91"/>
      <c r="GT564" s="91"/>
      <c r="GU564" s="91"/>
      <c r="GV564" s="91"/>
      <c r="GW564" s="91"/>
      <c r="GX564" s="91"/>
      <c r="GY564" s="91"/>
      <c r="GZ564" s="91"/>
      <c r="HA564" s="91"/>
      <c r="HB564" s="91"/>
      <c r="HC564" s="91"/>
      <c r="HD564" s="91"/>
      <c r="HE564" s="91"/>
      <c r="HF564" s="91"/>
      <c r="HG564" s="91"/>
      <c r="HH564" s="91"/>
      <c r="HI564" s="91"/>
      <c r="HJ564" s="91"/>
      <c r="HK564" s="127"/>
      <c r="HL564" s="126"/>
      <c r="HM564" s="91"/>
      <c r="HN564" s="91"/>
      <c r="HO564" s="91"/>
      <c r="HP564" s="91"/>
      <c r="HQ564" s="91"/>
      <c r="HR564" s="91"/>
      <c r="HS564" s="91"/>
      <c r="HT564" s="91"/>
      <c r="HU564" s="91"/>
      <c r="HV564" s="91"/>
      <c r="HW564" s="91"/>
      <c r="HX564" s="91"/>
      <c r="HY564" s="91"/>
      <c r="HZ564" s="91"/>
      <c r="IA564" s="91"/>
      <c r="IB564" s="91"/>
      <c r="IC564" s="91"/>
      <c r="ID564" s="91"/>
      <c r="IE564" s="91"/>
      <c r="IF564" s="91"/>
      <c r="IG564" s="91"/>
      <c r="IH564" s="91"/>
      <c r="II564" s="91"/>
      <c r="IJ564" s="91"/>
      <c r="IK564" s="127"/>
    </row>
    <row r="565" spans="2:245" x14ac:dyDescent="0.2">
      <c r="B565" s="43"/>
      <c r="C565" s="73"/>
      <c r="D565" s="64"/>
      <c r="E565" s="64"/>
      <c r="F565" s="55"/>
      <c r="G565" s="102"/>
      <c r="H565" s="55"/>
      <c r="I565" s="55"/>
      <c r="J565" s="55"/>
      <c r="K565" s="55"/>
      <c r="L565" s="55"/>
      <c r="M565" s="55"/>
      <c r="N565" s="55"/>
      <c r="O565" s="55"/>
      <c r="P565" s="55"/>
      <c r="Q565" s="55"/>
      <c r="R565" s="55"/>
      <c r="S565" s="55"/>
      <c r="T565" s="55"/>
      <c r="U565" s="55"/>
      <c r="V565" s="55"/>
      <c r="W565" s="55"/>
      <c r="X565" s="55"/>
      <c r="Y565" s="55"/>
      <c r="Z565" s="55"/>
      <c r="AA565" s="55"/>
      <c r="AB565" s="55"/>
      <c r="AC565" s="55"/>
      <c r="AD565" s="55"/>
      <c r="AE565" s="55"/>
      <c r="AF565" s="55"/>
      <c r="AG565" s="55"/>
      <c r="AY565" s="162"/>
      <c r="AZ565" s="162"/>
      <c r="BA565" s="162"/>
      <c r="BB565" s="162"/>
      <c r="BC565" s="162"/>
      <c r="BD565" s="162"/>
      <c r="BE565" s="162"/>
      <c r="BF565" s="162"/>
      <c r="BG565" s="162"/>
      <c r="BH565" s="162"/>
      <c r="BI565" s="162"/>
      <c r="BJ565" s="162"/>
      <c r="BK565" s="162"/>
      <c r="BL565" s="162"/>
      <c r="BM565" s="162"/>
      <c r="BN565" s="162"/>
      <c r="BO565" s="162"/>
      <c r="BP565" s="162"/>
      <c r="BQ565" s="162"/>
      <c r="BR565" s="162"/>
      <c r="BS565" s="162"/>
      <c r="BT565" s="162"/>
      <c r="BU565" s="162"/>
      <c r="BV565" s="162"/>
      <c r="BW565" s="162"/>
      <c r="BX565" s="162"/>
      <c r="BY565" s="162"/>
      <c r="BZ565" s="162"/>
      <c r="CA565" s="162"/>
      <c r="CB565" s="162"/>
      <c r="CC565" s="162"/>
      <c r="CD565" s="162"/>
      <c r="CE565" s="162"/>
      <c r="CF565" s="162"/>
      <c r="CG565" s="162"/>
      <c r="CH565" s="162"/>
      <c r="CI565" s="162"/>
      <c r="CJ565" s="162"/>
      <c r="CK565" s="162"/>
      <c r="CX565" s="98"/>
      <c r="DL565" s="97"/>
      <c r="DX565" s="98"/>
      <c r="EL565" s="97"/>
      <c r="EX565" s="98"/>
      <c r="EY565" s="97"/>
      <c r="FL565" s="126"/>
      <c r="FM565" s="91"/>
      <c r="FN565" s="91"/>
      <c r="FO565" s="91"/>
      <c r="FP565" s="91"/>
      <c r="FQ565" s="91"/>
      <c r="FR565" s="91"/>
      <c r="FS565" s="91"/>
      <c r="FT565" s="91"/>
      <c r="FU565" s="91"/>
      <c r="FV565" s="91"/>
      <c r="FW565" s="91"/>
      <c r="FX565" s="91"/>
      <c r="FY565" s="91"/>
      <c r="FZ565" s="91"/>
      <c r="GA565" s="91"/>
      <c r="GB565" s="91"/>
      <c r="GC565" s="91"/>
      <c r="GD565" s="91"/>
      <c r="GE565" s="91"/>
      <c r="GF565" s="91"/>
      <c r="GG565" s="91"/>
      <c r="GH565" s="91"/>
      <c r="GI565" s="91"/>
      <c r="GJ565" s="91"/>
      <c r="GK565" s="127"/>
      <c r="GL565" s="126"/>
      <c r="GM565" s="91"/>
      <c r="GN565" s="91"/>
      <c r="GO565" s="91"/>
      <c r="GP565" s="91"/>
      <c r="GQ565" s="91"/>
      <c r="GR565" s="91"/>
      <c r="GS565" s="91"/>
      <c r="GT565" s="91"/>
      <c r="GU565" s="91"/>
      <c r="GV565" s="91"/>
      <c r="GW565" s="91"/>
      <c r="GX565" s="91"/>
      <c r="GY565" s="91"/>
      <c r="GZ565" s="91"/>
      <c r="HA565" s="91"/>
      <c r="HB565" s="91"/>
      <c r="HC565" s="91"/>
      <c r="HD565" s="91"/>
      <c r="HE565" s="91"/>
      <c r="HF565" s="91"/>
      <c r="HG565" s="91"/>
      <c r="HH565" s="91"/>
      <c r="HI565" s="91"/>
      <c r="HJ565" s="91"/>
      <c r="HK565" s="127"/>
      <c r="HL565" s="126"/>
      <c r="HM565" s="91"/>
      <c r="HN565" s="91"/>
      <c r="HO565" s="91"/>
      <c r="HP565" s="91"/>
      <c r="HQ565" s="91"/>
      <c r="HR565" s="91"/>
      <c r="HS565" s="91"/>
      <c r="HT565" s="91"/>
      <c r="HU565" s="91"/>
      <c r="HV565" s="91"/>
      <c r="HW565" s="91"/>
      <c r="HX565" s="91"/>
      <c r="HY565" s="91"/>
      <c r="HZ565" s="91"/>
      <c r="IA565" s="91"/>
      <c r="IB565" s="91"/>
      <c r="IC565" s="91"/>
      <c r="ID565" s="91"/>
      <c r="IE565" s="91"/>
      <c r="IF565" s="91"/>
      <c r="IG565" s="91"/>
      <c r="IH565" s="91"/>
      <c r="II565" s="91"/>
      <c r="IJ565" s="91"/>
      <c r="IK565" s="127"/>
    </row>
    <row r="566" spans="2:245" x14ac:dyDescent="0.2">
      <c r="B566" s="43"/>
      <c r="C566" s="73"/>
      <c r="D566" s="64"/>
      <c r="E566" s="64"/>
      <c r="F566" s="55"/>
      <c r="G566" s="102"/>
      <c r="H566" s="55"/>
      <c r="I566" s="55"/>
      <c r="J566" s="55"/>
      <c r="K566" s="55"/>
      <c r="L566" s="55"/>
      <c r="M566" s="55"/>
      <c r="N566" s="55"/>
      <c r="O566" s="55"/>
      <c r="P566" s="55"/>
      <c r="Q566" s="55"/>
      <c r="R566" s="55"/>
      <c r="S566" s="55"/>
      <c r="T566" s="55"/>
      <c r="U566" s="55"/>
      <c r="V566" s="55"/>
      <c r="W566" s="55"/>
      <c r="X566" s="55"/>
      <c r="Y566" s="55"/>
      <c r="Z566" s="55"/>
      <c r="AA566" s="55"/>
      <c r="AB566" s="55"/>
      <c r="AC566" s="55"/>
      <c r="AD566" s="55"/>
      <c r="AE566" s="55"/>
      <c r="AF566" s="55"/>
      <c r="AG566" s="55"/>
      <c r="AY566" s="162"/>
      <c r="AZ566" s="162"/>
      <c r="BA566" s="162"/>
      <c r="BB566" s="162"/>
      <c r="BC566" s="162"/>
      <c r="BD566" s="162"/>
      <c r="BE566" s="162"/>
      <c r="BF566" s="162"/>
      <c r="BG566" s="162"/>
      <c r="BH566" s="162"/>
      <c r="BI566" s="162"/>
      <c r="BJ566" s="162"/>
      <c r="BK566" s="162"/>
      <c r="BL566" s="162"/>
      <c r="BM566" s="162"/>
      <c r="BN566" s="162"/>
      <c r="BO566" s="162"/>
      <c r="BP566" s="162"/>
      <c r="BQ566" s="162"/>
      <c r="BR566" s="162"/>
      <c r="BS566" s="162"/>
      <c r="BT566" s="162"/>
      <c r="BU566" s="162"/>
      <c r="BV566" s="162"/>
      <c r="BW566" s="162"/>
      <c r="BX566" s="162"/>
      <c r="BY566" s="162"/>
      <c r="BZ566" s="162"/>
      <c r="CA566" s="162"/>
      <c r="CB566" s="162"/>
      <c r="CC566" s="162"/>
      <c r="CD566" s="162"/>
      <c r="CE566" s="162"/>
      <c r="CF566" s="162"/>
      <c r="CG566" s="162"/>
      <c r="CH566" s="162"/>
      <c r="CI566" s="162"/>
      <c r="CJ566" s="162"/>
      <c r="CK566" s="162"/>
      <c r="CX566" s="98"/>
      <c r="DL566" s="97"/>
      <c r="DX566" s="98"/>
      <c r="EL566" s="97"/>
      <c r="EX566" s="98"/>
      <c r="EY566" s="97"/>
      <c r="FL566" s="126"/>
      <c r="FM566" s="91"/>
      <c r="FN566" s="91"/>
      <c r="FO566" s="91"/>
      <c r="FP566" s="91"/>
      <c r="FQ566" s="91"/>
      <c r="FR566" s="91"/>
      <c r="FS566" s="91"/>
      <c r="FT566" s="91"/>
      <c r="FU566" s="91"/>
      <c r="FV566" s="91"/>
      <c r="FW566" s="91"/>
      <c r="FX566" s="91"/>
      <c r="FY566" s="91"/>
      <c r="FZ566" s="91"/>
      <c r="GA566" s="91"/>
      <c r="GB566" s="91"/>
      <c r="GC566" s="91"/>
      <c r="GD566" s="91"/>
      <c r="GE566" s="91"/>
      <c r="GF566" s="91"/>
      <c r="GG566" s="91"/>
      <c r="GH566" s="91"/>
      <c r="GI566" s="91"/>
      <c r="GJ566" s="91"/>
      <c r="GK566" s="127"/>
      <c r="GL566" s="126"/>
      <c r="GM566" s="91"/>
      <c r="GN566" s="91"/>
      <c r="GO566" s="91"/>
      <c r="GP566" s="91"/>
      <c r="GQ566" s="91"/>
      <c r="GR566" s="91"/>
      <c r="GS566" s="91"/>
      <c r="GT566" s="91"/>
      <c r="GU566" s="91"/>
      <c r="GV566" s="91"/>
      <c r="GW566" s="91"/>
      <c r="GX566" s="91"/>
      <c r="GY566" s="91"/>
      <c r="GZ566" s="91"/>
      <c r="HA566" s="91"/>
      <c r="HB566" s="91"/>
      <c r="HC566" s="91"/>
      <c r="HD566" s="91"/>
      <c r="HE566" s="91"/>
      <c r="HF566" s="91"/>
      <c r="HG566" s="91"/>
      <c r="HH566" s="91"/>
      <c r="HI566" s="91"/>
      <c r="HJ566" s="91"/>
      <c r="HK566" s="127"/>
      <c r="HL566" s="126"/>
      <c r="HM566" s="91"/>
      <c r="HN566" s="91"/>
      <c r="HO566" s="91"/>
      <c r="HP566" s="91"/>
      <c r="HQ566" s="91"/>
      <c r="HR566" s="91"/>
      <c r="HS566" s="91"/>
      <c r="HT566" s="91"/>
      <c r="HU566" s="91"/>
      <c r="HV566" s="91"/>
      <c r="HW566" s="91"/>
      <c r="HX566" s="91"/>
      <c r="HY566" s="91"/>
      <c r="HZ566" s="91"/>
      <c r="IA566" s="91"/>
      <c r="IB566" s="91"/>
      <c r="IC566" s="91"/>
      <c r="ID566" s="91"/>
      <c r="IE566" s="91"/>
      <c r="IF566" s="91"/>
      <c r="IG566" s="91"/>
      <c r="IH566" s="91"/>
      <c r="II566" s="91"/>
      <c r="IJ566" s="91"/>
      <c r="IK566" s="127"/>
    </row>
    <row r="567" spans="2:245" x14ac:dyDescent="0.2">
      <c r="B567" s="43"/>
      <c r="C567" s="73"/>
      <c r="D567" s="64"/>
      <c r="E567" s="64"/>
      <c r="F567" s="55"/>
      <c r="G567" s="102"/>
      <c r="H567" s="55"/>
      <c r="I567" s="55"/>
      <c r="J567" s="55"/>
      <c r="K567" s="55"/>
      <c r="L567" s="55"/>
      <c r="M567" s="55"/>
      <c r="N567" s="55"/>
      <c r="O567" s="55"/>
      <c r="P567" s="55"/>
      <c r="Q567" s="55"/>
      <c r="R567" s="55"/>
      <c r="S567" s="55"/>
      <c r="T567" s="55"/>
      <c r="U567" s="55"/>
      <c r="V567" s="55"/>
      <c r="W567" s="55"/>
      <c r="X567" s="55"/>
      <c r="Y567" s="55"/>
      <c r="Z567" s="55"/>
      <c r="AA567" s="55"/>
      <c r="AB567" s="55"/>
      <c r="AC567" s="55"/>
      <c r="AD567" s="55"/>
      <c r="AE567" s="55"/>
      <c r="AF567" s="55"/>
      <c r="AG567" s="55"/>
      <c r="AY567" s="162"/>
      <c r="AZ567" s="162"/>
      <c r="BA567" s="162"/>
      <c r="BB567" s="162"/>
      <c r="BC567" s="162"/>
      <c r="BD567" s="162"/>
      <c r="BE567" s="162"/>
      <c r="BF567" s="162"/>
      <c r="BG567" s="162"/>
      <c r="BH567" s="162"/>
      <c r="BI567" s="162"/>
      <c r="BJ567" s="162"/>
      <c r="BK567" s="162"/>
      <c r="BL567" s="162"/>
      <c r="BM567" s="162"/>
      <c r="BN567" s="162"/>
      <c r="BO567" s="162"/>
      <c r="BP567" s="162"/>
      <c r="BQ567" s="162"/>
      <c r="BR567" s="162"/>
      <c r="BS567" s="162"/>
      <c r="BT567" s="162"/>
      <c r="BU567" s="162"/>
      <c r="BV567" s="162"/>
      <c r="BW567" s="162"/>
      <c r="BX567" s="162"/>
      <c r="BY567" s="162"/>
      <c r="BZ567" s="162"/>
      <c r="CA567" s="162"/>
      <c r="CB567" s="162"/>
      <c r="CC567" s="162"/>
      <c r="CD567" s="162"/>
      <c r="CE567" s="162"/>
      <c r="CF567" s="162"/>
      <c r="CG567" s="162"/>
      <c r="CH567" s="162"/>
      <c r="CI567" s="162"/>
      <c r="CJ567" s="162"/>
      <c r="CK567" s="162"/>
      <c r="CX567" s="98"/>
      <c r="DL567" s="97"/>
      <c r="DX567" s="98"/>
      <c r="EL567" s="97"/>
      <c r="EX567" s="98"/>
      <c r="EY567" s="97"/>
      <c r="FL567" s="126"/>
      <c r="FM567" s="91"/>
      <c r="FN567" s="91"/>
      <c r="FO567" s="91"/>
      <c r="FP567" s="91"/>
      <c r="FQ567" s="91"/>
      <c r="FR567" s="91"/>
      <c r="FS567" s="91"/>
      <c r="FT567" s="91"/>
      <c r="FU567" s="91"/>
      <c r="FV567" s="91"/>
      <c r="FW567" s="91"/>
      <c r="FX567" s="91"/>
      <c r="FY567" s="91"/>
      <c r="FZ567" s="91"/>
      <c r="GA567" s="91"/>
      <c r="GB567" s="91"/>
      <c r="GC567" s="91"/>
      <c r="GD567" s="91"/>
      <c r="GE567" s="91"/>
      <c r="GF567" s="91"/>
      <c r="GG567" s="91"/>
      <c r="GH567" s="91"/>
      <c r="GI567" s="91"/>
      <c r="GJ567" s="91"/>
      <c r="GK567" s="127"/>
      <c r="GL567" s="126"/>
      <c r="GM567" s="91"/>
      <c r="GN567" s="91"/>
      <c r="GO567" s="91"/>
      <c r="GP567" s="91"/>
      <c r="GQ567" s="91"/>
      <c r="GR567" s="91"/>
      <c r="GS567" s="91"/>
      <c r="GT567" s="91"/>
      <c r="GU567" s="91"/>
      <c r="GV567" s="91"/>
      <c r="GW567" s="91"/>
      <c r="GX567" s="91"/>
      <c r="GY567" s="91"/>
      <c r="GZ567" s="91"/>
      <c r="HA567" s="91"/>
      <c r="HB567" s="91"/>
      <c r="HC567" s="91"/>
      <c r="HD567" s="91"/>
      <c r="HE567" s="91"/>
      <c r="HF567" s="91"/>
      <c r="HG567" s="91"/>
      <c r="HH567" s="91"/>
      <c r="HI567" s="91"/>
      <c r="HJ567" s="91"/>
      <c r="HK567" s="127"/>
      <c r="HL567" s="126"/>
      <c r="HM567" s="91"/>
      <c r="HN567" s="91"/>
      <c r="HO567" s="91"/>
      <c r="HP567" s="91"/>
      <c r="HQ567" s="91"/>
      <c r="HR567" s="91"/>
      <c r="HS567" s="91"/>
      <c r="HT567" s="91"/>
      <c r="HU567" s="91"/>
      <c r="HV567" s="91"/>
      <c r="HW567" s="91"/>
      <c r="HX567" s="91"/>
      <c r="HY567" s="91"/>
      <c r="HZ567" s="91"/>
      <c r="IA567" s="91"/>
      <c r="IB567" s="91"/>
      <c r="IC567" s="91"/>
      <c r="ID567" s="91"/>
      <c r="IE567" s="91"/>
      <c r="IF567" s="91"/>
      <c r="IG567" s="91"/>
      <c r="IH567" s="91"/>
      <c r="II567" s="91"/>
      <c r="IJ567" s="91"/>
      <c r="IK567" s="127"/>
    </row>
    <row r="568" spans="2:245" x14ac:dyDescent="0.2">
      <c r="B568" s="43"/>
      <c r="C568" s="73"/>
      <c r="D568" s="64"/>
      <c r="E568" s="64"/>
      <c r="F568" s="55"/>
      <c r="G568" s="102"/>
      <c r="H568" s="55"/>
      <c r="I568" s="55"/>
      <c r="J568" s="55"/>
      <c r="K568" s="55"/>
      <c r="L568" s="55"/>
      <c r="M568" s="55"/>
      <c r="N568" s="55"/>
      <c r="O568" s="55"/>
      <c r="P568" s="55"/>
      <c r="Q568" s="55"/>
      <c r="R568" s="55"/>
      <c r="S568" s="55"/>
      <c r="T568" s="55"/>
      <c r="U568" s="55"/>
      <c r="V568" s="55"/>
      <c r="W568" s="55"/>
      <c r="X568" s="55"/>
      <c r="Y568" s="55"/>
      <c r="Z568" s="55"/>
      <c r="AA568" s="55"/>
      <c r="AB568" s="55"/>
      <c r="AC568" s="55"/>
      <c r="AD568" s="55"/>
      <c r="AE568" s="55"/>
      <c r="AF568" s="55"/>
      <c r="AG568" s="55"/>
      <c r="AY568" s="162"/>
      <c r="AZ568" s="162"/>
      <c r="BA568" s="162"/>
      <c r="BB568" s="162"/>
      <c r="BC568" s="162"/>
      <c r="BD568" s="162"/>
      <c r="BE568" s="162"/>
      <c r="BF568" s="162"/>
      <c r="BG568" s="162"/>
      <c r="BH568" s="162"/>
      <c r="BI568" s="162"/>
      <c r="BJ568" s="162"/>
      <c r="BK568" s="162"/>
      <c r="BL568" s="162"/>
      <c r="BM568" s="162"/>
      <c r="BN568" s="162"/>
      <c r="BO568" s="162"/>
      <c r="BP568" s="162"/>
      <c r="BQ568" s="162"/>
      <c r="BR568" s="162"/>
      <c r="BS568" s="162"/>
      <c r="BT568" s="162"/>
      <c r="BU568" s="162"/>
      <c r="BV568" s="162"/>
      <c r="BW568" s="162"/>
      <c r="BX568" s="162"/>
      <c r="BY568" s="162"/>
      <c r="BZ568" s="162"/>
      <c r="CA568" s="162"/>
      <c r="CB568" s="162"/>
      <c r="CC568" s="162"/>
      <c r="CD568" s="162"/>
      <c r="CE568" s="162"/>
      <c r="CF568" s="162"/>
      <c r="CG568" s="162"/>
      <c r="CH568" s="162"/>
      <c r="CI568" s="162"/>
      <c r="CJ568" s="162"/>
      <c r="CK568" s="162"/>
      <c r="CX568" s="98"/>
      <c r="DL568" s="97"/>
      <c r="DX568" s="98"/>
      <c r="EL568" s="97"/>
      <c r="EX568" s="98"/>
      <c r="EY568" s="97"/>
      <c r="FL568" s="126"/>
      <c r="FM568" s="91"/>
      <c r="FN568" s="91"/>
      <c r="FO568" s="91"/>
      <c r="FP568" s="91"/>
      <c r="FQ568" s="91"/>
      <c r="FR568" s="91"/>
      <c r="FS568" s="91"/>
      <c r="FT568" s="91"/>
      <c r="FU568" s="91"/>
      <c r="FV568" s="91"/>
      <c r="FW568" s="91"/>
      <c r="FX568" s="91"/>
      <c r="FY568" s="91"/>
      <c r="FZ568" s="91"/>
      <c r="GA568" s="91"/>
      <c r="GB568" s="91"/>
      <c r="GC568" s="91"/>
      <c r="GD568" s="91"/>
      <c r="GE568" s="91"/>
      <c r="GF568" s="91"/>
      <c r="GG568" s="91"/>
      <c r="GH568" s="91"/>
      <c r="GI568" s="91"/>
      <c r="GJ568" s="91"/>
      <c r="GK568" s="127"/>
      <c r="GL568" s="126"/>
      <c r="GM568" s="91"/>
      <c r="GN568" s="91"/>
      <c r="GO568" s="91"/>
      <c r="GP568" s="91"/>
      <c r="GQ568" s="91"/>
      <c r="GR568" s="91"/>
      <c r="GS568" s="91"/>
      <c r="GT568" s="91"/>
      <c r="GU568" s="91"/>
      <c r="GV568" s="91"/>
      <c r="GW568" s="91"/>
      <c r="GX568" s="91"/>
      <c r="GY568" s="91"/>
      <c r="GZ568" s="91"/>
      <c r="HA568" s="91"/>
      <c r="HB568" s="91"/>
      <c r="HC568" s="91"/>
      <c r="HD568" s="91"/>
      <c r="HE568" s="91"/>
      <c r="HF568" s="91"/>
      <c r="HG568" s="91"/>
      <c r="HH568" s="91"/>
      <c r="HI568" s="91"/>
      <c r="HJ568" s="91"/>
      <c r="HK568" s="127"/>
      <c r="HL568" s="126"/>
      <c r="HM568" s="91"/>
      <c r="HN568" s="91"/>
      <c r="HO568" s="91"/>
      <c r="HP568" s="91"/>
      <c r="HQ568" s="91"/>
      <c r="HR568" s="91"/>
      <c r="HS568" s="91"/>
      <c r="HT568" s="91"/>
      <c r="HU568" s="91"/>
      <c r="HV568" s="91"/>
      <c r="HW568" s="91"/>
      <c r="HX568" s="91"/>
      <c r="HY568" s="91"/>
      <c r="HZ568" s="91"/>
      <c r="IA568" s="91"/>
      <c r="IB568" s="91"/>
      <c r="IC568" s="91"/>
      <c r="ID568" s="91"/>
      <c r="IE568" s="91"/>
      <c r="IF568" s="91"/>
      <c r="IG568" s="91"/>
      <c r="IH568" s="91"/>
      <c r="II568" s="91"/>
      <c r="IJ568" s="91"/>
      <c r="IK568" s="127"/>
    </row>
    <row r="569" spans="2:245" x14ac:dyDescent="0.2">
      <c r="B569" s="43"/>
      <c r="C569" s="73"/>
      <c r="D569" s="64"/>
      <c r="E569" s="64"/>
      <c r="F569" s="55"/>
      <c r="G569" s="102"/>
      <c r="H569" s="55"/>
      <c r="I569" s="55"/>
      <c r="J569" s="55"/>
      <c r="K569" s="55"/>
      <c r="L569" s="55"/>
      <c r="M569" s="55"/>
      <c r="N569" s="55"/>
      <c r="O569" s="55"/>
      <c r="P569" s="55"/>
      <c r="Q569" s="55"/>
      <c r="R569" s="55"/>
      <c r="S569" s="55"/>
      <c r="T569" s="55"/>
      <c r="U569" s="55"/>
      <c r="V569" s="55"/>
      <c r="W569" s="55"/>
      <c r="X569" s="55"/>
      <c r="Y569" s="55"/>
      <c r="Z569" s="55"/>
      <c r="AA569" s="55"/>
      <c r="AB569" s="55"/>
      <c r="AC569" s="55"/>
      <c r="AD569" s="55"/>
      <c r="AE569" s="55"/>
      <c r="AF569" s="55"/>
      <c r="AG569" s="55"/>
      <c r="AY569" s="162"/>
      <c r="AZ569" s="162"/>
      <c r="BA569" s="162"/>
      <c r="BB569" s="162"/>
      <c r="BC569" s="162"/>
      <c r="BD569" s="162"/>
      <c r="BE569" s="162"/>
      <c r="BF569" s="162"/>
      <c r="BG569" s="162"/>
      <c r="BH569" s="162"/>
      <c r="BI569" s="162"/>
      <c r="BJ569" s="162"/>
      <c r="BK569" s="162"/>
      <c r="BL569" s="162"/>
      <c r="BM569" s="162"/>
      <c r="BN569" s="162"/>
      <c r="BO569" s="162"/>
      <c r="BP569" s="162"/>
      <c r="BQ569" s="162"/>
      <c r="BR569" s="162"/>
      <c r="BS569" s="162"/>
      <c r="BT569" s="162"/>
      <c r="BU569" s="162"/>
      <c r="BV569" s="162"/>
      <c r="BW569" s="162"/>
      <c r="BX569" s="162"/>
      <c r="BY569" s="162"/>
      <c r="BZ569" s="162"/>
      <c r="CA569" s="162"/>
      <c r="CB569" s="162"/>
      <c r="CC569" s="162"/>
      <c r="CD569" s="162"/>
      <c r="CE569" s="162"/>
      <c r="CF569" s="162"/>
      <c r="CG569" s="162"/>
      <c r="CH569" s="162"/>
      <c r="CI569" s="162"/>
      <c r="CJ569" s="162"/>
      <c r="CK569" s="162"/>
      <c r="CX569" s="98"/>
      <c r="DL569" s="97"/>
      <c r="DX569" s="98"/>
      <c r="EL569" s="97"/>
      <c r="EX569" s="98"/>
      <c r="EY569" s="97"/>
      <c r="FL569" s="126"/>
      <c r="FM569" s="91"/>
      <c r="FN569" s="91"/>
      <c r="FO569" s="91"/>
      <c r="FP569" s="91"/>
      <c r="FQ569" s="91"/>
      <c r="FR569" s="91"/>
      <c r="FS569" s="91"/>
      <c r="FT569" s="91"/>
      <c r="FU569" s="91"/>
      <c r="FV569" s="91"/>
      <c r="FW569" s="91"/>
      <c r="FX569" s="91"/>
      <c r="FY569" s="91"/>
      <c r="FZ569" s="91"/>
      <c r="GA569" s="91"/>
      <c r="GB569" s="91"/>
      <c r="GC569" s="91"/>
      <c r="GD569" s="91"/>
      <c r="GE569" s="91"/>
      <c r="GF569" s="91"/>
      <c r="GG569" s="91"/>
      <c r="GH569" s="91"/>
      <c r="GI569" s="91"/>
      <c r="GJ569" s="91"/>
      <c r="GK569" s="127"/>
      <c r="GL569" s="126"/>
      <c r="GM569" s="91"/>
      <c r="GN569" s="91"/>
      <c r="GO569" s="91"/>
      <c r="GP569" s="91"/>
      <c r="GQ569" s="91"/>
      <c r="GR569" s="91"/>
      <c r="GS569" s="91"/>
      <c r="GT569" s="91"/>
      <c r="GU569" s="91"/>
      <c r="GV569" s="91"/>
      <c r="GW569" s="91"/>
      <c r="GX569" s="91"/>
      <c r="GY569" s="91"/>
      <c r="GZ569" s="91"/>
      <c r="HA569" s="91"/>
      <c r="HB569" s="91"/>
      <c r="HC569" s="91"/>
      <c r="HD569" s="91"/>
      <c r="HE569" s="91"/>
      <c r="HF569" s="91"/>
      <c r="HG569" s="91"/>
      <c r="HH569" s="91"/>
      <c r="HI569" s="91"/>
      <c r="HJ569" s="91"/>
      <c r="HK569" s="127"/>
      <c r="HL569" s="126"/>
      <c r="HM569" s="91"/>
      <c r="HN569" s="91"/>
      <c r="HO569" s="91"/>
      <c r="HP569" s="91"/>
      <c r="HQ569" s="91"/>
      <c r="HR569" s="91"/>
      <c r="HS569" s="91"/>
      <c r="HT569" s="91"/>
      <c r="HU569" s="91"/>
      <c r="HV569" s="91"/>
      <c r="HW569" s="91"/>
      <c r="HX569" s="91"/>
      <c r="HY569" s="91"/>
      <c r="HZ569" s="91"/>
      <c r="IA569" s="91"/>
      <c r="IB569" s="91"/>
      <c r="IC569" s="91"/>
      <c r="ID569" s="91"/>
      <c r="IE569" s="91"/>
      <c r="IF569" s="91"/>
      <c r="IG569" s="91"/>
      <c r="IH569" s="91"/>
      <c r="II569" s="91"/>
      <c r="IJ569" s="91"/>
      <c r="IK569" s="127"/>
    </row>
    <row r="570" spans="2:245" x14ac:dyDescent="0.2">
      <c r="B570" s="43"/>
      <c r="C570" s="73"/>
      <c r="D570" s="64"/>
      <c r="E570" s="64"/>
      <c r="F570" s="55"/>
      <c r="G570" s="102"/>
      <c r="H570" s="55"/>
      <c r="I570" s="55"/>
      <c r="J570" s="55"/>
      <c r="K570" s="55"/>
      <c r="L570" s="55"/>
      <c r="M570" s="55"/>
      <c r="N570" s="55"/>
      <c r="O570" s="55"/>
      <c r="P570" s="55"/>
      <c r="Q570" s="55"/>
      <c r="R570" s="55"/>
      <c r="S570" s="55"/>
      <c r="T570" s="55"/>
      <c r="U570" s="55"/>
      <c r="V570" s="55"/>
      <c r="W570" s="55"/>
      <c r="X570" s="55"/>
      <c r="Y570" s="55"/>
      <c r="Z570" s="55"/>
      <c r="AA570" s="55"/>
      <c r="AB570" s="55"/>
      <c r="AC570" s="55"/>
      <c r="AD570" s="55"/>
      <c r="AE570" s="55"/>
      <c r="AF570" s="55"/>
      <c r="AG570" s="55"/>
      <c r="AY570" s="162"/>
      <c r="AZ570" s="162"/>
      <c r="BA570" s="162"/>
      <c r="BB570" s="162"/>
      <c r="BC570" s="162"/>
      <c r="BD570" s="162"/>
      <c r="BE570" s="162"/>
      <c r="BF570" s="162"/>
      <c r="BG570" s="162"/>
      <c r="BH570" s="162"/>
      <c r="BI570" s="162"/>
      <c r="BJ570" s="162"/>
      <c r="BK570" s="162"/>
      <c r="BL570" s="162"/>
      <c r="BM570" s="162"/>
      <c r="BN570" s="162"/>
      <c r="BO570" s="162"/>
      <c r="BP570" s="162"/>
      <c r="BQ570" s="162"/>
      <c r="BR570" s="162"/>
      <c r="BS570" s="162"/>
      <c r="BT570" s="162"/>
      <c r="BU570" s="162"/>
      <c r="BV570" s="162"/>
      <c r="BW570" s="162"/>
      <c r="BX570" s="162"/>
      <c r="BY570" s="162"/>
      <c r="BZ570" s="162"/>
      <c r="CA570" s="162"/>
      <c r="CB570" s="162"/>
      <c r="CC570" s="162"/>
      <c r="CD570" s="162"/>
      <c r="CE570" s="162"/>
      <c r="CF570" s="162"/>
      <c r="CG570" s="162"/>
      <c r="CH570" s="162"/>
      <c r="CI570" s="162"/>
      <c r="CJ570" s="162"/>
      <c r="CK570" s="162"/>
      <c r="CX570" s="98"/>
      <c r="DL570" s="97"/>
      <c r="DX570" s="98"/>
      <c r="EL570" s="97"/>
      <c r="EX570" s="98"/>
      <c r="EY570" s="97"/>
      <c r="FL570" s="126"/>
      <c r="FM570" s="91"/>
      <c r="FN570" s="91"/>
      <c r="FO570" s="91"/>
      <c r="FP570" s="91"/>
      <c r="FQ570" s="91"/>
      <c r="FR570" s="91"/>
      <c r="FS570" s="91"/>
      <c r="FT570" s="91"/>
      <c r="FU570" s="91"/>
      <c r="FV570" s="91"/>
      <c r="FW570" s="91"/>
      <c r="FX570" s="91"/>
      <c r="FY570" s="91"/>
      <c r="FZ570" s="91"/>
      <c r="GA570" s="91"/>
      <c r="GB570" s="91"/>
      <c r="GC570" s="91"/>
      <c r="GD570" s="91"/>
      <c r="GE570" s="91"/>
      <c r="GF570" s="91"/>
      <c r="GG570" s="91"/>
      <c r="GH570" s="91"/>
      <c r="GI570" s="91"/>
      <c r="GJ570" s="91"/>
      <c r="GK570" s="127"/>
      <c r="GL570" s="126"/>
      <c r="GM570" s="91"/>
      <c r="GN570" s="91"/>
      <c r="GO570" s="91"/>
      <c r="GP570" s="91"/>
      <c r="GQ570" s="91"/>
      <c r="GR570" s="91"/>
      <c r="GS570" s="91"/>
      <c r="GT570" s="91"/>
      <c r="GU570" s="91"/>
      <c r="GV570" s="91"/>
      <c r="GW570" s="91"/>
      <c r="GX570" s="91"/>
      <c r="GY570" s="91"/>
      <c r="GZ570" s="91"/>
      <c r="HA570" s="91"/>
      <c r="HB570" s="91"/>
      <c r="HC570" s="91"/>
      <c r="HD570" s="91"/>
      <c r="HE570" s="91"/>
      <c r="HF570" s="91"/>
      <c r="HG570" s="91"/>
      <c r="HH570" s="91"/>
      <c r="HI570" s="91"/>
      <c r="HJ570" s="91"/>
      <c r="HK570" s="127"/>
      <c r="HL570" s="126"/>
      <c r="HM570" s="91"/>
      <c r="HN570" s="91"/>
      <c r="HO570" s="91"/>
      <c r="HP570" s="91"/>
      <c r="HQ570" s="91"/>
      <c r="HR570" s="91"/>
      <c r="HS570" s="91"/>
      <c r="HT570" s="91"/>
      <c r="HU570" s="91"/>
      <c r="HV570" s="91"/>
      <c r="HW570" s="91"/>
      <c r="HX570" s="91"/>
      <c r="HY570" s="91"/>
      <c r="HZ570" s="91"/>
      <c r="IA570" s="91"/>
      <c r="IB570" s="91"/>
      <c r="IC570" s="91"/>
      <c r="ID570" s="91"/>
      <c r="IE570" s="91"/>
      <c r="IF570" s="91"/>
      <c r="IG570" s="91"/>
      <c r="IH570" s="91"/>
      <c r="II570" s="91"/>
      <c r="IJ570" s="91"/>
      <c r="IK570" s="127"/>
    </row>
    <row r="571" spans="2:245" x14ac:dyDescent="0.2">
      <c r="B571" s="43"/>
      <c r="C571" s="73"/>
      <c r="D571" s="64"/>
      <c r="E571" s="64"/>
      <c r="F571" s="55"/>
      <c r="G571" s="102"/>
      <c r="H571" s="55"/>
      <c r="I571" s="55"/>
      <c r="J571" s="55"/>
      <c r="K571" s="55"/>
      <c r="L571" s="55"/>
      <c r="M571" s="55"/>
      <c r="N571" s="55"/>
      <c r="O571" s="55"/>
      <c r="P571" s="55"/>
      <c r="Q571" s="55"/>
      <c r="R571" s="55"/>
      <c r="S571" s="55"/>
      <c r="T571" s="55"/>
      <c r="U571" s="55"/>
      <c r="V571" s="55"/>
      <c r="W571" s="55"/>
      <c r="X571" s="55"/>
      <c r="Y571" s="55"/>
      <c r="Z571" s="55"/>
      <c r="AA571" s="55"/>
      <c r="AB571" s="55"/>
      <c r="AC571" s="55"/>
      <c r="AD571" s="55"/>
      <c r="AE571" s="55"/>
      <c r="AF571" s="55"/>
      <c r="AG571" s="55"/>
      <c r="AY571" s="162"/>
      <c r="AZ571" s="162"/>
      <c r="BA571" s="162"/>
      <c r="BB571" s="162"/>
      <c r="BC571" s="162"/>
      <c r="BD571" s="162"/>
      <c r="BE571" s="162"/>
      <c r="BF571" s="162"/>
      <c r="BG571" s="162"/>
      <c r="BH571" s="162"/>
      <c r="BI571" s="162"/>
      <c r="BJ571" s="162"/>
      <c r="BK571" s="162"/>
      <c r="BL571" s="162"/>
      <c r="BM571" s="162"/>
      <c r="BN571" s="162"/>
      <c r="BO571" s="162"/>
      <c r="BP571" s="162"/>
      <c r="BQ571" s="162"/>
      <c r="BR571" s="162"/>
      <c r="BS571" s="162"/>
      <c r="BT571" s="162"/>
      <c r="BU571" s="162"/>
      <c r="BV571" s="162"/>
      <c r="BW571" s="162"/>
      <c r="BX571" s="162"/>
      <c r="BY571" s="162"/>
      <c r="BZ571" s="162"/>
      <c r="CA571" s="162"/>
      <c r="CB571" s="162"/>
      <c r="CC571" s="162"/>
      <c r="CD571" s="162"/>
      <c r="CE571" s="162"/>
      <c r="CF571" s="162"/>
      <c r="CG571" s="162"/>
      <c r="CH571" s="162"/>
      <c r="CI571" s="162"/>
      <c r="CJ571" s="162"/>
      <c r="CK571" s="162"/>
      <c r="CX571" s="98"/>
      <c r="DL571" s="97"/>
      <c r="DX571" s="98"/>
      <c r="EL571" s="97"/>
      <c r="EX571" s="98"/>
      <c r="EY571" s="97"/>
      <c r="FL571" s="126"/>
      <c r="FM571" s="91"/>
      <c r="FN571" s="91"/>
      <c r="FO571" s="91"/>
      <c r="FP571" s="91"/>
      <c r="FQ571" s="91"/>
      <c r="FR571" s="91"/>
      <c r="FS571" s="91"/>
      <c r="FT571" s="91"/>
      <c r="FU571" s="91"/>
      <c r="FV571" s="91"/>
      <c r="FW571" s="91"/>
      <c r="FX571" s="91"/>
      <c r="FY571" s="91"/>
      <c r="FZ571" s="91"/>
      <c r="GA571" s="91"/>
      <c r="GB571" s="91"/>
      <c r="GC571" s="91"/>
      <c r="GD571" s="91"/>
      <c r="GE571" s="91"/>
      <c r="GF571" s="91"/>
      <c r="GG571" s="91"/>
      <c r="GH571" s="91"/>
      <c r="GI571" s="91"/>
      <c r="GJ571" s="91"/>
      <c r="GK571" s="127"/>
      <c r="GL571" s="126"/>
      <c r="GM571" s="91"/>
      <c r="GN571" s="91"/>
      <c r="GO571" s="91"/>
      <c r="GP571" s="91"/>
      <c r="GQ571" s="91"/>
      <c r="GR571" s="91"/>
      <c r="GS571" s="91"/>
      <c r="GT571" s="91"/>
      <c r="GU571" s="91"/>
      <c r="GV571" s="91"/>
      <c r="GW571" s="91"/>
      <c r="GX571" s="91"/>
      <c r="GY571" s="91"/>
      <c r="GZ571" s="91"/>
      <c r="HA571" s="91"/>
      <c r="HB571" s="91"/>
      <c r="HC571" s="91"/>
      <c r="HD571" s="91"/>
      <c r="HE571" s="91"/>
      <c r="HF571" s="91"/>
      <c r="HG571" s="91"/>
      <c r="HH571" s="91"/>
      <c r="HI571" s="91"/>
      <c r="HJ571" s="91"/>
      <c r="HK571" s="127"/>
      <c r="HL571" s="126"/>
      <c r="HM571" s="91"/>
      <c r="HN571" s="91"/>
      <c r="HO571" s="91"/>
      <c r="HP571" s="91"/>
      <c r="HQ571" s="91"/>
      <c r="HR571" s="91"/>
      <c r="HS571" s="91"/>
      <c r="HT571" s="91"/>
      <c r="HU571" s="91"/>
      <c r="HV571" s="91"/>
      <c r="HW571" s="91"/>
      <c r="HX571" s="91"/>
      <c r="HY571" s="91"/>
      <c r="HZ571" s="91"/>
      <c r="IA571" s="91"/>
      <c r="IB571" s="91"/>
      <c r="IC571" s="91"/>
      <c r="ID571" s="91"/>
      <c r="IE571" s="91"/>
      <c r="IF571" s="91"/>
      <c r="IG571" s="91"/>
      <c r="IH571" s="91"/>
      <c r="II571" s="91"/>
      <c r="IJ571" s="91"/>
      <c r="IK571" s="127"/>
    </row>
    <row r="572" spans="2:245" x14ac:dyDescent="0.2">
      <c r="B572" s="43"/>
      <c r="C572" s="73"/>
      <c r="D572" s="64"/>
      <c r="E572" s="64"/>
      <c r="F572" s="55"/>
      <c r="G572" s="102"/>
      <c r="H572" s="55"/>
      <c r="I572" s="55"/>
      <c r="J572" s="55"/>
      <c r="K572" s="55"/>
      <c r="L572" s="55"/>
      <c r="M572" s="55"/>
      <c r="N572" s="55"/>
      <c r="O572" s="55"/>
      <c r="P572" s="55"/>
      <c r="Q572" s="55"/>
      <c r="R572" s="55"/>
      <c r="S572" s="55"/>
      <c r="T572" s="55"/>
      <c r="U572" s="55"/>
      <c r="V572" s="55"/>
      <c r="W572" s="55"/>
      <c r="X572" s="55"/>
      <c r="Y572" s="55"/>
      <c r="Z572" s="55"/>
      <c r="AA572" s="55"/>
      <c r="AB572" s="55"/>
      <c r="AC572" s="55"/>
      <c r="AD572" s="55"/>
      <c r="AE572" s="55"/>
      <c r="AF572" s="55"/>
      <c r="AG572" s="55"/>
      <c r="AY572" s="162"/>
      <c r="AZ572" s="162"/>
      <c r="BA572" s="162"/>
      <c r="BB572" s="162"/>
      <c r="BC572" s="162"/>
      <c r="BD572" s="162"/>
      <c r="BE572" s="162"/>
      <c r="BF572" s="162"/>
      <c r="BG572" s="162"/>
      <c r="BH572" s="162"/>
      <c r="BI572" s="162"/>
      <c r="BJ572" s="162"/>
      <c r="BK572" s="162"/>
      <c r="BL572" s="162"/>
      <c r="BM572" s="162"/>
      <c r="BN572" s="162"/>
      <c r="BO572" s="162"/>
      <c r="BP572" s="162"/>
      <c r="BQ572" s="162"/>
      <c r="BR572" s="162"/>
      <c r="BS572" s="162"/>
      <c r="BT572" s="162"/>
      <c r="BU572" s="162"/>
      <c r="BV572" s="162"/>
      <c r="BW572" s="162"/>
      <c r="BX572" s="162"/>
      <c r="BY572" s="162"/>
      <c r="BZ572" s="162"/>
      <c r="CA572" s="162"/>
      <c r="CB572" s="162"/>
      <c r="CC572" s="162"/>
      <c r="CD572" s="162"/>
      <c r="CE572" s="162"/>
      <c r="CF572" s="162"/>
      <c r="CG572" s="162"/>
      <c r="CH572" s="162"/>
      <c r="CI572" s="162"/>
      <c r="CJ572" s="162"/>
      <c r="CK572" s="162"/>
      <c r="CX572" s="98"/>
      <c r="DL572" s="97"/>
      <c r="DX572" s="98"/>
      <c r="EL572" s="97"/>
      <c r="EX572" s="98"/>
      <c r="EY572" s="97"/>
      <c r="FL572" s="126"/>
      <c r="FM572" s="91"/>
      <c r="FN572" s="91"/>
      <c r="FO572" s="91"/>
      <c r="FP572" s="91"/>
      <c r="FQ572" s="91"/>
      <c r="FR572" s="91"/>
      <c r="FS572" s="91"/>
      <c r="FT572" s="91"/>
      <c r="FU572" s="91"/>
      <c r="FV572" s="91"/>
      <c r="FW572" s="91"/>
      <c r="FX572" s="91"/>
      <c r="FY572" s="91"/>
      <c r="FZ572" s="91"/>
      <c r="GA572" s="91"/>
      <c r="GB572" s="91"/>
      <c r="GC572" s="91"/>
      <c r="GD572" s="91"/>
      <c r="GE572" s="91"/>
      <c r="GF572" s="91"/>
      <c r="GG572" s="91"/>
      <c r="GH572" s="91"/>
      <c r="GI572" s="91"/>
      <c r="GJ572" s="91"/>
      <c r="GK572" s="127"/>
      <c r="GL572" s="126"/>
      <c r="GM572" s="91"/>
      <c r="GN572" s="91"/>
      <c r="GO572" s="91"/>
      <c r="GP572" s="91"/>
      <c r="GQ572" s="91"/>
      <c r="GR572" s="91"/>
      <c r="GS572" s="91"/>
      <c r="GT572" s="91"/>
      <c r="GU572" s="91"/>
      <c r="GV572" s="91"/>
      <c r="GW572" s="91"/>
      <c r="GX572" s="91"/>
      <c r="GY572" s="91"/>
      <c r="GZ572" s="91"/>
      <c r="HA572" s="91"/>
      <c r="HB572" s="91"/>
      <c r="HC572" s="91"/>
      <c r="HD572" s="91"/>
      <c r="HE572" s="91"/>
      <c r="HF572" s="91"/>
      <c r="HG572" s="91"/>
      <c r="HH572" s="91"/>
      <c r="HI572" s="91"/>
      <c r="HJ572" s="91"/>
      <c r="HK572" s="127"/>
      <c r="HL572" s="126"/>
      <c r="HM572" s="91"/>
      <c r="HN572" s="91"/>
      <c r="HO572" s="91"/>
      <c r="HP572" s="91"/>
      <c r="HQ572" s="91"/>
      <c r="HR572" s="91"/>
      <c r="HS572" s="91"/>
      <c r="HT572" s="91"/>
      <c r="HU572" s="91"/>
      <c r="HV572" s="91"/>
      <c r="HW572" s="91"/>
      <c r="HX572" s="91"/>
      <c r="HY572" s="91"/>
      <c r="HZ572" s="91"/>
      <c r="IA572" s="91"/>
      <c r="IB572" s="91"/>
      <c r="IC572" s="91"/>
      <c r="ID572" s="91"/>
      <c r="IE572" s="91"/>
      <c r="IF572" s="91"/>
      <c r="IG572" s="91"/>
      <c r="IH572" s="91"/>
      <c r="II572" s="91"/>
      <c r="IJ572" s="91"/>
      <c r="IK572" s="127"/>
    </row>
    <row r="573" spans="2:245" x14ac:dyDescent="0.2">
      <c r="B573" s="43"/>
      <c r="C573" s="73"/>
      <c r="D573" s="64"/>
      <c r="E573" s="64"/>
      <c r="F573" s="55"/>
      <c r="G573" s="102"/>
      <c r="H573" s="55"/>
      <c r="I573" s="55"/>
      <c r="J573" s="55"/>
      <c r="K573" s="55"/>
      <c r="L573" s="55"/>
      <c r="M573" s="55"/>
      <c r="N573" s="55"/>
      <c r="O573" s="55"/>
      <c r="P573" s="55"/>
      <c r="Q573" s="55"/>
      <c r="R573" s="55"/>
      <c r="S573" s="55"/>
      <c r="T573" s="55"/>
      <c r="U573" s="55"/>
      <c r="V573" s="55"/>
      <c r="W573" s="55"/>
      <c r="X573" s="55"/>
      <c r="Y573" s="55"/>
      <c r="Z573" s="55"/>
      <c r="AA573" s="55"/>
      <c r="AB573" s="55"/>
      <c r="AC573" s="55"/>
      <c r="AD573" s="55"/>
      <c r="AE573" s="55"/>
      <c r="AF573" s="55"/>
      <c r="AG573" s="55"/>
      <c r="AY573" s="162"/>
      <c r="AZ573" s="162"/>
      <c r="BA573" s="162"/>
      <c r="BB573" s="162"/>
      <c r="BC573" s="162"/>
      <c r="BD573" s="162"/>
      <c r="BE573" s="162"/>
      <c r="BF573" s="162"/>
      <c r="BG573" s="162"/>
      <c r="BH573" s="162"/>
      <c r="BI573" s="162"/>
      <c r="BJ573" s="162"/>
      <c r="BK573" s="162"/>
      <c r="BL573" s="162"/>
      <c r="BM573" s="162"/>
      <c r="BN573" s="162"/>
      <c r="BO573" s="162"/>
      <c r="BP573" s="162"/>
      <c r="BQ573" s="162"/>
      <c r="BR573" s="162"/>
      <c r="BS573" s="162"/>
      <c r="BT573" s="162"/>
      <c r="BU573" s="162"/>
      <c r="BV573" s="162"/>
      <c r="BW573" s="162"/>
      <c r="BX573" s="162"/>
      <c r="BY573" s="162"/>
      <c r="BZ573" s="162"/>
      <c r="CA573" s="162"/>
      <c r="CB573" s="162"/>
      <c r="CC573" s="162"/>
      <c r="CD573" s="162"/>
      <c r="CE573" s="162"/>
      <c r="CF573" s="162"/>
      <c r="CG573" s="162"/>
      <c r="CH573" s="162"/>
      <c r="CI573" s="162"/>
      <c r="CJ573" s="162"/>
      <c r="CK573" s="162"/>
      <c r="CX573" s="98"/>
      <c r="DL573" s="97"/>
      <c r="DX573" s="98"/>
      <c r="EL573" s="97"/>
      <c r="EX573" s="98"/>
      <c r="EY573" s="97"/>
      <c r="FL573" s="126"/>
      <c r="FM573" s="91"/>
      <c r="FN573" s="91"/>
      <c r="FO573" s="91"/>
      <c r="FP573" s="91"/>
      <c r="FQ573" s="91"/>
      <c r="FR573" s="91"/>
      <c r="FS573" s="91"/>
      <c r="FT573" s="91"/>
      <c r="FU573" s="91"/>
      <c r="FV573" s="91"/>
      <c r="FW573" s="91"/>
      <c r="FX573" s="91"/>
      <c r="FY573" s="91"/>
      <c r="FZ573" s="91"/>
      <c r="GA573" s="91"/>
      <c r="GB573" s="91"/>
      <c r="GC573" s="91"/>
      <c r="GD573" s="91"/>
      <c r="GE573" s="91"/>
      <c r="GF573" s="91"/>
      <c r="GG573" s="91"/>
      <c r="GH573" s="91"/>
      <c r="GI573" s="91"/>
      <c r="GJ573" s="91"/>
      <c r="GK573" s="127"/>
      <c r="GL573" s="126"/>
      <c r="GM573" s="91"/>
      <c r="GN573" s="91"/>
      <c r="GO573" s="91"/>
      <c r="GP573" s="91"/>
      <c r="GQ573" s="91"/>
      <c r="GR573" s="91"/>
      <c r="GS573" s="91"/>
      <c r="GT573" s="91"/>
      <c r="GU573" s="91"/>
      <c r="GV573" s="91"/>
      <c r="GW573" s="91"/>
      <c r="GX573" s="91"/>
      <c r="GY573" s="91"/>
      <c r="GZ573" s="91"/>
      <c r="HA573" s="91"/>
      <c r="HB573" s="91"/>
      <c r="HC573" s="91"/>
      <c r="HD573" s="91"/>
      <c r="HE573" s="91"/>
      <c r="HF573" s="91"/>
      <c r="HG573" s="91"/>
      <c r="HH573" s="91"/>
      <c r="HI573" s="91"/>
      <c r="HJ573" s="91"/>
      <c r="HK573" s="127"/>
      <c r="HL573" s="126"/>
      <c r="HM573" s="91"/>
      <c r="HN573" s="91"/>
      <c r="HO573" s="91"/>
      <c r="HP573" s="91"/>
      <c r="HQ573" s="91"/>
      <c r="HR573" s="91"/>
      <c r="HS573" s="91"/>
      <c r="HT573" s="91"/>
      <c r="HU573" s="91"/>
      <c r="HV573" s="91"/>
      <c r="HW573" s="91"/>
      <c r="HX573" s="91"/>
      <c r="HY573" s="91"/>
      <c r="HZ573" s="91"/>
      <c r="IA573" s="91"/>
      <c r="IB573" s="91"/>
      <c r="IC573" s="91"/>
      <c r="ID573" s="91"/>
      <c r="IE573" s="91"/>
      <c r="IF573" s="91"/>
      <c r="IG573" s="91"/>
      <c r="IH573" s="91"/>
      <c r="II573" s="91"/>
      <c r="IJ573" s="91"/>
      <c r="IK573" s="127"/>
    </row>
    <row r="574" spans="2:245" x14ac:dyDescent="0.2">
      <c r="B574" s="43"/>
      <c r="C574" s="73"/>
      <c r="D574" s="64"/>
      <c r="E574" s="64"/>
      <c r="F574" s="55"/>
      <c r="G574" s="102"/>
      <c r="H574" s="55"/>
      <c r="I574" s="55"/>
      <c r="J574" s="55"/>
      <c r="K574" s="55"/>
      <c r="L574" s="55"/>
      <c r="M574" s="55"/>
      <c r="N574" s="55"/>
      <c r="O574" s="55"/>
      <c r="P574" s="55"/>
      <c r="Q574" s="55"/>
      <c r="R574" s="55"/>
      <c r="S574" s="55"/>
      <c r="T574" s="55"/>
      <c r="U574" s="55"/>
      <c r="V574" s="55"/>
      <c r="W574" s="55"/>
      <c r="X574" s="55"/>
      <c r="Y574" s="55"/>
      <c r="Z574" s="55"/>
      <c r="AA574" s="55"/>
      <c r="AB574" s="55"/>
      <c r="AC574" s="55"/>
      <c r="AD574" s="55"/>
      <c r="AE574" s="55"/>
      <c r="AF574" s="55"/>
      <c r="AG574" s="55"/>
      <c r="AY574" s="162"/>
      <c r="AZ574" s="162"/>
      <c r="BA574" s="162"/>
      <c r="BB574" s="162"/>
      <c r="BC574" s="162"/>
      <c r="BD574" s="162"/>
      <c r="BE574" s="162"/>
      <c r="BF574" s="162"/>
      <c r="BG574" s="162"/>
      <c r="BH574" s="162"/>
      <c r="BI574" s="162"/>
      <c r="BJ574" s="162"/>
      <c r="BK574" s="162"/>
      <c r="BL574" s="162"/>
      <c r="BM574" s="162"/>
      <c r="BN574" s="162"/>
      <c r="BO574" s="162"/>
      <c r="BP574" s="162"/>
      <c r="BQ574" s="162"/>
      <c r="BR574" s="162"/>
      <c r="BS574" s="162"/>
      <c r="BT574" s="162"/>
      <c r="BU574" s="162"/>
      <c r="BV574" s="162"/>
      <c r="BW574" s="162"/>
      <c r="BX574" s="162"/>
      <c r="BY574" s="162"/>
      <c r="BZ574" s="162"/>
      <c r="CA574" s="162"/>
      <c r="CB574" s="162"/>
      <c r="CC574" s="162"/>
      <c r="CD574" s="162"/>
      <c r="CE574" s="162"/>
      <c r="CF574" s="162"/>
      <c r="CG574" s="162"/>
      <c r="CH574" s="162"/>
      <c r="CI574" s="162"/>
      <c r="CJ574" s="162"/>
      <c r="CK574" s="162"/>
      <c r="CX574" s="98"/>
      <c r="DL574" s="97"/>
      <c r="DX574" s="98"/>
      <c r="EL574" s="97"/>
      <c r="EX574" s="98"/>
      <c r="EY574" s="97"/>
      <c r="FL574" s="126"/>
      <c r="FM574" s="91"/>
      <c r="FN574" s="91"/>
      <c r="FO574" s="91"/>
      <c r="FP574" s="91"/>
      <c r="FQ574" s="91"/>
      <c r="FR574" s="91"/>
      <c r="FS574" s="91"/>
      <c r="FT574" s="91"/>
      <c r="FU574" s="91"/>
      <c r="FV574" s="91"/>
      <c r="FW574" s="91"/>
      <c r="FX574" s="91"/>
      <c r="FY574" s="91"/>
      <c r="FZ574" s="91"/>
      <c r="GA574" s="91"/>
      <c r="GB574" s="91"/>
      <c r="GC574" s="91"/>
      <c r="GD574" s="91"/>
      <c r="GE574" s="91"/>
      <c r="GF574" s="91"/>
      <c r="GG574" s="91"/>
      <c r="GH574" s="91"/>
      <c r="GI574" s="91"/>
      <c r="GJ574" s="91"/>
      <c r="GK574" s="127"/>
      <c r="GL574" s="126"/>
      <c r="GM574" s="91"/>
      <c r="GN574" s="91"/>
      <c r="GO574" s="91"/>
      <c r="GP574" s="91"/>
      <c r="GQ574" s="91"/>
      <c r="GR574" s="91"/>
      <c r="GS574" s="91"/>
      <c r="GT574" s="91"/>
      <c r="GU574" s="91"/>
      <c r="GV574" s="91"/>
      <c r="GW574" s="91"/>
      <c r="GX574" s="91"/>
      <c r="GY574" s="91"/>
      <c r="GZ574" s="91"/>
      <c r="HA574" s="91"/>
      <c r="HB574" s="91"/>
      <c r="HC574" s="91"/>
      <c r="HD574" s="91"/>
      <c r="HE574" s="91"/>
      <c r="HF574" s="91"/>
      <c r="HG574" s="91"/>
      <c r="HH574" s="91"/>
      <c r="HI574" s="91"/>
      <c r="HJ574" s="91"/>
      <c r="HK574" s="127"/>
      <c r="HL574" s="126"/>
      <c r="HM574" s="91"/>
      <c r="HN574" s="91"/>
      <c r="HO574" s="91"/>
      <c r="HP574" s="91"/>
      <c r="HQ574" s="91"/>
      <c r="HR574" s="91"/>
      <c r="HS574" s="91"/>
      <c r="HT574" s="91"/>
      <c r="HU574" s="91"/>
      <c r="HV574" s="91"/>
      <c r="HW574" s="91"/>
      <c r="HX574" s="91"/>
      <c r="HY574" s="91"/>
      <c r="HZ574" s="91"/>
      <c r="IA574" s="91"/>
      <c r="IB574" s="91"/>
      <c r="IC574" s="91"/>
      <c r="ID574" s="91"/>
      <c r="IE574" s="91"/>
      <c r="IF574" s="91"/>
      <c r="IG574" s="91"/>
      <c r="IH574" s="91"/>
      <c r="II574" s="91"/>
      <c r="IJ574" s="91"/>
      <c r="IK574" s="127"/>
    </row>
    <row r="575" spans="2:245" x14ac:dyDescent="0.2">
      <c r="B575" s="43"/>
      <c r="C575" s="73"/>
      <c r="D575" s="64"/>
      <c r="E575" s="64"/>
      <c r="F575" s="55"/>
      <c r="G575" s="102"/>
      <c r="H575" s="55"/>
      <c r="I575" s="55"/>
      <c r="J575" s="55"/>
      <c r="K575" s="55"/>
      <c r="L575" s="55"/>
      <c r="M575" s="55"/>
      <c r="N575" s="55"/>
      <c r="O575" s="55"/>
      <c r="P575" s="55"/>
      <c r="Q575" s="55"/>
      <c r="R575" s="55"/>
      <c r="S575" s="55"/>
      <c r="T575" s="55"/>
      <c r="U575" s="55"/>
      <c r="V575" s="55"/>
      <c r="W575" s="55"/>
      <c r="X575" s="55"/>
      <c r="Y575" s="55"/>
      <c r="Z575" s="55"/>
      <c r="AA575" s="55"/>
      <c r="AB575" s="55"/>
      <c r="AC575" s="55"/>
      <c r="AD575" s="55"/>
      <c r="AE575" s="55"/>
      <c r="AF575" s="55"/>
      <c r="AG575" s="55"/>
      <c r="AY575" s="162"/>
      <c r="AZ575" s="162"/>
      <c r="BA575" s="162"/>
      <c r="BB575" s="162"/>
      <c r="BC575" s="162"/>
      <c r="BD575" s="162"/>
      <c r="BE575" s="162"/>
      <c r="BF575" s="162"/>
      <c r="BG575" s="162"/>
      <c r="BH575" s="162"/>
      <c r="BI575" s="162"/>
      <c r="BJ575" s="162"/>
      <c r="BK575" s="162"/>
      <c r="BL575" s="162"/>
      <c r="BM575" s="162"/>
      <c r="BN575" s="162"/>
      <c r="BO575" s="162"/>
      <c r="BP575" s="162"/>
      <c r="BQ575" s="162"/>
      <c r="BR575" s="162"/>
      <c r="BS575" s="162"/>
      <c r="BT575" s="162"/>
      <c r="BU575" s="162"/>
      <c r="BV575" s="162"/>
      <c r="BW575" s="162"/>
      <c r="BX575" s="162"/>
      <c r="BY575" s="162"/>
      <c r="BZ575" s="162"/>
      <c r="CA575" s="162"/>
      <c r="CB575" s="162"/>
      <c r="CC575" s="162"/>
      <c r="CD575" s="162"/>
      <c r="CE575" s="162"/>
      <c r="CF575" s="162"/>
      <c r="CG575" s="162"/>
      <c r="CH575" s="162"/>
      <c r="CI575" s="162"/>
      <c r="CJ575" s="162"/>
      <c r="CK575" s="162"/>
      <c r="CX575" s="98"/>
      <c r="DL575" s="97"/>
      <c r="DX575" s="98"/>
      <c r="EL575" s="97"/>
      <c r="EX575" s="98"/>
      <c r="EY575" s="97"/>
      <c r="FL575" s="126"/>
      <c r="FM575" s="91"/>
      <c r="FN575" s="91"/>
      <c r="FO575" s="91"/>
      <c r="FP575" s="91"/>
      <c r="FQ575" s="91"/>
      <c r="FR575" s="91"/>
      <c r="FS575" s="91"/>
      <c r="FT575" s="91"/>
      <c r="FU575" s="91"/>
      <c r="FV575" s="91"/>
      <c r="FW575" s="91"/>
      <c r="FX575" s="91"/>
      <c r="FY575" s="91"/>
      <c r="FZ575" s="91"/>
      <c r="GA575" s="91"/>
      <c r="GB575" s="91"/>
      <c r="GC575" s="91"/>
      <c r="GD575" s="91"/>
      <c r="GE575" s="91"/>
      <c r="GF575" s="91"/>
      <c r="GG575" s="91"/>
      <c r="GH575" s="91"/>
      <c r="GI575" s="91"/>
      <c r="GJ575" s="91"/>
      <c r="GK575" s="127"/>
      <c r="GL575" s="126"/>
      <c r="GM575" s="91"/>
      <c r="GN575" s="91"/>
      <c r="GO575" s="91"/>
      <c r="GP575" s="91"/>
      <c r="GQ575" s="91"/>
      <c r="GR575" s="91"/>
      <c r="GS575" s="91"/>
      <c r="GT575" s="91"/>
      <c r="GU575" s="91"/>
      <c r="GV575" s="91"/>
      <c r="GW575" s="91"/>
      <c r="GX575" s="91"/>
      <c r="GY575" s="91"/>
      <c r="GZ575" s="91"/>
      <c r="HA575" s="91"/>
      <c r="HB575" s="91"/>
      <c r="HC575" s="91"/>
      <c r="HD575" s="91"/>
      <c r="HE575" s="91"/>
      <c r="HF575" s="91"/>
      <c r="HG575" s="91"/>
      <c r="HH575" s="91"/>
      <c r="HI575" s="91"/>
      <c r="HJ575" s="91"/>
      <c r="HK575" s="127"/>
      <c r="HL575" s="126"/>
      <c r="HM575" s="91"/>
      <c r="HN575" s="91"/>
      <c r="HO575" s="91"/>
      <c r="HP575" s="91"/>
      <c r="HQ575" s="91"/>
      <c r="HR575" s="91"/>
      <c r="HS575" s="91"/>
      <c r="HT575" s="91"/>
      <c r="HU575" s="91"/>
      <c r="HV575" s="91"/>
      <c r="HW575" s="91"/>
      <c r="HX575" s="91"/>
      <c r="HY575" s="91"/>
      <c r="HZ575" s="91"/>
      <c r="IA575" s="91"/>
      <c r="IB575" s="91"/>
      <c r="IC575" s="91"/>
      <c r="ID575" s="91"/>
      <c r="IE575" s="91"/>
      <c r="IF575" s="91"/>
      <c r="IG575" s="91"/>
      <c r="IH575" s="91"/>
      <c r="II575" s="91"/>
      <c r="IJ575" s="91"/>
      <c r="IK575" s="127"/>
    </row>
    <row r="576" spans="2:245" x14ac:dyDescent="0.2">
      <c r="B576" s="43"/>
      <c r="C576" s="73"/>
      <c r="D576" s="64"/>
      <c r="E576" s="64"/>
      <c r="F576" s="55"/>
      <c r="G576" s="102"/>
      <c r="H576" s="55"/>
      <c r="I576" s="55"/>
      <c r="J576" s="55"/>
      <c r="K576" s="55"/>
      <c r="L576" s="55"/>
      <c r="M576" s="55"/>
      <c r="N576" s="55"/>
      <c r="O576" s="55"/>
      <c r="P576" s="55"/>
      <c r="Q576" s="55"/>
      <c r="R576" s="55"/>
      <c r="S576" s="55"/>
      <c r="T576" s="55"/>
      <c r="U576" s="55"/>
      <c r="V576" s="55"/>
      <c r="W576" s="55"/>
      <c r="X576" s="55"/>
      <c r="Y576" s="55"/>
      <c r="Z576" s="55"/>
      <c r="AA576" s="55"/>
      <c r="AB576" s="55"/>
      <c r="AC576" s="55"/>
      <c r="AD576" s="55"/>
      <c r="AE576" s="55"/>
      <c r="AF576" s="55"/>
      <c r="AG576" s="55"/>
      <c r="AY576" s="162"/>
      <c r="AZ576" s="162"/>
      <c r="BA576" s="162"/>
      <c r="BB576" s="162"/>
      <c r="BC576" s="162"/>
      <c r="BD576" s="162"/>
      <c r="BE576" s="162"/>
      <c r="BF576" s="162"/>
      <c r="BG576" s="162"/>
      <c r="BH576" s="162"/>
      <c r="BI576" s="162"/>
      <c r="BJ576" s="162"/>
      <c r="BK576" s="162"/>
      <c r="BL576" s="162"/>
      <c r="BM576" s="162"/>
      <c r="BN576" s="162"/>
      <c r="BO576" s="162"/>
      <c r="BP576" s="162"/>
      <c r="BQ576" s="162"/>
      <c r="BR576" s="162"/>
      <c r="BS576" s="162"/>
      <c r="BT576" s="162"/>
      <c r="BU576" s="162"/>
      <c r="BV576" s="162"/>
      <c r="BW576" s="162"/>
      <c r="BX576" s="162"/>
      <c r="BY576" s="162"/>
      <c r="BZ576" s="162"/>
      <c r="CA576" s="162"/>
      <c r="CB576" s="162"/>
      <c r="CC576" s="162"/>
      <c r="CD576" s="162"/>
      <c r="CE576" s="162"/>
      <c r="CF576" s="162"/>
      <c r="CG576" s="162"/>
      <c r="CH576" s="162"/>
      <c r="CI576" s="162"/>
      <c r="CJ576" s="162"/>
      <c r="CK576" s="162"/>
      <c r="CX576" s="98"/>
      <c r="DL576" s="97"/>
      <c r="DX576" s="98"/>
      <c r="EL576" s="97"/>
      <c r="EX576" s="98"/>
      <c r="EY576" s="97"/>
      <c r="FL576" s="126"/>
      <c r="FM576" s="91"/>
      <c r="FN576" s="91"/>
      <c r="FO576" s="91"/>
      <c r="FP576" s="91"/>
      <c r="FQ576" s="91"/>
      <c r="FR576" s="91"/>
      <c r="FS576" s="91"/>
      <c r="FT576" s="91"/>
      <c r="FU576" s="91"/>
      <c r="FV576" s="91"/>
      <c r="FW576" s="91"/>
      <c r="FX576" s="91"/>
      <c r="FY576" s="91"/>
      <c r="FZ576" s="91"/>
      <c r="GA576" s="91"/>
      <c r="GB576" s="91"/>
      <c r="GC576" s="91"/>
      <c r="GD576" s="91"/>
      <c r="GE576" s="91"/>
      <c r="GF576" s="91"/>
      <c r="GG576" s="91"/>
      <c r="GH576" s="91"/>
      <c r="GI576" s="91"/>
      <c r="GJ576" s="91"/>
      <c r="GK576" s="127"/>
      <c r="GL576" s="126"/>
      <c r="GM576" s="91"/>
      <c r="GN576" s="91"/>
      <c r="GO576" s="91"/>
      <c r="GP576" s="91"/>
      <c r="GQ576" s="91"/>
      <c r="GR576" s="91"/>
      <c r="GS576" s="91"/>
      <c r="GT576" s="91"/>
      <c r="GU576" s="91"/>
      <c r="GV576" s="91"/>
      <c r="GW576" s="91"/>
      <c r="GX576" s="91"/>
      <c r="GY576" s="91"/>
      <c r="GZ576" s="91"/>
      <c r="HA576" s="91"/>
      <c r="HB576" s="91"/>
      <c r="HC576" s="91"/>
      <c r="HD576" s="91"/>
      <c r="HE576" s="91"/>
      <c r="HF576" s="91"/>
      <c r="HG576" s="91"/>
      <c r="HH576" s="91"/>
      <c r="HI576" s="91"/>
      <c r="HJ576" s="91"/>
      <c r="HK576" s="127"/>
      <c r="HL576" s="126"/>
      <c r="HM576" s="91"/>
      <c r="HN576" s="91"/>
      <c r="HO576" s="91"/>
      <c r="HP576" s="91"/>
      <c r="HQ576" s="91"/>
      <c r="HR576" s="91"/>
      <c r="HS576" s="91"/>
      <c r="HT576" s="91"/>
      <c r="HU576" s="91"/>
      <c r="HV576" s="91"/>
      <c r="HW576" s="91"/>
      <c r="HX576" s="91"/>
      <c r="HY576" s="91"/>
      <c r="HZ576" s="91"/>
      <c r="IA576" s="91"/>
      <c r="IB576" s="91"/>
      <c r="IC576" s="91"/>
      <c r="ID576" s="91"/>
      <c r="IE576" s="91"/>
      <c r="IF576" s="91"/>
      <c r="IG576" s="91"/>
      <c r="IH576" s="91"/>
      <c r="II576" s="91"/>
      <c r="IJ576" s="91"/>
      <c r="IK576" s="127"/>
    </row>
    <row r="577" spans="2:245" x14ac:dyDescent="0.2">
      <c r="B577" s="43"/>
      <c r="C577" s="73"/>
      <c r="D577" s="64"/>
      <c r="E577" s="64"/>
      <c r="F577" s="55"/>
      <c r="G577" s="102"/>
      <c r="H577" s="55"/>
      <c r="I577" s="55"/>
      <c r="J577" s="55"/>
      <c r="K577" s="55"/>
      <c r="L577" s="55"/>
      <c r="M577" s="55"/>
      <c r="N577" s="55"/>
      <c r="O577" s="55"/>
      <c r="P577" s="55"/>
      <c r="Q577" s="55"/>
      <c r="R577" s="55"/>
      <c r="S577" s="55"/>
      <c r="T577" s="55"/>
      <c r="U577" s="55"/>
      <c r="V577" s="55"/>
      <c r="W577" s="55"/>
      <c r="X577" s="55"/>
      <c r="Y577" s="55"/>
      <c r="Z577" s="55"/>
      <c r="AA577" s="55"/>
      <c r="AB577" s="55"/>
      <c r="AC577" s="55"/>
      <c r="AD577" s="55"/>
      <c r="AE577" s="55"/>
      <c r="AF577" s="55"/>
      <c r="AG577" s="55"/>
      <c r="AY577" s="162"/>
      <c r="AZ577" s="162"/>
      <c r="BA577" s="162"/>
      <c r="BB577" s="162"/>
      <c r="BC577" s="162"/>
      <c r="BD577" s="162"/>
      <c r="BE577" s="162"/>
      <c r="BF577" s="162"/>
      <c r="BG577" s="162"/>
      <c r="BH577" s="162"/>
      <c r="BI577" s="162"/>
      <c r="BJ577" s="162"/>
      <c r="BK577" s="162"/>
      <c r="BL577" s="162"/>
      <c r="BM577" s="162"/>
      <c r="BN577" s="162"/>
      <c r="BO577" s="162"/>
      <c r="BP577" s="162"/>
      <c r="BQ577" s="162"/>
      <c r="BR577" s="162"/>
      <c r="BS577" s="162"/>
      <c r="BT577" s="162"/>
      <c r="BU577" s="162"/>
      <c r="BV577" s="162"/>
      <c r="BW577" s="162"/>
      <c r="BX577" s="162"/>
      <c r="BY577" s="162"/>
      <c r="BZ577" s="162"/>
      <c r="CA577" s="162"/>
      <c r="CB577" s="162"/>
      <c r="CC577" s="162"/>
      <c r="CD577" s="162"/>
      <c r="CE577" s="162"/>
      <c r="CF577" s="162"/>
      <c r="CG577" s="162"/>
      <c r="CH577" s="162"/>
      <c r="CI577" s="162"/>
      <c r="CJ577" s="162"/>
      <c r="CK577" s="162"/>
      <c r="CX577" s="98"/>
      <c r="DL577" s="97"/>
      <c r="DX577" s="98"/>
      <c r="EL577" s="97"/>
      <c r="EX577" s="98"/>
      <c r="EY577" s="97"/>
      <c r="FL577" s="126"/>
      <c r="FM577" s="91"/>
      <c r="FN577" s="91"/>
      <c r="FO577" s="91"/>
      <c r="FP577" s="91"/>
      <c r="FQ577" s="91"/>
      <c r="FR577" s="91"/>
      <c r="FS577" s="91"/>
      <c r="FT577" s="91"/>
      <c r="FU577" s="91"/>
      <c r="FV577" s="91"/>
      <c r="FW577" s="91"/>
      <c r="FX577" s="91"/>
      <c r="FY577" s="91"/>
      <c r="FZ577" s="91"/>
      <c r="GA577" s="91"/>
      <c r="GB577" s="91"/>
      <c r="GC577" s="91"/>
      <c r="GD577" s="91"/>
      <c r="GE577" s="91"/>
      <c r="GF577" s="91"/>
      <c r="GG577" s="91"/>
      <c r="GH577" s="91"/>
      <c r="GI577" s="91"/>
      <c r="GJ577" s="91"/>
      <c r="GK577" s="127"/>
      <c r="GL577" s="126"/>
      <c r="GM577" s="91"/>
      <c r="GN577" s="91"/>
      <c r="GO577" s="91"/>
      <c r="GP577" s="91"/>
      <c r="GQ577" s="91"/>
      <c r="GR577" s="91"/>
      <c r="GS577" s="91"/>
      <c r="GT577" s="91"/>
      <c r="GU577" s="91"/>
      <c r="GV577" s="91"/>
      <c r="GW577" s="91"/>
      <c r="GX577" s="91"/>
      <c r="GY577" s="91"/>
      <c r="GZ577" s="91"/>
      <c r="HA577" s="91"/>
      <c r="HB577" s="91"/>
      <c r="HC577" s="91"/>
      <c r="HD577" s="91"/>
      <c r="HE577" s="91"/>
      <c r="HF577" s="91"/>
      <c r="HG577" s="91"/>
      <c r="HH577" s="91"/>
      <c r="HI577" s="91"/>
      <c r="HJ577" s="91"/>
      <c r="HK577" s="127"/>
      <c r="HL577" s="126"/>
      <c r="HM577" s="91"/>
      <c r="HN577" s="91"/>
      <c r="HO577" s="91"/>
      <c r="HP577" s="91"/>
      <c r="HQ577" s="91"/>
      <c r="HR577" s="91"/>
      <c r="HS577" s="91"/>
      <c r="HT577" s="91"/>
      <c r="HU577" s="91"/>
      <c r="HV577" s="91"/>
      <c r="HW577" s="91"/>
      <c r="HX577" s="91"/>
      <c r="HY577" s="91"/>
      <c r="HZ577" s="91"/>
      <c r="IA577" s="91"/>
      <c r="IB577" s="91"/>
      <c r="IC577" s="91"/>
      <c r="ID577" s="91"/>
      <c r="IE577" s="91"/>
      <c r="IF577" s="91"/>
      <c r="IG577" s="91"/>
      <c r="IH577" s="91"/>
      <c r="II577" s="91"/>
      <c r="IJ577" s="91"/>
      <c r="IK577" s="127"/>
    </row>
    <row r="578" spans="2:245" x14ac:dyDescent="0.2">
      <c r="B578" s="43"/>
      <c r="C578" s="73"/>
      <c r="D578" s="64"/>
      <c r="E578" s="64"/>
      <c r="F578" s="55"/>
      <c r="G578" s="102"/>
      <c r="H578" s="55"/>
      <c r="I578" s="55"/>
      <c r="J578" s="55"/>
      <c r="K578" s="55"/>
      <c r="L578" s="55"/>
      <c r="M578" s="55"/>
      <c r="N578" s="55"/>
      <c r="O578" s="55"/>
      <c r="P578" s="55"/>
      <c r="Q578" s="55"/>
      <c r="R578" s="55"/>
      <c r="S578" s="55"/>
      <c r="T578" s="55"/>
      <c r="U578" s="55"/>
      <c r="V578" s="55"/>
      <c r="W578" s="55"/>
      <c r="X578" s="55"/>
      <c r="Y578" s="55"/>
      <c r="Z578" s="55"/>
      <c r="AA578" s="55"/>
      <c r="AB578" s="55"/>
      <c r="AC578" s="55"/>
      <c r="AD578" s="55"/>
      <c r="AE578" s="55"/>
      <c r="AF578" s="55"/>
      <c r="AG578" s="55"/>
      <c r="AY578" s="162"/>
      <c r="AZ578" s="162"/>
      <c r="BA578" s="162"/>
      <c r="BB578" s="162"/>
      <c r="BC578" s="162"/>
      <c r="BD578" s="162"/>
      <c r="BE578" s="162"/>
      <c r="BF578" s="162"/>
      <c r="BG578" s="162"/>
      <c r="BH578" s="162"/>
      <c r="BI578" s="162"/>
      <c r="BJ578" s="162"/>
      <c r="BK578" s="162"/>
      <c r="BL578" s="162"/>
      <c r="BM578" s="162"/>
      <c r="BN578" s="162"/>
      <c r="BO578" s="162"/>
      <c r="BP578" s="162"/>
      <c r="BQ578" s="162"/>
      <c r="BR578" s="162"/>
      <c r="BS578" s="162"/>
      <c r="BT578" s="162"/>
      <c r="BU578" s="162"/>
      <c r="BV578" s="162"/>
      <c r="BW578" s="162"/>
      <c r="BX578" s="162"/>
      <c r="BY578" s="162"/>
      <c r="BZ578" s="162"/>
      <c r="CA578" s="162"/>
      <c r="CB578" s="162"/>
      <c r="CC578" s="162"/>
      <c r="CD578" s="162"/>
      <c r="CE578" s="162"/>
      <c r="CF578" s="162"/>
      <c r="CG578" s="162"/>
      <c r="CH578" s="162"/>
      <c r="CI578" s="162"/>
      <c r="CJ578" s="162"/>
      <c r="CK578" s="162"/>
      <c r="CX578" s="98"/>
      <c r="DL578" s="97"/>
      <c r="DX578" s="98"/>
      <c r="EL578" s="97"/>
      <c r="EX578" s="98"/>
      <c r="EY578" s="97"/>
      <c r="FL578" s="126"/>
      <c r="FM578" s="91"/>
      <c r="FN578" s="91"/>
      <c r="FO578" s="91"/>
      <c r="FP578" s="91"/>
      <c r="FQ578" s="91"/>
      <c r="FR578" s="91"/>
      <c r="FS578" s="91"/>
      <c r="FT578" s="91"/>
      <c r="FU578" s="91"/>
      <c r="FV578" s="91"/>
      <c r="FW578" s="91"/>
      <c r="FX578" s="91"/>
      <c r="FY578" s="91"/>
      <c r="FZ578" s="91"/>
      <c r="GA578" s="91"/>
      <c r="GB578" s="91"/>
      <c r="GC578" s="91"/>
      <c r="GD578" s="91"/>
      <c r="GE578" s="91"/>
      <c r="GF578" s="91"/>
      <c r="GG578" s="91"/>
      <c r="GH578" s="91"/>
      <c r="GI578" s="91"/>
      <c r="GJ578" s="91"/>
      <c r="GK578" s="127"/>
      <c r="GL578" s="126"/>
      <c r="GM578" s="91"/>
      <c r="GN578" s="91"/>
      <c r="GO578" s="91"/>
      <c r="GP578" s="91"/>
      <c r="GQ578" s="91"/>
      <c r="GR578" s="91"/>
      <c r="GS578" s="91"/>
      <c r="GT578" s="91"/>
      <c r="GU578" s="91"/>
      <c r="GV578" s="91"/>
      <c r="GW578" s="91"/>
      <c r="GX578" s="91"/>
      <c r="GY578" s="91"/>
      <c r="GZ578" s="91"/>
      <c r="HA578" s="91"/>
      <c r="HB578" s="91"/>
      <c r="HC578" s="91"/>
      <c r="HD578" s="91"/>
      <c r="HE578" s="91"/>
      <c r="HF578" s="91"/>
      <c r="HG578" s="91"/>
      <c r="HH578" s="91"/>
      <c r="HI578" s="91"/>
      <c r="HJ578" s="91"/>
      <c r="HK578" s="127"/>
      <c r="HL578" s="126"/>
      <c r="HM578" s="91"/>
      <c r="HN578" s="91"/>
      <c r="HO578" s="91"/>
      <c r="HP578" s="91"/>
      <c r="HQ578" s="91"/>
      <c r="HR578" s="91"/>
      <c r="HS578" s="91"/>
      <c r="HT578" s="91"/>
      <c r="HU578" s="91"/>
      <c r="HV578" s="91"/>
      <c r="HW578" s="91"/>
      <c r="HX578" s="91"/>
      <c r="HY578" s="91"/>
      <c r="HZ578" s="91"/>
      <c r="IA578" s="91"/>
      <c r="IB578" s="91"/>
      <c r="IC578" s="91"/>
      <c r="ID578" s="91"/>
      <c r="IE578" s="91"/>
      <c r="IF578" s="91"/>
      <c r="IG578" s="91"/>
      <c r="IH578" s="91"/>
      <c r="II578" s="91"/>
      <c r="IJ578" s="91"/>
      <c r="IK578" s="127"/>
    </row>
    <row r="579" spans="2:245" x14ac:dyDescent="0.2">
      <c r="B579" s="43"/>
      <c r="C579" s="73"/>
      <c r="D579" s="64"/>
      <c r="E579" s="64"/>
      <c r="F579" s="55"/>
      <c r="G579" s="102"/>
      <c r="H579" s="55"/>
      <c r="I579" s="55"/>
      <c r="J579" s="55"/>
      <c r="K579" s="55"/>
      <c r="L579" s="55"/>
      <c r="M579" s="55"/>
      <c r="N579" s="55"/>
      <c r="O579" s="55"/>
      <c r="P579" s="55"/>
      <c r="Q579" s="55"/>
      <c r="R579" s="55"/>
      <c r="S579" s="55"/>
      <c r="T579" s="55"/>
      <c r="U579" s="55"/>
      <c r="V579" s="55"/>
      <c r="W579" s="55"/>
      <c r="X579" s="55"/>
      <c r="Y579" s="55"/>
      <c r="Z579" s="55"/>
      <c r="AA579" s="55"/>
      <c r="AB579" s="55"/>
      <c r="AC579" s="55"/>
      <c r="AD579" s="55"/>
      <c r="AE579" s="55"/>
      <c r="AF579" s="55"/>
      <c r="AG579" s="55"/>
      <c r="AY579" s="162"/>
      <c r="AZ579" s="162"/>
      <c r="BA579" s="162"/>
      <c r="BB579" s="162"/>
      <c r="BC579" s="162"/>
      <c r="BD579" s="162"/>
      <c r="BE579" s="162"/>
      <c r="BF579" s="162"/>
      <c r="BG579" s="162"/>
      <c r="BH579" s="162"/>
      <c r="BI579" s="162"/>
      <c r="BJ579" s="162"/>
      <c r="BK579" s="162"/>
      <c r="BL579" s="162"/>
      <c r="BM579" s="162"/>
      <c r="BN579" s="162"/>
      <c r="BO579" s="162"/>
      <c r="BP579" s="162"/>
      <c r="BQ579" s="162"/>
      <c r="BR579" s="162"/>
      <c r="BS579" s="162"/>
      <c r="BT579" s="162"/>
      <c r="BU579" s="162"/>
      <c r="BV579" s="162"/>
      <c r="BW579" s="162"/>
      <c r="BX579" s="162"/>
      <c r="BY579" s="162"/>
      <c r="BZ579" s="162"/>
      <c r="CA579" s="162"/>
      <c r="CB579" s="162"/>
      <c r="CC579" s="162"/>
      <c r="CD579" s="162"/>
      <c r="CE579" s="162"/>
      <c r="CF579" s="162"/>
      <c r="CG579" s="162"/>
      <c r="CH579" s="162"/>
      <c r="CI579" s="162"/>
      <c r="CJ579" s="162"/>
      <c r="CK579" s="162"/>
      <c r="CX579" s="98"/>
      <c r="DL579" s="97"/>
      <c r="DX579" s="98"/>
      <c r="EL579" s="97"/>
      <c r="EX579" s="98"/>
      <c r="EY579" s="97"/>
      <c r="FL579" s="126"/>
      <c r="FM579" s="91"/>
      <c r="FN579" s="91"/>
      <c r="FO579" s="91"/>
      <c r="FP579" s="91"/>
      <c r="FQ579" s="91"/>
      <c r="FR579" s="91"/>
      <c r="FS579" s="91"/>
      <c r="FT579" s="91"/>
      <c r="FU579" s="91"/>
      <c r="FV579" s="91"/>
      <c r="FW579" s="91"/>
      <c r="FX579" s="91"/>
      <c r="FY579" s="91"/>
      <c r="FZ579" s="91"/>
      <c r="GA579" s="91"/>
      <c r="GB579" s="91"/>
      <c r="GC579" s="91"/>
      <c r="GD579" s="91"/>
      <c r="GE579" s="91"/>
      <c r="GF579" s="91"/>
      <c r="GG579" s="91"/>
      <c r="GH579" s="91"/>
      <c r="GI579" s="91"/>
      <c r="GJ579" s="91"/>
      <c r="GK579" s="127"/>
      <c r="GL579" s="126"/>
      <c r="GM579" s="91"/>
      <c r="GN579" s="91"/>
      <c r="GO579" s="91"/>
      <c r="GP579" s="91"/>
      <c r="GQ579" s="91"/>
      <c r="GR579" s="91"/>
      <c r="GS579" s="91"/>
      <c r="GT579" s="91"/>
      <c r="GU579" s="91"/>
      <c r="GV579" s="91"/>
      <c r="GW579" s="91"/>
      <c r="GX579" s="91"/>
      <c r="GY579" s="91"/>
      <c r="GZ579" s="91"/>
      <c r="HA579" s="91"/>
      <c r="HB579" s="91"/>
      <c r="HC579" s="91"/>
      <c r="HD579" s="91"/>
      <c r="HE579" s="91"/>
      <c r="HF579" s="91"/>
      <c r="HG579" s="91"/>
      <c r="HH579" s="91"/>
      <c r="HI579" s="91"/>
      <c r="HJ579" s="91"/>
      <c r="HK579" s="127"/>
      <c r="HL579" s="126"/>
      <c r="HM579" s="91"/>
      <c r="HN579" s="91"/>
      <c r="HO579" s="91"/>
      <c r="HP579" s="91"/>
      <c r="HQ579" s="91"/>
      <c r="HR579" s="91"/>
      <c r="HS579" s="91"/>
      <c r="HT579" s="91"/>
      <c r="HU579" s="91"/>
      <c r="HV579" s="91"/>
      <c r="HW579" s="91"/>
      <c r="HX579" s="91"/>
      <c r="HY579" s="91"/>
      <c r="HZ579" s="91"/>
      <c r="IA579" s="91"/>
      <c r="IB579" s="91"/>
      <c r="IC579" s="91"/>
      <c r="ID579" s="91"/>
      <c r="IE579" s="91"/>
      <c r="IF579" s="91"/>
      <c r="IG579" s="91"/>
      <c r="IH579" s="91"/>
      <c r="II579" s="91"/>
      <c r="IJ579" s="91"/>
      <c r="IK579" s="127"/>
    </row>
    <row r="580" spans="2:245" x14ac:dyDescent="0.2">
      <c r="B580" s="43"/>
      <c r="C580" s="73"/>
      <c r="D580" s="64"/>
      <c r="E580" s="64"/>
      <c r="F580" s="55"/>
      <c r="G580" s="102"/>
      <c r="H580" s="55"/>
      <c r="I580" s="55"/>
      <c r="J580" s="55"/>
      <c r="K580" s="55"/>
      <c r="L580" s="55"/>
      <c r="M580" s="55"/>
      <c r="N580" s="55"/>
      <c r="O580" s="55"/>
      <c r="P580" s="55"/>
      <c r="Q580" s="55"/>
      <c r="R580" s="55"/>
      <c r="S580" s="55"/>
      <c r="T580" s="55"/>
      <c r="U580" s="55"/>
      <c r="V580" s="55"/>
      <c r="W580" s="55"/>
      <c r="X580" s="55"/>
      <c r="Y580" s="55"/>
      <c r="Z580" s="55"/>
      <c r="AA580" s="55"/>
      <c r="AB580" s="55"/>
      <c r="AC580" s="55"/>
      <c r="AD580" s="55"/>
      <c r="AE580" s="55"/>
      <c r="AF580" s="55"/>
      <c r="AG580" s="55"/>
      <c r="AY580" s="162"/>
      <c r="AZ580" s="162"/>
      <c r="BA580" s="162"/>
      <c r="BB580" s="162"/>
      <c r="BC580" s="162"/>
      <c r="BD580" s="162"/>
      <c r="BE580" s="162"/>
      <c r="BF580" s="162"/>
      <c r="BG580" s="162"/>
      <c r="BH580" s="162"/>
      <c r="BI580" s="162"/>
      <c r="BJ580" s="162"/>
      <c r="BK580" s="162"/>
      <c r="BL580" s="162"/>
      <c r="BM580" s="162"/>
      <c r="BN580" s="162"/>
      <c r="BO580" s="162"/>
      <c r="BP580" s="162"/>
      <c r="BQ580" s="162"/>
      <c r="BR580" s="162"/>
      <c r="BS580" s="162"/>
      <c r="BT580" s="162"/>
      <c r="BU580" s="162"/>
      <c r="BV580" s="162"/>
      <c r="BW580" s="162"/>
      <c r="BX580" s="162"/>
      <c r="BY580" s="162"/>
      <c r="BZ580" s="162"/>
      <c r="CA580" s="162"/>
      <c r="CB580" s="162"/>
      <c r="CC580" s="162"/>
      <c r="CD580" s="162"/>
      <c r="CE580" s="162"/>
      <c r="CF580" s="162"/>
      <c r="CG580" s="162"/>
      <c r="CH580" s="162"/>
      <c r="CI580" s="162"/>
      <c r="CJ580" s="162"/>
      <c r="CK580" s="162"/>
      <c r="CX580" s="98"/>
      <c r="DL580" s="97"/>
      <c r="DX580" s="98"/>
      <c r="EL580" s="97"/>
      <c r="EX580" s="98"/>
      <c r="EY580" s="97"/>
      <c r="FL580" s="126"/>
      <c r="FM580" s="91"/>
      <c r="FN580" s="91"/>
      <c r="FO580" s="91"/>
      <c r="FP580" s="91"/>
      <c r="FQ580" s="91"/>
      <c r="FR580" s="91"/>
      <c r="FS580" s="91"/>
      <c r="FT580" s="91"/>
      <c r="FU580" s="91"/>
      <c r="FV580" s="91"/>
      <c r="FW580" s="91"/>
      <c r="FX580" s="91"/>
      <c r="FY580" s="91"/>
      <c r="FZ580" s="91"/>
      <c r="GA580" s="91"/>
      <c r="GB580" s="91"/>
      <c r="GC580" s="91"/>
      <c r="GD580" s="91"/>
      <c r="GE580" s="91"/>
      <c r="GF580" s="91"/>
      <c r="GG580" s="91"/>
      <c r="GH580" s="91"/>
      <c r="GI580" s="91"/>
      <c r="GJ580" s="91"/>
      <c r="GK580" s="127"/>
      <c r="GL580" s="126"/>
      <c r="GM580" s="91"/>
      <c r="GN580" s="91"/>
      <c r="GO580" s="91"/>
      <c r="GP580" s="91"/>
      <c r="GQ580" s="91"/>
      <c r="GR580" s="91"/>
      <c r="GS580" s="91"/>
      <c r="GT580" s="91"/>
      <c r="GU580" s="91"/>
      <c r="GV580" s="91"/>
      <c r="GW580" s="91"/>
      <c r="GX580" s="91"/>
      <c r="GY580" s="91"/>
      <c r="GZ580" s="91"/>
      <c r="HA580" s="91"/>
      <c r="HB580" s="91"/>
      <c r="HC580" s="91"/>
      <c r="HD580" s="91"/>
      <c r="HE580" s="91"/>
      <c r="HF580" s="91"/>
      <c r="HG580" s="91"/>
      <c r="HH580" s="91"/>
      <c r="HI580" s="91"/>
      <c r="HJ580" s="91"/>
      <c r="HK580" s="127"/>
      <c r="HL580" s="126"/>
      <c r="HM580" s="91"/>
      <c r="HN580" s="91"/>
      <c r="HO580" s="91"/>
      <c r="HP580" s="91"/>
      <c r="HQ580" s="91"/>
      <c r="HR580" s="91"/>
      <c r="HS580" s="91"/>
      <c r="HT580" s="91"/>
      <c r="HU580" s="91"/>
      <c r="HV580" s="91"/>
      <c r="HW580" s="91"/>
      <c r="HX580" s="91"/>
      <c r="HY580" s="91"/>
      <c r="HZ580" s="91"/>
      <c r="IA580" s="91"/>
      <c r="IB580" s="91"/>
      <c r="IC580" s="91"/>
      <c r="ID580" s="91"/>
      <c r="IE580" s="91"/>
      <c r="IF580" s="91"/>
      <c r="IG580" s="91"/>
      <c r="IH580" s="91"/>
      <c r="II580" s="91"/>
      <c r="IJ580" s="91"/>
      <c r="IK580" s="127"/>
    </row>
    <row r="581" spans="2:245" x14ac:dyDescent="0.2">
      <c r="B581" s="43"/>
      <c r="C581" s="73"/>
      <c r="D581" s="64"/>
      <c r="E581" s="64"/>
      <c r="F581" s="55"/>
      <c r="G581" s="102"/>
      <c r="H581" s="55"/>
      <c r="I581" s="55"/>
      <c r="J581" s="55"/>
      <c r="K581" s="55"/>
      <c r="L581" s="55"/>
      <c r="M581" s="55"/>
      <c r="N581" s="55"/>
      <c r="O581" s="55"/>
      <c r="P581" s="55"/>
      <c r="Q581" s="55"/>
      <c r="R581" s="55"/>
      <c r="S581" s="55"/>
      <c r="T581" s="55"/>
      <c r="U581" s="55"/>
      <c r="V581" s="55"/>
      <c r="W581" s="55"/>
      <c r="X581" s="55"/>
      <c r="Y581" s="55"/>
      <c r="Z581" s="55"/>
      <c r="AA581" s="55"/>
      <c r="AB581" s="55"/>
      <c r="AC581" s="55"/>
      <c r="AD581" s="55"/>
      <c r="AE581" s="55"/>
      <c r="AF581" s="55"/>
      <c r="AG581" s="55"/>
      <c r="AY581" s="162"/>
      <c r="AZ581" s="162"/>
      <c r="BA581" s="162"/>
      <c r="BB581" s="162"/>
      <c r="BC581" s="162"/>
      <c r="BD581" s="162"/>
      <c r="BE581" s="162"/>
      <c r="BF581" s="162"/>
      <c r="BG581" s="162"/>
      <c r="BH581" s="162"/>
      <c r="BI581" s="162"/>
      <c r="BJ581" s="162"/>
      <c r="BK581" s="162"/>
      <c r="BL581" s="162"/>
      <c r="BM581" s="162"/>
      <c r="BN581" s="162"/>
      <c r="BO581" s="162"/>
      <c r="BP581" s="162"/>
      <c r="BQ581" s="162"/>
      <c r="BR581" s="162"/>
      <c r="BS581" s="162"/>
      <c r="BT581" s="162"/>
      <c r="BU581" s="162"/>
      <c r="BV581" s="162"/>
      <c r="BW581" s="162"/>
      <c r="BX581" s="162"/>
      <c r="BY581" s="162"/>
      <c r="BZ581" s="162"/>
      <c r="CA581" s="162"/>
      <c r="CB581" s="162"/>
      <c r="CC581" s="162"/>
      <c r="CD581" s="162"/>
      <c r="CE581" s="162"/>
      <c r="CF581" s="162"/>
      <c r="CG581" s="162"/>
      <c r="CH581" s="162"/>
      <c r="CI581" s="162"/>
      <c r="CJ581" s="162"/>
      <c r="CK581" s="162"/>
      <c r="CX581" s="98"/>
      <c r="DL581" s="97"/>
      <c r="DX581" s="98"/>
      <c r="EL581" s="97"/>
      <c r="EX581" s="98"/>
      <c r="EY581" s="97"/>
      <c r="FL581" s="126"/>
      <c r="FM581" s="91"/>
      <c r="FN581" s="91"/>
      <c r="FO581" s="91"/>
      <c r="FP581" s="91"/>
      <c r="FQ581" s="91"/>
      <c r="FR581" s="91"/>
      <c r="FS581" s="91"/>
      <c r="FT581" s="91"/>
      <c r="FU581" s="91"/>
      <c r="FV581" s="91"/>
      <c r="FW581" s="91"/>
      <c r="FX581" s="91"/>
      <c r="FY581" s="91"/>
      <c r="FZ581" s="91"/>
      <c r="GA581" s="91"/>
      <c r="GB581" s="91"/>
      <c r="GC581" s="91"/>
      <c r="GD581" s="91"/>
      <c r="GE581" s="91"/>
      <c r="GF581" s="91"/>
      <c r="GG581" s="91"/>
      <c r="GH581" s="91"/>
      <c r="GI581" s="91"/>
      <c r="GJ581" s="91"/>
      <c r="GK581" s="127"/>
      <c r="GL581" s="126"/>
      <c r="GM581" s="91"/>
      <c r="GN581" s="91"/>
      <c r="GO581" s="91"/>
      <c r="GP581" s="91"/>
      <c r="GQ581" s="91"/>
      <c r="GR581" s="91"/>
      <c r="GS581" s="91"/>
      <c r="GT581" s="91"/>
      <c r="GU581" s="91"/>
      <c r="GV581" s="91"/>
      <c r="GW581" s="91"/>
      <c r="GX581" s="91"/>
      <c r="GY581" s="91"/>
      <c r="GZ581" s="91"/>
      <c r="HA581" s="91"/>
      <c r="HB581" s="91"/>
      <c r="HC581" s="91"/>
      <c r="HD581" s="91"/>
      <c r="HE581" s="91"/>
      <c r="HF581" s="91"/>
      <c r="HG581" s="91"/>
      <c r="HH581" s="91"/>
      <c r="HI581" s="91"/>
      <c r="HJ581" s="91"/>
      <c r="HK581" s="127"/>
      <c r="HL581" s="126"/>
      <c r="HM581" s="91"/>
      <c r="HN581" s="91"/>
      <c r="HO581" s="91"/>
      <c r="HP581" s="91"/>
      <c r="HQ581" s="91"/>
      <c r="HR581" s="91"/>
      <c r="HS581" s="91"/>
      <c r="HT581" s="91"/>
      <c r="HU581" s="91"/>
      <c r="HV581" s="91"/>
      <c r="HW581" s="91"/>
      <c r="HX581" s="91"/>
      <c r="HY581" s="91"/>
      <c r="HZ581" s="91"/>
      <c r="IA581" s="91"/>
      <c r="IB581" s="91"/>
      <c r="IC581" s="91"/>
      <c r="ID581" s="91"/>
      <c r="IE581" s="91"/>
      <c r="IF581" s="91"/>
      <c r="IG581" s="91"/>
      <c r="IH581" s="91"/>
      <c r="II581" s="91"/>
      <c r="IJ581" s="91"/>
      <c r="IK581" s="127"/>
    </row>
    <row r="582" spans="2:245" x14ac:dyDescent="0.2">
      <c r="B582" s="43"/>
      <c r="C582" s="73"/>
      <c r="D582" s="64"/>
      <c r="E582" s="64"/>
      <c r="F582" s="55"/>
      <c r="G582" s="102"/>
      <c r="H582" s="55"/>
      <c r="I582" s="55"/>
      <c r="J582" s="55"/>
      <c r="K582" s="55"/>
      <c r="L582" s="55"/>
      <c r="M582" s="55"/>
      <c r="N582" s="55"/>
      <c r="O582" s="55"/>
      <c r="P582" s="55"/>
      <c r="Q582" s="55"/>
      <c r="R582" s="55"/>
      <c r="S582" s="55"/>
      <c r="T582" s="55"/>
      <c r="U582" s="55"/>
      <c r="V582" s="55"/>
      <c r="W582" s="55"/>
      <c r="X582" s="55"/>
      <c r="Y582" s="55"/>
      <c r="Z582" s="55"/>
      <c r="AA582" s="55"/>
      <c r="AB582" s="55"/>
      <c r="AC582" s="55"/>
      <c r="AD582" s="55"/>
      <c r="AE582" s="55"/>
      <c r="AF582" s="55"/>
      <c r="AG582" s="55"/>
      <c r="AY582" s="162"/>
      <c r="AZ582" s="162"/>
      <c r="BA582" s="162"/>
      <c r="BB582" s="162"/>
      <c r="BC582" s="162"/>
      <c r="BD582" s="162"/>
      <c r="BE582" s="162"/>
      <c r="BF582" s="162"/>
      <c r="BG582" s="162"/>
      <c r="BH582" s="162"/>
      <c r="BI582" s="162"/>
      <c r="BJ582" s="162"/>
      <c r="BK582" s="162"/>
      <c r="BL582" s="162"/>
      <c r="BM582" s="162"/>
      <c r="BN582" s="162"/>
      <c r="BO582" s="162"/>
      <c r="BP582" s="162"/>
      <c r="BQ582" s="162"/>
      <c r="BR582" s="162"/>
      <c r="BS582" s="162"/>
      <c r="BT582" s="162"/>
      <c r="BU582" s="162"/>
      <c r="BV582" s="162"/>
      <c r="BW582" s="162"/>
      <c r="BX582" s="162"/>
      <c r="BY582" s="162"/>
      <c r="BZ582" s="162"/>
      <c r="CA582" s="162"/>
      <c r="CB582" s="162"/>
      <c r="CC582" s="162"/>
      <c r="CD582" s="162"/>
      <c r="CE582" s="162"/>
      <c r="CF582" s="162"/>
      <c r="CG582" s="162"/>
      <c r="CH582" s="162"/>
      <c r="CI582" s="162"/>
      <c r="CJ582" s="162"/>
      <c r="CK582" s="162"/>
      <c r="CX582" s="98"/>
      <c r="DL582" s="97"/>
      <c r="DX582" s="98"/>
      <c r="EL582" s="97"/>
      <c r="EX582" s="98"/>
      <c r="EY582" s="97"/>
      <c r="FL582" s="126"/>
      <c r="FM582" s="91"/>
      <c r="FN582" s="91"/>
      <c r="FO582" s="91"/>
      <c r="FP582" s="91"/>
      <c r="FQ582" s="91"/>
      <c r="FR582" s="91"/>
      <c r="FS582" s="91"/>
      <c r="FT582" s="91"/>
      <c r="FU582" s="91"/>
      <c r="FV582" s="91"/>
      <c r="FW582" s="91"/>
      <c r="FX582" s="91"/>
      <c r="FY582" s="91"/>
      <c r="FZ582" s="91"/>
      <c r="GA582" s="91"/>
      <c r="GB582" s="91"/>
      <c r="GC582" s="91"/>
      <c r="GD582" s="91"/>
      <c r="GE582" s="91"/>
      <c r="GF582" s="91"/>
      <c r="GG582" s="91"/>
      <c r="GH582" s="91"/>
      <c r="GI582" s="91"/>
      <c r="GJ582" s="91"/>
      <c r="GK582" s="127"/>
      <c r="GL582" s="126"/>
      <c r="GM582" s="91"/>
      <c r="GN582" s="91"/>
      <c r="GO582" s="91"/>
      <c r="GP582" s="91"/>
      <c r="GQ582" s="91"/>
      <c r="GR582" s="91"/>
      <c r="GS582" s="91"/>
      <c r="GT582" s="91"/>
      <c r="GU582" s="91"/>
      <c r="GV582" s="91"/>
      <c r="GW582" s="91"/>
      <c r="GX582" s="91"/>
      <c r="GY582" s="91"/>
      <c r="GZ582" s="91"/>
      <c r="HA582" s="91"/>
      <c r="HB582" s="91"/>
      <c r="HC582" s="91"/>
      <c r="HD582" s="91"/>
      <c r="HE582" s="91"/>
      <c r="HF582" s="91"/>
      <c r="HG582" s="91"/>
      <c r="HH582" s="91"/>
      <c r="HI582" s="91"/>
      <c r="HJ582" s="91"/>
      <c r="HK582" s="127"/>
      <c r="HL582" s="126"/>
      <c r="HM582" s="91"/>
      <c r="HN582" s="91"/>
      <c r="HO582" s="91"/>
      <c r="HP582" s="91"/>
      <c r="HQ582" s="91"/>
      <c r="HR582" s="91"/>
      <c r="HS582" s="91"/>
      <c r="HT582" s="91"/>
      <c r="HU582" s="91"/>
      <c r="HV582" s="91"/>
      <c r="HW582" s="91"/>
      <c r="HX582" s="91"/>
      <c r="HY582" s="91"/>
      <c r="HZ582" s="91"/>
      <c r="IA582" s="91"/>
      <c r="IB582" s="91"/>
      <c r="IC582" s="91"/>
      <c r="ID582" s="91"/>
      <c r="IE582" s="91"/>
      <c r="IF582" s="91"/>
      <c r="IG582" s="91"/>
      <c r="IH582" s="91"/>
      <c r="II582" s="91"/>
      <c r="IJ582" s="91"/>
      <c r="IK582" s="127"/>
    </row>
    <row r="583" spans="2:245" x14ac:dyDescent="0.2">
      <c r="B583" s="43"/>
      <c r="C583" s="73"/>
      <c r="D583" s="64"/>
      <c r="E583" s="64"/>
      <c r="F583" s="55"/>
      <c r="G583" s="102"/>
      <c r="H583" s="55"/>
      <c r="I583" s="55"/>
      <c r="J583" s="55"/>
      <c r="K583" s="55"/>
      <c r="L583" s="55"/>
      <c r="M583" s="55"/>
      <c r="N583" s="55"/>
      <c r="O583" s="55"/>
      <c r="P583" s="55"/>
      <c r="Q583" s="55"/>
      <c r="R583" s="55"/>
      <c r="S583" s="55"/>
      <c r="T583" s="55"/>
      <c r="U583" s="55"/>
      <c r="V583" s="55"/>
      <c r="W583" s="55"/>
      <c r="X583" s="55"/>
      <c r="Y583" s="55"/>
      <c r="Z583" s="55"/>
      <c r="AA583" s="55"/>
      <c r="AB583" s="55"/>
      <c r="AC583" s="55"/>
      <c r="AD583" s="55"/>
      <c r="AE583" s="55"/>
      <c r="AF583" s="55"/>
      <c r="AG583" s="55"/>
      <c r="AY583" s="162"/>
      <c r="AZ583" s="162"/>
      <c r="BA583" s="162"/>
      <c r="BB583" s="162"/>
      <c r="BC583" s="162"/>
      <c r="BD583" s="162"/>
      <c r="BE583" s="162"/>
      <c r="BF583" s="162"/>
      <c r="BG583" s="162"/>
      <c r="BH583" s="162"/>
      <c r="BI583" s="162"/>
      <c r="BJ583" s="162"/>
      <c r="BK583" s="162"/>
      <c r="BL583" s="162"/>
      <c r="BM583" s="162"/>
      <c r="BN583" s="162"/>
      <c r="BO583" s="162"/>
      <c r="BP583" s="162"/>
      <c r="BQ583" s="162"/>
      <c r="BR583" s="162"/>
      <c r="BS583" s="162"/>
      <c r="BT583" s="162"/>
      <c r="BU583" s="162"/>
      <c r="BV583" s="162"/>
      <c r="BW583" s="162"/>
      <c r="BX583" s="162"/>
      <c r="BY583" s="162"/>
      <c r="BZ583" s="162"/>
      <c r="CA583" s="162"/>
      <c r="CB583" s="162"/>
      <c r="CC583" s="162"/>
      <c r="CD583" s="162"/>
      <c r="CE583" s="162"/>
      <c r="CF583" s="162"/>
      <c r="CG583" s="162"/>
      <c r="CH583" s="162"/>
      <c r="CI583" s="162"/>
      <c r="CJ583" s="162"/>
      <c r="CK583" s="162"/>
      <c r="CX583" s="98"/>
      <c r="DL583" s="97"/>
      <c r="DX583" s="98"/>
      <c r="EL583" s="97"/>
      <c r="EX583" s="98"/>
      <c r="EY583" s="97"/>
      <c r="FL583" s="126"/>
      <c r="FM583" s="91"/>
      <c r="FN583" s="91"/>
      <c r="FO583" s="91"/>
      <c r="FP583" s="91"/>
      <c r="FQ583" s="91"/>
      <c r="FR583" s="91"/>
      <c r="FS583" s="91"/>
      <c r="FT583" s="91"/>
      <c r="FU583" s="91"/>
      <c r="FV583" s="91"/>
      <c r="FW583" s="91"/>
      <c r="FX583" s="91"/>
      <c r="FY583" s="91"/>
      <c r="FZ583" s="91"/>
      <c r="GA583" s="91"/>
      <c r="GB583" s="91"/>
      <c r="GC583" s="91"/>
      <c r="GD583" s="91"/>
      <c r="GE583" s="91"/>
      <c r="GF583" s="91"/>
      <c r="GG583" s="91"/>
      <c r="GH583" s="91"/>
      <c r="GI583" s="91"/>
      <c r="GJ583" s="91"/>
      <c r="GK583" s="127"/>
      <c r="GL583" s="126"/>
      <c r="GM583" s="91"/>
      <c r="GN583" s="91"/>
      <c r="GO583" s="91"/>
      <c r="GP583" s="91"/>
      <c r="GQ583" s="91"/>
      <c r="GR583" s="91"/>
      <c r="GS583" s="91"/>
      <c r="GT583" s="91"/>
      <c r="GU583" s="91"/>
      <c r="GV583" s="91"/>
      <c r="GW583" s="91"/>
      <c r="GX583" s="91"/>
      <c r="GY583" s="91"/>
      <c r="GZ583" s="91"/>
      <c r="HA583" s="91"/>
      <c r="HB583" s="91"/>
      <c r="HC583" s="91"/>
      <c r="HD583" s="91"/>
      <c r="HE583" s="91"/>
      <c r="HF583" s="91"/>
      <c r="HG583" s="91"/>
      <c r="HH583" s="91"/>
      <c r="HI583" s="91"/>
      <c r="HJ583" s="91"/>
      <c r="HK583" s="127"/>
      <c r="HL583" s="126"/>
      <c r="HM583" s="91"/>
      <c r="HN583" s="91"/>
      <c r="HO583" s="91"/>
      <c r="HP583" s="91"/>
      <c r="HQ583" s="91"/>
      <c r="HR583" s="91"/>
      <c r="HS583" s="91"/>
      <c r="HT583" s="91"/>
      <c r="HU583" s="91"/>
      <c r="HV583" s="91"/>
      <c r="HW583" s="91"/>
      <c r="HX583" s="91"/>
      <c r="HY583" s="91"/>
      <c r="HZ583" s="91"/>
      <c r="IA583" s="91"/>
      <c r="IB583" s="91"/>
      <c r="IC583" s="91"/>
      <c r="ID583" s="91"/>
      <c r="IE583" s="91"/>
      <c r="IF583" s="91"/>
      <c r="IG583" s="91"/>
      <c r="IH583" s="91"/>
      <c r="II583" s="91"/>
      <c r="IJ583" s="91"/>
      <c r="IK583" s="127"/>
    </row>
    <row r="584" spans="2:245" x14ac:dyDescent="0.2">
      <c r="B584" s="43"/>
      <c r="C584" s="73"/>
      <c r="D584" s="64"/>
      <c r="E584" s="64"/>
      <c r="F584" s="55"/>
      <c r="G584" s="102"/>
      <c r="H584" s="55"/>
      <c r="I584" s="55"/>
      <c r="J584" s="55"/>
      <c r="K584" s="55"/>
      <c r="L584" s="55"/>
      <c r="M584" s="55"/>
      <c r="N584" s="55"/>
      <c r="O584" s="55"/>
      <c r="P584" s="55"/>
      <c r="Q584" s="55"/>
      <c r="R584" s="55"/>
      <c r="S584" s="55"/>
      <c r="T584" s="55"/>
      <c r="U584" s="55"/>
      <c r="V584" s="55"/>
      <c r="W584" s="55"/>
      <c r="X584" s="55"/>
      <c r="Y584" s="55"/>
      <c r="Z584" s="55"/>
      <c r="AA584" s="55"/>
      <c r="AB584" s="55"/>
      <c r="AC584" s="55"/>
      <c r="AD584" s="55"/>
      <c r="AE584" s="55"/>
      <c r="AF584" s="55"/>
      <c r="AG584" s="55"/>
      <c r="AY584" s="162"/>
      <c r="AZ584" s="162"/>
      <c r="BA584" s="162"/>
      <c r="BB584" s="162"/>
      <c r="BC584" s="162"/>
      <c r="BD584" s="162"/>
      <c r="BE584" s="162"/>
      <c r="BF584" s="162"/>
      <c r="BG584" s="162"/>
      <c r="BH584" s="162"/>
      <c r="BI584" s="162"/>
      <c r="BJ584" s="162"/>
      <c r="BK584" s="162"/>
      <c r="BL584" s="162"/>
      <c r="BM584" s="162"/>
      <c r="BN584" s="162"/>
      <c r="BO584" s="162"/>
      <c r="BP584" s="162"/>
      <c r="BQ584" s="162"/>
      <c r="BR584" s="162"/>
      <c r="BS584" s="162"/>
      <c r="BT584" s="162"/>
      <c r="BU584" s="162"/>
      <c r="BV584" s="162"/>
      <c r="BW584" s="162"/>
      <c r="BX584" s="162"/>
      <c r="BY584" s="162"/>
      <c r="BZ584" s="162"/>
      <c r="CA584" s="162"/>
      <c r="CB584" s="162"/>
      <c r="CC584" s="162"/>
      <c r="CD584" s="162"/>
      <c r="CE584" s="162"/>
      <c r="CF584" s="162"/>
      <c r="CG584" s="162"/>
      <c r="CH584" s="162"/>
      <c r="CI584" s="162"/>
      <c r="CJ584" s="162"/>
      <c r="CK584" s="162"/>
      <c r="CX584" s="98"/>
      <c r="DL584" s="97"/>
      <c r="DX584" s="98"/>
      <c r="EL584" s="97"/>
      <c r="EX584" s="98"/>
      <c r="EY584" s="97"/>
      <c r="FL584" s="126"/>
      <c r="FM584" s="91"/>
      <c r="FN584" s="91"/>
      <c r="FO584" s="91"/>
      <c r="FP584" s="91"/>
      <c r="FQ584" s="91"/>
      <c r="FR584" s="91"/>
      <c r="FS584" s="91"/>
      <c r="FT584" s="91"/>
      <c r="FU584" s="91"/>
      <c r="FV584" s="91"/>
      <c r="FW584" s="91"/>
      <c r="FX584" s="91"/>
      <c r="FY584" s="91"/>
      <c r="FZ584" s="91"/>
      <c r="GA584" s="91"/>
      <c r="GB584" s="91"/>
      <c r="GC584" s="91"/>
      <c r="GD584" s="91"/>
      <c r="GE584" s="91"/>
      <c r="GF584" s="91"/>
      <c r="GG584" s="91"/>
      <c r="GH584" s="91"/>
      <c r="GI584" s="91"/>
      <c r="GJ584" s="91"/>
      <c r="GK584" s="127"/>
      <c r="GL584" s="126"/>
      <c r="GM584" s="91"/>
      <c r="GN584" s="91"/>
      <c r="GO584" s="91"/>
      <c r="GP584" s="91"/>
      <c r="GQ584" s="91"/>
      <c r="GR584" s="91"/>
      <c r="GS584" s="91"/>
      <c r="GT584" s="91"/>
      <c r="GU584" s="91"/>
      <c r="GV584" s="91"/>
      <c r="GW584" s="91"/>
      <c r="GX584" s="91"/>
      <c r="GY584" s="91"/>
      <c r="GZ584" s="91"/>
      <c r="HA584" s="91"/>
      <c r="HB584" s="91"/>
      <c r="HC584" s="91"/>
      <c r="HD584" s="91"/>
      <c r="HE584" s="91"/>
      <c r="HF584" s="91"/>
      <c r="HG584" s="91"/>
      <c r="HH584" s="91"/>
      <c r="HI584" s="91"/>
      <c r="HJ584" s="91"/>
      <c r="HK584" s="127"/>
      <c r="HL584" s="126"/>
      <c r="HM584" s="91"/>
      <c r="HN584" s="91"/>
      <c r="HO584" s="91"/>
      <c r="HP584" s="91"/>
      <c r="HQ584" s="91"/>
      <c r="HR584" s="91"/>
      <c r="HS584" s="91"/>
      <c r="HT584" s="91"/>
      <c r="HU584" s="91"/>
      <c r="HV584" s="91"/>
      <c r="HW584" s="91"/>
      <c r="HX584" s="91"/>
      <c r="HY584" s="91"/>
      <c r="HZ584" s="91"/>
      <c r="IA584" s="91"/>
      <c r="IB584" s="91"/>
      <c r="IC584" s="91"/>
      <c r="ID584" s="91"/>
      <c r="IE584" s="91"/>
      <c r="IF584" s="91"/>
      <c r="IG584" s="91"/>
      <c r="IH584" s="91"/>
      <c r="II584" s="91"/>
      <c r="IJ584" s="91"/>
      <c r="IK584" s="127"/>
    </row>
    <row r="585" spans="2:245" x14ac:dyDescent="0.2">
      <c r="B585" s="43"/>
      <c r="C585" s="73"/>
      <c r="D585" s="64"/>
      <c r="E585" s="64"/>
      <c r="F585" s="55"/>
      <c r="G585" s="102"/>
      <c r="H585" s="55"/>
      <c r="I585" s="55"/>
      <c r="J585" s="55"/>
      <c r="K585" s="55"/>
      <c r="L585" s="55"/>
      <c r="M585" s="55"/>
      <c r="N585" s="55"/>
      <c r="O585" s="55"/>
      <c r="P585" s="55"/>
      <c r="Q585" s="55"/>
      <c r="R585" s="55"/>
      <c r="S585" s="55"/>
      <c r="T585" s="55"/>
      <c r="U585" s="55"/>
      <c r="V585" s="55"/>
      <c r="W585" s="55"/>
      <c r="X585" s="55"/>
      <c r="Y585" s="55"/>
      <c r="Z585" s="55"/>
      <c r="AA585" s="55"/>
      <c r="AB585" s="55"/>
      <c r="AC585" s="55"/>
      <c r="AD585" s="55"/>
      <c r="AE585" s="55"/>
      <c r="AF585" s="55"/>
      <c r="AG585" s="55"/>
      <c r="AY585" s="162"/>
      <c r="AZ585" s="162"/>
      <c r="BA585" s="162"/>
      <c r="BB585" s="162"/>
      <c r="BC585" s="162"/>
      <c r="BD585" s="162"/>
      <c r="BE585" s="162"/>
      <c r="BF585" s="162"/>
      <c r="BG585" s="162"/>
      <c r="BH585" s="162"/>
      <c r="BI585" s="162"/>
      <c r="BJ585" s="162"/>
      <c r="BK585" s="162"/>
      <c r="BL585" s="162"/>
      <c r="BM585" s="162"/>
      <c r="BN585" s="162"/>
      <c r="BO585" s="162"/>
      <c r="BP585" s="162"/>
      <c r="BQ585" s="162"/>
      <c r="BR585" s="162"/>
      <c r="BS585" s="162"/>
      <c r="BT585" s="162"/>
      <c r="BU585" s="162"/>
      <c r="BV585" s="162"/>
      <c r="BW585" s="162"/>
      <c r="BX585" s="162"/>
      <c r="BY585" s="162"/>
      <c r="BZ585" s="162"/>
      <c r="CA585" s="162"/>
      <c r="CB585" s="162"/>
      <c r="CC585" s="162"/>
      <c r="CD585" s="162"/>
      <c r="CE585" s="162"/>
      <c r="CF585" s="162"/>
      <c r="CG585" s="162"/>
      <c r="CH585" s="162"/>
      <c r="CI585" s="162"/>
      <c r="CJ585" s="162"/>
      <c r="CK585" s="162"/>
      <c r="CX585" s="98"/>
      <c r="DL585" s="97"/>
      <c r="DX585" s="98"/>
      <c r="EL585" s="97"/>
      <c r="EX585" s="98"/>
      <c r="EY585" s="97"/>
      <c r="FL585" s="126"/>
      <c r="FM585" s="91"/>
      <c r="FN585" s="91"/>
      <c r="FO585" s="91"/>
      <c r="FP585" s="91"/>
      <c r="FQ585" s="91"/>
      <c r="FR585" s="91"/>
      <c r="FS585" s="91"/>
      <c r="FT585" s="91"/>
      <c r="FU585" s="91"/>
      <c r="FV585" s="91"/>
      <c r="FW585" s="91"/>
      <c r="FX585" s="91"/>
      <c r="FY585" s="91"/>
      <c r="FZ585" s="91"/>
      <c r="GA585" s="91"/>
      <c r="GB585" s="91"/>
      <c r="GC585" s="91"/>
      <c r="GD585" s="91"/>
      <c r="GE585" s="91"/>
      <c r="GF585" s="91"/>
      <c r="GG585" s="91"/>
      <c r="GH585" s="91"/>
      <c r="GI585" s="91"/>
      <c r="GJ585" s="91"/>
      <c r="GK585" s="127"/>
      <c r="GL585" s="126"/>
      <c r="GM585" s="91"/>
      <c r="GN585" s="91"/>
      <c r="GO585" s="91"/>
      <c r="GP585" s="91"/>
      <c r="GQ585" s="91"/>
      <c r="GR585" s="91"/>
      <c r="GS585" s="91"/>
      <c r="GT585" s="91"/>
      <c r="GU585" s="91"/>
      <c r="GV585" s="91"/>
      <c r="GW585" s="91"/>
      <c r="GX585" s="91"/>
      <c r="GY585" s="91"/>
      <c r="GZ585" s="91"/>
      <c r="HA585" s="91"/>
      <c r="HB585" s="91"/>
      <c r="HC585" s="91"/>
      <c r="HD585" s="91"/>
      <c r="HE585" s="91"/>
      <c r="HF585" s="91"/>
      <c r="HG585" s="91"/>
      <c r="HH585" s="91"/>
      <c r="HI585" s="91"/>
      <c r="HJ585" s="91"/>
      <c r="HK585" s="127"/>
      <c r="HL585" s="126"/>
      <c r="HM585" s="91"/>
      <c r="HN585" s="91"/>
      <c r="HO585" s="91"/>
      <c r="HP585" s="91"/>
      <c r="HQ585" s="91"/>
      <c r="HR585" s="91"/>
      <c r="HS585" s="91"/>
      <c r="HT585" s="91"/>
      <c r="HU585" s="91"/>
      <c r="HV585" s="91"/>
      <c r="HW585" s="91"/>
      <c r="HX585" s="91"/>
      <c r="HY585" s="91"/>
      <c r="HZ585" s="91"/>
      <c r="IA585" s="91"/>
      <c r="IB585" s="91"/>
      <c r="IC585" s="91"/>
      <c r="ID585" s="91"/>
      <c r="IE585" s="91"/>
      <c r="IF585" s="91"/>
      <c r="IG585" s="91"/>
      <c r="IH585" s="91"/>
      <c r="II585" s="91"/>
      <c r="IJ585" s="91"/>
      <c r="IK585" s="127"/>
    </row>
    <row r="586" spans="2:245" x14ac:dyDescent="0.2">
      <c r="B586" s="43"/>
      <c r="C586" s="73"/>
      <c r="D586" s="64"/>
      <c r="E586" s="64"/>
      <c r="F586" s="55"/>
      <c r="G586" s="102"/>
      <c r="H586" s="55"/>
      <c r="I586" s="55"/>
      <c r="J586" s="55"/>
      <c r="K586" s="55"/>
      <c r="L586" s="55"/>
      <c r="M586" s="55"/>
      <c r="N586" s="55"/>
      <c r="O586" s="55"/>
      <c r="P586" s="55"/>
      <c r="Q586" s="55"/>
      <c r="R586" s="55"/>
      <c r="S586" s="55"/>
      <c r="T586" s="55"/>
      <c r="U586" s="55"/>
      <c r="V586" s="55"/>
      <c r="W586" s="55"/>
      <c r="X586" s="55"/>
      <c r="Y586" s="55"/>
      <c r="Z586" s="55"/>
      <c r="AA586" s="55"/>
      <c r="AB586" s="55"/>
      <c r="AC586" s="55"/>
      <c r="AD586" s="55"/>
      <c r="AE586" s="55"/>
      <c r="AF586" s="55"/>
      <c r="AG586" s="55"/>
      <c r="AY586" s="162"/>
      <c r="AZ586" s="162"/>
      <c r="BA586" s="162"/>
      <c r="BB586" s="162"/>
      <c r="BC586" s="162"/>
      <c r="BD586" s="162"/>
      <c r="BE586" s="162"/>
      <c r="BF586" s="162"/>
      <c r="BG586" s="162"/>
      <c r="BH586" s="162"/>
      <c r="BI586" s="162"/>
      <c r="BJ586" s="162"/>
      <c r="BK586" s="162"/>
      <c r="BL586" s="162"/>
      <c r="BM586" s="162"/>
      <c r="BN586" s="162"/>
      <c r="BO586" s="162"/>
      <c r="BP586" s="162"/>
      <c r="BQ586" s="162"/>
      <c r="BR586" s="162"/>
      <c r="BS586" s="162"/>
      <c r="BT586" s="162"/>
      <c r="BU586" s="162"/>
      <c r="BV586" s="162"/>
      <c r="BW586" s="162"/>
      <c r="BX586" s="162"/>
      <c r="BY586" s="162"/>
      <c r="BZ586" s="162"/>
      <c r="CA586" s="162"/>
      <c r="CB586" s="162"/>
      <c r="CC586" s="162"/>
      <c r="CD586" s="162"/>
      <c r="CE586" s="162"/>
      <c r="CF586" s="162"/>
      <c r="CG586" s="162"/>
      <c r="CH586" s="162"/>
      <c r="CI586" s="162"/>
      <c r="CJ586" s="162"/>
      <c r="CK586" s="162"/>
      <c r="CX586" s="98"/>
      <c r="DL586" s="97"/>
      <c r="DX586" s="98"/>
      <c r="EL586" s="97"/>
      <c r="EX586" s="98"/>
      <c r="EY586" s="97"/>
      <c r="FL586" s="126"/>
      <c r="FM586" s="91"/>
      <c r="FN586" s="91"/>
      <c r="FO586" s="91"/>
      <c r="FP586" s="91"/>
      <c r="FQ586" s="91"/>
      <c r="FR586" s="91"/>
      <c r="FS586" s="91"/>
      <c r="FT586" s="91"/>
      <c r="FU586" s="91"/>
      <c r="FV586" s="91"/>
      <c r="FW586" s="91"/>
      <c r="FX586" s="91"/>
      <c r="FY586" s="91"/>
      <c r="FZ586" s="91"/>
      <c r="GA586" s="91"/>
      <c r="GB586" s="91"/>
      <c r="GC586" s="91"/>
      <c r="GD586" s="91"/>
      <c r="GE586" s="91"/>
      <c r="GF586" s="91"/>
      <c r="GG586" s="91"/>
      <c r="GH586" s="91"/>
      <c r="GI586" s="91"/>
      <c r="GJ586" s="91"/>
      <c r="GK586" s="127"/>
      <c r="GL586" s="126"/>
      <c r="GM586" s="91"/>
      <c r="GN586" s="91"/>
      <c r="GO586" s="91"/>
      <c r="GP586" s="91"/>
      <c r="GQ586" s="91"/>
      <c r="GR586" s="91"/>
      <c r="GS586" s="91"/>
      <c r="GT586" s="91"/>
      <c r="GU586" s="91"/>
      <c r="GV586" s="91"/>
      <c r="GW586" s="91"/>
      <c r="GX586" s="91"/>
      <c r="GY586" s="91"/>
      <c r="GZ586" s="91"/>
      <c r="HA586" s="91"/>
      <c r="HB586" s="91"/>
      <c r="HC586" s="91"/>
      <c r="HD586" s="91"/>
      <c r="HE586" s="91"/>
      <c r="HF586" s="91"/>
      <c r="HG586" s="91"/>
      <c r="HH586" s="91"/>
      <c r="HI586" s="91"/>
      <c r="HJ586" s="91"/>
      <c r="HK586" s="127"/>
      <c r="HL586" s="126"/>
      <c r="HM586" s="91"/>
      <c r="HN586" s="91"/>
      <c r="HO586" s="91"/>
      <c r="HP586" s="91"/>
      <c r="HQ586" s="91"/>
      <c r="HR586" s="91"/>
      <c r="HS586" s="91"/>
      <c r="HT586" s="91"/>
      <c r="HU586" s="91"/>
      <c r="HV586" s="91"/>
      <c r="HW586" s="91"/>
      <c r="HX586" s="91"/>
      <c r="HY586" s="91"/>
      <c r="HZ586" s="91"/>
      <c r="IA586" s="91"/>
      <c r="IB586" s="91"/>
      <c r="IC586" s="91"/>
      <c r="ID586" s="91"/>
      <c r="IE586" s="91"/>
      <c r="IF586" s="91"/>
      <c r="IG586" s="91"/>
      <c r="IH586" s="91"/>
      <c r="II586" s="91"/>
      <c r="IJ586" s="91"/>
      <c r="IK586" s="127"/>
    </row>
    <row r="587" spans="2:245" x14ac:dyDescent="0.2">
      <c r="B587" s="43"/>
      <c r="C587" s="73"/>
      <c r="D587" s="64"/>
      <c r="E587" s="64"/>
      <c r="F587" s="55"/>
      <c r="G587" s="102"/>
      <c r="H587" s="55"/>
      <c r="I587" s="55"/>
      <c r="J587" s="55"/>
      <c r="K587" s="55"/>
      <c r="L587" s="55"/>
      <c r="M587" s="55"/>
      <c r="N587" s="55"/>
      <c r="O587" s="55"/>
      <c r="P587" s="55"/>
      <c r="Q587" s="55"/>
      <c r="R587" s="55"/>
      <c r="S587" s="55"/>
      <c r="T587" s="55"/>
      <c r="U587" s="55"/>
      <c r="V587" s="55"/>
      <c r="W587" s="55"/>
      <c r="X587" s="55"/>
      <c r="Y587" s="55"/>
      <c r="Z587" s="55"/>
      <c r="AA587" s="55"/>
      <c r="AB587" s="55"/>
      <c r="AC587" s="55"/>
      <c r="AD587" s="55"/>
      <c r="AE587" s="55"/>
      <c r="AF587" s="55"/>
      <c r="AG587" s="55"/>
      <c r="AY587" s="162"/>
      <c r="AZ587" s="162"/>
      <c r="BA587" s="162"/>
      <c r="BB587" s="162"/>
      <c r="BC587" s="162"/>
      <c r="BD587" s="162"/>
      <c r="BE587" s="162"/>
      <c r="BF587" s="162"/>
      <c r="BG587" s="162"/>
      <c r="BH587" s="162"/>
      <c r="BI587" s="162"/>
      <c r="BJ587" s="162"/>
      <c r="BK587" s="162"/>
      <c r="BL587" s="162"/>
      <c r="BM587" s="162"/>
      <c r="BN587" s="162"/>
      <c r="BO587" s="162"/>
      <c r="BP587" s="162"/>
      <c r="BQ587" s="162"/>
      <c r="BR587" s="162"/>
      <c r="BS587" s="162"/>
      <c r="BT587" s="162"/>
      <c r="BU587" s="162"/>
      <c r="BV587" s="162"/>
      <c r="BW587" s="162"/>
      <c r="BX587" s="162"/>
      <c r="BY587" s="162"/>
      <c r="BZ587" s="162"/>
      <c r="CA587" s="162"/>
      <c r="CB587" s="162"/>
      <c r="CC587" s="162"/>
      <c r="CD587" s="162"/>
      <c r="CE587" s="162"/>
      <c r="CF587" s="162"/>
      <c r="CG587" s="162"/>
      <c r="CH587" s="162"/>
      <c r="CI587" s="162"/>
      <c r="CJ587" s="162"/>
      <c r="CK587" s="162"/>
      <c r="CX587" s="98"/>
      <c r="DL587" s="97"/>
      <c r="DX587" s="98"/>
      <c r="EL587" s="97"/>
      <c r="EX587" s="98"/>
      <c r="EY587" s="97"/>
      <c r="FL587" s="126"/>
      <c r="FM587" s="91"/>
      <c r="FN587" s="91"/>
      <c r="FO587" s="91"/>
      <c r="FP587" s="91"/>
      <c r="FQ587" s="91"/>
      <c r="FR587" s="91"/>
      <c r="FS587" s="91"/>
      <c r="FT587" s="91"/>
      <c r="FU587" s="91"/>
      <c r="FV587" s="91"/>
      <c r="FW587" s="91"/>
      <c r="FX587" s="91"/>
      <c r="FY587" s="91"/>
      <c r="FZ587" s="91"/>
      <c r="GA587" s="91"/>
      <c r="GB587" s="91"/>
      <c r="GC587" s="91"/>
      <c r="GD587" s="91"/>
      <c r="GE587" s="91"/>
      <c r="GF587" s="91"/>
      <c r="GG587" s="91"/>
      <c r="GH587" s="91"/>
      <c r="GI587" s="91"/>
      <c r="GJ587" s="91"/>
      <c r="GK587" s="127"/>
      <c r="GL587" s="126"/>
      <c r="GM587" s="91"/>
      <c r="GN587" s="91"/>
      <c r="GO587" s="91"/>
      <c r="GP587" s="91"/>
      <c r="GQ587" s="91"/>
      <c r="GR587" s="91"/>
      <c r="GS587" s="91"/>
      <c r="GT587" s="91"/>
      <c r="GU587" s="91"/>
      <c r="GV587" s="91"/>
      <c r="GW587" s="91"/>
      <c r="GX587" s="91"/>
      <c r="GY587" s="91"/>
      <c r="GZ587" s="91"/>
      <c r="HA587" s="91"/>
      <c r="HB587" s="91"/>
      <c r="HC587" s="91"/>
      <c r="HD587" s="91"/>
      <c r="HE587" s="91"/>
      <c r="HF587" s="91"/>
      <c r="HG587" s="91"/>
      <c r="HH587" s="91"/>
      <c r="HI587" s="91"/>
      <c r="HJ587" s="91"/>
      <c r="HK587" s="127"/>
      <c r="HL587" s="126"/>
      <c r="HM587" s="91"/>
      <c r="HN587" s="91"/>
      <c r="HO587" s="91"/>
      <c r="HP587" s="91"/>
      <c r="HQ587" s="91"/>
      <c r="HR587" s="91"/>
      <c r="HS587" s="91"/>
      <c r="HT587" s="91"/>
      <c r="HU587" s="91"/>
      <c r="HV587" s="91"/>
      <c r="HW587" s="91"/>
      <c r="HX587" s="91"/>
      <c r="HY587" s="91"/>
      <c r="HZ587" s="91"/>
      <c r="IA587" s="91"/>
      <c r="IB587" s="91"/>
      <c r="IC587" s="91"/>
      <c r="ID587" s="91"/>
      <c r="IE587" s="91"/>
      <c r="IF587" s="91"/>
      <c r="IG587" s="91"/>
      <c r="IH587" s="91"/>
      <c r="II587" s="91"/>
      <c r="IJ587" s="91"/>
      <c r="IK587" s="127"/>
    </row>
    <row r="588" spans="2:245" x14ac:dyDescent="0.2">
      <c r="B588" s="43"/>
      <c r="C588" s="73"/>
      <c r="D588" s="64"/>
      <c r="E588" s="64"/>
      <c r="F588" s="55"/>
      <c r="G588" s="102"/>
      <c r="H588" s="55"/>
      <c r="I588" s="55"/>
      <c r="J588" s="55"/>
      <c r="K588" s="55"/>
      <c r="L588" s="55"/>
      <c r="M588" s="55"/>
      <c r="N588" s="55"/>
      <c r="O588" s="55"/>
      <c r="P588" s="55"/>
      <c r="Q588" s="55"/>
      <c r="R588" s="55"/>
      <c r="S588" s="55"/>
      <c r="T588" s="55"/>
      <c r="U588" s="55"/>
      <c r="V588" s="55"/>
      <c r="W588" s="55"/>
      <c r="X588" s="55"/>
      <c r="Y588" s="55"/>
      <c r="Z588" s="55"/>
      <c r="AA588" s="55"/>
      <c r="AB588" s="55"/>
      <c r="AC588" s="55"/>
      <c r="AD588" s="55"/>
      <c r="AE588" s="55"/>
      <c r="AF588" s="55"/>
      <c r="AG588" s="55"/>
      <c r="AY588" s="162"/>
      <c r="AZ588" s="162"/>
      <c r="BA588" s="162"/>
      <c r="BB588" s="162"/>
      <c r="BC588" s="162"/>
      <c r="BD588" s="162"/>
      <c r="BE588" s="162"/>
      <c r="BF588" s="162"/>
      <c r="BG588" s="162"/>
      <c r="BH588" s="162"/>
      <c r="BI588" s="162"/>
      <c r="BJ588" s="162"/>
      <c r="BK588" s="162"/>
      <c r="BL588" s="162"/>
      <c r="BM588" s="162"/>
      <c r="BN588" s="162"/>
      <c r="BO588" s="162"/>
      <c r="BP588" s="162"/>
      <c r="BQ588" s="162"/>
      <c r="BR588" s="162"/>
      <c r="BS588" s="162"/>
      <c r="BT588" s="162"/>
      <c r="BU588" s="162"/>
      <c r="BV588" s="162"/>
      <c r="BW588" s="162"/>
      <c r="BX588" s="162"/>
      <c r="BY588" s="162"/>
      <c r="BZ588" s="162"/>
      <c r="CA588" s="162"/>
      <c r="CB588" s="162"/>
      <c r="CC588" s="162"/>
      <c r="CD588" s="162"/>
      <c r="CE588" s="162"/>
      <c r="CF588" s="162"/>
      <c r="CG588" s="162"/>
      <c r="CH588" s="162"/>
      <c r="CI588" s="162"/>
      <c r="CJ588" s="162"/>
      <c r="CK588" s="162"/>
      <c r="CX588" s="98"/>
      <c r="DL588" s="97"/>
      <c r="DX588" s="98"/>
      <c r="EL588" s="97"/>
      <c r="EX588" s="98"/>
      <c r="EY588" s="97"/>
      <c r="FL588" s="126"/>
      <c r="FM588" s="91"/>
      <c r="FN588" s="91"/>
      <c r="FO588" s="91"/>
      <c r="FP588" s="91"/>
      <c r="FQ588" s="91"/>
      <c r="FR588" s="91"/>
      <c r="FS588" s="91"/>
      <c r="FT588" s="91"/>
      <c r="FU588" s="91"/>
      <c r="FV588" s="91"/>
      <c r="FW588" s="91"/>
      <c r="FX588" s="91"/>
      <c r="FY588" s="91"/>
      <c r="FZ588" s="91"/>
      <c r="GA588" s="91"/>
      <c r="GB588" s="91"/>
      <c r="GC588" s="91"/>
      <c r="GD588" s="91"/>
      <c r="GE588" s="91"/>
      <c r="GF588" s="91"/>
      <c r="GG588" s="91"/>
      <c r="GH588" s="91"/>
      <c r="GI588" s="91"/>
      <c r="GJ588" s="91"/>
      <c r="GK588" s="127"/>
      <c r="GL588" s="126"/>
      <c r="GM588" s="91"/>
      <c r="GN588" s="91"/>
      <c r="GO588" s="91"/>
      <c r="GP588" s="91"/>
      <c r="GQ588" s="91"/>
      <c r="GR588" s="91"/>
      <c r="GS588" s="91"/>
      <c r="GT588" s="91"/>
      <c r="GU588" s="91"/>
      <c r="GV588" s="91"/>
      <c r="GW588" s="91"/>
      <c r="GX588" s="91"/>
      <c r="GY588" s="91"/>
      <c r="GZ588" s="91"/>
      <c r="HA588" s="91"/>
      <c r="HB588" s="91"/>
      <c r="HC588" s="91"/>
      <c r="HD588" s="91"/>
      <c r="HE588" s="91"/>
      <c r="HF588" s="91"/>
      <c r="HG588" s="91"/>
      <c r="HH588" s="91"/>
      <c r="HI588" s="91"/>
      <c r="HJ588" s="91"/>
      <c r="HK588" s="127"/>
      <c r="HL588" s="126"/>
      <c r="HM588" s="91"/>
      <c r="HN588" s="91"/>
      <c r="HO588" s="91"/>
      <c r="HP588" s="91"/>
      <c r="HQ588" s="91"/>
      <c r="HR588" s="91"/>
      <c r="HS588" s="91"/>
      <c r="HT588" s="91"/>
      <c r="HU588" s="91"/>
      <c r="HV588" s="91"/>
      <c r="HW588" s="91"/>
      <c r="HX588" s="91"/>
      <c r="HY588" s="91"/>
      <c r="HZ588" s="91"/>
      <c r="IA588" s="91"/>
      <c r="IB588" s="91"/>
      <c r="IC588" s="91"/>
      <c r="ID588" s="91"/>
      <c r="IE588" s="91"/>
      <c r="IF588" s="91"/>
      <c r="IG588" s="91"/>
      <c r="IH588" s="91"/>
      <c r="II588" s="91"/>
      <c r="IJ588" s="91"/>
      <c r="IK588" s="127"/>
    </row>
    <row r="589" spans="2:245" x14ac:dyDescent="0.2">
      <c r="B589" s="43"/>
      <c r="C589" s="73"/>
      <c r="D589" s="64"/>
      <c r="E589" s="64"/>
      <c r="F589" s="55"/>
      <c r="G589" s="102"/>
      <c r="H589" s="55"/>
      <c r="I589" s="55"/>
      <c r="J589" s="55"/>
      <c r="K589" s="55"/>
      <c r="L589" s="55"/>
      <c r="M589" s="55"/>
      <c r="N589" s="55"/>
      <c r="O589" s="55"/>
      <c r="P589" s="55"/>
      <c r="Q589" s="55"/>
      <c r="R589" s="55"/>
      <c r="S589" s="55"/>
      <c r="T589" s="55"/>
      <c r="U589" s="55"/>
      <c r="V589" s="55"/>
      <c r="W589" s="55"/>
      <c r="X589" s="55"/>
      <c r="Y589" s="55"/>
      <c r="Z589" s="55"/>
      <c r="AA589" s="55"/>
      <c r="AB589" s="55"/>
      <c r="AC589" s="55"/>
      <c r="AD589" s="55"/>
      <c r="AE589" s="55"/>
      <c r="AF589" s="55"/>
      <c r="AG589" s="55"/>
      <c r="AY589" s="162"/>
      <c r="AZ589" s="162"/>
      <c r="BA589" s="162"/>
      <c r="BB589" s="162"/>
      <c r="BC589" s="162"/>
      <c r="BD589" s="162"/>
      <c r="BE589" s="162"/>
      <c r="BF589" s="162"/>
      <c r="BG589" s="162"/>
      <c r="BH589" s="162"/>
      <c r="BI589" s="162"/>
      <c r="BJ589" s="162"/>
      <c r="BK589" s="162"/>
      <c r="BL589" s="162"/>
      <c r="BM589" s="162"/>
      <c r="BN589" s="162"/>
      <c r="BO589" s="162"/>
      <c r="BP589" s="162"/>
      <c r="BQ589" s="162"/>
      <c r="BR589" s="162"/>
      <c r="BS589" s="162"/>
      <c r="BT589" s="162"/>
      <c r="BU589" s="162"/>
      <c r="BV589" s="162"/>
      <c r="BW589" s="162"/>
      <c r="BX589" s="162"/>
      <c r="BY589" s="162"/>
      <c r="BZ589" s="162"/>
      <c r="CA589" s="162"/>
      <c r="CB589" s="162"/>
      <c r="CC589" s="162"/>
      <c r="CD589" s="162"/>
      <c r="CE589" s="162"/>
      <c r="CF589" s="162"/>
      <c r="CG589" s="162"/>
      <c r="CH589" s="162"/>
      <c r="CI589" s="162"/>
      <c r="CJ589" s="162"/>
      <c r="CK589" s="162"/>
      <c r="CX589" s="98"/>
      <c r="DL589" s="97"/>
      <c r="DX589" s="98"/>
      <c r="EL589" s="97"/>
      <c r="EX589" s="98"/>
      <c r="EY589" s="97"/>
      <c r="FL589" s="126"/>
      <c r="FM589" s="91"/>
      <c r="FN589" s="91"/>
      <c r="FO589" s="91"/>
      <c r="FP589" s="91"/>
      <c r="FQ589" s="91"/>
      <c r="FR589" s="91"/>
      <c r="FS589" s="91"/>
      <c r="FT589" s="91"/>
      <c r="FU589" s="91"/>
      <c r="FV589" s="91"/>
      <c r="FW589" s="91"/>
      <c r="FX589" s="91"/>
      <c r="FY589" s="91"/>
      <c r="FZ589" s="91"/>
      <c r="GA589" s="91"/>
      <c r="GB589" s="91"/>
      <c r="GC589" s="91"/>
      <c r="GD589" s="91"/>
      <c r="GE589" s="91"/>
      <c r="GF589" s="91"/>
      <c r="GG589" s="91"/>
      <c r="GH589" s="91"/>
      <c r="GI589" s="91"/>
      <c r="GJ589" s="91"/>
      <c r="GK589" s="127"/>
      <c r="GL589" s="126"/>
      <c r="GM589" s="91"/>
      <c r="GN589" s="91"/>
      <c r="GO589" s="91"/>
      <c r="GP589" s="91"/>
      <c r="GQ589" s="91"/>
      <c r="GR589" s="91"/>
      <c r="GS589" s="91"/>
      <c r="GT589" s="91"/>
      <c r="GU589" s="91"/>
      <c r="GV589" s="91"/>
      <c r="GW589" s="91"/>
      <c r="GX589" s="91"/>
      <c r="GY589" s="91"/>
      <c r="GZ589" s="91"/>
      <c r="HA589" s="91"/>
      <c r="HB589" s="91"/>
      <c r="HC589" s="91"/>
      <c r="HD589" s="91"/>
      <c r="HE589" s="91"/>
      <c r="HF589" s="91"/>
      <c r="HG589" s="91"/>
      <c r="HH589" s="91"/>
      <c r="HI589" s="91"/>
      <c r="HJ589" s="91"/>
      <c r="HK589" s="127"/>
      <c r="HL589" s="126"/>
      <c r="HM589" s="91"/>
      <c r="HN589" s="91"/>
      <c r="HO589" s="91"/>
      <c r="HP589" s="91"/>
      <c r="HQ589" s="91"/>
      <c r="HR589" s="91"/>
      <c r="HS589" s="91"/>
      <c r="HT589" s="91"/>
      <c r="HU589" s="91"/>
      <c r="HV589" s="91"/>
      <c r="HW589" s="91"/>
      <c r="HX589" s="91"/>
      <c r="HY589" s="91"/>
      <c r="HZ589" s="91"/>
      <c r="IA589" s="91"/>
      <c r="IB589" s="91"/>
      <c r="IC589" s="91"/>
      <c r="ID589" s="91"/>
      <c r="IE589" s="91"/>
      <c r="IF589" s="91"/>
      <c r="IG589" s="91"/>
      <c r="IH589" s="91"/>
      <c r="II589" s="91"/>
      <c r="IJ589" s="91"/>
      <c r="IK589" s="127"/>
    </row>
    <row r="590" spans="2:245" x14ac:dyDescent="0.2">
      <c r="B590" s="43"/>
      <c r="C590" s="73"/>
      <c r="D590" s="64"/>
      <c r="E590" s="64"/>
      <c r="F590" s="55"/>
      <c r="G590" s="102"/>
      <c r="H590" s="55"/>
      <c r="I590" s="55"/>
      <c r="J590" s="55"/>
      <c r="K590" s="55"/>
      <c r="L590" s="55"/>
      <c r="M590" s="55"/>
      <c r="N590" s="55"/>
      <c r="O590" s="55"/>
      <c r="P590" s="55"/>
      <c r="Q590" s="55"/>
      <c r="R590" s="55"/>
      <c r="S590" s="55"/>
      <c r="T590" s="55"/>
      <c r="U590" s="55"/>
      <c r="V590" s="55"/>
      <c r="W590" s="55"/>
      <c r="X590" s="55"/>
      <c r="Y590" s="55"/>
      <c r="Z590" s="55"/>
      <c r="AA590" s="55"/>
      <c r="AB590" s="55"/>
      <c r="AC590" s="55"/>
      <c r="AD590" s="55"/>
      <c r="AE590" s="55"/>
      <c r="AF590" s="55"/>
      <c r="AG590" s="55"/>
      <c r="AY590" s="162"/>
      <c r="AZ590" s="162"/>
      <c r="BA590" s="162"/>
      <c r="BB590" s="162"/>
      <c r="BC590" s="162"/>
      <c r="BD590" s="162"/>
      <c r="BE590" s="162"/>
      <c r="BF590" s="162"/>
      <c r="BG590" s="162"/>
      <c r="BH590" s="162"/>
      <c r="BI590" s="162"/>
      <c r="BJ590" s="162"/>
      <c r="BK590" s="162"/>
      <c r="BL590" s="162"/>
      <c r="BM590" s="162"/>
      <c r="BN590" s="162"/>
      <c r="BO590" s="162"/>
      <c r="BP590" s="162"/>
      <c r="BQ590" s="162"/>
      <c r="BR590" s="162"/>
      <c r="BS590" s="162"/>
      <c r="BT590" s="162"/>
      <c r="BU590" s="162"/>
      <c r="BV590" s="162"/>
      <c r="BW590" s="162"/>
      <c r="BX590" s="162"/>
      <c r="BY590" s="162"/>
      <c r="BZ590" s="162"/>
      <c r="CA590" s="162"/>
      <c r="CB590" s="162"/>
      <c r="CC590" s="162"/>
      <c r="CD590" s="162"/>
      <c r="CE590" s="162"/>
      <c r="CF590" s="162"/>
      <c r="CG590" s="162"/>
      <c r="CH590" s="162"/>
      <c r="CI590" s="162"/>
      <c r="CJ590" s="162"/>
      <c r="CK590" s="162"/>
      <c r="CX590" s="98"/>
      <c r="DL590" s="97"/>
      <c r="DX590" s="98"/>
      <c r="EL590" s="97"/>
      <c r="EX590" s="98"/>
      <c r="EY590" s="97"/>
      <c r="FL590" s="126"/>
      <c r="FM590" s="91"/>
      <c r="FN590" s="91"/>
      <c r="FO590" s="91"/>
      <c r="FP590" s="91"/>
      <c r="FQ590" s="91"/>
      <c r="FR590" s="91"/>
      <c r="FS590" s="91"/>
      <c r="FT590" s="91"/>
      <c r="FU590" s="91"/>
      <c r="FV590" s="91"/>
      <c r="FW590" s="91"/>
      <c r="FX590" s="91"/>
      <c r="FY590" s="91"/>
      <c r="FZ590" s="91"/>
      <c r="GA590" s="91"/>
      <c r="GB590" s="91"/>
      <c r="GC590" s="91"/>
      <c r="GD590" s="91"/>
      <c r="GE590" s="91"/>
      <c r="GF590" s="91"/>
      <c r="GG590" s="91"/>
      <c r="GH590" s="91"/>
      <c r="GI590" s="91"/>
      <c r="GJ590" s="91"/>
      <c r="GK590" s="127"/>
      <c r="GL590" s="126"/>
      <c r="GM590" s="91"/>
      <c r="GN590" s="91"/>
      <c r="GO590" s="91"/>
      <c r="GP590" s="91"/>
      <c r="GQ590" s="91"/>
      <c r="GR590" s="91"/>
      <c r="GS590" s="91"/>
      <c r="GT590" s="91"/>
      <c r="GU590" s="91"/>
      <c r="GV590" s="91"/>
      <c r="GW590" s="91"/>
      <c r="GX590" s="91"/>
      <c r="GY590" s="91"/>
      <c r="GZ590" s="91"/>
      <c r="HA590" s="91"/>
      <c r="HB590" s="91"/>
      <c r="HC590" s="91"/>
      <c r="HD590" s="91"/>
      <c r="HE590" s="91"/>
      <c r="HF590" s="91"/>
      <c r="HG590" s="91"/>
      <c r="HH590" s="91"/>
      <c r="HI590" s="91"/>
      <c r="HJ590" s="91"/>
      <c r="HK590" s="127"/>
      <c r="HL590" s="126"/>
      <c r="HM590" s="91"/>
      <c r="HN590" s="91"/>
      <c r="HO590" s="91"/>
      <c r="HP590" s="91"/>
      <c r="HQ590" s="91"/>
      <c r="HR590" s="91"/>
      <c r="HS590" s="91"/>
      <c r="HT590" s="91"/>
      <c r="HU590" s="91"/>
      <c r="HV590" s="91"/>
      <c r="HW590" s="91"/>
      <c r="HX590" s="91"/>
      <c r="HY590" s="91"/>
      <c r="HZ590" s="91"/>
      <c r="IA590" s="91"/>
      <c r="IB590" s="91"/>
      <c r="IC590" s="91"/>
      <c r="ID590" s="91"/>
      <c r="IE590" s="91"/>
      <c r="IF590" s="91"/>
      <c r="IG590" s="91"/>
      <c r="IH590" s="91"/>
      <c r="II590" s="91"/>
      <c r="IJ590" s="91"/>
      <c r="IK590" s="127"/>
    </row>
    <row r="591" spans="2:245" x14ac:dyDescent="0.2">
      <c r="B591" s="43"/>
      <c r="C591" s="73"/>
      <c r="D591" s="64"/>
      <c r="E591" s="64"/>
      <c r="F591" s="55"/>
      <c r="G591" s="102"/>
      <c r="H591" s="55"/>
      <c r="I591" s="55"/>
      <c r="J591" s="55"/>
      <c r="K591" s="55"/>
      <c r="L591" s="55"/>
      <c r="M591" s="55"/>
      <c r="N591" s="55"/>
      <c r="O591" s="55"/>
      <c r="P591" s="55"/>
      <c r="Q591" s="55"/>
      <c r="R591" s="55"/>
      <c r="S591" s="55"/>
      <c r="T591" s="55"/>
      <c r="U591" s="55"/>
      <c r="V591" s="55"/>
      <c r="W591" s="55"/>
      <c r="X591" s="55"/>
      <c r="Y591" s="55"/>
      <c r="Z591" s="55"/>
      <c r="AA591" s="55"/>
      <c r="AB591" s="55"/>
      <c r="AC591" s="55"/>
      <c r="AD591" s="55"/>
      <c r="AE591" s="55"/>
      <c r="AF591" s="55"/>
      <c r="AG591" s="55"/>
      <c r="AY591" s="162"/>
      <c r="AZ591" s="162"/>
      <c r="BA591" s="162"/>
      <c r="BB591" s="162"/>
      <c r="BC591" s="162"/>
      <c r="BD591" s="162"/>
      <c r="BE591" s="162"/>
      <c r="BF591" s="162"/>
      <c r="BG591" s="162"/>
      <c r="BH591" s="162"/>
      <c r="BI591" s="162"/>
      <c r="BJ591" s="162"/>
      <c r="BK591" s="162"/>
      <c r="BL591" s="162"/>
      <c r="BM591" s="162"/>
      <c r="BN591" s="162"/>
      <c r="BO591" s="162"/>
      <c r="BP591" s="162"/>
      <c r="BQ591" s="162"/>
      <c r="BR591" s="162"/>
      <c r="BS591" s="162"/>
      <c r="BT591" s="162"/>
      <c r="BU591" s="162"/>
      <c r="BV591" s="162"/>
      <c r="BW591" s="162"/>
      <c r="BX591" s="162"/>
      <c r="BY591" s="162"/>
      <c r="BZ591" s="162"/>
      <c r="CA591" s="162"/>
      <c r="CB591" s="162"/>
      <c r="CC591" s="162"/>
      <c r="CD591" s="162"/>
      <c r="CE591" s="162"/>
      <c r="CF591" s="162"/>
      <c r="CG591" s="162"/>
      <c r="CH591" s="162"/>
      <c r="CI591" s="162"/>
      <c r="CJ591" s="162"/>
      <c r="CK591" s="162"/>
      <c r="CX591" s="98"/>
      <c r="DL591" s="97"/>
      <c r="DX591" s="98"/>
      <c r="EL591" s="97"/>
      <c r="EX591" s="98"/>
      <c r="EY591" s="97"/>
      <c r="FL591" s="126"/>
      <c r="FM591" s="91"/>
      <c r="FN591" s="91"/>
      <c r="FO591" s="91"/>
      <c r="FP591" s="91"/>
      <c r="FQ591" s="91"/>
      <c r="FR591" s="91"/>
      <c r="FS591" s="91"/>
      <c r="FT591" s="91"/>
      <c r="FU591" s="91"/>
      <c r="FV591" s="91"/>
      <c r="FW591" s="91"/>
      <c r="FX591" s="91"/>
      <c r="FY591" s="91"/>
      <c r="FZ591" s="91"/>
      <c r="GA591" s="91"/>
      <c r="GB591" s="91"/>
      <c r="GC591" s="91"/>
      <c r="GD591" s="91"/>
      <c r="GE591" s="91"/>
      <c r="GF591" s="91"/>
      <c r="GG591" s="91"/>
      <c r="GH591" s="91"/>
      <c r="GI591" s="91"/>
      <c r="GJ591" s="91"/>
      <c r="GK591" s="127"/>
      <c r="GL591" s="126"/>
      <c r="GM591" s="91"/>
      <c r="GN591" s="91"/>
      <c r="GO591" s="91"/>
      <c r="GP591" s="91"/>
      <c r="GQ591" s="91"/>
      <c r="GR591" s="91"/>
      <c r="GS591" s="91"/>
      <c r="GT591" s="91"/>
      <c r="GU591" s="91"/>
      <c r="GV591" s="91"/>
      <c r="GW591" s="91"/>
      <c r="GX591" s="91"/>
      <c r="GY591" s="91"/>
      <c r="GZ591" s="91"/>
      <c r="HA591" s="91"/>
      <c r="HB591" s="91"/>
      <c r="HC591" s="91"/>
      <c r="HD591" s="91"/>
      <c r="HE591" s="91"/>
      <c r="HF591" s="91"/>
      <c r="HG591" s="91"/>
      <c r="HH591" s="91"/>
      <c r="HI591" s="91"/>
      <c r="HJ591" s="91"/>
      <c r="HK591" s="127"/>
      <c r="HL591" s="126"/>
      <c r="HM591" s="91"/>
      <c r="HN591" s="91"/>
      <c r="HO591" s="91"/>
      <c r="HP591" s="91"/>
      <c r="HQ591" s="91"/>
      <c r="HR591" s="91"/>
      <c r="HS591" s="91"/>
      <c r="HT591" s="91"/>
      <c r="HU591" s="91"/>
      <c r="HV591" s="91"/>
      <c r="HW591" s="91"/>
      <c r="HX591" s="91"/>
      <c r="HY591" s="91"/>
      <c r="HZ591" s="91"/>
      <c r="IA591" s="91"/>
      <c r="IB591" s="91"/>
      <c r="IC591" s="91"/>
      <c r="ID591" s="91"/>
      <c r="IE591" s="91"/>
      <c r="IF591" s="91"/>
      <c r="IG591" s="91"/>
      <c r="IH591" s="91"/>
      <c r="II591" s="91"/>
      <c r="IJ591" s="91"/>
      <c r="IK591" s="127"/>
    </row>
    <row r="592" spans="2:245" x14ac:dyDescent="0.2">
      <c r="B592" s="43"/>
      <c r="C592" s="73"/>
      <c r="D592" s="64"/>
      <c r="E592" s="64"/>
      <c r="F592" s="55"/>
      <c r="G592" s="102"/>
      <c r="H592" s="55"/>
      <c r="I592" s="55"/>
      <c r="J592" s="55"/>
      <c r="K592" s="55"/>
      <c r="L592" s="55"/>
      <c r="M592" s="55"/>
      <c r="N592" s="55"/>
      <c r="O592" s="55"/>
      <c r="P592" s="55"/>
      <c r="Q592" s="55"/>
      <c r="R592" s="55"/>
      <c r="S592" s="55"/>
      <c r="T592" s="55"/>
      <c r="U592" s="55"/>
      <c r="V592" s="55"/>
      <c r="W592" s="55"/>
      <c r="X592" s="55"/>
      <c r="Y592" s="55"/>
      <c r="Z592" s="55"/>
      <c r="AA592" s="55"/>
      <c r="AB592" s="55"/>
      <c r="AC592" s="55"/>
      <c r="AD592" s="55"/>
      <c r="AE592" s="55"/>
      <c r="AF592" s="55"/>
      <c r="AG592" s="55"/>
      <c r="AY592" s="162"/>
      <c r="AZ592" s="162"/>
      <c r="BA592" s="162"/>
      <c r="BB592" s="162"/>
      <c r="BC592" s="162"/>
      <c r="BD592" s="162"/>
      <c r="BE592" s="162"/>
      <c r="BF592" s="162"/>
      <c r="BG592" s="162"/>
      <c r="BH592" s="162"/>
      <c r="BI592" s="162"/>
      <c r="BJ592" s="162"/>
      <c r="BK592" s="162"/>
      <c r="BL592" s="162"/>
      <c r="BM592" s="162"/>
      <c r="BN592" s="162"/>
      <c r="BO592" s="162"/>
      <c r="BP592" s="162"/>
      <c r="BQ592" s="162"/>
      <c r="BR592" s="162"/>
      <c r="BS592" s="162"/>
      <c r="BT592" s="162"/>
      <c r="BU592" s="162"/>
      <c r="BV592" s="162"/>
      <c r="BW592" s="162"/>
      <c r="BX592" s="162"/>
      <c r="BY592" s="162"/>
      <c r="BZ592" s="162"/>
      <c r="CA592" s="162"/>
      <c r="CB592" s="162"/>
      <c r="CC592" s="162"/>
      <c r="CD592" s="162"/>
      <c r="CE592" s="162"/>
      <c r="CF592" s="162"/>
      <c r="CG592" s="162"/>
      <c r="CH592" s="162"/>
      <c r="CI592" s="162"/>
      <c r="CJ592" s="162"/>
      <c r="CK592" s="162"/>
      <c r="CX592" s="98"/>
      <c r="DL592" s="97"/>
      <c r="DX592" s="98"/>
      <c r="EL592" s="97"/>
      <c r="EX592" s="98"/>
      <c r="EY592" s="97"/>
      <c r="FL592" s="126"/>
      <c r="FM592" s="91"/>
      <c r="FN592" s="91"/>
      <c r="FO592" s="91"/>
      <c r="FP592" s="91"/>
      <c r="FQ592" s="91"/>
      <c r="FR592" s="91"/>
      <c r="FS592" s="91"/>
      <c r="FT592" s="91"/>
      <c r="FU592" s="91"/>
      <c r="FV592" s="91"/>
      <c r="FW592" s="91"/>
      <c r="FX592" s="91"/>
      <c r="FY592" s="91"/>
      <c r="FZ592" s="91"/>
      <c r="GA592" s="91"/>
      <c r="GB592" s="91"/>
      <c r="GC592" s="91"/>
      <c r="GD592" s="91"/>
      <c r="GE592" s="91"/>
      <c r="GF592" s="91"/>
      <c r="GG592" s="91"/>
      <c r="GH592" s="91"/>
      <c r="GI592" s="91"/>
      <c r="GJ592" s="91"/>
      <c r="GK592" s="127"/>
      <c r="GL592" s="126"/>
      <c r="GM592" s="91"/>
      <c r="GN592" s="91"/>
      <c r="GO592" s="91"/>
      <c r="GP592" s="91"/>
      <c r="GQ592" s="91"/>
      <c r="GR592" s="91"/>
      <c r="GS592" s="91"/>
      <c r="GT592" s="91"/>
      <c r="GU592" s="91"/>
      <c r="GV592" s="91"/>
      <c r="GW592" s="91"/>
      <c r="GX592" s="91"/>
      <c r="GY592" s="91"/>
      <c r="GZ592" s="91"/>
      <c r="HA592" s="91"/>
      <c r="HB592" s="91"/>
      <c r="HC592" s="91"/>
      <c r="HD592" s="91"/>
      <c r="HE592" s="91"/>
      <c r="HF592" s="91"/>
      <c r="HG592" s="91"/>
      <c r="HH592" s="91"/>
      <c r="HI592" s="91"/>
      <c r="HJ592" s="91"/>
      <c r="HK592" s="127"/>
      <c r="HL592" s="126"/>
      <c r="HM592" s="91"/>
      <c r="HN592" s="91"/>
      <c r="HO592" s="91"/>
      <c r="HP592" s="91"/>
      <c r="HQ592" s="91"/>
      <c r="HR592" s="91"/>
      <c r="HS592" s="91"/>
      <c r="HT592" s="91"/>
      <c r="HU592" s="91"/>
      <c r="HV592" s="91"/>
      <c r="HW592" s="91"/>
      <c r="HX592" s="91"/>
      <c r="HY592" s="91"/>
      <c r="HZ592" s="91"/>
      <c r="IA592" s="91"/>
      <c r="IB592" s="91"/>
      <c r="IC592" s="91"/>
      <c r="ID592" s="91"/>
      <c r="IE592" s="91"/>
      <c r="IF592" s="91"/>
      <c r="IG592" s="91"/>
      <c r="IH592" s="91"/>
      <c r="II592" s="91"/>
      <c r="IJ592" s="91"/>
      <c r="IK592" s="127"/>
    </row>
    <row r="593" spans="2:245" x14ac:dyDescent="0.2">
      <c r="B593" s="43"/>
      <c r="C593" s="73"/>
      <c r="D593" s="64"/>
      <c r="E593" s="64"/>
      <c r="F593" s="55"/>
      <c r="G593" s="102"/>
      <c r="H593" s="55"/>
      <c r="I593" s="55"/>
      <c r="J593" s="55"/>
      <c r="K593" s="55"/>
      <c r="L593" s="55"/>
      <c r="M593" s="55"/>
      <c r="N593" s="55"/>
      <c r="O593" s="55"/>
      <c r="P593" s="55"/>
      <c r="Q593" s="55"/>
      <c r="R593" s="55"/>
      <c r="S593" s="55"/>
      <c r="T593" s="55"/>
      <c r="U593" s="55"/>
      <c r="V593" s="55"/>
      <c r="W593" s="55"/>
      <c r="X593" s="55"/>
      <c r="Y593" s="55"/>
      <c r="Z593" s="55"/>
      <c r="AA593" s="55"/>
      <c r="AB593" s="55"/>
      <c r="AC593" s="55"/>
      <c r="AD593" s="55"/>
      <c r="AE593" s="55"/>
      <c r="AF593" s="55"/>
      <c r="AG593" s="55"/>
      <c r="AY593" s="162"/>
      <c r="AZ593" s="162"/>
      <c r="BA593" s="162"/>
      <c r="BB593" s="162"/>
      <c r="BC593" s="162"/>
      <c r="BD593" s="162"/>
      <c r="BE593" s="162"/>
      <c r="BF593" s="162"/>
      <c r="BG593" s="162"/>
      <c r="BH593" s="162"/>
      <c r="BI593" s="162"/>
      <c r="BJ593" s="162"/>
      <c r="BK593" s="162"/>
      <c r="BL593" s="162"/>
      <c r="BM593" s="162"/>
      <c r="BN593" s="162"/>
      <c r="BO593" s="162"/>
      <c r="BP593" s="162"/>
      <c r="BQ593" s="162"/>
      <c r="BR593" s="162"/>
      <c r="BS593" s="162"/>
      <c r="BT593" s="162"/>
      <c r="BU593" s="162"/>
      <c r="BV593" s="162"/>
      <c r="BW593" s="162"/>
      <c r="BX593" s="162"/>
      <c r="BY593" s="162"/>
      <c r="BZ593" s="162"/>
      <c r="CA593" s="162"/>
      <c r="CB593" s="162"/>
      <c r="CC593" s="162"/>
      <c r="CD593" s="162"/>
      <c r="CE593" s="162"/>
      <c r="CF593" s="162"/>
      <c r="CG593" s="162"/>
      <c r="CH593" s="162"/>
      <c r="CI593" s="162"/>
      <c r="CJ593" s="162"/>
      <c r="CK593" s="162"/>
      <c r="CX593" s="98"/>
      <c r="DL593" s="97"/>
      <c r="DX593" s="98"/>
      <c r="EL593" s="97"/>
      <c r="EX593" s="98"/>
      <c r="EY593" s="97"/>
      <c r="FL593" s="126"/>
      <c r="FM593" s="91"/>
      <c r="FN593" s="91"/>
      <c r="FO593" s="91"/>
      <c r="FP593" s="91"/>
      <c r="FQ593" s="91"/>
      <c r="FR593" s="91"/>
      <c r="FS593" s="91"/>
      <c r="FT593" s="91"/>
      <c r="FU593" s="91"/>
      <c r="FV593" s="91"/>
      <c r="FW593" s="91"/>
      <c r="FX593" s="91"/>
      <c r="FY593" s="91"/>
      <c r="FZ593" s="91"/>
      <c r="GA593" s="91"/>
      <c r="GB593" s="91"/>
      <c r="GC593" s="91"/>
      <c r="GD593" s="91"/>
      <c r="GE593" s="91"/>
      <c r="GF593" s="91"/>
      <c r="GG593" s="91"/>
      <c r="GH593" s="91"/>
      <c r="GI593" s="91"/>
      <c r="GJ593" s="91"/>
      <c r="GK593" s="127"/>
      <c r="GL593" s="126"/>
      <c r="GM593" s="91"/>
      <c r="GN593" s="91"/>
      <c r="GO593" s="91"/>
      <c r="GP593" s="91"/>
      <c r="GQ593" s="91"/>
      <c r="GR593" s="91"/>
      <c r="GS593" s="91"/>
      <c r="GT593" s="91"/>
      <c r="GU593" s="91"/>
      <c r="GV593" s="91"/>
      <c r="GW593" s="91"/>
      <c r="GX593" s="91"/>
      <c r="GY593" s="91"/>
      <c r="GZ593" s="91"/>
      <c r="HA593" s="91"/>
      <c r="HB593" s="91"/>
      <c r="HC593" s="91"/>
      <c r="HD593" s="91"/>
      <c r="HE593" s="91"/>
      <c r="HF593" s="91"/>
      <c r="HG593" s="91"/>
      <c r="HH593" s="91"/>
      <c r="HI593" s="91"/>
      <c r="HJ593" s="91"/>
      <c r="HK593" s="127"/>
      <c r="HL593" s="126"/>
      <c r="HM593" s="91"/>
      <c r="HN593" s="91"/>
      <c r="HO593" s="91"/>
      <c r="HP593" s="91"/>
      <c r="HQ593" s="91"/>
      <c r="HR593" s="91"/>
      <c r="HS593" s="91"/>
      <c r="HT593" s="91"/>
      <c r="HU593" s="91"/>
      <c r="HV593" s="91"/>
      <c r="HW593" s="91"/>
      <c r="HX593" s="91"/>
      <c r="HY593" s="91"/>
      <c r="HZ593" s="91"/>
      <c r="IA593" s="91"/>
      <c r="IB593" s="91"/>
      <c r="IC593" s="91"/>
      <c r="ID593" s="91"/>
      <c r="IE593" s="91"/>
      <c r="IF593" s="91"/>
      <c r="IG593" s="91"/>
      <c r="IH593" s="91"/>
      <c r="II593" s="91"/>
      <c r="IJ593" s="91"/>
      <c r="IK593" s="127"/>
    </row>
    <row r="594" spans="2:245" x14ac:dyDescent="0.2">
      <c r="B594" s="43"/>
      <c r="C594" s="73"/>
      <c r="D594" s="64"/>
      <c r="E594" s="64"/>
      <c r="F594" s="55"/>
      <c r="G594" s="102"/>
      <c r="H594" s="55"/>
      <c r="I594" s="55"/>
      <c r="J594" s="55"/>
      <c r="K594" s="55"/>
      <c r="L594" s="55"/>
      <c r="M594" s="55"/>
      <c r="N594" s="55"/>
      <c r="O594" s="55"/>
      <c r="P594" s="55"/>
      <c r="Q594" s="55"/>
      <c r="R594" s="55"/>
      <c r="S594" s="55"/>
      <c r="T594" s="55"/>
      <c r="U594" s="55"/>
      <c r="V594" s="55"/>
      <c r="W594" s="55"/>
      <c r="X594" s="55"/>
      <c r="Y594" s="55"/>
      <c r="Z594" s="55"/>
      <c r="AA594" s="55"/>
      <c r="AB594" s="55"/>
      <c r="AC594" s="55"/>
      <c r="AD594" s="55"/>
      <c r="AE594" s="55"/>
      <c r="AF594" s="55"/>
      <c r="AG594" s="55"/>
      <c r="AY594" s="162"/>
      <c r="AZ594" s="162"/>
      <c r="BA594" s="162"/>
      <c r="BB594" s="162"/>
      <c r="BC594" s="162"/>
      <c r="BD594" s="162"/>
      <c r="BE594" s="162"/>
      <c r="BF594" s="162"/>
      <c r="BG594" s="162"/>
      <c r="BH594" s="162"/>
      <c r="BI594" s="162"/>
      <c r="BJ594" s="162"/>
      <c r="BK594" s="162"/>
      <c r="BL594" s="162"/>
      <c r="BM594" s="162"/>
      <c r="BN594" s="162"/>
      <c r="BO594" s="162"/>
      <c r="BP594" s="162"/>
      <c r="BQ594" s="162"/>
      <c r="BR594" s="162"/>
      <c r="BS594" s="162"/>
      <c r="BT594" s="162"/>
      <c r="BU594" s="162"/>
      <c r="BV594" s="162"/>
      <c r="BW594" s="162"/>
      <c r="BX594" s="162"/>
      <c r="BY594" s="162"/>
      <c r="BZ594" s="162"/>
      <c r="CA594" s="162"/>
      <c r="CB594" s="162"/>
      <c r="CC594" s="162"/>
      <c r="CD594" s="162"/>
      <c r="CE594" s="162"/>
      <c r="CF594" s="162"/>
      <c r="CG594" s="162"/>
      <c r="CH594" s="162"/>
      <c r="CI594" s="162"/>
      <c r="CJ594" s="162"/>
      <c r="CK594" s="162"/>
      <c r="CX594" s="98"/>
      <c r="DL594" s="97"/>
      <c r="DX594" s="98"/>
      <c r="EL594" s="97"/>
      <c r="EX594" s="98"/>
      <c r="EY594" s="97"/>
      <c r="FL594" s="126"/>
      <c r="FM594" s="91"/>
      <c r="FN594" s="91"/>
      <c r="FO594" s="91"/>
      <c r="FP594" s="91"/>
      <c r="FQ594" s="91"/>
      <c r="FR594" s="91"/>
      <c r="FS594" s="91"/>
      <c r="FT594" s="91"/>
      <c r="FU594" s="91"/>
      <c r="FV594" s="91"/>
      <c r="FW594" s="91"/>
      <c r="FX594" s="91"/>
      <c r="FY594" s="91"/>
      <c r="FZ594" s="91"/>
      <c r="GA594" s="91"/>
      <c r="GB594" s="91"/>
      <c r="GC594" s="91"/>
      <c r="GD594" s="91"/>
      <c r="GE594" s="91"/>
      <c r="GF594" s="91"/>
      <c r="GG594" s="91"/>
      <c r="GH594" s="91"/>
      <c r="GI594" s="91"/>
      <c r="GJ594" s="91"/>
      <c r="GK594" s="127"/>
      <c r="GL594" s="126"/>
      <c r="GM594" s="91"/>
      <c r="GN594" s="91"/>
      <c r="GO594" s="91"/>
      <c r="GP594" s="91"/>
      <c r="GQ594" s="91"/>
      <c r="GR594" s="91"/>
      <c r="GS594" s="91"/>
      <c r="GT594" s="91"/>
      <c r="GU594" s="91"/>
      <c r="GV594" s="91"/>
      <c r="GW594" s="91"/>
      <c r="GX594" s="91"/>
      <c r="GY594" s="91"/>
      <c r="GZ594" s="91"/>
      <c r="HA594" s="91"/>
      <c r="HB594" s="91"/>
      <c r="HC594" s="91"/>
      <c r="HD594" s="91"/>
      <c r="HE594" s="91"/>
      <c r="HF594" s="91"/>
      <c r="HG594" s="91"/>
      <c r="HH594" s="91"/>
      <c r="HI594" s="91"/>
      <c r="HJ594" s="91"/>
      <c r="HK594" s="127"/>
      <c r="HL594" s="126"/>
      <c r="HM594" s="91"/>
      <c r="HN594" s="91"/>
      <c r="HO594" s="91"/>
      <c r="HP594" s="91"/>
      <c r="HQ594" s="91"/>
      <c r="HR594" s="91"/>
      <c r="HS594" s="91"/>
      <c r="HT594" s="91"/>
      <c r="HU594" s="91"/>
      <c r="HV594" s="91"/>
      <c r="HW594" s="91"/>
      <c r="HX594" s="91"/>
      <c r="HY594" s="91"/>
      <c r="HZ594" s="91"/>
      <c r="IA594" s="91"/>
      <c r="IB594" s="91"/>
      <c r="IC594" s="91"/>
      <c r="ID594" s="91"/>
      <c r="IE594" s="91"/>
      <c r="IF594" s="91"/>
      <c r="IG594" s="91"/>
      <c r="IH594" s="91"/>
      <c r="II594" s="91"/>
      <c r="IJ594" s="91"/>
      <c r="IK594" s="127"/>
    </row>
    <row r="595" spans="2:245" x14ac:dyDescent="0.2">
      <c r="B595" s="43"/>
      <c r="C595" s="73"/>
      <c r="D595" s="64"/>
      <c r="E595" s="64"/>
      <c r="F595" s="55"/>
      <c r="G595" s="102"/>
      <c r="H595" s="55"/>
      <c r="I595" s="55"/>
      <c r="J595" s="55"/>
      <c r="K595" s="55"/>
      <c r="L595" s="55"/>
      <c r="M595" s="55"/>
      <c r="N595" s="55"/>
      <c r="O595" s="55"/>
      <c r="P595" s="55"/>
      <c r="Q595" s="55"/>
      <c r="R595" s="55"/>
      <c r="S595" s="55"/>
      <c r="T595" s="55"/>
      <c r="U595" s="55"/>
      <c r="V595" s="55"/>
      <c r="W595" s="55"/>
      <c r="X595" s="55"/>
      <c r="Y595" s="55"/>
      <c r="Z595" s="55"/>
      <c r="AA595" s="55"/>
      <c r="AB595" s="55"/>
      <c r="AC595" s="55"/>
      <c r="AD595" s="55"/>
      <c r="AE595" s="55"/>
      <c r="AF595" s="55"/>
      <c r="AG595" s="55"/>
      <c r="AY595" s="162"/>
      <c r="AZ595" s="162"/>
      <c r="BA595" s="162"/>
      <c r="BB595" s="162"/>
      <c r="BC595" s="162"/>
      <c r="BD595" s="162"/>
      <c r="BE595" s="162"/>
      <c r="BF595" s="162"/>
      <c r="BG595" s="162"/>
      <c r="BH595" s="162"/>
      <c r="BI595" s="162"/>
      <c r="BJ595" s="162"/>
      <c r="BK595" s="162"/>
      <c r="BL595" s="162"/>
      <c r="BM595" s="162"/>
      <c r="BN595" s="162"/>
      <c r="BO595" s="162"/>
      <c r="BP595" s="162"/>
      <c r="BQ595" s="162"/>
      <c r="BR595" s="162"/>
      <c r="BS595" s="162"/>
      <c r="BT595" s="162"/>
      <c r="BU595" s="162"/>
      <c r="BV595" s="162"/>
      <c r="BW595" s="162"/>
      <c r="BX595" s="162"/>
      <c r="BY595" s="162"/>
      <c r="BZ595" s="162"/>
      <c r="CA595" s="162"/>
      <c r="CB595" s="162"/>
      <c r="CC595" s="162"/>
      <c r="CD595" s="162"/>
      <c r="CE595" s="162"/>
      <c r="CF595" s="162"/>
      <c r="CG595" s="162"/>
      <c r="CH595" s="162"/>
      <c r="CI595" s="162"/>
      <c r="CJ595" s="162"/>
      <c r="CK595" s="162"/>
      <c r="CX595" s="98"/>
      <c r="DL595" s="97"/>
      <c r="DX595" s="98"/>
      <c r="EL595" s="97"/>
      <c r="EX595" s="98"/>
      <c r="EY595" s="97"/>
      <c r="FL595" s="126"/>
      <c r="FM595" s="91"/>
      <c r="FN595" s="91"/>
      <c r="FO595" s="91"/>
      <c r="FP595" s="91"/>
      <c r="FQ595" s="91"/>
      <c r="FR595" s="91"/>
      <c r="FS595" s="91"/>
      <c r="FT595" s="91"/>
      <c r="FU595" s="91"/>
      <c r="FV595" s="91"/>
      <c r="FW595" s="91"/>
      <c r="FX595" s="91"/>
      <c r="FY595" s="91"/>
      <c r="FZ595" s="91"/>
      <c r="GA595" s="91"/>
      <c r="GB595" s="91"/>
      <c r="GC595" s="91"/>
      <c r="GD595" s="91"/>
      <c r="GE595" s="91"/>
      <c r="GF595" s="91"/>
      <c r="GG595" s="91"/>
      <c r="GH595" s="91"/>
      <c r="GI595" s="91"/>
      <c r="GJ595" s="91"/>
      <c r="GK595" s="127"/>
      <c r="GL595" s="126"/>
      <c r="GM595" s="91"/>
      <c r="GN595" s="91"/>
      <c r="GO595" s="91"/>
      <c r="GP595" s="91"/>
      <c r="GQ595" s="91"/>
      <c r="GR595" s="91"/>
      <c r="GS595" s="91"/>
      <c r="GT595" s="91"/>
      <c r="GU595" s="91"/>
      <c r="GV595" s="91"/>
      <c r="GW595" s="91"/>
      <c r="GX595" s="91"/>
      <c r="GY595" s="91"/>
      <c r="GZ595" s="91"/>
      <c r="HA595" s="91"/>
      <c r="HB595" s="91"/>
      <c r="HC595" s="91"/>
      <c r="HD595" s="91"/>
      <c r="HE595" s="91"/>
      <c r="HF595" s="91"/>
      <c r="HG595" s="91"/>
      <c r="HH595" s="91"/>
      <c r="HI595" s="91"/>
      <c r="HJ595" s="91"/>
      <c r="HK595" s="127"/>
      <c r="HL595" s="126"/>
      <c r="HM595" s="91"/>
      <c r="HN595" s="91"/>
      <c r="HO595" s="91"/>
      <c r="HP595" s="91"/>
      <c r="HQ595" s="91"/>
      <c r="HR595" s="91"/>
      <c r="HS595" s="91"/>
      <c r="HT595" s="91"/>
      <c r="HU595" s="91"/>
      <c r="HV595" s="91"/>
      <c r="HW595" s="91"/>
      <c r="HX595" s="91"/>
      <c r="HY595" s="91"/>
      <c r="HZ595" s="91"/>
      <c r="IA595" s="91"/>
      <c r="IB595" s="91"/>
      <c r="IC595" s="91"/>
      <c r="ID595" s="91"/>
      <c r="IE595" s="91"/>
      <c r="IF595" s="91"/>
      <c r="IG595" s="91"/>
      <c r="IH595" s="91"/>
      <c r="II595" s="91"/>
      <c r="IJ595" s="91"/>
      <c r="IK595" s="127"/>
    </row>
    <row r="596" spans="2:245" x14ac:dyDescent="0.2">
      <c r="B596" s="43"/>
      <c r="C596" s="73"/>
      <c r="D596" s="64"/>
      <c r="E596" s="64"/>
      <c r="F596" s="55"/>
      <c r="G596" s="102"/>
      <c r="H596" s="55"/>
      <c r="I596" s="55"/>
      <c r="J596" s="55"/>
      <c r="K596" s="55"/>
      <c r="L596" s="55"/>
      <c r="M596" s="55"/>
      <c r="N596" s="55"/>
      <c r="O596" s="55"/>
      <c r="P596" s="55"/>
      <c r="Q596" s="55"/>
      <c r="R596" s="55"/>
      <c r="S596" s="55"/>
      <c r="T596" s="55"/>
      <c r="U596" s="55"/>
      <c r="V596" s="55"/>
      <c r="W596" s="55"/>
      <c r="X596" s="55"/>
      <c r="Y596" s="55"/>
      <c r="Z596" s="55"/>
      <c r="AA596" s="55"/>
      <c r="AB596" s="55"/>
      <c r="AC596" s="55"/>
      <c r="AD596" s="55"/>
      <c r="AE596" s="55"/>
      <c r="AF596" s="55"/>
      <c r="AG596" s="55"/>
      <c r="AY596" s="162"/>
      <c r="AZ596" s="162"/>
      <c r="BA596" s="162"/>
      <c r="BB596" s="162"/>
      <c r="BC596" s="162"/>
      <c r="BD596" s="162"/>
      <c r="BE596" s="162"/>
      <c r="BF596" s="162"/>
      <c r="BG596" s="162"/>
      <c r="BH596" s="162"/>
      <c r="BI596" s="162"/>
      <c r="BJ596" s="162"/>
      <c r="BK596" s="162"/>
      <c r="BL596" s="162"/>
      <c r="BM596" s="162"/>
      <c r="BN596" s="162"/>
      <c r="BO596" s="162"/>
      <c r="BP596" s="162"/>
      <c r="BQ596" s="162"/>
      <c r="BR596" s="162"/>
      <c r="BS596" s="162"/>
      <c r="BT596" s="162"/>
      <c r="BU596" s="162"/>
      <c r="BV596" s="162"/>
      <c r="BW596" s="162"/>
      <c r="BX596" s="162"/>
      <c r="BY596" s="162"/>
      <c r="BZ596" s="162"/>
      <c r="CA596" s="162"/>
      <c r="CB596" s="162"/>
      <c r="CC596" s="162"/>
      <c r="CD596" s="162"/>
      <c r="CE596" s="162"/>
      <c r="CF596" s="162"/>
      <c r="CG596" s="162"/>
      <c r="CH596" s="162"/>
      <c r="CI596" s="162"/>
      <c r="CJ596" s="162"/>
      <c r="CK596" s="162"/>
      <c r="CX596" s="98"/>
      <c r="DL596" s="97"/>
      <c r="DX596" s="98"/>
      <c r="EL596" s="97"/>
      <c r="EX596" s="98"/>
      <c r="EY596" s="97"/>
      <c r="FL596" s="126"/>
      <c r="FM596" s="91"/>
      <c r="FN596" s="91"/>
      <c r="FO596" s="91"/>
      <c r="FP596" s="91"/>
      <c r="FQ596" s="91"/>
      <c r="FR596" s="91"/>
      <c r="FS596" s="91"/>
      <c r="FT596" s="91"/>
      <c r="FU596" s="91"/>
      <c r="FV596" s="91"/>
      <c r="FW596" s="91"/>
      <c r="FX596" s="91"/>
      <c r="FY596" s="91"/>
      <c r="FZ596" s="91"/>
      <c r="GA596" s="91"/>
      <c r="GB596" s="91"/>
      <c r="GC596" s="91"/>
      <c r="GD596" s="91"/>
      <c r="GE596" s="91"/>
      <c r="GF596" s="91"/>
      <c r="GG596" s="91"/>
      <c r="GH596" s="91"/>
      <c r="GI596" s="91"/>
      <c r="GJ596" s="91"/>
      <c r="GK596" s="127"/>
      <c r="GL596" s="126"/>
      <c r="GM596" s="91"/>
      <c r="GN596" s="91"/>
      <c r="GO596" s="91"/>
      <c r="GP596" s="91"/>
      <c r="GQ596" s="91"/>
      <c r="GR596" s="91"/>
      <c r="GS596" s="91"/>
      <c r="GT596" s="91"/>
      <c r="GU596" s="91"/>
      <c r="GV596" s="91"/>
      <c r="GW596" s="91"/>
      <c r="GX596" s="91"/>
      <c r="GY596" s="91"/>
      <c r="GZ596" s="91"/>
      <c r="HA596" s="91"/>
      <c r="HB596" s="91"/>
      <c r="HC596" s="91"/>
      <c r="HD596" s="91"/>
      <c r="HE596" s="91"/>
      <c r="HF596" s="91"/>
      <c r="HG596" s="91"/>
      <c r="HH596" s="91"/>
      <c r="HI596" s="91"/>
      <c r="HJ596" s="91"/>
      <c r="HK596" s="127"/>
      <c r="HL596" s="126"/>
      <c r="HM596" s="91"/>
      <c r="HN596" s="91"/>
      <c r="HO596" s="91"/>
      <c r="HP596" s="91"/>
      <c r="HQ596" s="91"/>
      <c r="HR596" s="91"/>
      <c r="HS596" s="91"/>
      <c r="HT596" s="91"/>
      <c r="HU596" s="91"/>
      <c r="HV596" s="91"/>
      <c r="HW596" s="91"/>
      <c r="HX596" s="91"/>
      <c r="HY596" s="91"/>
      <c r="HZ596" s="91"/>
      <c r="IA596" s="91"/>
      <c r="IB596" s="91"/>
      <c r="IC596" s="91"/>
      <c r="ID596" s="91"/>
      <c r="IE596" s="91"/>
      <c r="IF596" s="91"/>
      <c r="IG596" s="91"/>
      <c r="IH596" s="91"/>
      <c r="II596" s="91"/>
      <c r="IJ596" s="91"/>
      <c r="IK596" s="127"/>
    </row>
    <row r="597" spans="2:245" x14ac:dyDescent="0.2">
      <c r="B597" s="43"/>
      <c r="C597" s="73"/>
      <c r="D597" s="64"/>
      <c r="E597" s="64"/>
      <c r="F597" s="55"/>
      <c r="G597" s="102"/>
      <c r="H597" s="55"/>
      <c r="I597" s="55"/>
      <c r="J597" s="55"/>
      <c r="K597" s="55"/>
      <c r="L597" s="55"/>
      <c r="M597" s="55"/>
      <c r="N597" s="55"/>
      <c r="O597" s="55"/>
      <c r="P597" s="55"/>
      <c r="Q597" s="55"/>
      <c r="R597" s="55"/>
      <c r="S597" s="55"/>
      <c r="T597" s="55"/>
      <c r="U597" s="55"/>
      <c r="V597" s="55"/>
      <c r="W597" s="55"/>
      <c r="X597" s="55"/>
      <c r="Y597" s="55"/>
      <c r="Z597" s="55"/>
      <c r="AA597" s="55"/>
      <c r="AB597" s="55"/>
      <c r="AC597" s="55"/>
      <c r="AD597" s="55"/>
      <c r="AE597" s="55"/>
      <c r="AF597" s="55"/>
      <c r="AG597" s="55"/>
      <c r="AY597" s="162"/>
      <c r="AZ597" s="162"/>
      <c r="BA597" s="162"/>
      <c r="BB597" s="162"/>
      <c r="BC597" s="162"/>
      <c r="BD597" s="162"/>
      <c r="BE597" s="162"/>
      <c r="BF597" s="162"/>
      <c r="BG597" s="162"/>
      <c r="BH597" s="162"/>
      <c r="BI597" s="162"/>
      <c r="BJ597" s="162"/>
      <c r="BK597" s="162"/>
      <c r="BL597" s="162"/>
      <c r="BM597" s="162"/>
      <c r="BN597" s="162"/>
      <c r="BO597" s="162"/>
      <c r="BP597" s="162"/>
      <c r="BQ597" s="162"/>
      <c r="BR597" s="162"/>
      <c r="BS597" s="162"/>
      <c r="BT597" s="162"/>
      <c r="BU597" s="162"/>
      <c r="BV597" s="162"/>
      <c r="BW597" s="162"/>
      <c r="BX597" s="162"/>
      <c r="BY597" s="162"/>
      <c r="BZ597" s="162"/>
      <c r="CA597" s="162"/>
      <c r="CB597" s="162"/>
      <c r="CC597" s="162"/>
      <c r="CD597" s="162"/>
      <c r="CE597" s="162"/>
      <c r="CF597" s="162"/>
      <c r="CG597" s="162"/>
      <c r="CH597" s="162"/>
      <c r="CI597" s="162"/>
      <c r="CJ597" s="162"/>
      <c r="CK597" s="162"/>
      <c r="CX597" s="98"/>
      <c r="DL597" s="97"/>
      <c r="DX597" s="98"/>
      <c r="EL597" s="97"/>
      <c r="EX597" s="98"/>
      <c r="EY597" s="97"/>
      <c r="FL597" s="126"/>
      <c r="FM597" s="91"/>
      <c r="FN597" s="91"/>
      <c r="FO597" s="91"/>
      <c r="FP597" s="91"/>
      <c r="FQ597" s="91"/>
      <c r="FR597" s="91"/>
      <c r="FS597" s="91"/>
      <c r="FT597" s="91"/>
      <c r="FU597" s="91"/>
      <c r="FV597" s="91"/>
      <c r="FW597" s="91"/>
      <c r="FX597" s="91"/>
      <c r="FY597" s="91"/>
      <c r="FZ597" s="91"/>
      <c r="GA597" s="91"/>
      <c r="GB597" s="91"/>
      <c r="GC597" s="91"/>
      <c r="GD597" s="91"/>
      <c r="GE597" s="91"/>
      <c r="GF597" s="91"/>
      <c r="GG597" s="91"/>
      <c r="GH597" s="91"/>
      <c r="GI597" s="91"/>
      <c r="GJ597" s="91"/>
      <c r="GK597" s="127"/>
      <c r="GL597" s="126"/>
      <c r="GM597" s="91"/>
      <c r="GN597" s="91"/>
      <c r="GO597" s="91"/>
      <c r="GP597" s="91"/>
      <c r="GQ597" s="91"/>
      <c r="GR597" s="91"/>
      <c r="GS597" s="91"/>
      <c r="GT597" s="91"/>
      <c r="GU597" s="91"/>
      <c r="GV597" s="91"/>
      <c r="GW597" s="91"/>
      <c r="GX597" s="91"/>
      <c r="GY597" s="91"/>
      <c r="GZ597" s="91"/>
      <c r="HA597" s="91"/>
      <c r="HB597" s="91"/>
      <c r="HC597" s="91"/>
      <c r="HD597" s="91"/>
      <c r="HE597" s="91"/>
      <c r="HF597" s="91"/>
      <c r="HG597" s="91"/>
      <c r="HH597" s="91"/>
      <c r="HI597" s="91"/>
      <c r="HJ597" s="91"/>
      <c r="HK597" s="127"/>
      <c r="HL597" s="126"/>
      <c r="HM597" s="91"/>
      <c r="HN597" s="91"/>
      <c r="HO597" s="91"/>
      <c r="HP597" s="91"/>
      <c r="HQ597" s="91"/>
      <c r="HR597" s="91"/>
      <c r="HS597" s="91"/>
      <c r="HT597" s="91"/>
      <c r="HU597" s="91"/>
      <c r="HV597" s="91"/>
      <c r="HW597" s="91"/>
      <c r="HX597" s="91"/>
      <c r="HY597" s="91"/>
      <c r="HZ597" s="91"/>
      <c r="IA597" s="91"/>
      <c r="IB597" s="91"/>
      <c r="IC597" s="91"/>
      <c r="ID597" s="91"/>
      <c r="IE597" s="91"/>
      <c r="IF597" s="91"/>
      <c r="IG597" s="91"/>
      <c r="IH597" s="91"/>
      <c r="II597" s="91"/>
      <c r="IJ597" s="91"/>
      <c r="IK597" s="127"/>
    </row>
    <row r="598" spans="2:245" x14ac:dyDescent="0.2">
      <c r="B598" s="43"/>
      <c r="C598" s="73"/>
      <c r="D598" s="64"/>
      <c r="E598" s="64"/>
      <c r="F598" s="55"/>
      <c r="G598" s="102"/>
      <c r="H598" s="55"/>
      <c r="I598" s="55"/>
      <c r="J598" s="55"/>
      <c r="K598" s="55"/>
      <c r="L598" s="55"/>
      <c r="M598" s="55"/>
      <c r="N598" s="55"/>
      <c r="O598" s="55"/>
      <c r="P598" s="55"/>
      <c r="Q598" s="55"/>
      <c r="R598" s="55"/>
      <c r="S598" s="55"/>
      <c r="T598" s="55"/>
      <c r="U598" s="55"/>
      <c r="V598" s="55"/>
      <c r="W598" s="55"/>
      <c r="X598" s="55"/>
      <c r="Y598" s="55"/>
      <c r="Z598" s="55"/>
      <c r="AA598" s="55"/>
      <c r="AB598" s="55"/>
      <c r="AC598" s="55"/>
      <c r="AD598" s="55"/>
      <c r="AE598" s="55"/>
      <c r="AF598" s="55"/>
      <c r="AG598" s="55"/>
      <c r="AY598" s="162"/>
      <c r="AZ598" s="162"/>
      <c r="BA598" s="162"/>
      <c r="BB598" s="162"/>
      <c r="BC598" s="162"/>
      <c r="BD598" s="162"/>
      <c r="BE598" s="162"/>
      <c r="BF598" s="162"/>
      <c r="BG598" s="162"/>
      <c r="BH598" s="162"/>
      <c r="BI598" s="162"/>
      <c r="BJ598" s="162"/>
      <c r="BK598" s="162"/>
      <c r="BL598" s="162"/>
      <c r="BM598" s="162"/>
      <c r="BN598" s="162"/>
      <c r="BO598" s="162"/>
      <c r="BP598" s="162"/>
      <c r="BQ598" s="162"/>
      <c r="BR598" s="162"/>
      <c r="BS598" s="162"/>
      <c r="BT598" s="162"/>
      <c r="BU598" s="162"/>
      <c r="BV598" s="162"/>
      <c r="BW598" s="162"/>
      <c r="BX598" s="162"/>
      <c r="BY598" s="162"/>
      <c r="BZ598" s="162"/>
      <c r="CA598" s="162"/>
      <c r="CB598" s="162"/>
      <c r="CC598" s="162"/>
      <c r="CD598" s="162"/>
      <c r="CE598" s="162"/>
      <c r="CF598" s="162"/>
      <c r="CG598" s="162"/>
      <c r="CH598" s="162"/>
      <c r="CI598" s="162"/>
      <c r="CJ598" s="162"/>
      <c r="CK598" s="162"/>
      <c r="CX598" s="98"/>
      <c r="DL598" s="97"/>
      <c r="DX598" s="98"/>
      <c r="EL598" s="97"/>
      <c r="EX598" s="98"/>
      <c r="EY598" s="97"/>
      <c r="FL598" s="126"/>
      <c r="FM598" s="91"/>
      <c r="FN598" s="91"/>
      <c r="FO598" s="91"/>
      <c r="FP598" s="91"/>
      <c r="FQ598" s="91"/>
      <c r="FR598" s="91"/>
      <c r="FS598" s="91"/>
      <c r="FT598" s="91"/>
      <c r="FU598" s="91"/>
      <c r="FV598" s="91"/>
      <c r="FW598" s="91"/>
      <c r="FX598" s="91"/>
      <c r="FY598" s="91"/>
      <c r="FZ598" s="91"/>
      <c r="GA598" s="91"/>
      <c r="GB598" s="91"/>
      <c r="GC598" s="91"/>
      <c r="GD598" s="91"/>
      <c r="GE598" s="91"/>
      <c r="GF598" s="91"/>
      <c r="GG598" s="91"/>
      <c r="GH598" s="91"/>
      <c r="GI598" s="91"/>
      <c r="GJ598" s="91"/>
      <c r="GK598" s="127"/>
      <c r="GL598" s="126"/>
      <c r="GM598" s="91"/>
      <c r="GN598" s="91"/>
      <c r="GO598" s="91"/>
      <c r="GP598" s="91"/>
      <c r="GQ598" s="91"/>
      <c r="GR598" s="91"/>
      <c r="GS598" s="91"/>
      <c r="GT598" s="91"/>
      <c r="GU598" s="91"/>
      <c r="GV598" s="91"/>
      <c r="GW598" s="91"/>
      <c r="GX598" s="91"/>
      <c r="GY598" s="91"/>
      <c r="GZ598" s="91"/>
      <c r="HA598" s="91"/>
      <c r="HB598" s="91"/>
      <c r="HC598" s="91"/>
      <c r="HD598" s="91"/>
      <c r="HE598" s="91"/>
      <c r="HF598" s="91"/>
      <c r="HG598" s="91"/>
      <c r="HH598" s="91"/>
      <c r="HI598" s="91"/>
      <c r="HJ598" s="91"/>
      <c r="HK598" s="127"/>
      <c r="HL598" s="126"/>
      <c r="HM598" s="91"/>
      <c r="HN598" s="91"/>
      <c r="HO598" s="91"/>
      <c r="HP598" s="91"/>
      <c r="HQ598" s="91"/>
      <c r="HR598" s="91"/>
      <c r="HS598" s="91"/>
      <c r="HT598" s="91"/>
      <c r="HU598" s="91"/>
      <c r="HV598" s="91"/>
      <c r="HW598" s="91"/>
      <c r="HX598" s="91"/>
      <c r="HY598" s="91"/>
      <c r="HZ598" s="91"/>
      <c r="IA598" s="91"/>
      <c r="IB598" s="91"/>
      <c r="IC598" s="91"/>
      <c r="ID598" s="91"/>
      <c r="IE598" s="91"/>
      <c r="IF598" s="91"/>
      <c r="IG598" s="91"/>
      <c r="IH598" s="91"/>
      <c r="II598" s="91"/>
      <c r="IJ598" s="91"/>
      <c r="IK598" s="127"/>
    </row>
    <row r="599" spans="2:245" x14ac:dyDescent="0.2">
      <c r="B599" s="43"/>
      <c r="C599" s="73"/>
      <c r="D599" s="64"/>
      <c r="E599" s="64"/>
      <c r="F599" s="55"/>
      <c r="G599" s="102"/>
      <c r="H599" s="55"/>
      <c r="I599" s="55"/>
      <c r="J599" s="55"/>
      <c r="K599" s="55"/>
      <c r="L599" s="55"/>
      <c r="M599" s="55"/>
      <c r="N599" s="55"/>
      <c r="O599" s="55"/>
      <c r="P599" s="55"/>
      <c r="Q599" s="55"/>
      <c r="R599" s="55"/>
      <c r="S599" s="55"/>
      <c r="T599" s="55"/>
      <c r="U599" s="55"/>
      <c r="V599" s="55"/>
      <c r="W599" s="55"/>
      <c r="X599" s="55"/>
      <c r="Y599" s="55"/>
      <c r="Z599" s="55"/>
      <c r="AA599" s="55"/>
      <c r="AB599" s="55"/>
      <c r="AC599" s="55"/>
      <c r="AD599" s="55"/>
      <c r="AE599" s="55"/>
      <c r="AF599" s="55"/>
      <c r="AG599" s="55"/>
      <c r="AY599" s="162"/>
      <c r="AZ599" s="162"/>
      <c r="BA599" s="162"/>
      <c r="BB599" s="162"/>
      <c r="BC599" s="162"/>
      <c r="BD599" s="162"/>
      <c r="BE599" s="162"/>
      <c r="BF599" s="162"/>
      <c r="BG599" s="162"/>
      <c r="BH599" s="162"/>
      <c r="BI599" s="162"/>
      <c r="BJ599" s="162"/>
      <c r="BK599" s="162"/>
      <c r="BL599" s="162"/>
      <c r="BM599" s="162"/>
      <c r="BN599" s="162"/>
      <c r="BO599" s="162"/>
      <c r="BP599" s="162"/>
      <c r="BQ599" s="162"/>
      <c r="BR599" s="162"/>
      <c r="BS599" s="162"/>
      <c r="BT599" s="162"/>
      <c r="BU599" s="162"/>
      <c r="BV599" s="162"/>
      <c r="BW599" s="162"/>
      <c r="BX599" s="162"/>
      <c r="BY599" s="162"/>
      <c r="BZ599" s="162"/>
      <c r="CA599" s="162"/>
      <c r="CB599" s="162"/>
      <c r="CC599" s="162"/>
      <c r="CD599" s="162"/>
      <c r="CE599" s="162"/>
      <c r="CF599" s="162"/>
      <c r="CG599" s="162"/>
      <c r="CH599" s="162"/>
      <c r="CI599" s="162"/>
      <c r="CJ599" s="162"/>
      <c r="CK599" s="162"/>
      <c r="CX599" s="98"/>
      <c r="DL599" s="97"/>
      <c r="DX599" s="98"/>
      <c r="EL599" s="97"/>
      <c r="EX599" s="98"/>
      <c r="EY599" s="97"/>
      <c r="FL599" s="126"/>
      <c r="FM599" s="91"/>
      <c r="FN599" s="91"/>
      <c r="FO599" s="91"/>
      <c r="FP599" s="91"/>
      <c r="FQ599" s="91"/>
      <c r="FR599" s="91"/>
      <c r="FS599" s="91"/>
      <c r="FT599" s="91"/>
      <c r="FU599" s="91"/>
      <c r="FV599" s="91"/>
      <c r="FW599" s="91"/>
      <c r="FX599" s="91"/>
      <c r="FY599" s="91"/>
      <c r="FZ599" s="91"/>
      <c r="GA599" s="91"/>
      <c r="GB599" s="91"/>
      <c r="GC599" s="91"/>
      <c r="GD599" s="91"/>
      <c r="GE599" s="91"/>
      <c r="GF599" s="91"/>
      <c r="GG599" s="91"/>
      <c r="GH599" s="91"/>
      <c r="GI599" s="91"/>
      <c r="GJ599" s="91"/>
      <c r="GK599" s="127"/>
      <c r="GL599" s="126"/>
      <c r="GM599" s="91"/>
      <c r="GN599" s="91"/>
      <c r="GO599" s="91"/>
      <c r="GP599" s="91"/>
      <c r="GQ599" s="91"/>
      <c r="GR599" s="91"/>
      <c r="GS599" s="91"/>
      <c r="GT599" s="91"/>
      <c r="GU599" s="91"/>
      <c r="GV599" s="91"/>
      <c r="GW599" s="91"/>
      <c r="GX599" s="91"/>
      <c r="GY599" s="91"/>
      <c r="GZ599" s="91"/>
      <c r="HA599" s="91"/>
      <c r="HB599" s="91"/>
      <c r="HC599" s="91"/>
      <c r="HD599" s="91"/>
      <c r="HE599" s="91"/>
      <c r="HF599" s="91"/>
      <c r="HG599" s="91"/>
      <c r="HH599" s="91"/>
      <c r="HI599" s="91"/>
      <c r="HJ599" s="91"/>
      <c r="HK599" s="127"/>
      <c r="HL599" s="126"/>
      <c r="HM599" s="91"/>
      <c r="HN599" s="91"/>
      <c r="HO599" s="91"/>
      <c r="HP599" s="91"/>
      <c r="HQ599" s="91"/>
      <c r="HR599" s="91"/>
      <c r="HS599" s="91"/>
      <c r="HT599" s="91"/>
      <c r="HU599" s="91"/>
      <c r="HV599" s="91"/>
      <c r="HW599" s="91"/>
      <c r="HX599" s="91"/>
      <c r="HY599" s="91"/>
      <c r="HZ599" s="91"/>
      <c r="IA599" s="91"/>
      <c r="IB599" s="91"/>
      <c r="IC599" s="91"/>
      <c r="ID599" s="91"/>
      <c r="IE599" s="91"/>
      <c r="IF599" s="91"/>
      <c r="IG599" s="91"/>
      <c r="IH599" s="91"/>
      <c r="II599" s="91"/>
      <c r="IJ599" s="91"/>
      <c r="IK599" s="127"/>
    </row>
    <row r="600" spans="2:245" x14ac:dyDescent="0.2">
      <c r="B600" s="43"/>
      <c r="C600" s="73"/>
      <c r="D600" s="64"/>
      <c r="E600" s="64"/>
      <c r="F600" s="55"/>
      <c r="G600" s="102"/>
      <c r="H600" s="55"/>
      <c r="I600" s="55"/>
      <c r="J600" s="55"/>
      <c r="K600" s="55"/>
      <c r="L600" s="55"/>
      <c r="M600" s="55"/>
      <c r="N600" s="55"/>
      <c r="O600" s="55"/>
      <c r="P600" s="55"/>
      <c r="Q600" s="55"/>
      <c r="R600" s="55"/>
      <c r="S600" s="55"/>
      <c r="T600" s="55"/>
      <c r="U600" s="55"/>
      <c r="V600" s="55"/>
      <c r="W600" s="55"/>
      <c r="X600" s="55"/>
      <c r="Y600" s="55"/>
      <c r="Z600" s="55"/>
      <c r="AA600" s="55"/>
      <c r="AB600" s="55"/>
      <c r="AC600" s="55"/>
      <c r="AD600" s="55"/>
      <c r="AE600" s="55"/>
      <c r="AF600" s="55"/>
      <c r="AG600" s="55"/>
      <c r="AY600" s="162"/>
      <c r="AZ600" s="162"/>
      <c r="BA600" s="162"/>
      <c r="BB600" s="162"/>
      <c r="BC600" s="162"/>
      <c r="BD600" s="162"/>
      <c r="BE600" s="162"/>
      <c r="BF600" s="162"/>
      <c r="BG600" s="162"/>
      <c r="BH600" s="162"/>
      <c r="BI600" s="162"/>
      <c r="BJ600" s="162"/>
      <c r="BK600" s="162"/>
      <c r="BL600" s="162"/>
      <c r="BM600" s="162"/>
      <c r="BN600" s="162"/>
      <c r="BO600" s="162"/>
      <c r="BP600" s="162"/>
      <c r="BQ600" s="162"/>
      <c r="BR600" s="162"/>
      <c r="BS600" s="162"/>
      <c r="BT600" s="162"/>
      <c r="BU600" s="162"/>
      <c r="BV600" s="162"/>
      <c r="BW600" s="162"/>
      <c r="BX600" s="162"/>
      <c r="BY600" s="162"/>
      <c r="BZ600" s="162"/>
      <c r="CA600" s="162"/>
      <c r="CB600" s="162"/>
      <c r="CC600" s="162"/>
      <c r="CD600" s="162"/>
      <c r="CE600" s="162"/>
      <c r="CF600" s="162"/>
      <c r="CG600" s="162"/>
      <c r="CH600" s="162"/>
      <c r="CI600" s="162"/>
      <c r="CJ600" s="162"/>
      <c r="CK600" s="162"/>
      <c r="CX600" s="98"/>
      <c r="DL600" s="97"/>
      <c r="DX600" s="98"/>
      <c r="EL600" s="97"/>
      <c r="EX600" s="98"/>
      <c r="EY600" s="97"/>
      <c r="FL600" s="126"/>
      <c r="FM600" s="91"/>
      <c r="FN600" s="91"/>
      <c r="FO600" s="91"/>
      <c r="FP600" s="91"/>
      <c r="FQ600" s="91"/>
      <c r="FR600" s="91"/>
      <c r="FS600" s="91"/>
      <c r="FT600" s="91"/>
      <c r="FU600" s="91"/>
      <c r="FV600" s="91"/>
      <c r="FW600" s="91"/>
      <c r="FX600" s="91"/>
      <c r="FY600" s="91"/>
      <c r="FZ600" s="91"/>
      <c r="GA600" s="91"/>
      <c r="GB600" s="91"/>
      <c r="GC600" s="91"/>
      <c r="GD600" s="91"/>
      <c r="GE600" s="91"/>
      <c r="GF600" s="91"/>
      <c r="GG600" s="91"/>
      <c r="GH600" s="91"/>
      <c r="GI600" s="91"/>
      <c r="GJ600" s="91"/>
      <c r="GK600" s="127"/>
      <c r="GL600" s="126"/>
      <c r="GM600" s="91"/>
      <c r="GN600" s="91"/>
      <c r="GO600" s="91"/>
      <c r="GP600" s="91"/>
      <c r="GQ600" s="91"/>
      <c r="GR600" s="91"/>
      <c r="GS600" s="91"/>
      <c r="GT600" s="91"/>
      <c r="GU600" s="91"/>
      <c r="GV600" s="91"/>
      <c r="GW600" s="91"/>
      <c r="GX600" s="91"/>
      <c r="GY600" s="91"/>
      <c r="GZ600" s="91"/>
      <c r="HA600" s="91"/>
      <c r="HB600" s="91"/>
      <c r="HC600" s="91"/>
      <c r="HD600" s="91"/>
      <c r="HE600" s="91"/>
      <c r="HF600" s="91"/>
      <c r="HG600" s="91"/>
      <c r="HH600" s="91"/>
      <c r="HI600" s="91"/>
      <c r="HJ600" s="91"/>
      <c r="HK600" s="127"/>
      <c r="HL600" s="126"/>
      <c r="HM600" s="91"/>
      <c r="HN600" s="91"/>
      <c r="HO600" s="91"/>
      <c r="HP600" s="91"/>
      <c r="HQ600" s="91"/>
      <c r="HR600" s="91"/>
      <c r="HS600" s="91"/>
      <c r="HT600" s="91"/>
      <c r="HU600" s="91"/>
      <c r="HV600" s="91"/>
      <c r="HW600" s="91"/>
      <c r="HX600" s="91"/>
      <c r="HY600" s="91"/>
      <c r="HZ600" s="91"/>
      <c r="IA600" s="91"/>
      <c r="IB600" s="91"/>
      <c r="IC600" s="91"/>
      <c r="ID600" s="91"/>
      <c r="IE600" s="91"/>
      <c r="IF600" s="91"/>
      <c r="IG600" s="91"/>
      <c r="IH600" s="91"/>
      <c r="II600" s="91"/>
      <c r="IJ600" s="91"/>
      <c r="IK600" s="127"/>
    </row>
    <row r="601" spans="2:245" x14ac:dyDescent="0.2">
      <c r="B601" s="43"/>
      <c r="C601" s="73"/>
      <c r="D601" s="64"/>
      <c r="E601" s="64"/>
      <c r="F601" s="55"/>
      <c r="G601" s="102"/>
      <c r="H601" s="55"/>
      <c r="I601" s="55"/>
      <c r="J601" s="55"/>
      <c r="K601" s="55"/>
      <c r="L601" s="55"/>
      <c r="M601" s="55"/>
      <c r="N601" s="55"/>
      <c r="O601" s="55"/>
      <c r="P601" s="55"/>
      <c r="Q601" s="55"/>
      <c r="R601" s="55"/>
      <c r="S601" s="55"/>
      <c r="T601" s="55"/>
      <c r="U601" s="55"/>
      <c r="V601" s="55"/>
      <c r="W601" s="55"/>
      <c r="X601" s="55"/>
      <c r="Y601" s="55"/>
      <c r="Z601" s="55"/>
      <c r="AA601" s="55"/>
      <c r="AB601" s="55"/>
      <c r="AC601" s="55"/>
      <c r="AD601" s="55"/>
      <c r="AE601" s="55"/>
      <c r="AF601" s="55"/>
      <c r="AG601" s="55"/>
      <c r="AY601" s="162"/>
      <c r="AZ601" s="162"/>
      <c r="BA601" s="162"/>
      <c r="BB601" s="162"/>
      <c r="BC601" s="162"/>
      <c r="BD601" s="162"/>
      <c r="BE601" s="162"/>
      <c r="BF601" s="162"/>
      <c r="BG601" s="162"/>
      <c r="BH601" s="162"/>
      <c r="BI601" s="162"/>
      <c r="BJ601" s="162"/>
      <c r="BK601" s="162"/>
      <c r="BL601" s="162"/>
      <c r="BM601" s="162"/>
      <c r="BN601" s="162"/>
      <c r="BO601" s="162"/>
      <c r="BP601" s="162"/>
      <c r="BQ601" s="162"/>
      <c r="BR601" s="162"/>
      <c r="BS601" s="162"/>
      <c r="BT601" s="162"/>
      <c r="BU601" s="162"/>
      <c r="BV601" s="162"/>
      <c r="BW601" s="162"/>
      <c r="BX601" s="162"/>
      <c r="BY601" s="162"/>
      <c r="BZ601" s="162"/>
      <c r="CA601" s="162"/>
      <c r="CB601" s="162"/>
      <c r="CC601" s="162"/>
      <c r="CD601" s="162"/>
      <c r="CE601" s="162"/>
      <c r="CF601" s="162"/>
      <c r="CG601" s="162"/>
      <c r="CH601" s="162"/>
      <c r="CI601" s="162"/>
      <c r="CJ601" s="162"/>
      <c r="CK601" s="162"/>
      <c r="CX601" s="98"/>
      <c r="DL601" s="97"/>
      <c r="DX601" s="98"/>
      <c r="EL601" s="97"/>
      <c r="EX601" s="98"/>
      <c r="EY601" s="97"/>
      <c r="FL601" s="126"/>
      <c r="FM601" s="91"/>
      <c r="FN601" s="91"/>
      <c r="FO601" s="91"/>
      <c r="FP601" s="91"/>
      <c r="FQ601" s="91"/>
      <c r="FR601" s="91"/>
      <c r="FS601" s="91"/>
      <c r="FT601" s="91"/>
      <c r="FU601" s="91"/>
      <c r="FV601" s="91"/>
      <c r="FW601" s="91"/>
      <c r="FX601" s="91"/>
      <c r="FY601" s="91"/>
      <c r="FZ601" s="91"/>
      <c r="GA601" s="91"/>
      <c r="GB601" s="91"/>
      <c r="GC601" s="91"/>
      <c r="GD601" s="91"/>
      <c r="GE601" s="91"/>
      <c r="GF601" s="91"/>
      <c r="GG601" s="91"/>
      <c r="GH601" s="91"/>
      <c r="GI601" s="91"/>
      <c r="GJ601" s="91"/>
      <c r="GK601" s="127"/>
      <c r="GL601" s="126"/>
      <c r="GM601" s="91"/>
      <c r="GN601" s="91"/>
      <c r="GO601" s="91"/>
      <c r="GP601" s="91"/>
      <c r="GQ601" s="91"/>
      <c r="GR601" s="91"/>
      <c r="GS601" s="91"/>
      <c r="GT601" s="91"/>
      <c r="GU601" s="91"/>
      <c r="GV601" s="91"/>
      <c r="GW601" s="91"/>
      <c r="GX601" s="91"/>
      <c r="GY601" s="91"/>
      <c r="GZ601" s="91"/>
      <c r="HA601" s="91"/>
      <c r="HB601" s="91"/>
      <c r="HC601" s="91"/>
      <c r="HD601" s="91"/>
      <c r="HE601" s="91"/>
      <c r="HF601" s="91"/>
      <c r="HG601" s="91"/>
      <c r="HH601" s="91"/>
      <c r="HI601" s="91"/>
      <c r="HJ601" s="91"/>
      <c r="HK601" s="127"/>
      <c r="HL601" s="126"/>
      <c r="HM601" s="91"/>
      <c r="HN601" s="91"/>
      <c r="HO601" s="91"/>
      <c r="HP601" s="91"/>
      <c r="HQ601" s="91"/>
      <c r="HR601" s="91"/>
      <c r="HS601" s="91"/>
      <c r="HT601" s="91"/>
      <c r="HU601" s="91"/>
      <c r="HV601" s="91"/>
      <c r="HW601" s="91"/>
      <c r="HX601" s="91"/>
      <c r="HY601" s="91"/>
      <c r="HZ601" s="91"/>
      <c r="IA601" s="91"/>
      <c r="IB601" s="91"/>
      <c r="IC601" s="91"/>
      <c r="ID601" s="91"/>
      <c r="IE601" s="91"/>
      <c r="IF601" s="91"/>
      <c r="IG601" s="91"/>
      <c r="IH601" s="91"/>
      <c r="II601" s="91"/>
      <c r="IJ601" s="91"/>
      <c r="IK601" s="127"/>
    </row>
    <row r="602" spans="2:245" x14ac:dyDescent="0.2">
      <c r="B602" s="43"/>
      <c r="C602" s="73"/>
      <c r="D602" s="64"/>
      <c r="E602" s="64"/>
      <c r="F602" s="55"/>
      <c r="G602" s="102"/>
      <c r="H602" s="55"/>
      <c r="I602" s="55"/>
      <c r="J602" s="55"/>
      <c r="K602" s="55"/>
      <c r="L602" s="55"/>
      <c r="M602" s="55"/>
      <c r="N602" s="55"/>
      <c r="O602" s="55"/>
      <c r="P602" s="55"/>
      <c r="Q602" s="55"/>
      <c r="R602" s="55"/>
      <c r="S602" s="55"/>
      <c r="T602" s="55"/>
      <c r="U602" s="55"/>
      <c r="V602" s="55"/>
      <c r="W602" s="55"/>
      <c r="X602" s="55"/>
      <c r="Y602" s="55"/>
      <c r="Z602" s="55"/>
      <c r="AA602" s="55"/>
      <c r="AB602" s="55"/>
      <c r="AC602" s="55"/>
      <c r="AD602" s="55"/>
      <c r="AE602" s="55"/>
      <c r="AF602" s="55"/>
      <c r="AG602" s="55"/>
      <c r="AY602" s="162"/>
      <c r="AZ602" s="162"/>
      <c r="BA602" s="162"/>
      <c r="BB602" s="162"/>
      <c r="BC602" s="162"/>
      <c r="BD602" s="162"/>
      <c r="BE602" s="162"/>
      <c r="BF602" s="162"/>
      <c r="BG602" s="162"/>
      <c r="BH602" s="162"/>
      <c r="BI602" s="162"/>
      <c r="BJ602" s="162"/>
      <c r="BK602" s="162"/>
      <c r="BL602" s="162"/>
      <c r="BM602" s="162"/>
      <c r="BN602" s="162"/>
      <c r="BO602" s="162"/>
      <c r="BP602" s="162"/>
      <c r="BQ602" s="162"/>
      <c r="BR602" s="162"/>
      <c r="BS602" s="162"/>
      <c r="BT602" s="162"/>
      <c r="BU602" s="162"/>
      <c r="BV602" s="162"/>
      <c r="BW602" s="162"/>
      <c r="BX602" s="162"/>
      <c r="BY602" s="162"/>
      <c r="BZ602" s="162"/>
      <c r="CA602" s="162"/>
      <c r="CB602" s="162"/>
      <c r="CC602" s="162"/>
      <c r="CD602" s="162"/>
      <c r="CE602" s="162"/>
      <c r="CF602" s="162"/>
      <c r="CG602" s="162"/>
      <c r="CH602" s="162"/>
      <c r="CI602" s="162"/>
      <c r="CJ602" s="162"/>
      <c r="CK602" s="162"/>
      <c r="CX602" s="98"/>
      <c r="DL602" s="97"/>
      <c r="DX602" s="98"/>
      <c r="EL602" s="97"/>
      <c r="EX602" s="98"/>
      <c r="EY602" s="97"/>
      <c r="FL602" s="126"/>
      <c r="FM602" s="91"/>
      <c r="FN602" s="91"/>
      <c r="FO602" s="91"/>
      <c r="FP602" s="91"/>
      <c r="FQ602" s="91"/>
      <c r="FR602" s="91"/>
      <c r="FS602" s="91"/>
      <c r="FT602" s="91"/>
      <c r="FU602" s="91"/>
      <c r="FV602" s="91"/>
      <c r="FW602" s="91"/>
      <c r="FX602" s="91"/>
      <c r="FY602" s="91"/>
      <c r="FZ602" s="91"/>
      <c r="GA602" s="91"/>
      <c r="GB602" s="91"/>
      <c r="GC602" s="91"/>
      <c r="GD602" s="91"/>
      <c r="GE602" s="91"/>
      <c r="GF602" s="91"/>
      <c r="GG602" s="91"/>
      <c r="GH602" s="91"/>
      <c r="GI602" s="91"/>
      <c r="GJ602" s="91"/>
      <c r="GK602" s="127"/>
      <c r="GL602" s="126"/>
      <c r="GM602" s="91"/>
      <c r="GN602" s="91"/>
      <c r="GO602" s="91"/>
      <c r="GP602" s="91"/>
      <c r="GQ602" s="91"/>
      <c r="GR602" s="91"/>
      <c r="GS602" s="91"/>
      <c r="GT602" s="91"/>
      <c r="GU602" s="91"/>
      <c r="GV602" s="91"/>
      <c r="GW602" s="91"/>
      <c r="GX602" s="91"/>
      <c r="GY602" s="91"/>
      <c r="GZ602" s="91"/>
      <c r="HA602" s="91"/>
      <c r="HB602" s="91"/>
      <c r="HC602" s="91"/>
      <c r="HD602" s="91"/>
      <c r="HE602" s="91"/>
      <c r="HF602" s="91"/>
      <c r="HG602" s="91"/>
      <c r="HH602" s="91"/>
      <c r="HI602" s="91"/>
      <c r="HJ602" s="91"/>
      <c r="HK602" s="127"/>
      <c r="HL602" s="126"/>
      <c r="HM602" s="91"/>
      <c r="HN602" s="91"/>
      <c r="HO602" s="91"/>
      <c r="HP602" s="91"/>
      <c r="HQ602" s="91"/>
      <c r="HR602" s="91"/>
      <c r="HS602" s="91"/>
      <c r="HT602" s="91"/>
      <c r="HU602" s="91"/>
      <c r="HV602" s="91"/>
      <c r="HW602" s="91"/>
      <c r="HX602" s="91"/>
      <c r="HY602" s="91"/>
      <c r="HZ602" s="91"/>
      <c r="IA602" s="91"/>
      <c r="IB602" s="91"/>
      <c r="IC602" s="91"/>
      <c r="ID602" s="91"/>
      <c r="IE602" s="91"/>
      <c r="IF602" s="91"/>
      <c r="IG602" s="91"/>
      <c r="IH602" s="91"/>
      <c r="II602" s="91"/>
      <c r="IJ602" s="91"/>
      <c r="IK602" s="127"/>
    </row>
    <row r="603" spans="2:245" x14ac:dyDescent="0.2">
      <c r="B603" s="43"/>
      <c r="C603" s="73"/>
      <c r="D603" s="64"/>
      <c r="E603" s="64"/>
      <c r="F603" s="55"/>
      <c r="G603" s="102"/>
      <c r="H603" s="55"/>
      <c r="I603" s="55"/>
      <c r="J603" s="55"/>
      <c r="K603" s="55"/>
      <c r="L603" s="55"/>
      <c r="M603" s="55"/>
      <c r="N603" s="55"/>
      <c r="O603" s="55"/>
      <c r="P603" s="55"/>
      <c r="Q603" s="55"/>
      <c r="R603" s="55"/>
      <c r="S603" s="55"/>
      <c r="T603" s="55"/>
      <c r="U603" s="55"/>
      <c r="V603" s="55"/>
      <c r="W603" s="55"/>
      <c r="X603" s="55"/>
      <c r="Y603" s="55"/>
      <c r="Z603" s="55"/>
      <c r="AA603" s="55"/>
      <c r="AB603" s="55"/>
      <c r="AC603" s="55"/>
      <c r="AD603" s="55"/>
      <c r="AE603" s="55"/>
      <c r="AF603" s="55"/>
      <c r="AG603" s="55"/>
      <c r="AY603" s="162"/>
      <c r="AZ603" s="162"/>
      <c r="BA603" s="162"/>
      <c r="BB603" s="162"/>
      <c r="BC603" s="162"/>
      <c r="BD603" s="162"/>
      <c r="BE603" s="162"/>
      <c r="BF603" s="162"/>
      <c r="BG603" s="162"/>
      <c r="BH603" s="162"/>
      <c r="BI603" s="162"/>
      <c r="BJ603" s="162"/>
      <c r="BK603" s="162"/>
      <c r="BL603" s="162"/>
      <c r="BM603" s="162"/>
      <c r="BN603" s="162"/>
      <c r="BO603" s="162"/>
      <c r="BP603" s="162"/>
      <c r="BQ603" s="162"/>
      <c r="BR603" s="162"/>
      <c r="BS603" s="162"/>
      <c r="BT603" s="162"/>
      <c r="BU603" s="162"/>
      <c r="BV603" s="162"/>
      <c r="BW603" s="162"/>
      <c r="BX603" s="162"/>
      <c r="BY603" s="162"/>
      <c r="BZ603" s="162"/>
      <c r="CA603" s="162"/>
      <c r="CB603" s="162"/>
      <c r="CC603" s="162"/>
      <c r="CD603" s="162"/>
      <c r="CE603" s="162"/>
      <c r="CF603" s="162"/>
      <c r="CG603" s="162"/>
      <c r="CH603" s="162"/>
      <c r="CI603" s="162"/>
      <c r="CJ603" s="162"/>
      <c r="CK603" s="162"/>
      <c r="CX603" s="98"/>
      <c r="DL603" s="97"/>
      <c r="DX603" s="98"/>
      <c r="EL603" s="97"/>
      <c r="EX603" s="98"/>
      <c r="EY603" s="97"/>
      <c r="FL603" s="126"/>
      <c r="FM603" s="91"/>
      <c r="FN603" s="91"/>
      <c r="FO603" s="91"/>
      <c r="FP603" s="91"/>
      <c r="FQ603" s="91"/>
      <c r="FR603" s="91"/>
      <c r="FS603" s="91"/>
      <c r="FT603" s="91"/>
      <c r="FU603" s="91"/>
      <c r="FV603" s="91"/>
      <c r="FW603" s="91"/>
      <c r="FX603" s="91"/>
      <c r="FY603" s="91"/>
      <c r="FZ603" s="91"/>
      <c r="GA603" s="91"/>
      <c r="GB603" s="91"/>
      <c r="GC603" s="91"/>
      <c r="GD603" s="91"/>
      <c r="GE603" s="91"/>
      <c r="GF603" s="91"/>
      <c r="GG603" s="91"/>
      <c r="GH603" s="91"/>
      <c r="GI603" s="91"/>
      <c r="GJ603" s="91"/>
      <c r="GK603" s="127"/>
      <c r="GL603" s="126"/>
      <c r="GM603" s="91"/>
      <c r="GN603" s="91"/>
      <c r="GO603" s="91"/>
      <c r="GP603" s="91"/>
      <c r="GQ603" s="91"/>
      <c r="GR603" s="91"/>
      <c r="GS603" s="91"/>
      <c r="GT603" s="91"/>
      <c r="GU603" s="91"/>
      <c r="GV603" s="91"/>
      <c r="GW603" s="91"/>
      <c r="GX603" s="91"/>
      <c r="GY603" s="91"/>
      <c r="GZ603" s="91"/>
      <c r="HA603" s="91"/>
      <c r="HB603" s="91"/>
      <c r="HC603" s="91"/>
      <c r="HD603" s="91"/>
      <c r="HE603" s="91"/>
      <c r="HF603" s="91"/>
      <c r="HG603" s="91"/>
      <c r="HH603" s="91"/>
      <c r="HI603" s="91"/>
      <c r="HJ603" s="91"/>
      <c r="HK603" s="127"/>
      <c r="HL603" s="126"/>
      <c r="HM603" s="91"/>
      <c r="HN603" s="91"/>
      <c r="HO603" s="91"/>
      <c r="HP603" s="91"/>
      <c r="HQ603" s="91"/>
      <c r="HR603" s="91"/>
      <c r="HS603" s="91"/>
      <c r="HT603" s="91"/>
      <c r="HU603" s="91"/>
      <c r="HV603" s="91"/>
      <c r="HW603" s="91"/>
      <c r="HX603" s="91"/>
      <c r="HY603" s="91"/>
      <c r="HZ603" s="91"/>
      <c r="IA603" s="91"/>
      <c r="IB603" s="91"/>
      <c r="IC603" s="91"/>
      <c r="ID603" s="91"/>
      <c r="IE603" s="91"/>
      <c r="IF603" s="91"/>
      <c r="IG603" s="91"/>
      <c r="IH603" s="91"/>
      <c r="II603" s="91"/>
      <c r="IJ603" s="91"/>
      <c r="IK603" s="127"/>
    </row>
    <row r="604" spans="2:245" x14ac:dyDescent="0.2">
      <c r="B604" s="43"/>
      <c r="C604" s="73"/>
      <c r="D604" s="64"/>
      <c r="E604" s="64"/>
      <c r="F604" s="55"/>
      <c r="G604" s="102"/>
      <c r="H604" s="55"/>
      <c r="I604" s="55"/>
      <c r="J604" s="55"/>
      <c r="K604" s="55"/>
      <c r="L604" s="55"/>
      <c r="M604" s="55"/>
      <c r="N604" s="55"/>
      <c r="O604" s="55"/>
      <c r="P604" s="55"/>
      <c r="Q604" s="55"/>
      <c r="R604" s="55"/>
      <c r="S604" s="55"/>
      <c r="T604" s="55"/>
      <c r="U604" s="55"/>
      <c r="V604" s="55"/>
      <c r="W604" s="55"/>
      <c r="X604" s="55"/>
      <c r="Y604" s="55"/>
      <c r="Z604" s="55"/>
      <c r="AA604" s="55"/>
      <c r="AB604" s="55"/>
      <c r="AC604" s="55"/>
      <c r="AD604" s="55"/>
      <c r="AE604" s="55"/>
      <c r="AF604" s="55"/>
      <c r="AG604" s="55"/>
      <c r="AY604" s="162"/>
      <c r="AZ604" s="162"/>
      <c r="BA604" s="162"/>
      <c r="BB604" s="162"/>
      <c r="BC604" s="162"/>
      <c r="BD604" s="162"/>
      <c r="BE604" s="162"/>
      <c r="BF604" s="162"/>
      <c r="BG604" s="162"/>
      <c r="BH604" s="162"/>
      <c r="BI604" s="162"/>
      <c r="BJ604" s="162"/>
      <c r="BK604" s="162"/>
      <c r="BL604" s="162"/>
      <c r="BM604" s="162"/>
      <c r="BN604" s="162"/>
      <c r="BO604" s="162"/>
      <c r="BP604" s="162"/>
      <c r="BQ604" s="162"/>
      <c r="BR604" s="162"/>
      <c r="BS604" s="162"/>
      <c r="BT604" s="162"/>
      <c r="BU604" s="162"/>
      <c r="BV604" s="162"/>
      <c r="BW604" s="162"/>
      <c r="BX604" s="162"/>
      <c r="BY604" s="162"/>
      <c r="BZ604" s="162"/>
      <c r="CA604" s="162"/>
      <c r="CB604" s="162"/>
      <c r="CC604" s="162"/>
      <c r="CD604" s="162"/>
      <c r="CE604" s="162"/>
      <c r="CF604" s="162"/>
      <c r="CG604" s="162"/>
      <c r="CH604" s="162"/>
      <c r="CI604" s="162"/>
      <c r="CJ604" s="162"/>
      <c r="CK604" s="162"/>
      <c r="CX604" s="98"/>
      <c r="DL604" s="97"/>
      <c r="DX604" s="98"/>
      <c r="EL604" s="97"/>
      <c r="EX604" s="98"/>
      <c r="EY604" s="97"/>
      <c r="FL604" s="126"/>
      <c r="FM604" s="91"/>
      <c r="FN604" s="91"/>
      <c r="FO604" s="91"/>
      <c r="FP604" s="91"/>
      <c r="FQ604" s="91"/>
      <c r="FR604" s="91"/>
      <c r="FS604" s="91"/>
      <c r="FT604" s="91"/>
      <c r="FU604" s="91"/>
      <c r="FV604" s="91"/>
      <c r="FW604" s="91"/>
      <c r="FX604" s="91"/>
      <c r="FY604" s="91"/>
      <c r="FZ604" s="91"/>
      <c r="GA604" s="91"/>
      <c r="GB604" s="91"/>
      <c r="GC604" s="91"/>
      <c r="GD604" s="91"/>
      <c r="GE604" s="91"/>
      <c r="GF604" s="91"/>
      <c r="GG604" s="91"/>
      <c r="GH604" s="91"/>
      <c r="GI604" s="91"/>
      <c r="GJ604" s="91"/>
      <c r="GK604" s="127"/>
      <c r="GL604" s="126"/>
      <c r="GM604" s="91"/>
      <c r="GN604" s="91"/>
      <c r="GO604" s="91"/>
      <c r="GP604" s="91"/>
      <c r="GQ604" s="91"/>
      <c r="GR604" s="91"/>
      <c r="GS604" s="91"/>
      <c r="GT604" s="91"/>
      <c r="GU604" s="91"/>
      <c r="GV604" s="91"/>
      <c r="GW604" s="91"/>
      <c r="GX604" s="91"/>
      <c r="GY604" s="91"/>
      <c r="GZ604" s="91"/>
      <c r="HA604" s="91"/>
      <c r="HB604" s="91"/>
      <c r="HC604" s="91"/>
      <c r="HD604" s="91"/>
      <c r="HE604" s="91"/>
      <c r="HF604" s="91"/>
      <c r="HG604" s="91"/>
      <c r="HH604" s="91"/>
      <c r="HI604" s="91"/>
      <c r="HJ604" s="91"/>
      <c r="HK604" s="127"/>
      <c r="HL604" s="126"/>
      <c r="HM604" s="91"/>
      <c r="HN604" s="91"/>
      <c r="HO604" s="91"/>
      <c r="HP604" s="91"/>
      <c r="HQ604" s="91"/>
      <c r="HR604" s="91"/>
      <c r="HS604" s="91"/>
      <c r="HT604" s="91"/>
      <c r="HU604" s="91"/>
      <c r="HV604" s="91"/>
      <c r="HW604" s="91"/>
      <c r="HX604" s="91"/>
      <c r="HY604" s="91"/>
      <c r="HZ604" s="91"/>
      <c r="IA604" s="91"/>
      <c r="IB604" s="91"/>
      <c r="IC604" s="91"/>
      <c r="ID604" s="91"/>
      <c r="IE604" s="91"/>
      <c r="IF604" s="91"/>
      <c r="IG604" s="91"/>
      <c r="IH604" s="91"/>
      <c r="II604" s="91"/>
      <c r="IJ604" s="91"/>
      <c r="IK604" s="127"/>
    </row>
    <row r="605" spans="2:245" x14ac:dyDescent="0.2">
      <c r="B605" s="43"/>
      <c r="C605" s="73"/>
      <c r="D605" s="64"/>
      <c r="E605" s="64"/>
      <c r="F605" s="55"/>
      <c r="G605" s="102"/>
      <c r="H605" s="55"/>
      <c r="I605" s="55"/>
      <c r="J605" s="55"/>
      <c r="K605" s="55"/>
      <c r="L605" s="55"/>
      <c r="M605" s="55"/>
      <c r="N605" s="55"/>
      <c r="O605" s="55"/>
      <c r="P605" s="55"/>
      <c r="Q605" s="55"/>
      <c r="R605" s="55"/>
      <c r="S605" s="55"/>
      <c r="T605" s="55"/>
      <c r="U605" s="55"/>
      <c r="V605" s="55"/>
      <c r="W605" s="55"/>
      <c r="X605" s="55"/>
      <c r="Y605" s="55"/>
      <c r="Z605" s="55"/>
      <c r="AA605" s="55"/>
      <c r="AB605" s="55"/>
      <c r="AC605" s="55"/>
      <c r="AD605" s="55"/>
      <c r="AE605" s="55"/>
      <c r="AF605" s="55"/>
      <c r="AG605" s="55"/>
      <c r="AY605" s="162"/>
      <c r="AZ605" s="162"/>
      <c r="BA605" s="162"/>
      <c r="BB605" s="162"/>
      <c r="BC605" s="162"/>
      <c r="BD605" s="162"/>
      <c r="BE605" s="162"/>
      <c r="BF605" s="162"/>
      <c r="BG605" s="162"/>
      <c r="BH605" s="162"/>
      <c r="BI605" s="162"/>
      <c r="BJ605" s="162"/>
      <c r="BK605" s="162"/>
      <c r="BL605" s="162"/>
      <c r="BM605" s="162"/>
      <c r="BN605" s="162"/>
      <c r="BO605" s="162"/>
      <c r="BP605" s="162"/>
      <c r="BQ605" s="162"/>
      <c r="BR605" s="162"/>
      <c r="BS605" s="162"/>
      <c r="BT605" s="162"/>
      <c r="BU605" s="162"/>
      <c r="BV605" s="162"/>
      <c r="BW605" s="162"/>
      <c r="BX605" s="162"/>
      <c r="BY605" s="162"/>
      <c r="BZ605" s="162"/>
      <c r="CA605" s="162"/>
      <c r="CB605" s="162"/>
      <c r="CC605" s="162"/>
      <c r="CD605" s="162"/>
      <c r="CE605" s="162"/>
      <c r="CF605" s="162"/>
      <c r="CG605" s="162"/>
      <c r="CH605" s="162"/>
      <c r="CI605" s="162"/>
      <c r="CJ605" s="162"/>
      <c r="CK605" s="162"/>
      <c r="CX605" s="98"/>
      <c r="DL605" s="97"/>
      <c r="DX605" s="98"/>
      <c r="EL605" s="97"/>
      <c r="EX605" s="98"/>
      <c r="EY605" s="97"/>
      <c r="FL605" s="126"/>
      <c r="FM605" s="91"/>
      <c r="FN605" s="91"/>
      <c r="FO605" s="91"/>
      <c r="FP605" s="91"/>
      <c r="FQ605" s="91"/>
      <c r="FR605" s="91"/>
      <c r="FS605" s="91"/>
      <c r="FT605" s="91"/>
      <c r="FU605" s="91"/>
      <c r="FV605" s="91"/>
      <c r="FW605" s="91"/>
      <c r="FX605" s="91"/>
      <c r="FY605" s="91"/>
      <c r="FZ605" s="91"/>
      <c r="GA605" s="91"/>
      <c r="GB605" s="91"/>
      <c r="GC605" s="91"/>
      <c r="GD605" s="91"/>
      <c r="GE605" s="91"/>
      <c r="GF605" s="91"/>
      <c r="GG605" s="91"/>
      <c r="GH605" s="91"/>
      <c r="GI605" s="91"/>
      <c r="GJ605" s="91"/>
      <c r="GK605" s="127"/>
      <c r="GL605" s="126"/>
      <c r="GM605" s="91"/>
      <c r="GN605" s="91"/>
      <c r="GO605" s="91"/>
      <c r="GP605" s="91"/>
      <c r="GQ605" s="91"/>
      <c r="GR605" s="91"/>
      <c r="GS605" s="91"/>
      <c r="GT605" s="91"/>
      <c r="GU605" s="91"/>
      <c r="GV605" s="91"/>
      <c r="GW605" s="91"/>
      <c r="GX605" s="91"/>
      <c r="GY605" s="91"/>
      <c r="GZ605" s="91"/>
      <c r="HA605" s="91"/>
      <c r="HB605" s="91"/>
      <c r="HC605" s="91"/>
      <c r="HD605" s="91"/>
      <c r="HE605" s="91"/>
      <c r="HF605" s="91"/>
      <c r="HG605" s="91"/>
      <c r="HH605" s="91"/>
      <c r="HI605" s="91"/>
      <c r="HJ605" s="91"/>
      <c r="HK605" s="127"/>
      <c r="HL605" s="126"/>
      <c r="HM605" s="91"/>
      <c r="HN605" s="91"/>
      <c r="HO605" s="91"/>
      <c r="HP605" s="91"/>
      <c r="HQ605" s="91"/>
      <c r="HR605" s="91"/>
      <c r="HS605" s="91"/>
      <c r="HT605" s="91"/>
      <c r="HU605" s="91"/>
      <c r="HV605" s="91"/>
      <c r="HW605" s="91"/>
      <c r="HX605" s="91"/>
      <c r="HY605" s="91"/>
      <c r="HZ605" s="91"/>
      <c r="IA605" s="91"/>
      <c r="IB605" s="91"/>
      <c r="IC605" s="91"/>
      <c r="ID605" s="91"/>
      <c r="IE605" s="91"/>
      <c r="IF605" s="91"/>
      <c r="IG605" s="91"/>
      <c r="IH605" s="91"/>
      <c r="II605" s="91"/>
      <c r="IJ605" s="91"/>
      <c r="IK605" s="127"/>
    </row>
    <row r="606" spans="2:245" x14ac:dyDescent="0.2">
      <c r="B606" s="43"/>
      <c r="C606" s="73"/>
      <c r="D606" s="64"/>
      <c r="E606" s="64"/>
      <c r="F606" s="55"/>
      <c r="G606" s="102"/>
      <c r="H606" s="55"/>
      <c r="I606" s="55"/>
      <c r="J606" s="55"/>
      <c r="K606" s="55"/>
      <c r="L606" s="55"/>
      <c r="M606" s="55"/>
      <c r="N606" s="55"/>
      <c r="O606" s="55"/>
      <c r="P606" s="55"/>
      <c r="Q606" s="55"/>
      <c r="R606" s="55"/>
      <c r="S606" s="55"/>
      <c r="T606" s="55"/>
      <c r="U606" s="55"/>
      <c r="V606" s="55"/>
      <c r="W606" s="55"/>
      <c r="X606" s="55"/>
      <c r="Y606" s="55"/>
      <c r="Z606" s="55"/>
      <c r="AA606" s="55"/>
      <c r="AB606" s="55"/>
      <c r="AC606" s="55"/>
      <c r="AD606" s="55"/>
      <c r="AE606" s="55"/>
      <c r="AF606" s="55"/>
      <c r="AG606" s="55"/>
      <c r="AY606" s="162"/>
      <c r="AZ606" s="162"/>
      <c r="BA606" s="162"/>
      <c r="BB606" s="162"/>
      <c r="BC606" s="162"/>
      <c r="BD606" s="162"/>
      <c r="BE606" s="162"/>
      <c r="BF606" s="162"/>
      <c r="BG606" s="162"/>
      <c r="BH606" s="162"/>
      <c r="BI606" s="162"/>
      <c r="BJ606" s="162"/>
      <c r="BK606" s="162"/>
      <c r="BL606" s="162"/>
      <c r="BM606" s="162"/>
      <c r="BN606" s="162"/>
      <c r="BO606" s="162"/>
      <c r="BP606" s="162"/>
      <c r="BQ606" s="162"/>
      <c r="BR606" s="162"/>
      <c r="BS606" s="162"/>
      <c r="BT606" s="162"/>
      <c r="BU606" s="162"/>
      <c r="BV606" s="162"/>
      <c r="BW606" s="162"/>
      <c r="BX606" s="162"/>
      <c r="BY606" s="162"/>
      <c r="BZ606" s="162"/>
      <c r="CA606" s="162"/>
      <c r="CB606" s="162"/>
      <c r="CC606" s="162"/>
      <c r="CD606" s="162"/>
      <c r="CE606" s="162"/>
      <c r="CF606" s="162"/>
      <c r="CG606" s="162"/>
      <c r="CH606" s="162"/>
      <c r="CI606" s="162"/>
      <c r="CJ606" s="162"/>
      <c r="CK606" s="162"/>
      <c r="CX606" s="98"/>
      <c r="DL606" s="97"/>
      <c r="DX606" s="98"/>
      <c r="EL606" s="97"/>
      <c r="EX606" s="98"/>
      <c r="EY606" s="97"/>
      <c r="FL606" s="126"/>
      <c r="FM606" s="91"/>
      <c r="FN606" s="91"/>
      <c r="FO606" s="91"/>
      <c r="FP606" s="91"/>
      <c r="FQ606" s="91"/>
      <c r="FR606" s="91"/>
      <c r="FS606" s="91"/>
      <c r="FT606" s="91"/>
      <c r="FU606" s="91"/>
      <c r="FV606" s="91"/>
      <c r="FW606" s="91"/>
      <c r="FX606" s="91"/>
      <c r="FY606" s="91"/>
      <c r="FZ606" s="91"/>
      <c r="GA606" s="91"/>
      <c r="GB606" s="91"/>
      <c r="GC606" s="91"/>
      <c r="GD606" s="91"/>
      <c r="GE606" s="91"/>
      <c r="GF606" s="91"/>
      <c r="GG606" s="91"/>
      <c r="GH606" s="91"/>
      <c r="GI606" s="91"/>
      <c r="GJ606" s="91"/>
      <c r="GK606" s="127"/>
      <c r="GL606" s="126"/>
      <c r="GM606" s="91"/>
      <c r="GN606" s="91"/>
      <c r="GO606" s="91"/>
      <c r="GP606" s="91"/>
      <c r="GQ606" s="91"/>
      <c r="GR606" s="91"/>
      <c r="GS606" s="91"/>
      <c r="GT606" s="91"/>
      <c r="GU606" s="91"/>
      <c r="GV606" s="91"/>
      <c r="GW606" s="91"/>
      <c r="GX606" s="91"/>
      <c r="GY606" s="91"/>
      <c r="GZ606" s="91"/>
      <c r="HA606" s="91"/>
      <c r="HB606" s="91"/>
      <c r="HC606" s="91"/>
      <c r="HD606" s="91"/>
      <c r="HE606" s="91"/>
      <c r="HF606" s="91"/>
      <c r="HG606" s="91"/>
      <c r="HH606" s="91"/>
      <c r="HI606" s="91"/>
      <c r="HJ606" s="91"/>
      <c r="HK606" s="127"/>
      <c r="HL606" s="126"/>
      <c r="HM606" s="91"/>
      <c r="HN606" s="91"/>
      <c r="HO606" s="91"/>
      <c r="HP606" s="91"/>
      <c r="HQ606" s="91"/>
      <c r="HR606" s="91"/>
      <c r="HS606" s="91"/>
      <c r="HT606" s="91"/>
      <c r="HU606" s="91"/>
      <c r="HV606" s="91"/>
      <c r="HW606" s="91"/>
      <c r="HX606" s="91"/>
      <c r="HY606" s="91"/>
      <c r="HZ606" s="91"/>
      <c r="IA606" s="91"/>
      <c r="IB606" s="91"/>
      <c r="IC606" s="91"/>
      <c r="ID606" s="91"/>
      <c r="IE606" s="91"/>
      <c r="IF606" s="91"/>
      <c r="IG606" s="91"/>
      <c r="IH606" s="91"/>
      <c r="II606" s="91"/>
      <c r="IJ606" s="91"/>
      <c r="IK606" s="127"/>
    </row>
    <row r="607" spans="2:245" x14ac:dyDescent="0.2">
      <c r="B607" s="43"/>
      <c r="C607" s="73"/>
      <c r="D607" s="64"/>
      <c r="E607" s="64"/>
      <c r="F607" s="55"/>
      <c r="G607" s="102"/>
      <c r="H607" s="55"/>
      <c r="I607" s="55"/>
      <c r="J607" s="55"/>
      <c r="K607" s="55"/>
      <c r="L607" s="55"/>
      <c r="M607" s="55"/>
      <c r="N607" s="55"/>
      <c r="O607" s="55"/>
      <c r="P607" s="55"/>
      <c r="Q607" s="55"/>
      <c r="R607" s="55"/>
      <c r="S607" s="55"/>
      <c r="T607" s="55"/>
      <c r="U607" s="55"/>
      <c r="V607" s="55"/>
      <c r="W607" s="55"/>
      <c r="X607" s="55"/>
      <c r="Y607" s="55"/>
      <c r="Z607" s="55"/>
      <c r="AA607" s="55"/>
      <c r="AB607" s="55"/>
      <c r="AC607" s="55"/>
      <c r="AD607" s="55"/>
      <c r="AE607" s="55"/>
      <c r="AF607" s="55"/>
      <c r="AG607" s="55"/>
      <c r="AY607" s="162"/>
      <c r="AZ607" s="162"/>
      <c r="BA607" s="162"/>
      <c r="BB607" s="162"/>
      <c r="BC607" s="162"/>
      <c r="BD607" s="162"/>
      <c r="BE607" s="162"/>
      <c r="BF607" s="162"/>
      <c r="BG607" s="162"/>
      <c r="BH607" s="162"/>
      <c r="BI607" s="162"/>
      <c r="BJ607" s="162"/>
      <c r="BK607" s="162"/>
      <c r="BL607" s="162"/>
      <c r="BM607" s="162"/>
      <c r="BN607" s="162"/>
      <c r="BO607" s="162"/>
      <c r="BP607" s="162"/>
      <c r="BQ607" s="162"/>
      <c r="BR607" s="162"/>
      <c r="BS607" s="162"/>
      <c r="BT607" s="162"/>
      <c r="BU607" s="162"/>
      <c r="BV607" s="162"/>
      <c r="BW607" s="162"/>
      <c r="BX607" s="162"/>
      <c r="BY607" s="162"/>
      <c r="BZ607" s="162"/>
      <c r="CA607" s="162"/>
      <c r="CB607" s="162"/>
      <c r="CC607" s="162"/>
      <c r="CD607" s="162"/>
      <c r="CE607" s="162"/>
      <c r="CF607" s="162"/>
      <c r="CG607" s="162"/>
      <c r="CH607" s="162"/>
      <c r="CI607" s="162"/>
      <c r="CJ607" s="162"/>
      <c r="CK607" s="162"/>
      <c r="CX607" s="98"/>
      <c r="DL607" s="97"/>
      <c r="DX607" s="98"/>
      <c r="EL607" s="97"/>
      <c r="EX607" s="98"/>
      <c r="EY607" s="97"/>
      <c r="FL607" s="126"/>
      <c r="FM607" s="91"/>
      <c r="FN607" s="91"/>
      <c r="FO607" s="91"/>
      <c r="FP607" s="91"/>
      <c r="FQ607" s="91"/>
      <c r="FR607" s="91"/>
      <c r="FS607" s="91"/>
      <c r="FT607" s="91"/>
      <c r="FU607" s="91"/>
      <c r="FV607" s="91"/>
      <c r="FW607" s="91"/>
      <c r="FX607" s="91"/>
      <c r="FY607" s="91"/>
      <c r="FZ607" s="91"/>
      <c r="GA607" s="91"/>
      <c r="GB607" s="91"/>
      <c r="GC607" s="91"/>
      <c r="GD607" s="91"/>
      <c r="GE607" s="91"/>
      <c r="GF607" s="91"/>
      <c r="GG607" s="91"/>
      <c r="GH607" s="91"/>
      <c r="GI607" s="91"/>
      <c r="GJ607" s="91"/>
      <c r="GK607" s="127"/>
      <c r="GL607" s="126"/>
      <c r="GM607" s="91"/>
      <c r="GN607" s="91"/>
      <c r="GO607" s="91"/>
      <c r="GP607" s="91"/>
      <c r="GQ607" s="91"/>
      <c r="GR607" s="91"/>
      <c r="GS607" s="91"/>
      <c r="GT607" s="91"/>
      <c r="GU607" s="91"/>
      <c r="GV607" s="91"/>
      <c r="GW607" s="91"/>
      <c r="GX607" s="91"/>
      <c r="GY607" s="91"/>
      <c r="GZ607" s="91"/>
      <c r="HA607" s="91"/>
      <c r="HB607" s="91"/>
      <c r="HC607" s="91"/>
      <c r="HD607" s="91"/>
      <c r="HE607" s="91"/>
      <c r="HF607" s="91"/>
      <c r="HG607" s="91"/>
      <c r="HH607" s="91"/>
      <c r="HI607" s="91"/>
      <c r="HJ607" s="91"/>
      <c r="HK607" s="127"/>
      <c r="HL607" s="126"/>
      <c r="HM607" s="91"/>
      <c r="HN607" s="91"/>
      <c r="HO607" s="91"/>
      <c r="HP607" s="91"/>
      <c r="HQ607" s="91"/>
      <c r="HR607" s="91"/>
      <c r="HS607" s="91"/>
      <c r="HT607" s="91"/>
      <c r="HU607" s="91"/>
      <c r="HV607" s="91"/>
      <c r="HW607" s="91"/>
      <c r="HX607" s="91"/>
      <c r="HY607" s="91"/>
      <c r="HZ607" s="91"/>
      <c r="IA607" s="91"/>
      <c r="IB607" s="91"/>
      <c r="IC607" s="91"/>
      <c r="ID607" s="91"/>
      <c r="IE607" s="91"/>
      <c r="IF607" s="91"/>
      <c r="IG607" s="91"/>
      <c r="IH607" s="91"/>
      <c r="II607" s="91"/>
      <c r="IJ607" s="91"/>
      <c r="IK607" s="127"/>
    </row>
    <row r="608" spans="2:245" x14ac:dyDescent="0.2">
      <c r="B608" s="43"/>
      <c r="C608" s="73"/>
      <c r="D608" s="64"/>
      <c r="E608" s="64"/>
      <c r="F608" s="55"/>
      <c r="G608" s="102"/>
      <c r="H608" s="55"/>
      <c r="I608" s="55"/>
      <c r="J608" s="55"/>
      <c r="K608" s="55"/>
      <c r="L608" s="55"/>
      <c r="M608" s="55"/>
      <c r="N608" s="55"/>
      <c r="O608" s="55"/>
      <c r="P608" s="55"/>
      <c r="Q608" s="55"/>
      <c r="R608" s="55"/>
      <c r="S608" s="55"/>
      <c r="T608" s="55"/>
      <c r="U608" s="55"/>
      <c r="V608" s="55"/>
      <c r="W608" s="55"/>
      <c r="X608" s="55"/>
      <c r="Y608" s="55"/>
      <c r="Z608" s="55"/>
      <c r="AA608" s="55"/>
      <c r="AB608" s="55"/>
      <c r="AC608" s="55"/>
      <c r="AD608" s="55"/>
      <c r="AE608" s="55"/>
      <c r="AF608" s="55"/>
      <c r="AG608" s="55"/>
      <c r="AY608" s="162"/>
      <c r="AZ608" s="162"/>
      <c r="BA608" s="162"/>
      <c r="BB608" s="162"/>
      <c r="BC608" s="162"/>
      <c r="BD608" s="162"/>
      <c r="BE608" s="162"/>
      <c r="BF608" s="162"/>
      <c r="BG608" s="162"/>
      <c r="BH608" s="162"/>
      <c r="BI608" s="162"/>
      <c r="BJ608" s="162"/>
      <c r="BK608" s="162"/>
      <c r="BL608" s="162"/>
      <c r="BM608" s="162"/>
      <c r="BN608" s="162"/>
      <c r="BO608" s="162"/>
      <c r="BP608" s="162"/>
      <c r="BQ608" s="162"/>
      <c r="BR608" s="162"/>
      <c r="BS608" s="162"/>
      <c r="BT608" s="162"/>
      <c r="BU608" s="162"/>
      <c r="BV608" s="162"/>
      <c r="BW608" s="162"/>
      <c r="BX608" s="162"/>
      <c r="BY608" s="162"/>
      <c r="BZ608" s="162"/>
      <c r="CA608" s="162"/>
      <c r="CB608" s="162"/>
      <c r="CC608" s="162"/>
      <c r="CD608" s="162"/>
      <c r="CE608" s="162"/>
      <c r="CF608" s="162"/>
      <c r="CG608" s="162"/>
      <c r="CH608" s="162"/>
      <c r="CI608" s="162"/>
      <c r="CJ608" s="162"/>
      <c r="CK608" s="162"/>
      <c r="CX608" s="98"/>
      <c r="DL608" s="97"/>
      <c r="DX608" s="98"/>
      <c r="EL608" s="97"/>
      <c r="EX608" s="98"/>
      <c r="EY608" s="97"/>
      <c r="FL608" s="126"/>
      <c r="FM608" s="91"/>
      <c r="FN608" s="91"/>
      <c r="FO608" s="91"/>
      <c r="FP608" s="91"/>
      <c r="FQ608" s="91"/>
      <c r="FR608" s="91"/>
      <c r="FS608" s="91"/>
      <c r="FT608" s="91"/>
      <c r="FU608" s="91"/>
      <c r="FV608" s="91"/>
      <c r="FW608" s="91"/>
      <c r="FX608" s="91"/>
      <c r="FY608" s="91"/>
      <c r="FZ608" s="91"/>
      <c r="GA608" s="91"/>
      <c r="GB608" s="91"/>
      <c r="GC608" s="91"/>
      <c r="GD608" s="91"/>
      <c r="GE608" s="91"/>
      <c r="GF608" s="91"/>
      <c r="GG608" s="91"/>
      <c r="GH608" s="91"/>
      <c r="GI608" s="91"/>
      <c r="GJ608" s="91"/>
      <c r="GK608" s="127"/>
      <c r="GL608" s="126"/>
      <c r="GM608" s="91"/>
      <c r="GN608" s="91"/>
      <c r="GO608" s="91"/>
      <c r="GP608" s="91"/>
      <c r="GQ608" s="91"/>
      <c r="GR608" s="91"/>
      <c r="GS608" s="91"/>
      <c r="GT608" s="91"/>
      <c r="GU608" s="91"/>
      <c r="GV608" s="91"/>
      <c r="GW608" s="91"/>
      <c r="GX608" s="91"/>
      <c r="GY608" s="91"/>
      <c r="GZ608" s="91"/>
      <c r="HA608" s="91"/>
      <c r="HB608" s="91"/>
      <c r="HC608" s="91"/>
      <c r="HD608" s="91"/>
      <c r="HE608" s="91"/>
      <c r="HF608" s="91"/>
      <c r="HG608" s="91"/>
      <c r="HH608" s="91"/>
      <c r="HI608" s="91"/>
      <c r="HJ608" s="91"/>
      <c r="HK608" s="127"/>
      <c r="HL608" s="126"/>
      <c r="HM608" s="91"/>
      <c r="HN608" s="91"/>
      <c r="HO608" s="91"/>
      <c r="HP608" s="91"/>
      <c r="HQ608" s="91"/>
      <c r="HR608" s="91"/>
      <c r="HS608" s="91"/>
      <c r="HT608" s="91"/>
      <c r="HU608" s="91"/>
      <c r="HV608" s="91"/>
      <c r="HW608" s="91"/>
      <c r="HX608" s="91"/>
      <c r="HY608" s="91"/>
      <c r="HZ608" s="91"/>
      <c r="IA608" s="91"/>
      <c r="IB608" s="91"/>
      <c r="IC608" s="91"/>
      <c r="ID608" s="91"/>
      <c r="IE608" s="91"/>
      <c r="IF608" s="91"/>
      <c r="IG608" s="91"/>
      <c r="IH608" s="91"/>
      <c r="II608" s="91"/>
      <c r="IJ608" s="91"/>
      <c r="IK608" s="127"/>
    </row>
    <row r="609" spans="2:245" x14ac:dyDescent="0.2">
      <c r="B609" s="43"/>
      <c r="C609" s="73"/>
      <c r="D609" s="64"/>
      <c r="E609" s="64"/>
      <c r="F609" s="55"/>
      <c r="G609" s="102"/>
      <c r="H609" s="55"/>
      <c r="I609" s="55"/>
      <c r="J609" s="55"/>
      <c r="K609" s="55"/>
      <c r="L609" s="55"/>
      <c r="M609" s="55"/>
      <c r="N609" s="55"/>
      <c r="O609" s="55"/>
      <c r="P609" s="55"/>
      <c r="Q609" s="55"/>
      <c r="R609" s="55"/>
      <c r="S609" s="55"/>
      <c r="T609" s="55"/>
      <c r="U609" s="55"/>
      <c r="V609" s="55"/>
      <c r="W609" s="55"/>
      <c r="X609" s="55"/>
      <c r="Y609" s="55"/>
      <c r="Z609" s="55"/>
      <c r="AA609" s="55"/>
      <c r="AB609" s="55"/>
      <c r="AC609" s="55"/>
      <c r="AD609" s="55"/>
      <c r="AE609" s="55"/>
      <c r="AF609" s="55"/>
      <c r="AG609" s="55"/>
      <c r="AY609" s="162"/>
      <c r="AZ609" s="162"/>
      <c r="BA609" s="162"/>
      <c r="BB609" s="162"/>
      <c r="BC609" s="162"/>
      <c r="BD609" s="162"/>
      <c r="BE609" s="162"/>
      <c r="BF609" s="162"/>
      <c r="BG609" s="162"/>
      <c r="BH609" s="162"/>
      <c r="BI609" s="162"/>
      <c r="BJ609" s="162"/>
      <c r="BK609" s="162"/>
      <c r="BL609" s="162"/>
      <c r="BM609" s="162"/>
      <c r="BN609" s="162"/>
      <c r="BO609" s="162"/>
      <c r="BP609" s="162"/>
      <c r="BQ609" s="162"/>
      <c r="BR609" s="162"/>
      <c r="BS609" s="162"/>
      <c r="BT609" s="162"/>
      <c r="BU609" s="162"/>
      <c r="BV609" s="162"/>
      <c r="BW609" s="162"/>
      <c r="BX609" s="162"/>
      <c r="BY609" s="162"/>
      <c r="BZ609" s="162"/>
      <c r="CA609" s="162"/>
      <c r="CB609" s="162"/>
      <c r="CC609" s="162"/>
      <c r="CD609" s="162"/>
      <c r="CE609" s="162"/>
      <c r="CF609" s="162"/>
      <c r="CG609" s="162"/>
      <c r="CH609" s="162"/>
      <c r="CI609" s="162"/>
      <c r="CJ609" s="162"/>
      <c r="CK609" s="162"/>
      <c r="CX609" s="98"/>
      <c r="DL609" s="97"/>
      <c r="DX609" s="98"/>
      <c r="EL609" s="97"/>
      <c r="EX609" s="98"/>
      <c r="EY609" s="97"/>
      <c r="FL609" s="126"/>
      <c r="FM609" s="91"/>
      <c r="FN609" s="91"/>
      <c r="FO609" s="91"/>
      <c r="FP609" s="91"/>
      <c r="FQ609" s="91"/>
      <c r="FR609" s="91"/>
      <c r="FS609" s="91"/>
      <c r="FT609" s="91"/>
      <c r="FU609" s="91"/>
      <c r="FV609" s="91"/>
      <c r="FW609" s="91"/>
      <c r="FX609" s="91"/>
      <c r="FY609" s="91"/>
      <c r="FZ609" s="91"/>
      <c r="GA609" s="91"/>
      <c r="GB609" s="91"/>
      <c r="GC609" s="91"/>
      <c r="GD609" s="91"/>
      <c r="GE609" s="91"/>
      <c r="GF609" s="91"/>
      <c r="GG609" s="91"/>
      <c r="GH609" s="91"/>
      <c r="GI609" s="91"/>
      <c r="GJ609" s="91"/>
      <c r="GK609" s="127"/>
      <c r="GL609" s="126"/>
      <c r="GM609" s="91"/>
      <c r="GN609" s="91"/>
      <c r="GO609" s="91"/>
      <c r="GP609" s="91"/>
      <c r="GQ609" s="91"/>
      <c r="GR609" s="91"/>
      <c r="GS609" s="91"/>
      <c r="GT609" s="91"/>
      <c r="GU609" s="91"/>
      <c r="GV609" s="91"/>
      <c r="GW609" s="91"/>
      <c r="GX609" s="91"/>
      <c r="GY609" s="91"/>
      <c r="GZ609" s="91"/>
      <c r="HA609" s="91"/>
      <c r="HB609" s="91"/>
      <c r="HC609" s="91"/>
      <c r="HD609" s="91"/>
      <c r="HE609" s="91"/>
      <c r="HF609" s="91"/>
      <c r="HG609" s="91"/>
      <c r="HH609" s="91"/>
      <c r="HI609" s="91"/>
      <c r="HJ609" s="91"/>
      <c r="HK609" s="127"/>
      <c r="HL609" s="126"/>
      <c r="HM609" s="91"/>
      <c r="HN609" s="91"/>
      <c r="HO609" s="91"/>
      <c r="HP609" s="91"/>
      <c r="HQ609" s="91"/>
      <c r="HR609" s="91"/>
      <c r="HS609" s="91"/>
      <c r="HT609" s="91"/>
      <c r="HU609" s="91"/>
      <c r="HV609" s="91"/>
      <c r="HW609" s="91"/>
      <c r="HX609" s="91"/>
      <c r="HY609" s="91"/>
      <c r="HZ609" s="91"/>
      <c r="IA609" s="91"/>
      <c r="IB609" s="91"/>
      <c r="IC609" s="91"/>
      <c r="ID609" s="91"/>
      <c r="IE609" s="91"/>
      <c r="IF609" s="91"/>
      <c r="IG609" s="91"/>
      <c r="IH609" s="91"/>
      <c r="II609" s="91"/>
      <c r="IJ609" s="91"/>
      <c r="IK609" s="127"/>
    </row>
    <row r="610" spans="2:245" x14ac:dyDescent="0.2">
      <c r="B610" s="43"/>
      <c r="C610" s="73"/>
      <c r="D610" s="64"/>
      <c r="E610" s="64"/>
      <c r="F610" s="55"/>
      <c r="G610" s="102"/>
      <c r="H610" s="55"/>
      <c r="I610" s="55"/>
      <c r="J610" s="55"/>
      <c r="K610" s="55"/>
      <c r="L610" s="55"/>
      <c r="M610" s="55"/>
      <c r="N610" s="55"/>
      <c r="O610" s="55"/>
      <c r="P610" s="55"/>
      <c r="Q610" s="55"/>
      <c r="R610" s="55"/>
      <c r="S610" s="55"/>
      <c r="T610" s="55"/>
      <c r="U610" s="55"/>
      <c r="V610" s="55"/>
      <c r="W610" s="55"/>
      <c r="X610" s="55"/>
      <c r="Y610" s="55"/>
      <c r="Z610" s="55"/>
      <c r="AA610" s="55"/>
      <c r="AB610" s="55"/>
      <c r="AC610" s="55"/>
      <c r="AD610" s="55"/>
      <c r="AE610" s="55"/>
      <c r="AF610" s="55"/>
      <c r="AG610" s="55"/>
      <c r="AY610" s="162"/>
      <c r="AZ610" s="162"/>
      <c r="BA610" s="162"/>
      <c r="BB610" s="162"/>
      <c r="BC610" s="162"/>
      <c r="BD610" s="162"/>
      <c r="BE610" s="162"/>
      <c r="BF610" s="162"/>
      <c r="BG610" s="162"/>
      <c r="BH610" s="162"/>
      <c r="BI610" s="162"/>
      <c r="BJ610" s="162"/>
      <c r="BK610" s="162"/>
      <c r="BL610" s="162"/>
      <c r="BM610" s="162"/>
      <c r="BN610" s="162"/>
      <c r="BO610" s="162"/>
      <c r="BP610" s="162"/>
      <c r="BQ610" s="162"/>
      <c r="BR610" s="162"/>
      <c r="BS610" s="162"/>
      <c r="BT610" s="162"/>
      <c r="BU610" s="162"/>
      <c r="BV610" s="162"/>
      <c r="BW610" s="162"/>
      <c r="BX610" s="162"/>
      <c r="BY610" s="162"/>
      <c r="BZ610" s="162"/>
      <c r="CA610" s="162"/>
      <c r="CB610" s="162"/>
      <c r="CC610" s="162"/>
      <c r="CD610" s="162"/>
      <c r="CE610" s="162"/>
      <c r="CF610" s="162"/>
      <c r="CG610" s="162"/>
      <c r="CH610" s="162"/>
      <c r="CI610" s="162"/>
      <c r="CJ610" s="162"/>
      <c r="CK610" s="162"/>
      <c r="CX610" s="98"/>
      <c r="DL610" s="97"/>
      <c r="DX610" s="98"/>
      <c r="EL610" s="97"/>
      <c r="EX610" s="98"/>
      <c r="EY610" s="97"/>
      <c r="FL610" s="126"/>
      <c r="FM610" s="91"/>
      <c r="FN610" s="91"/>
      <c r="FO610" s="91"/>
      <c r="FP610" s="91"/>
      <c r="FQ610" s="91"/>
      <c r="FR610" s="91"/>
      <c r="FS610" s="91"/>
      <c r="FT610" s="91"/>
      <c r="FU610" s="91"/>
      <c r="FV610" s="91"/>
      <c r="FW610" s="91"/>
      <c r="FX610" s="91"/>
      <c r="FY610" s="91"/>
      <c r="FZ610" s="91"/>
      <c r="GA610" s="91"/>
      <c r="GB610" s="91"/>
      <c r="GC610" s="91"/>
      <c r="GD610" s="91"/>
      <c r="GE610" s="91"/>
      <c r="GF610" s="91"/>
      <c r="GG610" s="91"/>
      <c r="GH610" s="91"/>
      <c r="GI610" s="91"/>
      <c r="GJ610" s="91"/>
      <c r="GK610" s="127"/>
      <c r="GL610" s="126"/>
      <c r="GM610" s="91"/>
      <c r="GN610" s="91"/>
      <c r="GO610" s="91"/>
      <c r="GP610" s="91"/>
      <c r="GQ610" s="91"/>
      <c r="GR610" s="91"/>
      <c r="GS610" s="91"/>
      <c r="GT610" s="91"/>
      <c r="GU610" s="91"/>
      <c r="GV610" s="91"/>
      <c r="GW610" s="91"/>
      <c r="GX610" s="91"/>
      <c r="GY610" s="91"/>
      <c r="GZ610" s="91"/>
      <c r="HA610" s="91"/>
      <c r="HB610" s="91"/>
      <c r="HC610" s="91"/>
      <c r="HD610" s="91"/>
      <c r="HE610" s="91"/>
      <c r="HF610" s="91"/>
      <c r="HG610" s="91"/>
      <c r="HH610" s="91"/>
      <c r="HI610" s="91"/>
      <c r="HJ610" s="91"/>
      <c r="HK610" s="127"/>
      <c r="HL610" s="126"/>
      <c r="HM610" s="91"/>
      <c r="HN610" s="91"/>
      <c r="HO610" s="91"/>
      <c r="HP610" s="91"/>
      <c r="HQ610" s="91"/>
      <c r="HR610" s="91"/>
      <c r="HS610" s="91"/>
      <c r="HT610" s="91"/>
      <c r="HU610" s="91"/>
      <c r="HV610" s="91"/>
      <c r="HW610" s="91"/>
      <c r="HX610" s="91"/>
      <c r="HY610" s="91"/>
      <c r="HZ610" s="91"/>
      <c r="IA610" s="91"/>
      <c r="IB610" s="91"/>
      <c r="IC610" s="91"/>
      <c r="ID610" s="91"/>
      <c r="IE610" s="91"/>
      <c r="IF610" s="91"/>
      <c r="IG610" s="91"/>
      <c r="IH610" s="91"/>
      <c r="II610" s="91"/>
      <c r="IJ610" s="91"/>
      <c r="IK610" s="127"/>
    </row>
    <row r="611" spans="2:245" x14ac:dyDescent="0.2">
      <c r="B611" s="43"/>
      <c r="C611" s="73"/>
      <c r="D611" s="64"/>
      <c r="E611" s="64"/>
      <c r="F611" s="55"/>
      <c r="G611" s="102"/>
      <c r="H611" s="55"/>
      <c r="I611" s="55"/>
      <c r="J611" s="55"/>
      <c r="K611" s="55"/>
      <c r="L611" s="55"/>
      <c r="M611" s="55"/>
      <c r="N611" s="55"/>
      <c r="O611" s="55"/>
      <c r="P611" s="55"/>
      <c r="Q611" s="55"/>
      <c r="R611" s="55"/>
      <c r="S611" s="55"/>
      <c r="T611" s="55"/>
      <c r="U611" s="55"/>
      <c r="V611" s="55"/>
      <c r="W611" s="55"/>
      <c r="X611" s="55"/>
      <c r="Y611" s="55"/>
      <c r="Z611" s="55"/>
      <c r="AA611" s="55"/>
      <c r="AB611" s="55"/>
      <c r="AC611" s="55"/>
      <c r="AD611" s="55"/>
      <c r="AE611" s="55"/>
      <c r="AF611" s="55"/>
      <c r="AG611" s="55"/>
      <c r="AY611" s="162"/>
      <c r="AZ611" s="162"/>
      <c r="BA611" s="162"/>
      <c r="BB611" s="162"/>
      <c r="BC611" s="162"/>
      <c r="BD611" s="162"/>
      <c r="BE611" s="162"/>
      <c r="BF611" s="162"/>
      <c r="BG611" s="162"/>
      <c r="BH611" s="162"/>
      <c r="BI611" s="162"/>
      <c r="BJ611" s="162"/>
      <c r="BK611" s="162"/>
      <c r="BL611" s="162"/>
      <c r="BM611" s="162"/>
      <c r="BN611" s="162"/>
      <c r="BO611" s="162"/>
      <c r="BP611" s="162"/>
      <c r="BQ611" s="162"/>
      <c r="BR611" s="162"/>
      <c r="BS611" s="162"/>
      <c r="BT611" s="162"/>
      <c r="BU611" s="162"/>
      <c r="BV611" s="162"/>
      <c r="BW611" s="162"/>
      <c r="BX611" s="162"/>
      <c r="BY611" s="162"/>
      <c r="BZ611" s="162"/>
      <c r="CA611" s="162"/>
      <c r="CB611" s="162"/>
      <c r="CC611" s="162"/>
      <c r="CD611" s="162"/>
      <c r="CE611" s="162"/>
      <c r="CF611" s="162"/>
      <c r="CG611" s="162"/>
      <c r="CH611" s="162"/>
      <c r="CI611" s="162"/>
      <c r="CJ611" s="162"/>
      <c r="CK611" s="162"/>
      <c r="CX611" s="98"/>
      <c r="DL611" s="97"/>
      <c r="DX611" s="98"/>
      <c r="EL611" s="97"/>
      <c r="EX611" s="98"/>
      <c r="EY611" s="97"/>
      <c r="FL611" s="126"/>
      <c r="FM611" s="91"/>
      <c r="FN611" s="91"/>
      <c r="FO611" s="91"/>
      <c r="FP611" s="91"/>
      <c r="FQ611" s="91"/>
      <c r="FR611" s="91"/>
      <c r="FS611" s="91"/>
      <c r="FT611" s="91"/>
      <c r="FU611" s="91"/>
      <c r="FV611" s="91"/>
      <c r="FW611" s="91"/>
      <c r="FX611" s="91"/>
      <c r="FY611" s="91"/>
      <c r="FZ611" s="91"/>
      <c r="GA611" s="91"/>
      <c r="GB611" s="91"/>
      <c r="GC611" s="91"/>
      <c r="GD611" s="91"/>
      <c r="GE611" s="91"/>
      <c r="GF611" s="91"/>
      <c r="GG611" s="91"/>
      <c r="GH611" s="91"/>
      <c r="GI611" s="91"/>
      <c r="GJ611" s="91"/>
      <c r="GK611" s="127"/>
      <c r="GL611" s="126"/>
      <c r="GM611" s="91"/>
      <c r="GN611" s="91"/>
      <c r="GO611" s="91"/>
      <c r="GP611" s="91"/>
      <c r="GQ611" s="91"/>
      <c r="GR611" s="91"/>
      <c r="GS611" s="91"/>
      <c r="GT611" s="91"/>
      <c r="GU611" s="91"/>
      <c r="GV611" s="91"/>
      <c r="GW611" s="91"/>
      <c r="GX611" s="91"/>
      <c r="GY611" s="91"/>
      <c r="GZ611" s="91"/>
      <c r="HA611" s="91"/>
      <c r="HB611" s="91"/>
      <c r="HC611" s="91"/>
      <c r="HD611" s="91"/>
      <c r="HE611" s="91"/>
      <c r="HF611" s="91"/>
      <c r="HG611" s="91"/>
      <c r="HH611" s="91"/>
      <c r="HI611" s="91"/>
      <c r="HJ611" s="91"/>
      <c r="HK611" s="127"/>
      <c r="HL611" s="126"/>
      <c r="HM611" s="91"/>
      <c r="HN611" s="91"/>
      <c r="HO611" s="91"/>
      <c r="HP611" s="91"/>
      <c r="HQ611" s="91"/>
      <c r="HR611" s="91"/>
      <c r="HS611" s="91"/>
      <c r="HT611" s="91"/>
      <c r="HU611" s="91"/>
      <c r="HV611" s="91"/>
      <c r="HW611" s="91"/>
      <c r="HX611" s="91"/>
      <c r="HY611" s="91"/>
      <c r="HZ611" s="91"/>
      <c r="IA611" s="91"/>
      <c r="IB611" s="91"/>
      <c r="IC611" s="91"/>
      <c r="ID611" s="91"/>
      <c r="IE611" s="91"/>
      <c r="IF611" s="91"/>
      <c r="IG611" s="91"/>
      <c r="IH611" s="91"/>
      <c r="II611" s="91"/>
      <c r="IJ611" s="91"/>
      <c r="IK611" s="127"/>
    </row>
    <row r="612" spans="2:245" x14ac:dyDescent="0.2">
      <c r="B612" s="43"/>
      <c r="C612" s="73"/>
      <c r="D612" s="64"/>
      <c r="E612" s="64"/>
      <c r="F612" s="55"/>
      <c r="G612" s="102"/>
      <c r="H612" s="55"/>
      <c r="I612" s="55"/>
      <c r="J612" s="55"/>
      <c r="K612" s="55"/>
      <c r="L612" s="55"/>
      <c r="M612" s="55"/>
      <c r="N612" s="55"/>
      <c r="O612" s="55"/>
      <c r="P612" s="55"/>
      <c r="Q612" s="55"/>
      <c r="R612" s="55"/>
      <c r="S612" s="55"/>
      <c r="T612" s="55"/>
      <c r="U612" s="55"/>
      <c r="V612" s="55"/>
      <c r="W612" s="55"/>
      <c r="X612" s="55"/>
      <c r="Y612" s="55"/>
      <c r="Z612" s="55"/>
      <c r="AA612" s="55"/>
      <c r="AB612" s="55"/>
      <c r="AC612" s="55"/>
      <c r="AD612" s="55"/>
      <c r="AE612" s="55"/>
      <c r="AF612" s="55"/>
      <c r="AG612" s="55"/>
      <c r="AY612" s="162"/>
      <c r="AZ612" s="162"/>
      <c r="BA612" s="162"/>
      <c r="BB612" s="162"/>
      <c r="BC612" s="162"/>
      <c r="BD612" s="162"/>
      <c r="BE612" s="162"/>
      <c r="BF612" s="162"/>
      <c r="BG612" s="162"/>
      <c r="BH612" s="162"/>
      <c r="BI612" s="162"/>
      <c r="BJ612" s="162"/>
      <c r="BK612" s="162"/>
      <c r="BL612" s="162"/>
      <c r="BM612" s="162"/>
      <c r="BN612" s="162"/>
      <c r="BO612" s="162"/>
      <c r="BP612" s="162"/>
      <c r="BQ612" s="162"/>
      <c r="BR612" s="162"/>
      <c r="BS612" s="162"/>
      <c r="BT612" s="162"/>
      <c r="BU612" s="162"/>
      <c r="BV612" s="162"/>
      <c r="BW612" s="162"/>
      <c r="BX612" s="162"/>
      <c r="BY612" s="162"/>
      <c r="BZ612" s="162"/>
      <c r="CA612" s="162"/>
      <c r="CB612" s="162"/>
      <c r="CC612" s="162"/>
      <c r="CD612" s="162"/>
      <c r="CE612" s="162"/>
      <c r="CF612" s="162"/>
      <c r="CG612" s="162"/>
      <c r="CH612" s="162"/>
      <c r="CI612" s="162"/>
      <c r="CJ612" s="162"/>
      <c r="CK612" s="162"/>
      <c r="CX612" s="98"/>
      <c r="DL612" s="97"/>
      <c r="DX612" s="98"/>
      <c r="EL612" s="97"/>
      <c r="EX612" s="98"/>
      <c r="EY612" s="97"/>
      <c r="FL612" s="126"/>
      <c r="FM612" s="91"/>
      <c r="FN612" s="91"/>
      <c r="FO612" s="91"/>
      <c r="FP612" s="91"/>
      <c r="FQ612" s="91"/>
      <c r="FR612" s="91"/>
      <c r="FS612" s="91"/>
      <c r="FT612" s="91"/>
      <c r="FU612" s="91"/>
      <c r="FV612" s="91"/>
      <c r="FW612" s="91"/>
      <c r="FX612" s="91"/>
      <c r="FY612" s="91"/>
      <c r="FZ612" s="91"/>
      <c r="GA612" s="91"/>
      <c r="GB612" s="91"/>
      <c r="GC612" s="91"/>
      <c r="GD612" s="91"/>
      <c r="GE612" s="91"/>
      <c r="GF612" s="91"/>
      <c r="GG612" s="91"/>
      <c r="GH612" s="91"/>
      <c r="GI612" s="91"/>
      <c r="GJ612" s="91"/>
      <c r="GK612" s="127"/>
      <c r="GL612" s="126"/>
      <c r="GM612" s="91"/>
      <c r="GN612" s="91"/>
      <c r="GO612" s="91"/>
      <c r="GP612" s="91"/>
      <c r="GQ612" s="91"/>
      <c r="GR612" s="91"/>
      <c r="GS612" s="91"/>
      <c r="GT612" s="91"/>
      <c r="GU612" s="91"/>
      <c r="GV612" s="91"/>
      <c r="GW612" s="91"/>
      <c r="GX612" s="91"/>
      <c r="GY612" s="91"/>
      <c r="GZ612" s="91"/>
      <c r="HA612" s="91"/>
      <c r="HB612" s="91"/>
      <c r="HC612" s="91"/>
      <c r="HD612" s="91"/>
      <c r="HE612" s="91"/>
      <c r="HF612" s="91"/>
      <c r="HG612" s="91"/>
      <c r="HH612" s="91"/>
      <c r="HI612" s="91"/>
      <c r="HJ612" s="91"/>
      <c r="HK612" s="127"/>
      <c r="HL612" s="126"/>
      <c r="HM612" s="91"/>
      <c r="HN612" s="91"/>
      <c r="HO612" s="91"/>
      <c r="HP612" s="91"/>
      <c r="HQ612" s="91"/>
      <c r="HR612" s="91"/>
      <c r="HS612" s="91"/>
      <c r="HT612" s="91"/>
      <c r="HU612" s="91"/>
      <c r="HV612" s="91"/>
      <c r="HW612" s="91"/>
      <c r="HX612" s="91"/>
      <c r="HY612" s="91"/>
      <c r="HZ612" s="91"/>
      <c r="IA612" s="91"/>
      <c r="IB612" s="91"/>
      <c r="IC612" s="91"/>
      <c r="ID612" s="91"/>
      <c r="IE612" s="91"/>
      <c r="IF612" s="91"/>
      <c r="IG612" s="91"/>
      <c r="IH612" s="91"/>
      <c r="II612" s="91"/>
      <c r="IJ612" s="91"/>
      <c r="IK612" s="127"/>
    </row>
    <row r="613" spans="2:245" x14ac:dyDescent="0.2">
      <c r="B613" s="43"/>
      <c r="C613" s="73"/>
      <c r="D613" s="64"/>
      <c r="E613" s="64"/>
      <c r="F613" s="55"/>
      <c r="G613" s="102"/>
      <c r="H613" s="55"/>
      <c r="I613" s="55"/>
      <c r="J613" s="55"/>
      <c r="K613" s="55"/>
      <c r="L613" s="55"/>
      <c r="M613" s="55"/>
      <c r="N613" s="55"/>
      <c r="O613" s="55"/>
      <c r="P613" s="55"/>
      <c r="Q613" s="55"/>
      <c r="R613" s="55"/>
      <c r="S613" s="55"/>
      <c r="T613" s="55"/>
      <c r="U613" s="55"/>
      <c r="V613" s="55"/>
      <c r="W613" s="55"/>
      <c r="X613" s="55"/>
      <c r="Y613" s="55"/>
      <c r="Z613" s="55"/>
      <c r="AA613" s="55"/>
      <c r="AB613" s="55"/>
      <c r="AC613" s="55"/>
      <c r="AD613" s="55"/>
      <c r="AE613" s="55"/>
      <c r="AF613" s="55"/>
      <c r="AG613" s="55"/>
      <c r="AY613" s="162"/>
      <c r="AZ613" s="162"/>
      <c r="BA613" s="162"/>
      <c r="BB613" s="162"/>
      <c r="BC613" s="162"/>
      <c r="BD613" s="162"/>
      <c r="BE613" s="162"/>
      <c r="BF613" s="162"/>
      <c r="BG613" s="162"/>
      <c r="BH613" s="162"/>
      <c r="BI613" s="162"/>
      <c r="BJ613" s="162"/>
      <c r="BK613" s="162"/>
      <c r="BL613" s="162"/>
      <c r="BM613" s="162"/>
      <c r="BN613" s="162"/>
      <c r="BO613" s="162"/>
      <c r="BP613" s="162"/>
      <c r="BQ613" s="162"/>
      <c r="BR613" s="162"/>
      <c r="BS613" s="162"/>
      <c r="BT613" s="162"/>
      <c r="BU613" s="162"/>
      <c r="BV613" s="162"/>
      <c r="BW613" s="162"/>
      <c r="BX613" s="162"/>
      <c r="BY613" s="162"/>
      <c r="BZ613" s="162"/>
      <c r="CA613" s="162"/>
      <c r="CB613" s="162"/>
      <c r="CC613" s="162"/>
      <c r="CD613" s="162"/>
      <c r="CE613" s="162"/>
      <c r="CF613" s="162"/>
      <c r="CG613" s="162"/>
      <c r="CH613" s="162"/>
      <c r="CI613" s="162"/>
      <c r="CJ613" s="162"/>
      <c r="CK613" s="162"/>
      <c r="CX613" s="98"/>
      <c r="DL613" s="97"/>
      <c r="DX613" s="98"/>
      <c r="EL613" s="97"/>
      <c r="EX613" s="98"/>
      <c r="EY613" s="97"/>
      <c r="FL613" s="126"/>
      <c r="FM613" s="91"/>
      <c r="FN613" s="91"/>
      <c r="FO613" s="91"/>
      <c r="FP613" s="91"/>
      <c r="FQ613" s="91"/>
      <c r="FR613" s="91"/>
      <c r="FS613" s="91"/>
      <c r="FT613" s="91"/>
      <c r="FU613" s="91"/>
      <c r="FV613" s="91"/>
      <c r="FW613" s="91"/>
      <c r="FX613" s="91"/>
      <c r="FY613" s="91"/>
      <c r="FZ613" s="91"/>
      <c r="GA613" s="91"/>
      <c r="GB613" s="91"/>
      <c r="GC613" s="91"/>
      <c r="GD613" s="91"/>
      <c r="GE613" s="91"/>
      <c r="GF613" s="91"/>
      <c r="GG613" s="91"/>
      <c r="GH613" s="91"/>
      <c r="GI613" s="91"/>
      <c r="GJ613" s="91"/>
      <c r="GK613" s="127"/>
      <c r="GL613" s="126"/>
      <c r="GM613" s="91"/>
      <c r="GN613" s="91"/>
      <c r="GO613" s="91"/>
      <c r="GP613" s="91"/>
      <c r="GQ613" s="91"/>
      <c r="GR613" s="91"/>
      <c r="GS613" s="91"/>
      <c r="GT613" s="91"/>
      <c r="GU613" s="91"/>
      <c r="GV613" s="91"/>
      <c r="GW613" s="91"/>
      <c r="GX613" s="91"/>
      <c r="GY613" s="91"/>
      <c r="GZ613" s="91"/>
      <c r="HA613" s="91"/>
      <c r="HB613" s="91"/>
      <c r="HC613" s="91"/>
      <c r="HD613" s="91"/>
      <c r="HE613" s="91"/>
      <c r="HF613" s="91"/>
      <c r="HG613" s="91"/>
      <c r="HH613" s="91"/>
      <c r="HI613" s="91"/>
      <c r="HJ613" s="91"/>
      <c r="HK613" s="127"/>
      <c r="HL613" s="126"/>
      <c r="HM613" s="91"/>
      <c r="HN613" s="91"/>
      <c r="HO613" s="91"/>
      <c r="HP613" s="91"/>
      <c r="HQ613" s="91"/>
      <c r="HR613" s="91"/>
      <c r="HS613" s="91"/>
      <c r="HT613" s="91"/>
      <c r="HU613" s="91"/>
      <c r="HV613" s="91"/>
      <c r="HW613" s="91"/>
      <c r="HX613" s="91"/>
      <c r="HY613" s="91"/>
      <c r="HZ613" s="91"/>
      <c r="IA613" s="91"/>
      <c r="IB613" s="91"/>
      <c r="IC613" s="91"/>
      <c r="ID613" s="91"/>
      <c r="IE613" s="91"/>
      <c r="IF613" s="91"/>
      <c r="IG613" s="91"/>
      <c r="IH613" s="91"/>
      <c r="II613" s="91"/>
      <c r="IJ613" s="91"/>
      <c r="IK613" s="127"/>
    </row>
    <row r="614" spans="2:245" x14ac:dyDescent="0.2">
      <c r="B614" s="43"/>
      <c r="C614" s="73"/>
      <c r="D614" s="64"/>
      <c r="E614" s="64"/>
      <c r="F614" s="55"/>
      <c r="G614" s="102"/>
      <c r="H614" s="55"/>
      <c r="I614" s="55"/>
      <c r="J614" s="55"/>
      <c r="K614" s="55"/>
      <c r="L614" s="55"/>
      <c r="M614" s="55"/>
      <c r="N614" s="55"/>
      <c r="O614" s="55"/>
      <c r="P614" s="55"/>
      <c r="Q614" s="55"/>
      <c r="R614" s="55"/>
      <c r="S614" s="55"/>
      <c r="T614" s="55"/>
      <c r="U614" s="55"/>
      <c r="V614" s="55"/>
      <c r="W614" s="55"/>
      <c r="X614" s="55"/>
      <c r="Y614" s="55"/>
      <c r="Z614" s="55"/>
      <c r="AA614" s="55"/>
      <c r="AB614" s="55"/>
      <c r="AC614" s="55"/>
      <c r="AD614" s="55"/>
      <c r="AE614" s="55"/>
      <c r="AF614" s="55"/>
      <c r="AG614" s="55"/>
      <c r="AY614" s="162"/>
      <c r="AZ614" s="162"/>
      <c r="BA614" s="162"/>
      <c r="BB614" s="162"/>
      <c r="BC614" s="162"/>
      <c r="BD614" s="162"/>
      <c r="BE614" s="162"/>
      <c r="BF614" s="162"/>
      <c r="BG614" s="162"/>
      <c r="BH614" s="162"/>
      <c r="BI614" s="162"/>
      <c r="BJ614" s="162"/>
      <c r="BK614" s="162"/>
      <c r="BL614" s="162"/>
      <c r="BM614" s="162"/>
      <c r="BN614" s="162"/>
      <c r="BO614" s="162"/>
      <c r="BP614" s="162"/>
      <c r="BQ614" s="162"/>
      <c r="BR614" s="162"/>
      <c r="BS614" s="162"/>
      <c r="BT614" s="162"/>
      <c r="BU614" s="162"/>
      <c r="BV614" s="162"/>
      <c r="BW614" s="162"/>
      <c r="BX614" s="162"/>
      <c r="BY614" s="162"/>
      <c r="BZ614" s="162"/>
      <c r="CA614" s="162"/>
      <c r="CB614" s="162"/>
      <c r="CC614" s="162"/>
      <c r="CD614" s="162"/>
      <c r="CE614" s="162"/>
      <c r="CF614" s="162"/>
      <c r="CG614" s="162"/>
      <c r="CH614" s="162"/>
      <c r="CI614" s="162"/>
      <c r="CJ614" s="162"/>
      <c r="CK614" s="162"/>
      <c r="CX614" s="98"/>
      <c r="DL614" s="97"/>
      <c r="DX614" s="98"/>
      <c r="EL614" s="97"/>
      <c r="EX614" s="98"/>
      <c r="EY614" s="97"/>
      <c r="FL614" s="126"/>
      <c r="FM614" s="91"/>
      <c r="FN614" s="91"/>
      <c r="FO614" s="91"/>
      <c r="FP614" s="91"/>
      <c r="FQ614" s="91"/>
      <c r="FR614" s="91"/>
      <c r="FS614" s="91"/>
      <c r="FT614" s="91"/>
      <c r="FU614" s="91"/>
      <c r="FV614" s="91"/>
      <c r="FW614" s="91"/>
      <c r="FX614" s="91"/>
      <c r="FY614" s="91"/>
      <c r="FZ614" s="91"/>
      <c r="GA614" s="91"/>
      <c r="GB614" s="91"/>
      <c r="GC614" s="91"/>
      <c r="GD614" s="91"/>
      <c r="GE614" s="91"/>
      <c r="GF614" s="91"/>
      <c r="GG614" s="91"/>
      <c r="GH614" s="91"/>
      <c r="GI614" s="91"/>
      <c r="GJ614" s="91"/>
      <c r="GK614" s="127"/>
      <c r="GL614" s="126"/>
      <c r="GM614" s="91"/>
      <c r="GN614" s="91"/>
      <c r="GO614" s="91"/>
      <c r="GP614" s="91"/>
      <c r="GQ614" s="91"/>
      <c r="GR614" s="91"/>
      <c r="GS614" s="91"/>
      <c r="GT614" s="91"/>
      <c r="GU614" s="91"/>
      <c r="GV614" s="91"/>
      <c r="GW614" s="91"/>
      <c r="GX614" s="91"/>
      <c r="GY614" s="91"/>
      <c r="GZ614" s="91"/>
      <c r="HA614" s="91"/>
      <c r="HB614" s="91"/>
      <c r="HC614" s="91"/>
      <c r="HD614" s="91"/>
      <c r="HE614" s="91"/>
      <c r="HF614" s="91"/>
      <c r="HG614" s="91"/>
      <c r="HH614" s="91"/>
      <c r="HI614" s="91"/>
      <c r="HJ614" s="91"/>
      <c r="HK614" s="127"/>
      <c r="HL614" s="126"/>
      <c r="HM614" s="91"/>
      <c r="HN614" s="91"/>
      <c r="HO614" s="91"/>
      <c r="HP614" s="91"/>
      <c r="HQ614" s="91"/>
      <c r="HR614" s="91"/>
      <c r="HS614" s="91"/>
      <c r="HT614" s="91"/>
      <c r="HU614" s="91"/>
      <c r="HV614" s="91"/>
      <c r="HW614" s="91"/>
      <c r="HX614" s="91"/>
      <c r="HY614" s="91"/>
      <c r="HZ614" s="91"/>
      <c r="IA614" s="91"/>
      <c r="IB614" s="91"/>
      <c r="IC614" s="91"/>
      <c r="ID614" s="91"/>
      <c r="IE614" s="91"/>
      <c r="IF614" s="91"/>
      <c r="IG614" s="91"/>
      <c r="IH614" s="91"/>
      <c r="II614" s="91"/>
      <c r="IJ614" s="91"/>
      <c r="IK614" s="127"/>
    </row>
    <row r="615" spans="2:245" x14ac:dyDescent="0.2">
      <c r="B615" s="43"/>
      <c r="C615" s="73"/>
      <c r="D615" s="64"/>
      <c r="E615" s="64"/>
      <c r="F615" s="55"/>
      <c r="G615" s="102"/>
      <c r="H615" s="55"/>
      <c r="I615" s="55"/>
      <c r="J615" s="55"/>
      <c r="K615" s="55"/>
      <c r="L615" s="55"/>
      <c r="M615" s="55"/>
      <c r="N615" s="55"/>
      <c r="O615" s="55"/>
      <c r="P615" s="55"/>
      <c r="Q615" s="55"/>
      <c r="R615" s="55"/>
      <c r="S615" s="55"/>
      <c r="T615" s="55"/>
      <c r="U615" s="55"/>
      <c r="V615" s="55"/>
      <c r="W615" s="55"/>
      <c r="X615" s="55"/>
      <c r="Y615" s="55"/>
      <c r="Z615" s="55"/>
      <c r="AA615" s="55"/>
      <c r="AB615" s="55"/>
      <c r="AC615" s="55"/>
      <c r="AD615" s="55"/>
      <c r="AE615" s="55"/>
      <c r="AF615" s="55"/>
      <c r="AG615" s="55"/>
      <c r="AY615" s="162"/>
      <c r="AZ615" s="162"/>
      <c r="BA615" s="162"/>
      <c r="BB615" s="162"/>
      <c r="BC615" s="162"/>
      <c r="BD615" s="162"/>
      <c r="BE615" s="162"/>
      <c r="BF615" s="162"/>
      <c r="BG615" s="162"/>
      <c r="BH615" s="162"/>
      <c r="BI615" s="162"/>
      <c r="BJ615" s="162"/>
      <c r="BK615" s="162"/>
      <c r="BL615" s="162"/>
      <c r="BM615" s="162"/>
      <c r="BN615" s="162"/>
      <c r="BO615" s="162"/>
      <c r="BP615" s="162"/>
      <c r="BQ615" s="162"/>
      <c r="BR615" s="162"/>
      <c r="BS615" s="162"/>
      <c r="BT615" s="162"/>
      <c r="BU615" s="162"/>
      <c r="BV615" s="162"/>
      <c r="BW615" s="162"/>
      <c r="BX615" s="162"/>
      <c r="BY615" s="162"/>
      <c r="BZ615" s="162"/>
      <c r="CA615" s="162"/>
      <c r="CB615" s="162"/>
      <c r="CC615" s="162"/>
      <c r="CD615" s="162"/>
      <c r="CE615" s="162"/>
      <c r="CF615" s="162"/>
      <c r="CG615" s="162"/>
      <c r="CH615" s="162"/>
      <c r="CI615" s="162"/>
      <c r="CJ615" s="162"/>
      <c r="CK615" s="162"/>
      <c r="CX615" s="98"/>
      <c r="DL615" s="97"/>
      <c r="DX615" s="98"/>
      <c r="EL615" s="97"/>
      <c r="EX615" s="98"/>
      <c r="EY615" s="97"/>
      <c r="FL615" s="126"/>
      <c r="FM615" s="91"/>
      <c r="FN615" s="91"/>
      <c r="FO615" s="91"/>
      <c r="FP615" s="91"/>
      <c r="FQ615" s="91"/>
      <c r="FR615" s="91"/>
      <c r="FS615" s="91"/>
      <c r="FT615" s="91"/>
      <c r="FU615" s="91"/>
      <c r="FV615" s="91"/>
      <c r="FW615" s="91"/>
      <c r="FX615" s="91"/>
      <c r="FY615" s="91"/>
      <c r="FZ615" s="91"/>
      <c r="GA615" s="91"/>
      <c r="GB615" s="91"/>
      <c r="GC615" s="91"/>
      <c r="GD615" s="91"/>
      <c r="GE615" s="91"/>
      <c r="GF615" s="91"/>
      <c r="GG615" s="91"/>
      <c r="GH615" s="91"/>
      <c r="GI615" s="91"/>
      <c r="GJ615" s="91"/>
      <c r="GK615" s="127"/>
      <c r="GL615" s="126"/>
      <c r="GM615" s="91"/>
      <c r="GN615" s="91"/>
      <c r="GO615" s="91"/>
      <c r="GP615" s="91"/>
      <c r="GQ615" s="91"/>
      <c r="GR615" s="91"/>
      <c r="GS615" s="91"/>
      <c r="GT615" s="91"/>
      <c r="GU615" s="91"/>
      <c r="GV615" s="91"/>
      <c r="GW615" s="91"/>
      <c r="GX615" s="91"/>
      <c r="GY615" s="91"/>
      <c r="GZ615" s="91"/>
      <c r="HA615" s="91"/>
      <c r="HB615" s="91"/>
      <c r="HC615" s="91"/>
      <c r="HD615" s="91"/>
      <c r="HE615" s="91"/>
      <c r="HF615" s="91"/>
      <c r="HG615" s="91"/>
      <c r="HH615" s="91"/>
      <c r="HI615" s="91"/>
      <c r="HJ615" s="91"/>
      <c r="HK615" s="127"/>
      <c r="HL615" s="126"/>
      <c r="HM615" s="91"/>
      <c r="HN615" s="91"/>
      <c r="HO615" s="91"/>
      <c r="HP615" s="91"/>
      <c r="HQ615" s="91"/>
      <c r="HR615" s="91"/>
      <c r="HS615" s="91"/>
      <c r="HT615" s="91"/>
      <c r="HU615" s="91"/>
      <c r="HV615" s="91"/>
      <c r="HW615" s="91"/>
      <c r="HX615" s="91"/>
      <c r="HY615" s="91"/>
      <c r="HZ615" s="91"/>
      <c r="IA615" s="91"/>
      <c r="IB615" s="91"/>
      <c r="IC615" s="91"/>
      <c r="ID615" s="91"/>
      <c r="IE615" s="91"/>
      <c r="IF615" s="91"/>
      <c r="IG615" s="91"/>
      <c r="IH615" s="91"/>
      <c r="II615" s="91"/>
      <c r="IJ615" s="91"/>
      <c r="IK615" s="127"/>
    </row>
    <row r="616" spans="2:245" x14ac:dyDescent="0.2">
      <c r="B616" s="43"/>
      <c r="C616" s="73"/>
      <c r="D616" s="64"/>
      <c r="E616" s="64"/>
      <c r="F616" s="55"/>
      <c r="G616" s="102"/>
      <c r="H616" s="55"/>
      <c r="I616" s="55"/>
      <c r="J616" s="55"/>
      <c r="K616" s="55"/>
      <c r="L616" s="55"/>
      <c r="M616" s="55"/>
      <c r="N616" s="55"/>
      <c r="O616" s="55"/>
      <c r="P616" s="55"/>
      <c r="Q616" s="55"/>
      <c r="R616" s="55"/>
      <c r="S616" s="55"/>
      <c r="T616" s="55"/>
      <c r="U616" s="55"/>
      <c r="V616" s="55"/>
      <c r="W616" s="55"/>
      <c r="X616" s="55"/>
      <c r="Y616" s="55"/>
      <c r="Z616" s="55"/>
      <c r="AA616" s="55"/>
      <c r="AB616" s="55"/>
      <c r="AC616" s="55"/>
      <c r="AD616" s="55"/>
      <c r="AE616" s="55"/>
      <c r="AF616" s="55"/>
      <c r="AG616" s="55"/>
      <c r="AY616" s="162"/>
      <c r="AZ616" s="162"/>
      <c r="BA616" s="162"/>
      <c r="BB616" s="162"/>
      <c r="BC616" s="162"/>
      <c r="BD616" s="162"/>
      <c r="BE616" s="162"/>
      <c r="BF616" s="162"/>
      <c r="BG616" s="162"/>
      <c r="BH616" s="162"/>
      <c r="BI616" s="162"/>
      <c r="BJ616" s="162"/>
      <c r="BK616" s="162"/>
      <c r="BL616" s="162"/>
      <c r="BM616" s="162"/>
      <c r="BN616" s="162"/>
      <c r="BO616" s="162"/>
      <c r="BP616" s="162"/>
      <c r="BQ616" s="162"/>
      <c r="BR616" s="162"/>
      <c r="BS616" s="162"/>
      <c r="BT616" s="162"/>
      <c r="BU616" s="162"/>
      <c r="BV616" s="162"/>
      <c r="BW616" s="162"/>
      <c r="BX616" s="162"/>
      <c r="BY616" s="162"/>
      <c r="BZ616" s="162"/>
      <c r="CA616" s="162"/>
      <c r="CB616" s="162"/>
      <c r="CC616" s="162"/>
      <c r="CD616" s="162"/>
      <c r="CE616" s="162"/>
      <c r="CF616" s="162"/>
      <c r="CG616" s="162"/>
      <c r="CH616" s="162"/>
      <c r="CI616" s="162"/>
      <c r="CJ616" s="162"/>
      <c r="CK616" s="162"/>
      <c r="CX616" s="98"/>
      <c r="DL616" s="97"/>
      <c r="DX616" s="98"/>
      <c r="EL616" s="97"/>
      <c r="EX616" s="98"/>
      <c r="EY616" s="97"/>
      <c r="FL616" s="126"/>
      <c r="FM616" s="91"/>
      <c r="FN616" s="91"/>
      <c r="FO616" s="91"/>
      <c r="FP616" s="91"/>
      <c r="FQ616" s="91"/>
      <c r="FR616" s="91"/>
      <c r="FS616" s="91"/>
      <c r="FT616" s="91"/>
      <c r="FU616" s="91"/>
      <c r="FV616" s="91"/>
      <c r="FW616" s="91"/>
      <c r="FX616" s="91"/>
      <c r="FY616" s="91"/>
      <c r="FZ616" s="91"/>
      <c r="GA616" s="91"/>
      <c r="GB616" s="91"/>
      <c r="GC616" s="91"/>
      <c r="GD616" s="91"/>
      <c r="GE616" s="91"/>
      <c r="GF616" s="91"/>
      <c r="GG616" s="91"/>
      <c r="GH616" s="91"/>
      <c r="GI616" s="91"/>
      <c r="GJ616" s="91"/>
      <c r="GK616" s="127"/>
      <c r="GL616" s="126"/>
      <c r="GM616" s="91"/>
      <c r="GN616" s="91"/>
      <c r="GO616" s="91"/>
      <c r="GP616" s="91"/>
      <c r="GQ616" s="91"/>
      <c r="GR616" s="91"/>
      <c r="GS616" s="91"/>
      <c r="GT616" s="91"/>
      <c r="GU616" s="91"/>
      <c r="GV616" s="91"/>
      <c r="GW616" s="91"/>
      <c r="GX616" s="91"/>
      <c r="GY616" s="91"/>
      <c r="GZ616" s="91"/>
      <c r="HA616" s="91"/>
      <c r="HB616" s="91"/>
      <c r="HC616" s="91"/>
      <c r="HD616" s="91"/>
      <c r="HE616" s="91"/>
      <c r="HF616" s="91"/>
      <c r="HG616" s="91"/>
      <c r="HH616" s="91"/>
      <c r="HI616" s="91"/>
      <c r="HJ616" s="91"/>
      <c r="HK616" s="127"/>
      <c r="HL616" s="126"/>
      <c r="HM616" s="91"/>
      <c r="HN616" s="91"/>
      <c r="HO616" s="91"/>
      <c r="HP616" s="91"/>
      <c r="HQ616" s="91"/>
      <c r="HR616" s="91"/>
      <c r="HS616" s="91"/>
      <c r="HT616" s="91"/>
      <c r="HU616" s="91"/>
      <c r="HV616" s="91"/>
      <c r="HW616" s="91"/>
      <c r="HX616" s="91"/>
      <c r="HY616" s="91"/>
      <c r="HZ616" s="91"/>
      <c r="IA616" s="91"/>
      <c r="IB616" s="91"/>
      <c r="IC616" s="91"/>
      <c r="ID616" s="91"/>
      <c r="IE616" s="91"/>
      <c r="IF616" s="91"/>
      <c r="IG616" s="91"/>
      <c r="IH616" s="91"/>
      <c r="II616" s="91"/>
      <c r="IJ616" s="91"/>
      <c r="IK616" s="127"/>
    </row>
    <row r="617" spans="2:245" x14ac:dyDescent="0.2">
      <c r="B617" s="43"/>
      <c r="C617" s="73"/>
      <c r="D617" s="64"/>
      <c r="E617" s="64"/>
      <c r="F617" s="55"/>
      <c r="G617" s="102"/>
      <c r="H617" s="55"/>
      <c r="I617" s="55"/>
      <c r="J617" s="55"/>
      <c r="K617" s="55"/>
      <c r="L617" s="55"/>
      <c r="M617" s="55"/>
      <c r="N617" s="55"/>
      <c r="O617" s="55"/>
      <c r="P617" s="55"/>
      <c r="Q617" s="55"/>
      <c r="R617" s="55"/>
      <c r="S617" s="55"/>
      <c r="T617" s="55"/>
      <c r="U617" s="55"/>
      <c r="V617" s="55"/>
      <c r="W617" s="55"/>
      <c r="X617" s="55"/>
      <c r="Y617" s="55"/>
      <c r="Z617" s="55"/>
      <c r="AA617" s="55"/>
      <c r="AB617" s="55"/>
      <c r="AC617" s="55"/>
      <c r="AD617" s="55"/>
      <c r="AE617" s="55"/>
      <c r="AF617" s="55"/>
      <c r="AG617" s="55"/>
      <c r="AY617" s="162"/>
      <c r="AZ617" s="162"/>
      <c r="BA617" s="162"/>
      <c r="BB617" s="162"/>
      <c r="BC617" s="162"/>
      <c r="BD617" s="162"/>
      <c r="BE617" s="162"/>
      <c r="BF617" s="162"/>
      <c r="BG617" s="162"/>
      <c r="BH617" s="162"/>
      <c r="BI617" s="162"/>
      <c r="BJ617" s="162"/>
      <c r="BK617" s="162"/>
      <c r="BL617" s="162"/>
      <c r="BM617" s="162"/>
      <c r="BN617" s="162"/>
      <c r="BO617" s="162"/>
      <c r="BP617" s="162"/>
      <c r="BQ617" s="162"/>
      <c r="BR617" s="162"/>
      <c r="BS617" s="162"/>
      <c r="BT617" s="162"/>
      <c r="BU617" s="162"/>
      <c r="BV617" s="162"/>
      <c r="BW617" s="162"/>
      <c r="BX617" s="162"/>
      <c r="BY617" s="162"/>
      <c r="BZ617" s="162"/>
      <c r="CA617" s="162"/>
      <c r="CB617" s="162"/>
      <c r="CC617" s="162"/>
      <c r="CD617" s="162"/>
      <c r="CE617" s="162"/>
      <c r="CF617" s="162"/>
      <c r="CG617" s="162"/>
      <c r="CH617" s="162"/>
      <c r="CI617" s="162"/>
      <c r="CJ617" s="162"/>
      <c r="CK617" s="162"/>
      <c r="CX617" s="98"/>
      <c r="DL617" s="97"/>
      <c r="DX617" s="98"/>
      <c r="EL617" s="97"/>
      <c r="EX617" s="98"/>
      <c r="EY617" s="97"/>
      <c r="FL617" s="126"/>
      <c r="FM617" s="91"/>
      <c r="FN617" s="91"/>
      <c r="FO617" s="91"/>
      <c r="FP617" s="91"/>
      <c r="FQ617" s="91"/>
      <c r="FR617" s="91"/>
      <c r="FS617" s="91"/>
      <c r="FT617" s="91"/>
      <c r="FU617" s="91"/>
      <c r="FV617" s="91"/>
      <c r="FW617" s="91"/>
      <c r="FX617" s="91"/>
      <c r="FY617" s="91"/>
      <c r="FZ617" s="91"/>
      <c r="GA617" s="91"/>
      <c r="GB617" s="91"/>
      <c r="GC617" s="91"/>
      <c r="GD617" s="91"/>
      <c r="GE617" s="91"/>
      <c r="GF617" s="91"/>
      <c r="GG617" s="91"/>
      <c r="GH617" s="91"/>
      <c r="GI617" s="91"/>
      <c r="GJ617" s="91"/>
      <c r="GK617" s="127"/>
      <c r="GL617" s="126"/>
      <c r="GM617" s="91"/>
      <c r="GN617" s="91"/>
      <c r="GO617" s="91"/>
      <c r="GP617" s="91"/>
      <c r="GQ617" s="91"/>
      <c r="GR617" s="91"/>
      <c r="GS617" s="91"/>
      <c r="GT617" s="91"/>
      <c r="GU617" s="91"/>
      <c r="GV617" s="91"/>
      <c r="GW617" s="91"/>
      <c r="GX617" s="91"/>
      <c r="GY617" s="91"/>
      <c r="GZ617" s="91"/>
      <c r="HA617" s="91"/>
      <c r="HB617" s="91"/>
      <c r="HC617" s="91"/>
      <c r="HD617" s="91"/>
      <c r="HE617" s="91"/>
      <c r="HF617" s="91"/>
      <c r="HG617" s="91"/>
      <c r="HH617" s="91"/>
      <c r="HI617" s="91"/>
      <c r="HJ617" s="91"/>
      <c r="HK617" s="127"/>
      <c r="HL617" s="126"/>
      <c r="HM617" s="91"/>
      <c r="HN617" s="91"/>
      <c r="HO617" s="91"/>
      <c r="HP617" s="91"/>
      <c r="HQ617" s="91"/>
      <c r="HR617" s="91"/>
      <c r="HS617" s="91"/>
      <c r="HT617" s="91"/>
      <c r="HU617" s="91"/>
      <c r="HV617" s="91"/>
      <c r="HW617" s="91"/>
      <c r="HX617" s="91"/>
      <c r="HY617" s="91"/>
      <c r="HZ617" s="91"/>
      <c r="IA617" s="91"/>
      <c r="IB617" s="91"/>
      <c r="IC617" s="91"/>
      <c r="ID617" s="91"/>
      <c r="IE617" s="91"/>
      <c r="IF617" s="91"/>
      <c r="IG617" s="91"/>
      <c r="IH617" s="91"/>
      <c r="II617" s="91"/>
      <c r="IJ617" s="91"/>
      <c r="IK617" s="127"/>
    </row>
    <row r="618" spans="2:245" x14ac:dyDescent="0.2">
      <c r="B618" s="43"/>
      <c r="C618" s="73"/>
      <c r="D618" s="64"/>
      <c r="E618" s="64"/>
      <c r="F618" s="55"/>
      <c r="G618" s="102"/>
      <c r="H618" s="55"/>
      <c r="I618" s="55"/>
      <c r="J618" s="55"/>
      <c r="K618" s="55"/>
      <c r="L618" s="55"/>
      <c r="M618" s="55"/>
      <c r="N618" s="55"/>
      <c r="O618" s="55"/>
      <c r="P618" s="55"/>
      <c r="Q618" s="55"/>
      <c r="R618" s="55"/>
      <c r="S618" s="55"/>
      <c r="T618" s="55"/>
      <c r="U618" s="55"/>
      <c r="V618" s="55"/>
      <c r="W618" s="55"/>
      <c r="X618" s="55"/>
      <c r="Y618" s="55"/>
      <c r="Z618" s="55"/>
      <c r="AA618" s="55"/>
      <c r="AB618" s="55"/>
      <c r="AC618" s="55"/>
      <c r="AD618" s="55"/>
      <c r="AE618" s="55"/>
      <c r="AF618" s="55"/>
      <c r="AG618" s="55"/>
      <c r="AY618" s="162"/>
      <c r="AZ618" s="162"/>
      <c r="BA618" s="162"/>
      <c r="BB618" s="162"/>
      <c r="BC618" s="162"/>
      <c r="BD618" s="162"/>
      <c r="BE618" s="162"/>
      <c r="BF618" s="162"/>
      <c r="BG618" s="162"/>
      <c r="BH618" s="162"/>
      <c r="BI618" s="162"/>
      <c r="BJ618" s="162"/>
      <c r="BK618" s="162"/>
      <c r="BL618" s="162"/>
      <c r="BM618" s="162"/>
      <c r="BN618" s="162"/>
      <c r="BO618" s="162"/>
      <c r="BP618" s="162"/>
      <c r="BQ618" s="162"/>
      <c r="BR618" s="162"/>
      <c r="BS618" s="162"/>
      <c r="BT618" s="162"/>
      <c r="BU618" s="162"/>
      <c r="BV618" s="162"/>
      <c r="BW618" s="162"/>
      <c r="BX618" s="162"/>
      <c r="BY618" s="162"/>
      <c r="BZ618" s="162"/>
      <c r="CA618" s="162"/>
      <c r="CB618" s="162"/>
      <c r="CC618" s="162"/>
      <c r="CD618" s="162"/>
      <c r="CE618" s="162"/>
      <c r="CF618" s="162"/>
      <c r="CG618" s="162"/>
      <c r="CH618" s="162"/>
      <c r="CI618" s="162"/>
      <c r="CJ618" s="162"/>
      <c r="CK618" s="162"/>
      <c r="CX618" s="98"/>
      <c r="DL618" s="97"/>
      <c r="DX618" s="98"/>
      <c r="EL618" s="97"/>
      <c r="EX618" s="98"/>
      <c r="EY618" s="97"/>
      <c r="FL618" s="126"/>
      <c r="FM618" s="91"/>
      <c r="FN618" s="91"/>
      <c r="FO618" s="91"/>
      <c r="FP618" s="91"/>
      <c r="FQ618" s="91"/>
      <c r="FR618" s="91"/>
      <c r="FS618" s="91"/>
      <c r="FT618" s="91"/>
      <c r="FU618" s="91"/>
      <c r="FV618" s="91"/>
      <c r="FW618" s="91"/>
      <c r="FX618" s="91"/>
      <c r="FY618" s="91"/>
      <c r="FZ618" s="91"/>
      <c r="GA618" s="91"/>
      <c r="GB618" s="91"/>
      <c r="GC618" s="91"/>
      <c r="GD618" s="91"/>
      <c r="GE618" s="91"/>
      <c r="GF618" s="91"/>
      <c r="GG618" s="91"/>
      <c r="GH618" s="91"/>
      <c r="GI618" s="91"/>
      <c r="GJ618" s="91"/>
      <c r="GK618" s="127"/>
      <c r="GL618" s="126"/>
      <c r="GM618" s="91"/>
      <c r="GN618" s="91"/>
      <c r="GO618" s="91"/>
      <c r="GP618" s="91"/>
      <c r="GQ618" s="91"/>
      <c r="GR618" s="91"/>
      <c r="GS618" s="91"/>
      <c r="GT618" s="91"/>
      <c r="GU618" s="91"/>
      <c r="GV618" s="91"/>
      <c r="GW618" s="91"/>
      <c r="GX618" s="91"/>
      <c r="GY618" s="91"/>
      <c r="GZ618" s="91"/>
      <c r="HA618" s="91"/>
      <c r="HB618" s="91"/>
      <c r="HC618" s="91"/>
      <c r="HD618" s="91"/>
      <c r="HE618" s="91"/>
      <c r="HF618" s="91"/>
      <c r="HG618" s="91"/>
      <c r="HH618" s="91"/>
      <c r="HI618" s="91"/>
      <c r="HJ618" s="91"/>
      <c r="HK618" s="127"/>
      <c r="HL618" s="126"/>
      <c r="HM618" s="91"/>
      <c r="HN618" s="91"/>
      <c r="HO618" s="91"/>
      <c r="HP618" s="91"/>
      <c r="HQ618" s="91"/>
      <c r="HR618" s="91"/>
      <c r="HS618" s="91"/>
      <c r="HT618" s="91"/>
      <c r="HU618" s="91"/>
      <c r="HV618" s="91"/>
      <c r="HW618" s="91"/>
      <c r="HX618" s="91"/>
      <c r="HY618" s="91"/>
      <c r="HZ618" s="91"/>
      <c r="IA618" s="91"/>
      <c r="IB618" s="91"/>
      <c r="IC618" s="91"/>
      <c r="ID618" s="91"/>
      <c r="IE618" s="91"/>
      <c r="IF618" s="91"/>
      <c r="IG618" s="91"/>
      <c r="IH618" s="91"/>
      <c r="II618" s="91"/>
      <c r="IJ618" s="91"/>
      <c r="IK618" s="127"/>
    </row>
    <row r="619" spans="2:245" x14ac:dyDescent="0.2">
      <c r="B619" s="43"/>
      <c r="C619" s="73"/>
      <c r="D619" s="64"/>
      <c r="E619" s="64"/>
      <c r="F619" s="55"/>
      <c r="G619" s="102"/>
      <c r="H619" s="55"/>
      <c r="I619" s="55"/>
      <c r="J619" s="55"/>
      <c r="K619" s="55"/>
      <c r="L619" s="55"/>
      <c r="M619" s="55"/>
      <c r="N619" s="55"/>
      <c r="O619" s="55"/>
      <c r="P619" s="55"/>
      <c r="Q619" s="55"/>
      <c r="R619" s="55"/>
      <c r="S619" s="55"/>
      <c r="T619" s="55"/>
      <c r="U619" s="55"/>
      <c r="V619" s="55"/>
      <c r="W619" s="55"/>
      <c r="X619" s="55"/>
      <c r="Y619" s="55"/>
      <c r="Z619" s="55"/>
      <c r="AA619" s="55"/>
      <c r="AB619" s="55"/>
      <c r="AC619" s="55"/>
      <c r="AD619" s="55"/>
      <c r="AE619" s="55"/>
      <c r="AF619" s="55"/>
      <c r="AG619" s="55"/>
      <c r="AY619" s="162"/>
      <c r="AZ619" s="162"/>
      <c r="BA619" s="162"/>
      <c r="BB619" s="162"/>
      <c r="BC619" s="162"/>
      <c r="BD619" s="162"/>
      <c r="BE619" s="162"/>
      <c r="BF619" s="162"/>
      <c r="BG619" s="162"/>
      <c r="BH619" s="162"/>
      <c r="BI619" s="162"/>
      <c r="BJ619" s="162"/>
      <c r="BK619" s="162"/>
      <c r="BL619" s="162"/>
      <c r="BM619" s="162"/>
      <c r="BN619" s="162"/>
      <c r="BO619" s="162"/>
      <c r="BP619" s="162"/>
      <c r="BQ619" s="162"/>
      <c r="BR619" s="162"/>
      <c r="BS619" s="162"/>
      <c r="BT619" s="162"/>
      <c r="BU619" s="162"/>
      <c r="BV619" s="162"/>
      <c r="BW619" s="162"/>
      <c r="BX619" s="162"/>
      <c r="BY619" s="162"/>
      <c r="BZ619" s="162"/>
      <c r="CA619" s="162"/>
      <c r="CB619" s="162"/>
      <c r="CC619" s="162"/>
      <c r="CD619" s="162"/>
      <c r="CE619" s="162"/>
      <c r="CF619" s="162"/>
      <c r="CG619" s="162"/>
      <c r="CH619" s="162"/>
      <c r="CI619" s="162"/>
      <c r="CJ619" s="162"/>
      <c r="CK619" s="162"/>
      <c r="CX619" s="98"/>
      <c r="DL619" s="97"/>
      <c r="DX619" s="98"/>
      <c r="EL619" s="97"/>
      <c r="EX619" s="98"/>
      <c r="EY619" s="97"/>
      <c r="FL619" s="126"/>
      <c r="FM619" s="91"/>
      <c r="FN619" s="91"/>
      <c r="FO619" s="91"/>
      <c r="FP619" s="91"/>
      <c r="FQ619" s="91"/>
      <c r="FR619" s="91"/>
      <c r="FS619" s="91"/>
      <c r="FT619" s="91"/>
      <c r="FU619" s="91"/>
      <c r="FV619" s="91"/>
      <c r="FW619" s="91"/>
      <c r="FX619" s="91"/>
      <c r="FY619" s="91"/>
      <c r="FZ619" s="91"/>
      <c r="GA619" s="91"/>
      <c r="GB619" s="91"/>
      <c r="GC619" s="91"/>
      <c r="GD619" s="91"/>
      <c r="GE619" s="91"/>
      <c r="GF619" s="91"/>
      <c r="GG619" s="91"/>
      <c r="GH619" s="91"/>
      <c r="GI619" s="91"/>
      <c r="GJ619" s="91"/>
      <c r="GK619" s="127"/>
      <c r="GL619" s="126"/>
      <c r="GM619" s="91"/>
      <c r="GN619" s="91"/>
      <c r="GO619" s="91"/>
      <c r="GP619" s="91"/>
      <c r="GQ619" s="91"/>
      <c r="GR619" s="91"/>
      <c r="GS619" s="91"/>
      <c r="GT619" s="91"/>
      <c r="GU619" s="91"/>
      <c r="GV619" s="91"/>
      <c r="GW619" s="91"/>
      <c r="GX619" s="91"/>
      <c r="GY619" s="91"/>
      <c r="GZ619" s="91"/>
      <c r="HA619" s="91"/>
      <c r="HB619" s="91"/>
      <c r="HC619" s="91"/>
      <c r="HD619" s="91"/>
      <c r="HE619" s="91"/>
      <c r="HF619" s="91"/>
      <c r="HG619" s="91"/>
      <c r="HH619" s="91"/>
      <c r="HI619" s="91"/>
      <c r="HJ619" s="91"/>
      <c r="HK619" s="127"/>
      <c r="HL619" s="126"/>
      <c r="HM619" s="91"/>
      <c r="HN619" s="91"/>
      <c r="HO619" s="91"/>
      <c r="HP619" s="91"/>
      <c r="HQ619" s="91"/>
      <c r="HR619" s="91"/>
      <c r="HS619" s="91"/>
      <c r="HT619" s="91"/>
      <c r="HU619" s="91"/>
      <c r="HV619" s="91"/>
      <c r="HW619" s="91"/>
      <c r="HX619" s="91"/>
      <c r="HY619" s="91"/>
      <c r="HZ619" s="91"/>
      <c r="IA619" s="91"/>
      <c r="IB619" s="91"/>
      <c r="IC619" s="91"/>
      <c r="ID619" s="91"/>
      <c r="IE619" s="91"/>
      <c r="IF619" s="91"/>
      <c r="IG619" s="91"/>
      <c r="IH619" s="91"/>
      <c r="II619" s="91"/>
      <c r="IJ619" s="91"/>
      <c r="IK619" s="127"/>
    </row>
    <row r="620" spans="2:245" x14ac:dyDescent="0.2">
      <c r="B620" s="43"/>
      <c r="C620" s="73"/>
      <c r="D620" s="64"/>
      <c r="E620" s="64"/>
      <c r="F620" s="55"/>
      <c r="G620" s="102"/>
      <c r="H620" s="55"/>
      <c r="I620" s="55"/>
      <c r="J620" s="55"/>
      <c r="K620" s="55"/>
      <c r="L620" s="55"/>
      <c r="M620" s="55"/>
      <c r="N620" s="55"/>
      <c r="O620" s="55"/>
      <c r="P620" s="55"/>
      <c r="Q620" s="55"/>
      <c r="R620" s="55"/>
      <c r="S620" s="55"/>
      <c r="T620" s="55"/>
      <c r="U620" s="55"/>
      <c r="V620" s="55"/>
      <c r="W620" s="55"/>
      <c r="X620" s="55"/>
      <c r="Y620" s="55"/>
      <c r="Z620" s="55"/>
      <c r="AA620" s="55"/>
      <c r="AB620" s="55"/>
      <c r="AC620" s="55"/>
      <c r="AD620" s="55"/>
      <c r="AE620" s="55"/>
      <c r="AF620" s="55"/>
      <c r="AG620" s="55"/>
      <c r="AY620" s="162"/>
      <c r="AZ620" s="162"/>
      <c r="BA620" s="162"/>
      <c r="BB620" s="162"/>
      <c r="BC620" s="162"/>
      <c r="BD620" s="162"/>
      <c r="BE620" s="162"/>
      <c r="BF620" s="162"/>
      <c r="BG620" s="162"/>
      <c r="BH620" s="162"/>
      <c r="BI620" s="162"/>
      <c r="BJ620" s="162"/>
      <c r="BK620" s="162"/>
      <c r="BL620" s="162"/>
      <c r="BM620" s="162"/>
      <c r="BN620" s="162"/>
      <c r="BO620" s="162"/>
      <c r="BP620" s="162"/>
      <c r="BQ620" s="162"/>
      <c r="BR620" s="162"/>
      <c r="BS620" s="162"/>
      <c r="BT620" s="162"/>
      <c r="BU620" s="162"/>
      <c r="BV620" s="162"/>
      <c r="BW620" s="162"/>
      <c r="BX620" s="162"/>
      <c r="BY620" s="162"/>
      <c r="BZ620" s="162"/>
      <c r="CA620" s="162"/>
      <c r="CB620" s="162"/>
      <c r="CC620" s="162"/>
      <c r="CD620" s="162"/>
      <c r="CE620" s="162"/>
      <c r="CF620" s="162"/>
      <c r="CG620" s="162"/>
      <c r="CH620" s="162"/>
      <c r="CI620" s="162"/>
      <c r="CJ620" s="162"/>
      <c r="CK620" s="162"/>
      <c r="CX620" s="98"/>
      <c r="DL620" s="97"/>
      <c r="DX620" s="98"/>
      <c r="EL620" s="97"/>
      <c r="EX620" s="98"/>
      <c r="EY620" s="97"/>
      <c r="FL620" s="126"/>
      <c r="FM620" s="91"/>
      <c r="FN620" s="91"/>
      <c r="FO620" s="91"/>
      <c r="FP620" s="91"/>
      <c r="FQ620" s="91"/>
      <c r="FR620" s="91"/>
      <c r="FS620" s="91"/>
      <c r="FT620" s="91"/>
      <c r="FU620" s="91"/>
      <c r="FV620" s="91"/>
      <c r="FW620" s="91"/>
      <c r="FX620" s="91"/>
      <c r="FY620" s="91"/>
      <c r="FZ620" s="91"/>
      <c r="GA620" s="91"/>
      <c r="GB620" s="91"/>
      <c r="GC620" s="91"/>
      <c r="GD620" s="91"/>
      <c r="GE620" s="91"/>
      <c r="GF620" s="91"/>
      <c r="GG620" s="91"/>
      <c r="GH620" s="91"/>
      <c r="GI620" s="91"/>
      <c r="GJ620" s="91"/>
      <c r="GK620" s="127"/>
      <c r="GL620" s="126"/>
      <c r="GM620" s="91"/>
      <c r="GN620" s="91"/>
      <c r="GO620" s="91"/>
      <c r="GP620" s="91"/>
      <c r="GQ620" s="91"/>
      <c r="GR620" s="91"/>
      <c r="GS620" s="91"/>
      <c r="GT620" s="91"/>
      <c r="GU620" s="91"/>
      <c r="GV620" s="91"/>
      <c r="GW620" s="91"/>
      <c r="GX620" s="91"/>
      <c r="GY620" s="91"/>
      <c r="GZ620" s="91"/>
      <c r="HA620" s="91"/>
      <c r="HB620" s="91"/>
      <c r="HC620" s="91"/>
      <c r="HD620" s="91"/>
      <c r="HE620" s="91"/>
      <c r="HF620" s="91"/>
      <c r="HG620" s="91"/>
      <c r="HH620" s="91"/>
      <c r="HI620" s="91"/>
      <c r="HJ620" s="91"/>
      <c r="HK620" s="127"/>
      <c r="HL620" s="126"/>
      <c r="HM620" s="91"/>
      <c r="HN620" s="91"/>
      <c r="HO620" s="91"/>
      <c r="HP620" s="91"/>
      <c r="HQ620" s="91"/>
      <c r="HR620" s="91"/>
      <c r="HS620" s="91"/>
      <c r="HT620" s="91"/>
      <c r="HU620" s="91"/>
      <c r="HV620" s="91"/>
      <c r="HW620" s="91"/>
      <c r="HX620" s="91"/>
      <c r="HY620" s="91"/>
      <c r="HZ620" s="91"/>
      <c r="IA620" s="91"/>
      <c r="IB620" s="91"/>
      <c r="IC620" s="91"/>
      <c r="ID620" s="91"/>
      <c r="IE620" s="91"/>
      <c r="IF620" s="91"/>
      <c r="IG620" s="91"/>
      <c r="IH620" s="91"/>
      <c r="II620" s="91"/>
      <c r="IJ620" s="91"/>
      <c r="IK620" s="127"/>
    </row>
    <row r="621" spans="2:245" x14ac:dyDescent="0.2">
      <c r="B621" s="43"/>
      <c r="C621" s="73"/>
      <c r="D621" s="64"/>
      <c r="E621" s="64"/>
      <c r="F621" s="55"/>
      <c r="G621" s="102"/>
      <c r="H621" s="55"/>
      <c r="I621" s="55"/>
      <c r="J621" s="55"/>
      <c r="K621" s="55"/>
      <c r="L621" s="55"/>
      <c r="M621" s="55"/>
      <c r="N621" s="55"/>
      <c r="O621" s="55"/>
      <c r="P621" s="55"/>
      <c r="Q621" s="55"/>
      <c r="R621" s="55"/>
      <c r="S621" s="55"/>
      <c r="T621" s="55"/>
      <c r="U621" s="55"/>
      <c r="V621" s="55"/>
      <c r="W621" s="55"/>
      <c r="X621" s="55"/>
      <c r="Y621" s="55"/>
      <c r="Z621" s="55"/>
      <c r="AA621" s="55"/>
      <c r="AB621" s="55"/>
      <c r="AC621" s="55"/>
      <c r="AD621" s="55"/>
      <c r="AE621" s="55"/>
      <c r="AF621" s="55"/>
      <c r="AG621" s="55"/>
      <c r="AY621" s="162"/>
      <c r="AZ621" s="162"/>
      <c r="BA621" s="162"/>
      <c r="BB621" s="162"/>
      <c r="BC621" s="162"/>
      <c r="BD621" s="162"/>
      <c r="BE621" s="162"/>
      <c r="BF621" s="162"/>
      <c r="BG621" s="162"/>
      <c r="BH621" s="162"/>
      <c r="BI621" s="162"/>
      <c r="BJ621" s="162"/>
      <c r="BK621" s="162"/>
      <c r="BL621" s="162"/>
      <c r="BM621" s="162"/>
      <c r="BN621" s="162"/>
      <c r="BO621" s="162"/>
      <c r="BP621" s="162"/>
      <c r="BQ621" s="162"/>
      <c r="BR621" s="162"/>
      <c r="BS621" s="162"/>
      <c r="BT621" s="162"/>
      <c r="BU621" s="162"/>
      <c r="BV621" s="162"/>
      <c r="BW621" s="162"/>
      <c r="BX621" s="162"/>
      <c r="BY621" s="162"/>
      <c r="BZ621" s="162"/>
      <c r="CA621" s="162"/>
      <c r="CB621" s="162"/>
      <c r="CC621" s="162"/>
      <c r="CD621" s="162"/>
      <c r="CE621" s="162"/>
      <c r="CF621" s="162"/>
      <c r="CG621" s="162"/>
      <c r="CH621" s="162"/>
      <c r="CI621" s="162"/>
      <c r="CJ621" s="162"/>
      <c r="CK621" s="162"/>
      <c r="CX621" s="98"/>
      <c r="DL621" s="97"/>
      <c r="DX621" s="98"/>
      <c r="EL621" s="97"/>
      <c r="EX621" s="98"/>
      <c r="EY621" s="97"/>
      <c r="FL621" s="126"/>
      <c r="FM621" s="91"/>
      <c r="FN621" s="91"/>
      <c r="FO621" s="91"/>
      <c r="FP621" s="91"/>
      <c r="FQ621" s="91"/>
      <c r="FR621" s="91"/>
      <c r="FS621" s="91"/>
      <c r="FT621" s="91"/>
      <c r="FU621" s="91"/>
      <c r="FV621" s="91"/>
      <c r="FW621" s="91"/>
      <c r="FX621" s="91"/>
      <c r="FY621" s="91"/>
      <c r="FZ621" s="91"/>
      <c r="GA621" s="91"/>
      <c r="GB621" s="91"/>
      <c r="GC621" s="91"/>
      <c r="GD621" s="91"/>
      <c r="GE621" s="91"/>
      <c r="GF621" s="91"/>
      <c r="GG621" s="91"/>
      <c r="GH621" s="91"/>
      <c r="GI621" s="91"/>
      <c r="GJ621" s="91"/>
      <c r="GK621" s="127"/>
      <c r="GL621" s="126"/>
      <c r="GM621" s="91"/>
      <c r="GN621" s="91"/>
      <c r="GO621" s="91"/>
      <c r="GP621" s="91"/>
      <c r="GQ621" s="91"/>
      <c r="GR621" s="91"/>
      <c r="GS621" s="91"/>
      <c r="GT621" s="91"/>
      <c r="GU621" s="91"/>
      <c r="GV621" s="91"/>
      <c r="GW621" s="91"/>
      <c r="GX621" s="91"/>
      <c r="GY621" s="91"/>
      <c r="GZ621" s="91"/>
      <c r="HA621" s="91"/>
      <c r="HB621" s="91"/>
      <c r="HC621" s="91"/>
      <c r="HD621" s="91"/>
      <c r="HE621" s="91"/>
      <c r="HF621" s="91"/>
      <c r="HG621" s="91"/>
      <c r="HH621" s="91"/>
      <c r="HI621" s="91"/>
      <c r="HJ621" s="91"/>
      <c r="HK621" s="127"/>
      <c r="HL621" s="126"/>
      <c r="HM621" s="91"/>
      <c r="HN621" s="91"/>
      <c r="HO621" s="91"/>
      <c r="HP621" s="91"/>
      <c r="HQ621" s="91"/>
      <c r="HR621" s="91"/>
      <c r="HS621" s="91"/>
      <c r="HT621" s="91"/>
      <c r="HU621" s="91"/>
      <c r="HV621" s="91"/>
      <c r="HW621" s="91"/>
      <c r="HX621" s="91"/>
      <c r="HY621" s="91"/>
      <c r="HZ621" s="91"/>
      <c r="IA621" s="91"/>
      <c r="IB621" s="91"/>
      <c r="IC621" s="91"/>
      <c r="ID621" s="91"/>
      <c r="IE621" s="91"/>
      <c r="IF621" s="91"/>
      <c r="IG621" s="91"/>
      <c r="IH621" s="91"/>
      <c r="II621" s="91"/>
      <c r="IJ621" s="91"/>
      <c r="IK621" s="127"/>
    </row>
    <row r="622" spans="2:245" x14ac:dyDescent="0.2">
      <c r="B622" s="43"/>
      <c r="C622" s="73"/>
      <c r="D622" s="64"/>
      <c r="E622" s="64"/>
      <c r="F622" s="55"/>
      <c r="G622" s="102"/>
      <c r="H622" s="55"/>
      <c r="I622" s="55"/>
      <c r="J622" s="55"/>
      <c r="K622" s="55"/>
      <c r="L622" s="55"/>
      <c r="M622" s="55"/>
      <c r="N622" s="55"/>
      <c r="O622" s="55"/>
      <c r="P622" s="55"/>
      <c r="Q622" s="55"/>
      <c r="R622" s="55"/>
      <c r="S622" s="55"/>
      <c r="T622" s="55"/>
      <c r="U622" s="55"/>
      <c r="V622" s="55"/>
      <c r="W622" s="55"/>
      <c r="X622" s="55"/>
      <c r="Y622" s="55"/>
      <c r="Z622" s="55"/>
      <c r="AA622" s="55"/>
      <c r="AB622" s="55"/>
      <c r="AC622" s="55"/>
      <c r="AD622" s="55"/>
      <c r="AE622" s="55"/>
      <c r="AF622" s="55"/>
      <c r="AG622" s="55"/>
      <c r="AY622" s="162"/>
      <c r="AZ622" s="162"/>
      <c r="BA622" s="162"/>
      <c r="BB622" s="162"/>
      <c r="BC622" s="162"/>
      <c r="BD622" s="162"/>
      <c r="BE622" s="162"/>
      <c r="BF622" s="162"/>
      <c r="BG622" s="162"/>
      <c r="BH622" s="162"/>
      <c r="BI622" s="162"/>
      <c r="BJ622" s="162"/>
      <c r="BK622" s="162"/>
      <c r="BL622" s="162"/>
      <c r="BM622" s="162"/>
      <c r="BN622" s="162"/>
      <c r="BO622" s="162"/>
      <c r="BP622" s="162"/>
      <c r="BQ622" s="162"/>
      <c r="BR622" s="162"/>
      <c r="BS622" s="162"/>
      <c r="BT622" s="162"/>
      <c r="BU622" s="162"/>
      <c r="BV622" s="162"/>
      <c r="BW622" s="162"/>
      <c r="BX622" s="162"/>
      <c r="BY622" s="162"/>
      <c r="BZ622" s="162"/>
      <c r="CA622" s="162"/>
      <c r="CB622" s="162"/>
      <c r="CC622" s="162"/>
      <c r="CD622" s="162"/>
      <c r="CE622" s="162"/>
      <c r="CF622" s="162"/>
      <c r="CG622" s="162"/>
      <c r="CH622" s="162"/>
      <c r="CI622" s="162"/>
      <c r="CJ622" s="162"/>
      <c r="CK622" s="162"/>
      <c r="CX622" s="98"/>
      <c r="DL622" s="97"/>
      <c r="DX622" s="98"/>
      <c r="EL622" s="97"/>
      <c r="EX622" s="98"/>
      <c r="EY622" s="97"/>
      <c r="FL622" s="126"/>
      <c r="FM622" s="91"/>
      <c r="FN622" s="91"/>
      <c r="FO622" s="91"/>
      <c r="FP622" s="91"/>
      <c r="FQ622" s="91"/>
      <c r="FR622" s="91"/>
      <c r="FS622" s="91"/>
      <c r="FT622" s="91"/>
      <c r="FU622" s="91"/>
      <c r="FV622" s="91"/>
      <c r="FW622" s="91"/>
      <c r="FX622" s="91"/>
      <c r="FY622" s="91"/>
      <c r="FZ622" s="91"/>
      <c r="GA622" s="91"/>
      <c r="GB622" s="91"/>
      <c r="GC622" s="91"/>
      <c r="GD622" s="91"/>
      <c r="GE622" s="91"/>
      <c r="GF622" s="91"/>
      <c r="GG622" s="91"/>
      <c r="GH622" s="91"/>
      <c r="GI622" s="91"/>
      <c r="GJ622" s="91"/>
      <c r="GK622" s="127"/>
      <c r="GL622" s="126"/>
      <c r="GM622" s="91"/>
      <c r="GN622" s="91"/>
      <c r="GO622" s="91"/>
      <c r="GP622" s="91"/>
      <c r="GQ622" s="91"/>
      <c r="GR622" s="91"/>
      <c r="GS622" s="91"/>
      <c r="GT622" s="91"/>
      <c r="GU622" s="91"/>
      <c r="GV622" s="91"/>
      <c r="GW622" s="91"/>
      <c r="GX622" s="91"/>
      <c r="GY622" s="91"/>
      <c r="GZ622" s="91"/>
      <c r="HA622" s="91"/>
      <c r="HB622" s="91"/>
      <c r="HC622" s="91"/>
      <c r="HD622" s="91"/>
      <c r="HE622" s="91"/>
      <c r="HF622" s="91"/>
      <c r="HG622" s="91"/>
      <c r="HH622" s="91"/>
      <c r="HI622" s="91"/>
      <c r="HJ622" s="91"/>
      <c r="HK622" s="127"/>
      <c r="HL622" s="126"/>
      <c r="HM622" s="91"/>
      <c r="HN622" s="91"/>
      <c r="HO622" s="91"/>
      <c r="HP622" s="91"/>
      <c r="HQ622" s="91"/>
      <c r="HR622" s="91"/>
      <c r="HS622" s="91"/>
      <c r="HT622" s="91"/>
      <c r="HU622" s="91"/>
      <c r="HV622" s="91"/>
      <c r="HW622" s="91"/>
      <c r="HX622" s="91"/>
      <c r="HY622" s="91"/>
      <c r="HZ622" s="91"/>
      <c r="IA622" s="91"/>
      <c r="IB622" s="91"/>
      <c r="IC622" s="91"/>
      <c r="ID622" s="91"/>
      <c r="IE622" s="91"/>
      <c r="IF622" s="91"/>
      <c r="IG622" s="91"/>
      <c r="IH622" s="91"/>
      <c r="II622" s="91"/>
      <c r="IJ622" s="91"/>
      <c r="IK622" s="127"/>
    </row>
    <row r="623" spans="2:245" x14ac:dyDescent="0.2">
      <c r="B623" s="43"/>
      <c r="C623" s="73"/>
      <c r="D623" s="64"/>
      <c r="E623" s="64"/>
      <c r="F623" s="55"/>
      <c r="G623" s="102"/>
      <c r="H623" s="55"/>
      <c r="I623" s="55"/>
      <c r="J623" s="55"/>
      <c r="K623" s="55"/>
      <c r="L623" s="55"/>
      <c r="M623" s="55"/>
      <c r="N623" s="55"/>
      <c r="O623" s="55"/>
      <c r="P623" s="55"/>
      <c r="Q623" s="55"/>
      <c r="R623" s="55"/>
      <c r="S623" s="55"/>
      <c r="T623" s="55"/>
      <c r="U623" s="55"/>
      <c r="V623" s="55"/>
      <c r="W623" s="55"/>
      <c r="X623" s="55"/>
      <c r="Y623" s="55"/>
      <c r="Z623" s="55"/>
      <c r="AA623" s="55"/>
      <c r="AB623" s="55"/>
      <c r="AC623" s="55"/>
      <c r="AD623" s="55"/>
      <c r="AE623" s="55"/>
      <c r="AF623" s="55"/>
      <c r="AG623" s="55"/>
      <c r="AY623" s="162"/>
      <c r="AZ623" s="162"/>
      <c r="BA623" s="162"/>
      <c r="BB623" s="162"/>
      <c r="BC623" s="162"/>
      <c r="BD623" s="162"/>
      <c r="BE623" s="162"/>
      <c r="BF623" s="162"/>
      <c r="BG623" s="162"/>
      <c r="BH623" s="162"/>
      <c r="BI623" s="162"/>
      <c r="BJ623" s="162"/>
      <c r="BK623" s="162"/>
      <c r="BL623" s="162"/>
      <c r="BM623" s="162"/>
      <c r="BN623" s="162"/>
      <c r="BO623" s="162"/>
      <c r="BP623" s="162"/>
      <c r="BQ623" s="162"/>
      <c r="BR623" s="162"/>
      <c r="BS623" s="162"/>
      <c r="BT623" s="162"/>
      <c r="BU623" s="162"/>
      <c r="BV623" s="162"/>
      <c r="BW623" s="162"/>
      <c r="BX623" s="162"/>
      <c r="BY623" s="162"/>
      <c r="BZ623" s="162"/>
      <c r="CA623" s="162"/>
      <c r="CB623" s="162"/>
      <c r="CC623" s="162"/>
      <c r="CD623" s="162"/>
      <c r="CE623" s="162"/>
      <c r="CF623" s="162"/>
      <c r="CG623" s="162"/>
      <c r="CH623" s="162"/>
      <c r="CI623" s="162"/>
      <c r="CJ623" s="162"/>
      <c r="CK623" s="162"/>
      <c r="CX623" s="98"/>
      <c r="DL623" s="97"/>
      <c r="DX623" s="98"/>
      <c r="EL623" s="97"/>
      <c r="EX623" s="98"/>
      <c r="EY623" s="97"/>
      <c r="FL623" s="126"/>
      <c r="FM623" s="91"/>
      <c r="FN623" s="91"/>
      <c r="FO623" s="91"/>
      <c r="FP623" s="91"/>
      <c r="FQ623" s="91"/>
      <c r="FR623" s="91"/>
      <c r="FS623" s="91"/>
      <c r="FT623" s="91"/>
      <c r="FU623" s="91"/>
      <c r="FV623" s="91"/>
      <c r="FW623" s="91"/>
      <c r="FX623" s="91"/>
      <c r="FY623" s="91"/>
      <c r="FZ623" s="91"/>
      <c r="GA623" s="91"/>
      <c r="GB623" s="91"/>
      <c r="GC623" s="91"/>
      <c r="GD623" s="91"/>
      <c r="GE623" s="91"/>
      <c r="GF623" s="91"/>
      <c r="GG623" s="91"/>
      <c r="GH623" s="91"/>
      <c r="GI623" s="91"/>
      <c r="GJ623" s="91"/>
      <c r="GK623" s="127"/>
      <c r="GL623" s="126"/>
      <c r="GM623" s="91"/>
      <c r="GN623" s="91"/>
      <c r="GO623" s="91"/>
      <c r="GP623" s="91"/>
      <c r="GQ623" s="91"/>
      <c r="GR623" s="91"/>
      <c r="GS623" s="91"/>
      <c r="GT623" s="91"/>
      <c r="GU623" s="91"/>
      <c r="GV623" s="91"/>
      <c r="GW623" s="91"/>
      <c r="GX623" s="91"/>
      <c r="GY623" s="91"/>
      <c r="GZ623" s="91"/>
      <c r="HA623" s="91"/>
      <c r="HB623" s="91"/>
      <c r="HC623" s="91"/>
      <c r="HD623" s="91"/>
      <c r="HE623" s="91"/>
      <c r="HF623" s="91"/>
      <c r="HG623" s="91"/>
      <c r="HH623" s="91"/>
      <c r="HI623" s="91"/>
      <c r="HJ623" s="91"/>
      <c r="HK623" s="127"/>
      <c r="HL623" s="126"/>
      <c r="HM623" s="91"/>
      <c r="HN623" s="91"/>
      <c r="HO623" s="91"/>
      <c r="HP623" s="91"/>
      <c r="HQ623" s="91"/>
      <c r="HR623" s="91"/>
      <c r="HS623" s="91"/>
      <c r="HT623" s="91"/>
      <c r="HU623" s="91"/>
      <c r="HV623" s="91"/>
      <c r="HW623" s="91"/>
      <c r="HX623" s="91"/>
      <c r="HY623" s="91"/>
      <c r="HZ623" s="91"/>
      <c r="IA623" s="91"/>
      <c r="IB623" s="91"/>
      <c r="IC623" s="91"/>
      <c r="ID623" s="91"/>
      <c r="IE623" s="91"/>
      <c r="IF623" s="91"/>
      <c r="IG623" s="91"/>
      <c r="IH623" s="91"/>
      <c r="II623" s="91"/>
      <c r="IJ623" s="91"/>
      <c r="IK623" s="127"/>
    </row>
    <row r="624" spans="2:245" x14ac:dyDescent="0.2">
      <c r="B624" s="43"/>
      <c r="C624" s="73"/>
      <c r="D624" s="64"/>
      <c r="E624" s="64"/>
      <c r="F624" s="55"/>
      <c r="G624" s="102"/>
      <c r="H624" s="55"/>
      <c r="I624" s="55"/>
      <c r="J624" s="55"/>
      <c r="K624" s="55"/>
      <c r="L624" s="55"/>
      <c r="M624" s="55"/>
      <c r="N624" s="55"/>
      <c r="O624" s="55"/>
      <c r="P624" s="55"/>
      <c r="Q624" s="55"/>
      <c r="R624" s="55"/>
      <c r="S624" s="55"/>
      <c r="T624" s="55"/>
      <c r="U624" s="55"/>
      <c r="V624" s="55"/>
      <c r="W624" s="55"/>
      <c r="X624" s="55"/>
      <c r="Y624" s="55"/>
      <c r="Z624" s="55"/>
      <c r="AA624" s="55"/>
      <c r="AB624" s="55"/>
      <c r="AC624" s="55"/>
      <c r="AD624" s="55"/>
      <c r="AE624" s="55"/>
      <c r="AF624" s="55"/>
      <c r="AG624" s="55"/>
      <c r="AY624" s="162"/>
      <c r="AZ624" s="162"/>
      <c r="BA624" s="162"/>
      <c r="BB624" s="162"/>
      <c r="BC624" s="162"/>
      <c r="BD624" s="162"/>
      <c r="BE624" s="162"/>
      <c r="BF624" s="162"/>
      <c r="BG624" s="162"/>
      <c r="BH624" s="162"/>
      <c r="BI624" s="162"/>
      <c r="BJ624" s="162"/>
      <c r="BK624" s="162"/>
      <c r="BL624" s="162"/>
      <c r="BM624" s="162"/>
      <c r="BN624" s="162"/>
      <c r="BO624" s="162"/>
      <c r="BP624" s="162"/>
      <c r="BQ624" s="162"/>
      <c r="BR624" s="162"/>
      <c r="BS624" s="162"/>
      <c r="BT624" s="162"/>
      <c r="BU624" s="162"/>
      <c r="BV624" s="162"/>
      <c r="BW624" s="162"/>
      <c r="BX624" s="162"/>
      <c r="BY624" s="162"/>
      <c r="BZ624" s="162"/>
      <c r="CA624" s="162"/>
      <c r="CB624" s="162"/>
      <c r="CC624" s="162"/>
      <c r="CD624" s="162"/>
      <c r="CE624" s="162"/>
      <c r="CF624" s="162"/>
      <c r="CG624" s="162"/>
      <c r="CH624" s="162"/>
      <c r="CI624" s="162"/>
      <c r="CJ624" s="162"/>
      <c r="CK624" s="162"/>
      <c r="CX624" s="98"/>
      <c r="DL624" s="97"/>
      <c r="DX624" s="98"/>
      <c r="EL624" s="97"/>
      <c r="EX624" s="98"/>
      <c r="EY624" s="97"/>
      <c r="FL624" s="126"/>
      <c r="FM624" s="91"/>
      <c r="FN624" s="91"/>
      <c r="FO624" s="91"/>
      <c r="FP624" s="91"/>
      <c r="FQ624" s="91"/>
      <c r="FR624" s="91"/>
      <c r="FS624" s="91"/>
      <c r="FT624" s="91"/>
      <c r="FU624" s="91"/>
      <c r="FV624" s="91"/>
      <c r="FW624" s="91"/>
      <c r="FX624" s="91"/>
      <c r="FY624" s="91"/>
      <c r="FZ624" s="91"/>
      <c r="GA624" s="91"/>
      <c r="GB624" s="91"/>
      <c r="GC624" s="91"/>
      <c r="GD624" s="91"/>
      <c r="GE624" s="91"/>
      <c r="GF624" s="91"/>
      <c r="GG624" s="91"/>
      <c r="GH624" s="91"/>
      <c r="GI624" s="91"/>
      <c r="GJ624" s="91"/>
      <c r="GK624" s="127"/>
      <c r="GL624" s="126"/>
      <c r="GM624" s="91"/>
      <c r="GN624" s="91"/>
      <c r="GO624" s="91"/>
      <c r="GP624" s="91"/>
      <c r="GQ624" s="91"/>
      <c r="GR624" s="91"/>
      <c r="GS624" s="91"/>
      <c r="GT624" s="91"/>
      <c r="GU624" s="91"/>
      <c r="GV624" s="91"/>
      <c r="GW624" s="91"/>
      <c r="GX624" s="91"/>
      <c r="GY624" s="91"/>
      <c r="GZ624" s="91"/>
      <c r="HA624" s="91"/>
      <c r="HB624" s="91"/>
      <c r="HC624" s="91"/>
      <c r="HD624" s="91"/>
      <c r="HE624" s="91"/>
      <c r="HF624" s="91"/>
      <c r="HG624" s="91"/>
      <c r="HH624" s="91"/>
      <c r="HI624" s="91"/>
      <c r="HJ624" s="91"/>
      <c r="HK624" s="127"/>
      <c r="HL624" s="126"/>
      <c r="HM624" s="91"/>
      <c r="HN624" s="91"/>
      <c r="HO624" s="91"/>
      <c r="HP624" s="91"/>
      <c r="HQ624" s="91"/>
      <c r="HR624" s="91"/>
      <c r="HS624" s="91"/>
      <c r="HT624" s="91"/>
      <c r="HU624" s="91"/>
      <c r="HV624" s="91"/>
      <c r="HW624" s="91"/>
      <c r="HX624" s="91"/>
      <c r="HY624" s="91"/>
      <c r="HZ624" s="91"/>
      <c r="IA624" s="91"/>
      <c r="IB624" s="91"/>
      <c r="IC624" s="91"/>
      <c r="ID624" s="91"/>
      <c r="IE624" s="91"/>
      <c r="IF624" s="91"/>
      <c r="IG624" s="91"/>
      <c r="IH624" s="91"/>
      <c r="II624" s="91"/>
      <c r="IJ624" s="91"/>
      <c r="IK624" s="127"/>
    </row>
    <row r="625" spans="2:245" x14ac:dyDescent="0.2">
      <c r="B625" s="43"/>
      <c r="C625" s="73"/>
      <c r="D625" s="64"/>
      <c r="E625" s="64"/>
      <c r="F625" s="55"/>
      <c r="G625" s="102"/>
      <c r="H625" s="55"/>
      <c r="I625" s="55"/>
      <c r="J625" s="55"/>
      <c r="K625" s="55"/>
      <c r="L625" s="55"/>
      <c r="M625" s="55"/>
      <c r="N625" s="55"/>
      <c r="O625" s="55"/>
      <c r="P625" s="55"/>
      <c r="Q625" s="55"/>
      <c r="R625" s="55"/>
      <c r="S625" s="55"/>
      <c r="T625" s="55"/>
      <c r="U625" s="55"/>
      <c r="V625" s="55"/>
      <c r="W625" s="55"/>
      <c r="X625" s="55"/>
      <c r="Y625" s="55"/>
      <c r="Z625" s="55"/>
      <c r="AA625" s="55"/>
      <c r="AB625" s="55"/>
      <c r="AC625" s="55"/>
      <c r="AD625" s="55"/>
      <c r="AE625" s="55"/>
      <c r="AF625" s="55"/>
      <c r="AG625" s="55"/>
      <c r="AY625" s="162"/>
      <c r="AZ625" s="162"/>
      <c r="BA625" s="162"/>
      <c r="BB625" s="162"/>
      <c r="BC625" s="162"/>
      <c r="BD625" s="162"/>
      <c r="BE625" s="162"/>
      <c r="BF625" s="162"/>
      <c r="BG625" s="162"/>
      <c r="BH625" s="162"/>
      <c r="BI625" s="162"/>
      <c r="BJ625" s="162"/>
      <c r="BK625" s="162"/>
      <c r="BL625" s="162"/>
      <c r="BM625" s="162"/>
      <c r="BN625" s="162"/>
      <c r="BO625" s="162"/>
      <c r="BP625" s="162"/>
      <c r="BQ625" s="162"/>
      <c r="BR625" s="162"/>
      <c r="BS625" s="162"/>
      <c r="BT625" s="162"/>
      <c r="BU625" s="162"/>
      <c r="BV625" s="162"/>
      <c r="BW625" s="162"/>
      <c r="BX625" s="162"/>
      <c r="BY625" s="162"/>
      <c r="BZ625" s="162"/>
      <c r="CA625" s="162"/>
      <c r="CB625" s="162"/>
      <c r="CC625" s="162"/>
      <c r="CD625" s="162"/>
      <c r="CE625" s="162"/>
      <c r="CF625" s="162"/>
      <c r="CG625" s="162"/>
      <c r="CH625" s="162"/>
      <c r="CI625" s="162"/>
      <c r="CJ625" s="162"/>
      <c r="CK625" s="162"/>
      <c r="CX625" s="98"/>
      <c r="DL625" s="97"/>
      <c r="DX625" s="98"/>
      <c r="EL625" s="97"/>
      <c r="EX625" s="98"/>
      <c r="EY625" s="97"/>
      <c r="FL625" s="126"/>
      <c r="FM625" s="91"/>
      <c r="FN625" s="91"/>
      <c r="FO625" s="91"/>
      <c r="FP625" s="91"/>
      <c r="FQ625" s="91"/>
      <c r="FR625" s="91"/>
      <c r="FS625" s="91"/>
      <c r="FT625" s="91"/>
      <c r="FU625" s="91"/>
      <c r="FV625" s="91"/>
      <c r="FW625" s="91"/>
      <c r="FX625" s="91"/>
      <c r="FY625" s="91"/>
      <c r="FZ625" s="91"/>
      <c r="GA625" s="91"/>
      <c r="GB625" s="91"/>
      <c r="GC625" s="91"/>
      <c r="GD625" s="91"/>
      <c r="GE625" s="91"/>
      <c r="GF625" s="91"/>
      <c r="GG625" s="91"/>
      <c r="GH625" s="91"/>
      <c r="GI625" s="91"/>
      <c r="GJ625" s="91"/>
      <c r="GK625" s="127"/>
      <c r="GL625" s="126"/>
      <c r="GM625" s="91"/>
      <c r="GN625" s="91"/>
      <c r="GO625" s="91"/>
      <c r="GP625" s="91"/>
      <c r="GQ625" s="91"/>
      <c r="GR625" s="91"/>
      <c r="GS625" s="91"/>
      <c r="GT625" s="91"/>
      <c r="GU625" s="91"/>
      <c r="GV625" s="91"/>
      <c r="GW625" s="91"/>
      <c r="GX625" s="91"/>
      <c r="GY625" s="91"/>
      <c r="GZ625" s="91"/>
      <c r="HA625" s="91"/>
      <c r="HB625" s="91"/>
      <c r="HC625" s="91"/>
      <c r="HD625" s="91"/>
      <c r="HE625" s="91"/>
      <c r="HF625" s="91"/>
      <c r="HG625" s="91"/>
      <c r="HH625" s="91"/>
      <c r="HI625" s="91"/>
      <c r="HJ625" s="91"/>
      <c r="HK625" s="127"/>
      <c r="HL625" s="126"/>
      <c r="HM625" s="91"/>
      <c r="HN625" s="91"/>
      <c r="HO625" s="91"/>
      <c r="HP625" s="91"/>
      <c r="HQ625" s="91"/>
      <c r="HR625" s="91"/>
      <c r="HS625" s="91"/>
      <c r="HT625" s="91"/>
      <c r="HU625" s="91"/>
      <c r="HV625" s="91"/>
      <c r="HW625" s="91"/>
      <c r="HX625" s="91"/>
      <c r="HY625" s="91"/>
      <c r="HZ625" s="91"/>
      <c r="IA625" s="91"/>
      <c r="IB625" s="91"/>
      <c r="IC625" s="91"/>
      <c r="ID625" s="91"/>
      <c r="IE625" s="91"/>
      <c r="IF625" s="91"/>
      <c r="IG625" s="91"/>
      <c r="IH625" s="91"/>
      <c r="II625" s="91"/>
      <c r="IJ625" s="91"/>
      <c r="IK625" s="127"/>
    </row>
    <row r="626" spans="2:245" x14ac:dyDescent="0.2">
      <c r="B626" s="43"/>
      <c r="C626" s="73"/>
      <c r="D626" s="64"/>
      <c r="E626" s="64"/>
      <c r="F626" s="55"/>
      <c r="G626" s="102"/>
      <c r="H626" s="55"/>
      <c r="I626" s="55"/>
      <c r="J626" s="55"/>
      <c r="K626" s="55"/>
      <c r="L626" s="55"/>
      <c r="M626" s="55"/>
      <c r="N626" s="55"/>
      <c r="O626" s="55"/>
      <c r="P626" s="55"/>
      <c r="Q626" s="55"/>
      <c r="R626" s="55"/>
      <c r="S626" s="55"/>
      <c r="T626" s="55"/>
      <c r="U626" s="55"/>
      <c r="V626" s="55"/>
      <c r="W626" s="55"/>
      <c r="X626" s="55"/>
      <c r="Y626" s="55"/>
      <c r="Z626" s="55"/>
      <c r="AA626" s="55"/>
      <c r="AB626" s="55"/>
      <c r="AC626" s="55"/>
      <c r="AD626" s="55"/>
      <c r="AE626" s="55"/>
      <c r="AF626" s="55"/>
      <c r="AG626" s="55"/>
      <c r="AY626" s="162"/>
      <c r="AZ626" s="162"/>
      <c r="BA626" s="162"/>
      <c r="BB626" s="162"/>
      <c r="BC626" s="162"/>
      <c r="BD626" s="162"/>
      <c r="BE626" s="162"/>
      <c r="BF626" s="162"/>
      <c r="BG626" s="162"/>
      <c r="BH626" s="162"/>
      <c r="BI626" s="162"/>
      <c r="BJ626" s="162"/>
      <c r="BK626" s="162"/>
      <c r="BL626" s="162"/>
      <c r="BM626" s="162"/>
      <c r="BN626" s="162"/>
      <c r="BO626" s="162"/>
      <c r="BP626" s="162"/>
      <c r="BQ626" s="162"/>
      <c r="BR626" s="162"/>
      <c r="BS626" s="162"/>
      <c r="BT626" s="162"/>
      <c r="BU626" s="162"/>
      <c r="BV626" s="162"/>
      <c r="BW626" s="162"/>
      <c r="BX626" s="162"/>
      <c r="BY626" s="162"/>
      <c r="BZ626" s="162"/>
      <c r="CA626" s="162"/>
      <c r="CB626" s="162"/>
      <c r="CC626" s="162"/>
      <c r="CD626" s="162"/>
      <c r="CE626" s="162"/>
      <c r="CF626" s="162"/>
      <c r="CG626" s="162"/>
      <c r="CH626" s="162"/>
      <c r="CI626" s="162"/>
      <c r="CJ626" s="162"/>
      <c r="CK626" s="162"/>
      <c r="CX626" s="98"/>
      <c r="DL626" s="97"/>
      <c r="DX626" s="98"/>
      <c r="EL626" s="97"/>
      <c r="EX626" s="98"/>
      <c r="EY626" s="97"/>
      <c r="FL626" s="126"/>
      <c r="FM626" s="91"/>
      <c r="FN626" s="91"/>
      <c r="FO626" s="91"/>
      <c r="FP626" s="91"/>
      <c r="FQ626" s="91"/>
      <c r="FR626" s="91"/>
      <c r="FS626" s="91"/>
      <c r="FT626" s="91"/>
      <c r="FU626" s="91"/>
      <c r="FV626" s="91"/>
      <c r="FW626" s="91"/>
      <c r="FX626" s="91"/>
      <c r="FY626" s="91"/>
      <c r="FZ626" s="91"/>
      <c r="GA626" s="91"/>
      <c r="GB626" s="91"/>
      <c r="GC626" s="91"/>
      <c r="GD626" s="91"/>
      <c r="GE626" s="91"/>
      <c r="GF626" s="91"/>
      <c r="GG626" s="91"/>
      <c r="GH626" s="91"/>
      <c r="GI626" s="91"/>
      <c r="GJ626" s="91"/>
      <c r="GK626" s="127"/>
      <c r="GL626" s="126"/>
      <c r="GM626" s="91"/>
      <c r="GN626" s="91"/>
      <c r="GO626" s="91"/>
      <c r="GP626" s="91"/>
      <c r="GQ626" s="91"/>
      <c r="GR626" s="91"/>
      <c r="GS626" s="91"/>
      <c r="GT626" s="91"/>
      <c r="GU626" s="91"/>
      <c r="GV626" s="91"/>
      <c r="GW626" s="91"/>
      <c r="GX626" s="91"/>
      <c r="GY626" s="91"/>
      <c r="GZ626" s="91"/>
      <c r="HA626" s="91"/>
      <c r="HB626" s="91"/>
      <c r="HC626" s="91"/>
      <c r="HD626" s="91"/>
      <c r="HE626" s="91"/>
      <c r="HF626" s="91"/>
      <c r="HG626" s="91"/>
      <c r="HH626" s="91"/>
      <c r="HI626" s="91"/>
      <c r="HJ626" s="91"/>
      <c r="HK626" s="127"/>
      <c r="HL626" s="126"/>
      <c r="HM626" s="91"/>
      <c r="HN626" s="91"/>
      <c r="HO626" s="91"/>
      <c r="HP626" s="91"/>
      <c r="HQ626" s="91"/>
      <c r="HR626" s="91"/>
      <c r="HS626" s="91"/>
      <c r="HT626" s="91"/>
      <c r="HU626" s="91"/>
      <c r="HV626" s="91"/>
      <c r="HW626" s="91"/>
      <c r="HX626" s="91"/>
      <c r="HY626" s="91"/>
      <c r="HZ626" s="91"/>
      <c r="IA626" s="91"/>
      <c r="IB626" s="91"/>
      <c r="IC626" s="91"/>
      <c r="ID626" s="91"/>
      <c r="IE626" s="91"/>
      <c r="IF626" s="91"/>
      <c r="IG626" s="91"/>
      <c r="IH626" s="91"/>
      <c r="II626" s="91"/>
      <c r="IJ626" s="91"/>
      <c r="IK626" s="127"/>
    </row>
    <row r="627" spans="2:245" x14ac:dyDescent="0.2">
      <c r="B627" s="43"/>
      <c r="C627" s="73"/>
      <c r="D627" s="64"/>
      <c r="E627" s="64"/>
      <c r="F627" s="55"/>
      <c r="G627" s="102"/>
      <c r="H627" s="55"/>
      <c r="I627" s="55"/>
      <c r="J627" s="55"/>
      <c r="K627" s="55"/>
      <c r="L627" s="55"/>
      <c r="M627" s="55"/>
      <c r="N627" s="55"/>
      <c r="O627" s="55"/>
      <c r="P627" s="55"/>
      <c r="Q627" s="55"/>
      <c r="R627" s="55"/>
      <c r="S627" s="55"/>
      <c r="T627" s="55"/>
      <c r="U627" s="55"/>
      <c r="V627" s="55"/>
      <c r="W627" s="55"/>
      <c r="X627" s="55"/>
      <c r="Y627" s="55"/>
      <c r="Z627" s="55"/>
      <c r="AA627" s="55"/>
      <c r="AB627" s="55"/>
      <c r="AC627" s="55"/>
      <c r="AD627" s="55"/>
      <c r="AE627" s="55"/>
      <c r="AF627" s="55"/>
      <c r="AG627" s="55"/>
      <c r="AY627" s="162"/>
      <c r="AZ627" s="162"/>
      <c r="BA627" s="162"/>
      <c r="BB627" s="162"/>
      <c r="BC627" s="162"/>
      <c r="BD627" s="162"/>
      <c r="BE627" s="162"/>
      <c r="BF627" s="162"/>
      <c r="BG627" s="162"/>
      <c r="BH627" s="162"/>
      <c r="BI627" s="162"/>
      <c r="BJ627" s="162"/>
      <c r="BK627" s="162"/>
      <c r="BL627" s="162"/>
      <c r="BM627" s="162"/>
      <c r="BN627" s="162"/>
      <c r="BO627" s="162"/>
      <c r="BP627" s="162"/>
      <c r="BQ627" s="162"/>
      <c r="BR627" s="162"/>
      <c r="BS627" s="162"/>
      <c r="BT627" s="162"/>
      <c r="BU627" s="162"/>
      <c r="BV627" s="162"/>
      <c r="BW627" s="162"/>
      <c r="BX627" s="162"/>
      <c r="BY627" s="162"/>
      <c r="BZ627" s="162"/>
      <c r="CA627" s="162"/>
      <c r="CB627" s="162"/>
      <c r="CC627" s="162"/>
      <c r="CD627" s="162"/>
      <c r="CE627" s="162"/>
      <c r="CF627" s="162"/>
      <c r="CG627" s="162"/>
      <c r="CH627" s="162"/>
      <c r="CI627" s="162"/>
      <c r="CJ627" s="162"/>
      <c r="CK627" s="162"/>
      <c r="CX627" s="98"/>
      <c r="DL627" s="97"/>
      <c r="DX627" s="98"/>
      <c r="EL627" s="97"/>
      <c r="EX627" s="98"/>
      <c r="EY627" s="97"/>
      <c r="FL627" s="126"/>
      <c r="FM627" s="91"/>
      <c r="FN627" s="91"/>
      <c r="FO627" s="91"/>
      <c r="FP627" s="91"/>
      <c r="FQ627" s="91"/>
      <c r="FR627" s="91"/>
      <c r="FS627" s="91"/>
      <c r="FT627" s="91"/>
      <c r="FU627" s="91"/>
      <c r="FV627" s="91"/>
      <c r="FW627" s="91"/>
      <c r="FX627" s="91"/>
      <c r="FY627" s="91"/>
      <c r="FZ627" s="91"/>
      <c r="GA627" s="91"/>
      <c r="GB627" s="91"/>
      <c r="GC627" s="91"/>
      <c r="GD627" s="91"/>
      <c r="GE627" s="91"/>
      <c r="GF627" s="91"/>
      <c r="GG627" s="91"/>
      <c r="GH627" s="91"/>
      <c r="GI627" s="91"/>
      <c r="GJ627" s="91"/>
      <c r="GK627" s="127"/>
      <c r="GL627" s="126"/>
      <c r="GM627" s="91"/>
      <c r="GN627" s="91"/>
      <c r="GO627" s="91"/>
      <c r="GP627" s="91"/>
      <c r="GQ627" s="91"/>
      <c r="GR627" s="91"/>
      <c r="GS627" s="91"/>
      <c r="GT627" s="91"/>
      <c r="GU627" s="91"/>
      <c r="GV627" s="91"/>
      <c r="GW627" s="91"/>
      <c r="GX627" s="91"/>
      <c r="GY627" s="91"/>
      <c r="GZ627" s="91"/>
      <c r="HA627" s="91"/>
      <c r="HB627" s="91"/>
      <c r="HC627" s="91"/>
      <c r="HD627" s="91"/>
      <c r="HE627" s="91"/>
      <c r="HF627" s="91"/>
      <c r="HG627" s="91"/>
      <c r="HH627" s="91"/>
      <c r="HI627" s="91"/>
      <c r="HJ627" s="91"/>
      <c r="HK627" s="127"/>
      <c r="HL627" s="126"/>
      <c r="HM627" s="91"/>
      <c r="HN627" s="91"/>
      <c r="HO627" s="91"/>
      <c r="HP627" s="91"/>
      <c r="HQ627" s="91"/>
      <c r="HR627" s="91"/>
      <c r="HS627" s="91"/>
      <c r="HT627" s="91"/>
      <c r="HU627" s="91"/>
      <c r="HV627" s="91"/>
      <c r="HW627" s="91"/>
      <c r="HX627" s="91"/>
      <c r="HY627" s="91"/>
      <c r="HZ627" s="91"/>
      <c r="IA627" s="91"/>
      <c r="IB627" s="91"/>
      <c r="IC627" s="91"/>
      <c r="ID627" s="91"/>
      <c r="IE627" s="91"/>
      <c r="IF627" s="91"/>
      <c r="IG627" s="91"/>
      <c r="IH627" s="91"/>
      <c r="II627" s="91"/>
      <c r="IJ627" s="91"/>
      <c r="IK627" s="127"/>
    </row>
    <row r="628" spans="2:245" x14ac:dyDescent="0.2">
      <c r="B628" s="43"/>
      <c r="C628" s="73"/>
      <c r="D628" s="64"/>
      <c r="E628" s="64"/>
      <c r="F628" s="55"/>
      <c r="G628" s="102"/>
      <c r="H628" s="55"/>
      <c r="I628" s="55"/>
      <c r="J628" s="55"/>
      <c r="K628" s="55"/>
      <c r="L628" s="55"/>
      <c r="M628" s="55"/>
      <c r="N628" s="55"/>
      <c r="O628" s="55"/>
      <c r="P628" s="55"/>
      <c r="Q628" s="55"/>
      <c r="R628" s="55"/>
      <c r="S628" s="55"/>
      <c r="T628" s="55"/>
      <c r="U628" s="55"/>
      <c r="V628" s="55"/>
      <c r="W628" s="55"/>
      <c r="X628" s="55"/>
      <c r="Y628" s="55"/>
      <c r="Z628" s="55"/>
      <c r="AA628" s="55"/>
      <c r="AB628" s="55"/>
      <c r="AC628" s="55"/>
      <c r="AD628" s="55"/>
      <c r="AE628" s="55"/>
      <c r="AF628" s="55"/>
      <c r="AG628" s="55"/>
      <c r="AY628" s="162"/>
      <c r="AZ628" s="162"/>
      <c r="BA628" s="162"/>
      <c r="BB628" s="162"/>
      <c r="BC628" s="162"/>
      <c r="BD628" s="162"/>
      <c r="BE628" s="162"/>
      <c r="BF628" s="162"/>
      <c r="BG628" s="162"/>
      <c r="BH628" s="162"/>
      <c r="BI628" s="162"/>
      <c r="BJ628" s="162"/>
      <c r="BK628" s="162"/>
      <c r="BL628" s="162"/>
      <c r="BM628" s="162"/>
      <c r="BN628" s="162"/>
      <c r="BO628" s="162"/>
      <c r="BP628" s="162"/>
      <c r="BQ628" s="162"/>
      <c r="BR628" s="162"/>
      <c r="BS628" s="162"/>
      <c r="BT628" s="162"/>
      <c r="BU628" s="162"/>
      <c r="BV628" s="162"/>
      <c r="BW628" s="162"/>
      <c r="BX628" s="162"/>
      <c r="BY628" s="162"/>
      <c r="BZ628" s="162"/>
      <c r="CA628" s="162"/>
      <c r="CB628" s="162"/>
      <c r="CC628" s="162"/>
      <c r="CD628" s="162"/>
      <c r="CE628" s="162"/>
      <c r="CF628" s="162"/>
      <c r="CG628" s="162"/>
      <c r="CH628" s="162"/>
      <c r="CI628" s="162"/>
      <c r="CJ628" s="162"/>
      <c r="CK628" s="162"/>
      <c r="CX628" s="98"/>
      <c r="DL628" s="97"/>
      <c r="DX628" s="98"/>
      <c r="EL628" s="97"/>
      <c r="EX628" s="98"/>
      <c r="EY628" s="97"/>
      <c r="FL628" s="126"/>
      <c r="FM628" s="91"/>
      <c r="FN628" s="91"/>
      <c r="FO628" s="91"/>
      <c r="FP628" s="91"/>
      <c r="FQ628" s="91"/>
      <c r="FR628" s="91"/>
      <c r="FS628" s="91"/>
      <c r="FT628" s="91"/>
      <c r="FU628" s="91"/>
      <c r="FV628" s="91"/>
      <c r="FW628" s="91"/>
      <c r="FX628" s="91"/>
      <c r="FY628" s="91"/>
      <c r="FZ628" s="91"/>
      <c r="GA628" s="91"/>
      <c r="GB628" s="91"/>
      <c r="GC628" s="91"/>
      <c r="GD628" s="91"/>
      <c r="GE628" s="91"/>
      <c r="GF628" s="91"/>
      <c r="GG628" s="91"/>
      <c r="GH628" s="91"/>
      <c r="GI628" s="91"/>
      <c r="GJ628" s="91"/>
      <c r="GK628" s="127"/>
      <c r="GL628" s="126"/>
      <c r="GM628" s="91"/>
      <c r="GN628" s="91"/>
      <c r="GO628" s="91"/>
      <c r="GP628" s="91"/>
      <c r="GQ628" s="91"/>
      <c r="GR628" s="91"/>
      <c r="GS628" s="91"/>
      <c r="GT628" s="91"/>
      <c r="GU628" s="91"/>
      <c r="GV628" s="91"/>
      <c r="GW628" s="91"/>
      <c r="GX628" s="91"/>
      <c r="GY628" s="91"/>
      <c r="GZ628" s="91"/>
      <c r="HA628" s="91"/>
      <c r="HB628" s="91"/>
      <c r="HC628" s="91"/>
      <c r="HD628" s="91"/>
      <c r="HE628" s="91"/>
      <c r="HF628" s="91"/>
      <c r="HG628" s="91"/>
      <c r="HH628" s="91"/>
      <c r="HI628" s="91"/>
      <c r="HJ628" s="91"/>
      <c r="HK628" s="127"/>
      <c r="HL628" s="126"/>
      <c r="HM628" s="91"/>
      <c r="HN628" s="91"/>
      <c r="HO628" s="91"/>
      <c r="HP628" s="91"/>
      <c r="HQ628" s="91"/>
      <c r="HR628" s="91"/>
      <c r="HS628" s="91"/>
      <c r="HT628" s="91"/>
      <c r="HU628" s="91"/>
      <c r="HV628" s="91"/>
      <c r="HW628" s="91"/>
      <c r="HX628" s="91"/>
      <c r="HY628" s="91"/>
      <c r="HZ628" s="91"/>
      <c r="IA628" s="91"/>
      <c r="IB628" s="91"/>
      <c r="IC628" s="91"/>
      <c r="ID628" s="91"/>
      <c r="IE628" s="91"/>
      <c r="IF628" s="91"/>
      <c r="IG628" s="91"/>
      <c r="IH628" s="91"/>
      <c r="II628" s="91"/>
      <c r="IJ628" s="91"/>
      <c r="IK628" s="127"/>
    </row>
    <row r="629" spans="2:245" x14ac:dyDescent="0.2">
      <c r="B629" s="43"/>
      <c r="C629" s="73"/>
      <c r="D629" s="64"/>
      <c r="E629" s="64"/>
      <c r="F629" s="55"/>
      <c r="G629" s="102"/>
      <c r="H629" s="55"/>
      <c r="I629" s="55"/>
      <c r="J629" s="55"/>
      <c r="K629" s="55"/>
      <c r="L629" s="55"/>
      <c r="M629" s="55"/>
      <c r="N629" s="55"/>
      <c r="O629" s="55"/>
      <c r="P629" s="55"/>
      <c r="Q629" s="55"/>
      <c r="R629" s="55"/>
      <c r="S629" s="55"/>
      <c r="T629" s="55"/>
      <c r="U629" s="55"/>
      <c r="V629" s="55"/>
      <c r="W629" s="55"/>
      <c r="X629" s="55"/>
      <c r="Y629" s="55"/>
      <c r="Z629" s="55"/>
      <c r="AA629" s="55"/>
      <c r="AB629" s="55"/>
      <c r="AC629" s="55"/>
      <c r="AD629" s="55"/>
      <c r="AE629" s="55"/>
      <c r="AF629" s="55"/>
      <c r="AG629" s="55"/>
      <c r="AY629" s="162"/>
      <c r="AZ629" s="162"/>
      <c r="BA629" s="162"/>
      <c r="BB629" s="162"/>
      <c r="BC629" s="162"/>
      <c r="BD629" s="162"/>
      <c r="BE629" s="162"/>
      <c r="BF629" s="162"/>
      <c r="BG629" s="162"/>
      <c r="BH629" s="162"/>
      <c r="BI629" s="162"/>
      <c r="BJ629" s="162"/>
      <c r="BK629" s="162"/>
      <c r="BL629" s="162"/>
      <c r="BM629" s="162"/>
      <c r="BN629" s="162"/>
      <c r="BO629" s="162"/>
      <c r="BP629" s="162"/>
      <c r="BQ629" s="162"/>
      <c r="BR629" s="162"/>
      <c r="BS629" s="162"/>
      <c r="BT629" s="162"/>
      <c r="BU629" s="162"/>
      <c r="BV629" s="162"/>
      <c r="BW629" s="162"/>
      <c r="BX629" s="162"/>
      <c r="BY629" s="162"/>
      <c r="BZ629" s="162"/>
      <c r="CA629" s="162"/>
      <c r="CB629" s="162"/>
      <c r="CC629" s="162"/>
      <c r="CD629" s="162"/>
      <c r="CE629" s="162"/>
      <c r="CF629" s="162"/>
      <c r="CG629" s="162"/>
      <c r="CH629" s="162"/>
      <c r="CI629" s="162"/>
      <c r="CJ629" s="162"/>
      <c r="CK629" s="162"/>
      <c r="CX629" s="98"/>
      <c r="DL629" s="97"/>
      <c r="DX629" s="98"/>
      <c r="EL629" s="97"/>
      <c r="EX629" s="98"/>
      <c r="EY629" s="97"/>
      <c r="FL629" s="126"/>
      <c r="FM629" s="91"/>
      <c r="FN629" s="91"/>
      <c r="FO629" s="91"/>
      <c r="FP629" s="91"/>
      <c r="FQ629" s="91"/>
      <c r="FR629" s="91"/>
      <c r="FS629" s="91"/>
      <c r="FT629" s="91"/>
      <c r="FU629" s="91"/>
      <c r="FV629" s="91"/>
      <c r="FW629" s="91"/>
      <c r="FX629" s="91"/>
      <c r="FY629" s="91"/>
      <c r="FZ629" s="91"/>
      <c r="GA629" s="91"/>
      <c r="GB629" s="91"/>
      <c r="GC629" s="91"/>
      <c r="GD629" s="91"/>
      <c r="GE629" s="91"/>
      <c r="GF629" s="91"/>
      <c r="GG629" s="91"/>
      <c r="GH629" s="91"/>
      <c r="GI629" s="91"/>
      <c r="GJ629" s="91"/>
      <c r="GK629" s="127"/>
      <c r="GL629" s="126"/>
      <c r="GM629" s="91"/>
      <c r="GN629" s="91"/>
      <c r="GO629" s="91"/>
      <c r="GP629" s="91"/>
      <c r="GQ629" s="91"/>
      <c r="GR629" s="91"/>
      <c r="GS629" s="91"/>
      <c r="GT629" s="91"/>
      <c r="GU629" s="91"/>
      <c r="GV629" s="91"/>
      <c r="GW629" s="91"/>
      <c r="GX629" s="91"/>
      <c r="GY629" s="91"/>
      <c r="GZ629" s="91"/>
      <c r="HA629" s="91"/>
      <c r="HB629" s="91"/>
      <c r="HC629" s="91"/>
      <c r="HD629" s="91"/>
      <c r="HE629" s="91"/>
      <c r="HF629" s="91"/>
      <c r="HG629" s="91"/>
      <c r="HH629" s="91"/>
      <c r="HI629" s="91"/>
      <c r="HJ629" s="91"/>
      <c r="HK629" s="127"/>
      <c r="HL629" s="126"/>
      <c r="HM629" s="91"/>
      <c r="HN629" s="91"/>
      <c r="HO629" s="91"/>
      <c r="HP629" s="91"/>
      <c r="HQ629" s="91"/>
      <c r="HR629" s="91"/>
      <c r="HS629" s="91"/>
      <c r="HT629" s="91"/>
      <c r="HU629" s="91"/>
      <c r="HV629" s="91"/>
      <c r="HW629" s="91"/>
      <c r="HX629" s="91"/>
      <c r="HY629" s="91"/>
      <c r="HZ629" s="91"/>
      <c r="IA629" s="91"/>
      <c r="IB629" s="91"/>
      <c r="IC629" s="91"/>
      <c r="ID629" s="91"/>
      <c r="IE629" s="91"/>
      <c r="IF629" s="91"/>
      <c r="IG629" s="91"/>
      <c r="IH629" s="91"/>
      <c r="II629" s="91"/>
      <c r="IJ629" s="91"/>
      <c r="IK629" s="127"/>
    </row>
    <row r="630" spans="2:245" x14ac:dyDescent="0.2">
      <c r="B630" s="43"/>
      <c r="C630" s="73"/>
      <c r="D630" s="64"/>
      <c r="E630" s="64"/>
      <c r="F630" s="55"/>
      <c r="G630" s="102"/>
      <c r="H630" s="55"/>
      <c r="I630" s="55"/>
      <c r="J630" s="55"/>
      <c r="K630" s="55"/>
      <c r="L630" s="55"/>
      <c r="M630" s="55"/>
      <c r="N630" s="55"/>
      <c r="O630" s="55"/>
      <c r="P630" s="55"/>
      <c r="Q630" s="55"/>
      <c r="R630" s="55"/>
      <c r="S630" s="55"/>
      <c r="T630" s="55"/>
      <c r="U630" s="55"/>
      <c r="V630" s="55"/>
      <c r="W630" s="55"/>
      <c r="X630" s="55"/>
      <c r="Y630" s="55"/>
      <c r="Z630" s="55"/>
      <c r="AA630" s="55"/>
      <c r="AB630" s="55"/>
      <c r="AC630" s="55"/>
      <c r="AD630" s="55"/>
      <c r="AE630" s="55"/>
      <c r="AF630" s="55"/>
      <c r="AG630" s="55"/>
      <c r="AY630" s="162"/>
      <c r="AZ630" s="162"/>
      <c r="BA630" s="162"/>
      <c r="BB630" s="162"/>
      <c r="BC630" s="162"/>
      <c r="BD630" s="162"/>
      <c r="BE630" s="162"/>
      <c r="BF630" s="162"/>
      <c r="BG630" s="162"/>
      <c r="BH630" s="162"/>
      <c r="BI630" s="162"/>
      <c r="BJ630" s="162"/>
      <c r="BK630" s="162"/>
      <c r="BL630" s="162"/>
      <c r="BM630" s="162"/>
      <c r="BN630" s="162"/>
      <c r="BO630" s="162"/>
      <c r="BP630" s="162"/>
      <c r="BQ630" s="162"/>
      <c r="BR630" s="162"/>
      <c r="BS630" s="162"/>
      <c r="BT630" s="162"/>
      <c r="BU630" s="162"/>
      <c r="BV630" s="162"/>
      <c r="BW630" s="162"/>
      <c r="BX630" s="162"/>
      <c r="BY630" s="162"/>
      <c r="BZ630" s="162"/>
      <c r="CA630" s="162"/>
      <c r="CB630" s="162"/>
      <c r="CC630" s="162"/>
      <c r="CD630" s="162"/>
      <c r="CE630" s="162"/>
      <c r="CF630" s="162"/>
      <c r="CG630" s="162"/>
      <c r="CH630" s="162"/>
      <c r="CI630" s="162"/>
      <c r="CJ630" s="162"/>
      <c r="CK630" s="162"/>
      <c r="CX630" s="98"/>
      <c r="DL630" s="97"/>
      <c r="DX630" s="98"/>
      <c r="EL630" s="97"/>
      <c r="EX630" s="98"/>
      <c r="EY630" s="97"/>
      <c r="FL630" s="126"/>
      <c r="FM630" s="91"/>
      <c r="FN630" s="91"/>
      <c r="FO630" s="91"/>
      <c r="FP630" s="91"/>
      <c r="FQ630" s="91"/>
      <c r="FR630" s="91"/>
      <c r="FS630" s="91"/>
      <c r="FT630" s="91"/>
      <c r="FU630" s="91"/>
      <c r="FV630" s="91"/>
      <c r="FW630" s="91"/>
      <c r="FX630" s="91"/>
      <c r="FY630" s="91"/>
      <c r="FZ630" s="91"/>
      <c r="GA630" s="91"/>
      <c r="GB630" s="91"/>
      <c r="GC630" s="91"/>
      <c r="GD630" s="91"/>
      <c r="GE630" s="91"/>
      <c r="GF630" s="91"/>
      <c r="GG630" s="91"/>
      <c r="GH630" s="91"/>
      <c r="GI630" s="91"/>
      <c r="GJ630" s="91"/>
      <c r="GK630" s="127"/>
      <c r="GL630" s="126"/>
      <c r="GM630" s="91"/>
      <c r="GN630" s="91"/>
      <c r="GO630" s="91"/>
      <c r="GP630" s="91"/>
      <c r="GQ630" s="91"/>
      <c r="GR630" s="91"/>
      <c r="GS630" s="91"/>
      <c r="GT630" s="91"/>
      <c r="GU630" s="91"/>
      <c r="GV630" s="91"/>
      <c r="GW630" s="91"/>
      <c r="GX630" s="91"/>
      <c r="GY630" s="91"/>
      <c r="GZ630" s="91"/>
      <c r="HA630" s="91"/>
      <c r="HB630" s="91"/>
      <c r="HC630" s="91"/>
      <c r="HD630" s="91"/>
      <c r="HE630" s="91"/>
      <c r="HF630" s="91"/>
      <c r="HG630" s="91"/>
      <c r="HH630" s="91"/>
      <c r="HI630" s="91"/>
      <c r="HJ630" s="91"/>
      <c r="HK630" s="127"/>
      <c r="HL630" s="126"/>
      <c r="HM630" s="91"/>
      <c r="HN630" s="91"/>
      <c r="HO630" s="91"/>
      <c r="HP630" s="91"/>
      <c r="HQ630" s="91"/>
      <c r="HR630" s="91"/>
      <c r="HS630" s="91"/>
      <c r="HT630" s="91"/>
      <c r="HU630" s="91"/>
      <c r="HV630" s="91"/>
      <c r="HW630" s="91"/>
      <c r="HX630" s="91"/>
      <c r="HY630" s="91"/>
      <c r="HZ630" s="91"/>
      <c r="IA630" s="91"/>
      <c r="IB630" s="91"/>
      <c r="IC630" s="91"/>
      <c r="ID630" s="91"/>
      <c r="IE630" s="91"/>
      <c r="IF630" s="91"/>
      <c r="IG630" s="91"/>
      <c r="IH630" s="91"/>
      <c r="II630" s="91"/>
      <c r="IJ630" s="91"/>
      <c r="IK630" s="127"/>
    </row>
    <row r="631" spans="2:245" x14ac:dyDescent="0.2">
      <c r="B631" s="43"/>
      <c r="C631" s="73"/>
      <c r="D631" s="64"/>
      <c r="E631" s="64"/>
      <c r="F631" s="55"/>
      <c r="G631" s="102"/>
      <c r="H631" s="55"/>
      <c r="I631" s="55"/>
      <c r="J631" s="55"/>
      <c r="K631" s="55"/>
      <c r="L631" s="55"/>
      <c r="M631" s="55"/>
      <c r="N631" s="55"/>
      <c r="O631" s="55"/>
      <c r="P631" s="55"/>
      <c r="Q631" s="55"/>
      <c r="R631" s="55"/>
      <c r="S631" s="55"/>
      <c r="T631" s="55"/>
      <c r="U631" s="55"/>
      <c r="V631" s="55"/>
      <c r="W631" s="55"/>
      <c r="X631" s="55"/>
      <c r="Y631" s="55"/>
      <c r="Z631" s="55"/>
      <c r="AA631" s="55"/>
      <c r="AB631" s="55"/>
      <c r="AC631" s="55"/>
      <c r="AD631" s="55"/>
      <c r="AE631" s="55"/>
      <c r="AF631" s="55"/>
      <c r="AG631" s="55"/>
      <c r="AY631" s="162"/>
      <c r="AZ631" s="162"/>
      <c r="BA631" s="162"/>
      <c r="BB631" s="162"/>
      <c r="BC631" s="162"/>
      <c r="BD631" s="162"/>
      <c r="BE631" s="162"/>
      <c r="BF631" s="162"/>
      <c r="BG631" s="162"/>
      <c r="BH631" s="162"/>
      <c r="BI631" s="162"/>
      <c r="BJ631" s="162"/>
      <c r="BK631" s="162"/>
      <c r="BL631" s="162"/>
      <c r="BM631" s="162"/>
      <c r="BN631" s="162"/>
      <c r="BO631" s="162"/>
      <c r="BP631" s="162"/>
      <c r="BQ631" s="162"/>
      <c r="BR631" s="162"/>
      <c r="BS631" s="162"/>
      <c r="BT631" s="162"/>
      <c r="BU631" s="162"/>
      <c r="BV631" s="162"/>
      <c r="BW631" s="162"/>
      <c r="BX631" s="162"/>
      <c r="BY631" s="162"/>
      <c r="BZ631" s="162"/>
      <c r="CA631" s="162"/>
      <c r="CB631" s="162"/>
      <c r="CC631" s="162"/>
      <c r="CD631" s="162"/>
      <c r="CE631" s="162"/>
      <c r="CF631" s="162"/>
      <c r="CG631" s="162"/>
      <c r="CH631" s="162"/>
      <c r="CI631" s="162"/>
      <c r="CJ631" s="162"/>
      <c r="CK631" s="162"/>
      <c r="CX631" s="98"/>
      <c r="DL631" s="97"/>
      <c r="DX631" s="98"/>
      <c r="EL631" s="97"/>
      <c r="EX631" s="98"/>
      <c r="EY631" s="97"/>
      <c r="FL631" s="126"/>
      <c r="FM631" s="91"/>
      <c r="FN631" s="91"/>
      <c r="FO631" s="91"/>
      <c r="FP631" s="91"/>
      <c r="FQ631" s="91"/>
      <c r="FR631" s="91"/>
      <c r="FS631" s="91"/>
      <c r="FT631" s="91"/>
      <c r="FU631" s="91"/>
      <c r="FV631" s="91"/>
      <c r="FW631" s="91"/>
      <c r="FX631" s="91"/>
      <c r="FY631" s="91"/>
      <c r="FZ631" s="91"/>
      <c r="GA631" s="91"/>
      <c r="GB631" s="91"/>
      <c r="GC631" s="91"/>
      <c r="GD631" s="91"/>
      <c r="GE631" s="91"/>
      <c r="GF631" s="91"/>
      <c r="GG631" s="91"/>
      <c r="GH631" s="91"/>
      <c r="GI631" s="91"/>
      <c r="GJ631" s="91"/>
      <c r="GK631" s="127"/>
      <c r="GL631" s="126"/>
      <c r="GM631" s="91"/>
      <c r="GN631" s="91"/>
      <c r="GO631" s="91"/>
      <c r="GP631" s="91"/>
      <c r="GQ631" s="91"/>
      <c r="GR631" s="91"/>
      <c r="GS631" s="91"/>
      <c r="GT631" s="91"/>
      <c r="GU631" s="91"/>
      <c r="GV631" s="91"/>
      <c r="GW631" s="91"/>
      <c r="GX631" s="91"/>
      <c r="GY631" s="91"/>
      <c r="GZ631" s="91"/>
      <c r="HA631" s="91"/>
      <c r="HB631" s="91"/>
      <c r="HC631" s="91"/>
      <c r="HD631" s="91"/>
      <c r="HE631" s="91"/>
      <c r="HF631" s="91"/>
      <c r="HG631" s="91"/>
      <c r="HH631" s="91"/>
      <c r="HI631" s="91"/>
      <c r="HJ631" s="91"/>
      <c r="HK631" s="127"/>
      <c r="HL631" s="126"/>
      <c r="HM631" s="91"/>
      <c r="HN631" s="91"/>
      <c r="HO631" s="91"/>
      <c r="HP631" s="91"/>
      <c r="HQ631" s="91"/>
      <c r="HR631" s="91"/>
      <c r="HS631" s="91"/>
      <c r="HT631" s="91"/>
      <c r="HU631" s="91"/>
      <c r="HV631" s="91"/>
      <c r="HW631" s="91"/>
      <c r="HX631" s="91"/>
      <c r="HY631" s="91"/>
      <c r="HZ631" s="91"/>
      <c r="IA631" s="91"/>
      <c r="IB631" s="91"/>
      <c r="IC631" s="91"/>
      <c r="ID631" s="91"/>
      <c r="IE631" s="91"/>
      <c r="IF631" s="91"/>
      <c r="IG631" s="91"/>
      <c r="IH631" s="91"/>
      <c r="II631" s="91"/>
      <c r="IJ631" s="91"/>
      <c r="IK631" s="127"/>
    </row>
    <row r="632" spans="2:245" x14ac:dyDescent="0.2">
      <c r="B632" s="43"/>
      <c r="C632" s="73"/>
      <c r="D632" s="64"/>
      <c r="E632" s="64"/>
      <c r="F632" s="55"/>
      <c r="G632" s="102"/>
      <c r="H632" s="55"/>
      <c r="I632" s="55"/>
      <c r="J632" s="55"/>
      <c r="K632" s="55"/>
      <c r="L632" s="55"/>
      <c r="M632" s="55"/>
      <c r="N632" s="55"/>
      <c r="O632" s="55"/>
      <c r="P632" s="55"/>
      <c r="Q632" s="55"/>
      <c r="R632" s="55"/>
      <c r="S632" s="55"/>
      <c r="T632" s="55"/>
      <c r="U632" s="55"/>
      <c r="V632" s="55"/>
      <c r="W632" s="55"/>
      <c r="X632" s="55"/>
      <c r="Y632" s="55"/>
      <c r="Z632" s="55"/>
      <c r="AA632" s="55"/>
      <c r="AB632" s="55"/>
      <c r="AC632" s="55"/>
      <c r="AD632" s="55"/>
      <c r="AE632" s="55"/>
      <c r="AF632" s="55"/>
      <c r="AG632" s="55"/>
      <c r="AY632" s="162"/>
      <c r="AZ632" s="162"/>
      <c r="BA632" s="162"/>
      <c r="BB632" s="162"/>
      <c r="BC632" s="162"/>
      <c r="BD632" s="162"/>
      <c r="BE632" s="162"/>
      <c r="BF632" s="162"/>
      <c r="BG632" s="162"/>
      <c r="BH632" s="162"/>
      <c r="BI632" s="162"/>
      <c r="BJ632" s="162"/>
      <c r="BK632" s="162"/>
      <c r="BL632" s="162"/>
      <c r="BM632" s="162"/>
      <c r="BN632" s="162"/>
      <c r="BO632" s="162"/>
      <c r="BP632" s="162"/>
      <c r="BQ632" s="162"/>
      <c r="BR632" s="162"/>
      <c r="BS632" s="162"/>
      <c r="BT632" s="162"/>
      <c r="BU632" s="162"/>
      <c r="BV632" s="162"/>
      <c r="BW632" s="162"/>
      <c r="BX632" s="162"/>
      <c r="BY632" s="162"/>
      <c r="BZ632" s="162"/>
      <c r="CA632" s="162"/>
      <c r="CB632" s="162"/>
      <c r="CC632" s="162"/>
      <c r="CD632" s="162"/>
      <c r="CE632" s="162"/>
      <c r="CF632" s="162"/>
      <c r="CG632" s="162"/>
      <c r="CH632" s="162"/>
      <c r="CI632" s="162"/>
      <c r="CJ632" s="162"/>
      <c r="CK632" s="162"/>
      <c r="CX632" s="98"/>
      <c r="DL632" s="97"/>
      <c r="DX632" s="98"/>
      <c r="EL632" s="97"/>
      <c r="EX632" s="98"/>
      <c r="EY632" s="97"/>
      <c r="FL632" s="126"/>
      <c r="FM632" s="91"/>
      <c r="FN632" s="91"/>
      <c r="FO632" s="91"/>
      <c r="FP632" s="91"/>
      <c r="FQ632" s="91"/>
      <c r="FR632" s="91"/>
      <c r="FS632" s="91"/>
      <c r="FT632" s="91"/>
      <c r="FU632" s="91"/>
      <c r="FV632" s="91"/>
      <c r="FW632" s="91"/>
      <c r="FX632" s="91"/>
      <c r="FY632" s="91"/>
      <c r="FZ632" s="91"/>
      <c r="GA632" s="91"/>
      <c r="GB632" s="91"/>
      <c r="GC632" s="91"/>
      <c r="GD632" s="91"/>
      <c r="GE632" s="91"/>
      <c r="GF632" s="91"/>
      <c r="GG632" s="91"/>
      <c r="GH632" s="91"/>
      <c r="GI632" s="91"/>
      <c r="GJ632" s="91"/>
      <c r="GK632" s="127"/>
      <c r="GL632" s="126"/>
      <c r="GM632" s="91"/>
      <c r="GN632" s="91"/>
      <c r="GO632" s="91"/>
      <c r="GP632" s="91"/>
      <c r="GQ632" s="91"/>
      <c r="GR632" s="91"/>
      <c r="GS632" s="91"/>
      <c r="GT632" s="91"/>
      <c r="GU632" s="91"/>
      <c r="GV632" s="91"/>
      <c r="GW632" s="91"/>
      <c r="GX632" s="91"/>
      <c r="GY632" s="91"/>
      <c r="GZ632" s="91"/>
      <c r="HA632" s="91"/>
      <c r="HB632" s="91"/>
      <c r="HC632" s="91"/>
      <c r="HD632" s="91"/>
      <c r="HE632" s="91"/>
      <c r="HF632" s="91"/>
      <c r="HG632" s="91"/>
      <c r="HH632" s="91"/>
      <c r="HI632" s="91"/>
      <c r="HJ632" s="91"/>
      <c r="HK632" s="127"/>
      <c r="HL632" s="126"/>
      <c r="HM632" s="91"/>
      <c r="HN632" s="91"/>
      <c r="HO632" s="91"/>
      <c r="HP632" s="91"/>
      <c r="HQ632" s="91"/>
      <c r="HR632" s="91"/>
      <c r="HS632" s="91"/>
      <c r="HT632" s="91"/>
      <c r="HU632" s="91"/>
      <c r="HV632" s="91"/>
      <c r="HW632" s="91"/>
      <c r="HX632" s="91"/>
      <c r="HY632" s="91"/>
      <c r="HZ632" s="91"/>
      <c r="IA632" s="91"/>
      <c r="IB632" s="91"/>
      <c r="IC632" s="91"/>
      <c r="ID632" s="91"/>
      <c r="IE632" s="91"/>
      <c r="IF632" s="91"/>
      <c r="IG632" s="91"/>
      <c r="IH632" s="91"/>
      <c r="II632" s="91"/>
      <c r="IJ632" s="91"/>
      <c r="IK632" s="127"/>
    </row>
    <row r="633" spans="2:245" x14ac:dyDescent="0.2">
      <c r="B633" s="43"/>
      <c r="C633" s="73"/>
      <c r="D633" s="64"/>
      <c r="E633" s="64"/>
      <c r="F633" s="55"/>
      <c r="G633" s="102"/>
      <c r="H633" s="55"/>
      <c r="I633" s="55"/>
      <c r="J633" s="55"/>
      <c r="K633" s="55"/>
      <c r="L633" s="55"/>
      <c r="M633" s="55"/>
      <c r="N633" s="55"/>
      <c r="O633" s="55"/>
      <c r="P633" s="55"/>
      <c r="Q633" s="55"/>
      <c r="R633" s="55"/>
      <c r="S633" s="55"/>
      <c r="T633" s="55"/>
      <c r="U633" s="55"/>
      <c r="V633" s="55"/>
      <c r="W633" s="55"/>
      <c r="X633" s="55"/>
      <c r="Y633" s="55"/>
      <c r="Z633" s="55"/>
      <c r="AA633" s="55"/>
      <c r="AB633" s="55"/>
      <c r="AC633" s="55"/>
      <c r="AD633" s="55"/>
      <c r="AE633" s="55"/>
      <c r="AF633" s="55"/>
      <c r="AG633" s="55"/>
      <c r="AY633" s="162"/>
      <c r="AZ633" s="162"/>
      <c r="BA633" s="162"/>
      <c r="BB633" s="162"/>
      <c r="BC633" s="162"/>
      <c r="BD633" s="162"/>
      <c r="BE633" s="162"/>
      <c r="BF633" s="162"/>
      <c r="BG633" s="162"/>
      <c r="BH633" s="162"/>
      <c r="BI633" s="162"/>
      <c r="BJ633" s="162"/>
      <c r="BK633" s="162"/>
      <c r="BL633" s="162"/>
      <c r="BM633" s="162"/>
      <c r="BN633" s="162"/>
      <c r="BO633" s="162"/>
      <c r="BP633" s="162"/>
      <c r="BQ633" s="162"/>
      <c r="BR633" s="162"/>
      <c r="BS633" s="162"/>
      <c r="BT633" s="162"/>
      <c r="BU633" s="162"/>
      <c r="BV633" s="162"/>
      <c r="BW633" s="162"/>
      <c r="BX633" s="162"/>
      <c r="BY633" s="162"/>
      <c r="BZ633" s="162"/>
      <c r="CA633" s="162"/>
      <c r="CB633" s="162"/>
      <c r="CC633" s="162"/>
      <c r="CD633" s="162"/>
      <c r="CE633" s="162"/>
      <c r="CF633" s="162"/>
      <c r="CG633" s="162"/>
      <c r="CH633" s="162"/>
      <c r="CI633" s="162"/>
      <c r="CJ633" s="162"/>
      <c r="CK633" s="162"/>
      <c r="CX633" s="98"/>
      <c r="DL633" s="97"/>
      <c r="DX633" s="98"/>
      <c r="EL633" s="97"/>
      <c r="EX633" s="98"/>
      <c r="EY633" s="97"/>
      <c r="FL633" s="126"/>
      <c r="FM633" s="91"/>
      <c r="FN633" s="91"/>
      <c r="FO633" s="91"/>
      <c r="FP633" s="91"/>
      <c r="FQ633" s="91"/>
      <c r="FR633" s="91"/>
      <c r="FS633" s="91"/>
      <c r="FT633" s="91"/>
      <c r="FU633" s="91"/>
      <c r="FV633" s="91"/>
      <c r="FW633" s="91"/>
      <c r="FX633" s="91"/>
      <c r="FY633" s="91"/>
      <c r="FZ633" s="91"/>
      <c r="GA633" s="91"/>
      <c r="GB633" s="91"/>
      <c r="GC633" s="91"/>
      <c r="GD633" s="91"/>
      <c r="GE633" s="91"/>
      <c r="GF633" s="91"/>
      <c r="GG633" s="91"/>
      <c r="GH633" s="91"/>
      <c r="GI633" s="91"/>
      <c r="GJ633" s="91"/>
      <c r="GK633" s="127"/>
      <c r="GL633" s="126"/>
      <c r="GM633" s="91"/>
      <c r="GN633" s="91"/>
      <c r="GO633" s="91"/>
      <c r="GP633" s="91"/>
      <c r="GQ633" s="91"/>
      <c r="GR633" s="91"/>
      <c r="GS633" s="91"/>
      <c r="GT633" s="91"/>
      <c r="GU633" s="91"/>
      <c r="GV633" s="91"/>
      <c r="GW633" s="91"/>
      <c r="GX633" s="91"/>
      <c r="GY633" s="91"/>
      <c r="GZ633" s="91"/>
      <c r="HA633" s="91"/>
      <c r="HB633" s="91"/>
      <c r="HC633" s="91"/>
      <c r="HD633" s="91"/>
      <c r="HE633" s="91"/>
      <c r="HF633" s="91"/>
      <c r="HG633" s="91"/>
      <c r="HH633" s="91"/>
      <c r="HI633" s="91"/>
      <c r="HJ633" s="91"/>
      <c r="HK633" s="127"/>
      <c r="HL633" s="126"/>
      <c r="HM633" s="91"/>
      <c r="HN633" s="91"/>
      <c r="HO633" s="91"/>
      <c r="HP633" s="91"/>
      <c r="HQ633" s="91"/>
      <c r="HR633" s="91"/>
      <c r="HS633" s="91"/>
      <c r="HT633" s="91"/>
      <c r="HU633" s="91"/>
      <c r="HV633" s="91"/>
      <c r="HW633" s="91"/>
      <c r="HX633" s="91"/>
      <c r="HY633" s="91"/>
      <c r="HZ633" s="91"/>
      <c r="IA633" s="91"/>
      <c r="IB633" s="91"/>
      <c r="IC633" s="91"/>
      <c r="ID633" s="91"/>
      <c r="IE633" s="91"/>
      <c r="IF633" s="91"/>
      <c r="IG633" s="91"/>
      <c r="IH633" s="91"/>
      <c r="II633" s="91"/>
      <c r="IJ633" s="91"/>
      <c r="IK633" s="127"/>
    </row>
    <row r="634" spans="2:245" x14ac:dyDescent="0.2">
      <c r="B634" s="43"/>
      <c r="C634" s="73"/>
      <c r="D634" s="64"/>
      <c r="E634" s="64"/>
      <c r="F634" s="55"/>
      <c r="G634" s="102"/>
      <c r="H634" s="55"/>
      <c r="I634" s="55"/>
      <c r="J634" s="55"/>
      <c r="K634" s="55"/>
      <c r="L634" s="55"/>
      <c r="M634" s="55"/>
      <c r="N634" s="55"/>
      <c r="O634" s="55"/>
      <c r="P634" s="55"/>
      <c r="Q634" s="55"/>
      <c r="R634" s="55"/>
      <c r="S634" s="55"/>
      <c r="T634" s="55"/>
      <c r="U634" s="55"/>
      <c r="V634" s="55"/>
      <c r="W634" s="55"/>
      <c r="X634" s="55"/>
      <c r="Y634" s="55"/>
      <c r="Z634" s="55"/>
      <c r="AA634" s="55"/>
      <c r="AB634" s="55"/>
      <c r="AC634" s="55"/>
      <c r="AD634" s="55"/>
      <c r="AE634" s="55"/>
      <c r="AF634" s="55"/>
      <c r="AG634" s="55"/>
      <c r="AY634" s="162"/>
      <c r="AZ634" s="162"/>
      <c r="BA634" s="162"/>
      <c r="BB634" s="162"/>
      <c r="BC634" s="162"/>
      <c r="BD634" s="162"/>
      <c r="BE634" s="162"/>
      <c r="BF634" s="162"/>
      <c r="BG634" s="162"/>
      <c r="BH634" s="162"/>
      <c r="BI634" s="162"/>
      <c r="BJ634" s="162"/>
      <c r="BK634" s="162"/>
      <c r="BL634" s="162"/>
      <c r="BM634" s="162"/>
      <c r="BN634" s="162"/>
      <c r="BO634" s="162"/>
      <c r="BP634" s="162"/>
      <c r="BQ634" s="162"/>
      <c r="BR634" s="162"/>
      <c r="BS634" s="162"/>
      <c r="BT634" s="162"/>
      <c r="BU634" s="162"/>
      <c r="BV634" s="162"/>
      <c r="BW634" s="162"/>
      <c r="BX634" s="162"/>
      <c r="BY634" s="162"/>
      <c r="BZ634" s="162"/>
      <c r="CA634" s="162"/>
      <c r="CB634" s="162"/>
      <c r="CC634" s="162"/>
      <c r="CD634" s="162"/>
      <c r="CE634" s="162"/>
      <c r="CF634" s="162"/>
      <c r="CG634" s="162"/>
      <c r="CH634" s="162"/>
      <c r="CI634" s="162"/>
      <c r="CJ634" s="162"/>
      <c r="CK634" s="162"/>
      <c r="CX634" s="98"/>
      <c r="DL634" s="97"/>
      <c r="DX634" s="98"/>
      <c r="EL634" s="97"/>
      <c r="EX634" s="98"/>
      <c r="EY634" s="97"/>
      <c r="FL634" s="126"/>
      <c r="FM634" s="91"/>
      <c r="FN634" s="91"/>
      <c r="FO634" s="91"/>
      <c r="FP634" s="91"/>
      <c r="FQ634" s="91"/>
      <c r="FR634" s="91"/>
      <c r="FS634" s="91"/>
      <c r="FT634" s="91"/>
      <c r="FU634" s="91"/>
      <c r="FV634" s="91"/>
      <c r="FW634" s="91"/>
      <c r="FX634" s="91"/>
      <c r="FY634" s="91"/>
      <c r="FZ634" s="91"/>
      <c r="GA634" s="91"/>
      <c r="GB634" s="91"/>
      <c r="GC634" s="91"/>
      <c r="GD634" s="91"/>
      <c r="GE634" s="91"/>
      <c r="GF634" s="91"/>
      <c r="GG634" s="91"/>
      <c r="GH634" s="91"/>
      <c r="GI634" s="91"/>
      <c r="GJ634" s="91"/>
      <c r="GK634" s="127"/>
      <c r="GL634" s="126"/>
      <c r="GM634" s="91"/>
      <c r="GN634" s="91"/>
      <c r="GO634" s="91"/>
      <c r="GP634" s="91"/>
      <c r="GQ634" s="91"/>
      <c r="GR634" s="91"/>
      <c r="GS634" s="91"/>
      <c r="GT634" s="91"/>
      <c r="GU634" s="91"/>
      <c r="GV634" s="91"/>
      <c r="GW634" s="91"/>
      <c r="GX634" s="91"/>
      <c r="GY634" s="91"/>
      <c r="GZ634" s="91"/>
      <c r="HA634" s="91"/>
      <c r="HB634" s="91"/>
      <c r="HC634" s="91"/>
      <c r="HD634" s="91"/>
      <c r="HE634" s="91"/>
      <c r="HF634" s="91"/>
      <c r="HG634" s="91"/>
      <c r="HH634" s="91"/>
      <c r="HI634" s="91"/>
      <c r="HJ634" s="91"/>
      <c r="HK634" s="127"/>
      <c r="HL634" s="126"/>
      <c r="HM634" s="91"/>
      <c r="HN634" s="91"/>
      <c r="HO634" s="91"/>
      <c r="HP634" s="91"/>
      <c r="HQ634" s="91"/>
      <c r="HR634" s="91"/>
      <c r="HS634" s="91"/>
      <c r="HT634" s="91"/>
      <c r="HU634" s="91"/>
      <c r="HV634" s="91"/>
      <c r="HW634" s="91"/>
      <c r="HX634" s="91"/>
      <c r="HY634" s="91"/>
      <c r="HZ634" s="91"/>
      <c r="IA634" s="91"/>
      <c r="IB634" s="91"/>
      <c r="IC634" s="91"/>
      <c r="ID634" s="91"/>
      <c r="IE634" s="91"/>
      <c r="IF634" s="91"/>
      <c r="IG634" s="91"/>
      <c r="IH634" s="91"/>
      <c r="II634" s="91"/>
      <c r="IJ634" s="91"/>
      <c r="IK634" s="127"/>
    </row>
    <row r="635" spans="2:245" x14ac:dyDescent="0.2">
      <c r="B635" s="43"/>
      <c r="C635" s="73"/>
      <c r="D635" s="64"/>
      <c r="E635" s="64"/>
      <c r="F635" s="55"/>
      <c r="G635" s="102"/>
      <c r="H635" s="55"/>
      <c r="I635" s="55"/>
      <c r="J635" s="55"/>
      <c r="K635" s="55"/>
      <c r="L635" s="55"/>
      <c r="M635" s="55"/>
      <c r="N635" s="55"/>
      <c r="O635" s="55"/>
      <c r="P635" s="55"/>
      <c r="Q635" s="55"/>
      <c r="R635" s="55"/>
      <c r="S635" s="55"/>
      <c r="T635" s="55"/>
      <c r="U635" s="55"/>
      <c r="V635" s="55"/>
      <c r="W635" s="55"/>
      <c r="X635" s="55"/>
      <c r="Y635" s="55"/>
      <c r="Z635" s="55"/>
      <c r="AA635" s="55"/>
      <c r="AB635" s="55"/>
      <c r="AC635" s="55"/>
      <c r="AD635" s="55"/>
      <c r="AE635" s="55"/>
      <c r="AF635" s="55"/>
      <c r="AG635" s="55"/>
      <c r="AY635" s="162"/>
      <c r="AZ635" s="162"/>
      <c r="BA635" s="162"/>
      <c r="BB635" s="162"/>
      <c r="BC635" s="162"/>
      <c r="BD635" s="162"/>
      <c r="BE635" s="162"/>
      <c r="BF635" s="162"/>
      <c r="BG635" s="162"/>
      <c r="BH635" s="162"/>
      <c r="BI635" s="162"/>
      <c r="BJ635" s="162"/>
      <c r="BK635" s="162"/>
      <c r="BL635" s="162"/>
      <c r="BM635" s="162"/>
      <c r="BN635" s="162"/>
      <c r="BO635" s="162"/>
      <c r="BP635" s="162"/>
      <c r="BQ635" s="162"/>
      <c r="BR635" s="162"/>
      <c r="BS635" s="162"/>
      <c r="BT635" s="162"/>
      <c r="BU635" s="162"/>
      <c r="BV635" s="162"/>
      <c r="BW635" s="162"/>
      <c r="BX635" s="162"/>
      <c r="BY635" s="162"/>
      <c r="BZ635" s="162"/>
      <c r="CA635" s="162"/>
      <c r="CB635" s="162"/>
      <c r="CC635" s="162"/>
      <c r="CD635" s="162"/>
      <c r="CE635" s="162"/>
      <c r="CF635" s="162"/>
      <c r="CG635" s="162"/>
      <c r="CH635" s="162"/>
      <c r="CI635" s="162"/>
      <c r="CJ635" s="162"/>
      <c r="CK635" s="162"/>
      <c r="CX635" s="98"/>
      <c r="DL635" s="97"/>
      <c r="DX635" s="98"/>
      <c r="EL635" s="97"/>
      <c r="EX635" s="98"/>
      <c r="EY635" s="97"/>
      <c r="FL635" s="126"/>
      <c r="FM635" s="91"/>
      <c r="FN635" s="91"/>
      <c r="FO635" s="91"/>
      <c r="FP635" s="91"/>
      <c r="FQ635" s="91"/>
      <c r="FR635" s="91"/>
      <c r="FS635" s="91"/>
      <c r="FT635" s="91"/>
      <c r="FU635" s="91"/>
      <c r="FV635" s="91"/>
      <c r="FW635" s="91"/>
      <c r="FX635" s="91"/>
      <c r="FY635" s="91"/>
      <c r="FZ635" s="91"/>
      <c r="GA635" s="91"/>
      <c r="GB635" s="91"/>
      <c r="GC635" s="91"/>
      <c r="GD635" s="91"/>
      <c r="GE635" s="91"/>
      <c r="GF635" s="91"/>
      <c r="GG635" s="91"/>
      <c r="GH635" s="91"/>
      <c r="GI635" s="91"/>
      <c r="GJ635" s="91"/>
      <c r="GK635" s="127"/>
      <c r="GL635" s="126"/>
      <c r="GM635" s="91"/>
      <c r="GN635" s="91"/>
      <c r="GO635" s="91"/>
      <c r="GP635" s="91"/>
      <c r="GQ635" s="91"/>
      <c r="GR635" s="91"/>
      <c r="GS635" s="91"/>
      <c r="GT635" s="91"/>
      <c r="GU635" s="91"/>
      <c r="GV635" s="91"/>
      <c r="GW635" s="91"/>
      <c r="GX635" s="91"/>
      <c r="GY635" s="91"/>
      <c r="GZ635" s="91"/>
      <c r="HA635" s="91"/>
      <c r="HB635" s="91"/>
      <c r="HC635" s="91"/>
      <c r="HD635" s="91"/>
      <c r="HE635" s="91"/>
      <c r="HF635" s="91"/>
      <c r="HG635" s="91"/>
      <c r="HH635" s="91"/>
      <c r="HI635" s="91"/>
      <c r="HJ635" s="91"/>
      <c r="HK635" s="127"/>
      <c r="HL635" s="126"/>
      <c r="HM635" s="91"/>
      <c r="HN635" s="91"/>
      <c r="HO635" s="91"/>
      <c r="HP635" s="91"/>
      <c r="HQ635" s="91"/>
      <c r="HR635" s="91"/>
      <c r="HS635" s="91"/>
      <c r="HT635" s="91"/>
      <c r="HU635" s="91"/>
      <c r="HV635" s="91"/>
      <c r="HW635" s="91"/>
      <c r="HX635" s="91"/>
      <c r="HY635" s="91"/>
      <c r="HZ635" s="91"/>
      <c r="IA635" s="91"/>
      <c r="IB635" s="91"/>
      <c r="IC635" s="91"/>
      <c r="ID635" s="91"/>
      <c r="IE635" s="91"/>
      <c r="IF635" s="91"/>
      <c r="IG635" s="91"/>
      <c r="IH635" s="91"/>
      <c r="II635" s="91"/>
      <c r="IJ635" s="91"/>
      <c r="IK635" s="127"/>
    </row>
    <row r="636" spans="2:245" x14ac:dyDescent="0.2">
      <c r="B636" s="43"/>
      <c r="C636" s="73"/>
      <c r="D636" s="64"/>
      <c r="E636" s="64"/>
      <c r="F636" s="55"/>
      <c r="G636" s="102"/>
      <c r="H636" s="55"/>
      <c r="I636" s="55"/>
      <c r="J636" s="55"/>
      <c r="K636" s="55"/>
      <c r="L636" s="55"/>
      <c r="M636" s="55"/>
      <c r="N636" s="55"/>
      <c r="O636" s="55"/>
      <c r="P636" s="55"/>
      <c r="Q636" s="55"/>
      <c r="R636" s="55"/>
      <c r="S636" s="55"/>
      <c r="T636" s="55"/>
      <c r="U636" s="55"/>
      <c r="V636" s="55"/>
      <c r="W636" s="55"/>
      <c r="X636" s="55"/>
      <c r="Y636" s="55"/>
      <c r="Z636" s="55"/>
      <c r="AA636" s="55"/>
      <c r="AB636" s="55"/>
      <c r="AC636" s="55"/>
      <c r="AD636" s="55"/>
      <c r="AE636" s="55"/>
      <c r="AF636" s="55"/>
      <c r="AG636" s="55"/>
      <c r="AY636" s="162"/>
      <c r="AZ636" s="162"/>
      <c r="BA636" s="162"/>
      <c r="BB636" s="162"/>
      <c r="BC636" s="162"/>
      <c r="BD636" s="162"/>
      <c r="BE636" s="162"/>
      <c r="BF636" s="162"/>
      <c r="BG636" s="162"/>
      <c r="BH636" s="162"/>
      <c r="BI636" s="162"/>
      <c r="BJ636" s="162"/>
      <c r="BK636" s="162"/>
      <c r="BL636" s="162"/>
      <c r="BM636" s="162"/>
      <c r="BN636" s="162"/>
      <c r="BO636" s="162"/>
      <c r="BP636" s="162"/>
      <c r="BQ636" s="162"/>
      <c r="BR636" s="162"/>
      <c r="BS636" s="162"/>
      <c r="BT636" s="162"/>
      <c r="BU636" s="162"/>
      <c r="BV636" s="162"/>
      <c r="BW636" s="162"/>
      <c r="BX636" s="162"/>
      <c r="BY636" s="162"/>
      <c r="BZ636" s="162"/>
      <c r="CA636" s="162"/>
      <c r="CB636" s="162"/>
      <c r="CC636" s="162"/>
      <c r="CD636" s="162"/>
      <c r="CE636" s="162"/>
      <c r="CF636" s="162"/>
      <c r="CG636" s="162"/>
      <c r="CH636" s="162"/>
      <c r="CI636" s="162"/>
      <c r="CJ636" s="162"/>
      <c r="CK636" s="162"/>
      <c r="CX636" s="98"/>
      <c r="DL636" s="97"/>
      <c r="DX636" s="98"/>
      <c r="EL636" s="97"/>
      <c r="EX636" s="98"/>
      <c r="EY636" s="97"/>
      <c r="FL636" s="126"/>
      <c r="FM636" s="91"/>
      <c r="FN636" s="91"/>
      <c r="FO636" s="91"/>
      <c r="FP636" s="91"/>
      <c r="FQ636" s="91"/>
      <c r="FR636" s="91"/>
      <c r="FS636" s="91"/>
      <c r="FT636" s="91"/>
      <c r="FU636" s="91"/>
      <c r="FV636" s="91"/>
      <c r="FW636" s="91"/>
      <c r="FX636" s="91"/>
      <c r="FY636" s="91"/>
      <c r="FZ636" s="91"/>
      <c r="GA636" s="91"/>
      <c r="GB636" s="91"/>
      <c r="GC636" s="91"/>
      <c r="GD636" s="91"/>
      <c r="GE636" s="91"/>
      <c r="GF636" s="91"/>
      <c r="GG636" s="91"/>
      <c r="GH636" s="91"/>
      <c r="GI636" s="91"/>
      <c r="GJ636" s="91"/>
      <c r="GK636" s="127"/>
      <c r="GL636" s="126"/>
      <c r="GM636" s="91"/>
      <c r="GN636" s="91"/>
      <c r="GO636" s="91"/>
      <c r="GP636" s="91"/>
      <c r="GQ636" s="91"/>
      <c r="GR636" s="91"/>
      <c r="GS636" s="91"/>
      <c r="GT636" s="91"/>
      <c r="GU636" s="91"/>
      <c r="GV636" s="91"/>
      <c r="GW636" s="91"/>
      <c r="GX636" s="91"/>
      <c r="GY636" s="91"/>
      <c r="GZ636" s="91"/>
      <c r="HA636" s="91"/>
      <c r="HB636" s="91"/>
      <c r="HC636" s="91"/>
      <c r="HD636" s="91"/>
      <c r="HE636" s="91"/>
      <c r="HF636" s="91"/>
      <c r="HG636" s="91"/>
      <c r="HH636" s="91"/>
      <c r="HI636" s="91"/>
      <c r="HJ636" s="91"/>
      <c r="HK636" s="127"/>
      <c r="HL636" s="126"/>
      <c r="HM636" s="91"/>
      <c r="HN636" s="91"/>
      <c r="HO636" s="91"/>
      <c r="HP636" s="91"/>
      <c r="HQ636" s="91"/>
      <c r="HR636" s="91"/>
      <c r="HS636" s="91"/>
      <c r="HT636" s="91"/>
      <c r="HU636" s="91"/>
      <c r="HV636" s="91"/>
      <c r="HW636" s="91"/>
      <c r="HX636" s="91"/>
      <c r="HY636" s="91"/>
      <c r="HZ636" s="91"/>
      <c r="IA636" s="91"/>
      <c r="IB636" s="91"/>
      <c r="IC636" s="91"/>
      <c r="ID636" s="91"/>
      <c r="IE636" s="91"/>
      <c r="IF636" s="91"/>
      <c r="IG636" s="91"/>
      <c r="IH636" s="91"/>
      <c r="II636" s="91"/>
      <c r="IJ636" s="91"/>
      <c r="IK636" s="127"/>
    </row>
    <row r="637" spans="2:245" x14ac:dyDescent="0.2">
      <c r="B637" s="43"/>
      <c r="C637" s="73"/>
      <c r="D637" s="64"/>
      <c r="E637" s="64"/>
      <c r="F637" s="55"/>
      <c r="G637" s="102"/>
      <c r="H637" s="55"/>
      <c r="I637" s="55"/>
      <c r="J637" s="55"/>
      <c r="K637" s="55"/>
      <c r="L637" s="55"/>
      <c r="M637" s="55"/>
      <c r="N637" s="55"/>
      <c r="O637" s="55"/>
      <c r="P637" s="55"/>
      <c r="Q637" s="55"/>
      <c r="R637" s="55"/>
      <c r="S637" s="55"/>
      <c r="T637" s="55"/>
      <c r="U637" s="55"/>
      <c r="V637" s="55"/>
      <c r="W637" s="55"/>
      <c r="X637" s="55"/>
      <c r="Y637" s="55"/>
      <c r="Z637" s="55"/>
      <c r="AA637" s="55"/>
      <c r="AB637" s="55"/>
      <c r="AC637" s="55"/>
      <c r="AD637" s="55"/>
      <c r="AE637" s="55"/>
      <c r="AF637" s="55"/>
      <c r="AG637" s="55"/>
      <c r="AY637" s="162"/>
      <c r="AZ637" s="162"/>
      <c r="BA637" s="162"/>
      <c r="BB637" s="162"/>
      <c r="BC637" s="162"/>
      <c r="BD637" s="162"/>
      <c r="BE637" s="162"/>
      <c r="BF637" s="162"/>
      <c r="BG637" s="162"/>
      <c r="BH637" s="162"/>
      <c r="BI637" s="162"/>
      <c r="BJ637" s="162"/>
      <c r="BK637" s="162"/>
      <c r="BL637" s="162"/>
      <c r="BM637" s="162"/>
      <c r="BN637" s="162"/>
      <c r="BO637" s="162"/>
      <c r="BP637" s="162"/>
      <c r="BQ637" s="162"/>
      <c r="BR637" s="162"/>
      <c r="BS637" s="162"/>
      <c r="BT637" s="162"/>
      <c r="BU637" s="162"/>
      <c r="BV637" s="162"/>
      <c r="BW637" s="162"/>
      <c r="BX637" s="162"/>
      <c r="BY637" s="162"/>
      <c r="BZ637" s="162"/>
      <c r="CA637" s="162"/>
      <c r="CB637" s="162"/>
      <c r="CC637" s="162"/>
      <c r="CD637" s="162"/>
      <c r="CE637" s="162"/>
      <c r="CF637" s="162"/>
      <c r="CG637" s="162"/>
      <c r="CH637" s="162"/>
      <c r="CI637" s="162"/>
      <c r="CJ637" s="162"/>
      <c r="CK637" s="162"/>
      <c r="CX637" s="98"/>
      <c r="DL637" s="97"/>
      <c r="DX637" s="98"/>
      <c r="EL637" s="97"/>
      <c r="EX637" s="98"/>
      <c r="EY637" s="97"/>
      <c r="FL637" s="126"/>
      <c r="FM637" s="91"/>
      <c r="FN637" s="91"/>
      <c r="FO637" s="91"/>
      <c r="FP637" s="91"/>
      <c r="FQ637" s="91"/>
      <c r="FR637" s="91"/>
      <c r="FS637" s="91"/>
      <c r="FT637" s="91"/>
      <c r="FU637" s="91"/>
      <c r="FV637" s="91"/>
      <c r="FW637" s="91"/>
      <c r="FX637" s="91"/>
      <c r="FY637" s="91"/>
      <c r="FZ637" s="91"/>
      <c r="GA637" s="91"/>
      <c r="GB637" s="91"/>
      <c r="GC637" s="91"/>
      <c r="GD637" s="91"/>
      <c r="GE637" s="91"/>
      <c r="GF637" s="91"/>
      <c r="GG637" s="91"/>
      <c r="GH637" s="91"/>
      <c r="GI637" s="91"/>
      <c r="GJ637" s="91"/>
      <c r="GK637" s="127"/>
      <c r="GL637" s="126"/>
      <c r="GM637" s="91"/>
      <c r="GN637" s="91"/>
      <c r="GO637" s="91"/>
      <c r="GP637" s="91"/>
      <c r="GQ637" s="91"/>
      <c r="GR637" s="91"/>
      <c r="GS637" s="91"/>
      <c r="GT637" s="91"/>
      <c r="GU637" s="91"/>
      <c r="GV637" s="91"/>
      <c r="GW637" s="91"/>
      <c r="GX637" s="91"/>
      <c r="GY637" s="91"/>
      <c r="GZ637" s="91"/>
      <c r="HA637" s="91"/>
      <c r="HB637" s="91"/>
      <c r="HC637" s="91"/>
      <c r="HD637" s="91"/>
      <c r="HE637" s="91"/>
      <c r="HF637" s="91"/>
      <c r="HG637" s="91"/>
      <c r="HH637" s="91"/>
      <c r="HI637" s="91"/>
      <c r="HJ637" s="91"/>
      <c r="HK637" s="127"/>
      <c r="HL637" s="126"/>
      <c r="HM637" s="91"/>
      <c r="HN637" s="91"/>
      <c r="HO637" s="91"/>
      <c r="HP637" s="91"/>
      <c r="HQ637" s="91"/>
      <c r="HR637" s="91"/>
      <c r="HS637" s="91"/>
      <c r="HT637" s="91"/>
      <c r="HU637" s="91"/>
      <c r="HV637" s="91"/>
      <c r="HW637" s="91"/>
      <c r="HX637" s="91"/>
      <c r="HY637" s="91"/>
      <c r="HZ637" s="91"/>
      <c r="IA637" s="91"/>
      <c r="IB637" s="91"/>
      <c r="IC637" s="91"/>
      <c r="ID637" s="91"/>
      <c r="IE637" s="91"/>
      <c r="IF637" s="91"/>
      <c r="IG637" s="91"/>
      <c r="IH637" s="91"/>
      <c r="II637" s="91"/>
      <c r="IJ637" s="91"/>
      <c r="IK637" s="127"/>
    </row>
    <row r="638" spans="2:245" x14ac:dyDescent="0.2">
      <c r="B638" s="43"/>
      <c r="C638" s="73"/>
      <c r="D638" s="64"/>
      <c r="E638" s="64"/>
      <c r="F638" s="55"/>
      <c r="G638" s="102"/>
      <c r="H638" s="55"/>
      <c r="I638" s="55"/>
      <c r="J638" s="55"/>
      <c r="K638" s="55"/>
      <c r="L638" s="55"/>
      <c r="M638" s="55"/>
      <c r="N638" s="55"/>
      <c r="O638" s="55"/>
      <c r="P638" s="55"/>
      <c r="Q638" s="55"/>
      <c r="R638" s="55"/>
      <c r="S638" s="55"/>
      <c r="T638" s="55"/>
      <c r="U638" s="55"/>
      <c r="V638" s="55"/>
      <c r="W638" s="55"/>
      <c r="X638" s="55"/>
      <c r="Y638" s="55"/>
      <c r="Z638" s="55"/>
      <c r="AA638" s="55"/>
      <c r="AB638" s="55"/>
      <c r="AC638" s="55"/>
      <c r="AD638" s="55"/>
      <c r="AE638" s="55"/>
      <c r="AF638" s="55"/>
      <c r="AG638" s="55"/>
      <c r="AY638" s="162"/>
      <c r="AZ638" s="162"/>
      <c r="BA638" s="162"/>
      <c r="BB638" s="162"/>
      <c r="BC638" s="162"/>
      <c r="BD638" s="162"/>
      <c r="BE638" s="162"/>
      <c r="BF638" s="162"/>
      <c r="BG638" s="162"/>
      <c r="BH638" s="162"/>
      <c r="BI638" s="162"/>
      <c r="BJ638" s="162"/>
      <c r="BK638" s="162"/>
      <c r="BL638" s="162"/>
      <c r="BM638" s="162"/>
      <c r="BN638" s="162"/>
      <c r="BO638" s="162"/>
      <c r="BP638" s="162"/>
      <c r="BQ638" s="162"/>
      <c r="BR638" s="162"/>
      <c r="BS638" s="162"/>
      <c r="BT638" s="162"/>
      <c r="BU638" s="162"/>
      <c r="BV638" s="162"/>
      <c r="BW638" s="162"/>
      <c r="BX638" s="162"/>
      <c r="BY638" s="162"/>
      <c r="BZ638" s="162"/>
      <c r="CA638" s="162"/>
      <c r="CB638" s="162"/>
      <c r="CC638" s="162"/>
      <c r="CD638" s="162"/>
      <c r="CE638" s="162"/>
      <c r="CF638" s="162"/>
      <c r="CG638" s="162"/>
      <c r="CH638" s="162"/>
      <c r="CI638" s="162"/>
      <c r="CJ638" s="162"/>
      <c r="CK638" s="162"/>
      <c r="CX638" s="98"/>
      <c r="DL638" s="97"/>
      <c r="DX638" s="98"/>
      <c r="EL638" s="97"/>
      <c r="EX638" s="98"/>
      <c r="EY638" s="97"/>
      <c r="FL638" s="126"/>
      <c r="FM638" s="91"/>
      <c r="FN638" s="91"/>
      <c r="FO638" s="91"/>
      <c r="FP638" s="91"/>
      <c r="FQ638" s="91"/>
      <c r="FR638" s="91"/>
      <c r="FS638" s="91"/>
      <c r="FT638" s="91"/>
      <c r="FU638" s="91"/>
      <c r="FV638" s="91"/>
      <c r="FW638" s="91"/>
      <c r="FX638" s="91"/>
      <c r="FY638" s="91"/>
      <c r="FZ638" s="91"/>
      <c r="GA638" s="91"/>
      <c r="GB638" s="91"/>
      <c r="GC638" s="91"/>
      <c r="GD638" s="91"/>
      <c r="GE638" s="91"/>
      <c r="GF638" s="91"/>
      <c r="GG638" s="91"/>
      <c r="GH638" s="91"/>
      <c r="GI638" s="91"/>
      <c r="GJ638" s="91"/>
      <c r="GK638" s="127"/>
      <c r="GL638" s="126"/>
      <c r="GM638" s="91"/>
      <c r="GN638" s="91"/>
      <c r="GO638" s="91"/>
      <c r="GP638" s="91"/>
      <c r="GQ638" s="91"/>
      <c r="GR638" s="91"/>
      <c r="GS638" s="91"/>
      <c r="GT638" s="91"/>
      <c r="GU638" s="91"/>
      <c r="GV638" s="91"/>
      <c r="GW638" s="91"/>
      <c r="GX638" s="91"/>
      <c r="GY638" s="91"/>
      <c r="GZ638" s="91"/>
      <c r="HA638" s="91"/>
      <c r="HB638" s="91"/>
      <c r="HC638" s="91"/>
      <c r="HD638" s="91"/>
      <c r="HE638" s="91"/>
      <c r="HF638" s="91"/>
      <c r="HG638" s="91"/>
      <c r="HH638" s="91"/>
      <c r="HI638" s="91"/>
      <c r="HJ638" s="91"/>
      <c r="HK638" s="127"/>
      <c r="HL638" s="126"/>
      <c r="HM638" s="91"/>
      <c r="HN638" s="91"/>
      <c r="HO638" s="91"/>
      <c r="HP638" s="91"/>
      <c r="HQ638" s="91"/>
      <c r="HR638" s="91"/>
      <c r="HS638" s="91"/>
      <c r="HT638" s="91"/>
      <c r="HU638" s="91"/>
      <c r="HV638" s="91"/>
      <c r="HW638" s="91"/>
      <c r="HX638" s="91"/>
      <c r="HY638" s="91"/>
      <c r="HZ638" s="91"/>
      <c r="IA638" s="91"/>
      <c r="IB638" s="91"/>
      <c r="IC638" s="91"/>
      <c r="ID638" s="91"/>
      <c r="IE638" s="91"/>
      <c r="IF638" s="91"/>
      <c r="IG638" s="91"/>
      <c r="IH638" s="91"/>
      <c r="II638" s="91"/>
      <c r="IJ638" s="91"/>
      <c r="IK638" s="127"/>
    </row>
    <row r="639" spans="2:245" x14ac:dyDescent="0.2">
      <c r="B639" s="43"/>
      <c r="C639" s="73"/>
      <c r="D639" s="64"/>
      <c r="E639" s="64"/>
      <c r="F639" s="55"/>
      <c r="G639" s="102"/>
      <c r="H639" s="55"/>
      <c r="I639" s="55"/>
      <c r="J639" s="55"/>
      <c r="K639" s="55"/>
      <c r="L639" s="55"/>
      <c r="M639" s="55"/>
      <c r="N639" s="55"/>
      <c r="O639" s="55"/>
      <c r="P639" s="55"/>
      <c r="Q639" s="55"/>
      <c r="R639" s="55"/>
      <c r="S639" s="55"/>
      <c r="T639" s="55"/>
      <c r="U639" s="55"/>
      <c r="V639" s="55"/>
      <c r="W639" s="55"/>
      <c r="X639" s="55"/>
      <c r="Y639" s="55"/>
      <c r="Z639" s="55"/>
      <c r="AA639" s="55"/>
      <c r="AB639" s="55"/>
      <c r="AC639" s="55"/>
      <c r="AD639" s="55"/>
      <c r="AE639" s="55"/>
      <c r="AF639" s="55"/>
      <c r="AG639" s="55"/>
      <c r="AY639" s="162"/>
      <c r="AZ639" s="162"/>
      <c r="BA639" s="162"/>
      <c r="BB639" s="162"/>
      <c r="BC639" s="162"/>
      <c r="BD639" s="162"/>
      <c r="BE639" s="162"/>
      <c r="BF639" s="162"/>
      <c r="BG639" s="162"/>
      <c r="BH639" s="162"/>
      <c r="BI639" s="162"/>
      <c r="BJ639" s="162"/>
      <c r="BK639" s="162"/>
      <c r="BL639" s="162"/>
      <c r="BM639" s="162"/>
      <c r="BN639" s="162"/>
      <c r="BO639" s="162"/>
      <c r="BP639" s="162"/>
      <c r="BQ639" s="162"/>
      <c r="BR639" s="162"/>
      <c r="BS639" s="162"/>
      <c r="BT639" s="162"/>
      <c r="BU639" s="162"/>
      <c r="BV639" s="162"/>
      <c r="BW639" s="162"/>
      <c r="BX639" s="162"/>
      <c r="BY639" s="162"/>
      <c r="BZ639" s="162"/>
      <c r="CA639" s="162"/>
      <c r="CB639" s="162"/>
      <c r="CC639" s="162"/>
      <c r="CD639" s="162"/>
      <c r="CE639" s="162"/>
      <c r="CF639" s="162"/>
      <c r="CG639" s="162"/>
      <c r="CH639" s="162"/>
      <c r="CI639" s="162"/>
      <c r="CJ639" s="162"/>
      <c r="CK639" s="162"/>
      <c r="CX639" s="98"/>
      <c r="DL639" s="97"/>
      <c r="DX639" s="98"/>
      <c r="EL639" s="97"/>
      <c r="EX639" s="98"/>
      <c r="EY639" s="97"/>
      <c r="FL639" s="126"/>
      <c r="FM639" s="91"/>
      <c r="FN639" s="91"/>
      <c r="FO639" s="91"/>
      <c r="FP639" s="91"/>
      <c r="FQ639" s="91"/>
      <c r="FR639" s="91"/>
      <c r="FS639" s="91"/>
      <c r="FT639" s="91"/>
      <c r="FU639" s="91"/>
      <c r="FV639" s="91"/>
      <c r="FW639" s="91"/>
      <c r="FX639" s="91"/>
      <c r="FY639" s="91"/>
      <c r="FZ639" s="91"/>
      <c r="GA639" s="91"/>
      <c r="GB639" s="91"/>
      <c r="GC639" s="91"/>
      <c r="GD639" s="91"/>
      <c r="GE639" s="91"/>
      <c r="GF639" s="91"/>
      <c r="GG639" s="91"/>
      <c r="GH639" s="91"/>
      <c r="GI639" s="91"/>
      <c r="GJ639" s="91"/>
      <c r="GK639" s="127"/>
      <c r="GL639" s="126"/>
      <c r="GM639" s="91"/>
      <c r="GN639" s="91"/>
      <c r="GO639" s="91"/>
      <c r="GP639" s="91"/>
      <c r="GQ639" s="91"/>
      <c r="GR639" s="91"/>
      <c r="GS639" s="91"/>
      <c r="GT639" s="91"/>
      <c r="GU639" s="91"/>
      <c r="GV639" s="91"/>
      <c r="GW639" s="91"/>
      <c r="GX639" s="91"/>
      <c r="GY639" s="91"/>
      <c r="GZ639" s="91"/>
      <c r="HA639" s="91"/>
      <c r="HB639" s="91"/>
      <c r="HC639" s="91"/>
      <c r="HD639" s="91"/>
      <c r="HE639" s="91"/>
      <c r="HF639" s="91"/>
      <c r="HG639" s="91"/>
      <c r="HH639" s="91"/>
      <c r="HI639" s="91"/>
      <c r="HJ639" s="91"/>
      <c r="HK639" s="127"/>
      <c r="HL639" s="126"/>
      <c r="HM639" s="91"/>
      <c r="HN639" s="91"/>
      <c r="HO639" s="91"/>
      <c r="HP639" s="91"/>
      <c r="HQ639" s="91"/>
      <c r="HR639" s="91"/>
      <c r="HS639" s="91"/>
      <c r="HT639" s="91"/>
      <c r="HU639" s="91"/>
      <c r="HV639" s="91"/>
      <c r="HW639" s="91"/>
      <c r="HX639" s="91"/>
      <c r="HY639" s="91"/>
      <c r="HZ639" s="91"/>
      <c r="IA639" s="91"/>
      <c r="IB639" s="91"/>
      <c r="IC639" s="91"/>
      <c r="ID639" s="91"/>
      <c r="IE639" s="91"/>
      <c r="IF639" s="91"/>
      <c r="IG639" s="91"/>
      <c r="IH639" s="91"/>
      <c r="II639" s="91"/>
      <c r="IJ639" s="91"/>
      <c r="IK639" s="127"/>
    </row>
    <row r="640" spans="2:245" x14ac:dyDescent="0.2">
      <c r="B640" s="43"/>
      <c r="C640" s="73"/>
      <c r="D640" s="64"/>
      <c r="E640" s="64"/>
      <c r="F640" s="55"/>
      <c r="G640" s="102"/>
      <c r="H640" s="55"/>
      <c r="I640" s="55"/>
      <c r="J640" s="55"/>
      <c r="K640" s="55"/>
      <c r="L640" s="55"/>
      <c r="M640" s="55"/>
      <c r="N640" s="55"/>
      <c r="O640" s="55"/>
      <c r="P640" s="55"/>
      <c r="Q640" s="55"/>
      <c r="R640" s="55"/>
      <c r="S640" s="55"/>
      <c r="T640" s="55"/>
      <c r="U640" s="55"/>
      <c r="V640" s="55"/>
      <c r="W640" s="55"/>
      <c r="X640" s="55"/>
      <c r="Y640" s="55"/>
      <c r="Z640" s="55"/>
      <c r="AA640" s="55"/>
      <c r="AB640" s="55"/>
      <c r="AC640" s="55"/>
      <c r="AD640" s="55"/>
      <c r="AE640" s="55"/>
      <c r="AF640" s="55"/>
      <c r="AG640" s="55"/>
      <c r="AY640" s="162"/>
      <c r="AZ640" s="162"/>
      <c r="BA640" s="162"/>
      <c r="BB640" s="162"/>
      <c r="BC640" s="162"/>
      <c r="BD640" s="162"/>
      <c r="BE640" s="162"/>
      <c r="BF640" s="162"/>
      <c r="BG640" s="162"/>
      <c r="BH640" s="162"/>
      <c r="BI640" s="162"/>
      <c r="BJ640" s="162"/>
      <c r="BK640" s="162"/>
      <c r="BL640" s="162"/>
      <c r="BM640" s="162"/>
      <c r="BN640" s="162"/>
      <c r="BO640" s="162"/>
      <c r="BP640" s="162"/>
      <c r="BQ640" s="162"/>
      <c r="BR640" s="162"/>
      <c r="BS640" s="162"/>
      <c r="BT640" s="162"/>
      <c r="BU640" s="162"/>
      <c r="BV640" s="162"/>
      <c r="BW640" s="162"/>
      <c r="BX640" s="162"/>
      <c r="BY640" s="162"/>
      <c r="BZ640" s="162"/>
      <c r="CA640" s="162"/>
      <c r="CB640" s="162"/>
      <c r="CC640" s="162"/>
      <c r="CD640" s="162"/>
      <c r="CE640" s="162"/>
      <c r="CF640" s="162"/>
      <c r="CG640" s="162"/>
      <c r="CH640" s="162"/>
      <c r="CI640" s="162"/>
      <c r="CJ640" s="162"/>
      <c r="CK640" s="162"/>
      <c r="CX640" s="98"/>
      <c r="DL640" s="97"/>
      <c r="DX640" s="98"/>
      <c r="EL640" s="97"/>
      <c r="EX640" s="98"/>
      <c r="EY640" s="97"/>
      <c r="FL640" s="126"/>
      <c r="FM640" s="91"/>
      <c r="FN640" s="91"/>
      <c r="FO640" s="91"/>
      <c r="FP640" s="91"/>
      <c r="FQ640" s="91"/>
      <c r="FR640" s="91"/>
      <c r="FS640" s="91"/>
      <c r="FT640" s="91"/>
      <c r="FU640" s="91"/>
      <c r="FV640" s="91"/>
      <c r="FW640" s="91"/>
      <c r="FX640" s="91"/>
      <c r="FY640" s="91"/>
      <c r="FZ640" s="91"/>
      <c r="GA640" s="91"/>
      <c r="GB640" s="91"/>
      <c r="GC640" s="91"/>
      <c r="GD640" s="91"/>
      <c r="GE640" s="91"/>
      <c r="GF640" s="91"/>
      <c r="GG640" s="91"/>
      <c r="GH640" s="91"/>
      <c r="GI640" s="91"/>
      <c r="GJ640" s="91"/>
      <c r="GK640" s="127"/>
      <c r="GL640" s="126"/>
      <c r="GM640" s="91"/>
      <c r="GN640" s="91"/>
      <c r="GO640" s="91"/>
      <c r="GP640" s="91"/>
      <c r="GQ640" s="91"/>
      <c r="GR640" s="91"/>
      <c r="GS640" s="91"/>
      <c r="GT640" s="91"/>
      <c r="GU640" s="91"/>
      <c r="GV640" s="91"/>
      <c r="GW640" s="91"/>
      <c r="GX640" s="91"/>
      <c r="GY640" s="91"/>
      <c r="GZ640" s="91"/>
      <c r="HA640" s="91"/>
      <c r="HB640" s="91"/>
      <c r="HC640" s="91"/>
      <c r="HD640" s="91"/>
      <c r="HE640" s="91"/>
      <c r="HF640" s="91"/>
      <c r="HG640" s="91"/>
      <c r="HH640" s="91"/>
      <c r="HI640" s="91"/>
      <c r="HJ640" s="91"/>
      <c r="HK640" s="127"/>
      <c r="HL640" s="126"/>
      <c r="HM640" s="91"/>
      <c r="HN640" s="91"/>
      <c r="HO640" s="91"/>
      <c r="HP640" s="91"/>
      <c r="HQ640" s="91"/>
      <c r="HR640" s="91"/>
      <c r="HS640" s="91"/>
      <c r="HT640" s="91"/>
      <c r="HU640" s="91"/>
      <c r="HV640" s="91"/>
      <c r="HW640" s="91"/>
      <c r="HX640" s="91"/>
      <c r="HY640" s="91"/>
      <c r="HZ640" s="91"/>
      <c r="IA640" s="91"/>
      <c r="IB640" s="91"/>
      <c r="IC640" s="91"/>
      <c r="ID640" s="91"/>
      <c r="IE640" s="91"/>
      <c r="IF640" s="91"/>
      <c r="IG640" s="91"/>
      <c r="IH640" s="91"/>
      <c r="II640" s="91"/>
      <c r="IJ640" s="91"/>
      <c r="IK640" s="127"/>
    </row>
    <row r="641" spans="2:245" x14ac:dyDescent="0.2">
      <c r="B641" s="43"/>
      <c r="C641" s="73"/>
      <c r="D641" s="64"/>
      <c r="E641" s="64"/>
      <c r="F641" s="55"/>
      <c r="G641" s="102"/>
      <c r="H641" s="55"/>
      <c r="I641" s="55"/>
      <c r="J641" s="55"/>
      <c r="K641" s="55"/>
      <c r="L641" s="55"/>
      <c r="M641" s="55"/>
      <c r="N641" s="55"/>
      <c r="O641" s="55"/>
      <c r="P641" s="55"/>
      <c r="Q641" s="55"/>
      <c r="R641" s="55"/>
      <c r="S641" s="55"/>
      <c r="T641" s="55"/>
      <c r="U641" s="55"/>
      <c r="V641" s="55"/>
      <c r="W641" s="55"/>
      <c r="X641" s="55"/>
      <c r="Y641" s="55"/>
      <c r="Z641" s="55"/>
      <c r="AA641" s="55"/>
      <c r="AB641" s="55"/>
      <c r="AC641" s="55"/>
      <c r="AD641" s="55"/>
      <c r="AE641" s="55"/>
      <c r="AF641" s="55"/>
      <c r="AG641" s="55"/>
      <c r="AY641" s="162"/>
      <c r="AZ641" s="162"/>
      <c r="BA641" s="162"/>
      <c r="BB641" s="162"/>
      <c r="BC641" s="162"/>
      <c r="BD641" s="162"/>
      <c r="BE641" s="162"/>
      <c r="BF641" s="162"/>
      <c r="BG641" s="162"/>
      <c r="BH641" s="162"/>
      <c r="BI641" s="162"/>
      <c r="BJ641" s="162"/>
      <c r="BK641" s="162"/>
      <c r="BL641" s="162"/>
      <c r="BM641" s="162"/>
      <c r="BN641" s="162"/>
      <c r="BO641" s="162"/>
      <c r="BP641" s="162"/>
      <c r="BQ641" s="162"/>
      <c r="BR641" s="162"/>
      <c r="BS641" s="162"/>
      <c r="BT641" s="162"/>
      <c r="BU641" s="162"/>
      <c r="BV641" s="162"/>
      <c r="BW641" s="162"/>
      <c r="BX641" s="162"/>
      <c r="BY641" s="162"/>
      <c r="BZ641" s="162"/>
      <c r="CA641" s="162"/>
      <c r="CB641" s="162"/>
      <c r="CC641" s="162"/>
      <c r="CD641" s="162"/>
      <c r="CE641" s="162"/>
      <c r="CF641" s="162"/>
      <c r="CG641" s="162"/>
      <c r="CH641" s="162"/>
      <c r="CI641" s="162"/>
      <c r="CJ641" s="162"/>
      <c r="CK641" s="162"/>
      <c r="CX641" s="98"/>
      <c r="DL641" s="97"/>
      <c r="DX641" s="98"/>
      <c r="EL641" s="97"/>
      <c r="EX641" s="98"/>
      <c r="EY641" s="97"/>
      <c r="FL641" s="126"/>
      <c r="FM641" s="91"/>
      <c r="FN641" s="91"/>
      <c r="FO641" s="91"/>
      <c r="FP641" s="91"/>
      <c r="FQ641" s="91"/>
      <c r="FR641" s="91"/>
      <c r="FS641" s="91"/>
      <c r="FT641" s="91"/>
      <c r="FU641" s="91"/>
      <c r="FV641" s="91"/>
      <c r="FW641" s="91"/>
      <c r="FX641" s="91"/>
      <c r="FY641" s="91"/>
      <c r="FZ641" s="91"/>
      <c r="GA641" s="91"/>
      <c r="GB641" s="91"/>
      <c r="GC641" s="91"/>
      <c r="GD641" s="91"/>
      <c r="GE641" s="91"/>
      <c r="GF641" s="91"/>
      <c r="GG641" s="91"/>
      <c r="GH641" s="91"/>
      <c r="GI641" s="91"/>
      <c r="GJ641" s="91"/>
      <c r="GK641" s="127"/>
      <c r="GL641" s="126"/>
      <c r="GM641" s="91"/>
      <c r="GN641" s="91"/>
      <c r="GO641" s="91"/>
      <c r="GP641" s="91"/>
      <c r="GQ641" s="91"/>
      <c r="GR641" s="91"/>
      <c r="GS641" s="91"/>
      <c r="GT641" s="91"/>
      <c r="GU641" s="91"/>
      <c r="GV641" s="91"/>
      <c r="GW641" s="91"/>
      <c r="GX641" s="91"/>
      <c r="GY641" s="91"/>
      <c r="GZ641" s="91"/>
      <c r="HA641" s="91"/>
      <c r="HB641" s="91"/>
      <c r="HC641" s="91"/>
      <c r="HD641" s="91"/>
      <c r="HE641" s="91"/>
      <c r="HF641" s="91"/>
      <c r="HG641" s="91"/>
      <c r="HH641" s="91"/>
      <c r="HI641" s="91"/>
      <c r="HJ641" s="91"/>
      <c r="HK641" s="127"/>
      <c r="HL641" s="126"/>
      <c r="HM641" s="91"/>
      <c r="HN641" s="91"/>
      <c r="HO641" s="91"/>
      <c r="HP641" s="91"/>
      <c r="HQ641" s="91"/>
      <c r="HR641" s="91"/>
      <c r="HS641" s="91"/>
      <c r="HT641" s="91"/>
      <c r="HU641" s="91"/>
      <c r="HV641" s="91"/>
      <c r="HW641" s="91"/>
      <c r="HX641" s="91"/>
      <c r="HY641" s="91"/>
      <c r="HZ641" s="91"/>
      <c r="IA641" s="91"/>
      <c r="IB641" s="91"/>
      <c r="IC641" s="91"/>
      <c r="ID641" s="91"/>
      <c r="IE641" s="91"/>
      <c r="IF641" s="91"/>
      <c r="IG641" s="91"/>
      <c r="IH641" s="91"/>
      <c r="II641" s="91"/>
      <c r="IJ641" s="91"/>
      <c r="IK641" s="127"/>
    </row>
    <row r="642" spans="2:245" x14ac:dyDescent="0.2">
      <c r="B642" s="43"/>
      <c r="C642" s="73"/>
      <c r="D642" s="64"/>
      <c r="E642" s="64"/>
      <c r="F642" s="55"/>
      <c r="G642" s="102"/>
      <c r="H642" s="55"/>
      <c r="I642" s="55"/>
      <c r="J642" s="55"/>
      <c r="K642" s="55"/>
      <c r="L642" s="55"/>
      <c r="M642" s="55"/>
      <c r="N642" s="55"/>
      <c r="O642" s="55"/>
      <c r="P642" s="55"/>
      <c r="Q642" s="55"/>
      <c r="R642" s="55"/>
      <c r="S642" s="55"/>
      <c r="T642" s="55"/>
      <c r="U642" s="55"/>
      <c r="V642" s="55"/>
      <c r="W642" s="55"/>
      <c r="X642" s="55"/>
      <c r="Y642" s="55"/>
      <c r="Z642" s="55"/>
      <c r="AA642" s="55"/>
      <c r="AB642" s="55"/>
      <c r="AC642" s="55"/>
      <c r="AD642" s="55"/>
      <c r="AE642" s="55"/>
      <c r="AF642" s="55"/>
      <c r="AG642" s="55"/>
      <c r="AY642" s="162"/>
      <c r="AZ642" s="162"/>
      <c r="BA642" s="162"/>
      <c r="BB642" s="162"/>
      <c r="BC642" s="162"/>
      <c r="BD642" s="162"/>
      <c r="BE642" s="162"/>
      <c r="BF642" s="162"/>
      <c r="BG642" s="162"/>
      <c r="BH642" s="162"/>
      <c r="BI642" s="162"/>
      <c r="BJ642" s="162"/>
      <c r="BK642" s="162"/>
      <c r="BL642" s="162"/>
      <c r="BM642" s="162"/>
      <c r="BN642" s="162"/>
      <c r="BO642" s="162"/>
      <c r="BP642" s="162"/>
      <c r="BQ642" s="162"/>
      <c r="BR642" s="162"/>
      <c r="BS642" s="162"/>
      <c r="BT642" s="162"/>
      <c r="BU642" s="162"/>
      <c r="BV642" s="162"/>
      <c r="BW642" s="162"/>
      <c r="BX642" s="162"/>
      <c r="BY642" s="162"/>
      <c r="BZ642" s="162"/>
      <c r="CA642" s="162"/>
      <c r="CB642" s="162"/>
      <c r="CC642" s="162"/>
      <c r="CD642" s="162"/>
      <c r="CE642" s="162"/>
      <c r="CF642" s="162"/>
      <c r="CG642" s="162"/>
      <c r="CH642" s="162"/>
      <c r="CI642" s="162"/>
      <c r="CJ642" s="162"/>
      <c r="CK642" s="162"/>
      <c r="CX642" s="98"/>
      <c r="DL642" s="97"/>
      <c r="DX642" s="98"/>
      <c r="EL642" s="97"/>
      <c r="EX642" s="98"/>
      <c r="EY642" s="97"/>
      <c r="FL642" s="126"/>
      <c r="FM642" s="91"/>
      <c r="FN642" s="91"/>
      <c r="FO642" s="91"/>
      <c r="FP642" s="91"/>
      <c r="FQ642" s="91"/>
      <c r="FR642" s="91"/>
      <c r="FS642" s="91"/>
      <c r="FT642" s="91"/>
      <c r="FU642" s="91"/>
      <c r="FV642" s="91"/>
      <c r="FW642" s="91"/>
      <c r="FX642" s="91"/>
      <c r="FY642" s="91"/>
      <c r="FZ642" s="91"/>
      <c r="GA642" s="91"/>
      <c r="GB642" s="91"/>
      <c r="GC642" s="91"/>
      <c r="GD642" s="91"/>
      <c r="GE642" s="91"/>
      <c r="GF642" s="91"/>
      <c r="GG642" s="91"/>
      <c r="GH642" s="91"/>
      <c r="GI642" s="91"/>
      <c r="GJ642" s="91"/>
      <c r="GK642" s="127"/>
      <c r="GL642" s="126"/>
      <c r="GM642" s="91"/>
      <c r="GN642" s="91"/>
      <c r="GO642" s="91"/>
      <c r="GP642" s="91"/>
      <c r="GQ642" s="91"/>
      <c r="GR642" s="91"/>
      <c r="GS642" s="91"/>
      <c r="GT642" s="91"/>
      <c r="GU642" s="91"/>
      <c r="GV642" s="91"/>
      <c r="GW642" s="91"/>
      <c r="GX642" s="91"/>
      <c r="GY642" s="91"/>
      <c r="GZ642" s="91"/>
      <c r="HA642" s="91"/>
      <c r="HB642" s="91"/>
      <c r="HC642" s="91"/>
      <c r="HD642" s="91"/>
      <c r="HE642" s="91"/>
      <c r="HF642" s="91"/>
      <c r="HG642" s="91"/>
      <c r="HH642" s="91"/>
      <c r="HI642" s="91"/>
      <c r="HJ642" s="91"/>
      <c r="HK642" s="127"/>
      <c r="HL642" s="126"/>
      <c r="HM642" s="91"/>
      <c r="HN642" s="91"/>
      <c r="HO642" s="91"/>
      <c r="HP642" s="91"/>
      <c r="HQ642" s="91"/>
      <c r="HR642" s="91"/>
      <c r="HS642" s="91"/>
      <c r="HT642" s="91"/>
      <c r="HU642" s="91"/>
      <c r="HV642" s="91"/>
      <c r="HW642" s="91"/>
      <c r="HX642" s="91"/>
      <c r="HY642" s="91"/>
      <c r="HZ642" s="91"/>
      <c r="IA642" s="91"/>
      <c r="IB642" s="91"/>
      <c r="IC642" s="91"/>
      <c r="ID642" s="91"/>
      <c r="IE642" s="91"/>
      <c r="IF642" s="91"/>
      <c r="IG642" s="91"/>
      <c r="IH642" s="91"/>
      <c r="II642" s="91"/>
      <c r="IJ642" s="91"/>
      <c r="IK642" s="127"/>
    </row>
    <row r="643" spans="2:245" x14ac:dyDescent="0.2">
      <c r="B643" s="43"/>
      <c r="C643" s="73"/>
      <c r="D643" s="64"/>
      <c r="E643" s="64"/>
      <c r="F643" s="55"/>
      <c r="G643" s="102"/>
      <c r="H643" s="55"/>
      <c r="I643" s="55"/>
      <c r="J643" s="55"/>
      <c r="K643" s="55"/>
      <c r="L643" s="55"/>
      <c r="M643" s="55"/>
      <c r="N643" s="55"/>
      <c r="O643" s="55"/>
      <c r="P643" s="55"/>
      <c r="Q643" s="55"/>
      <c r="R643" s="55"/>
      <c r="S643" s="55"/>
      <c r="T643" s="55"/>
      <c r="U643" s="55"/>
      <c r="V643" s="55"/>
      <c r="W643" s="55"/>
      <c r="X643" s="55"/>
      <c r="Y643" s="55"/>
      <c r="Z643" s="55"/>
      <c r="AA643" s="55"/>
      <c r="AB643" s="55"/>
      <c r="AC643" s="55"/>
      <c r="AD643" s="55"/>
      <c r="AE643" s="55"/>
      <c r="AF643" s="55"/>
      <c r="AG643" s="55"/>
      <c r="AY643" s="162"/>
      <c r="AZ643" s="162"/>
      <c r="BA643" s="162"/>
      <c r="BB643" s="162"/>
      <c r="BC643" s="162"/>
      <c r="BD643" s="162"/>
      <c r="BE643" s="162"/>
      <c r="BF643" s="162"/>
      <c r="BG643" s="162"/>
      <c r="BH643" s="162"/>
      <c r="BI643" s="162"/>
      <c r="BJ643" s="162"/>
      <c r="BK643" s="162"/>
      <c r="BL643" s="162"/>
      <c r="BM643" s="162"/>
      <c r="BN643" s="162"/>
      <c r="BO643" s="162"/>
      <c r="BP643" s="162"/>
      <c r="BQ643" s="162"/>
      <c r="BR643" s="162"/>
      <c r="BS643" s="162"/>
      <c r="BT643" s="162"/>
      <c r="BU643" s="162"/>
      <c r="BV643" s="162"/>
      <c r="BW643" s="162"/>
      <c r="BX643" s="162"/>
      <c r="BY643" s="162"/>
      <c r="BZ643" s="162"/>
      <c r="CA643" s="162"/>
      <c r="CB643" s="162"/>
      <c r="CC643" s="162"/>
      <c r="CD643" s="162"/>
      <c r="CE643" s="162"/>
      <c r="CF643" s="162"/>
      <c r="CG643" s="162"/>
      <c r="CH643" s="162"/>
      <c r="CI643" s="162"/>
      <c r="CJ643" s="162"/>
      <c r="CK643" s="162"/>
      <c r="CX643" s="98"/>
      <c r="DL643" s="97"/>
      <c r="DX643" s="98"/>
      <c r="EL643" s="97"/>
      <c r="EX643" s="98"/>
      <c r="EY643" s="97"/>
      <c r="FL643" s="126"/>
      <c r="FM643" s="91"/>
      <c r="FN643" s="91"/>
      <c r="FO643" s="91"/>
      <c r="FP643" s="91"/>
      <c r="FQ643" s="91"/>
      <c r="FR643" s="91"/>
      <c r="FS643" s="91"/>
      <c r="FT643" s="91"/>
      <c r="FU643" s="91"/>
      <c r="FV643" s="91"/>
      <c r="FW643" s="91"/>
      <c r="FX643" s="91"/>
      <c r="FY643" s="91"/>
      <c r="FZ643" s="91"/>
      <c r="GA643" s="91"/>
      <c r="GB643" s="91"/>
      <c r="GC643" s="91"/>
      <c r="GD643" s="91"/>
      <c r="GE643" s="91"/>
      <c r="GF643" s="91"/>
      <c r="GG643" s="91"/>
      <c r="GH643" s="91"/>
      <c r="GI643" s="91"/>
      <c r="GJ643" s="91"/>
      <c r="GK643" s="127"/>
      <c r="GL643" s="126"/>
      <c r="GM643" s="91"/>
      <c r="GN643" s="91"/>
      <c r="GO643" s="91"/>
      <c r="GP643" s="91"/>
      <c r="GQ643" s="91"/>
      <c r="GR643" s="91"/>
      <c r="GS643" s="91"/>
      <c r="GT643" s="91"/>
      <c r="GU643" s="91"/>
      <c r="GV643" s="91"/>
      <c r="GW643" s="91"/>
      <c r="GX643" s="91"/>
      <c r="GY643" s="91"/>
      <c r="GZ643" s="91"/>
      <c r="HA643" s="91"/>
      <c r="HB643" s="91"/>
      <c r="HC643" s="91"/>
      <c r="HD643" s="91"/>
      <c r="HE643" s="91"/>
      <c r="HF643" s="91"/>
      <c r="HG643" s="91"/>
      <c r="HH643" s="91"/>
      <c r="HI643" s="91"/>
      <c r="HJ643" s="91"/>
      <c r="HK643" s="127"/>
      <c r="HL643" s="126"/>
      <c r="HM643" s="91"/>
      <c r="HN643" s="91"/>
      <c r="HO643" s="91"/>
      <c r="HP643" s="91"/>
      <c r="HQ643" s="91"/>
      <c r="HR643" s="91"/>
      <c r="HS643" s="91"/>
      <c r="HT643" s="91"/>
      <c r="HU643" s="91"/>
      <c r="HV643" s="91"/>
      <c r="HW643" s="91"/>
      <c r="HX643" s="91"/>
      <c r="HY643" s="91"/>
      <c r="HZ643" s="91"/>
      <c r="IA643" s="91"/>
      <c r="IB643" s="91"/>
      <c r="IC643" s="91"/>
      <c r="ID643" s="91"/>
      <c r="IE643" s="91"/>
      <c r="IF643" s="91"/>
      <c r="IG643" s="91"/>
      <c r="IH643" s="91"/>
      <c r="II643" s="91"/>
      <c r="IJ643" s="91"/>
      <c r="IK643" s="127"/>
    </row>
    <row r="644" spans="2:245" x14ac:dyDescent="0.2">
      <c r="B644" s="43"/>
      <c r="C644" s="73"/>
      <c r="D644" s="64"/>
      <c r="E644" s="64"/>
      <c r="F644" s="55"/>
      <c r="G644" s="102"/>
      <c r="H644" s="55"/>
      <c r="I644" s="55"/>
      <c r="J644" s="55"/>
      <c r="K644" s="55"/>
      <c r="L644" s="55"/>
      <c r="M644" s="55"/>
      <c r="N644" s="55"/>
      <c r="O644" s="55"/>
      <c r="P644" s="55"/>
      <c r="Q644" s="55"/>
      <c r="R644" s="55"/>
      <c r="S644" s="55"/>
      <c r="T644" s="55"/>
      <c r="U644" s="55"/>
      <c r="V644" s="55"/>
      <c r="W644" s="55"/>
      <c r="X644" s="55"/>
      <c r="Y644" s="55"/>
      <c r="Z644" s="55"/>
      <c r="AA644" s="55"/>
      <c r="AB644" s="55"/>
      <c r="AC644" s="55"/>
      <c r="AD644" s="55"/>
      <c r="AE644" s="55"/>
      <c r="AF644" s="55"/>
      <c r="AG644" s="55"/>
      <c r="AY644" s="162"/>
      <c r="AZ644" s="162"/>
      <c r="BA644" s="162"/>
      <c r="BB644" s="162"/>
      <c r="BC644" s="162"/>
      <c r="BD644" s="162"/>
      <c r="BE644" s="162"/>
      <c r="BF644" s="162"/>
      <c r="BG644" s="162"/>
      <c r="BH644" s="162"/>
      <c r="BI644" s="162"/>
      <c r="BJ644" s="162"/>
      <c r="BK644" s="162"/>
      <c r="BL644" s="162"/>
      <c r="BM644" s="162"/>
      <c r="BN644" s="162"/>
      <c r="BO644" s="162"/>
      <c r="BP644" s="162"/>
      <c r="BQ644" s="162"/>
      <c r="BR644" s="162"/>
      <c r="BS644" s="162"/>
      <c r="BT644" s="162"/>
      <c r="BU644" s="162"/>
      <c r="BV644" s="162"/>
      <c r="BW644" s="162"/>
      <c r="BX644" s="162"/>
      <c r="BY644" s="162"/>
      <c r="BZ644" s="162"/>
      <c r="CA644" s="162"/>
      <c r="CB644" s="162"/>
      <c r="CC644" s="162"/>
      <c r="CD644" s="162"/>
      <c r="CE644" s="162"/>
      <c r="CF644" s="162"/>
      <c r="CG644" s="162"/>
      <c r="CH644" s="162"/>
      <c r="CI644" s="162"/>
      <c r="CJ644" s="162"/>
      <c r="CK644" s="162"/>
      <c r="CX644" s="98"/>
      <c r="DL644" s="97"/>
      <c r="DX644" s="98"/>
      <c r="EL644" s="97"/>
      <c r="EX644" s="98"/>
      <c r="EY644" s="97"/>
      <c r="FL644" s="126"/>
      <c r="FM644" s="91"/>
      <c r="FN644" s="91"/>
      <c r="FO644" s="91"/>
      <c r="FP644" s="91"/>
      <c r="FQ644" s="91"/>
      <c r="FR644" s="91"/>
      <c r="FS644" s="91"/>
      <c r="FT644" s="91"/>
      <c r="FU644" s="91"/>
      <c r="FV644" s="91"/>
      <c r="FW644" s="91"/>
      <c r="FX644" s="91"/>
      <c r="FY644" s="91"/>
      <c r="FZ644" s="91"/>
      <c r="GA644" s="91"/>
      <c r="GB644" s="91"/>
      <c r="GC644" s="91"/>
      <c r="GD644" s="91"/>
      <c r="GE644" s="91"/>
      <c r="GF644" s="91"/>
      <c r="GG644" s="91"/>
      <c r="GH644" s="91"/>
      <c r="GI644" s="91"/>
      <c r="GJ644" s="91"/>
      <c r="GK644" s="127"/>
      <c r="GL644" s="126"/>
      <c r="GM644" s="91"/>
      <c r="GN644" s="91"/>
      <c r="GO644" s="91"/>
      <c r="GP644" s="91"/>
      <c r="GQ644" s="91"/>
      <c r="GR644" s="91"/>
      <c r="GS644" s="91"/>
      <c r="GT644" s="91"/>
      <c r="GU644" s="91"/>
      <c r="GV644" s="91"/>
      <c r="GW644" s="91"/>
      <c r="GX644" s="91"/>
      <c r="GY644" s="91"/>
      <c r="GZ644" s="91"/>
      <c r="HA644" s="91"/>
      <c r="HB644" s="91"/>
      <c r="HC644" s="91"/>
      <c r="HD644" s="91"/>
      <c r="HE644" s="91"/>
      <c r="HF644" s="91"/>
      <c r="HG644" s="91"/>
      <c r="HH644" s="91"/>
      <c r="HI644" s="91"/>
      <c r="HJ644" s="91"/>
      <c r="HK644" s="127"/>
      <c r="HL644" s="126"/>
      <c r="HM644" s="91"/>
      <c r="HN644" s="91"/>
      <c r="HO644" s="91"/>
      <c r="HP644" s="91"/>
      <c r="HQ644" s="91"/>
      <c r="HR644" s="91"/>
      <c r="HS644" s="91"/>
      <c r="HT644" s="91"/>
      <c r="HU644" s="91"/>
      <c r="HV644" s="91"/>
      <c r="HW644" s="91"/>
      <c r="HX644" s="91"/>
      <c r="HY644" s="91"/>
      <c r="HZ644" s="91"/>
      <c r="IA644" s="91"/>
      <c r="IB644" s="91"/>
      <c r="IC644" s="91"/>
      <c r="ID644" s="91"/>
      <c r="IE644" s="91"/>
      <c r="IF644" s="91"/>
      <c r="IG644" s="91"/>
      <c r="IH644" s="91"/>
      <c r="II644" s="91"/>
      <c r="IJ644" s="91"/>
      <c r="IK644" s="127"/>
    </row>
    <row r="645" spans="2:245" x14ac:dyDescent="0.2">
      <c r="B645" s="43"/>
      <c r="C645" s="73"/>
      <c r="D645" s="64"/>
      <c r="E645" s="64"/>
      <c r="F645" s="55"/>
      <c r="G645" s="102"/>
      <c r="H645" s="55"/>
      <c r="I645" s="55"/>
      <c r="J645" s="55"/>
      <c r="K645" s="55"/>
      <c r="L645" s="55"/>
      <c r="M645" s="55"/>
      <c r="N645" s="55"/>
      <c r="O645" s="55"/>
      <c r="P645" s="55"/>
      <c r="Q645" s="55"/>
      <c r="R645" s="55"/>
      <c r="S645" s="55"/>
      <c r="T645" s="55"/>
      <c r="U645" s="55"/>
      <c r="V645" s="55"/>
      <c r="W645" s="55"/>
      <c r="X645" s="55"/>
      <c r="Y645" s="55"/>
      <c r="Z645" s="55"/>
      <c r="AA645" s="55"/>
      <c r="AB645" s="55"/>
      <c r="AC645" s="55"/>
      <c r="AD645" s="55"/>
      <c r="AE645" s="55"/>
      <c r="AF645" s="55"/>
      <c r="AG645" s="55"/>
      <c r="AY645" s="162"/>
      <c r="AZ645" s="162"/>
      <c r="BA645" s="162"/>
      <c r="BB645" s="162"/>
      <c r="BC645" s="162"/>
      <c r="BD645" s="162"/>
      <c r="BE645" s="162"/>
      <c r="BF645" s="162"/>
      <c r="BG645" s="162"/>
      <c r="BH645" s="162"/>
      <c r="BI645" s="162"/>
      <c r="BJ645" s="162"/>
      <c r="BK645" s="162"/>
      <c r="BL645" s="162"/>
      <c r="BM645" s="162"/>
      <c r="BN645" s="162"/>
      <c r="BO645" s="162"/>
      <c r="BP645" s="162"/>
      <c r="BQ645" s="162"/>
      <c r="BR645" s="162"/>
      <c r="BS645" s="162"/>
      <c r="BT645" s="162"/>
      <c r="BU645" s="162"/>
      <c r="BV645" s="162"/>
      <c r="BW645" s="162"/>
      <c r="BX645" s="162"/>
      <c r="BY645" s="162"/>
      <c r="BZ645" s="162"/>
      <c r="CA645" s="162"/>
      <c r="CB645" s="162"/>
      <c r="CC645" s="162"/>
      <c r="CD645" s="162"/>
      <c r="CE645" s="162"/>
      <c r="CF645" s="162"/>
      <c r="CG645" s="162"/>
      <c r="CH645" s="162"/>
      <c r="CI645" s="162"/>
      <c r="CJ645" s="162"/>
      <c r="CK645" s="162"/>
      <c r="CX645" s="98"/>
      <c r="DL645" s="97"/>
      <c r="DX645" s="98"/>
      <c r="EL645" s="97"/>
      <c r="EX645" s="98"/>
      <c r="EY645" s="97"/>
      <c r="FL645" s="126"/>
      <c r="FM645" s="91"/>
      <c r="FN645" s="91"/>
      <c r="FO645" s="91"/>
      <c r="FP645" s="91"/>
      <c r="FQ645" s="91"/>
      <c r="FR645" s="91"/>
      <c r="FS645" s="91"/>
      <c r="FT645" s="91"/>
      <c r="FU645" s="91"/>
      <c r="FV645" s="91"/>
      <c r="FW645" s="91"/>
      <c r="FX645" s="91"/>
      <c r="FY645" s="91"/>
      <c r="FZ645" s="91"/>
      <c r="GA645" s="91"/>
      <c r="GB645" s="91"/>
      <c r="GC645" s="91"/>
      <c r="GD645" s="91"/>
      <c r="GE645" s="91"/>
      <c r="GF645" s="91"/>
      <c r="GG645" s="91"/>
      <c r="GH645" s="91"/>
      <c r="GI645" s="91"/>
      <c r="GJ645" s="91"/>
      <c r="GK645" s="127"/>
      <c r="GL645" s="126"/>
      <c r="GM645" s="91"/>
      <c r="GN645" s="91"/>
      <c r="GO645" s="91"/>
      <c r="GP645" s="91"/>
      <c r="GQ645" s="91"/>
      <c r="GR645" s="91"/>
      <c r="GS645" s="91"/>
      <c r="GT645" s="91"/>
      <c r="GU645" s="91"/>
      <c r="GV645" s="91"/>
      <c r="GW645" s="91"/>
      <c r="GX645" s="91"/>
      <c r="GY645" s="91"/>
      <c r="GZ645" s="91"/>
      <c r="HA645" s="91"/>
      <c r="HB645" s="91"/>
      <c r="HC645" s="91"/>
      <c r="HD645" s="91"/>
      <c r="HE645" s="91"/>
      <c r="HF645" s="91"/>
      <c r="HG645" s="91"/>
      <c r="HH645" s="91"/>
      <c r="HI645" s="91"/>
      <c r="HJ645" s="91"/>
      <c r="HK645" s="127"/>
      <c r="HL645" s="126"/>
      <c r="HM645" s="91"/>
      <c r="HN645" s="91"/>
      <c r="HO645" s="91"/>
      <c r="HP645" s="91"/>
      <c r="HQ645" s="91"/>
      <c r="HR645" s="91"/>
      <c r="HS645" s="91"/>
      <c r="HT645" s="91"/>
      <c r="HU645" s="91"/>
      <c r="HV645" s="91"/>
      <c r="HW645" s="91"/>
      <c r="HX645" s="91"/>
      <c r="HY645" s="91"/>
      <c r="HZ645" s="91"/>
      <c r="IA645" s="91"/>
      <c r="IB645" s="91"/>
      <c r="IC645" s="91"/>
      <c r="ID645" s="91"/>
      <c r="IE645" s="91"/>
      <c r="IF645" s="91"/>
      <c r="IG645" s="91"/>
      <c r="IH645" s="91"/>
      <c r="II645" s="91"/>
      <c r="IJ645" s="91"/>
      <c r="IK645" s="127"/>
    </row>
    <row r="646" spans="2:245" x14ac:dyDescent="0.2">
      <c r="B646" s="43"/>
      <c r="C646" s="73"/>
      <c r="D646" s="64"/>
      <c r="E646" s="64"/>
      <c r="F646" s="55"/>
      <c r="G646" s="102"/>
      <c r="H646" s="55"/>
      <c r="I646" s="55"/>
      <c r="J646" s="55"/>
      <c r="K646" s="55"/>
      <c r="L646" s="55"/>
      <c r="M646" s="55"/>
      <c r="N646" s="55"/>
      <c r="O646" s="55"/>
      <c r="P646" s="55"/>
      <c r="Q646" s="55"/>
      <c r="R646" s="55"/>
      <c r="S646" s="55"/>
      <c r="T646" s="55"/>
      <c r="U646" s="55"/>
      <c r="V646" s="55"/>
      <c r="W646" s="55"/>
      <c r="X646" s="55"/>
      <c r="Y646" s="55"/>
      <c r="Z646" s="55"/>
      <c r="AA646" s="55"/>
      <c r="AB646" s="55"/>
      <c r="AC646" s="55"/>
      <c r="AD646" s="55"/>
      <c r="AE646" s="55"/>
      <c r="AF646" s="55"/>
      <c r="AG646" s="55"/>
      <c r="AY646" s="162"/>
      <c r="AZ646" s="162"/>
      <c r="BA646" s="162"/>
      <c r="BB646" s="162"/>
      <c r="BC646" s="162"/>
      <c r="BD646" s="162"/>
      <c r="BE646" s="162"/>
      <c r="BF646" s="162"/>
      <c r="BG646" s="162"/>
      <c r="BH646" s="162"/>
      <c r="BI646" s="162"/>
      <c r="BJ646" s="162"/>
      <c r="BK646" s="162"/>
      <c r="BL646" s="162"/>
      <c r="BM646" s="162"/>
      <c r="BN646" s="162"/>
      <c r="BO646" s="162"/>
      <c r="BP646" s="162"/>
      <c r="BQ646" s="162"/>
      <c r="BR646" s="162"/>
      <c r="BS646" s="162"/>
      <c r="BT646" s="162"/>
      <c r="BU646" s="162"/>
      <c r="BV646" s="162"/>
      <c r="BW646" s="162"/>
      <c r="BX646" s="162"/>
      <c r="BY646" s="162"/>
      <c r="BZ646" s="162"/>
      <c r="CA646" s="162"/>
      <c r="CB646" s="162"/>
      <c r="CC646" s="162"/>
      <c r="CD646" s="162"/>
      <c r="CE646" s="162"/>
      <c r="CF646" s="162"/>
      <c r="CG646" s="162"/>
      <c r="CH646" s="162"/>
      <c r="CI646" s="162"/>
      <c r="CJ646" s="162"/>
      <c r="CK646" s="162"/>
      <c r="CX646" s="98"/>
      <c r="DL646" s="97"/>
      <c r="DX646" s="98"/>
      <c r="EL646" s="97"/>
      <c r="EX646" s="98"/>
      <c r="EY646" s="97"/>
      <c r="FL646" s="126"/>
      <c r="FM646" s="91"/>
      <c r="FN646" s="91"/>
      <c r="FO646" s="91"/>
      <c r="FP646" s="91"/>
      <c r="FQ646" s="91"/>
      <c r="FR646" s="91"/>
      <c r="FS646" s="91"/>
      <c r="FT646" s="91"/>
      <c r="FU646" s="91"/>
      <c r="FV646" s="91"/>
      <c r="FW646" s="91"/>
      <c r="FX646" s="91"/>
      <c r="FY646" s="91"/>
      <c r="FZ646" s="91"/>
      <c r="GA646" s="91"/>
      <c r="GB646" s="91"/>
      <c r="GC646" s="91"/>
      <c r="GD646" s="91"/>
      <c r="GE646" s="91"/>
      <c r="GF646" s="91"/>
      <c r="GG646" s="91"/>
      <c r="GH646" s="91"/>
      <c r="GI646" s="91"/>
      <c r="GJ646" s="91"/>
      <c r="GK646" s="127"/>
      <c r="GL646" s="126"/>
      <c r="GM646" s="91"/>
      <c r="GN646" s="91"/>
      <c r="GO646" s="91"/>
      <c r="GP646" s="91"/>
      <c r="GQ646" s="91"/>
      <c r="GR646" s="91"/>
      <c r="GS646" s="91"/>
      <c r="GT646" s="91"/>
      <c r="GU646" s="91"/>
      <c r="GV646" s="91"/>
      <c r="GW646" s="91"/>
      <c r="GX646" s="91"/>
      <c r="GY646" s="91"/>
      <c r="GZ646" s="91"/>
      <c r="HA646" s="91"/>
      <c r="HB646" s="91"/>
      <c r="HC646" s="91"/>
      <c r="HD646" s="91"/>
      <c r="HE646" s="91"/>
      <c r="HF646" s="91"/>
      <c r="HG646" s="91"/>
      <c r="HH646" s="91"/>
      <c r="HI646" s="91"/>
      <c r="HJ646" s="91"/>
      <c r="HK646" s="127"/>
      <c r="HL646" s="126"/>
      <c r="HM646" s="91"/>
      <c r="HN646" s="91"/>
      <c r="HO646" s="91"/>
      <c r="HP646" s="91"/>
      <c r="HQ646" s="91"/>
      <c r="HR646" s="91"/>
      <c r="HS646" s="91"/>
      <c r="HT646" s="91"/>
      <c r="HU646" s="91"/>
      <c r="HV646" s="91"/>
      <c r="HW646" s="91"/>
      <c r="HX646" s="91"/>
      <c r="HY646" s="91"/>
      <c r="HZ646" s="91"/>
      <c r="IA646" s="91"/>
      <c r="IB646" s="91"/>
      <c r="IC646" s="91"/>
      <c r="ID646" s="91"/>
      <c r="IE646" s="91"/>
      <c r="IF646" s="91"/>
      <c r="IG646" s="91"/>
      <c r="IH646" s="91"/>
      <c r="II646" s="91"/>
      <c r="IJ646" s="91"/>
      <c r="IK646" s="127"/>
    </row>
    <row r="647" spans="2:245" x14ac:dyDescent="0.2">
      <c r="B647" s="43"/>
      <c r="C647" s="73"/>
      <c r="D647" s="64"/>
      <c r="E647" s="64"/>
      <c r="F647" s="55"/>
      <c r="G647" s="102"/>
      <c r="H647" s="55"/>
      <c r="I647" s="55"/>
      <c r="J647" s="55"/>
      <c r="K647" s="55"/>
      <c r="L647" s="55"/>
      <c r="M647" s="55"/>
      <c r="N647" s="55"/>
      <c r="O647" s="55"/>
      <c r="P647" s="55"/>
      <c r="Q647" s="55"/>
      <c r="R647" s="55"/>
      <c r="S647" s="55"/>
      <c r="T647" s="55"/>
      <c r="U647" s="55"/>
      <c r="V647" s="55"/>
      <c r="W647" s="55"/>
      <c r="X647" s="55"/>
      <c r="Y647" s="55"/>
      <c r="Z647" s="55"/>
      <c r="AA647" s="55"/>
      <c r="AB647" s="55"/>
      <c r="AC647" s="55"/>
      <c r="AD647" s="55"/>
      <c r="AE647" s="55"/>
      <c r="AF647" s="55"/>
      <c r="AG647" s="55"/>
      <c r="AY647" s="162"/>
      <c r="AZ647" s="162"/>
      <c r="BA647" s="162"/>
      <c r="BB647" s="162"/>
      <c r="BC647" s="162"/>
      <c r="BD647" s="162"/>
      <c r="BE647" s="162"/>
      <c r="BF647" s="162"/>
      <c r="BG647" s="162"/>
      <c r="BH647" s="162"/>
      <c r="BI647" s="162"/>
      <c r="BJ647" s="162"/>
      <c r="BK647" s="162"/>
      <c r="BL647" s="162"/>
      <c r="BM647" s="162"/>
      <c r="BN647" s="162"/>
      <c r="BO647" s="162"/>
      <c r="BP647" s="162"/>
      <c r="BQ647" s="162"/>
      <c r="BR647" s="162"/>
      <c r="BS647" s="162"/>
      <c r="BT647" s="162"/>
      <c r="BU647" s="162"/>
      <c r="BV647" s="162"/>
      <c r="BW647" s="162"/>
      <c r="BX647" s="162"/>
      <c r="BY647" s="162"/>
      <c r="BZ647" s="162"/>
      <c r="CA647" s="162"/>
      <c r="CB647" s="162"/>
      <c r="CC647" s="162"/>
      <c r="CD647" s="162"/>
      <c r="CE647" s="162"/>
      <c r="CF647" s="162"/>
      <c r="CG647" s="162"/>
      <c r="CH647" s="162"/>
      <c r="CI647" s="162"/>
      <c r="CJ647" s="162"/>
      <c r="CK647" s="162"/>
      <c r="CX647" s="98"/>
      <c r="DL647" s="97"/>
      <c r="DX647" s="98"/>
      <c r="EL647" s="97"/>
      <c r="EX647" s="98"/>
      <c r="EY647" s="97"/>
      <c r="FL647" s="126"/>
      <c r="FM647" s="91"/>
      <c r="FN647" s="91"/>
      <c r="FO647" s="91"/>
      <c r="FP647" s="91"/>
      <c r="FQ647" s="91"/>
      <c r="FR647" s="91"/>
      <c r="FS647" s="91"/>
      <c r="FT647" s="91"/>
      <c r="FU647" s="91"/>
      <c r="FV647" s="91"/>
      <c r="FW647" s="91"/>
      <c r="FX647" s="91"/>
      <c r="FY647" s="91"/>
      <c r="FZ647" s="91"/>
      <c r="GA647" s="91"/>
      <c r="GB647" s="91"/>
      <c r="GC647" s="91"/>
      <c r="GD647" s="91"/>
      <c r="GE647" s="91"/>
      <c r="GF647" s="91"/>
      <c r="GG647" s="91"/>
      <c r="GH647" s="91"/>
      <c r="GI647" s="91"/>
      <c r="GJ647" s="91"/>
      <c r="GK647" s="127"/>
      <c r="GL647" s="126"/>
      <c r="GM647" s="91"/>
      <c r="GN647" s="91"/>
      <c r="GO647" s="91"/>
      <c r="GP647" s="91"/>
      <c r="GQ647" s="91"/>
      <c r="GR647" s="91"/>
      <c r="GS647" s="91"/>
      <c r="GT647" s="91"/>
      <c r="GU647" s="91"/>
      <c r="GV647" s="91"/>
      <c r="GW647" s="91"/>
      <c r="GX647" s="91"/>
      <c r="GY647" s="91"/>
      <c r="GZ647" s="91"/>
      <c r="HA647" s="91"/>
      <c r="HB647" s="91"/>
      <c r="HC647" s="91"/>
      <c r="HD647" s="91"/>
      <c r="HE647" s="91"/>
      <c r="HF647" s="91"/>
      <c r="HG647" s="91"/>
      <c r="HH647" s="91"/>
      <c r="HI647" s="91"/>
      <c r="HJ647" s="91"/>
      <c r="HK647" s="127"/>
      <c r="HL647" s="126"/>
      <c r="HM647" s="91"/>
      <c r="HN647" s="91"/>
      <c r="HO647" s="91"/>
      <c r="HP647" s="91"/>
      <c r="HQ647" s="91"/>
      <c r="HR647" s="91"/>
      <c r="HS647" s="91"/>
      <c r="HT647" s="91"/>
      <c r="HU647" s="91"/>
      <c r="HV647" s="91"/>
      <c r="HW647" s="91"/>
      <c r="HX647" s="91"/>
      <c r="HY647" s="91"/>
      <c r="HZ647" s="91"/>
      <c r="IA647" s="91"/>
      <c r="IB647" s="91"/>
      <c r="IC647" s="91"/>
      <c r="ID647" s="91"/>
      <c r="IE647" s="91"/>
      <c r="IF647" s="91"/>
      <c r="IG647" s="91"/>
      <c r="IH647" s="91"/>
      <c r="II647" s="91"/>
      <c r="IJ647" s="91"/>
      <c r="IK647" s="127"/>
    </row>
    <row r="648" spans="2:245" x14ac:dyDescent="0.2">
      <c r="B648" s="43"/>
      <c r="C648" s="73"/>
      <c r="D648" s="64"/>
      <c r="E648" s="64"/>
      <c r="F648" s="55"/>
      <c r="G648" s="102"/>
      <c r="H648" s="55"/>
      <c r="I648" s="55"/>
      <c r="J648" s="55"/>
      <c r="K648" s="55"/>
      <c r="L648" s="55"/>
      <c r="M648" s="55"/>
      <c r="N648" s="55"/>
      <c r="O648" s="55"/>
      <c r="P648" s="55"/>
      <c r="Q648" s="55"/>
      <c r="R648" s="55"/>
      <c r="S648" s="55"/>
      <c r="T648" s="55"/>
      <c r="U648" s="55"/>
      <c r="V648" s="55"/>
      <c r="W648" s="55"/>
      <c r="X648" s="55"/>
      <c r="Y648" s="55"/>
      <c r="Z648" s="55"/>
      <c r="AA648" s="55"/>
      <c r="AB648" s="55"/>
      <c r="AC648" s="55"/>
      <c r="AD648" s="55"/>
      <c r="AE648" s="55"/>
      <c r="AF648" s="55"/>
      <c r="AG648" s="55"/>
      <c r="AY648" s="162"/>
      <c r="AZ648" s="162"/>
      <c r="BA648" s="162"/>
      <c r="BB648" s="162"/>
      <c r="BC648" s="162"/>
      <c r="BD648" s="162"/>
      <c r="BE648" s="162"/>
      <c r="BF648" s="162"/>
      <c r="BG648" s="162"/>
      <c r="BH648" s="162"/>
      <c r="BI648" s="162"/>
      <c r="BJ648" s="162"/>
      <c r="BK648" s="162"/>
      <c r="BL648" s="162"/>
      <c r="BM648" s="162"/>
      <c r="BN648" s="162"/>
      <c r="BO648" s="162"/>
      <c r="BP648" s="162"/>
      <c r="BQ648" s="162"/>
      <c r="BR648" s="162"/>
      <c r="BS648" s="162"/>
      <c r="BT648" s="162"/>
      <c r="BU648" s="162"/>
      <c r="BV648" s="162"/>
      <c r="BW648" s="162"/>
      <c r="BX648" s="162"/>
      <c r="BY648" s="162"/>
      <c r="BZ648" s="162"/>
      <c r="CA648" s="162"/>
      <c r="CB648" s="162"/>
      <c r="CC648" s="162"/>
      <c r="CD648" s="162"/>
      <c r="CE648" s="162"/>
      <c r="CF648" s="162"/>
      <c r="CG648" s="162"/>
      <c r="CH648" s="162"/>
      <c r="CI648" s="162"/>
      <c r="CJ648" s="162"/>
      <c r="CK648" s="162"/>
      <c r="CX648" s="98"/>
      <c r="DL648" s="97"/>
      <c r="DX648" s="98"/>
      <c r="EL648" s="97"/>
      <c r="EX648" s="98"/>
      <c r="EY648" s="97"/>
      <c r="FL648" s="126"/>
      <c r="FM648" s="91"/>
      <c r="FN648" s="91"/>
      <c r="FO648" s="91"/>
      <c r="FP648" s="91"/>
      <c r="FQ648" s="91"/>
      <c r="FR648" s="91"/>
      <c r="FS648" s="91"/>
      <c r="FT648" s="91"/>
      <c r="FU648" s="91"/>
      <c r="FV648" s="91"/>
      <c r="FW648" s="91"/>
      <c r="FX648" s="91"/>
      <c r="FY648" s="91"/>
      <c r="FZ648" s="91"/>
      <c r="GA648" s="91"/>
      <c r="GB648" s="91"/>
      <c r="GC648" s="91"/>
      <c r="GD648" s="91"/>
      <c r="GE648" s="91"/>
      <c r="GF648" s="91"/>
      <c r="GG648" s="91"/>
      <c r="GH648" s="91"/>
      <c r="GI648" s="91"/>
      <c r="GJ648" s="91"/>
      <c r="GK648" s="127"/>
      <c r="GL648" s="126"/>
      <c r="GM648" s="91"/>
      <c r="GN648" s="91"/>
      <c r="GO648" s="91"/>
      <c r="GP648" s="91"/>
      <c r="GQ648" s="91"/>
      <c r="GR648" s="91"/>
      <c r="GS648" s="91"/>
      <c r="GT648" s="91"/>
      <c r="GU648" s="91"/>
      <c r="GV648" s="91"/>
      <c r="GW648" s="91"/>
      <c r="GX648" s="91"/>
      <c r="GY648" s="91"/>
      <c r="GZ648" s="91"/>
      <c r="HA648" s="91"/>
      <c r="HB648" s="91"/>
      <c r="HC648" s="91"/>
      <c r="HD648" s="91"/>
      <c r="HE648" s="91"/>
      <c r="HF648" s="91"/>
      <c r="HG648" s="91"/>
      <c r="HH648" s="91"/>
      <c r="HI648" s="91"/>
      <c r="HJ648" s="91"/>
      <c r="HK648" s="127"/>
      <c r="HL648" s="126"/>
      <c r="HM648" s="91"/>
      <c r="HN648" s="91"/>
      <c r="HO648" s="91"/>
      <c r="HP648" s="91"/>
      <c r="HQ648" s="91"/>
      <c r="HR648" s="91"/>
      <c r="HS648" s="91"/>
      <c r="HT648" s="91"/>
      <c r="HU648" s="91"/>
      <c r="HV648" s="91"/>
      <c r="HW648" s="91"/>
      <c r="HX648" s="91"/>
      <c r="HY648" s="91"/>
      <c r="HZ648" s="91"/>
      <c r="IA648" s="91"/>
      <c r="IB648" s="91"/>
      <c r="IC648" s="91"/>
      <c r="ID648" s="91"/>
      <c r="IE648" s="91"/>
      <c r="IF648" s="91"/>
      <c r="IG648" s="91"/>
      <c r="IH648" s="91"/>
      <c r="II648" s="91"/>
      <c r="IJ648" s="91"/>
      <c r="IK648" s="127"/>
    </row>
    <row r="649" spans="2:245" x14ac:dyDescent="0.2">
      <c r="B649" s="43"/>
      <c r="C649" s="73"/>
      <c r="D649" s="64"/>
      <c r="E649" s="64"/>
      <c r="F649" s="55"/>
      <c r="G649" s="102"/>
      <c r="H649" s="55"/>
      <c r="I649" s="55"/>
      <c r="J649" s="55"/>
      <c r="K649" s="55"/>
      <c r="L649" s="55"/>
      <c r="M649" s="55"/>
      <c r="N649" s="55"/>
      <c r="O649" s="55"/>
      <c r="P649" s="55"/>
      <c r="Q649" s="55"/>
      <c r="R649" s="55"/>
      <c r="S649" s="55"/>
      <c r="T649" s="55"/>
      <c r="U649" s="55"/>
      <c r="V649" s="55"/>
      <c r="W649" s="55"/>
      <c r="X649" s="55"/>
      <c r="Y649" s="55"/>
      <c r="Z649" s="55"/>
      <c r="AA649" s="55"/>
      <c r="AB649" s="55"/>
      <c r="AC649" s="55"/>
      <c r="AD649" s="55"/>
      <c r="AE649" s="55"/>
      <c r="AF649" s="55"/>
      <c r="AG649" s="55"/>
      <c r="AY649" s="162"/>
      <c r="AZ649" s="162"/>
      <c r="BA649" s="162"/>
      <c r="BB649" s="162"/>
      <c r="BC649" s="162"/>
      <c r="BD649" s="162"/>
      <c r="BE649" s="162"/>
      <c r="BF649" s="162"/>
      <c r="BG649" s="162"/>
      <c r="BH649" s="162"/>
      <c r="BI649" s="162"/>
      <c r="BJ649" s="162"/>
      <c r="BK649" s="162"/>
      <c r="BL649" s="162"/>
      <c r="BM649" s="162"/>
      <c r="BN649" s="162"/>
      <c r="BO649" s="162"/>
      <c r="BP649" s="162"/>
      <c r="BQ649" s="162"/>
      <c r="BR649" s="162"/>
      <c r="BS649" s="162"/>
      <c r="BT649" s="162"/>
      <c r="BU649" s="162"/>
      <c r="BV649" s="162"/>
      <c r="BW649" s="162"/>
      <c r="BX649" s="162"/>
      <c r="BY649" s="162"/>
      <c r="BZ649" s="162"/>
      <c r="CA649" s="162"/>
      <c r="CB649" s="162"/>
      <c r="CC649" s="162"/>
      <c r="CD649" s="162"/>
      <c r="CE649" s="162"/>
      <c r="CF649" s="162"/>
      <c r="CG649" s="162"/>
      <c r="CH649" s="162"/>
      <c r="CI649" s="162"/>
      <c r="CJ649" s="162"/>
      <c r="CK649" s="162"/>
      <c r="CX649" s="98"/>
      <c r="DL649" s="97"/>
      <c r="DX649" s="98"/>
      <c r="EL649" s="97"/>
      <c r="EX649" s="98"/>
      <c r="EY649" s="97"/>
      <c r="FL649" s="126"/>
      <c r="FM649" s="91"/>
      <c r="FN649" s="91"/>
      <c r="FO649" s="91"/>
      <c r="FP649" s="91"/>
      <c r="FQ649" s="91"/>
      <c r="FR649" s="91"/>
      <c r="FS649" s="91"/>
      <c r="FT649" s="91"/>
      <c r="FU649" s="91"/>
      <c r="FV649" s="91"/>
      <c r="FW649" s="91"/>
      <c r="FX649" s="91"/>
      <c r="FY649" s="91"/>
      <c r="FZ649" s="91"/>
      <c r="GA649" s="91"/>
      <c r="GB649" s="91"/>
      <c r="GC649" s="91"/>
      <c r="GD649" s="91"/>
      <c r="GE649" s="91"/>
      <c r="GF649" s="91"/>
      <c r="GG649" s="91"/>
      <c r="GH649" s="91"/>
      <c r="GI649" s="91"/>
      <c r="GJ649" s="91"/>
      <c r="GK649" s="127"/>
      <c r="GL649" s="126"/>
      <c r="GM649" s="91"/>
      <c r="GN649" s="91"/>
      <c r="GO649" s="91"/>
      <c r="GP649" s="91"/>
      <c r="GQ649" s="91"/>
      <c r="GR649" s="91"/>
      <c r="GS649" s="91"/>
      <c r="GT649" s="91"/>
      <c r="GU649" s="91"/>
      <c r="GV649" s="91"/>
      <c r="GW649" s="91"/>
      <c r="GX649" s="91"/>
      <c r="GY649" s="91"/>
      <c r="GZ649" s="91"/>
      <c r="HA649" s="91"/>
      <c r="HB649" s="91"/>
      <c r="HC649" s="91"/>
      <c r="HD649" s="91"/>
      <c r="HE649" s="91"/>
      <c r="HF649" s="91"/>
      <c r="HG649" s="91"/>
      <c r="HH649" s="91"/>
      <c r="HI649" s="91"/>
      <c r="HJ649" s="91"/>
      <c r="HK649" s="127"/>
      <c r="HL649" s="126"/>
      <c r="HM649" s="91"/>
      <c r="HN649" s="91"/>
      <c r="HO649" s="91"/>
      <c r="HP649" s="91"/>
      <c r="HQ649" s="91"/>
      <c r="HR649" s="91"/>
      <c r="HS649" s="91"/>
      <c r="HT649" s="91"/>
      <c r="HU649" s="91"/>
      <c r="HV649" s="91"/>
      <c r="HW649" s="91"/>
      <c r="HX649" s="91"/>
      <c r="HY649" s="91"/>
      <c r="HZ649" s="91"/>
      <c r="IA649" s="91"/>
      <c r="IB649" s="91"/>
      <c r="IC649" s="91"/>
      <c r="ID649" s="91"/>
      <c r="IE649" s="91"/>
      <c r="IF649" s="91"/>
      <c r="IG649" s="91"/>
      <c r="IH649" s="91"/>
      <c r="II649" s="91"/>
      <c r="IJ649" s="91"/>
      <c r="IK649" s="127"/>
    </row>
    <row r="650" spans="2:245" x14ac:dyDescent="0.2">
      <c r="B650" s="43"/>
      <c r="C650" s="73"/>
      <c r="D650" s="64"/>
      <c r="E650" s="64"/>
      <c r="F650" s="55"/>
      <c r="G650" s="102"/>
      <c r="H650" s="55"/>
      <c r="I650" s="55"/>
      <c r="J650" s="55"/>
      <c r="K650" s="55"/>
      <c r="L650" s="55"/>
      <c r="M650" s="55"/>
      <c r="N650" s="55"/>
      <c r="O650" s="55"/>
      <c r="P650" s="55"/>
      <c r="Q650" s="55"/>
      <c r="R650" s="55"/>
      <c r="S650" s="55"/>
      <c r="T650" s="55"/>
      <c r="U650" s="55"/>
      <c r="V650" s="55"/>
      <c r="W650" s="55"/>
      <c r="X650" s="55"/>
      <c r="Y650" s="55"/>
      <c r="Z650" s="55"/>
      <c r="AA650" s="55"/>
      <c r="AB650" s="55"/>
      <c r="AC650" s="55"/>
      <c r="AD650" s="55"/>
      <c r="AE650" s="55"/>
      <c r="AF650" s="55"/>
      <c r="AG650" s="55"/>
      <c r="AY650" s="162"/>
      <c r="AZ650" s="162"/>
      <c r="BA650" s="162"/>
      <c r="BB650" s="162"/>
      <c r="BC650" s="162"/>
      <c r="BD650" s="162"/>
      <c r="BE650" s="162"/>
      <c r="BF650" s="162"/>
      <c r="BG650" s="162"/>
      <c r="BH650" s="162"/>
      <c r="BI650" s="162"/>
      <c r="BJ650" s="162"/>
      <c r="BK650" s="162"/>
      <c r="BL650" s="162"/>
      <c r="BM650" s="162"/>
      <c r="BN650" s="162"/>
      <c r="BO650" s="162"/>
      <c r="BP650" s="162"/>
      <c r="BQ650" s="162"/>
      <c r="BR650" s="162"/>
      <c r="BS650" s="162"/>
      <c r="BT650" s="162"/>
      <c r="BU650" s="162"/>
      <c r="BV650" s="162"/>
      <c r="BW650" s="162"/>
      <c r="BX650" s="162"/>
      <c r="BY650" s="162"/>
      <c r="BZ650" s="162"/>
      <c r="CA650" s="162"/>
      <c r="CB650" s="162"/>
      <c r="CC650" s="162"/>
      <c r="CD650" s="162"/>
      <c r="CE650" s="162"/>
      <c r="CF650" s="162"/>
      <c r="CG650" s="162"/>
      <c r="CH650" s="162"/>
      <c r="CI650" s="162"/>
      <c r="CJ650" s="162"/>
      <c r="CK650" s="162"/>
      <c r="CX650" s="98"/>
      <c r="DL650" s="97"/>
      <c r="DX650" s="98"/>
      <c r="EL650" s="97"/>
      <c r="EX650" s="98"/>
      <c r="EY650" s="97"/>
      <c r="FL650" s="126"/>
      <c r="FM650" s="91"/>
      <c r="FN650" s="91"/>
      <c r="FO650" s="91"/>
      <c r="FP650" s="91"/>
      <c r="FQ650" s="91"/>
      <c r="FR650" s="91"/>
      <c r="FS650" s="91"/>
      <c r="FT650" s="91"/>
      <c r="FU650" s="91"/>
      <c r="FV650" s="91"/>
      <c r="FW650" s="91"/>
      <c r="FX650" s="91"/>
      <c r="FY650" s="91"/>
      <c r="FZ650" s="91"/>
      <c r="GA650" s="91"/>
      <c r="GB650" s="91"/>
      <c r="GC650" s="91"/>
      <c r="GD650" s="91"/>
      <c r="GE650" s="91"/>
      <c r="GF650" s="91"/>
      <c r="GG650" s="91"/>
      <c r="GH650" s="91"/>
      <c r="GI650" s="91"/>
      <c r="GJ650" s="91"/>
      <c r="GK650" s="127"/>
      <c r="GL650" s="126"/>
      <c r="GM650" s="91"/>
      <c r="GN650" s="91"/>
      <c r="GO650" s="91"/>
      <c r="GP650" s="91"/>
      <c r="GQ650" s="91"/>
      <c r="GR650" s="91"/>
      <c r="GS650" s="91"/>
      <c r="GT650" s="91"/>
      <c r="GU650" s="91"/>
      <c r="GV650" s="91"/>
      <c r="GW650" s="91"/>
      <c r="GX650" s="91"/>
      <c r="GY650" s="91"/>
      <c r="GZ650" s="91"/>
      <c r="HA650" s="91"/>
      <c r="HB650" s="91"/>
      <c r="HC650" s="91"/>
      <c r="HD650" s="91"/>
      <c r="HE650" s="91"/>
      <c r="HF650" s="91"/>
      <c r="HG650" s="91"/>
      <c r="HH650" s="91"/>
      <c r="HI650" s="91"/>
      <c r="HJ650" s="91"/>
      <c r="HK650" s="127"/>
      <c r="HL650" s="126"/>
      <c r="HM650" s="91"/>
      <c r="HN650" s="91"/>
      <c r="HO650" s="91"/>
      <c r="HP650" s="91"/>
      <c r="HQ650" s="91"/>
      <c r="HR650" s="91"/>
      <c r="HS650" s="91"/>
      <c r="HT650" s="91"/>
      <c r="HU650" s="91"/>
      <c r="HV650" s="91"/>
      <c r="HW650" s="91"/>
      <c r="HX650" s="91"/>
      <c r="HY650" s="91"/>
      <c r="HZ650" s="91"/>
      <c r="IA650" s="91"/>
      <c r="IB650" s="91"/>
      <c r="IC650" s="91"/>
      <c r="ID650" s="91"/>
      <c r="IE650" s="91"/>
      <c r="IF650" s="91"/>
      <c r="IG650" s="91"/>
      <c r="IH650" s="91"/>
      <c r="II650" s="91"/>
      <c r="IJ650" s="91"/>
      <c r="IK650" s="127"/>
    </row>
    <row r="651" spans="2:245" x14ac:dyDescent="0.2">
      <c r="B651" s="43"/>
      <c r="C651" s="73"/>
      <c r="D651" s="64"/>
      <c r="E651" s="64"/>
      <c r="F651" s="55"/>
      <c r="G651" s="102"/>
      <c r="H651" s="55"/>
      <c r="I651" s="55"/>
      <c r="J651" s="55"/>
      <c r="K651" s="55"/>
      <c r="L651" s="55"/>
      <c r="M651" s="55"/>
      <c r="N651" s="55"/>
      <c r="O651" s="55"/>
      <c r="P651" s="55"/>
      <c r="Q651" s="55"/>
      <c r="R651" s="55"/>
      <c r="S651" s="55"/>
      <c r="T651" s="55"/>
      <c r="U651" s="55"/>
      <c r="V651" s="55"/>
      <c r="W651" s="55"/>
      <c r="X651" s="55"/>
      <c r="Y651" s="55"/>
      <c r="Z651" s="55"/>
      <c r="AA651" s="55"/>
      <c r="AB651" s="55"/>
      <c r="AC651" s="55"/>
      <c r="AD651" s="55"/>
      <c r="AE651" s="55"/>
      <c r="AF651" s="55"/>
      <c r="AG651" s="55"/>
      <c r="AY651" s="162"/>
      <c r="AZ651" s="162"/>
      <c r="BA651" s="162"/>
      <c r="BB651" s="162"/>
      <c r="BC651" s="162"/>
      <c r="BD651" s="162"/>
      <c r="BE651" s="162"/>
      <c r="BF651" s="162"/>
      <c r="BG651" s="162"/>
      <c r="BH651" s="162"/>
      <c r="BI651" s="162"/>
      <c r="BJ651" s="162"/>
      <c r="BK651" s="162"/>
      <c r="BL651" s="162"/>
      <c r="BM651" s="162"/>
      <c r="BN651" s="162"/>
      <c r="BO651" s="162"/>
      <c r="BP651" s="162"/>
      <c r="BQ651" s="162"/>
      <c r="BR651" s="162"/>
      <c r="BS651" s="162"/>
      <c r="BT651" s="162"/>
      <c r="BU651" s="162"/>
      <c r="BV651" s="162"/>
      <c r="BW651" s="162"/>
      <c r="BX651" s="162"/>
      <c r="BY651" s="162"/>
      <c r="BZ651" s="162"/>
      <c r="CA651" s="162"/>
      <c r="CB651" s="162"/>
      <c r="CC651" s="162"/>
      <c r="CD651" s="162"/>
      <c r="CE651" s="162"/>
      <c r="CF651" s="162"/>
      <c r="CG651" s="162"/>
      <c r="CH651" s="162"/>
      <c r="CI651" s="162"/>
      <c r="CJ651" s="162"/>
      <c r="CK651" s="162"/>
      <c r="CX651" s="98"/>
      <c r="DL651" s="97"/>
      <c r="DX651" s="98"/>
      <c r="EL651" s="97"/>
      <c r="EX651" s="98"/>
      <c r="EY651" s="97"/>
      <c r="FL651" s="126"/>
      <c r="FM651" s="91"/>
      <c r="FN651" s="91"/>
      <c r="FO651" s="91"/>
      <c r="FP651" s="91"/>
      <c r="FQ651" s="91"/>
      <c r="FR651" s="91"/>
      <c r="FS651" s="91"/>
      <c r="FT651" s="91"/>
      <c r="FU651" s="91"/>
      <c r="FV651" s="91"/>
      <c r="FW651" s="91"/>
      <c r="FX651" s="91"/>
      <c r="FY651" s="91"/>
      <c r="FZ651" s="91"/>
      <c r="GA651" s="91"/>
      <c r="GB651" s="91"/>
      <c r="GC651" s="91"/>
      <c r="GD651" s="91"/>
      <c r="GE651" s="91"/>
      <c r="GF651" s="91"/>
      <c r="GG651" s="91"/>
      <c r="GH651" s="91"/>
      <c r="GI651" s="91"/>
      <c r="GJ651" s="91"/>
      <c r="GK651" s="127"/>
      <c r="GL651" s="126"/>
      <c r="GM651" s="91"/>
      <c r="GN651" s="91"/>
      <c r="GO651" s="91"/>
      <c r="GP651" s="91"/>
      <c r="GQ651" s="91"/>
      <c r="GR651" s="91"/>
      <c r="GS651" s="91"/>
      <c r="GT651" s="91"/>
      <c r="GU651" s="91"/>
      <c r="GV651" s="91"/>
      <c r="GW651" s="91"/>
      <c r="GX651" s="91"/>
      <c r="GY651" s="91"/>
      <c r="GZ651" s="91"/>
      <c r="HA651" s="91"/>
      <c r="HB651" s="91"/>
      <c r="HC651" s="91"/>
      <c r="HD651" s="91"/>
      <c r="HE651" s="91"/>
      <c r="HF651" s="91"/>
      <c r="HG651" s="91"/>
      <c r="HH651" s="91"/>
      <c r="HI651" s="91"/>
      <c r="HJ651" s="91"/>
      <c r="HK651" s="127"/>
      <c r="HL651" s="126"/>
      <c r="HM651" s="91"/>
      <c r="HN651" s="91"/>
      <c r="HO651" s="91"/>
      <c r="HP651" s="91"/>
      <c r="HQ651" s="91"/>
      <c r="HR651" s="91"/>
      <c r="HS651" s="91"/>
      <c r="HT651" s="91"/>
      <c r="HU651" s="91"/>
      <c r="HV651" s="91"/>
      <c r="HW651" s="91"/>
      <c r="HX651" s="91"/>
      <c r="HY651" s="91"/>
      <c r="HZ651" s="91"/>
      <c r="IA651" s="91"/>
      <c r="IB651" s="91"/>
      <c r="IC651" s="91"/>
      <c r="ID651" s="91"/>
      <c r="IE651" s="91"/>
      <c r="IF651" s="91"/>
      <c r="IG651" s="91"/>
      <c r="IH651" s="91"/>
      <c r="II651" s="91"/>
      <c r="IJ651" s="91"/>
      <c r="IK651" s="127"/>
    </row>
    <row r="652" spans="2:245" x14ac:dyDescent="0.2">
      <c r="B652" s="43"/>
      <c r="C652" s="73"/>
      <c r="D652" s="64"/>
      <c r="E652" s="64"/>
      <c r="F652" s="55"/>
      <c r="G652" s="102"/>
      <c r="H652" s="55"/>
      <c r="I652" s="55"/>
      <c r="J652" s="55"/>
      <c r="K652" s="55"/>
      <c r="L652" s="55"/>
      <c r="M652" s="55"/>
      <c r="N652" s="55"/>
      <c r="O652" s="55"/>
      <c r="P652" s="55"/>
      <c r="Q652" s="55"/>
      <c r="R652" s="55"/>
      <c r="S652" s="55"/>
      <c r="T652" s="55"/>
      <c r="U652" s="55"/>
      <c r="V652" s="55"/>
      <c r="W652" s="55"/>
      <c r="X652" s="55"/>
      <c r="Y652" s="55"/>
      <c r="Z652" s="55"/>
      <c r="AA652" s="55"/>
      <c r="AB652" s="55"/>
      <c r="AC652" s="55"/>
      <c r="AD652" s="55"/>
      <c r="AE652" s="55"/>
      <c r="AF652" s="55"/>
      <c r="AG652" s="55"/>
      <c r="AY652" s="162"/>
      <c r="AZ652" s="162"/>
      <c r="BA652" s="162"/>
      <c r="BB652" s="162"/>
      <c r="BC652" s="162"/>
      <c r="BD652" s="162"/>
      <c r="BE652" s="162"/>
      <c r="BF652" s="162"/>
      <c r="BG652" s="162"/>
      <c r="BH652" s="162"/>
      <c r="BI652" s="162"/>
      <c r="BJ652" s="162"/>
      <c r="BK652" s="162"/>
      <c r="BL652" s="162"/>
      <c r="BM652" s="162"/>
      <c r="BN652" s="162"/>
      <c r="BO652" s="162"/>
      <c r="BP652" s="162"/>
      <c r="BQ652" s="162"/>
      <c r="BR652" s="162"/>
      <c r="BS652" s="162"/>
      <c r="BT652" s="162"/>
      <c r="BU652" s="162"/>
      <c r="BV652" s="162"/>
      <c r="BW652" s="162"/>
      <c r="BX652" s="162"/>
      <c r="BY652" s="162"/>
      <c r="BZ652" s="162"/>
      <c r="CA652" s="162"/>
      <c r="CB652" s="162"/>
      <c r="CC652" s="162"/>
      <c r="CD652" s="162"/>
      <c r="CE652" s="162"/>
      <c r="CF652" s="162"/>
      <c r="CG652" s="162"/>
      <c r="CH652" s="162"/>
      <c r="CI652" s="162"/>
      <c r="CJ652" s="162"/>
      <c r="CK652" s="162"/>
      <c r="CX652" s="98"/>
      <c r="DL652" s="97"/>
      <c r="DX652" s="98"/>
      <c r="EL652" s="97"/>
      <c r="EX652" s="98"/>
      <c r="EY652" s="97"/>
      <c r="FL652" s="126"/>
      <c r="FM652" s="91"/>
      <c r="FN652" s="91"/>
      <c r="FO652" s="91"/>
      <c r="FP652" s="91"/>
      <c r="FQ652" s="91"/>
      <c r="FR652" s="91"/>
      <c r="FS652" s="91"/>
      <c r="FT652" s="91"/>
      <c r="FU652" s="91"/>
      <c r="FV652" s="91"/>
      <c r="FW652" s="91"/>
      <c r="FX652" s="91"/>
      <c r="FY652" s="91"/>
      <c r="FZ652" s="91"/>
      <c r="GA652" s="91"/>
      <c r="GB652" s="91"/>
      <c r="GC652" s="91"/>
      <c r="GD652" s="91"/>
      <c r="GE652" s="91"/>
      <c r="GF652" s="91"/>
      <c r="GG652" s="91"/>
      <c r="GH652" s="91"/>
      <c r="GI652" s="91"/>
      <c r="GJ652" s="91"/>
      <c r="GK652" s="127"/>
      <c r="GL652" s="126"/>
      <c r="GM652" s="91"/>
      <c r="GN652" s="91"/>
      <c r="GO652" s="91"/>
      <c r="GP652" s="91"/>
      <c r="GQ652" s="91"/>
      <c r="GR652" s="91"/>
      <c r="GS652" s="91"/>
      <c r="GT652" s="91"/>
      <c r="GU652" s="91"/>
      <c r="GV652" s="91"/>
      <c r="GW652" s="91"/>
      <c r="GX652" s="91"/>
      <c r="GY652" s="91"/>
      <c r="GZ652" s="91"/>
      <c r="HA652" s="91"/>
      <c r="HB652" s="91"/>
      <c r="HC652" s="91"/>
      <c r="HD652" s="91"/>
      <c r="HE652" s="91"/>
      <c r="HF652" s="91"/>
      <c r="HG652" s="91"/>
      <c r="HH652" s="91"/>
      <c r="HI652" s="91"/>
      <c r="HJ652" s="91"/>
      <c r="HK652" s="127"/>
      <c r="HL652" s="126"/>
      <c r="HM652" s="91"/>
      <c r="HN652" s="91"/>
      <c r="HO652" s="91"/>
      <c r="HP652" s="91"/>
      <c r="HQ652" s="91"/>
      <c r="HR652" s="91"/>
      <c r="HS652" s="91"/>
      <c r="HT652" s="91"/>
      <c r="HU652" s="91"/>
      <c r="HV652" s="91"/>
      <c r="HW652" s="91"/>
      <c r="HX652" s="91"/>
      <c r="HY652" s="91"/>
      <c r="HZ652" s="91"/>
      <c r="IA652" s="91"/>
      <c r="IB652" s="91"/>
      <c r="IC652" s="91"/>
      <c r="ID652" s="91"/>
      <c r="IE652" s="91"/>
      <c r="IF652" s="91"/>
      <c r="IG652" s="91"/>
      <c r="IH652" s="91"/>
      <c r="II652" s="91"/>
      <c r="IJ652" s="91"/>
      <c r="IK652" s="127"/>
    </row>
    <row r="653" spans="2:245" x14ac:dyDescent="0.2">
      <c r="B653" s="43"/>
      <c r="C653" s="73"/>
      <c r="D653" s="64"/>
      <c r="E653" s="64"/>
      <c r="F653" s="55"/>
      <c r="G653" s="102"/>
      <c r="H653" s="55"/>
      <c r="I653" s="55"/>
      <c r="J653" s="55"/>
      <c r="K653" s="55"/>
      <c r="L653" s="55"/>
      <c r="M653" s="55"/>
      <c r="N653" s="55"/>
      <c r="O653" s="55"/>
      <c r="P653" s="55"/>
      <c r="Q653" s="55"/>
      <c r="R653" s="55"/>
      <c r="S653" s="55"/>
      <c r="T653" s="55"/>
      <c r="U653" s="55"/>
      <c r="V653" s="55"/>
      <c r="W653" s="55"/>
      <c r="X653" s="55"/>
      <c r="Y653" s="55"/>
      <c r="Z653" s="55"/>
      <c r="AA653" s="55"/>
      <c r="AB653" s="55"/>
      <c r="AC653" s="55"/>
      <c r="AD653" s="55"/>
      <c r="AE653" s="55"/>
      <c r="AF653" s="55"/>
      <c r="AG653" s="55"/>
      <c r="AY653" s="162"/>
      <c r="AZ653" s="162"/>
      <c r="BA653" s="162"/>
      <c r="BB653" s="162"/>
      <c r="BC653" s="162"/>
      <c r="BD653" s="162"/>
      <c r="BE653" s="162"/>
      <c r="BF653" s="162"/>
      <c r="BG653" s="162"/>
      <c r="BH653" s="162"/>
      <c r="BI653" s="162"/>
      <c r="BJ653" s="162"/>
      <c r="BK653" s="162"/>
      <c r="BL653" s="162"/>
      <c r="BM653" s="162"/>
      <c r="BN653" s="162"/>
      <c r="BO653" s="162"/>
      <c r="BP653" s="162"/>
      <c r="BQ653" s="162"/>
      <c r="BR653" s="162"/>
      <c r="BS653" s="162"/>
      <c r="BT653" s="162"/>
      <c r="BU653" s="162"/>
      <c r="BV653" s="162"/>
      <c r="BW653" s="162"/>
      <c r="BX653" s="162"/>
      <c r="BY653" s="162"/>
      <c r="BZ653" s="162"/>
      <c r="CA653" s="162"/>
      <c r="CB653" s="162"/>
      <c r="CC653" s="162"/>
      <c r="CD653" s="162"/>
      <c r="CE653" s="162"/>
      <c r="CF653" s="162"/>
      <c r="CG653" s="162"/>
      <c r="CH653" s="162"/>
      <c r="CI653" s="162"/>
      <c r="CJ653" s="162"/>
      <c r="CK653" s="162"/>
      <c r="CX653" s="98"/>
      <c r="DL653" s="97"/>
      <c r="DX653" s="98"/>
      <c r="EL653" s="97"/>
      <c r="EX653" s="98"/>
      <c r="EY653" s="97"/>
      <c r="FL653" s="126"/>
      <c r="FM653" s="91"/>
      <c r="FN653" s="91"/>
      <c r="FO653" s="91"/>
      <c r="FP653" s="91"/>
      <c r="FQ653" s="91"/>
      <c r="FR653" s="91"/>
      <c r="FS653" s="91"/>
      <c r="FT653" s="91"/>
      <c r="FU653" s="91"/>
      <c r="FV653" s="91"/>
      <c r="FW653" s="91"/>
      <c r="FX653" s="91"/>
      <c r="FY653" s="91"/>
      <c r="FZ653" s="91"/>
      <c r="GA653" s="91"/>
      <c r="GB653" s="91"/>
      <c r="GC653" s="91"/>
      <c r="GD653" s="91"/>
      <c r="GE653" s="91"/>
      <c r="GF653" s="91"/>
      <c r="GG653" s="91"/>
      <c r="GH653" s="91"/>
      <c r="GI653" s="91"/>
      <c r="GJ653" s="91"/>
      <c r="GK653" s="127"/>
      <c r="GL653" s="126"/>
      <c r="GM653" s="91"/>
      <c r="GN653" s="91"/>
      <c r="GO653" s="91"/>
      <c r="GP653" s="91"/>
      <c r="GQ653" s="91"/>
      <c r="GR653" s="91"/>
      <c r="GS653" s="91"/>
      <c r="GT653" s="91"/>
      <c r="GU653" s="91"/>
      <c r="GV653" s="91"/>
      <c r="GW653" s="91"/>
      <c r="GX653" s="91"/>
      <c r="GY653" s="91"/>
      <c r="GZ653" s="91"/>
      <c r="HA653" s="91"/>
      <c r="HB653" s="91"/>
      <c r="HC653" s="91"/>
      <c r="HD653" s="91"/>
      <c r="HE653" s="91"/>
      <c r="HF653" s="91"/>
      <c r="HG653" s="91"/>
      <c r="HH653" s="91"/>
      <c r="HI653" s="91"/>
      <c r="HJ653" s="91"/>
      <c r="HK653" s="127"/>
      <c r="HL653" s="126"/>
      <c r="HM653" s="91"/>
      <c r="HN653" s="91"/>
      <c r="HO653" s="91"/>
      <c r="HP653" s="91"/>
      <c r="HQ653" s="91"/>
      <c r="HR653" s="91"/>
      <c r="HS653" s="91"/>
      <c r="HT653" s="91"/>
      <c r="HU653" s="91"/>
      <c r="HV653" s="91"/>
      <c r="HW653" s="91"/>
      <c r="HX653" s="91"/>
      <c r="HY653" s="91"/>
      <c r="HZ653" s="91"/>
      <c r="IA653" s="91"/>
      <c r="IB653" s="91"/>
      <c r="IC653" s="91"/>
      <c r="ID653" s="91"/>
      <c r="IE653" s="91"/>
      <c r="IF653" s="91"/>
      <c r="IG653" s="91"/>
      <c r="IH653" s="91"/>
      <c r="II653" s="91"/>
      <c r="IJ653" s="91"/>
      <c r="IK653" s="127"/>
    </row>
    <row r="654" spans="2:245" x14ac:dyDescent="0.2">
      <c r="B654" s="43"/>
      <c r="C654" s="73"/>
      <c r="D654" s="64"/>
      <c r="E654" s="64"/>
      <c r="F654" s="55"/>
      <c r="G654" s="102"/>
      <c r="H654" s="55"/>
      <c r="I654" s="55"/>
      <c r="J654" s="55"/>
      <c r="K654" s="55"/>
      <c r="L654" s="55"/>
      <c r="M654" s="55"/>
      <c r="N654" s="55"/>
      <c r="O654" s="55"/>
      <c r="P654" s="55"/>
      <c r="Q654" s="55"/>
      <c r="R654" s="55"/>
      <c r="S654" s="55"/>
      <c r="T654" s="55"/>
      <c r="U654" s="55"/>
      <c r="V654" s="55"/>
      <c r="W654" s="55"/>
      <c r="X654" s="55"/>
      <c r="Y654" s="55"/>
      <c r="Z654" s="55"/>
      <c r="AA654" s="55"/>
      <c r="AB654" s="55"/>
      <c r="AC654" s="55"/>
      <c r="AD654" s="55"/>
      <c r="AE654" s="55"/>
      <c r="AF654" s="55"/>
      <c r="AG654" s="55"/>
      <c r="AY654" s="162"/>
      <c r="AZ654" s="162"/>
      <c r="BA654" s="162"/>
      <c r="BB654" s="162"/>
      <c r="BC654" s="162"/>
      <c r="BD654" s="162"/>
      <c r="BE654" s="162"/>
      <c r="BF654" s="162"/>
      <c r="BG654" s="162"/>
      <c r="BH654" s="162"/>
      <c r="BI654" s="162"/>
      <c r="BJ654" s="162"/>
      <c r="BK654" s="162"/>
      <c r="BL654" s="162"/>
      <c r="BM654" s="162"/>
      <c r="BN654" s="162"/>
      <c r="BO654" s="162"/>
      <c r="BP654" s="162"/>
      <c r="BQ654" s="162"/>
      <c r="BR654" s="162"/>
      <c r="BS654" s="162"/>
      <c r="BT654" s="162"/>
      <c r="BU654" s="162"/>
      <c r="BV654" s="162"/>
      <c r="BW654" s="162"/>
      <c r="BX654" s="162"/>
      <c r="BY654" s="162"/>
      <c r="BZ654" s="162"/>
      <c r="CA654" s="162"/>
      <c r="CB654" s="162"/>
      <c r="CC654" s="162"/>
      <c r="CD654" s="162"/>
      <c r="CE654" s="162"/>
      <c r="CF654" s="162"/>
      <c r="CG654" s="162"/>
      <c r="CH654" s="162"/>
      <c r="CI654" s="162"/>
      <c r="CJ654" s="162"/>
      <c r="CK654" s="162"/>
      <c r="CX654" s="98"/>
      <c r="DL654" s="97"/>
      <c r="DX654" s="98"/>
      <c r="EL654" s="97"/>
      <c r="EX654" s="98"/>
      <c r="EY654" s="97"/>
      <c r="FL654" s="126"/>
      <c r="FM654" s="91"/>
      <c r="FN654" s="91"/>
      <c r="FO654" s="91"/>
      <c r="FP654" s="91"/>
      <c r="FQ654" s="91"/>
      <c r="FR654" s="91"/>
      <c r="FS654" s="91"/>
      <c r="FT654" s="91"/>
      <c r="FU654" s="91"/>
      <c r="FV654" s="91"/>
      <c r="FW654" s="91"/>
      <c r="FX654" s="91"/>
      <c r="FY654" s="91"/>
      <c r="FZ654" s="91"/>
      <c r="GA654" s="91"/>
      <c r="GB654" s="91"/>
      <c r="GC654" s="91"/>
      <c r="GD654" s="91"/>
      <c r="GE654" s="91"/>
      <c r="GF654" s="91"/>
      <c r="GG654" s="91"/>
      <c r="GH654" s="91"/>
      <c r="GI654" s="91"/>
      <c r="GJ654" s="91"/>
      <c r="GK654" s="127"/>
      <c r="GL654" s="126"/>
      <c r="GM654" s="91"/>
      <c r="GN654" s="91"/>
      <c r="GO654" s="91"/>
      <c r="GP654" s="91"/>
      <c r="GQ654" s="91"/>
      <c r="GR654" s="91"/>
      <c r="GS654" s="91"/>
      <c r="GT654" s="91"/>
      <c r="GU654" s="91"/>
      <c r="GV654" s="91"/>
      <c r="GW654" s="91"/>
      <c r="GX654" s="91"/>
      <c r="GY654" s="91"/>
      <c r="GZ654" s="91"/>
      <c r="HA654" s="91"/>
      <c r="HB654" s="91"/>
      <c r="HC654" s="91"/>
      <c r="HD654" s="91"/>
      <c r="HE654" s="91"/>
      <c r="HF654" s="91"/>
      <c r="HG654" s="91"/>
      <c r="HH654" s="91"/>
      <c r="HI654" s="91"/>
      <c r="HJ654" s="91"/>
      <c r="HK654" s="127"/>
      <c r="HL654" s="126"/>
      <c r="HM654" s="91"/>
      <c r="HN654" s="91"/>
      <c r="HO654" s="91"/>
      <c r="HP654" s="91"/>
      <c r="HQ654" s="91"/>
      <c r="HR654" s="91"/>
      <c r="HS654" s="91"/>
      <c r="HT654" s="91"/>
      <c r="HU654" s="91"/>
      <c r="HV654" s="91"/>
      <c r="HW654" s="91"/>
      <c r="HX654" s="91"/>
      <c r="HY654" s="91"/>
      <c r="HZ654" s="91"/>
      <c r="IA654" s="91"/>
      <c r="IB654" s="91"/>
      <c r="IC654" s="91"/>
      <c r="ID654" s="91"/>
      <c r="IE654" s="91"/>
      <c r="IF654" s="91"/>
      <c r="IG654" s="91"/>
      <c r="IH654" s="91"/>
      <c r="II654" s="91"/>
      <c r="IJ654" s="91"/>
      <c r="IK654" s="127"/>
    </row>
    <row r="655" spans="2:245" x14ac:dyDescent="0.2">
      <c r="B655" s="43"/>
      <c r="C655" s="73"/>
      <c r="D655" s="64"/>
      <c r="E655" s="64"/>
      <c r="F655" s="55"/>
      <c r="G655" s="102"/>
      <c r="H655" s="55"/>
      <c r="I655" s="55"/>
      <c r="J655" s="55"/>
      <c r="K655" s="55"/>
      <c r="L655" s="55"/>
      <c r="M655" s="55"/>
      <c r="N655" s="55"/>
      <c r="O655" s="55"/>
      <c r="P655" s="55"/>
      <c r="Q655" s="55"/>
      <c r="R655" s="55"/>
      <c r="S655" s="55"/>
      <c r="T655" s="55"/>
      <c r="U655" s="55"/>
      <c r="V655" s="55"/>
      <c r="W655" s="55"/>
      <c r="X655" s="55"/>
      <c r="Y655" s="55"/>
      <c r="Z655" s="55"/>
      <c r="AA655" s="55"/>
      <c r="AB655" s="55"/>
      <c r="AC655" s="55"/>
      <c r="AD655" s="55"/>
      <c r="AE655" s="55"/>
      <c r="AF655" s="55"/>
      <c r="AG655" s="55"/>
      <c r="AY655" s="162"/>
      <c r="AZ655" s="162"/>
      <c r="BA655" s="162"/>
      <c r="BB655" s="162"/>
      <c r="BC655" s="162"/>
      <c r="BD655" s="162"/>
      <c r="BE655" s="162"/>
      <c r="BF655" s="162"/>
      <c r="BG655" s="162"/>
      <c r="BH655" s="162"/>
      <c r="BI655" s="162"/>
      <c r="BJ655" s="162"/>
      <c r="BK655" s="162"/>
      <c r="BL655" s="162"/>
      <c r="BM655" s="162"/>
      <c r="BN655" s="162"/>
      <c r="BO655" s="162"/>
      <c r="BP655" s="162"/>
      <c r="BQ655" s="162"/>
      <c r="BR655" s="162"/>
      <c r="BS655" s="162"/>
      <c r="BT655" s="162"/>
      <c r="BU655" s="162"/>
      <c r="BV655" s="162"/>
      <c r="BW655" s="162"/>
      <c r="BX655" s="162"/>
      <c r="BY655" s="162"/>
      <c r="BZ655" s="162"/>
      <c r="CA655" s="162"/>
      <c r="CB655" s="162"/>
      <c r="CC655" s="162"/>
      <c r="CD655" s="162"/>
      <c r="CE655" s="162"/>
      <c r="CF655" s="162"/>
      <c r="CG655" s="162"/>
      <c r="CH655" s="162"/>
      <c r="CI655" s="162"/>
      <c r="CJ655" s="162"/>
      <c r="CK655" s="162"/>
      <c r="CX655" s="98"/>
      <c r="DL655" s="97"/>
      <c r="DX655" s="98"/>
      <c r="EL655" s="97"/>
      <c r="EX655" s="98"/>
      <c r="EY655" s="97"/>
      <c r="FL655" s="126"/>
      <c r="FM655" s="91"/>
      <c r="FN655" s="91"/>
      <c r="FO655" s="91"/>
      <c r="FP655" s="91"/>
      <c r="FQ655" s="91"/>
      <c r="FR655" s="91"/>
      <c r="FS655" s="91"/>
      <c r="FT655" s="91"/>
      <c r="FU655" s="91"/>
      <c r="FV655" s="91"/>
      <c r="FW655" s="91"/>
      <c r="FX655" s="91"/>
      <c r="FY655" s="91"/>
      <c r="FZ655" s="91"/>
      <c r="GA655" s="91"/>
      <c r="GB655" s="91"/>
      <c r="GC655" s="91"/>
      <c r="GD655" s="91"/>
      <c r="GE655" s="91"/>
      <c r="GF655" s="91"/>
      <c r="GG655" s="91"/>
      <c r="GH655" s="91"/>
      <c r="GI655" s="91"/>
      <c r="GJ655" s="91"/>
      <c r="GK655" s="127"/>
      <c r="GL655" s="126"/>
      <c r="GM655" s="91"/>
      <c r="GN655" s="91"/>
      <c r="GO655" s="91"/>
      <c r="GP655" s="91"/>
      <c r="GQ655" s="91"/>
      <c r="GR655" s="91"/>
      <c r="GS655" s="91"/>
      <c r="GT655" s="91"/>
      <c r="GU655" s="91"/>
      <c r="GV655" s="91"/>
      <c r="GW655" s="91"/>
      <c r="GX655" s="91"/>
      <c r="GY655" s="91"/>
      <c r="GZ655" s="91"/>
      <c r="HA655" s="91"/>
      <c r="HB655" s="91"/>
      <c r="HC655" s="91"/>
      <c r="HD655" s="91"/>
      <c r="HE655" s="91"/>
      <c r="HF655" s="91"/>
      <c r="HG655" s="91"/>
      <c r="HH655" s="91"/>
      <c r="HI655" s="91"/>
      <c r="HJ655" s="91"/>
      <c r="HK655" s="127"/>
      <c r="HL655" s="126"/>
      <c r="HM655" s="91"/>
      <c r="HN655" s="91"/>
      <c r="HO655" s="91"/>
      <c r="HP655" s="91"/>
      <c r="HQ655" s="91"/>
      <c r="HR655" s="91"/>
      <c r="HS655" s="91"/>
      <c r="HT655" s="91"/>
      <c r="HU655" s="91"/>
      <c r="HV655" s="91"/>
      <c r="HW655" s="91"/>
      <c r="HX655" s="91"/>
      <c r="HY655" s="91"/>
      <c r="HZ655" s="91"/>
      <c r="IA655" s="91"/>
      <c r="IB655" s="91"/>
      <c r="IC655" s="91"/>
      <c r="ID655" s="91"/>
      <c r="IE655" s="91"/>
      <c r="IF655" s="91"/>
      <c r="IG655" s="91"/>
      <c r="IH655" s="91"/>
      <c r="II655" s="91"/>
      <c r="IJ655" s="91"/>
      <c r="IK655" s="127"/>
    </row>
    <row r="656" spans="2:245" x14ac:dyDescent="0.2">
      <c r="B656" s="43"/>
      <c r="C656" s="73"/>
      <c r="D656" s="64"/>
      <c r="E656" s="64"/>
      <c r="F656" s="55"/>
      <c r="G656" s="102"/>
      <c r="H656" s="55"/>
      <c r="I656" s="55"/>
      <c r="J656" s="55"/>
      <c r="K656" s="55"/>
      <c r="L656" s="55"/>
      <c r="M656" s="55"/>
      <c r="N656" s="55"/>
      <c r="O656" s="55"/>
      <c r="P656" s="55"/>
      <c r="Q656" s="55"/>
      <c r="R656" s="55"/>
      <c r="S656" s="55"/>
      <c r="T656" s="55"/>
      <c r="U656" s="55"/>
      <c r="V656" s="55"/>
      <c r="W656" s="55"/>
      <c r="X656" s="55"/>
      <c r="Y656" s="55"/>
      <c r="Z656" s="55"/>
      <c r="AA656" s="55"/>
      <c r="AB656" s="55"/>
      <c r="AC656" s="55"/>
      <c r="AD656" s="55"/>
      <c r="AE656" s="55"/>
      <c r="AF656" s="55"/>
      <c r="AG656" s="55"/>
      <c r="AY656" s="162"/>
      <c r="AZ656" s="162"/>
      <c r="BA656" s="162"/>
      <c r="BB656" s="162"/>
      <c r="BC656" s="162"/>
      <c r="BD656" s="162"/>
      <c r="BE656" s="162"/>
      <c r="BF656" s="162"/>
      <c r="BG656" s="162"/>
      <c r="BH656" s="162"/>
      <c r="BI656" s="162"/>
      <c r="BJ656" s="162"/>
      <c r="BK656" s="162"/>
      <c r="BL656" s="162"/>
      <c r="BM656" s="162"/>
      <c r="BN656" s="162"/>
      <c r="BO656" s="162"/>
      <c r="BP656" s="162"/>
      <c r="BQ656" s="162"/>
      <c r="BR656" s="162"/>
      <c r="BS656" s="162"/>
      <c r="BT656" s="162"/>
      <c r="BU656" s="162"/>
      <c r="BV656" s="162"/>
      <c r="BW656" s="162"/>
      <c r="BX656" s="162"/>
      <c r="BY656" s="162"/>
      <c r="BZ656" s="162"/>
      <c r="CA656" s="162"/>
      <c r="CB656" s="162"/>
      <c r="CC656" s="162"/>
      <c r="CD656" s="162"/>
      <c r="CE656" s="162"/>
      <c r="CF656" s="162"/>
      <c r="CG656" s="162"/>
      <c r="CH656" s="162"/>
      <c r="CI656" s="162"/>
      <c r="CJ656" s="162"/>
      <c r="CK656" s="162"/>
      <c r="CX656" s="98"/>
      <c r="DL656" s="97"/>
      <c r="DX656" s="98"/>
      <c r="EL656" s="97"/>
      <c r="EX656" s="98"/>
      <c r="EY656" s="97"/>
      <c r="FL656" s="126"/>
      <c r="FM656" s="91"/>
      <c r="FN656" s="91"/>
      <c r="FO656" s="91"/>
      <c r="FP656" s="91"/>
      <c r="FQ656" s="91"/>
      <c r="FR656" s="91"/>
      <c r="FS656" s="91"/>
      <c r="FT656" s="91"/>
      <c r="FU656" s="91"/>
      <c r="FV656" s="91"/>
      <c r="FW656" s="91"/>
      <c r="FX656" s="91"/>
      <c r="FY656" s="91"/>
      <c r="FZ656" s="91"/>
      <c r="GA656" s="91"/>
      <c r="GB656" s="91"/>
      <c r="GC656" s="91"/>
      <c r="GD656" s="91"/>
      <c r="GE656" s="91"/>
      <c r="GF656" s="91"/>
      <c r="GG656" s="91"/>
      <c r="GH656" s="91"/>
      <c r="GI656" s="91"/>
      <c r="GJ656" s="91"/>
      <c r="GK656" s="127"/>
      <c r="GL656" s="126"/>
      <c r="GM656" s="91"/>
      <c r="GN656" s="91"/>
      <c r="GO656" s="91"/>
      <c r="GP656" s="91"/>
      <c r="GQ656" s="91"/>
      <c r="GR656" s="91"/>
      <c r="GS656" s="91"/>
      <c r="GT656" s="91"/>
      <c r="GU656" s="91"/>
      <c r="GV656" s="91"/>
      <c r="GW656" s="91"/>
      <c r="GX656" s="91"/>
      <c r="GY656" s="91"/>
      <c r="GZ656" s="91"/>
      <c r="HA656" s="91"/>
      <c r="HB656" s="91"/>
      <c r="HC656" s="91"/>
      <c r="HD656" s="91"/>
      <c r="HE656" s="91"/>
      <c r="HF656" s="91"/>
      <c r="HG656" s="91"/>
      <c r="HH656" s="91"/>
      <c r="HI656" s="91"/>
      <c r="HJ656" s="91"/>
      <c r="HK656" s="127"/>
      <c r="HL656" s="126"/>
      <c r="HM656" s="91"/>
      <c r="HN656" s="91"/>
      <c r="HO656" s="91"/>
      <c r="HP656" s="91"/>
      <c r="HQ656" s="91"/>
      <c r="HR656" s="91"/>
      <c r="HS656" s="91"/>
      <c r="HT656" s="91"/>
      <c r="HU656" s="91"/>
      <c r="HV656" s="91"/>
      <c r="HW656" s="91"/>
      <c r="HX656" s="91"/>
      <c r="HY656" s="91"/>
      <c r="HZ656" s="91"/>
      <c r="IA656" s="91"/>
      <c r="IB656" s="91"/>
      <c r="IC656" s="91"/>
      <c r="ID656" s="91"/>
      <c r="IE656" s="91"/>
      <c r="IF656" s="91"/>
      <c r="IG656" s="91"/>
      <c r="IH656" s="91"/>
      <c r="II656" s="91"/>
      <c r="IJ656" s="91"/>
      <c r="IK656" s="127"/>
    </row>
    <row r="657" spans="2:245" x14ac:dyDescent="0.2">
      <c r="B657" s="43"/>
      <c r="C657" s="73"/>
      <c r="D657" s="64"/>
      <c r="E657" s="64"/>
      <c r="F657" s="55"/>
      <c r="G657" s="102"/>
      <c r="H657" s="55"/>
      <c r="I657" s="55"/>
      <c r="J657" s="55"/>
      <c r="K657" s="55"/>
      <c r="L657" s="55"/>
      <c r="M657" s="55"/>
      <c r="N657" s="55"/>
      <c r="O657" s="55"/>
      <c r="P657" s="55"/>
      <c r="Q657" s="55"/>
      <c r="R657" s="55"/>
      <c r="S657" s="55"/>
      <c r="T657" s="55"/>
      <c r="U657" s="55"/>
      <c r="V657" s="55"/>
      <c r="W657" s="55"/>
      <c r="X657" s="55"/>
      <c r="Y657" s="55"/>
      <c r="Z657" s="55"/>
      <c r="AA657" s="55"/>
      <c r="AB657" s="55"/>
      <c r="AC657" s="55"/>
      <c r="AD657" s="55"/>
      <c r="AE657" s="55"/>
      <c r="AF657" s="55"/>
      <c r="AG657" s="55"/>
      <c r="AY657" s="162"/>
      <c r="AZ657" s="162"/>
      <c r="BA657" s="162"/>
      <c r="BB657" s="162"/>
      <c r="BC657" s="162"/>
      <c r="BD657" s="162"/>
      <c r="BE657" s="162"/>
      <c r="BF657" s="162"/>
      <c r="BG657" s="162"/>
      <c r="BH657" s="162"/>
      <c r="BI657" s="162"/>
      <c r="BJ657" s="162"/>
      <c r="BK657" s="162"/>
      <c r="BL657" s="162"/>
      <c r="BM657" s="162"/>
      <c r="BN657" s="162"/>
      <c r="BO657" s="162"/>
      <c r="BP657" s="162"/>
      <c r="BQ657" s="162"/>
      <c r="BR657" s="162"/>
      <c r="BS657" s="162"/>
      <c r="BT657" s="162"/>
      <c r="BU657" s="162"/>
      <c r="BV657" s="162"/>
      <c r="BW657" s="162"/>
      <c r="BX657" s="162"/>
      <c r="BY657" s="162"/>
      <c r="BZ657" s="162"/>
      <c r="CA657" s="162"/>
      <c r="CB657" s="162"/>
      <c r="CC657" s="162"/>
      <c r="CD657" s="162"/>
      <c r="CE657" s="162"/>
      <c r="CF657" s="162"/>
      <c r="CG657" s="162"/>
      <c r="CH657" s="162"/>
      <c r="CI657" s="162"/>
      <c r="CJ657" s="162"/>
      <c r="CK657" s="162"/>
      <c r="CX657" s="98"/>
      <c r="DL657" s="97"/>
      <c r="DX657" s="98"/>
      <c r="EL657" s="97"/>
      <c r="EX657" s="98"/>
      <c r="EY657" s="97"/>
      <c r="FL657" s="126"/>
      <c r="FM657" s="91"/>
      <c r="FN657" s="91"/>
      <c r="FO657" s="91"/>
      <c r="FP657" s="91"/>
      <c r="FQ657" s="91"/>
      <c r="FR657" s="91"/>
      <c r="FS657" s="91"/>
      <c r="FT657" s="91"/>
      <c r="FU657" s="91"/>
      <c r="FV657" s="91"/>
      <c r="FW657" s="91"/>
      <c r="FX657" s="91"/>
      <c r="FY657" s="91"/>
      <c r="FZ657" s="91"/>
      <c r="GA657" s="91"/>
      <c r="GB657" s="91"/>
      <c r="GC657" s="91"/>
      <c r="GD657" s="91"/>
      <c r="GE657" s="91"/>
      <c r="GF657" s="91"/>
      <c r="GG657" s="91"/>
      <c r="GH657" s="91"/>
      <c r="GI657" s="91"/>
      <c r="GJ657" s="91"/>
      <c r="GK657" s="127"/>
      <c r="GL657" s="126"/>
      <c r="GM657" s="91"/>
      <c r="GN657" s="91"/>
      <c r="GO657" s="91"/>
      <c r="GP657" s="91"/>
      <c r="GQ657" s="91"/>
      <c r="GR657" s="91"/>
      <c r="GS657" s="91"/>
      <c r="GT657" s="91"/>
      <c r="GU657" s="91"/>
      <c r="GV657" s="91"/>
      <c r="GW657" s="91"/>
      <c r="GX657" s="91"/>
      <c r="GY657" s="91"/>
      <c r="GZ657" s="91"/>
      <c r="HA657" s="91"/>
      <c r="HB657" s="91"/>
      <c r="HC657" s="91"/>
      <c r="HD657" s="91"/>
      <c r="HE657" s="91"/>
      <c r="HF657" s="91"/>
      <c r="HG657" s="91"/>
      <c r="HH657" s="91"/>
      <c r="HI657" s="91"/>
      <c r="HJ657" s="91"/>
      <c r="HK657" s="127"/>
      <c r="HL657" s="126"/>
      <c r="HM657" s="91"/>
      <c r="HN657" s="91"/>
      <c r="HO657" s="91"/>
      <c r="HP657" s="91"/>
      <c r="HQ657" s="91"/>
      <c r="HR657" s="91"/>
      <c r="HS657" s="91"/>
      <c r="HT657" s="91"/>
      <c r="HU657" s="91"/>
      <c r="HV657" s="91"/>
      <c r="HW657" s="91"/>
      <c r="HX657" s="91"/>
      <c r="HY657" s="91"/>
      <c r="HZ657" s="91"/>
      <c r="IA657" s="91"/>
      <c r="IB657" s="91"/>
      <c r="IC657" s="91"/>
      <c r="ID657" s="91"/>
      <c r="IE657" s="91"/>
      <c r="IF657" s="91"/>
      <c r="IG657" s="91"/>
      <c r="IH657" s="91"/>
      <c r="II657" s="91"/>
      <c r="IJ657" s="91"/>
      <c r="IK657" s="127"/>
    </row>
    <row r="658" spans="2:245" x14ac:dyDescent="0.2">
      <c r="B658" s="43"/>
      <c r="C658" s="73"/>
      <c r="D658" s="64"/>
      <c r="E658" s="64"/>
      <c r="F658" s="55"/>
      <c r="G658" s="102"/>
      <c r="H658" s="55"/>
      <c r="I658" s="55"/>
      <c r="J658" s="55"/>
      <c r="K658" s="55"/>
      <c r="L658" s="55"/>
      <c r="M658" s="55"/>
      <c r="N658" s="55"/>
      <c r="O658" s="55"/>
      <c r="P658" s="55"/>
      <c r="Q658" s="55"/>
      <c r="R658" s="55"/>
      <c r="S658" s="55"/>
      <c r="T658" s="55"/>
      <c r="U658" s="55"/>
      <c r="V658" s="55"/>
      <c r="W658" s="55"/>
      <c r="X658" s="55"/>
      <c r="Y658" s="55"/>
      <c r="Z658" s="55"/>
      <c r="AA658" s="55"/>
      <c r="AB658" s="55"/>
      <c r="AC658" s="55"/>
      <c r="AD658" s="55"/>
      <c r="AE658" s="55"/>
      <c r="AF658" s="55"/>
      <c r="AG658" s="55"/>
      <c r="AY658" s="162"/>
      <c r="AZ658" s="162"/>
      <c r="BA658" s="162"/>
      <c r="BB658" s="162"/>
      <c r="BC658" s="162"/>
      <c r="BD658" s="162"/>
      <c r="BE658" s="162"/>
      <c r="BF658" s="162"/>
      <c r="BG658" s="162"/>
      <c r="BH658" s="162"/>
      <c r="BI658" s="162"/>
      <c r="BJ658" s="162"/>
      <c r="BK658" s="162"/>
      <c r="BL658" s="162"/>
      <c r="BM658" s="162"/>
      <c r="BN658" s="162"/>
      <c r="BO658" s="162"/>
      <c r="BP658" s="162"/>
      <c r="BQ658" s="162"/>
      <c r="BR658" s="162"/>
      <c r="BS658" s="162"/>
      <c r="BT658" s="162"/>
      <c r="BU658" s="162"/>
      <c r="BV658" s="162"/>
      <c r="BW658" s="162"/>
      <c r="BX658" s="162"/>
      <c r="BY658" s="162"/>
      <c r="BZ658" s="162"/>
      <c r="CA658" s="162"/>
      <c r="CB658" s="162"/>
      <c r="CC658" s="162"/>
      <c r="CD658" s="162"/>
      <c r="CE658" s="162"/>
      <c r="CF658" s="162"/>
      <c r="CG658" s="162"/>
      <c r="CH658" s="162"/>
      <c r="CI658" s="162"/>
      <c r="CJ658" s="162"/>
      <c r="CK658" s="162"/>
      <c r="CX658" s="98"/>
      <c r="DL658" s="97"/>
      <c r="DX658" s="98"/>
      <c r="EL658" s="97"/>
      <c r="EX658" s="98"/>
      <c r="EY658" s="97"/>
      <c r="FL658" s="126"/>
      <c r="FM658" s="91"/>
      <c r="FN658" s="91"/>
      <c r="FO658" s="91"/>
      <c r="FP658" s="91"/>
      <c r="FQ658" s="91"/>
      <c r="FR658" s="91"/>
      <c r="FS658" s="91"/>
      <c r="FT658" s="91"/>
      <c r="FU658" s="91"/>
      <c r="FV658" s="91"/>
      <c r="FW658" s="91"/>
      <c r="FX658" s="91"/>
      <c r="FY658" s="91"/>
      <c r="FZ658" s="91"/>
      <c r="GA658" s="91"/>
      <c r="GB658" s="91"/>
      <c r="GC658" s="91"/>
      <c r="GD658" s="91"/>
      <c r="GE658" s="91"/>
      <c r="GF658" s="91"/>
      <c r="GG658" s="91"/>
      <c r="GH658" s="91"/>
      <c r="GI658" s="91"/>
      <c r="GJ658" s="91"/>
      <c r="GK658" s="127"/>
      <c r="GL658" s="126"/>
      <c r="GM658" s="91"/>
      <c r="GN658" s="91"/>
      <c r="GO658" s="91"/>
      <c r="GP658" s="91"/>
      <c r="GQ658" s="91"/>
      <c r="GR658" s="91"/>
      <c r="GS658" s="91"/>
      <c r="GT658" s="91"/>
      <c r="GU658" s="91"/>
      <c r="GV658" s="91"/>
      <c r="GW658" s="91"/>
      <c r="GX658" s="91"/>
      <c r="GY658" s="91"/>
      <c r="GZ658" s="91"/>
      <c r="HA658" s="91"/>
      <c r="HB658" s="91"/>
      <c r="HC658" s="91"/>
      <c r="HD658" s="91"/>
      <c r="HE658" s="91"/>
      <c r="HF658" s="91"/>
      <c r="HG658" s="91"/>
      <c r="HH658" s="91"/>
      <c r="HI658" s="91"/>
      <c r="HJ658" s="91"/>
      <c r="HK658" s="127"/>
      <c r="HL658" s="126"/>
      <c r="HM658" s="91"/>
      <c r="HN658" s="91"/>
      <c r="HO658" s="91"/>
      <c r="HP658" s="91"/>
      <c r="HQ658" s="91"/>
      <c r="HR658" s="91"/>
      <c r="HS658" s="91"/>
      <c r="HT658" s="91"/>
      <c r="HU658" s="91"/>
      <c r="HV658" s="91"/>
      <c r="HW658" s="91"/>
      <c r="HX658" s="91"/>
      <c r="HY658" s="91"/>
      <c r="HZ658" s="91"/>
      <c r="IA658" s="91"/>
      <c r="IB658" s="91"/>
      <c r="IC658" s="91"/>
      <c r="ID658" s="91"/>
      <c r="IE658" s="91"/>
      <c r="IF658" s="91"/>
      <c r="IG658" s="91"/>
      <c r="IH658" s="91"/>
      <c r="II658" s="91"/>
      <c r="IJ658" s="91"/>
      <c r="IK658" s="127"/>
    </row>
    <row r="659" spans="2:245" x14ac:dyDescent="0.2">
      <c r="B659" s="43"/>
      <c r="C659" s="73"/>
      <c r="D659" s="64"/>
      <c r="E659" s="64"/>
      <c r="F659" s="55"/>
      <c r="G659" s="102"/>
      <c r="H659" s="55"/>
      <c r="I659" s="55"/>
      <c r="J659" s="55"/>
      <c r="K659" s="55"/>
      <c r="L659" s="55"/>
      <c r="M659" s="55"/>
      <c r="N659" s="55"/>
      <c r="O659" s="55"/>
      <c r="P659" s="55"/>
      <c r="Q659" s="55"/>
      <c r="R659" s="55"/>
      <c r="S659" s="55"/>
      <c r="T659" s="55"/>
      <c r="U659" s="55"/>
      <c r="V659" s="55"/>
      <c r="W659" s="55"/>
      <c r="X659" s="55"/>
      <c r="Y659" s="55"/>
      <c r="Z659" s="55"/>
      <c r="AA659" s="55"/>
      <c r="AB659" s="55"/>
      <c r="AC659" s="55"/>
      <c r="AD659" s="55"/>
      <c r="AE659" s="55"/>
      <c r="AF659" s="55"/>
      <c r="AG659" s="55"/>
      <c r="AY659" s="162"/>
      <c r="AZ659" s="162"/>
      <c r="BA659" s="162"/>
      <c r="BB659" s="162"/>
      <c r="BC659" s="162"/>
      <c r="BD659" s="162"/>
      <c r="BE659" s="162"/>
      <c r="BF659" s="162"/>
      <c r="BG659" s="162"/>
      <c r="BH659" s="162"/>
      <c r="BI659" s="162"/>
      <c r="BJ659" s="162"/>
      <c r="BK659" s="162"/>
      <c r="BL659" s="162"/>
      <c r="BM659" s="162"/>
      <c r="BN659" s="162"/>
      <c r="BO659" s="162"/>
      <c r="BP659" s="162"/>
      <c r="BQ659" s="162"/>
      <c r="BR659" s="162"/>
      <c r="BS659" s="162"/>
      <c r="BT659" s="162"/>
      <c r="BU659" s="162"/>
      <c r="BV659" s="162"/>
      <c r="BW659" s="162"/>
      <c r="BX659" s="162"/>
      <c r="BY659" s="162"/>
      <c r="BZ659" s="162"/>
      <c r="CA659" s="162"/>
      <c r="CB659" s="162"/>
      <c r="CC659" s="162"/>
      <c r="CD659" s="162"/>
      <c r="CE659" s="162"/>
      <c r="CF659" s="162"/>
      <c r="CG659" s="162"/>
      <c r="CH659" s="162"/>
      <c r="CI659" s="162"/>
      <c r="CJ659" s="162"/>
      <c r="CK659" s="162"/>
      <c r="CX659" s="98"/>
      <c r="DL659" s="97"/>
      <c r="DX659" s="98"/>
      <c r="EL659" s="97"/>
      <c r="EX659" s="98"/>
      <c r="EY659" s="97"/>
      <c r="FL659" s="126"/>
      <c r="FM659" s="91"/>
      <c r="FN659" s="91"/>
      <c r="FO659" s="91"/>
      <c r="FP659" s="91"/>
      <c r="FQ659" s="91"/>
      <c r="FR659" s="91"/>
      <c r="FS659" s="91"/>
      <c r="FT659" s="91"/>
      <c r="FU659" s="91"/>
      <c r="FV659" s="91"/>
      <c r="FW659" s="91"/>
      <c r="FX659" s="91"/>
      <c r="FY659" s="91"/>
      <c r="FZ659" s="91"/>
      <c r="GA659" s="91"/>
      <c r="GB659" s="91"/>
      <c r="GC659" s="91"/>
      <c r="GD659" s="91"/>
      <c r="GE659" s="91"/>
      <c r="GF659" s="91"/>
      <c r="GG659" s="91"/>
      <c r="GH659" s="91"/>
      <c r="GI659" s="91"/>
      <c r="GJ659" s="91"/>
      <c r="GK659" s="127"/>
      <c r="GL659" s="126"/>
      <c r="GM659" s="91"/>
      <c r="GN659" s="91"/>
      <c r="GO659" s="91"/>
      <c r="GP659" s="91"/>
      <c r="GQ659" s="91"/>
      <c r="GR659" s="91"/>
      <c r="GS659" s="91"/>
      <c r="GT659" s="91"/>
      <c r="GU659" s="91"/>
      <c r="GV659" s="91"/>
      <c r="GW659" s="91"/>
      <c r="GX659" s="91"/>
      <c r="GY659" s="91"/>
      <c r="GZ659" s="91"/>
      <c r="HA659" s="91"/>
      <c r="HB659" s="91"/>
      <c r="HC659" s="91"/>
      <c r="HD659" s="91"/>
      <c r="HE659" s="91"/>
      <c r="HF659" s="91"/>
      <c r="HG659" s="91"/>
      <c r="HH659" s="91"/>
      <c r="HI659" s="91"/>
      <c r="HJ659" s="91"/>
      <c r="HK659" s="127"/>
      <c r="HL659" s="126"/>
      <c r="HM659" s="91"/>
      <c r="HN659" s="91"/>
      <c r="HO659" s="91"/>
      <c r="HP659" s="91"/>
      <c r="HQ659" s="91"/>
      <c r="HR659" s="91"/>
      <c r="HS659" s="91"/>
      <c r="HT659" s="91"/>
      <c r="HU659" s="91"/>
      <c r="HV659" s="91"/>
      <c r="HW659" s="91"/>
      <c r="HX659" s="91"/>
      <c r="HY659" s="91"/>
      <c r="HZ659" s="91"/>
      <c r="IA659" s="91"/>
      <c r="IB659" s="91"/>
      <c r="IC659" s="91"/>
      <c r="ID659" s="91"/>
      <c r="IE659" s="91"/>
      <c r="IF659" s="91"/>
      <c r="IG659" s="91"/>
      <c r="IH659" s="91"/>
      <c r="II659" s="91"/>
      <c r="IJ659" s="91"/>
      <c r="IK659" s="127"/>
    </row>
    <row r="660" spans="2:245" x14ac:dyDescent="0.2">
      <c r="B660" s="43"/>
      <c r="C660" s="73"/>
      <c r="D660" s="64"/>
      <c r="E660" s="64"/>
      <c r="F660" s="55"/>
      <c r="G660" s="102"/>
      <c r="H660" s="55"/>
      <c r="I660" s="55"/>
      <c r="J660" s="55"/>
      <c r="K660" s="55"/>
      <c r="L660" s="55"/>
      <c r="M660" s="55"/>
      <c r="N660" s="55"/>
      <c r="O660" s="55"/>
      <c r="P660" s="55"/>
      <c r="Q660" s="55"/>
      <c r="R660" s="55"/>
      <c r="S660" s="55"/>
      <c r="T660" s="55"/>
      <c r="U660" s="55"/>
      <c r="V660" s="55"/>
      <c r="W660" s="55"/>
      <c r="X660" s="55"/>
      <c r="Y660" s="55"/>
      <c r="Z660" s="55"/>
      <c r="AA660" s="55"/>
      <c r="AB660" s="55"/>
      <c r="AC660" s="55"/>
      <c r="AD660" s="55"/>
      <c r="AE660" s="55"/>
      <c r="AF660" s="55"/>
      <c r="AG660" s="55"/>
      <c r="AY660" s="162"/>
      <c r="AZ660" s="162"/>
      <c r="BA660" s="162"/>
      <c r="BB660" s="162"/>
      <c r="BC660" s="162"/>
      <c r="BD660" s="162"/>
      <c r="BE660" s="162"/>
      <c r="BF660" s="162"/>
      <c r="BG660" s="162"/>
      <c r="BH660" s="162"/>
      <c r="BI660" s="162"/>
      <c r="BJ660" s="162"/>
      <c r="BK660" s="162"/>
      <c r="BL660" s="162"/>
      <c r="BM660" s="162"/>
      <c r="BN660" s="162"/>
      <c r="BO660" s="162"/>
      <c r="BP660" s="162"/>
      <c r="BQ660" s="162"/>
      <c r="BR660" s="162"/>
      <c r="BS660" s="162"/>
      <c r="BT660" s="162"/>
      <c r="BU660" s="162"/>
      <c r="BV660" s="162"/>
      <c r="BW660" s="162"/>
      <c r="BX660" s="162"/>
      <c r="BY660" s="162"/>
      <c r="BZ660" s="162"/>
      <c r="CA660" s="162"/>
      <c r="CB660" s="162"/>
      <c r="CC660" s="162"/>
      <c r="CD660" s="162"/>
      <c r="CE660" s="162"/>
      <c r="CF660" s="162"/>
      <c r="CG660" s="162"/>
      <c r="CH660" s="162"/>
      <c r="CI660" s="162"/>
      <c r="CJ660" s="162"/>
      <c r="CK660" s="162"/>
      <c r="CX660" s="98"/>
      <c r="DL660" s="97"/>
      <c r="DX660" s="98"/>
      <c r="EL660" s="97"/>
      <c r="EX660" s="98"/>
      <c r="EY660" s="97"/>
      <c r="FL660" s="126"/>
      <c r="FM660" s="91"/>
      <c r="FN660" s="91"/>
      <c r="FO660" s="91"/>
      <c r="FP660" s="91"/>
      <c r="FQ660" s="91"/>
      <c r="FR660" s="91"/>
      <c r="FS660" s="91"/>
      <c r="FT660" s="91"/>
      <c r="FU660" s="91"/>
      <c r="FV660" s="91"/>
      <c r="FW660" s="91"/>
      <c r="FX660" s="91"/>
      <c r="FY660" s="91"/>
      <c r="FZ660" s="91"/>
      <c r="GA660" s="91"/>
      <c r="GB660" s="91"/>
      <c r="GC660" s="91"/>
      <c r="GD660" s="91"/>
      <c r="GE660" s="91"/>
      <c r="GF660" s="91"/>
      <c r="GG660" s="91"/>
      <c r="GH660" s="91"/>
      <c r="GI660" s="91"/>
      <c r="GJ660" s="91"/>
      <c r="GK660" s="127"/>
      <c r="GL660" s="126"/>
      <c r="GM660" s="91"/>
      <c r="GN660" s="91"/>
      <c r="GO660" s="91"/>
      <c r="GP660" s="91"/>
      <c r="GQ660" s="91"/>
      <c r="GR660" s="91"/>
      <c r="GS660" s="91"/>
      <c r="GT660" s="91"/>
      <c r="GU660" s="91"/>
      <c r="GV660" s="91"/>
      <c r="GW660" s="91"/>
      <c r="GX660" s="91"/>
      <c r="GY660" s="91"/>
      <c r="GZ660" s="91"/>
      <c r="HA660" s="91"/>
      <c r="HB660" s="91"/>
      <c r="HC660" s="91"/>
      <c r="HD660" s="91"/>
      <c r="HE660" s="91"/>
      <c r="HF660" s="91"/>
      <c r="HG660" s="91"/>
      <c r="HH660" s="91"/>
      <c r="HI660" s="91"/>
      <c r="HJ660" s="91"/>
      <c r="HK660" s="127"/>
      <c r="HL660" s="126"/>
      <c r="HM660" s="91"/>
      <c r="HN660" s="91"/>
      <c r="HO660" s="91"/>
      <c r="HP660" s="91"/>
      <c r="HQ660" s="91"/>
      <c r="HR660" s="91"/>
      <c r="HS660" s="91"/>
      <c r="HT660" s="91"/>
      <c r="HU660" s="91"/>
      <c r="HV660" s="91"/>
      <c r="HW660" s="91"/>
      <c r="HX660" s="91"/>
      <c r="HY660" s="91"/>
      <c r="HZ660" s="91"/>
      <c r="IA660" s="91"/>
      <c r="IB660" s="91"/>
      <c r="IC660" s="91"/>
      <c r="ID660" s="91"/>
      <c r="IE660" s="91"/>
      <c r="IF660" s="91"/>
      <c r="IG660" s="91"/>
      <c r="IH660" s="91"/>
      <c r="II660" s="91"/>
      <c r="IJ660" s="91"/>
      <c r="IK660" s="127"/>
    </row>
    <row r="661" spans="2:245" x14ac:dyDescent="0.2">
      <c r="B661" s="43"/>
      <c r="C661" s="73"/>
      <c r="D661" s="64"/>
      <c r="E661" s="64"/>
      <c r="F661" s="55"/>
      <c r="G661" s="102"/>
      <c r="H661" s="55"/>
      <c r="I661" s="55"/>
      <c r="J661" s="55"/>
      <c r="K661" s="55"/>
      <c r="L661" s="55"/>
      <c r="M661" s="55"/>
      <c r="N661" s="55"/>
      <c r="O661" s="55"/>
      <c r="P661" s="55"/>
      <c r="Q661" s="55"/>
      <c r="R661" s="55"/>
      <c r="S661" s="55"/>
      <c r="T661" s="55"/>
      <c r="U661" s="55"/>
      <c r="V661" s="55"/>
      <c r="W661" s="55"/>
      <c r="X661" s="55"/>
      <c r="Y661" s="55"/>
      <c r="Z661" s="55"/>
      <c r="AA661" s="55"/>
      <c r="AB661" s="55"/>
      <c r="AC661" s="55"/>
      <c r="AD661" s="55"/>
      <c r="AE661" s="55"/>
      <c r="AF661" s="55"/>
      <c r="AG661" s="55"/>
      <c r="AY661" s="162"/>
      <c r="AZ661" s="162"/>
      <c r="BA661" s="162"/>
      <c r="BB661" s="162"/>
      <c r="BC661" s="162"/>
      <c r="BD661" s="162"/>
      <c r="BE661" s="162"/>
      <c r="BF661" s="162"/>
      <c r="BG661" s="162"/>
      <c r="BH661" s="162"/>
      <c r="BI661" s="162"/>
      <c r="BJ661" s="162"/>
      <c r="BK661" s="162"/>
      <c r="BL661" s="162"/>
      <c r="BM661" s="162"/>
      <c r="BN661" s="162"/>
      <c r="BO661" s="162"/>
      <c r="BP661" s="162"/>
      <c r="BQ661" s="162"/>
      <c r="BR661" s="162"/>
      <c r="BS661" s="162"/>
      <c r="BT661" s="162"/>
      <c r="BU661" s="162"/>
      <c r="BV661" s="162"/>
      <c r="BW661" s="162"/>
      <c r="BX661" s="162"/>
      <c r="BY661" s="162"/>
      <c r="BZ661" s="162"/>
      <c r="CA661" s="162"/>
      <c r="CB661" s="162"/>
      <c r="CC661" s="162"/>
      <c r="CD661" s="162"/>
      <c r="CE661" s="162"/>
      <c r="CF661" s="162"/>
      <c r="CG661" s="162"/>
      <c r="CH661" s="162"/>
      <c r="CI661" s="162"/>
      <c r="CJ661" s="162"/>
      <c r="CK661" s="162"/>
      <c r="CX661" s="98"/>
      <c r="DL661" s="97"/>
      <c r="DX661" s="98"/>
      <c r="EL661" s="97"/>
      <c r="EX661" s="98"/>
      <c r="EY661" s="97"/>
      <c r="FL661" s="126"/>
      <c r="FM661" s="91"/>
      <c r="FN661" s="91"/>
      <c r="FO661" s="91"/>
      <c r="FP661" s="91"/>
      <c r="FQ661" s="91"/>
      <c r="FR661" s="91"/>
      <c r="FS661" s="91"/>
      <c r="FT661" s="91"/>
      <c r="FU661" s="91"/>
      <c r="FV661" s="91"/>
      <c r="FW661" s="91"/>
      <c r="FX661" s="91"/>
      <c r="FY661" s="91"/>
      <c r="FZ661" s="91"/>
      <c r="GA661" s="91"/>
      <c r="GB661" s="91"/>
      <c r="GC661" s="91"/>
      <c r="GD661" s="91"/>
      <c r="GE661" s="91"/>
      <c r="GF661" s="91"/>
      <c r="GG661" s="91"/>
      <c r="GH661" s="91"/>
      <c r="GI661" s="91"/>
      <c r="GJ661" s="91"/>
      <c r="GK661" s="127"/>
      <c r="GL661" s="126"/>
      <c r="GM661" s="91"/>
      <c r="GN661" s="91"/>
      <c r="GO661" s="91"/>
      <c r="GP661" s="91"/>
      <c r="GQ661" s="91"/>
      <c r="GR661" s="91"/>
      <c r="GS661" s="91"/>
      <c r="GT661" s="91"/>
      <c r="GU661" s="91"/>
      <c r="GV661" s="91"/>
      <c r="GW661" s="91"/>
      <c r="GX661" s="91"/>
      <c r="GY661" s="91"/>
      <c r="GZ661" s="91"/>
      <c r="HA661" s="91"/>
      <c r="HB661" s="91"/>
      <c r="HC661" s="91"/>
      <c r="HD661" s="91"/>
      <c r="HE661" s="91"/>
      <c r="HF661" s="91"/>
      <c r="HG661" s="91"/>
      <c r="HH661" s="91"/>
      <c r="HI661" s="91"/>
      <c r="HJ661" s="91"/>
      <c r="HK661" s="127"/>
      <c r="HL661" s="126"/>
      <c r="HM661" s="91"/>
      <c r="HN661" s="91"/>
      <c r="HO661" s="91"/>
      <c r="HP661" s="91"/>
      <c r="HQ661" s="91"/>
      <c r="HR661" s="91"/>
      <c r="HS661" s="91"/>
      <c r="HT661" s="91"/>
      <c r="HU661" s="91"/>
      <c r="HV661" s="91"/>
      <c r="HW661" s="91"/>
      <c r="HX661" s="91"/>
      <c r="HY661" s="91"/>
      <c r="HZ661" s="91"/>
      <c r="IA661" s="91"/>
      <c r="IB661" s="91"/>
      <c r="IC661" s="91"/>
      <c r="ID661" s="91"/>
      <c r="IE661" s="91"/>
      <c r="IF661" s="91"/>
      <c r="IG661" s="91"/>
      <c r="IH661" s="91"/>
      <c r="II661" s="91"/>
      <c r="IJ661" s="91"/>
      <c r="IK661" s="127"/>
    </row>
    <row r="662" spans="2:245" x14ac:dyDescent="0.2">
      <c r="B662" s="43"/>
      <c r="C662" s="73"/>
      <c r="D662" s="64"/>
      <c r="E662" s="64"/>
      <c r="F662" s="55"/>
      <c r="G662" s="102"/>
      <c r="H662" s="55"/>
      <c r="I662" s="55"/>
      <c r="J662" s="55"/>
      <c r="K662" s="55"/>
      <c r="L662" s="55"/>
      <c r="M662" s="55"/>
      <c r="N662" s="55"/>
      <c r="O662" s="55"/>
      <c r="P662" s="55"/>
      <c r="Q662" s="55"/>
      <c r="R662" s="55"/>
      <c r="S662" s="55"/>
      <c r="T662" s="55"/>
      <c r="U662" s="55"/>
      <c r="V662" s="55"/>
      <c r="W662" s="55"/>
      <c r="X662" s="55"/>
      <c r="Y662" s="55"/>
      <c r="Z662" s="55"/>
      <c r="AA662" s="55"/>
      <c r="AB662" s="55"/>
      <c r="AC662" s="55"/>
      <c r="AD662" s="55"/>
      <c r="AE662" s="55"/>
      <c r="AF662" s="55"/>
      <c r="AG662" s="55"/>
      <c r="AY662" s="162"/>
      <c r="AZ662" s="162"/>
      <c r="BA662" s="162"/>
      <c r="BB662" s="162"/>
      <c r="BC662" s="162"/>
      <c r="BD662" s="162"/>
      <c r="BE662" s="162"/>
      <c r="BF662" s="162"/>
      <c r="BG662" s="162"/>
      <c r="BH662" s="162"/>
      <c r="BI662" s="162"/>
      <c r="BJ662" s="162"/>
      <c r="BK662" s="162"/>
      <c r="BL662" s="162"/>
      <c r="BM662" s="162"/>
      <c r="BN662" s="162"/>
      <c r="BO662" s="162"/>
      <c r="BP662" s="162"/>
      <c r="BQ662" s="162"/>
      <c r="BR662" s="162"/>
      <c r="BS662" s="162"/>
      <c r="BT662" s="162"/>
      <c r="BU662" s="162"/>
      <c r="BV662" s="162"/>
      <c r="BW662" s="162"/>
      <c r="BX662" s="162"/>
      <c r="BY662" s="162"/>
      <c r="BZ662" s="162"/>
      <c r="CA662" s="162"/>
      <c r="CB662" s="162"/>
      <c r="CC662" s="162"/>
      <c r="CD662" s="162"/>
      <c r="CE662" s="162"/>
      <c r="CF662" s="162"/>
      <c r="CG662" s="162"/>
      <c r="CH662" s="162"/>
      <c r="CI662" s="162"/>
      <c r="CJ662" s="162"/>
      <c r="CK662" s="162"/>
      <c r="CX662" s="98"/>
      <c r="DL662" s="97"/>
      <c r="DX662" s="98"/>
      <c r="EL662" s="97"/>
      <c r="EX662" s="98"/>
      <c r="EY662" s="97"/>
      <c r="FL662" s="126"/>
      <c r="FM662" s="91"/>
      <c r="FN662" s="91"/>
      <c r="FO662" s="91"/>
      <c r="FP662" s="91"/>
      <c r="FQ662" s="91"/>
      <c r="FR662" s="91"/>
      <c r="FS662" s="91"/>
      <c r="FT662" s="91"/>
      <c r="FU662" s="91"/>
      <c r="FV662" s="91"/>
      <c r="FW662" s="91"/>
      <c r="FX662" s="91"/>
      <c r="FY662" s="91"/>
      <c r="FZ662" s="91"/>
      <c r="GA662" s="91"/>
      <c r="GB662" s="91"/>
      <c r="GC662" s="91"/>
      <c r="GD662" s="91"/>
      <c r="GE662" s="91"/>
      <c r="GF662" s="91"/>
      <c r="GG662" s="91"/>
      <c r="GH662" s="91"/>
      <c r="GI662" s="91"/>
      <c r="GJ662" s="91"/>
      <c r="GK662" s="127"/>
      <c r="GL662" s="126"/>
      <c r="GM662" s="91"/>
      <c r="GN662" s="91"/>
      <c r="GO662" s="91"/>
      <c r="GP662" s="91"/>
      <c r="GQ662" s="91"/>
      <c r="GR662" s="91"/>
      <c r="GS662" s="91"/>
      <c r="GT662" s="91"/>
      <c r="GU662" s="91"/>
      <c r="GV662" s="91"/>
      <c r="GW662" s="91"/>
      <c r="GX662" s="91"/>
      <c r="GY662" s="91"/>
      <c r="GZ662" s="91"/>
      <c r="HA662" s="91"/>
      <c r="HB662" s="91"/>
      <c r="HC662" s="91"/>
      <c r="HD662" s="91"/>
      <c r="HE662" s="91"/>
      <c r="HF662" s="91"/>
      <c r="HG662" s="91"/>
      <c r="HH662" s="91"/>
      <c r="HI662" s="91"/>
      <c r="HJ662" s="91"/>
      <c r="HK662" s="127"/>
      <c r="HL662" s="126"/>
      <c r="HM662" s="91"/>
      <c r="HN662" s="91"/>
      <c r="HO662" s="91"/>
      <c r="HP662" s="91"/>
      <c r="HQ662" s="91"/>
      <c r="HR662" s="91"/>
      <c r="HS662" s="91"/>
      <c r="HT662" s="91"/>
      <c r="HU662" s="91"/>
      <c r="HV662" s="91"/>
      <c r="HW662" s="91"/>
      <c r="HX662" s="91"/>
      <c r="HY662" s="91"/>
      <c r="HZ662" s="91"/>
      <c r="IA662" s="91"/>
      <c r="IB662" s="91"/>
      <c r="IC662" s="91"/>
      <c r="ID662" s="91"/>
      <c r="IE662" s="91"/>
      <c r="IF662" s="91"/>
      <c r="IG662" s="91"/>
      <c r="IH662" s="91"/>
      <c r="II662" s="91"/>
      <c r="IJ662" s="91"/>
      <c r="IK662" s="127"/>
    </row>
    <row r="663" spans="2:245" x14ac:dyDescent="0.2">
      <c r="B663" s="43"/>
      <c r="C663" s="73"/>
      <c r="D663" s="64"/>
      <c r="E663" s="64"/>
      <c r="F663" s="55"/>
      <c r="G663" s="102"/>
      <c r="H663" s="55"/>
      <c r="I663" s="55"/>
      <c r="J663" s="55"/>
      <c r="K663" s="55"/>
      <c r="L663" s="55"/>
      <c r="M663" s="55"/>
      <c r="N663" s="55"/>
      <c r="O663" s="55"/>
      <c r="P663" s="55"/>
      <c r="Q663" s="55"/>
      <c r="R663" s="55"/>
      <c r="S663" s="55"/>
      <c r="T663" s="55"/>
      <c r="U663" s="55"/>
      <c r="V663" s="55"/>
      <c r="W663" s="55"/>
      <c r="X663" s="55"/>
      <c r="Y663" s="55"/>
      <c r="Z663" s="55"/>
      <c r="AA663" s="55"/>
      <c r="AB663" s="55"/>
      <c r="AC663" s="55"/>
      <c r="AD663" s="55"/>
      <c r="AE663" s="55"/>
      <c r="AF663" s="55"/>
      <c r="AG663" s="55"/>
      <c r="AY663" s="162"/>
      <c r="AZ663" s="162"/>
      <c r="BA663" s="162"/>
      <c r="BB663" s="162"/>
      <c r="BC663" s="162"/>
      <c r="BD663" s="162"/>
      <c r="BE663" s="162"/>
      <c r="BF663" s="162"/>
      <c r="BG663" s="162"/>
      <c r="BH663" s="162"/>
      <c r="BI663" s="162"/>
      <c r="BJ663" s="162"/>
      <c r="BK663" s="162"/>
      <c r="BL663" s="162"/>
      <c r="BM663" s="162"/>
      <c r="BN663" s="162"/>
      <c r="BO663" s="162"/>
      <c r="BP663" s="162"/>
      <c r="BQ663" s="162"/>
      <c r="BR663" s="162"/>
      <c r="BS663" s="162"/>
      <c r="BT663" s="162"/>
      <c r="BU663" s="162"/>
      <c r="BV663" s="162"/>
      <c r="BW663" s="162"/>
      <c r="BX663" s="162"/>
      <c r="BY663" s="162"/>
      <c r="BZ663" s="162"/>
      <c r="CA663" s="162"/>
      <c r="CB663" s="162"/>
      <c r="CC663" s="162"/>
      <c r="CD663" s="162"/>
      <c r="CE663" s="162"/>
      <c r="CF663" s="162"/>
      <c r="CG663" s="162"/>
      <c r="CH663" s="162"/>
      <c r="CI663" s="162"/>
      <c r="CJ663" s="162"/>
      <c r="CK663" s="162"/>
      <c r="CX663" s="98"/>
      <c r="DL663" s="97"/>
      <c r="DX663" s="98"/>
      <c r="EL663" s="97"/>
      <c r="EX663" s="98"/>
      <c r="EY663" s="97"/>
      <c r="FL663" s="126"/>
      <c r="FM663" s="91"/>
      <c r="FN663" s="91"/>
      <c r="FO663" s="91"/>
      <c r="FP663" s="91"/>
      <c r="FQ663" s="91"/>
      <c r="FR663" s="91"/>
      <c r="FS663" s="91"/>
      <c r="FT663" s="91"/>
      <c r="FU663" s="91"/>
      <c r="FV663" s="91"/>
      <c r="FW663" s="91"/>
      <c r="FX663" s="91"/>
      <c r="FY663" s="91"/>
      <c r="FZ663" s="91"/>
      <c r="GA663" s="91"/>
      <c r="GB663" s="91"/>
      <c r="GC663" s="91"/>
      <c r="GD663" s="91"/>
      <c r="GE663" s="91"/>
      <c r="GF663" s="91"/>
      <c r="GG663" s="91"/>
      <c r="GH663" s="91"/>
      <c r="GI663" s="91"/>
      <c r="GJ663" s="91"/>
      <c r="GK663" s="127"/>
      <c r="GL663" s="126"/>
      <c r="GM663" s="91"/>
      <c r="GN663" s="91"/>
      <c r="GO663" s="91"/>
      <c r="GP663" s="91"/>
      <c r="GQ663" s="91"/>
      <c r="GR663" s="91"/>
      <c r="GS663" s="91"/>
      <c r="GT663" s="91"/>
      <c r="GU663" s="91"/>
      <c r="GV663" s="91"/>
      <c r="GW663" s="91"/>
      <c r="GX663" s="91"/>
      <c r="GY663" s="91"/>
      <c r="GZ663" s="91"/>
      <c r="HA663" s="91"/>
      <c r="HB663" s="91"/>
      <c r="HC663" s="91"/>
      <c r="HD663" s="91"/>
      <c r="HE663" s="91"/>
      <c r="HF663" s="91"/>
      <c r="HG663" s="91"/>
      <c r="HH663" s="91"/>
      <c r="HI663" s="91"/>
      <c r="HJ663" s="91"/>
      <c r="HK663" s="127"/>
      <c r="HL663" s="126"/>
      <c r="HM663" s="91"/>
      <c r="HN663" s="91"/>
      <c r="HO663" s="91"/>
      <c r="HP663" s="91"/>
      <c r="HQ663" s="91"/>
      <c r="HR663" s="91"/>
      <c r="HS663" s="91"/>
      <c r="HT663" s="91"/>
      <c r="HU663" s="91"/>
      <c r="HV663" s="91"/>
      <c r="HW663" s="91"/>
      <c r="HX663" s="91"/>
      <c r="HY663" s="91"/>
      <c r="HZ663" s="91"/>
      <c r="IA663" s="91"/>
      <c r="IB663" s="91"/>
      <c r="IC663" s="91"/>
      <c r="ID663" s="91"/>
      <c r="IE663" s="91"/>
      <c r="IF663" s="91"/>
      <c r="IG663" s="91"/>
      <c r="IH663" s="91"/>
      <c r="II663" s="91"/>
      <c r="IJ663" s="91"/>
      <c r="IK663" s="127"/>
    </row>
    <row r="664" spans="2:245" x14ac:dyDescent="0.2">
      <c r="B664" s="43"/>
      <c r="C664" s="73"/>
      <c r="D664" s="64"/>
      <c r="E664" s="64"/>
      <c r="F664" s="55"/>
      <c r="G664" s="102"/>
      <c r="H664" s="55"/>
      <c r="I664" s="55"/>
      <c r="J664" s="55"/>
      <c r="K664" s="55"/>
      <c r="L664" s="55"/>
      <c r="M664" s="55"/>
      <c r="N664" s="55"/>
      <c r="O664" s="55"/>
      <c r="P664" s="55"/>
      <c r="Q664" s="55"/>
      <c r="R664" s="55"/>
      <c r="S664" s="55"/>
      <c r="T664" s="55"/>
      <c r="U664" s="55"/>
      <c r="V664" s="55"/>
      <c r="W664" s="55"/>
      <c r="X664" s="55"/>
      <c r="Y664" s="55"/>
      <c r="Z664" s="55"/>
      <c r="AA664" s="55"/>
      <c r="AB664" s="55"/>
      <c r="AC664" s="55"/>
      <c r="AD664" s="55"/>
      <c r="AE664" s="55"/>
      <c r="AF664" s="55"/>
      <c r="AG664" s="55"/>
      <c r="AY664" s="162"/>
      <c r="AZ664" s="162"/>
      <c r="BA664" s="162"/>
      <c r="BB664" s="162"/>
      <c r="BC664" s="162"/>
      <c r="BD664" s="162"/>
      <c r="BE664" s="162"/>
      <c r="BF664" s="162"/>
      <c r="BG664" s="162"/>
      <c r="BH664" s="162"/>
      <c r="BI664" s="162"/>
      <c r="BJ664" s="162"/>
      <c r="BK664" s="162"/>
      <c r="BL664" s="162"/>
      <c r="BM664" s="162"/>
      <c r="BN664" s="162"/>
      <c r="BO664" s="162"/>
      <c r="BP664" s="162"/>
      <c r="BQ664" s="162"/>
      <c r="BR664" s="162"/>
      <c r="BS664" s="162"/>
      <c r="BT664" s="162"/>
      <c r="BU664" s="162"/>
      <c r="BV664" s="162"/>
      <c r="BW664" s="162"/>
      <c r="BX664" s="162"/>
      <c r="BY664" s="162"/>
      <c r="BZ664" s="162"/>
      <c r="CA664" s="162"/>
      <c r="CB664" s="162"/>
      <c r="CC664" s="162"/>
      <c r="CD664" s="162"/>
      <c r="CE664" s="162"/>
      <c r="CF664" s="162"/>
      <c r="CG664" s="162"/>
      <c r="CH664" s="162"/>
      <c r="CI664" s="162"/>
      <c r="CJ664" s="162"/>
      <c r="CK664" s="162"/>
      <c r="CX664" s="98"/>
      <c r="DL664" s="97"/>
      <c r="DX664" s="98"/>
      <c r="EL664" s="97"/>
      <c r="EX664" s="98"/>
      <c r="EY664" s="97"/>
      <c r="FL664" s="126"/>
      <c r="FM664" s="91"/>
      <c r="FN664" s="91"/>
      <c r="FO664" s="91"/>
      <c r="FP664" s="91"/>
      <c r="FQ664" s="91"/>
      <c r="FR664" s="91"/>
      <c r="FS664" s="91"/>
      <c r="FT664" s="91"/>
      <c r="FU664" s="91"/>
      <c r="FV664" s="91"/>
      <c r="FW664" s="91"/>
      <c r="FX664" s="91"/>
      <c r="FY664" s="91"/>
      <c r="FZ664" s="91"/>
      <c r="GA664" s="91"/>
      <c r="GB664" s="91"/>
      <c r="GC664" s="91"/>
      <c r="GD664" s="91"/>
      <c r="GE664" s="91"/>
      <c r="GF664" s="91"/>
      <c r="GG664" s="91"/>
      <c r="GH664" s="91"/>
      <c r="GI664" s="91"/>
      <c r="GJ664" s="91"/>
      <c r="GK664" s="127"/>
      <c r="GL664" s="126"/>
      <c r="GM664" s="91"/>
      <c r="GN664" s="91"/>
      <c r="GO664" s="91"/>
      <c r="GP664" s="91"/>
      <c r="GQ664" s="91"/>
      <c r="GR664" s="91"/>
      <c r="GS664" s="91"/>
      <c r="GT664" s="91"/>
      <c r="GU664" s="91"/>
      <c r="GV664" s="91"/>
      <c r="GW664" s="91"/>
      <c r="GX664" s="91"/>
      <c r="GY664" s="91"/>
      <c r="GZ664" s="91"/>
      <c r="HA664" s="91"/>
      <c r="HB664" s="91"/>
      <c r="HC664" s="91"/>
      <c r="HD664" s="91"/>
      <c r="HE664" s="91"/>
      <c r="HF664" s="91"/>
      <c r="HG664" s="91"/>
      <c r="HH664" s="91"/>
      <c r="HI664" s="91"/>
      <c r="HJ664" s="91"/>
      <c r="HK664" s="127"/>
      <c r="HL664" s="126"/>
      <c r="HM664" s="91"/>
      <c r="HN664" s="91"/>
      <c r="HO664" s="91"/>
      <c r="HP664" s="91"/>
      <c r="HQ664" s="91"/>
      <c r="HR664" s="91"/>
      <c r="HS664" s="91"/>
      <c r="HT664" s="91"/>
      <c r="HU664" s="91"/>
      <c r="HV664" s="91"/>
      <c r="HW664" s="91"/>
      <c r="HX664" s="91"/>
      <c r="HY664" s="91"/>
      <c r="HZ664" s="91"/>
      <c r="IA664" s="91"/>
      <c r="IB664" s="91"/>
      <c r="IC664" s="91"/>
      <c r="ID664" s="91"/>
      <c r="IE664" s="91"/>
      <c r="IF664" s="91"/>
      <c r="IG664" s="91"/>
      <c r="IH664" s="91"/>
      <c r="II664" s="91"/>
      <c r="IJ664" s="91"/>
      <c r="IK664" s="127"/>
    </row>
    <row r="665" spans="2:245" x14ac:dyDescent="0.2">
      <c r="B665" s="43"/>
      <c r="C665" s="73"/>
      <c r="D665" s="64"/>
      <c r="E665" s="64"/>
      <c r="F665" s="55"/>
      <c r="G665" s="102"/>
      <c r="H665" s="55"/>
      <c r="I665" s="55"/>
      <c r="J665" s="55"/>
      <c r="K665" s="55"/>
      <c r="L665" s="55"/>
      <c r="M665" s="55"/>
      <c r="N665" s="55"/>
      <c r="O665" s="55"/>
      <c r="P665" s="55"/>
      <c r="Q665" s="55"/>
      <c r="R665" s="55"/>
      <c r="S665" s="55"/>
      <c r="T665" s="55"/>
      <c r="U665" s="55"/>
      <c r="V665" s="55"/>
      <c r="W665" s="55"/>
      <c r="X665" s="55"/>
      <c r="Y665" s="55"/>
      <c r="Z665" s="55"/>
      <c r="AA665" s="55"/>
      <c r="AB665" s="55"/>
      <c r="AC665" s="55"/>
      <c r="AD665" s="55"/>
      <c r="AE665" s="55"/>
      <c r="AF665" s="55"/>
      <c r="AG665" s="55"/>
      <c r="AY665" s="162"/>
      <c r="AZ665" s="162"/>
      <c r="BA665" s="162"/>
      <c r="BB665" s="162"/>
      <c r="BC665" s="162"/>
      <c r="BD665" s="162"/>
      <c r="BE665" s="162"/>
      <c r="BF665" s="162"/>
      <c r="BG665" s="162"/>
      <c r="BH665" s="162"/>
      <c r="BI665" s="162"/>
      <c r="BJ665" s="162"/>
      <c r="BK665" s="162"/>
      <c r="BL665" s="162"/>
      <c r="BM665" s="162"/>
      <c r="BN665" s="162"/>
      <c r="BO665" s="162"/>
      <c r="BP665" s="162"/>
      <c r="BQ665" s="162"/>
      <c r="BR665" s="162"/>
      <c r="BS665" s="162"/>
      <c r="BT665" s="162"/>
      <c r="BU665" s="162"/>
      <c r="BV665" s="162"/>
      <c r="BW665" s="162"/>
      <c r="BX665" s="162"/>
      <c r="BY665" s="162"/>
      <c r="BZ665" s="162"/>
      <c r="CA665" s="162"/>
      <c r="CB665" s="162"/>
      <c r="CC665" s="162"/>
      <c r="CD665" s="162"/>
      <c r="CE665" s="162"/>
      <c r="CF665" s="162"/>
      <c r="CG665" s="162"/>
      <c r="CH665" s="162"/>
      <c r="CI665" s="162"/>
      <c r="CJ665" s="162"/>
      <c r="CK665" s="162"/>
      <c r="CX665" s="98"/>
      <c r="DL665" s="97"/>
      <c r="DX665" s="98"/>
      <c r="EL665" s="97"/>
      <c r="EX665" s="98"/>
      <c r="EY665" s="97"/>
      <c r="FL665" s="126"/>
      <c r="FM665" s="91"/>
      <c r="FN665" s="91"/>
      <c r="FO665" s="91"/>
      <c r="FP665" s="91"/>
      <c r="FQ665" s="91"/>
      <c r="FR665" s="91"/>
      <c r="FS665" s="91"/>
      <c r="FT665" s="91"/>
      <c r="FU665" s="91"/>
      <c r="FV665" s="91"/>
      <c r="FW665" s="91"/>
      <c r="FX665" s="91"/>
      <c r="FY665" s="91"/>
      <c r="FZ665" s="91"/>
      <c r="GA665" s="91"/>
      <c r="GB665" s="91"/>
      <c r="GC665" s="91"/>
      <c r="GD665" s="91"/>
      <c r="GE665" s="91"/>
      <c r="GF665" s="91"/>
      <c r="GG665" s="91"/>
      <c r="GH665" s="91"/>
      <c r="GI665" s="91"/>
      <c r="GJ665" s="91"/>
      <c r="GK665" s="127"/>
      <c r="GL665" s="126"/>
      <c r="GM665" s="91"/>
      <c r="GN665" s="91"/>
      <c r="GO665" s="91"/>
      <c r="GP665" s="91"/>
      <c r="GQ665" s="91"/>
      <c r="GR665" s="91"/>
      <c r="GS665" s="91"/>
      <c r="GT665" s="91"/>
      <c r="GU665" s="91"/>
      <c r="GV665" s="91"/>
      <c r="GW665" s="91"/>
      <c r="GX665" s="91"/>
      <c r="GY665" s="91"/>
      <c r="GZ665" s="91"/>
      <c r="HA665" s="91"/>
      <c r="HB665" s="91"/>
      <c r="HC665" s="91"/>
      <c r="HD665" s="91"/>
      <c r="HE665" s="91"/>
      <c r="HF665" s="91"/>
      <c r="HG665" s="91"/>
      <c r="HH665" s="91"/>
      <c r="HI665" s="91"/>
      <c r="HJ665" s="91"/>
      <c r="HK665" s="127"/>
      <c r="HL665" s="126"/>
      <c r="HM665" s="91"/>
      <c r="HN665" s="91"/>
      <c r="HO665" s="91"/>
      <c r="HP665" s="91"/>
      <c r="HQ665" s="91"/>
      <c r="HR665" s="91"/>
      <c r="HS665" s="91"/>
      <c r="HT665" s="91"/>
      <c r="HU665" s="91"/>
      <c r="HV665" s="91"/>
      <c r="HW665" s="91"/>
      <c r="HX665" s="91"/>
      <c r="HY665" s="91"/>
      <c r="HZ665" s="91"/>
      <c r="IA665" s="91"/>
      <c r="IB665" s="91"/>
      <c r="IC665" s="91"/>
      <c r="ID665" s="91"/>
      <c r="IE665" s="91"/>
      <c r="IF665" s="91"/>
      <c r="IG665" s="91"/>
      <c r="IH665" s="91"/>
      <c r="II665" s="91"/>
      <c r="IJ665" s="91"/>
      <c r="IK665" s="127"/>
    </row>
    <row r="666" spans="2:245" x14ac:dyDescent="0.2">
      <c r="B666" s="43"/>
      <c r="C666" s="73"/>
      <c r="D666" s="64"/>
      <c r="E666" s="64"/>
      <c r="F666" s="55"/>
      <c r="G666" s="102"/>
      <c r="H666" s="55"/>
      <c r="I666" s="55"/>
      <c r="J666" s="55"/>
      <c r="K666" s="55"/>
      <c r="L666" s="55"/>
      <c r="M666" s="55"/>
      <c r="N666" s="55"/>
      <c r="O666" s="55"/>
      <c r="P666" s="55"/>
      <c r="Q666" s="55"/>
      <c r="R666" s="55"/>
      <c r="S666" s="55"/>
      <c r="T666" s="55"/>
      <c r="U666" s="55"/>
      <c r="V666" s="55"/>
      <c r="W666" s="55"/>
      <c r="X666" s="55"/>
      <c r="Y666" s="55"/>
      <c r="Z666" s="55"/>
      <c r="AA666" s="55"/>
      <c r="AB666" s="55"/>
      <c r="AC666" s="55"/>
      <c r="AD666" s="55"/>
      <c r="AE666" s="55"/>
      <c r="AF666" s="55"/>
      <c r="AG666" s="55"/>
      <c r="AY666" s="162"/>
      <c r="AZ666" s="162"/>
      <c r="BA666" s="162"/>
      <c r="BB666" s="162"/>
      <c r="BC666" s="162"/>
      <c r="BD666" s="162"/>
      <c r="BE666" s="162"/>
      <c r="BF666" s="162"/>
      <c r="BG666" s="162"/>
      <c r="BH666" s="162"/>
      <c r="BI666" s="162"/>
      <c r="BJ666" s="162"/>
      <c r="BK666" s="162"/>
      <c r="BL666" s="162"/>
      <c r="BM666" s="162"/>
      <c r="BN666" s="162"/>
      <c r="BO666" s="162"/>
      <c r="BP666" s="162"/>
      <c r="BQ666" s="162"/>
      <c r="BR666" s="162"/>
      <c r="BS666" s="162"/>
      <c r="BT666" s="162"/>
      <c r="BU666" s="162"/>
      <c r="BV666" s="162"/>
      <c r="BW666" s="162"/>
      <c r="BX666" s="162"/>
      <c r="BY666" s="162"/>
      <c r="BZ666" s="162"/>
      <c r="CA666" s="162"/>
      <c r="CB666" s="162"/>
      <c r="CC666" s="162"/>
      <c r="CD666" s="162"/>
      <c r="CE666" s="162"/>
      <c r="CF666" s="162"/>
      <c r="CG666" s="162"/>
      <c r="CH666" s="162"/>
      <c r="CI666" s="162"/>
      <c r="CJ666" s="162"/>
      <c r="CK666" s="162"/>
      <c r="CX666" s="98"/>
      <c r="DL666" s="97"/>
      <c r="DX666" s="98"/>
      <c r="EL666" s="97"/>
      <c r="EX666" s="98"/>
      <c r="EY666" s="97"/>
      <c r="FL666" s="126"/>
      <c r="FM666" s="91"/>
      <c r="FN666" s="91"/>
      <c r="FO666" s="91"/>
      <c r="FP666" s="91"/>
      <c r="FQ666" s="91"/>
      <c r="FR666" s="91"/>
      <c r="FS666" s="91"/>
      <c r="FT666" s="91"/>
      <c r="FU666" s="91"/>
      <c r="FV666" s="91"/>
      <c r="FW666" s="91"/>
      <c r="FX666" s="91"/>
      <c r="FY666" s="91"/>
      <c r="FZ666" s="91"/>
      <c r="GA666" s="91"/>
      <c r="GB666" s="91"/>
      <c r="GC666" s="91"/>
      <c r="GD666" s="91"/>
      <c r="GE666" s="91"/>
      <c r="GF666" s="91"/>
      <c r="GG666" s="91"/>
      <c r="GH666" s="91"/>
      <c r="GI666" s="91"/>
      <c r="GJ666" s="91"/>
      <c r="GK666" s="127"/>
      <c r="GL666" s="126"/>
      <c r="GM666" s="91"/>
      <c r="GN666" s="91"/>
      <c r="GO666" s="91"/>
      <c r="GP666" s="91"/>
      <c r="GQ666" s="91"/>
      <c r="GR666" s="91"/>
      <c r="GS666" s="91"/>
      <c r="GT666" s="91"/>
      <c r="GU666" s="91"/>
      <c r="GV666" s="91"/>
      <c r="GW666" s="91"/>
      <c r="GX666" s="91"/>
      <c r="GY666" s="91"/>
      <c r="GZ666" s="91"/>
      <c r="HA666" s="91"/>
      <c r="HB666" s="91"/>
      <c r="HC666" s="91"/>
      <c r="HD666" s="91"/>
      <c r="HE666" s="91"/>
      <c r="HF666" s="91"/>
      <c r="HG666" s="91"/>
      <c r="HH666" s="91"/>
      <c r="HI666" s="91"/>
      <c r="HJ666" s="91"/>
      <c r="HK666" s="127"/>
      <c r="HL666" s="126"/>
      <c r="HM666" s="91"/>
      <c r="HN666" s="91"/>
      <c r="HO666" s="91"/>
      <c r="HP666" s="91"/>
      <c r="HQ666" s="91"/>
      <c r="HR666" s="91"/>
      <c r="HS666" s="91"/>
      <c r="HT666" s="91"/>
      <c r="HU666" s="91"/>
      <c r="HV666" s="91"/>
      <c r="HW666" s="91"/>
      <c r="HX666" s="91"/>
      <c r="HY666" s="91"/>
      <c r="HZ666" s="91"/>
      <c r="IA666" s="91"/>
      <c r="IB666" s="91"/>
      <c r="IC666" s="91"/>
      <c r="ID666" s="91"/>
      <c r="IE666" s="91"/>
      <c r="IF666" s="91"/>
      <c r="IG666" s="91"/>
      <c r="IH666" s="91"/>
      <c r="II666" s="91"/>
      <c r="IJ666" s="91"/>
      <c r="IK666" s="127"/>
    </row>
    <row r="667" spans="2:245" x14ac:dyDescent="0.2">
      <c r="B667" s="43"/>
      <c r="C667" s="73"/>
      <c r="D667" s="64"/>
      <c r="E667" s="64"/>
      <c r="F667" s="55"/>
      <c r="G667" s="102"/>
      <c r="H667" s="55"/>
      <c r="I667" s="55"/>
      <c r="J667" s="55"/>
      <c r="K667" s="55"/>
      <c r="L667" s="55"/>
      <c r="M667" s="55"/>
      <c r="N667" s="55"/>
      <c r="O667" s="55"/>
      <c r="P667" s="55"/>
      <c r="Q667" s="55"/>
      <c r="R667" s="55"/>
      <c r="S667" s="55"/>
      <c r="T667" s="55"/>
      <c r="U667" s="55"/>
      <c r="V667" s="55"/>
      <c r="W667" s="55"/>
      <c r="X667" s="55"/>
      <c r="Y667" s="55"/>
      <c r="Z667" s="55"/>
      <c r="AA667" s="55"/>
      <c r="AB667" s="55"/>
      <c r="AC667" s="55"/>
      <c r="AD667" s="55"/>
      <c r="AE667" s="55"/>
      <c r="AF667" s="55"/>
      <c r="AG667" s="55"/>
      <c r="AY667" s="162"/>
      <c r="AZ667" s="162"/>
      <c r="BA667" s="162"/>
      <c r="BB667" s="162"/>
      <c r="BC667" s="162"/>
      <c r="BD667" s="162"/>
      <c r="BE667" s="162"/>
      <c r="BF667" s="162"/>
      <c r="BG667" s="162"/>
      <c r="BH667" s="162"/>
      <c r="BI667" s="162"/>
      <c r="BJ667" s="162"/>
      <c r="BK667" s="162"/>
      <c r="BL667" s="162"/>
      <c r="BM667" s="162"/>
      <c r="BN667" s="162"/>
      <c r="BO667" s="162"/>
      <c r="BP667" s="162"/>
      <c r="BQ667" s="162"/>
      <c r="BR667" s="162"/>
      <c r="BS667" s="162"/>
      <c r="BT667" s="162"/>
      <c r="BU667" s="162"/>
      <c r="BV667" s="162"/>
      <c r="BW667" s="162"/>
      <c r="BX667" s="162"/>
      <c r="BY667" s="162"/>
      <c r="BZ667" s="162"/>
      <c r="CA667" s="162"/>
      <c r="CB667" s="162"/>
      <c r="CC667" s="162"/>
      <c r="CD667" s="162"/>
      <c r="CE667" s="162"/>
      <c r="CF667" s="162"/>
      <c r="CG667" s="162"/>
      <c r="CH667" s="162"/>
      <c r="CI667" s="162"/>
      <c r="CJ667" s="162"/>
      <c r="CK667" s="162"/>
      <c r="CX667" s="98"/>
      <c r="DL667" s="97"/>
      <c r="DX667" s="98"/>
      <c r="EL667" s="97"/>
      <c r="EX667" s="98"/>
      <c r="EY667" s="97"/>
      <c r="FL667" s="126"/>
      <c r="FM667" s="91"/>
      <c r="FN667" s="91"/>
      <c r="FO667" s="91"/>
      <c r="FP667" s="91"/>
      <c r="FQ667" s="91"/>
      <c r="FR667" s="91"/>
      <c r="FS667" s="91"/>
      <c r="FT667" s="91"/>
      <c r="FU667" s="91"/>
      <c r="FV667" s="91"/>
      <c r="FW667" s="91"/>
      <c r="FX667" s="91"/>
      <c r="FY667" s="91"/>
      <c r="FZ667" s="91"/>
      <c r="GA667" s="91"/>
      <c r="GB667" s="91"/>
      <c r="GC667" s="91"/>
      <c r="GD667" s="91"/>
      <c r="GE667" s="91"/>
      <c r="GF667" s="91"/>
      <c r="GG667" s="91"/>
      <c r="GH667" s="91"/>
      <c r="GI667" s="91"/>
      <c r="GJ667" s="91"/>
      <c r="GK667" s="127"/>
      <c r="GL667" s="126"/>
      <c r="GM667" s="91"/>
      <c r="GN667" s="91"/>
      <c r="GO667" s="91"/>
      <c r="GP667" s="91"/>
      <c r="GQ667" s="91"/>
      <c r="GR667" s="91"/>
      <c r="GS667" s="91"/>
      <c r="GT667" s="91"/>
      <c r="GU667" s="91"/>
      <c r="GV667" s="91"/>
      <c r="GW667" s="91"/>
      <c r="GX667" s="91"/>
      <c r="GY667" s="91"/>
      <c r="GZ667" s="91"/>
      <c r="HA667" s="91"/>
      <c r="HB667" s="91"/>
      <c r="HC667" s="91"/>
      <c r="HD667" s="91"/>
      <c r="HE667" s="91"/>
      <c r="HF667" s="91"/>
      <c r="HG667" s="91"/>
      <c r="HH667" s="91"/>
      <c r="HI667" s="91"/>
      <c r="HJ667" s="91"/>
      <c r="HK667" s="127"/>
      <c r="HL667" s="126"/>
      <c r="HM667" s="91"/>
      <c r="HN667" s="91"/>
      <c r="HO667" s="91"/>
      <c r="HP667" s="91"/>
      <c r="HQ667" s="91"/>
      <c r="HR667" s="91"/>
      <c r="HS667" s="91"/>
      <c r="HT667" s="91"/>
      <c r="HU667" s="91"/>
      <c r="HV667" s="91"/>
      <c r="HW667" s="91"/>
      <c r="HX667" s="91"/>
      <c r="HY667" s="91"/>
      <c r="HZ667" s="91"/>
      <c r="IA667" s="91"/>
      <c r="IB667" s="91"/>
      <c r="IC667" s="91"/>
      <c r="ID667" s="91"/>
      <c r="IE667" s="91"/>
      <c r="IF667" s="91"/>
      <c r="IG667" s="91"/>
      <c r="IH667" s="91"/>
      <c r="II667" s="91"/>
      <c r="IJ667" s="91"/>
      <c r="IK667" s="127"/>
    </row>
    <row r="668" spans="2:245" x14ac:dyDescent="0.2">
      <c r="B668" s="43"/>
      <c r="C668" s="73"/>
      <c r="D668" s="64"/>
      <c r="E668" s="64"/>
      <c r="F668" s="55"/>
      <c r="G668" s="102"/>
      <c r="H668" s="55"/>
      <c r="I668" s="55"/>
      <c r="J668" s="55"/>
      <c r="K668" s="55"/>
      <c r="L668" s="55"/>
      <c r="M668" s="55"/>
      <c r="N668" s="55"/>
      <c r="O668" s="55"/>
      <c r="P668" s="55"/>
      <c r="Q668" s="55"/>
      <c r="R668" s="55"/>
      <c r="S668" s="55"/>
      <c r="T668" s="55"/>
      <c r="U668" s="55"/>
      <c r="V668" s="55"/>
      <c r="W668" s="55"/>
      <c r="X668" s="55"/>
      <c r="Y668" s="55"/>
      <c r="Z668" s="55"/>
      <c r="AA668" s="55"/>
      <c r="AB668" s="55"/>
      <c r="AC668" s="55"/>
      <c r="AD668" s="55"/>
      <c r="AE668" s="55"/>
      <c r="AF668" s="55"/>
      <c r="AG668" s="55"/>
      <c r="AY668" s="162"/>
      <c r="AZ668" s="162"/>
      <c r="BA668" s="162"/>
      <c r="BB668" s="162"/>
      <c r="BC668" s="162"/>
      <c r="BD668" s="162"/>
      <c r="BE668" s="162"/>
      <c r="BF668" s="162"/>
      <c r="BG668" s="162"/>
      <c r="BH668" s="162"/>
      <c r="BI668" s="162"/>
      <c r="BJ668" s="162"/>
      <c r="BK668" s="162"/>
      <c r="BL668" s="162"/>
      <c r="BM668" s="162"/>
      <c r="BN668" s="162"/>
      <c r="BO668" s="162"/>
      <c r="BP668" s="162"/>
      <c r="BQ668" s="162"/>
      <c r="BR668" s="162"/>
      <c r="BS668" s="162"/>
      <c r="BT668" s="162"/>
      <c r="BU668" s="162"/>
      <c r="BV668" s="162"/>
      <c r="BW668" s="162"/>
      <c r="BX668" s="162"/>
      <c r="BY668" s="162"/>
      <c r="BZ668" s="162"/>
      <c r="CA668" s="162"/>
      <c r="CB668" s="162"/>
      <c r="CC668" s="162"/>
      <c r="CD668" s="162"/>
      <c r="CE668" s="162"/>
      <c r="CF668" s="162"/>
      <c r="CG668" s="162"/>
      <c r="CH668" s="162"/>
      <c r="CI668" s="162"/>
      <c r="CJ668" s="162"/>
      <c r="CK668" s="162"/>
      <c r="CX668" s="98"/>
      <c r="DL668" s="97"/>
      <c r="DX668" s="98"/>
      <c r="EL668" s="97"/>
      <c r="EX668" s="98"/>
      <c r="EY668" s="97"/>
      <c r="FL668" s="126"/>
      <c r="FM668" s="91"/>
      <c r="FN668" s="91"/>
      <c r="FO668" s="91"/>
      <c r="FP668" s="91"/>
      <c r="FQ668" s="91"/>
      <c r="FR668" s="91"/>
      <c r="FS668" s="91"/>
      <c r="FT668" s="91"/>
      <c r="FU668" s="91"/>
      <c r="FV668" s="91"/>
      <c r="FW668" s="91"/>
      <c r="FX668" s="91"/>
      <c r="FY668" s="91"/>
      <c r="FZ668" s="91"/>
      <c r="GA668" s="91"/>
      <c r="GB668" s="91"/>
      <c r="GC668" s="91"/>
      <c r="GD668" s="91"/>
      <c r="GE668" s="91"/>
      <c r="GF668" s="91"/>
      <c r="GG668" s="91"/>
      <c r="GH668" s="91"/>
      <c r="GI668" s="91"/>
      <c r="GJ668" s="91"/>
      <c r="GK668" s="127"/>
      <c r="GL668" s="126"/>
      <c r="GM668" s="91"/>
      <c r="GN668" s="91"/>
      <c r="GO668" s="91"/>
      <c r="GP668" s="91"/>
      <c r="GQ668" s="91"/>
      <c r="GR668" s="91"/>
      <c r="GS668" s="91"/>
      <c r="GT668" s="91"/>
      <c r="GU668" s="91"/>
      <c r="GV668" s="91"/>
      <c r="GW668" s="91"/>
      <c r="GX668" s="91"/>
      <c r="GY668" s="91"/>
      <c r="GZ668" s="91"/>
      <c r="HA668" s="91"/>
      <c r="HB668" s="91"/>
      <c r="HC668" s="91"/>
      <c r="HD668" s="91"/>
      <c r="HE668" s="91"/>
      <c r="HF668" s="91"/>
      <c r="HG668" s="91"/>
      <c r="HH668" s="91"/>
      <c r="HI668" s="91"/>
      <c r="HJ668" s="91"/>
      <c r="HK668" s="127"/>
      <c r="HL668" s="126"/>
      <c r="HM668" s="91"/>
      <c r="HN668" s="91"/>
      <c r="HO668" s="91"/>
      <c r="HP668" s="91"/>
      <c r="HQ668" s="91"/>
      <c r="HR668" s="91"/>
      <c r="HS668" s="91"/>
      <c r="HT668" s="91"/>
      <c r="HU668" s="91"/>
      <c r="HV668" s="91"/>
      <c r="HW668" s="91"/>
      <c r="HX668" s="91"/>
      <c r="HY668" s="91"/>
      <c r="HZ668" s="91"/>
      <c r="IA668" s="91"/>
      <c r="IB668" s="91"/>
      <c r="IC668" s="91"/>
      <c r="ID668" s="91"/>
      <c r="IE668" s="91"/>
      <c r="IF668" s="91"/>
      <c r="IG668" s="91"/>
      <c r="IH668" s="91"/>
      <c r="II668" s="91"/>
      <c r="IJ668" s="91"/>
      <c r="IK668" s="127"/>
    </row>
    <row r="669" spans="2:245" x14ac:dyDescent="0.2">
      <c r="B669" s="43"/>
      <c r="C669" s="73"/>
      <c r="D669" s="64"/>
      <c r="E669" s="64"/>
      <c r="F669" s="55"/>
      <c r="G669" s="102"/>
      <c r="H669" s="55"/>
      <c r="I669" s="55"/>
      <c r="J669" s="55"/>
      <c r="K669" s="55"/>
      <c r="L669" s="55"/>
      <c r="M669" s="55"/>
      <c r="N669" s="55"/>
      <c r="O669" s="55"/>
      <c r="P669" s="55"/>
      <c r="Q669" s="55"/>
      <c r="R669" s="55"/>
      <c r="S669" s="55"/>
      <c r="T669" s="55"/>
      <c r="U669" s="55"/>
      <c r="V669" s="55"/>
      <c r="W669" s="55"/>
      <c r="X669" s="55"/>
      <c r="Y669" s="55"/>
      <c r="Z669" s="55"/>
      <c r="AA669" s="55"/>
      <c r="AB669" s="55"/>
      <c r="AC669" s="55"/>
      <c r="AD669" s="55"/>
      <c r="AE669" s="55"/>
      <c r="AF669" s="55"/>
      <c r="AG669" s="55"/>
      <c r="AY669" s="162"/>
      <c r="AZ669" s="162"/>
      <c r="BA669" s="162"/>
      <c r="BB669" s="162"/>
      <c r="BC669" s="162"/>
      <c r="BD669" s="162"/>
      <c r="BE669" s="162"/>
      <c r="BF669" s="162"/>
      <c r="BG669" s="162"/>
      <c r="BH669" s="162"/>
      <c r="BI669" s="162"/>
      <c r="BJ669" s="162"/>
      <c r="BK669" s="162"/>
      <c r="BL669" s="162"/>
      <c r="BM669" s="162"/>
      <c r="BN669" s="162"/>
      <c r="BO669" s="162"/>
      <c r="BP669" s="162"/>
      <c r="BQ669" s="162"/>
      <c r="BR669" s="162"/>
      <c r="BS669" s="162"/>
      <c r="BT669" s="162"/>
      <c r="BU669" s="162"/>
      <c r="BV669" s="162"/>
      <c r="BW669" s="162"/>
      <c r="BX669" s="162"/>
      <c r="BY669" s="162"/>
      <c r="BZ669" s="162"/>
      <c r="CA669" s="162"/>
      <c r="CB669" s="162"/>
      <c r="CC669" s="162"/>
      <c r="CD669" s="162"/>
      <c r="CE669" s="162"/>
      <c r="CF669" s="162"/>
      <c r="CG669" s="162"/>
      <c r="CH669" s="162"/>
      <c r="CI669" s="162"/>
      <c r="CJ669" s="162"/>
      <c r="CK669" s="162"/>
      <c r="CX669" s="98"/>
      <c r="DL669" s="97"/>
      <c r="DX669" s="98"/>
      <c r="EL669" s="97"/>
      <c r="EX669" s="98"/>
      <c r="EY669" s="97"/>
      <c r="FL669" s="126"/>
      <c r="FM669" s="91"/>
      <c r="FN669" s="91"/>
      <c r="FO669" s="91"/>
      <c r="FP669" s="91"/>
      <c r="FQ669" s="91"/>
      <c r="FR669" s="91"/>
      <c r="FS669" s="91"/>
      <c r="FT669" s="91"/>
      <c r="FU669" s="91"/>
      <c r="FV669" s="91"/>
      <c r="FW669" s="91"/>
      <c r="FX669" s="91"/>
      <c r="FY669" s="91"/>
      <c r="FZ669" s="91"/>
      <c r="GA669" s="91"/>
      <c r="GB669" s="91"/>
      <c r="GC669" s="91"/>
      <c r="GD669" s="91"/>
      <c r="GE669" s="91"/>
      <c r="GF669" s="91"/>
      <c r="GG669" s="91"/>
      <c r="GH669" s="91"/>
      <c r="GI669" s="91"/>
      <c r="GJ669" s="91"/>
      <c r="GK669" s="127"/>
      <c r="GL669" s="126"/>
      <c r="GM669" s="91"/>
      <c r="GN669" s="91"/>
      <c r="GO669" s="91"/>
      <c r="GP669" s="91"/>
      <c r="GQ669" s="91"/>
      <c r="GR669" s="91"/>
      <c r="GS669" s="91"/>
      <c r="GT669" s="91"/>
      <c r="GU669" s="91"/>
      <c r="GV669" s="91"/>
      <c r="GW669" s="91"/>
      <c r="GX669" s="91"/>
      <c r="GY669" s="91"/>
      <c r="GZ669" s="91"/>
      <c r="HA669" s="91"/>
      <c r="HB669" s="91"/>
      <c r="HC669" s="91"/>
      <c r="HD669" s="91"/>
      <c r="HE669" s="91"/>
      <c r="HF669" s="91"/>
      <c r="HG669" s="91"/>
      <c r="HH669" s="91"/>
      <c r="HI669" s="91"/>
      <c r="HJ669" s="91"/>
      <c r="HK669" s="127"/>
      <c r="HL669" s="126"/>
      <c r="HM669" s="91"/>
      <c r="HN669" s="91"/>
      <c r="HO669" s="91"/>
      <c r="HP669" s="91"/>
      <c r="HQ669" s="91"/>
      <c r="HR669" s="91"/>
      <c r="HS669" s="91"/>
      <c r="HT669" s="91"/>
      <c r="HU669" s="91"/>
      <c r="HV669" s="91"/>
      <c r="HW669" s="91"/>
      <c r="HX669" s="91"/>
      <c r="HY669" s="91"/>
      <c r="HZ669" s="91"/>
      <c r="IA669" s="91"/>
      <c r="IB669" s="91"/>
      <c r="IC669" s="91"/>
      <c r="ID669" s="91"/>
      <c r="IE669" s="91"/>
      <c r="IF669" s="91"/>
      <c r="IG669" s="91"/>
      <c r="IH669" s="91"/>
      <c r="II669" s="91"/>
      <c r="IJ669" s="91"/>
      <c r="IK669" s="127"/>
    </row>
    <row r="670" spans="2:245" x14ac:dyDescent="0.2">
      <c r="B670" s="43"/>
      <c r="C670" s="73"/>
      <c r="D670" s="64"/>
      <c r="E670" s="64"/>
      <c r="F670" s="55"/>
      <c r="G670" s="102"/>
      <c r="H670" s="55"/>
      <c r="I670" s="55"/>
      <c r="J670" s="55"/>
      <c r="K670" s="55"/>
      <c r="L670" s="55"/>
      <c r="M670" s="55"/>
      <c r="N670" s="55"/>
      <c r="O670" s="55"/>
      <c r="P670" s="55"/>
      <c r="Q670" s="55"/>
      <c r="R670" s="55"/>
      <c r="S670" s="55"/>
      <c r="T670" s="55"/>
      <c r="U670" s="55"/>
      <c r="V670" s="55"/>
      <c r="W670" s="55"/>
      <c r="X670" s="55"/>
      <c r="Y670" s="55"/>
      <c r="Z670" s="55"/>
      <c r="AA670" s="55"/>
      <c r="AB670" s="55"/>
      <c r="AC670" s="55"/>
      <c r="AD670" s="55"/>
      <c r="AE670" s="55"/>
      <c r="AF670" s="55"/>
      <c r="AG670" s="55"/>
      <c r="AY670" s="162"/>
      <c r="AZ670" s="162"/>
      <c r="BA670" s="162"/>
      <c r="BB670" s="162"/>
      <c r="BC670" s="162"/>
      <c r="BD670" s="162"/>
      <c r="BE670" s="162"/>
      <c r="BF670" s="162"/>
      <c r="BG670" s="162"/>
      <c r="BH670" s="162"/>
      <c r="BI670" s="162"/>
      <c r="BJ670" s="162"/>
      <c r="BK670" s="162"/>
      <c r="BL670" s="162"/>
      <c r="BM670" s="162"/>
      <c r="BN670" s="162"/>
      <c r="BO670" s="162"/>
      <c r="BP670" s="162"/>
      <c r="BQ670" s="162"/>
      <c r="BR670" s="162"/>
      <c r="BS670" s="162"/>
      <c r="BT670" s="162"/>
      <c r="BU670" s="162"/>
      <c r="BV670" s="162"/>
      <c r="BW670" s="162"/>
      <c r="BX670" s="162"/>
      <c r="BY670" s="162"/>
      <c r="BZ670" s="162"/>
      <c r="CA670" s="162"/>
      <c r="CB670" s="162"/>
      <c r="CC670" s="162"/>
      <c r="CD670" s="162"/>
      <c r="CE670" s="162"/>
      <c r="CF670" s="162"/>
      <c r="CG670" s="162"/>
      <c r="CH670" s="162"/>
      <c r="CI670" s="162"/>
      <c r="CJ670" s="162"/>
      <c r="CK670" s="162"/>
      <c r="CX670" s="98"/>
      <c r="DL670" s="97"/>
      <c r="DX670" s="98"/>
      <c r="EL670" s="97"/>
      <c r="EX670" s="98"/>
      <c r="EY670" s="97"/>
      <c r="FL670" s="126"/>
      <c r="FM670" s="91"/>
      <c r="FN670" s="91"/>
      <c r="FO670" s="91"/>
      <c r="FP670" s="91"/>
      <c r="FQ670" s="91"/>
      <c r="FR670" s="91"/>
      <c r="FS670" s="91"/>
      <c r="FT670" s="91"/>
      <c r="FU670" s="91"/>
      <c r="FV670" s="91"/>
      <c r="FW670" s="91"/>
      <c r="FX670" s="91"/>
      <c r="FY670" s="91"/>
      <c r="FZ670" s="91"/>
      <c r="GA670" s="91"/>
      <c r="GB670" s="91"/>
      <c r="GC670" s="91"/>
      <c r="GD670" s="91"/>
      <c r="GE670" s="91"/>
      <c r="GF670" s="91"/>
      <c r="GG670" s="91"/>
      <c r="GH670" s="91"/>
      <c r="GI670" s="91"/>
      <c r="GJ670" s="91"/>
      <c r="GK670" s="127"/>
      <c r="GL670" s="126"/>
      <c r="GM670" s="91"/>
      <c r="GN670" s="91"/>
      <c r="GO670" s="91"/>
      <c r="GP670" s="91"/>
      <c r="GQ670" s="91"/>
      <c r="GR670" s="91"/>
      <c r="GS670" s="91"/>
      <c r="GT670" s="91"/>
      <c r="GU670" s="91"/>
      <c r="GV670" s="91"/>
      <c r="GW670" s="91"/>
      <c r="GX670" s="91"/>
      <c r="GY670" s="91"/>
      <c r="GZ670" s="91"/>
      <c r="HA670" s="91"/>
      <c r="HB670" s="91"/>
      <c r="HC670" s="91"/>
      <c r="HD670" s="91"/>
      <c r="HE670" s="91"/>
      <c r="HF670" s="91"/>
      <c r="HG670" s="91"/>
      <c r="HH670" s="91"/>
      <c r="HI670" s="91"/>
      <c r="HJ670" s="91"/>
      <c r="HK670" s="127"/>
      <c r="HL670" s="126"/>
      <c r="HM670" s="91"/>
      <c r="HN670" s="91"/>
      <c r="HO670" s="91"/>
      <c r="HP670" s="91"/>
      <c r="HQ670" s="91"/>
      <c r="HR670" s="91"/>
      <c r="HS670" s="91"/>
      <c r="HT670" s="91"/>
      <c r="HU670" s="91"/>
      <c r="HV670" s="91"/>
      <c r="HW670" s="91"/>
      <c r="HX670" s="91"/>
      <c r="HY670" s="91"/>
      <c r="HZ670" s="91"/>
      <c r="IA670" s="91"/>
      <c r="IB670" s="91"/>
      <c r="IC670" s="91"/>
      <c r="ID670" s="91"/>
      <c r="IE670" s="91"/>
      <c r="IF670" s="91"/>
      <c r="IG670" s="91"/>
      <c r="IH670" s="91"/>
      <c r="II670" s="91"/>
      <c r="IJ670" s="91"/>
      <c r="IK670" s="127"/>
    </row>
    <row r="671" spans="2:245" x14ac:dyDescent="0.2">
      <c r="B671" s="43"/>
      <c r="C671" s="73"/>
      <c r="D671" s="64"/>
      <c r="E671" s="64"/>
      <c r="F671" s="55"/>
      <c r="G671" s="102"/>
      <c r="H671" s="55"/>
      <c r="I671" s="55"/>
      <c r="J671" s="55"/>
      <c r="K671" s="55"/>
      <c r="L671" s="55"/>
      <c r="M671" s="55"/>
      <c r="N671" s="55"/>
      <c r="O671" s="55"/>
      <c r="P671" s="55"/>
      <c r="Q671" s="55"/>
      <c r="R671" s="55"/>
      <c r="S671" s="55"/>
      <c r="T671" s="55"/>
      <c r="U671" s="55"/>
      <c r="V671" s="55"/>
      <c r="W671" s="55"/>
      <c r="X671" s="55"/>
      <c r="Y671" s="55"/>
      <c r="Z671" s="55"/>
      <c r="AA671" s="55"/>
      <c r="AB671" s="55"/>
      <c r="AC671" s="55"/>
      <c r="AD671" s="55"/>
      <c r="AE671" s="55"/>
      <c r="AF671" s="55"/>
      <c r="AG671" s="55"/>
      <c r="AY671" s="162"/>
      <c r="AZ671" s="162"/>
      <c r="BA671" s="162"/>
      <c r="BB671" s="162"/>
      <c r="BC671" s="162"/>
      <c r="BD671" s="162"/>
      <c r="BE671" s="162"/>
      <c r="BF671" s="162"/>
      <c r="BG671" s="162"/>
      <c r="BH671" s="162"/>
      <c r="BI671" s="162"/>
      <c r="BJ671" s="162"/>
      <c r="BK671" s="162"/>
      <c r="BL671" s="162"/>
      <c r="BM671" s="162"/>
      <c r="BN671" s="162"/>
      <c r="BO671" s="162"/>
      <c r="BP671" s="162"/>
      <c r="BQ671" s="162"/>
      <c r="BR671" s="162"/>
      <c r="BS671" s="162"/>
      <c r="BT671" s="162"/>
      <c r="BU671" s="162"/>
      <c r="BV671" s="162"/>
      <c r="BW671" s="162"/>
      <c r="BX671" s="162"/>
      <c r="BY671" s="162"/>
      <c r="BZ671" s="162"/>
      <c r="CA671" s="162"/>
      <c r="CB671" s="162"/>
      <c r="CC671" s="162"/>
      <c r="CD671" s="162"/>
      <c r="CE671" s="162"/>
      <c r="CF671" s="162"/>
      <c r="CG671" s="162"/>
      <c r="CH671" s="162"/>
      <c r="CI671" s="162"/>
      <c r="CJ671" s="162"/>
      <c r="CK671" s="162"/>
      <c r="CX671" s="98"/>
      <c r="DL671" s="97"/>
      <c r="DX671" s="98"/>
      <c r="EL671" s="97"/>
      <c r="EX671" s="98"/>
      <c r="EY671" s="97"/>
      <c r="FL671" s="126"/>
      <c r="FM671" s="91"/>
      <c r="FN671" s="91"/>
      <c r="FO671" s="91"/>
      <c r="FP671" s="91"/>
      <c r="FQ671" s="91"/>
      <c r="FR671" s="91"/>
      <c r="FS671" s="91"/>
      <c r="FT671" s="91"/>
      <c r="FU671" s="91"/>
      <c r="FV671" s="91"/>
      <c r="FW671" s="91"/>
      <c r="FX671" s="91"/>
      <c r="FY671" s="91"/>
      <c r="FZ671" s="91"/>
      <c r="GA671" s="91"/>
      <c r="GB671" s="91"/>
      <c r="GC671" s="91"/>
      <c r="GD671" s="91"/>
      <c r="GE671" s="91"/>
      <c r="GF671" s="91"/>
      <c r="GG671" s="91"/>
      <c r="GH671" s="91"/>
      <c r="GI671" s="91"/>
      <c r="GJ671" s="91"/>
      <c r="GK671" s="127"/>
      <c r="GL671" s="126"/>
      <c r="GM671" s="91"/>
      <c r="GN671" s="91"/>
      <c r="GO671" s="91"/>
      <c r="GP671" s="91"/>
      <c r="GQ671" s="91"/>
      <c r="GR671" s="91"/>
      <c r="GS671" s="91"/>
      <c r="GT671" s="91"/>
      <c r="GU671" s="91"/>
      <c r="GV671" s="91"/>
      <c r="GW671" s="91"/>
      <c r="GX671" s="91"/>
      <c r="GY671" s="91"/>
      <c r="GZ671" s="91"/>
      <c r="HA671" s="91"/>
      <c r="HB671" s="91"/>
      <c r="HC671" s="91"/>
      <c r="HD671" s="91"/>
      <c r="HE671" s="91"/>
      <c r="HF671" s="91"/>
      <c r="HG671" s="91"/>
      <c r="HH671" s="91"/>
      <c r="HI671" s="91"/>
      <c r="HJ671" s="91"/>
      <c r="HK671" s="127"/>
      <c r="HL671" s="126"/>
      <c r="HM671" s="91"/>
      <c r="HN671" s="91"/>
      <c r="HO671" s="91"/>
      <c r="HP671" s="91"/>
      <c r="HQ671" s="91"/>
      <c r="HR671" s="91"/>
      <c r="HS671" s="91"/>
      <c r="HT671" s="91"/>
      <c r="HU671" s="91"/>
      <c r="HV671" s="91"/>
      <c r="HW671" s="91"/>
      <c r="HX671" s="91"/>
      <c r="HY671" s="91"/>
      <c r="HZ671" s="91"/>
      <c r="IA671" s="91"/>
      <c r="IB671" s="91"/>
      <c r="IC671" s="91"/>
      <c r="ID671" s="91"/>
      <c r="IE671" s="91"/>
      <c r="IF671" s="91"/>
      <c r="IG671" s="91"/>
      <c r="IH671" s="91"/>
      <c r="II671" s="91"/>
      <c r="IJ671" s="91"/>
      <c r="IK671" s="127"/>
    </row>
    <row r="672" spans="2:245" x14ac:dyDescent="0.2">
      <c r="B672" s="43"/>
      <c r="C672" s="73"/>
      <c r="D672" s="64"/>
      <c r="E672" s="64"/>
      <c r="F672" s="55"/>
      <c r="G672" s="102"/>
      <c r="H672" s="55"/>
      <c r="I672" s="55"/>
      <c r="J672" s="55"/>
      <c r="K672" s="55"/>
      <c r="L672" s="55"/>
      <c r="M672" s="55"/>
      <c r="N672" s="55"/>
      <c r="O672" s="55"/>
      <c r="P672" s="55"/>
      <c r="Q672" s="55"/>
      <c r="R672" s="55"/>
      <c r="S672" s="55"/>
      <c r="T672" s="55"/>
      <c r="U672" s="55"/>
      <c r="V672" s="55"/>
      <c r="W672" s="55"/>
      <c r="X672" s="55"/>
      <c r="Y672" s="55"/>
      <c r="Z672" s="55"/>
      <c r="AA672" s="55"/>
      <c r="AB672" s="55"/>
      <c r="AC672" s="55"/>
      <c r="AD672" s="55"/>
      <c r="AE672" s="55"/>
      <c r="AF672" s="55"/>
      <c r="AG672" s="55"/>
      <c r="AY672" s="162"/>
      <c r="AZ672" s="162"/>
      <c r="BA672" s="162"/>
      <c r="BB672" s="162"/>
      <c r="BC672" s="162"/>
      <c r="BD672" s="162"/>
      <c r="BE672" s="162"/>
      <c r="BF672" s="162"/>
      <c r="BG672" s="162"/>
      <c r="BH672" s="162"/>
      <c r="BI672" s="162"/>
      <c r="BJ672" s="162"/>
      <c r="BK672" s="162"/>
      <c r="BL672" s="162"/>
      <c r="BM672" s="162"/>
      <c r="BN672" s="162"/>
      <c r="BO672" s="162"/>
      <c r="BP672" s="162"/>
      <c r="BQ672" s="162"/>
      <c r="BR672" s="162"/>
      <c r="BS672" s="162"/>
      <c r="BT672" s="162"/>
      <c r="BU672" s="162"/>
      <c r="BV672" s="162"/>
      <c r="BW672" s="162"/>
      <c r="BX672" s="162"/>
      <c r="BY672" s="162"/>
      <c r="BZ672" s="162"/>
      <c r="CA672" s="162"/>
      <c r="CB672" s="162"/>
      <c r="CC672" s="162"/>
      <c r="CD672" s="162"/>
      <c r="CE672" s="162"/>
      <c r="CF672" s="162"/>
      <c r="CG672" s="162"/>
      <c r="CH672" s="162"/>
      <c r="CI672" s="162"/>
      <c r="CJ672" s="162"/>
      <c r="CK672" s="162"/>
      <c r="CX672" s="98"/>
      <c r="DL672" s="97"/>
      <c r="DX672" s="98"/>
      <c r="EL672" s="97"/>
      <c r="EX672" s="98"/>
      <c r="EY672" s="97"/>
      <c r="FL672" s="126"/>
      <c r="FM672" s="91"/>
      <c r="FN672" s="91"/>
      <c r="FO672" s="91"/>
      <c r="FP672" s="91"/>
      <c r="FQ672" s="91"/>
      <c r="FR672" s="91"/>
      <c r="FS672" s="91"/>
      <c r="FT672" s="91"/>
      <c r="FU672" s="91"/>
      <c r="FV672" s="91"/>
      <c r="FW672" s="91"/>
      <c r="FX672" s="91"/>
      <c r="FY672" s="91"/>
      <c r="FZ672" s="91"/>
      <c r="GA672" s="91"/>
      <c r="GB672" s="91"/>
      <c r="GC672" s="91"/>
      <c r="GD672" s="91"/>
      <c r="GE672" s="91"/>
      <c r="GF672" s="91"/>
      <c r="GG672" s="91"/>
      <c r="GH672" s="91"/>
      <c r="GI672" s="91"/>
      <c r="GJ672" s="91"/>
      <c r="GK672" s="127"/>
      <c r="GL672" s="126"/>
      <c r="GM672" s="91"/>
      <c r="GN672" s="91"/>
      <c r="GO672" s="91"/>
      <c r="GP672" s="91"/>
      <c r="GQ672" s="91"/>
      <c r="GR672" s="91"/>
      <c r="GS672" s="91"/>
      <c r="GT672" s="91"/>
      <c r="GU672" s="91"/>
      <c r="GV672" s="91"/>
      <c r="GW672" s="91"/>
      <c r="GX672" s="91"/>
      <c r="GY672" s="91"/>
      <c r="GZ672" s="91"/>
      <c r="HA672" s="91"/>
      <c r="HB672" s="91"/>
      <c r="HC672" s="91"/>
      <c r="HD672" s="91"/>
      <c r="HE672" s="91"/>
      <c r="HF672" s="91"/>
      <c r="HG672" s="91"/>
      <c r="HH672" s="91"/>
      <c r="HI672" s="91"/>
      <c r="HJ672" s="91"/>
      <c r="HK672" s="127"/>
      <c r="HL672" s="126"/>
      <c r="HM672" s="91"/>
      <c r="HN672" s="91"/>
      <c r="HO672" s="91"/>
      <c r="HP672" s="91"/>
      <c r="HQ672" s="91"/>
      <c r="HR672" s="91"/>
      <c r="HS672" s="91"/>
      <c r="HT672" s="91"/>
      <c r="HU672" s="91"/>
      <c r="HV672" s="91"/>
      <c r="HW672" s="91"/>
      <c r="HX672" s="91"/>
      <c r="HY672" s="91"/>
      <c r="HZ672" s="91"/>
      <c r="IA672" s="91"/>
      <c r="IB672" s="91"/>
      <c r="IC672" s="91"/>
      <c r="ID672" s="91"/>
      <c r="IE672" s="91"/>
      <c r="IF672" s="91"/>
      <c r="IG672" s="91"/>
      <c r="IH672" s="91"/>
      <c r="II672" s="91"/>
      <c r="IJ672" s="91"/>
      <c r="IK672" s="127"/>
    </row>
    <row r="673" spans="2:245" x14ac:dyDescent="0.2">
      <c r="B673" s="43"/>
      <c r="C673" s="73"/>
      <c r="D673" s="64"/>
      <c r="E673" s="64"/>
      <c r="F673" s="55"/>
      <c r="G673" s="102"/>
      <c r="H673" s="55"/>
      <c r="I673" s="55"/>
      <c r="J673" s="55"/>
      <c r="K673" s="55"/>
      <c r="L673" s="55"/>
      <c r="M673" s="55"/>
      <c r="N673" s="55"/>
      <c r="O673" s="55"/>
      <c r="P673" s="55"/>
      <c r="Q673" s="55"/>
      <c r="R673" s="55"/>
      <c r="S673" s="55"/>
      <c r="T673" s="55"/>
      <c r="U673" s="55"/>
      <c r="V673" s="55"/>
      <c r="W673" s="55"/>
      <c r="X673" s="55"/>
      <c r="Y673" s="55"/>
      <c r="Z673" s="55"/>
      <c r="AA673" s="55"/>
      <c r="AB673" s="55"/>
      <c r="AC673" s="55"/>
      <c r="AD673" s="55"/>
      <c r="AE673" s="55"/>
      <c r="AF673" s="55"/>
      <c r="AG673" s="55"/>
      <c r="AY673" s="162"/>
      <c r="AZ673" s="162"/>
      <c r="BA673" s="162"/>
      <c r="BB673" s="162"/>
      <c r="BC673" s="162"/>
      <c r="BD673" s="162"/>
      <c r="BE673" s="162"/>
      <c r="BF673" s="162"/>
      <c r="BG673" s="162"/>
      <c r="BH673" s="162"/>
      <c r="BI673" s="162"/>
      <c r="BJ673" s="162"/>
      <c r="BK673" s="162"/>
      <c r="BL673" s="162"/>
      <c r="BM673" s="162"/>
      <c r="BN673" s="162"/>
      <c r="BO673" s="162"/>
      <c r="BP673" s="162"/>
      <c r="BQ673" s="162"/>
      <c r="BR673" s="162"/>
      <c r="BS673" s="162"/>
      <c r="BT673" s="162"/>
      <c r="BU673" s="162"/>
      <c r="BV673" s="162"/>
      <c r="BW673" s="162"/>
      <c r="BX673" s="162"/>
      <c r="BY673" s="162"/>
      <c r="BZ673" s="162"/>
      <c r="CA673" s="162"/>
      <c r="CB673" s="162"/>
      <c r="CC673" s="162"/>
      <c r="CD673" s="162"/>
      <c r="CE673" s="162"/>
      <c r="CF673" s="162"/>
      <c r="CG673" s="162"/>
      <c r="CH673" s="162"/>
      <c r="CI673" s="162"/>
      <c r="CJ673" s="162"/>
      <c r="CK673" s="162"/>
      <c r="CX673" s="98"/>
      <c r="DL673" s="97"/>
      <c r="DX673" s="98"/>
      <c r="EL673" s="97"/>
      <c r="EX673" s="98"/>
      <c r="EY673" s="97"/>
      <c r="FL673" s="126"/>
      <c r="FM673" s="91"/>
      <c r="FN673" s="91"/>
      <c r="FO673" s="91"/>
      <c r="FP673" s="91"/>
      <c r="FQ673" s="91"/>
      <c r="FR673" s="91"/>
      <c r="FS673" s="91"/>
      <c r="FT673" s="91"/>
      <c r="FU673" s="91"/>
      <c r="FV673" s="91"/>
      <c r="FW673" s="91"/>
      <c r="FX673" s="91"/>
      <c r="FY673" s="91"/>
      <c r="FZ673" s="91"/>
      <c r="GA673" s="91"/>
      <c r="GB673" s="91"/>
      <c r="GC673" s="91"/>
      <c r="GD673" s="91"/>
      <c r="GE673" s="91"/>
      <c r="GF673" s="91"/>
      <c r="GG673" s="91"/>
      <c r="GH673" s="91"/>
      <c r="GI673" s="91"/>
      <c r="GJ673" s="91"/>
      <c r="GK673" s="127"/>
      <c r="GL673" s="126"/>
      <c r="GM673" s="91"/>
      <c r="GN673" s="91"/>
      <c r="GO673" s="91"/>
      <c r="GP673" s="91"/>
      <c r="GQ673" s="91"/>
      <c r="GR673" s="91"/>
      <c r="GS673" s="91"/>
      <c r="GT673" s="91"/>
      <c r="GU673" s="91"/>
      <c r="GV673" s="91"/>
      <c r="GW673" s="91"/>
      <c r="GX673" s="91"/>
      <c r="GY673" s="91"/>
      <c r="GZ673" s="91"/>
      <c r="HA673" s="91"/>
      <c r="HB673" s="91"/>
      <c r="HC673" s="91"/>
      <c r="HD673" s="91"/>
      <c r="HE673" s="91"/>
      <c r="HF673" s="91"/>
      <c r="HG673" s="91"/>
      <c r="HH673" s="91"/>
      <c r="HI673" s="91"/>
      <c r="HJ673" s="91"/>
      <c r="HK673" s="127"/>
      <c r="HL673" s="126"/>
      <c r="HM673" s="91"/>
      <c r="HN673" s="91"/>
      <c r="HO673" s="91"/>
      <c r="HP673" s="91"/>
      <c r="HQ673" s="91"/>
      <c r="HR673" s="91"/>
      <c r="HS673" s="91"/>
      <c r="HT673" s="91"/>
      <c r="HU673" s="91"/>
      <c r="HV673" s="91"/>
      <c r="HW673" s="91"/>
      <c r="HX673" s="91"/>
      <c r="HY673" s="91"/>
      <c r="HZ673" s="91"/>
      <c r="IA673" s="91"/>
      <c r="IB673" s="91"/>
      <c r="IC673" s="91"/>
      <c r="ID673" s="91"/>
      <c r="IE673" s="91"/>
      <c r="IF673" s="91"/>
      <c r="IG673" s="91"/>
      <c r="IH673" s="91"/>
      <c r="II673" s="91"/>
      <c r="IJ673" s="91"/>
      <c r="IK673" s="127"/>
    </row>
    <row r="674" spans="2:245" x14ac:dyDescent="0.2">
      <c r="B674" s="43"/>
      <c r="C674" s="73"/>
      <c r="D674" s="64"/>
      <c r="E674" s="64"/>
      <c r="F674" s="55"/>
      <c r="G674" s="102"/>
      <c r="H674" s="55"/>
      <c r="I674" s="55"/>
      <c r="J674" s="55"/>
      <c r="K674" s="55"/>
      <c r="L674" s="55"/>
      <c r="M674" s="55"/>
      <c r="N674" s="55"/>
      <c r="O674" s="55"/>
      <c r="P674" s="55"/>
      <c r="Q674" s="55"/>
      <c r="R674" s="55"/>
      <c r="S674" s="55"/>
      <c r="T674" s="55"/>
      <c r="U674" s="55"/>
      <c r="V674" s="55"/>
      <c r="W674" s="55"/>
      <c r="X674" s="55"/>
      <c r="Y674" s="55"/>
      <c r="Z674" s="55"/>
      <c r="AA674" s="55"/>
      <c r="AB674" s="55"/>
      <c r="AC674" s="55"/>
      <c r="AD674" s="55"/>
      <c r="AE674" s="55"/>
      <c r="AF674" s="55"/>
      <c r="AG674" s="55"/>
      <c r="AY674" s="162"/>
      <c r="AZ674" s="162"/>
      <c r="BA674" s="162"/>
      <c r="BB674" s="162"/>
      <c r="BC674" s="162"/>
      <c r="BD674" s="162"/>
      <c r="BE674" s="162"/>
      <c r="BF674" s="162"/>
      <c r="BG674" s="162"/>
      <c r="BH674" s="162"/>
      <c r="BI674" s="162"/>
      <c r="BJ674" s="162"/>
      <c r="BK674" s="162"/>
      <c r="BL674" s="162"/>
      <c r="BM674" s="162"/>
      <c r="BN674" s="162"/>
      <c r="BO674" s="162"/>
      <c r="BP674" s="162"/>
      <c r="BQ674" s="162"/>
      <c r="BR674" s="162"/>
      <c r="BS674" s="162"/>
      <c r="BT674" s="162"/>
      <c r="BU674" s="162"/>
      <c r="BV674" s="162"/>
      <c r="BW674" s="162"/>
      <c r="BX674" s="162"/>
      <c r="BY674" s="162"/>
      <c r="BZ674" s="162"/>
      <c r="CA674" s="162"/>
      <c r="CB674" s="162"/>
      <c r="CC674" s="162"/>
      <c r="CD674" s="162"/>
      <c r="CE674" s="162"/>
      <c r="CF674" s="162"/>
      <c r="CG674" s="162"/>
      <c r="CH674" s="162"/>
      <c r="CI674" s="162"/>
      <c r="CJ674" s="162"/>
      <c r="CK674" s="162"/>
      <c r="CX674" s="98"/>
      <c r="DL674" s="97"/>
      <c r="DX674" s="98"/>
      <c r="EL674" s="97"/>
      <c r="EX674" s="98"/>
      <c r="EY674" s="97"/>
      <c r="FL674" s="126"/>
      <c r="FM674" s="91"/>
      <c r="FN674" s="91"/>
      <c r="FO674" s="91"/>
      <c r="FP674" s="91"/>
      <c r="FQ674" s="91"/>
      <c r="FR674" s="91"/>
      <c r="FS674" s="91"/>
      <c r="FT674" s="91"/>
      <c r="FU674" s="91"/>
      <c r="FV674" s="91"/>
      <c r="FW674" s="91"/>
      <c r="FX674" s="91"/>
      <c r="FY674" s="91"/>
      <c r="FZ674" s="91"/>
      <c r="GA674" s="91"/>
      <c r="GB674" s="91"/>
      <c r="GC674" s="91"/>
      <c r="GD674" s="91"/>
      <c r="GE674" s="91"/>
      <c r="GF674" s="91"/>
      <c r="GG674" s="91"/>
      <c r="GH674" s="91"/>
      <c r="GI674" s="91"/>
      <c r="GJ674" s="91"/>
      <c r="GK674" s="127"/>
      <c r="GL674" s="126"/>
      <c r="GM674" s="91"/>
      <c r="GN674" s="91"/>
      <c r="GO674" s="91"/>
      <c r="GP674" s="91"/>
      <c r="GQ674" s="91"/>
      <c r="GR674" s="91"/>
      <c r="GS674" s="91"/>
      <c r="GT674" s="91"/>
      <c r="GU674" s="91"/>
      <c r="GV674" s="91"/>
      <c r="GW674" s="91"/>
      <c r="GX674" s="91"/>
      <c r="GY674" s="91"/>
      <c r="GZ674" s="91"/>
      <c r="HA674" s="91"/>
      <c r="HB674" s="91"/>
      <c r="HC674" s="91"/>
      <c r="HD674" s="91"/>
      <c r="HE674" s="91"/>
      <c r="HF674" s="91"/>
      <c r="HG674" s="91"/>
      <c r="HH674" s="91"/>
      <c r="HI674" s="91"/>
      <c r="HJ674" s="91"/>
      <c r="HK674" s="127"/>
      <c r="HL674" s="126"/>
      <c r="HM674" s="91"/>
      <c r="HN674" s="91"/>
      <c r="HO674" s="91"/>
      <c r="HP674" s="91"/>
      <c r="HQ674" s="91"/>
      <c r="HR674" s="91"/>
      <c r="HS674" s="91"/>
      <c r="HT674" s="91"/>
      <c r="HU674" s="91"/>
      <c r="HV674" s="91"/>
      <c r="HW674" s="91"/>
      <c r="HX674" s="91"/>
      <c r="HY674" s="91"/>
      <c r="HZ674" s="91"/>
      <c r="IA674" s="91"/>
      <c r="IB674" s="91"/>
      <c r="IC674" s="91"/>
      <c r="ID674" s="91"/>
      <c r="IE674" s="91"/>
      <c r="IF674" s="91"/>
      <c r="IG674" s="91"/>
      <c r="IH674" s="91"/>
      <c r="II674" s="91"/>
      <c r="IJ674" s="91"/>
      <c r="IK674" s="127"/>
    </row>
    <row r="675" spans="2:245" x14ac:dyDescent="0.2">
      <c r="B675" s="43"/>
      <c r="C675" s="73"/>
      <c r="D675" s="64"/>
      <c r="E675" s="64"/>
      <c r="F675" s="55"/>
      <c r="G675" s="102"/>
      <c r="H675" s="55"/>
      <c r="I675" s="55"/>
      <c r="J675" s="55"/>
      <c r="K675" s="55"/>
      <c r="L675" s="55"/>
      <c r="M675" s="55"/>
      <c r="N675" s="55"/>
      <c r="O675" s="55"/>
      <c r="P675" s="55"/>
      <c r="Q675" s="55"/>
      <c r="R675" s="55"/>
      <c r="S675" s="55"/>
      <c r="T675" s="55"/>
      <c r="U675" s="55"/>
      <c r="V675" s="55"/>
      <c r="W675" s="55"/>
      <c r="X675" s="55"/>
      <c r="Y675" s="55"/>
      <c r="Z675" s="55"/>
      <c r="AA675" s="55"/>
      <c r="AB675" s="55"/>
      <c r="AC675" s="55"/>
      <c r="AD675" s="55"/>
      <c r="AE675" s="55"/>
      <c r="AF675" s="55"/>
      <c r="AG675" s="55"/>
      <c r="AY675" s="162"/>
      <c r="AZ675" s="162"/>
      <c r="BA675" s="162"/>
      <c r="BB675" s="162"/>
      <c r="BC675" s="162"/>
      <c r="BD675" s="162"/>
      <c r="BE675" s="162"/>
      <c r="BF675" s="162"/>
      <c r="BG675" s="162"/>
      <c r="BH675" s="162"/>
      <c r="BI675" s="162"/>
      <c r="BJ675" s="162"/>
      <c r="BK675" s="162"/>
      <c r="BL675" s="162"/>
      <c r="BM675" s="162"/>
      <c r="BN675" s="162"/>
      <c r="BO675" s="162"/>
      <c r="BP675" s="162"/>
      <c r="BQ675" s="162"/>
      <c r="BR675" s="162"/>
      <c r="BS675" s="162"/>
      <c r="BT675" s="162"/>
      <c r="BU675" s="162"/>
      <c r="BV675" s="162"/>
      <c r="BW675" s="162"/>
      <c r="BX675" s="162"/>
      <c r="BY675" s="162"/>
      <c r="BZ675" s="162"/>
      <c r="CA675" s="162"/>
      <c r="CB675" s="162"/>
      <c r="CC675" s="162"/>
      <c r="CD675" s="162"/>
      <c r="CE675" s="162"/>
      <c r="CF675" s="162"/>
      <c r="CG675" s="162"/>
      <c r="CH675" s="162"/>
      <c r="CI675" s="162"/>
      <c r="CJ675" s="162"/>
      <c r="CK675" s="162"/>
      <c r="CX675" s="98"/>
      <c r="DL675" s="97"/>
      <c r="DX675" s="98"/>
      <c r="EL675" s="97"/>
      <c r="EX675" s="98"/>
      <c r="EY675" s="97"/>
      <c r="FL675" s="126"/>
      <c r="FM675" s="91"/>
      <c r="FN675" s="91"/>
      <c r="FO675" s="91"/>
      <c r="FP675" s="91"/>
      <c r="FQ675" s="91"/>
      <c r="FR675" s="91"/>
      <c r="FS675" s="91"/>
      <c r="FT675" s="91"/>
      <c r="FU675" s="91"/>
      <c r="FV675" s="91"/>
      <c r="FW675" s="91"/>
      <c r="FX675" s="91"/>
      <c r="FY675" s="91"/>
      <c r="FZ675" s="91"/>
      <c r="GA675" s="91"/>
      <c r="GB675" s="91"/>
      <c r="GC675" s="91"/>
      <c r="GD675" s="91"/>
      <c r="GE675" s="91"/>
      <c r="GF675" s="91"/>
      <c r="GG675" s="91"/>
      <c r="GH675" s="91"/>
      <c r="GI675" s="91"/>
      <c r="GJ675" s="91"/>
      <c r="GK675" s="127"/>
      <c r="GL675" s="126"/>
      <c r="GM675" s="91"/>
      <c r="GN675" s="91"/>
      <c r="GO675" s="91"/>
      <c r="GP675" s="91"/>
      <c r="GQ675" s="91"/>
      <c r="GR675" s="91"/>
      <c r="GS675" s="91"/>
      <c r="GT675" s="91"/>
      <c r="GU675" s="91"/>
      <c r="GV675" s="91"/>
      <c r="GW675" s="91"/>
      <c r="GX675" s="91"/>
      <c r="GY675" s="91"/>
      <c r="GZ675" s="91"/>
      <c r="HA675" s="91"/>
      <c r="HB675" s="91"/>
      <c r="HC675" s="91"/>
      <c r="HD675" s="91"/>
      <c r="HE675" s="91"/>
      <c r="HF675" s="91"/>
      <c r="HG675" s="91"/>
      <c r="HH675" s="91"/>
      <c r="HI675" s="91"/>
      <c r="HJ675" s="91"/>
      <c r="HK675" s="127"/>
      <c r="HL675" s="126"/>
      <c r="HM675" s="91"/>
      <c r="HN675" s="91"/>
      <c r="HO675" s="91"/>
      <c r="HP675" s="91"/>
      <c r="HQ675" s="91"/>
      <c r="HR675" s="91"/>
      <c r="HS675" s="91"/>
      <c r="HT675" s="91"/>
      <c r="HU675" s="91"/>
      <c r="HV675" s="91"/>
      <c r="HW675" s="91"/>
      <c r="HX675" s="91"/>
      <c r="HY675" s="91"/>
      <c r="HZ675" s="91"/>
      <c r="IA675" s="91"/>
      <c r="IB675" s="91"/>
      <c r="IC675" s="91"/>
      <c r="ID675" s="91"/>
      <c r="IE675" s="91"/>
      <c r="IF675" s="91"/>
      <c r="IG675" s="91"/>
      <c r="IH675" s="91"/>
      <c r="II675" s="91"/>
      <c r="IJ675" s="91"/>
      <c r="IK675" s="127"/>
    </row>
    <row r="676" spans="2:245" x14ac:dyDescent="0.2">
      <c r="B676" s="43"/>
      <c r="C676" s="73"/>
      <c r="D676" s="64"/>
      <c r="E676" s="64"/>
      <c r="F676" s="55"/>
      <c r="G676" s="102"/>
      <c r="H676" s="55"/>
      <c r="I676" s="55"/>
      <c r="J676" s="55"/>
      <c r="K676" s="55"/>
      <c r="L676" s="55"/>
      <c r="M676" s="55"/>
      <c r="N676" s="55"/>
      <c r="O676" s="55"/>
      <c r="P676" s="55"/>
      <c r="Q676" s="55"/>
      <c r="R676" s="55"/>
      <c r="S676" s="55"/>
      <c r="T676" s="55"/>
      <c r="U676" s="55"/>
      <c r="V676" s="55"/>
      <c r="W676" s="55"/>
      <c r="X676" s="55"/>
      <c r="Y676" s="55"/>
      <c r="Z676" s="55"/>
      <c r="AA676" s="55"/>
      <c r="AB676" s="55"/>
      <c r="AC676" s="55"/>
      <c r="AD676" s="55"/>
      <c r="AE676" s="55"/>
      <c r="AF676" s="55"/>
      <c r="AG676" s="55"/>
      <c r="AY676" s="162"/>
      <c r="AZ676" s="162"/>
      <c r="BA676" s="162"/>
      <c r="BB676" s="162"/>
      <c r="BC676" s="162"/>
      <c r="BD676" s="162"/>
      <c r="BE676" s="162"/>
      <c r="BF676" s="162"/>
      <c r="BG676" s="162"/>
      <c r="BH676" s="162"/>
      <c r="BI676" s="162"/>
      <c r="BJ676" s="162"/>
      <c r="BK676" s="162"/>
      <c r="BL676" s="162"/>
      <c r="BM676" s="162"/>
      <c r="BN676" s="162"/>
      <c r="BO676" s="162"/>
      <c r="BP676" s="162"/>
      <c r="BQ676" s="162"/>
      <c r="BR676" s="162"/>
      <c r="BS676" s="162"/>
      <c r="BT676" s="162"/>
      <c r="BU676" s="162"/>
      <c r="BV676" s="162"/>
      <c r="BW676" s="162"/>
      <c r="BX676" s="162"/>
      <c r="BY676" s="162"/>
      <c r="BZ676" s="162"/>
      <c r="CA676" s="162"/>
      <c r="CB676" s="162"/>
      <c r="CC676" s="162"/>
      <c r="CD676" s="162"/>
      <c r="CE676" s="162"/>
      <c r="CF676" s="162"/>
      <c r="CG676" s="162"/>
      <c r="CH676" s="162"/>
      <c r="CI676" s="162"/>
      <c r="CJ676" s="162"/>
      <c r="CK676" s="162"/>
      <c r="CX676" s="98"/>
      <c r="DL676" s="97"/>
      <c r="DX676" s="98"/>
      <c r="EL676" s="97"/>
      <c r="EX676" s="98"/>
      <c r="EY676" s="97"/>
      <c r="FL676" s="126"/>
      <c r="FM676" s="91"/>
      <c r="FN676" s="91"/>
      <c r="FO676" s="91"/>
      <c r="FP676" s="91"/>
      <c r="FQ676" s="91"/>
      <c r="FR676" s="91"/>
      <c r="FS676" s="91"/>
      <c r="FT676" s="91"/>
      <c r="FU676" s="91"/>
      <c r="FV676" s="91"/>
      <c r="FW676" s="91"/>
      <c r="FX676" s="91"/>
      <c r="FY676" s="91"/>
      <c r="FZ676" s="91"/>
      <c r="GA676" s="91"/>
      <c r="GB676" s="91"/>
      <c r="GC676" s="91"/>
      <c r="GD676" s="91"/>
      <c r="GE676" s="91"/>
      <c r="GF676" s="91"/>
      <c r="GG676" s="91"/>
      <c r="GH676" s="91"/>
      <c r="GI676" s="91"/>
      <c r="GJ676" s="91"/>
      <c r="GK676" s="127"/>
      <c r="GL676" s="126"/>
      <c r="GM676" s="91"/>
      <c r="GN676" s="91"/>
      <c r="GO676" s="91"/>
      <c r="GP676" s="91"/>
      <c r="GQ676" s="91"/>
      <c r="GR676" s="91"/>
      <c r="GS676" s="91"/>
      <c r="GT676" s="91"/>
      <c r="GU676" s="91"/>
      <c r="GV676" s="91"/>
      <c r="GW676" s="91"/>
      <c r="GX676" s="91"/>
      <c r="GY676" s="91"/>
      <c r="GZ676" s="91"/>
      <c r="HA676" s="91"/>
      <c r="HB676" s="91"/>
      <c r="HC676" s="91"/>
      <c r="HD676" s="91"/>
      <c r="HE676" s="91"/>
      <c r="HF676" s="91"/>
      <c r="HG676" s="91"/>
      <c r="HH676" s="91"/>
      <c r="HI676" s="91"/>
      <c r="HJ676" s="91"/>
      <c r="HK676" s="127"/>
      <c r="HL676" s="126"/>
      <c r="HM676" s="91"/>
      <c r="HN676" s="91"/>
      <c r="HO676" s="91"/>
      <c r="HP676" s="91"/>
      <c r="HQ676" s="91"/>
      <c r="HR676" s="91"/>
      <c r="HS676" s="91"/>
      <c r="HT676" s="91"/>
      <c r="HU676" s="91"/>
      <c r="HV676" s="91"/>
      <c r="HW676" s="91"/>
      <c r="HX676" s="91"/>
      <c r="HY676" s="91"/>
      <c r="HZ676" s="91"/>
      <c r="IA676" s="91"/>
      <c r="IB676" s="91"/>
      <c r="IC676" s="91"/>
      <c r="ID676" s="91"/>
      <c r="IE676" s="91"/>
      <c r="IF676" s="91"/>
      <c r="IG676" s="91"/>
      <c r="IH676" s="91"/>
      <c r="II676" s="91"/>
      <c r="IJ676" s="91"/>
      <c r="IK676" s="127"/>
    </row>
    <row r="677" spans="2:245" x14ac:dyDescent="0.2">
      <c r="B677" s="43"/>
      <c r="C677" s="73"/>
      <c r="D677" s="64"/>
      <c r="E677" s="64"/>
      <c r="F677" s="55"/>
      <c r="G677" s="102"/>
      <c r="H677" s="55"/>
      <c r="I677" s="55"/>
      <c r="J677" s="55"/>
      <c r="K677" s="55"/>
      <c r="L677" s="55"/>
      <c r="M677" s="55"/>
      <c r="N677" s="55"/>
      <c r="O677" s="55"/>
      <c r="P677" s="55"/>
      <c r="Q677" s="55"/>
      <c r="R677" s="55"/>
      <c r="S677" s="55"/>
      <c r="T677" s="55"/>
      <c r="U677" s="55"/>
      <c r="V677" s="55"/>
      <c r="W677" s="55"/>
      <c r="X677" s="55"/>
      <c r="Y677" s="55"/>
      <c r="Z677" s="55"/>
      <c r="AA677" s="55"/>
      <c r="AB677" s="55"/>
      <c r="AC677" s="55"/>
      <c r="AD677" s="55"/>
      <c r="AE677" s="55"/>
      <c r="AF677" s="55"/>
      <c r="AG677" s="55"/>
      <c r="AY677" s="162"/>
      <c r="AZ677" s="162"/>
      <c r="BA677" s="162"/>
      <c r="BB677" s="162"/>
      <c r="BC677" s="162"/>
      <c r="BD677" s="162"/>
      <c r="BE677" s="162"/>
      <c r="BF677" s="162"/>
      <c r="BG677" s="162"/>
      <c r="BH677" s="162"/>
      <c r="BI677" s="162"/>
      <c r="BJ677" s="162"/>
      <c r="BK677" s="162"/>
      <c r="BL677" s="162"/>
      <c r="BM677" s="162"/>
      <c r="BN677" s="162"/>
      <c r="BO677" s="162"/>
      <c r="BP677" s="162"/>
      <c r="BQ677" s="162"/>
      <c r="BR677" s="162"/>
      <c r="BS677" s="162"/>
      <c r="BT677" s="162"/>
      <c r="BU677" s="162"/>
      <c r="BV677" s="162"/>
      <c r="BW677" s="162"/>
      <c r="BX677" s="162"/>
      <c r="BY677" s="162"/>
      <c r="BZ677" s="162"/>
      <c r="CA677" s="162"/>
      <c r="CB677" s="162"/>
      <c r="CC677" s="162"/>
      <c r="CD677" s="162"/>
      <c r="CE677" s="162"/>
      <c r="CF677" s="162"/>
      <c r="CG677" s="162"/>
      <c r="CH677" s="162"/>
      <c r="CI677" s="162"/>
      <c r="CJ677" s="162"/>
      <c r="CK677" s="162"/>
      <c r="CX677" s="98"/>
      <c r="DL677" s="97"/>
      <c r="DX677" s="98"/>
      <c r="EL677" s="97"/>
      <c r="EX677" s="98"/>
      <c r="EY677" s="97"/>
      <c r="FL677" s="126"/>
      <c r="FM677" s="91"/>
      <c r="FN677" s="91"/>
      <c r="FO677" s="91"/>
      <c r="FP677" s="91"/>
      <c r="FQ677" s="91"/>
      <c r="FR677" s="91"/>
      <c r="FS677" s="91"/>
      <c r="FT677" s="91"/>
      <c r="FU677" s="91"/>
      <c r="FV677" s="91"/>
      <c r="FW677" s="91"/>
      <c r="FX677" s="91"/>
      <c r="FY677" s="91"/>
      <c r="FZ677" s="91"/>
      <c r="GA677" s="91"/>
      <c r="GB677" s="91"/>
      <c r="GC677" s="91"/>
      <c r="GD677" s="91"/>
      <c r="GE677" s="91"/>
      <c r="GF677" s="91"/>
      <c r="GG677" s="91"/>
      <c r="GH677" s="91"/>
      <c r="GI677" s="91"/>
      <c r="GJ677" s="91"/>
      <c r="GK677" s="127"/>
      <c r="GL677" s="126"/>
      <c r="GM677" s="91"/>
      <c r="GN677" s="91"/>
      <c r="GO677" s="91"/>
      <c r="GP677" s="91"/>
      <c r="GQ677" s="91"/>
      <c r="GR677" s="91"/>
      <c r="GS677" s="91"/>
      <c r="GT677" s="91"/>
      <c r="GU677" s="91"/>
      <c r="GV677" s="91"/>
      <c r="GW677" s="91"/>
      <c r="GX677" s="91"/>
      <c r="GY677" s="91"/>
      <c r="GZ677" s="91"/>
      <c r="HA677" s="91"/>
      <c r="HB677" s="91"/>
      <c r="HC677" s="91"/>
      <c r="HD677" s="91"/>
      <c r="HE677" s="91"/>
      <c r="HF677" s="91"/>
      <c r="HG677" s="91"/>
      <c r="HH677" s="91"/>
      <c r="HI677" s="91"/>
      <c r="HJ677" s="91"/>
      <c r="HK677" s="127"/>
      <c r="HL677" s="126"/>
      <c r="HM677" s="91"/>
      <c r="HN677" s="91"/>
      <c r="HO677" s="91"/>
      <c r="HP677" s="91"/>
      <c r="HQ677" s="91"/>
      <c r="HR677" s="91"/>
      <c r="HS677" s="91"/>
      <c r="HT677" s="91"/>
      <c r="HU677" s="91"/>
      <c r="HV677" s="91"/>
      <c r="HW677" s="91"/>
      <c r="HX677" s="91"/>
      <c r="HY677" s="91"/>
      <c r="HZ677" s="91"/>
      <c r="IA677" s="91"/>
      <c r="IB677" s="91"/>
      <c r="IC677" s="91"/>
      <c r="ID677" s="91"/>
      <c r="IE677" s="91"/>
      <c r="IF677" s="91"/>
      <c r="IG677" s="91"/>
      <c r="IH677" s="91"/>
      <c r="II677" s="91"/>
      <c r="IJ677" s="91"/>
      <c r="IK677" s="127"/>
    </row>
    <row r="678" spans="2:245" x14ac:dyDescent="0.2">
      <c r="B678" s="43"/>
      <c r="C678" s="73"/>
      <c r="D678" s="64"/>
      <c r="E678" s="64"/>
      <c r="F678" s="55"/>
      <c r="G678" s="102"/>
      <c r="H678" s="55"/>
      <c r="I678" s="55"/>
      <c r="J678" s="55"/>
      <c r="K678" s="55"/>
      <c r="L678" s="55"/>
      <c r="M678" s="55"/>
      <c r="N678" s="55"/>
      <c r="O678" s="55"/>
      <c r="P678" s="55"/>
      <c r="Q678" s="55"/>
      <c r="R678" s="55"/>
      <c r="S678" s="55"/>
      <c r="T678" s="55"/>
      <c r="U678" s="55"/>
      <c r="V678" s="55"/>
      <c r="W678" s="55"/>
      <c r="X678" s="55"/>
      <c r="Y678" s="55"/>
      <c r="Z678" s="55"/>
      <c r="AA678" s="55"/>
      <c r="AB678" s="55"/>
      <c r="AC678" s="55"/>
      <c r="AD678" s="55"/>
      <c r="AE678" s="55"/>
      <c r="AF678" s="55"/>
      <c r="AG678" s="55"/>
      <c r="AY678" s="162"/>
      <c r="AZ678" s="162"/>
      <c r="BA678" s="162"/>
      <c r="BB678" s="162"/>
      <c r="BC678" s="162"/>
      <c r="BD678" s="162"/>
      <c r="BE678" s="162"/>
      <c r="BF678" s="162"/>
      <c r="BG678" s="162"/>
      <c r="BH678" s="162"/>
      <c r="BI678" s="162"/>
      <c r="BJ678" s="162"/>
      <c r="BK678" s="162"/>
      <c r="BL678" s="162"/>
      <c r="BM678" s="162"/>
      <c r="BN678" s="162"/>
      <c r="BO678" s="162"/>
      <c r="BP678" s="162"/>
      <c r="BQ678" s="162"/>
      <c r="BR678" s="162"/>
      <c r="BS678" s="162"/>
      <c r="BT678" s="162"/>
      <c r="BU678" s="162"/>
      <c r="BV678" s="162"/>
      <c r="BW678" s="162"/>
      <c r="BX678" s="162"/>
      <c r="BY678" s="162"/>
      <c r="BZ678" s="162"/>
      <c r="CA678" s="162"/>
      <c r="CB678" s="162"/>
      <c r="CC678" s="162"/>
      <c r="CD678" s="162"/>
      <c r="CE678" s="162"/>
      <c r="CF678" s="162"/>
      <c r="CG678" s="162"/>
      <c r="CH678" s="162"/>
      <c r="CI678" s="162"/>
      <c r="CJ678" s="162"/>
      <c r="CK678" s="162"/>
      <c r="CX678" s="98"/>
      <c r="DL678" s="97"/>
      <c r="DX678" s="98"/>
      <c r="EL678" s="97"/>
      <c r="EX678" s="98"/>
      <c r="EY678" s="97"/>
      <c r="FL678" s="126"/>
      <c r="FM678" s="91"/>
      <c r="FN678" s="91"/>
      <c r="FO678" s="91"/>
      <c r="FP678" s="91"/>
      <c r="FQ678" s="91"/>
      <c r="FR678" s="91"/>
      <c r="FS678" s="91"/>
      <c r="FT678" s="91"/>
      <c r="FU678" s="91"/>
      <c r="FV678" s="91"/>
      <c r="FW678" s="91"/>
      <c r="FX678" s="91"/>
      <c r="FY678" s="91"/>
      <c r="FZ678" s="91"/>
      <c r="GA678" s="91"/>
      <c r="GB678" s="91"/>
      <c r="GC678" s="91"/>
      <c r="GD678" s="91"/>
      <c r="GE678" s="91"/>
      <c r="GF678" s="91"/>
      <c r="GG678" s="91"/>
      <c r="GH678" s="91"/>
      <c r="GI678" s="91"/>
      <c r="GJ678" s="91"/>
      <c r="GK678" s="127"/>
      <c r="GL678" s="126"/>
      <c r="GM678" s="91"/>
      <c r="GN678" s="91"/>
      <c r="GO678" s="91"/>
      <c r="GP678" s="91"/>
      <c r="GQ678" s="91"/>
      <c r="GR678" s="91"/>
      <c r="GS678" s="91"/>
      <c r="GT678" s="91"/>
      <c r="GU678" s="91"/>
      <c r="GV678" s="91"/>
      <c r="GW678" s="91"/>
      <c r="GX678" s="91"/>
      <c r="GY678" s="91"/>
      <c r="GZ678" s="91"/>
      <c r="HA678" s="91"/>
      <c r="HB678" s="91"/>
      <c r="HC678" s="91"/>
      <c r="HD678" s="91"/>
      <c r="HE678" s="91"/>
      <c r="HF678" s="91"/>
      <c r="HG678" s="91"/>
      <c r="HH678" s="91"/>
      <c r="HI678" s="91"/>
      <c r="HJ678" s="91"/>
      <c r="HK678" s="127"/>
      <c r="HL678" s="126"/>
      <c r="HM678" s="91"/>
      <c r="HN678" s="91"/>
      <c r="HO678" s="91"/>
      <c r="HP678" s="91"/>
      <c r="HQ678" s="91"/>
      <c r="HR678" s="91"/>
      <c r="HS678" s="91"/>
      <c r="HT678" s="91"/>
      <c r="HU678" s="91"/>
      <c r="HV678" s="91"/>
      <c r="HW678" s="91"/>
      <c r="HX678" s="91"/>
      <c r="HY678" s="91"/>
      <c r="HZ678" s="91"/>
      <c r="IA678" s="91"/>
      <c r="IB678" s="91"/>
      <c r="IC678" s="91"/>
      <c r="ID678" s="91"/>
      <c r="IE678" s="91"/>
      <c r="IF678" s="91"/>
      <c r="IG678" s="91"/>
      <c r="IH678" s="91"/>
      <c r="II678" s="91"/>
      <c r="IJ678" s="91"/>
      <c r="IK678" s="127"/>
    </row>
    <row r="679" spans="2:245" x14ac:dyDescent="0.2">
      <c r="B679" s="43"/>
      <c r="C679" s="73"/>
      <c r="D679" s="64"/>
      <c r="E679" s="64"/>
      <c r="F679" s="55"/>
      <c r="G679" s="102"/>
      <c r="H679" s="55"/>
      <c r="I679" s="55"/>
      <c r="J679" s="55"/>
      <c r="K679" s="55"/>
      <c r="L679" s="55"/>
      <c r="M679" s="55"/>
      <c r="N679" s="55"/>
      <c r="O679" s="55"/>
      <c r="P679" s="55"/>
      <c r="Q679" s="55"/>
      <c r="R679" s="55"/>
      <c r="S679" s="55"/>
      <c r="T679" s="55"/>
      <c r="U679" s="55"/>
      <c r="V679" s="55"/>
      <c r="W679" s="55"/>
      <c r="X679" s="55"/>
      <c r="Y679" s="55"/>
      <c r="Z679" s="55"/>
      <c r="AA679" s="55"/>
      <c r="AB679" s="55"/>
      <c r="AC679" s="55"/>
      <c r="AD679" s="55"/>
      <c r="AE679" s="55"/>
      <c r="AF679" s="55"/>
      <c r="AG679" s="55"/>
      <c r="AY679" s="162"/>
      <c r="AZ679" s="162"/>
      <c r="BA679" s="162"/>
      <c r="BB679" s="162"/>
      <c r="BC679" s="162"/>
      <c r="BD679" s="162"/>
      <c r="BE679" s="162"/>
      <c r="BF679" s="162"/>
      <c r="BG679" s="162"/>
      <c r="BH679" s="162"/>
      <c r="BI679" s="162"/>
      <c r="BJ679" s="162"/>
      <c r="BK679" s="162"/>
      <c r="BL679" s="162"/>
      <c r="BM679" s="162"/>
      <c r="BN679" s="162"/>
      <c r="BO679" s="162"/>
      <c r="BP679" s="162"/>
      <c r="BQ679" s="162"/>
      <c r="BR679" s="162"/>
      <c r="BS679" s="162"/>
      <c r="BT679" s="162"/>
      <c r="BU679" s="162"/>
      <c r="BV679" s="162"/>
      <c r="BW679" s="162"/>
      <c r="BX679" s="162"/>
      <c r="BY679" s="162"/>
      <c r="BZ679" s="162"/>
      <c r="CA679" s="162"/>
      <c r="CB679" s="162"/>
      <c r="CC679" s="162"/>
      <c r="CD679" s="162"/>
      <c r="CE679" s="162"/>
      <c r="CF679" s="162"/>
      <c r="CG679" s="162"/>
      <c r="CH679" s="162"/>
      <c r="CI679" s="162"/>
      <c r="CJ679" s="162"/>
      <c r="CK679" s="162"/>
      <c r="CX679" s="98"/>
      <c r="DL679" s="97"/>
      <c r="DX679" s="98"/>
      <c r="EL679" s="97"/>
      <c r="EX679" s="98"/>
      <c r="EY679" s="97"/>
      <c r="FL679" s="126"/>
      <c r="FM679" s="91"/>
      <c r="FN679" s="91"/>
      <c r="FO679" s="91"/>
      <c r="FP679" s="91"/>
      <c r="FQ679" s="91"/>
      <c r="FR679" s="91"/>
      <c r="FS679" s="91"/>
      <c r="FT679" s="91"/>
      <c r="FU679" s="91"/>
      <c r="FV679" s="91"/>
      <c r="FW679" s="91"/>
      <c r="FX679" s="91"/>
      <c r="FY679" s="91"/>
      <c r="FZ679" s="91"/>
      <c r="GA679" s="91"/>
      <c r="GB679" s="91"/>
      <c r="GC679" s="91"/>
      <c r="GD679" s="91"/>
      <c r="GE679" s="91"/>
      <c r="GF679" s="91"/>
      <c r="GG679" s="91"/>
      <c r="GH679" s="91"/>
      <c r="GI679" s="91"/>
      <c r="GJ679" s="91"/>
      <c r="GK679" s="127"/>
      <c r="GL679" s="126"/>
      <c r="GM679" s="91"/>
      <c r="GN679" s="91"/>
      <c r="GO679" s="91"/>
      <c r="GP679" s="91"/>
      <c r="GQ679" s="91"/>
      <c r="GR679" s="91"/>
      <c r="GS679" s="91"/>
      <c r="GT679" s="91"/>
      <c r="GU679" s="91"/>
      <c r="GV679" s="91"/>
      <c r="GW679" s="91"/>
      <c r="GX679" s="91"/>
      <c r="GY679" s="91"/>
      <c r="GZ679" s="91"/>
      <c r="HA679" s="91"/>
      <c r="HB679" s="91"/>
      <c r="HC679" s="91"/>
      <c r="HD679" s="91"/>
      <c r="HE679" s="91"/>
      <c r="HF679" s="91"/>
      <c r="HG679" s="91"/>
      <c r="HH679" s="91"/>
      <c r="HI679" s="91"/>
      <c r="HJ679" s="91"/>
      <c r="HK679" s="127"/>
      <c r="HL679" s="126"/>
      <c r="HM679" s="91"/>
      <c r="HN679" s="91"/>
      <c r="HO679" s="91"/>
      <c r="HP679" s="91"/>
      <c r="HQ679" s="91"/>
      <c r="HR679" s="91"/>
      <c r="HS679" s="91"/>
      <c r="HT679" s="91"/>
      <c r="HU679" s="91"/>
      <c r="HV679" s="91"/>
      <c r="HW679" s="91"/>
      <c r="HX679" s="91"/>
      <c r="HY679" s="91"/>
      <c r="HZ679" s="91"/>
      <c r="IA679" s="91"/>
      <c r="IB679" s="91"/>
      <c r="IC679" s="91"/>
      <c r="ID679" s="91"/>
      <c r="IE679" s="91"/>
      <c r="IF679" s="91"/>
      <c r="IG679" s="91"/>
      <c r="IH679" s="91"/>
      <c r="II679" s="91"/>
      <c r="IJ679" s="91"/>
      <c r="IK679" s="127"/>
    </row>
    <row r="680" spans="2:245" x14ac:dyDescent="0.2">
      <c r="B680" s="43"/>
      <c r="C680" s="73"/>
      <c r="D680" s="64"/>
      <c r="E680" s="64"/>
      <c r="F680" s="55"/>
      <c r="G680" s="102"/>
      <c r="H680" s="55"/>
      <c r="I680" s="55"/>
      <c r="J680" s="55"/>
      <c r="K680" s="55"/>
      <c r="L680" s="55"/>
      <c r="M680" s="55"/>
      <c r="N680" s="55"/>
      <c r="O680" s="55"/>
      <c r="P680" s="55"/>
      <c r="Q680" s="55"/>
      <c r="R680" s="55"/>
      <c r="S680" s="55"/>
      <c r="T680" s="55"/>
      <c r="U680" s="55"/>
      <c r="V680" s="55"/>
      <c r="W680" s="55"/>
      <c r="X680" s="55"/>
      <c r="Y680" s="55"/>
      <c r="Z680" s="55"/>
      <c r="AA680" s="55"/>
      <c r="AB680" s="55"/>
      <c r="AC680" s="55"/>
      <c r="AD680" s="55"/>
      <c r="AE680" s="55"/>
      <c r="AF680" s="55"/>
      <c r="AG680" s="55"/>
      <c r="AY680" s="162"/>
      <c r="AZ680" s="162"/>
      <c r="BA680" s="162"/>
      <c r="BB680" s="162"/>
      <c r="BC680" s="162"/>
      <c r="BD680" s="162"/>
      <c r="BE680" s="162"/>
      <c r="BF680" s="162"/>
      <c r="BG680" s="162"/>
      <c r="BH680" s="162"/>
      <c r="BI680" s="162"/>
      <c r="BJ680" s="162"/>
      <c r="BK680" s="162"/>
      <c r="BL680" s="162"/>
      <c r="BM680" s="162"/>
      <c r="BN680" s="162"/>
      <c r="BO680" s="162"/>
      <c r="BP680" s="162"/>
      <c r="BQ680" s="162"/>
      <c r="BR680" s="162"/>
      <c r="BS680" s="162"/>
      <c r="BT680" s="162"/>
      <c r="BU680" s="162"/>
      <c r="BV680" s="162"/>
      <c r="BW680" s="162"/>
      <c r="BX680" s="162"/>
      <c r="BY680" s="162"/>
      <c r="BZ680" s="162"/>
      <c r="CA680" s="162"/>
      <c r="CB680" s="162"/>
      <c r="CC680" s="162"/>
      <c r="CD680" s="162"/>
      <c r="CE680" s="162"/>
      <c r="CF680" s="162"/>
      <c r="CG680" s="162"/>
      <c r="CH680" s="162"/>
      <c r="CI680" s="162"/>
      <c r="CJ680" s="162"/>
      <c r="CK680" s="162"/>
      <c r="CX680" s="98"/>
      <c r="DL680" s="97"/>
      <c r="DX680" s="98"/>
      <c r="EL680" s="97"/>
      <c r="EX680" s="98"/>
      <c r="EY680" s="97"/>
      <c r="FL680" s="126"/>
      <c r="FM680" s="91"/>
      <c r="FN680" s="91"/>
      <c r="FO680" s="91"/>
      <c r="FP680" s="91"/>
      <c r="FQ680" s="91"/>
      <c r="FR680" s="91"/>
      <c r="FS680" s="91"/>
      <c r="FT680" s="91"/>
      <c r="FU680" s="91"/>
      <c r="FV680" s="91"/>
      <c r="FW680" s="91"/>
      <c r="FX680" s="91"/>
      <c r="FY680" s="91"/>
      <c r="FZ680" s="91"/>
      <c r="GA680" s="91"/>
      <c r="GB680" s="91"/>
      <c r="GC680" s="91"/>
      <c r="GD680" s="91"/>
      <c r="GE680" s="91"/>
      <c r="GF680" s="91"/>
      <c r="GG680" s="91"/>
      <c r="GH680" s="91"/>
      <c r="GI680" s="91"/>
      <c r="GJ680" s="91"/>
      <c r="GK680" s="127"/>
      <c r="GL680" s="126"/>
      <c r="GM680" s="91"/>
      <c r="GN680" s="91"/>
      <c r="GO680" s="91"/>
      <c r="GP680" s="91"/>
      <c r="GQ680" s="91"/>
      <c r="GR680" s="91"/>
      <c r="GS680" s="91"/>
      <c r="GT680" s="91"/>
      <c r="GU680" s="91"/>
      <c r="GV680" s="91"/>
      <c r="GW680" s="91"/>
      <c r="GX680" s="91"/>
      <c r="GY680" s="91"/>
      <c r="GZ680" s="91"/>
      <c r="HA680" s="91"/>
      <c r="HB680" s="91"/>
      <c r="HC680" s="91"/>
      <c r="HD680" s="91"/>
      <c r="HE680" s="91"/>
      <c r="HF680" s="91"/>
      <c r="HG680" s="91"/>
      <c r="HH680" s="91"/>
      <c r="HI680" s="91"/>
      <c r="HJ680" s="91"/>
      <c r="HK680" s="127"/>
      <c r="HL680" s="126"/>
      <c r="HM680" s="91"/>
      <c r="HN680" s="91"/>
      <c r="HO680" s="91"/>
      <c r="HP680" s="91"/>
      <c r="HQ680" s="91"/>
      <c r="HR680" s="91"/>
      <c r="HS680" s="91"/>
      <c r="HT680" s="91"/>
      <c r="HU680" s="91"/>
      <c r="HV680" s="91"/>
      <c r="HW680" s="91"/>
      <c r="HX680" s="91"/>
      <c r="HY680" s="91"/>
      <c r="HZ680" s="91"/>
      <c r="IA680" s="91"/>
      <c r="IB680" s="91"/>
      <c r="IC680" s="91"/>
      <c r="ID680" s="91"/>
      <c r="IE680" s="91"/>
      <c r="IF680" s="91"/>
      <c r="IG680" s="91"/>
      <c r="IH680" s="91"/>
      <c r="II680" s="91"/>
      <c r="IJ680" s="91"/>
      <c r="IK680" s="127"/>
    </row>
    <row r="681" spans="2:245" x14ac:dyDescent="0.2">
      <c r="B681" s="43"/>
      <c r="C681" s="73"/>
      <c r="D681" s="64"/>
      <c r="E681" s="64"/>
      <c r="F681" s="55"/>
      <c r="G681" s="102"/>
      <c r="H681" s="55"/>
      <c r="I681" s="55"/>
      <c r="J681" s="55"/>
      <c r="K681" s="55"/>
      <c r="L681" s="55"/>
      <c r="M681" s="55"/>
      <c r="N681" s="55"/>
      <c r="O681" s="55"/>
      <c r="P681" s="55"/>
      <c r="Q681" s="55"/>
      <c r="R681" s="55"/>
      <c r="S681" s="55"/>
      <c r="T681" s="55"/>
      <c r="U681" s="55"/>
      <c r="V681" s="55"/>
      <c r="W681" s="55"/>
      <c r="X681" s="55"/>
      <c r="Y681" s="55"/>
      <c r="Z681" s="55"/>
      <c r="AA681" s="55"/>
      <c r="AB681" s="55"/>
      <c r="AC681" s="55"/>
      <c r="AD681" s="55"/>
      <c r="AE681" s="55"/>
      <c r="AF681" s="55"/>
      <c r="AG681" s="55"/>
      <c r="AY681" s="162"/>
      <c r="AZ681" s="162"/>
      <c r="BA681" s="162"/>
      <c r="BB681" s="162"/>
      <c r="BC681" s="162"/>
      <c r="BD681" s="162"/>
      <c r="BE681" s="162"/>
      <c r="BF681" s="162"/>
      <c r="BG681" s="162"/>
      <c r="BH681" s="162"/>
      <c r="BI681" s="162"/>
      <c r="BJ681" s="162"/>
      <c r="BK681" s="162"/>
      <c r="BL681" s="162"/>
      <c r="BM681" s="162"/>
      <c r="BN681" s="162"/>
      <c r="BO681" s="162"/>
      <c r="BP681" s="162"/>
      <c r="BQ681" s="162"/>
      <c r="BR681" s="162"/>
      <c r="BS681" s="162"/>
      <c r="BT681" s="162"/>
      <c r="BU681" s="162"/>
      <c r="BV681" s="162"/>
      <c r="BW681" s="162"/>
      <c r="BX681" s="162"/>
      <c r="BY681" s="162"/>
      <c r="BZ681" s="162"/>
      <c r="CA681" s="162"/>
      <c r="CB681" s="162"/>
      <c r="CC681" s="162"/>
      <c r="CD681" s="162"/>
      <c r="CE681" s="162"/>
      <c r="CF681" s="162"/>
      <c r="CG681" s="162"/>
      <c r="CH681" s="162"/>
      <c r="CI681" s="162"/>
      <c r="CJ681" s="162"/>
      <c r="CK681" s="162"/>
      <c r="CX681" s="98"/>
      <c r="DL681" s="97"/>
      <c r="DX681" s="98"/>
      <c r="EL681" s="97"/>
      <c r="EX681" s="98"/>
      <c r="EY681" s="97"/>
      <c r="FL681" s="126"/>
      <c r="FM681" s="91"/>
      <c r="FN681" s="91"/>
      <c r="FO681" s="91"/>
      <c r="FP681" s="91"/>
      <c r="FQ681" s="91"/>
      <c r="FR681" s="91"/>
      <c r="FS681" s="91"/>
      <c r="FT681" s="91"/>
      <c r="FU681" s="91"/>
      <c r="FV681" s="91"/>
      <c r="FW681" s="91"/>
      <c r="FX681" s="91"/>
      <c r="FY681" s="91"/>
      <c r="FZ681" s="91"/>
      <c r="GA681" s="91"/>
      <c r="GB681" s="91"/>
      <c r="GC681" s="91"/>
      <c r="GD681" s="91"/>
      <c r="GE681" s="91"/>
      <c r="GF681" s="91"/>
      <c r="GG681" s="91"/>
      <c r="GH681" s="91"/>
      <c r="GI681" s="91"/>
      <c r="GJ681" s="91"/>
      <c r="GK681" s="127"/>
      <c r="GL681" s="126"/>
      <c r="GM681" s="91"/>
      <c r="GN681" s="91"/>
      <c r="GO681" s="91"/>
      <c r="GP681" s="91"/>
      <c r="GQ681" s="91"/>
      <c r="GR681" s="91"/>
      <c r="GS681" s="91"/>
      <c r="GT681" s="91"/>
      <c r="GU681" s="91"/>
      <c r="GV681" s="91"/>
      <c r="GW681" s="91"/>
      <c r="GX681" s="91"/>
      <c r="GY681" s="91"/>
      <c r="GZ681" s="91"/>
      <c r="HA681" s="91"/>
      <c r="HB681" s="91"/>
      <c r="HC681" s="91"/>
      <c r="HD681" s="91"/>
      <c r="HE681" s="91"/>
      <c r="HF681" s="91"/>
      <c r="HG681" s="91"/>
      <c r="HH681" s="91"/>
      <c r="HI681" s="91"/>
      <c r="HJ681" s="91"/>
      <c r="HK681" s="127"/>
      <c r="HL681" s="126"/>
      <c r="HM681" s="91"/>
      <c r="HN681" s="91"/>
      <c r="HO681" s="91"/>
      <c r="HP681" s="91"/>
      <c r="HQ681" s="91"/>
      <c r="HR681" s="91"/>
      <c r="HS681" s="91"/>
      <c r="HT681" s="91"/>
      <c r="HU681" s="91"/>
      <c r="HV681" s="91"/>
      <c r="HW681" s="91"/>
      <c r="HX681" s="91"/>
      <c r="HY681" s="91"/>
      <c r="HZ681" s="91"/>
      <c r="IA681" s="91"/>
      <c r="IB681" s="91"/>
      <c r="IC681" s="91"/>
      <c r="ID681" s="91"/>
      <c r="IE681" s="91"/>
      <c r="IF681" s="91"/>
      <c r="IG681" s="91"/>
      <c r="IH681" s="91"/>
      <c r="II681" s="91"/>
      <c r="IJ681" s="91"/>
      <c r="IK681" s="127"/>
    </row>
    <row r="682" spans="2:245" x14ac:dyDescent="0.2">
      <c r="B682" s="43"/>
      <c r="C682" s="73"/>
      <c r="D682" s="64"/>
      <c r="E682" s="64"/>
      <c r="F682" s="55"/>
      <c r="G682" s="102"/>
      <c r="H682" s="55"/>
      <c r="I682" s="55"/>
      <c r="J682" s="55"/>
      <c r="K682" s="55"/>
      <c r="L682" s="55"/>
      <c r="M682" s="55"/>
      <c r="N682" s="55"/>
      <c r="O682" s="55"/>
      <c r="P682" s="55"/>
      <c r="Q682" s="55"/>
      <c r="R682" s="55"/>
      <c r="S682" s="55"/>
      <c r="T682" s="55"/>
      <c r="U682" s="55"/>
      <c r="V682" s="55"/>
      <c r="W682" s="55"/>
      <c r="X682" s="55"/>
      <c r="Y682" s="55"/>
      <c r="Z682" s="55"/>
      <c r="AA682" s="55"/>
      <c r="AB682" s="55"/>
      <c r="AC682" s="55"/>
      <c r="AD682" s="55"/>
      <c r="AE682" s="55"/>
      <c r="AF682" s="55"/>
      <c r="AG682" s="55"/>
      <c r="AY682" s="162"/>
      <c r="AZ682" s="162"/>
      <c r="BA682" s="162"/>
      <c r="BB682" s="162"/>
      <c r="BC682" s="162"/>
      <c r="BD682" s="162"/>
      <c r="BE682" s="162"/>
      <c r="BF682" s="162"/>
      <c r="BG682" s="162"/>
      <c r="BH682" s="162"/>
      <c r="BI682" s="162"/>
      <c r="BJ682" s="162"/>
      <c r="BK682" s="162"/>
      <c r="BL682" s="162"/>
      <c r="BM682" s="162"/>
      <c r="BN682" s="162"/>
      <c r="BO682" s="162"/>
      <c r="BP682" s="162"/>
      <c r="BQ682" s="162"/>
      <c r="BR682" s="162"/>
      <c r="BS682" s="162"/>
      <c r="BT682" s="162"/>
      <c r="BU682" s="162"/>
      <c r="BV682" s="162"/>
      <c r="BW682" s="162"/>
      <c r="BX682" s="162"/>
      <c r="BY682" s="162"/>
      <c r="BZ682" s="162"/>
      <c r="CA682" s="162"/>
      <c r="CB682" s="162"/>
      <c r="CC682" s="162"/>
      <c r="CD682" s="162"/>
      <c r="CE682" s="162"/>
      <c r="CF682" s="162"/>
      <c r="CG682" s="162"/>
      <c r="CH682" s="162"/>
      <c r="CI682" s="162"/>
      <c r="CJ682" s="162"/>
      <c r="CK682" s="162"/>
      <c r="CX682" s="98"/>
      <c r="DL682" s="97"/>
      <c r="DX682" s="98"/>
      <c r="EL682" s="97"/>
      <c r="EX682" s="98"/>
      <c r="EY682" s="97"/>
      <c r="FL682" s="126"/>
      <c r="FM682" s="91"/>
      <c r="FN682" s="91"/>
      <c r="FO682" s="91"/>
      <c r="FP682" s="91"/>
      <c r="FQ682" s="91"/>
      <c r="FR682" s="91"/>
      <c r="FS682" s="91"/>
      <c r="FT682" s="91"/>
      <c r="FU682" s="91"/>
      <c r="FV682" s="91"/>
      <c r="FW682" s="91"/>
      <c r="FX682" s="91"/>
      <c r="FY682" s="91"/>
      <c r="FZ682" s="91"/>
      <c r="GA682" s="91"/>
      <c r="GB682" s="91"/>
      <c r="GC682" s="91"/>
      <c r="GD682" s="91"/>
      <c r="GE682" s="91"/>
      <c r="GF682" s="91"/>
      <c r="GG682" s="91"/>
      <c r="GH682" s="91"/>
      <c r="GI682" s="91"/>
      <c r="GJ682" s="91"/>
      <c r="GK682" s="127"/>
      <c r="GL682" s="126"/>
      <c r="GM682" s="91"/>
      <c r="GN682" s="91"/>
      <c r="GO682" s="91"/>
      <c r="GP682" s="91"/>
      <c r="GQ682" s="91"/>
      <c r="GR682" s="91"/>
      <c r="GS682" s="91"/>
      <c r="GT682" s="91"/>
      <c r="GU682" s="91"/>
      <c r="GV682" s="91"/>
      <c r="GW682" s="91"/>
      <c r="GX682" s="91"/>
      <c r="GY682" s="91"/>
      <c r="GZ682" s="91"/>
      <c r="HA682" s="91"/>
      <c r="HB682" s="91"/>
      <c r="HC682" s="91"/>
      <c r="HD682" s="91"/>
      <c r="HE682" s="91"/>
      <c r="HF682" s="91"/>
      <c r="HG682" s="91"/>
      <c r="HH682" s="91"/>
      <c r="HI682" s="91"/>
      <c r="HJ682" s="91"/>
      <c r="HK682" s="127"/>
      <c r="HL682" s="126"/>
      <c r="HM682" s="91"/>
      <c r="HN682" s="91"/>
      <c r="HO682" s="91"/>
      <c r="HP682" s="91"/>
      <c r="HQ682" s="91"/>
      <c r="HR682" s="91"/>
      <c r="HS682" s="91"/>
      <c r="HT682" s="91"/>
      <c r="HU682" s="91"/>
      <c r="HV682" s="91"/>
      <c r="HW682" s="91"/>
      <c r="HX682" s="91"/>
      <c r="HY682" s="91"/>
      <c r="HZ682" s="91"/>
      <c r="IA682" s="91"/>
      <c r="IB682" s="91"/>
      <c r="IC682" s="91"/>
      <c r="ID682" s="91"/>
      <c r="IE682" s="91"/>
      <c r="IF682" s="91"/>
      <c r="IG682" s="91"/>
      <c r="IH682" s="91"/>
      <c r="II682" s="91"/>
      <c r="IJ682" s="91"/>
      <c r="IK682" s="127"/>
    </row>
    <row r="683" spans="2:245" x14ac:dyDescent="0.2">
      <c r="B683" s="43"/>
      <c r="C683" s="73"/>
      <c r="D683" s="64"/>
      <c r="E683" s="64"/>
      <c r="F683" s="55"/>
      <c r="G683" s="102"/>
      <c r="H683" s="55"/>
      <c r="I683" s="55"/>
      <c r="J683" s="55"/>
      <c r="K683" s="55"/>
      <c r="L683" s="55"/>
      <c r="M683" s="55"/>
      <c r="N683" s="55"/>
      <c r="O683" s="55"/>
      <c r="P683" s="55"/>
      <c r="Q683" s="55"/>
      <c r="R683" s="55"/>
      <c r="S683" s="55"/>
      <c r="T683" s="55"/>
      <c r="U683" s="55"/>
      <c r="V683" s="55"/>
      <c r="W683" s="55"/>
      <c r="X683" s="55"/>
      <c r="Y683" s="55"/>
      <c r="Z683" s="55"/>
      <c r="AA683" s="55"/>
      <c r="AB683" s="55"/>
      <c r="AC683" s="55"/>
      <c r="AD683" s="55"/>
      <c r="AE683" s="55"/>
      <c r="AF683" s="55"/>
      <c r="AG683" s="55"/>
      <c r="AY683" s="162"/>
      <c r="AZ683" s="162"/>
      <c r="BA683" s="162"/>
      <c r="BB683" s="162"/>
      <c r="BC683" s="162"/>
      <c r="BD683" s="162"/>
      <c r="BE683" s="162"/>
      <c r="BF683" s="162"/>
      <c r="BG683" s="162"/>
      <c r="BH683" s="162"/>
      <c r="BI683" s="162"/>
      <c r="BJ683" s="162"/>
      <c r="BK683" s="162"/>
      <c r="BL683" s="162"/>
      <c r="BM683" s="162"/>
      <c r="BN683" s="162"/>
      <c r="BO683" s="162"/>
      <c r="BP683" s="162"/>
      <c r="BQ683" s="162"/>
      <c r="BR683" s="162"/>
      <c r="BS683" s="162"/>
      <c r="BT683" s="162"/>
      <c r="BU683" s="162"/>
      <c r="BV683" s="162"/>
      <c r="BW683" s="162"/>
      <c r="BX683" s="162"/>
      <c r="BY683" s="162"/>
      <c r="BZ683" s="162"/>
      <c r="CA683" s="162"/>
      <c r="CB683" s="162"/>
      <c r="CC683" s="162"/>
      <c r="CD683" s="162"/>
      <c r="CE683" s="162"/>
      <c r="CF683" s="162"/>
      <c r="CG683" s="162"/>
      <c r="CH683" s="162"/>
      <c r="CI683" s="162"/>
      <c r="CJ683" s="162"/>
      <c r="CK683" s="162"/>
      <c r="CX683" s="98"/>
      <c r="DL683" s="97"/>
      <c r="DX683" s="98"/>
      <c r="EL683" s="97"/>
      <c r="EX683" s="98"/>
      <c r="EY683" s="97"/>
      <c r="FL683" s="126"/>
      <c r="FM683" s="91"/>
      <c r="FN683" s="91"/>
      <c r="FO683" s="91"/>
      <c r="FP683" s="91"/>
      <c r="FQ683" s="91"/>
      <c r="FR683" s="91"/>
      <c r="FS683" s="91"/>
      <c r="FT683" s="91"/>
      <c r="FU683" s="91"/>
      <c r="FV683" s="91"/>
      <c r="FW683" s="91"/>
      <c r="FX683" s="91"/>
      <c r="FY683" s="91"/>
      <c r="FZ683" s="91"/>
      <c r="GA683" s="91"/>
      <c r="GB683" s="91"/>
      <c r="GC683" s="91"/>
      <c r="GD683" s="91"/>
      <c r="GE683" s="91"/>
      <c r="GF683" s="91"/>
      <c r="GG683" s="91"/>
      <c r="GH683" s="91"/>
      <c r="GI683" s="91"/>
      <c r="GJ683" s="91"/>
      <c r="GK683" s="127"/>
      <c r="GL683" s="126"/>
      <c r="GM683" s="91"/>
      <c r="GN683" s="91"/>
      <c r="GO683" s="91"/>
      <c r="GP683" s="91"/>
      <c r="GQ683" s="91"/>
      <c r="GR683" s="91"/>
      <c r="GS683" s="91"/>
      <c r="GT683" s="91"/>
      <c r="GU683" s="91"/>
      <c r="GV683" s="91"/>
      <c r="GW683" s="91"/>
      <c r="GX683" s="91"/>
      <c r="GY683" s="91"/>
      <c r="GZ683" s="91"/>
      <c r="HA683" s="91"/>
      <c r="HB683" s="91"/>
      <c r="HC683" s="91"/>
      <c r="HD683" s="91"/>
      <c r="HE683" s="91"/>
      <c r="HF683" s="91"/>
      <c r="HG683" s="91"/>
      <c r="HH683" s="91"/>
      <c r="HI683" s="91"/>
      <c r="HJ683" s="91"/>
      <c r="HK683" s="127"/>
      <c r="HL683" s="126"/>
      <c r="HM683" s="91"/>
      <c r="HN683" s="91"/>
      <c r="HO683" s="91"/>
      <c r="HP683" s="91"/>
      <c r="HQ683" s="91"/>
      <c r="HR683" s="91"/>
      <c r="HS683" s="91"/>
      <c r="HT683" s="91"/>
      <c r="HU683" s="91"/>
      <c r="HV683" s="91"/>
      <c r="HW683" s="91"/>
      <c r="HX683" s="91"/>
      <c r="HY683" s="91"/>
      <c r="HZ683" s="91"/>
      <c r="IA683" s="91"/>
      <c r="IB683" s="91"/>
      <c r="IC683" s="91"/>
      <c r="ID683" s="91"/>
      <c r="IE683" s="91"/>
      <c r="IF683" s="91"/>
      <c r="IG683" s="91"/>
      <c r="IH683" s="91"/>
      <c r="II683" s="91"/>
      <c r="IJ683" s="91"/>
      <c r="IK683" s="127"/>
    </row>
    <row r="684" spans="2:245" x14ac:dyDescent="0.2">
      <c r="B684" s="43"/>
      <c r="C684" s="73"/>
      <c r="D684" s="64"/>
      <c r="E684" s="64"/>
      <c r="F684" s="55"/>
      <c r="G684" s="102"/>
      <c r="H684" s="55"/>
      <c r="I684" s="55"/>
      <c r="J684" s="55"/>
      <c r="K684" s="55"/>
      <c r="L684" s="55"/>
      <c r="M684" s="55"/>
      <c r="N684" s="55"/>
      <c r="O684" s="55"/>
      <c r="P684" s="55"/>
      <c r="Q684" s="55"/>
      <c r="R684" s="55"/>
      <c r="S684" s="55"/>
      <c r="T684" s="55"/>
      <c r="U684" s="55"/>
      <c r="V684" s="55"/>
      <c r="W684" s="55"/>
      <c r="X684" s="55"/>
      <c r="Y684" s="55"/>
      <c r="Z684" s="55"/>
      <c r="AA684" s="55"/>
      <c r="AB684" s="55"/>
      <c r="AC684" s="55"/>
      <c r="AD684" s="55"/>
      <c r="AE684" s="55"/>
      <c r="AF684" s="55"/>
      <c r="AG684" s="55"/>
      <c r="AY684" s="162"/>
      <c r="AZ684" s="162"/>
      <c r="BA684" s="162"/>
      <c r="BB684" s="162"/>
      <c r="BC684" s="162"/>
      <c r="BD684" s="162"/>
      <c r="BE684" s="162"/>
      <c r="BF684" s="162"/>
      <c r="BG684" s="162"/>
      <c r="BH684" s="162"/>
      <c r="BI684" s="162"/>
      <c r="BJ684" s="162"/>
      <c r="BK684" s="162"/>
      <c r="BL684" s="162"/>
      <c r="BM684" s="162"/>
      <c r="BN684" s="162"/>
      <c r="BO684" s="162"/>
      <c r="BP684" s="162"/>
      <c r="BQ684" s="162"/>
      <c r="BR684" s="162"/>
      <c r="BS684" s="162"/>
      <c r="BT684" s="162"/>
      <c r="BU684" s="162"/>
      <c r="BV684" s="162"/>
      <c r="BW684" s="162"/>
      <c r="BX684" s="162"/>
      <c r="BY684" s="162"/>
      <c r="BZ684" s="162"/>
      <c r="CA684" s="162"/>
      <c r="CB684" s="162"/>
      <c r="CC684" s="162"/>
      <c r="CD684" s="162"/>
      <c r="CE684" s="162"/>
      <c r="CF684" s="162"/>
      <c r="CG684" s="162"/>
      <c r="CH684" s="162"/>
      <c r="CI684" s="162"/>
      <c r="CJ684" s="162"/>
      <c r="CK684" s="162"/>
      <c r="CX684" s="98"/>
      <c r="DL684" s="97"/>
      <c r="DX684" s="98"/>
      <c r="EL684" s="97"/>
      <c r="EX684" s="98"/>
      <c r="EY684" s="97"/>
      <c r="FL684" s="126"/>
      <c r="FM684" s="91"/>
      <c r="FN684" s="91"/>
      <c r="FO684" s="91"/>
      <c r="FP684" s="91"/>
      <c r="FQ684" s="91"/>
      <c r="FR684" s="91"/>
      <c r="FS684" s="91"/>
      <c r="FT684" s="91"/>
      <c r="FU684" s="91"/>
      <c r="FV684" s="91"/>
      <c r="FW684" s="91"/>
      <c r="FX684" s="91"/>
      <c r="FY684" s="91"/>
      <c r="FZ684" s="91"/>
      <c r="GA684" s="91"/>
      <c r="GB684" s="91"/>
      <c r="GC684" s="91"/>
      <c r="GD684" s="91"/>
      <c r="GE684" s="91"/>
      <c r="GF684" s="91"/>
      <c r="GG684" s="91"/>
      <c r="GH684" s="91"/>
      <c r="GI684" s="91"/>
      <c r="GJ684" s="91"/>
      <c r="GK684" s="127"/>
      <c r="GL684" s="126"/>
      <c r="GM684" s="91"/>
      <c r="GN684" s="91"/>
      <c r="GO684" s="91"/>
      <c r="GP684" s="91"/>
      <c r="GQ684" s="91"/>
      <c r="GR684" s="91"/>
      <c r="GS684" s="91"/>
      <c r="GT684" s="91"/>
      <c r="GU684" s="91"/>
      <c r="GV684" s="91"/>
      <c r="GW684" s="91"/>
      <c r="GX684" s="91"/>
      <c r="GY684" s="91"/>
      <c r="GZ684" s="91"/>
      <c r="HA684" s="91"/>
      <c r="HB684" s="91"/>
      <c r="HC684" s="91"/>
      <c r="HD684" s="91"/>
      <c r="HE684" s="91"/>
      <c r="HF684" s="91"/>
      <c r="HG684" s="91"/>
      <c r="HH684" s="91"/>
      <c r="HI684" s="91"/>
      <c r="HJ684" s="91"/>
      <c r="HK684" s="127"/>
      <c r="HL684" s="126"/>
      <c r="HM684" s="91"/>
      <c r="HN684" s="91"/>
      <c r="HO684" s="91"/>
      <c r="HP684" s="91"/>
      <c r="HQ684" s="91"/>
      <c r="HR684" s="91"/>
      <c r="HS684" s="91"/>
      <c r="HT684" s="91"/>
      <c r="HU684" s="91"/>
      <c r="HV684" s="91"/>
      <c r="HW684" s="91"/>
      <c r="HX684" s="91"/>
      <c r="HY684" s="91"/>
      <c r="HZ684" s="91"/>
      <c r="IA684" s="91"/>
      <c r="IB684" s="91"/>
      <c r="IC684" s="91"/>
      <c r="ID684" s="91"/>
      <c r="IE684" s="91"/>
      <c r="IF684" s="91"/>
      <c r="IG684" s="91"/>
      <c r="IH684" s="91"/>
      <c r="II684" s="91"/>
      <c r="IJ684" s="91"/>
      <c r="IK684" s="127"/>
    </row>
    <row r="685" spans="2:245" x14ac:dyDescent="0.2">
      <c r="B685" s="43"/>
      <c r="C685" s="73"/>
      <c r="D685" s="64"/>
      <c r="E685" s="64"/>
      <c r="F685" s="55"/>
      <c r="G685" s="102"/>
      <c r="H685" s="55"/>
      <c r="I685" s="55"/>
      <c r="J685" s="55"/>
      <c r="K685" s="55"/>
      <c r="L685" s="55"/>
      <c r="M685" s="55"/>
      <c r="N685" s="55"/>
      <c r="O685" s="55"/>
      <c r="P685" s="55"/>
      <c r="Q685" s="55"/>
      <c r="R685" s="55"/>
      <c r="S685" s="55"/>
      <c r="T685" s="55"/>
      <c r="U685" s="55"/>
      <c r="V685" s="55"/>
      <c r="W685" s="55"/>
      <c r="X685" s="55"/>
      <c r="Y685" s="55"/>
      <c r="Z685" s="55"/>
      <c r="AA685" s="55"/>
      <c r="AB685" s="55"/>
      <c r="AC685" s="55"/>
      <c r="AD685" s="55"/>
      <c r="AE685" s="55"/>
      <c r="AF685" s="55"/>
      <c r="AG685" s="55"/>
      <c r="AY685" s="162"/>
      <c r="AZ685" s="162"/>
      <c r="BA685" s="162"/>
      <c r="BB685" s="162"/>
      <c r="BC685" s="162"/>
      <c r="BD685" s="162"/>
      <c r="BE685" s="162"/>
      <c r="BF685" s="162"/>
      <c r="BG685" s="162"/>
      <c r="BH685" s="162"/>
      <c r="BI685" s="162"/>
      <c r="BJ685" s="162"/>
      <c r="BK685" s="162"/>
      <c r="BL685" s="162"/>
      <c r="BM685" s="162"/>
      <c r="BN685" s="162"/>
      <c r="BO685" s="162"/>
      <c r="BP685" s="162"/>
      <c r="BQ685" s="162"/>
      <c r="BR685" s="162"/>
      <c r="BS685" s="162"/>
      <c r="BT685" s="162"/>
      <c r="BU685" s="162"/>
      <c r="BV685" s="162"/>
      <c r="BW685" s="162"/>
      <c r="BX685" s="162"/>
      <c r="BY685" s="162"/>
      <c r="BZ685" s="162"/>
      <c r="CA685" s="162"/>
      <c r="CB685" s="162"/>
      <c r="CC685" s="162"/>
      <c r="CD685" s="162"/>
      <c r="CE685" s="162"/>
      <c r="CF685" s="162"/>
      <c r="CG685" s="162"/>
      <c r="CH685" s="162"/>
      <c r="CI685" s="162"/>
      <c r="CJ685" s="162"/>
      <c r="CK685" s="162"/>
      <c r="CX685" s="98"/>
      <c r="DL685" s="97"/>
      <c r="DX685" s="98"/>
      <c r="EL685" s="97"/>
      <c r="EX685" s="98"/>
      <c r="EY685" s="97"/>
      <c r="FL685" s="126"/>
      <c r="FM685" s="91"/>
      <c r="FN685" s="91"/>
      <c r="FO685" s="91"/>
      <c r="FP685" s="91"/>
      <c r="FQ685" s="91"/>
      <c r="FR685" s="91"/>
      <c r="FS685" s="91"/>
      <c r="FT685" s="91"/>
      <c r="FU685" s="91"/>
      <c r="FV685" s="91"/>
      <c r="FW685" s="91"/>
      <c r="FX685" s="91"/>
      <c r="FY685" s="91"/>
      <c r="FZ685" s="91"/>
      <c r="GA685" s="91"/>
      <c r="GB685" s="91"/>
      <c r="GC685" s="91"/>
      <c r="GD685" s="91"/>
      <c r="GE685" s="91"/>
      <c r="GF685" s="91"/>
      <c r="GG685" s="91"/>
      <c r="GH685" s="91"/>
      <c r="GI685" s="91"/>
      <c r="GJ685" s="91"/>
      <c r="GK685" s="127"/>
      <c r="GL685" s="126"/>
      <c r="GM685" s="91"/>
      <c r="GN685" s="91"/>
      <c r="GO685" s="91"/>
      <c r="GP685" s="91"/>
      <c r="GQ685" s="91"/>
      <c r="GR685" s="91"/>
      <c r="GS685" s="91"/>
      <c r="GT685" s="91"/>
      <c r="GU685" s="91"/>
      <c r="GV685" s="91"/>
      <c r="GW685" s="91"/>
      <c r="GX685" s="91"/>
      <c r="GY685" s="91"/>
      <c r="GZ685" s="91"/>
      <c r="HA685" s="91"/>
      <c r="HB685" s="91"/>
      <c r="HC685" s="91"/>
      <c r="HD685" s="91"/>
      <c r="HE685" s="91"/>
      <c r="HF685" s="91"/>
      <c r="HG685" s="91"/>
      <c r="HH685" s="91"/>
      <c r="HI685" s="91"/>
      <c r="HJ685" s="91"/>
      <c r="HK685" s="127"/>
      <c r="HL685" s="126"/>
      <c r="HM685" s="91"/>
      <c r="HN685" s="91"/>
      <c r="HO685" s="91"/>
      <c r="HP685" s="91"/>
      <c r="HQ685" s="91"/>
      <c r="HR685" s="91"/>
      <c r="HS685" s="91"/>
      <c r="HT685" s="91"/>
      <c r="HU685" s="91"/>
      <c r="HV685" s="91"/>
      <c r="HW685" s="91"/>
      <c r="HX685" s="91"/>
      <c r="HY685" s="91"/>
      <c r="HZ685" s="91"/>
      <c r="IA685" s="91"/>
      <c r="IB685" s="91"/>
      <c r="IC685" s="91"/>
      <c r="ID685" s="91"/>
      <c r="IE685" s="91"/>
      <c r="IF685" s="91"/>
      <c r="IG685" s="91"/>
      <c r="IH685" s="91"/>
      <c r="II685" s="91"/>
      <c r="IJ685" s="91"/>
      <c r="IK685" s="127"/>
    </row>
    <row r="686" spans="2:245" x14ac:dyDescent="0.2">
      <c r="B686" s="43"/>
      <c r="C686" s="73"/>
      <c r="D686" s="64"/>
      <c r="E686" s="64"/>
      <c r="F686" s="55"/>
      <c r="G686" s="102"/>
      <c r="H686" s="55"/>
      <c r="I686" s="55"/>
      <c r="J686" s="55"/>
      <c r="K686" s="55"/>
      <c r="L686" s="55"/>
      <c r="M686" s="55"/>
      <c r="N686" s="55"/>
      <c r="O686" s="55"/>
      <c r="P686" s="55"/>
      <c r="Q686" s="55"/>
      <c r="R686" s="55"/>
      <c r="S686" s="55"/>
      <c r="T686" s="55"/>
      <c r="U686" s="55"/>
      <c r="V686" s="55"/>
      <c r="W686" s="55"/>
      <c r="X686" s="55"/>
      <c r="Y686" s="55"/>
      <c r="Z686" s="55"/>
      <c r="AA686" s="55"/>
      <c r="AB686" s="55"/>
      <c r="AC686" s="55"/>
      <c r="AD686" s="55"/>
      <c r="AE686" s="55"/>
      <c r="AF686" s="55"/>
      <c r="AG686" s="55"/>
      <c r="AY686" s="162"/>
      <c r="AZ686" s="162"/>
      <c r="BA686" s="162"/>
      <c r="BB686" s="162"/>
      <c r="BC686" s="162"/>
      <c r="BD686" s="162"/>
      <c r="BE686" s="162"/>
      <c r="BF686" s="162"/>
      <c r="BG686" s="162"/>
      <c r="BH686" s="162"/>
      <c r="BI686" s="162"/>
      <c r="BJ686" s="162"/>
      <c r="BK686" s="162"/>
      <c r="BL686" s="162"/>
      <c r="BM686" s="162"/>
      <c r="BN686" s="162"/>
      <c r="BO686" s="162"/>
      <c r="BP686" s="162"/>
      <c r="BQ686" s="162"/>
      <c r="BR686" s="162"/>
      <c r="BS686" s="162"/>
      <c r="BT686" s="162"/>
      <c r="BU686" s="162"/>
      <c r="BV686" s="162"/>
      <c r="BW686" s="162"/>
      <c r="BX686" s="162"/>
      <c r="BY686" s="162"/>
      <c r="BZ686" s="162"/>
      <c r="CA686" s="162"/>
      <c r="CB686" s="162"/>
      <c r="CC686" s="162"/>
      <c r="CD686" s="162"/>
      <c r="CE686" s="162"/>
      <c r="CF686" s="162"/>
      <c r="CG686" s="162"/>
      <c r="CH686" s="162"/>
      <c r="CI686" s="162"/>
      <c r="CJ686" s="162"/>
      <c r="CK686" s="162"/>
      <c r="CX686" s="98"/>
      <c r="DL686" s="97"/>
      <c r="DX686" s="98"/>
      <c r="EL686" s="97"/>
      <c r="EX686" s="98"/>
      <c r="EY686" s="97"/>
      <c r="FL686" s="126"/>
      <c r="FM686" s="91"/>
      <c r="FN686" s="91"/>
      <c r="FO686" s="91"/>
      <c r="FP686" s="91"/>
      <c r="FQ686" s="91"/>
      <c r="FR686" s="91"/>
      <c r="FS686" s="91"/>
      <c r="FT686" s="91"/>
      <c r="FU686" s="91"/>
      <c r="FV686" s="91"/>
      <c r="FW686" s="91"/>
      <c r="FX686" s="91"/>
      <c r="FY686" s="91"/>
      <c r="FZ686" s="91"/>
      <c r="GA686" s="91"/>
      <c r="GB686" s="91"/>
      <c r="GC686" s="91"/>
      <c r="GD686" s="91"/>
      <c r="GE686" s="91"/>
      <c r="GF686" s="91"/>
      <c r="GG686" s="91"/>
      <c r="GH686" s="91"/>
      <c r="GI686" s="91"/>
      <c r="GJ686" s="91"/>
      <c r="GK686" s="127"/>
      <c r="GL686" s="126"/>
      <c r="GM686" s="91"/>
      <c r="GN686" s="91"/>
      <c r="GO686" s="91"/>
      <c r="GP686" s="91"/>
      <c r="GQ686" s="91"/>
      <c r="GR686" s="91"/>
      <c r="GS686" s="91"/>
      <c r="GT686" s="91"/>
      <c r="GU686" s="91"/>
      <c r="GV686" s="91"/>
      <c r="GW686" s="91"/>
      <c r="GX686" s="91"/>
      <c r="GY686" s="91"/>
      <c r="GZ686" s="91"/>
      <c r="HA686" s="91"/>
      <c r="HB686" s="91"/>
      <c r="HC686" s="91"/>
      <c r="HD686" s="91"/>
      <c r="HE686" s="91"/>
      <c r="HF686" s="91"/>
      <c r="HG686" s="91"/>
      <c r="HH686" s="91"/>
      <c r="HI686" s="91"/>
      <c r="HJ686" s="91"/>
      <c r="HK686" s="127"/>
      <c r="HL686" s="126"/>
      <c r="HM686" s="91"/>
      <c r="HN686" s="91"/>
      <c r="HO686" s="91"/>
      <c r="HP686" s="91"/>
      <c r="HQ686" s="91"/>
      <c r="HR686" s="91"/>
      <c r="HS686" s="91"/>
      <c r="HT686" s="91"/>
      <c r="HU686" s="91"/>
      <c r="HV686" s="91"/>
      <c r="HW686" s="91"/>
      <c r="HX686" s="91"/>
      <c r="HY686" s="91"/>
      <c r="HZ686" s="91"/>
      <c r="IA686" s="91"/>
      <c r="IB686" s="91"/>
      <c r="IC686" s="91"/>
      <c r="ID686" s="91"/>
      <c r="IE686" s="91"/>
      <c r="IF686" s="91"/>
      <c r="IG686" s="91"/>
      <c r="IH686" s="91"/>
      <c r="II686" s="91"/>
      <c r="IJ686" s="91"/>
      <c r="IK686" s="127"/>
    </row>
    <row r="687" spans="2:245" x14ac:dyDescent="0.2">
      <c r="B687" s="43"/>
      <c r="C687" s="73"/>
      <c r="D687" s="64"/>
      <c r="E687" s="64"/>
      <c r="F687" s="55"/>
      <c r="G687" s="102"/>
      <c r="H687" s="55"/>
      <c r="I687" s="55"/>
      <c r="J687" s="55"/>
      <c r="K687" s="55"/>
      <c r="L687" s="55"/>
      <c r="M687" s="55"/>
      <c r="N687" s="55"/>
      <c r="O687" s="55"/>
      <c r="P687" s="55"/>
      <c r="Q687" s="55"/>
      <c r="R687" s="55"/>
      <c r="S687" s="55"/>
      <c r="T687" s="55"/>
      <c r="U687" s="55"/>
      <c r="V687" s="55"/>
      <c r="W687" s="55"/>
      <c r="X687" s="55"/>
      <c r="Y687" s="55"/>
      <c r="Z687" s="55"/>
      <c r="AA687" s="55"/>
      <c r="AB687" s="55"/>
      <c r="AC687" s="55"/>
      <c r="AD687" s="55"/>
      <c r="AE687" s="55"/>
      <c r="AF687" s="55"/>
      <c r="AG687" s="55"/>
      <c r="AY687" s="162"/>
      <c r="AZ687" s="162"/>
      <c r="BA687" s="162"/>
      <c r="BB687" s="162"/>
      <c r="BC687" s="162"/>
      <c r="BD687" s="162"/>
      <c r="BE687" s="162"/>
      <c r="BF687" s="162"/>
      <c r="BG687" s="162"/>
      <c r="BH687" s="162"/>
      <c r="BI687" s="162"/>
      <c r="BJ687" s="162"/>
      <c r="BK687" s="162"/>
      <c r="BL687" s="162"/>
      <c r="BM687" s="162"/>
      <c r="BN687" s="162"/>
      <c r="BO687" s="162"/>
      <c r="BP687" s="162"/>
      <c r="BQ687" s="162"/>
      <c r="BR687" s="162"/>
      <c r="BS687" s="162"/>
      <c r="BT687" s="162"/>
      <c r="BU687" s="162"/>
      <c r="BV687" s="162"/>
      <c r="BW687" s="162"/>
      <c r="BX687" s="162"/>
      <c r="BY687" s="162"/>
      <c r="BZ687" s="162"/>
      <c r="CA687" s="162"/>
      <c r="CB687" s="162"/>
      <c r="CC687" s="162"/>
      <c r="CD687" s="162"/>
      <c r="CE687" s="162"/>
      <c r="CF687" s="162"/>
      <c r="CG687" s="162"/>
      <c r="CH687" s="162"/>
      <c r="CI687" s="162"/>
      <c r="CJ687" s="162"/>
      <c r="CK687" s="162"/>
      <c r="CX687" s="98"/>
      <c r="DL687" s="97"/>
      <c r="DX687" s="98"/>
      <c r="EL687" s="97"/>
      <c r="EX687" s="98"/>
      <c r="EY687" s="97"/>
      <c r="FL687" s="126"/>
      <c r="FM687" s="91"/>
      <c r="FN687" s="91"/>
      <c r="FO687" s="91"/>
      <c r="FP687" s="91"/>
      <c r="FQ687" s="91"/>
      <c r="FR687" s="91"/>
      <c r="FS687" s="91"/>
      <c r="FT687" s="91"/>
      <c r="FU687" s="91"/>
      <c r="FV687" s="91"/>
      <c r="FW687" s="91"/>
      <c r="FX687" s="91"/>
      <c r="FY687" s="91"/>
      <c r="FZ687" s="91"/>
      <c r="GA687" s="91"/>
      <c r="GB687" s="91"/>
      <c r="GC687" s="91"/>
      <c r="GD687" s="91"/>
      <c r="GE687" s="91"/>
      <c r="GF687" s="91"/>
      <c r="GG687" s="91"/>
      <c r="GH687" s="91"/>
      <c r="GI687" s="91"/>
      <c r="GJ687" s="91"/>
      <c r="GK687" s="127"/>
      <c r="GL687" s="126"/>
      <c r="GM687" s="91"/>
      <c r="GN687" s="91"/>
      <c r="GO687" s="91"/>
      <c r="GP687" s="91"/>
      <c r="GQ687" s="91"/>
      <c r="GR687" s="91"/>
      <c r="GS687" s="91"/>
      <c r="GT687" s="91"/>
      <c r="GU687" s="91"/>
      <c r="GV687" s="91"/>
      <c r="GW687" s="91"/>
      <c r="GX687" s="91"/>
      <c r="GY687" s="91"/>
      <c r="GZ687" s="91"/>
      <c r="HA687" s="91"/>
      <c r="HB687" s="91"/>
      <c r="HC687" s="91"/>
      <c r="HD687" s="91"/>
      <c r="HE687" s="91"/>
      <c r="HF687" s="91"/>
      <c r="HG687" s="91"/>
      <c r="HH687" s="91"/>
      <c r="HI687" s="91"/>
      <c r="HJ687" s="91"/>
      <c r="HK687" s="127"/>
      <c r="HL687" s="126"/>
      <c r="HM687" s="91"/>
      <c r="HN687" s="91"/>
      <c r="HO687" s="91"/>
      <c r="HP687" s="91"/>
      <c r="HQ687" s="91"/>
      <c r="HR687" s="91"/>
      <c r="HS687" s="91"/>
      <c r="HT687" s="91"/>
      <c r="HU687" s="91"/>
      <c r="HV687" s="91"/>
      <c r="HW687" s="91"/>
      <c r="HX687" s="91"/>
      <c r="HY687" s="91"/>
      <c r="HZ687" s="91"/>
      <c r="IA687" s="91"/>
      <c r="IB687" s="91"/>
      <c r="IC687" s="91"/>
      <c r="ID687" s="91"/>
      <c r="IE687" s="91"/>
      <c r="IF687" s="91"/>
      <c r="IG687" s="91"/>
      <c r="IH687" s="91"/>
      <c r="II687" s="91"/>
      <c r="IJ687" s="91"/>
      <c r="IK687" s="127"/>
    </row>
    <row r="688" spans="2:245" x14ac:dyDescent="0.2">
      <c r="B688" s="43"/>
      <c r="C688" s="73"/>
      <c r="D688" s="64"/>
      <c r="E688" s="64"/>
      <c r="F688" s="55"/>
      <c r="G688" s="102"/>
      <c r="H688" s="55"/>
      <c r="I688" s="55"/>
      <c r="J688" s="55"/>
      <c r="K688" s="55"/>
      <c r="L688" s="55"/>
      <c r="M688" s="55"/>
      <c r="N688" s="55"/>
      <c r="O688" s="55"/>
      <c r="P688" s="55"/>
      <c r="Q688" s="55"/>
      <c r="R688" s="55"/>
      <c r="S688" s="55"/>
      <c r="T688" s="55"/>
      <c r="U688" s="55"/>
      <c r="V688" s="55"/>
      <c r="W688" s="55"/>
      <c r="X688" s="55"/>
      <c r="Y688" s="55"/>
      <c r="Z688" s="55"/>
      <c r="AA688" s="55"/>
      <c r="AB688" s="55"/>
      <c r="AC688" s="55"/>
      <c r="AD688" s="55"/>
      <c r="AE688" s="55"/>
      <c r="AF688" s="55"/>
      <c r="AG688" s="55"/>
      <c r="AY688" s="162"/>
      <c r="AZ688" s="162"/>
      <c r="BA688" s="162"/>
      <c r="BB688" s="162"/>
      <c r="BC688" s="162"/>
      <c r="BD688" s="162"/>
      <c r="BE688" s="162"/>
      <c r="BF688" s="162"/>
      <c r="BG688" s="162"/>
      <c r="BH688" s="162"/>
      <c r="BI688" s="162"/>
      <c r="BJ688" s="162"/>
      <c r="BK688" s="162"/>
      <c r="BL688" s="162"/>
      <c r="BM688" s="162"/>
      <c r="BN688" s="162"/>
      <c r="BO688" s="162"/>
      <c r="BP688" s="162"/>
      <c r="BQ688" s="162"/>
      <c r="BR688" s="162"/>
      <c r="BS688" s="162"/>
      <c r="BT688" s="162"/>
      <c r="BU688" s="162"/>
      <c r="BV688" s="162"/>
      <c r="BW688" s="162"/>
      <c r="BX688" s="162"/>
      <c r="BY688" s="162"/>
      <c r="BZ688" s="162"/>
      <c r="CA688" s="162"/>
      <c r="CB688" s="162"/>
      <c r="CC688" s="162"/>
      <c r="CD688" s="162"/>
      <c r="CE688" s="162"/>
      <c r="CF688" s="162"/>
      <c r="CG688" s="162"/>
      <c r="CH688" s="162"/>
      <c r="CI688" s="162"/>
      <c r="CJ688" s="162"/>
      <c r="CK688" s="162"/>
      <c r="CX688" s="98"/>
      <c r="DL688" s="97"/>
      <c r="DX688" s="98"/>
      <c r="EL688" s="97"/>
      <c r="EX688" s="98"/>
      <c r="EY688" s="97"/>
      <c r="FL688" s="126"/>
      <c r="FM688" s="91"/>
      <c r="FN688" s="91"/>
      <c r="FO688" s="91"/>
      <c r="FP688" s="91"/>
      <c r="FQ688" s="91"/>
      <c r="FR688" s="91"/>
      <c r="FS688" s="91"/>
      <c r="FT688" s="91"/>
      <c r="FU688" s="91"/>
      <c r="FV688" s="91"/>
      <c r="FW688" s="91"/>
      <c r="FX688" s="91"/>
      <c r="FY688" s="91"/>
      <c r="FZ688" s="91"/>
      <c r="GA688" s="91"/>
      <c r="GB688" s="91"/>
      <c r="GC688" s="91"/>
      <c r="GD688" s="91"/>
      <c r="GE688" s="91"/>
      <c r="GF688" s="91"/>
      <c r="GG688" s="91"/>
      <c r="GH688" s="91"/>
      <c r="GI688" s="91"/>
      <c r="GJ688" s="91"/>
      <c r="GK688" s="127"/>
      <c r="GL688" s="126"/>
      <c r="GM688" s="91"/>
      <c r="GN688" s="91"/>
      <c r="GO688" s="91"/>
      <c r="GP688" s="91"/>
      <c r="GQ688" s="91"/>
      <c r="GR688" s="91"/>
      <c r="GS688" s="91"/>
      <c r="GT688" s="91"/>
      <c r="GU688" s="91"/>
      <c r="GV688" s="91"/>
      <c r="GW688" s="91"/>
      <c r="GX688" s="91"/>
      <c r="GY688" s="91"/>
      <c r="GZ688" s="91"/>
      <c r="HA688" s="91"/>
      <c r="HB688" s="91"/>
      <c r="HC688" s="91"/>
      <c r="HD688" s="91"/>
      <c r="HE688" s="91"/>
      <c r="HF688" s="91"/>
      <c r="HG688" s="91"/>
      <c r="HH688" s="91"/>
      <c r="HI688" s="91"/>
      <c r="HJ688" s="91"/>
      <c r="HK688" s="127"/>
      <c r="HL688" s="126"/>
      <c r="HM688" s="91"/>
      <c r="HN688" s="91"/>
      <c r="HO688" s="91"/>
      <c r="HP688" s="91"/>
      <c r="HQ688" s="91"/>
      <c r="HR688" s="91"/>
      <c r="HS688" s="91"/>
      <c r="HT688" s="91"/>
      <c r="HU688" s="91"/>
      <c r="HV688" s="91"/>
      <c r="HW688" s="91"/>
      <c r="HX688" s="91"/>
      <c r="HY688" s="91"/>
      <c r="HZ688" s="91"/>
      <c r="IA688" s="91"/>
      <c r="IB688" s="91"/>
      <c r="IC688" s="91"/>
      <c r="ID688" s="91"/>
      <c r="IE688" s="91"/>
      <c r="IF688" s="91"/>
      <c r="IG688" s="91"/>
      <c r="IH688" s="91"/>
      <c r="II688" s="91"/>
      <c r="IJ688" s="91"/>
      <c r="IK688" s="127"/>
    </row>
    <row r="689" spans="2:245" x14ac:dyDescent="0.2">
      <c r="B689" s="43"/>
      <c r="C689" s="73"/>
      <c r="D689" s="64"/>
      <c r="E689" s="64"/>
      <c r="F689" s="55"/>
      <c r="G689" s="102"/>
      <c r="H689" s="55"/>
      <c r="I689" s="55"/>
      <c r="J689" s="55"/>
      <c r="K689" s="55"/>
      <c r="L689" s="55"/>
      <c r="M689" s="55"/>
      <c r="N689" s="55"/>
      <c r="O689" s="55"/>
      <c r="P689" s="55"/>
      <c r="Q689" s="55"/>
      <c r="R689" s="55"/>
      <c r="S689" s="55"/>
      <c r="T689" s="55"/>
      <c r="U689" s="55"/>
      <c r="V689" s="55"/>
      <c r="W689" s="55"/>
      <c r="X689" s="55"/>
      <c r="Y689" s="55"/>
      <c r="Z689" s="55"/>
      <c r="AA689" s="55"/>
      <c r="AB689" s="55"/>
      <c r="AC689" s="55"/>
      <c r="AD689" s="55"/>
      <c r="AE689" s="55"/>
      <c r="AF689" s="55"/>
      <c r="AG689" s="55"/>
      <c r="AY689" s="162"/>
      <c r="AZ689" s="162"/>
      <c r="BA689" s="162"/>
      <c r="BB689" s="162"/>
      <c r="BC689" s="162"/>
      <c r="BD689" s="162"/>
      <c r="BE689" s="162"/>
      <c r="BF689" s="162"/>
      <c r="BG689" s="162"/>
      <c r="BH689" s="162"/>
      <c r="BI689" s="162"/>
      <c r="BJ689" s="162"/>
      <c r="BK689" s="162"/>
      <c r="BL689" s="162"/>
      <c r="BM689" s="162"/>
      <c r="BN689" s="162"/>
      <c r="BO689" s="162"/>
      <c r="BP689" s="162"/>
      <c r="BQ689" s="162"/>
      <c r="BR689" s="162"/>
      <c r="BS689" s="162"/>
      <c r="BT689" s="162"/>
      <c r="BU689" s="162"/>
      <c r="BV689" s="162"/>
      <c r="BW689" s="162"/>
      <c r="BX689" s="162"/>
      <c r="BY689" s="162"/>
      <c r="BZ689" s="162"/>
      <c r="CA689" s="162"/>
      <c r="CB689" s="162"/>
      <c r="CC689" s="162"/>
      <c r="CD689" s="162"/>
      <c r="CE689" s="162"/>
      <c r="CF689" s="162"/>
      <c r="CG689" s="162"/>
      <c r="CH689" s="162"/>
      <c r="CI689" s="162"/>
      <c r="CJ689" s="162"/>
      <c r="CK689" s="162"/>
      <c r="CX689" s="98"/>
      <c r="DL689" s="97"/>
      <c r="DX689" s="98"/>
      <c r="EL689" s="97"/>
      <c r="EX689" s="98"/>
      <c r="EY689" s="97"/>
      <c r="FL689" s="126"/>
      <c r="FM689" s="91"/>
      <c r="FN689" s="91"/>
      <c r="FO689" s="91"/>
      <c r="FP689" s="91"/>
      <c r="FQ689" s="91"/>
      <c r="FR689" s="91"/>
      <c r="FS689" s="91"/>
      <c r="FT689" s="91"/>
      <c r="FU689" s="91"/>
      <c r="FV689" s="91"/>
      <c r="FW689" s="91"/>
      <c r="FX689" s="91"/>
      <c r="FY689" s="91"/>
      <c r="FZ689" s="91"/>
      <c r="GA689" s="91"/>
      <c r="GB689" s="91"/>
      <c r="GC689" s="91"/>
      <c r="GD689" s="91"/>
      <c r="GE689" s="91"/>
      <c r="GF689" s="91"/>
      <c r="GG689" s="91"/>
      <c r="GH689" s="91"/>
      <c r="GI689" s="91"/>
      <c r="GJ689" s="91"/>
      <c r="GK689" s="127"/>
      <c r="GL689" s="126"/>
      <c r="GM689" s="91"/>
      <c r="GN689" s="91"/>
      <c r="GO689" s="91"/>
      <c r="GP689" s="91"/>
      <c r="GQ689" s="91"/>
      <c r="GR689" s="91"/>
      <c r="GS689" s="91"/>
      <c r="GT689" s="91"/>
      <c r="GU689" s="91"/>
      <c r="GV689" s="91"/>
      <c r="GW689" s="91"/>
      <c r="GX689" s="91"/>
      <c r="GY689" s="91"/>
      <c r="GZ689" s="91"/>
      <c r="HA689" s="91"/>
      <c r="HB689" s="91"/>
      <c r="HC689" s="91"/>
      <c r="HD689" s="91"/>
      <c r="HE689" s="91"/>
      <c r="HF689" s="91"/>
      <c r="HG689" s="91"/>
      <c r="HH689" s="91"/>
      <c r="HI689" s="91"/>
      <c r="HJ689" s="91"/>
      <c r="HK689" s="127"/>
      <c r="HL689" s="126"/>
      <c r="HM689" s="91"/>
      <c r="HN689" s="91"/>
      <c r="HO689" s="91"/>
      <c r="HP689" s="91"/>
      <c r="HQ689" s="91"/>
      <c r="HR689" s="91"/>
      <c r="HS689" s="91"/>
      <c r="HT689" s="91"/>
      <c r="HU689" s="91"/>
      <c r="HV689" s="91"/>
      <c r="HW689" s="91"/>
      <c r="HX689" s="91"/>
      <c r="HY689" s="91"/>
      <c r="HZ689" s="91"/>
      <c r="IA689" s="91"/>
      <c r="IB689" s="91"/>
      <c r="IC689" s="91"/>
      <c r="ID689" s="91"/>
      <c r="IE689" s="91"/>
      <c r="IF689" s="91"/>
      <c r="IG689" s="91"/>
      <c r="IH689" s="91"/>
      <c r="II689" s="91"/>
      <c r="IJ689" s="91"/>
      <c r="IK689" s="127"/>
    </row>
    <row r="690" spans="2:245" x14ac:dyDescent="0.2">
      <c r="B690" s="43"/>
      <c r="C690" s="73"/>
      <c r="D690" s="64"/>
      <c r="E690" s="64"/>
      <c r="F690" s="55"/>
      <c r="G690" s="102"/>
      <c r="H690" s="55"/>
      <c r="I690" s="55"/>
      <c r="J690" s="55"/>
      <c r="K690" s="55"/>
      <c r="L690" s="55"/>
      <c r="M690" s="55"/>
      <c r="N690" s="55"/>
      <c r="O690" s="55"/>
      <c r="P690" s="55"/>
      <c r="Q690" s="55"/>
      <c r="R690" s="55"/>
      <c r="S690" s="55"/>
      <c r="T690" s="55"/>
      <c r="U690" s="55"/>
      <c r="V690" s="55"/>
      <c r="W690" s="55"/>
      <c r="X690" s="55"/>
      <c r="Y690" s="55"/>
      <c r="Z690" s="55"/>
      <c r="AA690" s="55"/>
      <c r="AB690" s="55"/>
      <c r="AC690" s="55"/>
      <c r="AD690" s="55"/>
      <c r="AE690" s="55"/>
      <c r="AF690" s="55"/>
      <c r="AG690" s="55"/>
      <c r="AY690" s="162"/>
      <c r="AZ690" s="162"/>
      <c r="BA690" s="162"/>
      <c r="BB690" s="162"/>
      <c r="BC690" s="162"/>
      <c r="BD690" s="162"/>
      <c r="BE690" s="162"/>
      <c r="BF690" s="162"/>
      <c r="BG690" s="162"/>
      <c r="BH690" s="162"/>
      <c r="BI690" s="162"/>
      <c r="BJ690" s="162"/>
      <c r="BK690" s="162"/>
      <c r="BL690" s="162"/>
      <c r="BM690" s="162"/>
      <c r="BN690" s="162"/>
      <c r="BO690" s="162"/>
      <c r="BP690" s="162"/>
      <c r="BQ690" s="162"/>
      <c r="BR690" s="162"/>
      <c r="BS690" s="162"/>
      <c r="BT690" s="162"/>
      <c r="BU690" s="162"/>
      <c r="BV690" s="162"/>
      <c r="BW690" s="162"/>
      <c r="BX690" s="162"/>
      <c r="BY690" s="162"/>
      <c r="BZ690" s="162"/>
      <c r="CA690" s="162"/>
      <c r="CB690" s="162"/>
      <c r="CC690" s="162"/>
      <c r="CD690" s="162"/>
      <c r="CE690" s="162"/>
      <c r="CF690" s="162"/>
      <c r="CG690" s="162"/>
      <c r="CH690" s="162"/>
      <c r="CI690" s="162"/>
      <c r="CJ690" s="162"/>
      <c r="CK690" s="162"/>
      <c r="CX690" s="98"/>
      <c r="DL690" s="97"/>
      <c r="DX690" s="98"/>
      <c r="EL690" s="97"/>
      <c r="EX690" s="98"/>
      <c r="EY690" s="97"/>
      <c r="FL690" s="126"/>
      <c r="FM690" s="91"/>
      <c r="FN690" s="91"/>
      <c r="FO690" s="91"/>
      <c r="FP690" s="91"/>
      <c r="FQ690" s="91"/>
      <c r="FR690" s="91"/>
      <c r="FS690" s="91"/>
      <c r="FT690" s="91"/>
      <c r="FU690" s="91"/>
      <c r="FV690" s="91"/>
      <c r="FW690" s="91"/>
      <c r="FX690" s="91"/>
      <c r="FY690" s="91"/>
      <c r="FZ690" s="91"/>
      <c r="GA690" s="91"/>
      <c r="GB690" s="91"/>
      <c r="GC690" s="91"/>
      <c r="GD690" s="91"/>
      <c r="GE690" s="91"/>
      <c r="GF690" s="91"/>
      <c r="GG690" s="91"/>
      <c r="GH690" s="91"/>
      <c r="GI690" s="91"/>
      <c r="GJ690" s="91"/>
      <c r="GK690" s="127"/>
      <c r="GL690" s="126"/>
      <c r="GM690" s="91"/>
      <c r="GN690" s="91"/>
      <c r="GO690" s="91"/>
      <c r="GP690" s="91"/>
      <c r="GQ690" s="91"/>
      <c r="GR690" s="91"/>
      <c r="GS690" s="91"/>
      <c r="GT690" s="91"/>
      <c r="GU690" s="91"/>
      <c r="GV690" s="91"/>
      <c r="GW690" s="91"/>
      <c r="GX690" s="91"/>
      <c r="GY690" s="91"/>
      <c r="GZ690" s="91"/>
      <c r="HA690" s="91"/>
      <c r="HB690" s="91"/>
      <c r="HC690" s="91"/>
      <c r="HD690" s="91"/>
      <c r="HE690" s="91"/>
      <c r="HF690" s="91"/>
      <c r="HG690" s="91"/>
      <c r="HH690" s="91"/>
      <c r="HI690" s="91"/>
      <c r="HJ690" s="91"/>
      <c r="HK690" s="127"/>
      <c r="HL690" s="126"/>
      <c r="HM690" s="91"/>
      <c r="HN690" s="91"/>
      <c r="HO690" s="91"/>
      <c r="HP690" s="91"/>
      <c r="HQ690" s="91"/>
      <c r="HR690" s="91"/>
      <c r="HS690" s="91"/>
      <c r="HT690" s="91"/>
      <c r="HU690" s="91"/>
      <c r="HV690" s="91"/>
      <c r="HW690" s="91"/>
      <c r="HX690" s="91"/>
      <c r="HY690" s="91"/>
      <c r="HZ690" s="91"/>
      <c r="IA690" s="91"/>
      <c r="IB690" s="91"/>
      <c r="IC690" s="91"/>
      <c r="ID690" s="91"/>
      <c r="IE690" s="91"/>
      <c r="IF690" s="91"/>
      <c r="IG690" s="91"/>
      <c r="IH690" s="91"/>
      <c r="II690" s="91"/>
      <c r="IJ690" s="91"/>
      <c r="IK690" s="127"/>
    </row>
    <row r="691" spans="2:245" x14ac:dyDescent="0.2">
      <c r="B691" s="43"/>
      <c r="C691" s="73"/>
      <c r="D691" s="64"/>
      <c r="E691" s="64"/>
      <c r="F691" s="55"/>
      <c r="G691" s="102"/>
      <c r="H691" s="55"/>
      <c r="I691" s="55"/>
      <c r="J691" s="55"/>
      <c r="K691" s="55"/>
      <c r="L691" s="55"/>
      <c r="M691" s="55"/>
      <c r="N691" s="55"/>
      <c r="O691" s="55"/>
      <c r="P691" s="55"/>
      <c r="Q691" s="55"/>
      <c r="R691" s="55"/>
      <c r="S691" s="55"/>
      <c r="T691" s="55"/>
      <c r="U691" s="55"/>
      <c r="V691" s="55"/>
      <c r="W691" s="55"/>
      <c r="X691" s="55"/>
      <c r="Y691" s="55"/>
      <c r="Z691" s="55"/>
      <c r="AA691" s="55"/>
      <c r="AB691" s="55"/>
      <c r="AC691" s="55"/>
      <c r="AD691" s="55"/>
      <c r="AE691" s="55"/>
      <c r="AF691" s="55"/>
      <c r="AG691" s="55"/>
      <c r="AY691" s="162"/>
      <c r="AZ691" s="162"/>
      <c r="BA691" s="162"/>
      <c r="BB691" s="162"/>
      <c r="BC691" s="162"/>
      <c r="BD691" s="162"/>
      <c r="BE691" s="162"/>
      <c r="BF691" s="162"/>
      <c r="BG691" s="162"/>
      <c r="BH691" s="162"/>
      <c r="BI691" s="162"/>
      <c r="BJ691" s="162"/>
      <c r="BK691" s="162"/>
      <c r="BL691" s="162"/>
      <c r="BM691" s="162"/>
      <c r="BN691" s="162"/>
      <c r="BO691" s="162"/>
      <c r="BP691" s="162"/>
      <c r="BQ691" s="162"/>
      <c r="BR691" s="162"/>
      <c r="BS691" s="162"/>
      <c r="BT691" s="162"/>
      <c r="BU691" s="162"/>
      <c r="BV691" s="162"/>
      <c r="BW691" s="162"/>
      <c r="BX691" s="162"/>
      <c r="BY691" s="162"/>
      <c r="BZ691" s="162"/>
      <c r="CA691" s="162"/>
      <c r="CB691" s="162"/>
      <c r="CC691" s="162"/>
      <c r="CD691" s="162"/>
      <c r="CE691" s="162"/>
      <c r="CF691" s="162"/>
      <c r="CG691" s="162"/>
      <c r="CH691" s="162"/>
      <c r="CI691" s="162"/>
      <c r="CJ691" s="162"/>
      <c r="CK691" s="162"/>
      <c r="CX691" s="98"/>
      <c r="DL691" s="97"/>
      <c r="DX691" s="98"/>
      <c r="EL691" s="97"/>
      <c r="EX691" s="98"/>
      <c r="EY691" s="97"/>
      <c r="FL691" s="126"/>
      <c r="FM691" s="91"/>
      <c r="FN691" s="91"/>
      <c r="FO691" s="91"/>
      <c r="FP691" s="91"/>
      <c r="FQ691" s="91"/>
      <c r="FR691" s="91"/>
      <c r="FS691" s="91"/>
      <c r="FT691" s="91"/>
      <c r="FU691" s="91"/>
      <c r="FV691" s="91"/>
      <c r="FW691" s="91"/>
      <c r="FX691" s="91"/>
      <c r="FY691" s="91"/>
      <c r="FZ691" s="91"/>
      <c r="GA691" s="91"/>
      <c r="GB691" s="91"/>
      <c r="GC691" s="91"/>
      <c r="GD691" s="91"/>
      <c r="GE691" s="91"/>
      <c r="GF691" s="91"/>
      <c r="GG691" s="91"/>
      <c r="GH691" s="91"/>
      <c r="GI691" s="91"/>
      <c r="GJ691" s="91"/>
      <c r="GK691" s="127"/>
      <c r="GL691" s="126"/>
      <c r="GM691" s="91"/>
      <c r="GN691" s="91"/>
      <c r="GO691" s="91"/>
      <c r="GP691" s="91"/>
      <c r="GQ691" s="91"/>
      <c r="GR691" s="91"/>
      <c r="GS691" s="91"/>
      <c r="GT691" s="91"/>
      <c r="GU691" s="91"/>
      <c r="GV691" s="91"/>
      <c r="GW691" s="91"/>
      <c r="GX691" s="91"/>
      <c r="GY691" s="91"/>
      <c r="GZ691" s="91"/>
      <c r="HA691" s="91"/>
      <c r="HB691" s="91"/>
      <c r="HC691" s="91"/>
      <c r="HD691" s="91"/>
      <c r="HE691" s="91"/>
      <c r="HF691" s="91"/>
      <c r="HG691" s="91"/>
      <c r="HH691" s="91"/>
      <c r="HI691" s="91"/>
      <c r="HJ691" s="91"/>
      <c r="HK691" s="127"/>
      <c r="HL691" s="126"/>
      <c r="HM691" s="91"/>
      <c r="HN691" s="91"/>
      <c r="HO691" s="91"/>
      <c r="HP691" s="91"/>
      <c r="HQ691" s="91"/>
      <c r="HR691" s="91"/>
      <c r="HS691" s="91"/>
      <c r="HT691" s="91"/>
      <c r="HU691" s="91"/>
      <c r="HV691" s="91"/>
      <c r="HW691" s="91"/>
      <c r="HX691" s="91"/>
      <c r="HY691" s="91"/>
      <c r="HZ691" s="91"/>
      <c r="IA691" s="91"/>
      <c r="IB691" s="91"/>
      <c r="IC691" s="91"/>
      <c r="ID691" s="91"/>
      <c r="IE691" s="91"/>
      <c r="IF691" s="91"/>
      <c r="IG691" s="91"/>
      <c r="IH691" s="91"/>
      <c r="II691" s="91"/>
      <c r="IJ691" s="91"/>
      <c r="IK691" s="127"/>
    </row>
    <row r="692" spans="2:245" x14ac:dyDescent="0.2">
      <c r="B692" s="43"/>
      <c r="C692" s="73"/>
      <c r="D692" s="64"/>
      <c r="E692" s="64"/>
      <c r="F692" s="55"/>
      <c r="G692" s="102"/>
      <c r="H692" s="55"/>
      <c r="I692" s="55"/>
      <c r="J692" s="55"/>
      <c r="K692" s="55"/>
      <c r="L692" s="55"/>
      <c r="M692" s="55"/>
      <c r="N692" s="55"/>
      <c r="O692" s="55"/>
      <c r="P692" s="55"/>
      <c r="Q692" s="55"/>
      <c r="R692" s="55"/>
      <c r="S692" s="55"/>
      <c r="T692" s="55"/>
      <c r="U692" s="55"/>
      <c r="V692" s="55"/>
      <c r="W692" s="55"/>
      <c r="X692" s="55"/>
      <c r="Y692" s="55"/>
      <c r="Z692" s="55"/>
      <c r="AA692" s="55"/>
      <c r="AB692" s="55"/>
      <c r="AC692" s="55"/>
      <c r="AD692" s="55"/>
      <c r="AE692" s="55"/>
      <c r="AF692" s="55"/>
      <c r="AG692" s="55"/>
      <c r="AY692" s="162"/>
      <c r="AZ692" s="162"/>
      <c r="BA692" s="162"/>
      <c r="BB692" s="162"/>
      <c r="BC692" s="162"/>
      <c r="BD692" s="162"/>
      <c r="BE692" s="162"/>
      <c r="BF692" s="162"/>
      <c r="BG692" s="162"/>
      <c r="BH692" s="162"/>
      <c r="BI692" s="162"/>
      <c r="BJ692" s="162"/>
      <c r="BK692" s="162"/>
      <c r="BL692" s="162"/>
      <c r="BM692" s="162"/>
      <c r="BN692" s="162"/>
      <c r="BO692" s="162"/>
      <c r="BP692" s="162"/>
      <c r="BQ692" s="162"/>
      <c r="BR692" s="162"/>
      <c r="BS692" s="162"/>
      <c r="BT692" s="162"/>
      <c r="BU692" s="162"/>
      <c r="BV692" s="162"/>
      <c r="BW692" s="162"/>
      <c r="BX692" s="162"/>
      <c r="BY692" s="162"/>
      <c r="BZ692" s="162"/>
      <c r="CA692" s="162"/>
      <c r="CB692" s="162"/>
      <c r="CC692" s="162"/>
      <c r="CD692" s="162"/>
      <c r="CE692" s="162"/>
      <c r="CF692" s="162"/>
      <c r="CG692" s="162"/>
      <c r="CH692" s="162"/>
      <c r="CI692" s="162"/>
      <c r="CJ692" s="162"/>
      <c r="CK692" s="162"/>
      <c r="CX692" s="98"/>
      <c r="DL692" s="97"/>
      <c r="DX692" s="98"/>
      <c r="EL692" s="97"/>
      <c r="EX692" s="98"/>
      <c r="EY692" s="97"/>
      <c r="FL692" s="126"/>
      <c r="FM692" s="91"/>
      <c r="FN692" s="91"/>
      <c r="FO692" s="91"/>
      <c r="FP692" s="91"/>
      <c r="FQ692" s="91"/>
      <c r="FR692" s="91"/>
      <c r="FS692" s="91"/>
      <c r="FT692" s="91"/>
      <c r="FU692" s="91"/>
      <c r="FV692" s="91"/>
      <c r="FW692" s="91"/>
      <c r="FX692" s="91"/>
      <c r="FY692" s="91"/>
      <c r="FZ692" s="91"/>
      <c r="GA692" s="91"/>
      <c r="GB692" s="91"/>
      <c r="GC692" s="91"/>
      <c r="GD692" s="91"/>
      <c r="GE692" s="91"/>
      <c r="GF692" s="91"/>
      <c r="GG692" s="91"/>
      <c r="GH692" s="91"/>
      <c r="GI692" s="91"/>
      <c r="GJ692" s="91"/>
      <c r="GK692" s="127"/>
      <c r="GL692" s="126"/>
      <c r="GM692" s="91"/>
      <c r="GN692" s="91"/>
      <c r="GO692" s="91"/>
      <c r="GP692" s="91"/>
      <c r="GQ692" s="91"/>
      <c r="GR692" s="91"/>
      <c r="GS692" s="91"/>
      <c r="GT692" s="91"/>
      <c r="GU692" s="91"/>
      <c r="GV692" s="91"/>
      <c r="GW692" s="91"/>
      <c r="GX692" s="91"/>
      <c r="GY692" s="91"/>
      <c r="GZ692" s="91"/>
      <c r="HA692" s="91"/>
      <c r="HB692" s="91"/>
      <c r="HC692" s="91"/>
      <c r="HD692" s="91"/>
      <c r="HE692" s="91"/>
      <c r="HF692" s="91"/>
      <c r="HG692" s="91"/>
      <c r="HH692" s="91"/>
      <c r="HI692" s="91"/>
      <c r="HJ692" s="91"/>
      <c r="HK692" s="127"/>
      <c r="HL692" s="126"/>
      <c r="HM692" s="91"/>
      <c r="HN692" s="91"/>
      <c r="HO692" s="91"/>
      <c r="HP692" s="91"/>
      <c r="HQ692" s="91"/>
      <c r="HR692" s="91"/>
      <c r="HS692" s="91"/>
      <c r="HT692" s="91"/>
      <c r="HU692" s="91"/>
      <c r="HV692" s="91"/>
      <c r="HW692" s="91"/>
      <c r="HX692" s="91"/>
      <c r="HY692" s="91"/>
      <c r="HZ692" s="91"/>
      <c r="IA692" s="91"/>
      <c r="IB692" s="91"/>
      <c r="IC692" s="91"/>
      <c r="ID692" s="91"/>
      <c r="IE692" s="91"/>
      <c r="IF692" s="91"/>
      <c r="IG692" s="91"/>
      <c r="IH692" s="91"/>
      <c r="II692" s="91"/>
      <c r="IJ692" s="91"/>
      <c r="IK692" s="127"/>
    </row>
    <row r="693" spans="2:245" x14ac:dyDescent="0.2">
      <c r="B693" s="43"/>
      <c r="C693" s="73"/>
      <c r="D693" s="64"/>
      <c r="E693" s="64"/>
      <c r="F693" s="55"/>
      <c r="G693" s="102"/>
      <c r="H693" s="55"/>
      <c r="I693" s="55"/>
      <c r="J693" s="55"/>
      <c r="K693" s="55"/>
      <c r="L693" s="55"/>
      <c r="M693" s="55"/>
      <c r="N693" s="55"/>
      <c r="O693" s="55"/>
      <c r="P693" s="55"/>
      <c r="Q693" s="55"/>
      <c r="R693" s="55"/>
      <c r="S693" s="55"/>
      <c r="T693" s="55"/>
      <c r="U693" s="55"/>
      <c r="V693" s="55"/>
      <c r="W693" s="55"/>
      <c r="X693" s="55"/>
      <c r="Y693" s="55"/>
      <c r="Z693" s="55"/>
      <c r="AA693" s="55"/>
      <c r="AB693" s="55"/>
      <c r="AC693" s="55"/>
      <c r="AD693" s="55"/>
      <c r="AE693" s="55"/>
      <c r="AF693" s="55"/>
      <c r="AG693" s="55"/>
      <c r="AY693" s="162"/>
      <c r="AZ693" s="162"/>
      <c r="BA693" s="162"/>
      <c r="BB693" s="162"/>
      <c r="BC693" s="162"/>
      <c r="BD693" s="162"/>
      <c r="BE693" s="162"/>
      <c r="BF693" s="162"/>
      <c r="BG693" s="162"/>
      <c r="BH693" s="162"/>
      <c r="BI693" s="162"/>
      <c r="BJ693" s="162"/>
      <c r="BK693" s="162"/>
      <c r="BL693" s="162"/>
      <c r="BM693" s="162"/>
      <c r="BN693" s="162"/>
      <c r="BO693" s="162"/>
      <c r="BP693" s="162"/>
      <c r="BQ693" s="162"/>
      <c r="BR693" s="162"/>
      <c r="BS693" s="162"/>
      <c r="BT693" s="162"/>
      <c r="BU693" s="162"/>
      <c r="BV693" s="162"/>
      <c r="BW693" s="162"/>
      <c r="BX693" s="162"/>
      <c r="BY693" s="162"/>
      <c r="BZ693" s="162"/>
      <c r="CA693" s="162"/>
      <c r="CB693" s="162"/>
      <c r="CC693" s="162"/>
      <c r="CD693" s="162"/>
      <c r="CE693" s="162"/>
      <c r="CF693" s="162"/>
      <c r="CG693" s="162"/>
      <c r="CH693" s="162"/>
      <c r="CI693" s="162"/>
      <c r="CJ693" s="162"/>
      <c r="CK693" s="162"/>
      <c r="CX693" s="98"/>
      <c r="DL693" s="97"/>
      <c r="DX693" s="98"/>
      <c r="EL693" s="97"/>
      <c r="EX693" s="98"/>
      <c r="EY693" s="97"/>
      <c r="FL693" s="126"/>
      <c r="FM693" s="91"/>
      <c r="FN693" s="91"/>
      <c r="FO693" s="91"/>
      <c r="FP693" s="91"/>
      <c r="FQ693" s="91"/>
      <c r="FR693" s="91"/>
      <c r="FS693" s="91"/>
      <c r="FT693" s="91"/>
      <c r="FU693" s="91"/>
      <c r="FV693" s="91"/>
      <c r="FW693" s="91"/>
      <c r="FX693" s="91"/>
      <c r="FY693" s="91"/>
      <c r="FZ693" s="91"/>
      <c r="GA693" s="91"/>
      <c r="GB693" s="91"/>
      <c r="GC693" s="91"/>
      <c r="GD693" s="91"/>
      <c r="GE693" s="91"/>
      <c r="GF693" s="91"/>
      <c r="GG693" s="91"/>
      <c r="GH693" s="91"/>
      <c r="GI693" s="91"/>
      <c r="GJ693" s="91"/>
      <c r="GK693" s="127"/>
      <c r="GL693" s="126"/>
      <c r="GM693" s="91"/>
      <c r="GN693" s="91"/>
      <c r="GO693" s="91"/>
      <c r="GP693" s="91"/>
      <c r="GQ693" s="91"/>
      <c r="GR693" s="91"/>
      <c r="GS693" s="91"/>
      <c r="GT693" s="91"/>
      <c r="GU693" s="91"/>
      <c r="GV693" s="91"/>
      <c r="GW693" s="91"/>
      <c r="GX693" s="91"/>
      <c r="GY693" s="91"/>
      <c r="GZ693" s="91"/>
      <c r="HA693" s="91"/>
      <c r="HB693" s="91"/>
      <c r="HC693" s="91"/>
      <c r="HD693" s="91"/>
      <c r="HE693" s="91"/>
      <c r="HF693" s="91"/>
      <c r="HG693" s="91"/>
      <c r="HH693" s="91"/>
      <c r="HI693" s="91"/>
      <c r="HJ693" s="91"/>
      <c r="HK693" s="127"/>
      <c r="HL693" s="126"/>
      <c r="HM693" s="91"/>
      <c r="HN693" s="91"/>
      <c r="HO693" s="91"/>
      <c r="HP693" s="91"/>
      <c r="HQ693" s="91"/>
      <c r="HR693" s="91"/>
      <c r="HS693" s="91"/>
      <c r="HT693" s="91"/>
      <c r="HU693" s="91"/>
      <c r="HV693" s="91"/>
      <c r="HW693" s="91"/>
      <c r="HX693" s="91"/>
      <c r="HY693" s="91"/>
      <c r="HZ693" s="91"/>
      <c r="IA693" s="91"/>
      <c r="IB693" s="91"/>
      <c r="IC693" s="91"/>
      <c r="ID693" s="91"/>
      <c r="IE693" s="91"/>
      <c r="IF693" s="91"/>
      <c r="IG693" s="91"/>
      <c r="IH693" s="91"/>
      <c r="II693" s="91"/>
      <c r="IJ693" s="91"/>
      <c r="IK693" s="127"/>
    </row>
    <row r="694" spans="2:245" x14ac:dyDescent="0.2">
      <c r="B694" s="43"/>
      <c r="C694" s="73"/>
      <c r="D694" s="64"/>
      <c r="E694" s="64"/>
      <c r="F694" s="55"/>
      <c r="G694" s="102"/>
      <c r="H694" s="55"/>
      <c r="I694" s="55"/>
      <c r="J694" s="55"/>
      <c r="K694" s="55"/>
      <c r="L694" s="55"/>
      <c r="M694" s="55"/>
      <c r="N694" s="55"/>
      <c r="O694" s="55"/>
      <c r="P694" s="55"/>
      <c r="Q694" s="55"/>
      <c r="R694" s="55"/>
      <c r="S694" s="55"/>
      <c r="T694" s="55"/>
      <c r="U694" s="55"/>
      <c r="V694" s="55"/>
      <c r="W694" s="55"/>
      <c r="X694" s="55"/>
      <c r="Y694" s="55"/>
      <c r="Z694" s="55"/>
      <c r="AA694" s="55"/>
      <c r="AB694" s="55"/>
      <c r="AC694" s="55"/>
      <c r="AD694" s="55"/>
      <c r="AE694" s="55"/>
      <c r="AF694" s="55"/>
      <c r="AG694" s="55"/>
      <c r="AY694" s="162"/>
      <c r="AZ694" s="162"/>
      <c r="BA694" s="162"/>
      <c r="BB694" s="162"/>
      <c r="BC694" s="162"/>
      <c r="BD694" s="162"/>
      <c r="BE694" s="162"/>
      <c r="BF694" s="162"/>
      <c r="BG694" s="162"/>
      <c r="BH694" s="162"/>
      <c r="BI694" s="162"/>
      <c r="BJ694" s="162"/>
      <c r="BK694" s="162"/>
      <c r="BL694" s="162"/>
      <c r="BM694" s="162"/>
      <c r="BN694" s="162"/>
      <c r="BO694" s="162"/>
      <c r="BP694" s="162"/>
      <c r="BQ694" s="162"/>
      <c r="BR694" s="162"/>
      <c r="BS694" s="162"/>
      <c r="BT694" s="162"/>
      <c r="BU694" s="162"/>
      <c r="BV694" s="162"/>
      <c r="BW694" s="162"/>
      <c r="BX694" s="162"/>
      <c r="BY694" s="162"/>
      <c r="BZ694" s="162"/>
      <c r="CA694" s="162"/>
      <c r="CB694" s="162"/>
      <c r="CC694" s="162"/>
      <c r="CD694" s="162"/>
      <c r="CE694" s="162"/>
      <c r="CF694" s="162"/>
      <c r="CG694" s="162"/>
      <c r="CH694" s="162"/>
      <c r="CI694" s="162"/>
      <c r="CJ694" s="162"/>
      <c r="CK694" s="162"/>
      <c r="CX694" s="98"/>
      <c r="DL694" s="97"/>
      <c r="DX694" s="98"/>
      <c r="EL694" s="97"/>
      <c r="EX694" s="98"/>
      <c r="EY694" s="97"/>
      <c r="FL694" s="126"/>
      <c r="FM694" s="91"/>
      <c r="FN694" s="91"/>
      <c r="FO694" s="91"/>
      <c r="FP694" s="91"/>
      <c r="FQ694" s="91"/>
      <c r="FR694" s="91"/>
      <c r="FS694" s="91"/>
      <c r="FT694" s="91"/>
      <c r="FU694" s="91"/>
      <c r="FV694" s="91"/>
      <c r="FW694" s="91"/>
      <c r="FX694" s="91"/>
      <c r="FY694" s="91"/>
      <c r="FZ694" s="91"/>
      <c r="GA694" s="91"/>
      <c r="GB694" s="91"/>
      <c r="GC694" s="91"/>
      <c r="GD694" s="91"/>
      <c r="GE694" s="91"/>
      <c r="GF694" s="91"/>
      <c r="GG694" s="91"/>
      <c r="GH694" s="91"/>
      <c r="GI694" s="91"/>
      <c r="GJ694" s="91"/>
      <c r="GK694" s="127"/>
      <c r="GL694" s="126"/>
      <c r="GM694" s="91"/>
      <c r="GN694" s="91"/>
      <c r="GO694" s="91"/>
      <c r="GP694" s="91"/>
      <c r="GQ694" s="91"/>
      <c r="GR694" s="91"/>
      <c r="GS694" s="91"/>
      <c r="GT694" s="91"/>
      <c r="GU694" s="91"/>
      <c r="GV694" s="91"/>
      <c r="GW694" s="91"/>
      <c r="GX694" s="91"/>
      <c r="GY694" s="91"/>
      <c r="GZ694" s="91"/>
      <c r="HA694" s="91"/>
      <c r="HB694" s="91"/>
      <c r="HC694" s="91"/>
      <c r="HD694" s="91"/>
      <c r="HE694" s="91"/>
      <c r="HF694" s="91"/>
      <c r="HG694" s="91"/>
      <c r="HH694" s="91"/>
      <c r="HI694" s="91"/>
      <c r="HJ694" s="91"/>
      <c r="HK694" s="127"/>
      <c r="HL694" s="126"/>
      <c r="HM694" s="91"/>
      <c r="HN694" s="91"/>
      <c r="HO694" s="91"/>
      <c r="HP694" s="91"/>
      <c r="HQ694" s="91"/>
      <c r="HR694" s="91"/>
      <c r="HS694" s="91"/>
      <c r="HT694" s="91"/>
      <c r="HU694" s="91"/>
      <c r="HV694" s="91"/>
      <c r="HW694" s="91"/>
      <c r="HX694" s="91"/>
      <c r="HY694" s="91"/>
      <c r="HZ694" s="91"/>
      <c r="IA694" s="91"/>
      <c r="IB694" s="91"/>
      <c r="IC694" s="91"/>
      <c r="ID694" s="91"/>
      <c r="IE694" s="91"/>
      <c r="IF694" s="91"/>
      <c r="IG694" s="91"/>
      <c r="IH694" s="91"/>
      <c r="II694" s="91"/>
      <c r="IJ694" s="91"/>
      <c r="IK694" s="127"/>
    </row>
    <row r="695" spans="2:245" x14ac:dyDescent="0.2">
      <c r="B695" s="43"/>
      <c r="C695" s="73"/>
      <c r="D695" s="64"/>
      <c r="E695" s="64"/>
      <c r="F695" s="55"/>
      <c r="G695" s="102"/>
      <c r="H695" s="55"/>
      <c r="I695" s="55"/>
      <c r="J695" s="55"/>
      <c r="K695" s="55"/>
      <c r="L695" s="55"/>
      <c r="M695" s="55"/>
      <c r="N695" s="55"/>
      <c r="O695" s="55"/>
      <c r="P695" s="55"/>
      <c r="Q695" s="55"/>
      <c r="R695" s="55"/>
      <c r="S695" s="55"/>
      <c r="T695" s="55"/>
      <c r="U695" s="55"/>
      <c r="V695" s="55"/>
      <c r="W695" s="55"/>
      <c r="X695" s="55"/>
      <c r="Y695" s="55"/>
      <c r="Z695" s="55"/>
      <c r="AA695" s="55"/>
      <c r="AB695" s="55"/>
      <c r="AC695" s="55"/>
      <c r="AD695" s="55"/>
      <c r="AE695" s="55"/>
      <c r="AF695" s="55"/>
      <c r="AG695" s="55"/>
      <c r="AY695" s="162"/>
      <c r="AZ695" s="162"/>
      <c r="BA695" s="162"/>
      <c r="BB695" s="162"/>
      <c r="BC695" s="162"/>
      <c r="BD695" s="162"/>
      <c r="BE695" s="162"/>
      <c r="BF695" s="162"/>
      <c r="BG695" s="162"/>
      <c r="BH695" s="162"/>
      <c r="BI695" s="162"/>
      <c r="BJ695" s="162"/>
      <c r="BK695" s="162"/>
      <c r="BL695" s="162"/>
      <c r="BM695" s="162"/>
      <c r="BN695" s="162"/>
      <c r="BO695" s="162"/>
      <c r="BP695" s="162"/>
      <c r="BQ695" s="162"/>
      <c r="BR695" s="162"/>
      <c r="BS695" s="162"/>
      <c r="BT695" s="162"/>
      <c r="BU695" s="162"/>
      <c r="BV695" s="162"/>
      <c r="BW695" s="162"/>
      <c r="BX695" s="162"/>
      <c r="BY695" s="162"/>
      <c r="BZ695" s="162"/>
      <c r="CA695" s="162"/>
      <c r="CB695" s="162"/>
      <c r="CC695" s="162"/>
      <c r="CD695" s="162"/>
      <c r="CE695" s="162"/>
      <c r="CF695" s="162"/>
      <c r="CG695" s="162"/>
      <c r="CH695" s="162"/>
      <c r="CI695" s="162"/>
      <c r="CJ695" s="162"/>
      <c r="CK695" s="162"/>
      <c r="CX695" s="98"/>
      <c r="DL695" s="97"/>
      <c r="DX695" s="98"/>
      <c r="EL695" s="97"/>
      <c r="EX695" s="98"/>
      <c r="EY695" s="97"/>
      <c r="FL695" s="126"/>
      <c r="FM695" s="91"/>
      <c r="FN695" s="91"/>
      <c r="FO695" s="91"/>
      <c r="FP695" s="91"/>
      <c r="FQ695" s="91"/>
      <c r="FR695" s="91"/>
      <c r="FS695" s="91"/>
      <c r="FT695" s="91"/>
      <c r="FU695" s="91"/>
      <c r="FV695" s="91"/>
      <c r="FW695" s="91"/>
      <c r="FX695" s="91"/>
      <c r="FY695" s="91"/>
      <c r="FZ695" s="91"/>
      <c r="GA695" s="91"/>
      <c r="GB695" s="91"/>
      <c r="GC695" s="91"/>
      <c r="GD695" s="91"/>
      <c r="GE695" s="91"/>
      <c r="GF695" s="91"/>
      <c r="GG695" s="91"/>
      <c r="GH695" s="91"/>
      <c r="GI695" s="91"/>
      <c r="GJ695" s="91"/>
      <c r="GK695" s="127"/>
      <c r="GL695" s="126"/>
      <c r="GM695" s="91"/>
      <c r="GN695" s="91"/>
      <c r="GO695" s="91"/>
      <c r="GP695" s="91"/>
      <c r="GQ695" s="91"/>
      <c r="GR695" s="91"/>
      <c r="GS695" s="91"/>
      <c r="GT695" s="91"/>
      <c r="GU695" s="91"/>
      <c r="GV695" s="91"/>
      <c r="GW695" s="91"/>
      <c r="GX695" s="91"/>
      <c r="GY695" s="91"/>
      <c r="GZ695" s="91"/>
      <c r="HA695" s="91"/>
      <c r="HB695" s="91"/>
      <c r="HC695" s="91"/>
      <c r="HD695" s="91"/>
      <c r="HE695" s="91"/>
      <c r="HF695" s="91"/>
      <c r="HG695" s="91"/>
      <c r="HH695" s="91"/>
      <c r="HI695" s="91"/>
      <c r="HJ695" s="91"/>
      <c r="HK695" s="127"/>
      <c r="HL695" s="126"/>
      <c r="HM695" s="91"/>
      <c r="HN695" s="91"/>
      <c r="HO695" s="91"/>
      <c r="HP695" s="91"/>
      <c r="HQ695" s="91"/>
      <c r="HR695" s="91"/>
      <c r="HS695" s="91"/>
      <c r="HT695" s="91"/>
      <c r="HU695" s="91"/>
      <c r="HV695" s="91"/>
      <c r="HW695" s="91"/>
      <c r="HX695" s="91"/>
      <c r="HY695" s="91"/>
      <c r="HZ695" s="91"/>
      <c r="IA695" s="91"/>
      <c r="IB695" s="91"/>
      <c r="IC695" s="91"/>
      <c r="ID695" s="91"/>
      <c r="IE695" s="91"/>
      <c r="IF695" s="91"/>
      <c r="IG695" s="91"/>
      <c r="IH695" s="91"/>
      <c r="II695" s="91"/>
      <c r="IJ695" s="91"/>
      <c r="IK695" s="127"/>
    </row>
    <row r="696" spans="2:245" x14ac:dyDescent="0.2">
      <c r="B696" s="43"/>
      <c r="C696" s="73"/>
      <c r="D696" s="64"/>
      <c r="E696" s="64"/>
      <c r="F696" s="55"/>
      <c r="G696" s="102"/>
      <c r="H696" s="55"/>
      <c r="I696" s="55"/>
      <c r="J696" s="55"/>
      <c r="K696" s="55"/>
      <c r="L696" s="55"/>
      <c r="M696" s="55"/>
      <c r="N696" s="55"/>
      <c r="O696" s="55"/>
      <c r="P696" s="55"/>
      <c r="Q696" s="55"/>
      <c r="R696" s="55"/>
      <c r="S696" s="55"/>
      <c r="T696" s="55"/>
      <c r="U696" s="55"/>
      <c r="V696" s="55"/>
      <c r="W696" s="55"/>
      <c r="X696" s="55"/>
      <c r="Y696" s="55"/>
      <c r="Z696" s="55"/>
      <c r="AA696" s="55"/>
      <c r="AB696" s="55"/>
      <c r="AC696" s="55"/>
      <c r="AD696" s="55"/>
      <c r="AE696" s="55"/>
      <c r="AF696" s="55"/>
      <c r="AG696" s="55"/>
      <c r="AY696" s="162"/>
      <c r="AZ696" s="162"/>
      <c r="BA696" s="162"/>
      <c r="BB696" s="162"/>
      <c r="BC696" s="162"/>
      <c r="BD696" s="162"/>
      <c r="BE696" s="162"/>
      <c r="BF696" s="162"/>
      <c r="BG696" s="162"/>
      <c r="BH696" s="162"/>
      <c r="BI696" s="162"/>
      <c r="BJ696" s="162"/>
      <c r="BK696" s="162"/>
      <c r="BL696" s="162"/>
      <c r="BM696" s="162"/>
      <c r="BN696" s="162"/>
      <c r="BO696" s="162"/>
      <c r="BP696" s="162"/>
      <c r="BQ696" s="162"/>
      <c r="BR696" s="162"/>
      <c r="BS696" s="162"/>
      <c r="BT696" s="162"/>
      <c r="BU696" s="162"/>
      <c r="BV696" s="162"/>
      <c r="BW696" s="162"/>
      <c r="BX696" s="162"/>
      <c r="BY696" s="162"/>
      <c r="BZ696" s="162"/>
      <c r="CA696" s="162"/>
      <c r="CB696" s="162"/>
      <c r="CC696" s="162"/>
      <c r="CD696" s="162"/>
      <c r="CE696" s="162"/>
      <c r="CF696" s="162"/>
      <c r="CG696" s="162"/>
      <c r="CH696" s="162"/>
      <c r="CI696" s="162"/>
      <c r="CJ696" s="162"/>
      <c r="CK696" s="162"/>
      <c r="CX696" s="98"/>
      <c r="DL696" s="97"/>
      <c r="DX696" s="98"/>
      <c r="EL696" s="97"/>
      <c r="EX696" s="98"/>
      <c r="EY696" s="97"/>
      <c r="FL696" s="126"/>
      <c r="FM696" s="91"/>
      <c r="FN696" s="91"/>
      <c r="FO696" s="91"/>
      <c r="FP696" s="91"/>
      <c r="FQ696" s="91"/>
      <c r="FR696" s="91"/>
      <c r="FS696" s="91"/>
      <c r="FT696" s="91"/>
      <c r="FU696" s="91"/>
      <c r="FV696" s="91"/>
      <c r="FW696" s="91"/>
      <c r="FX696" s="91"/>
      <c r="FY696" s="91"/>
      <c r="FZ696" s="91"/>
      <c r="GA696" s="91"/>
      <c r="GB696" s="91"/>
      <c r="GC696" s="91"/>
      <c r="GD696" s="91"/>
      <c r="GE696" s="91"/>
      <c r="GF696" s="91"/>
      <c r="GG696" s="91"/>
      <c r="GH696" s="91"/>
      <c r="GI696" s="91"/>
      <c r="GJ696" s="91"/>
      <c r="GK696" s="127"/>
      <c r="GL696" s="126"/>
      <c r="GM696" s="91"/>
      <c r="GN696" s="91"/>
      <c r="GO696" s="91"/>
      <c r="GP696" s="91"/>
      <c r="GQ696" s="91"/>
      <c r="GR696" s="91"/>
      <c r="GS696" s="91"/>
      <c r="GT696" s="91"/>
      <c r="GU696" s="91"/>
      <c r="GV696" s="91"/>
      <c r="GW696" s="91"/>
      <c r="GX696" s="91"/>
      <c r="GY696" s="91"/>
      <c r="GZ696" s="91"/>
      <c r="HA696" s="91"/>
      <c r="HB696" s="91"/>
      <c r="HC696" s="91"/>
      <c r="HD696" s="91"/>
      <c r="HE696" s="91"/>
      <c r="HF696" s="91"/>
      <c r="HG696" s="91"/>
      <c r="HH696" s="91"/>
      <c r="HI696" s="91"/>
      <c r="HJ696" s="91"/>
      <c r="HK696" s="127"/>
      <c r="HL696" s="126"/>
      <c r="HM696" s="91"/>
      <c r="HN696" s="91"/>
      <c r="HO696" s="91"/>
      <c r="HP696" s="91"/>
      <c r="HQ696" s="91"/>
      <c r="HR696" s="91"/>
      <c r="HS696" s="91"/>
      <c r="HT696" s="91"/>
      <c r="HU696" s="91"/>
      <c r="HV696" s="91"/>
      <c r="HW696" s="91"/>
      <c r="HX696" s="91"/>
      <c r="HY696" s="91"/>
      <c r="HZ696" s="91"/>
      <c r="IA696" s="91"/>
      <c r="IB696" s="91"/>
      <c r="IC696" s="91"/>
      <c r="ID696" s="91"/>
      <c r="IE696" s="91"/>
      <c r="IF696" s="91"/>
      <c r="IG696" s="91"/>
      <c r="IH696" s="91"/>
      <c r="II696" s="91"/>
      <c r="IJ696" s="91"/>
      <c r="IK696" s="127"/>
    </row>
    <row r="697" spans="2:245" x14ac:dyDescent="0.2">
      <c r="B697" s="43"/>
      <c r="C697" s="73"/>
      <c r="D697" s="64"/>
      <c r="E697" s="64"/>
      <c r="F697" s="55"/>
      <c r="G697" s="102"/>
      <c r="H697" s="55"/>
      <c r="I697" s="55"/>
      <c r="J697" s="55"/>
      <c r="K697" s="55"/>
      <c r="L697" s="55"/>
      <c r="M697" s="55"/>
      <c r="N697" s="55"/>
      <c r="O697" s="55"/>
      <c r="P697" s="55"/>
      <c r="Q697" s="55"/>
      <c r="R697" s="55"/>
      <c r="S697" s="55"/>
      <c r="T697" s="55"/>
      <c r="U697" s="55"/>
      <c r="V697" s="55"/>
      <c r="W697" s="55"/>
      <c r="X697" s="55"/>
      <c r="Y697" s="55"/>
      <c r="Z697" s="55"/>
      <c r="AA697" s="55"/>
      <c r="AB697" s="55"/>
      <c r="AC697" s="55"/>
      <c r="AD697" s="55"/>
      <c r="AE697" s="55"/>
      <c r="AF697" s="55"/>
      <c r="AG697" s="55"/>
      <c r="AY697" s="162"/>
      <c r="AZ697" s="162"/>
      <c r="BA697" s="162"/>
      <c r="BB697" s="162"/>
      <c r="BC697" s="162"/>
      <c r="BD697" s="162"/>
      <c r="BE697" s="162"/>
      <c r="BF697" s="162"/>
      <c r="BG697" s="162"/>
      <c r="BH697" s="162"/>
      <c r="BI697" s="162"/>
      <c r="BJ697" s="162"/>
      <c r="BK697" s="162"/>
      <c r="BL697" s="162"/>
      <c r="BM697" s="162"/>
      <c r="BN697" s="162"/>
      <c r="BO697" s="162"/>
      <c r="BP697" s="162"/>
      <c r="BQ697" s="162"/>
      <c r="BR697" s="162"/>
      <c r="BS697" s="162"/>
      <c r="BT697" s="162"/>
      <c r="BU697" s="162"/>
      <c r="BV697" s="162"/>
      <c r="BW697" s="162"/>
      <c r="BX697" s="162"/>
      <c r="BY697" s="162"/>
      <c r="BZ697" s="162"/>
      <c r="CA697" s="162"/>
      <c r="CB697" s="162"/>
      <c r="CC697" s="162"/>
      <c r="CD697" s="162"/>
      <c r="CE697" s="162"/>
      <c r="CF697" s="162"/>
      <c r="CG697" s="162"/>
      <c r="CH697" s="162"/>
      <c r="CI697" s="162"/>
      <c r="CJ697" s="162"/>
      <c r="CK697" s="162"/>
      <c r="CX697" s="98"/>
      <c r="DL697" s="97"/>
      <c r="DX697" s="98"/>
      <c r="EL697" s="97"/>
      <c r="EX697" s="98"/>
      <c r="EY697" s="97"/>
      <c r="FL697" s="126"/>
      <c r="FM697" s="91"/>
      <c r="FN697" s="91"/>
      <c r="FO697" s="91"/>
      <c r="FP697" s="91"/>
      <c r="FQ697" s="91"/>
      <c r="FR697" s="91"/>
      <c r="FS697" s="91"/>
      <c r="FT697" s="91"/>
      <c r="FU697" s="91"/>
      <c r="FV697" s="91"/>
      <c r="FW697" s="91"/>
      <c r="FX697" s="91"/>
      <c r="FY697" s="91"/>
      <c r="FZ697" s="91"/>
      <c r="GA697" s="91"/>
      <c r="GB697" s="91"/>
      <c r="GC697" s="91"/>
      <c r="GD697" s="91"/>
      <c r="GE697" s="91"/>
      <c r="GF697" s="91"/>
      <c r="GG697" s="91"/>
      <c r="GH697" s="91"/>
      <c r="GI697" s="91"/>
      <c r="GJ697" s="91"/>
      <c r="GK697" s="127"/>
      <c r="GL697" s="126"/>
      <c r="GM697" s="91"/>
      <c r="GN697" s="91"/>
      <c r="GO697" s="91"/>
      <c r="GP697" s="91"/>
      <c r="GQ697" s="91"/>
      <c r="GR697" s="91"/>
      <c r="GS697" s="91"/>
      <c r="GT697" s="91"/>
      <c r="GU697" s="91"/>
      <c r="GV697" s="91"/>
      <c r="GW697" s="91"/>
      <c r="GX697" s="91"/>
      <c r="GY697" s="91"/>
      <c r="GZ697" s="91"/>
      <c r="HA697" s="91"/>
      <c r="HB697" s="91"/>
      <c r="HC697" s="91"/>
      <c r="HD697" s="91"/>
      <c r="HE697" s="91"/>
      <c r="HF697" s="91"/>
      <c r="HG697" s="91"/>
      <c r="HH697" s="91"/>
      <c r="HI697" s="91"/>
      <c r="HJ697" s="91"/>
      <c r="HK697" s="127"/>
      <c r="HL697" s="126"/>
      <c r="HM697" s="91"/>
      <c r="HN697" s="91"/>
      <c r="HO697" s="91"/>
      <c r="HP697" s="91"/>
      <c r="HQ697" s="91"/>
      <c r="HR697" s="91"/>
      <c r="HS697" s="91"/>
      <c r="HT697" s="91"/>
      <c r="HU697" s="91"/>
      <c r="HV697" s="91"/>
      <c r="HW697" s="91"/>
      <c r="HX697" s="91"/>
      <c r="HY697" s="91"/>
      <c r="HZ697" s="91"/>
      <c r="IA697" s="91"/>
      <c r="IB697" s="91"/>
      <c r="IC697" s="91"/>
      <c r="ID697" s="91"/>
      <c r="IE697" s="91"/>
      <c r="IF697" s="91"/>
      <c r="IG697" s="91"/>
      <c r="IH697" s="91"/>
      <c r="II697" s="91"/>
      <c r="IJ697" s="91"/>
      <c r="IK697" s="127"/>
    </row>
    <row r="698" spans="2:245" x14ac:dyDescent="0.2">
      <c r="B698" s="43"/>
      <c r="C698" s="73"/>
      <c r="D698" s="64"/>
      <c r="E698" s="64"/>
      <c r="F698" s="55"/>
      <c r="G698" s="102"/>
      <c r="H698" s="55"/>
      <c r="I698" s="55"/>
      <c r="J698" s="55"/>
      <c r="K698" s="55"/>
      <c r="L698" s="55"/>
      <c r="M698" s="55"/>
      <c r="N698" s="55"/>
      <c r="O698" s="55"/>
      <c r="P698" s="55"/>
      <c r="Q698" s="55"/>
      <c r="R698" s="55"/>
      <c r="S698" s="55"/>
      <c r="T698" s="55"/>
      <c r="U698" s="55"/>
      <c r="V698" s="55"/>
      <c r="W698" s="55"/>
      <c r="X698" s="55"/>
      <c r="Y698" s="55"/>
      <c r="Z698" s="55"/>
      <c r="AA698" s="55"/>
      <c r="AB698" s="55"/>
      <c r="AC698" s="55"/>
      <c r="AD698" s="55"/>
      <c r="AE698" s="55"/>
      <c r="AF698" s="55"/>
      <c r="AG698" s="55"/>
      <c r="AY698" s="162"/>
      <c r="AZ698" s="162"/>
      <c r="BA698" s="162"/>
      <c r="BB698" s="162"/>
      <c r="BC698" s="162"/>
      <c r="BD698" s="162"/>
      <c r="BE698" s="162"/>
      <c r="BF698" s="162"/>
      <c r="BG698" s="162"/>
      <c r="BH698" s="162"/>
      <c r="BI698" s="162"/>
      <c r="BJ698" s="162"/>
      <c r="BK698" s="162"/>
      <c r="BL698" s="162"/>
      <c r="BM698" s="162"/>
      <c r="BN698" s="162"/>
      <c r="BO698" s="162"/>
      <c r="BP698" s="162"/>
      <c r="BQ698" s="162"/>
      <c r="BR698" s="162"/>
      <c r="BS698" s="162"/>
      <c r="BT698" s="162"/>
      <c r="BU698" s="162"/>
      <c r="BV698" s="162"/>
      <c r="BW698" s="162"/>
      <c r="BX698" s="162"/>
      <c r="BY698" s="162"/>
      <c r="BZ698" s="162"/>
      <c r="CA698" s="162"/>
      <c r="CB698" s="162"/>
      <c r="CC698" s="162"/>
      <c r="CD698" s="162"/>
      <c r="CE698" s="162"/>
      <c r="CF698" s="162"/>
      <c r="CG698" s="162"/>
      <c r="CH698" s="162"/>
      <c r="CI698" s="162"/>
      <c r="CJ698" s="162"/>
      <c r="CK698" s="162"/>
      <c r="CX698" s="98"/>
      <c r="DL698" s="97"/>
      <c r="DX698" s="98"/>
      <c r="EL698" s="97"/>
      <c r="EX698" s="98"/>
      <c r="EY698" s="97"/>
      <c r="FL698" s="126"/>
      <c r="FM698" s="91"/>
      <c r="FN698" s="91"/>
      <c r="FO698" s="91"/>
      <c r="FP698" s="91"/>
      <c r="FQ698" s="91"/>
      <c r="FR698" s="91"/>
      <c r="FS698" s="91"/>
      <c r="FT698" s="91"/>
      <c r="FU698" s="91"/>
      <c r="FV698" s="91"/>
      <c r="FW698" s="91"/>
      <c r="FX698" s="91"/>
      <c r="FY698" s="91"/>
      <c r="FZ698" s="91"/>
      <c r="GA698" s="91"/>
      <c r="GB698" s="91"/>
      <c r="GC698" s="91"/>
      <c r="GD698" s="91"/>
      <c r="GE698" s="91"/>
      <c r="GF698" s="91"/>
      <c r="GG698" s="91"/>
      <c r="GH698" s="91"/>
      <c r="GI698" s="91"/>
      <c r="GJ698" s="91"/>
      <c r="GK698" s="127"/>
      <c r="GL698" s="126"/>
      <c r="GM698" s="91"/>
      <c r="GN698" s="91"/>
      <c r="GO698" s="91"/>
      <c r="GP698" s="91"/>
      <c r="GQ698" s="91"/>
      <c r="GR698" s="91"/>
      <c r="GS698" s="91"/>
      <c r="GT698" s="91"/>
      <c r="GU698" s="91"/>
      <c r="GV698" s="91"/>
      <c r="GW698" s="91"/>
      <c r="GX698" s="91"/>
      <c r="GY698" s="91"/>
      <c r="GZ698" s="91"/>
      <c r="HA698" s="91"/>
      <c r="HB698" s="91"/>
      <c r="HC698" s="91"/>
      <c r="HD698" s="91"/>
      <c r="HE698" s="91"/>
      <c r="HF698" s="91"/>
      <c r="HG698" s="91"/>
      <c r="HH698" s="91"/>
      <c r="HI698" s="91"/>
      <c r="HJ698" s="91"/>
      <c r="HK698" s="127"/>
      <c r="HL698" s="126"/>
      <c r="HM698" s="91"/>
      <c r="HN698" s="91"/>
      <c r="HO698" s="91"/>
      <c r="HP698" s="91"/>
      <c r="HQ698" s="91"/>
      <c r="HR698" s="91"/>
      <c r="HS698" s="91"/>
      <c r="HT698" s="91"/>
      <c r="HU698" s="91"/>
      <c r="HV698" s="91"/>
      <c r="HW698" s="91"/>
      <c r="HX698" s="91"/>
      <c r="HY698" s="91"/>
      <c r="HZ698" s="91"/>
      <c r="IA698" s="91"/>
      <c r="IB698" s="91"/>
      <c r="IC698" s="91"/>
      <c r="ID698" s="91"/>
      <c r="IE698" s="91"/>
      <c r="IF698" s="91"/>
      <c r="IG698" s="91"/>
      <c r="IH698" s="91"/>
      <c r="II698" s="91"/>
      <c r="IJ698" s="91"/>
      <c r="IK698" s="127"/>
    </row>
    <row r="699" spans="2:245" x14ac:dyDescent="0.2">
      <c r="B699" s="43"/>
      <c r="C699" s="73"/>
      <c r="D699" s="64"/>
      <c r="E699" s="64"/>
      <c r="F699" s="55"/>
      <c r="G699" s="102"/>
      <c r="H699" s="55"/>
      <c r="I699" s="55"/>
      <c r="J699" s="55"/>
      <c r="K699" s="55"/>
      <c r="L699" s="55"/>
      <c r="M699" s="55"/>
      <c r="N699" s="55"/>
      <c r="O699" s="55"/>
      <c r="P699" s="55"/>
      <c r="Q699" s="55"/>
      <c r="R699" s="55"/>
      <c r="S699" s="55"/>
      <c r="T699" s="55"/>
      <c r="U699" s="55"/>
      <c r="V699" s="55"/>
      <c r="W699" s="55"/>
      <c r="X699" s="55"/>
      <c r="Y699" s="55"/>
      <c r="Z699" s="55"/>
      <c r="AA699" s="55"/>
      <c r="AB699" s="55"/>
      <c r="AC699" s="55"/>
      <c r="AD699" s="55"/>
      <c r="AE699" s="55"/>
      <c r="AF699" s="55"/>
      <c r="AG699" s="55"/>
      <c r="AY699" s="162"/>
      <c r="AZ699" s="162"/>
      <c r="BA699" s="162"/>
      <c r="BB699" s="162"/>
      <c r="BC699" s="162"/>
      <c r="BD699" s="162"/>
      <c r="BE699" s="162"/>
      <c r="BF699" s="162"/>
      <c r="BG699" s="162"/>
      <c r="BH699" s="162"/>
      <c r="BI699" s="162"/>
      <c r="BJ699" s="162"/>
      <c r="BK699" s="162"/>
      <c r="BL699" s="162"/>
      <c r="BM699" s="162"/>
      <c r="BN699" s="162"/>
      <c r="BO699" s="162"/>
      <c r="BP699" s="162"/>
      <c r="BQ699" s="162"/>
      <c r="BR699" s="162"/>
      <c r="BS699" s="162"/>
      <c r="BT699" s="162"/>
      <c r="BU699" s="162"/>
      <c r="BV699" s="162"/>
      <c r="BW699" s="162"/>
      <c r="BX699" s="162"/>
      <c r="BY699" s="162"/>
      <c r="BZ699" s="162"/>
      <c r="CA699" s="162"/>
      <c r="CB699" s="162"/>
      <c r="CC699" s="162"/>
      <c r="CD699" s="162"/>
      <c r="CE699" s="162"/>
      <c r="CF699" s="162"/>
      <c r="CG699" s="162"/>
      <c r="CH699" s="162"/>
      <c r="CI699" s="162"/>
      <c r="CJ699" s="162"/>
      <c r="CK699" s="162"/>
      <c r="CX699" s="98"/>
      <c r="DL699" s="97"/>
      <c r="DX699" s="98"/>
      <c r="EL699" s="97"/>
      <c r="EX699" s="98"/>
      <c r="EY699" s="97"/>
      <c r="FL699" s="126"/>
      <c r="FM699" s="91"/>
      <c r="FN699" s="91"/>
      <c r="FO699" s="91"/>
      <c r="FP699" s="91"/>
      <c r="FQ699" s="91"/>
      <c r="FR699" s="91"/>
      <c r="FS699" s="91"/>
      <c r="FT699" s="91"/>
      <c r="FU699" s="91"/>
      <c r="FV699" s="91"/>
      <c r="FW699" s="91"/>
      <c r="FX699" s="91"/>
      <c r="FY699" s="91"/>
      <c r="FZ699" s="91"/>
      <c r="GA699" s="91"/>
      <c r="GB699" s="91"/>
      <c r="GC699" s="91"/>
      <c r="GD699" s="91"/>
      <c r="GE699" s="91"/>
      <c r="GF699" s="91"/>
      <c r="GG699" s="91"/>
      <c r="GH699" s="91"/>
      <c r="GI699" s="91"/>
      <c r="GJ699" s="91"/>
      <c r="GK699" s="127"/>
      <c r="GL699" s="126"/>
      <c r="GM699" s="91"/>
      <c r="GN699" s="91"/>
      <c r="GO699" s="91"/>
      <c r="GP699" s="91"/>
      <c r="GQ699" s="91"/>
      <c r="GR699" s="91"/>
      <c r="GS699" s="91"/>
      <c r="GT699" s="91"/>
      <c r="GU699" s="91"/>
      <c r="GV699" s="91"/>
      <c r="GW699" s="91"/>
      <c r="GX699" s="91"/>
      <c r="GY699" s="91"/>
      <c r="GZ699" s="91"/>
      <c r="HA699" s="91"/>
      <c r="HB699" s="91"/>
      <c r="HC699" s="91"/>
      <c r="HD699" s="91"/>
      <c r="HE699" s="91"/>
      <c r="HF699" s="91"/>
      <c r="HG699" s="91"/>
      <c r="HH699" s="91"/>
      <c r="HI699" s="91"/>
      <c r="HJ699" s="91"/>
      <c r="HK699" s="127"/>
      <c r="HL699" s="126"/>
      <c r="HM699" s="91"/>
      <c r="HN699" s="91"/>
      <c r="HO699" s="91"/>
      <c r="HP699" s="91"/>
      <c r="HQ699" s="91"/>
      <c r="HR699" s="91"/>
      <c r="HS699" s="91"/>
      <c r="HT699" s="91"/>
      <c r="HU699" s="91"/>
      <c r="HV699" s="91"/>
      <c r="HW699" s="91"/>
      <c r="HX699" s="91"/>
      <c r="HY699" s="91"/>
      <c r="HZ699" s="91"/>
      <c r="IA699" s="91"/>
      <c r="IB699" s="91"/>
      <c r="IC699" s="91"/>
      <c r="ID699" s="91"/>
      <c r="IE699" s="91"/>
      <c r="IF699" s="91"/>
      <c r="IG699" s="91"/>
      <c r="IH699" s="91"/>
      <c r="II699" s="91"/>
      <c r="IJ699" s="91"/>
      <c r="IK699" s="127"/>
    </row>
    <row r="700" spans="2:245" x14ac:dyDescent="0.2">
      <c r="B700" s="43"/>
      <c r="C700" s="73"/>
      <c r="D700" s="64"/>
      <c r="E700" s="64"/>
      <c r="F700" s="55"/>
      <c r="G700" s="102"/>
      <c r="H700" s="55"/>
      <c r="I700" s="55"/>
      <c r="J700" s="55"/>
      <c r="K700" s="55"/>
      <c r="L700" s="55"/>
      <c r="M700" s="55"/>
      <c r="N700" s="55"/>
      <c r="O700" s="55"/>
      <c r="P700" s="55"/>
      <c r="Q700" s="55"/>
      <c r="R700" s="55"/>
      <c r="S700" s="55"/>
      <c r="T700" s="55"/>
      <c r="U700" s="55"/>
      <c r="V700" s="55"/>
      <c r="W700" s="55"/>
      <c r="X700" s="55"/>
      <c r="Y700" s="55"/>
      <c r="Z700" s="55"/>
      <c r="AA700" s="55"/>
      <c r="AB700" s="55"/>
      <c r="AC700" s="55"/>
      <c r="AD700" s="55"/>
      <c r="AE700" s="55"/>
      <c r="AF700" s="55"/>
      <c r="AG700" s="55"/>
      <c r="AY700" s="162"/>
      <c r="AZ700" s="162"/>
      <c r="BA700" s="162"/>
      <c r="BB700" s="162"/>
      <c r="BC700" s="162"/>
      <c r="BD700" s="162"/>
      <c r="BE700" s="162"/>
      <c r="BF700" s="162"/>
      <c r="BG700" s="162"/>
      <c r="BH700" s="162"/>
      <c r="BI700" s="162"/>
      <c r="BJ700" s="162"/>
      <c r="BK700" s="162"/>
      <c r="BL700" s="162"/>
      <c r="BM700" s="162"/>
      <c r="BN700" s="162"/>
      <c r="BO700" s="162"/>
      <c r="BP700" s="162"/>
      <c r="BQ700" s="162"/>
      <c r="BR700" s="162"/>
      <c r="BS700" s="162"/>
      <c r="BT700" s="162"/>
      <c r="BU700" s="162"/>
      <c r="BV700" s="162"/>
      <c r="BW700" s="162"/>
      <c r="BX700" s="162"/>
      <c r="BY700" s="162"/>
      <c r="BZ700" s="162"/>
      <c r="CA700" s="162"/>
      <c r="CB700" s="162"/>
      <c r="CC700" s="162"/>
      <c r="CD700" s="162"/>
      <c r="CE700" s="162"/>
      <c r="CF700" s="162"/>
      <c r="CG700" s="162"/>
      <c r="CH700" s="162"/>
      <c r="CI700" s="162"/>
      <c r="CJ700" s="162"/>
      <c r="CK700" s="162"/>
      <c r="CX700" s="98"/>
      <c r="DL700" s="97"/>
      <c r="DX700" s="98"/>
      <c r="EL700" s="97"/>
      <c r="EX700" s="98"/>
      <c r="EY700" s="97"/>
      <c r="FL700" s="126"/>
      <c r="FM700" s="91"/>
      <c r="FN700" s="91"/>
      <c r="FO700" s="91"/>
      <c r="FP700" s="91"/>
      <c r="FQ700" s="91"/>
      <c r="FR700" s="91"/>
      <c r="FS700" s="91"/>
      <c r="FT700" s="91"/>
      <c r="FU700" s="91"/>
      <c r="FV700" s="91"/>
      <c r="FW700" s="91"/>
      <c r="FX700" s="91"/>
      <c r="FY700" s="91"/>
      <c r="FZ700" s="91"/>
      <c r="GA700" s="91"/>
      <c r="GB700" s="91"/>
      <c r="GC700" s="91"/>
      <c r="GD700" s="91"/>
      <c r="GE700" s="91"/>
      <c r="GF700" s="91"/>
      <c r="GG700" s="91"/>
      <c r="GH700" s="91"/>
      <c r="GI700" s="91"/>
      <c r="GJ700" s="91"/>
      <c r="GK700" s="127"/>
      <c r="GL700" s="126"/>
      <c r="GM700" s="91"/>
      <c r="GN700" s="91"/>
      <c r="GO700" s="91"/>
      <c r="GP700" s="91"/>
      <c r="GQ700" s="91"/>
      <c r="GR700" s="91"/>
      <c r="GS700" s="91"/>
      <c r="GT700" s="91"/>
      <c r="GU700" s="91"/>
      <c r="GV700" s="91"/>
      <c r="GW700" s="91"/>
      <c r="GX700" s="91"/>
      <c r="GY700" s="91"/>
      <c r="GZ700" s="91"/>
      <c r="HA700" s="91"/>
      <c r="HB700" s="91"/>
      <c r="HC700" s="91"/>
      <c r="HD700" s="91"/>
      <c r="HE700" s="91"/>
      <c r="HF700" s="91"/>
      <c r="HG700" s="91"/>
      <c r="HH700" s="91"/>
      <c r="HI700" s="91"/>
      <c r="HJ700" s="91"/>
      <c r="HK700" s="127"/>
      <c r="HL700" s="126"/>
      <c r="HM700" s="91"/>
      <c r="HN700" s="91"/>
      <c r="HO700" s="91"/>
      <c r="HP700" s="91"/>
      <c r="HQ700" s="91"/>
      <c r="HR700" s="91"/>
      <c r="HS700" s="91"/>
      <c r="HT700" s="91"/>
      <c r="HU700" s="91"/>
      <c r="HV700" s="91"/>
      <c r="HW700" s="91"/>
      <c r="HX700" s="91"/>
      <c r="HY700" s="91"/>
      <c r="HZ700" s="91"/>
      <c r="IA700" s="91"/>
      <c r="IB700" s="91"/>
      <c r="IC700" s="91"/>
      <c r="ID700" s="91"/>
      <c r="IE700" s="91"/>
      <c r="IF700" s="91"/>
      <c r="IG700" s="91"/>
      <c r="IH700" s="91"/>
      <c r="II700" s="91"/>
      <c r="IJ700" s="91"/>
      <c r="IK700" s="127"/>
    </row>
    <row r="701" spans="2:245" x14ac:dyDescent="0.2">
      <c r="B701" s="43"/>
      <c r="C701" s="73"/>
      <c r="D701" s="64"/>
      <c r="E701" s="64"/>
      <c r="F701" s="55"/>
      <c r="G701" s="102"/>
      <c r="H701" s="55"/>
      <c r="I701" s="55"/>
      <c r="J701" s="55"/>
      <c r="K701" s="55"/>
      <c r="L701" s="55"/>
      <c r="M701" s="55"/>
      <c r="N701" s="55"/>
      <c r="O701" s="55"/>
      <c r="P701" s="55"/>
      <c r="Q701" s="55"/>
      <c r="R701" s="55"/>
      <c r="S701" s="55"/>
      <c r="T701" s="55"/>
      <c r="U701" s="55"/>
      <c r="V701" s="55"/>
      <c r="W701" s="55"/>
      <c r="X701" s="55"/>
      <c r="Y701" s="55"/>
      <c r="Z701" s="55"/>
      <c r="AA701" s="55"/>
      <c r="AB701" s="55"/>
      <c r="AC701" s="55"/>
      <c r="AD701" s="55"/>
      <c r="AE701" s="55"/>
      <c r="AF701" s="55"/>
      <c r="AG701" s="55"/>
      <c r="AY701" s="162"/>
      <c r="AZ701" s="162"/>
      <c r="BA701" s="162"/>
      <c r="BB701" s="162"/>
      <c r="BC701" s="162"/>
      <c r="BD701" s="162"/>
      <c r="BE701" s="162"/>
      <c r="BF701" s="162"/>
      <c r="BG701" s="162"/>
      <c r="BH701" s="162"/>
      <c r="BI701" s="162"/>
      <c r="BJ701" s="162"/>
      <c r="BK701" s="162"/>
      <c r="BL701" s="162"/>
      <c r="BM701" s="162"/>
      <c r="BN701" s="162"/>
      <c r="BO701" s="162"/>
      <c r="BP701" s="162"/>
      <c r="BQ701" s="162"/>
      <c r="BR701" s="162"/>
      <c r="BS701" s="162"/>
      <c r="BT701" s="162"/>
      <c r="BU701" s="162"/>
      <c r="BV701" s="162"/>
      <c r="BW701" s="162"/>
      <c r="BX701" s="162"/>
      <c r="BY701" s="162"/>
      <c r="BZ701" s="162"/>
      <c r="CA701" s="162"/>
      <c r="CB701" s="162"/>
      <c r="CC701" s="162"/>
      <c r="CD701" s="162"/>
      <c r="CE701" s="162"/>
      <c r="CF701" s="162"/>
      <c r="CG701" s="162"/>
      <c r="CH701" s="162"/>
      <c r="CI701" s="162"/>
      <c r="CJ701" s="162"/>
      <c r="CK701" s="162"/>
      <c r="CX701" s="98"/>
      <c r="DL701" s="97"/>
      <c r="DX701" s="98"/>
      <c r="EL701" s="97"/>
      <c r="EX701" s="98"/>
      <c r="EY701" s="97"/>
      <c r="FL701" s="126"/>
      <c r="FM701" s="91"/>
      <c r="FN701" s="91"/>
      <c r="FO701" s="91"/>
      <c r="FP701" s="91"/>
      <c r="FQ701" s="91"/>
      <c r="FR701" s="91"/>
      <c r="FS701" s="91"/>
      <c r="FT701" s="91"/>
      <c r="FU701" s="91"/>
      <c r="FV701" s="91"/>
      <c r="FW701" s="91"/>
      <c r="FX701" s="91"/>
      <c r="FY701" s="91"/>
      <c r="FZ701" s="91"/>
      <c r="GA701" s="91"/>
      <c r="GB701" s="91"/>
      <c r="GC701" s="91"/>
      <c r="GD701" s="91"/>
      <c r="GE701" s="91"/>
      <c r="GF701" s="91"/>
      <c r="GG701" s="91"/>
      <c r="GH701" s="91"/>
      <c r="GI701" s="91"/>
      <c r="GJ701" s="91"/>
      <c r="GK701" s="127"/>
      <c r="GL701" s="126"/>
      <c r="GM701" s="91"/>
      <c r="GN701" s="91"/>
      <c r="GO701" s="91"/>
      <c r="GP701" s="91"/>
      <c r="GQ701" s="91"/>
      <c r="GR701" s="91"/>
      <c r="GS701" s="91"/>
      <c r="GT701" s="91"/>
      <c r="GU701" s="91"/>
      <c r="GV701" s="91"/>
      <c r="GW701" s="91"/>
      <c r="GX701" s="91"/>
      <c r="GY701" s="91"/>
      <c r="GZ701" s="91"/>
      <c r="HA701" s="91"/>
      <c r="HB701" s="91"/>
      <c r="HC701" s="91"/>
      <c r="HD701" s="91"/>
      <c r="HE701" s="91"/>
      <c r="HF701" s="91"/>
      <c r="HG701" s="91"/>
      <c r="HH701" s="91"/>
      <c r="HI701" s="91"/>
      <c r="HJ701" s="91"/>
      <c r="HK701" s="127"/>
      <c r="HL701" s="126"/>
      <c r="HM701" s="91"/>
      <c r="HN701" s="91"/>
      <c r="HO701" s="91"/>
      <c r="HP701" s="91"/>
      <c r="HQ701" s="91"/>
      <c r="HR701" s="91"/>
      <c r="HS701" s="91"/>
      <c r="HT701" s="91"/>
      <c r="HU701" s="91"/>
      <c r="HV701" s="91"/>
      <c r="HW701" s="91"/>
      <c r="HX701" s="91"/>
      <c r="HY701" s="91"/>
      <c r="HZ701" s="91"/>
      <c r="IA701" s="91"/>
      <c r="IB701" s="91"/>
      <c r="IC701" s="91"/>
      <c r="ID701" s="91"/>
      <c r="IE701" s="91"/>
      <c r="IF701" s="91"/>
      <c r="IG701" s="91"/>
      <c r="IH701" s="91"/>
      <c r="II701" s="91"/>
      <c r="IJ701" s="91"/>
      <c r="IK701" s="127"/>
    </row>
    <row r="702" spans="2:245" x14ac:dyDescent="0.2">
      <c r="B702" s="43"/>
      <c r="C702" s="73"/>
      <c r="D702" s="64"/>
      <c r="E702" s="64"/>
      <c r="F702" s="55"/>
      <c r="G702" s="102"/>
      <c r="H702" s="55"/>
      <c r="I702" s="55"/>
      <c r="J702" s="55"/>
      <c r="K702" s="55"/>
      <c r="L702" s="55"/>
      <c r="M702" s="55"/>
      <c r="N702" s="55"/>
      <c r="O702" s="55"/>
      <c r="P702" s="55"/>
      <c r="Q702" s="55"/>
      <c r="R702" s="55"/>
      <c r="S702" s="55"/>
      <c r="T702" s="55"/>
      <c r="U702" s="55"/>
      <c r="V702" s="55"/>
      <c r="W702" s="55"/>
      <c r="X702" s="55"/>
      <c r="Y702" s="55"/>
      <c r="Z702" s="55"/>
      <c r="AA702" s="55"/>
      <c r="AB702" s="55"/>
      <c r="AC702" s="55"/>
      <c r="AD702" s="55"/>
      <c r="AE702" s="55"/>
      <c r="AF702" s="55"/>
      <c r="AG702" s="55"/>
      <c r="AY702" s="162"/>
      <c r="AZ702" s="162"/>
      <c r="BA702" s="162"/>
      <c r="BB702" s="162"/>
      <c r="BC702" s="162"/>
      <c r="BD702" s="162"/>
      <c r="BE702" s="162"/>
      <c r="BF702" s="162"/>
      <c r="BG702" s="162"/>
      <c r="BH702" s="162"/>
      <c r="BI702" s="162"/>
      <c r="BJ702" s="162"/>
      <c r="BK702" s="162"/>
      <c r="BL702" s="162"/>
      <c r="BM702" s="162"/>
      <c r="BN702" s="162"/>
      <c r="BO702" s="162"/>
      <c r="BP702" s="162"/>
      <c r="BQ702" s="162"/>
      <c r="BR702" s="162"/>
      <c r="BS702" s="162"/>
      <c r="BT702" s="162"/>
      <c r="BU702" s="162"/>
      <c r="BV702" s="162"/>
      <c r="BW702" s="162"/>
      <c r="BX702" s="162"/>
      <c r="BY702" s="162"/>
      <c r="BZ702" s="162"/>
      <c r="CA702" s="162"/>
      <c r="CB702" s="162"/>
      <c r="CC702" s="162"/>
      <c r="CD702" s="162"/>
      <c r="CE702" s="162"/>
      <c r="CF702" s="162"/>
      <c r="CG702" s="162"/>
      <c r="CH702" s="162"/>
      <c r="CI702" s="162"/>
      <c r="CJ702" s="162"/>
      <c r="CK702" s="162"/>
      <c r="CX702" s="98"/>
      <c r="DL702" s="97"/>
      <c r="DX702" s="98"/>
      <c r="EL702" s="97"/>
      <c r="EX702" s="98"/>
      <c r="EY702" s="97"/>
      <c r="FL702" s="126"/>
      <c r="FM702" s="91"/>
      <c r="FN702" s="91"/>
      <c r="FO702" s="91"/>
      <c r="FP702" s="91"/>
      <c r="FQ702" s="91"/>
      <c r="FR702" s="91"/>
      <c r="FS702" s="91"/>
      <c r="FT702" s="91"/>
      <c r="FU702" s="91"/>
      <c r="FV702" s="91"/>
      <c r="FW702" s="91"/>
      <c r="FX702" s="91"/>
      <c r="FY702" s="91"/>
      <c r="FZ702" s="91"/>
      <c r="GA702" s="91"/>
      <c r="GB702" s="91"/>
      <c r="GC702" s="91"/>
      <c r="GD702" s="91"/>
      <c r="GE702" s="91"/>
      <c r="GF702" s="91"/>
      <c r="GG702" s="91"/>
      <c r="GH702" s="91"/>
      <c r="GI702" s="91"/>
      <c r="GJ702" s="91"/>
      <c r="GK702" s="127"/>
      <c r="GL702" s="126"/>
      <c r="GM702" s="91"/>
      <c r="GN702" s="91"/>
      <c r="GO702" s="91"/>
      <c r="GP702" s="91"/>
      <c r="GQ702" s="91"/>
      <c r="GR702" s="91"/>
      <c r="GS702" s="91"/>
      <c r="GT702" s="91"/>
      <c r="GU702" s="91"/>
      <c r="GV702" s="91"/>
      <c r="GW702" s="91"/>
      <c r="GX702" s="91"/>
      <c r="GY702" s="91"/>
      <c r="GZ702" s="91"/>
      <c r="HA702" s="91"/>
      <c r="HB702" s="91"/>
      <c r="HC702" s="91"/>
      <c r="HD702" s="91"/>
      <c r="HE702" s="91"/>
      <c r="HF702" s="91"/>
      <c r="HG702" s="91"/>
      <c r="HH702" s="91"/>
      <c r="HI702" s="91"/>
      <c r="HJ702" s="91"/>
      <c r="HK702" s="127"/>
      <c r="HL702" s="126"/>
      <c r="HM702" s="91"/>
      <c r="HN702" s="91"/>
      <c r="HO702" s="91"/>
      <c r="HP702" s="91"/>
      <c r="HQ702" s="91"/>
      <c r="HR702" s="91"/>
      <c r="HS702" s="91"/>
      <c r="HT702" s="91"/>
      <c r="HU702" s="91"/>
      <c r="HV702" s="91"/>
      <c r="HW702" s="91"/>
      <c r="HX702" s="91"/>
      <c r="HY702" s="91"/>
      <c r="HZ702" s="91"/>
      <c r="IA702" s="91"/>
      <c r="IB702" s="91"/>
      <c r="IC702" s="91"/>
      <c r="ID702" s="91"/>
      <c r="IE702" s="91"/>
      <c r="IF702" s="91"/>
      <c r="IG702" s="91"/>
      <c r="IH702" s="91"/>
      <c r="II702" s="91"/>
      <c r="IJ702" s="91"/>
      <c r="IK702" s="127"/>
    </row>
    <row r="703" spans="2:245" x14ac:dyDescent="0.2">
      <c r="B703" s="43"/>
      <c r="C703" s="73"/>
      <c r="D703" s="64"/>
      <c r="E703" s="64"/>
      <c r="F703" s="55"/>
      <c r="G703" s="102"/>
      <c r="H703" s="55"/>
      <c r="I703" s="55"/>
      <c r="J703" s="55"/>
      <c r="K703" s="55"/>
      <c r="L703" s="55"/>
      <c r="M703" s="55"/>
      <c r="N703" s="55"/>
      <c r="O703" s="55"/>
      <c r="P703" s="55"/>
      <c r="Q703" s="55"/>
      <c r="R703" s="55"/>
      <c r="S703" s="55"/>
      <c r="T703" s="55"/>
      <c r="U703" s="55"/>
      <c r="V703" s="55"/>
      <c r="W703" s="55"/>
      <c r="X703" s="55"/>
      <c r="Y703" s="55"/>
      <c r="Z703" s="55"/>
      <c r="AA703" s="55"/>
      <c r="AB703" s="55"/>
      <c r="AC703" s="55"/>
      <c r="AD703" s="55"/>
      <c r="AE703" s="55"/>
      <c r="AF703" s="55"/>
      <c r="AG703" s="55"/>
      <c r="AY703" s="162"/>
      <c r="AZ703" s="162"/>
      <c r="BA703" s="162"/>
      <c r="BB703" s="162"/>
      <c r="BC703" s="162"/>
      <c r="BD703" s="162"/>
      <c r="BE703" s="162"/>
      <c r="BF703" s="162"/>
      <c r="BG703" s="162"/>
      <c r="BH703" s="162"/>
      <c r="BI703" s="162"/>
      <c r="BJ703" s="162"/>
      <c r="BK703" s="162"/>
      <c r="BL703" s="162"/>
      <c r="BM703" s="162"/>
      <c r="BN703" s="162"/>
      <c r="BO703" s="162"/>
      <c r="BP703" s="162"/>
      <c r="BQ703" s="162"/>
      <c r="BR703" s="162"/>
      <c r="BS703" s="162"/>
      <c r="BT703" s="162"/>
      <c r="BU703" s="162"/>
      <c r="BV703" s="162"/>
      <c r="BW703" s="162"/>
      <c r="BX703" s="162"/>
      <c r="BY703" s="162"/>
      <c r="BZ703" s="162"/>
      <c r="CA703" s="162"/>
      <c r="CB703" s="162"/>
      <c r="CC703" s="162"/>
      <c r="CD703" s="162"/>
      <c r="CE703" s="162"/>
      <c r="CF703" s="162"/>
      <c r="CG703" s="162"/>
      <c r="CH703" s="162"/>
      <c r="CI703" s="162"/>
      <c r="CJ703" s="162"/>
      <c r="CK703" s="162"/>
      <c r="CX703" s="98"/>
      <c r="DL703" s="97"/>
      <c r="DX703" s="98"/>
      <c r="EL703" s="97"/>
      <c r="EX703" s="98"/>
      <c r="EY703" s="97"/>
      <c r="FL703" s="126"/>
      <c r="FM703" s="91"/>
      <c r="FN703" s="91"/>
      <c r="FO703" s="91"/>
      <c r="FP703" s="91"/>
      <c r="FQ703" s="91"/>
      <c r="FR703" s="91"/>
      <c r="FS703" s="91"/>
      <c r="FT703" s="91"/>
      <c r="FU703" s="91"/>
      <c r="FV703" s="91"/>
      <c r="FW703" s="91"/>
      <c r="FX703" s="91"/>
      <c r="FY703" s="91"/>
      <c r="FZ703" s="91"/>
      <c r="GA703" s="91"/>
      <c r="GB703" s="91"/>
      <c r="GC703" s="91"/>
      <c r="GD703" s="91"/>
      <c r="GE703" s="91"/>
      <c r="GF703" s="91"/>
      <c r="GG703" s="91"/>
      <c r="GH703" s="91"/>
      <c r="GI703" s="91"/>
      <c r="GJ703" s="91"/>
      <c r="GK703" s="127"/>
      <c r="GL703" s="126"/>
      <c r="GM703" s="91"/>
      <c r="GN703" s="91"/>
      <c r="GO703" s="91"/>
      <c r="GP703" s="91"/>
      <c r="GQ703" s="91"/>
      <c r="GR703" s="91"/>
      <c r="GS703" s="91"/>
      <c r="GT703" s="91"/>
      <c r="GU703" s="91"/>
      <c r="GV703" s="91"/>
      <c r="GW703" s="91"/>
      <c r="GX703" s="91"/>
      <c r="GY703" s="91"/>
      <c r="GZ703" s="91"/>
      <c r="HA703" s="91"/>
      <c r="HB703" s="91"/>
      <c r="HC703" s="91"/>
      <c r="HD703" s="91"/>
      <c r="HE703" s="91"/>
      <c r="HF703" s="91"/>
      <c r="HG703" s="91"/>
      <c r="HH703" s="91"/>
      <c r="HI703" s="91"/>
      <c r="HJ703" s="91"/>
      <c r="HK703" s="127"/>
      <c r="HL703" s="126"/>
      <c r="HM703" s="91"/>
      <c r="HN703" s="91"/>
      <c r="HO703" s="91"/>
      <c r="HP703" s="91"/>
      <c r="HQ703" s="91"/>
      <c r="HR703" s="91"/>
      <c r="HS703" s="91"/>
      <c r="HT703" s="91"/>
      <c r="HU703" s="91"/>
      <c r="HV703" s="91"/>
      <c r="HW703" s="91"/>
      <c r="HX703" s="91"/>
      <c r="HY703" s="91"/>
      <c r="HZ703" s="91"/>
      <c r="IA703" s="91"/>
      <c r="IB703" s="91"/>
      <c r="IC703" s="91"/>
      <c r="ID703" s="91"/>
      <c r="IE703" s="91"/>
      <c r="IF703" s="91"/>
      <c r="IG703" s="91"/>
      <c r="IH703" s="91"/>
      <c r="II703" s="91"/>
      <c r="IJ703" s="91"/>
      <c r="IK703" s="127"/>
    </row>
    <row r="704" spans="2:245" x14ac:dyDescent="0.2">
      <c r="B704" s="43"/>
      <c r="C704" s="73"/>
      <c r="D704" s="64"/>
      <c r="E704" s="64"/>
      <c r="F704" s="55"/>
      <c r="G704" s="102"/>
      <c r="H704" s="55"/>
      <c r="I704" s="55"/>
      <c r="J704" s="55"/>
      <c r="K704" s="55"/>
      <c r="L704" s="55"/>
      <c r="M704" s="55"/>
      <c r="N704" s="55"/>
      <c r="O704" s="55"/>
      <c r="P704" s="55"/>
      <c r="Q704" s="55"/>
      <c r="R704" s="55"/>
      <c r="S704" s="55"/>
      <c r="T704" s="55"/>
      <c r="U704" s="55"/>
      <c r="V704" s="55"/>
      <c r="W704" s="55"/>
      <c r="X704" s="55"/>
      <c r="Y704" s="55"/>
      <c r="Z704" s="55"/>
      <c r="AA704" s="55"/>
      <c r="AB704" s="55"/>
      <c r="AC704" s="55"/>
      <c r="AD704" s="55"/>
      <c r="AE704" s="55"/>
      <c r="AF704" s="55"/>
      <c r="AG704" s="55"/>
      <c r="AY704" s="162"/>
      <c r="AZ704" s="162"/>
      <c r="BA704" s="162"/>
      <c r="BB704" s="162"/>
      <c r="BC704" s="162"/>
      <c r="BD704" s="162"/>
      <c r="BE704" s="162"/>
      <c r="BF704" s="162"/>
      <c r="BG704" s="162"/>
      <c r="BH704" s="162"/>
      <c r="BI704" s="162"/>
      <c r="BJ704" s="162"/>
      <c r="BK704" s="162"/>
      <c r="BL704" s="162"/>
      <c r="BM704" s="162"/>
      <c r="BN704" s="162"/>
      <c r="BO704" s="162"/>
      <c r="BP704" s="162"/>
      <c r="BQ704" s="162"/>
      <c r="BR704" s="162"/>
      <c r="BS704" s="162"/>
      <c r="BT704" s="162"/>
      <c r="BU704" s="162"/>
      <c r="BV704" s="162"/>
      <c r="BW704" s="162"/>
      <c r="BX704" s="162"/>
      <c r="BY704" s="162"/>
      <c r="BZ704" s="162"/>
      <c r="CA704" s="162"/>
      <c r="CB704" s="162"/>
      <c r="CC704" s="162"/>
      <c r="CD704" s="162"/>
      <c r="CE704" s="162"/>
      <c r="CF704" s="162"/>
      <c r="CG704" s="162"/>
      <c r="CH704" s="162"/>
      <c r="CI704" s="162"/>
      <c r="CJ704" s="162"/>
      <c r="CK704" s="162"/>
      <c r="CX704" s="98"/>
      <c r="DL704" s="97"/>
      <c r="DX704" s="98"/>
      <c r="EL704" s="97"/>
      <c r="EX704" s="98"/>
      <c r="EY704" s="97"/>
      <c r="FL704" s="126"/>
      <c r="FM704" s="91"/>
      <c r="FN704" s="91"/>
      <c r="FO704" s="91"/>
      <c r="FP704" s="91"/>
      <c r="FQ704" s="91"/>
      <c r="FR704" s="91"/>
      <c r="FS704" s="91"/>
      <c r="FT704" s="91"/>
      <c r="FU704" s="91"/>
      <c r="FV704" s="91"/>
      <c r="FW704" s="91"/>
      <c r="FX704" s="91"/>
      <c r="FY704" s="91"/>
      <c r="FZ704" s="91"/>
      <c r="GA704" s="91"/>
      <c r="GB704" s="91"/>
      <c r="GC704" s="91"/>
      <c r="GD704" s="91"/>
      <c r="GE704" s="91"/>
      <c r="GF704" s="91"/>
      <c r="GG704" s="91"/>
      <c r="GH704" s="91"/>
      <c r="GI704" s="91"/>
      <c r="GJ704" s="91"/>
      <c r="GK704" s="127"/>
      <c r="GL704" s="126"/>
      <c r="GM704" s="91"/>
      <c r="GN704" s="91"/>
      <c r="GO704" s="91"/>
      <c r="GP704" s="91"/>
      <c r="GQ704" s="91"/>
      <c r="GR704" s="91"/>
      <c r="GS704" s="91"/>
      <c r="GT704" s="91"/>
      <c r="GU704" s="91"/>
      <c r="GV704" s="91"/>
      <c r="GW704" s="91"/>
      <c r="GX704" s="91"/>
      <c r="GY704" s="91"/>
      <c r="GZ704" s="91"/>
      <c r="HA704" s="91"/>
      <c r="HB704" s="91"/>
      <c r="HC704" s="91"/>
      <c r="HD704" s="91"/>
      <c r="HE704" s="91"/>
      <c r="HF704" s="91"/>
      <c r="HG704" s="91"/>
      <c r="HH704" s="91"/>
      <c r="HI704" s="91"/>
      <c r="HJ704" s="91"/>
      <c r="HK704" s="127"/>
      <c r="HL704" s="126"/>
      <c r="HM704" s="91"/>
      <c r="HN704" s="91"/>
      <c r="HO704" s="91"/>
      <c r="HP704" s="91"/>
      <c r="HQ704" s="91"/>
      <c r="HR704" s="91"/>
      <c r="HS704" s="91"/>
      <c r="HT704" s="91"/>
      <c r="HU704" s="91"/>
      <c r="HV704" s="91"/>
      <c r="HW704" s="91"/>
      <c r="HX704" s="91"/>
      <c r="HY704" s="91"/>
      <c r="HZ704" s="91"/>
      <c r="IA704" s="91"/>
      <c r="IB704" s="91"/>
      <c r="IC704" s="91"/>
      <c r="ID704" s="91"/>
      <c r="IE704" s="91"/>
      <c r="IF704" s="91"/>
      <c r="IG704" s="91"/>
      <c r="IH704" s="91"/>
      <c r="II704" s="91"/>
      <c r="IJ704" s="91"/>
      <c r="IK704" s="127"/>
    </row>
    <row r="705" spans="2:245" x14ac:dyDescent="0.2">
      <c r="B705" s="43"/>
      <c r="C705" s="73"/>
      <c r="D705" s="64"/>
      <c r="E705" s="64"/>
      <c r="F705" s="55"/>
      <c r="G705" s="102"/>
      <c r="H705" s="55"/>
      <c r="I705" s="55"/>
      <c r="J705" s="55"/>
      <c r="K705" s="55"/>
      <c r="L705" s="55"/>
      <c r="M705" s="55"/>
      <c r="N705" s="55"/>
      <c r="O705" s="55"/>
      <c r="P705" s="55"/>
      <c r="Q705" s="55"/>
      <c r="R705" s="55"/>
      <c r="S705" s="55"/>
      <c r="T705" s="55"/>
      <c r="U705" s="55"/>
      <c r="V705" s="55"/>
      <c r="W705" s="55"/>
      <c r="X705" s="55"/>
      <c r="Y705" s="55"/>
      <c r="Z705" s="55"/>
      <c r="AA705" s="55"/>
      <c r="AB705" s="55"/>
      <c r="AC705" s="55"/>
      <c r="AD705" s="55"/>
      <c r="AE705" s="55"/>
      <c r="AF705" s="55"/>
      <c r="AG705" s="55"/>
      <c r="AY705" s="162"/>
      <c r="AZ705" s="162"/>
      <c r="BA705" s="162"/>
      <c r="BB705" s="162"/>
      <c r="BC705" s="162"/>
      <c r="BD705" s="162"/>
      <c r="BE705" s="162"/>
      <c r="BF705" s="162"/>
      <c r="BG705" s="162"/>
      <c r="BH705" s="162"/>
      <c r="BI705" s="162"/>
      <c r="BJ705" s="162"/>
      <c r="BK705" s="162"/>
      <c r="BL705" s="162"/>
      <c r="BM705" s="162"/>
      <c r="BN705" s="162"/>
      <c r="BO705" s="162"/>
      <c r="BP705" s="162"/>
      <c r="BQ705" s="162"/>
      <c r="BR705" s="162"/>
      <c r="BS705" s="162"/>
      <c r="BT705" s="162"/>
      <c r="BU705" s="162"/>
      <c r="BV705" s="162"/>
      <c r="BW705" s="162"/>
      <c r="BX705" s="162"/>
      <c r="BY705" s="162"/>
      <c r="BZ705" s="162"/>
      <c r="CA705" s="162"/>
      <c r="CB705" s="162"/>
      <c r="CC705" s="162"/>
      <c r="CD705" s="162"/>
      <c r="CE705" s="162"/>
      <c r="CF705" s="162"/>
      <c r="CG705" s="162"/>
      <c r="CH705" s="162"/>
      <c r="CI705" s="162"/>
      <c r="CJ705" s="162"/>
      <c r="CK705" s="162"/>
      <c r="CX705" s="98"/>
      <c r="DL705" s="97"/>
      <c r="DX705" s="98"/>
      <c r="EL705" s="97"/>
      <c r="EX705" s="98"/>
      <c r="EY705" s="97"/>
      <c r="FL705" s="126"/>
      <c r="FM705" s="91"/>
      <c r="FN705" s="91"/>
      <c r="FO705" s="91"/>
      <c r="FP705" s="91"/>
      <c r="FQ705" s="91"/>
      <c r="FR705" s="91"/>
      <c r="FS705" s="91"/>
      <c r="FT705" s="91"/>
      <c r="FU705" s="91"/>
      <c r="FV705" s="91"/>
      <c r="FW705" s="91"/>
      <c r="FX705" s="91"/>
      <c r="FY705" s="91"/>
      <c r="FZ705" s="91"/>
      <c r="GA705" s="91"/>
      <c r="GB705" s="91"/>
      <c r="GC705" s="91"/>
      <c r="GD705" s="91"/>
      <c r="GE705" s="91"/>
      <c r="GF705" s="91"/>
      <c r="GG705" s="91"/>
      <c r="GH705" s="91"/>
      <c r="GI705" s="91"/>
      <c r="GJ705" s="91"/>
      <c r="GK705" s="127"/>
      <c r="GL705" s="126"/>
      <c r="GM705" s="91"/>
      <c r="GN705" s="91"/>
      <c r="GO705" s="91"/>
      <c r="GP705" s="91"/>
      <c r="GQ705" s="91"/>
      <c r="GR705" s="91"/>
      <c r="GS705" s="91"/>
      <c r="GT705" s="91"/>
      <c r="GU705" s="91"/>
      <c r="GV705" s="91"/>
      <c r="GW705" s="91"/>
      <c r="GX705" s="91"/>
      <c r="GY705" s="91"/>
      <c r="GZ705" s="91"/>
      <c r="HA705" s="91"/>
      <c r="HB705" s="91"/>
      <c r="HC705" s="91"/>
      <c r="HD705" s="91"/>
      <c r="HE705" s="91"/>
      <c r="HF705" s="91"/>
      <c r="HG705" s="91"/>
      <c r="HH705" s="91"/>
      <c r="HI705" s="91"/>
      <c r="HJ705" s="91"/>
      <c r="HK705" s="127"/>
      <c r="HL705" s="126"/>
      <c r="HM705" s="91"/>
      <c r="HN705" s="91"/>
      <c r="HO705" s="91"/>
      <c r="HP705" s="91"/>
      <c r="HQ705" s="91"/>
      <c r="HR705" s="91"/>
      <c r="HS705" s="91"/>
      <c r="HT705" s="91"/>
      <c r="HU705" s="91"/>
      <c r="HV705" s="91"/>
      <c r="HW705" s="91"/>
      <c r="HX705" s="91"/>
      <c r="HY705" s="91"/>
      <c r="HZ705" s="91"/>
      <c r="IA705" s="91"/>
      <c r="IB705" s="91"/>
      <c r="IC705" s="91"/>
      <c r="ID705" s="91"/>
      <c r="IE705" s="91"/>
      <c r="IF705" s="91"/>
      <c r="IG705" s="91"/>
      <c r="IH705" s="91"/>
      <c r="II705" s="91"/>
      <c r="IJ705" s="91"/>
      <c r="IK705" s="127"/>
    </row>
    <row r="706" spans="2:245" x14ac:dyDescent="0.2">
      <c r="B706" s="43"/>
      <c r="C706" s="73"/>
      <c r="D706" s="64"/>
      <c r="E706" s="64"/>
      <c r="F706" s="55"/>
      <c r="G706" s="102"/>
      <c r="H706" s="55"/>
      <c r="I706" s="55"/>
      <c r="J706" s="55"/>
      <c r="K706" s="55"/>
      <c r="L706" s="55"/>
      <c r="M706" s="55"/>
      <c r="N706" s="55"/>
      <c r="O706" s="55"/>
      <c r="P706" s="55"/>
      <c r="Q706" s="55"/>
      <c r="R706" s="55"/>
      <c r="S706" s="55"/>
      <c r="T706" s="55"/>
      <c r="U706" s="55"/>
      <c r="V706" s="55"/>
      <c r="W706" s="55"/>
      <c r="X706" s="55"/>
      <c r="Y706" s="55"/>
      <c r="Z706" s="55"/>
      <c r="AA706" s="55"/>
      <c r="AB706" s="55"/>
      <c r="AC706" s="55"/>
      <c r="AD706" s="55"/>
      <c r="AE706" s="55"/>
      <c r="AF706" s="55"/>
      <c r="AG706" s="55"/>
      <c r="AY706" s="162"/>
      <c r="AZ706" s="162"/>
      <c r="BA706" s="162"/>
      <c r="BB706" s="162"/>
      <c r="BC706" s="162"/>
      <c r="BD706" s="162"/>
      <c r="BE706" s="162"/>
      <c r="BF706" s="162"/>
      <c r="BG706" s="162"/>
      <c r="BH706" s="162"/>
      <c r="BI706" s="162"/>
      <c r="BJ706" s="162"/>
      <c r="BK706" s="162"/>
      <c r="BL706" s="162"/>
      <c r="BM706" s="162"/>
      <c r="BN706" s="162"/>
      <c r="BO706" s="162"/>
      <c r="BP706" s="162"/>
      <c r="BQ706" s="162"/>
      <c r="BR706" s="162"/>
      <c r="BS706" s="162"/>
      <c r="BT706" s="162"/>
      <c r="BU706" s="162"/>
      <c r="BV706" s="162"/>
      <c r="BW706" s="162"/>
      <c r="BX706" s="162"/>
      <c r="BY706" s="162"/>
      <c r="BZ706" s="162"/>
      <c r="CA706" s="162"/>
      <c r="CB706" s="162"/>
      <c r="CC706" s="162"/>
      <c r="CD706" s="162"/>
      <c r="CE706" s="162"/>
      <c r="CF706" s="162"/>
      <c r="CG706" s="162"/>
      <c r="CH706" s="162"/>
      <c r="CI706" s="162"/>
      <c r="CJ706" s="162"/>
      <c r="CK706" s="162"/>
      <c r="CX706" s="98"/>
      <c r="DL706" s="97"/>
      <c r="DX706" s="98"/>
      <c r="EL706" s="97"/>
      <c r="EX706" s="98"/>
      <c r="EY706" s="97"/>
      <c r="FL706" s="126"/>
      <c r="FM706" s="91"/>
      <c r="FN706" s="91"/>
      <c r="FO706" s="91"/>
      <c r="FP706" s="91"/>
      <c r="FQ706" s="91"/>
      <c r="FR706" s="91"/>
      <c r="FS706" s="91"/>
      <c r="FT706" s="91"/>
      <c r="FU706" s="91"/>
      <c r="FV706" s="91"/>
      <c r="FW706" s="91"/>
      <c r="FX706" s="91"/>
      <c r="FY706" s="91"/>
      <c r="FZ706" s="91"/>
      <c r="GA706" s="91"/>
      <c r="GB706" s="91"/>
      <c r="GC706" s="91"/>
      <c r="GD706" s="91"/>
      <c r="GE706" s="91"/>
      <c r="GF706" s="91"/>
      <c r="GG706" s="91"/>
      <c r="GH706" s="91"/>
      <c r="GI706" s="91"/>
      <c r="GJ706" s="91"/>
      <c r="GK706" s="127"/>
      <c r="GL706" s="126"/>
      <c r="GM706" s="91"/>
      <c r="GN706" s="91"/>
      <c r="GO706" s="91"/>
      <c r="GP706" s="91"/>
      <c r="GQ706" s="91"/>
      <c r="GR706" s="91"/>
      <c r="GS706" s="91"/>
      <c r="GT706" s="91"/>
      <c r="GU706" s="91"/>
      <c r="GV706" s="91"/>
      <c r="GW706" s="91"/>
      <c r="GX706" s="91"/>
      <c r="GY706" s="91"/>
      <c r="GZ706" s="91"/>
      <c r="HA706" s="91"/>
      <c r="HB706" s="91"/>
      <c r="HC706" s="91"/>
      <c r="HD706" s="91"/>
      <c r="HE706" s="91"/>
      <c r="HF706" s="91"/>
      <c r="HG706" s="91"/>
      <c r="HH706" s="91"/>
      <c r="HI706" s="91"/>
      <c r="HJ706" s="91"/>
      <c r="HK706" s="127"/>
      <c r="HL706" s="126"/>
      <c r="HM706" s="91"/>
      <c r="HN706" s="91"/>
      <c r="HO706" s="91"/>
      <c r="HP706" s="91"/>
      <c r="HQ706" s="91"/>
      <c r="HR706" s="91"/>
      <c r="HS706" s="91"/>
      <c r="HT706" s="91"/>
      <c r="HU706" s="91"/>
      <c r="HV706" s="91"/>
      <c r="HW706" s="91"/>
      <c r="HX706" s="91"/>
      <c r="HY706" s="91"/>
      <c r="HZ706" s="91"/>
      <c r="IA706" s="91"/>
      <c r="IB706" s="91"/>
      <c r="IC706" s="91"/>
      <c r="ID706" s="91"/>
      <c r="IE706" s="91"/>
      <c r="IF706" s="91"/>
      <c r="IG706" s="91"/>
      <c r="IH706" s="91"/>
      <c r="II706" s="91"/>
      <c r="IJ706" s="91"/>
      <c r="IK706" s="127"/>
    </row>
    <row r="707" spans="2:245" x14ac:dyDescent="0.2">
      <c r="B707" s="43"/>
      <c r="C707" s="73"/>
      <c r="D707" s="64"/>
      <c r="E707" s="64"/>
      <c r="F707" s="55"/>
      <c r="G707" s="102"/>
      <c r="H707" s="55"/>
      <c r="I707" s="55"/>
      <c r="J707" s="55"/>
      <c r="K707" s="55"/>
      <c r="L707" s="55"/>
      <c r="M707" s="55"/>
      <c r="N707" s="55"/>
      <c r="O707" s="55"/>
      <c r="P707" s="55"/>
      <c r="Q707" s="55"/>
      <c r="R707" s="55"/>
      <c r="S707" s="55"/>
      <c r="T707" s="55"/>
      <c r="U707" s="55"/>
      <c r="V707" s="55"/>
      <c r="W707" s="55"/>
      <c r="X707" s="55"/>
      <c r="Y707" s="55"/>
      <c r="Z707" s="55"/>
      <c r="AA707" s="55"/>
      <c r="AB707" s="55"/>
      <c r="AC707" s="55"/>
      <c r="AD707" s="55"/>
      <c r="AE707" s="55"/>
      <c r="AF707" s="55"/>
      <c r="AG707" s="55"/>
      <c r="AY707" s="162"/>
      <c r="AZ707" s="162"/>
      <c r="BA707" s="162"/>
      <c r="BB707" s="162"/>
      <c r="BC707" s="162"/>
      <c r="BD707" s="162"/>
      <c r="BE707" s="162"/>
      <c r="BF707" s="162"/>
      <c r="BG707" s="162"/>
      <c r="BH707" s="162"/>
      <c r="BI707" s="162"/>
      <c r="BJ707" s="162"/>
      <c r="BK707" s="162"/>
      <c r="BL707" s="162"/>
      <c r="BM707" s="162"/>
      <c r="BN707" s="162"/>
      <c r="BO707" s="162"/>
      <c r="BP707" s="162"/>
      <c r="BQ707" s="162"/>
      <c r="BR707" s="162"/>
      <c r="BS707" s="162"/>
      <c r="BT707" s="162"/>
      <c r="BU707" s="162"/>
      <c r="BV707" s="162"/>
      <c r="BW707" s="162"/>
      <c r="BX707" s="162"/>
      <c r="BY707" s="162"/>
      <c r="BZ707" s="162"/>
      <c r="CA707" s="162"/>
      <c r="CB707" s="162"/>
      <c r="CC707" s="162"/>
      <c r="CD707" s="162"/>
      <c r="CE707" s="162"/>
      <c r="CF707" s="162"/>
      <c r="CG707" s="162"/>
      <c r="CH707" s="162"/>
      <c r="CI707" s="162"/>
      <c r="CJ707" s="162"/>
      <c r="CK707" s="162"/>
      <c r="CX707" s="98"/>
      <c r="DL707" s="97"/>
      <c r="DX707" s="98"/>
      <c r="EL707" s="97"/>
      <c r="EX707" s="98"/>
      <c r="EY707" s="97"/>
      <c r="FL707" s="126"/>
      <c r="FM707" s="91"/>
      <c r="FN707" s="91"/>
      <c r="FO707" s="91"/>
      <c r="FP707" s="91"/>
      <c r="FQ707" s="91"/>
      <c r="FR707" s="91"/>
      <c r="FS707" s="91"/>
      <c r="FT707" s="91"/>
      <c r="FU707" s="91"/>
      <c r="FV707" s="91"/>
      <c r="FW707" s="91"/>
      <c r="FX707" s="91"/>
      <c r="FY707" s="91"/>
      <c r="FZ707" s="91"/>
      <c r="GA707" s="91"/>
      <c r="GB707" s="91"/>
      <c r="GC707" s="91"/>
      <c r="GD707" s="91"/>
      <c r="GE707" s="91"/>
      <c r="GF707" s="91"/>
      <c r="GG707" s="91"/>
      <c r="GH707" s="91"/>
      <c r="GI707" s="91"/>
      <c r="GJ707" s="91"/>
      <c r="GK707" s="127"/>
      <c r="GL707" s="126"/>
      <c r="GM707" s="91"/>
      <c r="GN707" s="91"/>
      <c r="GO707" s="91"/>
      <c r="GP707" s="91"/>
      <c r="GQ707" s="91"/>
      <c r="GR707" s="91"/>
      <c r="GS707" s="91"/>
      <c r="GT707" s="91"/>
      <c r="GU707" s="91"/>
      <c r="GV707" s="91"/>
      <c r="GW707" s="91"/>
      <c r="GX707" s="91"/>
      <c r="GY707" s="91"/>
      <c r="GZ707" s="91"/>
      <c r="HA707" s="91"/>
      <c r="HB707" s="91"/>
      <c r="HC707" s="91"/>
      <c r="HD707" s="91"/>
      <c r="HE707" s="91"/>
      <c r="HF707" s="91"/>
      <c r="HG707" s="91"/>
      <c r="HH707" s="91"/>
      <c r="HI707" s="91"/>
      <c r="HJ707" s="91"/>
      <c r="HK707" s="127"/>
      <c r="HL707" s="126"/>
      <c r="HM707" s="91"/>
      <c r="HN707" s="91"/>
      <c r="HO707" s="91"/>
      <c r="HP707" s="91"/>
      <c r="HQ707" s="91"/>
      <c r="HR707" s="91"/>
      <c r="HS707" s="91"/>
      <c r="HT707" s="91"/>
      <c r="HU707" s="91"/>
      <c r="HV707" s="91"/>
      <c r="HW707" s="91"/>
      <c r="HX707" s="91"/>
      <c r="HY707" s="91"/>
      <c r="HZ707" s="91"/>
      <c r="IA707" s="91"/>
      <c r="IB707" s="91"/>
      <c r="IC707" s="91"/>
      <c r="ID707" s="91"/>
      <c r="IE707" s="91"/>
      <c r="IF707" s="91"/>
      <c r="IG707" s="91"/>
      <c r="IH707" s="91"/>
      <c r="II707" s="91"/>
      <c r="IJ707" s="91"/>
      <c r="IK707" s="127"/>
    </row>
    <row r="708" spans="2:245" x14ac:dyDescent="0.2">
      <c r="B708" s="43"/>
      <c r="C708" s="73"/>
      <c r="D708" s="64"/>
      <c r="E708" s="64"/>
      <c r="F708" s="55"/>
      <c r="G708" s="102"/>
      <c r="H708" s="55"/>
      <c r="I708" s="55"/>
      <c r="J708" s="55"/>
      <c r="K708" s="55"/>
      <c r="L708" s="55"/>
      <c r="M708" s="55"/>
      <c r="N708" s="55"/>
      <c r="O708" s="55"/>
      <c r="P708" s="55"/>
      <c r="Q708" s="55"/>
      <c r="R708" s="55"/>
      <c r="S708" s="55"/>
      <c r="T708" s="55"/>
      <c r="U708" s="55"/>
      <c r="V708" s="55"/>
      <c r="W708" s="55"/>
      <c r="X708" s="55"/>
      <c r="Y708" s="55"/>
      <c r="Z708" s="55"/>
      <c r="AA708" s="55"/>
      <c r="AB708" s="55"/>
      <c r="AC708" s="55"/>
      <c r="AD708" s="55"/>
      <c r="AE708" s="55"/>
      <c r="AF708" s="55"/>
      <c r="AG708" s="55"/>
      <c r="AY708" s="162"/>
      <c r="AZ708" s="162"/>
      <c r="BA708" s="162"/>
      <c r="BB708" s="162"/>
      <c r="BC708" s="162"/>
      <c r="BD708" s="162"/>
      <c r="BE708" s="162"/>
      <c r="BF708" s="162"/>
      <c r="BG708" s="162"/>
      <c r="BH708" s="162"/>
      <c r="BI708" s="162"/>
      <c r="BJ708" s="162"/>
      <c r="BK708" s="162"/>
      <c r="BL708" s="162"/>
      <c r="BM708" s="162"/>
      <c r="BN708" s="162"/>
      <c r="BO708" s="162"/>
      <c r="BP708" s="162"/>
      <c r="BQ708" s="162"/>
      <c r="BR708" s="162"/>
      <c r="BS708" s="162"/>
      <c r="BT708" s="162"/>
      <c r="BU708" s="162"/>
      <c r="BV708" s="162"/>
      <c r="BW708" s="162"/>
      <c r="BX708" s="162"/>
      <c r="BY708" s="162"/>
      <c r="BZ708" s="162"/>
      <c r="CA708" s="162"/>
      <c r="CB708" s="162"/>
      <c r="CC708" s="162"/>
      <c r="CD708" s="162"/>
      <c r="CE708" s="162"/>
      <c r="CF708" s="162"/>
      <c r="CG708" s="162"/>
      <c r="CH708" s="162"/>
      <c r="CI708" s="162"/>
      <c r="CJ708" s="162"/>
      <c r="CK708" s="162"/>
      <c r="CX708" s="98"/>
      <c r="DL708" s="97"/>
      <c r="DX708" s="98"/>
      <c r="EL708" s="97"/>
      <c r="EX708" s="98"/>
      <c r="EY708" s="97"/>
      <c r="FL708" s="126"/>
      <c r="FM708" s="91"/>
      <c r="FN708" s="91"/>
      <c r="FO708" s="91"/>
      <c r="FP708" s="91"/>
      <c r="FQ708" s="91"/>
      <c r="FR708" s="91"/>
      <c r="FS708" s="91"/>
      <c r="FT708" s="91"/>
      <c r="FU708" s="91"/>
      <c r="FV708" s="91"/>
      <c r="FW708" s="91"/>
      <c r="FX708" s="91"/>
      <c r="FY708" s="91"/>
      <c r="FZ708" s="91"/>
      <c r="GA708" s="91"/>
      <c r="GB708" s="91"/>
      <c r="GC708" s="91"/>
      <c r="GD708" s="91"/>
      <c r="GE708" s="91"/>
      <c r="GF708" s="91"/>
      <c r="GG708" s="91"/>
      <c r="GH708" s="91"/>
      <c r="GI708" s="91"/>
      <c r="GJ708" s="91"/>
      <c r="GK708" s="127"/>
      <c r="GL708" s="126"/>
      <c r="GM708" s="91"/>
      <c r="GN708" s="91"/>
      <c r="GO708" s="91"/>
      <c r="GP708" s="91"/>
      <c r="GQ708" s="91"/>
      <c r="GR708" s="91"/>
      <c r="GS708" s="91"/>
      <c r="GT708" s="91"/>
      <c r="GU708" s="91"/>
      <c r="GV708" s="91"/>
      <c r="GW708" s="91"/>
      <c r="GX708" s="91"/>
      <c r="GY708" s="91"/>
      <c r="GZ708" s="91"/>
      <c r="HA708" s="91"/>
      <c r="HB708" s="91"/>
      <c r="HC708" s="91"/>
      <c r="HD708" s="91"/>
      <c r="HE708" s="91"/>
      <c r="HF708" s="91"/>
      <c r="HG708" s="91"/>
      <c r="HH708" s="91"/>
      <c r="HI708" s="91"/>
      <c r="HJ708" s="91"/>
      <c r="HK708" s="127"/>
      <c r="HL708" s="126"/>
      <c r="HM708" s="91"/>
      <c r="HN708" s="91"/>
      <c r="HO708" s="91"/>
      <c r="HP708" s="91"/>
      <c r="HQ708" s="91"/>
      <c r="HR708" s="91"/>
      <c r="HS708" s="91"/>
      <c r="HT708" s="91"/>
      <c r="HU708" s="91"/>
      <c r="HV708" s="91"/>
      <c r="HW708" s="91"/>
      <c r="HX708" s="91"/>
      <c r="HY708" s="91"/>
      <c r="HZ708" s="91"/>
      <c r="IA708" s="91"/>
      <c r="IB708" s="91"/>
      <c r="IC708" s="91"/>
      <c r="ID708" s="91"/>
      <c r="IE708" s="91"/>
      <c r="IF708" s="91"/>
      <c r="IG708" s="91"/>
      <c r="IH708" s="91"/>
      <c r="II708" s="91"/>
      <c r="IJ708" s="91"/>
      <c r="IK708" s="127"/>
    </row>
    <row r="709" spans="2:245" x14ac:dyDescent="0.2">
      <c r="B709" s="43"/>
      <c r="C709" s="73"/>
      <c r="D709" s="64"/>
      <c r="E709" s="64"/>
      <c r="F709" s="55"/>
      <c r="G709" s="102"/>
      <c r="H709" s="55"/>
      <c r="I709" s="55"/>
      <c r="J709" s="55"/>
      <c r="K709" s="55"/>
      <c r="L709" s="55"/>
      <c r="M709" s="55"/>
      <c r="N709" s="55"/>
      <c r="O709" s="55"/>
      <c r="P709" s="55"/>
      <c r="Q709" s="55"/>
      <c r="R709" s="55"/>
      <c r="S709" s="55"/>
      <c r="T709" s="55"/>
      <c r="U709" s="55"/>
      <c r="V709" s="55"/>
      <c r="W709" s="55"/>
      <c r="X709" s="55"/>
      <c r="Y709" s="55"/>
      <c r="Z709" s="55"/>
      <c r="AA709" s="55"/>
      <c r="AB709" s="55"/>
      <c r="AC709" s="55"/>
      <c r="AD709" s="55"/>
      <c r="AE709" s="55"/>
      <c r="AF709" s="55"/>
      <c r="AG709" s="55"/>
      <c r="AY709" s="162"/>
      <c r="AZ709" s="162"/>
      <c r="BA709" s="162"/>
      <c r="BB709" s="162"/>
      <c r="BC709" s="162"/>
      <c r="BD709" s="162"/>
      <c r="BE709" s="162"/>
      <c r="BF709" s="162"/>
      <c r="BG709" s="162"/>
      <c r="BH709" s="162"/>
      <c r="BI709" s="162"/>
      <c r="BJ709" s="162"/>
      <c r="BK709" s="162"/>
      <c r="BL709" s="162"/>
      <c r="BM709" s="162"/>
      <c r="BN709" s="162"/>
      <c r="BO709" s="162"/>
      <c r="BP709" s="162"/>
      <c r="BQ709" s="162"/>
      <c r="BR709" s="162"/>
      <c r="BS709" s="162"/>
      <c r="BT709" s="162"/>
      <c r="BU709" s="162"/>
      <c r="BV709" s="162"/>
      <c r="BW709" s="162"/>
      <c r="BX709" s="162"/>
      <c r="BY709" s="162"/>
      <c r="BZ709" s="162"/>
      <c r="CA709" s="162"/>
      <c r="CB709" s="162"/>
      <c r="CC709" s="162"/>
      <c r="CD709" s="162"/>
      <c r="CE709" s="162"/>
      <c r="CF709" s="162"/>
      <c r="CG709" s="162"/>
      <c r="CH709" s="162"/>
      <c r="CI709" s="162"/>
      <c r="CJ709" s="162"/>
      <c r="CK709" s="162"/>
      <c r="CX709" s="98"/>
      <c r="DL709" s="97"/>
      <c r="DX709" s="98"/>
      <c r="EL709" s="97"/>
      <c r="EX709" s="98"/>
      <c r="EY709" s="97"/>
      <c r="FL709" s="126"/>
      <c r="FM709" s="91"/>
      <c r="FN709" s="91"/>
      <c r="FO709" s="91"/>
      <c r="FP709" s="91"/>
      <c r="FQ709" s="91"/>
      <c r="FR709" s="91"/>
      <c r="FS709" s="91"/>
      <c r="FT709" s="91"/>
      <c r="FU709" s="91"/>
      <c r="FV709" s="91"/>
      <c r="FW709" s="91"/>
      <c r="FX709" s="91"/>
      <c r="FY709" s="91"/>
      <c r="FZ709" s="91"/>
      <c r="GA709" s="91"/>
      <c r="GB709" s="91"/>
      <c r="GC709" s="91"/>
      <c r="GD709" s="91"/>
      <c r="GE709" s="91"/>
      <c r="GF709" s="91"/>
      <c r="GG709" s="91"/>
      <c r="GH709" s="91"/>
      <c r="GI709" s="91"/>
      <c r="GJ709" s="91"/>
      <c r="GK709" s="127"/>
      <c r="GL709" s="126"/>
      <c r="GM709" s="91"/>
      <c r="GN709" s="91"/>
      <c r="GO709" s="91"/>
      <c r="GP709" s="91"/>
      <c r="GQ709" s="91"/>
      <c r="GR709" s="91"/>
      <c r="GS709" s="91"/>
      <c r="GT709" s="91"/>
      <c r="GU709" s="91"/>
      <c r="GV709" s="91"/>
      <c r="GW709" s="91"/>
      <c r="GX709" s="91"/>
      <c r="GY709" s="91"/>
      <c r="GZ709" s="91"/>
      <c r="HA709" s="91"/>
      <c r="HB709" s="91"/>
      <c r="HC709" s="91"/>
      <c r="HD709" s="91"/>
      <c r="HE709" s="91"/>
      <c r="HF709" s="91"/>
      <c r="HG709" s="91"/>
      <c r="HH709" s="91"/>
      <c r="HI709" s="91"/>
      <c r="HJ709" s="91"/>
      <c r="HK709" s="127"/>
      <c r="HL709" s="126"/>
      <c r="HM709" s="91"/>
      <c r="HN709" s="91"/>
      <c r="HO709" s="91"/>
      <c r="HP709" s="91"/>
      <c r="HQ709" s="91"/>
      <c r="HR709" s="91"/>
      <c r="HS709" s="91"/>
      <c r="HT709" s="91"/>
      <c r="HU709" s="91"/>
      <c r="HV709" s="91"/>
      <c r="HW709" s="91"/>
      <c r="HX709" s="91"/>
      <c r="HY709" s="91"/>
      <c r="HZ709" s="91"/>
      <c r="IA709" s="91"/>
      <c r="IB709" s="91"/>
      <c r="IC709" s="91"/>
      <c r="ID709" s="91"/>
      <c r="IE709" s="91"/>
      <c r="IF709" s="91"/>
      <c r="IG709" s="91"/>
      <c r="IH709" s="91"/>
      <c r="II709" s="91"/>
      <c r="IJ709" s="91"/>
      <c r="IK709" s="127"/>
    </row>
    <row r="710" spans="2:245" x14ac:dyDescent="0.2">
      <c r="B710" s="43"/>
      <c r="C710" s="73"/>
      <c r="D710" s="64"/>
      <c r="E710" s="64"/>
      <c r="F710" s="55"/>
      <c r="G710" s="102"/>
      <c r="H710" s="55"/>
      <c r="I710" s="55"/>
      <c r="J710" s="55"/>
      <c r="K710" s="55"/>
      <c r="L710" s="55"/>
      <c r="M710" s="55"/>
      <c r="N710" s="55"/>
      <c r="O710" s="55"/>
      <c r="P710" s="55"/>
      <c r="Q710" s="55"/>
      <c r="R710" s="55"/>
      <c r="S710" s="55"/>
      <c r="T710" s="55"/>
      <c r="U710" s="55"/>
      <c r="V710" s="55"/>
      <c r="W710" s="55"/>
      <c r="X710" s="55"/>
      <c r="Y710" s="55"/>
      <c r="Z710" s="55"/>
      <c r="AA710" s="55"/>
      <c r="AB710" s="55"/>
      <c r="AC710" s="55"/>
      <c r="AD710" s="55"/>
      <c r="AE710" s="55"/>
      <c r="AF710" s="55"/>
      <c r="AG710" s="55"/>
      <c r="AY710" s="162"/>
      <c r="AZ710" s="162"/>
      <c r="BA710" s="162"/>
      <c r="BB710" s="162"/>
      <c r="BC710" s="162"/>
      <c r="BD710" s="162"/>
      <c r="BE710" s="162"/>
      <c r="BF710" s="162"/>
      <c r="BG710" s="162"/>
      <c r="BH710" s="162"/>
      <c r="BI710" s="162"/>
      <c r="BJ710" s="162"/>
      <c r="BK710" s="162"/>
      <c r="BL710" s="162"/>
      <c r="BM710" s="162"/>
      <c r="BN710" s="162"/>
      <c r="BO710" s="162"/>
      <c r="BP710" s="162"/>
      <c r="BQ710" s="162"/>
      <c r="BR710" s="162"/>
      <c r="BS710" s="162"/>
      <c r="BT710" s="162"/>
      <c r="BU710" s="162"/>
      <c r="BV710" s="162"/>
      <c r="BW710" s="162"/>
      <c r="BX710" s="162"/>
      <c r="BY710" s="162"/>
      <c r="BZ710" s="162"/>
      <c r="CA710" s="162"/>
      <c r="CB710" s="162"/>
      <c r="CC710" s="162"/>
      <c r="CD710" s="162"/>
      <c r="CE710" s="162"/>
      <c r="CF710" s="162"/>
      <c r="CG710" s="162"/>
      <c r="CH710" s="162"/>
      <c r="CI710" s="162"/>
      <c r="CJ710" s="162"/>
      <c r="CK710" s="162"/>
      <c r="CX710" s="98"/>
      <c r="DL710" s="97"/>
      <c r="DX710" s="98"/>
      <c r="EL710" s="97"/>
      <c r="EX710" s="98"/>
      <c r="EY710" s="97"/>
      <c r="FL710" s="126"/>
      <c r="FM710" s="91"/>
      <c r="FN710" s="91"/>
      <c r="FO710" s="91"/>
      <c r="FP710" s="91"/>
      <c r="FQ710" s="91"/>
      <c r="FR710" s="91"/>
      <c r="FS710" s="91"/>
      <c r="FT710" s="91"/>
      <c r="FU710" s="91"/>
      <c r="FV710" s="91"/>
      <c r="FW710" s="91"/>
      <c r="FX710" s="91"/>
      <c r="FY710" s="91"/>
      <c r="FZ710" s="91"/>
      <c r="GA710" s="91"/>
      <c r="GB710" s="91"/>
      <c r="GC710" s="91"/>
      <c r="GD710" s="91"/>
      <c r="GE710" s="91"/>
      <c r="GF710" s="91"/>
      <c r="GG710" s="91"/>
      <c r="GH710" s="91"/>
      <c r="GI710" s="91"/>
      <c r="GJ710" s="91"/>
      <c r="GK710" s="127"/>
      <c r="GL710" s="126"/>
      <c r="GM710" s="91"/>
      <c r="GN710" s="91"/>
      <c r="GO710" s="91"/>
      <c r="GP710" s="91"/>
      <c r="GQ710" s="91"/>
      <c r="GR710" s="91"/>
      <c r="GS710" s="91"/>
      <c r="GT710" s="91"/>
      <c r="GU710" s="91"/>
      <c r="GV710" s="91"/>
      <c r="GW710" s="91"/>
      <c r="GX710" s="91"/>
      <c r="GY710" s="91"/>
      <c r="GZ710" s="91"/>
      <c r="HA710" s="91"/>
      <c r="HB710" s="91"/>
      <c r="HC710" s="91"/>
      <c r="HD710" s="91"/>
      <c r="HE710" s="91"/>
      <c r="HF710" s="91"/>
      <c r="HG710" s="91"/>
      <c r="HH710" s="91"/>
      <c r="HI710" s="91"/>
      <c r="HJ710" s="91"/>
      <c r="HK710" s="127"/>
      <c r="HL710" s="126"/>
      <c r="HM710" s="91"/>
      <c r="HN710" s="91"/>
      <c r="HO710" s="91"/>
      <c r="HP710" s="91"/>
      <c r="HQ710" s="91"/>
      <c r="HR710" s="91"/>
      <c r="HS710" s="91"/>
      <c r="HT710" s="91"/>
      <c r="HU710" s="91"/>
      <c r="HV710" s="91"/>
      <c r="HW710" s="91"/>
      <c r="HX710" s="91"/>
      <c r="HY710" s="91"/>
      <c r="HZ710" s="91"/>
      <c r="IA710" s="91"/>
      <c r="IB710" s="91"/>
      <c r="IC710" s="91"/>
      <c r="ID710" s="91"/>
      <c r="IE710" s="91"/>
      <c r="IF710" s="91"/>
      <c r="IG710" s="91"/>
      <c r="IH710" s="91"/>
      <c r="II710" s="91"/>
      <c r="IJ710" s="91"/>
      <c r="IK710" s="127"/>
    </row>
    <row r="711" spans="2:245" x14ac:dyDescent="0.2">
      <c r="B711" s="43"/>
      <c r="C711" s="73"/>
      <c r="D711" s="64"/>
      <c r="E711" s="64"/>
      <c r="F711" s="55"/>
      <c r="G711" s="102"/>
      <c r="H711" s="55"/>
      <c r="I711" s="55"/>
      <c r="J711" s="55"/>
      <c r="K711" s="55"/>
      <c r="L711" s="55"/>
      <c r="M711" s="55"/>
      <c r="N711" s="55"/>
      <c r="O711" s="55"/>
      <c r="P711" s="55"/>
      <c r="Q711" s="55"/>
      <c r="R711" s="55"/>
      <c r="S711" s="55"/>
      <c r="T711" s="55"/>
      <c r="U711" s="55"/>
      <c r="V711" s="55"/>
      <c r="W711" s="55"/>
      <c r="X711" s="55"/>
      <c r="Y711" s="55"/>
      <c r="Z711" s="55"/>
      <c r="AA711" s="55"/>
      <c r="AB711" s="55"/>
      <c r="AC711" s="55"/>
      <c r="AD711" s="55"/>
      <c r="AE711" s="55"/>
      <c r="AF711" s="55"/>
      <c r="AG711" s="55"/>
      <c r="AY711" s="162"/>
      <c r="AZ711" s="162"/>
      <c r="BA711" s="162"/>
      <c r="BB711" s="162"/>
      <c r="BC711" s="162"/>
      <c r="BD711" s="162"/>
      <c r="BE711" s="162"/>
      <c r="BF711" s="162"/>
      <c r="BG711" s="162"/>
      <c r="BH711" s="162"/>
      <c r="BI711" s="162"/>
      <c r="BJ711" s="162"/>
      <c r="BK711" s="162"/>
      <c r="BL711" s="162"/>
      <c r="BM711" s="162"/>
      <c r="BN711" s="162"/>
      <c r="BO711" s="162"/>
      <c r="BP711" s="162"/>
      <c r="BQ711" s="162"/>
      <c r="BR711" s="162"/>
      <c r="BS711" s="162"/>
      <c r="BT711" s="162"/>
      <c r="BU711" s="162"/>
      <c r="BV711" s="162"/>
      <c r="BW711" s="162"/>
      <c r="BX711" s="162"/>
      <c r="BY711" s="162"/>
      <c r="BZ711" s="162"/>
      <c r="CA711" s="162"/>
      <c r="CB711" s="162"/>
      <c r="CC711" s="162"/>
      <c r="CD711" s="162"/>
      <c r="CE711" s="162"/>
      <c r="CF711" s="162"/>
      <c r="CG711" s="162"/>
      <c r="CH711" s="162"/>
      <c r="CI711" s="162"/>
      <c r="CJ711" s="162"/>
      <c r="CK711" s="162"/>
      <c r="CX711" s="98"/>
      <c r="DL711" s="97"/>
      <c r="DX711" s="98"/>
      <c r="EL711" s="97"/>
      <c r="EX711" s="98"/>
      <c r="EY711" s="97"/>
      <c r="FL711" s="126"/>
      <c r="FM711" s="91"/>
      <c r="FN711" s="91"/>
      <c r="FO711" s="91"/>
      <c r="FP711" s="91"/>
      <c r="FQ711" s="91"/>
      <c r="FR711" s="91"/>
      <c r="FS711" s="91"/>
      <c r="FT711" s="91"/>
      <c r="FU711" s="91"/>
      <c r="FV711" s="91"/>
      <c r="FW711" s="91"/>
      <c r="FX711" s="91"/>
      <c r="FY711" s="91"/>
      <c r="FZ711" s="91"/>
      <c r="GA711" s="91"/>
      <c r="GB711" s="91"/>
      <c r="GC711" s="91"/>
      <c r="GD711" s="91"/>
      <c r="GE711" s="91"/>
      <c r="GF711" s="91"/>
      <c r="GG711" s="91"/>
      <c r="GH711" s="91"/>
      <c r="GI711" s="91"/>
      <c r="GJ711" s="91"/>
      <c r="GK711" s="127"/>
      <c r="GL711" s="126"/>
      <c r="GM711" s="91"/>
      <c r="GN711" s="91"/>
      <c r="GO711" s="91"/>
      <c r="GP711" s="91"/>
      <c r="GQ711" s="91"/>
      <c r="GR711" s="91"/>
      <c r="GS711" s="91"/>
      <c r="GT711" s="91"/>
      <c r="GU711" s="91"/>
      <c r="GV711" s="91"/>
      <c r="GW711" s="91"/>
      <c r="GX711" s="91"/>
      <c r="GY711" s="91"/>
      <c r="GZ711" s="91"/>
      <c r="HA711" s="91"/>
      <c r="HB711" s="91"/>
      <c r="HC711" s="91"/>
      <c r="HD711" s="91"/>
      <c r="HE711" s="91"/>
      <c r="HF711" s="91"/>
      <c r="HG711" s="91"/>
      <c r="HH711" s="91"/>
      <c r="HI711" s="91"/>
      <c r="HJ711" s="91"/>
      <c r="HK711" s="127"/>
      <c r="HL711" s="126"/>
      <c r="HM711" s="91"/>
      <c r="HN711" s="91"/>
      <c r="HO711" s="91"/>
      <c r="HP711" s="91"/>
      <c r="HQ711" s="91"/>
      <c r="HR711" s="91"/>
      <c r="HS711" s="91"/>
      <c r="HT711" s="91"/>
      <c r="HU711" s="91"/>
      <c r="HV711" s="91"/>
      <c r="HW711" s="91"/>
      <c r="HX711" s="91"/>
      <c r="HY711" s="91"/>
      <c r="HZ711" s="91"/>
      <c r="IA711" s="91"/>
      <c r="IB711" s="91"/>
      <c r="IC711" s="91"/>
      <c r="ID711" s="91"/>
      <c r="IE711" s="91"/>
      <c r="IF711" s="91"/>
      <c r="IG711" s="91"/>
      <c r="IH711" s="91"/>
      <c r="II711" s="91"/>
      <c r="IJ711" s="91"/>
      <c r="IK711" s="127"/>
    </row>
    <row r="712" spans="2:245" x14ac:dyDescent="0.2">
      <c r="B712" s="43"/>
      <c r="C712" s="73"/>
      <c r="D712" s="64"/>
      <c r="E712" s="64"/>
      <c r="F712" s="55"/>
      <c r="G712" s="102"/>
      <c r="H712" s="55"/>
      <c r="I712" s="55"/>
      <c r="J712" s="55"/>
      <c r="K712" s="55"/>
      <c r="L712" s="55"/>
      <c r="M712" s="55"/>
      <c r="N712" s="55"/>
      <c r="O712" s="55"/>
      <c r="P712" s="55"/>
      <c r="Q712" s="55"/>
      <c r="R712" s="55"/>
      <c r="S712" s="55"/>
      <c r="T712" s="55"/>
      <c r="U712" s="55"/>
      <c r="V712" s="55"/>
      <c r="W712" s="55"/>
      <c r="X712" s="55"/>
      <c r="Y712" s="55"/>
      <c r="Z712" s="55"/>
      <c r="AA712" s="55"/>
      <c r="AB712" s="55"/>
      <c r="AC712" s="55"/>
      <c r="AD712" s="55"/>
      <c r="AE712" s="55"/>
      <c r="AF712" s="55"/>
      <c r="AG712" s="55"/>
      <c r="AY712" s="162"/>
      <c r="AZ712" s="162"/>
      <c r="BA712" s="162"/>
      <c r="BB712" s="162"/>
      <c r="BC712" s="162"/>
      <c r="BD712" s="162"/>
      <c r="BE712" s="162"/>
      <c r="BF712" s="162"/>
      <c r="BG712" s="162"/>
      <c r="BH712" s="162"/>
      <c r="BI712" s="162"/>
      <c r="BJ712" s="162"/>
      <c r="BK712" s="162"/>
      <c r="BL712" s="162"/>
      <c r="BM712" s="162"/>
      <c r="BN712" s="162"/>
      <c r="BO712" s="162"/>
      <c r="BP712" s="162"/>
      <c r="BQ712" s="162"/>
      <c r="BR712" s="162"/>
      <c r="BS712" s="162"/>
      <c r="BT712" s="162"/>
      <c r="BU712" s="162"/>
      <c r="BV712" s="162"/>
      <c r="BW712" s="162"/>
      <c r="BX712" s="162"/>
      <c r="BY712" s="162"/>
      <c r="BZ712" s="162"/>
      <c r="CA712" s="162"/>
      <c r="CB712" s="162"/>
      <c r="CC712" s="162"/>
      <c r="CD712" s="162"/>
      <c r="CE712" s="162"/>
      <c r="CF712" s="162"/>
      <c r="CG712" s="162"/>
      <c r="CH712" s="162"/>
      <c r="CI712" s="162"/>
      <c r="CJ712" s="162"/>
      <c r="CK712" s="162"/>
      <c r="CX712" s="98"/>
      <c r="DL712" s="97"/>
      <c r="DX712" s="98"/>
      <c r="EL712" s="97"/>
      <c r="EX712" s="98"/>
      <c r="EY712" s="97"/>
      <c r="FL712" s="126"/>
      <c r="FM712" s="91"/>
      <c r="FN712" s="91"/>
      <c r="FO712" s="91"/>
      <c r="FP712" s="91"/>
      <c r="FQ712" s="91"/>
      <c r="FR712" s="91"/>
      <c r="FS712" s="91"/>
      <c r="FT712" s="91"/>
      <c r="FU712" s="91"/>
      <c r="FV712" s="91"/>
      <c r="FW712" s="91"/>
      <c r="FX712" s="91"/>
      <c r="FY712" s="91"/>
      <c r="FZ712" s="91"/>
      <c r="GA712" s="91"/>
      <c r="GB712" s="91"/>
      <c r="GC712" s="91"/>
      <c r="GD712" s="91"/>
      <c r="GE712" s="91"/>
      <c r="GF712" s="91"/>
      <c r="GG712" s="91"/>
      <c r="GH712" s="91"/>
      <c r="GI712" s="91"/>
      <c r="GJ712" s="91"/>
      <c r="GK712" s="127"/>
      <c r="GL712" s="126"/>
      <c r="GM712" s="91"/>
      <c r="GN712" s="91"/>
      <c r="GO712" s="91"/>
      <c r="GP712" s="91"/>
      <c r="GQ712" s="91"/>
      <c r="GR712" s="91"/>
      <c r="GS712" s="91"/>
      <c r="GT712" s="91"/>
      <c r="GU712" s="91"/>
      <c r="GV712" s="91"/>
      <c r="GW712" s="91"/>
      <c r="GX712" s="91"/>
      <c r="GY712" s="91"/>
      <c r="GZ712" s="91"/>
      <c r="HA712" s="91"/>
      <c r="HB712" s="91"/>
      <c r="HC712" s="91"/>
      <c r="HD712" s="91"/>
      <c r="HE712" s="91"/>
      <c r="HF712" s="91"/>
      <c r="HG712" s="91"/>
      <c r="HH712" s="91"/>
      <c r="HI712" s="91"/>
      <c r="HJ712" s="91"/>
      <c r="HK712" s="127"/>
      <c r="HL712" s="126"/>
      <c r="HM712" s="91"/>
      <c r="HN712" s="91"/>
      <c r="HO712" s="91"/>
      <c r="HP712" s="91"/>
      <c r="HQ712" s="91"/>
      <c r="HR712" s="91"/>
      <c r="HS712" s="91"/>
      <c r="HT712" s="91"/>
      <c r="HU712" s="91"/>
      <c r="HV712" s="91"/>
      <c r="HW712" s="91"/>
      <c r="HX712" s="91"/>
      <c r="HY712" s="91"/>
      <c r="HZ712" s="91"/>
      <c r="IA712" s="91"/>
      <c r="IB712" s="91"/>
      <c r="IC712" s="91"/>
      <c r="ID712" s="91"/>
      <c r="IE712" s="91"/>
      <c r="IF712" s="91"/>
      <c r="IG712" s="91"/>
      <c r="IH712" s="91"/>
      <c r="II712" s="91"/>
      <c r="IJ712" s="91"/>
      <c r="IK712" s="127"/>
    </row>
    <row r="713" spans="2:245" x14ac:dyDescent="0.2">
      <c r="B713" s="43"/>
      <c r="C713" s="73"/>
      <c r="D713" s="64"/>
      <c r="E713" s="64"/>
      <c r="F713" s="55"/>
      <c r="G713" s="102"/>
      <c r="H713" s="55"/>
      <c r="I713" s="55"/>
      <c r="J713" s="55"/>
      <c r="K713" s="55"/>
      <c r="L713" s="55"/>
      <c r="M713" s="55"/>
      <c r="N713" s="55"/>
      <c r="O713" s="55"/>
      <c r="P713" s="55"/>
      <c r="Q713" s="55"/>
      <c r="R713" s="55"/>
      <c r="S713" s="55"/>
      <c r="T713" s="55"/>
      <c r="U713" s="55"/>
      <c r="V713" s="55"/>
      <c r="W713" s="55"/>
      <c r="X713" s="55"/>
      <c r="Y713" s="55"/>
      <c r="Z713" s="55"/>
      <c r="AA713" s="55"/>
      <c r="AB713" s="55"/>
      <c r="AC713" s="55"/>
      <c r="AD713" s="55"/>
      <c r="AE713" s="55"/>
      <c r="AF713" s="55"/>
      <c r="AG713" s="55"/>
      <c r="AY713" s="162"/>
      <c r="AZ713" s="162"/>
      <c r="BA713" s="162"/>
      <c r="BB713" s="162"/>
      <c r="BC713" s="162"/>
      <c r="BD713" s="162"/>
      <c r="BE713" s="162"/>
      <c r="BF713" s="162"/>
      <c r="BG713" s="162"/>
      <c r="BH713" s="162"/>
      <c r="BI713" s="162"/>
      <c r="BJ713" s="162"/>
      <c r="BK713" s="162"/>
      <c r="BL713" s="162"/>
      <c r="BM713" s="162"/>
      <c r="BN713" s="162"/>
      <c r="BO713" s="162"/>
      <c r="BP713" s="162"/>
      <c r="BQ713" s="162"/>
      <c r="BR713" s="162"/>
      <c r="BS713" s="162"/>
      <c r="BT713" s="162"/>
      <c r="BU713" s="162"/>
      <c r="BV713" s="162"/>
      <c r="BW713" s="162"/>
      <c r="BX713" s="162"/>
      <c r="BY713" s="162"/>
      <c r="BZ713" s="162"/>
      <c r="CA713" s="162"/>
      <c r="CB713" s="162"/>
      <c r="CC713" s="162"/>
      <c r="CD713" s="162"/>
      <c r="CE713" s="162"/>
      <c r="CF713" s="162"/>
      <c r="CG713" s="162"/>
      <c r="CH713" s="162"/>
      <c r="CI713" s="162"/>
      <c r="CJ713" s="162"/>
      <c r="CK713" s="162"/>
      <c r="CX713" s="98"/>
      <c r="DL713" s="97"/>
      <c r="DX713" s="98"/>
      <c r="EL713" s="97"/>
      <c r="EX713" s="98"/>
      <c r="EY713" s="97"/>
      <c r="FL713" s="126"/>
      <c r="FM713" s="91"/>
      <c r="FN713" s="91"/>
      <c r="FO713" s="91"/>
      <c r="FP713" s="91"/>
      <c r="FQ713" s="91"/>
      <c r="FR713" s="91"/>
      <c r="FS713" s="91"/>
      <c r="FT713" s="91"/>
      <c r="FU713" s="91"/>
      <c r="FV713" s="91"/>
      <c r="FW713" s="91"/>
      <c r="FX713" s="91"/>
      <c r="FY713" s="91"/>
      <c r="FZ713" s="91"/>
      <c r="GA713" s="91"/>
      <c r="GB713" s="91"/>
      <c r="GC713" s="91"/>
      <c r="GD713" s="91"/>
      <c r="GE713" s="91"/>
      <c r="GF713" s="91"/>
      <c r="GG713" s="91"/>
      <c r="GH713" s="91"/>
      <c r="GI713" s="91"/>
      <c r="GJ713" s="91"/>
      <c r="GK713" s="127"/>
      <c r="GL713" s="126"/>
      <c r="GM713" s="91"/>
      <c r="GN713" s="91"/>
      <c r="GO713" s="91"/>
      <c r="GP713" s="91"/>
      <c r="GQ713" s="91"/>
      <c r="GR713" s="91"/>
      <c r="GS713" s="91"/>
      <c r="GT713" s="91"/>
      <c r="GU713" s="91"/>
      <c r="GV713" s="91"/>
      <c r="GW713" s="91"/>
      <c r="GX713" s="91"/>
      <c r="GY713" s="91"/>
      <c r="GZ713" s="91"/>
      <c r="HA713" s="91"/>
      <c r="HB713" s="91"/>
      <c r="HC713" s="91"/>
      <c r="HD713" s="91"/>
      <c r="HE713" s="91"/>
      <c r="HF713" s="91"/>
      <c r="HG713" s="91"/>
      <c r="HH713" s="91"/>
      <c r="HI713" s="91"/>
      <c r="HJ713" s="91"/>
      <c r="HK713" s="127"/>
      <c r="HL713" s="126"/>
      <c r="HM713" s="91"/>
      <c r="HN713" s="91"/>
      <c r="HO713" s="91"/>
      <c r="HP713" s="91"/>
      <c r="HQ713" s="91"/>
      <c r="HR713" s="91"/>
      <c r="HS713" s="91"/>
      <c r="HT713" s="91"/>
      <c r="HU713" s="91"/>
      <c r="HV713" s="91"/>
      <c r="HW713" s="91"/>
      <c r="HX713" s="91"/>
      <c r="HY713" s="91"/>
      <c r="HZ713" s="91"/>
      <c r="IA713" s="91"/>
      <c r="IB713" s="91"/>
      <c r="IC713" s="91"/>
      <c r="ID713" s="91"/>
      <c r="IE713" s="91"/>
      <c r="IF713" s="91"/>
      <c r="IG713" s="91"/>
      <c r="IH713" s="91"/>
      <c r="II713" s="91"/>
      <c r="IJ713" s="91"/>
      <c r="IK713" s="127"/>
    </row>
    <row r="714" spans="2:245" x14ac:dyDescent="0.2">
      <c r="B714" s="43"/>
      <c r="C714" s="73"/>
      <c r="D714" s="64"/>
      <c r="E714" s="64"/>
      <c r="F714" s="55"/>
      <c r="G714" s="102"/>
      <c r="H714" s="55"/>
      <c r="I714" s="55"/>
      <c r="J714" s="55"/>
      <c r="K714" s="55"/>
      <c r="L714" s="55"/>
      <c r="M714" s="55"/>
      <c r="N714" s="55"/>
      <c r="O714" s="55"/>
      <c r="P714" s="55"/>
      <c r="Q714" s="55"/>
      <c r="R714" s="55"/>
      <c r="S714" s="55"/>
      <c r="T714" s="55"/>
      <c r="U714" s="55"/>
      <c r="V714" s="55"/>
      <c r="W714" s="55"/>
      <c r="X714" s="55"/>
      <c r="Y714" s="55"/>
      <c r="Z714" s="55"/>
      <c r="AA714" s="55"/>
      <c r="AB714" s="55"/>
      <c r="AC714" s="55"/>
      <c r="AD714" s="55"/>
      <c r="AE714" s="55"/>
      <c r="AF714" s="55"/>
      <c r="AG714" s="55"/>
      <c r="AY714" s="162"/>
      <c r="AZ714" s="162"/>
      <c r="BA714" s="162"/>
      <c r="BB714" s="162"/>
      <c r="BC714" s="162"/>
      <c r="BD714" s="162"/>
      <c r="BE714" s="162"/>
      <c r="BF714" s="162"/>
      <c r="BG714" s="162"/>
      <c r="BH714" s="162"/>
      <c r="BI714" s="162"/>
      <c r="BJ714" s="162"/>
      <c r="BK714" s="162"/>
      <c r="BL714" s="162"/>
      <c r="BM714" s="162"/>
      <c r="BN714" s="162"/>
      <c r="BO714" s="162"/>
      <c r="BP714" s="162"/>
      <c r="BQ714" s="162"/>
      <c r="BR714" s="162"/>
      <c r="BS714" s="162"/>
      <c r="BT714" s="162"/>
      <c r="BU714" s="162"/>
      <c r="BV714" s="162"/>
      <c r="BW714" s="162"/>
      <c r="BX714" s="162"/>
      <c r="BY714" s="162"/>
      <c r="BZ714" s="162"/>
      <c r="CA714" s="162"/>
      <c r="CB714" s="162"/>
      <c r="CC714" s="162"/>
      <c r="CD714" s="162"/>
      <c r="CE714" s="162"/>
      <c r="CF714" s="162"/>
      <c r="CG714" s="162"/>
      <c r="CH714" s="162"/>
      <c r="CI714" s="162"/>
      <c r="CJ714" s="162"/>
      <c r="CK714" s="162"/>
      <c r="CX714" s="98"/>
      <c r="DL714" s="97"/>
      <c r="DX714" s="98"/>
      <c r="EL714" s="97"/>
      <c r="EX714" s="98"/>
      <c r="EY714" s="97"/>
      <c r="FL714" s="126"/>
      <c r="FM714" s="91"/>
      <c r="FN714" s="91"/>
      <c r="FO714" s="91"/>
      <c r="FP714" s="91"/>
      <c r="FQ714" s="91"/>
      <c r="FR714" s="91"/>
      <c r="FS714" s="91"/>
      <c r="FT714" s="91"/>
      <c r="FU714" s="91"/>
      <c r="FV714" s="91"/>
      <c r="FW714" s="91"/>
      <c r="FX714" s="91"/>
      <c r="FY714" s="91"/>
      <c r="FZ714" s="91"/>
      <c r="GA714" s="91"/>
      <c r="GB714" s="91"/>
      <c r="GC714" s="91"/>
      <c r="GD714" s="91"/>
      <c r="GE714" s="91"/>
      <c r="GF714" s="91"/>
      <c r="GG714" s="91"/>
      <c r="GH714" s="91"/>
      <c r="GI714" s="91"/>
      <c r="GJ714" s="91"/>
      <c r="GK714" s="127"/>
      <c r="GL714" s="126"/>
      <c r="GM714" s="91"/>
      <c r="GN714" s="91"/>
      <c r="GO714" s="91"/>
      <c r="GP714" s="91"/>
      <c r="GQ714" s="91"/>
      <c r="GR714" s="91"/>
      <c r="GS714" s="91"/>
      <c r="GT714" s="91"/>
      <c r="GU714" s="91"/>
      <c r="GV714" s="91"/>
      <c r="GW714" s="91"/>
      <c r="GX714" s="91"/>
      <c r="GY714" s="91"/>
      <c r="GZ714" s="91"/>
      <c r="HA714" s="91"/>
      <c r="HB714" s="91"/>
      <c r="HC714" s="91"/>
      <c r="HD714" s="91"/>
      <c r="HE714" s="91"/>
      <c r="HF714" s="91"/>
      <c r="HG714" s="91"/>
      <c r="HH714" s="91"/>
      <c r="HI714" s="91"/>
      <c r="HJ714" s="91"/>
      <c r="HK714" s="127"/>
      <c r="HL714" s="126"/>
      <c r="HM714" s="91"/>
      <c r="HN714" s="91"/>
      <c r="HO714" s="91"/>
      <c r="HP714" s="91"/>
      <c r="HQ714" s="91"/>
      <c r="HR714" s="91"/>
      <c r="HS714" s="91"/>
      <c r="HT714" s="91"/>
      <c r="HU714" s="91"/>
      <c r="HV714" s="91"/>
      <c r="HW714" s="91"/>
      <c r="HX714" s="91"/>
      <c r="HY714" s="91"/>
      <c r="HZ714" s="91"/>
      <c r="IA714" s="91"/>
      <c r="IB714" s="91"/>
      <c r="IC714" s="91"/>
      <c r="ID714" s="91"/>
      <c r="IE714" s="91"/>
      <c r="IF714" s="91"/>
      <c r="IG714" s="91"/>
      <c r="IH714" s="91"/>
      <c r="II714" s="91"/>
      <c r="IJ714" s="91"/>
      <c r="IK714" s="127"/>
    </row>
    <row r="715" spans="2:245" x14ac:dyDescent="0.2">
      <c r="B715" s="43"/>
      <c r="C715" s="73"/>
      <c r="D715" s="64"/>
      <c r="E715" s="64"/>
      <c r="F715" s="55"/>
      <c r="G715" s="102"/>
      <c r="H715" s="55"/>
      <c r="I715" s="55"/>
      <c r="J715" s="55"/>
      <c r="K715" s="55"/>
      <c r="L715" s="55"/>
      <c r="M715" s="55"/>
      <c r="N715" s="55"/>
      <c r="O715" s="55"/>
      <c r="P715" s="55"/>
      <c r="Q715" s="55"/>
      <c r="R715" s="55"/>
      <c r="S715" s="55"/>
      <c r="T715" s="55"/>
      <c r="U715" s="55"/>
      <c r="V715" s="55"/>
      <c r="W715" s="55"/>
      <c r="X715" s="55"/>
      <c r="Y715" s="55"/>
      <c r="Z715" s="55"/>
      <c r="AA715" s="55"/>
      <c r="AB715" s="55"/>
      <c r="AC715" s="55"/>
      <c r="AD715" s="55"/>
      <c r="AE715" s="55"/>
      <c r="AF715" s="55"/>
      <c r="AG715" s="55"/>
      <c r="AY715" s="162"/>
      <c r="AZ715" s="162"/>
      <c r="BA715" s="162"/>
      <c r="BB715" s="162"/>
      <c r="BC715" s="162"/>
      <c r="BD715" s="162"/>
      <c r="BE715" s="162"/>
      <c r="BF715" s="162"/>
      <c r="BG715" s="162"/>
      <c r="BH715" s="162"/>
      <c r="BI715" s="162"/>
      <c r="BJ715" s="162"/>
      <c r="BK715" s="162"/>
      <c r="BL715" s="162"/>
      <c r="BM715" s="162"/>
      <c r="BN715" s="162"/>
      <c r="BO715" s="162"/>
      <c r="BP715" s="162"/>
      <c r="BQ715" s="162"/>
      <c r="BR715" s="162"/>
      <c r="BS715" s="162"/>
      <c r="BT715" s="162"/>
      <c r="BU715" s="162"/>
      <c r="BV715" s="162"/>
      <c r="BW715" s="162"/>
      <c r="BX715" s="162"/>
      <c r="BY715" s="162"/>
      <c r="BZ715" s="162"/>
      <c r="CA715" s="162"/>
      <c r="CB715" s="162"/>
      <c r="CC715" s="162"/>
      <c r="CD715" s="162"/>
      <c r="CE715" s="162"/>
      <c r="CF715" s="162"/>
      <c r="CG715" s="162"/>
      <c r="CH715" s="162"/>
      <c r="CI715" s="162"/>
      <c r="CJ715" s="162"/>
      <c r="CK715" s="162"/>
      <c r="CX715" s="98"/>
      <c r="DL715" s="97"/>
      <c r="DX715" s="98"/>
      <c r="EL715" s="97"/>
      <c r="EX715" s="98"/>
      <c r="EY715" s="97"/>
      <c r="FL715" s="126"/>
      <c r="FM715" s="91"/>
      <c r="FN715" s="91"/>
      <c r="FO715" s="91"/>
      <c r="FP715" s="91"/>
      <c r="FQ715" s="91"/>
      <c r="FR715" s="91"/>
      <c r="FS715" s="91"/>
      <c r="FT715" s="91"/>
      <c r="FU715" s="91"/>
      <c r="FV715" s="91"/>
      <c r="FW715" s="91"/>
      <c r="FX715" s="91"/>
      <c r="FY715" s="91"/>
      <c r="FZ715" s="91"/>
      <c r="GA715" s="91"/>
      <c r="GB715" s="91"/>
      <c r="GC715" s="91"/>
      <c r="GD715" s="91"/>
      <c r="GE715" s="91"/>
      <c r="GF715" s="91"/>
      <c r="GG715" s="91"/>
      <c r="GH715" s="91"/>
      <c r="GI715" s="91"/>
      <c r="GJ715" s="91"/>
      <c r="GK715" s="127"/>
      <c r="GL715" s="126"/>
      <c r="GM715" s="91"/>
      <c r="GN715" s="91"/>
      <c r="GO715" s="91"/>
      <c r="GP715" s="91"/>
      <c r="GQ715" s="91"/>
      <c r="GR715" s="91"/>
      <c r="GS715" s="91"/>
      <c r="GT715" s="91"/>
      <c r="GU715" s="91"/>
      <c r="GV715" s="91"/>
      <c r="GW715" s="91"/>
      <c r="GX715" s="91"/>
      <c r="GY715" s="91"/>
      <c r="GZ715" s="91"/>
      <c r="HA715" s="91"/>
      <c r="HB715" s="91"/>
      <c r="HC715" s="91"/>
      <c r="HD715" s="91"/>
      <c r="HE715" s="91"/>
      <c r="HF715" s="91"/>
      <c r="HG715" s="91"/>
      <c r="HH715" s="91"/>
      <c r="HI715" s="91"/>
      <c r="HJ715" s="91"/>
      <c r="HK715" s="127"/>
      <c r="HL715" s="126"/>
      <c r="HM715" s="91"/>
      <c r="HN715" s="91"/>
      <c r="HO715" s="91"/>
      <c r="HP715" s="91"/>
      <c r="HQ715" s="91"/>
      <c r="HR715" s="91"/>
      <c r="HS715" s="91"/>
      <c r="HT715" s="91"/>
      <c r="HU715" s="91"/>
      <c r="HV715" s="91"/>
      <c r="HW715" s="91"/>
      <c r="HX715" s="91"/>
      <c r="HY715" s="91"/>
      <c r="HZ715" s="91"/>
      <c r="IA715" s="91"/>
      <c r="IB715" s="91"/>
      <c r="IC715" s="91"/>
      <c r="ID715" s="91"/>
      <c r="IE715" s="91"/>
      <c r="IF715" s="91"/>
      <c r="IG715" s="91"/>
      <c r="IH715" s="91"/>
      <c r="II715" s="91"/>
      <c r="IJ715" s="91"/>
      <c r="IK715" s="127"/>
    </row>
    <row r="716" spans="2:245" x14ac:dyDescent="0.2">
      <c r="B716" s="43"/>
      <c r="C716" s="73"/>
      <c r="D716" s="64"/>
      <c r="E716" s="64"/>
      <c r="F716" s="55"/>
      <c r="G716" s="102"/>
      <c r="H716" s="55"/>
      <c r="I716" s="55"/>
      <c r="J716" s="55"/>
      <c r="K716" s="55"/>
      <c r="L716" s="55"/>
      <c r="M716" s="55"/>
      <c r="N716" s="55"/>
      <c r="O716" s="55"/>
      <c r="P716" s="55"/>
      <c r="Q716" s="55"/>
      <c r="R716" s="55"/>
      <c r="S716" s="55"/>
      <c r="T716" s="55"/>
      <c r="U716" s="55"/>
      <c r="V716" s="55"/>
      <c r="W716" s="55"/>
      <c r="X716" s="55"/>
      <c r="Y716" s="55"/>
      <c r="Z716" s="55"/>
      <c r="AA716" s="55"/>
      <c r="AB716" s="55"/>
      <c r="AC716" s="55"/>
      <c r="AD716" s="55"/>
      <c r="AE716" s="55"/>
      <c r="AF716" s="55"/>
      <c r="AG716" s="55"/>
      <c r="AY716" s="162"/>
      <c r="AZ716" s="162"/>
      <c r="BA716" s="162"/>
      <c r="BB716" s="162"/>
      <c r="BC716" s="162"/>
      <c r="BD716" s="162"/>
      <c r="BE716" s="162"/>
      <c r="BF716" s="162"/>
      <c r="BG716" s="162"/>
      <c r="BH716" s="162"/>
      <c r="BI716" s="162"/>
      <c r="BJ716" s="162"/>
      <c r="BK716" s="162"/>
      <c r="BL716" s="162"/>
      <c r="BM716" s="162"/>
      <c r="BN716" s="162"/>
      <c r="BO716" s="162"/>
      <c r="BP716" s="162"/>
      <c r="BQ716" s="162"/>
      <c r="BR716" s="162"/>
      <c r="BS716" s="162"/>
      <c r="BT716" s="162"/>
      <c r="BU716" s="162"/>
      <c r="BV716" s="162"/>
      <c r="BW716" s="162"/>
      <c r="BX716" s="162"/>
      <c r="BY716" s="162"/>
      <c r="BZ716" s="162"/>
      <c r="CA716" s="162"/>
      <c r="CB716" s="162"/>
      <c r="CC716" s="162"/>
      <c r="CD716" s="162"/>
      <c r="CE716" s="162"/>
      <c r="CF716" s="162"/>
      <c r="CG716" s="162"/>
      <c r="CH716" s="162"/>
      <c r="CI716" s="162"/>
      <c r="CJ716" s="162"/>
      <c r="CK716" s="162"/>
      <c r="CX716" s="98"/>
      <c r="DL716" s="97"/>
      <c r="DX716" s="98"/>
      <c r="EL716" s="97"/>
      <c r="EX716" s="98"/>
      <c r="EY716" s="97"/>
      <c r="FL716" s="126"/>
      <c r="FM716" s="91"/>
      <c r="FN716" s="91"/>
      <c r="FO716" s="91"/>
      <c r="FP716" s="91"/>
      <c r="FQ716" s="91"/>
      <c r="FR716" s="91"/>
      <c r="FS716" s="91"/>
      <c r="FT716" s="91"/>
      <c r="FU716" s="91"/>
      <c r="FV716" s="91"/>
      <c r="FW716" s="91"/>
      <c r="FX716" s="91"/>
      <c r="FY716" s="91"/>
      <c r="FZ716" s="91"/>
      <c r="GA716" s="91"/>
      <c r="GB716" s="91"/>
      <c r="GC716" s="91"/>
      <c r="GD716" s="91"/>
      <c r="GE716" s="91"/>
      <c r="GF716" s="91"/>
      <c r="GG716" s="91"/>
      <c r="GH716" s="91"/>
      <c r="GI716" s="91"/>
      <c r="GJ716" s="91"/>
      <c r="GK716" s="127"/>
      <c r="GL716" s="126"/>
      <c r="GM716" s="91"/>
      <c r="GN716" s="91"/>
      <c r="GO716" s="91"/>
      <c r="GP716" s="91"/>
      <c r="GQ716" s="91"/>
      <c r="GR716" s="91"/>
      <c r="GS716" s="91"/>
      <c r="GT716" s="91"/>
      <c r="GU716" s="91"/>
      <c r="GV716" s="91"/>
      <c r="GW716" s="91"/>
      <c r="GX716" s="91"/>
      <c r="GY716" s="91"/>
      <c r="GZ716" s="91"/>
      <c r="HA716" s="91"/>
      <c r="HB716" s="91"/>
      <c r="HC716" s="91"/>
      <c r="HD716" s="91"/>
      <c r="HE716" s="91"/>
      <c r="HF716" s="91"/>
      <c r="HG716" s="91"/>
      <c r="HH716" s="91"/>
      <c r="HI716" s="91"/>
      <c r="HJ716" s="91"/>
      <c r="HK716" s="127"/>
      <c r="HL716" s="126"/>
      <c r="HM716" s="91"/>
      <c r="HN716" s="91"/>
      <c r="HO716" s="91"/>
      <c r="HP716" s="91"/>
      <c r="HQ716" s="91"/>
      <c r="HR716" s="91"/>
      <c r="HS716" s="91"/>
      <c r="HT716" s="91"/>
      <c r="HU716" s="91"/>
      <c r="HV716" s="91"/>
      <c r="HW716" s="91"/>
      <c r="HX716" s="91"/>
      <c r="HY716" s="91"/>
      <c r="HZ716" s="91"/>
      <c r="IA716" s="91"/>
      <c r="IB716" s="91"/>
      <c r="IC716" s="91"/>
      <c r="ID716" s="91"/>
      <c r="IE716" s="91"/>
      <c r="IF716" s="91"/>
      <c r="IG716" s="91"/>
      <c r="IH716" s="91"/>
      <c r="II716" s="91"/>
      <c r="IJ716" s="91"/>
      <c r="IK716" s="127"/>
    </row>
    <row r="717" spans="2:245" x14ac:dyDescent="0.2">
      <c r="B717" s="43"/>
      <c r="C717" s="73"/>
      <c r="D717" s="64"/>
      <c r="E717" s="64"/>
      <c r="F717" s="55"/>
      <c r="G717" s="102"/>
      <c r="H717" s="55"/>
      <c r="I717" s="55"/>
      <c r="J717" s="55"/>
      <c r="K717" s="55"/>
      <c r="L717" s="55"/>
      <c r="M717" s="55"/>
      <c r="N717" s="55"/>
      <c r="O717" s="55"/>
      <c r="P717" s="55"/>
      <c r="Q717" s="55"/>
      <c r="R717" s="55"/>
      <c r="S717" s="55"/>
      <c r="T717" s="55"/>
      <c r="U717" s="55"/>
      <c r="V717" s="55"/>
      <c r="W717" s="55"/>
      <c r="X717" s="55"/>
      <c r="Y717" s="55"/>
      <c r="Z717" s="55"/>
      <c r="AA717" s="55"/>
      <c r="AB717" s="55"/>
      <c r="AC717" s="55"/>
      <c r="AD717" s="55"/>
      <c r="AE717" s="55"/>
      <c r="AF717" s="55"/>
      <c r="AG717" s="55"/>
      <c r="AY717" s="162"/>
      <c r="AZ717" s="162"/>
      <c r="BA717" s="162"/>
      <c r="BB717" s="162"/>
      <c r="BC717" s="162"/>
      <c r="BD717" s="162"/>
      <c r="BE717" s="162"/>
      <c r="BF717" s="162"/>
      <c r="BG717" s="162"/>
      <c r="BH717" s="162"/>
      <c r="BI717" s="162"/>
      <c r="BJ717" s="162"/>
      <c r="BK717" s="162"/>
      <c r="BL717" s="162"/>
      <c r="BM717" s="162"/>
      <c r="BN717" s="162"/>
      <c r="BO717" s="162"/>
      <c r="BP717" s="162"/>
      <c r="BQ717" s="162"/>
      <c r="BR717" s="162"/>
      <c r="BS717" s="162"/>
      <c r="BT717" s="162"/>
      <c r="BU717" s="162"/>
      <c r="BV717" s="162"/>
      <c r="BW717" s="162"/>
      <c r="BX717" s="162"/>
      <c r="BY717" s="162"/>
      <c r="BZ717" s="162"/>
      <c r="CA717" s="162"/>
      <c r="CB717" s="162"/>
      <c r="CC717" s="162"/>
      <c r="CD717" s="162"/>
      <c r="CE717" s="162"/>
      <c r="CF717" s="162"/>
      <c r="CG717" s="162"/>
      <c r="CH717" s="162"/>
      <c r="CI717" s="162"/>
      <c r="CJ717" s="162"/>
      <c r="CK717" s="162"/>
      <c r="CX717" s="98"/>
      <c r="DL717" s="97"/>
      <c r="DX717" s="98"/>
      <c r="EL717" s="97"/>
      <c r="EX717" s="98"/>
      <c r="EY717" s="97"/>
      <c r="FL717" s="126"/>
      <c r="FM717" s="91"/>
      <c r="FN717" s="91"/>
      <c r="FO717" s="91"/>
      <c r="FP717" s="91"/>
      <c r="FQ717" s="91"/>
      <c r="FR717" s="91"/>
      <c r="FS717" s="91"/>
      <c r="FT717" s="91"/>
      <c r="FU717" s="91"/>
      <c r="FV717" s="91"/>
      <c r="FW717" s="91"/>
      <c r="FX717" s="91"/>
      <c r="FY717" s="91"/>
      <c r="FZ717" s="91"/>
      <c r="GA717" s="91"/>
      <c r="GB717" s="91"/>
      <c r="GC717" s="91"/>
      <c r="GD717" s="91"/>
      <c r="GE717" s="91"/>
      <c r="GF717" s="91"/>
      <c r="GG717" s="91"/>
      <c r="GH717" s="91"/>
      <c r="GI717" s="91"/>
      <c r="GJ717" s="91"/>
      <c r="GK717" s="127"/>
      <c r="GL717" s="126"/>
      <c r="GM717" s="91"/>
      <c r="GN717" s="91"/>
      <c r="GO717" s="91"/>
      <c r="GP717" s="91"/>
      <c r="GQ717" s="91"/>
      <c r="GR717" s="91"/>
      <c r="GS717" s="91"/>
      <c r="GT717" s="91"/>
      <c r="GU717" s="91"/>
      <c r="GV717" s="91"/>
      <c r="GW717" s="91"/>
      <c r="GX717" s="91"/>
      <c r="GY717" s="91"/>
      <c r="GZ717" s="91"/>
      <c r="HA717" s="91"/>
      <c r="HB717" s="91"/>
      <c r="HC717" s="91"/>
      <c r="HD717" s="91"/>
      <c r="HE717" s="91"/>
      <c r="HF717" s="91"/>
      <c r="HG717" s="91"/>
      <c r="HH717" s="91"/>
      <c r="HI717" s="91"/>
      <c r="HJ717" s="91"/>
      <c r="HK717" s="127"/>
      <c r="HL717" s="126"/>
      <c r="HM717" s="91"/>
      <c r="HN717" s="91"/>
      <c r="HO717" s="91"/>
      <c r="HP717" s="91"/>
      <c r="HQ717" s="91"/>
      <c r="HR717" s="91"/>
      <c r="HS717" s="91"/>
      <c r="HT717" s="91"/>
      <c r="HU717" s="91"/>
      <c r="HV717" s="91"/>
      <c r="HW717" s="91"/>
      <c r="HX717" s="91"/>
      <c r="HY717" s="91"/>
      <c r="HZ717" s="91"/>
      <c r="IA717" s="91"/>
      <c r="IB717" s="91"/>
      <c r="IC717" s="91"/>
      <c r="ID717" s="91"/>
      <c r="IE717" s="91"/>
      <c r="IF717" s="91"/>
      <c r="IG717" s="91"/>
      <c r="IH717" s="91"/>
      <c r="II717" s="91"/>
      <c r="IJ717" s="91"/>
      <c r="IK717" s="127"/>
    </row>
    <row r="718" spans="2:245" x14ac:dyDescent="0.2">
      <c r="B718" s="43"/>
      <c r="C718" s="73"/>
      <c r="D718" s="64"/>
      <c r="E718" s="64"/>
      <c r="F718" s="55"/>
      <c r="G718" s="102"/>
      <c r="H718" s="55"/>
      <c r="I718" s="55"/>
      <c r="J718" s="55"/>
      <c r="K718" s="55"/>
      <c r="L718" s="55"/>
      <c r="M718" s="55"/>
      <c r="N718" s="55"/>
      <c r="O718" s="55"/>
      <c r="P718" s="55"/>
      <c r="Q718" s="55"/>
      <c r="R718" s="55"/>
      <c r="S718" s="55"/>
      <c r="T718" s="55"/>
      <c r="U718" s="55"/>
      <c r="V718" s="55"/>
      <c r="W718" s="55"/>
      <c r="X718" s="55"/>
      <c r="Y718" s="55"/>
      <c r="Z718" s="55"/>
      <c r="AA718" s="55"/>
      <c r="AB718" s="55"/>
      <c r="AC718" s="55"/>
      <c r="AD718" s="55"/>
      <c r="AE718" s="55"/>
      <c r="AF718" s="55"/>
      <c r="AG718" s="55"/>
      <c r="AY718" s="162"/>
      <c r="AZ718" s="162"/>
      <c r="BA718" s="162"/>
      <c r="BB718" s="162"/>
      <c r="BC718" s="162"/>
      <c r="BD718" s="162"/>
      <c r="BE718" s="162"/>
      <c r="BF718" s="162"/>
      <c r="BG718" s="162"/>
      <c r="BH718" s="162"/>
      <c r="BI718" s="162"/>
      <c r="BJ718" s="162"/>
      <c r="BK718" s="162"/>
      <c r="BL718" s="162"/>
      <c r="BM718" s="162"/>
      <c r="BN718" s="162"/>
      <c r="BO718" s="162"/>
      <c r="BP718" s="162"/>
      <c r="BQ718" s="162"/>
      <c r="BR718" s="162"/>
      <c r="BS718" s="162"/>
      <c r="BT718" s="162"/>
      <c r="BU718" s="162"/>
      <c r="BV718" s="162"/>
      <c r="BW718" s="162"/>
      <c r="BX718" s="162"/>
      <c r="BY718" s="162"/>
      <c r="BZ718" s="162"/>
      <c r="CA718" s="162"/>
      <c r="CB718" s="162"/>
      <c r="CC718" s="162"/>
      <c r="CD718" s="162"/>
      <c r="CE718" s="162"/>
      <c r="CF718" s="162"/>
      <c r="CG718" s="162"/>
      <c r="CH718" s="162"/>
      <c r="CI718" s="162"/>
      <c r="CJ718" s="162"/>
      <c r="CK718" s="162"/>
      <c r="CX718" s="98"/>
      <c r="DL718" s="97"/>
      <c r="DX718" s="98"/>
      <c r="EL718" s="97"/>
      <c r="EX718" s="98"/>
      <c r="EY718" s="97"/>
      <c r="FL718" s="126"/>
      <c r="FM718" s="91"/>
      <c r="FN718" s="91"/>
      <c r="FO718" s="91"/>
      <c r="FP718" s="91"/>
      <c r="FQ718" s="91"/>
      <c r="FR718" s="91"/>
      <c r="FS718" s="91"/>
      <c r="FT718" s="91"/>
      <c r="FU718" s="91"/>
      <c r="FV718" s="91"/>
      <c r="FW718" s="91"/>
      <c r="FX718" s="91"/>
      <c r="FY718" s="91"/>
      <c r="FZ718" s="91"/>
      <c r="GA718" s="91"/>
      <c r="GB718" s="91"/>
      <c r="GC718" s="91"/>
      <c r="GD718" s="91"/>
      <c r="GE718" s="91"/>
      <c r="GF718" s="91"/>
      <c r="GG718" s="91"/>
      <c r="GH718" s="91"/>
      <c r="GI718" s="91"/>
      <c r="GJ718" s="91"/>
      <c r="GK718" s="127"/>
      <c r="GL718" s="126"/>
      <c r="GM718" s="91"/>
      <c r="GN718" s="91"/>
      <c r="GO718" s="91"/>
      <c r="GP718" s="91"/>
      <c r="GQ718" s="91"/>
      <c r="GR718" s="91"/>
      <c r="GS718" s="91"/>
      <c r="GT718" s="91"/>
      <c r="GU718" s="91"/>
      <c r="GV718" s="91"/>
      <c r="GW718" s="91"/>
      <c r="GX718" s="91"/>
      <c r="GY718" s="91"/>
      <c r="GZ718" s="91"/>
      <c r="HA718" s="91"/>
      <c r="HB718" s="91"/>
      <c r="HC718" s="91"/>
      <c r="HD718" s="91"/>
      <c r="HE718" s="91"/>
      <c r="HF718" s="91"/>
      <c r="HG718" s="91"/>
      <c r="HH718" s="91"/>
      <c r="HI718" s="91"/>
      <c r="HJ718" s="91"/>
      <c r="HK718" s="127"/>
      <c r="HL718" s="126"/>
      <c r="HM718" s="91"/>
      <c r="HN718" s="91"/>
      <c r="HO718" s="91"/>
      <c r="HP718" s="91"/>
      <c r="HQ718" s="91"/>
      <c r="HR718" s="91"/>
      <c r="HS718" s="91"/>
      <c r="HT718" s="91"/>
      <c r="HU718" s="91"/>
      <c r="HV718" s="91"/>
      <c r="HW718" s="91"/>
      <c r="HX718" s="91"/>
      <c r="HY718" s="91"/>
      <c r="HZ718" s="91"/>
      <c r="IA718" s="91"/>
      <c r="IB718" s="91"/>
      <c r="IC718" s="91"/>
      <c r="ID718" s="91"/>
      <c r="IE718" s="91"/>
      <c r="IF718" s="91"/>
      <c r="IG718" s="91"/>
      <c r="IH718" s="91"/>
      <c r="II718" s="91"/>
      <c r="IJ718" s="91"/>
      <c r="IK718" s="127"/>
    </row>
    <row r="719" spans="2:245" x14ac:dyDescent="0.2">
      <c r="B719" s="43"/>
      <c r="C719" s="73"/>
      <c r="D719" s="64"/>
      <c r="E719" s="64"/>
      <c r="F719" s="55"/>
      <c r="G719" s="102"/>
      <c r="H719" s="55"/>
      <c r="I719" s="55"/>
      <c r="J719" s="55"/>
      <c r="K719" s="55"/>
      <c r="L719" s="55"/>
      <c r="M719" s="55"/>
      <c r="N719" s="55"/>
      <c r="O719" s="55"/>
      <c r="P719" s="55"/>
      <c r="Q719" s="55"/>
      <c r="R719" s="55"/>
      <c r="S719" s="55"/>
      <c r="T719" s="55"/>
      <c r="U719" s="55"/>
      <c r="V719" s="55"/>
      <c r="W719" s="55"/>
      <c r="X719" s="55"/>
      <c r="Y719" s="55"/>
      <c r="Z719" s="55"/>
      <c r="AA719" s="55"/>
      <c r="AB719" s="55"/>
      <c r="AC719" s="55"/>
      <c r="AD719" s="55"/>
      <c r="AE719" s="55"/>
      <c r="AF719" s="55"/>
      <c r="AG719" s="55"/>
      <c r="AY719" s="162"/>
      <c r="AZ719" s="162"/>
      <c r="BA719" s="162"/>
      <c r="BB719" s="162"/>
      <c r="BC719" s="162"/>
      <c r="BD719" s="162"/>
      <c r="BE719" s="162"/>
      <c r="BF719" s="162"/>
      <c r="BG719" s="162"/>
      <c r="BH719" s="162"/>
      <c r="BI719" s="162"/>
      <c r="BJ719" s="162"/>
      <c r="BK719" s="162"/>
      <c r="BL719" s="162"/>
      <c r="BM719" s="162"/>
      <c r="BN719" s="162"/>
      <c r="BO719" s="162"/>
      <c r="BP719" s="162"/>
      <c r="BQ719" s="162"/>
      <c r="BR719" s="162"/>
      <c r="BS719" s="162"/>
      <c r="BT719" s="162"/>
      <c r="BU719" s="162"/>
      <c r="BV719" s="162"/>
      <c r="BW719" s="162"/>
      <c r="BX719" s="162"/>
      <c r="BY719" s="162"/>
      <c r="BZ719" s="162"/>
      <c r="CA719" s="162"/>
      <c r="CB719" s="162"/>
      <c r="CC719" s="162"/>
      <c r="CD719" s="162"/>
      <c r="CE719" s="162"/>
      <c r="CF719" s="162"/>
      <c r="CG719" s="162"/>
      <c r="CH719" s="162"/>
      <c r="CI719" s="162"/>
      <c r="CJ719" s="162"/>
      <c r="CK719" s="162"/>
      <c r="CX719" s="98"/>
      <c r="DL719" s="97"/>
      <c r="DX719" s="98"/>
      <c r="EL719" s="97"/>
      <c r="EX719" s="98"/>
      <c r="EY719" s="97"/>
      <c r="FL719" s="126"/>
      <c r="FM719" s="91"/>
      <c r="FN719" s="91"/>
      <c r="FO719" s="91"/>
      <c r="FP719" s="91"/>
      <c r="FQ719" s="91"/>
      <c r="FR719" s="91"/>
      <c r="FS719" s="91"/>
      <c r="FT719" s="91"/>
      <c r="FU719" s="91"/>
      <c r="FV719" s="91"/>
      <c r="FW719" s="91"/>
      <c r="FX719" s="91"/>
      <c r="FY719" s="91"/>
      <c r="FZ719" s="91"/>
      <c r="GA719" s="91"/>
      <c r="GB719" s="91"/>
      <c r="GC719" s="91"/>
      <c r="GD719" s="91"/>
      <c r="GE719" s="91"/>
      <c r="GF719" s="91"/>
      <c r="GG719" s="91"/>
      <c r="GH719" s="91"/>
      <c r="GI719" s="91"/>
      <c r="GJ719" s="91"/>
      <c r="GK719" s="127"/>
      <c r="GL719" s="126"/>
      <c r="GM719" s="91"/>
      <c r="GN719" s="91"/>
      <c r="GO719" s="91"/>
      <c r="GP719" s="91"/>
      <c r="GQ719" s="91"/>
      <c r="GR719" s="91"/>
      <c r="GS719" s="91"/>
      <c r="GT719" s="91"/>
      <c r="GU719" s="91"/>
      <c r="GV719" s="91"/>
      <c r="GW719" s="91"/>
      <c r="GX719" s="91"/>
      <c r="GY719" s="91"/>
      <c r="GZ719" s="91"/>
      <c r="HA719" s="91"/>
      <c r="HB719" s="91"/>
      <c r="HC719" s="91"/>
      <c r="HD719" s="91"/>
      <c r="HE719" s="91"/>
      <c r="HF719" s="91"/>
      <c r="HG719" s="91"/>
      <c r="HH719" s="91"/>
      <c r="HI719" s="91"/>
      <c r="HJ719" s="91"/>
      <c r="HK719" s="127"/>
      <c r="HL719" s="126"/>
      <c r="HM719" s="91"/>
      <c r="HN719" s="91"/>
      <c r="HO719" s="91"/>
      <c r="HP719" s="91"/>
      <c r="HQ719" s="91"/>
      <c r="HR719" s="91"/>
      <c r="HS719" s="91"/>
      <c r="HT719" s="91"/>
      <c r="HU719" s="91"/>
      <c r="HV719" s="91"/>
      <c r="HW719" s="91"/>
      <c r="HX719" s="91"/>
      <c r="HY719" s="91"/>
      <c r="HZ719" s="91"/>
      <c r="IA719" s="91"/>
      <c r="IB719" s="91"/>
      <c r="IC719" s="91"/>
      <c r="ID719" s="91"/>
      <c r="IE719" s="91"/>
      <c r="IF719" s="91"/>
      <c r="IG719" s="91"/>
      <c r="IH719" s="91"/>
      <c r="II719" s="91"/>
      <c r="IJ719" s="91"/>
      <c r="IK719" s="127"/>
    </row>
    <row r="720" spans="2:245" x14ac:dyDescent="0.2">
      <c r="B720" s="43"/>
      <c r="C720" s="73"/>
      <c r="D720" s="64"/>
      <c r="E720" s="64"/>
      <c r="F720" s="55"/>
      <c r="G720" s="102"/>
      <c r="H720" s="55"/>
      <c r="I720" s="55"/>
      <c r="J720" s="55"/>
      <c r="K720" s="55"/>
      <c r="L720" s="55"/>
      <c r="M720" s="55"/>
      <c r="N720" s="55"/>
      <c r="O720" s="55"/>
      <c r="P720" s="55"/>
      <c r="Q720" s="55"/>
      <c r="R720" s="55"/>
      <c r="S720" s="55"/>
      <c r="T720" s="55"/>
      <c r="U720" s="55"/>
      <c r="V720" s="55"/>
      <c r="W720" s="55"/>
      <c r="X720" s="55"/>
      <c r="Y720" s="55"/>
      <c r="Z720" s="55"/>
      <c r="AA720" s="55"/>
      <c r="AB720" s="55"/>
      <c r="AC720" s="55"/>
      <c r="AD720" s="55"/>
      <c r="AE720" s="55"/>
      <c r="AF720" s="55"/>
      <c r="AG720" s="55"/>
      <c r="AY720" s="162"/>
      <c r="AZ720" s="162"/>
      <c r="BA720" s="162"/>
      <c r="BB720" s="162"/>
      <c r="BC720" s="162"/>
      <c r="BD720" s="162"/>
      <c r="BE720" s="162"/>
      <c r="BF720" s="162"/>
      <c r="BG720" s="162"/>
      <c r="BH720" s="162"/>
      <c r="BI720" s="162"/>
      <c r="BJ720" s="162"/>
      <c r="BK720" s="162"/>
      <c r="BL720" s="162"/>
      <c r="BM720" s="162"/>
      <c r="BN720" s="162"/>
      <c r="BO720" s="162"/>
      <c r="BP720" s="162"/>
      <c r="BQ720" s="162"/>
      <c r="BR720" s="162"/>
      <c r="BS720" s="162"/>
      <c r="BT720" s="162"/>
      <c r="BU720" s="162"/>
      <c r="BV720" s="162"/>
      <c r="BW720" s="162"/>
      <c r="BX720" s="162"/>
      <c r="BY720" s="162"/>
      <c r="BZ720" s="162"/>
      <c r="CA720" s="162"/>
      <c r="CB720" s="162"/>
      <c r="CC720" s="162"/>
      <c r="CD720" s="162"/>
      <c r="CE720" s="162"/>
      <c r="CF720" s="162"/>
      <c r="CG720" s="162"/>
      <c r="CH720" s="162"/>
      <c r="CI720" s="162"/>
      <c r="CJ720" s="162"/>
      <c r="CK720" s="162"/>
      <c r="CX720" s="98"/>
      <c r="DL720" s="97"/>
      <c r="DX720" s="98"/>
      <c r="EL720" s="97"/>
      <c r="EX720" s="98"/>
      <c r="EY720" s="97"/>
      <c r="FL720" s="126"/>
      <c r="FM720" s="91"/>
      <c r="FN720" s="91"/>
      <c r="FO720" s="91"/>
      <c r="FP720" s="91"/>
      <c r="FQ720" s="91"/>
      <c r="FR720" s="91"/>
      <c r="FS720" s="91"/>
      <c r="FT720" s="91"/>
      <c r="FU720" s="91"/>
      <c r="FV720" s="91"/>
      <c r="FW720" s="91"/>
      <c r="FX720" s="91"/>
      <c r="FY720" s="91"/>
      <c r="FZ720" s="91"/>
      <c r="GA720" s="91"/>
      <c r="GB720" s="91"/>
      <c r="GC720" s="91"/>
      <c r="GD720" s="91"/>
      <c r="GE720" s="91"/>
      <c r="GF720" s="91"/>
      <c r="GG720" s="91"/>
      <c r="GH720" s="91"/>
      <c r="GI720" s="91"/>
      <c r="GJ720" s="91"/>
      <c r="GK720" s="127"/>
      <c r="GL720" s="126"/>
      <c r="GM720" s="91"/>
      <c r="GN720" s="91"/>
      <c r="GO720" s="91"/>
      <c r="GP720" s="91"/>
      <c r="GQ720" s="91"/>
      <c r="GR720" s="91"/>
      <c r="GS720" s="91"/>
      <c r="GT720" s="91"/>
      <c r="GU720" s="91"/>
      <c r="GV720" s="91"/>
      <c r="GW720" s="91"/>
      <c r="GX720" s="91"/>
      <c r="GY720" s="91"/>
      <c r="GZ720" s="91"/>
      <c r="HA720" s="91"/>
      <c r="HB720" s="91"/>
      <c r="HC720" s="91"/>
      <c r="HD720" s="91"/>
      <c r="HE720" s="91"/>
      <c r="HF720" s="91"/>
      <c r="HG720" s="91"/>
      <c r="HH720" s="91"/>
      <c r="HI720" s="91"/>
      <c r="HJ720" s="91"/>
      <c r="HK720" s="127"/>
      <c r="HL720" s="126"/>
      <c r="HM720" s="91"/>
      <c r="HN720" s="91"/>
      <c r="HO720" s="91"/>
      <c r="HP720" s="91"/>
      <c r="HQ720" s="91"/>
      <c r="HR720" s="91"/>
      <c r="HS720" s="91"/>
      <c r="HT720" s="91"/>
      <c r="HU720" s="91"/>
      <c r="HV720" s="91"/>
      <c r="HW720" s="91"/>
      <c r="HX720" s="91"/>
      <c r="HY720" s="91"/>
      <c r="HZ720" s="91"/>
      <c r="IA720" s="91"/>
      <c r="IB720" s="91"/>
      <c r="IC720" s="91"/>
      <c r="ID720" s="91"/>
      <c r="IE720" s="91"/>
      <c r="IF720" s="91"/>
      <c r="IG720" s="91"/>
      <c r="IH720" s="91"/>
      <c r="II720" s="91"/>
      <c r="IJ720" s="91"/>
      <c r="IK720" s="127"/>
    </row>
    <row r="721" spans="2:245" x14ac:dyDescent="0.2">
      <c r="B721" s="43"/>
      <c r="C721" s="73"/>
      <c r="D721" s="64"/>
      <c r="E721" s="64"/>
      <c r="F721" s="55"/>
      <c r="G721" s="102"/>
      <c r="H721" s="55"/>
      <c r="I721" s="55"/>
      <c r="J721" s="55"/>
      <c r="K721" s="55"/>
      <c r="L721" s="55"/>
      <c r="M721" s="55"/>
      <c r="N721" s="55"/>
      <c r="O721" s="55"/>
      <c r="P721" s="55"/>
      <c r="Q721" s="55"/>
      <c r="R721" s="55"/>
      <c r="S721" s="55"/>
      <c r="T721" s="55"/>
      <c r="U721" s="55"/>
      <c r="V721" s="55"/>
      <c r="W721" s="55"/>
      <c r="X721" s="55"/>
      <c r="Y721" s="55"/>
      <c r="Z721" s="55"/>
      <c r="AA721" s="55"/>
      <c r="AB721" s="55"/>
      <c r="AC721" s="55"/>
      <c r="AD721" s="55"/>
      <c r="AE721" s="55"/>
      <c r="AF721" s="55"/>
      <c r="AG721" s="55"/>
      <c r="AY721" s="162"/>
      <c r="AZ721" s="162"/>
      <c r="BA721" s="162"/>
      <c r="BB721" s="162"/>
      <c r="BC721" s="162"/>
      <c r="BD721" s="162"/>
      <c r="BE721" s="162"/>
      <c r="BF721" s="162"/>
      <c r="BG721" s="162"/>
      <c r="BH721" s="162"/>
      <c r="BI721" s="162"/>
      <c r="BJ721" s="162"/>
      <c r="BK721" s="162"/>
      <c r="BL721" s="162"/>
      <c r="BM721" s="162"/>
      <c r="BN721" s="162"/>
      <c r="BO721" s="162"/>
      <c r="BP721" s="162"/>
      <c r="BQ721" s="162"/>
      <c r="BR721" s="162"/>
      <c r="BS721" s="162"/>
      <c r="BT721" s="162"/>
      <c r="BU721" s="162"/>
      <c r="BV721" s="162"/>
      <c r="BW721" s="162"/>
      <c r="BX721" s="162"/>
      <c r="BY721" s="162"/>
      <c r="BZ721" s="162"/>
      <c r="CA721" s="162"/>
      <c r="CB721" s="162"/>
      <c r="CC721" s="162"/>
      <c r="CD721" s="162"/>
      <c r="CE721" s="162"/>
      <c r="CF721" s="162"/>
      <c r="CG721" s="162"/>
      <c r="CH721" s="162"/>
      <c r="CI721" s="162"/>
      <c r="CJ721" s="162"/>
      <c r="CK721" s="162"/>
      <c r="CX721" s="98"/>
      <c r="DL721" s="97"/>
      <c r="DX721" s="98"/>
      <c r="EL721" s="97"/>
      <c r="EX721" s="98"/>
      <c r="EY721" s="97"/>
      <c r="FL721" s="126"/>
      <c r="FM721" s="91"/>
      <c r="FN721" s="91"/>
      <c r="FO721" s="91"/>
      <c r="FP721" s="91"/>
      <c r="FQ721" s="91"/>
      <c r="FR721" s="91"/>
      <c r="FS721" s="91"/>
      <c r="FT721" s="91"/>
      <c r="FU721" s="91"/>
      <c r="FV721" s="91"/>
      <c r="FW721" s="91"/>
      <c r="FX721" s="91"/>
      <c r="FY721" s="91"/>
      <c r="FZ721" s="91"/>
      <c r="GA721" s="91"/>
      <c r="GB721" s="91"/>
      <c r="GC721" s="91"/>
      <c r="GD721" s="91"/>
      <c r="GE721" s="91"/>
      <c r="GF721" s="91"/>
      <c r="GG721" s="91"/>
      <c r="GH721" s="91"/>
      <c r="GI721" s="91"/>
      <c r="GJ721" s="91"/>
      <c r="GK721" s="127"/>
      <c r="GL721" s="126"/>
      <c r="GM721" s="91"/>
      <c r="GN721" s="91"/>
      <c r="GO721" s="91"/>
      <c r="GP721" s="91"/>
      <c r="GQ721" s="91"/>
      <c r="GR721" s="91"/>
      <c r="GS721" s="91"/>
      <c r="GT721" s="91"/>
      <c r="GU721" s="91"/>
      <c r="GV721" s="91"/>
      <c r="GW721" s="91"/>
      <c r="GX721" s="91"/>
      <c r="GY721" s="91"/>
      <c r="GZ721" s="91"/>
      <c r="HA721" s="91"/>
      <c r="HB721" s="91"/>
      <c r="HC721" s="91"/>
      <c r="HD721" s="91"/>
      <c r="HE721" s="91"/>
      <c r="HF721" s="91"/>
      <c r="HG721" s="91"/>
      <c r="HH721" s="91"/>
      <c r="HI721" s="91"/>
      <c r="HJ721" s="91"/>
      <c r="HK721" s="127"/>
      <c r="HL721" s="126"/>
      <c r="HM721" s="91"/>
      <c r="HN721" s="91"/>
      <c r="HO721" s="91"/>
      <c r="HP721" s="91"/>
      <c r="HQ721" s="91"/>
      <c r="HR721" s="91"/>
      <c r="HS721" s="91"/>
      <c r="HT721" s="91"/>
      <c r="HU721" s="91"/>
      <c r="HV721" s="91"/>
      <c r="HW721" s="91"/>
      <c r="HX721" s="91"/>
      <c r="HY721" s="91"/>
      <c r="HZ721" s="91"/>
      <c r="IA721" s="91"/>
      <c r="IB721" s="91"/>
      <c r="IC721" s="91"/>
      <c r="ID721" s="91"/>
      <c r="IE721" s="91"/>
      <c r="IF721" s="91"/>
      <c r="IG721" s="91"/>
      <c r="IH721" s="91"/>
      <c r="II721" s="91"/>
      <c r="IJ721" s="91"/>
      <c r="IK721" s="127"/>
    </row>
    <row r="722" spans="2:245" x14ac:dyDescent="0.2">
      <c r="B722" s="43"/>
      <c r="C722" s="73"/>
      <c r="D722" s="64"/>
      <c r="E722" s="64"/>
      <c r="F722" s="55"/>
      <c r="G722" s="102"/>
      <c r="H722" s="55"/>
      <c r="I722" s="55"/>
      <c r="J722" s="55"/>
      <c r="K722" s="55"/>
      <c r="L722" s="55"/>
      <c r="M722" s="55"/>
      <c r="N722" s="55"/>
      <c r="O722" s="55"/>
      <c r="P722" s="55"/>
      <c r="Q722" s="55"/>
      <c r="R722" s="55"/>
      <c r="S722" s="55"/>
      <c r="T722" s="55"/>
      <c r="U722" s="55"/>
      <c r="V722" s="55"/>
      <c r="W722" s="55"/>
      <c r="X722" s="55"/>
      <c r="Y722" s="55"/>
      <c r="Z722" s="55"/>
      <c r="AA722" s="55"/>
      <c r="AB722" s="55"/>
      <c r="AC722" s="55"/>
      <c r="AD722" s="55"/>
      <c r="AE722" s="55"/>
      <c r="AF722" s="55"/>
      <c r="AG722" s="55"/>
      <c r="AY722" s="162"/>
      <c r="AZ722" s="162"/>
      <c r="BA722" s="162"/>
      <c r="BB722" s="162"/>
      <c r="BC722" s="162"/>
      <c r="BD722" s="162"/>
      <c r="BE722" s="162"/>
      <c r="BF722" s="162"/>
      <c r="BG722" s="162"/>
      <c r="BH722" s="162"/>
      <c r="BI722" s="162"/>
      <c r="BJ722" s="162"/>
      <c r="BK722" s="162"/>
      <c r="BL722" s="162"/>
      <c r="BM722" s="162"/>
      <c r="BN722" s="162"/>
      <c r="BO722" s="162"/>
      <c r="BP722" s="162"/>
      <c r="BQ722" s="162"/>
      <c r="BR722" s="162"/>
      <c r="BS722" s="162"/>
      <c r="BT722" s="162"/>
      <c r="BU722" s="162"/>
      <c r="BV722" s="162"/>
      <c r="BW722" s="162"/>
      <c r="BX722" s="162"/>
      <c r="BY722" s="162"/>
      <c r="BZ722" s="162"/>
      <c r="CA722" s="162"/>
      <c r="CB722" s="162"/>
      <c r="CC722" s="162"/>
      <c r="CD722" s="162"/>
      <c r="CE722" s="162"/>
      <c r="CF722" s="162"/>
      <c r="CG722" s="162"/>
      <c r="CH722" s="162"/>
      <c r="CI722" s="162"/>
      <c r="CJ722" s="162"/>
      <c r="CK722" s="162"/>
      <c r="CX722" s="98"/>
      <c r="DL722" s="97"/>
      <c r="DX722" s="98"/>
      <c r="EL722" s="97"/>
      <c r="EX722" s="98"/>
      <c r="EY722" s="97"/>
      <c r="FL722" s="126"/>
      <c r="FM722" s="91"/>
      <c r="FN722" s="91"/>
      <c r="FO722" s="91"/>
      <c r="FP722" s="91"/>
      <c r="FQ722" s="91"/>
      <c r="FR722" s="91"/>
      <c r="FS722" s="91"/>
      <c r="FT722" s="91"/>
      <c r="FU722" s="91"/>
      <c r="FV722" s="91"/>
      <c r="FW722" s="91"/>
      <c r="FX722" s="91"/>
      <c r="FY722" s="91"/>
      <c r="FZ722" s="91"/>
      <c r="GA722" s="91"/>
      <c r="GB722" s="91"/>
      <c r="GC722" s="91"/>
      <c r="GD722" s="91"/>
      <c r="GE722" s="91"/>
      <c r="GF722" s="91"/>
      <c r="GG722" s="91"/>
      <c r="GH722" s="91"/>
      <c r="GI722" s="91"/>
      <c r="GJ722" s="91"/>
      <c r="GK722" s="127"/>
      <c r="GL722" s="126"/>
      <c r="GM722" s="91"/>
      <c r="GN722" s="91"/>
      <c r="GO722" s="91"/>
      <c r="GP722" s="91"/>
      <c r="GQ722" s="91"/>
      <c r="GR722" s="91"/>
      <c r="GS722" s="91"/>
      <c r="GT722" s="91"/>
      <c r="GU722" s="91"/>
      <c r="GV722" s="91"/>
      <c r="GW722" s="91"/>
      <c r="GX722" s="91"/>
      <c r="GY722" s="91"/>
      <c r="GZ722" s="91"/>
      <c r="HA722" s="91"/>
      <c r="HB722" s="91"/>
      <c r="HC722" s="91"/>
      <c r="HD722" s="91"/>
      <c r="HE722" s="91"/>
      <c r="HF722" s="91"/>
      <c r="HG722" s="91"/>
      <c r="HH722" s="91"/>
      <c r="HI722" s="91"/>
      <c r="HJ722" s="91"/>
      <c r="HK722" s="127"/>
      <c r="HL722" s="126"/>
      <c r="HM722" s="91"/>
      <c r="HN722" s="91"/>
      <c r="HO722" s="91"/>
      <c r="HP722" s="91"/>
      <c r="HQ722" s="91"/>
      <c r="HR722" s="91"/>
      <c r="HS722" s="91"/>
      <c r="HT722" s="91"/>
      <c r="HU722" s="91"/>
      <c r="HV722" s="91"/>
      <c r="HW722" s="91"/>
      <c r="HX722" s="91"/>
      <c r="HY722" s="91"/>
      <c r="HZ722" s="91"/>
      <c r="IA722" s="91"/>
      <c r="IB722" s="91"/>
      <c r="IC722" s="91"/>
      <c r="ID722" s="91"/>
      <c r="IE722" s="91"/>
      <c r="IF722" s="91"/>
      <c r="IG722" s="91"/>
      <c r="IH722" s="91"/>
      <c r="II722" s="91"/>
      <c r="IJ722" s="91"/>
      <c r="IK722" s="127"/>
    </row>
    <row r="723" spans="2:245" x14ac:dyDescent="0.2">
      <c r="B723" s="43"/>
      <c r="C723" s="73"/>
      <c r="D723" s="64"/>
      <c r="E723" s="64"/>
      <c r="F723" s="55"/>
      <c r="G723" s="102"/>
      <c r="H723" s="55"/>
      <c r="I723" s="55"/>
      <c r="J723" s="55"/>
      <c r="K723" s="55"/>
      <c r="L723" s="55"/>
      <c r="M723" s="55"/>
      <c r="N723" s="55"/>
      <c r="O723" s="55"/>
      <c r="P723" s="55"/>
      <c r="Q723" s="55"/>
      <c r="R723" s="55"/>
      <c r="S723" s="55"/>
      <c r="T723" s="55"/>
      <c r="U723" s="55"/>
      <c r="V723" s="55"/>
      <c r="W723" s="55"/>
      <c r="X723" s="55"/>
      <c r="Y723" s="55"/>
      <c r="Z723" s="55"/>
      <c r="AA723" s="55"/>
      <c r="AB723" s="55"/>
      <c r="AC723" s="55"/>
      <c r="AD723" s="55"/>
      <c r="AE723" s="55"/>
      <c r="AF723" s="55"/>
      <c r="AG723" s="55"/>
      <c r="AY723" s="162"/>
      <c r="AZ723" s="162"/>
      <c r="BA723" s="162"/>
      <c r="BB723" s="162"/>
      <c r="BC723" s="162"/>
      <c r="BD723" s="162"/>
      <c r="BE723" s="162"/>
      <c r="BF723" s="162"/>
      <c r="BG723" s="162"/>
      <c r="BH723" s="162"/>
      <c r="BI723" s="162"/>
      <c r="BJ723" s="162"/>
      <c r="BK723" s="162"/>
      <c r="BL723" s="162"/>
      <c r="BM723" s="162"/>
      <c r="BN723" s="162"/>
      <c r="BO723" s="162"/>
      <c r="BP723" s="162"/>
      <c r="BQ723" s="162"/>
      <c r="BR723" s="162"/>
      <c r="BS723" s="162"/>
      <c r="BT723" s="162"/>
      <c r="BU723" s="162"/>
      <c r="BV723" s="162"/>
      <c r="BW723" s="162"/>
      <c r="BX723" s="162"/>
      <c r="BY723" s="162"/>
      <c r="BZ723" s="162"/>
      <c r="CA723" s="162"/>
      <c r="CB723" s="162"/>
      <c r="CC723" s="162"/>
      <c r="CD723" s="162"/>
      <c r="CE723" s="162"/>
      <c r="CF723" s="162"/>
      <c r="CG723" s="162"/>
      <c r="CH723" s="162"/>
      <c r="CI723" s="162"/>
      <c r="CJ723" s="162"/>
      <c r="CK723" s="162"/>
      <c r="CX723" s="98"/>
      <c r="DL723" s="97"/>
      <c r="DX723" s="98"/>
      <c r="EL723" s="97"/>
      <c r="EX723" s="98"/>
      <c r="EY723" s="97"/>
      <c r="FL723" s="126"/>
      <c r="FM723" s="91"/>
      <c r="FN723" s="91"/>
      <c r="FO723" s="91"/>
      <c r="FP723" s="91"/>
      <c r="FQ723" s="91"/>
      <c r="FR723" s="91"/>
      <c r="FS723" s="91"/>
      <c r="FT723" s="91"/>
      <c r="FU723" s="91"/>
      <c r="FV723" s="91"/>
      <c r="FW723" s="91"/>
      <c r="FX723" s="91"/>
      <c r="FY723" s="91"/>
      <c r="FZ723" s="91"/>
      <c r="GA723" s="91"/>
      <c r="GB723" s="91"/>
      <c r="GC723" s="91"/>
      <c r="GD723" s="91"/>
      <c r="GE723" s="91"/>
      <c r="GF723" s="91"/>
      <c r="GG723" s="91"/>
      <c r="GH723" s="91"/>
      <c r="GI723" s="91"/>
      <c r="GJ723" s="91"/>
      <c r="GK723" s="127"/>
      <c r="GL723" s="126"/>
      <c r="GM723" s="91"/>
      <c r="GN723" s="91"/>
      <c r="GO723" s="91"/>
      <c r="GP723" s="91"/>
      <c r="GQ723" s="91"/>
      <c r="GR723" s="91"/>
      <c r="GS723" s="91"/>
      <c r="GT723" s="91"/>
      <c r="GU723" s="91"/>
      <c r="GV723" s="91"/>
      <c r="GW723" s="91"/>
      <c r="GX723" s="91"/>
      <c r="GY723" s="91"/>
      <c r="GZ723" s="91"/>
      <c r="HA723" s="91"/>
      <c r="HB723" s="91"/>
      <c r="HC723" s="91"/>
      <c r="HD723" s="91"/>
      <c r="HE723" s="91"/>
      <c r="HF723" s="91"/>
      <c r="HG723" s="91"/>
      <c r="HH723" s="91"/>
      <c r="HI723" s="91"/>
      <c r="HJ723" s="91"/>
      <c r="HK723" s="127"/>
      <c r="HL723" s="126"/>
      <c r="HM723" s="91"/>
      <c r="HN723" s="91"/>
      <c r="HO723" s="91"/>
      <c r="HP723" s="91"/>
      <c r="HQ723" s="91"/>
      <c r="HR723" s="91"/>
      <c r="HS723" s="91"/>
      <c r="HT723" s="91"/>
      <c r="HU723" s="91"/>
      <c r="HV723" s="91"/>
      <c r="HW723" s="91"/>
      <c r="HX723" s="91"/>
      <c r="HY723" s="91"/>
      <c r="HZ723" s="91"/>
      <c r="IA723" s="91"/>
      <c r="IB723" s="91"/>
      <c r="IC723" s="91"/>
      <c r="ID723" s="91"/>
      <c r="IE723" s="91"/>
      <c r="IF723" s="91"/>
      <c r="IG723" s="91"/>
      <c r="IH723" s="91"/>
      <c r="II723" s="91"/>
      <c r="IJ723" s="91"/>
      <c r="IK723" s="127"/>
    </row>
    <row r="724" spans="2:245" x14ac:dyDescent="0.2">
      <c r="B724" s="43"/>
      <c r="C724" s="73"/>
      <c r="D724" s="64"/>
      <c r="E724" s="64"/>
      <c r="F724" s="55"/>
      <c r="G724" s="102"/>
      <c r="H724" s="55"/>
      <c r="I724" s="55"/>
      <c r="J724" s="55"/>
      <c r="K724" s="55"/>
      <c r="L724" s="55"/>
      <c r="M724" s="55"/>
      <c r="N724" s="55"/>
      <c r="O724" s="55"/>
      <c r="P724" s="55"/>
      <c r="Q724" s="55"/>
      <c r="R724" s="55"/>
      <c r="S724" s="55"/>
      <c r="T724" s="55"/>
      <c r="U724" s="55"/>
      <c r="V724" s="55"/>
      <c r="W724" s="55"/>
      <c r="X724" s="55"/>
      <c r="Y724" s="55"/>
      <c r="Z724" s="55"/>
      <c r="AA724" s="55"/>
      <c r="AB724" s="55"/>
      <c r="AC724" s="55"/>
      <c r="AD724" s="55"/>
      <c r="AE724" s="55"/>
      <c r="AF724" s="55"/>
      <c r="AG724" s="55"/>
      <c r="AY724" s="162"/>
      <c r="AZ724" s="162"/>
      <c r="BA724" s="162"/>
      <c r="BB724" s="162"/>
      <c r="BC724" s="162"/>
      <c r="BD724" s="162"/>
      <c r="BE724" s="162"/>
      <c r="BF724" s="162"/>
      <c r="BG724" s="162"/>
      <c r="BH724" s="162"/>
      <c r="BI724" s="162"/>
      <c r="BJ724" s="162"/>
      <c r="BK724" s="162"/>
      <c r="BL724" s="162"/>
      <c r="BM724" s="162"/>
      <c r="BN724" s="162"/>
      <c r="BO724" s="162"/>
      <c r="BP724" s="162"/>
      <c r="BQ724" s="162"/>
      <c r="BR724" s="162"/>
      <c r="BS724" s="162"/>
      <c r="BT724" s="162"/>
      <c r="BU724" s="162"/>
      <c r="BV724" s="162"/>
      <c r="BW724" s="162"/>
      <c r="BX724" s="162"/>
      <c r="BY724" s="162"/>
      <c r="BZ724" s="162"/>
      <c r="CA724" s="162"/>
      <c r="CB724" s="162"/>
      <c r="CC724" s="162"/>
      <c r="CD724" s="162"/>
      <c r="CE724" s="162"/>
      <c r="CF724" s="162"/>
      <c r="CG724" s="162"/>
      <c r="CH724" s="162"/>
      <c r="CI724" s="162"/>
      <c r="CJ724" s="162"/>
      <c r="CK724" s="162"/>
      <c r="CX724" s="98"/>
      <c r="DL724" s="97"/>
      <c r="DX724" s="98"/>
      <c r="EL724" s="97"/>
      <c r="EX724" s="98"/>
      <c r="EY724" s="97"/>
      <c r="FL724" s="126"/>
      <c r="FM724" s="91"/>
      <c r="FN724" s="91"/>
      <c r="FO724" s="91"/>
      <c r="FP724" s="91"/>
      <c r="FQ724" s="91"/>
      <c r="FR724" s="91"/>
      <c r="FS724" s="91"/>
      <c r="FT724" s="91"/>
      <c r="FU724" s="91"/>
      <c r="FV724" s="91"/>
      <c r="FW724" s="91"/>
      <c r="FX724" s="91"/>
      <c r="FY724" s="91"/>
      <c r="FZ724" s="91"/>
      <c r="GA724" s="91"/>
      <c r="GB724" s="91"/>
      <c r="GC724" s="91"/>
      <c r="GD724" s="91"/>
      <c r="GE724" s="91"/>
      <c r="GF724" s="91"/>
      <c r="GG724" s="91"/>
      <c r="GH724" s="91"/>
      <c r="GI724" s="91"/>
      <c r="GJ724" s="91"/>
      <c r="GK724" s="127"/>
      <c r="GL724" s="126"/>
      <c r="GM724" s="91"/>
      <c r="GN724" s="91"/>
      <c r="GO724" s="91"/>
      <c r="GP724" s="91"/>
      <c r="GQ724" s="91"/>
      <c r="GR724" s="91"/>
      <c r="GS724" s="91"/>
      <c r="GT724" s="91"/>
      <c r="GU724" s="91"/>
      <c r="GV724" s="91"/>
      <c r="GW724" s="91"/>
      <c r="GX724" s="91"/>
      <c r="GY724" s="91"/>
      <c r="GZ724" s="91"/>
      <c r="HA724" s="91"/>
      <c r="HB724" s="91"/>
      <c r="HC724" s="91"/>
      <c r="HD724" s="91"/>
      <c r="HE724" s="91"/>
      <c r="HF724" s="91"/>
      <c r="HG724" s="91"/>
      <c r="HH724" s="91"/>
      <c r="HI724" s="91"/>
      <c r="HJ724" s="91"/>
      <c r="HK724" s="127"/>
      <c r="HL724" s="126"/>
      <c r="HM724" s="91"/>
      <c r="HN724" s="91"/>
      <c r="HO724" s="91"/>
      <c r="HP724" s="91"/>
      <c r="HQ724" s="91"/>
      <c r="HR724" s="91"/>
      <c r="HS724" s="91"/>
      <c r="HT724" s="91"/>
      <c r="HU724" s="91"/>
      <c r="HV724" s="91"/>
      <c r="HW724" s="91"/>
      <c r="HX724" s="91"/>
      <c r="HY724" s="91"/>
      <c r="HZ724" s="91"/>
      <c r="IA724" s="91"/>
      <c r="IB724" s="91"/>
      <c r="IC724" s="91"/>
      <c r="ID724" s="91"/>
      <c r="IE724" s="91"/>
      <c r="IF724" s="91"/>
      <c r="IG724" s="91"/>
      <c r="IH724" s="91"/>
      <c r="II724" s="91"/>
      <c r="IJ724" s="91"/>
      <c r="IK724" s="127"/>
    </row>
    <row r="725" spans="2:245" x14ac:dyDescent="0.2">
      <c r="B725" s="43"/>
      <c r="C725" s="73"/>
      <c r="D725" s="64"/>
      <c r="E725" s="64"/>
      <c r="F725" s="55"/>
      <c r="G725" s="102"/>
      <c r="H725" s="55"/>
      <c r="I725" s="55"/>
      <c r="J725" s="55"/>
      <c r="K725" s="55"/>
      <c r="L725" s="55"/>
      <c r="M725" s="55"/>
      <c r="N725" s="55"/>
      <c r="O725" s="55"/>
      <c r="P725" s="55"/>
      <c r="Q725" s="55"/>
      <c r="R725" s="55"/>
      <c r="S725" s="55"/>
      <c r="T725" s="55"/>
      <c r="U725" s="55"/>
      <c r="V725" s="55"/>
      <c r="W725" s="55"/>
      <c r="X725" s="55"/>
      <c r="Y725" s="55"/>
      <c r="Z725" s="55"/>
      <c r="AA725" s="55"/>
      <c r="AB725" s="55"/>
      <c r="AC725" s="55"/>
      <c r="AD725" s="55"/>
      <c r="AE725" s="55"/>
      <c r="AF725" s="55"/>
      <c r="AG725" s="55"/>
      <c r="AY725" s="162"/>
      <c r="AZ725" s="162"/>
      <c r="BA725" s="162"/>
      <c r="BB725" s="162"/>
      <c r="BC725" s="162"/>
      <c r="BD725" s="162"/>
      <c r="BE725" s="162"/>
      <c r="BF725" s="162"/>
      <c r="BG725" s="162"/>
      <c r="BH725" s="162"/>
      <c r="BI725" s="162"/>
      <c r="BJ725" s="162"/>
      <c r="BK725" s="162"/>
      <c r="BL725" s="162"/>
      <c r="BM725" s="162"/>
      <c r="BN725" s="162"/>
      <c r="BO725" s="162"/>
      <c r="BP725" s="162"/>
      <c r="BQ725" s="162"/>
      <c r="BR725" s="162"/>
      <c r="BS725" s="162"/>
      <c r="BT725" s="162"/>
      <c r="BU725" s="162"/>
      <c r="BV725" s="162"/>
      <c r="BW725" s="162"/>
      <c r="BX725" s="162"/>
      <c r="BY725" s="162"/>
      <c r="BZ725" s="162"/>
      <c r="CA725" s="162"/>
      <c r="CB725" s="162"/>
      <c r="CC725" s="162"/>
      <c r="CD725" s="162"/>
      <c r="CE725" s="162"/>
      <c r="CF725" s="162"/>
      <c r="CG725" s="162"/>
      <c r="CH725" s="162"/>
      <c r="CI725" s="162"/>
      <c r="CJ725" s="162"/>
      <c r="CK725" s="162"/>
      <c r="CX725" s="98"/>
      <c r="DL725" s="97"/>
      <c r="DX725" s="98"/>
      <c r="EL725" s="97"/>
      <c r="EX725" s="98"/>
      <c r="EY725" s="97"/>
      <c r="FL725" s="126"/>
      <c r="FM725" s="91"/>
      <c r="FN725" s="91"/>
      <c r="FO725" s="91"/>
      <c r="FP725" s="91"/>
      <c r="FQ725" s="91"/>
      <c r="FR725" s="91"/>
      <c r="FS725" s="91"/>
      <c r="FT725" s="91"/>
      <c r="FU725" s="91"/>
      <c r="FV725" s="91"/>
      <c r="FW725" s="91"/>
      <c r="FX725" s="91"/>
      <c r="FY725" s="91"/>
      <c r="FZ725" s="91"/>
      <c r="GA725" s="91"/>
      <c r="GB725" s="91"/>
      <c r="GC725" s="91"/>
      <c r="GD725" s="91"/>
      <c r="GE725" s="91"/>
      <c r="GF725" s="91"/>
      <c r="GG725" s="91"/>
      <c r="GH725" s="91"/>
      <c r="GI725" s="91"/>
      <c r="GJ725" s="91"/>
      <c r="GK725" s="127"/>
      <c r="GL725" s="126"/>
      <c r="GM725" s="91"/>
      <c r="GN725" s="91"/>
      <c r="GO725" s="91"/>
      <c r="GP725" s="91"/>
      <c r="GQ725" s="91"/>
      <c r="GR725" s="91"/>
      <c r="GS725" s="91"/>
      <c r="GT725" s="91"/>
      <c r="GU725" s="91"/>
      <c r="GV725" s="91"/>
      <c r="GW725" s="91"/>
      <c r="GX725" s="91"/>
      <c r="GY725" s="91"/>
      <c r="GZ725" s="91"/>
      <c r="HA725" s="91"/>
      <c r="HB725" s="91"/>
      <c r="HC725" s="91"/>
      <c r="HD725" s="91"/>
      <c r="HE725" s="91"/>
      <c r="HF725" s="91"/>
      <c r="HG725" s="91"/>
      <c r="HH725" s="91"/>
      <c r="HI725" s="91"/>
      <c r="HJ725" s="91"/>
      <c r="HK725" s="127"/>
      <c r="HL725" s="126"/>
      <c r="HM725" s="91"/>
      <c r="HN725" s="91"/>
      <c r="HO725" s="91"/>
      <c r="HP725" s="91"/>
      <c r="HQ725" s="91"/>
      <c r="HR725" s="91"/>
      <c r="HS725" s="91"/>
      <c r="HT725" s="91"/>
      <c r="HU725" s="91"/>
      <c r="HV725" s="91"/>
      <c r="HW725" s="91"/>
      <c r="HX725" s="91"/>
      <c r="HY725" s="91"/>
      <c r="HZ725" s="91"/>
      <c r="IA725" s="91"/>
      <c r="IB725" s="91"/>
      <c r="IC725" s="91"/>
      <c r="ID725" s="91"/>
      <c r="IE725" s="91"/>
      <c r="IF725" s="91"/>
      <c r="IG725" s="91"/>
      <c r="IH725" s="91"/>
      <c r="II725" s="91"/>
      <c r="IJ725" s="91"/>
      <c r="IK725" s="127"/>
    </row>
    <row r="726" spans="2:245" x14ac:dyDescent="0.2">
      <c r="B726" s="43"/>
      <c r="C726" s="73"/>
      <c r="D726" s="64"/>
      <c r="E726" s="64"/>
      <c r="F726" s="55"/>
      <c r="G726" s="102"/>
      <c r="H726" s="55"/>
      <c r="I726" s="55"/>
      <c r="J726" s="55"/>
      <c r="K726" s="55"/>
      <c r="L726" s="55"/>
      <c r="M726" s="55"/>
      <c r="N726" s="55"/>
      <c r="O726" s="55"/>
      <c r="P726" s="55"/>
      <c r="Q726" s="55"/>
      <c r="R726" s="55"/>
      <c r="S726" s="55"/>
      <c r="T726" s="55"/>
      <c r="U726" s="55"/>
      <c r="V726" s="55"/>
      <c r="W726" s="55"/>
      <c r="X726" s="55"/>
      <c r="Y726" s="55"/>
      <c r="Z726" s="55"/>
      <c r="AA726" s="55"/>
      <c r="AB726" s="55"/>
      <c r="AC726" s="55"/>
      <c r="AD726" s="55"/>
      <c r="AE726" s="55"/>
      <c r="AF726" s="55"/>
      <c r="AG726" s="55"/>
      <c r="AY726" s="162"/>
      <c r="AZ726" s="162"/>
      <c r="BA726" s="162"/>
      <c r="BB726" s="162"/>
      <c r="BC726" s="162"/>
      <c r="BD726" s="162"/>
      <c r="BE726" s="162"/>
      <c r="BF726" s="162"/>
      <c r="BG726" s="162"/>
      <c r="BH726" s="162"/>
      <c r="BI726" s="162"/>
      <c r="BJ726" s="162"/>
      <c r="BK726" s="162"/>
      <c r="BL726" s="162"/>
      <c r="BM726" s="162"/>
      <c r="BN726" s="162"/>
      <c r="BO726" s="162"/>
      <c r="BP726" s="162"/>
      <c r="BQ726" s="162"/>
      <c r="BR726" s="162"/>
      <c r="BS726" s="162"/>
      <c r="BT726" s="162"/>
      <c r="BU726" s="162"/>
      <c r="BV726" s="162"/>
      <c r="BW726" s="162"/>
      <c r="BX726" s="162"/>
      <c r="BY726" s="162"/>
      <c r="BZ726" s="162"/>
      <c r="CA726" s="162"/>
      <c r="CB726" s="162"/>
      <c r="CC726" s="162"/>
      <c r="CD726" s="162"/>
      <c r="CE726" s="162"/>
      <c r="CF726" s="162"/>
      <c r="CG726" s="162"/>
      <c r="CH726" s="162"/>
      <c r="CI726" s="162"/>
      <c r="CJ726" s="162"/>
      <c r="CK726" s="162"/>
      <c r="CX726" s="98"/>
      <c r="DL726" s="97"/>
      <c r="DX726" s="98"/>
      <c r="EL726" s="97"/>
      <c r="EX726" s="98"/>
      <c r="EY726" s="97"/>
      <c r="FL726" s="126"/>
      <c r="FM726" s="91"/>
      <c r="FN726" s="91"/>
      <c r="FO726" s="91"/>
      <c r="FP726" s="91"/>
      <c r="FQ726" s="91"/>
      <c r="FR726" s="91"/>
      <c r="FS726" s="91"/>
      <c r="FT726" s="91"/>
      <c r="FU726" s="91"/>
      <c r="FV726" s="91"/>
      <c r="FW726" s="91"/>
      <c r="FX726" s="91"/>
      <c r="FY726" s="91"/>
      <c r="FZ726" s="91"/>
      <c r="GA726" s="91"/>
      <c r="GB726" s="91"/>
      <c r="GC726" s="91"/>
      <c r="GD726" s="91"/>
      <c r="GE726" s="91"/>
      <c r="GF726" s="91"/>
      <c r="GG726" s="91"/>
      <c r="GH726" s="91"/>
      <c r="GI726" s="91"/>
      <c r="GJ726" s="91"/>
      <c r="GK726" s="127"/>
      <c r="GL726" s="126"/>
      <c r="GM726" s="91"/>
      <c r="GN726" s="91"/>
      <c r="GO726" s="91"/>
      <c r="GP726" s="91"/>
      <c r="GQ726" s="91"/>
      <c r="GR726" s="91"/>
      <c r="GS726" s="91"/>
      <c r="GT726" s="91"/>
      <c r="GU726" s="91"/>
      <c r="GV726" s="91"/>
      <c r="GW726" s="91"/>
      <c r="GX726" s="91"/>
      <c r="GY726" s="91"/>
      <c r="GZ726" s="91"/>
      <c r="HA726" s="91"/>
      <c r="HB726" s="91"/>
      <c r="HC726" s="91"/>
      <c r="HD726" s="91"/>
      <c r="HE726" s="91"/>
      <c r="HF726" s="91"/>
      <c r="HG726" s="91"/>
      <c r="HH726" s="91"/>
      <c r="HI726" s="91"/>
      <c r="HJ726" s="91"/>
      <c r="HK726" s="127"/>
      <c r="HL726" s="126"/>
      <c r="HM726" s="91"/>
      <c r="HN726" s="91"/>
      <c r="HO726" s="91"/>
      <c r="HP726" s="91"/>
      <c r="HQ726" s="91"/>
      <c r="HR726" s="91"/>
      <c r="HS726" s="91"/>
      <c r="HT726" s="91"/>
      <c r="HU726" s="91"/>
      <c r="HV726" s="91"/>
      <c r="HW726" s="91"/>
      <c r="HX726" s="91"/>
      <c r="HY726" s="91"/>
      <c r="HZ726" s="91"/>
      <c r="IA726" s="91"/>
      <c r="IB726" s="91"/>
      <c r="IC726" s="91"/>
      <c r="ID726" s="91"/>
      <c r="IE726" s="91"/>
      <c r="IF726" s="91"/>
      <c r="IG726" s="91"/>
      <c r="IH726" s="91"/>
      <c r="II726" s="91"/>
      <c r="IJ726" s="91"/>
      <c r="IK726" s="127"/>
    </row>
    <row r="727" spans="2:245" x14ac:dyDescent="0.2">
      <c r="B727" s="43"/>
      <c r="C727" s="73"/>
      <c r="D727" s="64"/>
      <c r="E727" s="64"/>
      <c r="F727" s="55"/>
      <c r="G727" s="102"/>
      <c r="H727" s="55"/>
      <c r="I727" s="55"/>
      <c r="J727" s="55"/>
      <c r="K727" s="55"/>
      <c r="L727" s="55"/>
      <c r="M727" s="55"/>
      <c r="N727" s="55"/>
      <c r="O727" s="55"/>
      <c r="P727" s="55"/>
      <c r="Q727" s="55"/>
      <c r="R727" s="55"/>
      <c r="S727" s="55"/>
      <c r="T727" s="55"/>
      <c r="U727" s="55"/>
      <c r="V727" s="55"/>
      <c r="W727" s="55"/>
      <c r="X727" s="55"/>
      <c r="Y727" s="55"/>
      <c r="Z727" s="55"/>
      <c r="AA727" s="55"/>
      <c r="AB727" s="55"/>
      <c r="AC727" s="55"/>
      <c r="AD727" s="55"/>
      <c r="AE727" s="55"/>
      <c r="AF727" s="55"/>
      <c r="AG727" s="55"/>
      <c r="AY727" s="162"/>
      <c r="AZ727" s="162"/>
      <c r="BA727" s="162"/>
      <c r="BB727" s="162"/>
      <c r="BC727" s="162"/>
      <c r="BD727" s="162"/>
      <c r="BE727" s="162"/>
      <c r="BF727" s="162"/>
      <c r="BG727" s="162"/>
      <c r="BH727" s="162"/>
      <c r="BI727" s="162"/>
      <c r="BJ727" s="162"/>
      <c r="BK727" s="162"/>
      <c r="BL727" s="162"/>
      <c r="BM727" s="162"/>
      <c r="BN727" s="162"/>
      <c r="BO727" s="162"/>
      <c r="BP727" s="162"/>
      <c r="BQ727" s="162"/>
      <c r="BR727" s="162"/>
      <c r="BS727" s="162"/>
      <c r="BT727" s="162"/>
      <c r="BU727" s="162"/>
      <c r="BV727" s="162"/>
      <c r="BW727" s="162"/>
      <c r="BX727" s="162"/>
      <c r="BY727" s="162"/>
      <c r="BZ727" s="162"/>
      <c r="CA727" s="162"/>
      <c r="CB727" s="162"/>
      <c r="CC727" s="162"/>
      <c r="CD727" s="162"/>
      <c r="CE727" s="162"/>
      <c r="CF727" s="162"/>
      <c r="CG727" s="162"/>
      <c r="CH727" s="162"/>
      <c r="CI727" s="162"/>
      <c r="CJ727" s="162"/>
      <c r="CK727" s="162"/>
      <c r="CX727" s="98"/>
      <c r="DL727" s="97"/>
      <c r="DX727" s="98"/>
      <c r="EL727" s="97"/>
      <c r="EX727" s="98"/>
      <c r="EY727" s="97"/>
      <c r="FL727" s="126"/>
      <c r="FM727" s="91"/>
      <c r="FN727" s="91"/>
      <c r="FO727" s="91"/>
      <c r="FP727" s="91"/>
      <c r="FQ727" s="91"/>
      <c r="FR727" s="91"/>
      <c r="FS727" s="91"/>
      <c r="FT727" s="91"/>
      <c r="FU727" s="91"/>
      <c r="FV727" s="91"/>
      <c r="FW727" s="91"/>
      <c r="FX727" s="91"/>
      <c r="FY727" s="91"/>
      <c r="FZ727" s="91"/>
      <c r="GA727" s="91"/>
      <c r="GB727" s="91"/>
      <c r="GC727" s="91"/>
      <c r="GD727" s="91"/>
      <c r="GE727" s="91"/>
      <c r="GF727" s="91"/>
      <c r="GG727" s="91"/>
      <c r="GH727" s="91"/>
      <c r="GI727" s="91"/>
      <c r="GJ727" s="91"/>
      <c r="GK727" s="127"/>
      <c r="GL727" s="126"/>
      <c r="GM727" s="91"/>
      <c r="GN727" s="91"/>
      <c r="GO727" s="91"/>
      <c r="GP727" s="91"/>
      <c r="GQ727" s="91"/>
      <c r="GR727" s="91"/>
      <c r="GS727" s="91"/>
      <c r="GT727" s="91"/>
      <c r="GU727" s="91"/>
      <c r="GV727" s="91"/>
      <c r="GW727" s="91"/>
      <c r="GX727" s="91"/>
      <c r="GY727" s="91"/>
      <c r="GZ727" s="91"/>
      <c r="HA727" s="91"/>
      <c r="HB727" s="91"/>
      <c r="HC727" s="91"/>
      <c r="HD727" s="91"/>
      <c r="HE727" s="91"/>
      <c r="HF727" s="91"/>
      <c r="HG727" s="91"/>
      <c r="HH727" s="91"/>
      <c r="HI727" s="91"/>
      <c r="HJ727" s="91"/>
      <c r="HK727" s="127"/>
      <c r="HL727" s="126"/>
      <c r="HM727" s="91"/>
      <c r="HN727" s="91"/>
      <c r="HO727" s="91"/>
      <c r="HP727" s="91"/>
      <c r="HQ727" s="91"/>
      <c r="HR727" s="91"/>
      <c r="HS727" s="91"/>
      <c r="HT727" s="91"/>
      <c r="HU727" s="91"/>
      <c r="HV727" s="91"/>
      <c r="HW727" s="91"/>
      <c r="HX727" s="91"/>
      <c r="HY727" s="91"/>
      <c r="HZ727" s="91"/>
      <c r="IA727" s="91"/>
      <c r="IB727" s="91"/>
      <c r="IC727" s="91"/>
      <c r="ID727" s="91"/>
      <c r="IE727" s="91"/>
      <c r="IF727" s="91"/>
      <c r="IG727" s="91"/>
      <c r="IH727" s="91"/>
      <c r="II727" s="91"/>
      <c r="IJ727" s="91"/>
      <c r="IK727" s="127"/>
    </row>
    <row r="728" spans="2:245" x14ac:dyDescent="0.2">
      <c r="B728" s="43"/>
      <c r="C728" s="73"/>
      <c r="D728" s="64"/>
      <c r="E728" s="64"/>
      <c r="F728" s="55"/>
      <c r="G728" s="102"/>
      <c r="H728" s="55"/>
      <c r="I728" s="55"/>
      <c r="J728" s="55"/>
      <c r="K728" s="55"/>
      <c r="L728" s="55"/>
      <c r="M728" s="55"/>
      <c r="N728" s="55"/>
      <c r="O728" s="55"/>
      <c r="P728" s="55"/>
      <c r="Q728" s="55"/>
      <c r="R728" s="55"/>
      <c r="S728" s="55"/>
      <c r="T728" s="55"/>
      <c r="U728" s="55"/>
      <c r="V728" s="55"/>
      <c r="W728" s="55"/>
      <c r="X728" s="55"/>
      <c r="Y728" s="55"/>
      <c r="Z728" s="55"/>
      <c r="AA728" s="55"/>
      <c r="AB728" s="55"/>
      <c r="AC728" s="55"/>
      <c r="AD728" s="55"/>
      <c r="AE728" s="55"/>
      <c r="AF728" s="55"/>
      <c r="AG728" s="55"/>
      <c r="AY728" s="162"/>
      <c r="AZ728" s="162"/>
      <c r="BA728" s="162"/>
      <c r="BB728" s="162"/>
      <c r="BC728" s="162"/>
      <c r="BD728" s="162"/>
      <c r="BE728" s="162"/>
      <c r="BF728" s="162"/>
      <c r="BG728" s="162"/>
      <c r="BH728" s="162"/>
      <c r="BI728" s="162"/>
      <c r="BJ728" s="162"/>
      <c r="BK728" s="162"/>
      <c r="BL728" s="162"/>
      <c r="BM728" s="162"/>
      <c r="BN728" s="162"/>
      <c r="BO728" s="162"/>
      <c r="BP728" s="162"/>
      <c r="BQ728" s="162"/>
      <c r="BR728" s="162"/>
      <c r="BS728" s="162"/>
      <c r="BT728" s="162"/>
      <c r="BU728" s="162"/>
      <c r="BV728" s="162"/>
      <c r="BW728" s="162"/>
      <c r="BX728" s="162"/>
      <c r="BY728" s="162"/>
      <c r="BZ728" s="162"/>
      <c r="CA728" s="162"/>
      <c r="CB728" s="162"/>
      <c r="CC728" s="162"/>
      <c r="CD728" s="162"/>
      <c r="CE728" s="162"/>
      <c r="CF728" s="162"/>
      <c r="CG728" s="162"/>
      <c r="CH728" s="162"/>
      <c r="CI728" s="162"/>
      <c r="CJ728" s="162"/>
      <c r="CK728" s="162"/>
      <c r="CX728" s="98"/>
      <c r="DL728" s="97"/>
      <c r="DX728" s="98"/>
      <c r="EL728" s="97"/>
      <c r="EX728" s="98"/>
      <c r="EY728" s="97"/>
      <c r="FL728" s="126"/>
      <c r="FM728" s="91"/>
      <c r="FN728" s="91"/>
      <c r="FO728" s="91"/>
      <c r="FP728" s="91"/>
      <c r="FQ728" s="91"/>
      <c r="FR728" s="91"/>
      <c r="FS728" s="91"/>
      <c r="FT728" s="91"/>
      <c r="FU728" s="91"/>
      <c r="FV728" s="91"/>
      <c r="FW728" s="91"/>
      <c r="FX728" s="91"/>
      <c r="FY728" s="91"/>
      <c r="FZ728" s="91"/>
      <c r="GA728" s="91"/>
      <c r="GB728" s="91"/>
      <c r="GC728" s="91"/>
      <c r="GD728" s="91"/>
      <c r="GE728" s="91"/>
      <c r="GF728" s="91"/>
      <c r="GG728" s="91"/>
      <c r="GH728" s="91"/>
      <c r="GI728" s="91"/>
      <c r="GJ728" s="91"/>
      <c r="GK728" s="127"/>
      <c r="GL728" s="126"/>
      <c r="GM728" s="91"/>
      <c r="GN728" s="91"/>
      <c r="GO728" s="91"/>
      <c r="GP728" s="91"/>
      <c r="GQ728" s="91"/>
      <c r="GR728" s="91"/>
      <c r="GS728" s="91"/>
      <c r="GT728" s="91"/>
      <c r="GU728" s="91"/>
      <c r="GV728" s="91"/>
      <c r="GW728" s="91"/>
      <c r="GX728" s="91"/>
      <c r="GY728" s="91"/>
      <c r="GZ728" s="91"/>
      <c r="HA728" s="91"/>
      <c r="HB728" s="91"/>
      <c r="HC728" s="91"/>
      <c r="HD728" s="91"/>
      <c r="HE728" s="91"/>
      <c r="HF728" s="91"/>
      <c r="HG728" s="91"/>
      <c r="HH728" s="91"/>
      <c r="HI728" s="91"/>
      <c r="HJ728" s="91"/>
      <c r="HK728" s="127"/>
      <c r="HL728" s="126"/>
      <c r="HM728" s="91"/>
      <c r="HN728" s="91"/>
      <c r="HO728" s="91"/>
      <c r="HP728" s="91"/>
      <c r="HQ728" s="91"/>
      <c r="HR728" s="91"/>
      <c r="HS728" s="91"/>
      <c r="HT728" s="91"/>
      <c r="HU728" s="91"/>
      <c r="HV728" s="91"/>
      <c r="HW728" s="91"/>
      <c r="HX728" s="91"/>
      <c r="HY728" s="91"/>
      <c r="HZ728" s="91"/>
      <c r="IA728" s="91"/>
      <c r="IB728" s="91"/>
      <c r="IC728" s="91"/>
      <c r="ID728" s="91"/>
      <c r="IE728" s="91"/>
      <c r="IF728" s="91"/>
      <c r="IG728" s="91"/>
      <c r="IH728" s="91"/>
      <c r="II728" s="91"/>
      <c r="IJ728" s="91"/>
      <c r="IK728" s="127"/>
    </row>
    <row r="729" spans="2:245" x14ac:dyDescent="0.2">
      <c r="B729" s="43"/>
      <c r="C729" s="73"/>
      <c r="D729" s="64"/>
      <c r="E729" s="64"/>
      <c r="F729" s="55"/>
      <c r="G729" s="102"/>
      <c r="H729" s="55"/>
      <c r="I729" s="55"/>
      <c r="J729" s="55"/>
      <c r="K729" s="55"/>
      <c r="L729" s="55"/>
      <c r="M729" s="55"/>
      <c r="N729" s="55"/>
      <c r="O729" s="55"/>
      <c r="P729" s="55"/>
      <c r="Q729" s="55"/>
      <c r="R729" s="55"/>
      <c r="S729" s="55"/>
      <c r="T729" s="55"/>
      <c r="U729" s="55"/>
      <c r="V729" s="55"/>
      <c r="W729" s="55"/>
      <c r="X729" s="55"/>
      <c r="Y729" s="55"/>
      <c r="Z729" s="55"/>
      <c r="AA729" s="55"/>
      <c r="AB729" s="55"/>
      <c r="AC729" s="55"/>
      <c r="AD729" s="55"/>
      <c r="AE729" s="55"/>
      <c r="AF729" s="55"/>
      <c r="AG729" s="55"/>
      <c r="AY729" s="162"/>
      <c r="AZ729" s="162"/>
      <c r="BA729" s="162"/>
      <c r="BB729" s="162"/>
      <c r="BC729" s="162"/>
      <c r="BD729" s="162"/>
      <c r="BE729" s="162"/>
      <c r="BF729" s="162"/>
      <c r="BG729" s="162"/>
      <c r="BH729" s="162"/>
      <c r="BI729" s="162"/>
      <c r="BJ729" s="162"/>
      <c r="BK729" s="162"/>
      <c r="BL729" s="162"/>
      <c r="BM729" s="162"/>
      <c r="BN729" s="162"/>
      <c r="BO729" s="162"/>
      <c r="BP729" s="162"/>
      <c r="BQ729" s="162"/>
      <c r="BR729" s="162"/>
      <c r="BS729" s="162"/>
      <c r="BT729" s="162"/>
      <c r="BU729" s="162"/>
      <c r="BV729" s="162"/>
      <c r="BW729" s="162"/>
      <c r="BX729" s="162"/>
      <c r="BY729" s="162"/>
      <c r="BZ729" s="162"/>
      <c r="CA729" s="162"/>
      <c r="CB729" s="162"/>
      <c r="CC729" s="162"/>
      <c r="CD729" s="162"/>
      <c r="CE729" s="162"/>
      <c r="CF729" s="162"/>
      <c r="CG729" s="162"/>
      <c r="CH729" s="162"/>
      <c r="CI729" s="162"/>
      <c r="CJ729" s="162"/>
      <c r="CK729" s="162"/>
      <c r="CX729" s="98"/>
      <c r="DL729" s="97"/>
      <c r="DX729" s="98"/>
      <c r="EL729" s="97"/>
      <c r="EX729" s="98"/>
      <c r="EY729" s="97"/>
      <c r="FL729" s="126"/>
      <c r="FM729" s="91"/>
      <c r="FN729" s="91"/>
      <c r="FO729" s="91"/>
      <c r="FP729" s="91"/>
      <c r="FQ729" s="91"/>
      <c r="FR729" s="91"/>
      <c r="FS729" s="91"/>
      <c r="FT729" s="91"/>
      <c r="FU729" s="91"/>
      <c r="FV729" s="91"/>
      <c r="FW729" s="91"/>
      <c r="FX729" s="91"/>
      <c r="FY729" s="91"/>
      <c r="FZ729" s="91"/>
      <c r="GA729" s="91"/>
      <c r="GB729" s="91"/>
      <c r="GC729" s="91"/>
      <c r="GD729" s="91"/>
      <c r="GE729" s="91"/>
      <c r="GF729" s="91"/>
      <c r="GG729" s="91"/>
      <c r="GH729" s="91"/>
      <c r="GI729" s="91"/>
      <c r="GJ729" s="91"/>
      <c r="GK729" s="127"/>
      <c r="GL729" s="126"/>
      <c r="GM729" s="91"/>
      <c r="GN729" s="91"/>
      <c r="GO729" s="91"/>
      <c r="GP729" s="91"/>
      <c r="GQ729" s="91"/>
      <c r="GR729" s="91"/>
      <c r="GS729" s="91"/>
      <c r="GT729" s="91"/>
      <c r="GU729" s="91"/>
      <c r="GV729" s="91"/>
      <c r="GW729" s="91"/>
      <c r="GX729" s="91"/>
      <c r="GY729" s="91"/>
      <c r="GZ729" s="91"/>
      <c r="HA729" s="91"/>
      <c r="HB729" s="91"/>
      <c r="HC729" s="91"/>
      <c r="HD729" s="91"/>
      <c r="HE729" s="91"/>
      <c r="HF729" s="91"/>
      <c r="HG729" s="91"/>
      <c r="HH729" s="91"/>
      <c r="HI729" s="91"/>
      <c r="HJ729" s="91"/>
      <c r="HK729" s="127"/>
      <c r="HL729" s="126"/>
      <c r="HM729" s="91"/>
      <c r="HN729" s="91"/>
      <c r="HO729" s="91"/>
      <c r="HP729" s="91"/>
      <c r="HQ729" s="91"/>
      <c r="HR729" s="91"/>
      <c r="HS729" s="91"/>
      <c r="HT729" s="91"/>
      <c r="HU729" s="91"/>
      <c r="HV729" s="91"/>
      <c r="HW729" s="91"/>
      <c r="HX729" s="91"/>
      <c r="HY729" s="91"/>
      <c r="HZ729" s="91"/>
      <c r="IA729" s="91"/>
      <c r="IB729" s="91"/>
      <c r="IC729" s="91"/>
      <c r="ID729" s="91"/>
      <c r="IE729" s="91"/>
      <c r="IF729" s="91"/>
      <c r="IG729" s="91"/>
      <c r="IH729" s="91"/>
      <c r="II729" s="91"/>
      <c r="IJ729" s="91"/>
      <c r="IK729" s="127"/>
    </row>
    <row r="730" spans="2:245" x14ac:dyDescent="0.2">
      <c r="B730" s="43"/>
      <c r="C730" s="73"/>
      <c r="D730" s="64"/>
      <c r="E730" s="64"/>
      <c r="F730" s="55"/>
      <c r="G730" s="102"/>
      <c r="H730" s="55"/>
      <c r="I730" s="55"/>
      <c r="J730" s="55"/>
      <c r="K730" s="55"/>
      <c r="L730" s="55"/>
      <c r="M730" s="55"/>
      <c r="N730" s="55"/>
      <c r="O730" s="55"/>
      <c r="P730" s="55"/>
      <c r="Q730" s="55"/>
      <c r="R730" s="55"/>
      <c r="S730" s="55"/>
      <c r="T730" s="55"/>
      <c r="U730" s="55"/>
      <c r="V730" s="55"/>
      <c r="W730" s="55"/>
      <c r="X730" s="55"/>
      <c r="Y730" s="55"/>
      <c r="Z730" s="55"/>
      <c r="AA730" s="55"/>
      <c r="AB730" s="55"/>
      <c r="AC730" s="55"/>
      <c r="AD730" s="55"/>
      <c r="AE730" s="55"/>
      <c r="AF730" s="55"/>
      <c r="AG730" s="55"/>
      <c r="AY730" s="162"/>
      <c r="AZ730" s="162"/>
      <c r="BA730" s="162"/>
      <c r="BB730" s="162"/>
      <c r="BC730" s="162"/>
      <c r="BD730" s="162"/>
      <c r="BE730" s="162"/>
      <c r="BF730" s="162"/>
      <c r="BG730" s="162"/>
      <c r="BH730" s="162"/>
      <c r="BI730" s="162"/>
      <c r="BJ730" s="162"/>
      <c r="BK730" s="162"/>
      <c r="BL730" s="162"/>
      <c r="BM730" s="162"/>
      <c r="BN730" s="162"/>
      <c r="BO730" s="162"/>
      <c r="BP730" s="162"/>
      <c r="BQ730" s="162"/>
      <c r="BR730" s="162"/>
      <c r="BS730" s="162"/>
      <c r="BT730" s="162"/>
      <c r="BU730" s="162"/>
      <c r="BV730" s="162"/>
      <c r="BW730" s="162"/>
      <c r="BX730" s="162"/>
      <c r="BY730" s="162"/>
      <c r="BZ730" s="162"/>
      <c r="CA730" s="162"/>
      <c r="CB730" s="162"/>
      <c r="CC730" s="162"/>
      <c r="CD730" s="162"/>
      <c r="CE730" s="162"/>
      <c r="CF730" s="162"/>
      <c r="CG730" s="162"/>
      <c r="CH730" s="162"/>
      <c r="CI730" s="162"/>
      <c r="CJ730" s="162"/>
      <c r="CK730" s="162"/>
      <c r="CX730" s="98"/>
      <c r="DL730" s="97"/>
      <c r="DX730" s="98"/>
      <c r="EL730" s="97"/>
      <c r="EX730" s="98"/>
      <c r="EY730" s="97"/>
      <c r="FL730" s="126"/>
      <c r="FM730" s="91"/>
      <c r="FN730" s="91"/>
      <c r="FO730" s="91"/>
      <c r="FP730" s="91"/>
      <c r="FQ730" s="91"/>
      <c r="FR730" s="91"/>
      <c r="FS730" s="91"/>
      <c r="FT730" s="91"/>
      <c r="FU730" s="91"/>
      <c r="FV730" s="91"/>
      <c r="FW730" s="91"/>
      <c r="FX730" s="91"/>
      <c r="FY730" s="91"/>
      <c r="FZ730" s="91"/>
      <c r="GA730" s="91"/>
      <c r="GB730" s="91"/>
      <c r="GC730" s="91"/>
      <c r="GD730" s="91"/>
      <c r="GE730" s="91"/>
      <c r="GF730" s="91"/>
      <c r="GG730" s="91"/>
      <c r="GH730" s="91"/>
      <c r="GI730" s="91"/>
      <c r="GJ730" s="91"/>
      <c r="GK730" s="127"/>
      <c r="GL730" s="126"/>
      <c r="GM730" s="91"/>
      <c r="GN730" s="91"/>
      <c r="GO730" s="91"/>
      <c r="GP730" s="91"/>
      <c r="GQ730" s="91"/>
      <c r="GR730" s="91"/>
      <c r="GS730" s="91"/>
      <c r="GT730" s="91"/>
      <c r="GU730" s="91"/>
      <c r="GV730" s="91"/>
      <c r="GW730" s="91"/>
      <c r="GX730" s="91"/>
      <c r="GY730" s="91"/>
      <c r="GZ730" s="91"/>
      <c r="HA730" s="91"/>
      <c r="HB730" s="91"/>
      <c r="HC730" s="91"/>
      <c r="HD730" s="91"/>
      <c r="HE730" s="91"/>
      <c r="HF730" s="91"/>
      <c r="HG730" s="91"/>
      <c r="HH730" s="91"/>
      <c r="HI730" s="91"/>
      <c r="HJ730" s="91"/>
      <c r="HK730" s="127"/>
      <c r="HL730" s="126"/>
      <c r="HM730" s="91"/>
      <c r="HN730" s="91"/>
      <c r="HO730" s="91"/>
      <c r="HP730" s="91"/>
      <c r="HQ730" s="91"/>
      <c r="HR730" s="91"/>
      <c r="HS730" s="91"/>
      <c r="HT730" s="91"/>
      <c r="HU730" s="91"/>
      <c r="HV730" s="91"/>
      <c r="HW730" s="91"/>
      <c r="HX730" s="91"/>
      <c r="HY730" s="91"/>
      <c r="HZ730" s="91"/>
      <c r="IA730" s="91"/>
      <c r="IB730" s="91"/>
      <c r="IC730" s="91"/>
      <c r="ID730" s="91"/>
      <c r="IE730" s="91"/>
      <c r="IF730" s="91"/>
      <c r="IG730" s="91"/>
      <c r="IH730" s="91"/>
      <c r="II730" s="91"/>
      <c r="IJ730" s="91"/>
      <c r="IK730" s="127"/>
    </row>
    <row r="731" spans="2:245" x14ac:dyDescent="0.2">
      <c r="B731" s="43"/>
      <c r="C731" s="73"/>
      <c r="D731" s="64"/>
      <c r="E731" s="64"/>
      <c r="F731" s="55"/>
      <c r="G731" s="102"/>
      <c r="H731" s="55"/>
      <c r="I731" s="55"/>
      <c r="J731" s="55"/>
      <c r="K731" s="55"/>
      <c r="L731" s="55"/>
      <c r="M731" s="55"/>
      <c r="N731" s="55"/>
      <c r="O731" s="55"/>
      <c r="P731" s="55"/>
      <c r="Q731" s="55"/>
      <c r="R731" s="55"/>
      <c r="S731" s="55"/>
      <c r="T731" s="55"/>
      <c r="U731" s="55"/>
      <c r="V731" s="55"/>
      <c r="W731" s="55"/>
      <c r="X731" s="55"/>
      <c r="Y731" s="55"/>
      <c r="Z731" s="55"/>
      <c r="AA731" s="55"/>
      <c r="AB731" s="55"/>
      <c r="AC731" s="55"/>
      <c r="AD731" s="55"/>
      <c r="AE731" s="55"/>
      <c r="AF731" s="55"/>
      <c r="AG731" s="55"/>
      <c r="AY731" s="162"/>
      <c r="AZ731" s="162"/>
      <c r="BA731" s="162"/>
      <c r="BB731" s="162"/>
      <c r="BC731" s="162"/>
      <c r="BD731" s="162"/>
      <c r="BE731" s="162"/>
      <c r="BF731" s="162"/>
      <c r="BG731" s="162"/>
      <c r="BH731" s="162"/>
      <c r="BI731" s="162"/>
      <c r="BJ731" s="162"/>
      <c r="BK731" s="162"/>
      <c r="BL731" s="162"/>
      <c r="BM731" s="162"/>
      <c r="BN731" s="162"/>
      <c r="BO731" s="162"/>
      <c r="BP731" s="162"/>
      <c r="BQ731" s="162"/>
      <c r="BR731" s="162"/>
      <c r="BS731" s="162"/>
      <c r="BT731" s="162"/>
      <c r="BU731" s="162"/>
      <c r="BV731" s="162"/>
      <c r="BW731" s="162"/>
      <c r="BX731" s="162"/>
      <c r="BY731" s="162"/>
      <c r="BZ731" s="162"/>
      <c r="CA731" s="162"/>
      <c r="CB731" s="162"/>
      <c r="CC731" s="162"/>
      <c r="CD731" s="162"/>
      <c r="CE731" s="162"/>
      <c r="CF731" s="162"/>
      <c r="CG731" s="162"/>
      <c r="CH731" s="162"/>
      <c r="CI731" s="162"/>
      <c r="CJ731" s="162"/>
      <c r="CK731" s="162"/>
      <c r="CX731" s="98"/>
      <c r="DL731" s="97"/>
      <c r="DX731" s="98"/>
      <c r="EL731" s="97"/>
      <c r="EX731" s="98"/>
      <c r="EY731" s="97"/>
      <c r="FL731" s="126"/>
      <c r="FM731" s="91"/>
      <c r="FN731" s="91"/>
      <c r="FO731" s="91"/>
      <c r="FP731" s="91"/>
      <c r="FQ731" s="91"/>
      <c r="FR731" s="91"/>
      <c r="FS731" s="91"/>
      <c r="FT731" s="91"/>
      <c r="FU731" s="91"/>
      <c r="FV731" s="91"/>
      <c r="FW731" s="91"/>
      <c r="FX731" s="91"/>
      <c r="FY731" s="91"/>
      <c r="FZ731" s="91"/>
      <c r="GA731" s="91"/>
      <c r="GB731" s="91"/>
      <c r="GC731" s="91"/>
      <c r="GD731" s="91"/>
      <c r="GE731" s="91"/>
      <c r="GF731" s="91"/>
      <c r="GG731" s="91"/>
      <c r="GH731" s="91"/>
      <c r="GI731" s="91"/>
      <c r="GJ731" s="91"/>
      <c r="GK731" s="127"/>
      <c r="GL731" s="126"/>
      <c r="GM731" s="91"/>
      <c r="GN731" s="91"/>
      <c r="GO731" s="91"/>
      <c r="GP731" s="91"/>
      <c r="GQ731" s="91"/>
      <c r="GR731" s="91"/>
      <c r="GS731" s="91"/>
      <c r="GT731" s="91"/>
      <c r="GU731" s="91"/>
      <c r="GV731" s="91"/>
      <c r="GW731" s="91"/>
      <c r="GX731" s="91"/>
      <c r="GY731" s="91"/>
      <c r="GZ731" s="91"/>
      <c r="HA731" s="91"/>
      <c r="HB731" s="91"/>
      <c r="HC731" s="91"/>
      <c r="HD731" s="91"/>
      <c r="HE731" s="91"/>
      <c r="HF731" s="91"/>
      <c r="HG731" s="91"/>
      <c r="HH731" s="91"/>
      <c r="HI731" s="91"/>
      <c r="HJ731" s="91"/>
      <c r="HK731" s="127"/>
      <c r="HL731" s="126"/>
      <c r="HM731" s="91"/>
      <c r="HN731" s="91"/>
      <c r="HO731" s="91"/>
      <c r="HP731" s="91"/>
      <c r="HQ731" s="91"/>
      <c r="HR731" s="91"/>
      <c r="HS731" s="91"/>
      <c r="HT731" s="91"/>
      <c r="HU731" s="91"/>
      <c r="HV731" s="91"/>
      <c r="HW731" s="91"/>
      <c r="HX731" s="91"/>
      <c r="HY731" s="91"/>
      <c r="HZ731" s="91"/>
      <c r="IA731" s="91"/>
      <c r="IB731" s="91"/>
      <c r="IC731" s="91"/>
      <c r="ID731" s="91"/>
      <c r="IE731" s="91"/>
      <c r="IF731" s="91"/>
      <c r="IG731" s="91"/>
      <c r="IH731" s="91"/>
      <c r="II731" s="91"/>
      <c r="IJ731" s="91"/>
      <c r="IK731" s="127"/>
    </row>
    <row r="732" spans="2:245" x14ac:dyDescent="0.2">
      <c r="B732" s="43"/>
      <c r="C732" s="73"/>
      <c r="D732" s="64"/>
      <c r="E732" s="64"/>
      <c r="F732" s="55"/>
      <c r="G732" s="102"/>
      <c r="H732" s="55"/>
      <c r="I732" s="55"/>
      <c r="J732" s="55"/>
      <c r="K732" s="55"/>
      <c r="L732" s="55"/>
      <c r="M732" s="55"/>
      <c r="N732" s="55"/>
      <c r="O732" s="55"/>
      <c r="P732" s="55"/>
      <c r="Q732" s="55"/>
      <c r="R732" s="55"/>
      <c r="S732" s="55"/>
      <c r="T732" s="55"/>
      <c r="U732" s="55"/>
      <c r="V732" s="55"/>
      <c r="W732" s="55"/>
      <c r="X732" s="55"/>
      <c r="Y732" s="55"/>
      <c r="Z732" s="55"/>
      <c r="AA732" s="55"/>
      <c r="AB732" s="55"/>
      <c r="AC732" s="55"/>
      <c r="AD732" s="55"/>
      <c r="AE732" s="55"/>
      <c r="AF732" s="55"/>
      <c r="AG732" s="55"/>
      <c r="AY732" s="162"/>
      <c r="AZ732" s="162"/>
      <c r="BA732" s="162"/>
      <c r="BB732" s="162"/>
      <c r="BC732" s="162"/>
      <c r="BD732" s="162"/>
      <c r="BE732" s="162"/>
      <c r="BF732" s="162"/>
      <c r="BG732" s="162"/>
      <c r="BH732" s="162"/>
      <c r="BI732" s="162"/>
      <c r="BJ732" s="162"/>
      <c r="BK732" s="162"/>
      <c r="BL732" s="162"/>
      <c r="BM732" s="162"/>
      <c r="BN732" s="162"/>
      <c r="BO732" s="162"/>
      <c r="BP732" s="162"/>
      <c r="BQ732" s="162"/>
      <c r="BR732" s="162"/>
      <c r="BS732" s="162"/>
      <c r="BT732" s="162"/>
      <c r="BU732" s="162"/>
      <c r="BV732" s="162"/>
      <c r="BW732" s="162"/>
      <c r="BX732" s="162"/>
      <c r="BY732" s="162"/>
      <c r="BZ732" s="162"/>
      <c r="CA732" s="162"/>
      <c r="CB732" s="162"/>
      <c r="CC732" s="162"/>
      <c r="CD732" s="162"/>
      <c r="CE732" s="162"/>
      <c r="CF732" s="162"/>
      <c r="CG732" s="162"/>
      <c r="CH732" s="162"/>
      <c r="CI732" s="162"/>
      <c r="CJ732" s="162"/>
      <c r="CK732" s="162"/>
      <c r="CX732" s="98"/>
      <c r="DL732" s="97"/>
      <c r="DX732" s="98"/>
      <c r="EL732" s="97"/>
      <c r="EX732" s="98"/>
      <c r="EY732" s="97"/>
      <c r="FL732" s="126"/>
      <c r="FM732" s="91"/>
      <c r="FN732" s="91"/>
      <c r="FO732" s="91"/>
      <c r="FP732" s="91"/>
      <c r="FQ732" s="91"/>
      <c r="FR732" s="91"/>
      <c r="FS732" s="91"/>
      <c r="FT732" s="91"/>
      <c r="FU732" s="91"/>
      <c r="FV732" s="91"/>
      <c r="FW732" s="91"/>
      <c r="FX732" s="91"/>
      <c r="FY732" s="91"/>
      <c r="FZ732" s="91"/>
      <c r="GA732" s="91"/>
      <c r="GB732" s="91"/>
      <c r="GC732" s="91"/>
      <c r="GD732" s="91"/>
      <c r="GE732" s="91"/>
      <c r="GF732" s="91"/>
      <c r="GG732" s="91"/>
      <c r="GH732" s="91"/>
      <c r="GI732" s="91"/>
      <c r="GJ732" s="91"/>
      <c r="GK732" s="127"/>
      <c r="GL732" s="126"/>
      <c r="GM732" s="91"/>
      <c r="GN732" s="91"/>
      <c r="GO732" s="91"/>
      <c r="GP732" s="91"/>
      <c r="GQ732" s="91"/>
      <c r="GR732" s="91"/>
      <c r="GS732" s="91"/>
      <c r="GT732" s="91"/>
      <c r="GU732" s="91"/>
      <c r="GV732" s="91"/>
      <c r="GW732" s="91"/>
      <c r="GX732" s="91"/>
      <c r="GY732" s="91"/>
      <c r="GZ732" s="91"/>
      <c r="HA732" s="91"/>
      <c r="HB732" s="91"/>
      <c r="HC732" s="91"/>
      <c r="HD732" s="91"/>
      <c r="HE732" s="91"/>
      <c r="HF732" s="91"/>
      <c r="HG732" s="91"/>
      <c r="HH732" s="91"/>
      <c r="HI732" s="91"/>
      <c r="HJ732" s="91"/>
      <c r="HK732" s="127"/>
      <c r="HL732" s="126"/>
      <c r="HM732" s="91"/>
      <c r="HN732" s="91"/>
      <c r="HO732" s="91"/>
      <c r="HP732" s="91"/>
      <c r="HQ732" s="91"/>
      <c r="HR732" s="91"/>
      <c r="HS732" s="91"/>
      <c r="HT732" s="91"/>
      <c r="HU732" s="91"/>
      <c r="HV732" s="91"/>
      <c r="HW732" s="91"/>
      <c r="HX732" s="91"/>
      <c r="HY732" s="91"/>
      <c r="HZ732" s="91"/>
      <c r="IA732" s="91"/>
      <c r="IB732" s="91"/>
      <c r="IC732" s="91"/>
      <c r="ID732" s="91"/>
      <c r="IE732" s="91"/>
      <c r="IF732" s="91"/>
      <c r="IG732" s="91"/>
      <c r="IH732" s="91"/>
      <c r="II732" s="91"/>
      <c r="IJ732" s="91"/>
      <c r="IK732" s="127"/>
    </row>
    <row r="733" spans="2:245" x14ac:dyDescent="0.2">
      <c r="B733" s="43"/>
      <c r="C733" s="73"/>
      <c r="D733" s="64"/>
      <c r="E733" s="64"/>
      <c r="F733" s="55"/>
      <c r="G733" s="102"/>
      <c r="H733" s="55"/>
      <c r="I733" s="55"/>
      <c r="J733" s="55"/>
      <c r="K733" s="55"/>
      <c r="L733" s="55"/>
      <c r="M733" s="55"/>
      <c r="N733" s="55"/>
      <c r="O733" s="55"/>
      <c r="P733" s="55"/>
      <c r="Q733" s="55"/>
      <c r="R733" s="55"/>
      <c r="S733" s="55"/>
      <c r="T733" s="55"/>
      <c r="U733" s="55"/>
      <c r="V733" s="55"/>
      <c r="W733" s="55"/>
      <c r="X733" s="55"/>
      <c r="Y733" s="55"/>
      <c r="Z733" s="55"/>
      <c r="AA733" s="55"/>
      <c r="AB733" s="55"/>
      <c r="AC733" s="55"/>
      <c r="AD733" s="55"/>
      <c r="AE733" s="55"/>
      <c r="AF733" s="55"/>
      <c r="AG733" s="55"/>
      <c r="AY733" s="162"/>
      <c r="AZ733" s="162"/>
      <c r="BA733" s="162"/>
      <c r="BB733" s="162"/>
      <c r="BC733" s="162"/>
      <c r="BD733" s="162"/>
      <c r="BE733" s="162"/>
      <c r="BF733" s="162"/>
      <c r="BG733" s="162"/>
      <c r="BH733" s="162"/>
      <c r="BI733" s="162"/>
      <c r="BJ733" s="162"/>
      <c r="BK733" s="162"/>
      <c r="BL733" s="162"/>
      <c r="BM733" s="162"/>
      <c r="BN733" s="162"/>
      <c r="BO733" s="162"/>
      <c r="BP733" s="162"/>
      <c r="BQ733" s="162"/>
      <c r="BR733" s="162"/>
      <c r="BS733" s="162"/>
      <c r="BT733" s="162"/>
      <c r="BU733" s="162"/>
      <c r="BV733" s="162"/>
      <c r="BW733" s="162"/>
      <c r="BX733" s="162"/>
      <c r="BY733" s="162"/>
      <c r="BZ733" s="162"/>
      <c r="CA733" s="162"/>
      <c r="CB733" s="162"/>
      <c r="CC733" s="162"/>
      <c r="CD733" s="162"/>
      <c r="CE733" s="162"/>
      <c r="CF733" s="162"/>
      <c r="CG733" s="162"/>
      <c r="CH733" s="162"/>
      <c r="CI733" s="162"/>
      <c r="CJ733" s="162"/>
      <c r="CK733" s="162"/>
      <c r="CX733" s="98"/>
      <c r="DL733" s="97"/>
      <c r="DX733" s="98"/>
      <c r="EL733" s="97"/>
      <c r="EX733" s="98"/>
      <c r="EY733" s="97"/>
      <c r="FL733" s="126"/>
      <c r="FM733" s="91"/>
      <c r="FN733" s="91"/>
      <c r="FO733" s="91"/>
      <c r="FP733" s="91"/>
      <c r="FQ733" s="91"/>
      <c r="FR733" s="91"/>
      <c r="FS733" s="91"/>
      <c r="FT733" s="91"/>
      <c r="FU733" s="91"/>
      <c r="FV733" s="91"/>
      <c r="FW733" s="91"/>
      <c r="FX733" s="91"/>
      <c r="FY733" s="91"/>
      <c r="FZ733" s="91"/>
      <c r="GA733" s="91"/>
      <c r="GB733" s="91"/>
      <c r="GC733" s="91"/>
      <c r="GD733" s="91"/>
      <c r="GE733" s="91"/>
      <c r="GF733" s="91"/>
      <c r="GG733" s="91"/>
      <c r="GH733" s="91"/>
      <c r="GI733" s="91"/>
      <c r="GJ733" s="91"/>
      <c r="GK733" s="127"/>
      <c r="GL733" s="126"/>
      <c r="GM733" s="91"/>
      <c r="GN733" s="91"/>
      <c r="GO733" s="91"/>
      <c r="GP733" s="91"/>
      <c r="GQ733" s="91"/>
      <c r="GR733" s="91"/>
      <c r="GS733" s="91"/>
      <c r="GT733" s="91"/>
      <c r="GU733" s="91"/>
      <c r="GV733" s="91"/>
      <c r="GW733" s="91"/>
      <c r="GX733" s="91"/>
      <c r="GY733" s="91"/>
      <c r="GZ733" s="91"/>
      <c r="HA733" s="91"/>
      <c r="HB733" s="91"/>
      <c r="HC733" s="91"/>
      <c r="HD733" s="91"/>
      <c r="HE733" s="91"/>
      <c r="HF733" s="91"/>
      <c r="HG733" s="91"/>
      <c r="HH733" s="91"/>
      <c r="HI733" s="91"/>
      <c r="HJ733" s="91"/>
      <c r="HK733" s="127"/>
      <c r="HL733" s="126"/>
      <c r="HM733" s="91"/>
      <c r="HN733" s="91"/>
      <c r="HO733" s="91"/>
      <c r="HP733" s="91"/>
      <c r="HQ733" s="91"/>
      <c r="HR733" s="91"/>
      <c r="HS733" s="91"/>
      <c r="HT733" s="91"/>
      <c r="HU733" s="91"/>
      <c r="HV733" s="91"/>
      <c r="HW733" s="91"/>
      <c r="HX733" s="91"/>
      <c r="HY733" s="91"/>
      <c r="HZ733" s="91"/>
      <c r="IA733" s="91"/>
      <c r="IB733" s="91"/>
      <c r="IC733" s="91"/>
      <c r="ID733" s="91"/>
      <c r="IE733" s="91"/>
      <c r="IF733" s="91"/>
      <c r="IG733" s="91"/>
      <c r="IH733" s="91"/>
      <c r="II733" s="91"/>
      <c r="IJ733" s="91"/>
      <c r="IK733" s="127"/>
    </row>
    <row r="734" spans="2:245" x14ac:dyDescent="0.2">
      <c r="B734" s="43"/>
      <c r="C734" s="73"/>
      <c r="D734" s="64"/>
      <c r="E734" s="64"/>
      <c r="F734" s="55"/>
      <c r="G734" s="102"/>
      <c r="H734" s="55"/>
      <c r="I734" s="55"/>
      <c r="J734" s="55"/>
      <c r="K734" s="55"/>
      <c r="L734" s="55"/>
      <c r="M734" s="55"/>
      <c r="N734" s="55"/>
      <c r="O734" s="55"/>
      <c r="P734" s="55"/>
      <c r="Q734" s="55"/>
      <c r="R734" s="55"/>
      <c r="S734" s="55"/>
      <c r="T734" s="55"/>
      <c r="U734" s="55"/>
      <c r="V734" s="55"/>
      <c r="W734" s="55"/>
      <c r="X734" s="55"/>
      <c r="Y734" s="55"/>
      <c r="Z734" s="55"/>
      <c r="AA734" s="55"/>
      <c r="AB734" s="55"/>
      <c r="AC734" s="55"/>
      <c r="AD734" s="55"/>
      <c r="AE734" s="55"/>
      <c r="AF734" s="55"/>
      <c r="AG734" s="55"/>
      <c r="AY734" s="162"/>
      <c r="AZ734" s="162"/>
      <c r="BA734" s="162"/>
      <c r="BB734" s="162"/>
      <c r="BC734" s="162"/>
      <c r="BD734" s="162"/>
      <c r="BE734" s="162"/>
      <c r="BF734" s="162"/>
      <c r="BG734" s="162"/>
      <c r="BH734" s="162"/>
      <c r="BI734" s="162"/>
      <c r="BJ734" s="162"/>
      <c r="BK734" s="162"/>
      <c r="BL734" s="162"/>
      <c r="BM734" s="162"/>
      <c r="BN734" s="162"/>
      <c r="BO734" s="162"/>
      <c r="BP734" s="162"/>
      <c r="BQ734" s="162"/>
      <c r="BR734" s="162"/>
      <c r="BS734" s="162"/>
      <c r="BT734" s="162"/>
      <c r="BU734" s="162"/>
      <c r="BV734" s="162"/>
      <c r="BW734" s="162"/>
      <c r="BX734" s="162"/>
      <c r="BY734" s="162"/>
      <c r="BZ734" s="162"/>
      <c r="CA734" s="162"/>
      <c r="CB734" s="162"/>
      <c r="CC734" s="162"/>
      <c r="CD734" s="162"/>
      <c r="CE734" s="162"/>
      <c r="CF734" s="162"/>
      <c r="CG734" s="162"/>
      <c r="CH734" s="162"/>
      <c r="CI734" s="162"/>
      <c r="CJ734" s="162"/>
      <c r="CK734" s="162"/>
      <c r="CX734" s="98"/>
      <c r="DL734" s="97"/>
      <c r="DX734" s="98"/>
      <c r="EL734" s="97"/>
      <c r="EX734" s="98"/>
      <c r="EY734" s="97"/>
      <c r="FL734" s="126"/>
      <c r="FM734" s="91"/>
      <c r="FN734" s="91"/>
      <c r="FO734" s="91"/>
      <c r="FP734" s="91"/>
      <c r="FQ734" s="91"/>
      <c r="FR734" s="91"/>
      <c r="FS734" s="91"/>
      <c r="FT734" s="91"/>
      <c r="FU734" s="91"/>
      <c r="FV734" s="91"/>
      <c r="FW734" s="91"/>
      <c r="FX734" s="91"/>
      <c r="FY734" s="91"/>
      <c r="FZ734" s="91"/>
      <c r="GA734" s="91"/>
      <c r="GB734" s="91"/>
      <c r="GC734" s="91"/>
      <c r="GD734" s="91"/>
      <c r="GE734" s="91"/>
      <c r="GF734" s="91"/>
      <c r="GG734" s="91"/>
      <c r="GH734" s="91"/>
      <c r="GI734" s="91"/>
      <c r="GJ734" s="91"/>
      <c r="GK734" s="127"/>
      <c r="GL734" s="126"/>
      <c r="GM734" s="91"/>
      <c r="GN734" s="91"/>
      <c r="GO734" s="91"/>
      <c r="GP734" s="91"/>
      <c r="GQ734" s="91"/>
      <c r="GR734" s="91"/>
      <c r="GS734" s="91"/>
      <c r="GT734" s="91"/>
      <c r="GU734" s="91"/>
      <c r="GV734" s="91"/>
      <c r="GW734" s="91"/>
      <c r="GX734" s="91"/>
      <c r="GY734" s="91"/>
      <c r="GZ734" s="91"/>
      <c r="HA734" s="91"/>
      <c r="HB734" s="91"/>
      <c r="HC734" s="91"/>
      <c r="HD734" s="91"/>
      <c r="HE734" s="91"/>
      <c r="HF734" s="91"/>
      <c r="HG734" s="91"/>
      <c r="HH734" s="91"/>
      <c r="HI734" s="91"/>
      <c r="HJ734" s="91"/>
      <c r="HK734" s="127"/>
      <c r="HL734" s="126"/>
      <c r="HM734" s="91"/>
      <c r="HN734" s="91"/>
      <c r="HO734" s="91"/>
      <c r="HP734" s="91"/>
      <c r="HQ734" s="91"/>
      <c r="HR734" s="91"/>
      <c r="HS734" s="91"/>
      <c r="HT734" s="91"/>
      <c r="HU734" s="91"/>
      <c r="HV734" s="91"/>
      <c r="HW734" s="91"/>
      <c r="HX734" s="91"/>
      <c r="HY734" s="91"/>
      <c r="HZ734" s="91"/>
      <c r="IA734" s="91"/>
      <c r="IB734" s="91"/>
      <c r="IC734" s="91"/>
      <c r="ID734" s="91"/>
      <c r="IE734" s="91"/>
      <c r="IF734" s="91"/>
      <c r="IG734" s="91"/>
      <c r="IH734" s="91"/>
      <c r="II734" s="91"/>
      <c r="IJ734" s="91"/>
      <c r="IK734" s="127"/>
    </row>
    <row r="735" spans="2:245" x14ac:dyDescent="0.2">
      <c r="B735" s="43"/>
      <c r="C735" s="73"/>
      <c r="D735" s="64"/>
      <c r="E735" s="64"/>
      <c r="F735" s="55"/>
      <c r="G735" s="102"/>
      <c r="H735" s="55"/>
      <c r="I735" s="55"/>
      <c r="J735" s="55"/>
      <c r="K735" s="55"/>
      <c r="L735" s="55"/>
      <c r="M735" s="55"/>
      <c r="N735" s="55"/>
      <c r="O735" s="55"/>
      <c r="P735" s="55"/>
      <c r="Q735" s="55"/>
      <c r="R735" s="55"/>
      <c r="S735" s="55"/>
      <c r="T735" s="55"/>
      <c r="U735" s="55"/>
      <c r="V735" s="55"/>
      <c r="W735" s="55"/>
      <c r="X735" s="55"/>
      <c r="Y735" s="55"/>
      <c r="Z735" s="55"/>
      <c r="AA735" s="55"/>
      <c r="AB735" s="55"/>
      <c r="AC735" s="55"/>
      <c r="AD735" s="55"/>
      <c r="AE735" s="55"/>
      <c r="AF735" s="55"/>
      <c r="AG735" s="55"/>
      <c r="AY735" s="162"/>
      <c r="AZ735" s="162"/>
      <c r="BA735" s="162"/>
      <c r="BB735" s="162"/>
      <c r="BC735" s="162"/>
      <c r="BD735" s="162"/>
      <c r="BE735" s="162"/>
      <c r="BF735" s="162"/>
      <c r="BG735" s="162"/>
      <c r="BH735" s="162"/>
      <c r="BI735" s="162"/>
      <c r="BJ735" s="162"/>
      <c r="BK735" s="162"/>
      <c r="BL735" s="162"/>
      <c r="BM735" s="162"/>
      <c r="BN735" s="162"/>
      <c r="BO735" s="162"/>
      <c r="BP735" s="162"/>
      <c r="BQ735" s="162"/>
      <c r="BR735" s="162"/>
      <c r="BS735" s="162"/>
      <c r="BT735" s="162"/>
      <c r="BU735" s="162"/>
      <c r="BV735" s="162"/>
      <c r="BW735" s="162"/>
      <c r="BX735" s="162"/>
      <c r="BY735" s="162"/>
      <c r="BZ735" s="162"/>
      <c r="CA735" s="162"/>
      <c r="CB735" s="162"/>
      <c r="CC735" s="162"/>
      <c r="CD735" s="162"/>
      <c r="CE735" s="162"/>
      <c r="CF735" s="162"/>
      <c r="CG735" s="162"/>
      <c r="CH735" s="162"/>
      <c r="CI735" s="162"/>
      <c r="CJ735" s="162"/>
      <c r="CK735" s="162"/>
      <c r="CX735" s="98"/>
      <c r="DL735" s="97"/>
      <c r="DX735" s="98"/>
      <c r="EL735" s="97"/>
      <c r="EX735" s="98"/>
      <c r="EY735" s="97"/>
      <c r="FL735" s="126"/>
      <c r="FM735" s="91"/>
      <c r="FN735" s="91"/>
      <c r="FO735" s="91"/>
      <c r="FP735" s="91"/>
      <c r="FQ735" s="91"/>
      <c r="FR735" s="91"/>
      <c r="FS735" s="91"/>
      <c r="FT735" s="91"/>
      <c r="FU735" s="91"/>
      <c r="FV735" s="91"/>
      <c r="FW735" s="91"/>
      <c r="FX735" s="91"/>
      <c r="FY735" s="91"/>
      <c r="FZ735" s="91"/>
      <c r="GA735" s="91"/>
      <c r="GB735" s="91"/>
      <c r="GC735" s="91"/>
      <c r="GD735" s="91"/>
      <c r="GE735" s="91"/>
      <c r="GF735" s="91"/>
      <c r="GG735" s="91"/>
      <c r="GH735" s="91"/>
      <c r="GI735" s="91"/>
      <c r="GJ735" s="91"/>
      <c r="GK735" s="127"/>
      <c r="GL735" s="126"/>
      <c r="GM735" s="91"/>
      <c r="GN735" s="91"/>
      <c r="GO735" s="91"/>
      <c r="GP735" s="91"/>
      <c r="GQ735" s="91"/>
      <c r="GR735" s="91"/>
      <c r="GS735" s="91"/>
      <c r="GT735" s="91"/>
      <c r="GU735" s="91"/>
      <c r="GV735" s="91"/>
      <c r="GW735" s="91"/>
      <c r="GX735" s="91"/>
      <c r="GY735" s="91"/>
      <c r="GZ735" s="91"/>
      <c r="HA735" s="91"/>
      <c r="HB735" s="91"/>
      <c r="HC735" s="91"/>
      <c r="HD735" s="91"/>
      <c r="HE735" s="91"/>
      <c r="HF735" s="91"/>
      <c r="HG735" s="91"/>
      <c r="HH735" s="91"/>
      <c r="HI735" s="91"/>
      <c r="HJ735" s="91"/>
      <c r="HK735" s="127"/>
      <c r="HL735" s="126"/>
      <c r="HM735" s="91"/>
      <c r="HN735" s="91"/>
      <c r="HO735" s="91"/>
      <c r="HP735" s="91"/>
      <c r="HQ735" s="91"/>
      <c r="HR735" s="91"/>
      <c r="HS735" s="91"/>
      <c r="HT735" s="91"/>
      <c r="HU735" s="91"/>
      <c r="HV735" s="91"/>
      <c r="HW735" s="91"/>
      <c r="HX735" s="91"/>
      <c r="HY735" s="91"/>
      <c r="HZ735" s="91"/>
      <c r="IA735" s="91"/>
      <c r="IB735" s="91"/>
      <c r="IC735" s="91"/>
      <c r="ID735" s="91"/>
      <c r="IE735" s="91"/>
      <c r="IF735" s="91"/>
      <c r="IG735" s="91"/>
      <c r="IH735" s="91"/>
      <c r="II735" s="91"/>
      <c r="IJ735" s="91"/>
      <c r="IK735" s="127"/>
    </row>
    <row r="736" spans="2:245" x14ac:dyDescent="0.2">
      <c r="B736" s="43"/>
      <c r="C736" s="73"/>
      <c r="D736" s="64"/>
      <c r="E736" s="64"/>
      <c r="F736" s="55"/>
      <c r="G736" s="102"/>
      <c r="H736" s="55"/>
      <c r="I736" s="55"/>
      <c r="J736" s="55"/>
      <c r="K736" s="55"/>
      <c r="L736" s="55"/>
      <c r="M736" s="55"/>
      <c r="N736" s="55"/>
      <c r="O736" s="55"/>
      <c r="P736" s="55"/>
      <c r="Q736" s="55"/>
      <c r="R736" s="55"/>
      <c r="S736" s="55"/>
      <c r="T736" s="55"/>
      <c r="U736" s="55"/>
      <c r="V736" s="55"/>
      <c r="W736" s="55"/>
      <c r="X736" s="55"/>
      <c r="Y736" s="55"/>
      <c r="Z736" s="55"/>
      <c r="AA736" s="55"/>
      <c r="AB736" s="55"/>
      <c r="AC736" s="55"/>
      <c r="AD736" s="55"/>
      <c r="AE736" s="55"/>
      <c r="AF736" s="55"/>
      <c r="AG736" s="55"/>
      <c r="AY736" s="162"/>
      <c r="AZ736" s="162"/>
      <c r="BA736" s="162"/>
      <c r="BB736" s="162"/>
      <c r="BC736" s="162"/>
      <c r="BD736" s="162"/>
      <c r="BE736" s="162"/>
      <c r="BF736" s="162"/>
      <c r="BG736" s="162"/>
      <c r="BH736" s="162"/>
      <c r="BI736" s="162"/>
      <c r="BJ736" s="162"/>
      <c r="BK736" s="162"/>
      <c r="BL736" s="162"/>
      <c r="BM736" s="162"/>
      <c r="BN736" s="162"/>
      <c r="BO736" s="162"/>
      <c r="BP736" s="162"/>
      <c r="BQ736" s="162"/>
      <c r="BR736" s="162"/>
      <c r="BS736" s="162"/>
      <c r="BT736" s="162"/>
      <c r="BU736" s="162"/>
      <c r="BV736" s="162"/>
      <c r="BW736" s="162"/>
      <c r="BX736" s="162"/>
      <c r="BY736" s="162"/>
      <c r="BZ736" s="162"/>
      <c r="CA736" s="162"/>
      <c r="CB736" s="162"/>
      <c r="CC736" s="162"/>
      <c r="CD736" s="162"/>
      <c r="CE736" s="162"/>
      <c r="CF736" s="162"/>
      <c r="CG736" s="162"/>
      <c r="CH736" s="162"/>
      <c r="CI736" s="162"/>
      <c r="CJ736" s="162"/>
      <c r="CK736" s="162"/>
      <c r="CX736" s="98"/>
      <c r="DL736" s="97"/>
      <c r="DX736" s="98"/>
      <c r="EL736" s="97"/>
      <c r="EX736" s="98"/>
      <c r="EY736" s="97"/>
      <c r="FL736" s="126"/>
      <c r="FM736" s="91"/>
      <c r="FN736" s="91"/>
      <c r="FO736" s="91"/>
      <c r="FP736" s="91"/>
      <c r="FQ736" s="91"/>
      <c r="FR736" s="91"/>
      <c r="FS736" s="91"/>
      <c r="FT736" s="91"/>
      <c r="FU736" s="91"/>
      <c r="FV736" s="91"/>
      <c r="FW736" s="91"/>
      <c r="FX736" s="91"/>
      <c r="FY736" s="91"/>
      <c r="FZ736" s="91"/>
      <c r="GA736" s="91"/>
      <c r="GB736" s="91"/>
      <c r="GC736" s="91"/>
      <c r="GD736" s="91"/>
      <c r="GE736" s="91"/>
      <c r="GF736" s="91"/>
      <c r="GG736" s="91"/>
      <c r="GH736" s="91"/>
      <c r="GI736" s="91"/>
      <c r="GJ736" s="91"/>
      <c r="GK736" s="127"/>
      <c r="GL736" s="126"/>
      <c r="GM736" s="91"/>
      <c r="GN736" s="91"/>
      <c r="GO736" s="91"/>
      <c r="GP736" s="91"/>
      <c r="GQ736" s="91"/>
      <c r="GR736" s="91"/>
      <c r="GS736" s="91"/>
      <c r="GT736" s="91"/>
      <c r="GU736" s="91"/>
      <c r="GV736" s="91"/>
      <c r="GW736" s="91"/>
      <c r="GX736" s="91"/>
      <c r="GY736" s="91"/>
      <c r="GZ736" s="91"/>
      <c r="HA736" s="91"/>
      <c r="HB736" s="91"/>
      <c r="HC736" s="91"/>
      <c r="HD736" s="91"/>
      <c r="HE736" s="91"/>
      <c r="HF736" s="91"/>
      <c r="HG736" s="91"/>
      <c r="HH736" s="91"/>
      <c r="HI736" s="91"/>
      <c r="HJ736" s="91"/>
      <c r="HK736" s="127"/>
      <c r="HL736" s="126"/>
      <c r="HM736" s="91"/>
      <c r="HN736" s="91"/>
      <c r="HO736" s="91"/>
      <c r="HP736" s="91"/>
      <c r="HQ736" s="91"/>
      <c r="HR736" s="91"/>
      <c r="HS736" s="91"/>
      <c r="HT736" s="91"/>
      <c r="HU736" s="91"/>
      <c r="HV736" s="91"/>
      <c r="HW736" s="91"/>
      <c r="HX736" s="91"/>
      <c r="HY736" s="91"/>
      <c r="HZ736" s="91"/>
      <c r="IA736" s="91"/>
      <c r="IB736" s="91"/>
      <c r="IC736" s="91"/>
      <c r="ID736" s="91"/>
      <c r="IE736" s="91"/>
      <c r="IF736" s="91"/>
      <c r="IG736" s="91"/>
      <c r="IH736" s="91"/>
      <c r="II736" s="91"/>
      <c r="IJ736" s="91"/>
      <c r="IK736" s="127"/>
    </row>
    <row r="737" spans="2:245" x14ac:dyDescent="0.2">
      <c r="B737" s="43"/>
      <c r="C737" s="73"/>
      <c r="D737" s="64"/>
      <c r="E737" s="64"/>
      <c r="F737" s="55"/>
      <c r="G737" s="102"/>
      <c r="H737" s="55"/>
      <c r="I737" s="55"/>
      <c r="J737" s="55"/>
      <c r="K737" s="55"/>
      <c r="L737" s="55"/>
      <c r="M737" s="55"/>
      <c r="N737" s="55"/>
      <c r="O737" s="55"/>
      <c r="P737" s="55"/>
      <c r="Q737" s="55"/>
      <c r="R737" s="55"/>
      <c r="S737" s="55"/>
      <c r="T737" s="55"/>
      <c r="U737" s="55"/>
      <c r="V737" s="55"/>
      <c r="W737" s="55"/>
      <c r="X737" s="55"/>
      <c r="Y737" s="55"/>
      <c r="Z737" s="55"/>
      <c r="AA737" s="55"/>
      <c r="AB737" s="55"/>
      <c r="AC737" s="55"/>
      <c r="AD737" s="55"/>
      <c r="AE737" s="55"/>
      <c r="AF737" s="55"/>
      <c r="AG737" s="55"/>
      <c r="AY737" s="162"/>
      <c r="AZ737" s="162"/>
      <c r="BA737" s="162"/>
      <c r="BB737" s="162"/>
      <c r="BC737" s="162"/>
      <c r="BD737" s="162"/>
      <c r="BE737" s="162"/>
      <c r="BF737" s="162"/>
      <c r="BG737" s="162"/>
      <c r="BH737" s="162"/>
      <c r="BI737" s="162"/>
      <c r="BJ737" s="162"/>
      <c r="BK737" s="162"/>
      <c r="BL737" s="162"/>
      <c r="BM737" s="162"/>
      <c r="BN737" s="162"/>
      <c r="BO737" s="162"/>
      <c r="BP737" s="162"/>
      <c r="BQ737" s="162"/>
      <c r="BR737" s="162"/>
      <c r="BS737" s="162"/>
      <c r="BT737" s="162"/>
      <c r="BU737" s="162"/>
      <c r="BV737" s="162"/>
      <c r="BW737" s="162"/>
      <c r="BX737" s="162"/>
      <c r="BY737" s="162"/>
      <c r="BZ737" s="162"/>
      <c r="CA737" s="162"/>
      <c r="CB737" s="162"/>
      <c r="CC737" s="162"/>
      <c r="CD737" s="162"/>
      <c r="CE737" s="162"/>
      <c r="CF737" s="162"/>
      <c r="CG737" s="162"/>
      <c r="CH737" s="162"/>
      <c r="CI737" s="162"/>
      <c r="CJ737" s="162"/>
      <c r="CK737" s="162"/>
      <c r="CX737" s="98"/>
      <c r="DL737" s="97"/>
      <c r="DX737" s="98"/>
      <c r="EL737" s="97"/>
      <c r="EX737" s="98"/>
      <c r="EY737" s="97"/>
      <c r="FL737" s="126"/>
      <c r="FM737" s="91"/>
      <c r="FN737" s="91"/>
      <c r="FO737" s="91"/>
      <c r="FP737" s="91"/>
      <c r="FQ737" s="91"/>
      <c r="FR737" s="91"/>
      <c r="FS737" s="91"/>
      <c r="FT737" s="91"/>
      <c r="FU737" s="91"/>
      <c r="FV737" s="91"/>
      <c r="FW737" s="91"/>
      <c r="FX737" s="91"/>
      <c r="FY737" s="91"/>
      <c r="FZ737" s="91"/>
      <c r="GA737" s="91"/>
      <c r="GB737" s="91"/>
      <c r="GC737" s="91"/>
      <c r="GD737" s="91"/>
      <c r="GE737" s="91"/>
      <c r="GF737" s="91"/>
      <c r="GG737" s="91"/>
      <c r="GH737" s="91"/>
      <c r="GI737" s="91"/>
      <c r="GJ737" s="91"/>
      <c r="GK737" s="127"/>
      <c r="GL737" s="126"/>
      <c r="GM737" s="91"/>
      <c r="GN737" s="91"/>
      <c r="GO737" s="91"/>
      <c r="GP737" s="91"/>
      <c r="GQ737" s="91"/>
      <c r="GR737" s="91"/>
      <c r="GS737" s="91"/>
      <c r="GT737" s="91"/>
      <c r="GU737" s="91"/>
      <c r="GV737" s="91"/>
      <c r="GW737" s="91"/>
      <c r="GX737" s="91"/>
      <c r="GY737" s="91"/>
      <c r="GZ737" s="91"/>
      <c r="HA737" s="91"/>
      <c r="HB737" s="91"/>
      <c r="HC737" s="91"/>
      <c r="HD737" s="91"/>
      <c r="HE737" s="91"/>
      <c r="HF737" s="91"/>
      <c r="HG737" s="91"/>
      <c r="HH737" s="91"/>
      <c r="HI737" s="91"/>
      <c r="HJ737" s="91"/>
      <c r="HK737" s="127"/>
      <c r="HL737" s="126"/>
      <c r="HM737" s="91"/>
      <c r="HN737" s="91"/>
      <c r="HO737" s="91"/>
      <c r="HP737" s="91"/>
      <c r="HQ737" s="91"/>
      <c r="HR737" s="91"/>
      <c r="HS737" s="91"/>
      <c r="HT737" s="91"/>
      <c r="HU737" s="91"/>
      <c r="HV737" s="91"/>
      <c r="HW737" s="91"/>
      <c r="HX737" s="91"/>
      <c r="HY737" s="91"/>
      <c r="HZ737" s="91"/>
      <c r="IA737" s="91"/>
      <c r="IB737" s="91"/>
      <c r="IC737" s="91"/>
      <c r="ID737" s="91"/>
      <c r="IE737" s="91"/>
      <c r="IF737" s="91"/>
      <c r="IG737" s="91"/>
      <c r="IH737" s="91"/>
      <c r="II737" s="91"/>
      <c r="IJ737" s="91"/>
      <c r="IK737" s="127"/>
    </row>
    <row r="738" spans="2:245" x14ac:dyDescent="0.2">
      <c r="B738" s="43"/>
      <c r="C738" s="73"/>
      <c r="D738" s="64"/>
      <c r="E738" s="64"/>
      <c r="F738" s="55"/>
      <c r="G738" s="102"/>
      <c r="H738" s="55"/>
      <c r="I738" s="55"/>
      <c r="J738" s="55"/>
      <c r="K738" s="55"/>
      <c r="L738" s="55"/>
      <c r="M738" s="55"/>
      <c r="N738" s="55"/>
      <c r="O738" s="55"/>
      <c r="P738" s="55"/>
      <c r="Q738" s="55"/>
      <c r="R738" s="55"/>
      <c r="S738" s="55"/>
      <c r="T738" s="55"/>
      <c r="U738" s="55"/>
      <c r="V738" s="55"/>
      <c r="W738" s="55"/>
      <c r="X738" s="55"/>
      <c r="Y738" s="55"/>
      <c r="Z738" s="55"/>
      <c r="AA738" s="55"/>
      <c r="AB738" s="55"/>
      <c r="AC738" s="55"/>
      <c r="AD738" s="55"/>
      <c r="AE738" s="55"/>
      <c r="AF738" s="55"/>
      <c r="AG738" s="55"/>
      <c r="AY738" s="162"/>
      <c r="AZ738" s="162"/>
      <c r="BA738" s="162"/>
      <c r="BB738" s="162"/>
      <c r="BC738" s="162"/>
      <c r="BD738" s="162"/>
      <c r="BE738" s="162"/>
      <c r="BF738" s="162"/>
      <c r="BG738" s="162"/>
      <c r="BH738" s="162"/>
      <c r="BI738" s="162"/>
      <c r="BJ738" s="162"/>
      <c r="BK738" s="162"/>
      <c r="BL738" s="162"/>
      <c r="BM738" s="162"/>
      <c r="BN738" s="162"/>
      <c r="BO738" s="162"/>
      <c r="BP738" s="162"/>
      <c r="BQ738" s="162"/>
      <c r="BR738" s="162"/>
      <c r="BS738" s="162"/>
      <c r="BT738" s="162"/>
      <c r="BU738" s="162"/>
      <c r="BV738" s="162"/>
      <c r="BW738" s="162"/>
      <c r="BX738" s="162"/>
      <c r="BY738" s="162"/>
      <c r="BZ738" s="162"/>
      <c r="CA738" s="162"/>
      <c r="CB738" s="162"/>
      <c r="CC738" s="162"/>
      <c r="CD738" s="162"/>
      <c r="CE738" s="162"/>
      <c r="CF738" s="162"/>
      <c r="CG738" s="162"/>
      <c r="CH738" s="162"/>
      <c r="CI738" s="162"/>
      <c r="CJ738" s="162"/>
      <c r="CK738" s="162"/>
      <c r="CX738" s="98"/>
      <c r="DL738" s="97"/>
      <c r="DX738" s="98"/>
      <c r="EL738" s="97"/>
      <c r="EX738" s="98"/>
      <c r="EY738" s="97"/>
      <c r="FL738" s="126"/>
      <c r="FM738" s="91"/>
      <c r="FN738" s="91"/>
      <c r="FO738" s="91"/>
      <c r="FP738" s="91"/>
      <c r="FQ738" s="91"/>
      <c r="FR738" s="91"/>
      <c r="FS738" s="91"/>
      <c r="FT738" s="91"/>
      <c r="FU738" s="91"/>
      <c r="FV738" s="91"/>
      <c r="FW738" s="91"/>
      <c r="FX738" s="91"/>
      <c r="FY738" s="91"/>
      <c r="FZ738" s="91"/>
      <c r="GA738" s="91"/>
      <c r="GB738" s="91"/>
      <c r="GC738" s="91"/>
      <c r="GD738" s="91"/>
      <c r="GE738" s="91"/>
      <c r="GF738" s="91"/>
      <c r="GG738" s="91"/>
      <c r="GH738" s="91"/>
      <c r="GI738" s="91"/>
      <c r="GJ738" s="91"/>
      <c r="GK738" s="127"/>
      <c r="GL738" s="126"/>
      <c r="GM738" s="91"/>
      <c r="GN738" s="91"/>
      <c r="GO738" s="91"/>
      <c r="GP738" s="91"/>
      <c r="GQ738" s="91"/>
      <c r="GR738" s="91"/>
      <c r="GS738" s="91"/>
      <c r="GT738" s="91"/>
      <c r="GU738" s="91"/>
      <c r="GV738" s="91"/>
      <c r="GW738" s="91"/>
      <c r="GX738" s="91"/>
      <c r="GY738" s="91"/>
      <c r="GZ738" s="91"/>
      <c r="HA738" s="91"/>
      <c r="HB738" s="91"/>
      <c r="HC738" s="91"/>
      <c r="HD738" s="91"/>
      <c r="HE738" s="91"/>
      <c r="HF738" s="91"/>
      <c r="HG738" s="91"/>
      <c r="HH738" s="91"/>
      <c r="HI738" s="91"/>
      <c r="HJ738" s="91"/>
      <c r="HK738" s="127"/>
      <c r="HL738" s="126"/>
      <c r="HM738" s="91"/>
      <c r="HN738" s="91"/>
      <c r="HO738" s="91"/>
      <c r="HP738" s="91"/>
      <c r="HQ738" s="91"/>
      <c r="HR738" s="91"/>
      <c r="HS738" s="91"/>
      <c r="HT738" s="91"/>
      <c r="HU738" s="91"/>
      <c r="HV738" s="91"/>
      <c r="HW738" s="91"/>
      <c r="HX738" s="91"/>
      <c r="HY738" s="91"/>
      <c r="HZ738" s="91"/>
      <c r="IA738" s="91"/>
      <c r="IB738" s="91"/>
      <c r="IC738" s="91"/>
      <c r="ID738" s="91"/>
      <c r="IE738" s="91"/>
      <c r="IF738" s="91"/>
      <c r="IG738" s="91"/>
      <c r="IH738" s="91"/>
      <c r="II738" s="91"/>
      <c r="IJ738" s="91"/>
      <c r="IK738" s="127"/>
    </row>
    <row r="739" spans="2:245" x14ac:dyDescent="0.2">
      <c r="B739" s="43"/>
      <c r="C739" s="73"/>
      <c r="D739" s="64"/>
      <c r="E739" s="64"/>
      <c r="F739" s="55"/>
      <c r="G739" s="102"/>
      <c r="H739" s="55"/>
      <c r="I739" s="55"/>
      <c r="J739" s="55"/>
      <c r="K739" s="55"/>
      <c r="L739" s="55"/>
      <c r="M739" s="55"/>
      <c r="N739" s="55"/>
      <c r="O739" s="55"/>
      <c r="P739" s="55"/>
      <c r="Q739" s="55"/>
      <c r="R739" s="55"/>
      <c r="S739" s="55"/>
      <c r="T739" s="55"/>
      <c r="U739" s="55"/>
      <c r="V739" s="55"/>
      <c r="W739" s="55"/>
      <c r="X739" s="55"/>
      <c r="Y739" s="55"/>
      <c r="Z739" s="55"/>
      <c r="AA739" s="55"/>
      <c r="AB739" s="55"/>
      <c r="AC739" s="55"/>
      <c r="AD739" s="55"/>
      <c r="AE739" s="55"/>
      <c r="AF739" s="55"/>
      <c r="AG739" s="55"/>
      <c r="AY739" s="162"/>
      <c r="AZ739" s="162"/>
      <c r="BA739" s="162"/>
      <c r="BB739" s="162"/>
      <c r="BC739" s="162"/>
      <c r="BD739" s="162"/>
      <c r="BE739" s="162"/>
      <c r="BF739" s="162"/>
      <c r="BG739" s="162"/>
      <c r="BH739" s="162"/>
      <c r="BI739" s="162"/>
      <c r="BJ739" s="162"/>
      <c r="BK739" s="162"/>
      <c r="BL739" s="162"/>
      <c r="BM739" s="162"/>
      <c r="BN739" s="162"/>
      <c r="BO739" s="162"/>
      <c r="BP739" s="162"/>
      <c r="BQ739" s="162"/>
      <c r="BR739" s="162"/>
      <c r="BS739" s="162"/>
      <c r="BT739" s="162"/>
      <c r="BU739" s="162"/>
      <c r="BV739" s="162"/>
      <c r="BW739" s="162"/>
      <c r="BX739" s="162"/>
      <c r="BY739" s="162"/>
      <c r="BZ739" s="162"/>
      <c r="CA739" s="162"/>
      <c r="CB739" s="162"/>
      <c r="CC739" s="162"/>
      <c r="CD739" s="162"/>
      <c r="CE739" s="162"/>
      <c r="CF739" s="162"/>
      <c r="CG739" s="162"/>
      <c r="CH739" s="162"/>
      <c r="CI739" s="162"/>
      <c r="CJ739" s="162"/>
      <c r="CK739" s="162"/>
      <c r="CX739" s="98"/>
      <c r="DL739" s="97"/>
      <c r="DX739" s="98"/>
      <c r="EL739" s="97"/>
      <c r="EX739" s="98"/>
      <c r="EY739" s="97"/>
      <c r="FL739" s="126"/>
      <c r="FM739" s="91"/>
      <c r="FN739" s="91"/>
      <c r="FO739" s="91"/>
      <c r="FP739" s="91"/>
      <c r="FQ739" s="91"/>
      <c r="FR739" s="91"/>
      <c r="FS739" s="91"/>
      <c r="FT739" s="91"/>
      <c r="FU739" s="91"/>
      <c r="FV739" s="91"/>
      <c r="FW739" s="91"/>
      <c r="FX739" s="91"/>
      <c r="FY739" s="91"/>
      <c r="FZ739" s="91"/>
      <c r="GA739" s="91"/>
      <c r="GB739" s="91"/>
      <c r="GC739" s="91"/>
      <c r="GD739" s="91"/>
      <c r="GE739" s="91"/>
      <c r="GF739" s="91"/>
      <c r="GG739" s="91"/>
      <c r="GH739" s="91"/>
      <c r="GI739" s="91"/>
      <c r="GJ739" s="91"/>
      <c r="GK739" s="127"/>
      <c r="GL739" s="126"/>
      <c r="GM739" s="91"/>
      <c r="GN739" s="91"/>
      <c r="GO739" s="91"/>
      <c r="GP739" s="91"/>
      <c r="GQ739" s="91"/>
      <c r="GR739" s="91"/>
      <c r="GS739" s="91"/>
      <c r="GT739" s="91"/>
      <c r="GU739" s="91"/>
      <c r="GV739" s="91"/>
      <c r="GW739" s="91"/>
      <c r="GX739" s="91"/>
      <c r="GY739" s="91"/>
      <c r="GZ739" s="91"/>
      <c r="HA739" s="91"/>
      <c r="HB739" s="91"/>
      <c r="HC739" s="91"/>
      <c r="HD739" s="91"/>
      <c r="HE739" s="91"/>
      <c r="HF739" s="91"/>
      <c r="HG739" s="91"/>
      <c r="HH739" s="91"/>
      <c r="HI739" s="91"/>
      <c r="HJ739" s="91"/>
      <c r="HK739" s="127"/>
      <c r="HL739" s="126"/>
      <c r="HM739" s="91"/>
      <c r="HN739" s="91"/>
      <c r="HO739" s="91"/>
      <c r="HP739" s="91"/>
      <c r="HQ739" s="91"/>
      <c r="HR739" s="91"/>
      <c r="HS739" s="91"/>
      <c r="HT739" s="91"/>
      <c r="HU739" s="91"/>
      <c r="HV739" s="91"/>
      <c r="HW739" s="91"/>
      <c r="HX739" s="91"/>
      <c r="HY739" s="91"/>
      <c r="HZ739" s="91"/>
      <c r="IA739" s="91"/>
      <c r="IB739" s="91"/>
      <c r="IC739" s="91"/>
      <c r="ID739" s="91"/>
      <c r="IE739" s="91"/>
      <c r="IF739" s="91"/>
      <c r="IG739" s="91"/>
      <c r="IH739" s="91"/>
      <c r="II739" s="91"/>
      <c r="IJ739" s="91"/>
      <c r="IK739" s="127"/>
    </row>
    <row r="740" spans="2:245" x14ac:dyDescent="0.2">
      <c r="B740" s="43"/>
      <c r="C740" s="73"/>
      <c r="D740" s="64"/>
      <c r="E740" s="64"/>
      <c r="F740" s="55"/>
      <c r="G740" s="102"/>
      <c r="H740" s="55"/>
      <c r="I740" s="55"/>
      <c r="J740" s="55"/>
      <c r="K740" s="55"/>
      <c r="L740" s="55"/>
      <c r="M740" s="55"/>
      <c r="N740" s="55"/>
      <c r="O740" s="55"/>
      <c r="P740" s="55"/>
      <c r="Q740" s="55"/>
      <c r="R740" s="55"/>
      <c r="S740" s="55"/>
      <c r="T740" s="55"/>
      <c r="U740" s="55"/>
      <c r="V740" s="55"/>
      <c r="W740" s="55"/>
      <c r="X740" s="55"/>
      <c r="Y740" s="55"/>
      <c r="Z740" s="55"/>
      <c r="AA740" s="55"/>
      <c r="AB740" s="55"/>
      <c r="AC740" s="55"/>
      <c r="AD740" s="55"/>
      <c r="AE740" s="55"/>
      <c r="AF740" s="55"/>
      <c r="AG740" s="55"/>
      <c r="AY740" s="162"/>
      <c r="AZ740" s="162"/>
      <c r="BA740" s="162"/>
      <c r="BB740" s="162"/>
      <c r="BC740" s="162"/>
      <c r="BD740" s="162"/>
      <c r="BE740" s="162"/>
      <c r="BF740" s="162"/>
      <c r="BG740" s="162"/>
      <c r="BH740" s="162"/>
      <c r="BI740" s="162"/>
      <c r="BJ740" s="162"/>
      <c r="BK740" s="162"/>
      <c r="BL740" s="162"/>
      <c r="BM740" s="162"/>
      <c r="BN740" s="162"/>
      <c r="BO740" s="162"/>
      <c r="BP740" s="162"/>
      <c r="BQ740" s="162"/>
      <c r="BR740" s="162"/>
      <c r="BS740" s="162"/>
      <c r="BT740" s="162"/>
      <c r="BU740" s="162"/>
      <c r="BV740" s="162"/>
      <c r="BW740" s="162"/>
      <c r="BX740" s="162"/>
      <c r="BY740" s="162"/>
      <c r="BZ740" s="162"/>
      <c r="CA740" s="162"/>
      <c r="CB740" s="162"/>
      <c r="CC740" s="162"/>
      <c r="CD740" s="162"/>
      <c r="CE740" s="162"/>
      <c r="CF740" s="162"/>
      <c r="CG740" s="162"/>
      <c r="CH740" s="162"/>
      <c r="CI740" s="162"/>
      <c r="CJ740" s="162"/>
      <c r="CK740" s="162"/>
      <c r="CX740" s="98"/>
      <c r="DL740" s="97"/>
      <c r="DX740" s="98"/>
      <c r="EL740" s="97"/>
      <c r="EX740" s="98"/>
      <c r="EY740" s="97"/>
      <c r="FL740" s="126"/>
      <c r="FM740" s="91"/>
      <c r="FN740" s="91"/>
      <c r="FO740" s="91"/>
      <c r="FP740" s="91"/>
      <c r="FQ740" s="91"/>
      <c r="FR740" s="91"/>
      <c r="FS740" s="91"/>
      <c r="FT740" s="91"/>
      <c r="FU740" s="91"/>
      <c r="FV740" s="91"/>
      <c r="FW740" s="91"/>
      <c r="FX740" s="91"/>
      <c r="FY740" s="91"/>
      <c r="FZ740" s="91"/>
      <c r="GA740" s="91"/>
      <c r="GB740" s="91"/>
      <c r="GC740" s="91"/>
      <c r="GD740" s="91"/>
      <c r="GE740" s="91"/>
      <c r="GF740" s="91"/>
      <c r="GG740" s="91"/>
      <c r="GH740" s="91"/>
      <c r="GI740" s="91"/>
      <c r="GJ740" s="91"/>
      <c r="GK740" s="127"/>
      <c r="GL740" s="126"/>
      <c r="GM740" s="91"/>
      <c r="GN740" s="91"/>
      <c r="GO740" s="91"/>
      <c r="GP740" s="91"/>
      <c r="GQ740" s="91"/>
      <c r="GR740" s="91"/>
      <c r="GS740" s="91"/>
      <c r="GT740" s="91"/>
      <c r="GU740" s="91"/>
      <c r="GV740" s="91"/>
      <c r="GW740" s="91"/>
      <c r="GX740" s="91"/>
      <c r="GY740" s="91"/>
      <c r="GZ740" s="91"/>
      <c r="HA740" s="91"/>
      <c r="HB740" s="91"/>
      <c r="HC740" s="91"/>
      <c r="HD740" s="91"/>
      <c r="HE740" s="91"/>
      <c r="HF740" s="91"/>
      <c r="HG740" s="91"/>
      <c r="HH740" s="91"/>
      <c r="HI740" s="91"/>
      <c r="HJ740" s="91"/>
      <c r="HK740" s="127"/>
      <c r="HL740" s="126"/>
      <c r="HM740" s="91"/>
      <c r="HN740" s="91"/>
      <c r="HO740" s="91"/>
      <c r="HP740" s="91"/>
      <c r="HQ740" s="91"/>
      <c r="HR740" s="91"/>
      <c r="HS740" s="91"/>
      <c r="HT740" s="91"/>
      <c r="HU740" s="91"/>
      <c r="HV740" s="91"/>
      <c r="HW740" s="91"/>
      <c r="HX740" s="91"/>
      <c r="HY740" s="91"/>
      <c r="HZ740" s="91"/>
      <c r="IA740" s="91"/>
      <c r="IB740" s="91"/>
      <c r="IC740" s="91"/>
      <c r="ID740" s="91"/>
      <c r="IE740" s="91"/>
      <c r="IF740" s="91"/>
      <c r="IG740" s="91"/>
      <c r="IH740" s="91"/>
      <c r="II740" s="91"/>
      <c r="IJ740" s="91"/>
      <c r="IK740" s="127"/>
    </row>
    <row r="741" spans="2:245" x14ac:dyDescent="0.2">
      <c r="B741" s="43"/>
      <c r="C741" s="73"/>
      <c r="D741" s="64"/>
      <c r="E741" s="64"/>
      <c r="F741" s="55"/>
      <c r="G741" s="102"/>
      <c r="H741" s="55"/>
      <c r="I741" s="55"/>
      <c r="J741" s="55"/>
      <c r="K741" s="55"/>
      <c r="L741" s="55"/>
      <c r="M741" s="55"/>
      <c r="N741" s="55"/>
      <c r="O741" s="55"/>
      <c r="P741" s="55"/>
      <c r="Q741" s="55"/>
      <c r="R741" s="55"/>
      <c r="S741" s="55"/>
      <c r="T741" s="55"/>
      <c r="U741" s="55"/>
      <c r="V741" s="55"/>
      <c r="W741" s="55"/>
      <c r="X741" s="55"/>
      <c r="Y741" s="55"/>
      <c r="Z741" s="55"/>
      <c r="AA741" s="55"/>
      <c r="AB741" s="55"/>
      <c r="AC741" s="55"/>
      <c r="AD741" s="55"/>
      <c r="AE741" s="55"/>
      <c r="AF741" s="55"/>
      <c r="AG741" s="55"/>
      <c r="AY741" s="162"/>
      <c r="AZ741" s="162"/>
      <c r="BA741" s="162"/>
      <c r="BB741" s="162"/>
      <c r="BC741" s="162"/>
      <c r="BD741" s="162"/>
      <c r="BE741" s="162"/>
      <c r="BF741" s="162"/>
      <c r="BG741" s="162"/>
      <c r="BH741" s="162"/>
      <c r="BI741" s="162"/>
      <c r="BJ741" s="162"/>
      <c r="BK741" s="162"/>
      <c r="BL741" s="162"/>
      <c r="BM741" s="162"/>
      <c r="BN741" s="162"/>
      <c r="BO741" s="162"/>
      <c r="BP741" s="162"/>
      <c r="BQ741" s="162"/>
      <c r="BR741" s="162"/>
      <c r="BS741" s="162"/>
      <c r="BT741" s="162"/>
      <c r="BU741" s="162"/>
      <c r="BV741" s="162"/>
      <c r="BW741" s="162"/>
      <c r="BX741" s="162"/>
      <c r="BY741" s="162"/>
      <c r="BZ741" s="162"/>
      <c r="CA741" s="162"/>
      <c r="CB741" s="162"/>
      <c r="CC741" s="162"/>
      <c r="CD741" s="162"/>
      <c r="CE741" s="162"/>
      <c r="CF741" s="162"/>
      <c r="CG741" s="162"/>
      <c r="CH741" s="162"/>
      <c r="CI741" s="162"/>
      <c r="CJ741" s="162"/>
      <c r="CK741" s="162"/>
      <c r="CX741" s="98"/>
      <c r="DL741" s="97"/>
      <c r="DX741" s="98"/>
      <c r="EL741" s="97"/>
      <c r="EX741" s="98"/>
      <c r="EY741" s="97"/>
      <c r="FL741" s="126"/>
      <c r="FM741" s="91"/>
      <c r="FN741" s="91"/>
      <c r="FO741" s="91"/>
      <c r="FP741" s="91"/>
      <c r="FQ741" s="91"/>
      <c r="FR741" s="91"/>
      <c r="FS741" s="91"/>
      <c r="FT741" s="91"/>
      <c r="FU741" s="91"/>
      <c r="FV741" s="91"/>
      <c r="FW741" s="91"/>
      <c r="FX741" s="91"/>
      <c r="FY741" s="91"/>
      <c r="FZ741" s="91"/>
      <c r="GA741" s="91"/>
      <c r="GB741" s="91"/>
      <c r="GC741" s="91"/>
      <c r="GD741" s="91"/>
      <c r="GE741" s="91"/>
      <c r="GF741" s="91"/>
      <c r="GG741" s="91"/>
      <c r="GH741" s="91"/>
      <c r="GI741" s="91"/>
      <c r="GJ741" s="91"/>
      <c r="GK741" s="127"/>
      <c r="GL741" s="126"/>
      <c r="GM741" s="91"/>
      <c r="GN741" s="91"/>
      <c r="GO741" s="91"/>
      <c r="GP741" s="91"/>
      <c r="GQ741" s="91"/>
      <c r="GR741" s="91"/>
      <c r="GS741" s="91"/>
      <c r="GT741" s="91"/>
      <c r="GU741" s="91"/>
      <c r="GV741" s="91"/>
      <c r="GW741" s="91"/>
      <c r="GX741" s="91"/>
      <c r="GY741" s="91"/>
      <c r="GZ741" s="91"/>
      <c r="HA741" s="91"/>
      <c r="HB741" s="91"/>
      <c r="HC741" s="91"/>
      <c r="HD741" s="91"/>
      <c r="HE741" s="91"/>
      <c r="HF741" s="91"/>
      <c r="HG741" s="91"/>
      <c r="HH741" s="91"/>
      <c r="HI741" s="91"/>
      <c r="HJ741" s="91"/>
      <c r="HK741" s="127"/>
      <c r="HL741" s="126"/>
      <c r="HM741" s="91"/>
      <c r="HN741" s="91"/>
      <c r="HO741" s="91"/>
      <c r="HP741" s="91"/>
      <c r="HQ741" s="91"/>
      <c r="HR741" s="91"/>
      <c r="HS741" s="91"/>
      <c r="HT741" s="91"/>
      <c r="HU741" s="91"/>
      <c r="HV741" s="91"/>
      <c r="HW741" s="91"/>
      <c r="HX741" s="91"/>
      <c r="HY741" s="91"/>
      <c r="HZ741" s="91"/>
      <c r="IA741" s="91"/>
      <c r="IB741" s="91"/>
      <c r="IC741" s="91"/>
      <c r="ID741" s="91"/>
      <c r="IE741" s="91"/>
      <c r="IF741" s="91"/>
      <c r="IG741" s="91"/>
      <c r="IH741" s="91"/>
      <c r="II741" s="91"/>
      <c r="IJ741" s="91"/>
      <c r="IK741" s="127"/>
    </row>
    <row r="742" spans="2:245" x14ac:dyDescent="0.2">
      <c r="B742" s="43"/>
      <c r="C742" s="73"/>
      <c r="D742" s="64"/>
      <c r="E742" s="64"/>
      <c r="F742" s="55"/>
      <c r="G742" s="102"/>
      <c r="H742" s="55"/>
      <c r="I742" s="55"/>
      <c r="J742" s="55"/>
      <c r="K742" s="55"/>
      <c r="L742" s="55"/>
      <c r="M742" s="55"/>
      <c r="N742" s="55"/>
      <c r="O742" s="55"/>
      <c r="P742" s="55"/>
      <c r="Q742" s="55"/>
      <c r="R742" s="55"/>
      <c r="S742" s="55"/>
      <c r="T742" s="55"/>
      <c r="U742" s="55"/>
      <c r="V742" s="55"/>
      <c r="W742" s="55"/>
      <c r="X742" s="55"/>
      <c r="Y742" s="55"/>
      <c r="Z742" s="55"/>
      <c r="AA742" s="55"/>
      <c r="AB742" s="55"/>
      <c r="AC742" s="55"/>
      <c r="AD742" s="55"/>
      <c r="AE742" s="55"/>
      <c r="AF742" s="55"/>
      <c r="AG742" s="55"/>
      <c r="AY742" s="162"/>
      <c r="AZ742" s="162"/>
      <c r="BA742" s="162"/>
      <c r="BB742" s="162"/>
      <c r="BC742" s="162"/>
      <c r="BD742" s="162"/>
      <c r="BE742" s="162"/>
      <c r="BF742" s="162"/>
      <c r="BG742" s="162"/>
      <c r="BH742" s="162"/>
      <c r="BI742" s="162"/>
      <c r="BJ742" s="162"/>
      <c r="BK742" s="162"/>
      <c r="BL742" s="162"/>
      <c r="BM742" s="162"/>
      <c r="BN742" s="162"/>
      <c r="BO742" s="162"/>
      <c r="BP742" s="162"/>
      <c r="BQ742" s="162"/>
      <c r="BR742" s="162"/>
      <c r="BS742" s="162"/>
      <c r="BT742" s="162"/>
      <c r="BU742" s="162"/>
      <c r="BV742" s="162"/>
      <c r="BW742" s="162"/>
      <c r="BX742" s="162"/>
      <c r="BY742" s="162"/>
      <c r="BZ742" s="162"/>
      <c r="CA742" s="162"/>
      <c r="CB742" s="162"/>
      <c r="CC742" s="162"/>
      <c r="CD742" s="162"/>
      <c r="CE742" s="162"/>
      <c r="CF742" s="162"/>
      <c r="CG742" s="162"/>
      <c r="CH742" s="162"/>
      <c r="CI742" s="162"/>
      <c r="CJ742" s="162"/>
      <c r="CK742" s="162"/>
      <c r="CX742" s="98"/>
      <c r="DL742" s="97"/>
      <c r="DX742" s="98"/>
      <c r="EL742" s="97"/>
      <c r="EX742" s="98"/>
      <c r="EY742" s="97"/>
      <c r="FL742" s="126"/>
      <c r="FM742" s="91"/>
      <c r="FN742" s="91"/>
      <c r="FO742" s="91"/>
      <c r="FP742" s="91"/>
      <c r="FQ742" s="91"/>
      <c r="FR742" s="91"/>
      <c r="FS742" s="91"/>
      <c r="FT742" s="91"/>
      <c r="FU742" s="91"/>
      <c r="FV742" s="91"/>
      <c r="FW742" s="91"/>
      <c r="FX742" s="91"/>
      <c r="FY742" s="91"/>
      <c r="FZ742" s="91"/>
      <c r="GA742" s="91"/>
      <c r="GB742" s="91"/>
      <c r="GC742" s="91"/>
      <c r="GD742" s="91"/>
      <c r="GE742" s="91"/>
      <c r="GF742" s="91"/>
      <c r="GG742" s="91"/>
      <c r="GH742" s="91"/>
      <c r="GI742" s="91"/>
      <c r="GJ742" s="91"/>
      <c r="GK742" s="127"/>
      <c r="GL742" s="126"/>
      <c r="GM742" s="91"/>
      <c r="GN742" s="91"/>
      <c r="GO742" s="91"/>
      <c r="GP742" s="91"/>
      <c r="GQ742" s="91"/>
      <c r="GR742" s="91"/>
      <c r="GS742" s="91"/>
      <c r="GT742" s="91"/>
      <c r="GU742" s="91"/>
      <c r="GV742" s="91"/>
      <c r="GW742" s="91"/>
      <c r="GX742" s="91"/>
      <c r="GY742" s="91"/>
      <c r="GZ742" s="91"/>
      <c r="HA742" s="91"/>
      <c r="HB742" s="91"/>
      <c r="HC742" s="91"/>
      <c r="HD742" s="91"/>
      <c r="HE742" s="91"/>
      <c r="HF742" s="91"/>
      <c r="HG742" s="91"/>
      <c r="HH742" s="91"/>
      <c r="HI742" s="91"/>
      <c r="HJ742" s="91"/>
      <c r="HK742" s="127"/>
      <c r="HL742" s="126"/>
      <c r="HM742" s="91"/>
      <c r="HN742" s="91"/>
      <c r="HO742" s="91"/>
      <c r="HP742" s="91"/>
      <c r="HQ742" s="91"/>
      <c r="HR742" s="91"/>
      <c r="HS742" s="91"/>
      <c r="HT742" s="91"/>
      <c r="HU742" s="91"/>
      <c r="HV742" s="91"/>
      <c r="HW742" s="91"/>
      <c r="HX742" s="91"/>
      <c r="HY742" s="91"/>
      <c r="HZ742" s="91"/>
      <c r="IA742" s="91"/>
      <c r="IB742" s="91"/>
      <c r="IC742" s="91"/>
      <c r="ID742" s="91"/>
      <c r="IE742" s="91"/>
      <c r="IF742" s="91"/>
      <c r="IG742" s="91"/>
      <c r="IH742" s="91"/>
      <c r="II742" s="91"/>
      <c r="IJ742" s="91"/>
      <c r="IK742" s="127"/>
    </row>
    <row r="743" spans="2:245" x14ac:dyDescent="0.2">
      <c r="B743" s="43"/>
      <c r="C743" s="73"/>
      <c r="D743" s="64"/>
      <c r="E743" s="64"/>
      <c r="F743" s="55"/>
      <c r="G743" s="102"/>
      <c r="H743" s="55"/>
      <c r="I743" s="55"/>
      <c r="J743" s="55"/>
      <c r="K743" s="55"/>
      <c r="L743" s="55"/>
      <c r="M743" s="55"/>
      <c r="N743" s="55"/>
      <c r="O743" s="55"/>
      <c r="P743" s="55"/>
      <c r="Q743" s="55"/>
      <c r="R743" s="55"/>
      <c r="S743" s="55"/>
      <c r="T743" s="55"/>
      <c r="U743" s="55"/>
      <c r="V743" s="55"/>
      <c r="W743" s="55"/>
      <c r="X743" s="55"/>
      <c r="Y743" s="55"/>
      <c r="Z743" s="55"/>
      <c r="AA743" s="55"/>
      <c r="AB743" s="55"/>
      <c r="AC743" s="55"/>
      <c r="AD743" s="55"/>
      <c r="AE743" s="55"/>
      <c r="AF743" s="55"/>
      <c r="AG743" s="55"/>
      <c r="AY743" s="162"/>
      <c r="AZ743" s="162"/>
      <c r="BA743" s="162"/>
      <c r="BB743" s="162"/>
      <c r="BC743" s="162"/>
      <c r="BD743" s="162"/>
      <c r="BE743" s="162"/>
      <c r="BF743" s="162"/>
      <c r="BG743" s="162"/>
      <c r="BH743" s="162"/>
      <c r="BI743" s="162"/>
      <c r="BJ743" s="162"/>
      <c r="BK743" s="162"/>
      <c r="BL743" s="162"/>
      <c r="BM743" s="162"/>
      <c r="BN743" s="162"/>
      <c r="BO743" s="162"/>
      <c r="BP743" s="162"/>
      <c r="BQ743" s="162"/>
      <c r="BR743" s="162"/>
      <c r="BS743" s="162"/>
      <c r="BT743" s="162"/>
      <c r="BU743" s="162"/>
      <c r="BV743" s="162"/>
      <c r="BW743" s="162"/>
      <c r="BX743" s="162"/>
      <c r="BY743" s="162"/>
      <c r="BZ743" s="162"/>
      <c r="CA743" s="162"/>
      <c r="CB743" s="162"/>
      <c r="CC743" s="162"/>
      <c r="CD743" s="162"/>
      <c r="CE743" s="162"/>
      <c r="CF743" s="162"/>
      <c r="CG743" s="162"/>
      <c r="CH743" s="162"/>
      <c r="CI743" s="162"/>
      <c r="CJ743" s="162"/>
      <c r="CK743" s="162"/>
      <c r="CX743" s="98"/>
      <c r="DL743" s="97"/>
      <c r="DX743" s="98"/>
      <c r="EL743" s="97"/>
      <c r="EX743" s="98"/>
      <c r="EY743" s="97"/>
      <c r="FL743" s="126"/>
      <c r="FM743" s="91"/>
      <c r="FN743" s="91"/>
      <c r="FO743" s="91"/>
      <c r="FP743" s="91"/>
      <c r="FQ743" s="91"/>
      <c r="FR743" s="91"/>
      <c r="FS743" s="91"/>
      <c r="FT743" s="91"/>
      <c r="FU743" s="91"/>
      <c r="FV743" s="91"/>
      <c r="FW743" s="91"/>
      <c r="FX743" s="91"/>
      <c r="FY743" s="91"/>
      <c r="FZ743" s="91"/>
      <c r="GA743" s="91"/>
      <c r="GB743" s="91"/>
      <c r="GC743" s="91"/>
      <c r="GD743" s="91"/>
      <c r="GE743" s="91"/>
      <c r="GF743" s="91"/>
      <c r="GG743" s="91"/>
      <c r="GH743" s="91"/>
      <c r="GI743" s="91"/>
      <c r="GJ743" s="91"/>
      <c r="GK743" s="127"/>
      <c r="GL743" s="126"/>
      <c r="GM743" s="91"/>
      <c r="GN743" s="91"/>
      <c r="GO743" s="91"/>
      <c r="GP743" s="91"/>
      <c r="GQ743" s="91"/>
      <c r="GR743" s="91"/>
      <c r="GS743" s="91"/>
      <c r="GT743" s="91"/>
      <c r="GU743" s="91"/>
      <c r="GV743" s="91"/>
      <c r="GW743" s="91"/>
      <c r="GX743" s="91"/>
      <c r="GY743" s="91"/>
      <c r="GZ743" s="91"/>
      <c r="HA743" s="91"/>
      <c r="HB743" s="91"/>
      <c r="HC743" s="91"/>
      <c r="HD743" s="91"/>
      <c r="HE743" s="91"/>
      <c r="HF743" s="91"/>
      <c r="HG743" s="91"/>
      <c r="HH743" s="91"/>
      <c r="HI743" s="91"/>
      <c r="HJ743" s="91"/>
      <c r="HK743" s="127"/>
      <c r="HL743" s="126"/>
      <c r="HM743" s="91"/>
      <c r="HN743" s="91"/>
      <c r="HO743" s="91"/>
      <c r="HP743" s="91"/>
      <c r="HQ743" s="91"/>
      <c r="HR743" s="91"/>
      <c r="HS743" s="91"/>
      <c r="HT743" s="91"/>
      <c r="HU743" s="91"/>
      <c r="HV743" s="91"/>
      <c r="HW743" s="91"/>
      <c r="HX743" s="91"/>
      <c r="HY743" s="91"/>
      <c r="HZ743" s="91"/>
      <c r="IA743" s="91"/>
      <c r="IB743" s="91"/>
      <c r="IC743" s="91"/>
      <c r="ID743" s="91"/>
      <c r="IE743" s="91"/>
      <c r="IF743" s="91"/>
      <c r="IG743" s="91"/>
      <c r="IH743" s="91"/>
      <c r="II743" s="91"/>
      <c r="IJ743" s="91"/>
      <c r="IK743" s="127"/>
    </row>
    <row r="744" spans="2:245" x14ac:dyDescent="0.2">
      <c r="B744" s="43"/>
      <c r="C744" s="73"/>
      <c r="D744" s="64"/>
      <c r="E744" s="64"/>
      <c r="F744" s="55"/>
      <c r="G744" s="102"/>
      <c r="H744" s="55"/>
      <c r="I744" s="55"/>
      <c r="J744" s="55"/>
      <c r="K744" s="55"/>
      <c r="L744" s="55"/>
      <c r="M744" s="55"/>
      <c r="N744" s="55"/>
      <c r="O744" s="55"/>
      <c r="P744" s="55"/>
      <c r="Q744" s="55"/>
      <c r="R744" s="55"/>
      <c r="S744" s="55"/>
      <c r="T744" s="55"/>
      <c r="U744" s="55"/>
      <c r="V744" s="55"/>
      <c r="W744" s="55"/>
      <c r="X744" s="55"/>
      <c r="Y744" s="55"/>
      <c r="Z744" s="55"/>
      <c r="AA744" s="55"/>
      <c r="AB744" s="55"/>
      <c r="AC744" s="55"/>
      <c r="AD744" s="55"/>
      <c r="AE744" s="55"/>
      <c r="AF744" s="55"/>
      <c r="AG744" s="55"/>
      <c r="AY744" s="162"/>
      <c r="AZ744" s="162"/>
      <c r="BA744" s="162"/>
      <c r="BB744" s="162"/>
      <c r="BC744" s="162"/>
      <c r="BD744" s="162"/>
      <c r="BE744" s="162"/>
      <c r="BF744" s="162"/>
      <c r="BG744" s="162"/>
      <c r="BH744" s="162"/>
      <c r="BI744" s="162"/>
      <c r="BJ744" s="162"/>
      <c r="BK744" s="162"/>
      <c r="BL744" s="162"/>
      <c r="BM744" s="162"/>
      <c r="BN744" s="162"/>
      <c r="BO744" s="162"/>
      <c r="BP744" s="162"/>
      <c r="BQ744" s="162"/>
      <c r="BR744" s="162"/>
      <c r="BS744" s="162"/>
      <c r="BT744" s="162"/>
      <c r="BU744" s="162"/>
      <c r="BV744" s="162"/>
      <c r="BW744" s="162"/>
      <c r="BX744" s="162"/>
      <c r="BY744" s="162"/>
      <c r="BZ744" s="162"/>
      <c r="CA744" s="162"/>
      <c r="CB744" s="162"/>
      <c r="CC744" s="162"/>
      <c r="CD744" s="162"/>
      <c r="CE744" s="162"/>
      <c r="CF744" s="162"/>
      <c r="CG744" s="162"/>
      <c r="CH744" s="162"/>
      <c r="CI744" s="162"/>
      <c r="CJ744" s="162"/>
      <c r="CK744" s="162"/>
      <c r="CX744" s="98"/>
      <c r="DL744" s="97"/>
      <c r="DX744" s="98"/>
      <c r="EL744" s="97"/>
      <c r="EX744" s="98"/>
      <c r="EY744" s="97"/>
      <c r="FL744" s="126"/>
      <c r="FM744" s="91"/>
      <c r="FN744" s="91"/>
      <c r="FO744" s="91"/>
      <c r="FP744" s="91"/>
      <c r="FQ744" s="91"/>
      <c r="FR744" s="91"/>
      <c r="FS744" s="91"/>
      <c r="FT744" s="91"/>
      <c r="FU744" s="91"/>
      <c r="FV744" s="91"/>
      <c r="FW744" s="91"/>
      <c r="FX744" s="91"/>
      <c r="FY744" s="91"/>
      <c r="FZ744" s="91"/>
      <c r="GA744" s="91"/>
      <c r="GB744" s="91"/>
      <c r="GC744" s="91"/>
      <c r="GD744" s="91"/>
      <c r="GE744" s="91"/>
      <c r="GF744" s="91"/>
      <c r="GG744" s="91"/>
      <c r="GH744" s="91"/>
      <c r="GI744" s="91"/>
      <c r="GJ744" s="91"/>
      <c r="GK744" s="127"/>
      <c r="GL744" s="126"/>
      <c r="GM744" s="91"/>
      <c r="GN744" s="91"/>
      <c r="GO744" s="91"/>
      <c r="GP744" s="91"/>
      <c r="GQ744" s="91"/>
      <c r="GR744" s="91"/>
      <c r="GS744" s="91"/>
      <c r="GT744" s="91"/>
      <c r="GU744" s="91"/>
      <c r="GV744" s="91"/>
      <c r="GW744" s="91"/>
      <c r="GX744" s="91"/>
      <c r="GY744" s="91"/>
      <c r="GZ744" s="91"/>
      <c r="HA744" s="91"/>
      <c r="HB744" s="91"/>
      <c r="HC744" s="91"/>
      <c r="HD744" s="91"/>
      <c r="HE744" s="91"/>
      <c r="HF744" s="91"/>
      <c r="HG744" s="91"/>
      <c r="HH744" s="91"/>
      <c r="HI744" s="91"/>
      <c r="HJ744" s="91"/>
      <c r="HK744" s="127"/>
      <c r="HL744" s="126"/>
      <c r="HM744" s="91"/>
      <c r="HN744" s="91"/>
      <c r="HO744" s="91"/>
      <c r="HP744" s="91"/>
      <c r="HQ744" s="91"/>
      <c r="HR744" s="91"/>
      <c r="HS744" s="91"/>
      <c r="HT744" s="91"/>
      <c r="HU744" s="91"/>
      <c r="HV744" s="91"/>
      <c r="HW744" s="91"/>
      <c r="HX744" s="91"/>
      <c r="HY744" s="91"/>
      <c r="HZ744" s="91"/>
      <c r="IA744" s="91"/>
      <c r="IB744" s="91"/>
      <c r="IC744" s="91"/>
      <c r="ID744" s="91"/>
      <c r="IE744" s="91"/>
      <c r="IF744" s="91"/>
      <c r="IG744" s="91"/>
      <c r="IH744" s="91"/>
      <c r="II744" s="91"/>
      <c r="IJ744" s="91"/>
      <c r="IK744" s="127"/>
    </row>
    <row r="745" spans="2:245" x14ac:dyDescent="0.2">
      <c r="B745" s="43"/>
      <c r="C745" s="73"/>
      <c r="D745" s="64"/>
      <c r="E745" s="64"/>
      <c r="F745" s="55"/>
      <c r="G745" s="102"/>
      <c r="H745" s="55"/>
      <c r="I745" s="55"/>
      <c r="J745" s="55"/>
      <c r="K745" s="55"/>
      <c r="L745" s="55"/>
      <c r="M745" s="55"/>
      <c r="N745" s="55"/>
      <c r="O745" s="55"/>
      <c r="P745" s="55"/>
      <c r="Q745" s="55"/>
      <c r="R745" s="55"/>
      <c r="S745" s="55"/>
      <c r="T745" s="55"/>
      <c r="U745" s="55"/>
      <c r="V745" s="55"/>
      <c r="W745" s="55"/>
      <c r="X745" s="55"/>
      <c r="Y745" s="55"/>
      <c r="Z745" s="55"/>
      <c r="AA745" s="55"/>
      <c r="AB745" s="55"/>
      <c r="AC745" s="55"/>
      <c r="AD745" s="55"/>
      <c r="AE745" s="55"/>
      <c r="AF745" s="55"/>
      <c r="AG745" s="55"/>
      <c r="AY745" s="162"/>
      <c r="AZ745" s="162"/>
      <c r="BA745" s="162"/>
      <c r="BB745" s="162"/>
      <c r="BC745" s="162"/>
      <c r="BD745" s="162"/>
      <c r="BE745" s="162"/>
      <c r="BF745" s="162"/>
      <c r="BG745" s="162"/>
      <c r="BH745" s="162"/>
      <c r="BI745" s="162"/>
      <c r="BJ745" s="162"/>
      <c r="BK745" s="162"/>
      <c r="BL745" s="162"/>
      <c r="BM745" s="162"/>
      <c r="BN745" s="162"/>
      <c r="BO745" s="162"/>
      <c r="BP745" s="162"/>
      <c r="BQ745" s="162"/>
      <c r="BR745" s="162"/>
      <c r="BS745" s="162"/>
      <c r="BT745" s="162"/>
      <c r="BU745" s="162"/>
      <c r="BV745" s="162"/>
      <c r="BW745" s="162"/>
      <c r="BX745" s="162"/>
      <c r="BY745" s="162"/>
      <c r="BZ745" s="162"/>
      <c r="CA745" s="162"/>
      <c r="CB745" s="162"/>
      <c r="CC745" s="162"/>
      <c r="CD745" s="162"/>
      <c r="CE745" s="162"/>
      <c r="CF745" s="162"/>
      <c r="CG745" s="162"/>
      <c r="CH745" s="162"/>
      <c r="CI745" s="162"/>
      <c r="CJ745" s="162"/>
      <c r="CK745" s="162"/>
      <c r="CX745" s="98"/>
      <c r="DL745" s="97"/>
      <c r="DX745" s="98"/>
      <c r="EL745" s="97"/>
      <c r="EX745" s="98"/>
      <c r="EY745" s="97"/>
      <c r="FL745" s="126"/>
      <c r="FM745" s="91"/>
      <c r="FN745" s="91"/>
      <c r="FO745" s="91"/>
      <c r="FP745" s="91"/>
      <c r="FQ745" s="91"/>
      <c r="FR745" s="91"/>
      <c r="FS745" s="91"/>
      <c r="FT745" s="91"/>
      <c r="FU745" s="91"/>
      <c r="FV745" s="91"/>
      <c r="FW745" s="91"/>
      <c r="FX745" s="91"/>
      <c r="FY745" s="91"/>
      <c r="FZ745" s="91"/>
      <c r="GA745" s="91"/>
      <c r="GB745" s="91"/>
      <c r="GC745" s="91"/>
      <c r="GD745" s="91"/>
      <c r="GE745" s="91"/>
      <c r="GF745" s="91"/>
      <c r="GG745" s="91"/>
      <c r="GH745" s="91"/>
      <c r="GI745" s="91"/>
      <c r="GJ745" s="91"/>
      <c r="GK745" s="127"/>
      <c r="GL745" s="126"/>
      <c r="GM745" s="91"/>
      <c r="GN745" s="91"/>
      <c r="GO745" s="91"/>
      <c r="GP745" s="91"/>
      <c r="GQ745" s="91"/>
      <c r="GR745" s="91"/>
      <c r="GS745" s="91"/>
      <c r="GT745" s="91"/>
      <c r="GU745" s="91"/>
      <c r="GV745" s="91"/>
      <c r="GW745" s="91"/>
      <c r="GX745" s="91"/>
      <c r="GY745" s="91"/>
      <c r="GZ745" s="91"/>
      <c r="HA745" s="91"/>
      <c r="HB745" s="91"/>
      <c r="HC745" s="91"/>
      <c r="HD745" s="91"/>
      <c r="HE745" s="91"/>
      <c r="HF745" s="91"/>
      <c r="HG745" s="91"/>
      <c r="HH745" s="91"/>
      <c r="HI745" s="91"/>
      <c r="HJ745" s="91"/>
      <c r="HK745" s="127"/>
      <c r="HL745" s="126"/>
      <c r="HM745" s="91"/>
      <c r="HN745" s="91"/>
      <c r="HO745" s="91"/>
      <c r="HP745" s="91"/>
      <c r="HQ745" s="91"/>
      <c r="HR745" s="91"/>
      <c r="HS745" s="91"/>
      <c r="HT745" s="91"/>
      <c r="HU745" s="91"/>
      <c r="HV745" s="91"/>
      <c r="HW745" s="91"/>
      <c r="HX745" s="91"/>
      <c r="HY745" s="91"/>
      <c r="HZ745" s="91"/>
      <c r="IA745" s="91"/>
      <c r="IB745" s="91"/>
      <c r="IC745" s="91"/>
      <c r="ID745" s="91"/>
      <c r="IE745" s="91"/>
      <c r="IF745" s="91"/>
      <c r="IG745" s="91"/>
      <c r="IH745" s="91"/>
      <c r="II745" s="91"/>
      <c r="IJ745" s="91"/>
      <c r="IK745" s="127"/>
    </row>
    <row r="746" spans="2:245" x14ac:dyDescent="0.2">
      <c r="B746" s="43"/>
      <c r="C746" s="73"/>
      <c r="D746" s="64"/>
      <c r="E746" s="64"/>
      <c r="F746" s="55"/>
      <c r="G746" s="102"/>
      <c r="H746" s="55"/>
      <c r="I746" s="55"/>
      <c r="J746" s="55"/>
      <c r="K746" s="55"/>
      <c r="L746" s="55"/>
      <c r="M746" s="55"/>
      <c r="N746" s="55"/>
      <c r="O746" s="55"/>
      <c r="P746" s="55"/>
      <c r="Q746" s="55"/>
      <c r="R746" s="55"/>
      <c r="S746" s="55"/>
      <c r="T746" s="55"/>
      <c r="U746" s="55"/>
      <c r="V746" s="55"/>
      <c r="W746" s="55"/>
      <c r="X746" s="55"/>
      <c r="Y746" s="55"/>
      <c r="Z746" s="55"/>
      <c r="AA746" s="55"/>
      <c r="AB746" s="55"/>
      <c r="AC746" s="55"/>
      <c r="AD746" s="55"/>
      <c r="AE746" s="55"/>
      <c r="AF746" s="55"/>
      <c r="AG746" s="55"/>
      <c r="AY746" s="162"/>
      <c r="AZ746" s="162"/>
      <c r="BA746" s="162"/>
      <c r="BB746" s="162"/>
      <c r="BC746" s="162"/>
      <c r="BD746" s="162"/>
      <c r="BE746" s="162"/>
      <c r="BF746" s="162"/>
      <c r="BG746" s="162"/>
      <c r="BH746" s="162"/>
      <c r="BI746" s="162"/>
      <c r="BJ746" s="162"/>
      <c r="BK746" s="162"/>
      <c r="BL746" s="162"/>
      <c r="BM746" s="162"/>
      <c r="BN746" s="162"/>
      <c r="BO746" s="162"/>
      <c r="BP746" s="162"/>
      <c r="BQ746" s="162"/>
      <c r="BR746" s="162"/>
      <c r="BS746" s="162"/>
      <c r="BT746" s="162"/>
      <c r="BU746" s="162"/>
      <c r="BV746" s="162"/>
      <c r="BW746" s="162"/>
      <c r="BX746" s="162"/>
      <c r="BY746" s="162"/>
      <c r="BZ746" s="162"/>
      <c r="CA746" s="162"/>
      <c r="CB746" s="162"/>
      <c r="CC746" s="162"/>
      <c r="CD746" s="162"/>
      <c r="CE746" s="162"/>
      <c r="CF746" s="162"/>
      <c r="CG746" s="162"/>
      <c r="CH746" s="162"/>
      <c r="CI746" s="162"/>
      <c r="CJ746" s="162"/>
      <c r="CK746" s="162"/>
      <c r="CX746" s="98"/>
      <c r="DL746" s="97"/>
      <c r="DX746" s="98"/>
      <c r="EL746" s="97"/>
      <c r="EX746" s="98"/>
      <c r="EY746" s="97"/>
      <c r="FL746" s="126"/>
      <c r="FM746" s="91"/>
      <c r="FN746" s="91"/>
      <c r="FO746" s="91"/>
      <c r="FP746" s="91"/>
      <c r="FQ746" s="91"/>
      <c r="FR746" s="91"/>
      <c r="FS746" s="91"/>
      <c r="FT746" s="91"/>
      <c r="FU746" s="91"/>
      <c r="FV746" s="91"/>
      <c r="FW746" s="91"/>
      <c r="FX746" s="91"/>
      <c r="FY746" s="91"/>
      <c r="FZ746" s="91"/>
      <c r="GA746" s="91"/>
      <c r="GB746" s="91"/>
      <c r="GC746" s="91"/>
      <c r="GD746" s="91"/>
      <c r="GE746" s="91"/>
      <c r="GF746" s="91"/>
      <c r="GG746" s="91"/>
      <c r="GH746" s="91"/>
      <c r="GI746" s="91"/>
      <c r="GJ746" s="91"/>
      <c r="GK746" s="127"/>
      <c r="GL746" s="126"/>
      <c r="GM746" s="91"/>
      <c r="GN746" s="91"/>
      <c r="GO746" s="91"/>
      <c r="GP746" s="91"/>
      <c r="GQ746" s="91"/>
      <c r="GR746" s="91"/>
      <c r="GS746" s="91"/>
      <c r="GT746" s="91"/>
      <c r="GU746" s="91"/>
      <c r="GV746" s="91"/>
      <c r="GW746" s="91"/>
      <c r="GX746" s="91"/>
      <c r="GY746" s="91"/>
      <c r="GZ746" s="91"/>
      <c r="HA746" s="91"/>
      <c r="HB746" s="91"/>
      <c r="HC746" s="91"/>
      <c r="HD746" s="91"/>
      <c r="HE746" s="91"/>
      <c r="HF746" s="91"/>
      <c r="HG746" s="91"/>
      <c r="HH746" s="91"/>
      <c r="HI746" s="91"/>
      <c r="HJ746" s="91"/>
      <c r="HK746" s="127"/>
      <c r="HL746" s="126"/>
      <c r="HM746" s="91"/>
      <c r="HN746" s="91"/>
      <c r="HO746" s="91"/>
      <c r="HP746" s="91"/>
      <c r="HQ746" s="91"/>
      <c r="HR746" s="91"/>
      <c r="HS746" s="91"/>
      <c r="HT746" s="91"/>
      <c r="HU746" s="91"/>
      <c r="HV746" s="91"/>
      <c r="HW746" s="91"/>
      <c r="HX746" s="91"/>
      <c r="HY746" s="91"/>
      <c r="HZ746" s="91"/>
      <c r="IA746" s="91"/>
      <c r="IB746" s="91"/>
      <c r="IC746" s="91"/>
      <c r="ID746" s="91"/>
      <c r="IE746" s="91"/>
      <c r="IF746" s="91"/>
      <c r="IG746" s="91"/>
      <c r="IH746" s="91"/>
      <c r="II746" s="91"/>
      <c r="IJ746" s="91"/>
      <c r="IK746" s="127"/>
    </row>
    <row r="747" spans="2:245" x14ac:dyDescent="0.2">
      <c r="B747" s="43"/>
      <c r="C747" s="73"/>
      <c r="D747" s="64"/>
      <c r="E747" s="64"/>
      <c r="F747" s="55"/>
      <c r="G747" s="102"/>
      <c r="H747" s="55"/>
      <c r="I747" s="55"/>
      <c r="J747" s="55"/>
      <c r="K747" s="55"/>
      <c r="L747" s="55"/>
      <c r="M747" s="55"/>
      <c r="N747" s="55"/>
      <c r="O747" s="55"/>
      <c r="P747" s="55"/>
      <c r="Q747" s="55"/>
      <c r="R747" s="55"/>
      <c r="S747" s="55"/>
      <c r="T747" s="55"/>
      <c r="U747" s="55"/>
      <c r="V747" s="55"/>
      <c r="W747" s="55"/>
      <c r="X747" s="55"/>
      <c r="Y747" s="55"/>
      <c r="Z747" s="55"/>
      <c r="AA747" s="55"/>
      <c r="AB747" s="55"/>
      <c r="AC747" s="55"/>
      <c r="AD747" s="55"/>
      <c r="AE747" s="55"/>
      <c r="AF747" s="55"/>
      <c r="AG747" s="55"/>
      <c r="AY747" s="162"/>
      <c r="AZ747" s="162"/>
      <c r="BA747" s="162"/>
      <c r="BB747" s="162"/>
      <c r="BC747" s="162"/>
      <c r="BD747" s="162"/>
      <c r="BE747" s="162"/>
      <c r="BF747" s="162"/>
      <c r="BG747" s="162"/>
      <c r="BH747" s="162"/>
      <c r="BI747" s="162"/>
      <c r="BJ747" s="162"/>
      <c r="BK747" s="162"/>
      <c r="BL747" s="162"/>
      <c r="BM747" s="162"/>
      <c r="BN747" s="162"/>
      <c r="BO747" s="162"/>
      <c r="BP747" s="162"/>
      <c r="BQ747" s="162"/>
      <c r="BR747" s="162"/>
      <c r="BS747" s="162"/>
      <c r="BT747" s="162"/>
      <c r="BU747" s="162"/>
      <c r="BV747" s="162"/>
      <c r="BW747" s="162"/>
      <c r="BX747" s="162"/>
      <c r="BY747" s="162"/>
      <c r="BZ747" s="162"/>
      <c r="CA747" s="162"/>
      <c r="CB747" s="162"/>
      <c r="CC747" s="162"/>
      <c r="CD747" s="162"/>
      <c r="CE747" s="162"/>
      <c r="CF747" s="162"/>
      <c r="CG747" s="162"/>
      <c r="CH747" s="162"/>
      <c r="CI747" s="162"/>
      <c r="CJ747" s="162"/>
      <c r="CK747" s="162"/>
      <c r="CX747" s="98"/>
      <c r="DL747" s="97"/>
      <c r="DX747" s="98"/>
      <c r="EL747" s="97"/>
      <c r="EX747" s="98"/>
      <c r="EY747" s="97"/>
      <c r="FL747" s="126"/>
      <c r="FM747" s="91"/>
      <c r="FN747" s="91"/>
      <c r="FO747" s="91"/>
      <c r="FP747" s="91"/>
      <c r="FQ747" s="91"/>
      <c r="FR747" s="91"/>
      <c r="FS747" s="91"/>
      <c r="FT747" s="91"/>
      <c r="FU747" s="91"/>
      <c r="FV747" s="91"/>
      <c r="FW747" s="91"/>
      <c r="FX747" s="91"/>
      <c r="FY747" s="91"/>
      <c r="FZ747" s="91"/>
      <c r="GA747" s="91"/>
      <c r="GB747" s="91"/>
      <c r="GC747" s="91"/>
      <c r="GD747" s="91"/>
      <c r="GE747" s="91"/>
      <c r="GF747" s="91"/>
      <c r="GG747" s="91"/>
      <c r="GH747" s="91"/>
      <c r="GI747" s="91"/>
      <c r="GJ747" s="91"/>
      <c r="GK747" s="127"/>
      <c r="GL747" s="126"/>
      <c r="GM747" s="91"/>
      <c r="GN747" s="91"/>
      <c r="GO747" s="91"/>
      <c r="GP747" s="91"/>
      <c r="GQ747" s="91"/>
      <c r="GR747" s="91"/>
      <c r="GS747" s="91"/>
      <c r="GT747" s="91"/>
      <c r="GU747" s="91"/>
      <c r="GV747" s="91"/>
      <c r="GW747" s="91"/>
      <c r="GX747" s="91"/>
      <c r="GY747" s="91"/>
      <c r="GZ747" s="91"/>
      <c r="HA747" s="91"/>
      <c r="HB747" s="91"/>
      <c r="HC747" s="91"/>
      <c r="HD747" s="91"/>
      <c r="HE747" s="91"/>
      <c r="HF747" s="91"/>
      <c r="HG747" s="91"/>
      <c r="HH747" s="91"/>
      <c r="HI747" s="91"/>
      <c r="HJ747" s="91"/>
      <c r="HK747" s="127"/>
      <c r="HL747" s="126"/>
      <c r="HM747" s="91"/>
      <c r="HN747" s="91"/>
      <c r="HO747" s="91"/>
      <c r="HP747" s="91"/>
      <c r="HQ747" s="91"/>
      <c r="HR747" s="91"/>
      <c r="HS747" s="91"/>
      <c r="HT747" s="91"/>
      <c r="HU747" s="91"/>
      <c r="HV747" s="91"/>
      <c r="HW747" s="91"/>
      <c r="HX747" s="91"/>
      <c r="HY747" s="91"/>
      <c r="HZ747" s="91"/>
      <c r="IA747" s="91"/>
      <c r="IB747" s="91"/>
      <c r="IC747" s="91"/>
      <c r="ID747" s="91"/>
      <c r="IE747" s="91"/>
      <c r="IF747" s="91"/>
      <c r="IG747" s="91"/>
      <c r="IH747" s="91"/>
      <c r="II747" s="91"/>
      <c r="IJ747" s="91"/>
      <c r="IK747" s="127"/>
    </row>
    <row r="748" spans="2:245" x14ac:dyDescent="0.2">
      <c r="B748" s="43"/>
      <c r="C748" s="73"/>
      <c r="D748" s="64"/>
      <c r="E748" s="64"/>
      <c r="F748" s="55"/>
      <c r="G748" s="102"/>
      <c r="H748" s="55"/>
      <c r="I748" s="55"/>
      <c r="J748" s="55"/>
      <c r="K748" s="55"/>
      <c r="L748" s="55"/>
      <c r="M748" s="55"/>
      <c r="N748" s="55"/>
      <c r="O748" s="55"/>
      <c r="P748" s="55"/>
      <c r="Q748" s="55"/>
      <c r="R748" s="55"/>
      <c r="S748" s="55"/>
      <c r="T748" s="55"/>
      <c r="U748" s="55"/>
      <c r="V748" s="55"/>
      <c r="W748" s="55"/>
      <c r="X748" s="55"/>
      <c r="Y748" s="55"/>
      <c r="Z748" s="55"/>
      <c r="AA748" s="55"/>
      <c r="AB748" s="55"/>
      <c r="AC748" s="55"/>
      <c r="AD748" s="55"/>
      <c r="AE748" s="55"/>
      <c r="AF748" s="55"/>
      <c r="AG748" s="55"/>
      <c r="AY748" s="162"/>
      <c r="AZ748" s="162"/>
      <c r="BA748" s="162"/>
      <c r="BB748" s="162"/>
      <c r="BC748" s="162"/>
      <c r="BD748" s="162"/>
      <c r="BE748" s="162"/>
      <c r="BF748" s="162"/>
      <c r="BG748" s="162"/>
      <c r="BH748" s="162"/>
      <c r="BI748" s="162"/>
      <c r="BJ748" s="162"/>
      <c r="BK748" s="162"/>
      <c r="BL748" s="162"/>
      <c r="BM748" s="162"/>
      <c r="BN748" s="162"/>
      <c r="BO748" s="162"/>
      <c r="BP748" s="162"/>
      <c r="BQ748" s="162"/>
      <c r="BR748" s="162"/>
      <c r="BS748" s="162"/>
      <c r="BT748" s="162"/>
      <c r="BU748" s="162"/>
      <c r="BV748" s="162"/>
      <c r="BW748" s="162"/>
      <c r="BX748" s="162"/>
      <c r="BY748" s="162"/>
      <c r="BZ748" s="162"/>
      <c r="CA748" s="162"/>
      <c r="CB748" s="162"/>
      <c r="CC748" s="162"/>
      <c r="CD748" s="162"/>
      <c r="CE748" s="162"/>
      <c r="CF748" s="162"/>
      <c r="CG748" s="162"/>
      <c r="CH748" s="162"/>
      <c r="CI748" s="162"/>
      <c r="CJ748" s="162"/>
      <c r="CK748" s="162"/>
      <c r="CX748" s="98"/>
      <c r="DL748" s="97"/>
      <c r="DX748" s="98"/>
      <c r="EL748" s="97"/>
      <c r="EX748" s="98"/>
      <c r="EY748" s="97"/>
      <c r="FL748" s="126"/>
      <c r="FM748" s="91"/>
      <c r="FN748" s="91"/>
      <c r="FO748" s="91"/>
      <c r="FP748" s="91"/>
      <c r="FQ748" s="91"/>
      <c r="FR748" s="91"/>
      <c r="FS748" s="91"/>
      <c r="FT748" s="91"/>
      <c r="FU748" s="91"/>
      <c r="FV748" s="91"/>
      <c r="FW748" s="91"/>
      <c r="FX748" s="91"/>
      <c r="FY748" s="91"/>
      <c r="FZ748" s="91"/>
      <c r="GA748" s="91"/>
      <c r="GB748" s="91"/>
      <c r="GC748" s="91"/>
      <c r="GD748" s="91"/>
      <c r="GE748" s="91"/>
      <c r="GF748" s="91"/>
      <c r="GG748" s="91"/>
      <c r="GH748" s="91"/>
      <c r="GI748" s="91"/>
      <c r="GJ748" s="91"/>
      <c r="GK748" s="127"/>
      <c r="GL748" s="126"/>
      <c r="GM748" s="91"/>
      <c r="GN748" s="91"/>
      <c r="GO748" s="91"/>
      <c r="GP748" s="91"/>
      <c r="GQ748" s="91"/>
      <c r="GR748" s="91"/>
      <c r="GS748" s="91"/>
      <c r="GT748" s="91"/>
      <c r="GU748" s="91"/>
      <c r="GV748" s="91"/>
      <c r="GW748" s="91"/>
      <c r="GX748" s="91"/>
      <c r="GY748" s="91"/>
      <c r="GZ748" s="91"/>
      <c r="HA748" s="91"/>
      <c r="HB748" s="91"/>
      <c r="HC748" s="91"/>
      <c r="HD748" s="91"/>
      <c r="HE748" s="91"/>
      <c r="HF748" s="91"/>
      <c r="HG748" s="91"/>
      <c r="HH748" s="91"/>
      <c r="HI748" s="91"/>
      <c r="HJ748" s="91"/>
      <c r="HK748" s="127"/>
      <c r="HL748" s="126"/>
      <c r="HM748" s="91"/>
      <c r="HN748" s="91"/>
      <c r="HO748" s="91"/>
      <c r="HP748" s="91"/>
      <c r="HQ748" s="91"/>
      <c r="HR748" s="91"/>
      <c r="HS748" s="91"/>
      <c r="HT748" s="91"/>
      <c r="HU748" s="91"/>
      <c r="HV748" s="91"/>
      <c r="HW748" s="91"/>
      <c r="HX748" s="91"/>
      <c r="HY748" s="91"/>
      <c r="HZ748" s="91"/>
      <c r="IA748" s="91"/>
      <c r="IB748" s="91"/>
      <c r="IC748" s="91"/>
      <c r="ID748" s="91"/>
      <c r="IE748" s="91"/>
      <c r="IF748" s="91"/>
      <c r="IG748" s="91"/>
      <c r="IH748" s="91"/>
      <c r="II748" s="91"/>
      <c r="IJ748" s="91"/>
      <c r="IK748" s="127"/>
    </row>
    <row r="749" spans="2:245" x14ac:dyDescent="0.2">
      <c r="B749" s="43"/>
      <c r="C749" s="73"/>
      <c r="D749" s="64"/>
      <c r="E749" s="64"/>
      <c r="F749" s="55"/>
      <c r="G749" s="102"/>
      <c r="H749" s="55"/>
      <c r="I749" s="55"/>
      <c r="J749" s="55"/>
      <c r="K749" s="55"/>
      <c r="L749" s="55"/>
      <c r="M749" s="55"/>
      <c r="N749" s="55"/>
      <c r="O749" s="55"/>
      <c r="P749" s="55"/>
      <c r="Q749" s="55"/>
      <c r="R749" s="55"/>
      <c r="S749" s="55"/>
      <c r="T749" s="55"/>
      <c r="U749" s="55"/>
      <c r="V749" s="55"/>
      <c r="W749" s="55"/>
      <c r="X749" s="55"/>
      <c r="Y749" s="55"/>
      <c r="Z749" s="55"/>
      <c r="AA749" s="55"/>
      <c r="AB749" s="55"/>
      <c r="AC749" s="55"/>
      <c r="AD749" s="55"/>
      <c r="AE749" s="55"/>
      <c r="AF749" s="55"/>
      <c r="AG749" s="55"/>
      <c r="AY749" s="162"/>
      <c r="AZ749" s="162"/>
      <c r="BA749" s="162"/>
      <c r="BB749" s="162"/>
      <c r="BC749" s="162"/>
      <c r="BD749" s="162"/>
      <c r="BE749" s="162"/>
      <c r="BF749" s="162"/>
      <c r="BG749" s="162"/>
      <c r="BH749" s="162"/>
      <c r="BI749" s="162"/>
      <c r="BJ749" s="162"/>
      <c r="BK749" s="162"/>
      <c r="BL749" s="162"/>
      <c r="BM749" s="162"/>
      <c r="BN749" s="162"/>
      <c r="BO749" s="162"/>
      <c r="BP749" s="162"/>
      <c r="BQ749" s="162"/>
      <c r="BR749" s="162"/>
      <c r="BS749" s="162"/>
      <c r="BT749" s="162"/>
      <c r="BU749" s="162"/>
      <c r="BV749" s="162"/>
      <c r="BW749" s="162"/>
      <c r="BX749" s="162"/>
      <c r="BY749" s="162"/>
      <c r="BZ749" s="162"/>
      <c r="CA749" s="162"/>
      <c r="CB749" s="162"/>
      <c r="CC749" s="162"/>
      <c r="CD749" s="162"/>
      <c r="CE749" s="162"/>
      <c r="CF749" s="162"/>
      <c r="CG749" s="162"/>
      <c r="CH749" s="162"/>
      <c r="CI749" s="162"/>
      <c r="CJ749" s="162"/>
      <c r="CK749" s="162"/>
      <c r="CX749" s="98"/>
      <c r="DL749" s="97"/>
      <c r="DX749" s="98"/>
      <c r="EL749" s="97"/>
      <c r="EX749" s="98"/>
      <c r="EY749" s="97"/>
      <c r="FL749" s="126"/>
      <c r="FM749" s="91"/>
      <c r="FN749" s="91"/>
      <c r="FO749" s="91"/>
      <c r="FP749" s="91"/>
      <c r="FQ749" s="91"/>
      <c r="FR749" s="91"/>
      <c r="FS749" s="91"/>
      <c r="FT749" s="91"/>
      <c r="FU749" s="91"/>
      <c r="FV749" s="91"/>
      <c r="FW749" s="91"/>
      <c r="FX749" s="91"/>
      <c r="FY749" s="91"/>
      <c r="FZ749" s="91"/>
      <c r="GA749" s="91"/>
      <c r="GB749" s="91"/>
      <c r="GC749" s="91"/>
      <c r="GD749" s="91"/>
      <c r="GE749" s="91"/>
      <c r="GF749" s="91"/>
      <c r="GG749" s="91"/>
      <c r="GH749" s="91"/>
      <c r="GI749" s="91"/>
      <c r="GJ749" s="91"/>
      <c r="GK749" s="127"/>
      <c r="GL749" s="126"/>
      <c r="GM749" s="91"/>
      <c r="GN749" s="91"/>
      <c r="GO749" s="91"/>
      <c r="GP749" s="91"/>
      <c r="GQ749" s="91"/>
      <c r="GR749" s="91"/>
      <c r="GS749" s="91"/>
      <c r="GT749" s="91"/>
      <c r="GU749" s="91"/>
      <c r="GV749" s="91"/>
      <c r="GW749" s="91"/>
      <c r="GX749" s="91"/>
      <c r="GY749" s="91"/>
      <c r="GZ749" s="91"/>
      <c r="HA749" s="91"/>
      <c r="HB749" s="91"/>
      <c r="HC749" s="91"/>
      <c r="HD749" s="91"/>
      <c r="HE749" s="91"/>
      <c r="HF749" s="91"/>
      <c r="HG749" s="91"/>
      <c r="HH749" s="91"/>
      <c r="HI749" s="91"/>
      <c r="HJ749" s="91"/>
      <c r="HK749" s="127"/>
      <c r="HL749" s="126"/>
      <c r="HM749" s="91"/>
      <c r="HN749" s="91"/>
      <c r="HO749" s="91"/>
      <c r="HP749" s="91"/>
      <c r="HQ749" s="91"/>
      <c r="HR749" s="91"/>
      <c r="HS749" s="91"/>
      <c r="HT749" s="91"/>
      <c r="HU749" s="91"/>
      <c r="HV749" s="91"/>
      <c r="HW749" s="91"/>
      <c r="HX749" s="91"/>
      <c r="HY749" s="91"/>
      <c r="HZ749" s="91"/>
      <c r="IA749" s="91"/>
      <c r="IB749" s="91"/>
      <c r="IC749" s="91"/>
      <c r="ID749" s="91"/>
      <c r="IE749" s="91"/>
      <c r="IF749" s="91"/>
      <c r="IG749" s="91"/>
      <c r="IH749" s="91"/>
      <c r="II749" s="91"/>
      <c r="IJ749" s="91"/>
      <c r="IK749" s="127"/>
    </row>
    <row r="750" spans="2:245" x14ac:dyDescent="0.2">
      <c r="B750" s="43"/>
      <c r="C750" s="73"/>
      <c r="D750" s="64"/>
      <c r="E750" s="64"/>
      <c r="F750" s="55"/>
      <c r="G750" s="102"/>
      <c r="H750" s="55"/>
      <c r="I750" s="55"/>
      <c r="J750" s="55"/>
      <c r="K750" s="55"/>
      <c r="L750" s="55"/>
      <c r="M750" s="55"/>
      <c r="N750" s="55"/>
      <c r="O750" s="55"/>
      <c r="P750" s="55"/>
      <c r="Q750" s="55"/>
      <c r="R750" s="55"/>
      <c r="S750" s="55"/>
      <c r="T750" s="55"/>
      <c r="U750" s="55"/>
      <c r="V750" s="55"/>
      <c r="W750" s="55"/>
      <c r="X750" s="55"/>
      <c r="Y750" s="55"/>
      <c r="Z750" s="55"/>
      <c r="AA750" s="55"/>
      <c r="AB750" s="55"/>
      <c r="AC750" s="55"/>
      <c r="AD750" s="55"/>
      <c r="AE750" s="55"/>
      <c r="AF750" s="55"/>
      <c r="AG750" s="55"/>
      <c r="AY750" s="162"/>
      <c r="AZ750" s="162"/>
      <c r="BA750" s="162"/>
      <c r="BB750" s="162"/>
      <c r="BC750" s="162"/>
      <c r="BD750" s="162"/>
      <c r="BE750" s="162"/>
      <c r="BF750" s="162"/>
      <c r="BG750" s="162"/>
      <c r="BH750" s="162"/>
      <c r="BI750" s="162"/>
      <c r="BJ750" s="162"/>
      <c r="BK750" s="162"/>
      <c r="BL750" s="162"/>
      <c r="BM750" s="162"/>
      <c r="BN750" s="162"/>
      <c r="BO750" s="162"/>
      <c r="BP750" s="162"/>
      <c r="BQ750" s="162"/>
      <c r="BR750" s="162"/>
      <c r="BS750" s="162"/>
      <c r="BT750" s="162"/>
      <c r="BU750" s="162"/>
      <c r="BV750" s="162"/>
      <c r="BW750" s="162"/>
      <c r="BX750" s="162"/>
      <c r="BY750" s="162"/>
      <c r="BZ750" s="162"/>
      <c r="CA750" s="162"/>
      <c r="CB750" s="162"/>
      <c r="CC750" s="162"/>
      <c r="CD750" s="162"/>
      <c r="CE750" s="162"/>
      <c r="CF750" s="162"/>
      <c r="CG750" s="162"/>
      <c r="CH750" s="162"/>
      <c r="CI750" s="162"/>
      <c r="CJ750" s="162"/>
      <c r="CK750" s="162"/>
      <c r="CX750" s="98"/>
      <c r="DL750" s="97"/>
      <c r="DX750" s="98"/>
      <c r="EL750" s="97"/>
      <c r="EX750" s="98"/>
      <c r="EY750" s="97"/>
      <c r="FL750" s="126"/>
      <c r="FM750" s="91"/>
      <c r="FN750" s="91"/>
      <c r="FO750" s="91"/>
      <c r="FP750" s="91"/>
      <c r="FQ750" s="91"/>
      <c r="FR750" s="91"/>
      <c r="FS750" s="91"/>
      <c r="FT750" s="91"/>
      <c r="FU750" s="91"/>
      <c r="FV750" s="91"/>
      <c r="FW750" s="91"/>
      <c r="FX750" s="91"/>
      <c r="FY750" s="91"/>
      <c r="FZ750" s="91"/>
      <c r="GA750" s="91"/>
      <c r="GB750" s="91"/>
      <c r="GC750" s="91"/>
      <c r="GD750" s="91"/>
      <c r="GE750" s="91"/>
      <c r="GF750" s="91"/>
      <c r="GG750" s="91"/>
      <c r="GH750" s="91"/>
      <c r="GI750" s="91"/>
      <c r="GJ750" s="91"/>
      <c r="GK750" s="127"/>
      <c r="GL750" s="126"/>
      <c r="GM750" s="91"/>
      <c r="GN750" s="91"/>
      <c r="GO750" s="91"/>
      <c r="GP750" s="91"/>
      <c r="GQ750" s="91"/>
      <c r="GR750" s="91"/>
      <c r="GS750" s="91"/>
      <c r="GT750" s="91"/>
      <c r="GU750" s="91"/>
      <c r="GV750" s="91"/>
      <c r="GW750" s="91"/>
      <c r="GX750" s="91"/>
      <c r="GY750" s="91"/>
      <c r="GZ750" s="91"/>
      <c r="HA750" s="91"/>
      <c r="HB750" s="91"/>
      <c r="HC750" s="91"/>
      <c r="HD750" s="91"/>
      <c r="HE750" s="91"/>
      <c r="HF750" s="91"/>
      <c r="HG750" s="91"/>
      <c r="HH750" s="91"/>
      <c r="HI750" s="91"/>
      <c r="HJ750" s="91"/>
      <c r="HK750" s="127"/>
      <c r="HL750" s="126"/>
      <c r="HM750" s="91"/>
      <c r="HN750" s="91"/>
      <c r="HO750" s="91"/>
      <c r="HP750" s="91"/>
      <c r="HQ750" s="91"/>
      <c r="HR750" s="91"/>
      <c r="HS750" s="91"/>
      <c r="HT750" s="91"/>
      <c r="HU750" s="91"/>
      <c r="HV750" s="91"/>
      <c r="HW750" s="91"/>
      <c r="HX750" s="91"/>
      <c r="HY750" s="91"/>
      <c r="HZ750" s="91"/>
      <c r="IA750" s="91"/>
      <c r="IB750" s="91"/>
      <c r="IC750" s="91"/>
      <c r="ID750" s="91"/>
      <c r="IE750" s="91"/>
      <c r="IF750" s="91"/>
      <c r="IG750" s="91"/>
      <c r="IH750" s="91"/>
      <c r="II750" s="91"/>
      <c r="IJ750" s="91"/>
      <c r="IK750" s="127"/>
    </row>
    <row r="751" spans="2:245" x14ac:dyDescent="0.2">
      <c r="B751" s="43"/>
      <c r="C751" s="73"/>
      <c r="D751" s="64"/>
      <c r="E751" s="64"/>
      <c r="F751" s="55"/>
      <c r="G751" s="102"/>
      <c r="H751" s="55"/>
      <c r="I751" s="55"/>
      <c r="J751" s="55"/>
      <c r="K751" s="55"/>
      <c r="L751" s="55"/>
      <c r="M751" s="55"/>
      <c r="N751" s="55"/>
      <c r="O751" s="55"/>
      <c r="P751" s="55"/>
      <c r="Q751" s="55"/>
      <c r="R751" s="55"/>
      <c r="S751" s="55"/>
      <c r="T751" s="55"/>
      <c r="U751" s="55"/>
      <c r="V751" s="55"/>
      <c r="W751" s="55"/>
      <c r="X751" s="55"/>
      <c r="Y751" s="55"/>
      <c r="Z751" s="55"/>
      <c r="AA751" s="55"/>
      <c r="AB751" s="55"/>
      <c r="AC751" s="55"/>
      <c r="AD751" s="55"/>
      <c r="AE751" s="55"/>
      <c r="AF751" s="55"/>
      <c r="AG751" s="55"/>
      <c r="AY751" s="162"/>
      <c r="AZ751" s="162"/>
      <c r="BA751" s="162"/>
      <c r="BB751" s="162"/>
      <c r="BC751" s="162"/>
      <c r="BD751" s="162"/>
      <c r="BE751" s="162"/>
      <c r="BF751" s="162"/>
      <c r="BG751" s="162"/>
      <c r="BH751" s="162"/>
      <c r="BI751" s="162"/>
      <c r="BJ751" s="162"/>
      <c r="BK751" s="162"/>
      <c r="BL751" s="162"/>
      <c r="BM751" s="162"/>
      <c r="BN751" s="162"/>
      <c r="BO751" s="162"/>
      <c r="BP751" s="162"/>
      <c r="BQ751" s="162"/>
      <c r="BR751" s="162"/>
      <c r="BS751" s="162"/>
      <c r="BT751" s="162"/>
      <c r="BU751" s="162"/>
      <c r="BV751" s="162"/>
      <c r="BW751" s="162"/>
      <c r="BX751" s="162"/>
      <c r="BY751" s="162"/>
      <c r="BZ751" s="162"/>
      <c r="CA751" s="162"/>
      <c r="CB751" s="162"/>
      <c r="CC751" s="162"/>
      <c r="CD751" s="162"/>
      <c r="CE751" s="162"/>
      <c r="CF751" s="162"/>
      <c r="CG751" s="162"/>
      <c r="CH751" s="162"/>
      <c r="CI751" s="162"/>
      <c r="CJ751" s="162"/>
      <c r="CK751" s="162"/>
      <c r="CX751" s="98"/>
      <c r="DL751" s="97"/>
      <c r="DX751" s="98"/>
      <c r="EL751" s="97"/>
      <c r="EX751" s="98"/>
      <c r="EY751" s="97"/>
      <c r="FL751" s="126"/>
      <c r="FM751" s="91"/>
      <c r="FN751" s="91"/>
      <c r="FO751" s="91"/>
      <c r="FP751" s="91"/>
      <c r="FQ751" s="91"/>
      <c r="FR751" s="91"/>
      <c r="FS751" s="91"/>
      <c r="FT751" s="91"/>
      <c r="FU751" s="91"/>
      <c r="FV751" s="91"/>
      <c r="FW751" s="91"/>
      <c r="FX751" s="91"/>
      <c r="FY751" s="91"/>
      <c r="FZ751" s="91"/>
      <c r="GA751" s="91"/>
      <c r="GB751" s="91"/>
      <c r="GC751" s="91"/>
      <c r="GD751" s="91"/>
      <c r="GE751" s="91"/>
      <c r="GF751" s="91"/>
      <c r="GG751" s="91"/>
      <c r="GH751" s="91"/>
      <c r="GI751" s="91"/>
      <c r="GJ751" s="91"/>
      <c r="GK751" s="127"/>
      <c r="GL751" s="126"/>
      <c r="GM751" s="91"/>
      <c r="GN751" s="91"/>
      <c r="GO751" s="91"/>
      <c r="GP751" s="91"/>
      <c r="GQ751" s="91"/>
      <c r="GR751" s="91"/>
      <c r="GS751" s="91"/>
      <c r="GT751" s="91"/>
      <c r="GU751" s="91"/>
      <c r="GV751" s="91"/>
      <c r="GW751" s="91"/>
      <c r="GX751" s="91"/>
      <c r="GY751" s="91"/>
      <c r="GZ751" s="91"/>
      <c r="HA751" s="91"/>
      <c r="HB751" s="91"/>
      <c r="HC751" s="91"/>
      <c r="HD751" s="91"/>
      <c r="HE751" s="91"/>
      <c r="HF751" s="91"/>
      <c r="HG751" s="91"/>
      <c r="HH751" s="91"/>
      <c r="HI751" s="91"/>
      <c r="HJ751" s="91"/>
      <c r="HK751" s="127"/>
      <c r="HL751" s="126"/>
      <c r="HM751" s="91"/>
      <c r="HN751" s="91"/>
      <c r="HO751" s="91"/>
      <c r="HP751" s="91"/>
      <c r="HQ751" s="91"/>
      <c r="HR751" s="91"/>
      <c r="HS751" s="91"/>
      <c r="HT751" s="91"/>
      <c r="HU751" s="91"/>
      <c r="HV751" s="91"/>
      <c r="HW751" s="91"/>
      <c r="HX751" s="91"/>
      <c r="HY751" s="91"/>
      <c r="HZ751" s="91"/>
      <c r="IA751" s="91"/>
      <c r="IB751" s="91"/>
      <c r="IC751" s="91"/>
      <c r="ID751" s="91"/>
      <c r="IE751" s="91"/>
      <c r="IF751" s="91"/>
      <c r="IG751" s="91"/>
      <c r="IH751" s="91"/>
      <c r="II751" s="91"/>
      <c r="IJ751" s="91"/>
      <c r="IK751" s="127"/>
    </row>
    <row r="752" spans="2:245" x14ac:dyDescent="0.2">
      <c r="B752" s="43"/>
      <c r="C752" s="73"/>
      <c r="D752" s="64"/>
      <c r="E752" s="64"/>
      <c r="F752" s="55"/>
      <c r="G752" s="102"/>
      <c r="H752" s="55"/>
      <c r="I752" s="55"/>
      <c r="J752" s="55"/>
      <c r="K752" s="55"/>
      <c r="L752" s="55"/>
      <c r="M752" s="55"/>
      <c r="N752" s="55"/>
      <c r="O752" s="55"/>
      <c r="P752" s="55"/>
      <c r="Q752" s="55"/>
      <c r="R752" s="55"/>
      <c r="S752" s="55"/>
      <c r="T752" s="55"/>
      <c r="U752" s="55"/>
      <c r="V752" s="55"/>
      <c r="W752" s="55"/>
      <c r="X752" s="55"/>
      <c r="Y752" s="55"/>
      <c r="Z752" s="55"/>
      <c r="AA752" s="55"/>
      <c r="AB752" s="55"/>
      <c r="AC752" s="55"/>
      <c r="AD752" s="55"/>
      <c r="AE752" s="55"/>
      <c r="AF752" s="55"/>
      <c r="AG752" s="55"/>
      <c r="AY752" s="162"/>
      <c r="AZ752" s="162"/>
      <c r="BA752" s="162"/>
      <c r="BB752" s="162"/>
      <c r="BC752" s="162"/>
      <c r="BD752" s="162"/>
      <c r="BE752" s="162"/>
      <c r="BF752" s="162"/>
      <c r="BG752" s="162"/>
      <c r="BH752" s="162"/>
      <c r="BI752" s="162"/>
      <c r="BJ752" s="162"/>
      <c r="BK752" s="162"/>
      <c r="BL752" s="162"/>
      <c r="BM752" s="162"/>
      <c r="BN752" s="162"/>
      <c r="BO752" s="162"/>
      <c r="BP752" s="162"/>
      <c r="BQ752" s="162"/>
      <c r="BR752" s="162"/>
      <c r="BS752" s="162"/>
      <c r="BT752" s="162"/>
      <c r="BU752" s="162"/>
      <c r="BV752" s="162"/>
      <c r="BW752" s="162"/>
      <c r="BX752" s="162"/>
      <c r="BY752" s="162"/>
      <c r="BZ752" s="162"/>
      <c r="CA752" s="162"/>
      <c r="CB752" s="162"/>
      <c r="CC752" s="162"/>
      <c r="CD752" s="162"/>
      <c r="CE752" s="162"/>
      <c r="CF752" s="162"/>
      <c r="CG752" s="162"/>
      <c r="CH752" s="162"/>
      <c r="CI752" s="162"/>
      <c r="CJ752" s="162"/>
      <c r="CK752" s="162"/>
      <c r="CX752" s="98"/>
      <c r="DL752" s="97"/>
      <c r="DX752" s="98"/>
      <c r="EL752" s="97"/>
      <c r="EX752" s="98"/>
      <c r="EY752" s="97"/>
      <c r="FL752" s="126"/>
      <c r="FM752" s="91"/>
      <c r="FN752" s="91"/>
      <c r="FO752" s="91"/>
      <c r="FP752" s="91"/>
      <c r="FQ752" s="91"/>
      <c r="FR752" s="91"/>
      <c r="FS752" s="91"/>
      <c r="FT752" s="91"/>
      <c r="FU752" s="91"/>
      <c r="FV752" s="91"/>
      <c r="FW752" s="91"/>
      <c r="FX752" s="91"/>
      <c r="FY752" s="91"/>
      <c r="FZ752" s="91"/>
      <c r="GA752" s="91"/>
      <c r="GB752" s="91"/>
      <c r="GC752" s="91"/>
      <c r="GD752" s="91"/>
      <c r="GE752" s="91"/>
      <c r="GF752" s="91"/>
      <c r="GG752" s="91"/>
      <c r="GH752" s="91"/>
      <c r="GI752" s="91"/>
      <c r="GJ752" s="91"/>
      <c r="GK752" s="127"/>
      <c r="GL752" s="126"/>
      <c r="GM752" s="91"/>
      <c r="GN752" s="91"/>
      <c r="GO752" s="91"/>
      <c r="GP752" s="91"/>
      <c r="GQ752" s="91"/>
      <c r="GR752" s="91"/>
      <c r="GS752" s="91"/>
      <c r="GT752" s="91"/>
      <c r="GU752" s="91"/>
      <c r="GV752" s="91"/>
      <c r="GW752" s="91"/>
      <c r="GX752" s="91"/>
      <c r="GY752" s="91"/>
      <c r="GZ752" s="91"/>
      <c r="HA752" s="91"/>
      <c r="HB752" s="91"/>
      <c r="HC752" s="91"/>
      <c r="HD752" s="91"/>
      <c r="HE752" s="91"/>
      <c r="HF752" s="91"/>
      <c r="HG752" s="91"/>
      <c r="HH752" s="91"/>
      <c r="HI752" s="91"/>
      <c r="HJ752" s="91"/>
      <c r="HK752" s="127"/>
      <c r="HL752" s="126"/>
      <c r="HM752" s="91"/>
      <c r="HN752" s="91"/>
      <c r="HO752" s="91"/>
      <c r="HP752" s="91"/>
      <c r="HQ752" s="91"/>
      <c r="HR752" s="91"/>
      <c r="HS752" s="91"/>
      <c r="HT752" s="91"/>
      <c r="HU752" s="91"/>
      <c r="HV752" s="91"/>
      <c r="HW752" s="91"/>
      <c r="HX752" s="91"/>
      <c r="HY752" s="91"/>
      <c r="HZ752" s="91"/>
      <c r="IA752" s="91"/>
      <c r="IB752" s="91"/>
      <c r="IC752" s="91"/>
      <c r="ID752" s="91"/>
      <c r="IE752" s="91"/>
      <c r="IF752" s="91"/>
      <c r="IG752" s="91"/>
      <c r="IH752" s="91"/>
      <c r="II752" s="91"/>
      <c r="IJ752" s="91"/>
      <c r="IK752" s="127"/>
    </row>
    <row r="753" spans="2:245" x14ac:dyDescent="0.2">
      <c r="B753" s="43"/>
      <c r="C753" s="73"/>
      <c r="D753" s="64"/>
      <c r="E753" s="64"/>
      <c r="F753" s="55"/>
      <c r="G753" s="102"/>
      <c r="H753" s="55"/>
      <c r="I753" s="55"/>
      <c r="J753" s="55"/>
      <c r="K753" s="55"/>
      <c r="L753" s="55"/>
      <c r="M753" s="55"/>
      <c r="N753" s="55"/>
      <c r="O753" s="55"/>
      <c r="P753" s="55"/>
      <c r="Q753" s="55"/>
      <c r="R753" s="55"/>
      <c r="S753" s="55"/>
      <c r="T753" s="55"/>
      <c r="U753" s="55"/>
      <c r="V753" s="55"/>
      <c r="W753" s="55"/>
      <c r="X753" s="55"/>
      <c r="Y753" s="55"/>
      <c r="Z753" s="55"/>
      <c r="AA753" s="55"/>
      <c r="AB753" s="55"/>
      <c r="AC753" s="55"/>
      <c r="AD753" s="55"/>
      <c r="AE753" s="55"/>
      <c r="AF753" s="55"/>
      <c r="AG753" s="55"/>
      <c r="AY753" s="162"/>
      <c r="AZ753" s="162"/>
      <c r="BA753" s="162"/>
      <c r="BB753" s="162"/>
      <c r="BC753" s="162"/>
      <c r="BD753" s="162"/>
      <c r="BE753" s="162"/>
      <c r="BF753" s="162"/>
      <c r="BG753" s="162"/>
      <c r="BH753" s="162"/>
      <c r="BI753" s="162"/>
      <c r="BJ753" s="162"/>
      <c r="BK753" s="162"/>
      <c r="BL753" s="162"/>
      <c r="BM753" s="162"/>
      <c r="BN753" s="162"/>
      <c r="BO753" s="162"/>
      <c r="BP753" s="162"/>
      <c r="BQ753" s="162"/>
      <c r="BR753" s="162"/>
      <c r="BS753" s="162"/>
      <c r="BT753" s="162"/>
      <c r="BU753" s="162"/>
      <c r="BV753" s="162"/>
      <c r="BW753" s="162"/>
      <c r="BX753" s="162"/>
      <c r="BY753" s="162"/>
      <c r="BZ753" s="162"/>
      <c r="CA753" s="162"/>
      <c r="CB753" s="162"/>
      <c r="CC753" s="162"/>
      <c r="CD753" s="162"/>
      <c r="CE753" s="162"/>
      <c r="CF753" s="162"/>
      <c r="CG753" s="162"/>
      <c r="CH753" s="162"/>
      <c r="CI753" s="162"/>
      <c r="CJ753" s="162"/>
      <c r="CK753" s="162"/>
      <c r="CX753" s="98"/>
      <c r="DL753" s="97"/>
      <c r="DX753" s="98"/>
      <c r="EL753" s="97"/>
      <c r="EX753" s="98"/>
      <c r="EY753" s="97"/>
      <c r="FL753" s="126"/>
      <c r="FM753" s="91"/>
      <c r="FN753" s="91"/>
      <c r="FO753" s="91"/>
      <c r="FP753" s="91"/>
      <c r="FQ753" s="91"/>
      <c r="FR753" s="91"/>
      <c r="FS753" s="91"/>
      <c r="FT753" s="91"/>
      <c r="FU753" s="91"/>
      <c r="FV753" s="91"/>
      <c r="FW753" s="91"/>
      <c r="FX753" s="91"/>
      <c r="FY753" s="91"/>
      <c r="FZ753" s="91"/>
      <c r="GA753" s="91"/>
      <c r="GB753" s="91"/>
      <c r="GC753" s="91"/>
      <c r="GD753" s="91"/>
      <c r="GE753" s="91"/>
      <c r="GF753" s="91"/>
      <c r="GG753" s="91"/>
      <c r="GH753" s="91"/>
      <c r="GI753" s="91"/>
      <c r="GJ753" s="91"/>
      <c r="GK753" s="127"/>
      <c r="GL753" s="126"/>
      <c r="GM753" s="91"/>
      <c r="GN753" s="91"/>
      <c r="GO753" s="91"/>
      <c r="GP753" s="91"/>
      <c r="GQ753" s="91"/>
      <c r="GR753" s="91"/>
      <c r="GS753" s="91"/>
      <c r="GT753" s="91"/>
      <c r="GU753" s="91"/>
      <c r="GV753" s="91"/>
      <c r="GW753" s="91"/>
      <c r="GX753" s="91"/>
      <c r="GY753" s="91"/>
      <c r="GZ753" s="91"/>
      <c r="HA753" s="91"/>
      <c r="HB753" s="91"/>
      <c r="HC753" s="91"/>
      <c r="HD753" s="91"/>
      <c r="HE753" s="91"/>
      <c r="HF753" s="91"/>
      <c r="HG753" s="91"/>
      <c r="HH753" s="91"/>
      <c r="HI753" s="91"/>
      <c r="HJ753" s="91"/>
      <c r="HK753" s="127"/>
      <c r="HL753" s="126"/>
      <c r="HM753" s="91"/>
      <c r="HN753" s="91"/>
      <c r="HO753" s="91"/>
      <c r="HP753" s="91"/>
      <c r="HQ753" s="91"/>
      <c r="HR753" s="91"/>
      <c r="HS753" s="91"/>
      <c r="HT753" s="91"/>
      <c r="HU753" s="91"/>
      <c r="HV753" s="91"/>
      <c r="HW753" s="91"/>
      <c r="HX753" s="91"/>
      <c r="HY753" s="91"/>
      <c r="HZ753" s="91"/>
      <c r="IA753" s="91"/>
      <c r="IB753" s="91"/>
      <c r="IC753" s="91"/>
      <c r="ID753" s="91"/>
      <c r="IE753" s="91"/>
      <c r="IF753" s="91"/>
      <c r="IG753" s="91"/>
      <c r="IH753" s="91"/>
      <c r="II753" s="91"/>
      <c r="IJ753" s="91"/>
      <c r="IK753" s="127"/>
    </row>
    <row r="754" spans="2:245" x14ac:dyDescent="0.2">
      <c r="B754" s="43"/>
      <c r="C754" s="73"/>
      <c r="D754" s="64"/>
      <c r="E754" s="64"/>
      <c r="F754" s="55"/>
      <c r="G754" s="102"/>
      <c r="H754" s="55"/>
      <c r="I754" s="55"/>
      <c r="J754" s="55"/>
      <c r="K754" s="55"/>
      <c r="L754" s="55"/>
      <c r="M754" s="55"/>
      <c r="N754" s="55"/>
      <c r="O754" s="55"/>
      <c r="P754" s="55"/>
      <c r="Q754" s="55"/>
      <c r="R754" s="55"/>
      <c r="S754" s="55"/>
      <c r="T754" s="55"/>
      <c r="U754" s="55"/>
      <c r="V754" s="55"/>
      <c r="W754" s="55"/>
      <c r="X754" s="55"/>
      <c r="Y754" s="55"/>
      <c r="Z754" s="55"/>
      <c r="AA754" s="55"/>
      <c r="AB754" s="55"/>
      <c r="AC754" s="55"/>
      <c r="AD754" s="55"/>
      <c r="AE754" s="55"/>
      <c r="AF754" s="55"/>
      <c r="AG754" s="55"/>
      <c r="AY754" s="162"/>
      <c r="AZ754" s="162"/>
      <c r="BA754" s="162"/>
      <c r="BB754" s="162"/>
      <c r="BC754" s="162"/>
      <c r="BD754" s="162"/>
      <c r="BE754" s="162"/>
      <c r="BF754" s="162"/>
      <c r="BG754" s="162"/>
      <c r="BH754" s="162"/>
      <c r="BI754" s="162"/>
      <c r="BJ754" s="162"/>
      <c r="BK754" s="162"/>
      <c r="BL754" s="162"/>
      <c r="BM754" s="162"/>
      <c r="BN754" s="162"/>
      <c r="BO754" s="162"/>
      <c r="BP754" s="162"/>
      <c r="BQ754" s="162"/>
      <c r="BR754" s="162"/>
      <c r="BS754" s="162"/>
      <c r="BT754" s="162"/>
      <c r="BU754" s="162"/>
      <c r="BV754" s="162"/>
      <c r="BW754" s="162"/>
      <c r="BX754" s="162"/>
      <c r="BY754" s="162"/>
      <c r="BZ754" s="162"/>
      <c r="CA754" s="162"/>
      <c r="CB754" s="162"/>
      <c r="CC754" s="162"/>
      <c r="CD754" s="162"/>
      <c r="CE754" s="162"/>
      <c r="CF754" s="162"/>
      <c r="CG754" s="162"/>
      <c r="CH754" s="162"/>
      <c r="CI754" s="162"/>
      <c r="CJ754" s="162"/>
      <c r="CK754" s="162"/>
      <c r="CX754" s="98"/>
      <c r="DL754" s="97"/>
      <c r="DX754" s="98"/>
      <c r="EL754" s="97"/>
      <c r="EX754" s="98"/>
      <c r="EY754" s="97"/>
      <c r="FL754" s="126"/>
      <c r="FM754" s="91"/>
      <c r="FN754" s="91"/>
      <c r="FO754" s="91"/>
      <c r="FP754" s="91"/>
      <c r="FQ754" s="91"/>
      <c r="FR754" s="91"/>
      <c r="FS754" s="91"/>
      <c r="FT754" s="91"/>
      <c r="FU754" s="91"/>
      <c r="FV754" s="91"/>
      <c r="FW754" s="91"/>
      <c r="FX754" s="91"/>
      <c r="FY754" s="91"/>
      <c r="FZ754" s="91"/>
      <c r="GA754" s="91"/>
      <c r="GB754" s="91"/>
      <c r="GC754" s="91"/>
      <c r="GD754" s="91"/>
      <c r="GE754" s="91"/>
      <c r="GF754" s="91"/>
      <c r="GG754" s="91"/>
      <c r="GH754" s="91"/>
      <c r="GI754" s="91"/>
      <c r="GJ754" s="91"/>
      <c r="GK754" s="127"/>
      <c r="GL754" s="126"/>
      <c r="GM754" s="91"/>
      <c r="GN754" s="91"/>
      <c r="GO754" s="91"/>
      <c r="GP754" s="91"/>
      <c r="GQ754" s="91"/>
      <c r="GR754" s="91"/>
      <c r="GS754" s="91"/>
      <c r="GT754" s="91"/>
      <c r="GU754" s="91"/>
      <c r="GV754" s="91"/>
      <c r="GW754" s="91"/>
      <c r="GX754" s="91"/>
      <c r="GY754" s="91"/>
      <c r="GZ754" s="91"/>
      <c r="HA754" s="91"/>
      <c r="HB754" s="91"/>
      <c r="HC754" s="91"/>
      <c r="HD754" s="91"/>
      <c r="HE754" s="91"/>
      <c r="HF754" s="91"/>
      <c r="HG754" s="91"/>
      <c r="HH754" s="91"/>
      <c r="HI754" s="91"/>
      <c r="HJ754" s="91"/>
      <c r="HK754" s="127"/>
      <c r="HL754" s="126"/>
      <c r="HM754" s="91"/>
      <c r="HN754" s="91"/>
      <c r="HO754" s="91"/>
      <c r="HP754" s="91"/>
      <c r="HQ754" s="91"/>
      <c r="HR754" s="91"/>
      <c r="HS754" s="91"/>
      <c r="HT754" s="91"/>
      <c r="HU754" s="91"/>
      <c r="HV754" s="91"/>
      <c r="HW754" s="91"/>
      <c r="HX754" s="91"/>
      <c r="HY754" s="91"/>
      <c r="HZ754" s="91"/>
      <c r="IA754" s="91"/>
      <c r="IB754" s="91"/>
      <c r="IC754" s="91"/>
      <c r="ID754" s="91"/>
      <c r="IE754" s="91"/>
      <c r="IF754" s="91"/>
      <c r="IG754" s="91"/>
      <c r="IH754" s="91"/>
      <c r="II754" s="91"/>
      <c r="IJ754" s="91"/>
      <c r="IK754" s="127"/>
    </row>
    <row r="755" spans="2:245" x14ac:dyDescent="0.2">
      <c r="B755" s="43"/>
      <c r="C755" s="73"/>
      <c r="D755" s="64"/>
      <c r="E755" s="64"/>
      <c r="F755" s="55"/>
      <c r="G755" s="102"/>
      <c r="H755" s="55"/>
      <c r="I755" s="55"/>
      <c r="J755" s="55"/>
      <c r="K755" s="55"/>
      <c r="L755" s="55"/>
      <c r="M755" s="55"/>
      <c r="N755" s="55"/>
      <c r="O755" s="55"/>
      <c r="P755" s="55"/>
      <c r="Q755" s="55"/>
      <c r="R755" s="55"/>
      <c r="S755" s="55"/>
      <c r="T755" s="55"/>
      <c r="U755" s="55"/>
      <c r="V755" s="55"/>
      <c r="W755" s="55"/>
      <c r="X755" s="55"/>
      <c r="Y755" s="55"/>
      <c r="Z755" s="55"/>
      <c r="AA755" s="55"/>
      <c r="AB755" s="55"/>
      <c r="AC755" s="55"/>
      <c r="AD755" s="55"/>
      <c r="AE755" s="55"/>
      <c r="AF755" s="55"/>
      <c r="AG755" s="55"/>
      <c r="AY755" s="162"/>
      <c r="AZ755" s="162"/>
      <c r="BA755" s="162"/>
      <c r="BB755" s="162"/>
      <c r="BC755" s="162"/>
      <c r="BD755" s="162"/>
      <c r="BE755" s="162"/>
      <c r="BF755" s="162"/>
      <c r="BG755" s="162"/>
      <c r="BH755" s="162"/>
      <c r="BI755" s="162"/>
      <c r="BJ755" s="162"/>
      <c r="BK755" s="162"/>
      <c r="BL755" s="162"/>
      <c r="BM755" s="162"/>
      <c r="BN755" s="162"/>
      <c r="BO755" s="162"/>
      <c r="BP755" s="162"/>
      <c r="BQ755" s="162"/>
      <c r="BR755" s="162"/>
      <c r="BS755" s="162"/>
      <c r="BT755" s="162"/>
      <c r="BU755" s="162"/>
      <c r="BV755" s="162"/>
      <c r="BW755" s="162"/>
      <c r="BX755" s="162"/>
      <c r="BY755" s="162"/>
      <c r="BZ755" s="162"/>
      <c r="CA755" s="162"/>
      <c r="CB755" s="162"/>
      <c r="CC755" s="162"/>
      <c r="CD755" s="162"/>
      <c r="CE755" s="162"/>
      <c r="CF755" s="162"/>
      <c r="CG755" s="162"/>
      <c r="CH755" s="162"/>
      <c r="CI755" s="162"/>
      <c r="CJ755" s="162"/>
      <c r="CK755" s="162"/>
      <c r="CX755" s="98"/>
      <c r="DL755" s="97"/>
      <c r="DX755" s="98"/>
      <c r="EL755" s="97"/>
      <c r="EX755" s="98"/>
      <c r="EY755" s="97"/>
      <c r="FL755" s="126"/>
      <c r="FM755" s="91"/>
      <c r="FN755" s="91"/>
      <c r="FO755" s="91"/>
      <c r="FP755" s="91"/>
      <c r="FQ755" s="91"/>
      <c r="FR755" s="91"/>
      <c r="FS755" s="91"/>
      <c r="FT755" s="91"/>
      <c r="FU755" s="91"/>
      <c r="FV755" s="91"/>
      <c r="FW755" s="91"/>
      <c r="FX755" s="91"/>
      <c r="FY755" s="91"/>
      <c r="FZ755" s="91"/>
      <c r="GA755" s="91"/>
      <c r="GB755" s="91"/>
      <c r="GC755" s="91"/>
      <c r="GD755" s="91"/>
      <c r="GE755" s="91"/>
      <c r="GF755" s="91"/>
      <c r="GG755" s="91"/>
      <c r="GH755" s="91"/>
      <c r="GI755" s="91"/>
      <c r="GJ755" s="91"/>
      <c r="GK755" s="127"/>
      <c r="GL755" s="126"/>
      <c r="GM755" s="91"/>
      <c r="GN755" s="91"/>
      <c r="GO755" s="91"/>
      <c r="GP755" s="91"/>
      <c r="GQ755" s="91"/>
      <c r="GR755" s="91"/>
      <c r="GS755" s="91"/>
      <c r="GT755" s="91"/>
      <c r="GU755" s="91"/>
      <c r="GV755" s="91"/>
      <c r="GW755" s="91"/>
      <c r="GX755" s="91"/>
      <c r="GY755" s="91"/>
      <c r="GZ755" s="91"/>
      <c r="HA755" s="91"/>
      <c r="HB755" s="91"/>
      <c r="HC755" s="91"/>
      <c r="HD755" s="91"/>
      <c r="HE755" s="91"/>
      <c r="HF755" s="91"/>
      <c r="HG755" s="91"/>
      <c r="HH755" s="91"/>
      <c r="HI755" s="91"/>
      <c r="HJ755" s="91"/>
      <c r="HK755" s="127"/>
      <c r="HL755" s="126"/>
      <c r="HM755" s="91"/>
      <c r="HN755" s="91"/>
      <c r="HO755" s="91"/>
      <c r="HP755" s="91"/>
      <c r="HQ755" s="91"/>
      <c r="HR755" s="91"/>
      <c r="HS755" s="91"/>
      <c r="HT755" s="91"/>
      <c r="HU755" s="91"/>
      <c r="HV755" s="91"/>
      <c r="HW755" s="91"/>
      <c r="HX755" s="91"/>
      <c r="HY755" s="91"/>
      <c r="HZ755" s="91"/>
      <c r="IA755" s="91"/>
      <c r="IB755" s="91"/>
      <c r="IC755" s="91"/>
      <c r="ID755" s="91"/>
      <c r="IE755" s="91"/>
      <c r="IF755" s="91"/>
      <c r="IG755" s="91"/>
      <c r="IH755" s="91"/>
      <c r="II755" s="91"/>
      <c r="IJ755" s="91"/>
      <c r="IK755" s="127"/>
    </row>
    <row r="756" spans="2:245" x14ac:dyDescent="0.2">
      <c r="B756" s="43"/>
      <c r="C756" s="73"/>
      <c r="D756" s="64"/>
      <c r="E756" s="64"/>
      <c r="F756" s="55"/>
      <c r="G756" s="102"/>
      <c r="H756" s="55"/>
      <c r="I756" s="55"/>
      <c r="J756" s="55"/>
      <c r="K756" s="55"/>
      <c r="L756" s="55"/>
      <c r="M756" s="55"/>
      <c r="N756" s="55"/>
      <c r="O756" s="55"/>
      <c r="P756" s="55"/>
      <c r="Q756" s="55"/>
      <c r="R756" s="55"/>
      <c r="S756" s="55"/>
      <c r="T756" s="55"/>
      <c r="U756" s="55"/>
      <c r="V756" s="55"/>
      <c r="W756" s="55"/>
      <c r="X756" s="55"/>
      <c r="Y756" s="55"/>
      <c r="Z756" s="55"/>
      <c r="AA756" s="55"/>
      <c r="AB756" s="55"/>
      <c r="AC756" s="55"/>
      <c r="AD756" s="55"/>
      <c r="AE756" s="55"/>
      <c r="AF756" s="55"/>
      <c r="AG756" s="55"/>
      <c r="AY756" s="162"/>
      <c r="AZ756" s="162"/>
      <c r="BA756" s="162"/>
      <c r="BB756" s="162"/>
      <c r="BC756" s="162"/>
      <c r="BD756" s="162"/>
      <c r="BE756" s="162"/>
      <c r="BF756" s="162"/>
      <c r="BG756" s="162"/>
      <c r="BH756" s="162"/>
      <c r="BI756" s="162"/>
      <c r="BJ756" s="162"/>
      <c r="BK756" s="162"/>
      <c r="BL756" s="162"/>
      <c r="BM756" s="162"/>
      <c r="BN756" s="162"/>
      <c r="BO756" s="162"/>
      <c r="BP756" s="162"/>
      <c r="BQ756" s="162"/>
      <c r="BR756" s="162"/>
      <c r="BS756" s="162"/>
      <c r="BT756" s="162"/>
      <c r="BU756" s="162"/>
      <c r="BV756" s="162"/>
      <c r="BW756" s="162"/>
      <c r="BX756" s="162"/>
      <c r="BY756" s="162"/>
      <c r="BZ756" s="162"/>
      <c r="CA756" s="162"/>
      <c r="CB756" s="162"/>
      <c r="CC756" s="162"/>
      <c r="CD756" s="162"/>
      <c r="CE756" s="162"/>
      <c r="CF756" s="162"/>
      <c r="CG756" s="162"/>
      <c r="CH756" s="162"/>
      <c r="CI756" s="162"/>
      <c r="CJ756" s="162"/>
      <c r="CK756" s="162"/>
      <c r="CX756" s="98"/>
      <c r="DL756" s="97"/>
      <c r="DX756" s="98"/>
      <c r="EL756" s="97"/>
      <c r="EX756" s="98"/>
      <c r="EY756" s="97"/>
      <c r="FL756" s="126"/>
      <c r="FM756" s="91"/>
      <c r="FN756" s="91"/>
      <c r="FO756" s="91"/>
      <c r="FP756" s="91"/>
      <c r="FQ756" s="91"/>
      <c r="FR756" s="91"/>
      <c r="FS756" s="91"/>
      <c r="FT756" s="91"/>
      <c r="FU756" s="91"/>
      <c r="FV756" s="91"/>
      <c r="FW756" s="91"/>
      <c r="FX756" s="91"/>
      <c r="FY756" s="91"/>
      <c r="FZ756" s="91"/>
      <c r="GA756" s="91"/>
      <c r="GB756" s="91"/>
      <c r="GC756" s="91"/>
      <c r="GD756" s="91"/>
      <c r="GE756" s="91"/>
      <c r="GF756" s="91"/>
      <c r="GG756" s="91"/>
      <c r="GH756" s="91"/>
      <c r="GI756" s="91"/>
      <c r="GJ756" s="91"/>
      <c r="GK756" s="127"/>
      <c r="GL756" s="126"/>
      <c r="GM756" s="91"/>
      <c r="GN756" s="91"/>
      <c r="GO756" s="91"/>
      <c r="GP756" s="91"/>
      <c r="GQ756" s="91"/>
      <c r="GR756" s="91"/>
      <c r="GS756" s="91"/>
      <c r="GT756" s="91"/>
      <c r="GU756" s="91"/>
      <c r="GV756" s="91"/>
      <c r="GW756" s="91"/>
      <c r="GX756" s="91"/>
      <c r="GY756" s="91"/>
      <c r="GZ756" s="91"/>
      <c r="HA756" s="91"/>
      <c r="HB756" s="91"/>
      <c r="HC756" s="91"/>
      <c r="HD756" s="91"/>
      <c r="HE756" s="91"/>
      <c r="HF756" s="91"/>
      <c r="HG756" s="91"/>
      <c r="HH756" s="91"/>
      <c r="HI756" s="91"/>
      <c r="HJ756" s="91"/>
      <c r="HK756" s="127"/>
      <c r="HL756" s="126"/>
      <c r="HM756" s="91"/>
      <c r="HN756" s="91"/>
      <c r="HO756" s="91"/>
      <c r="HP756" s="91"/>
      <c r="HQ756" s="91"/>
      <c r="HR756" s="91"/>
      <c r="HS756" s="91"/>
      <c r="HT756" s="91"/>
      <c r="HU756" s="91"/>
      <c r="HV756" s="91"/>
      <c r="HW756" s="91"/>
      <c r="HX756" s="91"/>
      <c r="HY756" s="91"/>
      <c r="HZ756" s="91"/>
      <c r="IA756" s="91"/>
      <c r="IB756" s="91"/>
      <c r="IC756" s="91"/>
      <c r="ID756" s="91"/>
      <c r="IE756" s="91"/>
      <c r="IF756" s="91"/>
      <c r="IG756" s="91"/>
      <c r="IH756" s="91"/>
      <c r="II756" s="91"/>
      <c r="IJ756" s="91"/>
      <c r="IK756" s="127"/>
    </row>
    <row r="757" spans="2:245" x14ac:dyDescent="0.2">
      <c r="B757" s="43"/>
      <c r="C757" s="73"/>
      <c r="D757" s="64"/>
      <c r="E757" s="64"/>
      <c r="F757" s="55"/>
      <c r="G757" s="102"/>
      <c r="H757" s="55"/>
      <c r="I757" s="55"/>
      <c r="J757" s="55"/>
      <c r="K757" s="55"/>
      <c r="L757" s="55"/>
      <c r="M757" s="55"/>
      <c r="N757" s="55"/>
      <c r="O757" s="55"/>
      <c r="P757" s="55"/>
      <c r="Q757" s="55"/>
      <c r="R757" s="55"/>
      <c r="S757" s="55"/>
      <c r="T757" s="55"/>
      <c r="U757" s="55"/>
      <c r="V757" s="55"/>
      <c r="W757" s="55"/>
      <c r="X757" s="55"/>
      <c r="Y757" s="55"/>
      <c r="Z757" s="55"/>
      <c r="AA757" s="55"/>
      <c r="AB757" s="55"/>
      <c r="AC757" s="55"/>
      <c r="AD757" s="55"/>
      <c r="AE757" s="55"/>
      <c r="AF757" s="55"/>
      <c r="AG757" s="55"/>
      <c r="AY757" s="162"/>
      <c r="AZ757" s="162"/>
      <c r="BA757" s="162"/>
      <c r="BB757" s="162"/>
      <c r="BC757" s="162"/>
      <c r="BD757" s="162"/>
      <c r="BE757" s="162"/>
      <c r="BF757" s="162"/>
      <c r="BG757" s="162"/>
      <c r="BH757" s="162"/>
      <c r="BI757" s="162"/>
      <c r="BJ757" s="162"/>
      <c r="BK757" s="162"/>
      <c r="BL757" s="162"/>
      <c r="BM757" s="162"/>
      <c r="BN757" s="162"/>
      <c r="BO757" s="162"/>
      <c r="BP757" s="162"/>
      <c r="BQ757" s="162"/>
      <c r="BR757" s="162"/>
      <c r="BS757" s="162"/>
      <c r="BT757" s="162"/>
      <c r="BU757" s="162"/>
      <c r="BV757" s="162"/>
      <c r="BW757" s="162"/>
      <c r="BX757" s="162"/>
      <c r="BY757" s="162"/>
      <c r="BZ757" s="162"/>
      <c r="CA757" s="162"/>
      <c r="CB757" s="162"/>
      <c r="CC757" s="162"/>
      <c r="CD757" s="162"/>
      <c r="CE757" s="162"/>
      <c r="CF757" s="162"/>
      <c r="CG757" s="162"/>
      <c r="CH757" s="162"/>
      <c r="CI757" s="162"/>
      <c r="CJ757" s="162"/>
      <c r="CK757" s="162"/>
      <c r="CX757" s="98"/>
      <c r="DL757" s="97"/>
      <c r="DX757" s="98"/>
      <c r="EL757" s="97"/>
      <c r="EX757" s="98"/>
      <c r="EY757" s="97"/>
      <c r="FL757" s="126"/>
      <c r="FM757" s="91"/>
      <c r="FN757" s="91"/>
      <c r="FO757" s="91"/>
      <c r="FP757" s="91"/>
      <c r="FQ757" s="91"/>
      <c r="FR757" s="91"/>
      <c r="FS757" s="91"/>
      <c r="FT757" s="91"/>
      <c r="FU757" s="91"/>
      <c r="FV757" s="91"/>
      <c r="FW757" s="91"/>
      <c r="FX757" s="91"/>
      <c r="FY757" s="91"/>
      <c r="FZ757" s="91"/>
      <c r="GA757" s="91"/>
      <c r="GB757" s="91"/>
      <c r="GC757" s="91"/>
      <c r="GD757" s="91"/>
      <c r="GE757" s="91"/>
      <c r="GF757" s="91"/>
      <c r="GG757" s="91"/>
      <c r="GH757" s="91"/>
      <c r="GI757" s="91"/>
      <c r="GJ757" s="91"/>
      <c r="GK757" s="127"/>
      <c r="GL757" s="126"/>
      <c r="GM757" s="91"/>
      <c r="GN757" s="91"/>
      <c r="GO757" s="91"/>
      <c r="GP757" s="91"/>
      <c r="GQ757" s="91"/>
      <c r="GR757" s="91"/>
      <c r="GS757" s="91"/>
      <c r="GT757" s="91"/>
      <c r="GU757" s="91"/>
      <c r="GV757" s="91"/>
      <c r="GW757" s="91"/>
      <c r="GX757" s="91"/>
      <c r="GY757" s="91"/>
      <c r="GZ757" s="91"/>
      <c r="HA757" s="91"/>
      <c r="HB757" s="91"/>
      <c r="HC757" s="91"/>
      <c r="HD757" s="91"/>
      <c r="HE757" s="91"/>
      <c r="HF757" s="91"/>
      <c r="HG757" s="91"/>
      <c r="HH757" s="91"/>
      <c r="HI757" s="91"/>
      <c r="HJ757" s="91"/>
      <c r="HK757" s="127"/>
      <c r="HL757" s="126"/>
      <c r="HM757" s="91"/>
      <c r="HN757" s="91"/>
      <c r="HO757" s="91"/>
      <c r="HP757" s="91"/>
      <c r="HQ757" s="91"/>
      <c r="HR757" s="91"/>
      <c r="HS757" s="91"/>
      <c r="HT757" s="91"/>
      <c r="HU757" s="91"/>
      <c r="HV757" s="91"/>
      <c r="HW757" s="91"/>
      <c r="HX757" s="91"/>
      <c r="HY757" s="91"/>
      <c r="HZ757" s="91"/>
      <c r="IA757" s="91"/>
      <c r="IB757" s="91"/>
      <c r="IC757" s="91"/>
      <c r="ID757" s="91"/>
      <c r="IE757" s="91"/>
      <c r="IF757" s="91"/>
      <c r="IG757" s="91"/>
      <c r="IH757" s="91"/>
      <c r="II757" s="91"/>
      <c r="IJ757" s="91"/>
      <c r="IK757" s="127"/>
    </row>
    <row r="758" spans="2:245" x14ac:dyDescent="0.2">
      <c r="B758" s="43"/>
      <c r="C758" s="73"/>
      <c r="D758" s="64"/>
      <c r="E758" s="64"/>
      <c r="F758" s="55"/>
      <c r="G758" s="102"/>
      <c r="H758" s="55"/>
      <c r="I758" s="55"/>
      <c r="J758" s="55"/>
      <c r="K758" s="55"/>
      <c r="L758" s="55"/>
      <c r="M758" s="55"/>
      <c r="N758" s="55"/>
      <c r="O758" s="55"/>
      <c r="P758" s="55"/>
      <c r="Q758" s="55"/>
      <c r="R758" s="55"/>
      <c r="S758" s="55"/>
      <c r="T758" s="55"/>
      <c r="U758" s="55"/>
      <c r="V758" s="55"/>
      <c r="W758" s="55"/>
      <c r="X758" s="55"/>
      <c r="Y758" s="55"/>
      <c r="Z758" s="55"/>
      <c r="AA758" s="55"/>
      <c r="AB758" s="55"/>
      <c r="AC758" s="55"/>
      <c r="AD758" s="55"/>
      <c r="AE758" s="55"/>
      <c r="AF758" s="55"/>
      <c r="AG758" s="55"/>
      <c r="AY758" s="162"/>
      <c r="AZ758" s="162"/>
      <c r="BA758" s="162"/>
      <c r="BB758" s="162"/>
      <c r="BC758" s="162"/>
      <c r="BD758" s="162"/>
      <c r="BE758" s="162"/>
      <c r="BF758" s="162"/>
      <c r="BG758" s="162"/>
      <c r="BH758" s="162"/>
      <c r="BI758" s="162"/>
      <c r="BJ758" s="162"/>
      <c r="BK758" s="162"/>
      <c r="BL758" s="162"/>
      <c r="BM758" s="162"/>
      <c r="BN758" s="162"/>
      <c r="BO758" s="162"/>
      <c r="BP758" s="162"/>
      <c r="BQ758" s="162"/>
      <c r="BR758" s="162"/>
      <c r="BS758" s="162"/>
      <c r="BT758" s="162"/>
      <c r="BU758" s="162"/>
      <c r="BV758" s="162"/>
      <c r="BW758" s="162"/>
      <c r="BX758" s="162"/>
      <c r="BY758" s="162"/>
      <c r="BZ758" s="162"/>
      <c r="CA758" s="162"/>
      <c r="CB758" s="162"/>
      <c r="CC758" s="162"/>
      <c r="CD758" s="162"/>
      <c r="CE758" s="162"/>
      <c r="CF758" s="162"/>
      <c r="CG758" s="162"/>
      <c r="CH758" s="162"/>
      <c r="CI758" s="162"/>
      <c r="CJ758" s="162"/>
      <c r="CK758" s="162"/>
      <c r="CX758" s="98"/>
      <c r="DL758" s="97"/>
      <c r="DX758" s="98"/>
      <c r="EL758" s="97"/>
      <c r="EX758" s="98"/>
      <c r="EY758" s="97"/>
      <c r="FL758" s="126"/>
      <c r="FM758" s="91"/>
      <c r="FN758" s="91"/>
      <c r="FO758" s="91"/>
      <c r="FP758" s="91"/>
      <c r="FQ758" s="91"/>
      <c r="FR758" s="91"/>
      <c r="FS758" s="91"/>
      <c r="FT758" s="91"/>
      <c r="FU758" s="91"/>
      <c r="FV758" s="91"/>
      <c r="FW758" s="91"/>
      <c r="FX758" s="91"/>
      <c r="FY758" s="91"/>
      <c r="FZ758" s="91"/>
      <c r="GA758" s="91"/>
      <c r="GB758" s="91"/>
      <c r="GC758" s="91"/>
      <c r="GD758" s="91"/>
      <c r="GE758" s="91"/>
      <c r="GF758" s="91"/>
      <c r="GG758" s="91"/>
      <c r="GH758" s="91"/>
      <c r="GI758" s="91"/>
      <c r="GJ758" s="91"/>
      <c r="GK758" s="127"/>
      <c r="GL758" s="126"/>
      <c r="GM758" s="91"/>
      <c r="GN758" s="91"/>
      <c r="GO758" s="91"/>
      <c r="GP758" s="91"/>
      <c r="GQ758" s="91"/>
      <c r="GR758" s="91"/>
      <c r="GS758" s="91"/>
      <c r="GT758" s="91"/>
      <c r="GU758" s="91"/>
      <c r="GV758" s="91"/>
      <c r="GW758" s="91"/>
      <c r="GX758" s="91"/>
      <c r="GY758" s="91"/>
      <c r="GZ758" s="91"/>
      <c r="HA758" s="91"/>
      <c r="HB758" s="91"/>
      <c r="HC758" s="91"/>
      <c r="HD758" s="91"/>
      <c r="HE758" s="91"/>
      <c r="HF758" s="91"/>
      <c r="HG758" s="91"/>
      <c r="HH758" s="91"/>
      <c r="HI758" s="91"/>
      <c r="HJ758" s="91"/>
      <c r="HK758" s="127"/>
      <c r="HL758" s="126"/>
      <c r="HM758" s="91"/>
      <c r="HN758" s="91"/>
      <c r="HO758" s="91"/>
      <c r="HP758" s="91"/>
      <c r="HQ758" s="91"/>
      <c r="HR758" s="91"/>
      <c r="HS758" s="91"/>
      <c r="HT758" s="91"/>
      <c r="HU758" s="91"/>
      <c r="HV758" s="91"/>
      <c r="HW758" s="91"/>
      <c r="HX758" s="91"/>
      <c r="HY758" s="91"/>
      <c r="HZ758" s="91"/>
      <c r="IA758" s="91"/>
      <c r="IB758" s="91"/>
      <c r="IC758" s="91"/>
      <c r="ID758" s="91"/>
      <c r="IE758" s="91"/>
      <c r="IF758" s="91"/>
      <c r="IG758" s="91"/>
      <c r="IH758" s="91"/>
      <c r="II758" s="91"/>
      <c r="IJ758" s="91"/>
      <c r="IK758" s="127"/>
    </row>
    <row r="759" spans="2:245" x14ac:dyDescent="0.2">
      <c r="B759" s="43"/>
      <c r="C759" s="73"/>
      <c r="D759" s="64"/>
      <c r="E759" s="64"/>
      <c r="F759" s="55"/>
      <c r="G759" s="102"/>
      <c r="H759" s="55"/>
      <c r="I759" s="55"/>
      <c r="J759" s="55"/>
      <c r="K759" s="55"/>
      <c r="L759" s="55"/>
      <c r="M759" s="55"/>
      <c r="N759" s="55"/>
      <c r="O759" s="55"/>
      <c r="P759" s="55"/>
      <c r="Q759" s="55"/>
      <c r="R759" s="55"/>
      <c r="S759" s="55"/>
      <c r="T759" s="55"/>
      <c r="U759" s="55"/>
      <c r="V759" s="55"/>
      <c r="W759" s="55"/>
      <c r="X759" s="55"/>
      <c r="Y759" s="55"/>
      <c r="Z759" s="55"/>
      <c r="AA759" s="55"/>
      <c r="AB759" s="55"/>
      <c r="AC759" s="55"/>
      <c r="AD759" s="55"/>
      <c r="AE759" s="55"/>
      <c r="AF759" s="55"/>
      <c r="AG759" s="55"/>
      <c r="AY759" s="162"/>
      <c r="AZ759" s="162"/>
      <c r="BA759" s="162"/>
      <c r="BB759" s="162"/>
      <c r="BC759" s="162"/>
      <c r="BD759" s="162"/>
      <c r="BE759" s="162"/>
      <c r="BF759" s="162"/>
      <c r="BG759" s="162"/>
      <c r="BH759" s="162"/>
      <c r="BI759" s="162"/>
      <c r="BJ759" s="162"/>
      <c r="BK759" s="162"/>
      <c r="BL759" s="162"/>
      <c r="BM759" s="162"/>
      <c r="BN759" s="162"/>
      <c r="BO759" s="162"/>
      <c r="BP759" s="162"/>
      <c r="BQ759" s="162"/>
      <c r="BR759" s="162"/>
      <c r="BS759" s="162"/>
      <c r="BT759" s="162"/>
      <c r="BU759" s="162"/>
      <c r="BV759" s="162"/>
      <c r="BW759" s="162"/>
      <c r="BX759" s="162"/>
      <c r="BY759" s="162"/>
      <c r="BZ759" s="162"/>
      <c r="CA759" s="162"/>
      <c r="CB759" s="162"/>
      <c r="CC759" s="162"/>
      <c r="CD759" s="162"/>
      <c r="CE759" s="162"/>
      <c r="CF759" s="162"/>
      <c r="CG759" s="162"/>
      <c r="CH759" s="162"/>
      <c r="CI759" s="162"/>
      <c r="CJ759" s="162"/>
      <c r="CK759" s="162"/>
      <c r="CX759" s="98"/>
      <c r="DL759" s="97"/>
      <c r="DX759" s="98"/>
      <c r="EL759" s="97"/>
      <c r="EX759" s="98"/>
      <c r="EY759" s="97"/>
      <c r="FL759" s="126"/>
      <c r="FM759" s="91"/>
      <c r="FN759" s="91"/>
      <c r="FO759" s="91"/>
      <c r="FP759" s="91"/>
      <c r="FQ759" s="91"/>
      <c r="FR759" s="91"/>
      <c r="FS759" s="91"/>
      <c r="FT759" s="91"/>
      <c r="FU759" s="91"/>
      <c r="FV759" s="91"/>
      <c r="FW759" s="91"/>
      <c r="FX759" s="91"/>
      <c r="FY759" s="91"/>
      <c r="FZ759" s="91"/>
      <c r="GA759" s="91"/>
      <c r="GB759" s="91"/>
      <c r="GC759" s="91"/>
      <c r="GD759" s="91"/>
      <c r="GE759" s="91"/>
      <c r="GF759" s="91"/>
      <c r="GG759" s="91"/>
      <c r="GH759" s="91"/>
      <c r="GI759" s="91"/>
      <c r="GJ759" s="91"/>
      <c r="GK759" s="127"/>
      <c r="GL759" s="126"/>
      <c r="GM759" s="91"/>
      <c r="GN759" s="91"/>
      <c r="GO759" s="91"/>
      <c r="GP759" s="91"/>
      <c r="GQ759" s="91"/>
      <c r="GR759" s="91"/>
      <c r="GS759" s="91"/>
      <c r="GT759" s="91"/>
      <c r="GU759" s="91"/>
      <c r="GV759" s="91"/>
      <c r="GW759" s="91"/>
      <c r="GX759" s="91"/>
      <c r="GY759" s="91"/>
      <c r="GZ759" s="91"/>
      <c r="HA759" s="91"/>
      <c r="HB759" s="91"/>
      <c r="HC759" s="91"/>
      <c r="HD759" s="91"/>
      <c r="HE759" s="91"/>
      <c r="HF759" s="91"/>
      <c r="HG759" s="91"/>
      <c r="HH759" s="91"/>
      <c r="HI759" s="91"/>
      <c r="HJ759" s="91"/>
      <c r="HK759" s="127"/>
      <c r="HL759" s="126"/>
      <c r="HM759" s="91"/>
      <c r="HN759" s="91"/>
      <c r="HO759" s="91"/>
      <c r="HP759" s="91"/>
      <c r="HQ759" s="91"/>
      <c r="HR759" s="91"/>
      <c r="HS759" s="91"/>
      <c r="HT759" s="91"/>
      <c r="HU759" s="91"/>
      <c r="HV759" s="91"/>
      <c r="HW759" s="91"/>
      <c r="HX759" s="91"/>
      <c r="HY759" s="91"/>
      <c r="HZ759" s="91"/>
      <c r="IA759" s="91"/>
      <c r="IB759" s="91"/>
      <c r="IC759" s="91"/>
      <c r="ID759" s="91"/>
      <c r="IE759" s="91"/>
      <c r="IF759" s="91"/>
      <c r="IG759" s="91"/>
      <c r="IH759" s="91"/>
      <c r="II759" s="91"/>
      <c r="IJ759" s="91"/>
      <c r="IK759" s="127"/>
    </row>
    <row r="760" spans="2:245" x14ac:dyDescent="0.2">
      <c r="B760" s="43"/>
      <c r="C760" s="73"/>
      <c r="D760" s="64"/>
      <c r="E760" s="64"/>
      <c r="F760" s="55"/>
      <c r="G760" s="102"/>
      <c r="H760" s="55"/>
      <c r="I760" s="55"/>
      <c r="J760" s="55"/>
      <c r="K760" s="55"/>
      <c r="L760" s="55"/>
      <c r="M760" s="55"/>
      <c r="N760" s="55"/>
      <c r="O760" s="55"/>
      <c r="P760" s="55"/>
      <c r="Q760" s="55"/>
      <c r="R760" s="55"/>
      <c r="S760" s="55"/>
      <c r="T760" s="55"/>
      <c r="U760" s="55"/>
      <c r="V760" s="55"/>
      <c r="W760" s="55"/>
      <c r="X760" s="55"/>
      <c r="Y760" s="55"/>
      <c r="Z760" s="55"/>
      <c r="AA760" s="55"/>
      <c r="AB760" s="55"/>
      <c r="AC760" s="55"/>
      <c r="AD760" s="55"/>
      <c r="AE760" s="55"/>
      <c r="AF760" s="55"/>
      <c r="AG760" s="55"/>
      <c r="AY760" s="162"/>
      <c r="AZ760" s="162"/>
      <c r="BA760" s="162"/>
      <c r="BB760" s="162"/>
      <c r="BC760" s="162"/>
      <c r="BD760" s="162"/>
      <c r="BE760" s="162"/>
      <c r="BF760" s="162"/>
      <c r="BG760" s="162"/>
      <c r="BH760" s="162"/>
      <c r="BI760" s="162"/>
      <c r="BJ760" s="162"/>
      <c r="BK760" s="162"/>
      <c r="BL760" s="162"/>
      <c r="BM760" s="162"/>
      <c r="BN760" s="162"/>
      <c r="BO760" s="162"/>
      <c r="BP760" s="162"/>
      <c r="BQ760" s="162"/>
      <c r="BR760" s="162"/>
      <c r="BS760" s="162"/>
      <c r="BT760" s="162"/>
      <c r="BU760" s="162"/>
      <c r="BV760" s="162"/>
      <c r="BW760" s="162"/>
      <c r="BX760" s="162"/>
      <c r="BY760" s="162"/>
      <c r="BZ760" s="162"/>
      <c r="CA760" s="162"/>
      <c r="CB760" s="162"/>
      <c r="CC760" s="162"/>
      <c r="CD760" s="162"/>
      <c r="CE760" s="162"/>
      <c r="CF760" s="162"/>
      <c r="CG760" s="162"/>
      <c r="CH760" s="162"/>
      <c r="CI760" s="162"/>
      <c r="CJ760" s="162"/>
      <c r="CK760" s="162"/>
      <c r="CX760" s="98"/>
      <c r="DL760" s="97"/>
      <c r="DX760" s="98"/>
      <c r="EL760" s="97"/>
      <c r="EX760" s="98"/>
      <c r="EY760" s="97"/>
      <c r="FL760" s="126"/>
      <c r="FM760" s="91"/>
      <c r="FN760" s="91"/>
      <c r="FO760" s="91"/>
      <c r="FP760" s="91"/>
      <c r="FQ760" s="91"/>
      <c r="FR760" s="91"/>
      <c r="FS760" s="91"/>
      <c r="FT760" s="91"/>
      <c r="FU760" s="91"/>
      <c r="FV760" s="91"/>
      <c r="FW760" s="91"/>
      <c r="FX760" s="91"/>
      <c r="FY760" s="91"/>
      <c r="FZ760" s="91"/>
      <c r="GA760" s="91"/>
      <c r="GB760" s="91"/>
      <c r="GC760" s="91"/>
      <c r="GD760" s="91"/>
      <c r="GE760" s="91"/>
      <c r="GF760" s="91"/>
      <c r="GG760" s="91"/>
      <c r="GH760" s="91"/>
      <c r="GI760" s="91"/>
      <c r="GJ760" s="91"/>
      <c r="GK760" s="127"/>
      <c r="GL760" s="126"/>
      <c r="GM760" s="91"/>
      <c r="GN760" s="91"/>
      <c r="GO760" s="91"/>
      <c r="GP760" s="91"/>
      <c r="GQ760" s="91"/>
      <c r="GR760" s="91"/>
      <c r="GS760" s="91"/>
      <c r="GT760" s="91"/>
      <c r="GU760" s="91"/>
      <c r="GV760" s="91"/>
      <c r="GW760" s="91"/>
      <c r="GX760" s="91"/>
      <c r="GY760" s="91"/>
      <c r="GZ760" s="91"/>
      <c r="HA760" s="91"/>
      <c r="HB760" s="91"/>
      <c r="HC760" s="91"/>
      <c r="HD760" s="91"/>
      <c r="HE760" s="91"/>
      <c r="HF760" s="91"/>
      <c r="HG760" s="91"/>
      <c r="HH760" s="91"/>
      <c r="HI760" s="91"/>
      <c r="HJ760" s="91"/>
      <c r="HK760" s="127"/>
      <c r="HL760" s="126"/>
      <c r="HM760" s="91"/>
      <c r="HN760" s="91"/>
      <c r="HO760" s="91"/>
      <c r="HP760" s="91"/>
      <c r="HQ760" s="91"/>
      <c r="HR760" s="91"/>
      <c r="HS760" s="91"/>
      <c r="HT760" s="91"/>
      <c r="HU760" s="91"/>
      <c r="HV760" s="91"/>
      <c r="HW760" s="91"/>
      <c r="HX760" s="91"/>
      <c r="HY760" s="91"/>
      <c r="HZ760" s="91"/>
      <c r="IA760" s="91"/>
      <c r="IB760" s="91"/>
      <c r="IC760" s="91"/>
      <c r="ID760" s="91"/>
      <c r="IE760" s="91"/>
      <c r="IF760" s="91"/>
      <c r="IG760" s="91"/>
      <c r="IH760" s="91"/>
      <c r="II760" s="91"/>
      <c r="IJ760" s="91"/>
      <c r="IK760" s="127"/>
    </row>
    <row r="761" spans="2:245" x14ac:dyDescent="0.2">
      <c r="B761" s="43"/>
      <c r="C761" s="73"/>
      <c r="D761" s="64"/>
      <c r="E761" s="64"/>
      <c r="F761" s="55"/>
      <c r="G761" s="102"/>
      <c r="H761" s="55"/>
      <c r="I761" s="55"/>
      <c r="J761" s="55"/>
      <c r="K761" s="55"/>
      <c r="L761" s="55"/>
      <c r="M761" s="55"/>
      <c r="N761" s="55"/>
      <c r="O761" s="55"/>
      <c r="P761" s="55"/>
      <c r="Q761" s="55"/>
      <c r="R761" s="55"/>
      <c r="S761" s="55"/>
      <c r="T761" s="55"/>
      <c r="U761" s="55"/>
      <c r="V761" s="55"/>
      <c r="W761" s="55"/>
      <c r="X761" s="55"/>
      <c r="Y761" s="55"/>
      <c r="Z761" s="55"/>
      <c r="AA761" s="55"/>
      <c r="AB761" s="55"/>
      <c r="AC761" s="55"/>
      <c r="AD761" s="55"/>
      <c r="AE761" s="55"/>
      <c r="AF761" s="55"/>
      <c r="AG761" s="55"/>
      <c r="AY761" s="162"/>
      <c r="AZ761" s="162"/>
      <c r="BA761" s="162"/>
      <c r="BB761" s="162"/>
      <c r="BC761" s="162"/>
      <c r="BD761" s="162"/>
      <c r="BE761" s="162"/>
      <c r="BF761" s="162"/>
      <c r="BG761" s="162"/>
      <c r="BH761" s="162"/>
      <c r="BI761" s="162"/>
      <c r="BJ761" s="162"/>
      <c r="BK761" s="162"/>
      <c r="BL761" s="162"/>
      <c r="BM761" s="162"/>
      <c r="BN761" s="162"/>
      <c r="BO761" s="162"/>
      <c r="BP761" s="162"/>
      <c r="BQ761" s="162"/>
      <c r="BR761" s="162"/>
      <c r="BS761" s="162"/>
      <c r="BT761" s="162"/>
      <c r="BU761" s="162"/>
      <c r="BV761" s="162"/>
      <c r="BW761" s="162"/>
      <c r="BX761" s="162"/>
      <c r="BY761" s="162"/>
      <c r="BZ761" s="162"/>
      <c r="CA761" s="162"/>
      <c r="CB761" s="162"/>
      <c r="CC761" s="162"/>
      <c r="CD761" s="162"/>
      <c r="CE761" s="162"/>
      <c r="CF761" s="162"/>
      <c r="CG761" s="162"/>
      <c r="CH761" s="162"/>
      <c r="CI761" s="162"/>
      <c r="CJ761" s="162"/>
      <c r="CK761" s="162"/>
      <c r="CX761" s="98"/>
      <c r="DL761" s="97"/>
      <c r="DX761" s="98"/>
      <c r="EL761" s="97"/>
      <c r="EX761" s="98"/>
      <c r="EY761" s="97"/>
      <c r="FL761" s="126"/>
      <c r="FM761" s="91"/>
      <c r="FN761" s="91"/>
      <c r="FO761" s="91"/>
      <c r="FP761" s="91"/>
      <c r="FQ761" s="91"/>
      <c r="FR761" s="91"/>
      <c r="FS761" s="91"/>
      <c r="FT761" s="91"/>
      <c r="FU761" s="91"/>
      <c r="FV761" s="91"/>
      <c r="FW761" s="91"/>
      <c r="FX761" s="91"/>
      <c r="FY761" s="91"/>
      <c r="FZ761" s="91"/>
      <c r="GA761" s="91"/>
      <c r="GB761" s="91"/>
      <c r="GC761" s="91"/>
      <c r="GD761" s="91"/>
      <c r="GE761" s="91"/>
      <c r="GF761" s="91"/>
      <c r="GG761" s="91"/>
      <c r="GH761" s="91"/>
      <c r="GI761" s="91"/>
      <c r="GJ761" s="91"/>
      <c r="GK761" s="127"/>
      <c r="GL761" s="126"/>
      <c r="GM761" s="91"/>
      <c r="GN761" s="91"/>
      <c r="GO761" s="91"/>
      <c r="GP761" s="91"/>
      <c r="GQ761" s="91"/>
      <c r="GR761" s="91"/>
      <c r="GS761" s="91"/>
      <c r="GT761" s="91"/>
      <c r="GU761" s="91"/>
      <c r="GV761" s="91"/>
      <c r="GW761" s="91"/>
      <c r="GX761" s="91"/>
      <c r="GY761" s="91"/>
      <c r="GZ761" s="91"/>
      <c r="HA761" s="91"/>
      <c r="HB761" s="91"/>
      <c r="HC761" s="91"/>
      <c r="HD761" s="91"/>
      <c r="HE761" s="91"/>
      <c r="HF761" s="91"/>
      <c r="HG761" s="91"/>
      <c r="HH761" s="91"/>
      <c r="HI761" s="91"/>
      <c r="HJ761" s="91"/>
      <c r="HK761" s="127"/>
      <c r="HL761" s="126"/>
      <c r="HM761" s="91"/>
      <c r="HN761" s="91"/>
      <c r="HO761" s="91"/>
      <c r="HP761" s="91"/>
      <c r="HQ761" s="91"/>
      <c r="HR761" s="91"/>
      <c r="HS761" s="91"/>
      <c r="HT761" s="91"/>
      <c r="HU761" s="91"/>
      <c r="HV761" s="91"/>
      <c r="HW761" s="91"/>
      <c r="HX761" s="91"/>
      <c r="HY761" s="91"/>
      <c r="HZ761" s="91"/>
      <c r="IA761" s="91"/>
      <c r="IB761" s="91"/>
      <c r="IC761" s="91"/>
      <c r="ID761" s="91"/>
      <c r="IE761" s="91"/>
      <c r="IF761" s="91"/>
      <c r="IG761" s="91"/>
      <c r="IH761" s="91"/>
      <c r="II761" s="91"/>
      <c r="IJ761" s="91"/>
      <c r="IK761" s="127"/>
    </row>
    <row r="762" spans="2:245" x14ac:dyDescent="0.2">
      <c r="B762" s="43"/>
      <c r="C762" s="73"/>
      <c r="D762" s="64"/>
      <c r="E762" s="64"/>
      <c r="F762" s="55"/>
      <c r="G762" s="102"/>
      <c r="H762" s="55"/>
      <c r="I762" s="55"/>
      <c r="J762" s="55"/>
      <c r="K762" s="55"/>
      <c r="L762" s="55"/>
      <c r="M762" s="55"/>
      <c r="N762" s="55"/>
      <c r="O762" s="55"/>
      <c r="P762" s="55"/>
      <c r="Q762" s="55"/>
      <c r="R762" s="55"/>
      <c r="S762" s="55"/>
      <c r="T762" s="55"/>
      <c r="U762" s="55"/>
      <c r="V762" s="55"/>
      <c r="W762" s="55"/>
      <c r="X762" s="55"/>
      <c r="Y762" s="55"/>
      <c r="Z762" s="55"/>
      <c r="AA762" s="55"/>
      <c r="AB762" s="55"/>
      <c r="AC762" s="55"/>
      <c r="AD762" s="55"/>
      <c r="AE762" s="55"/>
      <c r="AF762" s="55"/>
      <c r="AG762" s="55"/>
      <c r="AY762" s="162"/>
      <c r="AZ762" s="162"/>
      <c r="BA762" s="162"/>
      <c r="BB762" s="162"/>
      <c r="BC762" s="162"/>
      <c r="BD762" s="162"/>
      <c r="BE762" s="162"/>
      <c r="BF762" s="162"/>
      <c r="BG762" s="162"/>
      <c r="BH762" s="162"/>
      <c r="BI762" s="162"/>
      <c r="BJ762" s="162"/>
      <c r="BK762" s="162"/>
      <c r="BL762" s="162"/>
      <c r="BM762" s="162"/>
      <c r="BN762" s="162"/>
      <c r="BO762" s="162"/>
      <c r="BP762" s="162"/>
      <c r="BQ762" s="162"/>
      <c r="BR762" s="162"/>
      <c r="BS762" s="162"/>
      <c r="BT762" s="162"/>
      <c r="BU762" s="162"/>
      <c r="BV762" s="162"/>
      <c r="BW762" s="162"/>
      <c r="BX762" s="162"/>
      <c r="BY762" s="162"/>
      <c r="BZ762" s="162"/>
      <c r="CA762" s="162"/>
      <c r="CB762" s="162"/>
      <c r="CC762" s="162"/>
      <c r="CD762" s="162"/>
      <c r="CE762" s="162"/>
      <c r="CF762" s="162"/>
      <c r="CG762" s="162"/>
      <c r="CH762" s="162"/>
      <c r="CI762" s="162"/>
      <c r="CJ762" s="162"/>
      <c r="CK762" s="162"/>
      <c r="CX762" s="98"/>
      <c r="DL762" s="97"/>
      <c r="DX762" s="98"/>
      <c r="EL762" s="97"/>
      <c r="EX762" s="98"/>
      <c r="EY762" s="97"/>
      <c r="FL762" s="126"/>
      <c r="FM762" s="91"/>
      <c r="FN762" s="91"/>
      <c r="FO762" s="91"/>
      <c r="FP762" s="91"/>
      <c r="FQ762" s="91"/>
      <c r="FR762" s="91"/>
      <c r="FS762" s="91"/>
      <c r="FT762" s="91"/>
      <c r="FU762" s="91"/>
      <c r="FV762" s="91"/>
      <c r="FW762" s="91"/>
      <c r="FX762" s="91"/>
      <c r="FY762" s="91"/>
      <c r="FZ762" s="91"/>
      <c r="GA762" s="91"/>
      <c r="GB762" s="91"/>
      <c r="GC762" s="91"/>
      <c r="GD762" s="91"/>
      <c r="GE762" s="91"/>
      <c r="GF762" s="91"/>
      <c r="GG762" s="91"/>
      <c r="GH762" s="91"/>
      <c r="GI762" s="91"/>
      <c r="GJ762" s="91"/>
      <c r="GK762" s="127"/>
      <c r="GL762" s="126"/>
      <c r="GM762" s="91"/>
      <c r="GN762" s="91"/>
      <c r="GO762" s="91"/>
      <c r="GP762" s="91"/>
      <c r="GQ762" s="91"/>
      <c r="GR762" s="91"/>
      <c r="GS762" s="91"/>
      <c r="GT762" s="91"/>
      <c r="GU762" s="91"/>
      <c r="GV762" s="91"/>
      <c r="GW762" s="91"/>
      <c r="GX762" s="91"/>
      <c r="GY762" s="91"/>
      <c r="GZ762" s="91"/>
      <c r="HA762" s="91"/>
      <c r="HB762" s="91"/>
      <c r="HC762" s="91"/>
      <c r="HD762" s="91"/>
      <c r="HE762" s="91"/>
      <c r="HF762" s="91"/>
      <c r="HG762" s="91"/>
      <c r="HH762" s="91"/>
      <c r="HI762" s="91"/>
      <c r="HJ762" s="91"/>
      <c r="HK762" s="127"/>
      <c r="HL762" s="126"/>
      <c r="HM762" s="91"/>
      <c r="HN762" s="91"/>
      <c r="HO762" s="91"/>
      <c r="HP762" s="91"/>
      <c r="HQ762" s="91"/>
      <c r="HR762" s="91"/>
      <c r="HS762" s="91"/>
      <c r="HT762" s="91"/>
      <c r="HU762" s="91"/>
      <c r="HV762" s="91"/>
      <c r="HW762" s="91"/>
      <c r="HX762" s="91"/>
      <c r="HY762" s="91"/>
      <c r="HZ762" s="91"/>
      <c r="IA762" s="91"/>
      <c r="IB762" s="91"/>
      <c r="IC762" s="91"/>
      <c r="ID762" s="91"/>
      <c r="IE762" s="91"/>
      <c r="IF762" s="91"/>
      <c r="IG762" s="91"/>
      <c r="IH762" s="91"/>
      <c r="II762" s="91"/>
      <c r="IJ762" s="91"/>
      <c r="IK762" s="127"/>
    </row>
    <row r="763" spans="2:245" x14ac:dyDescent="0.2">
      <c r="B763" s="43"/>
      <c r="C763" s="73"/>
      <c r="D763" s="64"/>
      <c r="E763" s="64"/>
      <c r="F763" s="55"/>
      <c r="G763" s="102"/>
      <c r="H763" s="55"/>
      <c r="I763" s="55"/>
      <c r="J763" s="55"/>
      <c r="K763" s="55"/>
      <c r="L763" s="55"/>
      <c r="M763" s="55"/>
      <c r="N763" s="55"/>
      <c r="O763" s="55"/>
      <c r="P763" s="55"/>
      <c r="Q763" s="55"/>
      <c r="R763" s="55"/>
      <c r="S763" s="55"/>
      <c r="T763" s="55"/>
      <c r="U763" s="55"/>
      <c r="V763" s="55"/>
      <c r="W763" s="55"/>
      <c r="X763" s="55"/>
      <c r="Y763" s="55"/>
      <c r="Z763" s="55"/>
      <c r="AA763" s="55"/>
      <c r="AB763" s="55"/>
      <c r="AC763" s="55"/>
      <c r="AD763" s="55"/>
      <c r="AE763" s="55"/>
      <c r="AF763" s="55"/>
      <c r="AG763" s="55"/>
      <c r="AY763" s="162"/>
      <c r="AZ763" s="162"/>
      <c r="BA763" s="162"/>
      <c r="BB763" s="162"/>
      <c r="BC763" s="162"/>
      <c r="BD763" s="162"/>
      <c r="BE763" s="162"/>
      <c r="BF763" s="162"/>
      <c r="BG763" s="162"/>
      <c r="BH763" s="162"/>
      <c r="BI763" s="162"/>
      <c r="BJ763" s="162"/>
      <c r="BK763" s="162"/>
      <c r="BL763" s="162"/>
      <c r="BM763" s="162"/>
      <c r="BN763" s="162"/>
      <c r="BO763" s="162"/>
      <c r="BP763" s="162"/>
      <c r="BQ763" s="162"/>
      <c r="BR763" s="162"/>
      <c r="BS763" s="162"/>
      <c r="BT763" s="162"/>
      <c r="BU763" s="162"/>
      <c r="BV763" s="162"/>
      <c r="BW763" s="162"/>
      <c r="BX763" s="162"/>
      <c r="BY763" s="162"/>
      <c r="BZ763" s="162"/>
      <c r="CA763" s="162"/>
      <c r="CB763" s="162"/>
      <c r="CC763" s="162"/>
      <c r="CD763" s="162"/>
      <c r="CE763" s="162"/>
      <c r="CF763" s="162"/>
      <c r="CG763" s="162"/>
      <c r="CH763" s="162"/>
      <c r="CI763" s="162"/>
      <c r="CJ763" s="162"/>
      <c r="CK763" s="162"/>
      <c r="CX763" s="98"/>
      <c r="DL763" s="97"/>
      <c r="DX763" s="98"/>
      <c r="EL763" s="97"/>
      <c r="EX763" s="98"/>
      <c r="EY763" s="97"/>
      <c r="FL763" s="126"/>
      <c r="FM763" s="91"/>
      <c r="FN763" s="91"/>
      <c r="FO763" s="91"/>
      <c r="FP763" s="91"/>
      <c r="FQ763" s="91"/>
      <c r="FR763" s="91"/>
      <c r="FS763" s="91"/>
      <c r="FT763" s="91"/>
      <c r="FU763" s="91"/>
      <c r="FV763" s="91"/>
      <c r="FW763" s="91"/>
      <c r="FX763" s="91"/>
      <c r="FY763" s="91"/>
      <c r="FZ763" s="91"/>
      <c r="GA763" s="91"/>
      <c r="GB763" s="91"/>
      <c r="GC763" s="91"/>
      <c r="GD763" s="91"/>
      <c r="GE763" s="91"/>
      <c r="GF763" s="91"/>
      <c r="GG763" s="91"/>
      <c r="GH763" s="91"/>
      <c r="GI763" s="91"/>
      <c r="GJ763" s="91"/>
      <c r="GK763" s="127"/>
      <c r="GL763" s="126"/>
      <c r="GM763" s="91"/>
      <c r="GN763" s="91"/>
      <c r="GO763" s="91"/>
      <c r="GP763" s="91"/>
      <c r="GQ763" s="91"/>
      <c r="GR763" s="91"/>
      <c r="GS763" s="91"/>
      <c r="GT763" s="91"/>
      <c r="GU763" s="91"/>
      <c r="GV763" s="91"/>
      <c r="GW763" s="91"/>
      <c r="GX763" s="91"/>
      <c r="GY763" s="91"/>
      <c r="GZ763" s="91"/>
      <c r="HA763" s="91"/>
      <c r="HB763" s="91"/>
      <c r="HC763" s="91"/>
      <c r="HD763" s="91"/>
      <c r="HE763" s="91"/>
      <c r="HF763" s="91"/>
      <c r="HG763" s="91"/>
      <c r="HH763" s="91"/>
      <c r="HI763" s="91"/>
      <c r="HJ763" s="91"/>
      <c r="HK763" s="127"/>
      <c r="HL763" s="126"/>
      <c r="HM763" s="91"/>
      <c r="HN763" s="91"/>
      <c r="HO763" s="91"/>
      <c r="HP763" s="91"/>
      <c r="HQ763" s="91"/>
      <c r="HR763" s="91"/>
      <c r="HS763" s="91"/>
      <c r="HT763" s="91"/>
      <c r="HU763" s="91"/>
      <c r="HV763" s="91"/>
      <c r="HW763" s="91"/>
      <c r="HX763" s="91"/>
      <c r="HY763" s="91"/>
      <c r="HZ763" s="91"/>
      <c r="IA763" s="91"/>
      <c r="IB763" s="91"/>
      <c r="IC763" s="91"/>
      <c r="ID763" s="91"/>
      <c r="IE763" s="91"/>
      <c r="IF763" s="91"/>
      <c r="IG763" s="91"/>
      <c r="IH763" s="91"/>
      <c r="II763" s="91"/>
      <c r="IJ763" s="91"/>
      <c r="IK763" s="127"/>
    </row>
    <row r="764" spans="2:245" x14ac:dyDescent="0.2">
      <c r="B764" s="43"/>
      <c r="C764" s="73"/>
      <c r="D764" s="64"/>
      <c r="E764" s="64"/>
      <c r="F764" s="55"/>
      <c r="G764" s="102"/>
      <c r="H764" s="55"/>
      <c r="I764" s="55"/>
      <c r="J764" s="55"/>
      <c r="K764" s="55"/>
      <c r="L764" s="55"/>
      <c r="M764" s="55"/>
      <c r="N764" s="55"/>
      <c r="O764" s="55"/>
      <c r="P764" s="55"/>
      <c r="Q764" s="55"/>
      <c r="R764" s="55"/>
      <c r="S764" s="55"/>
      <c r="T764" s="55"/>
      <c r="U764" s="55"/>
      <c r="V764" s="55"/>
      <c r="W764" s="55"/>
      <c r="X764" s="55"/>
      <c r="Y764" s="55"/>
      <c r="Z764" s="55"/>
      <c r="AA764" s="55"/>
      <c r="AB764" s="55"/>
      <c r="AC764" s="55"/>
      <c r="AD764" s="55"/>
      <c r="AE764" s="55"/>
      <c r="AF764" s="55"/>
      <c r="AG764" s="55"/>
      <c r="AY764" s="162"/>
      <c r="AZ764" s="162"/>
      <c r="BA764" s="162"/>
      <c r="BB764" s="162"/>
      <c r="BC764" s="162"/>
      <c r="BD764" s="162"/>
      <c r="BE764" s="162"/>
      <c r="BF764" s="162"/>
      <c r="BG764" s="162"/>
      <c r="BH764" s="162"/>
      <c r="BI764" s="162"/>
      <c r="BJ764" s="162"/>
      <c r="BK764" s="162"/>
      <c r="BL764" s="162"/>
      <c r="BM764" s="162"/>
      <c r="BN764" s="162"/>
      <c r="BO764" s="162"/>
      <c r="BP764" s="162"/>
      <c r="BQ764" s="162"/>
      <c r="BR764" s="162"/>
      <c r="BS764" s="162"/>
      <c r="BT764" s="162"/>
      <c r="BU764" s="162"/>
      <c r="BV764" s="162"/>
      <c r="BW764" s="162"/>
      <c r="BX764" s="162"/>
      <c r="BY764" s="162"/>
      <c r="BZ764" s="162"/>
      <c r="CA764" s="162"/>
      <c r="CB764" s="162"/>
      <c r="CC764" s="162"/>
      <c r="CD764" s="162"/>
      <c r="CE764" s="162"/>
      <c r="CF764" s="162"/>
      <c r="CG764" s="162"/>
      <c r="CH764" s="162"/>
      <c r="CI764" s="162"/>
      <c r="CJ764" s="162"/>
      <c r="CK764" s="162"/>
      <c r="CX764" s="98"/>
      <c r="DL764" s="97"/>
      <c r="DX764" s="98"/>
      <c r="EL764" s="97"/>
      <c r="EX764" s="98"/>
      <c r="EY764" s="97"/>
      <c r="FL764" s="126"/>
      <c r="FM764" s="91"/>
      <c r="FN764" s="91"/>
      <c r="FO764" s="91"/>
      <c r="FP764" s="91"/>
      <c r="FQ764" s="91"/>
      <c r="FR764" s="91"/>
      <c r="FS764" s="91"/>
      <c r="FT764" s="91"/>
      <c r="FU764" s="91"/>
      <c r="FV764" s="91"/>
      <c r="FW764" s="91"/>
      <c r="FX764" s="91"/>
      <c r="FY764" s="91"/>
      <c r="FZ764" s="91"/>
      <c r="GA764" s="91"/>
      <c r="GB764" s="91"/>
      <c r="GC764" s="91"/>
      <c r="GD764" s="91"/>
      <c r="GE764" s="91"/>
      <c r="GF764" s="91"/>
      <c r="GG764" s="91"/>
      <c r="GH764" s="91"/>
      <c r="GI764" s="91"/>
      <c r="GJ764" s="91"/>
      <c r="GK764" s="127"/>
      <c r="GL764" s="126"/>
      <c r="GM764" s="91"/>
      <c r="GN764" s="91"/>
      <c r="GO764" s="91"/>
      <c r="GP764" s="91"/>
      <c r="GQ764" s="91"/>
      <c r="GR764" s="91"/>
      <c r="GS764" s="91"/>
      <c r="GT764" s="91"/>
      <c r="GU764" s="91"/>
      <c r="GV764" s="91"/>
      <c r="GW764" s="91"/>
      <c r="GX764" s="91"/>
      <c r="GY764" s="91"/>
      <c r="GZ764" s="91"/>
      <c r="HA764" s="91"/>
      <c r="HB764" s="91"/>
      <c r="HC764" s="91"/>
      <c r="HD764" s="91"/>
      <c r="HE764" s="91"/>
      <c r="HF764" s="91"/>
      <c r="HG764" s="91"/>
      <c r="HH764" s="91"/>
      <c r="HI764" s="91"/>
      <c r="HJ764" s="91"/>
      <c r="HK764" s="127"/>
      <c r="HL764" s="126"/>
      <c r="HM764" s="91"/>
      <c r="HN764" s="91"/>
      <c r="HO764" s="91"/>
      <c r="HP764" s="91"/>
      <c r="HQ764" s="91"/>
      <c r="HR764" s="91"/>
      <c r="HS764" s="91"/>
      <c r="HT764" s="91"/>
      <c r="HU764" s="91"/>
      <c r="HV764" s="91"/>
      <c r="HW764" s="91"/>
      <c r="HX764" s="91"/>
      <c r="HY764" s="91"/>
      <c r="HZ764" s="91"/>
      <c r="IA764" s="91"/>
      <c r="IB764" s="91"/>
      <c r="IC764" s="91"/>
      <c r="ID764" s="91"/>
      <c r="IE764" s="91"/>
      <c r="IF764" s="91"/>
      <c r="IG764" s="91"/>
      <c r="IH764" s="91"/>
      <c r="II764" s="91"/>
      <c r="IJ764" s="91"/>
      <c r="IK764" s="127"/>
    </row>
    <row r="765" spans="2:245" x14ac:dyDescent="0.2">
      <c r="B765" s="43"/>
      <c r="C765" s="73"/>
      <c r="D765" s="64"/>
      <c r="E765" s="64"/>
      <c r="F765" s="55"/>
      <c r="G765" s="102"/>
      <c r="H765" s="55"/>
      <c r="I765" s="55"/>
      <c r="J765" s="55"/>
      <c r="K765" s="55"/>
      <c r="L765" s="55"/>
      <c r="M765" s="55"/>
      <c r="N765" s="55"/>
      <c r="O765" s="55"/>
      <c r="P765" s="55"/>
      <c r="Q765" s="55"/>
      <c r="R765" s="55"/>
      <c r="S765" s="55"/>
      <c r="T765" s="55"/>
      <c r="U765" s="55"/>
      <c r="V765" s="55"/>
      <c r="W765" s="55"/>
      <c r="X765" s="55"/>
      <c r="Y765" s="55"/>
      <c r="Z765" s="55"/>
      <c r="AA765" s="55"/>
      <c r="AB765" s="55"/>
      <c r="AC765" s="55"/>
      <c r="AD765" s="55"/>
      <c r="AE765" s="55"/>
      <c r="AF765" s="55"/>
      <c r="AG765" s="55"/>
      <c r="AY765" s="162"/>
      <c r="AZ765" s="162"/>
      <c r="BA765" s="162"/>
      <c r="BB765" s="162"/>
      <c r="BC765" s="162"/>
      <c r="BD765" s="162"/>
      <c r="BE765" s="162"/>
      <c r="BF765" s="162"/>
      <c r="BG765" s="162"/>
      <c r="BH765" s="162"/>
      <c r="BI765" s="162"/>
      <c r="BJ765" s="162"/>
      <c r="BK765" s="162"/>
      <c r="BL765" s="162"/>
      <c r="BM765" s="162"/>
      <c r="BN765" s="162"/>
      <c r="BO765" s="162"/>
      <c r="BP765" s="162"/>
      <c r="BQ765" s="162"/>
      <c r="BR765" s="162"/>
      <c r="BS765" s="162"/>
      <c r="BT765" s="162"/>
      <c r="BU765" s="162"/>
      <c r="BV765" s="162"/>
      <c r="BW765" s="162"/>
      <c r="BX765" s="162"/>
      <c r="BY765" s="162"/>
      <c r="BZ765" s="162"/>
      <c r="CA765" s="162"/>
      <c r="CB765" s="162"/>
      <c r="CC765" s="162"/>
      <c r="CD765" s="162"/>
      <c r="CE765" s="162"/>
      <c r="CF765" s="162"/>
      <c r="CG765" s="162"/>
      <c r="CH765" s="162"/>
      <c r="CI765" s="162"/>
      <c r="CJ765" s="162"/>
      <c r="CK765" s="162"/>
      <c r="CX765" s="98"/>
      <c r="DL765" s="97"/>
      <c r="DX765" s="98"/>
      <c r="EL765" s="97"/>
      <c r="EX765" s="98"/>
      <c r="EY765" s="97"/>
      <c r="FL765" s="126"/>
      <c r="FM765" s="91"/>
      <c r="FN765" s="91"/>
      <c r="FO765" s="91"/>
      <c r="FP765" s="91"/>
      <c r="FQ765" s="91"/>
      <c r="FR765" s="91"/>
      <c r="FS765" s="91"/>
      <c r="FT765" s="91"/>
      <c r="FU765" s="91"/>
      <c r="FV765" s="91"/>
      <c r="FW765" s="91"/>
      <c r="FX765" s="91"/>
      <c r="FY765" s="91"/>
      <c r="FZ765" s="91"/>
      <c r="GA765" s="91"/>
      <c r="GB765" s="91"/>
      <c r="GC765" s="91"/>
      <c r="GD765" s="91"/>
      <c r="GE765" s="91"/>
      <c r="GF765" s="91"/>
      <c r="GG765" s="91"/>
      <c r="GH765" s="91"/>
      <c r="GI765" s="91"/>
      <c r="GJ765" s="91"/>
      <c r="GK765" s="127"/>
      <c r="GL765" s="126"/>
      <c r="GM765" s="91"/>
      <c r="GN765" s="91"/>
      <c r="GO765" s="91"/>
      <c r="GP765" s="91"/>
      <c r="GQ765" s="91"/>
      <c r="GR765" s="91"/>
      <c r="GS765" s="91"/>
      <c r="GT765" s="91"/>
      <c r="GU765" s="91"/>
      <c r="GV765" s="91"/>
      <c r="GW765" s="91"/>
      <c r="GX765" s="91"/>
      <c r="GY765" s="91"/>
      <c r="GZ765" s="91"/>
      <c r="HA765" s="91"/>
      <c r="HB765" s="91"/>
      <c r="HC765" s="91"/>
      <c r="HD765" s="91"/>
      <c r="HE765" s="91"/>
      <c r="HF765" s="91"/>
      <c r="HG765" s="91"/>
      <c r="HH765" s="91"/>
      <c r="HI765" s="91"/>
      <c r="HJ765" s="91"/>
      <c r="HK765" s="127"/>
      <c r="HL765" s="126"/>
      <c r="HM765" s="91"/>
      <c r="HN765" s="91"/>
      <c r="HO765" s="91"/>
      <c r="HP765" s="91"/>
      <c r="HQ765" s="91"/>
      <c r="HR765" s="91"/>
      <c r="HS765" s="91"/>
      <c r="HT765" s="91"/>
      <c r="HU765" s="91"/>
      <c r="HV765" s="91"/>
      <c r="HW765" s="91"/>
      <c r="HX765" s="91"/>
      <c r="HY765" s="91"/>
      <c r="HZ765" s="91"/>
      <c r="IA765" s="91"/>
      <c r="IB765" s="91"/>
      <c r="IC765" s="91"/>
      <c r="ID765" s="91"/>
      <c r="IE765" s="91"/>
      <c r="IF765" s="91"/>
      <c r="IG765" s="91"/>
      <c r="IH765" s="91"/>
      <c r="II765" s="91"/>
      <c r="IJ765" s="91"/>
      <c r="IK765" s="127"/>
    </row>
    <row r="766" spans="2:245" x14ac:dyDescent="0.2">
      <c r="B766" s="43"/>
      <c r="C766" s="73"/>
      <c r="D766" s="64"/>
      <c r="E766" s="64"/>
      <c r="F766" s="55"/>
      <c r="G766" s="102"/>
      <c r="H766" s="55"/>
      <c r="I766" s="55"/>
      <c r="J766" s="55"/>
      <c r="K766" s="55"/>
      <c r="L766" s="55"/>
      <c r="M766" s="55"/>
      <c r="N766" s="55"/>
      <c r="O766" s="55"/>
      <c r="P766" s="55"/>
      <c r="Q766" s="55"/>
      <c r="R766" s="55"/>
      <c r="S766" s="55"/>
      <c r="T766" s="55"/>
      <c r="U766" s="55"/>
      <c r="V766" s="55"/>
      <c r="W766" s="55"/>
      <c r="X766" s="55"/>
      <c r="Y766" s="55"/>
      <c r="Z766" s="55"/>
      <c r="AA766" s="55"/>
      <c r="AB766" s="55"/>
      <c r="AC766" s="55"/>
      <c r="AD766" s="55"/>
      <c r="AE766" s="55"/>
      <c r="AF766" s="55"/>
      <c r="AG766" s="55"/>
      <c r="AY766" s="162"/>
      <c r="AZ766" s="162"/>
      <c r="BA766" s="162"/>
      <c r="BB766" s="162"/>
      <c r="BC766" s="162"/>
      <c r="BD766" s="162"/>
      <c r="BE766" s="162"/>
      <c r="BF766" s="162"/>
      <c r="BG766" s="162"/>
      <c r="BH766" s="162"/>
      <c r="BI766" s="162"/>
      <c r="BJ766" s="162"/>
      <c r="BK766" s="162"/>
      <c r="BL766" s="162"/>
      <c r="BM766" s="162"/>
      <c r="BN766" s="162"/>
      <c r="BO766" s="162"/>
      <c r="BP766" s="162"/>
      <c r="BQ766" s="162"/>
      <c r="BR766" s="162"/>
      <c r="BS766" s="162"/>
      <c r="BT766" s="162"/>
      <c r="BU766" s="162"/>
      <c r="BV766" s="162"/>
      <c r="BW766" s="162"/>
      <c r="BX766" s="162"/>
      <c r="BY766" s="162"/>
      <c r="BZ766" s="162"/>
      <c r="CA766" s="162"/>
      <c r="CB766" s="162"/>
      <c r="CC766" s="162"/>
      <c r="CD766" s="162"/>
      <c r="CE766" s="162"/>
      <c r="CF766" s="162"/>
      <c r="CG766" s="162"/>
      <c r="CH766" s="162"/>
      <c r="CI766" s="162"/>
      <c r="CJ766" s="162"/>
      <c r="CK766" s="162"/>
      <c r="CX766" s="98"/>
      <c r="DL766" s="97"/>
      <c r="DX766" s="98"/>
      <c r="EL766" s="97"/>
      <c r="EX766" s="98"/>
      <c r="EY766" s="97"/>
      <c r="FL766" s="126"/>
      <c r="FM766" s="91"/>
      <c r="FN766" s="91"/>
      <c r="FO766" s="91"/>
      <c r="FP766" s="91"/>
      <c r="FQ766" s="91"/>
      <c r="FR766" s="91"/>
      <c r="FS766" s="91"/>
      <c r="FT766" s="91"/>
      <c r="FU766" s="91"/>
      <c r="FV766" s="91"/>
      <c r="FW766" s="91"/>
      <c r="FX766" s="91"/>
      <c r="FY766" s="91"/>
      <c r="FZ766" s="91"/>
      <c r="GA766" s="91"/>
      <c r="GB766" s="91"/>
      <c r="GC766" s="91"/>
      <c r="GD766" s="91"/>
      <c r="GE766" s="91"/>
      <c r="GF766" s="91"/>
      <c r="GG766" s="91"/>
      <c r="GH766" s="91"/>
      <c r="GI766" s="91"/>
      <c r="GJ766" s="91"/>
      <c r="GK766" s="127"/>
      <c r="GL766" s="126"/>
      <c r="GM766" s="91"/>
      <c r="GN766" s="91"/>
      <c r="GO766" s="91"/>
      <c r="GP766" s="91"/>
      <c r="GQ766" s="91"/>
      <c r="GR766" s="91"/>
      <c r="GS766" s="91"/>
      <c r="GT766" s="91"/>
      <c r="GU766" s="91"/>
      <c r="GV766" s="91"/>
      <c r="GW766" s="91"/>
      <c r="GX766" s="91"/>
      <c r="GY766" s="91"/>
      <c r="GZ766" s="91"/>
      <c r="HA766" s="91"/>
      <c r="HB766" s="91"/>
      <c r="HC766" s="91"/>
      <c r="HD766" s="91"/>
      <c r="HE766" s="91"/>
      <c r="HF766" s="91"/>
      <c r="HG766" s="91"/>
      <c r="HH766" s="91"/>
      <c r="HI766" s="91"/>
      <c r="HJ766" s="91"/>
      <c r="HK766" s="127"/>
      <c r="HL766" s="126"/>
      <c r="HM766" s="91"/>
      <c r="HN766" s="91"/>
      <c r="HO766" s="91"/>
      <c r="HP766" s="91"/>
      <c r="HQ766" s="91"/>
      <c r="HR766" s="91"/>
      <c r="HS766" s="91"/>
      <c r="HT766" s="91"/>
      <c r="HU766" s="91"/>
      <c r="HV766" s="91"/>
      <c r="HW766" s="91"/>
      <c r="HX766" s="91"/>
      <c r="HY766" s="91"/>
      <c r="HZ766" s="91"/>
      <c r="IA766" s="91"/>
      <c r="IB766" s="91"/>
      <c r="IC766" s="91"/>
      <c r="ID766" s="91"/>
      <c r="IE766" s="91"/>
      <c r="IF766" s="91"/>
      <c r="IG766" s="91"/>
      <c r="IH766" s="91"/>
      <c r="II766" s="91"/>
      <c r="IJ766" s="91"/>
      <c r="IK766" s="127"/>
    </row>
    <row r="767" spans="2:245" x14ac:dyDescent="0.2">
      <c r="B767" s="43"/>
      <c r="C767" s="73"/>
      <c r="D767" s="64"/>
      <c r="E767" s="64"/>
      <c r="F767" s="55"/>
      <c r="G767" s="102"/>
      <c r="H767" s="55"/>
      <c r="I767" s="55"/>
      <c r="J767" s="55"/>
      <c r="K767" s="55"/>
      <c r="L767" s="55"/>
      <c r="M767" s="55"/>
      <c r="N767" s="55"/>
      <c r="O767" s="55"/>
      <c r="P767" s="55"/>
      <c r="Q767" s="55"/>
      <c r="R767" s="55"/>
      <c r="S767" s="55"/>
      <c r="T767" s="55"/>
      <c r="U767" s="55"/>
      <c r="V767" s="55"/>
      <c r="W767" s="55"/>
      <c r="X767" s="55"/>
      <c r="Y767" s="55"/>
      <c r="Z767" s="55"/>
      <c r="AA767" s="55"/>
      <c r="AB767" s="55"/>
      <c r="AC767" s="55"/>
      <c r="AD767" s="55"/>
      <c r="AE767" s="55"/>
      <c r="AF767" s="55"/>
      <c r="AG767" s="55"/>
      <c r="AY767" s="162"/>
      <c r="AZ767" s="162"/>
      <c r="BA767" s="162"/>
      <c r="BB767" s="162"/>
      <c r="BC767" s="162"/>
      <c r="BD767" s="162"/>
      <c r="BE767" s="162"/>
      <c r="BF767" s="162"/>
      <c r="BG767" s="162"/>
      <c r="BH767" s="162"/>
      <c r="BI767" s="162"/>
      <c r="BJ767" s="162"/>
      <c r="BK767" s="162"/>
      <c r="BL767" s="162"/>
      <c r="BM767" s="162"/>
      <c r="BN767" s="162"/>
      <c r="BO767" s="162"/>
      <c r="BP767" s="162"/>
      <c r="BQ767" s="162"/>
      <c r="BR767" s="162"/>
      <c r="BS767" s="162"/>
      <c r="BT767" s="162"/>
      <c r="BU767" s="162"/>
      <c r="BV767" s="162"/>
      <c r="BW767" s="162"/>
      <c r="BX767" s="162"/>
      <c r="BY767" s="162"/>
      <c r="BZ767" s="162"/>
      <c r="CA767" s="162"/>
      <c r="CB767" s="162"/>
      <c r="CC767" s="162"/>
      <c r="CD767" s="162"/>
      <c r="CE767" s="162"/>
      <c r="CF767" s="162"/>
      <c r="CG767" s="162"/>
      <c r="CH767" s="162"/>
      <c r="CI767" s="162"/>
      <c r="CJ767" s="162"/>
      <c r="CK767" s="162"/>
      <c r="CX767" s="98"/>
      <c r="DL767" s="97"/>
      <c r="DX767" s="98"/>
      <c r="EL767" s="97"/>
      <c r="EX767" s="98"/>
      <c r="EY767" s="97"/>
      <c r="FL767" s="126"/>
      <c r="FM767" s="91"/>
      <c r="FN767" s="91"/>
      <c r="FO767" s="91"/>
      <c r="FP767" s="91"/>
      <c r="FQ767" s="91"/>
      <c r="FR767" s="91"/>
      <c r="FS767" s="91"/>
      <c r="FT767" s="91"/>
      <c r="FU767" s="91"/>
      <c r="FV767" s="91"/>
      <c r="FW767" s="91"/>
      <c r="FX767" s="91"/>
      <c r="FY767" s="91"/>
      <c r="FZ767" s="91"/>
      <c r="GA767" s="91"/>
      <c r="GB767" s="91"/>
      <c r="GC767" s="91"/>
      <c r="GD767" s="91"/>
      <c r="GE767" s="91"/>
      <c r="GF767" s="91"/>
      <c r="GG767" s="91"/>
      <c r="GH767" s="91"/>
      <c r="GI767" s="91"/>
      <c r="GJ767" s="91"/>
      <c r="GK767" s="127"/>
      <c r="GL767" s="126"/>
      <c r="GM767" s="91"/>
      <c r="GN767" s="91"/>
      <c r="GO767" s="91"/>
      <c r="GP767" s="91"/>
      <c r="GQ767" s="91"/>
      <c r="GR767" s="91"/>
      <c r="GS767" s="91"/>
      <c r="GT767" s="91"/>
      <c r="GU767" s="91"/>
      <c r="GV767" s="91"/>
      <c r="GW767" s="91"/>
      <c r="GX767" s="91"/>
      <c r="GY767" s="91"/>
      <c r="GZ767" s="91"/>
      <c r="HA767" s="91"/>
      <c r="HB767" s="91"/>
      <c r="HC767" s="91"/>
      <c r="HD767" s="91"/>
      <c r="HE767" s="91"/>
      <c r="HF767" s="91"/>
      <c r="HG767" s="91"/>
      <c r="HH767" s="91"/>
      <c r="HI767" s="91"/>
      <c r="HJ767" s="91"/>
      <c r="HK767" s="127"/>
      <c r="HL767" s="126"/>
      <c r="HM767" s="91"/>
      <c r="HN767" s="91"/>
      <c r="HO767" s="91"/>
      <c r="HP767" s="91"/>
      <c r="HQ767" s="91"/>
      <c r="HR767" s="91"/>
      <c r="HS767" s="91"/>
      <c r="HT767" s="91"/>
      <c r="HU767" s="91"/>
      <c r="HV767" s="91"/>
      <c r="HW767" s="91"/>
      <c r="HX767" s="91"/>
      <c r="HY767" s="91"/>
      <c r="HZ767" s="91"/>
      <c r="IA767" s="91"/>
      <c r="IB767" s="91"/>
      <c r="IC767" s="91"/>
      <c r="ID767" s="91"/>
      <c r="IE767" s="91"/>
      <c r="IF767" s="91"/>
      <c r="IG767" s="91"/>
      <c r="IH767" s="91"/>
      <c r="II767" s="91"/>
      <c r="IJ767" s="91"/>
      <c r="IK767" s="127"/>
    </row>
    <row r="768" spans="2:245" x14ac:dyDescent="0.2">
      <c r="B768" s="43"/>
      <c r="C768" s="73"/>
      <c r="D768" s="64"/>
      <c r="E768" s="64"/>
      <c r="F768" s="55"/>
      <c r="G768" s="102"/>
      <c r="H768" s="55"/>
      <c r="I768" s="55"/>
      <c r="J768" s="55"/>
      <c r="K768" s="55"/>
      <c r="L768" s="55"/>
      <c r="M768" s="55"/>
      <c r="N768" s="55"/>
      <c r="O768" s="55"/>
      <c r="P768" s="55"/>
      <c r="Q768" s="55"/>
      <c r="R768" s="55"/>
      <c r="S768" s="55"/>
      <c r="T768" s="55"/>
      <c r="U768" s="55"/>
      <c r="V768" s="55"/>
      <c r="W768" s="55"/>
      <c r="X768" s="55"/>
      <c r="Y768" s="55"/>
      <c r="Z768" s="55"/>
      <c r="AA768" s="55"/>
      <c r="AB768" s="55"/>
      <c r="AC768" s="55"/>
      <c r="AD768" s="55"/>
      <c r="AE768" s="55"/>
      <c r="AF768" s="55"/>
      <c r="AG768" s="55"/>
      <c r="AY768" s="162"/>
      <c r="AZ768" s="162"/>
      <c r="BA768" s="162"/>
      <c r="BB768" s="162"/>
      <c r="BC768" s="162"/>
      <c r="BD768" s="162"/>
      <c r="BE768" s="162"/>
      <c r="BF768" s="162"/>
      <c r="BG768" s="162"/>
      <c r="BH768" s="162"/>
      <c r="BI768" s="162"/>
      <c r="BJ768" s="162"/>
      <c r="BK768" s="162"/>
      <c r="BL768" s="162"/>
      <c r="BM768" s="162"/>
      <c r="BN768" s="162"/>
      <c r="BO768" s="162"/>
      <c r="BP768" s="162"/>
      <c r="BQ768" s="162"/>
      <c r="BR768" s="162"/>
      <c r="BS768" s="162"/>
      <c r="BT768" s="162"/>
      <c r="BU768" s="162"/>
      <c r="BV768" s="162"/>
      <c r="BW768" s="162"/>
      <c r="BX768" s="162"/>
      <c r="BY768" s="162"/>
      <c r="BZ768" s="162"/>
      <c r="CA768" s="162"/>
      <c r="CB768" s="162"/>
      <c r="CC768" s="162"/>
      <c r="CD768" s="162"/>
      <c r="CE768" s="162"/>
      <c r="CF768" s="162"/>
      <c r="CG768" s="162"/>
      <c r="CH768" s="162"/>
      <c r="CI768" s="162"/>
      <c r="CJ768" s="162"/>
      <c r="CK768" s="162"/>
      <c r="CX768" s="98"/>
      <c r="DL768" s="97"/>
      <c r="DX768" s="98"/>
      <c r="EL768" s="97"/>
      <c r="EX768" s="98"/>
      <c r="EY768" s="97"/>
      <c r="FL768" s="126"/>
      <c r="FM768" s="91"/>
      <c r="FN768" s="91"/>
      <c r="FO768" s="91"/>
      <c r="FP768" s="91"/>
      <c r="FQ768" s="91"/>
      <c r="FR768" s="91"/>
      <c r="FS768" s="91"/>
      <c r="FT768" s="91"/>
      <c r="FU768" s="91"/>
      <c r="FV768" s="91"/>
      <c r="FW768" s="91"/>
      <c r="FX768" s="91"/>
      <c r="FY768" s="91"/>
      <c r="FZ768" s="91"/>
      <c r="GA768" s="91"/>
      <c r="GB768" s="91"/>
      <c r="GC768" s="91"/>
      <c r="GD768" s="91"/>
      <c r="GE768" s="91"/>
      <c r="GF768" s="91"/>
      <c r="GG768" s="91"/>
      <c r="GH768" s="91"/>
      <c r="GI768" s="91"/>
      <c r="GJ768" s="91"/>
      <c r="GK768" s="127"/>
      <c r="GL768" s="126"/>
      <c r="GM768" s="91"/>
      <c r="GN768" s="91"/>
      <c r="GO768" s="91"/>
      <c r="GP768" s="91"/>
      <c r="GQ768" s="91"/>
      <c r="GR768" s="91"/>
      <c r="GS768" s="91"/>
      <c r="GT768" s="91"/>
      <c r="GU768" s="91"/>
      <c r="GV768" s="91"/>
      <c r="GW768" s="91"/>
      <c r="GX768" s="91"/>
      <c r="GY768" s="91"/>
      <c r="GZ768" s="91"/>
      <c r="HA768" s="91"/>
      <c r="HB768" s="91"/>
      <c r="HC768" s="91"/>
      <c r="HD768" s="91"/>
      <c r="HE768" s="91"/>
      <c r="HF768" s="91"/>
      <c r="HG768" s="91"/>
      <c r="HH768" s="91"/>
      <c r="HI768" s="91"/>
      <c r="HJ768" s="91"/>
      <c r="HK768" s="127"/>
      <c r="HL768" s="126"/>
      <c r="HM768" s="91"/>
      <c r="HN768" s="91"/>
      <c r="HO768" s="91"/>
      <c r="HP768" s="91"/>
      <c r="HQ768" s="91"/>
      <c r="HR768" s="91"/>
      <c r="HS768" s="91"/>
      <c r="HT768" s="91"/>
      <c r="HU768" s="91"/>
      <c r="HV768" s="91"/>
      <c r="HW768" s="91"/>
      <c r="HX768" s="91"/>
      <c r="HY768" s="91"/>
      <c r="HZ768" s="91"/>
      <c r="IA768" s="91"/>
      <c r="IB768" s="91"/>
      <c r="IC768" s="91"/>
      <c r="ID768" s="91"/>
      <c r="IE768" s="91"/>
      <c r="IF768" s="91"/>
      <c r="IG768" s="91"/>
      <c r="IH768" s="91"/>
      <c r="II768" s="91"/>
      <c r="IJ768" s="91"/>
      <c r="IK768" s="127"/>
    </row>
    <row r="769" spans="2:245" x14ac:dyDescent="0.2">
      <c r="B769" s="43"/>
      <c r="C769" s="73"/>
      <c r="D769" s="64"/>
      <c r="E769" s="64"/>
      <c r="F769" s="55"/>
      <c r="G769" s="102"/>
      <c r="H769" s="55"/>
      <c r="I769" s="55"/>
      <c r="J769" s="55"/>
      <c r="K769" s="55"/>
      <c r="L769" s="55"/>
      <c r="M769" s="55"/>
      <c r="N769" s="55"/>
      <c r="O769" s="55"/>
      <c r="P769" s="55"/>
      <c r="Q769" s="55"/>
      <c r="R769" s="55"/>
      <c r="S769" s="55"/>
      <c r="T769" s="55"/>
      <c r="U769" s="55"/>
      <c r="V769" s="55"/>
      <c r="W769" s="55"/>
      <c r="X769" s="55"/>
      <c r="Y769" s="55"/>
      <c r="Z769" s="55"/>
      <c r="AA769" s="55"/>
      <c r="AB769" s="55"/>
      <c r="AC769" s="55"/>
      <c r="AD769" s="55"/>
      <c r="AE769" s="55"/>
      <c r="AF769" s="55"/>
      <c r="AG769" s="55"/>
      <c r="AY769" s="162"/>
      <c r="AZ769" s="162"/>
      <c r="BA769" s="162"/>
      <c r="BB769" s="162"/>
      <c r="BC769" s="162"/>
      <c r="BD769" s="162"/>
      <c r="BE769" s="162"/>
      <c r="BF769" s="162"/>
      <c r="BG769" s="162"/>
      <c r="BH769" s="162"/>
      <c r="BI769" s="162"/>
      <c r="BJ769" s="162"/>
      <c r="BK769" s="162"/>
      <c r="BL769" s="162"/>
      <c r="BM769" s="162"/>
      <c r="BN769" s="162"/>
      <c r="BO769" s="162"/>
      <c r="BP769" s="162"/>
      <c r="BQ769" s="162"/>
      <c r="BR769" s="162"/>
      <c r="BS769" s="162"/>
      <c r="BT769" s="162"/>
      <c r="BU769" s="162"/>
      <c r="BV769" s="162"/>
      <c r="BW769" s="162"/>
      <c r="BX769" s="162"/>
      <c r="BY769" s="162"/>
      <c r="BZ769" s="162"/>
      <c r="CA769" s="162"/>
      <c r="CB769" s="162"/>
      <c r="CC769" s="162"/>
      <c r="CD769" s="162"/>
      <c r="CE769" s="162"/>
      <c r="CF769" s="162"/>
      <c r="CG769" s="162"/>
      <c r="CH769" s="162"/>
      <c r="CI769" s="162"/>
      <c r="CJ769" s="162"/>
      <c r="CK769" s="162"/>
      <c r="CX769" s="98"/>
      <c r="DL769" s="97"/>
      <c r="DX769" s="98"/>
      <c r="EL769" s="97"/>
      <c r="EX769" s="98"/>
      <c r="EY769" s="97"/>
      <c r="FL769" s="126"/>
      <c r="FM769" s="91"/>
      <c r="FN769" s="91"/>
      <c r="FO769" s="91"/>
      <c r="FP769" s="91"/>
      <c r="FQ769" s="91"/>
      <c r="FR769" s="91"/>
      <c r="FS769" s="91"/>
      <c r="FT769" s="91"/>
      <c r="FU769" s="91"/>
      <c r="FV769" s="91"/>
      <c r="FW769" s="91"/>
      <c r="FX769" s="91"/>
      <c r="FY769" s="91"/>
      <c r="FZ769" s="91"/>
      <c r="GA769" s="91"/>
      <c r="GB769" s="91"/>
      <c r="GC769" s="91"/>
      <c r="GD769" s="91"/>
      <c r="GE769" s="91"/>
      <c r="GF769" s="91"/>
      <c r="GG769" s="91"/>
      <c r="GH769" s="91"/>
      <c r="GI769" s="91"/>
      <c r="GJ769" s="91"/>
      <c r="GK769" s="127"/>
      <c r="GL769" s="126"/>
      <c r="GM769" s="91"/>
      <c r="GN769" s="91"/>
      <c r="GO769" s="91"/>
      <c r="GP769" s="91"/>
      <c r="GQ769" s="91"/>
      <c r="GR769" s="91"/>
      <c r="GS769" s="91"/>
      <c r="GT769" s="91"/>
      <c r="GU769" s="91"/>
      <c r="GV769" s="91"/>
      <c r="GW769" s="91"/>
      <c r="GX769" s="91"/>
      <c r="GY769" s="91"/>
      <c r="GZ769" s="91"/>
      <c r="HA769" s="91"/>
      <c r="HB769" s="91"/>
      <c r="HC769" s="91"/>
      <c r="HD769" s="91"/>
      <c r="HE769" s="91"/>
      <c r="HF769" s="91"/>
      <c r="HG769" s="91"/>
      <c r="HH769" s="91"/>
      <c r="HI769" s="91"/>
      <c r="HJ769" s="91"/>
      <c r="HK769" s="127"/>
      <c r="HL769" s="126"/>
      <c r="HM769" s="91"/>
      <c r="HN769" s="91"/>
      <c r="HO769" s="91"/>
      <c r="HP769" s="91"/>
      <c r="HQ769" s="91"/>
      <c r="HR769" s="91"/>
      <c r="HS769" s="91"/>
      <c r="HT769" s="91"/>
      <c r="HU769" s="91"/>
      <c r="HV769" s="91"/>
      <c r="HW769" s="91"/>
      <c r="HX769" s="91"/>
      <c r="HY769" s="91"/>
      <c r="HZ769" s="91"/>
      <c r="IA769" s="91"/>
      <c r="IB769" s="91"/>
      <c r="IC769" s="91"/>
      <c r="ID769" s="91"/>
      <c r="IE769" s="91"/>
      <c r="IF769" s="91"/>
      <c r="IG769" s="91"/>
      <c r="IH769" s="91"/>
      <c r="II769" s="91"/>
      <c r="IJ769" s="91"/>
      <c r="IK769" s="127"/>
    </row>
    <row r="770" spans="2:245" x14ac:dyDescent="0.2">
      <c r="B770" s="43"/>
      <c r="C770" s="73"/>
      <c r="D770" s="64"/>
      <c r="E770" s="64"/>
      <c r="F770" s="55"/>
      <c r="G770" s="102"/>
      <c r="H770" s="55"/>
      <c r="I770" s="55"/>
      <c r="J770" s="55"/>
      <c r="K770" s="55"/>
      <c r="L770" s="55"/>
      <c r="M770" s="55"/>
      <c r="N770" s="55"/>
      <c r="O770" s="55"/>
      <c r="P770" s="55"/>
      <c r="Q770" s="55"/>
      <c r="R770" s="55"/>
      <c r="S770" s="55"/>
      <c r="T770" s="55"/>
      <c r="U770" s="55"/>
      <c r="V770" s="55"/>
      <c r="W770" s="55"/>
      <c r="X770" s="55"/>
      <c r="Y770" s="55"/>
      <c r="Z770" s="55"/>
      <c r="AA770" s="55"/>
      <c r="AB770" s="55"/>
      <c r="AC770" s="55"/>
      <c r="AD770" s="55"/>
      <c r="AE770" s="55"/>
      <c r="AF770" s="55"/>
      <c r="AG770" s="55"/>
      <c r="AY770" s="162"/>
      <c r="AZ770" s="162"/>
      <c r="BA770" s="162"/>
      <c r="BB770" s="162"/>
      <c r="BC770" s="162"/>
      <c r="BD770" s="162"/>
      <c r="BE770" s="162"/>
      <c r="BF770" s="162"/>
      <c r="BG770" s="162"/>
      <c r="BH770" s="162"/>
      <c r="BI770" s="162"/>
      <c r="BJ770" s="162"/>
      <c r="BK770" s="162"/>
      <c r="BL770" s="162"/>
      <c r="BM770" s="162"/>
      <c r="BN770" s="162"/>
      <c r="BO770" s="162"/>
      <c r="BP770" s="162"/>
      <c r="BQ770" s="162"/>
      <c r="BR770" s="162"/>
      <c r="BS770" s="162"/>
      <c r="BT770" s="162"/>
      <c r="BU770" s="162"/>
      <c r="BV770" s="162"/>
      <c r="BW770" s="162"/>
      <c r="BX770" s="162"/>
      <c r="BY770" s="162"/>
      <c r="BZ770" s="162"/>
      <c r="CA770" s="162"/>
      <c r="CB770" s="162"/>
      <c r="CC770" s="162"/>
      <c r="CD770" s="162"/>
      <c r="CE770" s="162"/>
      <c r="CF770" s="162"/>
      <c r="CG770" s="162"/>
      <c r="CH770" s="162"/>
      <c r="CI770" s="162"/>
      <c r="CJ770" s="162"/>
      <c r="CK770" s="162"/>
      <c r="CX770" s="98"/>
      <c r="DL770" s="97"/>
      <c r="DX770" s="98"/>
      <c r="EL770" s="97"/>
      <c r="EX770" s="98"/>
      <c r="EY770" s="97"/>
      <c r="FL770" s="126"/>
      <c r="FM770" s="91"/>
      <c r="FN770" s="91"/>
      <c r="FO770" s="91"/>
      <c r="FP770" s="91"/>
      <c r="FQ770" s="91"/>
      <c r="FR770" s="91"/>
      <c r="FS770" s="91"/>
      <c r="FT770" s="91"/>
      <c r="FU770" s="91"/>
      <c r="FV770" s="91"/>
      <c r="FW770" s="91"/>
      <c r="FX770" s="91"/>
      <c r="FY770" s="91"/>
      <c r="FZ770" s="91"/>
      <c r="GA770" s="91"/>
      <c r="GB770" s="91"/>
      <c r="GC770" s="91"/>
      <c r="GD770" s="91"/>
      <c r="GE770" s="91"/>
      <c r="GF770" s="91"/>
      <c r="GG770" s="91"/>
      <c r="GH770" s="91"/>
      <c r="GI770" s="91"/>
      <c r="GJ770" s="91"/>
      <c r="GK770" s="127"/>
      <c r="GL770" s="126"/>
      <c r="GM770" s="91"/>
      <c r="GN770" s="91"/>
      <c r="GO770" s="91"/>
      <c r="GP770" s="91"/>
      <c r="GQ770" s="91"/>
      <c r="GR770" s="91"/>
      <c r="GS770" s="91"/>
      <c r="GT770" s="91"/>
      <c r="GU770" s="91"/>
      <c r="GV770" s="91"/>
      <c r="GW770" s="91"/>
      <c r="GX770" s="91"/>
      <c r="GY770" s="91"/>
      <c r="GZ770" s="91"/>
      <c r="HA770" s="91"/>
      <c r="HB770" s="91"/>
      <c r="HC770" s="91"/>
      <c r="HD770" s="91"/>
      <c r="HE770" s="91"/>
      <c r="HF770" s="91"/>
      <c r="HG770" s="91"/>
      <c r="HH770" s="91"/>
      <c r="HI770" s="91"/>
      <c r="HJ770" s="91"/>
      <c r="HK770" s="127"/>
      <c r="HL770" s="126"/>
      <c r="HM770" s="91"/>
      <c r="HN770" s="91"/>
      <c r="HO770" s="91"/>
      <c r="HP770" s="91"/>
      <c r="HQ770" s="91"/>
      <c r="HR770" s="91"/>
      <c r="HS770" s="91"/>
      <c r="HT770" s="91"/>
      <c r="HU770" s="91"/>
      <c r="HV770" s="91"/>
      <c r="HW770" s="91"/>
      <c r="HX770" s="91"/>
      <c r="HY770" s="91"/>
      <c r="HZ770" s="91"/>
      <c r="IA770" s="91"/>
      <c r="IB770" s="91"/>
      <c r="IC770" s="91"/>
      <c r="ID770" s="91"/>
      <c r="IE770" s="91"/>
      <c r="IF770" s="91"/>
      <c r="IG770" s="91"/>
      <c r="IH770" s="91"/>
      <c r="II770" s="91"/>
      <c r="IJ770" s="91"/>
      <c r="IK770" s="127"/>
    </row>
    <row r="771" spans="2:245" x14ac:dyDescent="0.2">
      <c r="B771" s="43"/>
      <c r="C771" s="73"/>
      <c r="D771" s="64"/>
      <c r="E771" s="64"/>
      <c r="F771" s="55"/>
      <c r="G771" s="102"/>
      <c r="H771" s="55"/>
      <c r="I771" s="55"/>
      <c r="J771" s="55"/>
      <c r="K771" s="55"/>
      <c r="L771" s="55"/>
      <c r="M771" s="55"/>
      <c r="N771" s="55"/>
      <c r="O771" s="55"/>
      <c r="P771" s="55"/>
      <c r="Q771" s="55"/>
      <c r="R771" s="55"/>
      <c r="S771" s="55"/>
      <c r="T771" s="55"/>
      <c r="U771" s="55"/>
      <c r="V771" s="55"/>
      <c r="W771" s="55"/>
      <c r="X771" s="55"/>
      <c r="Y771" s="55"/>
      <c r="Z771" s="55"/>
      <c r="AA771" s="55"/>
      <c r="AB771" s="55"/>
      <c r="AC771" s="55"/>
      <c r="AD771" s="55"/>
      <c r="AE771" s="55"/>
      <c r="AF771" s="55"/>
      <c r="AG771" s="55"/>
      <c r="AY771" s="162"/>
      <c r="AZ771" s="162"/>
      <c r="BA771" s="162"/>
      <c r="BB771" s="162"/>
      <c r="BC771" s="162"/>
      <c r="BD771" s="162"/>
      <c r="BE771" s="162"/>
      <c r="BF771" s="162"/>
      <c r="BG771" s="162"/>
      <c r="BH771" s="162"/>
      <c r="BI771" s="162"/>
      <c r="BJ771" s="162"/>
      <c r="BK771" s="162"/>
      <c r="BL771" s="162"/>
      <c r="BM771" s="162"/>
      <c r="BN771" s="162"/>
      <c r="BO771" s="162"/>
      <c r="BP771" s="162"/>
      <c r="BQ771" s="162"/>
      <c r="BR771" s="162"/>
      <c r="BS771" s="162"/>
      <c r="BT771" s="162"/>
      <c r="BU771" s="162"/>
      <c r="BV771" s="162"/>
      <c r="BW771" s="162"/>
      <c r="BX771" s="162"/>
      <c r="BY771" s="162"/>
      <c r="BZ771" s="162"/>
      <c r="CA771" s="162"/>
      <c r="CB771" s="162"/>
      <c r="CC771" s="162"/>
      <c r="CD771" s="162"/>
      <c r="CE771" s="162"/>
      <c r="CF771" s="162"/>
      <c r="CG771" s="162"/>
      <c r="CH771" s="162"/>
      <c r="CI771" s="162"/>
      <c r="CJ771" s="162"/>
      <c r="CK771" s="162"/>
      <c r="CX771" s="98"/>
      <c r="DL771" s="97"/>
      <c r="DX771" s="98"/>
      <c r="EL771" s="97"/>
      <c r="EX771" s="98"/>
      <c r="EY771" s="97"/>
      <c r="FL771" s="126"/>
      <c r="FM771" s="91"/>
      <c r="FN771" s="91"/>
      <c r="FO771" s="91"/>
      <c r="FP771" s="91"/>
      <c r="FQ771" s="91"/>
      <c r="FR771" s="91"/>
      <c r="FS771" s="91"/>
      <c r="FT771" s="91"/>
      <c r="FU771" s="91"/>
      <c r="FV771" s="91"/>
      <c r="FW771" s="91"/>
      <c r="FX771" s="91"/>
      <c r="FY771" s="91"/>
      <c r="FZ771" s="91"/>
      <c r="GA771" s="91"/>
      <c r="GB771" s="91"/>
      <c r="GC771" s="91"/>
      <c r="GD771" s="91"/>
      <c r="GE771" s="91"/>
      <c r="GF771" s="91"/>
      <c r="GG771" s="91"/>
      <c r="GH771" s="91"/>
      <c r="GI771" s="91"/>
      <c r="GJ771" s="91"/>
      <c r="GK771" s="127"/>
      <c r="GL771" s="126"/>
      <c r="GM771" s="91"/>
      <c r="GN771" s="91"/>
      <c r="GO771" s="91"/>
      <c r="GP771" s="91"/>
      <c r="GQ771" s="91"/>
      <c r="GR771" s="91"/>
      <c r="GS771" s="91"/>
      <c r="GT771" s="91"/>
      <c r="GU771" s="91"/>
      <c r="GV771" s="91"/>
      <c r="GW771" s="91"/>
      <c r="GX771" s="91"/>
      <c r="GY771" s="91"/>
      <c r="GZ771" s="91"/>
      <c r="HA771" s="91"/>
      <c r="HB771" s="91"/>
      <c r="HC771" s="91"/>
      <c r="HD771" s="91"/>
      <c r="HE771" s="91"/>
      <c r="HF771" s="91"/>
      <c r="HG771" s="91"/>
      <c r="HH771" s="91"/>
      <c r="HI771" s="91"/>
      <c r="HJ771" s="91"/>
      <c r="HK771" s="127"/>
      <c r="HL771" s="126"/>
      <c r="HM771" s="91"/>
      <c r="HN771" s="91"/>
      <c r="HO771" s="91"/>
      <c r="HP771" s="91"/>
      <c r="HQ771" s="91"/>
      <c r="HR771" s="91"/>
      <c r="HS771" s="91"/>
      <c r="HT771" s="91"/>
      <c r="HU771" s="91"/>
      <c r="HV771" s="91"/>
      <c r="HW771" s="91"/>
      <c r="HX771" s="91"/>
      <c r="HY771" s="91"/>
      <c r="HZ771" s="91"/>
      <c r="IA771" s="91"/>
      <c r="IB771" s="91"/>
      <c r="IC771" s="91"/>
      <c r="ID771" s="91"/>
      <c r="IE771" s="91"/>
      <c r="IF771" s="91"/>
      <c r="IG771" s="91"/>
      <c r="IH771" s="91"/>
      <c r="II771" s="91"/>
      <c r="IJ771" s="91"/>
      <c r="IK771" s="127"/>
    </row>
    <row r="772" spans="2:245" x14ac:dyDescent="0.2">
      <c r="B772" s="43"/>
      <c r="C772" s="73"/>
      <c r="D772" s="64"/>
      <c r="E772" s="64"/>
      <c r="F772" s="55"/>
      <c r="G772" s="102"/>
      <c r="H772" s="55"/>
      <c r="I772" s="55"/>
      <c r="J772" s="55"/>
      <c r="K772" s="55"/>
      <c r="L772" s="55"/>
      <c r="M772" s="55"/>
      <c r="N772" s="55"/>
      <c r="O772" s="55"/>
      <c r="P772" s="55"/>
      <c r="Q772" s="55"/>
      <c r="R772" s="55"/>
      <c r="S772" s="55"/>
      <c r="T772" s="55"/>
      <c r="U772" s="55"/>
      <c r="V772" s="55"/>
      <c r="W772" s="55"/>
      <c r="X772" s="55"/>
      <c r="Y772" s="55"/>
      <c r="Z772" s="55"/>
      <c r="AA772" s="55"/>
      <c r="AB772" s="55"/>
      <c r="AC772" s="55"/>
      <c r="AD772" s="55"/>
      <c r="AE772" s="55"/>
      <c r="AF772" s="55"/>
      <c r="AG772" s="55"/>
      <c r="AY772" s="162"/>
      <c r="AZ772" s="162"/>
      <c r="BA772" s="162"/>
      <c r="BB772" s="162"/>
      <c r="BC772" s="162"/>
      <c r="BD772" s="162"/>
      <c r="BE772" s="162"/>
      <c r="BF772" s="162"/>
      <c r="BG772" s="162"/>
      <c r="BH772" s="162"/>
      <c r="BI772" s="162"/>
      <c r="BJ772" s="162"/>
      <c r="BK772" s="162"/>
      <c r="BL772" s="162"/>
      <c r="BM772" s="162"/>
      <c r="BN772" s="162"/>
      <c r="BO772" s="162"/>
      <c r="BP772" s="162"/>
      <c r="BQ772" s="162"/>
      <c r="BR772" s="162"/>
      <c r="BS772" s="162"/>
      <c r="BT772" s="162"/>
      <c r="BU772" s="162"/>
      <c r="BV772" s="162"/>
      <c r="BW772" s="162"/>
      <c r="BX772" s="162"/>
      <c r="BY772" s="162"/>
      <c r="BZ772" s="162"/>
      <c r="CA772" s="162"/>
      <c r="CB772" s="162"/>
      <c r="CC772" s="162"/>
      <c r="CD772" s="162"/>
      <c r="CE772" s="162"/>
      <c r="CF772" s="162"/>
      <c r="CG772" s="162"/>
      <c r="CH772" s="162"/>
      <c r="CI772" s="162"/>
      <c r="CJ772" s="162"/>
      <c r="CK772" s="162"/>
      <c r="CX772" s="98"/>
      <c r="DL772" s="97"/>
      <c r="DX772" s="98"/>
      <c r="EL772" s="97"/>
      <c r="EX772" s="98"/>
      <c r="EY772" s="97"/>
      <c r="FL772" s="126"/>
      <c r="FM772" s="91"/>
      <c r="FN772" s="91"/>
      <c r="FO772" s="91"/>
      <c r="FP772" s="91"/>
      <c r="FQ772" s="91"/>
      <c r="FR772" s="91"/>
      <c r="FS772" s="91"/>
      <c r="FT772" s="91"/>
      <c r="FU772" s="91"/>
      <c r="FV772" s="91"/>
      <c r="FW772" s="91"/>
      <c r="FX772" s="91"/>
      <c r="FY772" s="91"/>
      <c r="FZ772" s="91"/>
      <c r="GA772" s="91"/>
      <c r="GB772" s="91"/>
      <c r="GC772" s="91"/>
      <c r="GD772" s="91"/>
      <c r="GE772" s="91"/>
      <c r="GF772" s="91"/>
      <c r="GG772" s="91"/>
      <c r="GH772" s="91"/>
      <c r="GI772" s="91"/>
      <c r="GJ772" s="91"/>
      <c r="GK772" s="127"/>
      <c r="GL772" s="126"/>
      <c r="GM772" s="91"/>
      <c r="GN772" s="91"/>
      <c r="GO772" s="91"/>
      <c r="GP772" s="91"/>
      <c r="GQ772" s="91"/>
      <c r="GR772" s="91"/>
      <c r="GS772" s="91"/>
      <c r="GT772" s="91"/>
      <c r="GU772" s="91"/>
      <c r="GV772" s="91"/>
      <c r="GW772" s="91"/>
      <c r="GX772" s="91"/>
      <c r="GY772" s="91"/>
      <c r="GZ772" s="91"/>
      <c r="HA772" s="91"/>
      <c r="HB772" s="91"/>
      <c r="HC772" s="91"/>
      <c r="HD772" s="91"/>
      <c r="HE772" s="91"/>
      <c r="HF772" s="91"/>
      <c r="HG772" s="91"/>
      <c r="HH772" s="91"/>
      <c r="HI772" s="91"/>
      <c r="HJ772" s="91"/>
      <c r="HK772" s="127"/>
      <c r="HL772" s="126"/>
      <c r="HM772" s="91"/>
      <c r="HN772" s="91"/>
      <c r="HO772" s="91"/>
      <c r="HP772" s="91"/>
      <c r="HQ772" s="91"/>
      <c r="HR772" s="91"/>
      <c r="HS772" s="91"/>
      <c r="HT772" s="91"/>
      <c r="HU772" s="91"/>
      <c r="HV772" s="91"/>
      <c r="HW772" s="91"/>
      <c r="HX772" s="91"/>
      <c r="HY772" s="91"/>
      <c r="HZ772" s="91"/>
      <c r="IA772" s="91"/>
      <c r="IB772" s="91"/>
      <c r="IC772" s="91"/>
      <c r="ID772" s="91"/>
      <c r="IE772" s="91"/>
      <c r="IF772" s="91"/>
      <c r="IG772" s="91"/>
      <c r="IH772" s="91"/>
      <c r="II772" s="91"/>
      <c r="IJ772" s="91"/>
      <c r="IK772" s="127"/>
    </row>
    <row r="773" spans="2:245" x14ac:dyDescent="0.2">
      <c r="B773" s="43"/>
      <c r="C773" s="73"/>
      <c r="D773" s="64"/>
      <c r="E773" s="64"/>
      <c r="F773" s="55"/>
      <c r="G773" s="102"/>
      <c r="H773" s="55"/>
      <c r="I773" s="55"/>
      <c r="J773" s="55"/>
      <c r="K773" s="55"/>
      <c r="L773" s="55"/>
      <c r="M773" s="55"/>
      <c r="N773" s="55"/>
      <c r="O773" s="55"/>
      <c r="P773" s="55"/>
      <c r="Q773" s="55"/>
      <c r="R773" s="55"/>
      <c r="S773" s="55"/>
      <c r="T773" s="55"/>
      <c r="U773" s="55"/>
      <c r="V773" s="55"/>
      <c r="W773" s="55"/>
      <c r="X773" s="55"/>
      <c r="Y773" s="55"/>
      <c r="Z773" s="55"/>
      <c r="AA773" s="55"/>
      <c r="AB773" s="55"/>
      <c r="AC773" s="55"/>
      <c r="AD773" s="55"/>
      <c r="AE773" s="55"/>
      <c r="AF773" s="55"/>
      <c r="AG773" s="55"/>
      <c r="AY773" s="162"/>
      <c r="AZ773" s="162"/>
      <c r="BA773" s="162"/>
      <c r="BB773" s="162"/>
      <c r="BC773" s="162"/>
      <c r="BD773" s="162"/>
      <c r="BE773" s="162"/>
      <c r="BF773" s="162"/>
      <c r="BG773" s="162"/>
      <c r="BH773" s="162"/>
      <c r="BI773" s="162"/>
      <c r="BJ773" s="162"/>
      <c r="BK773" s="162"/>
      <c r="BL773" s="162"/>
      <c r="BM773" s="162"/>
      <c r="BN773" s="162"/>
      <c r="BO773" s="162"/>
      <c r="BP773" s="162"/>
      <c r="BQ773" s="162"/>
      <c r="BR773" s="162"/>
      <c r="BS773" s="162"/>
      <c r="BT773" s="162"/>
      <c r="BU773" s="162"/>
      <c r="BV773" s="162"/>
      <c r="BW773" s="162"/>
      <c r="BX773" s="162"/>
      <c r="BY773" s="162"/>
      <c r="BZ773" s="162"/>
      <c r="CA773" s="162"/>
      <c r="CB773" s="162"/>
      <c r="CC773" s="162"/>
      <c r="CD773" s="162"/>
      <c r="CE773" s="162"/>
      <c r="CF773" s="162"/>
      <c r="CG773" s="162"/>
      <c r="CH773" s="162"/>
      <c r="CI773" s="162"/>
      <c r="CJ773" s="162"/>
      <c r="CK773" s="162"/>
      <c r="CX773" s="98"/>
      <c r="DL773" s="97"/>
      <c r="DX773" s="98"/>
      <c r="EL773" s="97"/>
      <c r="EX773" s="98"/>
      <c r="EY773" s="97"/>
      <c r="FL773" s="126"/>
      <c r="FM773" s="91"/>
      <c r="FN773" s="91"/>
      <c r="FO773" s="91"/>
      <c r="FP773" s="91"/>
      <c r="FQ773" s="91"/>
      <c r="FR773" s="91"/>
      <c r="FS773" s="91"/>
      <c r="FT773" s="91"/>
      <c r="FU773" s="91"/>
      <c r="FV773" s="91"/>
      <c r="FW773" s="91"/>
      <c r="FX773" s="91"/>
      <c r="FY773" s="91"/>
      <c r="FZ773" s="91"/>
      <c r="GA773" s="91"/>
      <c r="GB773" s="91"/>
      <c r="GC773" s="91"/>
      <c r="GD773" s="91"/>
      <c r="GE773" s="91"/>
      <c r="GF773" s="91"/>
      <c r="GG773" s="91"/>
      <c r="GH773" s="91"/>
      <c r="GI773" s="91"/>
      <c r="GJ773" s="91"/>
      <c r="GK773" s="127"/>
      <c r="GL773" s="126"/>
      <c r="GM773" s="91"/>
      <c r="GN773" s="91"/>
      <c r="GO773" s="91"/>
      <c r="GP773" s="91"/>
      <c r="GQ773" s="91"/>
      <c r="GR773" s="91"/>
      <c r="GS773" s="91"/>
      <c r="GT773" s="91"/>
      <c r="GU773" s="91"/>
      <c r="GV773" s="91"/>
      <c r="GW773" s="91"/>
      <c r="GX773" s="91"/>
      <c r="GY773" s="91"/>
      <c r="GZ773" s="91"/>
      <c r="HA773" s="91"/>
      <c r="HB773" s="91"/>
      <c r="HC773" s="91"/>
      <c r="HD773" s="91"/>
      <c r="HE773" s="91"/>
      <c r="HF773" s="91"/>
      <c r="HG773" s="91"/>
      <c r="HH773" s="91"/>
      <c r="HI773" s="91"/>
      <c r="HJ773" s="91"/>
      <c r="HK773" s="127"/>
      <c r="HL773" s="126"/>
      <c r="HM773" s="91"/>
      <c r="HN773" s="91"/>
      <c r="HO773" s="91"/>
      <c r="HP773" s="91"/>
      <c r="HQ773" s="91"/>
      <c r="HR773" s="91"/>
      <c r="HS773" s="91"/>
      <c r="HT773" s="91"/>
      <c r="HU773" s="91"/>
      <c r="HV773" s="91"/>
      <c r="HW773" s="91"/>
      <c r="HX773" s="91"/>
      <c r="HY773" s="91"/>
      <c r="HZ773" s="91"/>
      <c r="IA773" s="91"/>
      <c r="IB773" s="91"/>
      <c r="IC773" s="91"/>
      <c r="ID773" s="91"/>
      <c r="IE773" s="91"/>
      <c r="IF773" s="91"/>
      <c r="IG773" s="91"/>
      <c r="IH773" s="91"/>
      <c r="II773" s="91"/>
      <c r="IJ773" s="91"/>
      <c r="IK773" s="127"/>
    </row>
    <row r="774" spans="2:245" x14ac:dyDescent="0.2">
      <c r="B774" s="43"/>
      <c r="C774" s="73"/>
      <c r="D774" s="64"/>
      <c r="E774" s="64"/>
      <c r="F774" s="55"/>
      <c r="G774" s="102"/>
      <c r="H774" s="55"/>
      <c r="I774" s="55"/>
      <c r="J774" s="55"/>
      <c r="K774" s="55"/>
      <c r="L774" s="55"/>
      <c r="M774" s="55"/>
      <c r="N774" s="55"/>
      <c r="O774" s="55"/>
      <c r="P774" s="55"/>
      <c r="Q774" s="55"/>
      <c r="R774" s="55"/>
      <c r="S774" s="55"/>
      <c r="T774" s="55"/>
      <c r="U774" s="55"/>
      <c r="V774" s="55"/>
      <c r="W774" s="55"/>
      <c r="X774" s="55"/>
      <c r="Y774" s="55"/>
      <c r="Z774" s="55"/>
      <c r="AA774" s="55"/>
      <c r="AB774" s="55"/>
      <c r="AC774" s="55"/>
      <c r="AD774" s="55"/>
      <c r="AE774" s="55"/>
      <c r="AF774" s="55"/>
      <c r="AG774" s="55"/>
      <c r="AY774" s="162"/>
      <c r="AZ774" s="162"/>
      <c r="BA774" s="162"/>
      <c r="BB774" s="162"/>
      <c r="BC774" s="162"/>
      <c r="BD774" s="162"/>
      <c r="BE774" s="162"/>
      <c r="BF774" s="162"/>
      <c r="BG774" s="162"/>
      <c r="BH774" s="162"/>
      <c r="BI774" s="162"/>
      <c r="BJ774" s="162"/>
      <c r="BK774" s="162"/>
      <c r="BL774" s="162"/>
      <c r="BM774" s="162"/>
      <c r="BN774" s="162"/>
      <c r="BO774" s="162"/>
      <c r="BP774" s="162"/>
      <c r="BQ774" s="162"/>
      <c r="BR774" s="162"/>
      <c r="BS774" s="162"/>
      <c r="BT774" s="162"/>
      <c r="BU774" s="162"/>
      <c r="BV774" s="162"/>
      <c r="BW774" s="162"/>
      <c r="BX774" s="162"/>
      <c r="BY774" s="162"/>
      <c r="BZ774" s="162"/>
      <c r="CA774" s="162"/>
      <c r="CB774" s="162"/>
      <c r="CC774" s="162"/>
      <c r="CD774" s="162"/>
      <c r="CE774" s="162"/>
      <c r="CF774" s="162"/>
      <c r="CG774" s="162"/>
      <c r="CH774" s="162"/>
      <c r="CI774" s="162"/>
      <c r="CJ774" s="162"/>
      <c r="CK774" s="162"/>
      <c r="CX774" s="98"/>
      <c r="DL774" s="97"/>
      <c r="DX774" s="98"/>
      <c r="EL774" s="97"/>
      <c r="EX774" s="98"/>
      <c r="EY774" s="97"/>
      <c r="FL774" s="126"/>
      <c r="FM774" s="91"/>
      <c r="FN774" s="91"/>
      <c r="FO774" s="91"/>
      <c r="FP774" s="91"/>
      <c r="FQ774" s="91"/>
      <c r="FR774" s="91"/>
      <c r="FS774" s="91"/>
      <c r="FT774" s="91"/>
      <c r="FU774" s="91"/>
      <c r="FV774" s="91"/>
      <c r="FW774" s="91"/>
      <c r="FX774" s="91"/>
      <c r="FY774" s="91"/>
      <c r="FZ774" s="91"/>
      <c r="GA774" s="91"/>
      <c r="GB774" s="91"/>
      <c r="GC774" s="91"/>
      <c r="GD774" s="91"/>
      <c r="GE774" s="91"/>
      <c r="GF774" s="91"/>
      <c r="GG774" s="91"/>
      <c r="GH774" s="91"/>
      <c r="GI774" s="91"/>
      <c r="GJ774" s="91"/>
      <c r="GK774" s="127"/>
      <c r="GL774" s="126"/>
      <c r="GM774" s="91"/>
      <c r="GN774" s="91"/>
      <c r="GO774" s="91"/>
      <c r="GP774" s="91"/>
      <c r="GQ774" s="91"/>
      <c r="GR774" s="91"/>
      <c r="GS774" s="91"/>
      <c r="GT774" s="91"/>
      <c r="GU774" s="91"/>
      <c r="GV774" s="91"/>
      <c r="GW774" s="91"/>
      <c r="GX774" s="91"/>
      <c r="GY774" s="91"/>
      <c r="GZ774" s="91"/>
      <c r="HA774" s="91"/>
      <c r="HB774" s="91"/>
      <c r="HC774" s="91"/>
      <c r="HD774" s="91"/>
      <c r="HE774" s="91"/>
      <c r="HF774" s="91"/>
      <c r="HG774" s="91"/>
      <c r="HH774" s="91"/>
      <c r="HI774" s="91"/>
      <c r="HJ774" s="91"/>
      <c r="HK774" s="127"/>
      <c r="HL774" s="126"/>
      <c r="HM774" s="91"/>
      <c r="HN774" s="91"/>
      <c r="HO774" s="91"/>
      <c r="HP774" s="91"/>
      <c r="HQ774" s="91"/>
      <c r="HR774" s="91"/>
      <c r="HS774" s="91"/>
      <c r="HT774" s="91"/>
      <c r="HU774" s="91"/>
      <c r="HV774" s="91"/>
      <c r="HW774" s="91"/>
      <c r="HX774" s="91"/>
      <c r="HY774" s="91"/>
      <c r="HZ774" s="91"/>
      <c r="IA774" s="91"/>
      <c r="IB774" s="91"/>
      <c r="IC774" s="91"/>
      <c r="ID774" s="91"/>
      <c r="IE774" s="91"/>
      <c r="IF774" s="91"/>
      <c r="IG774" s="91"/>
      <c r="IH774" s="91"/>
      <c r="II774" s="91"/>
      <c r="IJ774" s="91"/>
      <c r="IK774" s="127"/>
    </row>
    <row r="775" spans="2:245" x14ac:dyDescent="0.2">
      <c r="B775" s="43"/>
      <c r="C775" s="73"/>
      <c r="D775" s="64"/>
      <c r="E775" s="64"/>
      <c r="F775" s="55"/>
      <c r="G775" s="102"/>
      <c r="H775" s="55"/>
      <c r="I775" s="55"/>
      <c r="J775" s="55"/>
      <c r="K775" s="55"/>
      <c r="L775" s="55"/>
      <c r="M775" s="55"/>
      <c r="N775" s="55"/>
      <c r="O775" s="55"/>
      <c r="P775" s="55"/>
      <c r="Q775" s="55"/>
      <c r="R775" s="55"/>
      <c r="S775" s="55"/>
      <c r="T775" s="55"/>
      <c r="U775" s="55"/>
      <c r="V775" s="55"/>
      <c r="W775" s="55"/>
      <c r="X775" s="55"/>
      <c r="Y775" s="55"/>
      <c r="Z775" s="55"/>
      <c r="AA775" s="55"/>
      <c r="AB775" s="55"/>
      <c r="AC775" s="55"/>
      <c r="AD775" s="55"/>
      <c r="AE775" s="55"/>
      <c r="AF775" s="55"/>
      <c r="AG775" s="55"/>
      <c r="AY775" s="162"/>
      <c r="AZ775" s="162"/>
      <c r="BA775" s="162"/>
      <c r="BB775" s="162"/>
      <c r="BC775" s="162"/>
      <c r="BD775" s="162"/>
      <c r="BE775" s="162"/>
      <c r="BF775" s="162"/>
      <c r="BG775" s="162"/>
      <c r="BH775" s="162"/>
      <c r="BI775" s="162"/>
      <c r="BJ775" s="162"/>
      <c r="BK775" s="162"/>
      <c r="BL775" s="162"/>
      <c r="BM775" s="162"/>
      <c r="BN775" s="162"/>
      <c r="BO775" s="162"/>
      <c r="BP775" s="162"/>
      <c r="BQ775" s="162"/>
      <c r="BR775" s="162"/>
      <c r="BS775" s="162"/>
      <c r="BT775" s="162"/>
      <c r="BU775" s="162"/>
      <c r="BV775" s="162"/>
      <c r="BW775" s="162"/>
      <c r="BX775" s="162"/>
      <c r="BY775" s="162"/>
      <c r="BZ775" s="162"/>
      <c r="CA775" s="162"/>
      <c r="CB775" s="162"/>
      <c r="CC775" s="162"/>
      <c r="CD775" s="162"/>
      <c r="CE775" s="162"/>
      <c r="CF775" s="162"/>
      <c r="CG775" s="162"/>
      <c r="CH775" s="162"/>
      <c r="CI775" s="162"/>
      <c r="CJ775" s="162"/>
      <c r="CK775" s="162"/>
      <c r="CX775" s="98"/>
      <c r="DL775" s="97"/>
      <c r="DX775" s="98"/>
      <c r="EL775" s="97"/>
      <c r="EX775" s="98"/>
      <c r="EY775" s="97"/>
      <c r="FL775" s="126"/>
      <c r="FM775" s="91"/>
      <c r="FN775" s="91"/>
      <c r="FO775" s="91"/>
      <c r="FP775" s="91"/>
      <c r="FQ775" s="91"/>
      <c r="FR775" s="91"/>
      <c r="FS775" s="91"/>
      <c r="FT775" s="91"/>
      <c r="FU775" s="91"/>
      <c r="FV775" s="91"/>
      <c r="FW775" s="91"/>
      <c r="FX775" s="91"/>
      <c r="FY775" s="91"/>
      <c r="FZ775" s="91"/>
      <c r="GA775" s="91"/>
      <c r="GB775" s="91"/>
      <c r="GC775" s="91"/>
      <c r="GD775" s="91"/>
      <c r="GE775" s="91"/>
      <c r="GF775" s="91"/>
      <c r="GG775" s="91"/>
      <c r="GH775" s="91"/>
      <c r="GI775" s="91"/>
      <c r="GJ775" s="91"/>
      <c r="GK775" s="127"/>
      <c r="GL775" s="126"/>
      <c r="GM775" s="91"/>
      <c r="GN775" s="91"/>
      <c r="GO775" s="91"/>
      <c r="GP775" s="91"/>
      <c r="GQ775" s="91"/>
      <c r="GR775" s="91"/>
      <c r="GS775" s="91"/>
      <c r="GT775" s="91"/>
      <c r="GU775" s="91"/>
      <c r="GV775" s="91"/>
      <c r="GW775" s="91"/>
      <c r="GX775" s="91"/>
      <c r="GY775" s="91"/>
      <c r="GZ775" s="91"/>
      <c r="HA775" s="91"/>
      <c r="HB775" s="91"/>
      <c r="HC775" s="91"/>
      <c r="HD775" s="91"/>
      <c r="HE775" s="91"/>
      <c r="HF775" s="91"/>
      <c r="HG775" s="91"/>
      <c r="HH775" s="91"/>
      <c r="HI775" s="91"/>
      <c r="HJ775" s="91"/>
      <c r="HK775" s="127"/>
      <c r="HL775" s="126"/>
      <c r="HM775" s="91"/>
      <c r="HN775" s="91"/>
      <c r="HO775" s="91"/>
      <c r="HP775" s="91"/>
      <c r="HQ775" s="91"/>
      <c r="HR775" s="91"/>
      <c r="HS775" s="91"/>
      <c r="HT775" s="91"/>
      <c r="HU775" s="91"/>
      <c r="HV775" s="91"/>
      <c r="HW775" s="91"/>
      <c r="HX775" s="91"/>
      <c r="HY775" s="91"/>
      <c r="HZ775" s="91"/>
      <c r="IA775" s="91"/>
      <c r="IB775" s="91"/>
      <c r="IC775" s="91"/>
      <c r="ID775" s="91"/>
      <c r="IE775" s="91"/>
      <c r="IF775" s="91"/>
      <c r="IG775" s="91"/>
      <c r="IH775" s="91"/>
      <c r="II775" s="91"/>
      <c r="IJ775" s="91"/>
      <c r="IK775" s="127"/>
    </row>
    <row r="776" spans="2:245" x14ac:dyDescent="0.2">
      <c r="B776" s="43"/>
      <c r="C776" s="73"/>
      <c r="D776" s="64"/>
      <c r="E776" s="64"/>
      <c r="F776" s="55"/>
      <c r="G776" s="102"/>
      <c r="H776" s="55"/>
      <c r="I776" s="55"/>
      <c r="J776" s="55"/>
      <c r="K776" s="55"/>
      <c r="L776" s="55"/>
      <c r="M776" s="55"/>
      <c r="N776" s="55"/>
      <c r="O776" s="55"/>
      <c r="P776" s="55"/>
      <c r="Q776" s="55"/>
      <c r="R776" s="55"/>
      <c r="S776" s="55"/>
      <c r="T776" s="55"/>
      <c r="U776" s="55"/>
      <c r="V776" s="55"/>
      <c r="W776" s="55"/>
      <c r="X776" s="55"/>
      <c r="Y776" s="55"/>
      <c r="Z776" s="55"/>
      <c r="AA776" s="55"/>
      <c r="AB776" s="55"/>
      <c r="AC776" s="55"/>
      <c r="AD776" s="55"/>
      <c r="AE776" s="55"/>
      <c r="AF776" s="55"/>
      <c r="AG776" s="55"/>
      <c r="AY776" s="162"/>
      <c r="AZ776" s="162"/>
      <c r="BA776" s="162"/>
      <c r="BB776" s="162"/>
      <c r="BC776" s="162"/>
      <c r="BD776" s="162"/>
      <c r="BE776" s="162"/>
      <c r="BF776" s="162"/>
      <c r="BG776" s="162"/>
      <c r="BH776" s="162"/>
      <c r="BI776" s="162"/>
      <c r="BJ776" s="162"/>
      <c r="BK776" s="162"/>
      <c r="BL776" s="162"/>
      <c r="BM776" s="162"/>
      <c r="BN776" s="162"/>
      <c r="BO776" s="162"/>
      <c r="BP776" s="162"/>
      <c r="BQ776" s="162"/>
      <c r="BR776" s="162"/>
      <c r="BS776" s="162"/>
      <c r="BT776" s="162"/>
      <c r="BU776" s="162"/>
      <c r="BV776" s="162"/>
      <c r="BW776" s="162"/>
      <c r="BX776" s="162"/>
      <c r="BY776" s="162"/>
      <c r="BZ776" s="162"/>
      <c r="CA776" s="162"/>
      <c r="CB776" s="162"/>
      <c r="CC776" s="162"/>
      <c r="CD776" s="162"/>
      <c r="CE776" s="162"/>
      <c r="CF776" s="162"/>
      <c r="CG776" s="162"/>
      <c r="CH776" s="162"/>
      <c r="CI776" s="162"/>
      <c r="CJ776" s="162"/>
      <c r="CK776" s="162"/>
      <c r="CX776" s="98"/>
      <c r="DL776" s="97"/>
      <c r="DX776" s="98"/>
      <c r="EL776" s="97"/>
      <c r="EX776" s="98"/>
      <c r="EY776" s="97"/>
      <c r="FL776" s="126"/>
      <c r="FM776" s="91"/>
      <c r="FN776" s="91"/>
      <c r="FO776" s="91"/>
      <c r="FP776" s="91"/>
      <c r="FQ776" s="91"/>
      <c r="FR776" s="91"/>
      <c r="FS776" s="91"/>
      <c r="FT776" s="91"/>
      <c r="FU776" s="91"/>
      <c r="FV776" s="91"/>
      <c r="FW776" s="91"/>
      <c r="FX776" s="91"/>
      <c r="FY776" s="91"/>
      <c r="FZ776" s="91"/>
      <c r="GA776" s="91"/>
      <c r="GB776" s="91"/>
      <c r="GC776" s="91"/>
      <c r="GD776" s="91"/>
      <c r="GE776" s="91"/>
      <c r="GF776" s="91"/>
      <c r="GG776" s="91"/>
      <c r="GH776" s="91"/>
      <c r="GI776" s="91"/>
      <c r="GJ776" s="91"/>
      <c r="GK776" s="127"/>
      <c r="GL776" s="126"/>
      <c r="GM776" s="91"/>
      <c r="GN776" s="91"/>
      <c r="GO776" s="91"/>
      <c r="GP776" s="91"/>
      <c r="GQ776" s="91"/>
      <c r="GR776" s="91"/>
      <c r="GS776" s="91"/>
      <c r="GT776" s="91"/>
      <c r="GU776" s="91"/>
      <c r="GV776" s="91"/>
      <c r="GW776" s="91"/>
      <c r="GX776" s="91"/>
      <c r="GY776" s="91"/>
      <c r="GZ776" s="91"/>
      <c r="HA776" s="91"/>
      <c r="HB776" s="91"/>
      <c r="HC776" s="91"/>
      <c r="HD776" s="91"/>
      <c r="HE776" s="91"/>
      <c r="HF776" s="91"/>
      <c r="HG776" s="91"/>
      <c r="HH776" s="91"/>
      <c r="HI776" s="91"/>
      <c r="HJ776" s="91"/>
      <c r="HK776" s="127"/>
      <c r="HL776" s="126"/>
      <c r="HM776" s="91"/>
      <c r="HN776" s="91"/>
      <c r="HO776" s="91"/>
      <c r="HP776" s="91"/>
      <c r="HQ776" s="91"/>
      <c r="HR776" s="91"/>
      <c r="HS776" s="91"/>
      <c r="HT776" s="91"/>
      <c r="HU776" s="91"/>
      <c r="HV776" s="91"/>
      <c r="HW776" s="91"/>
      <c r="HX776" s="91"/>
      <c r="HY776" s="91"/>
      <c r="HZ776" s="91"/>
      <c r="IA776" s="91"/>
      <c r="IB776" s="91"/>
      <c r="IC776" s="91"/>
      <c r="ID776" s="91"/>
      <c r="IE776" s="91"/>
      <c r="IF776" s="91"/>
      <c r="IG776" s="91"/>
      <c r="IH776" s="91"/>
      <c r="II776" s="91"/>
      <c r="IJ776" s="91"/>
      <c r="IK776" s="127"/>
    </row>
    <row r="777" spans="2:245" x14ac:dyDescent="0.2">
      <c r="B777" s="43"/>
      <c r="C777" s="73"/>
      <c r="D777" s="64"/>
      <c r="E777" s="64"/>
      <c r="F777" s="55"/>
      <c r="G777" s="102"/>
      <c r="H777" s="55"/>
      <c r="I777" s="55"/>
      <c r="J777" s="55"/>
      <c r="K777" s="55"/>
      <c r="L777" s="55"/>
      <c r="M777" s="55"/>
      <c r="N777" s="55"/>
      <c r="O777" s="55"/>
      <c r="P777" s="55"/>
      <c r="Q777" s="55"/>
      <c r="R777" s="55"/>
      <c r="S777" s="55"/>
      <c r="T777" s="55"/>
      <c r="U777" s="55"/>
      <c r="V777" s="55"/>
      <c r="W777" s="55"/>
      <c r="X777" s="55"/>
      <c r="Y777" s="55"/>
      <c r="Z777" s="55"/>
      <c r="AA777" s="55"/>
      <c r="AB777" s="55"/>
      <c r="AC777" s="55"/>
      <c r="AD777" s="55"/>
      <c r="AE777" s="55"/>
      <c r="AF777" s="55"/>
      <c r="AG777" s="55"/>
      <c r="AY777" s="162"/>
      <c r="AZ777" s="162"/>
      <c r="BA777" s="162"/>
      <c r="BB777" s="162"/>
      <c r="BC777" s="162"/>
      <c r="BD777" s="162"/>
      <c r="BE777" s="162"/>
      <c r="BF777" s="162"/>
      <c r="BG777" s="162"/>
      <c r="BH777" s="162"/>
      <c r="BI777" s="162"/>
      <c r="BJ777" s="162"/>
      <c r="BK777" s="162"/>
      <c r="BL777" s="162"/>
      <c r="BM777" s="162"/>
      <c r="BN777" s="162"/>
      <c r="BO777" s="162"/>
      <c r="BP777" s="162"/>
      <c r="BQ777" s="162"/>
      <c r="BR777" s="162"/>
      <c r="BS777" s="162"/>
      <c r="BT777" s="162"/>
      <c r="BU777" s="162"/>
      <c r="BV777" s="162"/>
      <c r="BW777" s="162"/>
      <c r="BX777" s="162"/>
      <c r="BY777" s="162"/>
      <c r="BZ777" s="162"/>
      <c r="CA777" s="162"/>
      <c r="CB777" s="162"/>
      <c r="CC777" s="162"/>
      <c r="CD777" s="162"/>
      <c r="CE777" s="162"/>
      <c r="CF777" s="162"/>
      <c r="CG777" s="162"/>
      <c r="CH777" s="162"/>
      <c r="CI777" s="162"/>
      <c r="CJ777" s="162"/>
      <c r="CK777" s="162"/>
      <c r="CX777" s="98"/>
      <c r="DL777" s="97"/>
      <c r="DX777" s="98"/>
      <c r="EL777" s="97"/>
      <c r="EX777" s="98"/>
      <c r="EY777" s="97"/>
      <c r="FL777" s="126"/>
      <c r="FM777" s="91"/>
      <c r="FN777" s="91"/>
      <c r="FO777" s="91"/>
      <c r="FP777" s="91"/>
      <c r="FQ777" s="91"/>
      <c r="FR777" s="91"/>
      <c r="FS777" s="91"/>
      <c r="FT777" s="91"/>
      <c r="FU777" s="91"/>
      <c r="FV777" s="91"/>
      <c r="FW777" s="91"/>
      <c r="FX777" s="91"/>
      <c r="FY777" s="91"/>
      <c r="FZ777" s="91"/>
      <c r="GA777" s="91"/>
      <c r="GB777" s="91"/>
      <c r="GC777" s="91"/>
      <c r="GD777" s="91"/>
      <c r="GE777" s="91"/>
      <c r="GF777" s="91"/>
      <c r="GG777" s="91"/>
      <c r="GH777" s="91"/>
      <c r="GI777" s="91"/>
      <c r="GJ777" s="91"/>
      <c r="GK777" s="127"/>
      <c r="GL777" s="126"/>
      <c r="GM777" s="91"/>
      <c r="GN777" s="91"/>
      <c r="GO777" s="91"/>
      <c r="GP777" s="91"/>
      <c r="GQ777" s="91"/>
      <c r="GR777" s="91"/>
      <c r="GS777" s="91"/>
      <c r="GT777" s="91"/>
      <c r="GU777" s="91"/>
      <c r="GV777" s="91"/>
      <c r="GW777" s="91"/>
      <c r="GX777" s="91"/>
      <c r="GY777" s="91"/>
      <c r="GZ777" s="91"/>
      <c r="HA777" s="91"/>
      <c r="HB777" s="91"/>
      <c r="HC777" s="91"/>
      <c r="HD777" s="91"/>
      <c r="HE777" s="91"/>
      <c r="HF777" s="91"/>
      <c r="HG777" s="91"/>
      <c r="HH777" s="91"/>
      <c r="HI777" s="91"/>
      <c r="HJ777" s="91"/>
      <c r="HK777" s="127"/>
      <c r="HL777" s="126"/>
      <c r="HM777" s="91"/>
      <c r="HN777" s="91"/>
      <c r="HO777" s="91"/>
      <c r="HP777" s="91"/>
      <c r="HQ777" s="91"/>
      <c r="HR777" s="91"/>
      <c r="HS777" s="91"/>
      <c r="HT777" s="91"/>
      <c r="HU777" s="91"/>
      <c r="HV777" s="91"/>
      <c r="HW777" s="91"/>
      <c r="HX777" s="91"/>
      <c r="HY777" s="91"/>
      <c r="HZ777" s="91"/>
      <c r="IA777" s="91"/>
      <c r="IB777" s="91"/>
      <c r="IC777" s="91"/>
      <c r="ID777" s="91"/>
      <c r="IE777" s="91"/>
      <c r="IF777" s="91"/>
      <c r="IG777" s="91"/>
      <c r="IH777" s="91"/>
      <c r="II777" s="91"/>
      <c r="IJ777" s="91"/>
      <c r="IK777" s="127"/>
    </row>
    <row r="778" spans="2:245" x14ac:dyDescent="0.2">
      <c r="B778" s="43"/>
      <c r="C778" s="73"/>
      <c r="D778" s="64"/>
      <c r="E778" s="64"/>
      <c r="F778" s="55"/>
      <c r="G778" s="102"/>
      <c r="H778" s="55"/>
      <c r="I778" s="55"/>
      <c r="J778" s="55"/>
      <c r="K778" s="55"/>
      <c r="L778" s="55"/>
      <c r="M778" s="55"/>
      <c r="N778" s="55"/>
      <c r="O778" s="55"/>
      <c r="P778" s="55"/>
      <c r="Q778" s="55"/>
      <c r="R778" s="55"/>
      <c r="S778" s="55"/>
      <c r="T778" s="55"/>
      <c r="U778" s="55"/>
      <c r="V778" s="55"/>
      <c r="W778" s="55"/>
      <c r="X778" s="55"/>
      <c r="Y778" s="55"/>
      <c r="Z778" s="55"/>
      <c r="AA778" s="55"/>
      <c r="AB778" s="55"/>
      <c r="AC778" s="55"/>
      <c r="AD778" s="55"/>
      <c r="AE778" s="55"/>
      <c r="AF778" s="55"/>
      <c r="AG778" s="55"/>
      <c r="AY778" s="162"/>
      <c r="AZ778" s="162"/>
      <c r="BA778" s="162"/>
      <c r="BB778" s="162"/>
      <c r="BC778" s="162"/>
      <c r="BD778" s="162"/>
      <c r="BE778" s="162"/>
      <c r="BF778" s="162"/>
      <c r="BG778" s="162"/>
      <c r="BH778" s="162"/>
      <c r="BI778" s="162"/>
      <c r="BJ778" s="162"/>
      <c r="BK778" s="162"/>
      <c r="BL778" s="162"/>
      <c r="BM778" s="162"/>
      <c r="BN778" s="162"/>
      <c r="BO778" s="162"/>
      <c r="BP778" s="162"/>
      <c r="BQ778" s="162"/>
      <c r="BR778" s="162"/>
      <c r="BS778" s="162"/>
      <c r="BT778" s="162"/>
      <c r="BU778" s="162"/>
      <c r="BV778" s="162"/>
      <c r="BW778" s="162"/>
      <c r="BX778" s="162"/>
      <c r="BY778" s="162"/>
      <c r="BZ778" s="162"/>
      <c r="CA778" s="162"/>
      <c r="CB778" s="162"/>
      <c r="CC778" s="162"/>
      <c r="CD778" s="162"/>
      <c r="CE778" s="162"/>
      <c r="CF778" s="162"/>
      <c r="CG778" s="162"/>
      <c r="CH778" s="162"/>
      <c r="CI778" s="162"/>
      <c r="CJ778" s="162"/>
      <c r="CK778" s="162"/>
      <c r="CX778" s="98"/>
      <c r="DL778" s="97"/>
      <c r="DX778" s="98"/>
      <c r="EL778" s="97"/>
      <c r="EX778" s="98"/>
      <c r="EY778" s="97"/>
      <c r="FL778" s="126"/>
      <c r="FM778" s="91"/>
      <c r="FN778" s="91"/>
      <c r="FO778" s="91"/>
      <c r="FP778" s="91"/>
      <c r="FQ778" s="91"/>
      <c r="FR778" s="91"/>
      <c r="FS778" s="91"/>
      <c r="FT778" s="91"/>
      <c r="FU778" s="91"/>
      <c r="FV778" s="91"/>
      <c r="FW778" s="91"/>
      <c r="FX778" s="91"/>
      <c r="FY778" s="91"/>
      <c r="FZ778" s="91"/>
      <c r="GA778" s="91"/>
      <c r="GB778" s="91"/>
      <c r="GC778" s="91"/>
      <c r="GD778" s="91"/>
      <c r="GE778" s="91"/>
      <c r="GF778" s="91"/>
      <c r="GG778" s="91"/>
      <c r="GH778" s="91"/>
      <c r="GI778" s="91"/>
      <c r="GJ778" s="91"/>
      <c r="GK778" s="127"/>
      <c r="GL778" s="126"/>
      <c r="GM778" s="91"/>
      <c r="GN778" s="91"/>
      <c r="GO778" s="91"/>
      <c r="GP778" s="91"/>
      <c r="GQ778" s="91"/>
      <c r="GR778" s="91"/>
      <c r="GS778" s="91"/>
      <c r="GT778" s="91"/>
      <c r="GU778" s="91"/>
      <c r="GV778" s="91"/>
      <c r="GW778" s="91"/>
      <c r="GX778" s="91"/>
      <c r="GY778" s="91"/>
      <c r="GZ778" s="91"/>
      <c r="HA778" s="91"/>
      <c r="HB778" s="91"/>
      <c r="HC778" s="91"/>
      <c r="HD778" s="91"/>
      <c r="HE778" s="91"/>
      <c r="HF778" s="91"/>
      <c r="HG778" s="91"/>
      <c r="HH778" s="91"/>
      <c r="HI778" s="91"/>
      <c r="HJ778" s="91"/>
      <c r="HK778" s="127"/>
      <c r="HL778" s="126"/>
      <c r="HM778" s="91"/>
      <c r="HN778" s="91"/>
      <c r="HO778" s="91"/>
      <c r="HP778" s="91"/>
      <c r="HQ778" s="91"/>
      <c r="HR778" s="91"/>
      <c r="HS778" s="91"/>
      <c r="HT778" s="91"/>
      <c r="HU778" s="91"/>
      <c r="HV778" s="91"/>
      <c r="HW778" s="91"/>
      <c r="HX778" s="91"/>
      <c r="HY778" s="91"/>
      <c r="HZ778" s="91"/>
      <c r="IA778" s="91"/>
      <c r="IB778" s="91"/>
      <c r="IC778" s="91"/>
      <c r="ID778" s="91"/>
      <c r="IE778" s="91"/>
      <c r="IF778" s="91"/>
      <c r="IG778" s="91"/>
      <c r="IH778" s="91"/>
      <c r="II778" s="91"/>
      <c r="IJ778" s="91"/>
      <c r="IK778" s="127"/>
    </row>
    <row r="779" spans="2:245" x14ac:dyDescent="0.2">
      <c r="B779" s="43"/>
      <c r="C779" s="73"/>
      <c r="D779" s="64"/>
      <c r="E779" s="64"/>
      <c r="F779" s="55"/>
      <c r="G779" s="102"/>
      <c r="H779" s="55"/>
      <c r="I779" s="55"/>
      <c r="J779" s="55"/>
      <c r="K779" s="55"/>
      <c r="L779" s="55"/>
      <c r="M779" s="55"/>
      <c r="N779" s="55"/>
      <c r="O779" s="55"/>
      <c r="P779" s="55"/>
      <c r="Q779" s="55"/>
      <c r="R779" s="55"/>
      <c r="S779" s="55"/>
      <c r="T779" s="55"/>
      <c r="U779" s="55"/>
      <c r="V779" s="55"/>
      <c r="W779" s="55"/>
      <c r="X779" s="55"/>
      <c r="Y779" s="55"/>
      <c r="Z779" s="55"/>
      <c r="AA779" s="55"/>
      <c r="AB779" s="55"/>
      <c r="AC779" s="55"/>
      <c r="AD779" s="55"/>
      <c r="AE779" s="55"/>
      <c r="AF779" s="55"/>
      <c r="AG779" s="55"/>
      <c r="AY779" s="162"/>
      <c r="AZ779" s="162"/>
      <c r="BA779" s="162"/>
      <c r="BB779" s="162"/>
      <c r="BC779" s="162"/>
      <c r="BD779" s="162"/>
      <c r="BE779" s="162"/>
      <c r="BF779" s="162"/>
      <c r="BG779" s="162"/>
      <c r="BH779" s="162"/>
      <c r="BI779" s="162"/>
      <c r="BJ779" s="162"/>
      <c r="BK779" s="162"/>
      <c r="BL779" s="162"/>
      <c r="BM779" s="162"/>
      <c r="BN779" s="162"/>
      <c r="BO779" s="162"/>
      <c r="BP779" s="162"/>
      <c r="BQ779" s="162"/>
      <c r="BR779" s="162"/>
      <c r="BS779" s="162"/>
      <c r="BT779" s="162"/>
      <c r="BU779" s="162"/>
      <c r="BV779" s="162"/>
      <c r="BW779" s="162"/>
      <c r="BX779" s="162"/>
      <c r="BY779" s="162"/>
      <c r="BZ779" s="162"/>
      <c r="CA779" s="162"/>
      <c r="CB779" s="162"/>
      <c r="CC779" s="162"/>
      <c r="CD779" s="162"/>
      <c r="CE779" s="162"/>
      <c r="CF779" s="162"/>
      <c r="CG779" s="162"/>
      <c r="CH779" s="162"/>
      <c r="CI779" s="162"/>
      <c r="CJ779" s="162"/>
      <c r="CK779" s="162"/>
      <c r="CX779" s="98"/>
      <c r="DL779" s="97"/>
      <c r="DX779" s="98"/>
      <c r="EL779" s="97"/>
      <c r="EX779" s="98"/>
      <c r="EY779" s="97"/>
      <c r="FL779" s="126"/>
      <c r="FM779" s="91"/>
      <c r="FN779" s="91"/>
      <c r="FO779" s="91"/>
      <c r="FP779" s="91"/>
      <c r="FQ779" s="91"/>
      <c r="FR779" s="91"/>
      <c r="FS779" s="91"/>
      <c r="FT779" s="91"/>
      <c r="FU779" s="91"/>
      <c r="FV779" s="91"/>
      <c r="FW779" s="91"/>
      <c r="FX779" s="91"/>
      <c r="FY779" s="91"/>
      <c r="FZ779" s="91"/>
      <c r="GA779" s="91"/>
      <c r="GB779" s="91"/>
      <c r="GC779" s="91"/>
      <c r="GD779" s="91"/>
      <c r="GE779" s="91"/>
      <c r="GF779" s="91"/>
      <c r="GG779" s="91"/>
      <c r="GH779" s="91"/>
      <c r="GI779" s="91"/>
      <c r="GJ779" s="91"/>
      <c r="GK779" s="127"/>
      <c r="GL779" s="126"/>
      <c r="GM779" s="91"/>
      <c r="GN779" s="91"/>
      <c r="GO779" s="91"/>
      <c r="GP779" s="91"/>
      <c r="GQ779" s="91"/>
      <c r="GR779" s="91"/>
      <c r="GS779" s="91"/>
      <c r="GT779" s="91"/>
      <c r="GU779" s="91"/>
      <c r="GV779" s="91"/>
      <c r="GW779" s="91"/>
      <c r="GX779" s="91"/>
      <c r="GY779" s="91"/>
      <c r="GZ779" s="91"/>
      <c r="HA779" s="91"/>
      <c r="HB779" s="91"/>
      <c r="HC779" s="91"/>
      <c r="HD779" s="91"/>
      <c r="HE779" s="91"/>
      <c r="HF779" s="91"/>
      <c r="HG779" s="91"/>
      <c r="HH779" s="91"/>
      <c r="HI779" s="91"/>
      <c r="HJ779" s="91"/>
      <c r="HK779" s="127"/>
      <c r="HL779" s="126"/>
      <c r="HM779" s="91"/>
      <c r="HN779" s="91"/>
      <c r="HO779" s="91"/>
      <c r="HP779" s="91"/>
      <c r="HQ779" s="91"/>
      <c r="HR779" s="91"/>
      <c r="HS779" s="91"/>
      <c r="HT779" s="91"/>
      <c r="HU779" s="91"/>
      <c r="HV779" s="91"/>
      <c r="HW779" s="91"/>
      <c r="HX779" s="91"/>
      <c r="HY779" s="91"/>
      <c r="HZ779" s="91"/>
      <c r="IA779" s="91"/>
      <c r="IB779" s="91"/>
      <c r="IC779" s="91"/>
      <c r="ID779" s="91"/>
      <c r="IE779" s="91"/>
      <c r="IF779" s="91"/>
      <c r="IG779" s="91"/>
      <c r="IH779" s="91"/>
      <c r="II779" s="91"/>
      <c r="IJ779" s="91"/>
      <c r="IK779" s="127"/>
    </row>
    <row r="780" spans="2:245" x14ac:dyDescent="0.2">
      <c r="B780" s="43"/>
      <c r="C780" s="73"/>
      <c r="D780" s="64"/>
      <c r="E780" s="64"/>
      <c r="F780" s="55"/>
      <c r="G780" s="102"/>
      <c r="H780" s="55"/>
      <c r="I780" s="55"/>
      <c r="J780" s="55"/>
      <c r="K780" s="55"/>
      <c r="L780" s="55"/>
      <c r="M780" s="55"/>
      <c r="N780" s="55"/>
      <c r="O780" s="55"/>
      <c r="P780" s="55"/>
      <c r="Q780" s="55"/>
      <c r="R780" s="55"/>
      <c r="S780" s="55"/>
      <c r="T780" s="55"/>
      <c r="U780" s="55"/>
      <c r="V780" s="55"/>
      <c r="W780" s="55"/>
      <c r="X780" s="55"/>
      <c r="Y780" s="55"/>
      <c r="Z780" s="55"/>
      <c r="AA780" s="55"/>
      <c r="AB780" s="55"/>
      <c r="AC780" s="55"/>
      <c r="AD780" s="55"/>
      <c r="AE780" s="55"/>
      <c r="AF780" s="55"/>
      <c r="AG780" s="55"/>
      <c r="AY780" s="162"/>
      <c r="AZ780" s="162"/>
      <c r="BA780" s="162"/>
      <c r="BB780" s="162"/>
      <c r="BC780" s="162"/>
      <c r="BD780" s="162"/>
      <c r="BE780" s="162"/>
      <c r="BF780" s="162"/>
      <c r="BG780" s="162"/>
      <c r="BH780" s="162"/>
      <c r="BI780" s="162"/>
      <c r="BJ780" s="162"/>
      <c r="BK780" s="162"/>
      <c r="BL780" s="162"/>
      <c r="BM780" s="162"/>
      <c r="BN780" s="162"/>
      <c r="BO780" s="162"/>
      <c r="BP780" s="162"/>
      <c r="BQ780" s="162"/>
      <c r="BR780" s="162"/>
      <c r="BS780" s="162"/>
      <c r="BT780" s="162"/>
      <c r="BU780" s="162"/>
      <c r="BV780" s="162"/>
      <c r="BW780" s="162"/>
      <c r="BX780" s="162"/>
      <c r="BY780" s="162"/>
      <c r="BZ780" s="162"/>
      <c r="CA780" s="162"/>
      <c r="CB780" s="162"/>
      <c r="CC780" s="162"/>
      <c r="CD780" s="162"/>
      <c r="CE780" s="162"/>
      <c r="CF780" s="162"/>
      <c r="CG780" s="162"/>
      <c r="CH780" s="162"/>
      <c r="CI780" s="162"/>
      <c r="CJ780" s="162"/>
      <c r="CK780" s="162"/>
      <c r="CX780" s="98"/>
      <c r="DL780" s="97"/>
      <c r="DX780" s="98"/>
      <c r="EL780" s="97"/>
      <c r="EX780" s="98"/>
      <c r="EY780" s="97"/>
      <c r="FL780" s="126"/>
      <c r="FM780" s="91"/>
      <c r="FN780" s="91"/>
      <c r="FO780" s="91"/>
      <c r="FP780" s="91"/>
      <c r="FQ780" s="91"/>
      <c r="FR780" s="91"/>
      <c r="FS780" s="91"/>
      <c r="FT780" s="91"/>
      <c r="FU780" s="91"/>
      <c r="FV780" s="91"/>
      <c r="FW780" s="91"/>
      <c r="FX780" s="91"/>
      <c r="FY780" s="91"/>
      <c r="FZ780" s="91"/>
      <c r="GA780" s="91"/>
      <c r="GB780" s="91"/>
      <c r="GC780" s="91"/>
      <c r="GD780" s="91"/>
      <c r="GE780" s="91"/>
      <c r="GF780" s="91"/>
      <c r="GG780" s="91"/>
      <c r="GH780" s="91"/>
      <c r="GI780" s="91"/>
      <c r="GJ780" s="91"/>
      <c r="GK780" s="127"/>
      <c r="GL780" s="126"/>
      <c r="GM780" s="91"/>
      <c r="GN780" s="91"/>
      <c r="GO780" s="91"/>
      <c r="GP780" s="91"/>
      <c r="GQ780" s="91"/>
      <c r="GR780" s="91"/>
      <c r="GS780" s="91"/>
      <c r="GT780" s="91"/>
      <c r="GU780" s="91"/>
      <c r="GV780" s="91"/>
      <c r="GW780" s="91"/>
      <c r="GX780" s="91"/>
      <c r="GY780" s="91"/>
      <c r="GZ780" s="91"/>
      <c r="HA780" s="91"/>
      <c r="HB780" s="91"/>
      <c r="HC780" s="91"/>
      <c r="HD780" s="91"/>
      <c r="HE780" s="91"/>
      <c r="HF780" s="91"/>
      <c r="HG780" s="91"/>
      <c r="HH780" s="91"/>
      <c r="HI780" s="91"/>
      <c r="HJ780" s="91"/>
      <c r="HK780" s="127"/>
      <c r="HL780" s="126"/>
      <c r="HM780" s="91"/>
      <c r="HN780" s="91"/>
      <c r="HO780" s="91"/>
      <c r="HP780" s="91"/>
      <c r="HQ780" s="91"/>
      <c r="HR780" s="91"/>
      <c r="HS780" s="91"/>
      <c r="HT780" s="91"/>
      <c r="HU780" s="91"/>
      <c r="HV780" s="91"/>
      <c r="HW780" s="91"/>
      <c r="HX780" s="91"/>
      <c r="HY780" s="91"/>
      <c r="HZ780" s="91"/>
      <c r="IA780" s="91"/>
      <c r="IB780" s="91"/>
      <c r="IC780" s="91"/>
      <c r="ID780" s="91"/>
      <c r="IE780" s="91"/>
      <c r="IF780" s="91"/>
      <c r="IG780" s="91"/>
      <c r="IH780" s="91"/>
      <c r="II780" s="91"/>
      <c r="IJ780" s="91"/>
      <c r="IK780" s="127"/>
    </row>
    <row r="781" spans="2:245" x14ac:dyDescent="0.2">
      <c r="B781" s="43"/>
      <c r="C781" s="73"/>
      <c r="D781" s="64"/>
      <c r="E781" s="64"/>
      <c r="F781" s="55"/>
      <c r="G781" s="102"/>
      <c r="H781" s="55"/>
      <c r="I781" s="55"/>
      <c r="J781" s="55"/>
      <c r="K781" s="55"/>
      <c r="L781" s="55"/>
      <c r="M781" s="55"/>
      <c r="N781" s="55"/>
      <c r="O781" s="55"/>
      <c r="P781" s="55"/>
      <c r="Q781" s="55"/>
      <c r="R781" s="55"/>
      <c r="S781" s="55"/>
      <c r="T781" s="55"/>
      <c r="U781" s="55"/>
      <c r="V781" s="55"/>
      <c r="W781" s="55"/>
      <c r="X781" s="55"/>
      <c r="Y781" s="55"/>
      <c r="Z781" s="55"/>
      <c r="AA781" s="55"/>
      <c r="AB781" s="55"/>
      <c r="AC781" s="55"/>
      <c r="AD781" s="55"/>
      <c r="AE781" s="55"/>
      <c r="AF781" s="55"/>
      <c r="AG781" s="55"/>
      <c r="AY781" s="162"/>
      <c r="AZ781" s="162"/>
      <c r="BA781" s="162"/>
      <c r="BB781" s="162"/>
      <c r="BC781" s="162"/>
      <c r="BD781" s="162"/>
      <c r="BE781" s="162"/>
      <c r="BF781" s="162"/>
      <c r="BG781" s="162"/>
      <c r="BH781" s="162"/>
      <c r="BI781" s="162"/>
      <c r="BJ781" s="162"/>
      <c r="BK781" s="162"/>
      <c r="BL781" s="162"/>
      <c r="BM781" s="162"/>
      <c r="BN781" s="162"/>
      <c r="BO781" s="162"/>
      <c r="BP781" s="162"/>
      <c r="BQ781" s="162"/>
      <c r="BR781" s="162"/>
      <c r="BS781" s="162"/>
      <c r="BT781" s="162"/>
      <c r="BU781" s="162"/>
      <c r="BV781" s="162"/>
      <c r="BW781" s="162"/>
      <c r="BX781" s="162"/>
      <c r="BY781" s="162"/>
      <c r="BZ781" s="162"/>
      <c r="CA781" s="162"/>
      <c r="CB781" s="162"/>
      <c r="CC781" s="162"/>
      <c r="CD781" s="162"/>
      <c r="CE781" s="162"/>
      <c r="CF781" s="162"/>
      <c r="CG781" s="162"/>
      <c r="CH781" s="162"/>
      <c r="CI781" s="162"/>
      <c r="CJ781" s="162"/>
      <c r="CK781" s="162"/>
      <c r="CX781" s="98"/>
      <c r="DL781" s="97"/>
      <c r="DX781" s="98"/>
      <c r="EL781" s="97"/>
      <c r="EX781" s="98"/>
      <c r="EY781" s="97"/>
      <c r="FL781" s="126"/>
      <c r="FM781" s="91"/>
      <c r="FN781" s="91"/>
      <c r="FO781" s="91"/>
      <c r="FP781" s="91"/>
      <c r="FQ781" s="91"/>
      <c r="FR781" s="91"/>
      <c r="FS781" s="91"/>
      <c r="FT781" s="91"/>
      <c r="FU781" s="91"/>
      <c r="FV781" s="91"/>
      <c r="FW781" s="91"/>
      <c r="FX781" s="91"/>
      <c r="FY781" s="91"/>
      <c r="FZ781" s="91"/>
      <c r="GA781" s="91"/>
      <c r="GB781" s="91"/>
      <c r="GC781" s="91"/>
      <c r="GD781" s="91"/>
      <c r="GE781" s="91"/>
      <c r="GF781" s="91"/>
      <c r="GG781" s="91"/>
      <c r="GH781" s="91"/>
      <c r="GI781" s="91"/>
      <c r="GJ781" s="91"/>
      <c r="GK781" s="127"/>
      <c r="GL781" s="126"/>
      <c r="GM781" s="91"/>
      <c r="GN781" s="91"/>
      <c r="GO781" s="91"/>
      <c r="GP781" s="91"/>
      <c r="GQ781" s="91"/>
      <c r="GR781" s="91"/>
      <c r="GS781" s="91"/>
      <c r="GT781" s="91"/>
      <c r="GU781" s="91"/>
      <c r="GV781" s="91"/>
      <c r="GW781" s="91"/>
      <c r="GX781" s="91"/>
      <c r="GY781" s="91"/>
      <c r="GZ781" s="91"/>
      <c r="HA781" s="91"/>
      <c r="HB781" s="91"/>
      <c r="HC781" s="91"/>
      <c r="HD781" s="91"/>
      <c r="HE781" s="91"/>
      <c r="HF781" s="91"/>
      <c r="HG781" s="91"/>
      <c r="HH781" s="91"/>
      <c r="HI781" s="91"/>
      <c r="HJ781" s="91"/>
      <c r="HK781" s="127"/>
      <c r="HL781" s="126"/>
      <c r="HM781" s="91"/>
      <c r="HN781" s="91"/>
      <c r="HO781" s="91"/>
      <c r="HP781" s="91"/>
      <c r="HQ781" s="91"/>
      <c r="HR781" s="91"/>
      <c r="HS781" s="91"/>
      <c r="HT781" s="91"/>
      <c r="HU781" s="91"/>
      <c r="HV781" s="91"/>
      <c r="HW781" s="91"/>
      <c r="HX781" s="91"/>
      <c r="HY781" s="91"/>
      <c r="HZ781" s="91"/>
      <c r="IA781" s="91"/>
      <c r="IB781" s="91"/>
      <c r="IC781" s="91"/>
      <c r="ID781" s="91"/>
      <c r="IE781" s="91"/>
      <c r="IF781" s="91"/>
      <c r="IG781" s="91"/>
      <c r="IH781" s="91"/>
      <c r="II781" s="91"/>
      <c r="IJ781" s="91"/>
      <c r="IK781" s="127"/>
    </row>
    <row r="782" spans="2:245" x14ac:dyDescent="0.2">
      <c r="B782" s="43"/>
      <c r="C782" s="73"/>
      <c r="D782" s="64"/>
      <c r="E782" s="64"/>
      <c r="F782" s="55"/>
      <c r="G782" s="102"/>
      <c r="H782" s="55"/>
      <c r="I782" s="55"/>
      <c r="J782" s="55"/>
      <c r="K782" s="55"/>
      <c r="L782" s="55"/>
      <c r="M782" s="55"/>
      <c r="N782" s="55"/>
      <c r="O782" s="55"/>
      <c r="P782" s="55"/>
      <c r="Q782" s="55"/>
      <c r="R782" s="55"/>
      <c r="S782" s="55"/>
      <c r="T782" s="55"/>
      <c r="U782" s="55"/>
      <c r="V782" s="55"/>
      <c r="W782" s="55"/>
      <c r="X782" s="55"/>
      <c r="Y782" s="55"/>
      <c r="Z782" s="55"/>
      <c r="AA782" s="55"/>
      <c r="AB782" s="55"/>
      <c r="AC782" s="55"/>
      <c r="AD782" s="55"/>
      <c r="AE782" s="55"/>
      <c r="AF782" s="55"/>
      <c r="AG782" s="55"/>
      <c r="AY782" s="162"/>
      <c r="AZ782" s="162"/>
      <c r="BA782" s="162"/>
      <c r="BB782" s="162"/>
      <c r="BC782" s="162"/>
      <c r="BD782" s="162"/>
      <c r="BE782" s="162"/>
      <c r="BF782" s="162"/>
      <c r="BG782" s="162"/>
      <c r="BH782" s="162"/>
      <c r="BI782" s="162"/>
      <c r="BJ782" s="162"/>
      <c r="BK782" s="162"/>
      <c r="BL782" s="162"/>
      <c r="BM782" s="162"/>
      <c r="BN782" s="162"/>
      <c r="BO782" s="162"/>
      <c r="BP782" s="162"/>
      <c r="BQ782" s="162"/>
      <c r="BR782" s="162"/>
      <c r="BS782" s="162"/>
      <c r="BT782" s="162"/>
      <c r="BU782" s="162"/>
      <c r="BV782" s="162"/>
      <c r="BW782" s="162"/>
      <c r="BX782" s="162"/>
      <c r="BY782" s="162"/>
      <c r="BZ782" s="162"/>
      <c r="CA782" s="162"/>
      <c r="CB782" s="162"/>
      <c r="CC782" s="162"/>
      <c r="CD782" s="162"/>
      <c r="CE782" s="162"/>
      <c r="CF782" s="162"/>
      <c r="CG782" s="162"/>
      <c r="CH782" s="162"/>
      <c r="CI782" s="162"/>
      <c r="CJ782" s="162"/>
      <c r="CK782" s="162"/>
      <c r="CX782" s="98"/>
      <c r="DL782" s="97"/>
      <c r="DX782" s="98"/>
      <c r="EL782" s="97"/>
      <c r="EX782" s="98"/>
      <c r="EY782" s="97"/>
      <c r="FL782" s="126"/>
      <c r="FM782" s="91"/>
      <c r="FN782" s="91"/>
      <c r="FO782" s="91"/>
      <c r="FP782" s="91"/>
      <c r="FQ782" s="91"/>
      <c r="FR782" s="91"/>
      <c r="FS782" s="91"/>
      <c r="FT782" s="91"/>
      <c r="FU782" s="91"/>
      <c r="FV782" s="91"/>
      <c r="FW782" s="91"/>
      <c r="FX782" s="91"/>
      <c r="FY782" s="91"/>
      <c r="FZ782" s="91"/>
      <c r="GA782" s="91"/>
      <c r="GB782" s="91"/>
      <c r="GC782" s="91"/>
      <c r="GD782" s="91"/>
      <c r="GE782" s="91"/>
      <c r="GF782" s="91"/>
      <c r="GG782" s="91"/>
      <c r="GH782" s="91"/>
      <c r="GI782" s="91"/>
      <c r="GJ782" s="91"/>
      <c r="GK782" s="127"/>
      <c r="GL782" s="126"/>
      <c r="GM782" s="91"/>
      <c r="GN782" s="91"/>
      <c r="GO782" s="91"/>
      <c r="GP782" s="91"/>
      <c r="GQ782" s="91"/>
      <c r="GR782" s="91"/>
      <c r="GS782" s="91"/>
      <c r="GT782" s="91"/>
      <c r="GU782" s="91"/>
      <c r="GV782" s="91"/>
      <c r="GW782" s="91"/>
      <c r="GX782" s="91"/>
      <c r="GY782" s="91"/>
      <c r="GZ782" s="91"/>
      <c r="HA782" s="91"/>
      <c r="HB782" s="91"/>
      <c r="HC782" s="91"/>
      <c r="HD782" s="91"/>
      <c r="HE782" s="91"/>
      <c r="HF782" s="91"/>
      <c r="HG782" s="91"/>
      <c r="HH782" s="91"/>
      <c r="HI782" s="91"/>
      <c r="HJ782" s="91"/>
      <c r="HK782" s="127"/>
      <c r="HL782" s="126"/>
      <c r="HM782" s="91"/>
      <c r="HN782" s="91"/>
      <c r="HO782" s="91"/>
      <c r="HP782" s="91"/>
      <c r="HQ782" s="91"/>
      <c r="HR782" s="91"/>
      <c r="HS782" s="91"/>
      <c r="HT782" s="91"/>
      <c r="HU782" s="91"/>
      <c r="HV782" s="91"/>
      <c r="HW782" s="91"/>
      <c r="HX782" s="91"/>
      <c r="HY782" s="91"/>
      <c r="HZ782" s="91"/>
      <c r="IA782" s="91"/>
      <c r="IB782" s="91"/>
      <c r="IC782" s="91"/>
      <c r="ID782" s="91"/>
      <c r="IE782" s="91"/>
      <c r="IF782" s="91"/>
      <c r="IG782" s="91"/>
      <c r="IH782" s="91"/>
      <c r="II782" s="91"/>
      <c r="IJ782" s="91"/>
      <c r="IK782" s="127"/>
    </row>
    <row r="783" spans="2:245" x14ac:dyDescent="0.2">
      <c r="B783" s="43"/>
      <c r="C783" s="73"/>
      <c r="D783" s="64"/>
      <c r="E783" s="64"/>
      <c r="F783" s="55"/>
      <c r="G783" s="102"/>
      <c r="H783" s="55"/>
      <c r="I783" s="55"/>
      <c r="J783" s="55"/>
      <c r="K783" s="55"/>
      <c r="L783" s="55"/>
      <c r="M783" s="55"/>
      <c r="N783" s="55"/>
      <c r="O783" s="55"/>
      <c r="P783" s="55"/>
      <c r="Q783" s="55"/>
      <c r="R783" s="55"/>
      <c r="S783" s="55"/>
      <c r="T783" s="55"/>
      <c r="U783" s="55"/>
      <c r="V783" s="55"/>
      <c r="W783" s="55"/>
      <c r="X783" s="55"/>
      <c r="Y783" s="55"/>
      <c r="Z783" s="55"/>
      <c r="AA783" s="55"/>
      <c r="AB783" s="55"/>
      <c r="AC783" s="55"/>
      <c r="AD783" s="55"/>
      <c r="AE783" s="55"/>
      <c r="AF783" s="55"/>
      <c r="AG783" s="55"/>
      <c r="AY783" s="162"/>
      <c r="AZ783" s="162"/>
      <c r="BA783" s="162"/>
      <c r="BB783" s="162"/>
      <c r="BC783" s="162"/>
      <c r="BD783" s="162"/>
      <c r="BE783" s="162"/>
      <c r="BF783" s="162"/>
      <c r="BG783" s="162"/>
      <c r="BH783" s="162"/>
      <c r="BI783" s="162"/>
      <c r="BJ783" s="162"/>
      <c r="BK783" s="162"/>
      <c r="BL783" s="162"/>
      <c r="BM783" s="162"/>
      <c r="BN783" s="162"/>
      <c r="BO783" s="162"/>
      <c r="BP783" s="162"/>
      <c r="BQ783" s="162"/>
      <c r="BR783" s="162"/>
      <c r="BS783" s="162"/>
      <c r="BT783" s="162"/>
      <c r="BU783" s="162"/>
      <c r="BV783" s="162"/>
      <c r="BW783" s="162"/>
      <c r="BX783" s="162"/>
      <c r="BY783" s="162"/>
      <c r="BZ783" s="162"/>
      <c r="CA783" s="162"/>
      <c r="CB783" s="162"/>
      <c r="CC783" s="162"/>
      <c r="CD783" s="162"/>
      <c r="CE783" s="162"/>
      <c r="CF783" s="162"/>
      <c r="CG783" s="162"/>
      <c r="CH783" s="162"/>
      <c r="CI783" s="162"/>
      <c r="CJ783" s="162"/>
      <c r="CK783" s="162"/>
      <c r="CX783" s="98"/>
      <c r="DL783" s="97"/>
      <c r="DX783" s="98"/>
      <c r="EL783" s="97"/>
      <c r="EX783" s="98"/>
      <c r="EY783" s="97"/>
      <c r="FL783" s="126"/>
      <c r="FM783" s="91"/>
      <c r="FN783" s="91"/>
      <c r="FO783" s="91"/>
      <c r="FP783" s="91"/>
      <c r="FQ783" s="91"/>
      <c r="FR783" s="91"/>
      <c r="FS783" s="91"/>
      <c r="FT783" s="91"/>
      <c r="FU783" s="91"/>
      <c r="FV783" s="91"/>
      <c r="FW783" s="91"/>
      <c r="FX783" s="91"/>
      <c r="FY783" s="91"/>
      <c r="FZ783" s="91"/>
      <c r="GA783" s="91"/>
      <c r="GB783" s="91"/>
      <c r="GC783" s="91"/>
      <c r="GD783" s="91"/>
      <c r="GE783" s="91"/>
      <c r="GF783" s="91"/>
      <c r="GG783" s="91"/>
      <c r="GH783" s="91"/>
      <c r="GI783" s="91"/>
      <c r="GJ783" s="91"/>
      <c r="GK783" s="127"/>
      <c r="GL783" s="126"/>
      <c r="GM783" s="91"/>
      <c r="GN783" s="91"/>
      <c r="GO783" s="91"/>
      <c r="GP783" s="91"/>
      <c r="GQ783" s="91"/>
      <c r="GR783" s="91"/>
      <c r="GS783" s="91"/>
      <c r="GT783" s="91"/>
      <c r="GU783" s="91"/>
      <c r="GV783" s="91"/>
      <c r="GW783" s="91"/>
      <c r="GX783" s="91"/>
      <c r="GY783" s="91"/>
      <c r="GZ783" s="91"/>
      <c r="HA783" s="91"/>
      <c r="HB783" s="91"/>
      <c r="HC783" s="91"/>
      <c r="HD783" s="91"/>
      <c r="HE783" s="91"/>
      <c r="HF783" s="91"/>
      <c r="HG783" s="91"/>
      <c r="HH783" s="91"/>
      <c r="HI783" s="91"/>
      <c r="HJ783" s="91"/>
      <c r="HK783" s="127"/>
      <c r="HL783" s="126"/>
      <c r="HM783" s="91"/>
      <c r="HN783" s="91"/>
      <c r="HO783" s="91"/>
      <c r="HP783" s="91"/>
      <c r="HQ783" s="91"/>
      <c r="HR783" s="91"/>
      <c r="HS783" s="91"/>
      <c r="HT783" s="91"/>
      <c r="HU783" s="91"/>
      <c r="HV783" s="91"/>
      <c r="HW783" s="91"/>
      <c r="HX783" s="91"/>
      <c r="HY783" s="91"/>
      <c r="HZ783" s="91"/>
      <c r="IA783" s="91"/>
      <c r="IB783" s="91"/>
      <c r="IC783" s="91"/>
      <c r="ID783" s="91"/>
      <c r="IE783" s="91"/>
      <c r="IF783" s="91"/>
      <c r="IG783" s="91"/>
      <c r="IH783" s="91"/>
      <c r="II783" s="91"/>
      <c r="IJ783" s="91"/>
      <c r="IK783" s="127"/>
    </row>
    <row r="784" spans="2:245" x14ac:dyDescent="0.2">
      <c r="B784" s="43"/>
      <c r="C784" s="73"/>
      <c r="D784" s="64"/>
      <c r="E784" s="64"/>
      <c r="F784" s="55"/>
      <c r="G784" s="102"/>
      <c r="H784" s="55"/>
      <c r="I784" s="55"/>
      <c r="J784" s="55"/>
      <c r="K784" s="55"/>
      <c r="L784" s="55"/>
      <c r="M784" s="55"/>
      <c r="N784" s="55"/>
      <c r="O784" s="55"/>
      <c r="P784" s="55"/>
      <c r="Q784" s="55"/>
      <c r="R784" s="55"/>
      <c r="S784" s="55"/>
      <c r="T784" s="55"/>
      <c r="U784" s="55"/>
      <c r="V784" s="55"/>
      <c r="W784" s="55"/>
      <c r="X784" s="55"/>
      <c r="Y784" s="55"/>
      <c r="Z784" s="55"/>
      <c r="AA784" s="55"/>
      <c r="AB784" s="55"/>
      <c r="AC784" s="55"/>
      <c r="AD784" s="55"/>
      <c r="AE784" s="55"/>
      <c r="AF784" s="55"/>
      <c r="AG784" s="55"/>
      <c r="AY784" s="162"/>
      <c r="AZ784" s="162"/>
      <c r="BA784" s="162"/>
      <c r="BB784" s="162"/>
      <c r="BC784" s="162"/>
      <c r="BD784" s="162"/>
      <c r="BE784" s="162"/>
      <c r="BF784" s="162"/>
      <c r="BG784" s="162"/>
      <c r="BH784" s="162"/>
      <c r="BI784" s="162"/>
      <c r="BJ784" s="162"/>
      <c r="BK784" s="162"/>
      <c r="BL784" s="162"/>
      <c r="BM784" s="162"/>
      <c r="BN784" s="162"/>
      <c r="BO784" s="162"/>
      <c r="BP784" s="162"/>
      <c r="BQ784" s="162"/>
      <c r="BR784" s="162"/>
      <c r="BS784" s="162"/>
      <c r="BT784" s="162"/>
      <c r="BU784" s="162"/>
      <c r="BV784" s="162"/>
      <c r="BW784" s="162"/>
      <c r="BX784" s="162"/>
      <c r="BY784" s="162"/>
      <c r="BZ784" s="162"/>
      <c r="CA784" s="162"/>
      <c r="CB784" s="162"/>
      <c r="CC784" s="162"/>
      <c r="CD784" s="162"/>
      <c r="CE784" s="162"/>
      <c r="CF784" s="162"/>
      <c r="CG784" s="162"/>
      <c r="CH784" s="162"/>
      <c r="CI784" s="162"/>
      <c r="CJ784" s="162"/>
      <c r="CK784" s="162"/>
      <c r="CX784" s="98"/>
      <c r="DL784" s="97"/>
      <c r="DX784" s="98"/>
      <c r="EL784" s="97"/>
      <c r="EX784" s="98"/>
      <c r="EY784" s="97"/>
      <c r="FL784" s="126"/>
      <c r="FM784" s="91"/>
      <c r="FN784" s="91"/>
      <c r="FO784" s="91"/>
      <c r="FP784" s="91"/>
      <c r="FQ784" s="91"/>
      <c r="FR784" s="91"/>
      <c r="FS784" s="91"/>
      <c r="FT784" s="91"/>
      <c r="FU784" s="91"/>
      <c r="FV784" s="91"/>
      <c r="FW784" s="91"/>
      <c r="FX784" s="91"/>
      <c r="FY784" s="91"/>
      <c r="FZ784" s="91"/>
      <c r="GA784" s="91"/>
      <c r="GB784" s="91"/>
      <c r="GC784" s="91"/>
      <c r="GD784" s="91"/>
      <c r="GE784" s="91"/>
      <c r="GF784" s="91"/>
      <c r="GG784" s="91"/>
      <c r="GH784" s="91"/>
      <c r="GI784" s="91"/>
      <c r="GJ784" s="91"/>
      <c r="GK784" s="127"/>
      <c r="GL784" s="126"/>
      <c r="GM784" s="91"/>
      <c r="GN784" s="91"/>
      <c r="GO784" s="91"/>
      <c r="GP784" s="91"/>
      <c r="GQ784" s="91"/>
      <c r="GR784" s="91"/>
      <c r="GS784" s="91"/>
      <c r="GT784" s="91"/>
      <c r="GU784" s="91"/>
      <c r="GV784" s="91"/>
      <c r="GW784" s="91"/>
      <c r="GX784" s="91"/>
      <c r="GY784" s="91"/>
      <c r="GZ784" s="91"/>
      <c r="HA784" s="91"/>
      <c r="HB784" s="91"/>
      <c r="HC784" s="91"/>
      <c r="HD784" s="91"/>
      <c r="HE784" s="91"/>
      <c r="HF784" s="91"/>
      <c r="HG784" s="91"/>
      <c r="HH784" s="91"/>
      <c r="HI784" s="91"/>
      <c r="HJ784" s="91"/>
      <c r="HK784" s="127"/>
      <c r="HL784" s="126"/>
      <c r="HM784" s="91"/>
      <c r="HN784" s="91"/>
      <c r="HO784" s="91"/>
      <c r="HP784" s="91"/>
      <c r="HQ784" s="91"/>
      <c r="HR784" s="91"/>
      <c r="HS784" s="91"/>
      <c r="HT784" s="91"/>
      <c r="HU784" s="91"/>
      <c r="HV784" s="91"/>
      <c r="HW784" s="91"/>
      <c r="HX784" s="91"/>
      <c r="HY784" s="91"/>
      <c r="HZ784" s="91"/>
      <c r="IA784" s="91"/>
      <c r="IB784" s="91"/>
      <c r="IC784" s="91"/>
      <c r="ID784" s="91"/>
      <c r="IE784" s="91"/>
      <c r="IF784" s="91"/>
      <c r="IG784" s="91"/>
      <c r="IH784" s="91"/>
      <c r="II784" s="91"/>
      <c r="IJ784" s="91"/>
      <c r="IK784" s="127"/>
    </row>
    <row r="785" spans="2:245" x14ac:dyDescent="0.2">
      <c r="B785" s="43"/>
      <c r="C785" s="73"/>
      <c r="D785" s="64"/>
      <c r="E785" s="64"/>
      <c r="F785" s="55"/>
      <c r="G785" s="102"/>
      <c r="H785" s="55"/>
      <c r="I785" s="55"/>
      <c r="J785" s="55"/>
      <c r="K785" s="55"/>
      <c r="L785" s="55"/>
      <c r="M785" s="55"/>
      <c r="N785" s="55"/>
      <c r="O785" s="55"/>
      <c r="P785" s="55"/>
      <c r="Q785" s="55"/>
      <c r="R785" s="55"/>
      <c r="S785" s="55"/>
      <c r="T785" s="55"/>
      <c r="U785" s="55"/>
      <c r="V785" s="55"/>
      <c r="W785" s="55"/>
      <c r="X785" s="55"/>
      <c r="Y785" s="55"/>
      <c r="Z785" s="55"/>
      <c r="AA785" s="55"/>
      <c r="AB785" s="55"/>
      <c r="AC785" s="55"/>
      <c r="AD785" s="55"/>
      <c r="AE785" s="55"/>
      <c r="AF785" s="55"/>
      <c r="AG785" s="55"/>
      <c r="AY785" s="162"/>
      <c r="AZ785" s="162"/>
      <c r="BA785" s="162"/>
      <c r="BB785" s="162"/>
      <c r="BC785" s="162"/>
      <c r="BD785" s="162"/>
      <c r="BE785" s="162"/>
      <c r="BF785" s="162"/>
      <c r="BG785" s="162"/>
      <c r="BH785" s="162"/>
      <c r="BI785" s="162"/>
      <c r="BJ785" s="162"/>
      <c r="BK785" s="162"/>
      <c r="BL785" s="162"/>
      <c r="BM785" s="162"/>
      <c r="BN785" s="162"/>
      <c r="BO785" s="162"/>
      <c r="BP785" s="162"/>
      <c r="BQ785" s="162"/>
      <c r="BR785" s="162"/>
      <c r="BS785" s="162"/>
      <c r="BT785" s="162"/>
      <c r="BU785" s="162"/>
      <c r="BV785" s="162"/>
      <c r="BW785" s="162"/>
      <c r="BX785" s="162"/>
      <c r="BY785" s="162"/>
      <c r="BZ785" s="162"/>
      <c r="CA785" s="162"/>
      <c r="CB785" s="162"/>
      <c r="CC785" s="162"/>
      <c r="CD785" s="162"/>
      <c r="CE785" s="162"/>
      <c r="CF785" s="162"/>
      <c r="CG785" s="162"/>
      <c r="CH785" s="162"/>
      <c r="CI785" s="162"/>
      <c r="CJ785" s="162"/>
      <c r="CK785" s="162"/>
      <c r="CX785" s="98"/>
      <c r="DL785" s="97"/>
      <c r="DX785" s="98"/>
      <c r="EL785" s="97"/>
      <c r="EX785" s="98"/>
      <c r="EY785" s="97"/>
      <c r="FL785" s="126"/>
      <c r="FM785" s="91"/>
      <c r="FN785" s="91"/>
      <c r="FO785" s="91"/>
      <c r="FP785" s="91"/>
      <c r="FQ785" s="91"/>
      <c r="FR785" s="91"/>
      <c r="FS785" s="91"/>
      <c r="FT785" s="91"/>
      <c r="FU785" s="91"/>
      <c r="FV785" s="91"/>
      <c r="FW785" s="91"/>
      <c r="FX785" s="91"/>
      <c r="FY785" s="91"/>
      <c r="FZ785" s="91"/>
      <c r="GA785" s="91"/>
      <c r="GB785" s="91"/>
      <c r="GC785" s="91"/>
      <c r="GD785" s="91"/>
      <c r="GE785" s="91"/>
      <c r="GF785" s="91"/>
      <c r="GG785" s="91"/>
      <c r="GH785" s="91"/>
      <c r="GI785" s="91"/>
      <c r="GJ785" s="91"/>
      <c r="GK785" s="127"/>
      <c r="GL785" s="126"/>
      <c r="GM785" s="91"/>
      <c r="GN785" s="91"/>
      <c r="GO785" s="91"/>
      <c r="GP785" s="91"/>
      <c r="GQ785" s="91"/>
      <c r="GR785" s="91"/>
      <c r="GS785" s="91"/>
      <c r="GT785" s="91"/>
      <c r="GU785" s="91"/>
      <c r="GV785" s="91"/>
      <c r="GW785" s="91"/>
      <c r="GX785" s="91"/>
      <c r="GY785" s="91"/>
      <c r="GZ785" s="91"/>
      <c r="HA785" s="91"/>
      <c r="HB785" s="91"/>
      <c r="HC785" s="91"/>
      <c r="HD785" s="91"/>
      <c r="HE785" s="91"/>
      <c r="HF785" s="91"/>
      <c r="HG785" s="91"/>
      <c r="HH785" s="91"/>
      <c r="HI785" s="91"/>
      <c r="HJ785" s="91"/>
      <c r="HK785" s="127"/>
      <c r="HL785" s="126"/>
      <c r="HM785" s="91"/>
      <c r="HN785" s="91"/>
      <c r="HO785" s="91"/>
      <c r="HP785" s="91"/>
      <c r="HQ785" s="91"/>
      <c r="HR785" s="91"/>
      <c r="HS785" s="91"/>
      <c r="HT785" s="91"/>
      <c r="HU785" s="91"/>
      <c r="HV785" s="91"/>
      <c r="HW785" s="91"/>
      <c r="HX785" s="91"/>
      <c r="HY785" s="91"/>
      <c r="HZ785" s="91"/>
      <c r="IA785" s="91"/>
      <c r="IB785" s="91"/>
      <c r="IC785" s="91"/>
      <c r="ID785" s="91"/>
      <c r="IE785" s="91"/>
      <c r="IF785" s="91"/>
      <c r="IG785" s="91"/>
      <c r="IH785" s="91"/>
      <c r="II785" s="91"/>
      <c r="IJ785" s="91"/>
      <c r="IK785" s="127"/>
    </row>
    <row r="786" spans="2:245" x14ac:dyDescent="0.2">
      <c r="B786" s="43"/>
      <c r="C786" s="73"/>
      <c r="D786" s="64"/>
      <c r="E786" s="64"/>
      <c r="F786" s="55"/>
      <c r="G786" s="102"/>
      <c r="H786" s="55"/>
      <c r="I786" s="55"/>
      <c r="J786" s="55"/>
      <c r="K786" s="55"/>
      <c r="L786" s="55"/>
      <c r="M786" s="55"/>
      <c r="N786" s="55"/>
      <c r="O786" s="55"/>
      <c r="P786" s="55"/>
      <c r="Q786" s="55"/>
      <c r="R786" s="55"/>
      <c r="S786" s="55"/>
      <c r="T786" s="55"/>
      <c r="U786" s="55"/>
      <c r="V786" s="55"/>
      <c r="W786" s="55"/>
      <c r="X786" s="55"/>
      <c r="Y786" s="55"/>
      <c r="Z786" s="55"/>
      <c r="AA786" s="55"/>
      <c r="AB786" s="55"/>
      <c r="AC786" s="55"/>
      <c r="AD786" s="55"/>
      <c r="AE786" s="55"/>
      <c r="AF786" s="55"/>
      <c r="AG786" s="55"/>
      <c r="AY786" s="162"/>
      <c r="AZ786" s="162"/>
      <c r="BA786" s="162"/>
      <c r="BB786" s="162"/>
      <c r="BC786" s="162"/>
      <c r="BD786" s="162"/>
      <c r="BE786" s="162"/>
      <c r="BF786" s="162"/>
      <c r="BG786" s="162"/>
      <c r="BH786" s="162"/>
      <c r="BI786" s="162"/>
      <c r="BJ786" s="162"/>
      <c r="BK786" s="162"/>
      <c r="BL786" s="162"/>
      <c r="BM786" s="162"/>
      <c r="BN786" s="162"/>
      <c r="BO786" s="162"/>
      <c r="BP786" s="162"/>
      <c r="BQ786" s="162"/>
      <c r="BR786" s="162"/>
      <c r="BS786" s="162"/>
      <c r="BT786" s="162"/>
      <c r="BU786" s="162"/>
      <c r="BV786" s="162"/>
      <c r="BW786" s="162"/>
      <c r="BX786" s="162"/>
      <c r="BY786" s="162"/>
      <c r="BZ786" s="162"/>
      <c r="CA786" s="162"/>
      <c r="CB786" s="162"/>
      <c r="CC786" s="162"/>
      <c r="CD786" s="162"/>
      <c r="CE786" s="162"/>
      <c r="CF786" s="162"/>
      <c r="CG786" s="162"/>
      <c r="CH786" s="162"/>
      <c r="CI786" s="162"/>
      <c r="CJ786" s="162"/>
      <c r="CK786" s="162"/>
      <c r="CX786" s="98"/>
      <c r="DL786" s="97"/>
      <c r="DX786" s="98"/>
      <c r="EL786" s="97"/>
      <c r="EX786" s="98"/>
      <c r="EY786" s="97"/>
      <c r="FL786" s="126"/>
      <c r="FM786" s="91"/>
      <c r="FN786" s="91"/>
      <c r="FO786" s="91"/>
      <c r="FP786" s="91"/>
      <c r="FQ786" s="91"/>
      <c r="FR786" s="91"/>
      <c r="FS786" s="91"/>
      <c r="FT786" s="91"/>
      <c r="FU786" s="91"/>
      <c r="FV786" s="91"/>
      <c r="FW786" s="91"/>
      <c r="FX786" s="91"/>
      <c r="FY786" s="91"/>
      <c r="FZ786" s="91"/>
      <c r="GA786" s="91"/>
      <c r="GB786" s="91"/>
      <c r="GC786" s="91"/>
      <c r="GD786" s="91"/>
      <c r="GE786" s="91"/>
      <c r="GF786" s="91"/>
      <c r="GG786" s="91"/>
      <c r="GH786" s="91"/>
      <c r="GI786" s="91"/>
      <c r="GJ786" s="91"/>
      <c r="GK786" s="127"/>
      <c r="GL786" s="126"/>
      <c r="GM786" s="91"/>
      <c r="GN786" s="91"/>
      <c r="GO786" s="91"/>
      <c r="GP786" s="91"/>
      <c r="GQ786" s="91"/>
      <c r="GR786" s="91"/>
      <c r="GS786" s="91"/>
      <c r="GT786" s="91"/>
      <c r="GU786" s="91"/>
      <c r="GV786" s="91"/>
      <c r="GW786" s="91"/>
      <c r="GX786" s="91"/>
      <c r="GY786" s="91"/>
      <c r="GZ786" s="91"/>
      <c r="HA786" s="91"/>
      <c r="HB786" s="91"/>
      <c r="HC786" s="91"/>
      <c r="HD786" s="91"/>
      <c r="HE786" s="91"/>
      <c r="HF786" s="91"/>
      <c r="HG786" s="91"/>
      <c r="HH786" s="91"/>
      <c r="HI786" s="91"/>
      <c r="HJ786" s="91"/>
      <c r="HK786" s="127"/>
      <c r="HL786" s="126"/>
      <c r="HM786" s="91"/>
      <c r="HN786" s="91"/>
      <c r="HO786" s="91"/>
      <c r="HP786" s="91"/>
      <c r="HQ786" s="91"/>
      <c r="HR786" s="91"/>
      <c r="HS786" s="91"/>
      <c r="HT786" s="91"/>
      <c r="HU786" s="91"/>
      <c r="HV786" s="91"/>
      <c r="HW786" s="91"/>
      <c r="HX786" s="91"/>
      <c r="HY786" s="91"/>
      <c r="HZ786" s="91"/>
      <c r="IA786" s="91"/>
      <c r="IB786" s="91"/>
      <c r="IC786" s="91"/>
      <c r="ID786" s="91"/>
      <c r="IE786" s="91"/>
      <c r="IF786" s="91"/>
      <c r="IG786" s="91"/>
      <c r="IH786" s="91"/>
      <c r="II786" s="91"/>
      <c r="IJ786" s="91"/>
      <c r="IK786" s="127"/>
    </row>
    <row r="787" spans="2:245" x14ac:dyDescent="0.2">
      <c r="B787" s="43"/>
      <c r="C787" s="73"/>
      <c r="D787" s="64"/>
      <c r="E787" s="64"/>
      <c r="F787" s="55"/>
      <c r="G787" s="102"/>
      <c r="H787" s="55"/>
      <c r="I787" s="55"/>
      <c r="J787" s="55"/>
      <c r="K787" s="55"/>
      <c r="L787" s="55"/>
      <c r="M787" s="55"/>
      <c r="N787" s="55"/>
      <c r="O787" s="55"/>
      <c r="P787" s="55"/>
      <c r="Q787" s="55"/>
      <c r="R787" s="55"/>
      <c r="S787" s="55"/>
      <c r="T787" s="55"/>
      <c r="U787" s="55"/>
      <c r="V787" s="55"/>
      <c r="W787" s="55"/>
      <c r="X787" s="55"/>
      <c r="Y787" s="55"/>
      <c r="Z787" s="55"/>
      <c r="AA787" s="55"/>
      <c r="AB787" s="55"/>
      <c r="AC787" s="55"/>
      <c r="AD787" s="55"/>
      <c r="AE787" s="55"/>
      <c r="AF787" s="55"/>
      <c r="AG787" s="55"/>
      <c r="AY787" s="162"/>
      <c r="AZ787" s="162"/>
      <c r="BA787" s="162"/>
      <c r="BB787" s="162"/>
      <c r="BC787" s="162"/>
      <c r="BD787" s="162"/>
      <c r="BE787" s="162"/>
      <c r="BF787" s="162"/>
      <c r="BG787" s="162"/>
      <c r="BH787" s="162"/>
      <c r="BI787" s="162"/>
      <c r="BJ787" s="162"/>
      <c r="BK787" s="162"/>
      <c r="BL787" s="162"/>
      <c r="BM787" s="162"/>
      <c r="BN787" s="162"/>
      <c r="BO787" s="162"/>
      <c r="BP787" s="162"/>
      <c r="BQ787" s="162"/>
      <c r="BR787" s="162"/>
      <c r="BS787" s="162"/>
      <c r="BT787" s="162"/>
      <c r="BU787" s="162"/>
      <c r="BV787" s="162"/>
      <c r="BW787" s="162"/>
      <c r="BX787" s="162"/>
      <c r="BY787" s="162"/>
      <c r="BZ787" s="162"/>
      <c r="CA787" s="162"/>
      <c r="CB787" s="162"/>
      <c r="CC787" s="162"/>
      <c r="CD787" s="162"/>
      <c r="CE787" s="162"/>
      <c r="CF787" s="162"/>
      <c r="CG787" s="162"/>
      <c r="CH787" s="162"/>
      <c r="CI787" s="162"/>
      <c r="CJ787" s="162"/>
      <c r="CK787" s="162"/>
      <c r="CX787" s="98"/>
      <c r="DL787" s="97"/>
      <c r="DX787" s="98"/>
      <c r="EL787" s="97"/>
      <c r="EX787" s="98"/>
      <c r="EY787" s="97"/>
      <c r="FL787" s="126"/>
      <c r="FM787" s="91"/>
      <c r="FN787" s="91"/>
      <c r="FO787" s="91"/>
      <c r="FP787" s="91"/>
      <c r="FQ787" s="91"/>
      <c r="FR787" s="91"/>
      <c r="FS787" s="91"/>
      <c r="FT787" s="91"/>
      <c r="FU787" s="91"/>
      <c r="FV787" s="91"/>
      <c r="FW787" s="91"/>
      <c r="FX787" s="91"/>
      <c r="FY787" s="91"/>
      <c r="FZ787" s="91"/>
      <c r="GA787" s="91"/>
      <c r="GB787" s="91"/>
      <c r="GC787" s="91"/>
      <c r="GD787" s="91"/>
      <c r="GE787" s="91"/>
      <c r="GF787" s="91"/>
      <c r="GG787" s="91"/>
      <c r="GH787" s="91"/>
      <c r="GI787" s="91"/>
      <c r="GJ787" s="91"/>
      <c r="GK787" s="127"/>
      <c r="GL787" s="126"/>
      <c r="GM787" s="91"/>
      <c r="GN787" s="91"/>
      <c r="GO787" s="91"/>
      <c r="GP787" s="91"/>
      <c r="GQ787" s="91"/>
      <c r="GR787" s="91"/>
      <c r="GS787" s="91"/>
      <c r="GT787" s="91"/>
      <c r="GU787" s="91"/>
      <c r="GV787" s="91"/>
      <c r="GW787" s="91"/>
      <c r="GX787" s="91"/>
      <c r="GY787" s="91"/>
      <c r="GZ787" s="91"/>
      <c r="HA787" s="91"/>
      <c r="HB787" s="91"/>
      <c r="HC787" s="91"/>
      <c r="HD787" s="91"/>
      <c r="HE787" s="91"/>
      <c r="HF787" s="91"/>
      <c r="HG787" s="91"/>
      <c r="HH787" s="91"/>
      <c r="HI787" s="91"/>
      <c r="HJ787" s="91"/>
      <c r="HK787" s="127"/>
      <c r="HL787" s="126"/>
      <c r="HM787" s="91"/>
      <c r="HN787" s="91"/>
      <c r="HO787" s="91"/>
      <c r="HP787" s="91"/>
      <c r="HQ787" s="91"/>
      <c r="HR787" s="91"/>
      <c r="HS787" s="91"/>
      <c r="HT787" s="91"/>
      <c r="HU787" s="91"/>
      <c r="HV787" s="91"/>
      <c r="HW787" s="91"/>
      <c r="HX787" s="91"/>
      <c r="HY787" s="91"/>
      <c r="HZ787" s="91"/>
      <c r="IA787" s="91"/>
      <c r="IB787" s="91"/>
      <c r="IC787" s="91"/>
      <c r="ID787" s="91"/>
      <c r="IE787" s="91"/>
      <c r="IF787" s="91"/>
      <c r="IG787" s="91"/>
      <c r="IH787" s="91"/>
      <c r="II787" s="91"/>
      <c r="IJ787" s="91"/>
      <c r="IK787" s="127"/>
    </row>
    <row r="788" spans="2:245" x14ac:dyDescent="0.2">
      <c r="B788" s="43"/>
      <c r="C788" s="73"/>
      <c r="D788" s="64"/>
      <c r="E788" s="64"/>
      <c r="F788" s="55"/>
      <c r="G788" s="102"/>
      <c r="H788" s="55"/>
      <c r="I788" s="55"/>
      <c r="J788" s="55"/>
      <c r="K788" s="55"/>
      <c r="L788" s="55"/>
      <c r="M788" s="55"/>
      <c r="N788" s="55"/>
      <c r="O788" s="55"/>
      <c r="P788" s="55"/>
      <c r="Q788" s="55"/>
      <c r="R788" s="55"/>
      <c r="S788" s="55"/>
      <c r="T788" s="55"/>
      <c r="U788" s="55"/>
      <c r="V788" s="55"/>
      <c r="W788" s="55"/>
      <c r="X788" s="55"/>
      <c r="Y788" s="55"/>
      <c r="Z788" s="55"/>
      <c r="AA788" s="55"/>
      <c r="AB788" s="55"/>
      <c r="AC788" s="55"/>
      <c r="AD788" s="55"/>
      <c r="AE788" s="55"/>
      <c r="AF788" s="55"/>
      <c r="AG788" s="55"/>
      <c r="AY788" s="162"/>
      <c r="AZ788" s="162"/>
      <c r="BA788" s="162"/>
      <c r="BB788" s="162"/>
      <c r="BC788" s="162"/>
      <c r="BD788" s="162"/>
      <c r="BE788" s="162"/>
      <c r="BF788" s="162"/>
      <c r="BG788" s="162"/>
      <c r="BH788" s="162"/>
      <c r="BI788" s="162"/>
      <c r="BJ788" s="162"/>
      <c r="BK788" s="162"/>
      <c r="BL788" s="162"/>
      <c r="BM788" s="162"/>
      <c r="BN788" s="162"/>
      <c r="BO788" s="162"/>
      <c r="BP788" s="162"/>
      <c r="BQ788" s="162"/>
      <c r="BR788" s="162"/>
      <c r="BS788" s="162"/>
      <c r="BT788" s="162"/>
      <c r="BU788" s="162"/>
      <c r="BV788" s="162"/>
      <c r="BW788" s="162"/>
      <c r="BX788" s="162"/>
      <c r="BY788" s="162"/>
      <c r="BZ788" s="162"/>
      <c r="CA788" s="162"/>
      <c r="CB788" s="162"/>
      <c r="CC788" s="162"/>
      <c r="CD788" s="162"/>
      <c r="CE788" s="162"/>
      <c r="CF788" s="162"/>
      <c r="CG788" s="162"/>
      <c r="CH788" s="162"/>
      <c r="CI788" s="162"/>
      <c r="CJ788" s="162"/>
      <c r="CK788" s="162"/>
      <c r="CX788" s="98"/>
      <c r="DL788" s="97"/>
      <c r="DX788" s="98"/>
      <c r="EL788" s="97"/>
      <c r="EX788" s="98"/>
      <c r="EY788" s="97"/>
      <c r="FL788" s="126"/>
      <c r="FM788" s="91"/>
      <c r="FN788" s="91"/>
      <c r="FO788" s="91"/>
      <c r="FP788" s="91"/>
      <c r="FQ788" s="91"/>
      <c r="FR788" s="91"/>
      <c r="FS788" s="91"/>
      <c r="FT788" s="91"/>
      <c r="FU788" s="91"/>
      <c r="FV788" s="91"/>
      <c r="FW788" s="91"/>
      <c r="FX788" s="91"/>
      <c r="FY788" s="91"/>
      <c r="FZ788" s="91"/>
      <c r="GA788" s="91"/>
      <c r="GB788" s="91"/>
      <c r="GC788" s="91"/>
      <c r="GD788" s="91"/>
      <c r="GE788" s="91"/>
      <c r="GF788" s="91"/>
      <c r="GG788" s="91"/>
      <c r="GH788" s="91"/>
      <c r="GI788" s="91"/>
      <c r="GJ788" s="91"/>
      <c r="GK788" s="127"/>
      <c r="GL788" s="126"/>
      <c r="GM788" s="91"/>
      <c r="GN788" s="91"/>
      <c r="GO788" s="91"/>
      <c r="GP788" s="91"/>
      <c r="GQ788" s="91"/>
      <c r="GR788" s="91"/>
      <c r="GS788" s="91"/>
      <c r="GT788" s="91"/>
      <c r="GU788" s="91"/>
      <c r="GV788" s="91"/>
      <c r="GW788" s="91"/>
      <c r="GX788" s="91"/>
      <c r="GY788" s="91"/>
      <c r="GZ788" s="91"/>
      <c r="HA788" s="91"/>
      <c r="HB788" s="91"/>
      <c r="HC788" s="91"/>
      <c r="HD788" s="91"/>
      <c r="HE788" s="91"/>
      <c r="HF788" s="91"/>
      <c r="HG788" s="91"/>
      <c r="HH788" s="91"/>
      <c r="HI788" s="91"/>
      <c r="HJ788" s="91"/>
      <c r="HK788" s="127"/>
      <c r="HL788" s="126"/>
      <c r="HM788" s="91"/>
      <c r="HN788" s="91"/>
      <c r="HO788" s="91"/>
      <c r="HP788" s="91"/>
      <c r="HQ788" s="91"/>
      <c r="HR788" s="91"/>
      <c r="HS788" s="91"/>
      <c r="HT788" s="91"/>
      <c r="HU788" s="91"/>
      <c r="HV788" s="91"/>
      <c r="HW788" s="91"/>
      <c r="HX788" s="91"/>
      <c r="HY788" s="91"/>
      <c r="HZ788" s="91"/>
      <c r="IA788" s="91"/>
      <c r="IB788" s="91"/>
      <c r="IC788" s="91"/>
      <c r="ID788" s="91"/>
      <c r="IE788" s="91"/>
      <c r="IF788" s="91"/>
      <c r="IG788" s="91"/>
      <c r="IH788" s="91"/>
      <c r="II788" s="91"/>
      <c r="IJ788" s="91"/>
      <c r="IK788" s="127"/>
    </row>
    <row r="789" spans="2:245" x14ac:dyDescent="0.2">
      <c r="B789" s="43"/>
      <c r="C789" s="73"/>
      <c r="D789" s="64"/>
      <c r="E789" s="64"/>
      <c r="F789" s="55"/>
      <c r="G789" s="102"/>
      <c r="H789" s="55"/>
      <c r="I789" s="55"/>
      <c r="J789" s="55"/>
      <c r="K789" s="55"/>
      <c r="L789" s="55"/>
      <c r="M789" s="55"/>
      <c r="N789" s="55"/>
      <c r="O789" s="55"/>
      <c r="P789" s="55"/>
      <c r="Q789" s="55"/>
      <c r="R789" s="55"/>
      <c r="S789" s="55"/>
      <c r="T789" s="55"/>
      <c r="U789" s="55"/>
      <c r="V789" s="55"/>
      <c r="W789" s="55"/>
      <c r="X789" s="55"/>
      <c r="Y789" s="55"/>
      <c r="Z789" s="55"/>
      <c r="AA789" s="55"/>
      <c r="AB789" s="55"/>
      <c r="AC789" s="55"/>
      <c r="AD789" s="55"/>
      <c r="AE789" s="55"/>
      <c r="AF789" s="55"/>
      <c r="AG789" s="55"/>
      <c r="AY789" s="162"/>
      <c r="AZ789" s="162"/>
      <c r="BA789" s="162"/>
      <c r="BB789" s="162"/>
      <c r="BC789" s="162"/>
      <c r="BD789" s="162"/>
      <c r="BE789" s="162"/>
      <c r="BF789" s="162"/>
      <c r="BG789" s="162"/>
      <c r="BH789" s="162"/>
      <c r="BI789" s="162"/>
      <c r="BJ789" s="162"/>
      <c r="BK789" s="162"/>
      <c r="BL789" s="162"/>
      <c r="BM789" s="162"/>
      <c r="BN789" s="162"/>
      <c r="BO789" s="162"/>
      <c r="BP789" s="162"/>
      <c r="BQ789" s="162"/>
      <c r="BR789" s="162"/>
      <c r="BS789" s="162"/>
      <c r="BT789" s="162"/>
      <c r="BU789" s="162"/>
      <c r="BV789" s="162"/>
      <c r="BW789" s="162"/>
      <c r="BX789" s="162"/>
      <c r="BY789" s="162"/>
      <c r="BZ789" s="162"/>
      <c r="CA789" s="162"/>
      <c r="CB789" s="162"/>
      <c r="CC789" s="162"/>
      <c r="CD789" s="162"/>
      <c r="CE789" s="162"/>
      <c r="CF789" s="162"/>
      <c r="CG789" s="162"/>
      <c r="CH789" s="162"/>
      <c r="CI789" s="162"/>
      <c r="CJ789" s="162"/>
      <c r="CK789" s="162"/>
      <c r="CX789" s="98"/>
      <c r="DL789" s="97"/>
      <c r="DX789" s="98"/>
      <c r="EL789" s="97"/>
      <c r="EX789" s="98"/>
      <c r="EY789" s="97"/>
      <c r="FL789" s="126"/>
      <c r="FM789" s="91"/>
      <c r="FN789" s="91"/>
      <c r="FO789" s="91"/>
      <c r="FP789" s="91"/>
      <c r="FQ789" s="91"/>
      <c r="FR789" s="91"/>
      <c r="FS789" s="91"/>
      <c r="FT789" s="91"/>
      <c r="FU789" s="91"/>
      <c r="FV789" s="91"/>
      <c r="FW789" s="91"/>
      <c r="FX789" s="91"/>
      <c r="FY789" s="91"/>
      <c r="FZ789" s="91"/>
      <c r="GA789" s="91"/>
      <c r="GB789" s="91"/>
      <c r="GC789" s="91"/>
      <c r="GD789" s="91"/>
      <c r="GE789" s="91"/>
      <c r="GF789" s="91"/>
      <c r="GG789" s="91"/>
      <c r="GH789" s="91"/>
      <c r="GI789" s="91"/>
      <c r="GJ789" s="91"/>
      <c r="GK789" s="127"/>
      <c r="GL789" s="126"/>
      <c r="GM789" s="91"/>
      <c r="GN789" s="91"/>
      <c r="GO789" s="91"/>
      <c r="GP789" s="91"/>
      <c r="GQ789" s="91"/>
      <c r="GR789" s="91"/>
      <c r="GS789" s="91"/>
      <c r="GT789" s="91"/>
      <c r="GU789" s="91"/>
      <c r="GV789" s="91"/>
      <c r="GW789" s="91"/>
      <c r="GX789" s="91"/>
      <c r="GY789" s="91"/>
      <c r="GZ789" s="91"/>
      <c r="HA789" s="91"/>
      <c r="HB789" s="91"/>
      <c r="HC789" s="91"/>
      <c r="HD789" s="91"/>
      <c r="HE789" s="91"/>
      <c r="HF789" s="91"/>
      <c r="HG789" s="91"/>
      <c r="HH789" s="91"/>
      <c r="HI789" s="91"/>
      <c r="HJ789" s="91"/>
      <c r="HK789" s="127"/>
      <c r="HL789" s="126"/>
      <c r="HM789" s="91"/>
      <c r="HN789" s="91"/>
      <c r="HO789" s="91"/>
      <c r="HP789" s="91"/>
      <c r="HQ789" s="91"/>
      <c r="HR789" s="91"/>
      <c r="HS789" s="91"/>
      <c r="HT789" s="91"/>
      <c r="HU789" s="91"/>
      <c r="HV789" s="91"/>
      <c r="HW789" s="91"/>
      <c r="HX789" s="91"/>
      <c r="HY789" s="91"/>
      <c r="HZ789" s="91"/>
      <c r="IA789" s="91"/>
      <c r="IB789" s="91"/>
      <c r="IC789" s="91"/>
      <c r="ID789" s="91"/>
      <c r="IE789" s="91"/>
      <c r="IF789" s="91"/>
      <c r="IG789" s="91"/>
      <c r="IH789" s="91"/>
      <c r="II789" s="91"/>
      <c r="IJ789" s="91"/>
      <c r="IK789" s="127"/>
    </row>
    <row r="790" spans="2:245" x14ac:dyDescent="0.2">
      <c r="B790" s="43"/>
      <c r="C790" s="73"/>
      <c r="D790" s="64"/>
      <c r="E790" s="64"/>
      <c r="F790" s="55"/>
      <c r="G790" s="102"/>
      <c r="H790" s="55"/>
      <c r="I790" s="55"/>
      <c r="J790" s="55"/>
      <c r="K790" s="55"/>
      <c r="L790" s="55"/>
      <c r="M790" s="55"/>
      <c r="N790" s="55"/>
      <c r="O790" s="55"/>
      <c r="P790" s="55"/>
      <c r="Q790" s="55"/>
      <c r="R790" s="55"/>
      <c r="S790" s="55"/>
      <c r="T790" s="55"/>
      <c r="U790" s="55"/>
      <c r="V790" s="55"/>
      <c r="W790" s="55"/>
      <c r="X790" s="55"/>
      <c r="Y790" s="55"/>
      <c r="Z790" s="55"/>
      <c r="AA790" s="55"/>
      <c r="AB790" s="55"/>
      <c r="AC790" s="55"/>
      <c r="AD790" s="55"/>
      <c r="AE790" s="55"/>
      <c r="AF790" s="55"/>
      <c r="AG790" s="55"/>
      <c r="AY790" s="162"/>
      <c r="AZ790" s="162"/>
      <c r="BA790" s="162"/>
      <c r="BB790" s="162"/>
      <c r="BC790" s="162"/>
      <c r="BD790" s="162"/>
      <c r="BE790" s="162"/>
      <c r="BF790" s="162"/>
      <c r="BG790" s="162"/>
      <c r="BH790" s="162"/>
      <c r="BI790" s="162"/>
      <c r="BJ790" s="162"/>
      <c r="BK790" s="162"/>
      <c r="BL790" s="162"/>
      <c r="BM790" s="162"/>
      <c r="BN790" s="162"/>
      <c r="BO790" s="162"/>
      <c r="BP790" s="162"/>
      <c r="BQ790" s="162"/>
      <c r="BR790" s="162"/>
      <c r="BS790" s="162"/>
      <c r="BT790" s="162"/>
      <c r="BU790" s="162"/>
      <c r="BV790" s="162"/>
      <c r="BW790" s="162"/>
      <c r="BX790" s="162"/>
      <c r="BY790" s="162"/>
      <c r="BZ790" s="162"/>
      <c r="CA790" s="162"/>
      <c r="CB790" s="162"/>
      <c r="CC790" s="162"/>
      <c r="CD790" s="162"/>
      <c r="CE790" s="162"/>
      <c r="CF790" s="162"/>
      <c r="CG790" s="162"/>
      <c r="CH790" s="162"/>
      <c r="CI790" s="162"/>
      <c r="CJ790" s="162"/>
      <c r="CK790" s="162"/>
      <c r="CX790" s="98"/>
      <c r="DL790" s="97"/>
      <c r="DX790" s="98"/>
      <c r="EL790" s="97"/>
      <c r="EX790" s="98"/>
      <c r="EY790" s="97"/>
      <c r="FL790" s="126"/>
      <c r="FM790" s="91"/>
      <c r="FN790" s="91"/>
      <c r="FO790" s="91"/>
      <c r="FP790" s="91"/>
      <c r="FQ790" s="91"/>
      <c r="FR790" s="91"/>
      <c r="FS790" s="91"/>
      <c r="FT790" s="91"/>
      <c r="FU790" s="91"/>
      <c r="FV790" s="91"/>
      <c r="FW790" s="91"/>
      <c r="FX790" s="91"/>
      <c r="FY790" s="91"/>
      <c r="FZ790" s="91"/>
      <c r="GA790" s="91"/>
      <c r="GB790" s="91"/>
      <c r="GC790" s="91"/>
      <c r="GD790" s="91"/>
      <c r="GE790" s="91"/>
      <c r="GF790" s="91"/>
      <c r="GG790" s="91"/>
      <c r="GH790" s="91"/>
      <c r="GI790" s="91"/>
      <c r="GJ790" s="91"/>
      <c r="GK790" s="127"/>
      <c r="GL790" s="126"/>
      <c r="GM790" s="91"/>
      <c r="GN790" s="91"/>
      <c r="GO790" s="91"/>
      <c r="GP790" s="91"/>
      <c r="GQ790" s="91"/>
      <c r="GR790" s="91"/>
      <c r="GS790" s="91"/>
      <c r="GT790" s="91"/>
      <c r="GU790" s="91"/>
      <c r="GV790" s="91"/>
      <c r="GW790" s="91"/>
      <c r="GX790" s="91"/>
      <c r="GY790" s="91"/>
      <c r="GZ790" s="91"/>
      <c r="HA790" s="91"/>
      <c r="HB790" s="91"/>
      <c r="HC790" s="91"/>
      <c r="HD790" s="91"/>
      <c r="HE790" s="91"/>
      <c r="HF790" s="91"/>
      <c r="HG790" s="91"/>
      <c r="HH790" s="91"/>
      <c r="HI790" s="91"/>
      <c r="HJ790" s="91"/>
      <c r="HK790" s="127"/>
      <c r="HL790" s="126"/>
      <c r="HM790" s="91"/>
      <c r="HN790" s="91"/>
      <c r="HO790" s="91"/>
      <c r="HP790" s="91"/>
      <c r="HQ790" s="91"/>
      <c r="HR790" s="91"/>
      <c r="HS790" s="91"/>
      <c r="HT790" s="91"/>
      <c r="HU790" s="91"/>
      <c r="HV790" s="91"/>
      <c r="HW790" s="91"/>
      <c r="HX790" s="91"/>
      <c r="HY790" s="91"/>
      <c r="HZ790" s="91"/>
      <c r="IA790" s="91"/>
      <c r="IB790" s="91"/>
      <c r="IC790" s="91"/>
      <c r="ID790" s="91"/>
      <c r="IE790" s="91"/>
      <c r="IF790" s="91"/>
      <c r="IG790" s="91"/>
      <c r="IH790" s="91"/>
      <c r="II790" s="91"/>
      <c r="IJ790" s="91"/>
      <c r="IK790" s="127"/>
    </row>
    <row r="791" spans="2:245" x14ac:dyDescent="0.2">
      <c r="B791" s="43"/>
      <c r="C791" s="73"/>
      <c r="D791" s="64"/>
      <c r="E791" s="64"/>
      <c r="F791" s="55"/>
      <c r="G791" s="102"/>
      <c r="H791" s="55"/>
      <c r="I791" s="55"/>
      <c r="J791" s="55"/>
      <c r="K791" s="55"/>
      <c r="L791" s="55"/>
      <c r="M791" s="55"/>
      <c r="N791" s="55"/>
      <c r="O791" s="55"/>
      <c r="P791" s="55"/>
      <c r="Q791" s="55"/>
      <c r="R791" s="55"/>
      <c r="S791" s="55"/>
      <c r="T791" s="55"/>
      <c r="U791" s="55"/>
      <c r="V791" s="55"/>
      <c r="W791" s="55"/>
      <c r="X791" s="55"/>
      <c r="Y791" s="55"/>
      <c r="Z791" s="55"/>
      <c r="AA791" s="55"/>
      <c r="AB791" s="55"/>
      <c r="AC791" s="55"/>
      <c r="AD791" s="55"/>
      <c r="AE791" s="55"/>
      <c r="AF791" s="55"/>
      <c r="AG791" s="55"/>
      <c r="AY791" s="162"/>
      <c r="AZ791" s="162"/>
      <c r="BA791" s="162"/>
      <c r="BB791" s="162"/>
      <c r="BC791" s="162"/>
      <c r="BD791" s="162"/>
      <c r="BE791" s="162"/>
      <c r="BF791" s="162"/>
      <c r="BG791" s="162"/>
      <c r="BH791" s="162"/>
      <c r="BI791" s="162"/>
      <c r="BJ791" s="162"/>
      <c r="BK791" s="162"/>
      <c r="BL791" s="162"/>
      <c r="BM791" s="162"/>
      <c r="BN791" s="162"/>
      <c r="BO791" s="162"/>
      <c r="BP791" s="162"/>
      <c r="BQ791" s="162"/>
      <c r="BR791" s="162"/>
      <c r="BS791" s="162"/>
      <c r="BT791" s="162"/>
      <c r="BU791" s="162"/>
      <c r="BV791" s="162"/>
      <c r="BW791" s="162"/>
      <c r="BX791" s="162"/>
      <c r="BY791" s="162"/>
      <c r="BZ791" s="162"/>
      <c r="CA791" s="162"/>
      <c r="CB791" s="162"/>
      <c r="CC791" s="162"/>
      <c r="CD791" s="162"/>
      <c r="CE791" s="162"/>
      <c r="CF791" s="162"/>
      <c r="CG791" s="162"/>
      <c r="CH791" s="162"/>
      <c r="CI791" s="162"/>
      <c r="CJ791" s="162"/>
      <c r="CK791" s="162"/>
      <c r="CX791" s="98"/>
      <c r="DL791" s="97"/>
      <c r="DX791" s="98"/>
      <c r="EL791" s="97"/>
      <c r="EX791" s="98"/>
      <c r="EY791" s="97"/>
      <c r="FL791" s="126"/>
      <c r="FM791" s="91"/>
      <c r="FN791" s="91"/>
      <c r="FO791" s="91"/>
      <c r="FP791" s="91"/>
      <c r="FQ791" s="91"/>
      <c r="FR791" s="91"/>
      <c r="FS791" s="91"/>
      <c r="FT791" s="91"/>
      <c r="FU791" s="91"/>
      <c r="FV791" s="91"/>
      <c r="FW791" s="91"/>
      <c r="FX791" s="91"/>
      <c r="FY791" s="91"/>
      <c r="FZ791" s="91"/>
      <c r="GA791" s="91"/>
      <c r="GB791" s="91"/>
      <c r="GC791" s="91"/>
      <c r="GD791" s="91"/>
      <c r="GE791" s="91"/>
      <c r="GF791" s="91"/>
      <c r="GG791" s="91"/>
      <c r="GH791" s="91"/>
      <c r="GI791" s="91"/>
      <c r="GJ791" s="91"/>
      <c r="GK791" s="127"/>
      <c r="GL791" s="126"/>
      <c r="GM791" s="91"/>
      <c r="GN791" s="91"/>
      <c r="GO791" s="91"/>
      <c r="GP791" s="91"/>
      <c r="GQ791" s="91"/>
      <c r="GR791" s="91"/>
      <c r="GS791" s="91"/>
      <c r="GT791" s="91"/>
      <c r="GU791" s="91"/>
      <c r="GV791" s="91"/>
      <c r="GW791" s="91"/>
      <c r="GX791" s="91"/>
      <c r="GY791" s="91"/>
      <c r="GZ791" s="91"/>
      <c r="HA791" s="91"/>
      <c r="HB791" s="91"/>
      <c r="HC791" s="91"/>
      <c r="HD791" s="91"/>
      <c r="HE791" s="91"/>
      <c r="HF791" s="91"/>
      <c r="HG791" s="91"/>
      <c r="HH791" s="91"/>
      <c r="HI791" s="91"/>
      <c r="HJ791" s="91"/>
      <c r="HK791" s="127"/>
      <c r="HL791" s="126"/>
      <c r="HM791" s="91"/>
      <c r="HN791" s="91"/>
      <c r="HO791" s="91"/>
      <c r="HP791" s="91"/>
      <c r="HQ791" s="91"/>
      <c r="HR791" s="91"/>
      <c r="HS791" s="91"/>
      <c r="HT791" s="91"/>
      <c r="HU791" s="91"/>
      <c r="HV791" s="91"/>
      <c r="HW791" s="91"/>
      <c r="HX791" s="91"/>
      <c r="HY791" s="91"/>
      <c r="HZ791" s="91"/>
      <c r="IA791" s="91"/>
      <c r="IB791" s="91"/>
      <c r="IC791" s="91"/>
      <c r="ID791" s="91"/>
      <c r="IE791" s="91"/>
      <c r="IF791" s="91"/>
      <c r="IG791" s="91"/>
      <c r="IH791" s="91"/>
      <c r="II791" s="91"/>
      <c r="IJ791" s="91"/>
      <c r="IK791" s="127"/>
    </row>
    <row r="792" spans="2:245" x14ac:dyDescent="0.2">
      <c r="B792" s="43"/>
      <c r="C792" s="73"/>
      <c r="D792" s="64"/>
      <c r="E792" s="64"/>
      <c r="F792" s="55"/>
      <c r="G792" s="102"/>
      <c r="H792" s="55"/>
      <c r="I792" s="55"/>
      <c r="J792" s="55"/>
      <c r="K792" s="55"/>
      <c r="L792" s="55"/>
      <c r="M792" s="55"/>
      <c r="N792" s="55"/>
      <c r="O792" s="55"/>
      <c r="P792" s="55"/>
      <c r="Q792" s="55"/>
      <c r="R792" s="55"/>
      <c r="S792" s="55"/>
      <c r="T792" s="55"/>
      <c r="U792" s="55"/>
      <c r="V792" s="55"/>
      <c r="W792" s="55"/>
      <c r="X792" s="55"/>
      <c r="Y792" s="55"/>
      <c r="Z792" s="55"/>
      <c r="AA792" s="55"/>
      <c r="AB792" s="55"/>
      <c r="AC792" s="55"/>
      <c r="AD792" s="55"/>
      <c r="AE792" s="55"/>
      <c r="AF792" s="55"/>
      <c r="AG792" s="55"/>
      <c r="AY792" s="162"/>
      <c r="AZ792" s="162"/>
      <c r="BA792" s="162"/>
      <c r="BB792" s="162"/>
      <c r="BC792" s="162"/>
      <c r="BD792" s="162"/>
      <c r="BE792" s="162"/>
      <c r="BF792" s="162"/>
      <c r="BG792" s="162"/>
      <c r="BH792" s="162"/>
      <c r="BI792" s="162"/>
      <c r="BJ792" s="162"/>
      <c r="BK792" s="162"/>
      <c r="BL792" s="162"/>
      <c r="BM792" s="162"/>
      <c r="BN792" s="162"/>
      <c r="BO792" s="162"/>
      <c r="BP792" s="162"/>
      <c r="BQ792" s="162"/>
      <c r="BR792" s="162"/>
      <c r="BS792" s="162"/>
      <c r="BT792" s="162"/>
      <c r="BU792" s="162"/>
      <c r="BV792" s="162"/>
      <c r="BW792" s="162"/>
      <c r="BX792" s="162"/>
      <c r="BY792" s="162"/>
      <c r="BZ792" s="162"/>
      <c r="CA792" s="162"/>
      <c r="CB792" s="162"/>
      <c r="CC792" s="162"/>
      <c r="CD792" s="162"/>
      <c r="CE792" s="162"/>
      <c r="CF792" s="162"/>
      <c r="CG792" s="162"/>
      <c r="CH792" s="162"/>
      <c r="CI792" s="162"/>
      <c r="CJ792" s="162"/>
      <c r="CK792" s="162"/>
      <c r="CX792" s="98"/>
      <c r="DL792" s="97"/>
      <c r="DX792" s="98"/>
      <c r="EL792" s="97"/>
      <c r="EX792" s="98"/>
      <c r="EY792" s="97"/>
      <c r="FL792" s="126"/>
      <c r="FM792" s="91"/>
      <c r="FN792" s="91"/>
      <c r="FO792" s="91"/>
      <c r="FP792" s="91"/>
      <c r="FQ792" s="91"/>
      <c r="FR792" s="91"/>
      <c r="FS792" s="91"/>
      <c r="FT792" s="91"/>
      <c r="FU792" s="91"/>
      <c r="FV792" s="91"/>
      <c r="FW792" s="91"/>
      <c r="FX792" s="91"/>
      <c r="FY792" s="91"/>
      <c r="FZ792" s="91"/>
      <c r="GA792" s="91"/>
      <c r="GB792" s="91"/>
      <c r="GC792" s="91"/>
      <c r="GD792" s="91"/>
      <c r="GE792" s="91"/>
      <c r="GF792" s="91"/>
      <c r="GG792" s="91"/>
      <c r="GH792" s="91"/>
      <c r="GI792" s="91"/>
      <c r="GJ792" s="91"/>
      <c r="GK792" s="127"/>
      <c r="GL792" s="126"/>
      <c r="GM792" s="91"/>
      <c r="GN792" s="91"/>
      <c r="GO792" s="91"/>
      <c r="GP792" s="91"/>
      <c r="GQ792" s="91"/>
      <c r="GR792" s="91"/>
      <c r="GS792" s="91"/>
      <c r="GT792" s="91"/>
      <c r="GU792" s="91"/>
      <c r="GV792" s="91"/>
      <c r="GW792" s="91"/>
      <c r="GX792" s="91"/>
      <c r="GY792" s="91"/>
      <c r="GZ792" s="91"/>
      <c r="HA792" s="91"/>
      <c r="HB792" s="91"/>
      <c r="HC792" s="91"/>
      <c r="HD792" s="91"/>
      <c r="HE792" s="91"/>
      <c r="HF792" s="91"/>
      <c r="HG792" s="91"/>
      <c r="HH792" s="91"/>
      <c r="HI792" s="91"/>
      <c r="HJ792" s="91"/>
      <c r="HK792" s="127"/>
      <c r="HL792" s="126"/>
      <c r="HM792" s="91"/>
      <c r="HN792" s="91"/>
      <c r="HO792" s="91"/>
      <c r="HP792" s="91"/>
      <c r="HQ792" s="91"/>
      <c r="HR792" s="91"/>
      <c r="HS792" s="91"/>
      <c r="HT792" s="91"/>
      <c r="HU792" s="91"/>
      <c r="HV792" s="91"/>
      <c r="HW792" s="91"/>
      <c r="HX792" s="91"/>
      <c r="HY792" s="91"/>
      <c r="HZ792" s="91"/>
      <c r="IA792" s="91"/>
      <c r="IB792" s="91"/>
      <c r="IC792" s="91"/>
      <c r="ID792" s="91"/>
      <c r="IE792" s="91"/>
      <c r="IF792" s="91"/>
      <c r="IG792" s="91"/>
      <c r="IH792" s="91"/>
      <c r="II792" s="91"/>
      <c r="IJ792" s="91"/>
      <c r="IK792" s="127"/>
    </row>
    <row r="793" spans="2:245" x14ac:dyDescent="0.2">
      <c r="B793" s="43"/>
      <c r="C793" s="73"/>
      <c r="D793" s="64"/>
      <c r="E793" s="64"/>
      <c r="F793" s="55"/>
      <c r="G793" s="102"/>
      <c r="H793" s="55"/>
      <c r="I793" s="55"/>
      <c r="J793" s="55"/>
      <c r="K793" s="55"/>
      <c r="L793" s="55"/>
      <c r="M793" s="55"/>
      <c r="N793" s="55"/>
      <c r="O793" s="55"/>
      <c r="P793" s="55"/>
      <c r="Q793" s="55"/>
      <c r="R793" s="55"/>
      <c r="S793" s="55"/>
      <c r="T793" s="55"/>
      <c r="U793" s="55"/>
      <c r="V793" s="55"/>
      <c r="W793" s="55"/>
      <c r="X793" s="55"/>
      <c r="Y793" s="55"/>
      <c r="Z793" s="55"/>
      <c r="AA793" s="55"/>
      <c r="AB793" s="55"/>
      <c r="AC793" s="55"/>
      <c r="AD793" s="55"/>
      <c r="AE793" s="55"/>
      <c r="AF793" s="55"/>
      <c r="AG793" s="55"/>
      <c r="AY793" s="162"/>
      <c r="AZ793" s="162"/>
      <c r="BA793" s="162"/>
      <c r="BB793" s="162"/>
      <c r="BC793" s="162"/>
      <c r="BD793" s="162"/>
      <c r="BE793" s="162"/>
      <c r="BF793" s="162"/>
      <c r="BG793" s="162"/>
      <c r="BH793" s="162"/>
      <c r="BI793" s="162"/>
      <c r="BJ793" s="162"/>
      <c r="BK793" s="162"/>
      <c r="BL793" s="162"/>
      <c r="BM793" s="162"/>
      <c r="BN793" s="162"/>
      <c r="BO793" s="162"/>
      <c r="BP793" s="162"/>
      <c r="BQ793" s="162"/>
      <c r="BR793" s="162"/>
      <c r="BS793" s="162"/>
      <c r="BT793" s="162"/>
      <c r="BU793" s="162"/>
      <c r="BV793" s="162"/>
      <c r="BW793" s="162"/>
      <c r="BX793" s="162"/>
      <c r="BY793" s="162"/>
      <c r="BZ793" s="162"/>
      <c r="CA793" s="162"/>
      <c r="CB793" s="162"/>
      <c r="CC793" s="162"/>
      <c r="CD793" s="162"/>
      <c r="CE793" s="162"/>
      <c r="CF793" s="162"/>
      <c r="CG793" s="162"/>
      <c r="CH793" s="162"/>
      <c r="CI793" s="162"/>
      <c r="CJ793" s="162"/>
      <c r="CK793" s="162"/>
      <c r="CX793" s="98"/>
      <c r="DL793" s="97"/>
      <c r="DX793" s="98"/>
      <c r="EL793" s="97"/>
      <c r="EX793" s="98"/>
      <c r="EY793" s="97"/>
      <c r="FL793" s="126"/>
      <c r="FM793" s="91"/>
      <c r="FN793" s="91"/>
      <c r="FO793" s="91"/>
      <c r="FP793" s="91"/>
      <c r="FQ793" s="91"/>
      <c r="FR793" s="91"/>
      <c r="FS793" s="91"/>
      <c r="FT793" s="91"/>
      <c r="FU793" s="91"/>
      <c r="FV793" s="91"/>
      <c r="FW793" s="91"/>
      <c r="FX793" s="91"/>
      <c r="FY793" s="91"/>
      <c r="FZ793" s="91"/>
      <c r="GA793" s="91"/>
      <c r="GB793" s="91"/>
      <c r="GC793" s="91"/>
      <c r="GD793" s="91"/>
      <c r="GE793" s="91"/>
      <c r="GF793" s="91"/>
      <c r="GG793" s="91"/>
      <c r="GH793" s="91"/>
      <c r="GI793" s="91"/>
      <c r="GJ793" s="91"/>
      <c r="GK793" s="127"/>
      <c r="GL793" s="126"/>
      <c r="GM793" s="91"/>
      <c r="GN793" s="91"/>
      <c r="GO793" s="91"/>
      <c r="GP793" s="91"/>
      <c r="GQ793" s="91"/>
      <c r="GR793" s="91"/>
      <c r="GS793" s="91"/>
      <c r="GT793" s="91"/>
      <c r="GU793" s="91"/>
      <c r="GV793" s="91"/>
      <c r="GW793" s="91"/>
      <c r="GX793" s="91"/>
      <c r="GY793" s="91"/>
      <c r="GZ793" s="91"/>
      <c r="HA793" s="91"/>
      <c r="HB793" s="91"/>
      <c r="HC793" s="91"/>
      <c r="HD793" s="91"/>
      <c r="HE793" s="91"/>
      <c r="HF793" s="91"/>
      <c r="HG793" s="91"/>
      <c r="HH793" s="91"/>
      <c r="HI793" s="91"/>
      <c r="HJ793" s="91"/>
      <c r="HK793" s="127"/>
      <c r="HL793" s="126"/>
      <c r="HM793" s="91"/>
      <c r="HN793" s="91"/>
      <c r="HO793" s="91"/>
      <c r="HP793" s="91"/>
      <c r="HQ793" s="91"/>
      <c r="HR793" s="91"/>
      <c r="HS793" s="91"/>
      <c r="HT793" s="91"/>
      <c r="HU793" s="91"/>
      <c r="HV793" s="91"/>
      <c r="HW793" s="91"/>
      <c r="HX793" s="91"/>
      <c r="HY793" s="91"/>
      <c r="HZ793" s="91"/>
      <c r="IA793" s="91"/>
      <c r="IB793" s="91"/>
      <c r="IC793" s="91"/>
      <c r="ID793" s="91"/>
      <c r="IE793" s="91"/>
      <c r="IF793" s="91"/>
      <c r="IG793" s="91"/>
      <c r="IH793" s="91"/>
      <c r="II793" s="91"/>
      <c r="IJ793" s="91"/>
      <c r="IK793" s="127"/>
    </row>
    <row r="794" spans="2:245" x14ac:dyDescent="0.2">
      <c r="B794" s="43"/>
      <c r="C794" s="73"/>
      <c r="D794" s="64"/>
      <c r="E794" s="64"/>
      <c r="F794" s="55"/>
      <c r="G794" s="102"/>
      <c r="H794" s="55"/>
      <c r="I794" s="55"/>
      <c r="J794" s="55"/>
      <c r="K794" s="55"/>
      <c r="L794" s="55"/>
      <c r="M794" s="55"/>
      <c r="N794" s="55"/>
      <c r="O794" s="55"/>
      <c r="P794" s="55"/>
      <c r="Q794" s="55"/>
      <c r="R794" s="55"/>
      <c r="S794" s="55"/>
      <c r="T794" s="55"/>
      <c r="U794" s="55"/>
      <c r="V794" s="55"/>
      <c r="W794" s="55"/>
      <c r="X794" s="55"/>
      <c r="Y794" s="55"/>
      <c r="Z794" s="55"/>
      <c r="AA794" s="55"/>
      <c r="AB794" s="55"/>
      <c r="AC794" s="55"/>
      <c r="AD794" s="55"/>
      <c r="AE794" s="55"/>
      <c r="AF794" s="55"/>
      <c r="AG794" s="55"/>
      <c r="AY794" s="162"/>
      <c r="AZ794" s="162"/>
      <c r="BA794" s="162"/>
      <c r="BB794" s="162"/>
      <c r="BC794" s="162"/>
      <c r="BD794" s="162"/>
      <c r="BE794" s="162"/>
      <c r="BF794" s="162"/>
      <c r="BG794" s="162"/>
      <c r="BH794" s="162"/>
      <c r="BI794" s="162"/>
      <c r="BJ794" s="162"/>
      <c r="BK794" s="162"/>
      <c r="BL794" s="162"/>
      <c r="BM794" s="162"/>
      <c r="BN794" s="162"/>
      <c r="BO794" s="162"/>
      <c r="BP794" s="162"/>
      <c r="BQ794" s="162"/>
      <c r="BR794" s="162"/>
      <c r="BS794" s="162"/>
      <c r="BT794" s="162"/>
      <c r="BU794" s="162"/>
      <c r="BV794" s="162"/>
      <c r="BW794" s="162"/>
      <c r="BX794" s="162"/>
      <c r="BY794" s="162"/>
      <c r="BZ794" s="162"/>
      <c r="CA794" s="162"/>
      <c r="CB794" s="162"/>
      <c r="CC794" s="162"/>
      <c r="CD794" s="162"/>
      <c r="CE794" s="162"/>
      <c r="CF794" s="162"/>
      <c r="CG794" s="162"/>
      <c r="CH794" s="162"/>
      <c r="CI794" s="162"/>
      <c r="CJ794" s="162"/>
      <c r="CK794" s="162"/>
      <c r="CX794" s="98"/>
      <c r="DL794" s="97"/>
      <c r="DX794" s="98"/>
      <c r="EL794" s="97"/>
      <c r="EX794" s="98"/>
      <c r="EY794" s="97"/>
      <c r="FL794" s="126"/>
      <c r="FM794" s="91"/>
      <c r="FN794" s="91"/>
      <c r="FO794" s="91"/>
      <c r="FP794" s="91"/>
      <c r="FQ794" s="91"/>
      <c r="FR794" s="91"/>
      <c r="FS794" s="91"/>
      <c r="FT794" s="91"/>
      <c r="FU794" s="91"/>
      <c r="FV794" s="91"/>
      <c r="FW794" s="91"/>
      <c r="FX794" s="91"/>
      <c r="FY794" s="91"/>
      <c r="FZ794" s="91"/>
      <c r="GA794" s="91"/>
      <c r="GB794" s="91"/>
      <c r="GC794" s="91"/>
      <c r="GD794" s="91"/>
      <c r="GE794" s="91"/>
      <c r="GF794" s="91"/>
      <c r="GG794" s="91"/>
      <c r="GH794" s="91"/>
      <c r="GI794" s="91"/>
      <c r="GJ794" s="91"/>
      <c r="GK794" s="127"/>
      <c r="GL794" s="126"/>
      <c r="GM794" s="91"/>
      <c r="GN794" s="91"/>
      <c r="GO794" s="91"/>
      <c r="GP794" s="91"/>
      <c r="GQ794" s="91"/>
      <c r="GR794" s="91"/>
      <c r="GS794" s="91"/>
      <c r="GT794" s="91"/>
      <c r="GU794" s="91"/>
      <c r="GV794" s="91"/>
      <c r="GW794" s="91"/>
      <c r="GX794" s="91"/>
      <c r="GY794" s="91"/>
      <c r="GZ794" s="91"/>
      <c r="HA794" s="91"/>
      <c r="HB794" s="91"/>
      <c r="HC794" s="91"/>
      <c r="HD794" s="91"/>
      <c r="HE794" s="91"/>
      <c r="HF794" s="91"/>
      <c r="HG794" s="91"/>
      <c r="HH794" s="91"/>
      <c r="HI794" s="91"/>
      <c r="HJ794" s="91"/>
      <c r="HK794" s="127"/>
      <c r="HL794" s="126"/>
      <c r="HM794" s="91"/>
      <c r="HN794" s="91"/>
      <c r="HO794" s="91"/>
      <c r="HP794" s="91"/>
      <c r="HQ794" s="91"/>
      <c r="HR794" s="91"/>
      <c r="HS794" s="91"/>
      <c r="HT794" s="91"/>
      <c r="HU794" s="91"/>
      <c r="HV794" s="91"/>
      <c r="HW794" s="91"/>
      <c r="HX794" s="91"/>
      <c r="HY794" s="91"/>
      <c r="HZ794" s="91"/>
      <c r="IA794" s="91"/>
      <c r="IB794" s="91"/>
      <c r="IC794" s="91"/>
      <c r="ID794" s="91"/>
      <c r="IE794" s="91"/>
      <c r="IF794" s="91"/>
      <c r="IG794" s="91"/>
      <c r="IH794" s="91"/>
      <c r="II794" s="91"/>
      <c r="IJ794" s="91"/>
      <c r="IK794" s="127"/>
    </row>
    <row r="795" spans="2:245" x14ac:dyDescent="0.2">
      <c r="B795" s="43"/>
      <c r="C795" s="73"/>
      <c r="D795" s="64"/>
      <c r="E795" s="64"/>
      <c r="F795" s="55"/>
      <c r="G795" s="102"/>
      <c r="H795" s="55"/>
      <c r="I795" s="55"/>
      <c r="J795" s="55"/>
      <c r="K795" s="55"/>
      <c r="L795" s="55"/>
      <c r="M795" s="55"/>
      <c r="N795" s="55"/>
      <c r="O795" s="55"/>
      <c r="P795" s="55"/>
      <c r="Q795" s="55"/>
      <c r="R795" s="55"/>
      <c r="S795" s="55"/>
      <c r="T795" s="55"/>
      <c r="U795" s="55"/>
      <c r="V795" s="55"/>
      <c r="W795" s="55"/>
      <c r="X795" s="55"/>
      <c r="Y795" s="55"/>
      <c r="Z795" s="55"/>
      <c r="AA795" s="55"/>
      <c r="AB795" s="55"/>
      <c r="AC795" s="55"/>
      <c r="AD795" s="55"/>
      <c r="AE795" s="55"/>
      <c r="AF795" s="55"/>
      <c r="AG795" s="55"/>
      <c r="AY795" s="162"/>
      <c r="AZ795" s="162"/>
      <c r="BA795" s="162"/>
      <c r="BB795" s="162"/>
      <c r="BC795" s="162"/>
      <c r="BD795" s="162"/>
      <c r="BE795" s="162"/>
      <c r="BF795" s="162"/>
      <c r="BG795" s="162"/>
      <c r="BH795" s="162"/>
      <c r="BI795" s="162"/>
      <c r="BJ795" s="162"/>
      <c r="BK795" s="162"/>
      <c r="BL795" s="162"/>
      <c r="BM795" s="162"/>
      <c r="BN795" s="162"/>
      <c r="BO795" s="162"/>
      <c r="BP795" s="162"/>
      <c r="BQ795" s="162"/>
      <c r="BR795" s="162"/>
      <c r="BS795" s="162"/>
      <c r="BT795" s="162"/>
      <c r="BU795" s="162"/>
      <c r="BV795" s="162"/>
      <c r="BW795" s="162"/>
      <c r="BX795" s="162"/>
      <c r="BY795" s="162"/>
      <c r="BZ795" s="162"/>
      <c r="CA795" s="162"/>
      <c r="CB795" s="162"/>
      <c r="CC795" s="162"/>
      <c r="CD795" s="162"/>
      <c r="CE795" s="162"/>
      <c r="CF795" s="162"/>
      <c r="CG795" s="162"/>
      <c r="CH795" s="162"/>
      <c r="CI795" s="162"/>
      <c r="CJ795" s="162"/>
      <c r="CK795" s="162"/>
      <c r="CX795" s="98"/>
      <c r="DL795" s="97"/>
      <c r="DX795" s="98"/>
      <c r="EL795" s="97"/>
      <c r="EX795" s="98"/>
      <c r="EY795" s="97"/>
      <c r="FL795" s="126"/>
      <c r="FM795" s="91"/>
      <c r="FN795" s="91"/>
      <c r="FO795" s="91"/>
      <c r="FP795" s="91"/>
      <c r="FQ795" s="91"/>
      <c r="FR795" s="91"/>
      <c r="FS795" s="91"/>
      <c r="FT795" s="91"/>
      <c r="FU795" s="91"/>
      <c r="FV795" s="91"/>
      <c r="FW795" s="91"/>
      <c r="FX795" s="91"/>
      <c r="FY795" s="91"/>
      <c r="FZ795" s="91"/>
      <c r="GA795" s="91"/>
      <c r="GB795" s="91"/>
      <c r="GC795" s="91"/>
      <c r="GD795" s="91"/>
      <c r="GE795" s="91"/>
      <c r="GF795" s="91"/>
      <c r="GG795" s="91"/>
      <c r="GH795" s="91"/>
      <c r="GI795" s="91"/>
      <c r="GJ795" s="91"/>
      <c r="GK795" s="127"/>
      <c r="GL795" s="126"/>
      <c r="GM795" s="91"/>
      <c r="GN795" s="91"/>
      <c r="GO795" s="91"/>
      <c r="GP795" s="91"/>
      <c r="GQ795" s="91"/>
      <c r="GR795" s="91"/>
      <c r="GS795" s="91"/>
      <c r="GT795" s="91"/>
      <c r="GU795" s="91"/>
      <c r="GV795" s="91"/>
      <c r="GW795" s="91"/>
      <c r="GX795" s="91"/>
      <c r="GY795" s="91"/>
      <c r="GZ795" s="91"/>
      <c r="HA795" s="91"/>
      <c r="HB795" s="91"/>
      <c r="HC795" s="91"/>
      <c r="HD795" s="91"/>
      <c r="HE795" s="91"/>
      <c r="HF795" s="91"/>
      <c r="HG795" s="91"/>
      <c r="HH795" s="91"/>
      <c r="HI795" s="91"/>
      <c r="HJ795" s="91"/>
      <c r="HK795" s="127"/>
      <c r="HL795" s="126"/>
      <c r="HM795" s="91"/>
      <c r="HN795" s="91"/>
      <c r="HO795" s="91"/>
      <c r="HP795" s="91"/>
      <c r="HQ795" s="91"/>
      <c r="HR795" s="91"/>
      <c r="HS795" s="91"/>
      <c r="HT795" s="91"/>
      <c r="HU795" s="91"/>
      <c r="HV795" s="91"/>
      <c r="HW795" s="91"/>
      <c r="HX795" s="91"/>
      <c r="HY795" s="91"/>
      <c r="HZ795" s="91"/>
      <c r="IA795" s="91"/>
      <c r="IB795" s="91"/>
      <c r="IC795" s="91"/>
      <c r="ID795" s="91"/>
      <c r="IE795" s="91"/>
      <c r="IF795" s="91"/>
      <c r="IG795" s="91"/>
      <c r="IH795" s="91"/>
      <c r="II795" s="91"/>
      <c r="IJ795" s="91"/>
      <c r="IK795" s="127"/>
    </row>
    <row r="796" spans="2:245" x14ac:dyDescent="0.2">
      <c r="B796" s="43"/>
      <c r="C796" s="73"/>
      <c r="D796" s="64"/>
      <c r="E796" s="64"/>
      <c r="F796" s="55"/>
      <c r="G796" s="102"/>
      <c r="H796" s="55"/>
      <c r="I796" s="55"/>
      <c r="J796" s="55"/>
      <c r="K796" s="55"/>
      <c r="L796" s="55"/>
      <c r="M796" s="55"/>
      <c r="N796" s="55"/>
      <c r="O796" s="55"/>
      <c r="P796" s="55"/>
      <c r="Q796" s="55"/>
      <c r="R796" s="55"/>
      <c r="S796" s="55"/>
      <c r="T796" s="55"/>
      <c r="U796" s="55"/>
      <c r="V796" s="55"/>
      <c r="W796" s="55"/>
      <c r="X796" s="55"/>
      <c r="Y796" s="55"/>
      <c r="Z796" s="55"/>
      <c r="AA796" s="55"/>
      <c r="AB796" s="55"/>
      <c r="AC796" s="55"/>
      <c r="AD796" s="55"/>
      <c r="AE796" s="55"/>
      <c r="AF796" s="55"/>
      <c r="AG796" s="55"/>
      <c r="AY796" s="162"/>
      <c r="AZ796" s="162"/>
      <c r="BA796" s="162"/>
      <c r="BB796" s="162"/>
      <c r="BC796" s="162"/>
      <c r="BD796" s="162"/>
      <c r="BE796" s="162"/>
      <c r="BF796" s="162"/>
      <c r="BG796" s="162"/>
      <c r="BH796" s="162"/>
      <c r="BI796" s="162"/>
      <c r="BJ796" s="162"/>
      <c r="BK796" s="162"/>
      <c r="BL796" s="162"/>
      <c r="BM796" s="162"/>
      <c r="BN796" s="162"/>
      <c r="BO796" s="162"/>
      <c r="BP796" s="162"/>
      <c r="BQ796" s="162"/>
      <c r="BR796" s="162"/>
      <c r="BS796" s="162"/>
      <c r="BT796" s="162"/>
      <c r="BU796" s="162"/>
      <c r="BV796" s="162"/>
      <c r="BW796" s="162"/>
      <c r="BX796" s="162"/>
      <c r="BY796" s="162"/>
      <c r="BZ796" s="162"/>
      <c r="CA796" s="162"/>
      <c r="CB796" s="162"/>
      <c r="CC796" s="162"/>
      <c r="CD796" s="162"/>
      <c r="CE796" s="162"/>
      <c r="CF796" s="162"/>
      <c r="CG796" s="162"/>
      <c r="CH796" s="162"/>
      <c r="CI796" s="162"/>
      <c r="CJ796" s="162"/>
      <c r="CK796" s="162"/>
      <c r="CX796" s="98"/>
      <c r="DL796" s="97"/>
      <c r="DX796" s="98"/>
      <c r="EL796" s="97"/>
      <c r="EX796" s="98"/>
      <c r="EY796" s="97"/>
      <c r="FL796" s="126"/>
      <c r="FM796" s="91"/>
      <c r="FN796" s="91"/>
      <c r="FO796" s="91"/>
      <c r="FP796" s="91"/>
      <c r="FQ796" s="91"/>
      <c r="FR796" s="91"/>
      <c r="FS796" s="91"/>
      <c r="FT796" s="91"/>
      <c r="FU796" s="91"/>
      <c r="FV796" s="91"/>
      <c r="FW796" s="91"/>
      <c r="FX796" s="91"/>
      <c r="FY796" s="91"/>
      <c r="FZ796" s="91"/>
      <c r="GA796" s="91"/>
      <c r="GB796" s="91"/>
      <c r="GC796" s="91"/>
      <c r="GD796" s="91"/>
      <c r="GE796" s="91"/>
      <c r="GF796" s="91"/>
      <c r="GG796" s="91"/>
      <c r="GH796" s="91"/>
      <c r="GI796" s="91"/>
      <c r="GJ796" s="91"/>
      <c r="GK796" s="127"/>
      <c r="GL796" s="126"/>
      <c r="GM796" s="91"/>
      <c r="GN796" s="91"/>
      <c r="GO796" s="91"/>
      <c r="GP796" s="91"/>
      <c r="GQ796" s="91"/>
      <c r="GR796" s="91"/>
      <c r="GS796" s="91"/>
      <c r="GT796" s="91"/>
      <c r="GU796" s="91"/>
      <c r="GV796" s="91"/>
      <c r="GW796" s="91"/>
      <c r="GX796" s="91"/>
      <c r="GY796" s="91"/>
      <c r="GZ796" s="91"/>
      <c r="HA796" s="91"/>
      <c r="HB796" s="91"/>
      <c r="HC796" s="91"/>
      <c r="HD796" s="91"/>
      <c r="HE796" s="91"/>
      <c r="HF796" s="91"/>
      <c r="HG796" s="91"/>
      <c r="HH796" s="91"/>
      <c r="HI796" s="91"/>
      <c r="HJ796" s="91"/>
      <c r="HK796" s="127"/>
      <c r="HL796" s="126"/>
      <c r="HM796" s="91"/>
      <c r="HN796" s="91"/>
      <c r="HO796" s="91"/>
      <c r="HP796" s="91"/>
      <c r="HQ796" s="91"/>
      <c r="HR796" s="91"/>
      <c r="HS796" s="91"/>
      <c r="HT796" s="91"/>
      <c r="HU796" s="91"/>
      <c r="HV796" s="91"/>
      <c r="HW796" s="91"/>
      <c r="HX796" s="91"/>
      <c r="HY796" s="91"/>
      <c r="HZ796" s="91"/>
      <c r="IA796" s="91"/>
      <c r="IB796" s="91"/>
      <c r="IC796" s="91"/>
      <c r="ID796" s="91"/>
      <c r="IE796" s="91"/>
      <c r="IF796" s="91"/>
      <c r="IG796" s="91"/>
      <c r="IH796" s="91"/>
      <c r="II796" s="91"/>
      <c r="IJ796" s="91"/>
      <c r="IK796" s="127"/>
    </row>
    <row r="797" spans="2:245" x14ac:dyDescent="0.2">
      <c r="B797" s="43"/>
      <c r="C797" s="73"/>
      <c r="D797" s="64"/>
      <c r="E797" s="64"/>
      <c r="F797" s="55"/>
      <c r="G797" s="102"/>
      <c r="H797" s="55"/>
      <c r="I797" s="55"/>
      <c r="J797" s="55"/>
      <c r="K797" s="55"/>
      <c r="L797" s="55"/>
      <c r="M797" s="55"/>
      <c r="N797" s="55"/>
      <c r="O797" s="55"/>
      <c r="P797" s="55"/>
      <c r="Q797" s="55"/>
      <c r="R797" s="55"/>
      <c r="S797" s="55"/>
      <c r="T797" s="55"/>
      <c r="U797" s="55"/>
      <c r="V797" s="55"/>
      <c r="W797" s="55"/>
      <c r="X797" s="55"/>
      <c r="Y797" s="55"/>
      <c r="Z797" s="55"/>
      <c r="AA797" s="55"/>
      <c r="AB797" s="55"/>
      <c r="AC797" s="55"/>
      <c r="AD797" s="55"/>
      <c r="AE797" s="55"/>
      <c r="AF797" s="55"/>
      <c r="AG797" s="55"/>
      <c r="AY797" s="162"/>
      <c r="AZ797" s="162"/>
      <c r="BA797" s="162"/>
      <c r="BB797" s="162"/>
      <c r="BC797" s="162"/>
      <c r="BD797" s="162"/>
      <c r="BE797" s="162"/>
      <c r="BF797" s="162"/>
      <c r="BG797" s="162"/>
      <c r="BH797" s="162"/>
      <c r="BI797" s="162"/>
      <c r="BJ797" s="162"/>
      <c r="BK797" s="162"/>
      <c r="BL797" s="162"/>
      <c r="BM797" s="162"/>
      <c r="BN797" s="162"/>
      <c r="BO797" s="162"/>
      <c r="BP797" s="162"/>
      <c r="BQ797" s="162"/>
      <c r="BR797" s="162"/>
      <c r="BS797" s="162"/>
      <c r="BT797" s="162"/>
      <c r="BU797" s="162"/>
      <c r="BV797" s="162"/>
      <c r="BW797" s="162"/>
      <c r="BX797" s="162"/>
      <c r="BY797" s="162"/>
      <c r="BZ797" s="162"/>
      <c r="CA797" s="162"/>
      <c r="CB797" s="162"/>
      <c r="CC797" s="162"/>
      <c r="CD797" s="162"/>
      <c r="CE797" s="162"/>
      <c r="CF797" s="162"/>
      <c r="CG797" s="162"/>
      <c r="CH797" s="162"/>
      <c r="CI797" s="162"/>
      <c r="CJ797" s="162"/>
      <c r="CK797" s="162"/>
      <c r="CX797" s="98"/>
      <c r="DL797" s="97"/>
      <c r="DX797" s="98"/>
      <c r="EL797" s="97"/>
      <c r="EX797" s="98"/>
      <c r="EY797" s="97"/>
      <c r="FL797" s="126"/>
      <c r="FM797" s="91"/>
      <c r="FN797" s="91"/>
      <c r="FO797" s="91"/>
      <c r="FP797" s="91"/>
      <c r="FQ797" s="91"/>
      <c r="FR797" s="91"/>
      <c r="FS797" s="91"/>
      <c r="FT797" s="91"/>
      <c r="FU797" s="91"/>
      <c r="FV797" s="91"/>
      <c r="FW797" s="91"/>
      <c r="FX797" s="91"/>
      <c r="FY797" s="91"/>
      <c r="FZ797" s="91"/>
      <c r="GA797" s="91"/>
      <c r="GB797" s="91"/>
      <c r="GC797" s="91"/>
      <c r="GD797" s="91"/>
      <c r="GE797" s="91"/>
      <c r="GF797" s="91"/>
      <c r="GG797" s="91"/>
      <c r="GH797" s="91"/>
      <c r="GI797" s="91"/>
      <c r="GJ797" s="91"/>
      <c r="GK797" s="127"/>
      <c r="GL797" s="126"/>
      <c r="GM797" s="91"/>
      <c r="GN797" s="91"/>
      <c r="GO797" s="91"/>
      <c r="GP797" s="91"/>
      <c r="GQ797" s="91"/>
      <c r="GR797" s="91"/>
      <c r="GS797" s="91"/>
      <c r="GT797" s="91"/>
      <c r="GU797" s="91"/>
      <c r="GV797" s="91"/>
      <c r="GW797" s="91"/>
      <c r="GX797" s="91"/>
      <c r="GY797" s="91"/>
      <c r="GZ797" s="91"/>
      <c r="HA797" s="91"/>
      <c r="HB797" s="91"/>
      <c r="HC797" s="91"/>
      <c r="HD797" s="91"/>
      <c r="HE797" s="91"/>
      <c r="HF797" s="91"/>
      <c r="HG797" s="91"/>
      <c r="HH797" s="91"/>
      <c r="HI797" s="91"/>
      <c r="HJ797" s="91"/>
      <c r="HK797" s="127"/>
      <c r="HL797" s="126"/>
      <c r="HM797" s="91"/>
      <c r="HN797" s="91"/>
      <c r="HO797" s="91"/>
      <c r="HP797" s="91"/>
      <c r="HQ797" s="91"/>
      <c r="HR797" s="91"/>
      <c r="HS797" s="91"/>
      <c r="HT797" s="91"/>
      <c r="HU797" s="91"/>
      <c r="HV797" s="91"/>
      <c r="HW797" s="91"/>
      <c r="HX797" s="91"/>
      <c r="HY797" s="91"/>
      <c r="HZ797" s="91"/>
      <c r="IA797" s="91"/>
      <c r="IB797" s="91"/>
      <c r="IC797" s="91"/>
      <c r="ID797" s="91"/>
      <c r="IE797" s="91"/>
      <c r="IF797" s="91"/>
      <c r="IG797" s="91"/>
      <c r="IH797" s="91"/>
      <c r="II797" s="91"/>
      <c r="IJ797" s="91"/>
      <c r="IK797" s="127"/>
    </row>
    <row r="798" spans="2:245" x14ac:dyDescent="0.2">
      <c r="B798" s="43"/>
      <c r="C798" s="73"/>
      <c r="D798" s="64"/>
      <c r="E798" s="64"/>
      <c r="F798" s="55"/>
      <c r="G798" s="102"/>
      <c r="H798" s="55"/>
      <c r="I798" s="55"/>
      <c r="J798" s="55"/>
      <c r="K798" s="55"/>
      <c r="L798" s="55"/>
      <c r="M798" s="55"/>
      <c r="N798" s="55"/>
      <c r="O798" s="55"/>
      <c r="P798" s="55"/>
      <c r="Q798" s="55"/>
      <c r="R798" s="55"/>
      <c r="S798" s="55"/>
      <c r="T798" s="55"/>
      <c r="U798" s="55"/>
      <c r="V798" s="55"/>
      <c r="W798" s="55"/>
      <c r="X798" s="55"/>
      <c r="Y798" s="55"/>
      <c r="Z798" s="55"/>
      <c r="AA798" s="55"/>
      <c r="AB798" s="55"/>
      <c r="AC798" s="55"/>
      <c r="AD798" s="55"/>
      <c r="AE798" s="55"/>
      <c r="AF798" s="55"/>
      <c r="AG798" s="55"/>
      <c r="AY798" s="162"/>
      <c r="AZ798" s="162"/>
      <c r="BA798" s="162"/>
      <c r="BB798" s="162"/>
      <c r="BC798" s="162"/>
      <c r="BD798" s="162"/>
      <c r="BE798" s="162"/>
      <c r="BF798" s="162"/>
      <c r="BG798" s="162"/>
      <c r="BH798" s="162"/>
      <c r="BI798" s="162"/>
      <c r="BJ798" s="162"/>
      <c r="BK798" s="162"/>
      <c r="BL798" s="162"/>
      <c r="BM798" s="162"/>
      <c r="BN798" s="162"/>
      <c r="BO798" s="162"/>
      <c r="BP798" s="162"/>
      <c r="BQ798" s="162"/>
      <c r="BR798" s="162"/>
      <c r="BS798" s="162"/>
      <c r="BT798" s="162"/>
      <c r="BU798" s="162"/>
      <c r="BV798" s="162"/>
      <c r="BW798" s="162"/>
      <c r="BX798" s="162"/>
      <c r="BY798" s="162"/>
      <c r="BZ798" s="162"/>
      <c r="CA798" s="162"/>
      <c r="CB798" s="162"/>
      <c r="CC798" s="162"/>
      <c r="CD798" s="162"/>
      <c r="CE798" s="162"/>
      <c r="CF798" s="162"/>
      <c r="CG798" s="162"/>
      <c r="CH798" s="162"/>
      <c r="CI798" s="162"/>
      <c r="CJ798" s="162"/>
      <c r="CK798" s="162"/>
      <c r="CX798" s="98"/>
      <c r="DL798" s="97"/>
      <c r="DX798" s="98"/>
      <c r="EL798" s="97"/>
      <c r="EX798" s="98"/>
      <c r="EY798" s="97"/>
      <c r="FL798" s="126"/>
      <c r="FM798" s="91"/>
      <c r="FN798" s="91"/>
      <c r="FO798" s="91"/>
      <c r="FP798" s="91"/>
      <c r="FQ798" s="91"/>
      <c r="FR798" s="91"/>
      <c r="FS798" s="91"/>
      <c r="FT798" s="91"/>
      <c r="FU798" s="91"/>
      <c r="FV798" s="91"/>
      <c r="FW798" s="91"/>
      <c r="FX798" s="91"/>
      <c r="FY798" s="91"/>
      <c r="FZ798" s="91"/>
      <c r="GA798" s="91"/>
      <c r="GB798" s="91"/>
      <c r="GC798" s="91"/>
      <c r="GD798" s="91"/>
      <c r="GE798" s="91"/>
      <c r="GF798" s="91"/>
      <c r="GG798" s="91"/>
      <c r="GH798" s="91"/>
      <c r="GI798" s="91"/>
      <c r="GJ798" s="91"/>
      <c r="GK798" s="127"/>
      <c r="GL798" s="126"/>
      <c r="GM798" s="91"/>
      <c r="GN798" s="91"/>
      <c r="GO798" s="91"/>
      <c r="GP798" s="91"/>
      <c r="GQ798" s="91"/>
      <c r="GR798" s="91"/>
      <c r="GS798" s="91"/>
      <c r="GT798" s="91"/>
      <c r="GU798" s="91"/>
      <c r="GV798" s="91"/>
      <c r="GW798" s="91"/>
      <c r="GX798" s="91"/>
      <c r="GY798" s="91"/>
      <c r="GZ798" s="91"/>
      <c r="HA798" s="91"/>
      <c r="HB798" s="91"/>
      <c r="HC798" s="91"/>
      <c r="HD798" s="91"/>
      <c r="HE798" s="91"/>
      <c r="HF798" s="91"/>
      <c r="HG798" s="91"/>
      <c r="HH798" s="91"/>
      <c r="HI798" s="91"/>
      <c r="HJ798" s="91"/>
      <c r="HK798" s="127"/>
      <c r="HL798" s="126"/>
      <c r="HM798" s="91"/>
      <c r="HN798" s="91"/>
      <c r="HO798" s="91"/>
      <c r="HP798" s="91"/>
      <c r="HQ798" s="91"/>
      <c r="HR798" s="91"/>
      <c r="HS798" s="91"/>
      <c r="HT798" s="91"/>
      <c r="HU798" s="91"/>
      <c r="HV798" s="91"/>
      <c r="HW798" s="91"/>
      <c r="HX798" s="91"/>
      <c r="HY798" s="91"/>
      <c r="HZ798" s="91"/>
      <c r="IA798" s="91"/>
      <c r="IB798" s="91"/>
      <c r="IC798" s="91"/>
      <c r="ID798" s="91"/>
      <c r="IE798" s="91"/>
      <c r="IF798" s="91"/>
      <c r="IG798" s="91"/>
      <c r="IH798" s="91"/>
      <c r="II798" s="91"/>
      <c r="IJ798" s="91"/>
      <c r="IK798" s="127"/>
    </row>
    <row r="799" spans="2:245" x14ac:dyDescent="0.2">
      <c r="B799" s="43"/>
      <c r="C799" s="73"/>
      <c r="D799" s="64"/>
      <c r="E799" s="64"/>
      <c r="F799" s="55"/>
      <c r="G799" s="102"/>
      <c r="H799" s="55"/>
      <c r="I799" s="55"/>
      <c r="J799" s="55"/>
      <c r="K799" s="55"/>
      <c r="L799" s="55"/>
      <c r="M799" s="55"/>
      <c r="N799" s="55"/>
      <c r="O799" s="55"/>
      <c r="P799" s="55"/>
      <c r="Q799" s="55"/>
      <c r="R799" s="55"/>
      <c r="S799" s="55"/>
      <c r="T799" s="55"/>
      <c r="U799" s="55"/>
      <c r="V799" s="55"/>
      <c r="W799" s="55"/>
      <c r="X799" s="55"/>
      <c r="Y799" s="55"/>
      <c r="Z799" s="55"/>
      <c r="AA799" s="55"/>
      <c r="AB799" s="55"/>
      <c r="AC799" s="55"/>
      <c r="AD799" s="55"/>
      <c r="AE799" s="55"/>
      <c r="AF799" s="55"/>
      <c r="AG799" s="55"/>
      <c r="AY799" s="162"/>
      <c r="AZ799" s="162"/>
      <c r="BA799" s="162"/>
      <c r="BB799" s="162"/>
      <c r="BC799" s="162"/>
      <c r="BD799" s="162"/>
      <c r="BE799" s="162"/>
      <c r="BF799" s="162"/>
      <c r="BG799" s="162"/>
      <c r="BH799" s="162"/>
      <c r="BI799" s="162"/>
      <c r="BJ799" s="162"/>
      <c r="BK799" s="162"/>
      <c r="BL799" s="162"/>
      <c r="BM799" s="162"/>
      <c r="BN799" s="162"/>
      <c r="BO799" s="162"/>
      <c r="BP799" s="162"/>
      <c r="BQ799" s="162"/>
      <c r="BR799" s="162"/>
      <c r="BS799" s="162"/>
      <c r="BT799" s="162"/>
      <c r="BU799" s="162"/>
      <c r="BV799" s="162"/>
      <c r="BW799" s="162"/>
      <c r="BX799" s="162"/>
      <c r="BY799" s="162"/>
      <c r="BZ799" s="162"/>
      <c r="CA799" s="162"/>
      <c r="CB799" s="162"/>
      <c r="CC799" s="162"/>
      <c r="CD799" s="162"/>
      <c r="CE799" s="162"/>
      <c r="CF799" s="162"/>
      <c r="CG799" s="162"/>
      <c r="CH799" s="162"/>
      <c r="CI799" s="162"/>
      <c r="CJ799" s="162"/>
      <c r="CK799" s="162"/>
      <c r="CX799" s="98"/>
      <c r="DL799" s="97"/>
      <c r="DX799" s="98"/>
      <c r="EL799" s="97"/>
      <c r="EX799" s="98"/>
      <c r="EY799" s="97"/>
      <c r="FL799" s="126"/>
      <c r="FM799" s="91"/>
      <c r="FN799" s="91"/>
      <c r="FO799" s="91"/>
      <c r="FP799" s="91"/>
      <c r="FQ799" s="91"/>
      <c r="FR799" s="91"/>
      <c r="FS799" s="91"/>
      <c r="FT799" s="91"/>
      <c r="FU799" s="91"/>
      <c r="FV799" s="91"/>
      <c r="FW799" s="91"/>
      <c r="FX799" s="91"/>
      <c r="FY799" s="91"/>
      <c r="FZ799" s="91"/>
      <c r="GA799" s="91"/>
      <c r="GB799" s="91"/>
      <c r="GC799" s="91"/>
      <c r="GD799" s="91"/>
      <c r="GE799" s="91"/>
      <c r="GF799" s="91"/>
      <c r="GG799" s="91"/>
      <c r="GH799" s="91"/>
      <c r="GI799" s="91"/>
      <c r="GJ799" s="91"/>
      <c r="GK799" s="127"/>
      <c r="GL799" s="126"/>
      <c r="GM799" s="91"/>
      <c r="GN799" s="91"/>
      <c r="GO799" s="91"/>
      <c r="GP799" s="91"/>
      <c r="GQ799" s="91"/>
      <c r="GR799" s="91"/>
      <c r="GS799" s="91"/>
      <c r="GT799" s="91"/>
      <c r="GU799" s="91"/>
      <c r="GV799" s="91"/>
      <c r="GW799" s="91"/>
      <c r="GX799" s="91"/>
      <c r="GY799" s="91"/>
      <c r="GZ799" s="91"/>
      <c r="HA799" s="91"/>
      <c r="HB799" s="91"/>
      <c r="HC799" s="91"/>
      <c r="HD799" s="91"/>
      <c r="HE799" s="91"/>
      <c r="HF799" s="91"/>
      <c r="HG799" s="91"/>
      <c r="HH799" s="91"/>
      <c r="HI799" s="91"/>
      <c r="HJ799" s="91"/>
      <c r="HK799" s="127"/>
      <c r="HL799" s="126"/>
      <c r="HM799" s="91"/>
      <c r="HN799" s="91"/>
      <c r="HO799" s="91"/>
      <c r="HP799" s="91"/>
      <c r="HQ799" s="91"/>
      <c r="HR799" s="91"/>
      <c r="HS799" s="91"/>
      <c r="HT799" s="91"/>
      <c r="HU799" s="91"/>
      <c r="HV799" s="91"/>
      <c r="HW799" s="91"/>
      <c r="HX799" s="91"/>
      <c r="HY799" s="91"/>
      <c r="HZ799" s="91"/>
      <c r="IA799" s="91"/>
      <c r="IB799" s="91"/>
      <c r="IC799" s="91"/>
      <c r="ID799" s="91"/>
      <c r="IE799" s="91"/>
      <c r="IF799" s="91"/>
      <c r="IG799" s="91"/>
      <c r="IH799" s="91"/>
      <c r="II799" s="91"/>
      <c r="IJ799" s="91"/>
      <c r="IK799" s="127"/>
    </row>
    <row r="800" spans="2:245" x14ac:dyDescent="0.2">
      <c r="B800" s="43"/>
      <c r="C800" s="73"/>
      <c r="D800" s="64"/>
      <c r="E800" s="64"/>
      <c r="F800" s="55"/>
      <c r="G800" s="102"/>
      <c r="H800" s="55"/>
      <c r="I800" s="55"/>
      <c r="J800" s="55"/>
      <c r="K800" s="55"/>
      <c r="L800" s="55"/>
      <c r="M800" s="55"/>
      <c r="N800" s="55"/>
      <c r="O800" s="55"/>
      <c r="P800" s="55"/>
      <c r="Q800" s="55"/>
      <c r="R800" s="55"/>
      <c r="S800" s="55"/>
      <c r="T800" s="55"/>
      <c r="U800" s="55"/>
      <c r="V800" s="55"/>
      <c r="W800" s="55"/>
      <c r="X800" s="55"/>
      <c r="Y800" s="55"/>
      <c r="Z800" s="55"/>
      <c r="AA800" s="55"/>
      <c r="AB800" s="55"/>
      <c r="AC800" s="55"/>
      <c r="AD800" s="55"/>
      <c r="AE800" s="55"/>
      <c r="AF800" s="55"/>
      <c r="AG800" s="55"/>
      <c r="AY800" s="162"/>
      <c r="AZ800" s="162"/>
      <c r="BA800" s="162"/>
      <c r="BB800" s="162"/>
      <c r="BC800" s="162"/>
      <c r="BD800" s="162"/>
      <c r="BE800" s="162"/>
      <c r="BF800" s="162"/>
      <c r="BG800" s="162"/>
      <c r="BH800" s="162"/>
      <c r="BI800" s="162"/>
      <c r="BJ800" s="162"/>
      <c r="BK800" s="162"/>
      <c r="BL800" s="162"/>
      <c r="BM800" s="162"/>
      <c r="BN800" s="162"/>
      <c r="BO800" s="162"/>
      <c r="BP800" s="162"/>
      <c r="BQ800" s="162"/>
      <c r="BR800" s="162"/>
      <c r="BS800" s="162"/>
      <c r="BT800" s="162"/>
      <c r="BU800" s="162"/>
      <c r="BV800" s="162"/>
      <c r="BW800" s="162"/>
      <c r="BX800" s="162"/>
      <c r="BY800" s="162"/>
      <c r="BZ800" s="162"/>
      <c r="CA800" s="162"/>
      <c r="CB800" s="162"/>
      <c r="CC800" s="162"/>
      <c r="CD800" s="162"/>
      <c r="CE800" s="162"/>
      <c r="CF800" s="162"/>
      <c r="CG800" s="162"/>
      <c r="CH800" s="162"/>
      <c r="CI800" s="162"/>
      <c r="CJ800" s="162"/>
      <c r="CK800" s="162"/>
      <c r="CX800" s="98"/>
      <c r="DL800" s="97"/>
      <c r="DX800" s="98"/>
      <c r="EL800" s="97"/>
      <c r="EX800" s="98"/>
      <c r="EY800" s="97"/>
      <c r="FL800" s="126"/>
      <c r="FM800" s="91"/>
      <c r="FN800" s="91"/>
      <c r="FO800" s="91"/>
      <c r="FP800" s="91"/>
      <c r="FQ800" s="91"/>
      <c r="FR800" s="91"/>
      <c r="FS800" s="91"/>
      <c r="FT800" s="91"/>
      <c r="FU800" s="91"/>
      <c r="FV800" s="91"/>
      <c r="FW800" s="91"/>
      <c r="FX800" s="91"/>
      <c r="FY800" s="91"/>
      <c r="FZ800" s="91"/>
      <c r="GA800" s="91"/>
      <c r="GB800" s="91"/>
      <c r="GC800" s="91"/>
      <c r="GD800" s="91"/>
      <c r="GE800" s="91"/>
      <c r="GF800" s="91"/>
      <c r="GG800" s="91"/>
      <c r="GH800" s="91"/>
      <c r="GI800" s="91"/>
      <c r="GJ800" s="91"/>
      <c r="GK800" s="127"/>
      <c r="GL800" s="126"/>
      <c r="GM800" s="91"/>
      <c r="GN800" s="91"/>
      <c r="GO800" s="91"/>
      <c r="GP800" s="91"/>
      <c r="GQ800" s="91"/>
      <c r="GR800" s="91"/>
      <c r="GS800" s="91"/>
      <c r="GT800" s="91"/>
      <c r="GU800" s="91"/>
      <c r="GV800" s="91"/>
      <c r="GW800" s="91"/>
      <c r="GX800" s="91"/>
      <c r="GY800" s="91"/>
      <c r="GZ800" s="91"/>
      <c r="HA800" s="91"/>
      <c r="HB800" s="91"/>
      <c r="HC800" s="91"/>
      <c r="HD800" s="91"/>
      <c r="HE800" s="91"/>
      <c r="HF800" s="91"/>
      <c r="HG800" s="91"/>
      <c r="HH800" s="91"/>
      <c r="HI800" s="91"/>
      <c r="HJ800" s="91"/>
      <c r="HK800" s="127"/>
      <c r="HL800" s="126"/>
      <c r="HM800" s="91"/>
      <c r="HN800" s="91"/>
      <c r="HO800" s="91"/>
      <c r="HP800" s="91"/>
      <c r="HQ800" s="91"/>
      <c r="HR800" s="91"/>
      <c r="HS800" s="91"/>
      <c r="HT800" s="91"/>
      <c r="HU800" s="91"/>
      <c r="HV800" s="91"/>
      <c r="HW800" s="91"/>
      <c r="HX800" s="91"/>
      <c r="HY800" s="91"/>
      <c r="HZ800" s="91"/>
      <c r="IA800" s="91"/>
      <c r="IB800" s="91"/>
      <c r="IC800" s="91"/>
      <c r="ID800" s="91"/>
      <c r="IE800" s="91"/>
      <c r="IF800" s="91"/>
      <c r="IG800" s="91"/>
      <c r="IH800" s="91"/>
      <c r="II800" s="91"/>
      <c r="IJ800" s="91"/>
      <c r="IK800" s="127"/>
    </row>
    <row r="801" spans="2:245" x14ac:dyDescent="0.2">
      <c r="B801" s="43"/>
      <c r="C801" s="73"/>
      <c r="D801" s="64"/>
      <c r="E801" s="64"/>
      <c r="F801" s="55"/>
      <c r="G801" s="102"/>
      <c r="H801" s="55"/>
      <c r="I801" s="55"/>
      <c r="J801" s="55"/>
      <c r="K801" s="55"/>
      <c r="L801" s="55"/>
      <c r="M801" s="55"/>
      <c r="N801" s="55"/>
      <c r="O801" s="55"/>
      <c r="P801" s="55"/>
      <c r="Q801" s="55"/>
      <c r="R801" s="55"/>
      <c r="S801" s="55"/>
      <c r="T801" s="55"/>
      <c r="U801" s="55"/>
      <c r="V801" s="55"/>
      <c r="W801" s="55"/>
      <c r="X801" s="55"/>
      <c r="Y801" s="55"/>
      <c r="Z801" s="55"/>
      <c r="AA801" s="55"/>
      <c r="AB801" s="55"/>
      <c r="AC801" s="55"/>
      <c r="AD801" s="55"/>
      <c r="AE801" s="55"/>
      <c r="AF801" s="55"/>
      <c r="AG801" s="55"/>
      <c r="AY801" s="162"/>
      <c r="AZ801" s="162"/>
      <c r="BA801" s="162"/>
      <c r="BB801" s="162"/>
      <c r="BC801" s="162"/>
      <c r="BD801" s="162"/>
      <c r="BE801" s="162"/>
      <c r="BF801" s="162"/>
      <c r="BG801" s="162"/>
      <c r="BH801" s="162"/>
      <c r="BI801" s="162"/>
      <c r="BJ801" s="162"/>
      <c r="BK801" s="162"/>
      <c r="BL801" s="162"/>
      <c r="BM801" s="162"/>
      <c r="BN801" s="162"/>
      <c r="BO801" s="162"/>
      <c r="BP801" s="162"/>
      <c r="BQ801" s="162"/>
      <c r="BR801" s="162"/>
      <c r="BS801" s="162"/>
      <c r="BT801" s="162"/>
      <c r="BU801" s="162"/>
      <c r="BV801" s="162"/>
      <c r="BW801" s="162"/>
      <c r="BX801" s="162"/>
      <c r="BY801" s="162"/>
      <c r="BZ801" s="162"/>
      <c r="CA801" s="162"/>
      <c r="CB801" s="162"/>
      <c r="CC801" s="162"/>
      <c r="CD801" s="162"/>
      <c r="CE801" s="162"/>
      <c r="CF801" s="162"/>
      <c r="CG801" s="162"/>
      <c r="CH801" s="162"/>
      <c r="CI801" s="162"/>
      <c r="CJ801" s="162"/>
      <c r="CK801" s="162"/>
      <c r="CX801" s="98"/>
      <c r="DL801" s="97"/>
      <c r="DX801" s="98"/>
      <c r="EL801" s="97"/>
      <c r="EX801" s="98"/>
      <c r="EY801" s="97"/>
      <c r="FL801" s="126"/>
      <c r="FM801" s="91"/>
      <c r="FN801" s="91"/>
      <c r="FO801" s="91"/>
      <c r="FP801" s="91"/>
      <c r="FQ801" s="91"/>
      <c r="FR801" s="91"/>
      <c r="FS801" s="91"/>
      <c r="FT801" s="91"/>
      <c r="FU801" s="91"/>
      <c r="FV801" s="91"/>
      <c r="FW801" s="91"/>
      <c r="FX801" s="91"/>
      <c r="FY801" s="91"/>
      <c r="FZ801" s="91"/>
      <c r="GA801" s="91"/>
      <c r="GB801" s="91"/>
      <c r="GC801" s="91"/>
      <c r="GD801" s="91"/>
      <c r="GE801" s="91"/>
      <c r="GF801" s="91"/>
      <c r="GG801" s="91"/>
      <c r="GH801" s="91"/>
      <c r="GI801" s="91"/>
      <c r="GJ801" s="91"/>
      <c r="GK801" s="127"/>
      <c r="GL801" s="126"/>
      <c r="GM801" s="91"/>
      <c r="GN801" s="91"/>
      <c r="GO801" s="91"/>
      <c r="GP801" s="91"/>
      <c r="GQ801" s="91"/>
      <c r="GR801" s="91"/>
      <c r="GS801" s="91"/>
      <c r="GT801" s="91"/>
      <c r="GU801" s="91"/>
      <c r="GV801" s="91"/>
      <c r="GW801" s="91"/>
      <c r="GX801" s="91"/>
      <c r="GY801" s="91"/>
      <c r="GZ801" s="91"/>
      <c r="HA801" s="91"/>
      <c r="HB801" s="91"/>
      <c r="HC801" s="91"/>
      <c r="HD801" s="91"/>
      <c r="HE801" s="91"/>
      <c r="HF801" s="91"/>
      <c r="HG801" s="91"/>
      <c r="HH801" s="91"/>
      <c r="HI801" s="91"/>
      <c r="HJ801" s="91"/>
      <c r="HK801" s="127"/>
      <c r="HL801" s="126"/>
      <c r="HM801" s="91"/>
      <c r="HN801" s="91"/>
      <c r="HO801" s="91"/>
      <c r="HP801" s="91"/>
      <c r="HQ801" s="91"/>
      <c r="HR801" s="91"/>
      <c r="HS801" s="91"/>
      <c r="HT801" s="91"/>
      <c r="HU801" s="91"/>
      <c r="HV801" s="91"/>
      <c r="HW801" s="91"/>
      <c r="HX801" s="91"/>
      <c r="HY801" s="91"/>
      <c r="HZ801" s="91"/>
      <c r="IA801" s="91"/>
      <c r="IB801" s="91"/>
      <c r="IC801" s="91"/>
      <c r="ID801" s="91"/>
      <c r="IE801" s="91"/>
      <c r="IF801" s="91"/>
      <c r="IG801" s="91"/>
      <c r="IH801" s="91"/>
      <c r="II801" s="91"/>
      <c r="IJ801" s="91"/>
      <c r="IK801" s="127"/>
    </row>
    <row r="802" spans="2:245" x14ac:dyDescent="0.2">
      <c r="B802" s="43"/>
      <c r="C802" s="73"/>
      <c r="D802" s="64"/>
      <c r="E802" s="64"/>
      <c r="F802" s="55"/>
      <c r="G802" s="102"/>
      <c r="H802" s="55"/>
      <c r="I802" s="55"/>
      <c r="J802" s="55"/>
      <c r="K802" s="55"/>
      <c r="L802" s="55"/>
      <c r="M802" s="55"/>
      <c r="N802" s="55"/>
      <c r="O802" s="55"/>
      <c r="P802" s="55"/>
      <c r="Q802" s="55"/>
      <c r="R802" s="55"/>
      <c r="S802" s="55"/>
      <c r="T802" s="55"/>
      <c r="U802" s="55"/>
      <c r="V802" s="55"/>
      <c r="W802" s="55"/>
      <c r="X802" s="55"/>
      <c r="Y802" s="55"/>
      <c r="Z802" s="55"/>
      <c r="AA802" s="55"/>
      <c r="AB802" s="55"/>
      <c r="AC802" s="55"/>
      <c r="AD802" s="55"/>
      <c r="AE802" s="55"/>
      <c r="AF802" s="55"/>
      <c r="AG802" s="55"/>
      <c r="AY802" s="162"/>
      <c r="AZ802" s="162"/>
      <c r="BA802" s="162"/>
      <c r="BB802" s="162"/>
      <c r="BC802" s="162"/>
      <c r="BD802" s="162"/>
      <c r="BE802" s="162"/>
      <c r="BF802" s="162"/>
      <c r="BG802" s="162"/>
      <c r="BH802" s="162"/>
      <c r="BI802" s="162"/>
      <c r="BJ802" s="162"/>
      <c r="BK802" s="162"/>
      <c r="BL802" s="162"/>
      <c r="BM802" s="162"/>
      <c r="BN802" s="162"/>
      <c r="BO802" s="162"/>
      <c r="BP802" s="162"/>
      <c r="BQ802" s="162"/>
      <c r="BR802" s="162"/>
      <c r="BS802" s="162"/>
      <c r="BT802" s="162"/>
      <c r="BU802" s="162"/>
      <c r="BV802" s="162"/>
      <c r="BW802" s="162"/>
      <c r="BX802" s="162"/>
      <c r="BY802" s="162"/>
      <c r="BZ802" s="162"/>
      <c r="CA802" s="162"/>
      <c r="CB802" s="162"/>
      <c r="CC802" s="162"/>
      <c r="CD802" s="162"/>
      <c r="CE802" s="162"/>
      <c r="CF802" s="162"/>
      <c r="CG802" s="162"/>
      <c r="CH802" s="162"/>
      <c r="CI802" s="162"/>
      <c r="CJ802" s="162"/>
      <c r="CK802" s="162"/>
      <c r="CX802" s="98"/>
      <c r="DL802" s="97"/>
      <c r="DX802" s="98"/>
      <c r="EL802" s="97"/>
      <c r="EX802" s="98"/>
      <c r="EY802" s="97"/>
      <c r="FL802" s="126"/>
      <c r="FM802" s="91"/>
      <c r="FN802" s="91"/>
      <c r="FO802" s="91"/>
      <c r="FP802" s="91"/>
      <c r="FQ802" s="91"/>
      <c r="FR802" s="91"/>
      <c r="FS802" s="91"/>
      <c r="FT802" s="91"/>
      <c r="FU802" s="91"/>
      <c r="FV802" s="91"/>
      <c r="FW802" s="91"/>
      <c r="FX802" s="91"/>
      <c r="FY802" s="91"/>
      <c r="FZ802" s="91"/>
      <c r="GA802" s="91"/>
      <c r="GB802" s="91"/>
      <c r="GC802" s="91"/>
      <c r="GD802" s="91"/>
      <c r="GE802" s="91"/>
      <c r="GF802" s="91"/>
      <c r="GG802" s="91"/>
      <c r="GH802" s="91"/>
      <c r="GI802" s="91"/>
      <c r="GJ802" s="91"/>
      <c r="GK802" s="127"/>
      <c r="GL802" s="126"/>
      <c r="GM802" s="91"/>
      <c r="GN802" s="91"/>
      <c r="GO802" s="91"/>
      <c r="GP802" s="91"/>
      <c r="GQ802" s="91"/>
      <c r="GR802" s="91"/>
      <c r="GS802" s="91"/>
      <c r="GT802" s="91"/>
      <c r="GU802" s="91"/>
      <c r="GV802" s="91"/>
      <c r="GW802" s="91"/>
      <c r="GX802" s="91"/>
      <c r="GY802" s="91"/>
      <c r="GZ802" s="91"/>
      <c r="HA802" s="91"/>
      <c r="HB802" s="91"/>
      <c r="HC802" s="91"/>
      <c r="HD802" s="91"/>
      <c r="HE802" s="91"/>
      <c r="HF802" s="91"/>
      <c r="HG802" s="91"/>
      <c r="HH802" s="91"/>
      <c r="HI802" s="91"/>
      <c r="HJ802" s="91"/>
      <c r="HK802" s="127"/>
      <c r="HL802" s="126"/>
      <c r="HM802" s="91"/>
      <c r="HN802" s="91"/>
      <c r="HO802" s="91"/>
      <c r="HP802" s="91"/>
      <c r="HQ802" s="91"/>
      <c r="HR802" s="91"/>
      <c r="HS802" s="91"/>
      <c r="HT802" s="91"/>
      <c r="HU802" s="91"/>
      <c r="HV802" s="91"/>
      <c r="HW802" s="91"/>
      <c r="HX802" s="91"/>
      <c r="HY802" s="91"/>
      <c r="HZ802" s="91"/>
      <c r="IA802" s="91"/>
      <c r="IB802" s="91"/>
      <c r="IC802" s="91"/>
      <c r="ID802" s="91"/>
      <c r="IE802" s="91"/>
      <c r="IF802" s="91"/>
      <c r="IG802" s="91"/>
      <c r="IH802" s="91"/>
      <c r="II802" s="91"/>
      <c r="IJ802" s="91"/>
      <c r="IK802" s="127"/>
    </row>
    <row r="803" spans="2:245" x14ac:dyDescent="0.2">
      <c r="B803" s="43"/>
      <c r="C803" s="73"/>
      <c r="D803" s="64"/>
      <c r="E803" s="64"/>
      <c r="F803" s="55"/>
      <c r="G803" s="102"/>
      <c r="H803" s="55"/>
      <c r="I803" s="55"/>
      <c r="J803" s="55"/>
      <c r="K803" s="55"/>
      <c r="L803" s="55"/>
      <c r="M803" s="55"/>
      <c r="N803" s="55"/>
      <c r="O803" s="55"/>
      <c r="P803" s="55"/>
      <c r="Q803" s="55"/>
      <c r="R803" s="55"/>
      <c r="S803" s="55"/>
      <c r="T803" s="55"/>
      <c r="U803" s="55"/>
      <c r="V803" s="55"/>
      <c r="W803" s="55"/>
      <c r="X803" s="55"/>
      <c r="Y803" s="55"/>
      <c r="Z803" s="55"/>
      <c r="AA803" s="55"/>
      <c r="AB803" s="55"/>
      <c r="AC803" s="55"/>
      <c r="AD803" s="55"/>
      <c r="AE803" s="55"/>
      <c r="AF803" s="55"/>
      <c r="AG803" s="55"/>
      <c r="AY803" s="162"/>
      <c r="AZ803" s="162"/>
      <c r="BA803" s="162"/>
      <c r="BB803" s="162"/>
      <c r="BC803" s="162"/>
      <c r="BD803" s="162"/>
      <c r="BE803" s="162"/>
      <c r="BF803" s="162"/>
      <c r="BG803" s="162"/>
      <c r="BH803" s="162"/>
      <c r="BI803" s="162"/>
      <c r="BJ803" s="162"/>
      <c r="BK803" s="162"/>
      <c r="BL803" s="162"/>
      <c r="BM803" s="162"/>
      <c r="BN803" s="162"/>
      <c r="BO803" s="162"/>
      <c r="BP803" s="162"/>
      <c r="BQ803" s="162"/>
      <c r="BR803" s="162"/>
      <c r="BS803" s="162"/>
      <c r="BT803" s="162"/>
      <c r="BU803" s="162"/>
      <c r="BV803" s="162"/>
      <c r="BW803" s="162"/>
      <c r="BX803" s="162"/>
      <c r="BY803" s="162"/>
      <c r="BZ803" s="162"/>
      <c r="CA803" s="162"/>
      <c r="CB803" s="162"/>
      <c r="CC803" s="162"/>
      <c r="CD803" s="162"/>
      <c r="CE803" s="162"/>
      <c r="CF803" s="162"/>
      <c r="CG803" s="162"/>
      <c r="CH803" s="162"/>
      <c r="CI803" s="162"/>
      <c r="CJ803" s="162"/>
      <c r="CK803" s="162"/>
      <c r="CX803" s="98"/>
      <c r="DL803" s="97"/>
      <c r="DX803" s="98"/>
      <c r="EL803" s="97"/>
      <c r="EX803" s="98"/>
      <c r="EY803" s="97"/>
      <c r="FL803" s="126"/>
      <c r="FM803" s="91"/>
      <c r="FN803" s="91"/>
      <c r="FO803" s="91"/>
      <c r="FP803" s="91"/>
      <c r="FQ803" s="91"/>
      <c r="FR803" s="91"/>
      <c r="FS803" s="91"/>
      <c r="FT803" s="91"/>
      <c r="FU803" s="91"/>
      <c r="FV803" s="91"/>
      <c r="FW803" s="91"/>
      <c r="FX803" s="91"/>
      <c r="FY803" s="91"/>
      <c r="FZ803" s="91"/>
      <c r="GA803" s="91"/>
      <c r="GB803" s="91"/>
      <c r="GC803" s="91"/>
      <c r="GD803" s="91"/>
      <c r="GE803" s="91"/>
      <c r="GF803" s="91"/>
      <c r="GG803" s="91"/>
      <c r="GH803" s="91"/>
      <c r="GI803" s="91"/>
      <c r="GJ803" s="91"/>
      <c r="GK803" s="127"/>
      <c r="GL803" s="126"/>
      <c r="GM803" s="91"/>
      <c r="GN803" s="91"/>
      <c r="GO803" s="91"/>
      <c r="GP803" s="91"/>
      <c r="GQ803" s="91"/>
      <c r="GR803" s="91"/>
      <c r="GS803" s="91"/>
      <c r="GT803" s="91"/>
      <c r="GU803" s="91"/>
      <c r="GV803" s="91"/>
      <c r="GW803" s="91"/>
      <c r="GX803" s="91"/>
      <c r="GY803" s="91"/>
      <c r="GZ803" s="91"/>
      <c r="HA803" s="91"/>
      <c r="HB803" s="91"/>
      <c r="HC803" s="91"/>
      <c r="HD803" s="91"/>
      <c r="HE803" s="91"/>
      <c r="HF803" s="91"/>
      <c r="HG803" s="91"/>
      <c r="HH803" s="91"/>
      <c r="HI803" s="91"/>
      <c r="HJ803" s="91"/>
      <c r="HK803" s="127"/>
      <c r="HL803" s="126"/>
      <c r="HM803" s="91"/>
      <c r="HN803" s="91"/>
      <c r="HO803" s="91"/>
      <c r="HP803" s="91"/>
      <c r="HQ803" s="91"/>
      <c r="HR803" s="91"/>
      <c r="HS803" s="91"/>
      <c r="HT803" s="91"/>
      <c r="HU803" s="91"/>
      <c r="HV803" s="91"/>
      <c r="HW803" s="91"/>
      <c r="HX803" s="91"/>
      <c r="HY803" s="91"/>
      <c r="HZ803" s="91"/>
      <c r="IA803" s="91"/>
      <c r="IB803" s="91"/>
      <c r="IC803" s="91"/>
      <c r="ID803" s="91"/>
      <c r="IE803" s="91"/>
      <c r="IF803" s="91"/>
      <c r="IG803" s="91"/>
      <c r="IH803" s="91"/>
      <c r="II803" s="91"/>
      <c r="IJ803" s="91"/>
      <c r="IK803" s="127"/>
    </row>
    <row r="804" spans="2:245" x14ac:dyDescent="0.2">
      <c r="B804" s="43"/>
      <c r="C804" s="73"/>
      <c r="D804" s="64"/>
      <c r="E804" s="64"/>
      <c r="F804" s="55"/>
      <c r="G804" s="102"/>
      <c r="H804" s="55"/>
      <c r="I804" s="55"/>
      <c r="J804" s="55"/>
      <c r="K804" s="55"/>
      <c r="L804" s="55"/>
      <c r="M804" s="55"/>
      <c r="N804" s="55"/>
      <c r="O804" s="55"/>
      <c r="P804" s="55"/>
      <c r="Q804" s="55"/>
      <c r="R804" s="55"/>
      <c r="S804" s="55"/>
      <c r="T804" s="55"/>
      <c r="U804" s="55"/>
      <c r="V804" s="55"/>
      <c r="W804" s="55"/>
      <c r="X804" s="55"/>
      <c r="Y804" s="55"/>
      <c r="Z804" s="55"/>
      <c r="AA804" s="55"/>
      <c r="AB804" s="55"/>
      <c r="AC804" s="55"/>
      <c r="AD804" s="55"/>
      <c r="AE804" s="55"/>
      <c r="AF804" s="55"/>
      <c r="AG804" s="55"/>
      <c r="AY804" s="162"/>
      <c r="AZ804" s="162"/>
      <c r="BA804" s="162"/>
      <c r="BB804" s="162"/>
      <c r="BC804" s="162"/>
      <c r="BD804" s="162"/>
      <c r="BE804" s="162"/>
      <c r="BF804" s="162"/>
      <c r="BG804" s="162"/>
      <c r="BH804" s="162"/>
      <c r="BI804" s="162"/>
      <c r="BJ804" s="162"/>
      <c r="BK804" s="162"/>
      <c r="BL804" s="162"/>
      <c r="BM804" s="162"/>
      <c r="BN804" s="162"/>
      <c r="BO804" s="162"/>
      <c r="BP804" s="162"/>
      <c r="BQ804" s="162"/>
      <c r="BR804" s="162"/>
      <c r="BS804" s="162"/>
      <c r="BT804" s="162"/>
      <c r="BU804" s="162"/>
      <c r="BV804" s="162"/>
      <c r="BW804" s="162"/>
      <c r="BX804" s="162"/>
      <c r="BY804" s="162"/>
      <c r="BZ804" s="162"/>
      <c r="CA804" s="162"/>
      <c r="CB804" s="162"/>
      <c r="CC804" s="162"/>
      <c r="CD804" s="162"/>
      <c r="CE804" s="162"/>
      <c r="CF804" s="162"/>
      <c r="CG804" s="162"/>
      <c r="CH804" s="162"/>
      <c r="CI804" s="162"/>
      <c r="CJ804" s="162"/>
      <c r="CK804" s="162"/>
      <c r="CX804" s="98"/>
      <c r="DL804" s="97"/>
      <c r="DX804" s="98"/>
      <c r="EL804" s="97"/>
      <c r="EX804" s="98"/>
      <c r="EY804" s="97"/>
      <c r="FL804" s="126"/>
      <c r="FM804" s="91"/>
      <c r="FN804" s="91"/>
      <c r="FO804" s="91"/>
      <c r="FP804" s="91"/>
      <c r="FQ804" s="91"/>
      <c r="FR804" s="91"/>
      <c r="FS804" s="91"/>
      <c r="FT804" s="91"/>
      <c r="FU804" s="91"/>
      <c r="FV804" s="91"/>
      <c r="FW804" s="91"/>
      <c r="FX804" s="91"/>
      <c r="FY804" s="91"/>
      <c r="FZ804" s="91"/>
      <c r="GA804" s="91"/>
      <c r="GB804" s="91"/>
      <c r="GC804" s="91"/>
      <c r="GD804" s="91"/>
      <c r="GE804" s="91"/>
      <c r="GF804" s="91"/>
      <c r="GG804" s="91"/>
      <c r="GH804" s="91"/>
      <c r="GI804" s="91"/>
      <c r="GJ804" s="91"/>
      <c r="GK804" s="127"/>
      <c r="GL804" s="126"/>
      <c r="GM804" s="91"/>
      <c r="GN804" s="91"/>
      <c r="GO804" s="91"/>
      <c r="GP804" s="91"/>
      <c r="GQ804" s="91"/>
      <c r="GR804" s="91"/>
      <c r="GS804" s="91"/>
      <c r="GT804" s="91"/>
      <c r="GU804" s="91"/>
      <c r="GV804" s="91"/>
      <c r="GW804" s="91"/>
      <c r="GX804" s="91"/>
      <c r="GY804" s="91"/>
      <c r="GZ804" s="91"/>
      <c r="HA804" s="91"/>
      <c r="HB804" s="91"/>
      <c r="HC804" s="91"/>
      <c r="HD804" s="91"/>
      <c r="HE804" s="91"/>
      <c r="HF804" s="91"/>
      <c r="HG804" s="91"/>
      <c r="HH804" s="91"/>
      <c r="HI804" s="91"/>
      <c r="HJ804" s="91"/>
      <c r="HK804" s="127"/>
      <c r="HL804" s="126"/>
      <c r="HM804" s="91"/>
      <c r="HN804" s="91"/>
      <c r="HO804" s="91"/>
      <c r="HP804" s="91"/>
      <c r="HQ804" s="91"/>
      <c r="HR804" s="91"/>
      <c r="HS804" s="91"/>
      <c r="HT804" s="91"/>
      <c r="HU804" s="91"/>
      <c r="HV804" s="91"/>
      <c r="HW804" s="91"/>
      <c r="HX804" s="91"/>
      <c r="HY804" s="91"/>
      <c r="HZ804" s="91"/>
      <c r="IA804" s="91"/>
      <c r="IB804" s="91"/>
      <c r="IC804" s="91"/>
      <c r="ID804" s="91"/>
      <c r="IE804" s="91"/>
      <c r="IF804" s="91"/>
      <c r="IG804" s="91"/>
      <c r="IH804" s="91"/>
      <c r="II804" s="91"/>
      <c r="IJ804" s="91"/>
      <c r="IK804" s="127"/>
    </row>
    <row r="805" spans="2:245" x14ac:dyDescent="0.2">
      <c r="B805" s="43"/>
      <c r="C805" s="73"/>
      <c r="D805" s="64"/>
      <c r="E805" s="64"/>
      <c r="F805" s="55"/>
      <c r="G805" s="102"/>
      <c r="H805" s="55"/>
      <c r="I805" s="55"/>
      <c r="J805" s="55"/>
      <c r="K805" s="55"/>
      <c r="L805" s="55"/>
      <c r="M805" s="55"/>
      <c r="N805" s="55"/>
      <c r="O805" s="55"/>
      <c r="P805" s="55"/>
      <c r="Q805" s="55"/>
      <c r="R805" s="55"/>
      <c r="S805" s="55"/>
      <c r="T805" s="55"/>
      <c r="U805" s="55"/>
      <c r="V805" s="55"/>
      <c r="W805" s="55"/>
      <c r="X805" s="55"/>
      <c r="Y805" s="55"/>
      <c r="Z805" s="55"/>
      <c r="AA805" s="55"/>
      <c r="AB805" s="55"/>
      <c r="AC805" s="55"/>
      <c r="AD805" s="55"/>
      <c r="AE805" s="55"/>
      <c r="AF805" s="55"/>
      <c r="AG805" s="55"/>
      <c r="AY805" s="162"/>
      <c r="AZ805" s="162"/>
      <c r="BA805" s="162"/>
      <c r="BB805" s="162"/>
      <c r="BC805" s="162"/>
      <c r="BD805" s="162"/>
      <c r="BE805" s="162"/>
      <c r="BF805" s="162"/>
      <c r="BG805" s="162"/>
      <c r="BH805" s="162"/>
      <c r="BI805" s="162"/>
      <c r="BJ805" s="162"/>
      <c r="BK805" s="162"/>
      <c r="BL805" s="162"/>
      <c r="BM805" s="162"/>
      <c r="BN805" s="162"/>
      <c r="BO805" s="162"/>
      <c r="BP805" s="162"/>
      <c r="BQ805" s="162"/>
      <c r="BR805" s="162"/>
      <c r="BS805" s="162"/>
      <c r="BT805" s="162"/>
      <c r="BU805" s="162"/>
      <c r="BV805" s="162"/>
      <c r="BW805" s="162"/>
      <c r="BX805" s="162"/>
      <c r="BY805" s="162"/>
      <c r="BZ805" s="162"/>
      <c r="CA805" s="162"/>
      <c r="CB805" s="162"/>
      <c r="CC805" s="162"/>
      <c r="CD805" s="162"/>
      <c r="CE805" s="162"/>
      <c r="CF805" s="162"/>
      <c r="CG805" s="162"/>
      <c r="CH805" s="162"/>
      <c r="CI805" s="162"/>
      <c r="CJ805" s="162"/>
      <c r="CK805" s="162"/>
      <c r="CX805" s="98"/>
      <c r="DL805" s="97"/>
      <c r="DX805" s="98"/>
      <c r="EL805" s="97"/>
      <c r="EX805" s="98"/>
      <c r="EY805" s="97"/>
      <c r="FL805" s="126"/>
      <c r="FM805" s="91"/>
      <c r="FN805" s="91"/>
      <c r="FO805" s="91"/>
      <c r="FP805" s="91"/>
      <c r="FQ805" s="91"/>
      <c r="FR805" s="91"/>
      <c r="FS805" s="91"/>
      <c r="FT805" s="91"/>
      <c r="FU805" s="91"/>
      <c r="FV805" s="91"/>
      <c r="FW805" s="91"/>
      <c r="FX805" s="91"/>
      <c r="FY805" s="91"/>
      <c r="FZ805" s="91"/>
      <c r="GA805" s="91"/>
      <c r="GB805" s="91"/>
      <c r="GC805" s="91"/>
      <c r="GD805" s="91"/>
      <c r="GE805" s="91"/>
      <c r="GF805" s="91"/>
      <c r="GG805" s="91"/>
      <c r="GH805" s="91"/>
      <c r="GI805" s="91"/>
      <c r="GJ805" s="91"/>
      <c r="GK805" s="127"/>
      <c r="GL805" s="126"/>
      <c r="GM805" s="91"/>
      <c r="GN805" s="91"/>
      <c r="GO805" s="91"/>
      <c r="GP805" s="91"/>
      <c r="GQ805" s="91"/>
      <c r="GR805" s="91"/>
      <c r="GS805" s="91"/>
      <c r="GT805" s="91"/>
      <c r="GU805" s="91"/>
      <c r="GV805" s="91"/>
      <c r="GW805" s="91"/>
      <c r="GX805" s="91"/>
      <c r="GY805" s="91"/>
      <c r="GZ805" s="91"/>
      <c r="HA805" s="91"/>
      <c r="HB805" s="91"/>
      <c r="HC805" s="91"/>
      <c r="HD805" s="91"/>
      <c r="HE805" s="91"/>
      <c r="HF805" s="91"/>
      <c r="HG805" s="91"/>
      <c r="HH805" s="91"/>
      <c r="HI805" s="91"/>
      <c r="HJ805" s="91"/>
      <c r="HK805" s="127"/>
      <c r="HL805" s="126"/>
      <c r="HM805" s="91"/>
      <c r="HN805" s="91"/>
      <c r="HO805" s="91"/>
      <c r="HP805" s="91"/>
      <c r="HQ805" s="91"/>
      <c r="HR805" s="91"/>
      <c r="HS805" s="91"/>
      <c r="HT805" s="91"/>
      <c r="HU805" s="91"/>
      <c r="HV805" s="91"/>
      <c r="HW805" s="91"/>
      <c r="HX805" s="91"/>
      <c r="HY805" s="91"/>
      <c r="HZ805" s="91"/>
      <c r="IA805" s="91"/>
      <c r="IB805" s="91"/>
      <c r="IC805" s="91"/>
      <c r="ID805" s="91"/>
      <c r="IE805" s="91"/>
      <c r="IF805" s="91"/>
      <c r="IG805" s="91"/>
      <c r="IH805" s="91"/>
      <c r="II805" s="91"/>
      <c r="IJ805" s="91"/>
      <c r="IK805" s="127"/>
    </row>
    <row r="806" spans="2:245" x14ac:dyDescent="0.2">
      <c r="B806" s="43"/>
      <c r="C806" s="73"/>
      <c r="D806" s="64"/>
      <c r="E806" s="64"/>
      <c r="F806" s="55"/>
      <c r="G806" s="102"/>
      <c r="H806" s="55"/>
      <c r="I806" s="55"/>
      <c r="J806" s="55"/>
      <c r="K806" s="55"/>
      <c r="L806" s="55"/>
      <c r="M806" s="55"/>
      <c r="N806" s="55"/>
      <c r="O806" s="55"/>
      <c r="P806" s="55"/>
      <c r="Q806" s="55"/>
      <c r="R806" s="55"/>
      <c r="S806" s="55"/>
      <c r="T806" s="55"/>
      <c r="U806" s="55"/>
      <c r="V806" s="55"/>
      <c r="W806" s="55"/>
      <c r="X806" s="55"/>
      <c r="Y806" s="55"/>
      <c r="Z806" s="55"/>
      <c r="AA806" s="55"/>
      <c r="AB806" s="55"/>
      <c r="AC806" s="55"/>
      <c r="AD806" s="55"/>
      <c r="AE806" s="55"/>
      <c r="AF806" s="55"/>
      <c r="AG806" s="55"/>
      <c r="AY806" s="162"/>
      <c r="AZ806" s="162"/>
      <c r="BA806" s="162"/>
      <c r="BB806" s="162"/>
      <c r="BC806" s="162"/>
      <c r="BD806" s="162"/>
      <c r="BE806" s="162"/>
      <c r="BF806" s="162"/>
      <c r="BG806" s="162"/>
      <c r="BH806" s="162"/>
      <c r="BI806" s="162"/>
      <c r="BJ806" s="162"/>
      <c r="BK806" s="162"/>
      <c r="BL806" s="162"/>
      <c r="BM806" s="162"/>
      <c r="BN806" s="162"/>
      <c r="BO806" s="162"/>
      <c r="BP806" s="162"/>
      <c r="BQ806" s="162"/>
      <c r="BR806" s="162"/>
      <c r="BS806" s="162"/>
      <c r="BT806" s="162"/>
      <c r="BU806" s="162"/>
      <c r="BV806" s="162"/>
      <c r="BW806" s="162"/>
      <c r="BX806" s="162"/>
      <c r="BY806" s="162"/>
      <c r="BZ806" s="162"/>
      <c r="CA806" s="162"/>
      <c r="CB806" s="162"/>
      <c r="CC806" s="162"/>
      <c r="CD806" s="162"/>
      <c r="CE806" s="162"/>
      <c r="CF806" s="162"/>
      <c r="CG806" s="162"/>
      <c r="CH806" s="162"/>
      <c r="CI806" s="162"/>
      <c r="CJ806" s="162"/>
      <c r="CK806" s="162"/>
      <c r="CX806" s="98"/>
      <c r="DL806" s="97"/>
      <c r="DX806" s="98"/>
      <c r="EL806" s="97"/>
      <c r="EX806" s="98"/>
      <c r="EY806" s="97"/>
      <c r="FL806" s="126"/>
      <c r="FM806" s="91"/>
      <c r="FN806" s="91"/>
      <c r="FO806" s="91"/>
      <c r="FP806" s="91"/>
      <c r="FQ806" s="91"/>
      <c r="FR806" s="91"/>
      <c r="FS806" s="91"/>
      <c r="FT806" s="91"/>
      <c r="FU806" s="91"/>
      <c r="FV806" s="91"/>
      <c r="FW806" s="91"/>
      <c r="FX806" s="91"/>
      <c r="FY806" s="91"/>
      <c r="FZ806" s="91"/>
      <c r="GA806" s="91"/>
      <c r="GB806" s="91"/>
      <c r="GC806" s="91"/>
      <c r="GD806" s="91"/>
      <c r="GE806" s="91"/>
      <c r="GF806" s="91"/>
      <c r="GG806" s="91"/>
      <c r="GH806" s="91"/>
      <c r="GI806" s="91"/>
      <c r="GJ806" s="91"/>
      <c r="GK806" s="127"/>
      <c r="GL806" s="126"/>
      <c r="GM806" s="91"/>
      <c r="GN806" s="91"/>
      <c r="GO806" s="91"/>
      <c r="GP806" s="91"/>
      <c r="GQ806" s="91"/>
      <c r="GR806" s="91"/>
      <c r="GS806" s="91"/>
      <c r="GT806" s="91"/>
      <c r="GU806" s="91"/>
      <c r="GV806" s="91"/>
      <c r="GW806" s="91"/>
      <c r="GX806" s="91"/>
      <c r="GY806" s="91"/>
      <c r="GZ806" s="91"/>
      <c r="HA806" s="91"/>
      <c r="HB806" s="91"/>
      <c r="HC806" s="91"/>
      <c r="HD806" s="91"/>
      <c r="HE806" s="91"/>
      <c r="HF806" s="91"/>
      <c r="HG806" s="91"/>
      <c r="HH806" s="91"/>
      <c r="HI806" s="91"/>
      <c r="HJ806" s="91"/>
      <c r="HK806" s="127"/>
      <c r="HL806" s="126"/>
      <c r="HM806" s="91"/>
      <c r="HN806" s="91"/>
      <c r="HO806" s="91"/>
      <c r="HP806" s="91"/>
      <c r="HQ806" s="91"/>
      <c r="HR806" s="91"/>
      <c r="HS806" s="91"/>
      <c r="HT806" s="91"/>
      <c r="HU806" s="91"/>
      <c r="HV806" s="91"/>
      <c r="HW806" s="91"/>
      <c r="HX806" s="91"/>
      <c r="HY806" s="91"/>
      <c r="HZ806" s="91"/>
      <c r="IA806" s="91"/>
      <c r="IB806" s="91"/>
      <c r="IC806" s="91"/>
      <c r="ID806" s="91"/>
      <c r="IE806" s="91"/>
      <c r="IF806" s="91"/>
      <c r="IG806" s="91"/>
      <c r="IH806" s="91"/>
      <c r="II806" s="91"/>
      <c r="IJ806" s="91"/>
      <c r="IK806" s="127"/>
    </row>
    <row r="807" spans="2:245" x14ac:dyDescent="0.2">
      <c r="B807" s="43"/>
      <c r="C807" s="73"/>
      <c r="D807" s="64"/>
      <c r="E807" s="64"/>
      <c r="F807" s="55"/>
      <c r="G807" s="102"/>
      <c r="H807" s="55"/>
      <c r="I807" s="55"/>
      <c r="J807" s="55"/>
      <c r="K807" s="55"/>
      <c r="L807" s="55"/>
      <c r="M807" s="55"/>
      <c r="N807" s="55"/>
      <c r="O807" s="55"/>
      <c r="P807" s="55"/>
      <c r="Q807" s="55"/>
      <c r="R807" s="55"/>
      <c r="S807" s="55"/>
      <c r="T807" s="55"/>
      <c r="U807" s="55"/>
      <c r="V807" s="55"/>
      <c r="W807" s="55"/>
      <c r="X807" s="55"/>
      <c r="Y807" s="55"/>
      <c r="Z807" s="55"/>
      <c r="AA807" s="55"/>
      <c r="AB807" s="55"/>
      <c r="AC807" s="55"/>
      <c r="AD807" s="55"/>
      <c r="AE807" s="55"/>
      <c r="AF807" s="55"/>
      <c r="AG807" s="55"/>
      <c r="AY807" s="162"/>
      <c r="AZ807" s="162"/>
      <c r="BA807" s="162"/>
      <c r="BB807" s="162"/>
      <c r="BC807" s="162"/>
      <c r="BD807" s="162"/>
      <c r="BE807" s="162"/>
      <c r="BF807" s="162"/>
      <c r="BG807" s="162"/>
      <c r="BH807" s="162"/>
      <c r="BI807" s="162"/>
      <c r="BJ807" s="162"/>
      <c r="BK807" s="162"/>
      <c r="BL807" s="162"/>
      <c r="BM807" s="162"/>
      <c r="BN807" s="162"/>
      <c r="BO807" s="162"/>
      <c r="BP807" s="162"/>
      <c r="BQ807" s="162"/>
      <c r="BR807" s="162"/>
      <c r="BS807" s="162"/>
      <c r="BT807" s="162"/>
      <c r="BU807" s="162"/>
      <c r="BV807" s="162"/>
      <c r="BW807" s="162"/>
      <c r="BX807" s="162"/>
      <c r="BY807" s="162"/>
      <c r="BZ807" s="162"/>
      <c r="CA807" s="162"/>
      <c r="CB807" s="162"/>
      <c r="CC807" s="162"/>
      <c r="CD807" s="162"/>
      <c r="CE807" s="162"/>
      <c r="CF807" s="162"/>
      <c r="CG807" s="162"/>
      <c r="CH807" s="162"/>
      <c r="CI807" s="162"/>
      <c r="CJ807" s="162"/>
      <c r="CK807" s="162"/>
      <c r="CX807" s="98"/>
      <c r="DL807" s="97"/>
      <c r="DX807" s="98"/>
      <c r="EL807" s="97"/>
      <c r="EX807" s="98"/>
      <c r="EY807" s="97"/>
      <c r="FL807" s="126"/>
      <c r="FM807" s="91"/>
      <c r="FN807" s="91"/>
      <c r="FO807" s="91"/>
      <c r="FP807" s="91"/>
      <c r="FQ807" s="91"/>
      <c r="FR807" s="91"/>
      <c r="FS807" s="91"/>
      <c r="FT807" s="91"/>
      <c r="FU807" s="91"/>
      <c r="FV807" s="91"/>
      <c r="FW807" s="91"/>
      <c r="FX807" s="91"/>
      <c r="FY807" s="91"/>
      <c r="FZ807" s="91"/>
      <c r="GA807" s="91"/>
      <c r="GB807" s="91"/>
      <c r="GC807" s="91"/>
      <c r="GD807" s="91"/>
      <c r="GE807" s="91"/>
      <c r="GF807" s="91"/>
      <c r="GG807" s="91"/>
      <c r="GH807" s="91"/>
      <c r="GI807" s="91"/>
      <c r="GJ807" s="91"/>
      <c r="GK807" s="127"/>
      <c r="GL807" s="126"/>
      <c r="GM807" s="91"/>
      <c r="GN807" s="91"/>
      <c r="GO807" s="91"/>
      <c r="GP807" s="91"/>
      <c r="GQ807" s="91"/>
      <c r="GR807" s="91"/>
      <c r="GS807" s="91"/>
      <c r="GT807" s="91"/>
      <c r="GU807" s="91"/>
      <c r="GV807" s="91"/>
      <c r="GW807" s="91"/>
      <c r="GX807" s="91"/>
      <c r="GY807" s="91"/>
      <c r="GZ807" s="91"/>
      <c r="HA807" s="91"/>
      <c r="HB807" s="91"/>
      <c r="HC807" s="91"/>
      <c r="HD807" s="91"/>
      <c r="HE807" s="91"/>
      <c r="HF807" s="91"/>
      <c r="HG807" s="91"/>
      <c r="HH807" s="91"/>
      <c r="HI807" s="91"/>
      <c r="HJ807" s="91"/>
      <c r="HK807" s="127"/>
      <c r="HL807" s="126"/>
      <c r="HM807" s="91"/>
      <c r="HN807" s="91"/>
      <c r="HO807" s="91"/>
      <c r="HP807" s="91"/>
      <c r="HQ807" s="91"/>
      <c r="HR807" s="91"/>
      <c r="HS807" s="91"/>
      <c r="HT807" s="91"/>
      <c r="HU807" s="91"/>
      <c r="HV807" s="91"/>
      <c r="HW807" s="91"/>
      <c r="HX807" s="91"/>
      <c r="HY807" s="91"/>
      <c r="HZ807" s="91"/>
      <c r="IA807" s="91"/>
      <c r="IB807" s="91"/>
      <c r="IC807" s="91"/>
      <c r="ID807" s="91"/>
      <c r="IE807" s="91"/>
      <c r="IF807" s="91"/>
      <c r="IG807" s="91"/>
      <c r="IH807" s="91"/>
      <c r="II807" s="91"/>
      <c r="IJ807" s="91"/>
      <c r="IK807" s="127"/>
    </row>
    <row r="808" spans="2:245" x14ac:dyDescent="0.2">
      <c r="B808" s="43"/>
      <c r="C808" s="73"/>
      <c r="D808" s="64"/>
      <c r="E808" s="64"/>
      <c r="F808" s="55"/>
      <c r="G808" s="102"/>
      <c r="H808" s="55"/>
      <c r="I808" s="55"/>
      <c r="J808" s="55"/>
      <c r="K808" s="55"/>
      <c r="L808" s="55"/>
      <c r="M808" s="55"/>
      <c r="N808" s="55"/>
      <c r="O808" s="55"/>
      <c r="P808" s="55"/>
      <c r="Q808" s="55"/>
      <c r="R808" s="55"/>
      <c r="S808" s="55"/>
      <c r="T808" s="55"/>
      <c r="U808" s="55"/>
      <c r="V808" s="55"/>
      <c r="W808" s="55"/>
      <c r="X808" s="55"/>
      <c r="Y808" s="55"/>
      <c r="Z808" s="55"/>
      <c r="AA808" s="55"/>
      <c r="AB808" s="55"/>
      <c r="AC808" s="55"/>
      <c r="AD808" s="55"/>
      <c r="AE808" s="55"/>
      <c r="AF808" s="55"/>
      <c r="AG808" s="55"/>
      <c r="AY808" s="162"/>
      <c r="AZ808" s="162"/>
      <c r="BA808" s="162"/>
      <c r="BB808" s="162"/>
      <c r="BC808" s="162"/>
      <c r="BD808" s="162"/>
      <c r="BE808" s="162"/>
      <c r="BF808" s="162"/>
      <c r="BG808" s="162"/>
      <c r="BH808" s="162"/>
      <c r="BI808" s="162"/>
      <c r="BJ808" s="162"/>
      <c r="BK808" s="162"/>
      <c r="BL808" s="162"/>
      <c r="BM808" s="162"/>
      <c r="BN808" s="162"/>
      <c r="BO808" s="162"/>
      <c r="BP808" s="162"/>
      <c r="BQ808" s="162"/>
      <c r="BR808" s="162"/>
      <c r="BS808" s="162"/>
      <c r="BT808" s="162"/>
      <c r="BU808" s="162"/>
      <c r="BV808" s="162"/>
      <c r="BW808" s="162"/>
      <c r="BX808" s="162"/>
      <c r="BY808" s="162"/>
      <c r="BZ808" s="162"/>
      <c r="CA808" s="162"/>
      <c r="CB808" s="162"/>
      <c r="CC808" s="162"/>
      <c r="CD808" s="162"/>
      <c r="CE808" s="162"/>
      <c r="CF808" s="162"/>
      <c r="CG808" s="162"/>
      <c r="CH808" s="162"/>
      <c r="CI808" s="162"/>
      <c r="CJ808" s="162"/>
      <c r="CK808" s="162"/>
      <c r="CX808" s="98"/>
      <c r="DL808" s="97"/>
      <c r="DX808" s="98"/>
      <c r="EL808" s="97"/>
      <c r="EX808" s="98"/>
      <c r="EY808" s="97"/>
      <c r="FL808" s="126"/>
      <c r="FM808" s="91"/>
      <c r="FN808" s="91"/>
      <c r="FO808" s="91"/>
      <c r="FP808" s="91"/>
      <c r="FQ808" s="91"/>
      <c r="FR808" s="91"/>
      <c r="FS808" s="91"/>
      <c r="FT808" s="91"/>
      <c r="FU808" s="91"/>
      <c r="FV808" s="91"/>
      <c r="FW808" s="91"/>
      <c r="FX808" s="91"/>
      <c r="FY808" s="91"/>
      <c r="FZ808" s="91"/>
      <c r="GA808" s="91"/>
      <c r="GB808" s="91"/>
      <c r="GC808" s="91"/>
      <c r="GD808" s="91"/>
      <c r="GE808" s="91"/>
      <c r="GF808" s="91"/>
      <c r="GG808" s="91"/>
      <c r="GH808" s="91"/>
      <c r="GI808" s="91"/>
      <c r="GJ808" s="91"/>
      <c r="GK808" s="127"/>
      <c r="GL808" s="126"/>
      <c r="GM808" s="91"/>
      <c r="GN808" s="91"/>
      <c r="GO808" s="91"/>
      <c r="GP808" s="91"/>
      <c r="GQ808" s="91"/>
      <c r="GR808" s="91"/>
      <c r="GS808" s="91"/>
      <c r="GT808" s="91"/>
      <c r="GU808" s="91"/>
      <c r="GV808" s="91"/>
      <c r="GW808" s="91"/>
      <c r="GX808" s="91"/>
      <c r="GY808" s="91"/>
      <c r="GZ808" s="91"/>
      <c r="HA808" s="91"/>
      <c r="HB808" s="91"/>
      <c r="HC808" s="91"/>
      <c r="HD808" s="91"/>
      <c r="HE808" s="91"/>
      <c r="HF808" s="91"/>
      <c r="HG808" s="91"/>
      <c r="HH808" s="91"/>
      <c r="HI808" s="91"/>
      <c r="HJ808" s="91"/>
      <c r="HK808" s="127"/>
      <c r="HL808" s="126"/>
      <c r="HM808" s="91"/>
      <c r="HN808" s="91"/>
      <c r="HO808" s="91"/>
      <c r="HP808" s="91"/>
      <c r="HQ808" s="91"/>
      <c r="HR808" s="91"/>
      <c r="HS808" s="91"/>
      <c r="HT808" s="91"/>
      <c r="HU808" s="91"/>
      <c r="HV808" s="91"/>
      <c r="HW808" s="91"/>
      <c r="HX808" s="91"/>
      <c r="HY808" s="91"/>
      <c r="HZ808" s="91"/>
      <c r="IA808" s="91"/>
      <c r="IB808" s="91"/>
      <c r="IC808" s="91"/>
      <c r="ID808" s="91"/>
      <c r="IE808" s="91"/>
      <c r="IF808" s="91"/>
      <c r="IG808" s="91"/>
      <c r="IH808" s="91"/>
      <c r="II808" s="91"/>
      <c r="IJ808" s="91"/>
      <c r="IK808" s="127"/>
    </row>
    <row r="809" spans="2:245" x14ac:dyDescent="0.2">
      <c r="B809" s="43"/>
      <c r="C809" s="73"/>
      <c r="D809" s="64"/>
      <c r="E809" s="64"/>
      <c r="F809" s="55"/>
      <c r="G809" s="102"/>
      <c r="H809" s="55"/>
      <c r="I809" s="55"/>
      <c r="J809" s="55"/>
      <c r="K809" s="55"/>
      <c r="L809" s="55"/>
      <c r="M809" s="55"/>
      <c r="N809" s="55"/>
      <c r="O809" s="55"/>
      <c r="P809" s="55"/>
      <c r="Q809" s="55"/>
      <c r="R809" s="55"/>
      <c r="S809" s="55"/>
      <c r="T809" s="55"/>
      <c r="U809" s="55"/>
      <c r="V809" s="55"/>
      <c r="W809" s="55"/>
      <c r="X809" s="55"/>
      <c r="Y809" s="55"/>
      <c r="Z809" s="55"/>
      <c r="AA809" s="55"/>
      <c r="AB809" s="55"/>
      <c r="AC809" s="55"/>
      <c r="AD809" s="55"/>
      <c r="AE809" s="55"/>
      <c r="AF809" s="55"/>
      <c r="AG809" s="55"/>
      <c r="AY809" s="162"/>
      <c r="AZ809" s="162"/>
      <c r="BA809" s="162"/>
      <c r="BB809" s="162"/>
      <c r="BC809" s="162"/>
      <c r="BD809" s="162"/>
      <c r="BE809" s="162"/>
      <c r="BF809" s="162"/>
      <c r="BG809" s="162"/>
      <c r="BH809" s="162"/>
      <c r="BI809" s="162"/>
      <c r="BJ809" s="162"/>
      <c r="BK809" s="162"/>
      <c r="BL809" s="162"/>
      <c r="BM809" s="162"/>
      <c r="BN809" s="162"/>
      <c r="BO809" s="162"/>
      <c r="BP809" s="162"/>
      <c r="BQ809" s="162"/>
      <c r="BR809" s="162"/>
      <c r="BS809" s="162"/>
      <c r="BT809" s="162"/>
      <c r="BU809" s="162"/>
      <c r="BV809" s="162"/>
      <c r="BW809" s="162"/>
      <c r="BX809" s="162"/>
      <c r="BY809" s="162"/>
      <c r="BZ809" s="162"/>
      <c r="CA809" s="162"/>
      <c r="CB809" s="162"/>
      <c r="CC809" s="162"/>
      <c r="CD809" s="162"/>
      <c r="CE809" s="162"/>
      <c r="CF809" s="162"/>
      <c r="CG809" s="162"/>
      <c r="CH809" s="162"/>
      <c r="CI809" s="162"/>
      <c r="CJ809" s="162"/>
      <c r="CK809" s="162"/>
      <c r="CX809" s="98"/>
      <c r="DL809" s="97"/>
      <c r="DX809" s="98"/>
      <c r="EL809" s="97"/>
      <c r="EX809" s="98"/>
      <c r="EY809" s="97"/>
      <c r="FL809" s="126"/>
      <c r="FM809" s="91"/>
      <c r="FN809" s="91"/>
      <c r="FO809" s="91"/>
      <c r="FP809" s="91"/>
      <c r="FQ809" s="91"/>
      <c r="FR809" s="91"/>
      <c r="FS809" s="91"/>
      <c r="FT809" s="91"/>
      <c r="FU809" s="91"/>
      <c r="FV809" s="91"/>
      <c r="FW809" s="91"/>
      <c r="FX809" s="91"/>
      <c r="FY809" s="91"/>
      <c r="FZ809" s="91"/>
      <c r="GA809" s="91"/>
      <c r="GB809" s="91"/>
      <c r="GC809" s="91"/>
      <c r="GD809" s="91"/>
      <c r="GE809" s="91"/>
      <c r="GF809" s="91"/>
      <c r="GG809" s="91"/>
      <c r="GH809" s="91"/>
      <c r="GI809" s="91"/>
      <c r="GJ809" s="91"/>
      <c r="GK809" s="127"/>
      <c r="GL809" s="126"/>
      <c r="GM809" s="91"/>
      <c r="GN809" s="91"/>
      <c r="GO809" s="91"/>
      <c r="GP809" s="91"/>
      <c r="GQ809" s="91"/>
      <c r="GR809" s="91"/>
      <c r="GS809" s="91"/>
      <c r="GT809" s="91"/>
      <c r="GU809" s="91"/>
      <c r="GV809" s="91"/>
      <c r="GW809" s="91"/>
      <c r="GX809" s="91"/>
      <c r="GY809" s="91"/>
      <c r="GZ809" s="91"/>
      <c r="HA809" s="91"/>
      <c r="HB809" s="91"/>
      <c r="HC809" s="91"/>
      <c r="HD809" s="91"/>
      <c r="HE809" s="91"/>
      <c r="HF809" s="91"/>
      <c r="HG809" s="91"/>
      <c r="HH809" s="91"/>
      <c r="HI809" s="91"/>
      <c r="HJ809" s="91"/>
      <c r="HK809" s="127"/>
      <c r="HL809" s="126"/>
      <c r="HM809" s="91"/>
      <c r="HN809" s="91"/>
      <c r="HO809" s="91"/>
      <c r="HP809" s="91"/>
      <c r="HQ809" s="91"/>
      <c r="HR809" s="91"/>
      <c r="HS809" s="91"/>
      <c r="HT809" s="91"/>
      <c r="HU809" s="91"/>
      <c r="HV809" s="91"/>
      <c r="HW809" s="91"/>
      <c r="HX809" s="91"/>
      <c r="HY809" s="91"/>
      <c r="HZ809" s="91"/>
      <c r="IA809" s="91"/>
      <c r="IB809" s="91"/>
      <c r="IC809" s="91"/>
      <c r="ID809" s="91"/>
      <c r="IE809" s="91"/>
      <c r="IF809" s="91"/>
      <c r="IG809" s="91"/>
      <c r="IH809" s="91"/>
      <c r="II809" s="91"/>
      <c r="IJ809" s="91"/>
      <c r="IK809" s="127"/>
    </row>
    <row r="810" spans="2:245" ht="13.5" thickBot="1" x14ac:dyDescent="0.25">
      <c r="B810" s="43"/>
      <c r="C810" s="73"/>
      <c r="D810" s="64"/>
      <c r="E810" s="64"/>
      <c r="F810" s="55"/>
      <c r="G810" s="102"/>
      <c r="H810" s="55"/>
      <c r="I810" s="55"/>
      <c r="J810" s="55"/>
      <c r="K810" s="55"/>
      <c r="L810" s="55"/>
      <c r="M810" s="55"/>
      <c r="N810" s="55"/>
      <c r="O810" s="55"/>
      <c r="P810" s="55"/>
      <c r="Q810" s="55"/>
      <c r="R810" s="55"/>
      <c r="S810" s="55"/>
      <c r="T810" s="55"/>
      <c r="U810" s="55"/>
      <c r="V810" s="55"/>
      <c r="W810" s="55"/>
      <c r="X810" s="55"/>
      <c r="Y810" s="55"/>
      <c r="Z810" s="55"/>
      <c r="AA810" s="55"/>
      <c r="AB810" s="55"/>
      <c r="AC810" s="55"/>
      <c r="AD810" s="55"/>
      <c r="AE810" s="55"/>
      <c r="AF810" s="55"/>
      <c r="AG810" s="55"/>
      <c r="AY810" s="162"/>
      <c r="AZ810" s="162"/>
      <c r="BA810" s="162"/>
      <c r="BB810" s="162"/>
      <c r="BC810" s="162"/>
      <c r="BD810" s="162"/>
      <c r="BE810" s="162"/>
      <c r="BF810" s="162"/>
      <c r="BG810" s="162"/>
      <c r="BH810" s="162"/>
      <c r="BI810" s="162"/>
      <c r="BJ810" s="162"/>
      <c r="BK810" s="162"/>
      <c r="BL810" s="162"/>
      <c r="BM810" s="162"/>
      <c r="BN810" s="162"/>
      <c r="BO810" s="162"/>
      <c r="BP810" s="162"/>
      <c r="BQ810" s="162"/>
      <c r="BR810" s="162"/>
      <c r="BS810" s="162"/>
      <c r="BT810" s="162"/>
      <c r="BU810" s="162"/>
      <c r="BV810" s="162"/>
      <c r="BW810" s="162"/>
      <c r="BX810" s="162"/>
      <c r="BY810" s="162"/>
      <c r="BZ810" s="162"/>
      <c r="CA810" s="162"/>
      <c r="CB810" s="162"/>
      <c r="CC810" s="162"/>
      <c r="CD810" s="162"/>
      <c r="CE810" s="162"/>
      <c r="CF810" s="162"/>
      <c r="CG810" s="162"/>
      <c r="CH810" s="162"/>
      <c r="CI810" s="162"/>
      <c r="CJ810" s="162"/>
      <c r="CK810" s="162"/>
      <c r="CX810" s="98"/>
      <c r="DL810" s="97"/>
      <c r="DX810" s="98"/>
      <c r="EL810" s="97"/>
      <c r="EX810" s="98"/>
      <c r="EY810" s="97"/>
      <c r="FL810" s="126"/>
      <c r="FM810" s="91"/>
      <c r="FN810" s="91"/>
      <c r="FO810" s="91"/>
      <c r="FP810" s="91"/>
      <c r="FQ810" s="91"/>
      <c r="FR810" s="91"/>
      <c r="FS810" s="91"/>
      <c r="FT810" s="91"/>
      <c r="FU810" s="91"/>
      <c r="FV810" s="91"/>
      <c r="FW810" s="91"/>
      <c r="FX810" s="91"/>
      <c r="FY810" s="91"/>
      <c r="FZ810" s="91"/>
      <c r="GA810" s="91"/>
      <c r="GB810" s="91"/>
      <c r="GC810" s="91"/>
      <c r="GD810" s="91"/>
      <c r="GE810" s="91"/>
      <c r="GF810" s="91"/>
      <c r="GG810" s="91"/>
      <c r="GH810" s="91"/>
      <c r="GI810" s="91"/>
      <c r="GJ810" s="91"/>
      <c r="GK810" s="127"/>
      <c r="GL810" s="126"/>
      <c r="GM810" s="91"/>
      <c r="GN810" s="91"/>
      <c r="GO810" s="91"/>
      <c r="GP810" s="91"/>
      <c r="GQ810" s="91"/>
      <c r="GR810" s="91"/>
      <c r="GS810" s="91"/>
      <c r="GT810" s="91"/>
      <c r="GU810" s="91"/>
      <c r="GV810" s="91"/>
      <c r="GW810" s="91"/>
      <c r="GX810" s="91"/>
      <c r="GY810" s="91"/>
      <c r="GZ810" s="91"/>
      <c r="HA810" s="91"/>
      <c r="HB810" s="91"/>
      <c r="HC810" s="91"/>
      <c r="HD810" s="91"/>
      <c r="HE810" s="91"/>
      <c r="HF810" s="91"/>
      <c r="HG810" s="91"/>
      <c r="HH810" s="91"/>
      <c r="HI810" s="91"/>
      <c r="HJ810" s="91"/>
      <c r="HK810" s="127"/>
      <c r="HL810" s="126"/>
      <c r="HM810" s="91"/>
      <c r="HN810" s="91"/>
      <c r="HO810" s="91"/>
      <c r="HP810" s="91"/>
      <c r="HQ810" s="91"/>
      <c r="HR810" s="91"/>
      <c r="HS810" s="91"/>
      <c r="HT810" s="91"/>
      <c r="HU810" s="91"/>
      <c r="HV810" s="91"/>
      <c r="HW810" s="91"/>
      <c r="HX810" s="91"/>
      <c r="HY810" s="91"/>
      <c r="HZ810" s="91"/>
      <c r="IA810" s="91"/>
      <c r="IB810" s="91"/>
      <c r="IC810" s="91"/>
      <c r="ID810" s="91"/>
      <c r="IE810" s="91"/>
      <c r="IF810" s="91"/>
      <c r="IG810" s="91"/>
      <c r="IH810" s="91"/>
      <c r="II810" s="91"/>
      <c r="IJ810" s="91"/>
      <c r="IK810" s="127"/>
    </row>
    <row r="811" spans="2:245" x14ac:dyDescent="0.2">
      <c r="B811" s="43"/>
      <c r="C811" s="73"/>
      <c r="D811" s="64"/>
      <c r="E811" s="64"/>
      <c r="F811" s="55"/>
      <c r="G811" s="102"/>
      <c r="H811" s="55"/>
      <c r="I811" s="55"/>
      <c r="J811" s="55"/>
      <c r="K811" s="55"/>
      <c r="L811" s="55"/>
      <c r="M811" s="55"/>
      <c r="N811" s="55"/>
      <c r="O811" s="55"/>
      <c r="P811" s="55"/>
      <c r="Q811" s="55"/>
      <c r="R811" s="55"/>
      <c r="S811" s="55"/>
      <c r="T811" s="55"/>
      <c r="U811" s="55"/>
      <c r="V811" s="55"/>
      <c r="W811" s="55"/>
      <c r="X811" s="55"/>
      <c r="Y811" s="55"/>
      <c r="Z811" s="55"/>
      <c r="AA811" s="55"/>
      <c r="AB811" s="55"/>
      <c r="AC811" s="55"/>
      <c r="AD811" s="55"/>
      <c r="AE811" s="55"/>
      <c r="AF811" s="55"/>
      <c r="AG811" s="55"/>
      <c r="AY811" s="162"/>
      <c r="AZ811" s="162"/>
      <c r="BA811" s="162"/>
      <c r="BB811" s="162"/>
      <c r="BC811" s="162"/>
      <c r="BD811" s="162"/>
      <c r="BE811" s="162"/>
      <c r="BF811" s="162"/>
      <c r="BG811" s="162"/>
      <c r="BH811" s="162"/>
      <c r="BI811" s="162"/>
      <c r="BJ811" s="162"/>
      <c r="BK811" s="162"/>
      <c r="BL811" s="162"/>
      <c r="BM811" s="162"/>
      <c r="BN811" s="162"/>
      <c r="BO811" s="162"/>
      <c r="BP811" s="162"/>
      <c r="BQ811" s="162"/>
      <c r="BR811" s="162"/>
      <c r="BS811" s="162"/>
      <c r="BT811" s="162"/>
      <c r="BU811" s="162"/>
      <c r="BV811" s="162"/>
      <c r="BW811" s="162"/>
      <c r="BX811" s="162"/>
      <c r="BY811" s="162"/>
      <c r="BZ811" s="162"/>
      <c r="CA811" s="162"/>
      <c r="CB811" s="162"/>
      <c r="CC811" s="162"/>
      <c r="CD811" s="162"/>
      <c r="CE811" s="162"/>
      <c r="CF811" s="162"/>
      <c r="CG811" s="162"/>
      <c r="CH811" s="162"/>
      <c r="CI811" s="162"/>
      <c r="CJ811" s="162"/>
      <c r="CK811" s="162"/>
      <c r="CL811" s="163"/>
      <c r="CM811" s="163"/>
      <c r="CN811" s="163"/>
      <c r="CO811" s="163"/>
      <c r="CP811" s="163"/>
      <c r="CQ811" s="163"/>
      <c r="CR811" s="163"/>
      <c r="CS811" s="163"/>
      <c r="CT811" s="163"/>
      <c r="CU811" s="163"/>
      <c r="CV811" s="163"/>
      <c r="CW811" s="163"/>
      <c r="CX811" s="173"/>
      <c r="CY811" s="163"/>
      <c r="CZ811" s="163"/>
      <c r="DA811" s="163"/>
      <c r="DB811" s="163"/>
      <c r="DC811" s="163"/>
      <c r="DD811" s="163"/>
      <c r="DE811" s="163"/>
      <c r="DF811" s="163"/>
      <c r="DG811" s="163"/>
      <c r="DH811" s="163"/>
      <c r="DI811" s="163"/>
      <c r="DJ811" s="163"/>
      <c r="DK811" s="163"/>
      <c r="DL811" s="172"/>
      <c r="DM811" s="163"/>
      <c r="DN811" s="163"/>
      <c r="DO811" s="163"/>
      <c r="DP811" s="163"/>
      <c r="DQ811" s="163"/>
      <c r="DR811" s="163"/>
      <c r="DS811" s="163"/>
      <c r="DT811" s="163"/>
      <c r="DU811" s="163"/>
      <c r="DV811" s="163"/>
      <c r="DW811" s="163"/>
      <c r="DX811" s="173"/>
      <c r="DY811" s="163"/>
      <c r="DZ811" s="163"/>
      <c r="EA811" s="163"/>
      <c r="EB811" s="163"/>
      <c r="EC811" s="163"/>
      <c r="ED811" s="163"/>
      <c r="EE811" s="163"/>
      <c r="EF811" s="163"/>
      <c r="EG811" s="163"/>
      <c r="EH811" s="163"/>
      <c r="EI811" s="163"/>
      <c r="EJ811" s="163"/>
      <c r="EK811" s="163"/>
      <c r="EL811" s="172"/>
      <c r="EM811" s="163"/>
      <c r="EN811" s="163"/>
      <c r="EO811" s="163"/>
      <c r="EP811" s="163"/>
      <c r="EQ811" s="163"/>
      <c r="ER811" s="163"/>
      <c r="ES811" s="163"/>
      <c r="ET811" s="163"/>
      <c r="EU811" s="163"/>
      <c r="EV811" s="163"/>
      <c r="EW811" s="163"/>
      <c r="EX811" s="173"/>
      <c r="EY811" s="172"/>
      <c r="EZ811" s="163"/>
      <c r="FA811" s="163"/>
      <c r="FB811" s="163"/>
      <c r="FC811" s="163"/>
      <c r="FD811" s="163"/>
      <c r="FE811" s="163"/>
      <c r="FF811" s="163"/>
      <c r="FG811" s="163"/>
      <c r="FH811" s="163"/>
      <c r="FI811" s="163"/>
      <c r="FJ811" s="163"/>
      <c r="FK811" s="163"/>
      <c r="FL811" s="126"/>
      <c r="FM811" s="91"/>
      <c r="FN811" s="91"/>
      <c r="FO811" s="91"/>
      <c r="FP811" s="91"/>
      <c r="FQ811" s="91"/>
      <c r="FR811" s="91"/>
      <c r="FS811" s="91"/>
      <c r="FT811" s="91"/>
      <c r="FU811" s="91"/>
      <c r="FV811" s="91"/>
      <c r="FW811" s="91"/>
      <c r="FX811" s="91"/>
      <c r="FY811" s="91"/>
      <c r="FZ811" s="91"/>
      <c r="GA811" s="91"/>
      <c r="GB811" s="91"/>
      <c r="GC811" s="91"/>
      <c r="GD811" s="91"/>
      <c r="GE811" s="91"/>
      <c r="GF811" s="91"/>
      <c r="GG811" s="91"/>
      <c r="GH811" s="91"/>
      <c r="GI811" s="91"/>
      <c r="GJ811" s="91"/>
      <c r="GK811" s="127"/>
      <c r="GL811" s="126"/>
      <c r="GM811" s="91"/>
      <c r="GN811" s="91"/>
      <c r="GO811" s="91"/>
      <c r="GP811" s="91"/>
      <c r="GQ811" s="91"/>
      <c r="GR811" s="91"/>
      <c r="GS811" s="91"/>
      <c r="GT811" s="91"/>
      <c r="GU811" s="91"/>
      <c r="GV811" s="91"/>
      <c r="GW811" s="91"/>
      <c r="GX811" s="91"/>
      <c r="GY811" s="91"/>
      <c r="GZ811" s="91"/>
      <c r="HA811" s="91"/>
      <c r="HB811" s="91"/>
      <c r="HC811" s="91"/>
      <c r="HD811" s="91"/>
      <c r="HE811" s="91"/>
      <c r="HF811" s="91"/>
      <c r="HG811" s="91"/>
      <c r="HH811" s="91"/>
      <c r="HI811" s="91"/>
      <c r="HJ811" s="91"/>
      <c r="HK811" s="127"/>
      <c r="HL811" s="126"/>
      <c r="HM811" s="91"/>
      <c r="HN811" s="91"/>
      <c r="HO811" s="91"/>
      <c r="HP811" s="91"/>
      <c r="HQ811" s="91"/>
      <c r="HR811" s="91"/>
      <c r="HS811" s="91"/>
      <c r="HT811" s="91"/>
      <c r="HU811" s="91"/>
      <c r="HV811" s="91"/>
      <c r="HW811" s="91"/>
      <c r="HX811" s="91"/>
      <c r="HY811" s="91"/>
      <c r="HZ811" s="91"/>
      <c r="IA811" s="91"/>
      <c r="IB811" s="91"/>
      <c r="IC811" s="91"/>
      <c r="ID811" s="91"/>
      <c r="IE811" s="91"/>
      <c r="IF811" s="91"/>
      <c r="IG811" s="91"/>
      <c r="IH811" s="91"/>
      <c r="II811" s="91"/>
      <c r="IJ811" s="91"/>
      <c r="IK811" s="127"/>
    </row>
    <row r="812" spans="2:245" x14ac:dyDescent="0.2">
      <c r="B812" s="43"/>
      <c r="C812" s="73"/>
      <c r="D812" s="64"/>
      <c r="E812" s="64"/>
      <c r="F812" s="55"/>
      <c r="G812" s="102"/>
      <c r="H812" s="55"/>
      <c r="I812" s="55"/>
      <c r="J812" s="55"/>
      <c r="K812" s="55"/>
      <c r="L812" s="55"/>
      <c r="M812" s="55"/>
      <c r="N812" s="55"/>
      <c r="O812" s="55"/>
      <c r="P812" s="55"/>
      <c r="Q812" s="55"/>
      <c r="R812" s="55"/>
      <c r="S812" s="55"/>
      <c r="T812" s="55"/>
      <c r="U812" s="55"/>
      <c r="V812" s="55"/>
      <c r="W812" s="55"/>
      <c r="X812" s="55"/>
      <c r="Y812" s="55"/>
      <c r="Z812" s="55"/>
      <c r="AA812" s="55"/>
      <c r="AB812" s="55"/>
      <c r="AC812" s="55"/>
      <c r="AD812" s="55"/>
      <c r="AE812" s="55"/>
      <c r="AF812" s="55"/>
      <c r="AG812" s="55"/>
      <c r="AY812" s="162"/>
      <c r="AZ812" s="162"/>
      <c r="BA812" s="162"/>
      <c r="BB812" s="162"/>
      <c r="BC812" s="162"/>
      <c r="BD812" s="162"/>
      <c r="BE812" s="162"/>
      <c r="BF812" s="162"/>
      <c r="BG812" s="162"/>
      <c r="BH812" s="162"/>
      <c r="BI812" s="162"/>
      <c r="BJ812" s="162"/>
      <c r="BK812" s="162"/>
      <c r="BL812" s="162"/>
      <c r="BM812" s="162"/>
      <c r="BN812" s="162"/>
      <c r="BO812" s="162"/>
      <c r="BP812" s="162"/>
      <c r="BQ812" s="162"/>
      <c r="BR812" s="162"/>
      <c r="BS812" s="162"/>
      <c r="BT812" s="162"/>
      <c r="BU812" s="162"/>
      <c r="BV812" s="162"/>
      <c r="BW812" s="162"/>
      <c r="BX812" s="162"/>
      <c r="BY812" s="162"/>
      <c r="BZ812" s="162"/>
      <c r="CA812" s="162"/>
      <c r="CB812" s="162"/>
      <c r="CC812" s="162"/>
      <c r="CD812" s="162"/>
      <c r="CE812" s="162"/>
      <c r="CF812" s="162"/>
      <c r="CG812" s="162"/>
      <c r="CH812" s="162"/>
      <c r="CI812" s="162"/>
      <c r="CJ812" s="162"/>
      <c r="CK812" s="162"/>
      <c r="CX812" s="98"/>
      <c r="DL812" s="97"/>
      <c r="DX812" s="98"/>
      <c r="EL812" s="97"/>
      <c r="EX812" s="98"/>
      <c r="EY812" s="97"/>
      <c r="FL812" s="126"/>
      <c r="FM812" s="91"/>
      <c r="FN812" s="91"/>
      <c r="FO812" s="91"/>
      <c r="FP812" s="91"/>
      <c r="FQ812" s="91"/>
      <c r="FR812" s="91"/>
      <c r="FS812" s="91"/>
      <c r="FT812" s="91"/>
      <c r="FU812" s="91"/>
      <c r="FV812" s="91"/>
      <c r="FW812" s="91"/>
      <c r="FX812" s="91"/>
      <c r="FY812" s="91"/>
      <c r="FZ812" s="91"/>
      <c r="GA812" s="91"/>
      <c r="GB812" s="91"/>
      <c r="GC812" s="91"/>
      <c r="GD812" s="91"/>
      <c r="GE812" s="91"/>
      <c r="GF812" s="91"/>
      <c r="GG812" s="91"/>
      <c r="GH812" s="91"/>
      <c r="GI812" s="91"/>
      <c r="GJ812" s="91"/>
      <c r="GK812" s="127"/>
      <c r="GL812" s="126"/>
      <c r="GM812" s="91"/>
      <c r="GN812" s="91"/>
      <c r="GO812" s="91"/>
      <c r="GP812" s="91"/>
      <c r="GQ812" s="91"/>
      <c r="GR812" s="91"/>
      <c r="GS812" s="91"/>
      <c r="GT812" s="91"/>
      <c r="GU812" s="91"/>
      <c r="GV812" s="91"/>
      <c r="GW812" s="91"/>
      <c r="GX812" s="91"/>
      <c r="GY812" s="91"/>
      <c r="GZ812" s="91"/>
      <c r="HA812" s="91"/>
      <c r="HB812" s="91"/>
      <c r="HC812" s="91"/>
      <c r="HD812" s="91"/>
      <c r="HE812" s="91"/>
      <c r="HF812" s="91"/>
      <c r="HG812" s="91"/>
      <c r="HH812" s="91"/>
      <c r="HI812" s="91"/>
      <c r="HJ812" s="91"/>
      <c r="HK812" s="127"/>
      <c r="HL812" s="126"/>
      <c r="HM812" s="91"/>
      <c r="HN812" s="91"/>
      <c r="HO812" s="91"/>
      <c r="HP812" s="91"/>
      <c r="HQ812" s="91"/>
      <c r="HR812" s="91"/>
      <c r="HS812" s="91"/>
      <c r="HT812" s="91"/>
      <c r="HU812" s="91"/>
      <c r="HV812" s="91"/>
      <c r="HW812" s="91"/>
      <c r="HX812" s="91"/>
      <c r="HY812" s="91"/>
      <c r="HZ812" s="91"/>
      <c r="IA812" s="91"/>
      <c r="IB812" s="91"/>
      <c r="IC812" s="91"/>
      <c r="ID812" s="91"/>
      <c r="IE812" s="91"/>
      <c r="IF812" s="91"/>
      <c r="IG812" s="91"/>
      <c r="IH812" s="91"/>
      <c r="II812" s="91"/>
      <c r="IJ812" s="91"/>
      <c r="IK812" s="127"/>
    </row>
    <row r="813" spans="2:245" x14ac:dyDescent="0.2">
      <c r="B813" s="43"/>
      <c r="C813" s="73"/>
      <c r="D813" s="64"/>
      <c r="E813" s="64"/>
      <c r="F813" s="55"/>
      <c r="G813" s="102"/>
      <c r="H813" s="55"/>
      <c r="I813" s="55"/>
      <c r="J813" s="55"/>
      <c r="K813" s="55"/>
      <c r="L813" s="55"/>
      <c r="M813" s="55"/>
      <c r="N813" s="55"/>
      <c r="O813" s="55"/>
      <c r="P813" s="55"/>
      <c r="Q813" s="55"/>
      <c r="R813" s="55"/>
      <c r="S813" s="55"/>
      <c r="T813" s="55"/>
      <c r="U813" s="55"/>
      <c r="V813" s="55"/>
      <c r="W813" s="55"/>
      <c r="X813" s="55"/>
      <c r="Y813" s="55"/>
      <c r="Z813" s="55"/>
      <c r="AA813" s="55"/>
      <c r="AB813" s="55"/>
      <c r="AC813" s="55"/>
      <c r="AD813" s="55"/>
      <c r="AE813" s="55"/>
      <c r="AF813" s="55"/>
      <c r="AG813" s="55"/>
      <c r="AY813" s="162"/>
      <c r="AZ813" s="162"/>
      <c r="BA813" s="162"/>
      <c r="BB813" s="162"/>
      <c r="BC813" s="162"/>
      <c r="BD813" s="162"/>
      <c r="BE813" s="162"/>
      <c r="BF813" s="162"/>
      <c r="BG813" s="162"/>
      <c r="BH813" s="162"/>
      <c r="BI813" s="162"/>
      <c r="BJ813" s="162"/>
      <c r="BK813" s="162"/>
      <c r="BL813" s="162"/>
      <c r="BM813" s="162"/>
      <c r="BN813" s="162"/>
      <c r="BO813" s="162"/>
      <c r="BP813" s="162"/>
      <c r="BQ813" s="162"/>
      <c r="BR813" s="162"/>
      <c r="BS813" s="162"/>
      <c r="BT813" s="162"/>
      <c r="BU813" s="162"/>
      <c r="BV813" s="162"/>
      <c r="BW813" s="162"/>
      <c r="BX813" s="162"/>
      <c r="BY813" s="162"/>
      <c r="BZ813" s="162"/>
      <c r="CA813" s="162"/>
      <c r="CB813" s="162"/>
      <c r="CC813" s="162"/>
      <c r="CD813" s="162"/>
      <c r="CE813" s="162"/>
      <c r="CF813" s="162"/>
      <c r="CG813" s="162"/>
      <c r="CH813" s="162"/>
      <c r="CI813" s="162"/>
      <c r="CJ813" s="162"/>
      <c r="CK813" s="162"/>
      <c r="CX813" s="98"/>
      <c r="DL813" s="97"/>
      <c r="DX813" s="98"/>
      <c r="EL813" s="97"/>
      <c r="EX813" s="98"/>
      <c r="EY813" s="97"/>
      <c r="FL813" s="126"/>
      <c r="FM813" s="91"/>
      <c r="FN813" s="91"/>
      <c r="FO813" s="91"/>
      <c r="FP813" s="91"/>
      <c r="FQ813" s="91"/>
      <c r="FR813" s="91"/>
      <c r="FS813" s="91"/>
      <c r="FT813" s="91"/>
      <c r="FU813" s="91"/>
      <c r="FV813" s="91"/>
      <c r="FW813" s="91"/>
      <c r="FX813" s="91"/>
      <c r="FY813" s="91"/>
      <c r="FZ813" s="91"/>
      <c r="GA813" s="91"/>
      <c r="GB813" s="91"/>
      <c r="GC813" s="91"/>
      <c r="GD813" s="91"/>
      <c r="GE813" s="91"/>
      <c r="GF813" s="91"/>
      <c r="GG813" s="91"/>
      <c r="GH813" s="91"/>
      <c r="GI813" s="91"/>
      <c r="GJ813" s="91"/>
      <c r="GK813" s="127"/>
      <c r="GL813" s="126"/>
      <c r="GM813" s="91"/>
      <c r="GN813" s="91"/>
      <c r="GO813" s="91"/>
      <c r="GP813" s="91"/>
      <c r="GQ813" s="91"/>
      <c r="GR813" s="91"/>
      <c r="GS813" s="91"/>
      <c r="GT813" s="91"/>
      <c r="GU813" s="91"/>
      <c r="GV813" s="91"/>
      <c r="GW813" s="91"/>
      <c r="GX813" s="91"/>
      <c r="GY813" s="91"/>
      <c r="GZ813" s="91"/>
      <c r="HA813" s="91"/>
      <c r="HB813" s="91"/>
      <c r="HC813" s="91"/>
      <c r="HD813" s="91"/>
      <c r="HE813" s="91"/>
      <c r="HF813" s="91"/>
      <c r="HG813" s="91"/>
      <c r="HH813" s="91"/>
      <c r="HI813" s="91"/>
      <c r="HJ813" s="91"/>
      <c r="HK813" s="127"/>
      <c r="HL813" s="126"/>
      <c r="HM813" s="91"/>
      <c r="HN813" s="91"/>
      <c r="HO813" s="91"/>
      <c r="HP813" s="91"/>
      <c r="HQ813" s="91"/>
      <c r="HR813" s="91"/>
      <c r="HS813" s="91"/>
      <c r="HT813" s="91"/>
      <c r="HU813" s="91"/>
      <c r="HV813" s="91"/>
      <c r="HW813" s="91"/>
      <c r="HX813" s="91"/>
      <c r="HY813" s="91"/>
      <c r="HZ813" s="91"/>
      <c r="IA813" s="91"/>
      <c r="IB813" s="91"/>
      <c r="IC813" s="91"/>
      <c r="ID813" s="91"/>
      <c r="IE813" s="91"/>
      <c r="IF813" s="91"/>
      <c r="IG813" s="91"/>
      <c r="IH813" s="91"/>
      <c r="II813" s="91"/>
      <c r="IJ813" s="91"/>
      <c r="IK813" s="127"/>
    </row>
    <row r="814" spans="2:245" ht="13.5" thickBot="1" x14ac:dyDescent="0.25">
      <c r="B814" s="43"/>
      <c r="C814" s="73"/>
      <c r="D814" s="64"/>
      <c r="E814" s="64"/>
      <c r="F814" s="55"/>
      <c r="G814" s="102"/>
      <c r="H814" s="55"/>
      <c r="I814" s="55"/>
      <c r="J814" s="55"/>
      <c r="K814" s="55"/>
      <c r="L814" s="55"/>
      <c r="M814" s="55"/>
      <c r="N814" s="55"/>
      <c r="O814" s="55"/>
      <c r="P814" s="55"/>
      <c r="Q814" s="55"/>
      <c r="R814" s="55"/>
      <c r="S814" s="55"/>
      <c r="T814" s="55"/>
      <c r="U814" s="55"/>
      <c r="V814" s="55"/>
      <c r="W814" s="55"/>
      <c r="X814" s="55"/>
      <c r="Y814" s="55"/>
      <c r="Z814" s="55"/>
      <c r="AA814" s="55"/>
      <c r="AB814" s="55"/>
      <c r="AC814" s="55"/>
      <c r="AD814" s="55"/>
      <c r="AE814" s="55"/>
      <c r="AF814" s="55"/>
      <c r="AG814" s="55"/>
      <c r="AY814" s="162"/>
      <c r="AZ814" s="162"/>
      <c r="BA814" s="162"/>
      <c r="BB814" s="162"/>
      <c r="BC814" s="162"/>
      <c r="BD814" s="162"/>
      <c r="BE814" s="162"/>
      <c r="BF814" s="162"/>
      <c r="BG814" s="162"/>
      <c r="BH814" s="162"/>
      <c r="BI814" s="162"/>
      <c r="BJ814" s="162"/>
      <c r="BK814" s="162"/>
      <c r="BL814" s="162"/>
      <c r="BM814" s="162"/>
      <c r="BN814" s="162"/>
      <c r="BO814" s="162"/>
      <c r="BP814" s="162"/>
      <c r="BQ814" s="162"/>
      <c r="BR814" s="162"/>
      <c r="BS814" s="162"/>
      <c r="BT814" s="162"/>
      <c r="BU814" s="162"/>
      <c r="BV814" s="162"/>
      <c r="BW814" s="162"/>
      <c r="BX814" s="162"/>
      <c r="BY814" s="162"/>
      <c r="BZ814" s="162"/>
      <c r="CA814" s="162"/>
      <c r="CB814" s="162"/>
      <c r="CC814" s="162"/>
      <c r="CD814" s="162"/>
      <c r="CE814" s="162"/>
      <c r="CF814" s="162"/>
      <c r="CG814" s="162"/>
      <c r="CH814" s="162"/>
      <c r="CI814" s="162"/>
      <c r="CJ814" s="162"/>
      <c r="CK814" s="162"/>
      <c r="CL814" s="166"/>
      <c r="CM814" s="166"/>
      <c r="CN814" s="166"/>
      <c r="CO814" s="166"/>
      <c r="CP814" s="166"/>
      <c r="CQ814" s="166"/>
      <c r="CR814" s="166"/>
      <c r="CS814" s="166"/>
      <c r="CT814" s="166"/>
      <c r="CU814" s="166"/>
      <c r="CV814" s="166"/>
      <c r="CW814" s="166"/>
      <c r="CX814" s="176"/>
      <c r="CY814" s="166"/>
      <c r="CZ814" s="166"/>
      <c r="DA814" s="166"/>
      <c r="DB814" s="166"/>
      <c r="DC814" s="166"/>
      <c r="DD814" s="166"/>
      <c r="DE814" s="166"/>
      <c r="DF814" s="166"/>
      <c r="DG814" s="166"/>
      <c r="DH814" s="166"/>
      <c r="DI814" s="166"/>
      <c r="DJ814" s="166"/>
      <c r="DK814" s="166"/>
      <c r="DL814" s="175"/>
      <c r="DM814" s="166"/>
      <c r="DN814" s="166"/>
      <c r="DO814" s="166"/>
      <c r="DP814" s="166"/>
      <c r="DQ814" s="166"/>
      <c r="DR814" s="166"/>
      <c r="DS814" s="166"/>
      <c r="DT814" s="166"/>
      <c r="DU814" s="166"/>
      <c r="DV814" s="166"/>
      <c r="DW814" s="166"/>
      <c r="DX814" s="176"/>
      <c r="DY814" s="166"/>
      <c r="DZ814" s="166"/>
      <c r="EA814" s="166"/>
      <c r="EB814" s="166"/>
      <c r="EC814" s="166"/>
      <c r="ED814" s="166"/>
      <c r="EE814" s="166"/>
      <c r="EF814" s="166"/>
      <c r="EG814" s="166"/>
      <c r="EH814" s="166"/>
      <c r="EI814" s="166"/>
      <c r="EJ814" s="166"/>
      <c r="EK814" s="166"/>
      <c r="EL814" s="175"/>
      <c r="EM814" s="166"/>
      <c r="EN814" s="166"/>
      <c r="EO814" s="166"/>
      <c r="EP814" s="166"/>
      <c r="EQ814" s="166"/>
      <c r="ER814" s="166"/>
      <c r="ES814" s="166"/>
      <c r="ET814" s="166"/>
      <c r="EU814" s="166"/>
      <c r="EV814" s="166"/>
      <c r="EW814" s="166"/>
      <c r="EX814" s="176"/>
      <c r="EY814" s="175"/>
      <c r="EZ814" s="166"/>
      <c r="FA814" s="166"/>
      <c r="FB814" s="166"/>
      <c r="FC814" s="166"/>
      <c r="FD814" s="166"/>
      <c r="FE814" s="166"/>
      <c r="FF814" s="166"/>
      <c r="FG814" s="166"/>
      <c r="FH814" s="166"/>
      <c r="FI814" s="166"/>
      <c r="FJ814" s="166"/>
      <c r="FK814" s="166"/>
      <c r="FL814" s="126"/>
      <c r="FM814" s="91"/>
      <c r="FN814" s="91"/>
      <c r="FO814" s="91"/>
      <c r="FP814" s="91"/>
      <c r="FQ814" s="91"/>
      <c r="FR814" s="91"/>
      <c r="FS814" s="91"/>
      <c r="FT814" s="91"/>
      <c r="FU814" s="91"/>
      <c r="FV814" s="91"/>
      <c r="FW814" s="91"/>
      <c r="FX814" s="91"/>
      <c r="FY814" s="91"/>
      <c r="FZ814" s="91"/>
      <c r="GA814" s="91"/>
      <c r="GB814" s="91"/>
      <c r="GC814" s="91"/>
      <c r="GD814" s="91"/>
      <c r="GE814" s="91"/>
      <c r="GF814" s="91"/>
      <c r="GG814" s="91"/>
      <c r="GH814" s="91"/>
      <c r="GI814" s="91"/>
      <c r="GJ814" s="91"/>
      <c r="GK814" s="127"/>
      <c r="GL814" s="126"/>
      <c r="GM814" s="91"/>
      <c r="GN814" s="91"/>
      <c r="GO814" s="91"/>
      <c r="GP814" s="91"/>
      <c r="GQ814" s="91"/>
      <c r="GR814" s="91"/>
      <c r="GS814" s="91"/>
      <c r="GT814" s="91"/>
      <c r="GU814" s="91"/>
      <c r="GV814" s="91"/>
      <c r="GW814" s="91"/>
      <c r="GX814" s="91"/>
      <c r="GY814" s="91"/>
      <c r="GZ814" s="91"/>
      <c r="HA814" s="91"/>
      <c r="HB814" s="91"/>
      <c r="HC814" s="91"/>
      <c r="HD814" s="91"/>
      <c r="HE814" s="91"/>
      <c r="HF814" s="91"/>
      <c r="HG814" s="91"/>
      <c r="HH814" s="91"/>
      <c r="HI814" s="91"/>
      <c r="HJ814" s="91"/>
      <c r="HK814" s="127"/>
      <c r="HL814" s="126"/>
      <c r="HM814" s="91"/>
      <c r="HN814" s="91"/>
      <c r="HO814" s="91"/>
      <c r="HP814" s="91"/>
      <c r="HQ814" s="91"/>
      <c r="HR814" s="91"/>
      <c r="HS814" s="91"/>
      <c r="HT814" s="91"/>
      <c r="HU814" s="91"/>
      <c r="HV814" s="91"/>
      <c r="HW814" s="91"/>
      <c r="HX814" s="91"/>
      <c r="HY814" s="91"/>
      <c r="HZ814" s="91"/>
      <c r="IA814" s="91"/>
      <c r="IB814" s="91"/>
      <c r="IC814" s="91"/>
      <c r="ID814" s="91"/>
      <c r="IE814" s="91"/>
      <c r="IF814" s="91"/>
      <c r="IG814" s="91"/>
      <c r="IH814" s="91"/>
      <c r="II814" s="91"/>
      <c r="IJ814" s="91"/>
      <c r="IK814" s="127"/>
    </row>
    <row r="815" spans="2:245" x14ac:dyDescent="0.2">
      <c r="B815" s="43"/>
      <c r="C815" s="73"/>
      <c r="D815" s="64"/>
      <c r="E815" s="64"/>
      <c r="F815" s="55"/>
      <c r="G815" s="102"/>
      <c r="H815" s="55"/>
      <c r="I815" s="55"/>
      <c r="J815" s="55"/>
      <c r="K815" s="55"/>
      <c r="L815" s="55"/>
      <c r="M815" s="55"/>
      <c r="N815" s="55"/>
      <c r="O815" s="55"/>
      <c r="P815" s="55"/>
      <c r="Q815" s="55"/>
      <c r="R815" s="55"/>
      <c r="S815" s="55"/>
      <c r="T815" s="55"/>
      <c r="U815" s="55"/>
      <c r="V815" s="55"/>
      <c r="W815" s="55"/>
      <c r="X815" s="55"/>
      <c r="Y815" s="55"/>
      <c r="Z815" s="55"/>
      <c r="AA815" s="55"/>
      <c r="AB815" s="55"/>
      <c r="AC815" s="55"/>
      <c r="AD815" s="55"/>
      <c r="AE815" s="55"/>
      <c r="AF815" s="55"/>
      <c r="AG815" s="55"/>
      <c r="AY815" s="162"/>
      <c r="AZ815" s="162"/>
      <c r="BA815" s="162"/>
      <c r="BB815" s="162"/>
      <c r="BC815" s="162"/>
      <c r="BD815" s="162"/>
      <c r="BE815" s="162"/>
      <c r="BF815" s="162"/>
      <c r="BG815" s="162"/>
      <c r="BH815" s="162"/>
      <c r="BI815" s="162"/>
      <c r="BJ815" s="162"/>
      <c r="BK815" s="162"/>
      <c r="BL815" s="162"/>
      <c r="BM815" s="162"/>
      <c r="BN815" s="162"/>
      <c r="BO815" s="162"/>
      <c r="BP815" s="162"/>
      <c r="BQ815" s="162"/>
      <c r="BR815" s="162"/>
      <c r="BS815" s="162"/>
      <c r="BT815" s="162"/>
      <c r="BU815" s="162"/>
      <c r="BV815" s="162"/>
      <c r="BW815" s="162"/>
      <c r="BX815" s="162"/>
      <c r="BY815" s="162"/>
      <c r="BZ815" s="162"/>
      <c r="CA815" s="162"/>
      <c r="CB815" s="162"/>
      <c r="CC815" s="162"/>
      <c r="CD815" s="162"/>
      <c r="CE815" s="162"/>
      <c r="CF815" s="162"/>
      <c r="CG815" s="162"/>
      <c r="CH815" s="162"/>
      <c r="CI815" s="162"/>
      <c r="CJ815" s="162"/>
      <c r="CK815" s="162"/>
      <c r="CX815" s="98"/>
      <c r="DL815" s="97"/>
      <c r="DX815" s="98"/>
      <c r="EL815" s="97"/>
      <c r="EX815" s="98"/>
      <c r="EY815" s="97"/>
      <c r="FL815" s="126"/>
      <c r="FM815" s="91"/>
      <c r="FN815" s="91"/>
      <c r="FO815" s="91"/>
      <c r="FP815" s="91"/>
      <c r="FQ815" s="91"/>
      <c r="FR815" s="91"/>
      <c r="FS815" s="91"/>
      <c r="FT815" s="91"/>
      <c r="FU815" s="91"/>
      <c r="FV815" s="91"/>
      <c r="FW815" s="91"/>
      <c r="FX815" s="91"/>
      <c r="FY815" s="91"/>
      <c r="FZ815" s="91"/>
      <c r="GA815" s="91"/>
      <c r="GB815" s="91"/>
      <c r="GC815" s="91"/>
      <c r="GD815" s="91"/>
      <c r="GE815" s="91"/>
      <c r="GF815" s="91"/>
      <c r="GG815" s="91"/>
      <c r="GH815" s="91"/>
      <c r="GI815" s="91"/>
      <c r="GJ815" s="91"/>
      <c r="GK815" s="127"/>
      <c r="GL815" s="126"/>
      <c r="GM815" s="91"/>
      <c r="GN815" s="91"/>
      <c r="GO815" s="91"/>
      <c r="GP815" s="91"/>
      <c r="GQ815" s="91"/>
      <c r="GR815" s="91"/>
      <c r="GS815" s="91"/>
      <c r="GT815" s="91"/>
      <c r="GU815" s="91"/>
      <c r="GV815" s="91"/>
      <c r="GW815" s="91"/>
      <c r="GX815" s="91"/>
      <c r="GY815" s="91"/>
      <c r="GZ815" s="91"/>
      <c r="HA815" s="91"/>
      <c r="HB815" s="91"/>
      <c r="HC815" s="91"/>
      <c r="HD815" s="91"/>
      <c r="HE815" s="91"/>
      <c r="HF815" s="91"/>
      <c r="HG815" s="91"/>
      <c r="HH815" s="91"/>
      <c r="HI815" s="91"/>
      <c r="HJ815" s="91"/>
      <c r="HK815" s="127"/>
      <c r="HL815" s="126"/>
      <c r="HM815" s="91"/>
      <c r="HN815" s="91"/>
      <c r="HO815" s="91"/>
      <c r="HP815" s="91"/>
      <c r="HQ815" s="91"/>
      <c r="HR815" s="91"/>
      <c r="HS815" s="91"/>
      <c r="HT815" s="91"/>
      <c r="HU815" s="91"/>
      <c r="HV815" s="91"/>
      <c r="HW815" s="91"/>
      <c r="HX815" s="91"/>
      <c r="HY815" s="91"/>
      <c r="HZ815" s="91"/>
      <c r="IA815" s="91"/>
      <c r="IB815" s="91"/>
      <c r="IC815" s="91"/>
      <c r="ID815" s="91"/>
      <c r="IE815" s="91"/>
      <c r="IF815" s="91"/>
      <c r="IG815" s="91"/>
      <c r="IH815" s="91"/>
      <c r="II815" s="91"/>
      <c r="IJ815" s="91"/>
      <c r="IK815" s="127"/>
    </row>
    <row r="816" spans="2:245" x14ac:dyDescent="0.2">
      <c r="B816" s="43"/>
      <c r="C816" s="73"/>
      <c r="D816" s="64"/>
      <c r="E816" s="64"/>
      <c r="F816" s="55"/>
      <c r="G816" s="102"/>
      <c r="H816" s="55"/>
      <c r="I816" s="55"/>
      <c r="J816" s="55"/>
      <c r="K816" s="55"/>
      <c r="L816" s="55"/>
      <c r="M816" s="55"/>
      <c r="N816" s="55"/>
      <c r="O816" s="55"/>
      <c r="P816" s="55"/>
      <c r="Q816" s="55"/>
      <c r="R816" s="55"/>
      <c r="S816" s="55"/>
      <c r="T816" s="55"/>
      <c r="U816" s="55"/>
      <c r="V816" s="55"/>
      <c r="W816" s="55"/>
      <c r="X816" s="55"/>
      <c r="Y816" s="55"/>
      <c r="Z816" s="55"/>
      <c r="AA816" s="55"/>
      <c r="AB816" s="55"/>
      <c r="AC816" s="55"/>
      <c r="AD816" s="55"/>
      <c r="AE816" s="55"/>
      <c r="AF816" s="55"/>
      <c r="AG816" s="55"/>
      <c r="AY816" s="162"/>
      <c r="AZ816" s="162"/>
      <c r="BA816" s="162"/>
      <c r="BB816" s="162"/>
      <c r="BC816" s="162"/>
      <c r="BD816" s="162"/>
      <c r="BE816" s="162"/>
      <c r="BF816" s="162"/>
      <c r="BG816" s="162"/>
      <c r="BH816" s="162"/>
      <c r="BI816" s="162"/>
      <c r="BJ816" s="162"/>
      <c r="BK816" s="162"/>
      <c r="BL816" s="162"/>
      <c r="BM816" s="162"/>
      <c r="BN816" s="162"/>
      <c r="BO816" s="162"/>
      <c r="BP816" s="162"/>
      <c r="BQ816" s="162"/>
      <c r="BR816" s="162"/>
      <c r="BS816" s="162"/>
      <c r="BT816" s="162"/>
      <c r="BU816" s="162"/>
      <c r="BV816" s="162"/>
      <c r="BW816" s="162"/>
      <c r="BX816" s="162"/>
      <c r="BY816" s="162"/>
      <c r="BZ816" s="162"/>
      <c r="CA816" s="162"/>
      <c r="CB816" s="162"/>
      <c r="CC816" s="162"/>
      <c r="CD816" s="162"/>
      <c r="CE816" s="162"/>
      <c r="CF816" s="162"/>
      <c r="CG816" s="162"/>
      <c r="CH816" s="162"/>
      <c r="CI816" s="162"/>
      <c r="CJ816" s="162"/>
      <c r="CK816" s="162"/>
      <c r="CX816" s="98"/>
      <c r="DL816" s="97"/>
      <c r="DX816" s="98"/>
      <c r="EL816" s="97"/>
      <c r="EX816" s="98"/>
      <c r="EY816" s="97"/>
      <c r="FL816" s="126"/>
      <c r="FM816" s="91"/>
      <c r="FN816" s="91"/>
      <c r="FO816" s="91"/>
      <c r="FP816" s="91"/>
      <c r="FQ816" s="91"/>
      <c r="FR816" s="91"/>
      <c r="FS816" s="91"/>
      <c r="FT816" s="91"/>
      <c r="FU816" s="91"/>
      <c r="FV816" s="91"/>
      <c r="FW816" s="91"/>
      <c r="FX816" s="91"/>
      <c r="FY816" s="91"/>
      <c r="FZ816" s="91"/>
      <c r="GA816" s="91"/>
      <c r="GB816" s="91"/>
      <c r="GC816" s="91"/>
      <c r="GD816" s="91"/>
      <c r="GE816" s="91"/>
      <c r="GF816" s="91"/>
      <c r="GG816" s="91"/>
      <c r="GH816" s="91"/>
      <c r="GI816" s="91"/>
      <c r="GJ816" s="91"/>
      <c r="GK816" s="127"/>
      <c r="GL816" s="126"/>
      <c r="GM816" s="91"/>
      <c r="GN816" s="91"/>
      <c r="GO816" s="91"/>
      <c r="GP816" s="91"/>
      <c r="GQ816" s="91"/>
      <c r="GR816" s="91"/>
      <c r="GS816" s="91"/>
      <c r="GT816" s="91"/>
      <c r="GU816" s="91"/>
      <c r="GV816" s="91"/>
      <c r="GW816" s="91"/>
      <c r="GX816" s="91"/>
      <c r="GY816" s="91"/>
      <c r="GZ816" s="91"/>
      <c r="HA816" s="91"/>
      <c r="HB816" s="91"/>
      <c r="HC816" s="91"/>
      <c r="HD816" s="91"/>
      <c r="HE816" s="91"/>
      <c r="HF816" s="91"/>
      <c r="HG816" s="91"/>
      <c r="HH816" s="91"/>
      <c r="HI816" s="91"/>
      <c r="HJ816" s="91"/>
      <c r="HK816" s="127"/>
      <c r="HL816" s="126"/>
      <c r="HM816" s="91"/>
      <c r="HN816" s="91"/>
      <c r="HO816" s="91"/>
      <c r="HP816" s="91"/>
      <c r="HQ816" s="91"/>
      <c r="HR816" s="91"/>
      <c r="HS816" s="91"/>
      <c r="HT816" s="91"/>
      <c r="HU816" s="91"/>
      <c r="HV816" s="91"/>
      <c r="HW816" s="91"/>
      <c r="HX816" s="91"/>
      <c r="HY816" s="91"/>
      <c r="HZ816" s="91"/>
      <c r="IA816" s="91"/>
      <c r="IB816" s="91"/>
      <c r="IC816" s="91"/>
      <c r="ID816" s="91"/>
      <c r="IE816" s="91"/>
      <c r="IF816" s="91"/>
      <c r="IG816" s="91"/>
      <c r="IH816" s="91"/>
      <c r="II816" s="91"/>
      <c r="IJ816" s="91"/>
      <c r="IK816" s="127"/>
    </row>
    <row r="817" spans="2:245" x14ac:dyDescent="0.2">
      <c r="B817" s="43"/>
      <c r="C817" s="73"/>
      <c r="D817" s="64"/>
      <c r="E817" s="64"/>
      <c r="F817" s="55"/>
      <c r="G817" s="102"/>
      <c r="H817" s="55"/>
      <c r="I817" s="55"/>
      <c r="J817" s="55"/>
      <c r="K817" s="55"/>
      <c r="L817" s="55"/>
      <c r="M817" s="55"/>
      <c r="N817" s="55"/>
      <c r="O817" s="55"/>
      <c r="P817" s="55"/>
      <c r="Q817" s="55"/>
      <c r="R817" s="55"/>
      <c r="S817" s="55"/>
      <c r="T817" s="55"/>
      <c r="U817" s="55"/>
      <c r="V817" s="55"/>
      <c r="W817" s="55"/>
      <c r="X817" s="55"/>
      <c r="Y817" s="55"/>
      <c r="Z817" s="55"/>
      <c r="AA817" s="55"/>
      <c r="AB817" s="55"/>
      <c r="AC817" s="55"/>
      <c r="AD817" s="55"/>
      <c r="AE817" s="55"/>
      <c r="AF817" s="55"/>
      <c r="AG817" s="55"/>
      <c r="AY817" s="162"/>
      <c r="AZ817" s="162"/>
      <c r="BA817" s="162"/>
      <c r="BB817" s="162"/>
      <c r="BC817" s="162"/>
      <c r="BD817" s="162"/>
      <c r="BE817" s="162"/>
      <c r="BF817" s="162"/>
      <c r="BG817" s="162"/>
      <c r="BH817" s="162"/>
      <c r="BI817" s="162"/>
      <c r="BJ817" s="162"/>
      <c r="BK817" s="162"/>
      <c r="BL817" s="162"/>
      <c r="BM817" s="162"/>
      <c r="BN817" s="162"/>
      <c r="BO817" s="162"/>
      <c r="BP817" s="162"/>
      <c r="BQ817" s="162"/>
      <c r="BR817" s="162"/>
      <c r="BS817" s="162"/>
      <c r="BT817" s="162"/>
      <c r="BU817" s="162"/>
      <c r="BV817" s="162"/>
      <c r="BW817" s="162"/>
      <c r="BX817" s="162"/>
      <c r="BY817" s="162"/>
      <c r="BZ817" s="162"/>
      <c r="CA817" s="162"/>
      <c r="CB817" s="162"/>
      <c r="CC817" s="162"/>
      <c r="CD817" s="162"/>
      <c r="CE817" s="162"/>
      <c r="CF817" s="162"/>
      <c r="CG817" s="162"/>
      <c r="CH817" s="162"/>
      <c r="CI817" s="162"/>
      <c r="CJ817" s="162"/>
      <c r="CK817" s="162"/>
      <c r="CX817" s="98"/>
      <c r="DL817" s="97"/>
      <c r="DX817" s="98"/>
      <c r="EL817" s="97"/>
      <c r="EX817" s="98"/>
      <c r="EY817" s="97"/>
      <c r="FL817" s="126"/>
      <c r="FM817" s="91"/>
      <c r="FN817" s="91"/>
      <c r="FO817" s="91"/>
      <c r="FP817" s="91"/>
      <c r="FQ817" s="91"/>
      <c r="FR817" s="91"/>
      <c r="FS817" s="91"/>
      <c r="FT817" s="91"/>
      <c r="FU817" s="91"/>
      <c r="FV817" s="91"/>
      <c r="FW817" s="91"/>
      <c r="FX817" s="91"/>
      <c r="FY817" s="91"/>
      <c r="FZ817" s="91"/>
      <c r="GA817" s="91"/>
      <c r="GB817" s="91"/>
      <c r="GC817" s="91"/>
      <c r="GD817" s="91"/>
      <c r="GE817" s="91"/>
      <c r="GF817" s="91"/>
      <c r="GG817" s="91"/>
      <c r="GH817" s="91"/>
      <c r="GI817" s="91"/>
      <c r="GJ817" s="91"/>
      <c r="GK817" s="127"/>
      <c r="GL817" s="126"/>
      <c r="GM817" s="91"/>
      <c r="GN817" s="91"/>
      <c r="GO817" s="91"/>
      <c r="GP817" s="91"/>
      <c r="GQ817" s="91"/>
      <c r="GR817" s="91"/>
      <c r="GS817" s="91"/>
      <c r="GT817" s="91"/>
      <c r="GU817" s="91"/>
      <c r="GV817" s="91"/>
      <c r="GW817" s="91"/>
      <c r="GX817" s="91"/>
      <c r="GY817" s="91"/>
      <c r="GZ817" s="91"/>
      <c r="HA817" s="91"/>
      <c r="HB817" s="91"/>
      <c r="HC817" s="91"/>
      <c r="HD817" s="91"/>
      <c r="HE817" s="91"/>
      <c r="HF817" s="91"/>
      <c r="HG817" s="91"/>
      <c r="HH817" s="91"/>
      <c r="HI817" s="91"/>
      <c r="HJ817" s="91"/>
      <c r="HK817" s="127"/>
      <c r="HL817" s="126"/>
      <c r="HM817" s="91"/>
      <c r="HN817" s="91"/>
      <c r="HO817" s="91"/>
      <c r="HP817" s="91"/>
      <c r="HQ817" s="91"/>
      <c r="HR817" s="91"/>
      <c r="HS817" s="91"/>
      <c r="HT817" s="91"/>
      <c r="HU817" s="91"/>
      <c r="HV817" s="91"/>
      <c r="HW817" s="91"/>
      <c r="HX817" s="91"/>
      <c r="HY817" s="91"/>
      <c r="HZ817" s="91"/>
      <c r="IA817" s="91"/>
      <c r="IB817" s="91"/>
      <c r="IC817" s="91"/>
      <c r="ID817" s="91"/>
      <c r="IE817" s="91"/>
      <c r="IF817" s="91"/>
      <c r="IG817" s="91"/>
      <c r="IH817" s="91"/>
      <c r="II817" s="91"/>
      <c r="IJ817" s="91"/>
      <c r="IK817" s="127"/>
    </row>
    <row r="818" spans="2:245" x14ac:dyDescent="0.2">
      <c r="B818" s="43"/>
      <c r="C818" s="73"/>
      <c r="D818" s="64"/>
      <c r="E818" s="64"/>
      <c r="F818" s="55"/>
      <c r="G818" s="102"/>
      <c r="H818" s="55"/>
      <c r="I818" s="55"/>
      <c r="J818" s="55"/>
      <c r="K818" s="55"/>
      <c r="L818" s="55"/>
      <c r="M818" s="55"/>
      <c r="N818" s="55"/>
      <c r="O818" s="55"/>
      <c r="P818" s="55"/>
      <c r="Q818" s="55"/>
      <c r="R818" s="55"/>
      <c r="S818" s="55"/>
      <c r="T818" s="55"/>
      <c r="U818" s="55"/>
      <c r="V818" s="55"/>
      <c r="W818" s="55"/>
      <c r="X818" s="55"/>
      <c r="Y818" s="55"/>
      <c r="Z818" s="55"/>
      <c r="AA818" s="55"/>
      <c r="AB818" s="55"/>
      <c r="AC818" s="55"/>
      <c r="AD818" s="55"/>
      <c r="AE818" s="55"/>
      <c r="AF818" s="55"/>
      <c r="AG818" s="55"/>
      <c r="AY818" s="162"/>
      <c r="AZ818" s="162"/>
      <c r="BA818" s="162"/>
      <c r="BB818" s="162"/>
      <c r="BC818" s="162"/>
      <c r="BD818" s="162"/>
      <c r="BE818" s="162"/>
      <c r="BF818" s="162"/>
      <c r="BG818" s="162"/>
      <c r="BH818" s="162"/>
      <c r="BI818" s="162"/>
      <c r="BJ818" s="162"/>
      <c r="BK818" s="162"/>
      <c r="BL818" s="162"/>
      <c r="BM818" s="162"/>
      <c r="BN818" s="162"/>
      <c r="BO818" s="162"/>
      <c r="BP818" s="162"/>
      <c r="BQ818" s="162"/>
      <c r="BR818" s="162"/>
      <c r="BS818" s="162"/>
      <c r="BT818" s="162"/>
      <c r="BU818" s="162"/>
      <c r="BV818" s="162"/>
      <c r="BW818" s="162"/>
      <c r="BX818" s="162"/>
      <c r="BY818" s="162"/>
      <c r="BZ818" s="162"/>
      <c r="CA818" s="162"/>
      <c r="CB818" s="162"/>
      <c r="CC818" s="162"/>
      <c r="CD818" s="162"/>
      <c r="CE818" s="162"/>
      <c r="CF818" s="162"/>
      <c r="CG818" s="162"/>
      <c r="CH818" s="162"/>
      <c r="CI818" s="162"/>
      <c r="CJ818" s="162"/>
      <c r="CK818" s="162"/>
      <c r="CX818" s="98"/>
      <c r="DL818" s="97"/>
      <c r="DX818" s="98"/>
      <c r="EL818" s="97"/>
      <c r="EX818" s="98"/>
      <c r="EY818" s="97"/>
      <c r="FL818" s="126"/>
      <c r="FM818" s="91"/>
      <c r="FN818" s="91"/>
      <c r="FO818" s="91"/>
      <c r="FP818" s="91"/>
      <c r="FQ818" s="91"/>
      <c r="FR818" s="91"/>
      <c r="FS818" s="91"/>
      <c r="FT818" s="91"/>
      <c r="FU818" s="91"/>
      <c r="FV818" s="91"/>
      <c r="FW818" s="91"/>
      <c r="FX818" s="91"/>
      <c r="FY818" s="91"/>
      <c r="FZ818" s="91"/>
      <c r="GA818" s="91"/>
      <c r="GB818" s="91"/>
      <c r="GC818" s="91"/>
      <c r="GD818" s="91"/>
      <c r="GE818" s="91"/>
      <c r="GF818" s="91"/>
      <c r="GG818" s="91"/>
      <c r="GH818" s="91"/>
      <c r="GI818" s="91"/>
      <c r="GJ818" s="91"/>
      <c r="GK818" s="127"/>
      <c r="GL818" s="126"/>
      <c r="GM818" s="91"/>
      <c r="GN818" s="91"/>
      <c r="GO818" s="91"/>
      <c r="GP818" s="91"/>
      <c r="GQ818" s="91"/>
      <c r="GR818" s="91"/>
      <c r="GS818" s="91"/>
      <c r="GT818" s="91"/>
      <c r="GU818" s="91"/>
      <c r="GV818" s="91"/>
      <c r="GW818" s="91"/>
      <c r="GX818" s="91"/>
      <c r="GY818" s="91"/>
      <c r="GZ818" s="91"/>
      <c r="HA818" s="91"/>
      <c r="HB818" s="91"/>
      <c r="HC818" s="91"/>
      <c r="HD818" s="91"/>
      <c r="HE818" s="91"/>
      <c r="HF818" s="91"/>
      <c r="HG818" s="91"/>
      <c r="HH818" s="91"/>
      <c r="HI818" s="91"/>
      <c r="HJ818" s="91"/>
      <c r="HK818" s="127"/>
      <c r="HL818" s="126"/>
      <c r="HM818" s="91"/>
      <c r="HN818" s="91"/>
      <c r="HO818" s="91"/>
      <c r="HP818" s="91"/>
      <c r="HQ818" s="91"/>
      <c r="HR818" s="91"/>
      <c r="HS818" s="91"/>
      <c r="HT818" s="91"/>
      <c r="HU818" s="91"/>
      <c r="HV818" s="91"/>
      <c r="HW818" s="91"/>
      <c r="HX818" s="91"/>
      <c r="HY818" s="91"/>
      <c r="HZ818" s="91"/>
      <c r="IA818" s="91"/>
      <c r="IB818" s="91"/>
      <c r="IC818" s="91"/>
      <c r="ID818" s="91"/>
      <c r="IE818" s="91"/>
      <c r="IF818" s="91"/>
      <c r="IG818" s="91"/>
      <c r="IH818" s="91"/>
      <c r="II818" s="91"/>
      <c r="IJ818" s="91"/>
      <c r="IK818" s="127"/>
    </row>
    <row r="819" spans="2:245" x14ac:dyDescent="0.2">
      <c r="B819" s="43"/>
      <c r="C819" s="73"/>
      <c r="D819" s="64"/>
      <c r="E819" s="64"/>
      <c r="F819" s="55"/>
      <c r="G819" s="102"/>
      <c r="H819" s="55"/>
      <c r="I819" s="55"/>
      <c r="J819" s="55"/>
      <c r="K819" s="55"/>
      <c r="L819" s="55"/>
      <c r="M819" s="55"/>
      <c r="N819" s="55"/>
      <c r="O819" s="55"/>
      <c r="P819" s="55"/>
      <c r="Q819" s="55"/>
      <c r="R819" s="55"/>
      <c r="S819" s="55"/>
      <c r="T819" s="55"/>
      <c r="U819" s="55"/>
      <c r="V819" s="55"/>
      <c r="W819" s="55"/>
      <c r="X819" s="55"/>
      <c r="Y819" s="55"/>
      <c r="Z819" s="55"/>
      <c r="AA819" s="55"/>
      <c r="AB819" s="55"/>
      <c r="AC819" s="55"/>
      <c r="AD819" s="55"/>
      <c r="AE819" s="55"/>
      <c r="AF819" s="55"/>
      <c r="AG819" s="55"/>
      <c r="AY819" s="162"/>
      <c r="AZ819" s="162"/>
      <c r="BA819" s="162"/>
      <c r="BB819" s="162"/>
      <c r="BC819" s="162"/>
      <c r="BD819" s="162"/>
      <c r="BE819" s="162"/>
      <c r="BF819" s="162"/>
      <c r="BG819" s="162"/>
      <c r="BH819" s="162"/>
      <c r="BI819" s="162"/>
      <c r="BJ819" s="162"/>
      <c r="BK819" s="162"/>
      <c r="BL819" s="162"/>
      <c r="BM819" s="162"/>
      <c r="BN819" s="162"/>
      <c r="BO819" s="162"/>
      <c r="BP819" s="162"/>
      <c r="BQ819" s="162"/>
      <c r="BR819" s="162"/>
      <c r="BS819" s="162"/>
      <c r="BT819" s="162"/>
      <c r="BU819" s="162"/>
      <c r="BV819" s="162"/>
      <c r="BW819" s="162"/>
      <c r="BX819" s="162"/>
      <c r="BY819" s="162"/>
      <c r="BZ819" s="162"/>
      <c r="CA819" s="162"/>
      <c r="CB819" s="162"/>
      <c r="CC819" s="162"/>
      <c r="CD819" s="162"/>
      <c r="CE819" s="162"/>
      <c r="CF819" s="162"/>
      <c r="CG819" s="162"/>
      <c r="CH819" s="162"/>
      <c r="CI819" s="162"/>
      <c r="CJ819" s="162"/>
      <c r="CK819" s="162"/>
      <c r="CX819" s="98"/>
      <c r="DL819" s="97"/>
      <c r="DX819" s="98"/>
      <c r="EL819" s="97"/>
      <c r="EX819" s="98"/>
      <c r="EY819" s="97"/>
      <c r="FL819" s="126"/>
      <c r="FM819" s="91"/>
      <c r="FN819" s="91"/>
      <c r="FO819" s="91"/>
      <c r="FP819" s="91"/>
      <c r="FQ819" s="91"/>
      <c r="FR819" s="91"/>
      <c r="FS819" s="91"/>
      <c r="FT819" s="91"/>
      <c r="FU819" s="91"/>
      <c r="FV819" s="91"/>
      <c r="FW819" s="91"/>
      <c r="FX819" s="91"/>
      <c r="FY819" s="91"/>
      <c r="FZ819" s="91"/>
      <c r="GA819" s="91"/>
      <c r="GB819" s="91"/>
      <c r="GC819" s="91"/>
      <c r="GD819" s="91"/>
      <c r="GE819" s="91"/>
      <c r="GF819" s="91"/>
      <c r="GG819" s="91"/>
      <c r="GH819" s="91"/>
      <c r="GI819" s="91"/>
      <c r="GJ819" s="91"/>
      <c r="GK819" s="127"/>
      <c r="GL819" s="126"/>
      <c r="GM819" s="91"/>
      <c r="GN819" s="91"/>
      <c r="GO819" s="91"/>
      <c r="GP819" s="91"/>
      <c r="GQ819" s="91"/>
      <c r="GR819" s="91"/>
      <c r="GS819" s="91"/>
      <c r="GT819" s="91"/>
      <c r="GU819" s="91"/>
      <c r="GV819" s="91"/>
      <c r="GW819" s="91"/>
      <c r="GX819" s="91"/>
      <c r="GY819" s="91"/>
      <c r="GZ819" s="91"/>
      <c r="HA819" s="91"/>
      <c r="HB819" s="91"/>
      <c r="HC819" s="91"/>
      <c r="HD819" s="91"/>
      <c r="HE819" s="91"/>
      <c r="HF819" s="91"/>
      <c r="HG819" s="91"/>
      <c r="HH819" s="91"/>
      <c r="HI819" s="91"/>
      <c r="HJ819" s="91"/>
      <c r="HK819" s="127"/>
      <c r="HL819" s="126"/>
      <c r="HM819" s="91"/>
      <c r="HN819" s="91"/>
      <c r="HO819" s="91"/>
      <c r="HP819" s="91"/>
      <c r="HQ819" s="91"/>
      <c r="HR819" s="91"/>
      <c r="HS819" s="91"/>
      <c r="HT819" s="91"/>
      <c r="HU819" s="91"/>
      <c r="HV819" s="91"/>
      <c r="HW819" s="91"/>
      <c r="HX819" s="91"/>
      <c r="HY819" s="91"/>
      <c r="HZ819" s="91"/>
      <c r="IA819" s="91"/>
      <c r="IB819" s="91"/>
      <c r="IC819" s="91"/>
      <c r="ID819" s="91"/>
      <c r="IE819" s="91"/>
      <c r="IF819" s="91"/>
      <c r="IG819" s="91"/>
      <c r="IH819" s="91"/>
      <c r="II819" s="91"/>
      <c r="IJ819" s="91"/>
      <c r="IK819" s="127"/>
    </row>
    <row r="820" spans="2:245" x14ac:dyDescent="0.2">
      <c r="B820" s="43"/>
      <c r="C820" s="73"/>
      <c r="D820" s="64"/>
      <c r="E820" s="64"/>
      <c r="F820" s="55"/>
      <c r="G820" s="102"/>
      <c r="H820" s="55"/>
      <c r="I820" s="55"/>
      <c r="J820" s="55"/>
      <c r="K820" s="55"/>
      <c r="L820" s="55"/>
      <c r="M820" s="55"/>
      <c r="N820" s="55"/>
      <c r="O820" s="55"/>
      <c r="P820" s="55"/>
      <c r="Q820" s="55"/>
      <c r="R820" s="55"/>
      <c r="S820" s="55"/>
      <c r="T820" s="55"/>
      <c r="U820" s="55"/>
      <c r="V820" s="55"/>
      <c r="W820" s="55"/>
      <c r="X820" s="55"/>
      <c r="Y820" s="55"/>
      <c r="Z820" s="55"/>
      <c r="AA820" s="55"/>
      <c r="AB820" s="55"/>
      <c r="AC820" s="55"/>
      <c r="AD820" s="55"/>
      <c r="AE820" s="55"/>
      <c r="AF820" s="55"/>
      <c r="AG820" s="55"/>
      <c r="AY820" s="162"/>
      <c r="AZ820" s="162"/>
      <c r="BA820" s="162"/>
      <c r="BB820" s="162"/>
      <c r="BC820" s="162"/>
      <c r="BD820" s="162"/>
      <c r="BE820" s="162"/>
      <c r="BF820" s="162"/>
      <c r="BG820" s="162"/>
      <c r="BH820" s="162"/>
      <c r="BI820" s="162"/>
      <c r="BJ820" s="162"/>
      <c r="BK820" s="162"/>
      <c r="BL820" s="162"/>
      <c r="BM820" s="162"/>
      <c r="BN820" s="162"/>
      <c r="BO820" s="162"/>
      <c r="BP820" s="162"/>
      <c r="BQ820" s="162"/>
      <c r="BR820" s="162"/>
      <c r="BS820" s="162"/>
      <c r="BT820" s="162"/>
      <c r="BU820" s="162"/>
      <c r="BV820" s="162"/>
      <c r="BW820" s="162"/>
      <c r="BX820" s="162"/>
      <c r="BY820" s="162"/>
      <c r="BZ820" s="162"/>
      <c r="CA820" s="162"/>
      <c r="CB820" s="162"/>
      <c r="CC820" s="162"/>
      <c r="CD820" s="162"/>
      <c r="CE820" s="162"/>
      <c r="CF820" s="162"/>
      <c r="CG820" s="162"/>
      <c r="CH820" s="162"/>
      <c r="CI820" s="162"/>
      <c r="CJ820" s="162"/>
      <c r="CK820" s="162"/>
      <c r="CX820" s="98"/>
      <c r="DL820" s="97"/>
      <c r="DX820" s="98"/>
      <c r="EL820" s="97"/>
      <c r="EX820" s="98"/>
      <c r="EY820" s="97"/>
      <c r="FL820" s="126"/>
      <c r="FM820" s="91"/>
      <c r="FN820" s="91"/>
      <c r="FO820" s="91"/>
      <c r="FP820" s="91"/>
      <c r="FQ820" s="91"/>
      <c r="FR820" s="91"/>
      <c r="FS820" s="91"/>
      <c r="FT820" s="91"/>
      <c r="FU820" s="91"/>
      <c r="FV820" s="91"/>
      <c r="FW820" s="91"/>
      <c r="FX820" s="91"/>
      <c r="FY820" s="91"/>
      <c r="FZ820" s="91"/>
      <c r="GA820" s="91"/>
      <c r="GB820" s="91"/>
      <c r="GC820" s="91"/>
      <c r="GD820" s="91"/>
      <c r="GE820" s="91"/>
      <c r="GF820" s="91"/>
      <c r="GG820" s="91"/>
      <c r="GH820" s="91"/>
      <c r="GI820" s="91"/>
      <c r="GJ820" s="91"/>
      <c r="GK820" s="127"/>
      <c r="GL820" s="126"/>
      <c r="GM820" s="91"/>
      <c r="GN820" s="91"/>
      <c r="GO820" s="91"/>
      <c r="GP820" s="91"/>
      <c r="GQ820" s="91"/>
      <c r="GR820" s="91"/>
      <c r="GS820" s="91"/>
      <c r="GT820" s="91"/>
      <c r="GU820" s="91"/>
      <c r="GV820" s="91"/>
      <c r="GW820" s="91"/>
      <c r="GX820" s="91"/>
      <c r="GY820" s="91"/>
      <c r="GZ820" s="91"/>
      <c r="HA820" s="91"/>
      <c r="HB820" s="91"/>
      <c r="HC820" s="91"/>
      <c r="HD820" s="91"/>
      <c r="HE820" s="91"/>
      <c r="HF820" s="91"/>
      <c r="HG820" s="91"/>
      <c r="HH820" s="91"/>
      <c r="HI820" s="91"/>
      <c r="HJ820" s="91"/>
      <c r="HK820" s="127"/>
      <c r="HL820" s="126"/>
      <c r="HM820" s="91"/>
      <c r="HN820" s="91"/>
      <c r="HO820" s="91"/>
      <c r="HP820" s="91"/>
      <c r="HQ820" s="91"/>
      <c r="HR820" s="91"/>
      <c r="HS820" s="91"/>
      <c r="HT820" s="91"/>
      <c r="HU820" s="91"/>
      <c r="HV820" s="91"/>
      <c r="HW820" s="91"/>
      <c r="HX820" s="91"/>
      <c r="HY820" s="91"/>
      <c r="HZ820" s="91"/>
      <c r="IA820" s="91"/>
      <c r="IB820" s="91"/>
      <c r="IC820" s="91"/>
      <c r="ID820" s="91"/>
      <c r="IE820" s="91"/>
      <c r="IF820" s="91"/>
      <c r="IG820" s="91"/>
      <c r="IH820" s="91"/>
      <c r="II820" s="91"/>
      <c r="IJ820" s="91"/>
      <c r="IK820" s="127"/>
    </row>
    <row r="821" spans="2:245" x14ac:dyDescent="0.2">
      <c r="B821" s="43"/>
      <c r="C821" s="73"/>
      <c r="D821" s="64"/>
      <c r="E821" s="64"/>
      <c r="F821" s="55"/>
      <c r="G821" s="102"/>
      <c r="H821" s="55"/>
      <c r="I821" s="55"/>
      <c r="J821" s="55"/>
      <c r="K821" s="55"/>
      <c r="L821" s="55"/>
      <c r="M821" s="55"/>
      <c r="N821" s="55"/>
      <c r="O821" s="55"/>
      <c r="P821" s="55"/>
      <c r="Q821" s="55"/>
      <c r="R821" s="55"/>
      <c r="S821" s="55"/>
      <c r="T821" s="55"/>
      <c r="U821" s="55"/>
      <c r="V821" s="55"/>
      <c r="W821" s="55"/>
      <c r="X821" s="55"/>
      <c r="Y821" s="55"/>
      <c r="Z821" s="55"/>
      <c r="AA821" s="55"/>
      <c r="AB821" s="55"/>
      <c r="AC821" s="55"/>
      <c r="AD821" s="55"/>
      <c r="AE821" s="55"/>
      <c r="AF821" s="55"/>
      <c r="AG821" s="55"/>
      <c r="AY821" s="162"/>
      <c r="AZ821" s="162"/>
      <c r="BA821" s="162"/>
      <c r="BB821" s="162"/>
      <c r="BC821" s="162"/>
      <c r="BD821" s="162"/>
      <c r="BE821" s="162"/>
      <c r="BF821" s="162"/>
      <c r="BG821" s="162"/>
      <c r="BH821" s="162"/>
      <c r="BI821" s="162"/>
      <c r="BJ821" s="162"/>
      <c r="BK821" s="162"/>
      <c r="BL821" s="162"/>
      <c r="BM821" s="162"/>
      <c r="BN821" s="162"/>
      <c r="BO821" s="162"/>
      <c r="BP821" s="162"/>
      <c r="BQ821" s="162"/>
      <c r="BR821" s="162"/>
      <c r="BS821" s="162"/>
      <c r="BT821" s="162"/>
      <c r="BU821" s="162"/>
      <c r="BV821" s="162"/>
      <c r="BW821" s="162"/>
      <c r="BX821" s="162"/>
      <c r="BY821" s="162"/>
      <c r="BZ821" s="162"/>
      <c r="CA821" s="162"/>
      <c r="CB821" s="162"/>
      <c r="CC821" s="162"/>
      <c r="CD821" s="162"/>
      <c r="CE821" s="162"/>
      <c r="CF821" s="162"/>
      <c r="CG821" s="162"/>
      <c r="CH821" s="162"/>
      <c r="CI821" s="162"/>
      <c r="CJ821" s="162"/>
      <c r="CK821" s="162"/>
      <c r="CX821" s="98"/>
      <c r="DL821" s="97"/>
      <c r="DX821" s="98"/>
      <c r="EL821" s="97"/>
      <c r="EX821" s="98"/>
      <c r="EY821" s="97"/>
      <c r="FL821" s="126"/>
      <c r="FM821" s="91"/>
      <c r="FN821" s="91"/>
      <c r="FO821" s="91"/>
      <c r="FP821" s="91"/>
      <c r="FQ821" s="91"/>
      <c r="FR821" s="91"/>
      <c r="FS821" s="91"/>
      <c r="FT821" s="91"/>
      <c r="FU821" s="91"/>
      <c r="FV821" s="91"/>
      <c r="FW821" s="91"/>
      <c r="FX821" s="91"/>
      <c r="FY821" s="91"/>
      <c r="FZ821" s="91"/>
      <c r="GA821" s="91"/>
      <c r="GB821" s="91"/>
      <c r="GC821" s="91"/>
      <c r="GD821" s="91"/>
      <c r="GE821" s="91"/>
      <c r="GF821" s="91"/>
      <c r="GG821" s="91"/>
      <c r="GH821" s="91"/>
      <c r="GI821" s="91"/>
      <c r="GJ821" s="91"/>
      <c r="GK821" s="127"/>
      <c r="GL821" s="126"/>
      <c r="GM821" s="91"/>
      <c r="GN821" s="91"/>
      <c r="GO821" s="91"/>
      <c r="GP821" s="91"/>
      <c r="GQ821" s="91"/>
      <c r="GR821" s="91"/>
      <c r="GS821" s="91"/>
      <c r="GT821" s="91"/>
      <c r="GU821" s="91"/>
      <c r="GV821" s="91"/>
      <c r="GW821" s="91"/>
      <c r="GX821" s="91"/>
      <c r="GY821" s="91"/>
      <c r="GZ821" s="91"/>
      <c r="HA821" s="91"/>
      <c r="HB821" s="91"/>
      <c r="HC821" s="91"/>
      <c r="HD821" s="91"/>
      <c r="HE821" s="91"/>
      <c r="HF821" s="91"/>
      <c r="HG821" s="91"/>
      <c r="HH821" s="91"/>
      <c r="HI821" s="91"/>
      <c r="HJ821" s="91"/>
      <c r="HK821" s="127"/>
      <c r="HL821" s="126"/>
      <c r="HM821" s="91"/>
      <c r="HN821" s="91"/>
      <c r="HO821" s="91"/>
      <c r="HP821" s="91"/>
      <c r="HQ821" s="91"/>
      <c r="HR821" s="91"/>
      <c r="HS821" s="91"/>
      <c r="HT821" s="91"/>
      <c r="HU821" s="91"/>
      <c r="HV821" s="91"/>
      <c r="HW821" s="91"/>
      <c r="HX821" s="91"/>
      <c r="HY821" s="91"/>
      <c r="HZ821" s="91"/>
      <c r="IA821" s="91"/>
      <c r="IB821" s="91"/>
      <c r="IC821" s="91"/>
      <c r="ID821" s="91"/>
      <c r="IE821" s="91"/>
      <c r="IF821" s="91"/>
      <c r="IG821" s="91"/>
      <c r="IH821" s="91"/>
      <c r="II821" s="91"/>
      <c r="IJ821" s="91"/>
      <c r="IK821" s="127"/>
    </row>
    <row r="822" spans="2:245" x14ac:dyDescent="0.2">
      <c r="B822" s="43"/>
      <c r="C822" s="73"/>
      <c r="D822" s="64"/>
      <c r="E822" s="64"/>
      <c r="F822" s="55"/>
      <c r="G822" s="102"/>
      <c r="H822" s="55"/>
      <c r="I822" s="55"/>
      <c r="J822" s="55"/>
      <c r="K822" s="55"/>
      <c r="L822" s="55"/>
      <c r="M822" s="55"/>
      <c r="N822" s="55"/>
      <c r="O822" s="55"/>
      <c r="P822" s="55"/>
      <c r="Q822" s="55"/>
      <c r="R822" s="55"/>
      <c r="S822" s="55"/>
      <c r="T822" s="55"/>
      <c r="U822" s="55"/>
      <c r="V822" s="55"/>
      <c r="W822" s="55"/>
      <c r="X822" s="55"/>
      <c r="Y822" s="55"/>
      <c r="Z822" s="55"/>
      <c r="AA822" s="55"/>
      <c r="AB822" s="55"/>
      <c r="AC822" s="55"/>
      <c r="AD822" s="55"/>
      <c r="AE822" s="55"/>
      <c r="AF822" s="55"/>
      <c r="AG822" s="55"/>
      <c r="AY822" s="162"/>
      <c r="AZ822" s="162"/>
      <c r="BA822" s="162"/>
      <c r="BB822" s="162"/>
      <c r="BC822" s="162"/>
      <c r="BD822" s="162"/>
      <c r="BE822" s="162"/>
      <c r="BF822" s="162"/>
      <c r="BG822" s="162"/>
      <c r="BH822" s="162"/>
      <c r="BI822" s="162"/>
      <c r="BJ822" s="162"/>
      <c r="BK822" s="162"/>
      <c r="BL822" s="162"/>
      <c r="BM822" s="162"/>
      <c r="BN822" s="162"/>
      <c r="BO822" s="162"/>
      <c r="BP822" s="162"/>
      <c r="BQ822" s="162"/>
      <c r="BR822" s="162"/>
      <c r="BS822" s="162"/>
      <c r="BT822" s="162"/>
      <c r="BU822" s="162"/>
      <c r="BV822" s="162"/>
      <c r="BW822" s="162"/>
      <c r="BX822" s="162"/>
      <c r="BY822" s="162"/>
      <c r="BZ822" s="162"/>
      <c r="CA822" s="162"/>
      <c r="CB822" s="162"/>
      <c r="CC822" s="162"/>
      <c r="CD822" s="162"/>
      <c r="CE822" s="162"/>
      <c r="CF822" s="162"/>
      <c r="CG822" s="162"/>
      <c r="CH822" s="162"/>
      <c r="CI822" s="162"/>
      <c r="CJ822" s="162"/>
      <c r="CK822" s="162"/>
      <c r="CX822" s="98"/>
      <c r="DL822" s="97"/>
      <c r="DX822" s="98"/>
      <c r="EL822" s="97"/>
      <c r="EX822" s="98"/>
      <c r="EY822" s="97"/>
      <c r="FL822" s="126"/>
      <c r="FM822" s="91"/>
      <c r="FN822" s="91"/>
      <c r="FO822" s="91"/>
      <c r="FP822" s="91"/>
      <c r="FQ822" s="91"/>
      <c r="FR822" s="91"/>
      <c r="FS822" s="91"/>
      <c r="FT822" s="91"/>
      <c r="FU822" s="91"/>
      <c r="FV822" s="91"/>
      <c r="FW822" s="91"/>
      <c r="FX822" s="91"/>
      <c r="FY822" s="91"/>
      <c r="FZ822" s="91"/>
      <c r="GA822" s="91"/>
      <c r="GB822" s="91"/>
      <c r="GC822" s="91"/>
      <c r="GD822" s="91"/>
      <c r="GE822" s="91"/>
      <c r="GF822" s="91"/>
      <c r="GG822" s="91"/>
      <c r="GH822" s="91"/>
      <c r="GI822" s="91"/>
      <c r="GJ822" s="91"/>
      <c r="GK822" s="127"/>
      <c r="GL822" s="126"/>
      <c r="GM822" s="91"/>
      <c r="GN822" s="91"/>
      <c r="GO822" s="91"/>
      <c r="GP822" s="91"/>
      <c r="GQ822" s="91"/>
      <c r="GR822" s="91"/>
      <c r="GS822" s="91"/>
      <c r="GT822" s="91"/>
      <c r="GU822" s="91"/>
      <c r="GV822" s="91"/>
      <c r="GW822" s="91"/>
      <c r="GX822" s="91"/>
      <c r="GY822" s="91"/>
      <c r="GZ822" s="91"/>
      <c r="HA822" s="91"/>
      <c r="HB822" s="91"/>
      <c r="HC822" s="91"/>
      <c r="HD822" s="91"/>
      <c r="HE822" s="91"/>
      <c r="HF822" s="91"/>
      <c r="HG822" s="91"/>
      <c r="HH822" s="91"/>
      <c r="HI822" s="91"/>
      <c r="HJ822" s="91"/>
      <c r="HK822" s="127"/>
      <c r="HL822" s="126"/>
      <c r="HM822" s="91"/>
      <c r="HN822" s="91"/>
      <c r="HO822" s="91"/>
      <c r="HP822" s="91"/>
      <c r="HQ822" s="91"/>
      <c r="HR822" s="91"/>
      <c r="HS822" s="91"/>
      <c r="HT822" s="91"/>
      <c r="HU822" s="91"/>
      <c r="HV822" s="91"/>
      <c r="HW822" s="91"/>
      <c r="HX822" s="91"/>
      <c r="HY822" s="91"/>
      <c r="HZ822" s="91"/>
      <c r="IA822" s="91"/>
      <c r="IB822" s="91"/>
      <c r="IC822" s="91"/>
      <c r="ID822" s="91"/>
      <c r="IE822" s="91"/>
      <c r="IF822" s="91"/>
      <c r="IG822" s="91"/>
      <c r="IH822" s="91"/>
      <c r="II822" s="91"/>
      <c r="IJ822" s="91"/>
      <c r="IK822" s="127"/>
    </row>
    <row r="823" spans="2:245" x14ac:dyDescent="0.2">
      <c r="B823" s="43"/>
      <c r="C823" s="73"/>
      <c r="D823" s="64"/>
      <c r="E823" s="64"/>
      <c r="F823" s="55"/>
      <c r="G823" s="102"/>
      <c r="H823" s="55"/>
      <c r="I823" s="55"/>
      <c r="J823" s="55"/>
      <c r="K823" s="55"/>
      <c r="L823" s="55"/>
      <c r="M823" s="55"/>
      <c r="N823" s="55"/>
      <c r="O823" s="55"/>
      <c r="P823" s="55"/>
      <c r="Q823" s="55"/>
      <c r="R823" s="55"/>
      <c r="S823" s="55"/>
      <c r="T823" s="55"/>
      <c r="U823" s="55"/>
      <c r="V823" s="55"/>
      <c r="W823" s="55"/>
      <c r="X823" s="55"/>
      <c r="Y823" s="55"/>
      <c r="Z823" s="55"/>
      <c r="AA823" s="55"/>
      <c r="AB823" s="55"/>
      <c r="AC823" s="55"/>
      <c r="AD823" s="55"/>
      <c r="AE823" s="55"/>
      <c r="AF823" s="55"/>
      <c r="AG823" s="55"/>
      <c r="AY823" s="162"/>
      <c r="AZ823" s="162"/>
      <c r="BA823" s="162"/>
      <c r="BB823" s="162"/>
      <c r="BC823" s="162"/>
      <c r="BD823" s="162"/>
      <c r="BE823" s="162"/>
      <c r="BF823" s="162"/>
      <c r="BG823" s="162"/>
      <c r="BH823" s="162"/>
      <c r="BI823" s="162"/>
      <c r="BJ823" s="162"/>
      <c r="BK823" s="162"/>
      <c r="BL823" s="162"/>
      <c r="BM823" s="162"/>
      <c r="BN823" s="162"/>
      <c r="BO823" s="162"/>
      <c r="BP823" s="162"/>
      <c r="BQ823" s="162"/>
      <c r="BR823" s="162"/>
      <c r="BS823" s="162"/>
      <c r="BT823" s="162"/>
      <c r="BU823" s="162"/>
      <c r="BV823" s="162"/>
      <c r="BW823" s="162"/>
      <c r="BX823" s="162"/>
      <c r="BY823" s="162"/>
      <c r="BZ823" s="162"/>
      <c r="CA823" s="162"/>
      <c r="CB823" s="162"/>
      <c r="CC823" s="162"/>
      <c r="CD823" s="162"/>
      <c r="CE823" s="162"/>
      <c r="CF823" s="162"/>
      <c r="CG823" s="162"/>
      <c r="CH823" s="162"/>
      <c r="CI823" s="162"/>
      <c r="CJ823" s="162"/>
      <c r="CK823" s="162"/>
      <c r="CX823" s="98"/>
      <c r="DL823" s="97"/>
      <c r="DX823" s="98"/>
      <c r="EL823" s="97"/>
      <c r="EX823" s="98"/>
      <c r="EY823" s="97"/>
      <c r="FL823" s="126"/>
      <c r="FM823" s="91"/>
      <c r="FN823" s="91"/>
      <c r="FO823" s="91"/>
      <c r="FP823" s="91"/>
      <c r="FQ823" s="91"/>
      <c r="FR823" s="91"/>
      <c r="FS823" s="91"/>
      <c r="FT823" s="91"/>
      <c r="FU823" s="91"/>
      <c r="FV823" s="91"/>
      <c r="FW823" s="91"/>
      <c r="FX823" s="91"/>
      <c r="FY823" s="91"/>
      <c r="FZ823" s="91"/>
      <c r="GA823" s="91"/>
      <c r="GB823" s="91"/>
      <c r="GC823" s="91"/>
      <c r="GD823" s="91"/>
      <c r="GE823" s="91"/>
      <c r="GF823" s="91"/>
      <c r="GG823" s="91"/>
      <c r="GH823" s="91"/>
      <c r="GI823" s="91"/>
      <c r="GJ823" s="91"/>
      <c r="GK823" s="127"/>
      <c r="GL823" s="126"/>
      <c r="GM823" s="91"/>
      <c r="GN823" s="91"/>
      <c r="GO823" s="91"/>
      <c r="GP823" s="91"/>
      <c r="GQ823" s="91"/>
      <c r="GR823" s="91"/>
      <c r="GS823" s="91"/>
      <c r="GT823" s="91"/>
      <c r="GU823" s="91"/>
      <c r="GV823" s="91"/>
      <c r="GW823" s="91"/>
      <c r="GX823" s="91"/>
      <c r="GY823" s="91"/>
      <c r="GZ823" s="91"/>
      <c r="HA823" s="91"/>
      <c r="HB823" s="91"/>
      <c r="HC823" s="91"/>
      <c r="HD823" s="91"/>
      <c r="HE823" s="91"/>
      <c r="HF823" s="91"/>
      <c r="HG823" s="91"/>
      <c r="HH823" s="91"/>
      <c r="HI823" s="91"/>
      <c r="HJ823" s="91"/>
      <c r="HK823" s="127"/>
      <c r="HL823" s="126"/>
      <c r="HM823" s="91"/>
      <c r="HN823" s="91"/>
      <c r="HO823" s="91"/>
      <c r="HP823" s="91"/>
      <c r="HQ823" s="91"/>
      <c r="HR823" s="91"/>
      <c r="HS823" s="91"/>
      <c r="HT823" s="91"/>
      <c r="HU823" s="91"/>
      <c r="HV823" s="91"/>
      <c r="HW823" s="91"/>
      <c r="HX823" s="91"/>
      <c r="HY823" s="91"/>
      <c r="HZ823" s="91"/>
      <c r="IA823" s="91"/>
      <c r="IB823" s="91"/>
      <c r="IC823" s="91"/>
      <c r="ID823" s="91"/>
      <c r="IE823" s="91"/>
      <c r="IF823" s="91"/>
      <c r="IG823" s="91"/>
      <c r="IH823" s="91"/>
      <c r="II823" s="91"/>
      <c r="IJ823" s="91"/>
      <c r="IK823" s="127"/>
    </row>
    <row r="824" spans="2:245" x14ac:dyDescent="0.2">
      <c r="B824" s="43"/>
      <c r="C824" s="73"/>
      <c r="D824" s="64"/>
      <c r="E824" s="64"/>
      <c r="F824" s="55"/>
      <c r="G824" s="102"/>
      <c r="H824" s="55"/>
      <c r="I824" s="55"/>
      <c r="J824" s="55"/>
      <c r="K824" s="55"/>
      <c r="L824" s="55"/>
      <c r="M824" s="55"/>
      <c r="N824" s="55"/>
      <c r="O824" s="55"/>
      <c r="P824" s="55"/>
      <c r="Q824" s="55"/>
      <c r="R824" s="55"/>
      <c r="S824" s="55"/>
      <c r="T824" s="55"/>
      <c r="U824" s="55"/>
      <c r="V824" s="55"/>
      <c r="W824" s="55"/>
      <c r="X824" s="55"/>
      <c r="Y824" s="55"/>
      <c r="Z824" s="55"/>
      <c r="AA824" s="55"/>
      <c r="AB824" s="55"/>
      <c r="AC824" s="55"/>
      <c r="AD824" s="55"/>
      <c r="AE824" s="55"/>
      <c r="AF824" s="55"/>
      <c r="AG824" s="55"/>
      <c r="AY824" s="162"/>
      <c r="AZ824" s="162"/>
      <c r="BA824" s="162"/>
      <c r="BB824" s="162"/>
      <c r="BC824" s="162"/>
      <c r="BD824" s="162"/>
      <c r="BE824" s="162"/>
      <c r="BF824" s="162"/>
      <c r="BG824" s="162"/>
      <c r="BH824" s="162"/>
      <c r="BI824" s="162"/>
      <c r="BJ824" s="162"/>
      <c r="BK824" s="162"/>
      <c r="BL824" s="162"/>
      <c r="BM824" s="162"/>
      <c r="BN824" s="162"/>
      <c r="BO824" s="162"/>
      <c r="BP824" s="162"/>
      <c r="BQ824" s="162"/>
      <c r="BR824" s="162"/>
      <c r="BS824" s="162"/>
      <c r="BT824" s="162"/>
      <c r="BU824" s="162"/>
      <c r="BV824" s="162"/>
      <c r="BW824" s="162"/>
      <c r="BX824" s="162"/>
      <c r="BY824" s="162"/>
      <c r="BZ824" s="162"/>
      <c r="CA824" s="162"/>
      <c r="CB824" s="162"/>
      <c r="CC824" s="162"/>
      <c r="CD824" s="162"/>
      <c r="CE824" s="162"/>
      <c r="CF824" s="162"/>
      <c r="CG824" s="162"/>
      <c r="CH824" s="162"/>
      <c r="CI824" s="162"/>
      <c r="CJ824" s="162"/>
      <c r="CK824" s="162"/>
      <c r="CX824" s="98"/>
      <c r="DL824" s="97"/>
      <c r="DX824" s="98"/>
      <c r="EL824" s="97"/>
      <c r="EX824" s="98"/>
      <c r="EY824" s="97"/>
      <c r="FL824" s="126"/>
      <c r="FM824" s="91"/>
      <c r="FN824" s="91"/>
      <c r="FO824" s="91"/>
      <c r="FP824" s="91"/>
      <c r="FQ824" s="91"/>
      <c r="FR824" s="91"/>
      <c r="FS824" s="91"/>
      <c r="FT824" s="91"/>
      <c r="FU824" s="91"/>
      <c r="FV824" s="91"/>
      <c r="FW824" s="91"/>
      <c r="FX824" s="91"/>
      <c r="FY824" s="91"/>
      <c r="FZ824" s="91"/>
      <c r="GA824" s="91"/>
      <c r="GB824" s="91"/>
      <c r="GC824" s="91"/>
      <c r="GD824" s="91"/>
      <c r="GE824" s="91"/>
      <c r="GF824" s="91"/>
      <c r="GG824" s="91"/>
      <c r="GH824" s="91"/>
      <c r="GI824" s="91"/>
      <c r="GJ824" s="91"/>
      <c r="GK824" s="127"/>
      <c r="GL824" s="126"/>
      <c r="GM824" s="91"/>
      <c r="GN824" s="91"/>
      <c r="GO824" s="91"/>
      <c r="GP824" s="91"/>
      <c r="GQ824" s="91"/>
      <c r="GR824" s="91"/>
      <c r="GS824" s="91"/>
      <c r="GT824" s="91"/>
      <c r="GU824" s="91"/>
      <c r="GV824" s="91"/>
      <c r="GW824" s="91"/>
      <c r="GX824" s="91"/>
      <c r="GY824" s="91"/>
      <c r="GZ824" s="91"/>
      <c r="HA824" s="91"/>
      <c r="HB824" s="91"/>
      <c r="HC824" s="91"/>
      <c r="HD824" s="91"/>
      <c r="HE824" s="91"/>
      <c r="HF824" s="91"/>
      <c r="HG824" s="91"/>
      <c r="HH824" s="91"/>
      <c r="HI824" s="91"/>
      <c r="HJ824" s="91"/>
      <c r="HK824" s="127"/>
      <c r="HL824" s="126"/>
      <c r="HM824" s="91"/>
      <c r="HN824" s="91"/>
      <c r="HO824" s="91"/>
      <c r="HP824" s="91"/>
      <c r="HQ824" s="91"/>
      <c r="HR824" s="91"/>
      <c r="HS824" s="91"/>
      <c r="HT824" s="91"/>
      <c r="HU824" s="91"/>
      <c r="HV824" s="91"/>
      <c r="HW824" s="91"/>
      <c r="HX824" s="91"/>
      <c r="HY824" s="91"/>
      <c r="HZ824" s="91"/>
      <c r="IA824" s="91"/>
      <c r="IB824" s="91"/>
      <c r="IC824" s="91"/>
      <c r="ID824" s="91"/>
      <c r="IE824" s="91"/>
      <c r="IF824" s="91"/>
      <c r="IG824" s="91"/>
      <c r="IH824" s="91"/>
      <c r="II824" s="91"/>
      <c r="IJ824" s="91"/>
      <c r="IK824" s="127"/>
    </row>
    <row r="825" spans="2:245" x14ac:dyDescent="0.2">
      <c r="B825" s="43"/>
      <c r="C825" s="73"/>
      <c r="D825" s="64"/>
      <c r="E825" s="64"/>
      <c r="F825" s="55"/>
      <c r="G825" s="102"/>
      <c r="H825" s="55"/>
      <c r="I825" s="55"/>
      <c r="J825" s="55"/>
      <c r="K825" s="55"/>
      <c r="L825" s="55"/>
      <c r="M825" s="55"/>
      <c r="N825" s="55"/>
      <c r="O825" s="55"/>
      <c r="P825" s="55"/>
      <c r="Q825" s="55"/>
      <c r="R825" s="55"/>
      <c r="S825" s="55"/>
      <c r="T825" s="55"/>
      <c r="U825" s="55"/>
      <c r="V825" s="55"/>
      <c r="W825" s="55"/>
      <c r="X825" s="55"/>
      <c r="Y825" s="55"/>
      <c r="Z825" s="55"/>
      <c r="AA825" s="55"/>
      <c r="AB825" s="55"/>
      <c r="AC825" s="55"/>
      <c r="AD825" s="55"/>
      <c r="AE825" s="55"/>
      <c r="AF825" s="55"/>
      <c r="AG825" s="55"/>
      <c r="AY825" s="162"/>
      <c r="AZ825" s="162"/>
      <c r="BA825" s="162"/>
      <c r="BB825" s="162"/>
      <c r="BC825" s="162"/>
      <c r="BD825" s="162"/>
      <c r="BE825" s="162"/>
      <c r="BF825" s="162"/>
      <c r="BG825" s="162"/>
      <c r="BH825" s="162"/>
      <c r="BI825" s="162"/>
      <c r="BJ825" s="162"/>
      <c r="BK825" s="162"/>
      <c r="BL825" s="162"/>
      <c r="BM825" s="162"/>
      <c r="BN825" s="162"/>
      <c r="BO825" s="162"/>
      <c r="BP825" s="162"/>
      <c r="BQ825" s="162"/>
      <c r="BR825" s="162"/>
      <c r="BS825" s="162"/>
      <c r="BT825" s="162"/>
      <c r="BU825" s="162"/>
      <c r="BV825" s="162"/>
      <c r="BW825" s="162"/>
      <c r="BX825" s="162"/>
      <c r="BY825" s="162"/>
      <c r="BZ825" s="162"/>
      <c r="CA825" s="162"/>
      <c r="CB825" s="162"/>
      <c r="CC825" s="162"/>
      <c r="CD825" s="162"/>
      <c r="CE825" s="162"/>
      <c r="CF825" s="162"/>
      <c r="CG825" s="162"/>
      <c r="CH825" s="162"/>
      <c r="CI825" s="162"/>
      <c r="CJ825" s="162"/>
      <c r="CK825" s="162"/>
      <c r="CX825" s="98"/>
      <c r="DL825" s="97"/>
      <c r="DX825" s="98"/>
      <c r="EL825" s="97"/>
      <c r="EX825" s="98"/>
      <c r="EY825" s="97"/>
      <c r="FL825" s="126"/>
      <c r="FM825" s="91"/>
      <c r="FN825" s="91"/>
      <c r="FO825" s="91"/>
      <c r="FP825" s="91"/>
      <c r="FQ825" s="91"/>
      <c r="FR825" s="91"/>
      <c r="FS825" s="91"/>
      <c r="FT825" s="91"/>
      <c r="FU825" s="91"/>
      <c r="FV825" s="91"/>
      <c r="FW825" s="91"/>
      <c r="FX825" s="91"/>
      <c r="FY825" s="91"/>
      <c r="FZ825" s="91"/>
      <c r="GA825" s="91"/>
      <c r="GB825" s="91"/>
      <c r="GC825" s="91"/>
      <c r="GD825" s="91"/>
      <c r="GE825" s="91"/>
      <c r="GF825" s="91"/>
      <c r="GG825" s="91"/>
      <c r="GH825" s="91"/>
      <c r="GI825" s="91"/>
      <c r="GJ825" s="91"/>
      <c r="GK825" s="127"/>
      <c r="GL825" s="126"/>
      <c r="GM825" s="91"/>
      <c r="GN825" s="91"/>
      <c r="GO825" s="91"/>
      <c r="GP825" s="91"/>
      <c r="GQ825" s="91"/>
      <c r="GR825" s="91"/>
      <c r="GS825" s="91"/>
      <c r="GT825" s="91"/>
      <c r="GU825" s="91"/>
      <c r="GV825" s="91"/>
      <c r="GW825" s="91"/>
      <c r="GX825" s="91"/>
      <c r="GY825" s="91"/>
      <c r="GZ825" s="91"/>
      <c r="HA825" s="91"/>
      <c r="HB825" s="91"/>
      <c r="HC825" s="91"/>
      <c r="HD825" s="91"/>
      <c r="HE825" s="91"/>
      <c r="HF825" s="91"/>
      <c r="HG825" s="91"/>
      <c r="HH825" s="91"/>
      <c r="HI825" s="91"/>
      <c r="HJ825" s="91"/>
      <c r="HK825" s="127"/>
      <c r="HL825" s="126"/>
      <c r="HM825" s="91"/>
      <c r="HN825" s="91"/>
      <c r="HO825" s="91"/>
      <c r="HP825" s="91"/>
      <c r="HQ825" s="91"/>
      <c r="HR825" s="91"/>
      <c r="HS825" s="91"/>
      <c r="HT825" s="91"/>
      <c r="HU825" s="91"/>
      <c r="HV825" s="91"/>
      <c r="HW825" s="91"/>
      <c r="HX825" s="91"/>
      <c r="HY825" s="91"/>
      <c r="HZ825" s="91"/>
      <c r="IA825" s="91"/>
      <c r="IB825" s="91"/>
      <c r="IC825" s="91"/>
      <c r="ID825" s="91"/>
      <c r="IE825" s="91"/>
      <c r="IF825" s="91"/>
      <c r="IG825" s="91"/>
      <c r="IH825" s="91"/>
      <c r="II825" s="91"/>
      <c r="IJ825" s="91"/>
      <c r="IK825" s="127"/>
    </row>
    <row r="826" spans="2:245" x14ac:dyDescent="0.2">
      <c r="B826" s="43"/>
      <c r="C826" s="73"/>
      <c r="D826" s="64"/>
      <c r="E826" s="64"/>
      <c r="F826" s="55"/>
      <c r="G826" s="102"/>
      <c r="H826" s="55"/>
      <c r="I826" s="55"/>
      <c r="J826" s="55"/>
      <c r="K826" s="55"/>
      <c r="L826" s="55"/>
      <c r="M826" s="55"/>
      <c r="N826" s="55"/>
      <c r="O826" s="55"/>
      <c r="P826" s="55"/>
      <c r="Q826" s="55"/>
      <c r="R826" s="55"/>
      <c r="S826" s="55"/>
      <c r="T826" s="55"/>
      <c r="U826" s="55"/>
      <c r="V826" s="55"/>
      <c r="W826" s="55"/>
      <c r="X826" s="55"/>
      <c r="Y826" s="55"/>
      <c r="Z826" s="55"/>
      <c r="AA826" s="55"/>
      <c r="AB826" s="55"/>
      <c r="AC826" s="55"/>
      <c r="AD826" s="55"/>
      <c r="AE826" s="55"/>
      <c r="AF826" s="55"/>
      <c r="AG826" s="55"/>
      <c r="AY826" s="162"/>
      <c r="AZ826" s="162"/>
      <c r="BA826" s="162"/>
      <c r="BB826" s="162"/>
      <c r="BC826" s="162"/>
      <c r="BD826" s="162"/>
      <c r="BE826" s="162"/>
      <c r="BF826" s="162"/>
      <c r="BG826" s="162"/>
      <c r="BH826" s="162"/>
      <c r="BI826" s="162"/>
      <c r="BJ826" s="162"/>
      <c r="BK826" s="162"/>
      <c r="BL826" s="162"/>
      <c r="BM826" s="162"/>
      <c r="BN826" s="162"/>
      <c r="BO826" s="162"/>
      <c r="BP826" s="162"/>
      <c r="BQ826" s="162"/>
      <c r="BR826" s="162"/>
      <c r="BS826" s="162"/>
      <c r="BT826" s="162"/>
      <c r="BU826" s="162"/>
      <c r="BV826" s="162"/>
      <c r="BW826" s="162"/>
      <c r="BX826" s="162"/>
      <c r="BY826" s="162"/>
      <c r="BZ826" s="162"/>
      <c r="CA826" s="162"/>
      <c r="CB826" s="162"/>
      <c r="CC826" s="162"/>
      <c r="CD826" s="162"/>
      <c r="CE826" s="162"/>
      <c r="CF826" s="162"/>
      <c r="CG826" s="162"/>
      <c r="CH826" s="162"/>
      <c r="CI826" s="162"/>
      <c r="CJ826" s="162"/>
      <c r="CK826" s="162"/>
      <c r="CX826" s="98"/>
      <c r="DL826" s="97"/>
      <c r="DX826" s="98"/>
      <c r="EL826" s="97"/>
      <c r="EX826" s="98"/>
      <c r="EY826" s="97"/>
      <c r="FL826" s="126"/>
      <c r="FM826" s="91"/>
      <c r="FN826" s="91"/>
      <c r="FO826" s="91"/>
      <c r="FP826" s="91"/>
      <c r="FQ826" s="91"/>
      <c r="FR826" s="91"/>
      <c r="FS826" s="91"/>
      <c r="FT826" s="91"/>
      <c r="FU826" s="91"/>
      <c r="FV826" s="91"/>
      <c r="FW826" s="91"/>
      <c r="FX826" s="91"/>
      <c r="FY826" s="91"/>
      <c r="FZ826" s="91"/>
      <c r="GA826" s="91"/>
      <c r="GB826" s="91"/>
      <c r="GC826" s="91"/>
      <c r="GD826" s="91"/>
      <c r="GE826" s="91"/>
      <c r="GF826" s="91"/>
      <c r="GG826" s="91"/>
      <c r="GH826" s="91"/>
      <c r="GI826" s="91"/>
      <c r="GJ826" s="91"/>
      <c r="GK826" s="127"/>
      <c r="GL826" s="126"/>
      <c r="GM826" s="91"/>
      <c r="GN826" s="91"/>
      <c r="GO826" s="91"/>
      <c r="GP826" s="91"/>
      <c r="GQ826" s="91"/>
      <c r="GR826" s="91"/>
      <c r="GS826" s="91"/>
      <c r="GT826" s="91"/>
      <c r="GU826" s="91"/>
      <c r="GV826" s="91"/>
      <c r="GW826" s="91"/>
      <c r="GX826" s="91"/>
      <c r="GY826" s="91"/>
      <c r="GZ826" s="91"/>
      <c r="HA826" s="91"/>
      <c r="HB826" s="91"/>
      <c r="HC826" s="91"/>
      <c r="HD826" s="91"/>
      <c r="HE826" s="91"/>
      <c r="HF826" s="91"/>
      <c r="HG826" s="91"/>
      <c r="HH826" s="91"/>
      <c r="HI826" s="91"/>
      <c r="HJ826" s="91"/>
      <c r="HK826" s="127"/>
      <c r="HL826" s="126"/>
      <c r="HM826" s="91"/>
      <c r="HN826" s="91"/>
      <c r="HO826" s="91"/>
      <c r="HP826" s="91"/>
      <c r="HQ826" s="91"/>
      <c r="HR826" s="91"/>
      <c r="HS826" s="91"/>
      <c r="HT826" s="91"/>
      <c r="HU826" s="91"/>
      <c r="HV826" s="91"/>
      <c r="HW826" s="91"/>
      <c r="HX826" s="91"/>
      <c r="HY826" s="91"/>
      <c r="HZ826" s="91"/>
      <c r="IA826" s="91"/>
      <c r="IB826" s="91"/>
      <c r="IC826" s="91"/>
      <c r="ID826" s="91"/>
      <c r="IE826" s="91"/>
      <c r="IF826" s="91"/>
      <c r="IG826" s="91"/>
      <c r="IH826" s="91"/>
      <c r="II826" s="91"/>
      <c r="IJ826" s="91"/>
      <c r="IK826" s="127"/>
    </row>
    <row r="827" spans="2:245" x14ac:dyDescent="0.2">
      <c r="B827" s="43"/>
      <c r="C827" s="73"/>
      <c r="D827" s="64"/>
      <c r="E827" s="64"/>
      <c r="F827" s="55"/>
      <c r="G827" s="102"/>
      <c r="H827" s="55"/>
      <c r="I827" s="55"/>
      <c r="J827" s="55"/>
      <c r="K827" s="55"/>
      <c r="L827" s="55"/>
      <c r="M827" s="55"/>
      <c r="N827" s="55"/>
      <c r="O827" s="55"/>
      <c r="P827" s="55"/>
      <c r="Q827" s="55"/>
      <c r="R827" s="55"/>
      <c r="S827" s="55"/>
      <c r="T827" s="55"/>
      <c r="U827" s="55"/>
      <c r="V827" s="55"/>
      <c r="W827" s="55"/>
      <c r="X827" s="55"/>
      <c r="Y827" s="55"/>
      <c r="Z827" s="55"/>
      <c r="AA827" s="55"/>
      <c r="AB827" s="55"/>
      <c r="AC827" s="55"/>
      <c r="AD827" s="55"/>
      <c r="AE827" s="55"/>
      <c r="AF827" s="55"/>
      <c r="AG827" s="55"/>
      <c r="AY827" s="162"/>
      <c r="AZ827" s="162"/>
      <c r="BA827" s="162"/>
      <c r="BB827" s="162"/>
      <c r="BC827" s="162"/>
      <c r="BD827" s="162"/>
      <c r="BE827" s="162"/>
      <c r="BF827" s="162"/>
      <c r="BG827" s="162"/>
      <c r="BH827" s="162"/>
      <c r="BI827" s="162"/>
      <c r="BJ827" s="162"/>
      <c r="BK827" s="162"/>
      <c r="BL827" s="162"/>
      <c r="BM827" s="162"/>
      <c r="BN827" s="162"/>
      <c r="BO827" s="162"/>
      <c r="BP827" s="162"/>
      <c r="BQ827" s="162"/>
      <c r="BR827" s="162"/>
      <c r="BS827" s="162"/>
      <c r="BT827" s="162"/>
      <c r="BU827" s="162"/>
      <c r="BV827" s="162"/>
      <c r="BW827" s="162"/>
      <c r="BX827" s="162"/>
      <c r="BY827" s="162"/>
      <c r="BZ827" s="162"/>
      <c r="CA827" s="162"/>
      <c r="CB827" s="162"/>
      <c r="CC827" s="162"/>
      <c r="CD827" s="162"/>
      <c r="CE827" s="162"/>
      <c r="CF827" s="162"/>
      <c r="CG827" s="162"/>
      <c r="CH827" s="162"/>
      <c r="CI827" s="162"/>
      <c r="CJ827" s="162"/>
      <c r="CK827" s="162"/>
      <c r="CX827" s="98"/>
      <c r="DL827" s="97"/>
      <c r="DX827" s="98"/>
      <c r="EL827" s="97"/>
      <c r="EX827" s="98"/>
      <c r="EY827" s="97"/>
      <c r="FL827" s="126"/>
      <c r="FM827" s="91"/>
      <c r="FN827" s="91"/>
      <c r="FO827" s="91"/>
      <c r="FP827" s="91"/>
      <c r="FQ827" s="91"/>
      <c r="FR827" s="91"/>
      <c r="FS827" s="91"/>
      <c r="FT827" s="91"/>
      <c r="FU827" s="91"/>
      <c r="FV827" s="91"/>
      <c r="FW827" s="91"/>
      <c r="FX827" s="91"/>
      <c r="FY827" s="91"/>
      <c r="FZ827" s="91"/>
      <c r="GA827" s="91"/>
      <c r="GB827" s="91"/>
      <c r="GC827" s="91"/>
      <c r="GD827" s="91"/>
      <c r="GE827" s="91"/>
      <c r="GF827" s="91"/>
      <c r="GG827" s="91"/>
      <c r="GH827" s="91"/>
      <c r="GI827" s="91"/>
      <c r="GJ827" s="91"/>
      <c r="GK827" s="127"/>
      <c r="GL827" s="126"/>
      <c r="GM827" s="91"/>
      <c r="GN827" s="91"/>
      <c r="GO827" s="91"/>
      <c r="GP827" s="91"/>
      <c r="GQ827" s="91"/>
      <c r="GR827" s="91"/>
      <c r="GS827" s="91"/>
      <c r="GT827" s="91"/>
      <c r="GU827" s="91"/>
      <c r="GV827" s="91"/>
      <c r="GW827" s="91"/>
      <c r="GX827" s="91"/>
      <c r="GY827" s="91"/>
      <c r="GZ827" s="91"/>
      <c r="HA827" s="91"/>
      <c r="HB827" s="91"/>
      <c r="HC827" s="91"/>
      <c r="HD827" s="91"/>
      <c r="HE827" s="91"/>
      <c r="HF827" s="91"/>
      <c r="HG827" s="91"/>
      <c r="HH827" s="91"/>
      <c r="HI827" s="91"/>
      <c r="HJ827" s="91"/>
      <c r="HK827" s="127"/>
      <c r="HL827" s="126"/>
      <c r="HM827" s="91"/>
      <c r="HN827" s="91"/>
      <c r="HO827" s="91"/>
      <c r="HP827" s="91"/>
      <c r="HQ827" s="91"/>
      <c r="HR827" s="91"/>
      <c r="HS827" s="91"/>
      <c r="HT827" s="91"/>
      <c r="HU827" s="91"/>
      <c r="HV827" s="91"/>
      <c r="HW827" s="91"/>
      <c r="HX827" s="91"/>
      <c r="HY827" s="91"/>
      <c r="HZ827" s="91"/>
      <c r="IA827" s="91"/>
      <c r="IB827" s="91"/>
      <c r="IC827" s="91"/>
      <c r="ID827" s="91"/>
      <c r="IE827" s="91"/>
      <c r="IF827" s="91"/>
      <c r="IG827" s="91"/>
      <c r="IH827" s="91"/>
      <c r="II827" s="91"/>
      <c r="IJ827" s="91"/>
      <c r="IK827" s="127"/>
    </row>
    <row r="828" spans="2:245" x14ac:dyDescent="0.2">
      <c r="B828" s="43"/>
      <c r="C828" s="73"/>
      <c r="D828" s="64"/>
      <c r="E828" s="64"/>
      <c r="F828" s="55"/>
      <c r="G828" s="102"/>
      <c r="H828" s="55"/>
      <c r="I828" s="55"/>
      <c r="J828" s="55"/>
      <c r="K828" s="55"/>
      <c r="L828" s="55"/>
      <c r="M828" s="55"/>
      <c r="N828" s="55"/>
      <c r="O828" s="55"/>
      <c r="P828" s="55"/>
      <c r="Q828" s="55"/>
      <c r="R828" s="55"/>
      <c r="S828" s="55"/>
      <c r="T828" s="55"/>
      <c r="U828" s="55"/>
      <c r="V828" s="55"/>
      <c r="W828" s="55"/>
      <c r="X828" s="55"/>
      <c r="Y828" s="55"/>
      <c r="Z828" s="55"/>
      <c r="AA828" s="55"/>
      <c r="AB828" s="55"/>
      <c r="AC828" s="55"/>
      <c r="AD828" s="55"/>
      <c r="AE828" s="55"/>
      <c r="AF828" s="55"/>
      <c r="AG828" s="55"/>
      <c r="AY828" s="162"/>
      <c r="AZ828" s="162"/>
      <c r="BA828" s="162"/>
      <c r="BB828" s="162"/>
      <c r="BC828" s="162"/>
      <c r="BD828" s="162"/>
      <c r="BE828" s="162"/>
      <c r="BF828" s="162"/>
      <c r="BG828" s="162"/>
      <c r="BH828" s="162"/>
      <c r="BI828" s="162"/>
      <c r="BJ828" s="162"/>
      <c r="BK828" s="162"/>
      <c r="BL828" s="162"/>
      <c r="BM828" s="162"/>
      <c r="BN828" s="162"/>
      <c r="BO828" s="162"/>
      <c r="BP828" s="162"/>
      <c r="BQ828" s="162"/>
      <c r="BR828" s="162"/>
      <c r="BS828" s="162"/>
      <c r="BT828" s="162"/>
      <c r="BU828" s="162"/>
      <c r="BV828" s="162"/>
      <c r="BW828" s="162"/>
      <c r="BX828" s="162"/>
      <c r="BY828" s="162"/>
      <c r="BZ828" s="162"/>
      <c r="CA828" s="162"/>
      <c r="CB828" s="162"/>
      <c r="CC828" s="162"/>
      <c r="CD828" s="162"/>
      <c r="CE828" s="162"/>
      <c r="CF828" s="162"/>
      <c r="CG828" s="162"/>
      <c r="CH828" s="162"/>
      <c r="CI828" s="162"/>
      <c r="CJ828" s="162"/>
      <c r="CK828" s="162"/>
      <c r="CX828" s="98"/>
      <c r="DL828" s="97"/>
      <c r="DX828" s="98"/>
      <c r="EL828" s="97"/>
      <c r="EX828" s="98"/>
      <c r="EY828" s="97"/>
      <c r="FL828" s="126"/>
      <c r="FM828" s="91"/>
      <c r="FN828" s="91"/>
      <c r="FO828" s="91"/>
      <c r="FP828" s="91"/>
      <c r="FQ828" s="91"/>
      <c r="FR828" s="91"/>
      <c r="FS828" s="91"/>
      <c r="FT828" s="91"/>
      <c r="FU828" s="91"/>
      <c r="FV828" s="91"/>
      <c r="FW828" s="91"/>
      <c r="FX828" s="91"/>
      <c r="FY828" s="91"/>
      <c r="FZ828" s="91"/>
      <c r="GA828" s="91"/>
      <c r="GB828" s="91"/>
      <c r="GC828" s="91"/>
      <c r="GD828" s="91"/>
      <c r="GE828" s="91"/>
      <c r="GF828" s="91"/>
      <c r="GG828" s="91"/>
      <c r="GH828" s="91"/>
      <c r="GI828" s="91"/>
      <c r="GJ828" s="91"/>
      <c r="GK828" s="127"/>
      <c r="GL828" s="126"/>
      <c r="GM828" s="91"/>
      <c r="GN828" s="91"/>
      <c r="GO828" s="91"/>
      <c r="GP828" s="91"/>
      <c r="GQ828" s="91"/>
      <c r="GR828" s="91"/>
      <c r="GS828" s="91"/>
      <c r="GT828" s="91"/>
      <c r="GU828" s="91"/>
      <c r="GV828" s="91"/>
      <c r="GW828" s="91"/>
      <c r="GX828" s="91"/>
      <c r="GY828" s="91"/>
      <c r="GZ828" s="91"/>
      <c r="HA828" s="91"/>
      <c r="HB828" s="91"/>
      <c r="HC828" s="91"/>
      <c r="HD828" s="91"/>
      <c r="HE828" s="91"/>
      <c r="HF828" s="91"/>
      <c r="HG828" s="91"/>
      <c r="HH828" s="91"/>
      <c r="HI828" s="91"/>
      <c r="HJ828" s="91"/>
      <c r="HK828" s="127"/>
      <c r="HL828" s="126"/>
      <c r="HM828" s="91"/>
      <c r="HN828" s="91"/>
      <c r="HO828" s="91"/>
      <c r="HP828" s="91"/>
      <c r="HQ828" s="91"/>
      <c r="HR828" s="91"/>
      <c r="HS828" s="91"/>
      <c r="HT828" s="91"/>
      <c r="HU828" s="91"/>
      <c r="HV828" s="91"/>
      <c r="HW828" s="91"/>
      <c r="HX828" s="91"/>
      <c r="HY828" s="91"/>
      <c r="HZ828" s="91"/>
      <c r="IA828" s="91"/>
      <c r="IB828" s="91"/>
      <c r="IC828" s="91"/>
      <c r="ID828" s="91"/>
      <c r="IE828" s="91"/>
      <c r="IF828" s="91"/>
      <c r="IG828" s="91"/>
      <c r="IH828" s="91"/>
      <c r="II828" s="91"/>
      <c r="IJ828" s="91"/>
      <c r="IK828" s="127"/>
    </row>
    <row r="829" spans="2:245" x14ac:dyDescent="0.2">
      <c r="B829" s="43"/>
      <c r="C829" s="73"/>
      <c r="D829" s="64"/>
      <c r="E829" s="64"/>
      <c r="F829" s="55"/>
      <c r="G829" s="102"/>
      <c r="H829" s="55"/>
      <c r="I829" s="55"/>
      <c r="J829" s="55"/>
      <c r="K829" s="55"/>
      <c r="L829" s="55"/>
      <c r="M829" s="55"/>
      <c r="N829" s="55"/>
      <c r="O829" s="55"/>
      <c r="P829" s="55"/>
      <c r="Q829" s="55"/>
      <c r="R829" s="55"/>
      <c r="S829" s="55"/>
      <c r="T829" s="55"/>
      <c r="U829" s="55"/>
      <c r="V829" s="55"/>
      <c r="W829" s="55"/>
      <c r="X829" s="55"/>
      <c r="Y829" s="55"/>
      <c r="Z829" s="55"/>
      <c r="AA829" s="55"/>
      <c r="AB829" s="55"/>
      <c r="AC829" s="55"/>
      <c r="AD829" s="55"/>
      <c r="AE829" s="55"/>
      <c r="AF829" s="55"/>
      <c r="AG829" s="55"/>
      <c r="AY829" s="162"/>
      <c r="AZ829" s="162"/>
      <c r="BA829" s="162"/>
      <c r="BB829" s="162"/>
      <c r="BC829" s="162"/>
      <c r="BD829" s="162"/>
      <c r="BE829" s="162"/>
      <c r="BF829" s="162"/>
      <c r="BG829" s="162"/>
      <c r="BH829" s="162"/>
      <c r="BI829" s="162"/>
      <c r="BJ829" s="162"/>
      <c r="BK829" s="162"/>
      <c r="BL829" s="162"/>
      <c r="BM829" s="162"/>
      <c r="BN829" s="162"/>
      <c r="BO829" s="162"/>
      <c r="BP829" s="162"/>
      <c r="BQ829" s="162"/>
      <c r="BR829" s="162"/>
      <c r="BS829" s="162"/>
      <c r="BT829" s="162"/>
      <c r="BU829" s="162"/>
      <c r="BV829" s="162"/>
      <c r="BW829" s="162"/>
      <c r="BX829" s="162"/>
      <c r="BY829" s="162"/>
      <c r="BZ829" s="162"/>
      <c r="CA829" s="162"/>
      <c r="CB829" s="162"/>
      <c r="CC829" s="162"/>
      <c r="CD829" s="162"/>
      <c r="CE829" s="162"/>
      <c r="CF829" s="162"/>
      <c r="CG829" s="162"/>
      <c r="CH829" s="162"/>
      <c r="CI829" s="162"/>
      <c r="CJ829" s="162"/>
      <c r="CK829" s="162"/>
      <c r="CX829" s="98"/>
      <c r="DL829" s="97"/>
      <c r="DX829" s="98"/>
      <c r="EL829" s="97"/>
      <c r="EX829" s="98"/>
      <c r="EY829" s="97"/>
      <c r="FL829" s="126"/>
      <c r="FM829" s="91"/>
      <c r="FN829" s="91"/>
      <c r="FO829" s="91"/>
      <c r="FP829" s="91"/>
      <c r="FQ829" s="91"/>
      <c r="FR829" s="91"/>
      <c r="FS829" s="91"/>
      <c r="FT829" s="91"/>
      <c r="FU829" s="91"/>
      <c r="FV829" s="91"/>
      <c r="FW829" s="91"/>
      <c r="FX829" s="91"/>
      <c r="FY829" s="91"/>
      <c r="FZ829" s="91"/>
      <c r="GA829" s="91"/>
      <c r="GB829" s="91"/>
      <c r="GC829" s="91"/>
      <c r="GD829" s="91"/>
      <c r="GE829" s="91"/>
      <c r="GF829" s="91"/>
      <c r="GG829" s="91"/>
      <c r="GH829" s="91"/>
      <c r="GI829" s="91"/>
      <c r="GJ829" s="91"/>
      <c r="GK829" s="127"/>
      <c r="GL829" s="126"/>
      <c r="GM829" s="91"/>
      <c r="GN829" s="91"/>
      <c r="GO829" s="91"/>
      <c r="GP829" s="91"/>
      <c r="GQ829" s="91"/>
      <c r="GR829" s="91"/>
      <c r="GS829" s="91"/>
      <c r="GT829" s="91"/>
      <c r="GU829" s="91"/>
      <c r="GV829" s="91"/>
      <c r="GW829" s="91"/>
      <c r="GX829" s="91"/>
      <c r="GY829" s="91"/>
      <c r="GZ829" s="91"/>
      <c r="HA829" s="91"/>
      <c r="HB829" s="91"/>
      <c r="HC829" s="91"/>
      <c r="HD829" s="91"/>
      <c r="HE829" s="91"/>
      <c r="HF829" s="91"/>
      <c r="HG829" s="91"/>
      <c r="HH829" s="91"/>
      <c r="HI829" s="91"/>
      <c r="HJ829" s="91"/>
      <c r="HK829" s="127"/>
      <c r="HL829" s="126"/>
      <c r="HM829" s="91"/>
      <c r="HN829" s="91"/>
      <c r="HO829" s="91"/>
      <c r="HP829" s="91"/>
      <c r="HQ829" s="91"/>
      <c r="HR829" s="91"/>
      <c r="HS829" s="91"/>
      <c r="HT829" s="91"/>
      <c r="HU829" s="91"/>
      <c r="HV829" s="91"/>
      <c r="HW829" s="91"/>
      <c r="HX829" s="91"/>
      <c r="HY829" s="91"/>
      <c r="HZ829" s="91"/>
      <c r="IA829" s="91"/>
      <c r="IB829" s="91"/>
      <c r="IC829" s="91"/>
      <c r="ID829" s="91"/>
      <c r="IE829" s="91"/>
      <c r="IF829" s="91"/>
      <c r="IG829" s="91"/>
      <c r="IH829" s="91"/>
      <c r="II829" s="91"/>
      <c r="IJ829" s="91"/>
      <c r="IK829" s="127"/>
    </row>
    <row r="830" spans="2:245" x14ac:dyDescent="0.2">
      <c r="B830" s="43"/>
      <c r="C830" s="73"/>
      <c r="D830" s="64"/>
      <c r="E830" s="64"/>
      <c r="F830" s="55"/>
      <c r="G830" s="102"/>
      <c r="H830" s="55"/>
      <c r="I830" s="55"/>
      <c r="J830" s="55"/>
      <c r="K830" s="55"/>
      <c r="L830" s="55"/>
      <c r="M830" s="55"/>
      <c r="N830" s="55"/>
      <c r="O830" s="55"/>
      <c r="P830" s="55"/>
      <c r="Q830" s="55"/>
      <c r="R830" s="55"/>
      <c r="S830" s="55"/>
      <c r="T830" s="55"/>
      <c r="U830" s="55"/>
      <c r="V830" s="55"/>
      <c r="W830" s="55"/>
      <c r="X830" s="55"/>
      <c r="Y830" s="55"/>
      <c r="Z830" s="55"/>
      <c r="AA830" s="55"/>
      <c r="AB830" s="55"/>
      <c r="AC830" s="55"/>
      <c r="AD830" s="55"/>
      <c r="AE830" s="55"/>
      <c r="AF830" s="55"/>
      <c r="AG830" s="55"/>
      <c r="AY830" s="162"/>
      <c r="AZ830" s="162"/>
      <c r="BA830" s="162"/>
      <c r="BB830" s="162"/>
      <c r="BC830" s="162"/>
      <c r="BD830" s="162"/>
      <c r="BE830" s="162"/>
      <c r="BF830" s="162"/>
      <c r="BG830" s="162"/>
      <c r="BH830" s="162"/>
      <c r="BI830" s="162"/>
      <c r="BJ830" s="162"/>
      <c r="BK830" s="162"/>
      <c r="BL830" s="162"/>
      <c r="BM830" s="162"/>
      <c r="BN830" s="162"/>
      <c r="BO830" s="162"/>
      <c r="BP830" s="162"/>
      <c r="BQ830" s="162"/>
      <c r="BR830" s="162"/>
      <c r="BS830" s="162"/>
      <c r="BT830" s="162"/>
      <c r="BU830" s="162"/>
      <c r="BV830" s="162"/>
      <c r="BW830" s="162"/>
      <c r="BX830" s="162"/>
      <c r="BY830" s="162"/>
      <c r="BZ830" s="162"/>
      <c r="CA830" s="162"/>
      <c r="CB830" s="162"/>
      <c r="CC830" s="162"/>
      <c r="CD830" s="162"/>
      <c r="CE830" s="162"/>
      <c r="CF830" s="162"/>
      <c r="CG830" s="162"/>
      <c r="CH830" s="162"/>
      <c r="CI830" s="162"/>
      <c r="CJ830" s="162"/>
      <c r="CK830" s="162"/>
      <c r="CX830" s="98"/>
      <c r="DL830" s="97"/>
      <c r="DX830" s="98"/>
      <c r="EL830" s="97"/>
      <c r="EX830" s="98"/>
      <c r="EY830" s="97"/>
      <c r="FL830" s="126"/>
      <c r="FM830" s="91"/>
      <c r="FN830" s="91"/>
      <c r="FO830" s="91"/>
      <c r="FP830" s="91"/>
      <c r="FQ830" s="91"/>
      <c r="FR830" s="91"/>
      <c r="FS830" s="91"/>
      <c r="FT830" s="91"/>
      <c r="FU830" s="91"/>
      <c r="FV830" s="91"/>
      <c r="FW830" s="91"/>
      <c r="FX830" s="91"/>
      <c r="FY830" s="91"/>
      <c r="FZ830" s="91"/>
      <c r="GA830" s="91"/>
      <c r="GB830" s="91"/>
      <c r="GC830" s="91"/>
      <c r="GD830" s="91"/>
      <c r="GE830" s="91"/>
      <c r="GF830" s="91"/>
      <c r="GG830" s="91"/>
      <c r="GH830" s="91"/>
      <c r="GI830" s="91"/>
      <c r="GJ830" s="91"/>
      <c r="GK830" s="127"/>
      <c r="GL830" s="126"/>
      <c r="GM830" s="91"/>
      <c r="GN830" s="91"/>
      <c r="GO830" s="91"/>
      <c r="GP830" s="91"/>
      <c r="GQ830" s="91"/>
      <c r="GR830" s="91"/>
      <c r="GS830" s="91"/>
      <c r="GT830" s="91"/>
      <c r="GU830" s="91"/>
      <c r="GV830" s="91"/>
      <c r="GW830" s="91"/>
      <c r="GX830" s="91"/>
      <c r="GY830" s="91"/>
      <c r="GZ830" s="91"/>
      <c r="HA830" s="91"/>
      <c r="HB830" s="91"/>
      <c r="HC830" s="91"/>
      <c r="HD830" s="91"/>
      <c r="HE830" s="91"/>
      <c r="HF830" s="91"/>
      <c r="HG830" s="91"/>
      <c r="HH830" s="91"/>
      <c r="HI830" s="91"/>
      <c r="HJ830" s="91"/>
      <c r="HK830" s="127"/>
      <c r="HL830" s="126"/>
      <c r="HM830" s="91"/>
      <c r="HN830" s="91"/>
      <c r="HO830" s="91"/>
      <c r="HP830" s="91"/>
      <c r="HQ830" s="91"/>
      <c r="HR830" s="91"/>
      <c r="HS830" s="91"/>
      <c r="HT830" s="91"/>
      <c r="HU830" s="91"/>
      <c r="HV830" s="91"/>
      <c r="HW830" s="91"/>
      <c r="HX830" s="91"/>
      <c r="HY830" s="91"/>
      <c r="HZ830" s="91"/>
      <c r="IA830" s="91"/>
      <c r="IB830" s="91"/>
      <c r="IC830" s="91"/>
      <c r="ID830" s="91"/>
      <c r="IE830" s="91"/>
      <c r="IF830" s="91"/>
      <c r="IG830" s="91"/>
      <c r="IH830" s="91"/>
      <c r="II830" s="91"/>
      <c r="IJ830" s="91"/>
      <c r="IK830" s="127"/>
    </row>
    <row r="831" spans="2:245" x14ac:dyDescent="0.2">
      <c r="B831" s="43"/>
      <c r="C831" s="73"/>
      <c r="D831" s="64"/>
      <c r="E831" s="64"/>
      <c r="F831" s="55"/>
      <c r="G831" s="102"/>
      <c r="H831" s="55"/>
      <c r="I831" s="55"/>
      <c r="J831" s="55"/>
      <c r="K831" s="55"/>
      <c r="L831" s="55"/>
      <c r="M831" s="55"/>
      <c r="N831" s="55"/>
      <c r="O831" s="55"/>
      <c r="P831" s="55"/>
      <c r="Q831" s="55"/>
      <c r="R831" s="55"/>
      <c r="S831" s="55"/>
      <c r="T831" s="55"/>
      <c r="U831" s="55"/>
      <c r="V831" s="55"/>
      <c r="W831" s="55"/>
      <c r="X831" s="55"/>
      <c r="Y831" s="55"/>
      <c r="Z831" s="55"/>
      <c r="AA831" s="55"/>
      <c r="AB831" s="55"/>
      <c r="AC831" s="55"/>
      <c r="AD831" s="55"/>
      <c r="AE831" s="55"/>
      <c r="AF831" s="55"/>
      <c r="AG831" s="55"/>
      <c r="AY831" s="162"/>
      <c r="AZ831" s="162"/>
      <c r="BA831" s="162"/>
      <c r="BB831" s="162"/>
      <c r="BC831" s="162"/>
      <c r="BD831" s="162"/>
      <c r="BE831" s="162"/>
      <c r="BF831" s="162"/>
      <c r="BG831" s="162"/>
      <c r="BH831" s="162"/>
      <c r="BI831" s="162"/>
      <c r="BJ831" s="162"/>
      <c r="BK831" s="162"/>
      <c r="BL831" s="162"/>
      <c r="BM831" s="162"/>
      <c r="BN831" s="162"/>
      <c r="BO831" s="162"/>
      <c r="BP831" s="162"/>
      <c r="BQ831" s="162"/>
      <c r="BR831" s="162"/>
      <c r="BS831" s="162"/>
      <c r="BT831" s="162"/>
      <c r="BU831" s="162"/>
      <c r="BV831" s="162"/>
      <c r="BW831" s="162"/>
      <c r="BX831" s="162"/>
      <c r="BY831" s="162"/>
      <c r="BZ831" s="162"/>
      <c r="CA831" s="162"/>
      <c r="CB831" s="162"/>
      <c r="CC831" s="162"/>
      <c r="CD831" s="162"/>
      <c r="CE831" s="162"/>
      <c r="CF831" s="162"/>
      <c r="CG831" s="162"/>
      <c r="CH831" s="162"/>
      <c r="CI831" s="162"/>
      <c r="CJ831" s="162"/>
      <c r="CK831" s="162"/>
      <c r="CX831" s="98"/>
      <c r="DL831" s="97"/>
      <c r="DX831" s="98"/>
      <c r="EL831" s="97"/>
      <c r="EX831" s="98"/>
      <c r="EY831" s="97"/>
      <c r="FL831" s="126"/>
      <c r="FM831" s="91"/>
      <c r="FN831" s="91"/>
      <c r="FO831" s="91"/>
      <c r="FP831" s="91"/>
      <c r="FQ831" s="91"/>
      <c r="FR831" s="91"/>
      <c r="FS831" s="91"/>
      <c r="FT831" s="91"/>
      <c r="FU831" s="91"/>
      <c r="FV831" s="91"/>
      <c r="FW831" s="91"/>
      <c r="FX831" s="91"/>
      <c r="FY831" s="91"/>
      <c r="FZ831" s="91"/>
      <c r="GA831" s="91"/>
      <c r="GB831" s="91"/>
      <c r="GC831" s="91"/>
      <c r="GD831" s="91"/>
      <c r="GE831" s="91"/>
      <c r="GF831" s="91"/>
      <c r="GG831" s="91"/>
      <c r="GH831" s="91"/>
      <c r="GI831" s="91"/>
      <c r="GJ831" s="91"/>
      <c r="GK831" s="127"/>
      <c r="GL831" s="126"/>
      <c r="GM831" s="91"/>
      <c r="GN831" s="91"/>
      <c r="GO831" s="91"/>
      <c r="GP831" s="91"/>
      <c r="GQ831" s="91"/>
      <c r="GR831" s="91"/>
      <c r="GS831" s="91"/>
      <c r="GT831" s="91"/>
      <c r="GU831" s="91"/>
      <c r="GV831" s="91"/>
      <c r="GW831" s="91"/>
      <c r="GX831" s="91"/>
      <c r="GY831" s="91"/>
      <c r="GZ831" s="91"/>
      <c r="HA831" s="91"/>
      <c r="HB831" s="91"/>
      <c r="HC831" s="91"/>
      <c r="HD831" s="91"/>
      <c r="HE831" s="91"/>
      <c r="HF831" s="91"/>
      <c r="HG831" s="91"/>
      <c r="HH831" s="91"/>
      <c r="HI831" s="91"/>
      <c r="HJ831" s="91"/>
      <c r="HK831" s="127"/>
      <c r="HL831" s="126"/>
      <c r="HM831" s="91"/>
      <c r="HN831" s="91"/>
      <c r="HO831" s="91"/>
      <c r="HP831" s="91"/>
      <c r="HQ831" s="91"/>
      <c r="HR831" s="91"/>
      <c r="HS831" s="91"/>
      <c r="HT831" s="91"/>
      <c r="HU831" s="91"/>
      <c r="HV831" s="91"/>
      <c r="HW831" s="91"/>
      <c r="HX831" s="91"/>
      <c r="HY831" s="91"/>
      <c r="HZ831" s="91"/>
      <c r="IA831" s="91"/>
      <c r="IB831" s="91"/>
      <c r="IC831" s="91"/>
      <c r="ID831" s="91"/>
      <c r="IE831" s="91"/>
      <c r="IF831" s="91"/>
      <c r="IG831" s="91"/>
      <c r="IH831" s="91"/>
      <c r="II831" s="91"/>
      <c r="IJ831" s="91"/>
      <c r="IK831" s="127"/>
    </row>
    <row r="832" spans="2:245" x14ac:dyDescent="0.2">
      <c r="B832" s="43"/>
      <c r="C832" s="73"/>
      <c r="D832" s="64"/>
      <c r="E832" s="64"/>
      <c r="F832" s="55"/>
      <c r="G832" s="102"/>
      <c r="H832" s="55"/>
      <c r="I832" s="55"/>
      <c r="J832" s="55"/>
      <c r="K832" s="55"/>
      <c r="L832" s="55"/>
      <c r="M832" s="55"/>
      <c r="N832" s="55"/>
      <c r="O832" s="55"/>
      <c r="P832" s="55"/>
      <c r="Q832" s="55"/>
      <c r="R832" s="55"/>
      <c r="S832" s="55"/>
      <c r="T832" s="55"/>
      <c r="U832" s="55"/>
      <c r="V832" s="55"/>
      <c r="W832" s="55"/>
      <c r="X832" s="55"/>
      <c r="Y832" s="55"/>
      <c r="Z832" s="55"/>
      <c r="AA832" s="55"/>
      <c r="AB832" s="55"/>
      <c r="AC832" s="55"/>
      <c r="AD832" s="55"/>
      <c r="AE832" s="55"/>
      <c r="AF832" s="55"/>
      <c r="AG832" s="55"/>
      <c r="AY832" s="162"/>
      <c r="AZ832" s="162"/>
      <c r="BA832" s="162"/>
      <c r="BB832" s="162"/>
      <c r="BC832" s="162"/>
      <c r="BD832" s="162"/>
      <c r="BE832" s="162"/>
      <c r="BF832" s="162"/>
      <c r="BG832" s="162"/>
      <c r="BH832" s="162"/>
      <c r="BI832" s="162"/>
      <c r="BJ832" s="162"/>
      <c r="BK832" s="162"/>
      <c r="BL832" s="162"/>
      <c r="BM832" s="162"/>
      <c r="BN832" s="162"/>
      <c r="BO832" s="162"/>
      <c r="BP832" s="162"/>
      <c r="BQ832" s="162"/>
      <c r="BR832" s="162"/>
      <c r="BS832" s="162"/>
      <c r="BT832" s="162"/>
      <c r="BU832" s="162"/>
      <c r="BV832" s="162"/>
      <c r="BW832" s="162"/>
      <c r="BX832" s="162"/>
      <c r="BY832" s="162"/>
      <c r="BZ832" s="162"/>
      <c r="CA832" s="162"/>
      <c r="CB832" s="162"/>
      <c r="CC832" s="162"/>
      <c r="CD832" s="162"/>
      <c r="CE832" s="162"/>
      <c r="CF832" s="162"/>
      <c r="CG832" s="162"/>
      <c r="CH832" s="162"/>
      <c r="CI832" s="162"/>
      <c r="CJ832" s="162"/>
      <c r="CK832" s="162"/>
      <c r="CX832" s="98"/>
      <c r="DL832" s="97"/>
      <c r="DX832" s="98"/>
      <c r="EL832" s="97"/>
      <c r="EX832" s="98"/>
      <c r="EY832" s="97"/>
      <c r="FL832" s="126"/>
      <c r="FM832" s="91"/>
      <c r="FN832" s="91"/>
      <c r="FO832" s="91"/>
      <c r="FP832" s="91"/>
      <c r="FQ832" s="91"/>
      <c r="FR832" s="91"/>
      <c r="FS832" s="91"/>
      <c r="FT832" s="91"/>
      <c r="FU832" s="91"/>
      <c r="FV832" s="91"/>
      <c r="FW832" s="91"/>
      <c r="FX832" s="91"/>
      <c r="FY832" s="91"/>
      <c r="FZ832" s="91"/>
      <c r="GA832" s="91"/>
      <c r="GB832" s="91"/>
      <c r="GC832" s="91"/>
      <c r="GD832" s="91"/>
      <c r="GE832" s="91"/>
      <c r="GF832" s="91"/>
      <c r="GG832" s="91"/>
      <c r="GH832" s="91"/>
      <c r="GI832" s="91"/>
      <c r="GJ832" s="91"/>
      <c r="GK832" s="127"/>
      <c r="GL832" s="126"/>
      <c r="GM832" s="91"/>
      <c r="GN832" s="91"/>
      <c r="GO832" s="91"/>
      <c r="GP832" s="91"/>
      <c r="GQ832" s="91"/>
      <c r="GR832" s="91"/>
      <c r="GS832" s="91"/>
      <c r="GT832" s="91"/>
      <c r="GU832" s="91"/>
      <c r="GV832" s="91"/>
      <c r="GW832" s="91"/>
      <c r="GX832" s="91"/>
      <c r="GY832" s="91"/>
      <c r="GZ832" s="91"/>
      <c r="HA832" s="91"/>
      <c r="HB832" s="91"/>
      <c r="HC832" s="91"/>
      <c r="HD832" s="91"/>
      <c r="HE832" s="91"/>
      <c r="HF832" s="91"/>
      <c r="HG832" s="91"/>
      <c r="HH832" s="91"/>
      <c r="HI832" s="91"/>
      <c r="HJ832" s="91"/>
      <c r="HK832" s="127"/>
      <c r="HL832" s="126"/>
      <c r="HM832" s="91"/>
      <c r="HN832" s="91"/>
      <c r="HO832" s="91"/>
      <c r="HP832" s="91"/>
      <c r="HQ832" s="91"/>
      <c r="HR832" s="91"/>
      <c r="HS832" s="91"/>
      <c r="HT832" s="91"/>
      <c r="HU832" s="91"/>
      <c r="HV832" s="91"/>
      <c r="HW832" s="91"/>
      <c r="HX832" s="91"/>
      <c r="HY832" s="91"/>
      <c r="HZ832" s="91"/>
      <c r="IA832" s="91"/>
      <c r="IB832" s="91"/>
      <c r="IC832" s="91"/>
      <c r="ID832" s="91"/>
      <c r="IE832" s="91"/>
      <c r="IF832" s="91"/>
      <c r="IG832" s="91"/>
      <c r="IH832" s="91"/>
      <c r="II832" s="91"/>
      <c r="IJ832" s="91"/>
      <c r="IK832" s="127"/>
    </row>
    <row r="833" spans="2:245" x14ac:dyDescent="0.2">
      <c r="B833" s="43"/>
      <c r="C833" s="73"/>
      <c r="D833" s="64"/>
      <c r="E833" s="64"/>
      <c r="F833" s="55"/>
      <c r="G833" s="102"/>
      <c r="H833" s="55"/>
      <c r="I833" s="55"/>
      <c r="J833" s="55"/>
      <c r="K833" s="55"/>
      <c r="L833" s="55"/>
      <c r="M833" s="55"/>
      <c r="N833" s="55"/>
      <c r="O833" s="55"/>
      <c r="P833" s="55"/>
      <c r="Q833" s="55"/>
      <c r="R833" s="55"/>
      <c r="S833" s="55"/>
      <c r="T833" s="55"/>
      <c r="U833" s="55"/>
      <c r="V833" s="55"/>
      <c r="W833" s="55"/>
      <c r="X833" s="55"/>
      <c r="Y833" s="55"/>
      <c r="Z833" s="55"/>
      <c r="AA833" s="55"/>
      <c r="AB833" s="55"/>
      <c r="AC833" s="55"/>
      <c r="AD833" s="55"/>
      <c r="AE833" s="55"/>
      <c r="AF833" s="55"/>
      <c r="AG833" s="55"/>
      <c r="AY833" s="162"/>
      <c r="AZ833" s="162"/>
      <c r="BA833" s="162"/>
      <c r="BB833" s="162"/>
      <c r="BC833" s="162"/>
      <c r="BD833" s="162"/>
      <c r="BE833" s="162"/>
      <c r="BF833" s="162"/>
      <c r="BG833" s="162"/>
      <c r="BH833" s="162"/>
      <c r="BI833" s="162"/>
      <c r="BJ833" s="162"/>
      <c r="BK833" s="162"/>
      <c r="BL833" s="162"/>
      <c r="BM833" s="162"/>
      <c r="BN833" s="162"/>
      <c r="BO833" s="162"/>
      <c r="BP833" s="162"/>
      <c r="BQ833" s="162"/>
      <c r="BR833" s="162"/>
      <c r="BS833" s="162"/>
      <c r="BT833" s="162"/>
      <c r="BU833" s="162"/>
      <c r="BV833" s="162"/>
      <c r="BW833" s="162"/>
      <c r="BX833" s="162"/>
      <c r="BY833" s="162"/>
      <c r="BZ833" s="162"/>
      <c r="CA833" s="162"/>
      <c r="CB833" s="162"/>
      <c r="CC833" s="162"/>
      <c r="CD833" s="162"/>
      <c r="CE833" s="162"/>
      <c r="CF833" s="162"/>
      <c r="CG833" s="162"/>
      <c r="CH833" s="162"/>
      <c r="CI833" s="162"/>
      <c r="CJ833" s="162"/>
      <c r="CK833" s="162"/>
      <c r="CX833" s="98"/>
      <c r="DL833" s="97"/>
      <c r="DX833" s="98"/>
      <c r="EL833" s="97"/>
      <c r="EX833" s="98"/>
      <c r="EY833" s="97"/>
      <c r="FL833" s="126"/>
      <c r="FM833" s="91"/>
      <c r="FN833" s="91"/>
      <c r="FO833" s="91"/>
      <c r="FP833" s="91"/>
      <c r="FQ833" s="91"/>
      <c r="FR833" s="91"/>
      <c r="FS833" s="91"/>
      <c r="FT833" s="91"/>
      <c r="FU833" s="91"/>
      <c r="FV833" s="91"/>
      <c r="FW833" s="91"/>
      <c r="FX833" s="91"/>
      <c r="FY833" s="91"/>
      <c r="FZ833" s="91"/>
      <c r="GA833" s="91"/>
      <c r="GB833" s="91"/>
      <c r="GC833" s="91"/>
      <c r="GD833" s="91"/>
      <c r="GE833" s="91"/>
      <c r="GF833" s="91"/>
      <c r="GG833" s="91"/>
      <c r="GH833" s="91"/>
      <c r="GI833" s="91"/>
      <c r="GJ833" s="91"/>
      <c r="GK833" s="127"/>
      <c r="GL833" s="126"/>
      <c r="GM833" s="91"/>
      <c r="GN833" s="91"/>
      <c r="GO833" s="91"/>
      <c r="GP833" s="91"/>
      <c r="GQ833" s="91"/>
      <c r="GR833" s="91"/>
      <c r="GS833" s="91"/>
      <c r="GT833" s="91"/>
      <c r="GU833" s="91"/>
      <c r="GV833" s="91"/>
      <c r="GW833" s="91"/>
      <c r="GX833" s="91"/>
      <c r="GY833" s="91"/>
      <c r="GZ833" s="91"/>
      <c r="HA833" s="91"/>
      <c r="HB833" s="91"/>
      <c r="HC833" s="91"/>
      <c r="HD833" s="91"/>
      <c r="HE833" s="91"/>
      <c r="HF833" s="91"/>
      <c r="HG833" s="91"/>
      <c r="HH833" s="91"/>
      <c r="HI833" s="91"/>
      <c r="HJ833" s="91"/>
      <c r="HK833" s="127"/>
      <c r="HL833" s="126"/>
      <c r="HM833" s="91"/>
      <c r="HN833" s="91"/>
      <c r="HO833" s="91"/>
      <c r="HP833" s="91"/>
      <c r="HQ833" s="91"/>
      <c r="HR833" s="91"/>
      <c r="HS833" s="91"/>
      <c r="HT833" s="91"/>
      <c r="HU833" s="91"/>
      <c r="HV833" s="91"/>
      <c r="HW833" s="91"/>
      <c r="HX833" s="91"/>
      <c r="HY833" s="91"/>
      <c r="HZ833" s="91"/>
      <c r="IA833" s="91"/>
      <c r="IB833" s="91"/>
      <c r="IC833" s="91"/>
      <c r="ID833" s="91"/>
      <c r="IE833" s="91"/>
      <c r="IF833" s="91"/>
      <c r="IG833" s="91"/>
      <c r="IH833" s="91"/>
      <c r="II833" s="91"/>
      <c r="IJ833" s="91"/>
      <c r="IK833" s="127"/>
    </row>
    <row r="834" spans="2:245" x14ac:dyDescent="0.2">
      <c r="B834" s="43"/>
      <c r="C834" s="73"/>
      <c r="D834" s="64"/>
      <c r="E834" s="64"/>
      <c r="F834" s="55"/>
      <c r="G834" s="102"/>
      <c r="H834" s="55"/>
      <c r="I834" s="55"/>
      <c r="J834" s="55"/>
      <c r="K834" s="55"/>
      <c r="L834" s="55"/>
      <c r="M834" s="55"/>
      <c r="N834" s="55"/>
      <c r="O834" s="55"/>
      <c r="P834" s="55"/>
      <c r="Q834" s="55"/>
      <c r="R834" s="55"/>
      <c r="S834" s="55"/>
      <c r="T834" s="55"/>
      <c r="U834" s="55"/>
      <c r="V834" s="55"/>
      <c r="W834" s="55"/>
      <c r="X834" s="55"/>
      <c r="Y834" s="55"/>
      <c r="Z834" s="55"/>
      <c r="AA834" s="55"/>
      <c r="AB834" s="55"/>
      <c r="AC834" s="55"/>
      <c r="AD834" s="55"/>
      <c r="AE834" s="55"/>
      <c r="AF834" s="55"/>
      <c r="AG834" s="55"/>
      <c r="AY834" s="162"/>
      <c r="AZ834" s="162"/>
      <c r="BA834" s="162"/>
      <c r="BB834" s="162"/>
      <c r="BC834" s="162"/>
      <c r="BD834" s="162"/>
      <c r="BE834" s="162"/>
      <c r="BF834" s="162"/>
      <c r="BG834" s="162"/>
      <c r="BH834" s="162"/>
      <c r="BI834" s="162"/>
      <c r="BJ834" s="162"/>
      <c r="BK834" s="162"/>
      <c r="BL834" s="162"/>
      <c r="BM834" s="162"/>
      <c r="BN834" s="162"/>
      <c r="BO834" s="162"/>
      <c r="BP834" s="162"/>
      <c r="BQ834" s="162"/>
      <c r="BR834" s="162"/>
      <c r="BS834" s="162"/>
      <c r="BT834" s="162"/>
      <c r="BU834" s="162"/>
      <c r="BV834" s="162"/>
      <c r="BW834" s="162"/>
      <c r="BX834" s="162"/>
      <c r="BY834" s="162"/>
      <c r="BZ834" s="162"/>
      <c r="CA834" s="162"/>
      <c r="CB834" s="162"/>
      <c r="CC834" s="162"/>
      <c r="CD834" s="162"/>
      <c r="CE834" s="162"/>
      <c r="CF834" s="162"/>
      <c r="CG834" s="162"/>
      <c r="CH834" s="162"/>
      <c r="CI834" s="162"/>
      <c r="CJ834" s="162"/>
      <c r="CK834" s="162"/>
      <c r="CX834" s="98"/>
      <c r="DL834" s="97"/>
      <c r="DX834" s="98"/>
      <c r="EL834" s="97"/>
      <c r="EX834" s="98"/>
      <c r="EY834" s="97"/>
      <c r="FL834" s="126"/>
      <c r="FM834" s="91"/>
      <c r="FN834" s="91"/>
      <c r="FO834" s="91"/>
      <c r="FP834" s="91"/>
      <c r="FQ834" s="91"/>
      <c r="FR834" s="91"/>
      <c r="FS834" s="91"/>
      <c r="FT834" s="91"/>
      <c r="FU834" s="91"/>
      <c r="FV834" s="91"/>
      <c r="FW834" s="91"/>
      <c r="FX834" s="91"/>
      <c r="FY834" s="91"/>
      <c r="FZ834" s="91"/>
      <c r="GA834" s="91"/>
      <c r="GB834" s="91"/>
      <c r="GC834" s="91"/>
      <c r="GD834" s="91"/>
      <c r="GE834" s="91"/>
      <c r="GF834" s="91"/>
      <c r="GG834" s="91"/>
      <c r="GH834" s="91"/>
      <c r="GI834" s="91"/>
      <c r="GJ834" s="91"/>
      <c r="GK834" s="127"/>
      <c r="GL834" s="126"/>
      <c r="GM834" s="91"/>
      <c r="GN834" s="91"/>
      <c r="GO834" s="91"/>
      <c r="GP834" s="91"/>
      <c r="GQ834" s="91"/>
      <c r="GR834" s="91"/>
      <c r="GS834" s="91"/>
      <c r="GT834" s="91"/>
      <c r="GU834" s="91"/>
      <c r="GV834" s="91"/>
      <c r="GW834" s="91"/>
      <c r="GX834" s="91"/>
      <c r="GY834" s="91"/>
      <c r="GZ834" s="91"/>
      <c r="HA834" s="91"/>
      <c r="HB834" s="91"/>
      <c r="HC834" s="91"/>
      <c r="HD834" s="91"/>
      <c r="HE834" s="91"/>
      <c r="HF834" s="91"/>
      <c r="HG834" s="91"/>
      <c r="HH834" s="91"/>
      <c r="HI834" s="91"/>
      <c r="HJ834" s="91"/>
      <c r="HK834" s="127"/>
      <c r="HL834" s="126"/>
      <c r="HM834" s="91"/>
      <c r="HN834" s="91"/>
      <c r="HO834" s="91"/>
      <c r="HP834" s="91"/>
      <c r="HQ834" s="91"/>
      <c r="HR834" s="91"/>
      <c r="HS834" s="91"/>
      <c r="HT834" s="91"/>
      <c r="HU834" s="91"/>
      <c r="HV834" s="91"/>
      <c r="HW834" s="91"/>
      <c r="HX834" s="91"/>
      <c r="HY834" s="91"/>
      <c r="HZ834" s="91"/>
      <c r="IA834" s="91"/>
      <c r="IB834" s="91"/>
      <c r="IC834" s="91"/>
      <c r="ID834" s="91"/>
      <c r="IE834" s="91"/>
      <c r="IF834" s="91"/>
      <c r="IG834" s="91"/>
      <c r="IH834" s="91"/>
      <c r="II834" s="91"/>
      <c r="IJ834" s="91"/>
      <c r="IK834" s="127"/>
    </row>
    <row r="835" spans="2:245" x14ac:dyDescent="0.2">
      <c r="B835" s="43"/>
      <c r="C835" s="73"/>
      <c r="D835" s="64"/>
      <c r="E835" s="64"/>
      <c r="F835" s="55"/>
      <c r="G835" s="102"/>
      <c r="H835" s="55"/>
      <c r="I835" s="55"/>
      <c r="J835" s="55"/>
      <c r="K835" s="55"/>
      <c r="L835" s="55"/>
      <c r="M835" s="55"/>
      <c r="N835" s="55"/>
      <c r="O835" s="55"/>
      <c r="P835" s="55"/>
      <c r="Q835" s="55"/>
      <c r="R835" s="55"/>
      <c r="S835" s="55"/>
      <c r="T835" s="55"/>
      <c r="U835" s="55"/>
      <c r="V835" s="55"/>
      <c r="W835" s="55"/>
      <c r="X835" s="55"/>
      <c r="Y835" s="55"/>
      <c r="Z835" s="55"/>
      <c r="AA835" s="55"/>
      <c r="AB835" s="55"/>
      <c r="AC835" s="55"/>
      <c r="AD835" s="55"/>
      <c r="AE835" s="55"/>
      <c r="AF835" s="55"/>
      <c r="AG835" s="55"/>
      <c r="AY835" s="162"/>
      <c r="AZ835" s="162"/>
      <c r="BA835" s="162"/>
      <c r="BB835" s="162"/>
      <c r="BC835" s="162"/>
      <c r="BD835" s="162"/>
      <c r="BE835" s="162"/>
      <c r="BF835" s="162"/>
      <c r="BG835" s="162"/>
      <c r="BH835" s="162"/>
      <c r="BI835" s="162"/>
      <c r="BJ835" s="162"/>
      <c r="BK835" s="162"/>
      <c r="BL835" s="162"/>
      <c r="BM835" s="162"/>
      <c r="BN835" s="162"/>
      <c r="BO835" s="162"/>
      <c r="BP835" s="162"/>
      <c r="BQ835" s="162"/>
      <c r="BR835" s="162"/>
      <c r="BS835" s="162"/>
      <c r="BT835" s="162"/>
      <c r="BU835" s="162"/>
      <c r="BV835" s="162"/>
      <c r="BW835" s="162"/>
      <c r="BX835" s="162"/>
      <c r="BY835" s="162"/>
      <c r="BZ835" s="162"/>
      <c r="CA835" s="162"/>
      <c r="CB835" s="162"/>
      <c r="CC835" s="162"/>
      <c r="CD835" s="162"/>
      <c r="CE835" s="162"/>
      <c r="CF835" s="162"/>
      <c r="CG835" s="162"/>
      <c r="CH835" s="162"/>
      <c r="CI835" s="162"/>
      <c r="CJ835" s="162"/>
      <c r="CK835" s="162"/>
      <c r="CX835" s="98"/>
      <c r="DL835" s="97"/>
      <c r="DX835" s="98"/>
      <c r="EL835" s="97"/>
      <c r="EX835" s="98"/>
      <c r="EY835" s="97"/>
      <c r="FL835" s="126"/>
      <c r="FM835" s="91"/>
      <c r="FN835" s="91"/>
      <c r="FO835" s="91"/>
      <c r="FP835" s="91"/>
      <c r="FQ835" s="91"/>
      <c r="FR835" s="91"/>
      <c r="FS835" s="91"/>
      <c r="FT835" s="91"/>
      <c r="FU835" s="91"/>
      <c r="FV835" s="91"/>
      <c r="FW835" s="91"/>
      <c r="FX835" s="91"/>
      <c r="FY835" s="91"/>
      <c r="FZ835" s="91"/>
      <c r="GA835" s="91"/>
      <c r="GB835" s="91"/>
      <c r="GC835" s="91"/>
      <c r="GD835" s="91"/>
      <c r="GE835" s="91"/>
      <c r="GF835" s="91"/>
      <c r="GG835" s="91"/>
      <c r="GH835" s="91"/>
      <c r="GI835" s="91"/>
      <c r="GJ835" s="91"/>
      <c r="GK835" s="127"/>
      <c r="GL835" s="126"/>
      <c r="GM835" s="91"/>
      <c r="GN835" s="91"/>
      <c r="GO835" s="91"/>
      <c r="GP835" s="91"/>
      <c r="GQ835" s="91"/>
      <c r="GR835" s="91"/>
      <c r="GS835" s="91"/>
      <c r="GT835" s="91"/>
      <c r="GU835" s="91"/>
      <c r="GV835" s="91"/>
      <c r="GW835" s="91"/>
      <c r="GX835" s="91"/>
      <c r="GY835" s="91"/>
      <c r="GZ835" s="91"/>
      <c r="HA835" s="91"/>
      <c r="HB835" s="91"/>
      <c r="HC835" s="91"/>
      <c r="HD835" s="91"/>
      <c r="HE835" s="91"/>
      <c r="HF835" s="91"/>
      <c r="HG835" s="91"/>
      <c r="HH835" s="91"/>
      <c r="HI835" s="91"/>
      <c r="HJ835" s="91"/>
      <c r="HK835" s="127"/>
      <c r="HL835" s="126"/>
      <c r="HM835" s="91"/>
      <c r="HN835" s="91"/>
      <c r="HO835" s="91"/>
      <c r="HP835" s="91"/>
      <c r="HQ835" s="91"/>
      <c r="HR835" s="91"/>
      <c r="HS835" s="91"/>
      <c r="HT835" s="91"/>
      <c r="HU835" s="91"/>
      <c r="HV835" s="91"/>
      <c r="HW835" s="91"/>
      <c r="HX835" s="91"/>
      <c r="HY835" s="91"/>
      <c r="HZ835" s="91"/>
      <c r="IA835" s="91"/>
      <c r="IB835" s="91"/>
      <c r="IC835" s="91"/>
      <c r="ID835" s="91"/>
      <c r="IE835" s="91"/>
      <c r="IF835" s="91"/>
      <c r="IG835" s="91"/>
      <c r="IH835" s="91"/>
      <c r="II835" s="91"/>
      <c r="IJ835" s="91"/>
      <c r="IK835" s="127"/>
    </row>
    <row r="836" spans="2:245" x14ac:dyDescent="0.2">
      <c r="B836" s="43"/>
      <c r="C836" s="73"/>
      <c r="D836" s="64"/>
      <c r="E836" s="64"/>
      <c r="F836" s="55"/>
      <c r="G836" s="102"/>
      <c r="H836" s="55"/>
      <c r="I836" s="55"/>
      <c r="J836" s="55"/>
      <c r="K836" s="55"/>
      <c r="L836" s="55"/>
      <c r="M836" s="55"/>
      <c r="N836" s="55"/>
      <c r="O836" s="55"/>
      <c r="P836" s="55"/>
      <c r="Q836" s="55"/>
      <c r="R836" s="55"/>
      <c r="S836" s="55"/>
      <c r="T836" s="55"/>
      <c r="U836" s="55"/>
      <c r="V836" s="55"/>
      <c r="W836" s="55"/>
      <c r="X836" s="55"/>
      <c r="Y836" s="55"/>
      <c r="Z836" s="55"/>
      <c r="AA836" s="55"/>
      <c r="AB836" s="55"/>
      <c r="AC836" s="55"/>
      <c r="AD836" s="55"/>
      <c r="AE836" s="55"/>
      <c r="AF836" s="55"/>
      <c r="AG836" s="55"/>
      <c r="AY836" s="162"/>
      <c r="AZ836" s="162"/>
      <c r="BA836" s="162"/>
      <c r="BB836" s="162"/>
      <c r="BC836" s="162"/>
      <c r="BD836" s="162"/>
      <c r="BE836" s="162"/>
      <c r="BF836" s="162"/>
      <c r="BG836" s="162"/>
      <c r="BH836" s="162"/>
      <c r="BI836" s="162"/>
      <c r="BJ836" s="162"/>
      <c r="BK836" s="162"/>
      <c r="BL836" s="162"/>
      <c r="BM836" s="162"/>
      <c r="BN836" s="162"/>
      <c r="BO836" s="162"/>
      <c r="BP836" s="162"/>
      <c r="BQ836" s="162"/>
      <c r="BR836" s="162"/>
      <c r="BS836" s="162"/>
      <c r="BT836" s="162"/>
      <c r="BU836" s="162"/>
      <c r="BV836" s="162"/>
      <c r="BW836" s="162"/>
      <c r="BX836" s="162"/>
      <c r="BY836" s="162"/>
      <c r="BZ836" s="162"/>
      <c r="CA836" s="162"/>
      <c r="CB836" s="162"/>
      <c r="CC836" s="162"/>
      <c r="CD836" s="162"/>
      <c r="CE836" s="162"/>
      <c r="CF836" s="162"/>
      <c r="CG836" s="162"/>
      <c r="CH836" s="162"/>
      <c r="CI836" s="162"/>
      <c r="CJ836" s="162"/>
      <c r="CK836" s="162"/>
      <c r="CX836" s="98"/>
      <c r="DL836" s="97"/>
      <c r="DX836" s="98"/>
      <c r="EL836" s="97"/>
      <c r="EX836" s="98"/>
      <c r="EY836" s="97"/>
      <c r="FL836" s="126"/>
      <c r="FM836" s="91"/>
      <c r="FN836" s="91"/>
      <c r="FO836" s="91"/>
      <c r="FP836" s="91"/>
      <c r="FQ836" s="91"/>
      <c r="FR836" s="91"/>
      <c r="FS836" s="91"/>
      <c r="FT836" s="91"/>
      <c r="FU836" s="91"/>
      <c r="FV836" s="91"/>
      <c r="FW836" s="91"/>
      <c r="FX836" s="91"/>
      <c r="FY836" s="91"/>
      <c r="FZ836" s="91"/>
      <c r="GA836" s="91"/>
      <c r="GB836" s="91"/>
      <c r="GC836" s="91"/>
      <c r="GD836" s="91"/>
      <c r="GE836" s="91"/>
      <c r="GF836" s="91"/>
      <c r="GG836" s="91"/>
      <c r="GH836" s="91"/>
      <c r="GI836" s="91"/>
      <c r="GJ836" s="91"/>
      <c r="GK836" s="127"/>
      <c r="GL836" s="126"/>
      <c r="GM836" s="91"/>
      <c r="GN836" s="91"/>
      <c r="GO836" s="91"/>
      <c r="GP836" s="91"/>
      <c r="GQ836" s="91"/>
      <c r="GR836" s="91"/>
      <c r="GS836" s="91"/>
      <c r="GT836" s="91"/>
      <c r="GU836" s="91"/>
      <c r="GV836" s="91"/>
      <c r="GW836" s="91"/>
      <c r="GX836" s="91"/>
      <c r="GY836" s="91"/>
      <c r="GZ836" s="91"/>
      <c r="HA836" s="91"/>
      <c r="HB836" s="91"/>
      <c r="HC836" s="91"/>
      <c r="HD836" s="91"/>
      <c r="HE836" s="91"/>
      <c r="HF836" s="91"/>
      <c r="HG836" s="91"/>
      <c r="HH836" s="91"/>
      <c r="HI836" s="91"/>
      <c r="HJ836" s="91"/>
      <c r="HK836" s="127"/>
      <c r="HL836" s="126"/>
      <c r="HM836" s="91"/>
      <c r="HN836" s="91"/>
      <c r="HO836" s="91"/>
      <c r="HP836" s="91"/>
      <c r="HQ836" s="91"/>
      <c r="HR836" s="91"/>
      <c r="HS836" s="91"/>
      <c r="HT836" s="91"/>
      <c r="HU836" s="91"/>
      <c r="HV836" s="91"/>
      <c r="HW836" s="91"/>
      <c r="HX836" s="91"/>
      <c r="HY836" s="91"/>
      <c r="HZ836" s="91"/>
      <c r="IA836" s="91"/>
      <c r="IB836" s="91"/>
      <c r="IC836" s="91"/>
      <c r="ID836" s="91"/>
      <c r="IE836" s="91"/>
      <c r="IF836" s="91"/>
      <c r="IG836" s="91"/>
      <c r="IH836" s="91"/>
      <c r="II836" s="91"/>
      <c r="IJ836" s="91"/>
      <c r="IK836" s="127"/>
    </row>
    <row r="837" spans="2:245" x14ac:dyDescent="0.2">
      <c r="B837" s="43"/>
      <c r="C837" s="73"/>
      <c r="D837" s="64"/>
      <c r="E837" s="64"/>
      <c r="F837" s="55"/>
      <c r="G837" s="102"/>
      <c r="H837" s="55"/>
      <c r="I837" s="55"/>
      <c r="J837" s="55"/>
      <c r="K837" s="55"/>
      <c r="L837" s="55"/>
      <c r="M837" s="55"/>
      <c r="N837" s="55"/>
      <c r="O837" s="55"/>
      <c r="P837" s="55"/>
      <c r="Q837" s="55"/>
      <c r="R837" s="55"/>
      <c r="S837" s="55"/>
      <c r="T837" s="55"/>
      <c r="U837" s="55"/>
      <c r="V837" s="55"/>
      <c r="W837" s="55"/>
      <c r="X837" s="55"/>
      <c r="Y837" s="55"/>
      <c r="Z837" s="55"/>
      <c r="AA837" s="55"/>
      <c r="AB837" s="55"/>
      <c r="AC837" s="55"/>
      <c r="AD837" s="55"/>
      <c r="AE837" s="55"/>
      <c r="AF837" s="55"/>
      <c r="AG837" s="55"/>
      <c r="AY837" s="162"/>
      <c r="AZ837" s="162"/>
      <c r="BA837" s="162"/>
      <c r="BB837" s="162"/>
      <c r="BC837" s="162"/>
      <c r="BD837" s="162"/>
      <c r="BE837" s="162"/>
      <c r="BF837" s="162"/>
      <c r="BG837" s="162"/>
      <c r="BH837" s="162"/>
      <c r="BI837" s="162"/>
      <c r="BJ837" s="162"/>
      <c r="BK837" s="162"/>
      <c r="BL837" s="162"/>
      <c r="BM837" s="162"/>
      <c r="BN837" s="162"/>
      <c r="BO837" s="162"/>
      <c r="BP837" s="162"/>
      <c r="BQ837" s="162"/>
      <c r="BR837" s="162"/>
      <c r="BS837" s="162"/>
      <c r="BT837" s="162"/>
      <c r="BU837" s="162"/>
      <c r="BV837" s="162"/>
      <c r="BW837" s="162"/>
      <c r="BX837" s="162"/>
      <c r="BY837" s="162"/>
      <c r="BZ837" s="162"/>
      <c r="CA837" s="162"/>
      <c r="CB837" s="162"/>
      <c r="CC837" s="162"/>
      <c r="CD837" s="162"/>
      <c r="CE837" s="162"/>
      <c r="CF837" s="162"/>
      <c r="CG837" s="162"/>
      <c r="CH837" s="162"/>
      <c r="CI837" s="162"/>
      <c r="CJ837" s="162"/>
      <c r="CK837" s="162"/>
      <c r="CX837" s="98"/>
      <c r="DL837" s="97"/>
      <c r="DX837" s="98"/>
      <c r="EL837" s="97"/>
      <c r="EX837" s="98"/>
      <c r="EY837" s="97"/>
      <c r="FL837" s="126"/>
      <c r="FM837" s="91"/>
      <c r="FN837" s="91"/>
      <c r="FO837" s="91"/>
      <c r="FP837" s="91"/>
      <c r="FQ837" s="91"/>
      <c r="FR837" s="91"/>
      <c r="FS837" s="91"/>
      <c r="FT837" s="91"/>
      <c r="FU837" s="91"/>
      <c r="FV837" s="91"/>
      <c r="FW837" s="91"/>
      <c r="FX837" s="91"/>
      <c r="FY837" s="91"/>
      <c r="FZ837" s="91"/>
      <c r="GA837" s="91"/>
      <c r="GB837" s="91"/>
      <c r="GC837" s="91"/>
      <c r="GD837" s="91"/>
      <c r="GE837" s="91"/>
      <c r="GF837" s="91"/>
      <c r="GG837" s="91"/>
      <c r="GH837" s="91"/>
      <c r="GI837" s="91"/>
      <c r="GJ837" s="91"/>
      <c r="GK837" s="127"/>
      <c r="GL837" s="126"/>
      <c r="GM837" s="91"/>
      <c r="GN837" s="91"/>
      <c r="GO837" s="91"/>
      <c r="GP837" s="91"/>
      <c r="GQ837" s="91"/>
      <c r="GR837" s="91"/>
      <c r="GS837" s="91"/>
      <c r="GT837" s="91"/>
      <c r="GU837" s="91"/>
      <c r="GV837" s="91"/>
      <c r="GW837" s="91"/>
      <c r="GX837" s="91"/>
      <c r="GY837" s="91"/>
      <c r="GZ837" s="91"/>
      <c r="HA837" s="91"/>
      <c r="HB837" s="91"/>
      <c r="HC837" s="91"/>
      <c r="HD837" s="91"/>
      <c r="HE837" s="91"/>
      <c r="HF837" s="91"/>
      <c r="HG837" s="91"/>
      <c r="HH837" s="91"/>
      <c r="HI837" s="91"/>
      <c r="HJ837" s="91"/>
      <c r="HK837" s="127"/>
      <c r="HL837" s="126"/>
      <c r="HM837" s="91"/>
      <c r="HN837" s="91"/>
      <c r="HO837" s="91"/>
      <c r="HP837" s="91"/>
      <c r="HQ837" s="91"/>
      <c r="HR837" s="91"/>
      <c r="HS837" s="91"/>
      <c r="HT837" s="91"/>
      <c r="HU837" s="91"/>
      <c r="HV837" s="91"/>
      <c r="HW837" s="91"/>
      <c r="HX837" s="91"/>
      <c r="HY837" s="91"/>
      <c r="HZ837" s="91"/>
      <c r="IA837" s="91"/>
      <c r="IB837" s="91"/>
      <c r="IC837" s="91"/>
      <c r="ID837" s="91"/>
      <c r="IE837" s="91"/>
      <c r="IF837" s="91"/>
      <c r="IG837" s="91"/>
      <c r="IH837" s="91"/>
      <c r="II837" s="91"/>
      <c r="IJ837" s="91"/>
      <c r="IK837" s="127"/>
    </row>
    <row r="838" spans="2:245" x14ac:dyDescent="0.2">
      <c r="B838" s="43"/>
      <c r="C838" s="73"/>
      <c r="D838" s="64"/>
      <c r="E838" s="64"/>
      <c r="F838" s="55"/>
      <c r="G838" s="102"/>
      <c r="H838" s="55"/>
      <c r="I838" s="55"/>
      <c r="J838" s="55"/>
      <c r="K838" s="55"/>
      <c r="L838" s="55"/>
      <c r="M838" s="55"/>
      <c r="N838" s="55"/>
      <c r="O838" s="55"/>
      <c r="P838" s="55"/>
      <c r="Q838" s="55"/>
      <c r="R838" s="55"/>
      <c r="S838" s="55"/>
      <c r="T838" s="55"/>
      <c r="U838" s="55"/>
      <c r="V838" s="55"/>
      <c r="W838" s="55"/>
      <c r="X838" s="55"/>
      <c r="Y838" s="55"/>
      <c r="Z838" s="55"/>
      <c r="AA838" s="55"/>
      <c r="AB838" s="55"/>
      <c r="AC838" s="55"/>
      <c r="AD838" s="55"/>
      <c r="AE838" s="55"/>
      <c r="AF838" s="55"/>
      <c r="AG838" s="55"/>
      <c r="AY838" s="162"/>
      <c r="AZ838" s="162"/>
      <c r="BA838" s="162"/>
      <c r="BB838" s="162"/>
      <c r="BC838" s="162"/>
      <c r="BD838" s="162"/>
      <c r="BE838" s="162"/>
      <c r="BF838" s="162"/>
      <c r="BG838" s="162"/>
      <c r="BH838" s="162"/>
      <c r="BI838" s="162"/>
      <c r="BJ838" s="162"/>
      <c r="BK838" s="162"/>
      <c r="BL838" s="162"/>
      <c r="BM838" s="162"/>
      <c r="BN838" s="162"/>
      <c r="BO838" s="162"/>
      <c r="BP838" s="162"/>
      <c r="BQ838" s="162"/>
      <c r="BR838" s="162"/>
      <c r="BS838" s="162"/>
      <c r="BT838" s="162"/>
      <c r="BU838" s="162"/>
      <c r="BV838" s="162"/>
      <c r="BW838" s="162"/>
      <c r="BX838" s="162"/>
      <c r="BY838" s="162"/>
      <c r="BZ838" s="162"/>
      <c r="CA838" s="162"/>
      <c r="CB838" s="162"/>
      <c r="CC838" s="162"/>
      <c r="CD838" s="162"/>
      <c r="CE838" s="162"/>
      <c r="CF838" s="162"/>
      <c r="CG838" s="162"/>
      <c r="CH838" s="162"/>
      <c r="CI838" s="162"/>
      <c r="CJ838" s="162"/>
      <c r="CK838" s="162"/>
      <c r="CX838" s="98"/>
      <c r="DL838" s="97"/>
      <c r="DX838" s="98"/>
      <c r="EL838" s="97"/>
      <c r="EX838" s="98"/>
      <c r="EY838" s="97"/>
      <c r="FL838" s="126"/>
      <c r="FM838" s="91"/>
      <c r="FN838" s="91"/>
      <c r="FO838" s="91"/>
      <c r="FP838" s="91"/>
      <c r="FQ838" s="91"/>
      <c r="FR838" s="91"/>
      <c r="FS838" s="91"/>
      <c r="FT838" s="91"/>
      <c r="FU838" s="91"/>
      <c r="FV838" s="91"/>
      <c r="FW838" s="91"/>
      <c r="FX838" s="91"/>
      <c r="FY838" s="91"/>
      <c r="FZ838" s="91"/>
      <c r="GA838" s="91"/>
      <c r="GB838" s="91"/>
      <c r="GC838" s="91"/>
      <c r="GD838" s="91"/>
      <c r="GE838" s="91"/>
      <c r="GF838" s="91"/>
      <c r="GG838" s="91"/>
      <c r="GH838" s="91"/>
      <c r="GI838" s="91"/>
      <c r="GJ838" s="91"/>
      <c r="GK838" s="127"/>
      <c r="GL838" s="126"/>
      <c r="GM838" s="91"/>
      <c r="GN838" s="91"/>
      <c r="GO838" s="91"/>
      <c r="GP838" s="91"/>
      <c r="GQ838" s="91"/>
      <c r="GR838" s="91"/>
      <c r="GS838" s="91"/>
      <c r="GT838" s="91"/>
      <c r="GU838" s="91"/>
      <c r="GV838" s="91"/>
      <c r="GW838" s="91"/>
      <c r="GX838" s="91"/>
      <c r="GY838" s="91"/>
      <c r="GZ838" s="91"/>
      <c r="HA838" s="91"/>
      <c r="HB838" s="91"/>
      <c r="HC838" s="91"/>
      <c r="HD838" s="91"/>
      <c r="HE838" s="91"/>
      <c r="HF838" s="91"/>
      <c r="HG838" s="91"/>
      <c r="HH838" s="91"/>
      <c r="HI838" s="91"/>
      <c r="HJ838" s="91"/>
      <c r="HK838" s="127"/>
      <c r="HL838" s="126"/>
      <c r="HM838" s="91"/>
      <c r="HN838" s="91"/>
      <c r="HO838" s="91"/>
      <c r="HP838" s="91"/>
      <c r="HQ838" s="91"/>
      <c r="HR838" s="91"/>
      <c r="HS838" s="91"/>
      <c r="HT838" s="91"/>
      <c r="HU838" s="91"/>
      <c r="HV838" s="91"/>
      <c r="HW838" s="91"/>
      <c r="HX838" s="91"/>
      <c r="HY838" s="91"/>
      <c r="HZ838" s="91"/>
      <c r="IA838" s="91"/>
      <c r="IB838" s="91"/>
      <c r="IC838" s="91"/>
      <c r="ID838" s="91"/>
      <c r="IE838" s="91"/>
      <c r="IF838" s="91"/>
      <c r="IG838" s="91"/>
      <c r="IH838" s="91"/>
      <c r="II838" s="91"/>
      <c r="IJ838" s="91"/>
      <c r="IK838" s="127"/>
    </row>
    <row r="839" spans="2:245" x14ac:dyDescent="0.2">
      <c r="B839" s="43"/>
      <c r="C839" s="73"/>
      <c r="D839" s="64"/>
      <c r="E839" s="64"/>
      <c r="F839" s="55"/>
      <c r="G839" s="102"/>
      <c r="H839" s="55"/>
      <c r="I839" s="55"/>
      <c r="J839" s="55"/>
      <c r="K839" s="55"/>
      <c r="L839" s="55"/>
      <c r="M839" s="55"/>
      <c r="N839" s="55"/>
      <c r="O839" s="55"/>
      <c r="P839" s="55"/>
      <c r="Q839" s="55"/>
      <c r="R839" s="55"/>
      <c r="S839" s="55"/>
      <c r="T839" s="55"/>
      <c r="U839" s="55"/>
      <c r="V839" s="55"/>
      <c r="W839" s="55"/>
      <c r="X839" s="55"/>
      <c r="Y839" s="55"/>
      <c r="Z839" s="55"/>
      <c r="AA839" s="55"/>
      <c r="AB839" s="55"/>
      <c r="AC839" s="55"/>
      <c r="AD839" s="55"/>
      <c r="AE839" s="55"/>
      <c r="AF839" s="55"/>
      <c r="AG839" s="55"/>
      <c r="AY839" s="162"/>
      <c r="AZ839" s="162"/>
      <c r="BA839" s="162"/>
      <c r="BB839" s="162"/>
      <c r="BC839" s="162"/>
      <c r="BD839" s="162"/>
      <c r="BE839" s="162"/>
      <c r="BF839" s="162"/>
      <c r="BG839" s="162"/>
      <c r="BH839" s="162"/>
      <c r="BI839" s="162"/>
      <c r="BJ839" s="162"/>
      <c r="BK839" s="162"/>
      <c r="BL839" s="162"/>
      <c r="BM839" s="162"/>
      <c r="BN839" s="162"/>
      <c r="BO839" s="162"/>
      <c r="BP839" s="162"/>
      <c r="BQ839" s="162"/>
      <c r="BR839" s="162"/>
      <c r="BS839" s="162"/>
      <c r="BT839" s="162"/>
      <c r="BU839" s="162"/>
      <c r="BV839" s="162"/>
      <c r="BW839" s="162"/>
      <c r="BX839" s="162"/>
      <c r="BY839" s="162"/>
      <c r="BZ839" s="162"/>
      <c r="CA839" s="162"/>
      <c r="CB839" s="162"/>
      <c r="CC839" s="162"/>
      <c r="CD839" s="162"/>
      <c r="CE839" s="162"/>
      <c r="CF839" s="162"/>
      <c r="CG839" s="162"/>
      <c r="CH839" s="162"/>
      <c r="CI839" s="162"/>
      <c r="CJ839" s="162"/>
      <c r="CK839" s="162"/>
      <c r="CX839" s="98"/>
      <c r="DL839" s="97"/>
      <c r="DX839" s="98"/>
      <c r="EL839" s="97"/>
      <c r="EX839" s="98"/>
      <c r="EY839" s="97"/>
      <c r="FL839" s="126"/>
      <c r="FM839" s="91"/>
      <c r="FN839" s="91"/>
      <c r="FO839" s="91"/>
      <c r="FP839" s="91"/>
      <c r="FQ839" s="91"/>
      <c r="FR839" s="91"/>
      <c r="FS839" s="91"/>
      <c r="FT839" s="91"/>
      <c r="FU839" s="91"/>
      <c r="FV839" s="91"/>
      <c r="FW839" s="91"/>
      <c r="FX839" s="91"/>
      <c r="FY839" s="91"/>
      <c r="FZ839" s="91"/>
      <c r="GA839" s="91"/>
      <c r="GB839" s="91"/>
      <c r="GC839" s="91"/>
      <c r="GD839" s="91"/>
      <c r="GE839" s="91"/>
      <c r="GF839" s="91"/>
      <c r="GG839" s="91"/>
      <c r="GH839" s="91"/>
      <c r="GI839" s="91"/>
      <c r="GJ839" s="91"/>
      <c r="GK839" s="127"/>
      <c r="GL839" s="126"/>
      <c r="GM839" s="91"/>
      <c r="GN839" s="91"/>
      <c r="GO839" s="91"/>
      <c r="GP839" s="91"/>
      <c r="GQ839" s="91"/>
      <c r="GR839" s="91"/>
      <c r="GS839" s="91"/>
      <c r="GT839" s="91"/>
      <c r="GU839" s="91"/>
      <c r="GV839" s="91"/>
      <c r="GW839" s="91"/>
      <c r="GX839" s="91"/>
      <c r="GY839" s="91"/>
      <c r="GZ839" s="91"/>
      <c r="HA839" s="91"/>
      <c r="HB839" s="91"/>
      <c r="HC839" s="91"/>
      <c r="HD839" s="91"/>
      <c r="HE839" s="91"/>
      <c r="HF839" s="91"/>
      <c r="HG839" s="91"/>
      <c r="HH839" s="91"/>
      <c r="HI839" s="91"/>
      <c r="HJ839" s="91"/>
      <c r="HK839" s="127"/>
      <c r="HL839" s="126"/>
      <c r="HM839" s="91"/>
      <c r="HN839" s="91"/>
      <c r="HO839" s="91"/>
      <c r="HP839" s="91"/>
      <c r="HQ839" s="91"/>
      <c r="HR839" s="91"/>
      <c r="HS839" s="91"/>
      <c r="HT839" s="91"/>
      <c r="HU839" s="91"/>
      <c r="HV839" s="91"/>
      <c r="HW839" s="91"/>
      <c r="HX839" s="91"/>
      <c r="HY839" s="91"/>
      <c r="HZ839" s="91"/>
      <c r="IA839" s="91"/>
      <c r="IB839" s="91"/>
      <c r="IC839" s="91"/>
      <c r="ID839" s="91"/>
      <c r="IE839" s="91"/>
      <c r="IF839" s="91"/>
      <c r="IG839" s="91"/>
      <c r="IH839" s="91"/>
      <c r="II839" s="91"/>
      <c r="IJ839" s="91"/>
      <c r="IK839" s="127"/>
    </row>
    <row r="840" spans="2:245" x14ac:dyDescent="0.2">
      <c r="B840" s="43"/>
      <c r="C840" s="73"/>
      <c r="D840" s="64"/>
      <c r="E840" s="64"/>
      <c r="F840" s="55"/>
      <c r="G840" s="102"/>
      <c r="H840" s="55"/>
      <c r="I840" s="55"/>
      <c r="J840" s="55"/>
      <c r="K840" s="55"/>
      <c r="L840" s="55"/>
      <c r="M840" s="55"/>
      <c r="N840" s="55"/>
      <c r="O840" s="55"/>
      <c r="P840" s="55"/>
      <c r="Q840" s="55"/>
      <c r="R840" s="55"/>
      <c r="S840" s="55"/>
      <c r="T840" s="55"/>
      <c r="U840" s="55"/>
      <c r="V840" s="55"/>
      <c r="W840" s="55"/>
      <c r="X840" s="55"/>
      <c r="Y840" s="55"/>
      <c r="Z840" s="55"/>
      <c r="AA840" s="55"/>
      <c r="AB840" s="55"/>
      <c r="AC840" s="55"/>
      <c r="AD840" s="55"/>
      <c r="AE840" s="55"/>
      <c r="AF840" s="55"/>
      <c r="AG840" s="55"/>
      <c r="AY840" s="162"/>
      <c r="AZ840" s="162"/>
      <c r="BA840" s="162"/>
      <c r="BB840" s="162"/>
      <c r="BC840" s="162"/>
      <c r="BD840" s="162"/>
      <c r="BE840" s="162"/>
      <c r="BF840" s="162"/>
      <c r="BG840" s="162"/>
      <c r="BH840" s="162"/>
      <c r="BI840" s="162"/>
      <c r="BJ840" s="162"/>
      <c r="BK840" s="162"/>
      <c r="BL840" s="162"/>
      <c r="BM840" s="162"/>
      <c r="BN840" s="162"/>
      <c r="BO840" s="162"/>
      <c r="BP840" s="162"/>
      <c r="BQ840" s="162"/>
      <c r="BR840" s="162"/>
      <c r="BS840" s="162"/>
      <c r="BT840" s="162"/>
      <c r="BU840" s="162"/>
      <c r="BV840" s="162"/>
      <c r="BW840" s="162"/>
      <c r="BX840" s="162"/>
      <c r="BY840" s="162"/>
      <c r="BZ840" s="162"/>
      <c r="CA840" s="162"/>
      <c r="CB840" s="162"/>
      <c r="CC840" s="162"/>
      <c r="CD840" s="162"/>
      <c r="CE840" s="162"/>
      <c r="CF840" s="162"/>
      <c r="CG840" s="162"/>
      <c r="CH840" s="162"/>
      <c r="CI840" s="162"/>
      <c r="CJ840" s="162"/>
      <c r="CK840" s="162"/>
      <c r="CX840" s="98"/>
      <c r="DL840" s="97"/>
      <c r="DX840" s="98"/>
      <c r="EL840" s="97"/>
      <c r="EX840" s="98"/>
      <c r="EY840" s="97"/>
      <c r="FL840" s="126"/>
      <c r="FM840" s="91"/>
      <c r="FN840" s="91"/>
      <c r="FO840" s="91"/>
      <c r="FP840" s="91"/>
      <c r="FQ840" s="91"/>
      <c r="FR840" s="91"/>
      <c r="FS840" s="91"/>
      <c r="FT840" s="91"/>
      <c r="FU840" s="91"/>
      <c r="FV840" s="91"/>
      <c r="FW840" s="91"/>
      <c r="FX840" s="91"/>
      <c r="FY840" s="91"/>
      <c r="FZ840" s="91"/>
      <c r="GA840" s="91"/>
      <c r="GB840" s="91"/>
      <c r="GC840" s="91"/>
      <c r="GD840" s="91"/>
      <c r="GE840" s="91"/>
      <c r="GF840" s="91"/>
      <c r="GG840" s="91"/>
      <c r="GH840" s="91"/>
      <c r="GI840" s="91"/>
      <c r="GJ840" s="91"/>
      <c r="GK840" s="127"/>
      <c r="GL840" s="126"/>
      <c r="GM840" s="91"/>
      <c r="GN840" s="91"/>
      <c r="GO840" s="91"/>
      <c r="GP840" s="91"/>
      <c r="GQ840" s="91"/>
      <c r="GR840" s="91"/>
      <c r="GS840" s="91"/>
      <c r="GT840" s="91"/>
      <c r="GU840" s="91"/>
      <c r="GV840" s="91"/>
      <c r="GW840" s="91"/>
      <c r="GX840" s="91"/>
      <c r="GY840" s="91"/>
      <c r="GZ840" s="91"/>
      <c r="HA840" s="91"/>
      <c r="HB840" s="91"/>
      <c r="HC840" s="91"/>
      <c r="HD840" s="91"/>
      <c r="HE840" s="91"/>
      <c r="HF840" s="91"/>
      <c r="HG840" s="91"/>
      <c r="HH840" s="91"/>
      <c r="HI840" s="91"/>
      <c r="HJ840" s="91"/>
      <c r="HK840" s="127"/>
      <c r="HL840" s="126"/>
      <c r="HM840" s="91"/>
      <c r="HN840" s="91"/>
      <c r="HO840" s="91"/>
      <c r="HP840" s="91"/>
      <c r="HQ840" s="91"/>
      <c r="HR840" s="91"/>
      <c r="HS840" s="91"/>
      <c r="HT840" s="91"/>
      <c r="HU840" s="91"/>
      <c r="HV840" s="91"/>
      <c r="HW840" s="91"/>
      <c r="HX840" s="91"/>
      <c r="HY840" s="91"/>
      <c r="HZ840" s="91"/>
      <c r="IA840" s="91"/>
      <c r="IB840" s="91"/>
      <c r="IC840" s="91"/>
      <c r="ID840" s="91"/>
      <c r="IE840" s="91"/>
      <c r="IF840" s="91"/>
      <c r="IG840" s="91"/>
      <c r="IH840" s="91"/>
      <c r="II840" s="91"/>
      <c r="IJ840" s="91"/>
      <c r="IK840" s="127"/>
    </row>
    <row r="841" spans="2:245" x14ac:dyDescent="0.2">
      <c r="B841" s="43"/>
      <c r="C841" s="73"/>
      <c r="D841" s="64"/>
      <c r="E841" s="64"/>
      <c r="F841" s="55"/>
      <c r="G841" s="102"/>
      <c r="H841" s="55"/>
      <c r="I841" s="55"/>
      <c r="J841" s="55"/>
      <c r="K841" s="55"/>
      <c r="L841" s="55"/>
      <c r="M841" s="55"/>
      <c r="N841" s="55"/>
      <c r="O841" s="55"/>
      <c r="P841" s="55"/>
      <c r="Q841" s="55"/>
      <c r="R841" s="55"/>
      <c r="S841" s="55"/>
      <c r="T841" s="55"/>
      <c r="U841" s="55"/>
      <c r="V841" s="55"/>
      <c r="W841" s="55"/>
      <c r="X841" s="55"/>
      <c r="Y841" s="55"/>
      <c r="Z841" s="55"/>
      <c r="AA841" s="55"/>
      <c r="AB841" s="55"/>
      <c r="AC841" s="55"/>
      <c r="AD841" s="55"/>
      <c r="AE841" s="55"/>
      <c r="AF841" s="55"/>
      <c r="AG841" s="55"/>
      <c r="AY841" s="162"/>
      <c r="AZ841" s="162"/>
      <c r="BA841" s="162"/>
      <c r="BB841" s="162"/>
      <c r="BC841" s="162"/>
      <c r="BD841" s="162"/>
      <c r="BE841" s="162"/>
      <c r="BF841" s="162"/>
      <c r="BG841" s="162"/>
      <c r="BH841" s="162"/>
      <c r="BI841" s="162"/>
      <c r="BJ841" s="162"/>
      <c r="BK841" s="162"/>
      <c r="BL841" s="162"/>
      <c r="BM841" s="162"/>
      <c r="BN841" s="162"/>
      <c r="BO841" s="162"/>
      <c r="BP841" s="162"/>
      <c r="BQ841" s="162"/>
      <c r="BR841" s="162"/>
      <c r="BS841" s="162"/>
      <c r="BT841" s="162"/>
      <c r="BU841" s="162"/>
      <c r="BV841" s="162"/>
      <c r="BW841" s="162"/>
      <c r="BX841" s="162"/>
      <c r="BY841" s="162"/>
      <c r="BZ841" s="162"/>
      <c r="CA841" s="162"/>
      <c r="CB841" s="162"/>
      <c r="CC841" s="162"/>
      <c r="CD841" s="162"/>
      <c r="CE841" s="162"/>
      <c r="CF841" s="162"/>
      <c r="CG841" s="162"/>
      <c r="CH841" s="162"/>
      <c r="CI841" s="162"/>
      <c r="CJ841" s="162"/>
      <c r="CK841" s="162"/>
      <c r="CX841" s="98"/>
      <c r="DL841" s="97"/>
      <c r="DX841" s="98"/>
      <c r="EL841" s="97"/>
      <c r="EX841" s="98"/>
      <c r="EY841" s="97"/>
      <c r="FL841" s="126"/>
      <c r="FM841" s="91"/>
      <c r="FN841" s="91"/>
      <c r="FO841" s="91"/>
      <c r="FP841" s="91"/>
      <c r="FQ841" s="91"/>
      <c r="FR841" s="91"/>
      <c r="FS841" s="91"/>
      <c r="FT841" s="91"/>
      <c r="FU841" s="91"/>
      <c r="FV841" s="91"/>
      <c r="FW841" s="91"/>
      <c r="FX841" s="91"/>
      <c r="FY841" s="91"/>
      <c r="FZ841" s="91"/>
      <c r="GA841" s="91"/>
      <c r="GB841" s="91"/>
      <c r="GC841" s="91"/>
      <c r="GD841" s="91"/>
      <c r="GE841" s="91"/>
      <c r="GF841" s="91"/>
      <c r="GG841" s="91"/>
      <c r="GH841" s="91"/>
      <c r="GI841" s="91"/>
      <c r="GJ841" s="91"/>
      <c r="GK841" s="127"/>
      <c r="GL841" s="126"/>
      <c r="GM841" s="91"/>
      <c r="GN841" s="91"/>
      <c r="GO841" s="91"/>
      <c r="GP841" s="91"/>
      <c r="GQ841" s="91"/>
      <c r="GR841" s="91"/>
      <c r="GS841" s="91"/>
      <c r="GT841" s="91"/>
      <c r="GU841" s="91"/>
      <c r="GV841" s="91"/>
      <c r="GW841" s="91"/>
      <c r="GX841" s="91"/>
      <c r="GY841" s="91"/>
      <c r="GZ841" s="91"/>
      <c r="HA841" s="91"/>
      <c r="HB841" s="91"/>
      <c r="HC841" s="91"/>
      <c r="HD841" s="91"/>
      <c r="HE841" s="91"/>
      <c r="HF841" s="91"/>
      <c r="HG841" s="91"/>
      <c r="HH841" s="91"/>
      <c r="HI841" s="91"/>
      <c r="HJ841" s="91"/>
      <c r="HK841" s="127"/>
      <c r="HL841" s="126"/>
      <c r="HM841" s="91"/>
      <c r="HN841" s="91"/>
      <c r="HO841" s="91"/>
      <c r="HP841" s="91"/>
      <c r="HQ841" s="91"/>
      <c r="HR841" s="91"/>
      <c r="HS841" s="91"/>
      <c r="HT841" s="91"/>
      <c r="HU841" s="91"/>
      <c r="HV841" s="91"/>
      <c r="HW841" s="91"/>
      <c r="HX841" s="91"/>
      <c r="HY841" s="91"/>
      <c r="HZ841" s="91"/>
      <c r="IA841" s="91"/>
      <c r="IB841" s="91"/>
      <c r="IC841" s="91"/>
      <c r="ID841" s="91"/>
      <c r="IE841" s="91"/>
      <c r="IF841" s="91"/>
      <c r="IG841" s="91"/>
      <c r="IH841" s="91"/>
      <c r="II841" s="91"/>
      <c r="IJ841" s="91"/>
      <c r="IK841" s="127"/>
    </row>
    <row r="842" spans="2:245" x14ac:dyDescent="0.2">
      <c r="B842" s="43"/>
      <c r="C842" s="73"/>
      <c r="D842" s="64"/>
      <c r="E842" s="64"/>
      <c r="F842" s="55"/>
      <c r="G842" s="102"/>
      <c r="H842" s="55"/>
      <c r="I842" s="55"/>
      <c r="J842" s="55"/>
      <c r="K842" s="55"/>
      <c r="L842" s="55"/>
      <c r="M842" s="55"/>
      <c r="N842" s="55"/>
      <c r="O842" s="55"/>
      <c r="P842" s="55"/>
      <c r="Q842" s="55"/>
      <c r="R842" s="55"/>
      <c r="S842" s="55"/>
      <c r="T842" s="55"/>
      <c r="U842" s="55"/>
      <c r="V842" s="55"/>
      <c r="W842" s="55"/>
      <c r="X842" s="55"/>
      <c r="Y842" s="55"/>
      <c r="Z842" s="55"/>
      <c r="AA842" s="55"/>
      <c r="AB842" s="55"/>
      <c r="AC842" s="55"/>
      <c r="AD842" s="55"/>
      <c r="AE842" s="55"/>
      <c r="AF842" s="55"/>
      <c r="AG842" s="55"/>
      <c r="AY842" s="162"/>
      <c r="AZ842" s="162"/>
      <c r="BA842" s="162"/>
      <c r="BB842" s="162"/>
      <c r="BC842" s="162"/>
      <c r="BD842" s="162"/>
      <c r="BE842" s="162"/>
      <c r="BF842" s="162"/>
      <c r="BG842" s="162"/>
      <c r="BH842" s="162"/>
      <c r="BI842" s="162"/>
      <c r="BJ842" s="162"/>
      <c r="BK842" s="162"/>
      <c r="BL842" s="162"/>
      <c r="BM842" s="162"/>
      <c r="BN842" s="162"/>
      <c r="BO842" s="162"/>
      <c r="BP842" s="162"/>
      <c r="BQ842" s="162"/>
      <c r="BR842" s="162"/>
      <c r="BS842" s="162"/>
      <c r="BT842" s="162"/>
      <c r="BU842" s="162"/>
      <c r="BV842" s="162"/>
      <c r="BW842" s="162"/>
      <c r="BX842" s="162"/>
      <c r="BY842" s="162"/>
      <c r="BZ842" s="162"/>
      <c r="CA842" s="162"/>
      <c r="CB842" s="162"/>
      <c r="CC842" s="162"/>
      <c r="CD842" s="162"/>
      <c r="CE842" s="162"/>
      <c r="CF842" s="162"/>
      <c r="CG842" s="162"/>
      <c r="CH842" s="162"/>
      <c r="CI842" s="162"/>
      <c r="CJ842" s="162"/>
      <c r="CK842" s="162"/>
      <c r="CX842" s="98"/>
      <c r="DL842" s="97"/>
      <c r="DX842" s="98"/>
      <c r="EL842" s="97"/>
      <c r="EX842" s="98"/>
      <c r="EY842" s="97"/>
      <c r="FL842" s="126"/>
      <c r="FM842" s="91"/>
      <c r="FN842" s="91"/>
      <c r="FO842" s="91"/>
      <c r="FP842" s="91"/>
      <c r="FQ842" s="91"/>
      <c r="FR842" s="91"/>
      <c r="FS842" s="91"/>
      <c r="FT842" s="91"/>
      <c r="FU842" s="91"/>
      <c r="FV842" s="91"/>
      <c r="FW842" s="91"/>
      <c r="FX842" s="91"/>
      <c r="FY842" s="91"/>
      <c r="FZ842" s="91"/>
      <c r="GA842" s="91"/>
      <c r="GB842" s="91"/>
      <c r="GC842" s="91"/>
      <c r="GD842" s="91"/>
      <c r="GE842" s="91"/>
      <c r="GF842" s="91"/>
      <c r="GG842" s="91"/>
      <c r="GH842" s="91"/>
      <c r="GI842" s="91"/>
      <c r="GJ842" s="91"/>
      <c r="GK842" s="127"/>
      <c r="GL842" s="126"/>
      <c r="GM842" s="91"/>
      <c r="GN842" s="91"/>
      <c r="GO842" s="91"/>
      <c r="GP842" s="91"/>
      <c r="GQ842" s="91"/>
      <c r="GR842" s="91"/>
      <c r="GS842" s="91"/>
      <c r="GT842" s="91"/>
      <c r="GU842" s="91"/>
      <c r="GV842" s="91"/>
      <c r="GW842" s="91"/>
      <c r="GX842" s="91"/>
      <c r="GY842" s="91"/>
      <c r="GZ842" s="91"/>
      <c r="HA842" s="91"/>
      <c r="HB842" s="91"/>
      <c r="HC842" s="91"/>
      <c r="HD842" s="91"/>
      <c r="HE842" s="91"/>
      <c r="HF842" s="91"/>
      <c r="HG842" s="91"/>
      <c r="HH842" s="91"/>
      <c r="HI842" s="91"/>
      <c r="HJ842" s="91"/>
      <c r="HK842" s="127"/>
      <c r="HL842" s="126"/>
      <c r="HM842" s="91"/>
      <c r="HN842" s="91"/>
      <c r="HO842" s="91"/>
      <c r="HP842" s="91"/>
      <c r="HQ842" s="91"/>
      <c r="HR842" s="91"/>
      <c r="HS842" s="91"/>
      <c r="HT842" s="91"/>
      <c r="HU842" s="91"/>
      <c r="HV842" s="91"/>
      <c r="HW842" s="91"/>
      <c r="HX842" s="91"/>
      <c r="HY842" s="91"/>
      <c r="HZ842" s="91"/>
      <c r="IA842" s="91"/>
      <c r="IB842" s="91"/>
      <c r="IC842" s="91"/>
      <c r="ID842" s="91"/>
      <c r="IE842" s="91"/>
      <c r="IF842" s="91"/>
      <c r="IG842" s="91"/>
      <c r="IH842" s="91"/>
      <c r="II842" s="91"/>
      <c r="IJ842" s="91"/>
      <c r="IK842" s="127"/>
    </row>
    <row r="843" spans="2:245" x14ac:dyDescent="0.2">
      <c r="B843" s="43"/>
      <c r="C843" s="73"/>
      <c r="D843" s="64"/>
      <c r="E843" s="64"/>
      <c r="F843" s="55"/>
      <c r="G843" s="102"/>
      <c r="H843" s="55"/>
      <c r="I843" s="55"/>
      <c r="J843" s="55"/>
      <c r="K843" s="55"/>
      <c r="L843" s="55"/>
      <c r="M843" s="55"/>
      <c r="N843" s="55"/>
      <c r="O843" s="55"/>
      <c r="P843" s="55"/>
      <c r="Q843" s="55"/>
      <c r="R843" s="55"/>
      <c r="S843" s="55"/>
      <c r="T843" s="55"/>
      <c r="U843" s="55"/>
      <c r="V843" s="55"/>
      <c r="W843" s="55"/>
      <c r="X843" s="55"/>
      <c r="Y843" s="55"/>
      <c r="Z843" s="55"/>
      <c r="AA843" s="55"/>
      <c r="AB843" s="55"/>
      <c r="AC843" s="55"/>
      <c r="AD843" s="55"/>
      <c r="AE843" s="55"/>
      <c r="AF843" s="55"/>
      <c r="AG843" s="55"/>
      <c r="AY843" s="162"/>
      <c r="AZ843" s="162"/>
      <c r="BA843" s="162"/>
      <c r="BB843" s="162"/>
      <c r="BC843" s="162"/>
      <c r="BD843" s="162"/>
      <c r="BE843" s="162"/>
      <c r="BF843" s="162"/>
      <c r="BG843" s="162"/>
      <c r="BH843" s="162"/>
      <c r="BI843" s="162"/>
      <c r="BJ843" s="162"/>
      <c r="BK843" s="162"/>
      <c r="BL843" s="162"/>
      <c r="BM843" s="162"/>
      <c r="BN843" s="162"/>
      <c r="BO843" s="162"/>
      <c r="BP843" s="162"/>
      <c r="BQ843" s="162"/>
      <c r="BR843" s="162"/>
      <c r="BS843" s="162"/>
      <c r="BT843" s="162"/>
      <c r="BU843" s="162"/>
      <c r="BV843" s="162"/>
      <c r="BW843" s="162"/>
      <c r="BX843" s="162"/>
      <c r="BY843" s="162"/>
      <c r="BZ843" s="162"/>
      <c r="CA843" s="162"/>
      <c r="CB843" s="162"/>
      <c r="CC843" s="162"/>
      <c r="CD843" s="162"/>
      <c r="CE843" s="162"/>
      <c r="CF843" s="162"/>
      <c r="CG843" s="162"/>
      <c r="CH843" s="162"/>
      <c r="CI843" s="162"/>
      <c r="CJ843" s="162"/>
      <c r="CK843" s="162"/>
      <c r="CX843" s="98"/>
      <c r="DL843" s="97"/>
      <c r="DX843" s="98"/>
      <c r="EL843" s="97"/>
      <c r="EX843" s="98"/>
      <c r="EY843" s="97"/>
      <c r="FL843" s="126"/>
      <c r="FM843" s="91"/>
      <c r="FN843" s="91"/>
      <c r="FO843" s="91"/>
      <c r="FP843" s="91"/>
      <c r="FQ843" s="91"/>
      <c r="FR843" s="91"/>
      <c r="FS843" s="91"/>
      <c r="FT843" s="91"/>
      <c r="FU843" s="91"/>
      <c r="FV843" s="91"/>
      <c r="FW843" s="91"/>
      <c r="FX843" s="91"/>
      <c r="FY843" s="91"/>
      <c r="FZ843" s="91"/>
      <c r="GA843" s="91"/>
      <c r="GB843" s="91"/>
      <c r="GC843" s="91"/>
      <c r="GD843" s="91"/>
      <c r="GE843" s="91"/>
      <c r="GF843" s="91"/>
      <c r="GG843" s="91"/>
      <c r="GH843" s="91"/>
      <c r="GI843" s="91"/>
      <c r="GJ843" s="91"/>
      <c r="GK843" s="127"/>
      <c r="GL843" s="126"/>
      <c r="GM843" s="91"/>
      <c r="GN843" s="91"/>
      <c r="GO843" s="91"/>
      <c r="GP843" s="91"/>
      <c r="GQ843" s="91"/>
      <c r="GR843" s="91"/>
      <c r="GS843" s="91"/>
      <c r="GT843" s="91"/>
      <c r="GU843" s="91"/>
      <c r="GV843" s="91"/>
      <c r="GW843" s="91"/>
      <c r="GX843" s="91"/>
      <c r="GY843" s="91"/>
      <c r="GZ843" s="91"/>
      <c r="HA843" s="91"/>
      <c r="HB843" s="91"/>
      <c r="HC843" s="91"/>
      <c r="HD843" s="91"/>
      <c r="HE843" s="91"/>
      <c r="HF843" s="91"/>
      <c r="HG843" s="91"/>
      <c r="HH843" s="91"/>
      <c r="HI843" s="91"/>
      <c r="HJ843" s="91"/>
      <c r="HK843" s="127"/>
      <c r="HL843" s="126"/>
      <c r="HM843" s="91"/>
      <c r="HN843" s="91"/>
      <c r="HO843" s="91"/>
      <c r="HP843" s="91"/>
      <c r="HQ843" s="91"/>
      <c r="HR843" s="91"/>
      <c r="HS843" s="91"/>
      <c r="HT843" s="91"/>
      <c r="HU843" s="91"/>
      <c r="HV843" s="91"/>
      <c r="HW843" s="91"/>
      <c r="HX843" s="91"/>
      <c r="HY843" s="91"/>
      <c r="HZ843" s="91"/>
      <c r="IA843" s="91"/>
      <c r="IB843" s="91"/>
      <c r="IC843" s="91"/>
      <c r="ID843" s="91"/>
      <c r="IE843" s="91"/>
      <c r="IF843" s="91"/>
      <c r="IG843" s="91"/>
      <c r="IH843" s="91"/>
      <c r="II843" s="91"/>
      <c r="IJ843" s="91"/>
      <c r="IK843" s="127"/>
    </row>
    <row r="844" spans="2:245" x14ac:dyDescent="0.2">
      <c r="B844" s="43"/>
      <c r="C844" s="73"/>
      <c r="D844" s="64"/>
      <c r="E844" s="64"/>
      <c r="F844" s="55"/>
      <c r="G844" s="102"/>
      <c r="H844" s="55"/>
      <c r="I844" s="55"/>
      <c r="J844" s="55"/>
      <c r="K844" s="55"/>
      <c r="L844" s="55"/>
      <c r="M844" s="55"/>
      <c r="N844" s="55"/>
      <c r="O844" s="55"/>
      <c r="P844" s="55"/>
      <c r="Q844" s="55"/>
      <c r="R844" s="55"/>
      <c r="S844" s="55"/>
      <c r="T844" s="55"/>
      <c r="U844" s="55"/>
      <c r="V844" s="55"/>
      <c r="W844" s="55"/>
      <c r="X844" s="55"/>
      <c r="Y844" s="55"/>
      <c r="Z844" s="55"/>
      <c r="AA844" s="55"/>
      <c r="AB844" s="55"/>
      <c r="AC844" s="55"/>
      <c r="AD844" s="55"/>
      <c r="AE844" s="55"/>
      <c r="AF844" s="55"/>
      <c r="AG844" s="55"/>
      <c r="AY844" s="162"/>
      <c r="AZ844" s="162"/>
      <c r="BA844" s="162"/>
      <c r="BB844" s="162"/>
      <c r="BC844" s="162"/>
      <c r="BD844" s="162"/>
      <c r="BE844" s="162"/>
      <c r="BF844" s="162"/>
      <c r="BG844" s="162"/>
      <c r="BH844" s="162"/>
      <c r="BI844" s="162"/>
      <c r="BJ844" s="162"/>
      <c r="BK844" s="162"/>
      <c r="BL844" s="162"/>
      <c r="BM844" s="162"/>
      <c r="BN844" s="162"/>
      <c r="BO844" s="162"/>
      <c r="BP844" s="162"/>
      <c r="BQ844" s="162"/>
      <c r="BR844" s="162"/>
      <c r="BS844" s="162"/>
      <c r="BT844" s="162"/>
      <c r="BU844" s="162"/>
      <c r="BV844" s="162"/>
      <c r="BW844" s="162"/>
      <c r="BX844" s="162"/>
      <c r="BY844" s="162"/>
      <c r="BZ844" s="162"/>
      <c r="CA844" s="162"/>
      <c r="CB844" s="162"/>
      <c r="CC844" s="162"/>
      <c r="CD844" s="162"/>
      <c r="CE844" s="162"/>
      <c r="CF844" s="162"/>
      <c r="CG844" s="162"/>
      <c r="CH844" s="162"/>
      <c r="CI844" s="162"/>
      <c r="CJ844" s="162"/>
      <c r="CK844" s="162"/>
      <c r="CX844" s="98"/>
      <c r="DL844" s="97"/>
      <c r="DX844" s="98"/>
      <c r="EL844" s="97"/>
      <c r="EX844" s="98"/>
      <c r="EY844" s="97"/>
      <c r="FL844" s="126"/>
      <c r="FM844" s="91"/>
      <c r="FN844" s="91"/>
      <c r="FO844" s="91"/>
      <c r="FP844" s="91"/>
      <c r="FQ844" s="91"/>
      <c r="FR844" s="91"/>
      <c r="FS844" s="91"/>
      <c r="FT844" s="91"/>
      <c r="FU844" s="91"/>
      <c r="FV844" s="91"/>
      <c r="FW844" s="91"/>
      <c r="FX844" s="91"/>
      <c r="FY844" s="91"/>
      <c r="FZ844" s="91"/>
      <c r="GA844" s="91"/>
      <c r="GB844" s="91"/>
      <c r="GC844" s="91"/>
      <c r="GD844" s="91"/>
      <c r="GE844" s="91"/>
      <c r="GF844" s="91"/>
      <c r="GG844" s="91"/>
      <c r="GH844" s="91"/>
      <c r="GI844" s="91"/>
      <c r="GJ844" s="91"/>
      <c r="GK844" s="127"/>
      <c r="GL844" s="126"/>
      <c r="GM844" s="91"/>
      <c r="GN844" s="91"/>
      <c r="GO844" s="91"/>
      <c r="GP844" s="91"/>
      <c r="GQ844" s="91"/>
      <c r="GR844" s="91"/>
      <c r="GS844" s="91"/>
      <c r="GT844" s="91"/>
      <c r="GU844" s="91"/>
      <c r="GV844" s="91"/>
      <c r="GW844" s="91"/>
      <c r="GX844" s="91"/>
      <c r="GY844" s="91"/>
      <c r="GZ844" s="91"/>
      <c r="HA844" s="91"/>
      <c r="HB844" s="91"/>
      <c r="HC844" s="91"/>
      <c r="HD844" s="91"/>
      <c r="HE844" s="91"/>
      <c r="HF844" s="91"/>
      <c r="HG844" s="91"/>
      <c r="HH844" s="91"/>
      <c r="HI844" s="91"/>
      <c r="HJ844" s="91"/>
      <c r="HK844" s="127"/>
      <c r="HL844" s="126"/>
      <c r="HM844" s="91"/>
      <c r="HN844" s="91"/>
      <c r="HO844" s="91"/>
      <c r="HP844" s="91"/>
      <c r="HQ844" s="91"/>
      <c r="HR844" s="91"/>
      <c r="HS844" s="91"/>
      <c r="HT844" s="91"/>
      <c r="HU844" s="91"/>
      <c r="HV844" s="91"/>
      <c r="HW844" s="91"/>
      <c r="HX844" s="91"/>
      <c r="HY844" s="91"/>
      <c r="HZ844" s="91"/>
      <c r="IA844" s="91"/>
      <c r="IB844" s="91"/>
      <c r="IC844" s="91"/>
      <c r="ID844" s="91"/>
      <c r="IE844" s="91"/>
      <c r="IF844" s="91"/>
      <c r="IG844" s="91"/>
      <c r="IH844" s="91"/>
      <c r="II844" s="91"/>
      <c r="IJ844" s="91"/>
      <c r="IK844" s="127"/>
    </row>
    <row r="845" spans="2:245" x14ac:dyDescent="0.2">
      <c r="B845" s="43"/>
      <c r="C845" s="73"/>
      <c r="D845" s="64"/>
      <c r="E845" s="64"/>
      <c r="F845" s="55"/>
      <c r="G845" s="102"/>
      <c r="H845" s="55"/>
      <c r="I845" s="55"/>
      <c r="J845" s="55"/>
      <c r="K845" s="55"/>
      <c r="L845" s="55"/>
      <c r="M845" s="55"/>
      <c r="N845" s="55"/>
      <c r="O845" s="55"/>
      <c r="P845" s="55"/>
      <c r="Q845" s="55"/>
      <c r="R845" s="55"/>
      <c r="S845" s="55"/>
      <c r="T845" s="55"/>
      <c r="U845" s="55"/>
      <c r="V845" s="55"/>
      <c r="W845" s="55"/>
      <c r="X845" s="55"/>
      <c r="Y845" s="55"/>
      <c r="Z845" s="55"/>
      <c r="AA845" s="55"/>
      <c r="AB845" s="55"/>
      <c r="AC845" s="55"/>
      <c r="AD845" s="55"/>
      <c r="AE845" s="55"/>
      <c r="AF845" s="55"/>
      <c r="AG845" s="55"/>
      <c r="AY845" s="162"/>
      <c r="AZ845" s="162"/>
      <c r="BA845" s="162"/>
      <c r="BB845" s="162"/>
      <c r="BC845" s="162"/>
      <c r="BD845" s="162"/>
      <c r="BE845" s="162"/>
      <c r="BF845" s="162"/>
      <c r="BG845" s="162"/>
      <c r="BH845" s="162"/>
      <c r="BI845" s="162"/>
      <c r="BJ845" s="162"/>
      <c r="BK845" s="162"/>
      <c r="BL845" s="162"/>
      <c r="BM845" s="162"/>
      <c r="BN845" s="162"/>
      <c r="BO845" s="162"/>
      <c r="BP845" s="162"/>
      <c r="BQ845" s="162"/>
      <c r="BR845" s="162"/>
      <c r="BS845" s="162"/>
      <c r="BT845" s="162"/>
      <c r="BU845" s="162"/>
      <c r="BV845" s="162"/>
      <c r="BW845" s="162"/>
      <c r="BX845" s="162"/>
      <c r="BY845" s="162"/>
      <c r="BZ845" s="162"/>
      <c r="CA845" s="162"/>
      <c r="CB845" s="162"/>
      <c r="CC845" s="162"/>
      <c r="CD845" s="162"/>
      <c r="CE845" s="162"/>
      <c r="CF845" s="162"/>
      <c r="CG845" s="162"/>
      <c r="CH845" s="162"/>
      <c r="CI845" s="162"/>
      <c r="CJ845" s="162"/>
      <c r="CK845" s="162"/>
      <c r="CX845" s="98"/>
      <c r="DL845" s="97"/>
      <c r="DX845" s="98"/>
      <c r="EL845" s="97"/>
      <c r="EX845" s="98"/>
      <c r="EY845" s="97"/>
      <c r="FL845" s="126"/>
      <c r="FM845" s="91"/>
      <c r="FN845" s="91"/>
      <c r="FO845" s="91"/>
      <c r="FP845" s="91"/>
      <c r="FQ845" s="91"/>
      <c r="FR845" s="91"/>
      <c r="FS845" s="91"/>
      <c r="FT845" s="91"/>
      <c r="FU845" s="91"/>
      <c r="FV845" s="91"/>
      <c r="FW845" s="91"/>
      <c r="FX845" s="91"/>
      <c r="FY845" s="91"/>
      <c r="FZ845" s="91"/>
      <c r="GA845" s="91"/>
      <c r="GB845" s="91"/>
      <c r="GC845" s="91"/>
      <c r="GD845" s="91"/>
      <c r="GE845" s="91"/>
      <c r="GF845" s="91"/>
      <c r="GG845" s="91"/>
      <c r="GH845" s="91"/>
      <c r="GI845" s="91"/>
      <c r="GJ845" s="91"/>
      <c r="GK845" s="127"/>
      <c r="GL845" s="126"/>
      <c r="GM845" s="91"/>
      <c r="GN845" s="91"/>
      <c r="GO845" s="91"/>
      <c r="GP845" s="91"/>
      <c r="GQ845" s="91"/>
      <c r="GR845" s="91"/>
      <c r="GS845" s="91"/>
      <c r="GT845" s="91"/>
      <c r="GU845" s="91"/>
      <c r="GV845" s="91"/>
      <c r="GW845" s="91"/>
      <c r="GX845" s="91"/>
      <c r="GY845" s="91"/>
      <c r="GZ845" s="91"/>
      <c r="HA845" s="91"/>
      <c r="HB845" s="91"/>
      <c r="HC845" s="91"/>
      <c r="HD845" s="91"/>
      <c r="HE845" s="91"/>
      <c r="HF845" s="91"/>
      <c r="HG845" s="91"/>
      <c r="HH845" s="91"/>
      <c r="HI845" s="91"/>
      <c r="HJ845" s="91"/>
      <c r="HK845" s="127"/>
      <c r="HL845" s="126"/>
      <c r="HM845" s="91"/>
      <c r="HN845" s="91"/>
      <c r="HO845" s="91"/>
      <c r="HP845" s="91"/>
      <c r="HQ845" s="91"/>
      <c r="HR845" s="91"/>
      <c r="HS845" s="91"/>
      <c r="HT845" s="91"/>
      <c r="HU845" s="91"/>
      <c r="HV845" s="91"/>
      <c r="HW845" s="91"/>
      <c r="HX845" s="91"/>
      <c r="HY845" s="91"/>
      <c r="HZ845" s="91"/>
      <c r="IA845" s="91"/>
      <c r="IB845" s="91"/>
      <c r="IC845" s="91"/>
      <c r="ID845" s="91"/>
      <c r="IE845" s="91"/>
      <c r="IF845" s="91"/>
      <c r="IG845" s="91"/>
      <c r="IH845" s="91"/>
      <c r="II845" s="91"/>
      <c r="IJ845" s="91"/>
      <c r="IK845" s="127"/>
    </row>
    <row r="846" spans="2:245" x14ac:dyDescent="0.2">
      <c r="B846" s="43"/>
      <c r="C846" s="73"/>
      <c r="D846" s="64"/>
      <c r="E846" s="64"/>
      <c r="F846" s="55"/>
      <c r="G846" s="102"/>
      <c r="H846" s="55"/>
      <c r="I846" s="55"/>
      <c r="J846" s="55"/>
      <c r="K846" s="55"/>
      <c r="L846" s="55"/>
      <c r="M846" s="55"/>
      <c r="N846" s="55"/>
      <c r="O846" s="55"/>
      <c r="P846" s="55"/>
      <c r="Q846" s="55"/>
      <c r="R846" s="55"/>
      <c r="S846" s="55"/>
      <c r="T846" s="55"/>
      <c r="U846" s="55"/>
      <c r="V846" s="55"/>
      <c r="W846" s="55"/>
      <c r="X846" s="55"/>
      <c r="Y846" s="55"/>
      <c r="Z846" s="55"/>
      <c r="AA846" s="55"/>
      <c r="AB846" s="55"/>
      <c r="AC846" s="55"/>
      <c r="AD846" s="55"/>
      <c r="AE846" s="55"/>
      <c r="AF846" s="55"/>
      <c r="AG846" s="55"/>
      <c r="AY846" s="162"/>
      <c r="AZ846" s="162"/>
      <c r="BA846" s="162"/>
      <c r="BB846" s="162"/>
      <c r="BC846" s="162"/>
      <c r="BD846" s="162"/>
      <c r="BE846" s="162"/>
      <c r="BF846" s="162"/>
      <c r="BG846" s="162"/>
      <c r="BH846" s="162"/>
      <c r="BI846" s="162"/>
      <c r="BJ846" s="162"/>
      <c r="BK846" s="162"/>
      <c r="BL846" s="162"/>
      <c r="BM846" s="162"/>
      <c r="BN846" s="162"/>
      <c r="BO846" s="162"/>
      <c r="BP846" s="162"/>
      <c r="BQ846" s="162"/>
      <c r="BR846" s="162"/>
      <c r="BS846" s="162"/>
      <c r="BT846" s="162"/>
      <c r="BU846" s="162"/>
      <c r="BV846" s="162"/>
      <c r="BW846" s="162"/>
      <c r="BX846" s="162"/>
      <c r="BY846" s="162"/>
      <c r="BZ846" s="162"/>
      <c r="CA846" s="162"/>
      <c r="CB846" s="162"/>
      <c r="CC846" s="162"/>
      <c r="CD846" s="162"/>
      <c r="CE846" s="162"/>
      <c r="CF846" s="162"/>
      <c r="CG846" s="162"/>
      <c r="CH846" s="162"/>
      <c r="CI846" s="162"/>
      <c r="CJ846" s="162"/>
      <c r="CK846" s="162"/>
      <c r="CX846" s="98"/>
      <c r="DL846" s="97"/>
      <c r="DX846" s="98"/>
      <c r="EL846" s="97"/>
      <c r="EX846" s="98"/>
      <c r="EY846" s="97"/>
      <c r="FL846" s="126"/>
      <c r="FM846" s="91"/>
      <c r="FN846" s="91"/>
      <c r="FO846" s="91"/>
      <c r="FP846" s="91"/>
      <c r="FQ846" s="91"/>
      <c r="FR846" s="91"/>
      <c r="FS846" s="91"/>
      <c r="FT846" s="91"/>
      <c r="FU846" s="91"/>
      <c r="FV846" s="91"/>
      <c r="FW846" s="91"/>
      <c r="FX846" s="91"/>
      <c r="FY846" s="91"/>
      <c r="FZ846" s="91"/>
      <c r="GA846" s="91"/>
      <c r="GB846" s="91"/>
      <c r="GC846" s="91"/>
      <c r="GD846" s="91"/>
      <c r="GE846" s="91"/>
      <c r="GF846" s="91"/>
      <c r="GG846" s="91"/>
      <c r="GH846" s="91"/>
      <c r="GI846" s="91"/>
      <c r="GJ846" s="91"/>
      <c r="GK846" s="127"/>
      <c r="GL846" s="126"/>
      <c r="GM846" s="91"/>
      <c r="GN846" s="91"/>
      <c r="GO846" s="91"/>
      <c r="GP846" s="91"/>
      <c r="GQ846" s="91"/>
      <c r="GR846" s="91"/>
      <c r="GS846" s="91"/>
      <c r="GT846" s="91"/>
      <c r="GU846" s="91"/>
      <c r="GV846" s="91"/>
      <c r="GW846" s="91"/>
      <c r="GX846" s="91"/>
      <c r="GY846" s="91"/>
      <c r="GZ846" s="91"/>
      <c r="HA846" s="91"/>
      <c r="HB846" s="91"/>
      <c r="HC846" s="91"/>
      <c r="HD846" s="91"/>
      <c r="HE846" s="91"/>
      <c r="HF846" s="91"/>
      <c r="HG846" s="91"/>
      <c r="HH846" s="91"/>
      <c r="HI846" s="91"/>
      <c r="HJ846" s="91"/>
      <c r="HK846" s="127"/>
      <c r="HL846" s="126"/>
      <c r="HM846" s="91"/>
      <c r="HN846" s="91"/>
      <c r="HO846" s="91"/>
      <c r="HP846" s="91"/>
      <c r="HQ846" s="91"/>
      <c r="HR846" s="91"/>
      <c r="HS846" s="91"/>
      <c r="HT846" s="91"/>
      <c r="HU846" s="91"/>
      <c r="HV846" s="91"/>
      <c r="HW846" s="91"/>
      <c r="HX846" s="91"/>
      <c r="HY846" s="91"/>
      <c r="HZ846" s="91"/>
      <c r="IA846" s="91"/>
      <c r="IB846" s="91"/>
      <c r="IC846" s="91"/>
      <c r="ID846" s="91"/>
      <c r="IE846" s="91"/>
      <c r="IF846" s="91"/>
      <c r="IG846" s="91"/>
      <c r="IH846" s="91"/>
      <c r="II846" s="91"/>
      <c r="IJ846" s="91"/>
      <c r="IK846" s="127"/>
    </row>
    <row r="847" spans="2:245" x14ac:dyDescent="0.2">
      <c r="B847" s="43"/>
      <c r="C847" s="73"/>
      <c r="D847" s="64"/>
      <c r="E847" s="64"/>
      <c r="F847" s="55"/>
      <c r="G847" s="102"/>
      <c r="H847" s="55"/>
      <c r="I847" s="55"/>
      <c r="J847" s="55"/>
      <c r="K847" s="55"/>
      <c r="L847" s="55"/>
      <c r="M847" s="55"/>
      <c r="N847" s="55"/>
      <c r="O847" s="55"/>
      <c r="P847" s="55"/>
      <c r="Q847" s="55"/>
      <c r="R847" s="55"/>
      <c r="S847" s="55"/>
      <c r="T847" s="55"/>
      <c r="U847" s="55"/>
      <c r="V847" s="55"/>
      <c r="W847" s="55"/>
      <c r="X847" s="55"/>
      <c r="Y847" s="55"/>
      <c r="Z847" s="55"/>
      <c r="AA847" s="55"/>
      <c r="AB847" s="55"/>
      <c r="AC847" s="55"/>
      <c r="AD847" s="55"/>
      <c r="AE847" s="55"/>
      <c r="AF847" s="55"/>
      <c r="AG847" s="55"/>
      <c r="AY847" s="162"/>
      <c r="AZ847" s="162"/>
      <c r="BA847" s="162"/>
      <c r="BB847" s="162"/>
      <c r="BC847" s="162"/>
      <c r="BD847" s="162"/>
      <c r="BE847" s="162"/>
      <c r="BF847" s="162"/>
      <c r="BG847" s="162"/>
      <c r="BH847" s="162"/>
      <c r="BI847" s="162"/>
      <c r="BJ847" s="162"/>
      <c r="BK847" s="162"/>
      <c r="BL847" s="162"/>
      <c r="BM847" s="162"/>
      <c r="BN847" s="162"/>
      <c r="BO847" s="162"/>
      <c r="BP847" s="162"/>
      <c r="BQ847" s="162"/>
      <c r="BR847" s="162"/>
      <c r="BS847" s="162"/>
      <c r="BT847" s="162"/>
      <c r="BU847" s="162"/>
      <c r="BV847" s="162"/>
      <c r="BW847" s="162"/>
      <c r="BX847" s="162"/>
      <c r="BY847" s="162"/>
      <c r="BZ847" s="162"/>
      <c r="CA847" s="162"/>
      <c r="CB847" s="162"/>
      <c r="CC847" s="162"/>
      <c r="CD847" s="162"/>
      <c r="CE847" s="162"/>
      <c r="CF847" s="162"/>
      <c r="CG847" s="162"/>
      <c r="CH847" s="162"/>
      <c r="CI847" s="162"/>
      <c r="CJ847" s="162"/>
      <c r="CK847" s="162"/>
      <c r="CX847" s="98"/>
      <c r="DL847" s="97"/>
      <c r="DX847" s="98"/>
      <c r="EL847" s="97"/>
      <c r="EX847" s="98"/>
      <c r="EY847" s="97"/>
      <c r="FL847" s="126"/>
      <c r="FM847" s="91"/>
      <c r="FN847" s="91"/>
      <c r="FO847" s="91"/>
      <c r="FP847" s="91"/>
      <c r="FQ847" s="91"/>
      <c r="FR847" s="91"/>
      <c r="FS847" s="91"/>
      <c r="FT847" s="91"/>
      <c r="FU847" s="91"/>
      <c r="FV847" s="91"/>
      <c r="FW847" s="91"/>
      <c r="FX847" s="91"/>
      <c r="FY847" s="91"/>
      <c r="FZ847" s="91"/>
      <c r="GA847" s="91"/>
      <c r="GB847" s="91"/>
      <c r="GC847" s="91"/>
      <c r="GD847" s="91"/>
      <c r="GE847" s="91"/>
      <c r="GF847" s="91"/>
      <c r="GG847" s="91"/>
      <c r="GH847" s="91"/>
      <c r="GI847" s="91"/>
      <c r="GJ847" s="91"/>
      <c r="GK847" s="127"/>
      <c r="GL847" s="126"/>
      <c r="GM847" s="91"/>
      <c r="GN847" s="91"/>
      <c r="GO847" s="91"/>
      <c r="GP847" s="91"/>
      <c r="GQ847" s="91"/>
      <c r="GR847" s="91"/>
      <c r="GS847" s="91"/>
      <c r="GT847" s="91"/>
      <c r="GU847" s="91"/>
      <c r="GV847" s="91"/>
      <c r="GW847" s="91"/>
      <c r="GX847" s="91"/>
      <c r="GY847" s="91"/>
      <c r="GZ847" s="91"/>
      <c r="HA847" s="91"/>
      <c r="HB847" s="91"/>
      <c r="HC847" s="91"/>
      <c r="HD847" s="91"/>
      <c r="HE847" s="91"/>
      <c r="HF847" s="91"/>
      <c r="HG847" s="91"/>
      <c r="HH847" s="91"/>
      <c r="HI847" s="91"/>
      <c r="HJ847" s="91"/>
      <c r="HK847" s="127"/>
      <c r="HL847" s="126"/>
      <c r="HM847" s="91"/>
      <c r="HN847" s="91"/>
      <c r="HO847" s="91"/>
      <c r="HP847" s="91"/>
      <c r="HQ847" s="91"/>
      <c r="HR847" s="91"/>
      <c r="HS847" s="91"/>
      <c r="HT847" s="91"/>
      <c r="HU847" s="91"/>
      <c r="HV847" s="91"/>
      <c r="HW847" s="91"/>
      <c r="HX847" s="91"/>
      <c r="HY847" s="91"/>
      <c r="HZ847" s="91"/>
      <c r="IA847" s="91"/>
      <c r="IB847" s="91"/>
      <c r="IC847" s="91"/>
      <c r="ID847" s="91"/>
      <c r="IE847" s="91"/>
      <c r="IF847" s="91"/>
      <c r="IG847" s="91"/>
      <c r="IH847" s="91"/>
      <c r="II847" s="91"/>
      <c r="IJ847" s="91"/>
      <c r="IK847" s="127"/>
    </row>
    <row r="848" spans="2:245" x14ac:dyDescent="0.2">
      <c r="B848" s="43"/>
      <c r="C848" s="73"/>
      <c r="D848" s="64"/>
      <c r="E848" s="64"/>
      <c r="F848" s="55"/>
      <c r="G848" s="102"/>
      <c r="H848" s="55"/>
      <c r="I848" s="55"/>
      <c r="J848" s="55"/>
      <c r="K848" s="55"/>
      <c r="L848" s="55"/>
      <c r="M848" s="55"/>
      <c r="N848" s="55"/>
      <c r="O848" s="55"/>
      <c r="P848" s="55"/>
      <c r="Q848" s="55"/>
      <c r="R848" s="55"/>
      <c r="S848" s="55"/>
      <c r="T848" s="55"/>
      <c r="U848" s="55"/>
      <c r="V848" s="55"/>
      <c r="W848" s="55"/>
      <c r="X848" s="55"/>
      <c r="Y848" s="55"/>
      <c r="Z848" s="55"/>
      <c r="AA848" s="55"/>
      <c r="AB848" s="55"/>
      <c r="AC848" s="55"/>
      <c r="AD848" s="55"/>
      <c r="AE848" s="55"/>
      <c r="AF848" s="55"/>
      <c r="AG848" s="55"/>
      <c r="AY848" s="162"/>
      <c r="AZ848" s="162"/>
      <c r="BA848" s="162"/>
      <c r="BB848" s="162"/>
      <c r="BC848" s="162"/>
      <c r="BD848" s="162"/>
      <c r="BE848" s="162"/>
      <c r="BF848" s="162"/>
      <c r="BG848" s="162"/>
      <c r="BH848" s="162"/>
      <c r="BI848" s="162"/>
      <c r="BJ848" s="162"/>
      <c r="BK848" s="162"/>
      <c r="BL848" s="162"/>
      <c r="BM848" s="162"/>
      <c r="BN848" s="162"/>
      <c r="BO848" s="162"/>
      <c r="BP848" s="162"/>
      <c r="BQ848" s="162"/>
      <c r="BR848" s="162"/>
      <c r="BS848" s="162"/>
      <c r="BT848" s="162"/>
      <c r="BU848" s="162"/>
      <c r="BV848" s="162"/>
      <c r="BW848" s="162"/>
      <c r="BX848" s="162"/>
      <c r="BY848" s="162"/>
      <c r="BZ848" s="162"/>
      <c r="CA848" s="162"/>
      <c r="CB848" s="162"/>
      <c r="CC848" s="162"/>
      <c r="CD848" s="162"/>
      <c r="CE848" s="162"/>
      <c r="CF848" s="162"/>
      <c r="CG848" s="162"/>
      <c r="CH848" s="162"/>
      <c r="CI848" s="162"/>
      <c r="CJ848" s="162"/>
      <c r="CK848" s="162"/>
      <c r="CX848" s="98"/>
      <c r="DL848" s="97"/>
      <c r="DX848" s="98"/>
      <c r="EL848" s="97"/>
      <c r="EX848" s="98"/>
      <c r="EY848" s="97"/>
      <c r="FL848" s="126"/>
      <c r="FM848" s="91"/>
      <c r="FN848" s="91"/>
      <c r="FO848" s="91"/>
      <c r="FP848" s="91"/>
      <c r="FQ848" s="91"/>
      <c r="FR848" s="91"/>
      <c r="FS848" s="91"/>
      <c r="FT848" s="91"/>
      <c r="FU848" s="91"/>
      <c r="FV848" s="91"/>
      <c r="FW848" s="91"/>
      <c r="FX848" s="91"/>
      <c r="FY848" s="91"/>
      <c r="FZ848" s="91"/>
      <c r="GA848" s="91"/>
      <c r="GB848" s="91"/>
      <c r="GC848" s="91"/>
      <c r="GD848" s="91"/>
      <c r="GE848" s="91"/>
      <c r="GF848" s="91"/>
      <c r="GG848" s="91"/>
      <c r="GH848" s="91"/>
      <c r="GI848" s="91"/>
      <c r="GJ848" s="91"/>
      <c r="GK848" s="127"/>
      <c r="GL848" s="126"/>
      <c r="GM848" s="91"/>
      <c r="GN848" s="91"/>
      <c r="GO848" s="91"/>
      <c r="GP848" s="91"/>
      <c r="GQ848" s="91"/>
      <c r="GR848" s="91"/>
      <c r="GS848" s="91"/>
      <c r="GT848" s="91"/>
      <c r="GU848" s="91"/>
      <c r="GV848" s="91"/>
      <c r="GW848" s="91"/>
      <c r="GX848" s="91"/>
      <c r="GY848" s="91"/>
      <c r="GZ848" s="91"/>
      <c r="HA848" s="91"/>
      <c r="HB848" s="91"/>
      <c r="HC848" s="91"/>
      <c r="HD848" s="91"/>
      <c r="HE848" s="91"/>
      <c r="HF848" s="91"/>
      <c r="HG848" s="91"/>
      <c r="HH848" s="91"/>
      <c r="HI848" s="91"/>
      <c r="HJ848" s="91"/>
      <c r="HK848" s="127"/>
      <c r="HL848" s="126"/>
      <c r="HM848" s="91"/>
      <c r="HN848" s="91"/>
      <c r="HO848" s="91"/>
      <c r="HP848" s="91"/>
      <c r="HQ848" s="91"/>
      <c r="HR848" s="91"/>
      <c r="HS848" s="91"/>
      <c r="HT848" s="91"/>
      <c r="HU848" s="91"/>
      <c r="HV848" s="91"/>
      <c r="HW848" s="91"/>
      <c r="HX848" s="91"/>
      <c r="HY848" s="91"/>
      <c r="HZ848" s="91"/>
      <c r="IA848" s="91"/>
      <c r="IB848" s="91"/>
      <c r="IC848" s="91"/>
      <c r="ID848" s="91"/>
      <c r="IE848" s="91"/>
      <c r="IF848" s="91"/>
      <c r="IG848" s="91"/>
      <c r="IH848" s="91"/>
      <c r="II848" s="91"/>
      <c r="IJ848" s="91"/>
      <c r="IK848" s="127"/>
    </row>
    <row r="849" spans="2:245" x14ac:dyDescent="0.2">
      <c r="B849" s="43"/>
      <c r="C849" s="73"/>
      <c r="D849" s="64"/>
      <c r="E849" s="64"/>
      <c r="F849" s="55"/>
      <c r="G849" s="102"/>
      <c r="H849" s="55"/>
      <c r="I849" s="55"/>
      <c r="J849" s="55"/>
      <c r="K849" s="55"/>
      <c r="L849" s="55"/>
      <c r="M849" s="55"/>
      <c r="N849" s="55"/>
      <c r="O849" s="55"/>
      <c r="P849" s="55"/>
      <c r="Q849" s="55"/>
      <c r="R849" s="55"/>
      <c r="S849" s="55"/>
      <c r="T849" s="55"/>
      <c r="U849" s="55"/>
      <c r="V849" s="55"/>
      <c r="W849" s="55"/>
      <c r="X849" s="55"/>
      <c r="Y849" s="55"/>
      <c r="Z849" s="55"/>
      <c r="AA849" s="55"/>
      <c r="AB849" s="55"/>
      <c r="AC849" s="55"/>
      <c r="AD849" s="55"/>
      <c r="AE849" s="55"/>
      <c r="AF849" s="55"/>
      <c r="AG849" s="55"/>
      <c r="AY849" s="162"/>
      <c r="AZ849" s="162"/>
      <c r="BA849" s="162"/>
      <c r="BB849" s="162"/>
      <c r="BC849" s="162"/>
      <c r="BD849" s="162"/>
      <c r="BE849" s="162"/>
      <c r="BF849" s="162"/>
      <c r="BG849" s="162"/>
      <c r="BH849" s="162"/>
      <c r="BI849" s="162"/>
      <c r="BJ849" s="162"/>
      <c r="BK849" s="162"/>
      <c r="BL849" s="162"/>
      <c r="BM849" s="162"/>
      <c r="BN849" s="162"/>
      <c r="BO849" s="162"/>
      <c r="BP849" s="162"/>
      <c r="BQ849" s="162"/>
      <c r="BR849" s="162"/>
      <c r="BS849" s="162"/>
      <c r="BT849" s="162"/>
      <c r="BU849" s="162"/>
      <c r="BV849" s="162"/>
      <c r="BW849" s="162"/>
      <c r="BX849" s="162"/>
      <c r="BY849" s="162"/>
      <c r="BZ849" s="162"/>
      <c r="CA849" s="162"/>
      <c r="CB849" s="162"/>
      <c r="CC849" s="162"/>
      <c r="CD849" s="162"/>
      <c r="CE849" s="162"/>
      <c r="CF849" s="162"/>
      <c r="CG849" s="162"/>
      <c r="CH849" s="162"/>
      <c r="CI849" s="162"/>
      <c r="CJ849" s="162"/>
      <c r="CK849" s="162"/>
      <c r="CX849" s="98"/>
      <c r="DL849" s="97"/>
      <c r="DX849" s="98"/>
      <c r="EL849" s="97"/>
      <c r="EX849" s="98"/>
      <c r="EY849" s="97"/>
      <c r="FL849" s="126"/>
      <c r="FM849" s="91"/>
      <c r="FN849" s="91"/>
      <c r="FO849" s="91"/>
      <c r="FP849" s="91"/>
      <c r="FQ849" s="91"/>
      <c r="FR849" s="91"/>
      <c r="FS849" s="91"/>
      <c r="FT849" s="91"/>
      <c r="FU849" s="91"/>
      <c r="FV849" s="91"/>
      <c r="FW849" s="91"/>
      <c r="FX849" s="91"/>
      <c r="FY849" s="91"/>
      <c r="FZ849" s="91"/>
      <c r="GA849" s="91"/>
      <c r="GB849" s="91"/>
      <c r="GC849" s="91"/>
      <c r="GD849" s="91"/>
      <c r="GE849" s="91"/>
      <c r="GF849" s="91"/>
      <c r="GG849" s="91"/>
      <c r="GH849" s="91"/>
      <c r="GI849" s="91"/>
      <c r="GJ849" s="91"/>
      <c r="GK849" s="127"/>
      <c r="GL849" s="126"/>
      <c r="GM849" s="91"/>
      <c r="GN849" s="91"/>
      <c r="GO849" s="91"/>
      <c r="GP849" s="91"/>
      <c r="GQ849" s="91"/>
      <c r="GR849" s="91"/>
      <c r="GS849" s="91"/>
      <c r="GT849" s="91"/>
      <c r="GU849" s="91"/>
      <c r="GV849" s="91"/>
      <c r="GW849" s="91"/>
      <c r="GX849" s="91"/>
      <c r="GY849" s="91"/>
      <c r="GZ849" s="91"/>
      <c r="HA849" s="91"/>
      <c r="HB849" s="91"/>
      <c r="HC849" s="91"/>
      <c r="HD849" s="91"/>
      <c r="HE849" s="91"/>
      <c r="HF849" s="91"/>
      <c r="HG849" s="91"/>
      <c r="HH849" s="91"/>
      <c r="HI849" s="91"/>
      <c r="HJ849" s="91"/>
      <c r="HK849" s="127"/>
      <c r="HL849" s="126"/>
      <c r="HM849" s="91"/>
      <c r="HN849" s="91"/>
      <c r="HO849" s="91"/>
      <c r="HP849" s="91"/>
      <c r="HQ849" s="91"/>
      <c r="HR849" s="91"/>
      <c r="HS849" s="91"/>
      <c r="HT849" s="91"/>
      <c r="HU849" s="91"/>
      <c r="HV849" s="91"/>
      <c r="HW849" s="91"/>
      <c r="HX849" s="91"/>
      <c r="HY849" s="91"/>
      <c r="HZ849" s="91"/>
      <c r="IA849" s="91"/>
      <c r="IB849" s="91"/>
      <c r="IC849" s="91"/>
      <c r="ID849" s="91"/>
      <c r="IE849" s="91"/>
      <c r="IF849" s="91"/>
      <c r="IG849" s="91"/>
      <c r="IH849" s="91"/>
      <c r="II849" s="91"/>
      <c r="IJ849" s="91"/>
      <c r="IK849" s="127"/>
    </row>
    <row r="850" spans="2:245" x14ac:dyDescent="0.2">
      <c r="B850" s="43"/>
      <c r="C850" s="73"/>
      <c r="D850" s="64"/>
      <c r="E850" s="64"/>
      <c r="F850" s="55"/>
      <c r="G850" s="102"/>
      <c r="H850" s="55"/>
      <c r="I850" s="55"/>
      <c r="J850" s="55"/>
      <c r="K850" s="55"/>
      <c r="L850" s="55"/>
      <c r="M850" s="55"/>
      <c r="N850" s="55"/>
      <c r="O850" s="55"/>
      <c r="P850" s="55"/>
      <c r="Q850" s="55"/>
      <c r="R850" s="55"/>
      <c r="S850" s="55"/>
      <c r="T850" s="55"/>
      <c r="U850" s="55"/>
      <c r="V850" s="55"/>
      <c r="W850" s="55"/>
      <c r="X850" s="55"/>
      <c r="Y850" s="55"/>
      <c r="Z850" s="55"/>
      <c r="AA850" s="55"/>
      <c r="AB850" s="55"/>
      <c r="AC850" s="55"/>
      <c r="AD850" s="55"/>
      <c r="AE850" s="55"/>
      <c r="AF850" s="55"/>
      <c r="AG850" s="55"/>
      <c r="AY850" s="162"/>
      <c r="AZ850" s="162"/>
      <c r="BA850" s="162"/>
      <c r="BB850" s="162"/>
      <c r="BC850" s="162"/>
      <c r="BD850" s="162"/>
      <c r="BE850" s="162"/>
      <c r="BF850" s="162"/>
      <c r="BG850" s="162"/>
      <c r="BH850" s="162"/>
      <c r="BI850" s="162"/>
      <c r="BJ850" s="162"/>
      <c r="BK850" s="162"/>
      <c r="BL850" s="162"/>
      <c r="BM850" s="162"/>
      <c r="BN850" s="162"/>
      <c r="BO850" s="162"/>
      <c r="BP850" s="162"/>
      <c r="BQ850" s="162"/>
      <c r="BR850" s="162"/>
      <c r="BS850" s="162"/>
      <c r="BT850" s="162"/>
      <c r="BU850" s="162"/>
      <c r="BV850" s="162"/>
      <c r="BW850" s="162"/>
      <c r="BX850" s="162"/>
      <c r="BY850" s="162"/>
      <c r="BZ850" s="162"/>
      <c r="CA850" s="162"/>
      <c r="CB850" s="162"/>
      <c r="CC850" s="162"/>
      <c r="CD850" s="162"/>
      <c r="CE850" s="162"/>
      <c r="CF850" s="162"/>
      <c r="CG850" s="162"/>
      <c r="CH850" s="162"/>
      <c r="CI850" s="162"/>
      <c r="CJ850" s="162"/>
      <c r="CK850" s="162"/>
      <c r="CX850" s="98"/>
      <c r="DL850" s="97"/>
      <c r="DX850" s="98"/>
      <c r="EL850" s="97"/>
      <c r="EX850" s="98"/>
      <c r="EY850" s="97"/>
      <c r="FL850" s="126"/>
      <c r="FM850" s="91"/>
      <c r="FN850" s="91"/>
      <c r="FO850" s="91"/>
      <c r="FP850" s="91"/>
      <c r="FQ850" s="91"/>
      <c r="FR850" s="91"/>
      <c r="FS850" s="91"/>
      <c r="FT850" s="91"/>
      <c r="FU850" s="91"/>
      <c r="FV850" s="91"/>
      <c r="FW850" s="91"/>
      <c r="FX850" s="91"/>
      <c r="FY850" s="91"/>
      <c r="FZ850" s="91"/>
      <c r="GA850" s="91"/>
      <c r="GB850" s="91"/>
      <c r="GC850" s="91"/>
      <c r="GD850" s="91"/>
      <c r="GE850" s="91"/>
      <c r="GF850" s="91"/>
      <c r="GG850" s="91"/>
      <c r="GH850" s="91"/>
      <c r="GI850" s="91"/>
      <c r="GJ850" s="91"/>
      <c r="GK850" s="127"/>
      <c r="GL850" s="126"/>
      <c r="GM850" s="91"/>
      <c r="GN850" s="91"/>
      <c r="GO850" s="91"/>
      <c r="GP850" s="91"/>
      <c r="GQ850" s="91"/>
      <c r="GR850" s="91"/>
      <c r="GS850" s="91"/>
      <c r="GT850" s="91"/>
      <c r="GU850" s="91"/>
      <c r="GV850" s="91"/>
      <c r="GW850" s="91"/>
      <c r="GX850" s="91"/>
      <c r="GY850" s="91"/>
      <c r="GZ850" s="91"/>
      <c r="HA850" s="91"/>
      <c r="HB850" s="91"/>
      <c r="HC850" s="91"/>
      <c r="HD850" s="91"/>
      <c r="HE850" s="91"/>
      <c r="HF850" s="91"/>
      <c r="HG850" s="91"/>
      <c r="HH850" s="91"/>
      <c r="HI850" s="91"/>
      <c r="HJ850" s="91"/>
      <c r="HK850" s="127"/>
      <c r="HL850" s="126"/>
      <c r="HM850" s="91"/>
      <c r="HN850" s="91"/>
      <c r="HO850" s="91"/>
      <c r="HP850" s="91"/>
      <c r="HQ850" s="91"/>
      <c r="HR850" s="91"/>
      <c r="HS850" s="91"/>
      <c r="HT850" s="91"/>
      <c r="HU850" s="91"/>
      <c r="HV850" s="91"/>
      <c r="HW850" s="91"/>
      <c r="HX850" s="91"/>
      <c r="HY850" s="91"/>
      <c r="HZ850" s="91"/>
      <c r="IA850" s="91"/>
      <c r="IB850" s="91"/>
      <c r="IC850" s="91"/>
      <c r="ID850" s="91"/>
      <c r="IE850" s="91"/>
      <c r="IF850" s="91"/>
      <c r="IG850" s="91"/>
      <c r="IH850" s="91"/>
      <c r="II850" s="91"/>
      <c r="IJ850" s="91"/>
      <c r="IK850" s="127"/>
    </row>
    <row r="851" spans="2:245" x14ac:dyDescent="0.2">
      <c r="B851" s="43"/>
      <c r="C851" s="73"/>
      <c r="D851" s="64"/>
      <c r="E851" s="64"/>
      <c r="F851" s="55"/>
      <c r="G851" s="102"/>
      <c r="H851" s="55"/>
      <c r="I851" s="55"/>
      <c r="J851" s="55"/>
      <c r="K851" s="55"/>
      <c r="L851" s="55"/>
      <c r="M851" s="55"/>
      <c r="N851" s="55"/>
      <c r="O851" s="55"/>
      <c r="P851" s="55"/>
      <c r="Q851" s="55"/>
      <c r="R851" s="55"/>
      <c r="S851" s="55"/>
      <c r="T851" s="55"/>
      <c r="U851" s="55"/>
      <c r="V851" s="55"/>
      <c r="W851" s="55"/>
      <c r="X851" s="55"/>
      <c r="Y851" s="55"/>
      <c r="Z851" s="55"/>
      <c r="AA851" s="55"/>
      <c r="AB851" s="55"/>
      <c r="AC851" s="55"/>
      <c r="AD851" s="55"/>
      <c r="AE851" s="55"/>
      <c r="AF851" s="55"/>
      <c r="AG851" s="55"/>
      <c r="AY851" s="162"/>
      <c r="AZ851" s="162"/>
      <c r="BA851" s="162"/>
      <c r="BB851" s="162"/>
      <c r="BC851" s="162"/>
      <c r="BD851" s="162"/>
      <c r="BE851" s="162"/>
      <c r="BF851" s="162"/>
      <c r="BG851" s="162"/>
      <c r="BH851" s="162"/>
      <c r="BI851" s="162"/>
      <c r="BJ851" s="162"/>
      <c r="BK851" s="162"/>
      <c r="BL851" s="162"/>
      <c r="BM851" s="162"/>
      <c r="BN851" s="162"/>
      <c r="BO851" s="162"/>
      <c r="BP851" s="162"/>
      <c r="BQ851" s="162"/>
      <c r="BR851" s="162"/>
      <c r="BS851" s="162"/>
      <c r="BT851" s="162"/>
      <c r="BU851" s="162"/>
      <c r="BV851" s="162"/>
      <c r="BW851" s="162"/>
      <c r="BX851" s="162"/>
      <c r="BY851" s="162"/>
      <c r="BZ851" s="162"/>
      <c r="CA851" s="162"/>
      <c r="CB851" s="162"/>
      <c r="CC851" s="162"/>
      <c r="CD851" s="162"/>
      <c r="CE851" s="162"/>
      <c r="CF851" s="162"/>
      <c r="CG851" s="162"/>
      <c r="CH851" s="162"/>
      <c r="CI851" s="162"/>
      <c r="CJ851" s="162"/>
      <c r="CK851" s="162"/>
      <c r="CX851" s="98"/>
      <c r="DL851" s="97"/>
      <c r="DX851" s="98"/>
      <c r="EL851" s="97"/>
      <c r="EX851" s="98"/>
      <c r="EY851" s="97"/>
      <c r="FL851" s="126"/>
      <c r="FM851" s="91"/>
      <c r="FN851" s="91"/>
      <c r="FO851" s="91"/>
      <c r="FP851" s="91"/>
      <c r="FQ851" s="91"/>
      <c r="FR851" s="91"/>
      <c r="FS851" s="91"/>
      <c r="FT851" s="91"/>
      <c r="FU851" s="91"/>
      <c r="FV851" s="91"/>
      <c r="FW851" s="91"/>
      <c r="FX851" s="91"/>
      <c r="FY851" s="91"/>
      <c r="FZ851" s="91"/>
      <c r="GA851" s="91"/>
      <c r="GB851" s="91"/>
      <c r="GC851" s="91"/>
      <c r="GD851" s="91"/>
      <c r="GE851" s="91"/>
      <c r="GF851" s="91"/>
      <c r="GG851" s="91"/>
      <c r="GH851" s="91"/>
      <c r="GI851" s="91"/>
      <c r="GJ851" s="91"/>
      <c r="GK851" s="127"/>
      <c r="GL851" s="126"/>
      <c r="GM851" s="91"/>
      <c r="GN851" s="91"/>
      <c r="GO851" s="91"/>
      <c r="GP851" s="91"/>
      <c r="GQ851" s="91"/>
      <c r="GR851" s="91"/>
      <c r="GS851" s="91"/>
      <c r="GT851" s="91"/>
      <c r="GU851" s="91"/>
      <c r="GV851" s="91"/>
      <c r="GW851" s="91"/>
      <c r="GX851" s="91"/>
      <c r="GY851" s="91"/>
      <c r="GZ851" s="91"/>
      <c r="HA851" s="91"/>
      <c r="HB851" s="91"/>
      <c r="HC851" s="91"/>
      <c r="HD851" s="91"/>
      <c r="HE851" s="91"/>
      <c r="HF851" s="91"/>
      <c r="HG851" s="91"/>
      <c r="HH851" s="91"/>
      <c r="HI851" s="91"/>
      <c r="HJ851" s="91"/>
      <c r="HK851" s="127"/>
      <c r="HL851" s="126"/>
      <c r="HM851" s="91"/>
      <c r="HN851" s="91"/>
      <c r="HO851" s="91"/>
      <c r="HP851" s="91"/>
      <c r="HQ851" s="91"/>
      <c r="HR851" s="91"/>
      <c r="HS851" s="91"/>
      <c r="HT851" s="91"/>
      <c r="HU851" s="91"/>
      <c r="HV851" s="91"/>
      <c r="HW851" s="91"/>
      <c r="HX851" s="91"/>
      <c r="HY851" s="91"/>
      <c r="HZ851" s="91"/>
      <c r="IA851" s="91"/>
      <c r="IB851" s="91"/>
      <c r="IC851" s="91"/>
      <c r="ID851" s="91"/>
      <c r="IE851" s="91"/>
      <c r="IF851" s="91"/>
      <c r="IG851" s="91"/>
      <c r="IH851" s="91"/>
      <c r="II851" s="91"/>
      <c r="IJ851" s="91"/>
      <c r="IK851" s="127"/>
    </row>
    <row r="852" spans="2:245" x14ac:dyDescent="0.2">
      <c r="B852" s="43"/>
      <c r="C852" s="73"/>
      <c r="D852" s="64"/>
      <c r="E852" s="64"/>
      <c r="F852" s="55"/>
      <c r="G852" s="102"/>
      <c r="H852" s="55"/>
      <c r="I852" s="55"/>
      <c r="J852" s="55"/>
      <c r="K852" s="55"/>
      <c r="L852" s="55"/>
      <c r="M852" s="55"/>
      <c r="N852" s="55"/>
      <c r="O852" s="55"/>
      <c r="P852" s="55"/>
      <c r="Q852" s="55"/>
      <c r="R852" s="55"/>
      <c r="S852" s="55"/>
      <c r="T852" s="55"/>
      <c r="U852" s="55"/>
      <c r="V852" s="55"/>
      <c r="W852" s="55"/>
      <c r="X852" s="55"/>
      <c r="Y852" s="55"/>
      <c r="Z852" s="55"/>
      <c r="AA852" s="55"/>
      <c r="AB852" s="55"/>
      <c r="AC852" s="55"/>
      <c r="AD852" s="55"/>
      <c r="AE852" s="55"/>
      <c r="AF852" s="55"/>
      <c r="AG852" s="55"/>
      <c r="AY852" s="162"/>
      <c r="AZ852" s="162"/>
      <c r="BA852" s="162"/>
      <c r="BB852" s="162"/>
      <c r="BC852" s="162"/>
      <c r="BD852" s="162"/>
      <c r="BE852" s="162"/>
      <c r="BF852" s="162"/>
      <c r="BG852" s="162"/>
      <c r="BH852" s="162"/>
      <c r="BI852" s="162"/>
      <c r="BJ852" s="162"/>
      <c r="BK852" s="162"/>
      <c r="BL852" s="162"/>
      <c r="BM852" s="162"/>
      <c r="BN852" s="162"/>
      <c r="BO852" s="162"/>
      <c r="BP852" s="162"/>
      <c r="BQ852" s="162"/>
      <c r="BR852" s="162"/>
      <c r="BS852" s="162"/>
      <c r="BT852" s="162"/>
      <c r="BU852" s="162"/>
      <c r="BV852" s="162"/>
      <c r="BW852" s="162"/>
      <c r="BX852" s="162"/>
      <c r="BY852" s="162"/>
      <c r="BZ852" s="162"/>
      <c r="CA852" s="162"/>
      <c r="CB852" s="162"/>
      <c r="CC852" s="162"/>
      <c r="CD852" s="162"/>
      <c r="CE852" s="162"/>
      <c r="CF852" s="162"/>
      <c r="CG852" s="162"/>
      <c r="CH852" s="162"/>
      <c r="CI852" s="162"/>
      <c r="CJ852" s="162"/>
      <c r="CK852" s="162"/>
      <c r="CX852" s="98"/>
      <c r="DL852" s="97"/>
      <c r="DX852" s="98"/>
      <c r="EL852" s="97"/>
      <c r="EX852" s="98"/>
      <c r="EY852" s="97"/>
      <c r="FL852" s="126"/>
      <c r="FM852" s="91"/>
      <c r="FN852" s="91"/>
      <c r="FO852" s="91"/>
      <c r="FP852" s="91"/>
      <c r="FQ852" s="91"/>
      <c r="FR852" s="91"/>
      <c r="FS852" s="91"/>
      <c r="FT852" s="91"/>
      <c r="FU852" s="91"/>
      <c r="FV852" s="91"/>
      <c r="FW852" s="91"/>
      <c r="FX852" s="91"/>
      <c r="FY852" s="91"/>
      <c r="FZ852" s="91"/>
      <c r="GA852" s="91"/>
      <c r="GB852" s="91"/>
      <c r="GC852" s="91"/>
      <c r="GD852" s="91"/>
      <c r="GE852" s="91"/>
      <c r="GF852" s="91"/>
      <c r="GG852" s="91"/>
      <c r="GH852" s="91"/>
      <c r="GI852" s="91"/>
      <c r="GJ852" s="91"/>
      <c r="GK852" s="127"/>
      <c r="GL852" s="126"/>
      <c r="GM852" s="91"/>
      <c r="GN852" s="91"/>
      <c r="GO852" s="91"/>
      <c r="GP852" s="91"/>
      <c r="GQ852" s="91"/>
      <c r="GR852" s="91"/>
      <c r="GS852" s="91"/>
      <c r="GT852" s="91"/>
      <c r="GU852" s="91"/>
      <c r="GV852" s="91"/>
      <c r="GW852" s="91"/>
      <c r="GX852" s="91"/>
      <c r="GY852" s="91"/>
      <c r="GZ852" s="91"/>
      <c r="HA852" s="91"/>
      <c r="HB852" s="91"/>
      <c r="HC852" s="91"/>
      <c r="HD852" s="91"/>
      <c r="HE852" s="91"/>
      <c r="HF852" s="91"/>
      <c r="HG852" s="91"/>
      <c r="HH852" s="91"/>
      <c r="HI852" s="91"/>
      <c r="HJ852" s="91"/>
      <c r="HK852" s="127"/>
      <c r="HL852" s="126"/>
      <c r="HM852" s="91"/>
      <c r="HN852" s="91"/>
      <c r="HO852" s="91"/>
      <c r="HP852" s="91"/>
      <c r="HQ852" s="91"/>
      <c r="HR852" s="91"/>
      <c r="HS852" s="91"/>
      <c r="HT852" s="91"/>
      <c r="HU852" s="91"/>
      <c r="HV852" s="91"/>
      <c r="HW852" s="91"/>
      <c r="HX852" s="91"/>
      <c r="HY852" s="91"/>
      <c r="HZ852" s="91"/>
      <c r="IA852" s="91"/>
      <c r="IB852" s="91"/>
      <c r="IC852" s="91"/>
      <c r="ID852" s="91"/>
      <c r="IE852" s="91"/>
      <c r="IF852" s="91"/>
      <c r="IG852" s="91"/>
      <c r="IH852" s="91"/>
      <c r="II852" s="91"/>
      <c r="IJ852" s="91"/>
      <c r="IK852" s="127"/>
    </row>
    <row r="853" spans="2:245" x14ac:dyDescent="0.2">
      <c r="B853" s="43"/>
      <c r="C853" s="73"/>
      <c r="D853" s="64"/>
      <c r="E853" s="64"/>
      <c r="F853" s="55"/>
      <c r="G853" s="102"/>
      <c r="H853" s="55"/>
      <c r="I853" s="55"/>
      <c r="J853" s="55"/>
      <c r="K853" s="55"/>
      <c r="L853" s="55"/>
      <c r="M853" s="55"/>
      <c r="N853" s="55"/>
      <c r="O853" s="55"/>
      <c r="P853" s="55"/>
      <c r="Q853" s="55"/>
      <c r="R853" s="55"/>
      <c r="S853" s="55"/>
      <c r="T853" s="55"/>
      <c r="U853" s="55"/>
      <c r="V853" s="55"/>
      <c r="W853" s="55"/>
      <c r="X853" s="55"/>
      <c r="Y853" s="55"/>
      <c r="Z853" s="55"/>
      <c r="AA853" s="55"/>
      <c r="AB853" s="55"/>
      <c r="AC853" s="55"/>
      <c r="AD853" s="55"/>
      <c r="AE853" s="55"/>
      <c r="AF853" s="55"/>
      <c r="AG853" s="55"/>
      <c r="AY853" s="162"/>
      <c r="AZ853" s="162"/>
      <c r="BA853" s="162"/>
      <c r="BB853" s="162"/>
      <c r="BC853" s="162"/>
      <c r="BD853" s="162"/>
      <c r="BE853" s="162"/>
      <c r="BF853" s="162"/>
      <c r="BG853" s="162"/>
      <c r="BH853" s="162"/>
      <c r="BI853" s="162"/>
      <c r="BJ853" s="162"/>
      <c r="BK853" s="162"/>
      <c r="BL853" s="162"/>
      <c r="BM853" s="162"/>
      <c r="BN853" s="162"/>
      <c r="BO853" s="162"/>
      <c r="BP853" s="162"/>
      <c r="BQ853" s="162"/>
      <c r="BR853" s="162"/>
      <c r="BS853" s="162"/>
      <c r="BT853" s="162"/>
      <c r="BU853" s="162"/>
      <c r="BV853" s="162"/>
      <c r="BW853" s="162"/>
      <c r="BX853" s="162"/>
      <c r="BY853" s="162"/>
      <c r="BZ853" s="162"/>
      <c r="CA853" s="162"/>
      <c r="CB853" s="162"/>
      <c r="CC853" s="162"/>
      <c r="CD853" s="162"/>
      <c r="CE853" s="162"/>
      <c r="CF853" s="162"/>
      <c r="CG853" s="162"/>
      <c r="CH853" s="162"/>
      <c r="CI853" s="162"/>
      <c r="CJ853" s="162"/>
      <c r="CK853" s="162"/>
      <c r="CX853" s="98"/>
      <c r="DL853" s="97"/>
      <c r="DX853" s="98"/>
      <c r="EL853" s="97"/>
      <c r="EX853" s="98"/>
      <c r="EY853" s="97"/>
      <c r="FL853" s="126"/>
      <c r="FM853" s="91"/>
      <c r="FN853" s="91"/>
      <c r="FO853" s="91"/>
      <c r="FP853" s="91"/>
      <c r="FQ853" s="91"/>
      <c r="FR853" s="91"/>
      <c r="FS853" s="91"/>
      <c r="FT853" s="91"/>
      <c r="FU853" s="91"/>
      <c r="FV853" s="91"/>
      <c r="FW853" s="91"/>
      <c r="FX853" s="91"/>
      <c r="FY853" s="91"/>
      <c r="FZ853" s="91"/>
      <c r="GA853" s="91"/>
      <c r="GB853" s="91"/>
      <c r="GC853" s="91"/>
      <c r="GD853" s="91"/>
      <c r="GE853" s="91"/>
      <c r="GF853" s="91"/>
      <c r="GG853" s="91"/>
      <c r="GH853" s="91"/>
      <c r="GI853" s="91"/>
      <c r="GJ853" s="91"/>
      <c r="GK853" s="127"/>
      <c r="GL853" s="126"/>
      <c r="GM853" s="91"/>
      <c r="GN853" s="91"/>
      <c r="GO853" s="91"/>
      <c r="GP853" s="91"/>
      <c r="GQ853" s="91"/>
      <c r="GR853" s="91"/>
      <c r="GS853" s="91"/>
      <c r="GT853" s="91"/>
      <c r="GU853" s="91"/>
      <c r="GV853" s="91"/>
      <c r="GW853" s="91"/>
      <c r="GX853" s="91"/>
      <c r="GY853" s="91"/>
      <c r="GZ853" s="91"/>
      <c r="HA853" s="91"/>
      <c r="HB853" s="91"/>
      <c r="HC853" s="91"/>
      <c r="HD853" s="91"/>
      <c r="HE853" s="91"/>
      <c r="HF853" s="91"/>
      <c r="HG853" s="91"/>
      <c r="HH853" s="91"/>
      <c r="HI853" s="91"/>
      <c r="HJ853" s="91"/>
      <c r="HK853" s="127"/>
      <c r="HL853" s="126"/>
      <c r="HM853" s="91"/>
      <c r="HN853" s="91"/>
      <c r="HO853" s="91"/>
      <c r="HP853" s="91"/>
      <c r="HQ853" s="91"/>
      <c r="HR853" s="91"/>
      <c r="HS853" s="91"/>
      <c r="HT853" s="91"/>
      <c r="HU853" s="91"/>
      <c r="HV853" s="91"/>
      <c r="HW853" s="91"/>
      <c r="HX853" s="91"/>
      <c r="HY853" s="91"/>
      <c r="HZ853" s="91"/>
      <c r="IA853" s="91"/>
      <c r="IB853" s="91"/>
      <c r="IC853" s="91"/>
      <c r="ID853" s="91"/>
      <c r="IE853" s="91"/>
      <c r="IF853" s="91"/>
      <c r="IG853" s="91"/>
      <c r="IH853" s="91"/>
      <c r="II853" s="91"/>
      <c r="IJ853" s="91"/>
      <c r="IK853" s="127"/>
    </row>
    <row r="854" spans="2:245" x14ac:dyDescent="0.2">
      <c r="B854" s="43"/>
      <c r="C854" s="73"/>
      <c r="D854" s="64"/>
      <c r="E854" s="64"/>
      <c r="F854" s="55"/>
      <c r="G854" s="102"/>
      <c r="H854" s="55"/>
      <c r="I854" s="55"/>
      <c r="J854" s="55"/>
      <c r="K854" s="55"/>
      <c r="L854" s="55"/>
      <c r="M854" s="55"/>
      <c r="N854" s="55"/>
      <c r="O854" s="55"/>
      <c r="P854" s="55"/>
      <c r="Q854" s="55"/>
      <c r="R854" s="55"/>
      <c r="S854" s="55"/>
      <c r="T854" s="55"/>
      <c r="U854" s="55"/>
      <c r="V854" s="55"/>
      <c r="W854" s="55"/>
      <c r="X854" s="55"/>
      <c r="Y854" s="55"/>
      <c r="Z854" s="55"/>
      <c r="AA854" s="55"/>
      <c r="AB854" s="55"/>
      <c r="AC854" s="55"/>
      <c r="AD854" s="55"/>
      <c r="AE854" s="55"/>
      <c r="AF854" s="55"/>
      <c r="AG854" s="55"/>
      <c r="AY854" s="162"/>
      <c r="AZ854" s="162"/>
      <c r="BA854" s="162"/>
      <c r="BB854" s="162"/>
      <c r="BC854" s="162"/>
      <c r="BD854" s="162"/>
      <c r="BE854" s="162"/>
      <c r="BF854" s="162"/>
      <c r="BG854" s="162"/>
      <c r="BH854" s="162"/>
      <c r="BI854" s="162"/>
      <c r="BJ854" s="162"/>
      <c r="BK854" s="162"/>
      <c r="BL854" s="162"/>
      <c r="BM854" s="162"/>
      <c r="BN854" s="162"/>
      <c r="BO854" s="162"/>
      <c r="BP854" s="162"/>
      <c r="BQ854" s="162"/>
      <c r="BR854" s="162"/>
      <c r="BS854" s="162"/>
      <c r="BT854" s="162"/>
      <c r="BU854" s="162"/>
      <c r="BV854" s="162"/>
      <c r="BW854" s="162"/>
      <c r="BX854" s="162"/>
      <c r="BY854" s="162"/>
      <c r="BZ854" s="162"/>
      <c r="CA854" s="162"/>
      <c r="CB854" s="162"/>
      <c r="CC854" s="162"/>
      <c r="CD854" s="162"/>
      <c r="CE854" s="162"/>
      <c r="CF854" s="162"/>
      <c r="CG854" s="162"/>
      <c r="CH854" s="162"/>
      <c r="CI854" s="162"/>
      <c r="CJ854" s="162"/>
      <c r="CK854" s="162"/>
      <c r="CX854" s="98"/>
      <c r="DL854" s="97"/>
      <c r="DX854" s="98"/>
      <c r="EL854" s="97"/>
      <c r="EX854" s="98"/>
      <c r="EY854" s="97"/>
      <c r="FL854" s="126"/>
      <c r="FM854" s="91"/>
      <c r="FN854" s="91"/>
      <c r="FO854" s="91"/>
      <c r="FP854" s="91"/>
      <c r="FQ854" s="91"/>
      <c r="FR854" s="91"/>
      <c r="FS854" s="91"/>
      <c r="FT854" s="91"/>
      <c r="FU854" s="91"/>
      <c r="FV854" s="91"/>
      <c r="FW854" s="91"/>
      <c r="FX854" s="91"/>
      <c r="FY854" s="91"/>
      <c r="FZ854" s="91"/>
      <c r="GA854" s="91"/>
      <c r="GB854" s="91"/>
      <c r="GC854" s="91"/>
      <c r="GD854" s="91"/>
      <c r="GE854" s="91"/>
      <c r="GF854" s="91"/>
      <c r="GG854" s="91"/>
      <c r="GH854" s="91"/>
      <c r="GI854" s="91"/>
      <c r="GJ854" s="91"/>
      <c r="GK854" s="127"/>
      <c r="GL854" s="126"/>
      <c r="GM854" s="91"/>
      <c r="GN854" s="91"/>
      <c r="GO854" s="91"/>
      <c r="GP854" s="91"/>
      <c r="GQ854" s="91"/>
      <c r="GR854" s="91"/>
      <c r="GS854" s="91"/>
      <c r="GT854" s="91"/>
      <c r="GU854" s="91"/>
      <c r="GV854" s="91"/>
      <c r="GW854" s="91"/>
      <c r="GX854" s="91"/>
      <c r="GY854" s="91"/>
      <c r="GZ854" s="91"/>
      <c r="HA854" s="91"/>
      <c r="HB854" s="91"/>
      <c r="HC854" s="91"/>
      <c r="HD854" s="91"/>
      <c r="HE854" s="91"/>
      <c r="HF854" s="91"/>
      <c r="HG854" s="91"/>
      <c r="HH854" s="91"/>
      <c r="HI854" s="91"/>
      <c r="HJ854" s="91"/>
      <c r="HK854" s="127"/>
      <c r="HL854" s="126"/>
      <c r="HM854" s="91"/>
      <c r="HN854" s="91"/>
      <c r="HO854" s="91"/>
      <c r="HP854" s="91"/>
      <c r="HQ854" s="91"/>
      <c r="HR854" s="91"/>
      <c r="HS854" s="91"/>
      <c r="HT854" s="91"/>
      <c r="HU854" s="91"/>
      <c r="HV854" s="91"/>
      <c r="HW854" s="91"/>
      <c r="HX854" s="91"/>
      <c r="HY854" s="91"/>
      <c r="HZ854" s="91"/>
      <c r="IA854" s="91"/>
      <c r="IB854" s="91"/>
      <c r="IC854" s="91"/>
      <c r="ID854" s="91"/>
      <c r="IE854" s="91"/>
      <c r="IF854" s="91"/>
      <c r="IG854" s="91"/>
      <c r="IH854" s="91"/>
      <c r="II854" s="91"/>
      <c r="IJ854" s="91"/>
      <c r="IK854" s="127"/>
    </row>
    <row r="855" spans="2:245" x14ac:dyDescent="0.2">
      <c r="B855" s="43"/>
      <c r="C855" s="73"/>
      <c r="D855" s="64"/>
      <c r="E855" s="64"/>
      <c r="F855" s="55"/>
      <c r="G855" s="102"/>
      <c r="H855" s="55"/>
      <c r="I855" s="55"/>
      <c r="J855" s="55"/>
      <c r="K855" s="55"/>
      <c r="L855" s="55"/>
      <c r="M855" s="55"/>
      <c r="N855" s="55"/>
      <c r="O855" s="55"/>
      <c r="P855" s="55"/>
      <c r="Q855" s="55"/>
      <c r="R855" s="55"/>
      <c r="S855" s="55"/>
      <c r="T855" s="55"/>
      <c r="U855" s="55"/>
      <c r="V855" s="55"/>
      <c r="W855" s="55"/>
      <c r="X855" s="55"/>
      <c r="Y855" s="55"/>
      <c r="Z855" s="55"/>
      <c r="AA855" s="55"/>
      <c r="AB855" s="55"/>
      <c r="AC855" s="55"/>
      <c r="AD855" s="55"/>
      <c r="AE855" s="55"/>
      <c r="AF855" s="55"/>
      <c r="AG855" s="55"/>
      <c r="AY855" s="162"/>
      <c r="AZ855" s="162"/>
      <c r="BA855" s="162"/>
      <c r="BB855" s="162"/>
      <c r="BC855" s="162"/>
      <c r="BD855" s="162"/>
      <c r="BE855" s="162"/>
      <c r="BF855" s="162"/>
      <c r="BG855" s="162"/>
      <c r="BH855" s="162"/>
      <c r="BI855" s="162"/>
      <c r="BJ855" s="162"/>
      <c r="BK855" s="162"/>
      <c r="BL855" s="162"/>
      <c r="BM855" s="162"/>
      <c r="BN855" s="162"/>
      <c r="BO855" s="162"/>
      <c r="BP855" s="162"/>
      <c r="BQ855" s="162"/>
      <c r="BR855" s="162"/>
      <c r="BS855" s="162"/>
      <c r="BT855" s="162"/>
      <c r="BU855" s="162"/>
      <c r="BV855" s="162"/>
      <c r="BW855" s="162"/>
      <c r="BX855" s="162"/>
      <c r="BY855" s="162"/>
      <c r="BZ855" s="162"/>
      <c r="CA855" s="162"/>
      <c r="CB855" s="162"/>
      <c r="CC855" s="162"/>
      <c r="CD855" s="162"/>
      <c r="CE855" s="162"/>
      <c r="CF855" s="162"/>
      <c r="CG855" s="162"/>
      <c r="CH855" s="162"/>
      <c r="CI855" s="162"/>
      <c r="CJ855" s="162"/>
      <c r="CK855" s="162"/>
      <c r="CX855" s="98"/>
      <c r="DL855" s="97"/>
      <c r="DX855" s="98"/>
      <c r="EL855" s="97"/>
      <c r="EX855" s="98"/>
      <c r="EY855" s="97"/>
      <c r="FL855" s="126"/>
      <c r="FM855" s="91"/>
      <c r="FN855" s="91"/>
      <c r="FO855" s="91"/>
      <c r="FP855" s="91"/>
      <c r="FQ855" s="91"/>
      <c r="FR855" s="91"/>
      <c r="FS855" s="91"/>
      <c r="FT855" s="91"/>
      <c r="FU855" s="91"/>
      <c r="FV855" s="91"/>
      <c r="FW855" s="91"/>
      <c r="FX855" s="91"/>
      <c r="FY855" s="91"/>
      <c r="FZ855" s="91"/>
      <c r="GA855" s="91"/>
      <c r="GB855" s="91"/>
      <c r="GC855" s="91"/>
      <c r="GD855" s="91"/>
      <c r="GE855" s="91"/>
      <c r="GF855" s="91"/>
      <c r="GG855" s="91"/>
      <c r="GH855" s="91"/>
      <c r="GI855" s="91"/>
      <c r="GJ855" s="91"/>
      <c r="GK855" s="127"/>
      <c r="GL855" s="126"/>
      <c r="GM855" s="91"/>
      <c r="GN855" s="91"/>
      <c r="GO855" s="91"/>
      <c r="GP855" s="91"/>
      <c r="GQ855" s="91"/>
      <c r="GR855" s="91"/>
      <c r="GS855" s="91"/>
      <c r="GT855" s="91"/>
      <c r="GU855" s="91"/>
      <c r="GV855" s="91"/>
      <c r="GW855" s="91"/>
      <c r="GX855" s="91"/>
      <c r="GY855" s="91"/>
      <c r="GZ855" s="91"/>
      <c r="HA855" s="91"/>
      <c r="HB855" s="91"/>
      <c r="HC855" s="91"/>
      <c r="HD855" s="91"/>
      <c r="HE855" s="91"/>
      <c r="HF855" s="91"/>
      <c r="HG855" s="91"/>
      <c r="HH855" s="91"/>
      <c r="HI855" s="91"/>
      <c r="HJ855" s="91"/>
      <c r="HK855" s="127"/>
      <c r="HL855" s="126"/>
      <c r="HM855" s="91"/>
      <c r="HN855" s="91"/>
      <c r="HO855" s="91"/>
      <c r="HP855" s="91"/>
      <c r="HQ855" s="91"/>
      <c r="HR855" s="91"/>
      <c r="HS855" s="91"/>
      <c r="HT855" s="91"/>
      <c r="HU855" s="91"/>
      <c r="HV855" s="91"/>
      <c r="HW855" s="91"/>
      <c r="HX855" s="91"/>
      <c r="HY855" s="91"/>
      <c r="HZ855" s="91"/>
      <c r="IA855" s="91"/>
      <c r="IB855" s="91"/>
      <c r="IC855" s="91"/>
      <c r="ID855" s="91"/>
      <c r="IE855" s="91"/>
      <c r="IF855" s="91"/>
      <c r="IG855" s="91"/>
      <c r="IH855" s="91"/>
      <c r="II855" s="91"/>
      <c r="IJ855" s="91"/>
      <c r="IK855" s="127"/>
    </row>
    <row r="856" spans="2:245" x14ac:dyDescent="0.2">
      <c r="B856" s="43"/>
      <c r="C856" s="73"/>
      <c r="D856" s="64"/>
      <c r="E856" s="64"/>
      <c r="F856" s="55"/>
      <c r="G856" s="102"/>
      <c r="H856" s="55"/>
      <c r="I856" s="55"/>
      <c r="J856" s="55"/>
      <c r="K856" s="55"/>
      <c r="L856" s="55"/>
      <c r="M856" s="55"/>
      <c r="N856" s="55"/>
      <c r="O856" s="55"/>
      <c r="P856" s="55"/>
      <c r="Q856" s="55"/>
      <c r="R856" s="55"/>
      <c r="S856" s="55"/>
      <c r="T856" s="55"/>
      <c r="U856" s="55"/>
      <c r="V856" s="55"/>
      <c r="W856" s="55"/>
      <c r="X856" s="55"/>
      <c r="Y856" s="55"/>
      <c r="Z856" s="55"/>
      <c r="AA856" s="55"/>
      <c r="AB856" s="55"/>
      <c r="AC856" s="55"/>
      <c r="AD856" s="55"/>
      <c r="AE856" s="55"/>
      <c r="AF856" s="55"/>
      <c r="AG856" s="55"/>
      <c r="AY856" s="162"/>
      <c r="AZ856" s="162"/>
      <c r="BA856" s="162"/>
      <c r="BB856" s="162"/>
      <c r="BC856" s="162"/>
      <c r="BD856" s="162"/>
      <c r="BE856" s="162"/>
      <c r="BF856" s="162"/>
      <c r="BG856" s="162"/>
      <c r="BH856" s="162"/>
      <c r="BI856" s="162"/>
      <c r="BJ856" s="162"/>
      <c r="BK856" s="162"/>
      <c r="BL856" s="162"/>
      <c r="BM856" s="162"/>
      <c r="BN856" s="162"/>
      <c r="BO856" s="162"/>
      <c r="BP856" s="162"/>
      <c r="BQ856" s="162"/>
      <c r="BR856" s="162"/>
      <c r="BS856" s="162"/>
      <c r="BT856" s="162"/>
      <c r="BU856" s="162"/>
      <c r="BV856" s="162"/>
      <c r="BW856" s="162"/>
      <c r="BX856" s="162"/>
      <c r="BY856" s="162"/>
      <c r="BZ856" s="162"/>
      <c r="CA856" s="162"/>
      <c r="CB856" s="162"/>
      <c r="CC856" s="162"/>
      <c r="CD856" s="162"/>
      <c r="CE856" s="162"/>
      <c r="CF856" s="162"/>
      <c r="CG856" s="162"/>
      <c r="CH856" s="162"/>
      <c r="CI856" s="162"/>
      <c r="CJ856" s="162"/>
      <c r="CK856" s="162"/>
      <c r="CX856" s="98"/>
      <c r="DL856" s="97"/>
      <c r="DX856" s="98"/>
      <c r="EL856" s="97"/>
      <c r="EX856" s="98"/>
      <c r="EY856" s="97"/>
      <c r="FL856" s="126"/>
      <c r="FM856" s="91"/>
      <c r="FN856" s="91"/>
      <c r="FO856" s="91"/>
      <c r="FP856" s="91"/>
      <c r="FQ856" s="91"/>
      <c r="FR856" s="91"/>
      <c r="FS856" s="91"/>
      <c r="FT856" s="91"/>
      <c r="FU856" s="91"/>
      <c r="FV856" s="91"/>
      <c r="FW856" s="91"/>
      <c r="FX856" s="91"/>
      <c r="FY856" s="91"/>
      <c r="FZ856" s="91"/>
      <c r="GA856" s="91"/>
      <c r="GB856" s="91"/>
      <c r="GC856" s="91"/>
      <c r="GD856" s="91"/>
      <c r="GE856" s="91"/>
      <c r="GF856" s="91"/>
      <c r="GG856" s="91"/>
      <c r="GH856" s="91"/>
      <c r="GI856" s="91"/>
      <c r="GJ856" s="91"/>
      <c r="GK856" s="127"/>
      <c r="GL856" s="126"/>
      <c r="GM856" s="91"/>
      <c r="GN856" s="91"/>
      <c r="GO856" s="91"/>
      <c r="GP856" s="91"/>
      <c r="GQ856" s="91"/>
      <c r="GR856" s="91"/>
      <c r="GS856" s="91"/>
      <c r="GT856" s="91"/>
      <c r="GU856" s="91"/>
      <c r="GV856" s="91"/>
      <c r="GW856" s="91"/>
      <c r="GX856" s="91"/>
      <c r="GY856" s="91"/>
      <c r="GZ856" s="91"/>
      <c r="HA856" s="91"/>
      <c r="HB856" s="91"/>
      <c r="HC856" s="91"/>
      <c r="HD856" s="91"/>
      <c r="HE856" s="91"/>
      <c r="HF856" s="91"/>
      <c r="HG856" s="91"/>
      <c r="HH856" s="91"/>
      <c r="HI856" s="91"/>
      <c r="HJ856" s="91"/>
      <c r="HK856" s="127"/>
      <c r="HL856" s="126"/>
      <c r="HM856" s="91"/>
      <c r="HN856" s="91"/>
      <c r="HO856" s="91"/>
      <c r="HP856" s="91"/>
      <c r="HQ856" s="91"/>
      <c r="HR856" s="91"/>
      <c r="HS856" s="91"/>
      <c r="HT856" s="91"/>
      <c r="HU856" s="91"/>
      <c r="HV856" s="91"/>
      <c r="HW856" s="91"/>
      <c r="HX856" s="91"/>
      <c r="HY856" s="91"/>
      <c r="HZ856" s="91"/>
      <c r="IA856" s="91"/>
      <c r="IB856" s="91"/>
      <c r="IC856" s="91"/>
      <c r="ID856" s="91"/>
      <c r="IE856" s="91"/>
      <c r="IF856" s="91"/>
      <c r="IG856" s="91"/>
      <c r="IH856" s="91"/>
      <c r="II856" s="91"/>
      <c r="IJ856" s="91"/>
      <c r="IK856" s="127"/>
    </row>
    <row r="857" spans="2:245" x14ac:dyDescent="0.2">
      <c r="B857" s="43"/>
      <c r="C857" s="73"/>
      <c r="D857" s="64"/>
      <c r="E857" s="64"/>
      <c r="F857" s="55"/>
      <c r="G857" s="102"/>
      <c r="H857" s="55"/>
      <c r="I857" s="55"/>
      <c r="J857" s="55"/>
      <c r="K857" s="55"/>
      <c r="L857" s="55"/>
      <c r="M857" s="55"/>
      <c r="N857" s="55"/>
      <c r="O857" s="55"/>
      <c r="P857" s="55"/>
      <c r="Q857" s="55"/>
      <c r="R857" s="55"/>
      <c r="S857" s="55"/>
      <c r="T857" s="55"/>
      <c r="U857" s="55"/>
      <c r="V857" s="55"/>
      <c r="W857" s="55"/>
      <c r="X857" s="55"/>
      <c r="Y857" s="55"/>
      <c r="Z857" s="55"/>
      <c r="AA857" s="55"/>
      <c r="AB857" s="55"/>
      <c r="AC857" s="55"/>
      <c r="AD857" s="55"/>
      <c r="AE857" s="55"/>
      <c r="AF857" s="55"/>
      <c r="AG857" s="55"/>
      <c r="AY857" s="162"/>
      <c r="AZ857" s="162"/>
      <c r="BA857" s="162"/>
      <c r="BB857" s="162"/>
      <c r="BC857" s="162"/>
      <c r="BD857" s="162"/>
      <c r="BE857" s="162"/>
      <c r="BF857" s="162"/>
      <c r="BG857" s="162"/>
      <c r="BH857" s="162"/>
      <c r="BI857" s="162"/>
      <c r="BJ857" s="162"/>
      <c r="BK857" s="162"/>
      <c r="BL857" s="162"/>
      <c r="BM857" s="162"/>
      <c r="BN857" s="162"/>
      <c r="BO857" s="162"/>
      <c r="BP857" s="162"/>
      <c r="BQ857" s="162"/>
      <c r="BR857" s="162"/>
      <c r="BS857" s="162"/>
      <c r="BT857" s="162"/>
      <c r="BU857" s="162"/>
      <c r="BV857" s="162"/>
      <c r="BW857" s="162"/>
      <c r="BX857" s="162"/>
      <c r="BY857" s="162"/>
      <c r="BZ857" s="162"/>
      <c r="CA857" s="162"/>
      <c r="CB857" s="162"/>
      <c r="CC857" s="162"/>
      <c r="CD857" s="162"/>
      <c r="CE857" s="162"/>
      <c r="CF857" s="162"/>
      <c r="CG857" s="162"/>
      <c r="CH857" s="162"/>
      <c r="CI857" s="162"/>
      <c r="CJ857" s="162"/>
      <c r="CK857" s="162"/>
      <c r="CX857" s="98"/>
      <c r="DL857" s="97"/>
      <c r="DX857" s="98"/>
      <c r="EL857" s="97"/>
      <c r="EX857" s="98"/>
      <c r="EY857" s="97"/>
      <c r="FL857" s="126"/>
      <c r="FM857" s="91"/>
      <c r="FN857" s="91"/>
      <c r="FO857" s="91"/>
      <c r="FP857" s="91"/>
      <c r="FQ857" s="91"/>
      <c r="FR857" s="91"/>
      <c r="FS857" s="91"/>
      <c r="FT857" s="91"/>
      <c r="FU857" s="91"/>
      <c r="FV857" s="91"/>
      <c r="FW857" s="91"/>
      <c r="FX857" s="91"/>
      <c r="FY857" s="91"/>
      <c r="FZ857" s="91"/>
      <c r="GA857" s="91"/>
      <c r="GB857" s="91"/>
      <c r="GC857" s="91"/>
      <c r="GD857" s="91"/>
      <c r="GE857" s="91"/>
      <c r="GF857" s="91"/>
      <c r="GG857" s="91"/>
      <c r="GH857" s="91"/>
      <c r="GI857" s="91"/>
      <c r="GJ857" s="91"/>
      <c r="GK857" s="127"/>
      <c r="GL857" s="126"/>
      <c r="GM857" s="91"/>
      <c r="GN857" s="91"/>
      <c r="GO857" s="91"/>
      <c r="GP857" s="91"/>
      <c r="GQ857" s="91"/>
      <c r="GR857" s="91"/>
      <c r="GS857" s="91"/>
      <c r="GT857" s="91"/>
      <c r="GU857" s="91"/>
      <c r="GV857" s="91"/>
      <c r="GW857" s="91"/>
      <c r="GX857" s="91"/>
      <c r="GY857" s="91"/>
      <c r="GZ857" s="91"/>
      <c r="HA857" s="91"/>
      <c r="HB857" s="91"/>
      <c r="HC857" s="91"/>
      <c r="HD857" s="91"/>
      <c r="HE857" s="91"/>
      <c r="HF857" s="91"/>
      <c r="HG857" s="91"/>
      <c r="HH857" s="91"/>
      <c r="HI857" s="91"/>
      <c r="HJ857" s="91"/>
      <c r="HK857" s="127"/>
      <c r="HL857" s="126"/>
      <c r="HM857" s="91"/>
      <c r="HN857" s="91"/>
      <c r="HO857" s="91"/>
      <c r="HP857" s="91"/>
      <c r="HQ857" s="91"/>
      <c r="HR857" s="91"/>
      <c r="HS857" s="91"/>
      <c r="HT857" s="91"/>
      <c r="HU857" s="91"/>
      <c r="HV857" s="91"/>
      <c r="HW857" s="91"/>
      <c r="HX857" s="91"/>
      <c r="HY857" s="91"/>
      <c r="HZ857" s="91"/>
      <c r="IA857" s="91"/>
      <c r="IB857" s="91"/>
      <c r="IC857" s="91"/>
      <c r="ID857" s="91"/>
      <c r="IE857" s="91"/>
      <c r="IF857" s="91"/>
      <c r="IG857" s="91"/>
      <c r="IH857" s="91"/>
      <c r="II857" s="91"/>
      <c r="IJ857" s="91"/>
      <c r="IK857" s="127"/>
    </row>
    <row r="858" spans="2:245" x14ac:dyDescent="0.2">
      <c r="B858" s="43"/>
      <c r="C858" s="73"/>
      <c r="D858" s="64"/>
      <c r="E858" s="64"/>
      <c r="F858" s="55"/>
      <c r="G858" s="102"/>
      <c r="H858" s="55"/>
      <c r="I858" s="55"/>
      <c r="J858" s="55"/>
      <c r="K858" s="55"/>
      <c r="L858" s="55"/>
      <c r="M858" s="55"/>
      <c r="N858" s="55"/>
      <c r="O858" s="55"/>
      <c r="P858" s="55"/>
      <c r="Q858" s="55"/>
      <c r="R858" s="55"/>
      <c r="S858" s="55"/>
      <c r="T858" s="55"/>
      <c r="U858" s="55"/>
      <c r="V858" s="55"/>
      <c r="W858" s="55"/>
      <c r="X858" s="55"/>
      <c r="Y858" s="55"/>
      <c r="Z858" s="55"/>
      <c r="AA858" s="55"/>
      <c r="AB858" s="55"/>
      <c r="AC858" s="55"/>
      <c r="AD858" s="55"/>
      <c r="AE858" s="55"/>
      <c r="AF858" s="55"/>
      <c r="AG858" s="55"/>
      <c r="AY858" s="162"/>
      <c r="AZ858" s="162"/>
      <c r="BA858" s="162"/>
      <c r="BB858" s="162"/>
      <c r="BC858" s="162"/>
      <c r="BD858" s="162"/>
      <c r="BE858" s="162"/>
      <c r="BF858" s="162"/>
      <c r="BG858" s="162"/>
      <c r="BH858" s="162"/>
      <c r="BI858" s="162"/>
      <c r="BJ858" s="162"/>
      <c r="BK858" s="162"/>
      <c r="BL858" s="162"/>
      <c r="BM858" s="162"/>
      <c r="BN858" s="162"/>
      <c r="BO858" s="162"/>
      <c r="BP858" s="162"/>
      <c r="BQ858" s="162"/>
      <c r="BR858" s="162"/>
      <c r="BS858" s="162"/>
      <c r="BT858" s="162"/>
      <c r="BU858" s="162"/>
      <c r="BV858" s="162"/>
      <c r="BW858" s="162"/>
      <c r="BX858" s="162"/>
      <c r="BY858" s="162"/>
      <c r="BZ858" s="162"/>
      <c r="CA858" s="162"/>
      <c r="CB858" s="162"/>
      <c r="CC858" s="162"/>
      <c r="CD858" s="162"/>
      <c r="CE858" s="162"/>
      <c r="CF858" s="162"/>
      <c r="CG858" s="162"/>
      <c r="CH858" s="162"/>
      <c r="CI858" s="162"/>
      <c r="CJ858" s="162"/>
      <c r="CK858" s="162"/>
      <c r="CX858" s="98"/>
      <c r="DL858" s="97"/>
      <c r="DX858" s="98"/>
      <c r="EL858" s="97"/>
      <c r="EX858" s="98"/>
      <c r="EY858" s="97"/>
      <c r="FL858" s="126"/>
      <c r="FM858" s="91"/>
      <c r="FN858" s="91"/>
      <c r="FO858" s="91"/>
      <c r="FP858" s="91"/>
      <c r="FQ858" s="91"/>
      <c r="FR858" s="91"/>
      <c r="FS858" s="91"/>
      <c r="FT858" s="91"/>
      <c r="FU858" s="91"/>
      <c r="FV858" s="91"/>
      <c r="FW858" s="91"/>
      <c r="FX858" s="91"/>
      <c r="FY858" s="91"/>
      <c r="FZ858" s="91"/>
      <c r="GA858" s="91"/>
      <c r="GB858" s="91"/>
      <c r="GC858" s="91"/>
      <c r="GD858" s="91"/>
      <c r="GE858" s="91"/>
      <c r="GF858" s="91"/>
      <c r="GG858" s="91"/>
      <c r="GH858" s="91"/>
      <c r="GI858" s="91"/>
      <c r="GJ858" s="91"/>
      <c r="GK858" s="127"/>
      <c r="GL858" s="126"/>
      <c r="GM858" s="91"/>
      <c r="GN858" s="91"/>
      <c r="GO858" s="91"/>
      <c r="GP858" s="91"/>
      <c r="GQ858" s="91"/>
      <c r="GR858" s="91"/>
      <c r="GS858" s="91"/>
      <c r="GT858" s="91"/>
      <c r="GU858" s="91"/>
      <c r="GV858" s="91"/>
      <c r="GW858" s="91"/>
      <c r="GX858" s="91"/>
      <c r="GY858" s="91"/>
      <c r="GZ858" s="91"/>
      <c r="HA858" s="91"/>
      <c r="HB858" s="91"/>
      <c r="HC858" s="91"/>
      <c r="HD858" s="91"/>
      <c r="HE858" s="91"/>
      <c r="HF858" s="91"/>
      <c r="HG858" s="91"/>
      <c r="HH858" s="91"/>
      <c r="HI858" s="91"/>
      <c r="HJ858" s="91"/>
      <c r="HK858" s="127"/>
      <c r="HL858" s="126"/>
      <c r="HM858" s="91"/>
      <c r="HN858" s="91"/>
      <c r="HO858" s="91"/>
      <c r="HP858" s="91"/>
      <c r="HQ858" s="91"/>
      <c r="HR858" s="91"/>
      <c r="HS858" s="91"/>
      <c r="HT858" s="91"/>
      <c r="HU858" s="91"/>
      <c r="HV858" s="91"/>
      <c r="HW858" s="91"/>
      <c r="HX858" s="91"/>
      <c r="HY858" s="91"/>
      <c r="HZ858" s="91"/>
      <c r="IA858" s="91"/>
      <c r="IB858" s="91"/>
      <c r="IC858" s="91"/>
      <c r="ID858" s="91"/>
      <c r="IE858" s="91"/>
      <c r="IF858" s="91"/>
      <c r="IG858" s="91"/>
      <c r="IH858" s="91"/>
      <c r="II858" s="91"/>
      <c r="IJ858" s="91"/>
      <c r="IK858" s="127"/>
    </row>
    <row r="859" spans="2:245" x14ac:dyDescent="0.2">
      <c r="B859" s="43"/>
      <c r="C859" s="73"/>
      <c r="D859" s="64"/>
      <c r="E859" s="64"/>
      <c r="F859" s="55"/>
      <c r="G859" s="102"/>
      <c r="H859" s="55"/>
      <c r="I859" s="55"/>
      <c r="J859" s="55"/>
      <c r="K859" s="55"/>
      <c r="L859" s="55"/>
      <c r="M859" s="55"/>
      <c r="N859" s="55"/>
      <c r="O859" s="55"/>
      <c r="P859" s="55"/>
      <c r="Q859" s="55"/>
      <c r="R859" s="55"/>
      <c r="S859" s="55"/>
      <c r="T859" s="55"/>
      <c r="U859" s="55"/>
      <c r="V859" s="55"/>
      <c r="W859" s="55"/>
      <c r="X859" s="55"/>
      <c r="Y859" s="55"/>
      <c r="Z859" s="55"/>
      <c r="AA859" s="55"/>
      <c r="AB859" s="55"/>
      <c r="AC859" s="55"/>
      <c r="AD859" s="55"/>
      <c r="AE859" s="55"/>
      <c r="AF859" s="55"/>
      <c r="AG859" s="55"/>
      <c r="AY859" s="162"/>
      <c r="AZ859" s="162"/>
      <c r="BA859" s="162"/>
      <c r="BB859" s="162"/>
      <c r="BC859" s="162"/>
      <c r="BD859" s="162"/>
      <c r="BE859" s="162"/>
      <c r="BF859" s="162"/>
      <c r="BG859" s="162"/>
      <c r="BH859" s="162"/>
      <c r="BI859" s="162"/>
      <c r="BJ859" s="162"/>
      <c r="BK859" s="162"/>
      <c r="BL859" s="162"/>
      <c r="BM859" s="162"/>
      <c r="BN859" s="162"/>
      <c r="BO859" s="162"/>
      <c r="BP859" s="162"/>
      <c r="BQ859" s="162"/>
      <c r="BR859" s="162"/>
      <c r="BS859" s="162"/>
      <c r="BT859" s="162"/>
      <c r="BU859" s="162"/>
      <c r="BV859" s="162"/>
      <c r="BW859" s="162"/>
      <c r="BX859" s="162"/>
      <c r="BY859" s="162"/>
      <c r="BZ859" s="162"/>
      <c r="CA859" s="162"/>
      <c r="CB859" s="162"/>
      <c r="CC859" s="162"/>
      <c r="CD859" s="162"/>
      <c r="CE859" s="162"/>
      <c r="CF859" s="162"/>
      <c r="CG859" s="162"/>
      <c r="CH859" s="162"/>
      <c r="CI859" s="162"/>
      <c r="CJ859" s="162"/>
      <c r="CK859" s="162"/>
      <c r="CX859" s="98"/>
      <c r="DL859" s="97"/>
      <c r="DX859" s="98"/>
      <c r="EL859" s="97"/>
      <c r="EX859" s="98"/>
      <c r="EY859" s="97"/>
      <c r="FL859" s="126"/>
      <c r="FM859" s="91"/>
      <c r="FN859" s="91"/>
      <c r="FO859" s="91"/>
      <c r="FP859" s="91"/>
      <c r="FQ859" s="91"/>
      <c r="FR859" s="91"/>
      <c r="FS859" s="91"/>
      <c r="FT859" s="91"/>
      <c r="FU859" s="91"/>
      <c r="FV859" s="91"/>
      <c r="FW859" s="91"/>
      <c r="FX859" s="91"/>
      <c r="FY859" s="91"/>
      <c r="FZ859" s="91"/>
      <c r="GA859" s="91"/>
      <c r="GB859" s="91"/>
      <c r="GC859" s="91"/>
      <c r="GD859" s="91"/>
      <c r="GE859" s="91"/>
      <c r="GF859" s="91"/>
      <c r="GG859" s="91"/>
      <c r="GH859" s="91"/>
      <c r="GI859" s="91"/>
      <c r="GJ859" s="91"/>
      <c r="GK859" s="127"/>
      <c r="GL859" s="126"/>
      <c r="GM859" s="91"/>
      <c r="GN859" s="91"/>
      <c r="GO859" s="91"/>
      <c r="GP859" s="91"/>
      <c r="GQ859" s="91"/>
      <c r="GR859" s="91"/>
      <c r="GS859" s="91"/>
      <c r="GT859" s="91"/>
      <c r="GU859" s="91"/>
      <c r="GV859" s="91"/>
      <c r="GW859" s="91"/>
      <c r="GX859" s="91"/>
      <c r="GY859" s="91"/>
      <c r="GZ859" s="91"/>
      <c r="HA859" s="91"/>
      <c r="HB859" s="91"/>
      <c r="HC859" s="91"/>
      <c r="HD859" s="91"/>
      <c r="HE859" s="91"/>
      <c r="HF859" s="91"/>
      <c r="HG859" s="91"/>
      <c r="HH859" s="91"/>
      <c r="HI859" s="91"/>
      <c r="HJ859" s="91"/>
      <c r="HK859" s="127"/>
      <c r="HL859" s="126"/>
      <c r="HM859" s="91"/>
      <c r="HN859" s="91"/>
      <c r="HO859" s="91"/>
      <c r="HP859" s="91"/>
      <c r="HQ859" s="91"/>
      <c r="HR859" s="91"/>
      <c r="HS859" s="91"/>
      <c r="HT859" s="91"/>
      <c r="HU859" s="91"/>
      <c r="HV859" s="91"/>
      <c r="HW859" s="91"/>
      <c r="HX859" s="91"/>
      <c r="HY859" s="91"/>
      <c r="HZ859" s="91"/>
      <c r="IA859" s="91"/>
      <c r="IB859" s="91"/>
      <c r="IC859" s="91"/>
      <c r="ID859" s="91"/>
      <c r="IE859" s="91"/>
      <c r="IF859" s="91"/>
      <c r="IG859" s="91"/>
      <c r="IH859" s="91"/>
      <c r="II859" s="91"/>
      <c r="IJ859" s="91"/>
      <c r="IK859" s="127"/>
    </row>
    <row r="860" spans="2:245" x14ac:dyDescent="0.2">
      <c r="B860" s="43"/>
      <c r="C860" s="73"/>
      <c r="D860" s="64"/>
      <c r="E860" s="64"/>
      <c r="F860" s="55"/>
      <c r="G860" s="102"/>
      <c r="H860" s="55"/>
      <c r="I860" s="55"/>
      <c r="J860" s="55"/>
      <c r="K860" s="55"/>
      <c r="L860" s="55"/>
      <c r="M860" s="55"/>
      <c r="N860" s="55"/>
      <c r="O860" s="55"/>
      <c r="P860" s="55"/>
      <c r="Q860" s="55"/>
      <c r="R860" s="55"/>
      <c r="S860" s="55"/>
      <c r="T860" s="55"/>
      <c r="U860" s="55"/>
      <c r="V860" s="55"/>
      <c r="W860" s="55"/>
      <c r="X860" s="55"/>
      <c r="Y860" s="55"/>
      <c r="Z860" s="55"/>
      <c r="AA860" s="55"/>
      <c r="AB860" s="55"/>
      <c r="AC860" s="55"/>
      <c r="AD860" s="55"/>
      <c r="AE860" s="55"/>
      <c r="AF860" s="55"/>
      <c r="AG860" s="55"/>
      <c r="AY860" s="162"/>
      <c r="AZ860" s="162"/>
      <c r="BA860" s="162"/>
      <c r="BB860" s="162"/>
      <c r="BC860" s="162"/>
      <c r="BD860" s="162"/>
      <c r="BE860" s="162"/>
      <c r="BF860" s="162"/>
      <c r="BG860" s="162"/>
      <c r="BH860" s="162"/>
      <c r="BI860" s="162"/>
      <c r="BJ860" s="162"/>
      <c r="BK860" s="162"/>
      <c r="BL860" s="162"/>
      <c r="BM860" s="162"/>
      <c r="BN860" s="162"/>
      <c r="BO860" s="162"/>
      <c r="BP860" s="162"/>
      <c r="BQ860" s="162"/>
      <c r="BR860" s="162"/>
      <c r="BS860" s="162"/>
      <c r="BT860" s="162"/>
      <c r="BU860" s="162"/>
      <c r="BV860" s="162"/>
      <c r="BW860" s="162"/>
      <c r="BX860" s="162"/>
      <c r="BY860" s="162"/>
      <c r="BZ860" s="162"/>
      <c r="CA860" s="162"/>
      <c r="CB860" s="162"/>
      <c r="CC860" s="162"/>
      <c r="CD860" s="162"/>
      <c r="CE860" s="162"/>
      <c r="CF860" s="162"/>
      <c r="CG860" s="162"/>
      <c r="CH860" s="162"/>
      <c r="CI860" s="162"/>
      <c r="CJ860" s="162"/>
      <c r="CK860" s="162"/>
      <c r="CX860" s="98"/>
      <c r="DL860" s="97"/>
      <c r="DX860" s="98"/>
      <c r="EL860" s="97"/>
      <c r="EX860" s="98"/>
      <c r="EY860" s="97"/>
      <c r="FL860" s="126"/>
      <c r="FM860" s="91"/>
      <c r="FN860" s="91"/>
      <c r="FO860" s="91"/>
      <c r="FP860" s="91"/>
      <c r="FQ860" s="91"/>
      <c r="FR860" s="91"/>
      <c r="FS860" s="91"/>
      <c r="FT860" s="91"/>
      <c r="FU860" s="91"/>
      <c r="FV860" s="91"/>
      <c r="FW860" s="91"/>
      <c r="FX860" s="91"/>
      <c r="FY860" s="91"/>
      <c r="FZ860" s="91"/>
      <c r="GA860" s="91"/>
      <c r="GB860" s="91"/>
      <c r="GC860" s="91"/>
      <c r="GD860" s="91"/>
      <c r="GE860" s="91"/>
      <c r="GF860" s="91"/>
      <c r="GG860" s="91"/>
      <c r="GH860" s="91"/>
      <c r="GI860" s="91"/>
      <c r="GJ860" s="91"/>
      <c r="GK860" s="127"/>
      <c r="GL860" s="126"/>
      <c r="GM860" s="91"/>
      <c r="GN860" s="91"/>
      <c r="GO860" s="91"/>
      <c r="GP860" s="91"/>
      <c r="GQ860" s="91"/>
      <c r="GR860" s="91"/>
      <c r="GS860" s="91"/>
      <c r="GT860" s="91"/>
      <c r="GU860" s="91"/>
      <c r="GV860" s="91"/>
      <c r="GW860" s="91"/>
      <c r="GX860" s="91"/>
      <c r="GY860" s="91"/>
      <c r="GZ860" s="91"/>
      <c r="HA860" s="91"/>
      <c r="HB860" s="91"/>
      <c r="HC860" s="91"/>
      <c r="HD860" s="91"/>
      <c r="HE860" s="91"/>
      <c r="HF860" s="91"/>
      <c r="HG860" s="91"/>
      <c r="HH860" s="91"/>
      <c r="HI860" s="91"/>
      <c r="HJ860" s="91"/>
      <c r="HK860" s="127"/>
      <c r="HL860" s="126"/>
      <c r="HM860" s="91"/>
      <c r="HN860" s="91"/>
      <c r="HO860" s="91"/>
      <c r="HP860" s="91"/>
      <c r="HQ860" s="91"/>
      <c r="HR860" s="91"/>
      <c r="HS860" s="91"/>
      <c r="HT860" s="91"/>
      <c r="HU860" s="91"/>
      <c r="HV860" s="91"/>
      <c r="HW860" s="91"/>
      <c r="HX860" s="91"/>
      <c r="HY860" s="91"/>
      <c r="HZ860" s="91"/>
      <c r="IA860" s="91"/>
      <c r="IB860" s="91"/>
      <c r="IC860" s="91"/>
      <c r="ID860" s="91"/>
      <c r="IE860" s="91"/>
      <c r="IF860" s="91"/>
      <c r="IG860" s="91"/>
      <c r="IH860" s="91"/>
      <c r="II860" s="91"/>
      <c r="IJ860" s="91"/>
      <c r="IK860" s="127"/>
    </row>
    <row r="861" spans="2:245" x14ac:dyDescent="0.2">
      <c r="B861" s="43"/>
      <c r="C861" s="73"/>
      <c r="D861" s="64"/>
      <c r="E861" s="64"/>
      <c r="F861" s="55"/>
      <c r="G861" s="102"/>
      <c r="H861" s="55"/>
      <c r="I861" s="55"/>
      <c r="J861" s="55"/>
      <c r="K861" s="55"/>
      <c r="L861" s="55"/>
      <c r="M861" s="55"/>
      <c r="N861" s="55"/>
      <c r="O861" s="55"/>
      <c r="P861" s="55"/>
      <c r="Q861" s="55"/>
      <c r="R861" s="55"/>
      <c r="S861" s="55"/>
      <c r="T861" s="55"/>
      <c r="U861" s="55"/>
      <c r="V861" s="55"/>
      <c r="W861" s="55"/>
      <c r="X861" s="55"/>
      <c r="Y861" s="55"/>
      <c r="Z861" s="55"/>
      <c r="AA861" s="55"/>
      <c r="AB861" s="55"/>
      <c r="AC861" s="55"/>
      <c r="AD861" s="55"/>
      <c r="AE861" s="55"/>
      <c r="AF861" s="55"/>
      <c r="AG861" s="55"/>
      <c r="AY861" s="162"/>
      <c r="AZ861" s="162"/>
      <c r="BA861" s="162"/>
      <c r="BB861" s="162"/>
      <c r="BC861" s="162"/>
      <c r="BD861" s="162"/>
      <c r="BE861" s="162"/>
      <c r="BF861" s="162"/>
      <c r="BG861" s="162"/>
      <c r="BH861" s="162"/>
      <c r="BI861" s="162"/>
      <c r="BJ861" s="162"/>
      <c r="BK861" s="162"/>
      <c r="BL861" s="162"/>
      <c r="BM861" s="162"/>
      <c r="BN861" s="162"/>
      <c r="BO861" s="162"/>
      <c r="BP861" s="162"/>
      <c r="BQ861" s="162"/>
      <c r="BR861" s="162"/>
      <c r="BS861" s="162"/>
      <c r="BT861" s="162"/>
      <c r="BU861" s="162"/>
      <c r="BV861" s="162"/>
      <c r="BW861" s="162"/>
      <c r="BX861" s="162"/>
      <c r="BY861" s="162"/>
      <c r="BZ861" s="162"/>
      <c r="CA861" s="162"/>
      <c r="CB861" s="162"/>
      <c r="CC861" s="162"/>
      <c r="CD861" s="162"/>
      <c r="CE861" s="162"/>
      <c r="CF861" s="162"/>
      <c r="CG861" s="162"/>
      <c r="CH861" s="162"/>
      <c r="CI861" s="162"/>
      <c r="CJ861" s="162"/>
      <c r="CK861" s="162"/>
      <c r="CX861" s="98"/>
      <c r="DL861" s="97"/>
      <c r="DX861" s="98"/>
      <c r="EL861" s="97"/>
      <c r="EX861" s="98"/>
      <c r="EY861" s="97"/>
      <c r="FL861" s="126"/>
      <c r="FM861" s="91"/>
      <c r="FN861" s="91"/>
      <c r="FO861" s="91"/>
      <c r="FP861" s="91"/>
      <c r="FQ861" s="91"/>
      <c r="FR861" s="91"/>
      <c r="FS861" s="91"/>
      <c r="FT861" s="91"/>
      <c r="FU861" s="91"/>
      <c r="FV861" s="91"/>
      <c r="FW861" s="91"/>
      <c r="FX861" s="91"/>
      <c r="FY861" s="91"/>
      <c r="FZ861" s="91"/>
      <c r="GA861" s="91"/>
      <c r="GB861" s="91"/>
      <c r="GC861" s="91"/>
      <c r="GD861" s="91"/>
      <c r="GE861" s="91"/>
      <c r="GF861" s="91"/>
      <c r="GG861" s="91"/>
      <c r="GH861" s="91"/>
      <c r="GI861" s="91"/>
      <c r="GJ861" s="91"/>
      <c r="GK861" s="127"/>
      <c r="GL861" s="126"/>
      <c r="GM861" s="91"/>
      <c r="GN861" s="91"/>
      <c r="GO861" s="91"/>
      <c r="GP861" s="91"/>
      <c r="GQ861" s="91"/>
      <c r="GR861" s="91"/>
      <c r="GS861" s="91"/>
      <c r="GT861" s="91"/>
      <c r="GU861" s="91"/>
      <c r="GV861" s="91"/>
      <c r="GW861" s="91"/>
      <c r="GX861" s="91"/>
      <c r="GY861" s="91"/>
      <c r="GZ861" s="91"/>
      <c r="HA861" s="91"/>
      <c r="HB861" s="91"/>
      <c r="HC861" s="91"/>
      <c r="HD861" s="91"/>
      <c r="HE861" s="91"/>
      <c r="HF861" s="91"/>
      <c r="HG861" s="91"/>
      <c r="HH861" s="91"/>
      <c r="HI861" s="91"/>
      <c r="HJ861" s="91"/>
      <c r="HK861" s="127"/>
      <c r="HL861" s="126"/>
      <c r="HM861" s="91"/>
      <c r="HN861" s="91"/>
      <c r="HO861" s="91"/>
      <c r="HP861" s="91"/>
      <c r="HQ861" s="91"/>
      <c r="HR861" s="91"/>
      <c r="HS861" s="91"/>
      <c r="HT861" s="91"/>
      <c r="HU861" s="91"/>
      <c r="HV861" s="91"/>
      <c r="HW861" s="91"/>
      <c r="HX861" s="91"/>
      <c r="HY861" s="91"/>
      <c r="HZ861" s="91"/>
      <c r="IA861" s="91"/>
      <c r="IB861" s="91"/>
      <c r="IC861" s="91"/>
      <c r="ID861" s="91"/>
      <c r="IE861" s="91"/>
      <c r="IF861" s="91"/>
      <c r="IG861" s="91"/>
      <c r="IH861" s="91"/>
      <c r="II861" s="91"/>
      <c r="IJ861" s="91"/>
      <c r="IK861" s="127"/>
    </row>
    <row r="862" spans="2:245" x14ac:dyDescent="0.2">
      <c r="B862" s="43"/>
      <c r="C862" s="73"/>
      <c r="D862" s="64"/>
      <c r="E862" s="64"/>
      <c r="F862" s="55"/>
      <c r="G862" s="102"/>
      <c r="H862" s="55"/>
      <c r="I862" s="55"/>
      <c r="J862" s="55"/>
      <c r="K862" s="55"/>
      <c r="L862" s="55"/>
      <c r="M862" s="55"/>
      <c r="N862" s="55"/>
      <c r="O862" s="55"/>
      <c r="P862" s="55"/>
      <c r="Q862" s="55"/>
      <c r="R862" s="55"/>
      <c r="S862" s="55"/>
      <c r="T862" s="55"/>
      <c r="U862" s="55"/>
      <c r="V862" s="55"/>
      <c r="W862" s="55"/>
      <c r="X862" s="55"/>
      <c r="Y862" s="55"/>
      <c r="Z862" s="55"/>
      <c r="AA862" s="55"/>
      <c r="AB862" s="55"/>
      <c r="AC862" s="55"/>
      <c r="AD862" s="55"/>
      <c r="AE862" s="55"/>
      <c r="AF862" s="55"/>
      <c r="AG862" s="55"/>
      <c r="AY862" s="162"/>
      <c r="AZ862" s="162"/>
      <c r="BA862" s="162"/>
      <c r="BB862" s="162"/>
      <c r="BC862" s="162"/>
      <c r="BD862" s="162"/>
      <c r="BE862" s="162"/>
      <c r="BF862" s="162"/>
      <c r="BG862" s="162"/>
      <c r="BH862" s="162"/>
      <c r="BI862" s="162"/>
      <c r="BJ862" s="162"/>
      <c r="BK862" s="162"/>
      <c r="BL862" s="162"/>
      <c r="BM862" s="162"/>
      <c r="BN862" s="162"/>
      <c r="BO862" s="162"/>
      <c r="BP862" s="162"/>
      <c r="BQ862" s="162"/>
      <c r="BR862" s="162"/>
      <c r="BS862" s="162"/>
      <c r="BT862" s="162"/>
      <c r="BU862" s="162"/>
      <c r="BV862" s="162"/>
      <c r="BW862" s="162"/>
      <c r="BX862" s="162"/>
      <c r="BY862" s="162"/>
      <c r="BZ862" s="162"/>
      <c r="CA862" s="162"/>
      <c r="CB862" s="162"/>
      <c r="CC862" s="162"/>
      <c r="CD862" s="162"/>
      <c r="CE862" s="162"/>
      <c r="CF862" s="162"/>
      <c r="CG862" s="162"/>
      <c r="CH862" s="162"/>
      <c r="CI862" s="162"/>
      <c r="CJ862" s="162"/>
      <c r="CK862" s="162"/>
      <c r="CX862" s="98"/>
      <c r="DL862" s="97"/>
      <c r="DX862" s="98"/>
      <c r="EL862" s="97"/>
      <c r="EX862" s="98"/>
      <c r="EY862" s="97"/>
      <c r="FL862" s="126"/>
      <c r="FM862" s="91"/>
      <c r="FN862" s="91"/>
      <c r="FO862" s="91"/>
      <c r="FP862" s="91"/>
      <c r="FQ862" s="91"/>
      <c r="FR862" s="91"/>
      <c r="FS862" s="91"/>
      <c r="FT862" s="91"/>
      <c r="FU862" s="91"/>
      <c r="FV862" s="91"/>
      <c r="FW862" s="91"/>
      <c r="FX862" s="91"/>
      <c r="FY862" s="91"/>
      <c r="FZ862" s="91"/>
      <c r="GA862" s="91"/>
      <c r="GB862" s="91"/>
      <c r="GC862" s="91"/>
      <c r="GD862" s="91"/>
      <c r="GE862" s="91"/>
      <c r="GF862" s="91"/>
      <c r="GG862" s="91"/>
      <c r="GH862" s="91"/>
      <c r="GI862" s="91"/>
      <c r="GJ862" s="91"/>
      <c r="GK862" s="127"/>
      <c r="GL862" s="126"/>
      <c r="GM862" s="91"/>
      <c r="GN862" s="91"/>
      <c r="GO862" s="91"/>
      <c r="GP862" s="91"/>
      <c r="GQ862" s="91"/>
      <c r="GR862" s="91"/>
      <c r="GS862" s="91"/>
      <c r="GT862" s="91"/>
      <c r="GU862" s="91"/>
      <c r="GV862" s="91"/>
      <c r="GW862" s="91"/>
      <c r="GX862" s="91"/>
      <c r="GY862" s="91"/>
      <c r="GZ862" s="91"/>
      <c r="HA862" s="91"/>
      <c r="HB862" s="91"/>
      <c r="HC862" s="91"/>
      <c r="HD862" s="91"/>
      <c r="HE862" s="91"/>
      <c r="HF862" s="91"/>
      <c r="HG862" s="91"/>
      <c r="HH862" s="91"/>
      <c r="HI862" s="91"/>
      <c r="HJ862" s="91"/>
      <c r="HK862" s="127"/>
      <c r="HL862" s="126"/>
      <c r="HM862" s="91"/>
      <c r="HN862" s="91"/>
      <c r="HO862" s="91"/>
      <c r="HP862" s="91"/>
      <c r="HQ862" s="91"/>
      <c r="HR862" s="91"/>
      <c r="HS862" s="91"/>
      <c r="HT862" s="91"/>
      <c r="HU862" s="91"/>
      <c r="HV862" s="91"/>
      <c r="HW862" s="91"/>
      <c r="HX862" s="91"/>
      <c r="HY862" s="91"/>
      <c r="HZ862" s="91"/>
      <c r="IA862" s="91"/>
      <c r="IB862" s="91"/>
      <c r="IC862" s="91"/>
      <c r="ID862" s="91"/>
      <c r="IE862" s="91"/>
      <c r="IF862" s="91"/>
      <c r="IG862" s="91"/>
      <c r="IH862" s="91"/>
      <c r="II862" s="91"/>
      <c r="IJ862" s="91"/>
      <c r="IK862" s="127"/>
    </row>
    <row r="863" spans="2:245" x14ac:dyDescent="0.2">
      <c r="B863" s="43"/>
      <c r="C863" s="73"/>
      <c r="D863" s="64"/>
      <c r="E863" s="64"/>
      <c r="F863" s="55"/>
      <c r="G863" s="102"/>
      <c r="H863" s="55"/>
      <c r="I863" s="55"/>
      <c r="J863" s="55"/>
      <c r="K863" s="55"/>
      <c r="L863" s="55"/>
      <c r="M863" s="55"/>
      <c r="N863" s="55"/>
      <c r="O863" s="55"/>
      <c r="P863" s="55"/>
      <c r="Q863" s="55"/>
      <c r="R863" s="55"/>
      <c r="S863" s="55"/>
      <c r="T863" s="55"/>
      <c r="U863" s="55"/>
      <c r="V863" s="55"/>
      <c r="W863" s="55"/>
      <c r="X863" s="55"/>
      <c r="Y863" s="55"/>
      <c r="Z863" s="55"/>
      <c r="AA863" s="55"/>
      <c r="AB863" s="55"/>
      <c r="AC863" s="55"/>
      <c r="AD863" s="55"/>
      <c r="AE863" s="55"/>
      <c r="AF863" s="55"/>
      <c r="AG863" s="55"/>
      <c r="AY863" s="162"/>
      <c r="AZ863" s="162"/>
      <c r="BA863" s="162"/>
      <c r="BB863" s="162"/>
      <c r="BC863" s="162"/>
      <c r="BD863" s="162"/>
      <c r="BE863" s="162"/>
      <c r="BF863" s="162"/>
      <c r="BG863" s="162"/>
      <c r="BH863" s="162"/>
      <c r="BI863" s="162"/>
      <c r="BJ863" s="162"/>
      <c r="BK863" s="162"/>
      <c r="BL863" s="162"/>
      <c r="BM863" s="162"/>
      <c r="BN863" s="162"/>
      <c r="BO863" s="162"/>
      <c r="BP863" s="162"/>
      <c r="BQ863" s="162"/>
      <c r="BR863" s="162"/>
      <c r="BS863" s="162"/>
      <c r="BT863" s="162"/>
      <c r="BU863" s="162"/>
      <c r="BV863" s="162"/>
      <c r="BW863" s="162"/>
      <c r="BX863" s="162"/>
      <c r="BY863" s="162"/>
      <c r="BZ863" s="162"/>
      <c r="CA863" s="162"/>
      <c r="CB863" s="162"/>
      <c r="CC863" s="162"/>
      <c r="CD863" s="162"/>
      <c r="CE863" s="162"/>
      <c r="CF863" s="162"/>
      <c r="CG863" s="162"/>
      <c r="CH863" s="162"/>
      <c r="CI863" s="162"/>
      <c r="CJ863" s="162"/>
      <c r="CK863" s="162"/>
      <c r="CX863" s="98"/>
      <c r="DL863" s="97"/>
      <c r="DX863" s="98"/>
      <c r="EL863" s="97"/>
      <c r="EX863" s="98"/>
      <c r="EY863" s="97"/>
      <c r="FL863" s="126"/>
      <c r="FM863" s="91"/>
      <c r="FN863" s="91"/>
      <c r="FO863" s="91"/>
      <c r="FP863" s="91"/>
      <c r="FQ863" s="91"/>
      <c r="FR863" s="91"/>
      <c r="FS863" s="91"/>
      <c r="FT863" s="91"/>
      <c r="FU863" s="91"/>
      <c r="FV863" s="91"/>
      <c r="FW863" s="91"/>
      <c r="FX863" s="91"/>
      <c r="FY863" s="91"/>
      <c r="FZ863" s="91"/>
      <c r="GA863" s="91"/>
      <c r="GB863" s="91"/>
      <c r="GC863" s="91"/>
      <c r="GD863" s="91"/>
      <c r="GE863" s="91"/>
      <c r="GF863" s="91"/>
      <c r="GG863" s="91"/>
      <c r="GH863" s="91"/>
      <c r="GI863" s="91"/>
      <c r="GJ863" s="91"/>
      <c r="GK863" s="127"/>
      <c r="GL863" s="126"/>
      <c r="GM863" s="91"/>
      <c r="GN863" s="91"/>
      <c r="GO863" s="91"/>
      <c r="GP863" s="91"/>
      <c r="GQ863" s="91"/>
      <c r="GR863" s="91"/>
      <c r="GS863" s="91"/>
      <c r="GT863" s="91"/>
      <c r="GU863" s="91"/>
      <c r="GV863" s="91"/>
      <c r="GW863" s="91"/>
      <c r="GX863" s="91"/>
      <c r="GY863" s="91"/>
      <c r="GZ863" s="91"/>
      <c r="HA863" s="91"/>
      <c r="HB863" s="91"/>
      <c r="HC863" s="91"/>
      <c r="HD863" s="91"/>
      <c r="HE863" s="91"/>
      <c r="HF863" s="91"/>
      <c r="HG863" s="91"/>
      <c r="HH863" s="91"/>
      <c r="HI863" s="91"/>
      <c r="HJ863" s="91"/>
      <c r="HK863" s="127"/>
      <c r="HL863" s="126"/>
      <c r="HM863" s="91"/>
      <c r="HN863" s="91"/>
      <c r="HO863" s="91"/>
      <c r="HP863" s="91"/>
      <c r="HQ863" s="91"/>
      <c r="HR863" s="91"/>
      <c r="HS863" s="91"/>
      <c r="HT863" s="91"/>
      <c r="HU863" s="91"/>
      <c r="HV863" s="91"/>
      <c r="HW863" s="91"/>
      <c r="HX863" s="91"/>
      <c r="HY863" s="91"/>
      <c r="HZ863" s="91"/>
      <c r="IA863" s="91"/>
      <c r="IB863" s="91"/>
      <c r="IC863" s="91"/>
      <c r="ID863" s="91"/>
      <c r="IE863" s="91"/>
      <c r="IF863" s="91"/>
      <c r="IG863" s="91"/>
      <c r="IH863" s="91"/>
      <c r="II863" s="91"/>
      <c r="IJ863" s="91"/>
      <c r="IK863" s="127"/>
    </row>
    <row r="864" spans="2:245" x14ac:dyDescent="0.2">
      <c r="B864" s="43"/>
      <c r="C864" s="73"/>
      <c r="D864" s="64"/>
      <c r="E864" s="64"/>
      <c r="F864" s="55"/>
      <c r="G864" s="102"/>
      <c r="H864" s="55"/>
      <c r="I864" s="55"/>
      <c r="J864" s="55"/>
      <c r="K864" s="55"/>
      <c r="L864" s="55"/>
      <c r="M864" s="55"/>
      <c r="N864" s="55"/>
      <c r="O864" s="55"/>
      <c r="P864" s="55"/>
      <c r="Q864" s="55"/>
      <c r="R864" s="55"/>
      <c r="S864" s="55"/>
      <c r="T864" s="55"/>
      <c r="U864" s="55"/>
      <c r="V864" s="55"/>
      <c r="W864" s="55"/>
      <c r="X864" s="55"/>
      <c r="Y864" s="55"/>
      <c r="Z864" s="55"/>
      <c r="AA864" s="55"/>
      <c r="AB864" s="55"/>
      <c r="AC864" s="55"/>
      <c r="AD864" s="55"/>
      <c r="AE864" s="55"/>
      <c r="AF864" s="55"/>
      <c r="AG864" s="55"/>
      <c r="AY864" s="162"/>
      <c r="AZ864" s="162"/>
      <c r="BA864" s="162"/>
      <c r="BB864" s="162"/>
      <c r="BC864" s="162"/>
      <c r="BD864" s="162"/>
      <c r="BE864" s="162"/>
      <c r="BF864" s="162"/>
      <c r="BG864" s="162"/>
      <c r="BH864" s="162"/>
      <c r="BI864" s="162"/>
      <c r="BJ864" s="162"/>
      <c r="BK864" s="162"/>
      <c r="BL864" s="162"/>
      <c r="BM864" s="162"/>
      <c r="BN864" s="162"/>
      <c r="BO864" s="162"/>
      <c r="BP864" s="162"/>
      <c r="BQ864" s="162"/>
      <c r="BR864" s="162"/>
      <c r="BS864" s="162"/>
      <c r="BT864" s="162"/>
      <c r="BU864" s="162"/>
      <c r="BV864" s="162"/>
      <c r="BW864" s="162"/>
      <c r="BX864" s="162"/>
      <c r="BY864" s="162"/>
      <c r="BZ864" s="162"/>
      <c r="CA864" s="162"/>
      <c r="CB864" s="162"/>
      <c r="CC864" s="162"/>
      <c r="CD864" s="162"/>
      <c r="CE864" s="162"/>
      <c r="CF864" s="162"/>
      <c r="CG864" s="162"/>
      <c r="CH864" s="162"/>
      <c r="CI864" s="162"/>
      <c r="CJ864" s="162"/>
      <c r="CK864" s="162"/>
      <c r="CX864" s="98"/>
      <c r="DL864" s="97"/>
      <c r="DX864" s="98"/>
      <c r="EL864" s="97"/>
      <c r="EX864" s="98"/>
      <c r="EY864" s="97"/>
      <c r="FL864" s="126"/>
      <c r="FM864" s="91"/>
      <c r="FN864" s="91"/>
      <c r="FO864" s="91"/>
      <c r="FP864" s="91"/>
      <c r="FQ864" s="91"/>
      <c r="FR864" s="91"/>
      <c r="FS864" s="91"/>
      <c r="FT864" s="91"/>
      <c r="FU864" s="91"/>
      <c r="FV864" s="91"/>
      <c r="FW864" s="91"/>
      <c r="FX864" s="91"/>
      <c r="FY864" s="91"/>
      <c r="FZ864" s="91"/>
      <c r="GA864" s="91"/>
      <c r="GB864" s="91"/>
      <c r="GC864" s="91"/>
      <c r="GD864" s="91"/>
      <c r="GE864" s="91"/>
      <c r="GF864" s="91"/>
      <c r="GG864" s="91"/>
      <c r="GH864" s="91"/>
      <c r="GI864" s="91"/>
      <c r="GJ864" s="91"/>
      <c r="GK864" s="127"/>
      <c r="GL864" s="126"/>
      <c r="GM864" s="91"/>
      <c r="GN864" s="91"/>
      <c r="GO864" s="91"/>
      <c r="GP864" s="91"/>
      <c r="GQ864" s="91"/>
      <c r="GR864" s="91"/>
      <c r="GS864" s="91"/>
      <c r="GT864" s="91"/>
      <c r="GU864" s="91"/>
      <c r="GV864" s="91"/>
      <c r="GW864" s="91"/>
      <c r="GX864" s="91"/>
      <c r="GY864" s="91"/>
      <c r="GZ864" s="91"/>
      <c r="HA864" s="91"/>
      <c r="HB864" s="91"/>
      <c r="HC864" s="91"/>
      <c r="HD864" s="91"/>
      <c r="HE864" s="91"/>
      <c r="HF864" s="91"/>
      <c r="HG864" s="91"/>
      <c r="HH864" s="91"/>
      <c r="HI864" s="91"/>
      <c r="HJ864" s="91"/>
      <c r="HK864" s="127"/>
      <c r="HL864" s="126"/>
      <c r="HM864" s="91"/>
      <c r="HN864" s="91"/>
      <c r="HO864" s="91"/>
      <c r="HP864" s="91"/>
      <c r="HQ864" s="91"/>
      <c r="HR864" s="91"/>
      <c r="HS864" s="91"/>
      <c r="HT864" s="91"/>
      <c r="HU864" s="91"/>
      <c r="HV864" s="91"/>
      <c r="HW864" s="91"/>
      <c r="HX864" s="91"/>
      <c r="HY864" s="91"/>
      <c r="HZ864" s="91"/>
      <c r="IA864" s="91"/>
      <c r="IB864" s="91"/>
      <c r="IC864" s="91"/>
      <c r="ID864" s="91"/>
      <c r="IE864" s="91"/>
      <c r="IF864" s="91"/>
      <c r="IG864" s="91"/>
      <c r="IH864" s="91"/>
      <c r="II864" s="91"/>
      <c r="IJ864" s="91"/>
      <c r="IK864" s="127"/>
    </row>
    <row r="865" spans="2:245" x14ac:dyDescent="0.2">
      <c r="B865" s="43"/>
      <c r="C865" s="73"/>
      <c r="D865" s="64"/>
      <c r="E865" s="64"/>
      <c r="F865" s="55"/>
      <c r="G865" s="102"/>
      <c r="H865" s="55"/>
      <c r="I865" s="55"/>
      <c r="J865" s="55"/>
      <c r="K865" s="55"/>
      <c r="L865" s="55"/>
      <c r="M865" s="55"/>
      <c r="N865" s="55"/>
      <c r="O865" s="55"/>
      <c r="P865" s="55"/>
      <c r="Q865" s="55"/>
      <c r="R865" s="55"/>
      <c r="S865" s="55"/>
      <c r="T865" s="55"/>
      <c r="U865" s="55"/>
      <c r="V865" s="55"/>
      <c r="W865" s="55"/>
      <c r="X865" s="55"/>
      <c r="Y865" s="55"/>
      <c r="Z865" s="55"/>
      <c r="AA865" s="55"/>
      <c r="AB865" s="55"/>
      <c r="AC865" s="55"/>
      <c r="AD865" s="55"/>
      <c r="AE865" s="55"/>
      <c r="AF865" s="55"/>
      <c r="AG865" s="55"/>
      <c r="AY865" s="162"/>
      <c r="AZ865" s="162"/>
      <c r="BA865" s="162"/>
      <c r="BB865" s="162"/>
      <c r="BC865" s="162"/>
      <c r="BD865" s="162"/>
      <c r="BE865" s="162"/>
      <c r="BF865" s="162"/>
      <c r="BG865" s="162"/>
      <c r="BH865" s="162"/>
      <c r="BI865" s="162"/>
      <c r="BJ865" s="162"/>
      <c r="BK865" s="162"/>
      <c r="BL865" s="162"/>
      <c r="BM865" s="162"/>
      <c r="BN865" s="162"/>
      <c r="BO865" s="162"/>
      <c r="BP865" s="162"/>
      <c r="BQ865" s="162"/>
      <c r="BR865" s="162"/>
      <c r="BS865" s="162"/>
      <c r="BT865" s="162"/>
      <c r="BU865" s="162"/>
      <c r="BV865" s="162"/>
      <c r="BW865" s="162"/>
      <c r="BX865" s="162"/>
      <c r="BY865" s="162"/>
      <c r="BZ865" s="162"/>
      <c r="CA865" s="162"/>
      <c r="CB865" s="162"/>
      <c r="CC865" s="162"/>
      <c r="CD865" s="162"/>
      <c r="CE865" s="162"/>
      <c r="CF865" s="162"/>
      <c r="CG865" s="162"/>
      <c r="CH865" s="162"/>
      <c r="CI865" s="162"/>
      <c r="CJ865" s="162"/>
      <c r="CK865" s="162"/>
      <c r="CX865" s="98"/>
      <c r="DL865" s="97"/>
      <c r="DX865" s="98"/>
      <c r="EL865" s="97"/>
      <c r="EX865" s="98"/>
      <c r="EY865" s="97"/>
      <c r="FL865" s="126"/>
      <c r="FM865" s="91"/>
      <c r="FN865" s="91"/>
      <c r="FO865" s="91"/>
      <c r="FP865" s="91"/>
      <c r="FQ865" s="91"/>
      <c r="FR865" s="91"/>
      <c r="FS865" s="91"/>
      <c r="FT865" s="91"/>
      <c r="FU865" s="91"/>
      <c r="FV865" s="91"/>
      <c r="FW865" s="91"/>
      <c r="FX865" s="91"/>
      <c r="FY865" s="91"/>
      <c r="FZ865" s="91"/>
      <c r="GA865" s="91"/>
      <c r="GB865" s="91"/>
      <c r="GC865" s="91"/>
      <c r="GD865" s="91"/>
      <c r="GE865" s="91"/>
      <c r="GF865" s="91"/>
      <c r="GG865" s="91"/>
      <c r="GH865" s="91"/>
      <c r="GI865" s="91"/>
      <c r="GJ865" s="91"/>
      <c r="GK865" s="127"/>
      <c r="GL865" s="126"/>
      <c r="GM865" s="91"/>
      <c r="GN865" s="91"/>
      <c r="GO865" s="91"/>
      <c r="GP865" s="91"/>
      <c r="GQ865" s="91"/>
      <c r="GR865" s="91"/>
      <c r="GS865" s="91"/>
      <c r="GT865" s="91"/>
      <c r="GU865" s="91"/>
      <c r="GV865" s="91"/>
      <c r="GW865" s="91"/>
      <c r="GX865" s="91"/>
      <c r="GY865" s="91"/>
      <c r="GZ865" s="91"/>
      <c r="HA865" s="91"/>
      <c r="HB865" s="91"/>
      <c r="HC865" s="91"/>
      <c r="HD865" s="91"/>
      <c r="HE865" s="91"/>
      <c r="HF865" s="91"/>
      <c r="HG865" s="91"/>
      <c r="HH865" s="91"/>
      <c r="HI865" s="91"/>
      <c r="HJ865" s="91"/>
      <c r="HK865" s="127"/>
      <c r="HL865" s="126"/>
      <c r="HM865" s="91"/>
      <c r="HN865" s="91"/>
      <c r="HO865" s="91"/>
      <c r="HP865" s="91"/>
      <c r="HQ865" s="91"/>
      <c r="HR865" s="91"/>
      <c r="HS865" s="91"/>
      <c r="HT865" s="91"/>
      <c r="HU865" s="91"/>
      <c r="HV865" s="91"/>
      <c r="HW865" s="91"/>
      <c r="HX865" s="91"/>
      <c r="HY865" s="91"/>
      <c r="HZ865" s="91"/>
      <c r="IA865" s="91"/>
      <c r="IB865" s="91"/>
      <c r="IC865" s="91"/>
      <c r="ID865" s="91"/>
      <c r="IE865" s="91"/>
      <c r="IF865" s="91"/>
      <c r="IG865" s="91"/>
      <c r="IH865" s="91"/>
      <c r="II865" s="91"/>
      <c r="IJ865" s="91"/>
      <c r="IK865" s="127"/>
    </row>
    <row r="866" spans="2:245" x14ac:dyDescent="0.2">
      <c r="B866" s="43"/>
      <c r="C866" s="73"/>
      <c r="D866" s="64"/>
      <c r="E866" s="64"/>
      <c r="F866" s="55"/>
      <c r="G866" s="102"/>
      <c r="H866" s="55"/>
      <c r="I866" s="55"/>
      <c r="J866" s="55"/>
      <c r="K866" s="55"/>
      <c r="L866" s="55"/>
      <c r="M866" s="55"/>
      <c r="N866" s="55"/>
      <c r="O866" s="55"/>
      <c r="P866" s="55"/>
      <c r="Q866" s="55"/>
      <c r="R866" s="55"/>
      <c r="S866" s="55"/>
      <c r="T866" s="55"/>
      <c r="U866" s="55"/>
      <c r="V866" s="55"/>
      <c r="W866" s="55"/>
      <c r="X866" s="55"/>
      <c r="Y866" s="55"/>
      <c r="Z866" s="55"/>
      <c r="AA866" s="55"/>
      <c r="AB866" s="55"/>
      <c r="AC866" s="55"/>
      <c r="AD866" s="55"/>
      <c r="AE866" s="55"/>
      <c r="AF866" s="55"/>
      <c r="AG866" s="55"/>
      <c r="AY866" s="162"/>
      <c r="AZ866" s="162"/>
      <c r="BA866" s="162"/>
      <c r="BB866" s="162"/>
      <c r="BC866" s="162"/>
      <c r="BD866" s="162"/>
      <c r="BE866" s="162"/>
      <c r="BF866" s="162"/>
      <c r="BG866" s="162"/>
      <c r="BH866" s="162"/>
      <c r="BI866" s="162"/>
      <c r="BJ866" s="162"/>
      <c r="BK866" s="162"/>
      <c r="BL866" s="162"/>
      <c r="BM866" s="162"/>
      <c r="BN866" s="162"/>
      <c r="BO866" s="162"/>
      <c r="BP866" s="162"/>
      <c r="BQ866" s="162"/>
      <c r="BR866" s="162"/>
      <c r="BS866" s="162"/>
      <c r="BT866" s="162"/>
      <c r="BU866" s="162"/>
      <c r="BV866" s="162"/>
      <c r="BW866" s="162"/>
      <c r="BX866" s="162"/>
      <c r="BY866" s="162"/>
      <c r="BZ866" s="162"/>
      <c r="CA866" s="162"/>
      <c r="CB866" s="162"/>
      <c r="CC866" s="162"/>
      <c r="CD866" s="162"/>
      <c r="CE866" s="162"/>
      <c r="CF866" s="162"/>
      <c r="CG866" s="162"/>
      <c r="CH866" s="162"/>
      <c r="CI866" s="162"/>
      <c r="CJ866" s="162"/>
      <c r="CK866" s="162"/>
      <c r="CX866" s="98"/>
      <c r="DL866" s="97"/>
      <c r="DX866" s="98"/>
      <c r="EL866" s="97"/>
      <c r="EX866" s="98"/>
      <c r="EY866" s="97"/>
      <c r="FL866" s="126"/>
      <c r="FM866" s="91"/>
      <c r="FN866" s="91"/>
      <c r="FO866" s="91"/>
      <c r="FP866" s="91"/>
      <c r="FQ866" s="91"/>
      <c r="FR866" s="91"/>
      <c r="FS866" s="91"/>
      <c r="FT866" s="91"/>
      <c r="FU866" s="91"/>
      <c r="FV866" s="91"/>
      <c r="FW866" s="91"/>
      <c r="FX866" s="91"/>
      <c r="FY866" s="91"/>
      <c r="FZ866" s="91"/>
      <c r="GA866" s="91"/>
      <c r="GB866" s="91"/>
      <c r="GC866" s="91"/>
      <c r="GD866" s="91"/>
      <c r="GE866" s="91"/>
      <c r="GF866" s="91"/>
      <c r="GG866" s="91"/>
      <c r="GH866" s="91"/>
      <c r="GI866" s="91"/>
      <c r="GJ866" s="91"/>
      <c r="GK866" s="127"/>
      <c r="GL866" s="126"/>
      <c r="GM866" s="91"/>
      <c r="GN866" s="91"/>
      <c r="GO866" s="91"/>
      <c r="GP866" s="91"/>
      <c r="GQ866" s="91"/>
      <c r="GR866" s="91"/>
      <c r="GS866" s="91"/>
      <c r="GT866" s="91"/>
      <c r="GU866" s="91"/>
      <c r="GV866" s="91"/>
      <c r="GW866" s="91"/>
      <c r="GX866" s="91"/>
      <c r="GY866" s="91"/>
      <c r="GZ866" s="91"/>
      <c r="HA866" s="91"/>
      <c r="HB866" s="91"/>
      <c r="HC866" s="91"/>
      <c r="HD866" s="91"/>
      <c r="HE866" s="91"/>
      <c r="HF866" s="91"/>
      <c r="HG866" s="91"/>
      <c r="HH866" s="91"/>
      <c r="HI866" s="91"/>
      <c r="HJ866" s="91"/>
      <c r="HK866" s="127"/>
      <c r="HL866" s="126"/>
      <c r="HM866" s="91"/>
      <c r="HN866" s="91"/>
      <c r="HO866" s="91"/>
      <c r="HP866" s="91"/>
      <c r="HQ866" s="91"/>
      <c r="HR866" s="91"/>
      <c r="HS866" s="91"/>
      <c r="HT866" s="91"/>
      <c r="HU866" s="91"/>
      <c r="HV866" s="91"/>
      <c r="HW866" s="91"/>
      <c r="HX866" s="91"/>
      <c r="HY866" s="91"/>
      <c r="HZ866" s="91"/>
      <c r="IA866" s="91"/>
      <c r="IB866" s="91"/>
      <c r="IC866" s="91"/>
      <c r="ID866" s="91"/>
      <c r="IE866" s="91"/>
      <c r="IF866" s="91"/>
      <c r="IG866" s="91"/>
      <c r="IH866" s="91"/>
      <c r="II866" s="91"/>
      <c r="IJ866" s="91"/>
      <c r="IK866" s="127"/>
    </row>
    <row r="867" spans="2:245" x14ac:dyDescent="0.2">
      <c r="B867" s="43"/>
      <c r="C867" s="73"/>
      <c r="D867" s="64"/>
      <c r="E867" s="64"/>
      <c r="F867" s="55"/>
      <c r="G867" s="102"/>
      <c r="H867" s="55"/>
      <c r="I867" s="55"/>
      <c r="J867" s="55"/>
      <c r="K867" s="55"/>
      <c r="L867" s="55"/>
      <c r="M867" s="55"/>
      <c r="N867" s="55"/>
      <c r="O867" s="55"/>
      <c r="P867" s="55"/>
      <c r="Q867" s="55"/>
      <c r="R867" s="55"/>
      <c r="S867" s="55"/>
      <c r="T867" s="55"/>
      <c r="U867" s="55"/>
      <c r="V867" s="55"/>
      <c r="W867" s="55"/>
      <c r="X867" s="55"/>
      <c r="Y867" s="55"/>
      <c r="Z867" s="55"/>
      <c r="AA867" s="55"/>
      <c r="AB867" s="55"/>
      <c r="AC867" s="55"/>
      <c r="AD867" s="55"/>
      <c r="AE867" s="55"/>
      <c r="AF867" s="55"/>
      <c r="AG867" s="55"/>
      <c r="AY867" s="162"/>
      <c r="AZ867" s="162"/>
      <c r="BA867" s="162"/>
      <c r="BB867" s="162"/>
      <c r="BC867" s="162"/>
      <c r="BD867" s="162"/>
      <c r="BE867" s="162"/>
      <c r="BF867" s="162"/>
      <c r="BG867" s="162"/>
      <c r="BH867" s="162"/>
      <c r="BI867" s="162"/>
      <c r="BJ867" s="162"/>
      <c r="BK867" s="162"/>
      <c r="BL867" s="162"/>
      <c r="BM867" s="162"/>
      <c r="BN867" s="162"/>
      <c r="BO867" s="162"/>
      <c r="BP867" s="162"/>
      <c r="BQ867" s="162"/>
      <c r="BR867" s="162"/>
      <c r="BS867" s="162"/>
      <c r="BT867" s="162"/>
      <c r="BU867" s="162"/>
      <c r="BV867" s="162"/>
      <c r="BW867" s="162"/>
      <c r="BX867" s="162"/>
      <c r="BY867" s="162"/>
      <c r="BZ867" s="162"/>
      <c r="CA867" s="162"/>
      <c r="CB867" s="162"/>
      <c r="CC867" s="162"/>
      <c r="CD867" s="162"/>
      <c r="CE867" s="162"/>
      <c r="CF867" s="162"/>
      <c r="CG867" s="162"/>
      <c r="CH867" s="162"/>
      <c r="CI867" s="162"/>
      <c r="CJ867" s="162"/>
      <c r="CK867" s="162"/>
      <c r="CX867" s="98"/>
      <c r="DL867" s="97"/>
      <c r="DX867" s="98"/>
      <c r="EL867" s="97"/>
      <c r="EX867" s="98"/>
      <c r="EY867" s="97"/>
      <c r="FL867" s="126"/>
      <c r="FM867" s="91"/>
      <c r="FN867" s="91"/>
      <c r="FO867" s="91"/>
      <c r="FP867" s="91"/>
      <c r="FQ867" s="91"/>
      <c r="FR867" s="91"/>
      <c r="FS867" s="91"/>
      <c r="FT867" s="91"/>
      <c r="FU867" s="91"/>
      <c r="FV867" s="91"/>
      <c r="FW867" s="91"/>
      <c r="FX867" s="91"/>
      <c r="FY867" s="91"/>
      <c r="FZ867" s="91"/>
      <c r="GA867" s="91"/>
      <c r="GB867" s="91"/>
      <c r="GC867" s="91"/>
      <c r="GD867" s="91"/>
      <c r="GE867" s="91"/>
      <c r="GF867" s="91"/>
      <c r="GG867" s="91"/>
      <c r="GH867" s="91"/>
      <c r="GI867" s="91"/>
      <c r="GJ867" s="91"/>
      <c r="GK867" s="127"/>
      <c r="GL867" s="126"/>
      <c r="GM867" s="91"/>
      <c r="GN867" s="91"/>
      <c r="GO867" s="91"/>
      <c r="GP867" s="91"/>
      <c r="GQ867" s="91"/>
      <c r="GR867" s="91"/>
      <c r="GS867" s="91"/>
      <c r="GT867" s="91"/>
      <c r="GU867" s="91"/>
      <c r="GV867" s="91"/>
      <c r="GW867" s="91"/>
      <c r="GX867" s="91"/>
      <c r="GY867" s="91"/>
      <c r="GZ867" s="91"/>
      <c r="HA867" s="91"/>
      <c r="HB867" s="91"/>
      <c r="HC867" s="91"/>
      <c r="HD867" s="91"/>
      <c r="HE867" s="91"/>
      <c r="HF867" s="91"/>
      <c r="HG867" s="91"/>
      <c r="HH867" s="91"/>
      <c r="HI867" s="91"/>
      <c r="HJ867" s="91"/>
      <c r="HK867" s="127"/>
      <c r="HL867" s="126"/>
      <c r="HM867" s="91"/>
      <c r="HN867" s="91"/>
      <c r="HO867" s="91"/>
      <c r="HP867" s="91"/>
      <c r="HQ867" s="91"/>
      <c r="HR867" s="91"/>
      <c r="HS867" s="91"/>
      <c r="HT867" s="91"/>
      <c r="HU867" s="91"/>
      <c r="HV867" s="91"/>
      <c r="HW867" s="91"/>
      <c r="HX867" s="91"/>
      <c r="HY867" s="91"/>
      <c r="HZ867" s="91"/>
      <c r="IA867" s="91"/>
      <c r="IB867" s="91"/>
      <c r="IC867" s="91"/>
      <c r="ID867" s="91"/>
      <c r="IE867" s="91"/>
      <c r="IF867" s="91"/>
      <c r="IG867" s="91"/>
      <c r="IH867" s="91"/>
      <c r="II867" s="91"/>
      <c r="IJ867" s="91"/>
      <c r="IK867" s="127"/>
    </row>
    <row r="868" spans="2:245" x14ac:dyDescent="0.2">
      <c r="B868" s="43"/>
      <c r="C868" s="73"/>
      <c r="D868" s="64"/>
      <c r="E868" s="64"/>
      <c r="F868" s="55"/>
      <c r="G868" s="102"/>
      <c r="H868" s="55"/>
      <c r="I868" s="55"/>
      <c r="J868" s="55"/>
      <c r="K868" s="55"/>
      <c r="L868" s="55"/>
      <c r="M868" s="55"/>
      <c r="N868" s="55"/>
      <c r="O868" s="55"/>
      <c r="P868" s="55"/>
      <c r="Q868" s="55"/>
      <c r="R868" s="55"/>
      <c r="S868" s="55"/>
      <c r="T868" s="55"/>
      <c r="U868" s="55"/>
      <c r="V868" s="55"/>
      <c r="W868" s="55"/>
      <c r="X868" s="55"/>
      <c r="Y868" s="55"/>
      <c r="Z868" s="55"/>
      <c r="AA868" s="55"/>
      <c r="AB868" s="55"/>
      <c r="AC868" s="55"/>
      <c r="AD868" s="55"/>
      <c r="AE868" s="55"/>
      <c r="AF868" s="55"/>
      <c r="AG868" s="55"/>
      <c r="AY868" s="162"/>
      <c r="AZ868" s="162"/>
      <c r="BA868" s="162"/>
      <c r="BB868" s="162"/>
      <c r="BC868" s="162"/>
      <c r="BD868" s="162"/>
      <c r="BE868" s="162"/>
      <c r="BF868" s="162"/>
      <c r="BG868" s="162"/>
      <c r="BH868" s="162"/>
      <c r="BI868" s="162"/>
      <c r="BJ868" s="162"/>
      <c r="BK868" s="162"/>
      <c r="BL868" s="162"/>
      <c r="BM868" s="162"/>
      <c r="BN868" s="162"/>
      <c r="BO868" s="162"/>
      <c r="BP868" s="162"/>
      <c r="BQ868" s="162"/>
      <c r="BR868" s="162"/>
      <c r="BS868" s="162"/>
      <c r="BT868" s="162"/>
      <c r="BU868" s="162"/>
      <c r="BV868" s="162"/>
      <c r="BW868" s="162"/>
      <c r="BX868" s="162"/>
      <c r="BY868" s="162"/>
      <c r="BZ868" s="162"/>
      <c r="CA868" s="162"/>
      <c r="CB868" s="162"/>
      <c r="CC868" s="162"/>
      <c r="CD868" s="162"/>
      <c r="CE868" s="162"/>
      <c r="CF868" s="162"/>
      <c r="CG868" s="162"/>
      <c r="CH868" s="162"/>
      <c r="CI868" s="162"/>
      <c r="CJ868" s="162"/>
      <c r="CK868" s="162"/>
      <c r="CX868" s="98"/>
      <c r="DL868" s="97"/>
      <c r="DX868" s="98"/>
      <c r="EL868" s="97"/>
      <c r="EX868" s="98"/>
      <c r="EY868" s="97"/>
      <c r="FL868" s="126"/>
      <c r="FM868" s="91"/>
      <c r="FN868" s="91"/>
      <c r="FO868" s="91"/>
      <c r="FP868" s="91"/>
      <c r="FQ868" s="91"/>
      <c r="FR868" s="91"/>
      <c r="FS868" s="91"/>
      <c r="FT868" s="91"/>
      <c r="FU868" s="91"/>
      <c r="FV868" s="91"/>
      <c r="FW868" s="91"/>
      <c r="FX868" s="91"/>
      <c r="FY868" s="91"/>
      <c r="FZ868" s="91"/>
      <c r="GA868" s="91"/>
      <c r="GB868" s="91"/>
      <c r="GC868" s="91"/>
      <c r="GD868" s="91"/>
      <c r="GE868" s="91"/>
      <c r="GF868" s="91"/>
      <c r="GG868" s="91"/>
      <c r="GH868" s="91"/>
      <c r="GI868" s="91"/>
      <c r="GJ868" s="91"/>
      <c r="GK868" s="127"/>
      <c r="GL868" s="126"/>
      <c r="GM868" s="91"/>
      <c r="GN868" s="91"/>
      <c r="GO868" s="91"/>
      <c r="GP868" s="91"/>
      <c r="GQ868" s="91"/>
      <c r="GR868" s="91"/>
      <c r="GS868" s="91"/>
      <c r="GT868" s="91"/>
      <c r="GU868" s="91"/>
      <c r="GV868" s="91"/>
      <c r="GW868" s="91"/>
      <c r="GX868" s="91"/>
      <c r="GY868" s="91"/>
      <c r="GZ868" s="91"/>
      <c r="HA868" s="91"/>
      <c r="HB868" s="91"/>
      <c r="HC868" s="91"/>
      <c r="HD868" s="91"/>
      <c r="HE868" s="91"/>
      <c r="HF868" s="91"/>
      <c r="HG868" s="91"/>
      <c r="HH868" s="91"/>
      <c r="HI868" s="91"/>
      <c r="HJ868" s="91"/>
      <c r="HK868" s="127"/>
      <c r="HL868" s="126"/>
      <c r="HM868" s="91"/>
      <c r="HN868" s="91"/>
      <c r="HO868" s="91"/>
      <c r="HP868" s="91"/>
      <c r="HQ868" s="91"/>
      <c r="HR868" s="91"/>
      <c r="HS868" s="91"/>
      <c r="HT868" s="91"/>
      <c r="HU868" s="91"/>
      <c r="HV868" s="91"/>
      <c r="HW868" s="91"/>
      <c r="HX868" s="91"/>
      <c r="HY868" s="91"/>
      <c r="HZ868" s="91"/>
      <c r="IA868" s="91"/>
      <c r="IB868" s="91"/>
      <c r="IC868" s="91"/>
      <c r="ID868" s="91"/>
      <c r="IE868" s="91"/>
      <c r="IF868" s="91"/>
      <c r="IG868" s="91"/>
      <c r="IH868" s="91"/>
      <c r="II868" s="91"/>
      <c r="IJ868" s="91"/>
      <c r="IK868" s="127"/>
    </row>
    <row r="869" spans="2:245" x14ac:dyDescent="0.2">
      <c r="B869" s="43"/>
      <c r="C869" s="73"/>
      <c r="D869" s="64"/>
      <c r="E869" s="64"/>
      <c r="F869" s="55"/>
      <c r="G869" s="102"/>
      <c r="H869" s="55"/>
      <c r="I869" s="55"/>
      <c r="J869" s="55"/>
      <c r="K869" s="55"/>
      <c r="L869" s="55"/>
      <c r="M869" s="55"/>
      <c r="N869" s="55"/>
      <c r="O869" s="55"/>
      <c r="P869" s="55"/>
      <c r="Q869" s="55"/>
      <c r="R869" s="55"/>
      <c r="S869" s="55"/>
      <c r="T869" s="55"/>
      <c r="U869" s="55"/>
      <c r="V869" s="55"/>
      <c r="W869" s="55"/>
      <c r="X869" s="55"/>
      <c r="Y869" s="55"/>
      <c r="Z869" s="55"/>
      <c r="AA869" s="55"/>
      <c r="AB869" s="55"/>
      <c r="AC869" s="55"/>
      <c r="AD869" s="55"/>
      <c r="AE869" s="55"/>
      <c r="AF869" s="55"/>
      <c r="AG869" s="55"/>
      <c r="AY869" s="162"/>
      <c r="AZ869" s="162"/>
      <c r="BA869" s="162"/>
      <c r="BB869" s="162"/>
      <c r="BC869" s="162"/>
      <c r="BD869" s="162"/>
      <c r="BE869" s="162"/>
      <c r="BF869" s="162"/>
      <c r="BG869" s="162"/>
      <c r="BH869" s="162"/>
      <c r="BI869" s="162"/>
      <c r="BJ869" s="162"/>
      <c r="BK869" s="162"/>
      <c r="BL869" s="162"/>
      <c r="BM869" s="162"/>
      <c r="BN869" s="162"/>
      <c r="BO869" s="162"/>
      <c r="BP869" s="162"/>
      <c r="BQ869" s="162"/>
      <c r="BR869" s="162"/>
      <c r="BS869" s="162"/>
      <c r="BT869" s="162"/>
      <c r="BU869" s="162"/>
      <c r="BV869" s="162"/>
      <c r="BW869" s="162"/>
      <c r="BX869" s="162"/>
      <c r="BY869" s="162"/>
      <c r="BZ869" s="162"/>
      <c r="CA869" s="162"/>
      <c r="CB869" s="162"/>
      <c r="CC869" s="162"/>
      <c r="CD869" s="162"/>
      <c r="CE869" s="162"/>
      <c r="CF869" s="162"/>
      <c r="CG869" s="162"/>
      <c r="CH869" s="162"/>
      <c r="CI869" s="162"/>
      <c r="CJ869" s="162"/>
      <c r="CK869" s="162"/>
      <c r="CX869" s="98"/>
      <c r="DL869" s="97"/>
      <c r="DX869" s="98"/>
      <c r="EL869" s="97"/>
      <c r="EX869" s="98"/>
      <c r="EY869" s="97"/>
      <c r="FL869" s="126"/>
      <c r="FM869" s="91"/>
      <c r="FN869" s="91"/>
      <c r="FO869" s="91"/>
      <c r="FP869" s="91"/>
      <c r="FQ869" s="91"/>
      <c r="FR869" s="91"/>
      <c r="FS869" s="91"/>
      <c r="FT869" s="91"/>
      <c r="FU869" s="91"/>
      <c r="FV869" s="91"/>
      <c r="FW869" s="91"/>
      <c r="FX869" s="91"/>
      <c r="FY869" s="91"/>
      <c r="FZ869" s="91"/>
      <c r="GA869" s="91"/>
      <c r="GB869" s="91"/>
      <c r="GC869" s="91"/>
      <c r="GD869" s="91"/>
      <c r="GE869" s="91"/>
      <c r="GF869" s="91"/>
      <c r="GG869" s="91"/>
      <c r="GH869" s="91"/>
      <c r="GI869" s="91"/>
      <c r="GJ869" s="91"/>
      <c r="GK869" s="127"/>
      <c r="GL869" s="126"/>
      <c r="GM869" s="91"/>
      <c r="GN869" s="91"/>
      <c r="GO869" s="91"/>
      <c r="GP869" s="91"/>
      <c r="GQ869" s="91"/>
      <c r="GR869" s="91"/>
      <c r="GS869" s="91"/>
      <c r="GT869" s="91"/>
      <c r="GU869" s="91"/>
      <c r="GV869" s="91"/>
      <c r="GW869" s="91"/>
      <c r="GX869" s="91"/>
      <c r="GY869" s="91"/>
      <c r="GZ869" s="91"/>
      <c r="HA869" s="91"/>
      <c r="HB869" s="91"/>
      <c r="HC869" s="91"/>
      <c r="HD869" s="91"/>
      <c r="HE869" s="91"/>
      <c r="HF869" s="91"/>
      <c r="HG869" s="91"/>
      <c r="HH869" s="91"/>
      <c r="HI869" s="91"/>
      <c r="HJ869" s="91"/>
      <c r="HK869" s="127"/>
      <c r="HL869" s="126"/>
      <c r="HM869" s="91"/>
      <c r="HN869" s="91"/>
      <c r="HO869" s="91"/>
      <c r="HP869" s="91"/>
      <c r="HQ869" s="91"/>
      <c r="HR869" s="91"/>
      <c r="HS869" s="91"/>
      <c r="HT869" s="91"/>
      <c r="HU869" s="91"/>
      <c r="HV869" s="91"/>
      <c r="HW869" s="91"/>
      <c r="HX869" s="91"/>
      <c r="HY869" s="91"/>
      <c r="HZ869" s="91"/>
      <c r="IA869" s="91"/>
      <c r="IB869" s="91"/>
      <c r="IC869" s="91"/>
      <c r="ID869" s="91"/>
      <c r="IE869" s="91"/>
      <c r="IF869" s="91"/>
      <c r="IG869" s="91"/>
      <c r="IH869" s="91"/>
      <c r="II869" s="91"/>
      <c r="IJ869" s="91"/>
      <c r="IK869" s="127"/>
    </row>
    <row r="870" spans="2:245" x14ac:dyDescent="0.2">
      <c r="B870" s="43"/>
      <c r="C870" s="73"/>
      <c r="D870" s="64"/>
      <c r="E870" s="64"/>
      <c r="F870" s="55"/>
      <c r="G870" s="102"/>
      <c r="H870" s="55"/>
      <c r="I870" s="55"/>
      <c r="J870" s="55"/>
      <c r="K870" s="55"/>
      <c r="L870" s="55"/>
      <c r="M870" s="55"/>
      <c r="N870" s="55"/>
      <c r="O870" s="55"/>
      <c r="P870" s="55"/>
      <c r="Q870" s="55"/>
      <c r="R870" s="55"/>
      <c r="S870" s="55"/>
      <c r="T870" s="55"/>
      <c r="U870" s="55"/>
      <c r="V870" s="55"/>
      <c r="W870" s="55"/>
      <c r="X870" s="55"/>
      <c r="Y870" s="55"/>
      <c r="Z870" s="55"/>
      <c r="AA870" s="55"/>
      <c r="AB870" s="55"/>
      <c r="AC870" s="55"/>
      <c r="AD870" s="55"/>
      <c r="AE870" s="55"/>
      <c r="AF870" s="55"/>
      <c r="AG870" s="55"/>
      <c r="AY870" s="162"/>
      <c r="AZ870" s="162"/>
      <c r="BA870" s="162"/>
      <c r="BB870" s="162"/>
      <c r="BC870" s="162"/>
      <c r="BD870" s="162"/>
      <c r="BE870" s="162"/>
      <c r="BF870" s="162"/>
      <c r="BG870" s="162"/>
      <c r="BH870" s="162"/>
      <c r="BI870" s="162"/>
      <c r="BJ870" s="162"/>
      <c r="BK870" s="162"/>
      <c r="BL870" s="162"/>
      <c r="BM870" s="162"/>
      <c r="BN870" s="162"/>
      <c r="BO870" s="162"/>
      <c r="BP870" s="162"/>
      <c r="BQ870" s="162"/>
      <c r="BR870" s="162"/>
      <c r="BS870" s="162"/>
      <c r="BT870" s="162"/>
      <c r="BU870" s="162"/>
      <c r="BV870" s="162"/>
      <c r="BW870" s="162"/>
      <c r="BX870" s="162"/>
      <c r="BY870" s="162"/>
      <c r="BZ870" s="162"/>
      <c r="CA870" s="162"/>
      <c r="CB870" s="162"/>
      <c r="CC870" s="162"/>
      <c r="CD870" s="162"/>
      <c r="CE870" s="162"/>
      <c r="CF870" s="162"/>
      <c r="CG870" s="162"/>
      <c r="CH870" s="162"/>
      <c r="CI870" s="162"/>
      <c r="CJ870" s="162"/>
      <c r="CK870" s="162"/>
      <c r="CX870" s="98"/>
      <c r="DL870" s="97"/>
      <c r="DX870" s="98"/>
      <c r="EL870" s="97"/>
      <c r="EX870" s="98"/>
      <c r="EY870" s="97"/>
      <c r="FL870" s="126"/>
      <c r="FM870" s="91"/>
      <c r="FN870" s="91"/>
      <c r="FO870" s="91"/>
      <c r="FP870" s="91"/>
      <c r="FQ870" s="91"/>
      <c r="FR870" s="91"/>
      <c r="FS870" s="91"/>
      <c r="FT870" s="91"/>
      <c r="FU870" s="91"/>
      <c r="FV870" s="91"/>
      <c r="FW870" s="91"/>
      <c r="FX870" s="91"/>
      <c r="FY870" s="91"/>
      <c r="FZ870" s="91"/>
      <c r="GA870" s="91"/>
      <c r="GB870" s="91"/>
      <c r="GC870" s="91"/>
      <c r="GD870" s="91"/>
      <c r="GE870" s="91"/>
      <c r="GF870" s="91"/>
      <c r="GG870" s="91"/>
      <c r="GH870" s="91"/>
      <c r="GI870" s="91"/>
      <c r="GJ870" s="91"/>
      <c r="GK870" s="127"/>
      <c r="GL870" s="126"/>
      <c r="GM870" s="91"/>
      <c r="GN870" s="91"/>
      <c r="GO870" s="91"/>
      <c r="GP870" s="91"/>
      <c r="GQ870" s="91"/>
      <c r="GR870" s="91"/>
      <c r="GS870" s="91"/>
      <c r="GT870" s="91"/>
      <c r="GU870" s="91"/>
      <c r="GV870" s="91"/>
      <c r="GW870" s="91"/>
      <c r="GX870" s="91"/>
      <c r="GY870" s="91"/>
      <c r="GZ870" s="91"/>
      <c r="HA870" s="91"/>
      <c r="HB870" s="91"/>
      <c r="HC870" s="91"/>
      <c r="HD870" s="91"/>
      <c r="HE870" s="91"/>
      <c r="HF870" s="91"/>
      <c r="HG870" s="91"/>
      <c r="HH870" s="91"/>
      <c r="HI870" s="91"/>
      <c r="HJ870" s="91"/>
      <c r="HK870" s="127"/>
      <c r="HL870" s="126"/>
      <c r="HM870" s="91"/>
      <c r="HN870" s="91"/>
      <c r="HO870" s="91"/>
      <c r="HP870" s="91"/>
      <c r="HQ870" s="91"/>
      <c r="HR870" s="91"/>
      <c r="HS870" s="91"/>
      <c r="HT870" s="91"/>
      <c r="HU870" s="91"/>
      <c r="HV870" s="91"/>
      <c r="HW870" s="91"/>
      <c r="HX870" s="91"/>
      <c r="HY870" s="91"/>
      <c r="HZ870" s="91"/>
      <c r="IA870" s="91"/>
      <c r="IB870" s="91"/>
      <c r="IC870" s="91"/>
      <c r="ID870" s="91"/>
      <c r="IE870" s="91"/>
      <c r="IF870" s="91"/>
      <c r="IG870" s="91"/>
      <c r="IH870" s="91"/>
      <c r="II870" s="91"/>
      <c r="IJ870" s="91"/>
      <c r="IK870" s="127"/>
    </row>
    <row r="871" spans="2:245" x14ac:dyDescent="0.2">
      <c r="B871" s="43"/>
      <c r="C871" s="73"/>
      <c r="D871" s="64"/>
      <c r="E871" s="64"/>
      <c r="F871" s="55"/>
      <c r="G871" s="102"/>
      <c r="H871" s="55"/>
      <c r="I871" s="55"/>
      <c r="J871" s="55"/>
      <c r="K871" s="55"/>
      <c r="L871" s="55"/>
      <c r="M871" s="55"/>
      <c r="N871" s="55"/>
      <c r="O871" s="55"/>
      <c r="P871" s="55"/>
      <c r="Q871" s="55"/>
      <c r="R871" s="55"/>
      <c r="S871" s="55"/>
      <c r="T871" s="55"/>
      <c r="U871" s="55"/>
      <c r="V871" s="55"/>
      <c r="W871" s="55"/>
      <c r="X871" s="55"/>
      <c r="Y871" s="55"/>
      <c r="Z871" s="55"/>
      <c r="AA871" s="55"/>
      <c r="AB871" s="55"/>
      <c r="AC871" s="55"/>
      <c r="AD871" s="55"/>
      <c r="AE871" s="55"/>
      <c r="AF871" s="55"/>
      <c r="AG871" s="55"/>
      <c r="AY871" s="162"/>
      <c r="AZ871" s="162"/>
      <c r="BA871" s="162"/>
      <c r="BB871" s="162"/>
      <c r="BC871" s="162"/>
      <c r="BD871" s="162"/>
      <c r="BE871" s="162"/>
      <c r="BF871" s="162"/>
      <c r="BG871" s="162"/>
      <c r="BH871" s="162"/>
      <c r="BI871" s="162"/>
      <c r="BJ871" s="162"/>
      <c r="BK871" s="162"/>
      <c r="BL871" s="162"/>
      <c r="BM871" s="162"/>
      <c r="BN871" s="162"/>
      <c r="BO871" s="162"/>
      <c r="BP871" s="162"/>
      <c r="BQ871" s="162"/>
      <c r="BR871" s="162"/>
      <c r="BS871" s="162"/>
      <c r="BT871" s="162"/>
      <c r="BU871" s="162"/>
      <c r="BV871" s="162"/>
      <c r="BW871" s="162"/>
      <c r="BX871" s="162"/>
      <c r="BY871" s="162"/>
      <c r="BZ871" s="162"/>
      <c r="CA871" s="162"/>
      <c r="CB871" s="162"/>
      <c r="CC871" s="162"/>
      <c r="CD871" s="162"/>
      <c r="CE871" s="162"/>
      <c r="CF871" s="162"/>
      <c r="CG871" s="162"/>
      <c r="CH871" s="162"/>
      <c r="CI871" s="162"/>
      <c r="CJ871" s="162"/>
      <c r="CK871" s="162"/>
      <c r="CX871" s="98"/>
      <c r="DL871" s="97"/>
      <c r="DX871" s="98"/>
      <c r="EL871" s="97"/>
      <c r="EX871" s="98"/>
      <c r="EY871" s="97"/>
      <c r="FL871" s="126"/>
      <c r="FM871" s="91"/>
      <c r="FN871" s="91"/>
      <c r="FO871" s="91"/>
      <c r="FP871" s="91"/>
      <c r="FQ871" s="91"/>
      <c r="FR871" s="91"/>
      <c r="FS871" s="91"/>
      <c r="FT871" s="91"/>
      <c r="FU871" s="91"/>
      <c r="FV871" s="91"/>
      <c r="FW871" s="91"/>
      <c r="FX871" s="91"/>
      <c r="FY871" s="91"/>
      <c r="FZ871" s="91"/>
      <c r="GA871" s="91"/>
      <c r="GB871" s="91"/>
      <c r="GC871" s="91"/>
      <c r="GD871" s="91"/>
      <c r="GE871" s="91"/>
      <c r="GF871" s="91"/>
      <c r="GG871" s="91"/>
      <c r="GH871" s="91"/>
      <c r="GI871" s="91"/>
      <c r="GJ871" s="91"/>
      <c r="GK871" s="127"/>
      <c r="GL871" s="126"/>
      <c r="GM871" s="91"/>
      <c r="GN871" s="91"/>
      <c r="GO871" s="91"/>
      <c r="GP871" s="91"/>
      <c r="GQ871" s="91"/>
      <c r="GR871" s="91"/>
      <c r="GS871" s="91"/>
      <c r="GT871" s="91"/>
      <c r="GU871" s="91"/>
      <c r="GV871" s="91"/>
      <c r="GW871" s="91"/>
      <c r="GX871" s="91"/>
      <c r="GY871" s="91"/>
      <c r="GZ871" s="91"/>
      <c r="HA871" s="91"/>
      <c r="HB871" s="91"/>
      <c r="HC871" s="91"/>
      <c r="HD871" s="91"/>
      <c r="HE871" s="91"/>
      <c r="HF871" s="91"/>
      <c r="HG871" s="91"/>
      <c r="HH871" s="91"/>
      <c r="HI871" s="91"/>
      <c r="HJ871" s="91"/>
      <c r="HK871" s="127"/>
      <c r="HL871" s="126"/>
      <c r="HM871" s="91"/>
      <c r="HN871" s="91"/>
      <c r="HO871" s="91"/>
      <c r="HP871" s="91"/>
      <c r="HQ871" s="91"/>
      <c r="HR871" s="91"/>
      <c r="HS871" s="91"/>
      <c r="HT871" s="91"/>
      <c r="HU871" s="91"/>
      <c r="HV871" s="91"/>
      <c r="HW871" s="91"/>
      <c r="HX871" s="91"/>
      <c r="HY871" s="91"/>
      <c r="HZ871" s="91"/>
      <c r="IA871" s="91"/>
      <c r="IB871" s="91"/>
      <c r="IC871" s="91"/>
      <c r="ID871" s="91"/>
      <c r="IE871" s="91"/>
      <c r="IF871" s="91"/>
      <c r="IG871" s="91"/>
      <c r="IH871" s="91"/>
      <c r="II871" s="91"/>
      <c r="IJ871" s="91"/>
      <c r="IK871" s="127"/>
    </row>
    <row r="872" spans="2:245" x14ac:dyDescent="0.2">
      <c r="B872" s="43"/>
      <c r="C872" s="73"/>
      <c r="D872" s="64"/>
      <c r="E872" s="64"/>
      <c r="F872" s="55"/>
      <c r="G872" s="102"/>
      <c r="H872" s="55"/>
      <c r="I872" s="55"/>
      <c r="J872" s="55"/>
      <c r="K872" s="55"/>
      <c r="L872" s="55"/>
      <c r="M872" s="55"/>
      <c r="N872" s="55"/>
      <c r="O872" s="55"/>
      <c r="P872" s="55"/>
      <c r="Q872" s="55"/>
      <c r="R872" s="55"/>
      <c r="S872" s="55"/>
      <c r="T872" s="55"/>
      <c r="U872" s="55"/>
      <c r="V872" s="55"/>
      <c r="W872" s="55"/>
      <c r="X872" s="55"/>
      <c r="Y872" s="55"/>
      <c r="Z872" s="55"/>
      <c r="AA872" s="55"/>
      <c r="AB872" s="55"/>
      <c r="AC872" s="55"/>
      <c r="AD872" s="55"/>
      <c r="AE872" s="55"/>
      <c r="AF872" s="55"/>
      <c r="AG872" s="55"/>
      <c r="AY872" s="162"/>
      <c r="AZ872" s="162"/>
      <c r="BA872" s="162"/>
      <c r="BB872" s="162"/>
      <c r="BC872" s="162"/>
      <c r="BD872" s="162"/>
      <c r="BE872" s="162"/>
      <c r="BF872" s="162"/>
      <c r="BG872" s="162"/>
      <c r="BH872" s="162"/>
      <c r="BI872" s="162"/>
      <c r="BJ872" s="162"/>
      <c r="BK872" s="162"/>
      <c r="BL872" s="162"/>
      <c r="BM872" s="162"/>
      <c r="BN872" s="162"/>
      <c r="BO872" s="162"/>
      <c r="BP872" s="162"/>
      <c r="BQ872" s="162"/>
      <c r="BR872" s="162"/>
      <c r="BS872" s="162"/>
      <c r="BT872" s="162"/>
      <c r="BU872" s="162"/>
      <c r="BV872" s="162"/>
      <c r="BW872" s="162"/>
      <c r="BX872" s="162"/>
      <c r="BY872" s="162"/>
      <c r="BZ872" s="162"/>
      <c r="CA872" s="162"/>
      <c r="CB872" s="162"/>
      <c r="CC872" s="162"/>
      <c r="CD872" s="162"/>
      <c r="CE872" s="162"/>
      <c r="CF872" s="162"/>
      <c r="CG872" s="162"/>
      <c r="CH872" s="162"/>
      <c r="CI872" s="162"/>
      <c r="CJ872" s="162"/>
      <c r="CK872" s="162"/>
      <c r="CX872" s="98"/>
      <c r="DL872" s="97"/>
      <c r="DX872" s="98"/>
      <c r="EL872" s="97"/>
      <c r="EX872" s="98"/>
      <c r="EY872" s="97"/>
      <c r="FL872" s="126"/>
      <c r="FM872" s="91"/>
      <c r="FN872" s="91"/>
      <c r="FO872" s="91"/>
      <c r="FP872" s="91"/>
      <c r="FQ872" s="91"/>
      <c r="FR872" s="91"/>
      <c r="FS872" s="91"/>
      <c r="FT872" s="91"/>
      <c r="FU872" s="91"/>
      <c r="FV872" s="91"/>
      <c r="FW872" s="91"/>
      <c r="FX872" s="91"/>
      <c r="FY872" s="91"/>
      <c r="FZ872" s="91"/>
      <c r="GA872" s="91"/>
      <c r="GB872" s="91"/>
      <c r="GC872" s="91"/>
      <c r="GD872" s="91"/>
      <c r="GE872" s="91"/>
      <c r="GF872" s="91"/>
      <c r="GG872" s="91"/>
      <c r="GH872" s="91"/>
      <c r="GI872" s="91"/>
      <c r="GJ872" s="91"/>
      <c r="GK872" s="127"/>
      <c r="GL872" s="126"/>
      <c r="GM872" s="91"/>
      <c r="GN872" s="91"/>
      <c r="GO872" s="91"/>
      <c r="GP872" s="91"/>
      <c r="GQ872" s="91"/>
      <c r="GR872" s="91"/>
      <c r="GS872" s="91"/>
      <c r="GT872" s="91"/>
      <c r="GU872" s="91"/>
      <c r="GV872" s="91"/>
      <c r="GW872" s="91"/>
      <c r="GX872" s="91"/>
      <c r="GY872" s="91"/>
      <c r="GZ872" s="91"/>
      <c r="HA872" s="91"/>
      <c r="HB872" s="91"/>
      <c r="HC872" s="91"/>
      <c r="HD872" s="91"/>
      <c r="HE872" s="91"/>
      <c r="HF872" s="91"/>
      <c r="HG872" s="91"/>
      <c r="HH872" s="91"/>
      <c r="HI872" s="91"/>
      <c r="HJ872" s="91"/>
      <c r="HK872" s="127"/>
      <c r="HL872" s="126"/>
      <c r="HM872" s="91"/>
      <c r="HN872" s="91"/>
      <c r="HO872" s="91"/>
      <c r="HP872" s="91"/>
      <c r="HQ872" s="91"/>
      <c r="HR872" s="91"/>
      <c r="HS872" s="91"/>
      <c r="HT872" s="91"/>
      <c r="HU872" s="91"/>
      <c r="HV872" s="91"/>
      <c r="HW872" s="91"/>
      <c r="HX872" s="91"/>
      <c r="HY872" s="91"/>
      <c r="HZ872" s="91"/>
      <c r="IA872" s="91"/>
      <c r="IB872" s="91"/>
      <c r="IC872" s="91"/>
      <c r="ID872" s="91"/>
      <c r="IE872" s="91"/>
      <c r="IF872" s="91"/>
      <c r="IG872" s="91"/>
      <c r="IH872" s="91"/>
      <c r="II872" s="91"/>
      <c r="IJ872" s="91"/>
      <c r="IK872" s="127"/>
    </row>
    <row r="873" spans="2:245" x14ac:dyDescent="0.2">
      <c r="B873" s="43"/>
      <c r="C873" s="73"/>
      <c r="D873" s="64"/>
      <c r="E873" s="64"/>
      <c r="F873" s="55"/>
      <c r="G873" s="102"/>
      <c r="H873" s="55"/>
      <c r="I873" s="55"/>
      <c r="J873" s="55"/>
      <c r="K873" s="55"/>
      <c r="L873" s="55"/>
      <c r="M873" s="55"/>
      <c r="N873" s="55"/>
      <c r="O873" s="55"/>
      <c r="P873" s="55"/>
      <c r="Q873" s="55"/>
      <c r="R873" s="55"/>
      <c r="S873" s="55"/>
      <c r="T873" s="55"/>
      <c r="U873" s="55"/>
      <c r="V873" s="55"/>
      <c r="W873" s="55"/>
      <c r="X873" s="55"/>
      <c r="Y873" s="55"/>
      <c r="Z873" s="55"/>
      <c r="AA873" s="55"/>
      <c r="AB873" s="55"/>
      <c r="AC873" s="55"/>
      <c r="AD873" s="55"/>
      <c r="AE873" s="55"/>
      <c r="AF873" s="55"/>
      <c r="AG873" s="55"/>
      <c r="AY873" s="162"/>
      <c r="AZ873" s="162"/>
      <c r="BA873" s="162"/>
      <c r="BB873" s="162"/>
      <c r="BC873" s="162"/>
      <c r="BD873" s="162"/>
      <c r="BE873" s="162"/>
      <c r="BF873" s="162"/>
      <c r="BG873" s="162"/>
      <c r="BH873" s="162"/>
      <c r="BI873" s="162"/>
      <c r="BJ873" s="162"/>
      <c r="BK873" s="162"/>
      <c r="BL873" s="162"/>
      <c r="BM873" s="162"/>
      <c r="BN873" s="162"/>
      <c r="BO873" s="162"/>
      <c r="BP873" s="162"/>
      <c r="BQ873" s="162"/>
      <c r="BR873" s="162"/>
      <c r="BS873" s="162"/>
      <c r="BT873" s="162"/>
      <c r="BU873" s="162"/>
      <c r="BV873" s="162"/>
      <c r="BW873" s="162"/>
      <c r="BX873" s="162"/>
      <c r="BY873" s="162"/>
      <c r="BZ873" s="162"/>
      <c r="CA873" s="162"/>
      <c r="CB873" s="162"/>
      <c r="CC873" s="162"/>
      <c r="CD873" s="162"/>
      <c r="CE873" s="162"/>
      <c r="CF873" s="162"/>
      <c r="CG873" s="162"/>
      <c r="CH873" s="162"/>
      <c r="CI873" s="162"/>
      <c r="CJ873" s="162"/>
      <c r="CK873" s="162"/>
      <c r="CX873" s="98"/>
      <c r="DL873" s="97"/>
      <c r="DX873" s="98"/>
      <c r="EL873" s="97"/>
      <c r="EX873" s="98"/>
      <c r="EY873" s="97"/>
      <c r="FL873" s="126"/>
      <c r="FM873" s="91"/>
      <c r="FN873" s="91"/>
      <c r="FO873" s="91"/>
      <c r="FP873" s="91"/>
      <c r="FQ873" s="91"/>
      <c r="FR873" s="91"/>
      <c r="FS873" s="91"/>
      <c r="FT873" s="91"/>
      <c r="FU873" s="91"/>
      <c r="FV873" s="91"/>
      <c r="FW873" s="91"/>
      <c r="FX873" s="91"/>
      <c r="FY873" s="91"/>
      <c r="FZ873" s="91"/>
      <c r="GA873" s="91"/>
      <c r="GB873" s="91"/>
      <c r="GC873" s="91"/>
      <c r="GD873" s="91"/>
      <c r="GE873" s="91"/>
      <c r="GF873" s="91"/>
      <c r="GG873" s="91"/>
      <c r="GH873" s="91"/>
      <c r="GI873" s="91"/>
      <c r="GJ873" s="91"/>
      <c r="GK873" s="127"/>
      <c r="GL873" s="126"/>
      <c r="GM873" s="91"/>
      <c r="GN873" s="91"/>
      <c r="GO873" s="91"/>
      <c r="GP873" s="91"/>
      <c r="GQ873" s="91"/>
      <c r="GR873" s="91"/>
      <c r="GS873" s="91"/>
      <c r="GT873" s="91"/>
      <c r="GU873" s="91"/>
      <c r="GV873" s="91"/>
      <c r="GW873" s="91"/>
      <c r="GX873" s="91"/>
      <c r="GY873" s="91"/>
      <c r="GZ873" s="91"/>
      <c r="HA873" s="91"/>
      <c r="HB873" s="91"/>
      <c r="HC873" s="91"/>
      <c r="HD873" s="91"/>
      <c r="HE873" s="91"/>
      <c r="HF873" s="91"/>
      <c r="HG873" s="91"/>
      <c r="HH873" s="91"/>
      <c r="HI873" s="91"/>
      <c r="HJ873" s="91"/>
      <c r="HK873" s="127"/>
      <c r="HL873" s="126"/>
      <c r="HM873" s="91"/>
      <c r="HN873" s="91"/>
      <c r="HO873" s="91"/>
      <c r="HP873" s="91"/>
      <c r="HQ873" s="91"/>
      <c r="HR873" s="91"/>
      <c r="HS873" s="91"/>
      <c r="HT873" s="91"/>
      <c r="HU873" s="91"/>
      <c r="HV873" s="91"/>
      <c r="HW873" s="91"/>
      <c r="HX873" s="91"/>
      <c r="HY873" s="91"/>
      <c r="HZ873" s="91"/>
      <c r="IA873" s="91"/>
      <c r="IB873" s="91"/>
      <c r="IC873" s="91"/>
      <c r="ID873" s="91"/>
      <c r="IE873" s="91"/>
      <c r="IF873" s="91"/>
      <c r="IG873" s="91"/>
      <c r="IH873" s="91"/>
      <c r="II873" s="91"/>
      <c r="IJ873" s="91"/>
      <c r="IK873" s="127"/>
    </row>
    <row r="874" spans="2:245" x14ac:dyDescent="0.2">
      <c r="B874" s="43"/>
      <c r="C874" s="73"/>
      <c r="D874" s="64"/>
      <c r="E874" s="64"/>
      <c r="F874" s="55"/>
      <c r="G874" s="102"/>
      <c r="H874" s="55"/>
      <c r="I874" s="55"/>
      <c r="J874" s="55"/>
      <c r="K874" s="55"/>
      <c r="L874" s="55"/>
      <c r="M874" s="55"/>
      <c r="N874" s="55"/>
      <c r="O874" s="55"/>
      <c r="P874" s="55"/>
      <c r="Q874" s="55"/>
      <c r="R874" s="55"/>
      <c r="S874" s="55"/>
      <c r="T874" s="55"/>
      <c r="U874" s="55"/>
      <c r="V874" s="55"/>
      <c r="W874" s="55"/>
      <c r="X874" s="55"/>
      <c r="Y874" s="55"/>
      <c r="Z874" s="55"/>
      <c r="AA874" s="55"/>
      <c r="AB874" s="55"/>
      <c r="AC874" s="55"/>
      <c r="AD874" s="55"/>
      <c r="AE874" s="55"/>
      <c r="AF874" s="55"/>
      <c r="AG874" s="55"/>
      <c r="AY874" s="162"/>
      <c r="AZ874" s="162"/>
      <c r="BA874" s="162"/>
      <c r="BB874" s="162"/>
      <c r="BC874" s="162"/>
      <c r="BD874" s="162"/>
      <c r="BE874" s="162"/>
      <c r="BF874" s="162"/>
      <c r="BG874" s="162"/>
      <c r="BH874" s="162"/>
      <c r="BI874" s="162"/>
      <c r="BJ874" s="162"/>
      <c r="BK874" s="162"/>
      <c r="BL874" s="162"/>
      <c r="BM874" s="162"/>
      <c r="BN874" s="162"/>
      <c r="BO874" s="162"/>
      <c r="BP874" s="162"/>
      <c r="BQ874" s="162"/>
      <c r="BR874" s="162"/>
      <c r="BS874" s="162"/>
      <c r="BT874" s="162"/>
      <c r="BU874" s="162"/>
      <c r="BV874" s="162"/>
      <c r="BW874" s="162"/>
      <c r="BX874" s="162"/>
      <c r="BY874" s="162"/>
      <c r="BZ874" s="162"/>
      <c r="CA874" s="162"/>
      <c r="CB874" s="162"/>
      <c r="CC874" s="162"/>
      <c r="CD874" s="162"/>
      <c r="CE874" s="162"/>
      <c r="CF874" s="162"/>
      <c r="CG874" s="162"/>
      <c r="CH874" s="162"/>
      <c r="CI874" s="162"/>
      <c r="CJ874" s="162"/>
      <c r="CK874" s="162"/>
      <c r="CX874" s="98"/>
      <c r="DL874" s="97"/>
      <c r="DX874" s="98"/>
      <c r="EL874" s="97"/>
      <c r="EX874" s="98"/>
      <c r="EY874" s="97"/>
      <c r="FL874" s="126"/>
      <c r="FM874" s="91"/>
      <c r="FN874" s="91"/>
      <c r="FO874" s="91"/>
      <c r="FP874" s="91"/>
      <c r="FQ874" s="91"/>
      <c r="FR874" s="91"/>
      <c r="FS874" s="91"/>
      <c r="FT874" s="91"/>
      <c r="FU874" s="91"/>
      <c r="FV874" s="91"/>
      <c r="FW874" s="91"/>
      <c r="FX874" s="91"/>
      <c r="FY874" s="91"/>
      <c r="FZ874" s="91"/>
      <c r="GA874" s="91"/>
      <c r="GB874" s="91"/>
      <c r="GC874" s="91"/>
      <c r="GD874" s="91"/>
      <c r="GE874" s="91"/>
      <c r="GF874" s="91"/>
      <c r="GG874" s="91"/>
      <c r="GH874" s="91"/>
      <c r="GI874" s="91"/>
      <c r="GJ874" s="91"/>
      <c r="GK874" s="127"/>
      <c r="GL874" s="126"/>
      <c r="GM874" s="91"/>
      <c r="GN874" s="91"/>
      <c r="GO874" s="91"/>
      <c r="GP874" s="91"/>
      <c r="GQ874" s="91"/>
      <c r="GR874" s="91"/>
      <c r="GS874" s="91"/>
      <c r="GT874" s="91"/>
      <c r="GU874" s="91"/>
      <c r="GV874" s="91"/>
      <c r="GW874" s="91"/>
      <c r="GX874" s="91"/>
      <c r="GY874" s="91"/>
      <c r="GZ874" s="91"/>
      <c r="HA874" s="91"/>
      <c r="HB874" s="91"/>
      <c r="HC874" s="91"/>
      <c r="HD874" s="91"/>
      <c r="HE874" s="91"/>
      <c r="HF874" s="91"/>
      <c r="HG874" s="91"/>
      <c r="HH874" s="91"/>
      <c r="HI874" s="91"/>
      <c r="HJ874" s="91"/>
      <c r="HK874" s="127"/>
      <c r="HL874" s="126"/>
      <c r="HM874" s="91"/>
      <c r="HN874" s="91"/>
      <c r="HO874" s="91"/>
      <c r="HP874" s="91"/>
      <c r="HQ874" s="91"/>
      <c r="HR874" s="91"/>
      <c r="HS874" s="91"/>
      <c r="HT874" s="91"/>
      <c r="HU874" s="91"/>
      <c r="HV874" s="91"/>
      <c r="HW874" s="91"/>
      <c r="HX874" s="91"/>
      <c r="HY874" s="91"/>
      <c r="HZ874" s="91"/>
      <c r="IA874" s="91"/>
      <c r="IB874" s="91"/>
      <c r="IC874" s="91"/>
      <c r="ID874" s="91"/>
      <c r="IE874" s="91"/>
      <c r="IF874" s="91"/>
      <c r="IG874" s="91"/>
      <c r="IH874" s="91"/>
      <c r="II874" s="91"/>
      <c r="IJ874" s="91"/>
      <c r="IK874" s="127"/>
    </row>
    <row r="875" spans="2:245" x14ac:dyDescent="0.2">
      <c r="B875" s="43"/>
      <c r="C875" s="73"/>
      <c r="D875" s="64"/>
      <c r="E875" s="64"/>
      <c r="F875" s="55"/>
      <c r="G875" s="102"/>
      <c r="H875" s="55"/>
      <c r="I875" s="55"/>
      <c r="J875" s="55"/>
      <c r="K875" s="55"/>
      <c r="L875" s="55"/>
      <c r="M875" s="55"/>
      <c r="N875" s="55"/>
      <c r="O875" s="55"/>
      <c r="P875" s="55"/>
      <c r="Q875" s="55"/>
      <c r="R875" s="55"/>
      <c r="S875" s="55"/>
      <c r="T875" s="55"/>
      <c r="U875" s="55"/>
      <c r="V875" s="55"/>
      <c r="W875" s="55"/>
      <c r="X875" s="55"/>
      <c r="Y875" s="55"/>
      <c r="Z875" s="55"/>
      <c r="AA875" s="55"/>
      <c r="AB875" s="55"/>
      <c r="AC875" s="55"/>
      <c r="AD875" s="55"/>
      <c r="AE875" s="55"/>
      <c r="AF875" s="55"/>
      <c r="AG875" s="55"/>
      <c r="AY875" s="162"/>
      <c r="AZ875" s="162"/>
      <c r="BA875" s="162"/>
      <c r="BB875" s="162"/>
      <c r="BC875" s="162"/>
      <c r="BD875" s="162"/>
      <c r="BE875" s="162"/>
      <c r="BF875" s="162"/>
      <c r="BG875" s="162"/>
      <c r="BH875" s="162"/>
      <c r="BI875" s="162"/>
      <c r="BJ875" s="162"/>
      <c r="BK875" s="162"/>
      <c r="BL875" s="162"/>
      <c r="BM875" s="162"/>
      <c r="BN875" s="162"/>
      <c r="BO875" s="162"/>
      <c r="BP875" s="162"/>
      <c r="BQ875" s="162"/>
      <c r="BR875" s="162"/>
      <c r="BS875" s="162"/>
      <c r="BT875" s="162"/>
      <c r="BU875" s="162"/>
      <c r="BV875" s="162"/>
      <c r="BW875" s="162"/>
      <c r="BX875" s="162"/>
      <c r="BY875" s="162"/>
      <c r="BZ875" s="162"/>
      <c r="CA875" s="162"/>
      <c r="CB875" s="162"/>
      <c r="CC875" s="162"/>
      <c r="CD875" s="162"/>
      <c r="CE875" s="162"/>
      <c r="CF875" s="162"/>
      <c r="CG875" s="162"/>
      <c r="CH875" s="162"/>
      <c r="CI875" s="162"/>
      <c r="CJ875" s="162"/>
      <c r="CK875" s="162"/>
      <c r="CX875" s="98"/>
      <c r="DL875" s="97"/>
      <c r="DX875" s="98"/>
      <c r="EL875" s="97"/>
      <c r="EX875" s="98"/>
      <c r="EY875" s="97"/>
      <c r="FL875" s="126"/>
      <c r="FM875" s="91"/>
      <c r="FN875" s="91"/>
      <c r="FO875" s="91"/>
      <c r="FP875" s="91"/>
      <c r="FQ875" s="91"/>
      <c r="FR875" s="91"/>
      <c r="FS875" s="91"/>
      <c r="FT875" s="91"/>
      <c r="FU875" s="91"/>
      <c r="FV875" s="91"/>
      <c r="FW875" s="91"/>
      <c r="FX875" s="91"/>
      <c r="FY875" s="91"/>
      <c r="FZ875" s="91"/>
      <c r="GA875" s="91"/>
      <c r="GB875" s="91"/>
      <c r="GC875" s="91"/>
      <c r="GD875" s="91"/>
      <c r="GE875" s="91"/>
      <c r="GF875" s="91"/>
      <c r="GG875" s="91"/>
      <c r="GH875" s="91"/>
      <c r="GI875" s="91"/>
      <c r="GJ875" s="91"/>
      <c r="GK875" s="127"/>
      <c r="GL875" s="126"/>
      <c r="GM875" s="91"/>
      <c r="GN875" s="91"/>
      <c r="GO875" s="91"/>
      <c r="GP875" s="91"/>
      <c r="GQ875" s="91"/>
      <c r="GR875" s="91"/>
      <c r="GS875" s="91"/>
      <c r="GT875" s="91"/>
      <c r="GU875" s="91"/>
      <c r="GV875" s="91"/>
      <c r="GW875" s="91"/>
      <c r="GX875" s="91"/>
      <c r="GY875" s="91"/>
      <c r="GZ875" s="91"/>
      <c r="HA875" s="91"/>
      <c r="HB875" s="91"/>
      <c r="HC875" s="91"/>
      <c r="HD875" s="91"/>
      <c r="HE875" s="91"/>
      <c r="HF875" s="91"/>
      <c r="HG875" s="91"/>
      <c r="HH875" s="91"/>
      <c r="HI875" s="91"/>
      <c r="HJ875" s="91"/>
      <c r="HK875" s="127"/>
      <c r="HL875" s="126"/>
      <c r="HM875" s="91"/>
      <c r="HN875" s="91"/>
      <c r="HO875" s="91"/>
      <c r="HP875" s="91"/>
      <c r="HQ875" s="91"/>
      <c r="HR875" s="91"/>
      <c r="HS875" s="91"/>
      <c r="HT875" s="91"/>
      <c r="HU875" s="91"/>
      <c r="HV875" s="91"/>
      <c r="HW875" s="91"/>
      <c r="HX875" s="91"/>
      <c r="HY875" s="91"/>
      <c r="HZ875" s="91"/>
      <c r="IA875" s="91"/>
      <c r="IB875" s="91"/>
      <c r="IC875" s="91"/>
      <c r="ID875" s="91"/>
      <c r="IE875" s="91"/>
      <c r="IF875" s="91"/>
      <c r="IG875" s="91"/>
      <c r="IH875" s="91"/>
      <c r="II875" s="91"/>
      <c r="IJ875" s="91"/>
      <c r="IK875" s="127"/>
    </row>
    <row r="876" spans="2:245" x14ac:dyDescent="0.2">
      <c r="B876" s="43"/>
      <c r="C876" s="73"/>
      <c r="D876" s="64"/>
      <c r="E876" s="64"/>
      <c r="F876" s="55"/>
      <c r="G876" s="102"/>
      <c r="H876" s="55"/>
      <c r="I876" s="55"/>
      <c r="J876" s="55"/>
      <c r="K876" s="55"/>
      <c r="L876" s="55"/>
      <c r="M876" s="55"/>
      <c r="N876" s="55"/>
      <c r="O876" s="55"/>
      <c r="P876" s="55"/>
      <c r="Q876" s="55"/>
      <c r="R876" s="55"/>
      <c r="S876" s="55"/>
      <c r="T876" s="55"/>
      <c r="U876" s="55"/>
      <c r="V876" s="55"/>
      <c r="W876" s="55"/>
      <c r="X876" s="55"/>
      <c r="Y876" s="55"/>
      <c r="Z876" s="55"/>
      <c r="AA876" s="55"/>
      <c r="AB876" s="55"/>
      <c r="AC876" s="55"/>
      <c r="AD876" s="55"/>
      <c r="AE876" s="55"/>
      <c r="AF876" s="55"/>
      <c r="AG876" s="55"/>
      <c r="AY876" s="162"/>
      <c r="AZ876" s="162"/>
      <c r="BA876" s="162"/>
      <c r="BB876" s="162"/>
      <c r="BC876" s="162"/>
      <c r="BD876" s="162"/>
      <c r="BE876" s="162"/>
      <c r="BF876" s="162"/>
      <c r="BG876" s="162"/>
      <c r="BH876" s="162"/>
      <c r="BI876" s="162"/>
      <c r="BJ876" s="162"/>
      <c r="BK876" s="162"/>
      <c r="BL876" s="162"/>
      <c r="BM876" s="162"/>
      <c r="BN876" s="162"/>
      <c r="BO876" s="162"/>
      <c r="BP876" s="162"/>
      <c r="BQ876" s="162"/>
      <c r="BR876" s="162"/>
      <c r="BS876" s="162"/>
      <c r="BT876" s="162"/>
      <c r="BU876" s="162"/>
      <c r="BV876" s="162"/>
      <c r="BW876" s="162"/>
      <c r="BX876" s="162"/>
      <c r="BY876" s="162"/>
      <c r="BZ876" s="162"/>
      <c r="CA876" s="162"/>
      <c r="CB876" s="162"/>
      <c r="CC876" s="162"/>
      <c r="CD876" s="162"/>
      <c r="CE876" s="162"/>
      <c r="CF876" s="162"/>
      <c r="CG876" s="162"/>
      <c r="CH876" s="162"/>
      <c r="CI876" s="162"/>
      <c r="CJ876" s="162"/>
      <c r="CK876" s="162"/>
      <c r="CX876" s="98"/>
      <c r="DL876" s="97"/>
      <c r="DX876" s="98"/>
      <c r="EL876" s="97"/>
      <c r="EX876" s="98"/>
      <c r="EY876" s="97"/>
      <c r="FL876" s="126"/>
      <c r="FM876" s="91"/>
      <c r="FN876" s="91"/>
      <c r="FO876" s="91"/>
      <c r="FP876" s="91"/>
      <c r="FQ876" s="91"/>
      <c r="FR876" s="91"/>
      <c r="FS876" s="91"/>
      <c r="FT876" s="91"/>
      <c r="FU876" s="91"/>
      <c r="FV876" s="91"/>
      <c r="FW876" s="91"/>
      <c r="FX876" s="91"/>
      <c r="FY876" s="91"/>
      <c r="FZ876" s="91"/>
      <c r="GA876" s="91"/>
      <c r="GB876" s="91"/>
      <c r="GC876" s="91"/>
      <c r="GD876" s="91"/>
      <c r="GE876" s="91"/>
      <c r="GF876" s="91"/>
      <c r="GG876" s="91"/>
      <c r="GH876" s="91"/>
      <c r="GI876" s="91"/>
      <c r="GJ876" s="91"/>
      <c r="GK876" s="127"/>
      <c r="GL876" s="126"/>
      <c r="GM876" s="91"/>
      <c r="GN876" s="91"/>
      <c r="GO876" s="91"/>
      <c r="GP876" s="91"/>
      <c r="GQ876" s="91"/>
      <c r="GR876" s="91"/>
      <c r="GS876" s="91"/>
      <c r="GT876" s="91"/>
      <c r="GU876" s="91"/>
      <c r="GV876" s="91"/>
      <c r="GW876" s="91"/>
      <c r="GX876" s="91"/>
      <c r="GY876" s="91"/>
      <c r="GZ876" s="91"/>
      <c r="HA876" s="91"/>
      <c r="HB876" s="91"/>
      <c r="HC876" s="91"/>
      <c r="HD876" s="91"/>
      <c r="HE876" s="91"/>
      <c r="HF876" s="91"/>
      <c r="HG876" s="91"/>
      <c r="HH876" s="91"/>
      <c r="HI876" s="91"/>
      <c r="HJ876" s="91"/>
      <c r="HK876" s="127"/>
      <c r="HL876" s="126"/>
      <c r="HM876" s="91"/>
      <c r="HN876" s="91"/>
      <c r="HO876" s="91"/>
      <c r="HP876" s="91"/>
      <c r="HQ876" s="91"/>
      <c r="HR876" s="91"/>
      <c r="HS876" s="91"/>
      <c r="HT876" s="91"/>
      <c r="HU876" s="91"/>
      <c r="HV876" s="91"/>
      <c r="HW876" s="91"/>
      <c r="HX876" s="91"/>
      <c r="HY876" s="91"/>
      <c r="HZ876" s="91"/>
      <c r="IA876" s="91"/>
      <c r="IB876" s="91"/>
      <c r="IC876" s="91"/>
      <c r="ID876" s="91"/>
      <c r="IE876" s="91"/>
      <c r="IF876" s="91"/>
      <c r="IG876" s="91"/>
      <c r="IH876" s="91"/>
      <c r="II876" s="91"/>
      <c r="IJ876" s="91"/>
      <c r="IK876" s="127"/>
    </row>
    <row r="877" spans="2:245" x14ac:dyDescent="0.2">
      <c r="B877" s="43"/>
      <c r="C877" s="73"/>
      <c r="D877" s="64"/>
      <c r="E877" s="64"/>
      <c r="F877" s="55"/>
      <c r="G877" s="102"/>
      <c r="H877" s="55"/>
      <c r="I877" s="55"/>
      <c r="J877" s="55"/>
      <c r="K877" s="55"/>
      <c r="L877" s="55"/>
      <c r="M877" s="55"/>
      <c r="N877" s="55"/>
      <c r="O877" s="55"/>
      <c r="P877" s="55"/>
      <c r="Q877" s="55"/>
      <c r="R877" s="55"/>
      <c r="S877" s="55"/>
      <c r="T877" s="55"/>
      <c r="U877" s="55"/>
      <c r="V877" s="55"/>
      <c r="W877" s="55"/>
      <c r="X877" s="55"/>
      <c r="Y877" s="55"/>
      <c r="Z877" s="55"/>
      <c r="AA877" s="55"/>
      <c r="AB877" s="55"/>
      <c r="AC877" s="55"/>
      <c r="AD877" s="55"/>
      <c r="AE877" s="55"/>
      <c r="AF877" s="55"/>
      <c r="AG877" s="55"/>
      <c r="AY877" s="162"/>
      <c r="AZ877" s="162"/>
      <c r="BA877" s="162"/>
      <c r="BB877" s="162"/>
      <c r="BC877" s="162"/>
      <c r="BD877" s="162"/>
      <c r="BE877" s="162"/>
      <c r="BF877" s="162"/>
      <c r="BG877" s="162"/>
      <c r="BH877" s="162"/>
      <c r="BI877" s="162"/>
      <c r="BJ877" s="162"/>
      <c r="BK877" s="162"/>
      <c r="BL877" s="162"/>
      <c r="BM877" s="162"/>
      <c r="BN877" s="162"/>
      <c r="BO877" s="162"/>
      <c r="BP877" s="162"/>
      <c r="BQ877" s="162"/>
      <c r="BR877" s="162"/>
      <c r="BS877" s="162"/>
      <c r="BT877" s="162"/>
      <c r="BU877" s="162"/>
      <c r="BV877" s="162"/>
      <c r="BW877" s="162"/>
      <c r="BX877" s="162"/>
      <c r="BY877" s="162"/>
      <c r="BZ877" s="162"/>
      <c r="CA877" s="162"/>
      <c r="CB877" s="162"/>
      <c r="CC877" s="162"/>
      <c r="CD877" s="162"/>
      <c r="CE877" s="162"/>
      <c r="CF877" s="162"/>
      <c r="CG877" s="162"/>
      <c r="CH877" s="162"/>
      <c r="CI877" s="162"/>
      <c r="CJ877" s="162"/>
      <c r="CK877" s="162"/>
      <c r="CX877" s="98"/>
      <c r="DL877" s="97"/>
      <c r="DX877" s="98"/>
      <c r="EL877" s="97"/>
      <c r="EX877" s="98"/>
      <c r="EY877" s="97"/>
      <c r="FL877" s="126"/>
      <c r="FM877" s="91"/>
      <c r="FN877" s="91"/>
      <c r="FO877" s="91"/>
      <c r="FP877" s="91"/>
      <c r="FQ877" s="91"/>
      <c r="FR877" s="91"/>
      <c r="FS877" s="91"/>
      <c r="FT877" s="91"/>
      <c r="FU877" s="91"/>
      <c r="FV877" s="91"/>
      <c r="FW877" s="91"/>
      <c r="FX877" s="91"/>
      <c r="FY877" s="91"/>
      <c r="FZ877" s="91"/>
      <c r="GA877" s="91"/>
      <c r="GB877" s="91"/>
      <c r="GC877" s="91"/>
      <c r="GD877" s="91"/>
      <c r="GE877" s="91"/>
      <c r="GF877" s="91"/>
      <c r="GG877" s="91"/>
      <c r="GH877" s="91"/>
      <c r="GI877" s="91"/>
      <c r="GJ877" s="91"/>
      <c r="GK877" s="127"/>
      <c r="GL877" s="126"/>
      <c r="GM877" s="91"/>
      <c r="GN877" s="91"/>
      <c r="GO877" s="91"/>
      <c r="GP877" s="91"/>
      <c r="GQ877" s="91"/>
      <c r="GR877" s="91"/>
      <c r="GS877" s="91"/>
      <c r="GT877" s="91"/>
      <c r="GU877" s="91"/>
      <c r="GV877" s="91"/>
      <c r="GW877" s="91"/>
      <c r="GX877" s="91"/>
      <c r="GY877" s="91"/>
      <c r="GZ877" s="91"/>
      <c r="HA877" s="91"/>
      <c r="HB877" s="91"/>
      <c r="HC877" s="91"/>
      <c r="HD877" s="91"/>
      <c r="HE877" s="91"/>
      <c r="HF877" s="91"/>
      <c r="HG877" s="91"/>
      <c r="HH877" s="91"/>
      <c r="HI877" s="91"/>
      <c r="HJ877" s="91"/>
      <c r="HK877" s="127"/>
      <c r="HL877" s="126"/>
      <c r="HM877" s="91"/>
      <c r="HN877" s="91"/>
      <c r="HO877" s="91"/>
      <c r="HP877" s="91"/>
      <c r="HQ877" s="91"/>
      <c r="HR877" s="91"/>
      <c r="HS877" s="91"/>
      <c r="HT877" s="91"/>
      <c r="HU877" s="91"/>
      <c r="HV877" s="91"/>
      <c r="HW877" s="91"/>
      <c r="HX877" s="91"/>
      <c r="HY877" s="91"/>
      <c r="HZ877" s="91"/>
      <c r="IA877" s="91"/>
      <c r="IB877" s="91"/>
      <c r="IC877" s="91"/>
      <c r="ID877" s="91"/>
      <c r="IE877" s="91"/>
      <c r="IF877" s="91"/>
      <c r="IG877" s="91"/>
      <c r="IH877" s="91"/>
      <c r="II877" s="91"/>
      <c r="IJ877" s="91"/>
      <c r="IK877" s="127"/>
    </row>
    <row r="878" spans="2:245" x14ac:dyDescent="0.2">
      <c r="B878" s="43"/>
      <c r="C878" s="73"/>
      <c r="D878" s="64"/>
      <c r="E878" s="64"/>
      <c r="F878" s="55"/>
      <c r="G878" s="102"/>
      <c r="H878" s="55"/>
      <c r="I878" s="55"/>
      <c r="J878" s="55"/>
      <c r="K878" s="55"/>
      <c r="L878" s="55"/>
      <c r="M878" s="55"/>
      <c r="N878" s="55"/>
      <c r="O878" s="55"/>
      <c r="P878" s="55"/>
      <c r="Q878" s="55"/>
      <c r="R878" s="55"/>
      <c r="S878" s="55"/>
      <c r="T878" s="55"/>
      <c r="U878" s="55"/>
      <c r="V878" s="55"/>
      <c r="W878" s="55"/>
      <c r="X878" s="55"/>
      <c r="Y878" s="55"/>
      <c r="Z878" s="55"/>
      <c r="AA878" s="55"/>
      <c r="AB878" s="55"/>
      <c r="AC878" s="55"/>
      <c r="AD878" s="55"/>
      <c r="AE878" s="55"/>
      <c r="AF878" s="55"/>
      <c r="AG878" s="55"/>
      <c r="AY878" s="162"/>
      <c r="AZ878" s="162"/>
      <c r="BA878" s="162"/>
      <c r="BB878" s="162"/>
      <c r="BC878" s="162"/>
      <c r="BD878" s="162"/>
      <c r="BE878" s="162"/>
      <c r="BF878" s="162"/>
      <c r="BG878" s="162"/>
      <c r="BH878" s="162"/>
      <c r="BI878" s="162"/>
      <c r="BJ878" s="162"/>
      <c r="BK878" s="162"/>
      <c r="BL878" s="162"/>
      <c r="BM878" s="162"/>
      <c r="BN878" s="162"/>
      <c r="BO878" s="162"/>
      <c r="BP878" s="162"/>
      <c r="BQ878" s="162"/>
      <c r="BR878" s="162"/>
      <c r="BS878" s="162"/>
      <c r="BT878" s="162"/>
      <c r="BU878" s="162"/>
      <c r="BV878" s="162"/>
      <c r="BW878" s="162"/>
      <c r="BX878" s="162"/>
      <c r="BY878" s="162"/>
      <c r="BZ878" s="162"/>
      <c r="CA878" s="162"/>
      <c r="CB878" s="162"/>
      <c r="CC878" s="162"/>
      <c r="CD878" s="162"/>
      <c r="CE878" s="162"/>
      <c r="CF878" s="162"/>
      <c r="CG878" s="162"/>
      <c r="CH878" s="162"/>
      <c r="CI878" s="162"/>
      <c r="CJ878" s="162"/>
      <c r="CK878" s="162"/>
      <c r="CX878" s="98"/>
      <c r="DL878" s="97"/>
      <c r="DX878" s="98"/>
      <c r="EL878" s="97"/>
      <c r="EX878" s="98"/>
      <c r="EY878" s="97"/>
      <c r="FL878" s="126"/>
      <c r="FM878" s="91"/>
      <c r="FN878" s="91"/>
      <c r="FO878" s="91"/>
      <c r="FP878" s="91"/>
      <c r="FQ878" s="91"/>
      <c r="FR878" s="91"/>
      <c r="FS878" s="91"/>
      <c r="FT878" s="91"/>
      <c r="FU878" s="91"/>
      <c r="FV878" s="91"/>
      <c r="FW878" s="91"/>
      <c r="FX878" s="91"/>
      <c r="FY878" s="91"/>
      <c r="FZ878" s="91"/>
      <c r="GA878" s="91"/>
      <c r="GB878" s="91"/>
      <c r="GC878" s="91"/>
      <c r="GD878" s="91"/>
      <c r="GE878" s="91"/>
      <c r="GF878" s="91"/>
      <c r="GG878" s="91"/>
      <c r="GH878" s="91"/>
      <c r="GI878" s="91"/>
      <c r="GJ878" s="91"/>
      <c r="GK878" s="127"/>
      <c r="GL878" s="126"/>
      <c r="GM878" s="91"/>
      <c r="GN878" s="91"/>
      <c r="GO878" s="91"/>
      <c r="GP878" s="91"/>
      <c r="GQ878" s="91"/>
      <c r="GR878" s="91"/>
      <c r="GS878" s="91"/>
      <c r="GT878" s="91"/>
      <c r="GU878" s="91"/>
      <c r="GV878" s="91"/>
      <c r="GW878" s="91"/>
      <c r="GX878" s="91"/>
      <c r="GY878" s="91"/>
      <c r="GZ878" s="91"/>
      <c r="HA878" s="91"/>
      <c r="HB878" s="91"/>
      <c r="HC878" s="91"/>
      <c r="HD878" s="91"/>
      <c r="HE878" s="91"/>
      <c r="HF878" s="91"/>
      <c r="HG878" s="91"/>
      <c r="HH878" s="91"/>
      <c r="HI878" s="91"/>
      <c r="HJ878" s="91"/>
      <c r="HK878" s="127"/>
      <c r="HL878" s="126"/>
      <c r="HM878" s="91"/>
      <c r="HN878" s="91"/>
      <c r="HO878" s="91"/>
      <c r="HP878" s="91"/>
      <c r="HQ878" s="91"/>
      <c r="HR878" s="91"/>
      <c r="HS878" s="91"/>
      <c r="HT878" s="91"/>
      <c r="HU878" s="91"/>
      <c r="HV878" s="91"/>
      <c r="HW878" s="91"/>
      <c r="HX878" s="91"/>
      <c r="HY878" s="91"/>
      <c r="HZ878" s="91"/>
      <c r="IA878" s="91"/>
      <c r="IB878" s="91"/>
      <c r="IC878" s="91"/>
      <c r="ID878" s="91"/>
      <c r="IE878" s="91"/>
      <c r="IF878" s="91"/>
      <c r="IG878" s="91"/>
      <c r="IH878" s="91"/>
      <c r="II878" s="91"/>
      <c r="IJ878" s="91"/>
      <c r="IK878" s="127"/>
    </row>
    <row r="879" spans="2:245" x14ac:dyDescent="0.2">
      <c r="B879" s="43"/>
      <c r="C879" s="73"/>
      <c r="D879" s="64"/>
      <c r="E879" s="64"/>
      <c r="F879" s="55"/>
      <c r="G879" s="102"/>
      <c r="H879" s="55"/>
      <c r="I879" s="55"/>
      <c r="J879" s="55"/>
      <c r="K879" s="55"/>
      <c r="L879" s="55"/>
      <c r="M879" s="55"/>
      <c r="N879" s="55"/>
      <c r="O879" s="55"/>
      <c r="P879" s="55"/>
      <c r="Q879" s="55"/>
      <c r="R879" s="55"/>
      <c r="S879" s="55"/>
      <c r="T879" s="55"/>
      <c r="U879" s="55"/>
      <c r="V879" s="55"/>
      <c r="W879" s="55"/>
      <c r="X879" s="55"/>
      <c r="Y879" s="55"/>
      <c r="Z879" s="55"/>
      <c r="AA879" s="55"/>
      <c r="AB879" s="55"/>
      <c r="AC879" s="55"/>
      <c r="AD879" s="55"/>
      <c r="AE879" s="55"/>
      <c r="AF879" s="55"/>
      <c r="AG879" s="55"/>
      <c r="AY879" s="162"/>
      <c r="AZ879" s="162"/>
      <c r="BA879" s="162"/>
      <c r="BB879" s="162"/>
      <c r="BC879" s="162"/>
      <c r="BD879" s="162"/>
      <c r="BE879" s="162"/>
      <c r="BF879" s="162"/>
      <c r="BG879" s="162"/>
      <c r="BH879" s="162"/>
      <c r="BI879" s="162"/>
      <c r="BJ879" s="162"/>
      <c r="BK879" s="162"/>
      <c r="BL879" s="162"/>
      <c r="BM879" s="162"/>
      <c r="BN879" s="162"/>
      <c r="BO879" s="162"/>
      <c r="BP879" s="162"/>
      <c r="BQ879" s="162"/>
      <c r="BR879" s="162"/>
      <c r="BS879" s="162"/>
      <c r="BT879" s="162"/>
      <c r="BU879" s="162"/>
      <c r="BV879" s="162"/>
      <c r="BW879" s="162"/>
      <c r="BX879" s="162"/>
      <c r="BY879" s="162"/>
      <c r="BZ879" s="162"/>
      <c r="CA879" s="162"/>
      <c r="CB879" s="162"/>
      <c r="CC879" s="162"/>
      <c r="CD879" s="162"/>
      <c r="CE879" s="162"/>
      <c r="CF879" s="162"/>
      <c r="CG879" s="162"/>
      <c r="CH879" s="162"/>
      <c r="CI879" s="162"/>
      <c r="CJ879" s="162"/>
      <c r="CK879" s="162"/>
      <c r="CX879" s="98"/>
      <c r="DL879" s="97"/>
      <c r="DX879" s="98"/>
      <c r="EL879" s="97"/>
      <c r="EX879" s="98"/>
      <c r="EY879" s="97"/>
      <c r="FL879" s="126"/>
      <c r="FM879" s="91"/>
      <c r="FN879" s="91"/>
      <c r="FO879" s="91"/>
      <c r="FP879" s="91"/>
      <c r="FQ879" s="91"/>
      <c r="FR879" s="91"/>
      <c r="FS879" s="91"/>
      <c r="FT879" s="91"/>
      <c r="FU879" s="91"/>
      <c r="FV879" s="91"/>
      <c r="FW879" s="91"/>
      <c r="FX879" s="91"/>
      <c r="FY879" s="91"/>
      <c r="FZ879" s="91"/>
      <c r="GA879" s="91"/>
      <c r="GB879" s="91"/>
      <c r="GC879" s="91"/>
      <c r="GD879" s="91"/>
      <c r="GE879" s="91"/>
      <c r="GF879" s="91"/>
      <c r="GG879" s="91"/>
      <c r="GH879" s="91"/>
      <c r="GI879" s="91"/>
      <c r="GJ879" s="91"/>
      <c r="GK879" s="127"/>
      <c r="GL879" s="126"/>
      <c r="GM879" s="91"/>
      <c r="GN879" s="91"/>
      <c r="GO879" s="91"/>
      <c r="GP879" s="91"/>
      <c r="GQ879" s="91"/>
      <c r="GR879" s="91"/>
      <c r="GS879" s="91"/>
      <c r="GT879" s="91"/>
      <c r="GU879" s="91"/>
      <c r="GV879" s="91"/>
      <c r="GW879" s="91"/>
      <c r="GX879" s="91"/>
      <c r="GY879" s="91"/>
      <c r="GZ879" s="91"/>
      <c r="HA879" s="91"/>
      <c r="HB879" s="91"/>
      <c r="HC879" s="91"/>
      <c r="HD879" s="91"/>
      <c r="HE879" s="91"/>
      <c r="HF879" s="91"/>
      <c r="HG879" s="91"/>
      <c r="HH879" s="91"/>
      <c r="HI879" s="91"/>
      <c r="HJ879" s="91"/>
      <c r="HK879" s="127"/>
      <c r="HL879" s="126"/>
      <c r="HM879" s="91"/>
      <c r="HN879" s="91"/>
      <c r="HO879" s="91"/>
      <c r="HP879" s="91"/>
      <c r="HQ879" s="91"/>
      <c r="HR879" s="91"/>
      <c r="HS879" s="91"/>
      <c r="HT879" s="91"/>
      <c r="HU879" s="91"/>
      <c r="HV879" s="91"/>
      <c r="HW879" s="91"/>
      <c r="HX879" s="91"/>
      <c r="HY879" s="91"/>
      <c r="HZ879" s="91"/>
      <c r="IA879" s="91"/>
      <c r="IB879" s="91"/>
      <c r="IC879" s="91"/>
      <c r="ID879" s="91"/>
      <c r="IE879" s="91"/>
      <c r="IF879" s="91"/>
      <c r="IG879" s="91"/>
      <c r="IH879" s="91"/>
      <c r="II879" s="91"/>
      <c r="IJ879" s="91"/>
      <c r="IK879" s="127"/>
    </row>
    <row r="880" spans="2:245" x14ac:dyDescent="0.2">
      <c r="B880" s="43"/>
      <c r="C880" s="73"/>
      <c r="D880" s="64"/>
      <c r="E880" s="64"/>
      <c r="F880" s="55"/>
      <c r="G880" s="102"/>
      <c r="H880" s="55"/>
      <c r="I880" s="55"/>
      <c r="J880" s="55"/>
      <c r="K880" s="55"/>
      <c r="L880" s="55"/>
      <c r="M880" s="55"/>
      <c r="N880" s="55"/>
      <c r="O880" s="55"/>
      <c r="P880" s="55"/>
      <c r="Q880" s="55"/>
      <c r="R880" s="55"/>
      <c r="S880" s="55"/>
      <c r="T880" s="55"/>
      <c r="U880" s="55"/>
      <c r="V880" s="55"/>
      <c r="W880" s="55"/>
      <c r="X880" s="55"/>
      <c r="Y880" s="55"/>
      <c r="Z880" s="55"/>
      <c r="AA880" s="55"/>
      <c r="AB880" s="55"/>
      <c r="AC880" s="55"/>
      <c r="AD880" s="55"/>
      <c r="AE880" s="55"/>
      <c r="AF880" s="55"/>
      <c r="AG880" s="55"/>
      <c r="AY880" s="162"/>
      <c r="AZ880" s="162"/>
      <c r="BA880" s="162"/>
      <c r="BB880" s="162"/>
      <c r="BC880" s="162"/>
      <c r="BD880" s="162"/>
      <c r="BE880" s="162"/>
      <c r="BF880" s="162"/>
      <c r="BG880" s="162"/>
      <c r="BH880" s="162"/>
      <c r="BI880" s="162"/>
      <c r="BJ880" s="162"/>
      <c r="BK880" s="162"/>
      <c r="BL880" s="162"/>
      <c r="BM880" s="162"/>
      <c r="BN880" s="162"/>
      <c r="BO880" s="162"/>
      <c r="BP880" s="162"/>
      <c r="BQ880" s="162"/>
      <c r="BR880" s="162"/>
      <c r="BS880" s="162"/>
      <c r="BT880" s="162"/>
      <c r="BU880" s="162"/>
      <c r="BV880" s="162"/>
      <c r="BW880" s="162"/>
      <c r="BX880" s="162"/>
      <c r="BY880" s="162"/>
      <c r="BZ880" s="162"/>
      <c r="CA880" s="162"/>
      <c r="CB880" s="162"/>
      <c r="CC880" s="162"/>
      <c r="CD880" s="162"/>
      <c r="CE880" s="162"/>
      <c r="CF880" s="162"/>
      <c r="CG880" s="162"/>
      <c r="CH880" s="162"/>
      <c r="CI880" s="162"/>
      <c r="CJ880" s="162"/>
      <c r="CK880" s="162"/>
      <c r="CX880" s="98"/>
      <c r="DL880" s="97"/>
      <c r="DX880" s="98"/>
      <c r="EL880" s="97"/>
      <c r="EX880" s="98"/>
      <c r="EY880" s="97"/>
      <c r="FL880" s="126"/>
      <c r="FM880" s="91"/>
      <c r="FN880" s="91"/>
      <c r="FO880" s="91"/>
      <c r="FP880" s="91"/>
      <c r="FQ880" s="91"/>
      <c r="FR880" s="91"/>
      <c r="FS880" s="91"/>
      <c r="FT880" s="91"/>
      <c r="FU880" s="91"/>
      <c r="FV880" s="91"/>
      <c r="FW880" s="91"/>
      <c r="FX880" s="91"/>
      <c r="FY880" s="91"/>
      <c r="FZ880" s="91"/>
      <c r="GA880" s="91"/>
      <c r="GB880" s="91"/>
      <c r="GC880" s="91"/>
      <c r="GD880" s="91"/>
      <c r="GE880" s="91"/>
      <c r="GF880" s="91"/>
      <c r="GG880" s="91"/>
      <c r="GH880" s="91"/>
      <c r="GI880" s="91"/>
      <c r="GJ880" s="91"/>
      <c r="GK880" s="127"/>
      <c r="GL880" s="126"/>
      <c r="GM880" s="91"/>
      <c r="GN880" s="91"/>
      <c r="GO880" s="91"/>
      <c r="GP880" s="91"/>
      <c r="GQ880" s="91"/>
      <c r="GR880" s="91"/>
      <c r="GS880" s="91"/>
      <c r="GT880" s="91"/>
      <c r="GU880" s="91"/>
      <c r="GV880" s="91"/>
      <c r="GW880" s="91"/>
      <c r="GX880" s="91"/>
      <c r="GY880" s="91"/>
      <c r="GZ880" s="91"/>
      <c r="HA880" s="91"/>
      <c r="HB880" s="91"/>
      <c r="HC880" s="91"/>
      <c r="HD880" s="91"/>
      <c r="HE880" s="91"/>
      <c r="HF880" s="91"/>
      <c r="HG880" s="91"/>
      <c r="HH880" s="91"/>
      <c r="HI880" s="91"/>
      <c r="HJ880" s="91"/>
      <c r="HK880" s="127"/>
      <c r="HL880" s="126"/>
      <c r="HM880" s="91"/>
      <c r="HN880" s="91"/>
      <c r="HO880" s="91"/>
      <c r="HP880" s="91"/>
      <c r="HQ880" s="91"/>
      <c r="HR880" s="91"/>
      <c r="HS880" s="91"/>
      <c r="HT880" s="91"/>
      <c r="HU880" s="91"/>
      <c r="HV880" s="91"/>
      <c r="HW880" s="91"/>
      <c r="HX880" s="91"/>
      <c r="HY880" s="91"/>
      <c r="HZ880" s="91"/>
      <c r="IA880" s="91"/>
      <c r="IB880" s="91"/>
      <c r="IC880" s="91"/>
      <c r="ID880" s="91"/>
      <c r="IE880" s="91"/>
      <c r="IF880" s="91"/>
      <c r="IG880" s="91"/>
      <c r="IH880" s="91"/>
      <c r="II880" s="91"/>
      <c r="IJ880" s="91"/>
      <c r="IK880" s="127"/>
    </row>
    <row r="881" spans="2:245" x14ac:dyDescent="0.2">
      <c r="B881" s="43"/>
      <c r="C881" s="73"/>
      <c r="D881" s="64"/>
      <c r="E881" s="64"/>
      <c r="F881" s="55"/>
      <c r="G881" s="102"/>
      <c r="H881" s="55"/>
      <c r="I881" s="55"/>
      <c r="J881" s="55"/>
      <c r="K881" s="55"/>
      <c r="L881" s="55"/>
      <c r="M881" s="55"/>
      <c r="N881" s="55"/>
      <c r="O881" s="55"/>
      <c r="P881" s="55"/>
      <c r="Q881" s="55"/>
      <c r="R881" s="55"/>
      <c r="S881" s="55"/>
      <c r="T881" s="55"/>
      <c r="U881" s="55"/>
      <c r="V881" s="55"/>
      <c r="W881" s="55"/>
      <c r="X881" s="55"/>
      <c r="Y881" s="55"/>
      <c r="Z881" s="55"/>
      <c r="AA881" s="55"/>
      <c r="AB881" s="55"/>
      <c r="AC881" s="55"/>
      <c r="AD881" s="55"/>
      <c r="AE881" s="55"/>
      <c r="AF881" s="55"/>
      <c r="AG881" s="55"/>
      <c r="AY881" s="162"/>
      <c r="AZ881" s="162"/>
      <c r="BA881" s="162"/>
      <c r="BB881" s="162"/>
      <c r="BC881" s="162"/>
      <c r="BD881" s="162"/>
      <c r="BE881" s="162"/>
      <c r="BF881" s="162"/>
      <c r="BG881" s="162"/>
      <c r="BH881" s="162"/>
      <c r="BI881" s="162"/>
      <c r="BJ881" s="162"/>
      <c r="BK881" s="162"/>
      <c r="BL881" s="162"/>
      <c r="BM881" s="162"/>
      <c r="BN881" s="162"/>
      <c r="BO881" s="162"/>
      <c r="BP881" s="162"/>
      <c r="BQ881" s="162"/>
      <c r="BR881" s="162"/>
      <c r="BS881" s="162"/>
      <c r="BT881" s="162"/>
      <c r="BU881" s="162"/>
      <c r="BV881" s="162"/>
      <c r="BW881" s="162"/>
      <c r="BX881" s="162"/>
      <c r="BY881" s="162"/>
      <c r="BZ881" s="162"/>
      <c r="CA881" s="162"/>
      <c r="CB881" s="162"/>
      <c r="CC881" s="162"/>
      <c r="CD881" s="162"/>
      <c r="CE881" s="162"/>
      <c r="CF881" s="162"/>
      <c r="CG881" s="162"/>
      <c r="CH881" s="162"/>
      <c r="CI881" s="162"/>
      <c r="CJ881" s="162"/>
      <c r="CK881" s="162"/>
      <c r="CX881" s="98"/>
      <c r="DL881" s="97"/>
      <c r="DX881" s="98"/>
      <c r="EL881" s="97"/>
      <c r="EX881" s="98"/>
      <c r="EY881" s="97"/>
      <c r="FL881" s="126"/>
      <c r="FM881" s="91"/>
      <c r="FN881" s="91"/>
      <c r="FO881" s="91"/>
      <c r="FP881" s="91"/>
      <c r="FQ881" s="91"/>
      <c r="FR881" s="91"/>
      <c r="FS881" s="91"/>
      <c r="FT881" s="91"/>
      <c r="FU881" s="91"/>
      <c r="FV881" s="91"/>
      <c r="FW881" s="91"/>
      <c r="FX881" s="91"/>
      <c r="FY881" s="91"/>
      <c r="FZ881" s="91"/>
      <c r="GA881" s="91"/>
      <c r="GB881" s="91"/>
      <c r="GC881" s="91"/>
      <c r="GD881" s="91"/>
      <c r="GE881" s="91"/>
      <c r="GF881" s="91"/>
      <c r="GG881" s="91"/>
      <c r="GH881" s="91"/>
      <c r="GI881" s="91"/>
      <c r="GJ881" s="91"/>
      <c r="GK881" s="127"/>
      <c r="GL881" s="126"/>
      <c r="GM881" s="91"/>
      <c r="GN881" s="91"/>
      <c r="GO881" s="91"/>
      <c r="GP881" s="91"/>
      <c r="GQ881" s="91"/>
      <c r="GR881" s="91"/>
      <c r="GS881" s="91"/>
      <c r="GT881" s="91"/>
      <c r="GU881" s="91"/>
      <c r="GV881" s="91"/>
      <c r="GW881" s="91"/>
      <c r="GX881" s="91"/>
      <c r="GY881" s="91"/>
      <c r="GZ881" s="91"/>
      <c r="HA881" s="91"/>
      <c r="HB881" s="91"/>
      <c r="HC881" s="91"/>
      <c r="HD881" s="91"/>
      <c r="HE881" s="91"/>
      <c r="HF881" s="91"/>
      <c r="HG881" s="91"/>
      <c r="HH881" s="91"/>
      <c r="HI881" s="91"/>
      <c r="HJ881" s="91"/>
      <c r="HK881" s="127"/>
      <c r="HL881" s="126"/>
      <c r="HM881" s="91"/>
      <c r="HN881" s="91"/>
      <c r="HO881" s="91"/>
      <c r="HP881" s="91"/>
      <c r="HQ881" s="91"/>
      <c r="HR881" s="91"/>
      <c r="HS881" s="91"/>
      <c r="HT881" s="91"/>
      <c r="HU881" s="91"/>
      <c r="HV881" s="91"/>
      <c r="HW881" s="91"/>
      <c r="HX881" s="91"/>
      <c r="HY881" s="91"/>
      <c r="HZ881" s="91"/>
      <c r="IA881" s="91"/>
      <c r="IB881" s="91"/>
      <c r="IC881" s="91"/>
      <c r="ID881" s="91"/>
      <c r="IE881" s="91"/>
      <c r="IF881" s="91"/>
      <c r="IG881" s="91"/>
      <c r="IH881" s="91"/>
      <c r="II881" s="91"/>
      <c r="IJ881" s="91"/>
      <c r="IK881" s="127"/>
    </row>
    <row r="882" spans="2:245" x14ac:dyDescent="0.2">
      <c r="B882" s="43"/>
      <c r="C882" s="73"/>
      <c r="D882" s="64"/>
      <c r="E882" s="64"/>
      <c r="F882" s="55"/>
      <c r="G882" s="102"/>
      <c r="H882" s="55"/>
      <c r="I882" s="55"/>
      <c r="J882" s="55"/>
      <c r="K882" s="55"/>
      <c r="L882" s="55"/>
      <c r="M882" s="55"/>
      <c r="N882" s="55"/>
      <c r="O882" s="55"/>
      <c r="P882" s="55"/>
      <c r="Q882" s="55"/>
      <c r="R882" s="55"/>
      <c r="S882" s="55"/>
      <c r="T882" s="55"/>
      <c r="U882" s="55"/>
      <c r="V882" s="55"/>
      <c r="W882" s="55"/>
      <c r="X882" s="55"/>
      <c r="Y882" s="55"/>
      <c r="Z882" s="55"/>
      <c r="AA882" s="55"/>
      <c r="AB882" s="55"/>
      <c r="AC882" s="55"/>
      <c r="AD882" s="55"/>
      <c r="AE882" s="55"/>
      <c r="AF882" s="55"/>
      <c r="AG882" s="55"/>
      <c r="AY882" s="162"/>
      <c r="AZ882" s="162"/>
      <c r="BA882" s="162"/>
      <c r="BB882" s="162"/>
      <c r="BC882" s="162"/>
      <c r="BD882" s="162"/>
      <c r="BE882" s="162"/>
      <c r="BF882" s="162"/>
      <c r="BG882" s="162"/>
      <c r="BH882" s="162"/>
      <c r="BI882" s="162"/>
      <c r="BJ882" s="162"/>
      <c r="BK882" s="162"/>
      <c r="BL882" s="162"/>
      <c r="BM882" s="162"/>
      <c r="BN882" s="162"/>
      <c r="BO882" s="162"/>
      <c r="BP882" s="162"/>
      <c r="BQ882" s="162"/>
      <c r="BR882" s="162"/>
      <c r="BS882" s="162"/>
      <c r="BT882" s="162"/>
      <c r="BU882" s="162"/>
      <c r="BV882" s="162"/>
      <c r="BW882" s="162"/>
      <c r="BX882" s="162"/>
      <c r="BY882" s="162"/>
      <c r="BZ882" s="162"/>
      <c r="CA882" s="162"/>
      <c r="CB882" s="162"/>
      <c r="CC882" s="162"/>
      <c r="CD882" s="162"/>
      <c r="CE882" s="162"/>
      <c r="CF882" s="162"/>
      <c r="CG882" s="162"/>
      <c r="CH882" s="162"/>
      <c r="CI882" s="162"/>
      <c r="CJ882" s="162"/>
      <c r="CK882" s="162"/>
      <c r="CX882" s="98"/>
      <c r="DL882" s="97"/>
      <c r="DX882" s="98"/>
      <c r="EL882" s="97"/>
      <c r="EX882" s="98"/>
      <c r="EY882" s="97"/>
      <c r="FL882" s="126"/>
      <c r="FM882" s="91"/>
      <c r="FN882" s="91"/>
      <c r="FO882" s="91"/>
      <c r="FP882" s="91"/>
      <c r="FQ882" s="91"/>
      <c r="FR882" s="91"/>
      <c r="FS882" s="91"/>
      <c r="FT882" s="91"/>
      <c r="FU882" s="91"/>
      <c r="FV882" s="91"/>
      <c r="FW882" s="91"/>
      <c r="FX882" s="91"/>
      <c r="FY882" s="91"/>
      <c r="FZ882" s="91"/>
      <c r="GA882" s="91"/>
      <c r="GB882" s="91"/>
      <c r="GC882" s="91"/>
      <c r="GD882" s="91"/>
      <c r="GE882" s="91"/>
      <c r="GF882" s="91"/>
      <c r="GG882" s="91"/>
      <c r="GH882" s="91"/>
      <c r="GI882" s="91"/>
      <c r="GJ882" s="91"/>
      <c r="GK882" s="127"/>
      <c r="GL882" s="126"/>
      <c r="GM882" s="91"/>
      <c r="GN882" s="91"/>
      <c r="GO882" s="91"/>
      <c r="GP882" s="91"/>
      <c r="GQ882" s="91"/>
      <c r="GR882" s="91"/>
      <c r="GS882" s="91"/>
      <c r="GT882" s="91"/>
      <c r="GU882" s="91"/>
      <c r="GV882" s="91"/>
      <c r="GW882" s="91"/>
      <c r="GX882" s="91"/>
      <c r="GY882" s="91"/>
      <c r="GZ882" s="91"/>
      <c r="HA882" s="91"/>
      <c r="HB882" s="91"/>
      <c r="HC882" s="91"/>
      <c r="HD882" s="91"/>
      <c r="HE882" s="91"/>
      <c r="HF882" s="91"/>
      <c r="HG882" s="91"/>
      <c r="HH882" s="91"/>
      <c r="HI882" s="91"/>
      <c r="HJ882" s="91"/>
      <c r="HK882" s="127"/>
      <c r="HL882" s="126"/>
      <c r="HM882" s="91"/>
      <c r="HN882" s="91"/>
      <c r="HO882" s="91"/>
      <c r="HP882" s="91"/>
      <c r="HQ882" s="91"/>
      <c r="HR882" s="91"/>
      <c r="HS882" s="91"/>
      <c r="HT882" s="91"/>
      <c r="HU882" s="91"/>
      <c r="HV882" s="91"/>
      <c r="HW882" s="91"/>
      <c r="HX882" s="91"/>
      <c r="HY882" s="91"/>
      <c r="HZ882" s="91"/>
      <c r="IA882" s="91"/>
      <c r="IB882" s="91"/>
      <c r="IC882" s="91"/>
      <c r="ID882" s="91"/>
      <c r="IE882" s="91"/>
      <c r="IF882" s="91"/>
      <c r="IG882" s="91"/>
      <c r="IH882" s="91"/>
      <c r="II882" s="91"/>
      <c r="IJ882" s="91"/>
      <c r="IK882" s="127"/>
    </row>
    <row r="883" spans="2:245" x14ac:dyDescent="0.2">
      <c r="B883" s="43"/>
      <c r="C883" s="73"/>
      <c r="D883" s="64"/>
      <c r="E883" s="64"/>
      <c r="F883" s="55"/>
      <c r="G883" s="102"/>
      <c r="H883" s="55"/>
      <c r="I883" s="55"/>
      <c r="J883" s="55"/>
      <c r="K883" s="55"/>
      <c r="L883" s="55"/>
      <c r="M883" s="55"/>
      <c r="N883" s="55"/>
      <c r="O883" s="55"/>
      <c r="P883" s="55"/>
      <c r="Q883" s="55"/>
      <c r="R883" s="55"/>
      <c r="S883" s="55"/>
      <c r="T883" s="55"/>
      <c r="U883" s="55"/>
      <c r="V883" s="55"/>
      <c r="W883" s="55"/>
      <c r="X883" s="55"/>
      <c r="Y883" s="55"/>
      <c r="Z883" s="55"/>
      <c r="AA883" s="55"/>
      <c r="AB883" s="55"/>
      <c r="AC883" s="55"/>
      <c r="AD883" s="55"/>
      <c r="AE883" s="55"/>
      <c r="AF883" s="55"/>
      <c r="AG883" s="55"/>
      <c r="AY883" s="162"/>
      <c r="AZ883" s="162"/>
      <c r="BA883" s="162"/>
      <c r="BB883" s="162"/>
      <c r="BC883" s="162"/>
      <c r="BD883" s="162"/>
      <c r="BE883" s="162"/>
      <c r="BF883" s="162"/>
      <c r="BG883" s="162"/>
      <c r="BH883" s="162"/>
      <c r="BI883" s="162"/>
      <c r="BJ883" s="162"/>
      <c r="BK883" s="162"/>
      <c r="BL883" s="162"/>
      <c r="BM883" s="162"/>
      <c r="BN883" s="162"/>
      <c r="BO883" s="162"/>
      <c r="BP883" s="162"/>
      <c r="BQ883" s="162"/>
      <c r="BR883" s="162"/>
      <c r="BS883" s="162"/>
      <c r="BT883" s="162"/>
      <c r="BU883" s="162"/>
      <c r="BV883" s="162"/>
      <c r="BW883" s="162"/>
      <c r="BX883" s="162"/>
      <c r="BY883" s="162"/>
      <c r="BZ883" s="162"/>
      <c r="CA883" s="162"/>
      <c r="CB883" s="162"/>
      <c r="CC883" s="162"/>
      <c r="CD883" s="162"/>
      <c r="CE883" s="162"/>
      <c r="CF883" s="162"/>
      <c r="CG883" s="162"/>
      <c r="CH883" s="162"/>
      <c r="CI883" s="162"/>
      <c r="CJ883" s="162"/>
      <c r="CK883" s="162"/>
      <c r="CX883" s="98"/>
      <c r="DL883" s="97"/>
      <c r="DX883" s="98"/>
      <c r="EL883" s="97"/>
      <c r="EX883" s="98"/>
      <c r="EY883" s="97"/>
      <c r="FL883" s="126"/>
      <c r="FM883" s="91"/>
      <c r="FN883" s="91"/>
      <c r="FO883" s="91"/>
      <c r="FP883" s="91"/>
      <c r="FQ883" s="91"/>
      <c r="FR883" s="91"/>
      <c r="FS883" s="91"/>
      <c r="FT883" s="91"/>
      <c r="FU883" s="91"/>
      <c r="FV883" s="91"/>
      <c r="FW883" s="91"/>
      <c r="FX883" s="91"/>
      <c r="FY883" s="91"/>
      <c r="FZ883" s="91"/>
      <c r="GA883" s="91"/>
      <c r="GB883" s="91"/>
      <c r="GC883" s="91"/>
      <c r="GD883" s="91"/>
      <c r="GE883" s="91"/>
      <c r="GF883" s="91"/>
      <c r="GG883" s="91"/>
      <c r="GH883" s="91"/>
      <c r="GI883" s="91"/>
      <c r="GJ883" s="91"/>
      <c r="GK883" s="127"/>
      <c r="GL883" s="126"/>
      <c r="GM883" s="91"/>
      <c r="GN883" s="91"/>
      <c r="GO883" s="91"/>
      <c r="GP883" s="91"/>
      <c r="GQ883" s="91"/>
      <c r="GR883" s="91"/>
      <c r="GS883" s="91"/>
      <c r="GT883" s="91"/>
      <c r="GU883" s="91"/>
      <c r="GV883" s="91"/>
      <c r="GW883" s="91"/>
      <c r="GX883" s="91"/>
      <c r="GY883" s="91"/>
      <c r="GZ883" s="91"/>
      <c r="HA883" s="91"/>
      <c r="HB883" s="91"/>
      <c r="HC883" s="91"/>
      <c r="HD883" s="91"/>
      <c r="HE883" s="91"/>
      <c r="HF883" s="91"/>
      <c r="HG883" s="91"/>
      <c r="HH883" s="91"/>
      <c r="HI883" s="91"/>
      <c r="HJ883" s="91"/>
      <c r="HK883" s="127"/>
      <c r="HL883" s="126"/>
      <c r="HM883" s="91"/>
      <c r="HN883" s="91"/>
      <c r="HO883" s="91"/>
      <c r="HP883" s="91"/>
      <c r="HQ883" s="91"/>
      <c r="HR883" s="91"/>
      <c r="HS883" s="91"/>
      <c r="HT883" s="91"/>
      <c r="HU883" s="91"/>
      <c r="HV883" s="91"/>
      <c r="HW883" s="91"/>
      <c r="HX883" s="91"/>
      <c r="HY883" s="91"/>
      <c r="HZ883" s="91"/>
      <c r="IA883" s="91"/>
      <c r="IB883" s="91"/>
      <c r="IC883" s="91"/>
      <c r="ID883" s="91"/>
      <c r="IE883" s="91"/>
      <c r="IF883" s="91"/>
      <c r="IG883" s="91"/>
      <c r="IH883" s="91"/>
      <c r="II883" s="91"/>
      <c r="IJ883" s="91"/>
      <c r="IK883" s="127"/>
    </row>
    <row r="884" spans="2:245" x14ac:dyDescent="0.2">
      <c r="B884" s="43"/>
      <c r="C884" s="73"/>
      <c r="D884" s="64"/>
      <c r="E884" s="64"/>
      <c r="F884" s="55"/>
      <c r="G884" s="102"/>
      <c r="H884" s="55"/>
      <c r="I884" s="55"/>
      <c r="J884" s="55"/>
      <c r="K884" s="55"/>
      <c r="L884" s="55"/>
      <c r="M884" s="55"/>
      <c r="N884" s="55"/>
      <c r="O884" s="55"/>
      <c r="P884" s="55"/>
      <c r="Q884" s="55"/>
      <c r="R884" s="55"/>
      <c r="S884" s="55"/>
      <c r="T884" s="55"/>
      <c r="U884" s="55"/>
      <c r="V884" s="55"/>
      <c r="W884" s="55"/>
      <c r="X884" s="55"/>
      <c r="Y884" s="55"/>
      <c r="Z884" s="55"/>
      <c r="AA884" s="55"/>
      <c r="AB884" s="55"/>
      <c r="AC884" s="55"/>
      <c r="AD884" s="55"/>
      <c r="AE884" s="55"/>
      <c r="AF884" s="55"/>
      <c r="AG884" s="55"/>
      <c r="AY884" s="162"/>
      <c r="AZ884" s="162"/>
      <c r="BA884" s="162"/>
      <c r="BB884" s="162"/>
      <c r="BC884" s="162"/>
      <c r="BD884" s="162"/>
      <c r="BE884" s="162"/>
      <c r="BF884" s="162"/>
      <c r="BG884" s="162"/>
      <c r="BH884" s="162"/>
      <c r="BI884" s="162"/>
      <c r="BJ884" s="162"/>
      <c r="BK884" s="162"/>
      <c r="BL884" s="162"/>
      <c r="BM884" s="162"/>
      <c r="BN884" s="162"/>
      <c r="BO884" s="162"/>
      <c r="BP884" s="162"/>
      <c r="BQ884" s="162"/>
      <c r="BR884" s="162"/>
      <c r="BS884" s="162"/>
      <c r="BT884" s="162"/>
      <c r="BU884" s="162"/>
      <c r="BV884" s="162"/>
      <c r="BW884" s="162"/>
      <c r="BX884" s="162"/>
      <c r="BY884" s="162"/>
      <c r="BZ884" s="162"/>
      <c r="CA884" s="162"/>
      <c r="CB884" s="162"/>
      <c r="CC884" s="162"/>
      <c r="CD884" s="162"/>
      <c r="CE884" s="162"/>
      <c r="CF884" s="162"/>
      <c r="CG884" s="162"/>
      <c r="CH884" s="162"/>
      <c r="CI884" s="162"/>
      <c r="CJ884" s="162"/>
      <c r="CK884" s="162"/>
      <c r="CX884" s="98"/>
      <c r="DL884" s="97"/>
      <c r="DX884" s="98"/>
      <c r="EL884" s="97"/>
      <c r="EX884" s="98"/>
      <c r="EY884" s="97"/>
      <c r="FL884" s="126"/>
      <c r="FM884" s="91"/>
      <c r="FN884" s="91"/>
      <c r="FO884" s="91"/>
      <c r="FP884" s="91"/>
      <c r="FQ884" s="91"/>
      <c r="FR884" s="91"/>
      <c r="FS884" s="91"/>
      <c r="FT884" s="91"/>
      <c r="FU884" s="91"/>
      <c r="FV884" s="91"/>
      <c r="FW884" s="91"/>
      <c r="FX884" s="91"/>
      <c r="FY884" s="91"/>
      <c r="FZ884" s="91"/>
      <c r="GA884" s="91"/>
      <c r="GB884" s="91"/>
      <c r="GC884" s="91"/>
      <c r="GD884" s="91"/>
      <c r="GE884" s="91"/>
      <c r="GF884" s="91"/>
      <c r="GG884" s="91"/>
      <c r="GH884" s="91"/>
      <c r="GI884" s="91"/>
      <c r="GJ884" s="91"/>
      <c r="GK884" s="127"/>
      <c r="GL884" s="126"/>
      <c r="GM884" s="91"/>
      <c r="GN884" s="91"/>
      <c r="GO884" s="91"/>
      <c r="GP884" s="91"/>
      <c r="GQ884" s="91"/>
      <c r="GR884" s="91"/>
      <c r="GS884" s="91"/>
      <c r="GT884" s="91"/>
      <c r="GU884" s="91"/>
      <c r="GV884" s="91"/>
      <c r="GW884" s="91"/>
      <c r="GX884" s="91"/>
      <c r="GY884" s="91"/>
      <c r="GZ884" s="91"/>
      <c r="HA884" s="91"/>
      <c r="HB884" s="91"/>
      <c r="HC884" s="91"/>
      <c r="HD884" s="91"/>
      <c r="HE884" s="91"/>
      <c r="HF884" s="91"/>
      <c r="HG884" s="91"/>
      <c r="HH884" s="91"/>
      <c r="HI884" s="91"/>
      <c r="HJ884" s="91"/>
      <c r="HK884" s="127"/>
      <c r="HL884" s="126"/>
      <c r="HM884" s="91"/>
      <c r="HN884" s="91"/>
      <c r="HO884" s="91"/>
      <c r="HP884" s="91"/>
      <c r="HQ884" s="91"/>
      <c r="HR884" s="91"/>
      <c r="HS884" s="91"/>
      <c r="HT884" s="91"/>
      <c r="HU884" s="91"/>
      <c r="HV884" s="91"/>
      <c r="HW884" s="91"/>
      <c r="HX884" s="91"/>
      <c r="HY884" s="91"/>
      <c r="HZ884" s="91"/>
      <c r="IA884" s="91"/>
      <c r="IB884" s="91"/>
      <c r="IC884" s="91"/>
      <c r="ID884" s="91"/>
      <c r="IE884" s="91"/>
      <c r="IF884" s="91"/>
      <c r="IG884" s="91"/>
      <c r="IH884" s="91"/>
      <c r="II884" s="91"/>
      <c r="IJ884" s="91"/>
      <c r="IK884" s="127"/>
    </row>
    <row r="885" spans="2:245" x14ac:dyDescent="0.2">
      <c r="B885" s="43"/>
      <c r="C885" s="73"/>
      <c r="D885" s="64"/>
      <c r="E885" s="64"/>
      <c r="F885" s="55"/>
      <c r="G885" s="102"/>
      <c r="H885" s="55"/>
      <c r="I885" s="55"/>
      <c r="J885" s="55"/>
      <c r="K885" s="55"/>
      <c r="L885" s="55"/>
      <c r="M885" s="55"/>
      <c r="N885" s="55"/>
      <c r="O885" s="55"/>
      <c r="P885" s="55"/>
      <c r="Q885" s="55"/>
      <c r="R885" s="55"/>
      <c r="S885" s="55"/>
      <c r="T885" s="55"/>
      <c r="U885" s="55"/>
      <c r="V885" s="55"/>
      <c r="W885" s="55"/>
      <c r="X885" s="55"/>
      <c r="Y885" s="55"/>
      <c r="Z885" s="55"/>
      <c r="AA885" s="55"/>
      <c r="AB885" s="55"/>
      <c r="AC885" s="55"/>
      <c r="AD885" s="55"/>
      <c r="AE885" s="55"/>
      <c r="AF885" s="55"/>
      <c r="AG885" s="55"/>
      <c r="AY885" s="162"/>
      <c r="AZ885" s="162"/>
      <c r="BA885" s="162"/>
      <c r="BB885" s="162"/>
      <c r="BC885" s="162"/>
      <c r="BD885" s="162"/>
      <c r="BE885" s="162"/>
      <c r="BF885" s="162"/>
      <c r="BG885" s="162"/>
      <c r="BH885" s="162"/>
      <c r="BI885" s="162"/>
      <c r="BJ885" s="162"/>
      <c r="BK885" s="162"/>
      <c r="BL885" s="162"/>
      <c r="BM885" s="162"/>
      <c r="BN885" s="162"/>
      <c r="BO885" s="162"/>
      <c r="BP885" s="162"/>
      <c r="BQ885" s="162"/>
      <c r="BR885" s="162"/>
      <c r="BS885" s="162"/>
      <c r="BT885" s="162"/>
      <c r="BU885" s="162"/>
      <c r="BV885" s="162"/>
      <c r="BW885" s="162"/>
      <c r="BX885" s="162"/>
      <c r="BY885" s="162"/>
      <c r="BZ885" s="162"/>
      <c r="CA885" s="162"/>
      <c r="CB885" s="162"/>
      <c r="CC885" s="162"/>
      <c r="CD885" s="162"/>
      <c r="CE885" s="162"/>
      <c r="CF885" s="162"/>
      <c r="CG885" s="162"/>
      <c r="CH885" s="162"/>
      <c r="CI885" s="162"/>
      <c r="CJ885" s="162"/>
      <c r="CK885" s="162"/>
      <c r="CX885" s="98"/>
      <c r="DL885" s="97"/>
      <c r="DX885" s="98"/>
      <c r="EL885" s="97"/>
      <c r="EX885" s="98"/>
      <c r="EY885" s="97"/>
      <c r="FL885" s="126"/>
      <c r="FM885" s="91"/>
      <c r="FN885" s="91"/>
      <c r="FO885" s="91"/>
      <c r="FP885" s="91"/>
      <c r="FQ885" s="91"/>
      <c r="FR885" s="91"/>
      <c r="FS885" s="91"/>
      <c r="FT885" s="91"/>
      <c r="FU885" s="91"/>
      <c r="FV885" s="91"/>
      <c r="FW885" s="91"/>
      <c r="FX885" s="91"/>
      <c r="FY885" s="91"/>
      <c r="FZ885" s="91"/>
      <c r="GA885" s="91"/>
      <c r="GB885" s="91"/>
      <c r="GC885" s="91"/>
      <c r="GD885" s="91"/>
      <c r="GE885" s="91"/>
      <c r="GF885" s="91"/>
      <c r="GG885" s="91"/>
      <c r="GH885" s="91"/>
      <c r="GI885" s="91"/>
      <c r="GJ885" s="91"/>
      <c r="GK885" s="127"/>
      <c r="GL885" s="126"/>
      <c r="GM885" s="91"/>
      <c r="GN885" s="91"/>
      <c r="GO885" s="91"/>
      <c r="GP885" s="91"/>
      <c r="GQ885" s="91"/>
      <c r="GR885" s="91"/>
      <c r="GS885" s="91"/>
      <c r="GT885" s="91"/>
      <c r="GU885" s="91"/>
      <c r="GV885" s="91"/>
      <c r="GW885" s="91"/>
      <c r="GX885" s="91"/>
      <c r="GY885" s="91"/>
      <c r="GZ885" s="91"/>
      <c r="HA885" s="91"/>
      <c r="HB885" s="91"/>
      <c r="HC885" s="91"/>
      <c r="HD885" s="91"/>
      <c r="HE885" s="91"/>
      <c r="HF885" s="91"/>
      <c r="HG885" s="91"/>
      <c r="HH885" s="91"/>
      <c r="HI885" s="91"/>
      <c r="HJ885" s="91"/>
      <c r="HK885" s="127"/>
      <c r="HL885" s="126"/>
      <c r="HM885" s="91"/>
      <c r="HN885" s="91"/>
      <c r="HO885" s="91"/>
      <c r="HP885" s="91"/>
      <c r="HQ885" s="91"/>
      <c r="HR885" s="91"/>
      <c r="HS885" s="91"/>
      <c r="HT885" s="91"/>
      <c r="HU885" s="91"/>
      <c r="HV885" s="91"/>
      <c r="HW885" s="91"/>
      <c r="HX885" s="91"/>
      <c r="HY885" s="91"/>
      <c r="HZ885" s="91"/>
      <c r="IA885" s="91"/>
      <c r="IB885" s="91"/>
      <c r="IC885" s="91"/>
      <c r="ID885" s="91"/>
      <c r="IE885" s="91"/>
      <c r="IF885" s="91"/>
      <c r="IG885" s="91"/>
      <c r="IH885" s="91"/>
      <c r="II885" s="91"/>
      <c r="IJ885" s="91"/>
      <c r="IK885" s="127"/>
    </row>
    <row r="886" spans="2:245" x14ac:dyDescent="0.2">
      <c r="B886" s="43"/>
      <c r="C886" s="73"/>
      <c r="D886" s="64"/>
      <c r="E886" s="64"/>
      <c r="F886" s="55"/>
      <c r="G886" s="102"/>
      <c r="H886" s="55"/>
      <c r="I886" s="55"/>
      <c r="J886" s="55"/>
      <c r="K886" s="55"/>
      <c r="L886" s="55"/>
      <c r="M886" s="55"/>
      <c r="N886" s="55"/>
      <c r="O886" s="55"/>
      <c r="P886" s="55"/>
      <c r="Q886" s="55"/>
      <c r="R886" s="55"/>
      <c r="S886" s="55"/>
      <c r="T886" s="55"/>
      <c r="U886" s="55"/>
      <c r="V886" s="55"/>
      <c r="W886" s="55"/>
      <c r="X886" s="55"/>
      <c r="Y886" s="55"/>
      <c r="Z886" s="55"/>
      <c r="AA886" s="55"/>
      <c r="AB886" s="55"/>
      <c r="AC886" s="55"/>
      <c r="AD886" s="55"/>
      <c r="AE886" s="55"/>
      <c r="AF886" s="55"/>
      <c r="AG886" s="55"/>
      <c r="AY886" s="162"/>
      <c r="AZ886" s="162"/>
      <c r="BA886" s="162"/>
      <c r="BB886" s="162"/>
      <c r="BC886" s="162"/>
      <c r="BD886" s="162"/>
      <c r="BE886" s="162"/>
      <c r="BF886" s="162"/>
      <c r="BG886" s="162"/>
      <c r="BH886" s="162"/>
      <c r="BI886" s="162"/>
      <c r="BJ886" s="162"/>
      <c r="BK886" s="162"/>
      <c r="BL886" s="162"/>
      <c r="BM886" s="162"/>
      <c r="BN886" s="162"/>
      <c r="BO886" s="162"/>
      <c r="BP886" s="162"/>
      <c r="BQ886" s="162"/>
      <c r="BR886" s="162"/>
      <c r="BS886" s="162"/>
      <c r="BT886" s="162"/>
      <c r="BU886" s="162"/>
      <c r="BV886" s="162"/>
      <c r="BW886" s="162"/>
      <c r="BX886" s="162"/>
      <c r="BY886" s="162"/>
      <c r="BZ886" s="162"/>
      <c r="CA886" s="162"/>
      <c r="CB886" s="162"/>
      <c r="CC886" s="162"/>
      <c r="CD886" s="162"/>
      <c r="CE886" s="162"/>
      <c r="CF886" s="162"/>
      <c r="CG886" s="162"/>
      <c r="CH886" s="162"/>
      <c r="CI886" s="162"/>
      <c r="CJ886" s="162"/>
      <c r="CK886" s="162"/>
      <c r="CX886" s="98"/>
      <c r="DL886" s="97"/>
      <c r="DX886" s="98"/>
      <c r="EL886" s="97"/>
      <c r="EX886" s="98"/>
      <c r="EY886" s="97"/>
      <c r="FL886" s="126"/>
      <c r="FM886" s="91"/>
      <c r="FN886" s="91"/>
      <c r="FO886" s="91"/>
      <c r="FP886" s="91"/>
      <c r="FQ886" s="91"/>
      <c r="FR886" s="91"/>
      <c r="FS886" s="91"/>
      <c r="FT886" s="91"/>
      <c r="FU886" s="91"/>
      <c r="FV886" s="91"/>
      <c r="FW886" s="91"/>
      <c r="FX886" s="91"/>
      <c r="FY886" s="91"/>
      <c r="FZ886" s="91"/>
      <c r="GA886" s="91"/>
      <c r="GB886" s="91"/>
      <c r="GC886" s="91"/>
      <c r="GD886" s="91"/>
      <c r="GE886" s="91"/>
      <c r="GF886" s="91"/>
      <c r="GG886" s="91"/>
      <c r="GH886" s="91"/>
      <c r="GI886" s="91"/>
      <c r="GJ886" s="91"/>
      <c r="GK886" s="127"/>
      <c r="GL886" s="126"/>
      <c r="GM886" s="91"/>
      <c r="GN886" s="91"/>
      <c r="GO886" s="91"/>
      <c r="GP886" s="91"/>
      <c r="GQ886" s="91"/>
      <c r="GR886" s="91"/>
      <c r="GS886" s="91"/>
      <c r="GT886" s="91"/>
      <c r="GU886" s="91"/>
      <c r="GV886" s="91"/>
      <c r="GW886" s="91"/>
      <c r="GX886" s="91"/>
      <c r="GY886" s="91"/>
      <c r="GZ886" s="91"/>
      <c r="HA886" s="91"/>
      <c r="HB886" s="91"/>
      <c r="HC886" s="91"/>
      <c r="HD886" s="91"/>
      <c r="HE886" s="91"/>
      <c r="HF886" s="91"/>
      <c r="HG886" s="91"/>
      <c r="HH886" s="91"/>
      <c r="HI886" s="91"/>
      <c r="HJ886" s="91"/>
      <c r="HK886" s="127"/>
      <c r="HL886" s="126"/>
      <c r="HM886" s="91"/>
      <c r="HN886" s="91"/>
      <c r="HO886" s="91"/>
      <c r="HP886" s="91"/>
      <c r="HQ886" s="91"/>
      <c r="HR886" s="91"/>
      <c r="HS886" s="91"/>
      <c r="HT886" s="91"/>
      <c r="HU886" s="91"/>
      <c r="HV886" s="91"/>
      <c r="HW886" s="91"/>
      <c r="HX886" s="91"/>
      <c r="HY886" s="91"/>
      <c r="HZ886" s="91"/>
      <c r="IA886" s="91"/>
      <c r="IB886" s="91"/>
      <c r="IC886" s="91"/>
      <c r="ID886" s="91"/>
      <c r="IE886" s="91"/>
      <c r="IF886" s="91"/>
      <c r="IG886" s="91"/>
      <c r="IH886" s="91"/>
      <c r="II886" s="91"/>
      <c r="IJ886" s="91"/>
      <c r="IK886" s="127"/>
    </row>
    <row r="887" spans="2:245" x14ac:dyDescent="0.2">
      <c r="B887" s="43"/>
      <c r="C887" s="73"/>
      <c r="D887" s="64"/>
      <c r="E887" s="64"/>
      <c r="F887" s="55"/>
      <c r="G887" s="102"/>
      <c r="H887" s="55"/>
      <c r="I887" s="55"/>
      <c r="J887" s="55"/>
      <c r="K887" s="55"/>
      <c r="L887" s="55"/>
      <c r="M887" s="55"/>
      <c r="N887" s="55"/>
      <c r="O887" s="55"/>
      <c r="P887" s="55"/>
      <c r="Q887" s="55"/>
      <c r="R887" s="55"/>
      <c r="S887" s="55"/>
      <c r="T887" s="55"/>
      <c r="U887" s="55"/>
      <c r="V887" s="55"/>
      <c r="W887" s="55"/>
      <c r="X887" s="55"/>
      <c r="Y887" s="55"/>
      <c r="Z887" s="55"/>
      <c r="AA887" s="55"/>
      <c r="AB887" s="55"/>
      <c r="AC887" s="55"/>
      <c r="AD887" s="55"/>
      <c r="AE887" s="55"/>
      <c r="AF887" s="55"/>
      <c r="AG887" s="55"/>
      <c r="AY887" s="162"/>
      <c r="AZ887" s="162"/>
      <c r="BA887" s="162"/>
      <c r="BB887" s="162"/>
      <c r="BC887" s="162"/>
      <c r="BD887" s="162"/>
      <c r="BE887" s="162"/>
      <c r="BF887" s="162"/>
      <c r="BG887" s="162"/>
      <c r="BH887" s="162"/>
      <c r="BI887" s="162"/>
      <c r="BJ887" s="162"/>
      <c r="BK887" s="162"/>
      <c r="BL887" s="162"/>
      <c r="BM887" s="162"/>
      <c r="BN887" s="162"/>
      <c r="BO887" s="162"/>
      <c r="BP887" s="162"/>
      <c r="BQ887" s="162"/>
      <c r="BR887" s="162"/>
      <c r="BS887" s="162"/>
      <c r="BT887" s="162"/>
      <c r="BU887" s="162"/>
      <c r="BV887" s="162"/>
      <c r="BW887" s="162"/>
      <c r="BX887" s="162"/>
      <c r="BY887" s="162"/>
      <c r="BZ887" s="162"/>
      <c r="CA887" s="162"/>
      <c r="CB887" s="162"/>
      <c r="CC887" s="162"/>
      <c r="CD887" s="162"/>
      <c r="CE887" s="162"/>
      <c r="CF887" s="162"/>
      <c r="CG887" s="162"/>
      <c r="CH887" s="162"/>
      <c r="CI887" s="162"/>
      <c r="CJ887" s="162"/>
      <c r="CK887" s="162"/>
      <c r="CX887" s="98"/>
      <c r="DL887" s="97"/>
      <c r="DX887" s="98"/>
      <c r="EL887" s="97"/>
      <c r="EX887" s="98"/>
      <c r="EY887" s="97"/>
      <c r="FL887" s="126"/>
      <c r="FM887" s="91"/>
      <c r="FN887" s="91"/>
      <c r="FO887" s="91"/>
      <c r="FP887" s="91"/>
      <c r="FQ887" s="91"/>
      <c r="FR887" s="91"/>
      <c r="FS887" s="91"/>
      <c r="FT887" s="91"/>
      <c r="FU887" s="91"/>
      <c r="FV887" s="91"/>
      <c r="FW887" s="91"/>
      <c r="FX887" s="91"/>
      <c r="FY887" s="91"/>
      <c r="FZ887" s="91"/>
      <c r="GA887" s="91"/>
      <c r="GB887" s="91"/>
      <c r="GC887" s="91"/>
      <c r="GD887" s="91"/>
      <c r="GE887" s="91"/>
      <c r="GF887" s="91"/>
      <c r="GG887" s="91"/>
      <c r="GH887" s="91"/>
      <c r="GI887" s="91"/>
      <c r="GJ887" s="91"/>
      <c r="GK887" s="127"/>
      <c r="GL887" s="126"/>
      <c r="GM887" s="91"/>
      <c r="GN887" s="91"/>
      <c r="GO887" s="91"/>
      <c r="GP887" s="91"/>
      <c r="GQ887" s="91"/>
      <c r="GR887" s="91"/>
      <c r="GS887" s="91"/>
      <c r="GT887" s="91"/>
      <c r="GU887" s="91"/>
      <c r="GV887" s="91"/>
      <c r="GW887" s="91"/>
      <c r="GX887" s="91"/>
      <c r="GY887" s="91"/>
      <c r="GZ887" s="91"/>
      <c r="HA887" s="91"/>
      <c r="HB887" s="91"/>
      <c r="HC887" s="91"/>
      <c r="HD887" s="91"/>
      <c r="HE887" s="91"/>
      <c r="HF887" s="91"/>
      <c r="HG887" s="91"/>
      <c r="HH887" s="91"/>
      <c r="HI887" s="91"/>
      <c r="HJ887" s="91"/>
      <c r="HK887" s="127"/>
      <c r="HL887" s="126"/>
      <c r="HM887" s="91"/>
      <c r="HN887" s="91"/>
      <c r="HO887" s="91"/>
      <c r="HP887" s="91"/>
      <c r="HQ887" s="91"/>
      <c r="HR887" s="91"/>
      <c r="HS887" s="91"/>
      <c r="HT887" s="91"/>
      <c r="HU887" s="91"/>
      <c r="HV887" s="91"/>
      <c r="HW887" s="91"/>
      <c r="HX887" s="91"/>
      <c r="HY887" s="91"/>
      <c r="HZ887" s="91"/>
      <c r="IA887" s="91"/>
      <c r="IB887" s="91"/>
      <c r="IC887" s="91"/>
      <c r="ID887" s="91"/>
      <c r="IE887" s="91"/>
      <c r="IF887" s="91"/>
      <c r="IG887" s="91"/>
      <c r="IH887" s="91"/>
      <c r="II887" s="91"/>
      <c r="IJ887" s="91"/>
      <c r="IK887" s="127"/>
    </row>
    <row r="888" spans="2:245" x14ac:dyDescent="0.2">
      <c r="B888" s="43"/>
      <c r="C888" s="73"/>
      <c r="D888" s="64"/>
      <c r="E888" s="64"/>
      <c r="F888" s="55"/>
      <c r="G888" s="102"/>
      <c r="H888" s="55"/>
      <c r="I888" s="55"/>
      <c r="J888" s="55"/>
      <c r="K888" s="55"/>
      <c r="L888" s="55"/>
      <c r="M888" s="55"/>
      <c r="N888" s="55"/>
      <c r="O888" s="55"/>
      <c r="P888" s="55"/>
      <c r="Q888" s="55"/>
      <c r="R888" s="55"/>
      <c r="S888" s="55"/>
      <c r="T888" s="55"/>
      <c r="U888" s="55"/>
      <c r="V888" s="55"/>
      <c r="W888" s="55"/>
      <c r="X888" s="55"/>
      <c r="Y888" s="55"/>
      <c r="Z888" s="55"/>
      <c r="AA888" s="55"/>
      <c r="AB888" s="55"/>
      <c r="AC888" s="55"/>
      <c r="AD888" s="55"/>
      <c r="AE888" s="55"/>
      <c r="AF888" s="55"/>
      <c r="AG888" s="55"/>
      <c r="AY888" s="162"/>
      <c r="AZ888" s="162"/>
      <c r="BA888" s="162"/>
      <c r="BB888" s="162"/>
      <c r="BC888" s="162"/>
      <c r="BD888" s="162"/>
      <c r="BE888" s="162"/>
      <c r="BF888" s="162"/>
      <c r="BG888" s="162"/>
      <c r="BH888" s="162"/>
      <c r="BI888" s="162"/>
      <c r="BJ888" s="162"/>
      <c r="BK888" s="162"/>
      <c r="BL888" s="162"/>
      <c r="BM888" s="162"/>
      <c r="BN888" s="162"/>
      <c r="BO888" s="162"/>
      <c r="BP888" s="162"/>
      <c r="BQ888" s="162"/>
      <c r="BR888" s="162"/>
      <c r="BS888" s="162"/>
      <c r="BT888" s="162"/>
      <c r="BU888" s="162"/>
      <c r="BV888" s="162"/>
      <c r="BW888" s="162"/>
      <c r="BX888" s="162"/>
      <c r="BY888" s="162"/>
      <c r="BZ888" s="162"/>
      <c r="CA888" s="162"/>
      <c r="CB888" s="162"/>
      <c r="CC888" s="162"/>
      <c r="CD888" s="162"/>
      <c r="CE888" s="162"/>
      <c r="CF888" s="162"/>
      <c r="CG888" s="162"/>
      <c r="CH888" s="162"/>
      <c r="CI888" s="162"/>
      <c r="CJ888" s="162"/>
      <c r="CK888" s="162"/>
      <c r="CX888" s="98"/>
      <c r="DL888" s="97"/>
      <c r="DX888" s="98"/>
      <c r="EL888" s="97"/>
      <c r="EX888" s="98"/>
      <c r="EY888" s="97"/>
      <c r="FL888" s="126"/>
      <c r="FM888" s="91"/>
      <c r="FN888" s="91"/>
      <c r="FO888" s="91"/>
      <c r="FP888" s="91"/>
      <c r="FQ888" s="91"/>
      <c r="FR888" s="91"/>
      <c r="FS888" s="91"/>
      <c r="FT888" s="91"/>
      <c r="FU888" s="91"/>
      <c r="FV888" s="91"/>
      <c r="FW888" s="91"/>
      <c r="FX888" s="91"/>
      <c r="FY888" s="91"/>
      <c r="FZ888" s="91"/>
      <c r="GA888" s="91"/>
      <c r="GB888" s="91"/>
      <c r="GC888" s="91"/>
      <c r="GD888" s="91"/>
      <c r="GE888" s="91"/>
      <c r="GF888" s="91"/>
      <c r="GG888" s="91"/>
      <c r="GH888" s="91"/>
      <c r="GI888" s="91"/>
      <c r="GJ888" s="91"/>
      <c r="GK888" s="127"/>
      <c r="GL888" s="126"/>
      <c r="GM888" s="91"/>
      <c r="GN888" s="91"/>
      <c r="GO888" s="91"/>
      <c r="GP888" s="91"/>
      <c r="GQ888" s="91"/>
      <c r="GR888" s="91"/>
      <c r="GS888" s="91"/>
      <c r="GT888" s="91"/>
      <c r="GU888" s="91"/>
      <c r="GV888" s="91"/>
      <c r="GW888" s="91"/>
      <c r="GX888" s="91"/>
      <c r="GY888" s="91"/>
      <c r="GZ888" s="91"/>
      <c r="HA888" s="91"/>
      <c r="HB888" s="91"/>
      <c r="HC888" s="91"/>
      <c r="HD888" s="91"/>
      <c r="HE888" s="91"/>
      <c r="HF888" s="91"/>
      <c r="HG888" s="91"/>
      <c r="HH888" s="91"/>
      <c r="HI888" s="91"/>
      <c r="HJ888" s="91"/>
      <c r="HK888" s="127"/>
      <c r="HL888" s="126"/>
      <c r="HM888" s="91"/>
      <c r="HN888" s="91"/>
      <c r="HO888" s="91"/>
      <c r="HP888" s="91"/>
      <c r="HQ888" s="91"/>
      <c r="HR888" s="91"/>
      <c r="HS888" s="91"/>
      <c r="HT888" s="91"/>
      <c r="HU888" s="91"/>
      <c r="HV888" s="91"/>
      <c r="HW888" s="91"/>
      <c r="HX888" s="91"/>
      <c r="HY888" s="91"/>
      <c r="HZ888" s="91"/>
      <c r="IA888" s="91"/>
      <c r="IB888" s="91"/>
      <c r="IC888" s="91"/>
      <c r="ID888" s="91"/>
      <c r="IE888" s="91"/>
      <c r="IF888" s="91"/>
      <c r="IG888" s="91"/>
      <c r="IH888" s="91"/>
      <c r="II888" s="91"/>
      <c r="IJ888" s="91"/>
      <c r="IK888" s="127"/>
    </row>
    <row r="889" spans="2:245" x14ac:dyDescent="0.2">
      <c r="B889" s="43"/>
      <c r="C889" s="73"/>
      <c r="D889" s="64"/>
      <c r="E889" s="64"/>
      <c r="F889" s="55"/>
      <c r="G889" s="102"/>
      <c r="H889" s="55"/>
      <c r="I889" s="55"/>
      <c r="J889" s="55"/>
      <c r="K889" s="55"/>
      <c r="L889" s="55"/>
      <c r="M889" s="55"/>
      <c r="N889" s="55"/>
      <c r="O889" s="55"/>
      <c r="P889" s="55"/>
      <c r="Q889" s="55"/>
      <c r="R889" s="55"/>
      <c r="S889" s="55"/>
      <c r="T889" s="55"/>
      <c r="U889" s="55"/>
      <c r="V889" s="55"/>
      <c r="W889" s="55"/>
      <c r="X889" s="55"/>
      <c r="Y889" s="55"/>
      <c r="Z889" s="55"/>
      <c r="AA889" s="55"/>
      <c r="AB889" s="55"/>
      <c r="AC889" s="55"/>
      <c r="AD889" s="55"/>
      <c r="AE889" s="55"/>
      <c r="AF889" s="55"/>
      <c r="AG889" s="55"/>
      <c r="AY889" s="162"/>
      <c r="AZ889" s="162"/>
      <c r="BA889" s="162"/>
      <c r="BB889" s="162"/>
      <c r="BC889" s="162"/>
      <c r="BD889" s="162"/>
      <c r="BE889" s="162"/>
      <c r="BF889" s="162"/>
      <c r="BG889" s="162"/>
      <c r="BH889" s="162"/>
      <c r="BI889" s="162"/>
      <c r="BJ889" s="162"/>
      <c r="BK889" s="162"/>
      <c r="BL889" s="162"/>
      <c r="BM889" s="162"/>
      <c r="BN889" s="162"/>
      <c r="BO889" s="162"/>
      <c r="BP889" s="162"/>
      <c r="BQ889" s="162"/>
      <c r="BR889" s="162"/>
      <c r="BS889" s="162"/>
      <c r="BT889" s="162"/>
      <c r="BU889" s="162"/>
      <c r="BV889" s="162"/>
      <c r="BW889" s="162"/>
      <c r="BX889" s="162"/>
      <c r="BY889" s="162"/>
      <c r="BZ889" s="162"/>
      <c r="CA889" s="162"/>
      <c r="CB889" s="162"/>
      <c r="CC889" s="162"/>
      <c r="CD889" s="162"/>
      <c r="CE889" s="162"/>
      <c r="CF889" s="162"/>
      <c r="CG889" s="162"/>
      <c r="CH889" s="162"/>
      <c r="CI889" s="162"/>
      <c r="CJ889" s="162"/>
      <c r="CK889" s="162"/>
      <c r="CX889" s="98"/>
      <c r="DL889" s="97"/>
      <c r="DX889" s="98"/>
      <c r="EL889" s="97"/>
      <c r="EX889" s="98"/>
      <c r="EY889" s="97"/>
      <c r="FL889" s="126"/>
      <c r="FM889" s="91"/>
      <c r="FN889" s="91"/>
      <c r="FO889" s="91"/>
      <c r="FP889" s="91"/>
      <c r="FQ889" s="91"/>
      <c r="FR889" s="91"/>
      <c r="FS889" s="91"/>
      <c r="FT889" s="91"/>
      <c r="FU889" s="91"/>
      <c r="FV889" s="91"/>
      <c r="FW889" s="91"/>
      <c r="FX889" s="91"/>
      <c r="FY889" s="91"/>
      <c r="FZ889" s="91"/>
      <c r="GA889" s="91"/>
      <c r="GB889" s="91"/>
      <c r="GC889" s="91"/>
      <c r="GD889" s="91"/>
      <c r="GE889" s="91"/>
      <c r="GF889" s="91"/>
      <c r="GG889" s="91"/>
      <c r="GH889" s="91"/>
      <c r="GI889" s="91"/>
      <c r="GJ889" s="91"/>
      <c r="GK889" s="127"/>
      <c r="GL889" s="126"/>
      <c r="GM889" s="91"/>
      <c r="GN889" s="91"/>
      <c r="GO889" s="91"/>
      <c r="GP889" s="91"/>
      <c r="GQ889" s="91"/>
      <c r="GR889" s="91"/>
      <c r="GS889" s="91"/>
      <c r="GT889" s="91"/>
      <c r="GU889" s="91"/>
      <c r="GV889" s="91"/>
      <c r="GW889" s="91"/>
      <c r="GX889" s="91"/>
      <c r="GY889" s="91"/>
      <c r="GZ889" s="91"/>
      <c r="HA889" s="91"/>
      <c r="HB889" s="91"/>
      <c r="HC889" s="91"/>
      <c r="HD889" s="91"/>
      <c r="HE889" s="91"/>
      <c r="HF889" s="91"/>
      <c r="HG889" s="91"/>
      <c r="HH889" s="91"/>
      <c r="HI889" s="91"/>
      <c r="HJ889" s="91"/>
      <c r="HK889" s="127"/>
      <c r="HL889" s="126"/>
      <c r="HM889" s="91"/>
      <c r="HN889" s="91"/>
      <c r="HO889" s="91"/>
      <c r="HP889" s="91"/>
      <c r="HQ889" s="91"/>
      <c r="HR889" s="91"/>
      <c r="HS889" s="91"/>
      <c r="HT889" s="91"/>
      <c r="HU889" s="91"/>
      <c r="HV889" s="91"/>
      <c r="HW889" s="91"/>
      <c r="HX889" s="91"/>
      <c r="HY889" s="91"/>
      <c r="HZ889" s="91"/>
      <c r="IA889" s="91"/>
      <c r="IB889" s="91"/>
      <c r="IC889" s="91"/>
      <c r="ID889" s="91"/>
      <c r="IE889" s="91"/>
      <c r="IF889" s="91"/>
      <c r="IG889" s="91"/>
      <c r="IH889" s="91"/>
      <c r="II889" s="91"/>
      <c r="IJ889" s="91"/>
      <c r="IK889" s="127"/>
    </row>
    <row r="890" spans="2:245" x14ac:dyDescent="0.2">
      <c r="B890" s="43"/>
      <c r="C890" s="73"/>
      <c r="D890" s="64"/>
      <c r="E890" s="64"/>
      <c r="F890" s="55"/>
      <c r="G890" s="102"/>
      <c r="H890" s="55"/>
      <c r="I890" s="55"/>
      <c r="J890" s="55"/>
      <c r="K890" s="55"/>
      <c r="L890" s="55"/>
      <c r="M890" s="55"/>
      <c r="N890" s="55"/>
      <c r="O890" s="55"/>
      <c r="P890" s="55"/>
      <c r="Q890" s="55"/>
      <c r="R890" s="55"/>
      <c r="S890" s="55"/>
      <c r="T890" s="55"/>
      <c r="U890" s="55"/>
      <c r="V890" s="55"/>
      <c r="W890" s="55"/>
      <c r="X890" s="55"/>
      <c r="Y890" s="55"/>
      <c r="Z890" s="55"/>
      <c r="AA890" s="55"/>
      <c r="AB890" s="55"/>
      <c r="AC890" s="55"/>
      <c r="AD890" s="55"/>
      <c r="AE890" s="55"/>
      <c r="AF890" s="55"/>
      <c r="AG890" s="55"/>
      <c r="AY890" s="162"/>
      <c r="AZ890" s="162"/>
      <c r="BA890" s="162"/>
      <c r="BB890" s="162"/>
      <c r="BC890" s="162"/>
      <c r="BD890" s="162"/>
      <c r="BE890" s="162"/>
      <c r="BF890" s="162"/>
      <c r="BG890" s="162"/>
      <c r="BH890" s="162"/>
      <c r="BI890" s="162"/>
      <c r="BJ890" s="162"/>
      <c r="BK890" s="162"/>
      <c r="BL890" s="162"/>
      <c r="BM890" s="162"/>
      <c r="BN890" s="162"/>
      <c r="BO890" s="162"/>
      <c r="BP890" s="162"/>
      <c r="BQ890" s="162"/>
      <c r="BR890" s="162"/>
      <c r="BS890" s="162"/>
      <c r="BT890" s="162"/>
      <c r="BU890" s="162"/>
      <c r="BV890" s="162"/>
      <c r="BW890" s="162"/>
      <c r="BX890" s="162"/>
      <c r="BY890" s="162"/>
      <c r="BZ890" s="162"/>
      <c r="CA890" s="162"/>
      <c r="CB890" s="162"/>
      <c r="CC890" s="162"/>
      <c r="CD890" s="162"/>
      <c r="CE890" s="162"/>
      <c r="CF890" s="162"/>
      <c r="CG890" s="162"/>
      <c r="CH890" s="162"/>
      <c r="CI890" s="162"/>
      <c r="CJ890" s="162"/>
      <c r="CK890" s="162"/>
      <c r="CX890" s="98"/>
      <c r="DL890" s="97"/>
      <c r="DX890" s="98"/>
      <c r="EL890" s="97"/>
      <c r="EX890" s="98"/>
      <c r="EY890" s="97"/>
      <c r="FL890" s="126"/>
      <c r="FM890" s="91"/>
      <c r="FN890" s="91"/>
      <c r="FO890" s="91"/>
      <c r="FP890" s="91"/>
      <c r="FQ890" s="91"/>
      <c r="FR890" s="91"/>
      <c r="FS890" s="91"/>
      <c r="FT890" s="91"/>
      <c r="FU890" s="91"/>
      <c r="FV890" s="91"/>
      <c r="FW890" s="91"/>
      <c r="FX890" s="91"/>
      <c r="FY890" s="91"/>
      <c r="FZ890" s="91"/>
      <c r="GA890" s="91"/>
      <c r="GB890" s="91"/>
      <c r="GC890" s="91"/>
      <c r="GD890" s="91"/>
      <c r="GE890" s="91"/>
      <c r="GF890" s="91"/>
      <c r="GG890" s="91"/>
      <c r="GH890" s="91"/>
      <c r="GI890" s="91"/>
      <c r="GJ890" s="91"/>
      <c r="GK890" s="127"/>
      <c r="GL890" s="126"/>
      <c r="GM890" s="91"/>
      <c r="GN890" s="91"/>
      <c r="GO890" s="91"/>
      <c r="GP890" s="91"/>
      <c r="GQ890" s="91"/>
      <c r="GR890" s="91"/>
      <c r="GS890" s="91"/>
      <c r="GT890" s="91"/>
      <c r="GU890" s="91"/>
      <c r="GV890" s="91"/>
      <c r="GW890" s="91"/>
      <c r="GX890" s="91"/>
      <c r="GY890" s="91"/>
      <c r="GZ890" s="91"/>
      <c r="HA890" s="91"/>
      <c r="HB890" s="91"/>
      <c r="HC890" s="91"/>
      <c r="HD890" s="91"/>
      <c r="HE890" s="91"/>
      <c r="HF890" s="91"/>
      <c r="HG890" s="91"/>
      <c r="HH890" s="91"/>
      <c r="HI890" s="91"/>
      <c r="HJ890" s="91"/>
      <c r="HK890" s="127"/>
      <c r="HL890" s="126"/>
      <c r="HM890" s="91"/>
      <c r="HN890" s="91"/>
      <c r="HO890" s="91"/>
      <c r="HP890" s="91"/>
      <c r="HQ890" s="91"/>
      <c r="HR890" s="91"/>
      <c r="HS890" s="91"/>
      <c r="HT890" s="91"/>
      <c r="HU890" s="91"/>
      <c r="HV890" s="91"/>
      <c r="HW890" s="91"/>
      <c r="HX890" s="91"/>
      <c r="HY890" s="91"/>
      <c r="HZ890" s="91"/>
      <c r="IA890" s="91"/>
      <c r="IB890" s="91"/>
      <c r="IC890" s="91"/>
      <c r="ID890" s="91"/>
      <c r="IE890" s="91"/>
      <c r="IF890" s="91"/>
      <c r="IG890" s="91"/>
      <c r="IH890" s="91"/>
      <c r="II890" s="91"/>
      <c r="IJ890" s="91"/>
      <c r="IK890" s="127"/>
    </row>
    <row r="891" spans="2:245" x14ac:dyDescent="0.2">
      <c r="B891" s="43"/>
      <c r="C891" s="73"/>
      <c r="D891" s="64"/>
      <c r="E891" s="64"/>
      <c r="F891" s="55"/>
      <c r="G891" s="102"/>
      <c r="H891" s="55"/>
      <c r="I891" s="55"/>
      <c r="J891" s="55"/>
      <c r="K891" s="55"/>
      <c r="L891" s="55"/>
      <c r="M891" s="55"/>
      <c r="N891" s="55"/>
      <c r="O891" s="55"/>
      <c r="P891" s="55"/>
      <c r="Q891" s="55"/>
      <c r="R891" s="55"/>
      <c r="S891" s="55"/>
      <c r="T891" s="55"/>
      <c r="U891" s="55"/>
      <c r="V891" s="55"/>
      <c r="W891" s="55"/>
      <c r="X891" s="55"/>
      <c r="Y891" s="55"/>
      <c r="Z891" s="55"/>
      <c r="AA891" s="55"/>
      <c r="AB891" s="55"/>
      <c r="AC891" s="55"/>
      <c r="AD891" s="55"/>
      <c r="AE891" s="55"/>
      <c r="AF891" s="55"/>
      <c r="AG891" s="55"/>
      <c r="AY891" s="162"/>
      <c r="AZ891" s="162"/>
      <c r="BA891" s="162"/>
      <c r="BB891" s="162"/>
      <c r="BC891" s="162"/>
      <c r="BD891" s="162"/>
      <c r="BE891" s="162"/>
      <c r="BF891" s="162"/>
      <c r="BG891" s="162"/>
      <c r="BH891" s="162"/>
      <c r="BI891" s="162"/>
      <c r="BJ891" s="162"/>
      <c r="BK891" s="162"/>
      <c r="BL891" s="162"/>
      <c r="BM891" s="162"/>
      <c r="BN891" s="162"/>
      <c r="BO891" s="162"/>
      <c r="BP891" s="162"/>
      <c r="BQ891" s="162"/>
      <c r="BR891" s="162"/>
      <c r="BS891" s="162"/>
      <c r="BT891" s="162"/>
      <c r="BU891" s="162"/>
      <c r="BV891" s="162"/>
      <c r="BW891" s="162"/>
      <c r="BX891" s="162"/>
      <c r="BY891" s="162"/>
      <c r="BZ891" s="162"/>
      <c r="CA891" s="162"/>
      <c r="CB891" s="162"/>
      <c r="CC891" s="162"/>
      <c r="CD891" s="162"/>
      <c r="CE891" s="162"/>
      <c r="CF891" s="162"/>
      <c r="CG891" s="162"/>
      <c r="CH891" s="162"/>
      <c r="CI891" s="162"/>
      <c r="CJ891" s="162"/>
      <c r="CK891" s="162"/>
      <c r="CX891" s="98"/>
      <c r="DL891" s="97"/>
      <c r="DX891" s="98"/>
      <c r="EL891" s="97"/>
      <c r="EX891" s="98"/>
      <c r="EY891" s="97"/>
      <c r="FL891" s="126"/>
      <c r="FM891" s="91"/>
      <c r="FN891" s="91"/>
      <c r="FO891" s="91"/>
      <c r="FP891" s="91"/>
      <c r="FQ891" s="91"/>
      <c r="FR891" s="91"/>
      <c r="FS891" s="91"/>
      <c r="FT891" s="91"/>
      <c r="FU891" s="91"/>
      <c r="FV891" s="91"/>
      <c r="FW891" s="91"/>
      <c r="FX891" s="91"/>
      <c r="FY891" s="91"/>
      <c r="FZ891" s="91"/>
      <c r="GA891" s="91"/>
      <c r="GB891" s="91"/>
      <c r="GC891" s="91"/>
      <c r="GD891" s="91"/>
      <c r="GE891" s="91"/>
      <c r="GF891" s="91"/>
      <c r="GG891" s="91"/>
      <c r="GH891" s="91"/>
      <c r="GI891" s="91"/>
      <c r="GJ891" s="91"/>
      <c r="GK891" s="127"/>
      <c r="GL891" s="126"/>
      <c r="GM891" s="91"/>
      <c r="GN891" s="91"/>
      <c r="GO891" s="91"/>
      <c r="GP891" s="91"/>
      <c r="GQ891" s="91"/>
      <c r="GR891" s="91"/>
      <c r="GS891" s="91"/>
      <c r="GT891" s="91"/>
      <c r="GU891" s="91"/>
      <c r="GV891" s="91"/>
      <c r="GW891" s="91"/>
      <c r="GX891" s="91"/>
      <c r="GY891" s="91"/>
      <c r="GZ891" s="91"/>
      <c r="HA891" s="91"/>
      <c r="HB891" s="91"/>
      <c r="HC891" s="91"/>
      <c r="HD891" s="91"/>
      <c r="HE891" s="91"/>
      <c r="HF891" s="91"/>
      <c r="HG891" s="91"/>
      <c r="HH891" s="91"/>
      <c r="HI891" s="91"/>
      <c r="HJ891" s="91"/>
      <c r="HK891" s="127"/>
      <c r="HL891" s="126"/>
      <c r="HM891" s="91"/>
      <c r="HN891" s="91"/>
      <c r="HO891" s="91"/>
      <c r="HP891" s="91"/>
      <c r="HQ891" s="91"/>
      <c r="HR891" s="91"/>
      <c r="HS891" s="91"/>
      <c r="HT891" s="91"/>
      <c r="HU891" s="91"/>
      <c r="HV891" s="91"/>
      <c r="HW891" s="91"/>
      <c r="HX891" s="91"/>
      <c r="HY891" s="91"/>
      <c r="HZ891" s="91"/>
      <c r="IA891" s="91"/>
      <c r="IB891" s="91"/>
      <c r="IC891" s="91"/>
      <c r="ID891" s="91"/>
      <c r="IE891" s="91"/>
      <c r="IF891" s="91"/>
      <c r="IG891" s="91"/>
      <c r="IH891" s="91"/>
      <c r="II891" s="91"/>
      <c r="IJ891" s="91"/>
      <c r="IK891" s="127"/>
    </row>
    <row r="892" spans="2:245" x14ac:dyDescent="0.2">
      <c r="B892" s="43"/>
      <c r="C892" s="73"/>
      <c r="D892" s="64"/>
      <c r="E892" s="64"/>
      <c r="F892" s="55"/>
      <c r="G892" s="102"/>
      <c r="H892" s="55"/>
      <c r="I892" s="55"/>
      <c r="J892" s="55"/>
      <c r="K892" s="55"/>
      <c r="L892" s="55"/>
      <c r="M892" s="55"/>
      <c r="N892" s="55"/>
      <c r="O892" s="55"/>
      <c r="P892" s="55"/>
      <c r="Q892" s="55"/>
      <c r="R892" s="55"/>
      <c r="S892" s="55"/>
      <c r="T892" s="55"/>
      <c r="U892" s="55"/>
      <c r="V892" s="55"/>
      <c r="W892" s="55"/>
      <c r="X892" s="55"/>
      <c r="Y892" s="55"/>
      <c r="Z892" s="55"/>
      <c r="AA892" s="55"/>
      <c r="AB892" s="55"/>
      <c r="AC892" s="55"/>
      <c r="AD892" s="55"/>
      <c r="AE892" s="55"/>
      <c r="AF892" s="55"/>
      <c r="AG892" s="55"/>
      <c r="AY892" s="162"/>
      <c r="AZ892" s="162"/>
      <c r="BA892" s="162"/>
      <c r="BB892" s="162"/>
      <c r="BC892" s="162"/>
      <c r="BD892" s="162"/>
      <c r="BE892" s="162"/>
      <c r="BF892" s="162"/>
      <c r="BG892" s="162"/>
      <c r="BH892" s="162"/>
      <c r="BI892" s="162"/>
      <c r="BJ892" s="162"/>
      <c r="BK892" s="162"/>
      <c r="BL892" s="162"/>
      <c r="BM892" s="162"/>
      <c r="BN892" s="162"/>
      <c r="BO892" s="162"/>
      <c r="BP892" s="162"/>
      <c r="BQ892" s="162"/>
      <c r="BR892" s="162"/>
      <c r="BS892" s="162"/>
      <c r="BT892" s="162"/>
      <c r="BU892" s="162"/>
      <c r="BV892" s="162"/>
      <c r="BW892" s="162"/>
      <c r="BX892" s="162"/>
      <c r="BY892" s="162"/>
      <c r="BZ892" s="162"/>
      <c r="CA892" s="162"/>
      <c r="CB892" s="162"/>
      <c r="CC892" s="162"/>
      <c r="CD892" s="162"/>
      <c r="CE892" s="162"/>
      <c r="CF892" s="162"/>
      <c r="CG892" s="162"/>
      <c r="CH892" s="162"/>
      <c r="CI892" s="162"/>
      <c r="CJ892" s="162"/>
      <c r="CK892" s="162"/>
      <c r="CX892" s="98"/>
      <c r="DL892" s="97"/>
      <c r="DX892" s="98"/>
      <c r="EL892" s="97"/>
      <c r="EX892" s="98"/>
      <c r="EY892" s="97"/>
      <c r="FL892" s="126"/>
      <c r="FM892" s="91"/>
      <c r="FN892" s="91"/>
      <c r="FO892" s="91"/>
      <c r="FP892" s="91"/>
      <c r="FQ892" s="91"/>
      <c r="FR892" s="91"/>
      <c r="FS892" s="91"/>
      <c r="FT892" s="91"/>
      <c r="FU892" s="91"/>
      <c r="FV892" s="91"/>
      <c r="FW892" s="91"/>
      <c r="FX892" s="91"/>
      <c r="FY892" s="91"/>
      <c r="FZ892" s="91"/>
      <c r="GA892" s="91"/>
      <c r="GB892" s="91"/>
      <c r="GC892" s="91"/>
      <c r="GD892" s="91"/>
      <c r="GE892" s="91"/>
      <c r="GF892" s="91"/>
      <c r="GG892" s="91"/>
      <c r="GH892" s="91"/>
      <c r="GI892" s="91"/>
      <c r="GJ892" s="91"/>
      <c r="GK892" s="127"/>
      <c r="GL892" s="126"/>
      <c r="GM892" s="91"/>
      <c r="GN892" s="91"/>
      <c r="GO892" s="91"/>
      <c r="GP892" s="91"/>
      <c r="GQ892" s="91"/>
      <c r="GR892" s="91"/>
      <c r="GS892" s="91"/>
      <c r="GT892" s="91"/>
      <c r="GU892" s="91"/>
      <c r="GV892" s="91"/>
      <c r="GW892" s="91"/>
      <c r="GX892" s="91"/>
      <c r="GY892" s="91"/>
      <c r="GZ892" s="91"/>
      <c r="HA892" s="91"/>
      <c r="HB892" s="91"/>
      <c r="HC892" s="91"/>
      <c r="HD892" s="91"/>
      <c r="HE892" s="91"/>
      <c r="HF892" s="91"/>
      <c r="HG892" s="91"/>
      <c r="HH892" s="91"/>
      <c r="HI892" s="91"/>
      <c r="HJ892" s="91"/>
      <c r="HK892" s="127"/>
      <c r="HL892" s="126"/>
      <c r="HM892" s="91"/>
      <c r="HN892" s="91"/>
      <c r="HO892" s="91"/>
      <c r="HP892" s="91"/>
      <c r="HQ892" s="91"/>
      <c r="HR892" s="91"/>
      <c r="HS892" s="91"/>
      <c r="HT892" s="91"/>
      <c r="HU892" s="91"/>
      <c r="HV892" s="91"/>
      <c r="HW892" s="91"/>
      <c r="HX892" s="91"/>
      <c r="HY892" s="91"/>
      <c r="HZ892" s="91"/>
      <c r="IA892" s="91"/>
      <c r="IB892" s="91"/>
      <c r="IC892" s="91"/>
      <c r="ID892" s="91"/>
      <c r="IE892" s="91"/>
      <c r="IF892" s="91"/>
      <c r="IG892" s="91"/>
      <c r="IH892" s="91"/>
      <c r="II892" s="91"/>
      <c r="IJ892" s="91"/>
      <c r="IK892" s="127"/>
    </row>
    <row r="893" spans="2:245" x14ac:dyDescent="0.2">
      <c r="B893" s="43"/>
      <c r="C893" s="73"/>
      <c r="D893" s="64"/>
      <c r="E893" s="64"/>
      <c r="F893" s="55"/>
      <c r="G893" s="102"/>
      <c r="H893" s="55"/>
      <c r="I893" s="55"/>
      <c r="J893" s="55"/>
      <c r="K893" s="55"/>
      <c r="L893" s="55"/>
      <c r="M893" s="55"/>
      <c r="N893" s="55"/>
      <c r="O893" s="55"/>
      <c r="P893" s="55"/>
      <c r="Q893" s="55"/>
      <c r="R893" s="55"/>
      <c r="S893" s="55"/>
      <c r="T893" s="55"/>
      <c r="U893" s="55"/>
      <c r="V893" s="55"/>
      <c r="W893" s="55"/>
      <c r="X893" s="55"/>
      <c r="Y893" s="55"/>
      <c r="Z893" s="55"/>
      <c r="AA893" s="55"/>
      <c r="AB893" s="55"/>
      <c r="AC893" s="55"/>
      <c r="AD893" s="55"/>
      <c r="AE893" s="55"/>
      <c r="AF893" s="55"/>
      <c r="AG893" s="55"/>
      <c r="AY893" s="162"/>
      <c r="AZ893" s="162"/>
      <c r="BA893" s="162"/>
      <c r="BB893" s="162"/>
      <c r="BC893" s="162"/>
      <c r="BD893" s="162"/>
      <c r="BE893" s="162"/>
      <c r="BF893" s="162"/>
      <c r="BG893" s="162"/>
      <c r="BH893" s="162"/>
      <c r="BI893" s="162"/>
      <c r="BJ893" s="162"/>
      <c r="BK893" s="162"/>
      <c r="BL893" s="162"/>
      <c r="BM893" s="162"/>
      <c r="BN893" s="162"/>
      <c r="BO893" s="162"/>
      <c r="BP893" s="162"/>
      <c r="BQ893" s="162"/>
      <c r="BR893" s="162"/>
      <c r="BS893" s="162"/>
      <c r="BT893" s="162"/>
      <c r="BU893" s="162"/>
      <c r="BV893" s="162"/>
      <c r="BW893" s="162"/>
      <c r="BX893" s="162"/>
      <c r="BY893" s="162"/>
      <c r="BZ893" s="162"/>
      <c r="CA893" s="162"/>
      <c r="CB893" s="162"/>
      <c r="CC893" s="162"/>
      <c r="CD893" s="162"/>
      <c r="CE893" s="162"/>
      <c r="CF893" s="162"/>
      <c r="CG893" s="162"/>
      <c r="CH893" s="162"/>
      <c r="CI893" s="162"/>
      <c r="CJ893" s="162"/>
      <c r="CK893" s="162"/>
      <c r="CX893" s="98"/>
      <c r="DL893" s="97"/>
      <c r="DX893" s="98"/>
      <c r="EL893" s="97"/>
      <c r="EX893" s="98"/>
      <c r="EY893" s="97"/>
      <c r="FL893" s="126"/>
      <c r="FM893" s="91"/>
      <c r="FN893" s="91"/>
      <c r="FO893" s="91"/>
      <c r="FP893" s="91"/>
      <c r="FQ893" s="91"/>
      <c r="FR893" s="91"/>
      <c r="FS893" s="91"/>
      <c r="FT893" s="91"/>
      <c r="FU893" s="91"/>
      <c r="FV893" s="91"/>
      <c r="FW893" s="91"/>
      <c r="FX893" s="91"/>
      <c r="FY893" s="91"/>
      <c r="FZ893" s="91"/>
      <c r="GA893" s="91"/>
      <c r="GB893" s="91"/>
      <c r="GC893" s="91"/>
      <c r="GD893" s="91"/>
      <c r="GE893" s="91"/>
      <c r="GF893" s="91"/>
      <c r="GG893" s="91"/>
      <c r="GH893" s="91"/>
      <c r="GI893" s="91"/>
      <c r="GJ893" s="91"/>
      <c r="GK893" s="127"/>
      <c r="GL893" s="126"/>
      <c r="GM893" s="91"/>
      <c r="GN893" s="91"/>
      <c r="GO893" s="91"/>
      <c r="GP893" s="91"/>
      <c r="GQ893" s="91"/>
      <c r="GR893" s="91"/>
      <c r="GS893" s="91"/>
      <c r="GT893" s="91"/>
      <c r="GU893" s="91"/>
      <c r="GV893" s="91"/>
      <c r="GW893" s="91"/>
      <c r="GX893" s="91"/>
      <c r="GY893" s="91"/>
      <c r="GZ893" s="91"/>
      <c r="HA893" s="91"/>
      <c r="HB893" s="91"/>
      <c r="HC893" s="91"/>
      <c r="HD893" s="91"/>
      <c r="HE893" s="91"/>
      <c r="HF893" s="91"/>
      <c r="HG893" s="91"/>
      <c r="HH893" s="91"/>
      <c r="HI893" s="91"/>
      <c r="HJ893" s="91"/>
      <c r="HK893" s="127"/>
      <c r="HL893" s="126"/>
      <c r="HM893" s="91"/>
      <c r="HN893" s="91"/>
      <c r="HO893" s="91"/>
      <c r="HP893" s="91"/>
      <c r="HQ893" s="91"/>
      <c r="HR893" s="91"/>
      <c r="HS893" s="91"/>
      <c r="HT893" s="91"/>
      <c r="HU893" s="91"/>
      <c r="HV893" s="91"/>
      <c r="HW893" s="91"/>
      <c r="HX893" s="91"/>
      <c r="HY893" s="91"/>
      <c r="HZ893" s="91"/>
      <c r="IA893" s="91"/>
      <c r="IB893" s="91"/>
      <c r="IC893" s="91"/>
      <c r="ID893" s="91"/>
      <c r="IE893" s="91"/>
      <c r="IF893" s="91"/>
      <c r="IG893" s="91"/>
      <c r="IH893" s="91"/>
      <c r="II893" s="91"/>
      <c r="IJ893" s="91"/>
      <c r="IK893" s="127"/>
    </row>
    <row r="894" spans="2:245" x14ac:dyDescent="0.2">
      <c r="B894" s="43"/>
      <c r="C894" s="73"/>
      <c r="D894" s="64"/>
      <c r="E894" s="64"/>
      <c r="F894" s="55"/>
      <c r="G894" s="102"/>
      <c r="H894" s="55"/>
      <c r="I894" s="55"/>
      <c r="J894" s="55"/>
      <c r="K894" s="55"/>
      <c r="L894" s="55"/>
      <c r="M894" s="55"/>
      <c r="N894" s="55"/>
      <c r="O894" s="55"/>
      <c r="P894" s="55"/>
      <c r="Q894" s="55"/>
      <c r="R894" s="55"/>
      <c r="S894" s="55"/>
      <c r="T894" s="55"/>
      <c r="U894" s="55"/>
      <c r="V894" s="55"/>
      <c r="W894" s="55"/>
      <c r="X894" s="55"/>
      <c r="Y894" s="55"/>
      <c r="Z894" s="55"/>
      <c r="AA894" s="55"/>
      <c r="AB894" s="55"/>
      <c r="AC894" s="55"/>
      <c r="AD894" s="55"/>
      <c r="AE894" s="55"/>
      <c r="AF894" s="55"/>
      <c r="AG894" s="55"/>
      <c r="AY894" s="162"/>
      <c r="AZ894" s="162"/>
      <c r="BA894" s="162"/>
      <c r="BB894" s="162"/>
      <c r="BC894" s="162"/>
      <c r="BD894" s="162"/>
      <c r="BE894" s="162"/>
      <c r="BF894" s="162"/>
      <c r="BG894" s="162"/>
      <c r="BH894" s="162"/>
      <c r="BI894" s="162"/>
      <c r="BJ894" s="162"/>
      <c r="BK894" s="162"/>
      <c r="BL894" s="162"/>
      <c r="BM894" s="162"/>
      <c r="BN894" s="162"/>
      <c r="BO894" s="162"/>
      <c r="BP894" s="162"/>
      <c r="BQ894" s="162"/>
      <c r="BR894" s="162"/>
      <c r="BS894" s="162"/>
      <c r="BT894" s="162"/>
      <c r="BU894" s="162"/>
      <c r="BV894" s="162"/>
      <c r="BW894" s="162"/>
      <c r="BX894" s="162"/>
      <c r="BY894" s="162"/>
      <c r="BZ894" s="162"/>
      <c r="CA894" s="162"/>
      <c r="CB894" s="162"/>
      <c r="CC894" s="162"/>
      <c r="CD894" s="162"/>
      <c r="CE894" s="162"/>
      <c r="CF894" s="162"/>
      <c r="CG894" s="162"/>
      <c r="CH894" s="162"/>
      <c r="CI894" s="162"/>
      <c r="CJ894" s="162"/>
      <c r="CK894" s="162"/>
      <c r="CX894" s="98"/>
      <c r="DL894" s="97"/>
      <c r="DX894" s="98"/>
      <c r="EL894" s="97"/>
      <c r="EX894" s="98"/>
      <c r="EY894" s="97"/>
      <c r="FL894" s="126"/>
      <c r="FM894" s="91"/>
      <c r="FN894" s="91"/>
      <c r="FO894" s="91"/>
      <c r="FP894" s="91"/>
      <c r="FQ894" s="91"/>
      <c r="FR894" s="91"/>
      <c r="FS894" s="91"/>
      <c r="FT894" s="91"/>
      <c r="FU894" s="91"/>
      <c r="FV894" s="91"/>
      <c r="FW894" s="91"/>
      <c r="FX894" s="91"/>
      <c r="FY894" s="91"/>
      <c r="FZ894" s="91"/>
      <c r="GA894" s="91"/>
      <c r="GB894" s="91"/>
      <c r="GC894" s="91"/>
      <c r="GD894" s="91"/>
      <c r="GE894" s="91"/>
      <c r="GF894" s="91"/>
      <c r="GG894" s="91"/>
      <c r="GH894" s="91"/>
      <c r="GI894" s="91"/>
      <c r="GJ894" s="91"/>
      <c r="GK894" s="127"/>
      <c r="GL894" s="126"/>
      <c r="GM894" s="91"/>
      <c r="GN894" s="91"/>
      <c r="GO894" s="91"/>
      <c r="GP894" s="91"/>
      <c r="GQ894" s="91"/>
      <c r="GR894" s="91"/>
      <c r="GS894" s="91"/>
      <c r="GT894" s="91"/>
      <c r="GU894" s="91"/>
      <c r="GV894" s="91"/>
      <c r="GW894" s="91"/>
      <c r="GX894" s="91"/>
      <c r="GY894" s="91"/>
      <c r="GZ894" s="91"/>
      <c r="HA894" s="91"/>
      <c r="HB894" s="91"/>
      <c r="HC894" s="91"/>
      <c r="HD894" s="91"/>
      <c r="HE894" s="91"/>
      <c r="HF894" s="91"/>
      <c r="HG894" s="91"/>
      <c r="HH894" s="91"/>
      <c r="HI894" s="91"/>
      <c r="HJ894" s="91"/>
      <c r="HK894" s="127"/>
      <c r="HL894" s="126"/>
      <c r="HM894" s="91"/>
      <c r="HN894" s="91"/>
      <c r="HO894" s="91"/>
      <c r="HP894" s="91"/>
      <c r="HQ894" s="91"/>
      <c r="HR894" s="91"/>
      <c r="HS894" s="91"/>
      <c r="HT894" s="91"/>
      <c r="HU894" s="91"/>
      <c r="HV894" s="91"/>
      <c r="HW894" s="91"/>
      <c r="HX894" s="91"/>
      <c r="HY894" s="91"/>
      <c r="HZ894" s="91"/>
      <c r="IA894" s="91"/>
      <c r="IB894" s="91"/>
      <c r="IC894" s="91"/>
      <c r="ID894" s="91"/>
      <c r="IE894" s="91"/>
      <c r="IF894" s="91"/>
      <c r="IG894" s="91"/>
      <c r="IH894" s="91"/>
      <c r="II894" s="91"/>
      <c r="IJ894" s="91"/>
      <c r="IK894" s="127"/>
    </row>
    <row r="895" spans="2:245" x14ac:dyDescent="0.2">
      <c r="B895" s="43"/>
      <c r="C895" s="73"/>
      <c r="D895" s="64"/>
      <c r="E895" s="64"/>
      <c r="F895" s="55"/>
      <c r="G895" s="102"/>
      <c r="H895" s="55"/>
      <c r="I895" s="55"/>
      <c r="J895" s="55"/>
      <c r="K895" s="55"/>
      <c r="L895" s="55"/>
      <c r="M895" s="55"/>
      <c r="N895" s="55"/>
      <c r="O895" s="55"/>
      <c r="P895" s="55"/>
      <c r="Q895" s="55"/>
      <c r="R895" s="55"/>
      <c r="S895" s="55"/>
      <c r="T895" s="55"/>
      <c r="U895" s="55"/>
      <c r="V895" s="55"/>
      <c r="W895" s="55"/>
      <c r="X895" s="55"/>
      <c r="Y895" s="55"/>
      <c r="Z895" s="55"/>
      <c r="AA895" s="55"/>
      <c r="AB895" s="55"/>
      <c r="AC895" s="55"/>
      <c r="AD895" s="55"/>
      <c r="AE895" s="55"/>
      <c r="AF895" s="55"/>
      <c r="AG895" s="55"/>
      <c r="AY895" s="162"/>
      <c r="AZ895" s="162"/>
      <c r="BA895" s="162"/>
      <c r="BB895" s="162"/>
      <c r="BC895" s="162"/>
      <c r="BD895" s="162"/>
      <c r="BE895" s="162"/>
      <c r="BF895" s="162"/>
      <c r="BG895" s="162"/>
      <c r="BH895" s="162"/>
      <c r="BI895" s="162"/>
      <c r="BJ895" s="162"/>
      <c r="BK895" s="162"/>
      <c r="BL895" s="162"/>
      <c r="BM895" s="162"/>
      <c r="BN895" s="162"/>
      <c r="BO895" s="162"/>
      <c r="BP895" s="162"/>
      <c r="BQ895" s="162"/>
      <c r="BR895" s="162"/>
      <c r="BS895" s="162"/>
      <c r="BT895" s="162"/>
      <c r="BU895" s="162"/>
      <c r="BV895" s="162"/>
      <c r="BW895" s="162"/>
      <c r="BX895" s="162"/>
      <c r="BY895" s="162"/>
      <c r="BZ895" s="162"/>
      <c r="CA895" s="162"/>
      <c r="CB895" s="162"/>
      <c r="CC895" s="162"/>
      <c r="CD895" s="162"/>
      <c r="CE895" s="162"/>
      <c r="CF895" s="162"/>
      <c r="CG895" s="162"/>
      <c r="CH895" s="162"/>
      <c r="CI895" s="162"/>
      <c r="CJ895" s="162"/>
      <c r="CK895" s="162"/>
      <c r="CX895" s="98"/>
      <c r="DL895" s="97"/>
      <c r="DX895" s="98"/>
      <c r="EL895" s="97"/>
      <c r="EX895" s="98"/>
      <c r="EY895" s="97"/>
      <c r="FL895" s="126"/>
      <c r="FM895" s="91"/>
      <c r="FN895" s="91"/>
      <c r="FO895" s="91"/>
      <c r="FP895" s="91"/>
      <c r="FQ895" s="91"/>
      <c r="FR895" s="91"/>
      <c r="FS895" s="91"/>
      <c r="FT895" s="91"/>
      <c r="FU895" s="91"/>
      <c r="FV895" s="91"/>
      <c r="FW895" s="91"/>
      <c r="FX895" s="91"/>
      <c r="FY895" s="91"/>
      <c r="FZ895" s="91"/>
      <c r="GA895" s="91"/>
      <c r="GB895" s="91"/>
      <c r="GC895" s="91"/>
      <c r="GD895" s="91"/>
      <c r="GE895" s="91"/>
      <c r="GF895" s="91"/>
      <c r="GG895" s="91"/>
      <c r="GH895" s="91"/>
      <c r="GI895" s="91"/>
      <c r="GJ895" s="91"/>
      <c r="GK895" s="127"/>
      <c r="GL895" s="126"/>
      <c r="GM895" s="91"/>
      <c r="GN895" s="91"/>
      <c r="GO895" s="91"/>
      <c r="GP895" s="91"/>
      <c r="GQ895" s="91"/>
      <c r="GR895" s="91"/>
      <c r="GS895" s="91"/>
      <c r="GT895" s="91"/>
      <c r="GU895" s="91"/>
      <c r="GV895" s="91"/>
      <c r="GW895" s="91"/>
      <c r="GX895" s="91"/>
      <c r="GY895" s="91"/>
      <c r="GZ895" s="91"/>
      <c r="HA895" s="91"/>
      <c r="HB895" s="91"/>
      <c r="HC895" s="91"/>
      <c r="HD895" s="91"/>
      <c r="HE895" s="91"/>
      <c r="HF895" s="91"/>
      <c r="HG895" s="91"/>
      <c r="HH895" s="91"/>
      <c r="HI895" s="91"/>
      <c r="HJ895" s="91"/>
      <c r="HK895" s="127"/>
      <c r="HL895" s="126"/>
      <c r="HM895" s="91"/>
      <c r="HN895" s="91"/>
      <c r="HO895" s="91"/>
      <c r="HP895" s="91"/>
      <c r="HQ895" s="91"/>
      <c r="HR895" s="91"/>
      <c r="HS895" s="91"/>
      <c r="HT895" s="91"/>
      <c r="HU895" s="91"/>
      <c r="HV895" s="91"/>
      <c r="HW895" s="91"/>
      <c r="HX895" s="91"/>
      <c r="HY895" s="91"/>
      <c r="HZ895" s="91"/>
      <c r="IA895" s="91"/>
      <c r="IB895" s="91"/>
      <c r="IC895" s="91"/>
      <c r="ID895" s="91"/>
      <c r="IE895" s="91"/>
      <c r="IF895" s="91"/>
      <c r="IG895" s="91"/>
      <c r="IH895" s="91"/>
      <c r="II895" s="91"/>
      <c r="IJ895" s="91"/>
      <c r="IK895" s="127"/>
    </row>
    <row r="896" spans="2:245" x14ac:dyDescent="0.2">
      <c r="B896" s="43"/>
      <c r="C896" s="73"/>
      <c r="D896" s="64"/>
      <c r="E896" s="64"/>
      <c r="F896" s="55"/>
      <c r="G896" s="102"/>
      <c r="H896" s="55"/>
      <c r="I896" s="55"/>
      <c r="J896" s="55"/>
      <c r="K896" s="55"/>
      <c r="L896" s="55"/>
      <c r="M896" s="55"/>
      <c r="N896" s="55"/>
      <c r="O896" s="55"/>
      <c r="P896" s="55"/>
      <c r="Q896" s="55"/>
      <c r="R896" s="55"/>
      <c r="S896" s="55"/>
      <c r="T896" s="55"/>
      <c r="U896" s="55"/>
      <c r="V896" s="55"/>
      <c r="W896" s="55"/>
      <c r="X896" s="55"/>
      <c r="Y896" s="55"/>
      <c r="Z896" s="55"/>
      <c r="AA896" s="55"/>
      <c r="AB896" s="55"/>
      <c r="AC896" s="55"/>
      <c r="AD896" s="55"/>
      <c r="AE896" s="55"/>
      <c r="AF896" s="55"/>
      <c r="AG896" s="55"/>
      <c r="AY896" s="162"/>
      <c r="AZ896" s="162"/>
      <c r="BA896" s="162"/>
      <c r="BB896" s="162"/>
      <c r="BC896" s="162"/>
      <c r="BD896" s="162"/>
      <c r="BE896" s="162"/>
      <c r="BF896" s="162"/>
      <c r="BG896" s="162"/>
      <c r="BH896" s="162"/>
      <c r="BI896" s="162"/>
      <c r="BJ896" s="162"/>
      <c r="BK896" s="162"/>
      <c r="BL896" s="162"/>
      <c r="BM896" s="162"/>
      <c r="BN896" s="162"/>
      <c r="BO896" s="162"/>
      <c r="BP896" s="162"/>
      <c r="BQ896" s="162"/>
      <c r="BR896" s="162"/>
      <c r="BS896" s="162"/>
      <c r="BT896" s="162"/>
      <c r="BU896" s="162"/>
      <c r="BV896" s="162"/>
      <c r="BW896" s="162"/>
      <c r="BX896" s="162"/>
      <c r="BY896" s="162"/>
      <c r="BZ896" s="162"/>
      <c r="CA896" s="162"/>
      <c r="CB896" s="162"/>
      <c r="CC896" s="162"/>
      <c r="CD896" s="162"/>
      <c r="CE896" s="162"/>
      <c r="CF896" s="162"/>
      <c r="CG896" s="162"/>
      <c r="CH896" s="162"/>
      <c r="CI896" s="162"/>
      <c r="CJ896" s="162"/>
      <c r="CK896" s="162"/>
      <c r="CX896" s="98"/>
      <c r="DL896" s="97"/>
      <c r="DX896" s="98"/>
      <c r="EL896" s="97"/>
      <c r="EX896" s="98"/>
      <c r="EY896" s="97"/>
      <c r="FL896" s="126"/>
      <c r="FM896" s="91"/>
      <c r="FN896" s="91"/>
      <c r="FO896" s="91"/>
      <c r="FP896" s="91"/>
      <c r="FQ896" s="91"/>
      <c r="FR896" s="91"/>
      <c r="FS896" s="91"/>
      <c r="FT896" s="91"/>
      <c r="FU896" s="91"/>
      <c r="FV896" s="91"/>
      <c r="FW896" s="91"/>
      <c r="FX896" s="91"/>
      <c r="FY896" s="91"/>
      <c r="FZ896" s="91"/>
      <c r="GA896" s="91"/>
      <c r="GB896" s="91"/>
      <c r="GC896" s="91"/>
      <c r="GD896" s="91"/>
      <c r="GE896" s="91"/>
      <c r="GF896" s="91"/>
      <c r="GG896" s="91"/>
      <c r="GH896" s="91"/>
      <c r="GI896" s="91"/>
      <c r="GJ896" s="91"/>
      <c r="GK896" s="127"/>
      <c r="GL896" s="126"/>
      <c r="GM896" s="91"/>
      <c r="GN896" s="91"/>
      <c r="GO896" s="91"/>
      <c r="GP896" s="91"/>
      <c r="GQ896" s="91"/>
      <c r="GR896" s="91"/>
      <c r="GS896" s="91"/>
      <c r="GT896" s="91"/>
      <c r="GU896" s="91"/>
      <c r="GV896" s="91"/>
      <c r="GW896" s="91"/>
      <c r="GX896" s="91"/>
      <c r="GY896" s="91"/>
      <c r="GZ896" s="91"/>
      <c r="HA896" s="91"/>
      <c r="HB896" s="91"/>
      <c r="HC896" s="91"/>
      <c r="HD896" s="91"/>
      <c r="HE896" s="91"/>
      <c r="HF896" s="91"/>
      <c r="HG896" s="91"/>
      <c r="HH896" s="91"/>
      <c r="HI896" s="91"/>
      <c r="HJ896" s="91"/>
      <c r="HK896" s="127"/>
      <c r="HL896" s="126"/>
      <c r="HM896" s="91"/>
      <c r="HN896" s="91"/>
      <c r="HO896" s="91"/>
      <c r="HP896" s="91"/>
      <c r="HQ896" s="91"/>
      <c r="HR896" s="91"/>
      <c r="HS896" s="91"/>
      <c r="HT896" s="91"/>
      <c r="HU896" s="91"/>
      <c r="HV896" s="91"/>
      <c r="HW896" s="91"/>
      <c r="HX896" s="91"/>
      <c r="HY896" s="91"/>
      <c r="HZ896" s="91"/>
      <c r="IA896" s="91"/>
      <c r="IB896" s="91"/>
      <c r="IC896" s="91"/>
      <c r="ID896" s="91"/>
      <c r="IE896" s="91"/>
      <c r="IF896" s="91"/>
      <c r="IG896" s="91"/>
      <c r="IH896" s="91"/>
      <c r="II896" s="91"/>
      <c r="IJ896" s="91"/>
      <c r="IK896" s="127"/>
    </row>
    <row r="897" spans="2:245" x14ac:dyDescent="0.2">
      <c r="B897" s="43"/>
      <c r="C897" s="73"/>
      <c r="D897" s="64"/>
      <c r="E897" s="64"/>
      <c r="F897" s="55"/>
      <c r="G897" s="102"/>
      <c r="H897" s="55"/>
      <c r="I897" s="55"/>
      <c r="J897" s="55"/>
      <c r="K897" s="55"/>
      <c r="L897" s="55"/>
      <c r="M897" s="55"/>
      <c r="N897" s="55"/>
      <c r="O897" s="55"/>
      <c r="P897" s="55"/>
      <c r="Q897" s="55"/>
      <c r="R897" s="55"/>
      <c r="S897" s="55"/>
      <c r="T897" s="55"/>
      <c r="U897" s="55"/>
      <c r="V897" s="55"/>
      <c r="W897" s="55"/>
      <c r="X897" s="55"/>
      <c r="Y897" s="55"/>
      <c r="Z897" s="55"/>
      <c r="AA897" s="55"/>
      <c r="AB897" s="55"/>
      <c r="AC897" s="55"/>
      <c r="AD897" s="55"/>
      <c r="AE897" s="55"/>
      <c r="AF897" s="55"/>
      <c r="AG897" s="55"/>
      <c r="AY897" s="162"/>
      <c r="AZ897" s="162"/>
      <c r="BA897" s="162"/>
      <c r="BB897" s="162"/>
      <c r="BC897" s="162"/>
      <c r="BD897" s="162"/>
      <c r="BE897" s="162"/>
      <c r="BF897" s="162"/>
      <c r="BG897" s="162"/>
      <c r="BH897" s="162"/>
      <c r="BI897" s="162"/>
      <c r="BJ897" s="162"/>
      <c r="BK897" s="162"/>
      <c r="BL897" s="162"/>
      <c r="BM897" s="162"/>
      <c r="BN897" s="162"/>
      <c r="BO897" s="162"/>
      <c r="BP897" s="162"/>
      <c r="BQ897" s="162"/>
      <c r="BR897" s="162"/>
      <c r="BS897" s="162"/>
      <c r="BT897" s="162"/>
      <c r="BU897" s="162"/>
      <c r="BV897" s="162"/>
      <c r="BW897" s="162"/>
      <c r="BX897" s="162"/>
      <c r="BY897" s="162"/>
      <c r="BZ897" s="162"/>
      <c r="CA897" s="162"/>
      <c r="CB897" s="162"/>
      <c r="CC897" s="162"/>
      <c r="CD897" s="162"/>
      <c r="CE897" s="162"/>
      <c r="CF897" s="162"/>
      <c r="CG897" s="162"/>
      <c r="CH897" s="162"/>
      <c r="CI897" s="162"/>
      <c r="CJ897" s="162"/>
      <c r="CK897" s="162"/>
      <c r="CX897" s="98"/>
      <c r="DL897" s="97"/>
      <c r="DX897" s="98"/>
      <c r="EL897" s="97"/>
      <c r="EX897" s="98"/>
      <c r="EY897" s="97"/>
      <c r="FL897" s="126"/>
      <c r="FM897" s="91"/>
      <c r="FN897" s="91"/>
      <c r="FO897" s="91"/>
      <c r="FP897" s="91"/>
      <c r="FQ897" s="91"/>
      <c r="FR897" s="91"/>
      <c r="FS897" s="91"/>
      <c r="FT897" s="91"/>
      <c r="FU897" s="91"/>
      <c r="FV897" s="91"/>
      <c r="FW897" s="91"/>
      <c r="FX897" s="91"/>
      <c r="FY897" s="91"/>
      <c r="FZ897" s="91"/>
      <c r="GA897" s="91"/>
      <c r="GB897" s="91"/>
      <c r="GC897" s="91"/>
      <c r="GD897" s="91"/>
      <c r="GE897" s="91"/>
      <c r="GF897" s="91"/>
      <c r="GG897" s="91"/>
      <c r="GH897" s="91"/>
      <c r="GI897" s="91"/>
      <c r="GJ897" s="91"/>
      <c r="GK897" s="127"/>
      <c r="GL897" s="126"/>
      <c r="GM897" s="91"/>
      <c r="GN897" s="91"/>
      <c r="GO897" s="91"/>
      <c r="GP897" s="91"/>
      <c r="GQ897" s="91"/>
      <c r="GR897" s="91"/>
      <c r="GS897" s="91"/>
      <c r="GT897" s="91"/>
      <c r="GU897" s="91"/>
      <c r="GV897" s="91"/>
      <c r="GW897" s="91"/>
      <c r="GX897" s="91"/>
      <c r="GY897" s="91"/>
      <c r="GZ897" s="91"/>
      <c r="HA897" s="91"/>
      <c r="HB897" s="91"/>
      <c r="HC897" s="91"/>
      <c r="HD897" s="91"/>
      <c r="HE897" s="91"/>
      <c r="HF897" s="91"/>
      <c r="HG897" s="91"/>
      <c r="HH897" s="91"/>
      <c r="HI897" s="91"/>
      <c r="HJ897" s="91"/>
      <c r="HK897" s="127"/>
      <c r="HL897" s="126"/>
      <c r="HM897" s="91"/>
      <c r="HN897" s="91"/>
      <c r="HO897" s="91"/>
      <c r="HP897" s="91"/>
      <c r="HQ897" s="91"/>
      <c r="HR897" s="91"/>
      <c r="HS897" s="91"/>
      <c r="HT897" s="91"/>
      <c r="HU897" s="91"/>
      <c r="HV897" s="91"/>
      <c r="HW897" s="91"/>
      <c r="HX897" s="91"/>
      <c r="HY897" s="91"/>
      <c r="HZ897" s="91"/>
      <c r="IA897" s="91"/>
      <c r="IB897" s="91"/>
      <c r="IC897" s="91"/>
      <c r="ID897" s="91"/>
      <c r="IE897" s="91"/>
      <c r="IF897" s="91"/>
      <c r="IG897" s="91"/>
      <c r="IH897" s="91"/>
      <c r="II897" s="91"/>
      <c r="IJ897" s="91"/>
      <c r="IK897" s="127"/>
    </row>
    <row r="898" spans="2:245" x14ac:dyDescent="0.2">
      <c r="B898" s="43"/>
      <c r="C898" s="73"/>
      <c r="D898" s="64"/>
      <c r="E898" s="64"/>
      <c r="F898" s="55"/>
      <c r="G898" s="102"/>
      <c r="H898" s="55"/>
      <c r="I898" s="55"/>
      <c r="J898" s="55"/>
      <c r="K898" s="55"/>
      <c r="L898" s="55"/>
      <c r="M898" s="55"/>
      <c r="N898" s="55"/>
      <c r="O898" s="55"/>
      <c r="P898" s="55"/>
      <c r="Q898" s="55"/>
      <c r="R898" s="55"/>
      <c r="S898" s="55"/>
      <c r="T898" s="55"/>
      <c r="U898" s="55"/>
      <c r="V898" s="55"/>
      <c r="W898" s="55"/>
      <c r="X898" s="55"/>
      <c r="Y898" s="55"/>
      <c r="Z898" s="55"/>
      <c r="AA898" s="55"/>
      <c r="AB898" s="55"/>
      <c r="AC898" s="55"/>
      <c r="AD898" s="55"/>
      <c r="AE898" s="55"/>
      <c r="AF898" s="55"/>
      <c r="AG898" s="55"/>
      <c r="AY898" s="162"/>
      <c r="AZ898" s="162"/>
      <c r="BA898" s="162"/>
      <c r="BB898" s="162"/>
      <c r="BC898" s="162"/>
      <c r="BD898" s="162"/>
      <c r="BE898" s="162"/>
      <c r="BF898" s="162"/>
      <c r="BG898" s="162"/>
      <c r="BH898" s="162"/>
      <c r="BI898" s="162"/>
      <c r="BJ898" s="162"/>
      <c r="BK898" s="162"/>
      <c r="BL898" s="162"/>
      <c r="BM898" s="162"/>
      <c r="BN898" s="162"/>
      <c r="BO898" s="162"/>
      <c r="BP898" s="162"/>
      <c r="BQ898" s="162"/>
      <c r="BR898" s="162"/>
      <c r="BS898" s="162"/>
      <c r="BT898" s="162"/>
      <c r="BU898" s="162"/>
      <c r="BV898" s="162"/>
      <c r="BW898" s="162"/>
      <c r="BX898" s="162"/>
      <c r="BY898" s="162"/>
      <c r="BZ898" s="162"/>
      <c r="CA898" s="162"/>
      <c r="CB898" s="162"/>
      <c r="CC898" s="162"/>
      <c r="CD898" s="162"/>
      <c r="CE898" s="162"/>
      <c r="CF898" s="162"/>
      <c r="CG898" s="162"/>
      <c r="CH898" s="162"/>
      <c r="CI898" s="162"/>
      <c r="CJ898" s="162"/>
      <c r="CK898" s="162"/>
      <c r="CX898" s="98"/>
      <c r="DL898" s="97"/>
      <c r="DX898" s="98"/>
      <c r="EL898" s="97"/>
      <c r="EX898" s="98"/>
      <c r="EY898" s="97"/>
      <c r="FL898" s="126"/>
      <c r="FM898" s="91"/>
      <c r="FN898" s="91"/>
      <c r="FO898" s="91"/>
      <c r="FP898" s="91"/>
      <c r="FQ898" s="91"/>
      <c r="FR898" s="91"/>
      <c r="FS898" s="91"/>
      <c r="FT898" s="91"/>
      <c r="FU898" s="91"/>
      <c r="FV898" s="91"/>
      <c r="FW898" s="91"/>
      <c r="FX898" s="91"/>
      <c r="FY898" s="91"/>
      <c r="FZ898" s="91"/>
      <c r="GA898" s="91"/>
      <c r="GB898" s="91"/>
      <c r="GC898" s="91"/>
      <c r="GD898" s="91"/>
      <c r="GE898" s="91"/>
      <c r="GF898" s="91"/>
      <c r="GG898" s="91"/>
      <c r="GH898" s="91"/>
      <c r="GI898" s="91"/>
      <c r="GJ898" s="91"/>
      <c r="GK898" s="127"/>
      <c r="GL898" s="126"/>
      <c r="GM898" s="91"/>
      <c r="GN898" s="91"/>
      <c r="GO898" s="91"/>
      <c r="GP898" s="91"/>
      <c r="GQ898" s="91"/>
      <c r="GR898" s="91"/>
      <c r="GS898" s="91"/>
      <c r="GT898" s="91"/>
      <c r="GU898" s="91"/>
      <c r="GV898" s="91"/>
      <c r="GW898" s="91"/>
      <c r="GX898" s="91"/>
      <c r="GY898" s="91"/>
      <c r="GZ898" s="91"/>
      <c r="HA898" s="91"/>
      <c r="HB898" s="91"/>
      <c r="HC898" s="91"/>
      <c r="HD898" s="91"/>
      <c r="HE898" s="91"/>
      <c r="HF898" s="91"/>
      <c r="HG898" s="91"/>
      <c r="HH898" s="91"/>
      <c r="HI898" s="91"/>
      <c r="HJ898" s="91"/>
      <c r="HK898" s="127"/>
      <c r="HL898" s="126"/>
      <c r="HM898" s="91"/>
      <c r="HN898" s="91"/>
      <c r="HO898" s="91"/>
      <c r="HP898" s="91"/>
      <c r="HQ898" s="91"/>
      <c r="HR898" s="91"/>
      <c r="HS898" s="91"/>
      <c r="HT898" s="91"/>
      <c r="HU898" s="91"/>
      <c r="HV898" s="91"/>
      <c r="HW898" s="91"/>
      <c r="HX898" s="91"/>
      <c r="HY898" s="91"/>
      <c r="HZ898" s="91"/>
      <c r="IA898" s="91"/>
      <c r="IB898" s="91"/>
      <c r="IC898" s="91"/>
      <c r="ID898" s="91"/>
      <c r="IE898" s="91"/>
      <c r="IF898" s="91"/>
      <c r="IG898" s="91"/>
      <c r="IH898" s="91"/>
      <c r="II898" s="91"/>
      <c r="IJ898" s="91"/>
      <c r="IK898" s="127"/>
    </row>
    <row r="899" spans="2:245" x14ac:dyDescent="0.2">
      <c r="B899" s="43"/>
      <c r="C899" s="73"/>
      <c r="D899" s="64"/>
      <c r="E899" s="64"/>
      <c r="F899" s="55"/>
      <c r="G899" s="102"/>
      <c r="H899" s="55"/>
      <c r="I899" s="55"/>
      <c r="J899" s="55"/>
      <c r="K899" s="55"/>
      <c r="L899" s="55"/>
      <c r="M899" s="55"/>
      <c r="N899" s="55"/>
      <c r="O899" s="55"/>
      <c r="P899" s="55"/>
      <c r="Q899" s="55"/>
      <c r="R899" s="55"/>
      <c r="S899" s="55"/>
      <c r="T899" s="55"/>
      <c r="U899" s="55"/>
      <c r="V899" s="55"/>
      <c r="W899" s="55"/>
      <c r="X899" s="55"/>
      <c r="Y899" s="55"/>
      <c r="Z899" s="55"/>
      <c r="AA899" s="55"/>
      <c r="AB899" s="55"/>
      <c r="AC899" s="55"/>
      <c r="AD899" s="55"/>
      <c r="AE899" s="55"/>
      <c r="AF899" s="55"/>
      <c r="AG899" s="55"/>
      <c r="AY899" s="162"/>
      <c r="AZ899" s="162"/>
      <c r="BA899" s="162"/>
      <c r="BB899" s="162"/>
      <c r="BC899" s="162"/>
      <c r="BD899" s="162"/>
      <c r="BE899" s="162"/>
      <c r="BF899" s="162"/>
      <c r="BG899" s="162"/>
      <c r="BH899" s="162"/>
      <c r="BI899" s="162"/>
      <c r="BJ899" s="162"/>
      <c r="BK899" s="162"/>
      <c r="BL899" s="162"/>
      <c r="BM899" s="162"/>
      <c r="BN899" s="162"/>
      <c r="BO899" s="162"/>
      <c r="BP899" s="162"/>
      <c r="BQ899" s="162"/>
      <c r="BR899" s="162"/>
      <c r="BS899" s="162"/>
      <c r="BT899" s="162"/>
      <c r="BU899" s="162"/>
      <c r="BV899" s="162"/>
      <c r="BW899" s="162"/>
      <c r="BX899" s="162"/>
      <c r="BY899" s="162"/>
      <c r="BZ899" s="162"/>
      <c r="CA899" s="162"/>
      <c r="CB899" s="162"/>
      <c r="CC899" s="162"/>
      <c r="CD899" s="162"/>
      <c r="CE899" s="162"/>
      <c r="CF899" s="162"/>
      <c r="CG899" s="162"/>
      <c r="CH899" s="162"/>
      <c r="CI899" s="162"/>
      <c r="CJ899" s="162"/>
      <c r="CK899" s="162"/>
      <c r="CX899" s="98"/>
      <c r="DL899" s="97"/>
      <c r="DX899" s="98"/>
      <c r="EL899" s="97"/>
      <c r="EX899" s="98"/>
      <c r="EY899" s="97"/>
      <c r="FL899" s="126"/>
      <c r="FM899" s="91"/>
      <c r="FN899" s="91"/>
      <c r="FO899" s="91"/>
      <c r="FP899" s="91"/>
      <c r="FQ899" s="91"/>
      <c r="FR899" s="91"/>
      <c r="FS899" s="91"/>
      <c r="FT899" s="91"/>
      <c r="FU899" s="91"/>
      <c r="FV899" s="91"/>
      <c r="FW899" s="91"/>
      <c r="FX899" s="91"/>
      <c r="FY899" s="91"/>
      <c r="FZ899" s="91"/>
      <c r="GA899" s="91"/>
      <c r="GB899" s="91"/>
      <c r="GC899" s="91"/>
      <c r="GD899" s="91"/>
      <c r="GE899" s="91"/>
      <c r="GF899" s="91"/>
      <c r="GG899" s="91"/>
      <c r="GH899" s="91"/>
      <c r="GI899" s="91"/>
      <c r="GJ899" s="91"/>
      <c r="GK899" s="127"/>
      <c r="GL899" s="126"/>
      <c r="GM899" s="91"/>
      <c r="GN899" s="91"/>
      <c r="GO899" s="91"/>
      <c r="GP899" s="91"/>
      <c r="GQ899" s="91"/>
      <c r="GR899" s="91"/>
      <c r="GS899" s="91"/>
      <c r="GT899" s="91"/>
      <c r="GU899" s="91"/>
      <c r="GV899" s="91"/>
      <c r="GW899" s="91"/>
      <c r="GX899" s="91"/>
      <c r="GY899" s="91"/>
      <c r="GZ899" s="91"/>
      <c r="HA899" s="91"/>
      <c r="HB899" s="91"/>
      <c r="HC899" s="91"/>
      <c r="HD899" s="91"/>
      <c r="HE899" s="91"/>
      <c r="HF899" s="91"/>
      <c r="HG899" s="91"/>
      <c r="HH899" s="91"/>
      <c r="HI899" s="91"/>
      <c r="HJ899" s="91"/>
      <c r="HK899" s="127"/>
      <c r="HL899" s="126"/>
      <c r="HM899" s="91"/>
      <c r="HN899" s="91"/>
      <c r="HO899" s="91"/>
      <c r="HP899" s="91"/>
      <c r="HQ899" s="91"/>
      <c r="HR899" s="91"/>
      <c r="HS899" s="91"/>
      <c r="HT899" s="91"/>
      <c r="HU899" s="91"/>
      <c r="HV899" s="91"/>
      <c r="HW899" s="91"/>
      <c r="HX899" s="91"/>
      <c r="HY899" s="91"/>
      <c r="HZ899" s="91"/>
      <c r="IA899" s="91"/>
      <c r="IB899" s="91"/>
      <c r="IC899" s="91"/>
      <c r="ID899" s="91"/>
      <c r="IE899" s="91"/>
      <c r="IF899" s="91"/>
      <c r="IG899" s="91"/>
      <c r="IH899" s="91"/>
      <c r="II899" s="91"/>
      <c r="IJ899" s="91"/>
      <c r="IK899" s="127"/>
    </row>
    <row r="900" spans="2:245" x14ac:dyDescent="0.2">
      <c r="B900" s="43"/>
      <c r="C900" s="73"/>
      <c r="D900" s="64"/>
      <c r="E900" s="64"/>
      <c r="F900" s="55"/>
      <c r="G900" s="102"/>
      <c r="H900" s="55"/>
      <c r="I900" s="55"/>
      <c r="J900" s="55"/>
      <c r="K900" s="55"/>
      <c r="L900" s="55"/>
      <c r="M900" s="55"/>
      <c r="N900" s="55"/>
      <c r="O900" s="55"/>
      <c r="P900" s="55"/>
      <c r="Q900" s="55"/>
      <c r="R900" s="55"/>
      <c r="S900" s="55"/>
      <c r="T900" s="55"/>
      <c r="U900" s="55"/>
      <c r="V900" s="55"/>
      <c r="W900" s="55"/>
      <c r="X900" s="55"/>
      <c r="Y900" s="55"/>
      <c r="Z900" s="55"/>
      <c r="AA900" s="55"/>
      <c r="AB900" s="55"/>
      <c r="AC900" s="55"/>
      <c r="AD900" s="55"/>
      <c r="AE900" s="55"/>
      <c r="AF900" s="55"/>
      <c r="AG900" s="55"/>
      <c r="AY900" s="162"/>
      <c r="AZ900" s="162"/>
      <c r="BA900" s="162"/>
      <c r="BB900" s="162"/>
      <c r="BC900" s="162"/>
      <c r="BD900" s="162"/>
      <c r="BE900" s="162"/>
      <c r="BF900" s="162"/>
      <c r="BG900" s="162"/>
      <c r="BH900" s="162"/>
      <c r="BI900" s="162"/>
      <c r="BJ900" s="162"/>
      <c r="BK900" s="162"/>
      <c r="BL900" s="162"/>
      <c r="BM900" s="162"/>
      <c r="BN900" s="162"/>
      <c r="BO900" s="162"/>
      <c r="BP900" s="162"/>
      <c r="BQ900" s="162"/>
      <c r="BR900" s="162"/>
      <c r="BS900" s="162"/>
      <c r="BT900" s="162"/>
      <c r="BU900" s="162"/>
      <c r="BV900" s="162"/>
      <c r="BW900" s="162"/>
      <c r="BX900" s="162"/>
      <c r="BY900" s="162"/>
      <c r="BZ900" s="162"/>
      <c r="CA900" s="162"/>
      <c r="CB900" s="162"/>
      <c r="CC900" s="162"/>
      <c r="CD900" s="162"/>
      <c r="CE900" s="162"/>
      <c r="CF900" s="162"/>
      <c r="CG900" s="162"/>
      <c r="CH900" s="162"/>
      <c r="CI900" s="162"/>
      <c r="CJ900" s="162"/>
      <c r="CK900" s="162"/>
      <c r="CX900" s="98"/>
      <c r="DL900" s="97"/>
      <c r="DX900" s="98"/>
      <c r="EL900" s="97"/>
      <c r="EX900" s="98"/>
      <c r="EY900" s="97"/>
      <c r="FL900" s="126"/>
      <c r="FM900" s="91"/>
      <c r="FN900" s="91"/>
      <c r="FO900" s="91"/>
      <c r="FP900" s="91"/>
      <c r="FQ900" s="91"/>
      <c r="FR900" s="91"/>
      <c r="FS900" s="91"/>
      <c r="FT900" s="91"/>
      <c r="FU900" s="91"/>
      <c r="FV900" s="91"/>
      <c r="FW900" s="91"/>
      <c r="FX900" s="91"/>
      <c r="FY900" s="91"/>
      <c r="FZ900" s="91"/>
      <c r="GA900" s="91"/>
      <c r="GB900" s="91"/>
      <c r="GC900" s="91"/>
      <c r="GD900" s="91"/>
      <c r="GE900" s="91"/>
      <c r="GF900" s="91"/>
      <c r="GG900" s="91"/>
      <c r="GH900" s="91"/>
      <c r="GI900" s="91"/>
      <c r="GJ900" s="91"/>
      <c r="GK900" s="127"/>
      <c r="GL900" s="126"/>
      <c r="GM900" s="91"/>
      <c r="GN900" s="91"/>
      <c r="GO900" s="91"/>
      <c r="GP900" s="91"/>
      <c r="GQ900" s="91"/>
      <c r="GR900" s="91"/>
      <c r="GS900" s="91"/>
      <c r="GT900" s="91"/>
      <c r="GU900" s="91"/>
      <c r="GV900" s="91"/>
      <c r="GW900" s="91"/>
      <c r="GX900" s="91"/>
      <c r="GY900" s="91"/>
      <c r="GZ900" s="91"/>
      <c r="HA900" s="91"/>
      <c r="HB900" s="91"/>
      <c r="HC900" s="91"/>
      <c r="HD900" s="91"/>
      <c r="HE900" s="91"/>
      <c r="HF900" s="91"/>
      <c r="HG900" s="91"/>
      <c r="HH900" s="91"/>
      <c r="HI900" s="91"/>
      <c r="HJ900" s="91"/>
      <c r="HK900" s="127"/>
      <c r="HL900" s="126"/>
      <c r="HM900" s="91"/>
      <c r="HN900" s="91"/>
      <c r="HO900" s="91"/>
      <c r="HP900" s="91"/>
      <c r="HQ900" s="91"/>
      <c r="HR900" s="91"/>
      <c r="HS900" s="91"/>
      <c r="HT900" s="91"/>
      <c r="HU900" s="91"/>
      <c r="HV900" s="91"/>
      <c r="HW900" s="91"/>
      <c r="HX900" s="91"/>
      <c r="HY900" s="91"/>
      <c r="HZ900" s="91"/>
      <c r="IA900" s="91"/>
      <c r="IB900" s="91"/>
      <c r="IC900" s="91"/>
      <c r="ID900" s="91"/>
      <c r="IE900" s="91"/>
      <c r="IF900" s="91"/>
      <c r="IG900" s="91"/>
      <c r="IH900" s="91"/>
      <c r="II900" s="91"/>
      <c r="IJ900" s="91"/>
      <c r="IK900" s="127"/>
    </row>
    <row r="901" spans="2:245" x14ac:dyDescent="0.2">
      <c r="B901" s="43"/>
      <c r="C901" s="73"/>
      <c r="D901" s="64"/>
      <c r="E901" s="64"/>
      <c r="F901" s="55"/>
      <c r="G901" s="102"/>
      <c r="H901" s="55"/>
      <c r="I901" s="55"/>
      <c r="J901" s="55"/>
      <c r="K901" s="55"/>
      <c r="L901" s="55"/>
      <c r="M901" s="55"/>
      <c r="N901" s="55"/>
      <c r="O901" s="55"/>
      <c r="P901" s="55"/>
      <c r="Q901" s="55"/>
      <c r="R901" s="55"/>
      <c r="S901" s="55"/>
      <c r="T901" s="55"/>
      <c r="U901" s="55"/>
      <c r="V901" s="55"/>
      <c r="W901" s="55"/>
      <c r="X901" s="55"/>
      <c r="Y901" s="55"/>
      <c r="Z901" s="55"/>
      <c r="AA901" s="55"/>
      <c r="AB901" s="55"/>
      <c r="AC901" s="55"/>
      <c r="AD901" s="55"/>
      <c r="AE901" s="55"/>
      <c r="AF901" s="55"/>
      <c r="AG901" s="55"/>
      <c r="AY901" s="162"/>
      <c r="AZ901" s="162"/>
      <c r="BA901" s="162"/>
      <c r="BB901" s="162"/>
      <c r="BC901" s="162"/>
      <c r="BD901" s="162"/>
      <c r="BE901" s="162"/>
      <c r="BF901" s="162"/>
      <c r="BG901" s="162"/>
      <c r="BH901" s="162"/>
      <c r="BI901" s="162"/>
      <c r="BJ901" s="162"/>
      <c r="BK901" s="162"/>
      <c r="BL901" s="162"/>
      <c r="BM901" s="162"/>
      <c r="BN901" s="162"/>
      <c r="BO901" s="162"/>
      <c r="BP901" s="162"/>
      <c r="BQ901" s="162"/>
      <c r="BR901" s="162"/>
      <c r="BS901" s="162"/>
      <c r="BT901" s="162"/>
      <c r="BU901" s="162"/>
      <c r="BV901" s="162"/>
      <c r="BW901" s="162"/>
      <c r="BX901" s="162"/>
      <c r="BY901" s="162"/>
      <c r="BZ901" s="162"/>
      <c r="CA901" s="162"/>
      <c r="CB901" s="162"/>
      <c r="CC901" s="162"/>
      <c r="CD901" s="162"/>
      <c r="CE901" s="162"/>
      <c r="CF901" s="162"/>
      <c r="CG901" s="162"/>
      <c r="CH901" s="162"/>
      <c r="CI901" s="162"/>
      <c r="CJ901" s="162"/>
      <c r="CK901" s="162"/>
      <c r="CX901" s="98"/>
      <c r="DL901" s="97"/>
      <c r="DX901" s="98"/>
      <c r="EL901" s="97"/>
      <c r="EX901" s="98"/>
      <c r="EY901" s="97"/>
      <c r="FL901" s="126"/>
      <c r="FM901" s="91"/>
      <c r="FN901" s="91"/>
      <c r="FO901" s="91"/>
      <c r="FP901" s="91"/>
      <c r="FQ901" s="91"/>
      <c r="FR901" s="91"/>
      <c r="FS901" s="91"/>
      <c r="FT901" s="91"/>
      <c r="FU901" s="91"/>
      <c r="FV901" s="91"/>
      <c r="FW901" s="91"/>
      <c r="FX901" s="91"/>
      <c r="FY901" s="91"/>
      <c r="FZ901" s="91"/>
      <c r="GA901" s="91"/>
      <c r="GB901" s="91"/>
      <c r="GC901" s="91"/>
      <c r="GD901" s="91"/>
      <c r="GE901" s="91"/>
      <c r="GF901" s="91"/>
      <c r="GG901" s="91"/>
      <c r="GH901" s="91"/>
      <c r="GI901" s="91"/>
      <c r="GJ901" s="91"/>
      <c r="GK901" s="127"/>
      <c r="GL901" s="126"/>
      <c r="GM901" s="91"/>
      <c r="GN901" s="91"/>
      <c r="GO901" s="91"/>
      <c r="GP901" s="91"/>
      <c r="GQ901" s="91"/>
      <c r="GR901" s="91"/>
      <c r="GS901" s="91"/>
      <c r="GT901" s="91"/>
      <c r="GU901" s="91"/>
      <c r="GV901" s="91"/>
      <c r="GW901" s="91"/>
      <c r="GX901" s="91"/>
      <c r="GY901" s="91"/>
      <c r="GZ901" s="91"/>
      <c r="HA901" s="91"/>
      <c r="HB901" s="91"/>
      <c r="HC901" s="91"/>
      <c r="HD901" s="91"/>
      <c r="HE901" s="91"/>
      <c r="HF901" s="91"/>
      <c r="HG901" s="91"/>
      <c r="HH901" s="91"/>
      <c r="HI901" s="91"/>
      <c r="HJ901" s="91"/>
      <c r="HK901" s="127"/>
      <c r="HL901" s="126"/>
      <c r="HM901" s="91"/>
      <c r="HN901" s="91"/>
      <c r="HO901" s="91"/>
      <c r="HP901" s="91"/>
      <c r="HQ901" s="91"/>
      <c r="HR901" s="91"/>
      <c r="HS901" s="91"/>
      <c r="HT901" s="91"/>
      <c r="HU901" s="91"/>
      <c r="HV901" s="91"/>
      <c r="HW901" s="91"/>
      <c r="HX901" s="91"/>
      <c r="HY901" s="91"/>
      <c r="HZ901" s="91"/>
      <c r="IA901" s="91"/>
      <c r="IB901" s="91"/>
      <c r="IC901" s="91"/>
      <c r="ID901" s="91"/>
      <c r="IE901" s="91"/>
      <c r="IF901" s="91"/>
      <c r="IG901" s="91"/>
      <c r="IH901" s="91"/>
      <c r="II901" s="91"/>
      <c r="IJ901" s="91"/>
      <c r="IK901" s="127"/>
    </row>
    <row r="902" spans="2:245" x14ac:dyDescent="0.2">
      <c r="B902" s="43"/>
      <c r="C902" s="73"/>
      <c r="D902" s="64"/>
      <c r="E902" s="64"/>
      <c r="F902" s="55"/>
      <c r="G902" s="102"/>
      <c r="H902" s="55"/>
      <c r="I902" s="55"/>
      <c r="J902" s="55"/>
      <c r="K902" s="55"/>
      <c r="L902" s="55"/>
      <c r="M902" s="55"/>
      <c r="N902" s="55"/>
      <c r="O902" s="55"/>
      <c r="P902" s="55"/>
      <c r="Q902" s="55"/>
      <c r="R902" s="55"/>
      <c r="S902" s="55"/>
      <c r="T902" s="55"/>
      <c r="U902" s="55"/>
      <c r="V902" s="55"/>
      <c r="W902" s="55"/>
      <c r="X902" s="55"/>
      <c r="Y902" s="55"/>
      <c r="Z902" s="55"/>
      <c r="AA902" s="55"/>
      <c r="AB902" s="55"/>
      <c r="AC902" s="55"/>
      <c r="AD902" s="55"/>
      <c r="AE902" s="55"/>
      <c r="AF902" s="55"/>
      <c r="AG902" s="55"/>
      <c r="AY902" s="162"/>
      <c r="AZ902" s="162"/>
      <c r="BA902" s="162"/>
      <c r="BB902" s="162"/>
      <c r="BC902" s="162"/>
      <c r="BD902" s="162"/>
      <c r="BE902" s="162"/>
      <c r="BF902" s="162"/>
      <c r="BG902" s="162"/>
      <c r="BH902" s="162"/>
      <c r="BI902" s="162"/>
      <c r="BJ902" s="162"/>
      <c r="BK902" s="162"/>
      <c r="BL902" s="162"/>
      <c r="BM902" s="162"/>
      <c r="BN902" s="162"/>
      <c r="BO902" s="162"/>
      <c r="BP902" s="162"/>
      <c r="BQ902" s="162"/>
      <c r="BR902" s="162"/>
      <c r="BS902" s="162"/>
      <c r="BT902" s="162"/>
      <c r="BU902" s="162"/>
      <c r="BV902" s="162"/>
      <c r="BW902" s="162"/>
      <c r="BX902" s="162"/>
      <c r="BY902" s="162"/>
      <c r="BZ902" s="162"/>
      <c r="CA902" s="162"/>
      <c r="CB902" s="162"/>
      <c r="CC902" s="162"/>
      <c r="CD902" s="162"/>
      <c r="CE902" s="162"/>
      <c r="CF902" s="162"/>
      <c r="CG902" s="162"/>
      <c r="CH902" s="162"/>
      <c r="CI902" s="162"/>
      <c r="CJ902" s="162"/>
      <c r="CK902" s="162"/>
      <c r="CX902" s="98"/>
      <c r="DL902" s="97"/>
      <c r="DX902" s="98"/>
      <c r="EL902" s="97"/>
      <c r="EX902" s="98"/>
      <c r="EY902" s="97"/>
      <c r="FL902" s="126"/>
      <c r="FM902" s="91"/>
      <c r="FN902" s="91"/>
      <c r="FO902" s="91"/>
      <c r="FP902" s="91"/>
      <c r="FQ902" s="91"/>
      <c r="FR902" s="91"/>
      <c r="FS902" s="91"/>
      <c r="FT902" s="91"/>
      <c r="FU902" s="91"/>
      <c r="FV902" s="91"/>
      <c r="FW902" s="91"/>
      <c r="FX902" s="91"/>
      <c r="FY902" s="91"/>
      <c r="FZ902" s="91"/>
      <c r="GA902" s="91"/>
      <c r="GB902" s="91"/>
      <c r="GC902" s="91"/>
      <c r="GD902" s="91"/>
      <c r="GE902" s="91"/>
      <c r="GF902" s="91"/>
      <c r="GG902" s="91"/>
      <c r="GH902" s="91"/>
      <c r="GI902" s="91"/>
      <c r="GJ902" s="91"/>
      <c r="GK902" s="127"/>
      <c r="GL902" s="126"/>
      <c r="GM902" s="91"/>
      <c r="GN902" s="91"/>
      <c r="GO902" s="91"/>
      <c r="GP902" s="91"/>
      <c r="GQ902" s="91"/>
      <c r="GR902" s="91"/>
      <c r="GS902" s="91"/>
      <c r="GT902" s="91"/>
      <c r="GU902" s="91"/>
      <c r="GV902" s="91"/>
      <c r="GW902" s="91"/>
      <c r="GX902" s="91"/>
      <c r="GY902" s="91"/>
      <c r="GZ902" s="91"/>
      <c r="HA902" s="91"/>
      <c r="HB902" s="91"/>
      <c r="HC902" s="91"/>
      <c r="HD902" s="91"/>
      <c r="HE902" s="91"/>
      <c r="HF902" s="91"/>
      <c r="HG902" s="91"/>
      <c r="HH902" s="91"/>
      <c r="HI902" s="91"/>
      <c r="HJ902" s="91"/>
      <c r="HK902" s="127"/>
      <c r="HL902" s="126"/>
      <c r="HM902" s="91"/>
      <c r="HN902" s="91"/>
      <c r="HO902" s="91"/>
      <c r="HP902" s="91"/>
      <c r="HQ902" s="91"/>
      <c r="HR902" s="91"/>
      <c r="HS902" s="91"/>
      <c r="HT902" s="91"/>
      <c r="HU902" s="91"/>
      <c r="HV902" s="91"/>
      <c r="HW902" s="91"/>
      <c r="HX902" s="91"/>
      <c r="HY902" s="91"/>
      <c r="HZ902" s="91"/>
      <c r="IA902" s="91"/>
      <c r="IB902" s="91"/>
      <c r="IC902" s="91"/>
      <c r="ID902" s="91"/>
      <c r="IE902" s="91"/>
      <c r="IF902" s="91"/>
      <c r="IG902" s="91"/>
      <c r="IH902" s="91"/>
      <c r="II902" s="91"/>
      <c r="IJ902" s="91"/>
      <c r="IK902" s="127"/>
    </row>
    <row r="903" spans="2:245" x14ac:dyDescent="0.2">
      <c r="B903" s="43"/>
      <c r="C903" s="73"/>
      <c r="D903" s="64"/>
      <c r="E903" s="64"/>
      <c r="F903" s="55"/>
      <c r="G903" s="102"/>
      <c r="H903" s="55"/>
      <c r="I903" s="55"/>
      <c r="J903" s="55"/>
      <c r="K903" s="55"/>
      <c r="L903" s="55"/>
      <c r="M903" s="55"/>
      <c r="N903" s="55"/>
      <c r="O903" s="55"/>
      <c r="P903" s="55"/>
      <c r="Q903" s="55"/>
      <c r="R903" s="55"/>
      <c r="S903" s="55"/>
      <c r="T903" s="55"/>
      <c r="U903" s="55"/>
      <c r="V903" s="55"/>
      <c r="W903" s="55"/>
      <c r="X903" s="55"/>
      <c r="Y903" s="55"/>
      <c r="Z903" s="55"/>
      <c r="AA903" s="55"/>
      <c r="AB903" s="55"/>
      <c r="AC903" s="55"/>
      <c r="AD903" s="55"/>
      <c r="AE903" s="55"/>
      <c r="AF903" s="55"/>
      <c r="AG903" s="55"/>
      <c r="AY903" s="162"/>
      <c r="AZ903" s="162"/>
      <c r="BA903" s="162"/>
      <c r="BB903" s="162"/>
      <c r="BC903" s="162"/>
      <c r="BD903" s="162"/>
      <c r="BE903" s="162"/>
      <c r="BF903" s="162"/>
      <c r="BG903" s="162"/>
      <c r="BH903" s="162"/>
      <c r="BI903" s="162"/>
      <c r="BJ903" s="162"/>
      <c r="BK903" s="162"/>
      <c r="BL903" s="162"/>
      <c r="BM903" s="162"/>
      <c r="BN903" s="162"/>
      <c r="BO903" s="162"/>
      <c r="BP903" s="162"/>
      <c r="BQ903" s="162"/>
      <c r="BR903" s="162"/>
      <c r="BS903" s="162"/>
      <c r="BT903" s="162"/>
      <c r="BU903" s="162"/>
      <c r="BV903" s="162"/>
      <c r="BW903" s="162"/>
      <c r="BX903" s="162"/>
      <c r="BY903" s="162"/>
      <c r="BZ903" s="162"/>
      <c r="CA903" s="162"/>
      <c r="CB903" s="162"/>
      <c r="CC903" s="162"/>
      <c r="CD903" s="162"/>
      <c r="CE903" s="162"/>
      <c r="CF903" s="162"/>
      <c r="CG903" s="162"/>
      <c r="CH903" s="162"/>
      <c r="CI903" s="162"/>
      <c r="CJ903" s="162"/>
      <c r="CK903" s="162"/>
      <c r="CX903" s="98"/>
      <c r="DL903" s="97"/>
      <c r="DX903" s="98"/>
      <c r="EL903" s="97"/>
      <c r="EX903" s="98"/>
      <c r="EY903" s="97"/>
      <c r="FL903" s="126"/>
      <c r="FM903" s="91"/>
      <c r="FN903" s="91"/>
      <c r="FO903" s="91"/>
      <c r="FP903" s="91"/>
      <c r="FQ903" s="91"/>
      <c r="FR903" s="91"/>
      <c r="FS903" s="91"/>
      <c r="FT903" s="91"/>
      <c r="FU903" s="91"/>
      <c r="FV903" s="91"/>
      <c r="FW903" s="91"/>
      <c r="FX903" s="91"/>
      <c r="FY903" s="91"/>
      <c r="FZ903" s="91"/>
      <c r="GA903" s="91"/>
      <c r="GB903" s="91"/>
      <c r="GC903" s="91"/>
      <c r="GD903" s="91"/>
      <c r="GE903" s="91"/>
      <c r="GF903" s="91"/>
      <c r="GG903" s="91"/>
      <c r="GH903" s="91"/>
      <c r="GI903" s="91"/>
      <c r="GJ903" s="91"/>
      <c r="GK903" s="127"/>
      <c r="GL903" s="126"/>
      <c r="GM903" s="91"/>
      <c r="GN903" s="91"/>
      <c r="GO903" s="91"/>
      <c r="GP903" s="91"/>
      <c r="GQ903" s="91"/>
      <c r="GR903" s="91"/>
      <c r="GS903" s="91"/>
      <c r="GT903" s="91"/>
      <c r="GU903" s="91"/>
      <c r="GV903" s="91"/>
      <c r="GW903" s="91"/>
      <c r="GX903" s="91"/>
      <c r="GY903" s="91"/>
      <c r="GZ903" s="91"/>
      <c r="HA903" s="91"/>
      <c r="HB903" s="91"/>
      <c r="HC903" s="91"/>
      <c r="HD903" s="91"/>
      <c r="HE903" s="91"/>
      <c r="HF903" s="91"/>
      <c r="HG903" s="91"/>
      <c r="HH903" s="91"/>
      <c r="HI903" s="91"/>
      <c r="HJ903" s="91"/>
      <c r="HK903" s="127"/>
      <c r="HL903" s="126"/>
      <c r="HM903" s="91"/>
      <c r="HN903" s="91"/>
      <c r="HO903" s="91"/>
      <c r="HP903" s="91"/>
      <c r="HQ903" s="91"/>
      <c r="HR903" s="91"/>
      <c r="HS903" s="91"/>
      <c r="HT903" s="91"/>
      <c r="HU903" s="91"/>
      <c r="HV903" s="91"/>
      <c r="HW903" s="91"/>
      <c r="HX903" s="91"/>
      <c r="HY903" s="91"/>
      <c r="HZ903" s="91"/>
      <c r="IA903" s="91"/>
      <c r="IB903" s="91"/>
      <c r="IC903" s="91"/>
      <c r="ID903" s="91"/>
      <c r="IE903" s="91"/>
      <c r="IF903" s="91"/>
      <c r="IG903" s="91"/>
      <c r="IH903" s="91"/>
      <c r="II903" s="91"/>
      <c r="IJ903" s="91"/>
      <c r="IK903" s="127"/>
    </row>
    <row r="904" spans="2:245" x14ac:dyDescent="0.2">
      <c r="B904" s="43"/>
      <c r="C904" s="73"/>
      <c r="D904" s="64"/>
      <c r="E904" s="64"/>
      <c r="F904" s="55"/>
      <c r="G904" s="102"/>
      <c r="H904" s="55"/>
      <c r="I904" s="55"/>
      <c r="J904" s="55"/>
      <c r="K904" s="55"/>
      <c r="L904" s="55"/>
      <c r="M904" s="55"/>
      <c r="N904" s="55"/>
      <c r="O904" s="55"/>
      <c r="P904" s="55"/>
      <c r="Q904" s="55"/>
      <c r="R904" s="55"/>
      <c r="S904" s="55"/>
      <c r="T904" s="55"/>
      <c r="U904" s="55"/>
      <c r="V904" s="55"/>
      <c r="W904" s="55"/>
      <c r="X904" s="55"/>
      <c r="Y904" s="55"/>
      <c r="Z904" s="55"/>
      <c r="AA904" s="55"/>
      <c r="AB904" s="55"/>
      <c r="AC904" s="55"/>
      <c r="AD904" s="55"/>
      <c r="AE904" s="55"/>
      <c r="AF904" s="55"/>
      <c r="AG904" s="55"/>
      <c r="AY904" s="162"/>
      <c r="AZ904" s="162"/>
      <c r="BA904" s="162"/>
      <c r="BB904" s="162"/>
      <c r="BC904" s="162"/>
      <c r="BD904" s="162"/>
      <c r="BE904" s="162"/>
      <c r="BF904" s="162"/>
      <c r="BG904" s="162"/>
      <c r="BH904" s="162"/>
      <c r="BI904" s="162"/>
      <c r="BJ904" s="162"/>
      <c r="BK904" s="162"/>
      <c r="BL904" s="162"/>
      <c r="BM904" s="162"/>
      <c r="BN904" s="162"/>
      <c r="BO904" s="162"/>
      <c r="BP904" s="162"/>
      <c r="BQ904" s="162"/>
      <c r="BR904" s="162"/>
      <c r="BS904" s="162"/>
      <c r="BT904" s="162"/>
      <c r="BU904" s="162"/>
      <c r="BV904" s="162"/>
      <c r="BW904" s="162"/>
      <c r="BX904" s="162"/>
      <c r="BY904" s="162"/>
      <c r="BZ904" s="162"/>
      <c r="CA904" s="162"/>
      <c r="CB904" s="162"/>
      <c r="CC904" s="162"/>
      <c r="CD904" s="162"/>
      <c r="CE904" s="162"/>
      <c r="CF904" s="162"/>
      <c r="CG904" s="162"/>
      <c r="CH904" s="162"/>
      <c r="CI904" s="162"/>
      <c r="CJ904" s="162"/>
      <c r="CK904" s="162"/>
      <c r="CX904" s="98"/>
      <c r="DL904" s="97"/>
      <c r="DX904" s="98"/>
      <c r="EL904" s="97"/>
      <c r="EX904" s="98"/>
      <c r="EY904" s="97"/>
      <c r="FL904" s="126"/>
      <c r="FM904" s="91"/>
      <c r="FN904" s="91"/>
      <c r="FO904" s="91"/>
      <c r="FP904" s="91"/>
      <c r="FQ904" s="91"/>
      <c r="FR904" s="91"/>
      <c r="FS904" s="91"/>
      <c r="FT904" s="91"/>
      <c r="FU904" s="91"/>
      <c r="FV904" s="91"/>
      <c r="FW904" s="91"/>
      <c r="FX904" s="91"/>
      <c r="FY904" s="91"/>
      <c r="FZ904" s="91"/>
      <c r="GA904" s="91"/>
      <c r="GB904" s="91"/>
      <c r="GC904" s="91"/>
      <c r="GD904" s="91"/>
      <c r="GE904" s="91"/>
      <c r="GF904" s="91"/>
      <c r="GG904" s="91"/>
      <c r="GH904" s="91"/>
      <c r="GI904" s="91"/>
      <c r="GJ904" s="91"/>
      <c r="GK904" s="127"/>
      <c r="GL904" s="126"/>
      <c r="GM904" s="91"/>
      <c r="GN904" s="91"/>
      <c r="GO904" s="91"/>
      <c r="GP904" s="91"/>
      <c r="GQ904" s="91"/>
      <c r="GR904" s="91"/>
      <c r="GS904" s="91"/>
      <c r="GT904" s="91"/>
      <c r="GU904" s="91"/>
      <c r="GV904" s="91"/>
      <c r="GW904" s="91"/>
      <c r="GX904" s="91"/>
      <c r="GY904" s="91"/>
      <c r="GZ904" s="91"/>
      <c r="HA904" s="91"/>
      <c r="HB904" s="91"/>
      <c r="HC904" s="91"/>
      <c r="HD904" s="91"/>
      <c r="HE904" s="91"/>
      <c r="HF904" s="91"/>
      <c r="HG904" s="91"/>
      <c r="HH904" s="91"/>
      <c r="HI904" s="91"/>
      <c r="HJ904" s="91"/>
      <c r="HK904" s="127"/>
      <c r="HL904" s="126"/>
      <c r="HM904" s="91"/>
      <c r="HN904" s="91"/>
      <c r="HO904" s="91"/>
      <c r="HP904" s="91"/>
      <c r="HQ904" s="91"/>
      <c r="HR904" s="91"/>
      <c r="HS904" s="91"/>
      <c r="HT904" s="91"/>
      <c r="HU904" s="91"/>
      <c r="HV904" s="91"/>
      <c r="HW904" s="91"/>
      <c r="HX904" s="91"/>
      <c r="HY904" s="91"/>
      <c r="HZ904" s="91"/>
      <c r="IA904" s="91"/>
      <c r="IB904" s="91"/>
      <c r="IC904" s="91"/>
      <c r="ID904" s="91"/>
      <c r="IE904" s="91"/>
      <c r="IF904" s="91"/>
      <c r="IG904" s="91"/>
      <c r="IH904" s="91"/>
      <c r="II904" s="91"/>
      <c r="IJ904" s="91"/>
      <c r="IK904" s="127"/>
    </row>
    <row r="905" spans="2:245" x14ac:dyDescent="0.2">
      <c r="B905" s="43"/>
      <c r="C905" s="73"/>
      <c r="D905" s="64"/>
      <c r="E905" s="64"/>
      <c r="F905" s="55"/>
      <c r="G905" s="102"/>
      <c r="H905" s="55"/>
      <c r="I905" s="55"/>
      <c r="J905" s="55"/>
      <c r="K905" s="55"/>
      <c r="L905" s="55"/>
      <c r="M905" s="55"/>
      <c r="N905" s="55"/>
      <c r="O905" s="55"/>
      <c r="P905" s="55"/>
      <c r="Q905" s="55"/>
      <c r="R905" s="55"/>
      <c r="S905" s="55"/>
      <c r="T905" s="55"/>
      <c r="U905" s="55"/>
      <c r="V905" s="55"/>
      <c r="W905" s="55"/>
      <c r="X905" s="55"/>
      <c r="Y905" s="55"/>
      <c r="Z905" s="55"/>
      <c r="AA905" s="55"/>
      <c r="AB905" s="55"/>
      <c r="AC905" s="55"/>
      <c r="AD905" s="55"/>
      <c r="AE905" s="55"/>
      <c r="AF905" s="55"/>
      <c r="AG905" s="55"/>
      <c r="AY905" s="162"/>
      <c r="AZ905" s="162"/>
      <c r="BA905" s="162"/>
      <c r="BB905" s="162"/>
      <c r="BC905" s="162"/>
      <c r="BD905" s="162"/>
      <c r="BE905" s="162"/>
      <c r="BF905" s="162"/>
      <c r="BG905" s="162"/>
      <c r="BH905" s="162"/>
      <c r="BI905" s="162"/>
      <c r="BJ905" s="162"/>
      <c r="BK905" s="162"/>
      <c r="BL905" s="162"/>
      <c r="BM905" s="162"/>
      <c r="BN905" s="162"/>
      <c r="BO905" s="162"/>
      <c r="BP905" s="162"/>
      <c r="BQ905" s="162"/>
      <c r="BR905" s="162"/>
      <c r="BS905" s="162"/>
      <c r="BT905" s="162"/>
      <c r="BU905" s="162"/>
      <c r="BV905" s="162"/>
      <c r="BW905" s="162"/>
      <c r="BX905" s="162"/>
      <c r="BY905" s="162"/>
      <c r="BZ905" s="162"/>
      <c r="CA905" s="162"/>
      <c r="CB905" s="162"/>
      <c r="CC905" s="162"/>
      <c r="CD905" s="162"/>
      <c r="CE905" s="162"/>
      <c r="CF905" s="162"/>
      <c r="CG905" s="162"/>
      <c r="CH905" s="162"/>
      <c r="CI905" s="162"/>
      <c r="CJ905" s="162"/>
      <c r="CK905" s="162"/>
      <c r="CX905" s="98"/>
      <c r="DL905" s="97"/>
      <c r="DX905" s="98"/>
      <c r="EL905" s="97"/>
      <c r="EX905" s="98"/>
      <c r="EY905" s="97"/>
      <c r="FL905" s="126"/>
      <c r="FM905" s="91"/>
      <c r="FN905" s="91"/>
      <c r="FO905" s="91"/>
      <c r="FP905" s="91"/>
      <c r="FQ905" s="91"/>
      <c r="FR905" s="91"/>
      <c r="FS905" s="91"/>
      <c r="FT905" s="91"/>
      <c r="FU905" s="91"/>
      <c r="FV905" s="91"/>
      <c r="FW905" s="91"/>
      <c r="FX905" s="91"/>
      <c r="FY905" s="91"/>
      <c r="FZ905" s="91"/>
      <c r="GA905" s="91"/>
      <c r="GB905" s="91"/>
      <c r="GC905" s="91"/>
      <c r="GD905" s="91"/>
      <c r="GE905" s="91"/>
      <c r="GF905" s="91"/>
      <c r="GG905" s="91"/>
      <c r="GH905" s="91"/>
      <c r="GI905" s="91"/>
      <c r="GJ905" s="91"/>
      <c r="GK905" s="127"/>
      <c r="GL905" s="126"/>
      <c r="GM905" s="91"/>
      <c r="GN905" s="91"/>
      <c r="GO905" s="91"/>
      <c r="GP905" s="91"/>
      <c r="GQ905" s="91"/>
      <c r="GR905" s="91"/>
      <c r="GS905" s="91"/>
      <c r="GT905" s="91"/>
      <c r="GU905" s="91"/>
      <c r="GV905" s="91"/>
      <c r="GW905" s="91"/>
      <c r="GX905" s="91"/>
      <c r="GY905" s="91"/>
      <c r="GZ905" s="91"/>
      <c r="HA905" s="91"/>
      <c r="HB905" s="91"/>
      <c r="HC905" s="91"/>
      <c r="HD905" s="91"/>
      <c r="HE905" s="91"/>
      <c r="HF905" s="91"/>
      <c r="HG905" s="91"/>
      <c r="HH905" s="91"/>
      <c r="HI905" s="91"/>
      <c r="HJ905" s="91"/>
      <c r="HK905" s="127"/>
      <c r="HL905" s="126"/>
      <c r="HM905" s="91"/>
      <c r="HN905" s="91"/>
      <c r="HO905" s="91"/>
      <c r="HP905" s="91"/>
      <c r="HQ905" s="91"/>
      <c r="HR905" s="91"/>
      <c r="HS905" s="91"/>
      <c r="HT905" s="91"/>
      <c r="HU905" s="91"/>
      <c r="HV905" s="91"/>
      <c r="HW905" s="91"/>
      <c r="HX905" s="91"/>
      <c r="HY905" s="91"/>
      <c r="HZ905" s="91"/>
      <c r="IA905" s="91"/>
      <c r="IB905" s="91"/>
      <c r="IC905" s="91"/>
      <c r="ID905" s="91"/>
      <c r="IE905" s="91"/>
      <c r="IF905" s="91"/>
      <c r="IG905" s="91"/>
      <c r="IH905" s="91"/>
      <c r="II905" s="91"/>
      <c r="IJ905" s="91"/>
      <c r="IK905" s="127"/>
    </row>
    <row r="906" spans="2:245" x14ac:dyDescent="0.2">
      <c r="B906" s="43"/>
      <c r="C906" s="73"/>
      <c r="D906" s="64"/>
      <c r="E906" s="64"/>
      <c r="F906" s="55"/>
      <c r="G906" s="102"/>
      <c r="H906" s="55"/>
      <c r="I906" s="55"/>
      <c r="J906" s="55"/>
      <c r="K906" s="55"/>
      <c r="L906" s="55"/>
      <c r="M906" s="55"/>
      <c r="N906" s="55"/>
      <c r="O906" s="55"/>
      <c r="P906" s="55"/>
      <c r="Q906" s="55"/>
      <c r="R906" s="55"/>
      <c r="S906" s="55"/>
      <c r="T906" s="55"/>
      <c r="U906" s="55"/>
      <c r="V906" s="55"/>
      <c r="W906" s="55"/>
      <c r="X906" s="55"/>
      <c r="Y906" s="55"/>
      <c r="Z906" s="55"/>
      <c r="AA906" s="55"/>
      <c r="AB906" s="55"/>
      <c r="AC906" s="55"/>
      <c r="AD906" s="55"/>
      <c r="AE906" s="55"/>
      <c r="AF906" s="55"/>
      <c r="AG906" s="55"/>
      <c r="AY906" s="162"/>
      <c r="AZ906" s="162"/>
      <c r="BA906" s="162"/>
      <c r="BB906" s="162"/>
      <c r="BC906" s="162"/>
      <c r="BD906" s="162"/>
      <c r="BE906" s="162"/>
      <c r="BF906" s="162"/>
      <c r="BG906" s="162"/>
      <c r="BH906" s="162"/>
      <c r="BI906" s="162"/>
      <c r="BJ906" s="162"/>
      <c r="BK906" s="162"/>
      <c r="BL906" s="162"/>
      <c r="BM906" s="162"/>
      <c r="BN906" s="162"/>
      <c r="BO906" s="162"/>
      <c r="BP906" s="162"/>
      <c r="BQ906" s="162"/>
      <c r="BR906" s="162"/>
      <c r="BS906" s="162"/>
      <c r="BT906" s="162"/>
      <c r="BU906" s="162"/>
      <c r="BV906" s="162"/>
      <c r="BW906" s="162"/>
      <c r="BX906" s="162"/>
      <c r="BY906" s="162"/>
      <c r="BZ906" s="162"/>
      <c r="CA906" s="162"/>
      <c r="CB906" s="162"/>
      <c r="CC906" s="162"/>
      <c r="CD906" s="162"/>
      <c r="CE906" s="162"/>
      <c r="CF906" s="162"/>
      <c r="CG906" s="162"/>
      <c r="CH906" s="162"/>
      <c r="CI906" s="162"/>
      <c r="CJ906" s="162"/>
      <c r="CK906" s="162"/>
      <c r="CX906" s="98"/>
      <c r="DL906" s="97"/>
      <c r="DX906" s="98"/>
      <c r="EL906" s="97"/>
      <c r="EX906" s="98"/>
      <c r="EY906" s="97"/>
      <c r="FL906" s="126"/>
      <c r="FM906" s="91"/>
      <c r="FN906" s="91"/>
      <c r="FO906" s="91"/>
      <c r="FP906" s="91"/>
      <c r="FQ906" s="91"/>
      <c r="FR906" s="91"/>
      <c r="FS906" s="91"/>
      <c r="FT906" s="91"/>
      <c r="FU906" s="91"/>
      <c r="FV906" s="91"/>
      <c r="FW906" s="91"/>
      <c r="FX906" s="91"/>
      <c r="FY906" s="91"/>
      <c r="FZ906" s="91"/>
      <c r="GA906" s="91"/>
      <c r="GB906" s="91"/>
      <c r="GC906" s="91"/>
      <c r="GD906" s="91"/>
      <c r="GE906" s="91"/>
      <c r="GF906" s="91"/>
      <c r="GG906" s="91"/>
      <c r="GH906" s="91"/>
      <c r="GI906" s="91"/>
      <c r="GJ906" s="91"/>
      <c r="GK906" s="127"/>
      <c r="GL906" s="126"/>
      <c r="GM906" s="91"/>
      <c r="GN906" s="91"/>
      <c r="GO906" s="91"/>
      <c r="GP906" s="91"/>
      <c r="GQ906" s="91"/>
      <c r="GR906" s="91"/>
      <c r="GS906" s="91"/>
      <c r="GT906" s="91"/>
      <c r="GU906" s="91"/>
      <c r="GV906" s="91"/>
      <c r="GW906" s="91"/>
      <c r="GX906" s="91"/>
      <c r="GY906" s="91"/>
      <c r="GZ906" s="91"/>
      <c r="HA906" s="91"/>
      <c r="HB906" s="91"/>
      <c r="HC906" s="91"/>
      <c r="HD906" s="91"/>
      <c r="HE906" s="91"/>
      <c r="HF906" s="91"/>
      <c r="HG906" s="91"/>
      <c r="HH906" s="91"/>
      <c r="HI906" s="91"/>
      <c r="HJ906" s="91"/>
      <c r="HK906" s="127"/>
      <c r="HL906" s="126"/>
      <c r="HM906" s="91"/>
      <c r="HN906" s="91"/>
      <c r="HO906" s="91"/>
      <c r="HP906" s="91"/>
      <c r="HQ906" s="91"/>
      <c r="HR906" s="91"/>
      <c r="HS906" s="91"/>
      <c r="HT906" s="91"/>
      <c r="HU906" s="91"/>
      <c r="HV906" s="91"/>
      <c r="HW906" s="91"/>
      <c r="HX906" s="91"/>
      <c r="HY906" s="91"/>
      <c r="HZ906" s="91"/>
      <c r="IA906" s="91"/>
      <c r="IB906" s="91"/>
      <c r="IC906" s="91"/>
      <c r="ID906" s="91"/>
      <c r="IE906" s="91"/>
      <c r="IF906" s="91"/>
      <c r="IG906" s="91"/>
      <c r="IH906" s="91"/>
      <c r="II906" s="91"/>
      <c r="IJ906" s="91"/>
      <c r="IK906" s="127"/>
    </row>
    <row r="907" spans="2:245" x14ac:dyDescent="0.2">
      <c r="B907" s="43"/>
      <c r="C907" s="73"/>
      <c r="D907" s="64"/>
      <c r="E907" s="64"/>
      <c r="F907" s="55"/>
      <c r="G907" s="102"/>
      <c r="H907" s="55"/>
      <c r="I907" s="55"/>
      <c r="J907" s="55"/>
      <c r="K907" s="55"/>
      <c r="L907" s="55"/>
      <c r="M907" s="55"/>
      <c r="N907" s="55"/>
      <c r="O907" s="55"/>
      <c r="P907" s="55"/>
      <c r="Q907" s="55"/>
      <c r="R907" s="55"/>
      <c r="S907" s="55"/>
      <c r="T907" s="55"/>
      <c r="U907" s="55"/>
      <c r="V907" s="55"/>
      <c r="W907" s="55"/>
      <c r="X907" s="55"/>
      <c r="Y907" s="55"/>
      <c r="Z907" s="55"/>
      <c r="AA907" s="55"/>
      <c r="AB907" s="55"/>
      <c r="AC907" s="55"/>
      <c r="AD907" s="55"/>
      <c r="AE907" s="55"/>
      <c r="AF907" s="55"/>
      <c r="AG907" s="55"/>
      <c r="AY907" s="162"/>
      <c r="AZ907" s="162"/>
      <c r="BA907" s="162"/>
      <c r="BB907" s="162"/>
      <c r="BC907" s="162"/>
      <c r="BD907" s="162"/>
      <c r="BE907" s="162"/>
      <c r="BF907" s="162"/>
      <c r="BG907" s="162"/>
      <c r="BH907" s="162"/>
      <c r="BI907" s="162"/>
      <c r="BJ907" s="162"/>
      <c r="BK907" s="162"/>
      <c r="BL907" s="162"/>
      <c r="BM907" s="162"/>
      <c r="BN907" s="162"/>
      <c r="BO907" s="162"/>
      <c r="BP907" s="162"/>
      <c r="BQ907" s="162"/>
      <c r="BR907" s="162"/>
      <c r="BS907" s="162"/>
      <c r="BT907" s="162"/>
      <c r="BU907" s="162"/>
      <c r="BV907" s="162"/>
      <c r="BW907" s="162"/>
      <c r="BX907" s="162"/>
      <c r="BY907" s="162"/>
      <c r="BZ907" s="162"/>
      <c r="CA907" s="162"/>
      <c r="CB907" s="162"/>
      <c r="CC907" s="162"/>
      <c r="CD907" s="162"/>
      <c r="CE907" s="162"/>
      <c r="CF907" s="162"/>
      <c r="CG907" s="162"/>
      <c r="CH907" s="162"/>
      <c r="CI907" s="162"/>
      <c r="CJ907" s="162"/>
      <c r="CK907" s="162"/>
      <c r="CX907" s="98"/>
      <c r="DL907" s="97"/>
      <c r="DX907" s="98"/>
      <c r="EL907" s="97"/>
      <c r="EX907" s="98"/>
      <c r="EY907" s="97"/>
      <c r="FL907" s="126"/>
      <c r="FM907" s="91"/>
      <c r="FN907" s="91"/>
      <c r="FO907" s="91"/>
      <c r="FP907" s="91"/>
      <c r="FQ907" s="91"/>
      <c r="FR907" s="91"/>
      <c r="FS907" s="91"/>
      <c r="FT907" s="91"/>
      <c r="FU907" s="91"/>
      <c r="FV907" s="91"/>
      <c r="FW907" s="91"/>
      <c r="FX907" s="91"/>
      <c r="FY907" s="91"/>
      <c r="FZ907" s="91"/>
      <c r="GA907" s="91"/>
      <c r="GB907" s="91"/>
      <c r="GC907" s="91"/>
      <c r="GD907" s="91"/>
      <c r="GE907" s="91"/>
      <c r="GF907" s="91"/>
      <c r="GG907" s="91"/>
      <c r="GH907" s="91"/>
      <c r="GI907" s="91"/>
      <c r="GJ907" s="91"/>
      <c r="GK907" s="127"/>
      <c r="GL907" s="126"/>
      <c r="GM907" s="91"/>
      <c r="GN907" s="91"/>
      <c r="GO907" s="91"/>
      <c r="GP907" s="91"/>
      <c r="GQ907" s="91"/>
      <c r="GR907" s="91"/>
      <c r="GS907" s="91"/>
      <c r="GT907" s="91"/>
      <c r="GU907" s="91"/>
      <c r="GV907" s="91"/>
      <c r="GW907" s="91"/>
      <c r="GX907" s="91"/>
      <c r="GY907" s="91"/>
      <c r="GZ907" s="91"/>
      <c r="HA907" s="91"/>
      <c r="HB907" s="91"/>
      <c r="HC907" s="91"/>
      <c r="HD907" s="91"/>
      <c r="HE907" s="91"/>
      <c r="HF907" s="91"/>
      <c r="HG907" s="91"/>
      <c r="HH907" s="91"/>
      <c r="HI907" s="91"/>
      <c r="HJ907" s="91"/>
      <c r="HK907" s="127"/>
      <c r="HL907" s="126"/>
      <c r="HM907" s="91"/>
      <c r="HN907" s="91"/>
      <c r="HO907" s="91"/>
      <c r="HP907" s="91"/>
      <c r="HQ907" s="91"/>
      <c r="HR907" s="91"/>
      <c r="HS907" s="91"/>
      <c r="HT907" s="91"/>
      <c r="HU907" s="91"/>
      <c r="HV907" s="91"/>
      <c r="HW907" s="91"/>
      <c r="HX907" s="91"/>
      <c r="HY907" s="91"/>
      <c r="HZ907" s="91"/>
      <c r="IA907" s="91"/>
      <c r="IB907" s="91"/>
      <c r="IC907" s="91"/>
      <c r="ID907" s="91"/>
      <c r="IE907" s="91"/>
      <c r="IF907" s="91"/>
      <c r="IG907" s="91"/>
      <c r="IH907" s="91"/>
      <c r="II907" s="91"/>
      <c r="IJ907" s="91"/>
      <c r="IK907" s="127"/>
    </row>
    <row r="908" spans="2:245" x14ac:dyDescent="0.2">
      <c r="B908" s="43"/>
      <c r="C908" s="73"/>
      <c r="D908" s="64"/>
      <c r="E908" s="64"/>
      <c r="F908" s="55"/>
      <c r="G908" s="102"/>
      <c r="H908" s="55"/>
      <c r="I908" s="55"/>
      <c r="J908" s="55"/>
      <c r="K908" s="55"/>
      <c r="L908" s="55"/>
      <c r="M908" s="55"/>
      <c r="N908" s="55"/>
      <c r="O908" s="55"/>
      <c r="P908" s="55"/>
      <c r="Q908" s="55"/>
      <c r="R908" s="55"/>
      <c r="S908" s="55"/>
      <c r="T908" s="55"/>
      <c r="U908" s="55"/>
      <c r="V908" s="55"/>
      <c r="W908" s="55"/>
      <c r="X908" s="55"/>
      <c r="Y908" s="55"/>
      <c r="Z908" s="55"/>
      <c r="AA908" s="55"/>
      <c r="AB908" s="55"/>
      <c r="AC908" s="55"/>
      <c r="AD908" s="55"/>
      <c r="AE908" s="55"/>
      <c r="AF908" s="55"/>
      <c r="AG908" s="55"/>
      <c r="AY908" s="162"/>
      <c r="AZ908" s="162"/>
      <c r="BA908" s="162"/>
      <c r="BB908" s="162"/>
      <c r="BC908" s="162"/>
      <c r="BD908" s="162"/>
      <c r="BE908" s="162"/>
      <c r="BF908" s="162"/>
      <c r="BG908" s="162"/>
      <c r="BH908" s="162"/>
      <c r="BI908" s="162"/>
      <c r="BJ908" s="162"/>
      <c r="BK908" s="162"/>
      <c r="BL908" s="162"/>
      <c r="BM908" s="162"/>
      <c r="BN908" s="162"/>
      <c r="BO908" s="162"/>
      <c r="BP908" s="162"/>
      <c r="BQ908" s="162"/>
      <c r="BR908" s="162"/>
      <c r="BS908" s="162"/>
      <c r="BT908" s="162"/>
      <c r="BU908" s="162"/>
      <c r="BV908" s="162"/>
      <c r="BW908" s="162"/>
      <c r="BX908" s="162"/>
      <c r="BY908" s="162"/>
      <c r="BZ908" s="162"/>
      <c r="CA908" s="162"/>
      <c r="CB908" s="162"/>
      <c r="CC908" s="162"/>
      <c r="CD908" s="162"/>
      <c r="CE908" s="162"/>
      <c r="CF908" s="162"/>
      <c r="CG908" s="162"/>
      <c r="CH908" s="162"/>
      <c r="CI908" s="162"/>
      <c r="CJ908" s="162"/>
      <c r="CK908" s="162"/>
      <c r="CX908" s="98"/>
      <c r="DL908" s="97"/>
      <c r="DX908" s="98"/>
      <c r="EL908" s="97"/>
      <c r="EX908" s="98"/>
      <c r="EY908" s="97"/>
      <c r="FL908" s="126"/>
      <c r="FM908" s="91"/>
      <c r="FN908" s="91"/>
      <c r="FO908" s="91"/>
      <c r="FP908" s="91"/>
      <c r="FQ908" s="91"/>
      <c r="FR908" s="91"/>
      <c r="FS908" s="91"/>
      <c r="FT908" s="91"/>
      <c r="FU908" s="91"/>
      <c r="FV908" s="91"/>
      <c r="FW908" s="91"/>
      <c r="FX908" s="91"/>
      <c r="FY908" s="91"/>
      <c r="FZ908" s="91"/>
      <c r="GA908" s="91"/>
      <c r="GB908" s="91"/>
      <c r="GC908" s="91"/>
      <c r="GD908" s="91"/>
      <c r="GE908" s="91"/>
      <c r="GF908" s="91"/>
      <c r="GG908" s="91"/>
      <c r="GH908" s="91"/>
      <c r="GI908" s="91"/>
      <c r="GJ908" s="91"/>
      <c r="GK908" s="127"/>
      <c r="GL908" s="126"/>
      <c r="GM908" s="91"/>
      <c r="GN908" s="91"/>
      <c r="GO908" s="91"/>
      <c r="GP908" s="91"/>
      <c r="GQ908" s="91"/>
      <c r="GR908" s="91"/>
      <c r="GS908" s="91"/>
      <c r="GT908" s="91"/>
      <c r="GU908" s="91"/>
      <c r="GV908" s="91"/>
      <c r="GW908" s="91"/>
      <c r="GX908" s="91"/>
      <c r="GY908" s="91"/>
      <c r="GZ908" s="91"/>
      <c r="HA908" s="91"/>
      <c r="HB908" s="91"/>
      <c r="HC908" s="91"/>
      <c r="HD908" s="91"/>
      <c r="HE908" s="91"/>
      <c r="HF908" s="91"/>
      <c r="HG908" s="91"/>
      <c r="HH908" s="91"/>
      <c r="HI908" s="91"/>
      <c r="HJ908" s="91"/>
      <c r="HK908" s="127"/>
      <c r="HL908" s="126"/>
      <c r="HM908" s="91"/>
      <c r="HN908" s="91"/>
      <c r="HO908" s="91"/>
      <c r="HP908" s="91"/>
      <c r="HQ908" s="91"/>
      <c r="HR908" s="91"/>
      <c r="HS908" s="91"/>
      <c r="HT908" s="91"/>
      <c r="HU908" s="91"/>
      <c r="HV908" s="91"/>
      <c r="HW908" s="91"/>
      <c r="HX908" s="91"/>
      <c r="HY908" s="91"/>
      <c r="HZ908" s="91"/>
      <c r="IA908" s="91"/>
      <c r="IB908" s="91"/>
      <c r="IC908" s="91"/>
      <c r="ID908" s="91"/>
      <c r="IE908" s="91"/>
      <c r="IF908" s="91"/>
      <c r="IG908" s="91"/>
      <c r="IH908" s="91"/>
      <c r="II908" s="91"/>
      <c r="IJ908" s="91"/>
      <c r="IK908" s="127"/>
    </row>
    <row r="909" spans="2:245" x14ac:dyDescent="0.2">
      <c r="B909" s="43"/>
      <c r="C909" s="73"/>
      <c r="D909" s="64"/>
      <c r="E909" s="64"/>
      <c r="F909" s="55"/>
      <c r="G909" s="102"/>
      <c r="H909" s="55"/>
      <c r="I909" s="55"/>
      <c r="J909" s="55"/>
      <c r="K909" s="55"/>
      <c r="L909" s="55"/>
      <c r="M909" s="55"/>
      <c r="N909" s="55"/>
      <c r="O909" s="55"/>
      <c r="P909" s="55"/>
      <c r="Q909" s="55"/>
      <c r="R909" s="55"/>
      <c r="S909" s="55"/>
      <c r="T909" s="55"/>
      <c r="U909" s="55"/>
      <c r="V909" s="55"/>
      <c r="W909" s="55"/>
      <c r="X909" s="55"/>
      <c r="Y909" s="55"/>
      <c r="Z909" s="55"/>
      <c r="AA909" s="55"/>
      <c r="AB909" s="55"/>
      <c r="AC909" s="55"/>
      <c r="AD909" s="55"/>
      <c r="AE909" s="55"/>
      <c r="AF909" s="55"/>
      <c r="AG909" s="55"/>
      <c r="AY909" s="162"/>
      <c r="AZ909" s="162"/>
      <c r="BA909" s="162"/>
      <c r="BB909" s="162"/>
      <c r="BC909" s="162"/>
      <c r="BD909" s="162"/>
      <c r="BE909" s="162"/>
      <c r="BF909" s="162"/>
      <c r="BG909" s="162"/>
      <c r="BH909" s="162"/>
      <c r="BI909" s="162"/>
      <c r="BJ909" s="162"/>
      <c r="BK909" s="162"/>
      <c r="BL909" s="162"/>
      <c r="BM909" s="162"/>
      <c r="BN909" s="162"/>
      <c r="BO909" s="162"/>
      <c r="BP909" s="162"/>
      <c r="BQ909" s="162"/>
      <c r="BR909" s="162"/>
      <c r="BS909" s="162"/>
      <c r="BT909" s="162"/>
      <c r="BU909" s="162"/>
      <c r="BV909" s="162"/>
      <c r="BW909" s="162"/>
      <c r="BX909" s="162"/>
      <c r="BY909" s="162"/>
      <c r="BZ909" s="162"/>
      <c r="CA909" s="162"/>
      <c r="CB909" s="162"/>
      <c r="CC909" s="162"/>
      <c r="CD909" s="162"/>
      <c r="CE909" s="162"/>
      <c r="CF909" s="162"/>
      <c r="CG909" s="162"/>
      <c r="CH909" s="162"/>
      <c r="CI909" s="162"/>
      <c r="CJ909" s="162"/>
      <c r="CK909" s="162"/>
      <c r="CX909" s="98"/>
      <c r="DL909" s="97"/>
      <c r="DX909" s="98"/>
      <c r="EL909" s="97"/>
      <c r="EX909" s="98"/>
      <c r="EY909" s="97"/>
      <c r="FL909" s="126"/>
      <c r="FM909" s="91"/>
      <c r="FN909" s="91"/>
      <c r="FO909" s="91"/>
      <c r="FP909" s="91"/>
      <c r="FQ909" s="91"/>
      <c r="FR909" s="91"/>
      <c r="FS909" s="91"/>
      <c r="FT909" s="91"/>
      <c r="FU909" s="91"/>
      <c r="FV909" s="91"/>
      <c r="FW909" s="91"/>
      <c r="FX909" s="91"/>
      <c r="FY909" s="91"/>
      <c r="FZ909" s="91"/>
      <c r="GA909" s="91"/>
      <c r="GB909" s="91"/>
      <c r="GC909" s="91"/>
      <c r="GD909" s="91"/>
      <c r="GE909" s="91"/>
      <c r="GF909" s="91"/>
      <c r="GG909" s="91"/>
      <c r="GH909" s="91"/>
      <c r="GI909" s="91"/>
      <c r="GJ909" s="91"/>
      <c r="GK909" s="127"/>
      <c r="GL909" s="126"/>
      <c r="GM909" s="91"/>
      <c r="GN909" s="91"/>
      <c r="GO909" s="91"/>
      <c r="GP909" s="91"/>
      <c r="GQ909" s="91"/>
      <c r="GR909" s="91"/>
      <c r="GS909" s="91"/>
      <c r="GT909" s="91"/>
      <c r="GU909" s="91"/>
      <c r="GV909" s="91"/>
      <c r="GW909" s="91"/>
      <c r="GX909" s="91"/>
      <c r="GY909" s="91"/>
      <c r="GZ909" s="91"/>
      <c r="HA909" s="91"/>
      <c r="HB909" s="91"/>
      <c r="HC909" s="91"/>
      <c r="HD909" s="91"/>
      <c r="HE909" s="91"/>
      <c r="HF909" s="91"/>
      <c r="HG909" s="91"/>
      <c r="HH909" s="91"/>
      <c r="HI909" s="91"/>
      <c r="HJ909" s="91"/>
      <c r="HK909" s="127"/>
      <c r="HL909" s="126"/>
      <c r="HM909" s="91"/>
      <c r="HN909" s="91"/>
      <c r="HO909" s="91"/>
      <c r="HP909" s="91"/>
      <c r="HQ909" s="91"/>
      <c r="HR909" s="91"/>
      <c r="HS909" s="91"/>
      <c r="HT909" s="91"/>
      <c r="HU909" s="91"/>
      <c r="HV909" s="91"/>
      <c r="HW909" s="91"/>
      <c r="HX909" s="91"/>
      <c r="HY909" s="91"/>
      <c r="HZ909" s="91"/>
      <c r="IA909" s="91"/>
      <c r="IB909" s="91"/>
      <c r="IC909" s="91"/>
      <c r="ID909" s="91"/>
      <c r="IE909" s="91"/>
      <c r="IF909" s="91"/>
      <c r="IG909" s="91"/>
      <c r="IH909" s="91"/>
      <c r="II909" s="91"/>
      <c r="IJ909" s="91"/>
      <c r="IK909" s="127"/>
    </row>
    <row r="910" spans="2:245" x14ac:dyDescent="0.2">
      <c r="B910" s="43"/>
      <c r="C910" s="73"/>
      <c r="D910" s="64"/>
      <c r="E910" s="64"/>
      <c r="F910" s="55"/>
      <c r="G910" s="102"/>
      <c r="H910" s="55"/>
      <c r="I910" s="55"/>
      <c r="J910" s="55"/>
      <c r="K910" s="55"/>
      <c r="L910" s="55"/>
      <c r="M910" s="55"/>
      <c r="N910" s="55"/>
      <c r="O910" s="55"/>
      <c r="P910" s="55"/>
      <c r="Q910" s="55"/>
      <c r="R910" s="55"/>
      <c r="S910" s="55"/>
      <c r="T910" s="55"/>
      <c r="U910" s="55"/>
      <c r="V910" s="55"/>
      <c r="W910" s="55"/>
      <c r="X910" s="55"/>
      <c r="Y910" s="55"/>
      <c r="Z910" s="55"/>
      <c r="AA910" s="55"/>
      <c r="AB910" s="55"/>
      <c r="AC910" s="55"/>
      <c r="AD910" s="55"/>
      <c r="AE910" s="55"/>
      <c r="AF910" s="55"/>
      <c r="AG910" s="55"/>
      <c r="AY910" s="162"/>
      <c r="AZ910" s="162"/>
      <c r="BA910" s="162"/>
      <c r="BB910" s="162"/>
      <c r="BC910" s="162"/>
      <c r="BD910" s="162"/>
      <c r="BE910" s="162"/>
      <c r="BF910" s="162"/>
      <c r="BG910" s="162"/>
      <c r="BH910" s="162"/>
      <c r="BI910" s="162"/>
      <c r="BJ910" s="162"/>
      <c r="BK910" s="162"/>
      <c r="BL910" s="162"/>
      <c r="BM910" s="162"/>
      <c r="BN910" s="162"/>
      <c r="BO910" s="162"/>
      <c r="BP910" s="162"/>
      <c r="BQ910" s="162"/>
      <c r="BR910" s="162"/>
      <c r="BS910" s="162"/>
      <c r="BT910" s="162"/>
      <c r="BU910" s="162"/>
      <c r="BV910" s="162"/>
      <c r="BW910" s="162"/>
      <c r="BX910" s="162"/>
      <c r="BY910" s="162"/>
      <c r="BZ910" s="162"/>
      <c r="CA910" s="162"/>
      <c r="CB910" s="162"/>
      <c r="CC910" s="162"/>
      <c r="CD910" s="162"/>
      <c r="CE910" s="162"/>
      <c r="CF910" s="162"/>
      <c r="CG910" s="162"/>
      <c r="CH910" s="162"/>
      <c r="CI910" s="162"/>
      <c r="CJ910" s="162"/>
      <c r="CK910" s="162"/>
      <c r="CX910" s="98"/>
      <c r="DL910" s="97"/>
      <c r="DX910" s="98"/>
      <c r="EL910" s="97"/>
      <c r="EX910" s="98"/>
      <c r="EY910" s="97"/>
      <c r="FL910" s="126"/>
      <c r="FM910" s="91"/>
      <c r="FN910" s="91"/>
      <c r="FO910" s="91"/>
      <c r="FP910" s="91"/>
      <c r="FQ910" s="91"/>
      <c r="FR910" s="91"/>
      <c r="FS910" s="91"/>
      <c r="FT910" s="91"/>
      <c r="FU910" s="91"/>
      <c r="FV910" s="91"/>
      <c r="FW910" s="91"/>
      <c r="FX910" s="91"/>
      <c r="FY910" s="91"/>
      <c r="FZ910" s="91"/>
      <c r="GA910" s="91"/>
      <c r="GB910" s="91"/>
      <c r="GC910" s="91"/>
      <c r="GD910" s="91"/>
      <c r="GE910" s="91"/>
      <c r="GF910" s="91"/>
      <c r="GG910" s="91"/>
      <c r="GH910" s="91"/>
      <c r="GI910" s="91"/>
      <c r="GJ910" s="91"/>
      <c r="GK910" s="127"/>
      <c r="GL910" s="126"/>
      <c r="GM910" s="91"/>
      <c r="GN910" s="91"/>
      <c r="GO910" s="91"/>
      <c r="GP910" s="91"/>
      <c r="GQ910" s="91"/>
      <c r="GR910" s="91"/>
      <c r="GS910" s="91"/>
      <c r="GT910" s="91"/>
      <c r="GU910" s="91"/>
      <c r="GV910" s="91"/>
      <c r="GW910" s="91"/>
      <c r="GX910" s="91"/>
      <c r="GY910" s="91"/>
      <c r="GZ910" s="91"/>
      <c r="HA910" s="91"/>
      <c r="HB910" s="91"/>
      <c r="HC910" s="91"/>
      <c r="HD910" s="91"/>
      <c r="HE910" s="91"/>
      <c r="HF910" s="91"/>
      <c r="HG910" s="91"/>
      <c r="HH910" s="91"/>
      <c r="HI910" s="91"/>
      <c r="HJ910" s="91"/>
      <c r="HK910" s="127"/>
      <c r="HL910" s="126"/>
      <c r="HM910" s="91"/>
      <c r="HN910" s="91"/>
      <c r="HO910" s="91"/>
      <c r="HP910" s="91"/>
      <c r="HQ910" s="91"/>
      <c r="HR910" s="91"/>
      <c r="HS910" s="91"/>
      <c r="HT910" s="91"/>
      <c r="HU910" s="91"/>
      <c r="HV910" s="91"/>
      <c r="HW910" s="91"/>
      <c r="HX910" s="91"/>
      <c r="HY910" s="91"/>
      <c r="HZ910" s="91"/>
      <c r="IA910" s="91"/>
      <c r="IB910" s="91"/>
      <c r="IC910" s="91"/>
      <c r="ID910" s="91"/>
      <c r="IE910" s="91"/>
      <c r="IF910" s="91"/>
      <c r="IG910" s="91"/>
      <c r="IH910" s="91"/>
      <c r="II910" s="91"/>
      <c r="IJ910" s="91"/>
      <c r="IK910" s="127"/>
    </row>
    <row r="911" spans="2:245" x14ac:dyDescent="0.2">
      <c r="B911" s="43"/>
      <c r="C911" s="73"/>
      <c r="D911" s="64"/>
      <c r="E911" s="64"/>
      <c r="F911" s="55"/>
      <c r="G911" s="102"/>
      <c r="H911" s="55"/>
      <c r="I911" s="55"/>
      <c r="J911" s="55"/>
      <c r="K911" s="55"/>
      <c r="L911" s="55"/>
      <c r="M911" s="55"/>
      <c r="N911" s="55"/>
      <c r="O911" s="55"/>
      <c r="P911" s="55"/>
      <c r="Q911" s="55"/>
      <c r="R911" s="55"/>
      <c r="S911" s="55"/>
      <c r="T911" s="55"/>
      <c r="U911" s="55"/>
      <c r="V911" s="55"/>
      <c r="W911" s="55"/>
      <c r="X911" s="55"/>
      <c r="Y911" s="55"/>
      <c r="Z911" s="55"/>
      <c r="AA911" s="55"/>
      <c r="AB911" s="55"/>
      <c r="AC911" s="55"/>
      <c r="AD911" s="55"/>
      <c r="AE911" s="55"/>
      <c r="AF911" s="55"/>
      <c r="AG911" s="55"/>
      <c r="AY911" s="162"/>
      <c r="AZ911" s="162"/>
      <c r="BA911" s="162"/>
      <c r="BB911" s="162"/>
      <c r="BC911" s="162"/>
      <c r="BD911" s="162"/>
      <c r="BE911" s="162"/>
      <c r="BF911" s="162"/>
      <c r="BG911" s="162"/>
      <c r="BH911" s="162"/>
      <c r="BI911" s="162"/>
      <c r="BJ911" s="162"/>
      <c r="BK911" s="162"/>
      <c r="BL911" s="162"/>
      <c r="BM911" s="162"/>
      <c r="BN911" s="162"/>
      <c r="BO911" s="162"/>
      <c r="BP911" s="162"/>
      <c r="BQ911" s="162"/>
      <c r="BR911" s="162"/>
      <c r="BS911" s="162"/>
      <c r="BT911" s="162"/>
      <c r="BU911" s="162"/>
      <c r="BV911" s="162"/>
      <c r="BW911" s="162"/>
      <c r="BX911" s="162"/>
      <c r="BY911" s="162"/>
      <c r="BZ911" s="162"/>
      <c r="CA911" s="162"/>
      <c r="CB911" s="162"/>
      <c r="CC911" s="162"/>
      <c r="CD911" s="162"/>
      <c r="CE911" s="162"/>
      <c r="CF911" s="162"/>
      <c r="CG911" s="162"/>
      <c r="CH911" s="162"/>
      <c r="CI911" s="162"/>
      <c r="CJ911" s="162"/>
      <c r="CK911" s="162"/>
      <c r="CX911" s="98"/>
      <c r="DL911" s="97"/>
      <c r="DX911" s="98"/>
      <c r="EL911" s="97"/>
      <c r="EX911" s="98"/>
      <c r="EY911" s="97"/>
      <c r="FL911" s="126"/>
      <c r="FM911" s="91"/>
      <c r="FN911" s="91"/>
      <c r="FO911" s="91"/>
      <c r="FP911" s="91"/>
      <c r="FQ911" s="91"/>
      <c r="FR911" s="91"/>
      <c r="FS911" s="91"/>
      <c r="FT911" s="91"/>
      <c r="FU911" s="91"/>
      <c r="FV911" s="91"/>
      <c r="FW911" s="91"/>
      <c r="FX911" s="91"/>
      <c r="FY911" s="91"/>
      <c r="FZ911" s="91"/>
      <c r="GA911" s="91"/>
      <c r="GB911" s="91"/>
      <c r="GC911" s="91"/>
      <c r="GD911" s="91"/>
      <c r="GE911" s="91"/>
      <c r="GF911" s="91"/>
      <c r="GG911" s="91"/>
      <c r="GH911" s="91"/>
      <c r="GI911" s="91"/>
      <c r="GJ911" s="91"/>
      <c r="GK911" s="127"/>
      <c r="GL911" s="126"/>
      <c r="GM911" s="91"/>
      <c r="GN911" s="91"/>
      <c r="GO911" s="91"/>
      <c r="GP911" s="91"/>
      <c r="GQ911" s="91"/>
      <c r="GR911" s="91"/>
      <c r="GS911" s="91"/>
      <c r="GT911" s="91"/>
      <c r="GU911" s="91"/>
      <c r="GV911" s="91"/>
      <c r="GW911" s="91"/>
      <c r="GX911" s="91"/>
      <c r="GY911" s="91"/>
      <c r="GZ911" s="91"/>
      <c r="HA911" s="91"/>
      <c r="HB911" s="91"/>
      <c r="HC911" s="91"/>
      <c r="HD911" s="91"/>
      <c r="HE911" s="91"/>
      <c r="HF911" s="91"/>
      <c r="HG911" s="91"/>
      <c r="HH911" s="91"/>
      <c r="HI911" s="91"/>
      <c r="HJ911" s="91"/>
      <c r="HK911" s="127"/>
      <c r="HL911" s="126"/>
      <c r="HM911" s="91"/>
      <c r="HN911" s="91"/>
      <c r="HO911" s="91"/>
      <c r="HP911" s="91"/>
      <c r="HQ911" s="91"/>
      <c r="HR911" s="91"/>
      <c r="HS911" s="91"/>
      <c r="HT911" s="91"/>
      <c r="HU911" s="91"/>
      <c r="HV911" s="91"/>
      <c r="HW911" s="91"/>
      <c r="HX911" s="91"/>
      <c r="HY911" s="91"/>
      <c r="HZ911" s="91"/>
      <c r="IA911" s="91"/>
      <c r="IB911" s="91"/>
      <c r="IC911" s="91"/>
      <c r="ID911" s="91"/>
      <c r="IE911" s="91"/>
      <c r="IF911" s="91"/>
      <c r="IG911" s="91"/>
      <c r="IH911" s="91"/>
      <c r="II911" s="91"/>
      <c r="IJ911" s="91"/>
      <c r="IK911" s="127"/>
    </row>
    <row r="912" spans="2:245" x14ac:dyDescent="0.2">
      <c r="B912" s="43"/>
      <c r="C912" s="73"/>
      <c r="D912" s="64"/>
      <c r="E912" s="64"/>
      <c r="F912" s="55"/>
      <c r="G912" s="102"/>
      <c r="H912" s="55"/>
      <c r="I912" s="55"/>
      <c r="J912" s="55"/>
      <c r="K912" s="55"/>
      <c r="L912" s="55"/>
      <c r="M912" s="55"/>
      <c r="N912" s="55"/>
      <c r="O912" s="55"/>
      <c r="P912" s="55"/>
      <c r="Q912" s="55"/>
      <c r="R912" s="55"/>
      <c r="S912" s="55"/>
      <c r="T912" s="55"/>
      <c r="U912" s="55"/>
      <c r="V912" s="55"/>
      <c r="W912" s="55"/>
      <c r="X912" s="55"/>
      <c r="Y912" s="55"/>
      <c r="Z912" s="55"/>
      <c r="AA912" s="55"/>
      <c r="AB912" s="55"/>
      <c r="AC912" s="55"/>
      <c r="AD912" s="55"/>
      <c r="AE912" s="55"/>
      <c r="AF912" s="55"/>
      <c r="AG912" s="55"/>
      <c r="AY912" s="162"/>
      <c r="AZ912" s="162"/>
      <c r="BA912" s="162"/>
      <c r="BB912" s="162"/>
      <c r="BC912" s="162"/>
      <c r="BD912" s="162"/>
      <c r="BE912" s="162"/>
      <c r="BF912" s="162"/>
      <c r="BG912" s="162"/>
      <c r="BH912" s="162"/>
      <c r="BI912" s="162"/>
      <c r="BJ912" s="162"/>
      <c r="BK912" s="162"/>
      <c r="BL912" s="162"/>
      <c r="BM912" s="162"/>
      <c r="BN912" s="162"/>
      <c r="BO912" s="162"/>
      <c r="BP912" s="162"/>
      <c r="BQ912" s="162"/>
      <c r="BR912" s="162"/>
      <c r="BS912" s="162"/>
      <c r="BT912" s="162"/>
      <c r="BU912" s="162"/>
      <c r="BV912" s="162"/>
      <c r="BW912" s="162"/>
      <c r="BX912" s="162"/>
      <c r="BY912" s="162"/>
      <c r="BZ912" s="162"/>
      <c r="CA912" s="162"/>
      <c r="CB912" s="162"/>
      <c r="CC912" s="162"/>
      <c r="CD912" s="162"/>
      <c r="CE912" s="162"/>
      <c r="CF912" s="162"/>
      <c r="CG912" s="162"/>
      <c r="CH912" s="162"/>
      <c r="CI912" s="162"/>
      <c r="CJ912" s="162"/>
      <c r="CK912" s="162"/>
      <c r="CX912" s="98"/>
      <c r="DL912" s="97"/>
      <c r="DX912" s="98"/>
      <c r="EL912" s="97"/>
      <c r="EX912" s="98"/>
      <c r="EY912" s="97"/>
      <c r="FL912" s="126"/>
      <c r="FM912" s="91"/>
      <c r="FN912" s="91"/>
      <c r="FO912" s="91"/>
      <c r="FP912" s="91"/>
      <c r="FQ912" s="91"/>
      <c r="FR912" s="91"/>
      <c r="FS912" s="91"/>
      <c r="FT912" s="91"/>
      <c r="FU912" s="91"/>
      <c r="FV912" s="91"/>
      <c r="FW912" s="91"/>
      <c r="FX912" s="91"/>
      <c r="FY912" s="91"/>
      <c r="FZ912" s="91"/>
      <c r="GA912" s="91"/>
      <c r="GB912" s="91"/>
      <c r="GC912" s="91"/>
      <c r="GD912" s="91"/>
      <c r="GE912" s="91"/>
      <c r="GF912" s="91"/>
      <c r="GG912" s="91"/>
      <c r="GH912" s="91"/>
      <c r="GI912" s="91"/>
      <c r="GJ912" s="91"/>
      <c r="GK912" s="127"/>
      <c r="GL912" s="126"/>
      <c r="GM912" s="91"/>
      <c r="GN912" s="91"/>
      <c r="GO912" s="91"/>
      <c r="GP912" s="91"/>
      <c r="GQ912" s="91"/>
      <c r="GR912" s="91"/>
      <c r="GS912" s="91"/>
      <c r="GT912" s="91"/>
      <c r="GU912" s="91"/>
      <c r="GV912" s="91"/>
      <c r="GW912" s="91"/>
      <c r="GX912" s="91"/>
      <c r="GY912" s="91"/>
      <c r="GZ912" s="91"/>
      <c r="HA912" s="91"/>
      <c r="HB912" s="91"/>
      <c r="HC912" s="91"/>
      <c r="HD912" s="91"/>
      <c r="HE912" s="91"/>
      <c r="HF912" s="91"/>
      <c r="HG912" s="91"/>
      <c r="HH912" s="91"/>
      <c r="HI912" s="91"/>
      <c r="HJ912" s="91"/>
      <c r="HK912" s="127"/>
      <c r="HL912" s="126"/>
      <c r="HM912" s="91"/>
      <c r="HN912" s="91"/>
      <c r="HO912" s="91"/>
      <c r="HP912" s="91"/>
      <c r="HQ912" s="91"/>
      <c r="HR912" s="91"/>
      <c r="HS912" s="91"/>
      <c r="HT912" s="91"/>
      <c r="HU912" s="91"/>
      <c r="HV912" s="91"/>
      <c r="HW912" s="91"/>
      <c r="HX912" s="91"/>
      <c r="HY912" s="91"/>
      <c r="HZ912" s="91"/>
      <c r="IA912" s="91"/>
      <c r="IB912" s="91"/>
      <c r="IC912" s="91"/>
      <c r="ID912" s="91"/>
      <c r="IE912" s="91"/>
      <c r="IF912" s="91"/>
      <c r="IG912" s="91"/>
      <c r="IH912" s="91"/>
      <c r="II912" s="91"/>
      <c r="IJ912" s="91"/>
      <c r="IK912" s="127"/>
    </row>
    <row r="913" spans="2:245" x14ac:dyDescent="0.2">
      <c r="B913" s="43"/>
      <c r="C913" s="73"/>
      <c r="D913" s="64"/>
      <c r="E913" s="64"/>
      <c r="F913" s="55"/>
      <c r="G913" s="102"/>
      <c r="H913" s="55"/>
      <c r="I913" s="55"/>
      <c r="J913" s="55"/>
      <c r="K913" s="55"/>
      <c r="L913" s="55"/>
      <c r="M913" s="55"/>
      <c r="N913" s="55"/>
      <c r="O913" s="55"/>
      <c r="P913" s="55"/>
      <c r="Q913" s="55"/>
      <c r="R913" s="55"/>
      <c r="S913" s="55"/>
      <c r="T913" s="55"/>
      <c r="U913" s="55"/>
      <c r="V913" s="55"/>
      <c r="W913" s="55"/>
      <c r="X913" s="55"/>
      <c r="Y913" s="55"/>
      <c r="Z913" s="55"/>
      <c r="AA913" s="55"/>
      <c r="AB913" s="55"/>
      <c r="AC913" s="55"/>
      <c r="AD913" s="55"/>
      <c r="AE913" s="55"/>
      <c r="AF913" s="55"/>
      <c r="AG913" s="55"/>
      <c r="AY913" s="162"/>
      <c r="AZ913" s="162"/>
      <c r="BA913" s="162"/>
      <c r="BB913" s="162"/>
      <c r="BC913" s="162"/>
      <c r="BD913" s="162"/>
      <c r="BE913" s="162"/>
      <c r="BF913" s="162"/>
      <c r="BG913" s="162"/>
      <c r="BH913" s="162"/>
      <c r="BI913" s="162"/>
      <c r="BJ913" s="162"/>
      <c r="BK913" s="162"/>
      <c r="BL913" s="162"/>
      <c r="BM913" s="162"/>
      <c r="BN913" s="162"/>
      <c r="BO913" s="162"/>
      <c r="BP913" s="162"/>
      <c r="BQ913" s="162"/>
      <c r="BR913" s="162"/>
      <c r="BS913" s="162"/>
      <c r="BT913" s="162"/>
      <c r="BU913" s="162"/>
      <c r="BV913" s="162"/>
      <c r="BW913" s="162"/>
      <c r="BX913" s="162"/>
      <c r="BY913" s="162"/>
      <c r="BZ913" s="162"/>
      <c r="CA913" s="162"/>
      <c r="CB913" s="162"/>
      <c r="CC913" s="162"/>
      <c r="CD913" s="162"/>
      <c r="CE913" s="162"/>
      <c r="CF913" s="162"/>
      <c r="CG913" s="162"/>
      <c r="CH913" s="162"/>
      <c r="CI913" s="162"/>
      <c r="CJ913" s="162"/>
      <c r="CK913" s="162"/>
      <c r="CX913" s="98"/>
      <c r="DL913" s="97"/>
      <c r="DX913" s="98"/>
      <c r="EL913" s="97"/>
      <c r="EX913" s="98"/>
      <c r="EY913" s="97"/>
      <c r="FL913" s="126"/>
      <c r="FM913" s="91"/>
      <c r="FN913" s="91"/>
      <c r="FO913" s="91"/>
      <c r="FP913" s="91"/>
      <c r="FQ913" s="91"/>
      <c r="FR913" s="91"/>
      <c r="FS913" s="91"/>
      <c r="FT913" s="91"/>
      <c r="FU913" s="91"/>
      <c r="FV913" s="91"/>
      <c r="FW913" s="91"/>
      <c r="FX913" s="91"/>
      <c r="FY913" s="91"/>
      <c r="FZ913" s="91"/>
      <c r="GA913" s="91"/>
      <c r="GB913" s="91"/>
      <c r="GC913" s="91"/>
      <c r="GD913" s="91"/>
      <c r="GE913" s="91"/>
      <c r="GF913" s="91"/>
      <c r="GG913" s="91"/>
      <c r="GH913" s="91"/>
      <c r="GI913" s="91"/>
      <c r="GJ913" s="91"/>
      <c r="GK913" s="127"/>
      <c r="GL913" s="126"/>
      <c r="GM913" s="91"/>
      <c r="GN913" s="91"/>
      <c r="GO913" s="91"/>
      <c r="GP913" s="91"/>
      <c r="GQ913" s="91"/>
      <c r="GR913" s="91"/>
      <c r="GS913" s="91"/>
      <c r="GT913" s="91"/>
      <c r="GU913" s="91"/>
      <c r="GV913" s="91"/>
      <c r="GW913" s="91"/>
      <c r="GX913" s="91"/>
      <c r="GY913" s="91"/>
      <c r="GZ913" s="91"/>
      <c r="HA913" s="91"/>
      <c r="HB913" s="91"/>
      <c r="HC913" s="91"/>
      <c r="HD913" s="91"/>
      <c r="HE913" s="91"/>
      <c r="HF913" s="91"/>
      <c r="HG913" s="91"/>
      <c r="HH913" s="91"/>
      <c r="HI913" s="91"/>
      <c r="HJ913" s="91"/>
      <c r="HK913" s="127"/>
      <c r="HL913" s="126"/>
      <c r="HM913" s="91"/>
      <c r="HN913" s="91"/>
      <c r="HO913" s="91"/>
      <c r="HP913" s="91"/>
      <c r="HQ913" s="91"/>
      <c r="HR913" s="91"/>
      <c r="HS913" s="91"/>
      <c r="HT913" s="91"/>
      <c r="HU913" s="91"/>
      <c r="HV913" s="91"/>
      <c r="HW913" s="91"/>
      <c r="HX913" s="91"/>
      <c r="HY913" s="91"/>
      <c r="HZ913" s="91"/>
      <c r="IA913" s="91"/>
      <c r="IB913" s="91"/>
      <c r="IC913" s="91"/>
      <c r="ID913" s="91"/>
      <c r="IE913" s="91"/>
      <c r="IF913" s="91"/>
      <c r="IG913" s="91"/>
      <c r="IH913" s="91"/>
      <c r="II913" s="91"/>
      <c r="IJ913" s="91"/>
      <c r="IK913" s="127"/>
    </row>
    <row r="914" spans="2:245" x14ac:dyDescent="0.2">
      <c r="B914" s="43"/>
      <c r="C914" s="73"/>
      <c r="D914" s="64"/>
      <c r="E914" s="64"/>
      <c r="F914" s="55"/>
      <c r="G914" s="102"/>
      <c r="H914" s="55"/>
      <c r="I914" s="55"/>
      <c r="J914" s="55"/>
      <c r="K914" s="55"/>
      <c r="L914" s="55"/>
      <c r="M914" s="55"/>
      <c r="N914" s="55"/>
      <c r="O914" s="55"/>
      <c r="P914" s="55"/>
      <c r="Q914" s="55"/>
      <c r="R914" s="55"/>
      <c r="S914" s="55"/>
      <c r="T914" s="55"/>
      <c r="U914" s="55"/>
      <c r="V914" s="55"/>
      <c r="W914" s="55"/>
      <c r="X914" s="55"/>
      <c r="Y914" s="55"/>
      <c r="Z914" s="55"/>
      <c r="AA914" s="55"/>
      <c r="AB914" s="55"/>
      <c r="AC914" s="55"/>
      <c r="AD914" s="55"/>
      <c r="AE914" s="55"/>
      <c r="AF914" s="55"/>
      <c r="AG914" s="55"/>
      <c r="AY914" s="162"/>
      <c r="AZ914" s="162"/>
      <c r="BA914" s="162"/>
      <c r="BB914" s="162"/>
      <c r="BC914" s="162"/>
      <c r="BD914" s="162"/>
      <c r="BE914" s="162"/>
      <c r="BF914" s="162"/>
      <c r="BG914" s="162"/>
      <c r="BH914" s="162"/>
      <c r="BI914" s="162"/>
      <c r="BJ914" s="162"/>
      <c r="BK914" s="162"/>
      <c r="BL914" s="162"/>
      <c r="BM914" s="162"/>
      <c r="BN914" s="162"/>
      <c r="BO914" s="162"/>
      <c r="BP914" s="162"/>
      <c r="BQ914" s="162"/>
      <c r="BR914" s="162"/>
      <c r="BS914" s="162"/>
      <c r="BT914" s="162"/>
      <c r="BU914" s="162"/>
      <c r="BV914" s="162"/>
      <c r="BW914" s="162"/>
      <c r="BX914" s="162"/>
      <c r="BY914" s="162"/>
      <c r="BZ914" s="162"/>
      <c r="CA914" s="162"/>
      <c r="CB914" s="162"/>
      <c r="CC914" s="162"/>
      <c r="CD914" s="162"/>
      <c r="CE914" s="162"/>
      <c r="CF914" s="162"/>
      <c r="CG914" s="162"/>
      <c r="CH914" s="162"/>
      <c r="CI914" s="162"/>
      <c r="CJ914" s="162"/>
      <c r="CK914" s="162"/>
      <c r="CX914" s="98"/>
      <c r="DL914" s="97"/>
      <c r="DX914" s="98"/>
      <c r="EL914" s="97"/>
      <c r="EX914" s="98"/>
      <c r="EY914" s="97"/>
      <c r="FL914" s="126"/>
      <c r="FM914" s="91"/>
      <c r="FN914" s="91"/>
      <c r="FO914" s="91"/>
      <c r="FP914" s="91"/>
      <c r="FQ914" s="91"/>
      <c r="FR914" s="91"/>
      <c r="FS914" s="91"/>
      <c r="FT914" s="91"/>
      <c r="FU914" s="91"/>
      <c r="FV914" s="91"/>
      <c r="FW914" s="91"/>
      <c r="FX914" s="91"/>
      <c r="FY914" s="91"/>
      <c r="FZ914" s="91"/>
      <c r="GA914" s="91"/>
      <c r="GB914" s="91"/>
      <c r="GC914" s="91"/>
      <c r="GD914" s="91"/>
      <c r="GE914" s="91"/>
      <c r="GF914" s="91"/>
      <c r="GG914" s="91"/>
      <c r="GH914" s="91"/>
      <c r="GI914" s="91"/>
      <c r="GJ914" s="91"/>
      <c r="GK914" s="127"/>
      <c r="GL914" s="126"/>
      <c r="GM914" s="91"/>
      <c r="GN914" s="91"/>
      <c r="GO914" s="91"/>
      <c r="GP914" s="91"/>
      <c r="GQ914" s="91"/>
      <c r="GR914" s="91"/>
      <c r="GS914" s="91"/>
      <c r="GT914" s="91"/>
      <c r="GU914" s="91"/>
      <c r="GV914" s="91"/>
      <c r="GW914" s="91"/>
      <c r="GX914" s="91"/>
      <c r="GY914" s="91"/>
      <c r="GZ914" s="91"/>
      <c r="HA914" s="91"/>
      <c r="HB914" s="91"/>
      <c r="HC914" s="91"/>
      <c r="HD914" s="91"/>
      <c r="HE914" s="91"/>
      <c r="HF914" s="91"/>
      <c r="HG914" s="91"/>
      <c r="HH914" s="91"/>
      <c r="HI914" s="91"/>
      <c r="HJ914" s="91"/>
      <c r="HK914" s="127"/>
      <c r="HL914" s="126"/>
      <c r="HM914" s="91"/>
      <c r="HN914" s="91"/>
      <c r="HO914" s="91"/>
      <c r="HP914" s="91"/>
      <c r="HQ914" s="91"/>
      <c r="HR914" s="91"/>
      <c r="HS914" s="91"/>
      <c r="HT914" s="91"/>
      <c r="HU914" s="91"/>
      <c r="HV914" s="91"/>
      <c r="HW914" s="91"/>
      <c r="HX914" s="91"/>
      <c r="HY914" s="91"/>
      <c r="HZ914" s="91"/>
      <c r="IA914" s="91"/>
      <c r="IB914" s="91"/>
      <c r="IC914" s="91"/>
      <c r="ID914" s="91"/>
      <c r="IE914" s="91"/>
      <c r="IF914" s="91"/>
      <c r="IG914" s="91"/>
      <c r="IH914" s="91"/>
      <c r="II914" s="91"/>
      <c r="IJ914" s="91"/>
      <c r="IK914" s="127"/>
    </row>
    <row r="915" spans="2:245" x14ac:dyDescent="0.2">
      <c r="B915" s="43"/>
      <c r="C915" s="73"/>
      <c r="D915" s="64"/>
      <c r="E915" s="64"/>
      <c r="F915" s="55"/>
      <c r="G915" s="102"/>
      <c r="H915" s="55"/>
      <c r="I915" s="55"/>
      <c r="J915" s="55"/>
      <c r="K915" s="55"/>
      <c r="L915" s="55"/>
      <c r="M915" s="55"/>
      <c r="N915" s="55"/>
      <c r="O915" s="55"/>
      <c r="P915" s="55"/>
      <c r="Q915" s="55"/>
      <c r="R915" s="55"/>
      <c r="S915" s="55"/>
      <c r="T915" s="55"/>
      <c r="U915" s="55"/>
      <c r="V915" s="55"/>
      <c r="W915" s="55"/>
      <c r="X915" s="55"/>
      <c r="Y915" s="55"/>
      <c r="Z915" s="55"/>
      <c r="AA915" s="55"/>
      <c r="AB915" s="55"/>
      <c r="AC915" s="55"/>
      <c r="AD915" s="55"/>
      <c r="AE915" s="55"/>
      <c r="AF915" s="55"/>
      <c r="AG915" s="55"/>
      <c r="AY915" s="162"/>
      <c r="AZ915" s="162"/>
      <c r="BA915" s="162"/>
      <c r="BB915" s="162"/>
      <c r="BC915" s="162"/>
      <c r="BD915" s="162"/>
      <c r="BE915" s="162"/>
      <c r="BF915" s="162"/>
      <c r="BG915" s="162"/>
      <c r="BH915" s="162"/>
      <c r="BI915" s="162"/>
      <c r="BJ915" s="162"/>
      <c r="BK915" s="162"/>
      <c r="BL915" s="162"/>
      <c r="BM915" s="162"/>
      <c r="BN915" s="162"/>
      <c r="BO915" s="162"/>
      <c r="BP915" s="162"/>
      <c r="BQ915" s="162"/>
      <c r="BR915" s="162"/>
      <c r="BS915" s="162"/>
      <c r="BT915" s="162"/>
      <c r="BU915" s="162"/>
      <c r="BV915" s="162"/>
      <c r="BW915" s="162"/>
      <c r="BX915" s="162"/>
      <c r="BY915" s="162"/>
      <c r="BZ915" s="162"/>
      <c r="CA915" s="162"/>
      <c r="CB915" s="162"/>
      <c r="CC915" s="162"/>
      <c r="CD915" s="162"/>
      <c r="CE915" s="162"/>
      <c r="CF915" s="162"/>
      <c r="CG915" s="162"/>
      <c r="CH915" s="162"/>
      <c r="CI915" s="162"/>
      <c r="CJ915" s="162"/>
      <c r="CK915" s="162"/>
      <c r="CX915" s="98"/>
      <c r="DL915" s="97"/>
      <c r="DX915" s="98"/>
      <c r="EL915" s="97"/>
      <c r="EX915" s="98"/>
      <c r="EY915" s="97"/>
      <c r="FL915" s="126"/>
      <c r="FM915" s="91"/>
      <c r="FN915" s="91"/>
      <c r="FO915" s="91"/>
      <c r="FP915" s="91"/>
      <c r="FQ915" s="91"/>
      <c r="FR915" s="91"/>
      <c r="FS915" s="91"/>
      <c r="FT915" s="91"/>
      <c r="FU915" s="91"/>
      <c r="FV915" s="91"/>
      <c r="FW915" s="91"/>
      <c r="FX915" s="91"/>
      <c r="FY915" s="91"/>
      <c r="FZ915" s="91"/>
      <c r="GA915" s="91"/>
      <c r="GB915" s="91"/>
      <c r="GC915" s="91"/>
      <c r="GD915" s="91"/>
      <c r="GE915" s="91"/>
      <c r="GF915" s="91"/>
      <c r="GG915" s="91"/>
      <c r="GH915" s="91"/>
      <c r="GI915" s="91"/>
      <c r="GJ915" s="91"/>
      <c r="GK915" s="127"/>
      <c r="GL915" s="126"/>
      <c r="GM915" s="91"/>
      <c r="GN915" s="91"/>
      <c r="GO915" s="91"/>
      <c r="GP915" s="91"/>
      <c r="GQ915" s="91"/>
      <c r="GR915" s="91"/>
      <c r="GS915" s="91"/>
      <c r="GT915" s="91"/>
      <c r="GU915" s="91"/>
      <c r="GV915" s="91"/>
      <c r="GW915" s="91"/>
      <c r="GX915" s="91"/>
      <c r="GY915" s="91"/>
      <c r="GZ915" s="91"/>
      <c r="HA915" s="91"/>
      <c r="HB915" s="91"/>
      <c r="HC915" s="91"/>
      <c r="HD915" s="91"/>
      <c r="HE915" s="91"/>
      <c r="HF915" s="91"/>
      <c r="HG915" s="91"/>
      <c r="HH915" s="91"/>
      <c r="HI915" s="91"/>
      <c r="HJ915" s="91"/>
      <c r="HK915" s="127"/>
      <c r="HL915" s="126"/>
      <c r="HM915" s="91"/>
      <c r="HN915" s="91"/>
      <c r="HO915" s="91"/>
      <c r="HP915" s="91"/>
      <c r="HQ915" s="91"/>
      <c r="HR915" s="91"/>
      <c r="HS915" s="91"/>
      <c r="HT915" s="91"/>
      <c r="HU915" s="91"/>
      <c r="HV915" s="91"/>
      <c r="HW915" s="91"/>
      <c r="HX915" s="91"/>
      <c r="HY915" s="91"/>
      <c r="HZ915" s="91"/>
      <c r="IA915" s="91"/>
      <c r="IB915" s="91"/>
      <c r="IC915" s="91"/>
      <c r="ID915" s="91"/>
      <c r="IE915" s="91"/>
      <c r="IF915" s="91"/>
      <c r="IG915" s="91"/>
      <c r="IH915" s="91"/>
      <c r="II915" s="91"/>
      <c r="IJ915" s="91"/>
      <c r="IK915" s="127"/>
    </row>
    <row r="916" spans="2:245" x14ac:dyDescent="0.2">
      <c r="B916" s="43"/>
      <c r="C916" s="73"/>
      <c r="D916" s="64"/>
      <c r="E916" s="64"/>
      <c r="F916" s="55"/>
      <c r="G916" s="102"/>
      <c r="H916" s="55"/>
      <c r="I916" s="55"/>
      <c r="J916" s="55"/>
      <c r="K916" s="55"/>
      <c r="L916" s="55"/>
      <c r="M916" s="55"/>
      <c r="N916" s="55"/>
      <c r="O916" s="55"/>
      <c r="P916" s="55"/>
      <c r="Q916" s="55"/>
      <c r="R916" s="55"/>
      <c r="S916" s="55"/>
      <c r="T916" s="55"/>
      <c r="U916" s="55"/>
      <c r="V916" s="55"/>
      <c r="W916" s="55"/>
      <c r="X916" s="55"/>
      <c r="Y916" s="55"/>
      <c r="Z916" s="55"/>
      <c r="AA916" s="55"/>
      <c r="AB916" s="55"/>
      <c r="AC916" s="55"/>
      <c r="AD916" s="55"/>
      <c r="AE916" s="55"/>
      <c r="AF916" s="55"/>
      <c r="AG916" s="55"/>
      <c r="AY916" s="162"/>
      <c r="AZ916" s="162"/>
      <c r="BA916" s="162"/>
      <c r="BB916" s="162"/>
      <c r="BC916" s="162"/>
      <c r="BD916" s="162"/>
      <c r="BE916" s="162"/>
      <c r="BF916" s="162"/>
      <c r="BG916" s="162"/>
      <c r="BH916" s="162"/>
      <c r="BI916" s="162"/>
      <c r="BJ916" s="162"/>
      <c r="BK916" s="162"/>
      <c r="BL916" s="162"/>
      <c r="BM916" s="162"/>
      <c r="BN916" s="162"/>
      <c r="BO916" s="162"/>
      <c r="BP916" s="162"/>
      <c r="BQ916" s="162"/>
      <c r="BR916" s="162"/>
      <c r="BS916" s="162"/>
      <c r="BT916" s="162"/>
      <c r="BU916" s="162"/>
      <c r="BV916" s="162"/>
      <c r="BW916" s="162"/>
      <c r="BX916" s="162"/>
      <c r="BY916" s="162"/>
      <c r="BZ916" s="162"/>
      <c r="CA916" s="162"/>
      <c r="CB916" s="162"/>
      <c r="CC916" s="162"/>
      <c r="CD916" s="162"/>
      <c r="CE916" s="162"/>
      <c r="CF916" s="162"/>
      <c r="CG916" s="162"/>
      <c r="CH916" s="162"/>
      <c r="CI916" s="162"/>
      <c r="CJ916" s="162"/>
      <c r="CK916" s="162"/>
      <c r="CX916" s="98"/>
      <c r="DL916" s="97"/>
      <c r="DX916" s="98"/>
      <c r="EL916" s="97"/>
      <c r="EX916" s="98"/>
      <c r="EY916" s="97"/>
      <c r="FL916" s="126"/>
      <c r="FM916" s="91"/>
      <c r="FN916" s="91"/>
      <c r="FO916" s="91"/>
      <c r="FP916" s="91"/>
      <c r="FQ916" s="91"/>
      <c r="FR916" s="91"/>
      <c r="FS916" s="91"/>
      <c r="FT916" s="91"/>
      <c r="FU916" s="91"/>
      <c r="FV916" s="91"/>
      <c r="FW916" s="91"/>
      <c r="FX916" s="91"/>
      <c r="FY916" s="91"/>
      <c r="FZ916" s="91"/>
      <c r="GA916" s="91"/>
      <c r="GB916" s="91"/>
      <c r="GC916" s="91"/>
      <c r="GD916" s="91"/>
      <c r="GE916" s="91"/>
      <c r="GF916" s="91"/>
      <c r="GG916" s="91"/>
      <c r="GH916" s="91"/>
      <c r="GI916" s="91"/>
      <c r="GJ916" s="91"/>
      <c r="GK916" s="127"/>
      <c r="GL916" s="126"/>
      <c r="GM916" s="91"/>
      <c r="GN916" s="91"/>
      <c r="GO916" s="91"/>
      <c r="GP916" s="91"/>
      <c r="GQ916" s="91"/>
      <c r="GR916" s="91"/>
      <c r="GS916" s="91"/>
      <c r="GT916" s="91"/>
      <c r="GU916" s="91"/>
      <c r="GV916" s="91"/>
      <c r="GW916" s="91"/>
      <c r="GX916" s="91"/>
      <c r="GY916" s="91"/>
      <c r="GZ916" s="91"/>
      <c r="HA916" s="91"/>
      <c r="HB916" s="91"/>
      <c r="HC916" s="91"/>
      <c r="HD916" s="91"/>
      <c r="HE916" s="91"/>
      <c r="HF916" s="91"/>
      <c r="HG916" s="91"/>
      <c r="HH916" s="91"/>
      <c r="HI916" s="91"/>
      <c r="HJ916" s="91"/>
      <c r="HK916" s="127"/>
      <c r="HL916" s="126"/>
      <c r="HM916" s="91"/>
      <c r="HN916" s="91"/>
      <c r="HO916" s="91"/>
      <c r="HP916" s="91"/>
      <c r="HQ916" s="91"/>
      <c r="HR916" s="91"/>
      <c r="HS916" s="91"/>
      <c r="HT916" s="91"/>
      <c r="HU916" s="91"/>
      <c r="HV916" s="91"/>
      <c r="HW916" s="91"/>
      <c r="HX916" s="91"/>
      <c r="HY916" s="91"/>
      <c r="HZ916" s="91"/>
      <c r="IA916" s="91"/>
      <c r="IB916" s="91"/>
      <c r="IC916" s="91"/>
      <c r="ID916" s="91"/>
      <c r="IE916" s="91"/>
      <c r="IF916" s="91"/>
      <c r="IG916" s="91"/>
      <c r="IH916" s="91"/>
      <c r="II916" s="91"/>
      <c r="IJ916" s="91"/>
      <c r="IK916" s="127"/>
    </row>
    <row r="917" spans="2:245" x14ac:dyDescent="0.2">
      <c r="B917" s="43"/>
      <c r="C917" s="73"/>
      <c r="D917" s="64"/>
      <c r="E917" s="64"/>
      <c r="F917" s="55"/>
      <c r="G917" s="102"/>
      <c r="H917" s="55"/>
      <c r="I917" s="55"/>
      <c r="J917" s="55"/>
      <c r="K917" s="55"/>
      <c r="L917" s="55"/>
      <c r="M917" s="55"/>
      <c r="N917" s="55"/>
      <c r="O917" s="55"/>
      <c r="P917" s="55"/>
      <c r="Q917" s="55"/>
      <c r="R917" s="55"/>
      <c r="S917" s="55"/>
      <c r="T917" s="55"/>
      <c r="U917" s="55"/>
      <c r="V917" s="55"/>
      <c r="W917" s="55"/>
      <c r="X917" s="55"/>
      <c r="Y917" s="55"/>
      <c r="Z917" s="55"/>
      <c r="AA917" s="55"/>
      <c r="AB917" s="55"/>
      <c r="AC917" s="55"/>
      <c r="AD917" s="55"/>
      <c r="AE917" s="55"/>
      <c r="AF917" s="55"/>
      <c r="AG917" s="55"/>
      <c r="AY917" s="162"/>
      <c r="AZ917" s="162"/>
      <c r="BA917" s="162"/>
      <c r="BB917" s="162"/>
      <c r="BC917" s="162"/>
      <c r="BD917" s="162"/>
      <c r="BE917" s="162"/>
      <c r="BF917" s="162"/>
      <c r="BG917" s="162"/>
      <c r="BH917" s="162"/>
      <c r="BI917" s="162"/>
      <c r="BJ917" s="162"/>
      <c r="BK917" s="162"/>
      <c r="BL917" s="162"/>
      <c r="BM917" s="162"/>
      <c r="BN917" s="162"/>
      <c r="BO917" s="162"/>
      <c r="BP917" s="162"/>
      <c r="BQ917" s="162"/>
      <c r="BR917" s="162"/>
      <c r="BS917" s="162"/>
      <c r="BT917" s="162"/>
      <c r="BU917" s="162"/>
      <c r="BV917" s="162"/>
      <c r="BW917" s="162"/>
      <c r="BX917" s="162"/>
      <c r="BY917" s="162"/>
      <c r="BZ917" s="162"/>
      <c r="CA917" s="162"/>
      <c r="CB917" s="162"/>
      <c r="CC917" s="162"/>
      <c r="CD917" s="162"/>
      <c r="CE917" s="162"/>
      <c r="CF917" s="162"/>
      <c r="CG917" s="162"/>
      <c r="CH917" s="162"/>
      <c r="CI917" s="162"/>
      <c r="CJ917" s="162"/>
      <c r="CK917" s="162"/>
      <c r="CX917" s="98"/>
      <c r="DL917" s="97"/>
      <c r="DX917" s="98"/>
      <c r="EL917" s="97"/>
      <c r="EX917" s="98"/>
      <c r="EY917" s="97"/>
      <c r="FL917" s="126"/>
      <c r="FM917" s="91"/>
      <c r="FN917" s="91"/>
      <c r="FO917" s="91"/>
      <c r="FP917" s="91"/>
      <c r="FQ917" s="91"/>
      <c r="FR917" s="91"/>
      <c r="FS917" s="91"/>
      <c r="FT917" s="91"/>
      <c r="FU917" s="91"/>
      <c r="FV917" s="91"/>
      <c r="FW917" s="91"/>
      <c r="FX917" s="91"/>
      <c r="FY917" s="91"/>
      <c r="FZ917" s="91"/>
      <c r="GA917" s="91"/>
      <c r="GB917" s="91"/>
      <c r="GC917" s="91"/>
      <c r="GD917" s="91"/>
      <c r="GE917" s="91"/>
      <c r="GF917" s="91"/>
      <c r="GG917" s="91"/>
      <c r="GH917" s="91"/>
      <c r="GI917" s="91"/>
      <c r="GJ917" s="91"/>
      <c r="GK917" s="127"/>
      <c r="GL917" s="126"/>
      <c r="GM917" s="91"/>
      <c r="GN917" s="91"/>
      <c r="GO917" s="91"/>
      <c r="GP917" s="91"/>
      <c r="GQ917" s="91"/>
      <c r="GR917" s="91"/>
      <c r="GS917" s="91"/>
      <c r="GT917" s="91"/>
      <c r="GU917" s="91"/>
      <c r="GV917" s="91"/>
      <c r="GW917" s="91"/>
      <c r="GX917" s="91"/>
      <c r="GY917" s="91"/>
      <c r="GZ917" s="91"/>
      <c r="HA917" s="91"/>
      <c r="HB917" s="91"/>
      <c r="HC917" s="91"/>
      <c r="HD917" s="91"/>
      <c r="HE917" s="91"/>
      <c r="HF917" s="91"/>
      <c r="HG917" s="91"/>
      <c r="HH917" s="91"/>
      <c r="HI917" s="91"/>
      <c r="HJ917" s="91"/>
      <c r="HK917" s="127"/>
      <c r="HL917" s="126"/>
      <c r="HM917" s="91"/>
      <c r="HN917" s="91"/>
      <c r="HO917" s="91"/>
      <c r="HP917" s="91"/>
      <c r="HQ917" s="91"/>
      <c r="HR917" s="91"/>
      <c r="HS917" s="91"/>
      <c r="HT917" s="91"/>
      <c r="HU917" s="91"/>
      <c r="HV917" s="91"/>
      <c r="HW917" s="91"/>
      <c r="HX917" s="91"/>
      <c r="HY917" s="91"/>
      <c r="HZ917" s="91"/>
      <c r="IA917" s="91"/>
      <c r="IB917" s="91"/>
      <c r="IC917" s="91"/>
      <c r="ID917" s="91"/>
      <c r="IE917" s="91"/>
      <c r="IF917" s="91"/>
      <c r="IG917" s="91"/>
      <c r="IH917" s="91"/>
      <c r="II917" s="91"/>
      <c r="IJ917" s="91"/>
      <c r="IK917" s="127"/>
    </row>
    <row r="918" spans="2:245" x14ac:dyDescent="0.2">
      <c r="B918" s="43"/>
      <c r="C918" s="73"/>
      <c r="D918" s="64"/>
      <c r="E918" s="64"/>
      <c r="F918" s="55"/>
      <c r="G918" s="102"/>
      <c r="H918" s="55"/>
      <c r="I918" s="55"/>
      <c r="J918" s="55"/>
      <c r="K918" s="55"/>
      <c r="L918" s="55"/>
      <c r="M918" s="55"/>
      <c r="N918" s="55"/>
      <c r="O918" s="55"/>
      <c r="P918" s="55"/>
      <c r="Q918" s="55"/>
      <c r="R918" s="55"/>
      <c r="S918" s="55"/>
      <c r="T918" s="55"/>
      <c r="U918" s="55"/>
      <c r="V918" s="55"/>
      <c r="W918" s="55"/>
      <c r="X918" s="55"/>
      <c r="Y918" s="55"/>
      <c r="Z918" s="55"/>
      <c r="AA918" s="55"/>
      <c r="AB918" s="55"/>
      <c r="AC918" s="55"/>
      <c r="AD918" s="55"/>
      <c r="AE918" s="55"/>
      <c r="AF918" s="55"/>
      <c r="AG918" s="55"/>
      <c r="AY918" s="162"/>
      <c r="AZ918" s="162"/>
      <c r="BA918" s="162"/>
      <c r="BB918" s="162"/>
      <c r="BC918" s="162"/>
      <c r="BD918" s="162"/>
      <c r="BE918" s="162"/>
      <c r="BF918" s="162"/>
      <c r="BG918" s="162"/>
      <c r="BH918" s="162"/>
      <c r="BI918" s="162"/>
      <c r="BJ918" s="162"/>
      <c r="BK918" s="162"/>
      <c r="BL918" s="162"/>
      <c r="BM918" s="162"/>
      <c r="BN918" s="162"/>
      <c r="BO918" s="162"/>
      <c r="BP918" s="162"/>
      <c r="BQ918" s="162"/>
      <c r="BR918" s="162"/>
      <c r="BS918" s="162"/>
      <c r="BT918" s="162"/>
      <c r="BU918" s="162"/>
      <c r="BV918" s="162"/>
      <c r="BW918" s="162"/>
      <c r="BX918" s="162"/>
      <c r="BY918" s="162"/>
      <c r="BZ918" s="162"/>
      <c r="CA918" s="162"/>
      <c r="CB918" s="162"/>
      <c r="CC918" s="162"/>
      <c r="CD918" s="162"/>
      <c r="CE918" s="162"/>
      <c r="CF918" s="162"/>
      <c r="CG918" s="162"/>
      <c r="CH918" s="162"/>
      <c r="CI918" s="162"/>
      <c r="CJ918" s="162"/>
      <c r="CK918" s="162"/>
      <c r="CX918" s="98"/>
      <c r="DL918" s="97"/>
      <c r="DX918" s="98"/>
      <c r="EL918" s="97"/>
      <c r="EX918" s="98"/>
      <c r="EY918" s="97"/>
      <c r="FL918" s="126"/>
      <c r="FM918" s="91"/>
      <c r="FN918" s="91"/>
      <c r="FO918" s="91"/>
      <c r="FP918" s="91"/>
      <c r="FQ918" s="91"/>
      <c r="FR918" s="91"/>
      <c r="FS918" s="91"/>
      <c r="FT918" s="91"/>
      <c r="FU918" s="91"/>
      <c r="FV918" s="91"/>
      <c r="FW918" s="91"/>
      <c r="FX918" s="91"/>
      <c r="FY918" s="91"/>
      <c r="FZ918" s="91"/>
      <c r="GA918" s="91"/>
      <c r="GB918" s="91"/>
      <c r="GC918" s="91"/>
      <c r="GD918" s="91"/>
      <c r="GE918" s="91"/>
      <c r="GF918" s="91"/>
      <c r="GG918" s="91"/>
      <c r="GH918" s="91"/>
      <c r="GI918" s="91"/>
      <c r="GJ918" s="91"/>
      <c r="GK918" s="127"/>
      <c r="GL918" s="126"/>
      <c r="GM918" s="91"/>
      <c r="GN918" s="91"/>
      <c r="GO918" s="91"/>
      <c r="GP918" s="91"/>
      <c r="GQ918" s="91"/>
      <c r="GR918" s="91"/>
      <c r="GS918" s="91"/>
      <c r="GT918" s="91"/>
      <c r="GU918" s="91"/>
      <c r="GV918" s="91"/>
      <c r="GW918" s="91"/>
      <c r="GX918" s="91"/>
      <c r="GY918" s="91"/>
      <c r="GZ918" s="91"/>
      <c r="HA918" s="91"/>
      <c r="HB918" s="91"/>
      <c r="HC918" s="91"/>
      <c r="HD918" s="91"/>
      <c r="HE918" s="91"/>
      <c r="HF918" s="91"/>
      <c r="HG918" s="91"/>
      <c r="HH918" s="91"/>
      <c r="HI918" s="91"/>
      <c r="HJ918" s="91"/>
      <c r="HK918" s="127"/>
      <c r="HL918" s="126"/>
      <c r="HM918" s="91"/>
      <c r="HN918" s="91"/>
      <c r="HO918" s="91"/>
      <c r="HP918" s="91"/>
      <c r="HQ918" s="91"/>
      <c r="HR918" s="91"/>
      <c r="HS918" s="91"/>
      <c r="HT918" s="91"/>
      <c r="HU918" s="91"/>
      <c r="HV918" s="91"/>
      <c r="HW918" s="91"/>
      <c r="HX918" s="91"/>
      <c r="HY918" s="91"/>
      <c r="HZ918" s="91"/>
      <c r="IA918" s="91"/>
      <c r="IB918" s="91"/>
      <c r="IC918" s="91"/>
      <c r="ID918" s="91"/>
      <c r="IE918" s="91"/>
      <c r="IF918" s="91"/>
      <c r="IG918" s="91"/>
      <c r="IH918" s="91"/>
      <c r="II918" s="91"/>
      <c r="IJ918" s="91"/>
      <c r="IK918" s="127"/>
    </row>
    <row r="919" spans="2:245" x14ac:dyDescent="0.2">
      <c r="B919" s="43"/>
      <c r="C919" s="73"/>
      <c r="D919" s="64"/>
      <c r="E919" s="64"/>
      <c r="F919" s="55"/>
      <c r="G919" s="102"/>
      <c r="H919" s="55"/>
      <c r="I919" s="55"/>
      <c r="J919" s="55"/>
      <c r="K919" s="55"/>
      <c r="L919" s="55"/>
      <c r="M919" s="55"/>
      <c r="N919" s="55"/>
      <c r="O919" s="55"/>
      <c r="P919" s="55"/>
      <c r="Q919" s="55"/>
      <c r="R919" s="55"/>
      <c r="S919" s="55"/>
      <c r="T919" s="55"/>
      <c r="U919" s="55"/>
      <c r="V919" s="55"/>
      <c r="W919" s="55"/>
      <c r="X919" s="55"/>
      <c r="Y919" s="55"/>
      <c r="Z919" s="55"/>
      <c r="AA919" s="55"/>
      <c r="AB919" s="55"/>
      <c r="AC919" s="55"/>
      <c r="AD919" s="55"/>
      <c r="AE919" s="55"/>
      <c r="AF919" s="55"/>
      <c r="AG919" s="55"/>
      <c r="AY919" s="162"/>
      <c r="AZ919" s="162"/>
      <c r="BA919" s="162"/>
      <c r="BB919" s="162"/>
      <c r="BC919" s="162"/>
      <c r="BD919" s="162"/>
      <c r="BE919" s="162"/>
      <c r="BF919" s="162"/>
      <c r="BG919" s="162"/>
      <c r="BH919" s="162"/>
      <c r="BI919" s="162"/>
      <c r="BJ919" s="162"/>
      <c r="BK919" s="162"/>
      <c r="BL919" s="162"/>
      <c r="BM919" s="162"/>
      <c r="BN919" s="162"/>
      <c r="BO919" s="162"/>
      <c r="BP919" s="162"/>
      <c r="BQ919" s="162"/>
      <c r="BR919" s="162"/>
      <c r="BS919" s="162"/>
      <c r="BT919" s="162"/>
      <c r="BU919" s="162"/>
      <c r="BV919" s="162"/>
      <c r="BW919" s="162"/>
      <c r="BX919" s="162"/>
      <c r="BY919" s="162"/>
      <c r="BZ919" s="162"/>
      <c r="CA919" s="162"/>
      <c r="CB919" s="162"/>
      <c r="CC919" s="162"/>
      <c r="CD919" s="162"/>
      <c r="CE919" s="162"/>
      <c r="CF919" s="162"/>
      <c r="CG919" s="162"/>
      <c r="CH919" s="162"/>
      <c r="CI919" s="162"/>
      <c r="CJ919" s="162"/>
      <c r="CK919" s="162"/>
      <c r="CX919" s="98"/>
      <c r="DL919" s="97"/>
      <c r="DX919" s="98"/>
      <c r="EL919" s="97"/>
      <c r="EX919" s="98"/>
      <c r="EY919" s="97"/>
      <c r="FL919" s="126"/>
      <c r="FM919" s="91"/>
      <c r="FN919" s="91"/>
      <c r="FO919" s="91"/>
      <c r="FP919" s="91"/>
      <c r="FQ919" s="91"/>
      <c r="FR919" s="91"/>
      <c r="FS919" s="91"/>
      <c r="FT919" s="91"/>
      <c r="FU919" s="91"/>
      <c r="FV919" s="91"/>
      <c r="FW919" s="91"/>
      <c r="FX919" s="91"/>
      <c r="FY919" s="91"/>
      <c r="FZ919" s="91"/>
      <c r="GA919" s="91"/>
      <c r="GB919" s="91"/>
      <c r="GC919" s="91"/>
      <c r="GD919" s="91"/>
      <c r="GE919" s="91"/>
      <c r="GF919" s="91"/>
      <c r="GG919" s="91"/>
      <c r="GH919" s="91"/>
      <c r="GI919" s="91"/>
      <c r="GJ919" s="91"/>
      <c r="GK919" s="127"/>
      <c r="GL919" s="126"/>
      <c r="GM919" s="91"/>
      <c r="GN919" s="91"/>
      <c r="GO919" s="91"/>
      <c r="GP919" s="91"/>
      <c r="GQ919" s="91"/>
      <c r="GR919" s="91"/>
      <c r="GS919" s="91"/>
      <c r="GT919" s="91"/>
      <c r="GU919" s="91"/>
      <c r="GV919" s="91"/>
      <c r="GW919" s="91"/>
      <c r="GX919" s="91"/>
      <c r="GY919" s="91"/>
      <c r="GZ919" s="91"/>
      <c r="HA919" s="91"/>
      <c r="HB919" s="91"/>
      <c r="HC919" s="91"/>
      <c r="HD919" s="91"/>
      <c r="HE919" s="91"/>
      <c r="HF919" s="91"/>
      <c r="HG919" s="91"/>
      <c r="HH919" s="91"/>
      <c r="HI919" s="91"/>
      <c r="HJ919" s="91"/>
      <c r="HK919" s="127"/>
      <c r="HL919" s="126"/>
      <c r="HM919" s="91"/>
      <c r="HN919" s="91"/>
      <c r="HO919" s="91"/>
      <c r="HP919" s="91"/>
      <c r="HQ919" s="91"/>
      <c r="HR919" s="91"/>
      <c r="HS919" s="91"/>
      <c r="HT919" s="91"/>
      <c r="HU919" s="91"/>
      <c r="HV919" s="91"/>
      <c r="HW919" s="91"/>
      <c r="HX919" s="91"/>
      <c r="HY919" s="91"/>
      <c r="HZ919" s="91"/>
      <c r="IA919" s="91"/>
      <c r="IB919" s="91"/>
      <c r="IC919" s="91"/>
      <c r="ID919" s="91"/>
      <c r="IE919" s="91"/>
      <c r="IF919" s="91"/>
      <c r="IG919" s="91"/>
      <c r="IH919" s="91"/>
      <c r="II919" s="91"/>
      <c r="IJ919" s="91"/>
      <c r="IK919" s="127"/>
    </row>
    <row r="920" spans="2:245" x14ac:dyDescent="0.2">
      <c r="B920" s="43"/>
      <c r="C920" s="73"/>
      <c r="D920" s="64"/>
      <c r="E920" s="64"/>
      <c r="F920" s="55"/>
      <c r="G920" s="102"/>
      <c r="H920" s="55"/>
      <c r="I920" s="55"/>
      <c r="J920" s="55"/>
      <c r="K920" s="55"/>
      <c r="L920" s="55"/>
      <c r="M920" s="55"/>
      <c r="N920" s="55"/>
      <c r="O920" s="55"/>
      <c r="P920" s="55"/>
      <c r="Q920" s="55"/>
      <c r="R920" s="55"/>
      <c r="S920" s="55"/>
      <c r="T920" s="55"/>
      <c r="U920" s="55"/>
      <c r="V920" s="55"/>
      <c r="W920" s="55"/>
      <c r="X920" s="55"/>
      <c r="Y920" s="55"/>
      <c r="Z920" s="55"/>
      <c r="AA920" s="55"/>
      <c r="AB920" s="55"/>
      <c r="AC920" s="55"/>
      <c r="AD920" s="55"/>
      <c r="AE920" s="55"/>
      <c r="AF920" s="55"/>
      <c r="AG920" s="55"/>
      <c r="AY920" s="162"/>
      <c r="AZ920" s="162"/>
      <c r="BA920" s="162"/>
      <c r="BB920" s="162"/>
      <c r="BC920" s="162"/>
      <c r="BD920" s="162"/>
      <c r="BE920" s="162"/>
      <c r="BF920" s="162"/>
      <c r="BG920" s="162"/>
      <c r="BH920" s="162"/>
      <c r="BI920" s="162"/>
      <c r="BJ920" s="162"/>
      <c r="BK920" s="162"/>
      <c r="BL920" s="162"/>
      <c r="BM920" s="162"/>
      <c r="BN920" s="162"/>
      <c r="BO920" s="162"/>
      <c r="BP920" s="162"/>
      <c r="BQ920" s="162"/>
      <c r="BR920" s="162"/>
      <c r="BS920" s="162"/>
      <c r="BT920" s="162"/>
      <c r="BU920" s="162"/>
      <c r="BV920" s="162"/>
      <c r="BW920" s="162"/>
      <c r="BX920" s="162"/>
      <c r="BY920" s="162"/>
      <c r="BZ920" s="162"/>
      <c r="CA920" s="162"/>
      <c r="CB920" s="162"/>
      <c r="CC920" s="162"/>
      <c r="CD920" s="162"/>
      <c r="CE920" s="162"/>
      <c r="CF920" s="162"/>
      <c r="CG920" s="162"/>
      <c r="CH920" s="162"/>
      <c r="CI920" s="162"/>
      <c r="CJ920" s="162"/>
      <c r="CK920" s="162"/>
      <c r="CX920" s="98"/>
      <c r="DL920" s="97"/>
      <c r="DX920" s="98"/>
      <c r="EL920" s="97"/>
      <c r="EX920" s="98"/>
      <c r="EY920" s="97"/>
      <c r="FL920" s="126"/>
      <c r="FM920" s="91"/>
      <c r="FN920" s="91"/>
      <c r="FO920" s="91"/>
      <c r="FP920" s="91"/>
      <c r="FQ920" s="91"/>
      <c r="FR920" s="91"/>
      <c r="FS920" s="91"/>
      <c r="FT920" s="91"/>
      <c r="FU920" s="91"/>
      <c r="FV920" s="91"/>
      <c r="FW920" s="91"/>
      <c r="FX920" s="91"/>
      <c r="FY920" s="91"/>
      <c r="FZ920" s="91"/>
      <c r="GA920" s="91"/>
      <c r="GB920" s="91"/>
      <c r="GC920" s="91"/>
      <c r="GD920" s="91"/>
      <c r="GE920" s="91"/>
      <c r="GF920" s="91"/>
      <c r="GG920" s="91"/>
      <c r="GH920" s="91"/>
      <c r="GI920" s="91"/>
      <c r="GJ920" s="91"/>
      <c r="GK920" s="127"/>
      <c r="GL920" s="126"/>
      <c r="GM920" s="91"/>
      <c r="GN920" s="91"/>
      <c r="GO920" s="91"/>
      <c r="GP920" s="91"/>
      <c r="GQ920" s="91"/>
      <c r="GR920" s="91"/>
      <c r="GS920" s="91"/>
      <c r="GT920" s="91"/>
      <c r="GU920" s="91"/>
      <c r="GV920" s="91"/>
      <c r="GW920" s="91"/>
      <c r="GX920" s="91"/>
      <c r="GY920" s="91"/>
      <c r="GZ920" s="91"/>
      <c r="HA920" s="91"/>
      <c r="HB920" s="91"/>
      <c r="HC920" s="91"/>
      <c r="HD920" s="91"/>
      <c r="HE920" s="91"/>
      <c r="HF920" s="91"/>
      <c r="HG920" s="91"/>
      <c r="HH920" s="91"/>
      <c r="HI920" s="91"/>
      <c r="HJ920" s="91"/>
      <c r="HK920" s="127"/>
      <c r="HL920" s="126"/>
      <c r="HM920" s="91"/>
      <c r="HN920" s="91"/>
      <c r="HO920" s="91"/>
      <c r="HP920" s="91"/>
      <c r="HQ920" s="91"/>
      <c r="HR920" s="91"/>
      <c r="HS920" s="91"/>
      <c r="HT920" s="91"/>
      <c r="HU920" s="91"/>
      <c r="HV920" s="91"/>
      <c r="HW920" s="91"/>
      <c r="HX920" s="91"/>
      <c r="HY920" s="91"/>
      <c r="HZ920" s="91"/>
      <c r="IA920" s="91"/>
      <c r="IB920" s="91"/>
      <c r="IC920" s="91"/>
      <c r="ID920" s="91"/>
      <c r="IE920" s="91"/>
      <c r="IF920" s="91"/>
      <c r="IG920" s="91"/>
      <c r="IH920" s="91"/>
      <c r="II920" s="91"/>
      <c r="IJ920" s="91"/>
      <c r="IK920" s="127"/>
    </row>
    <row r="921" spans="2:245" x14ac:dyDescent="0.2">
      <c r="B921" s="43"/>
      <c r="C921" s="73"/>
      <c r="D921" s="64"/>
      <c r="E921" s="64"/>
      <c r="F921" s="55"/>
      <c r="G921" s="102"/>
      <c r="H921" s="55"/>
      <c r="I921" s="55"/>
      <c r="J921" s="55"/>
      <c r="K921" s="55"/>
      <c r="L921" s="55"/>
      <c r="M921" s="55"/>
      <c r="N921" s="55"/>
      <c r="O921" s="55"/>
      <c r="P921" s="55"/>
      <c r="Q921" s="55"/>
      <c r="R921" s="55"/>
      <c r="S921" s="55"/>
      <c r="T921" s="55"/>
      <c r="U921" s="55"/>
      <c r="V921" s="55"/>
      <c r="W921" s="55"/>
      <c r="X921" s="55"/>
      <c r="Y921" s="55"/>
      <c r="Z921" s="55"/>
      <c r="AA921" s="55"/>
      <c r="AB921" s="55"/>
      <c r="AC921" s="55"/>
      <c r="AD921" s="55"/>
      <c r="AE921" s="55"/>
      <c r="AF921" s="55"/>
      <c r="AG921" s="55"/>
      <c r="AY921" s="162"/>
      <c r="AZ921" s="162"/>
      <c r="BA921" s="162"/>
      <c r="BB921" s="162"/>
      <c r="BC921" s="162"/>
      <c r="BD921" s="162"/>
      <c r="BE921" s="162"/>
      <c r="BF921" s="162"/>
      <c r="BG921" s="162"/>
      <c r="BH921" s="162"/>
      <c r="BI921" s="162"/>
      <c r="BJ921" s="162"/>
      <c r="BK921" s="162"/>
      <c r="BL921" s="162"/>
      <c r="BM921" s="162"/>
      <c r="BN921" s="162"/>
      <c r="BO921" s="162"/>
      <c r="BP921" s="162"/>
      <c r="BQ921" s="162"/>
      <c r="BR921" s="162"/>
      <c r="BS921" s="162"/>
      <c r="BT921" s="162"/>
      <c r="BU921" s="162"/>
      <c r="BV921" s="162"/>
      <c r="BW921" s="162"/>
      <c r="BX921" s="162"/>
      <c r="BY921" s="162"/>
      <c r="BZ921" s="162"/>
      <c r="CA921" s="162"/>
      <c r="CB921" s="162"/>
      <c r="CC921" s="162"/>
      <c r="CD921" s="162"/>
      <c r="CE921" s="162"/>
      <c r="CF921" s="162"/>
      <c r="CG921" s="162"/>
      <c r="CH921" s="162"/>
      <c r="CI921" s="162"/>
      <c r="CJ921" s="162"/>
      <c r="CK921" s="162"/>
      <c r="CX921" s="98"/>
      <c r="DL921" s="97"/>
      <c r="DX921" s="98"/>
      <c r="EL921" s="97"/>
      <c r="EX921" s="98"/>
      <c r="EY921" s="97"/>
      <c r="FL921" s="126"/>
      <c r="FM921" s="91"/>
      <c r="FN921" s="91"/>
      <c r="FO921" s="91"/>
      <c r="FP921" s="91"/>
      <c r="FQ921" s="91"/>
      <c r="FR921" s="91"/>
      <c r="FS921" s="91"/>
      <c r="FT921" s="91"/>
      <c r="FU921" s="91"/>
      <c r="FV921" s="91"/>
      <c r="FW921" s="91"/>
      <c r="FX921" s="91"/>
      <c r="FY921" s="91"/>
      <c r="FZ921" s="91"/>
      <c r="GA921" s="91"/>
      <c r="GB921" s="91"/>
      <c r="GC921" s="91"/>
      <c r="GD921" s="91"/>
      <c r="GE921" s="91"/>
      <c r="GF921" s="91"/>
      <c r="GG921" s="91"/>
      <c r="GH921" s="91"/>
      <c r="GI921" s="91"/>
      <c r="GJ921" s="91"/>
      <c r="GK921" s="127"/>
      <c r="GL921" s="126"/>
      <c r="GM921" s="91"/>
      <c r="GN921" s="91"/>
      <c r="GO921" s="91"/>
      <c r="GP921" s="91"/>
      <c r="GQ921" s="91"/>
      <c r="GR921" s="91"/>
      <c r="GS921" s="91"/>
      <c r="GT921" s="91"/>
      <c r="GU921" s="91"/>
      <c r="GV921" s="91"/>
      <c r="GW921" s="91"/>
      <c r="GX921" s="91"/>
      <c r="GY921" s="91"/>
      <c r="GZ921" s="91"/>
      <c r="HA921" s="91"/>
      <c r="HB921" s="91"/>
      <c r="HC921" s="91"/>
      <c r="HD921" s="91"/>
      <c r="HE921" s="91"/>
      <c r="HF921" s="91"/>
      <c r="HG921" s="91"/>
      <c r="HH921" s="91"/>
      <c r="HI921" s="91"/>
      <c r="HJ921" s="91"/>
      <c r="HK921" s="127"/>
      <c r="HL921" s="126"/>
      <c r="HM921" s="91"/>
      <c r="HN921" s="91"/>
      <c r="HO921" s="91"/>
      <c r="HP921" s="91"/>
      <c r="HQ921" s="91"/>
      <c r="HR921" s="91"/>
      <c r="HS921" s="91"/>
      <c r="HT921" s="91"/>
      <c r="HU921" s="91"/>
      <c r="HV921" s="91"/>
      <c r="HW921" s="91"/>
      <c r="HX921" s="91"/>
      <c r="HY921" s="91"/>
      <c r="HZ921" s="91"/>
      <c r="IA921" s="91"/>
      <c r="IB921" s="91"/>
      <c r="IC921" s="91"/>
      <c r="ID921" s="91"/>
      <c r="IE921" s="91"/>
      <c r="IF921" s="91"/>
      <c r="IG921" s="91"/>
      <c r="IH921" s="91"/>
      <c r="II921" s="91"/>
      <c r="IJ921" s="91"/>
      <c r="IK921" s="127"/>
    </row>
    <row r="922" spans="2:245" x14ac:dyDescent="0.2">
      <c r="B922" s="43"/>
      <c r="C922" s="73"/>
      <c r="D922" s="64"/>
      <c r="E922" s="64"/>
      <c r="F922" s="55"/>
      <c r="G922" s="102"/>
      <c r="H922" s="55"/>
      <c r="I922" s="55"/>
      <c r="J922" s="55"/>
      <c r="K922" s="55"/>
      <c r="L922" s="55"/>
      <c r="M922" s="55"/>
      <c r="N922" s="55"/>
      <c r="O922" s="55"/>
      <c r="P922" s="55"/>
      <c r="Q922" s="55"/>
      <c r="R922" s="55"/>
      <c r="S922" s="55"/>
      <c r="T922" s="55"/>
      <c r="U922" s="55"/>
      <c r="V922" s="55"/>
      <c r="W922" s="55"/>
      <c r="X922" s="55"/>
      <c r="Y922" s="55"/>
      <c r="Z922" s="55"/>
      <c r="AA922" s="55"/>
      <c r="AB922" s="55"/>
      <c r="AC922" s="55"/>
      <c r="AD922" s="55"/>
      <c r="AE922" s="55"/>
      <c r="AF922" s="55"/>
      <c r="AG922" s="55"/>
      <c r="AY922" s="162"/>
      <c r="AZ922" s="162"/>
      <c r="BA922" s="162"/>
      <c r="BB922" s="162"/>
      <c r="BC922" s="162"/>
      <c r="BD922" s="162"/>
      <c r="BE922" s="162"/>
      <c r="BF922" s="162"/>
      <c r="BG922" s="162"/>
      <c r="BH922" s="162"/>
      <c r="BI922" s="162"/>
      <c r="BJ922" s="162"/>
      <c r="BK922" s="162"/>
      <c r="BL922" s="162"/>
      <c r="BM922" s="162"/>
      <c r="BN922" s="162"/>
      <c r="BO922" s="162"/>
      <c r="BP922" s="162"/>
      <c r="BQ922" s="162"/>
      <c r="BR922" s="162"/>
      <c r="BS922" s="162"/>
      <c r="BT922" s="162"/>
      <c r="BU922" s="162"/>
      <c r="BV922" s="162"/>
      <c r="BW922" s="162"/>
      <c r="BX922" s="162"/>
      <c r="BY922" s="162"/>
      <c r="BZ922" s="162"/>
      <c r="CA922" s="162"/>
      <c r="CB922" s="162"/>
      <c r="CC922" s="162"/>
      <c r="CD922" s="162"/>
      <c r="CE922" s="162"/>
      <c r="CF922" s="162"/>
      <c r="CG922" s="162"/>
      <c r="CH922" s="162"/>
      <c r="CI922" s="162"/>
      <c r="CJ922" s="162"/>
      <c r="CK922" s="162"/>
      <c r="CX922" s="98"/>
      <c r="DL922" s="97"/>
      <c r="DX922" s="98"/>
      <c r="EL922" s="97"/>
      <c r="EX922" s="98"/>
      <c r="EY922" s="97"/>
      <c r="FL922" s="126"/>
      <c r="FM922" s="91"/>
      <c r="FN922" s="91"/>
      <c r="FO922" s="91"/>
      <c r="FP922" s="91"/>
      <c r="FQ922" s="91"/>
      <c r="FR922" s="91"/>
      <c r="FS922" s="91"/>
      <c r="FT922" s="91"/>
      <c r="FU922" s="91"/>
      <c r="FV922" s="91"/>
      <c r="FW922" s="91"/>
      <c r="FX922" s="91"/>
      <c r="FY922" s="91"/>
      <c r="FZ922" s="91"/>
      <c r="GA922" s="91"/>
      <c r="GB922" s="91"/>
      <c r="GC922" s="91"/>
      <c r="GD922" s="91"/>
      <c r="GE922" s="91"/>
      <c r="GF922" s="91"/>
      <c r="GG922" s="91"/>
      <c r="GH922" s="91"/>
      <c r="GI922" s="91"/>
      <c r="GJ922" s="91"/>
      <c r="GK922" s="127"/>
      <c r="GL922" s="126"/>
      <c r="GM922" s="91"/>
      <c r="GN922" s="91"/>
      <c r="GO922" s="91"/>
      <c r="GP922" s="91"/>
      <c r="GQ922" s="91"/>
      <c r="GR922" s="91"/>
      <c r="GS922" s="91"/>
      <c r="GT922" s="91"/>
      <c r="GU922" s="91"/>
      <c r="GV922" s="91"/>
      <c r="GW922" s="91"/>
      <c r="GX922" s="91"/>
      <c r="GY922" s="91"/>
      <c r="GZ922" s="91"/>
      <c r="HA922" s="91"/>
      <c r="HB922" s="91"/>
      <c r="HC922" s="91"/>
      <c r="HD922" s="91"/>
      <c r="HE922" s="91"/>
      <c r="HF922" s="91"/>
      <c r="HG922" s="91"/>
      <c r="HH922" s="91"/>
      <c r="HI922" s="91"/>
      <c r="HJ922" s="91"/>
      <c r="HK922" s="127"/>
      <c r="HL922" s="126"/>
      <c r="HM922" s="91"/>
      <c r="HN922" s="91"/>
      <c r="HO922" s="91"/>
      <c r="HP922" s="91"/>
      <c r="HQ922" s="91"/>
      <c r="HR922" s="91"/>
      <c r="HS922" s="91"/>
      <c r="HT922" s="91"/>
      <c r="HU922" s="91"/>
      <c r="HV922" s="91"/>
      <c r="HW922" s="91"/>
      <c r="HX922" s="91"/>
      <c r="HY922" s="91"/>
      <c r="HZ922" s="91"/>
      <c r="IA922" s="91"/>
      <c r="IB922" s="91"/>
      <c r="IC922" s="91"/>
      <c r="ID922" s="91"/>
      <c r="IE922" s="91"/>
      <c r="IF922" s="91"/>
      <c r="IG922" s="91"/>
      <c r="IH922" s="91"/>
      <c r="II922" s="91"/>
      <c r="IJ922" s="91"/>
      <c r="IK922" s="127"/>
    </row>
    <row r="923" spans="2:245" x14ac:dyDescent="0.2">
      <c r="B923" s="43"/>
      <c r="C923" s="73"/>
      <c r="D923" s="64"/>
      <c r="E923" s="64"/>
      <c r="F923" s="55"/>
      <c r="G923" s="102"/>
      <c r="H923" s="55"/>
      <c r="I923" s="55"/>
      <c r="J923" s="55"/>
      <c r="K923" s="55"/>
      <c r="L923" s="55"/>
      <c r="M923" s="55"/>
      <c r="N923" s="55"/>
      <c r="O923" s="55"/>
      <c r="P923" s="55"/>
      <c r="Q923" s="55"/>
      <c r="R923" s="55"/>
      <c r="S923" s="55"/>
      <c r="T923" s="55"/>
      <c r="U923" s="55"/>
      <c r="V923" s="55"/>
      <c r="W923" s="55"/>
      <c r="X923" s="55"/>
      <c r="Y923" s="55"/>
      <c r="Z923" s="55"/>
      <c r="AA923" s="55"/>
      <c r="AB923" s="55"/>
      <c r="AC923" s="55"/>
      <c r="AD923" s="55"/>
      <c r="AE923" s="55"/>
      <c r="AF923" s="55"/>
      <c r="AG923" s="55"/>
      <c r="AY923" s="162"/>
      <c r="AZ923" s="162"/>
      <c r="BA923" s="162"/>
      <c r="BB923" s="162"/>
      <c r="BC923" s="162"/>
      <c r="BD923" s="162"/>
      <c r="BE923" s="162"/>
      <c r="BF923" s="162"/>
      <c r="BG923" s="162"/>
      <c r="BH923" s="162"/>
      <c r="BI923" s="162"/>
      <c r="BJ923" s="162"/>
      <c r="BK923" s="162"/>
      <c r="BL923" s="162"/>
      <c r="BM923" s="162"/>
      <c r="BN923" s="162"/>
      <c r="BO923" s="162"/>
      <c r="BP923" s="162"/>
      <c r="BQ923" s="162"/>
      <c r="BR923" s="162"/>
      <c r="BS923" s="162"/>
      <c r="BT923" s="162"/>
      <c r="BU923" s="162"/>
      <c r="BV923" s="162"/>
      <c r="BW923" s="162"/>
      <c r="BX923" s="162"/>
      <c r="BY923" s="162"/>
      <c r="BZ923" s="162"/>
      <c r="CA923" s="162"/>
      <c r="CB923" s="162"/>
      <c r="CC923" s="162"/>
      <c r="CD923" s="162"/>
      <c r="CE923" s="162"/>
      <c r="CF923" s="162"/>
      <c r="CG923" s="162"/>
      <c r="CH923" s="162"/>
      <c r="CI923" s="162"/>
      <c r="CJ923" s="162"/>
      <c r="CK923" s="162"/>
      <c r="CX923" s="98"/>
      <c r="DL923" s="97"/>
      <c r="DX923" s="98"/>
      <c r="EL923" s="97"/>
      <c r="EX923" s="98"/>
      <c r="EY923" s="97"/>
      <c r="FL923" s="126"/>
      <c r="FM923" s="91"/>
      <c r="FN923" s="91"/>
      <c r="FO923" s="91"/>
      <c r="FP923" s="91"/>
      <c r="FQ923" s="91"/>
      <c r="FR923" s="91"/>
      <c r="FS923" s="91"/>
      <c r="FT923" s="91"/>
      <c r="FU923" s="91"/>
      <c r="FV923" s="91"/>
      <c r="FW923" s="91"/>
      <c r="FX923" s="91"/>
      <c r="FY923" s="91"/>
      <c r="FZ923" s="91"/>
      <c r="GA923" s="91"/>
      <c r="GB923" s="91"/>
      <c r="GC923" s="91"/>
      <c r="GD923" s="91"/>
      <c r="GE923" s="91"/>
      <c r="GF923" s="91"/>
      <c r="GG923" s="91"/>
      <c r="GH923" s="91"/>
      <c r="GI923" s="91"/>
      <c r="GJ923" s="91"/>
      <c r="GK923" s="127"/>
      <c r="GL923" s="126"/>
      <c r="GM923" s="91"/>
      <c r="GN923" s="91"/>
      <c r="GO923" s="91"/>
      <c r="GP923" s="91"/>
      <c r="GQ923" s="91"/>
      <c r="GR923" s="91"/>
      <c r="GS923" s="91"/>
      <c r="GT923" s="91"/>
      <c r="GU923" s="91"/>
      <c r="GV923" s="91"/>
      <c r="GW923" s="91"/>
      <c r="GX923" s="91"/>
      <c r="GY923" s="91"/>
      <c r="GZ923" s="91"/>
      <c r="HA923" s="91"/>
      <c r="HB923" s="91"/>
      <c r="HC923" s="91"/>
      <c r="HD923" s="91"/>
      <c r="HE923" s="91"/>
      <c r="HF923" s="91"/>
      <c r="HG923" s="91"/>
      <c r="HH923" s="91"/>
      <c r="HI923" s="91"/>
      <c r="HJ923" s="91"/>
      <c r="HK923" s="127"/>
      <c r="HL923" s="126"/>
      <c r="HM923" s="91"/>
      <c r="HN923" s="91"/>
      <c r="HO923" s="91"/>
      <c r="HP923" s="91"/>
      <c r="HQ923" s="91"/>
      <c r="HR923" s="91"/>
      <c r="HS923" s="91"/>
      <c r="HT923" s="91"/>
      <c r="HU923" s="91"/>
      <c r="HV923" s="91"/>
      <c r="HW923" s="91"/>
      <c r="HX923" s="91"/>
      <c r="HY923" s="91"/>
      <c r="HZ923" s="91"/>
      <c r="IA923" s="91"/>
      <c r="IB923" s="91"/>
      <c r="IC923" s="91"/>
      <c r="ID923" s="91"/>
      <c r="IE923" s="91"/>
      <c r="IF923" s="91"/>
      <c r="IG923" s="91"/>
      <c r="IH923" s="91"/>
      <c r="II923" s="91"/>
      <c r="IJ923" s="91"/>
      <c r="IK923" s="127"/>
    </row>
    <row r="924" spans="2:245" x14ac:dyDescent="0.2">
      <c r="B924" s="43"/>
      <c r="C924" s="73"/>
      <c r="D924" s="64"/>
      <c r="E924" s="64"/>
      <c r="F924" s="55"/>
      <c r="G924" s="102"/>
      <c r="H924" s="55"/>
      <c r="I924" s="55"/>
      <c r="J924" s="55"/>
      <c r="K924" s="55"/>
      <c r="L924" s="55"/>
      <c r="M924" s="55"/>
      <c r="N924" s="55"/>
      <c r="O924" s="55"/>
      <c r="P924" s="55"/>
      <c r="Q924" s="55"/>
      <c r="R924" s="55"/>
      <c r="S924" s="55"/>
      <c r="T924" s="55"/>
      <c r="U924" s="55"/>
      <c r="V924" s="55"/>
      <c r="W924" s="55"/>
      <c r="X924" s="55"/>
      <c r="Y924" s="55"/>
      <c r="Z924" s="55"/>
      <c r="AA924" s="55"/>
      <c r="AB924" s="55"/>
      <c r="AC924" s="55"/>
      <c r="AD924" s="55"/>
      <c r="AE924" s="55"/>
      <c r="AF924" s="55"/>
      <c r="AG924" s="55"/>
      <c r="AY924" s="162"/>
      <c r="AZ924" s="162"/>
      <c r="BA924" s="162"/>
      <c r="BB924" s="162"/>
      <c r="BC924" s="162"/>
      <c r="BD924" s="162"/>
      <c r="BE924" s="162"/>
      <c r="BF924" s="162"/>
      <c r="BG924" s="162"/>
      <c r="BH924" s="162"/>
      <c r="BI924" s="162"/>
      <c r="BJ924" s="162"/>
      <c r="BK924" s="162"/>
      <c r="BL924" s="162"/>
      <c r="BM924" s="162"/>
      <c r="BN924" s="162"/>
      <c r="BO924" s="162"/>
      <c r="BP924" s="162"/>
      <c r="BQ924" s="162"/>
      <c r="BR924" s="162"/>
      <c r="BS924" s="162"/>
      <c r="BT924" s="162"/>
      <c r="BU924" s="162"/>
      <c r="BV924" s="162"/>
      <c r="BW924" s="162"/>
      <c r="BX924" s="162"/>
      <c r="BY924" s="162"/>
      <c r="BZ924" s="162"/>
      <c r="CA924" s="162"/>
      <c r="CB924" s="162"/>
      <c r="CC924" s="162"/>
      <c r="CD924" s="162"/>
      <c r="CE924" s="162"/>
      <c r="CF924" s="162"/>
      <c r="CG924" s="162"/>
      <c r="CH924" s="162"/>
      <c r="CI924" s="162"/>
      <c r="CJ924" s="162"/>
      <c r="CK924" s="162"/>
      <c r="CX924" s="98"/>
      <c r="DL924" s="97"/>
      <c r="DX924" s="98"/>
      <c r="EL924" s="97"/>
      <c r="EX924" s="98"/>
      <c r="EY924" s="97"/>
      <c r="FL924" s="126"/>
      <c r="FM924" s="91"/>
      <c r="FN924" s="91"/>
      <c r="FO924" s="91"/>
      <c r="FP924" s="91"/>
      <c r="FQ924" s="91"/>
      <c r="FR924" s="91"/>
      <c r="FS924" s="91"/>
      <c r="FT924" s="91"/>
      <c r="FU924" s="91"/>
      <c r="FV924" s="91"/>
      <c r="FW924" s="91"/>
      <c r="FX924" s="91"/>
      <c r="FY924" s="91"/>
      <c r="FZ924" s="91"/>
      <c r="GA924" s="91"/>
      <c r="GB924" s="91"/>
      <c r="GC924" s="91"/>
      <c r="GD924" s="91"/>
      <c r="GE924" s="91"/>
      <c r="GF924" s="91"/>
      <c r="GG924" s="91"/>
      <c r="GH924" s="91"/>
      <c r="GI924" s="91"/>
      <c r="GJ924" s="91"/>
      <c r="GK924" s="127"/>
      <c r="GL924" s="126"/>
      <c r="GM924" s="91"/>
      <c r="GN924" s="91"/>
      <c r="GO924" s="91"/>
      <c r="GP924" s="91"/>
      <c r="GQ924" s="91"/>
      <c r="GR924" s="91"/>
      <c r="GS924" s="91"/>
      <c r="GT924" s="91"/>
      <c r="GU924" s="91"/>
      <c r="GV924" s="91"/>
      <c r="GW924" s="91"/>
      <c r="GX924" s="91"/>
      <c r="GY924" s="91"/>
      <c r="GZ924" s="91"/>
      <c r="HA924" s="91"/>
      <c r="HB924" s="91"/>
      <c r="HC924" s="91"/>
      <c r="HD924" s="91"/>
      <c r="HE924" s="91"/>
      <c r="HF924" s="91"/>
      <c r="HG924" s="91"/>
      <c r="HH924" s="91"/>
      <c r="HI924" s="91"/>
      <c r="HJ924" s="91"/>
      <c r="HK924" s="127"/>
      <c r="HL924" s="126"/>
      <c r="HM924" s="91"/>
      <c r="HN924" s="91"/>
      <c r="HO924" s="91"/>
      <c r="HP924" s="91"/>
      <c r="HQ924" s="91"/>
      <c r="HR924" s="91"/>
      <c r="HS924" s="91"/>
      <c r="HT924" s="91"/>
      <c r="HU924" s="91"/>
      <c r="HV924" s="91"/>
      <c r="HW924" s="91"/>
      <c r="HX924" s="91"/>
      <c r="HY924" s="91"/>
      <c r="HZ924" s="91"/>
      <c r="IA924" s="91"/>
      <c r="IB924" s="91"/>
      <c r="IC924" s="91"/>
      <c r="ID924" s="91"/>
      <c r="IE924" s="91"/>
      <c r="IF924" s="91"/>
      <c r="IG924" s="91"/>
      <c r="IH924" s="91"/>
      <c r="II924" s="91"/>
      <c r="IJ924" s="91"/>
      <c r="IK924" s="127"/>
    </row>
    <row r="925" spans="2:245" x14ac:dyDescent="0.2">
      <c r="B925" s="43"/>
      <c r="C925" s="73"/>
      <c r="D925" s="64"/>
      <c r="E925" s="64"/>
      <c r="F925" s="55"/>
      <c r="G925" s="102"/>
      <c r="H925" s="55"/>
      <c r="I925" s="55"/>
      <c r="J925" s="55"/>
      <c r="K925" s="55"/>
      <c r="L925" s="55"/>
      <c r="M925" s="55"/>
      <c r="N925" s="55"/>
      <c r="O925" s="55"/>
      <c r="P925" s="55"/>
      <c r="Q925" s="55"/>
      <c r="R925" s="55"/>
      <c r="S925" s="55"/>
      <c r="T925" s="55"/>
      <c r="U925" s="55"/>
      <c r="V925" s="55"/>
      <c r="W925" s="55"/>
      <c r="X925" s="55"/>
      <c r="Y925" s="55"/>
      <c r="Z925" s="55"/>
      <c r="AA925" s="55"/>
      <c r="AB925" s="55"/>
      <c r="AC925" s="55"/>
      <c r="AD925" s="55"/>
      <c r="AE925" s="55"/>
      <c r="AF925" s="55"/>
      <c r="AG925" s="55"/>
      <c r="AY925" s="162"/>
      <c r="AZ925" s="162"/>
      <c r="BA925" s="162"/>
      <c r="BB925" s="162"/>
      <c r="BC925" s="162"/>
      <c r="BD925" s="162"/>
      <c r="BE925" s="162"/>
      <c r="BF925" s="162"/>
      <c r="BG925" s="162"/>
      <c r="BH925" s="162"/>
      <c r="BI925" s="162"/>
      <c r="BJ925" s="162"/>
      <c r="BK925" s="162"/>
      <c r="BL925" s="162"/>
      <c r="BM925" s="162"/>
      <c r="BN925" s="162"/>
      <c r="BO925" s="162"/>
      <c r="BP925" s="162"/>
      <c r="BQ925" s="162"/>
      <c r="BR925" s="162"/>
      <c r="BS925" s="162"/>
      <c r="BT925" s="162"/>
      <c r="BU925" s="162"/>
      <c r="BV925" s="162"/>
      <c r="BW925" s="162"/>
      <c r="BX925" s="162"/>
      <c r="BY925" s="162"/>
      <c r="BZ925" s="162"/>
      <c r="CA925" s="162"/>
      <c r="CB925" s="162"/>
      <c r="CC925" s="162"/>
      <c r="CD925" s="162"/>
      <c r="CE925" s="162"/>
      <c r="CF925" s="162"/>
      <c r="CG925" s="162"/>
      <c r="CH925" s="162"/>
      <c r="CI925" s="162"/>
      <c r="CJ925" s="162"/>
      <c r="CK925" s="162"/>
      <c r="CX925" s="98"/>
      <c r="DL925" s="97"/>
      <c r="DX925" s="98"/>
      <c r="EL925" s="97"/>
      <c r="EX925" s="98"/>
      <c r="EY925" s="97"/>
      <c r="FL925" s="126"/>
      <c r="FM925" s="91"/>
      <c r="FN925" s="91"/>
      <c r="FO925" s="91"/>
      <c r="FP925" s="91"/>
      <c r="FQ925" s="91"/>
      <c r="FR925" s="91"/>
      <c r="FS925" s="91"/>
      <c r="FT925" s="91"/>
      <c r="FU925" s="91"/>
      <c r="FV925" s="91"/>
      <c r="FW925" s="91"/>
      <c r="FX925" s="91"/>
      <c r="FY925" s="91"/>
      <c r="FZ925" s="91"/>
      <c r="GA925" s="91"/>
      <c r="GB925" s="91"/>
      <c r="GC925" s="91"/>
      <c r="GD925" s="91"/>
      <c r="GE925" s="91"/>
      <c r="GF925" s="91"/>
      <c r="GG925" s="91"/>
      <c r="GH925" s="91"/>
      <c r="GI925" s="91"/>
      <c r="GJ925" s="91"/>
      <c r="GK925" s="127"/>
      <c r="GL925" s="126"/>
      <c r="GM925" s="91"/>
      <c r="GN925" s="91"/>
      <c r="GO925" s="91"/>
      <c r="GP925" s="91"/>
      <c r="GQ925" s="91"/>
      <c r="GR925" s="91"/>
      <c r="GS925" s="91"/>
      <c r="GT925" s="91"/>
      <c r="GU925" s="91"/>
      <c r="GV925" s="91"/>
      <c r="GW925" s="91"/>
      <c r="GX925" s="91"/>
      <c r="GY925" s="91"/>
      <c r="GZ925" s="91"/>
      <c r="HA925" s="91"/>
      <c r="HB925" s="91"/>
      <c r="HC925" s="91"/>
      <c r="HD925" s="91"/>
      <c r="HE925" s="91"/>
      <c r="HF925" s="91"/>
      <c r="HG925" s="91"/>
      <c r="HH925" s="91"/>
      <c r="HI925" s="91"/>
      <c r="HJ925" s="91"/>
      <c r="HK925" s="127"/>
      <c r="HL925" s="126"/>
      <c r="HM925" s="91"/>
      <c r="HN925" s="91"/>
      <c r="HO925" s="91"/>
      <c r="HP925" s="91"/>
      <c r="HQ925" s="91"/>
      <c r="HR925" s="91"/>
      <c r="HS925" s="91"/>
      <c r="HT925" s="91"/>
      <c r="HU925" s="91"/>
      <c r="HV925" s="91"/>
      <c r="HW925" s="91"/>
      <c r="HX925" s="91"/>
      <c r="HY925" s="91"/>
      <c r="HZ925" s="91"/>
      <c r="IA925" s="91"/>
      <c r="IB925" s="91"/>
      <c r="IC925" s="91"/>
      <c r="ID925" s="91"/>
      <c r="IE925" s="91"/>
      <c r="IF925" s="91"/>
      <c r="IG925" s="91"/>
      <c r="IH925" s="91"/>
      <c r="II925" s="91"/>
      <c r="IJ925" s="91"/>
      <c r="IK925" s="127"/>
    </row>
    <row r="926" spans="2:245" x14ac:dyDescent="0.2">
      <c r="B926" s="43"/>
      <c r="C926" s="73"/>
      <c r="D926" s="64"/>
      <c r="E926" s="64"/>
      <c r="F926" s="55"/>
      <c r="G926" s="102"/>
      <c r="H926" s="55"/>
      <c r="I926" s="55"/>
      <c r="J926" s="55"/>
      <c r="K926" s="55"/>
      <c r="L926" s="55"/>
      <c r="M926" s="55"/>
      <c r="N926" s="55"/>
      <c r="O926" s="55"/>
      <c r="P926" s="55"/>
      <c r="Q926" s="55"/>
      <c r="R926" s="55"/>
      <c r="S926" s="55"/>
      <c r="T926" s="55"/>
      <c r="U926" s="55"/>
      <c r="V926" s="55"/>
      <c r="W926" s="55"/>
      <c r="X926" s="55"/>
      <c r="Y926" s="55"/>
      <c r="Z926" s="55"/>
      <c r="AA926" s="55"/>
      <c r="AB926" s="55"/>
      <c r="AC926" s="55"/>
      <c r="AD926" s="55"/>
      <c r="AE926" s="55"/>
      <c r="AF926" s="55"/>
      <c r="AG926" s="55"/>
      <c r="AY926" s="162"/>
      <c r="AZ926" s="162"/>
      <c r="BA926" s="162"/>
      <c r="BB926" s="162"/>
      <c r="BC926" s="162"/>
      <c r="BD926" s="162"/>
      <c r="BE926" s="162"/>
      <c r="BF926" s="162"/>
      <c r="BG926" s="162"/>
      <c r="BH926" s="162"/>
      <c r="BI926" s="162"/>
      <c r="BJ926" s="162"/>
      <c r="BK926" s="162"/>
      <c r="BL926" s="162"/>
      <c r="BM926" s="162"/>
      <c r="BN926" s="162"/>
      <c r="BO926" s="162"/>
      <c r="BP926" s="162"/>
      <c r="BQ926" s="162"/>
      <c r="BR926" s="162"/>
      <c r="BS926" s="162"/>
      <c r="BT926" s="162"/>
      <c r="BU926" s="162"/>
      <c r="BV926" s="162"/>
      <c r="BW926" s="162"/>
      <c r="BX926" s="162"/>
      <c r="BY926" s="162"/>
      <c r="BZ926" s="162"/>
      <c r="CA926" s="162"/>
      <c r="CB926" s="162"/>
      <c r="CC926" s="162"/>
      <c r="CD926" s="162"/>
      <c r="CE926" s="162"/>
      <c r="CF926" s="162"/>
      <c r="CG926" s="162"/>
      <c r="CH926" s="162"/>
      <c r="CI926" s="162"/>
      <c r="CJ926" s="162"/>
      <c r="CK926" s="162"/>
      <c r="CX926" s="98"/>
      <c r="DL926" s="97"/>
      <c r="DX926" s="98"/>
      <c r="EL926" s="97"/>
      <c r="EX926" s="98"/>
      <c r="EY926" s="97"/>
      <c r="FL926" s="126"/>
      <c r="FM926" s="91"/>
      <c r="FN926" s="91"/>
      <c r="FO926" s="91"/>
      <c r="FP926" s="91"/>
      <c r="FQ926" s="91"/>
      <c r="FR926" s="91"/>
      <c r="FS926" s="91"/>
      <c r="FT926" s="91"/>
      <c r="FU926" s="91"/>
      <c r="FV926" s="91"/>
      <c r="FW926" s="91"/>
      <c r="FX926" s="91"/>
      <c r="FY926" s="91"/>
      <c r="FZ926" s="91"/>
      <c r="GA926" s="91"/>
      <c r="GB926" s="91"/>
      <c r="GC926" s="91"/>
      <c r="GD926" s="91"/>
      <c r="GE926" s="91"/>
      <c r="GF926" s="91"/>
      <c r="GG926" s="91"/>
      <c r="GH926" s="91"/>
      <c r="GI926" s="91"/>
      <c r="GJ926" s="91"/>
      <c r="GK926" s="127"/>
      <c r="GL926" s="126"/>
      <c r="GM926" s="91"/>
      <c r="GN926" s="91"/>
      <c r="GO926" s="91"/>
      <c r="GP926" s="91"/>
      <c r="GQ926" s="91"/>
      <c r="GR926" s="91"/>
      <c r="GS926" s="91"/>
      <c r="GT926" s="91"/>
      <c r="GU926" s="91"/>
      <c r="GV926" s="91"/>
      <c r="GW926" s="91"/>
      <c r="GX926" s="91"/>
      <c r="GY926" s="91"/>
      <c r="GZ926" s="91"/>
      <c r="HA926" s="91"/>
      <c r="HB926" s="91"/>
      <c r="HC926" s="91"/>
      <c r="HD926" s="91"/>
      <c r="HE926" s="91"/>
      <c r="HF926" s="91"/>
      <c r="HG926" s="91"/>
      <c r="HH926" s="91"/>
      <c r="HI926" s="91"/>
      <c r="HJ926" s="91"/>
      <c r="HK926" s="127"/>
      <c r="HL926" s="126"/>
      <c r="HM926" s="91"/>
      <c r="HN926" s="91"/>
      <c r="HO926" s="91"/>
      <c r="HP926" s="91"/>
      <c r="HQ926" s="91"/>
      <c r="HR926" s="91"/>
      <c r="HS926" s="91"/>
      <c r="HT926" s="91"/>
      <c r="HU926" s="91"/>
      <c r="HV926" s="91"/>
      <c r="HW926" s="91"/>
      <c r="HX926" s="91"/>
      <c r="HY926" s="91"/>
      <c r="HZ926" s="91"/>
      <c r="IA926" s="91"/>
      <c r="IB926" s="91"/>
      <c r="IC926" s="91"/>
      <c r="ID926" s="91"/>
      <c r="IE926" s="91"/>
      <c r="IF926" s="91"/>
      <c r="IG926" s="91"/>
      <c r="IH926" s="91"/>
      <c r="II926" s="91"/>
      <c r="IJ926" s="91"/>
      <c r="IK926" s="127"/>
    </row>
    <row r="927" spans="2:245" x14ac:dyDescent="0.2">
      <c r="B927" s="43"/>
      <c r="C927" s="73"/>
      <c r="D927" s="64"/>
      <c r="E927" s="64"/>
      <c r="F927" s="55"/>
      <c r="G927" s="102"/>
      <c r="H927" s="55"/>
      <c r="I927" s="55"/>
      <c r="J927" s="55"/>
      <c r="K927" s="55"/>
      <c r="L927" s="55"/>
      <c r="M927" s="55"/>
      <c r="N927" s="55"/>
      <c r="O927" s="55"/>
      <c r="P927" s="55"/>
      <c r="Q927" s="55"/>
      <c r="R927" s="55"/>
      <c r="S927" s="55"/>
      <c r="T927" s="55"/>
      <c r="U927" s="55"/>
      <c r="V927" s="55"/>
      <c r="W927" s="55"/>
      <c r="X927" s="55"/>
      <c r="Y927" s="55"/>
      <c r="Z927" s="55"/>
      <c r="AA927" s="55"/>
      <c r="AB927" s="55"/>
      <c r="AC927" s="55"/>
      <c r="AD927" s="55"/>
      <c r="AE927" s="55"/>
      <c r="AF927" s="55"/>
      <c r="AG927" s="55"/>
      <c r="AY927" s="162"/>
      <c r="AZ927" s="162"/>
      <c r="BA927" s="162"/>
      <c r="BB927" s="162"/>
      <c r="BC927" s="162"/>
      <c r="BD927" s="162"/>
      <c r="BE927" s="162"/>
      <c r="BF927" s="162"/>
      <c r="BG927" s="162"/>
      <c r="BH927" s="162"/>
      <c r="BI927" s="162"/>
      <c r="BJ927" s="162"/>
      <c r="BK927" s="162"/>
      <c r="BL927" s="162"/>
      <c r="BM927" s="162"/>
      <c r="BN927" s="162"/>
      <c r="BO927" s="162"/>
      <c r="BP927" s="162"/>
      <c r="BQ927" s="162"/>
      <c r="BR927" s="162"/>
      <c r="BS927" s="162"/>
      <c r="BT927" s="162"/>
      <c r="BU927" s="162"/>
      <c r="BV927" s="162"/>
      <c r="BW927" s="162"/>
      <c r="BX927" s="162"/>
      <c r="BY927" s="162"/>
      <c r="BZ927" s="162"/>
      <c r="CA927" s="162"/>
      <c r="CB927" s="162"/>
      <c r="CC927" s="162"/>
      <c r="CD927" s="162"/>
      <c r="CE927" s="162"/>
      <c r="CF927" s="162"/>
      <c r="CG927" s="162"/>
      <c r="CH927" s="162"/>
      <c r="CI927" s="162"/>
      <c r="CJ927" s="162"/>
      <c r="CK927" s="162"/>
      <c r="CX927" s="98"/>
      <c r="DL927" s="97"/>
      <c r="DX927" s="98"/>
      <c r="EL927" s="97"/>
      <c r="EX927" s="98"/>
      <c r="EY927" s="97"/>
      <c r="FL927" s="126"/>
      <c r="FM927" s="91"/>
      <c r="FN927" s="91"/>
      <c r="FO927" s="91"/>
      <c r="FP927" s="91"/>
      <c r="FQ927" s="91"/>
      <c r="FR927" s="91"/>
      <c r="FS927" s="91"/>
      <c r="FT927" s="91"/>
      <c r="FU927" s="91"/>
      <c r="FV927" s="91"/>
      <c r="FW927" s="91"/>
      <c r="FX927" s="91"/>
      <c r="FY927" s="91"/>
      <c r="FZ927" s="91"/>
      <c r="GA927" s="91"/>
      <c r="GB927" s="91"/>
      <c r="GC927" s="91"/>
      <c r="GD927" s="91"/>
      <c r="GE927" s="91"/>
      <c r="GF927" s="91"/>
      <c r="GG927" s="91"/>
      <c r="GH927" s="91"/>
      <c r="GI927" s="91"/>
      <c r="GJ927" s="91"/>
      <c r="GK927" s="127"/>
      <c r="GL927" s="126"/>
      <c r="GM927" s="91"/>
      <c r="GN927" s="91"/>
      <c r="GO927" s="91"/>
      <c r="GP927" s="91"/>
      <c r="GQ927" s="91"/>
      <c r="GR927" s="91"/>
      <c r="GS927" s="91"/>
      <c r="GT927" s="91"/>
      <c r="GU927" s="91"/>
      <c r="GV927" s="91"/>
      <c r="GW927" s="91"/>
      <c r="GX927" s="91"/>
      <c r="GY927" s="91"/>
      <c r="GZ927" s="91"/>
      <c r="HA927" s="91"/>
      <c r="HB927" s="91"/>
      <c r="HC927" s="91"/>
      <c r="HD927" s="91"/>
      <c r="HE927" s="91"/>
      <c r="HF927" s="91"/>
      <c r="HG927" s="91"/>
      <c r="HH927" s="91"/>
      <c r="HI927" s="91"/>
      <c r="HJ927" s="91"/>
      <c r="HK927" s="127"/>
      <c r="HL927" s="126"/>
      <c r="HM927" s="91"/>
      <c r="HN927" s="91"/>
      <c r="HO927" s="91"/>
      <c r="HP927" s="91"/>
      <c r="HQ927" s="91"/>
      <c r="HR927" s="91"/>
      <c r="HS927" s="91"/>
      <c r="HT927" s="91"/>
      <c r="HU927" s="91"/>
      <c r="HV927" s="91"/>
      <c r="HW927" s="91"/>
      <c r="HX927" s="91"/>
      <c r="HY927" s="91"/>
      <c r="HZ927" s="91"/>
      <c r="IA927" s="91"/>
      <c r="IB927" s="91"/>
      <c r="IC927" s="91"/>
      <c r="ID927" s="91"/>
      <c r="IE927" s="91"/>
      <c r="IF927" s="91"/>
      <c r="IG927" s="91"/>
      <c r="IH927" s="91"/>
      <c r="II927" s="91"/>
      <c r="IJ927" s="91"/>
      <c r="IK927" s="127"/>
    </row>
    <row r="928" spans="2:245" x14ac:dyDescent="0.2">
      <c r="B928" s="43"/>
      <c r="C928" s="73"/>
      <c r="D928" s="64"/>
      <c r="E928" s="64"/>
      <c r="F928" s="55"/>
      <c r="G928" s="102"/>
      <c r="H928" s="55"/>
      <c r="I928" s="55"/>
      <c r="J928" s="55"/>
      <c r="K928" s="55"/>
      <c r="L928" s="55"/>
      <c r="M928" s="55"/>
      <c r="N928" s="55"/>
      <c r="O928" s="55"/>
      <c r="P928" s="55"/>
      <c r="Q928" s="55"/>
      <c r="R928" s="55"/>
      <c r="S928" s="55"/>
      <c r="T928" s="55"/>
      <c r="U928" s="55"/>
      <c r="V928" s="55"/>
      <c r="W928" s="55"/>
      <c r="X928" s="55"/>
      <c r="Y928" s="55"/>
      <c r="Z928" s="55"/>
      <c r="AA928" s="55"/>
      <c r="AB928" s="55"/>
      <c r="AC928" s="55"/>
      <c r="AD928" s="55"/>
      <c r="AE928" s="55"/>
      <c r="AF928" s="55"/>
      <c r="AG928" s="55"/>
      <c r="AY928" s="162"/>
      <c r="AZ928" s="162"/>
      <c r="BA928" s="162"/>
      <c r="BB928" s="162"/>
      <c r="BC928" s="162"/>
      <c r="BD928" s="162"/>
      <c r="BE928" s="162"/>
      <c r="BF928" s="162"/>
      <c r="BG928" s="162"/>
      <c r="BH928" s="162"/>
      <c r="BI928" s="162"/>
      <c r="BJ928" s="162"/>
      <c r="BK928" s="162"/>
      <c r="BL928" s="162"/>
      <c r="BM928" s="162"/>
      <c r="BN928" s="162"/>
      <c r="BO928" s="162"/>
      <c r="BP928" s="162"/>
      <c r="BQ928" s="162"/>
      <c r="BR928" s="162"/>
      <c r="BS928" s="162"/>
      <c r="BT928" s="162"/>
      <c r="BU928" s="162"/>
      <c r="BV928" s="162"/>
      <c r="BW928" s="162"/>
      <c r="BX928" s="162"/>
      <c r="BY928" s="162"/>
      <c r="BZ928" s="162"/>
      <c r="CA928" s="162"/>
      <c r="CB928" s="162"/>
      <c r="CC928" s="162"/>
      <c r="CD928" s="162"/>
      <c r="CE928" s="162"/>
      <c r="CF928" s="162"/>
      <c r="CG928" s="162"/>
      <c r="CH928" s="162"/>
      <c r="CI928" s="162"/>
      <c r="CJ928" s="162"/>
      <c r="CK928" s="162"/>
      <c r="CX928" s="98"/>
      <c r="DL928" s="97"/>
      <c r="DX928" s="98"/>
      <c r="EL928" s="97"/>
      <c r="EX928" s="98"/>
      <c r="EY928" s="97"/>
      <c r="FL928" s="126"/>
      <c r="FM928" s="91"/>
      <c r="FN928" s="91"/>
      <c r="FO928" s="91"/>
      <c r="FP928" s="91"/>
      <c r="FQ928" s="91"/>
      <c r="FR928" s="91"/>
      <c r="FS928" s="91"/>
      <c r="FT928" s="91"/>
      <c r="FU928" s="91"/>
      <c r="FV928" s="91"/>
      <c r="FW928" s="91"/>
      <c r="FX928" s="91"/>
      <c r="FY928" s="91"/>
      <c r="FZ928" s="91"/>
      <c r="GA928" s="91"/>
      <c r="GB928" s="91"/>
      <c r="GC928" s="91"/>
      <c r="GD928" s="91"/>
      <c r="GE928" s="91"/>
      <c r="GF928" s="91"/>
      <c r="GG928" s="91"/>
      <c r="GH928" s="91"/>
      <c r="GI928" s="91"/>
      <c r="GJ928" s="91"/>
      <c r="GK928" s="127"/>
      <c r="GL928" s="126"/>
      <c r="GM928" s="91"/>
      <c r="GN928" s="91"/>
      <c r="GO928" s="91"/>
      <c r="GP928" s="91"/>
      <c r="GQ928" s="91"/>
      <c r="GR928" s="91"/>
      <c r="GS928" s="91"/>
      <c r="GT928" s="91"/>
      <c r="GU928" s="91"/>
      <c r="GV928" s="91"/>
      <c r="GW928" s="91"/>
      <c r="GX928" s="91"/>
      <c r="GY928" s="91"/>
      <c r="GZ928" s="91"/>
      <c r="HA928" s="91"/>
      <c r="HB928" s="91"/>
      <c r="HC928" s="91"/>
      <c r="HD928" s="91"/>
      <c r="HE928" s="91"/>
      <c r="HF928" s="91"/>
      <c r="HG928" s="91"/>
      <c r="HH928" s="91"/>
      <c r="HI928" s="91"/>
      <c r="HJ928" s="91"/>
      <c r="HK928" s="127"/>
      <c r="HL928" s="126"/>
      <c r="HM928" s="91"/>
      <c r="HN928" s="91"/>
      <c r="HO928" s="91"/>
      <c r="HP928" s="91"/>
      <c r="HQ928" s="91"/>
      <c r="HR928" s="91"/>
      <c r="HS928" s="91"/>
      <c r="HT928" s="91"/>
      <c r="HU928" s="91"/>
      <c r="HV928" s="91"/>
      <c r="HW928" s="91"/>
      <c r="HX928" s="91"/>
      <c r="HY928" s="91"/>
      <c r="HZ928" s="91"/>
      <c r="IA928" s="91"/>
      <c r="IB928" s="91"/>
      <c r="IC928" s="91"/>
      <c r="ID928" s="91"/>
      <c r="IE928" s="91"/>
      <c r="IF928" s="91"/>
      <c r="IG928" s="91"/>
      <c r="IH928" s="91"/>
      <c r="II928" s="91"/>
      <c r="IJ928" s="91"/>
      <c r="IK928" s="127"/>
    </row>
    <row r="929" spans="2:245" x14ac:dyDescent="0.2">
      <c r="B929" s="43"/>
      <c r="C929" s="73"/>
      <c r="D929" s="64"/>
      <c r="E929" s="64"/>
      <c r="F929" s="55"/>
      <c r="G929" s="102"/>
      <c r="H929" s="55"/>
      <c r="I929" s="55"/>
      <c r="J929" s="55"/>
      <c r="K929" s="55"/>
      <c r="L929" s="55"/>
      <c r="M929" s="55"/>
      <c r="N929" s="55"/>
      <c r="O929" s="55"/>
      <c r="P929" s="55"/>
      <c r="Q929" s="55"/>
      <c r="R929" s="55"/>
      <c r="S929" s="55"/>
      <c r="T929" s="55"/>
      <c r="U929" s="55"/>
      <c r="V929" s="55"/>
      <c r="W929" s="55"/>
      <c r="X929" s="55"/>
      <c r="Y929" s="55"/>
      <c r="Z929" s="55"/>
      <c r="AA929" s="55"/>
      <c r="AB929" s="55"/>
      <c r="AC929" s="55"/>
      <c r="AD929" s="55"/>
      <c r="AE929" s="55"/>
      <c r="AF929" s="55"/>
      <c r="AG929" s="55"/>
      <c r="AY929" s="162"/>
      <c r="AZ929" s="162"/>
      <c r="BA929" s="162"/>
      <c r="BB929" s="162"/>
      <c r="BC929" s="162"/>
      <c r="BD929" s="162"/>
      <c r="BE929" s="162"/>
      <c r="BF929" s="162"/>
      <c r="BG929" s="162"/>
      <c r="BH929" s="162"/>
      <c r="BI929" s="162"/>
      <c r="BJ929" s="162"/>
      <c r="BK929" s="162"/>
      <c r="BL929" s="162"/>
      <c r="BM929" s="162"/>
      <c r="BN929" s="162"/>
      <c r="BO929" s="162"/>
      <c r="BP929" s="162"/>
      <c r="BQ929" s="162"/>
      <c r="BR929" s="162"/>
      <c r="BS929" s="162"/>
      <c r="BT929" s="162"/>
      <c r="BU929" s="162"/>
      <c r="BV929" s="162"/>
      <c r="BW929" s="162"/>
      <c r="BX929" s="162"/>
      <c r="BY929" s="162"/>
      <c r="BZ929" s="162"/>
      <c r="CA929" s="162"/>
      <c r="CB929" s="162"/>
      <c r="CC929" s="162"/>
      <c r="CD929" s="162"/>
      <c r="CE929" s="162"/>
      <c r="CF929" s="162"/>
      <c r="CG929" s="162"/>
      <c r="CH929" s="162"/>
      <c r="CI929" s="162"/>
      <c r="CJ929" s="162"/>
      <c r="CK929" s="162"/>
      <c r="CX929" s="98"/>
      <c r="DL929" s="97"/>
      <c r="DX929" s="98"/>
      <c r="EL929" s="97"/>
      <c r="EX929" s="98"/>
      <c r="EY929" s="97"/>
      <c r="FL929" s="126"/>
      <c r="FM929" s="91"/>
      <c r="FN929" s="91"/>
      <c r="FO929" s="91"/>
      <c r="FP929" s="91"/>
      <c r="FQ929" s="91"/>
      <c r="FR929" s="91"/>
      <c r="FS929" s="91"/>
      <c r="FT929" s="91"/>
      <c r="FU929" s="91"/>
      <c r="FV929" s="91"/>
      <c r="FW929" s="91"/>
      <c r="FX929" s="91"/>
      <c r="FY929" s="91"/>
      <c r="FZ929" s="91"/>
      <c r="GA929" s="91"/>
      <c r="GB929" s="91"/>
      <c r="GC929" s="91"/>
      <c r="GD929" s="91"/>
      <c r="GE929" s="91"/>
      <c r="GF929" s="91"/>
      <c r="GG929" s="91"/>
      <c r="GH929" s="91"/>
      <c r="GI929" s="91"/>
      <c r="GJ929" s="91"/>
      <c r="GK929" s="127"/>
      <c r="GL929" s="126"/>
      <c r="GM929" s="91"/>
      <c r="GN929" s="91"/>
      <c r="GO929" s="91"/>
      <c r="GP929" s="91"/>
      <c r="GQ929" s="91"/>
      <c r="GR929" s="91"/>
      <c r="GS929" s="91"/>
      <c r="GT929" s="91"/>
      <c r="GU929" s="91"/>
      <c r="GV929" s="91"/>
      <c r="GW929" s="91"/>
      <c r="GX929" s="91"/>
      <c r="GY929" s="91"/>
      <c r="GZ929" s="91"/>
      <c r="HA929" s="91"/>
      <c r="HB929" s="91"/>
      <c r="HC929" s="91"/>
      <c r="HD929" s="91"/>
      <c r="HE929" s="91"/>
      <c r="HF929" s="91"/>
      <c r="HG929" s="91"/>
      <c r="HH929" s="91"/>
      <c r="HI929" s="91"/>
      <c r="HJ929" s="91"/>
      <c r="HK929" s="127"/>
      <c r="HL929" s="126"/>
      <c r="HM929" s="91"/>
      <c r="HN929" s="91"/>
      <c r="HO929" s="91"/>
      <c r="HP929" s="91"/>
      <c r="HQ929" s="91"/>
      <c r="HR929" s="91"/>
      <c r="HS929" s="91"/>
      <c r="HT929" s="91"/>
      <c r="HU929" s="91"/>
      <c r="HV929" s="91"/>
      <c r="HW929" s="91"/>
      <c r="HX929" s="91"/>
      <c r="HY929" s="91"/>
      <c r="HZ929" s="91"/>
      <c r="IA929" s="91"/>
      <c r="IB929" s="91"/>
      <c r="IC929" s="91"/>
      <c r="ID929" s="91"/>
      <c r="IE929" s="91"/>
      <c r="IF929" s="91"/>
      <c r="IG929" s="91"/>
      <c r="IH929" s="91"/>
      <c r="II929" s="91"/>
      <c r="IJ929" s="91"/>
      <c r="IK929" s="127"/>
    </row>
    <row r="930" spans="2:245" x14ac:dyDescent="0.2">
      <c r="B930" s="43"/>
      <c r="C930" s="73"/>
      <c r="D930" s="64"/>
      <c r="E930" s="64"/>
      <c r="F930" s="55"/>
      <c r="G930" s="102"/>
      <c r="H930" s="55"/>
      <c r="I930" s="55"/>
      <c r="J930" s="55"/>
      <c r="K930" s="55"/>
      <c r="L930" s="55"/>
      <c r="M930" s="55"/>
      <c r="N930" s="55"/>
      <c r="O930" s="55"/>
      <c r="P930" s="55"/>
      <c r="Q930" s="55"/>
      <c r="R930" s="55"/>
      <c r="S930" s="55"/>
      <c r="T930" s="55"/>
      <c r="U930" s="55"/>
      <c r="V930" s="55"/>
      <c r="W930" s="55"/>
      <c r="X930" s="55"/>
      <c r="Y930" s="55"/>
      <c r="Z930" s="55"/>
      <c r="AA930" s="55"/>
      <c r="AB930" s="55"/>
      <c r="AC930" s="55"/>
      <c r="AD930" s="55"/>
      <c r="AE930" s="55"/>
      <c r="AF930" s="55"/>
      <c r="AG930" s="55"/>
      <c r="AY930" s="162"/>
      <c r="AZ930" s="162"/>
      <c r="BA930" s="162"/>
      <c r="BB930" s="162"/>
      <c r="BC930" s="162"/>
      <c r="BD930" s="162"/>
      <c r="BE930" s="162"/>
      <c r="BF930" s="162"/>
      <c r="BG930" s="162"/>
      <c r="BH930" s="162"/>
      <c r="BI930" s="162"/>
      <c r="BJ930" s="162"/>
      <c r="BK930" s="162"/>
      <c r="BL930" s="162"/>
      <c r="BM930" s="162"/>
      <c r="BN930" s="162"/>
      <c r="BO930" s="162"/>
      <c r="BP930" s="162"/>
      <c r="BQ930" s="162"/>
      <c r="BR930" s="162"/>
      <c r="BS930" s="162"/>
      <c r="BT930" s="162"/>
      <c r="BU930" s="162"/>
      <c r="BV930" s="162"/>
      <c r="BW930" s="162"/>
      <c r="BX930" s="162"/>
      <c r="BY930" s="162"/>
      <c r="BZ930" s="162"/>
      <c r="CA930" s="162"/>
      <c r="CB930" s="162"/>
      <c r="CC930" s="162"/>
      <c r="CD930" s="162"/>
      <c r="CE930" s="162"/>
      <c r="CF930" s="162"/>
      <c r="CG930" s="162"/>
      <c r="CH930" s="162"/>
      <c r="CI930" s="162"/>
      <c r="CJ930" s="162"/>
      <c r="CK930" s="162"/>
      <c r="CX930" s="98"/>
      <c r="DL930" s="97"/>
      <c r="DX930" s="98"/>
      <c r="EL930" s="97"/>
      <c r="EX930" s="98"/>
      <c r="EY930" s="97"/>
      <c r="FL930" s="126"/>
      <c r="FM930" s="91"/>
      <c r="FN930" s="91"/>
      <c r="FO930" s="91"/>
      <c r="FP930" s="91"/>
      <c r="FQ930" s="91"/>
      <c r="FR930" s="91"/>
      <c r="FS930" s="91"/>
      <c r="FT930" s="91"/>
      <c r="FU930" s="91"/>
      <c r="FV930" s="91"/>
      <c r="FW930" s="91"/>
      <c r="FX930" s="91"/>
      <c r="FY930" s="91"/>
      <c r="FZ930" s="91"/>
      <c r="GA930" s="91"/>
      <c r="GB930" s="91"/>
      <c r="GC930" s="91"/>
      <c r="GD930" s="91"/>
      <c r="GE930" s="91"/>
      <c r="GF930" s="91"/>
      <c r="GG930" s="91"/>
      <c r="GH930" s="91"/>
      <c r="GI930" s="91"/>
      <c r="GJ930" s="91"/>
      <c r="GK930" s="127"/>
      <c r="GL930" s="126"/>
      <c r="GM930" s="91"/>
      <c r="GN930" s="91"/>
      <c r="GO930" s="91"/>
      <c r="GP930" s="91"/>
      <c r="GQ930" s="91"/>
      <c r="GR930" s="91"/>
      <c r="GS930" s="91"/>
      <c r="GT930" s="91"/>
      <c r="GU930" s="91"/>
      <c r="GV930" s="91"/>
      <c r="GW930" s="91"/>
      <c r="GX930" s="91"/>
      <c r="GY930" s="91"/>
      <c r="GZ930" s="91"/>
      <c r="HA930" s="91"/>
      <c r="HB930" s="91"/>
      <c r="HC930" s="91"/>
      <c r="HD930" s="91"/>
      <c r="HE930" s="91"/>
      <c r="HF930" s="91"/>
      <c r="HG930" s="91"/>
      <c r="HH930" s="91"/>
      <c r="HI930" s="91"/>
      <c r="HJ930" s="91"/>
      <c r="HK930" s="127"/>
      <c r="HL930" s="126"/>
      <c r="HM930" s="91"/>
      <c r="HN930" s="91"/>
      <c r="HO930" s="91"/>
      <c r="HP930" s="91"/>
      <c r="HQ930" s="91"/>
      <c r="HR930" s="91"/>
      <c r="HS930" s="91"/>
      <c r="HT930" s="91"/>
      <c r="HU930" s="91"/>
      <c r="HV930" s="91"/>
      <c r="HW930" s="91"/>
      <c r="HX930" s="91"/>
      <c r="HY930" s="91"/>
      <c r="HZ930" s="91"/>
      <c r="IA930" s="91"/>
      <c r="IB930" s="91"/>
      <c r="IC930" s="91"/>
      <c r="ID930" s="91"/>
      <c r="IE930" s="91"/>
      <c r="IF930" s="91"/>
      <c r="IG930" s="91"/>
      <c r="IH930" s="91"/>
      <c r="II930" s="91"/>
      <c r="IJ930" s="91"/>
      <c r="IK930" s="127"/>
    </row>
    <row r="931" spans="2:245" x14ac:dyDescent="0.2">
      <c r="B931" s="43"/>
      <c r="C931" s="73"/>
      <c r="D931" s="64"/>
      <c r="E931" s="64"/>
      <c r="F931" s="55"/>
      <c r="G931" s="102"/>
      <c r="H931" s="55"/>
      <c r="I931" s="55"/>
      <c r="J931" s="55"/>
      <c r="K931" s="55"/>
      <c r="L931" s="55"/>
      <c r="M931" s="55"/>
      <c r="N931" s="55"/>
      <c r="O931" s="55"/>
      <c r="P931" s="55"/>
      <c r="Q931" s="55"/>
      <c r="R931" s="55"/>
      <c r="S931" s="55"/>
      <c r="T931" s="55"/>
      <c r="U931" s="55"/>
      <c r="V931" s="55"/>
      <c r="W931" s="55"/>
      <c r="X931" s="55"/>
      <c r="Y931" s="55"/>
      <c r="Z931" s="55"/>
      <c r="AA931" s="55"/>
      <c r="AB931" s="55"/>
      <c r="AC931" s="55"/>
      <c r="AD931" s="55"/>
      <c r="AE931" s="55"/>
      <c r="AF931" s="55"/>
      <c r="AG931" s="55"/>
      <c r="AY931" s="162"/>
      <c r="AZ931" s="162"/>
      <c r="BA931" s="162"/>
      <c r="BB931" s="162"/>
      <c r="BC931" s="162"/>
      <c r="BD931" s="162"/>
      <c r="BE931" s="162"/>
      <c r="BF931" s="162"/>
      <c r="BG931" s="162"/>
      <c r="BH931" s="162"/>
      <c r="BI931" s="162"/>
      <c r="BJ931" s="162"/>
      <c r="BK931" s="162"/>
      <c r="BL931" s="162"/>
      <c r="BM931" s="162"/>
      <c r="BN931" s="162"/>
      <c r="BO931" s="162"/>
      <c r="BP931" s="162"/>
      <c r="BQ931" s="162"/>
      <c r="BR931" s="162"/>
      <c r="BS931" s="162"/>
      <c r="BT931" s="162"/>
      <c r="BU931" s="162"/>
      <c r="BV931" s="162"/>
      <c r="BW931" s="162"/>
      <c r="BX931" s="162"/>
      <c r="BY931" s="162"/>
      <c r="BZ931" s="162"/>
      <c r="CA931" s="162"/>
      <c r="CB931" s="162"/>
      <c r="CC931" s="162"/>
      <c r="CD931" s="162"/>
      <c r="CE931" s="162"/>
      <c r="CF931" s="162"/>
      <c r="CG931" s="162"/>
      <c r="CH931" s="162"/>
      <c r="CI931" s="162"/>
      <c r="CJ931" s="162"/>
      <c r="CK931" s="162"/>
      <c r="CX931" s="98"/>
      <c r="DL931" s="97"/>
      <c r="DX931" s="98"/>
      <c r="EL931" s="97"/>
      <c r="EX931" s="98"/>
      <c r="EY931" s="97"/>
      <c r="FL931" s="126"/>
      <c r="FM931" s="91"/>
      <c r="FN931" s="91"/>
      <c r="FO931" s="91"/>
      <c r="FP931" s="91"/>
      <c r="FQ931" s="91"/>
      <c r="FR931" s="91"/>
      <c r="FS931" s="91"/>
      <c r="FT931" s="91"/>
      <c r="FU931" s="91"/>
      <c r="FV931" s="91"/>
      <c r="FW931" s="91"/>
      <c r="FX931" s="91"/>
      <c r="FY931" s="91"/>
      <c r="FZ931" s="91"/>
      <c r="GA931" s="91"/>
      <c r="GB931" s="91"/>
      <c r="GC931" s="91"/>
      <c r="GD931" s="91"/>
      <c r="GE931" s="91"/>
      <c r="GF931" s="91"/>
      <c r="GG931" s="91"/>
      <c r="GH931" s="91"/>
      <c r="GI931" s="91"/>
      <c r="GJ931" s="91"/>
      <c r="GK931" s="127"/>
      <c r="GL931" s="126"/>
      <c r="GM931" s="91"/>
      <c r="GN931" s="91"/>
      <c r="GO931" s="91"/>
      <c r="GP931" s="91"/>
      <c r="GQ931" s="91"/>
      <c r="GR931" s="91"/>
      <c r="GS931" s="91"/>
      <c r="GT931" s="91"/>
      <c r="GU931" s="91"/>
      <c r="GV931" s="91"/>
      <c r="GW931" s="91"/>
      <c r="GX931" s="91"/>
      <c r="GY931" s="91"/>
      <c r="GZ931" s="91"/>
      <c r="HA931" s="91"/>
      <c r="HB931" s="91"/>
      <c r="HC931" s="91"/>
      <c r="HD931" s="91"/>
      <c r="HE931" s="91"/>
      <c r="HF931" s="91"/>
      <c r="HG931" s="91"/>
      <c r="HH931" s="91"/>
      <c r="HI931" s="91"/>
      <c r="HJ931" s="91"/>
      <c r="HK931" s="127"/>
      <c r="HL931" s="126"/>
      <c r="HM931" s="91"/>
      <c r="HN931" s="91"/>
      <c r="HO931" s="91"/>
      <c r="HP931" s="91"/>
      <c r="HQ931" s="91"/>
      <c r="HR931" s="91"/>
      <c r="HS931" s="91"/>
      <c r="HT931" s="91"/>
      <c r="HU931" s="91"/>
      <c r="HV931" s="91"/>
      <c r="HW931" s="91"/>
      <c r="HX931" s="91"/>
      <c r="HY931" s="91"/>
      <c r="HZ931" s="91"/>
      <c r="IA931" s="91"/>
      <c r="IB931" s="91"/>
      <c r="IC931" s="91"/>
      <c r="ID931" s="91"/>
      <c r="IE931" s="91"/>
      <c r="IF931" s="91"/>
      <c r="IG931" s="91"/>
      <c r="IH931" s="91"/>
      <c r="II931" s="91"/>
      <c r="IJ931" s="91"/>
      <c r="IK931" s="127"/>
    </row>
    <row r="932" spans="2:245" x14ac:dyDescent="0.2">
      <c r="B932" s="43"/>
      <c r="C932" s="73"/>
      <c r="D932" s="64"/>
      <c r="E932" s="64"/>
      <c r="F932" s="55"/>
      <c r="G932" s="102"/>
      <c r="H932" s="55"/>
      <c r="I932" s="55"/>
      <c r="J932" s="55"/>
      <c r="K932" s="55"/>
      <c r="L932" s="55"/>
      <c r="M932" s="55"/>
      <c r="N932" s="55"/>
      <c r="O932" s="55"/>
      <c r="P932" s="55"/>
      <c r="Q932" s="55"/>
      <c r="R932" s="55"/>
      <c r="S932" s="55"/>
      <c r="T932" s="55"/>
      <c r="U932" s="55"/>
      <c r="V932" s="55"/>
      <c r="W932" s="55"/>
      <c r="X932" s="55"/>
      <c r="Y932" s="55"/>
      <c r="Z932" s="55"/>
      <c r="AA932" s="55"/>
      <c r="AB932" s="55"/>
      <c r="AC932" s="55"/>
      <c r="AD932" s="55"/>
      <c r="AE932" s="55"/>
      <c r="AF932" s="55"/>
      <c r="AG932" s="55"/>
      <c r="AY932" s="162"/>
      <c r="AZ932" s="162"/>
      <c r="BA932" s="162"/>
      <c r="BB932" s="162"/>
      <c r="BC932" s="162"/>
      <c r="BD932" s="162"/>
      <c r="BE932" s="162"/>
      <c r="BF932" s="162"/>
      <c r="BG932" s="162"/>
      <c r="BH932" s="162"/>
      <c r="BI932" s="162"/>
      <c r="BJ932" s="162"/>
      <c r="BK932" s="162"/>
      <c r="BL932" s="162"/>
      <c r="BM932" s="162"/>
      <c r="BN932" s="162"/>
      <c r="BO932" s="162"/>
      <c r="BP932" s="162"/>
      <c r="BQ932" s="162"/>
      <c r="BR932" s="162"/>
      <c r="BS932" s="162"/>
      <c r="BT932" s="162"/>
      <c r="BU932" s="162"/>
      <c r="BV932" s="162"/>
      <c r="BW932" s="162"/>
      <c r="BX932" s="162"/>
      <c r="BY932" s="162"/>
      <c r="BZ932" s="162"/>
      <c r="CA932" s="162"/>
      <c r="CB932" s="162"/>
      <c r="CC932" s="162"/>
      <c r="CD932" s="162"/>
      <c r="CE932" s="162"/>
      <c r="CF932" s="162"/>
      <c r="CG932" s="162"/>
      <c r="CH932" s="162"/>
      <c r="CI932" s="162"/>
      <c r="CJ932" s="162"/>
      <c r="CK932" s="162"/>
      <c r="CX932" s="98"/>
      <c r="DL932" s="97"/>
      <c r="DX932" s="98"/>
      <c r="EL932" s="97"/>
      <c r="EX932" s="98"/>
      <c r="EY932" s="97"/>
      <c r="FL932" s="126"/>
      <c r="FM932" s="91"/>
      <c r="FN932" s="91"/>
      <c r="FO932" s="91"/>
      <c r="FP932" s="91"/>
      <c r="FQ932" s="91"/>
      <c r="FR932" s="91"/>
      <c r="FS932" s="91"/>
      <c r="FT932" s="91"/>
      <c r="FU932" s="91"/>
      <c r="FV932" s="91"/>
      <c r="FW932" s="91"/>
      <c r="FX932" s="91"/>
      <c r="FY932" s="91"/>
      <c r="FZ932" s="91"/>
      <c r="GA932" s="91"/>
      <c r="GB932" s="91"/>
      <c r="GC932" s="91"/>
      <c r="GD932" s="91"/>
      <c r="GE932" s="91"/>
      <c r="GF932" s="91"/>
      <c r="GG932" s="91"/>
      <c r="GH932" s="91"/>
      <c r="GI932" s="91"/>
      <c r="GJ932" s="91"/>
      <c r="GK932" s="127"/>
      <c r="GL932" s="126"/>
      <c r="GM932" s="91"/>
      <c r="GN932" s="91"/>
      <c r="GO932" s="91"/>
      <c r="GP932" s="91"/>
      <c r="GQ932" s="91"/>
      <c r="GR932" s="91"/>
      <c r="GS932" s="91"/>
      <c r="GT932" s="91"/>
      <c r="GU932" s="91"/>
      <c r="GV932" s="91"/>
      <c r="GW932" s="91"/>
      <c r="GX932" s="91"/>
      <c r="GY932" s="91"/>
      <c r="GZ932" s="91"/>
      <c r="HA932" s="91"/>
      <c r="HB932" s="91"/>
      <c r="HC932" s="91"/>
      <c r="HD932" s="91"/>
      <c r="HE932" s="91"/>
      <c r="HF932" s="91"/>
      <c r="HG932" s="91"/>
      <c r="HH932" s="91"/>
      <c r="HI932" s="91"/>
      <c r="HJ932" s="91"/>
      <c r="HK932" s="127"/>
      <c r="HL932" s="126"/>
      <c r="HM932" s="91"/>
      <c r="HN932" s="91"/>
      <c r="HO932" s="91"/>
      <c r="HP932" s="91"/>
      <c r="HQ932" s="91"/>
      <c r="HR932" s="91"/>
      <c r="HS932" s="91"/>
      <c r="HT932" s="91"/>
      <c r="HU932" s="91"/>
      <c r="HV932" s="91"/>
      <c r="HW932" s="91"/>
      <c r="HX932" s="91"/>
      <c r="HY932" s="91"/>
      <c r="HZ932" s="91"/>
      <c r="IA932" s="91"/>
      <c r="IB932" s="91"/>
      <c r="IC932" s="91"/>
      <c r="ID932" s="91"/>
      <c r="IE932" s="91"/>
      <c r="IF932" s="91"/>
      <c r="IG932" s="91"/>
      <c r="IH932" s="91"/>
      <c r="II932" s="91"/>
      <c r="IJ932" s="91"/>
      <c r="IK932" s="127"/>
    </row>
    <row r="933" spans="2:245" x14ac:dyDescent="0.2">
      <c r="B933" s="43"/>
      <c r="C933" s="73"/>
      <c r="D933" s="64"/>
      <c r="E933" s="64"/>
      <c r="F933" s="55"/>
      <c r="G933" s="102"/>
      <c r="H933" s="55"/>
      <c r="I933" s="55"/>
      <c r="J933" s="55"/>
      <c r="K933" s="55"/>
      <c r="L933" s="55"/>
      <c r="M933" s="55"/>
      <c r="N933" s="55"/>
      <c r="O933" s="55"/>
      <c r="P933" s="55"/>
      <c r="Q933" s="55"/>
      <c r="R933" s="55"/>
      <c r="S933" s="55"/>
      <c r="T933" s="55"/>
      <c r="U933" s="55"/>
      <c r="V933" s="55"/>
      <c r="W933" s="55"/>
      <c r="X933" s="55"/>
      <c r="Y933" s="55"/>
      <c r="Z933" s="55"/>
      <c r="AA933" s="55"/>
      <c r="AB933" s="55"/>
      <c r="AC933" s="55"/>
      <c r="AD933" s="55"/>
      <c r="AE933" s="55"/>
      <c r="AF933" s="55"/>
      <c r="AG933" s="55"/>
      <c r="AY933" s="162"/>
      <c r="AZ933" s="162"/>
      <c r="BA933" s="162"/>
      <c r="BB933" s="162"/>
      <c r="BC933" s="162"/>
      <c r="BD933" s="162"/>
      <c r="BE933" s="162"/>
      <c r="BF933" s="162"/>
      <c r="BG933" s="162"/>
      <c r="BH933" s="162"/>
      <c r="BI933" s="162"/>
      <c r="BJ933" s="162"/>
      <c r="BK933" s="162"/>
      <c r="BL933" s="162"/>
      <c r="BM933" s="162"/>
      <c r="BN933" s="162"/>
      <c r="BO933" s="162"/>
      <c r="BP933" s="162"/>
      <c r="BQ933" s="162"/>
      <c r="BR933" s="162"/>
      <c r="BS933" s="162"/>
      <c r="BT933" s="162"/>
      <c r="BU933" s="162"/>
      <c r="BV933" s="162"/>
      <c r="BW933" s="162"/>
      <c r="BX933" s="162"/>
      <c r="BY933" s="162"/>
      <c r="BZ933" s="162"/>
      <c r="CA933" s="162"/>
      <c r="CB933" s="162"/>
      <c r="CC933" s="162"/>
      <c r="CD933" s="162"/>
      <c r="CE933" s="162"/>
      <c r="CF933" s="162"/>
      <c r="CG933" s="162"/>
      <c r="CH933" s="162"/>
      <c r="CI933" s="162"/>
      <c r="CJ933" s="162"/>
      <c r="CK933" s="162"/>
      <c r="CX933" s="98"/>
      <c r="DL933" s="97"/>
      <c r="DX933" s="98"/>
      <c r="EL933" s="97"/>
      <c r="EX933" s="98"/>
      <c r="EY933" s="97"/>
      <c r="FL933" s="126"/>
      <c r="FM933" s="91"/>
      <c r="FN933" s="91"/>
      <c r="FO933" s="91"/>
      <c r="FP933" s="91"/>
      <c r="FQ933" s="91"/>
      <c r="FR933" s="91"/>
      <c r="FS933" s="91"/>
      <c r="FT933" s="91"/>
      <c r="FU933" s="91"/>
      <c r="FV933" s="91"/>
      <c r="FW933" s="91"/>
      <c r="FX933" s="91"/>
      <c r="FY933" s="91"/>
      <c r="FZ933" s="91"/>
      <c r="GA933" s="91"/>
      <c r="GB933" s="91"/>
      <c r="GC933" s="91"/>
      <c r="GD933" s="91"/>
      <c r="GE933" s="91"/>
      <c r="GF933" s="91"/>
      <c r="GG933" s="91"/>
      <c r="GH933" s="91"/>
      <c r="GI933" s="91"/>
      <c r="GJ933" s="91"/>
      <c r="GK933" s="127"/>
      <c r="GL933" s="126"/>
      <c r="GM933" s="91"/>
      <c r="GN933" s="91"/>
      <c r="GO933" s="91"/>
      <c r="GP933" s="91"/>
      <c r="GQ933" s="91"/>
      <c r="GR933" s="91"/>
      <c r="GS933" s="91"/>
      <c r="GT933" s="91"/>
      <c r="GU933" s="91"/>
      <c r="GV933" s="91"/>
      <c r="GW933" s="91"/>
      <c r="GX933" s="91"/>
      <c r="GY933" s="91"/>
      <c r="GZ933" s="91"/>
      <c r="HA933" s="91"/>
      <c r="HB933" s="91"/>
      <c r="HC933" s="91"/>
      <c r="HD933" s="91"/>
      <c r="HE933" s="91"/>
      <c r="HF933" s="91"/>
      <c r="HG933" s="91"/>
      <c r="HH933" s="91"/>
      <c r="HI933" s="91"/>
      <c r="HJ933" s="91"/>
      <c r="HK933" s="127"/>
      <c r="HL933" s="126"/>
      <c r="HM933" s="91"/>
      <c r="HN933" s="91"/>
      <c r="HO933" s="91"/>
      <c r="HP933" s="91"/>
      <c r="HQ933" s="91"/>
      <c r="HR933" s="91"/>
      <c r="HS933" s="91"/>
      <c r="HT933" s="91"/>
      <c r="HU933" s="91"/>
      <c r="HV933" s="91"/>
      <c r="HW933" s="91"/>
      <c r="HX933" s="91"/>
      <c r="HY933" s="91"/>
      <c r="HZ933" s="91"/>
      <c r="IA933" s="91"/>
      <c r="IB933" s="91"/>
      <c r="IC933" s="91"/>
      <c r="ID933" s="91"/>
      <c r="IE933" s="91"/>
      <c r="IF933" s="91"/>
      <c r="IG933" s="91"/>
      <c r="IH933" s="91"/>
      <c r="II933" s="91"/>
      <c r="IJ933" s="91"/>
      <c r="IK933" s="127"/>
    </row>
    <row r="934" spans="2:245" x14ac:dyDescent="0.2">
      <c r="B934" s="43"/>
      <c r="C934" s="73"/>
      <c r="D934" s="64"/>
      <c r="E934" s="64"/>
      <c r="F934" s="55"/>
      <c r="G934" s="102"/>
      <c r="H934" s="55"/>
      <c r="I934" s="55"/>
      <c r="J934" s="55"/>
      <c r="K934" s="55"/>
      <c r="L934" s="55"/>
      <c r="M934" s="55"/>
      <c r="N934" s="55"/>
      <c r="O934" s="55"/>
      <c r="P934" s="55"/>
      <c r="Q934" s="55"/>
      <c r="R934" s="55"/>
      <c r="S934" s="55"/>
      <c r="T934" s="55"/>
      <c r="U934" s="55"/>
      <c r="V934" s="55"/>
      <c r="W934" s="55"/>
      <c r="X934" s="55"/>
      <c r="Y934" s="55"/>
      <c r="Z934" s="55"/>
      <c r="AA934" s="55"/>
      <c r="AB934" s="55"/>
      <c r="AC934" s="55"/>
      <c r="AD934" s="55"/>
      <c r="AE934" s="55"/>
      <c r="AF934" s="55"/>
      <c r="AG934" s="55"/>
      <c r="AY934" s="162"/>
      <c r="AZ934" s="162"/>
      <c r="BA934" s="162"/>
      <c r="BB934" s="162"/>
      <c r="BC934" s="162"/>
      <c r="BD934" s="162"/>
      <c r="BE934" s="162"/>
      <c r="BF934" s="162"/>
      <c r="BG934" s="162"/>
      <c r="BH934" s="162"/>
      <c r="BI934" s="162"/>
      <c r="BJ934" s="162"/>
      <c r="BK934" s="162"/>
      <c r="BL934" s="162"/>
      <c r="BM934" s="162"/>
      <c r="BN934" s="162"/>
      <c r="BO934" s="162"/>
      <c r="BP934" s="162"/>
      <c r="BQ934" s="162"/>
      <c r="BR934" s="162"/>
      <c r="BS934" s="162"/>
      <c r="BT934" s="162"/>
      <c r="BU934" s="162"/>
      <c r="BV934" s="162"/>
      <c r="BW934" s="162"/>
      <c r="BX934" s="162"/>
      <c r="BY934" s="162"/>
      <c r="BZ934" s="162"/>
      <c r="CA934" s="162"/>
      <c r="CB934" s="162"/>
      <c r="CC934" s="162"/>
      <c r="CD934" s="162"/>
      <c r="CE934" s="162"/>
      <c r="CF934" s="162"/>
      <c r="CG934" s="162"/>
      <c r="CH934" s="162"/>
      <c r="CI934" s="162"/>
      <c r="CJ934" s="162"/>
      <c r="CK934" s="162"/>
      <c r="CX934" s="98"/>
      <c r="DL934" s="97"/>
      <c r="DX934" s="98"/>
      <c r="EL934" s="97"/>
      <c r="EX934" s="98"/>
      <c r="EY934" s="97"/>
      <c r="FL934" s="126"/>
      <c r="FM934" s="91"/>
      <c r="FN934" s="91"/>
      <c r="FO934" s="91"/>
      <c r="FP934" s="91"/>
      <c r="FQ934" s="91"/>
      <c r="FR934" s="91"/>
      <c r="FS934" s="91"/>
      <c r="FT934" s="91"/>
      <c r="FU934" s="91"/>
      <c r="FV934" s="91"/>
      <c r="FW934" s="91"/>
      <c r="FX934" s="91"/>
      <c r="FY934" s="91"/>
      <c r="FZ934" s="91"/>
      <c r="GA934" s="91"/>
      <c r="GB934" s="91"/>
      <c r="GC934" s="91"/>
      <c r="GD934" s="91"/>
      <c r="GE934" s="91"/>
      <c r="GF934" s="91"/>
      <c r="GG934" s="91"/>
      <c r="GH934" s="91"/>
      <c r="GI934" s="91"/>
      <c r="GJ934" s="91"/>
      <c r="GK934" s="127"/>
      <c r="GL934" s="126"/>
      <c r="GM934" s="91"/>
      <c r="GN934" s="91"/>
      <c r="GO934" s="91"/>
      <c r="GP934" s="91"/>
      <c r="GQ934" s="91"/>
      <c r="GR934" s="91"/>
      <c r="GS934" s="91"/>
      <c r="GT934" s="91"/>
      <c r="GU934" s="91"/>
      <c r="GV934" s="91"/>
      <c r="GW934" s="91"/>
      <c r="GX934" s="91"/>
      <c r="GY934" s="91"/>
      <c r="GZ934" s="91"/>
      <c r="HA934" s="91"/>
      <c r="HB934" s="91"/>
      <c r="HC934" s="91"/>
      <c r="HD934" s="91"/>
      <c r="HE934" s="91"/>
      <c r="HF934" s="91"/>
      <c r="HG934" s="91"/>
      <c r="HH934" s="91"/>
      <c r="HI934" s="91"/>
      <c r="HJ934" s="91"/>
      <c r="HK934" s="127"/>
      <c r="HL934" s="126"/>
      <c r="HM934" s="91"/>
      <c r="HN934" s="91"/>
      <c r="HO934" s="91"/>
      <c r="HP934" s="91"/>
      <c r="HQ934" s="91"/>
      <c r="HR934" s="91"/>
      <c r="HS934" s="91"/>
      <c r="HT934" s="91"/>
      <c r="HU934" s="91"/>
      <c r="HV934" s="91"/>
      <c r="HW934" s="91"/>
      <c r="HX934" s="91"/>
      <c r="HY934" s="91"/>
      <c r="HZ934" s="91"/>
      <c r="IA934" s="91"/>
      <c r="IB934" s="91"/>
      <c r="IC934" s="91"/>
      <c r="ID934" s="91"/>
      <c r="IE934" s="91"/>
      <c r="IF934" s="91"/>
      <c r="IG934" s="91"/>
      <c r="IH934" s="91"/>
      <c r="II934" s="91"/>
      <c r="IJ934" s="91"/>
      <c r="IK934" s="127"/>
    </row>
    <row r="935" spans="2:245" x14ac:dyDescent="0.2">
      <c r="B935" s="43"/>
      <c r="C935" s="73"/>
      <c r="D935" s="64"/>
      <c r="E935" s="64"/>
      <c r="F935" s="55"/>
      <c r="G935" s="102"/>
      <c r="H935" s="55"/>
      <c r="I935" s="55"/>
      <c r="J935" s="55"/>
      <c r="K935" s="55"/>
      <c r="L935" s="55"/>
      <c r="M935" s="55"/>
      <c r="N935" s="55"/>
      <c r="O935" s="55"/>
      <c r="P935" s="55"/>
      <c r="Q935" s="55"/>
      <c r="R935" s="55"/>
      <c r="S935" s="55"/>
      <c r="T935" s="55"/>
      <c r="U935" s="55"/>
      <c r="V935" s="55"/>
      <c r="W935" s="55"/>
      <c r="X935" s="55"/>
      <c r="Y935" s="55"/>
      <c r="Z935" s="55"/>
      <c r="AA935" s="55"/>
      <c r="AB935" s="55"/>
      <c r="AC935" s="55"/>
      <c r="AD935" s="55"/>
      <c r="AE935" s="55"/>
      <c r="AF935" s="55"/>
      <c r="AG935" s="55"/>
      <c r="AY935" s="162"/>
      <c r="AZ935" s="162"/>
      <c r="BA935" s="162"/>
      <c r="BB935" s="162"/>
      <c r="BC935" s="162"/>
      <c r="BD935" s="162"/>
      <c r="BE935" s="162"/>
      <c r="BF935" s="162"/>
      <c r="BG935" s="162"/>
      <c r="BH935" s="162"/>
      <c r="BI935" s="162"/>
      <c r="BJ935" s="162"/>
      <c r="BK935" s="162"/>
      <c r="BL935" s="162"/>
      <c r="BM935" s="162"/>
      <c r="BN935" s="162"/>
      <c r="BO935" s="162"/>
      <c r="BP935" s="162"/>
      <c r="BQ935" s="162"/>
      <c r="BR935" s="162"/>
      <c r="BS935" s="162"/>
      <c r="BT935" s="162"/>
      <c r="BU935" s="162"/>
      <c r="BV935" s="162"/>
      <c r="BW935" s="162"/>
      <c r="BX935" s="162"/>
      <c r="BY935" s="162"/>
      <c r="BZ935" s="162"/>
      <c r="CA935" s="162"/>
      <c r="CB935" s="162"/>
      <c r="CC935" s="162"/>
      <c r="CD935" s="162"/>
      <c r="CE935" s="162"/>
      <c r="CF935" s="162"/>
      <c r="CG935" s="162"/>
      <c r="CH935" s="162"/>
      <c r="CI935" s="162"/>
      <c r="CJ935" s="162"/>
      <c r="CK935" s="162"/>
      <c r="CX935" s="98"/>
      <c r="DL935" s="97"/>
      <c r="DX935" s="98"/>
      <c r="EL935" s="97"/>
      <c r="EX935" s="98"/>
      <c r="EY935" s="97"/>
      <c r="FL935" s="126"/>
      <c r="FM935" s="91"/>
      <c r="FN935" s="91"/>
      <c r="FO935" s="91"/>
      <c r="FP935" s="91"/>
      <c r="FQ935" s="91"/>
      <c r="FR935" s="91"/>
      <c r="FS935" s="91"/>
      <c r="FT935" s="91"/>
      <c r="FU935" s="91"/>
      <c r="FV935" s="91"/>
      <c r="FW935" s="91"/>
      <c r="FX935" s="91"/>
      <c r="FY935" s="91"/>
      <c r="FZ935" s="91"/>
      <c r="GA935" s="91"/>
      <c r="GB935" s="91"/>
      <c r="GC935" s="91"/>
      <c r="GD935" s="91"/>
      <c r="GE935" s="91"/>
      <c r="GF935" s="91"/>
      <c r="GG935" s="91"/>
      <c r="GH935" s="91"/>
      <c r="GI935" s="91"/>
      <c r="GJ935" s="91"/>
      <c r="GK935" s="127"/>
      <c r="GL935" s="126"/>
      <c r="GM935" s="91"/>
      <c r="GN935" s="91"/>
      <c r="GO935" s="91"/>
      <c r="GP935" s="91"/>
      <c r="GQ935" s="91"/>
      <c r="GR935" s="91"/>
      <c r="GS935" s="91"/>
      <c r="GT935" s="91"/>
      <c r="GU935" s="91"/>
      <c r="GV935" s="91"/>
      <c r="GW935" s="91"/>
      <c r="GX935" s="91"/>
      <c r="GY935" s="91"/>
      <c r="GZ935" s="91"/>
      <c r="HA935" s="91"/>
      <c r="HB935" s="91"/>
      <c r="HC935" s="91"/>
      <c r="HD935" s="91"/>
      <c r="HE935" s="91"/>
      <c r="HF935" s="91"/>
      <c r="HG935" s="91"/>
      <c r="HH935" s="91"/>
      <c r="HI935" s="91"/>
      <c r="HJ935" s="91"/>
      <c r="HK935" s="127"/>
      <c r="HL935" s="126"/>
      <c r="HM935" s="91"/>
      <c r="HN935" s="91"/>
      <c r="HO935" s="91"/>
      <c r="HP935" s="91"/>
      <c r="HQ935" s="91"/>
      <c r="HR935" s="91"/>
      <c r="HS935" s="91"/>
      <c r="HT935" s="91"/>
      <c r="HU935" s="91"/>
      <c r="HV935" s="91"/>
      <c r="HW935" s="91"/>
      <c r="HX935" s="91"/>
      <c r="HY935" s="91"/>
      <c r="HZ935" s="91"/>
      <c r="IA935" s="91"/>
      <c r="IB935" s="91"/>
      <c r="IC935" s="91"/>
      <c r="ID935" s="91"/>
      <c r="IE935" s="91"/>
      <c r="IF935" s="91"/>
      <c r="IG935" s="91"/>
      <c r="IH935" s="91"/>
      <c r="II935" s="91"/>
      <c r="IJ935" s="91"/>
      <c r="IK935" s="127"/>
    </row>
    <row r="936" spans="2:245" x14ac:dyDescent="0.2">
      <c r="B936" s="43"/>
      <c r="C936" s="73"/>
      <c r="D936" s="64"/>
      <c r="E936" s="64"/>
      <c r="F936" s="55"/>
      <c r="G936" s="102"/>
      <c r="H936" s="55"/>
      <c r="I936" s="55"/>
      <c r="J936" s="55"/>
      <c r="K936" s="55"/>
      <c r="L936" s="55"/>
      <c r="M936" s="55"/>
      <c r="N936" s="55"/>
      <c r="O936" s="55"/>
      <c r="P936" s="55"/>
      <c r="Q936" s="55"/>
      <c r="R936" s="55"/>
      <c r="S936" s="55"/>
      <c r="T936" s="55"/>
      <c r="U936" s="55"/>
      <c r="V936" s="55"/>
      <c r="W936" s="55"/>
      <c r="X936" s="55"/>
      <c r="Y936" s="55"/>
      <c r="Z936" s="55"/>
      <c r="AA936" s="55"/>
      <c r="AB936" s="55"/>
      <c r="AC936" s="55"/>
      <c r="AD936" s="55"/>
      <c r="AE936" s="55"/>
      <c r="AF936" s="55"/>
      <c r="AG936" s="55"/>
      <c r="AY936" s="162"/>
      <c r="AZ936" s="162"/>
      <c r="BA936" s="162"/>
      <c r="BB936" s="162"/>
      <c r="BC936" s="162"/>
      <c r="BD936" s="162"/>
      <c r="BE936" s="162"/>
      <c r="BF936" s="162"/>
      <c r="BG936" s="162"/>
      <c r="BH936" s="162"/>
      <c r="BI936" s="162"/>
      <c r="BJ936" s="162"/>
      <c r="BK936" s="162"/>
      <c r="BL936" s="162"/>
      <c r="BM936" s="162"/>
      <c r="BN936" s="162"/>
      <c r="BO936" s="162"/>
      <c r="BP936" s="162"/>
      <c r="BQ936" s="162"/>
      <c r="BR936" s="162"/>
      <c r="BS936" s="162"/>
      <c r="BT936" s="162"/>
      <c r="BU936" s="162"/>
      <c r="BV936" s="162"/>
      <c r="BW936" s="162"/>
      <c r="BX936" s="162"/>
      <c r="BY936" s="162"/>
      <c r="BZ936" s="162"/>
      <c r="CA936" s="162"/>
      <c r="CB936" s="162"/>
      <c r="CC936" s="162"/>
      <c r="CD936" s="162"/>
      <c r="CE936" s="162"/>
      <c r="CF936" s="162"/>
      <c r="CG936" s="162"/>
      <c r="CH936" s="162"/>
      <c r="CI936" s="162"/>
      <c r="CJ936" s="162"/>
      <c r="CK936" s="162"/>
      <c r="CX936" s="98"/>
      <c r="DL936" s="97"/>
      <c r="DX936" s="98"/>
      <c r="EL936" s="97"/>
      <c r="EX936" s="98"/>
      <c r="EY936" s="97"/>
      <c r="FL936" s="126"/>
      <c r="FM936" s="91"/>
      <c r="FN936" s="91"/>
      <c r="FO936" s="91"/>
      <c r="FP936" s="91"/>
      <c r="FQ936" s="91"/>
      <c r="FR936" s="91"/>
      <c r="FS936" s="91"/>
      <c r="FT936" s="91"/>
      <c r="FU936" s="91"/>
      <c r="FV936" s="91"/>
      <c r="FW936" s="91"/>
      <c r="FX936" s="91"/>
      <c r="FY936" s="91"/>
      <c r="FZ936" s="91"/>
      <c r="GA936" s="91"/>
      <c r="GB936" s="91"/>
      <c r="GC936" s="91"/>
      <c r="GD936" s="91"/>
      <c r="GE936" s="91"/>
      <c r="GF936" s="91"/>
      <c r="GG936" s="91"/>
      <c r="GH936" s="91"/>
      <c r="GI936" s="91"/>
      <c r="GJ936" s="91"/>
      <c r="GK936" s="127"/>
      <c r="GL936" s="126"/>
      <c r="GM936" s="91"/>
      <c r="GN936" s="91"/>
      <c r="GO936" s="91"/>
      <c r="GP936" s="91"/>
      <c r="GQ936" s="91"/>
      <c r="GR936" s="91"/>
      <c r="GS936" s="91"/>
      <c r="GT936" s="91"/>
      <c r="GU936" s="91"/>
      <c r="GV936" s="91"/>
      <c r="GW936" s="91"/>
      <c r="GX936" s="91"/>
      <c r="GY936" s="91"/>
      <c r="GZ936" s="91"/>
      <c r="HA936" s="91"/>
      <c r="HB936" s="91"/>
      <c r="HC936" s="91"/>
      <c r="HD936" s="91"/>
      <c r="HE936" s="91"/>
      <c r="HF936" s="91"/>
      <c r="HG936" s="91"/>
      <c r="HH936" s="91"/>
      <c r="HI936" s="91"/>
      <c r="HJ936" s="91"/>
      <c r="HK936" s="127"/>
      <c r="HL936" s="126"/>
      <c r="HM936" s="91"/>
      <c r="HN936" s="91"/>
      <c r="HO936" s="91"/>
      <c r="HP936" s="91"/>
      <c r="HQ936" s="91"/>
      <c r="HR936" s="91"/>
      <c r="HS936" s="91"/>
      <c r="HT936" s="91"/>
      <c r="HU936" s="91"/>
      <c r="HV936" s="91"/>
      <c r="HW936" s="91"/>
      <c r="HX936" s="91"/>
      <c r="HY936" s="91"/>
      <c r="HZ936" s="91"/>
      <c r="IA936" s="91"/>
      <c r="IB936" s="91"/>
      <c r="IC936" s="91"/>
      <c r="ID936" s="91"/>
      <c r="IE936" s="91"/>
      <c r="IF936" s="91"/>
      <c r="IG936" s="91"/>
      <c r="IH936" s="91"/>
      <c r="II936" s="91"/>
      <c r="IJ936" s="91"/>
      <c r="IK936" s="127"/>
    </row>
    <row r="937" spans="2:245" x14ac:dyDescent="0.2">
      <c r="B937" s="43"/>
      <c r="C937" s="73"/>
      <c r="D937" s="64"/>
      <c r="E937" s="64"/>
      <c r="F937" s="55"/>
      <c r="G937" s="102"/>
      <c r="H937" s="55"/>
      <c r="I937" s="55"/>
      <c r="J937" s="55"/>
      <c r="K937" s="55"/>
      <c r="L937" s="55"/>
      <c r="M937" s="55"/>
      <c r="N937" s="55"/>
      <c r="O937" s="55"/>
      <c r="P937" s="55"/>
      <c r="Q937" s="55"/>
      <c r="R937" s="55"/>
      <c r="S937" s="55"/>
      <c r="T937" s="55"/>
      <c r="U937" s="55"/>
      <c r="V937" s="55"/>
      <c r="W937" s="55"/>
      <c r="X937" s="55"/>
      <c r="Y937" s="55"/>
      <c r="Z937" s="55"/>
      <c r="AA937" s="55"/>
      <c r="AB937" s="55"/>
      <c r="AC937" s="55"/>
      <c r="AD937" s="55"/>
      <c r="AE937" s="55"/>
      <c r="AF937" s="55"/>
      <c r="AG937" s="55"/>
      <c r="AY937" s="162"/>
      <c r="AZ937" s="162"/>
      <c r="BA937" s="162"/>
      <c r="BB937" s="162"/>
      <c r="BC937" s="162"/>
      <c r="BD937" s="162"/>
      <c r="BE937" s="162"/>
      <c r="BF937" s="162"/>
      <c r="BG937" s="162"/>
      <c r="BH937" s="162"/>
      <c r="BI937" s="162"/>
      <c r="BJ937" s="162"/>
      <c r="BK937" s="162"/>
      <c r="BL937" s="162"/>
      <c r="BM937" s="162"/>
      <c r="BN937" s="162"/>
      <c r="BO937" s="162"/>
      <c r="BP937" s="162"/>
      <c r="BQ937" s="162"/>
      <c r="BR937" s="162"/>
      <c r="BS937" s="162"/>
      <c r="BT937" s="162"/>
      <c r="BU937" s="162"/>
      <c r="BV937" s="162"/>
      <c r="BW937" s="162"/>
      <c r="BX937" s="162"/>
      <c r="BY937" s="162"/>
      <c r="BZ937" s="162"/>
      <c r="CA937" s="162"/>
      <c r="CB937" s="162"/>
      <c r="CC937" s="162"/>
      <c r="CD937" s="162"/>
      <c r="CE937" s="162"/>
      <c r="CF937" s="162"/>
      <c r="CG937" s="162"/>
      <c r="CH937" s="162"/>
      <c r="CI937" s="162"/>
      <c r="CJ937" s="162"/>
      <c r="CK937" s="162"/>
      <c r="CX937" s="98"/>
      <c r="DL937" s="97"/>
      <c r="DX937" s="98"/>
      <c r="EL937" s="97"/>
      <c r="EX937" s="98"/>
      <c r="EY937" s="97"/>
      <c r="FL937" s="126"/>
      <c r="FM937" s="91"/>
      <c r="FN937" s="91"/>
      <c r="FO937" s="91"/>
      <c r="FP937" s="91"/>
      <c r="FQ937" s="91"/>
      <c r="FR937" s="91"/>
      <c r="FS937" s="91"/>
      <c r="FT937" s="91"/>
      <c r="FU937" s="91"/>
      <c r="FV937" s="91"/>
      <c r="FW937" s="91"/>
      <c r="FX937" s="91"/>
      <c r="FY937" s="91"/>
      <c r="FZ937" s="91"/>
      <c r="GA937" s="91"/>
      <c r="GB937" s="91"/>
      <c r="GC937" s="91"/>
      <c r="GD937" s="91"/>
      <c r="GE937" s="91"/>
      <c r="GF937" s="91"/>
      <c r="GG937" s="91"/>
      <c r="GH937" s="91"/>
      <c r="GI937" s="91"/>
      <c r="GJ937" s="91"/>
      <c r="GK937" s="127"/>
      <c r="GL937" s="126"/>
      <c r="GM937" s="91"/>
      <c r="GN937" s="91"/>
      <c r="GO937" s="91"/>
      <c r="GP937" s="91"/>
      <c r="GQ937" s="91"/>
      <c r="GR937" s="91"/>
      <c r="GS937" s="91"/>
      <c r="GT937" s="91"/>
      <c r="GU937" s="91"/>
      <c r="GV937" s="91"/>
      <c r="GW937" s="91"/>
      <c r="GX937" s="91"/>
      <c r="GY937" s="91"/>
      <c r="GZ937" s="91"/>
      <c r="HA937" s="91"/>
      <c r="HB937" s="91"/>
      <c r="HC937" s="91"/>
      <c r="HD937" s="91"/>
      <c r="HE937" s="91"/>
      <c r="HF937" s="91"/>
      <c r="HG937" s="91"/>
      <c r="HH937" s="91"/>
      <c r="HI937" s="91"/>
      <c r="HJ937" s="91"/>
      <c r="HK937" s="127"/>
      <c r="HL937" s="126"/>
      <c r="HM937" s="91"/>
      <c r="HN937" s="91"/>
      <c r="HO937" s="91"/>
      <c r="HP937" s="91"/>
      <c r="HQ937" s="91"/>
      <c r="HR937" s="91"/>
      <c r="HS937" s="91"/>
      <c r="HT937" s="91"/>
      <c r="HU937" s="91"/>
      <c r="HV937" s="91"/>
      <c r="HW937" s="91"/>
      <c r="HX937" s="91"/>
      <c r="HY937" s="91"/>
      <c r="HZ937" s="91"/>
      <c r="IA937" s="91"/>
      <c r="IB937" s="91"/>
      <c r="IC937" s="91"/>
      <c r="ID937" s="91"/>
      <c r="IE937" s="91"/>
      <c r="IF937" s="91"/>
      <c r="IG937" s="91"/>
      <c r="IH937" s="91"/>
      <c r="II937" s="91"/>
      <c r="IJ937" s="91"/>
      <c r="IK937" s="127"/>
    </row>
    <row r="938" spans="2:245" x14ac:dyDescent="0.2">
      <c r="B938" s="43"/>
      <c r="C938" s="73"/>
      <c r="D938" s="64"/>
      <c r="E938" s="64"/>
      <c r="F938" s="55"/>
      <c r="G938" s="102"/>
      <c r="H938" s="55"/>
      <c r="I938" s="55"/>
      <c r="J938" s="55"/>
      <c r="K938" s="55"/>
      <c r="L938" s="55"/>
      <c r="M938" s="55"/>
      <c r="N938" s="55"/>
      <c r="O938" s="55"/>
      <c r="P938" s="55"/>
      <c r="Q938" s="55"/>
      <c r="R938" s="55"/>
      <c r="S938" s="55"/>
      <c r="T938" s="55"/>
      <c r="U938" s="55"/>
      <c r="V938" s="55"/>
      <c r="W938" s="55"/>
      <c r="X938" s="55"/>
      <c r="Y938" s="55"/>
      <c r="Z938" s="55"/>
      <c r="AA938" s="55"/>
      <c r="AB938" s="55"/>
      <c r="AC938" s="55"/>
      <c r="AD938" s="55"/>
      <c r="AE938" s="55"/>
      <c r="AF938" s="55"/>
      <c r="AG938" s="55"/>
      <c r="AY938" s="162"/>
      <c r="AZ938" s="162"/>
      <c r="BA938" s="162"/>
      <c r="BB938" s="162"/>
      <c r="BC938" s="162"/>
      <c r="BD938" s="162"/>
      <c r="BE938" s="162"/>
      <c r="BF938" s="162"/>
      <c r="BG938" s="162"/>
      <c r="BH938" s="162"/>
      <c r="BI938" s="162"/>
      <c r="BJ938" s="162"/>
      <c r="BK938" s="162"/>
      <c r="BL938" s="162"/>
      <c r="BM938" s="162"/>
      <c r="BN938" s="162"/>
      <c r="BO938" s="162"/>
      <c r="BP938" s="162"/>
      <c r="BQ938" s="162"/>
      <c r="BR938" s="162"/>
      <c r="BS938" s="162"/>
      <c r="BT938" s="162"/>
      <c r="BU938" s="162"/>
      <c r="BV938" s="162"/>
      <c r="BW938" s="162"/>
      <c r="BX938" s="162"/>
      <c r="BY938" s="162"/>
      <c r="BZ938" s="162"/>
      <c r="CA938" s="162"/>
      <c r="CB938" s="162"/>
      <c r="CC938" s="162"/>
      <c r="CD938" s="162"/>
      <c r="CE938" s="162"/>
      <c r="CF938" s="162"/>
      <c r="CG938" s="162"/>
      <c r="CH938" s="162"/>
      <c r="CI938" s="162"/>
      <c r="CJ938" s="162"/>
      <c r="CK938" s="162"/>
      <c r="CX938" s="98"/>
      <c r="DL938" s="97"/>
      <c r="DX938" s="98"/>
      <c r="EL938" s="97"/>
      <c r="EX938" s="98"/>
      <c r="EY938" s="97"/>
      <c r="FL938" s="126"/>
      <c r="FM938" s="91"/>
      <c r="FN938" s="91"/>
      <c r="FO938" s="91"/>
      <c r="FP938" s="91"/>
      <c r="FQ938" s="91"/>
      <c r="FR938" s="91"/>
      <c r="FS938" s="91"/>
      <c r="FT938" s="91"/>
      <c r="FU938" s="91"/>
      <c r="FV938" s="91"/>
      <c r="FW938" s="91"/>
      <c r="FX938" s="91"/>
      <c r="FY938" s="91"/>
      <c r="FZ938" s="91"/>
      <c r="GA938" s="91"/>
      <c r="GB938" s="91"/>
      <c r="GC938" s="91"/>
      <c r="GD938" s="91"/>
      <c r="GE938" s="91"/>
      <c r="GF938" s="91"/>
      <c r="GG938" s="91"/>
      <c r="GH938" s="91"/>
      <c r="GI938" s="91"/>
      <c r="GJ938" s="91"/>
      <c r="GK938" s="127"/>
      <c r="GL938" s="126"/>
      <c r="GM938" s="91"/>
      <c r="GN938" s="91"/>
      <c r="GO938" s="91"/>
      <c r="GP938" s="91"/>
      <c r="GQ938" s="91"/>
      <c r="GR938" s="91"/>
      <c r="GS938" s="91"/>
      <c r="GT938" s="91"/>
      <c r="GU938" s="91"/>
      <c r="GV938" s="91"/>
      <c r="GW938" s="91"/>
      <c r="GX938" s="91"/>
      <c r="GY938" s="91"/>
      <c r="GZ938" s="91"/>
      <c r="HA938" s="91"/>
      <c r="HB938" s="91"/>
      <c r="HC938" s="91"/>
      <c r="HD938" s="91"/>
      <c r="HE938" s="91"/>
      <c r="HF938" s="91"/>
      <c r="HG938" s="91"/>
      <c r="HH938" s="91"/>
      <c r="HI938" s="91"/>
      <c r="HJ938" s="91"/>
      <c r="HK938" s="127"/>
      <c r="HL938" s="126"/>
      <c r="HM938" s="91"/>
      <c r="HN938" s="91"/>
      <c r="HO938" s="91"/>
      <c r="HP938" s="91"/>
      <c r="HQ938" s="91"/>
      <c r="HR938" s="91"/>
      <c r="HS938" s="91"/>
      <c r="HT938" s="91"/>
      <c r="HU938" s="91"/>
      <c r="HV938" s="91"/>
      <c r="HW938" s="91"/>
      <c r="HX938" s="91"/>
      <c r="HY938" s="91"/>
      <c r="HZ938" s="91"/>
      <c r="IA938" s="91"/>
      <c r="IB938" s="91"/>
      <c r="IC938" s="91"/>
      <c r="ID938" s="91"/>
      <c r="IE938" s="91"/>
      <c r="IF938" s="91"/>
      <c r="IG938" s="91"/>
      <c r="IH938" s="91"/>
      <c r="II938" s="91"/>
      <c r="IJ938" s="91"/>
      <c r="IK938" s="127"/>
    </row>
    <row r="939" spans="2:245" x14ac:dyDescent="0.2">
      <c r="B939" s="43"/>
      <c r="C939" s="73"/>
      <c r="D939" s="64"/>
      <c r="E939" s="64"/>
      <c r="F939" s="55"/>
      <c r="G939" s="102"/>
      <c r="H939" s="55"/>
      <c r="I939" s="55"/>
      <c r="J939" s="55"/>
      <c r="K939" s="55"/>
      <c r="L939" s="55"/>
      <c r="M939" s="55"/>
      <c r="N939" s="55"/>
      <c r="O939" s="55"/>
      <c r="P939" s="55"/>
      <c r="Q939" s="55"/>
      <c r="R939" s="55"/>
      <c r="S939" s="55"/>
      <c r="T939" s="55"/>
      <c r="U939" s="55"/>
      <c r="V939" s="55"/>
      <c r="W939" s="55"/>
      <c r="X939" s="55"/>
      <c r="Y939" s="55"/>
      <c r="Z939" s="55"/>
      <c r="AA939" s="55"/>
      <c r="AB939" s="55"/>
      <c r="AC939" s="55"/>
      <c r="AD939" s="55"/>
      <c r="AE939" s="55"/>
      <c r="AF939" s="55"/>
      <c r="AG939" s="55"/>
      <c r="AY939" s="162"/>
      <c r="AZ939" s="162"/>
      <c r="BA939" s="162"/>
      <c r="BB939" s="162"/>
      <c r="BC939" s="162"/>
      <c r="BD939" s="162"/>
      <c r="BE939" s="162"/>
      <c r="BF939" s="162"/>
      <c r="BG939" s="162"/>
      <c r="BH939" s="162"/>
      <c r="BI939" s="162"/>
      <c r="BJ939" s="162"/>
      <c r="BK939" s="162"/>
      <c r="BL939" s="162"/>
      <c r="BM939" s="162"/>
      <c r="BN939" s="162"/>
      <c r="BO939" s="162"/>
      <c r="BP939" s="162"/>
      <c r="BQ939" s="162"/>
      <c r="BR939" s="162"/>
      <c r="BS939" s="162"/>
      <c r="BT939" s="162"/>
      <c r="BU939" s="162"/>
      <c r="BV939" s="162"/>
      <c r="BW939" s="162"/>
      <c r="BX939" s="162"/>
      <c r="BY939" s="162"/>
      <c r="BZ939" s="162"/>
      <c r="CA939" s="162"/>
      <c r="CB939" s="162"/>
      <c r="CC939" s="162"/>
      <c r="CD939" s="162"/>
      <c r="CE939" s="162"/>
      <c r="CF939" s="162"/>
      <c r="CG939" s="162"/>
      <c r="CH939" s="162"/>
      <c r="CI939" s="162"/>
      <c r="CJ939" s="162"/>
      <c r="CK939" s="162"/>
      <c r="CX939" s="98"/>
      <c r="DL939" s="97"/>
      <c r="DX939" s="98"/>
      <c r="EL939" s="97"/>
      <c r="EX939" s="98"/>
      <c r="EY939" s="97"/>
      <c r="FL939" s="126"/>
      <c r="FM939" s="91"/>
      <c r="FN939" s="91"/>
      <c r="FO939" s="91"/>
      <c r="FP939" s="91"/>
      <c r="FQ939" s="91"/>
      <c r="FR939" s="91"/>
      <c r="FS939" s="91"/>
      <c r="FT939" s="91"/>
      <c r="FU939" s="91"/>
      <c r="FV939" s="91"/>
      <c r="FW939" s="91"/>
      <c r="FX939" s="91"/>
      <c r="FY939" s="91"/>
      <c r="FZ939" s="91"/>
      <c r="GA939" s="91"/>
      <c r="GB939" s="91"/>
      <c r="GC939" s="91"/>
      <c r="GD939" s="91"/>
      <c r="GE939" s="91"/>
      <c r="GF939" s="91"/>
      <c r="GG939" s="91"/>
      <c r="GH939" s="91"/>
      <c r="GI939" s="91"/>
      <c r="GJ939" s="91"/>
      <c r="GK939" s="127"/>
      <c r="GL939" s="126"/>
      <c r="GM939" s="91"/>
      <c r="GN939" s="91"/>
      <c r="GO939" s="91"/>
      <c r="GP939" s="91"/>
      <c r="GQ939" s="91"/>
      <c r="GR939" s="91"/>
      <c r="GS939" s="91"/>
      <c r="GT939" s="91"/>
      <c r="GU939" s="91"/>
      <c r="GV939" s="91"/>
      <c r="GW939" s="91"/>
      <c r="GX939" s="91"/>
      <c r="GY939" s="91"/>
      <c r="GZ939" s="91"/>
      <c r="HA939" s="91"/>
      <c r="HB939" s="91"/>
      <c r="HC939" s="91"/>
      <c r="HD939" s="91"/>
      <c r="HE939" s="91"/>
      <c r="HF939" s="91"/>
      <c r="HG939" s="91"/>
      <c r="HH939" s="91"/>
      <c r="HI939" s="91"/>
      <c r="HJ939" s="91"/>
      <c r="HK939" s="127"/>
      <c r="HL939" s="126"/>
      <c r="HM939" s="91"/>
      <c r="HN939" s="91"/>
      <c r="HO939" s="91"/>
      <c r="HP939" s="91"/>
      <c r="HQ939" s="91"/>
      <c r="HR939" s="91"/>
      <c r="HS939" s="91"/>
      <c r="HT939" s="91"/>
      <c r="HU939" s="91"/>
      <c r="HV939" s="91"/>
      <c r="HW939" s="91"/>
      <c r="HX939" s="91"/>
      <c r="HY939" s="91"/>
      <c r="HZ939" s="91"/>
      <c r="IA939" s="91"/>
      <c r="IB939" s="91"/>
      <c r="IC939" s="91"/>
      <c r="ID939" s="91"/>
      <c r="IE939" s="91"/>
      <c r="IF939" s="91"/>
      <c r="IG939" s="91"/>
      <c r="IH939" s="91"/>
      <c r="II939" s="91"/>
      <c r="IJ939" s="91"/>
      <c r="IK939" s="127"/>
    </row>
    <row r="940" spans="2:245" x14ac:dyDescent="0.2">
      <c r="B940" s="43"/>
      <c r="C940" s="73"/>
      <c r="D940" s="64"/>
      <c r="E940" s="64"/>
      <c r="F940" s="55"/>
      <c r="G940" s="102"/>
      <c r="H940" s="55"/>
      <c r="I940" s="55"/>
      <c r="J940" s="55"/>
      <c r="K940" s="55"/>
      <c r="L940" s="55"/>
      <c r="M940" s="55"/>
      <c r="N940" s="55"/>
      <c r="O940" s="55"/>
      <c r="P940" s="55"/>
      <c r="Q940" s="55"/>
      <c r="R940" s="55"/>
      <c r="S940" s="55"/>
      <c r="T940" s="55"/>
      <c r="U940" s="55"/>
      <c r="V940" s="55"/>
      <c r="W940" s="55"/>
      <c r="X940" s="55"/>
      <c r="Y940" s="55"/>
      <c r="Z940" s="55"/>
      <c r="AA940" s="55"/>
      <c r="AB940" s="55"/>
      <c r="AC940" s="55"/>
      <c r="AD940" s="55"/>
      <c r="AE940" s="55"/>
      <c r="AF940" s="55"/>
      <c r="AG940" s="55"/>
      <c r="AY940" s="162"/>
      <c r="AZ940" s="162"/>
      <c r="BA940" s="162"/>
      <c r="BB940" s="162"/>
      <c r="BC940" s="162"/>
      <c r="BD940" s="162"/>
      <c r="BE940" s="162"/>
      <c r="BF940" s="162"/>
      <c r="BG940" s="162"/>
      <c r="BH940" s="162"/>
      <c r="BI940" s="162"/>
      <c r="BJ940" s="162"/>
      <c r="BK940" s="162"/>
      <c r="BL940" s="162"/>
      <c r="BM940" s="162"/>
      <c r="BN940" s="162"/>
      <c r="BO940" s="162"/>
      <c r="BP940" s="162"/>
      <c r="BQ940" s="162"/>
      <c r="BR940" s="162"/>
      <c r="BS940" s="162"/>
      <c r="BT940" s="162"/>
      <c r="BU940" s="162"/>
      <c r="BV940" s="162"/>
      <c r="BW940" s="162"/>
      <c r="BX940" s="162"/>
      <c r="BY940" s="162"/>
      <c r="BZ940" s="162"/>
      <c r="CA940" s="162"/>
      <c r="CB940" s="162"/>
      <c r="CC940" s="162"/>
      <c r="CD940" s="162"/>
      <c r="CE940" s="162"/>
      <c r="CF940" s="162"/>
      <c r="CG940" s="162"/>
      <c r="CH940" s="162"/>
      <c r="CI940" s="162"/>
      <c r="CJ940" s="162"/>
      <c r="CK940" s="162"/>
      <c r="CX940" s="98"/>
      <c r="DL940" s="97"/>
      <c r="DX940" s="98"/>
      <c r="EL940" s="97"/>
      <c r="EX940" s="98"/>
      <c r="EY940" s="97"/>
      <c r="FL940" s="126"/>
      <c r="FM940" s="91"/>
      <c r="FN940" s="91"/>
      <c r="FO940" s="91"/>
      <c r="FP940" s="91"/>
      <c r="FQ940" s="91"/>
      <c r="FR940" s="91"/>
      <c r="FS940" s="91"/>
      <c r="FT940" s="91"/>
      <c r="FU940" s="91"/>
      <c r="FV940" s="91"/>
      <c r="FW940" s="91"/>
      <c r="FX940" s="91"/>
      <c r="FY940" s="91"/>
      <c r="FZ940" s="91"/>
      <c r="GA940" s="91"/>
      <c r="GB940" s="91"/>
      <c r="GC940" s="91"/>
      <c r="GD940" s="91"/>
      <c r="GE940" s="91"/>
      <c r="GF940" s="91"/>
      <c r="GG940" s="91"/>
      <c r="GH940" s="91"/>
      <c r="GI940" s="91"/>
      <c r="GJ940" s="91"/>
      <c r="GK940" s="127"/>
      <c r="GL940" s="126"/>
      <c r="GM940" s="91"/>
      <c r="GN940" s="91"/>
      <c r="GO940" s="91"/>
      <c r="GP940" s="91"/>
      <c r="GQ940" s="91"/>
      <c r="GR940" s="91"/>
      <c r="GS940" s="91"/>
      <c r="GT940" s="91"/>
      <c r="GU940" s="91"/>
      <c r="GV940" s="91"/>
      <c r="GW940" s="91"/>
      <c r="GX940" s="91"/>
      <c r="GY940" s="91"/>
      <c r="GZ940" s="91"/>
      <c r="HA940" s="91"/>
      <c r="HB940" s="91"/>
      <c r="HC940" s="91"/>
      <c r="HD940" s="91"/>
      <c r="HE940" s="91"/>
      <c r="HF940" s="91"/>
      <c r="HG940" s="91"/>
      <c r="HH940" s="91"/>
      <c r="HI940" s="91"/>
      <c r="HJ940" s="91"/>
      <c r="HK940" s="127"/>
      <c r="HL940" s="126"/>
      <c r="HM940" s="91"/>
      <c r="HN940" s="91"/>
      <c r="HO940" s="91"/>
      <c r="HP940" s="91"/>
      <c r="HQ940" s="91"/>
      <c r="HR940" s="91"/>
      <c r="HS940" s="91"/>
      <c r="HT940" s="91"/>
      <c r="HU940" s="91"/>
      <c r="HV940" s="91"/>
      <c r="HW940" s="91"/>
      <c r="HX940" s="91"/>
      <c r="HY940" s="91"/>
      <c r="HZ940" s="91"/>
      <c r="IA940" s="91"/>
      <c r="IB940" s="91"/>
      <c r="IC940" s="91"/>
      <c r="ID940" s="91"/>
      <c r="IE940" s="91"/>
      <c r="IF940" s="91"/>
      <c r="IG940" s="91"/>
      <c r="IH940" s="91"/>
      <c r="II940" s="91"/>
      <c r="IJ940" s="91"/>
      <c r="IK940" s="127"/>
    </row>
    <row r="941" spans="2:245" x14ac:dyDescent="0.2">
      <c r="B941" s="43"/>
      <c r="C941" s="73"/>
      <c r="D941" s="64"/>
      <c r="E941" s="64"/>
      <c r="F941" s="55"/>
      <c r="G941" s="102"/>
      <c r="H941" s="55"/>
      <c r="I941" s="55"/>
      <c r="J941" s="55"/>
      <c r="K941" s="55"/>
      <c r="L941" s="55"/>
      <c r="M941" s="55"/>
      <c r="N941" s="55"/>
      <c r="O941" s="55"/>
      <c r="P941" s="55"/>
      <c r="Q941" s="55"/>
      <c r="R941" s="55"/>
      <c r="S941" s="55"/>
      <c r="T941" s="55"/>
      <c r="U941" s="55"/>
      <c r="V941" s="55"/>
      <c r="W941" s="55"/>
      <c r="X941" s="55"/>
      <c r="Y941" s="55"/>
      <c r="Z941" s="55"/>
      <c r="AA941" s="55"/>
      <c r="AB941" s="55"/>
      <c r="AC941" s="55"/>
      <c r="AD941" s="55"/>
      <c r="AE941" s="55"/>
      <c r="AF941" s="55"/>
      <c r="AG941" s="55"/>
      <c r="AY941" s="162"/>
      <c r="AZ941" s="162"/>
      <c r="BA941" s="162"/>
      <c r="BB941" s="162"/>
      <c r="BC941" s="162"/>
      <c r="BD941" s="162"/>
      <c r="BE941" s="162"/>
      <c r="BF941" s="162"/>
      <c r="BG941" s="162"/>
      <c r="BH941" s="162"/>
      <c r="BI941" s="162"/>
      <c r="BJ941" s="162"/>
      <c r="BK941" s="162"/>
      <c r="BL941" s="162"/>
      <c r="BM941" s="162"/>
      <c r="BN941" s="162"/>
      <c r="BO941" s="162"/>
      <c r="BP941" s="162"/>
      <c r="BQ941" s="162"/>
      <c r="BR941" s="162"/>
      <c r="BS941" s="162"/>
      <c r="BT941" s="162"/>
      <c r="BU941" s="162"/>
      <c r="BV941" s="162"/>
      <c r="BW941" s="162"/>
      <c r="BX941" s="162"/>
      <c r="BY941" s="162"/>
      <c r="BZ941" s="162"/>
      <c r="CA941" s="162"/>
      <c r="CB941" s="162"/>
      <c r="CC941" s="162"/>
      <c r="CD941" s="162"/>
      <c r="CE941" s="162"/>
      <c r="CF941" s="162"/>
      <c r="CG941" s="162"/>
      <c r="CH941" s="162"/>
      <c r="CI941" s="162"/>
      <c r="CJ941" s="162"/>
      <c r="CK941" s="162"/>
      <c r="CX941" s="98"/>
      <c r="DL941" s="97"/>
      <c r="DX941" s="98"/>
      <c r="EL941" s="97"/>
      <c r="EX941" s="98"/>
      <c r="EY941" s="97"/>
      <c r="FL941" s="126"/>
      <c r="FM941" s="91"/>
      <c r="FN941" s="91"/>
      <c r="FO941" s="91"/>
      <c r="FP941" s="91"/>
      <c r="FQ941" s="91"/>
      <c r="FR941" s="91"/>
      <c r="FS941" s="91"/>
      <c r="FT941" s="91"/>
      <c r="FU941" s="91"/>
      <c r="FV941" s="91"/>
      <c r="FW941" s="91"/>
      <c r="FX941" s="91"/>
      <c r="FY941" s="91"/>
      <c r="FZ941" s="91"/>
      <c r="GA941" s="91"/>
      <c r="GB941" s="91"/>
      <c r="GC941" s="91"/>
      <c r="GD941" s="91"/>
      <c r="GE941" s="91"/>
      <c r="GF941" s="91"/>
      <c r="GG941" s="91"/>
      <c r="GH941" s="91"/>
      <c r="GI941" s="91"/>
      <c r="GJ941" s="91"/>
      <c r="GK941" s="127"/>
      <c r="GL941" s="126"/>
      <c r="GM941" s="91"/>
      <c r="GN941" s="91"/>
      <c r="GO941" s="91"/>
      <c r="GP941" s="91"/>
      <c r="GQ941" s="91"/>
      <c r="GR941" s="91"/>
      <c r="GS941" s="91"/>
      <c r="GT941" s="91"/>
      <c r="GU941" s="91"/>
      <c r="GV941" s="91"/>
      <c r="GW941" s="91"/>
      <c r="GX941" s="91"/>
      <c r="GY941" s="91"/>
      <c r="GZ941" s="91"/>
      <c r="HA941" s="91"/>
      <c r="HB941" s="91"/>
      <c r="HC941" s="91"/>
      <c r="HD941" s="91"/>
      <c r="HE941" s="91"/>
      <c r="HF941" s="91"/>
      <c r="HG941" s="91"/>
      <c r="HH941" s="91"/>
      <c r="HI941" s="91"/>
      <c r="HJ941" s="91"/>
      <c r="HK941" s="127"/>
      <c r="HL941" s="126"/>
      <c r="HM941" s="91"/>
      <c r="HN941" s="91"/>
      <c r="HO941" s="91"/>
      <c r="HP941" s="91"/>
      <c r="HQ941" s="91"/>
      <c r="HR941" s="91"/>
      <c r="HS941" s="91"/>
      <c r="HT941" s="91"/>
      <c r="HU941" s="91"/>
      <c r="HV941" s="91"/>
      <c r="HW941" s="91"/>
      <c r="HX941" s="91"/>
      <c r="HY941" s="91"/>
      <c r="HZ941" s="91"/>
      <c r="IA941" s="91"/>
      <c r="IB941" s="91"/>
      <c r="IC941" s="91"/>
      <c r="ID941" s="91"/>
      <c r="IE941" s="91"/>
      <c r="IF941" s="91"/>
      <c r="IG941" s="91"/>
      <c r="IH941" s="91"/>
      <c r="II941" s="91"/>
      <c r="IJ941" s="91"/>
      <c r="IK941" s="127"/>
    </row>
    <row r="942" spans="2:245" x14ac:dyDescent="0.2">
      <c r="B942" s="43"/>
      <c r="C942" s="73"/>
      <c r="D942" s="64"/>
      <c r="E942" s="64"/>
      <c r="F942" s="55"/>
      <c r="G942" s="102"/>
      <c r="H942" s="55"/>
      <c r="I942" s="55"/>
      <c r="J942" s="55"/>
      <c r="K942" s="55"/>
      <c r="L942" s="55"/>
      <c r="M942" s="55"/>
      <c r="N942" s="55"/>
      <c r="O942" s="55"/>
      <c r="P942" s="55"/>
      <c r="Q942" s="55"/>
      <c r="R942" s="55"/>
      <c r="S942" s="55"/>
      <c r="T942" s="55"/>
      <c r="U942" s="55"/>
      <c r="V942" s="55"/>
      <c r="W942" s="55"/>
      <c r="X942" s="55"/>
      <c r="Y942" s="55"/>
      <c r="Z942" s="55"/>
      <c r="AA942" s="55"/>
      <c r="AB942" s="55"/>
      <c r="AC942" s="55"/>
      <c r="AD942" s="55"/>
      <c r="AE942" s="55"/>
      <c r="AF942" s="55"/>
      <c r="AG942" s="55"/>
      <c r="AY942" s="162"/>
      <c r="AZ942" s="162"/>
      <c r="BA942" s="162"/>
      <c r="BB942" s="162"/>
      <c r="BC942" s="162"/>
      <c r="BD942" s="162"/>
      <c r="BE942" s="162"/>
      <c r="BF942" s="162"/>
      <c r="BG942" s="162"/>
      <c r="BH942" s="162"/>
      <c r="BI942" s="162"/>
      <c r="BJ942" s="162"/>
      <c r="BK942" s="162"/>
      <c r="BL942" s="162"/>
      <c r="BM942" s="162"/>
      <c r="BN942" s="162"/>
      <c r="BO942" s="162"/>
      <c r="BP942" s="162"/>
      <c r="BQ942" s="162"/>
      <c r="BR942" s="162"/>
      <c r="BS942" s="162"/>
      <c r="BT942" s="162"/>
      <c r="BU942" s="162"/>
      <c r="BV942" s="162"/>
      <c r="BW942" s="162"/>
      <c r="BX942" s="162"/>
      <c r="BY942" s="162"/>
      <c r="BZ942" s="162"/>
      <c r="CA942" s="162"/>
      <c r="CB942" s="162"/>
      <c r="CC942" s="162"/>
      <c r="CD942" s="162"/>
      <c r="CE942" s="162"/>
      <c r="CF942" s="162"/>
      <c r="CG942" s="162"/>
      <c r="CH942" s="162"/>
      <c r="CI942" s="162"/>
      <c r="CJ942" s="162"/>
      <c r="CK942" s="162"/>
      <c r="CX942" s="98"/>
      <c r="DL942" s="97"/>
      <c r="DX942" s="98"/>
      <c r="EL942" s="97"/>
      <c r="EX942" s="98"/>
      <c r="EY942" s="97"/>
      <c r="FL942" s="126"/>
      <c r="FM942" s="91"/>
      <c r="FN942" s="91"/>
      <c r="FO942" s="91"/>
      <c r="FP942" s="91"/>
      <c r="FQ942" s="91"/>
      <c r="FR942" s="91"/>
      <c r="FS942" s="91"/>
      <c r="FT942" s="91"/>
      <c r="FU942" s="91"/>
      <c r="FV942" s="91"/>
      <c r="FW942" s="91"/>
      <c r="FX942" s="91"/>
      <c r="FY942" s="91"/>
      <c r="FZ942" s="91"/>
      <c r="GA942" s="91"/>
      <c r="GB942" s="91"/>
      <c r="GC942" s="91"/>
      <c r="GD942" s="91"/>
      <c r="GE942" s="91"/>
      <c r="GF942" s="91"/>
      <c r="GG942" s="91"/>
      <c r="GH942" s="91"/>
      <c r="GI942" s="91"/>
      <c r="GJ942" s="91"/>
      <c r="GK942" s="127"/>
      <c r="GL942" s="126"/>
      <c r="GM942" s="91"/>
      <c r="GN942" s="91"/>
      <c r="GO942" s="91"/>
      <c r="GP942" s="91"/>
      <c r="GQ942" s="91"/>
      <c r="GR942" s="91"/>
      <c r="GS942" s="91"/>
      <c r="GT942" s="91"/>
      <c r="GU942" s="91"/>
      <c r="GV942" s="91"/>
      <c r="GW942" s="91"/>
      <c r="GX942" s="91"/>
      <c r="GY942" s="91"/>
      <c r="GZ942" s="91"/>
      <c r="HA942" s="91"/>
      <c r="HB942" s="91"/>
      <c r="HC942" s="91"/>
      <c r="HD942" s="91"/>
      <c r="HE942" s="91"/>
      <c r="HF942" s="91"/>
      <c r="HG942" s="91"/>
      <c r="HH942" s="91"/>
      <c r="HI942" s="91"/>
      <c r="HJ942" s="91"/>
      <c r="HK942" s="127"/>
      <c r="HL942" s="126"/>
      <c r="HM942" s="91"/>
      <c r="HN942" s="91"/>
      <c r="HO942" s="91"/>
      <c r="HP942" s="91"/>
      <c r="HQ942" s="91"/>
      <c r="HR942" s="91"/>
      <c r="HS942" s="91"/>
      <c r="HT942" s="91"/>
      <c r="HU942" s="91"/>
      <c r="HV942" s="91"/>
      <c r="HW942" s="91"/>
      <c r="HX942" s="91"/>
      <c r="HY942" s="91"/>
      <c r="HZ942" s="91"/>
      <c r="IA942" s="91"/>
      <c r="IB942" s="91"/>
      <c r="IC942" s="91"/>
      <c r="ID942" s="91"/>
      <c r="IE942" s="91"/>
      <c r="IF942" s="91"/>
      <c r="IG942" s="91"/>
      <c r="IH942" s="91"/>
      <c r="II942" s="91"/>
      <c r="IJ942" s="91"/>
      <c r="IK942" s="127"/>
    </row>
    <row r="943" spans="2:245" x14ac:dyDescent="0.2">
      <c r="B943" s="43"/>
      <c r="C943" s="73"/>
      <c r="D943" s="64"/>
      <c r="E943" s="64"/>
      <c r="F943" s="55"/>
      <c r="G943" s="102"/>
      <c r="H943" s="55"/>
      <c r="I943" s="55"/>
      <c r="J943" s="55"/>
      <c r="K943" s="55"/>
      <c r="L943" s="55"/>
      <c r="M943" s="55"/>
      <c r="N943" s="55"/>
      <c r="O943" s="55"/>
      <c r="P943" s="55"/>
      <c r="Q943" s="55"/>
      <c r="R943" s="55"/>
      <c r="S943" s="55"/>
      <c r="T943" s="55"/>
      <c r="U943" s="55"/>
      <c r="V943" s="55"/>
      <c r="W943" s="55"/>
      <c r="X943" s="55"/>
      <c r="Y943" s="55"/>
      <c r="Z943" s="55"/>
      <c r="AA943" s="55"/>
      <c r="AB943" s="55"/>
      <c r="AC943" s="55"/>
      <c r="AD943" s="55"/>
      <c r="AE943" s="55"/>
      <c r="AF943" s="55"/>
      <c r="AG943" s="55"/>
      <c r="AY943" s="162"/>
      <c r="AZ943" s="162"/>
      <c r="BA943" s="162"/>
      <c r="BB943" s="162"/>
      <c r="BC943" s="162"/>
      <c r="BD943" s="162"/>
      <c r="BE943" s="162"/>
      <c r="BF943" s="162"/>
      <c r="BG943" s="162"/>
      <c r="BH943" s="162"/>
      <c r="BI943" s="162"/>
      <c r="BJ943" s="162"/>
      <c r="BK943" s="162"/>
      <c r="BL943" s="162"/>
      <c r="BM943" s="162"/>
      <c r="BN943" s="162"/>
      <c r="BO943" s="162"/>
      <c r="BP943" s="162"/>
      <c r="BQ943" s="162"/>
      <c r="BR943" s="162"/>
      <c r="BS943" s="162"/>
      <c r="BT943" s="162"/>
      <c r="BU943" s="162"/>
      <c r="BV943" s="162"/>
      <c r="BW943" s="162"/>
      <c r="BX943" s="162"/>
      <c r="BY943" s="162"/>
      <c r="BZ943" s="162"/>
      <c r="CA943" s="162"/>
      <c r="CB943" s="162"/>
      <c r="CC943" s="162"/>
      <c r="CD943" s="162"/>
      <c r="CE943" s="162"/>
      <c r="CF943" s="162"/>
      <c r="CG943" s="162"/>
      <c r="CH943" s="162"/>
      <c r="CI943" s="162"/>
      <c r="CJ943" s="162"/>
      <c r="CK943" s="162"/>
      <c r="CX943" s="98"/>
      <c r="DL943" s="97"/>
      <c r="DX943" s="98"/>
      <c r="EL943" s="97"/>
      <c r="EX943" s="98"/>
      <c r="EY943" s="97"/>
      <c r="FL943" s="126"/>
      <c r="FM943" s="91"/>
      <c r="FN943" s="91"/>
      <c r="FO943" s="91"/>
      <c r="FP943" s="91"/>
      <c r="FQ943" s="91"/>
      <c r="FR943" s="91"/>
      <c r="FS943" s="91"/>
      <c r="FT943" s="91"/>
      <c r="FU943" s="91"/>
      <c r="FV943" s="91"/>
      <c r="FW943" s="91"/>
      <c r="FX943" s="91"/>
      <c r="FY943" s="91"/>
      <c r="FZ943" s="91"/>
      <c r="GA943" s="91"/>
      <c r="GB943" s="91"/>
      <c r="GC943" s="91"/>
      <c r="GD943" s="91"/>
      <c r="GE943" s="91"/>
      <c r="GF943" s="91"/>
      <c r="GG943" s="91"/>
      <c r="GH943" s="91"/>
      <c r="GI943" s="91"/>
      <c r="GJ943" s="91"/>
      <c r="GK943" s="127"/>
      <c r="GL943" s="126"/>
      <c r="GM943" s="91"/>
      <c r="GN943" s="91"/>
      <c r="GO943" s="91"/>
      <c r="GP943" s="91"/>
      <c r="GQ943" s="91"/>
      <c r="GR943" s="91"/>
      <c r="GS943" s="91"/>
      <c r="GT943" s="91"/>
      <c r="GU943" s="91"/>
      <c r="GV943" s="91"/>
      <c r="GW943" s="91"/>
      <c r="GX943" s="91"/>
      <c r="GY943" s="91"/>
      <c r="GZ943" s="91"/>
      <c r="HA943" s="91"/>
      <c r="HB943" s="91"/>
      <c r="HC943" s="91"/>
      <c r="HD943" s="91"/>
      <c r="HE943" s="91"/>
      <c r="HF943" s="91"/>
      <c r="HG943" s="91"/>
      <c r="HH943" s="91"/>
      <c r="HI943" s="91"/>
      <c r="HJ943" s="91"/>
      <c r="HK943" s="127"/>
      <c r="HL943" s="126"/>
      <c r="HM943" s="91"/>
      <c r="HN943" s="91"/>
      <c r="HO943" s="91"/>
      <c r="HP943" s="91"/>
      <c r="HQ943" s="91"/>
      <c r="HR943" s="91"/>
      <c r="HS943" s="91"/>
      <c r="HT943" s="91"/>
      <c r="HU943" s="91"/>
      <c r="HV943" s="91"/>
      <c r="HW943" s="91"/>
      <c r="HX943" s="91"/>
      <c r="HY943" s="91"/>
      <c r="HZ943" s="91"/>
      <c r="IA943" s="91"/>
      <c r="IB943" s="91"/>
      <c r="IC943" s="91"/>
      <c r="ID943" s="91"/>
      <c r="IE943" s="91"/>
      <c r="IF943" s="91"/>
      <c r="IG943" s="91"/>
      <c r="IH943" s="91"/>
      <c r="II943" s="91"/>
      <c r="IJ943" s="91"/>
      <c r="IK943" s="127"/>
    </row>
    <row r="944" spans="2:245" x14ac:dyDescent="0.2">
      <c r="B944" s="43"/>
      <c r="C944" s="73"/>
      <c r="D944" s="64"/>
      <c r="E944" s="64"/>
      <c r="F944" s="55"/>
      <c r="G944" s="102"/>
      <c r="H944" s="55"/>
      <c r="I944" s="55"/>
      <c r="J944" s="55"/>
      <c r="K944" s="55"/>
      <c r="L944" s="55"/>
      <c r="M944" s="55"/>
      <c r="N944" s="55"/>
      <c r="O944" s="55"/>
      <c r="P944" s="55"/>
      <c r="Q944" s="55"/>
      <c r="R944" s="55"/>
      <c r="S944" s="55"/>
      <c r="T944" s="55"/>
      <c r="U944" s="55"/>
      <c r="V944" s="55"/>
      <c r="W944" s="55"/>
      <c r="X944" s="55"/>
      <c r="Y944" s="55"/>
      <c r="Z944" s="55"/>
      <c r="AA944" s="55"/>
      <c r="AB944" s="55"/>
      <c r="AC944" s="55"/>
      <c r="AD944" s="55"/>
      <c r="AE944" s="55"/>
      <c r="AF944" s="55"/>
      <c r="AG944" s="55"/>
      <c r="AY944" s="162"/>
      <c r="AZ944" s="162"/>
      <c r="BA944" s="162"/>
      <c r="BB944" s="162"/>
      <c r="BC944" s="162"/>
      <c r="BD944" s="162"/>
      <c r="BE944" s="162"/>
      <c r="BF944" s="162"/>
      <c r="BG944" s="162"/>
      <c r="BH944" s="162"/>
      <c r="BI944" s="162"/>
      <c r="BJ944" s="162"/>
      <c r="BK944" s="162"/>
      <c r="BL944" s="162"/>
      <c r="BM944" s="162"/>
      <c r="BN944" s="162"/>
      <c r="BO944" s="162"/>
      <c r="BP944" s="162"/>
      <c r="BQ944" s="162"/>
      <c r="BR944" s="162"/>
      <c r="BS944" s="162"/>
      <c r="BT944" s="162"/>
      <c r="BU944" s="162"/>
      <c r="BV944" s="162"/>
      <c r="BW944" s="162"/>
      <c r="BX944" s="162"/>
      <c r="BY944" s="162"/>
      <c r="BZ944" s="162"/>
      <c r="CA944" s="162"/>
      <c r="CB944" s="162"/>
      <c r="CC944" s="162"/>
      <c r="CD944" s="162"/>
      <c r="CE944" s="162"/>
      <c r="CF944" s="162"/>
      <c r="CG944" s="162"/>
      <c r="CH944" s="162"/>
      <c r="CI944" s="162"/>
      <c r="CJ944" s="162"/>
      <c r="CK944" s="162"/>
      <c r="CX944" s="98"/>
      <c r="DL944" s="97"/>
      <c r="DX944" s="98"/>
      <c r="EL944" s="97"/>
      <c r="EX944" s="98"/>
      <c r="EY944" s="97"/>
      <c r="FL944" s="126"/>
      <c r="FM944" s="91"/>
      <c r="FN944" s="91"/>
      <c r="FO944" s="91"/>
      <c r="FP944" s="91"/>
      <c r="FQ944" s="91"/>
      <c r="FR944" s="91"/>
      <c r="FS944" s="91"/>
      <c r="FT944" s="91"/>
      <c r="FU944" s="91"/>
      <c r="FV944" s="91"/>
      <c r="FW944" s="91"/>
      <c r="FX944" s="91"/>
      <c r="FY944" s="91"/>
      <c r="FZ944" s="91"/>
      <c r="GA944" s="91"/>
      <c r="GB944" s="91"/>
      <c r="GC944" s="91"/>
      <c r="GD944" s="91"/>
      <c r="GE944" s="91"/>
      <c r="GF944" s="91"/>
      <c r="GG944" s="91"/>
      <c r="GH944" s="91"/>
      <c r="GI944" s="91"/>
      <c r="GJ944" s="91"/>
      <c r="GK944" s="127"/>
      <c r="GL944" s="126"/>
      <c r="GM944" s="91"/>
      <c r="GN944" s="91"/>
      <c r="GO944" s="91"/>
      <c r="GP944" s="91"/>
      <c r="GQ944" s="91"/>
      <c r="GR944" s="91"/>
      <c r="GS944" s="91"/>
      <c r="GT944" s="91"/>
      <c r="GU944" s="91"/>
      <c r="GV944" s="91"/>
      <c r="GW944" s="91"/>
      <c r="GX944" s="91"/>
      <c r="GY944" s="91"/>
      <c r="GZ944" s="91"/>
      <c r="HA944" s="91"/>
      <c r="HB944" s="91"/>
      <c r="HC944" s="91"/>
      <c r="HD944" s="91"/>
      <c r="HE944" s="91"/>
      <c r="HF944" s="91"/>
      <c r="HG944" s="91"/>
      <c r="HH944" s="91"/>
      <c r="HI944" s="91"/>
      <c r="HJ944" s="91"/>
      <c r="HK944" s="127"/>
      <c r="HL944" s="126"/>
      <c r="HM944" s="91"/>
      <c r="HN944" s="91"/>
      <c r="HO944" s="91"/>
      <c r="HP944" s="91"/>
      <c r="HQ944" s="91"/>
      <c r="HR944" s="91"/>
      <c r="HS944" s="91"/>
      <c r="HT944" s="91"/>
      <c r="HU944" s="91"/>
      <c r="HV944" s="91"/>
      <c r="HW944" s="91"/>
      <c r="HX944" s="91"/>
      <c r="HY944" s="91"/>
      <c r="HZ944" s="91"/>
      <c r="IA944" s="91"/>
      <c r="IB944" s="91"/>
      <c r="IC944" s="91"/>
      <c r="ID944" s="91"/>
      <c r="IE944" s="91"/>
      <c r="IF944" s="91"/>
      <c r="IG944" s="91"/>
      <c r="IH944" s="91"/>
      <c r="II944" s="91"/>
      <c r="IJ944" s="91"/>
      <c r="IK944" s="127"/>
    </row>
    <row r="945" spans="2:245" x14ac:dyDescent="0.2">
      <c r="B945" s="43"/>
      <c r="C945" s="73"/>
      <c r="D945" s="64"/>
      <c r="E945" s="64"/>
      <c r="F945" s="55"/>
      <c r="G945" s="102"/>
      <c r="H945" s="55"/>
      <c r="I945" s="55"/>
      <c r="J945" s="55"/>
      <c r="K945" s="55"/>
      <c r="L945" s="55"/>
      <c r="M945" s="55"/>
      <c r="N945" s="55"/>
      <c r="O945" s="55"/>
      <c r="P945" s="55"/>
      <c r="Q945" s="55"/>
      <c r="R945" s="55"/>
      <c r="S945" s="55"/>
      <c r="T945" s="55"/>
      <c r="U945" s="55"/>
      <c r="V945" s="55"/>
      <c r="W945" s="55"/>
      <c r="X945" s="55"/>
      <c r="Y945" s="55"/>
      <c r="Z945" s="55"/>
      <c r="AA945" s="55"/>
      <c r="AB945" s="55"/>
      <c r="AC945" s="55"/>
      <c r="AD945" s="55"/>
      <c r="AE945" s="55"/>
      <c r="AF945" s="55"/>
      <c r="AG945" s="55"/>
      <c r="AY945" s="162"/>
      <c r="AZ945" s="162"/>
      <c r="BA945" s="162"/>
      <c r="BB945" s="162"/>
      <c r="BC945" s="162"/>
      <c r="BD945" s="162"/>
      <c r="BE945" s="162"/>
      <c r="BF945" s="162"/>
      <c r="BG945" s="162"/>
      <c r="BH945" s="162"/>
      <c r="BI945" s="162"/>
      <c r="BJ945" s="162"/>
      <c r="BK945" s="162"/>
      <c r="BL945" s="162"/>
      <c r="BM945" s="162"/>
      <c r="BN945" s="162"/>
      <c r="BO945" s="162"/>
      <c r="BP945" s="162"/>
      <c r="BQ945" s="162"/>
      <c r="BR945" s="162"/>
      <c r="BS945" s="162"/>
      <c r="BT945" s="162"/>
      <c r="BU945" s="162"/>
      <c r="BV945" s="162"/>
      <c r="BW945" s="162"/>
      <c r="BX945" s="162"/>
      <c r="BY945" s="162"/>
      <c r="BZ945" s="162"/>
      <c r="CA945" s="162"/>
      <c r="CB945" s="162"/>
      <c r="CC945" s="162"/>
      <c r="CD945" s="162"/>
      <c r="CE945" s="162"/>
      <c r="CF945" s="162"/>
      <c r="CG945" s="162"/>
      <c r="CH945" s="162"/>
      <c r="CI945" s="162"/>
      <c r="CJ945" s="162"/>
      <c r="CK945" s="162"/>
      <c r="CX945" s="98"/>
      <c r="DL945" s="97"/>
      <c r="DX945" s="98"/>
      <c r="EL945" s="97"/>
      <c r="EX945" s="98"/>
      <c r="EY945" s="97"/>
      <c r="FL945" s="126"/>
      <c r="FM945" s="91"/>
      <c r="FN945" s="91"/>
      <c r="FO945" s="91"/>
      <c r="FP945" s="91"/>
      <c r="FQ945" s="91"/>
      <c r="FR945" s="91"/>
      <c r="FS945" s="91"/>
      <c r="FT945" s="91"/>
      <c r="FU945" s="91"/>
      <c r="FV945" s="91"/>
      <c r="FW945" s="91"/>
      <c r="FX945" s="91"/>
      <c r="FY945" s="91"/>
      <c r="FZ945" s="91"/>
      <c r="GA945" s="91"/>
      <c r="GB945" s="91"/>
      <c r="GC945" s="91"/>
      <c r="GD945" s="91"/>
      <c r="GE945" s="91"/>
      <c r="GF945" s="91"/>
      <c r="GG945" s="91"/>
      <c r="GH945" s="91"/>
      <c r="GI945" s="91"/>
      <c r="GJ945" s="91"/>
      <c r="GK945" s="127"/>
      <c r="GL945" s="126"/>
      <c r="GM945" s="91"/>
      <c r="GN945" s="91"/>
      <c r="GO945" s="91"/>
      <c r="GP945" s="91"/>
      <c r="GQ945" s="91"/>
      <c r="GR945" s="91"/>
      <c r="GS945" s="91"/>
      <c r="GT945" s="91"/>
      <c r="GU945" s="91"/>
      <c r="GV945" s="91"/>
      <c r="GW945" s="91"/>
      <c r="GX945" s="91"/>
      <c r="GY945" s="91"/>
      <c r="GZ945" s="91"/>
      <c r="HA945" s="91"/>
      <c r="HB945" s="91"/>
      <c r="HC945" s="91"/>
      <c r="HD945" s="91"/>
      <c r="HE945" s="91"/>
      <c r="HF945" s="91"/>
      <c r="HG945" s="91"/>
      <c r="HH945" s="91"/>
      <c r="HI945" s="91"/>
      <c r="HJ945" s="91"/>
      <c r="HK945" s="127"/>
      <c r="HL945" s="126"/>
      <c r="HM945" s="91"/>
      <c r="HN945" s="91"/>
      <c r="HO945" s="91"/>
      <c r="HP945" s="91"/>
      <c r="HQ945" s="91"/>
      <c r="HR945" s="91"/>
      <c r="HS945" s="91"/>
      <c r="HT945" s="91"/>
      <c r="HU945" s="91"/>
      <c r="HV945" s="91"/>
      <c r="HW945" s="91"/>
      <c r="HX945" s="91"/>
      <c r="HY945" s="91"/>
      <c r="HZ945" s="91"/>
      <c r="IA945" s="91"/>
      <c r="IB945" s="91"/>
      <c r="IC945" s="91"/>
      <c r="ID945" s="91"/>
      <c r="IE945" s="91"/>
      <c r="IF945" s="91"/>
      <c r="IG945" s="91"/>
      <c r="IH945" s="91"/>
      <c r="II945" s="91"/>
      <c r="IJ945" s="91"/>
      <c r="IK945" s="127"/>
    </row>
    <row r="946" spans="2:245" x14ac:dyDescent="0.2">
      <c r="B946" s="43"/>
      <c r="C946" s="73"/>
      <c r="D946" s="64"/>
      <c r="E946" s="64"/>
      <c r="F946" s="55"/>
      <c r="G946" s="102"/>
      <c r="H946" s="55"/>
      <c r="I946" s="55"/>
      <c r="J946" s="55"/>
      <c r="K946" s="55"/>
      <c r="L946" s="55"/>
      <c r="M946" s="55"/>
      <c r="N946" s="55"/>
      <c r="O946" s="55"/>
      <c r="P946" s="55"/>
      <c r="Q946" s="55"/>
      <c r="R946" s="55"/>
      <c r="S946" s="55"/>
      <c r="T946" s="55"/>
      <c r="U946" s="55"/>
      <c r="V946" s="55"/>
      <c r="W946" s="55"/>
      <c r="X946" s="55"/>
      <c r="Y946" s="55"/>
      <c r="Z946" s="55"/>
      <c r="AA946" s="55"/>
      <c r="AB946" s="55"/>
      <c r="AC946" s="55"/>
      <c r="AD946" s="55"/>
      <c r="AE946" s="55"/>
      <c r="AF946" s="55"/>
      <c r="AG946" s="55"/>
      <c r="AY946" s="162"/>
      <c r="AZ946" s="162"/>
      <c r="BA946" s="162"/>
      <c r="BB946" s="162"/>
      <c r="BC946" s="162"/>
      <c r="BD946" s="162"/>
      <c r="BE946" s="162"/>
      <c r="BF946" s="162"/>
      <c r="BG946" s="162"/>
      <c r="BH946" s="162"/>
      <c r="BI946" s="162"/>
      <c r="BJ946" s="162"/>
      <c r="BK946" s="162"/>
      <c r="BL946" s="162"/>
      <c r="BM946" s="162"/>
      <c r="BN946" s="162"/>
      <c r="BO946" s="162"/>
      <c r="BP946" s="162"/>
      <c r="BQ946" s="162"/>
      <c r="BR946" s="162"/>
      <c r="BS946" s="162"/>
      <c r="BT946" s="162"/>
      <c r="BU946" s="162"/>
      <c r="BV946" s="162"/>
      <c r="BW946" s="162"/>
      <c r="BX946" s="162"/>
      <c r="BY946" s="162"/>
      <c r="BZ946" s="162"/>
      <c r="CA946" s="162"/>
      <c r="CB946" s="162"/>
      <c r="CC946" s="162"/>
      <c r="CD946" s="162"/>
      <c r="CE946" s="162"/>
      <c r="CF946" s="162"/>
      <c r="CG946" s="162"/>
      <c r="CH946" s="162"/>
      <c r="CI946" s="162"/>
      <c r="CJ946" s="162"/>
      <c r="CK946" s="162"/>
      <c r="CX946" s="98"/>
      <c r="DL946" s="97"/>
      <c r="DX946" s="98"/>
      <c r="EL946" s="97"/>
      <c r="EX946" s="98"/>
      <c r="EY946" s="97"/>
      <c r="FL946" s="126"/>
      <c r="FM946" s="91"/>
      <c r="FN946" s="91"/>
      <c r="FO946" s="91"/>
      <c r="FP946" s="91"/>
      <c r="FQ946" s="91"/>
      <c r="FR946" s="91"/>
      <c r="FS946" s="91"/>
      <c r="FT946" s="91"/>
      <c r="FU946" s="91"/>
      <c r="FV946" s="91"/>
      <c r="FW946" s="91"/>
      <c r="FX946" s="91"/>
      <c r="FY946" s="91"/>
      <c r="FZ946" s="91"/>
      <c r="GA946" s="91"/>
      <c r="GB946" s="91"/>
      <c r="GC946" s="91"/>
      <c r="GD946" s="91"/>
      <c r="GE946" s="91"/>
      <c r="GF946" s="91"/>
      <c r="GG946" s="91"/>
      <c r="GH946" s="91"/>
      <c r="GI946" s="91"/>
      <c r="GJ946" s="91"/>
      <c r="GK946" s="127"/>
      <c r="GL946" s="126"/>
      <c r="GM946" s="91"/>
      <c r="GN946" s="91"/>
      <c r="GO946" s="91"/>
      <c r="GP946" s="91"/>
      <c r="GQ946" s="91"/>
      <c r="GR946" s="91"/>
      <c r="GS946" s="91"/>
      <c r="GT946" s="91"/>
      <c r="GU946" s="91"/>
      <c r="GV946" s="91"/>
      <c r="GW946" s="91"/>
      <c r="GX946" s="91"/>
      <c r="GY946" s="91"/>
      <c r="GZ946" s="91"/>
      <c r="HA946" s="91"/>
      <c r="HB946" s="91"/>
      <c r="HC946" s="91"/>
      <c r="HD946" s="91"/>
      <c r="HE946" s="91"/>
      <c r="HF946" s="91"/>
      <c r="HG946" s="91"/>
      <c r="HH946" s="91"/>
      <c r="HI946" s="91"/>
      <c r="HJ946" s="91"/>
      <c r="HK946" s="127"/>
      <c r="HL946" s="126"/>
      <c r="HM946" s="91"/>
      <c r="HN946" s="91"/>
      <c r="HO946" s="91"/>
      <c r="HP946" s="91"/>
      <c r="HQ946" s="91"/>
      <c r="HR946" s="91"/>
      <c r="HS946" s="91"/>
      <c r="HT946" s="91"/>
      <c r="HU946" s="91"/>
      <c r="HV946" s="91"/>
      <c r="HW946" s="91"/>
      <c r="HX946" s="91"/>
      <c r="HY946" s="91"/>
      <c r="HZ946" s="91"/>
      <c r="IA946" s="91"/>
      <c r="IB946" s="91"/>
      <c r="IC946" s="91"/>
      <c r="ID946" s="91"/>
      <c r="IE946" s="91"/>
      <c r="IF946" s="91"/>
      <c r="IG946" s="91"/>
      <c r="IH946" s="91"/>
      <c r="II946" s="91"/>
      <c r="IJ946" s="91"/>
      <c r="IK946" s="127"/>
    </row>
    <row r="947" spans="2:245" x14ac:dyDescent="0.2">
      <c r="B947" s="43"/>
      <c r="C947" s="73"/>
      <c r="D947" s="64"/>
      <c r="E947" s="64"/>
      <c r="F947" s="55"/>
      <c r="G947" s="102"/>
      <c r="H947" s="55"/>
      <c r="I947" s="55"/>
      <c r="J947" s="55"/>
      <c r="K947" s="55"/>
      <c r="L947" s="55"/>
      <c r="M947" s="55"/>
      <c r="N947" s="55"/>
      <c r="O947" s="55"/>
      <c r="P947" s="55"/>
      <c r="Q947" s="55"/>
      <c r="R947" s="55"/>
      <c r="S947" s="55"/>
      <c r="T947" s="55"/>
      <c r="U947" s="55"/>
      <c r="V947" s="55"/>
      <c r="W947" s="55"/>
      <c r="X947" s="55"/>
      <c r="Y947" s="55"/>
      <c r="Z947" s="55"/>
      <c r="AA947" s="55"/>
      <c r="AB947" s="55"/>
      <c r="AC947" s="55"/>
      <c r="AD947" s="55"/>
      <c r="AE947" s="55"/>
      <c r="AF947" s="55"/>
      <c r="AG947" s="55"/>
      <c r="AY947" s="162"/>
      <c r="AZ947" s="162"/>
      <c r="BA947" s="162"/>
      <c r="BB947" s="162"/>
      <c r="BC947" s="162"/>
      <c r="BD947" s="162"/>
      <c r="BE947" s="162"/>
      <c r="BF947" s="162"/>
      <c r="BG947" s="162"/>
      <c r="BH947" s="162"/>
      <c r="BI947" s="162"/>
      <c r="BJ947" s="162"/>
      <c r="BK947" s="162"/>
      <c r="BL947" s="162"/>
      <c r="BM947" s="162"/>
      <c r="BN947" s="162"/>
      <c r="BO947" s="162"/>
      <c r="BP947" s="162"/>
      <c r="BQ947" s="162"/>
      <c r="BR947" s="162"/>
      <c r="BS947" s="162"/>
      <c r="BT947" s="162"/>
      <c r="BU947" s="162"/>
      <c r="BV947" s="162"/>
      <c r="BW947" s="162"/>
      <c r="BX947" s="162"/>
      <c r="BY947" s="162"/>
      <c r="BZ947" s="162"/>
      <c r="CA947" s="162"/>
      <c r="CB947" s="162"/>
      <c r="CC947" s="162"/>
      <c r="CD947" s="162"/>
      <c r="CE947" s="162"/>
      <c r="CF947" s="162"/>
      <c r="CG947" s="162"/>
      <c r="CH947" s="162"/>
      <c r="CI947" s="162"/>
      <c r="CJ947" s="162"/>
      <c r="CK947" s="162"/>
      <c r="CX947" s="98"/>
      <c r="DL947" s="97"/>
      <c r="DX947" s="98"/>
      <c r="EL947" s="97"/>
      <c r="EX947" s="98"/>
      <c r="EY947" s="97"/>
      <c r="FL947" s="126"/>
      <c r="FM947" s="91"/>
      <c r="FN947" s="91"/>
      <c r="FO947" s="91"/>
      <c r="FP947" s="91"/>
      <c r="FQ947" s="91"/>
      <c r="FR947" s="91"/>
      <c r="FS947" s="91"/>
      <c r="FT947" s="91"/>
      <c r="FU947" s="91"/>
      <c r="FV947" s="91"/>
      <c r="FW947" s="91"/>
      <c r="FX947" s="91"/>
      <c r="FY947" s="91"/>
      <c r="FZ947" s="91"/>
      <c r="GA947" s="91"/>
      <c r="GB947" s="91"/>
      <c r="GC947" s="91"/>
      <c r="GD947" s="91"/>
      <c r="GE947" s="91"/>
      <c r="GF947" s="91"/>
      <c r="GG947" s="91"/>
      <c r="GH947" s="91"/>
      <c r="GI947" s="91"/>
      <c r="GJ947" s="91"/>
      <c r="GK947" s="127"/>
      <c r="GL947" s="126"/>
      <c r="GM947" s="91"/>
      <c r="GN947" s="91"/>
      <c r="GO947" s="91"/>
      <c r="GP947" s="91"/>
      <c r="GQ947" s="91"/>
      <c r="GR947" s="91"/>
      <c r="GS947" s="91"/>
      <c r="GT947" s="91"/>
      <c r="GU947" s="91"/>
      <c r="GV947" s="91"/>
      <c r="GW947" s="91"/>
      <c r="GX947" s="91"/>
      <c r="GY947" s="91"/>
      <c r="GZ947" s="91"/>
      <c r="HA947" s="91"/>
      <c r="HB947" s="91"/>
      <c r="HC947" s="91"/>
      <c r="HD947" s="91"/>
      <c r="HE947" s="91"/>
      <c r="HF947" s="91"/>
      <c r="HG947" s="91"/>
      <c r="HH947" s="91"/>
      <c r="HI947" s="91"/>
      <c r="HJ947" s="91"/>
      <c r="HK947" s="127"/>
      <c r="HL947" s="126"/>
      <c r="HM947" s="91"/>
      <c r="HN947" s="91"/>
      <c r="HO947" s="91"/>
      <c r="HP947" s="91"/>
      <c r="HQ947" s="91"/>
      <c r="HR947" s="91"/>
      <c r="HS947" s="91"/>
      <c r="HT947" s="91"/>
      <c r="HU947" s="91"/>
      <c r="HV947" s="91"/>
      <c r="HW947" s="91"/>
      <c r="HX947" s="91"/>
      <c r="HY947" s="91"/>
      <c r="HZ947" s="91"/>
      <c r="IA947" s="91"/>
      <c r="IB947" s="91"/>
      <c r="IC947" s="91"/>
      <c r="ID947" s="91"/>
      <c r="IE947" s="91"/>
      <c r="IF947" s="91"/>
      <c r="IG947" s="91"/>
      <c r="IH947" s="91"/>
      <c r="II947" s="91"/>
      <c r="IJ947" s="91"/>
      <c r="IK947" s="127"/>
    </row>
    <row r="948" spans="2:245" ht="13.5" thickBot="1" x14ac:dyDescent="0.25">
      <c r="B948" s="43"/>
      <c r="C948" s="73"/>
      <c r="D948" s="64"/>
      <c r="E948" s="64"/>
      <c r="F948" s="55"/>
      <c r="G948" s="102"/>
      <c r="H948" s="55"/>
      <c r="I948" s="55"/>
      <c r="J948" s="55"/>
      <c r="K948" s="55"/>
      <c r="L948" s="55"/>
      <c r="M948" s="55"/>
      <c r="N948" s="55"/>
      <c r="O948" s="55"/>
      <c r="P948" s="55"/>
      <c r="Q948" s="55"/>
      <c r="R948" s="55"/>
      <c r="S948" s="55"/>
      <c r="T948" s="55"/>
      <c r="U948" s="55"/>
      <c r="V948" s="55"/>
      <c r="W948" s="55"/>
      <c r="X948" s="55"/>
      <c r="Y948" s="55"/>
      <c r="Z948" s="55"/>
      <c r="AA948" s="55"/>
      <c r="AB948" s="55"/>
      <c r="AC948" s="55"/>
      <c r="AD948" s="55"/>
      <c r="AE948" s="55"/>
      <c r="AF948" s="55"/>
      <c r="AG948" s="55"/>
      <c r="AY948" s="162"/>
      <c r="AZ948" s="162"/>
      <c r="BA948" s="162"/>
      <c r="BB948" s="162"/>
      <c r="BC948" s="162"/>
      <c r="BD948" s="162"/>
      <c r="BE948" s="162"/>
      <c r="BF948" s="162"/>
      <c r="BG948" s="162"/>
      <c r="BH948" s="162"/>
      <c r="BI948" s="162"/>
      <c r="BJ948" s="162"/>
      <c r="BK948" s="162"/>
      <c r="BL948" s="162"/>
      <c r="BM948" s="162"/>
      <c r="BN948" s="162"/>
      <c r="BO948" s="162"/>
      <c r="BP948" s="162"/>
      <c r="BQ948" s="162"/>
      <c r="BR948" s="162"/>
      <c r="BS948" s="162"/>
      <c r="BT948" s="162"/>
      <c r="BU948" s="162"/>
      <c r="BV948" s="162"/>
      <c r="BW948" s="162"/>
      <c r="BX948" s="162"/>
      <c r="BY948" s="162"/>
      <c r="BZ948" s="162"/>
      <c r="CA948" s="162"/>
      <c r="CB948" s="162"/>
      <c r="CC948" s="162"/>
      <c r="CD948" s="162"/>
      <c r="CE948" s="162"/>
      <c r="CF948" s="162"/>
      <c r="CG948" s="162"/>
      <c r="CH948" s="162"/>
      <c r="CI948" s="162"/>
      <c r="CJ948" s="162"/>
      <c r="CK948" s="162"/>
      <c r="CX948" s="98"/>
      <c r="DL948" s="97"/>
      <c r="DX948" s="98"/>
      <c r="EL948" s="97"/>
      <c r="EX948" s="98"/>
      <c r="EY948" s="97"/>
      <c r="FL948" s="126"/>
      <c r="FM948" s="91"/>
      <c r="FN948" s="91"/>
      <c r="FO948" s="91"/>
      <c r="FP948" s="91"/>
      <c r="FQ948" s="91"/>
      <c r="FR948" s="91"/>
      <c r="FS948" s="91"/>
      <c r="FT948" s="91"/>
      <c r="FU948" s="91"/>
      <c r="FV948" s="91"/>
      <c r="FW948" s="91"/>
      <c r="FX948" s="91"/>
      <c r="FY948" s="91"/>
      <c r="FZ948" s="91"/>
      <c r="GA948" s="91"/>
      <c r="GB948" s="91"/>
      <c r="GC948" s="91"/>
      <c r="GD948" s="91"/>
      <c r="GE948" s="91"/>
      <c r="GF948" s="91"/>
      <c r="GG948" s="91"/>
      <c r="GH948" s="91"/>
      <c r="GI948" s="91"/>
      <c r="GJ948" s="91"/>
      <c r="GK948" s="127"/>
      <c r="GL948" s="126"/>
      <c r="GM948" s="91"/>
      <c r="GN948" s="91"/>
      <c r="GO948" s="91"/>
      <c r="GP948" s="91"/>
      <c r="GQ948" s="91"/>
      <c r="GR948" s="91"/>
      <c r="GS948" s="91"/>
      <c r="GT948" s="91"/>
      <c r="GU948" s="91"/>
      <c r="GV948" s="91"/>
      <c r="GW948" s="91"/>
      <c r="GX948" s="91"/>
      <c r="GY948" s="91"/>
      <c r="GZ948" s="91"/>
      <c r="HA948" s="91"/>
      <c r="HB948" s="91"/>
      <c r="HC948" s="91"/>
      <c r="HD948" s="91"/>
      <c r="HE948" s="91"/>
      <c r="HF948" s="91"/>
      <c r="HG948" s="91"/>
      <c r="HH948" s="91"/>
      <c r="HI948" s="91"/>
      <c r="HJ948" s="91"/>
      <c r="HK948" s="127"/>
      <c r="HL948" s="126"/>
      <c r="HM948" s="91"/>
      <c r="HN948" s="91"/>
      <c r="HO948" s="91"/>
      <c r="HP948" s="91"/>
      <c r="HQ948" s="91"/>
      <c r="HR948" s="91"/>
      <c r="HS948" s="91"/>
      <c r="HT948" s="91"/>
      <c r="HU948" s="91"/>
      <c r="HV948" s="91"/>
      <c r="HW948" s="91"/>
      <c r="HX948" s="91"/>
      <c r="HY948" s="91"/>
      <c r="HZ948" s="91"/>
      <c r="IA948" s="91"/>
      <c r="IB948" s="91"/>
      <c r="IC948" s="91"/>
      <c r="ID948" s="91"/>
      <c r="IE948" s="91"/>
      <c r="IF948" s="91"/>
      <c r="IG948" s="91"/>
      <c r="IH948" s="91"/>
      <c r="II948" s="91"/>
      <c r="IJ948" s="91"/>
      <c r="IK948" s="127"/>
    </row>
    <row r="949" spans="2:245" x14ac:dyDescent="0.2">
      <c r="B949" s="43"/>
      <c r="C949" s="73"/>
      <c r="D949" s="64"/>
      <c r="E949" s="64"/>
      <c r="F949" s="55"/>
      <c r="G949" s="102"/>
      <c r="H949" s="55"/>
      <c r="I949" s="55"/>
      <c r="J949" s="55"/>
      <c r="K949" s="55"/>
      <c r="L949" s="55"/>
      <c r="M949" s="55"/>
      <c r="N949" s="55"/>
      <c r="O949" s="55"/>
      <c r="P949" s="55"/>
      <c r="Q949" s="55"/>
      <c r="R949" s="55"/>
      <c r="S949" s="55"/>
      <c r="T949" s="55"/>
      <c r="U949" s="55"/>
      <c r="V949" s="55"/>
      <c r="W949" s="55"/>
      <c r="X949" s="55"/>
      <c r="Y949" s="55"/>
      <c r="Z949" s="55"/>
      <c r="AA949" s="55"/>
      <c r="AB949" s="55"/>
      <c r="AC949" s="55"/>
      <c r="AD949" s="55"/>
      <c r="AE949" s="55"/>
      <c r="AF949" s="55"/>
      <c r="AG949" s="55"/>
      <c r="AY949" s="162"/>
      <c r="AZ949" s="162"/>
      <c r="BA949" s="162"/>
      <c r="BB949" s="162"/>
      <c r="BC949" s="162"/>
      <c r="BD949" s="162"/>
      <c r="BE949" s="162"/>
      <c r="BF949" s="162"/>
      <c r="BG949" s="162"/>
      <c r="BH949" s="162"/>
      <c r="BI949" s="162"/>
      <c r="BJ949" s="162"/>
      <c r="BK949" s="162"/>
      <c r="BL949" s="162"/>
      <c r="BM949" s="162"/>
      <c r="BN949" s="162"/>
      <c r="BO949" s="162"/>
      <c r="BP949" s="162"/>
      <c r="BQ949" s="162"/>
      <c r="BR949" s="162"/>
      <c r="BS949" s="162"/>
      <c r="BT949" s="162"/>
      <c r="BU949" s="162"/>
      <c r="BV949" s="162"/>
      <c r="BW949" s="162"/>
      <c r="BX949" s="162"/>
      <c r="BY949" s="162"/>
      <c r="BZ949" s="162"/>
      <c r="CA949" s="162"/>
      <c r="CB949" s="162"/>
      <c r="CC949" s="162"/>
      <c r="CD949" s="162"/>
      <c r="CE949" s="162"/>
      <c r="CF949" s="162"/>
      <c r="CG949" s="162"/>
      <c r="CH949" s="162"/>
      <c r="CI949" s="162"/>
      <c r="CJ949" s="162"/>
      <c r="CK949" s="162"/>
      <c r="CL949" s="163"/>
      <c r="CM949" s="163"/>
      <c r="CN949" s="163"/>
      <c r="CO949" s="163"/>
      <c r="CP949" s="163"/>
      <c r="CQ949" s="163"/>
      <c r="CR949" s="163"/>
      <c r="CS949" s="163"/>
      <c r="CT949" s="163"/>
      <c r="CU949" s="163"/>
      <c r="CV949" s="163"/>
      <c r="CW949" s="163"/>
      <c r="CX949" s="173"/>
      <c r="CY949" s="163"/>
      <c r="CZ949" s="163"/>
      <c r="DA949" s="163"/>
      <c r="DB949" s="163"/>
      <c r="DC949" s="163"/>
      <c r="DD949" s="163"/>
      <c r="DE949" s="163"/>
      <c r="DF949" s="163"/>
      <c r="DG949" s="163"/>
      <c r="DH949" s="163"/>
      <c r="DI949" s="163"/>
      <c r="DJ949" s="163"/>
      <c r="DK949" s="163"/>
      <c r="DL949" s="172"/>
      <c r="DM949" s="163"/>
      <c r="DN949" s="163"/>
      <c r="DO949" s="163"/>
      <c r="DP949" s="163"/>
      <c r="DQ949" s="163"/>
      <c r="DR949" s="163"/>
      <c r="DS949" s="163"/>
      <c r="DT949" s="163"/>
      <c r="DU949" s="163"/>
      <c r="DV949" s="163"/>
      <c r="DW949" s="163"/>
      <c r="DX949" s="173"/>
      <c r="DY949" s="163"/>
      <c r="DZ949" s="163"/>
      <c r="EA949" s="163"/>
      <c r="EB949" s="163"/>
      <c r="EC949" s="163"/>
      <c r="ED949" s="163"/>
      <c r="EE949" s="163"/>
      <c r="EF949" s="163"/>
      <c r="EG949" s="163"/>
      <c r="EH949" s="163"/>
      <c r="EI949" s="163"/>
      <c r="EJ949" s="163"/>
      <c r="EK949" s="163"/>
      <c r="EL949" s="172"/>
      <c r="EM949" s="163"/>
      <c r="EN949" s="163"/>
      <c r="EO949" s="163"/>
      <c r="EP949" s="163"/>
      <c r="EQ949" s="163"/>
      <c r="ER949" s="163"/>
      <c r="ES949" s="163"/>
      <c r="ET949" s="163"/>
      <c r="EU949" s="163"/>
      <c r="EV949" s="163"/>
      <c r="EW949" s="163"/>
      <c r="EX949" s="173"/>
      <c r="EY949" s="172"/>
      <c r="EZ949" s="163"/>
      <c r="FA949" s="163"/>
      <c r="FB949" s="163"/>
      <c r="FC949" s="163"/>
      <c r="FD949" s="163"/>
      <c r="FE949" s="163"/>
      <c r="FF949" s="163"/>
      <c r="FG949" s="163"/>
      <c r="FH949" s="163"/>
      <c r="FI949" s="163"/>
      <c r="FJ949" s="163"/>
      <c r="FK949" s="163"/>
      <c r="FL949" s="126"/>
      <c r="FM949" s="91"/>
      <c r="FN949" s="91"/>
      <c r="FO949" s="91"/>
      <c r="FP949" s="91"/>
      <c r="FQ949" s="91"/>
      <c r="FR949" s="91"/>
      <c r="FS949" s="91"/>
      <c r="FT949" s="91"/>
      <c r="FU949" s="91"/>
      <c r="FV949" s="91"/>
      <c r="FW949" s="91"/>
      <c r="FX949" s="91"/>
      <c r="FY949" s="91"/>
      <c r="FZ949" s="91"/>
      <c r="GA949" s="91"/>
      <c r="GB949" s="91"/>
      <c r="GC949" s="91"/>
      <c r="GD949" s="91"/>
      <c r="GE949" s="91"/>
      <c r="GF949" s="91"/>
      <c r="GG949" s="91"/>
      <c r="GH949" s="91"/>
      <c r="GI949" s="91"/>
      <c r="GJ949" s="91"/>
      <c r="GK949" s="127"/>
      <c r="GL949" s="126"/>
      <c r="GM949" s="91"/>
      <c r="GN949" s="91"/>
      <c r="GO949" s="91"/>
      <c r="GP949" s="91"/>
      <c r="GQ949" s="91"/>
      <c r="GR949" s="91"/>
      <c r="GS949" s="91"/>
      <c r="GT949" s="91"/>
      <c r="GU949" s="91"/>
      <c r="GV949" s="91"/>
      <c r="GW949" s="91"/>
      <c r="GX949" s="91"/>
      <c r="GY949" s="91"/>
      <c r="GZ949" s="91"/>
      <c r="HA949" s="91"/>
      <c r="HB949" s="91"/>
      <c r="HC949" s="91"/>
      <c r="HD949" s="91"/>
      <c r="HE949" s="91"/>
      <c r="HF949" s="91"/>
      <c r="HG949" s="91"/>
      <c r="HH949" s="91"/>
      <c r="HI949" s="91"/>
      <c r="HJ949" s="91"/>
      <c r="HK949" s="127"/>
      <c r="HL949" s="126"/>
      <c r="HM949" s="91"/>
      <c r="HN949" s="91"/>
      <c r="HO949" s="91"/>
      <c r="HP949" s="91"/>
      <c r="HQ949" s="91"/>
      <c r="HR949" s="91"/>
      <c r="HS949" s="91"/>
      <c r="HT949" s="91"/>
      <c r="HU949" s="91"/>
      <c r="HV949" s="91"/>
      <c r="HW949" s="91"/>
      <c r="HX949" s="91"/>
      <c r="HY949" s="91"/>
      <c r="HZ949" s="91"/>
      <c r="IA949" s="91"/>
      <c r="IB949" s="91"/>
      <c r="IC949" s="91"/>
      <c r="ID949" s="91"/>
      <c r="IE949" s="91"/>
      <c r="IF949" s="91"/>
      <c r="IG949" s="91"/>
      <c r="IH949" s="91"/>
      <c r="II949" s="91"/>
      <c r="IJ949" s="91"/>
      <c r="IK949" s="127"/>
    </row>
    <row r="950" spans="2:245" x14ac:dyDescent="0.2">
      <c r="B950" s="43"/>
      <c r="C950" s="73"/>
      <c r="D950" s="64"/>
      <c r="E950" s="64"/>
      <c r="F950" s="55"/>
      <c r="G950" s="102"/>
      <c r="H950" s="55"/>
      <c r="I950" s="55"/>
      <c r="J950" s="55"/>
      <c r="K950" s="55"/>
      <c r="L950" s="55"/>
      <c r="M950" s="55"/>
      <c r="N950" s="55"/>
      <c r="O950" s="55"/>
      <c r="P950" s="55"/>
      <c r="Q950" s="55"/>
      <c r="R950" s="55"/>
      <c r="S950" s="55"/>
      <c r="T950" s="55"/>
      <c r="U950" s="55"/>
      <c r="V950" s="55"/>
      <c r="W950" s="55"/>
      <c r="X950" s="55"/>
      <c r="Y950" s="55"/>
      <c r="Z950" s="55"/>
      <c r="AA950" s="55"/>
      <c r="AB950" s="55"/>
      <c r="AC950" s="55"/>
      <c r="AD950" s="55"/>
      <c r="AE950" s="55"/>
      <c r="AF950" s="55"/>
      <c r="AG950" s="55"/>
      <c r="AY950" s="162"/>
      <c r="AZ950" s="162"/>
      <c r="BA950" s="162"/>
      <c r="BB950" s="162"/>
      <c r="BC950" s="162"/>
      <c r="BD950" s="162"/>
      <c r="BE950" s="162"/>
      <c r="BF950" s="162"/>
      <c r="BG950" s="162"/>
      <c r="BH950" s="162"/>
      <c r="BI950" s="162"/>
      <c r="BJ950" s="162"/>
      <c r="BK950" s="162"/>
      <c r="BL950" s="162"/>
      <c r="BM950" s="162"/>
      <c r="BN950" s="162"/>
      <c r="BO950" s="162"/>
      <c r="BP950" s="162"/>
      <c r="BQ950" s="162"/>
      <c r="BR950" s="162"/>
      <c r="BS950" s="162"/>
      <c r="BT950" s="162"/>
      <c r="BU950" s="162"/>
      <c r="BV950" s="162"/>
      <c r="BW950" s="162"/>
      <c r="BX950" s="162"/>
      <c r="BY950" s="162"/>
      <c r="BZ950" s="162"/>
      <c r="CA950" s="162"/>
      <c r="CB950" s="162"/>
      <c r="CC950" s="162"/>
      <c r="CD950" s="162"/>
      <c r="CE950" s="162"/>
      <c r="CF950" s="162"/>
      <c r="CG950" s="162"/>
      <c r="CH950" s="162"/>
      <c r="CI950" s="162"/>
      <c r="CJ950" s="162"/>
      <c r="CK950" s="162"/>
      <c r="CX950" s="98"/>
      <c r="DL950" s="97"/>
      <c r="DX950" s="98"/>
      <c r="EL950" s="97"/>
      <c r="EX950" s="98"/>
      <c r="EY950" s="97"/>
      <c r="FL950" s="126"/>
      <c r="FM950" s="91"/>
      <c r="FN950" s="91"/>
      <c r="FO950" s="91"/>
      <c r="FP950" s="91"/>
      <c r="FQ950" s="91"/>
      <c r="FR950" s="91"/>
      <c r="FS950" s="91"/>
      <c r="FT950" s="91"/>
      <c r="FU950" s="91"/>
      <c r="FV950" s="91"/>
      <c r="FW950" s="91"/>
      <c r="FX950" s="91"/>
      <c r="FY950" s="91"/>
      <c r="FZ950" s="91"/>
      <c r="GA950" s="91"/>
      <c r="GB950" s="91"/>
      <c r="GC950" s="91"/>
      <c r="GD950" s="91"/>
      <c r="GE950" s="91"/>
      <c r="GF950" s="91"/>
      <c r="GG950" s="91"/>
      <c r="GH950" s="91"/>
      <c r="GI950" s="91"/>
      <c r="GJ950" s="91"/>
      <c r="GK950" s="127"/>
      <c r="GL950" s="126"/>
      <c r="GM950" s="91"/>
      <c r="GN950" s="91"/>
      <c r="GO950" s="91"/>
      <c r="GP950" s="91"/>
      <c r="GQ950" s="91"/>
      <c r="GR950" s="91"/>
      <c r="GS950" s="91"/>
      <c r="GT950" s="91"/>
      <c r="GU950" s="91"/>
      <c r="GV950" s="91"/>
      <c r="GW950" s="91"/>
      <c r="GX950" s="91"/>
      <c r="GY950" s="91"/>
      <c r="GZ950" s="91"/>
      <c r="HA950" s="91"/>
      <c r="HB950" s="91"/>
      <c r="HC950" s="91"/>
      <c r="HD950" s="91"/>
      <c r="HE950" s="91"/>
      <c r="HF950" s="91"/>
      <c r="HG950" s="91"/>
      <c r="HH950" s="91"/>
      <c r="HI950" s="91"/>
      <c r="HJ950" s="91"/>
      <c r="HK950" s="127"/>
      <c r="HL950" s="126"/>
      <c r="HM950" s="91"/>
      <c r="HN950" s="91"/>
      <c r="HO950" s="91"/>
      <c r="HP950" s="91"/>
      <c r="HQ950" s="91"/>
      <c r="HR950" s="91"/>
      <c r="HS950" s="91"/>
      <c r="HT950" s="91"/>
      <c r="HU950" s="91"/>
      <c r="HV950" s="91"/>
      <c r="HW950" s="91"/>
      <c r="HX950" s="91"/>
      <c r="HY950" s="91"/>
      <c r="HZ950" s="91"/>
      <c r="IA950" s="91"/>
      <c r="IB950" s="91"/>
      <c r="IC950" s="91"/>
      <c r="ID950" s="91"/>
      <c r="IE950" s="91"/>
      <c r="IF950" s="91"/>
      <c r="IG950" s="91"/>
      <c r="IH950" s="91"/>
      <c r="II950" s="91"/>
      <c r="IJ950" s="91"/>
      <c r="IK950" s="127"/>
    </row>
    <row r="951" spans="2:245" x14ac:dyDescent="0.2">
      <c r="B951" s="43"/>
      <c r="C951" s="73"/>
      <c r="D951" s="64"/>
      <c r="E951" s="64"/>
      <c r="F951" s="55"/>
      <c r="G951" s="102"/>
      <c r="H951" s="55"/>
      <c r="I951" s="55"/>
      <c r="J951" s="55"/>
      <c r="K951" s="55"/>
      <c r="L951" s="55"/>
      <c r="M951" s="55"/>
      <c r="N951" s="55"/>
      <c r="O951" s="55"/>
      <c r="P951" s="55"/>
      <c r="Q951" s="55"/>
      <c r="R951" s="55"/>
      <c r="S951" s="55"/>
      <c r="T951" s="55"/>
      <c r="U951" s="55"/>
      <c r="V951" s="55"/>
      <c r="W951" s="55"/>
      <c r="X951" s="55"/>
      <c r="Y951" s="55"/>
      <c r="Z951" s="55"/>
      <c r="AA951" s="55"/>
      <c r="AB951" s="55"/>
      <c r="AC951" s="55"/>
      <c r="AD951" s="55"/>
      <c r="AE951" s="55"/>
      <c r="AF951" s="55"/>
      <c r="AG951" s="55"/>
      <c r="AY951" s="162"/>
      <c r="AZ951" s="162"/>
      <c r="BA951" s="162"/>
      <c r="BB951" s="162"/>
      <c r="BC951" s="162"/>
      <c r="BD951" s="162"/>
      <c r="BE951" s="162"/>
      <c r="BF951" s="162"/>
      <c r="BG951" s="162"/>
      <c r="BH951" s="162"/>
      <c r="BI951" s="162"/>
      <c r="BJ951" s="162"/>
      <c r="BK951" s="162"/>
      <c r="BL951" s="162"/>
      <c r="BM951" s="162"/>
      <c r="BN951" s="162"/>
      <c r="BO951" s="162"/>
      <c r="BP951" s="162"/>
      <c r="BQ951" s="162"/>
      <c r="BR951" s="162"/>
      <c r="BS951" s="162"/>
      <c r="BT951" s="162"/>
      <c r="BU951" s="162"/>
      <c r="BV951" s="162"/>
      <c r="BW951" s="162"/>
      <c r="BX951" s="162"/>
      <c r="BY951" s="162"/>
      <c r="BZ951" s="162"/>
      <c r="CA951" s="162"/>
      <c r="CB951" s="162"/>
      <c r="CC951" s="162"/>
      <c r="CD951" s="162"/>
      <c r="CE951" s="162"/>
      <c r="CF951" s="162"/>
      <c r="CG951" s="162"/>
      <c r="CH951" s="162"/>
      <c r="CI951" s="162"/>
      <c r="CJ951" s="162"/>
      <c r="CK951" s="162"/>
      <c r="CX951" s="98"/>
      <c r="DL951" s="97"/>
      <c r="DX951" s="98"/>
      <c r="EL951" s="97"/>
      <c r="EX951" s="98"/>
      <c r="EY951" s="97"/>
      <c r="FL951" s="126"/>
      <c r="FM951" s="91"/>
      <c r="FN951" s="91"/>
      <c r="FO951" s="91"/>
      <c r="FP951" s="91"/>
      <c r="FQ951" s="91"/>
      <c r="FR951" s="91"/>
      <c r="FS951" s="91"/>
      <c r="FT951" s="91"/>
      <c r="FU951" s="91"/>
      <c r="FV951" s="91"/>
      <c r="FW951" s="91"/>
      <c r="FX951" s="91"/>
      <c r="FY951" s="91"/>
      <c r="FZ951" s="91"/>
      <c r="GA951" s="91"/>
      <c r="GB951" s="91"/>
      <c r="GC951" s="91"/>
      <c r="GD951" s="91"/>
      <c r="GE951" s="91"/>
      <c r="GF951" s="91"/>
      <c r="GG951" s="91"/>
      <c r="GH951" s="91"/>
      <c r="GI951" s="91"/>
      <c r="GJ951" s="91"/>
      <c r="GK951" s="127"/>
      <c r="GL951" s="126"/>
      <c r="GM951" s="91"/>
      <c r="GN951" s="91"/>
      <c r="GO951" s="91"/>
      <c r="GP951" s="91"/>
      <c r="GQ951" s="91"/>
      <c r="GR951" s="91"/>
      <c r="GS951" s="91"/>
      <c r="GT951" s="91"/>
      <c r="GU951" s="91"/>
      <c r="GV951" s="91"/>
      <c r="GW951" s="91"/>
      <c r="GX951" s="91"/>
      <c r="GY951" s="91"/>
      <c r="GZ951" s="91"/>
      <c r="HA951" s="91"/>
      <c r="HB951" s="91"/>
      <c r="HC951" s="91"/>
      <c r="HD951" s="91"/>
      <c r="HE951" s="91"/>
      <c r="HF951" s="91"/>
      <c r="HG951" s="91"/>
      <c r="HH951" s="91"/>
      <c r="HI951" s="91"/>
      <c r="HJ951" s="91"/>
      <c r="HK951" s="127"/>
      <c r="HL951" s="126"/>
      <c r="HM951" s="91"/>
      <c r="HN951" s="91"/>
      <c r="HO951" s="91"/>
      <c r="HP951" s="91"/>
      <c r="HQ951" s="91"/>
      <c r="HR951" s="91"/>
      <c r="HS951" s="91"/>
      <c r="HT951" s="91"/>
      <c r="HU951" s="91"/>
      <c r="HV951" s="91"/>
      <c r="HW951" s="91"/>
      <c r="HX951" s="91"/>
      <c r="HY951" s="91"/>
      <c r="HZ951" s="91"/>
      <c r="IA951" s="91"/>
      <c r="IB951" s="91"/>
      <c r="IC951" s="91"/>
      <c r="ID951" s="91"/>
      <c r="IE951" s="91"/>
      <c r="IF951" s="91"/>
      <c r="IG951" s="91"/>
      <c r="IH951" s="91"/>
      <c r="II951" s="91"/>
      <c r="IJ951" s="91"/>
      <c r="IK951" s="127"/>
    </row>
    <row r="952" spans="2:245" x14ac:dyDescent="0.2">
      <c r="B952" s="43"/>
      <c r="C952" s="73"/>
      <c r="D952" s="64"/>
      <c r="E952" s="64"/>
      <c r="F952" s="55"/>
      <c r="G952" s="102"/>
      <c r="H952" s="55"/>
      <c r="I952" s="55"/>
      <c r="J952" s="55"/>
      <c r="K952" s="55"/>
      <c r="L952" s="55"/>
      <c r="M952" s="55"/>
      <c r="N952" s="55"/>
      <c r="O952" s="55"/>
      <c r="P952" s="55"/>
      <c r="Q952" s="55"/>
      <c r="R952" s="55"/>
      <c r="S952" s="55"/>
      <c r="T952" s="55"/>
      <c r="U952" s="55"/>
      <c r="V952" s="55"/>
      <c r="W952" s="55"/>
      <c r="X952" s="55"/>
      <c r="Y952" s="55"/>
      <c r="Z952" s="55"/>
      <c r="AA952" s="55"/>
      <c r="AB952" s="55"/>
      <c r="AC952" s="55"/>
      <c r="AD952" s="55"/>
      <c r="AE952" s="55"/>
      <c r="AF952" s="55"/>
      <c r="AG952" s="55"/>
      <c r="AY952" s="162"/>
      <c r="AZ952" s="162"/>
      <c r="BA952" s="162"/>
      <c r="BB952" s="162"/>
      <c r="BC952" s="162"/>
      <c r="BD952" s="162"/>
      <c r="BE952" s="162"/>
      <c r="BF952" s="162"/>
      <c r="BG952" s="162"/>
      <c r="BH952" s="162"/>
      <c r="BI952" s="162"/>
      <c r="BJ952" s="162"/>
      <c r="BK952" s="162"/>
      <c r="BL952" s="162"/>
      <c r="BM952" s="162"/>
      <c r="BN952" s="162"/>
      <c r="BO952" s="162"/>
      <c r="BP952" s="162"/>
      <c r="BQ952" s="162"/>
      <c r="BR952" s="162"/>
      <c r="BS952" s="162"/>
      <c r="BT952" s="162"/>
      <c r="BU952" s="162"/>
      <c r="BV952" s="162"/>
      <c r="BW952" s="162"/>
      <c r="BX952" s="162"/>
      <c r="BY952" s="162"/>
      <c r="BZ952" s="162"/>
      <c r="CA952" s="162"/>
      <c r="CB952" s="162"/>
      <c r="CC952" s="162"/>
      <c r="CD952" s="162"/>
      <c r="CE952" s="162"/>
      <c r="CF952" s="162"/>
      <c r="CG952" s="162"/>
      <c r="CH952" s="162"/>
      <c r="CI952" s="162"/>
      <c r="CJ952" s="162"/>
      <c r="CK952" s="162"/>
      <c r="CX952" s="98"/>
      <c r="DL952" s="97"/>
      <c r="DX952" s="98"/>
      <c r="EL952" s="97"/>
      <c r="EX952" s="98"/>
      <c r="EY952" s="97"/>
      <c r="FL952" s="126"/>
      <c r="FM952" s="91"/>
      <c r="FN952" s="91"/>
      <c r="FO952" s="91"/>
      <c r="FP952" s="91"/>
      <c r="FQ952" s="91"/>
      <c r="FR952" s="91"/>
      <c r="FS952" s="91"/>
      <c r="FT952" s="91"/>
      <c r="FU952" s="91"/>
      <c r="FV952" s="91"/>
      <c r="FW952" s="91"/>
      <c r="FX952" s="91"/>
      <c r="FY952" s="91"/>
      <c r="FZ952" s="91"/>
      <c r="GA952" s="91"/>
      <c r="GB952" s="91"/>
      <c r="GC952" s="91"/>
      <c r="GD952" s="91"/>
      <c r="GE952" s="91"/>
      <c r="GF952" s="91"/>
      <c r="GG952" s="91"/>
      <c r="GH952" s="91"/>
      <c r="GI952" s="91"/>
      <c r="GJ952" s="91"/>
      <c r="GK952" s="127"/>
      <c r="GL952" s="126"/>
      <c r="GM952" s="91"/>
      <c r="GN952" s="91"/>
      <c r="GO952" s="91"/>
      <c r="GP952" s="91"/>
      <c r="GQ952" s="91"/>
      <c r="GR952" s="91"/>
      <c r="GS952" s="91"/>
      <c r="GT952" s="91"/>
      <c r="GU952" s="91"/>
      <c r="GV952" s="91"/>
      <c r="GW952" s="91"/>
      <c r="GX952" s="91"/>
      <c r="GY952" s="91"/>
      <c r="GZ952" s="91"/>
      <c r="HA952" s="91"/>
      <c r="HB952" s="91"/>
      <c r="HC952" s="91"/>
      <c r="HD952" s="91"/>
      <c r="HE952" s="91"/>
      <c r="HF952" s="91"/>
      <c r="HG952" s="91"/>
      <c r="HH952" s="91"/>
      <c r="HI952" s="91"/>
      <c r="HJ952" s="91"/>
      <c r="HK952" s="127"/>
      <c r="HL952" s="126"/>
      <c r="HM952" s="91"/>
      <c r="HN952" s="91"/>
      <c r="HO952" s="91"/>
      <c r="HP952" s="91"/>
      <c r="HQ952" s="91"/>
      <c r="HR952" s="91"/>
      <c r="HS952" s="91"/>
      <c r="HT952" s="91"/>
      <c r="HU952" s="91"/>
      <c r="HV952" s="91"/>
      <c r="HW952" s="91"/>
      <c r="HX952" s="91"/>
      <c r="HY952" s="91"/>
      <c r="HZ952" s="91"/>
      <c r="IA952" s="91"/>
      <c r="IB952" s="91"/>
      <c r="IC952" s="91"/>
      <c r="ID952" s="91"/>
      <c r="IE952" s="91"/>
      <c r="IF952" s="91"/>
      <c r="IG952" s="91"/>
      <c r="IH952" s="91"/>
      <c r="II952" s="91"/>
      <c r="IJ952" s="91"/>
      <c r="IK952" s="127"/>
    </row>
    <row r="953" spans="2:245" x14ac:dyDescent="0.2">
      <c r="B953" s="43"/>
      <c r="C953" s="73"/>
      <c r="D953" s="64"/>
      <c r="E953" s="64"/>
      <c r="F953" s="55"/>
      <c r="G953" s="102"/>
      <c r="H953" s="55"/>
      <c r="I953" s="55"/>
      <c r="J953" s="55"/>
      <c r="K953" s="55"/>
      <c r="L953" s="55"/>
      <c r="M953" s="55"/>
      <c r="N953" s="55"/>
      <c r="O953" s="55"/>
      <c r="P953" s="55"/>
      <c r="Q953" s="55"/>
      <c r="R953" s="55"/>
      <c r="S953" s="55"/>
      <c r="T953" s="55"/>
      <c r="U953" s="55"/>
      <c r="V953" s="55"/>
      <c r="W953" s="55"/>
      <c r="X953" s="55"/>
      <c r="Y953" s="55"/>
      <c r="Z953" s="55"/>
      <c r="AA953" s="55"/>
      <c r="AB953" s="55"/>
      <c r="AC953" s="55"/>
      <c r="AD953" s="55"/>
      <c r="AE953" s="55"/>
      <c r="AF953" s="55"/>
      <c r="AG953" s="55"/>
      <c r="AY953" s="162"/>
      <c r="AZ953" s="162"/>
      <c r="BA953" s="162"/>
      <c r="BB953" s="162"/>
      <c r="BC953" s="162"/>
      <c r="BD953" s="162"/>
      <c r="BE953" s="162"/>
      <c r="BF953" s="162"/>
      <c r="BG953" s="162"/>
      <c r="BH953" s="162"/>
      <c r="BI953" s="162"/>
      <c r="BJ953" s="162"/>
      <c r="BK953" s="162"/>
      <c r="BL953" s="162"/>
      <c r="BM953" s="162"/>
      <c r="BN953" s="162"/>
      <c r="BO953" s="162"/>
      <c r="BP953" s="162"/>
      <c r="BQ953" s="162"/>
      <c r="BR953" s="162"/>
      <c r="BS953" s="162"/>
      <c r="BT953" s="162"/>
      <c r="BU953" s="162"/>
      <c r="BV953" s="162"/>
      <c r="BW953" s="162"/>
      <c r="BX953" s="162"/>
      <c r="BY953" s="162"/>
      <c r="BZ953" s="162"/>
      <c r="CA953" s="162"/>
      <c r="CB953" s="162"/>
      <c r="CC953" s="162"/>
      <c r="CD953" s="162"/>
      <c r="CE953" s="162"/>
      <c r="CF953" s="162"/>
      <c r="CG953" s="162"/>
      <c r="CH953" s="162"/>
      <c r="CI953" s="162"/>
      <c r="CJ953" s="162"/>
      <c r="CK953" s="162"/>
      <c r="CX953" s="98"/>
      <c r="DL953" s="97"/>
      <c r="DX953" s="98"/>
      <c r="EL953" s="97"/>
      <c r="EX953" s="98"/>
      <c r="EY953" s="97"/>
      <c r="FL953" s="126"/>
      <c r="FM953" s="91"/>
      <c r="FN953" s="91"/>
      <c r="FO953" s="91"/>
      <c r="FP953" s="91"/>
      <c r="FQ953" s="91"/>
      <c r="FR953" s="91"/>
      <c r="FS953" s="91"/>
      <c r="FT953" s="91"/>
      <c r="FU953" s="91"/>
      <c r="FV953" s="91"/>
      <c r="FW953" s="91"/>
      <c r="FX953" s="91"/>
      <c r="FY953" s="91"/>
      <c r="FZ953" s="91"/>
      <c r="GA953" s="91"/>
      <c r="GB953" s="91"/>
      <c r="GC953" s="91"/>
      <c r="GD953" s="91"/>
      <c r="GE953" s="91"/>
      <c r="GF953" s="91"/>
      <c r="GG953" s="91"/>
      <c r="GH953" s="91"/>
      <c r="GI953" s="91"/>
      <c r="GJ953" s="91"/>
      <c r="GK953" s="127"/>
      <c r="GL953" s="126"/>
      <c r="GM953" s="91"/>
      <c r="GN953" s="91"/>
      <c r="GO953" s="91"/>
      <c r="GP953" s="91"/>
      <c r="GQ953" s="91"/>
      <c r="GR953" s="91"/>
      <c r="GS953" s="91"/>
      <c r="GT953" s="91"/>
      <c r="GU953" s="91"/>
      <c r="GV953" s="91"/>
      <c r="GW953" s="91"/>
      <c r="GX953" s="91"/>
      <c r="GY953" s="91"/>
      <c r="GZ953" s="91"/>
      <c r="HA953" s="91"/>
      <c r="HB953" s="91"/>
      <c r="HC953" s="91"/>
      <c r="HD953" s="91"/>
      <c r="HE953" s="91"/>
      <c r="HF953" s="91"/>
      <c r="HG953" s="91"/>
      <c r="HH953" s="91"/>
      <c r="HI953" s="91"/>
      <c r="HJ953" s="91"/>
      <c r="HK953" s="127"/>
      <c r="HL953" s="126"/>
      <c r="HM953" s="91"/>
      <c r="HN953" s="91"/>
      <c r="HO953" s="91"/>
      <c r="HP953" s="91"/>
      <c r="HQ953" s="91"/>
      <c r="HR953" s="91"/>
      <c r="HS953" s="91"/>
      <c r="HT953" s="91"/>
      <c r="HU953" s="91"/>
      <c r="HV953" s="91"/>
      <c r="HW953" s="91"/>
      <c r="HX953" s="91"/>
      <c r="HY953" s="91"/>
      <c r="HZ953" s="91"/>
      <c r="IA953" s="91"/>
      <c r="IB953" s="91"/>
      <c r="IC953" s="91"/>
      <c r="ID953" s="91"/>
      <c r="IE953" s="91"/>
      <c r="IF953" s="91"/>
      <c r="IG953" s="91"/>
      <c r="IH953" s="91"/>
      <c r="II953" s="91"/>
      <c r="IJ953" s="91"/>
      <c r="IK953" s="127"/>
    </row>
    <row r="954" spans="2:245" x14ac:dyDescent="0.2">
      <c r="B954" s="43"/>
      <c r="C954" s="73"/>
      <c r="D954" s="64"/>
      <c r="E954" s="64"/>
      <c r="F954" s="55"/>
      <c r="G954" s="102"/>
      <c r="H954" s="55"/>
      <c r="I954" s="55"/>
      <c r="J954" s="55"/>
      <c r="K954" s="55"/>
      <c r="L954" s="55"/>
      <c r="M954" s="55"/>
      <c r="N954" s="55"/>
      <c r="O954" s="55"/>
      <c r="P954" s="55"/>
      <c r="Q954" s="55"/>
      <c r="R954" s="55"/>
      <c r="S954" s="55"/>
      <c r="T954" s="55"/>
      <c r="U954" s="55"/>
      <c r="V954" s="55"/>
      <c r="W954" s="55"/>
      <c r="X954" s="55"/>
      <c r="Y954" s="55"/>
      <c r="Z954" s="55"/>
      <c r="AA954" s="55"/>
      <c r="AB954" s="55"/>
      <c r="AC954" s="55"/>
      <c r="AD954" s="55"/>
      <c r="AE954" s="55"/>
      <c r="AF954" s="55"/>
      <c r="AG954" s="55"/>
      <c r="AY954" s="162"/>
      <c r="AZ954" s="162"/>
      <c r="BA954" s="162"/>
      <c r="BB954" s="162"/>
      <c r="BC954" s="162"/>
      <c r="BD954" s="162"/>
      <c r="BE954" s="162"/>
      <c r="BF954" s="162"/>
      <c r="BG954" s="162"/>
      <c r="BH954" s="162"/>
      <c r="BI954" s="162"/>
      <c r="BJ954" s="162"/>
      <c r="BK954" s="162"/>
      <c r="BL954" s="162"/>
      <c r="BM954" s="162"/>
      <c r="BN954" s="162"/>
      <c r="BO954" s="162"/>
      <c r="BP954" s="162"/>
      <c r="BQ954" s="162"/>
      <c r="BR954" s="162"/>
      <c r="BS954" s="162"/>
      <c r="BT954" s="162"/>
      <c r="BU954" s="162"/>
      <c r="BV954" s="162"/>
      <c r="BW954" s="162"/>
      <c r="BX954" s="162"/>
      <c r="BY954" s="162"/>
      <c r="BZ954" s="162"/>
      <c r="CA954" s="162"/>
      <c r="CB954" s="162"/>
      <c r="CC954" s="162"/>
      <c r="CD954" s="162"/>
      <c r="CE954" s="162"/>
      <c r="CF954" s="162"/>
      <c r="CG954" s="162"/>
      <c r="CH954" s="162"/>
      <c r="CI954" s="162"/>
      <c r="CJ954" s="162"/>
      <c r="CK954" s="162"/>
      <c r="CX954" s="98"/>
      <c r="DL954" s="97"/>
      <c r="DX954" s="98"/>
      <c r="EL954" s="97"/>
      <c r="EX954" s="98"/>
      <c r="EY954" s="97"/>
      <c r="FL954" s="126"/>
      <c r="FM954" s="91"/>
      <c r="FN954" s="91"/>
      <c r="FO954" s="91"/>
      <c r="FP954" s="91"/>
      <c r="FQ954" s="91"/>
      <c r="FR954" s="91"/>
      <c r="FS954" s="91"/>
      <c r="FT954" s="91"/>
      <c r="FU954" s="91"/>
      <c r="FV954" s="91"/>
      <c r="FW954" s="91"/>
      <c r="FX954" s="91"/>
      <c r="FY954" s="91"/>
      <c r="FZ954" s="91"/>
      <c r="GA954" s="91"/>
      <c r="GB954" s="91"/>
      <c r="GC954" s="91"/>
      <c r="GD954" s="91"/>
      <c r="GE954" s="91"/>
      <c r="GF954" s="91"/>
      <c r="GG954" s="91"/>
      <c r="GH954" s="91"/>
      <c r="GI954" s="91"/>
      <c r="GJ954" s="91"/>
      <c r="GK954" s="127"/>
      <c r="GL954" s="126"/>
      <c r="GM954" s="91"/>
      <c r="GN954" s="91"/>
      <c r="GO954" s="91"/>
      <c r="GP954" s="91"/>
      <c r="GQ954" s="91"/>
      <c r="GR954" s="91"/>
      <c r="GS954" s="91"/>
      <c r="GT954" s="91"/>
      <c r="GU954" s="91"/>
      <c r="GV954" s="91"/>
      <c r="GW954" s="91"/>
      <c r="GX954" s="91"/>
      <c r="GY954" s="91"/>
      <c r="GZ954" s="91"/>
      <c r="HA954" s="91"/>
      <c r="HB954" s="91"/>
      <c r="HC954" s="91"/>
      <c r="HD954" s="91"/>
      <c r="HE954" s="91"/>
      <c r="HF954" s="91"/>
      <c r="HG954" s="91"/>
      <c r="HH954" s="91"/>
      <c r="HI954" s="91"/>
      <c r="HJ954" s="91"/>
      <c r="HK954" s="127"/>
      <c r="HL954" s="126"/>
      <c r="HM954" s="91"/>
      <c r="HN954" s="91"/>
      <c r="HO954" s="91"/>
      <c r="HP954" s="91"/>
      <c r="HQ954" s="91"/>
      <c r="HR954" s="91"/>
      <c r="HS954" s="91"/>
      <c r="HT954" s="91"/>
      <c r="HU954" s="91"/>
      <c r="HV954" s="91"/>
      <c r="HW954" s="91"/>
      <c r="HX954" s="91"/>
      <c r="HY954" s="91"/>
      <c r="HZ954" s="91"/>
      <c r="IA954" s="91"/>
      <c r="IB954" s="91"/>
      <c r="IC954" s="91"/>
      <c r="ID954" s="91"/>
      <c r="IE954" s="91"/>
      <c r="IF954" s="91"/>
      <c r="IG954" s="91"/>
      <c r="IH954" s="91"/>
      <c r="II954" s="91"/>
      <c r="IJ954" s="91"/>
      <c r="IK954" s="127"/>
    </row>
    <row r="955" spans="2:245" x14ac:dyDescent="0.2">
      <c r="B955" s="43"/>
      <c r="C955" s="73"/>
      <c r="D955" s="64"/>
      <c r="E955" s="64"/>
      <c r="F955" s="55"/>
      <c r="G955" s="102"/>
      <c r="H955" s="55"/>
      <c r="I955" s="55"/>
      <c r="J955" s="55"/>
      <c r="K955" s="55"/>
      <c r="L955" s="55"/>
      <c r="M955" s="55"/>
      <c r="N955" s="55"/>
      <c r="O955" s="55"/>
      <c r="P955" s="55"/>
      <c r="Q955" s="55"/>
      <c r="R955" s="55"/>
      <c r="S955" s="55"/>
      <c r="T955" s="55"/>
      <c r="U955" s="55"/>
      <c r="V955" s="55"/>
      <c r="W955" s="55"/>
      <c r="X955" s="55"/>
      <c r="Y955" s="55"/>
      <c r="Z955" s="55"/>
      <c r="AA955" s="55"/>
      <c r="AB955" s="55"/>
      <c r="AC955" s="55"/>
      <c r="AD955" s="55"/>
      <c r="AE955" s="55"/>
      <c r="AF955" s="55"/>
      <c r="AG955" s="55"/>
      <c r="AY955" s="162"/>
      <c r="AZ955" s="162"/>
      <c r="BA955" s="162"/>
      <c r="BB955" s="162"/>
      <c r="BC955" s="162"/>
      <c r="BD955" s="162"/>
      <c r="BE955" s="162"/>
      <c r="BF955" s="162"/>
      <c r="BG955" s="162"/>
      <c r="BH955" s="162"/>
      <c r="BI955" s="162"/>
      <c r="BJ955" s="162"/>
      <c r="BK955" s="162"/>
      <c r="BL955" s="162"/>
      <c r="BM955" s="162"/>
      <c r="BN955" s="162"/>
      <c r="BO955" s="162"/>
      <c r="BP955" s="162"/>
      <c r="BQ955" s="162"/>
      <c r="BR955" s="162"/>
      <c r="BS955" s="162"/>
      <c r="BT955" s="162"/>
      <c r="BU955" s="162"/>
      <c r="BV955" s="162"/>
      <c r="BW955" s="162"/>
      <c r="BX955" s="162"/>
      <c r="BY955" s="162"/>
      <c r="BZ955" s="162"/>
      <c r="CA955" s="162"/>
      <c r="CB955" s="162"/>
      <c r="CC955" s="162"/>
      <c r="CD955" s="162"/>
      <c r="CE955" s="162"/>
      <c r="CF955" s="162"/>
      <c r="CG955" s="162"/>
      <c r="CH955" s="162"/>
      <c r="CI955" s="162"/>
      <c r="CJ955" s="162"/>
      <c r="CK955" s="162"/>
      <c r="CX955" s="98"/>
      <c r="DL955" s="97"/>
      <c r="DX955" s="98"/>
      <c r="EL955" s="97"/>
      <c r="EX955" s="98"/>
      <c r="EY955" s="97"/>
      <c r="FL955" s="126"/>
      <c r="FM955" s="91"/>
      <c r="FN955" s="91"/>
      <c r="FO955" s="91"/>
      <c r="FP955" s="91"/>
      <c r="FQ955" s="91"/>
      <c r="FR955" s="91"/>
      <c r="FS955" s="91"/>
      <c r="FT955" s="91"/>
      <c r="FU955" s="91"/>
      <c r="FV955" s="91"/>
      <c r="FW955" s="91"/>
      <c r="FX955" s="91"/>
      <c r="FY955" s="91"/>
      <c r="FZ955" s="91"/>
      <c r="GA955" s="91"/>
      <c r="GB955" s="91"/>
      <c r="GC955" s="91"/>
      <c r="GD955" s="91"/>
      <c r="GE955" s="91"/>
      <c r="GF955" s="91"/>
      <c r="GG955" s="91"/>
      <c r="GH955" s="91"/>
      <c r="GI955" s="91"/>
      <c r="GJ955" s="91"/>
      <c r="GK955" s="127"/>
      <c r="GL955" s="126"/>
      <c r="GM955" s="91"/>
      <c r="GN955" s="91"/>
      <c r="GO955" s="91"/>
      <c r="GP955" s="91"/>
      <c r="GQ955" s="91"/>
      <c r="GR955" s="91"/>
      <c r="GS955" s="91"/>
      <c r="GT955" s="91"/>
      <c r="GU955" s="91"/>
      <c r="GV955" s="91"/>
      <c r="GW955" s="91"/>
      <c r="GX955" s="91"/>
      <c r="GY955" s="91"/>
      <c r="GZ955" s="91"/>
      <c r="HA955" s="91"/>
      <c r="HB955" s="91"/>
      <c r="HC955" s="91"/>
      <c r="HD955" s="91"/>
      <c r="HE955" s="91"/>
      <c r="HF955" s="91"/>
      <c r="HG955" s="91"/>
      <c r="HH955" s="91"/>
      <c r="HI955" s="91"/>
      <c r="HJ955" s="91"/>
      <c r="HK955" s="127"/>
      <c r="HL955" s="126"/>
      <c r="HM955" s="91"/>
      <c r="HN955" s="91"/>
      <c r="HO955" s="91"/>
      <c r="HP955" s="91"/>
      <c r="HQ955" s="91"/>
      <c r="HR955" s="91"/>
      <c r="HS955" s="91"/>
      <c r="HT955" s="91"/>
      <c r="HU955" s="91"/>
      <c r="HV955" s="91"/>
      <c r="HW955" s="91"/>
      <c r="HX955" s="91"/>
      <c r="HY955" s="91"/>
      <c r="HZ955" s="91"/>
      <c r="IA955" s="91"/>
      <c r="IB955" s="91"/>
      <c r="IC955" s="91"/>
      <c r="ID955" s="91"/>
      <c r="IE955" s="91"/>
      <c r="IF955" s="91"/>
      <c r="IG955" s="91"/>
      <c r="IH955" s="91"/>
      <c r="II955" s="91"/>
      <c r="IJ955" s="91"/>
      <c r="IK955" s="127"/>
    </row>
    <row r="956" spans="2:245" ht="13.5" thickBot="1" x14ac:dyDescent="0.25">
      <c r="B956" s="43"/>
      <c r="C956" s="73"/>
      <c r="D956" s="64"/>
      <c r="E956" s="64"/>
      <c r="F956" s="55"/>
      <c r="G956" s="102"/>
      <c r="H956" s="55"/>
      <c r="I956" s="55"/>
      <c r="J956" s="55"/>
      <c r="K956" s="55"/>
      <c r="L956" s="55"/>
      <c r="M956" s="55"/>
      <c r="N956" s="55"/>
      <c r="O956" s="55"/>
      <c r="P956" s="55"/>
      <c r="Q956" s="55"/>
      <c r="R956" s="55"/>
      <c r="S956" s="55"/>
      <c r="T956" s="55"/>
      <c r="U956" s="55"/>
      <c r="V956" s="55"/>
      <c r="W956" s="55"/>
      <c r="X956" s="55"/>
      <c r="Y956" s="55"/>
      <c r="Z956" s="55"/>
      <c r="AA956" s="55"/>
      <c r="AB956" s="55"/>
      <c r="AC956" s="55"/>
      <c r="AD956" s="55"/>
      <c r="AE956" s="55"/>
      <c r="AF956" s="55"/>
      <c r="AG956" s="55"/>
      <c r="AY956" s="162"/>
      <c r="AZ956" s="162"/>
      <c r="BA956" s="162"/>
      <c r="BB956" s="162"/>
      <c r="BC956" s="162"/>
      <c r="BD956" s="162"/>
      <c r="BE956" s="162"/>
      <c r="BF956" s="162"/>
      <c r="BG956" s="162"/>
      <c r="BH956" s="162"/>
      <c r="BI956" s="162"/>
      <c r="BJ956" s="162"/>
      <c r="BK956" s="162"/>
      <c r="BL956" s="162"/>
      <c r="BM956" s="162"/>
      <c r="BN956" s="162"/>
      <c r="BO956" s="162"/>
      <c r="BP956" s="162"/>
      <c r="BQ956" s="162"/>
      <c r="BR956" s="162"/>
      <c r="BS956" s="162"/>
      <c r="BT956" s="162"/>
      <c r="BU956" s="162"/>
      <c r="BV956" s="162"/>
      <c r="BW956" s="162"/>
      <c r="BX956" s="162"/>
      <c r="BY956" s="162"/>
      <c r="BZ956" s="162"/>
      <c r="CA956" s="162"/>
      <c r="CB956" s="162"/>
      <c r="CC956" s="162"/>
      <c r="CD956" s="162"/>
      <c r="CE956" s="162"/>
      <c r="CF956" s="162"/>
      <c r="CG956" s="162"/>
      <c r="CH956" s="162"/>
      <c r="CI956" s="162"/>
      <c r="CJ956" s="162"/>
      <c r="CK956" s="162"/>
      <c r="CL956" s="166"/>
      <c r="CM956" s="166"/>
      <c r="CN956" s="166"/>
      <c r="CO956" s="166"/>
      <c r="CP956" s="166"/>
      <c r="CQ956" s="166"/>
      <c r="CR956" s="166"/>
      <c r="CS956" s="166"/>
      <c r="CT956" s="166"/>
      <c r="CU956" s="166"/>
      <c r="CV956" s="166"/>
      <c r="CW956" s="166"/>
      <c r="CX956" s="176"/>
      <c r="CY956" s="166"/>
      <c r="CZ956" s="166"/>
      <c r="DA956" s="166"/>
      <c r="DB956" s="166"/>
      <c r="DC956" s="166"/>
      <c r="DD956" s="166"/>
      <c r="DE956" s="166"/>
      <c r="DF956" s="166"/>
      <c r="DG956" s="166"/>
      <c r="DH956" s="166"/>
      <c r="DI956" s="166"/>
      <c r="DJ956" s="166"/>
      <c r="DK956" s="166"/>
      <c r="DL956" s="175"/>
      <c r="DM956" s="166"/>
      <c r="DN956" s="166"/>
      <c r="DO956" s="166"/>
      <c r="DP956" s="166"/>
      <c r="DQ956" s="166"/>
      <c r="DR956" s="166"/>
      <c r="DS956" s="166"/>
      <c r="DT956" s="166"/>
      <c r="DU956" s="166"/>
      <c r="DV956" s="166"/>
      <c r="DW956" s="166"/>
      <c r="DX956" s="176"/>
      <c r="DY956" s="166"/>
      <c r="DZ956" s="166"/>
      <c r="EA956" s="166"/>
      <c r="EB956" s="166"/>
      <c r="EC956" s="166"/>
      <c r="ED956" s="166"/>
      <c r="EE956" s="166"/>
      <c r="EF956" s="166"/>
      <c r="EG956" s="166"/>
      <c r="EH956" s="166"/>
      <c r="EI956" s="166"/>
      <c r="EJ956" s="166"/>
      <c r="EK956" s="166"/>
      <c r="EL956" s="175"/>
      <c r="EM956" s="166"/>
      <c r="EN956" s="166"/>
      <c r="EO956" s="166"/>
      <c r="EP956" s="166"/>
      <c r="EQ956" s="166"/>
      <c r="ER956" s="166"/>
      <c r="ES956" s="166"/>
      <c r="ET956" s="166"/>
      <c r="EU956" s="166"/>
      <c r="EV956" s="166"/>
      <c r="EW956" s="166"/>
      <c r="EX956" s="176"/>
      <c r="EY956" s="175"/>
      <c r="EZ956" s="166"/>
      <c r="FA956" s="166"/>
      <c r="FB956" s="166"/>
      <c r="FC956" s="166"/>
      <c r="FD956" s="166"/>
      <c r="FE956" s="166"/>
      <c r="FF956" s="166"/>
      <c r="FG956" s="166"/>
      <c r="FH956" s="166"/>
      <c r="FI956" s="166"/>
      <c r="FJ956" s="166"/>
      <c r="FK956" s="166"/>
      <c r="FL956" s="126"/>
      <c r="FM956" s="91"/>
      <c r="FN956" s="91"/>
      <c r="FO956" s="91"/>
      <c r="FP956" s="91"/>
      <c r="FQ956" s="91"/>
      <c r="FR956" s="91"/>
      <c r="FS956" s="91"/>
      <c r="FT956" s="91"/>
      <c r="FU956" s="91"/>
      <c r="FV956" s="91"/>
      <c r="FW956" s="91"/>
      <c r="FX956" s="91"/>
      <c r="FY956" s="91"/>
      <c r="FZ956" s="91"/>
      <c r="GA956" s="91"/>
      <c r="GB956" s="91"/>
      <c r="GC956" s="91"/>
      <c r="GD956" s="91"/>
      <c r="GE956" s="91"/>
      <c r="GF956" s="91"/>
      <c r="GG956" s="91"/>
      <c r="GH956" s="91"/>
      <c r="GI956" s="91"/>
      <c r="GJ956" s="91"/>
      <c r="GK956" s="127"/>
      <c r="GL956" s="126"/>
      <c r="GM956" s="91"/>
      <c r="GN956" s="91"/>
      <c r="GO956" s="91"/>
      <c r="GP956" s="91"/>
      <c r="GQ956" s="91"/>
      <c r="GR956" s="91"/>
      <c r="GS956" s="91"/>
      <c r="GT956" s="91"/>
      <c r="GU956" s="91"/>
      <c r="GV956" s="91"/>
      <c r="GW956" s="91"/>
      <c r="GX956" s="91"/>
      <c r="GY956" s="91"/>
      <c r="GZ956" s="91"/>
      <c r="HA956" s="91"/>
      <c r="HB956" s="91"/>
      <c r="HC956" s="91"/>
      <c r="HD956" s="91"/>
      <c r="HE956" s="91"/>
      <c r="HF956" s="91"/>
      <c r="HG956" s="91"/>
      <c r="HH956" s="91"/>
      <c r="HI956" s="91"/>
      <c r="HJ956" s="91"/>
      <c r="HK956" s="127"/>
      <c r="HL956" s="126"/>
      <c r="HM956" s="91"/>
      <c r="HN956" s="91"/>
      <c r="HO956" s="91"/>
      <c r="HP956" s="91"/>
      <c r="HQ956" s="91"/>
      <c r="HR956" s="91"/>
      <c r="HS956" s="91"/>
      <c r="HT956" s="91"/>
      <c r="HU956" s="91"/>
      <c r="HV956" s="91"/>
      <c r="HW956" s="91"/>
      <c r="HX956" s="91"/>
      <c r="HY956" s="91"/>
      <c r="HZ956" s="91"/>
      <c r="IA956" s="91"/>
      <c r="IB956" s="91"/>
      <c r="IC956" s="91"/>
      <c r="ID956" s="91"/>
      <c r="IE956" s="91"/>
      <c r="IF956" s="91"/>
      <c r="IG956" s="91"/>
      <c r="IH956" s="91"/>
      <c r="II956" s="91"/>
      <c r="IJ956" s="91"/>
      <c r="IK956" s="127"/>
    </row>
    <row r="957" spans="2:245" x14ac:dyDescent="0.2">
      <c r="B957" s="43"/>
      <c r="C957" s="73"/>
      <c r="D957" s="64"/>
      <c r="E957" s="64"/>
      <c r="F957" s="55"/>
      <c r="G957" s="102"/>
      <c r="H957" s="55"/>
      <c r="I957" s="55"/>
      <c r="J957" s="55"/>
      <c r="K957" s="55"/>
      <c r="L957" s="55"/>
      <c r="M957" s="55"/>
      <c r="N957" s="55"/>
      <c r="O957" s="55"/>
      <c r="P957" s="55"/>
      <c r="Q957" s="55"/>
      <c r="R957" s="55"/>
      <c r="S957" s="55"/>
      <c r="T957" s="55"/>
      <c r="U957" s="55"/>
      <c r="V957" s="55"/>
      <c r="W957" s="55"/>
      <c r="X957" s="55"/>
      <c r="Y957" s="55"/>
      <c r="Z957" s="55"/>
      <c r="AA957" s="55"/>
      <c r="AB957" s="55"/>
      <c r="AC957" s="55"/>
      <c r="AD957" s="55"/>
      <c r="AE957" s="55"/>
      <c r="AF957" s="55"/>
      <c r="AG957" s="55"/>
      <c r="AY957" s="162"/>
      <c r="AZ957" s="162"/>
      <c r="BA957" s="162"/>
      <c r="BB957" s="162"/>
      <c r="BC957" s="162"/>
      <c r="BD957" s="162"/>
      <c r="BE957" s="162"/>
      <c r="BF957" s="162"/>
      <c r="BG957" s="162"/>
      <c r="BH957" s="162"/>
      <c r="BI957" s="162"/>
      <c r="BJ957" s="162"/>
      <c r="BK957" s="162"/>
      <c r="BL957" s="162"/>
      <c r="BM957" s="162"/>
      <c r="BN957" s="162"/>
      <c r="BO957" s="162"/>
      <c r="BP957" s="162"/>
      <c r="BQ957" s="162"/>
      <c r="BR957" s="162"/>
      <c r="BS957" s="162"/>
      <c r="BT957" s="162"/>
      <c r="BU957" s="162"/>
      <c r="BV957" s="162"/>
      <c r="BW957" s="162"/>
      <c r="BX957" s="162"/>
      <c r="BY957" s="162"/>
      <c r="BZ957" s="162"/>
      <c r="CA957" s="162"/>
      <c r="CB957" s="162"/>
      <c r="CC957" s="162"/>
      <c r="CD957" s="162"/>
      <c r="CE957" s="162"/>
      <c r="CF957" s="162"/>
      <c r="CG957" s="162"/>
      <c r="CH957" s="162"/>
      <c r="CI957" s="162"/>
      <c r="CJ957" s="162"/>
      <c r="CK957" s="162"/>
      <c r="CX957" s="98"/>
      <c r="DL957" s="97"/>
      <c r="DX957" s="98"/>
      <c r="EL957" s="97"/>
      <c r="EX957" s="98"/>
      <c r="EY957" s="97"/>
      <c r="FL957" s="126"/>
      <c r="FM957" s="91"/>
      <c r="FN957" s="91"/>
      <c r="FO957" s="91"/>
      <c r="FP957" s="91"/>
      <c r="FQ957" s="91"/>
      <c r="FR957" s="91"/>
      <c r="FS957" s="91"/>
      <c r="FT957" s="91"/>
      <c r="FU957" s="91"/>
      <c r="FV957" s="91"/>
      <c r="FW957" s="91"/>
      <c r="FX957" s="91"/>
      <c r="FY957" s="91"/>
      <c r="FZ957" s="91"/>
      <c r="GA957" s="91"/>
      <c r="GB957" s="91"/>
      <c r="GC957" s="91"/>
      <c r="GD957" s="91"/>
      <c r="GE957" s="91"/>
      <c r="GF957" s="91"/>
      <c r="GG957" s="91"/>
      <c r="GH957" s="91"/>
      <c r="GI957" s="91"/>
      <c r="GJ957" s="91"/>
      <c r="GK957" s="127"/>
      <c r="GL957" s="126"/>
      <c r="GM957" s="91"/>
      <c r="GN957" s="91"/>
      <c r="GO957" s="91"/>
      <c r="GP957" s="91"/>
      <c r="GQ957" s="91"/>
      <c r="GR957" s="91"/>
      <c r="GS957" s="91"/>
      <c r="GT957" s="91"/>
      <c r="GU957" s="91"/>
      <c r="GV957" s="91"/>
      <c r="GW957" s="91"/>
      <c r="GX957" s="91"/>
      <c r="GY957" s="91"/>
      <c r="GZ957" s="91"/>
      <c r="HA957" s="91"/>
      <c r="HB957" s="91"/>
      <c r="HC957" s="91"/>
      <c r="HD957" s="91"/>
      <c r="HE957" s="91"/>
      <c r="HF957" s="91"/>
      <c r="HG957" s="91"/>
      <c r="HH957" s="91"/>
      <c r="HI957" s="91"/>
      <c r="HJ957" s="91"/>
      <c r="HK957" s="127"/>
      <c r="HL957" s="126"/>
      <c r="HM957" s="91"/>
      <c r="HN957" s="91"/>
      <c r="HO957" s="91"/>
      <c r="HP957" s="91"/>
      <c r="HQ957" s="91"/>
      <c r="HR957" s="91"/>
      <c r="HS957" s="91"/>
      <c r="HT957" s="91"/>
      <c r="HU957" s="91"/>
      <c r="HV957" s="91"/>
      <c r="HW957" s="91"/>
      <c r="HX957" s="91"/>
      <c r="HY957" s="91"/>
      <c r="HZ957" s="91"/>
      <c r="IA957" s="91"/>
      <c r="IB957" s="91"/>
      <c r="IC957" s="91"/>
      <c r="ID957" s="91"/>
      <c r="IE957" s="91"/>
      <c r="IF957" s="91"/>
      <c r="IG957" s="91"/>
      <c r="IH957" s="91"/>
      <c r="II957" s="91"/>
      <c r="IJ957" s="91"/>
      <c r="IK957" s="127"/>
    </row>
    <row r="958" spans="2:245" x14ac:dyDescent="0.2">
      <c r="B958" s="43"/>
      <c r="C958" s="73"/>
      <c r="D958" s="64"/>
      <c r="E958" s="64"/>
      <c r="F958" s="55"/>
      <c r="G958" s="102"/>
      <c r="H958" s="55"/>
      <c r="I958" s="55"/>
      <c r="J958" s="55"/>
      <c r="K958" s="55"/>
      <c r="L958" s="55"/>
      <c r="M958" s="55"/>
      <c r="N958" s="55"/>
      <c r="O958" s="55"/>
      <c r="P958" s="55"/>
      <c r="Q958" s="55"/>
      <c r="R958" s="55"/>
      <c r="S958" s="55"/>
      <c r="T958" s="55"/>
      <c r="U958" s="55"/>
      <c r="V958" s="55"/>
      <c r="W958" s="55"/>
      <c r="X958" s="55"/>
      <c r="Y958" s="55"/>
      <c r="Z958" s="55"/>
      <c r="AA958" s="55"/>
      <c r="AB958" s="55"/>
      <c r="AC958" s="55"/>
      <c r="AD958" s="55"/>
      <c r="AE958" s="55"/>
      <c r="AF958" s="55"/>
      <c r="AG958" s="55"/>
      <c r="AY958" s="162"/>
      <c r="AZ958" s="162"/>
      <c r="BA958" s="162"/>
      <c r="BB958" s="162"/>
      <c r="BC958" s="162"/>
      <c r="BD958" s="162"/>
      <c r="BE958" s="162"/>
      <c r="BF958" s="162"/>
      <c r="BG958" s="162"/>
      <c r="BH958" s="162"/>
      <c r="BI958" s="162"/>
      <c r="BJ958" s="162"/>
      <c r="BK958" s="162"/>
      <c r="BL958" s="162"/>
      <c r="BM958" s="162"/>
      <c r="BN958" s="162"/>
      <c r="BO958" s="162"/>
      <c r="BP958" s="162"/>
      <c r="BQ958" s="162"/>
      <c r="BR958" s="162"/>
      <c r="BS958" s="162"/>
      <c r="BT958" s="162"/>
      <c r="BU958" s="162"/>
      <c r="BV958" s="162"/>
      <c r="BW958" s="162"/>
      <c r="BX958" s="162"/>
      <c r="BY958" s="162"/>
      <c r="BZ958" s="162"/>
      <c r="CA958" s="162"/>
      <c r="CB958" s="162"/>
      <c r="CC958" s="162"/>
      <c r="CD958" s="162"/>
      <c r="CE958" s="162"/>
      <c r="CF958" s="162"/>
      <c r="CG958" s="162"/>
      <c r="CH958" s="162"/>
      <c r="CI958" s="162"/>
      <c r="CJ958" s="162"/>
      <c r="CK958" s="162"/>
      <c r="CX958" s="98"/>
      <c r="DL958" s="97"/>
      <c r="DX958" s="98"/>
      <c r="EL958" s="97"/>
      <c r="EX958" s="98"/>
      <c r="EY958" s="97"/>
      <c r="FL958" s="126"/>
      <c r="FM958" s="91"/>
      <c r="FN958" s="91"/>
      <c r="FO958" s="91"/>
      <c r="FP958" s="91"/>
      <c r="FQ958" s="91"/>
      <c r="FR958" s="91"/>
      <c r="FS958" s="91"/>
      <c r="FT958" s="91"/>
      <c r="FU958" s="91"/>
      <c r="FV958" s="91"/>
      <c r="FW958" s="91"/>
      <c r="FX958" s="91"/>
      <c r="FY958" s="91"/>
      <c r="FZ958" s="91"/>
      <c r="GA958" s="91"/>
      <c r="GB958" s="91"/>
      <c r="GC958" s="91"/>
      <c r="GD958" s="91"/>
      <c r="GE958" s="91"/>
      <c r="GF958" s="91"/>
      <c r="GG958" s="91"/>
      <c r="GH958" s="91"/>
      <c r="GI958" s="91"/>
      <c r="GJ958" s="91"/>
      <c r="GK958" s="127"/>
      <c r="GL958" s="126"/>
      <c r="GM958" s="91"/>
      <c r="GN958" s="91"/>
      <c r="GO958" s="91"/>
      <c r="GP958" s="91"/>
      <c r="GQ958" s="91"/>
      <c r="GR958" s="91"/>
      <c r="GS958" s="91"/>
      <c r="GT958" s="91"/>
      <c r="GU958" s="91"/>
      <c r="GV958" s="91"/>
      <c r="GW958" s="91"/>
      <c r="GX958" s="91"/>
      <c r="GY958" s="91"/>
      <c r="GZ958" s="91"/>
      <c r="HA958" s="91"/>
      <c r="HB958" s="91"/>
      <c r="HC958" s="91"/>
      <c r="HD958" s="91"/>
      <c r="HE958" s="91"/>
      <c r="HF958" s="91"/>
      <c r="HG958" s="91"/>
      <c r="HH958" s="91"/>
      <c r="HI958" s="91"/>
      <c r="HJ958" s="91"/>
      <c r="HK958" s="127"/>
      <c r="HL958" s="126"/>
      <c r="HM958" s="91"/>
      <c r="HN958" s="91"/>
      <c r="HO958" s="91"/>
      <c r="HP958" s="91"/>
      <c r="HQ958" s="91"/>
      <c r="HR958" s="91"/>
      <c r="HS958" s="91"/>
      <c r="HT958" s="91"/>
      <c r="HU958" s="91"/>
      <c r="HV958" s="91"/>
      <c r="HW958" s="91"/>
      <c r="HX958" s="91"/>
      <c r="HY958" s="91"/>
      <c r="HZ958" s="91"/>
      <c r="IA958" s="91"/>
      <c r="IB958" s="91"/>
      <c r="IC958" s="91"/>
      <c r="ID958" s="91"/>
      <c r="IE958" s="91"/>
      <c r="IF958" s="91"/>
      <c r="IG958" s="91"/>
      <c r="IH958" s="91"/>
      <c r="II958" s="91"/>
      <c r="IJ958" s="91"/>
      <c r="IK958" s="127"/>
    </row>
    <row r="959" spans="2:245" x14ac:dyDescent="0.2">
      <c r="B959" s="43"/>
      <c r="C959" s="73"/>
      <c r="D959" s="64"/>
      <c r="E959" s="64"/>
      <c r="F959" s="55"/>
      <c r="G959" s="102"/>
      <c r="H959" s="55"/>
      <c r="I959" s="55"/>
      <c r="J959" s="55"/>
      <c r="K959" s="55"/>
      <c r="L959" s="55"/>
      <c r="M959" s="55"/>
      <c r="N959" s="55"/>
      <c r="O959" s="55"/>
      <c r="P959" s="55"/>
      <c r="Q959" s="55"/>
      <c r="R959" s="55"/>
      <c r="S959" s="55"/>
      <c r="T959" s="55"/>
      <c r="U959" s="55"/>
      <c r="V959" s="55"/>
      <c r="W959" s="55"/>
      <c r="X959" s="55"/>
      <c r="Y959" s="55"/>
      <c r="Z959" s="55"/>
      <c r="AA959" s="55"/>
      <c r="AB959" s="55"/>
      <c r="AC959" s="55"/>
      <c r="AD959" s="55"/>
      <c r="AE959" s="55"/>
      <c r="AF959" s="55"/>
      <c r="AG959" s="55"/>
      <c r="AY959" s="162"/>
      <c r="AZ959" s="162"/>
      <c r="BA959" s="162"/>
      <c r="BB959" s="162"/>
      <c r="BC959" s="162"/>
      <c r="BD959" s="162"/>
      <c r="BE959" s="162"/>
      <c r="BF959" s="162"/>
      <c r="BG959" s="162"/>
      <c r="BH959" s="162"/>
      <c r="BI959" s="162"/>
      <c r="BJ959" s="162"/>
      <c r="BK959" s="162"/>
      <c r="BL959" s="162"/>
      <c r="BM959" s="162"/>
      <c r="BN959" s="162"/>
      <c r="BO959" s="162"/>
      <c r="BP959" s="162"/>
      <c r="BQ959" s="162"/>
      <c r="BR959" s="162"/>
      <c r="BS959" s="162"/>
      <c r="BT959" s="162"/>
      <c r="BU959" s="162"/>
      <c r="BV959" s="162"/>
      <c r="BW959" s="162"/>
      <c r="BX959" s="162"/>
      <c r="BY959" s="162"/>
      <c r="BZ959" s="162"/>
      <c r="CA959" s="162"/>
      <c r="CB959" s="162"/>
      <c r="CC959" s="162"/>
      <c r="CD959" s="162"/>
      <c r="CE959" s="162"/>
      <c r="CF959" s="162"/>
      <c r="CG959" s="162"/>
      <c r="CH959" s="162"/>
      <c r="CI959" s="162"/>
      <c r="CJ959" s="162"/>
      <c r="CK959" s="162"/>
      <c r="CX959" s="98"/>
      <c r="DL959" s="97"/>
      <c r="DX959" s="98"/>
      <c r="EL959" s="97"/>
      <c r="EX959" s="98"/>
      <c r="EY959" s="97"/>
      <c r="FL959" s="126"/>
      <c r="FM959" s="91"/>
      <c r="FN959" s="91"/>
      <c r="FO959" s="91"/>
      <c r="FP959" s="91"/>
      <c r="FQ959" s="91"/>
      <c r="FR959" s="91"/>
      <c r="FS959" s="91"/>
      <c r="FT959" s="91"/>
      <c r="FU959" s="91"/>
      <c r="FV959" s="91"/>
      <c r="FW959" s="91"/>
      <c r="FX959" s="91"/>
      <c r="FY959" s="91"/>
      <c r="FZ959" s="91"/>
      <c r="GA959" s="91"/>
      <c r="GB959" s="91"/>
      <c r="GC959" s="91"/>
      <c r="GD959" s="91"/>
      <c r="GE959" s="91"/>
      <c r="GF959" s="91"/>
      <c r="GG959" s="91"/>
      <c r="GH959" s="91"/>
      <c r="GI959" s="91"/>
      <c r="GJ959" s="91"/>
      <c r="GK959" s="127"/>
      <c r="GL959" s="126"/>
      <c r="GM959" s="91"/>
      <c r="GN959" s="91"/>
      <c r="GO959" s="91"/>
      <c r="GP959" s="91"/>
      <c r="GQ959" s="91"/>
      <c r="GR959" s="91"/>
      <c r="GS959" s="91"/>
      <c r="GT959" s="91"/>
      <c r="GU959" s="91"/>
      <c r="GV959" s="91"/>
      <c r="GW959" s="91"/>
      <c r="GX959" s="91"/>
      <c r="GY959" s="91"/>
      <c r="GZ959" s="91"/>
      <c r="HA959" s="91"/>
      <c r="HB959" s="91"/>
      <c r="HC959" s="91"/>
      <c r="HD959" s="91"/>
      <c r="HE959" s="91"/>
      <c r="HF959" s="91"/>
      <c r="HG959" s="91"/>
      <c r="HH959" s="91"/>
      <c r="HI959" s="91"/>
      <c r="HJ959" s="91"/>
      <c r="HK959" s="127"/>
      <c r="HL959" s="126"/>
      <c r="HM959" s="91"/>
      <c r="HN959" s="91"/>
      <c r="HO959" s="91"/>
      <c r="HP959" s="91"/>
      <c r="HQ959" s="91"/>
      <c r="HR959" s="91"/>
      <c r="HS959" s="91"/>
      <c r="HT959" s="91"/>
      <c r="HU959" s="91"/>
      <c r="HV959" s="91"/>
      <c r="HW959" s="91"/>
      <c r="HX959" s="91"/>
      <c r="HY959" s="91"/>
      <c r="HZ959" s="91"/>
      <c r="IA959" s="91"/>
      <c r="IB959" s="91"/>
      <c r="IC959" s="91"/>
      <c r="ID959" s="91"/>
      <c r="IE959" s="91"/>
      <c r="IF959" s="91"/>
      <c r="IG959" s="91"/>
      <c r="IH959" s="91"/>
      <c r="II959" s="91"/>
      <c r="IJ959" s="91"/>
      <c r="IK959" s="127"/>
    </row>
    <row r="960" spans="2:245" x14ac:dyDescent="0.2">
      <c r="B960" s="43"/>
      <c r="C960" s="73"/>
      <c r="D960" s="64"/>
      <c r="E960" s="64"/>
      <c r="F960" s="55"/>
      <c r="G960" s="102"/>
      <c r="H960" s="55"/>
      <c r="I960" s="55"/>
      <c r="J960" s="55"/>
      <c r="K960" s="55"/>
      <c r="L960" s="55"/>
      <c r="M960" s="55"/>
      <c r="N960" s="55"/>
      <c r="O960" s="55"/>
      <c r="P960" s="55"/>
      <c r="Q960" s="55"/>
      <c r="R960" s="55"/>
      <c r="S960" s="55"/>
      <c r="T960" s="55"/>
      <c r="U960" s="55"/>
      <c r="V960" s="55"/>
      <c r="W960" s="55"/>
      <c r="X960" s="55"/>
      <c r="Y960" s="55"/>
      <c r="Z960" s="55"/>
      <c r="AA960" s="55"/>
      <c r="AB960" s="55"/>
      <c r="AC960" s="55"/>
      <c r="AD960" s="55"/>
      <c r="AE960" s="55"/>
      <c r="AF960" s="55"/>
      <c r="AG960" s="55"/>
      <c r="AY960" s="162"/>
      <c r="AZ960" s="162"/>
      <c r="BA960" s="162"/>
      <c r="BB960" s="162"/>
      <c r="BC960" s="162"/>
      <c r="BD960" s="162"/>
      <c r="BE960" s="162"/>
      <c r="BF960" s="162"/>
      <c r="BG960" s="162"/>
      <c r="BH960" s="162"/>
      <c r="BI960" s="162"/>
      <c r="BJ960" s="162"/>
      <c r="BK960" s="162"/>
      <c r="BL960" s="162"/>
      <c r="BM960" s="162"/>
      <c r="BN960" s="162"/>
      <c r="BO960" s="162"/>
      <c r="BP960" s="162"/>
      <c r="BQ960" s="162"/>
      <c r="BR960" s="162"/>
      <c r="BS960" s="162"/>
      <c r="BT960" s="162"/>
      <c r="BU960" s="162"/>
      <c r="BV960" s="162"/>
      <c r="BW960" s="162"/>
      <c r="BX960" s="162"/>
      <c r="BY960" s="162"/>
      <c r="BZ960" s="162"/>
      <c r="CA960" s="162"/>
      <c r="CB960" s="162"/>
      <c r="CC960" s="162"/>
      <c r="CD960" s="162"/>
      <c r="CE960" s="162"/>
      <c r="CF960" s="162"/>
      <c r="CG960" s="162"/>
      <c r="CH960" s="162"/>
      <c r="CI960" s="162"/>
      <c r="CJ960" s="162"/>
      <c r="CK960" s="162"/>
      <c r="CX960" s="98"/>
      <c r="DL960" s="97"/>
      <c r="DX960" s="98"/>
      <c r="EL960" s="97"/>
      <c r="EX960" s="98"/>
      <c r="EY960" s="97"/>
      <c r="FL960" s="126"/>
      <c r="FM960" s="91"/>
      <c r="FN960" s="91"/>
      <c r="FO960" s="91"/>
      <c r="FP960" s="91"/>
      <c r="FQ960" s="91"/>
      <c r="FR960" s="91"/>
      <c r="FS960" s="91"/>
      <c r="FT960" s="91"/>
      <c r="FU960" s="91"/>
      <c r="FV960" s="91"/>
      <c r="FW960" s="91"/>
      <c r="FX960" s="91"/>
      <c r="FY960" s="91"/>
      <c r="FZ960" s="91"/>
      <c r="GA960" s="91"/>
      <c r="GB960" s="91"/>
      <c r="GC960" s="91"/>
      <c r="GD960" s="91"/>
      <c r="GE960" s="91"/>
      <c r="GF960" s="91"/>
      <c r="GG960" s="91"/>
      <c r="GH960" s="91"/>
      <c r="GI960" s="91"/>
      <c r="GJ960" s="91"/>
      <c r="GK960" s="127"/>
      <c r="GL960" s="126"/>
      <c r="GM960" s="91"/>
      <c r="GN960" s="91"/>
      <c r="GO960" s="91"/>
      <c r="GP960" s="91"/>
      <c r="GQ960" s="91"/>
      <c r="GR960" s="91"/>
      <c r="GS960" s="91"/>
      <c r="GT960" s="91"/>
      <c r="GU960" s="91"/>
      <c r="GV960" s="91"/>
      <c r="GW960" s="91"/>
      <c r="GX960" s="91"/>
      <c r="GY960" s="91"/>
      <c r="GZ960" s="91"/>
      <c r="HA960" s="91"/>
      <c r="HB960" s="91"/>
      <c r="HC960" s="91"/>
      <c r="HD960" s="91"/>
      <c r="HE960" s="91"/>
      <c r="HF960" s="91"/>
      <c r="HG960" s="91"/>
      <c r="HH960" s="91"/>
      <c r="HI960" s="91"/>
      <c r="HJ960" s="91"/>
      <c r="HK960" s="127"/>
      <c r="HL960" s="126"/>
      <c r="HM960" s="91"/>
      <c r="HN960" s="91"/>
      <c r="HO960" s="91"/>
      <c r="HP960" s="91"/>
      <c r="HQ960" s="91"/>
      <c r="HR960" s="91"/>
      <c r="HS960" s="91"/>
      <c r="HT960" s="91"/>
      <c r="HU960" s="91"/>
      <c r="HV960" s="91"/>
      <c r="HW960" s="91"/>
      <c r="HX960" s="91"/>
      <c r="HY960" s="91"/>
      <c r="HZ960" s="91"/>
      <c r="IA960" s="91"/>
      <c r="IB960" s="91"/>
      <c r="IC960" s="91"/>
      <c r="ID960" s="91"/>
      <c r="IE960" s="91"/>
      <c r="IF960" s="91"/>
      <c r="IG960" s="91"/>
      <c r="IH960" s="91"/>
      <c r="II960" s="91"/>
      <c r="IJ960" s="91"/>
      <c r="IK960" s="127"/>
    </row>
    <row r="961" spans="2:245" x14ac:dyDescent="0.2">
      <c r="B961" s="43"/>
      <c r="C961" s="73"/>
      <c r="D961" s="64"/>
      <c r="E961" s="64"/>
      <c r="F961" s="55"/>
      <c r="G961" s="102"/>
      <c r="H961" s="55"/>
      <c r="I961" s="55"/>
      <c r="J961" s="55"/>
      <c r="K961" s="55"/>
      <c r="L961" s="55"/>
      <c r="M961" s="55"/>
      <c r="N961" s="55"/>
      <c r="O961" s="55"/>
      <c r="P961" s="55"/>
      <c r="Q961" s="55"/>
      <c r="R961" s="55"/>
      <c r="S961" s="55"/>
      <c r="T961" s="55"/>
      <c r="U961" s="55"/>
      <c r="V961" s="55"/>
      <c r="W961" s="55"/>
      <c r="X961" s="55"/>
      <c r="Y961" s="55"/>
      <c r="Z961" s="55"/>
      <c r="AA961" s="55"/>
      <c r="AB961" s="55"/>
      <c r="AC961" s="55"/>
      <c r="AD961" s="55"/>
      <c r="AE961" s="55"/>
      <c r="AF961" s="55"/>
      <c r="AG961" s="55"/>
      <c r="AY961" s="162"/>
      <c r="AZ961" s="162"/>
      <c r="BA961" s="162"/>
      <c r="BB961" s="162"/>
      <c r="BC961" s="162"/>
      <c r="BD961" s="162"/>
      <c r="BE961" s="162"/>
      <c r="BF961" s="162"/>
      <c r="BG961" s="162"/>
      <c r="BH961" s="162"/>
      <c r="BI961" s="162"/>
      <c r="BJ961" s="162"/>
      <c r="BK961" s="162"/>
      <c r="BL961" s="162"/>
      <c r="BM961" s="162"/>
      <c r="BN961" s="162"/>
      <c r="BO961" s="162"/>
      <c r="BP961" s="162"/>
      <c r="BQ961" s="162"/>
      <c r="BR961" s="162"/>
      <c r="BS961" s="162"/>
      <c r="BT961" s="162"/>
      <c r="BU961" s="162"/>
      <c r="BV961" s="162"/>
      <c r="BW961" s="162"/>
      <c r="BX961" s="162"/>
      <c r="BY961" s="162"/>
      <c r="BZ961" s="162"/>
      <c r="CA961" s="162"/>
      <c r="CB961" s="162"/>
      <c r="CC961" s="162"/>
      <c r="CD961" s="162"/>
      <c r="CE961" s="162"/>
      <c r="CF961" s="162"/>
      <c r="CG961" s="162"/>
      <c r="CH961" s="162"/>
      <c r="CI961" s="162"/>
      <c r="CJ961" s="162"/>
      <c r="CK961" s="162"/>
      <c r="CX961" s="98"/>
      <c r="DL961" s="97"/>
      <c r="DX961" s="98"/>
      <c r="EL961" s="97"/>
      <c r="EX961" s="98"/>
      <c r="EY961" s="97"/>
      <c r="FL961" s="126"/>
      <c r="FM961" s="91"/>
      <c r="FN961" s="91"/>
      <c r="FO961" s="91"/>
      <c r="FP961" s="91"/>
      <c r="FQ961" s="91"/>
      <c r="FR961" s="91"/>
      <c r="FS961" s="91"/>
      <c r="FT961" s="91"/>
      <c r="FU961" s="91"/>
      <c r="FV961" s="91"/>
      <c r="FW961" s="91"/>
      <c r="FX961" s="91"/>
      <c r="FY961" s="91"/>
      <c r="FZ961" s="91"/>
      <c r="GA961" s="91"/>
      <c r="GB961" s="91"/>
      <c r="GC961" s="91"/>
      <c r="GD961" s="91"/>
      <c r="GE961" s="91"/>
      <c r="GF961" s="91"/>
      <c r="GG961" s="91"/>
      <c r="GH961" s="91"/>
      <c r="GI961" s="91"/>
      <c r="GJ961" s="91"/>
      <c r="GK961" s="127"/>
      <c r="GL961" s="126"/>
      <c r="GM961" s="91"/>
      <c r="GN961" s="91"/>
      <c r="GO961" s="91"/>
      <c r="GP961" s="91"/>
      <c r="GQ961" s="91"/>
      <c r="GR961" s="91"/>
      <c r="GS961" s="91"/>
      <c r="GT961" s="91"/>
      <c r="GU961" s="91"/>
      <c r="GV961" s="91"/>
      <c r="GW961" s="91"/>
      <c r="GX961" s="91"/>
      <c r="GY961" s="91"/>
      <c r="GZ961" s="91"/>
      <c r="HA961" s="91"/>
      <c r="HB961" s="91"/>
      <c r="HC961" s="91"/>
      <c r="HD961" s="91"/>
      <c r="HE961" s="91"/>
      <c r="HF961" s="91"/>
      <c r="HG961" s="91"/>
      <c r="HH961" s="91"/>
      <c r="HI961" s="91"/>
      <c r="HJ961" s="91"/>
      <c r="HK961" s="127"/>
      <c r="HL961" s="126"/>
      <c r="HM961" s="91"/>
      <c r="HN961" s="91"/>
      <c r="HO961" s="91"/>
      <c r="HP961" s="91"/>
      <c r="HQ961" s="91"/>
      <c r="HR961" s="91"/>
      <c r="HS961" s="91"/>
      <c r="HT961" s="91"/>
      <c r="HU961" s="91"/>
      <c r="HV961" s="91"/>
      <c r="HW961" s="91"/>
      <c r="HX961" s="91"/>
      <c r="HY961" s="91"/>
      <c r="HZ961" s="91"/>
      <c r="IA961" s="91"/>
      <c r="IB961" s="91"/>
      <c r="IC961" s="91"/>
      <c r="ID961" s="91"/>
      <c r="IE961" s="91"/>
      <c r="IF961" s="91"/>
      <c r="IG961" s="91"/>
      <c r="IH961" s="91"/>
      <c r="II961" s="91"/>
      <c r="IJ961" s="91"/>
      <c r="IK961" s="127"/>
    </row>
    <row r="962" spans="2:245" x14ac:dyDescent="0.2">
      <c r="B962" s="43"/>
      <c r="C962" s="73"/>
      <c r="D962" s="64"/>
      <c r="E962" s="64"/>
      <c r="F962" s="55"/>
      <c r="G962" s="102"/>
      <c r="H962" s="55"/>
      <c r="I962" s="55"/>
      <c r="J962" s="55"/>
      <c r="K962" s="55"/>
      <c r="L962" s="55"/>
      <c r="M962" s="55"/>
      <c r="N962" s="55"/>
      <c r="O962" s="55"/>
      <c r="P962" s="55"/>
      <c r="Q962" s="55"/>
      <c r="R962" s="55"/>
      <c r="S962" s="55"/>
      <c r="T962" s="55"/>
      <c r="U962" s="55"/>
      <c r="V962" s="55"/>
      <c r="W962" s="55"/>
      <c r="X962" s="55"/>
      <c r="Y962" s="55"/>
      <c r="Z962" s="55"/>
      <c r="AA962" s="55"/>
      <c r="AB962" s="55"/>
      <c r="AC962" s="55"/>
      <c r="AD962" s="55"/>
      <c r="AE962" s="55"/>
      <c r="AF962" s="55"/>
      <c r="AG962" s="55"/>
      <c r="AY962" s="162"/>
      <c r="AZ962" s="162"/>
      <c r="BA962" s="162"/>
      <c r="BB962" s="162"/>
      <c r="BC962" s="162"/>
      <c r="BD962" s="162"/>
      <c r="BE962" s="162"/>
      <c r="BF962" s="162"/>
      <c r="BG962" s="162"/>
      <c r="BH962" s="162"/>
      <c r="BI962" s="162"/>
      <c r="BJ962" s="162"/>
      <c r="BK962" s="162"/>
      <c r="BL962" s="162"/>
      <c r="BM962" s="162"/>
      <c r="BN962" s="162"/>
      <c r="BO962" s="162"/>
      <c r="BP962" s="162"/>
      <c r="BQ962" s="162"/>
      <c r="BR962" s="162"/>
      <c r="BS962" s="162"/>
      <c r="BT962" s="162"/>
      <c r="BU962" s="162"/>
      <c r="BV962" s="162"/>
      <c r="BW962" s="162"/>
      <c r="BX962" s="162"/>
      <c r="BY962" s="162"/>
      <c r="BZ962" s="162"/>
      <c r="CA962" s="162"/>
      <c r="CB962" s="162"/>
      <c r="CC962" s="162"/>
      <c r="CD962" s="162"/>
      <c r="CE962" s="162"/>
      <c r="CF962" s="162"/>
      <c r="CG962" s="162"/>
      <c r="CH962" s="162"/>
      <c r="CI962" s="162"/>
      <c r="CJ962" s="162"/>
      <c r="CK962" s="162"/>
      <c r="CX962" s="98"/>
      <c r="DL962" s="97"/>
      <c r="DX962" s="98"/>
      <c r="EL962" s="97"/>
      <c r="EX962" s="98"/>
      <c r="EY962" s="97"/>
      <c r="FL962" s="126"/>
      <c r="FM962" s="91"/>
      <c r="FN962" s="91"/>
      <c r="FO962" s="91"/>
      <c r="FP962" s="91"/>
      <c r="FQ962" s="91"/>
      <c r="FR962" s="91"/>
      <c r="FS962" s="91"/>
      <c r="FT962" s="91"/>
      <c r="FU962" s="91"/>
      <c r="FV962" s="91"/>
      <c r="FW962" s="91"/>
      <c r="FX962" s="91"/>
      <c r="FY962" s="91"/>
      <c r="FZ962" s="91"/>
      <c r="GA962" s="91"/>
      <c r="GB962" s="91"/>
      <c r="GC962" s="91"/>
      <c r="GD962" s="91"/>
      <c r="GE962" s="91"/>
      <c r="GF962" s="91"/>
      <c r="GG962" s="91"/>
      <c r="GH962" s="91"/>
      <c r="GI962" s="91"/>
      <c r="GJ962" s="91"/>
      <c r="GK962" s="127"/>
      <c r="GL962" s="126"/>
      <c r="GM962" s="91"/>
      <c r="GN962" s="91"/>
      <c r="GO962" s="91"/>
      <c r="GP962" s="91"/>
      <c r="GQ962" s="91"/>
      <c r="GR962" s="91"/>
      <c r="GS962" s="91"/>
      <c r="GT962" s="91"/>
      <c r="GU962" s="91"/>
      <c r="GV962" s="91"/>
      <c r="GW962" s="91"/>
      <c r="GX962" s="91"/>
      <c r="GY962" s="91"/>
      <c r="GZ962" s="91"/>
      <c r="HA962" s="91"/>
      <c r="HB962" s="91"/>
      <c r="HC962" s="91"/>
      <c r="HD962" s="91"/>
      <c r="HE962" s="91"/>
      <c r="HF962" s="91"/>
      <c r="HG962" s="91"/>
      <c r="HH962" s="91"/>
      <c r="HI962" s="91"/>
      <c r="HJ962" s="91"/>
      <c r="HK962" s="127"/>
      <c r="HL962" s="126"/>
      <c r="HM962" s="91"/>
      <c r="HN962" s="91"/>
      <c r="HO962" s="91"/>
      <c r="HP962" s="91"/>
      <c r="HQ962" s="91"/>
      <c r="HR962" s="91"/>
      <c r="HS962" s="91"/>
      <c r="HT962" s="91"/>
      <c r="HU962" s="91"/>
      <c r="HV962" s="91"/>
      <c r="HW962" s="91"/>
      <c r="HX962" s="91"/>
      <c r="HY962" s="91"/>
      <c r="HZ962" s="91"/>
      <c r="IA962" s="91"/>
      <c r="IB962" s="91"/>
      <c r="IC962" s="91"/>
      <c r="ID962" s="91"/>
      <c r="IE962" s="91"/>
      <c r="IF962" s="91"/>
      <c r="IG962" s="91"/>
      <c r="IH962" s="91"/>
      <c r="II962" s="91"/>
      <c r="IJ962" s="91"/>
      <c r="IK962" s="127"/>
    </row>
    <row r="963" spans="2:245" x14ac:dyDescent="0.2">
      <c r="B963" s="43"/>
      <c r="C963" s="73"/>
      <c r="D963" s="64"/>
      <c r="E963" s="64"/>
      <c r="F963" s="55"/>
      <c r="G963" s="102"/>
      <c r="H963" s="55"/>
      <c r="I963" s="55"/>
      <c r="J963" s="55"/>
      <c r="K963" s="55"/>
      <c r="L963" s="55"/>
      <c r="M963" s="55"/>
      <c r="N963" s="55"/>
      <c r="O963" s="55"/>
      <c r="P963" s="55"/>
      <c r="Q963" s="55"/>
      <c r="R963" s="55"/>
      <c r="S963" s="55"/>
      <c r="T963" s="55"/>
      <c r="U963" s="55"/>
      <c r="V963" s="55"/>
      <c r="W963" s="55"/>
      <c r="X963" s="55"/>
      <c r="Y963" s="55"/>
      <c r="Z963" s="55"/>
      <c r="AA963" s="55"/>
      <c r="AB963" s="55"/>
      <c r="AC963" s="55"/>
      <c r="AD963" s="55"/>
      <c r="AE963" s="55"/>
      <c r="AF963" s="55"/>
      <c r="AG963" s="55"/>
      <c r="AY963" s="162"/>
      <c r="AZ963" s="162"/>
      <c r="BA963" s="162"/>
      <c r="BB963" s="162"/>
      <c r="BC963" s="162"/>
      <c r="BD963" s="162"/>
      <c r="BE963" s="162"/>
      <c r="BF963" s="162"/>
      <c r="BG963" s="162"/>
      <c r="BH963" s="162"/>
      <c r="BI963" s="162"/>
      <c r="BJ963" s="162"/>
      <c r="BK963" s="162"/>
      <c r="BL963" s="162"/>
      <c r="BM963" s="162"/>
      <c r="BN963" s="162"/>
      <c r="BO963" s="162"/>
      <c r="BP963" s="162"/>
      <c r="BQ963" s="162"/>
      <c r="BR963" s="162"/>
      <c r="BS963" s="162"/>
      <c r="BT963" s="162"/>
      <c r="BU963" s="162"/>
      <c r="BV963" s="162"/>
      <c r="BW963" s="162"/>
      <c r="BX963" s="162"/>
      <c r="BY963" s="162"/>
      <c r="BZ963" s="162"/>
      <c r="CA963" s="162"/>
      <c r="CB963" s="162"/>
      <c r="CC963" s="162"/>
      <c r="CD963" s="162"/>
      <c r="CE963" s="162"/>
      <c r="CF963" s="162"/>
      <c r="CG963" s="162"/>
      <c r="CH963" s="162"/>
      <c r="CI963" s="162"/>
      <c r="CJ963" s="162"/>
      <c r="CK963" s="162"/>
      <c r="CX963" s="98"/>
      <c r="DL963" s="97"/>
      <c r="DX963" s="98"/>
      <c r="EL963" s="97"/>
      <c r="EX963" s="98"/>
      <c r="EY963" s="97"/>
      <c r="FL963" s="126"/>
      <c r="FM963" s="91"/>
      <c r="FN963" s="91"/>
      <c r="FO963" s="91"/>
      <c r="FP963" s="91"/>
      <c r="FQ963" s="91"/>
      <c r="FR963" s="91"/>
      <c r="FS963" s="91"/>
      <c r="FT963" s="91"/>
      <c r="FU963" s="91"/>
      <c r="FV963" s="91"/>
      <c r="FW963" s="91"/>
      <c r="FX963" s="91"/>
      <c r="FY963" s="91"/>
      <c r="FZ963" s="91"/>
      <c r="GA963" s="91"/>
      <c r="GB963" s="91"/>
      <c r="GC963" s="91"/>
      <c r="GD963" s="91"/>
      <c r="GE963" s="91"/>
      <c r="GF963" s="91"/>
      <c r="GG963" s="91"/>
      <c r="GH963" s="91"/>
      <c r="GI963" s="91"/>
      <c r="GJ963" s="91"/>
      <c r="GK963" s="127"/>
      <c r="GL963" s="126"/>
      <c r="GM963" s="91"/>
      <c r="GN963" s="91"/>
      <c r="GO963" s="91"/>
      <c r="GP963" s="91"/>
      <c r="GQ963" s="91"/>
      <c r="GR963" s="91"/>
      <c r="GS963" s="91"/>
      <c r="GT963" s="91"/>
      <c r="GU963" s="91"/>
      <c r="GV963" s="91"/>
      <c r="GW963" s="91"/>
      <c r="GX963" s="91"/>
      <c r="GY963" s="91"/>
      <c r="GZ963" s="91"/>
      <c r="HA963" s="91"/>
      <c r="HB963" s="91"/>
      <c r="HC963" s="91"/>
      <c r="HD963" s="91"/>
      <c r="HE963" s="91"/>
      <c r="HF963" s="91"/>
      <c r="HG963" s="91"/>
      <c r="HH963" s="91"/>
      <c r="HI963" s="91"/>
      <c r="HJ963" s="91"/>
      <c r="HK963" s="127"/>
      <c r="HL963" s="126"/>
      <c r="HM963" s="91"/>
      <c r="HN963" s="91"/>
      <c r="HO963" s="91"/>
      <c r="HP963" s="91"/>
      <c r="HQ963" s="91"/>
      <c r="HR963" s="91"/>
      <c r="HS963" s="91"/>
      <c r="HT963" s="91"/>
      <c r="HU963" s="91"/>
      <c r="HV963" s="91"/>
      <c r="HW963" s="91"/>
      <c r="HX963" s="91"/>
      <c r="HY963" s="91"/>
      <c r="HZ963" s="91"/>
      <c r="IA963" s="91"/>
      <c r="IB963" s="91"/>
      <c r="IC963" s="91"/>
      <c r="ID963" s="91"/>
      <c r="IE963" s="91"/>
      <c r="IF963" s="91"/>
      <c r="IG963" s="91"/>
      <c r="IH963" s="91"/>
      <c r="II963" s="91"/>
      <c r="IJ963" s="91"/>
      <c r="IK963" s="127"/>
    </row>
    <row r="964" spans="2:245" x14ac:dyDescent="0.2">
      <c r="B964" s="43"/>
      <c r="C964" s="73"/>
      <c r="D964" s="64"/>
      <c r="E964" s="64"/>
      <c r="F964" s="55"/>
      <c r="G964" s="102"/>
      <c r="H964" s="55"/>
      <c r="I964" s="55"/>
      <c r="J964" s="55"/>
      <c r="K964" s="55"/>
      <c r="L964" s="55"/>
      <c r="M964" s="55"/>
      <c r="N964" s="55"/>
      <c r="O964" s="55"/>
      <c r="P964" s="55"/>
      <c r="Q964" s="55"/>
      <c r="R964" s="55"/>
      <c r="S964" s="55"/>
      <c r="T964" s="55"/>
      <c r="U964" s="55"/>
      <c r="V964" s="55"/>
      <c r="W964" s="55"/>
      <c r="X964" s="55"/>
      <c r="Y964" s="55"/>
      <c r="Z964" s="55"/>
      <c r="AA964" s="55"/>
      <c r="AB964" s="55"/>
      <c r="AC964" s="55"/>
      <c r="AD964" s="55"/>
      <c r="AE964" s="55"/>
      <c r="AF964" s="55"/>
      <c r="AG964" s="55"/>
      <c r="AY964" s="162"/>
      <c r="AZ964" s="162"/>
      <c r="BA964" s="162"/>
      <c r="BB964" s="162"/>
      <c r="BC964" s="162"/>
      <c r="BD964" s="162"/>
      <c r="BE964" s="162"/>
      <c r="BF964" s="162"/>
      <c r="BG964" s="162"/>
      <c r="BH964" s="162"/>
      <c r="BI964" s="162"/>
      <c r="BJ964" s="162"/>
      <c r="BK964" s="162"/>
      <c r="BL964" s="162"/>
      <c r="BM964" s="162"/>
      <c r="BN964" s="162"/>
      <c r="BO964" s="162"/>
      <c r="BP964" s="162"/>
      <c r="BQ964" s="162"/>
      <c r="BR964" s="162"/>
      <c r="BS964" s="162"/>
      <c r="BT964" s="162"/>
      <c r="BU964" s="162"/>
      <c r="BV964" s="162"/>
      <c r="BW964" s="162"/>
      <c r="BX964" s="162"/>
      <c r="BY964" s="162"/>
      <c r="BZ964" s="162"/>
      <c r="CA964" s="162"/>
      <c r="CB964" s="162"/>
      <c r="CC964" s="162"/>
      <c r="CD964" s="162"/>
      <c r="CE964" s="162"/>
      <c r="CF964" s="162"/>
      <c r="CG964" s="162"/>
      <c r="CH964" s="162"/>
      <c r="CI964" s="162"/>
      <c r="CJ964" s="162"/>
      <c r="CK964" s="162"/>
      <c r="CX964" s="98"/>
      <c r="DL964" s="97"/>
      <c r="DX964" s="98"/>
      <c r="EL964" s="97"/>
      <c r="EX964" s="98"/>
      <c r="EY964" s="97"/>
      <c r="FL964" s="126"/>
      <c r="FM964" s="91"/>
      <c r="FN964" s="91"/>
      <c r="FO964" s="91"/>
      <c r="FP964" s="91"/>
      <c r="FQ964" s="91"/>
      <c r="FR964" s="91"/>
      <c r="FS964" s="91"/>
      <c r="FT964" s="91"/>
      <c r="FU964" s="91"/>
      <c r="FV964" s="91"/>
      <c r="FW964" s="91"/>
      <c r="FX964" s="91"/>
      <c r="FY964" s="91"/>
      <c r="FZ964" s="91"/>
      <c r="GA964" s="91"/>
      <c r="GB964" s="91"/>
      <c r="GC964" s="91"/>
      <c r="GD964" s="91"/>
      <c r="GE964" s="91"/>
      <c r="GF964" s="91"/>
      <c r="GG964" s="91"/>
      <c r="GH964" s="91"/>
      <c r="GI964" s="91"/>
      <c r="GJ964" s="91"/>
      <c r="GK964" s="127"/>
      <c r="GL964" s="126"/>
      <c r="GM964" s="91"/>
      <c r="GN964" s="91"/>
      <c r="GO964" s="91"/>
      <c r="GP964" s="91"/>
      <c r="GQ964" s="91"/>
      <c r="GR964" s="91"/>
      <c r="GS964" s="91"/>
      <c r="GT964" s="91"/>
      <c r="GU964" s="91"/>
      <c r="GV964" s="91"/>
      <c r="GW964" s="91"/>
      <c r="GX964" s="91"/>
      <c r="GY964" s="91"/>
      <c r="GZ964" s="91"/>
      <c r="HA964" s="91"/>
      <c r="HB964" s="91"/>
      <c r="HC964" s="91"/>
      <c r="HD964" s="91"/>
      <c r="HE964" s="91"/>
      <c r="HF964" s="91"/>
      <c r="HG964" s="91"/>
      <c r="HH964" s="91"/>
      <c r="HI964" s="91"/>
      <c r="HJ964" s="91"/>
      <c r="HK964" s="127"/>
      <c r="HL964" s="126"/>
      <c r="HM964" s="91"/>
      <c r="HN964" s="91"/>
      <c r="HO964" s="91"/>
      <c r="HP964" s="91"/>
      <c r="HQ964" s="91"/>
      <c r="HR964" s="91"/>
      <c r="HS964" s="91"/>
      <c r="HT964" s="91"/>
      <c r="HU964" s="91"/>
      <c r="HV964" s="91"/>
      <c r="HW964" s="91"/>
      <c r="HX964" s="91"/>
      <c r="HY964" s="91"/>
      <c r="HZ964" s="91"/>
      <c r="IA964" s="91"/>
      <c r="IB964" s="91"/>
      <c r="IC964" s="91"/>
      <c r="ID964" s="91"/>
      <c r="IE964" s="91"/>
      <c r="IF964" s="91"/>
      <c r="IG964" s="91"/>
      <c r="IH964" s="91"/>
      <c r="II964" s="91"/>
      <c r="IJ964" s="91"/>
      <c r="IK964" s="127"/>
    </row>
    <row r="965" spans="2:245" x14ac:dyDescent="0.2">
      <c r="B965" s="43"/>
      <c r="C965" s="73"/>
      <c r="D965" s="64"/>
      <c r="E965" s="64"/>
      <c r="F965" s="55"/>
      <c r="G965" s="102"/>
      <c r="H965" s="55"/>
      <c r="I965" s="55"/>
      <c r="J965" s="55"/>
      <c r="K965" s="55"/>
      <c r="L965" s="55"/>
      <c r="M965" s="55"/>
      <c r="N965" s="55"/>
      <c r="O965" s="55"/>
      <c r="P965" s="55"/>
      <c r="Q965" s="55"/>
      <c r="R965" s="55"/>
      <c r="S965" s="55"/>
      <c r="T965" s="55"/>
      <c r="U965" s="55"/>
      <c r="V965" s="55"/>
      <c r="W965" s="55"/>
      <c r="X965" s="55"/>
      <c r="Y965" s="55"/>
      <c r="Z965" s="55"/>
      <c r="AA965" s="55"/>
      <c r="AB965" s="55"/>
      <c r="AC965" s="55"/>
      <c r="AD965" s="55"/>
      <c r="AE965" s="55"/>
      <c r="AF965" s="55"/>
      <c r="AG965" s="55"/>
      <c r="AY965" s="162"/>
      <c r="AZ965" s="162"/>
      <c r="BA965" s="162"/>
      <c r="BB965" s="162"/>
      <c r="BC965" s="162"/>
      <c r="BD965" s="162"/>
      <c r="BE965" s="162"/>
      <c r="BF965" s="162"/>
      <c r="BG965" s="162"/>
      <c r="BH965" s="162"/>
      <c r="BI965" s="162"/>
      <c r="BJ965" s="162"/>
      <c r="BK965" s="162"/>
      <c r="BL965" s="162"/>
      <c r="BM965" s="162"/>
      <c r="BN965" s="162"/>
      <c r="BO965" s="162"/>
      <c r="BP965" s="162"/>
      <c r="BQ965" s="162"/>
      <c r="BR965" s="162"/>
      <c r="BS965" s="162"/>
      <c r="BT965" s="162"/>
      <c r="BU965" s="162"/>
      <c r="BV965" s="162"/>
      <c r="BW965" s="162"/>
      <c r="BX965" s="162"/>
      <c r="BY965" s="162"/>
      <c r="BZ965" s="162"/>
      <c r="CA965" s="162"/>
      <c r="CB965" s="162"/>
      <c r="CC965" s="162"/>
      <c r="CD965" s="162"/>
      <c r="CE965" s="162"/>
      <c r="CF965" s="162"/>
      <c r="CG965" s="162"/>
      <c r="CH965" s="162"/>
      <c r="CI965" s="162"/>
      <c r="CJ965" s="162"/>
      <c r="CK965" s="162"/>
      <c r="CX965" s="98"/>
      <c r="DL965" s="97"/>
      <c r="DX965" s="98"/>
      <c r="EL965" s="97"/>
      <c r="EX965" s="98"/>
      <c r="EY965" s="97"/>
      <c r="FL965" s="126"/>
      <c r="FM965" s="91"/>
      <c r="FN965" s="91"/>
      <c r="FO965" s="91"/>
      <c r="FP965" s="91"/>
      <c r="FQ965" s="91"/>
      <c r="FR965" s="91"/>
      <c r="FS965" s="91"/>
      <c r="FT965" s="91"/>
      <c r="FU965" s="91"/>
      <c r="FV965" s="91"/>
      <c r="FW965" s="91"/>
      <c r="FX965" s="91"/>
      <c r="FY965" s="91"/>
      <c r="FZ965" s="91"/>
      <c r="GA965" s="91"/>
      <c r="GB965" s="91"/>
      <c r="GC965" s="91"/>
      <c r="GD965" s="91"/>
      <c r="GE965" s="91"/>
      <c r="GF965" s="91"/>
      <c r="GG965" s="91"/>
      <c r="GH965" s="91"/>
      <c r="GI965" s="91"/>
      <c r="GJ965" s="91"/>
      <c r="GK965" s="127"/>
      <c r="GL965" s="126"/>
      <c r="GM965" s="91"/>
      <c r="GN965" s="91"/>
      <c r="GO965" s="91"/>
      <c r="GP965" s="91"/>
      <c r="GQ965" s="91"/>
      <c r="GR965" s="91"/>
      <c r="GS965" s="91"/>
      <c r="GT965" s="91"/>
      <c r="GU965" s="91"/>
      <c r="GV965" s="91"/>
      <c r="GW965" s="91"/>
      <c r="GX965" s="91"/>
      <c r="GY965" s="91"/>
      <c r="GZ965" s="91"/>
      <c r="HA965" s="91"/>
      <c r="HB965" s="91"/>
      <c r="HC965" s="91"/>
      <c r="HD965" s="91"/>
      <c r="HE965" s="91"/>
      <c r="HF965" s="91"/>
      <c r="HG965" s="91"/>
      <c r="HH965" s="91"/>
      <c r="HI965" s="91"/>
      <c r="HJ965" s="91"/>
      <c r="HK965" s="127"/>
      <c r="HL965" s="126"/>
      <c r="HM965" s="91"/>
      <c r="HN965" s="91"/>
      <c r="HO965" s="91"/>
      <c r="HP965" s="91"/>
      <c r="HQ965" s="91"/>
      <c r="HR965" s="91"/>
      <c r="HS965" s="91"/>
      <c r="HT965" s="91"/>
      <c r="HU965" s="91"/>
      <c r="HV965" s="91"/>
      <c r="HW965" s="91"/>
      <c r="HX965" s="91"/>
      <c r="HY965" s="91"/>
      <c r="HZ965" s="91"/>
      <c r="IA965" s="91"/>
      <c r="IB965" s="91"/>
      <c r="IC965" s="91"/>
      <c r="ID965" s="91"/>
      <c r="IE965" s="91"/>
      <c r="IF965" s="91"/>
      <c r="IG965" s="91"/>
      <c r="IH965" s="91"/>
      <c r="II965" s="91"/>
      <c r="IJ965" s="91"/>
      <c r="IK965" s="127"/>
    </row>
    <row r="966" spans="2:245" x14ac:dyDescent="0.2">
      <c r="B966" s="43"/>
      <c r="C966" s="73"/>
      <c r="D966" s="64"/>
      <c r="E966" s="64"/>
      <c r="F966" s="55"/>
      <c r="G966" s="102"/>
      <c r="H966" s="55"/>
      <c r="I966" s="55"/>
      <c r="J966" s="55"/>
      <c r="K966" s="55"/>
      <c r="L966" s="55"/>
      <c r="M966" s="55"/>
      <c r="N966" s="55"/>
      <c r="O966" s="55"/>
      <c r="P966" s="55"/>
      <c r="Q966" s="55"/>
      <c r="R966" s="55"/>
      <c r="S966" s="55"/>
      <c r="T966" s="55"/>
      <c r="U966" s="55"/>
      <c r="V966" s="55"/>
      <c r="W966" s="55"/>
      <c r="X966" s="55"/>
      <c r="Y966" s="55"/>
      <c r="Z966" s="55"/>
      <c r="AA966" s="55"/>
      <c r="AB966" s="55"/>
      <c r="AC966" s="55"/>
      <c r="AD966" s="55"/>
      <c r="AE966" s="55"/>
      <c r="AF966" s="55"/>
      <c r="AG966" s="55"/>
      <c r="AY966" s="162"/>
      <c r="AZ966" s="162"/>
      <c r="BA966" s="162"/>
      <c r="BB966" s="162"/>
      <c r="BC966" s="162"/>
      <c r="BD966" s="162"/>
      <c r="BE966" s="162"/>
      <c r="BF966" s="162"/>
      <c r="BG966" s="162"/>
      <c r="BH966" s="162"/>
      <c r="BI966" s="162"/>
      <c r="BJ966" s="162"/>
      <c r="BK966" s="162"/>
      <c r="BL966" s="162"/>
      <c r="BM966" s="162"/>
      <c r="BN966" s="162"/>
      <c r="BO966" s="162"/>
      <c r="BP966" s="162"/>
      <c r="BQ966" s="162"/>
      <c r="BR966" s="162"/>
      <c r="BS966" s="162"/>
      <c r="BT966" s="162"/>
      <c r="BU966" s="162"/>
      <c r="BV966" s="162"/>
      <c r="BW966" s="162"/>
      <c r="BX966" s="162"/>
      <c r="BY966" s="162"/>
      <c r="BZ966" s="162"/>
      <c r="CA966" s="162"/>
      <c r="CB966" s="162"/>
      <c r="CC966" s="162"/>
      <c r="CD966" s="162"/>
      <c r="CE966" s="162"/>
      <c r="CF966" s="162"/>
      <c r="CG966" s="162"/>
      <c r="CH966" s="162"/>
      <c r="CI966" s="162"/>
      <c r="CJ966" s="162"/>
      <c r="CK966" s="162"/>
      <c r="CX966" s="98"/>
      <c r="DL966" s="97"/>
      <c r="DX966" s="98"/>
      <c r="EL966" s="97"/>
      <c r="EX966" s="98"/>
      <c r="EY966" s="97"/>
      <c r="FL966" s="126"/>
      <c r="FM966" s="91"/>
      <c r="FN966" s="91"/>
      <c r="FO966" s="91"/>
      <c r="FP966" s="91"/>
      <c r="FQ966" s="91"/>
      <c r="FR966" s="91"/>
      <c r="FS966" s="91"/>
      <c r="FT966" s="91"/>
      <c r="FU966" s="91"/>
      <c r="FV966" s="91"/>
      <c r="FW966" s="91"/>
      <c r="FX966" s="91"/>
      <c r="FY966" s="91"/>
      <c r="FZ966" s="91"/>
      <c r="GA966" s="91"/>
      <c r="GB966" s="91"/>
      <c r="GC966" s="91"/>
      <c r="GD966" s="91"/>
      <c r="GE966" s="91"/>
      <c r="GF966" s="91"/>
      <c r="GG966" s="91"/>
      <c r="GH966" s="91"/>
      <c r="GI966" s="91"/>
      <c r="GJ966" s="91"/>
      <c r="GK966" s="127"/>
      <c r="GL966" s="126"/>
      <c r="GM966" s="91"/>
      <c r="GN966" s="91"/>
      <c r="GO966" s="91"/>
      <c r="GP966" s="91"/>
      <c r="GQ966" s="91"/>
      <c r="GR966" s="91"/>
      <c r="GS966" s="91"/>
      <c r="GT966" s="91"/>
      <c r="GU966" s="91"/>
      <c r="GV966" s="91"/>
      <c r="GW966" s="91"/>
      <c r="GX966" s="91"/>
      <c r="GY966" s="91"/>
      <c r="GZ966" s="91"/>
      <c r="HA966" s="91"/>
      <c r="HB966" s="91"/>
      <c r="HC966" s="91"/>
      <c r="HD966" s="91"/>
      <c r="HE966" s="91"/>
      <c r="HF966" s="91"/>
      <c r="HG966" s="91"/>
      <c r="HH966" s="91"/>
      <c r="HI966" s="91"/>
      <c r="HJ966" s="91"/>
      <c r="HK966" s="127"/>
      <c r="HL966" s="126"/>
      <c r="HM966" s="91"/>
      <c r="HN966" s="91"/>
      <c r="HO966" s="91"/>
      <c r="HP966" s="91"/>
      <c r="HQ966" s="91"/>
      <c r="HR966" s="91"/>
      <c r="HS966" s="91"/>
      <c r="HT966" s="91"/>
      <c r="HU966" s="91"/>
      <c r="HV966" s="91"/>
      <c r="HW966" s="91"/>
      <c r="HX966" s="91"/>
      <c r="HY966" s="91"/>
      <c r="HZ966" s="91"/>
      <c r="IA966" s="91"/>
      <c r="IB966" s="91"/>
      <c r="IC966" s="91"/>
      <c r="ID966" s="91"/>
      <c r="IE966" s="91"/>
      <c r="IF966" s="91"/>
      <c r="IG966" s="91"/>
      <c r="IH966" s="91"/>
      <c r="II966" s="91"/>
      <c r="IJ966" s="91"/>
      <c r="IK966" s="127"/>
    </row>
    <row r="967" spans="2:245" x14ac:dyDescent="0.2">
      <c r="B967" s="43"/>
      <c r="C967" s="73"/>
      <c r="D967" s="64"/>
      <c r="E967" s="64"/>
      <c r="F967" s="55"/>
      <c r="G967" s="102"/>
      <c r="H967" s="55"/>
      <c r="I967" s="55"/>
      <c r="J967" s="55"/>
      <c r="K967" s="55"/>
      <c r="L967" s="55"/>
      <c r="M967" s="55"/>
      <c r="N967" s="55"/>
      <c r="O967" s="55"/>
      <c r="P967" s="55"/>
      <c r="Q967" s="55"/>
      <c r="R967" s="55"/>
      <c r="S967" s="55"/>
      <c r="T967" s="55"/>
      <c r="U967" s="55"/>
      <c r="V967" s="55"/>
      <c r="W967" s="55"/>
      <c r="X967" s="55"/>
      <c r="Y967" s="55"/>
      <c r="Z967" s="55"/>
      <c r="AA967" s="55"/>
      <c r="AB967" s="55"/>
      <c r="AC967" s="55"/>
      <c r="AD967" s="55"/>
      <c r="AE967" s="55"/>
      <c r="AF967" s="55"/>
      <c r="AG967" s="55"/>
      <c r="AY967" s="162"/>
      <c r="AZ967" s="162"/>
      <c r="BA967" s="162"/>
      <c r="BB967" s="162"/>
      <c r="BC967" s="162"/>
      <c r="BD967" s="162"/>
      <c r="BE967" s="162"/>
      <c r="BF967" s="162"/>
      <c r="BG967" s="162"/>
      <c r="BH967" s="162"/>
      <c r="BI967" s="162"/>
      <c r="BJ967" s="162"/>
      <c r="BK967" s="162"/>
      <c r="BL967" s="162"/>
      <c r="BM967" s="162"/>
      <c r="BN967" s="162"/>
      <c r="BO967" s="162"/>
      <c r="BP967" s="162"/>
      <c r="BQ967" s="162"/>
      <c r="BR967" s="162"/>
      <c r="BS967" s="162"/>
      <c r="BT967" s="162"/>
      <c r="BU967" s="162"/>
      <c r="BV967" s="162"/>
      <c r="BW967" s="162"/>
      <c r="BX967" s="162"/>
      <c r="BY967" s="162"/>
      <c r="BZ967" s="162"/>
      <c r="CA967" s="162"/>
      <c r="CB967" s="162"/>
      <c r="CC967" s="162"/>
      <c r="CD967" s="162"/>
      <c r="CE967" s="162"/>
      <c r="CF967" s="162"/>
      <c r="CG967" s="162"/>
      <c r="CH967" s="162"/>
      <c r="CI967" s="162"/>
      <c r="CJ967" s="162"/>
      <c r="CK967" s="162"/>
      <c r="CX967" s="98"/>
      <c r="DL967" s="97"/>
      <c r="DX967" s="98"/>
      <c r="EL967" s="97"/>
      <c r="EX967" s="98"/>
      <c r="EY967" s="97"/>
      <c r="FL967" s="126"/>
      <c r="FM967" s="91"/>
      <c r="FN967" s="91"/>
      <c r="FO967" s="91"/>
      <c r="FP967" s="91"/>
      <c r="FQ967" s="91"/>
      <c r="FR967" s="91"/>
      <c r="FS967" s="91"/>
      <c r="FT967" s="91"/>
      <c r="FU967" s="91"/>
      <c r="FV967" s="91"/>
      <c r="FW967" s="91"/>
      <c r="FX967" s="91"/>
      <c r="FY967" s="91"/>
      <c r="FZ967" s="91"/>
      <c r="GA967" s="91"/>
      <c r="GB967" s="91"/>
      <c r="GC967" s="91"/>
      <c r="GD967" s="91"/>
      <c r="GE967" s="91"/>
      <c r="GF967" s="91"/>
      <c r="GG967" s="91"/>
      <c r="GH967" s="91"/>
      <c r="GI967" s="91"/>
      <c r="GJ967" s="91"/>
      <c r="GK967" s="127"/>
      <c r="GL967" s="126"/>
      <c r="GM967" s="91"/>
      <c r="GN967" s="91"/>
      <c r="GO967" s="91"/>
      <c r="GP967" s="91"/>
      <c r="GQ967" s="91"/>
      <c r="GR967" s="91"/>
      <c r="GS967" s="91"/>
      <c r="GT967" s="91"/>
      <c r="GU967" s="91"/>
      <c r="GV967" s="91"/>
      <c r="GW967" s="91"/>
      <c r="GX967" s="91"/>
      <c r="GY967" s="91"/>
      <c r="GZ967" s="91"/>
      <c r="HA967" s="91"/>
      <c r="HB967" s="91"/>
      <c r="HC967" s="91"/>
      <c r="HD967" s="91"/>
      <c r="HE967" s="91"/>
      <c r="HF967" s="91"/>
      <c r="HG967" s="91"/>
      <c r="HH967" s="91"/>
      <c r="HI967" s="91"/>
      <c r="HJ967" s="91"/>
      <c r="HK967" s="127"/>
      <c r="HL967" s="126"/>
      <c r="HM967" s="91"/>
      <c r="HN967" s="91"/>
      <c r="HO967" s="91"/>
      <c r="HP967" s="91"/>
      <c r="HQ967" s="91"/>
      <c r="HR967" s="91"/>
      <c r="HS967" s="91"/>
      <c r="HT967" s="91"/>
      <c r="HU967" s="91"/>
      <c r="HV967" s="91"/>
      <c r="HW967" s="91"/>
      <c r="HX967" s="91"/>
      <c r="HY967" s="91"/>
      <c r="HZ967" s="91"/>
      <c r="IA967" s="91"/>
      <c r="IB967" s="91"/>
      <c r="IC967" s="91"/>
      <c r="ID967" s="91"/>
      <c r="IE967" s="91"/>
      <c r="IF967" s="91"/>
      <c r="IG967" s="91"/>
      <c r="IH967" s="91"/>
      <c r="II967" s="91"/>
      <c r="IJ967" s="91"/>
      <c r="IK967" s="127"/>
    </row>
    <row r="968" spans="2:245" x14ac:dyDescent="0.2">
      <c r="B968" s="43"/>
      <c r="C968" s="73"/>
      <c r="D968" s="64"/>
      <c r="E968" s="64"/>
      <c r="F968" s="55"/>
      <c r="G968" s="102"/>
      <c r="H968" s="55"/>
      <c r="I968" s="55"/>
      <c r="J968" s="55"/>
      <c r="K968" s="55"/>
      <c r="L968" s="55"/>
      <c r="M968" s="55"/>
      <c r="N968" s="55"/>
      <c r="O968" s="55"/>
      <c r="P968" s="55"/>
      <c r="Q968" s="55"/>
      <c r="R968" s="55"/>
      <c r="S968" s="55"/>
      <c r="T968" s="55"/>
      <c r="U968" s="55"/>
      <c r="V968" s="55"/>
      <c r="W968" s="55"/>
      <c r="X968" s="55"/>
      <c r="Y968" s="55"/>
      <c r="Z968" s="55"/>
      <c r="AA968" s="55"/>
      <c r="AB968" s="55"/>
      <c r="AC968" s="55"/>
      <c r="AD968" s="55"/>
      <c r="AE968" s="55"/>
      <c r="AF968" s="55"/>
      <c r="AG968" s="55"/>
      <c r="AY968" s="162"/>
      <c r="AZ968" s="162"/>
      <c r="BA968" s="162"/>
      <c r="BB968" s="162"/>
      <c r="BC968" s="162"/>
      <c r="BD968" s="162"/>
      <c r="BE968" s="162"/>
      <c r="BF968" s="162"/>
      <c r="BG968" s="162"/>
      <c r="BH968" s="162"/>
      <c r="BI968" s="162"/>
      <c r="BJ968" s="162"/>
      <c r="BK968" s="162"/>
      <c r="BL968" s="162"/>
      <c r="BM968" s="162"/>
      <c r="BN968" s="162"/>
      <c r="BO968" s="162"/>
      <c r="BP968" s="162"/>
      <c r="BQ968" s="162"/>
      <c r="BR968" s="162"/>
      <c r="BS968" s="162"/>
      <c r="BT968" s="162"/>
      <c r="BU968" s="162"/>
      <c r="BV968" s="162"/>
      <c r="BW968" s="162"/>
      <c r="BX968" s="162"/>
      <c r="BY968" s="162"/>
      <c r="BZ968" s="162"/>
      <c r="CA968" s="162"/>
      <c r="CB968" s="162"/>
      <c r="CC968" s="162"/>
      <c r="CD968" s="162"/>
      <c r="CE968" s="162"/>
      <c r="CF968" s="162"/>
      <c r="CG968" s="162"/>
      <c r="CH968" s="162"/>
      <c r="CI968" s="162"/>
      <c r="CJ968" s="162"/>
      <c r="CK968" s="162"/>
      <c r="CX968" s="98"/>
      <c r="DL968" s="97"/>
      <c r="DX968" s="98"/>
      <c r="EL968" s="97"/>
      <c r="EX968" s="98"/>
      <c r="EY968" s="97"/>
      <c r="FL968" s="126"/>
      <c r="FM968" s="91"/>
      <c r="FN968" s="91"/>
      <c r="FO968" s="91"/>
      <c r="FP968" s="91"/>
      <c r="FQ968" s="91"/>
      <c r="FR968" s="91"/>
      <c r="FS968" s="91"/>
      <c r="FT968" s="91"/>
      <c r="FU968" s="91"/>
      <c r="FV968" s="91"/>
      <c r="FW968" s="91"/>
      <c r="FX968" s="91"/>
      <c r="FY968" s="91"/>
      <c r="FZ968" s="91"/>
      <c r="GA968" s="91"/>
      <c r="GB968" s="91"/>
      <c r="GC968" s="91"/>
      <c r="GD968" s="91"/>
      <c r="GE968" s="91"/>
      <c r="GF968" s="91"/>
      <c r="GG968" s="91"/>
      <c r="GH968" s="91"/>
      <c r="GI968" s="91"/>
      <c r="GJ968" s="91"/>
      <c r="GK968" s="127"/>
      <c r="GL968" s="126"/>
      <c r="GM968" s="91"/>
      <c r="GN968" s="91"/>
      <c r="GO968" s="91"/>
      <c r="GP968" s="91"/>
      <c r="GQ968" s="91"/>
      <c r="GR968" s="91"/>
      <c r="GS968" s="91"/>
      <c r="GT968" s="91"/>
      <c r="GU968" s="91"/>
      <c r="GV968" s="91"/>
      <c r="GW968" s="91"/>
      <c r="GX968" s="91"/>
      <c r="GY968" s="91"/>
      <c r="GZ968" s="91"/>
      <c r="HA968" s="91"/>
      <c r="HB968" s="91"/>
      <c r="HC968" s="91"/>
      <c r="HD968" s="91"/>
      <c r="HE968" s="91"/>
      <c r="HF968" s="91"/>
      <c r="HG968" s="91"/>
      <c r="HH968" s="91"/>
      <c r="HI968" s="91"/>
      <c r="HJ968" s="91"/>
      <c r="HK968" s="127"/>
      <c r="HL968" s="126"/>
      <c r="HM968" s="91"/>
      <c r="HN968" s="91"/>
      <c r="HO968" s="91"/>
      <c r="HP968" s="91"/>
      <c r="HQ968" s="91"/>
      <c r="HR968" s="91"/>
      <c r="HS968" s="91"/>
      <c r="HT968" s="91"/>
      <c r="HU968" s="91"/>
      <c r="HV968" s="91"/>
      <c r="HW968" s="91"/>
      <c r="HX968" s="91"/>
      <c r="HY968" s="91"/>
      <c r="HZ968" s="91"/>
      <c r="IA968" s="91"/>
      <c r="IB968" s="91"/>
      <c r="IC968" s="91"/>
      <c r="ID968" s="91"/>
      <c r="IE968" s="91"/>
      <c r="IF968" s="91"/>
      <c r="IG968" s="91"/>
      <c r="IH968" s="91"/>
      <c r="II968" s="91"/>
      <c r="IJ968" s="91"/>
      <c r="IK968" s="127"/>
    </row>
    <row r="969" spans="2:245" x14ac:dyDescent="0.2">
      <c r="B969" s="43"/>
      <c r="C969" s="73"/>
      <c r="D969" s="64"/>
      <c r="E969" s="64"/>
      <c r="F969" s="55"/>
      <c r="G969" s="102"/>
      <c r="H969" s="55"/>
      <c r="I969" s="55"/>
      <c r="J969" s="55"/>
      <c r="K969" s="55"/>
      <c r="L969" s="55"/>
      <c r="M969" s="55"/>
      <c r="N969" s="55"/>
      <c r="O969" s="55"/>
      <c r="P969" s="55"/>
      <c r="Q969" s="55"/>
      <c r="R969" s="55"/>
      <c r="S969" s="55"/>
      <c r="T969" s="55"/>
      <c r="U969" s="55"/>
      <c r="V969" s="55"/>
      <c r="W969" s="55"/>
      <c r="X969" s="55"/>
      <c r="Y969" s="55"/>
      <c r="Z969" s="55"/>
      <c r="AA969" s="55"/>
      <c r="AB969" s="55"/>
      <c r="AC969" s="55"/>
      <c r="AD969" s="55"/>
      <c r="AE969" s="55"/>
      <c r="AF969" s="55"/>
      <c r="AG969" s="55"/>
      <c r="AY969" s="162"/>
      <c r="AZ969" s="162"/>
      <c r="BA969" s="162"/>
      <c r="BB969" s="162"/>
      <c r="BC969" s="162"/>
      <c r="BD969" s="162"/>
      <c r="BE969" s="162"/>
      <c r="BF969" s="162"/>
      <c r="BG969" s="162"/>
      <c r="BH969" s="162"/>
      <c r="BI969" s="162"/>
      <c r="BJ969" s="162"/>
      <c r="BK969" s="162"/>
      <c r="BL969" s="162"/>
      <c r="BM969" s="162"/>
      <c r="BN969" s="162"/>
      <c r="BO969" s="162"/>
      <c r="BP969" s="162"/>
      <c r="BQ969" s="162"/>
      <c r="BR969" s="162"/>
      <c r="BS969" s="162"/>
      <c r="BT969" s="162"/>
      <c r="BU969" s="162"/>
      <c r="BV969" s="162"/>
      <c r="BW969" s="162"/>
      <c r="BX969" s="162"/>
      <c r="BY969" s="162"/>
      <c r="BZ969" s="162"/>
      <c r="CA969" s="162"/>
      <c r="CB969" s="162"/>
      <c r="CC969" s="162"/>
      <c r="CD969" s="162"/>
      <c r="CE969" s="162"/>
      <c r="CF969" s="162"/>
      <c r="CG969" s="162"/>
      <c r="CH969" s="162"/>
      <c r="CI969" s="162"/>
      <c r="CJ969" s="162"/>
      <c r="CK969" s="162"/>
      <c r="CX969" s="98"/>
      <c r="DL969" s="97"/>
      <c r="DX969" s="98"/>
      <c r="EL969" s="97"/>
      <c r="EX969" s="98"/>
      <c r="EY969" s="97"/>
      <c r="FL969" s="126"/>
      <c r="FM969" s="91"/>
      <c r="FN969" s="91"/>
      <c r="FO969" s="91"/>
      <c r="FP969" s="91"/>
      <c r="FQ969" s="91"/>
      <c r="FR969" s="91"/>
      <c r="FS969" s="91"/>
      <c r="FT969" s="91"/>
      <c r="FU969" s="91"/>
      <c r="FV969" s="91"/>
      <c r="FW969" s="91"/>
      <c r="FX969" s="91"/>
      <c r="FY969" s="91"/>
      <c r="FZ969" s="91"/>
      <c r="GA969" s="91"/>
      <c r="GB969" s="91"/>
      <c r="GC969" s="91"/>
      <c r="GD969" s="91"/>
      <c r="GE969" s="91"/>
      <c r="GF969" s="91"/>
      <c r="GG969" s="91"/>
      <c r="GH969" s="91"/>
      <c r="GI969" s="91"/>
      <c r="GJ969" s="91"/>
      <c r="GK969" s="127"/>
      <c r="GL969" s="126"/>
      <c r="GM969" s="91"/>
      <c r="GN969" s="91"/>
      <c r="GO969" s="91"/>
      <c r="GP969" s="91"/>
      <c r="GQ969" s="91"/>
      <c r="GR969" s="91"/>
      <c r="GS969" s="91"/>
      <c r="GT969" s="91"/>
      <c r="GU969" s="91"/>
      <c r="GV969" s="91"/>
      <c r="GW969" s="91"/>
      <c r="GX969" s="91"/>
      <c r="GY969" s="91"/>
      <c r="GZ969" s="91"/>
      <c r="HA969" s="91"/>
      <c r="HB969" s="91"/>
      <c r="HC969" s="91"/>
      <c r="HD969" s="91"/>
      <c r="HE969" s="91"/>
      <c r="HF969" s="91"/>
      <c r="HG969" s="91"/>
      <c r="HH969" s="91"/>
      <c r="HI969" s="91"/>
      <c r="HJ969" s="91"/>
      <c r="HK969" s="127"/>
      <c r="HL969" s="126"/>
      <c r="HM969" s="91"/>
      <c r="HN969" s="91"/>
      <c r="HO969" s="91"/>
      <c r="HP969" s="91"/>
      <c r="HQ969" s="91"/>
      <c r="HR969" s="91"/>
      <c r="HS969" s="91"/>
      <c r="HT969" s="91"/>
      <c r="HU969" s="91"/>
      <c r="HV969" s="91"/>
      <c r="HW969" s="91"/>
      <c r="HX969" s="91"/>
      <c r="HY969" s="91"/>
      <c r="HZ969" s="91"/>
      <c r="IA969" s="91"/>
      <c r="IB969" s="91"/>
      <c r="IC969" s="91"/>
      <c r="ID969" s="91"/>
      <c r="IE969" s="91"/>
      <c r="IF969" s="91"/>
      <c r="IG969" s="91"/>
      <c r="IH969" s="91"/>
      <c r="II969" s="91"/>
      <c r="IJ969" s="91"/>
      <c r="IK969" s="127"/>
    </row>
    <row r="970" spans="2:245" x14ac:dyDescent="0.2">
      <c r="B970" s="43"/>
      <c r="C970" s="73"/>
      <c r="D970" s="64"/>
      <c r="E970" s="64"/>
      <c r="F970" s="55"/>
      <c r="G970" s="102"/>
      <c r="H970" s="55"/>
      <c r="I970" s="55"/>
      <c r="J970" s="55"/>
      <c r="K970" s="55"/>
      <c r="L970" s="55"/>
      <c r="M970" s="55"/>
      <c r="N970" s="55"/>
      <c r="O970" s="55"/>
      <c r="P970" s="55"/>
      <c r="Q970" s="55"/>
      <c r="R970" s="55"/>
      <c r="S970" s="55"/>
      <c r="T970" s="55"/>
      <c r="U970" s="55"/>
      <c r="V970" s="55"/>
      <c r="W970" s="55"/>
      <c r="X970" s="55"/>
      <c r="Y970" s="55"/>
      <c r="Z970" s="55"/>
      <c r="AA970" s="55"/>
      <c r="AB970" s="55"/>
      <c r="AC970" s="55"/>
      <c r="AD970" s="55"/>
      <c r="AE970" s="55"/>
      <c r="AF970" s="55"/>
      <c r="AG970" s="55"/>
      <c r="AY970" s="162"/>
      <c r="AZ970" s="162"/>
      <c r="BA970" s="162"/>
      <c r="BB970" s="162"/>
      <c r="BC970" s="162"/>
      <c r="BD970" s="162"/>
      <c r="BE970" s="162"/>
      <c r="BF970" s="162"/>
      <c r="BG970" s="162"/>
      <c r="BH970" s="162"/>
      <c r="BI970" s="162"/>
      <c r="BJ970" s="162"/>
      <c r="BK970" s="162"/>
      <c r="BL970" s="162"/>
      <c r="BM970" s="162"/>
      <c r="BN970" s="162"/>
      <c r="BO970" s="162"/>
      <c r="BP970" s="162"/>
      <c r="BQ970" s="162"/>
      <c r="BR970" s="162"/>
      <c r="BS970" s="162"/>
      <c r="BT970" s="162"/>
      <c r="BU970" s="162"/>
      <c r="BV970" s="162"/>
      <c r="BW970" s="162"/>
      <c r="BX970" s="162"/>
      <c r="BY970" s="162"/>
      <c r="BZ970" s="162"/>
      <c r="CA970" s="162"/>
      <c r="CB970" s="162"/>
      <c r="CC970" s="162"/>
      <c r="CD970" s="162"/>
      <c r="CE970" s="162"/>
      <c r="CF970" s="162"/>
      <c r="CG970" s="162"/>
      <c r="CH970" s="162"/>
      <c r="CI970" s="162"/>
      <c r="CJ970" s="162"/>
      <c r="CK970" s="162"/>
      <c r="CX970" s="98"/>
      <c r="DL970" s="97"/>
      <c r="DX970" s="98"/>
      <c r="EL970" s="97"/>
      <c r="EX970" s="98"/>
      <c r="EY970" s="97"/>
      <c r="FL970" s="126"/>
      <c r="FM970" s="91"/>
      <c r="FN970" s="91"/>
      <c r="FO970" s="91"/>
      <c r="FP970" s="91"/>
      <c r="FQ970" s="91"/>
      <c r="FR970" s="91"/>
      <c r="FS970" s="91"/>
      <c r="FT970" s="91"/>
      <c r="FU970" s="91"/>
      <c r="FV970" s="91"/>
      <c r="FW970" s="91"/>
      <c r="FX970" s="91"/>
      <c r="FY970" s="91"/>
      <c r="FZ970" s="91"/>
      <c r="GA970" s="91"/>
      <c r="GB970" s="91"/>
      <c r="GC970" s="91"/>
      <c r="GD970" s="91"/>
      <c r="GE970" s="91"/>
      <c r="GF970" s="91"/>
      <c r="GG970" s="91"/>
      <c r="GH970" s="91"/>
      <c r="GI970" s="91"/>
      <c r="GJ970" s="91"/>
      <c r="GK970" s="127"/>
      <c r="GL970" s="126"/>
      <c r="GM970" s="91"/>
      <c r="GN970" s="91"/>
      <c r="GO970" s="91"/>
      <c r="GP970" s="91"/>
      <c r="GQ970" s="91"/>
      <c r="GR970" s="91"/>
      <c r="GS970" s="91"/>
      <c r="GT970" s="91"/>
      <c r="GU970" s="91"/>
      <c r="GV970" s="91"/>
      <c r="GW970" s="91"/>
      <c r="GX970" s="91"/>
      <c r="GY970" s="91"/>
      <c r="GZ970" s="91"/>
      <c r="HA970" s="91"/>
      <c r="HB970" s="91"/>
      <c r="HC970" s="91"/>
      <c r="HD970" s="91"/>
      <c r="HE970" s="91"/>
      <c r="HF970" s="91"/>
      <c r="HG970" s="91"/>
      <c r="HH970" s="91"/>
      <c r="HI970" s="91"/>
      <c r="HJ970" s="91"/>
      <c r="HK970" s="127"/>
      <c r="HL970" s="126"/>
      <c r="HM970" s="91"/>
      <c r="HN970" s="91"/>
      <c r="HO970" s="91"/>
      <c r="HP970" s="91"/>
      <c r="HQ970" s="91"/>
      <c r="HR970" s="91"/>
      <c r="HS970" s="91"/>
      <c r="HT970" s="91"/>
      <c r="HU970" s="91"/>
      <c r="HV970" s="91"/>
      <c r="HW970" s="91"/>
      <c r="HX970" s="91"/>
      <c r="HY970" s="91"/>
      <c r="HZ970" s="91"/>
      <c r="IA970" s="91"/>
      <c r="IB970" s="91"/>
      <c r="IC970" s="91"/>
      <c r="ID970" s="91"/>
      <c r="IE970" s="91"/>
      <c r="IF970" s="91"/>
      <c r="IG970" s="91"/>
      <c r="IH970" s="91"/>
      <c r="II970" s="91"/>
      <c r="IJ970" s="91"/>
      <c r="IK970" s="127"/>
    </row>
    <row r="971" spans="2:245" x14ac:dyDescent="0.2">
      <c r="B971" s="43"/>
      <c r="C971" s="73"/>
      <c r="D971" s="64"/>
      <c r="E971" s="64"/>
      <c r="F971" s="55"/>
      <c r="G971" s="102"/>
      <c r="H971" s="55"/>
      <c r="I971" s="55"/>
      <c r="J971" s="55"/>
      <c r="K971" s="55"/>
      <c r="L971" s="55"/>
      <c r="M971" s="55"/>
      <c r="N971" s="55"/>
      <c r="O971" s="55"/>
      <c r="P971" s="55"/>
      <c r="Q971" s="55"/>
      <c r="R971" s="55"/>
      <c r="S971" s="55"/>
      <c r="T971" s="55"/>
      <c r="U971" s="55"/>
      <c r="V971" s="55"/>
      <c r="W971" s="55"/>
      <c r="X971" s="55"/>
      <c r="Y971" s="55"/>
      <c r="Z971" s="55"/>
      <c r="AA971" s="55"/>
      <c r="AB971" s="55"/>
      <c r="AC971" s="55"/>
      <c r="AD971" s="55"/>
      <c r="AE971" s="55"/>
      <c r="AF971" s="55"/>
      <c r="AG971" s="55"/>
      <c r="AY971" s="162"/>
      <c r="AZ971" s="162"/>
      <c r="BA971" s="162"/>
      <c r="BB971" s="162"/>
      <c r="BC971" s="162"/>
      <c r="BD971" s="162"/>
      <c r="BE971" s="162"/>
      <c r="BF971" s="162"/>
      <c r="BG971" s="162"/>
      <c r="BH971" s="162"/>
      <c r="BI971" s="162"/>
      <c r="BJ971" s="162"/>
      <c r="BK971" s="162"/>
      <c r="BL971" s="162"/>
      <c r="BM971" s="162"/>
      <c r="BN971" s="162"/>
      <c r="BO971" s="162"/>
      <c r="BP971" s="162"/>
      <c r="BQ971" s="162"/>
      <c r="BR971" s="162"/>
      <c r="BS971" s="162"/>
      <c r="BT971" s="162"/>
      <c r="BU971" s="162"/>
      <c r="BV971" s="162"/>
      <c r="BW971" s="162"/>
      <c r="BX971" s="162"/>
      <c r="BY971" s="162"/>
      <c r="BZ971" s="162"/>
      <c r="CA971" s="162"/>
      <c r="CB971" s="162"/>
      <c r="CC971" s="162"/>
      <c r="CD971" s="162"/>
      <c r="CE971" s="162"/>
      <c r="CF971" s="162"/>
      <c r="CG971" s="162"/>
      <c r="CH971" s="162"/>
      <c r="CI971" s="162"/>
      <c r="CJ971" s="162"/>
      <c r="CK971" s="162"/>
      <c r="CX971" s="98"/>
      <c r="DL971" s="97"/>
      <c r="DX971" s="98"/>
      <c r="EL971" s="97"/>
      <c r="EX971" s="98"/>
      <c r="EY971" s="97"/>
      <c r="FL971" s="126"/>
      <c r="FM971" s="91"/>
      <c r="FN971" s="91"/>
      <c r="FO971" s="91"/>
      <c r="FP971" s="91"/>
      <c r="FQ971" s="91"/>
      <c r="FR971" s="91"/>
      <c r="FS971" s="91"/>
      <c r="FT971" s="91"/>
      <c r="FU971" s="91"/>
      <c r="FV971" s="91"/>
      <c r="FW971" s="91"/>
      <c r="FX971" s="91"/>
      <c r="FY971" s="91"/>
      <c r="FZ971" s="91"/>
      <c r="GA971" s="91"/>
      <c r="GB971" s="91"/>
      <c r="GC971" s="91"/>
      <c r="GD971" s="91"/>
      <c r="GE971" s="91"/>
      <c r="GF971" s="91"/>
      <c r="GG971" s="91"/>
      <c r="GH971" s="91"/>
      <c r="GI971" s="91"/>
      <c r="GJ971" s="91"/>
      <c r="GK971" s="127"/>
      <c r="GL971" s="126"/>
      <c r="GM971" s="91"/>
      <c r="GN971" s="91"/>
      <c r="GO971" s="91"/>
      <c r="GP971" s="91"/>
      <c r="GQ971" s="91"/>
      <c r="GR971" s="91"/>
      <c r="GS971" s="91"/>
      <c r="GT971" s="91"/>
      <c r="GU971" s="91"/>
      <c r="GV971" s="91"/>
      <c r="GW971" s="91"/>
      <c r="GX971" s="91"/>
      <c r="GY971" s="91"/>
      <c r="GZ971" s="91"/>
      <c r="HA971" s="91"/>
      <c r="HB971" s="91"/>
      <c r="HC971" s="91"/>
      <c r="HD971" s="91"/>
      <c r="HE971" s="91"/>
      <c r="HF971" s="91"/>
      <c r="HG971" s="91"/>
      <c r="HH971" s="91"/>
      <c r="HI971" s="91"/>
      <c r="HJ971" s="91"/>
      <c r="HK971" s="127"/>
      <c r="HL971" s="126"/>
      <c r="HM971" s="91"/>
      <c r="HN971" s="91"/>
      <c r="HO971" s="91"/>
      <c r="HP971" s="91"/>
      <c r="HQ971" s="91"/>
      <c r="HR971" s="91"/>
      <c r="HS971" s="91"/>
      <c r="HT971" s="91"/>
      <c r="HU971" s="91"/>
      <c r="HV971" s="91"/>
      <c r="HW971" s="91"/>
      <c r="HX971" s="91"/>
      <c r="HY971" s="91"/>
      <c r="HZ971" s="91"/>
      <c r="IA971" s="91"/>
      <c r="IB971" s="91"/>
      <c r="IC971" s="91"/>
      <c r="ID971" s="91"/>
      <c r="IE971" s="91"/>
      <c r="IF971" s="91"/>
      <c r="IG971" s="91"/>
      <c r="IH971" s="91"/>
      <c r="II971" s="91"/>
      <c r="IJ971" s="91"/>
      <c r="IK971" s="127"/>
    </row>
    <row r="972" spans="2:245" x14ac:dyDescent="0.2">
      <c r="B972" s="43"/>
      <c r="C972" s="73"/>
      <c r="D972" s="64"/>
      <c r="E972" s="64"/>
      <c r="F972" s="55"/>
      <c r="G972" s="102"/>
      <c r="H972" s="55"/>
      <c r="I972" s="55"/>
      <c r="J972" s="55"/>
      <c r="K972" s="55"/>
      <c r="L972" s="55"/>
      <c r="M972" s="55"/>
      <c r="N972" s="55"/>
      <c r="O972" s="55"/>
      <c r="P972" s="55"/>
      <c r="Q972" s="55"/>
      <c r="R972" s="55"/>
      <c r="S972" s="55"/>
      <c r="T972" s="55"/>
      <c r="U972" s="55"/>
      <c r="V972" s="55"/>
      <c r="W972" s="55"/>
      <c r="X972" s="55"/>
      <c r="Y972" s="55"/>
      <c r="Z972" s="55"/>
      <c r="AA972" s="55"/>
      <c r="AB972" s="55"/>
      <c r="AC972" s="55"/>
      <c r="AD972" s="55"/>
      <c r="AE972" s="55"/>
      <c r="AF972" s="55"/>
      <c r="AG972" s="55"/>
      <c r="AY972" s="162"/>
      <c r="AZ972" s="162"/>
      <c r="BA972" s="162"/>
      <c r="BB972" s="162"/>
      <c r="BC972" s="162"/>
      <c r="BD972" s="162"/>
      <c r="BE972" s="162"/>
      <c r="BF972" s="162"/>
      <c r="BG972" s="162"/>
      <c r="BH972" s="162"/>
      <c r="BI972" s="162"/>
      <c r="BJ972" s="162"/>
      <c r="BK972" s="162"/>
      <c r="BL972" s="162"/>
      <c r="BM972" s="162"/>
      <c r="BN972" s="162"/>
      <c r="BO972" s="162"/>
      <c r="BP972" s="162"/>
      <c r="BQ972" s="162"/>
      <c r="BR972" s="162"/>
      <c r="BS972" s="162"/>
      <c r="BT972" s="162"/>
      <c r="BU972" s="162"/>
      <c r="BV972" s="162"/>
      <c r="BW972" s="162"/>
      <c r="BX972" s="162"/>
      <c r="BY972" s="162"/>
      <c r="BZ972" s="162"/>
      <c r="CA972" s="162"/>
      <c r="CB972" s="162"/>
      <c r="CC972" s="162"/>
      <c r="CD972" s="162"/>
      <c r="CE972" s="162"/>
      <c r="CF972" s="162"/>
      <c r="CG972" s="162"/>
      <c r="CH972" s="162"/>
      <c r="CI972" s="162"/>
      <c r="CJ972" s="162"/>
      <c r="CK972" s="162"/>
      <c r="CX972" s="98"/>
      <c r="DL972" s="97"/>
      <c r="DX972" s="98"/>
      <c r="EL972" s="97"/>
      <c r="EX972" s="98"/>
      <c r="EY972" s="97"/>
      <c r="FL972" s="126"/>
      <c r="FM972" s="91"/>
      <c r="FN972" s="91"/>
      <c r="FO972" s="91"/>
      <c r="FP972" s="91"/>
      <c r="FQ972" s="91"/>
      <c r="FR972" s="91"/>
      <c r="FS972" s="91"/>
      <c r="FT972" s="91"/>
      <c r="FU972" s="91"/>
      <c r="FV972" s="91"/>
      <c r="FW972" s="91"/>
      <c r="FX972" s="91"/>
      <c r="FY972" s="91"/>
      <c r="FZ972" s="91"/>
      <c r="GA972" s="91"/>
      <c r="GB972" s="91"/>
      <c r="GC972" s="91"/>
      <c r="GD972" s="91"/>
      <c r="GE972" s="91"/>
      <c r="GF972" s="91"/>
      <c r="GG972" s="91"/>
      <c r="GH972" s="91"/>
      <c r="GI972" s="91"/>
      <c r="GJ972" s="91"/>
      <c r="GK972" s="127"/>
      <c r="GL972" s="126"/>
      <c r="GM972" s="91"/>
      <c r="GN972" s="91"/>
      <c r="GO972" s="91"/>
      <c r="GP972" s="91"/>
      <c r="GQ972" s="91"/>
      <c r="GR972" s="91"/>
      <c r="GS972" s="91"/>
      <c r="GT972" s="91"/>
      <c r="GU972" s="91"/>
      <c r="GV972" s="91"/>
      <c r="GW972" s="91"/>
      <c r="GX972" s="91"/>
      <c r="GY972" s="91"/>
      <c r="GZ972" s="91"/>
      <c r="HA972" s="91"/>
      <c r="HB972" s="91"/>
      <c r="HC972" s="91"/>
      <c r="HD972" s="91"/>
      <c r="HE972" s="91"/>
      <c r="HF972" s="91"/>
      <c r="HG972" s="91"/>
      <c r="HH972" s="91"/>
      <c r="HI972" s="91"/>
      <c r="HJ972" s="91"/>
      <c r="HK972" s="127"/>
      <c r="HL972" s="126"/>
      <c r="HM972" s="91"/>
      <c r="HN972" s="91"/>
      <c r="HO972" s="91"/>
      <c r="HP972" s="91"/>
      <c r="HQ972" s="91"/>
      <c r="HR972" s="91"/>
      <c r="HS972" s="91"/>
      <c r="HT972" s="91"/>
      <c r="HU972" s="91"/>
      <c r="HV972" s="91"/>
      <c r="HW972" s="91"/>
      <c r="HX972" s="91"/>
      <c r="HY972" s="91"/>
      <c r="HZ972" s="91"/>
      <c r="IA972" s="91"/>
      <c r="IB972" s="91"/>
      <c r="IC972" s="91"/>
      <c r="ID972" s="91"/>
      <c r="IE972" s="91"/>
      <c r="IF972" s="91"/>
      <c r="IG972" s="91"/>
      <c r="IH972" s="91"/>
      <c r="II972" s="91"/>
      <c r="IJ972" s="91"/>
      <c r="IK972" s="127"/>
    </row>
    <row r="973" spans="2:245" x14ac:dyDescent="0.2">
      <c r="B973" s="43"/>
      <c r="C973" s="73"/>
      <c r="D973" s="64"/>
      <c r="E973" s="64"/>
      <c r="F973" s="55"/>
      <c r="G973" s="102"/>
      <c r="H973" s="55"/>
      <c r="I973" s="55"/>
      <c r="J973" s="55"/>
      <c r="K973" s="55"/>
      <c r="L973" s="55"/>
      <c r="M973" s="55"/>
      <c r="N973" s="55"/>
      <c r="O973" s="55"/>
      <c r="P973" s="55"/>
      <c r="Q973" s="55"/>
      <c r="R973" s="55"/>
      <c r="S973" s="55"/>
      <c r="T973" s="55"/>
      <c r="U973" s="55"/>
      <c r="V973" s="55"/>
      <c r="W973" s="55"/>
      <c r="X973" s="55"/>
      <c r="Y973" s="55"/>
      <c r="Z973" s="55"/>
      <c r="AA973" s="55"/>
      <c r="AB973" s="55"/>
      <c r="AC973" s="55"/>
      <c r="AD973" s="55"/>
      <c r="AE973" s="55"/>
      <c r="AF973" s="55"/>
      <c r="AG973" s="55"/>
      <c r="AY973" s="162"/>
      <c r="AZ973" s="162"/>
      <c r="BA973" s="162"/>
      <c r="BB973" s="162"/>
      <c r="BC973" s="162"/>
      <c r="BD973" s="162"/>
      <c r="BE973" s="162"/>
      <c r="BF973" s="162"/>
      <c r="BG973" s="162"/>
      <c r="BH973" s="162"/>
      <c r="BI973" s="162"/>
      <c r="BJ973" s="162"/>
      <c r="BK973" s="162"/>
      <c r="BL973" s="162"/>
      <c r="BM973" s="162"/>
      <c r="BN973" s="162"/>
      <c r="BO973" s="162"/>
      <c r="BP973" s="162"/>
      <c r="BQ973" s="162"/>
      <c r="BR973" s="162"/>
      <c r="BS973" s="162"/>
      <c r="BT973" s="162"/>
      <c r="BU973" s="162"/>
      <c r="BV973" s="162"/>
      <c r="BW973" s="162"/>
      <c r="BX973" s="162"/>
      <c r="BY973" s="162"/>
      <c r="BZ973" s="162"/>
      <c r="CA973" s="162"/>
      <c r="CB973" s="162"/>
      <c r="CC973" s="162"/>
      <c r="CD973" s="162"/>
      <c r="CE973" s="162"/>
      <c r="CF973" s="162"/>
      <c r="CG973" s="162"/>
      <c r="CH973" s="162"/>
      <c r="CI973" s="162"/>
      <c r="CJ973" s="162"/>
      <c r="CK973" s="162"/>
      <c r="CX973" s="98"/>
      <c r="DL973" s="97"/>
      <c r="DX973" s="98"/>
      <c r="EL973" s="97"/>
      <c r="EX973" s="98"/>
      <c r="EY973" s="97"/>
      <c r="FL973" s="126"/>
      <c r="FM973" s="91"/>
      <c r="FN973" s="91"/>
      <c r="FO973" s="91"/>
      <c r="FP973" s="91"/>
      <c r="FQ973" s="91"/>
      <c r="FR973" s="91"/>
      <c r="FS973" s="91"/>
      <c r="FT973" s="91"/>
      <c r="FU973" s="91"/>
      <c r="FV973" s="91"/>
      <c r="FW973" s="91"/>
      <c r="FX973" s="91"/>
      <c r="FY973" s="91"/>
      <c r="FZ973" s="91"/>
      <c r="GA973" s="91"/>
      <c r="GB973" s="91"/>
      <c r="GC973" s="91"/>
      <c r="GD973" s="91"/>
      <c r="GE973" s="91"/>
      <c r="GF973" s="91"/>
      <c r="GG973" s="91"/>
      <c r="GH973" s="91"/>
      <c r="GI973" s="91"/>
      <c r="GJ973" s="91"/>
      <c r="GK973" s="127"/>
      <c r="GL973" s="126"/>
      <c r="GM973" s="91"/>
      <c r="GN973" s="91"/>
      <c r="GO973" s="91"/>
      <c r="GP973" s="91"/>
      <c r="GQ973" s="91"/>
      <c r="GR973" s="91"/>
      <c r="GS973" s="91"/>
      <c r="GT973" s="91"/>
      <c r="GU973" s="91"/>
      <c r="GV973" s="91"/>
      <c r="GW973" s="91"/>
      <c r="GX973" s="91"/>
      <c r="GY973" s="91"/>
      <c r="GZ973" s="91"/>
      <c r="HA973" s="91"/>
      <c r="HB973" s="91"/>
      <c r="HC973" s="91"/>
      <c r="HD973" s="91"/>
      <c r="HE973" s="91"/>
      <c r="HF973" s="91"/>
      <c r="HG973" s="91"/>
      <c r="HH973" s="91"/>
      <c r="HI973" s="91"/>
      <c r="HJ973" s="91"/>
      <c r="HK973" s="127"/>
      <c r="HL973" s="126"/>
      <c r="HM973" s="91"/>
      <c r="HN973" s="91"/>
      <c r="HO973" s="91"/>
      <c r="HP973" s="91"/>
      <c r="HQ973" s="91"/>
      <c r="HR973" s="91"/>
      <c r="HS973" s="91"/>
      <c r="HT973" s="91"/>
      <c r="HU973" s="91"/>
      <c r="HV973" s="91"/>
      <c r="HW973" s="91"/>
      <c r="HX973" s="91"/>
      <c r="HY973" s="91"/>
      <c r="HZ973" s="91"/>
      <c r="IA973" s="91"/>
      <c r="IB973" s="91"/>
      <c r="IC973" s="91"/>
      <c r="ID973" s="91"/>
      <c r="IE973" s="91"/>
      <c r="IF973" s="91"/>
      <c r="IG973" s="91"/>
      <c r="IH973" s="91"/>
      <c r="II973" s="91"/>
      <c r="IJ973" s="91"/>
      <c r="IK973" s="127"/>
    </row>
    <row r="974" spans="2:245" x14ac:dyDescent="0.2">
      <c r="B974" s="43"/>
      <c r="C974" s="73"/>
      <c r="D974" s="64"/>
      <c r="E974" s="64"/>
      <c r="F974" s="55"/>
      <c r="G974" s="102"/>
      <c r="H974" s="55"/>
      <c r="I974" s="55"/>
      <c r="J974" s="55"/>
      <c r="K974" s="55"/>
      <c r="L974" s="55"/>
      <c r="M974" s="55"/>
      <c r="N974" s="55"/>
      <c r="O974" s="55"/>
      <c r="P974" s="55"/>
      <c r="Q974" s="55"/>
      <c r="R974" s="55"/>
      <c r="S974" s="55"/>
      <c r="T974" s="55"/>
      <c r="U974" s="55"/>
      <c r="V974" s="55"/>
      <c r="W974" s="55"/>
      <c r="X974" s="55"/>
      <c r="Y974" s="55"/>
      <c r="Z974" s="55"/>
      <c r="AA974" s="55"/>
      <c r="AB974" s="55"/>
      <c r="AC974" s="55"/>
      <c r="AD974" s="55"/>
      <c r="AE974" s="55"/>
      <c r="AF974" s="55"/>
      <c r="AG974" s="55"/>
      <c r="AY974" s="162"/>
      <c r="AZ974" s="162"/>
      <c r="BA974" s="162"/>
      <c r="BB974" s="162"/>
      <c r="BC974" s="162"/>
      <c r="BD974" s="162"/>
      <c r="BE974" s="162"/>
      <c r="BF974" s="162"/>
      <c r="BG974" s="162"/>
      <c r="BH974" s="162"/>
      <c r="BI974" s="162"/>
      <c r="BJ974" s="162"/>
      <c r="BK974" s="162"/>
      <c r="BL974" s="162"/>
      <c r="BM974" s="162"/>
      <c r="BN974" s="162"/>
      <c r="BO974" s="162"/>
      <c r="BP974" s="162"/>
      <c r="BQ974" s="162"/>
      <c r="BR974" s="162"/>
      <c r="BS974" s="162"/>
      <c r="BT974" s="162"/>
      <c r="BU974" s="162"/>
      <c r="BV974" s="162"/>
      <c r="BW974" s="162"/>
      <c r="BX974" s="162"/>
      <c r="BY974" s="162"/>
      <c r="BZ974" s="162"/>
      <c r="CA974" s="162"/>
      <c r="CB974" s="162"/>
      <c r="CC974" s="162"/>
      <c r="CD974" s="162"/>
      <c r="CE974" s="162"/>
      <c r="CF974" s="162"/>
      <c r="CG974" s="162"/>
      <c r="CH974" s="162"/>
      <c r="CI974" s="162"/>
      <c r="CJ974" s="162"/>
      <c r="CK974" s="162"/>
      <c r="CX974" s="98"/>
      <c r="DL974" s="97"/>
      <c r="DX974" s="98"/>
      <c r="EL974" s="97"/>
      <c r="EX974" s="98"/>
      <c r="EY974" s="97"/>
      <c r="FL974" s="126"/>
      <c r="FM974" s="91"/>
      <c r="FN974" s="91"/>
      <c r="FO974" s="91"/>
      <c r="FP974" s="91"/>
      <c r="FQ974" s="91"/>
      <c r="FR974" s="91"/>
      <c r="FS974" s="91"/>
      <c r="FT974" s="91"/>
      <c r="FU974" s="91"/>
      <c r="FV974" s="91"/>
      <c r="FW974" s="91"/>
      <c r="FX974" s="91"/>
      <c r="FY974" s="91"/>
      <c r="FZ974" s="91"/>
      <c r="GA974" s="91"/>
      <c r="GB974" s="91"/>
      <c r="GC974" s="91"/>
      <c r="GD974" s="91"/>
      <c r="GE974" s="91"/>
      <c r="GF974" s="91"/>
      <c r="GG974" s="91"/>
      <c r="GH974" s="91"/>
      <c r="GI974" s="91"/>
      <c r="GJ974" s="91"/>
      <c r="GK974" s="127"/>
      <c r="GL974" s="126"/>
      <c r="GM974" s="91"/>
      <c r="GN974" s="91"/>
      <c r="GO974" s="91"/>
      <c r="GP974" s="91"/>
      <c r="GQ974" s="91"/>
      <c r="GR974" s="91"/>
      <c r="GS974" s="91"/>
      <c r="GT974" s="91"/>
      <c r="GU974" s="91"/>
      <c r="GV974" s="91"/>
      <c r="GW974" s="91"/>
      <c r="GX974" s="91"/>
      <c r="GY974" s="91"/>
      <c r="GZ974" s="91"/>
      <c r="HA974" s="91"/>
      <c r="HB974" s="91"/>
      <c r="HC974" s="91"/>
      <c r="HD974" s="91"/>
      <c r="HE974" s="91"/>
      <c r="HF974" s="91"/>
      <c r="HG974" s="91"/>
      <c r="HH974" s="91"/>
      <c r="HI974" s="91"/>
      <c r="HJ974" s="91"/>
      <c r="HK974" s="127"/>
      <c r="HL974" s="126"/>
      <c r="HM974" s="91"/>
      <c r="HN974" s="91"/>
      <c r="HO974" s="91"/>
      <c r="HP974" s="91"/>
      <c r="HQ974" s="91"/>
      <c r="HR974" s="91"/>
      <c r="HS974" s="91"/>
      <c r="HT974" s="91"/>
      <c r="HU974" s="91"/>
      <c r="HV974" s="91"/>
      <c r="HW974" s="91"/>
      <c r="HX974" s="91"/>
      <c r="HY974" s="91"/>
      <c r="HZ974" s="91"/>
      <c r="IA974" s="91"/>
      <c r="IB974" s="91"/>
      <c r="IC974" s="91"/>
      <c r="ID974" s="91"/>
      <c r="IE974" s="91"/>
      <c r="IF974" s="91"/>
      <c r="IG974" s="91"/>
      <c r="IH974" s="91"/>
      <c r="II974" s="91"/>
      <c r="IJ974" s="91"/>
      <c r="IK974" s="127"/>
    </row>
    <row r="975" spans="2:245" x14ac:dyDescent="0.2">
      <c r="B975" s="43"/>
      <c r="C975" s="73"/>
      <c r="D975" s="64"/>
      <c r="E975" s="64"/>
      <c r="F975" s="55"/>
      <c r="G975" s="102"/>
      <c r="H975" s="55"/>
      <c r="I975" s="55"/>
      <c r="J975" s="55"/>
      <c r="K975" s="55"/>
      <c r="L975" s="55"/>
      <c r="M975" s="55"/>
      <c r="N975" s="55"/>
      <c r="O975" s="55"/>
      <c r="P975" s="55"/>
      <c r="Q975" s="55"/>
      <c r="R975" s="55"/>
      <c r="S975" s="55"/>
      <c r="T975" s="55"/>
      <c r="U975" s="55"/>
      <c r="V975" s="55"/>
      <c r="W975" s="55"/>
      <c r="X975" s="55"/>
      <c r="Y975" s="55"/>
      <c r="Z975" s="55"/>
      <c r="AA975" s="55"/>
      <c r="AB975" s="55"/>
      <c r="AC975" s="55"/>
      <c r="AD975" s="55"/>
      <c r="AE975" s="55"/>
      <c r="AF975" s="55"/>
      <c r="AG975" s="55"/>
      <c r="AY975" s="162"/>
      <c r="AZ975" s="162"/>
      <c r="BA975" s="162"/>
      <c r="BB975" s="162"/>
      <c r="BC975" s="162"/>
      <c r="BD975" s="162"/>
      <c r="BE975" s="162"/>
      <c r="BF975" s="162"/>
      <c r="BG975" s="162"/>
      <c r="BH975" s="162"/>
      <c r="BI975" s="162"/>
      <c r="BJ975" s="162"/>
      <c r="BK975" s="162"/>
      <c r="BL975" s="162"/>
      <c r="BM975" s="162"/>
      <c r="BN975" s="162"/>
      <c r="BO975" s="162"/>
      <c r="BP975" s="162"/>
      <c r="BQ975" s="162"/>
      <c r="BR975" s="162"/>
      <c r="BS975" s="162"/>
      <c r="BT975" s="162"/>
      <c r="BU975" s="162"/>
      <c r="BV975" s="162"/>
      <c r="BW975" s="162"/>
      <c r="BX975" s="162"/>
      <c r="BY975" s="162"/>
      <c r="BZ975" s="162"/>
      <c r="CA975" s="162"/>
      <c r="CB975" s="162"/>
      <c r="CC975" s="162"/>
      <c r="CD975" s="162"/>
      <c r="CE975" s="162"/>
      <c r="CF975" s="162"/>
      <c r="CG975" s="162"/>
      <c r="CH975" s="162"/>
      <c r="CI975" s="162"/>
      <c r="CJ975" s="162"/>
      <c r="CK975" s="162"/>
      <c r="CX975" s="98"/>
      <c r="DL975" s="97"/>
      <c r="DX975" s="98"/>
      <c r="EL975" s="97"/>
      <c r="EX975" s="98"/>
      <c r="EY975" s="97"/>
      <c r="FL975" s="126"/>
      <c r="FM975" s="91"/>
      <c r="FN975" s="91"/>
      <c r="FO975" s="91"/>
      <c r="FP975" s="91"/>
      <c r="FQ975" s="91"/>
      <c r="FR975" s="91"/>
      <c r="FS975" s="91"/>
      <c r="FT975" s="91"/>
      <c r="FU975" s="91"/>
      <c r="FV975" s="91"/>
      <c r="FW975" s="91"/>
      <c r="FX975" s="91"/>
      <c r="FY975" s="91"/>
      <c r="FZ975" s="91"/>
      <c r="GA975" s="91"/>
      <c r="GB975" s="91"/>
      <c r="GC975" s="91"/>
      <c r="GD975" s="91"/>
      <c r="GE975" s="91"/>
      <c r="GF975" s="91"/>
      <c r="GG975" s="91"/>
      <c r="GH975" s="91"/>
      <c r="GI975" s="91"/>
      <c r="GJ975" s="91"/>
      <c r="GK975" s="127"/>
      <c r="GL975" s="126"/>
      <c r="GM975" s="91"/>
      <c r="GN975" s="91"/>
      <c r="GO975" s="91"/>
      <c r="GP975" s="91"/>
      <c r="GQ975" s="91"/>
      <c r="GR975" s="91"/>
      <c r="GS975" s="91"/>
      <c r="GT975" s="91"/>
      <c r="GU975" s="91"/>
      <c r="GV975" s="91"/>
      <c r="GW975" s="91"/>
      <c r="GX975" s="91"/>
      <c r="GY975" s="91"/>
      <c r="GZ975" s="91"/>
      <c r="HA975" s="91"/>
      <c r="HB975" s="91"/>
      <c r="HC975" s="91"/>
      <c r="HD975" s="91"/>
      <c r="HE975" s="91"/>
      <c r="HF975" s="91"/>
      <c r="HG975" s="91"/>
      <c r="HH975" s="91"/>
      <c r="HI975" s="91"/>
      <c r="HJ975" s="91"/>
      <c r="HK975" s="127"/>
      <c r="HL975" s="126"/>
      <c r="HM975" s="91"/>
      <c r="HN975" s="91"/>
      <c r="HO975" s="91"/>
      <c r="HP975" s="91"/>
      <c r="HQ975" s="91"/>
      <c r="HR975" s="91"/>
      <c r="HS975" s="91"/>
      <c r="HT975" s="91"/>
      <c r="HU975" s="91"/>
      <c r="HV975" s="91"/>
      <c r="HW975" s="91"/>
      <c r="HX975" s="91"/>
      <c r="HY975" s="91"/>
      <c r="HZ975" s="91"/>
      <c r="IA975" s="91"/>
      <c r="IB975" s="91"/>
      <c r="IC975" s="91"/>
      <c r="ID975" s="91"/>
      <c r="IE975" s="91"/>
      <c r="IF975" s="91"/>
      <c r="IG975" s="91"/>
      <c r="IH975" s="91"/>
      <c r="II975" s="91"/>
      <c r="IJ975" s="91"/>
      <c r="IK975" s="127"/>
    </row>
    <row r="976" spans="2:245" x14ac:dyDescent="0.2">
      <c r="B976" s="43"/>
      <c r="C976" s="73"/>
      <c r="D976" s="64"/>
      <c r="E976" s="64"/>
      <c r="F976" s="55"/>
      <c r="G976" s="102"/>
      <c r="H976" s="55"/>
      <c r="I976" s="55"/>
      <c r="J976" s="55"/>
      <c r="K976" s="55"/>
      <c r="L976" s="55"/>
      <c r="M976" s="55"/>
      <c r="N976" s="55"/>
      <c r="O976" s="55"/>
      <c r="P976" s="55"/>
      <c r="Q976" s="55"/>
      <c r="R976" s="55"/>
      <c r="S976" s="55"/>
      <c r="T976" s="55"/>
      <c r="U976" s="55"/>
      <c r="V976" s="55"/>
      <c r="W976" s="55"/>
      <c r="X976" s="55"/>
      <c r="Y976" s="55"/>
      <c r="Z976" s="55"/>
      <c r="AA976" s="55"/>
      <c r="AB976" s="55"/>
      <c r="AC976" s="55"/>
      <c r="AD976" s="55"/>
      <c r="AE976" s="55"/>
      <c r="AF976" s="55"/>
      <c r="AG976" s="55"/>
      <c r="AY976" s="162"/>
      <c r="AZ976" s="162"/>
      <c r="BA976" s="162"/>
      <c r="BB976" s="162"/>
      <c r="BC976" s="162"/>
      <c r="BD976" s="162"/>
      <c r="BE976" s="162"/>
      <c r="BF976" s="162"/>
      <c r="BG976" s="162"/>
      <c r="BH976" s="162"/>
      <c r="BI976" s="162"/>
      <c r="BJ976" s="162"/>
      <c r="BK976" s="162"/>
      <c r="BL976" s="162"/>
      <c r="BM976" s="162"/>
      <c r="BN976" s="162"/>
      <c r="BO976" s="162"/>
      <c r="BP976" s="162"/>
      <c r="BQ976" s="162"/>
      <c r="BR976" s="162"/>
      <c r="BS976" s="162"/>
      <c r="BT976" s="162"/>
      <c r="BU976" s="162"/>
      <c r="BV976" s="162"/>
      <c r="BW976" s="162"/>
      <c r="BX976" s="162"/>
      <c r="BY976" s="162"/>
      <c r="BZ976" s="162"/>
      <c r="CA976" s="162"/>
      <c r="CB976" s="162"/>
      <c r="CC976" s="162"/>
      <c r="CD976" s="162"/>
      <c r="CE976" s="162"/>
      <c r="CF976" s="162"/>
      <c r="CG976" s="162"/>
      <c r="CH976" s="162"/>
      <c r="CI976" s="162"/>
      <c r="CJ976" s="162"/>
      <c r="CK976" s="162"/>
      <c r="CX976" s="98"/>
      <c r="DL976" s="97"/>
      <c r="DX976" s="98"/>
      <c r="EL976" s="97"/>
      <c r="EX976" s="98"/>
      <c r="EY976" s="97"/>
      <c r="FL976" s="126"/>
      <c r="FM976" s="91"/>
      <c r="FN976" s="91"/>
      <c r="FO976" s="91"/>
      <c r="FP976" s="91"/>
      <c r="FQ976" s="91"/>
      <c r="FR976" s="91"/>
      <c r="FS976" s="91"/>
      <c r="FT976" s="91"/>
      <c r="FU976" s="91"/>
      <c r="FV976" s="91"/>
      <c r="FW976" s="91"/>
      <c r="FX976" s="91"/>
      <c r="FY976" s="91"/>
      <c r="FZ976" s="91"/>
      <c r="GA976" s="91"/>
      <c r="GB976" s="91"/>
      <c r="GC976" s="91"/>
      <c r="GD976" s="91"/>
      <c r="GE976" s="91"/>
      <c r="GF976" s="91"/>
      <c r="GG976" s="91"/>
      <c r="GH976" s="91"/>
      <c r="GI976" s="91"/>
      <c r="GJ976" s="91"/>
      <c r="GK976" s="127"/>
      <c r="GL976" s="126"/>
      <c r="GM976" s="91"/>
      <c r="GN976" s="91"/>
      <c r="GO976" s="91"/>
      <c r="GP976" s="91"/>
      <c r="GQ976" s="91"/>
      <c r="GR976" s="91"/>
      <c r="GS976" s="91"/>
      <c r="GT976" s="91"/>
      <c r="GU976" s="91"/>
      <c r="GV976" s="91"/>
      <c r="GW976" s="91"/>
      <c r="GX976" s="91"/>
      <c r="GY976" s="91"/>
      <c r="GZ976" s="91"/>
      <c r="HA976" s="91"/>
      <c r="HB976" s="91"/>
      <c r="HC976" s="91"/>
      <c r="HD976" s="91"/>
      <c r="HE976" s="91"/>
      <c r="HF976" s="91"/>
      <c r="HG976" s="91"/>
      <c r="HH976" s="91"/>
      <c r="HI976" s="91"/>
      <c r="HJ976" s="91"/>
      <c r="HK976" s="127"/>
      <c r="HL976" s="126"/>
      <c r="HM976" s="91"/>
      <c r="HN976" s="91"/>
      <c r="HO976" s="91"/>
      <c r="HP976" s="91"/>
      <c r="HQ976" s="91"/>
      <c r="HR976" s="91"/>
      <c r="HS976" s="91"/>
      <c r="HT976" s="91"/>
      <c r="HU976" s="91"/>
      <c r="HV976" s="91"/>
      <c r="HW976" s="91"/>
      <c r="HX976" s="91"/>
      <c r="HY976" s="91"/>
      <c r="HZ976" s="91"/>
      <c r="IA976" s="91"/>
      <c r="IB976" s="91"/>
      <c r="IC976" s="91"/>
      <c r="ID976" s="91"/>
      <c r="IE976" s="91"/>
      <c r="IF976" s="91"/>
      <c r="IG976" s="91"/>
      <c r="IH976" s="91"/>
      <c r="II976" s="91"/>
      <c r="IJ976" s="91"/>
      <c r="IK976" s="127"/>
    </row>
    <row r="977" spans="2:245" x14ac:dyDescent="0.2">
      <c r="B977" s="43"/>
      <c r="C977" s="73"/>
      <c r="D977" s="64"/>
      <c r="E977" s="64"/>
      <c r="F977" s="55"/>
      <c r="G977" s="102"/>
      <c r="H977" s="55"/>
      <c r="I977" s="55"/>
      <c r="J977" s="55"/>
      <c r="K977" s="55"/>
      <c r="L977" s="55"/>
      <c r="M977" s="55"/>
      <c r="N977" s="55"/>
      <c r="O977" s="55"/>
      <c r="P977" s="55"/>
      <c r="Q977" s="55"/>
      <c r="R977" s="55"/>
      <c r="S977" s="55"/>
      <c r="T977" s="55"/>
      <c r="U977" s="55"/>
      <c r="V977" s="55"/>
      <c r="W977" s="55"/>
      <c r="X977" s="55"/>
      <c r="Y977" s="55"/>
      <c r="Z977" s="55"/>
      <c r="AA977" s="55"/>
      <c r="AB977" s="55"/>
      <c r="AC977" s="55"/>
      <c r="AD977" s="55"/>
      <c r="AE977" s="55"/>
      <c r="AF977" s="55"/>
      <c r="AG977" s="55"/>
      <c r="AY977" s="162"/>
      <c r="AZ977" s="162"/>
      <c r="BA977" s="162"/>
      <c r="BB977" s="162"/>
      <c r="BC977" s="162"/>
      <c r="BD977" s="162"/>
      <c r="BE977" s="162"/>
      <c r="BF977" s="162"/>
      <c r="BG977" s="162"/>
      <c r="BH977" s="162"/>
      <c r="BI977" s="162"/>
      <c r="BJ977" s="162"/>
      <c r="BK977" s="162"/>
      <c r="BL977" s="162"/>
      <c r="BM977" s="162"/>
      <c r="BN977" s="162"/>
      <c r="BO977" s="162"/>
      <c r="BP977" s="162"/>
      <c r="BQ977" s="162"/>
      <c r="BR977" s="162"/>
      <c r="BS977" s="162"/>
      <c r="BT977" s="162"/>
      <c r="BU977" s="162"/>
      <c r="BV977" s="162"/>
      <c r="BW977" s="162"/>
      <c r="BX977" s="162"/>
      <c r="BY977" s="162"/>
      <c r="BZ977" s="162"/>
      <c r="CA977" s="162"/>
      <c r="CB977" s="162"/>
      <c r="CC977" s="162"/>
      <c r="CD977" s="162"/>
      <c r="CE977" s="162"/>
      <c r="CF977" s="162"/>
      <c r="CG977" s="162"/>
      <c r="CH977" s="162"/>
      <c r="CI977" s="162"/>
      <c r="CJ977" s="162"/>
      <c r="CK977" s="162"/>
      <c r="CX977" s="98"/>
      <c r="DL977" s="97"/>
      <c r="DX977" s="98"/>
      <c r="EL977" s="97"/>
      <c r="EX977" s="98"/>
      <c r="EY977" s="97"/>
      <c r="FL977" s="126"/>
      <c r="FM977" s="91"/>
      <c r="FN977" s="91"/>
      <c r="FO977" s="91"/>
      <c r="FP977" s="91"/>
      <c r="FQ977" s="91"/>
      <c r="FR977" s="91"/>
      <c r="FS977" s="91"/>
      <c r="FT977" s="91"/>
      <c r="FU977" s="91"/>
      <c r="FV977" s="91"/>
      <c r="FW977" s="91"/>
      <c r="FX977" s="91"/>
      <c r="FY977" s="91"/>
      <c r="FZ977" s="91"/>
      <c r="GA977" s="91"/>
      <c r="GB977" s="91"/>
      <c r="GC977" s="91"/>
      <c r="GD977" s="91"/>
      <c r="GE977" s="91"/>
      <c r="GF977" s="91"/>
      <c r="GG977" s="91"/>
      <c r="GH977" s="91"/>
      <c r="GI977" s="91"/>
      <c r="GJ977" s="91"/>
      <c r="GK977" s="127"/>
      <c r="GL977" s="126"/>
      <c r="GM977" s="91"/>
      <c r="GN977" s="91"/>
      <c r="GO977" s="91"/>
      <c r="GP977" s="91"/>
      <c r="GQ977" s="91"/>
      <c r="GR977" s="91"/>
      <c r="GS977" s="91"/>
      <c r="GT977" s="91"/>
      <c r="GU977" s="91"/>
      <c r="GV977" s="91"/>
      <c r="GW977" s="91"/>
      <c r="GX977" s="91"/>
      <c r="GY977" s="91"/>
      <c r="GZ977" s="91"/>
      <c r="HA977" s="91"/>
      <c r="HB977" s="91"/>
      <c r="HC977" s="91"/>
      <c r="HD977" s="91"/>
      <c r="HE977" s="91"/>
      <c r="HF977" s="91"/>
      <c r="HG977" s="91"/>
      <c r="HH977" s="91"/>
      <c r="HI977" s="91"/>
      <c r="HJ977" s="91"/>
      <c r="HK977" s="127"/>
      <c r="HL977" s="126"/>
      <c r="HM977" s="91"/>
      <c r="HN977" s="91"/>
      <c r="HO977" s="91"/>
      <c r="HP977" s="91"/>
      <c r="HQ977" s="91"/>
      <c r="HR977" s="91"/>
      <c r="HS977" s="91"/>
      <c r="HT977" s="91"/>
      <c r="HU977" s="91"/>
      <c r="HV977" s="91"/>
      <c r="HW977" s="91"/>
      <c r="HX977" s="91"/>
      <c r="HY977" s="91"/>
      <c r="HZ977" s="91"/>
      <c r="IA977" s="91"/>
      <c r="IB977" s="91"/>
      <c r="IC977" s="91"/>
      <c r="ID977" s="91"/>
      <c r="IE977" s="91"/>
      <c r="IF977" s="91"/>
      <c r="IG977" s="91"/>
      <c r="IH977" s="91"/>
      <c r="II977" s="91"/>
      <c r="IJ977" s="91"/>
      <c r="IK977" s="127"/>
    </row>
    <row r="978" spans="2:245" x14ac:dyDescent="0.2">
      <c r="B978" s="43"/>
      <c r="C978" s="73"/>
      <c r="D978" s="64"/>
      <c r="E978" s="64"/>
      <c r="F978" s="55"/>
      <c r="G978" s="102"/>
      <c r="H978" s="55"/>
      <c r="I978" s="55"/>
      <c r="J978" s="55"/>
      <c r="K978" s="55"/>
      <c r="L978" s="55"/>
      <c r="M978" s="55"/>
      <c r="N978" s="55"/>
      <c r="O978" s="55"/>
      <c r="P978" s="55"/>
      <c r="Q978" s="55"/>
      <c r="R978" s="55"/>
      <c r="S978" s="55"/>
      <c r="T978" s="55"/>
      <c r="U978" s="55"/>
      <c r="V978" s="55"/>
      <c r="W978" s="55"/>
      <c r="X978" s="55"/>
      <c r="Y978" s="55"/>
      <c r="Z978" s="55"/>
      <c r="AA978" s="55"/>
      <c r="AB978" s="55"/>
      <c r="AC978" s="55"/>
      <c r="AD978" s="55"/>
      <c r="AE978" s="55"/>
      <c r="AF978" s="55"/>
      <c r="AG978" s="55"/>
      <c r="AY978" s="162"/>
      <c r="AZ978" s="162"/>
      <c r="BA978" s="162"/>
      <c r="BB978" s="162"/>
      <c r="BC978" s="162"/>
      <c r="BD978" s="162"/>
      <c r="BE978" s="162"/>
      <c r="BF978" s="162"/>
      <c r="BG978" s="162"/>
      <c r="BH978" s="162"/>
      <c r="BI978" s="162"/>
      <c r="BJ978" s="162"/>
      <c r="BK978" s="162"/>
      <c r="BL978" s="162"/>
      <c r="BM978" s="162"/>
      <c r="BN978" s="162"/>
      <c r="BO978" s="162"/>
      <c r="BP978" s="162"/>
      <c r="BQ978" s="162"/>
      <c r="BR978" s="162"/>
      <c r="BS978" s="162"/>
      <c r="BT978" s="162"/>
      <c r="BU978" s="162"/>
      <c r="BV978" s="162"/>
      <c r="BW978" s="162"/>
      <c r="BX978" s="162"/>
      <c r="BY978" s="162"/>
      <c r="BZ978" s="162"/>
      <c r="CA978" s="162"/>
      <c r="CB978" s="162"/>
      <c r="CC978" s="162"/>
      <c r="CD978" s="162"/>
      <c r="CE978" s="162"/>
      <c r="CF978" s="162"/>
      <c r="CG978" s="162"/>
      <c r="CH978" s="162"/>
      <c r="CI978" s="162"/>
      <c r="CJ978" s="162"/>
      <c r="CK978" s="162"/>
      <c r="CX978" s="98"/>
      <c r="DL978" s="97"/>
      <c r="DX978" s="98"/>
      <c r="EL978" s="97"/>
      <c r="EX978" s="98"/>
      <c r="EY978" s="97"/>
      <c r="FL978" s="126"/>
      <c r="FM978" s="91"/>
      <c r="FN978" s="91"/>
      <c r="FO978" s="91"/>
      <c r="FP978" s="91"/>
      <c r="FQ978" s="91"/>
      <c r="FR978" s="91"/>
      <c r="FS978" s="91"/>
      <c r="FT978" s="91"/>
      <c r="FU978" s="91"/>
      <c r="FV978" s="91"/>
      <c r="FW978" s="91"/>
      <c r="FX978" s="91"/>
      <c r="FY978" s="91"/>
      <c r="FZ978" s="91"/>
      <c r="GA978" s="91"/>
      <c r="GB978" s="91"/>
      <c r="GC978" s="91"/>
      <c r="GD978" s="91"/>
      <c r="GE978" s="91"/>
      <c r="GF978" s="91"/>
      <c r="GG978" s="91"/>
      <c r="GH978" s="91"/>
      <c r="GI978" s="91"/>
      <c r="GJ978" s="91"/>
      <c r="GK978" s="127"/>
      <c r="GL978" s="126"/>
      <c r="GM978" s="91"/>
      <c r="GN978" s="91"/>
      <c r="GO978" s="91"/>
      <c r="GP978" s="91"/>
      <c r="GQ978" s="91"/>
      <c r="GR978" s="91"/>
      <c r="GS978" s="91"/>
      <c r="GT978" s="91"/>
      <c r="GU978" s="91"/>
      <c r="GV978" s="91"/>
      <c r="GW978" s="91"/>
      <c r="GX978" s="91"/>
      <c r="GY978" s="91"/>
      <c r="GZ978" s="91"/>
      <c r="HA978" s="91"/>
      <c r="HB978" s="91"/>
      <c r="HC978" s="91"/>
      <c r="HD978" s="91"/>
      <c r="HE978" s="91"/>
      <c r="HF978" s="91"/>
      <c r="HG978" s="91"/>
      <c r="HH978" s="91"/>
      <c r="HI978" s="91"/>
      <c r="HJ978" s="91"/>
      <c r="HK978" s="127"/>
      <c r="HL978" s="126"/>
      <c r="HM978" s="91"/>
      <c r="HN978" s="91"/>
      <c r="HO978" s="91"/>
      <c r="HP978" s="91"/>
      <c r="HQ978" s="91"/>
      <c r="HR978" s="91"/>
      <c r="HS978" s="91"/>
      <c r="HT978" s="91"/>
      <c r="HU978" s="91"/>
      <c r="HV978" s="91"/>
      <c r="HW978" s="91"/>
      <c r="HX978" s="91"/>
      <c r="HY978" s="91"/>
      <c r="HZ978" s="91"/>
      <c r="IA978" s="91"/>
      <c r="IB978" s="91"/>
      <c r="IC978" s="91"/>
      <c r="ID978" s="91"/>
      <c r="IE978" s="91"/>
      <c r="IF978" s="91"/>
      <c r="IG978" s="91"/>
      <c r="IH978" s="91"/>
      <c r="II978" s="91"/>
      <c r="IJ978" s="91"/>
      <c r="IK978" s="127"/>
    </row>
    <row r="979" spans="2:245" x14ac:dyDescent="0.2">
      <c r="B979" s="43"/>
      <c r="C979" s="73"/>
      <c r="D979" s="64"/>
      <c r="E979" s="64"/>
      <c r="F979" s="55"/>
      <c r="G979" s="102"/>
      <c r="H979" s="55"/>
      <c r="I979" s="55"/>
      <c r="J979" s="55"/>
      <c r="K979" s="55"/>
      <c r="L979" s="55"/>
      <c r="M979" s="55"/>
      <c r="N979" s="55"/>
      <c r="O979" s="55"/>
      <c r="P979" s="55"/>
      <c r="Q979" s="55"/>
      <c r="R979" s="55"/>
      <c r="S979" s="55"/>
      <c r="T979" s="55"/>
      <c r="U979" s="55"/>
      <c r="V979" s="55"/>
      <c r="W979" s="55"/>
      <c r="X979" s="55"/>
      <c r="Y979" s="55"/>
      <c r="Z979" s="55"/>
      <c r="AA979" s="55"/>
      <c r="AB979" s="55"/>
      <c r="AC979" s="55"/>
      <c r="AD979" s="55"/>
      <c r="AE979" s="55"/>
      <c r="AF979" s="55"/>
      <c r="AG979" s="55"/>
      <c r="AY979" s="162"/>
      <c r="AZ979" s="162"/>
      <c r="BA979" s="162"/>
      <c r="BB979" s="162"/>
      <c r="BC979" s="162"/>
      <c r="BD979" s="162"/>
      <c r="BE979" s="162"/>
      <c r="BF979" s="162"/>
      <c r="BG979" s="162"/>
      <c r="BH979" s="162"/>
      <c r="BI979" s="162"/>
      <c r="BJ979" s="162"/>
      <c r="BK979" s="162"/>
      <c r="BL979" s="162"/>
      <c r="BM979" s="162"/>
      <c r="BN979" s="162"/>
      <c r="BO979" s="162"/>
      <c r="BP979" s="162"/>
      <c r="BQ979" s="162"/>
      <c r="BR979" s="162"/>
      <c r="BS979" s="162"/>
      <c r="BT979" s="162"/>
      <c r="BU979" s="162"/>
      <c r="BV979" s="162"/>
      <c r="BW979" s="162"/>
      <c r="BX979" s="162"/>
      <c r="BY979" s="162"/>
      <c r="BZ979" s="162"/>
      <c r="CA979" s="162"/>
      <c r="CB979" s="162"/>
      <c r="CC979" s="162"/>
      <c r="CD979" s="162"/>
      <c r="CE979" s="162"/>
      <c r="CF979" s="162"/>
      <c r="CG979" s="162"/>
      <c r="CH979" s="162"/>
      <c r="CI979" s="162"/>
      <c r="CJ979" s="162"/>
      <c r="CK979" s="162"/>
      <c r="CX979" s="98"/>
      <c r="DL979" s="97"/>
      <c r="DX979" s="98"/>
      <c r="EL979" s="97"/>
      <c r="EX979" s="98"/>
      <c r="EY979" s="97"/>
      <c r="FL979" s="126"/>
      <c r="FM979" s="91"/>
      <c r="FN979" s="91"/>
      <c r="FO979" s="91"/>
      <c r="FP979" s="91"/>
      <c r="FQ979" s="91"/>
      <c r="FR979" s="91"/>
      <c r="FS979" s="91"/>
      <c r="FT979" s="91"/>
      <c r="FU979" s="91"/>
      <c r="FV979" s="91"/>
      <c r="FW979" s="91"/>
      <c r="FX979" s="91"/>
      <c r="FY979" s="91"/>
      <c r="FZ979" s="91"/>
      <c r="GA979" s="91"/>
      <c r="GB979" s="91"/>
      <c r="GC979" s="91"/>
      <c r="GD979" s="91"/>
      <c r="GE979" s="91"/>
      <c r="GF979" s="91"/>
      <c r="GG979" s="91"/>
      <c r="GH979" s="91"/>
      <c r="GI979" s="91"/>
      <c r="GJ979" s="91"/>
      <c r="GK979" s="127"/>
      <c r="GL979" s="126"/>
      <c r="GM979" s="91"/>
      <c r="GN979" s="91"/>
      <c r="GO979" s="91"/>
      <c r="GP979" s="91"/>
      <c r="GQ979" s="91"/>
      <c r="GR979" s="91"/>
      <c r="GS979" s="91"/>
      <c r="GT979" s="91"/>
      <c r="GU979" s="91"/>
      <c r="GV979" s="91"/>
      <c r="GW979" s="91"/>
      <c r="GX979" s="91"/>
      <c r="GY979" s="91"/>
      <c r="GZ979" s="91"/>
      <c r="HA979" s="91"/>
      <c r="HB979" s="91"/>
      <c r="HC979" s="91"/>
      <c r="HD979" s="91"/>
      <c r="HE979" s="91"/>
      <c r="HF979" s="91"/>
      <c r="HG979" s="91"/>
      <c r="HH979" s="91"/>
      <c r="HI979" s="91"/>
      <c r="HJ979" s="91"/>
      <c r="HK979" s="127"/>
      <c r="HL979" s="126"/>
      <c r="HM979" s="91"/>
      <c r="HN979" s="91"/>
      <c r="HO979" s="91"/>
      <c r="HP979" s="91"/>
      <c r="HQ979" s="91"/>
      <c r="HR979" s="91"/>
      <c r="HS979" s="91"/>
      <c r="HT979" s="91"/>
      <c r="HU979" s="91"/>
      <c r="HV979" s="91"/>
      <c r="HW979" s="91"/>
      <c r="HX979" s="91"/>
      <c r="HY979" s="91"/>
      <c r="HZ979" s="91"/>
      <c r="IA979" s="91"/>
      <c r="IB979" s="91"/>
      <c r="IC979" s="91"/>
      <c r="ID979" s="91"/>
      <c r="IE979" s="91"/>
      <c r="IF979" s="91"/>
      <c r="IG979" s="91"/>
      <c r="IH979" s="91"/>
      <c r="II979" s="91"/>
      <c r="IJ979" s="91"/>
      <c r="IK979" s="127"/>
    </row>
    <row r="980" spans="2:245" x14ac:dyDescent="0.2">
      <c r="B980" s="43"/>
      <c r="C980" s="73"/>
      <c r="D980" s="64"/>
      <c r="E980" s="64"/>
      <c r="F980" s="55"/>
      <c r="G980" s="102"/>
      <c r="H980" s="55"/>
      <c r="I980" s="55"/>
      <c r="J980" s="55"/>
      <c r="K980" s="55"/>
      <c r="L980" s="55"/>
      <c r="M980" s="55"/>
      <c r="N980" s="55"/>
      <c r="O980" s="55"/>
      <c r="P980" s="55"/>
      <c r="Q980" s="55"/>
      <c r="R980" s="55"/>
      <c r="S980" s="55"/>
      <c r="T980" s="55"/>
      <c r="U980" s="55"/>
      <c r="V980" s="55"/>
      <c r="W980" s="55"/>
      <c r="X980" s="55"/>
      <c r="Y980" s="55"/>
      <c r="Z980" s="55"/>
      <c r="AA980" s="55"/>
      <c r="AB980" s="55"/>
      <c r="AC980" s="55"/>
      <c r="AD980" s="55"/>
      <c r="AE980" s="55"/>
      <c r="AF980" s="55"/>
      <c r="AG980" s="55"/>
      <c r="AY980" s="162"/>
      <c r="AZ980" s="162"/>
      <c r="BA980" s="162"/>
      <c r="BB980" s="162"/>
      <c r="BC980" s="162"/>
      <c r="BD980" s="162"/>
      <c r="BE980" s="162"/>
      <c r="BF980" s="162"/>
      <c r="BG980" s="162"/>
      <c r="BH980" s="162"/>
      <c r="BI980" s="162"/>
      <c r="BJ980" s="162"/>
      <c r="BK980" s="162"/>
      <c r="BL980" s="162"/>
      <c r="BM980" s="162"/>
      <c r="BN980" s="162"/>
      <c r="BO980" s="162"/>
      <c r="BP980" s="162"/>
      <c r="BQ980" s="162"/>
      <c r="BR980" s="162"/>
      <c r="BS980" s="162"/>
      <c r="BT980" s="162"/>
      <c r="BU980" s="162"/>
      <c r="BV980" s="162"/>
      <c r="BW980" s="162"/>
      <c r="BX980" s="162"/>
      <c r="BY980" s="162"/>
      <c r="BZ980" s="162"/>
      <c r="CA980" s="162"/>
      <c r="CB980" s="162"/>
      <c r="CC980" s="162"/>
      <c r="CD980" s="162"/>
      <c r="CE980" s="162"/>
      <c r="CF980" s="162"/>
      <c r="CG980" s="162"/>
      <c r="CH980" s="162"/>
      <c r="CI980" s="162"/>
      <c r="CJ980" s="162"/>
      <c r="CK980" s="162"/>
      <c r="CX980" s="98"/>
      <c r="DL980" s="97"/>
      <c r="DX980" s="98"/>
      <c r="EL980" s="97"/>
      <c r="EX980" s="98"/>
      <c r="EY980" s="97"/>
      <c r="FL980" s="126"/>
      <c r="FM980" s="91"/>
      <c r="FN980" s="91"/>
      <c r="FO980" s="91"/>
      <c r="FP980" s="91"/>
      <c r="FQ980" s="91"/>
      <c r="FR980" s="91"/>
      <c r="FS980" s="91"/>
      <c r="FT980" s="91"/>
      <c r="FU980" s="91"/>
      <c r="FV980" s="91"/>
      <c r="FW980" s="91"/>
      <c r="FX980" s="91"/>
      <c r="FY980" s="91"/>
      <c r="FZ980" s="91"/>
      <c r="GA980" s="91"/>
      <c r="GB980" s="91"/>
      <c r="GC980" s="91"/>
      <c r="GD980" s="91"/>
      <c r="GE980" s="91"/>
      <c r="GF980" s="91"/>
      <c r="GG980" s="91"/>
      <c r="GH980" s="91"/>
      <c r="GI980" s="91"/>
      <c r="GJ980" s="91"/>
      <c r="GK980" s="127"/>
      <c r="GL980" s="126"/>
      <c r="GM980" s="91"/>
      <c r="GN980" s="91"/>
      <c r="GO980" s="91"/>
      <c r="GP980" s="91"/>
      <c r="GQ980" s="91"/>
      <c r="GR980" s="91"/>
      <c r="GS980" s="91"/>
      <c r="GT980" s="91"/>
      <c r="GU980" s="91"/>
      <c r="GV980" s="91"/>
      <c r="GW980" s="91"/>
      <c r="GX980" s="91"/>
      <c r="GY980" s="91"/>
      <c r="GZ980" s="91"/>
      <c r="HA980" s="91"/>
      <c r="HB980" s="91"/>
      <c r="HC980" s="91"/>
      <c r="HD980" s="91"/>
      <c r="HE980" s="91"/>
      <c r="HF980" s="91"/>
      <c r="HG980" s="91"/>
      <c r="HH980" s="91"/>
      <c r="HI980" s="91"/>
      <c r="HJ980" s="91"/>
      <c r="HK980" s="127"/>
      <c r="HL980" s="126"/>
      <c r="HM980" s="91"/>
      <c r="HN980" s="91"/>
      <c r="HO980" s="91"/>
      <c r="HP980" s="91"/>
      <c r="HQ980" s="91"/>
      <c r="HR980" s="91"/>
      <c r="HS980" s="91"/>
      <c r="HT980" s="91"/>
      <c r="HU980" s="91"/>
      <c r="HV980" s="91"/>
      <c r="HW980" s="91"/>
      <c r="HX980" s="91"/>
      <c r="HY980" s="91"/>
      <c r="HZ980" s="91"/>
      <c r="IA980" s="91"/>
      <c r="IB980" s="91"/>
      <c r="IC980" s="91"/>
      <c r="ID980" s="91"/>
      <c r="IE980" s="91"/>
      <c r="IF980" s="91"/>
      <c r="IG980" s="91"/>
      <c r="IH980" s="91"/>
      <c r="II980" s="91"/>
      <c r="IJ980" s="91"/>
      <c r="IK980" s="127"/>
    </row>
    <row r="981" spans="2:245" x14ac:dyDescent="0.2">
      <c r="B981" s="43"/>
      <c r="C981" s="73"/>
      <c r="D981" s="64"/>
      <c r="E981" s="64"/>
      <c r="F981" s="55"/>
      <c r="G981" s="102"/>
      <c r="H981" s="55"/>
      <c r="I981" s="55"/>
      <c r="J981" s="55"/>
      <c r="K981" s="55"/>
      <c r="L981" s="55"/>
      <c r="M981" s="55"/>
      <c r="N981" s="55"/>
      <c r="O981" s="55"/>
      <c r="P981" s="55"/>
      <c r="Q981" s="55"/>
      <c r="R981" s="55"/>
      <c r="S981" s="55"/>
      <c r="T981" s="55"/>
      <c r="U981" s="55"/>
      <c r="V981" s="55"/>
      <c r="W981" s="55"/>
      <c r="X981" s="55"/>
      <c r="Y981" s="55"/>
      <c r="Z981" s="55"/>
      <c r="AA981" s="55"/>
      <c r="AB981" s="55"/>
      <c r="AC981" s="55"/>
      <c r="AD981" s="55"/>
      <c r="AE981" s="55"/>
      <c r="AF981" s="55"/>
      <c r="AG981" s="55"/>
      <c r="AY981" s="162"/>
      <c r="AZ981" s="162"/>
      <c r="BA981" s="162"/>
      <c r="BB981" s="162"/>
      <c r="BC981" s="162"/>
      <c r="BD981" s="162"/>
      <c r="BE981" s="162"/>
      <c r="BF981" s="162"/>
      <c r="BG981" s="162"/>
      <c r="BH981" s="162"/>
      <c r="BI981" s="162"/>
      <c r="BJ981" s="162"/>
      <c r="BK981" s="162"/>
      <c r="BL981" s="162"/>
      <c r="BM981" s="162"/>
      <c r="BN981" s="162"/>
      <c r="BO981" s="162"/>
      <c r="BP981" s="162"/>
      <c r="BQ981" s="162"/>
      <c r="BR981" s="162"/>
      <c r="BS981" s="162"/>
      <c r="BT981" s="162"/>
      <c r="BU981" s="162"/>
      <c r="BV981" s="162"/>
      <c r="BW981" s="162"/>
      <c r="BX981" s="162"/>
      <c r="BY981" s="162"/>
      <c r="BZ981" s="162"/>
      <c r="CA981" s="162"/>
      <c r="CB981" s="162"/>
      <c r="CC981" s="162"/>
      <c r="CD981" s="162"/>
      <c r="CE981" s="162"/>
      <c r="CF981" s="162"/>
      <c r="CG981" s="162"/>
      <c r="CH981" s="162"/>
      <c r="CI981" s="162"/>
      <c r="CJ981" s="162"/>
      <c r="CK981" s="162"/>
      <c r="CX981" s="98"/>
      <c r="DL981" s="97"/>
      <c r="DX981" s="98"/>
      <c r="EL981" s="97"/>
      <c r="EX981" s="98"/>
      <c r="EY981" s="97"/>
      <c r="FL981" s="126"/>
      <c r="FM981" s="91"/>
      <c r="FN981" s="91"/>
      <c r="FO981" s="91"/>
      <c r="FP981" s="91"/>
      <c r="FQ981" s="91"/>
      <c r="FR981" s="91"/>
      <c r="FS981" s="91"/>
      <c r="FT981" s="91"/>
      <c r="FU981" s="91"/>
      <c r="FV981" s="91"/>
      <c r="FW981" s="91"/>
      <c r="FX981" s="91"/>
      <c r="FY981" s="91"/>
      <c r="FZ981" s="91"/>
      <c r="GA981" s="91"/>
      <c r="GB981" s="91"/>
      <c r="GC981" s="91"/>
      <c r="GD981" s="91"/>
      <c r="GE981" s="91"/>
      <c r="GF981" s="91"/>
      <c r="GG981" s="91"/>
      <c r="GH981" s="91"/>
      <c r="GI981" s="91"/>
      <c r="GJ981" s="91"/>
      <c r="GK981" s="127"/>
      <c r="GL981" s="126"/>
      <c r="GM981" s="91"/>
      <c r="GN981" s="91"/>
      <c r="GO981" s="91"/>
      <c r="GP981" s="91"/>
      <c r="GQ981" s="91"/>
      <c r="GR981" s="91"/>
      <c r="GS981" s="91"/>
      <c r="GT981" s="91"/>
      <c r="GU981" s="91"/>
      <c r="GV981" s="91"/>
      <c r="GW981" s="91"/>
      <c r="GX981" s="91"/>
      <c r="GY981" s="91"/>
      <c r="GZ981" s="91"/>
      <c r="HA981" s="91"/>
      <c r="HB981" s="91"/>
      <c r="HC981" s="91"/>
      <c r="HD981" s="91"/>
      <c r="HE981" s="91"/>
      <c r="HF981" s="91"/>
      <c r="HG981" s="91"/>
      <c r="HH981" s="91"/>
      <c r="HI981" s="91"/>
      <c r="HJ981" s="91"/>
      <c r="HK981" s="127"/>
      <c r="HL981" s="126"/>
      <c r="HM981" s="91"/>
      <c r="HN981" s="91"/>
      <c r="HO981" s="91"/>
      <c r="HP981" s="91"/>
      <c r="HQ981" s="91"/>
      <c r="HR981" s="91"/>
      <c r="HS981" s="91"/>
      <c r="HT981" s="91"/>
      <c r="HU981" s="91"/>
      <c r="HV981" s="91"/>
      <c r="HW981" s="91"/>
      <c r="HX981" s="91"/>
      <c r="HY981" s="91"/>
      <c r="HZ981" s="91"/>
      <c r="IA981" s="91"/>
      <c r="IB981" s="91"/>
      <c r="IC981" s="91"/>
      <c r="ID981" s="91"/>
      <c r="IE981" s="91"/>
      <c r="IF981" s="91"/>
      <c r="IG981" s="91"/>
      <c r="IH981" s="91"/>
      <c r="II981" s="91"/>
      <c r="IJ981" s="91"/>
      <c r="IK981" s="127"/>
    </row>
    <row r="982" spans="2:245" x14ac:dyDescent="0.2">
      <c r="B982" s="43"/>
      <c r="C982" s="73"/>
      <c r="D982" s="64"/>
      <c r="E982" s="64"/>
      <c r="F982" s="55"/>
      <c r="G982" s="102"/>
      <c r="H982" s="55"/>
      <c r="I982" s="55"/>
      <c r="J982" s="55"/>
      <c r="K982" s="55"/>
      <c r="L982" s="55"/>
      <c r="M982" s="55"/>
      <c r="N982" s="55"/>
      <c r="O982" s="55"/>
      <c r="P982" s="55"/>
      <c r="Q982" s="55"/>
      <c r="R982" s="55"/>
      <c r="S982" s="55"/>
      <c r="T982" s="55"/>
      <c r="U982" s="55"/>
      <c r="V982" s="55"/>
      <c r="W982" s="55"/>
      <c r="X982" s="55"/>
      <c r="Y982" s="55"/>
      <c r="Z982" s="55"/>
      <c r="AA982" s="55"/>
      <c r="AB982" s="55"/>
      <c r="AC982" s="55"/>
      <c r="AD982" s="55"/>
      <c r="AE982" s="55"/>
      <c r="AF982" s="55"/>
      <c r="AG982" s="55"/>
      <c r="AY982" s="162"/>
      <c r="AZ982" s="162"/>
      <c r="BA982" s="162"/>
      <c r="BB982" s="162"/>
      <c r="BC982" s="162"/>
      <c r="BD982" s="162"/>
      <c r="BE982" s="162"/>
      <c r="BF982" s="162"/>
      <c r="BG982" s="162"/>
      <c r="BH982" s="162"/>
      <c r="BI982" s="162"/>
      <c r="BJ982" s="162"/>
      <c r="BK982" s="162"/>
      <c r="BL982" s="162"/>
      <c r="BM982" s="162"/>
      <c r="BN982" s="162"/>
      <c r="BO982" s="162"/>
      <c r="BP982" s="162"/>
      <c r="BQ982" s="162"/>
      <c r="BR982" s="162"/>
      <c r="BS982" s="162"/>
      <c r="BT982" s="162"/>
      <c r="BU982" s="162"/>
      <c r="BV982" s="162"/>
      <c r="BW982" s="162"/>
      <c r="BX982" s="162"/>
      <c r="BY982" s="162"/>
      <c r="BZ982" s="162"/>
      <c r="CA982" s="162"/>
      <c r="CB982" s="162"/>
      <c r="CC982" s="162"/>
      <c r="CD982" s="162"/>
      <c r="CE982" s="162"/>
      <c r="CF982" s="162"/>
      <c r="CG982" s="162"/>
      <c r="CH982" s="162"/>
      <c r="CI982" s="162"/>
      <c r="CJ982" s="162"/>
      <c r="CK982" s="162"/>
      <c r="CX982" s="98"/>
      <c r="DL982" s="97"/>
      <c r="DX982" s="98"/>
      <c r="EL982" s="97"/>
      <c r="EX982" s="98"/>
      <c r="EY982" s="97"/>
      <c r="FL982" s="126"/>
      <c r="FM982" s="91"/>
      <c r="FN982" s="91"/>
      <c r="FO982" s="91"/>
      <c r="FP982" s="91"/>
      <c r="FQ982" s="91"/>
      <c r="FR982" s="91"/>
      <c r="FS982" s="91"/>
      <c r="FT982" s="91"/>
      <c r="FU982" s="91"/>
      <c r="FV982" s="91"/>
      <c r="FW982" s="91"/>
      <c r="FX982" s="91"/>
      <c r="FY982" s="91"/>
      <c r="FZ982" s="91"/>
      <c r="GA982" s="91"/>
      <c r="GB982" s="91"/>
      <c r="GC982" s="91"/>
      <c r="GD982" s="91"/>
      <c r="GE982" s="91"/>
      <c r="GF982" s="91"/>
      <c r="GG982" s="91"/>
      <c r="GH982" s="91"/>
      <c r="GI982" s="91"/>
      <c r="GJ982" s="91"/>
      <c r="GK982" s="127"/>
      <c r="GL982" s="126"/>
      <c r="GM982" s="91"/>
      <c r="GN982" s="91"/>
      <c r="GO982" s="91"/>
      <c r="GP982" s="91"/>
      <c r="GQ982" s="91"/>
      <c r="GR982" s="91"/>
      <c r="GS982" s="91"/>
      <c r="GT982" s="91"/>
      <c r="GU982" s="91"/>
      <c r="GV982" s="91"/>
      <c r="GW982" s="91"/>
      <c r="GX982" s="91"/>
      <c r="GY982" s="91"/>
      <c r="GZ982" s="91"/>
      <c r="HA982" s="91"/>
      <c r="HB982" s="91"/>
      <c r="HC982" s="91"/>
      <c r="HD982" s="91"/>
      <c r="HE982" s="91"/>
      <c r="HF982" s="91"/>
      <c r="HG982" s="91"/>
      <c r="HH982" s="91"/>
      <c r="HI982" s="91"/>
      <c r="HJ982" s="91"/>
      <c r="HK982" s="127"/>
      <c r="HL982" s="126"/>
      <c r="HM982" s="91"/>
      <c r="HN982" s="91"/>
      <c r="HO982" s="91"/>
      <c r="HP982" s="91"/>
      <c r="HQ982" s="91"/>
      <c r="HR982" s="91"/>
      <c r="HS982" s="91"/>
      <c r="HT982" s="91"/>
      <c r="HU982" s="91"/>
      <c r="HV982" s="91"/>
      <c r="HW982" s="91"/>
      <c r="HX982" s="91"/>
      <c r="HY982" s="91"/>
      <c r="HZ982" s="91"/>
      <c r="IA982" s="91"/>
      <c r="IB982" s="91"/>
      <c r="IC982" s="91"/>
      <c r="ID982" s="91"/>
      <c r="IE982" s="91"/>
      <c r="IF982" s="91"/>
      <c r="IG982" s="91"/>
      <c r="IH982" s="91"/>
      <c r="II982" s="91"/>
      <c r="IJ982" s="91"/>
      <c r="IK982" s="127"/>
    </row>
    <row r="983" spans="2:245" x14ac:dyDescent="0.2">
      <c r="B983" s="43"/>
      <c r="C983" s="73"/>
      <c r="D983" s="64"/>
      <c r="E983" s="64"/>
      <c r="F983" s="55"/>
      <c r="G983" s="102"/>
      <c r="H983" s="55"/>
      <c r="I983" s="55"/>
      <c r="J983" s="55"/>
      <c r="K983" s="55"/>
      <c r="L983" s="55"/>
      <c r="M983" s="55"/>
      <c r="N983" s="55"/>
      <c r="O983" s="55"/>
      <c r="P983" s="55"/>
      <c r="Q983" s="55"/>
      <c r="R983" s="55"/>
      <c r="S983" s="55"/>
      <c r="T983" s="55"/>
      <c r="U983" s="55"/>
      <c r="V983" s="55"/>
      <c r="W983" s="55"/>
      <c r="X983" s="55"/>
      <c r="Y983" s="55"/>
      <c r="Z983" s="55"/>
      <c r="AA983" s="55"/>
      <c r="AB983" s="55"/>
      <c r="AC983" s="55"/>
      <c r="AD983" s="55"/>
      <c r="AE983" s="55"/>
      <c r="AF983" s="55"/>
      <c r="AG983" s="55"/>
      <c r="AY983" s="162"/>
      <c r="AZ983" s="162"/>
      <c r="BA983" s="162"/>
      <c r="BB983" s="162"/>
      <c r="BC983" s="162"/>
      <c r="BD983" s="162"/>
      <c r="BE983" s="162"/>
      <c r="BF983" s="162"/>
      <c r="BG983" s="162"/>
      <c r="BH983" s="162"/>
      <c r="BI983" s="162"/>
      <c r="BJ983" s="162"/>
      <c r="BK983" s="162"/>
      <c r="BL983" s="162"/>
      <c r="BM983" s="162"/>
      <c r="BN983" s="162"/>
      <c r="BO983" s="162"/>
      <c r="BP983" s="162"/>
      <c r="BQ983" s="162"/>
      <c r="BR983" s="162"/>
      <c r="BS983" s="162"/>
      <c r="BT983" s="162"/>
      <c r="BU983" s="162"/>
      <c r="BV983" s="162"/>
      <c r="BW983" s="162"/>
      <c r="BX983" s="162"/>
      <c r="BY983" s="162"/>
      <c r="BZ983" s="162"/>
      <c r="CA983" s="162"/>
      <c r="CB983" s="162"/>
      <c r="CC983" s="162"/>
      <c r="CD983" s="162"/>
      <c r="CE983" s="162"/>
      <c r="CF983" s="162"/>
      <c r="CG983" s="162"/>
      <c r="CH983" s="162"/>
      <c r="CI983" s="162"/>
      <c r="CJ983" s="162"/>
      <c r="CK983" s="162"/>
      <c r="CX983" s="98"/>
      <c r="DL983" s="97"/>
      <c r="DX983" s="98"/>
      <c r="EL983" s="97"/>
      <c r="EX983" s="98"/>
      <c r="EY983" s="97"/>
      <c r="FL983" s="126"/>
      <c r="FM983" s="91"/>
      <c r="FN983" s="91"/>
      <c r="FO983" s="91"/>
      <c r="FP983" s="91"/>
      <c r="FQ983" s="91"/>
      <c r="FR983" s="91"/>
      <c r="FS983" s="91"/>
      <c r="FT983" s="91"/>
      <c r="FU983" s="91"/>
      <c r="FV983" s="91"/>
      <c r="FW983" s="91"/>
      <c r="FX983" s="91"/>
      <c r="FY983" s="91"/>
      <c r="FZ983" s="91"/>
      <c r="GA983" s="91"/>
      <c r="GB983" s="91"/>
      <c r="GC983" s="91"/>
      <c r="GD983" s="91"/>
      <c r="GE983" s="91"/>
      <c r="GF983" s="91"/>
      <c r="GG983" s="91"/>
      <c r="GH983" s="91"/>
      <c r="GI983" s="91"/>
      <c r="GJ983" s="91"/>
      <c r="GK983" s="127"/>
      <c r="GL983" s="126"/>
      <c r="GM983" s="91"/>
      <c r="GN983" s="91"/>
      <c r="GO983" s="91"/>
      <c r="GP983" s="91"/>
      <c r="GQ983" s="91"/>
      <c r="GR983" s="91"/>
      <c r="GS983" s="91"/>
      <c r="GT983" s="91"/>
      <c r="GU983" s="91"/>
      <c r="GV983" s="91"/>
      <c r="GW983" s="91"/>
      <c r="GX983" s="91"/>
      <c r="GY983" s="91"/>
      <c r="GZ983" s="91"/>
      <c r="HA983" s="91"/>
      <c r="HB983" s="91"/>
      <c r="HC983" s="91"/>
      <c r="HD983" s="91"/>
      <c r="HE983" s="91"/>
      <c r="HF983" s="91"/>
      <c r="HG983" s="91"/>
      <c r="HH983" s="91"/>
      <c r="HI983" s="91"/>
      <c r="HJ983" s="91"/>
      <c r="HK983" s="127"/>
      <c r="HL983" s="126"/>
      <c r="HM983" s="91"/>
      <c r="HN983" s="91"/>
      <c r="HO983" s="91"/>
      <c r="HP983" s="91"/>
      <c r="HQ983" s="91"/>
      <c r="HR983" s="91"/>
      <c r="HS983" s="91"/>
      <c r="HT983" s="91"/>
      <c r="HU983" s="91"/>
      <c r="HV983" s="91"/>
      <c r="HW983" s="91"/>
      <c r="HX983" s="91"/>
      <c r="HY983" s="91"/>
      <c r="HZ983" s="91"/>
      <c r="IA983" s="91"/>
      <c r="IB983" s="91"/>
      <c r="IC983" s="91"/>
      <c r="ID983" s="91"/>
      <c r="IE983" s="91"/>
      <c r="IF983" s="91"/>
      <c r="IG983" s="91"/>
      <c r="IH983" s="91"/>
      <c r="II983" s="91"/>
      <c r="IJ983" s="91"/>
      <c r="IK983" s="127"/>
    </row>
    <row r="984" spans="2:245" x14ac:dyDescent="0.2">
      <c r="B984" s="43"/>
      <c r="C984" s="73"/>
      <c r="D984" s="64"/>
      <c r="E984" s="64"/>
      <c r="F984" s="55"/>
      <c r="G984" s="102"/>
      <c r="H984" s="55"/>
      <c r="I984" s="55"/>
      <c r="J984" s="55"/>
      <c r="K984" s="55"/>
      <c r="L984" s="55"/>
      <c r="M984" s="55"/>
      <c r="N984" s="55"/>
      <c r="O984" s="55"/>
      <c r="P984" s="55"/>
      <c r="Q984" s="55"/>
      <c r="R984" s="55"/>
      <c r="S984" s="55"/>
      <c r="T984" s="55"/>
      <c r="U984" s="55"/>
      <c r="V984" s="55"/>
      <c r="W984" s="55"/>
      <c r="X984" s="55"/>
      <c r="Y984" s="55"/>
      <c r="Z984" s="55"/>
      <c r="AA984" s="55"/>
      <c r="AB984" s="55"/>
      <c r="AC984" s="55"/>
      <c r="AD984" s="55"/>
      <c r="AE984" s="55"/>
      <c r="AF984" s="55"/>
      <c r="AG984" s="55"/>
      <c r="AY984" s="162"/>
      <c r="AZ984" s="162"/>
      <c r="BA984" s="162"/>
      <c r="BB984" s="162"/>
      <c r="BC984" s="162"/>
      <c r="BD984" s="162"/>
      <c r="BE984" s="162"/>
      <c r="BF984" s="162"/>
      <c r="BG984" s="162"/>
      <c r="BH984" s="162"/>
      <c r="BI984" s="162"/>
      <c r="BJ984" s="162"/>
      <c r="BK984" s="162"/>
      <c r="BL984" s="162"/>
      <c r="BM984" s="162"/>
      <c r="BN984" s="162"/>
      <c r="BO984" s="162"/>
      <c r="BP984" s="162"/>
      <c r="BQ984" s="162"/>
      <c r="BR984" s="162"/>
      <c r="BS984" s="162"/>
      <c r="BT984" s="162"/>
      <c r="BU984" s="162"/>
      <c r="BV984" s="162"/>
      <c r="BW984" s="162"/>
      <c r="BX984" s="162"/>
      <c r="BY984" s="162"/>
      <c r="BZ984" s="162"/>
      <c r="CA984" s="162"/>
      <c r="CB984" s="162"/>
      <c r="CC984" s="162"/>
      <c r="CD984" s="162"/>
      <c r="CE984" s="162"/>
      <c r="CF984" s="162"/>
      <c r="CG984" s="162"/>
      <c r="CH984" s="162"/>
      <c r="CI984" s="162"/>
      <c r="CJ984" s="162"/>
      <c r="CK984" s="162"/>
      <c r="CX984" s="98"/>
      <c r="DL984" s="97"/>
      <c r="DX984" s="98"/>
      <c r="EL984" s="97"/>
      <c r="EX984" s="98"/>
      <c r="EY984" s="97"/>
      <c r="FL984" s="126"/>
      <c r="FM984" s="91"/>
      <c r="FN984" s="91"/>
      <c r="FO984" s="91"/>
      <c r="FP984" s="91"/>
      <c r="FQ984" s="91"/>
      <c r="FR984" s="91"/>
      <c r="FS984" s="91"/>
      <c r="FT984" s="91"/>
      <c r="FU984" s="91"/>
      <c r="FV984" s="91"/>
      <c r="FW984" s="91"/>
      <c r="FX984" s="91"/>
      <c r="FY984" s="91"/>
      <c r="FZ984" s="91"/>
      <c r="GA984" s="91"/>
      <c r="GB984" s="91"/>
      <c r="GC984" s="91"/>
      <c r="GD984" s="91"/>
      <c r="GE984" s="91"/>
      <c r="GF984" s="91"/>
      <c r="GG984" s="91"/>
      <c r="GH984" s="91"/>
      <c r="GI984" s="91"/>
      <c r="GJ984" s="91"/>
      <c r="GK984" s="127"/>
      <c r="GL984" s="126"/>
      <c r="GM984" s="91"/>
      <c r="GN984" s="91"/>
      <c r="GO984" s="91"/>
      <c r="GP984" s="91"/>
      <c r="GQ984" s="91"/>
      <c r="GR984" s="91"/>
      <c r="GS984" s="91"/>
      <c r="GT984" s="91"/>
      <c r="GU984" s="91"/>
      <c r="GV984" s="91"/>
      <c r="GW984" s="91"/>
      <c r="GX984" s="91"/>
      <c r="GY984" s="91"/>
      <c r="GZ984" s="91"/>
      <c r="HA984" s="91"/>
      <c r="HB984" s="91"/>
      <c r="HC984" s="91"/>
      <c r="HD984" s="91"/>
      <c r="HE984" s="91"/>
      <c r="HF984" s="91"/>
      <c r="HG984" s="91"/>
      <c r="HH984" s="91"/>
      <c r="HI984" s="91"/>
      <c r="HJ984" s="91"/>
      <c r="HK984" s="127"/>
      <c r="HL984" s="126"/>
      <c r="HM984" s="91"/>
      <c r="HN984" s="91"/>
      <c r="HO984" s="91"/>
      <c r="HP984" s="91"/>
      <c r="HQ984" s="91"/>
      <c r="HR984" s="91"/>
      <c r="HS984" s="91"/>
      <c r="HT984" s="91"/>
      <c r="HU984" s="91"/>
      <c r="HV984" s="91"/>
      <c r="HW984" s="91"/>
      <c r="HX984" s="91"/>
      <c r="HY984" s="91"/>
      <c r="HZ984" s="91"/>
      <c r="IA984" s="91"/>
      <c r="IB984" s="91"/>
      <c r="IC984" s="91"/>
      <c r="ID984" s="91"/>
      <c r="IE984" s="91"/>
      <c r="IF984" s="91"/>
      <c r="IG984" s="91"/>
      <c r="IH984" s="91"/>
      <c r="II984" s="91"/>
      <c r="IJ984" s="91"/>
      <c r="IK984" s="127"/>
    </row>
    <row r="985" spans="2:245" x14ac:dyDescent="0.2">
      <c r="B985" s="43"/>
      <c r="C985" s="73"/>
      <c r="D985" s="64"/>
      <c r="E985" s="64"/>
      <c r="F985" s="55"/>
      <c r="G985" s="102"/>
      <c r="H985" s="55"/>
      <c r="I985" s="55"/>
      <c r="J985" s="55"/>
      <c r="K985" s="55"/>
      <c r="L985" s="55"/>
      <c r="M985" s="55"/>
      <c r="N985" s="55"/>
      <c r="O985" s="55"/>
      <c r="P985" s="55"/>
      <c r="Q985" s="55"/>
      <c r="R985" s="55"/>
      <c r="S985" s="55"/>
      <c r="T985" s="55"/>
      <c r="U985" s="55"/>
      <c r="V985" s="55"/>
      <c r="W985" s="55"/>
      <c r="X985" s="55"/>
      <c r="Y985" s="55"/>
      <c r="Z985" s="55"/>
      <c r="AA985" s="55"/>
      <c r="AB985" s="55"/>
      <c r="AC985" s="55"/>
      <c r="AD985" s="55"/>
      <c r="AE985" s="55"/>
      <c r="AF985" s="55"/>
      <c r="AG985" s="55"/>
      <c r="AY985" s="162"/>
      <c r="AZ985" s="162"/>
      <c r="BA985" s="162"/>
      <c r="BB985" s="162"/>
      <c r="BC985" s="162"/>
      <c r="BD985" s="162"/>
      <c r="BE985" s="162"/>
      <c r="BF985" s="162"/>
      <c r="BG985" s="162"/>
      <c r="BH985" s="162"/>
      <c r="BI985" s="162"/>
      <c r="BJ985" s="162"/>
      <c r="BK985" s="162"/>
      <c r="BL985" s="162"/>
      <c r="BM985" s="162"/>
      <c r="BN985" s="162"/>
      <c r="BO985" s="162"/>
      <c r="BP985" s="162"/>
      <c r="BQ985" s="162"/>
      <c r="BR985" s="162"/>
      <c r="BS985" s="162"/>
      <c r="BT985" s="162"/>
      <c r="BU985" s="162"/>
      <c r="BV985" s="162"/>
      <c r="BW985" s="162"/>
      <c r="BX985" s="162"/>
      <c r="BY985" s="162"/>
      <c r="BZ985" s="162"/>
      <c r="CA985" s="162"/>
      <c r="CB985" s="162"/>
      <c r="CC985" s="162"/>
      <c r="CD985" s="162"/>
      <c r="CE985" s="162"/>
      <c r="CF985" s="162"/>
      <c r="CG985" s="162"/>
      <c r="CH985" s="162"/>
      <c r="CI985" s="162"/>
      <c r="CJ985" s="162"/>
      <c r="CK985" s="162"/>
      <c r="CX985" s="98"/>
      <c r="DL985" s="97"/>
      <c r="DX985" s="98"/>
      <c r="EL985" s="97"/>
      <c r="EX985" s="98"/>
      <c r="EY985" s="97"/>
      <c r="FL985" s="126"/>
      <c r="FM985" s="91"/>
      <c r="FN985" s="91"/>
      <c r="FO985" s="91"/>
      <c r="FP985" s="91"/>
      <c r="FQ985" s="91"/>
      <c r="FR985" s="91"/>
      <c r="FS985" s="91"/>
      <c r="FT985" s="91"/>
      <c r="FU985" s="91"/>
      <c r="FV985" s="91"/>
      <c r="FW985" s="91"/>
      <c r="FX985" s="91"/>
      <c r="FY985" s="91"/>
      <c r="FZ985" s="91"/>
      <c r="GA985" s="91"/>
      <c r="GB985" s="91"/>
      <c r="GC985" s="91"/>
      <c r="GD985" s="91"/>
      <c r="GE985" s="91"/>
      <c r="GF985" s="91"/>
      <c r="GG985" s="91"/>
      <c r="GH985" s="91"/>
      <c r="GI985" s="91"/>
      <c r="GJ985" s="91"/>
      <c r="GK985" s="127"/>
      <c r="GL985" s="126"/>
      <c r="GM985" s="91"/>
      <c r="GN985" s="91"/>
      <c r="GO985" s="91"/>
      <c r="GP985" s="91"/>
      <c r="GQ985" s="91"/>
      <c r="GR985" s="91"/>
      <c r="GS985" s="91"/>
      <c r="GT985" s="91"/>
      <c r="GU985" s="91"/>
      <c r="GV985" s="91"/>
      <c r="GW985" s="91"/>
      <c r="GX985" s="91"/>
      <c r="GY985" s="91"/>
      <c r="GZ985" s="91"/>
      <c r="HA985" s="91"/>
      <c r="HB985" s="91"/>
      <c r="HC985" s="91"/>
      <c r="HD985" s="91"/>
      <c r="HE985" s="91"/>
      <c r="HF985" s="91"/>
      <c r="HG985" s="91"/>
      <c r="HH985" s="91"/>
      <c r="HI985" s="91"/>
      <c r="HJ985" s="91"/>
      <c r="HK985" s="127"/>
      <c r="HL985" s="126"/>
      <c r="HM985" s="91"/>
      <c r="HN985" s="91"/>
      <c r="HO985" s="91"/>
      <c r="HP985" s="91"/>
      <c r="HQ985" s="91"/>
      <c r="HR985" s="91"/>
      <c r="HS985" s="91"/>
      <c r="HT985" s="91"/>
      <c r="HU985" s="91"/>
      <c r="HV985" s="91"/>
      <c r="HW985" s="91"/>
      <c r="HX985" s="91"/>
      <c r="HY985" s="91"/>
      <c r="HZ985" s="91"/>
      <c r="IA985" s="91"/>
      <c r="IB985" s="91"/>
      <c r="IC985" s="91"/>
      <c r="ID985" s="91"/>
      <c r="IE985" s="91"/>
      <c r="IF985" s="91"/>
      <c r="IG985" s="91"/>
      <c r="IH985" s="91"/>
      <c r="II985" s="91"/>
      <c r="IJ985" s="91"/>
      <c r="IK985" s="127"/>
    </row>
    <row r="986" spans="2:245" x14ac:dyDescent="0.2">
      <c r="B986" s="43"/>
      <c r="C986" s="73"/>
      <c r="D986" s="64"/>
      <c r="E986" s="64"/>
      <c r="F986" s="55"/>
      <c r="G986" s="102"/>
      <c r="H986" s="55"/>
      <c r="I986" s="55"/>
      <c r="J986" s="55"/>
      <c r="K986" s="55"/>
      <c r="L986" s="55"/>
      <c r="M986" s="55"/>
      <c r="N986" s="55"/>
      <c r="O986" s="55"/>
      <c r="P986" s="55"/>
      <c r="Q986" s="55"/>
      <c r="R986" s="55"/>
      <c r="S986" s="55"/>
      <c r="T986" s="55"/>
      <c r="U986" s="55"/>
      <c r="V986" s="55"/>
      <c r="W986" s="55"/>
      <c r="X986" s="55"/>
      <c r="Y986" s="55"/>
      <c r="Z986" s="55"/>
      <c r="AA986" s="55"/>
      <c r="AB986" s="55"/>
      <c r="AC986" s="55"/>
      <c r="AD986" s="55"/>
      <c r="AE986" s="55"/>
      <c r="AF986" s="55"/>
      <c r="AG986" s="55"/>
      <c r="AY986" s="162"/>
      <c r="AZ986" s="162"/>
      <c r="BA986" s="162"/>
      <c r="BB986" s="162"/>
      <c r="BC986" s="162"/>
      <c r="BD986" s="162"/>
      <c r="BE986" s="162"/>
      <c r="BF986" s="162"/>
      <c r="BG986" s="162"/>
      <c r="BH986" s="162"/>
      <c r="BI986" s="162"/>
      <c r="BJ986" s="162"/>
      <c r="BK986" s="162"/>
      <c r="BL986" s="162"/>
      <c r="BM986" s="162"/>
      <c r="BN986" s="162"/>
      <c r="BO986" s="162"/>
      <c r="BP986" s="162"/>
      <c r="BQ986" s="162"/>
      <c r="BR986" s="162"/>
      <c r="BS986" s="162"/>
      <c r="BT986" s="162"/>
      <c r="BU986" s="162"/>
      <c r="BV986" s="162"/>
      <c r="BW986" s="162"/>
      <c r="BX986" s="162"/>
      <c r="BY986" s="162"/>
      <c r="BZ986" s="162"/>
      <c r="CA986" s="162"/>
      <c r="CB986" s="162"/>
      <c r="CC986" s="162"/>
      <c r="CD986" s="162"/>
      <c r="CE986" s="162"/>
      <c r="CF986" s="162"/>
      <c r="CG986" s="162"/>
      <c r="CH986" s="162"/>
      <c r="CI986" s="162"/>
      <c r="CJ986" s="162"/>
      <c r="CK986" s="162"/>
      <c r="CX986" s="98"/>
      <c r="DL986" s="97"/>
      <c r="DX986" s="98"/>
      <c r="EL986" s="97"/>
      <c r="EX986" s="98"/>
      <c r="EY986" s="97"/>
      <c r="FL986" s="126"/>
      <c r="FM986" s="91"/>
      <c r="FN986" s="91"/>
      <c r="FO986" s="91"/>
      <c r="FP986" s="91"/>
      <c r="FQ986" s="91"/>
      <c r="FR986" s="91"/>
      <c r="FS986" s="91"/>
      <c r="FT986" s="91"/>
      <c r="FU986" s="91"/>
      <c r="FV986" s="91"/>
      <c r="FW986" s="91"/>
      <c r="FX986" s="91"/>
      <c r="FY986" s="91"/>
      <c r="FZ986" s="91"/>
      <c r="GA986" s="91"/>
      <c r="GB986" s="91"/>
      <c r="GC986" s="91"/>
      <c r="GD986" s="91"/>
      <c r="GE986" s="91"/>
      <c r="GF986" s="91"/>
      <c r="GG986" s="91"/>
      <c r="GH986" s="91"/>
      <c r="GI986" s="91"/>
      <c r="GJ986" s="91"/>
      <c r="GK986" s="127"/>
      <c r="GL986" s="126"/>
      <c r="GM986" s="91"/>
      <c r="GN986" s="91"/>
      <c r="GO986" s="91"/>
      <c r="GP986" s="91"/>
      <c r="GQ986" s="91"/>
      <c r="GR986" s="91"/>
      <c r="GS986" s="91"/>
      <c r="GT986" s="91"/>
      <c r="GU986" s="91"/>
      <c r="GV986" s="91"/>
      <c r="GW986" s="91"/>
      <c r="GX986" s="91"/>
      <c r="GY986" s="91"/>
      <c r="GZ986" s="91"/>
      <c r="HA986" s="91"/>
      <c r="HB986" s="91"/>
      <c r="HC986" s="91"/>
      <c r="HD986" s="91"/>
      <c r="HE986" s="91"/>
      <c r="HF986" s="91"/>
      <c r="HG986" s="91"/>
      <c r="HH986" s="91"/>
      <c r="HI986" s="91"/>
      <c r="HJ986" s="91"/>
      <c r="HK986" s="127"/>
      <c r="HL986" s="126"/>
      <c r="HM986" s="91"/>
      <c r="HN986" s="91"/>
      <c r="HO986" s="91"/>
      <c r="HP986" s="91"/>
      <c r="HQ986" s="91"/>
      <c r="HR986" s="91"/>
      <c r="HS986" s="91"/>
      <c r="HT986" s="91"/>
      <c r="HU986" s="91"/>
      <c r="HV986" s="91"/>
      <c r="HW986" s="91"/>
      <c r="HX986" s="91"/>
      <c r="HY986" s="91"/>
      <c r="HZ986" s="91"/>
      <c r="IA986" s="91"/>
      <c r="IB986" s="91"/>
      <c r="IC986" s="91"/>
      <c r="ID986" s="91"/>
      <c r="IE986" s="91"/>
      <c r="IF986" s="91"/>
      <c r="IG986" s="91"/>
      <c r="IH986" s="91"/>
      <c r="II986" s="91"/>
      <c r="IJ986" s="91"/>
      <c r="IK986" s="127"/>
    </row>
    <row r="987" spans="2:245" x14ac:dyDescent="0.2">
      <c r="B987" s="43"/>
      <c r="C987" s="73"/>
      <c r="D987" s="64"/>
      <c r="E987" s="64"/>
      <c r="F987" s="55"/>
      <c r="G987" s="102"/>
      <c r="H987" s="55"/>
      <c r="I987" s="55"/>
      <c r="J987" s="55"/>
      <c r="K987" s="55"/>
      <c r="L987" s="55"/>
      <c r="M987" s="55"/>
      <c r="N987" s="55"/>
      <c r="O987" s="55"/>
      <c r="P987" s="55"/>
      <c r="Q987" s="55"/>
      <c r="R987" s="55"/>
      <c r="S987" s="55"/>
      <c r="T987" s="55"/>
      <c r="U987" s="55"/>
      <c r="V987" s="55"/>
      <c r="W987" s="55"/>
      <c r="X987" s="55"/>
      <c r="Y987" s="55"/>
      <c r="Z987" s="55"/>
      <c r="AA987" s="55"/>
      <c r="AB987" s="55"/>
      <c r="AC987" s="55"/>
      <c r="AD987" s="55"/>
      <c r="AE987" s="55"/>
      <c r="AF987" s="55"/>
      <c r="AG987" s="55"/>
      <c r="AY987" s="162"/>
      <c r="AZ987" s="162"/>
      <c r="BA987" s="162"/>
      <c r="BB987" s="162"/>
      <c r="BC987" s="162"/>
      <c r="BD987" s="162"/>
      <c r="BE987" s="162"/>
      <c r="BF987" s="162"/>
      <c r="BG987" s="162"/>
      <c r="BH987" s="162"/>
      <c r="BI987" s="162"/>
      <c r="BJ987" s="162"/>
      <c r="BK987" s="162"/>
      <c r="BL987" s="162"/>
      <c r="BM987" s="162"/>
      <c r="BN987" s="162"/>
      <c r="BO987" s="162"/>
      <c r="BP987" s="162"/>
      <c r="BQ987" s="162"/>
      <c r="BR987" s="162"/>
      <c r="BS987" s="162"/>
      <c r="BT987" s="162"/>
      <c r="BU987" s="162"/>
      <c r="BV987" s="162"/>
      <c r="BW987" s="162"/>
      <c r="BX987" s="162"/>
      <c r="BY987" s="162"/>
      <c r="BZ987" s="162"/>
      <c r="CA987" s="162"/>
      <c r="CB987" s="162"/>
      <c r="CC987" s="162"/>
      <c r="CD987" s="162"/>
      <c r="CE987" s="162"/>
      <c r="CF987" s="162"/>
      <c r="CG987" s="162"/>
      <c r="CH987" s="162"/>
      <c r="CI987" s="162"/>
      <c r="CJ987" s="162"/>
      <c r="CK987" s="162"/>
      <c r="CX987" s="98"/>
      <c r="DL987" s="97"/>
      <c r="DX987" s="98"/>
      <c r="EL987" s="97"/>
      <c r="EX987" s="98"/>
      <c r="EY987" s="97"/>
      <c r="FL987" s="126"/>
      <c r="FM987" s="91"/>
      <c r="FN987" s="91"/>
      <c r="FO987" s="91"/>
      <c r="FP987" s="91"/>
      <c r="FQ987" s="91"/>
      <c r="FR987" s="91"/>
      <c r="FS987" s="91"/>
      <c r="FT987" s="91"/>
      <c r="FU987" s="91"/>
      <c r="FV987" s="91"/>
      <c r="FW987" s="91"/>
      <c r="FX987" s="91"/>
      <c r="FY987" s="91"/>
      <c r="FZ987" s="91"/>
      <c r="GA987" s="91"/>
      <c r="GB987" s="91"/>
      <c r="GC987" s="91"/>
      <c r="GD987" s="91"/>
      <c r="GE987" s="91"/>
      <c r="GF987" s="91"/>
      <c r="GG987" s="91"/>
      <c r="GH987" s="91"/>
      <c r="GI987" s="91"/>
      <c r="GJ987" s="91"/>
      <c r="GK987" s="127"/>
      <c r="GL987" s="126"/>
      <c r="GM987" s="91"/>
      <c r="GN987" s="91"/>
      <c r="GO987" s="91"/>
      <c r="GP987" s="91"/>
      <c r="GQ987" s="91"/>
      <c r="GR987" s="91"/>
      <c r="GS987" s="91"/>
      <c r="GT987" s="91"/>
      <c r="GU987" s="91"/>
      <c r="GV987" s="91"/>
      <c r="GW987" s="91"/>
      <c r="GX987" s="91"/>
      <c r="GY987" s="91"/>
      <c r="GZ987" s="91"/>
      <c r="HA987" s="91"/>
      <c r="HB987" s="91"/>
      <c r="HC987" s="91"/>
      <c r="HD987" s="91"/>
      <c r="HE987" s="91"/>
      <c r="HF987" s="91"/>
      <c r="HG987" s="91"/>
      <c r="HH987" s="91"/>
      <c r="HI987" s="91"/>
      <c r="HJ987" s="91"/>
      <c r="HK987" s="127"/>
      <c r="HL987" s="126"/>
      <c r="HM987" s="91"/>
      <c r="HN987" s="91"/>
      <c r="HO987" s="91"/>
      <c r="HP987" s="91"/>
      <c r="HQ987" s="91"/>
      <c r="HR987" s="91"/>
      <c r="HS987" s="91"/>
      <c r="HT987" s="91"/>
      <c r="HU987" s="91"/>
      <c r="HV987" s="91"/>
      <c r="HW987" s="91"/>
      <c r="HX987" s="91"/>
      <c r="HY987" s="91"/>
      <c r="HZ987" s="91"/>
      <c r="IA987" s="91"/>
      <c r="IB987" s="91"/>
      <c r="IC987" s="91"/>
      <c r="ID987" s="91"/>
      <c r="IE987" s="91"/>
      <c r="IF987" s="91"/>
      <c r="IG987" s="91"/>
      <c r="IH987" s="91"/>
      <c r="II987" s="91"/>
      <c r="IJ987" s="91"/>
      <c r="IK987" s="127"/>
    </row>
    <row r="988" spans="2:245" x14ac:dyDescent="0.2">
      <c r="B988" s="43"/>
      <c r="C988" s="73"/>
      <c r="D988" s="64"/>
      <c r="E988" s="64"/>
      <c r="F988" s="55"/>
      <c r="G988" s="102"/>
      <c r="H988" s="55"/>
      <c r="I988" s="55"/>
      <c r="J988" s="55"/>
      <c r="K988" s="55"/>
      <c r="L988" s="55"/>
      <c r="M988" s="55"/>
      <c r="N988" s="55"/>
      <c r="O988" s="55"/>
      <c r="P988" s="55"/>
      <c r="Q988" s="55"/>
      <c r="R988" s="55"/>
      <c r="S988" s="55"/>
      <c r="T988" s="55"/>
      <c r="U988" s="55"/>
      <c r="V988" s="55"/>
      <c r="W988" s="55"/>
      <c r="X988" s="55"/>
      <c r="Y988" s="55"/>
      <c r="Z988" s="55"/>
      <c r="AA988" s="55"/>
      <c r="AB988" s="55"/>
      <c r="AC988" s="55"/>
      <c r="AD988" s="55"/>
      <c r="AE988" s="55"/>
      <c r="AF988" s="55"/>
      <c r="AG988" s="55"/>
      <c r="AY988" s="162"/>
      <c r="AZ988" s="162"/>
      <c r="BA988" s="162"/>
      <c r="BB988" s="162"/>
      <c r="BC988" s="162"/>
      <c r="BD988" s="162"/>
      <c r="BE988" s="162"/>
      <c r="BF988" s="162"/>
      <c r="BG988" s="162"/>
      <c r="BH988" s="162"/>
      <c r="BI988" s="162"/>
      <c r="BJ988" s="162"/>
      <c r="BK988" s="162"/>
      <c r="BL988" s="162"/>
      <c r="BM988" s="162"/>
      <c r="BN988" s="162"/>
      <c r="BO988" s="162"/>
      <c r="BP988" s="162"/>
      <c r="BQ988" s="162"/>
      <c r="BR988" s="162"/>
      <c r="BS988" s="162"/>
      <c r="BT988" s="162"/>
      <c r="BU988" s="162"/>
      <c r="BV988" s="162"/>
      <c r="BW988" s="162"/>
      <c r="BX988" s="162"/>
      <c r="BY988" s="162"/>
      <c r="BZ988" s="162"/>
      <c r="CA988" s="162"/>
      <c r="CB988" s="162"/>
      <c r="CC988" s="162"/>
      <c r="CD988" s="162"/>
      <c r="CE988" s="162"/>
      <c r="CF988" s="162"/>
      <c r="CG988" s="162"/>
      <c r="CH988" s="162"/>
      <c r="CI988" s="162"/>
      <c r="CJ988" s="162"/>
      <c r="CK988" s="162"/>
      <c r="CX988" s="98"/>
      <c r="DL988" s="97"/>
      <c r="DX988" s="98"/>
      <c r="EL988" s="97"/>
      <c r="EX988" s="98"/>
      <c r="EY988" s="97"/>
      <c r="FL988" s="126"/>
      <c r="FM988" s="91"/>
      <c r="FN988" s="91"/>
      <c r="FO988" s="91"/>
      <c r="FP988" s="91"/>
      <c r="FQ988" s="91"/>
      <c r="FR988" s="91"/>
      <c r="FS988" s="91"/>
      <c r="FT988" s="91"/>
      <c r="FU988" s="91"/>
      <c r="FV988" s="91"/>
      <c r="FW988" s="91"/>
      <c r="FX988" s="91"/>
      <c r="FY988" s="91"/>
      <c r="FZ988" s="91"/>
      <c r="GA988" s="91"/>
      <c r="GB988" s="91"/>
      <c r="GC988" s="91"/>
      <c r="GD988" s="91"/>
      <c r="GE988" s="91"/>
      <c r="GF988" s="91"/>
      <c r="GG988" s="91"/>
      <c r="GH988" s="91"/>
      <c r="GI988" s="91"/>
      <c r="GJ988" s="91"/>
      <c r="GK988" s="127"/>
      <c r="GL988" s="126"/>
      <c r="GM988" s="91"/>
      <c r="GN988" s="91"/>
      <c r="GO988" s="91"/>
      <c r="GP988" s="91"/>
      <c r="GQ988" s="91"/>
      <c r="GR988" s="91"/>
      <c r="GS988" s="91"/>
      <c r="GT988" s="91"/>
      <c r="GU988" s="91"/>
      <c r="GV988" s="91"/>
      <c r="GW988" s="91"/>
      <c r="GX988" s="91"/>
      <c r="GY988" s="91"/>
      <c r="GZ988" s="91"/>
      <c r="HA988" s="91"/>
      <c r="HB988" s="91"/>
      <c r="HC988" s="91"/>
      <c r="HD988" s="91"/>
      <c r="HE988" s="91"/>
      <c r="HF988" s="91"/>
      <c r="HG988" s="91"/>
      <c r="HH988" s="91"/>
      <c r="HI988" s="91"/>
      <c r="HJ988" s="91"/>
      <c r="HK988" s="127"/>
      <c r="HL988" s="126"/>
      <c r="HM988" s="91"/>
      <c r="HN988" s="91"/>
      <c r="HO988" s="91"/>
      <c r="HP988" s="91"/>
      <c r="HQ988" s="91"/>
      <c r="HR988" s="91"/>
      <c r="HS988" s="91"/>
      <c r="HT988" s="91"/>
      <c r="HU988" s="91"/>
      <c r="HV988" s="91"/>
      <c r="HW988" s="91"/>
      <c r="HX988" s="91"/>
      <c r="HY988" s="91"/>
      <c r="HZ988" s="91"/>
      <c r="IA988" s="91"/>
      <c r="IB988" s="91"/>
      <c r="IC988" s="91"/>
      <c r="ID988" s="91"/>
      <c r="IE988" s="91"/>
      <c r="IF988" s="91"/>
      <c r="IG988" s="91"/>
      <c r="IH988" s="91"/>
      <c r="II988" s="91"/>
      <c r="IJ988" s="91"/>
      <c r="IK988" s="127"/>
    </row>
    <row r="989" spans="2:245" x14ac:dyDescent="0.2">
      <c r="B989" s="43"/>
      <c r="C989" s="73"/>
      <c r="D989" s="64"/>
      <c r="E989" s="64"/>
      <c r="F989" s="55"/>
      <c r="G989" s="102"/>
      <c r="H989" s="55"/>
      <c r="I989" s="55"/>
      <c r="J989" s="55"/>
      <c r="K989" s="55"/>
      <c r="L989" s="55"/>
      <c r="M989" s="55"/>
      <c r="N989" s="55"/>
      <c r="O989" s="55"/>
      <c r="P989" s="55"/>
      <c r="Q989" s="55"/>
      <c r="R989" s="55"/>
      <c r="S989" s="55"/>
      <c r="T989" s="55"/>
      <c r="U989" s="55"/>
      <c r="V989" s="55"/>
      <c r="W989" s="55"/>
      <c r="X989" s="55"/>
      <c r="Y989" s="55"/>
      <c r="Z989" s="55"/>
      <c r="AA989" s="55"/>
      <c r="AB989" s="55"/>
      <c r="AC989" s="55"/>
      <c r="AD989" s="55"/>
      <c r="AE989" s="55"/>
      <c r="AF989" s="55"/>
      <c r="AG989" s="55"/>
      <c r="AY989" s="162"/>
      <c r="AZ989" s="162"/>
      <c r="BA989" s="162"/>
      <c r="BB989" s="162"/>
      <c r="BC989" s="162"/>
      <c r="BD989" s="162"/>
      <c r="BE989" s="162"/>
      <c r="BF989" s="162"/>
      <c r="BG989" s="162"/>
      <c r="BH989" s="162"/>
      <c r="BI989" s="162"/>
      <c r="BJ989" s="162"/>
      <c r="BK989" s="162"/>
      <c r="BL989" s="162"/>
      <c r="BM989" s="162"/>
      <c r="BN989" s="162"/>
      <c r="BO989" s="162"/>
      <c r="BP989" s="162"/>
      <c r="BQ989" s="162"/>
      <c r="BR989" s="162"/>
      <c r="BS989" s="162"/>
      <c r="BT989" s="162"/>
      <c r="BU989" s="162"/>
      <c r="BV989" s="162"/>
      <c r="BW989" s="162"/>
      <c r="BX989" s="162"/>
      <c r="BY989" s="162"/>
      <c r="BZ989" s="162"/>
      <c r="CA989" s="162"/>
      <c r="CB989" s="162"/>
      <c r="CC989" s="162"/>
      <c r="CD989" s="162"/>
      <c r="CE989" s="162"/>
      <c r="CF989" s="162"/>
      <c r="CG989" s="162"/>
      <c r="CH989" s="162"/>
      <c r="CI989" s="162"/>
      <c r="CJ989" s="162"/>
      <c r="CK989" s="162"/>
      <c r="CX989" s="98"/>
      <c r="DL989" s="97"/>
      <c r="DX989" s="98"/>
      <c r="EL989" s="97"/>
      <c r="EX989" s="98"/>
      <c r="EY989" s="97"/>
      <c r="FL989" s="126"/>
      <c r="FM989" s="91"/>
      <c r="FN989" s="91"/>
      <c r="FO989" s="91"/>
      <c r="FP989" s="91"/>
      <c r="FQ989" s="91"/>
      <c r="FR989" s="91"/>
      <c r="FS989" s="91"/>
      <c r="FT989" s="91"/>
      <c r="FU989" s="91"/>
      <c r="FV989" s="91"/>
      <c r="FW989" s="91"/>
      <c r="FX989" s="91"/>
      <c r="FY989" s="91"/>
      <c r="FZ989" s="91"/>
      <c r="GA989" s="91"/>
      <c r="GB989" s="91"/>
      <c r="GC989" s="91"/>
      <c r="GD989" s="91"/>
      <c r="GE989" s="91"/>
      <c r="GF989" s="91"/>
      <c r="GG989" s="91"/>
      <c r="GH989" s="91"/>
      <c r="GI989" s="91"/>
      <c r="GJ989" s="91"/>
      <c r="GK989" s="127"/>
      <c r="GL989" s="126"/>
      <c r="GM989" s="91"/>
      <c r="GN989" s="91"/>
      <c r="GO989" s="91"/>
      <c r="GP989" s="91"/>
      <c r="GQ989" s="91"/>
      <c r="GR989" s="91"/>
      <c r="GS989" s="91"/>
      <c r="GT989" s="91"/>
      <c r="GU989" s="91"/>
      <c r="GV989" s="91"/>
      <c r="GW989" s="91"/>
      <c r="GX989" s="91"/>
      <c r="GY989" s="91"/>
      <c r="GZ989" s="91"/>
      <c r="HA989" s="91"/>
      <c r="HB989" s="91"/>
      <c r="HC989" s="91"/>
      <c r="HD989" s="91"/>
      <c r="HE989" s="91"/>
      <c r="HF989" s="91"/>
      <c r="HG989" s="91"/>
      <c r="HH989" s="91"/>
      <c r="HI989" s="91"/>
      <c r="HJ989" s="91"/>
      <c r="HK989" s="127"/>
      <c r="HL989" s="126"/>
      <c r="HM989" s="91"/>
      <c r="HN989" s="91"/>
      <c r="HO989" s="91"/>
      <c r="HP989" s="91"/>
      <c r="HQ989" s="91"/>
      <c r="HR989" s="91"/>
      <c r="HS989" s="91"/>
      <c r="HT989" s="91"/>
      <c r="HU989" s="91"/>
      <c r="HV989" s="91"/>
      <c r="HW989" s="91"/>
      <c r="HX989" s="91"/>
      <c r="HY989" s="91"/>
      <c r="HZ989" s="91"/>
      <c r="IA989" s="91"/>
      <c r="IB989" s="91"/>
      <c r="IC989" s="91"/>
      <c r="ID989" s="91"/>
      <c r="IE989" s="91"/>
      <c r="IF989" s="91"/>
      <c r="IG989" s="91"/>
      <c r="IH989" s="91"/>
      <c r="II989" s="91"/>
      <c r="IJ989" s="91"/>
      <c r="IK989" s="127"/>
    </row>
    <row r="990" spans="2:245" x14ac:dyDescent="0.2">
      <c r="B990" s="43"/>
      <c r="C990" s="73"/>
      <c r="D990" s="64"/>
      <c r="E990" s="64"/>
      <c r="F990" s="55"/>
      <c r="G990" s="102"/>
      <c r="H990" s="55"/>
      <c r="I990" s="55"/>
      <c r="J990" s="55"/>
      <c r="K990" s="55"/>
      <c r="L990" s="55"/>
      <c r="M990" s="55"/>
      <c r="N990" s="55"/>
      <c r="O990" s="55"/>
      <c r="P990" s="55"/>
      <c r="Q990" s="55"/>
      <c r="R990" s="55"/>
      <c r="S990" s="55"/>
      <c r="T990" s="55"/>
      <c r="U990" s="55"/>
      <c r="V990" s="55"/>
      <c r="W990" s="55"/>
      <c r="X990" s="55"/>
      <c r="Y990" s="55"/>
      <c r="Z990" s="55"/>
      <c r="AA990" s="55"/>
      <c r="AB990" s="55"/>
      <c r="AC990" s="55"/>
      <c r="AD990" s="55"/>
      <c r="AE990" s="55"/>
      <c r="AF990" s="55"/>
      <c r="AG990" s="55"/>
      <c r="AY990" s="162"/>
      <c r="AZ990" s="162"/>
      <c r="BA990" s="162"/>
      <c r="BB990" s="162"/>
      <c r="BC990" s="162"/>
      <c r="BD990" s="162"/>
      <c r="BE990" s="162"/>
      <c r="BF990" s="162"/>
      <c r="BG990" s="162"/>
      <c r="BH990" s="162"/>
      <c r="BI990" s="162"/>
      <c r="BJ990" s="162"/>
      <c r="BK990" s="162"/>
      <c r="BL990" s="162"/>
      <c r="BM990" s="162"/>
      <c r="BN990" s="162"/>
      <c r="BO990" s="162"/>
      <c r="BP990" s="162"/>
      <c r="BQ990" s="162"/>
      <c r="BR990" s="162"/>
      <c r="BS990" s="162"/>
      <c r="BT990" s="162"/>
      <c r="BU990" s="162"/>
      <c r="BV990" s="162"/>
      <c r="BW990" s="162"/>
      <c r="BX990" s="162"/>
      <c r="BY990" s="162"/>
      <c r="BZ990" s="162"/>
      <c r="CA990" s="162"/>
      <c r="CB990" s="162"/>
      <c r="CC990" s="162"/>
      <c r="CD990" s="162"/>
      <c r="CE990" s="162"/>
      <c r="CF990" s="162"/>
      <c r="CG990" s="162"/>
      <c r="CH990" s="162"/>
      <c r="CI990" s="162"/>
      <c r="CJ990" s="162"/>
      <c r="CK990" s="162"/>
      <c r="CX990" s="98"/>
      <c r="DL990" s="97"/>
      <c r="DX990" s="98"/>
      <c r="EL990" s="97"/>
      <c r="EX990" s="98"/>
      <c r="EY990" s="97"/>
      <c r="FL990" s="126"/>
      <c r="FM990" s="91"/>
      <c r="FN990" s="91"/>
      <c r="FO990" s="91"/>
      <c r="FP990" s="91"/>
      <c r="FQ990" s="91"/>
      <c r="FR990" s="91"/>
      <c r="FS990" s="91"/>
      <c r="FT990" s="91"/>
      <c r="FU990" s="91"/>
      <c r="FV990" s="91"/>
      <c r="FW990" s="91"/>
      <c r="FX990" s="91"/>
      <c r="FY990" s="91"/>
      <c r="FZ990" s="91"/>
      <c r="GA990" s="91"/>
      <c r="GB990" s="91"/>
      <c r="GC990" s="91"/>
      <c r="GD990" s="91"/>
      <c r="GE990" s="91"/>
      <c r="GF990" s="91"/>
      <c r="GG990" s="91"/>
      <c r="GH990" s="91"/>
      <c r="GI990" s="91"/>
      <c r="GJ990" s="91"/>
      <c r="GK990" s="127"/>
      <c r="GL990" s="126"/>
      <c r="GM990" s="91"/>
      <c r="GN990" s="91"/>
      <c r="GO990" s="91"/>
      <c r="GP990" s="91"/>
      <c r="GQ990" s="91"/>
      <c r="GR990" s="91"/>
      <c r="GS990" s="91"/>
      <c r="GT990" s="91"/>
      <c r="GU990" s="91"/>
      <c r="GV990" s="91"/>
      <c r="GW990" s="91"/>
      <c r="GX990" s="91"/>
      <c r="GY990" s="91"/>
      <c r="GZ990" s="91"/>
      <c r="HA990" s="91"/>
      <c r="HB990" s="91"/>
      <c r="HC990" s="91"/>
      <c r="HD990" s="91"/>
      <c r="HE990" s="91"/>
      <c r="HF990" s="91"/>
      <c r="HG990" s="91"/>
      <c r="HH990" s="91"/>
      <c r="HI990" s="91"/>
      <c r="HJ990" s="91"/>
      <c r="HK990" s="127"/>
      <c r="HL990" s="126"/>
      <c r="HM990" s="91"/>
      <c r="HN990" s="91"/>
      <c r="HO990" s="91"/>
      <c r="HP990" s="91"/>
      <c r="HQ990" s="91"/>
      <c r="HR990" s="91"/>
      <c r="HS990" s="91"/>
      <c r="HT990" s="91"/>
      <c r="HU990" s="91"/>
      <c r="HV990" s="91"/>
      <c r="HW990" s="91"/>
      <c r="HX990" s="91"/>
      <c r="HY990" s="91"/>
      <c r="HZ990" s="91"/>
      <c r="IA990" s="91"/>
      <c r="IB990" s="91"/>
      <c r="IC990" s="91"/>
      <c r="ID990" s="91"/>
      <c r="IE990" s="91"/>
      <c r="IF990" s="91"/>
      <c r="IG990" s="91"/>
      <c r="IH990" s="91"/>
      <c r="II990" s="91"/>
      <c r="IJ990" s="91"/>
      <c r="IK990" s="127"/>
    </row>
    <row r="991" spans="2:245" x14ac:dyDescent="0.2">
      <c r="B991" s="43"/>
      <c r="C991" s="73"/>
      <c r="D991" s="64"/>
      <c r="E991" s="64"/>
      <c r="F991" s="55"/>
      <c r="G991" s="102"/>
      <c r="H991" s="55"/>
      <c r="I991" s="55"/>
      <c r="J991" s="55"/>
      <c r="K991" s="55"/>
      <c r="L991" s="55"/>
      <c r="M991" s="55"/>
      <c r="N991" s="55"/>
      <c r="O991" s="55"/>
      <c r="P991" s="55"/>
      <c r="Q991" s="55"/>
      <c r="R991" s="55"/>
      <c r="S991" s="55"/>
      <c r="T991" s="55"/>
      <c r="U991" s="55"/>
      <c r="V991" s="55"/>
      <c r="W991" s="55"/>
      <c r="X991" s="55"/>
      <c r="Y991" s="55"/>
      <c r="Z991" s="55"/>
      <c r="AA991" s="55"/>
      <c r="AB991" s="55"/>
      <c r="AC991" s="55"/>
      <c r="AD991" s="55"/>
      <c r="AE991" s="55"/>
      <c r="AF991" s="55"/>
      <c r="AG991" s="55"/>
      <c r="AY991" s="162"/>
      <c r="AZ991" s="162"/>
      <c r="BA991" s="162"/>
      <c r="BB991" s="162"/>
      <c r="BC991" s="162"/>
      <c r="BD991" s="162"/>
      <c r="BE991" s="162"/>
      <c r="BF991" s="162"/>
      <c r="BG991" s="162"/>
      <c r="BH991" s="162"/>
      <c r="BI991" s="162"/>
      <c r="BJ991" s="162"/>
      <c r="BK991" s="162"/>
      <c r="BL991" s="162"/>
      <c r="BM991" s="162"/>
      <c r="BN991" s="162"/>
      <c r="BO991" s="162"/>
      <c r="BP991" s="162"/>
      <c r="BQ991" s="162"/>
      <c r="BR991" s="162"/>
      <c r="BS991" s="162"/>
      <c r="BT991" s="162"/>
      <c r="BU991" s="162"/>
      <c r="BV991" s="162"/>
      <c r="BW991" s="162"/>
      <c r="BX991" s="162"/>
      <c r="BY991" s="162"/>
      <c r="BZ991" s="162"/>
      <c r="CA991" s="162"/>
      <c r="CB991" s="162"/>
      <c r="CC991" s="162"/>
      <c r="CD991" s="162"/>
      <c r="CE991" s="162"/>
      <c r="CF991" s="162"/>
      <c r="CG991" s="162"/>
      <c r="CH991" s="162"/>
      <c r="CI991" s="162"/>
      <c r="CJ991" s="162"/>
      <c r="CK991" s="162"/>
      <c r="CX991" s="98"/>
      <c r="DL991" s="97"/>
      <c r="DX991" s="98"/>
      <c r="EL991" s="97"/>
      <c r="EX991" s="98"/>
      <c r="EY991" s="97"/>
      <c r="FL991" s="126"/>
      <c r="FM991" s="91"/>
      <c r="FN991" s="91"/>
      <c r="FO991" s="91"/>
      <c r="FP991" s="91"/>
      <c r="FQ991" s="91"/>
      <c r="FR991" s="91"/>
      <c r="FS991" s="91"/>
      <c r="FT991" s="91"/>
      <c r="FU991" s="91"/>
      <c r="FV991" s="91"/>
      <c r="FW991" s="91"/>
      <c r="FX991" s="91"/>
      <c r="FY991" s="91"/>
      <c r="FZ991" s="91"/>
      <c r="GA991" s="91"/>
      <c r="GB991" s="91"/>
      <c r="GC991" s="91"/>
      <c r="GD991" s="91"/>
      <c r="GE991" s="91"/>
      <c r="GF991" s="91"/>
      <c r="GG991" s="91"/>
      <c r="GH991" s="91"/>
      <c r="GI991" s="91"/>
      <c r="GJ991" s="91"/>
      <c r="GK991" s="127"/>
      <c r="GL991" s="126"/>
      <c r="GM991" s="91"/>
      <c r="GN991" s="91"/>
      <c r="GO991" s="91"/>
      <c r="GP991" s="91"/>
      <c r="GQ991" s="91"/>
      <c r="GR991" s="91"/>
      <c r="GS991" s="91"/>
      <c r="GT991" s="91"/>
      <c r="GU991" s="91"/>
      <c r="GV991" s="91"/>
      <c r="GW991" s="91"/>
      <c r="GX991" s="91"/>
      <c r="GY991" s="91"/>
      <c r="GZ991" s="91"/>
      <c r="HA991" s="91"/>
      <c r="HB991" s="91"/>
      <c r="HC991" s="91"/>
      <c r="HD991" s="91"/>
      <c r="HE991" s="91"/>
      <c r="HF991" s="91"/>
      <c r="HG991" s="91"/>
      <c r="HH991" s="91"/>
      <c r="HI991" s="91"/>
      <c r="HJ991" s="91"/>
      <c r="HK991" s="127"/>
      <c r="HL991" s="126"/>
      <c r="HM991" s="91"/>
      <c r="HN991" s="91"/>
      <c r="HO991" s="91"/>
      <c r="HP991" s="91"/>
      <c r="HQ991" s="91"/>
      <c r="HR991" s="91"/>
      <c r="HS991" s="91"/>
      <c r="HT991" s="91"/>
      <c r="HU991" s="91"/>
      <c r="HV991" s="91"/>
      <c r="HW991" s="91"/>
      <c r="HX991" s="91"/>
      <c r="HY991" s="91"/>
      <c r="HZ991" s="91"/>
      <c r="IA991" s="91"/>
      <c r="IB991" s="91"/>
      <c r="IC991" s="91"/>
      <c r="ID991" s="91"/>
      <c r="IE991" s="91"/>
      <c r="IF991" s="91"/>
      <c r="IG991" s="91"/>
      <c r="IH991" s="91"/>
      <c r="II991" s="91"/>
      <c r="IJ991" s="91"/>
      <c r="IK991" s="127"/>
    </row>
    <row r="992" spans="2:245" x14ac:dyDescent="0.2">
      <c r="B992" s="43"/>
      <c r="C992" s="73"/>
      <c r="D992" s="64"/>
      <c r="E992" s="64"/>
      <c r="F992" s="55"/>
      <c r="G992" s="102"/>
      <c r="H992" s="55"/>
      <c r="I992" s="55"/>
      <c r="J992" s="55"/>
      <c r="K992" s="55"/>
      <c r="L992" s="55"/>
      <c r="M992" s="55"/>
      <c r="N992" s="55"/>
      <c r="O992" s="55"/>
      <c r="P992" s="55"/>
      <c r="Q992" s="55"/>
      <c r="R992" s="55"/>
      <c r="S992" s="55"/>
      <c r="T992" s="55"/>
      <c r="U992" s="55"/>
      <c r="V992" s="55"/>
      <c r="W992" s="55"/>
      <c r="X992" s="55"/>
      <c r="Y992" s="55"/>
      <c r="Z992" s="55"/>
      <c r="AA992" s="55"/>
      <c r="AB992" s="55"/>
      <c r="AC992" s="55"/>
      <c r="AD992" s="55"/>
      <c r="AE992" s="55"/>
      <c r="AF992" s="55"/>
      <c r="AG992" s="55"/>
      <c r="AY992" s="162"/>
      <c r="AZ992" s="162"/>
      <c r="BA992" s="162"/>
      <c r="BB992" s="162"/>
      <c r="BC992" s="162"/>
      <c r="BD992" s="162"/>
      <c r="BE992" s="162"/>
      <c r="BF992" s="162"/>
      <c r="BG992" s="162"/>
      <c r="BH992" s="162"/>
      <c r="BI992" s="162"/>
      <c r="BJ992" s="162"/>
      <c r="BK992" s="162"/>
      <c r="BL992" s="162"/>
      <c r="BM992" s="162"/>
      <c r="BN992" s="162"/>
      <c r="BO992" s="162"/>
      <c r="BP992" s="162"/>
      <c r="BQ992" s="162"/>
      <c r="BR992" s="162"/>
      <c r="BS992" s="162"/>
      <c r="BT992" s="162"/>
      <c r="BU992" s="162"/>
      <c r="BV992" s="162"/>
      <c r="BW992" s="162"/>
      <c r="BX992" s="162"/>
      <c r="BY992" s="162"/>
      <c r="BZ992" s="162"/>
      <c r="CA992" s="162"/>
      <c r="CB992" s="162"/>
      <c r="CC992" s="162"/>
      <c r="CD992" s="162"/>
      <c r="CE992" s="162"/>
      <c r="CF992" s="162"/>
      <c r="CG992" s="162"/>
      <c r="CH992" s="162"/>
      <c r="CI992" s="162"/>
      <c r="CJ992" s="162"/>
      <c r="CK992" s="162"/>
      <c r="CX992" s="98"/>
      <c r="DL992" s="97"/>
      <c r="DX992" s="98"/>
      <c r="EL992" s="97"/>
      <c r="EX992" s="98"/>
      <c r="EY992" s="97"/>
      <c r="FL992" s="126"/>
      <c r="FM992" s="91"/>
      <c r="FN992" s="91"/>
      <c r="FO992" s="91"/>
      <c r="FP992" s="91"/>
      <c r="FQ992" s="91"/>
      <c r="FR992" s="91"/>
      <c r="FS992" s="91"/>
      <c r="FT992" s="91"/>
      <c r="FU992" s="91"/>
      <c r="FV992" s="91"/>
      <c r="FW992" s="91"/>
      <c r="FX992" s="91"/>
      <c r="FY992" s="91"/>
      <c r="FZ992" s="91"/>
      <c r="GA992" s="91"/>
      <c r="GB992" s="91"/>
      <c r="GC992" s="91"/>
      <c r="GD992" s="91"/>
      <c r="GE992" s="91"/>
      <c r="GF992" s="91"/>
      <c r="GG992" s="91"/>
      <c r="GH992" s="91"/>
      <c r="GI992" s="91"/>
      <c r="GJ992" s="91"/>
      <c r="GK992" s="127"/>
      <c r="GL992" s="126"/>
      <c r="GM992" s="91"/>
      <c r="GN992" s="91"/>
      <c r="GO992" s="91"/>
      <c r="GP992" s="91"/>
      <c r="GQ992" s="91"/>
      <c r="GR992" s="91"/>
      <c r="GS992" s="91"/>
      <c r="GT992" s="91"/>
      <c r="GU992" s="91"/>
      <c r="GV992" s="91"/>
      <c r="GW992" s="91"/>
      <c r="GX992" s="91"/>
      <c r="GY992" s="91"/>
      <c r="GZ992" s="91"/>
      <c r="HA992" s="91"/>
      <c r="HB992" s="91"/>
      <c r="HC992" s="91"/>
      <c r="HD992" s="91"/>
      <c r="HE992" s="91"/>
      <c r="HF992" s="91"/>
      <c r="HG992" s="91"/>
      <c r="HH992" s="91"/>
      <c r="HI992" s="91"/>
      <c r="HJ992" s="91"/>
      <c r="HK992" s="127"/>
      <c r="HL992" s="126"/>
      <c r="HM992" s="91"/>
      <c r="HN992" s="91"/>
      <c r="HO992" s="91"/>
      <c r="HP992" s="91"/>
      <c r="HQ992" s="91"/>
      <c r="HR992" s="91"/>
      <c r="HS992" s="91"/>
      <c r="HT992" s="91"/>
      <c r="HU992" s="91"/>
      <c r="HV992" s="91"/>
      <c r="HW992" s="91"/>
      <c r="HX992" s="91"/>
      <c r="HY992" s="91"/>
      <c r="HZ992" s="91"/>
      <c r="IA992" s="91"/>
      <c r="IB992" s="91"/>
      <c r="IC992" s="91"/>
      <c r="ID992" s="91"/>
      <c r="IE992" s="91"/>
      <c r="IF992" s="91"/>
      <c r="IG992" s="91"/>
      <c r="IH992" s="91"/>
      <c r="II992" s="91"/>
      <c r="IJ992" s="91"/>
      <c r="IK992" s="127"/>
    </row>
    <row r="993" spans="2:245" x14ac:dyDescent="0.2">
      <c r="B993" s="43"/>
      <c r="C993" s="73"/>
      <c r="D993" s="64"/>
      <c r="E993" s="64"/>
      <c r="F993" s="55"/>
      <c r="G993" s="102"/>
      <c r="H993" s="55"/>
      <c r="I993" s="55"/>
      <c r="J993" s="55"/>
      <c r="K993" s="55"/>
      <c r="L993" s="55"/>
      <c r="M993" s="55"/>
      <c r="N993" s="55"/>
      <c r="O993" s="55"/>
      <c r="P993" s="55"/>
      <c r="Q993" s="55"/>
      <c r="R993" s="55"/>
      <c r="S993" s="55"/>
      <c r="T993" s="55"/>
      <c r="U993" s="55"/>
      <c r="V993" s="55"/>
      <c r="W993" s="55"/>
      <c r="X993" s="55"/>
      <c r="Y993" s="55"/>
      <c r="Z993" s="55"/>
      <c r="AA993" s="55"/>
      <c r="AB993" s="55"/>
      <c r="AC993" s="55"/>
      <c r="AD993" s="55"/>
      <c r="AE993" s="55"/>
      <c r="AF993" s="55"/>
      <c r="AG993" s="55"/>
      <c r="AY993" s="162"/>
      <c r="AZ993" s="162"/>
      <c r="BA993" s="162"/>
      <c r="BB993" s="162"/>
      <c r="BC993" s="162"/>
      <c r="BD993" s="162"/>
      <c r="BE993" s="162"/>
      <c r="BF993" s="162"/>
      <c r="BG993" s="162"/>
      <c r="BH993" s="162"/>
      <c r="BI993" s="162"/>
      <c r="BJ993" s="162"/>
      <c r="BK993" s="162"/>
      <c r="BL993" s="162"/>
      <c r="BM993" s="162"/>
      <c r="BN993" s="162"/>
      <c r="BO993" s="162"/>
      <c r="BP993" s="162"/>
      <c r="BQ993" s="162"/>
      <c r="BR993" s="162"/>
      <c r="BS993" s="162"/>
      <c r="BT993" s="162"/>
      <c r="BU993" s="162"/>
      <c r="BV993" s="162"/>
      <c r="BW993" s="162"/>
      <c r="BX993" s="162"/>
      <c r="BY993" s="162"/>
      <c r="BZ993" s="162"/>
      <c r="CA993" s="162"/>
      <c r="CB993" s="162"/>
      <c r="CC993" s="162"/>
      <c r="CD993" s="162"/>
      <c r="CE993" s="162"/>
      <c r="CF993" s="162"/>
      <c r="CG993" s="162"/>
      <c r="CH993" s="162"/>
      <c r="CI993" s="162"/>
      <c r="CJ993" s="162"/>
      <c r="CK993" s="162"/>
      <c r="CX993" s="98"/>
      <c r="DL993" s="97"/>
      <c r="DX993" s="98"/>
      <c r="EL993" s="97"/>
      <c r="EX993" s="98"/>
      <c r="EY993" s="97"/>
      <c r="FL993" s="126"/>
      <c r="FM993" s="91"/>
      <c r="FN993" s="91"/>
      <c r="FO993" s="91"/>
      <c r="FP993" s="91"/>
      <c r="FQ993" s="91"/>
      <c r="FR993" s="91"/>
      <c r="FS993" s="91"/>
      <c r="FT993" s="91"/>
      <c r="FU993" s="91"/>
      <c r="FV993" s="91"/>
      <c r="FW993" s="91"/>
      <c r="FX993" s="91"/>
      <c r="FY993" s="91"/>
      <c r="FZ993" s="91"/>
      <c r="GA993" s="91"/>
      <c r="GB993" s="91"/>
      <c r="GC993" s="91"/>
      <c r="GD993" s="91"/>
      <c r="GE993" s="91"/>
      <c r="GF993" s="91"/>
      <c r="GG993" s="91"/>
      <c r="GH993" s="91"/>
      <c r="GI993" s="91"/>
      <c r="GJ993" s="91"/>
      <c r="GK993" s="127"/>
      <c r="GL993" s="126"/>
      <c r="GM993" s="91"/>
      <c r="GN993" s="91"/>
      <c r="GO993" s="91"/>
      <c r="GP993" s="91"/>
      <c r="GQ993" s="91"/>
      <c r="GR993" s="91"/>
      <c r="GS993" s="91"/>
      <c r="GT993" s="91"/>
      <c r="GU993" s="91"/>
      <c r="GV993" s="91"/>
      <c r="GW993" s="91"/>
      <c r="GX993" s="91"/>
      <c r="GY993" s="91"/>
      <c r="GZ993" s="91"/>
      <c r="HA993" s="91"/>
      <c r="HB993" s="91"/>
      <c r="HC993" s="91"/>
      <c r="HD993" s="91"/>
      <c r="HE993" s="91"/>
      <c r="HF993" s="91"/>
      <c r="HG993" s="91"/>
      <c r="HH993" s="91"/>
      <c r="HI993" s="91"/>
      <c r="HJ993" s="91"/>
      <c r="HK993" s="127"/>
      <c r="HL993" s="126"/>
      <c r="HM993" s="91"/>
      <c r="HN993" s="91"/>
      <c r="HO993" s="91"/>
      <c r="HP993" s="91"/>
      <c r="HQ993" s="91"/>
      <c r="HR993" s="91"/>
      <c r="HS993" s="91"/>
      <c r="HT993" s="91"/>
      <c r="HU993" s="91"/>
      <c r="HV993" s="91"/>
      <c r="HW993" s="91"/>
      <c r="HX993" s="91"/>
      <c r="HY993" s="91"/>
      <c r="HZ993" s="91"/>
      <c r="IA993" s="91"/>
      <c r="IB993" s="91"/>
      <c r="IC993" s="91"/>
      <c r="ID993" s="91"/>
      <c r="IE993" s="91"/>
      <c r="IF993" s="91"/>
      <c r="IG993" s="91"/>
      <c r="IH993" s="91"/>
      <c r="II993" s="91"/>
      <c r="IJ993" s="91"/>
      <c r="IK993" s="127"/>
    </row>
    <row r="994" spans="2:245" x14ac:dyDescent="0.2">
      <c r="B994" s="43"/>
      <c r="C994" s="73"/>
      <c r="D994" s="64"/>
      <c r="E994" s="64"/>
      <c r="F994" s="55"/>
      <c r="G994" s="102"/>
      <c r="H994" s="55"/>
      <c r="I994" s="55"/>
      <c r="J994" s="55"/>
      <c r="K994" s="55"/>
      <c r="L994" s="55"/>
      <c r="M994" s="55"/>
      <c r="N994" s="55"/>
      <c r="O994" s="55"/>
      <c r="P994" s="55"/>
      <c r="Q994" s="55"/>
      <c r="R994" s="55"/>
      <c r="S994" s="55"/>
      <c r="T994" s="55"/>
      <c r="U994" s="55"/>
      <c r="V994" s="55"/>
      <c r="W994" s="55"/>
      <c r="X994" s="55"/>
      <c r="Y994" s="55"/>
      <c r="Z994" s="55"/>
      <c r="AA994" s="55"/>
      <c r="AB994" s="55"/>
      <c r="AC994" s="55"/>
      <c r="AD994" s="55"/>
      <c r="AE994" s="55"/>
      <c r="AF994" s="55"/>
      <c r="AG994" s="55"/>
      <c r="AY994" s="162"/>
      <c r="AZ994" s="162"/>
      <c r="BA994" s="162"/>
      <c r="BB994" s="162"/>
      <c r="BC994" s="162"/>
      <c r="BD994" s="162"/>
      <c r="BE994" s="162"/>
      <c r="BF994" s="162"/>
      <c r="BG994" s="162"/>
      <c r="BH994" s="162"/>
      <c r="BI994" s="162"/>
      <c r="BJ994" s="162"/>
      <c r="BK994" s="162"/>
      <c r="BL994" s="162"/>
      <c r="BM994" s="162"/>
      <c r="BN994" s="162"/>
      <c r="BO994" s="162"/>
      <c r="BP994" s="162"/>
      <c r="BQ994" s="162"/>
      <c r="BR994" s="162"/>
      <c r="BS994" s="162"/>
      <c r="BT994" s="162"/>
      <c r="BU994" s="162"/>
      <c r="BV994" s="162"/>
      <c r="BW994" s="162"/>
      <c r="BX994" s="162"/>
      <c r="BY994" s="162"/>
      <c r="BZ994" s="162"/>
      <c r="CA994" s="162"/>
      <c r="CB994" s="162"/>
      <c r="CC994" s="162"/>
      <c r="CD994" s="162"/>
      <c r="CE994" s="162"/>
      <c r="CF994" s="162"/>
      <c r="CG994" s="162"/>
      <c r="CH994" s="162"/>
      <c r="CI994" s="162"/>
      <c r="CJ994" s="162"/>
      <c r="CK994" s="162"/>
      <c r="CX994" s="98"/>
      <c r="DL994" s="97"/>
      <c r="DX994" s="98"/>
      <c r="EL994" s="97"/>
      <c r="EX994" s="98"/>
      <c r="EY994" s="97"/>
      <c r="FL994" s="126"/>
      <c r="FM994" s="91"/>
      <c r="FN994" s="91"/>
      <c r="FO994" s="91"/>
      <c r="FP994" s="91"/>
      <c r="FQ994" s="91"/>
      <c r="FR994" s="91"/>
      <c r="FS994" s="91"/>
      <c r="FT994" s="91"/>
      <c r="FU994" s="91"/>
      <c r="FV994" s="91"/>
      <c r="FW994" s="91"/>
      <c r="FX994" s="91"/>
      <c r="FY994" s="91"/>
      <c r="FZ994" s="91"/>
      <c r="GA994" s="91"/>
      <c r="GB994" s="91"/>
      <c r="GC994" s="91"/>
      <c r="GD994" s="91"/>
      <c r="GE994" s="91"/>
      <c r="GF994" s="91"/>
      <c r="GG994" s="91"/>
      <c r="GH994" s="91"/>
      <c r="GI994" s="91"/>
      <c r="GJ994" s="91"/>
      <c r="GK994" s="127"/>
      <c r="GL994" s="126"/>
      <c r="GM994" s="91"/>
      <c r="GN994" s="91"/>
      <c r="GO994" s="91"/>
      <c r="GP994" s="91"/>
      <c r="GQ994" s="91"/>
      <c r="GR994" s="91"/>
      <c r="GS994" s="91"/>
      <c r="GT994" s="91"/>
      <c r="GU994" s="91"/>
      <c r="GV994" s="91"/>
      <c r="GW994" s="91"/>
      <c r="GX994" s="91"/>
      <c r="GY994" s="91"/>
      <c r="GZ994" s="91"/>
      <c r="HA994" s="91"/>
      <c r="HB994" s="91"/>
      <c r="HC994" s="91"/>
      <c r="HD994" s="91"/>
      <c r="HE994" s="91"/>
      <c r="HF994" s="91"/>
      <c r="HG994" s="91"/>
      <c r="HH994" s="91"/>
      <c r="HI994" s="91"/>
      <c r="HJ994" s="91"/>
      <c r="HK994" s="127"/>
      <c r="HL994" s="126"/>
      <c r="HM994" s="91"/>
      <c r="HN994" s="91"/>
      <c r="HO994" s="91"/>
      <c r="HP994" s="91"/>
      <c r="HQ994" s="91"/>
      <c r="HR994" s="91"/>
      <c r="HS994" s="91"/>
      <c r="HT994" s="91"/>
      <c r="HU994" s="91"/>
      <c r="HV994" s="91"/>
      <c r="HW994" s="91"/>
      <c r="HX994" s="91"/>
      <c r="HY994" s="91"/>
      <c r="HZ994" s="91"/>
      <c r="IA994" s="91"/>
      <c r="IB994" s="91"/>
      <c r="IC994" s="91"/>
      <c r="ID994" s="91"/>
      <c r="IE994" s="91"/>
      <c r="IF994" s="91"/>
      <c r="IG994" s="91"/>
      <c r="IH994" s="91"/>
      <c r="II994" s="91"/>
      <c r="IJ994" s="91"/>
      <c r="IK994" s="127"/>
    </row>
    <row r="995" spans="2:245" x14ac:dyDescent="0.2">
      <c r="B995" s="43"/>
      <c r="C995" s="73"/>
      <c r="D995" s="64"/>
      <c r="E995" s="64"/>
      <c r="F995" s="55"/>
      <c r="G995" s="102"/>
      <c r="H995" s="55"/>
      <c r="I995" s="55"/>
      <c r="J995" s="55"/>
      <c r="K995" s="55"/>
      <c r="L995" s="55"/>
      <c r="M995" s="55"/>
      <c r="N995" s="55"/>
      <c r="O995" s="55"/>
      <c r="P995" s="55"/>
      <c r="Q995" s="55"/>
      <c r="R995" s="55"/>
      <c r="S995" s="55"/>
      <c r="T995" s="55"/>
      <c r="U995" s="55"/>
      <c r="V995" s="55"/>
      <c r="W995" s="55"/>
      <c r="X995" s="55"/>
      <c r="Y995" s="55"/>
      <c r="Z995" s="55"/>
      <c r="AA995" s="55"/>
      <c r="AB995" s="55"/>
      <c r="AC995" s="55"/>
      <c r="AD995" s="55"/>
      <c r="AE995" s="55"/>
      <c r="AF995" s="55"/>
      <c r="AG995" s="55"/>
      <c r="AY995" s="162"/>
      <c r="AZ995" s="162"/>
      <c r="BA995" s="162"/>
      <c r="BB995" s="162"/>
      <c r="BC995" s="162"/>
      <c r="BD995" s="162"/>
      <c r="BE995" s="162"/>
      <c r="BF995" s="162"/>
      <c r="BG995" s="162"/>
      <c r="BH995" s="162"/>
      <c r="BI995" s="162"/>
      <c r="BJ995" s="162"/>
      <c r="BK995" s="162"/>
      <c r="BL995" s="162"/>
      <c r="BM995" s="162"/>
      <c r="BN995" s="162"/>
      <c r="BO995" s="162"/>
      <c r="BP995" s="162"/>
      <c r="BQ995" s="162"/>
      <c r="BR995" s="162"/>
      <c r="BS995" s="162"/>
      <c r="BT995" s="162"/>
      <c r="BU995" s="162"/>
      <c r="BV995" s="162"/>
      <c r="BW995" s="162"/>
      <c r="BX995" s="162"/>
      <c r="BY995" s="162"/>
      <c r="BZ995" s="162"/>
      <c r="CA995" s="162"/>
      <c r="CB995" s="162"/>
      <c r="CC995" s="162"/>
      <c r="CD995" s="162"/>
      <c r="CE995" s="162"/>
      <c r="CF995" s="162"/>
      <c r="CG995" s="162"/>
      <c r="CH995" s="162"/>
      <c r="CI995" s="162"/>
      <c r="CJ995" s="162"/>
      <c r="CK995" s="162"/>
      <c r="CX995" s="98"/>
      <c r="DL995" s="97"/>
      <c r="DX995" s="98"/>
      <c r="EL995" s="97"/>
      <c r="EX995" s="98"/>
      <c r="EY995" s="97"/>
      <c r="FL995" s="126"/>
      <c r="FM995" s="91"/>
      <c r="FN995" s="91"/>
      <c r="FO995" s="91"/>
      <c r="FP995" s="91"/>
      <c r="FQ995" s="91"/>
      <c r="FR995" s="91"/>
      <c r="FS995" s="91"/>
      <c r="FT995" s="91"/>
      <c r="FU995" s="91"/>
      <c r="FV995" s="91"/>
      <c r="FW995" s="91"/>
      <c r="FX995" s="91"/>
      <c r="FY995" s="91"/>
      <c r="FZ995" s="91"/>
      <c r="GA995" s="91"/>
      <c r="GB995" s="91"/>
      <c r="GC995" s="91"/>
      <c r="GD995" s="91"/>
      <c r="GE995" s="91"/>
      <c r="GF995" s="91"/>
      <c r="GG995" s="91"/>
      <c r="GH995" s="91"/>
      <c r="GI995" s="91"/>
      <c r="GJ995" s="91"/>
      <c r="GK995" s="127"/>
      <c r="GL995" s="126"/>
      <c r="GM995" s="91"/>
      <c r="GN995" s="91"/>
      <c r="GO995" s="91"/>
      <c r="GP995" s="91"/>
      <c r="GQ995" s="91"/>
      <c r="GR995" s="91"/>
      <c r="GS995" s="91"/>
      <c r="GT995" s="91"/>
      <c r="GU995" s="91"/>
      <c r="GV995" s="91"/>
      <c r="GW995" s="91"/>
      <c r="GX995" s="91"/>
      <c r="GY995" s="91"/>
      <c r="GZ995" s="91"/>
      <c r="HA995" s="91"/>
      <c r="HB995" s="91"/>
      <c r="HC995" s="91"/>
      <c r="HD995" s="91"/>
      <c r="HE995" s="91"/>
      <c r="HF995" s="91"/>
      <c r="HG995" s="91"/>
      <c r="HH995" s="91"/>
      <c r="HI995" s="91"/>
      <c r="HJ995" s="91"/>
      <c r="HK995" s="127"/>
      <c r="HL995" s="126"/>
      <c r="HM995" s="91"/>
      <c r="HN995" s="91"/>
      <c r="HO995" s="91"/>
      <c r="HP995" s="91"/>
      <c r="HQ995" s="91"/>
      <c r="HR995" s="91"/>
      <c r="HS995" s="91"/>
      <c r="HT995" s="91"/>
      <c r="HU995" s="91"/>
      <c r="HV995" s="91"/>
      <c r="HW995" s="91"/>
      <c r="HX995" s="91"/>
      <c r="HY995" s="91"/>
      <c r="HZ995" s="91"/>
      <c r="IA995" s="91"/>
      <c r="IB995" s="91"/>
      <c r="IC995" s="91"/>
      <c r="ID995" s="91"/>
      <c r="IE995" s="91"/>
      <c r="IF995" s="91"/>
      <c r="IG995" s="91"/>
      <c r="IH995" s="91"/>
      <c r="II995" s="91"/>
      <c r="IJ995" s="91"/>
      <c r="IK995" s="127"/>
    </row>
    <row r="996" spans="2:245" x14ac:dyDescent="0.2">
      <c r="B996" s="43"/>
      <c r="C996" s="73"/>
      <c r="D996" s="64"/>
      <c r="E996" s="64"/>
      <c r="F996" s="55"/>
      <c r="G996" s="102"/>
      <c r="H996" s="55"/>
      <c r="I996" s="55"/>
      <c r="J996" s="55"/>
      <c r="K996" s="55"/>
      <c r="L996" s="55"/>
      <c r="M996" s="55"/>
      <c r="N996" s="55"/>
      <c r="O996" s="55"/>
      <c r="P996" s="55"/>
      <c r="Q996" s="55"/>
      <c r="R996" s="55"/>
      <c r="S996" s="55"/>
      <c r="T996" s="55"/>
      <c r="U996" s="55"/>
      <c r="V996" s="55"/>
      <c r="W996" s="55"/>
      <c r="X996" s="55"/>
      <c r="Y996" s="55"/>
      <c r="Z996" s="55"/>
      <c r="AA996" s="55"/>
      <c r="AB996" s="55"/>
      <c r="AC996" s="55"/>
      <c r="AD996" s="55"/>
      <c r="AE996" s="55"/>
      <c r="AF996" s="55"/>
      <c r="AG996" s="55"/>
      <c r="AY996" s="162"/>
      <c r="AZ996" s="162"/>
      <c r="BA996" s="162"/>
      <c r="BB996" s="162"/>
      <c r="BC996" s="162"/>
      <c r="BD996" s="162"/>
      <c r="BE996" s="162"/>
      <c r="BF996" s="162"/>
      <c r="BG996" s="162"/>
      <c r="BH996" s="162"/>
      <c r="BI996" s="162"/>
      <c r="BJ996" s="162"/>
      <c r="BK996" s="162"/>
      <c r="BL996" s="162"/>
      <c r="BM996" s="162"/>
      <c r="BN996" s="162"/>
      <c r="BO996" s="162"/>
      <c r="BP996" s="162"/>
      <c r="BQ996" s="162"/>
      <c r="BR996" s="162"/>
      <c r="BS996" s="162"/>
      <c r="BT996" s="162"/>
      <c r="BU996" s="162"/>
      <c r="BV996" s="162"/>
      <c r="BW996" s="162"/>
      <c r="BX996" s="162"/>
      <c r="BY996" s="162"/>
      <c r="BZ996" s="162"/>
      <c r="CA996" s="162"/>
      <c r="CB996" s="162"/>
      <c r="CC996" s="162"/>
      <c r="CD996" s="162"/>
      <c r="CE996" s="162"/>
      <c r="CF996" s="162"/>
      <c r="CG996" s="162"/>
      <c r="CH996" s="162"/>
      <c r="CI996" s="162"/>
      <c r="CJ996" s="162"/>
      <c r="CK996" s="162"/>
      <c r="CX996" s="98"/>
      <c r="DL996" s="97"/>
      <c r="DX996" s="98"/>
      <c r="EL996" s="97"/>
      <c r="EX996" s="98"/>
      <c r="EY996" s="97"/>
      <c r="FL996" s="126"/>
      <c r="FM996" s="91"/>
      <c r="FN996" s="91"/>
      <c r="FO996" s="91"/>
      <c r="FP996" s="91"/>
      <c r="FQ996" s="91"/>
      <c r="FR996" s="91"/>
      <c r="FS996" s="91"/>
      <c r="FT996" s="91"/>
      <c r="FU996" s="91"/>
      <c r="FV996" s="91"/>
      <c r="FW996" s="91"/>
      <c r="FX996" s="91"/>
      <c r="FY996" s="91"/>
      <c r="FZ996" s="91"/>
      <c r="GA996" s="91"/>
      <c r="GB996" s="91"/>
      <c r="GC996" s="91"/>
      <c r="GD996" s="91"/>
      <c r="GE996" s="91"/>
      <c r="GF996" s="91"/>
      <c r="GG996" s="91"/>
      <c r="GH996" s="91"/>
      <c r="GI996" s="91"/>
      <c r="GJ996" s="91"/>
      <c r="GK996" s="127"/>
      <c r="GL996" s="126"/>
      <c r="GM996" s="91"/>
      <c r="GN996" s="91"/>
      <c r="GO996" s="91"/>
      <c r="GP996" s="91"/>
      <c r="GQ996" s="91"/>
      <c r="GR996" s="91"/>
      <c r="GS996" s="91"/>
      <c r="GT996" s="91"/>
      <c r="GU996" s="91"/>
      <c r="GV996" s="91"/>
      <c r="GW996" s="91"/>
      <c r="GX996" s="91"/>
      <c r="GY996" s="91"/>
      <c r="GZ996" s="91"/>
      <c r="HA996" s="91"/>
      <c r="HB996" s="91"/>
      <c r="HC996" s="91"/>
      <c r="HD996" s="91"/>
      <c r="HE996" s="91"/>
      <c r="HF996" s="91"/>
      <c r="HG996" s="91"/>
      <c r="HH996" s="91"/>
      <c r="HI996" s="91"/>
      <c r="HJ996" s="91"/>
      <c r="HK996" s="127"/>
      <c r="HL996" s="126"/>
      <c r="HM996" s="91"/>
      <c r="HN996" s="91"/>
      <c r="HO996" s="91"/>
      <c r="HP996" s="91"/>
      <c r="HQ996" s="91"/>
      <c r="HR996" s="91"/>
      <c r="HS996" s="91"/>
      <c r="HT996" s="91"/>
      <c r="HU996" s="91"/>
      <c r="HV996" s="91"/>
      <c r="HW996" s="91"/>
      <c r="HX996" s="91"/>
      <c r="HY996" s="91"/>
      <c r="HZ996" s="91"/>
      <c r="IA996" s="91"/>
      <c r="IB996" s="91"/>
      <c r="IC996" s="91"/>
      <c r="ID996" s="91"/>
      <c r="IE996" s="91"/>
      <c r="IF996" s="91"/>
      <c r="IG996" s="91"/>
      <c r="IH996" s="91"/>
      <c r="II996" s="91"/>
      <c r="IJ996" s="91"/>
      <c r="IK996" s="127"/>
    </row>
    <row r="997" spans="2:245" x14ac:dyDescent="0.2">
      <c r="B997" s="43"/>
      <c r="C997" s="73"/>
      <c r="D997" s="64"/>
      <c r="E997" s="64"/>
      <c r="F997" s="55"/>
      <c r="G997" s="102"/>
      <c r="H997" s="55"/>
      <c r="I997" s="55"/>
      <c r="J997" s="55"/>
      <c r="K997" s="55"/>
      <c r="L997" s="55"/>
      <c r="M997" s="55"/>
      <c r="N997" s="55"/>
      <c r="O997" s="55"/>
      <c r="P997" s="55"/>
      <c r="Q997" s="55"/>
      <c r="R997" s="55"/>
      <c r="S997" s="55"/>
      <c r="T997" s="55"/>
      <c r="U997" s="55"/>
      <c r="V997" s="55"/>
      <c r="W997" s="55"/>
      <c r="X997" s="55"/>
      <c r="Y997" s="55"/>
      <c r="Z997" s="55"/>
      <c r="AA997" s="55"/>
      <c r="AB997" s="55"/>
      <c r="AC997" s="55"/>
      <c r="AD997" s="55"/>
      <c r="AE997" s="55"/>
      <c r="AF997" s="55"/>
      <c r="AG997" s="55"/>
      <c r="AY997" s="162"/>
      <c r="AZ997" s="162"/>
      <c r="BA997" s="162"/>
      <c r="BB997" s="162"/>
      <c r="BC997" s="162"/>
      <c r="BD997" s="162"/>
      <c r="BE997" s="162"/>
      <c r="BF997" s="162"/>
      <c r="BG997" s="162"/>
      <c r="BH997" s="162"/>
      <c r="BI997" s="162"/>
      <c r="BJ997" s="162"/>
      <c r="BK997" s="162"/>
      <c r="BL997" s="162"/>
      <c r="BM997" s="162"/>
      <c r="BN997" s="162"/>
      <c r="BO997" s="162"/>
      <c r="BP997" s="162"/>
      <c r="BQ997" s="162"/>
      <c r="BR997" s="162"/>
      <c r="BS997" s="162"/>
      <c r="BT997" s="162"/>
      <c r="BU997" s="162"/>
      <c r="BV997" s="162"/>
      <c r="BW997" s="162"/>
      <c r="BX997" s="162"/>
      <c r="BY997" s="162"/>
      <c r="BZ997" s="162"/>
      <c r="CA997" s="162"/>
      <c r="CB997" s="162"/>
      <c r="CC997" s="162"/>
      <c r="CD997" s="162"/>
      <c r="CE997" s="162"/>
      <c r="CF997" s="162"/>
      <c r="CG997" s="162"/>
      <c r="CH997" s="162"/>
      <c r="CI997" s="162"/>
      <c r="CJ997" s="162"/>
      <c r="CK997" s="162"/>
      <c r="CX997" s="98"/>
      <c r="DL997" s="97"/>
      <c r="DX997" s="98"/>
      <c r="EL997" s="97"/>
      <c r="EX997" s="98"/>
      <c r="EY997" s="97"/>
      <c r="FL997" s="126"/>
      <c r="FM997" s="91"/>
      <c r="FN997" s="91"/>
      <c r="FO997" s="91"/>
      <c r="FP997" s="91"/>
      <c r="FQ997" s="91"/>
      <c r="FR997" s="91"/>
      <c r="FS997" s="91"/>
      <c r="FT997" s="91"/>
      <c r="FU997" s="91"/>
      <c r="FV997" s="91"/>
      <c r="FW997" s="91"/>
      <c r="FX997" s="91"/>
      <c r="FY997" s="91"/>
      <c r="FZ997" s="91"/>
      <c r="GA997" s="91"/>
      <c r="GB997" s="91"/>
      <c r="GC997" s="91"/>
      <c r="GD997" s="91"/>
      <c r="GE997" s="91"/>
      <c r="GF997" s="91"/>
      <c r="GG997" s="91"/>
      <c r="GH997" s="91"/>
      <c r="GI997" s="91"/>
      <c r="GJ997" s="91"/>
      <c r="GK997" s="127"/>
      <c r="GL997" s="126"/>
      <c r="GM997" s="91"/>
      <c r="GN997" s="91"/>
      <c r="GO997" s="91"/>
      <c r="GP997" s="91"/>
      <c r="GQ997" s="91"/>
      <c r="GR997" s="91"/>
      <c r="GS997" s="91"/>
      <c r="GT997" s="91"/>
      <c r="GU997" s="91"/>
      <c r="GV997" s="91"/>
      <c r="GW997" s="91"/>
      <c r="GX997" s="91"/>
      <c r="GY997" s="91"/>
      <c r="GZ997" s="91"/>
      <c r="HA997" s="91"/>
      <c r="HB997" s="91"/>
      <c r="HC997" s="91"/>
      <c r="HD997" s="91"/>
      <c r="HE997" s="91"/>
      <c r="HF997" s="91"/>
      <c r="HG997" s="91"/>
      <c r="HH997" s="91"/>
      <c r="HI997" s="91"/>
      <c r="HJ997" s="91"/>
      <c r="HK997" s="127"/>
      <c r="HL997" s="126"/>
      <c r="HM997" s="91"/>
      <c r="HN997" s="91"/>
      <c r="HO997" s="91"/>
      <c r="HP997" s="91"/>
      <c r="HQ997" s="91"/>
      <c r="HR997" s="91"/>
      <c r="HS997" s="91"/>
      <c r="HT997" s="91"/>
      <c r="HU997" s="91"/>
      <c r="HV997" s="91"/>
      <c r="HW997" s="91"/>
      <c r="HX997" s="91"/>
      <c r="HY997" s="91"/>
      <c r="HZ997" s="91"/>
      <c r="IA997" s="91"/>
      <c r="IB997" s="91"/>
      <c r="IC997" s="91"/>
      <c r="ID997" s="91"/>
      <c r="IE997" s="91"/>
      <c r="IF997" s="91"/>
      <c r="IG997" s="91"/>
      <c r="IH997" s="91"/>
      <c r="II997" s="91"/>
      <c r="IJ997" s="91"/>
      <c r="IK997" s="127"/>
    </row>
    <row r="998" spans="2:245" x14ac:dyDescent="0.2">
      <c r="B998" s="43"/>
      <c r="C998" s="73"/>
      <c r="D998" s="64"/>
      <c r="E998" s="64"/>
      <c r="F998" s="55"/>
      <c r="G998" s="102"/>
      <c r="H998" s="55"/>
      <c r="I998" s="55"/>
      <c r="J998" s="55"/>
      <c r="K998" s="55"/>
      <c r="L998" s="55"/>
      <c r="M998" s="55"/>
      <c r="N998" s="55"/>
      <c r="O998" s="55"/>
      <c r="P998" s="55"/>
      <c r="Q998" s="55"/>
      <c r="R998" s="55"/>
      <c r="S998" s="55"/>
      <c r="T998" s="55"/>
      <c r="U998" s="55"/>
      <c r="V998" s="55"/>
      <c r="W998" s="55"/>
      <c r="X998" s="55"/>
      <c r="Y998" s="55"/>
      <c r="Z998" s="55"/>
      <c r="AA998" s="55"/>
      <c r="AB998" s="55"/>
      <c r="AC998" s="55"/>
      <c r="AD998" s="55"/>
      <c r="AE998" s="55"/>
      <c r="AF998" s="55"/>
      <c r="AG998" s="55"/>
      <c r="AY998" s="162"/>
      <c r="AZ998" s="162"/>
      <c r="BA998" s="162"/>
      <c r="BB998" s="162"/>
      <c r="BC998" s="162"/>
      <c r="BD998" s="162"/>
      <c r="BE998" s="162"/>
      <c r="BF998" s="162"/>
      <c r="BG998" s="162"/>
      <c r="BH998" s="162"/>
      <c r="BI998" s="162"/>
      <c r="BJ998" s="162"/>
      <c r="BK998" s="162"/>
      <c r="BL998" s="162"/>
      <c r="BM998" s="162"/>
      <c r="BN998" s="162"/>
      <c r="BO998" s="162"/>
      <c r="BP998" s="162"/>
      <c r="BQ998" s="162"/>
      <c r="BR998" s="162"/>
      <c r="BS998" s="162"/>
      <c r="BT998" s="162"/>
      <c r="BU998" s="162"/>
      <c r="BV998" s="162"/>
      <c r="BW998" s="162"/>
      <c r="BX998" s="162"/>
      <c r="BY998" s="162"/>
      <c r="BZ998" s="162"/>
      <c r="CA998" s="162"/>
      <c r="CB998" s="162"/>
      <c r="CC998" s="162"/>
      <c r="CD998" s="162"/>
      <c r="CE998" s="162"/>
      <c r="CF998" s="162"/>
      <c r="CG998" s="162"/>
      <c r="CH998" s="162"/>
      <c r="CI998" s="162"/>
      <c r="CJ998" s="162"/>
      <c r="CK998" s="162"/>
      <c r="CX998" s="98"/>
      <c r="DL998" s="97"/>
      <c r="DX998" s="98"/>
      <c r="EL998" s="97"/>
      <c r="EX998" s="98"/>
      <c r="EY998" s="97"/>
      <c r="FL998" s="126"/>
      <c r="FM998" s="91"/>
      <c r="FN998" s="91"/>
      <c r="FO998" s="91"/>
      <c r="FP998" s="91"/>
      <c r="FQ998" s="91"/>
      <c r="FR998" s="91"/>
      <c r="FS998" s="91"/>
      <c r="FT998" s="91"/>
      <c r="FU998" s="91"/>
      <c r="FV998" s="91"/>
      <c r="FW998" s="91"/>
      <c r="FX998" s="91"/>
      <c r="FY998" s="91"/>
      <c r="FZ998" s="91"/>
      <c r="GA998" s="91"/>
      <c r="GB998" s="91"/>
      <c r="GC998" s="91"/>
      <c r="GD998" s="91"/>
      <c r="GE998" s="91"/>
      <c r="GF998" s="91"/>
      <c r="GG998" s="91"/>
      <c r="GH998" s="91"/>
      <c r="GI998" s="91"/>
      <c r="GJ998" s="91"/>
      <c r="GK998" s="127"/>
      <c r="GL998" s="126"/>
      <c r="GM998" s="91"/>
      <c r="GN998" s="91"/>
      <c r="GO998" s="91"/>
      <c r="GP998" s="91"/>
      <c r="GQ998" s="91"/>
      <c r="GR998" s="91"/>
      <c r="GS998" s="91"/>
      <c r="GT998" s="91"/>
      <c r="GU998" s="91"/>
      <c r="GV998" s="91"/>
      <c r="GW998" s="91"/>
      <c r="GX998" s="91"/>
      <c r="GY998" s="91"/>
      <c r="GZ998" s="91"/>
      <c r="HA998" s="91"/>
      <c r="HB998" s="91"/>
      <c r="HC998" s="91"/>
      <c r="HD998" s="91"/>
      <c r="HE998" s="91"/>
      <c r="HF998" s="91"/>
      <c r="HG998" s="91"/>
      <c r="HH998" s="91"/>
      <c r="HI998" s="91"/>
      <c r="HJ998" s="91"/>
      <c r="HK998" s="127"/>
      <c r="HL998" s="126"/>
      <c r="HM998" s="91"/>
      <c r="HN998" s="91"/>
      <c r="HO998" s="91"/>
      <c r="HP998" s="91"/>
      <c r="HQ998" s="91"/>
      <c r="HR998" s="91"/>
      <c r="HS998" s="91"/>
      <c r="HT998" s="91"/>
      <c r="HU998" s="91"/>
      <c r="HV998" s="91"/>
      <c r="HW998" s="91"/>
      <c r="HX998" s="91"/>
      <c r="HY998" s="91"/>
      <c r="HZ998" s="91"/>
      <c r="IA998" s="91"/>
      <c r="IB998" s="91"/>
      <c r="IC998" s="91"/>
      <c r="ID998" s="91"/>
      <c r="IE998" s="91"/>
      <c r="IF998" s="91"/>
      <c r="IG998" s="91"/>
      <c r="IH998" s="91"/>
      <c r="II998" s="91"/>
      <c r="IJ998" s="91"/>
      <c r="IK998" s="127"/>
    </row>
    <row r="999" spans="2:245" x14ac:dyDescent="0.2">
      <c r="B999" s="43"/>
      <c r="C999" s="73"/>
      <c r="D999" s="64"/>
      <c r="E999" s="64"/>
      <c r="F999" s="55"/>
      <c r="G999" s="102"/>
      <c r="H999" s="55"/>
      <c r="I999" s="55"/>
      <c r="J999" s="55"/>
      <c r="K999" s="55"/>
      <c r="L999" s="55"/>
      <c r="M999" s="55"/>
      <c r="N999" s="55"/>
      <c r="O999" s="55"/>
      <c r="P999" s="55"/>
      <c r="Q999" s="55"/>
      <c r="R999" s="55"/>
      <c r="S999" s="55"/>
      <c r="T999" s="55"/>
      <c r="U999" s="55"/>
      <c r="V999" s="55"/>
      <c r="W999" s="55"/>
      <c r="X999" s="55"/>
      <c r="Y999" s="55"/>
      <c r="Z999" s="55"/>
      <c r="AA999" s="55"/>
      <c r="AB999" s="55"/>
      <c r="AC999" s="55"/>
      <c r="AD999" s="55"/>
      <c r="AE999" s="55"/>
      <c r="AF999" s="55"/>
      <c r="AG999" s="55"/>
      <c r="AY999" s="162"/>
      <c r="AZ999" s="162"/>
      <c r="BA999" s="162"/>
      <c r="BB999" s="162"/>
      <c r="BC999" s="162"/>
      <c r="BD999" s="162"/>
      <c r="BE999" s="162"/>
      <c r="BF999" s="162"/>
      <c r="BG999" s="162"/>
      <c r="BH999" s="162"/>
      <c r="BI999" s="162"/>
      <c r="BJ999" s="162"/>
      <c r="BK999" s="162"/>
      <c r="BL999" s="162"/>
      <c r="BM999" s="162"/>
      <c r="BN999" s="162"/>
      <c r="BO999" s="162"/>
      <c r="BP999" s="162"/>
      <c r="BQ999" s="162"/>
      <c r="BR999" s="162"/>
      <c r="BS999" s="162"/>
      <c r="BT999" s="162"/>
      <c r="BU999" s="162"/>
      <c r="BV999" s="162"/>
      <c r="BW999" s="162"/>
      <c r="BX999" s="162"/>
      <c r="BY999" s="162"/>
      <c r="BZ999" s="162"/>
      <c r="CA999" s="162"/>
      <c r="CB999" s="162"/>
      <c r="CC999" s="162"/>
      <c r="CD999" s="162"/>
      <c r="CE999" s="162"/>
      <c r="CF999" s="162"/>
      <c r="CG999" s="162"/>
      <c r="CH999" s="162"/>
      <c r="CI999" s="162"/>
      <c r="CJ999" s="162"/>
      <c r="CK999" s="162"/>
      <c r="CX999" s="98"/>
      <c r="DL999" s="97"/>
      <c r="DX999" s="98"/>
      <c r="EL999" s="97"/>
      <c r="EX999" s="98"/>
      <c r="EY999" s="97"/>
      <c r="FL999" s="126"/>
      <c r="FM999" s="91"/>
      <c r="FN999" s="91"/>
      <c r="FO999" s="91"/>
      <c r="FP999" s="91"/>
      <c r="FQ999" s="91"/>
      <c r="FR999" s="91"/>
      <c r="FS999" s="91"/>
      <c r="FT999" s="91"/>
      <c r="FU999" s="91"/>
      <c r="FV999" s="91"/>
      <c r="FW999" s="91"/>
      <c r="FX999" s="91"/>
      <c r="FY999" s="91"/>
      <c r="FZ999" s="91"/>
      <c r="GA999" s="91"/>
      <c r="GB999" s="91"/>
      <c r="GC999" s="91"/>
      <c r="GD999" s="91"/>
      <c r="GE999" s="91"/>
      <c r="GF999" s="91"/>
      <c r="GG999" s="91"/>
      <c r="GH999" s="91"/>
      <c r="GI999" s="91"/>
      <c r="GJ999" s="91"/>
      <c r="GK999" s="127"/>
      <c r="GL999" s="126"/>
      <c r="GM999" s="91"/>
      <c r="GN999" s="91"/>
      <c r="GO999" s="91"/>
      <c r="GP999" s="91"/>
      <c r="GQ999" s="91"/>
      <c r="GR999" s="91"/>
      <c r="GS999" s="91"/>
      <c r="GT999" s="91"/>
      <c r="GU999" s="91"/>
      <c r="GV999" s="91"/>
      <c r="GW999" s="91"/>
      <c r="GX999" s="91"/>
      <c r="GY999" s="91"/>
      <c r="GZ999" s="91"/>
      <c r="HA999" s="91"/>
      <c r="HB999" s="91"/>
      <c r="HC999" s="91"/>
      <c r="HD999" s="91"/>
      <c r="HE999" s="91"/>
      <c r="HF999" s="91"/>
      <c r="HG999" s="91"/>
      <c r="HH999" s="91"/>
      <c r="HI999" s="91"/>
      <c r="HJ999" s="91"/>
      <c r="HK999" s="127"/>
      <c r="HL999" s="126"/>
      <c r="HM999" s="91"/>
      <c r="HN999" s="91"/>
      <c r="HO999" s="91"/>
      <c r="HP999" s="91"/>
      <c r="HQ999" s="91"/>
      <c r="HR999" s="91"/>
      <c r="HS999" s="91"/>
      <c r="HT999" s="91"/>
      <c r="HU999" s="91"/>
      <c r="HV999" s="91"/>
      <c r="HW999" s="91"/>
      <c r="HX999" s="91"/>
      <c r="HY999" s="91"/>
      <c r="HZ999" s="91"/>
      <c r="IA999" s="91"/>
      <c r="IB999" s="91"/>
      <c r="IC999" s="91"/>
      <c r="ID999" s="91"/>
      <c r="IE999" s="91"/>
      <c r="IF999" s="91"/>
      <c r="IG999" s="91"/>
      <c r="IH999" s="91"/>
      <c r="II999" s="91"/>
      <c r="IJ999" s="91"/>
      <c r="IK999" s="127"/>
    </row>
    <row r="1000" spans="2:245" x14ac:dyDescent="0.2">
      <c r="B1000" s="43"/>
      <c r="C1000" s="73"/>
      <c r="D1000" s="64"/>
      <c r="E1000" s="64"/>
      <c r="F1000" s="55"/>
      <c r="G1000" s="102"/>
      <c r="H1000" s="55"/>
      <c r="I1000" s="55"/>
      <c r="J1000" s="55"/>
      <c r="K1000" s="55"/>
      <c r="L1000" s="55"/>
      <c r="M1000" s="55"/>
      <c r="N1000" s="55"/>
      <c r="O1000" s="55"/>
      <c r="P1000" s="55"/>
      <c r="Q1000" s="55"/>
      <c r="R1000" s="55"/>
      <c r="S1000" s="55"/>
      <c r="T1000" s="55"/>
      <c r="U1000" s="55"/>
      <c r="V1000" s="55"/>
      <c r="W1000" s="55"/>
      <c r="X1000" s="55"/>
      <c r="Y1000" s="55"/>
      <c r="Z1000" s="55"/>
      <c r="AA1000" s="55"/>
      <c r="AB1000" s="55"/>
      <c r="AC1000" s="55"/>
      <c r="AD1000" s="55"/>
      <c r="AE1000" s="55"/>
      <c r="AF1000" s="55"/>
      <c r="AG1000" s="55"/>
      <c r="AY1000" s="162"/>
      <c r="AZ1000" s="162"/>
      <c r="BA1000" s="162"/>
      <c r="BB1000" s="162"/>
      <c r="BC1000" s="162"/>
      <c r="BD1000" s="162"/>
      <c r="BE1000" s="162"/>
      <c r="BF1000" s="162"/>
      <c r="BG1000" s="162"/>
      <c r="BH1000" s="162"/>
      <c r="BI1000" s="162"/>
      <c r="BJ1000" s="162"/>
      <c r="BK1000" s="162"/>
      <c r="BL1000" s="162"/>
      <c r="BM1000" s="162"/>
      <c r="BN1000" s="162"/>
      <c r="BO1000" s="162"/>
      <c r="BP1000" s="162"/>
      <c r="BQ1000" s="162"/>
      <c r="BR1000" s="162"/>
      <c r="BS1000" s="162"/>
      <c r="BT1000" s="162"/>
      <c r="BU1000" s="162"/>
      <c r="BV1000" s="162"/>
      <c r="BW1000" s="162"/>
      <c r="BX1000" s="162"/>
      <c r="BY1000" s="162"/>
      <c r="BZ1000" s="162"/>
      <c r="CA1000" s="162"/>
      <c r="CB1000" s="162"/>
      <c r="CC1000" s="162"/>
      <c r="CD1000" s="162"/>
      <c r="CE1000" s="162"/>
      <c r="CF1000" s="162"/>
      <c r="CG1000" s="162"/>
      <c r="CH1000" s="162"/>
      <c r="CI1000" s="162"/>
      <c r="CJ1000" s="162"/>
      <c r="CK1000" s="162"/>
      <c r="CX1000" s="98"/>
      <c r="DL1000" s="97"/>
      <c r="DX1000" s="98"/>
      <c r="EL1000" s="97"/>
      <c r="EX1000" s="98"/>
      <c r="EY1000" s="97"/>
      <c r="FL1000" s="126"/>
      <c r="FM1000" s="91"/>
      <c r="FN1000" s="91"/>
      <c r="FO1000" s="91"/>
      <c r="FP1000" s="91"/>
      <c r="FQ1000" s="91"/>
      <c r="FR1000" s="91"/>
      <c r="FS1000" s="91"/>
      <c r="FT1000" s="91"/>
      <c r="FU1000" s="91"/>
      <c r="FV1000" s="91"/>
      <c r="FW1000" s="91"/>
      <c r="FX1000" s="91"/>
      <c r="FY1000" s="91"/>
      <c r="FZ1000" s="91"/>
      <c r="GA1000" s="91"/>
      <c r="GB1000" s="91"/>
      <c r="GC1000" s="91"/>
      <c r="GD1000" s="91"/>
      <c r="GE1000" s="91"/>
      <c r="GF1000" s="91"/>
      <c r="GG1000" s="91"/>
      <c r="GH1000" s="91"/>
      <c r="GI1000" s="91"/>
      <c r="GJ1000" s="91"/>
      <c r="GK1000" s="127"/>
      <c r="GL1000" s="126"/>
      <c r="GM1000" s="91"/>
      <c r="GN1000" s="91"/>
      <c r="GO1000" s="91"/>
      <c r="GP1000" s="91"/>
      <c r="GQ1000" s="91"/>
      <c r="GR1000" s="91"/>
      <c r="GS1000" s="91"/>
      <c r="GT1000" s="91"/>
      <c r="GU1000" s="91"/>
      <c r="GV1000" s="91"/>
      <c r="GW1000" s="91"/>
      <c r="GX1000" s="91"/>
      <c r="GY1000" s="91"/>
      <c r="GZ1000" s="91"/>
      <c r="HA1000" s="91"/>
      <c r="HB1000" s="91"/>
      <c r="HC1000" s="91"/>
      <c r="HD1000" s="91"/>
      <c r="HE1000" s="91"/>
      <c r="HF1000" s="91"/>
      <c r="HG1000" s="91"/>
      <c r="HH1000" s="91"/>
      <c r="HI1000" s="91"/>
      <c r="HJ1000" s="91"/>
      <c r="HK1000" s="127"/>
      <c r="HL1000" s="126"/>
      <c r="HM1000" s="91"/>
      <c r="HN1000" s="91"/>
      <c r="HO1000" s="91"/>
      <c r="HP1000" s="91"/>
      <c r="HQ1000" s="91"/>
      <c r="HR1000" s="91"/>
      <c r="HS1000" s="91"/>
      <c r="HT1000" s="91"/>
      <c r="HU1000" s="91"/>
      <c r="HV1000" s="91"/>
      <c r="HW1000" s="91"/>
      <c r="HX1000" s="91"/>
      <c r="HY1000" s="91"/>
      <c r="HZ1000" s="91"/>
      <c r="IA1000" s="91"/>
      <c r="IB1000" s="91"/>
      <c r="IC1000" s="91"/>
      <c r="ID1000" s="91"/>
      <c r="IE1000" s="91"/>
      <c r="IF1000" s="91"/>
      <c r="IG1000" s="91"/>
      <c r="IH1000" s="91"/>
      <c r="II1000" s="91"/>
      <c r="IJ1000" s="91"/>
      <c r="IK1000" s="127"/>
    </row>
    <row r="1001" spans="2:245" x14ac:dyDescent="0.2">
      <c r="B1001" s="43"/>
      <c r="C1001" s="73"/>
      <c r="D1001" s="64"/>
      <c r="E1001" s="64"/>
      <c r="F1001" s="55"/>
      <c r="G1001" s="102"/>
      <c r="H1001" s="55"/>
      <c r="I1001" s="55"/>
      <c r="J1001" s="55"/>
      <c r="K1001" s="55"/>
      <c r="L1001" s="55"/>
      <c r="M1001" s="55"/>
      <c r="N1001" s="55"/>
      <c r="O1001" s="55"/>
      <c r="P1001" s="55"/>
      <c r="Q1001" s="55"/>
      <c r="R1001" s="55"/>
      <c r="S1001" s="55"/>
      <c r="T1001" s="55"/>
      <c r="U1001" s="55"/>
      <c r="V1001" s="55"/>
      <c r="W1001" s="55"/>
      <c r="X1001" s="55"/>
      <c r="Y1001" s="55"/>
      <c r="Z1001" s="55"/>
      <c r="AA1001" s="55"/>
      <c r="AB1001" s="55"/>
      <c r="AC1001" s="55"/>
      <c r="AD1001" s="55"/>
      <c r="AE1001" s="55"/>
      <c r="AF1001" s="55"/>
      <c r="AG1001" s="55"/>
      <c r="AY1001" s="162"/>
      <c r="AZ1001" s="162"/>
      <c r="BA1001" s="162"/>
      <c r="BB1001" s="162"/>
      <c r="BC1001" s="162"/>
      <c r="BD1001" s="162"/>
      <c r="BE1001" s="162"/>
      <c r="BF1001" s="162"/>
      <c r="BG1001" s="162"/>
      <c r="BH1001" s="162"/>
      <c r="BI1001" s="162"/>
      <c r="BJ1001" s="162"/>
      <c r="BK1001" s="162"/>
      <c r="BL1001" s="162"/>
      <c r="BM1001" s="162"/>
      <c r="BN1001" s="162"/>
      <c r="BO1001" s="162"/>
      <c r="BP1001" s="162"/>
      <c r="BQ1001" s="162"/>
      <c r="BR1001" s="162"/>
      <c r="BS1001" s="162"/>
      <c r="BT1001" s="162"/>
      <c r="BU1001" s="162"/>
      <c r="BV1001" s="162"/>
      <c r="BW1001" s="162"/>
      <c r="BX1001" s="162"/>
      <c r="BY1001" s="162"/>
      <c r="BZ1001" s="162"/>
      <c r="CA1001" s="162"/>
      <c r="CB1001" s="162"/>
      <c r="CC1001" s="162"/>
      <c r="CD1001" s="162"/>
      <c r="CE1001" s="162"/>
      <c r="CF1001" s="162"/>
      <c r="CG1001" s="162"/>
      <c r="CH1001" s="162"/>
      <c r="CI1001" s="162"/>
      <c r="CJ1001" s="162"/>
      <c r="CK1001" s="162"/>
      <c r="CX1001" s="98"/>
      <c r="DL1001" s="97"/>
      <c r="DX1001" s="98"/>
      <c r="EL1001" s="97"/>
      <c r="EX1001" s="98"/>
      <c r="EY1001" s="97"/>
      <c r="FL1001" s="126"/>
      <c r="FM1001" s="91"/>
      <c r="FN1001" s="91"/>
      <c r="FO1001" s="91"/>
      <c r="FP1001" s="91"/>
      <c r="FQ1001" s="91"/>
      <c r="FR1001" s="91"/>
      <c r="FS1001" s="91"/>
      <c r="FT1001" s="91"/>
      <c r="FU1001" s="91"/>
      <c r="FV1001" s="91"/>
      <c r="FW1001" s="91"/>
      <c r="FX1001" s="91"/>
      <c r="FY1001" s="91"/>
      <c r="FZ1001" s="91"/>
      <c r="GA1001" s="91"/>
      <c r="GB1001" s="91"/>
      <c r="GC1001" s="91"/>
      <c r="GD1001" s="91"/>
      <c r="GE1001" s="91"/>
      <c r="GF1001" s="91"/>
      <c r="GG1001" s="91"/>
      <c r="GH1001" s="91"/>
      <c r="GI1001" s="91"/>
      <c r="GJ1001" s="91"/>
      <c r="GK1001" s="127"/>
      <c r="GL1001" s="126"/>
      <c r="GM1001" s="91"/>
      <c r="GN1001" s="91"/>
      <c r="GO1001" s="91"/>
      <c r="GP1001" s="91"/>
      <c r="GQ1001" s="91"/>
      <c r="GR1001" s="91"/>
      <c r="GS1001" s="91"/>
      <c r="GT1001" s="91"/>
      <c r="GU1001" s="91"/>
      <c r="GV1001" s="91"/>
      <c r="GW1001" s="91"/>
      <c r="GX1001" s="91"/>
      <c r="GY1001" s="91"/>
      <c r="GZ1001" s="91"/>
      <c r="HA1001" s="91"/>
      <c r="HB1001" s="91"/>
      <c r="HC1001" s="91"/>
      <c r="HD1001" s="91"/>
      <c r="HE1001" s="91"/>
      <c r="HF1001" s="91"/>
      <c r="HG1001" s="91"/>
      <c r="HH1001" s="91"/>
      <c r="HI1001" s="91"/>
      <c r="HJ1001" s="91"/>
      <c r="HK1001" s="127"/>
      <c r="HL1001" s="126"/>
      <c r="HM1001" s="91"/>
      <c r="HN1001" s="91"/>
      <c r="HO1001" s="91"/>
      <c r="HP1001" s="91"/>
      <c r="HQ1001" s="91"/>
      <c r="HR1001" s="91"/>
      <c r="HS1001" s="91"/>
      <c r="HT1001" s="91"/>
      <c r="HU1001" s="91"/>
      <c r="HV1001" s="91"/>
      <c r="HW1001" s="91"/>
      <c r="HX1001" s="91"/>
      <c r="HY1001" s="91"/>
      <c r="HZ1001" s="91"/>
      <c r="IA1001" s="91"/>
      <c r="IB1001" s="91"/>
      <c r="IC1001" s="91"/>
      <c r="ID1001" s="91"/>
      <c r="IE1001" s="91"/>
      <c r="IF1001" s="91"/>
      <c r="IG1001" s="91"/>
      <c r="IH1001" s="91"/>
      <c r="II1001" s="91"/>
      <c r="IJ1001" s="91"/>
      <c r="IK1001" s="127"/>
    </row>
    <row r="1002" spans="2:245" x14ac:dyDescent="0.2">
      <c r="B1002" s="43"/>
      <c r="C1002" s="73"/>
      <c r="D1002" s="64"/>
      <c r="E1002" s="64"/>
      <c r="F1002" s="55"/>
      <c r="G1002" s="102"/>
      <c r="H1002" s="55"/>
      <c r="I1002" s="55"/>
      <c r="J1002" s="55"/>
      <c r="K1002" s="55"/>
      <c r="L1002" s="55"/>
      <c r="M1002" s="55"/>
      <c r="N1002" s="55"/>
      <c r="O1002" s="55"/>
      <c r="P1002" s="55"/>
      <c r="Q1002" s="55"/>
      <c r="R1002" s="55"/>
      <c r="S1002" s="55"/>
      <c r="T1002" s="55"/>
      <c r="U1002" s="55"/>
      <c r="V1002" s="55"/>
      <c r="W1002" s="55"/>
      <c r="X1002" s="55"/>
      <c r="Y1002" s="55"/>
      <c r="Z1002" s="55"/>
      <c r="AA1002" s="55"/>
      <c r="AB1002" s="55"/>
      <c r="AC1002" s="55"/>
      <c r="AD1002" s="55"/>
      <c r="AE1002" s="55"/>
      <c r="AF1002" s="55"/>
      <c r="AG1002" s="55"/>
      <c r="AY1002" s="162"/>
      <c r="AZ1002" s="162"/>
      <c r="BA1002" s="162"/>
      <c r="BB1002" s="162"/>
      <c r="BC1002" s="162"/>
      <c r="BD1002" s="162"/>
      <c r="BE1002" s="162"/>
      <c r="BF1002" s="162"/>
      <c r="BG1002" s="162"/>
      <c r="BH1002" s="162"/>
      <c r="BI1002" s="162"/>
      <c r="BJ1002" s="162"/>
      <c r="BK1002" s="162"/>
      <c r="BL1002" s="162"/>
      <c r="BM1002" s="162"/>
      <c r="BN1002" s="162"/>
      <c r="BO1002" s="162"/>
      <c r="BP1002" s="162"/>
      <c r="BQ1002" s="162"/>
      <c r="BR1002" s="162"/>
      <c r="BS1002" s="162"/>
      <c r="BT1002" s="162"/>
      <c r="BU1002" s="162"/>
      <c r="BV1002" s="162"/>
      <c r="BW1002" s="162"/>
      <c r="BX1002" s="162"/>
      <c r="BY1002" s="162"/>
      <c r="BZ1002" s="162"/>
      <c r="CA1002" s="162"/>
      <c r="CB1002" s="162"/>
      <c r="CC1002" s="162"/>
      <c r="CD1002" s="162"/>
      <c r="CE1002" s="162"/>
      <c r="CF1002" s="162"/>
      <c r="CG1002" s="162"/>
      <c r="CH1002" s="162"/>
      <c r="CI1002" s="162"/>
      <c r="CJ1002" s="162"/>
      <c r="CK1002" s="162"/>
      <c r="CX1002" s="98"/>
      <c r="DL1002" s="97"/>
      <c r="DX1002" s="98"/>
      <c r="EL1002" s="97"/>
      <c r="EX1002" s="98"/>
      <c r="EY1002" s="97"/>
      <c r="FL1002" s="126"/>
      <c r="FM1002" s="91"/>
      <c r="FN1002" s="91"/>
      <c r="FO1002" s="91"/>
      <c r="FP1002" s="91"/>
      <c r="FQ1002" s="91"/>
      <c r="FR1002" s="91"/>
      <c r="FS1002" s="91"/>
      <c r="FT1002" s="91"/>
      <c r="FU1002" s="91"/>
      <c r="FV1002" s="91"/>
      <c r="FW1002" s="91"/>
      <c r="FX1002" s="91"/>
      <c r="FY1002" s="91"/>
      <c r="FZ1002" s="91"/>
      <c r="GA1002" s="91"/>
      <c r="GB1002" s="91"/>
      <c r="GC1002" s="91"/>
      <c r="GD1002" s="91"/>
      <c r="GE1002" s="91"/>
      <c r="GF1002" s="91"/>
      <c r="GG1002" s="91"/>
      <c r="GH1002" s="91"/>
      <c r="GI1002" s="91"/>
      <c r="GJ1002" s="91"/>
      <c r="GK1002" s="127"/>
      <c r="GL1002" s="126"/>
      <c r="GM1002" s="91"/>
      <c r="GN1002" s="91"/>
      <c r="GO1002" s="91"/>
      <c r="GP1002" s="91"/>
      <c r="GQ1002" s="91"/>
      <c r="GR1002" s="91"/>
      <c r="GS1002" s="91"/>
      <c r="GT1002" s="91"/>
      <c r="GU1002" s="91"/>
      <c r="GV1002" s="91"/>
      <c r="GW1002" s="91"/>
      <c r="GX1002" s="91"/>
      <c r="GY1002" s="91"/>
      <c r="GZ1002" s="91"/>
      <c r="HA1002" s="91"/>
      <c r="HB1002" s="91"/>
      <c r="HC1002" s="91"/>
      <c r="HD1002" s="91"/>
      <c r="HE1002" s="91"/>
      <c r="HF1002" s="91"/>
      <c r="HG1002" s="91"/>
      <c r="HH1002" s="91"/>
      <c r="HI1002" s="91"/>
      <c r="HJ1002" s="91"/>
      <c r="HK1002" s="127"/>
      <c r="HL1002" s="126"/>
      <c r="HM1002" s="91"/>
      <c r="HN1002" s="91"/>
      <c r="HO1002" s="91"/>
      <c r="HP1002" s="91"/>
      <c r="HQ1002" s="91"/>
      <c r="HR1002" s="91"/>
      <c r="HS1002" s="91"/>
      <c r="HT1002" s="91"/>
      <c r="HU1002" s="91"/>
      <c r="HV1002" s="91"/>
      <c r="HW1002" s="91"/>
      <c r="HX1002" s="91"/>
      <c r="HY1002" s="91"/>
      <c r="HZ1002" s="91"/>
      <c r="IA1002" s="91"/>
      <c r="IB1002" s="91"/>
      <c r="IC1002" s="91"/>
      <c r="ID1002" s="91"/>
      <c r="IE1002" s="91"/>
      <c r="IF1002" s="91"/>
      <c r="IG1002" s="91"/>
      <c r="IH1002" s="91"/>
      <c r="II1002" s="91"/>
      <c r="IJ1002" s="91"/>
      <c r="IK1002" s="127"/>
    </row>
    <row r="1003" spans="2:245" x14ac:dyDescent="0.2">
      <c r="B1003" s="43"/>
      <c r="C1003" s="73"/>
      <c r="D1003" s="64"/>
      <c r="E1003" s="64"/>
      <c r="F1003" s="55"/>
      <c r="G1003" s="102"/>
      <c r="H1003" s="55"/>
      <c r="I1003" s="55"/>
      <c r="J1003" s="55"/>
      <c r="K1003" s="55"/>
      <c r="L1003" s="55"/>
      <c r="M1003" s="55"/>
      <c r="N1003" s="55"/>
      <c r="O1003" s="55"/>
      <c r="P1003" s="55"/>
      <c r="Q1003" s="55"/>
      <c r="R1003" s="55"/>
      <c r="S1003" s="55"/>
      <c r="T1003" s="55"/>
      <c r="U1003" s="55"/>
      <c r="V1003" s="55"/>
      <c r="W1003" s="55"/>
      <c r="X1003" s="55"/>
      <c r="Y1003" s="55"/>
      <c r="Z1003" s="55"/>
      <c r="AA1003" s="55"/>
      <c r="AB1003" s="55"/>
      <c r="AC1003" s="55"/>
      <c r="AD1003" s="55"/>
      <c r="AE1003" s="55"/>
      <c r="AF1003" s="55"/>
      <c r="AG1003" s="55"/>
      <c r="AY1003" s="162"/>
      <c r="AZ1003" s="162"/>
      <c r="BA1003" s="162"/>
      <c r="BB1003" s="162"/>
      <c r="BC1003" s="162"/>
      <c r="BD1003" s="162"/>
      <c r="BE1003" s="162"/>
      <c r="BF1003" s="162"/>
      <c r="BG1003" s="162"/>
      <c r="BH1003" s="162"/>
      <c r="BI1003" s="162"/>
      <c r="BJ1003" s="162"/>
      <c r="BK1003" s="162"/>
      <c r="BL1003" s="162"/>
      <c r="BM1003" s="162"/>
      <c r="BN1003" s="162"/>
      <c r="BO1003" s="162"/>
      <c r="BP1003" s="162"/>
      <c r="BQ1003" s="162"/>
      <c r="BR1003" s="162"/>
      <c r="BS1003" s="162"/>
      <c r="BT1003" s="162"/>
      <c r="BU1003" s="162"/>
      <c r="BV1003" s="162"/>
      <c r="BW1003" s="162"/>
      <c r="BX1003" s="162"/>
      <c r="BY1003" s="162"/>
      <c r="BZ1003" s="162"/>
      <c r="CA1003" s="162"/>
      <c r="CB1003" s="162"/>
      <c r="CC1003" s="162"/>
      <c r="CD1003" s="162"/>
      <c r="CE1003" s="162"/>
      <c r="CF1003" s="162"/>
      <c r="CG1003" s="162"/>
      <c r="CH1003" s="162"/>
      <c r="CI1003" s="162"/>
      <c r="CJ1003" s="162"/>
      <c r="CK1003" s="162"/>
      <c r="CX1003" s="98"/>
      <c r="DL1003" s="97"/>
      <c r="DX1003" s="98"/>
      <c r="EL1003" s="97"/>
      <c r="EX1003" s="98"/>
      <c r="EY1003" s="97"/>
      <c r="FL1003" s="126"/>
      <c r="FM1003" s="91"/>
      <c r="FN1003" s="91"/>
      <c r="FO1003" s="91"/>
      <c r="FP1003" s="91"/>
      <c r="FQ1003" s="91"/>
      <c r="FR1003" s="91"/>
      <c r="FS1003" s="91"/>
      <c r="FT1003" s="91"/>
      <c r="FU1003" s="91"/>
      <c r="FV1003" s="91"/>
      <c r="FW1003" s="91"/>
      <c r="FX1003" s="91"/>
      <c r="FY1003" s="91"/>
      <c r="FZ1003" s="91"/>
      <c r="GA1003" s="91"/>
      <c r="GB1003" s="91"/>
      <c r="GC1003" s="91"/>
      <c r="GD1003" s="91"/>
      <c r="GE1003" s="91"/>
      <c r="GF1003" s="91"/>
      <c r="GG1003" s="91"/>
      <c r="GH1003" s="91"/>
      <c r="GI1003" s="91"/>
      <c r="GJ1003" s="91"/>
      <c r="GK1003" s="127"/>
      <c r="GL1003" s="126"/>
      <c r="GM1003" s="91"/>
      <c r="GN1003" s="91"/>
      <c r="GO1003" s="91"/>
      <c r="GP1003" s="91"/>
      <c r="GQ1003" s="91"/>
      <c r="GR1003" s="91"/>
      <c r="GS1003" s="91"/>
      <c r="GT1003" s="91"/>
      <c r="GU1003" s="91"/>
      <c r="GV1003" s="91"/>
      <c r="GW1003" s="91"/>
      <c r="GX1003" s="91"/>
      <c r="GY1003" s="91"/>
      <c r="GZ1003" s="91"/>
      <c r="HA1003" s="91"/>
      <c r="HB1003" s="91"/>
      <c r="HC1003" s="91"/>
      <c r="HD1003" s="91"/>
      <c r="HE1003" s="91"/>
      <c r="HF1003" s="91"/>
      <c r="HG1003" s="91"/>
      <c r="HH1003" s="91"/>
      <c r="HI1003" s="91"/>
      <c r="HJ1003" s="91"/>
      <c r="HK1003" s="127"/>
      <c r="HL1003" s="126"/>
      <c r="HM1003" s="91"/>
      <c r="HN1003" s="91"/>
      <c r="HO1003" s="91"/>
      <c r="HP1003" s="91"/>
      <c r="HQ1003" s="91"/>
      <c r="HR1003" s="91"/>
      <c r="HS1003" s="91"/>
      <c r="HT1003" s="91"/>
      <c r="HU1003" s="91"/>
      <c r="HV1003" s="91"/>
      <c r="HW1003" s="91"/>
      <c r="HX1003" s="91"/>
      <c r="HY1003" s="91"/>
      <c r="HZ1003" s="91"/>
      <c r="IA1003" s="91"/>
      <c r="IB1003" s="91"/>
      <c r="IC1003" s="91"/>
      <c r="ID1003" s="91"/>
      <c r="IE1003" s="91"/>
      <c r="IF1003" s="91"/>
      <c r="IG1003" s="91"/>
      <c r="IH1003" s="91"/>
      <c r="II1003" s="91"/>
      <c r="IJ1003" s="91"/>
      <c r="IK1003" s="127"/>
    </row>
    <row r="1004" spans="2:245" x14ac:dyDescent="0.2">
      <c r="B1004" s="43"/>
      <c r="C1004" s="73"/>
      <c r="D1004" s="64"/>
      <c r="E1004" s="64"/>
      <c r="F1004" s="55"/>
      <c r="G1004" s="102"/>
      <c r="H1004" s="55"/>
      <c r="I1004" s="55"/>
      <c r="J1004" s="55"/>
      <c r="K1004" s="55"/>
      <c r="L1004" s="55"/>
      <c r="M1004" s="55"/>
      <c r="N1004" s="55"/>
      <c r="O1004" s="55"/>
      <c r="P1004" s="55"/>
      <c r="Q1004" s="55"/>
      <c r="R1004" s="55"/>
      <c r="S1004" s="55"/>
      <c r="T1004" s="55"/>
      <c r="U1004" s="55"/>
      <c r="V1004" s="55"/>
      <c r="W1004" s="55"/>
      <c r="X1004" s="55"/>
      <c r="Y1004" s="55"/>
      <c r="Z1004" s="55"/>
      <c r="AA1004" s="55"/>
      <c r="AB1004" s="55"/>
      <c r="AC1004" s="55"/>
      <c r="AD1004" s="55"/>
      <c r="AE1004" s="55"/>
      <c r="AF1004" s="55"/>
      <c r="AG1004" s="55"/>
      <c r="AY1004" s="162"/>
      <c r="AZ1004" s="162"/>
      <c r="BA1004" s="162"/>
      <c r="BB1004" s="162"/>
      <c r="BC1004" s="162"/>
      <c r="BD1004" s="162"/>
      <c r="BE1004" s="162"/>
      <c r="BF1004" s="162"/>
      <c r="BG1004" s="162"/>
      <c r="BH1004" s="162"/>
      <c r="BI1004" s="162"/>
      <c r="BJ1004" s="162"/>
      <c r="BK1004" s="162"/>
      <c r="BL1004" s="162"/>
      <c r="BM1004" s="162"/>
      <c r="BN1004" s="162"/>
      <c r="BO1004" s="162"/>
      <c r="BP1004" s="162"/>
      <c r="BQ1004" s="162"/>
      <c r="BR1004" s="162"/>
      <c r="BS1004" s="162"/>
      <c r="BT1004" s="162"/>
      <c r="BU1004" s="162"/>
      <c r="BV1004" s="162"/>
      <c r="BW1004" s="162"/>
      <c r="BX1004" s="162"/>
      <c r="BY1004" s="162"/>
      <c r="BZ1004" s="162"/>
      <c r="CA1004" s="162"/>
      <c r="CB1004" s="162"/>
      <c r="CC1004" s="162"/>
      <c r="CD1004" s="162"/>
      <c r="CE1004" s="162"/>
      <c r="CF1004" s="162"/>
      <c r="CG1004" s="162"/>
      <c r="CH1004" s="162"/>
      <c r="CI1004" s="162"/>
      <c r="CJ1004" s="162"/>
      <c r="CK1004" s="162"/>
      <c r="CX1004" s="98"/>
      <c r="DL1004" s="97"/>
      <c r="DX1004" s="98"/>
      <c r="EL1004" s="97"/>
      <c r="EX1004" s="98"/>
      <c r="EY1004" s="97"/>
      <c r="FL1004" s="126"/>
      <c r="FM1004" s="91"/>
      <c r="FN1004" s="91"/>
      <c r="FO1004" s="91"/>
      <c r="FP1004" s="91"/>
      <c r="FQ1004" s="91"/>
      <c r="FR1004" s="91"/>
      <c r="FS1004" s="91"/>
      <c r="FT1004" s="91"/>
      <c r="FU1004" s="91"/>
      <c r="FV1004" s="91"/>
      <c r="FW1004" s="91"/>
      <c r="FX1004" s="91"/>
      <c r="FY1004" s="91"/>
      <c r="FZ1004" s="91"/>
      <c r="GA1004" s="91"/>
      <c r="GB1004" s="91"/>
      <c r="GC1004" s="91"/>
      <c r="GD1004" s="91"/>
      <c r="GE1004" s="91"/>
      <c r="GF1004" s="91"/>
      <c r="GG1004" s="91"/>
      <c r="GH1004" s="91"/>
      <c r="GI1004" s="91"/>
      <c r="GJ1004" s="91"/>
      <c r="GK1004" s="127"/>
      <c r="GL1004" s="126"/>
      <c r="GM1004" s="91"/>
      <c r="GN1004" s="91"/>
      <c r="GO1004" s="91"/>
      <c r="GP1004" s="91"/>
      <c r="GQ1004" s="91"/>
      <c r="GR1004" s="91"/>
      <c r="GS1004" s="91"/>
      <c r="GT1004" s="91"/>
      <c r="GU1004" s="91"/>
      <c r="GV1004" s="91"/>
      <c r="GW1004" s="91"/>
      <c r="GX1004" s="91"/>
      <c r="GY1004" s="91"/>
      <c r="GZ1004" s="91"/>
      <c r="HA1004" s="91"/>
      <c r="HB1004" s="91"/>
      <c r="HC1004" s="91"/>
      <c r="HD1004" s="91"/>
      <c r="HE1004" s="91"/>
      <c r="HF1004" s="91"/>
      <c r="HG1004" s="91"/>
      <c r="HH1004" s="91"/>
      <c r="HI1004" s="91"/>
      <c r="HJ1004" s="91"/>
      <c r="HK1004" s="127"/>
      <c r="HL1004" s="126"/>
      <c r="HM1004" s="91"/>
      <c r="HN1004" s="91"/>
      <c r="HO1004" s="91"/>
      <c r="HP1004" s="91"/>
      <c r="HQ1004" s="91"/>
      <c r="HR1004" s="91"/>
      <c r="HS1004" s="91"/>
      <c r="HT1004" s="91"/>
      <c r="HU1004" s="91"/>
      <c r="HV1004" s="91"/>
      <c r="HW1004" s="91"/>
      <c r="HX1004" s="91"/>
      <c r="HY1004" s="91"/>
      <c r="HZ1004" s="91"/>
      <c r="IA1004" s="91"/>
      <c r="IB1004" s="91"/>
      <c r="IC1004" s="91"/>
      <c r="ID1004" s="91"/>
      <c r="IE1004" s="91"/>
      <c r="IF1004" s="91"/>
      <c r="IG1004" s="91"/>
      <c r="IH1004" s="91"/>
      <c r="II1004" s="91"/>
      <c r="IJ1004" s="91"/>
      <c r="IK1004" s="127"/>
    </row>
    <row r="1005" spans="2:245" x14ac:dyDescent="0.2">
      <c r="B1005" s="43"/>
      <c r="C1005" s="73"/>
      <c r="D1005" s="64"/>
      <c r="E1005" s="64"/>
      <c r="F1005" s="55"/>
      <c r="G1005" s="102"/>
      <c r="H1005" s="55"/>
      <c r="I1005" s="55"/>
      <c r="J1005" s="55"/>
      <c r="K1005" s="55"/>
      <c r="L1005" s="55"/>
      <c r="M1005" s="55"/>
      <c r="N1005" s="55"/>
      <c r="O1005" s="55"/>
      <c r="P1005" s="55"/>
      <c r="Q1005" s="55"/>
      <c r="R1005" s="55"/>
      <c r="S1005" s="55"/>
      <c r="T1005" s="55"/>
      <c r="U1005" s="55"/>
      <c r="V1005" s="55"/>
      <c r="W1005" s="55"/>
      <c r="X1005" s="55"/>
      <c r="Y1005" s="55"/>
      <c r="Z1005" s="55"/>
      <c r="AA1005" s="55"/>
      <c r="AB1005" s="55"/>
      <c r="AC1005" s="55"/>
      <c r="AD1005" s="55"/>
      <c r="AE1005" s="55"/>
      <c r="AF1005" s="55"/>
      <c r="AG1005" s="55"/>
      <c r="AY1005" s="162"/>
      <c r="AZ1005" s="162"/>
      <c r="BA1005" s="162"/>
      <c r="BB1005" s="162"/>
      <c r="BC1005" s="162"/>
      <c r="BD1005" s="162"/>
      <c r="BE1005" s="162"/>
      <c r="BF1005" s="162"/>
      <c r="BG1005" s="162"/>
      <c r="BH1005" s="162"/>
      <c r="BI1005" s="162"/>
      <c r="BJ1005" s="162"/>
      <c r="BK1005" s="162"/>
      <c r="BL1005" s="162"/>
      <c r="BM1005" s="162"/>
      <c r="BN1005" s="162"/>
      <c r="BO1005" s="162"/>
      <c r="BP1005" s="162"/>
      <c r="BQ1005" s="162"/>
      <c r="BR1005" s="162"/>
      <c r="BS1005" s="162"/>
      <c r="BT1005" s="162"/>
      <c r="BU1005" s="162"/>
      <c r="BV1005" s="162"/>
      <c r="BW1005" s="162"/>
      <c r="BX1005" s="162"/>
      <c r="BY1005" s="162"/>
      <c r="BZ1005" s="162"/>
      <c r="CA1005" s="162"/>
      <c r="CB1005" s="162"/>
      <c r="CC1005" s="162"/>
      <c r="CD1005" s="162"/>
      <c r="CE1005" s="162"/>
      <c r="CF1005" s="162"/>
      <c r="CG1005" s="162"/>
      <c r="CH1005" s="162"/>
      <c r="CI1005" s="162"/>
      <c r="CJ1005" s="162"/>
      <c r="CK1005" s="162"/>
      <c r="CX1005" s="98"/>
      <c r="DL1005" s="97"/>
      <c r="DX1005" s="98"/>
      <c r="EL1005" s="97"/>
      <c r="EX1005" s="98"/>
      <c r="EY1005" s="97"/>
      <c r="FL1005" s="126"/>
      <c r="FM1005" s="91"/>
      <c r="FN1005" s="91"/>
      <c r="FO1005" s="91"/>
      <c r="FP1005" s="91"/>
      <c r="FQ1005" s="91"/>
      <c r="FR1005" s="91"/>
      <c r="FS1005" s="91"/>
      <c r="FT1005" s="91"/>
      <c r="FU1005" s="91"/>
      <c r="FV1005" s="91"/>
      <c r="FW1005" s="91"/>
      <c r="FX1005" s="91"/>
      <c r="FY1005" s="91"/>
      <c r="FZ1005" s="91"/>
      <c r="GA1005" s="91"/>
      <c r="GB1005" s="91"/>
      <c r="GC1005" s="91"/>
      <c r="GD1005" s="91"/>
      <c r="GE1005" s="91"/>
      <c r="GF1005" s="91"/>
      <c r="GG1005" s="91"/>
      <c r="GH1005" s="91"/>
      <c r="GI1005" s="91"/>
      <c r="GJ1005" s="91"/>
      <c r="GK1005" s="127"/>
      <c r="GL1005" s="126"/>
      <c r="GM1005" s="91"/>
      <c r="GN1005" s="91"/>
      <c r="GO1005" s="91"/>
      <c r="GP1005" s="91"/>
      <c r="GQ1005" s="91"/>
      <c r="GR1005" s="91"/>
      <c r="GS1005" s="91"/>
      <c r="GT1005" s="91"/>
      <c r="GU1005" s="91"/>
      <c r="GV1005" s="91"/>
      <c r="GW1005" s="91"/>
      <c r="GX1005" s="91"/>
      <c r="GY1005" s="91"/>
      <c r="GZ1005" s="91"/>
      <c r="HA1005" s="91"/>
      <c r="HB1005" s="91"/>
      <c r="HC1005" s="91"/>
      <c r="HD1005" s="91"/>
      <c r="HE1005" s="91"/>
      <c r="HF1005" s="91"/>
      <c r="HG1005" s="91"/>
      <c r="HH1005" s="91"/>
      <c r="HI1005" s="91"/>
      <c r="HJ1005" s="91"/>
      <c r="HK1005" s="127"/>
      <c r="HL1005" s="126"/>
      <c r="HM1005" s="91"/>
      <c r="HN1005" s="91"/>
      <c r="HO1005" s="91"/>
      <c r="HP1005" s="91"/>
      <c r="HQ1005" s="91"/>
      <c r="HR1005" s="91"/>
      <c r="HS1005" s="91"/>
      <c r="HT1005" s="91"/>
      <c r="HU1005" s="91"/>
      <c r="HV1005" s="91"/>
      <c r="HW1005" s="91"/>
      <c r="HX1005" s="91"/>
      <c r="HY1005" s="91"/>
      <c r="HZ1005" s="91"/>
      <c r="IA1005" s="91"/>
      <c r="IB1005" s="91"/>
      <c r="IC1005" s="91"/>
      <c r="ID1005" s="91"/>
      <c r="IE1005" s="91"/>
      <c r="IF1005" s="91"/>
      <c r="IG1005" s="91"/>
      <c r="IH1005" s="91"/>
      <c r="II1005" s="91"/>
      <c r="IJ1005" s="91"/>
      <c r="IK1005" s="127"/>
    </row>
    <row r="1006" spans="2:245" x14ac:dyDescent="0.2">
      <c r="B1006" s="43"/>
      <c r="C1006" s="73"/>
      <c r="D1006" s="64"/>
      <c r="E1006" s="64"/>
      <c r="F1006" s="55"/>
      <c r="G1006" s="102"/>
      <c r="H1006" s="55"/>
      <c r="I1006" s="55"/>
      <c r="J1006" s="55"/>
      <c r="K1006" s="55"/>
      <c r="L1006" s="55"/>
      <c r="M1006" s="55"/>
      <c r="N1006" s="55"/>
      <c r="O1006" s="55"/>
      <c r="P1006" s="55"/>
      <c r="Q1006" s="55"/>
      <c r="R1006" s="55"/>
      <c r="S1006" s="55"/>
      <c r="T1006" s="55"/>
      <c r="U1006" s="55"/>
      <c r="V1006" s="55"/>
      <c r="W1006" s="55"/>
      <c r="X1006" s="55"/>
      <c r="Y1006" s="55"/>
      <c r="Z1006" s="55"/>
      <c r="AA1006" s="55"/>
      <c r="AB1006" s="55"/>
      <c r="AC1006" s="55"/>
      <c r="AD1006" s="55"/>
      <c r="AE1006" s="55"/>
      <c r="AF1006" s="55"/>
      <c r="AG1006" s="55"/>
      <c r="AY1006" s="162"/>
      <c r="AZ1006" s="162"/>
      <c r="BA1006" s="162"/>
      <c r="BB1006" s="162"/>
      <c r="BC1006" s="162"/>
      <c r="BD1006" s="162"/>
      <c r="BE1006" s="162"/>
      <c r="BF1006" s="162"/>
      <c r="BG1006" s="162"/>
      <c r="BH1006" s="162"/>
      <c r="BI1006" s="162"/>
      <c r="BJ1006" s="162"/>
      <c r="BK1006" s="162"/>
      <c r="BL1006" s="162"/>
      <c r="BM1006" s="162"/>
      <c r="BN1006" s="162"/>
      <c r="BO1006" s="162"/>
      <c r="BP1006" s="162"/>
      <c r="BQ1006" s="162"/>
      <c r="BR1006" s="162"/>
      <c r="BS1006" s="162"/>
      <c r="BT1006" s="162"/>
      <c r="BU1006" s="162"/>
      <c r="BV1006" s="162"/>
      <c r="BW1006" s="162"/>
      <c r="BX1006" s="162"/>
      <c r="BY1006" s="162"/>
      <c r="BZ1006" s="162"/>
      <c r="CA1006" s="162"/>
      <c r="CB1006" s="162"/>
      <c r="CC1006" s="162"/>
      <c r="CD1006" s="162"/>
      <c r="CE1006" s="162"/>
      <c r="CF1006" s="162"/>
      <c r="CG1006" s="162"/>
      <c r="CH1006" s="162"/>
      <c r="CI1006" s="162"/>
      <c r="CJ1006" s="162"/>
      <c r="CK1006" s="162"/>
      <c r="CX1006" s="98"/>
      <c r="DL1006" s="97"/>
      <c r="DX1006" s="98"/>
      <c r="EL1006" s="97"/>
      <c r="EX1006" s="98"/>
      <c r="EY1006" s="97"/>
      <c r="FL1006" s="126"/>
      <c r="FM1006" s="91"/>
      <c r="FN1006" s="91"/>
      <c r="FO1006" s="91"/>
      <c r="FP1006" s="91"/>
      <c r="FQ1006" s="91"/>
      <c r="FR1006" s="91"/>
      <c r="FS1006" s="91"/>
      <c r="FT1006" s="91"/>
      <c r="FU1006" s="91"/>
      <c r="FV1006" s="91"/>
      <c r="FW1006" s="91"/>
      <c r="FX1006" s="91"/>
      <c r="FY1006" s="91"/>
      <c r="FZ1006" s="91"/>
      <c r="GA1006" s="91"/>
      <c r="GB1006" s="91"/>
      <c r="GC1006" s="91"/>
      <c r="GD1006" s="91"/>
      <c r="GE1006" s="91"/>
      <c r="GF1006" s="91"/>
      <c r="GG1006" s="91"/>
      <c r="GH1006" s="91"/>
      <c r="GI1006" s="91"/>
      <c r="GJ1006" s="91"/>
      <c r="GK1006" s="127"/>
      <c r="GL1006" s="126"/>
      <c r="GM1006" s="91"/>
      <c r="GN1006" s="91"/>
      <c r="GO1006" s="91"/>
      <c r="GP1006" s="91"/>
      <c r="GQ1006" s="91"/>
      <c r="GR1006" s="91"/>
      <c r="GS1006" s="91"/>
      <c r="GT1006" s="91"/>
      <c r="GU1006" s="91"/>
      <c r="GV1006" s="91"/>
      <c r="GW1006" s="91"/>
      <c r="GX1006" s="91"/>
      <c r="GY1006" s="91"/>
      <c r="GZ1006" s="91"/>
      <c r="HA1006" s="91"/>
      <c r="HB1006" s="91"/>
      <c r="HC1006" s="91"/>
      <c r="HD1006" s="91"/>
      <c r="HE1006" s="91"/>
      <c r="HF1006" s="91"/>
      <c r="HG1006" s="91"/>
      <c r="HH1006" s="91"/>
      <c r="HI1006" s="91"/>
      <c r="HJ1006" s="91"/>
      <c r="HK1006" s="127"/>
      <c r="HL1006" s="126"/>
      <c r="HM1006" s="91"/>
      <c r="HN1006" s="91"/>
      <c r="HO1006" s="91"/>
      <c r="HP1006" s="91"/>
      <c r="HQ1006" s="91"/>
      <c r="HR1006" s="91"/>
      <c r="HS1006" s="91"/>
      <c r="HT1006" s="91"/>
      <c r="HU1006" s="91"/>
      <c r="HV1006" s="91"/>
      <c r="HW1006" s="91"/>
      <c r="HX1006" s="91"/>
      <c r="HY1006" s="91"/>
      <c r="HZ1006" s="91"/>
      <c r="IA1006" s="91"/>
      <c r="IB1006" s="91"/>
      <c r="IC1006" s="91"/>
      <c r="ID1006" s="91"/>
      <c r="IE1006" s="91"/>
      <c r="IF1006" s="91"/>
      <c r="IG1006" s="91"/>
      <c r="IH1006" s="91"/>
      <c r="II1006" s="91"/>
      <c r="IJ1006" s="91"/>
      <c r="IK1006" s="127"/>
    </row>
    <row r="1007" spans="2:245" x14ac:dyDescent="0.2">
      <c r="B1007" s="43"/>
      <c r="C1007" s="73"/>
      <c r="D1007" s="64"/>
      <c r="E1007" s="64"/>
      <c r="F1007" s="55"/>
      <c r="G1007" s="102"/>
      <c r="H1007" s="55"/>
      <c r="I1007" s="55"/>
      <c r="J1007" s="55"/>
      <c r="K1007" s="55"/>
      <c r="L1007" s="55"/>
      <c r="M1007" s="55"/>
      <c r="N1007" s="55"/>
      <c r="O1007" s="55"/>
      <c r="P1007" s="55"/>
      <c r="Q1007" s="55"/>
      <c r="R1007" s="55"/>
      <c r="S1007" s="55"/>
      <c r="T1007" s="55"/>
      <c r="U1007" s="55"/>
      <c r="V1007" s="55"/>
      <c r="W1007" s="55"/>
      <c r="X1007" s="55"/>
      <c r="Y1007" s="55"/>
      <c r="Z1007" s="55"/>
      <c r="AA1007" s="55"/>
      <c r="AB1007" s="55"/>
      <c r="AC1007" s="55"/>
      <c r="AD1007" s="55"/>
      <c r="AE1007" s="55"/>
      <c r="AF1007" s="55"/>
      <c r="AG1007" s="55"/>
      <c r="AY1007" s="162"/>
      <c r="AZ1007" s="162"/>
      <c r="BA1007" s="162"/>
      <c r="BB1007" s="162"/>
      <c r="BC1007" s="162"/>
      <c r="BD1007" s="162"/>
      <c r="BE1007" s="162"/>
      <c r="BF1007" s="162"/>
      <c r="BG1007" s="162"/>
      <c r="BH1007" s="162"/>
      <c r="BI1007" s="162"/>
      <c r="BJ1007" s="162"/>
      <c r="BK1007" s="162"/>
      <c r="BL1007" s="162"/>
      <c r="BM1007" s="162"/>
      <c r="BN1007" s="162"/>
      <c r="BO1007" s="162"/>
      <c r="BP1007" s="162"/>
      <c r="BQ1007" s="162"/>
      <c r="BR1007" s="162"/>
      <c r="BS1007" s="162"/>
      <c r="BT1007" s="162"/>
      <c r="BU1007" s="162"/>
      <c r="BV1007" s="162"/>
      <c r="BW1007" s="162"/>
      <c r="BX1007" s="162"/>
      <c r="BY1007" s="162"/>
      <c r="BZ1007" s="162"/>
      <c r="CA1007" s="162"/>
      <c r="CB1007" s="162"/>
      <c r="CC1007" s="162"/>
      <c r="CD1007" s="162"/>
      <c r="CE1007" s="162"/>
      <c r="CF1007" s="162"/>
      <c r="CG1007" s="162"/>
      <c r="CH1007" s="162"/>
      <c r="CI1007" s="162"/>
      <c r="CJ1007" s="162"/>
      <c r="CK1007" s="162"/>
      <c r="CX1007" s="98"/>
      <c r="DL1007" s="97"/>
      <c r="DX1007" s="98"/>
      <c r="EL1007" s="97"/>
      <c r="EX1007" s="98"/>
      <c r="EY1007" s="97"/>
      <c r="FL1007" s="126"/>
      <c r="FM1007" s="91"/>
      <c r="FN1007" s="91"/>
      <c r="FO1007" s="91"/>
      <c r="FP1007" s="91"/>
      <c r="FQ1007" s="91"/>
      <c r="FR1007" s="91"/>
      <c r="FS1007" s="91"/>
      <c r="FT1007" s="91"/>
      <c r="FU1007" s="91"/>
      <c r="FV1007" s="91"/>
      <c r="FW1007" s="91"/>
      <c r="FX1007" s="91"/>
      <c r="FY1007" s="91"/>
      <c r="FZ1007" s="91"/>
      <c r="GA1007" s="91"/>
      <c r="GB1007" s="91"/>
      <c r="GC1007" s="91"/>
      <c r="GD1007" s="91"/>
      <c r="GE1007" s="91"/>
      <c r="GF1007" s="91"/>
      <c r="GG1007" s="91"/>
      <c r="GH1007" s="91"/>
      <c r="GI1007" s="91"/>
      <c r="GJ1007" s="91"/>
      <c r="GK1007" s="127"/>
      <c r="GL1007" s="126"/>
      <c r="GM1007" s="91"/>
      <c r="GN1007" s="91"/>
      <c r="GO1007" s="91"/>
      <c r="GP1007" s="91"/>
      <c r="GQ1007" s="91"/>
      <c r="GR1007" s="91"/>
      <c r="GS1007" s="91"/>
      <c r="GT1007" s="91"/>
      <c r="GU1007" s="91"/>
      <c r="GV1007" s="91"/>
      <c r="GW1007" s="91"/>
      <c r="GX1007" s="91"/>
      <c r="GY1007" s="91"/>
      <c r="GZ1007" s="91"/>
      <c r="HA1007" s="91"/>
      <c r="HB1007" s="91"/>
      <c r="HC1007" s="91"/>
      <c r="HD1007" s="91"/>
      <c r="HE1007" s="91"/>
      <c r="HF1007" s="91"/>
      <c r="HG1007" s="91"/>
      <c r="HH1007" s="91"/>
      <c r="HI1007" s="91"/>
      <c r="HJ1007" s="91"/>
      <c r="HK1007" s="127"/>
      <c r="HL1007" s="126"/>
      <c r="HM1007" s="91"/>
      <c r="HN1007" s="91"/>
      <c r="HO1007" s="91"/>
      <c r="HP1007" s="91"/>
      <c r="HQ1007" s="91"/>
      <c r="HR1007" s="91"/>
      <c r="HS1007" s="91"/>
      <c r="HT1007" s="91"/>
      <c r="HU1007" s="91"/>
      <c r="HV1007" s="91"/>
      <c r="HW1007" s="91"/>
      <c r="HX1007" s="91"/>
      <c r="HY1007" s="91"/>
      <c r="HZ1007" s="91"/>
      <c r="IA1007" s="91"/>
      <c r="IB1007" s="91"/>
      <c r="IC1007" s="91"/>
      <c r="ID1007" s="91"/>
      <c r="IE1007" s="91"/>
      <c r="IF1007" s="91"/>
      <c r="IG1007" s="91"/>
      <c r="IH1007" s="91"/>
      <c r="II1007" s="91"/>
      <c r="IJ1007" s="91"/>
      <c r="IK1007" s="127"/>
    </row>
    <row r="1008" spans="2:245" x14ac:dyDescent="0.2">
      <c r="B1008" s="43"/>
      <c r="C1008" s="73"/>
      <c r="D1008" s="64"/>
      <c r="E1008" s="64"/>
      <c r="F1008" s="55"/>
      <c r="G1008" s="102"/>
      <c r="H1008" s="55"/>
      <c r="I1008" s="55"/>
      <c r="J1008" s="55"/>
      <c r="K1008" s="55"/>
      <c r="L1008" s="55"/>
      <c r="M1008" s="55"/>
      <c r="N1008" s="55"/>
      <c r="O1008" s="55"/>
      <c r="P1008" s="55"/>
      <c r="Q1008" s="55"/>
      <c r="R1008" s="55"/>
      <c r="S1008" s="55"/>
      <c r="T1008" s="55"/>
      <c r="U1008" s="55"/>
      <c r="V1008" s="55"/>
      <c r="W1008" s="55"/>
      <c r="X1008" s="55"/>
      <c r="Y1008" s="55"/>
      <c r="Z1008" s="55"/>
      <c r="AA1008" s="55"/>
      <c r="AB1008" s="55"/>
      <c r="AC1008" s="55"/>
      <c r="AD1008" s="55"/>
      <c r="AE1008" s="55"/>
      <c r="AF1008" s="55"/>
      <c r="AG1008" s="55"/>
      <c r="AY1008" s="162"/>
      <c r="AZ1008" s="162"/>
      <c r="BA1008" s="162"/>
      <c r="BB1008" s="162"/>
      <c r="BC1008" s="162"/>
      <c r="BD1008" s="162"/>
      <c r="BE1008" s="162"/>
      <c r="BF1008" s="162"/>
      <c r="BG1008" s="162"/>
      <c r="BH1008" s="162"/>
      <c r="BI1008" s="162"/>
      <c r="BJ1008" s="162"/>
      <c r="BK1008" s="162"/>
      <c r="BL1008" s="162"/>
      <c r="BM1008" s="162"/>
      <c r="BN1008" s="162"/>
      <c r="BO1008" s="162"/>
      <c r="BP1008" s="162"/>
      <c r="BQ1008" s="162"/>
      <c r="BR1008" s="162"/>
      <c r="BS1008" s="162"/>
      <c r="BT1008" s="162"/>
      <c r="BU1008" s="162"/>
      <c r="BV1008" s="162"/>
      <c r="BW1008" s="162"/>
      <c r="BX1008" s="162"/>
      <c r="BY1008" s="162"/>
      <c r="BZ1008" s="162"/>
      <c r="CA1008" s="162"/>
      <c r="CB1008" s="162"/>
      <c r="CC1008" s="162"/>
      <c r="CD1008" s="162"/>
      <c r="CE1008" s="162"/>
      <c r="CF1008" s="162"/>
      <c r="CG1008" s="162"/>
      <c r="CH1008" s="162"/>
      <c r="CI1008" s="162"/>
      <c r="CJ1008" s="162"/>
      <c r="CK1008" s="162"/>
      <c r="CX1008" s="98"/>
      <c r="DL1008" s="97"/>
      <c r="DX1008" s="98"/>
      <c r="EL1008" s="97"/>
      <c r="EX1008" s="98"/>
      <c r="EY1008" s="97"/>
      <c r="FL1008" s="126"/>
      <c r="FM1008" s="91"/>
      <c r="FN1008" s="91"/>
      <c r="FO1008" s="91"/>
      <c r="FP1008" s="91"/>
      <c r="FQ1008" s="91"/>
      <c r="FR1008" s="91"/>
      <c r="FS1008" s="91"/>
      <c r="FT1008" s="91"/>
      <c r="FU1008" s="91"/>
      <c r="FV1008" s="91"/>
      <c r="FW1008" s="91"/>
      <c r="FX1008" s="91"/>
      <c r="FY1008" s="91"/>
      <c r="FZ1008" s="91"/>
      <c r="GA1008" s="91"/>
      <c r="GB1008" s="91"/>
      <c r="GC1008" s="91"/>
      <c r="GD1008" s="91"/>
      <c r="GE1008" s="91"/>
      <c r="GF1008" s="91"/>
      <c r="GG1008" s="91"/>
      <c r="GH1008" s="91"/>
      <c r="GI1008" s="91"/>
      <c r="GJ1008" s="91"/>
      <c r="GK1008" s="127"/>
      <c r="GL1008" s="126"/>
      <c r="GM1008" s="91"/>
      <c r="GN1008" s="91"/>
      <c r="GO1008" s="91"/>
      <c r="GP1008" s="91"/>
      <c r="GQ1008" s="91"/>
      <c r="GR1008" s="91"/>
      <c r="GS1008" s="91"/>
      <c r="GT1008" s="91"/>
      <c r="GU1008" s="91"/>
      <c r="GV1008" s="91"/>
      <c r="GW1008" s="91"/>
      <c r="GX1008" s="91"/>
      <c r="GY1008" s="91"/>
      <c r="GZ1008" s="91"/>
      <c r="HA1008" s="91"/>
      <c r="HB1008" s="91"/>
      <c r="HC1008" s="91"/>
      <c r="HD1008" s="91"/>
      <c r="HE1008" s="91"/>
      <c r="HF1008" s="91"/>
      <c r="HG1008" s="91"/>
      <c r="HH1008" s="91"/>
      <c r="HI1008" s="91"/>
      <c r="HJ1008" s="91"/>
      <c r="HK1008" s="127"/>
      <c r="HL1008" s="126"/>
      <c r="HM1008" s="91"/>
      <c r="HN1008" s="91"/>
      <c r="HO1008" s="91"/>
      <c r="HP1008" s="91"/>
      <c r="HQ1008" s="91"/>
      <c r="HR1008" s="91"/>
      <c r="HS1008" s="91"/>
      <c r="HT1008" s="91"/>
      <c r="HU1008" s="91"/>
      <c r="HV1008" s="91"/>
      <c r="HW1008" s="91"/>
      <c r="HX1008" s="91"/>
      <c r="HY1008" s="91"/>
      <c r="HZ1008" s="91"/>
      <c r="IA1008" s="91"/>
      <c r="IB1008" s="91"/>
      <c r="IC1008" s="91"/>
      <c r="ID1008" s="91"/>
      <c r="IE1008" s="91"/>
      <c r="IF1008" s="91"/>
      <c r="IG1008" s="91"/>
      <c r="IH1008" s="91"/>
      <c r="II1008" s="91"/>
      <c r="IJ1008" s="91"/>
      <c r="IK1008" s="127"/>
    </row>
    <row r="1009" spans="2:245" x14ac:dyDescent="0.2">
      <c r="B1009" s="43"/>
      <c r="C1009" s="73"/>
      <c r="D1009" s="64"/>
      <c r="E1009" s="64"/>
      <c r="F1009" s="55"/>
      <c r="G1009" s="102"/>
      <c r="H1009" s="55"/>
      <c r="I1009" s="55"/>
      <c r="J1009" s="55"/>
      <c r="K1009" s="55"/>
      <c r="L1009" s="55"/>
      <c r="M1009" s="55"/>
      <c r="N1009" s="55"/>
      <c r="O1009" s="55"/>
      <c r="P1009" s="55"/>
      <c r="Q1009" s="55"/>
      <c r="R1009" s="55"/>
      <c r="S1009" s="55"/>
      <c r="T1009" s="55"/>
      <c r="U1009" s="55"/>
      <c r="V1009" s="55"/>
      <c r="W1009" s="55"/>
      <c r="X1009" s="55"/>
      <c r="Y1009" s="55"/>
      <c r="Z1009" s="55"/>
      <c r="AA1009" s="55"/>
      <c r="AB1009" s="55"/>
      <c r="AC1009" s="55"/>
      <c r="AD1009" s="55"/>
      <c r="AE1009" s="55"/>
      <c r="AF1009" s="55"/>
      <c r="AG1009" s="55"/>
      <c r="AY1009" s="162"/>
      <c r="AZ1009" s="162"/>
      <c r="BA1009" s="162"/>
      <c r="BB1009" s="162"/>
      <c r="BC1009" s="162"/>
      <c r="BD1009" s="162"/>
      <c r="BE1009" s="162"/>
      <c r="BF1009" s="162"/>
      <c r="BG1009" s="162"/>
      <c r="BH1009" s="162"/>
      <c r="BI1009" s="162"/>
      <c r="BJ1009" s="162"/>
      <c r="BK1009" s="162"/>
      <c r="BL1009" s="162"/>
      <c r="BM1009" s="162"/>
      <c r="BN1009" s="162"/>
      <c r="BO1009" s="162"/>
      <c r="BP1009" s="162"/>
      <c r="BQ1009" s="162"/>
      <c r="BR1009" s="162"/>
      <c r="BS1009" s="162"/>
      <c r="BT1009" s="162"/>
      <c r="BU1009" s="162"/>
      <c r="BV1009" s="162"/>
      <c r="BW1009" s="162"/>
      <c r="BX1009" s="162"/>
      <c r="BY1009" s="162"/>
      <c r="BZ1009" s="162"/>
      <c r="CA1009" s="162"/>
      <c r="CB1009" s="162"/>
      <c r="CC1009" s="162"/>
      <c r="CD1009" s="162"/>
      <c r="CE1009" s="162"/>
      <c r="CF1009" s="162"/>
      <c r="CG1009" s="162"/>
      <c r="CH1009" s="162"/>
      <c r="CI1009" s="162"/>
      <c r="CJ1009" s="162"/>
      <c r="CK1009" s="162"/>
      <c r="CX1009" s="98"/>
      <c r="DL1009" s="97"/>
      <c r="DX1009" s="98"/>
      <c r="EL1009" s="97"/>
      <c r="EX1009" s="98"/>
      <c r="EY1009" s="97"/>
      <c r="FL1009" s="126"/>
      <c r="FM1009" s="91"/>
      <c r="FN1009" s="91"/>
      <c r="FO1009" s="91"/>
      <c r="FP1009" s="91"/>
      <c r="FQ1009" s="91"/>
      <c r="FR1009" s="91"/>
      <c r="FS1009" s="91"/>
      <c r="FT1009" s="91"/>
      <c r="FU1009" s="91"/>
      <c r="FV1009" s="91"/>
      <c r="FW1009" s="91"/>
      <c r="FX1009" s="91"/>
      <c r="FY1009" s="91"/>
      <c r="FZ1009" s="91"/>
      <c r="GA1009" s="91"/>
      <c r="GB1009" s="91"/>
      <c r="GC1009" s="91"/>
      <c r="GD1009" s="91"/>
      <c r="GE1009" s="91"/>
      <c r="GF1009" s="91"/>
      <c r="GG1009" s="91"/>
      <c r="GH1009" s="91"/>
      <c r="GI1009" s="91"/>
      <c r="GJ1009" s="91"/>
      <c r="GK1009" s="127"/>
      <c r="GL1009" s="126"/>
      <c r="GM1009" s="91"/>
      <c r="GN1009" s="91"/>
      <c r="GO1009" s="91"/>
      <c r="GP1009" s="91"/>
      <c r="GQ1009" s="91"/>
      <c r="GR1009" s="91"/>
      <c r="GS1009" s="91"/>
      <c r="GT1009" s="91"/>
      <c r="GU1009" s="91"/>
      <c r="GV1009" s="91"/>
      <c r="GW1009" s="91"/>
      <c r="GX1009" s="91"/>
      <c r="GY1009" s="91"/>
      <c r="GZ1009" s="91"/>
      <c r="HA1009" s="91"/>
      <c r="HB1009" s="91"/>
      <c r="HC1009" s="91"/>
      <c r="HD1009" s="91"/>
      <c r="HE1009" s="91"/>
      <c r="HF1009" s="91"/>
      <c r="HG1009" s="91"/>
      <c r="HH1009" s="91"/>
      <c r="HI1009" s="91"/>
      <c r="HJ1009" s="91"/>
      <c r="HK1009" s="127"/>
      <c r="HL1009" s="126"/>
      <c r="HM1009" s="91"/>
      <c r="HN1009" s="91"/>
      <c r="HO1009" s="91"/>
      <c r="HP1009" s="91"/>
      <c r="HQ1009" s="91"/>
      <c r="HR1009" s="91"/>
      <c r="HS1009" s="91"/>
      <c r="HT1009" s="91"/>
      <c r="HU1009" s="91"/>
      <c r="HV1009" s="91"/>
      <c r="HW1009" s="91"/>
      <c r="HX1009" s="91"/>
      <c r="HY1009" s="91"/>
      <c r="HZ1009" s="91"/>
      <c r="IA1009" s="91"/>
      <c r="IB1009" s="91"/>
      <c r="IC1009" s="91"/>
      <c r="ID1009" s="91"/>
      <c r="IE1009" s="91"/>
      <c r="IF1009" s="91"/>
      <c r="IG1009" s="91"/>
      <c r="IH1009" s="91"/>
      <c r="II1009" s="91"/>
      <c r="IJ1009" s="91"/>
      <c r="IK1009" s="127"/>
    </row>
    <row r="1010" spans="2:245" x14ac:dyDescent="0.2">
      <c r="B1010" s="43"/>
      <c r="C1010" s="73"/>
      <c r="D1010" s="64"/>
      <c r="E1010" s="64"/>
      <c r="F1010" s="55"/>
      <c r="G1010" s="102"/>
      <c r="H1010" s="55"/>
      <c r="I1010" s="55"/>
      <c r="J1010" s="55"/>
      <c r="K1010" s="55"/>
      <c r="L1010" s="55"/>
      <c r="M1010" s="55"/>
      <c r="N1010" s="55"/>
      <c r="O1010" s="55"/>
      <c r="P1010" s="55"/>
      <c r="Q1010" s="55"/>
      <c r="R1010" s="55"/>
      <c r="S1010" s="55"/>
      <c r="T1010" s="55"/>
      <c r="U1010" s="55"/>
      <c r="V1010" s="55"/>
      <c r="W1010" s="55"/>
      <c r="X1010" s="55"/>
      <c r="Y1010" s="55"/>
      <c r="Z1010" s="55"/>
      <c r="AA1010" s="55"/>
      <c r="AB1010" s="55"/>
      <c r="AC1010" s="55"/>
      <c r="AD1010" s="55"/>
      <c r="AE1010" s="55"/>
      <c r="AF1010" s="55"/>
      <c r="AG1010" s="55"/>
      <c r="AY1010" s="162"/>
      <c r="AZ1010" s="162"/>
      <c r="BA1010" s="162"/>
      <c r="BB1010" s="162"/>
      <c r="BC1010" s="162"/>
      <c r="BD1010" s="162"/>
      <c r="BE1010" s="162"/>
      <c r="BF1010" s="162"/>
      <c r="BG1010" s="162"/>
      <c r="BH1010" s="162"/>
      <c r="BI1010" s="162"/>
      <c r="BJ1010" s="162"/>
      <c r="BK1010" s="162"/>
      <c r="BL1010" s="162"/>
      <c r="BM1010" s="162"/>
      <c r="BN1010" s="162"/>
      <c r="BO1010" s="162"/>
      <c r="BP1010" s="162"/>
      <c r="BQ1010" s="162"/>
      <c r="BR1010" s="162"/>
      <c r="BS1010" s="162"/>
      <c r="BT1010" s="162"/>
      <c r="BU1010" s="162"/>
      <c r="BV1010" s="162"/>
      <c r="BW1010" s="162"/>
      <c r="BX1010" s="162"/>
      <c r="BY1010" s="162"/>
      <c r="BZ1010" s="162"/>
      <c r="CA1010" s="162"/>
      <c r="CB1010" s="162"/>
      <c r="CC1010" s="162"/>
      <c r="CD1010" s="162"/>
      <c r="CE1010" s="162"/>
      <c r="CF1010" s="162"/>
      <c r="CG1010" s="162"/>
      <c r="CH1010" s="162"/>
      <c r="CI1010" s="162"/>
      <c r="CJ1010" s="162"/>
      <c r="CK1010" s="162"/>
      <c r="CX1010" s="98"/>
      <c r="DL1010" s="97"/>
      <c r="DX1010" s="98"/>
      <c r="EL1010" s="97"/>
      <c r="EX1010" s="98"/>
      <c r="EY1010" s="97"/>
      <c r="FL1010" s="126"/>
      <c r="FM1010" s="91"/>
      <c r="FN1010" s="91"/>
      <c r="FO1010" s="91"/>
      <c r="FP1010" s="91"/>
      <c r="FQ1010" s="91"/>
      <c r="FR1010" s="91"/>
      <c r="FS1010" s="91"/>
      <c r="FT1010" s="91"/>
      <c r="FU1010" s="91"/>
      <c r="FV1010" s="91"/>
      <c r="FW1010" s="91"/>
      <c r="FX1010" s="91"/>
      <c r="FY1010" s="91"/>
      <c r="FZ1010" s="91"/>
      <c r="GA1010" s="91"/>
      <c r="GB1010" s="91"/>
      <c r="GC1010" s="91"/>
      <c r="GD1010" s="91"/>
      <c r="GE1010" s="91"/>
      <c r="GF1010" s="91"/>
      <c r="GG1010" s="91"/>
      <c r="GH1010" s="91"/>
      <c r="GI1010" s="91"/>
      <c r="GJ1010" s="91"/>
      <c r="GK1010" s="127"/>
      <c r="GL1010" s="126"/>
      <c r="GM1010" s="91"/>
      <c r="GN1010" s="91"/>
      <c r="GO1010" s="91"/>
      <c r="GP1010" s="91"/>
      <c r="GQ1010" s="91"/>
      <c r="GR1010" s="91"/>
      <c r="GS1010" s="91"/>
      <c r="GT1010" s="91"/>
      <c r="GU1010" s="91"/>
      <c r="GV1010" s="91"/>
      <c r="GW1010" s="91"/>
      <c r="GX1010" s="91"/>
      <c r="GY1010" s="91"/>
      <c r="GZ1010" s="91"/>
      <c r="HA1010" s="91"/>
      <c r="HB1010" s="91"/>
      <c r="HC1010" s="91"/>
      <c r="HD1010" s="91"/>
      <c r="HE1010" s="91"/>
      <c r="HF1010" s="91"/>
      <c r="HG1010" s="91"/>
      <c r="HH1010" s="91"/>
      <c r="HI1010" s="91"/>
      <c r="HJ1010" s="91"/>
      <c r="HK1010" s="127"/>
      <c r="HL1010" s="126"/>
      <c r="HM1010" s="91"/>
      <c r="HN1010" s="91"/>
      <c r="HO1010" s="91"/>
      <c r="HP1010" s="91"/>
      <c r="HQ1010" s="91"/>
      <c r="HR1010" s="91"/>
      <c r="HS1010" s="91"/>
      <c r="HT1010" s="91"/>
      <c r="HU1010" s="91"/>
      <c r="HV1010" s="91"/>
      <c r="HW1010" s="91"/>
      <c r="HX1010" s="91"/>
      <c r="HY1010" s="91"/>
      <c r="HZ1010" s="91"/>
      <c r="IA1010" s="91"/>
      <c r="IB1010" s="91"/>
      <c r="IC1010" s="91"/>
      <c r="ID1010" s="91"/>
      <c r="IE1010" s="91"/>
      <c r="IF1010" s="91"/>
      <c r="IG1010" s="91"/>
      <c r="IH1010" s="91"/>
      <c r="II1010" s="91"/>
      <c r="IJ1010" s="91"/>
      <c r="IK1010" s="127"/>
    </row>
    <row r="1011" spans="2:245" x14ac:dyDescent="0.2">
      <c r="B1011" s="43"/>
      <c r="C1011" s="73"/>
      <c r="D1011" s="64"/>
      <c r="E1011" s="64"/>
      <c r="F1011" s="55"/>
      <c r="G1011" s="102"/>
      <c r="H1011" s="55"/>
      <c r="I1011" s="55"/>
      <c r="J1011" s="55"/>
      <c r="K1011" s="55"/>
      <c r="L1011" s="55"/>
      <c r="M1011" s="55"/>
      <c r="N1011" s="55"/>
      <c r="O1011" s="55"/>
      <c r="P1011" s="55"/>
      <c r="Q1011" s="55"/>
      <c r="R1011" s="55"/>
      <c r="S1011" s="55"/>
      <c r="T1011" s="55"/>
      <c r="U1011" s="55"/>
      <c r="V1011" s="55"/>
      <c r="W1011" s="55"/>
      <c r="X1011" s="55"/>
      <c r="Y1011" s="55"/>
      <c r="Z1011" s="55"/>
      <c r="AA1011" s="55"/>
      <c r="AB1011" s="55"/>
      <c r="AC1011" s="55"/>
      <c r="AD1011" s="55"/>
      <c r="AE1011" s="55"/>
      <c r="AF1011" s="55"/>
      <c r="AG1011" s="55"/>
      <c r="AY1011" s="162"/>
      <c r="AZ1011" s="162"/>
      <c r="BA1011" s="162"/>
      <c r="BB1011" s="162"/>
      <c r="BC1011" s="162"/>
      <c r="BD1011" s="162"/>
      <c r="BE1011" s="162"/>
      <c r="BF1011" s="162"/>
      <c r="BG1011" s="162"/>
      <c r="BH1011" s="162"/>
      <c r="BI1011" s="162"/>
      <c r="BJ1011" s="162"/>
      <c r="BK1011" s="162"/>
      <c r="BL1011" s="162"/>
      <c r="BM1011" s="162"/>
      <c r="BN1011" s="162"/>
      <c r="BO1011" s="162"/>
      <c r="BP1011" s="162"/>
      <c r="BQ1011" s="162"/>
      <c r="BR1011" s="162"/>
      <c r="BS1011" s="162"/>
      <c r="BT1011" s="162"/>
      <c r="BU1011" s="162"/>
      <c r="BV1011" s="162"/>
      <c r="BW1011" s="162"/>
      <c r="BX1011" s="162"/>
      <c r="BY1011" s="162"/>
      <c r="BZ1011" s="162"/>
      <c r="CA1011" s="162"/>
      <c r="CB1011" s="162"/>
      <c r="CC1011" s="162"/>
      <c r="CD1011" s="162"/>
      <c r="CE1011" s="162"/>
      <c r="CF1011" s="162"/>
      <c r="CG1011" s="162"/>
      <c r="CH1011" s="162"/>
      <c r="CI1011" s="162"/>
      <c r="CJ1011" s="162"/>
      <c r="CK1011" s="162"/>
      <c r="CX1011" s="98"/>
      <c r="DL1011" s="97"/>
      <c r="DX1011" s="98"/>
      <c r="EL1011" s="97"/>
      <c r="EX1011" s="98"/>
      <c r="EY1011" s="97"/>
      <c r="FL1011" s="126"/>
      <c r="FM1011" s="91"/>
      <c r="FN1011" s="91"/>
      <c r="FO1011" s="91"/>
      <c r="FP1011" s="91"/>
      <c r="FQ1011" s="91"/>
      <c r="FR1011" s="91"/>
      <c r="FS1011" s="91"/>
      <c r="FT1011" s="91"/>
      <c r="FU1011" s="91"/>
      <c r="FV1011" s="91"/>
      <c r="FW1011" s="91"/>
      <c r="FX1011" s="91"/>
      <c r="FY1011" s="91"/>
      <c r="FZ1011" s="91"/>
      <c r="GA1011" s="91"/>
      <c r="GB1011" s="91"/>
      <c r="GC1011" s="91"/>
      <c r="GD1011" s="91"/>
      <c r="GE1011" s="91"/>
      <c r="GF1011" s="91"/>
      <c r="GG1011" s="91"/>
      <c r="GH1011" s="91"/>
      <c r="GI1011" s="91"/>
      <c r="GJ1011" s="91"/>
      <c r="GK1011" s="127"/>
      <c r="GL1011" s="126"/>
      <c r="GM1011" s="91"/>
      <c r="GN1011" s="91"/>
      <c r="GO1011" s="91"/>
      <c r="GP1011" s="91"/>
      <c r="GQ1011" s="91"/>
      <c r="GR1011" s="91"/>
      <c r="GS1011" s="91"/>
      <c r="GT1011" s="91"/>
      <c r="GU1011" s="91"/>
      <c r="GV1011" s="91"/>
      <c r="GW1011" s="91"/>
      <c r="GX1011" s="91"/>
      <c r="GY1011" s="91"/>
      <c r="GZ1011" s="91"/>
      <c r="HA1011" s="91"/>
      <c r="HB1011" s="91"/>
      <c r="HC1011" s="91"/>
      <c r="HD1011" s="91"/>
      <c r="HE1011" s="91"/>
      <c r="HF1011" s="91"/>
      <c r="HG1011" s="91"/>
      <c r="HH1011" s="91"/>
      <c r="HI1011" s="91"/>
      <c r="HJ1011" s="91"/>
      <c r="HK1011" s="127"/>
      <c r="HL1011" s="126"/>
      <c r="HM1011" s="91"/>
      <c r="HN1011" s="91"/>
      <c r="HO1011" s="91"/>
      <c r="HP1011" s="91"/>
      <c r="HQ1011" s="91"/>
      <c r="HR1011" s="91"/>
      <c r="HS1011" s="91"/>
      <c r="HT1011" s="91"/>
      <c r="HU1011" s="91"/>
      <c r="HV1011" s="91"/>
      <c r="HW1011" s="91"/>
      <c r="HX1011" s="91"/>
      <c r="HY1011" s="91"/>
      <c r="HZ1011" s="91"/>
      <c r="IA1011" s="91"/>
      <c r="IB1011" s="91"/>
      <c r="IC1011" s="91"/>
      <c r="ID1011" s="91"/>
      <c r="IE1011" s="91"/>
      <c r="IF1011" s="91"/>
      <c r="IG1011" s="91"/>
      <c r="IH1011" s="91"/>
      <c r="II1011" s="91"/>
      <c r="IJ1011" s="91"/>
      <c r="IK1011" s="127"/>
    </row>
    <row r="1012" spans="2:245" x14ac:dyDescent="0.2">
      <c r="B1012" s="43"/>
      <c r="C1012" s="73"/>
      <c r="D1012" s="64"/>
      <c r="E1012" s="64"/>
      <c r="F1012" s="55"/>
      <c r="G1012" s="102"/>
      <c r="H1012" s="55"/>
      <c r="I1012" s="55"/>
      <c r="J1012" s="55"/>
      <c r="K1012" s="55"/>
      <c r="L1012" s="55"/>
      <c r="M1012" s="55"/>
      <c r="N1012" s="55"/>
      <c r="O1012" s="55"/>
      <c r="P1012" s="55"/>
      <c r="Q1012" s="55"/>
      <c r="R1012" s="55"/>
      <c r="S1012" s="55"/>
      <c r="T1012" s="55"/>
      <c r="U1012" s="55"/>
      <c r="V1012" s="55"/>
      <c r="W1012" s="55"/>
      <c r="X1012" s="55"/>
      <c r="Y1012" s="55"/>
      <c r="Z1012" s="55"/>
      <c r="AA1012" s="55"/>
      <c r="AB1012" s="55"/>
      <c r="AC1012" s="55"/>
      <c r="AD1012" s="55"/>
      <c r="AE1012" s="55"/>
      <c r="AF1012" s="55"/>
      <c r="AG1012" s="55"/>
      <c r="AY1012" s="162"/>
      <c r="AZ1012" s="162"/>
      <c r="BA1012" s="162"/>
      <c r="BB1012" s="162"/>
      <c r="BC1012" s="162"/>
      <c r="BD1012" s="162"/>
      <c r="BE1012" s="162"/>
      <c r="BF1012" s="162"/>
      <c r="BG1012" s="162"/>
      <c r="BH1012" s="162"/>
      <c r="BI1012" s="162"/>
      <c r="BJ1012" s="162"/>
      <c r="BK1012" s="162"/>
      <c r="BL1012" s="162"/>
      <c r="BM1012" s="162"/>
      <c r="BN1012" s="162"/>
      <c r="BO1012" s="162"/>
      <c r="BP1012" s="162"/>
      <c r="BQ1012" s="162"/>
      <c r="BR1012" s="162"/>
      <c r="BS1012" s="162"/>
      <c r="BT1012" s="162"/>
      <c r="BU1012" s="162"/>
      <c r="BV1012" s="162"/>
      <c r="BW1012" s="162"/>
      <c r="BX1012" s="162"/>
      <c r="BY1012" s="162"/>
      <c r="BZ1012" s="162"/>
      <c r="CA1012" s="162"/>
      <c r="CB1012" s="162"/>
      <c r="CC1012" s="162"/>
      <c r="CD1012" s="162"/>
      <c r="CE1012" s="162"/>
      <c r="CF1012" s="162"/>
      <c r="CG1012" s="162"/>
      <c r="CH1012" s="162"/>
      <c r="CI1012" s="162"/>
      <c r="CJ1012" s="162"/>
      <c r="CK1012" s="162"/>
      <c r="CX1012" s="98"/>
      <c r="DL1012" s="97"/>
      <c r="DX1012" s="98"/>
      <c r="EL1012" s="97"/>
      <c r="EX1012" s="98"/>
      <c r="EY1012" s="97"/>
      <c r="FL1012" s="126"/>
      <c r="FM1012" s="91"/>
      <c r="FN1012" s="91"/>
      <c r="FO1012" s="91"/>
      <c r="FP1012" s="91"/>
      <c r="FQ1012" s="91"/>
      <c r="FR1012" s="91"/>
      <c r="FS1012" s="91"/>
      <c r="FT1012" s="91"/>
      <c r="FU1012" s="91"/>
      <c r="FV1012" s="91"/>
      <c r="FW1012" s="91"/>
      <c r="FX1012" s="91"/>
      <c r="FY1012" s="91"/>
      <c r="FZ1012" s="91"/>
      <c r="GA1012" s="91"/>
      <c r="GB1012" s="91"/>
      <c r="GC1012" s="91"/>
      <c r="GD1012" s="91"/>
      <c r="GE1012" s="91"/>
      <c r="GF1012" s="91"/>
      <c r="GG1012" s="91"/>
      <c r="GH1012" s="91"/>
      <c r="GI1012" s="91"/>
      <c r="GJ1012" s="91"/>
      <c r="GK1012" s="127"/>
      <c r="GL1012" s="126"/>
      <c r="GM1012" s="91"/>
      <c r="GN1012" s="91"/>
      <c r="GO1012" s="91"/>
      <c r="GP1012" s="91"/>
      <c r="GQ1012" s="91"/>
      <c r="GR1012" s="91"/>
      <c r="GS1012" s="91"/>
      <c r="GT1012" s="91"/>
      <c r="GU1012" s="91"/>
      <c r="GV1012" s="91"/>
      <c r="GW1012" s="91"/>
      <c r="GX1012" s="91"/>
      <c r="GY1012" s="91"/>
      <c r="GZ1012" s="91"/>
      <c r="HA1012" s="91"/>
      <c r="HB1012" s="91"/>
      <c r="HC1012" s="91"/>
      <c r="HD1012" s="91"/>
      <c r="HE1012" s="91"/>
      <c r="HF1012" s="91"/>
      <c r="HG1012" s="91"/>
      <c r="HH1012" s="91"/>
      <c r="HI1012" s="91"/>
      <c r="HJ1012" s="91"/>
      <c r="HK1012" s="127"/>
      <c r="HL1012" s="126"/>
      <c r="HM1012" s="91"/>
      <c r="HN1012" s="91"/>
      <c r="HO1012" s="91"/>
      <c r="HP1012" s="91"/>
      <c r="HQ1012" s="91"/>
      <c r="HR1012" s="91"/>
      <c r="HS1012" s="91"/>
      <c r="HT1012" s="91"/>
      <c r="HU1012" s="91"/>
      <c r="HV1012" s="91"/>
      <c r="HW1012" s="91"/>
      <c r="HX1012" s="91"/>
      <c r="HY1012" s="91"/>
      <c r="HZ1012" s="91"/>
      <c r="IA1012" s="91"/>
      <c r="IB1012" s="91"/>
      <c r="IC1012" s="91"/>
      <c r="ID1012" s="91"/>
      <c r="IE1012" s="91"/>
      <c r="IF1012" s="91"/>
      <c r="IG1012" s="91"/>
      <c r="IH1012" s="91"/>
      <c r="II1012" s="91"/>
      <c r="IJ1012" s="91"/>
      <c r="IK1012" s="127"/>
    </row>
    <row r="1013" spans="2:245" x14ac:dyDescent="0.2">
      <c r="B1013" s="43"/>
      <c r="C1013" s="73"/>
      <c r="D1013" s="64"/>
      <c r="E1013" s="64"/>
      <c r="F1013" s="55"/>
      <c r="G1013" s="102"/>
      <c r="H1013" s="55"/>
      <c r="I1013" s="55"/>
      <c r="J1013" s="55"/>
      <c r="K1013" s="55"/>
      <c r="L1013" s="55"/>
      <c r="M1013" s="55"/>
      <c r="N1013" s="55"/>
      <c r="O1013" s="55"/>
      <c r="P1013" s="55"/>
      <c r="Q1013" s="55"/>
      <c r="R1013" s="55"/>
      <c r="S1013" s="55"/>
      <c r="T1013" s="55"/>
      <c r="U1013" s="55"/>
      <c r="V1013" s="55"/>
      <c r="W1013" s="55"/>
      <c r="X1013" s="55"/>
      <c r="Y1013" s="55"/>
      <c r="Z1013" s="55"/>
      <c r="AA1013" s="55"/>
      <c r="AB1013" s="55"/>
      <c r="AC1013" s="55"/>
      <c r="AD1013" s="55"/>
      <c r="AE1013" s="55"/>
      <c r="AF1013" s="55"/>
      <c r="AG1013" s="55"/>
      <c r="AY1013" s="162"/>
      <c r="AZ1013" s="162"/>
      <c r="BA1013" s="162"/>
      <c r="BB1013" s="162"/>
      <c r="BC1013" s="162"/>
      <c r="BD1013" s="162"/>
      <c r="BE1013" s="162"/>
      <c r="BF1013" s="162"/>
      <c r="BG1013" s="162"/>
      <c r="BH1013" s="162"/>
      <c r="BI1013" s="162"/>
      <c r="BJ1013" s="162"/>
      <c r="BK1013" s="162"/>
      <c r="BL1013" s="162"/>
      <c r="BM1013" s="162"/>
      <c r="BN1013" s="162"/>
      <c r="BO1013" s="162"/>
      <c r="BP1013" s="162"/>
      <c r="BQ1013" s="162"/>
      <c r="BR1013" s="162"/>
      <c r="BS1013" s="162"/>
      <c r="BT1013" s="162"/>
      <c r="BU1013" s="162"/>
      <c r="BV1013" s="162"/>
      <c r="BW1013" s="162"/>
      <c r="BX1013" s="162"/>
      <c r="BY1013" s="162"/>
      <c r="BZ1013" s="162"/>
      <c r="CA1013" s="162"/>
      <c r="CB1013" s="162"/>
      <c r="CC1013" s="162"/>
      <c r="CD1013" s="162"/>
      <c r="CE1013" s="162"/>
      <c r="CF1013" s="162"/>
      <c r="CG1013" s="162"/>
      <c r="CH1013" s="162"/>
      <c r="CI1013" s="162"/>
      <c r="CJ1013" s="162"/>
      <c r="CK1013" s="162"/>
      <c r="CX1013" s="98"/>
      <c r="DL1013" s="97"/>
      <c r="DX1013" s="98"/>
      <c r="EL1013" s="97"/>
      <c r="EX1013" s="98"/>
      <c r="EY1013" s="97"/>
      <c r="FL1013" s="126"/>
      <c r="FM1013" s="91"/>
      <c r="FN1013" s="91"/>
      <c r="FO1013" s="91"/>
      <c r="FP1013" s="91"/>
      <c r="FQ1013" s="91"/>
      <c r="FR1013" s="91"/>
      <c r="FS1013" s="91"/>
      <c r="FT1013" s="91"/>
      <c r="FU1013" s="91"/>
      <c r="FV1013" s="91"/>
      <c r="FW1013" s="91"/>
      <c r="FX1013" s="91"/>
      <c r="FY1013" s="91"/>
      <c r="FZ1013" s="91"/>
      <c r="GA1013" s="91"/>
      <c r="GB1013" s="91"/>
      <c r="GC1013" s="91"/>
      <c r="GD1013" s="91"/>
      <c r="GE1013" s="91"/>
      <c r="GF1013" s="91"/>
      <c r="GG1013" s="91"/>
      <c r="GH1013" s="91"/>
      <c r="GI1013" s="91"/>
      <c r="GJ1013" s="91"/>
      <c r="GK1013" s="127"/>
      <c r="GL1013" s="126"/>
      <c r="GM1013" s="91"/>
      <c r="GN1013" s="91"/>
      <c r="GO1013" s="91"/>
      <c r="GP1013" s="91"/>
      <c r="GQ1013" s="91"/>
      <c r="GR1013" s="91"/>
      <c r="GS1013" s="91"/>
      <c r="GT1013" s="91"/>
      <c r="GU1013" s="91"/>
      <c r="GV1013" s="91"/>
      <c r="GW1013" s="91"/>
      <c r="GX1013" s="91"/>
      <c r="GY1013" s="91"/>
      <c r="GZ1013" s="91"/>
      <c r="HA1013" s="91"/>
      <c r="HB1013" s="91"/>
      <c r="HC1013" s="91"/>
      <c r="HD1013" s="91"/>
      <c r="HE1013" s="91"/>
      <c r="HF1013" s="91"/>
      <c r="HG1013" s="91"/>
      <c r="HH1013" s="91"/>
      <c r="HI1013" s="91"/>
      <c r="HJ1013" s="91"/>
      <c r="HK1013" s="127"/>
      <c r="HL1013" s="126"/>
      <c r="HM1013" s="91"/>
      <c r="HN1013" s="91"/>
      <c r="HO1013" s="91"/>
      <c r="HP1013" s="91"/>
      <c r="HQ1013" s="91"/>
      <c r="HR1013" s="91"/>
      <c r="HS1013" s="91"/>
      <c r="HT1013" s="91"/>
      <c r="HU1013" s="91"/>
      <c r="HV1013" s="91"/>
      <c r="HW1013" s="91"/>
      <c r="HX1013" s="91"/>
      <c r="HY1013" s="91"/>
      <c r="HZ1013" s="91"/>
      <c r="IA1013" s="91"/>
      <c r="IB1013" s="91"/>
      <c r="IC1013" s="91"/>
      <c r="ID1013" s="91"/>
      <c r="IE1013" s="91"/>
      <c r="IF1013" s="91"/>
      <c r="IG1013" s="91"/>
      <c r="IH1013" s="91"/>
      <c r="II1013" s="91"/>
      <c r="IJ1013" s="91"/>
      <c r="IK1013" s="127"/>
    </row>
    <row r="1014" spans="2:245" x14ac:dyDescent="0.2">
      <c r="B1014" s="43"/>
      <c r="C1014" s="73"/>
      <c r="D1014" s="64"/>
      <c r="E1014" s="64"/>
      <c r="F1014" s="55"/>
      <c r="G1014" s="102"/>
      <c r="H1014" s="55"/>
      <c r="I1014" s="55"/>
      <c r="J1014" s="55"/>
      <c r="K1014" s="55"/>
      <c r="L1014" s="55"/>
      <c r="M1014" s="55"/>
      <c r="N1014" s="55"/>
      <c r="O1014" s="55"/>
      <c r="P1014" s="55"/>
      <c r="Q1014" s="55"/>
      <c r="R1014" s="55"/>
      <c r="S1014" s="55"/>
      <c r="T1014" s="55"/>
      <c r="U1014" s="55"/>
      <c r="V1014" s="55"/>
      <c r="W1014" s="55"/>
      <c r="X1014" s="55"/>
      <c r="Y1014" s="55"/>
      <c r="Z1014" s="55"/>
      <c r="AA1014" s="55"/>
      <c r="AB1014" s="55"/>
      <c r="AC1014" s="55"/>
      <c r="AD1014" s="55"/>
      <c r="AE1014" s="55"/>
      <c r="AF1014" s="55"/>
      <c r="AG1014" s="55"/>
      <c r="AY1014" s="162"/>
      <c r="AZ1014" s="162"/>
      <c r="BA1014" s="162"/>
      <c r="BB1014" s="162"/>
      <c r="BC1014" s="162"/>
      <c r="BD1014" s="162"/>
      <c r="BE1014" s="162"/>
      <c r="BF1014" s="162"/>
      <c r="BG1014" s="162"/>
      <c r="BH1014" s="162"/>
      <c r="BI1014" s="162"/>
      <c r="BJ1014" s="162"/>
      <c r="BK1014" s="162"/>
      <c r="BL1014" s="162"/>
      <c r="BM1014" s="162"/>
      <c r="BN1014" s="162"/>
      <c r="BO1014" s="162"/>
      <c r="BP1014" s="162"/>
      <c r="BQ1014" s="162"/>
      <c r="BR1014" s="162"/>
      <c r="BS1014" s="162"/>
      <c r="BT1014" s="162"/>
      <c r="BU1014" s="162"/>
      <c r="BV1014" s="162"/>
      <c r="BW1014" s="162"/>
      <c r="BX1014" s="162"/>
      <c r="BY1014" s="162"/>
      <c r="BZ1014" s="162"/>
      <c r="CA1014" s="162"/>
      <c r="CB1014" s="162"/>
      <c r="CC1014" s="162"/>
      <c r="CD1014" s="162"/>
      <c r="CE1014" s="162"/>
      <c r="CF1014" s="162"/>
      <c r="CG1014" s="162"/>
      <c r="CH1014" s="162"/>
      <c r="CI1014" s="162"/>
      <c r="CJ1014" s="162"/>
      <c r="CK1014" s="162"/>
      <c r="CX1014" s="98"/>
      <c r="DL1014" s="97"/>
      <c r="DX1014" s="98"/>
      <c r="EL1014" s="97"/>
      <c r="EX1014" s="98"/>
      <c r="EY1014" s="97"/>
      <c r="FL1014" s="126"/>
      <c r="FM1014" s="91"/>
      <c r="FN1014" s="91"/>
      <c r="FO1014" s="91"/>
      <c r="FP1014" s="91"/>
      <c r="FQ1014" s="91"/>
      <c r="FR1014" s="91"/>
      <c r="FS1014" s="91"/>
      <c r="FT1014" s="91"/>
      <c r="FU1014" s="91"/>
      <c r="FV1014" s="91"/>
      <c r="FW1014" s="91"/>
      <c r="FX1014" s="91"/>
      <c r="FY1014" s="91"/>
      <c r="FZ1014" s="91"/>
      <c r="GA1014" s="91"/>
      <c r="GB1014" s="91"/>
      <c r="GC1014" s="91"/>
      <c r="GD1014" s="91"/>
      <c r="GE1014" s="91"/>
      <c r="GF1014" s="91"/>
      <c r="GG1014" s="91"/>
      <c r="GH1014" s="91"/>
      <c r="GI1014" s="91"/>
      <c r="GJ1014" s="91"/>
      <c r="GK1014" s="127"/>
      <c r="GL1014" s="126"/>
      <c r="GM1014" s="91"/>
      <c r="GN1014" s="91"/>
      <c r="GO1014" s="91"/>
      <c r="GP1014" s="91"/>
      <c r="GQ1014" s="91"/>
      <c r="GR1014" s="91"/>
      <c r="GS1014" s="91"/>
      <c r="GT1014" s="91"/>
      <c r="GU1014" s="91"/>
      <c r="GV1014" s="91"/>
      <c r="GW1014" s="91"/>
      <c r="GX1014" s="91"/>
      <c r="GY1014" s="91"/>
      <c r="GZ1014" s="91"/>
      <c r="HA1014" s="91"/>
      <c r="HB1014" s="91"/>
      <c r="HC1014" s="91"/>
      <c r="HD1014" s="91"/>
      <c r="HE1014" s="91"/>
      <c r="HF1014" s="91"/>
      <c r="HG1014" s="91"/>
      <c r="HH1014" s="91"/>
      <c r="HI1014" s="91"/>
      <c r="HJ1014" s="91"/>
      <c r="HK1014" s="127"/>
      <c r="HL1014" s="126"/>
      <c r="HM1014" s="91"/>
      <c r="HN1014" s="91"/>
      <c r="HO1014" s="91"/>
      <c r="HP1014" s="91"/>
      <c r="HQ1014" s="91"/>
      <c r="HR1014" s="91"/>
      <c r="HS1014" s="91"/>
      <c r="HT1014" s="91"/>
      <c r="HU1014" s="91"/>
      <c r="HV1014" s="91"/>
      <c r="HW1014" s="91"/>
      <c r="HX1014" s="91"/>
      <c r="HY1014" s="91"/>
      <c r="HZ1014" s="91"/>
      <c r="IA1014" s="91"/>
      <c r="IB1014" s="91"/>
      <c r="IC1014" s="91"/>
      <c r="ID1014" s="91"/>
      <c r="IE1014" s="91"/>
      <c r="IF1014" s="91"/>
      <c r="IG1014" s="91"/>
      <c r="IH1014" s="91"/>
      <c r="II1014" s="91"/>
      <c r="IJ1014" s="91"/>
      <c r="IK1014" s="127"/>
    </row>
    <row r="1015" spans="2:245" x14ac:dyDescent="0.2">
      <c r="B1015" s="43"/>
      <c r="C1015" s="73"/>
      <c r="D1015" s="64"/>
      <c r="E1015" s="64"/>
      <c r="F1015" s="55"/>
      <c r="G1015" s="102"/>
      <c r="H1015" s="55"/>
      <c r="I1015" s="55"/>
      <c r="J1015" s="55"/>
      <c r="K1015" s="55"/>
      <c r="L1015" s="55"/>
      <c r="M1015" s="55"/>
      <c r="N1015" s="55"/>
      <c r="O1015" s="55"/>
      <c r="P1015" s="55"/>
      <c r="Q1015" s="55"/>
      <c r="R1015" s="55"/>
      <c r="S1015" s="55"/>
      <c r="T1015" s="55"/>
      <c r="U1015" s="55"/>
      <c r="V1015" s="55"/>
      <c r="W1015" s="55"/>
      <c r="X1015" s="55"/>
      <c r="Y1015" s="55"/>
      <c r="Z1015" s="55"/>
      <c r="AA1015" s="55"/>
      <c r="AB1015" s="55"/>
      <c r="AC1015" s="55"/>
      <c r="AD1015" s="55"/>
      <c r="AE1015" s="55"/>
      <c r="AF1015" s="55"/>
      <c r="AG1015" s="55"/>
      <c r="AY1015" s="162"/>
      <c r="AZ1015" s="162"/>
      <c r="BA1015" s="162"/>
      <c r="BB1015" s="162"/>
      <c r="BC1015" s="162"/>
      <c r="BD1015" s="162"/>
      <c r="BE1015" s="162"/>
      <c r="BF1015" s="162"/>
      <c r="BG1015" s="162"/>
      <c r="BH1015" s="162"/>
      <c r="BI1015" s="162"/>
      <c r="BJ1015" s="162"/>
      <c r="BK1015" s="162"/>
      <c r="BL1015" s="162"/>
      <c r="BM1015" s="162"/>
      <c r="BN1015" s="162"/>
      <c r="BO1015" s="162"/>
      <c r="BP1015" s="162"/>
      <c r="BQ1015" s="162"/>
      <c r="BR1015" s="162"/>
      <c r="BS1015" s="162"/>
      <c r="BT1015" s="162"/>
      <c r="BU1015" s="162"/>
      <c r="BV1015" s="162"/>
      <c r="BW1015" s="162"/>
      <c r="BX1015" s="162"/>
      <c r="BY1015" s="162"/>
      <c r="BZ1015" s="162"/>
      <c r="CA1015" s="162"/>
      <c r="CB1015" s="162"/>
      <c r="CC1015" s="162"/>
      <c r="CD1015" s="162"/>
      <c r="CE1015" s="162"/>
      <c r="CF1015" s="162"/>
      <c r="CG1015" s="162"/>
      <c r="CH1015" s="162"/>
      <c r="CI1015" s="162"/>
      <c r="CJ1015" s="162"/>
      <c r="CK1015" s="162"/>
      <c r="CX1015" s="98"/>
      <c r="DL1015" s="97"/>
      <c r="DX1015" s="98"/>
      <c r="EL1015" s="97"/>
      <c r="EX1015" s="98"/>
      <c r="EY1015" s="97"/>
      <c r="FL1015" s="126"/>
      <c r="FM1015" s="91"/>
      <c r="FN1015" s="91"/>
      <c r="FO1015" s="91"/>
      <c r="FP1015" s="91"/>
      <c r="FQ1015" s="91"/>
      <c r="FR1015" s="91"/>
      <c r="FS1015" s="91"/>
      <c r="FT1015" s="91"/>
      <c r="FU1015" s="91"/>
      <c r="FV1015" s="91"/>
      <c r="FW1015" s="91"/>
      <c r="FX1015" s="91"/>
      <c r="FY1015" s="91"/>
      <c r="FZ1015" s="91"/>
      <c r="GA1015" s="91"/>
      <c r="GB1015" s="91"/>
      <c r="GC1015" s="91"/>
      <c r="GD1015" s="91"/>
      <c r="GE1015" s="91"/>
      <c r="GF1015" s="91"/>
      <c r="GG1015" s="91"/>
      <c r="GH1015" s="91"/>
      <c r="GI1015" s="91"/>
      <c r="GJ1015" s="91"/>
      <c r="GK1015" s="127"/>
      <c r="GL1015" s="126"/>
      <c r="GM1015" s="91"/>
      <c r="GN1015" s="91"/>
      <c r="GO1015" s="91"/>
      <c r="GP1015" s="91"/>
      <c r="GQ1015" s="91"/>
      <c r="GR1015" s="91"/>
      <c r="GS1015" s="91"/>
      <c r="GT1015" s="91"/>
      <c r="GU1015" s="91"/>
      <c r="GV1015" s="91"/>
      <c r="GW1015" s="91"/>
      <c r="GX1015" s="91"/>
      <c r="GY1015" s="91"/>
      <c r="GZ1015" s="91"/>
      <c r="HA1015" s="91"/>
      <c r="HB1015" s="91"/>
      <c r="HC1015" s="91"/>
      <c r="HD1015" s="91"/>
      <c r="HE1015" s="91"/>
      <c r="HF1015" s="91"/>
      <c r="HG1015" s="91"/>
      <c r="HH1015" s="91"/>
      <c r="HI1015" s="91"/>
      <c r="HJ1015" s="91"/>
      <c r="HK1015" s="127"/>
      <c r="HL1015" s="126"/>
      <c r="HM1015" s="91"/>
      <c r="HN1015" s="91"/>
      <c r="HO1015" s="91"/>
      <c r="HP1015" s="91"/>
      <c r="HQ1015" s="91"/>
      <c r="HR1015" s="91"/>
      <c r="HS1015" s="91"/>
      <c r="HT1015" s="91"/>
      <c r="HU1015" s="91"/>
      <c r="HV1015" s="91"/>
      <c r="HW1015" s="91"/>
      <c r="HX1015" s="91"/>
      <c r="HY1015" s="91"/>
      <c r="HZ1015" s="91"/>
      <c r="IA1015" s="91"/>
      <c r="IB1015" s="91"/>
      <c r="IC1015" s="91"/>
      <c r="ID1015" s="91"/>
      <c r="IE1015" s="91"/>
      <c r="IF1015" s="91"/>
      <c r="IG1015" s="91"/>
      <c r="IH1015" s="91"/>
      <c r="II1015" s="91"/>
      <c r="IJ1015" s="91"/>
      <c r="IK1015" s="127"/>
    </row>
    <row r="1016" spans="2:245" x14ac:dyDescent="0.2">
      <c r="B1016" s="43"/>
      <c r="C1016" s="73"/>
      <c r="D1016" s="64"/>
      <c r="E1016" s="64"/>
      <c r="F1016" s="55"/>
      <c r="G1016" s="102"/>
      <c r="H1016" s="55"/>
      <c r="I1016" s="55"/>
      <c r="J1016" s="55"/>
      <c r="K1016" s="55"/>
      <c r="L1016" s="55"/>
      <c r="M1016" s="55"/>
      <c r="N1016" s="55"/>
      <c r="O1016" s="55"/>
      <c r="P1016" s="55"/>
      <c r="Q1016" s="55"/>
      <c r="R1016" s="55"/>
      <c r="S1016" s="55"/>
      <c r="T1016" s="55"/>
      <c r="U1016" s="55"/>
      <c r="V1016" s="55"/>
      <c r="W1016" s="55"/>
      <c r="X1016" s="55"/>
      <c r="Y1016" s="55"/>
      <c r="Z1016" s="55"/>
      <c r="AA1016" s="55"/>
      <c r="AB1016" s="55"/>
      <c r="AC1016" s="55"/>
      <c r="AD1016" s="55"/>
      <c r="AE1016" s="55"/>
      <c r="AF1016" s="55"/>
      <c r="AG1016" s="55"/>
      <c r="AY1016" s="162"/>
      <c r="AZ1016" s="162"/>
      <c r="BA1016" s="162"/>
      <c r="BB1016" s="162"/>
      <c r="BC1016" s="162"/>
      <c r="BD1016" s="162"/>
      <c r="BE1016" s="162"/>
      <c r="BF1016" s="162"/>
      <c r="BG1016" s="162"/>
      <c r="BH1016" s="162"/>
      <c r="BI1016" s="162"/>
      <c r="BJ1016" s="162"/>
      <c r="BK1016" s="162"/>
      <c r="BL1016" s="162"/>
      <c r="BM1016" s="162"/>
      <c r="BN1016" s="162"/>
      <c r="BO1016" s="162"/>
      <c r="BP1016" s="162"/>
      <c r="BQ1016" s="162"/>
      <c r="BR1016" s="162"/>
      <c r="BS1016" s="162"/>
      <c r="BT1016" s="162"/>
      <c r="BU1016" s="162"/>
      <c r="BV1016" s="162"/>
      <c r="BW1016" s="162"/>
      <c r="BX1016" s="162"/>
      <c r="BY1016" s="162"/>
      <c r="BZ1016" s="162"/>
      <c r="CA1016" s="162"/>
      <c r="CB1016" s="162"/>
      <c r="CC1016" s="162"/>
      <c r="CD1016" s="162"/>
      <c r="CE1016" s="162"/>
      <c r="CF1016" s="162"/>
      <c r="CG1016" s="162"/>
      <c r="CH1016" s="162"/>
      <c r="CI1016" s="162"/>
      <c r="CJ1016" s="162"/>
      <c r="CK1016" s="162"/>
      <c r="CX1016" s="98"/>
      <c r="DL1016" s="97"/>
      <c r="DX1016" s="98"/>
      <c r="EL1016" s="97"/>
      <c r="EX1016" s="98"/>
      <c r="EY1016" s="97"/>
      <c r="FL1016" s="126"/>
      <c r="FM1016" s="91"/>
      <c r="FN1016" s="91"/>
      <c r="FO1016" s="91"/>
      <c r="FP1016" s="91"/>
      <c r="FQ1016" s="91"/>
      <c r="FR1016" s="91"/>
      <c r="FS1016" s="91"/>
      <c r="FT1016" s="91"/>
      <c r="FU1016" s="91"/>
      <c r="FV1016" s="91"/>
      <c r="FW1016" s="91"/>
      <c r="FX1016" s="91"/>
      <c r="FY1016" s="91"/>
      <c r="FZ1016" s="91"/>
      <c r="GA1016" s="91"/>
      <c r="GB1016" s="91"/>
      <c r="GC1016" s="91"/>
      <c r="GD1016" s="91"/>
      <c r="GE1016" s="91"/>
      <c r="GF1016" s="91"/>
      <c r="GG1016" s="91"/>
      <c r="GH1016" s="91"/>
      <c r="GI1016" s="91"/>
      <c r="GJ1016" s="91"/>
      <c r="GK1016" s="127"/>
      <c r="GL1016" s="126"/>
      <c r="GM1016" s="91"/>
      <c r="GN1016" s="91"/>
      <c r="GO1016" s="91"/>
      <c r="GP1016" s="91"/>
      <c r="GQ1016" s="91"/>
      <c r="GR1016" s="91"/>
      <c r="GS1016" s="91"/>
      <c r="GT1016" s="91"/>
      <c r="GU1016" s="91"/>
      <c r="GV1016" s="91"/>
      <c r="GW1016" s="91"/>
      <c r="GX1016" s="91"/>
      <c r="GY1016" s="91"/>
      <c r="GZ1016" s="91"/>
      <c r="HA1016" s="91"/>
      <c r="HB1016" s="91"/>
      <c r="HC1016" s="91"/>
      <c r="HD1016" s="91"/>
      <c r="HE1016" s="91"/>
      <c r="HF1016" s="91"/>
      <c r="HG1016" s="91"/>
      <c r="HH1016" s="91"/>
      <c r="HI1016" s="91"/>
      <c r="HJ1016" s="91"/>
      <c r="HK1016" s="127"/>
      <c r="HL1016" s="126"/>
      <c r="HM1016" s="91"/>
      <c r="HN1016" s="91"/>
      <c r="HO1016" s="91"/>
      <c r="HP1016" s="91"/>
      <c r="HQ1016" s="91"/>
      <c r="HR1016" s="91"/>
      <c r="HS1016" s="91"/>
      <c r="HT1016" s="91"/>
      <c r="HU1016" s="91"/>
      <c r="HV1016" s="91"/>
      <c r="HW1016" s="91"/>
      <c r="HX1016" s="91"/>
      <c r="HY1016" s="91"/>
      <c r="HZ1016" s="91"/>
      <c r="IA1016" s="91"/>
      <c r="IB1016" s="91"/>
      <c r="IC1016" s="91"/>
      <c r="ID1016" s="91"/>
      <c r="IE1016" s="91"/>
      <c r="IF1016" s="91"/>
      <c r="IG1016" s="91"/>
      <c r="IH1016" s="91"/>
      <c r="II1016" s="91"/>
      <c r="IJ1016" s="91"/>
      <c r="IK1016" s="127"/>
    </row>
    <row r="1017" spans="2:245" x14ac:dyDescent="0.2">
      <c r="B1017" s="43"/>
      <c r="C1017" s="73"/>
      <c r="D1017" s="64"/>
      <c r="E1017" s="64"/>
      <c r="F1017" s="55"/>
      <c r="G1017" s="102"/>
      <c r="H1017" s="55"/>
      <c r="I1017" s="55"/>
      <c r="J1017" s="55"/>
      <c r="K1017" s="55"/>
      <c r="L1017" s="55"/>
      <c r="M1017" s="55"/>
      <c r="N1017" s="55"/>
      <c r="O1017" s="55"/>
      <c r="P1017" s="55"/>
      <c r="Q1017" s="55"/>
      <c r="R1017" s="55"/>
      <c r="S1017" s="55"/>
      <c r="T1017" s="55"/>
      <c r="U1017" s="55"/>
      <c r="V1017" s="55"/>
      <c r="W1017" s="55"/>
      <c r="X1017" s="55"/>
      <c r="Y1017" s="55"/>
      <c r="Z1017" s="55"/>
      <c r="AA1017" s="55"/>
      <c r="AB1017" s="55"/>
      <c r="AC1017" s="55"/>
      <c r="AD1017" s="55"/>
      <c r="AE1017" s="55"/>
      <c r="AF1017" s="55"/>
      <c r="AG1017" s="55"/>
      <c r="AY1017" s="162"/>
      <c r="AZ1017" s="162"/>
      <c r="BA1017" s="162"/>
      <c r="BB1017" s="162"/>
      <c r="BC1017" s="162"/>
      <c r="BD1017" s="162"/>
      <c r="BE1017" s="162"/>
      <c r="BF1017" s="162"/>
      <c r="BG1017" s="162"/>
      <c r="BH1017" s="162"/>
      <c r="BI1017" s="162"/>
      <c r="BJ1017" s="162"/>
      <c r="BK1017" s="162"/>
      <c r="BL1017" s="162"/>
      <c r="BM1017" s="162"/>
      <c r="BN1017" s="162"/>
      <c r="BO1017" s="162"/>
      <c r="BP1017" s="162"/>
      <c r="BQ1017" s="162"/>
      <c r="BR1017" s="162"/>
      <c r="BS1017" s="162"/>
      <c r="BT1017" s="162"/>
      <c r="BU1017" s="162"/>
      <c r="BV1017" s="162"/>
      <c r="BW1017" s="162"/>
      <c r="BX1017" s="162"/>
      <c r="BY1017" s="162"/>
      <c r="BZ1017" s="162"/>
      <c r="CA1017" s="162"/>
      <c r="CB1017" s="162"/>
      <c r="CC1017" s="162"/>
      <c r="CD1017" s="162"/>
      <c r="CE1017" s="162"/>
      <c r="CF1017" s="162"/>
      <c r="CG1017" s="162"/>
      <c r="CH1017" s="162"/>
      <c r="CI1017" s="162"/>
      <c r="CJ1017" s="162"/>
      <c r="CK1017" s="162"/>
      <c r="CX1017" s="98"/>
      <c r="DL1017" s="97"/>
      <c r="DX1017" s="98"/>
      <c r="EL1017" s="97"/>
      <c r="EX1017" s="98"/>
      <c r="EY1017" s="97"/>
      <c r="FL1017" s="126"/>
      <c r="FM1017" s="91"/>
      <c r="FN1017" s="91"/>
      <c r="FO1017" s="91"/>
      <c r="FP1017" s="91"/>
      <c r="FQ1017" s="91"/>
      <c r="FR1017" s="91"/>
      <c r="FS1017" s="91"/>
      <c r="FT1017" s="91"/>
      <c r="FU1017" s="91"/>
      <c r="FV1017" s="91"/>
      <c r="FW1017" s="91"/>
      <c r="FX1017" s="91"/>
      <c r="FY1017" s="91"/>
      <c r="FZ1017" s="91"/>
      <c r="GA1017" s="91"/>
      <c r="GB1017" s="91"/>
      <c r="GC1017" s="91"/>
      <c r="GD1017" s="91"/>
      <c r="GE1017" s="91"/>
      <c r="GF1017" s="91"/>
      <c r="GG1017" s="91"/>
      <c r="GH1017" s="91"/>
      <c r="GI1017" s="91"/>
      <c r="GJ1017" s="91"/>
      <c r="GK1017" s="127"/>
      <c r="GL1017" s="126"/>
      <c r="GM1017" s="91"/>
      <c r="GN1017" s="91"/>
      <c r="GO1017" s="91"/>
      <c r="GP1017" s="91"/>
      <c r="GQ1017" s="91"/>
      <c r="GR1017" s="91"/>
      <c r="GS1017" s="91"/>
      <c r="GT1017" s="91"/>
      <c r="GU1017" s="91"/>
      <c r="GV1017" s="91"/>
      <c r="GW1017" s="91"/>
      <c r="GX1017" s="91"/>
      <c r="GY1017" s="91"/>
      <c r="GZ1017" s="91"/>
      <c r="HA1017" s="91"/>
      <c r="HB1017" s="91"/>
      <c r="HC1017" s="91"/>
      <c r="HD1017" s="91"/>
      <c r="HE1017" s="91"/>
      <c r="HF1017" s="91"/>
      <c r="HG1017" s="91"/>
      <c r="HH1017" s="91"/>
      <c r="HI1017" s="91"/>
      <c r="HJ1017" s="91"/>
      <c r="HK1017" s="127"/>
      <c r="HL1017" s="126"/>
      <c r="HM1017" s="91"/>
      <c r="HN1017" s="91"/>
      <c r="HO1017" s="91"/>
      <c r="HP1017" s="91"/>
      <c r="HQ1017" s="91"/>
      <c r="HR1017" s="91"/>
      <c r="HS1017" s="91"/>
      <c r="HT1017" s="91"/>
      <c r="HU1017" s="91"/>
      <c r="HV1017" s="91"/>
      <c r="HW1017" s="91"/>
      <c r="HX1017" s="91"/>
      <c r="HY1017" s="91"/>
      <c r="HZ1017" s="91"/>
      <c r="IA1017" s="91"/>
      <c r="IB1017" s="91"/>
      <c r="IC1017" s="91"/>
      <c r="ID1017" s="91"/>
      <c r="IE1017" s="91"/>
      <c r="IF1017" s="91"/>
      <c r="IG1017" s="91"/>
      <c r="IH1017" s="91"/>
      <c r="II1017" s="91"/>
      <c r="IJ1017" s="91"/>
      <c r="IK1017" s="127"/>
    </row>
    <row r="1018" spans="2:245" x14ac:dyDescent="0.2">
      <c r="B1018" s="43"/>
      <c r="C1018" s="73"/>
      <c r="D1018" s="64"/>
      <c r="E1018" s="64"/>
      <c r="F1018" s="55"/>
      <c r="G1018" s="102"/>
      <c r="H1018" s="55"/>
      <c r="I1018" s="55"/>
      <c r="J1018" s="55"/>
      <c r="K1018" s="55"/>
      <c r="L1018" s="55"/>
      <c r="M1018" s="55"/>
      <c r="N1018" s="55"/>
      <c r="O1018" s="55"/>
      <c r="P1018" s="55"/>
      <c r="Q1018" s="55"/>
      <c r="R1018" s="55"/>
      <c r="S1018" s="55"/>
      <c r="T1018" s="55"/>
      <c r="U1018" s="55"/>
      <c r="V1018" s="55"/>
      <c r="W1018" s="55"/>
      <c r="X1018" s="55"/>
      <c r="Y1018" s="55"/>
      <c r="Z1018" s="55"/>
      <c r="AA1018" s="55"/>
      <c r="AB1018" s="55"/>
      <c r="AC1018" s="55"/>
      <c r="AD1018" s="55"/>
      <c r="AE1018" s="55"/>
      <c r="AF1018" s="55"/>
      <c r="AG1018" s="55"/>
      <c r="AY1018" s="162"/>
      <c r="AZ1018" s="162"/>
      <c r="BA1018" s="162"/>
      <c r="BB1018" s="162"/>
      <c r="BC1018" s="162"/>
      <c r="BD1018" s="162"/>
      <c r="BE1018" s="162"/>
      <c r="BF1018" s="162"/>
      <c r="BG1018" s="162"/>
      <c r="BH1018" s="162"/>
      <c r="BI1018" s="162"/>
      <c r="BJ1018" s="162"/>
      <c r="BK1018" s="162"/>
      <c r="BL1018" s="162"/>
      <c r="BM1018" s="162"/>
      <c r="BN1018" s="162"/>
      <c r="BO1018" s="162"/>
      <c r="BP1018" s="162"/>
      <c r="BQ1018" s="162"/>
      <c r="BR1018" s="162"/>
      <c r="BS1018" s="162"/>
      <c r="BT1018" s="162"/>
      <c r="BU1018" s="162"/>
      <c r="BV1018" s="162"/>
      <c r="BW1018" s="162"/>
      <c r="BX1018" s="162"/>
      <c r="BY1018" s="162"/>
      <c r="BZ1018" s="162"/>
      <c r="CA1018" s="162"/>
      <c r="CB1018" s="162"/>
      <c r="CC1018" s="162"/>
      <c r="CD1018" s="162"/>
      <c r="CE1018" s="162"/>
      <c r="CF1018" s="162"/>
      <c r="CG1018" s="162"/>
      <c r="CH1018" s="162"/>
      <c r="CI1018" s="162"/>
      <c r="CJ1018" s="162"/>
      <c r="CK1018" s="162"/>
      <c r="CX1018" s="98"/>
      <c r="DL1018" s="97"/>
      <c r="DX1018" s="98"/>
      <c r="EL1018" s="97"/>
      <c r="EX1018" s="98"/>
      <c r="EY1018" s="97"/>
      <c r="FL1018" s="126"/>
      <c r="FM1018" s="91"/>
      <c r="FN1018" s="91"/>
      <c r="FO1018" s="91"/>
      <c r="FP1018" s="91"/>
      <c r="FQ1018" s="91"/>
      <c r="FR1018" s="91"/>
      <c r="FS1018" s="91"/>
      <c r="FT1018" s="91"/>
      <c r="FU1018" s="91"/>
      <c r="FV1018" s="91"/>
      <c r="FW1018" s="91"/>
      <c r="FX1018" s="91"/>
      <c r="FY1018" s="91"/>
      <c r="FZ1018" s="91"/>
      <c r="GA1018" s="91"/>
      <c r="GB1018" s="91"/>
      <c r="GC1018" s="91"/>
      <c r="GD1018" s="91"/>
      <c r="GE1018" s="91"/>
      <c r="GF1018" s="91"/>
      <c r="GG1018" s="91"/>
      <c r="GH1018" s="91"/>
      <c r="GI1018" s="91"/>
      <c r="GJ1018" s="91"/>
      <c r="GK1018" s="127"/>
      <c r="GL1018" s="126"/>
      <c r="GM1018" s="91"/>
      <c r="GN1018" s="91"/>
      <c r="GO1018" s="91"/>
      <c r="GP1018" s="91"/>
      <c r="GQ1018" s="91"/>
      <c r="GR1018" s="91"/>
      <c r="GS1018" s="91"/>
      <c r="GT1018" s="91"/>
      <c r="GU1018" s="91"/>
      <c r="GV1018" s="91"/>
      <c r="GW1018" s="91"/>
      <c r="GX1018" s="91"/>
      <c r="GY1018" s="91"/>
      <c r="GZ1018" s="91"/>
      <c r="HA1018" s="91"/>
      <c r="HB1018" s="91"/>
      <c r="HC1018" s="91"/>
      <c r="HD1018" s="91"/>
      <c r="HE1018" s="91"/>
      <c r="HF1018" s="91"/>
      <c r="HG1018" s="91"/>
      <c r="HH1018" s="91"/>
      <c r="HI1018" s="91"/>
      <c r="HJ1018" s="91"/>
      <c r="HK1018" s="127"/>
      <c r="HL1018" s="126"/>
      <c r="HM1018" s="91"/>
      <c r="HN1018" s="91"/>
      <c r="HO1018" s="91"/>
      <c r="HP1018" s="91"/>
      <c r="HQ1018" s="91"/>
      <c r="HR1018" s="91"/>
      <c r="HS1018" s="91"/>
      <c r="HT1018" s="91"/>
      <c r="HU1018" s="91"/>
      <c r="HV1018" s="91"/>
      <c r="HW1018" s="91"/>
      <c r="HX1018" s="91"/>
      <c r="HY1018" s="91"/>
      <c r="HZ1018" s="91"/>
      <c r="IA1018" s="91"/>
      <c r="IB1018" s="91"/>
      <c r="IC1018" s="91"/>
      <c r="ID1018" s="91"/>
      <c r="IE1018" s="91"/>
      <c r="IF1018" s="91"/>
      <c r="IG1018" s="91"/>
      <c r="IH1018" s="91"/>
      <c r="II1018" s="91"/>
      <c r="IJ1018" s="91"/>
      <c r="IK1018" s="127"/>
    </row>
    <row r="1019" spans="2:245" x14ac:dyDescent="0.2">
      <c r="B1019" s="43"/>
      <c r="C1019" s="73"/>
      <c r="D1019" s="64"/>
      <c r="E1019" s="64"/>
      <c r="F1019" s="55"/>
      <c r="G1019" s="102"/>
      <c r="H1019" s="55"/>
      <c r="I1019" s="55"/>
      <c r="J1019" s="55"/>
      <c r="K1019" s="55"/>
      <c r="L1019" s="55"/>
      <c r="M1019" s="55"/>
      <c r="N1019" s="55"/>
      <c r="O1019" s="55"/>
      <c r="P1019" s="55"/>
      <c r="Q1019" s="55"/>
      <c r="R1019" s="55"/>
      <c r="S1019" s="55"/>
      <c r="T1019" s="55"/>
      <c r="U1019" s="55"/>
      <c r="V1019" s="55"/>
      <c r="W1019" s="55"/>
      <c r="X1019" s="55"/>
      <c r="Y1019" s="55"/>
      <c r="Z1019" s="55"/>
      <c r="AA1019" s="55"/>
      <c r="AB1019" s="55"/>
      <c r="AC1019" s="55"/>
      <c r="AD1019" s="55"/>
      <c r="AE1019" s="55"/>
      <c r="AF1019" s="55"/>
      <c r="AG1019" s="55"/>
      <c r="AY1019" s="162"/>
      <c r="AZ1019" s="162"/>
      <c r="BA1019" s="162"/>
      <c r="BB1019" s="162"/>
      <c r="BC1019" s="162"/>
      <c r="BD1019" s="162"/>
      <c r="BE1019" s="162"/>
      <c r="BF1019" s="162"/>
      <c r="BG1019" s="162"/>
      <c r="BH1019" s="162"/>
      <c r="BI1019" s="162"/>
      <c r="BJ1019" s="162"/>
      <c r="BK1019" s="162"/>
      <c r="BL1019" s="162"/>
      <c r="BM1019" s="162"/>
      <c r="BN1019" s="162"/>
      <c r="BO1019" s="162"/>
      <c r="BP1019" s="162"/>
      <c r="BQ1019" s="162"/>
      <c r="BR1019" s="162"/>
      <c r="BS1019" s="162"/>
      <c r="BT1019" s="162"/>
      <c r="BU1019" s="162"/>
      <c r="BV1019" s="162"/>
      <c r="BW1019" s="162"/>
      <c r="BX1019" s="162"/>
      <c r="BY1019" s="162"/>
      <c r="BZ1019" s="162"/>
      <c r="CA1019" s="162"/>
      <c r="CB1019" s="162"/>
      <c r="CC1019" s="162"/>
      <c r="CD1019" s="162"/>
      <c r="CE1019" s="162"/>
      <c r="CF1019" s="162"/>
      <c r="CG1019" s="162"/>
      <c r="CH1019" s="162"/>
      <c r="CI1019" s="162"/>
      <c r="CJ1019" s="162"/>
      <c r="CK1019" s="162"/>
      <c r="CX1019" s="98"/>
      <c r="DL1019" s="97"/>
      <c r="DX1019" s="98"/>
      <c r="EL1019" s="97"/>
      <c r="EX1019" s="98"/>
      <c r="EY1019" s="97"/>
      <c r="FL1019" s="126"/>
      <c r="FM1019" s="91"/>
      <c r="FN1019" s="91"/>
      <c r="FO1019" s="91"/>
      <c r="FP1019" s="91"/>
      <c r="FQ1019" s="91"/>
      <c r="FR1019" s="91"/>
      <c r="FS1019" s="91"/>
      <c r="FT1019" s="91"/>
      <c r="FU1019" s="91"/>
      <c r="FV1019" s="91"/>
      <c r="FW1019" s="91"/>
      <c r="FX1019" s="91"/>
      <c r="FY1019" s="91"/>
      <c r="FZ1019" s="91"/>
      <c r="GA1019" s="91"/>
      <c r="GB1019" s="91"/>
      <c r="GC1019" s="91"/>
      <c r="GD1019" s="91"/>
      <c r="GE1019" s="91"/>
      <c r="GF1019" s="91"/>
      <c r="GG1019" s="91"/>
      <c r="GH1019" s="91"/>
      <c r="GI1019" s="91"/>
      <c r="GJ1019" s="91"/>
      <c r="GK1019" s="127"/>
      <c r="GL1019" s="126"/>
      <c r="GM1019" s="91"/>
      <c r="GN1019" s="91"/>
      <c r="GO1019" s="91"/>
      <c r="GP1019" s="91"/>
      <c r="GQ1019" s="91"/>
      <c r="GR1019" s="91"/>
      <c r="GS1019" s="91"/>
      <c r="GT1019" s="91"/>
      <c r="GU1019" s="91"/>
      <c r="GV1019" s="91"/>
      <c r="GW1019" s="91"/>
      <c r="GX1019" s="91"/>
      <c r="GY1019" s="91"/>
      <c r="GZ1019" s="91"/>
      <c r="HA1019" s="91"/>
      <c r="HB1019" s="91"/>
      <c r="HC1019" s="91"/>
      <c r="HD1019" s="91"/>
      <c r="HE1019" s="91"/>
      <c r="HF1019" s="91"/>
      <c r="HG1019" s="91"/>
      <c r="HH1019" s="91"/>
      <c r="HI1019" s="91"/>
      <c r="HJ1019" s="91"/>
      <c r="HK1019" s="127"/>
      <c r="HL1019" s="126"/>
      <c r="HM1019" s="91"/>
      <c r="HN1019" s="91"/>
      <c r="HO1019" s="91"/>
      <c r="HP1019" s="91"/>
      <c r="HQ1019" s="91"/>
      <c r="HR1019" s="91"/>
      <c r="HS1019" s="91"/>
      <c r="HT1019" s="91"/>
      <c r="HU1019" s="91"/>
      <c r="HV1019" s="91"/>
      <c r="HW1019" s="91"/>
      <c r="HX1019" s="91"/>
      <c r="HY1019" s="91"/>
      <c r="HZ1019" s="91"/>
      <c r="IA1019" s="91"/>
      <c r="IB1019" s="91"/>
      <c r="IC1019" s="91"/>
      <c r="ID1019" s="91"/>
      <c r="IE1019" s="91"/>
      <c r="IF1019" s="91"/>
      <c r="IG1019" s="91"/>
      <c r="IH1019" s="91"/>
      <c r="II1019" s="91"/>
      <c r="IJ1019" s="91"/>
      <c r="IK1019" s="127"/>
    </row>
    <row r="1020" spans="2:245" x14ac:dyDescent="0.2">
      <c r="B1020" s="43"/>
      <c r="C1020" s="73"/>
      <c r="D1020" s="64"/>
      <c r="E1020" s="64"/>
      <c r="F1020" s="55"/>
      <c r="G1020" s="102"/>
      <c r="H1020" s="55"/>
      <c r="I1020" s="55"/>
      <c r="J1020" s="55"/>
      <c r="K1020" s="55"/>
      <c r="L1020" s="55"/>
      <c r="M1020" s="55"/>
      <c r="N1020" s="55"/>
      <c r="O1020" s="55"/>
      <c r="P1020" s="55"/>
      <c r="Q1020" s="55"/>
      <c r="R1020" s="55"/>
      <c r="S1020" s="55"/>
      <c r="T1020" s="55"/>
      <c r="U1020" s="55"/>
      <c r="V1020" s="55"/>
      <c r="W1020" s="55"/>
      <c r="X1020" s="55"/>
      <c r="Y1020" s="55"/>
      <c r="Z1020" s="55"/>
      <c r="AA1020" s="55"/>
      <c r="AB1020" s="55"/>
      <c r="AC1020" s="55"/>
      <c r="AD1020" s="55"/>
      <c r="AE1020" s="55"/>
      <c r="AF1020" s="55"/>
      <c r="AG1020" s="55"/>
      <c r="AY1020" s="162"/>
      <c r="AZ1020" s="162"/>
      <c r="BA1020" s="162"/>
      <c r="BB1020" s="162"/>
      <c r="BC1020" s="162"/>
      <c r="BD1020" s="162"/>
      <c r="BE1020" s="162"/>
      <c r="BF1020" s="162"/>
      <c r="BG1020" s="162"/>
      <c r="BH1020" s="162"/>
      <c r="BI1020" s="162"/>
      <c r="BJ1020" s="162"/>
      <c r="BK1020" s="162"/>
      <c r="BL1020" s="162"/>
      <c r="BM1020" s="162"/>
      <c r="BN1020" s="162"/>
      <c r="BO1020" s="162"/>
      <c r="BP1020" s="162"/>
      <c r="BQ1020" s="162"/>
      <c r="BR1020" s="162"/>
      <c r="BS1020" s="162"/>
      <c r="BT1020" s="162"/>
      <c r="BU1020" s="162"/>
      <c r="BV1020" s="162"/>
      <c r="BW1020" s="162"/>
      <c r="BX1020" s="162"/>
      <c r="BY1020" s="162"/>
      <c r="BZ1020" s="162"/>
      <c r="CA1020" s="162"/>
      <c r="CB1020" s="162"/>
      <c r="CC1020" s="162"/>
      <c r="CD1020" s="162"/>
      <c r="CE1020" s="162"/>
      <c r="CF1020" s="162"/>
      <c r="CG1020" s="162"/>
      <c r="CH1020" s="162"/>
      <c r="CI1020" s="162"/>
      <c r="CJ1020" s="162"/>
      <c r="CK1020" s="162"/>
      <c r="CX1020" s="98"/>
      <c r="DL1020" s="97"/>
      <c r="DX1020" s="98"/>
      <c r="EL1020" s="97"/>
      <c r="EX1020" s="98"/>
      <c r="EY1020" s="97"/>
      <c r="FL1020" s="126"/>
      <c r="FM1020" s="91"/>
      <c r="FN1020" s="91"/>
      <c r="FO1020" s="91"/>
      <c r="FP1020" s="91"/>
      <c r="FQ1020" s="91"/>
      <c r="FR1020" s="91"/>
      <c r="FS1020" s="91"/>
      <c r="FT1020" s="91"/>
      <c r="FU1020" s="91"/>
      <c r="FV1020" s="91"/>
      <c r="FW1020" s="91"/>
      <c r="FX1020" s="91"/>
      <c r="FY1020" s="91"/>
      <c r="FZ1020" s="91"/>
      <c r="GA1020" s="91"/>
      <c r="GB1020" s="91"/>
      <c r="GC1020" s="91"/>
      <c r="GD1020" s="91"/>
      <c r="GE1020" s="91"/>
      <c r="GF1020" s="91"/>
      <c r="GG1020" s="91"/>
      <c r="GH1020" s="91"/>
      <c r="GI1020" s="91"/>
      <c r="GJ1020" s="91"/>
      <c r="GK1020" s="127"/>
      <c r="GL1020" s="126"/>
      <c r="GM1020" s="91"/>
      <c r="GN1020" s="91"/>
      <c r="GO1020" s="91"/>
      <c r="GP1020" s="91"/>
      <c r="GQ1020" s="91"/>
      <c r="GR1020" s="91"/>
      <c r="GS1020" s="91"/>
      <c r="GT1020" s="91"/>
      <c r="GU1020" s="91"/>
      <c r="GV1020" s="91"/>
      <c r="GW1020" s="91"/>
      <c r="GX1020" s="91"/>
      <c r="GY1020" s="91"/>
      <c r="GZ1020" s="91"/>
      <c r="HA1020" s="91"/>
      <c r="HB1020" s="91"/>
      <c r="HC1020" s="91"/>
      <c r="HD1020" s="91"/>
      <c r="HE1020" s="91"/>
      <c r="HF1020" s="91"/>
      <c r="HG1020" s="91"/>
      <c r="HH1020" s="91"/>
      <c r="HI1020" s="91"/>
      <c r="HJ1020" s="91"/>
      <c r="HK1020" s="127"/>
      <c r="HL1020" s="126"/>
      <c r="HM1020" s="91"/>
      <c r="HN1020" s="91"/>
      <c r="HO1020" s="91"/>
      <c r="HP1020" s="91"/>
      <c r="HQ1020" s="91"/>
      <c r="HR1020" s="91"/>
      <c r="HS1020" s="91"/>
      <c r="HT1020" s="91"/>
      <c r="HU1020" s="91"/>
      <c r="HV1020" s="91"/>
      <c r="HW1020" s="91"/>
      <c r="HX1020" s="91"/>
      <c r="HY1020" s="91"/>
      <c r="HZ1020" s="91"/>
      <c r="IA1020" s="91"/>
      <c r="IB1020" s="91"/>
      <c r="IC1020" s="91"/>
      <c r="ID1020" s="91"/>
      <c r="IE1020" s="91"/>
      <c r="IF1020" s="91"/>
      <c r="IG1020" s="91"/>
      <c r="IH1020" s="91"/>
      <c r="II1020" s="91"/>
      <c r="IJ1020" s="91"/>
      <c r="IK1020" s="127"/>
    </row>
    <row r="1021" spans="2:245" x14ac:dyDescent="0.2">
      <c r="B1021" s="43"/>
      <c r="C1021" s="73"/>
      <c r="D1021" s="64"/>
      <c r="E1021" s="64"/>
      <c r="F1021" s="55"/>
      <c r="G1021" s="102"/>
      <c r="H1021" s="55"/>
      <c r="I1021" s="55"/>
      <c r="J1021" s="55"/>
      <c r="K1021" s="55"/>
      <c r="L1021" s="55"/>
      <c r="M1021" s="55"/>
      <c r="N1021" s="55"/>
      <c r="O1021" s="55"/>
      <c r="P1021" s="55"/>
      <c r="Q1021" s="55"/>
      <c r="R1021" s="55"/>
      <c r="S1021" s="55"/>
      <c r="T1021" s="55"/>
      <c r="U1021" s="55"/>
      <c r="V1021" s="55"/>
      <c r="W1021" s="55"/>
      <c r="X1021" s="55"/>
      <c r="Y1021" s="55"/>
      <c r="Z1021" s="55"/>
      <c r="AA1021" s="55"/>
      <c r="AB1021" s="55"/>
      <c r="AC1021" s="55"/>
      <c r="AD1021" s="55"/>
      <c r="AE1021" s="55"/>
      <c r="AF1021" s="55"/>
      <c r="AG1021" s="55"/>
      <c r="AY1021" s="162"/>
      <c r="AZ1021" s="162"/>
      <c r="BA1021" s="162"/>
      <c r="BB1021" s="162"/>
      <c r="BC1021" s="162"/>
      <c r="BD1021" s="162"/>
      <c r="BE1021" s="162"/>
      <c r="BF1021" s="162"/>
      <c r="BG1021" s="162"/>
      <c r="BH1021" s="162"/>
      <c r="BI1021" s="162"/>
      <c r="BJ1021" s="162"/>
      <c r="BK1021" s="162"/>
      <c r="BL1021" s="162"/>
      <c r="BM1021" s="162"/>
      <c r="BN1021" s="162"/>
      <c r="BO1021" s="162"/>
      <c r="BP1021" s="162"/>
      <c r="BQ1021" s="162"/>
      <c r="BR1021" s="162"/>
      <c r="BS1021" s="162"/>
      <c r="BT1021" s="162"/>
      <c r="BU1021" s="162"/>
      <c r="BV1021" s="162"/>
      <c r="BW1021" s="162"/>
      <c r="BX1021" s="162"/>
      <c r="BY1021" s="162"/>
      <c r="BZ1021" s="162"/>
      <c r="CA1021" s="162"/>
      <c r="CB1021" s="162"/>
      <c r="CC1021" s="162"/>
      <c r="CD1021" s="162"/>
      <c r="CE1021" s="162"/>
      <c r="CF1021" s="162"/>
      <c r="CG1021" s="162"/>
      <c r="CH1021" s="162"/>
      <c r="CI1021" s="162"/>
      <c r="CJ1021" s="162"/>
      <c r="CK1021" s="162"/>
      <c r="CX1021" s="98"/>
      <c r="DL1021" s="97"/>
      <c r="DX1021" s="98"/>
      <c r="EL1021" s="97"/>
      <c r="EX1021" s="98"/>
      <c r="EY1021" s="97"/>
      <c r="FL1021" s="126"/>
      <c r="FM1021" s="91"/>
      <c r="FN1021" s="91"/>
      <c r="FO1021" s="91"/>
      <c r="FP1021" s="91"/>
      <c r="FQ1021" s="91"/>
      <c r="FR1021" s="91"/>
      <c r="FS1021" s="91"/>
      <c r="FT1021" s="91"/>
      <c r="FU1021" s="91"/>
      <c r="FV1021" s="91"/>
      <c r="FW1021" s="91"/>
      <c r="FX1021" s="91"/>
      <c r="FY1021" s="91"/>
      <c r="FZ1021" s="91"/>
      <c r="GA1021" s="91"/>
      <c r="GB1021" s="91"/>
      <c r="GC1021" s="91"/>
      <c r="GD1021" s="91"/>
      <c r="GE1021" s="91"/>
      <c r="GF1021" s="91"/>
      <c r="GG1021" s="91"/>
      <c r="GH1021" s="91"/>
      <c r="GI1021" s="91"/>
      <c r="GJ1021" s="91"/>
      <c r="GK1021" s="127"/>
      <c r="GL1021" s="126"/>
      <c r="GM1021" s="91"/>
      <c r="GN1021" s="91"/>
      <c r="GO1021" s="91"/>
      <c r="GP1021" s="91"/>
      <c r="GQ1021" s="91"/>
      <c r="GR1021" s="91"/>
      <c r="GS1021" s="91"/>
      <c r="GT1021" s="91"/>
      <c r="GU1021" s="91"/>
      <c r="GV1021" s="91"/>
      <c r="GW1021" s="91"/>
      <c r="GX1021" s="91"/>
      <c r="GY1021" s="91"/>
      <c r="GZ1021" s="91"/>
      <c r="HA1021" s="91"/>
      <c r="HB1021" s="91"/>
      <c r="HC1021" s="91"/>
      <c r="HD1021" s="91"/>
      <c r="HE1021" s="91"/>
      <c r="HF1021" s="91"/>
      <c r="HG1021" s="91"/>
      <c r="HH1021" s="91"/>
      <c r="HI1021" s="91"/>
      <c r="HJ1021" s="91"/>
      <c r="HK1021" s="127"/>
      <c r="HL1021" s="126"/>
      <c r="HM1021" s="91"/>
      <c r="HN1021" s="91"/>
      <c r="HO1021" s="91"/>
      <c r="HP1021" s="91"/>
      <c r="HQ1021" s="91"/>
      <c r="HR1021" s="91"/>
      <c r="HS1021" s="91"/>
      <c r="HT1021" s="91"/>
      <c r="HU1021" s="91"/>
      <c r="HV1021" s="91"/>
      <c r="HW1021" s="91"/>
      <c r="HX1021" s="91"/>
      <c r="HY1021" s="91"/>
      <c r="HZ1021" s="91"/>
      <c r="IA1021" s="91"/>
      <c r="IB1021" s="91"/>
      <c r="IC1021" s="91"/>
      <c r="ID1021" s="91"/>
      <c r="IE1021" s="91"/>
      <c r="IF1021" s="91"/>
      <c r="IG1021" s="91"/>
      <c r="IH1021" s="91"/>
      <c r="II1021" s="91"/>
      <c r="IJ1021" s="91"/>
      <c r="IK1021" s="127"/>
    </row>
    <row r="1022" spans="2:245" x14ac:dyDescent="0.2">
      <c r="B1022" s="43"/>
      <c r="C1022" s="73"/>
      <c r="D1022" s="64"/>
      <c r="E1022" s="64"/>
      <c r="F1022" s="55"/>
      <c r="G1022" s="102"/>
      <c r="H1022" s="55"/>
      <c r="I1022" s="55"/>
      <c r="J1022" s="55"/>
      <c r="K1022" s="55"/>
      <c r="L1022" s="55"/>
      <c r="M1022" s="55"/>
      <c r="N1022" s="55"/>
      <c r="O1022" s="55"/>
      <c r="P1022" s="55"/>
      <c r="Q1022" s="55"/>
      <c r="R1022" s="55"/>
      <c r="S1022" s="55"/>
      <c r="T1022" s="55"/>
      <c r="U1022" s="55"/>
      <c r="V1022" s="55"/>
      <c r="W1022" s="55"/>
      <c r="X1022" s="55"/>
      <c r="Y1022" s="55"/>
      <c r="Z1022" s="55"/>
      <c r="AA1022" s="55"/>
      <c r="AB1022" s="55"/>
      <c r="AC1022" s="55"/>
      <c r="AD1022" s="55"/>
      <c r="AE1022" s="55"/>
      <c r="AF1022" s="55"/>
      <c r="AG1022" s="55"/>
      <c r="AY1022" s="162"/>
      <c r="AZ1022" s="162"/>
      <c r="BA1022" s="162"/>
      <c r="BB1022" s="162"/>
      <c r="BC1022" s="162"/>
      <c r="BD1022" s="162"/>
      <c r="BE1022" s="162"/>
      <c r="BF1022" s="162"/>
      <c r="BG1022" s="162"/>
      <c r="BH1022" s="162"/>
      <c r="BI1022" s="162"/>
      <c r="BJ1022" s="162"/>
      <c r="BK1022" s="162"/>
      <c r="BL1022" s="162"/>
      <c r="BM1022" s="162"/>
      <c r="BN1022" s="162"/>
      <c r="BO1022" s="162"/>
      <c r="BP1022" s="162"/>
      <c r="BQ1022" s="162"/>
      <c r="BR1022" s="162"/>
      <c r="BS1022" s="162"/>
      <c r="BT1022" s="162"/>
      <c r="BU1022" s="162"/>
      <c r="BV1022" s="162"/>
      <c r="BW1022" s="162"/>
      <c r="BX1022" s="162"/>
      <c r="BY1022" s="162"/>
      <c r="BZ1022" s="162"/>
      <c r="CA1022" s="162"/>
      <c r="CB1022" s="162"/>
      <c r="CC1022" s="162"/>
      <c r="CD1022" s="162"/>
      <c r="CE1022" s="162"/>
      <c r="CF1022" s="162"/>
      <c r="CG1022" s="162"/>
      <c r="CH1022" s="162"/>
      <c r="CI1022" s="162"/>
      <c r="CJ1022" s="162"/>
      <c r="CK1022" s="162"/>
      <c r="CX1022" s="98"/>
      <c r="DL1022" s="97"/>
      <c r="DX1022" s="98"/>
      <c r="EL1022" s="97"/>
      <c r="EX1022" s="98"/>
      <c r="EY1022" s="97"/>
      <c r="FL1022" s="126"/>
      <c r="FM1022" s="91"/>
      <c r="FN1022" s="91"/>
      <c r="FO1022" s="91"/>
      <c r="FP1022" s="91"/>
      <c r="FQ1022" s="91"/>
      <c r="FR1022" s="91"/>
      <c r="FS1022" s="91"/>
      <c r="FT1022" s="91"/>
      <c r="FU1022" s="91"/>
      <c r="FV1022" s="91"/>
      <c r="FW1022" s="91"/>
      <c r="FX1022" s="91"/>
      <c r="FY1022" s="91"/>
      <c r="FZ1022" s="91"/>
      <c r="GA1022" s="91"/>
      <c r="GB1022" s="91"/>
      <c r="GC1022" s="91"/>
      <c r="GD1022" s="91"/>
      <c r="GE1022" s="91"/>
      <c r="GF1022" s="91"/>
      <c r="GG1022" s="91"/>
      <c r="GH1022" s="91"/>
      <c r="GI1022" s="91"/>
      <c r="GJ1022" s="91"/>
      <c r="GK1022" s="127"/>
      <c r="GL1022" s="126"/>
      <c r="GM1022" s="91"/>
      <c r="GN1022" s="91"/>
      <c r="GO1022" s="91"/>
      <c r="GP1022" s="91"/>
      <c r="GQ1022" s="91"/>
      <c r="GR1022" s="91"/>
      <c r="GS1022" s="91"/>
      <c r="GT1022" s="91"/>
      <c r="GU1022" s="91"/>
      <c r="GV1022" s="91"/>
      <c r="GW1022" s="91"/>
      <c r="GX1022" s="91"/>
      <c r="GY1022" s="91"/>
      <c r="GZ1022" s="91"/>
      <c r="HA1022" s="91"/>
      <c r="HB1022" s="91"/>
      <c r="HC1022" s="91"/>
      <c r="HD1022" s="91"/>
      <c r="HE1022" s="91"/>
      <c r="HF1022" s="91"/>
      <c r="HG1022" s="91"/>
      <c r="HH1022" s="91"/>
      <c r="HI1022" s="91"/>
      <c r="HJ1022" s="91"/>
      <c r="HK1022" s="127"/>
      <c r="HL1022" s="126"/>
      <c r="HM1022" s="91"/>
      <c r="HN1022" s="91"/>
      <c r="HO1022" s="91"/>
      <c r="HP1022" s="91"/>
      <c r="HQ1022" s="91"/>
      <c r="HR1022" s="91"/>
      <c r="HS1022" s="91"/>
      <c r="HT1022" s="91"/>
      <c r="HU1022" s="91"/>
      <c r="HV1022" s="91"/>
      <c r="HW1022" s="91"/>
      <c r="HX1022" s="91"/>
      <c r="HY1022" s="91"/>
      <c r="HZ1022" s="91"/>
      <c r="IA1022" s="91"/>
      <c r="IB1022" s="91"/>
      <c r="IC1022" s="91"/>
      <c r="ID1022" s="91"/>
      <c r="IE1022" s="91"/>
      <c r="IF1022" s="91"/>
      <c r="IG1022" s="91"/>
      <c r="IH1022" s="91"/>
      <c r="II1022" s="91"/>
      <c r="IJ1022" s="91"/>
      <c r="IK1022" s="127"/>
    </row>
    <row r="1023" spans="2:245" x14ac:dyDescent="0.2">
      <c r="B1023" s="43"/>
      <c r="C1023" s="73"/>
      <c r="D1023" s="64"/>
      <c r="E1023" s="64"/>
      <c r="F1023" s="55"/>
      <c r="G1023" s="102"/>
      <c r="H1023" s="55"/>
      <c r="I1023" s="55"/>
      <c r="J1023" s="55"/>
      <c r="K1023" s="55"/>
      <c r="L1023" s="55"/>
      <c r="M1023" s="55"/>
      <c r="N1023" s="55"/>
      <c r="O1023" s="55"/>
      <c r="P1023" s="55"/>
      <c r="Q1023" s="55"/>
      <c r="R1023" s="55"/>
      <c r="S1023" s="55"/>
      <c r="T1023" s="55"/>
      <c r="U1023" s="55"/>
      <c r="V1023" s="55"/>
      <c r="W1023" s="55"/>
      <c r="X1023" s="55"/>
      <c r="Y1023" s="55"/>
      <c r="Z1023" s="55"/>
      <c r="AA1023" s="55"/>
      <c r="AB1023" s="55"/>
      <c r="AC1023" s="55"/>
      <c r="AD1023" s="55"/>
      <c r="AE1023" s="55"/>
      <c r="AF1023" s="55"/>
      <c r="AG1023" s="55"/>
      <c r="AY1023" s="162"/>
      <c r="AZ1023" s="162"/>
      <c r="BA1023" s="162"/>
      <c r="BB1023" s="162"/>
      <c r="BC1023" s="162"/>
      <c r="BD1023" s="162"/>
      <c r="BE1023" s="162"/>
      <c r="BF1023" s="162"/>
      <c r="BG1023" s="162"/>
      <c r="BH1023" s="162"/>
      <c r="BI1023" s="162"/>
      <c r="BJ1023" s="162"/>
      <c r="BK1023" s="162"/>
      <c r="BL1023" s="162"/>
      <c r="BM1023" s="162"/>
      <c r="BN1023" s="162"/>
      <c r="BO1023" s="162"/>
      <c r="BP1023" s="162"/>
      <c r="BQ1023" s="162"/>
      <c r="BR1023" s="162"/>
      <c r="BS1023" s="162"/>
      <c r="BT1023" s="162"/>
      <c r="BU1023" s="162"/>
      <c r="BV1023" s="162"/>
      <c r="BW1023" s="162"/>
      <c r="BX1023" s="162"/>
      <c r="BY1023" s="162"/>
      <c r="BZ1023" s="162"/>
      <c r="CA1023" s="162"/>
      <c r="CB1023" s="162"/>
      <c r="CC1023" s="162"/>
      <c r="CD1023" s="162"/>
      <c r="CE1023" s="162"/>
      <c r="CF1023" s="162"/>
      <c r="CG1023" s="162"/>
      <c r="CH1023" s="162"/>
      <c r="CI1023" s="162"/>
      <c r="CJ1023" s="162"/>
      <c r="CK1023" s="162"/>
      <c r="CX1023" s="98"/>
      <c r="DL1023" s="97"/>
      <c r="DX1023" s="98"/>
      <c r="EL1023" s="97"/>
      <c r="EX1023" s="98"/>
      <c r="EY1023" s="97"/>
      <c r="FL1023" s="126"/>
      <c r="FM1023" s="91"/>
      <c r="FN1023" s="91"/>
      <c r="FO1023" s="91"/>
      <c r="FP1023" s="91"/>
      <c r="FQ1023" s="91"/>
      <c r="FR1023" s="91"/>
      <c r="FS1023" s="91"/>
      <c r="FT1023" s="91"/>
      <c r="FU1023" s="91"/>
      <c r="FV1023" s="91"/>
      <c r="FW1023" s="91"/>
      <c r="FX1023" s="91"/>
      <c r="FY1023" s="91"/>
      <c r="FZ1023" s="91"/>
      <c r="GA1023" s="91"/>
      <c r="GB1023" s="91"/>
      <c r="GC1023" s="91"/>
      <c r="GD1023" s="91"/>
      <c r="GE1023" s="91"/>
      <c r="GF1023" s="91"/>
      <c r="GG1023" s="91"/>
      <c r="GH1023" s="91"/>
      <c r="GI1023" s="91"/>
      <c r="GJ1023" s="91"/>
      <c r="GK1023" s="127"/>
      <c r="GL1023" s="126"/>
      <c r="GM1023" s="91"/>
      <c r="GN1023" s="91"/>
      <c r="GO1023" s="91"/>
      <c r="GP1023" s="91"/>
      <c r="GQ1023" s="91"/>
      <c r="GR1023" s="91"/>
      <c r="GS1023" s="91"/>
      <c r="GT1023" s="91"/>
      <c r="GU1023" s="91"/>
      <c r="GV1023" s="91"/>
      <c r="GW1023" s="91"/>
      <c r="GX1023" s="91"/>
      <c r="GY1023" s="91"/>
      <c r="GZ1023" s="91"/>
      <c r="HA1023" s="91"/>
      <c r="HB1023" s="91"/>
      <c r="HC1023" s="91"/>
      <c r="HD1023" s="91"/>
      <c r="HE1023" s="91"/>
      <c r="HF1023" s="91"/>
      <c r="HG1023" s="91"/>
      <c r="HH1023" s="91"/>
      <c r="HI1023" s="91"/>
      <c r="HJ1023" s="91"/>
      <c r="HK1023" s="127"/>
      <c r="HL1023" s="126"/>
      <c r="HM1023" s="91"/>
      <c r="HN1023" s="91"/>
      <c r="HO1023" s="91"/>
      <c r="HP1023" s="91"/>
      <c r="HQ1023" s="91"/>
      <c r="HR1023" s="91"/>
      <c r="HS1023" s="91"/>
      <c r="HT1023" s="91"/>
      <c r="HU1023" s="91"/>
      <c r="HV1023" s="91"/>
      <c r="HW1023" s="91"/>
      <c r="HX1023" s="91"/>
      <c r="HY1023" s="91"/>
      <c r="HZ1023" s="91"/>
      <c r="IA1023" s="91"/>
      <c r="IB1023" s="91"/>
      <c r="IC1023" s="91"/>
      <c r="ID1023" s="91"/>
      <c r="IE1023" s="91"/>
      <c r="IF1023" s="91"/>
      <c r="IG1023" s="91"/>
      <c r="IH1023" s="91"/>
      <c r="II1023" s="91"/>
      <c r="IJ1023" s="91"/>
      <c r="IK1023" s="127"/>
    </row>
    <row r="1024" spans="2:245" ht="13.5" thickBot="1" x14ac:dyDescent="0.25">
      <c r="B1024" s="43"/>
      <c r="C1024" s="73"/>
      <c r="D1024" s="64"/>
      <c r="E1024" s="64"/>
      <c r="F1024" s="55"/>
      <c r="G1024" s="102"/>
      <c r="H1024" s="55"/>
      <c r="I1024" s="55"/>
      <c r="J1024" s="55"/>
      <c r="K1024" s="55"/>
      <c r="L1024" s="55"/>
      <c r="M1024" s="55"/>
      <c r="N1024" s="55"/>
      <c r="O1024" s="55"/>
      <c r="P1024" s="55"/>
      <c r="Q1024" s="55"/>
      <c r="R1024" s="55"/>
      <c r="S1024" s="55"/>
      <c r="T1024" s="55"/>
      <c r="U1024" s="55"/>
      <c r="V1024" s="55"/>
      <c r="W1024" s="55"/>
      <c r="X1024" s="55"/>
      <c r="Y1024" s="55"/>
      <c r="Z1024" s="55"/>
      <c r="AA1024" s="55"/>
      <c r="AB1024" s="55"/>
      <c r="AC1024" s="55"/>
      <c r="AD1024" s="55"/>
      <c r="AE1024" s="55"/>
      <c r="AF1024" s="55"/>
      <c r="AG1024" s="55"/>
      <c r="AY1024" s="162"/>
      <c r="AZ1024" s="162"/>
      <c r="BA1024" s="162"/>
      <c r="BB1024" s="162"/>
      <c r="BC1024" s="162"/>
      <c r="BD1024" s="162"/>
      <c r="BE1024" s="162"/>
      <c r="BF1024" s="162"/>
      <c r="BG1024" s="162"/>
      <c r="BH1024" s="162"/>
      <c r="BI1024" s="162"/>
      <c r="BJ1024" s="162"/>
      <c r="BK1024" s="162"/>
      <c r="BL1024" s="162"/>
      <c r="BM1024" s="162"/>
      <c r="BN1024" s="162"/>
      <c r="BO1024" s="162"/>
      <c r="BP1024" s="162"/>
      <c r="BQ1024" s="162"/>
      <c r="BR1024" s="162"/>
      <c r="BS1024" s="162"/>
      <c r="BT1024" s="162"/>
      <c r="BU1024" s="162"/>
      <c r="BV1024" s="162"/>
      <c r="BW1024" s="162"/>
      <c r="BX1024" s="162"/>
      <c r="BY1024" s="162"/>
      <c r="BZ1024" s="162"/>
      <c r="CA1024" s="162"/>
      <c r="CB1024" s="162"/>
      <c r="CC1024" s="162"/>
      <c r="CD1024" s="162"/>
      <c r="CE1024" s="162"/>
      <c r="CF1024" s="162"/>
      <c r="CG1024" s="162"/>
      <c r="CH1024" s="162"/>
      <c r="CI1024" s="162"/>
      <c r="CJ1024" s="162"/>
      <c r="CK1024" s="162"/>
      <c r="CX1024" s="98"/>
      <c r="DL1024" s="97"/>
      <c r="DX1024" s="98"/>
      <c r="EL1024" s="97"/>
      <c r="EX1024" s="98"/>
      <c r="EY1024" s="97"/>
      <c r="FL1024" s="126"/>
      <c r="FM1024" s="91"/>
      <c r="FN1024" s="91"/>
      <c r="FO1024" s="91"/>
      <c r="FP1024" s="91"/>
      <c r="FQ1024" s="91"/>
      <c r="FR1024" s="91"/>
      <c r="FS1024" s="91"/>
      <c r="FT1024" s="91"/>
      <c r="FU1024" s="91"/>
      <c r="FV1024" s="91"/>
      <c r="FW1024" s="91"/>
      <c r="FX1024" s="91"/>
      <c r="FY1024" s="91"/>
      <c r="FZ1024" s="91"/>
      <c r="GA1024" s="91"/>
      <c r="GB1024" s="91"/>
      <c r="GC1024" s="91"/>
      <c r="GD1024" s="91"/>
      <c r="GE1024" s="91"/>
      <c r="GF1024" s="91"/>
      <c r="GG1024" s="91"/>
      <c r="GH1024" s="91"/>
      <c r="GI1024" s="91"/>
      <c r="GJ1024" s="91"/>
      <c r="GK1024" s="127"/>
      <c r="GL1024" s="126"/>
      <c r="GM1024" s="91"/>
      <c r="GN1024" s="91"/>
      <c r="GO1024" s="91"/>
      <c r="GP1024" s="91"/>
      <c r="GQ1024" s="91"/>
      <c r="GR1024" s="91"/>
      <c r="GS1024" s="91"/>
      <c r="GT1024" s="91"/>
      <c r="GU1024" s="91"/>
      <c r="GV1024" s="91"/>
      <c r="GW1024" s="91"/>
      <c r="GX1024" s="91"/>
      <c r="GY1024" s="91"/>
      <c r="GZ1024" s="91"/>
      <c r="HA1024" s="91"/>
      <c r="HB1024" s="91"/>
      <c r="HC1024" s="91"/>
      <c r="HD1024" s="91"/>
      <c r="HE1024" s="91"/>
      <c r="HF1024" s="91"/>
      <c r="HG1024" s="91"/>
      <c r="HH1024" s="91"/>
      <c r="HI1024" s="91"/>
      <c r="HJ1024" s="91"/>
      <c r="HK1024" s="127"/>
      <c r="HL1024" s="126"/>
      <c r="HM1024" s="91"/>
      <c r="HN1024" s="91"/>
      <c r="HO1024" s="91"/>
      <c r="HP1024" s="91"/>
      <c r="HQ1024" s="91"/>
      <c r="HR1024" s="91"/>
      <c r="HS1024" s="91"/>
      <c r="HT1024" s="91"/>
      <c r="HU1024" s="91"/>
      <c r="HV1024" s="91"/>
      <c r="HW1024" s="91"/>
      <c r="HX1024" s="91"/>
      <c r="HY1024" s="91"/>
      <c r="HZ1024" s="91"/>
      <c r="IA1024" s="91"/>
      <c r="IB1024" s="91"/>
      <c r="IC1024" s="91"/>
      <c r="ID1024" s="91"/>
      <c r="IE1024" s="91"/>
      <c r="IF1024" s="91"/>
      <c r="IG1024" s="91"/>
      <c r="IH1024" s="91"/>
      <c r="II1024" s="91"/>
      <c r="IJ1024" s="91"/>
      <c r="IK1024" s="127"/>
    </row>
    <row r="1025" spans="2:245" x14ac:dyDescent="0.2">
      <c r="B1025" s="43"/>
      <c r="C1025" s="73"/>
      <c r="D1025" s="64"/>
      <c r="E1025" s="64"/>
      <c r="F1025" s="55"/>
      <c r="G1025" s="102"/>
      <c r="H1025" s="55"/>
      <c r="I1025" s="55"/>
      <c r="J1025" s="55"/>
      <c r="K1025" s="55"/>
      <c r="L1025" s="55"/>
      <c r="M1025" s="55"/>
      <c r="N1025" s="55"/>
      <c r="O1025" s="55"/>
      <c r="P1025" s="55"/>
      <c r="Q1025" s="55"/>
      <c r="R1025" s="55"/>
      <c r="S1025" s="55"/>
      <c r="T1025" s="55"/>
      <c r="U1025" s="55"/>
      <c r="V1025" s="55"/>
      <c r="W1025" s="55"/>
      <c r="X1025" s="55"/>
      <c r="Y1025" s="55"/>
      <c r="Z1025" s="55"/>
      <c r="AA1025" s="55"/>
      <c r="AB1025" s="55"/>
      <c r="AC1025" s="55"/>
      <c r="AD1025" s="55"/>
      <c r="AE1025" s="55"/>
      <c r="AF1025" s="55"/>
      <c r="AG1025" s="55"/>
      <c r="AY1025" s="162"/>
      <c r="AZ1025" s="162"/>
      <c r="BA1025" s="162"/>
      <c r="BB1025" s="162"/>
      <c r="BC1025" s="162"/>
      <c r="BD1025" s="162"/>
      <c r="BE1025" s="162"/>
      <c r="BF1025" s="162"/>
      <c r="BG1025" s="162"/>
      <c r="BH1025" s="162"/>
      <c r="BI1025" s="162"/>
      <c r="BJ1025" s="162"/>
      <c r="BK1025" s="162"/>
      <c r="BL1025" s="162"/>
      <c r="BM1025" s="162"/>
      <c r="BN1025" s="162"/>
      <c r="BO1025" s="162"/>
      <c r="BP1025" s="162"/>
      <c r="BQ1025" s="162"/>
      <c r="BR1025" s="162"/>
      <c r="BS1025" s="162"/>
      <c r="BT1025" s="162"/>
      <c r="BU1025" s="162"/>
      <c r="BV1025" s="162"/>
      <c r="BW1025" s="162"/>
      <c r="BX1025" s="162"/>
      <c r="BY1025" s="162"/>
      <c r="BZ1025" s="162"/>
      <c r="CA1025" s="162"/>
      <c r="CB1025" s="162"/>
      <c r="CC1025" s="162"/>
      <c r="CD1025" s="162"/>
      <c r="CE1025" s="162"/>
      <c r="CF1025" s="162"/>
      <c r="CG1025" s="162"/>
      <c r="CH1025" s="162"/>
      <c r="CI1025" s="162"/>
      <c r="CJ1025" s="162"/>
      <c r="CK1025" s="162"/>
      <c r="CL1025" s="163"/>
      <c r="CM1025" s="163"/>
      <c r="CN1025" s="163"/>
      <c r="CO1025" s="163"/>
      <c r="CP1025" s="163"/>
      <c r="CQ1025" s="163"/>
      <c r="CR1025" s="163"/>
      <c r="CS1025" s="163"/>
      <c r="CT1025" s="163"/>
      <c r="CU1025" s="163"/>
      <c r="CV1025" s="163"/>
      <c r="CW1025" s="163"/>
      <c r="CX1025" s="173"/>
      <c r="CY1025" s="163"/>
      <c r="CZ1025" s="163"/>
      <c r="DA1025" s="163"/>
      <c r="DB1025" s="163"/>
      <c r="DC1025" s="163"/>
      <c r="DD1025" s="163"/>
      <c r="DE1025" s="163"/>
      <c r="DF1025" s="163"/>
      <c r="DG1025" s="163"/>
      <c r="DH1025" s="163"/>
      <c r="DI1025" s="163"/>
      <c r="DJ1025" s="163"/>
      <c r="DK1025" s="163"/>
      <c r="DL1025" s="172"/>
      <c r="DM1025" s="163"/>
      <c r="DN1025" s="163"/>
      <c r="DO1025" s="163"/>
      <c r="DP1025" s="163"/>
      <c r="DQ1025" s="163"/>
      <c r="DR1025" s="163"/>
      <c r="DS1025" s="163"/>
      <c r="DT1025" s="163"/>
      <c r="DU1025" s="163"/>
      <c r="DV1025" s="163"/>
      <c r="DW1025" s="163"/>
      <c r="DX1025" s="173"/>
      <c r="DY1025" s="163"/>
      <c r="DZ1025" s="163"/>
      <c r="EA1025" s="163"/>
      <c r="EB1025" s="163"/>
      <c r="EC1025" s="163"/>
      <c r="ED1025" s="163"/>
      <c r="EE1025" s="163"/>
      <c r="EF1025" s="163"/>
      <c r="EG1025" s="163"/>
      <c r="EH1025" s="163"/>
      <c r="EI1025" s="163"/>
      <c r="EJ1025" s="163"/>
      <c r="EK1025" s="163"/>
      <c r="EL1025" s="172"/>
      <c r="EM1025" s="163"/>
      <c r="EN1025" s="163"/>
      <c r="EO1025" s="163"/>
      <c r="EP1025" s="163"/>
      <c r="EQ1025" s="163"/>
      <c r="ER1025" s="163"/>
      <c r="ES1025" s="163"/>
      <c r="ET1025" s="163"/>
      <c r="EU1025" s="163"/>
      <c r="EV1025" s="163"/>
      <c r="EW1025" s="163"/>
      <c r="EX1025" s="173"/>
      <c r="EY1025" s="172"/>
      <c r="EZ1025" s="163"/>
      <c r="FA1025" s="163"/>
      <c r="FB1025" s="163"/>
      <c r="FC1025" s="163"/>
      <c r="FD1025" s="163"/>
      <c r="FE1025" s="163"/>
      <c r="FF1025" s="163"/>
      <c r="FG1025" s="163"/>
      <c r="FH1025" s="163"/>
      <c r="FI1025" s="163"/>
      <c r="FJ1025" s="163"/>
      <c r="FK1025" s="163"/>
      <c r="FL1025" s="126"/>
      <c r="FM1025" s="91"/>
      <c r="FN1025" s="91"/>
      <c r="FO1025" s="91"/>
      <c r="FP1025" s="91"/>
      <c r="FQ1025" s="91"/>
      <c r="FR1025" s="91"/>
      <c r="FS1025" s="91"/>
      <c r="FT1025" s="91"/>
      <c r="FU1025" s="91"/>
      <c r="FV1025" s="91"/>
      <c r="FW1025" s="91"/>
      <c r="FX1025" s="91"/>
      <c r="FY1025" s="91"/>
      <c r="FZ1025" s="91"/>
      <c r="GA1025" s="91"/>
      <c r="GB1025" s="91"/>
      <c r="GC1025" s="91"/>
      <c r="GD1025" s="91"/>
      <c r="GE1025" s="91"/>
      <c r="GF1025" s="91"/>
      <c r="GG1025" s="91"/>
      <c r="GH1025" s="91"/>
      <c r="GI1025" s="91"/>
      <c r="GJ1025" s="91"/>
      <c r="GK1025" s="127"/>
      <c r="GL1025" s="126"/>
      <c r="GM1025" s="91"/>
      <c r="GN1025" s="91"/>
      <c r="GO1025" s="91"/>
      <c r="GP1025" s="91"/>
      <c r="GQ1025" s="91"/>
      <c r="GR1025" s="91"/>
      <c r="GS1025" s="91"/>
      <c r="GT1025" s="91"/>
      <c r="GU1025" s="91"/>
      <c r="GV1025" s="91"/>
      <c r="GW1025" s="91"/>
      <c r="GX1025" s="91"/>
      <c r="GY1025" s="91"/>
      <c r="GZ1025" s="91"/>
      <c r="HA1025" s="91"/>
      <c r="HB1025" s="91"/>
      <c r="HC1025" s="91"/>
      <c r="HD1025" s="91"/>
      <c r="HE1025" s="91"/>
      <c r="HF1025" s="91"/>
      <c r="HG1025" s="91"/>
      <c r="HH1025" s="91"/>
      <c r="HI1025" s="91"/>
      <c r="HJ1025" s="91"/>
      <c r="HK1025" s="127"/>
      <c r="HL1025" s="126"/>
      <c r="HM1025" s="91"/>
      <c r="HN1025" s="91"/>
      <c r="HO1025" s="91"/>
      <c r="HP1025" s="91"/>
      <c r="HQ1025" s="91"/>
      <c r="HR1025" s="91"/>
      <c r="HS1025" s="91"/>
      <c r="HT1025" s="91"/>
      <c r="HU1025" s="91"/>
      <c r="HV1025" s="91"/>
      <c r="HW1025" s="91"/>
      <c r="HX1025" s="91"/>
      <c r="HY1025" s="91"/>
      <c r="HZ1025" s="91"/>
      <c r="IA1025" s="91"/>
      <c r="IB1025" s="91"/>
      <c r="IC1025" s="91"/>
      <c r="ID1025" s="91"/>
      <c r="IE1025" s="91"/>
      <c r="IF1025" s="91"/>
      <c r="IG1025" s="91"/>
      <c r="IH1025" s="91"/>
      <c r="II1025" s="91"/>
      <c r="IJ1025" s="91"/>
      <c r="IK1025" s="127"/>
    </row>
    <row r="1026" spans="2:245" x14ac:dyDescent="0.2">
      <c r="B1026" s="43"/>
      <c r="C1026" s="73"/>
      <c r="D1026" s="64"/>
      <c r="E1026" s="64"/>
      <c r="F1026" s="55"/>
      <c r="G1026" s="102"/>
      <c r="H1026" s="55"/>
      <c r="I1026" s="55"/>
      <c r="J1026" s="55"/>
      <c r="K1026" s="55"/>
      <c r="L1026" s="55"/>
      <c r="M1026" s="55"/>
      <c r="N1026" s="55"/>
      <c r="O1026" s="55"/>
      <c r="P1026" s="55"/>
      <c r="Q1026" s="55"/>
      <c r="R1026" s="55"/>
      <c r="S1026" s="55"/>
      <c r="T1026" s="55"/>
      <c r="U1026" s="55"/>
      <c r="V1026" s="55"/>
      <c r="W1026" s="55"/>
      <c r="X1026" s="55"/>
      <c r="Y1026" s="55"/>
      <c r="Z1026" s="55"/>
      <c r="AA1026" s="55"/>
      <c r="AB1026" s="55"/>
      <c r="AC1026" s="55"/>
      <c r="AD1026" s="55"/>
      <c r="AE1026" s="55"/>
      <c r="AF1026" s="55"/>
      <c r="AG1026" s="55"/>
      <c r="AY1026" s="162"/>
      <c r="AZ1026" s="162"/>
      <c r="BA1026" s="162"/>
      <c r="BB1026" s="162"/>
      <c r="BC1026" s="162"/>
      <c r="BD1026" s="162"/>
      <c r="BE1026" s="162"/>
      <c r="BF1026" s="162"/>
      <c r="BG1026" s="162"/>
      <c r="BH1026" s="162"/>
      <c r="BI1026" s="162"/>
      <c r="BJ1026" s="162"/>
      <c r="BK1026" s="162"/>
      <c r="BL1026" s="162"/>
      <c r="BM1026" s="162"/>
      <c r="BN1026" s="162"/>
      <c r="BO1026" s="162"/>
      <c r="BP1026" s="162"/>
      <c r="BQ1026" s="162"/>
      <c r="BR1026" s="162"/>
      <c r="BS1026" s="162"/>
      <c r="BT1026" s="162"/>
      <c r="BU1026" s="162"/>
      <c r="BV1026" s="162"/>
      <c r="BW1026" s="162"/>
      <c r="BX1026" s="162"/>
      <c r="BY1026" s="162"/>
      <c r="BZ1026" s="162"/>
      <c r="CA1026" s="162"/>
      <c r="CB1026" s="162"/>
      <c r="CC1026" s="162"/>
      <c r="CD1026" s="162"/>
      <c r="CE1026" s="162"/>
      <c r="CF1026" s="162"/>
      <c r="CG1026" s="162"/>
      <c r="CH1026" s="162"/>
      <c r="CI1026" s="162"/>
      <c r="CJ1026" s="162"/>
      <c r="CK1026" s="162"/>
      <c r="CX1026" s="98"/>
      <c r="DL1026" s="97"/>
      <c r="DX1026" s="98"/>
      <c r="EL1026" s="97"/>
      <c r="EX1026" s="98"/>
      <c r="EY1026" s="97"/>
      <c r="FL1026" s="126"/>
      <c r="FM1026" s="91"/>
      <c r="FN1026" s="91"/>
      <c r="FO1026" s="91"/>
      <c r="FP1026" s="91"/>
      <c r="FQ1026" s="91"/>
      <c r="FR1026" s="91"/>
      <c r="FS1026" s="91"/>
      <c r="FT1026" s="91"/>
      <c r="FU1026" s="91"/>
      <c r="FV1026" s="91"/>
      <c r="FW1026" s="91"/>
      <c r="FX1026" s="91"/>
      <c r="FY1026" s="91"/>
      <c r="FZ1026" s="91"/>
      <c r="GA1026" s="91"/>
      <c r="GB1026" s="91"/>
      <c r="GC1026" s="91"/>
      <c r="GD1026" s="91"/>
      <c r="GE1026" s="91"/>
      <c r="GF1026" s="91"/>
      <c r="GG1026" s="91"/>
      <c r="GH1026" s="91"/>
      <c r="GI1026" s="91"/>
      <c r="GJ1026" s="91"/>
      <c r="GK1026" s="127"/>
      <c r="GL1026" s="126"/>
      <c r="GM1026" s="91"/>
      <c r="GN1026" s="91"/>
      <c r="GO1026" s="91"/>
      <c r="GP1026" s="91"/>
      <c r="GQ1026" s="91"/>
      <c r="GR1026" s="91"/>
      <c r="GS1026" s="91"/>
      <c r="GT1026" s="91"/>
      <c r="GU1026" s="91"/>
      <c r="GV1026" s="91"/>
      <c r="GW1026" s="91"/>
      <c r="GX1026" s="91"/>
      <c r="GY1026" s="91"/>
      <c r="GZ1026" s="91"/>
      <c r="HA1026" s="91"/>
      <c r="HB1026" s="91"/>
      <c r="HC1026" s="91"/>
      <c r="HD1026" s="91"/>
      <c r="HE1026" s="91"/>
      <c r="HF1026" s="91"/>
      <c r="HG1026" s="91"/>
      <c r="HH1026" s="91"/>
      <c r="HI1026" s="91"/>
      <c r="HJ1026" s="91"/>
      <c r="HK1026" s="127"/>
      <c r="HL1026" s="126"/>
      <c r="HM1026" s="91"/>
      <c r="HN1026" s="91"/>
      <c r="HO1026" s="91"/>
      <c r="HP1026" s="91"/>
      <c r="HQ1026" s="91"/>
      <c r="HR1026" s="91"/>
      <c r="HS1026" s="91"/>
      <c r="HT1026" s="91"/>
      <c r="HU1026" s="91"/>
      <c r="HV1026" s="91"/>
      <c r="HW1026" s="91"/>
      <c r="HX1026" s="91"/>
      <c r="HY1026" s="91"/>
      <c r="HZ1026" s="91"/>
      <c r="IA1026" s="91"/>
      <c r="IB1026" s="91"/>
      <c r="IC1026" s="91"/>
      <c r="ID1026" s="91"/>
      <c r="IE1026" s="91"/>
      <c r="IF1026" s="91"/>
      <c r="IG1026" s="91"/>
      <c r="IH1026" s="91"/>
      <c r="II1026" s="91"/>
      <c r="IJ1026" s="91"/>
      <c r="IK1026" s="127"/>
    </row>
    <row r="1027" spans="2:245" x14ac:dyDescent="0.2">
      <c r="B1027" s="43"/>
      <c r="C1027" s="73"/>
      <c r="D1027" s="64"/>
      <c r="E1027" s="64"/>
      <c r="F1027" s="55"/>
      <c r="G1027" s="102"/>
      <c r="H1027" s="55"/>
      <c r="I1027" s="55"/>
      <c r="J1027" s="55"/>
      <c r="K1027" s="55"/>
      <c r="L1027" s="55"/>
      <c r="M1027" s="55"/>
      <c r="N1027" s="55"/>
      <c r="O1027" s="55"/>
      <c r="P1027" s="55"/>
      <c r="Q1027" s="55"/>
      <c r="R1027" s="55"/>
      <c r="S1027" s="55"/>
      <c r="T1027" s="55"/>
      <c r="U1027" s="55"/>
      <c r="V1027" s="55"/>
      <c r="W1027" s="55"/>
      <c r="X1027" s="55"/>
      <c r="Y1027" s="55"/>
      <c r="Z1027" s="55"/>
      <c r="AA1027" s="55"/>
      <c r="AB1027" s="55"/>
      <c r="AC1027" s="55"/>
      <c r="AD1027" s="55"/>
      <c r="AE1027" s="55"/>
      <c r="AF1027" s="55"/>
      <c r="AG1027" s="55"/>
      <c r="AY1027" s="162"/>
      <c r="AZ1027" s="162"/>
      <c r="BA1027" s="162"/>
      <c r="BB1027" s="162"/>
      <c r="BC1027" s="162"/>
      <c r="BD1027" s="162"/>
      <c r="BE1027" s="162"/>
      <c r="BF1027" s="162"/>
      <c r="BG1027" s="162"/>
      <c r="BH1027" s="162"/>
      <c r="BI1027" s="162"/>
      <c r="BJ1027" s="162"/>
      <c r="BK1027" s="162"/>
      <c r="BL1027" s="162"/>
      <c r="BM1027" s="162"/>
      <c r="BN1027" s="162"/>
      <c r="BO1027" s="162"/>
      <c r="BP1027" s="162"/>
      <c r="BQ1027" s="162"/>
      <c r="BR1027" s="162"/>
      <c r="BS1027" s="162"/>
      <c r="BT1027" s="162"/>
      <c r="BU1027" s="162"/>
      <c r="BV1027" s="162"/>
      <c r="BW1027" s="162"/>
      <c r="BX1027" s="162"/>
      <c r="BY1027" s="162"/>
      <c r="BZ1027" s="162"/>
      <c r="CA1027" s="162"/>
      <c r="CB1027" s="162"/>
      <c r="CC1027" s="162"/>
      <c r="CD1027" s="162"/>
      <c r="CE1027" s="162"/>
      <c r="CF1027" s="162"/>
      <c r="CG1027" s="162"/>
      <c r="CH1027" s="162"/>
      <c r="CI1027" s="162"/>
      <c r="CJ1027" s="162"/>
      <c r="CK1027" s="162"/>
      <c r="CX1027" s="98"/>
      <c r="DL1027" s="97"/>
      <c r="DX1027" s="98"/>
      <c r="EL1027" s="97"/>
      <c r="EX1027" s="98"/>
      <c r="EY1027" s="97"/>
      <c r="FL1027" s="126"/>
      <c r="FM1027" s="91"/>
      <c r="FN1027" s="91"/>
      <c r="FO1027" s="91"/>
      <c r="FP1027" s="91"/>
      <c r="FQ1027" s="91"/>
      <c r="FR1027" s="91"/>
      <c r="FS1027" s="91"/>
      <c r="FT1027" s="91"/>
      <c r="FU1027" s="91"/>
      <c r="FV1027" s="91"/>
      <c r="FW1027" s="91"/>
      <c r="FX1027" s="91"/>
      <c r="FY1027" s="91"/>
      <c r="FZ1027" s="91"/>
      <c r="GA1027" s="91"/>
      <c r="GB1027" s="91"/>
      <c r="GC1027" s="91"/>
      <c r="GD1027" s="91"/>
      <c r="GE1027" s="91"/>
      <c r="GF1027" s="91"/>
      <c r="GG1027" s="91"/>
      <c r="GH1027" s="91"/>
      <c r="GI1027" s="91"/>
      <c r="GJ1027" s="91"/>
      <c r="GK1027" s="127"/>
      <c r="GL1027" s="126"/>
      <c r="GM1027" s="91"/>
      <c r="GN1027" s="91"/>
      <c r="GO1027" s="91"/>
      <c r="GP1027" s="91"/>
      <c r="GQ1027" s="91"/>
      <c r="GR1027" s="91"/>
      <c r="GS1027" s="91"/>
      <c r="GT1027" s="91"/>
      <c r="GU1027" s="91"/>
      <c r="GV1027" s="91"/>
      <c r="GW1027" s="91"/>
      <c r="GX1027" s="91"/>
      <c r="GY1027" s="91"/>
      <c r="GZ1027" s="91"/>
      <c r="HA1027" s="91"/>
      <c r="HB1027" s="91"/>
      <c r="HC1027" s="91"/>
      <c r="HD1027" s="91"/>
      <c r="HE1027" s="91"/>
      <c r="HF1027" s="91"/>
      <c r="HG1027" s="91"/>
      <c r="HH1027" s="91"/>
      <c r="HI1027" s="91"/>
      <c r="HJ1027" s="91"/>
      <c r="HK1027" s="127"/>
      <c r="HL1027" s="126"/>
      <c r="HM1027" s="91"/>
      <c r="HN1027" s="91"/>
      <c r="HO1027" s="91"/>
      <c r="HP1027" s="91"/>
      <c r="HQ1027" s="91"/>
      <c r="HR1027" s="91"/>
      <c r="HS1027" s="91"/>
      <c r="HT1027" s="91"/>
      <c r="HU1027" s="91"/>
      <c r="HV1027" s="91"/>
      <c r="HW1027" s="91"/>
      <c r="HX1027" s="91"/>
      <c r="HY1027" s="91"/>
      <c r="HZ1027" s="91"/>
      <c r="IA1027" s="91"/>
      <c r="IB1027" s="91"/>
      <c r="IC1027" s="91"/>
      <c r="ID1027" s="91"/>
      <c r="IE1027" s="91"/>
      <c r="IF1027" s="91"/>
      <c r="IG1027" s="91"/>
      <c r="IH1027" s="91"/>
      <c r="II1027" s="91"/>
      <c r="IJ1027" s="91"/>
      <c r="IK1027" s="127"/>
    </row>
    <row r="1028" spans="2:245" x14ac:dyDescent="0.2">
      <c r="B1028" s="43"/>
      <c r="C1028" s="73"/>
      <c r="D1028" s="64"/>
      <c r="E1028" s="64"/>
      <c r="F1028" s="55"/>
      <c r="G1028" s="102"/>
      <c r="H1028" s="55"/>
      <c r="I1028" s="55"/>
      <c r="J1028" s="55"/>
      <c r="K1028" s="55"/>
      <c r="L1028" s="55"/>
      <c r="M1028" s="55"/>
      <c r="N1028" s="55"/>
      <c r="O1028" s="55"/>
      <c r="P1028" s="55"/>
      <c r="Q1028" s="55"/>
      <c r="R1028" s="55"/>
      <c r="S1028" s="55"/>
      <c r="T1028" s="55"/>
      <c r="U1028" s="55"/>
      <c r="V1028" s="55"/>
      <c r="W1028" s="55"/>
      <c r="X1028" s="55"/>
      <c r="Y1028" s="55"/>
      <c r="Z1028" s="55"/>
      <c r="AA1028" s="55"/>
      <c r="AB1028" s="55"/>
      <c r="AC1028" s="55"/>
      <c r="AD1028" s="55"/>
      <c r="AE1028" s="55"/>
      <c r="AF1028" s="55"/>
      <c r="AG1028" s="55"/>
      <c r="AY1028" s="162"/>
      <c r="AZ1028" s="162"/>
      <c r="BA1028" s="162"/>
      <c r="BB1028" s="162"/>
      <c r="BC1028" s="162"/>
      <c r="BD1028" s="162"/>
      <c r="BE1028" s="162"/>
      <c r="BF1028" s="162"/>
      <c r="BG1028" s="162"/>
      <c r="BH1028" s="162"/>
      <c r="BI1028" s="162"/>
      <c r="BJ1028" s="162"/>
      <c r="BK1028" s="162"/>
      <c r="BL1028" s="162"/>
      <c r="BM1028" s="162"/>
      <c r="BN1028" s="162"/>
      <c r="BO1028" s="162"/>
      <c r="BP1028" s="162"/>
      <c r="BQ1028" s="162"/>
      <c r="BR1028" s="162"/>
      <c r="BS1028" s="162"/>
      <c r="BT1028" s="162"/>
      <c r="BU1028" s="162"/>
      <c r="BV1028" s="162"/>
      <c r="BW1028" s="162"/>
      <c r="BX1028" s="162"/>
      <c r="BY1028" s="162"/>
      <c r="BZ1028" s="162"/>
      <c r="CA1028" s="162"/>
      <c r="CB1028" s="162"/>
      <c r="CC1028" s="162"/>
      <c r="CD1028" s="162"/>
      <c r="CE1028" s="162"/>
      <c r="CF1028" s="162"/>
      <c r="CG1028" s="162"/>
      <c r="CH1028" s="162"/>
      <c r="CI1028" s="162"/>
      <c r="CJ1028" s="162"/>
      <c r="CK1028" s="162"/>
      <c r="CX1028" s="98"/>
      <c r="DL1028" s="97"/>
      <c r="DX1028" s="98"/>
      <c r="EL1028" s="97"/>
      <c r="EX1028" s="98"/>
      <c r="EY1028" s="97"/>
      <c r="FL1028" s="126"/>
      <c r="FM1028" s="91"/>
      <c r="FN1028" s="91"/>
      <c r="FO1028" s="91"/>
      <c r="FP1028" s="91"/>
      <c r="FQ1028" s="91"/>
      <c r="FR1028" s="91"/>
      <c r="FS1028" s="91"/>
      <c r="FT1028" s="91"/>
      <c r="FU1028" s="91"/>
      <c r="FV1028" s="91"/>
      <c r="FW1028" s="91"/>
      <c r="FX1028" s="91"/>
      <c r="FY1028" s="91"/>
      <c r="FZ1028" s="91"/>
      <c r="GA1028" s="91"/>
      <c r="GB1028" s="91"/>
      <c r="GC1028" s="91"/>
      <c r="GD1028" s="91"/>
      <c r="GE1028" s="91"/>
      <c r="GF1028" s="91"/>
      <c r="GG1028" s="91"/>
      <c r="GH1028" s="91"/>
      <c r="GI1028" s="91"/>
      <c r="GJ1028" s="91"/>
      <c r="GK1028" s="127"/>
      <c r="GL1028" s="126"/>
      <c r="GM1028" s="91"/>
      <c r="GN1028" s="91"/>
      <c r="GO1028" s="91"/>
      <c r="GP1028" s="91"/>
      <c r="GQ1028" s="91"/>
      <c r="GR1028" s="91"/>
      <c r="GS1028" s="91"/>
      <c r="GT1028" s="91"/>
      <c r="GU1028" s="91"/>
      <c r="GV1028" s="91"/>
      <c r="GW1028" s="91"/>
      <c r="GX1028" s="91"/>
      <c r="GY1028" s="91"/>
      <c r="GZ1028" s="91"/>
      <c r="HA1028" s="91"/>
      <c r="HB1028" s="91"/>
      <c r="HC1028" s="91"/>
      <c r="HD1028" s="91"/>
      <c r="HE1028" s="91"/>
      <c r="HF1028" s="91"/>
      <c r="HG1028" s="91"/>
      <c r="HH1028" s="91"/>
      <c r="HI1028" s="91"/>
      <c r="HJ1028" s="91"/>
      <c r="HK1028" s="127"/>
      <c r="HL1028" s="126"/>
      <c r="HM1028" s="91"/>
      <c r="HN1028" s="91"/>
      <c r="HO1028" s="91"/>
      <c r="HP1028" s="91"/>
      <c r="HQ1028" s="91"/>
      <c r="HR1028" s="91"/>
      <c r="HS1028" s="91"/>
      <c r="HT1028" s="91"/>
      <c r="HU1028" s="91"/>
      <c r="HV1028" s="91"/>
      <c r="HW1028" s="91"/>
      <c r="HX1028" s="91"/>
      <c r="HY1028" s="91"/>
      <c r="HZ1028" s="91"/>
      <c r="IA1028" s="91"/>
      <c r="IB1028" s="91"/>
      <c r="IC1028" s="91"/>
      <c r="ID1028" s="91"/>
      <c r="IE1028" s="91"/>
      <c r="IF1028" s="91"/>
      <c r="IG1028" s="91"/>
      <c r="IH1028" s="91"/>
      <c r="II1028" s="91"/>
      <c r="IJ1028" s="91"/>
      <c r="IK1028" s="127"/>
    </row>
    <row r="1029" spans="2:245" x14ac:dyDescent="0.2">
      <c r="B1029" s="43"/>
      <c r="C1029" s="73"/>
      <c r="D1029" s="64"/>
      <c r="E1029" s="64"/>
      <c r="F1029" s="55"/>
      <c r="G1029" s="102"/>
      <c r="H1029" s="55"/>
      <c r="I1029" s="55"/>
      <c r="J1029" s="55"/>
      <c r="K1029" s="55"/>
      <c r="L1029" s="55"/>
      <c r="M1029" s="55"/>
      <c r="N1029" s="55"/>
      <c r="O1029" s="55"/>
      <c r="P1029" s="55"/>
      <c r="Q1029" s="55"/>
      <c r="R1029" s="55"/>
      <c r="S1029" s="55"/>
      <c r="T1029" s="55"/>
      <c r="U1029" s="55"/>
      <c r="V1029" s="55"/>
      <c r="W1029" s="55"/>
      <c r="X1029" s="55"/>
      <c r="Y1029" s="55"/>
      <c r="Z1029" s="55"/>
      <c r="AA1029" s="55"/>
      <c r="AB1029" s="55"/>
      <c r="AC1029" s="55"/>
      <c r="AD1029" s="55"/>
      <c r="AE1029" s="55"/>
      <c r="AF1029" s="55"/>
      <c r="AG1029" s="55"/>
      <c r="AY1029" s="162"/>
      <c r="AZ1029" s="162"/>
      <c r="BA1029" s="162"/>
      <c r="BB1029" s="162"/>
      <c r="BC1029" s="162"/>
      <c r="BD1029" s="162"/>
      <c r="BE1029" s="162"/>
      <c r="BF1029" s="162"/>
      <c r="BG1029" s="162"/>
      <c r="BH1029" s="162"/>
      <c r="BI1029" s="162"/>
      <c r="BJ1029" s="162"/>
      <c r="BK1029" s="162"/>
      <c r="BL1029" s="162"/>
      <c r="BM1029" s="162"/>
      <c r="BN1029" s="162"/>
      <c r="BO1029" s="162"/>
      <c r="BP1029" s="162"/>
      <c r="BQ1029" s="162"/>
      <c r="BR1029" s="162"/>
      <c r="BS1029" s="162"/>
      <c r="BT1029" s="162"/>
      <c r="BU1029" s="162"/>
      <c r="BV1029" s="162"/>
      <c r="BW1029" s="162"/>
      <c r="BX1029" s="162"/>
      <c r="BY1029" s="162"/>
      <c r="BZ1029" s="162"/>
      <c r="CA1029" s="162"/>
      <c r="CB1029" s="162"/>
      <c r="CC1029" s="162"/>
      <c r="CD1029" s="162"/>
      <c r="CE1029" s="162"/>
      <c r="CF1029" s="162"/>
      <c r="CG1029" s="162"/>
      <c r="CH1029" s="162"/>
      <c r="CI1029" s="162"/>
      <c r="CJ1029" s="162"/>
      <c r="CK1029" s="162"/>
      <c r="CX1029" s="98"/>
      <c r="DL1029" s="97"/>
      <c r="DX1029" s="98"/>
      <c r="EL1029" s="97"/>
      <c r="EX1029" s="98"/>
      <c r="EY1029" s="97"/>
      <c r="FL1029" s="126"/>
      <c r="FM1029" s="91"/>
      <c r="FN1029" s="91"/>
      <c r="FO1029" s="91"/>
      <c r="FP1029" s="91"/>
      <c r="FQ1029" s="91"/>
      <c r="FR1029" s="91"/>
      <c r="FS1029" s="91"/>
      <c r="FT1029" s="91"/>
      <c r="FU1029" s="91"/>
      <c r="FV1029" s="91"/>
      <c r="FW1029" s="91"/>
      <c r="FX1029" s="91"/>
      <c r="FY1029" s="91"/>
      <c r="FZ1029" s="91"/>
      <c r="GA1029" s="91"/>
      <c r="GB1029" s="91"/>
      <c r="GC1029" s="91"/>
      <c r="GD1029" s="91"/>
      <c r="GE1029" s="91"/>
      <c r="GF1029" s="91"/>
      <c r="GG1029" s="91"/>
      <c r="GH1029" s="91"/>
      <c r="GI1029" s="91"/>
      <c r="GJ1029" s="91"/>
      <c r="GK1029" s="127"/>
      <c r="GL1029" s="126"/>
      <c r="GM1029" s="91"/>
      <c r="GN1029" s="91"/>
      <c r="GO1029" s="91"/>
      <c r="GP1029" s="91"/>
      <c r="GQ1029" s="91"/>
      <c r="GR1029" s="91"/>
      <c r="GS1029" s="91"/>
      <c r="GT1029" s="91"/>
      <c r="GU1029" s="91"/>
      <c r="GV1029" s="91"/>
      <c r="GW1029" s="91"/>
      <c r="GX1029" s="91"/>
      <c r="GY1029" s="91"/>
      <c r="GZ1029" s="91"/>
      <c r="HA1029" s="91"/>
      <c r="HB1029" s="91"/>
      <c r="HC1029" s="91"/>
      <c r="HD1029" s="91"/>
      <c r="HE1029" s="91"/>
      <c r="HF1029" s="91"/>
      <c r="HG1029" s="91"/>
      <c r="HH1029" s="91"/>
      <c r="HI1029" s="91"/>
      <c r="HJ1029" s="91"/>
      <c r="HK1029" s="127"/>
      <c r="HL1029" s="126"/>
      <c r="HM1029" s="91"/>
      <c r="HN1029" s="91"/>
      <c r="HO1029" s="91"/>
      <c r="HP1029" s="91"/>
      <c r="HQ1029" s="91"/>
      <c r="HR1029" s="91"/>
      <c r="HS1029" s="91"/>
      <c r="HT1029" s="91"/>
      <c r="HU1029" s="91"/>
      <c r="HV1029" s="91"/>
      <c r="HW1029" s="91"/>
      <c r="HX1029" s="91"/>
      <c r="HY1029" s="91"/>
      <c r="HZ1029" s="91"/>
      <c r="IA1029" s="91"/>
      <c r="IB1029" s="91"/>
      <c r="IC1029" s="91"/>
      <c r="ID1029" s="91"/>
      <c r="IE1029" s="91"/>
      <c r="IF1029" s="91"/>
      <c r="IG1029" s="91"/>
      <c r="IH1029" s="91"/>
      <c r="II1029" s="91"/>
      <c r="IJ1029" s="91"/>
      <c r="IK1029" s="127"/>
    </row>
    <row r="1030" spans="2:245" x14ac:dyDescent="0.2">
      <c r="B1030" s="43"/>
      <c r="C1030" s="73"/>
      <c r="D1030" s="64"/>
      <c r="E1030" s="64"/>
      <c r="F1030" s="55"/>
      <c r="G1030" s="102"/>
      <c r="H1030" s="55"/>
      <c r="I1030" s="55"/>
      <c r="J1030" s="55"/>
      <c r="K1030" s="55"/>
      <c r="L1030" s="55"/>
      <c r="M1030" s="55"/>
      <c r="N1030" s="55"/>
      <c r="O1030" s="55"/>
      <c r="P1030" s="55"/>
      <c r="Q1030" s="55"/>
      <c r="R1030" s="55"/>
      <c r="S1030" s="55"/>
      <c r="T1030" s="55"/>
      <c r="U1030" s="55"/>
      <c r="V1030" s="55"/>
      <c r="W1030" s="55"/>
      <c r="X1030" s="55"/>
      <c r="Y1030" s="55"/>
      <c r="Z1030" s="55"/>
      <c r="AA1030" s="55"/>
      <c r="AB1030" s="55"/>
      <c r="AC1030" s="55"/>
      <c r="AD1030" s="55"/>
      <c r="AE1030" s="55"/>
      <c r="AF1030" s="55"/>
      <c r="AG1030" s="55"/>
      <c r="AY1030" s="162"/>
      <c r="AZ1030" s="162"/>
      <c r="BA1030" s="162"/>
      <c r="BB1030" s="162"/>
      <c r="BC1030" s="162"/>
      <c r="BD1030" s="162"/>
      <c r="BE1030" s="162"/>
      <c r="BF1030" s="162"/>
      <c r="BG1030" s="162"/>
      <c r="BH1030" s="162"/>
      <c r="BI1030" s="162"/>
      <c r="BJ1030" s="162"/>
      <c r="BK1030" s="162"/>
      <c r="BL1030" s="162"/>
      <c r="BM1030" s="162"/>
      <c r="BN1030" s="162"/>
      <c r="BO1030" s="162"/>
      <c r="BP1030" s="162"/>
      <c r="BQ1030" s="162"/>
      <c r="BR1030" s="162"/>
      <c r="BS1030" s="162"/>
      <c r="BT1030" s="162"/>
      <c r="BU1030" s="162"/>
      <c r="BV1030" s="162"/>
      <c r="BW1030" s="162"/>
      <c r="BX1030" s="162"/>
      <c r="BY1030" s="162"/>
      <c r="BZ1030" s="162"/>
      <c r="CA1030" s="162"/>
      <c r="CB1030" s="162"/>
      <c r="CC1030" s="162"/>
      <c r="CD1030" s="162"/>
      <c r="CE1030" s="162"/>
      <c r="CF1030" s="162"/>
      <c r="CG1030" s="162"/>
      <c r="CH1030" s="162"/>
      <c r="CI1030" s="162"/>
      <c r="CJ1030" s="162"/>
      <c r="CK1030" s="162"/>
      <c r="CX1030" s="98"/>
      <c r="DL1030" s="97"/>
      <c r="DX1030" s="98"/>
      <c r="EL1030" s="97"/>
      <c r="EX1030" s="98"/>
      <c r="EY1030" s="97"/>
      <c r="FL1030" s="126"/>
      <c r="FM1030" s="91"/>
      <c r="FN1030" s="91"/>
      <c r="FO1030" s="91"/>
      <c r="FP1030" s="91"/>
      <c r="FQ1030" s="91"/>
      <c r="FR1030" s="91"/>
      <c r="FS1030" s="91"/>
      <c r="FT1030" s="91"/>
      <c r="FU1030" s="91"/>
      <c r="FV1030" s="91"/>
      <c r="FW1030" s="91"/>
      <c r="FX1030" s="91"/>
      <c r="FY1030" s="91"/>
      <c r="FZ1030" s="91"/>
      <c r="GA1030" s="91"/>
      <c r="GB1030" s="91"/>
      <c r="GC1030" s="91"/>
      <c r="GD1030" s="91"/>
      <c r="GE1030" s="91"/>
      <c r="GF1030" s="91"/>
      <c r="GG1030" s="91"/>
      <c r="GH1030" s="91"/>
      <c r="GI1030" s="91"/>
      <c r="GJ1030" s="91"/>
      <c r="GK1030" s="127"/>
      <c r="GL1030" s="126"/>
      <c r="GM1030" s="91"/>
      <c r="GN1030" s="91"/>
      <c r="GO1030" s="91"/>
      <c r="GP1030" s="91"/>
      <c r="GQ1030" s="91"/>
      <c r="GR1030" s="91"/>
      <c r="GS1030" s="91"/>
      <c r="GT1030" s="91"/>
      <c r="GU1030" s="91"/>
      <c r="GV1030" s="91"/>
      <c r="GW1030" s="91"/>
      <c r="GX1030" s="91"/>
      <c r="GY1030" s="91"/>
      <c r="GZ1030" s="91"/>
      <c r="HA1030" s="91"/>
      <c r="HB1030" s="91"/>
      <c r="HC1030" s="91"/>
      <c r="HD1030" s="91"/>
      <c r="HE1030" s="91"/>
      <c r="HF1030" s="91"/>
      <c r="HG1030" s="91"/>
      <c r="HH1030" s="91"/>
      <c r="HI1030" s="91"/>
      <c r="HJ1030" s="91"/>
      <c r="HK1030" s="127"/>
      <c r="HL1030" s="126"/>
      <c r="HM1030" s="91"/>
      <c r="HN1030" s="91"/>
      <c r="HO1030" s="91"/>
      <c r="HP1030" s="91"/>
      <c r="HQ1030" s="91"/>
      <c r="HR1030" s="91"/>
      <c r="HS1030" s="91"/>
      <c r="HT1030" s="91"/>
      <c r="HU1030" s="91"/>
      <c r="HV1030" s="91"/>
      <c r="HW1030" s="91"/>
      <c r="HX1030" s="91"/>
      <c r="HY1030" s="91"/>
      <c r="HZ1030" s="91"/>
      <c r="IA1030" s="91"/>
      <c r="IB1030" s="91"/>
      <c r="IC1030" s="91"/>
      <c r="ID1030" s="91"/>
      <c r="IE1030" s="91"/>
      <c r="IF1030" s="91"/>
      <c r="IG1030" s="91"/>
      <c r="IH1030" s="91"/>
      <c r="II1030" s="91"/>
      <c r="IJ1030" s="91"/>
      <c r="IK1030" s="127"/>
    </row>
    <row r="1031" spans="2:245" x14ac:dyDescent="0.2">
      <c r="B1031" s="43"/>
      <c r="C1031" s="73"/>
      <c r="D1031" s="64"/>
      <c r="E1031" s="64"/>
      <c r="F1031" s="55"/>
      <c r="G1031" s="102"/>
      <c r="H1031" s="55"/>
      <c r="I1031" s="55"/>
      <c r="J1031" s="55"/>
      <c r="K1031" s="55"/>
      <c r="L1031" s="55"/>
      <c r="M1031" s="55"/>
      <c r="N1031" s="55"/>
      <c r="O1031" s="55"/>
      <c r="P1031" s="55"/>
      <c r="Q1031" s="55"/>
      <c r="R1031" s="55"/>
      <c r="S1031" s="55"/>
      <c r="T1031" s="55"/>
      <c r="U1031" s="55"/>
      <c r="V1031" s="55"/>
      <c r="W1031" s="55"/>
      <c r="X1031" s="55"/>
      <c r="Y1031" s="55"/>
      <c r="Z1031" s="55"/>
      <c r="AA1031" s="55"/>
      <c r="AB1031" s="55"/>
      <c r="AC1031" s="55"/>
      <c r="AD1031" s="55"/>
      <c r="AE1031" s="55"/>
      <c r="AF1031" s="55"/>
      <c r="AG1031" s="55"/>
      <c r="AY1031" s="162"/>
      <c r="AZ1031" s="162"/>
      <c r="BA1031" s="162"/>
      <c r="BB1031" s="162"/>
      <c r="BC1031" s="162"/>
      <c r="BD1031" s="162"/>
      <c r="BE1031" s="162"/>
      <c r="BF1031" s="162"/>
      <c r="BG1031" s="162"/>
      <c r="BH1031" s="162"/>
      <c r="BI1031" s="162"/>
      <c r="BJ1031" s="162"/>
      <c r="BK1031" s="162"/>
      <c r="BL1031" s="162"/>
      <c r="BM1031" s="162"/>
      <c r="BN1031" s="162"/>
      <c r="BO1031" s="162"/>
      <c r="BP1031" s="162"/>
      <c r="BQ1031" s="162"/>
      <c r="BR1031" s="162"/>
      <c r="BS1031" s="162"/>
      <c r="BT1031" s="162"/>
      <c r="BU1031" s="162"/>
      <c r="BV1031" s="162"/>
      <c r="BW1031" s="162"/>
      <c r="BX1031" s="162"/>
      <c r="BY1031" s="162"/>
      <c r="BZ1031" s="162"/>
      <c r="CA1031" s="162"/>
      <c r="CB1031" s="162"/>
      <c r="CC1031" s="162"/>
      <c r="CD1031" s="162"/>
      <c r="CE1031" s="162"/>
      <c r="CF1031" s="162"/>
      <c r="CG1031" s="162"/>
      <c r="CH1031" s="162"/>
      <c r="CI1031" s="162"/>
      <c r="CJ1031" s="162"/>
      <c r="CK1031" s="162"/>
      <c r="CX1031" s="98"/>
      <c r="DL1031" s="97"/>
      <c r="DX1031" s="98"/>
      <c r="EL1031" s="97"/>
      <c r="EX1031" s="98"/>
      <c r="EY1031" s="97"/>
      <c r="FL1031" s="126"/>
      <c r="FM1031" s="91"/>
      <c r="FN1031" s="91"/>
      <c r="FO1031" s="91"/>
      <c r="FP1031" s="91"/>
      <c r="FQ1031" s="91"/>
      <c r="FR1031" s="91"/>
      <c r="FS1031" s="91"/>
      <c r="FT1031" s="91"/>
      <c r="FU1031" s="91"/>
      <c r="FV1031" s="91"/>
      <c r="FW1031" s="91"/>
      <c r="FX1031" s="91"/>
      <c r="FY1031" s="91"/>
      <c r="FZ1031" s="91"/>
      <c r="GA1031" s="91"/>
      <c r="GB1031" s="91"/>
      <c r="GC1031" s="91"/>
      <c r="GD1031" s="91"/>
      <c r="GE1031" s="91"/>
      <c r="GF1031" s="91"/>
      <c r="GG1031" s="91"/>
      <c r="GH1031" s="91"/>
      <c r="GI1031" s="91"/>
      <c r="GJ1031" s="91"/>
      <c r="GK1031" s="127"/>
      <c r="GL1031" s="126"/>
      <c r="GM1031" s="91"/>
      <c r="GN1031" s="91"/>
      <c r="GO1031" s="91"/>
      <c r="GP1031" s="91"/>
      <c r="GQ1031" s="91"/>
      <c r="GR1031" s="91"/>
      <c r="GS1031" s="91"/>
      <c r="GT1031" s="91"/>
      <c r="GU1031" s="91"/>
      <c r="GV1031" s="91"/>
      <c r="GW1031" s="91"/>
      <c r="GX1031" s="91"/>
      <c r="GY1031" s="91"/>
      <c r="GZ1031" s="91"/>
      <c r="HA1031" s="91"/>
      <c r="HB1031" s="91"/>
      <c r="HC1031" s="91"/>
      <c r="HD1031" s="91"/>
      <c r="HE1031" s="91"/>
      <c r="HF1031" s="91"/>
      <c r="HG1031" s="91"/>
      <c r="HH1031" s="91"/>
      <c r="HI1031" s="91"/>
      <c r="HJ1031" s="91"/>
      <c r="HK1031" s="127"/>
      <c r="HL1031" s="126"/>
      <c r="HM1031" s="91"/>
      <c r="HN1031" s="91"/>
      <c r="HO1031" s="91"/>
      <c r="HP1031" s="91"/>
      <c r="HQ1031" s="91"/>
      <c r="HR1031" s="91"/>
      <c r="HS1031" s="91"/>
      <c r="HT1031" s="91"/>
      <c r="HU1031" s="91"/>
      <c r="HV1031" s="91"/>
      <c r="HW1031" s="91"/>
      <c r="HX1031" s="91"/>
      <c r="HY1031" s="91"/>
      <c r="HZ1031" s="91"/>
      <c r="IA1031" s="91"/>
      <c r="IB1031" s="91"/>
      <c r="IC1031" s="91"/>
      <c r="ID1031" s="91"/>
      <c r="IE1031" s="91"/>
      <c r="IF1031" s="91"/>
      <c r="IG1031" s="91"/>
      <c r="IH1031" s="91"/>
      <c r="II1031" s="91"/>
      <c r="IJ1031" s="91"/>
      <c r="IK1031" s="127"/>
    </row>
    <row r="1032" spans="2:245" x14ac:dyDescent="0.2">
      <c r="B1032" s="43"/>
      <c r="C1032" s="73"/>
      <c r="D1032" s="64"/>
      <c r="E1032" s="64"/>
      <c r="F1032" s="55"/>
      <c r="G1032" s="102"/>
      <c r="H1032" s="55"/>
      <c r="I1032" s="55"/>
      <c r="J1032" s="55"/>
      <c r="K1032" s="55"/>
      <c r="L1032" s="55"/>
      <c r="M1032" s="55"/>
      <c r="N1032" s="55"/>
      <c r="O1032" s="55"/>
      <c r="P1032" s="55"/>
      <c r="Q1032" s="55"/>
      <c r="R1032" s="55"/>
      <c r="S1032" s="55"/>
      <c r="T1032" s="55"/>
      <c r="U1032" s="55"/>
      <c r="V1032" s="55"/>
      <c r="W1032" s="55"/>
      <c r="X1032" s="55"/>
      <c r="Y1032" s="55"/>
      <c r="Z1032" s="55"/>
      <c r="AA1032" s="55"/>
      <c r="AB1032" s="55"/>
      <c r="AC1032" s="55"/>
      <c r="AD1032" s="55"/>
      <c r="AE1032" s="55"/>
      <c r="AF1032" s="55"/>
      <c r="AG1032" s="55"/>
      <c r="AY1032" s="162"/>
      <c r="AZ1032" s="162"/>
      <c r="BA1032" s="162"/>
      <c r="BB1032" s="162"/>
      <c r="BC1032" s="162"/>
      <c r="BD1032" s="162"/>
      <c r="BE1032" s="162"/>
      <c r="BF1032" s="162"/>
      <c r="BG1032" s="162"/>
      <c r="BH1032" s="162"/>
      <c r="BI1032" s="162"/>
      <c r="BJ1032" s="162"/>
      <c r="BK1032" s="162"/>
      <c r="BL1032" s="162"/>
      <c r="BM1032" s="162"/>
      <c r="BN1032" s="162"/>
      <c r="BO1032" s="162"/>
      <c r="BP1032" s="162"/>
      <c r="BQ1032" s="162"/>
      <c r="BR1032" s="162"/>
      <c r="BS1032" s="162"/>
      <c r="BT1032" s="162"/>
      <c r="BU1032" s="162"/>
      <c r="BV1032" s="162"/>
      <c r="BW1032" s="162"/>
      <c r="BX1032" s="162"/>
      <c r="BY1032" s="162"/>
      <c r="BZ1032" s="162"/>
      <c r="CA1032" s="162"/>
      <c r="CB1032" s="162"/>
      <c r="CC1032" s="162"/>
      <c r="CD1032" s="162"/>
      <c r="CE1032" s="162"/>
      <c r="CF1032" s="162"/>
      <c r="CG1032" s="162"/>
      <c r="CH1032" s="162"/>
      <c r="CI1032" s="162"/>
      <c r="CJ1032" s="162"/>
      <c r="CK1032" s="162"/>
      <c r="CX1032" s="98"/>
      <c r="DL1032" s="97"/>
      <c r="DX1032" s="98"/>
      <c r="EL1032" s="97"/>
      <c r="EX1032" s="98"/>
      <c r="EY1032" s="97"/>
      <c r="FL1032" s="126"/>
      <c r="FM1032" s="91"/>
      <c r="FN1032" s="91"/>
      <c r="FO1032" s="91"/>
      <c r="FP1032" s="91"/>
      <c r="FQ1032" s="91"/>
      <c r="FR1032" s="91"/>
      <c r="FS1032" s="91"/>
      <c r="FT1032" s="91"/>
      <c r="FU1032" s="91"/>
      <c r="FV1032" s="91"/>
      <c r="FW1032" s="91"/>
      <c r="FX1032" s="91"/>
      <c r="FY1032" s="91"/>
      <c r="FZ1032" s="91"/>
      <c r="GA1032" s="91"/>
      <c r="GB1032" s="91"/>
      <c r="GC1032" s="91"/>
      <c r="GD1032" s="91"/>
      <c r="GE1032" s="91"/>
      <c r="GF1032" s="91"/>
      <c r="GG1032" s="91"/>
      <c r="GH1032" s="91"/>
      <c r="GI1032" s="91"/>
      <c r="GJ1032" s="91"/>
      <c r="GK1032" s="127"/>
      <c r="GL1032" s="126"/>
      <c r="GM1032" s="91"/>
      <c r="GN1032" s="91"/>
      <c r="GO1032" s="91"/>
      <c r="GP1032" s="91"/>
      <c r="GQ1032" s="91"/>
      <c r="GR1032" s="91"/>
      <c r="GS1032" s="91"/>
      <c r="GT1032" s="91"/>
      <c r="GU1032" s="91"/>
      <c r="GV1032" s="91"/>
      <c r="GW1032" s="91"/>
      <c r="GX1032" s="91"/>
      <c r="GY1032" s="91"/>
      <c r="GZ1032" s="91"/>
      <c r="HA1032" s="91"/>
      <c r="HB1032" s="91"/>
      <c r="HC1032" s="91"/>
      <c r="HD1032" s="91"/>
      <c r="HE1032" s="91"/>
      <c r="HF1032" s="91"/>
      <c r="HG1032" s="91"/>
      <c r="HH1032" s="91"/>
      <c r="HI1032" s="91"/>
      <c r="HJ1032" s="91"/>
      <c r="HK1032" s="127"/>
      <c r="HL1032" s="126"/>
      <c r="HM1032" s="91"/>
      <c r="HN1032" s="91"/>
      <c r="HO1032" s="91"/>
      <c r="HP1032" s="91"/>
      <c r="HQ1032" s="91"/>
      <c r="HR1032" s="91"/>
      <c r="HS1032" s="91"/>
      <c r="HT1032" s="91"/>
      <c r="HU1032" s="91"/>
      <c r="HV1032" s="91"/>
      <c r="HW1032" s="91"/>
      <c r="HX1032" s="91"/>
      <c r="HY1032" s="91"/>
      <c r="HZ1032" s="91"/>
      <c r="IA1032" s="91"/>
      <c r="IB1032" s="91"/>
      <c r="IC1032" s="91"/>
      <c r="ID1032" s="91"/>
      <c r="IE1032" s="91"/>
      <c r="IF1032" s="91"/>
      <c r="IG1032" s="91"/>
      <c r="IH1032" s="91"/>
      <c r="II1032" s="91"/>
      <c r="IJ1032" s="91"/>
      <c r="IK1032" s="127"/>
    </row>
    <row r="1033" spans="2:245" x14ac:dyDescent="0.2">
      <c r="B1033" s="43"/>
      <c r="C1033" s="73"/>
      <c r="D1033" s="64"/>
      <c r="E1033" s="64"/>
      <c r="F1033" s="55"/>
      <c r="G1033" s="102"/>
      <c r="H1033" s="55"/>
      <c r="I1033" s="55"/>
      <c r="J1033" s="55"/>
      <c r="K1033" s="55"/>
      <c r="L1033" s="55"/>
      <c r="M1033" s="55"/>
      <c r="N1033" s="55"/>
      <c r="O1033" s="55"/>
      <c r="P1033" s="55"/>
      <c r="Q1033" s="55"/>
      <c r="R1033" s="55"/>
      <c r="S1033" s="55"/>
      <c r="T1033" s="55"/>
      <c r="U1033" s="55"/>
      <c r="V1033" s="55"/>
      <c r="W1033" s="55"/>
      <c r="X1033" s="55"/>
      <c r="Y1033" s="55"/>
      <c r="Z1033" s="55"/>
      <c r="AA1033" s="55"/>
      <c r="AB1033" s="55"/>
      <c r="AC1033" s="55"/>
      <c r="AD1033" s="55"/>
      <c r="AE1033" s="55"/>
      <c r="AF1033" s="55"/>
      <c r="AG1033" s="55"/>
      <c r="AY1033" s="162"/>
      <c r="AZ1033" s="162"/>
      <c r="BA1033" s="162"/>
      <c r="BB1033" s="162"/>
      <c r="BC1033" s="162"/>
      <c r="BD1033" s="162"/>
      <c r="BE1033" s="162"/>
      <c r="BF1033" s="162"/>
      <c r="BG1033" s="162"/>
      <c r="BH1033" s="162"/>
      <c r="BI1033" s="162"/>
      <c r="BJ1033" s="162"/>
      <c r="BK1033" s="162"/>
      <c r="BL1033" s="162"/>
      <c r="BM1033" s="162"/>
      <c r="BN1033" s="162"/>
      <c r="BO1033" s="162"/>
      <c r="BP1033" s="162"/>
      <c r="BQ1033" s="162"/>
      <c r="BR1033" s="162"/>
      <c r="BS1033" s="162"/>
      <c r="BT1033" s="162"/>
      <c r="BU1033" s="162"/>
      <c r="BV1033" s="162"/>
      <c r="BW1033" s="162"/>
      <c r="BX1033" s="162"/>
      <c r="BY1033" s="162"/>
      <c r="BZ1033" s="162"/>
      <c r="CA1033" s="162"/>
      <c r="CB1033" s="162"/>
      <c r="CC1033" s="162"/>
      <c r="CD1033" s="162"/>
      <c r="CE1033" s="162"/>
      <c r="CF1033" s="162"/>
      <c r="CG1033" s="162"/>
      <c r="CH1033" s="162"/>
      <c r="CI1033" s="162"/>
      <c r="CJ1033" s="162"/>
      <c r="CK1033" s="162"/>
      <c r="CX1033" s="98"/>
      <c r="DL1033" s="97"/>
      <c r="DX1033" s="98"/>
      <c r="EL1033" s="97"/>
      <c r="EX1033" s="98"/>
      <c r="EY1033" s="97"/>
      <c r="FL1033" s="126"/>
      <c r="FM1033" s="91"/>
      <c r="FN1033" s="91"/>
      <c r="FO1033" s="91"/>
      <c r="FP1033" s="91"/>
      <c r="FQ1033" s="91"/>
      <c r="FR1033" s="91"/>
      <c r="FS1033" s="91"/>
      <c r="FT1033" s="91"/>
      <c r="FU1033" s="91"/>
      <c r="FV1033" s="91"/>
      <c r="FW1033" s="91"/>
      <c r="FX1033" s="91"/>
      <c r="FY1033" s="91"/>
      <c r="FZ1033" s="91"/>
      <c r="GA1033" s="91"/>
      <c r="GB1033" s="91"/>
      <c r="GC1033" s="91"/>
      <c r="GD1033" s="91"/>
      <c r="GE1033" s="91"/>
      <c r="GF1033" s="91"/>
      <c r="GG1033" s="91"/>
      <c r="GH1033" s="91"/>
      <c r="GI1033" s="91"/>
      <c r="GJ1033" s="91"/>
      <c r="GK1033" s="127"/>
      <c r="GL1033" s="126"/>
      <c r="GM1033" s="91"/>
      <c r="GN1033" s="91"/>
      <c r="GO1033" s="91"/>
      <c r="GP1033" s="91"/>
      <c r="GQ1033" s="91"/>
      <c r="GR1033" s="91"/>
      <c r="GS1033" s="91"/>
      <c r="GT1033" s="91"/>
      <c r="GU1033" s="91"/>
      <c r="GV1033" s="91"/>
      <c r="GW1033" s="91"/>
      <c r="GX1033" s="91"/>
      <c r="GY1033" s="91"/>
      <c r="GZ1033" s="91"/>
      <c r="HA1033" s="91"/>
      <c r="HB1033" s="91"/>
      <c r="HC1033" s="91"/>
      <c r="HD1033" s="91"/>
      <c r="HE1033" s="91"/>
      <c r="HF1033" s="91"/>
      <c r="HG1033" s="91"/>
      <c r="HH1033" s="91"/>
      <c r="HI1033" s="91"/>
      <c r="HJ1033" s="91"/>
      <c r="HK1033" s="127"/>
      <c r="HL1033" s="126"/>
      <c r="HM1033" s="91"/>
      <c r="HN1033" s="91"/>
      <c r="HO1033" s="91"/>
      <c r="HP1033" s="91"/>
      <c r="HQ1033" s="91"/>
      <c r="HR1033" s="91"/>
      <c r="HS1033" s="91"/>
      <c r="HT1033" s="91"/>
      <c r="HU1033" s="91"/>
      <c r="HV1033" s="91"/>
      <c r="HW1033" s="91"/>
      <c r="HX1033" s="91"/>
      <c r="HY1033" s="91"/>
      <c r="HZ1033" s="91"/>
      <c r="IA1033" s="91"/>
      <c r="IB1033" s="91"/>
      <c r="IC1033" s="91"/>
      <c r="ID1033" s="91"/>
      <c r="IE1033" s="91"/>
      <c r="IF1033" s="91"/>
      <c r="IG1033" s="91"/>
      <c r="IH1033" s="91"/>
      <c r="II1033" s="91"/>
      <c r="IJ1033" s="91"/>
      <c r="IK1033" s="127"/>
    </row>
    <row r="1034" spans="2:245" x14ac:dyDescent="0.2">
      <c r="B1034" s="43"/>
      <c r="C1034" s="73"/>
      <c r="D1034" s="64"/>
      <c r="E1034" s="64"/>
      <c r="F1034" s="55"/>
      <c r="G1034" s="102"/>
      <c r="H1034" s="55"/>
      <c r="I1034" s="55"/>
      <c r="J1034" s="55"/>
      <c r="K1034" s="55"/>
      <c r="L1034" s="55"/>
      <c r="M1034" s="55"/>
      <c r="N1034" s="55"/>
      <c r="O1034" s="55"/>
      <c r="P1034" s="55"/>
      <c r="Q1034" s="55"/>
      <c r="R1034" s="55"/>
      <c r="S1034" s="55"/>
      <c r="T1034" s="55"/>
      <c r="U1034" s="55"/>
      <c r="V1034" s="55"/>
      <c r="W1034" s="55"/>
      <c r="X1034" s="55"/>
      <c r="Y1034" s="55"/>
      <c r="Z1034" s="55"/>
      <c r="AA1034" s="55"/>
      <c r="AB1034" s="55"/>
      <c r="AC1034" s="55"/>
      <c r="AD1034" s="55"/>
      <c r="AE1034" s="55"/>
      <c r="AF1034" s="55"/>
      <c r="AG1034" s="55"/>
      <c r="AY1034" s="162"/>
      <c r="AZ1034" s="162"/>
      <c r="BA1034" s="162"/>
      <c r="BB1034" s="162"/>
      <c r="BC1034" s="162"/>
      <c r="BD1034" s="162"/>
      <c r="BE1034" s="162"/>
      <c r="BF1034" s="162"/>
      <c r="BG1034" s="162"/>
      <c r="BH1034" s="162"/>
      <c r="BI1034" s="162"/>
      <c r="BJ1034" s="162"/>
      <c r="BK1034" s="162"/>
      <c r="BL1034" s="162"/>
      <c r="BM1034" s="162"/>
      <c r="BN1034" s="162"/>
      <c r="BO1034" s="162"/>
      <c r="BP1034" s="162"/>
      <c r="BQ1034" s="162"/>
      <c r="BR1034" s="162"/>
      <c r="BS1034" s="162"/>
      <c r="BT1034" s="162"/>
      <c r="BU1034" s="162"/>
      <c r="BV1034" s="162"/>
      <c r="BW1034" s="162"/>
      <c r="BX1034" s="162"/>
      <c r="BY1034" s="162"/>
      <c r="BZ1034" s="162"/>
      <c r="CA1034" s="162"/>
      <c r="CB1034" s="162"/>
      <c r="CC1034" s="162"/>
      <c r="CD1034" s="162"/>
      <c r="CE1034" s="162"/>
      <c r="CF1034" s="162"/>
      <c r="CG1034" s="162"/>
      <c r="CH1034" s="162"/>
      <c r="CI1034" s="162"/>
      <c r="CJ1034" s="162"/>
      <c r="CK1034" s="162"/>
      <c r="CX1034" s="98"/>
      <c r="DL1034" s="97"/>
      <c r="DX1034" s="98"/>
      <c r="EL1034" s="97"/>
      <c r="EX1034" s="98"/>
      <c r="EY1034" s="97"/>
      <c r="FL1034" s="126"/>
      <c r="FM1034" s="91"/>
      <c r="FN1034" s="91"/>
      <c r="FO1034" s="91"/>
      <c r="FP1034" s="91"/>
      <c r="FQ1034" s="91"/>
      <c r="FR1034" s="91"/>
      <c r="FS1034" s="91"/>
      <c r="FT1034" s="91"/>
      <c r="FU1034" s="91"/>
      <c r="FV1034" s="91"/>
      <c r="FW1034" s="91"/>
      <c r="FX1034" s="91"/>
      <c r="FY1034" s="91"/>
      <c r="FZ1034" s="91"/>
      <c r="GA1034" s="91"/>
      <c r="GB1034" s="91"/>
      <c r="GC1034" s="91"/>
      <c r="GD1034" s="91"/>
      <c r="GE1034" s="91"/>
      <c r="GF1034" s="91"/>
      <c r="GG1034" s="91"/>
      <c r="GH1034" s="91"/>
      <c r="GI1034" s="91"/>
      <c r="GJ1034" s="91"/>
      <c r="GK1034" s="127"/>
      <c r="GL1034" s="126"/>
      <c r="GM1034" s="91"/>
      <c r="GN1034" s="91"/>
      <c r="GO1034" s="91"/>
      <c r="GP1034" s="91"/>
      <c r="GQ1034" s="91"/>
      <c r="GR1034" s="91"/>
      <c r="GS1034" s="91"/>
      <c r="GT1034" s="91"/>
      <c r="GU1034" s="91"/>
      <c r="GV1034" s="91"/>
      <c r="GW1034" s="91"/>
      <c r="GX1034" s="91"/>
      <c r="GY1034" s="91"/>
      <c r="GZ1034" s="91"/>
      <c r="HA1034" s="91"/>
      <c r="HB1034" s="91"/>
      <c r="HC1034" s="91"/>
      <c r="HD1034" s="91"/>
      <c r="HE1034" s="91"/>
      <c r="HF1034" s="91"/>
      <c r="HG1034" s="91"/>
      <c r="HH1034" s="91"/>
      <c r="HI1034" s="91"/>
      <c r="HJ1034" s="91"/>
      <c r="HK1034" s="127"/>
      <c r="HL1034" s="126"/>
      <c r="HM1034" s="91"/>
      <c r="HN1034" s="91"/>
      <c r="HO1034" s="91"/>
      <c r="HP1034" s="91"/>
      <c r="HQ1034" s="91"/>
      <c r="HR1034" s="91"/>
      <c r="HS1034" s="91"/>
      <c r="HT1034" s="91"/>
      <c r="HU1034" s="91"/>
      <c r="HV1034" s="91"/>
      <c r="HW1034" s="91"/>
      <c r="HX1034" s="91"/>
      <c r="HY1034" s="91"/>
      <c r="HZ1034" s="91"/>
      <c r="IA1034" s="91"/>
      <c r="IB1034" s="91"/>
      <c r="IC1034" s="91"/>
      <c r="ID1034" s="91"/>
      <c r="IE1034" s="91"/>
      <c r="IF1034" s="91"/>
      <c r="IG1034" s="91"/>
      <c r="IH1034" s="91"/>
      <c r="II1034" s="91"/>
      <c r="IJ1034" s="91"/>
      <c r="IK1034" s="127"/>
    </row>
    <row r="1035" spans="2:245" x14ac:dyDescent="0.2">
      <c r="B1035" s="43"/>
      <c r="C1035" s="73"/>
      <c r="D1035" s="64"/>
      <c r="E1035" s="64"/>
      <c r="F1035" s="55"/>
      <c r="G1035" s="102"/>
      <c r="H1035" s="55"/>
      <c r="I1035" s="55"/>
      <c r="J1035" s="55"/>
      <c r="K1035" s="55"/>
      <c r="L1035" s="55"/>
      <c r="M1035" s="55"/>
      <c r="N1035" s="55"/>
      <c r="O1035" s="55"/>
      <c r="P1035" s="55"/>
      <c r="Q1035" s="55"/>
      <c r="R1035" s="55"/>
      <c r="S1035" s="55"/>
      <c r="T1035" s="55"/>
      <c r="U1035" s="55"/>
      <c r="V1035" s="55"/>
      <c r="W1035" s="55"/>
      <c r="X1035" s="55"/>
      <c r="Y1035" s="55"/>
      <c r="Z1035" s="55"/>
      <c r="AA1035" s="55"/>
      <c r="AB1035" s="55"/>
      <c r="AC1035" s="55"/>
      <c r="AD1035" s="55"/>
      <c r="AE1035" s="55"/>
      <c r="AF1035" s="55"/>
      <c r="AG1035" s="55"/>
      <c r="AY1035" s="162"/>
      <c r="AZ1035" s="162"/>
      <c r="BA1035" s="162"/>
      <c r="BB1035" s="162"/>
      <c r="BC1035" s="162"/>
      <c r="BD1035" s="162"/>
      <c r="BE1035" s="162"/>
      <c r="BF1035" s="162"/>
      <c r="BG1035" s="162"/>
      <c r="BH1035" s="162"/>
      <c r="BI1035" s="162"/>
      <c r="BJ1035" s="162"/>
      <c r="BK1035" s="162"/>
      <c r="BL1035" s="162"/>
      <c r="BM1035" s="162"/>
      <c r="BN1035" s="162"/>
      <c r="BO1035" s="162"/>
      <c r="BP1035" s="162"/>
      <c r="BQ1035" s="162"/>
      <c r="BR1035" s="162"/>
      <c r="BS1035" s="162"/>
      <c r="BT1035" s="162"/>
      <c r="BU1035" s="162"/>
      <c r="BV1035" s="162"/>
      <c r="BW1035" s="162"/>
      <c r="BX1035" s="162"/>
      <c r="BY1035" s="162"/>
      <c r="BZ1035" s="162"/>
      <c r="CA1035" s="162"/>
      <c r="CB1035" s="162"/>
      <c r="CC1035" s="162"/>
      <c r="CD1035" s="162"/>
      <c r="CE1035" s="162"/>
      <c r="CF1035" s="162"/>
      <c r="CG1035" s="162"/>
      <c r="CH1035" s="162"/>
      <c r="CI1035" s="162"/>
      <c r="CJ1035" s="162"/>
      <c r="CK1035" s="162"/>
      <c r="CX1035" s="98"/>
      <c r="DL1035" s="97"/>
      <c r="DX1035" s="98"/>
      <c r="EL1035" s="97"/>
      <c r="EX1035" s="98"/>
      <c r="EY1035" s="97"/>
      <c r="FL1035" s="126"/>
      <c r="FM1035" s="91"/>
      <c r="FN1035" s="91"/>
      <c r="FO1035" s="91"/>
      <c r="FP1035" s="91"/>
      <c r="FQ1035" s="91"/>
      <c r="FR1035" s="91"/>
      <c r="FS1035" s="91"/>
      <c r="FT1035" s="91"/>
      <c r="FU1035" s="91"/>
      <c r="FV1035" s="91"/>
      <c r="FW1035" s="91"/>
      <c r="FX1035" s="91"/>
      <c r="FY1035" s="91"/>
      <c r="FZ1035" s="91"/>
      <c r="GA1035" s="91"/>
      <c r="GB1035" s="91"/>
      <c r="GC1035" s="91"/>
      <c r="GD1035" s="91"/>
      <c r="GE1035" s="91"/>
      <c r="GF1035" s="91"/>
      <c r="GG1035" s="91"/>
      <c r="GH1035" s="91"/>
      <c r="GI1035" s="91"/>
      <c r="GJ1035" s="91"/>
      <c r="GK1035" s="127"/>
      <c r="GL1035" s="126"/>
      <c r="GM1035" s="91"/>
      <c r="GN1035" s="91"/>
      <c r="GO1035" s="91"/>
      <c r="GP1035" s="91"/>
      <c r="GQ1035" s="91"/>
      <c r="GR1035" s="91"/>
      <c r="GS1035" s="91"/>
      <c r="GT1035" s="91"/>
      <c r="GU1035" s="91"/>
      <c r="GV1035" s="91"/>
      <c r="GW1035" s="91"/>
      <c r="GX1035" s="91"/>
      <c r="GY1035" s="91"/>
      <c r="GZ1035" s="91"/>
      <c r="HA1035" s="91"/>
      <c r="HB1035" s="91"/>
      <c r="HC1035" s="91"/>
      <c r="HD1035" s="91"/>
      <c r="HE1035" s="91"/>
      <c r="HF1035" s="91"/>
      <c r="HG1035" s="91"/>
      <c r="HH1035" s="91"/>
      <c r="HI1035" s="91"/>
      <c r="HJ1035" s="91"/>
      <c r="HK1035" s="127"/>
      <c r="HL1035" s="126"/>
      <c r="HM1035" s="91"/>
      <c r="HN1035" s="91"/>
      <c r="HO1035" s="91"/>
      <c r="HP1035" s="91"/>
      <c r="HQ1035" s="91"/>
      <c r="HR1035" s="91"/>
      <c r="HS1035" s="91"/>
      <c r="HT1035" s="91"/>
      <c r="HU1035" s="91"/>
      <c r="HV1035" s="91"/>
      <c r="HW1035" s="91"/>
      <c r="HX1035" s="91"/>
      <c r="HY1035" s="91"/>
      <c r="HZ1035" s="91"/>
      <c r="IA1035" s="91"/>
      <c r="IB1035" s="91"/>
      <c r="IC1035" s="91"/>
      <c r="ID1035" s="91"/>
      <c r="IE1035" s="91"/>
      <c r="IF1035" s="91"/>
      <c r="IG1035" s="91"/>
      <c r="IH1035" s="91"/>
      <c r="II1035" s="91"/>
      <c r="IJ1035" s="91"/>
      <c r="IK1035" s="127"/>
    </row>
    <row r="1036" spans="2:245" x14ac:dyDescent="0.2">
      <c r="B1036" s="43"/>
      <c r="C1036" s="73"/>
      <c r="D1036" s="64"/>
      <c r="E1036" s="64"/>
      <c r="F1036" s="55"/>
      <c r="G1036" s="102"/>
      <c r="H1036" s="55"/>
      <c r="I1036" s="55"/>
      <c r="J1036" s="55"/>
      <c r="K1036" s="55"/>
      <c r="L1036" s="55"/>
      <c r="M1036" s="55"/>
      <c r="N1036" s="55"/>
      <c r="O1036" s="55"/>
      <c r="P1036" s="55"/>
      <c r="Q1036" s="55"/>
      <c r="R1036" s="55"/>
      <c r="S1036" s="55"/>
      <c r="T1036" s="55"/>
      <c r="U1036" s="55"/>
      <c r="V1036" s="55"/>
      <c r="W1036" s="55"/>
      <c r="X1036" s="55"/>
      <c r="Y1036" s="55"/>
      <c r="Z1036" s="55"/>
      <c r="AA1036" s="55"/>
      <c r="AB1036" s="55"/>
      <c r="AC1036" s="55"/>
      <c r="AD1036" s="55"/>
      <c r="AE1036" s="55"/>
      <c r="AF1036" s="55"/>
      <c r="AG1036" s="55"/>
      <c r="AY1036" s="162"/>
      <c r="AZ1036" s="162"/>
      <c r="BA1036" s="162"/>
      <c r="BB1036" s="162"/>
      <c r="BC1036" s="162"/>
      <c r="BD1036" s="162"/>
      <c r="BE1036" s="162"/>
      <c r="BF1036" s="162"/>
      <c r="BG1036" s="162"/>
      <c r="BH1036" s="162"/>
      <c r="BI1036" s="162"/>
      <c r="BJ1036" s="162"/>
      <c r="BK1036" s="162"/>
      <c r="BL1036" s="162"/>
      <c r="BM1036" s="162"/>
      <c r="BN1036" s="162"/>
      <c r="BO1036" s="162"/>
      <c r="BP1036" s="162"/>
      <c r="BQ1036" s="162"/>
      <c r="BR1036" s="162"/>
      <c r="BS1036" s="162"/>
      <c r="BT1036" s="162"/>
      <c r="BU1036" s="162"/>
      <c r="BV1036" s="162"/>
      <c r="BW1036" s="162"/>
      <c r="BX1036" s="162"/>
      <c r="BY1036" s="162"/>
      <c r="BZ1036" s="162"/>
      <c r="CA1036" s="162"/>
      <c r="CB1036" s="162"/>
      <c r="CC1036" s="162"/>
      <c r="CD1036" s="162"/>
      <c r="CE1036" s="162"/>
      <c r="CF1036" s="162"/>
      <c r="CG1036" s="162"/>
      <c r="CH1036" s="162"/>
      <c r="CI1036" s="162"/>
      <c r="CJ1036" s="162"/>
      <c r="CK1036" s="162"/>
      <c r="CX1036" s="98"/>
      <c r="DL1036" s="97"/>
      <c r="DX1036" s="98"/>
      <c r="EL1036" s="97"/>
      <c r="EX1036" s="98"/>
      <c r="EY1036" s="97"/>
      <c r="FL1036" s="126"/>
      <c r="FM1036" s="91"/>
      <c r="FN1036" s="91"/>
      <c r="FO1036" s="91"/>
      <c r="FP1036" s="91"/>
      <c r="FQ1036" s="91"/>
      <c r="FR1036" s="91"/>
      <c r="FS1036" s="91"/>
      <c r="FT1036" s="91"/>
      <c r="FU1036" s="91"/>
      <c r="FV1036" s="91"/>
      <c r="FW1036" s="91"/>
      <c r="FX1036" s="91"/>
      <c r="FY1036" s="91"/>
      <c r="FZ1036" s="91"/>
      <c r="GA1036" s="91"/>
      <c r="GB1036" s="91"/>
      <c r="GC1036" s="91"/>
      <c r="GD1036" s="91"/>
      <c r="GE1036" s="91"/>
      <c r="GF1036" s="91"/>
      <c r="GG1036" s="91"/>
      <c r="GH1036" s="91"/>
      <c r="GI1036" s="91"/>
      <c r="GJ1036" s="91"/>
      <c r="GK1036" s="127"/>
      <c r="GL1036" s="126"/>
      <c r="GM1036" s="91"/>
      <c r="GN1036" s="91"/>
      <c r="GO1036" s="91"/>
      <c r="GP1036" s="91"/>
      <c r="GQ1036" s="91"/>
      <c r="GR1036" s="91"/>
      <c r="GS1036" s="91"/>
      <c r="GT1036" s="91"/>
      <c r="GU1036" s="91"/>
      <c r="GV1036" s="91"/>
      <c r="GW1036" s="91"/>
      <c r="GX1036" s="91"/>
      <c r="GY1036" s="91"/>
      <c r="GZ1036" s="91"/>
      <c r="HA1036" s="91"/>
      <c r="HB1036" s="91"/>
      <c r="HC1036" s="91"/>
      <c r="HD1036" s="91"/>
      <c r="HE1036" s="91"/>
      <c r="HF1036" s="91"/>
      <c r="HG1036" s="91"/>
      <c r="HH1036" s="91"/>
      <c r="HI1036" s="91"/>
      <c r="HJ1036" s="91"/>
      <c r="HK1036" s="127"/>
      <c r="HL1036" s="126"/>
      <c r="HM1036" s="91"/>
      <c r="HN1036" s="91"/>
      <c r="HO1036" s="91"/>
      <c r="HP1036" s="91"/>
      <c r="HQ1036" s="91"/>
      <c r="HR1036" s="91"/>
      <c r="HS1036" s="91"/>
      <c r="HT1036" s="91"/>
      <c r="HU1036" s="91"/>
      <c r="HV1036" s="91"/>
      <c r="HW1036" s="91"/>
      <c r="HX1036" s="91"/>
      <c r="HY1036" s="91"/>
      <c r="HZ1036" s="91"/>
      <c r="IA1036" s="91"/>
      <c r="IB1036" s="91"/>
      <c r="IC1036" s="91"/>
      <c r="ID1036" s="91"/>
      <c r="IE1036" s="91"/>
      <c r="IF1036" s="91"/>
      <c r="IG1036" s="91"/>
      <c r="IH1036" s="91"/>
      <c r="II1036" s="91"/>
      <c r="IJ1036" s="91"/>
      <c r="IK1036" s="127"/>
    </row>
    <row r="1037" spans="2:245" x14ac:dyDescent="0.2">
      <c r="B1037" s="43"/>
      <c r="C1037" s="73"/>
      <c r="D1037" s="64"/>
      <c r="E1037" s="64"/>
      <c r="F1037" s="55"/>
      <c r="G1037" s="102"/>
      <c r="H1037" s="55"/>
      <c r="I1037" s="55"/>
      <c r="J1037" s="55"/>
      <c r="K1037" s="55"/>
      <c r="L1037" s="55"/>
      <c r="M1037" s="55"/>
      <c r="N1037" s="55"/>
      <c r="O1037" s="55"/>
      <c r="P1037" s="55"/>
      <c r="Q1037" s="55"/>
      <c r="R1037" s="55"/>
      <c r="S1037" s="55"/>
      <c r="T1037" s="55"/>
      <c r="U1037" s="55"/>
      <c r="V1037" s="55"/>
      <c r="W1037" s="55"/>
      <c r="X1037" s="55"/>
      <c r="Y1037" s="55"/>
      <c r="Z1037" s="55"/>
      <c r="AA1037" s="55"/>
      <c r="AB1037" s="55"/>
      <c r="AC1037" s="55"/>
      <c r="AD1037" s="55"/>
      <c r="AE1037" s="55"/>
      <c r="AF1037" s="55"/>
      <c r="AG1037" s="55"/>
      <c r="AY1037" s="162"/>
      <c r="AZ1037" s="162"/>
      <c r="BA1037" s="162"/>
      <c r="BB1037" s="162"/>
      <c r="BC1037" s="162"/>
      <c r="BD1037" s="162"/>
      <c r="BE1037" s="162"/>
      <c r="BF1037" s="162"/>
      <c r="BG1037" s="162"/>
      <c r="BH1037" s="162"/>
      <c r="BI1037" s="162"/>
      <c r="BJ1037" s="162"/>
      <c r="BK1037" s="162"/>
      <c r="BL1037" s="162"/>
      <c r="BM1037" s="162"/>
      <c r="BN1037" s="162"/>
      <c r="BO1037" s="162"/>
      <c r="BP1037" s="162"/>
      <c r="BQ1037" s="162"/>
      <c r="BR1037" s="162"/>
      <c r="BS1037" s="162"/>
      <c r="BT1037" s="162"/>
      <c r="BU1037" s="162"/>
      <c r="BV1037" s="162"/>
      <c r="BW1037" s="162"/>
      <c r="BX1037" s="162"/>
      <c r="BY1037" s="162"/>
      <c r="BZ1037" s="162"/>
      <c r="CA1037" s="162"/>
      <c r="CB1037" s="162"/>
      <c r="CC1037" s="162"/>
      <c r="CD1037" s="162"/>
      <c r="CE1037" s="162"/>
      <c r="CF1037" s="162"/>
      <c r="CG1037" s="162"/>
      <c r="CH1037" s="162"/>
      <c r="CI1037" s="162"/>
      <c r="CJ1037" s="162"/>
      <c r="CK1037" s="162"/>
      <c r="CX1037" s="98"/>
      <c r="DL1037" s="97"/>
      <c r="DX1037" s="98"/>
      <c r="EL1037" s="97"/>
      <c r="EX1037" s="98"/>
      <c r="EY1037" s="97"/>
      <c r="FL1037" s="126"/>
      <c r="FM1037" s="91"/>
      <c r="FN1037" s="91"/>
      <c r="FO1037" s="91"/>
      <c r="FP1037" s="91"/>
      <c r="FQ1037" s="91"/>
      <c r="FR1037" s="91"/>
      <c r="FS1037" s="91"/>
      <c r="FT1037" s="91"/>
      <c r="FU1037" s="91"/>
      <c r="FV1037" s="91"/>
      <c r="FW1037" s="91"/>
      <c r="FX1037" s="91"/>
      <c r="FY1037" s="91"/>
      <c r="FZ1037" s="91"/>
      <c r="GA1037" s="91"/>
      <c r="GB1037" s="91"/>
      <c r="GC1037" s="91"/>
      <c r="GD1037" s="91"/>
      <c r="GE1037" s="91"/>
      <c r="GF1037" s="91"/>
      <c r="GG1037" s="91"/>
      <c r="GH1037" s="91"/>
      <c r="GI1037" s="91"/>
      <c r="GJ1037" s="91"/>
      <c r="GK1037" s="127"/>
      <c r="GL1037" s="126"/>
      <c r="GM1037" s="91"/>
      <c r="GN1037" s="91"/>
      <c r="GO1037" s="91"/>
      <c r="GP1037" s="91"/>
      <c r="GQ1037" s="91"/>
      <c r="GR1037" s="91"/>
      <c r="GS1037" s="91"/>
      <c r="GT1037" s="91"/>
      <c r="GU1037" s="91"/>
      <c r="GV1037" s="91"/>
      <c r="GW1037" s="91"/>
      <c r="GX1037" s="91"/>
      <c r="GY1037" s="91"/>
      <c r="GZ1037" s="91"/>
      <c r="HA1037" s="91"/>
      <c r="HB1037" s="91"/>
      <c r="HC1037" s="91"/>
      <c r="HD1037" s="91"/>
      <c r="HE1037" s="91"/>
      <c r="HF1037" s="91"/>
      <c r="HG1037" s="91"/>
      <c r="HH1037" s="91"/>
      <c r="HI1037" s="91"/>
      <c r="HJ1037" s="91"/>
      <c r="HK1037" s="127"/>
      <c r="HL1037" s="126"/>
      <c r="HM1037" s="91"/>
      <c r="HN1037" s="91"/>
      <c r="HO1037" s="91"/>
      <c r="HP1037" s="91"/>
      <c r="HQ1037" s="91"/>
      <c r="HR1037" s="91"/>
      <c r="HS1037" s="91"/>
      <c r="HT1037" s="91"/>
      <c r="HU1037" s="91"/>
      <c r="HV1037" s="91"/>
      <c r="HW1037" s="91"/>
      <c r="HX1037" s="91"/>
      <c r="HY1037" s="91"/>
      <c r="HZ1037" s="91"/>
      <c r="IA1037" s="91"/>
      <c r="IB1037" s="91"/>
      <c r="IC1037" s="91"/>
      <c r="ID1037" s="91"/>
      <c r="IE1037" s="91"/>
      <c r="IF1037" s="91"/>
      <c r="IG1037" s="91"/>
      <c r="IH1037" s="91"/>
      <c r="II1037" s="91"/>
      <c r="IJ1037" s="91"/>
      <c r="IK1037" s="127"/>
    </row>
    <row r="1038" spans="2:245" x14ac:dyDescent="0.2">
      <c r="B1038" s="43"/>
      <c r="C1038" s="73"/>
      <c r="D1038" s="64"/>
      <c r="E1038" s="64"/>
      <c r="F1038" s="55"/>
      <c r="G1038" s="102"/>
      <c r="H1038" s="55"/>
      <c r="I1038" s="55"/>
      <c r="J1038" s="55"/>
      <c r="K1038" s="55"/>
      <c r="L1038" s="55"/>
      <c r="M1038" s="55"/>
      <c r="N1038" s="55"/>
      <c r="O1038" s="55"/>
      <c r="P1038" s="55"/>
      <c r="Q1038" s="55"/>
      <c r="R1038" s="55"/>
      <c r="S1038" s="55"/>
      <c r="T1038" s="55"/>
      <c r="U1038" s="55"/>
      <c r="V1038" s="55"/>
      <c r="W1038" s="55"/>
      <c r="X1038" s="55"/>
      <c r="Y1038" s="55"/>
      <c r="Z1038" s="55"/>
      <c r="AA1038" s="55"/>
      <c r="AB1038" s="55"/>
      <c r="AC1038" s="55"/>
      <c r="AD1038" s="55"/>
      <c r="AE1038" s="55"/>
      <c r="AF1038" s="55"/>
      <c r="AG1038" s="55"/>
      <c r="AY1038" s="162"/>
      <c r="AZ1038" s="162"/>
      <c r="BA1038" s="162"/>
      <c r="BB1038" s="162"/>
      <c r="BC1038" s="162"/>
      <c r="BD1038" s="162"/>
      <c r="BE1038" s="162"/>
      <c r="BF1038" s="162"/>
      <c r="BG1038" s="162"/>
      <c r="BH1038" s="162"/>
      <c r="BI1038" s="162"/>
      <c r="BJ1038" s="162"/>
      <c r="BK1038" s="162"/>
      <c r="BL1038" s="162"/>
      <c r="BM1038" s="162"/>
      <c r="BN1038" s="162"/>
      <c r="BO1038" s="162"/>
      <c r="BP1038" s="162"/>
      <c r="BQ1038" s="162"/>
      <c r="BR1038" s="162"/>
      <c r="BS1038" s="162"/>
      <c r="BT1038" s="162"/>
      <c r="BU1038" s="162"/>
      <c r="BV1038" s="162"/>
      <c r="BW1038" s="162"/>
      <c r="BX1038" s="162"/>
      <c r="BY1038" s="162"/>
      <c r="BZ1038" s="162"/>
      <c r="CA1038" s="162"/>
      <c r="CB1038" s="162"/>
      <c r="CC1038" s="162"/>
      <c r="CD1038" s="162"/>
      <c r="CE1038" s="162"/>
      <c r="CF1038" s="162"/>
      <c r="CG1038" s="162"/>
      <c r="CH1038" s="162"/>
      <c r="CI1038" s="162"/>
      <c r="CJ1038" s="162"/>
      <c r="CK1038" s="162"/>
      <c r="CX1038" s="98"/>
      <c r="DL1038" s="97"/>
      <c r="DX1038" s="98"/>
      <c r="EL1038" s="97"/>
      <c r="EX1038" s="98"/>
      <c r="EY1038" s="97"/>
      <c r="FL1038" s="126"/>
      <c r="FM1038" s="91"/>
      <c r="FN1038" s="91"/>
      <c r="FO1038" s="91"/>
      <c r="FP1038" s="91"/>
      <c r="FQ1038" s="91"/>
      <c r="FR1038" s="91"/>
      <c r="FS1038" s="91"/>
      <c r="FT1038" s="91"/>
      <c r="FU1038" s="91"/>
      <c r="FV1038" s="91"/>
      <c r="FW1038" s="91"/>
      <c r="FX1038" s="91"/>
      <c r="FY1038" s="91"/>
      <c r="FZ1038" s="91"/>
      <c r="GA1038" s="91"/>
      <c r="GB1038" s="91"/>
      <c r="GC1038" s="91"/>
      <c r="GD1038" s="91"/>
      <c r="GE1038" s="91"/>
      <c r="GF1038" s="91"/>
      <c r="GG1038" s="91"/>
      <c r="GH1038" s="91"/>
      <c r="GI1038" s="91"/>
      <c r="GJ1038" s="91"/>
      <c r="GK1038" s="127"/>
      <c r="GL1038" s="126"/>
      <c r="GM1038" s="91"/>
      <c r="GN1038" s="91"/>
      <c r="GO1038" s="91"/>
      <c r="GP1038" s="91"/>
      <c r="GQ1038" s="91"/>
      <c r="GR1038" s="91"/>
      <c r="GS1038" s="91"/>
      <c r="GT1038" s="91"/>
      <c r="GU1038" s="91"/>
      <c r="GV1038" s="91"/>
      <c r="GW1038" s="91"/>
      <c r="GX1038" s="91"/>
      <c r="GY1038" s="91"/>
      <c r="GZ1038" s="91"/>
      <c r="HA1038" s="91"/>
      <c r="HB1038" s="91"/>
      <c r="HC1038" s="91"/>
      <c r="HD1038" s="91"/>
      <c r="HE1038" s="91"/>
      <c r="HF1038" s="91"/>
      <c r="HG1038" s="91"/>
      <c r="HH1038" s="91"/>
      <c r="HI1038" s="91"/>
      <c r="HJ1038" s="91"/>
      <c r="HK1038" s="127"/>
      <c r="HL1038" s="126"/>
      <c r="HM1038" s="91"/>
      <c r="HN1038" s="91"/>
      <c r="HO1038" s="91"/>
      <c r="HP1038" s="91"/>
      <c r="HQ1038" s="91"/>
      <c r="HR1038" s="91"/>
      <c r="HS1038" s="91"/>
      <c r="HT1038" s="91"/>
      <c r="HU1038" s="91"/>
      <c r="HV1038" s="91"/>
      <c r="HW1038" s="91"/>
      <c r="HX1038" s="91"/>
      <c r="HY1038" s="91"/>
      <c r="HZ1038" s="91"/>
      <c r="IA1038" s="91"/>
      <c r="IB1038" s="91"/>
      <c r="IC1038" s="91"/>
      <c r="ID1038" s="91"/>
      <c r="IE1038" s="91"/>
      <c r="IF1038" s="91"/>
      <c r="IG1038" s="91"/>
      <c r="IH1038" s="91"/>
      <c r="II1038" s="91"/>
      <c r="IJ1038" s="91"/>
      <c r="IK1038" s="127"/>
    </row>
    <row r="1039" spans="2:245" x14ac:dyDescent="0.2">
      <c r="B1039" s="43"/>
      <c r="C1039" s="73"/>
      <c r="D1039" s="64"/>
      <c r="E1039" s="64"/>
      <c r="F1039" s="55"/>
      <c r="G1039" s="102"/>
      <c r="H1039" s="55"/>
      <c r="I1039" s="55"/>
      <c r="J1039" s="55"/>
      <c r="K1039" s="55"/>
      <c r="L1039" s="55"/>
      <c r="M1039" s="55"/>
      <c r="N1039" s="55"/>
      <c r="O1039" s="55"/>
      <c r="P1039" s="55"/>
      <c r="Q1039" s="55"/>
      <c r="R1039" s="55"/>
      <c r="S1039" s="55"/>
      <c r="T1039" s="55"/>
      <c r="U1039" s="55"/>
      <c r="V1039" s="55"/>
      <c r="W1039" s="55"/>
      <c r="X1039" s="55"/>
      <c r="Y1039" s="55"/>
      <c r="Z1039" s="55"/>
      <c r="AA1039" s="55"/>
      <c r="AB1039" s="55"/>
      <c r="AC1039" s="55"/>
      <c r="AD1039" s="55"/>
      <c r="AE1039" s="55"/>
      <c r="AF1039" s="55"/>
      <c r="AG1039" s="55"/>
      <c r="AY1039" s="162"/>
      <c r="AZ1039" s="162"/>
      <c r="BA1039" s="162"/>
      <c r="BB1039" s="162"/>
      <c r="BC1039" s="162"/>
      <c r="BD1039" s="162"/>
      <c r="BE1039" s="162"/>
      <c r="BF1039" s="162"/>
      <c r="BG1039" s="162"/>
      <c r="BH1039" s="162"/>
      <c r="BI1039" s="162"/>
      <c r="BJ1039" s="162"/>
      <c r="BK1039" s="162"/>
      <c r="BL1039" s="162"/>
      <c r="BM1039" s="162"/>
      <c r="BN1039" s="162"/>
      <c r="BO1039" s="162"/>
      <c r="BP1039" s="162"/>
      <c r="BQ1039" s="162"/>
      <c r="BR1039" s="162"/>
      <c r="BS1039" s="162"/>
      <c r="BT1039" s="162"/>
      <c r="BU1039" s="162"/>
      <c r="BV1039" s="162"/>
      <c r="BW1039" s="162"/>
      <c r="BX1039" s="162"/>
      <c r="BY1039" s="162"/>
      <c r="BZ1039" s="162"/>
      <c r="CA1039" s="162"/>
      <c r="CB1039" s="162"/>
      <c r="CC1039" s="162"/>
      <c r="CD1039" s="162"/>
      <c r="CE1039" s="162"/>
      <c r="CF1039" s="162"/>
      <c r="CG1039" s="162"/>
      <c r="CH1039" s="162"/>
      <c r="CI1039" s="162"/>
      <c r="CJ1039" s="162"/>
      <c r="CK1039" s="162"/>
      <c r="CX1039" s="98"/>
      <c r="DL1039" s="97"/>
      <c r="DX1039" s="98"/>
      <c r="EL1039" s="97"/>
      <c r="EX1039" s="98"/>
      <c r="EY1039" s="97"/>
      <c r="FL1039" s="126"/>
      <c r="FM1039" s="91"/>
      <c r="FN1039" s="91"/>
      <c r="FO1039" s="91"/>
      <c r="FP1039" s="91"/>
      <c r="FQ1039" s="91"/>
      <c r="FR1039" s="91"/>
      <c r="FS1039" s="91"/>
      <c r="FT1039" s="91"/>
      <c r="FU1039" s="91"/>
      <c r="FV1039" s="91"/>
      <c r="FW1039" s="91"/>
      <c r="FX1039" s="91"/>
      <c r="FY1039" s="91"/>
      <c r="FZ1039" s="91"/>
      <c r="GA1039" s="91"/>
      <c r="GB1039" s="91"/>
      <c r="GC1039" s="91"/>
      <c r="GD1039" s="91"/>
      <c r="GE1039" s="91"/>
      <c r="GF1039" s="91"/>
      <c r="GG1039" s="91"/>
      <c r="GH1039" s="91"/>
      <c r="GI1039" s="91"/>
      <c r="GJ1039" s="91"/>
      <c r="GK1039" s="127"/>
      <c r="GL1039" s="126"/>
      <c r="GM1039" s="91"/>
      <c r="GN1039" s="91"/>
      <c r="GO1039" s="91"/>
      <c r="GP1039" s="91"/>
      <c r="GQ1039" s="91"/>
      <c r="GR1039" s="91"/>
      <c r="GS1039" s="91"/>
      <c r="GT1039" s="91"/>
      <c r="GU1039" s="91"/>
      <c r="GV1039" s="91"/>
      <c r="GW1039" s="91"/>
      <c r="GX1039" s="91"/>
      <c r="GY1039" s="91"/>
      <c r="GZ1039" s="91"/>
      <c r="HA1039" s="91"/>
      <c r="HB1039" s="91"/>
      <c r="HC1039" s="91"/>
      <c r="HD1039" s="91"/>
      <c r="HE1039" s="91"/>
      <c r="HF1039" s="91"/>
      <c r="HG1039" s="91"/>
      <c r="HH1039" s="91"/>
      <c r="HI1039" s="91"/>
      <c r="HJ1039" s="91"/>
      <c r="HK1039" s="127"/>
      <c r="HL1039" s="126"/>
      <c r="HM1039" s="91"/>
      <c r="HN1039" s="91"/>
      <c r="HO1039" s="91"/>
      <c r="HP1039" s="91"/>
      <c r="HQ1039" s="91"/>
      <c r="HR1039" s="91"/>
      <c r="HS1039" s="91"/>
      <c r="HT1039" s="91"/>
      <c r="HU1039" s="91"/>
      <c r="HV1039" s="91"/>
      <c r="HW1039" s="91"/>
      <c r="HX1039" s="91"/>
      <c r="HY1039" s="91"/>
      <c r="HZ1039" s="91"/>
      <c r="IA1039" s="91"/>
      <c r="IB1039" s="91"/>
      <c r="IC1039" s="91"/>
      <c r="ID1039" s="91"/>
      <c r="IE1039" s="91"/>
      <c r="IF1039" s="91"/>
      <c r="IG1039" s="91"/>
      <c r="IH1039" s="91"/>
      <c r="II1039" s="91"/>
      <c r="IJ1039" s="91"/>
      <c r="IK1039" s="127"/>
    </row>
    <row r="1040" spans="2:245" x14ac:dyDescent="0.2">
      <c r="B1040" s="43"/>
      <c r="C1040" s="73"/>
      <c r="D1040" s="64"/>
      <c r="E1040" s="64"/>
      <c r="F1040" s="55"/>
      <c r="G1040" s="102"/>
      <c r="H1040" s="55"/>
      <c r="I1040" s="55"/>
      <c r="J1040" s="55"/>
      <c r="K1040" s="55"/>
      <c r="L1040" s="55"/>
      <c r="M1040" s="55"/>
      <c r="N1040" s="55"/>
      <c r="O1040" s="55"/>
      <c r="P1040" s="55"/>
      <c r="Q1040" s="55"/>
      <c r="R1040" s="55"/>
      <c r="S1040" s="55"/>
      <c r="T1040" s="55"/>
      <c r="U1040" s="55"/>
      <c r="V1040" s="55"/>
      <c r="W1040" s="55"/>
      <c r="X1040" s="55"/>
      <c r="Y1040" s="55"/>
      <c r="Z1040" s="55"/>
      <c r="AA1040" s="55"/>
      <c r="AB1040" s="55"/>
      <c r="AC1040" s="55"/>
      <c r="AD1040" s="55"/>
      <c r="AE1040" s="55"/>
      <c r="AF1040" s="55"/>
      <c r="AG1040" s="55"/>
      <c r="AY1040" s="162"/>
      <c r="AZ1040" s="162"/>
      <c r="BA1040" s="162"/>
      <c r="BB1040" s="162"/>
      <c r="BC1040" s="162"/>
      <c r="BD1040" s="162"/>
      <c r="BE1040" s="162"/>
      <c r="BF1040" s="162"/>
      <c r="BG1040" s="162"/>
      <c r="BH1040" s="162"/>
      <c r="BI1040" s="162"/>
      <c r="BJ1040" s="162"/>
      <c r="BK1040" s="162"/>
      <c r="BL1040" s="162"/>
      <c r="BM1040" s="162"/>
      <c r="BN1040" s="162"/>
      <c r="BO1040" s="162"/>
      <c r="BP1040" s="162"/>
      <c r="BQ1040" s="162"/>
      <c r="BR1040" s="162"/>
      <c r="BS1040" s="162"/>
      <c r="BT1040" s="162"/>
      <c r="BU1040" s="162"/>
      <c r="BV1040" s="162"/>
      <c r="BW1040" s="162"/>
      <c r="BX1040" s="162"/>
      <c r="BY1040" s="162"/>
      <c r="BZ1040" s="162"/>
      <c r="CA1040" s="162"/>
      <c r="CB1040" s="162"/>
      <c r="CC1040" s="162"/>
      <c r="CD1040" s="162"/>
      <c r="CE1040" s="162"/>
      <c r="CF1040" s="162"/>
      <c r="CG1040" s="162"/>
      <c r="CH1040" s="162"/>
      <c r="CI1040" s="162"/>
      <c r="CJ1040" s="162"/>
      <c r="CK1040" s="162"/>
      <c r="CX1040" s="98"/>
      <c r="DL1040" s="97"/>
      <c r="DX1040" s="98"/>
      <c r="EL1040" s="97"/>
      <c r="EX1040" s="98"/>
      <c r="EY1040" s="97"/>
      <c r="FL1040" s="126"/>
      <c r="FM1040" s="91"/>
      <c r="FN1040" s="91"/>
      <c r="FO1040" s="91"/>
      <c r="FP1040" s="91"/>
      <c r="FQ1040" s="91"/>
      <c r="FR1040" s="91"/>
      <c r="FS1040" s="91"/>
      <c r="FT1040" s="91"/>
      <c r="FU1040" s="91"/>
      <c r="FV1040" s="91"/>
      <c r="FW1040" s="91"/>
      <c r="FX1040" s="91"/>
      <c r="FY1040" s="91"/>
      <c r="FZ1040" s="91"/>
      <c r="GA1040" s="91"/>
      <c r="GB1040" s="91"/>
      <c r="GC1040" s="91"/>
      <c r="GD1040" s="91"/>
      <c r="GE1040" s="91"/>
      <c r="GF1040" s="91"/>
      <c r="GG1040" s="91"/>
      <c r="GH1040" s="91"/>
      <c r="GI1040" s="91"/>
      <c r="GJ1040" s="91"/>
      <c r="GK1040" s="127"/>
      <c r="GL1040" s="126"/>
      <c r="GM1040" s="91"/>
      <c r="GN1040" s="91"/>
      <c r="GO1040" s="91"/>
      <c r="GP1040" s="91"/>
      <c r="GQ1040" s="91"/>
      <c r="GR1040" s="91"/>
      <c r="GS1040" s="91"/>
      <c r="GT1040" s="91"/>
      <c r="GU1040" s="91"/>
      <c r="GV1040" s="91"/>
      <c r="GW1040" s="91"/>
      <c r="GX1040" s="91"/>
      <c r="GY1040" s="91"/>
      <c r="GZ1040" s="91"/>
      <c r="HA1040" s="91"/>
      <c r="HB1040" s="91"/>
      <c r="HC1040" s="91"/>
      <c r="HD1040" s="91"/>
      <c r="HE1040" s="91"/>
      <c r="HF1040" s="91"/>
      <c r="HG1040" s="91"/>
      <c r="HH1040" s="91"/>
      <c r="HI1040" s="91"/>
      <c r="HJ1040" s="91"/>
      <c r="HK1040" s="127"/>
      <c r="HL1040" s="126"/>
      <c r="HM1040" s="91"/>
      <c r="HN1040" s="91"/>
      <c r="HO1040" s="91"/>
      <c r="HP1040" s="91"/>
      <c r="HQ1040" s="91"/>
      <c r="HR1040" s="91"/>
      <c r="HS1040" s="91"/>
      <c r="HT1040" s="91"/>
      <c r="HU1040" s="91"/>
      <c r="HV1040" s="91"/>
      <c r="HW1040" s="91"/>
      <c r="HX1040" s="91"/>
      <c r="HY1040" s="91"/>
      <c r="HZ1040" s="91"/>
      <c r="IA1040" s="91"/>
      <c r="IB1040" s="91"/>
      <c r="IC1040" s="91"/>
      <c r="ID1040" s="91"/>
      <c r="IE1040" s="91"/>
      <c r="IF1040" s="91"/>
      <c r="IG1040" s="91"/>
      <c r="IH1040" s="91"/>
      <c r="II1040" s="91"/>
      <c r="IJ1040" s="91"/>
      <c r="IK1040" s="127"/>
    </row>
    <row r="1041" spans="2:245" x14ac:dyDescent="0.2">
      <c r="B1041" s="43"/>
      <c r="C1041" s="73"/>
      <c r="D1041" s="64"/>
      <c r="E1041" s="64"/>
      <c r="F1041" s="55"/>
      <c r="G1041" s="102"/>
      <c r="H1041" s="55"/>
      <c r="I1041" s="55"/>
      <c r="J1041" s="55"/>
      <c r="K1041" s="55"/>
      <c r="L1041" s="55"/>
      <c r="M1041" s="55"/>
      <c r="N1041" s="55"/>
      <c r="O1041" s="55"/>
      <c r="P1041" s="55"/>
      <c r="Q1041" s="55"/>
      <c r="R1041" s="55"/>
      <c r="S1041" s="55"/>
      <c r="T1041" s="55"/>
      <c r="U1041" s="55"/>
      <c r="V1041" s="55"/>
      <c r="W1041" s="55"/>
      <c r="X1041" s="55"/>
      <c r="Y1041" s="55"/>
      <c r="Z1041" s="55"/>
      <c r="AA1041" s="55"/>
      <c r="AB1041" s="55"/>
      <c r="AC1041" s="55"/>
      <c r="AD1041" s="55"/>
      <c r="AE1041" s="55"/>
      <c r="AF1041" s="55"/>
      <c r="AG1041" s="55"/>
      <c r="AY1041" s="162"/>
      <c r="AZ1041" s="162"/>
      <c r="BA1041" s="162"/>
      <c r="BB1041" s="162"/>
      <c r="BC1041" s="162"/>
      <c r="BD1041" s="162"/>
      <c r="BE1041" s="162"/>
      <c r="BF1041" s="162"/>
      <c r="BG1041" s="162"/>
      <c r="BH1041" s="162"/>
      <c r="BI1041" s="162"/>
      <c r="BJ1041" s="162"/>
      <c r="BK1041" s="162"/>
      <c r="BL1041" s="162"/>
      <c r="BM1041" s="162"/>
      <c r="BN1041" s="162"/>
      <c r="BO1041" s="162"/>
      <c r="BP1041" s="162"/>
      <c r="BQ1041" s="162"/>
      <c r="BR1041" s="162"/>
      <c r="BS1041" s="162"/>
      <c r="BT1041" s="162"/>
      <c r="BU1041" s="162"/>
      <c r="BV1041" s="162"/>
      <c r="BW1041" s="162"/>
      <c r="BX1041" s="162"/>
      <c r="BY1041" s="162"/>
      <c r="BZ1041" s="162"/>
      <c r="CA1041" s="162"/>
      <c r="CB1041" s="162"/>
      <c r="CC1041" s="162"/>
      <c r="CD1041" s="162"/>
      <c r="CE1041" s="162"/>
      <c r="CF1041" s="162"/>
      <c r="CG1041" s="162"/>
      <c r="CH1041" s="162"/>
      <c r="CI1041" s="162"/>
      <c r="CJ1041" s="162"/>
      <c r="CK1041" s="162"/>
      <c r="CX1041" s="98"/>
      <c r="DL1041" s="97"/>
      <c r="DX1041" s="98"/>
      <c r="EL1041" s="97"/>
      <c r="EX1041" s="98"/>
      <c r="EY1041" s="97"/>
      <c r="FL1041" s="126"/>
      <c r="FM1041" s="91"/>
      <c r="FN1041" s="91"/>
      <c r="FO1041" s="91"/>
      <c r="FP1041" s="91"/>
      <c r="FQ1041" s="91"/>
      <c r="FR1041" s="91"/>
      <c r="FS1041" s="91"/>
      <c r="FT1041" s="91"/>
      <c r="FU1041" s="91"/>
      <c r="FV1041" s="91"/>
      <c r="FW1041" s="91"/>
      <c r="FX1041" s="91"/>
      <c r="FY1041" s="91"/>
      <c r="FZ1041" s="91"/>
      <c r="GA1041" s="91"/>
      <c r="GB1041" s="91"/>
      <c r="GC1041" s="91"/>
      <c r="GD1041" s="91"/>
      <c r="GE1041" s="91"/>
      <c r="GF1041" s="91"/>
      <c r="GG1041" s="91"/>
      <c r="GH1041" s="91"/>
      <c r="GI1041" s="91"/>
      <c r="GJ1041" s="91"/>
      <c r="GK1041" s="127"/>
      <c r="GL1041" s="126"/>
      <c r="GM1041" s="91"/>
      <c r="GN1041" s="91"/>
      <c r="GO1041" s="91"/>
      <c r="GP1041" s="91"/>
      <c r="GQ1041" s="91"/>
      <c r="GR1041" s="91"/>
      <c r="GS1041" s="91"/>
      <c r="GT1041" s="91"/>
      <c r="GU1041" s="91"/>
      <c r="GV1041" s="91"/>
      <c r="GW1041" s="91"/>
      <c r="GX1041" s="91"/>
      <c r="GY1041" s="91"/>
      <c r="GZ1041" s="91"/>
      <c r="HA1041" s="91"/>
      <c r="HB1041" s="91"/>
      <c r="HC1041" s="91"/>
      <c r="HD1041" s="91"/>
      <c r="HE1041" s="91"/>
      <c r="HF1041" s="91"/>
      <c r="HG1041" s="91"/>
      <c r="HH1041" s="91"/>
      <c r="HI1041" s="91"/>
      <c r="HJ1041" s="91"/>
      <c r="HK1041" s="127"/>
      <c r="HL1041" s="126"/>
      <c r="HM1041" s="91"/>
      <c r="HN1041" s="91"/>
      <c r="HO1041" s="91"/>
      <c r="HP1041" s="91"/>
      <c r="HQ1041" s="91"/>
      <c r="HR1041" s="91"/>
      <c r="HS1041" s="91"/>
      <c r="HT1041" s="91"/>
      <c r="HU1041" s="91"/>
      <c r="HV1041" s="91"/>
      <c r="HW1041" s="91"/>
      <c r="HX1041" s="91"/>
      <c r="HY1041" s="91"/>
      <c r="HZ1041" s="91"/>
      <c r="IA1041" s="91"/>
      <c r="IB1041" s="91"/>
      <c r="IC1041" s="91"/>
      <c r="ID1041" s="91"/>
      <c r="IE1041" s="91"/>
      <c r="IF1041" s="91"/>
      <c r="IG1041" s="91"/>
      <c r="IH1041" s="91"/>
      <c r="II1041" s="91"/>
      <c r="IJ1041" s="91"/>
      <c r="IK1041" s="127"/>
    </row>
    <row r="1042" spans="2:245" x14ac:dyDescent="0.2">
      <c r="B1042" s="43"/>
      <c r="C1042" s="73"/>
      <c r="D1042" s="64"/>
      <c r="E1042" s="64"/>
      <c r="F1042" s="55"/>
      <c r="G1042" s="102"/>
      <c r="H1042" s="55"/>
      <c r="I1042" s="55"/>
      <c r="J1042" s="55"/>
      <c r="K1042" s="55"/>
      <c r="L1042" s="55"/>
      <c r="M1042" s="55"/>
      <c r="N1042" s="55"/>
      <c r="O1042" s="55"/>
      <c r="P1042" s="55"/>
      <c r="Q1042" s="55"/>
      <c r="R1042" s="55"/>
      <c r="S1042" s="55"/>
      <c r="T1042" s="55"/>
      <c r="U1042" s="55"/>
      <c r="V1042" s="55"/>
      <c r="W1042" s="55"/>
      <c r="X1042" s="55"/>
      <c r="Y1042" s="55"/>
      <c r="Z1042" s="55"/>
      <c r="AA1042" s="55"/>
      <c r="AB1042" s="55"/>
      <c r="AC1042" s="55"/>
      <c r="AD1042" s="55"/>
      <c r="AE1042" s="55"/>
      <c r="AF1042" s="55"/>
      <c r="AG1042" s="55"/>
      <c r="AY1042" s="162"/>
      <c r="AZ1042" s="162"/>
      <c r="BA1042" s="162"/>
      <c r="BB1042" s="162"/>
      <c r="BC1042" s="162"/>
      <c r="BD1042" s="162"/>
      <c r="BE1042" s="162"/>
      <c r="BF1042" s="162"/>
      <c r="BG1042" s="162"/>
      <c r="BH1042" s="162"/>
      <c r="BI1042" s="162"/>
      <c r="BJ1042" s="162"/>
      <c r="BK1042" s="162"/>
      <c r="BL1042" s="162"/>
      <c r="BM1042" s="162"/>
      <c r="BN1042" s="162"/>
      <c r="BO1042" s="162"/>
      <c r="BP1042" s="162"/>
      <c r="BQ1042" s="162"/>
      <c r="BR1042" s="162"/>
      <c r="BS1042" s="162"/>
      <c r="BT1042" s="162"/>
      <c r="BU1042" s="162"/>
      <c r="BV1042" s="162"/>
      <c r="BW1042" s="162"/>
      <c r="BX1042" s="162"/>
      <c r="BY1042" s="162"/>
      <c r="BZ1042" s="162"/>
      <c r="CA1042" s="162"/>
      <c r="CB1042" s="162"/>
      <c r="CC1042" s="162"/>
      <c r="CD1042" s="162"/>
      <c r="CE1042" s="162"/>
      <c r="CF1042" s="162"/>
      <c r="CG1042" s="162"/>
      <c r="CH1042" s="162"/>
      <c r="CI1042" s="162"/>
      <c r="CJ1042" s="162"/>
      <c r="CK1042" s="162"/>
      <c r="CX1042" s="98"/>
      <c r="DL1042" s="97"/>
      <c r="DX1042" s="98"/>
      <c r="EL1042" s="97"/>
      <c r="EX1042" s="98"/>
      <c r="EY1042" s="97"/>
      <c r="FL1042" s="126"/>
      <c r="FM1042" s="91"/>
      <c r="FN1042" s="91"/>
      <c r="FO1042" s="91"/>
      <c r="FP1042" s="91"/>
      <c r="FQ1042" s="91"/>
      <c r="FR1042" s="91"/>
      <c r="FS1042" s="91"/>
      <c r="FT1042" s="91"/>
      <c r="FU1042" s="91"/>
      <c r="FV1042" s="91"/>
      <c r="FW1042" s="91"/>
      <c r="FX1042" s="91"/>
      <c r="FY1042" s="91"/>
      <c r="FZ1042" s="91"/>
      <c r="GA1042" s="91"/>
      <c r="GB1042" s="91"/>
      <c r="GC1042" s="91"/>
      <c r="GD1042" s="91"/>
      <c r="GE1042" s="91"/>
      <c r="GF1042" s="91"/>
      <c r="GG1042" s="91"/>
      <c r="GH1042" s="91"/>
      <c r="GI1042" s="91"/>
      <c r="GJ1042" s="91"/>
      <c r="GK1042" s="127"/>
      <c r="GL1042" s="126"/>
      <c r="GM1042" s="91"/>
      <c r="GN1042" s="91"/>
      <c r="GO1042" s="91"/>
      <c r="GP1042" s="91"/>
      <c r="GQ1042" s="91"/>
      <c r="GR1042" s="91"/>
      <c r="GS1042" s="91"/>
      <c r="GT1042" s="91"/>
      <c r="GU1042" s="91"/>
      <c r="GV1042" s="91"/>
      <c r="GW1042" s="91"/>
      <c r="GX1042" s="91"/>
      <c r="GY1042" s="91"/>
      <c r="GZ1042" s="91"/>
      <c r="HA1042" s="91"/>
      <c r="HB1042" s="91"/>
      <c r="HC1042" s="91"/>
      <c r="HD1042" s="91"/>
      <c r="HE1042" s="91"/>
      <c r="HF1042" s="91"/>
      <c r="HG1042" s="91"/>
      <c r="HH1042" s="91"/>
      <c r="HI1042" s="91"/>
      <c r="HJ1042" s="91"/>
      <c r="HK1042" s="127"/>
      <c r="HL1042" s="126"/>
      <c r="HM1042" s="91"/>
      <c r="HN1042" s="91"/>
      <c r="HO1042" s="91"/>
      <c r="HP1042" s="91"/>
      <c r="HQ1042" s="91"/>
      <c r="HR1042" s="91"/>
      <c r="HS1042" s="91"/>
      <c r="HT1042" s="91"/>
      <c r="HU1042" s="91"/>
      <c r="HV1042" s="91"/>
      <c r="HW1042" s="91"/>
      <c r="HX1042" s="91"/>
      <c r="HY1042" s="91"/>
      <c r="HZ1042" s="91"/>
      <c r="IA1042" s="91"/>
      <c r="IB1042" s="91"/>
      <c r="IC1042" s="91"/>
      <c r="ID1042" s="91"/>
      <c r="IE1042" s="91"/>
      <c r="IF1042" s="91"/>
      <c r="IG1042" s="91"/>
      <c r="IH1042" s="91"/>
      <c r="II1042" s="91"/>
      <c r="IJ1042" s="91"/>
      <c r="IK1042" s="127"/>
    </row>
    <row r="1043" spans="2:245" x14ac:dyDescent="0.2">
      <c r="B1043" s="43"/>
      <c r="C1043" s="73"/>
      <c r="D1043" s="64"/>
      <c r="E1043" s="64"/>
      <c r="F1043" s="55"/>
      <c r="G1043" s="102"/>
      <c r="H1043" s="55"/>
      <c r="I1043" s="55"/>
      <c r="J1043" s="55"/>
      <c r="K1043" s="55"/>
      <c r="L1043" s="55"/>
      <c r="M1043" s="55"/>
      <c r="N1043" s="55"/>
      <c r="O1043" s="55"/>
      <c r="P1043" s="55"/>
      <c r="Q1043" s="55"/>
      <c r="R1043" s="55"/>
      <c r="S1043" s="55"/>
      <c r="T1043" s="55"/>
      <c r="U1043" s="55"/>
      <c r="V1043" s="55"/>
      <c r="W1043" s="55"/>
      <c r="X1043" s="55"/>
      <c r="Y1043" s="55"/>
      <c r="Z1043" s="55"/>
      <c r="AA1043" s="55"/>
      <c r="AB1043" s="55"/>
      <c r="AC1043" s="55"/>
      <c r="AD1043" s="55"/>
      <c r="AE1043" s="55"/>
      <c r="AF1043" s="55"/>
      <c r="AG1043" s="55"/>
      <c r="AY1043" s="162"/>
      <c r="AZ1043" s="162"/>
      <c r="BA1043" s="162"/>
      <c r="BB1043" s="162"/>
      <c r="BC1043" s="162"/>
      <c r="BD1043" s="162"/>
      <c r="BE1043" s="162"/>
      <c r="BF1043" s="162"/>
      <c r="BG1043" s="162"/>
      <c r="BH1043" s="162"/>
      <c r="BI1043" s="162"/>
      <c r="BJ1043" s="162"/>
      <c r="BK1043" s="162"/>
      <c r="BL1043" s="162"/>
      <c r="BM1043" s="162"/>
      <c r="BN1043" s="162"/>
      <c r="BO1043" s="162"/>
      <c r="BP1043" s="162"/>
      <c r="BQ1043" s="162"/>
      <c r="BR1043" s="162"/>
      <c r="BS1043" s="162"/>
      <c r="BT1043" s="162"/>
      <c r="BU1043" s="162"/>
      <c r="BV1043" s="162"/>
      <c r="BW1043" s="162"/>
      <c r="BX1043" s="162"/>
      <c r="BY1043" s="162"/>
      <c r="BZ1043" s="162"/>
      <c r="CA1043" s="162"/>
      <c r="CB1043" s="162"/>
      <c r="CC1043" s="162"/>
      <c r="CD1043" s="162"/>
      <c r="CE1043" s="162"/>
      <c r="CF1043" s="162"/>
      <c r="CG1043" s="162"/>
      <c r="CH1043" s="162"/>
      <c r="CI1043" s="162"/>
      <c r="CJ1043" s="162"/>
      <c r="CK1043" s="162"/>
      <c r="CX1043" s="98"/>
      <c r="DL1043" s="97"/>
      <c r="DX1043" s="98"/>
      <c r="EL1043" s="97"/>
      <c r="EX1043" s="98"/>
      <c r="EY1043" s="97"/>
      <c r="FL1043" s="126"/>
      <c r="FM1043" s="91"/>
      <c r="FN1043" s="91"/>
      <c r="FO1043" s="91"/>
      <c r="FP1043" s="91"/>
      <c r="FQ1043" s="91"/>
      <c r="FR1043" s="91"/>
      <c r="FS1043" s="91"/>
      <c r="FT1043" s="91"/>
      <c r="FU1043" s="91"/>
      <c r="FV1043" s="91"/>
      <c r="FW1043" s="91"/>
      <c r="FX1043" s="91"/>
      <c r="FY1043" s="91"/>
      <c r="FZ1043" s="91"/>
      <c r="GA1043" s="91"/>
      <c r="GB1043" s="91"/>
      <c r="GC1043" s="91"/>
      <c r="GD1043" s="91"/>
      <c r="GE1043" s="91"/>
      <c r="GF1043" s="91"/>
      <c r="GG1043" s="91"/>
      <c r="GH1043" s="91"/>
      <c r="GI1043" s="91"/>
      <c r="GJ1043" s="91"/>
      <c r="GK1043" s="127"/>
      <c r="GL1043" s="126"/>
      <c r="GM1043" s="91"/>
      <c r="GN1043" s="91"/>
      <c r="GO1043" s="91"/>
      <c r="GP1043" s="91"/>
      <c r="GQ1043" s="91"/>
      <c r="GR1043" s="91"/>
      <c r="GS1043" s="91"/>
      <c r="GT1043" s="91"/>
      <c r="GU1043" s="91"/>
      <c r="GV1043" s="91"/>
      <c r="GW1043" s="91"/>
      <c r="GX1043" s="91"/>
      <c r="GY1043" s="91"/>
      <c r="GZ1043" s="91"/>
      <c r="HA1043" s="91"/>
      <c r="HB1043" s="91"/>
      <c r="HC1043" s="91"/>
      <c r="HD1043" s="91"/>
      <c r="HE1043" s="91"/>
      <c r="HF1043" s="91"/>
      <c r="HG1043" s="91"/>
      <c r="HH1043" s="91"/>
      <c r="HI1043" s="91"/>
      <c r="HJ1043" s="91"/>
      <c r="HK1043" s="127"/>
      <c r="HL1043" s="126"/>
      <c r="HM1043" s="91"/>
      <c r="HN1043" s="91"/>
      <c r="HO1043" s="91"/>
      <c r="HP1043" s="91"/>
      <c r="HQ1043" s="91"/>
      <c r="HR1043" s="91"/>
      <c r="HS1043" s="91"/>
      <c r="HT1043" s="91"/>
      <c r="HU1043" s="91"/>
      <c r="HV1043" s="91"/>
      <c r="HW1043" s="91"/>
      <c r="HX1043" s="91"/>
      <c r="HY1043" s="91"/>
      <c r="HZ1043" s="91"/>
      <c r="IA1043" s="91"/>
      <c r="IB1043" s="91"/>
      <c r="IC1043" s="91"/>
      <c r="ID1043" s="91"/>
      <c r="IE1043" s="91"/>
      <c r="IF1043" s="91"/>
      <c r="IG1043" s="91"/>
      <c r="IH1043" s="91"/>
      <c r="II1043" s="91"/>
      <c r="IJ1043" s="91"/>
      <c r="IK1043" s="127"/>
    </row>
    <row r="1044" spans="2:245" x14ac:dyDescent="0.2">
      <c r="B1044" s="43"/>
      <c r="C1044" s="73"/>
      <c r="D1044" s="64"/>
      <c r="E1044" s="64"/>
      <c r="F1044" s="55"/>
      <c r="G1044" s="102"/>
      <c r="H1044" s="55"/>
      <c r="I1044" s="55"/>
      <c r="J1044" s="55"/>
      <c r="K1044" s="55"/>
      <c r="L1044" s="55"/>
      <c r="M1044" s="55"/>
      <c r="N1044" s="55"/>
      <c r="O1044" s="55"/>
      <c r="P1044" s="55"/>
      <c r="Q1044" s="55"/>
      <c r="R1044" s="55"/>
      <c r="S1044" s="55"/>
      <c r="T1044" s="55"/>
      <c r="U1044" s="55"/>
      <c r="V1044" s="55"/>
      <c r="W1044" s="55"/>
      <c r="X1044" s="55"/>
      <c r="Y1044" s="55"/>
      <c r="Z1044" s="55"/>
      <c r="AA1044" s="55"/>
      <c r="AB1044" s="55"/>
      <c r="AC1044" s="55"/>
      <c r="AD1044" s="55"/>
      <c r="AE1044" s="55"/>
      <c r="AF1044" s="55"/>
      <c r="AG1044" s="55"/>
      <c r="AY1044" s="162"/>
      <c r="AZ1044" s="162"/>
      <c r="BA1044" s="162"/>
      <c r="BB1044" s="162"/>
      <c r="BC1044" s="162"/>
      <c r="BD1044" s="162"/>
      <c r="BE1044" s="162"/>
      <c r="BF1044" s="162"/>
      <c r="BG1044" s="162"/>
      <c r="BH1044" s="162"/>
      <c r="BI1044" s="162"/>
      <c r="BJ1044" s="162"/>
      <c r="BK1044" s="162"/>
      <c r="BL1044" s="162"/>
      <c r="BM1044" s="162"/>
      <c r="BN1044" s="162"/>
      <c r="BO1044" s="162"/>
      <c r="BP1044" s="162"/>
      <c r="BQ1044" s="162"/>
      <c r="BR1044" s="162"/>
      <c r="BS1044" s="162"/>
      <c r="BT1044" s="162"/>
      <c r="BU1044" s="162"/>
      <c r="BV1044" s="162"/>
      <c r="BW1044" s="162"/>
      <c r="BX1044" s="162"/>
      <c r="BY1044" s="162"/>
      <c r="BZ1044" s="162"/>
      <c r="CA1044" s="162"/>
      <c r="CB1044" s="162"/>
      <c r="CC1044" s="162"/>
      <c r="CD1044" s="162"/>
      <c r="CE1044" s="162"/>
      <c r="CF1044" s="162"/>
      <c r="CG1044" s="162"/>
      <c r="CH1044" s="162"/>
      <c r="CI1044" s="162"/>
      <c r="CJ1044" s="162"/>
      <c r="CK1044" s="162"/>
      <c r="CX1044" s="98"/>
      <c r="DL1044" s="97"/>
      <c r="DX1044" s="98"/>
      <c r="EL1044" s="97"/>
      <c r="EX1044" s="98"/>
      <c r="EY1044" s="97"/>
      <c r="FL1044" s="126"/>
      <c r="FM1044" s="91"/>
      <c r="FN1044" s="91"/>
      <c r="FO1044" s="91"/>
      <c r="FP1044" s="91"/>
      <c r="FQ1044" s="91"/>
      <c r="FR1044" s="91"/>
      <c r="FS1044" s="91"/>
      <c r="FT1044" s="91"/>
      <c r="FU1044" s="91"/>
      <c r="FV1044" s="91"/>
      <c r="FW1044" s="91"/>
      <c r="FX1044" s="91"/>
      <c r="FY1044" s="91"/>
      <c r="FZ1044" s="91"/>
      <c r="GA1044" s="91"/>
      <c r="GB1044" s="91"/>
      <c r="GC1044" s="91"/>
      <c r="GD1044" s="91"/>
      <c r="GE1044" s="91"/>
      <c r="GF1044" s="91"/>
      <c r="GG1044" s="91"/>
      <c r="GH1044" s="91"/>
      <c r="GI1044" s="91"/>
      <c r="GJ1044" s="91"/>
      <c r="GK1044" s="127"/>
      <c r="GL1044" s="126"/>
      <c r="GM1044" s="91"/>
      <c r="GN1044" s="91"/>
      <c r="GO1044" s="91"/>
      <c r="GP1044" s="91"/>
      <c r="GQ1044" s="91"/>
      <c r="GR1044" s="91"/>
      <c r="GS1044" s="91"/>
      <c r="GT1044" s="91"/>
      <c r="GU1044" s="91"/>
      <c r="GV1044" s="91"/>
      <c r="GW1044" s="91"/>
      <c r="GX1044" s="91"/>
      <c r="GY1044" s="91"/>
      <c r="GZ1044" s="91"/>
      <c r="HA1044" s="91"/>
      <c r="HB1044" s="91"/>
      <c r="HC1044" s="91"/>
      <c r="HD1044" s="91"/>
      <c r="HE1044" s="91"/>
      <c r="HF1044" s="91"/>
      <c r="HG1044" s="91"/>
      <c r="HH1044" s="91"/>
      <c r="HI1044" s="91"/>
      <c r="HJ1044" s="91"/>
      <c r="HK1044" s="127"/>
      <c r="HL1044" s="126"/>
      <c r="HM1044" s="91"/>
      <c r="HN1044" s="91"/>
      <c r="HO1044" s="91"/>
      <c r="HP1044" s="91"/>
      <c r="HQ1044" s="91"/>
      <c r="HR1044" s="91"/>
      <c r="HS1044" s="91"/>
      <c r="HT1044" s="91"/>
      <c r="HU1044" s="91"/>
      <c r="HV1044" s="91"/>
      <c r="HW1044" s="91"/>
      <c r="HX1044" s="91"/>
      <c r="HY1044" s="91"/>
      <c r="HZ1044" s="91"/>
      <c r="IA1044" s="91"/>
      <c r="IB1044" s="91"/>
      <c r="IC1044" s="91"/>
      <c r="ID1044" s="91"/>
      <c r="IE1044" s="91"/>
      <c r="IF1044" s="91"/>
      <c r="IG1044" s="91"/>
      <c r="IH1044" s="91"/>
      <c r="II1044" s="91"/>
      <c r="IJ1044" s="91"/>
      <c r="IK1044" s="127"/>
    </row>
    <row r="1045" spans="2:245" x14ac:dyDescent="0.2">
      <c r="B1045" s="43"/>
      <c r="C1045" s="73"/>
      <c r="D1045" s="64"/>
      <c r="E1045" s="64"/>
      <c r="F1045" s="55"/>
      <c r="G1045" s="102"/>
      <c r="H1045" s="55"/>
      <c r="I1045" s="55"/>
      <c r="J1045" s="55"/>
      <c r="K1045" s="55"/>
      <c r="L1045" s="55"/>
      <c r="M1045" s="55"/>
      <c r="N1045" s="55"/>
      <c r="O1045" s="55"/>
      <c r="P1045" s="55"/>
      <c r="Q1045" s="55"/>
      <c r="R1045" s="55"/>
      <c r="S1045" s="55"/>
      <c r="T1045" s="55"/>
      <c r="U1045" s="55"/>
      <c r="V1045" s="55"/>
      <c r="W1045" s="55"/>
      <c r="X1045" s="55"/>
      <c r="Y1045" s="55"/>
      <c r="Z1045" s="55"/>
      <c r="AA1045" s="55"/>
      <c r="AB1045" s="55"/>
      <c r="AC1045" s="55"/>
      <c r="AD1045" s="55"/>
      <c r="AE1045" s="55"/>
      <c r="AF1045" s="55"/>
      <c r="AG1045" s="55"/>
      <c r="AY1045" s="162"/>
      <c r="AZ1045" s="162"/>
      <c r="BA1045" s="162"/>
      <c r="BB1045" s="162"/>
      <c r="BC1045" s="162"/>
      <c r="BD1045" s="162"/>
      <c r="BE1045" s="162"/>
      <c r="BF1045" s="162"/>
      <c r="BG1045" s="162"/>
      <c r="BH1045" s="162"/>
      <c r="BI1045" s="162"/>
      <c r="BJ1045" s="162"/>
      <c r="BK1045" s="162"/>
      <c r="BL1045" s="162"/>
      <c r="BM1045" s="162"/>
      <c r="BN1045" s="162"/>
      <c r="BO1045" s="162"/>
      <c r="BP1045" s="162"/>
      <c r="BQ1045" s="162"/>
      <c r="BR1045" s="162"/>
      <c r="BS1045" s="162"/>
      <c r="BT1045" s="162"/>
      <c r="BU1045" s="162"/>
      <c r="BV1045" s="162"/>
      <c r="BW1045" s="162"/>
      <c r="BX1045" s="162"/>
      <c r="BY1045" s="162"/>
      <c r="BZ1045" s="162"/>
      <c r="CA1045" s="162"/>
      <c r="CB1045" s="162"/>
      <c r="CC1045" s="162"/>
      <c r="CD1045" s="162"/>
      <c r="CE1045" s="162"/>
      <c r="CF1045" s="162"/>
      <c r="CG1045" s="162"/>
      <c r="CH1045" s="162"/>
      <c r="CI1045" s="162"/>
      <c r="CJ1045" s="162"/>
      <c r="CK1045" s="162"/>
      <c r="CX1045" s="98"/>
      <c r="DL1045" s="97"/>
      <c r="DX1045" s="98"/>
      <c r="EL1045" s="97"/>
      <c r="EX1045" s="98"/>
      <c r="EY1045" s="97"/>
      <c r="FL1045" s="126"/>
      <c r="FM1045" s="91"/>
      <c r="FN1045" s="91"/>
      <c r="FO1045" s="91"/>
      <c r="FP1045" s="91"/>
      <c r="FQ1045" s="91"/>
      <c r="FR1045" s="91"/>
      <c r="FS1045" s="91"/>
      <c r="FT1045" s="91"/>
      <c r="FU1045" s="91"/>
      <c r="FV1045" s="91"/>
      <c r="FW1045" s="91"/>
      <c r="FX1045" s="91"/>
      <c r="FY1045" s="91"/>
      <c r="FZ1045" s="91"/>
      <c r="GA1045" s="91"/>
      <c r="GB1045" s="91"/>
      <c r="GC1045" s="91"/>
      <c r="GD1045" s="91"/>
      <c r="GE1045" s="91"/>
      <c r="GF1045" s="91"/>
      <c r="GG1045" s="91"/>
      <c r="GH1045" s="91"/>
      <c r="GI1045" s="91"/>
      <c r="GJ1045" s="91"/>
      <c r="GK1045" s="127"/>
      <c r="GL1045" s="126"/>
      <c r="GM1045" s="91"/>
      <c r="GN1045" s="91"/>
      <c r="GO1045" s="91"/>
      <c r="GP1045" s="91"/>
      <c r="GQ1045" s="91"/>
      <c r="GR1045" s="91"/>
      <c r="GS1045" s="91"/>
      <c r="GT1045" s="91"/>
      <c r="GU1045" s="91"/>
      <c r="GV1045" s="91"/>
      <c r="GW1045" s="91"/>
      <c r="GX1045" s="91"/>
      <c r="GY1045" s="91"/>
      <c r="GZ1045" s="91"/>
      <c r="HA1045" s="91"/>
      <c r="HB1045" s="91"/>
      <c r="HC1045" s="91"/>
      <c r="HD1045" s="91"/>
      <c r="HE1045" s="91"/>
      <c r="HF1045" s="91"/>
      <c r="HG1045" s="91"/>
      <c r="HH1045" s="91"/>
      <c r="HI1045" s="91"/>
      <c r="HJ1045" s="91"/>
      <c r="HK1045" s="127"/>
      <c r="HL1045" s="126"/>
      <c r="HM1045" s="91"/>
      <c r="HN1045" s="91"/>
      <c r="HO1045" s="91"/>
      <c r="HP1045" s="91"/>
      <c r="HQ1045" s="91"/>
      <c r="HR1045" s="91"/>
      <c r="HS1045" s="91"/>
      <c r="HT1045" s="91"/>
      <c r="HU1045" s="91"/>
      <c r="HV1045" s="91"/>
      <c r="HW1045" s="91"/>
      <c r="HX1045" s="91"/>
      <c r="HY1045" s="91"/>
      <c r="HZ1045" s="91"/>
      <c r="IA1045" s="91"/>
      <c r="IB1045" s="91"/>
      <c r="IC1045" s="91"/>
      <c r="ID1045" s="91"/>
      <c r="IE1045" s="91"/>
      <c r="IF1045" s="91"/>
      <c r="IG1045" s="91"/>
      <c r="IH1045" s="91"/>
      <c r="II1045" s="91"/>
      <c r="IJ1045" s="91"/>
      <c r="IK1045" s="127"/>
    </row>
    <row r="1046" spans="2:245" x14ac:dyDescent="0.2">
      <c r="B1046" s="43"/>
      <c r="C1046" s="73"/>
      <c r="D1046" s="64"/>
      <c r="E1046" s="64"/>
      <c r="F1046" s="55"/>
      <c r="G1046" s="102"/>
      <c r="H1046" s="55"/>
      <c r="I1046" s="55"/>
      <c r="J1046" s="55"/>
      <c r="K1046" s="55"/>
      <c r="L1046" s="55"/>
      <c r="M1046" s="55"/>
      <c r="N1046" s="55"/>
      <c r="O1046" s="55"/>
      <c r="P1046" s="55"/>
      <c r="Q1046" s="55"/>
      <c r="R1046" s="55"/>
      <c r="S1046" s="55"/>
      <c r="T1046" s="55"/>
      <c r="U1046" s="55"/>
      <c r="V1046" s="55"/>
      <c r="W1046" s="55"/>
      <c r="X1046" s="55"/>
      <c r="Y1046" s="55"/>
      <c r="Z1046" s="55"/>
      <c r="AA1046" s="55"/>
      <c r="AB1046" s="55"/>
      <c r="AC1046" s="55"/>
      <c r="AD1046" s="55"/>
      <c r="AE1046" s="55"/>
      <c r="AF1046" s="55"/>
      <c r="AG1046" s="55"/>
      <c r="AY1046" s="162"/>
      <c r="AZ1046" s="162"/>
      <c r="BA1046" s="162"/>
      <c r="BB1046" s="162"/>
      <c r="BC1046" s="162"/>
      <c r="BD1046" s="162"/>
      <c r="BE1046" s="162"/>
      <c r="BF1046" s="162"/>
      <c r="BG1046" s="162"/>
      <c r="BH1046" s="162"/>
      <c r="BI1046" s="162"/>
      <c r="BJ1046" s="162"/>
      <c r="BK1046" s="162"/>
      <c r="BL1046" s="162"/>
      <c r="BM1046" s="162"/>
      <c r="BN1046" s="162"/>
      <c r="BO1046" s="162"/>
      <c r="BP1046" s="162"/>
      <c r="BQ1046" s="162"/>
      <c r="BR1046" s="162"/>
      <c r="BS1046" s="162"/>
      <c r="BT1046" s="162"/>
      <c r="BU1046" s="162"/>
      <c r="BV1046" s="162"/>
      <c r="BW1046" s="162"/>
      <c r="BX1046" s="162"/>
      <c r="BY1046" s="162"/>
      <c r="BZ1046" s="162"/>
      <c r="CA1046" s="162"/>
      <c r="CB1046" s="162"/>
      <c r="CC1046" s="162"/>
      <c r="CD1046" s="162"/>
      <c r="CE1046" s="162"/>
      <c r="CF1046" s="162"/>
      <c r="CG1046" s="162"/>
      <c r="CH1046" s="162"/>
      <c r="CI1046" s="162"/>
      <c r="CJ1046" s="162"/>
      <c r="CK1046" s="162"/>
      <c r="CX1046" s="98"/>
      <c r="DL1046" s="97"/>
      <c r="DX1046" s="98"/>
      <c r="EL1046" s="97"/>
      <c r="EX1046" s="98"/>
      <c r="EY1046" s="97"/>
      <c r="FL1046" s="126"/>
      <c r="FM1046" s="91"/>
      <c r="FN1046" s="91"/>
      <c r="FO1046" s="91"/>
      <c r="FP1046" s="91"/>
      <c r="FQ1046" s="91"/>
      <c r="FR1046" s="91"/>
      <c r="FS1046" s="91"/>
      <c r="FT1046" s="91"/>
      <c r="FU1046" s="91"/>
      <c r="FV1046" s="91"/>
      <c r="FW1046" s="91"/>
      <c r="FX1046" s="91"/>
      <c r="FY1046" s="91"/>
      <c r="FZ1046" s="91"/>
      <c r="GA1046" s="91"/>
      <c r="GB1046" s="91"/>
      <c r="GC1046" s="91"/>
      <c r="GD1046" s="91"/>
      <c r="GE1046" s="91"/>
      <c r="GF1046" s="91"/>
      <c r="GG1046" s="91"/>
      <c r="GH1046" s="91"/>
      <c r="GI1046" s="91"/>
      <c r="GJ1046" s="91"/>
      <c r="GK1046" s="127"/>
      <c r="GL1046" s="126"/>
      <c r="GM1046" s="91"/>
      <c r="GN1046" s="91"/>
      <c r="GO1046" s="91"/>
      <c r="GP1046" s="91"/>
      <c r="GQ1046" s="91"/>
      <c r="GR1046" s="91"/>
      <c r="GS1046" s="91"/>
      <c r="GT1046" s="91"/>
      <c r="GU1046" s="91"/>
      <c r="GV1046" s="91"/>
      <c r="GW1046" s="91"/>
      <c r="GX1046" s="91"/>
      <c r="GY1046" s="91"/>
      <c r="GZ1046" s="91"/>
      <c r="HA1046" s="91"/>
      <c r="HB1046" s="91"/>
      <c r="HC1046" s="91"/>
      <c r="HD1046" s="91"/>
      <c r="HE1046" s="91"/>
      <c r="HF1046" s="91"/>
      <c r="HG1046" s="91"/>
      <c r="HH1046" s="91"/>
      <c r="HI1046" s="91"/>
      <c r="HJ1046" s="91"/>
      <c r="HK1046" s="127"/>
      <c r="HL1046" s="126"/>
      <c r="HM1046" s="91"/>
      <c r="HN1046" s="91"/>
      <c r="HO1046" s="91"/>
      <c r="HP1046" s="91"/>
      <c r="HQ1046" s="91"/>
      <c r="HR1046" s="91"/>
      <c r="HS1046" s="91"/>
      <c r="HT1046" s="91"/>
      <c r="HU1046" s="91"/>
      <c r="HV1046" s="91"/>
      <c r="HW1046" s="91"/>
      <c r="HX1046" s="91"/>
      <c r="HY1046" s="91"/>
      <c r="HZ1046" s="91"/>
      <c r="IA1046" s="91"/>
      <c r="IB1046" s="91"/>
      <c r="IC1046" s="91"/>
      <c r="ID1046" s="91"/>
      <c r="IE1046" s="91"/>
      <c r="IF1046" s="91"/>
      <c r="IG1046" s="91"/>
      <c r="IH1046" s="91"/>
      <c r="II1046" s="91"/>
      <c r="IJ1046" s="91"/>
      <c r="IK1046" s="127"/>
    </row>
    <row r="1047" spans="2:245" x14ac:dyDescent="0.2">
      <c r="B1047" s="43"/>
      <c r="C1047" s="73"/>
      <c r="D1047" s="64"/>
      <c r="E1047" s="64"/>
      <c r="F1047" s="55"/>
      <c r="G1047" s="102"/>
      <c r="H1047" s="55"/>
      <c r="I1047" s="55"/>
      <c r="J1047" s="55"/>
      <c r="K1047" s="55"/>
      <c r="L1047" s="55"/>
      <c r="M1047" s="55"/>
      <c r="N1047" s="55"/>
      <c r="O1047" s="55"/>
      <c r="P1047" s="55"/>
      <c r="Q1047" s="55"/>
      <c r="R1047" s="55"/>
      <c r="S1047" s="55"/>
      <c r="T1047" s="55"/>
      <c r="U1047" s="55"/>
      <c r="V1047" s="55"/>
      <c r="W1047" s="55"/>
      <c r="X1047" s="55"/>
      <c r="Y1047" s="55"/>
      <c r="Z1047" s="55"/>
      <c r="AA1047" s="55"/>
      <c r="AB1047" s="55"/>
      <c r="AC1047" s="55"/>
      <c r="AD1047" s="55"/>
      <c r="AE1047" s="55"/>
      <c r="AF1047" s="55"/>
      <c r="AG1047" s="55"/>
      <c r="AY1047" s="162"/>
      <c r="AZ1047" s="162"/>
      <c r="BA1047" s="162"/>
      <c r="BB1047" s="162"/>
      <c r="BC1047" s="162"/>
      <c r="BD1047" s="162"/>
      <c r="BE1047" s="162"/>
      <c r="BF1047" s="162"/>
      <c r="BG1047" s="162"/>
      <c r="BH1047" s="162"/>
      <c r="BI1047" s="162"/>
      <c r="BJ1047" s="162"/>
      <c r="BK1047" s="162"/>
      <c r="BL1047" s="162"/>
      <c r="BM1047" s="162"/>
      <c r="BN1047" s="162"/>
      <c r="BO1047" s="162"/>
      <c r="BP1047" s="162"/>
      <c r="BQ1047" s="162"/>
      <c r="BR1047" s="162"/>
      <c r="BS1047" s="162"/>
      <c r="BT1047" s="162"/>
      <c r="BU1047" s="162"/>
      <c r="BV1047" s="162"/>
      <c r="BW1047" s="162"/>
      <c r="BX1047" s="162"/>
      <c r="BY1047" s="162"/>
      <c r="BZ1047" s="162"/>
      <c r="CA1047" s="162"/>
      <c r="CB1047" s="162"/>
      <c r="CC1047" s="162"/>
      <c r="CD1047" s="162"/>
      <c r="CE1047" s="162"/>
      <c r="CF1047" s="162"/>
      <c r="CG1047" s="162"/>
      <c r="CH1047" s="162"/>
      <c r="CI1047" s="162"/>
      <c r="CJ1047" s="162"/>
      <c r="CK1047" s="162"/>
      <c r="CX1047" s="98"/>
      <c r="DL1047" s="97"/>
      <c r="DX1047" s="98"/>
      <c r="EL1047" s="97"/>
      <c r="EX1047" s="98"/>
      <c r="EY1047" s="97"/>
      <c r="FL1047" s="126"/>
      <c r="FM1047" s="91"/>
      <c r="FN1047" s="91"/>
      <c r="FO1047" s="91"/>
      <c r="FP1047" s="91"/>
      <c r="FQ1047" s="91"/>
      <c r="FR1047" s="91"/>
      <c r="FS1047" s="91"/>
      <c r="FT1047" s="91"/>
      <c r="FU1047" s="91"/>
      <c r="FV1047" s="91"/>
      <c r="FW1047" s="91"/>
      <c r="FX1047" s="91"/>
      <c r="FY1047" s="91"/>
      <c r="FZ1047" s="91"/>
      <c r="GA1047" s="91"/>
      <c r="GB1047" s="91"/>
      <c r="GC1047" s="91"/>
      <c r="GD1047" s="91"/>
      <c r="GE1047" s="91"/>
      <c r="GF1047" s="91"/>
      <c r="GG1047" s="91"/>
      <c r="GH1047" s="91"/>
      <c r="GI1047" s="91"/>
      <c r="GJ1047" s="91"/>
      <c r="GK1047" s="127"/>
      <c r="GL1047" s="126"/>
      <c r="GM1047" s="91"/>
      <c r="GN1047" s="91"/>
      <c r="GO1047" s="91"/>
      <c r="GP1047" s="91"/>
      <c r="GQ1047" s="91"/>
      <c r="GR1047" s="91"/>
      <c r="GS1047" s="91"/>
      <c r="GT1047" s="91"/>
      <c r="GU1047" s="91"/>
      <c r="GV1047" s="91"/>
      <c r="GW1047" s="91"/>
      <c r="GX1047" s="91"/>
      <c r="GY1047" s="91"/>
      <c r="GZ1047" s="91"/>
      <c r="HA1047" s="91"/>
      <c r="HB1047" s="91"/>
      <c r="HC1047" s="91"/>
      <c r="HD1047" s="91"/>
      <c r="HE1047" s="91"/>
      <c r="HF1047" s="91"/>
      <c r="HG1047" s="91"/>
      <c r="HH1047" s="91"/>
      <c r="HI1047" s="91"/>
      <c r="HJ1047" s="91"/>
      <c r="HK1047" s="127"/>
      <c r="HL1047" s="126"/>
      <c r="HM1047" s="91"/>
      <c r="HN1047" s="91"/>
      <c r="HO1047" s="91"/>
      <c r="HP1047" s="91"/>
      <c r="HQ1047" s="91"/>
      <c r="HR1047" s="91"/>
      <c r="HS1047" s="91"/>
      <c r="HT1047" s="91"/>
      <c r="HU1047" s="91"/>
      <c r="HV1047" s="91"/>
      <c r="HW1047" s="91"/>
      <c r="HX1047" s="91"/>
      <c r="HY1047" s="91"/>
      <c r="HZ1047" s="91"/>
      <c r="IA1047" s="91"/>
      <c r="IB1047" s="91"/>
      <c r="IC1047" s="91"/>
      <c r="ID1047" s="91"/>
      <c r="IE1047" s="91"/>
      <c r="IF1047" s="91"/>
      <c r="IG1047" s="91"/>
      <c r="IH1047" s="91"/>
      <c r="II1047" s="91"/>
      <c r="IJ1047" s="91"/>
      <c r="IK1047" s="127"/>
    </row>
    <row r="1048" spans="2:245" x14ac:dyDescent="0.2">
      <c r="B1048" s="43"/>
      <c r="C1048" s="73"/>
      <c r="D1048" s="64"/>
      <c r="E1048" s="64"/>
      <c r="F1048" s="55"/>
      <c r="G1048" s="102"/>
      <c r="H1048" s="55"/>
      <c r="I1048" s="55"/>
      <c r="J1048" s="55"/>
      <c r="K1048" s="55"/>
      <c r="L1048" s="55"/>
      <c r="M1048" s="55"/>
      <c r="N1048" s="55"/>
      <c r="O1048" s="55"/>
      <c r="P1048" s="55"/>
      <c r="Q1048" s="55"/>
      <c r="R1048" s="55"/>
      <c r="S1048" s="55"/>
      <c r="T1048" s="55"/>
      <c r="U1048" s="55"/>
      <c r="V1048" s="55"/>
      <c r="W1048" s="55"/>
      <c r="X1048" s="55"/>
      <c r="Y1048" s="55"/>
      <c r="Z1048" s="55"/>
      <c r="AA1048" s="55"/>
      <c r="AB1048" s="55"/>
      <c r="AC1048" s="55"/>
      <c r="AD1048" s="55"/>
      <c r="AE1048" s="55"/>
      <c r="AF1048" s="55"/>
      <c r="AG1048" s="55"/>
      <c r="AY1048" s="162"/>
      <c r="AZ1048" s="162"/>
      <c r="BA1048" s="162"/>
      <c r="BB1048" s="162"/>
      <c r="BC1048" s="162"/>
      <c r="BD1048" s="162"/>
      <c r="BE1048" s="162"/>
      <c r="BF1048" s="162"/>
      <c r="BG1048" s="162"/>
      <c r="BH1048" s="162"/>
      <c r="BI1048" s="162"/>
      <c r="BJ1048" s="162"/>
      <c r="BK1048" s="162"/>
      <c r="BL1048" s="162"/>
      <c r="BM1048" s="162"/>
      <c r="BN1048" s="162"/>
      <c r="BO1048" s="162"/>
      <c r="BP1048" s="162"/>
      <c r="BQ1048" s="162"/>
      <c r="BR1048" s="162"/>
      <c r="BS1048" s="162"/>
      <c r="BT1048" s="162"/>
      <c r="BU1048" s="162"/>
      <c r="BV1048" s="162"/>
      <c r="BW1048" s="162"/>
      <c r="BX1048" s="162"/>
      <c r="BY1048" s="162"/>
      <c r="BZ1048" s="162"/>
      <c r="CA1048" s="162"/>
      <c r="CB1048" s="162"/>
      <c r="CC1048" s="162"/>
      <c r="CD1048" s="162"/>
      <c r="CE1048" s="162"/>
      <c r="CF1048" s="162"/>
      <c r="CG1048" s="162"/>
      <c r="CH1048" s="162"/>
      <c r="CI1048" s="162"/>
      <c r="CJ1048" s="162"/>
      <c r="CK1048" s="162"/>
      <c r="CX1048" s="98"/>
      <c r="DL1048" s="97"/>
      <c r="DX1048" s="98"/>
      <c r="EL1048" s="97"/>
      <c r="EX1048" s="98"/>
      <c r="EY1048" s="97"/>
      <c r="FL1048" s="126"/>
      <c r="FM1048" s="91"/>
      <c r="FN1048" s="91"/>
      <c r="FO1048" s="91"/>
      <c r="FP1048" s="91"/>
      <c r="FQ1048" s="91"/>
      <c r="FR1048" s="91"/>
      <c r="FS1048" s="91"/>
      <c r="FT1048" s="91"/>
      <c r="FU1048" s="91"/>
      <c r="FV1048" s="91"/>
      <c r="FW1048" s="91"/>
      <c r="FX1048" s="91"/>
      <c r="FY1048" s="91"/>
      <c r="FZ1048" s="91"/>
      <c r="GA1048" s="91"/>
      <c r="GB1048" s="91"/>
      <c r="GC1048" s="91"/>
      <c r="GD1048" s="91"/>
      <c r="GE1048" s="91"/>
      <c r="GF1048" s="91"/>
      <c r="GG1048" s="91"/>
      <c r="GH1048" s="91"/>
      <c r="GI1048" s="91"/>
      <c r="GJ1048" s="91"/>
      <c r="GK1048" s="127"/>
      <c r="GL1048" s="126"/>
      <c r="GM1048" s="91"/>
      <c r="GN1048" s="91"/>
      <c r="GO1048" s="91"/>
      <c r="GP1048" s="91"/>
      <c r="GQ1048" s="91"/>
      <c r="GR1048" s="91"/>
      <c r="GS1048" s="91"/>
      <c r="GT1048" s="91"/>
      <c r="GU1048" s="91"/>
      <c r="GV1048" s="91"/>
      <c r="GW1048" s="91"/>
      <c r="GX1048" s="91"/>
      <c r="GY1048" s="91"/>
      <c r="GZ1048" s="91"/>
      <c r="HA1048" s="91"/>
      <c r="HB1048" s="91"/>
      <c r="HC1048" s="91"/>
      <c r="HD1048" s="91"/>
      <c r="HE1048" s="91"/>
      <c r="HF1048" s="91"/>
      <c r="HG1048" s="91"/>
      <c r="HH1048" s="91"/>
      <c r="HI1048" s="91"/>
      <c r="HJ1048" s="91"/>
      <c r="HK1048" s="127"/>
      <c r="HL1048" s="126"/>
      <c r="HM1048" s="91"/>
      <c r="HN1048" s="91"/>
      <c r="HO1048" s="91"/>
      <c r="HP1048" s="91"/>
      <c r="HQ1048" s="91"/>
      <c r="HR1048" s="91"/>
      <c r="HS1048" s="91"/>
      <c r="HT1048" s="91"/>
      <c r="HU1048" s="91"/>
      <c r="HV1048" s="91"/>
      <c r="HW1048" s="91"/>
      <c r="HX1048" s="91"/>
      <c r="HY1048" s="91"/>
      <c r="HZ1048" s="91"/>
      <c r="IA1048" s="91"/>
      <c r="IB1048" s="91"/>
      <c r="IC1048" s="91"/>
      <c r="ID1048" s="91"/>
      <c r="IE1048" s="91"/>
      <c r="IF1048" s="91"/>
      <c r="IG1048" s="91"/>
      <c r="IH1048" s="91"/>
      <c r="II1048" s="91"/>
      <c r="IJ1048" s="91"/>
      <c r="IK1048" s="127"/>
    </row>
    <row r="1049" spans="2:245" x14ac:dyDescent="0.2">
      <c r="B1049" s="43"/>
      <c r="C1049" s="73"/>
      <c r="D1049" s="64"/>
      <c r="E1049" s="64"/>
      <c r="F1049" s="55"/>
      <c r="G1049" s="102"/>
      <c r="H1049" s="55"/>
      <c r="I1049" s="55"/>
      <c r="J1049" s="55"/>
      <c r="K1049" s="55"/>
      <c r="L1049" s="55"/>
      <c r="M1049" s="55"/>
      <c r="N1049" s="55"/>
      <c r="O1049" s="55"/>
      <c r="P1049" s="55"/>
      <c r="Q1049" s="55"/>
      <c r="R1049" s="55"/>
      <c r="S1049" s="55"/>
      <c r="T1049" s="55"/>
      <c r="U1049" s="55"/>
      <c r="V1049" s="55"/>
      <c r="W1049" s="55"/>
      <c r="X1049" s="55"/>
      <c r="Y1049" s="55"/>
      <c r="Z1049" s="55"/>
      <c r="AA1049" s="55"/>
      <c r="AB1049" s="55"/>
      <c r="AC1049" s="55"/>
      <c r="AD1049" s="55"/>
      <c r="AE1049" s="55"/>
      <c r="AF1049" s="55"/>
      <c r="AG1049" s="55"/>
      <c r="AY1049" s="162"/>
      <c r="AZ1049" s="162"/>
      <c r="BA1049" s="162"/>
      <c r="BB1049" s="162"/>
      <c r="BC1049" s="162"/>
      <c r="BD1049" s="162"/>
      <c r="BE1049" s="162"/>
      <c r="BF1049" s="162"/>
      <c r="BG1049" s="162"/>
      <c r="BH1049" s="162"/>
      <c r="BI1049" s="162"/>
      <c r="BJ1049" s="162"/>
      <c r="BK1049" s="162"/>
      <c r="BL1049" s="162"/>
      <c r="BM1049" s="162"/>
      <c r="BN1049" s="162"/>
      <c r="BO1049" s="162"/>
      <c r="BP1049" s="162"/>
      <c r="BQ1049" s="162"/>
      <c r="BR1049" s="162"/>
      <c r="BS1049" s="162"/>
      <c r="BT1049" s="162"/>
      <c r="BU1049" s="162"/>
      <c r="BV1049" s="162"/>
      <c r="BW1049" s="162"/>
      <c r="BX1049" s="162"/>
      <c r="BY1049" s="162"/>
      <c r="BZ1049" s="162"/>
      <c r="CA1049" s="162"/>
      <c r="CB1049" s="162"/>
      <c r="CC1049" s="162"/>
      <c r="CD1049" s="162"/>
      <c r="CE1049" s="162"/>
      <c r="CF1049" s="162"/>
      <c r="CG1049" s="162"/>
      <c r="CH1049" s="162"/>
      <c r="CI1049" s="162"/>
      <c r="CJ1049" s="162"/>
      <c r="CK1049" s="162"/>
      <c r="CX1049" s="98"/>
      <c r="DL1049" s="97"/>
      <c r="DX1049" s="98"/>
      <c r="EL1049" s="97"/>
      <c r="EX1049" s="98"/>
      <c r="EY1049" s="97"/>
      <c r="FL1049" s="126"/>
      <c r="FM1049" s="91"/>
      <c r="FN1049" s="91"/>
      <c r="FO1049" s="91"/>
      <c r="FP1049" s="91"/>
      <c r="FQ1049" s="91"/>
      <c r="FR1049" s="91"/>
      <c r="FS1049" s="91"/>
      <c r="FT1049" s="91"/>
      <c r="FU1049" s="91"/>
      <c r="FV1049" s="91"/>
      <c r="FW1049" s="91"/>
      <c r="FX1049" s="91"/>
      <c r="FY1049" s="91"/>
      <c r="FZ1049" s="91"/>
      <c r="GA1049" s="91"/>
      <c r="GB1049" s="91"/>
      <c r="GC1049" s="91"/>
      <c r="GD1049" s="91"/>
      <c r="GE1049" s="91"/>
      <c r="GF1049" s="91"/>
      <c r="GG1049" s="91"/>
      <c r="GH1049" s="91"/>
      <c r="GI1049" s="91"/>
      <c r="GJ1049" s="91"/>
      <c r="GK1049" s="127"/>
      <c r="GL1049" s="126"/>
      <c r="GM1049" s="91"/>
      <c r="GN1049" s="91"/>
      <c r="GO1049" s="91"/>
      <c r="GP1049" s="91"/>
      <c r="GQ1049" s="91"/>
      <c r="GR1049" s="91"/>
      <c r="GS1049" s="91"/>
      <c r="GT1049" s="91"/>
      <c r="GU1049" s="91"/>
      <c r="GV1049" s="91"/>
      <c r="GW1049" s="91"/>
      <c r="GX1049" s="91"/>
      <c r="GY1049" s="91"/>
      <c r="GZ1049" s="91"/>
      <c r="HA1049" s="91"/>
      <c r="HB1049" s="91"/>
      <c r="HC1049" s="91"/>
      <c r="HD1049" s="91"/>
      <c r="HE1049" s="91"/>
      <c r="HF1049" s="91"/>
      <c r="HG1049" s="91"/>
      <c r="HH1049" s="91"/>
      <c r="HI1049" s="91"/>
      <c r="HJ1049" s="91"/>
      <c r="HK1049" s="127"/>
      <c r="HL1049" s="126"/>
      <c r="HM1049" s="91"/>
      <c r="HN1049" s="91"/>
      <c r="HO1049" s="91"/>
      <c r="HP1049" s="91"/>
      <c r="HQ1049" s="91"/>
      <c r="HR1049" s="91"/>
      <c r="HS1049" s="91"/>
      <c r="HT1049" s="91"/>
      <c r="HU1049" s="91"/>
      <c r="HV1049" s="91"/>
      <c r="HW1049" s="91"/>
      <c r="HX1049" s="91"/>
      <c r="HY1049" s="91"/>
      <c r="HZ1049" s="91"/>
      <c r="IA1049" s="91"/>
      <c r="IB1049" s="91"/>
      <c r="IC1049" s="91"/>
      <c r="ID1049" s="91"/>
      <c r="IE1049" s="91"/>
      <c r="IF1049" s="91"/>
      <c r="IG1049" s="91"/>
      <c r="IH1049" s="91"/>
      <c r="II1049" s="91"/>
      <c r="IJ1049" s="91"/>
      <c r="IK1049" s="127"/>
    </row>
    <row r="1050" spans="2:245" x14ac:dyDescent="0.2">
      <c r="B1050" s="43"/>
      <c r="C1050" s="73"/>
      <c r="D1050" s="64"/>
      <c r="E1050" s="64"/>
      <c r="F1050" s="55"/>
      <c r="G1050" s="102"/>
      <c r="H1050" s="55"/>
      <c r="I1050" s="55"/>
      <c r="J1050" s="55"/>
      <c r="K1050" s="55"/>
      <c r="L1050" s="55"/>
      <c r="M1050" s="55"/>
      <c r="N1050" s="55"/>
      <c r="O1050" s="55"/>
      <c r="P1050" s="55"/>
      <c r="Q1050" s="55"/>
      <c r="R1050" s="55"/>
      <c r="S1050" s="55"/>
      <c r="T1050" s="55"/>
      <c r="U1050" s="55"/>
      <c r="V1050" s="55"/>
      <c r="W1050" s="55"/>
      <c r="X1050" s="55"/>
      <c r="Y1050" s="55"/>
      <c r="Z1050" s="55"/>
      <c r="AA1050" s="55"/>
      <c r="AB1050" s="55"/>
      <c r="AC1050" s="55"/>
      <c r="AD1050" s="55"/>
      <c r="AE1050" s="55"/>
      <c r="AF1050" s="55"/>
      <c r="AG1050" s="55"/>
      <c r="AY1050" s="162"/>
      <c r="AZ1050" s="162"/>
      <c r="BA1050" s="162"/>
      <c r="BB1050" s="162"/>
      <c r="BC1050" s="162"/>
      <c r="BD1050" s="162"/>
      <c r="BE1050" s="162"/>
      <c r="BF1050" s="162"/>
      <c r="BG1050" s="162"/>
      <c r="BH1050" s="162"/>
      <c r="BI1050" s="162"/>
      <c r="BJ1050" s="162"/>
      <c r="BK1050" s="162"/>
      <c r="BL1050" s="162"/>
      <c r="BM1050" s="162"/>
      <c r="BN1050" s="162"/>
      <c r="BO1050" s="162"/>
      <c r="BP1050" s="162"/>
      <c r="BQ1050" s="162"/>
      <c r="BR1050" s="162"/>
      <c r="BS1050" s="162"/>
      <c r="BT1050" s="162"/>
      <c r="BU1050" s="162"/>
      <c r="BV1050" s="162"/>
      <c r="BW1050" s="162"/>
      <c r="BX1050" s="162"/>
      <c r="BY1050" s="162"/>
      <c r="BZ1050" s="162"/>
      <c r="CA1050" s="162"/>
      <c r="CB1050" s="162"/>
      <c r="CC1050" s="162"/>
      <c r="CD1050" s="162"/>
      <c r="CE1050" s="162"/>
      <c r="CF1050" s="162"/>
      <c r="CG1050" s="162"/>
      <c r="CH1050" s="162"/>
      <c r="CI1050" s="162"/>
      <c r="CJ1050" s="162"/>
      <c r="CK1050" s="162"/>
      <c r="CX1050" s="98"/>
      <c r="DL1050" s="97"/>
      <c r="DX1050" s="98"/>
      <c r="EL1050" s="97"/>
      <c r="EX1050" s="98"/>
      <c r="EY1050" s="97"/>
      <c r="FL1050" s="126"/>
      <c r="FM1050" s="91"/>
      <c r="FN1050" s="91"/>
      <c r="FO1050" s="91"/>
      <c r="FP1050" s="91"/>
      <c r="FQ1050" s="91"/>
      <c r="FR1050" s="91"/>
      <c r="FS1050" s="91"/>
      <c r="FT1050" s="91"/>
      <c r="FU1050" s="91"/>
      <c r="FV1050" s="91"/>
      <c r="FW1050" s="91"/>
      <c r="FX1050" s="91"/>
      <c r="FY1050" s="91"/>
      <c r="FZ1050" s="91"/>
      <c r="GA1050" s="91"/>
      <c r="GB1050" s="91"/>
      <c r="GC1050" s="91"/>
      <c r="GD1050" s="91"/>
      <c r="GE1050" s="91"/>
      <c r="GF1050" s="91"/>
      <c r="GG1050" s="91"/>
      <c r="GH1050" s="91"/>
      <c r="GI1050" s="91"/>
      <c r="GJ1050" s="91"/>
      <c r="GK1050" s="127"/>
      <c r="GL1050" s="126"/>
      <c r="GM1050" s="91"/>
      <c r="GN1050" s="91"/>
      <c r="GO1050" s="91"/>
      <c r="GP1050" s="91"/>
      <c r="GQ1050" s="91"/>
      <c r="GR1050" s="91"/>
      <c r="GS1050" s="91"/>
      <c r="GT1050" s="91"/>
      <c r="GU1050" s="91"/>
      <c r="GV1050" s="91"/>
      <c r="GW1050" s="91"/>
      <c r="GX1050" s="91"/>
      <c r="GY1050" s="91"/>
      <c r="GZ1050" s="91"/>
      <c r="HA1050" s="91"/>
      <c r="HB1050" s="91"/>
      <c r="HC1050" s="91"/>
      <c r="HD1050" s="91"/>
      <c r="HE1050" s="91"/>
      <c r="HF1050" s="91"/>
      <c r="HG1050" s="91"/>
      <c r="HH1050" s="91"/>
      <c r="HI1050" s="91"/>
      <c r="HJ1050" s="91"/>
      <c r="HK1050" s="127"/>
      <c r="HL1050" s="126"/>
      <c r="HM1050" s="91"/>
      <c r="HN1050" s="91"/>
      <c r="HO1050" s="91"/>
      <c r="HP1050" s="91"/>
      <c r="HQ1050" s="91"/>
      <c r="HR1050" s="91"/>
      <c r="HS1050" s="91"/>
      <c r="HT1050" s="91"/>
      <c r="HU1050" s="91"/>
      <c r="HV1050" s="91"/>
      <c r="HW1050" s="91"/>
      <c r="HX1050" s="91"/>
      <c r="HY1050" s="91"/>
      <c r="HZ1050" s="91"/>
      <c r="IA1050" s="91"/>
      <c r="IB1050" s="91"/>
      <c r="IC1050" s="91"/>
      <c r="ID1050" s="91"/>
      <c r="IE1050" s="91"/>
      <c r="IF1050" s="91"/>
      <c r="IG1050" s="91"/>
      <c r="IH1050" s="91"/>
      <c r="II1050" s="91"/>
      <c r="IJ1050" s="91"/>
      <c r="IK1050" s="127"/>
    </row>
    <row r="1051" spans="2:245" x14ac:dyDescent="0.2">
      <c r="B1051" s="43"/>
      <c r="C1051" s="73"/>
      <c r="D1051" s="64"/>
      <c r="E1051" s="64"/>
      <c r="F1051" s="55"/>
      <c r="G1051" s="102"/>
      <c r="H1051" s="55"/>
      <c r="I1051" s="55"/>
      <c r="J1051" s="55"/>
      <c r="K1051" s="55"/>
      <c r="L1051" s="55"/>
      <c r="M1051" s="55"/>
      <c r="N1051" s="55"/>
      <c r="O1051" s="55"/>
      <c r="P1051" s="55"/>
      <c r="Q1051" s="55"/>
      <c r="R1051" s="55"/>
      <c r="S1051" s="55"/>
      <c r="T1051" s="55"/>
      <c r="U1051" s="55"/>
      <c r="V1051" s="55"/>
      <c r="W1051" s="55"/>
      <c r="X1051" s="55"/>
      <c r="Y1051" s="55"/>
      <c r="Z1051" s="55"/>
      <c r="AA1051" s="55"/>
      <c r="AB1051" s="55"/>
      <c r="AC1051" s="55"/>
      <c r="AD1051" s="55"/>
      <c r="AE1051" s="55"/>
      <c r="AF1051" s="55"/>
      <c r="AG1051" s="55"/>
      <c r="AY1051" s="162"/>
      <c r="AZ1051" s="162"/>
      <c r="BA1051" s="162"/>
      <c r="BB1051" s="162"/>
      <c r="BC1051" s="162"/>
      <c r="BD1051" s="162"/>
      <c r="BE1051" s="162"/>
      <c r="BF1051" s="162"/>
      <c r="BG1051" s="162"/>
      <c r="BH1051" s="162"/>
      <c r="BI1051" s="162"/>
      <c r="BJ1051" s="162"/>
      <c r="BK1051" s="162"/>
      <c r="BL1051" s="162"/>
      <c r="BM1051" s="162"/>
      <c r="BN1051" s="162"/>
      <c r="BO1051" s="162"/>
      <c r="BP1051" s="162"/>
      <c r="BQ1051" s="162"/>
      <c r="BR1051" s="162"/>
      <c r="BS1051" s="162"/>
      <c r="BT1051" s="162"/>
      <c r="BU1051" s="162"/>
      <c r="BV1051" s="162"/>
      <c r="BW1051" s="162"/>
      <c r="BX1051" s="162"/>
      <c r="BY1051" s="162"/>
      <c r="BZ1051" s="162"/>
      <c r="CA1051" s="162"/>
      <c r="CB1051" s="162"/>
      <c r="CC1051" s="162"/>
      <c r="CD1051" s="162"/>
      <c r="CE1051" s="162"/>
      <c r="CF1051" s="162"/>
      <c r="CG1051" s="162"/>
      <c r="CH1051" s="162"/>
      <c r="CI1051" s="162"/>
      <c r="CJ1051" s="162"/>
      <c r="CK1051" s="162"/>
      <c r="CX1051" s="98"/>
      <c r="DL1051" s="97"/>
      <c r="DX1051" s="98"/>
      <c r="EL1051" s="97"/>
      <c r="EX1051" s="98"/>
      <c r="EY1051" s="97"/>
      <c r="FL1051" s="126"/>
      <c r="FM1051" s="91"/>
      <c r="FN1051" s="91"/>
      <c r="FO1051" s="91"/>
      <c r="FP1051" s="91"/>
      <c r="FQ1051" s="91"/>
      <c r="FR1051" s="91"/>
      <c r="FS1051" s="91"/>
      <c r="FT1051" s="91"/>
      <c r="FU1051" s="91"/>
      <c r="FV1051" s="91"/>
      <c r="FW1051" s="91"/>
      <c r="FX1051" s="91"/>
      <c r="FY1051" s="91"/>
      <c r="FZ1051" s="91"/>
      <c r="GA1051" s="91"/>
      <c r="GB1051" s="91"/>
      <c r="GC1051" s="91"/>
      <c r="GD1051" s="91"/>
      <c r="GE1051" s="91"/>
      <c r="GF1051" s="91"/>
      <c r="GG1051" s="91"/>
      <c r="GH1051" s="91"/>
      <c r="GI1051" s="91"/>
      <c r="GJ1051" s="91"/>
      <c r="GK1051" s="127"/>
      <c r="GL1051" s="126"/>
      <c r="GM1051" s="91"/>
      <c r="GN1051" s="91"/>
      <c r="GO1051" s="91"/>
      <c r="GP1051" s="91"/>
      <c r="GQ1051" s="91"/>
      <c r="GR1051" s="91"/>
      <c r="GS1051" s="91"/>
      <c r="GT1051" s="91"/>
      <c r="GU1051" s="91"/>
      <c r="GV1051" s="91"/>
      <c r="GW1051" s="91"/>
      <c r="GX1051" s="91"/>
      <c r="GY1051" s="91"/>
      <c r="GZ1051" s="91"/>
      <c r="HA1051" s="91"/>
      <c r="HB1051" s="91"/>
      <c r="HC1051" s="91"/>
      <c r="HD1051" s="91"/>
      <c r="HE1051" s="91"/>
      <c r="HF1051" s="91"/>
      <c r="HG1051" s="91"/>
      <c r="HH1051" s="91"/>
      <c r="HI1051" s="91"/>
      <c r="HJ1051" s="91"/>
      <c r="HK1051" s="127"/>
      <c r="HL1051" s="126"/>
      <c r="HM1051" s="91"/>
      <c r="HN1051" s="91"/>
      <c r="HO1051" s="91"/>
      <c r="HP1051" s="91"/>
      <c r="HQ1051" s="91"/>
      <c r="HR1051" s="91"/>
      <c r="HS1051" s="91"/>
      <c r="HT1051" s="91"/>
      <c r="HU1051" s="91"/>
      <c r="HV1051" s="91"/>
      <c r="HW1051" s="91"/>
      <c r="HX1051" s="91"/>
      <c r="HY1051" s="91"/>
      <c r="HZ1051" s="91"/>
      <c r="IA1051" s="91"/>
      <c r="IB1051" s="91"/>
      <c r="IC1051" s="91"/>
      <c r="ID1051" s="91"/>
      <c r="IE1051" s="91"/>
      <c r="IF1051" s="91"/>
      <c r="IG1051" s="91"/>
      <c r="IH1051" s="91"/>
      <c r="II1051" s="91"/>
      <c r="IJ1051" s="91"/>
      <c r="IK1051" s="127"/>
    </row>
    <row r="1052" spans="2:245" x14ac:dyDescent="0.2">
      <c r="B1052" s="43"/>
      <c r="C1052" s="73"/>
      <c r="D1052" s="64"/>
      <c r="E1052" s="64"/>
      <c r="F1052" s="55"/>
      <c r="G1052" s="102"/>
      <c r="H1052" s="55"/>
      <c r="I1052" s="55"/>
      <c r="J1052" s="55"/>
      <c r="K1052" s="55"/>
      <c r="L1052" s="55"/>
      <c r="M1052" s="55"/>
      <c r="N1052" s="55"/>
      <c r="O1052" s="55"/>
      <c r="P1052" s="55"/>
      <c r="Q1052" s="55"/>
      <c r="R1052" s="55"/>
      <c r="S1052" s="55"/>
      <c r="T1052" s="55"/>
      <c r="U1052" s="55"/>
      <c r="V1052" s="55"/>
      <c r="W1052" s="55"/>
      <c r="X1052" s="55"/>
      <c r="Y1052" s="55"/>
      <c r="Z1052" s="55"/>
      <c r="AA1052" s="55"/>
      <c r="AB1052" s="55"/>
      <c r="AC1052" s="55"/>
      <c r="AD1052" s="55"/>
      <c r="AE1052" s="55"/>
      <c r="AF1052" s="55"/>
      <c r="AG1052" s="55"/>
      <c r="AY1052" s="162"/>
      <c r="AZ1052" s="162"/>
      <c r="BA1052" s="162"/>
      <c r="BB1052" s="162"/>
      <c r="BC1052" s="162"/>
      <c r="BD1052" s="162"/>
      <c r="BE1052" s="162"/>
      <c r="BF1052" s="162"/>
      <c r="BG1052" s="162"/>
      <c r="BH1052" s="162"/>
      <c r="BI1052" s="162"/>
      <c r="BJ1052" s="162"/>
      <c r="BK1052" s="162"/>
      <c r="BL1052" s="162"/>
      <c r="BM1052" s="162"/>
      <c r="BN1052" s="162"/>
      <c r="BO1052" s="162"/>
      <c r="BP1052" s="162"/>
      <c r="BQ1052" s="162"/>
      <c r="BR1052" s="162"/>
      <c r="BS1052" s="162"/>
      <c r="BT1052" s="162"/>
      <c r="BU1052" s="162"/>
      <c r="BV1052" s="162"/>
      <c r="BW1052" s="162"/>
      <c r="BX1052" s="162"/>
      <c r="BY1052" s="162"/>
      <c r="BZ1052" s="162"/>
      <c r="CA1052" s="162"/>
      <c r="CB1052" s="162"/>
      <c r="CC1052" s="162"/>
      <c r="CD1052" s="162"/>
      <c r="CE1052" s="162"/>
      <c r="CF1052" s="162"/>
      <c r="CG1052" s="162"/>
      <c r="CH1052" s="162"/>
      <c r="CI1052" s="162"/>
      <c r="CJ1052" s="162"/>
      <c r="CK1052" s="162"/>
      <c r="CX1052" s="98"/>
      <c r="DL1052" s="97"/>
      <c r="DX1052" s="98"/>
      <c r="EL1052" s="97"/>
      <c r="EX1052" s="98"/>
      <c r="EY1052" s="97"/>
      <c r="FL1052" s="126"/>
      <c r="FM1052" s="91"/>
      <c r="FN1052" s="91"/>
      <c r="FO1052" s="91"/>
      <c r="FP1052" s="91"/>
      <c r="FQ1052" s="91"/>
      <c r="FR1052" s="91"/>
      <c r="FS1052" s="91"/>
      <c r="FT1052" s="91"/>
      <c r="FU1052" s="91"/>
      <c r="FV1052" s="91"/>
      <c r="FW1052" s="91"/>
      <c r="FX1052" s="91"/>
      <c r="FY1052" s="91"/>
      <c r="FZ1052" s="91"/>
      <c r="GA1052" s="91"/>
      <c r="GB1052" s="91"/>
      <c r="GC1052" s="91"/>
      <c r="GD1052" s="91"/>
      <c r="GE1052" s="91"/>
      <c r="GF1052" s="91"/>
      <c r="GG1052" s="91"/>
      <c r="GH1052" s="91"/>
      <c r="GI1052" s="91"/>
      <c r="GJ1052" s="91"/>
      <c r="GK1052" s="127"/>
      <c r="GL1052" s="126"/>
      <c r="GM1052" s="91"/>
      <c r="GN1052" s="91"/>
      <c r="GO1052" s="91"/>
      <c r="GP1052" s="91"/>
      <c r="GQ1052" s="91"/>
      <c r="GR1052" s="91"/>
      <c r="GS1052" s="91"/>
      <c r="GT1052" s="91"/>
      <c r="GU1052" s="91"/>
      <c r="GV1052" s="91"/>
      <c r="GW1052" s="91"/>
      <c r="GX1052" s="91"/>
      <c r="GY1052" s="91"/>
      <c r="GZ1052" s="91"/>
      <c r="HA1052" s="91"/>
      <c r="HB1052" s="91"/>
      <c r="HC1052" s="91"/>
      <c r="HD1052" s="91"/>
      <c r="HE1052" s="91"/>
      <c r="HF1052" s="91"/>
      <c r="HG1052" s="91"/>
      <c r="HH1052" s="91"/>
      <c r="HI1052" s="91"/>
      <c r="HJ1052" s="91"/>
      <c r="HK1052" s="127"/>
      <c r="HL1052" s="126"/>
      <c r="HM1052" s="91"/>
      <c r="HN1052" s="91"/>
      <c r="HO1052" s="91"/>
      <c r="HP1052" s="91"/>
      <c r="HQ1052" s="91"/>
      <c r="HR1052" s="91"/>
      <c r="HS1052" s="91"/>
      <c r="HT1052" s="91"/>
      <c r="HU1052" s="91"/>
      <c r="HV1052" s="91"/>
      <c r="HW1052" s="91"/>
      <c r="HX1052" s="91"/>
      <c r="HY1052" s="91"/>
      <c r="HZ1052" s="91"/>
      <c r="IA1052" s="91"/>
      <c r="IB1052" s="91"/>
      <c r="IC1052" s="91"/>
      <c r="ID1052" s="91"/>
      <c r="IE1052" s="91"/>
      <c r="IF1052" s="91"/>
      <c r="IG1052" s="91"/>
      <c r="IH1052" s="91"/>
      <c r="II1052" s="91"/>
      <c r="IJ1052" s="91"/>
      <c r="IK1052" s="127"/>
    </row>
    <row r="1053" spans="2:245" x14ac:dyDescent="0.2">
      <c r="B1053" s="43"/>
      <c r="C1053" s="73"/>
      <c r="D1053" s="64"/>
      <c r="E1053" s="64"/>
      <c r="F1053" s="55"/>
      <c r="G1053" s="102"/>
      <c r="H1053" s="55"/>
      <c r="I1053" s="55"/>
      <c r="J1053" s="55"/>
      <c r="K1053" s="55"/>
      <c r="L1053" s="55"/>
      <c r="M1053" s="55"/>
      <c r="N1053" s="55"/>
      <c r="O1053" s="55"/>
      <c r="P1053" s="55"/>
      <c r="Q1053" s="55"/>
      <c r="R1053" s="55"/>
      <c r="S1053" s="55"/>
      <c r="T1053" s="55"/>
      <c r="U1053" s="55"/>
      <c r="V1053" s="55"/>
      <c r="W1053" s="55"/>
      <c r="X1053" s="55"/>
      <c r="Y1053" s="55"/>
      <c r="Z1053" s="55"/>
      <c r="AA1053" s="55"/>
      <c r="AB1053" s="55"/>
      <c r="AC1053" s="55"/>
      <c r="AD1053" s="55"/>
      <c r="AE1053" s="55"/>
      <c r="AF1053" s="55"/>
      <c r="AG1053" s="55"/>
      <c r="AY1053" s="162"/>
      <c r="AZ1053" s="162"/>
      <c r="BA1053" s="162"/>
      <c r="BB1053" s="162"/>
      <c r="BC1053" s="162"/>
      <c r="BD1053" s="162"/>
      <c r="BE1053" s="162"/>
      <c r="BF1053" s="162"/>
      <c r="BG1053" s="162"/>
      <c r="BH1053" s="162"/>
      <c r="BI1053" s="162"/>
      <c r="BJ1053" s="162"/>
      <c r="BK1053" s="162"/>
      <c r="BL1053" s="162"/>
      <c r="BM1053" s="162"/>
      <c r="BN1053" s="162"/>
      <c r="BO1053" s="162"/>
      <c r="BP1053" s="162"/>
      <c r="BQ1053" s="162"/>
      <c r="BR1053" s="162"/>
      <c r="BS1053" s="162"/>
      <c r="BT1053" s="162"/>
      <c r="BU1053" s="162"/>
      <c r="BV1053" s="162"/>
      <c r="BW1053" s="162"/>
      <c r="BX1053" s="162"/>
      <c r="BY1053" s="162"/>
      <c r="BZ1053" s="162"/>
      <c r="CA1053" s="162"/>
      <c r="CB1053" s="162"/>
      <c r="CC1053" s="162"/>
      <c r="CD1053" s="162"/>
      <c r="CE1053" s="162"/>
      <c r="CF1053" s="162"/>
      <c r="CG1053" s="162"/>
      <c r="CH1053" s="162"/>
      <c r="CI1053" s="162"/>
      <c r="CJ1053" s="162"/>
      <c r="CK1053" s="162"/>
      <c r="CX1053" s="98"/>
      <c r="DL1053" s="97"/>
      <c r="DX1053" s="98"/>
      <c r="EL1053" s="97"/>
      <c r="EX1053" s="98"/>
      <c r="EY1053" s="97"/>
      <c r="FL1053" s="126"/>
      <c r="FM1053" s="91"/>
      <c r="FN1053" s="91"/>
      <c r="FO1053" s="91"/>
      <c r="FP1053" s="91"/>
      <c r="FQ1053" s="91"/>
      <c r="FR1053" s="91"/>
      <c r="FS1053" s="91"/>
      <c r="FT1053" s="91"/>
      <c r="FU1053" s="91"/>
      <c r="FV1053" s="91"/>
      <c r="FW1053" s="91"/>
      <c r="FX1053" s="91"/>
      <c r="FY1053" s="91"/>
      <c r="FZ1053" s="91"/>
      <c r="GA1053" s="91"/>
      <c r="GB1053" s="91"/>
      <c r="GC1053" s="91"/>
      <c r="GD1053" s="91"/>
      <c r="GE1053" s="91"/>
      <c r="GF1053" s="91"/>
      <c r="GG1053" s="91"/>
      <c r="GH1053" s="91"/>
      <c r="GI1053" s="91"/>
      <c r="GJ1053" s="91"/>
      <c r="GK1053" s="127"/>
      <c r="GL1053" s="126"/>
      <c r="GM1053" s="91"/>
      <c r="GN1053" s="91"/>
      <c r="GO1053" s="91"/>
      <c r="GP1053" s="91"/>
      <c r="GQ1053" s="91"/>
      <c r="GR1053" s="91"/>
      <c r="GS1053" s="91"/>
      <c r="GT1053" s="91"/>
      <c r="GU1053" s="91"/>
      <c r="GV1053" s="91"/>
      <c r="GW1053" s="91"/>
      <c r="GX1053" s="91"/>
      <c r="GY1053" s="91"/>
      <c r="GZ1053" s="91"/>
      <c r="HA1053" s="91"/>
      <c r="HB1053" s="91"/>
      <c r="HC1053" s="91"/>
      <c r="HD1053" s="91"/>
      <c r="HE1053" s="91"/>
      <c r="HF1053" s="91"/>
      <c r="HG1053" s="91"/>
      <c r="HH1053" s="91"/>
      <c r="HI1053" s="91"/>
      <c r="HJ1053" s="91"/>
      <c r="HK1053" s="127"/>
      <c r="HL1053" s="126"/>
      <c r="HM1053" s="91"/>
      <c r="HN1053" s="91"/>
      <c r="HO1053" s="91"/>
      <c r="HP1053" s="91"/>
      <c r="HQ1053" s="91"/>
      <c r="HR1053" s="91"/>
      <c r="HS1053" s="91"/>
      <c r="HT1053" s="91"/>
      <c r="HU1053" s="91"/>
      <c r="HV1053" s="91"/>
      <c r="HW1053" s="91"/>
      <c r="HX1053" s="91"/>
      <c r="HY1053" s="91"/>
      <c r="HZ1053" s="91"/>
      <c r="IA1053" s="91"/>
      <c r="IB1053" s="91"/>
      <c r="IC1053" s="91"/>
      <c r="ID1053" s="91"/>
      <c r="IE1053" s="91"/>
      <c r="IF1053" s="91"/>
      <c r="IG1053" s="91"/>
      <c r="IH1053" s="91"/>
      <c r="II1053" s="91"/>
      <c r="IJ1053" s="91"/>
      <c r="IK1053" s="127"/>
    </row>
    <row r="1054" spans="2:245" x14ac:dyDescent="0.2">
      <c r="B1054" s="43"/>
      <c r="C1054" s="73"/>
      <c r="D1054" s="64"/>
      <c r="E1054" s="64"/>
      <c r="F1054" s="55"/>
      <c r="G1054" s="102"/>
      <c r="H1054" s="55"/>
      <c r="I1054" s="55"/>
      <c r="J1054" s="55"/>
      <c r="K1054" s="55"/>
      <c r="L1054" s="55"/>
      <c r="M1054" s="55"/>
      <c r="N1054" s="55"/>
      <c r="O1054" s="55"/>
      <c r="P1054" s="55"/>
      <c r="Q1054" s="55"/>
      <c r="R1054" s="55"/>
      <c r="S1054" s="55"/>
      <c r="T1054" s="55"/>
      <c r="U1054" s="55"/>
      <c r="V1054" s="55"/>
      <c r="W1054" s="55"/>
      <c r="X1054" s="55"/>
      <c r="Y1054" s="55"/>
      <c r="Z1054" s="55"/>
      <c r="AA1054" s="55"/>
      <c r="AB1054" s="55"/>
      <c r="AC1054" s="55"/>
      <c r="AD1054" s="55"/>
      <c r="AE1054" s="55"/>
      <c r="AF1054" s="55"/>
      <c r="AG1054" s="55"/>
      <c r="AY1054" s="162"/>
      <c r="AZ1054" s="162"/>
      <c r="BA1054" s="162"/>
      <c r="BB1054" s="162"/>
      <c r="BC1054" s="162"/>
      <c r="BD1054" s="162"/>
      <c r="BE1054" s="162"/>
      <c r="BF1054" s="162"/>
      <c r="BG1054" s="162"/>
      <c r="BH1054" s="162"/>
      <c r="BI1054" s="162"/>
      <c r="BJ1054" s="162"/>
      <c r="BK1054" s="162"/>
      <c r="BL1054" s="162"/>
      <c r="BM1054" s="162"/>
      <c r="BN1054" s="162"/>
      <c r="BO1054" s="162"/>
      <c r="BP1054" s="162"/>
      <c r="BQ1054" s="162"/>
      <c r="BR1054" s="162"/>
      <c r="BS1054" s="162"/>
      <c r="BT1054" s="162"/>
      <c r="BU1054" s="162"/>
      <c r="BV1054" s="162"/>
      <c r="BW1054" s="162"/>
      <c r="BX1054" s="162"/>
      <c r="BY1054" s="162"/>
      <c r="BZ1054" s="162"/>
      <c r="CA1054" s="162"/>
      <c r="CB1054" s="162"/>
      <c r="CC1054" s="162"/>
      <c r="CD1054" s="162"/>
      <c r="CE1054" s="162"/>
      <c r="CF1054" s="162"/>
      <c r="CG1054" s="162"/>
      <c r="CH1054" s="162"/>
      <c r="CI1054" s="162"/>
      <c r="CJ1054" s="162"/>
      <c r="CK1054" s="162"/>
      <c r="CX1054" s="98"/>
      <c r="DL1054" s="97"/>
      <c r="DX1054" s="98"/>
      <c r="EL1054" s="97"/>
      <c r="EX1054" s="98"/>
      <c r="EY1054" s="97"/>
      <c r="FL1054" s="126"/>
      <c r="FM1054" s="91"/>
      <c r="FN1054" s="91"/>
      <c r="FO1054" s="91"/>
      <c r="FP1054" s="91"/>
      <c r="FQ1054" s="91"/>
      <c r="FR1054" s="91"/>
      <c r="FS1054" s="91"/>
      <c r="FT1054" s="91"/>
      <c r="FU1054" s="91"/>
      <c r="FV1054" s="91"/>
      <c r="FW1054" s="91"/>
      <c r="FX1054" s="91"/>
      <c r="FY1054" s="91"/>
      <c r="FZ1054" s="91"/>
      <c r="GA1054" s="91"/>
      <c r="GB1054" s="91"/>
      <c r="GC1054" s="91"/>
      <c r="GD1054" s="91"/>
      <c r="GE1054" s="91"/>
      <c r="GF1054" s="91"/>
      <c r="GG1054" s="91"/>
      <c r="GH1054" s="91"/>
      <c r="GI1054" s="91"/>
      <c r="GJ1054" s="91"/>
      <c r="GK1054" s="127"/>
      <c r="GL1054" s="126"/>
      <c r="GM1054" s="91"/>
      <c r="GN1054" s="91"/>
      <c r="GO1054" s="91"/>
      <c r="GP1054" s="91"/>
      <c r="GQ1054" s="91"/>
      <c r="GR1054" s="91"/>
      <c r="GS1054" s="91"/>
      <c r="GT1054" s="91"/>
      <c r="GU1054" s="91"/>
      <c r="GV1054" s="91"/>
      <c r="GW1054" s="91"/>
      <c r="GX1054" s="91"/>
      <c r="GY1054" s="91"/>
      <c r="GZ1054" s="91"/>
      <c r="HA1054" s="91"/>
      <c r="HB1054" s="91"/>
      <c r="HC1054" s="91"/>
      <c r="HD1054" s="91"/>
      <c r="HE1054" s="91"/>
      <c r="HF1054" s="91"/>
      <c r="HG1054" s="91"/>
      <c r="HH1054" s="91"/>
      <c r="HI1054" s="91"/>
      <c r="HJ1054" s="91"/>
      <c r="HK1054" s="127"/>
      <c r="HL1054" s="126"/>
      <c r="HM1054" s="91"/>
      <c r="HN1054" s="91"/>
      <c r="HO1054" s="91"/>
      <c r="HP1054" s="91"/>
      <c r="HQ1054" s="91"/>
      <c r="HR1054" s="91"/>
      <c r="HS1054" s="91"/>
      <c r="HT1054" s="91"/>
      <c r="HU1054" s="91"/>
      <c r="HV1054" s="91"/>
      <c r="HW1054" s="91"/>
      <c r="HX1054" s="91"/>
      <c r="HY1054" s="91"/>
      <c r="HZ1054" s="91"/>
      <c r="IA1054" s="91"/>
      <c r="IB1054" s="91"/>
      <c r="IC1054" s="91"/>
      <c r="ID1054" s="91"/>
      <c r="IE1054" s="91"/>
      <c r="IF1054" s="91"/>
      <c r="IG1054" s="91"/>
      <c r="IH1054" s="91"/>
      <c r="II1054" s="91"/>
      <c r="IJ1054" s="91"/>
      <c r="IK1054" s="127"/>
    </row>
    <row r="1055" spans="2:245" x14ac:dyDescent="0.2">
      <c r="B1055" s="43"/>
      <c r="C1055" s="73"/>
      <c r="D1055" s="64"/>
      <c r="E1055" s="64"/>
      <c r="F1055" s="55"/>
      <c r="G1055" s="102"/>
      <c r="H1055" s="55"/>
      <c r="I1055" s="55"/>
      <c r="J1055" s="55"/>
      <c r="K1055" s="55"/>
      <c r="L1055" s="55"/>
      <c r="M1055" s="55"/>
      <c r="N1055" s="55"/>
      <c r="O1055" s="55"/>
      <c r="P1055" s="55"/>
      <c r="Q1055" s="55"/>
      <c r="R1055" s="55"/>
      <c r="S1055" s="55"/>
      <c r="T1055" s="55"/>
      <c r="U1055" s="55"/>
      <c r="V1055" s="55"/>
      <c r="W1055" s="55"/>
      <c r="X1055" s="55"/>
      <c r="Y1055" s="55"/>
      <c r="Z1055" s="55"/>
      <c r="AA1055" s="55"/>
      <c r="AB1055" s="55"/>
      <c r="AC1055" s="55"/>
      <c r="AD1055" s="55"/>
      <c r="AE1055" s="55"/>
      <c r="AF1055" s="55"/>
      <c r="AG1055" s="55"/>
      <c r="AY1055" s="162"/>
      <c r="AZ1055" s="162"/>
      <c r="BA1055" s="162"/>
      <c r="BB1055" s="162"/>
      <c r="BC1055" s="162"/>
      <c r="BD1055" s="162"/>
      <c r="BE1055" s="162"/>
      <c r="BF1055" s="162"/>
      <c r="BG1055" s="162"/>
      <c r="BH1055" s="162"/>
      <c r="BI1055" s="162"/>
      <c r="BJ1055" s="162"/>
      <c r="BK1055" s="162"/>
      <c r="BL1055" s="162"/>
      <c r="BM1055" s="162"/>
      <c r="BN1055" s="162"/>
      <c r="BO1055" s="162"/>
      <c r="BP1055" s="162"/>
      <c r="BQ1055" s="162"/>
      <c r="BR1055" s="162"/>
      <c r="BS1055" s="162"/>
      <c r="BT1055" s="162"/>
      <c r="BU1055" s="162"/>
      <c r="BV1055" s="162"/>
      <c r="BW1055" s="162"/>
      <c r="BX1055" s="162"/>
      <c r="BY1055" s="162"/>
      <c r="BZ1055" s="162"/>
      <c r="CA1055" s="162"/>
      <c r="CB1055" s="162"/>
      <c r="CC1055" s="162"/>
      <c r="CD1055" s="162"/>
      <c r="CE1055" s="162"/>
      <c r="CF1055" s="162"/>
      <c r="CG1055" s="162"/>
      <c r="CH1055" s="162"/>
      <c r="CI1055" s="162"/>
      <c r="CJ1055" s="162"/>
      <c r="CK1055" s="162"/>
      <c r="CX1055" s="98"/>
      <c r="DL1055" s="97"/>
      <c r="DX1055" s="98"/>
      <c r="EL1055" s="97"/>
      <c r="EX1055" s="98"/>
      <c r="EY1055" s="97"/>
      <c r="FL1055" s="126"/>
      <c r="FM1055" s="91"/>
      <c r="FN1055" s="91"/>
      <c r="FO1055" s="91"/>
      <c r="FP1055" s="91"/>
      <c r="FQ1055" s="91"/>
      <c r="FR1055" s="91"/>
      <c r="FS1055" s="91"/>
      <c r="FT1055" s="91"/>
      <c r="FU1055" s="91"/>
      <c r="FV1055" s="91"/>
      <c r="FW1055" s="91"/>
      <c r="FX1055" s="91"/>
      <c r="FY1055" s="91"/>
      <c r="FZ1055" s="91"/>
      <c r="GA1055" s="91"/>
      <c r="GB1055" s="91"/>
      <c r="GC1055" s="91"/>
      <c r="GD1055" s="91"/>
      <c r="GE1055" s="91"/>
      <c r="GF1055" s="91"/>
      <c r="GG1055" s="91"/>
      <c r="GH1055" s="91"/>
      <c r="GI1055" s="91"/>
      <c r="GJ1055" s="91"/>
      <c r="GK1055" s="127"/>
      <c r="GL1055" s="126"/>
      <c r="GM1055" s="91"/>
      <c r="GN1055" s="91"/>
      <c r="GO1055" s="91"/>
      <c r="GP1055" s="91"/>
      <c r="GQ1055" s="91"/>
      <c r="GR1055" s="91"/>
      <c r="GS1055" s="91"/>
      <c r="GT1055" s="91"/>
      <c r="GU1055" s="91"/>
      <c r="GV1055" s="91"/>
      <c r="GW1055" s="91"/>
      <c r="GX1055" s="91"/>
      <c r="GY1055" s="91"/>
      <c r="GZ1055" s="91"/>
      <c r="HA1055" s="91"/>
      <c r="HB1055" s="91"/>
      <c r="HC1055" s="91"/>
      <c r="HD1055" s="91"/>
      <c r="HE1055" s="91"/>
      <c r="HF1055" s="91"/>
      <c r="HG1055" s="91"/>
      <c r="HH1055" s="91"/>
      <c r="HI1055" s="91"/>
      <c r="HJ1055" s="91"/>
      <c r="HK1055" s="127"/>
      <c r="HL1055" s="126"/>
      <c r="HM1055" s="91"/>
      <c r="HN1055" s="91"/>
      <c r="HO1055" s="91"/>
      <c r="HP1055" s="91"/>
      <c r="HQ1055" s="91"/>
      <c r="HR1055" s="91"/>
      <c r="HS1055" s="91"/>
      <c r="HT1055" s="91"/>
      <c r="HU1055" s="91"/>
      <c r="HV1055" s="91"/>
      <c r="HW1055" s="91"/>
      <c r="HX1055" s="91"/>
      <c r="HY1055" s="91"/>
      <c r="HZ1055" s="91"/>
      <c r="IA1055" s="91"/>
      <c r="IB1055" s="91"/>
      <c r="IC1055" s="91"/>
      <c r="ID1055" s="91"/>
      <c r="IE1055" s="91"/>
      <c r="IF1055" s="91"/>
      <c r="IG1055" s="91"/>
      <c r="IH1055" s="91"/>
      <c r="II1055" s="91"/>
      <c r="IJ1055" s="91"/>
      <c r="IK1055" s="127"/>
    </row>
    <row r="1056" spans="2:245" x14ac:dyDescent="0.2">
      <c r="B1056" s="43"/>
      <c r="C1056" s="73"/>
      <c r="D1056" s="64"/>
      <c r="E1056" s="64"/>
      <c r="F1056" s="55"/>
      <c r="G1056" s="102"/>
      <c r="H1056" s="55"/>
      <c r="I1056" s="55"/>
      <c r="J1056" s="55"/>
      <c r="K1056" s="55"/>
      <c r="L1056" s="55"/>
      <c r="M1056" s="55"/>
      <c r="N1056" s="55"/>
      <c r="O1056" s="55"/>
      <c r="P1056" s="55"/>
      <c r="Q1056" s="55"/>
      <c r="R1056" s="55"/>
      <c r="S1056" s="55"/>
      <c r="T1056" s="55"/>
      <c r="U1056" s="55"/>
      <c r="V1056" s="55"/>
      <c r="W1056" s="55"/>
      <c r="X1056" s="55"/>
      <c r="Y1056" s="55"/>
      <c r="Z1056" s="55"/>
      <c r="AA1056" s="55"/>
      <c r="AB1056" s="55"/>
      <c r="AC1056" s="55"/>
      <c r="AD1056" s="55"/>
      <c r="AE1056" s="55"/>
      <c r="AF1056" s="55"/>
      <c r="AG1056" s="55"/>
      <c r="AY1056" s="162"/>
      <c r="AZ1056" s="162"/>
      <c r="BA1056" s="162"/>
      <c r="BB1056" s="162"/>
      <c r="BC1056" s="162"/>
      <c r="BD1056" s="162"/>
      <c r="BE1056" s="162"/>
      <c r="BF1056" s="162"/>
      <c r="BG1056" s="162"/>
      <c r="BH1056" s="162"/>
      <c r="BI1056" s="162"/>
      <c r="BJ1056" s="162"/>
      <c r="BK1056" s="162"/>
      <c r="BL1056" s="162"/>
      <c r="BM1056" s="162"/>
      <c r="BN1056" s="162"/>
      <c r="BO1056" s="162"/>
      <c r="BP1056" s="162"/>
      <c r="BQ1056" s="162"/>
      <c r="BR1056" s="162"/>
      <c r="BS1056" s="162"/>
      <c r="BT1056" s="162"/>
      <c r="BU1056" s="162"/>
      <c r="BV1056" s="162"/>
      <c r="BW1056" s="162"/>
      <c r="BX1056" s="162"/>
      <c r="BY1056" s="162"/>
      <c r="BZ1056" s="162"/>
      <c r="CA1056" s="162"/>
      <c r="CB1056" s="162"/>
      <c r="CC1056" s="162"/>
      <c r="CD1056" s="162"/>
      <c r="CE1056" s="162"/>
      <c r="CF1056" s="162"/>
      <c r="CG1056" s="162"/>
      <c r="CH1056" s="162"/>
      <c r="CI1056" s="162"/>
      <c r="CJ1056" s="162"/>
      <c r="CK1056" s="162"/>
      <c r="CX1056" s="98"/>
      <c r="DL1056" s="97"/>
      <c r="DX1056" s="98"/>
      <c r="EL1056" s="97"/>
      <c r="EX1056" s="98"/>
      <c r="EY1056" s="97"/>
      <c r="FL1056" s="126"/>
      <c r="FM1056" s="91"/>
      <c r="FN1056" s="91"/>
      <c r="FO1056" s="91"/>
      <c r="FP1056" s="91"/>
      <c r="FQ1056" s="91"/>
      <c r="FR1056" s="91"/>
      <c r="FS1056" s="91"/>
      <c r="FT1056" s="91"/>
      <c r="FU1056" s="91"/>
      <c r="FV1056" s="91"/>
      <c r="FW1056" s="91"/>
      <c r="FX1056" s="91"/>
      <c r="FY1056" s="91"/>
      <c r="FZ1056" s="91"/>
      <c r="GA1056" s="91"/>
      <c r="GB1056" s="91"/>
      <c r="GC1056" s="91"/>
      <c r="GD1056" s="91"/>
      <c r="GE1056" s="91"/>
      <c r="GF1056" s="91"/>
      <c r="GG1056" s="91"/>
      <c r="GH1056" s="91"/>
      <c r="GI1056" s="91"/>
      <c r="GJ1056" s="91"/>
      <c r="GK1056" s="127"/>
      <c r="GL1056" s="126"/>
      <c r="GM1056" s="91"/>
      <c r="GN1056" s="91"/>
      <c r="GO1056" s="91"/>
      <c r="GP1056" s="91"/>
      <c r="GQ1056" s="91"/>
      <c r="GR1056" s="91"/>
      <c r="GS1056" s="91"/>
      <c r="GT1056" s="91"/>
      <c r="GU1056" s="91"/>
      <c r="GV1056" s="91"/>
      <c r="GW1056" s="91"/>
      <c r="GX1056" s="91"/>
      <c r="GY1056" s="91"/>
      <c r="GZ1056" s="91"/>
      <c r="HA1056" s="91"/>
      <c r="HB1056" s="91"/>
      <c r="HC1056" s="91"/>
      <c r="HD1056" s="91"/>
      <c r="HE1056" s="91"/>
      <c r="HF1056" s="91"/>
      <c r="HG1056" s="91"/>
      <c r="HH1056" s="91"/>
      <c r="HI1056" s="91"/>
      <c r="HJ1056" s="91"/>
      <c r="HK1056" s="127"/>
      <c r="HL1056" s="126"/>
      <c r="HM1056" s="91"/>
      <c r="HN1056" s="91"/>
      <c r="HO1056" s="91"/>
      <c r="HP1056" s="91"/>
      <c r="HQ1056" s="91"/>
      <c r="HR1056" s="91"/>
      <c r="HS1056" s="91"/>
      <c r="HT1056" s="91"/>
      <c r="HU1056" s="91"/>
      <c r="HV1056" s="91"/>
      <c r="HW1056" s="91"/>
      <c r="HX1056" s="91"/>
      <c r="HY1056" s="91"/>
      <c r="HZ1056" s="91"/>
      <c r="IA1056" s="91"/>
      <c r="IB1056" s="91"/>
      <c r="IC1056" s="91"/>
      <c r="ID1056" s="91"/>
      <c r="IE1056" s="91"/>
      <c r="IF1056" s="91"/>
      <c r="IG1056" s="91"/>
      <c r="IH1056" s="91"/>
      <c r="II1056" s="91"/>
      <c r="IJ1056" s="91"/>
      <c r="IK1056" s="127"/>
    </row>
    <row r="1057" spans="2:245" x14ac:dyDescent="0.2">
      <c r="B1057" s="43"/>
      <c r="C1057" s="73"/>
      <c r="D1057" s="64"/>
      <c r="E1057" s="64"/>
      <c r="F1057" s="55"/>
      <c r="G1057" s="102"/>
      <c r="H1057" s="55"/>
      <c r="I1057" s="55"/>
      <c r="J1057" s="55"/>
      <c r="K1057" s="55"/>
      <c r="L1057" s="55"/>
      <c r="M1057" s="55"/>
      <c r="N1057" s="55"/>
      <c r="O1057" s="55"/>
      <c r="P1057" s="55"/>
      <c r="Q1057" s="55"/>
      <c r="R1057" s="55"/>
      <c r="S1057" s="55"/>
      <c r="T1057" s="55"/>
      <c r="U1057" s="55"/>
      <c r="V1057" s="55"/>
      <c r="W1057" s="55"/>
      <c r="X1057" s="55"/>
      <c r="Y1057" s="55"/>
      <c r="Z1057" s="55"/>
      <c r="AA1057" s="55"/>
      <c r="AB1057" s="55"/>
      <c r="AC1057" s="55"/>
      <c r="AD1057" s="55"/>
      <c r="AE1057" s="55"/>
      <c r="AF1057" s="55"/>
      <c r="AG1057" s="55"/>
      <c r="AY1057" s="162"/>
      <c r="AZ1057" s="162"/>
      <c r="BA1057" s="162"/>
      <c r="BB1057" s="162"/>
      <c r="BC1057" s="162"/>
      <c r="BD1057" s="162"/>
      <c r="BE1057" s="162"/>
      <c r="BF1057" s="162"/>
      <c r="BG1057" s="162"/>
      <c r="BH1057" s="162"/>
      <c r="BI1057" s="162"/>
      <c r="BJ1057" s="162"/>
      <c r="BK1057" s="162"/>
      <c r="BL1057" s="162"/>
      <c r="BM1057" s="162"/>
      <c r="BN1057" s="162"/>
      <c r="BO1057" s="162"/>
      <c r="BP1057" s="162"/>
      <c r="BQ1057" s="162"/>
      <c r="BR1057" s="162"/>
      <c r="BS1057" s="162"/>
      <c r="BT1057" s="162"/>
      <c r="BU1057" s="162"/>
      <c r="BV1057" s="162"/>
      <c r="BW1057" s="162"/>
      <c r="BX1057" s="162"/>
      <c r="BY1057" s="162"/>
      <c r="BZ1057" s="162"/>
      <c r="CA1057" s="162"/>
      <c r="CB1057" s="162"/>
      <c r="CC1057" s="162"/>
      <c r="CD1057" s="162"/>
      <c r="CE1057" s="162"/>
      <c r="CF1057" s="162"/>
      <c r="CG1057" s="162"/>
      <c r="CH1057" s="162"/>
      <c r="CI1057" s="162"/>
      <c r="CJ1057" s="162"/>
      <c r="CK1057" s="162"/>
      <c r="CX1057" s="98"/>
      <c r="DL1057" s="97"/>
      <c r="DX1057" s="98"/>
      <c r="EL1057" s="97"/>
      <c r="EX1057" s="98"/>
      <c r="EY1057" s="97"/>
      <c r="FL1057" s="126"/>
      <c r="FM1057" s="91"/>
      <c r="FN1057" s="91"/>
      <c r="FO1057" s="91"/>
      <c r="FP1057" s="91"/>
      <c r="FQ1057" s="91"/>
      <c r="FR1057" s="91"/>
      <c r="FS1057" s="91"/>
      <c r="FT1057" s="91"/>
      <c r="FU1057" s="91"/>
      <c r="FV1057" s="91"/>
      <c r="FW1057" s="91"/>
      <c r="FX1057" s="91"/>
      <c r="FY1057" s="91"/>
      <c r="FZ1057" s="91"/>
      <c r="GA1057" s="91"/>
      <c r="GB1057" s="91"/>
      <c r="GC1057" s="91"/>
      <c r="GD1057" s="91"/>
      <c r="GE1057" s="91"/>
      <c r="GF1057" s="91"/>
      <c r="GG1057" s="91"/>
      <c r="GH1057" s="91"/>
      <c r="GI1057" s="91"/>
      <c r="GJ1057" s="91"/>
      <c r="GK1057" s="127"/>
      <c r="GL1057" s="126"/>
      <c r="GM1057" s="91"/>
      <c r="GN1057" s="91"/>
      <c r="GO1057" s="91"/>
      <c r="GP1057" s="91"/>
      <c r="GQ1057" s="91"/>
      <c r="GR1057" s="91"/>
      <c r="GS1057" s="91"/>
      <c r="GT1057" s="91"/>
      <c r="GU1057" s="91"/>
      <c r="GV1057" s="91"/>
      <c r="GW1057" s="91"/>
      <c r="GX1057" s="91"/>
      <c r="GY1057" s="91"/>
      <c r="GZ1057" s="91"/>
      <c r="HA1057" s="91"/>
      <c r="HB1057" s="91"/>
      <c r="HC1057" s="91"/>
      <c r="HD1057" s="91"/>
      <c r="HE1057" s="91"/>
      <c r="HF1057" s="91"/>
      <c r="HG1057" s="91"/>
      <c r="HH1057" s="91"/>
      <c r="HI1057" s="91"/>
      <c r="HJ1057" s="91"/>
      <c r="HK1057" s="127"/>
      <c r="HL1057" s="126"/>
      <c r="HM1057" s="91"/>
      <c r="HN1057" s="91"/>
      <c r="HO1057" s="91"/>
      <c r="HP1057" s="91"/>
      <c r="HQ1057" s="91"/>
      <c r="HR1057" s="91"/>
      <c r="HS1057" s="91"/>
      <c r="HT1057" s="91"/>
      <c r="HU1057" s="91"/>
      <c r="HV1057" s="91"/>
      <c r="HW1057" s="91"/>
      <c r="HX1057" s="91"/>
      <c r="HY1057" s="91"/>
      <c r="HZ1057" s="91"/>
      <c r="IA1057" s="91"/>
      <c r="IB1057" s="91"/>
      <c r="IC1057" s="91"/>
      <c r="ID1057" s="91"/>
      <c r="IE1057" s="91"/>
      <c r="IF1057" s="91"/>
      <c r="IG1057" s="91"/>
      <c r="IH1057" s="91"/>
      <c r="II1057" s="91"/>
      <c r="IJ1057" s="91"/>
      <c r="IK1057" s="127"/>
    </row>
    <row r="1058" spans="2:245" x14ac:dyDescent="0.2">
      <c r="B1058" s="43"/>
      <c r="C1058" s="73"/>
      <c r="D1058" s="64"/>
      <c r="E1058" s="64"/>
      <c r="F1058" s="55"/>
      <c r="G1058" s="102"/>
      <c r="H1058" s="55"/>
      <c r="I1058" s="55"/>
      <c r="J1058" s="55"/>
      <c r="K1058" s="55"/>
      <c r="L1058" s="55"/>
      <c r="M1058" s="55"/>
      <c r="N1058" s="55"/>
      <c r="O1058" s="55"/>
      <c r="P1058" s="55"/>
      <c r="Q1058" s="55"/>
      <c r="R1058" s="55"/>
      <c r="S1058" s="55"/>
      <c r="T1058" s="55"/>
      <c r="U1058" s="55"/>
      <c r="V1058" s="55"/>
      <c r="W1058" s="55"/>
      <c r="X1058" s="55"/>
      <c r="Y1058" s="55"/>
      <c r="Z1058" s="55"/>
      <c r="AA1058" s="55"/>
      <c r="AB1058" s="55"/>
      <c r="AC1058" s="55"/>
      <c r="AD1058" s="55"/>
      <c r="AE1058" s="55"/>
      <c r="AF1058" s="55"/>
      <c r="AG1058" s="55"/>
      <c r="AY1058" s="162"/>
      <c r="AZ1058" s="162"/>
      <c r="BA1058" s="162"/>
      <c r="BB1058" s="162"/>
      <c r="BC1058" s="162"/>
      <c r="BD1058" s="162"/>
      <c r="BE1058" s="162"/>
      <c r="BF1058" s="162"/>
      <c r="BG1058" s="162"/>
      <c r="BH1058" s="162"/>
      <c r="BI1058" s="162"/>
      <c r="BJ1058" s="162"/>
      <c r="BK1058" s="162"/>
      <c r="BL1058" s="162"/>
      <c r="BM1058" s="162"/>
      <c r="BN1058" s="162"/>
      <c r="BO1058" s="162"/>
      <c r="BP1058" s="162"/>
      <c r="BQ1058" s="162"/>
      <c r="BR1058" s="162"/>
      <c r="BS1058" s="162"/>
      <c r="BT1058" s="162"/>
      <c r="BU1058" s="162"/>
      <c r="BV1058" s="162"/>
      <c r="BW1058" s="162"/>
      <c r="BX1058" s="162"/>
      <c r="BY1058" s="162"/>
      <c r="BZ1058" s="162"/>
      <c r="CA1058" s="162"/>
      <c r="CB1058" s="162"/>
      <c r="CC1058" s="162"/>
      <c r="CD1058" s="162"/>
      <c r="CE1058" s="162"/>
      <c r="CF1058" s="162"/>
      <c r="CG1058" s="162"/>
      <c r="CH1058" s="162"/>
      <c r="CI1058" s="162"/>
      <c r="CJ1058" s="162"/>
      <c r="CK1058" s="162"/>
      <c r="CX1058" s="98"/>
      <c r="DL1058" s="97"/>
      <c r="DX1058" s="98"/>
      <c r="EL1058" s="97"/>
      <c r="EX1058" s="98"/>
      <c r="EY1058" s="97"/>
      <c r="FL1058" s="126"/>
      <c r="FM1058" s="91"/>
      <c r="FN1058" s="91"/>
      <c r="FO1058" s="91"/>
      <c r="FP1058" s="91"/>
      <c r="FQ1058" s="91"/>
      <c r="FR1058" s="91"/>
      <c r="FS1058" s="91"/>
      <c r="FT1058" s="91"/>
      <c r="FU1058" s="91"/>
      <c r="FV1058" s="91"/>
      <c r="FW1058" s="91"/>
      <c r="FX1058" s="91"/>
      <c r="FY1058" s="91"/>
      <c r="FZ1058" s="91"/>
      <c r="GA1058" s="91"/>
      <c r="GB1058" s="91"/>
      <c r="GC1058" s="91"/>
      <c r="GD1058" s="91"/>
      <c r="GE1058" s="91"/>
      <c r="GF1058" s="91"/>
      <c r="GG1058" s="91"/>
      <c r="GH1058" s="91"/>
      <c r="GI1058" s="91"/>
      <c r="GJ1058" s="91"/>
      <c r="GK1058" s="127"/>
      <c r="GL1058" s="126"/>
      <c r="GM1058" s="91"/>
      <c r="GN1058" s="91"/>
      <c r="GO1058" s="91"/>
      <c r="GP1058" s="91"/>
      <c r="GQ1058" s="91"/>
      <c r="GR1058" s="91"/>
      <c r="GS1058" s="91"/>
      <c r="GT1058" s="91"/>
      <c r="GU1058" s="91"/>
      <c r="GV1058" s="91"/>
      <c r="GW1058" s="91"/>
      <c r="GX1058" s="91"/>
      <c r="GY1058" s="91"/>
      <c r="GZ1058" s="91"/>
      <c r="HA1058" s="91"/>
      <c r="HB1058" s="91"/>
      <c r="HC1058" s="91"/>
      <c r="HD1058" s="91"/>
      <c r="HE1058" s="91"/>
      <c r="HF1058" s="91"/>
      <c r="HG1058" s="91"/>
      <c r="HH1058" s="91"/>
      <c r="HI1058" s="91"/>
      <c r="HJ1058" s="91"/>
      <c r="HK1058" s="127"/>
      <c r="HL1058" s="126"/>
      <c r="HM1058" s="91"/>
      <c r="HN1058" s="91"/>
      <c r="HO1058" s="91"/>
      <c r="HP1058" s="91"/>
      <c r="HQ1058" s="91"/>
      <c r="HR1058" s="91"/>
      <c r="HS1058" s="91"/>
      <c r="HT1058" s="91"/>
      <c r="HU1058" s="91"/>
      <c r="HV1058" s="91"/>
      <c r="HW1058" s="91"/>
      <c r="HX1058" s="91"/>
      <c r="HY1058" s="91"/>
      <c r="HZ1058" s="91"/>
      <c r="IA1058" s="91"/>
      <c r="IB1058" s="91"/>
      <c r="IC1058" s="91"/>
      <c r="ID1058" s="91"/>
      <c r="IE1058" s="91"/>
      <c r="IF1058" s="91"/>
      <c r="IG1058" s="91"/>
      <c r="IH1058" s="91"/>
      <c r="II1058" s="91"/>
      <c r="IJ1058" s="91"/>
      <c r="IK1058" s="127"/>
    </row>
    <row r="1059" spans="2:245" x14ac:dyDescent="0.2">
      <c r="B1059" s="43"/>
      <c r="C1059" s="73"/>
      <c r="D1059" s="64"/>
      <c r="E1059" s="64"/>
      <c r="F1059" s="55"/>
      <c r="G1059" s="102"/>
      <c r="H1059" s="55"/>
      <c r="I1059" s="55"/>
      <c r="J1059" s="55"/>
      <c r="K1059" s="55"/>
      <c r="L1059" s="55"/>
      <c r="M1059" s="55"/>
      <c r="N1059" s="55"/>
      <c r="O1059" s="55"/>
      <c r="P1059" s="55"/>
      <c r="Q1059" s="55"/>
      <c r="R1059" s="55"/>
      <c r="S1059" s="55"/>
      <c r="T1059" s="55"/>
      <c r="U1059" s="55"/>
      <c r="V1059" s="55"/>
      <c r="W1059" s="55"/>
      <c r="X1059" s="55"/>
      <c r="Y1059" s="55"/>
      <c r="Z1059" s="55"/>
      <c r="AA1059" s="55"/>
      <c r="AB1059" s="55"/>
      <c r="AC1059" s="55"/>
      <c r="AD1059" s="55"/>
      <c r="AE1059" s="55"/>
      <c r="AF1059" s="55"/>
      <c r="AG1059" s="55"/>
      <c r="AY1059" s="162"/>
      <c r="AZ1059" s="162"/>
      <c r="BA1059" s="162"/>
      <c r="BB1059" s="162"/>
      <c r="BC1059" s="162"/>
      <c r="BD1059" s="162"/>
      <c r="BE1059" s="162"/>
      <c r="BF1059" s="162"/>
      <c r="BG1059" s="162"/>
      <c r="BH1059" s="162"/>
      <c r="BI1059" s="162"/>
      <c r="BJ1059" s="162"/>
      <c r="BK1059" s="162"/>
      <c r="BL1059" s="162"/>
      <c r="BM1059" s="162"/>
      <c r="BN1059" s="162"/>
      <c r="BO1059" s="162"/>
      <c r="BP1059" s="162"/>
      <c r="BQ1059" s="162"/>
      <c r="BR1059" s="162"/>
      <c r="BS1059" s="162"/>
      <c r="BT1059" s="162"/>
      <c r="BU1059" s="162"/>
      <c r="BV1059" s="162"/>
      <c r="BW1059" s="162"/>
      <c r="BX1059" s="162"/>
      <c r="BY1059" s="162"/>
      <c r="BZ1059" s="162"/>
      <c r="CA1059" s="162"/>
      <c r="CB1059" s="162"/>
      <c r="CC1059" s="162"/>
      <c r="CD1059" s="162"/>
      <c r="CE1059" s="162"/>
      <c r="CF1059" s="162"/>
      <c r="CG1059" s="162"/>
      <c r="CH1059" s="162"/>
      <c r="CI1059" s="162"/>
      <c r="CJ1059" s="162"/>
      <c r="CK1059" s="162"/>
      <c r="CX1059" s="98"/>
      <c r="DL1059" s="97"/>
      <c r="DX1059" s="98"/>
      <c r="EL1059" s="97"/>
      <c r="EX1059" s="98"/>
      <c r="EY1059" s="97"/>
      <c r="FL1059" s="126"/>
      <c r="FM1059" s="91"/>
      <c r="FN1059" s="91"/>
      <c r="FO1059" s="91"/>
      <c r="FP1059" s="91"/>
      <c r="FQ1059" s="91"/>
      <c r="FR1059" s="91"/>
      <c r="FS1059" s="91"/>
      <c r="FT1059" s="91"/>
      <c r="FU1059" s="91"/>
      <c r="FV1059" s="91"/>
      <c r="FW1059" s="91"/>
      <c r="FX1059" s="91"/>
      <c r="FY1059" s="91"/>
      <c r="FZ1059" s="91"/>
      <c r="GA1059" s="91"/>
      <c r="GB1059" s="91"/>
      <c r="GC1059" s="91"/>
      <c r="GD1059" s="91"/>
      <c r="GE1059" s="91"/>
      <c r="GF1059" s="91"/>
      <c r="GG1059" s="91"/>
      <c r="GH1059" s="91"/>
      <c r="GI1059" s="91"/>
      <c r="GJ1059" s="91"/>
      <c r="GK1059" s="127"/>
      <c r="GL1059" s="126"/>
      <c r="GM1059" s="91"/>
      <c r="GN1059" s="91"/>
      <c r="GO1059" s="91"/>
      <c r="GP1059" s="91"/>
      <c r="GQ1059" s="91"/>
      <c r="GR1059" s="91"/>
      <c r="GS1059" s="91"/>
      <c r="GT1059" s="91"/>
      <c r="GU1059" s="91"/>
      <c r="GV1059" s="91"/>
      <c r="GW1059" s="91"/>
      <c r="GX1059" s="91"/>
      <c r="GY1059" s="91"/>
      <c r="GZ1059" s="91"/>
      <c r="HA1059" s="91"/>
      <c r="HB1059" s="91"/>
      <c r="HC1059" s="91"/>
      <c r="HD1059" s="91"/>
      <c r="HE1059" s="91"/>
      <c r="HF1059" s="91"/>
      <c r="HG1059" s="91"/>
      <c r="HH1059" s="91"/>
      <c r="HI1059" s="91"/>
      <c r="HJ1059" s="91"/>
      <c r="HK1059" s="127"/>
      <c r="HL1059" s="126"/>
      <c r="HM1059" s="91"/>
      <c r="HN1059" s="91"/>
      <c r="HO1059" s="91"/>
      <c r="HP1059" s="91"/>
      <c r="HQ1059" s="91"/>
      <c r="HR1059" s="91"/>
      <c r="HS1059" s="91"/>
      <c r="HT1059" s="91"/>
      <c r="HU1059" s="91"/>
      <c r="HV1059" s="91"/>
      <c r="HW1059" s="91"/>
      <c r="HX1059" s="91"/>
      <c r="HY1059" s="91"/>
      <c r="HZ1059" s="91"/>
      <c r="IA1059" s="91"/>
      <c r="IB1059" s="91"/>
      <c r="IC1059" s="91"/>
      <c r="ID1059" s="91"/>
      <c r="IE1059" s="91"/>
      <c r="IF1059" s="91"/>
      <c r="IG1059" s="91"/>
      <c r="IH1059" s="91"/>
      <c r="II1059" s="91"/>
      <c r="IJ1059" s="91"/>
      <c r="IK1059" s="127"/>
    </row>
    <row r="1060" spans="2:245" x14ac:dyDescent="0.2">
      <c r="B1060" s="43"/>
      <c r="C1060" s="73"/>
      <c r="D1060" s="64"/>
      <c r="E1060" s="64"/>
      <c r="F1060" s="55"/>
      <c r="G1060" s="102"/>
      <c r="H1060" s="55"/>
      <c r="I1060" s="55"/>
      <c r="J1060" s="55"/>
      <c r="K1060" s="55"/>
      <c r="L1060" s="55"/>
      <c r="M1060" s="55"/>
      <c r="N1060" s="55"/>
      <c r="O1060" s="55"/>
      <c r="P1060" s="55"/>
      <c r="Q1060" s="55"/>
      <c r="R1060" s="55"/>
      <c r="S1060" s="55"/>
      <c r="T1060" s="55"/>
      <c r="U1060" s="55"/>
      <c r="V1060" s="55"/>
      <c r="W1060" s="55"/>
      <c r="X1060" s="55"/>
      <c r="Y1060" s="55"/>
      <c r="Z1060" s="55"/>
      <c r="AA1060" s="55"/>
      <c r="AB1060" s="55"/>
      <c r="AC1060" s="55"/>
      <c r="AD1060" s="55"/>
      <c r="AE1060" s="55"/>
      <c r="AF1060" s="55"/>
      <c r="AG1060" s="55"/>
      <c r="AY1060" s="162"/>
      <c r="AZ1060" s="162"/>
      <c r="BA1060" s="162"/>
      <c r="BB1060" s="162"/>
      <c r="BC1060" s="162"/>
      <c r="BD1060" s="162"/>
      <c r="BE1060" s="162"/>
      <c r="BF1060" s="162"/>
      <c r="BG1060" s="162"/>
      <c r="BH1060" s="162"/>
      <c r="BI1060" s="162"/>
      <c r="BJ1060" s="162"/>
      <c r="BK1060" s="162"/>
      <c r="BL1060" s="162"/>
      <c r="BM1060" s="162"/>
      <c r="BN1060" s="162"/>
      <c r="BO1060" s="162"/>
      <c r="BP1060" s="162"/>
      <c r="BQ1060" s="162"/>
      <c r="BR1060" s="162"/>
      <c r="BS1060" s="162"/>
      <c r="BT1060" s="162"/>
      <c r="BU1060" s="162"/>
      <c r="BV1060" s="162"/>
      <c r="BW1060" s="162"/>
      <c r="BX1060" s="162"/>
      <c r="BY1060" s="162"/>
      <c r="BZ1060" s="162"/>
      <c r="CA1060" s="162"/>
      <c r="CB1060" s="162"/>
      <c r="CC1060" s="162"/>
      <c r="CD1060" s="162"/>
      <c r="CE1060" s="162"/>
      <c r="CF1060" s="162"/>
      <c r="CG1060" s="162"/>
      <c r="CH1060" s="162"/>
      <c r="CI1060" s="162"/>
      <c r="CJ1060" s="162"/>
      <c r="CK1060" s="162"/>
      <c r="CX1060" s="98"/>
      <c r="DL1060" s="97"/>
      <c r="DX1060" s="98"/>
      <c r="EL1060" s="97"/>
      <c r="EX1060" s="98"/>
      <c r="EY1060" s="97"/>
      <c r="FL1060" s="126"/>
      <c r="FM1060" s="91"/>
      <c r="FN1060" s="91"/>
      <c r="FO1060" s="91"/>
      <c r="FP1060" s="91"/>
      <c r="FQ1060" s="91"/>
      <c r="FR1060" s="91"/>
      <c r="FS1060" s="91"/>
      <c r="FT1060" s="91"/>
      <c r="FU1060" s="91"/>
      <c r="FV1060" s="91"/>
      <c r="FW1060" s="91"/>
      <c r="FX1060" s="91"/>
      <c r="FY1060" s="91"/>
      <c r="FZ1060" s="91"/>
      <c r="GA1060" s="91"/>
      <c r="GB1060" s="91"/>
      <c r="GC1060" s="91"/>
      <c r="GD1060" s="91"/>
      <c r="GE1060" s="91"/>
      <c r="GF1060" s="91"/>
      <c r="GG1060" s="91"/>
      <c r="GH1060" s="91"/>
      <c r="GI1060" s="91"/>
      <c r="GJ1060" s="91"/>
      <c r="GK1060" s="127"/>
      <c r="GL1060" s="126"/>
      <c r="GM1060" s="91"/>
      <c r="GN1060" s="91"/>
      <c r="GO1060" s="91"/>
      <c r="GP1060" s="91"/>
      <c r="GQ1060" s="91"/>
      <c r="GR1060" s="91"/>
      <c r="GS1060" s="91"/>
      <c r="GT1060" s="91"/>
      <c r="GU1060" s="91"/>
      <c r="GV1060" s="91"/>
      <c r="GW1060" s="91"/>
      <c r="GX1060" s="91"/>
      <c r="GY1060" s="91"/>
      <c r="GZ1060" s="91"/>
      <c r="HA1060" s="91"/>
      <c r="HB1060" s="91"/>
      <c r="HC1060" s="91"/>
      <c r="HD1060" s="91"/>
      <c r="HE1060" s="91"/>
      <c r="HF1060" s="91"/>
      <c r="HG1060" s="91"/>
      <c r="HH1060" s="91"/>
      <c r="HI1060" s="91"/>
      <c r="HJ1060" s="91"/>
      <c r="HK1060" s="127"/>
      <c r="HL1060" s="126"/>
      <c r="HM1060" s="91"/>
      <c r="HN1060" s="91"/>
      <c r="HO1060" s="91"/>
      <c r="HP1060" s="91"/>
      <c r="HQ1060" s="91"/>
      <c r="HR1060" s="91"/>
      <c r="HS1060" s="91"/>
      <c r="HT1060" s="91"/>
      <c r="HU1060" s="91"/>
      <c r="HV1060" s="91"/>
      <c r="HW1060" s="91"/>
      <c r="HX1060" s="91"/>
      <c r="HY1060" s="91"/>
      <c r="HZ1060" s="91"/>
      <c r="IA1060" s="91"/>
      <c r="IB1060" s="91"/>
      <c r="IC1060" s="91"/>
      <c r="ID1060" s="91"/>
      <c r="IE1060" s="91"/>
      <c r="IF1060" s="91"/>
      <c r="IG1060" s="91"/>
      <c r="IH1060" s="91"/>
      <c r="II1060" s="91"/>
      <c r="IJ1060" s="91"/>
      <c r="IK1060" s="127"/>
    </row>
    <row r="1061" spans="2:245" x14ac:dyDescent="0.2">
      <c r="B1061" s="43"/>
      <c r="C1061" s="73"/>
      <c r="D1061" s="64"/>
      <c r="E1061" s="64"/>
      <c r="F1061" s="55"/>
      <c r="G1061" s="102"/>
      <c r="H1061" s="55"/>
      <c r="I1061" s="55"/>
      <c r="J1061" s="55"/>
      <c r="K1061" s="55"/>
      <c r="L1061" s="55"/>
      <c r="M1061" s="55"/>
      <c r="N1061" s="55"/>
      <c r="O1061" s="55"/>
      <c r="P1061" s="55"/>
      <c r="Q1061" s="55"/>
      <c r="R1061" s="55"/>
      <c r="S1061" s="55"/>
      <c r="T1061" s="55"/>
      <c r="U1061" s="55"/>
      <c r="V1061" s="55"/>
      <c r="W1061" s="55"/>
      <c r="X1061" s="55"/>
      <c r="Y1061" s="55"/>
      <c r="Z1061" s="55"/>
      <c r="AA1061" s="55"/>
      <c r="AB1061" s="55"/>
      <c r="AC1061" s="55"/>
      <c r="AD1061" s="55"/>
      <c r="AE1061" s="55"/>
      <c r="AF1061" s="55"/>
      <c r="AG1061" s="55"/>
      <c r="AY1061" s="162"/>
      <c r="AZ1061" s="162"/>
      <c r="BA1061" s="162"/>
      <c r="BB1061" s="162"/>
      <c r="BC1061" s="162"/>
      <c r="BD1061" s="162"/>
      <c r="BE1061" s="162"/>
      <c r="BF1061" s="162"/>
      <c r="BG1061" s="162"/>
      <c r="BH1061" s="162"/>
      <c r="BI1061" s="162"/>
      <c r="BJ1061" s="162"/>
      <c r="BK1061" s="162"/>
      <c r="BL1061" s="162"/>
      <c r="BM1061" s="162"/>
      <c r="BN1061" s="162"/>
      <c r="BO1061" s="162"/>
      <c r="BP1061" s="162"/>
      <c r="BQ1061" s="162"/>
      <c r="BR1061" s="162"/>
      <c r="BS1061" s="162"/>
      <c r="BT1061" s="162"/>
      <c r="BU1061" s="162"/>
      <c r="BV1061" s="162"/>
      <c r="BW1061" s="162"/>
      <c r="BX1061" s="162"/>
      <c r="BY1061" s="162"/>
      <c r="BZ1061" s="162"/>
      <c r="CA1061" s="162"/>
      <c r="CB1061" s="162"/>
      <c r="CC1061" s="162"/>
      <c r="CD1061" s="162"/>
      <c r="CE1061" s="162"/>
      <c r="CF1061" s="162"/>
      <c r="CG1061" s="162"/>
      <c r="CH1061" s="162"/>
      <c r="CI1061" s="162"/>
      <c r="CJ1061" s="162"/>
      <c r="CK1061" s="162"/>
      <c r="CX1061" s="98"/>
      <c r="DL1061" s="97"/>
      <c r="DX1061" s="98"/>
      <c r="EL1061" s="97"/>
      <c r="EX1061" s="98"/>
      <c r="EY1061" s="97"/>
      <c r="FL1061" s="126"/>
      <c r="FM1061" s="91"/>
      <c r="FN1061" s="91"/>
      <c r="FO1061" s="91"/>
      <c r="FP1061" s="91"/>
      <c r="FQ1061" s="91"/>
      <c r="FR1061" s="91"/>
      <c r="FS1061" s="91"/>
      <c r="FT1061" s="91"/>
      <c r="FU1061" s="91"/>
      <c r="FV1061" s="91"/>
      <c r="FW1061" s="91"/>
      <c r="FX1061" s="91"/>
      <c r="FY1061" s="91"/>
      <c r="FZ1061" s="91"/>
      <c r="GA1061" s="91"/>
      <c r="GB1061" s="91"/>
      <c r="GC1061" s="91"/>
      <c r="GD1061" s="91"/>
      <c r="GE1061" s="91"/>
      <c r="GF1061" s="91"/>
      <c r="GG1061" s="91"/>
      <c r="GH1061" s="91"/>
      <c r="GI1061" s="91"/>
      <c r="GJ1061" s="91"/>
      <c r="GK1061" s="127"/>
      <c r="GL1061" s="126"/>
      <c r="GM1061" s="91"/>
      <c r="GN1061" s="91"/>
      <c r="GO1061" s="91"/>
      <c r="GP1061" s="91"/>
      <c r="GQ1061" s="91"/>
      <c r="GR1061" s="91"/>
      <c r="GS1061" s="91"/>
      <c r="GT1061" s="91"/>
      <c r="GU1061" s="91"/>
      <c r="GV1061" s="91"/>
      <c r="GW1061" s="91"/>
      <c r="GX1061" s="91"/>
      <c r="GY1061" s="91"/>
      <c r="GZ1061" s="91"/>
      <c r="HA1061" s="91"/>
      <c r="HB1061" s="91"/>
      <c r="HC1061" s="91"/>
      <c r="HD1061" s="91"/>
      <c r="HE1061" s="91"/>
      <c r="HF1061" s="91"/>
      <c r="HG1061" s="91"/>
      <c r="HH1061" s="91"/>
      <c r="HI1061" s="91"/>
      <c r="HJ1061" s="91"/>
      <c r="HK1061" s="127"/>
      <c r="HL1061" s="126"/>
      <c r="HM1061" s="91"/>
      <c r="HN1061" s="91"/>
      <c r="HO1061" s="91"/>
      <c r="HP1061" s="91"/>
      <c r="HQ1061" s="91"/>
      <c r="HR1061" s="91"/>
      <c r="HS1061" s="91"/>
      <c r="HT1061" s="91"/>
      <c r="HU1061" s="91"/>
      <c r="HV1061" s="91"/>
      <c r="HW1061" s="91"/>
      <c r="HX1061" s="91"/>
      <c r="HY1061" s="91"/>
      <c r="HZ1061" s="91"/>
      <c r="IA1061" s="91"/>
      <c r="IB1061" s="91"/>
      <c r="IC1061" s="91"/>
      <c r="ID1061" s="91"/>
      <c r="IE1061" s="91"/>
      <c r="IF1061" s="91"/>
      <c r="IG1061" s="91"/>
      <c r="IH1061" s="91"/>
      <c r="II1061" s="91"/>
      <c r="IJ1061" s="91"/>
      <c r="IK1061" s="127"/>
    </row>
    <row r="1062" spans="2:245" x14ac:dyDescent="0.2">
      <c r="B1062" s="43"/>
      <c r="C1062" s="73"/>
      <c r="D1062" s="64"/>
      <c r="E1062" s="64"/>
      <c r="F1062" s="55"/>
      <c r="G1062" s="102"/>
      <c r="H1062" s="55"/>
      <c r="I1062" s="55"/>
      <c r="J1062" s="55"/>
      <c r="K1062" s="55"/>
      <c r="L1062" s="55"/>
      <c r="M1062" s="55"/>
      <c r="N1062" s="55"/>
      <c r="O1062" s="55"/>
      <c r="P1062" s="55"/>
      <c r="Q1062" s="55"/>
      <c r="R1062" s="55"/>
      <c r="S1062" s="55"/>
      <c r="T1062" s="55"/>
      <c r="U1062" s="55"/>
      <c r="V1062" s="55"/>
      <c r="W1062" s="55"/>
      <c r="X1062" s="55"/>
      <c r="Y1062" s="55"/>
      <c r="Z1062" s="55"/>
      <c r="AA1062" s="55"/>
      <c r="AB1062" s="55"/>
      <c r="AC1062" s="55"/>
      <c r="AD1062" s="55"/>
      <c r="AE1062" s="55"/>
      <c r="AF1062" s="55"/>
      <c r="AG1062" s="55"/>
      <c r="AY1062" s="162"/>
      <c r="AZ1062" s="162"/>
      <c r="BA1062" s="162"/>
      <c r="BB1062" s="162"/>
      <c r="BC1062" s="162"/>
      <c r="BD1062" s="162"/>
      <c r="BE1062" s="162"/>
      <c r="BF1062" s="162"/>
      <c r="BG1062" s="162"/>
      <c r="BH1062" s="162"/>
      <c r="BI1062" s="162"/>
      <c r="BJ1062" s="162"/>
      <c r="BK1062" s="162"/>
      <c r="BL1062" s="162"/>
      <c r="BM1062" s="162"/>
      <c r="BN1062" s="162"/>
      <c r="BO1062" s="162"/>
      <c r="BP1062" s="162"/>
      <c r="BQ1062" s="162"/>
      <c r="BR1062" s="162"/>
      <c r="BS1062" s="162"/>
      <c r="BT1062" s="162"/>
      <c r="BU1062" s="162"/>
      <c r="BV1062" s="162"/>
      <c r="BW1062" s="162"/>
      <c r="BX1062" s="162"/>
      <c r="BY1062" s="162"/>
      <c r="BZ1062" s="162"/>
      <c r="CA1062" s="162"/>
      <c r="CB1062" s="162"/>
      <c r="CC1062" s="162"/>
      <c r="CD1062" s="162"/>
      <c r="CE1062" s="162"/>
      <c r="CF1062" s="162"/>
      <c r="CG1062" s="162"/>
      <c r="CH1062" s="162"/>
      <c r="CI1062" s="162"/>
      <c r="CJ1062" s="162"/>
      <c r="CK1062" s="162"/>
      <c r="CX1062" s="98"/>
      <c r="DL1062" s="97"/>
      <c r="DX1062" s="98"/>
      <c r="EL1062" s="97"/>
      <c r="EX1062" s="98"/>
      <c r="EY1062" s="97"/>
      <c r="FL1062" s="126"/>
      <c r="FM1062" s="91"/>
      <c r="FN1062" s="91"/>
      <c r="FO1062" s="91"/>
      <c r="FP1062" s="91"/>
      <c r="FQ1062" s="91"/>
      <c r="FR1062" s="91"/>
      <c r="FS1062" s="91"/>
      <c r="FT1062" s="91"/>
      <c r="FU1062" s="91"/>
      <c r="FV1062" s="91"/>
      <c r="FW1062" s="91"/>
      <c r="FX1062" s="91"/>
      <c r="FY1062" s="91"/>
      <c r="FZ1062" s="91"/>
      <c r="GA1062" s="91"/>
      <c r="GB1062" s="91"/>
      <c r="GC1062" s="91"/>
      <c r="GD1062" s="91"/>
      <c r="GE1062" s="91"/>
      <c r="GF1062" s="91"/>
      <c r="GG1062" s="91"/>
      <c r="GH1062" s="91"/>
      <c r="GI1062" s="91"/>
      <c r="GJ1062" s="91"/>
      <c r="GK1062" s="127"/>
      <c r="GL1062" s="126"/>
      <c r="GM1062" s="91"/>
      <c r="GN1062" s="91"/>
      <c r="GO1062" s="91"/>
      <c r="GP1062" s="91"/>
      <c r="GQ1062" s="91"/>
      <c r="GR1062" s="91"/>
      <c r="GS1062" s="91"/>
      <c r="GT1062" s="91"/>
      <c r="GU1062" s="91"/>
      <c r="GV1062" s="91"/>
      <c r="GW1062" s="91"/>
      <c r="GX1062" s="91"/>
      <c r="GY1062" s="91"/>
      <c r="GZ1062" s="91"/>
      <c r="HA1062" s="91"/>
      <c r="HB1062" s="91"/>
      <c r="HC1062" s="91"/>
      <c r="HD1062" s="91"/>
      <c r="HE1062" s="91"/>
      <c r="HF1062" s="91"/>
      <c r="HG1062" s="91"/>
      <c r="HH1062" s="91"/>
      <c r="HI1062" s="91"/>
      <c r="HJ1062" s="91"/>
      <c r="HK1062" s="127"/>
      <c r="HL1062" s="126"/>
      <c r="HM1062" s="91"/>
      <c r="HN1062" s="91"/>
      <c r="HO1062" s="91"/>
      <c r="HP1062" s="91"/>
      <c r="HQ1062" s="91"/>
      <c r="HR1062" s="91"/>
      <c r="HS1062" s="91"/>
      <c r="HT1062" s="91"/>
      <c r="HU1062" s="91"/>
      <c r="HV1062" s="91"/>
      <c r="HW1062" s="91"/>
      <c r="HX1062" s="91"/>
      <c r="HY1062" s="91"/>
      <c r="HZ1062" s="91"/>
      <c r="IA1062" s="91"/>
      <c r="IB1062" s="91"/>
      <c r="IC1062" s="91"/>
      <c r="ID1062" s="91"/>
      <c r="IE1062" s="91"/>
      <c r="IF1062" s="91"/>
      <c r="IG1062" s="91"/>
      <c r="IH1062" s="91"/>
      <c r="II1062" s="91"/>
      <c r="IJ1062" s="91"/>
      <c r="IK1062" s="127"/>
    </row>
    <row r="1063" spans="2:245" x14ac:dyDescent="0.2">
      <c r="B1063" s="43"/>
      <c r="C1063" s="73"/>
      <c r="D1063" s="64"/>
      <c r="E1063" s="64"/>
      <c r="F1063" s="55"/>
      <c r="G1063" s="102"/>
      <c r="H1063" s="55"/>
      <c r="I1063" s="55"/>
      <c r="J1063" s="55"/>
      <c r="K1063" s="55"/>
      <c r="L1063" s="55"/>
      <c r="M1063" s="55"/>
      <c r="N1063" s="55"/>
      <c r="O1063" s="55"/>
      <c r="P1063" s="55"/>
      <c r="Q1063" s="55"/>
      <c r="R1063" s="55"/>
      <c r="S1063" s="55"/>
      <c r="T1063" s="55"/>
      <c r="U1063" s="55"/>
      <c r="V1063" s="55"/>
      <c r="W1063" s="55"/>
      <c r="X1063" s="55"/>
      <c r="Y1063" s="55"/>
      <c r="Z1063" s="55"/>
      <c r="AA1063" s="55"/>
      <c r="AB1063" s="55"/>
      <c r="AC1063" s="55"/>
      <c r="AD1063" s="55"/>
      <c r="AE1063" s="55"/>
      <c r="AF1063" s="55"/>
      <c r="AG1063" s="55"/>
      <c r="AY1063" s="162"/>
      <c r="AZ1063" s="162"/>
      <c r="BA1063" s="162"/>
      <c r="BB1063" s="162"/>
      <c r="BC1063" s="162"/>
      <c r="BD1063" s="162"/>
      <c r="BE1063" s="162"/>
      <c r="BF1063" s="162"/>
      <c r="BG1063" s="162"/>
      <c r="BH1063" s="162"/>
      <c r="BI1063" s="162"/>
      <c r="BJ1063" s="162"/>
      <c r="BK1063" s="162"/>
      <c r="BL1063" s="162"/>
      <c r="BM1063" s="162"/>
      <c r="BN1063" s="162"/>
      <c r="BO1063" s="162"/>
      <c r="BP1063" s="162"/>
      <c r="BQ1063" s="162"/>
      <c r="BR1063" s="162"/>
      <c r="BS1063" s="162"/>
      <c r="BT1063" s="162"/>
      <c r="BU1063" s="162"/>
      <c r="BV1063" s="162"/>
      <c r="BW1063" s="162"/>
      <c r="BX1063" s="162"/>
      <c r="BY1063" s="162"/>
      <c r="BZ1063" s="162"/>
      <c r="CA1063" s="162"/>
      <c r="CB1063" s="162"/>
      <c r="CC1063" s="162"/>
      <c r="CD1063" s="162"/>
      <c r="CE1063" s="162"/>
      <c r="CF1063" s="162"/>
      <c r="CG1063" s="162"/>
      <c r="CH1063" s="162"/>
      <c r="CI1063" s="162"/>
      <c r="CJ1063" s="162"/>
      <c r="CK1063" s="162"/>
      <c r="CX1063" s="98"/>
      <c r="DL1063" s="97"/>
      <c r="DX1063" s="98"/>
      <c r="EL1063" s="97"/>
      <c r="EX1063" s="98"/>
      <c r="EY1063" s="97"/>
      <c r="FL1063" s="126"/>
      <c r="FM1063" s="91"/>
      <c r="FN1063" s="91"/>
      <c r="FO1063" s="91"/>
      <c r="FP1063" s="91"/>
      <c r="FQ1063" s="91"/>
      <c r="FR1063" s="91"/>
      <c r="FS1063" s="91"/>
      <c r="FT1063" s="91"/>
      <c r="FU1063" s="91"/>
      <c r="FV1063" s="91"/>
      <c r="FW1063" s="91"/>
      <c r="FX1063" s="91"/>
      <c r="FY1063" s="91"/>
      <c r="FZ1063" s="91"/>
      <c r="GA1063" s="91"/>
      <c r="GB1063" s="91"/>
      <c r="GC1063" s="91"/>
      <c r="GD1063" s="91"/>
      <c r="GE1063" s="91"/>
      <c r="GF1063" s="91"/>
      <c r="GG1063" s="91"/>
      <c r="GH1063" s="91"/>
      <c r="GI1063" s="91"/>
      <c r="GJ1063" s="91"/>
      <c r="GK1063" s="127"/>
      <c r="GL1063" s="126"/>
      <c r="GM1063" s="91"/>
      <c r="GN1063" s="91"/>
      <c r="GO1063" s="91"/>
      <c r="GP1063" s="91"/>
      <c r="GQ1063" s="91"/>
      <c r="GR1063" s="91"/>
      <c r="GS1063" s="91"/>
      <c r="GT1063" s="91"/>
      <c r="GU1063" s="91"/>
      <c r="GV1063" s="91"/>
      <c r="GW1063" s="91"/>
      <c r="GX1063" s="91"/>
      <c r="GY1063" s="91"/>
      <c r="GZ1063" s="91"/>
      <c r="HA1063" s="91"/>
      <c r="HB1063" s="91"/>
      <c r="HC1063" s="91"/>
      <c r="HD1063" s="91"/>
      <c r="HE1063" s="91"/>
      <c r="HF1063" s="91"/>
      <c r="HG1063" s="91"/>
      <c r="HH1063" s="91"/>
      <c r="HI1063" s="91"/>
      <c r="HJ1063" s="91"/>
      <c r="HK1063" s="127"/>
      <c r="HL1063" s="126"/>
      <c r="HM1063" s="91"/>
      <c r="HN1063" s="91"/>
      <c r="HO1063" s="91"/>
      <c r="HP1063" s="91"/>
      <c r="HQ1063" s="91"/>
      <c r="HR1063" s="91"/>
      <c r="HS1063" s="91"/>
      <c r="HT1063" s="91"/>
      <c r="HU1063" s="91"/>
      <c r="HV1063" s="91"/>
      <c r="HW1063" s="91"/>
      <c r="HX1063" s="91"/>
      <c r="HY1063" s="91"/>
      <c r="HZ1063" s="91"/>
      <c r="IA1063" s="91"/>
      <c r="IB1063" s="91"/>
      <c r="IC1063" s="91"/>
      <c r="ID1063" s="91"/>
      <c r="IE1063" s="91"/>
      <c r="IF1063" s="91"/>
      <c r="IG1063" s="91"/>
      <c r="IH1063" s="91"/>
      <c r="II1063" s="91"/>
      <c r="IJ1063" s="91"/>
      <c r="IK1063" s="127"/>
    </row>
    <row r="1064" spans="2:245" x14ac:dyDescent="0.2">
      <c r="B1064" s="43"/>
      <c r="C1064" s="73"/>
      <c r="D1064" s="64"/>
      <c r="E1064" s="64"/>
      <c r="F1064" s="55"/>
      <c r="G1064" s="102"/>
      <c r="H1064" s="55"/>
      <c r="I1064" s="55"/>
      <c r="J1064" s="55"/>
      <c r="K1064" s="55"/>
      <c r="L1064" s="55"/>
      <c r="M1064" s="55"/>
      <c r="N1064" s="55"/>
      <c r="O1064" s="55"/>
      <c r="P1064" s="55"/>
      <c r="Q1064" s="55"/>
      <c r="R1064" s="55"/>
      <c r="S1064" s="55"/>
      <c r="T1064" s="55"/>
      <c r="U1064" s="55"/>
      <c r="V1064" s="55"/>
      <c r="W1064" s="55"/>
      <c r="X1064" s="55"/>
      <c r="Y1064" s="55"/>
      <c r="Z1064" s="55"/>
      <c r="AA1064" s="55"/>
      <c r="AB1064" s="55"/>
      <c r="AC1064" s="55"/>
      <c r="AD1064" s="55"/>
      <c r="AE1064" s="55"/>
      <c r="AF1064" s="55"/>
      <c r="AG1064" s="55"/>
      <c r="AY1064" s="162"/>
      <c r="AZ1064" s="162"/>
      <c r="BA1064" s="162"/>
      <c r="BB1064" s="162"/>
      <c r="BC1064" s="162"/>
      <c r="BD1064" s="162"/>
      <c r="BE1064" s="162"/>
      <c r="BF1064" s="162"/>
      <c r="BG1064" s="162"/>
      <c r="BH1064" s="162"/>
      <c r="BI1064" s="162"/>
      <c r="BJ1064" s="162"/>
      <c r="BK1064" s="162"/>
      <c r="BL1064" s="162"/>
      <c r="BM1064" s="162"/>
      <c r="BN1064" s="162"/>
      <c r="BO1064" s="162"/>
      <c r="BP1064" s="162"/>
      <c r="BQ1064" s="162"/>
      <c r="BR1064" s="162"/>
      <c r="BS1064" s="162"/>
      <c r="BT1064" s="162"/>
      <c r="BU1064" s="162"/>
      <c r="BV1064" s="162"/>
      <c r="BW1064" s="162"/>
      <c r="BX1064" s="162"/>
      <c r="BY1064" s="162"/>
      <c r="BZ1064" s="162"/>
      <c r="CA1064" s="162"/>
      <c r="CB1064" s="162"/>
      <c r="CC1064" s="162"/>
      <c r="CD1064" s="162"/>
      <c r="CE1064" s="162"/>
      <c r="CF1064" s="162"/>
      <c r="CG1064" s="162"/>
      <c r="CH1064" s="162"/>
      <c r="CI1064" s="162"/>
      <c r="CJ1064" s="162"/>
      <c r="CK1064" s="162"/>
      <c r="CX1064" s="98"/>
      <c r="DL1064" s="97"/>
      <c r="DX1064" s="98"/>
      <c r="EL1064" s="97"/>
      <c r="EX1064" s="98"/>
      <c r="EY1064" s="97"/>
      <c r="FL1064" s="126"/>
      <c r="FM1064" s="91"/>
      <c r="FN1064" s="91"/>
      <c r="FO1064" s="91"/>
      <c r="FP1064" s="91"/>
      <c r="FQ1064" s="91"/>
      <c r="FR1064" s="91"/>
      <c r="FS1064" s="91"/>
      <c r="FT1064" s="91"/>
      <c r="FU1064" s="91"/>
      <c r="FV1064" s="91"/>
      <c r="FW1064" s="91"/>
      <c r="FX1064" s="91"/>
      <c r="FY1064" s="91"/>
      <c r="FZ1064" s="91"/>
      <c r="GA1064" s="91"/>
      <c r="GB1064" s="91"/>
      <c r="GC1064" s="91"/>
      <c r="GD1064" s="91"/>
      <c r="GE1064" s="91"/>
      <c r="GF1064" s="91"/>
      <c r="GG1064" s="91"/>
      <c r="GH1064" s="91"/>
      <c r="GI1064" s="91"/>
      <c r="GJ1064" s="91"/>
      <c r="GK1064" s="127"/>
      <c r="GL1064" s="126"/>
      <c r="GM1064" s="91"/>
      <c r="GN1064" s="91"/>
      <c r="GO1064" s="91"/>
      <c r="GP1064" s="91"/>
      <c r="GQ1064" s="91"/>
      <c r="GR1064" s="91"/>
      <c r="GS1064" s="91"/>
      <c r="GT1064" s="91"/>
      <c r="GU1064" s="91"/>
      <c r="GV1064" s="91"/>
      <c r="GW1064" s="91"/>
      <c r="GX1064" s="91"/>
      <c r="GY1064" s="91"/>
      <c r="GZ1064" s="91"/>
      <c r="HA1064" s="91"/>
      <c r="HB1064" s="91"/>
      <c r="HC1064" s="91"/>
      <c r="HD1064" s="91"/>
      <c r="HE1064" s="91"/>
      <c r="HF1064" s="91"/>
      <c r="HG1064" s="91"/>
      <c r="HH1064" s="91"/>
      <c r="HI1064" s="91"/>
      <c r="HJ1064" s="91"/>
      <c r="HK1064" s="127"/>
      <c r="HL1064" s="126"/>
      <c r="HM1064" s="91"/>
      <c r="HN1064" s="91"/>
      <c r="HO1064" s="91"/>
      <c r="HP1064" s="91"/>
      <c r="HQ1064" s="91"/>
      <c r="HR1064" s="91"/>
      <c r="HS1064" s="91"/>
      <c r="HT1064" s="91"/>
      <c r="HU1064" s="91"/>
      <c r="HV1064" s="91"/>
      <c r="HW1064" s="91"/>
      <c r="HX1064" s="91"/>
      <c r="HY1064" s="91"/>
      <c r="HZ1064" s="91"/>
      <c r="IA1064" s="91"/>
      <c r="IB1064" s="91"/>
      <c r="IC1064" s="91"/>
      <c r="ID1064" s="91"/>
      <c r="IE1064" s="91"/>
      <c r="IF1064" s="91"/>
      <c r="IG1064" s="91"/>
      <c r="IH1064" s="91"/>
      <c r="II1064" s="91"/>
      <c r="IJ1064" s="91"/>
      <c r="IK1064" s="127"/>
    </row>
    <row r="1065" spans="2:245" x14ac:dyDescent="0.2">
      <c r="B1065" s="43"/>
      <c r="C1065" s="73"/>
      <c r="D1065" s="64"/>
      <c r="E1065" s="64"/>
      <c r="F1065" s="55"/>
      <c r="G1065" s="102"/>
      <c r="H1065" s="55"/>
      <c r="I1065" s="55"/>
      <c r="J1065" s="55"/>
      <c r="K1065" s="55"/>
      <c r="L1065" s="55"/>
      <c r="M1065" s="55"/>
      <c r="N1065" s="55"/>
      <c r="O1065" s="55"/>
      <c r="P1065" s="55"/>
      <c r="Q1065" s="55"/>
      <c r="R1065" s="55"/>
      <c r="S1065" s="55"/>
      <c r="T1065" s="55"/>
      <c r="U1065" s="55"/>
      <c r="V1065" s="55"/>
      <c r="W1065" s="55"/>
      <c r="X1065" s="55"/>
      <c r="Y1065" s="55"/>
      <c r="Z1065" s="55"/>
      <c r="AA1065" s="55"/>
      <c r="AB1065" s="55"/>
      <c r="AC1065" s="55"/>
      <c r="AD1065" s="55"/>
      <c r="AE1065" s="55"/>
      <c r="AF1065" s="55"/>
      <c r="AG1065" s="55"/>
      <c r="AY1065" s="162"/>
      <c r="AZ1065" s="162"/>
      <c r="BA1065" s="162"/>
      <c r="BB1065" s="162"/>
      <c r="BC1065" s="162"/>
      <c r="BD1065" s="162"/>
      <c r="BE1065" s="162"/>
      <c r="BF1065" s="162"/>
      <c r="BG1065" s="162"/>
      <c r="BH1065" s="162"/>
      <c r="BI1065" s="162"/>
      <c r="BJ1065" s="162"/>
      <c r="BK1065" s="162"/>
      <c r="BL1065" s="162"/>
      <c r="BM1065" s="162"/>
      <c r="BN1065" s="162"/>
      <c r="BO1065" s="162"/>
      <c r="BP1065" s="162"/>
      <c r="BQ1065" s="162"/>
      <c r="BR1065" s="162"/>
      <c r="BS1065" s="162"/>
      <c r="BT1065" s="162"/>
      <c r="BU1065" s="162"/>
      <c r="BV1065" s="162"/>
      <c r="BW1065" s="162"/>
      <c r="BX1065" s="162"/>
      <c r="BY1065" s="162"/>
      <c r="BZ1065" s="162"/>
      <c r="CA1065" s="162"/>
      <c r="CB1065" s="162"/>
      <c r="CC1065" s="162"/>
      <c r="CD1065" s="162"/>
      <c r="CE1065" s="162"/>
      <c r="CF1065" s="162"/>
      <c r="CG1065" s="162"/>
      <c r="CH1065" s="162"/>
      <c r="CI1065" s="162"/>
      <c r="CJ1065" s="162"/>
      <c r="CK1065" s="162"/>
      <c r="CX1065" s="98"/>
      <c r="DL1065" s="97"/>
      <c r="DX1065" s="98"/>
      <c r="EL1065" s="97"/>
      <c r="EX1065" s="98"/>
      <c r="EY1065" s="97"/>
      <c r="FL1065" s="126"/>
      <c r="FM1065" s="91"/>
      <c r="FN1065" s="91"/>
      <c r="FO1065" s="91"/>
      <c r="FP1065" s="91"/>
      <c r="FQ1065" s="91"/>
      <c r="FR1065" s="91"/>
      <c r="FS1065" s="91"/>
      <c r="FT1065" s="91"/>
      <c r="FU1065" s="91"/>
      <c r="FV1065" s="91"/>
      <c r="FW1065" s="91"/>
      <c r="FX1065" s="91"/>
      <c r="FY1065" s="91"/>
      <c r="FZ1065" s="91"/>
      <c r="GA1065" s="91"/>
      <c r="GB1065" s="91"/>
      <c r="GC1065" s="91"/>
      <c r="GD1065" s="91"/>
      <c r="GE1065" s="91"/>
      <c r="GF1065" s="91"/>
      <c r="GG1065" s="91"/>
      <c r="GH1065" s="91"/>
      <c r="GI1065" s="91"/>
      <c r="GJ1065" s="91"/>
      <c r="GK1065" s="127"/>
      <c r="GL1065" s="126"/>
      <c r="GM1065" s="91"/>
      <c r="GN1065" s="91"/>
      <c r="GO1065" s="91"/>
      <c r="GP1065" s="91"/>
      <c r="GQ1065" s="91"/>
      <c r="GR1065" s="91"/>
      <c r="GS1065" s="91"/>
      <c r="GT1065" s="91"/>
      <c r="GU1065" s="91"/>
      <c r="GV1065" s="91"/>
      <c r="GW1065" s="91"/>
      <c r="GX1065" s="91"/>
      <c r="GY1065" s="91"/>
      <c r="GZ1065" s="91"/>
      <c r="HA1065" s="91"/>
      <c r="HB1065" s="91"/>
      <c r="HC1065" s="91"/>
      <c r="HD1065" s="91"/>
      <c r="HE1065" s="91"/>
      <c r="HF1065" s="91"/>
      <c r="HG1065" s="91"/>
      <c r="HH1065" s="91"/>
      <c r="HI1065" s="91"/>
      <c r="HJ1065" s="91"/>
      <c r="HK1065" s="127"/>
      <c r="HL1065" s="126"/>
      <c r="HM1065" s="91"/>
      <c r="HN1065" s="91"/>
      <c r="HO1065" s="91"/>
      <c r="HP1065" s="91"/>
      <c r="HQ1065" s="91"/>
      <c r="HR1065" s="91"/>
      <c r="HS1065" s="91"/>
      <c r="HT1065" s="91"/>
      <c r="HU1065" s="91"/>
      <c r="HV1065" s="91"/>
      <c r="HW1065" s="91"/>
      <c r="HX1065" s="91"/>
      <c r="HY1065" s="91"/>
      <c r="HZ1065" s="91"/>
      <c r="IA1065" s="91"/>
      <c r="IB1065" s="91"/>
      <c r="IC1065" s="91"/>
      <c r="ID1065" s="91"/>
      <c r="IE1065" s="91"/>
      <c r="IF1065" s="91"/>
      <c r="IG1065" s="91"/>
      <c r="IH1065" s="91"/>
      <c r="II1065" s="91"/>
      <c r="IJ1065" s="91"/>
      <c r="IK1065" s="127"/>
    </row>
    <row r="1066" spans="2:245" x14ac:dyDescent="0.2">
      <c r="B1066" s="43"/>
      <c r="C1066" s="73"/>
      <c r="D1066" s="64"/>
      <c r="E1066" s="64"/>
      <c r="F1066" s="55"/>
      <c r="G1066" s="102"/>
      <c r="H1066" s="55"/>
      <c r="I1066" s="55"/>
      <c r="J1066" s="55"/>
      <c r="K1066" s="55"/>
      <c r="L1066" s="55"/>
      <c r="M1066" s="55"/>
      <c r="N1066" s="55"/>
      <c r="O1066" s="55"/>
      <c r="P1066" s="55"/>
      <c r="Q1066" s="55"/>
      <c r="R1066" s="55"/>
      <c r="S1066" s="55"/>
      <c r="T1066" s="55"/>
      <c r="U1066" s="55"/>
      <c r="V1066" s="55"/>
      <c r="W1066" s="55"/>
      <c r="X1066" s="55"/>
      <c r="Y1066" s="55"/>
      <c r="Z1066" s="55"/>
      <c r="AA1066" s="55"/>
      <c r="AB1066" s="55"/>
      <c r="AC1066" s="55"/>
      <c r="AD1066" s="55"/>
      <c r="AE1066" s="55"/>
      <c r="AF1066" s="55"/>
      <c r="AG1066" s="55"/>
      <c r="AY1066" s="162"/>
      <c r="AZ1066" s="162"/>
      <c r="BA1066" s="162"/>
      <c r="BB1066" s="162"/>
      <c r="BC1066" s="162"/>
      <c r="BD1066" s="162"/>
      <c r="BE1066" s="162"/>
      <c r="BF1066" s="162"/>
      <c r="BG1066" s="162"/>
      <c r="BH1066" s="162"/>
      <c r="BI1066" s="162"/>
      <c r="BJ1066" s="162"/>
      <c r="BK1066" s="162"/>
      <c r="BL1066" s="162"/>
      <c r="BM1066" s="162"/>
      <c r="BN1066" s="162"/>
      <c r="BO1066" s="162"/>
      <c r="BP1066" s="162"/>
      <c r="BQ1066" s="162"/>
      <c r="BR1066" s="162"/>
      <c r="BS1066" s="162"/>
      <c r="BT1066" s="162"/>
      <c r="BU1066" s="162"/>
      <c r="BV1066" s="162"/>
      <c r="BW1066" s="162"/>
      <c r="BX1066" s="162"/>
      <c r="BY1066" s="162"/>
      <c r="BZ1066" s="162"/>
      <c r="CA1066" s="162"/>
      <c r="CB1066" s="162"/>
      <c r="CC1066" s="162"/>
      <c r="CD1066" s="162"/>
      <c r="CE1066" s="162"/>
      <c r="CF1066" s="162"/>
      <c r="CG1066" s="162"/>
      <c r="CH1066" s="162"/>
      <c r="CI1066" s="162"/>
      <c r="CJ1066" s="162"/>
      <c r="CK1066" s="162"/>
      <c r="CX1066" s="98"/>
      <c r="DL1066" s="97"/>
      <c r="DX1066" s="98"/>
      <c r="EL1066" s="97"/>
      <c r="EX1066" s="98"/>
      <c r="EY1066" s="97"/>
      <c r="FL1066" s="126"/>
      <c r="FM1066" s="91"/>
      <c r="FN1066" s="91"/>
      <c r="FO1066" s="91"/>
      <c r="FP1066" s="91"/>
      <c r="FQ1066" s="91"/>
      <c r="FR1066" s="91"/>
      <c r="FS1066" s="91"/>
      <c r="FT1066" s="91"/>
      <c r="FU1066" s="91"/>
      <c r="FV1066" s="91"/>
      <c r="FW1066" s="91"/>
      <c r="FX1066" s="91"/>
      <c r="FY1066" s="91"/>
      <c r="FZ1066" s="91"/>
      <c r="GA1066" s="91"/>
      <c r="GB1066" s="91"/>
      <c r="GC1066" s="91"/>
      <c r="GD1066" s="91"/>
      <c r="GE1066" s="91"/>
      <c r="GF1066" s="91"/>
      <c r="GG1066" s="91"/>
      <c r="GH1066" s="91"/>
      <c r="GI1066" s="91"/>
      <c r="GJ1066" s="91"/>
      <c r="GK1066" s="127"/>
      <c r="GL1066" s="126"/>
      <c r="GM1066" s="91"/>
      <c r="GN1066" s="91"/>
      <c r="GO1066" s="91"/>
      <c r="GP1066" s="91"/>
      <c r="GQ1066" s="91"/>
      <c r="GR1066" s="91"/>
      <c r="GS1066" s="91"/>
      <c r="GT1066" s="91"/>
      <c r="GU1066" s="91"/>
      <c r="GV1066" s="91"/>
      <c r="GW1066" s="91"/>
      <c r="GX1066" s="91"/>
      <c r="GY1066" s="91"/>
      <c r="GZ1066" s="91"/>
      <c r="HA1066" s="91"/>
      <c r="HB1066" s="91"/>
      <c r="HC1066" s="91"/>
      <c r="HD1066" s="91"/>
      <c r="HE1066" s="91"/>
      <c r="HF1066" s="91"/>
      <c r="HG1066" s="91"/>
      <c r="HH1066" s="91"/>
      <c r="HI1066" s="91"/>
      <c r="HJ1066" s="91"/>
      <c r="HK1066" s="127"/>
      <c r="HL1066" s="126"/>
      <c r="HM1066" s="91"/>
      <c r="HN1066" s="91"/>
      <c r="HO1066" s="91"/>
      <c r="HP1066" s="91"/>
      <c r="HQ1066" s="91"/>
      <c r="HR1066" s="91"/>
      <c r="HS1066" s="91"/>
      <c r="HT1066" s="91"/>
      <c r="HU1066" s="91"/>
      <c r="HV1066" s="91"/>
      <c r="HW1066" s="91"/>
      <c r="HX1066" s="91"/>
      <c r="HY1066" s="91"/>
      <c r="HZ1066" s="91"/>
      <c r="IA1066" s="91"/>
      <c r="IB1066" s="91"/>
      <c r="IC1066" s="91"/>
      <c r="ID1066" s="91"/>
      <c r="IE1066" s="91"/>
      <c r="IF1066" s="91"/>
      <c r="IG1066" s="91"/>
      <c r="IH1066" s="91"/>
      <c r="II1066" s="91"/>
      <c r="IJ1066" s="91"/>
      <c r="IK1066" s="127"/>
    </row>
    <row r="1067" spans="2:245" x14ac:dyDescent="0.2">
      <c r="B1067" s="43"/>
      <c r="C1067" s="73"/>
      <c r="D1067" s="64"/>
      <c r="E1067" s="64"/>
      <c r="F1067" s="55"/>
      <c r="G1067" s="102"/>
      <c r="H1067" s="55"/>
      <c r="I1067" s="55"/>
      <c r="J1067" s="55"/>
      <c r="K1067" s="55"/>
      <c r="L1067" s="55"/>
      <c r="M1067" s="55"/>
      <c r="N1067" s="55"/>
      <c r="O1067" s="55"/>
      <c r="P1067" s="55"/>
      <c r="Q1067" s="55"/>
      <c r="R1067" s="55"/>
      <c r="S1067" s="55"/>
      <c r="T1067" s="55"/>
      <c r="U1067" s="55"/>
      <c r="V1067" s="55"/>
      <c r="W1067" s="55"/>
      <c r="X1067" s="55"/>
      <c r="Y1067" s="55"/>
      <c r="Z1067" s="55"/>
      <c r="AA1067" s="55"/>
      <c r="AB1067" s="55"/>
      <c r="AC1067" s="55"/>
      <c r="AD1067" s="55"/>
      <c r="AE1067" s="55"/>
      <c r="AF1067" s="55"/>
      <c r="AG1067" s="55"/>
      <c r="AY1067" s="162"/>
      <c r="AZ1067" s="162"/>
      <c r="BA1067" s="162"/>
      <c r="BB1067" s="162"/>
      <c r="BC1067" s="162"/>
      <c r="BD1067" s="162"/>
      <c r="BE1067" s="162"/>
      <c r="BF1067" s="162"/>
      <c r="BG1067" s="162"/>
      <c r="BH1067" s="162"/>
      <c r="BI1067" s="162"/>
      <c r="BJ1067" s="162"/>
      <c r="BK1067" s="162"/>
      <c r="BL1067" s="162"/>
      <c r="BM1067" s="162"/>
      <c r="BN1067" s="162"/>
      <c r="BO1067" s="162"/>
      <c r="BP1067" s="162"/>
      <c r="BQ1067" s="162"/>
      <c r="BR1067" s="162"/>
      <c r="BS1067" s="162"/>
      <c r="BT1067" s="162"/>
      <c r="BU1067" s="162"/>
      <c r="BV1067" s="162"/>
      <c r="BW1067" s="162"/>
      <c r="BX1067" s="162"/>
      <c r="BY1067" s="162"/>
      <c r="BZ1067" s="162"/>
      <c r="CA1067" s="162"/>
      <c r="CB1067" s="162"/>
      <c r="CC1067" s="162"/>
      <c r="CD1067" s="162"/>
      <c r="CE1067" s="162"/>
      <c r="CF1067" s="162"/>
      <c r="CG1067" s="162"/>
      <c r="CH1067" s="162"/>
      <c r="CI1067" s="162"/>
      <c r="CJ1067" s="162"/>
      <c r="CK1067" s="162"/>
      <c r="CX1067" s="98"/>
      <c r="DL1067" s="97"/>
      <c r="DX1067" s="98"/>
      <c r="EL1067" s="97"/>
      <c r="EX1067" s="98"/>
      <c r="EY1067" s="97"/>
      <c r="FL1067" s="126"/>
      <c r="FM1067" s="91"/>
      <c r="FN1067" s="91"/>
      <c r="FO1067" s="91"/>
      <c r="FP1067" s="91"/>
      <c r="FQ1067" s="91"/>
      <c r="FR1067" s="91"/>
      <c r="FS1067" s="91"/>
      <c r="FT1067" s="91"/>
      <c r="FU1067" s="91"/>
      <c r="FV1067" s="91"/>
      <c r="FW1067" s="91"/>
      <c r="FX1067" s="91"/>
      <c r="FY1067" s="91"/>
      <c r="FZ1067" s="91"/>
      <c r="GA1067" s="91"/>
      <c r="GB1067" s="91"/>
      <c r="GC1067" s="91"/>
      <c r="GD1067" s="91"/>
      <c r="GE1067" s="91"/>
      <c r="GF1067" s="91"/>
      <c r="GG1067" s="91"/>
      <c r="GH1067" s="91"/>
      <c r="GI1067" s="91"/>
      <c r="GJ1067" s="91"/>
      <c r="GK1067" s="127"/>
      <c r="GL1067" s="126"/>
      <c r="GM1067" s="91"/>
      <c r="GN1067" s="91"/>
      <c r="GO1067" s="91"/>
      <c r="GP1067" s="91"/>
      <c r="GQ1067" s="91"/>
      <c r="GR1067" s="91"/>
      <c r="GS1067" s="91"/>
      <c r="GT1067" s="91"/>
      <c r="GU1067" s="91"/>
      <c r="GV1067" s="91"/>
      <c r="GW1067" s="91"/>
      <c r="GX1067" s="91"/>
      <c r="GY1067" s="91"/>
      <c r="GZ1067" s="91"/>
      <c r="HA1067" s="91"/>
      <c r="HB1067" s="91"/>
      <c r="HC1067" s="91"/>
      <c r="HD1067" s="91"/>
      <c r="HE1067" s="91"/>
      <c r="HF1067" s="91"/>
      <c r="HG1067" s="91"/>
      <c r="HH1067" s="91"/>
      <c r="HI1067" s="91"/>
      <c r="HJ1067" s="91"/>
      <c r="HK1067" s="127"/>
      <c r="HL1067" s="126"/>
      <c r="HM1067" s="91"/>
      <c r="HN1067" s="91"/>
      <c r="HO1067" s="91"/>
      <c r="HP1067" s="91"/>
      <c r="HQ1067" s="91"/>
      <c r="HR1067" s="91"/>
      <c r="HS1067" s="91"/>
      <c r="HT1067" s="91"/>
      <c r="HU1067" s="91"/>
      <c r="HV1067" s="91"/>
      <c r="HW1067" s="91"/>
      <c r="HX1067" s="91"/>
      <c r="HY1067" s="91"/>
      <c r="HZ1067" s="91"/>
      <c r="IA1067" s="91"/>
      <c r="IB1067" s="91"/>
      <c r="IC1067" s="91"/>
      <c r="ID1067" s="91"/>
      <c r="IE1067" s="91"/>
      <c r="IF1067" s="91"/>
      <c r="IG1067" s="91"/>
      <c r="IH1067" s="91"/>
      <c r="II1067" s="91"/>
      <c r="IJ1067" s="91"/>
      <c r="IK1067" s="127"/>
    </row>
    <row r="1068" spans="2:245" x14ac:dyDescent="0.2">
      <c r="B1068" s="43"/>
      <c r="C1068" s="73"/>
      <c r="D1068" s="64"/>
      <c r="E1068" s="64"/>
      <c r="F1068" s="55"/>
      <c r="G1068" s="102"/>
      <c r="H1068" s="55"/>
      <c r="I1068" s="55"/>
      <c r="J1068" s="55"/>
      <c r="K1068" s="55"/>
      <c r="L1068" s="55"/>
      <c r="M1068" s="55"/>
      <c r="N1068" s="55"/>
      <c r="O1068" s="55"/>
      <c r="P1068" s="55"/>
      <c r="Q1068" s="55"/>
      <c r="R1068" s="55"/>
      <c r="S1068" s="55"/>
      <c r="T1068" s="55"/>
      <c r="U1068" s="55"/>
      <c r="V1068" s="55"/>
      <c r="W1068" s="55"/>
      <c r="X1068" s="55"/>
      <c r="Y1068" s="55"/>
      <c r="Z1068" s="55"/>
      <c r="AA1068" s="55"/>
      <c r="AB1068" s="55"/>
      <c r="AC1068" s="55"/>
      <c r="AD1068" s="55"/>
      <c r="AE1068" s="55"/>
      <c r="AF1068" s="55"/>
      <c r="AG1068" s="55"/>
      <c r="AY1068" s="162"/>
      <c r="AZ1068" s="162"/>
      <c r="BA1068" s="162"/>
      <c r="BB1068" s="162"/>
      <c r="BC1068" s="162"/>
      <c r="BD1068" s="162"/>
      <c r="BE1068" s="162"/>
      <c r="BF1068" s="162"/>
      <c r="BG1068" s="162"/>
      <c r="BH1068" s="162"/>
      <c r="BI1068" s="162"/>
      <c r="BJ1068" s="162"/>
      <c r="BK1068" s="162"/>
      <c r="BL1068" s="162"/>
      <c r="BM1068" s="162"/>
      <c r="BN1068" s="162"/>
      <c r="BO1068" s="162"/>
      <c r="BP1068" s="162"/>
      <c r="BQ1068" s="162"/>
      <c r="BR1068" s="162"/>
      <c r="BS1068" s="162"/>
      <c r="BT1068" s="162"/>
      <c r="BU1068" s="162"/>
      <c r="BV1068" s="162"/>
      <c r="BW1068" s="162"/>
      <c r="BX1068" s="162"/>
      <c r="BY1068" s="162"/>
      <c r="BZ1068" s="162"/>
      <c r="CA1068" s="162"/>
      <c r="CB1068" s="162"/>
      <c r="CC1068" s="162"/>
      <c r="CD1068" s="162"/>
      <c r="CE1068" s="162"/>
      <c r="CF1068" s="162"/>
      <c r="CG1068" s="162"/>
      <c r="CH1068" s="162"/>
      <c r="CI1068" s="162"/>
      <c r="CJ1068" s="162"/>
      <c r="CK1068" s="162"/>
      <c r="CX1068" s="98"/>
      <c r="DL1068" s="97"/>
      <c r="DX1068" s="98"/>
      <c r="EL1068" s="97"/>
      <c r="EX1068" s="98"/>
      <c r="EY1068" s="97"/>
      <c r="FL1068" s="126"/>
      <c r="FM1068" s="91"/>
      <c r="FN1068" s="91"/>
      <c r="FO1068" s="91"/>
      <c r="FP1068" s="91"/>
      <c r="FQ1068" s="91"/>
      <c r="FR1068" s="91"/>
      <c r="FS1068" s="91"/>
      <c r="FT1068" s="91"/>
      <c r="FU1068" s="91"/>
      <c r="FV1068" s="91"/>
      <c r="FW1068" s="91"/>
      <c r="FX1068" s="91"/>
      <c r="FY1068" s="91"/>
      <c r="FZ1068" s="91"/>
      <c r="GA1068" s="91"/>
      <c r="GB1068" s="91"/>
      <c r="GC1068" s="91"/>
      <c r="GD1068" s="91"/>
      <c r="GE1068" s="91"/>
      <c r="GF1068" s="91"/>
      <c r="GG1068" s="91"/>
      <c r="GH1068" s="91"/>
      <c r="GI1068" s="91"/>
      <c r="GJ1068" s="91"/>
      <c r="GK1068" s="127"/>
      <c r="GL1068" s="126"/>
      <c r="GM1068" s="91"/>
      <c r="GN1068" s="91"/>
      <c r="GO1068" s="91"/>
      <c r="GP1068" s="91"/>
      <c r="GQ1068" s="91"/>
      <c r="GR1068" s="91"/>
      <c r="GS1068" s="91"/>
      <c r="GT1068" s="91"/>
      <c r="GU1068" s="91"/>
      <c r="GV1068" s="91"/>
      <c r="GW1068" s="91"/>
      <c r="GX1068" s="91"/>
      <c r="GY1068" s="91"/>
      <c r="GZ1068" s="91"/>
      <c r="HA1068" s="91"/>
      <c r="HB1068" s="91"/>
      <c r="HC1068" s="91"/>
      <c r="HD1068" s="91"/>
      <c r="HE1068" s="91"/>
      <c r="HF1068" s="91"/>
      <c r="HG1068" s="91"/>
      <c r="HH1068" s="91"/>
      <c r="HI1068" s="91"/>
      <c r="HJ1068" s="91"/>
      <c r="HK1068" s="127"/>
      <c r="HL1068" s="126"/>
      <c r="HM1068" s="91"/>
      <c r="HN1068" s="91"/>
      <c r="HO1068" s="91"/>
      <c r="HP1068" s="91"/>
      <c r="HQ1068" s="91"/>
      <c r="HR1068" s="91"/>
      <c r="HS1068" s="91"/>
      <c r="HT1068" s="91"/>
      <c r="HU1068" s="91"/>
      <c r="HV1068" s="91"/>
      <c r="HW1068" s="91"/>
      <c r="HX1068" s="91"/>
      <c r="HY1068" s="91"/>
      <c r="HZ1068" s="91"/>
      <c r="IA1068" s="91"/>
      <c r="IB1068" s="91"/>
      <c r="IC1068" s="91"/>
      <c r="ID1068" s="91"/>
      <c r="IE1068" s="91"/>
      <c r="IF1068" s="91"/>
      <c r="IG1068" s="91"/>
      <c r="IH1068" s="91"/>
      <c r="II1068" s="91"/>
      <c r="IJ1068" s="91"/>
      <c r="IK1068" s="127"/>
    </row>
    <row r="1069" spans="2:245" x14ac:dyDescent="0.2">
      <c r="B1069" s="43"/>
      <c r="C1069" s="73"/>
      <c r="D1069" s="64"/>
      <c r="E1069" s="64"/>
      <c r="F1069" s="55"/>
      <c r="G1069" s="102"/>
      <c r="H1069" s="55"/>
      <c r="I1069" s="55"/>
      <c r="J1069" s="55"/>
      <c r="K1069" s="55"/>
      <c r="L1069" s="55"/>
      <c r="M1069" s="55"/>
      <c r="N1069" s="55"/>
      <c r="O1069" s="55"/>
      <c r="P1069" s="55"/>
      <c r="Q1069" s="55"/>
      <c r="R1069" s="55"/>
      <c r="S1069" s="55"/>
      <c r="T1069" s="55"/>
      <c r="U1069" s="55"/>
      <c r="V1069" s="55"/>
      <c r="W1069" s="55"/>
      <c r="X1069" s="55"/>
      <c r="Y1069" s="55"/>
      <c r="Z1069" s="55"/>
      <c r="AA1069" s="55"/>
      <c r="AB1069" s="55"/>
      <c r="AC1069" s="55"/>
      <c r="AD1069" s="55"/>
      <c r="AE1069" s="55"/>
      <c r="AF1069" s="55"/>
      <c r="AG1069" s="55"/>
      <c r="AY1069" s="162"/>
      <c r="AZ1069" s="162"/>
      <c r="BA1069" s="162"/>
      <c r="BB1069" s="162"/>
      <c r="BC1069" s="162"/>
      <c r="BD1069" s="162"/>
      <c r="BE1069" s="162"/>
      <c r="BF1069" s="162"/>
      <c r="BG1069" s="162"/>
      <c r="BH1069" s="162"/>
      <c r="BI1069" s="162"/>
      <c r="BJ1069" s="162"/>
      <c r="BK1069" s="162"/>
      <c r="BL1069" s="162"/>
      <c r="BM1069" s="162"/>
      <c r="BN1069" s="162"/>
      <c r="BO1069" s="162"/>
      <c r="BP1069" s="162"/>
      <c r="BQ1069" s="162"/>
      <c r="BR1069" s="162"/>
      <c r="BS1069" s="162"/>
      <c r="BT1069" s="162"/>
      <c r="BU1069" s="162"/>
      <c r="BV1069" s="162"/>
      <c r="BW1069" s="162"/>
      <c r="BX1069" s="162"/>
      <c r="BY1069" s="162"/>
      <c r="BZ1069" s="162"/>
      <c r="CA1069" s="162"/>
      <c r="CB1069" s="162"/>
      <c r="CC1069" s="162"/>
      <c r="CD1069" s="162"/>
      <c r="CE1069" s="162"/>
      <c r="CF1069" s="162"/>
      <c r="CG1069" s="162"/>
      <c r="CH1069" s="162"/>
      <c r="CI1069" s="162"/>
      <c r="CJ1069" s="162"/>
      <c r="CK1069" s="162"/>
      <c r="CX1069" s="98"/>
      <c r="DL1069" s="97"/>
      <c r="DX1069" s="98"/>
      <c r="EL1069" s="97"/>
      <c r="EX1069" s="98"/>
      <c r="EY1069" s="97"/>
      <c r="FL1069" s="126"/>
      <c r="FM1069" s="91"/>
      <c r="FN1069" s="91"/>
      <c r="FO1069" s="91"/>
      <c r="FP1069" s="91"/>
      <c r="FQ1069" s="91"/>
      <c r="FR1069" s="91"/>
      <c r="FS1069" s="91"/>
      <c r="FT1069" s="91"/>
      <c r="FU1069" s="91"/>
      <c r="FV1069" s="91"/>
      <c r="FW1069" s="91"/>
      <c r="FX1069" s="91"/>
      <c r="FY1069" s="91"/>
      <c r="FZ1069" s="91"/>
      <c r="GA1069" s="91"/>
      <c r="GB1069" s="91"/>
      <c r="GC1069" s="91"/>
      <c r="GD1069" s="91"/>
      <c r="GE1069" s="91"/>
      <c r="GF1069" s="91"/>
      <c r="GG1069" s="91"/>
      <c r="GH1069" s="91"/>
      <c r="GI1069" s="91"/>
      <c r="GJ1069" s="91"/>
      <c r="GK1069" s="127"/>
      <c r="GL1069" s="126"/>
      <c r="GM1069" s="91"/>
      <c r="GN1069" s="91"/>
      <c r="GO1069" s="91"/>
      <c r="GP1069" s="91"/>
      <c r="GQ1069" s="91"/>
      <c r="GR1069" s="91"/>
      <c r="GS1069" s="91"/>
      <c r="GT1069" s="91"/>
      <c r="GU1069" s="91"/>
      <c r="GV1069" s="91"/>
      <c r="GW1069" s="91"/>
      <c r="GX1069" s="91"/>
      <c r="GY1069" s="91"/>
      <c r="GZ1069" s="91"/>
      <c r="HA1069" s="91"/>
      <c r="HB1069" s="91"/>
      <c r="HC1069" s="91"/>
      <c r="HD1069" s="91"/>
      <c r="HE1069" s="91"/>
      <c r="HF1069" s="91"/>
      <c r="HG1069" s="91"/>
      <c r="HH1069" s="91"/>
      <c r="HI1069" s="91"/>
      <c r="HJ1069" s="91"/>
      <c r="HK1069" s="127"/>
      <c r="HL1069" s="126"/>
      <c r="HM1069" s="91"/>
      <c r="HN1069" s="91"/>
      <c r="HO1069" s="91"/>
      <c r="HP1069" s="91"/>
      <c r="HQ1069" s="91"/>
      <c r="HR1069" s="91"/>
      <c r="HS1069" s="91"/>
      <c r="HT1069" s="91"/>
      <c r="HU1069" s="91"/>
      <c r="HV1069" s="91"/>
      <c r="HW1069" s="91"/>
      <c r="HX1069" s="91"/>
      <c r="HY1069" s="91"/>
      <c r="HZ1069" s="91"/>
      <c r="IA1069" s="91"/>
      <c r="IB1069" s="91"/>
      <c r="IC1069" s="91"/>
      <c r="ID1069" s="91"/>
      <c r="IE1069" s="91"/>
      <c r="IF1069" s="91"/>
      <c r="IG1069" s="91"/>
      <c r="IH1069" s="91"/>
      <c r="II1069" s="91"/>
      <c r="IJ1069" s="91"/>
      <c r="IK1069" s="127"/>
    </row>
    <row r="1070" spans="2:245" x14ac:dyDescent="0.2">
      <c r="B1070" s="43"/>
      <c r="C1070" s="73"/>
      <c r="D1070" s="64"/>
      <c r="E1070" s="64"/>
      <c r="F1070" s="55"/>
      <c r="G1070" s="102"/>
      <c r="H1070" s="55"/>
      <c r="I1070" s="55"/>
      <c r="J1070" s="55"/>
      <c r="K1070" s="55"/>
      <c r="L1070" s="55"/>
      <c r="M1070" s="55"/>
      <c r="N1070" s="55"/>
      <c r="O1070" s="55"/>
      <c r="P1070" s="55"/>
      <c r="Q1070" s="55"/>
      <c r="R1070" s="55"/>
      <c r="S1070" s="55"/>
      <c r="T1070" s="55"/>
      <c r="U1070" s="55"/>
      <c r="V1070" s="55"/>
      <c r="W1070" s="55"/>
      <c r="X1070" s="55"/>
      <c r="Y1070" s="55"/>
      <c r="Z1070" s="55"/>
      <c r="AA1070" s="55"/>
      <c r="AB1070" s="55"/>
      <c r="AC1070" s="55"/>
      <c r="AD1070" s="55"/>
      <c r="AE1070" s="55"/>
      <c r="AF1070" s="55"/>
      <c r="AG1070" s="55"/>
      <c r="AY1070" s="162"/>
      <c r="AZ1070" s="162"/>
      <c r="BA1070" s="162"/>
      <c r="BB1070" s="162"/>
      <c r="BC1070" s="162"/>
      <c r="BD1070" s="162"/>
      <c r="BE1070" s="162"/>
      <c r="BF1070" s="162"/>
      <c r="BG1070" s="162"/>
      <c r="BH1070" s="162"/>
      <c r="BI1070" s="162"/>
      <c r="BJ1070" s="162"/>
      <c r="BK1070" s="162"/>
      <c r="BL1070" s="162"/>
      <c r="BM1070" s="162"/>
      <c r="BN1070" s="162"/>
      <c r="BO1070" s="162"/>
      <c r="BP1070" s="162"/>
      <c r="BQ1070" s="162"/>
      <c r="BR1070" s="162"/>
      <c r="BS1070" s="162"/>
      <c r="BT1070" s="162"/>
      <c r="BU1070" s="162"/>
      <c r="BV1070" s="162"/>
      <c r="BW1070" s="162"/>
      <c r="BX1070" s="162"/>
      <c r="BY1070" s="162"/>
      <c r="BZ1070" s="162"/>
      <c r="CA1070" s="162"/>
      <c r="CB1070" s="162"/>
      <c r="CC1070" s="162"/>
      <c r="CD1070" s="162"/>
      <c r="CE1070" s="162"/>
      <c r="CF1070" s="162"/>
      <c r="CG1070" s="162"/>
      <c r="CH1070" s="162"/>
      <c r="CI1070" s="162"/>
      <c r="CJ1070" s="162"/>
      <c r="CK1070" s="162"/>
      <c r="CX1070" s="98"/>
      <c r="DL1070" s="97"/>
      <c r="DX1070" s="98"/>
      <c r="EL1070" s="97"/>
      <c r="EX1070" s="98"/>
      <c r="EY1070" s="97"/>
      <c r="FL1070" s="126"/>
      <c r="FM1070" s="91"/>
      <c r="FN1070" s="91"/>
      <c r="FO1070" s="91"/>
      <c r="FP1070" s="91"/>
      <c r="FQ1070" s="91"/>
      <c r="FR1070" s="91"/>
      <c r="FS1070" s="91"/>
      <c r="FT1070" s="91"/>
      <c r="FU1070" s="91"/>
      <c r="FV1070" s="91"/>
      <c r="FW1070" s="91"/>
      <c r="FX1070" s="91"/>
      <c r="FY1070" s="91"/>
      <c r="FZ1070" s="91"/>
      <c r="GA1070" s="91"/>
      <c r="GB1070" s="91"/>
      <c r="GC1070" s="91"/>
      <c r="GD1070" s="91"/>
      <c r="GE1070" s="91"/>
      <c r="GF1070" s="91"/>
      <c r="GG1070" s="91"/>
      <c r="GH1070" s="91"/>
      <c r="GI1070" s="91"/>
      <c r="GJ1070" s="91"/>
      <c r="GK1070" s="127"/>
      <c r="GL1070" s="126"/>
      <c r="GM1070" s="91"/>
      <c r="GN1070" s="91"/>
      <c r="GO1070" s="91"/>
      <c r="GP1070" s="91"/>
      <c r="GQ1070" s="91"/>
      <c r="GR1070" s="91"/>
      <c r="GS1070" s="91"/>
      <c r="GT1070" s="91"/>
      <c r="GU1070" s="91"/>
      <c r="GV1070" s="91"/>
      <c r="GW1070" s="91"/>
      <c r="GX1070" s="91"/>
      <c r="GY1070" s="91"/>
      <c r="GZ1070" s="91"/>
      <c r="HA1070" s="91"/>
      <c r="HB1070" s="91"/>
      <c r="HC1070" s="91"/>
      <c r="HD1070" s="91"/>
      <c r="HE1070" s="91"/>
      <c r="HF1070" s="91"/>
      <c r="HG1070" s="91"/>
      <c r="HH1070" s="91"/>
      <c r="HI1070" s="91"/>
      <c r="HJ1070" s="91"/>
      <c r="HK1070" s="127"/>
      <c r="HL1070" s="126"/>
      <c r="HM1070" s="91"/>
      <c r="HN1070" s="91"/>
      <c r="HO1070" s="91"/>
      <c r="HP1070" s="91"/>
      <c r="HQ1070" s="91"/>
      <c r="HR1070" s="91"/>
      <c r="HS1070" s="91"/>
      <c r="HT1070" s="91"/>
      <c r="HU1070" s="91"/>
      <c r="HV1070" s="91"/>
      <c r="HW1070" s="91"/>
      <c r="HX1070" s="91"/>
      <c r="HY1070" s="91"/>
      <c r="HZ1070" s="91"/>
      <c r="IA1070" s="91"/>
      <c r="IB1070" s="91"/>
      <c r="IC1070" s="91"/>
      <c r="ID1070" s="91"/>
      <c r="IE1070" s="91"/>
      <c r="IF1070" s="91"/>
      <c r="IG1070" s="91"/>
      <c r="IH1070" s="91"/>
      <c r="II1070" s="91"/>
      <c r="IJ1070" s="91"/>
      <c r="IK1070" s="127"/>
    </row>
    <row r="1071" spans="2:245" x14ac:dyDescent="0.2">
      <c r="B1071" s="43"/>
      <c r="C1071" s="73"/>
      <c r="D1071" s="64"/>
      <c r="E1071" s="64"/>
      <c r="F1071" s="55"/>
      <c r="G1071" s="102"/>
      <c r="H1071" s="55"/>
      <c r="I1071" s="55"/>
      <c r="J1071" s="55"/>
      <c r="K1071" s="55"/>
      <c r="L1071" s="55"/>
      <c r="M1071" s="55"/>
      <c r="N1071" s="55"/>
      <c r="O1071" s="55"/>
      <c r="P1071" s="55"/>
      <c r="Q1071" s="55"/>
      <c r="R1071" s="55"/>
      <c r="S1071" s="55"/>
      <c r="T1071" s="55"/>
      <c r="U1071" s="55"/>
      <c r="V1071" s="55"/>
      <c r="W1071" s="55"/>
      <c r="X1071" s="55"/>
      <c r="Y1071" s="55"/>
      <c r="Z1071" s="55"/>
      <c r="AA1071" s="55"/>
      <c r="AB1071" s="55"/>
      <c r="AC1071" s="55"/>
      <c r="AD1071" s="55"/>
      <c r="AE1071" s="55"/>
      <c r="AF1071" s="55"/>
      <c r="AG1071" s="55"/>
      <c r="AY1071" s="162"/>
      <c r="AZ1071" s="162"/>
      <c r="BA1071" s="162"/>
      <c r="BB1071" s="162"/>
      <c r="BC1071" s="162"/>
      <c r="BD1071" s="162"/>
      <c r="BE1071" s="162"/>
      <c r="BF1071" s="162"/>
      <c r="BG1071" s="162"/>
      <c r="BH1071" s="162"/>
      <c r="BI1071" s="162"/>
      <c r="BJ1071" s="162"/>
      <c r="BK1071" s="162"/>
      <c r="BL1071" s="162"/>
      <c r="BM1071" s="162"/>
      <c r="BN1071" s="162"/>
      <c r="BO1071" s="162"/>
      <c r="BP1071" s="162"/>
      <c r="BQ1071" s="162"/>
      <c r="BR1071" s="162"/>
      <c r="BS1071" s="162"/>
      <c r="BT1071" s="162"/>
      <c r="BU1071" s="162"/>
      <c r="BV1071" s="162"/>
      <c r="BW1071" s="162"/>
      <c r="BX1071" s="162"/>
      <c r="BY1071" s="162"/>
      <c r="BZ1071" s="162"/>
      <c r="CA1071" s="162"/>
      <c r="CB1071" s="162"/>
      <c r="CC1071" s="162"/>
      <c r="CD1071" s="162"/>
      <c r="CE1071" s="162"/>
      <c r="CF1071" s="162"/>
      <c r="CG1071" s="162"/>
      <c r="CH1071" s="162"/>
      <c r="CI1071" s="162"/>
      <c r="CJ1071" s="162"/>
      <c r="CK1071" s="162"/>
      <c r="CX1071" s="98"/>
      <c r="DL1071" s="97"/>
      <c r="DX1071" s="98"/>
      <c r="EL1071" s="97"/>
      <c r="EX1071" s="98"/>
      <c r="EY1071" s="97"/>
      <c r="FL1071" s="126"/>
      <c r="FM1071" s="91"/>
      <c r="FN1071" s="91"/>
      <c r="FO1071" s="91"/>
      <c r="FP1071" s="91"/>
      <c r="FQ1071" s="91"/>
      <c r="FR1071" s="91"/>
      <c r="FS1071" s="91"/>
      <c r="FT1071" s="91"/>
      <c r="FU1071" s="91"/>
      <c r="FV1071" s="91"/>
      <c r="FW1071" s="91"/>
      <c r="FX1071" s="91"/>
      <c r="FY1071" s="91"/>
      <c r="FZ1071" s="91"/>
      <c r="GA1071" s="91"/>
      <c r="GB1071" s="91"/>
      <c r="GC1071" s="91"/>
      <c r="GD1071" s="91"/>
      <c r="GE1071" s="91"/>
      <c r="GF1071" s="91"/>
      <c r="GG1071" s="91"/>
      <c r="GH1071" s="91"/>
      <c r="GI1071" s="91"/>
      <c r="GJ1071" s="91"/>
      <c r="GK1071" s="127"/>
      <c r="GL1071" s="126"/>
      <c r="GM1071" s="91"/>
      <c r="GN1071" s="91"/>
      <c r="GO1071" s="91"/>
      <c r="GP1071" s="91"/>
      <c r="GQ1071" s="91"/>
      <c r="GR1071" s="91"/>
      <c r="GS1071" s="91"/>
      <c r="GT1071" s="91"/>
      <c r="GU1071" s="91"/>
      <c r="GV1071" s="91"/>
      <c r="GW1071" s="91"/>
      <c r="GX1071" s="91"/>
      <c r="GY1071" s="91"/>
      <c r="GZ1071" s="91"/>
      <c r="HA1071" s="91"/>
      <c r="HB1071" s="91"/>
      <c r="HC1071" s="91"/>
      <c r="HD1071" s="91"/>
      <c r="HE1071" s="91"/>
      <c r="HF1071" s="91"/>
      <c r="HG1071" s="91"/>
      <c r="HH1071" s="91"/>
      <c r="HI1071" s="91"/>
      <c r="HJ1071" s="91"/>
      <c r="HK1071" s="127"/>
      <c r="HL1071" s="126"/>
      <c r="HM1071" s="91"/>
      <c r="HN1071" s="91"/>
      <c r="HO1071" s="91"/>
      <c r="HP1071" s="91"/>
      <c r="HQ1071" s="91"/>
      <c r="HR1071" s="91"/>
      <c r="HS1071" s="91"/>
      <c r="HT1071" s="91"/>
      <c r="HU1071" s="91"/>
      <c r="HV1071" s="91"/>
      <c r="HW1071" s="91"/>
      <c r="HX1071" s="91"/>
      <c r="HY1071" s="91"/>
      <c r="HZ1071" s="91"/>
      <c r="IA1071" s="91"/>
      <c r="IB1071" s="91"/>
      <c r="IC1071" s="91"/>
      <c r="ID1071" s="91"/>
      <c r="IE1071" s="91"/>
      <c r="IF1071" s="91"/>
      <c r="IG1071" s="91"/>
      <c r="IH1071" s="91"/>
      <c r="II1071" s="91"/>
      <c r="IJ1071" s="91"/>
      <c r="IK1071" s="127"/>
    </row>
    <row r="1072" spans="2:245" x14ac:dyDescent="0.2">
      <c r="B1072" s="43"/>
      <c r="C1072" s="73"/>
      <c r="D1072" s="64"/>
      <c r="E1072" s="64"/>
      <c r="F1072" s="55"/>
      <c r="G1072" s="102"/>
      <c r="H1072" s="55"/>
      <c r="I1072" s="55"/>
      <c r="J1072" s="55"/>
      <c r="K1072" s="55"/>
      <c r="L1072" s="55"/>
      <c r="M1072" s="55"/>
      <c r="N1072" s="55"/>
      <c r="O1072" s="55"/>
      <c r="P1072" s="55"/>
      <c r="Q1072" s="55"/>
      <c r="R1072" s="55"/>
      <c r="S1072" s="55"/>
      <c r="T1072" s="55"/>
      <c r="U1072" s="55"/>
      <c r="V1072" s="55"/>
      <c r="W1072" s="55"/>
      <c r="X1072" s="55"/>
      <c r="Y1072" s="55"/>
      <c r="Z1072" s="55"/>
      <c r="AA1072" s="55"/>
      <c r="AB1072" s="55"/>
      <c r="AC1072" s="55"/>
      <c r="AD1072" s="55"/>
      <c r="AE1072" s="55"/>
      <c r="AF1072" s="55"/>
      <c r="AG1072" s="55"/>
      <c r="AY1072" s="162"/>
      <c r="AZ1072" s="162"/>
      <c r="BA1072" s="162"/>
      <c r="BB1072" s="162"/>
      <c r="BC1072" s="162"/>
      <c r="BD1072" s="162"/>
      <c r="BE1072" s="162"/>
      <c r="BF1072" s="162"/>
      <c r="BG1072" s="162"/>
      <c r="BH1072" s="162"/>
      <c r="BI1072" s="162"/>
      <c r="BJ1072" s="162"/>
      <c r="BK1072" s="162"/>
      <c r="BL1072" s="162"/>
      <c r="BM1072" s="162"/>
      <c r="BN1072" s="162"/>
      <c r="BO1072" s="162"/>
      <c r="BP1072" s="162"/>
      <c r="BQ1072" s="162"/>
      <c r="BR1072" s="162"/>
      <c r="BS1072" s="162"/>
      <c r="BT1072" s="162"/>
      <c r="BU1072" s="162"/>
      <c r="BV1072" s="162"/>
      <c r="BW1072" s="162"/>
      <c r="BX1072" s="162"/>
      <c r="BY1072" s="162"/>
      <c r="BZ1072" s="162"/>
      <c r="CA1072" s="162"/>
      <c r="CB1072" s="162"/>
      <c r="CC1072" s="162"/>
      <c r="CD1072" s="162"/>
      <c r="CE1072" s="162"/>
      <c r="CF1072" s="162"/>
      <c r="CG1072" s="162"/>
      <c r="CH1072" s="162"/>
      <c r="CI1072" s="162"/>
      <c r="CJ1072" s="162"/>
      <c r="CK1072" s="162"/>
      <c r="CX1072" s="98"/>
      <c r="DL1072" s="97"/>
      <c r="DX1072" s="98"/>
      <c r="EL1072" s="97"/>
      <c r="EX1072" s="98"/>
      <c r="EY1072" s="97"/>
      <c r="FL1072" s="126"/>
      <c r="FM1072" s="91"/>
      <c r="FN1072" s="91"/>
      <c r="FO1072" s="91"/>
      <c r="FP1072" s="91"/>
      <c r="FQ1072" s="91"/>
      <c r="FR1072" s="91"/>
      <c r="FS1072" s="91"/>
      <c r="FT1072" s="91"/>
      <c r="FU1072" s="91"/>
      <c r="FV1072" s="91"/>
      <c r="FW1072" s="91"/>
      <c r="FX1072" s="91"/>
      <c r="FY1072" s="91"/>
      <c r="FZ1072" s="91"/>
      <c r="GA1072" s="91"/>
      <c r="GB1072" s="91"/>
      <c r="GC1072" s="91"/>
      <c r="GD1072" s="91"/>
      <c r="GE1072" s="91"/>
      <c r="GF1072" s="91"/>
      <c r="GG1072" s="91"/>
      <c r="GH1072" s="91"/>
      <c r="GI1072" s="91"/>
      <c r="GJ1072" s="91"/>
      <c r="GK1072" s="127"/>
      <c r="GL1072" s="126"/>
      <c r="GM1072" s="91"/>
      <c r="GN1072" s="91"/>
      <c r="GO1072" s="91"/>
      <c r="GP1072" s="91"/>
      <c r="GQ1072" s="91"/>
      <c r="GR1072" s="91"/>
      <c r="GS1072" s="91"/>
      <c r="GT1072" s="91"/>
      <c r="GU1072" s="91"/>
      <c r="GV1072" s="91"/>
      <c r="GW1072" s="91"/>
      <c r="GX1072" s="91"/>
      <c r="GY1072" s="91"/>
      <c r="GZ1072" s="91"/>
      <c r="HA1072" s="91"/>
      <c r="HB1072" s="91"/>
      <c r="HC1072" s="91"/>
      <c r="HD1072" s="91"/>
      <c r="HE1072" s="91"/>
      <c r="HF1072" s="91"/>
      <c r="HG1072" s="91"/>
      <c r="HH1072" s="91"/>
      <c r="HI1072" s="91"/>
      <c r="HJ1072" s="91"/>
      <c r="HK1072" s="127"/>
      <c r="HL1072" s="126"/>
      <c r="HM1072" s="91"/>
      <c r="HN1072" s="91"/>
      <c r="HO1072" s="91"/>
      <c r="HP1072" s="91"/>
      <c r="HQ1072" s="91"/>
      <c r="HR1072" s="91"/>
      <c r="HS1072" s="91"/>
      <c r="HT1072" s="91"/>
      <c r="HU1072" s="91"/>
      <c r="HV1072" s="91"/>
      <c r="HW1072" s="91"/>
      <c r="HX1072" s="91"/>
      <c r="HY1072" s="91"/>
      <c r="HZ1072" s="91"/>
      <c r="IA1072" s="91"/>
      <c r="IB1072" s="91"/>
      <c r="IC1072" s="91"/>
      <c r="ID1072" s="91"/>
      <c r="IE1072" s="91"/>
      <c r="IF1072" s="91"/>
      <c r="IG1072" s="91"/>
      <c r="IH1072" s="91"/>
      <c r="II1072" s="91"/>
      <c r="IJ1072" s="91"/>
      <c r="IK1072" s="127"/>
    </row>
    <row r="1073" spans="2:245" x14ac:dyDescent="0.2">
      <c r="B1073" s="43"/>
      <c r="C1073" s="73"/>
      <c r="D1073" s="64"/>
      <c r="E1073" s="64"/>
      <c r="F1073" s="55"/>
      <c r="G1073" s="102"/>
      <c r="H1073" s="55"/>
      <c r="I1073" s="55"/>
      <c r="J1073" s="55"/>
      <c r="K1073" s="55"/>
      <c r="L1073" s="55"/>
      <c r="M1073" s="55"/>
      <c r="N1073" s="55"/>
      <c r="O1073" s="55"/>
      <c r="P1073" s="55"/>
      <c r="Q1073" s="55"/>
      <c r="R1073" s="55"/>
      <c r="S1073" s="55"/>
      <c r="T1073" s="55"/>
      <c r="U1073" s="55"/>
      <c r="V1073" s="55"/>
      <c r="W1073" s="55"/>
      <c r="X1073" s="55"/>
      <c r="Y1073" s="55"/>
      <c r="Z1073" s="55"/>
      <c r="AA1073" s="55"/>
      <c r="AB1073" s="55"/>
      <c r="AC1073" s="55"/>
      <c r="AD1073" s="55"/>
      <c r="AE1073" s="55"/>
      <c r="AF1073" s="55"/>
      <c r="AG1073" s="55"/>
      <c r="AY1073" s="162"/>
      <c r="AZ1073" s="162"/>
      <c r="BA1073" s="162"/>
      <c r="BB1073" s="162"/>
      <c r="BC1073" s="162"/>
      <c r="BD1073" s="162"/>
      <c r="BE1073" s="162"/>
      <c r="BF1073" s="162"/>
      <c r="BG1073" s="162"/>
      <c r="BH1073" s="162"/>
      <c r="BI1073" s="162"/>
      <c r="BJ1073" s="162"/>
      <c r="BK1073" s="162"/>
      <c r="BL1073" s="162"/>
      <c r="BM1073" s="162"/>
      <c r="BN1073" s="162"/>
      <c r="BO1073" s="162"/>
      <c r="BP1073" s="162"/>
      <c r="BQ1073" s="162"/>
      <c r="BR1073" s="162"/>
      <c r="BS1073" s="162"/>
      <c r="BT1073" s="162"/>
      <c r="BU1073" s="162"/>
      <c r="BV1073" s="162"/>
      <c r="BW1073" s="162"/>
      <c r="BX1073" s="162"/>
      <c r="BY1073" s="162"/>
      <c r="BZ1073" s="162"/>
      <c r="CA1073" s="162"/>
      <c r="CB1073" s="162"/>
      <c r="CC1073" s="162"/>
      <c r="CD1073" s="162"/>
      <c r="CE1073" s="162"/>
      <c r="CF1073" s="162"/>
      <c r="CG1073" s="162"/>
      <c r="CH1073" s="162"/>
      <c r="CI1073" s="162"/>
      <c r="CJ1073" s="162"/>
      <c r="CK1073" s="162"/>
      <c r="CX1073" s="98"/>
      <c r="DL1073" s="97"/>
      <c r="DX1073" s="98"/>
      <c r="EL1073" s="97"/>
      <c r="EX1073" s="98"/>
      <c r="EY1073" s="97"/>
      <c r="FL1073" s="126"/>
      <c r="FM1073" s="91"/>
      <c r="FN1073" s="91"/>
      <c r="FO1073" s="91"/>
      <c r="FP1073" s="91"/>
      <c r="FQ1073" s="91"/>
      <c r="FR1073" s="91"/>
      <c r="FS1073" s="91"/>
      <c r="FT1073" s="91"/>
      <c r="FU1073" s="91"/>
      <c r="FV1073" s="91"/>
      <c r="FW1073" s="91"/>
      <c r="FX1073" s="91"/>
      <c r="FY1073" s="91"/>
      <c r="FZ1073" s="91"/>
      <c r="GA1073" s="91"/>
      <c r="GB1073" s="91"/>
      <c r="GC1073" s="91"/>
      <c r="GD1073" s="91"/>
      <c r="GE1073" s="91"/>
      <c r="GF1073" s="91"/>
      <c r="GG1073" s="91"/>
      <c r="GH1073" s="91"/>
      <c r="GI1073" s="91"/>
      <c r="GJ1073" s="91"/>
      <c r="GK1073" s="127"/>
      <c r="GL1073" s="126"/>
      <c r="GM1073" s="91"/>
      <c r="GN1073" s="91"/>
      <c r="GO1073" s="91"/>
      <c r="GP1073" s="91"/>
      <c r="GQ1073" s="91"/>
      <c r="GR1073" s="91"/>
      <c r="GS1073" s="91"/>
      <c r="GT1073" s="91"/>
      <c r="GU1073" s="91"/>
      <c r="GV1073" s="91"/>
      <c r="GW1073" s="91"/>
      <c r="GX1073" s="91"/>
      <c r="GY1073" s="91"/>
      <c r="GZ1073" s="91"/>
      <c r="HA1073" s="91"/>
      <c r="HB1073" s="91"/>
      <c r="HC1073" s="91"/>
      <c r="HD1073" s="91"/>
      <c r="HE1073" s="91"/>
      <c r="HF1073" s="91"/>
      <c r="HG1073" s="91"/>
      <c r="HH1073" s="91"/>
      <c r="HI1073" s="91"/>
      <c r="HJ1073" s="91"/>
      <c r="HK1073" s="127"/>
      <c r="HL1073" s="126"/>
      <c r="HM1073" s="91"/>
      <c r="HN1073" s="91"/>
      <c r="HO1073" s="91"/>
      <c r="HP1073" s="91"/>
      <c r="HQ1073" s="91"/>
      <c r="HR1073" s="91"/>
      <c r="HS1073" s="91"/>
      <c r="HT1073" s="91"/>
      <c r="HU1073" s="91"/>
      <c r="HV1073" s="91"/>
      <c r="HW1073" s="91"/>
      <c r="HX1073" s="91"/>
      <c r="HY1073" s="91"/>
      <c r="HZ1073" s="91"/>
      <c r="IA1073" s="91"/>
      <c r="IB1073" s="91"/>
      <c r="IC1073" s="91"/>
      <c r="ID1073" s="91"/>
      <c r="IE1073" s="91"/>
      <c r="IF1073" s="91"/>
      <c r="IG1073" s="91"/>
      <c r="IH1073" s="91"/>
      <c r="II1073" s="91"/>
      <c r="IJ1073" s="91"/>
      <c r="IK1073" s="127"/>
    </row>
    <row r="1074" spans="2:245" x14ac:dyDescent="0.2">
      <c r="B1074" s="43"/>
      <c r="C1074" s="73"/>
      <c r="D1074" s="64"/>
      <c r="E1074" s="64"/>
      <c r="F1074" s="55"/>
      <c r="G1074" s="102"/>
      <c r="H1074" s="55"/>
      <c r="I1074" s="55"/>
      <c r="J1074" s="55"/>
      <c r="K1074" s="55"/>
      <c r="L1074" s="55"/>
      <c r="M1074" s="55"/>
      <c r="N1074" s="55"/>
      <c r="O1074" s="55"/>
      <c r="P1074" s="55"/>
      <c r="Q1074" s="55"/>
      <c r="R1074" s="55"/>
      <c r="S1074" s="55"/>
      <c r="T1074" s="55"/>
      <c r="U1074" s="55"/>
      <c r="V1074" s="55"/>
      <c r="W1074" s="55"/>
      <c r="X1074" s="55"/>
      <c r="Y1074" s="55"/>
      <c r="Z1074" s="55"/>
      <c r="AA1074" s="55"/>
      <c r="AB1074" s="55"/>
      <c r="AC1074" s="55"/>
      <c r="AD1074" s="55"/>
      <c r="AE1074" s="55"/>
      <c r="AF1074" s="55"/>
      <c r="AG1074" s="55"/>
      <c r="AY1074" s="162"/>
      <c r="AZ1074" s="162"/>
      <c r="BA1074" s="162"/>
      <c r="BB1074" s="162"/>
      <c r="BC1074" s="162"/>
      <c r="BD1074" s="162"/>
      <c r="BE1074" s="162"/>
      <c r="BF1074" s="162"/>
      <c r="BG1074" s="162"/>
      <c r="BH1074" s="162"/>
      <c r="BI1074" s="162"/>
      <c r="BJ1074" s="162"/>
      <c r="BK1074" s="162"/>
      <c r="BL1074" s="162"/>
      <c r="BM1074" s="162"/>
      <c r="BN1074" s="162"/>
      <c r="BO1074" s="162"/>
      <c r="BP1074" s="162"/>
      <c r="BQ1074" s="162"/>
      <c r="BR1074" s="162"/>
      <c r="BS1074" s="162"/>
      <c r="BT1074" s="162"/>
      <c r="BU1074" s="162"/>
      <c r="BV1074" s="162"/>
      <c r="BW1074" s="162"/>
      <c r="BX1074" s="162"/>
      <c r="BY1074" s="162"/>
      <c r="BZ1074" s="162"/>
      <c r="CA1074" s="162"/>
      <c r="CB1074" s="162"/>
      <c r="CC1074" s="162"/>
      <c r="CD1074" s="162"/>
      <c r="CE1074" s="162"/>
      <c r="CF1074" s="162"/>
      <c r="CG1074" s="162"/>
      <c r="CH1074" s="162"/>
      <c r="CI1074" s="162"/>
      <c r="CJ1074" s="162"/>
      <c r="CK1074" s="162"/>
      <c r="CX1074" s="98"/>
      <c r="DL1074" s="97"/>
      <c r="DX1074" s="98"/>
      <c r="EL1074" s="97"/>
      <c r="EX1074" s="98"/>
      <c r="EY1074" s="97"/>
      <c r="FL1074" s="126"/>
      <c r="FM1074" s="91"/>
      <c r="FN1074" s="91"/>
      <c r="FO1074" s="91"/>
      <c r="FP1074" s="91"/>
      <c r="FQ1074" s="91"/>
      <c r="FR1074" s="91"/>
      <c r="FS1074" s="91"/>
      <c r="FT1074" s="91"/>
      <c r="FU1074" s="91"/>
      <c r="FV1074" s="91"/>
      <c r="FW1074" s="91"/>
      <c r="FX1074" s="91"/>
      <c r="FY1074" s="91"/>
      <c r="FZ1074" s="91"/>
      <c r="GA1074" s="91"/>
      <c r="GB1074" s="91"/>
      <c r="GC1074" s="91"/>
      <c r="GD1074" s="91"/>
      <c r="GE1074" s="91"/>
      <c r="GF1074" s="91"/>
      <c r="GG1074" s="91"/>
      <c r="GH1074" s="91"/>
      <c r="GI1074" s="91"/>
      <c r="GJ1074" s="91"/>
      <c r="GK1074" s="127"/>
      <c r="GL1074" s="126"/>
      <c r="GM1074" s="91"/>
      <c r="GN1074" s="91"/>
      <c r="GO1074" s="91"/>
      <c r="GP1074" s="91"/>
      <c r="GQ1074" s="91"/>
      <c r="GR1074" s="91"/>
      <c r="GS1074" s="91"/>
      <c r="GT1074" s="91"/>
      <c r="GU1074" s="91"/>
      <c r="GV1074" s="91"/>
      <c r="GW1074" s="91"/>
      <c r="GX1074" s="91"/>
      <c r="GY1074" s="91"/>
      <c r="GZ1074" s="91"/>
      <c r="HA1074" s="91"/>
      <c r="HB1074" s="91"/>
      <c r="HC1074" s="91"/>
      <c r="HD1074" s="91"/>
      <c r="HE1074" s="91"/>
      <c r="HF1074" s="91"/>
      <c r="HG1074" s="91"/>
      <c r="HH1074" s="91"/>
      <c r="HI1074" s="91"/>
      <c r="HJ1074" s="91"/>
      <c r="HK1074" s="127"/>
      <c r="HL1074" s="126"/>
      <c r="HM1074" s="91"/>
      <c r="HN1074" s="91"/>
      <c r="HO1074" s="91"/>
      <c r="HP1074" s="91"/>
      <c r="HQ1074" s="91"/>
      <c r="HR1074" s="91"/>
      <c r="HS1074" s="91"/>
      <c r="HT1074" s="91"/>
      <c r="HU1074" s="91"/>
      <c r="HV1074" s="91"/>
      <c r="HW1074" s="91"/>
      <c r="HX1074" s="91"/>
      <c r="HY1074" s="91"/>
      <c r="HZ1074" s="91"/>
      <c r="IA1074" s="91"/>
      <c r="IB1074" s="91"/>
      <c r="IC1074" s="91"/>
      <c r="ID1074" s="91"/>
      <c r="IE1074" s="91"/>
      <c r="IF1074" s="91"/>
      <c r="IG1074" s="91"/>
      <c r="IH1074" s="91"/>
      <c r="II1074" s="91"/>
      <c r="IJ1074" s="91"/>
      <c r="IK1074" s="127"/>
    </row>
    <row r="1075" spans="2:245" x14ac:dyDescent="0.2">
      <c r="B1075" s="43"/>
      <c r="C1075" s="73"/>
      <c r="D1075" s="64"/>
      <c r="E1075" s="64"/>
      <c r="F1075" s="55"/>
      <c r="G1075" s="102"/>
      <c r="H1075" s="55"/>
      <c r="I1075" s="55"/>
      <c r="J1075" s="55"/>
      <c r="K1075" s="55"/>
      <c r="L1075" s="55"/>
      <c r="M1075" s="55"/>
      <c r="N1075" s="55"/>
      <c r="O1075" s="55"/>
      <c r="P1075" s="55"/>
      <c r="Q1075" s="55"/>
      <c r="R1075" s="55"/>
      <c r="S1075" s="55"/>
      <c r="T1075" s="55"/>
      <c r="U1075" s="55"/>
      <c r="V1075" s="55"/>
      <c r="W1075" s="55"/>
      <c r="X1075" s="55"/>
      <c r="Y1075" s="55"/>
      <c r="Z1075" s="55"/>
      <c r="AA1075" s="55"/>
      <c r="AB1075" s="55"/>
      <c r="AC1075" s="55"/>
      <c r="AD1075" s="55"/>
      <c r="AE1075" s="55"/>
      <c r="AF1075" s="55"/>
      <c r="AG1075" s="55"/>
      <c r="AY1075" s="162"/>
      <c r="AZ1075" s="162"/>
      <c r="BA1075" s="162"/>
      <c r="BB1075" s="162"/>
      <c r="BC1075" s="162"/>
      <c r="BD1075" s="162"/>
      <c r="BE1075" s="162"/>
      <c r="BF1075" s="162"/>
      <c r="BG1075" s="162"/>
      <c r="BH1075" s="162"/>
      <c r="BI1075" s="162"/>
      <c r="BJ1075" s="162"/>
      <c r="BK1075" s="162"/>
      <c r="BL1075" s="162"/>
      <c r="BM1075" s="162"/>
      <c r="BN1075" s="162"/>
      <c r="BO1075" s="162"/>
      <c r="BP1075" s="162"/>
      <c r="BQ1075" s="162"/>
      <c r="BR1075" s="162"/>
      <c r="BS1075" s="162"/>
      <c r="BT1075" s="162"/>
      <c r="BU1075" s="162"/>
      <c r="BV1075" s="162"/>
      <c r="BW1075" s="162"/>
      <c r="BX1075" s="162"/>
      <c r="BY1075" s="162"/>
      <c r="BZ1075" s="162"/>
      <c r="CA1075" s="162"/>
      <c r="CB1075" s="162"/>
      <c r="CC1075" s="162"/>
      <c r="CD1075" s="162"/>
      <c r="CE1075" s="162"/>
      <c r="CF1075" s="162"/>
      <c r="CG1075" s="162"/>
      <c r="CH1075" s="162"/>
      <c r="CI1075" s="162"/>
      <c r="CJ1075" s="162"/>
      <c r="CK1075" s="162"/>
      <c r="CX1075" s="98"/>
      <c r="DL1075" s="97"/>
      <c r="DX1075" s="98"/>
      <c r="EL1075" s="97"/>
      <c r="EX1075" s="98"/>
      <c r="EY1075" s="97"/>
      <c r="FL1075" s="126"/>
      <c r="FM1075" s="91"/>
      <c r="FN1075" s="91"/>
      <c r="FO1075" s="91"/>
      <c r="FP1075" s="91"/>
      <c r="FQ1075" s="91"/>
      <c r="FR1075" s="91"/>
      <c r="FS1075" s="91"/>
      <c r="FT1075" s="91"/>
      <c r="FU1075" s="91"/>
      <c r="FV1075" s="91"/>
      <c r="FW1075" s="91"/>
      <c r="FX1075" s="91"/>
      <c r="FY1075" s="91"/>
      <c r="FZ1075" s="91"/>
      <c r="GA1075" s="91"/>
      <c r="GB1075" s="91"/>
      <c r="GC1075" s="91"/>
      <c r="GD1075" s="91"/>
      <c r="GE1075" s="91"/>
      <c r="GF1075" s="91"/>
      <c r="GG1075" s="91"/>
      <c r="GH1075" s="91"/>
      <c r="GI1075" s="91"/>
      <c r="GJ1075" s="91"/>
      <c r="GK1075" s="127"/>
      <c r="GL1075" s="126"/>
      <c r="GM1075" s="91"/>
      <c r="GN1075" s="91"/>
      <c r="GO1075" s="91"/>
      <c r="GP1075" s="91"/>
      <c r="GQ1075" s="91"/>
      <c r="GR1075" s="91"/>
      <c r="GS1075" s="91"/>
      <c r="GT1075" s="91"/>
      <c r="GU1075" s="91"/>
      <c r="GV1075" s="91"/>
      <c r="GW1075" s="91"/>
      <c r="GX1075" s="91"/>
      <c r="GY1075" s="91"/>
      <c r="GZ1075" s="91"/>
      <c r="HA1075" s="91"/>
      <c r="HB1075" s="91"/>
      <c r="HC1075" s="91"/>
      <c r="HD1075" s="91"/>
      <c r="HE1075" s="91"/>
      <c r="HF1075" s="91"/>
      <c r="HG1075" s="91"/>
      <c r="HH1075" s="91"/>
      <c r="HI1075" s="91"/>
      <c r="HJ1075" s="91"/>
      <c r="HK1075" s="127"/>
      <c r="HL1075" s="126"/>
      <c r="HM1075" s="91"/>
      <c r="HN1075" s="91"/>
      <c r="HO1075" s="91"/>
      <c r="HP1075" s="91"/>
      <c r="HQ1075" s="91"/>
      <c r="HR1075" s="91"/>
      <c r="HS1075" s="91"/>
      <c r="HT1075" s="91"/>
      <c r="HU1075" s="91"/>
      <c r="HV1075" s="91"/>
      <c r="HW1075" s="91"/>
      <c r="HX1075" s="91"/>
      <c r="HY1075" s="91"/>
      <c r="HZ1075" s="91"/>
      <c r="IA1075" s="91"/>
      <c r="IB1075" s="91"/>
      <c r="IC1075" s="91"/>
      <c r="ID1075" s="91"/>
      <c r="IE1075" s="91"/>
      <c r="IF1075" s="91"/>
      <c r="IG1075" s="91"/>
      <c r="IH1075" s="91"/>
      <c r="II1075" s="91"/>
      <c r="IJ1075" s="91"/>
      <c r="IK1075" s="127"/>
    </row>
    <row r="1076" spans="2:245" x14ac:dyDescent="0.2">
      <c r="B1076" s="43"/>
      <c r="C1076" s="73"/>
      <c r="D1076" s="64"/>
      <c r="E1076" s="64"/>
      <c r="F1076" s="55"/>
      <c r="G1076" s="102"/>
      <c r="H1076" s="55"/>
      <c r="I1076" s="55"/>
      <c r="J1076" s="55"/>
      <c r="K1076" s="55"/>
      <c r="L1076" s="55"/>
      <c r="M1076" s="55"/>
      <c r="N1076" s="55"/>
      <c r="O1076" s="55"/>
      <c r="P1076" s="55"/>
      <c r="Q1076" s="55"/>
      <c r="R1076" s="55"/>
      <c r="S1076" s="55"/>
      <c r="T1076" s="55"/>
      <c r="U1076" s="55"/>
      <c r="V1076" s="55"/>
      <c r="W1076" s="55"/>
      <c r="X1076" s="55"/>
      <c r="Y1076" s="55"/>
      <c r="Z1076" s="55"/>
      <c r="AA1076" s="55"/>
      <c r="AB1076" s="55"/>
      <c r="AC1076" s="55"/>
      <c r="AD1076" s="55"/>
      <c r="AE1076" s="55"/>
      <c r="AF1076" s="55"/>
      <c r="AG1076" s="55"/>
      <c r="AY1076" s="162"/>
      <c r="AZ1076" s="162"/>
      <c r="BA1076" s="162"/>
      <c r="BB1076" s="162"/>
      <c r="BC1076" s="162"/>
      <c r="BD1076" s="162"/>
      <c r="BE1076" s="162"/>
      <c r="BF1076" s="162"/>
      <c r="BG1076" s="162"/>
      <c r="BH1076" s="162"/>
      <c r="BI1076" s="162"/>
      <c r="BJ1076" s="162"/>
      <c r="BK1076" s="162"/>
      <c r="BL1076" s="162"/>
      <c r="BM1076" s="162"/>
      <c r="BN1076" s="162"/>
      <c r="BO1076" s="162"/>
      <c r="BP1076" s="162"/>
      <c r="BQ1076" s="162"/>
      <c r="BR1076" s="162"/>
      <c r="BS1076" s="162"/>
      <c r="BT1076" s="162"/>
      <c r="BU1076" s="162"/>
      <c r="BV1076" s="162"/>
      <c r="BW1076" s="162"/>
      <c r="BX1076" s="162"/>
      <c r="BY1076" s="162"/>
      <c r="BZ1076" s="162"/>
      <c r="CA1076" s="162"/>
      <c r="CB1076" s="162"/>
      <c r="CC1076" s="162"/>
      <c r="CD1076" s="162"/>
      <c r="CE1076" s="162"/>
      <c r="CF1076" s="162"/>
      <c r="CG1076" s="162"/>
      <c r="CH1076" s="162"/>
      <c r="CI1076" s="162"/>
      <c r="CJ1076" s="162"/>
      <c r="CK1076" s="162"/>
      <c r="CX1076" s="98"/>
      <c r="DL1076" s="97"/>
      <c r="DX1076" s="98"/>
      <c r="EL1076" s="97"/>
      <c r="EX1076" s="98"/>
      <c r="EY1076" s="97"/>
      <c r="FL1076" s="126"/>
      <c r="FM1076" s="91"/>
      <c r="FN1076" s="91"/>
      <c r="FO1076" s="91"/>
      <c r="FP1076" s="91"/>
      <c r="FQ1076" s="91"/>
      <c r="FR1076" s="91"/>
      <c r="FS1076" s="91"/>
      <c r="FT1076" s="91"/>
      <c r="FU1076" s="91"/>
      <c r="FV1076" s="91"/>
      <c r="FW1076" s="91"/>
      <c r="FX1076" s="91"/>
      <c r="FY1076" s="91"/>
      <c r="FZ1076" s="91"/>
      <c r="GA1076" s="91"/>
      <c r="GB1076" s="91"/>
      <c r="GC1076" s="91"/>
      <c r="GD1076" s="91"/>
      <c r="GE1076" s="91"/>
      <c r="GF1076" s="91"/>
      <c r="GG1076" s="91"/>
      <c r="GH1076" s="91"/>
      <c r="GI1076" s="91"/>
      <c r="GJ1076" s="91"/>
      <c r="GK1076" s="127"/>
      <c r="GL1076" s="126"/>
      <c r="GM1076" s="91"/>
      <c r="GN1076" s="91"/>
      <c r="GO1076" s="91"/>
      <c r="GP1076" s="91"/>
      <c r="GQ1076" s="91"/>
      <c r="GR1076" s="91"/>
      <c r="GS1076" s="91"/>
      <c r="GT1076" s="91"/>
      <c r="GU1076" s="91"/>
      <c r="GV1076" s="91"/>
      <c r="GW1076" s="91"/>
      <c r="GX1076" s="91"/>
      <c r="GY1076" s="91"/>
      <c r="GZ1076" s="91"/>
      <c r="HA1076" s="91"/>
      <c r="HB1076" s="91"/>
      <c r="HC1076" s="91"/>
      <c r="HD1076" s="91"/>
      <c r="HE1076" s="91"/>
      <c r="HF1076" s="91"/>
      <c r="HG1076" s="91"/>
      <c r="HH1076" s="91"/>
      <c r="HI1076" s="91"/>
      <c r="HJ1076" s="91"/>
      <c r="HK1076" s="127"/>
      <c r="HL1076" s="126"/>
      <c r="HM1076" s="91"/>
      <c r="HN1076" s="91"/>
      <c r="HO1076" s="91"/>
      <c r="HP1076" s="91"/>
      <c r="HQ1076" s="91"/>
      <c r="HR1076" s="91"/>
      <c r="HS1076" s="91"/>
      <c r="HT1076" s="91"/>
      <c r="HU1076" s="91"/>
      <c r="HV1076" s="91"/>
      <c r="HW1076" s="91"/>
      <c r="HX1076" s="91"/>
      <c r="HY1076" s="91"/>
      <c r="HZ1076" s="91"/>
      <c r="IA1076" s="91"/>
      <c r="IB1076" s="91"/>
      <c r="IC1076" s="91"/>
      <c r="ID1076" s="91"/>
      <c r="IE1076" s="91"/>
      <c r="IF1076" s="91"/>
      <c r="IG1076" s="91"/>
      <c r="IH1076" s="91"/>
      <c r="II1076" s="91"/>
      <c r="IJ1076" s="91"/>
      <c r="IK1076" s="127"/>
    </row>
    <row r="1077" spans="2:245" x14ac:dyDescent="0.2">
      <c r="B1077" s="43"/>
      <c r="C1077" s="73"/>
      <c r="D1077" s="64"/>
      <c r="E1077" s="64"/>
      <c r="F1077" s="55"/>
      <c r="G1077" s="102"/>
      <c r="H1077" s="55"/>
      <c r="I1077" s="55"/>
      <c r="J1077" s="55"/>
      <c r="K1077" s="55"/>
      <c r="L1077" s="55"/>
      <c r="M1077" s="55"/>
      <c r="N1077" s="55"/>
      <c r="O1077" s="55"/>
      <c r="P1077" s="55"/>
      <c r="Q1077" s="55"/>
      <c r="R1077" s="55"/>
      <c r="S1077" s="55"/>
      <c r="T1077" s="55"/>
      <c r="U1077" s="55"/>
      <c r="V1077" s="55"/>
      <c r="W1077" s="55"/>
      <c r="X1077" s="55"/>
      <c r="Y1077" s="55"/>
      <c r="Z1077" s="55"/>
      <c r="AA1077" s="55"/>
      <c r="AB1077" s="55"/>
      <c r="AC1077" s="55"/>
      <c r="AD1077" s="55"/>
      <c r="AE1077" s="55"/>
      <c r="AF1077" s="55"/>
      <c r="AG1077" s="55"/>
      <c r="AY1077" s="162"/>
      <c r="AZ1077" s="162"/>
      <c r="BA1077" s="162"/>
      <c r="BB1077" s="162"/>
      <c r="BC1077" s="162"/>
      <c r="BD1077" s="162"/>
      <c r="BE1077" s="162"/>
      <c r="BF1077" s="162"/>
      <c r="BG1077" s="162"/>
      <c r="BH1077" s="162"/>
      <c r="BI1077" s="162"/>
      <c r="BJ1077" s="162"/>
      <c r="BK1077" s="162"/>
      <c r="BL1077" s="162"/>
      <c r="BM1077" s="162"/>
      <c r="BN1077" s="162"/>
      <c r="BO1077" s="162"/>
      <c r="BP1077" s="162"/>
      <c r="BQ1077" s="162"/>
      <c r="BR1077" s="162"/>
      <c r="BS1077" s="162"/>
      <c r="BT1077" s="162"/>
      <c r="BU1077" s="162"/>
      <c r="BV1077" s="162"/>
      <c r="BW1077" s="162"/>
      <c r="BX1077" s="162"/>
      <c r="BY1077" s="162"/>
      <c r="BZ1077" s="162"/>
      <c r="CA1077" s="162"/>
      <c r="CB1077" s="162"/>
      <c r="CC1077" s="162"/>
      <c r="CD1077" s="162"/>
      <c r="CE1077" s="162"/>
      <c r="CF1077" s="162"/>
      <c r="CG1077" s="162"/>
      <c r="CH1077" s="162"/>
      <c r="CI1077" s="162"/>
      <c r="CJ1077" s="162"/>
      <c r="CK1077" s="162"/>
      <c r="CX1077" s="98"/>
      <c r="DL1077" s="97"/>
      <c r="DX1077" s="98"/>
      <c r="EL1077" s="97"/>
      <c r="EX1077" s="98"/>
      <c r="EY1077" s="97"/>
      <c r="FL1077" s="126"/>
      <c r="FM1077" s="91"/>
      <c r="FN1077" s="91"/>
      <c r="FO1077" s="91"/>
      <c r="FP1077" s="91"/>
      <c r="FQ1077" s="91"/>
      <c r="FR1077" s="91"/>
      <c r="FS1077" s="91"/>
      <c r="FT1077" s="91"/>
      <c r="FU1077" s="91"/>
      <c r="FV1077" s="91"/>
      <c r="FW1077" s="91"/>
      <c r="FX1077" s="91"/>
      <c r="FY1077" s="91"/>
      <c r="FZ1077" s="91"/>
      <c r="GA1077" s="91"/>
      <c r="GB1077" s="91"/>
      <c r="GC1077" s="91"/>
      <c r="GD1077" s="91"/>
      <c r="GE1077" s="91"/>
      <c r="GF1077" s="91"/>
      <c r="GG1077" s="91"/>
      <c r="GH1077" s="91"/>
      <c r="GI1077" s="91"/>
      <c r="GJ1077" s="91"/>
      <c r="GK1077" s="127"/>
      <c r="GL1077" s="126"/>
      <c r="GM1077" s="91"/>
      <c r="GN1077" s="91"/>
      <c r="GO1077" s="91"/>
      <c r="GP1077" s="91"/>
      <c r="GQ1077" s="91"/>
      <c r="GR1077" s="91"/>
      <c r="GS1077" s="91"/>
      <c r="GT1077" s="91"/>
      <c r="GU1077" s="91"/>
      <c r="GV1077" s="91"/>
      <c r="GW1077" s="91"/>
      <c r="GX1077" s="91"/>
      <c r="GY1077" s="91"/>
      <c r="GZ1077" s="91"/>
      <c r="HA1077" s="91"/>
      <c r="HB1077" s="91"/>
      <c r="HC1077" s="91"/>
      <c r="HD1077" s="91"/>
      <c r="HE1077" s="91"/>
      <c r="HF1077" s="91"/>
      <c r="HG1077" s="91"/>
      <c r="HH1077" s="91"/>
      <c r="HI1077" s="91"/>
      <c r="HJ1077" s="91"/>
      <c r="HK1077" s="127"/>
      <c r="HL1077" s="126"/>
      <c r="HM1077" s="91"/>
      <c r="HN1077" s="91"/>
      <c r="HO1077" s="91"/>
      <c r="HP1077" s="91"/>
      <c r="HQ1077" s="91"/>
      <c r="HR1077" s="91"/>
      <c r="HS1077" s="91"/>
      <c r="HT1077" s="91"/>
      <c r="HU1077" s="91"/>
      <c r="HV1077" s="91"/>
      <c r="HW1077" s="91"/>
      <c r="HX1077" s="91"/>
      <c r="HY1077" s="91"/>
      <c r="HZ1077" s="91"/>
      <c r="IA1077" s="91"/>
      <c r="IB1077" s="91"/>
      <c r="IC1077" s="91"/>
      <c r="ID1077" s="91"/>
      <c r="IE1077" s="91"/>
      <c r="IF1077" s="91"/>
      <c r="IG1077" s="91"/>
      <c r="IH1077" s="91"/>
      <c r="II1077" s="91"/>
      <c r="IJ1077" s="91"/>
      <c r="IK1077" s="127"/>
    </row>
    <row r="1078" spans="2:245" x14ac:dyDescent="0.2">
      <c r="B1078" s="43"/>
      <c r="C1078" s="73"/>
      <c r="D1078" s="64"/>
      <c r="E1078" s="64"/>
      <c r="F1078" s="55"/>
      <c r="G1078" s="102"/>
      <c r="H1078" s="55"/>
      <c r="I1078" s="55"/>
      <c r="J1078" s="55"/>
      <c r="K1078" s="55"/>
      <c r="L1078" s="55"/>
      <c r="M1078" s="55"/>
      <c r="N1078" s="55"/>
      <c r="O1078" s="55"/>
      <c r="P1078" s="55"/>
      <c r="Q1078" s="55"/>
      <c r="R1078" s="55"/>
      <c r="S1078" s="55"/>
      <c r="T1078" s="55"/>
      <c r="U1078" s="55"/>
      <c r="V1078" s="55"/>
      <c r="W1078" s="55"/>
      <c r="X1078" s="55"/>
      <c r="Y1078" s="55"/>
      <c r="Z1078" s="55"/>
      <c r="AA1078" s="55"/>
      <c r="AB1078" s="55"/>
      <c r="AC1078" s="55"/>
      <c r="AD1078" s="55"/>
      <c r="AE1078" s="55"/>
      <c r="AF1078" s="55"/>
      <c r="AG1078" s="55"/>
      <c r="AY1078" s="162"/>
      <c r="AZ1078" s="162"/>
      <c r="BA1078" s="162"/>
      <c r="BB1078" s="162"/>
      <c r="BC1078" s="162"/>
      <c r="BD1078" s="162"/>
      <c r="BE1078" s="162"/>
      <c r="BF1078" s="162"/>
      <c r="BG1078" s="162"/>
      <c r="BH1078" s="162"/>
      <c r="BI1078" s="162"/>
      <c r="BJ1078" s="162"/>
      <c r="BK1078" s="162"/>
      <c r="BL1078" s="162"/>
      <c r="BM1078" s="162"/>
      <c r="BN1078" s="162"/>
      <c r="BO1078" s="162"/>
      <c r="BP1078" s="162"/>
      <c r="BQ1078" s="162"/>
      <c r="BR1078" s="162"/>
      <c r="BS1078" s="162"/>
      <c r="BT1078" s="162"/>
      <c r="BU1078" s="162"/>
      <c r="BV1078" s="162"/>
      <c r="BW1078" s="162"/>
      <c r="BX1078" s="162"/>
      <c r="BY1078" s="162"/>
      <c r="BZ1078" s="162"/>
      <c r="CA1078" s="162"/>
      <c r="CB1078" s="162"/>
      <c r="CC1078" s="162"/>
      <c r="CD1078" s="162"/>
      <c r="CE1078" s="162"/>
      <c r="CF1078" s="162"/>
      <c r="CG1078" s="162"/>
      <c r="CH1078" s="162"/>
      <c r="CI1078" s="162"/>
      <c r="CJ1078" s="162"/>
      <c r="CK1078" s="162"/>
      <c r="CX1078" s="98"/>
      <c r="DL1078" s="97"/>
      <c r="DX1078" s="98"/>
      <c r="EL1078" s="97"/>
      <c r="EX1078" s="98"/>
      <c r="EY1078" s="97"/>
      <c r="FL1078" s="126"/>
      <c r="FM1078" s="91"/>
      <c r="FN1078" s="91"/>
      <c r="FO1078" s="91"/>
      <c r="FP1078" s="91"/>
      <c r="FQ1078" s="91"/>
      <c r="FR1078" s="91"/>
      <c r="FS1078" s="91"/>
      <c r="FT1078" s="91"/>
      <c r="FU1078" s="91"/>
      <c r="FV1078" s="91"/>
      <c r="FW1078" s="91"/>
      <c r="FX1078" s="91"/>
      <c r="FY1078" s="91"/>
      <c r="FZ1078" s="91"/>
      <c r="GA1078" s="91"/>
      <c r="GB1078" s="91"/>
      <c r="GC1078" s="91"/>
      <c r="GD1078" s="91"/>
      <c r="GE1078" s="91"/>
      <c r="GF1078" s="91"/>
      <c r="GG1078" s="91"/>
      <c r="GH1078" s="91"/>
      <c r="GI1078" s="91"/>
      <c r="GJ1078" s="91"/>
      <c r="GK1078" s="127"/>
      <c r="GL1078" s="126"/>
      <c r="GM1078" s="91"/>
      <c r="GN1078" s="91"/>
      <c r="GO1078" s="91"/>
      <c r="GP1078" s="91"/>
      <c r="GQ1078" s="91"/>
      <c r="GR1078" s="91"/>
      <c r="GS1078" s="91"/>
      <c r="GT1078" s="91"/>
      <c r="GU1078" s="91"/>
      <c r="GV1078" s="91"/>
      <c r="GW1078" s="91"/>
      <c r="GX1078" s="91"/>
      <c r="GY1078" s="91"/>
      <c r="GZ1078" s="91"/>
      <c r="HA1078" s="91"/>
      <c r="HB1078" s="91"/>
      <c r="HC1078" s="91"/>
      <c r="HD1078" s="91"/>
      <c r="HE1078" s="91"/>
      <c r="HF1078" s="91"/>
      <c r="HG1078" s="91"/>
      <c r="HH1078" s="91"/>
      <c r="HI1078" s="91"/>
      <c r="HJ1078" s="91"/>
      <c r="HK1078" s="127"/>
      <c r="HL1078" s="126"/>
      <c r="HM1078" s="91"/>
      <c r="HN1078" s="91"/>
      <c r="HO1078" s="91"/>
      <c r="HP1078" s="91"/>
      <c r="HQ1078" s="91"/>
      <c r="HR1078" s="91"/>
      <c r="HS1078" s="91"/>
      <c r="HT1078" s="91"/>
      <c r="HU1078" s="91"/>
      <c r="HV1078" s="91"/>
      <c r="HW1078" s="91"/>
      <c r="HX1078" s="91"/>
      <c r="HY1078" s="91"/>
      <c r="HZ1078" s="91"/>
      <c r="IA1078" s="91"/>
      <c r="IB1078" s="91"/>
      <c r="IC1078" s="91"/>
      <c r="ID1078" s="91"/>
      <c r="IE1078" s="91"/>
      <c r="IF1078" s="91"/>
      <c r="IG1078" s="91"/>
      <c r="IH1078" s="91"/>
      <c r="II1078" s="91"/>
      <c r="IJ1078" s="91"/>
      <c r="IK1078" s="127"/>
    </row>
    <row r="1079" spans="2:245" x14ac:dyDescent="0.2">
      <c r="B1079" s="43"/>
      <c r="C1079" s="73"/>
      <c r="D1079" s="64"/>
      <c r="E1079" s="64"/>
      <c r="F1079" s="55"/>
      <c r="G1079" s="102"/>
      <c r="H1079" s="55"/>
      <c r="I1079" s="55"/>
      <c r="J1079" s="55"/>
      <c r="K1079" s="55"/>
      <c r="L1079" s="55"/>
      <c r="M1079" s="55"/>
      <c r="N1079" s="55"/>
      <c r="O1079" s="55"/>
      <c r="P1079" s="55"/>
      <c r="Q1079" s="55"/>
      <c r="R1079" s="55"/>
      <c r="S1079" s="55"/>
      <c r="T1079" s="55"/>
      <c r="U1079" s="55"/>
      <c r="V1079" s="55"/>
      <c r="W1079" s="55"/>
      <c r="X1079" s="55"/>
      <c r="Y1079" s="55"/>
      <c r="Z1079" s="55"/>
      <c r="AA1079" s="55"/>
      <c r="AB1079" s="55"/>
      <c r="AC1079" s="55"/>
      <c r="AD1079" s="55"/>
      <c r="AE1079" s="55"/>
      <c r="AF1079" s="55"/>
      <c r="AG1079" s="55"/>
      <c r="AY1079" s="162"/>
      <c r="AZ1079" s="162"/>
      <c r="BA1079" s="162"/>
      <c r="BB1079" s="162"/>
      <c r="BC1079" s="162"/>
      <c r="BD1079" s="162"/>
      <c r="BE1079" s="162"/>
      <c r="BF1079" s="162"/>
      <c r="BG1079" s="162"/>
      <c r="BH1079" s="162"/>
      <c r="BI1079" s="162"/>
      <c r="BJ1079" s="162"/>
      <c r="BK1079" s="162"/>
      <c r="BL1079" s="162"/>
      <c r="BM1079" s="162"/>
      <c r="BN1079" s="162"/>
      <c r="BO1079" s="162"/>
      <c r="BP1079" s="162"/>
      <c r="BQ1079" s="162"/>
      <c r="BR1079" s="162"/>
      <c r="BS1079" s="162"/>
      <c r="BT1079" s="162"/>
      <c r="BU1079" s="162"/>
      <c r="BV1079" s="162"/>
      <c r="BW1079" s="162"/>
      <c r="BX1079" s="162"/>
      <c r="BY1079" s="162"/>
      <c r="BZ1079" s="162"/>
      <c r="CA1079" s="162"/>
      <c r="CB1079" s="162"/>
      <c r="CC1079" s="162"/>
      <c r="CD1079" s="162"/>
      <c r="CE1079" s="162"/>
      <c r="CF1079" s="162"/>
      <c r="CG1079" s="162"/>
      <c r="CH1079" s="162"/>
      <c r="CI1079" s="162"/>
      <c r="CJ1079" s="162"/>
      <c r="CK1079" s="162"/>
      <c r="CX1079" s="98"/>
      <c r="DL1079" s="97"/>
      <c r="DX1079" s="98"/>
      <c r="EL1079" s="97"/>
      <c r="EX1079" s="98"/>
      <c r="EY1079" s="97"/>
      <c r="FL1079" s="126"/>
      <c r="FM1079" s="91"/>
      <c r="FN1079" s="91"/>
      <c r="FO1079" s="91"/>
      <c r="FP1079" s="91"/>
      <c r="FQ1079" s="91"/>
      <c r="FR1079" s="91"/>
      <c r="FS1079" s="91"/>
      <c r="FT1079" s="91"/>
      <c r="FU1079" s="91"/>
      <c r="FV1079" s="91"/>
      <c r="FW1079" s="91"/>
      <c r="FX1079" s="91"/>
      <c r="FY1079" s="91"/>
      <c r="FZ1079" s="91"/>
      <c r="GA1079" s="91"/>
      <c r="GB1079" s="91"/>
      <c r="GC1079" s="91"/>
      <c r="GD1079" s="91"/>
      <c r="GE1079" s="91"/>
      <c r="GF1079" s="91"/>
      <c r="GG1079" s="91"/>
      <c r="GH1079" s="91"/>
      <c r="GI1079" s="91"/>
      <c r="GJ1079" s="91"/>
      <c r="GK1079" s="127"/>
      <c r="GL1079" s="126"/>
      <c r="GM1079" s="91"/>
      <c r="GN1079" s="91"/>
      <c r="GO1079" s="91"/>
      <c r="GP1079" s="91"/>
      <c r="GQ1079" s="91"/>
      <c r="GR1079" s="91"/>
      <c r="GS1079" s="91"/>
      <c r="GT1079" s="91"/>
      <c r="GU1079" s="91"/>
      <c r="GV1079" s="91"/>
      <c r="GW1079" s="91"/>
      <c r="GX1079" s="91"/>
      <c r="GY1079" s="91"/>
      <c r="GZ1079" s="91"/>
      <c r="HA1079" s="91"/>
      <c r="HB1079" s="91"/>
      <c r="HC1079" s="91"/>
      <c r="HD1079" s="91"/>
      <c r="HE1079" s="91"/>
      <c r="HF1079" s="91"/>
      <c r="HG1079" s="91"/>
      <c r="HH1079" s="91"/>
      <c r="HI1079" s="91"/>
      <c r="HJ1079" s="91"/>
      <c r="HK1079" s="127"/>
      <c r="HL1079" s="126"/>
      <c r="HM1079" s="91"/>
      <c r="HN1079" s="91"/>
      <c r="HO1079" s="91"/>
      <c r="HP1079" s="91"/>
      <c r="HQ1079" s="91"/>
      <c r="HR1079" s="91"/>
      <c r="HS1079" s="91"/>
      <c r="HT1079" s="91"/>
      <c r="HU1079" s="91"/>
      <c r="HV1079" s="91"/>
      <c r="HW1079" s="91"/>
      <c r="HX1079" s="91"/>
      <c r="HY1079" s="91"/>
      <c r="HZ1079" s="91"/>
      <c r="IA1079" s="91"/>
      <c r="IB1079" s="91"/>
      <c r="IC1079" s="91"/>
      <c r="ID1079" s="91"/>
      <c r="IE1079" s="91"/>
      <c r="IF1079" s="91"/>
      <c r="IG1079" s="91"/>
      <c r="IH1079" s="91"/>
      <c r="II1079" s="91"/>
      <c r="IJ1079" s="91"/>
      <c r="IK1079" s="127"/>
    </row>
    <row r="1080" spans="2:245" x14ac:dyDescent="0.2">
      <c r="B1080" s="43"/>
      <c r="C1080" s="73"/>
      <c r="D1080" s="64"/>
      <c r="E1080" s="64"/>
      <c r="F1080" s="55"/>
      <c r="G1080" s="102"/>
      <c r="H1080" s="55"/>
      <c r="I1080" s="55"/>
      <c r="J1080" s="55"/>
      <c r="K1080" s="55"/>
      <c r="L1080" s="55"/>
      <c r="M1080" s="55"/>
      <c r="N1080" s="55"/>
      <c r="O1080" s="55"/>
      <c r="P1080" s="55"/>
      <c r="Q1080" s="55"/>
      <c r="R1080" s="55"/>
      <c r="S1080" s="55"/>
      <c r="T1080" s="55"/>
      <c r="U1080" s="55"/>
      <c r="V1080" s="55"/>
      <c r="W1080" s="55"/>
      <c r="X1080" s="55"/>
      <c r="Y1080" s="55"/>
      <c r="Z1080" s="55"/>
      <c r="AA1080" s="55"/>
      <c r="AB1080" s="55"/>
      <c r="AC1080" s="55"/>
      <c r="AD1080" s="55"/>
      <c r="AE1080" s="55"/>
      <c r="AF1080" s="55"/>
      <c r="AG1080" s="55"/>
      <c r="AY1080" s="162"/>
      <c r="AZ1080" s="162"/>
      <c r="BA1080" s="162"/>
      <c r="BB1080" s="162"/>
      <c r="BC1080" s="162"/>
      <c r="BD1080" s="162"/>
      <c r="BE1080" s="162"/>
      <c r="BF1080" s="162"/>
      <c r="BG1080" s="162"/>
      <c r="BH1080" s="162"/>
      <c r="BI1080" s="162"/>
      <c r="BJ1080" s="162"/>
      <c r="BK1080" s="162"/>
      <c r="BL1080" s="162"/>
      <c r="BM1080" s="162"/>
      <c r="BN1080" s="162"/>
      <c r="BO1080" s="162"/>
      <c r="BP1080" s="162"/>
      <c r="BQ1080" s="162"/>
      <c r="BR1080" s="162"/>
      <c r="BS1080" s="162"/>
      <c r="BT1080" s="162"/>
      <c r="BU1080" s="162"/>
      <c r="BV1080" s="162"/>
      <c r="BW1080" s="162"/>
      <c r="BX1080" s="162"/>
      <c r="BY1080" s="162"/>
      <c r="BZ1080" s="162"/>
      <c r="CA1080" s="162"/>
      <c r="CB1080" s="162"/>
      <c r="CC1080" s="162"/>
      <c r="CD1080" s="162"/>
      <c r="CE1080" s="162"/>
      <c r="CF1080" s="162"/>
      <c r="CG1080" s="162"/>
      <c r="CH1080" s="162"/>
      <c r="CI1080" s="162"/>
      <c r="CJ1080" s="162"/>
      <c r="CK1080" s="162"/>
      <c r="CX1080" s="98"/>
      <c r="DL1080" s="97"/>
      <c r="DX1080" s="98"/>
      <c r="EL1080" s="97"/>
      <c r="EX1080" s="98"/>
      <c r="EY1080" s="97"/>
      <c r="FL1080" s="126"/>
      <c r="FM1080" s="91"/>
      <c r="FN1080" s="91"/>
      <c r="FO1080" s="91"/>
      <c r="FP1080" s="91"/>
      <c r="FQ1080" s="91"/>
      <c r="FR1080" s="91"/>
      <c r="FS1080" s="91"/>
      <c r="FT1080" s="91"/>
      <c r="FU1080" s="91"/>
      <c r="FV1080" s="91"/>
      <c r="FW1080" s="91"/>
      <c r="FX1080" s="91"/>
      <c r="FY1080" s="91"/>
      <c r="FZ1080" s="91"/>
      <c r="GA1080" s="91"/>
      <c r="GB1080" s="91"/>
      <c r="GC1080" s="91"/>
      <c r="GD1080" s="91"/>
      <c r="GE1080" s="91"/>
      <c r="GF1080" s="91"/>
      <c r="GG1080" s="91"/>
      <c r="GH1080" s="91"/>
      <c r="GI1080" s="91"/>
      <c r="GJ1080" s="91"/>
      <c r="GK1080" s="127"/>
      <c r="GL1080" s="126"/>
      <c r="GM1080" s="91"/>
      <c r="GN1080" s="91"/>
      <c r="GO1080" s="91"/>
      <c r="GP1080" s="91"/>
      <c r="GQ1080" s="91"/>
      <c r="GR1080" s="91"/>
      <c r="GS1080" s="91"/>
      <c r="GT1080" s="91"/>
      <c r="GU1080" s="91"/>
      <c r="GV1080" s="91"/>
      <c r="GW1080" s="91"/>
      <c r="GX1080" s="91"/>
      <c r="GY1080" s="91"/>
      <c r="GZ1080" s="91"/>
      <c r="HA1080" s="91"/>
      <c r="HB1080" s="91"/>
      <c r="HC1080" s="91"/>
      <c r="HD1080" s="91"/>
      <c r="HE1080" s="91"/>
      <c r="HF1080" s="91"/>
      <c r="HG1080" s="91"/>
      <c r="HH1080" s="91"/>
      <c r="HI1080" s="91"/>
      <c r="HJ1080" s="91"/>
      <c r="HK1080" s="127"/>
      <c r="HL1080" s="126"/>
      <c r="HM1080" s="91"/>
      <c r="HN1080" s="91"/>
      <c r="HO1080" s="91"/>
      <c r="HP1080" s="91"/>
      <c r="HQ1080" s="91"/>
      <c r="HR1080" s="91"/>
      <c r="HS1080" s="91"/>
      <c r="HT1080" s="91"/>
      <c r="HU1080" s="91"/>
      <c r="HV1080" s="91"/>
      <c r="HW1080" s="91"/>
      <c r="HX1080" s="91"/>
      <c r="HY1080" s="91"/>
      <c r="HZ1080" s="91"/>
      <c r="IA1080" s="91"/>
      <c r="IB1080" s="91"/>
      <c r="IC1080" s="91"/>
      <c r="ID1080" s="91"/>
      <c r="IE1080" s="91"/>
      <c r="IF1080" s="91"/>
      <c r="IG1080" s="91"/>
      <c r="IH1080" s="91"/>
      <c r="II1080" s="91"/>
      <c r="IJ1080" s="91"/>
      <c r="IK1080" s="127"/>
    </row>
    <row r="1081" spans="2:245" x14ac:dyDescent="0.2">
      <c r="B1081" s="43"/>
      <c r="C1081" s="73"/>
      <c r="D1081" s="64"/>
      <c r="E1081" s="64"/>
      <c r="F1081" s="55"/>
      <c r="G1081" s="102"/>
      <c r="H1081" s="55"/>
      <c r="I1081" s="55"/>
      <c r="J1081" s="55"/>
      <c r="K1081" s="55"/>
      <c r="L1081" s="55"/>
      <c r="M1081" s="55"/>
      <c r="N1081" s="55"/>
      <c r="O1081" s="55"/>
      <c r="P1081" s="55"/>
      <c r="Q1081" s="55"/>
      <c r="R1081" s="55"/>
      <c r="S1081" s="55"/>
      <c r="T1081" s="55"/>
      <c r="U1081" s="55"/>
      <c r="V1081" s="55"/>
      <c r="W1081" s="55"/>
      <c r="X1081" s="55"/>
      <c r="Y1081" s="55"/>
      <c r="Z1081" s="55"/>
      <c r="AA1081" s="55"/>
      <c r="AB1081" s="55"/>
      <c r="AC1081" s="55"/>
      <c r="AD1081" s="55"/>
      <c r="AE1081" s="55"/>
      <c r="AF1081" s="55"/>
      <c r="AG1081" s="55"/>
      <c r="AY1081" s="162"/>
      <c r="AZ1081" s="162"/>
      <c r="BA1081" s="162"/>
      <c r="BB1081" s="162"/>
      <c r="BC1081" s="162"/>
      <c r="BD1081" s="162"/>
      <c r="BE1081" s="162"/>
      <c r="BF1081" s="162"/>
      <c r="BG1081" s="162"/>
      <c r="BH1081" s="162"/>
      <c r="BI1081" s="162"/>
      <c r="BJ1081" s="162"/>
      <c r="BK1081" s="162"/>
      <c r="BL1081" s="162"/>
      <c r="BM1081" s="162"/>
      <c r="BN1081" s="162"/>
      <c r="BO1081" s="162"/>
      <c r="BP1081" s="162"/>
      <c r="BQ1081" s="162"/>
      <c r="BR1081" s="162"/>
      <c r="BS1081" s="162"/>
      <c r="BT1081" s="162"/>
      <c r="BU1081" s="162"/>
      <c r="BV1081" s="162"/>
      <c r="BW1081" s="162"/>
      <c r="BX1081" s="162"/>
      <c r="BY1081" s="162"/>
      <c r="BZ1081" s="162"/>
      <c r="CA1081" s="162"/>
      <c r="CB1081" s="162"/>
      <c r="CC1081" s="162"/>
      <c r="CD1081" s="162"/>
      <c r="CE1081" s="162"/>
      <c r="CF1081" s="162"/>
      <c r="CG1081" s="162"/>
      <c r="CH1081" s="162"/>
      <c r="CI1081" s="162"/>
      <c r="CJ1081" s="162"/>
      <c r="CK1081" s="162"/>
      <c r="CX1081" s="98"/>
      <c r="DL1081" s="97"/>
      <c r="DX1081" s="98"/>
      <c r="EL1081" s="97"/>
      <c r="EX1081" s="98"/>
      <c r="EY1081" s="97"/>
      <c r="FL1081" s="126"/>
      <c r="FM1081" s="91"/>
      <c r="FN1081" s="91"/>
      <c r="FO1081" s="91"/>
      <c r="FP1081" s="91"/>
      <c r="FQ1081" s="91"/>
      <c r="FR1081" s="91"/>
      <c r="FS1081" s="91"/>
      <c r="FT1081" s="91"/>
      <c r="FU1081" s="91"/>
      <c r="FV1081" s="91"/>
      <c r="FW1081" s="91"/>
      <c r="FX1081" s="91"/>
      <c r="FY1081" s="91"/>
      <c r="FZ1081" s="91"/>
      <c r="GA1081" s="91"/>
      <c r="GB1081" s="91"/>
      <c r="GC1081" s="91"/>
      <c r="GD1081" s="91"/>
      <c r="GE1081" s="91"/>
      <c r="GF1081" s="91"/>
      <c r="GG1081" s="91"/>
      <c r="GH1081" s="91"/>
      <c r="GI1081" s="91"/>
      <c r="GJ1081" s="91"/>
      <c r="GK1081" s="127"/>
      <c r="GL1081" s="126"/>
      <c r="GM1081" s="91"/>
      <c r="GN1081" s="91"/>
      <c r="GO1081" s="91"/>
      <c r="GP1081" s="91"/>
      <c r="GQ1081" s="91"/>
      <c r="GR1081" s="91"/>
      <c r="GS1081" s="91"/>
      <c r="GT1081" s="91"/>
      <c r="GU1081" s="91"/>
      <c r="GV1081" s="91"/>
      <c r="GW1081" s="91"/>
      <c r="GX1081" s="91"/>
      <c r="GY1081" s="91"/>
      <c r="GZ1081" s="91"/>
      <c r="HA1081" s="91"/>
      <c r="HB1081" s="91"/>
      <c r="HC1081" s="91"/>
      <c r="HD1081" s="91"/>
      <c r="HE1081" s="91"/>
      <c r="HF1081" s="91"/>
      <c r="HG1081" s="91"/>
      <c r="HH1081" s="91"/>
      <c r="HI1081" s="91"/>
      <c r="HJ1081" s="91"/>
      <c r="HK1081" s="127"/>
      <c r="HL1081" s="126"/>
      <c r="HM1081" s="91"/>
      <c r="HN1081" s="91"/>
      <c r="HO1081" s="91"/>
      <c r="HP1081" s="91"/>
      <c r="HQ1081" s="91"/>
      <c r="HR1081" s="91"/>
      <c r="HS1081" s="91"/>
      <c r="HT1081" s="91"/>
      <c r="HU1081" s="91"/>
      <c r="HV1081" s="91"/>
      <c r="HW1081" s="91"/>
      <c r="HX1081" s="91"/>
      <c r="HY1081" s="91"/>
      <c r="HZ1081" s="91"/>
      <c r="IA1081" s="91"/>
      <c r="IB1081" s="91"/>
      <c r="IC1081" s="91"/>
      <c r="ID1081" s="91"/>
      <c r="IE1081" s="91"/>
      <c r="IF1081" s="91"/>
      <c r="IG1081" s="91"/>
      <c r="IH1081" s="91"/>
      <c r="II1081" s="91"/>
      <c r="IJ1081" s="91"/>
      <c r="IK1081" s="127"/>
    </row>
    <row r="1082" spans="2:245" x14ac:dyDescent="0.2">
      <c r="B1082" s="43"/>
      <c r="C1082" s="73"/>
      <c r="D1082" s="64"/>
      <c r="E1082" s="64"/>
      <c r="F1082" s="55"/>
      <c r="G1082" s="102"/>
      <c r="H1082" s="55"/>
      <c r="I1082" s="55"/>
      <c r="J1082" s="55"/>
      <c r="K1082" s="55"/>
      <c r="L1082" s="55"/>
      <c r="M1082" s="55"/>
      <c r="N1082" s="55"/>
      <c r="O1082" s="55"/>
      <c r="P1082" s="55"/>
      <c r="Q1082" s="55"/>
      <c r="R1082" s="55"/>
      <c r="S1082" s="55"/>
      <c r="T1082" s="55"/>
      <c r="U1082" s="55"/>
      <c r="V1082" s="55"/>
      <c r="W1082" s="55"/>
      <c r="X1082" s="55"/>
      <c r="Y1082" s="55"/>
      <c r="Z1082" s="55"/>
      <c r="AA1082" s="55"/>
      <c r="AB1082" s="55"/>
      <c r="AC1082" s="55"/>
      <c r="AD1082" s="55"/>
      <c r="AE1082" s="55"/>
      <c r="AF1082" s="55"/>
      <c r="AG1082" s="55"/>
      <c r="AY1082" s="162"/>
      <c r="AZ1082" s="162"/>
      <c r="BA1082" s="162"/>
      <c r="BB1082" s="162"/>
      <c r="BC1082" s="162"/>
      <c r="BD1082" s="162"/>
      <c r="BE1082" s="162"/>
      <c r="BF1082" s="162"/>
      <c r="BG1082" s="162"/>
      <c r="BH1082" s="162"/>
      <c r="BI1082" s="162"/>
      <c r="BJ1082" s="162"/>
      <c r="BK1082" s="162"/>
      <c r="BL1082" s="162"/>
      <c r="BM1082" s="162"/>
      <c r="BN1082" s="162"/>
      <c r="BO1082" s="162"/>
      <c r="BP1082" s="162"/>
      <c r="BQ1082" s="162"/>
      <c r="BR1082" s="162"/>
      <c r="BS1082" s="162"/>
      <c r="BT1082" s="162"/>
      <c r="BU1082" s="162"/>
      <c r="BV1082" s="162"/>
      <c r="BW1082" s="162"/>
      <c r="BX1082" s="162"/>
      <c r="BY1082" s="162"/>
      <c r="BZ1082" s="162"/>
      <c r="CA1082" s="162"/>
      <c r="CB1082" s="162"/>
      <c r="CC1082" s="162"/>
      <c r="CD1082" s="162"/>
      <c r="CE1082" s="162"/>
      <c r="CF1082" s="162"/>
      <c r="CG1082" s="162"/>
      <c r="CH1082" s="162"/>
      <c r="CI1082" s="162"/>
      <c r="CJ1082" s="162"/>
      <c r="CK1082" s="162"/>
      <c r="CX1082" s="98"/>
      <c r="DL1082" s="97"/>
      <c r="DX1082" s="98"/>
      <c r="EL1082" s="97"/>
      <c r="EX1082" s="98"/>
      <c r="EY1082" s="97"/>
      <c r="FL1082" s="126"/>
      <c r="FM1082" s="91"/>
      <c r="FN1082" s="91"/>
      <c r="FO1082" s="91"/>
      <c r="FP1082" s="91"/>
      <c r="FQ1082" s="91"/>
      <c r="FR1082" s="91"/>
      <c r="FS1082" s="91"/>
      <c r="FT1082" s="91"/>
      <c r="FU1082" s="91"/>
      <c r="FV1082" s="91"/>
      <c r="FW1082" s="91"/>
      <c r="FX1082" s="91"/>
      <c r="FY1082" s="91"/>
      <c r="FZ1082" s="91"/>
      <c r="GA1082" s="91"/>
      <c r="GB1082" s="91"/>
      <c r="GC1082" s="91"/>
      <c r="GD1082" s="91"/>
      <c r="GE1082" s="91"/>
      <c r="GF1082" s="91"/>
      <c r="GG1082" s="91"/>
      <c r="GH1082" s="91"/>
      <c r="GI1082" s="91"/>
      <c r="GJ1082" s="91"/>
      <c r="GK1082" s="127"/>
      <c r="GL1082" s="126"/>
      <c r="GM1082" s="91"/>
      <c r="GN1082" s="91"/>
      <c r="GO1082" s="91"/>
      <c r="GP1082" s="91"/>
      <c r="GQ1082" s="91"/>
      <c r="GR1082" s="91"/>
      <c r="GS1082" s="91"/>
      <c r="GT1082" s="91"/>
      <c r="GU1082" s="91"/>
      <c r="GV1082" s="91"/>
      <c r="GW1082" s="91"/>
      <c r="GX1082" s="91"/>
      <c r="GY1082" s="91"/>
      <c r="GZ1082" s="91"/>
      <c r="HA1082" s="91"/>
      <c r="HB1082" s="91"/>
      <c r="HC1082" s="91"/>
      <c r="HD1082" s="91"/>
      <c r="HE1082" s="91"/>
      <c r="HF1082" s="91"/>
      <c r="HG1082" s="91"/>
      <c r="HH1082" s="91"/>
      <c r="HI1082" s="91"/>
      <c r="HJ1082" s="91"/>
      <c r="HK1082" s="127"/>
      <c r="HL1082" s="126"/>
      <c r="HM1082" s="91"/>
      <c r="HN1082" s="91"/>
      <c r="HO1082" s="91"/>
      <c r="HP1082" s="91"/>
      <c r="HQ1082" s="91"/>
      <c r="HR1082" s="91"/>
      <c r="HS1082" s="91"/>
      <c r="HT1082" s="91"/>
      <c r="HU1082" s="91"/>
      <c r="HV1082" s="91"/>
      <c r="HW1082" s="91"/>
      <c r="HX1082" s="91"/>
      <c r="HY1082" s="91"/>
      <c r="HZ1082" s="91"/>
      <c r="IA1082" s="91"/>
      <c r="IB1082" s="91"/>
      <c r="IC1082" s="91"/>
      <c r="ID1082" s="91"/>
      <c r="IE1082" s="91"/>
      <c r="IF1082" s="91"/>
      <c r="IG1082" s="91"/>
      <c r="IH1082" s="91"/>
      <c r="II1082" s="91"/>
      <c r="IJ1082" s="91"/>
      <c r="IK1082" s="127"/>
    </row>
    <row r="1083" spans="2:245" x14ac:dyDescent="0.2">
      <c r="B1083" s="43"/>
      <c r="C1083" s="73"/>
      <c r="D1083" s="64"/>
      <c r="E1083" s="64"/>
      <c r="F1083" s="55"/>
      <c r="G1083" s="102"/>
      <c r="H1083" s="55"/>
      <c r="I1083" s="55"/>
      <c r="J1083" s="55"/>
      <c r="K1083" s="55"/>
      <c r="L1083" s="55"/>
      <c r="M1083" s="55"/>
      <c r="N1083" s="55"/>
      <c r="O1083" s="55"/>
      <c r="P1083" s="55"/>
      <c r="Q1083" s="55"/>
      <c r="R1083" s="55"/>
      <c r="S1083" s="55"/>
      <c r="T1083" s="55"/>
      <c r="U1083" s="55"/>
      <c r="V1083" s="55"/>
      <c r="W1083" s="55"/>
      <c r="X1083" s="55"/>
      <c r="Y1083" s="55"/>
      <c r="Z1083" s="55"/>
      <c r="AA1083" s="55"/>
      <c r="AB1083" s="55"/>
      <c r="AC1083" s="55"/>
      <c r="AD1083" s="55"/>
      <c r="AE1083" s="55"/>
      <c r="AF1083" s="55"/>
      <c r="AG1083" s="55"/>
      <c r="AY1083" s="162"/>
      <c r="AZ1083" s="162"/>
      <c r="BA1083" s="162"/>
      <c r="BB1083" s="162"/>
      <c r="BC1083" s="162"/>
      <c r="BD1083" s="162"/>
      <c r="BE1083" s="162"/>
      <c r="BF1083" s="162"/>
      <c r="BG1083" s="162"/>
      <c r="BH1083" s="162"/>
      <c r="BI1083" s="162"/>
      <c r="BJ1083" s="162"/>
      <c r="BK1083" s="162"/>
      <c r="BL1083" s="162"/>
      <c r="BM1083" s="162"/>
      <c r="BN1083" s="162"/>
      <c r="BO1083" s="162"/>
      <c r="BP1083" s="162"/>
      <c r="BQ1083" s="162"/>
      <c r="BR1083" s="162"/>
      <c r="BS1083" s="162"/>
      <c r="BT1083" s="162"/>
      <c r="BU1083" s="162"/>
      <c r="BV1083" s="162"/>
      <c r="BW1083" s="162"/>
      <c r="BX1083" s="162"/>
      <c r="BY1083" s="162"/>
      <c r="BZ1083" s="162"/>
      <c r="CA1083" s="162"/>
      <c r="CB1083" s="162"/>
      <c r="CC1083" s="162"/>
      <c r="CD1083" s="162"/>
      <c r="CE1083" s="162"/>
      <c r="CF1083" s="162"/>
      <c r="CG1083" s="162"/>
      <c r="CH1083" s="162"/>
      <c r="CI1083" s="162"/>
      <c r="CJ1083" s="162"/>
      <c r="CK1083" s="162"/>
      <c r="CX1083" s="98"/>
      <c r="DL1083" s="97"/>
      <c r="DX1083" s="98"/>
      <c r="EL1083" s="97"/>
      <c r="EX1083" s="98"/>
      <c r="EY1083" s="97"/>
      <c r="FL1083" s="126"/>
      <c r="FM1083" s="91"/>
      <c r="FN1083" s="91"/>
      <c r="FO1083" s="91"/>
      <c r="FP1083" s="91"/>
      <c r="FQ1083" s="91"/>
      <c r="FR1083" s="91"/>
      <c r="FS1083" s="91"/>
      <c r="FT1083" s="91"/>
      <c r="FU1083" s="91"/>
      <c r="FV1083" s="91"/>
      <c r="FW1083" s="91"/>
      <c r="FX1083" s="91"/>
      <c r="FY1083" s="91"/>
      <c r="FZ1083" s="91"/>
      <c r="GA1083" s="91"/>
      <c r="GB1083" s="91"/>
      <c r="GC1083" s="91"/>
      <c r="GD1083" s="91"/>
      <c r="GE1083" s="91"/>
      <c r="GF1083" s="91"/>
      <c r="GG1083" s="91"/>
      <c r="GH1083" s="91"/>
      <c r="GI1083" s="91"/>
      <c r="GJ1083" s="91"/>
      <c r="GK1083" s="127"/>
      <c r="GL1083" s="126"/>
      <c r="GM1083" s="91"/>
      <c r="GN1083" s="91"/>
      <c r="GO1083" s="91"/>
      <c r="GP1083" s="91"/>
      <c r="GQ1083" s="91"/>
      <c r="GR1083" s="91"/>
      <c r="GS1083" s="91"/>
      <c r="GT1083" s="91"/>
      <c r="GU1083" s="91"/>
      <c r="GV1083" s="91"/>
      <c r="GW1083" s="91"/>
      <c r="GX1083" s="91"/>
      <c r="GY1083" s="91"/>
      <c r="GZ1083" s="91"/>
      <c r="HA1083" s="91"/>
      <c r="HB1083" s="91"/>
      <c r="HC1083" s="91"/>
      <c r="HD1083" s="91"/>
      <c r="HE1083" s="91"/>
      <c r="HF1083" s="91"/>
      <c r="HG1083" s="91"/>
      <c r="HH1083" s="91"/>
      <c r="HI1083" s="91"/>
      <c r="HJ1083" s="91"/>
      <c r="HK1083" s="127"/>
      <c r="HL1083" s="126"/>
      <c r="HM1083" s="91"/>
      <c r="HN1083" s="91"/>
      <c r="HO1083" s="91"/>
      <c r="HP1083" s="91"/>
      <c r="HQ1083" s="91"/>
      <c r="HR1083" s="91"/>
      <c r="HS1083" s="91"/>
      <c r="HT1083" s="91"/>
      <c r="HU1083" s="91"/>
      <c r="HV1083" s="91"/>
      <c r="HW1083" s="91"/>
      <c r="HX1083" s="91"/>
      <c r="HY1083" s="91"/>
      <c r="HZ1083" s="91"/>
      <c r="IA1083" s="91"/>
      <c r="IB1083" s="91"/>
      <c r="IC1083" s="91"/>
      <c r="ID1083" s="91"/>
      <c r="IE1083" s="91"/>
      <c r="IF1083" s="91"/>
      <c r="IG1083" s="91"/>
      <c r="IH1083" s="91"/>
      <c r="II1083" s="91"/>
      <c r="IJ1083" s="91"/>
      <c r="IK1083" s="127"/>
    </row>
    <row r="1084" spans="2:245" x14ac:dyDescent="0.2">
      <c r="B1084" s="43"/>
      <c r="C1084" s="73"/>
      <c r="D1084" s="64"/>
      <c r="E1084" s="64"/>
      <c r="F1084" s="55"/>
      <c r="G1084" s="102"/>
      <c r="H1084" s="55"/>
      <c r="I1084" s="55"/>
      <c r="J1084" s="55"/>
      <c r="K1084" s="55"/>
      <c r="L1084" s="55"/>
      <c r="M1084" s="55"/>
      <c r="N1084" s="55"/>
      <c r="O1084" s="55"/>
      <c r="P1084" s="55"/>
      <c r="Q1084" s="55"/>
      <c r="R1084" s="55"/>
      <c r="S1084" s="55"/>
      <c r="T1084" s="55"/>
      <c r="U1084" s="55"/>
      <c r="V1084" s="55"/>
      <c r="W1084" s="55"/>
      <c r="X1084" s="55"/>
      <c r="Y1084" s="55"/>
      <c r="Z1084" s="55"/>
      <c r="AA1084" s="55"/>
      <c r="AB1084" s="55"/>
      <c r="AC1084" s="55"/>
      <c r="AD1084" s="55"/>
      <c r="AE1084" s="55"/>
      <c r="AF1084" s="55"/>
      <c r="AG1084" s="55"/>
      <c r="AY1084" s="162"/>
      <c r="AZ1084" s="162"/>
      <c r="BA1084" s="162"/>
      <c r="BB1084" s="162"/>
      <c r="BC1084" s="162"/>
      <c r="BD1084" s="162"/>
      <c r="BE1084" s="162"/>
      <c r="BF1084" s="162"/>
      <c r="BG1084" s="162"/>
      <c r="BH1084" s="162"/>
      <c r="BI1084" s="162"/>
      <c r="BJ1084" s="162"/>
      <c r="BK1084" s="162"/>
      <c r="BL1084" s="162"/>
      <c r="BM1084" s="162"/>
      <c r="BN1084" s="162"/>
      <c r="BO1084" s="162"/>
      <c r="BP1084" s="162"/>
      <c r="BQ1084" s="162"/>
      <c r="BR1084" s="162"/>
      <c r="BS1084" s="162"/>
      <c r="BT1084" s="162"/>
      <c r="BU1084" s="162"/>
      <c r="BV1084" s="162"/>
      <c r="BW1084" s="162"/>
      <c r="BX1084" s="162"/>
      <c r="BY1084" s="162"/>
      <c r="BZ1084" s="162"/>
      <c r="CA1084" s="162"/>
      <c r="CB1084" s="162"/>
      <c r="CC1084" s="162"/>
      <c r="CD1084" s="162"/>
      <c r="CE1084" s="162"/>
      <c r="CF1084" s="162"/>
      <c r="CG1084" s="162"/>
      <c r="CH1084" s="162"/>
      <c r="CI1084" s="162"/>
      <c r="CJ1084" s="162"/>
      <c r="CK1084" s="162"/>
      <c r="CX1084" s="98"/>
      <c r="DL1084" s="97"/>
      <c r="DX1084" s="98"/>
      <c r="EL1084" s="97"/>
      <c r="EX1084" s="98"/>
      <c r="EY1084" s="97"/>
      <c r="FL1084" s="126"/>
      <c r="FM1084" s="91"/>
      <c r="FN1084" s="91"/>
      <c r="FO1084" s="91"/>
      <c r="FP1084" s="91"/>
      <c r="FQ1084" s="91"/>
      <c r="FR1084" s="91"/>
      <c r="FS1084" s="91"/>
      <c r="FT1084" s="91"/>
      <c r="FU1084" s="91"/>
      <c r="FV1084" s="91"/>
      <c r="FW1084" s="91"/>
      <c r="FX1084" s="91"/>
      <c r="FY1084" s="91"/>
      <c r="FZ1084" s="91"/>
      <c r="GA1084" s="91"/>
      <c r="GB1084" s="91"/>
      <c r="GC1084" s="91"/>
      <c r="GD1084" s="91"/>
      <c r="GE1084" s="91"/>
      <c r="GF1084" s="91"/>
      <c r="GG1084" s="91"/>
      <c r="GH1084" s="91"/>
      <c r="GI1084" s="91"/>
      <c r="GJ1084" s="91"/>
      <c r="GK1084" s="127"/>
      <c r="GL1084" s="126"/>
      <c r="GM1084" s="91"/>
      <c r="GN1084" s="91"/>
      <c r="GO1084" s="91"/>
      <c r="GP1084" s="91"/>
      <c r="GQ1084" s="91"/>
      <c r="GR1084" s="91"/>
      <c r="GS1084" s="91"/>
      <c r="GT1084" s="91"/>
      <c r="GU1084" s="91"/>
      <c r="GV1084" s="91"/>
      <c r="GW1084" s="91"/>
      <c r="GX1084" s="91"/>
      <c r="GY1084" s="91"/>
      <c r="GZ1084" s="91"/>
      <c r="HA1084" s="91"/>
      <c r="HB1084" s="91"/>
      <c r="HC1084" s="91"/>
      <c r="HD1084" s="91"/>
      <c r="HE1084" s="91"/>
      <c r="HF1084" s="91"/>
      <c r="HG1084" s="91"/>
      <c r="HH1084" s="91"/>
      <c r="HI1084" s="91"/>
      <c r="HJ1084" s="91"/>
      <c r="HK1084" s="127"/>
      <c r="HL1084" s="126"/>
      <c r="HM1084" s="91"/>
      <c r="HN1084" s="91"/>
      <c r="HO1084" s="91"/>
      <c r="HP1084" s="91"/>
      <c r="HQ1084" s="91"/>
      <c r="HR1084" s="91"/>
      <c r="HS1084" s="91"/>
      <c r="HT1084" s="91"/>
      <c r="HU1084" s="91"/>
      <c r="HV1084" s="91"/>
      <c r="HW1084" s="91"/>
      <c r="HX1084" s="91"/>
      <c r="HY1084" s="91"/>
      <c r="HZ1084" s="91"/>
      <c r="IA1084" s="91"/>
      <c r="IB1084" s="91"/>
      <c r="IC1084" s="91"/>
      <c r="ID1084" s="91"/>
      <c r="IE1084" s="91"/>
      <c r="IF1084" s="91"/>
      <c r="IG1084" s="91"/>
      <c r="IH1084" s="91"/>
      <c r="II1084" s="91"/>
      <c r="IJ1084" s="91"/>
      <c r="IK1084" s="127"/>
    </row>
    <row r="1085" spans="2:245" x14ac:dyDescent="0.2">
      <c r="B1085" s="43"/>
      <c r="C1085" s="73"/>
      <c r="D1085" s="64"/>
      <c r="E1085" s="64"/>
      <c r="F1085" s="55"/>
      <c r="G1085" s="102"/>
      <c r="H1085" s="55"/>
      <c r="I1085" s="55"/>
      <c r="J1085" s="55"/>
      <c r="K1085" s="55"/>
      <c r="L1085" s="55"/>
      <c r="M1085" s="55"/>
      <c r="N1085" s="55"/>
      <c r="O1085" s="55"/>
      <c r="P1085" s="55"/>
      <c r="Q1085" s="55"/>
      <c r="R1085" s="55"/>
      <c r="S1085" s="55"/>
      <c r="T1085" s="55"/>
      <c r="U1085" s="55"/>
      <c r="V1085" s="55"/>
      <c r="W1085" s="55"/>
      <c r="X1085" s="55"/>
      <c r="Y1085" s="55"/>
      <c r="Z1085" s="55"/>
      <c r="AA1085" s="55"/>
      <c r="AB1085" s="55"/>
      <c r="AC1085" s="55"/>
      <c r="AD1085" s="55"/>
      <c r="AE1085" s="55"/>
      <c r="AF1085" s="55"/>
      <c r="AG1085" s="55"/>
      <c r="AY1085" s="162"/>
      <c r="AZ1085" s="162"/>
      <c r="BA1085" s="162"/>
      <c r="BB1085" s="162"/>
      <c r="BC1085" s="162"/>
      <c r="BD1085" s="162"/>
      <c r="BE1085" s="162"/>
      <c r="BF1085" s="162"/>
      <c r="BG1085" s="162"/>
      <c r="BH1085" s="162"/>
      <c r="BI1085" s="162"/>
      <c r="BJ1085" s="162"/>
      <c r="BK1085" s="162"/>
      <c r="BL1085" s="162"/>
      <c r="BM1085" s="162"/>
      <c r="BN1085" s="162"/>
      <c r="BO1085" s="162"/>
      <c r="BP1085" s="162"/>
      <c r="BQ1085" s="162"/>
      <c r="BR1085" s="162"/>
      <c r="BS1085" s="162"/>
      <c r="BT1085" s="162"/>
      <c r="BU1085" s="162"/>
      <c r="BV1085" s="162"/>
      <c r="BW1085" s="162"/>
      <c r="BX1085" s="162"/>
      <c r="BY1085" s="162"/>
      <c r="BZ1085" s="162"/>
      <c r="CA1085" s="162"/>
      <c r="CB1085" s="162"/>
      <c r="CC1085" s="162"/>
      <c r="CD1085" s="162"/>
      <c r="CE1085" s="162"/>
      <c r="CF1085" s="162"/>
      <c r="CG1085" s="162"/>
      <c r="CH1085" s="162"/>
      <c r="CI1085" s="162"/>
      <c r="CJ1085" s="162"/>
      <c r="CK1085" s="162"/>
      <c r="CX1085" s="98"/>
      <c r="DL1085" s="97"/>
      <c r="DX1085" s="98"/>
      <c r="EL1085" s="97"/>
      <c r="EX1085" s="98"/>
      <c r="EY1085" s="97"/>
      <c r="FL1085" s="126"/>
      <c r="FM1085" s="91"/>
      <c r="FN1085" s="91"/>
      <c r="FO1085" s="91"/>
      <c r="FP1085" s="91"/>
      <c r="FQ1085" s="91"/>
      <c r="FR1085" s="91"/>
      <c r="FS1085" s="91"/>
      <c r="FT1085" s="91"/>
      <c r="FU1085" s="91"/>
      <c r="FV1085" s="91"/>
      <c r="FW1085" s="91"/>
      <c r="FX1085" s="91"/>
      <c r="FY1085" s="91"/>
      <c r="FZ1085" s="91"/>
      <c r="GA1085" s="91"/>
      <c r="GB1085" s="91"/>
      <c r="GC1085" s="91"/>
      <c r="GD1085" s="91"/>
      <c r="GE1085" s="91"/>
      <c r="GF1085" s="91"/>
      <c r="GG1085" s="91"/>
      <c r="GH1085" s="91"/>
      <c r="GI1085" s="91"/>
      <c r="GJ1085" s="91"/>
      <c r="GK1085" s="127"/>
      <c r="GL1085" s="126"/>
      <c r="GM1085" s="91"/>
      <c r="GN1085" s="91"/>
      <c r="GO1085" s="91"/>
      <c r="GP1085" s="91"/>
      <c r="GQ1085" s="91"/>
      <c r="GR1085" s="91"/>
      <c r="GS1085" s="91"/>
      <c r="GT1085" s="91"/>
      <c r="GU1085" s="91"/>
      <c r="GV1085" s="91"/>
      <c r="GW1085" s="91"/>
      <c r="GX1085" s="91"/>
      <c r="GY1085" s="91"/>
      <c r="GZ1085" s="91"/>
      <c r="HA1085" s="91"/>
      <c r="HB1085" s="91"/>
      <c r="HC1085" s="91"/>
      <c r="HD1085" s="91"/>
      <c r="HE1085" s="91"/>
      <c r="HF1085" s="91"/>
      <c r="HG1085" s="91"/>
      <c r="HH1085" s="91"/>
      <c r="HI1085" s="91"/>
      <c r="HJ1085" s="91"/>
      <c r="HK1085" s="127"/>
      <c r="HL1085" s="126"/>
      <c r="HM1085" s="91"/>
      <c r="HN1085" s="91"/>
      <c r="HO1085" s="91"/>
      <c r="HP1085" s="91"/>
      <c r="HQ1085" s="91"/>
      <c r="HR1085" s="91"/>
      <c r="HS1085" s="91"/>
      <c r="HT1085" s="91"/>
      <c r="HU1085" s="91"/>
      <c r="HV1085" s="91"/>
      <c r="HW1085" s="91"/>
      <c r="HX1085" s="91"/>
      <c r="HY1085" s="91"/>
      <c r="HZ1085" s="91"/>
      <c r="IA1085" s="91"/>
      <c r="IB1085" s="91"/>
      <c r="IC1085" s="91"/>
      <c r="ID1085" s="91"/>
      <c r="IE1085" s="91"/>
      <c r="IF1085" s="91"/>
      <c r="IG1085" s="91"/>
      <c r="IH1085" s="91"/>
      <c r="II1085" s="91"/>
      <c r="IJ1085" s="91"/>
      <c r="IK1085" s="127"/>
    </row>
    <row r="1086" spans="2:245" x14ac:dyDescent="0.2">
      <c r="B1086" s="43"/>
      <c r="C1086" s="73"/>
      <c r="D1086" s="64"/>
      <c r="E1086" s="64"/>
      <c r="F1086" s="55"/>
      <c r="G1086" s="102"/>
      <c r="H1086" s="55"/>
      <c r="I1086" s="55"/>
      <c r="J1086" s="55"/>
      <c r="K1086" s="55"/>
      <c r="L1086" s="55"/>
      <c r="M1086" s="55"/>
      <c r="N1086" s="55"/>
      <c r="O1086" s="55"/>
      <c r="P1086" s="55"/>
      <c r="Q1086" s="55"/>
      <c r="R1086" s="55"/>
      <c r="S1086" s="55"/>
      <c r="T1086" s="55"/>
      <c r="U1086" s="55"/>
      <c r="V1086" s="55"/>
      <c r="W1086" s="55"/>
      <c r="X1086" s="55"/>
      <c r="Y1086" s="55"/>
      <c r="Z1086" s="55"/>
      <c r="AA1086" s="55"/>
      <c r="AB1086" s="55"/>
      <c r="AC1086" s="55"/>
      <c r="AD1086" s="55"/>
      <c r="AE1086" s="55"/>
      <c r="AF1086" s="55"/>
      <c r="AG1086" s="55"/>
      <c r="AY1086" s="162"/>
      <c r="AZ1086" s="162"/>
      <c r="BA1086" s="162"/>
      <c r="BB1086" s="162"/>
      <c r="BC1086" s="162"/>
      <c r="BD1086" s="162"/>
      <c r="BE1086" s="162"/>
      <c r="BF1086" s="162"/>
      <c r="BG1086" s="162"/>
      <c r="BH1086" s="162"/>
      <c r="BI1086" s="162"/>
      <c r="BJ1086" s="162"/>
      <c r="BK1086" s="162"/>
      <c r="BL1086" s="162"/>
      <c r="BM1086" s="162"/>
      <c r="BN1086" s="162"/>
      <c r="BO1086" s="162"/>
      <c r="BP1086" s="162"/>
      <c r="BQ1086" s="162"/>
      <c r="BR1086" s="162"/>
      <c r="BS1086" s="162"/>
      <c r="BT1086" s="162"/>
      <c r="BU1086" s="162"/>
      <c r="BV1086" s="162"/>
      <c r="BW1086" s="162"/>
      <c r="BX1086" s="162"/>
      <c r="BY1086" s="162"/>
      <c r="BZ1086" s="162"/>
      <c r="CA1086" s="162"/>
      <c r="CB1086" s="162"/>
      <c r="CC1086" s="162"/>
      <c r="CD1086" s="162"/>
      <c r="CE1086" s="162"/>
      <c r="CF1086" s="162"/>
      <c r="CG1086" s="162"/>
      <c r="CH1086" s="162"/>
      <c r="CI1086" s="162"/>
      <c r="CJ1086" s="162"/>
      <c r="CK1086" s="162"/>
      <c r="CX1086" s="98"/>
      <c r="DL1086" s="97"/>
      <c r="DX1086" s="98"/>
      <c r="EL1086" s="97"/>
      <c r="EX1086" s="98"/>
      <c r="EY1086" s="97"/>
      <c r="FL1086" s="126"/>
      <c r="FM1086" s="91"/>
      <c r="FN1086" s="91"/>
      <c r="FO1086" s="91"/>
      <c r="FP1086" s="91"/>
      <c r="FQ1086" s="91"/>
      <c r="FR1086" s="91"/>
      <c r="FS1086" s="91"/>
      <c r="FT1086" s="91"/>
      <c r="FU1086" s="91"/>
      <c r="FV1086" s="91"/>
      <c r="FW1086" s="91"/>
      <c r="FX1086" s="91"/>
      <c r="FY1086" s="91"/>
      <c r="FZ1086" s="91"/>
      <c r="GA1086" s="91"/>
      <c r="GB1086" s="91"/>
      <c r="GC1086" s="91"/>
      <c r="GD1086" s="91"/>
      <c r="GE1086" s="91"/>
      <c r="GF1086" s="91"/>
      <c r="GG1086" s="91"/>
      <c r="GH1086" s="91"/>
      <c r="GI1086" s="91"/>
      <c r="GJ1086" s="91"/>
      <c r="GK1086" s="127"/>
      <c r="GL1086" s="126"/>
      <c r="GM1086" s="91"/>
      <c r="GN1086" s="91"/>
      <c r="GO1086" s="91"/>
      <c r="GP1086" s="91"/>
      <c r="GQ1086" s="91"/>
      <c r="GR1086" s="91"/>
      <c r="GS1086" s="91"/>
      <c r="GT1086" s="91"/>
      <c r="GU1086" s="91"/>
      <c r="GV1086" s="91"/>
      <c r="GW1086" s="91"/>
      <c r="GX1086" s="91"/>
      <c r="GY1086" s="91"/>
      <c r="GZ1086" s="91"/>
      <c r="HA1086" s="91"/>
      <c r="HB1086" s="91"/>
      <c r="HC1086" s="91"/>
      <c r="HD1086" s="91"/>
      <c r="HE1086" s="91"/>
      <c r="HF1086" s="91"/>
      <c r="HG1086" s="91"/>
      <c r="HH1086" s="91"/>
      <c r="HI1086" s="91"/>
      <c r="HJ1086" s="91"/>
      <c r="HK1086" s="127"/>
      <c r="HL1086" s="126"/>
      <c r="HM1086" s="91"/>
      <c r="HN1086" s="91"/>
      <c r="HO1086" s="91"/>
      <c r="HP1086" s="91"/>
      <c r="HQ1086" s="91"/>
      <c r="HR1086" s="91"/>
      <c r="HS1086" s="91"/>
      <c r="HT1086" s="91"/>
      <c r="HU1086" s="91"/>
      <c r="HV1086" s="91"/>
      <c r="HW1086" s="91"/>
      <c r="HX1086" s="91"/>
      <c r="HY1086" s="91"/>
      <c r="HZ1086" s="91"/>
      <c r="IA1086" s="91"/>
      <c r="IB1086" s="91"/>
      <c r="IC1086" s="91"/>
      <c r="ID1086" s="91"/>
      <c r="IE1086" s="91"/>
      <c r="IF1086" s="91"/>
      <c r="IG1086" s="91"/>
      <c r="IH1086" s="91"/>
      <c r="II1086" s="91"/>
      <c r="IJ1086" s="91"/>
      <c r="IK1086" s="127"/>
    </row>
    <row r="1087" spans="2:245" x14ac:dyDescent="0.2">
      <c r="B1087" s="43"/>
      <c r="C1087" s="73"/>
      <c r="D1087" s="64"/>
      <c r="E1087" s="64"/>
      <c r="F1087" s="55"/>
      <c r="G1087" s="102"/>
      <c r="H1087" s="55"/>
      <c r="I1087" s="55"/>
      <c r="J1087" s="55"/>
      <c r="K1087" s="55"/>
      <c r="L1087" s="55"/>
      <c r="M1087" s="55"/>
      <c r="N1087" s="55"/>
      <c r="O1087" s="55"/>
      <c r="P1087" s="55"/>
      <c r="Q1087" s="55"/>
      <c r="R1087" s="55"/>
      <c r="S1087" s="55"/>
      <c r="T1087" s="55"/>
      <c r="U1087" s="55"/>
      <c r="V1087" s="55"/>
      <c r="W1087" s="55"/>
      <c r="X1087" s="55"/>
      <c r="Y1087" s="55"/>
      <c r="Z1087" s="55"/>
      <c r="AA1087" s="55"/>
      <c r="AB1087" s="55"/>
      <c r="AC1087" s="55"/>
      <c r="AD1087" s="55"/>
      <c r="AE1087" s="55"/>
      <c r="AF1087" s="55"/>
      <c r="AG1087" s="55"/>
      <c r="AY1087" s="162"/>
      <c r="AZ1087" s="162"/>
      <c r="BA1087" s="162"/>
      <c r="BB1087" s="162"/>
      <c r="BC1087" s="162"/>
      <c r="BD1087" s="162"/>
      <c r="BE1087" s="162"/>
      <c r="BF1087" s="162"/>
      <c r="BG1087" s="162"/>
      <c r="BH1087" s="162"/>
      <c r="BI1087" s="162"/>
      <c r="BJ1087" s="162"/>
      <c r="BK1087" s="162"/>
      <c r="BL1087" s="162"/>
      <c r="BM1087" s="162"/>
      <c r="BN1087" s="162"/>
      <c r="BO1087" s="162"/>
      <c r="BP1087" s="162"/>
      <c r="BQ1087" s="162"/>
      <c r="BR1087" s="162"/>
      <c r="BS1087" s="162"/>
      <c r="BT1087" s="162"/>
      <c r="BU1087" s="162"/>
      <c r="BV1087" s="162"/>
      <c r="BW1087" s="162"/>
      <c r="BX1087" s="162"/>
      <c r="BY1087" s="162"/>
      <c r="BZ1087" s="162"/>
      <c r="CA1087" s="162"/>
      <c r="CB1087" s="162"/>
      <c r="CC1087" s="162"/>
      <c r="CD1087" s="162"/>
      <c r="CE1087" s="162"/>
      <c r="CF1087" s="162"/>
      <c r="CG1087" s="162"/>
      <c r="CH1087" s="162"/>
      <c r="CI1087" s="162"/>
      <c r="CJ1087" s="162"/>
      <c r="CK1087" s="162"/>
      <c r="CX1087" s="98"/>
      <c r="DL1087" s="97"/>
      <c r="DX1087" s="98"/>
      <c r="EL1087" s="97"/>
      <c r="EX1087" s="98"/>
      <c r="EY1087" s="97"/>
      <c r="FL1087" s="126"/>
      <c r="FM1087" s="91"/>
      <c r="FN1087" s="91"/>
      <c r="FO1087" s="91"/>
      <c r="FP1087" s="91"/>
      <c r="FQ1087" s="91"/>
      <c r="FR1087" s="91"/>
      <c r="FS1087" s="91"/>
      <c r="FT1087" s="91"/>
      <c r="FU1087" s="91"/>
      <c r="FV1087" s="91"/>
      <c r="FW1087" s="91"/>
      <c r="FX1087" s="91"/>
      <c r="FY1087" s="91"/>
      <c r="FZ1087" s="91"/>
      <c r="GA1087" s="91"/>
      <c r="GB1087" s="91"/>
      <c r="GC1087" s="91"/>
      <c r="GD1087" s="91"/>
      <c r="GE1087" s="91"/>
      <c r="GF1087" s="91"/>
      <c r="GG1087" s="91"/>
      <c r="GH1087" s="91"/>
      <c r="GI1087" s="91"/>
      <c r="GJ1087" s="91"/>
      <c r="GK1087" s="127"/>
      <c r="GL1087" s="126"/>
      <c r="GM1087" s="91"/>
      <c r="GN1087" s="91"/>
      <c r="GO1087" s="91"/>
      <c r="GP1087" s="91"/>
      <c r="GQ1087" s="91"/>
      <c r="GR1087" s="91"/>
      <c r="GS1087" s="91"/>
      <c r="GT1087" s="91"/>
      <c r="GU1087" s="91"/>
      <c r="GV1087" s="91"/>
      <c r="GW1087" s="91"/>
      <c r="GX1087" s="91"/>
      <c r="GY1087" s="91"/>
      <c r="GZ1087" s="91"/>
      <c r="HA1087" s="91"/>
      <c r="HB1087" s="91"/>
      <c r="HC1087" s="91"/>
      <c r="HD1087" s="91"/>
      <c r="HE1087" s="91"/>
      <c r="HF1087" s="91"/>
      <c r="HG1087" s="91"/>
      <c r="HH1087" s="91"/>
      <c r="HI1087" s="91"/>
      <c r="HJ1087" s="91"/>
      <c r="HK1087" s="127"/>
      <c r="HL1087" s="126"/>
      <c r="HM1087" s="91"/>
      <c r="HN1087" s="91"/>
      <c r="HO1087" s="91"/>
      <c r="HP1087" s="91"/>
      <c r="HQ1087" s="91"/>
      <c r="HR1087" s="91"/>
      <c r="HS1087" s="91"/>
      <c r="HT1087" s="91"/>
      <c r="HU1087" s="91"/>
      <c r="HV1087" s="91"/>
      <c r="HW1087" s="91"/>
      <c r="HX1087" s="91"/>
      <c r="HY1087" s="91"/>
      <c r="HZ1087" s="91"/>
      <c r="IA1087" s="91"/>
      <c r="IB1087" s="91"/>
      <c r="IC1087" s="91"/>
      <c r="ID1087" s="91"/>
      <c r="IE1087" s="91"/>
      <c r="IF1087" s="91"/>
      <c r="IG1087" s="91"/>
      <c r="IH1087" s="91"/>
      <c r="II1087" s="91"/>
      <c r="IJ1087" s="91"/>
      <c r="IK1087" s="127"/>
    </row>
    <row r="1088" spans="2:245" x14ac:dyDescent="0.2">
      <c r="B1088" s="43"/>
      <c r="C1088" s="73"/>
      <c r="D1088" s="64"/>
      <c r="E1088" s="64"/>
      <c r="F1088" s="55"/>
      <c r="G1088" s="102"/>
      <c r="H1088" s="55"/>
      <c r="I1088" s="55"/>
      <c r="J1088" s="55"/>
      <c r="K1088" s="55"/>
      <c r="L1088" s="55"/>
      <c r="M1088" s="55"/>
      <c r="N1088" s="55"/>
      <c r="O1088" s="55"/>
      <c r="P1088" s="55"/>
      <c r="Q1088" s="55"/>
      <c r="R1088" s="55"/>
      <c r="S1088" s="55"/>
      <c r="T1088" s="55"/>
      <c r="U1088" s="55"/>
      <c r="V1088" s="55"/>
      <c r="W1088" s="55"/>
      <c r="X1088" s="55"/>
      <c r="Y1088" s="55"/>
      <c r="Z1088" s="55"/>
      <c r="AA1088" s="55"/>
      <c r="AB1088" s="55"/>
      <c r="AC1088" s="55"/>
      <c r="AD1088" s="55"/>
      <c r="AE1088" s="55"/>
      <c r="AF1088" s="55"/>
      <c r="AG1088" s="55"/>
      <c r="AY1088" s="162"/>
      <c r="AZ1088" s="162"/>
      <c r="BA1088" s="162"/>
      <c r="BB1088" s="162"/>
      <c r="BC1088" s="162"/>
      <c r="BD1088" s="162"/>
      <c r="BE1088" s="162"/>
      <c r="BF1088" s="162"/>
      <c r="BG1088" s="162"/>
      <c r="BH1088" s="162"/>
      <c r="BI1088" s="162"/>
      <c r="BJ1088" s="162"/>
      <c r="BK1088" s="162"/>
      <c r="BL1088" s="162"/>
      <c r="BM1088" s="162"/>
      <c r="BN1088" s="162"/>
      <c r="BO1088" s="162"/>
      <c r="BP1088" s="162"/>
      <c r="BQ1088" s="162"/>
      <c r="BR1088" s="162"/>
      <c r="BS1088" s="162"/>
      <c r="BT1088" s="162"/>
      <c r="BU1088" s="162"/>
      <c r="BV1088" s="162"/>
      <c r="BW1088" s="162"/>
      <c r="BX1088" s="162"/>
      <c r="BY1088" s="162"/>
      <c r="BZ1088" s="162"/>
      <c r="CA1088" s="162"/>
      <c r="CB1088" s="162"/>
      <c r="CC1088" s="162"/>
      <c r="CD1088" s="162"/>
      <c r="CE1088" s="162"/>
      <c r="CF1088" s="162"/>
      <c r="CG1088" s="162"/>
      <c r="CH1088" s="162"/>
      <c r="CI1088" s="162"/>
      <c r="CJ1088" s="162"/>
      <c r="CK1088" s="162"/>
      <c r="CX1088" s="98"/>
      <c r="DL1088" s="97"/>
      <c r="DX1088" s="98"/>
      <c r="EL1088" s="97"/>
      <c r="EX1088" s="98"/>
      <c r="EY1088" s="97"/>
      <c r="FL1088" s="126"/>
      <c r="FM1088" s="91"/>
      <c r="FN1088" s="91"/>
      <c r="FO1088" s="91"/>
      <c r="FP1088" s="91"/>
      <c r="FQ1088" s="91"/>
      <c r="FR1088" s="91"/>
      <c r="FS1088" s="91"/>
      <c r="FT1088" s="91"/>
      <c r="FU1088" s="91"/>
      <c r="FV1088" s="91"/>
      <c r="FW1088" s="91"/>
      <c r="FX1088" s="91"/>
      <c r="FY1088" s="91"/>
      <c r="FZ1088" s="91"/>
      <c r="GA1088" s="91"/>
      <c r="GB1088" s="91"/>
      <c r="GC1088" s="91"/>
      <c r="GD1088" s="91"/>
      <c r="GE1088" s="91"/>
      <c r="GF1088" s="91"/>
      <c r="GG1088" s="91"/>
      <c r="GH1088" s="91"/>
      <c r="GI1088" s="91"/>
      <c r="GJ1088" s="91"/>
      <c r="GK1088" s="127"/>
      <c r="GL1088" s="126"/>
      <c r="GM1088" s="91"/>
      <c r="GN1088" s="91"/>
      <c r="GO1088" s="91"/>
      <c r="GP1088" s="91"/>
      <c r="GQ1088" s="91"/>
      <c r="GR1088" s="91"/>
      <c r="GS1088" s="91"/>
      <c r="GT1088" s="91"/>
      <c r="GU1088" s="91"/>
      <c r="GV1088" s="91"/>
      <c r="GW1088" s="91"/>
      <c r="GX1088" s="91"/>
      <c r="GY1088" s="91"/>
      <c r="GZ1088" s="91"/>
      <c r="HA1088" s="91"/>
      <c r="HB1088" s="91"/>
      <c r="HC1088" s="91"/>
      <c r="HD1088" s="91"/>
      <c r="HE1088" s="91"/>
      <c r="HF1088" s="91"/>
      <c r="HG1088" s="91"/>
      <c r="HH1088" s="91"/>
      <c r="HI1088" s="91"/>
      <c r="HJ1088" s="91"/>
      <c r="HK1088" s="127"/>
      <c r="HL1088" s="126"/>
      <c r="HM1088" s="91"/>
      <c r="HN1088" s="91"/>
      <c r="HO1088" s="91"/>
      <c r="HP1088" s="91"/>
      <c r="HQ1088" s="91"/>
      <c r="HR1088" s="91"/>
      <c r="HS1088" s="91"/>
      <c r="HT1088" s="91"/>
      <c r="HU1088" s="91"/>
      <c r="HV1088" s="91"/>
      <c r="HW1088" s="91"/>
      <c r="HX1088" s="91"/>
      <c r="HY1088" s="91"/>
      <c r="HZ1088" s="91"/>
      <c r="IA1088" s="91"/>
      <c r="IB1088" s="91"/>
      <c r="IC1088" s="91"/>
      <c r="ID1088" s="91"/>
      <c r="IE1088" s="91"/>
      <c r="IF1088" s="91"/>
      <c r="IG1088" s="91"/>
      <c r="IH1088" s="91"/>
      <c r="II1088" s="91"/>
      <c r="IJ1088" s="91"/>
      <c r="IK1088" s="127"/>
    </row>
    <row r="1089" spans="2:245" x14ac:dyDescent="0.2">
      <c r="B1089" s="43"/>
      <c r="C1089" s="73"/>
      <c r="D1089" s="64"/>
      <c r="E1089" s="64"/>
      <c r="F1089" s="55"/>
      <c r="G1089" s="102"/>
      <c r="H1089" s="55"/>
      <c r="I1089" s="55"/>
      <c r="J1089" s="55"/>
      <c r="K1089" s="55"/>
      <c r="L1089" s="55"/>
      <c r="M1089" s="55"/>
      <c r="N1089" s="55"/>
      <c r="O1089" s="55"/>
      <c r="P1089" s="55"/>
      <c r="Q1089" s="55"/>
      <c r="R1089" s="55"/>
      <c r="S1089" s="55"/>
      <c r="T1089" s="55"/>
      <c r="U1089" s="55"/>
      <c r="V1089" s="55"/>
      <c r="W1089" s="55"/>
      <c r="X1089" s="55"/>
      <c r="Y1089" s="55"/>
      <c r="Z1089" s="55"/>
      <c r="AA1089" s="55"/>
      <c r="AB1089" s="55"/>
      <c r="AC1089" s="55"/>
      <c r="AD1089" s="55"/>
      <c r="AE1089" s="55"/>
      <c r="AF1089" s="55"/>
      <c r="AG1089" s="55"/>
      <c r="AY1089" s="162"/>
      <c r="AZ1089" s="162"/>
      <c r="BA1089" s="162"/>
      <c r="BB1089" s="162"/>
      <c r="BC1089" s="162"/>
      <c r="BD1089" s="162"/>
      <c r="BE1089" s="162"/>
      <c r="BF1089" s="162"/>
      <c r="BG1089" s="162"/>
      <c r="BH1089" s="162"/>
      <c r="BI1089" s="162"/>
      <c r="BJ1089" s="162"/>
      <c r="BK1089" s="162"/>
      <c r="BL1089" s="162"/>
      <c r="BM1089" s="162"/>
      <c r="BN1089" s="162"/>
      <c r="BO1089" s="162"/>
      <c r="BP1089" s="162"/>
      <c r="BQ1089" s="162"/>
      <c r="BR1089" s="162"/>
      <c r="BS1089" s="162"/>
      <c r="BT1089" s="162"/>
      <c r="BU1089" s="162"/>
      <c r="BV1089" s="162"/>
      <c r="BW1089" s="162"/>
      <c r="BX1089" s="162"/>
      <c r="BY1089" s="162"/>
      <c r="BZ1089" s="162"/>
      <c r="CA1089" s="162"/>
      <c r="CB1089" s="162"/>
      <c r="CC1089" s="162"/>
      <c r="CD1089" s="162"/>
      <c r="CE1089" s="162"/>
      <c r="CF1089" s="162"/>
      <c r="CG1089" s="162"/>
      <c r="CH1089" s="162"/>
      <c r="CI1089" s="162"/>
      <c r="CJ1089" s="162"/>
      <c r="CK1089" s="162"/>
      <c r="CX1089" s="98"/>
      <c r="DL1089" s="97"/>
      <c r="DX1089" s="98"/>
      <c r="EL1089" s="97"/>
      <c r="EX1089" s="98"/>
      <c r="EY1089" s="97"/>
      <c r="FL1089" s="126"/>
      <c r="FM1089" s="91"/>
      <c r="FN1089" s="91"/>
      <c r="FO1089" s="91"/>
      <c r="FP1089" s="91"/>
      <c r="FQ1089" s="91"/>
      <c r="FR1089" s="91"/>
      <c r="FS1089" s="91"/>
      <c r="FT1089" s="91"/>
      <c r="FU1089" s="91"/>
      <c r="FV1089" s="91"/>
      <c r="FW1089" s="91"/>
      <c r="FX1089" s="91"/>
      <c r="FY1089" s="91"/>
      <c r="FZ1089" s="91"/>
      <c r="GA1089" s="91"/>
      <c r="GB1089" s="91"/>
      <c r="GC1089" s="91"/>
      <c r="GD1089" s="91"/>
      <c r="GE1089" s="91"/>
      <c r="GF1089" s="91"/>
      <c r="GG1089" s="91"/>
      <c r="GH1089" s="91"/>
      <c r="GI1089" s="91"/>
      <c r="GJ1089" s="91"/>
      <c r="GK1089" s="127"/>
      <c r="GL1089" s="126"/>
      <c r="GM1089" s="91"/>
      <c r="GN1089" s="91"/>
      <c r="GO1089" s="91"/>
      <c r="GP1089" s="91"/>
      <c r="GQ1089" s="91"/>
      <c r="GR1089" s="91"/>
      <c r="GS1089" s="91"/>
      <c r="GT1089" s="91"/>
      <c r="GU1089" s="91"/>
      <c r="GV1089" s="91"/>
      <c r="GW1089" s="91"/>
      <c r="GX1089" s="91"/>
      <c r="GY1089" s="91"/>
      <c r="GZ1089" s="91"/>
      <c r="HA1089" s="91"/>
      <c r="HB1089" s="91"/>
      <c r="HC1089" s="91"/>
      <c r="HD1089" s="91"/>
      <c r="HE1089" s="91"/>
      <c r="HF1089" s="91"/>
      <c r="HG1089" s="91"/>
      <c r="HH1089" s="91"/>
      <c r="HI1089" s="91"/>
      <c r="HJ1089" s="91"/>
      <c r="HK1089" s="127"/>
      <c r="HL1089" s="126"/>
      <c r="HM1089" s="91"/>
      <c r="HN1089" s="91"/>
      <c r="HO1089" s="91"/>
      <c r="HP1089" s="91"/>
      <c r="HQ1089" s="91"/>
      <c r="HR1089" s="91"/>
      <c r="HS1089" s="91"/>
      <c r="HT1089" s="91"/>
      <c r="HU1089" s="91"/>
      <c r="HV1089" s="91"/>
      <c r="HW1089" s="91"/>
      <c r="HX1089" s="91"/>
      <c r="HY1089" s="91"/>
      <c r="HZ1089" s="91"/>
      <c r="IA1089" s="91"/>
      <c r="IB1089" s="91"/>
      <c r="IC1089" s="91"/>
      <c r="ID1089" s="91"/>
      <c r="IE1089" s="91"/>
      <c r="IF1089" s="91"/>
      <c r="IG1089" s="91"/>
      <c r="IH1089" s="91"/>
      <c r="II1089" s="91"/>
      <c r="IJ1089" s="91"/>
      <c r="IK1089" s="127"/>
    </row>
    <row r="1090" spans="2:245" x14ac:dyDescent="0.2">
      <c r="B1090" s="43"/>
      <c r="C1090" s="73"/>
      <c r="D1090" s="64"/>
      <c r="E1090" s="64"/>
      <c r="F1090" s="55"/>
      <c r="G1090" s="102"/>
      <c r="H1090" s="55"/>
      <c r="I1090" s="55"/>
      <c r="J1090" s="55"/>
      <c r="K1090" s="55"/>
      <c r="L1090" s="55"/>
      <c r="M1090" s="55"/>
      <c r="N1090" s="55"/>
      <c r="O1090" s="55"/>
      <c r="P1090" s="55"/>
      <c r="Q1090" s="55"/>
      <c r="R1090" s="55"/>
      <c r="S1090" s="55"/>
      <c r="T1090" s="55"/>
      <c r="U1090" s="55"/>
      <c r="V1090" s="55"/>
      <c r="W1090" s="55"/>
      <c r="X1090" s="55"/>
      <c r="Y1090" s="55"/>
      <c r="Z1090" s="55"/>
      <c r="AA1090" s="55"/>
      <c r="AB1090" s="55"/>
      <c r="AC1090" s="55"/>
      <c r="AD1090" s="55"/>
      <c r="AE1090" s="55"/>
      <c r="AF1090" s="55"/>
      <c r="AG1090" s="55"/>
      <c r="AY1090" s="162"/>
      <c r="AZ1090" s="162"/>
      <c r="BA1090" s="162"/>
      <c r="BB1090" s="162"/>
      <c r="BC1090" s="162"/>
      <c r="BD1090" s="162"/>
      <c r="BE1090" s="162"/>
      <c r="BF1090" s="162"/>
      <c r="BG1090" s="162"/>
      <c r="BH1090" s="162"/>
      <c r="BI1090" s="162"/>
      <c r="BJ1090" s="162"/>
      <c r="BK1090" s="162"/>
      <c r="BL1090" s="162"/>
      <c r="BM1090" s="162"/>
      <c r="BN1090" s="162"/>
      <c r="BO1090" s="162"/>
      <c r="BP1090" s="162"/>
      <c r="BQ1090" s="162"/>
      <c r="BR1090" s="162"/>
      <c r="BS1090" s="162"/>
      <c r="BT1090" s="162"/>
      <c r="BU1090" s="162"/>
      <c r="BV1090" s="162"/>
      <c r="BW1090" s="162"/>
      <c r="BX1090" s="162"/>
      <c r="BY1090" s="162"/>
      <c r="BZ1090" s="162"/>
      <c r="CA1090" s="162"/>
      <c r="CB1090" s="162"/>
      <c r="CC1090" s="162"/>
      <c r="CD1090" s="162"/>
      <c r="CE1090" s="162"/>
      <c r="CF1090" s="162"/>
      <c r="CG1090" s="162"/>
      <c r="CH1090" s="162"/>
      <c r="CI1090" s="162"/>
      <c r="CJ1090" s="162"/>
      <c r="CK1090" s="162"/>
      <c r="CX1090" s="98"/>
      <c r="DL1090" s="97"/>
      <c r="DX1090" s="98"/>
      <c r="EL1090" s="97"/>
      <c r="EX1090" s="98"/>
      <c r="EY1090" s="97"/>
      <c r="FL1090" s="126"/>
      <c r="FM1090" s="91"/>
      <c r="FN1090" s="91"/>
      <c r="FO1090" s="91"/>
      <c r="FP1090" s="91"/>
      <c r="FQ1090" s="91"/>
      <c r="FR1090" s="91"/>
      <c r="FS1090" s="91"/>
      <c r="FT1090" s="91"/>
      <c r="FU1090" s="91"/>
      <c r="FV1090" s="91"/>
      <c r="FW1090" s="91"/>
      <c r="FX1090" s="91"/>
      <c r="FY1090" s="91"/>
      <c r="FZ1090" s="91"/>
      <c r="GA1090" s="91"/>
      <c r="GB1090" s="91"/>
      <c r="GC1090" s="91"/>
      <c r="GD1090" s="91"/>
      <c r="GE1090" s="91"/>
      <c r="GF1090" s="91"/>
      <c r="GG1090" s="91"/>
      <c r="GH1090" s="91"/>
      <c r="GI1090" s="91"/>
      <c r="GJ1090" s="91"/>
      <c r="GK1090" s="127"/>
      <c r="GL1090" s="126"/>
      <c r="GM1090" s="91"/>
      <c r="GN1090" s="91"/>
      <c r="GO1090" s="91"/>
      <c r="GP1090" s="91"/>
      <c r="GQ1090" s="91"/>
      <c r="GR1090" s="91"/>
      <c r="GS1090" s="91"/>
      <c r="GT1090" s="91"/>
      <c r="GU1090" s="91"/>
      <c r="GV1090" s="91"/>
      <c r="GW1090" s="91"/>
      <c r="GX1090" s="91"/>
      <c r="GY1090" s="91"/>
      <c r="GZ1090" s="91"/>
      <c r="HA1090" s="91"/>
      <c r="HB1090" s="91"/>
      <c r="HC1090" s="91"/>
      <c r="HD1090" s="91"/>
      <c r="HE1090" s="91"/>
      <c r="HF1090" s="91"/>
      <c r="HG1090" s="91"/>
      <c r="HH1090" s="91"/>
      <c r="HI1090" s="91"/>
      <c r="HJ1090" s="91"/>
      <c r="HK1090" s="127"/>
      <c r="HL1090" s="126"/>
      <c r="HM1090" s="91"/>
      <c r="HN1090" s="91"/>
      <c r="HO1090" s="91"/>
      <c r="HP1090" s="91"/>
      <c r="HQ1090" s="91"/>
      <c r="HR1090" s="91"/>
      <c r="HS1090" s="91"/>
      <c r="HT1090" s="91"/>
      <c r="HU1090" s="91"/>
      <c r="HV1090" s="91"/>
      <c r="HW1090" s="91"/>
      <c r="HX1090" s="91"/>
      <c r="HY1090" s="91"/>
      <c r="HZ1090" s="91"/>
      <c r="IA1090" s="91"/>
      <c r="IB1090" s="91"/>
      <c r="IC1090" s="91"/>
      <c r="ID1090" s="91"/>
      <c r="IE1090" s="91"/>
      <c r="IF1090" s="91"/>
      <c r="IG1090" s="91"/>
      <c r="IH1090" s="91"/>
      <c r="II1090" s="91"/>
      <c r="IJ1090" s="91"/>
      <c r="IK1090" s="127"/>
    </row>
    <row r="1091" spans="2:245" x14ac:dyDescent="0.2">
      <c r="B1091" s="43"/>
      <c r="C1091" s="73"/>
      <c r="D1091" s="64"/>
      <c r="E1091" s="64"/>
      <c r="F1091" s="55"/>
      <c r="G1091" s="102"/>
      <c r="H1091" s="55"/>
      <c r="I1091" s="55"/>
      <c r="J1091" s="55"/>
      <c r="K1091" s="55"/>
      <c r="L1091" s="55"/>
      <c r="M1091" s="55"/>
      <c r="N1091" s="55"/>
      <c r="O1091" s="55"/>
      <c r="P1091" s="55"/>
      <c r="Q1091" s="55"/>
      <c r="R1091" s="55"/>
      <c r="S1091" s="55"/>
      <c r="T1091" s="55"/>
      <c r="U1091" s="55"/>
      <c r="V1091" s="55"/>
      <c r="W1091" s="55"/>
      <c r="X1091" s="55"/>
      <c r="Y1091" s="55"/>
      <c r="Z1091" s="55"/>
      <c r="AA1091" s="55"/>
      <c r="AB1091" s="55"/>
      <c r="AC1091" s="55"/>
      <c r="AD1091" s="55"/>
      <c r="AE1091" s="55"/>
      <c r="AF1091" s="55"/>
      <c r="AG1091" s="55"/>
      <c r="AY1091" s="162"/>
      <c r="AZ1091" s="162"/>
      <c r="BA1091" s="162"/>
      <c r="BB1091" s="162"/>
      <c r="BC1091" s="162"/>
      <c r="BD1091" s="162"/>
      <c r="BE1091" s="162"/>
      <c r="BF1091" s="162"/>
      <c r="BG1091" s="162"/>
      <c r="BH1091" s="162"/>
      <c r="BI1091" s="162"/>
      <c r="BJ1091" s="162"/>
      <c r="BK1091" s="162"/>
      <c r="BL1091" s="162"/>
      <c r="BM1091" s="162"/>
      <c r="BN1091" s="162"/>
      <c r="BO1091" s="162"/>
      <c r="BP1091" s="162"/>
      <c r="BQ1091" s="162"/>
      <c r="BR1091" s="162"/>
      <c r="BS1091" s="162"/>
      <c r="BT1091" s="162"/>
      <c r="BU1091" s="162"/>
      <c r="BV1091" s="162"/>
      <c r="BW1091" s="162"/>
      <c r="BX1091" s="162"/>
      <c r="BY1091" s="162"/>
      <c r="BZ1091" s="162"/>
      <c r="CA1091" s="162"/>
      <c r="CB1091" s="162"/>
      <c r="CC1091" s="162"/>
      <c r="CD1091" s="162"/>
      <c r="CE1091" s="162"/>
      <c r="CF1091" s="162"/>
      <c r="CG1091" s="162"/>
      <c r="CH1091" s="162"/>
      <c r="CI1091" s="162"/>
      <c r="CJ1091" s="162"/>
      <c r="CK1091" s="162"/>
      <c r="CX1091" s="98"/>
      <c r="DL1091" s="97"/>
      <c r="DX1091" s="98"/>
      <c r="EL1091" s="97"/>
      <c r="EX1091" s="98"/>
      <c r="EY1091" s="97"/>
      <c r="FL1091" s="126"/>
      <c r="FM1091" s="91"/>
      <c r="FN1091" s="91"/>
      <c r="FO1091" s="91"/>
      <c r="FP1091" s="91"/>
      <c r="FQ1091" s="91"/>
      <c r="FR1091" s="91"/>
      <c r="FS1091" s="91"/>
      <c r="FT1091" s="91"/>
      <c r="FU1091" s="91"/>
      <c r="FV1091" s="91"/>
      <c r="FW1091" s="91"/>
      <c r="FX1091" s="91"/>
      <c r="FY1091" s="91"/>
      <c r="FZ1091" s="91"/>
      <c r="GA1091" s="91"/>
      <c r="GB1091" s="91"/>
      <c r="GC1091" s="91"/>
      <c r="GD1091" s="91"/>
      <c r="GE1091" s="91"/>
      <c r="GF1091" s="91"/>
      <c r="GG1091" s="91"/>
      <c r="GH1091" s="91"/>
      <c r="GI1091" s="91"/>
      <c r="GJ1091" s="91"/>
      <c r="GK1091" s="127"/>
      <c r="GL1091" s="126"/>
      <c r="GM1091" s="91"/>
      <c r="GN1091" s="91"/>
      <c r="GO1091" s="91"/>
      <c r="GP1091" s="91"/>
      <c r="GQ1091" s="91"/>
      <c r="GR1091" s="91"/>
      <c r="GS1091" s="91"/>
      <c r="GT1091" s="91"/>
      <c r="GU1091" s="91"/>
      <c r="GV1091" s="91"/>
      <c r="GW1091" s="91"/>
      <c r="GX1091" s="91"/>
      <c r="GY1091" s="91"/>
      <c r="GZ1091" s="91"/>
      <c r="HA1091" s="91"/>
      <c r="HB1091" s="91"/>
      <c r="HC1091" s="91"/>
      <c r="HD1091" s="91"/>
      <c r="HE1091" s="91"/>
      <c r="HF1091" s="91"/>
      <c r="HG1091" s="91"/>
      <c r="HH1091" s="91"/>
      <c r="HI1091" s="91"/>
      <c r="HJ1091" s="91"/>
      <c r="HK1091" s="127"/>
      <c r="HL1091" s="126"/>
      <c r="HM1091" s="91"/>
      <c r="HN1091" s="91"/>
      <c r="HO1091" s="91"/>
      <c r="HP1091" s="91"/>
      <c r="HQ1091" s="91"/>
      <c r="HR1091" s="91"/>
      <c r="HS1091" s="91"/>
      <c r="HT1091" s="91"/>
      <c r="HU1091" s="91"/>
      <c r="HV1091" s="91"/>
      <c r="HW1091" s="91"/>
      <c r="HX1091" s="91"/>
      <c r="HY1091" s="91"/>
      <c r="HZ1091" s="91"/>
      <c r="IA1091" s="91"/>
      <c r="IB1091" s="91"/>
      <c r="IC1091" s="91"/>
      <c r="ID1091" s="91"/>
      <c r="IE1091" s="91"/>
      <c r="IF1091" s="91"/>
      <c r="IG1091" s="91"/>
      <c r="IH1091" s="91"/>
      <c r="II1091" s="91"/>
      <c r="IJ1091" s="91"/>
      <c r="IK1091" s="127"/>
    </row>
    <row r="1092" spans="2:245" x14ac:dyDescent="0.2">
      <c r="B1092" s="43"/>
      <c r="C1092" s="73"/>
      <c r="D1092" s="64"/>
      <c r="E1092" s="64"/>
      <c r="F1092" s="55"/>
      <c r="G1092" s="102"/>
      <c r="H1092" s="55"/>
      <c r="I1092" s="55"/>
      <c r="J1092" s="55"/>
      <c r="K1092" s="55"/>
      <c r="L1092" s="55"/>
      <c r="M1092" s="55"/>
      <c r="N1092" s="55"/>
      <c r="O1092" s="55"/>
      <c r="P1092" s="55"/>
      <c r="Q1092" s="55"/>
      <c r="R1092" s="55"/>
      <c r="S1092" s="55"/>
      <c r="T1092" s="55"/>
      <c r="U1092" s="55"/>
      <c r="V1092" s="55"/>
      <c r="W1092" s="55"/>
      <c r="X1092" s="55"/>
      <c r="Y1092" s="55"/>
      <c r="Z1092" s="55"/>
      <c r="AA1092" s="55"/>
      <c r="AB1092" s="55"/>
      <c r="AC1092" s="55"/>
      <c r="AD1092" s="55"/>
      <c r="AE1092" s="55"/>
      <c r="AF1092" s="55"/>
      <c r="AG1092" s="55"/>
      <c r="AY1092" s="162"/>
      <c r="AZ1092" s="162"/>
      <c r="BA1092" s="162"/>
      <c r="BB1092" s="162"/>
      <c r="BC1092" s="162"/>
      <c r="BD1092" s="162"/>
      <c r="BE1092" s="162"/>
      <c r="BF1092" s="162"/>
      <c r="BG1092" s="162"/>
      <c r="BH1092" s="162"/>
      <c r="BI1092" s="162"/>
      <c r="BJ1092" s="162"/>
      <c r="BK1092" s="162"/>
      <c r="BL1092" s="162"/>
      <c r="BM1092" s="162"/>
      <c r="BN1092" s="162"/>
      <c r="BO1092" s="162"/>
      <c r="BP1092" s="162"/>
      <c r="BQ1092" s="162"/>
      <c r="BR1092" s="162"/>
      <c r="BS1092" s="162"/>
      <c r="BT1092" s="162"/>
      <c r="BU1092" s="162"/>
      <c r="BV1092" s="162"/>
      <c r="BW1092" s="162"/>
      <c r="BX1092" s="162"/>
      <c r="BY1092" s="162"/>
      <c r="BZ1092" s="162"/>
      <c r="CA1092" s="162"/>
      <c r="CB1092" s="162"/>
      <c r="CC1092" s="162"/>
      <c r="CD1092" s="162"/>
      <c r="CE1092" s="162"/>
      <c r="CF1092" s="162"/>
      <c r="CG1092" s="162"/>
      <c r="CH1092" s="162"/>
      <c r="CI1092" s="162"/>
      <c r="CJ1092" s="162"/>
      <c r="CK1092" s="162"/>
      <c r="CX1092" s="98"/>
      <c r="DL1092" s="97"/>
      <c r="DX1092" s="98"/>
      <c r="EL1092" s="97"/>
      <c r="EX1092" s="98"/>
      <c r="EY1092" s="97"/>
      <c r="FL1092" s="126"/>
      <c r="FM1092" s="91"/>
      <c r="FN1092" s="91"/>
      <c r="FO1092" s="91"/>
      <c r="FP1092" s="91"/>
      <c r="FQ1092" s="91"/>
      <c r="FR1092" s="91"/>
      <c r="FS1092" s="91"/>
      <c r="FT1092" s="91"/>
      <c r="FU1092" s="91"/>
      <c r="FV1092" s="91"/>
      <c r="FW1092" s="91"/>
      <c r="FX1092" s="91"/>
      <c r="FY1092" s="91"/>
      <c r="FZ1092" s="91"/>
      <c r="GA1092" s="91"/>
      <c r="GB1092" s="91"/>
      <c r="GC1092" s="91"/>
      <c r="GD1092" s="91"/>
      <c r="GE1092" s="91"/>
      <c r="GF1092" s="91"/>
      <c r="GG1092" s="91"/>
      <c r="GH1092" s="91"/>
      <c r="GI1092" s="91"/>
      <c r="GJ1092" s="91"/>
      <c r="GK1092" s="127"/>
      <c r="GL1092" s="126"/>
      <c r="GM1092" s="91"/>
      <c r="GN1092" s="91"/>
      <c r="GO1092" s="91"/>
      <c r="GP1092" s="91"/>
      <c r="GQ1092" s="91"/>
      <c r="GR1092" s="91"/>
      <c r="GS1092" s="91"/>
      <c r="GT1092" s="91"/>
      <c r="GU1092" s="91"/>
      <c r="GV1092" s="91"/>
      <c r="GW1092" s="91"/>
      <c r="GX1092" s="91"/>
      <c r="GY1092" s="91"/>
      <c r="GZ1092" s="91"/>
      <c r="HA1092" s="91"/>
      <c r="HB1092" s="91"/>
      <c r="HC1092" s="91"/>
      <c r="HD1092" s="91"/>
      <c r="HE1092" s="91"/>
      <c r="HF1092" s="91"/>
      <c r="HG1092" s="91"/>
      <c r="HH1092" s="91"/>
      <c r="HI1092" s="91"/>
      <c r="HJ1092" s="91"/>
      <c r="HK1092" s="127"/>
      <c r="HL1092" s="126"/>
      <c r="HM1092" s="91"/>
      <c r="HN1092" s="91"/>
      <c r="HO1092" s="91"/>
      <c r="HP1092" s="91"/>
      <c r="HQ1092" s="91"/>
      <c r="HR1092" s="91"/>
      <c r="HS1092" s="91"/>
      <c r="HT1092" s="91"/>
      <c r="HU1092" s="91"/>
      <c r="HV1092" s="91"/>
      <c r="HW1092" s="91"/>
      <c r="HX1092" s="91"/>
      <c r="HY1092" s="91"/>
      <c r="HZ1092" s="91"/>
      <c r="IA1092" s="91"/>
      <c r="IB1092" s="91"/>
      <c r="IC1092" s="91"/>
      <c r="ID1092" s="91"/>
      <c r="IE1092" s="91"/>
      <c r="IF1092" s="91"/>
      <c r="IG1092" s="91"/>
      <c r="IH1092" s="91"/>
      <c r="II1092" s="91"/>
      <c r="IJ1092" s="91"/>
      <c r="IK1092" s="127"/>
    </row>
    <row r="1093" spans="2:245" x14ac:dyDescent="0.2">
      <c r="B1093" s="43"/>
      <c r="C1093" s="73"/>
      <c r="D1093" s="64"/>
      <c r="E1093" s="64"/>
      <c r="F1093" s="55"/>
      <c r="G1093" s="102"/>
      <c r="H1093" s="55"/>
      <c r="I1093" s="55"/>
      <c r="J1093" s="55"/>
      <c r="K1093" s="55"/>
      <c r="L1093" s="55"/>
      <c r="M1093" s="55"/>
      <c r="N1093" s="55"/>
      <c r="O1093" s="55"/>
      <c r="P1093" s="55"/>
      <c r="Q1093" s="55"/>
      <c r="R1093" s="55"/>
      <c r="S1093" s="55"/>
      <c r="T1093" s="55"/>
      <c r="U1093" s="55"/>
      <c r="V1093" s="55"/>
      <c r="W1093" s="55"/>
      <c r="X1093" s="55"/>
      <c r="Y1093" s="55"/>
      <c r="Z1093" s="55"/>
      <c r="AA1093" s="55"/>
      <c r="AB1093" s="55"/>
      <c r="AC1093" s="55"/>
      <c r="AD1093" s="55"/>
      <c r="AE1093" s="55"/>
      <c r="AF1093" s="55"/>
      <c r="AG1093" s="55"/>
      <c r="AY1093" s="162"/>
      <c r="AZ1093" s="162"/>
      <c r="BA1093" s="162"/>
      <c r="BB1093" s="162"/>
      <c r="BC1093" s="162"/>
      <c r="BD1093" s="162"/>
      <c r="BE1093" s="162"/>
      <c r="BF1093" s="162"/>
      <c r="BG1093" s="162"/>
      <c r="BH1093" s="162"/>
      <c r="BI1093" s="162"/>
      <c r="BJ1093" s="162"/>
      <c r="BK1093" s="162"/>
      <c r="BL1093" s="162"/>
      <c r="BM1093" s="162"/>
      <c r="BN1093" s="162"/>
      <c r="BO1093" s="162"/>
      <c r="BP1093" s="162"/>
      <c r="BQ1093" s="162"/>
      <c r="BR1093" s="162"/>
      <c r="BS1093" s="162"/>
      <c r="BT1093" s="162"/>
      <c r="BU1093" s="162"/>
      <c r="BV1093" s="162"/>
      <c r="BW1093" s="162"/>
      <c r="BX1093" s="162"/>
      <c r="BY1093" s="162"/>
      <c r="BZ1093" s="162"/>
      <c r="CA1093" s="162"/>
      <c r="CB1093" s="162"/>
      <c r="CC1093" s="162"/>
      <c r="CD1093" s="162"/>
      <c r="CE1093" s="162"/>
      <c r="CF1093" s="162"/>
      <c r="CG1093" s="162"/>
      <c r="CH1093" s="162"/>
      <c r="CI1093" s="162"/>
      <c r="CJ1093" s="162"/>
      <c r="CK1093" s="162"/>
      <c r="CX1093" s="98"/>
      <c r="DL1093" s="97"/>
      <c r="DX1093" s="98"/>
      <c r="EL1093" s="97"/>
      <c r="EX1093" s="98"/>
      <c r="EY1093" s="97"/>
      <c r="FL1093" s="126"/>
      <c r="FM1093" s="91"/>
      <c r="FN1093" s="91"/>
      <c r="FO1093" s="91"/>
      <c r="FP1093" s="91"/>
      <c r="FQ1093" s="91"/>
      <c r="FR1093" s="91"/>
      <c r="FS1093" s="91"/>
      <c r="FT1093" s="91"/>
      <c r="FU1093" s="91"/>
      <c r="FV1093" s="91"/>
      <c r="FW1093" s="91"/>
      <c r="FX1093" s="91"/>
      <c r="FY1093" s="91"/>
      <c r="FZ1093" s="91"/>
      <c r="GA1093" s="91"/>
      <c r="GB1093" s="91"/>
      <c r="GC1093" s="91"/>
      <c r="GD1093" s="91"/>
      <c r="GE1093" s="91"/>
      <c r="GF1093" s="91"/>
      <c r="GG1093" s="91"/>
      <c r="GH1093" s="91"/>
      <c r="GI1093" s="91"/>
      <c r="GJ1093" s="91"/>
      <c r="GK1093" s="127"/>
      <c r="GL1093" s="126"/>
      <c r="GM1093" s="91"/>
      <c r="GN1093" s="91"/>
      <c r="GO1093" s="91"/>
      <c r="GP1093" s="91"/>
      <c r="GQ1093" s="91"/>
      <c r="GR1093" s="91"/>
      <c r="GS1093" s="91"/>
      <c r="GT1093" s="91"/>
      <c r="GU1093" s="91"/>
      <c r="GV1093" s="91"/>
      <c r="GW1093" s="91"/>
      <c r="GX1093" s="91"/>
      <c r="GY1093" s="91"/>
      <c r="GZ1093" s="91"/>
      <c r="HA1093" s="91"/>
      <c r="HB1093" s="91"/>
      <c r="HC1093" s="91"/>
      <c r="HD1093" s="91"/>
      <c r="HE1093" s="91"/>
      <c r="HF1093" s="91"/>
      <c r="HG1093" s="91"/>
      <c r="HH1093" s="91"/>
      <c r="HI1093" s="91"/>
      <c r="HJ1093" s="91"/>
      <c r="HK1093" s="127"/>
      <c r="HL1093" s="126"/>
      <c r="HM1093" s="91"/>
      <c r="HN1093" s="91"/>
      <c r="HO1093" s="91"/>
      <c r="HP1093" s="91"/>
      <c r="HQ1093" s="91"/>
      <c r="HR1093" s="91"/>
      <c r="HS1093" s="91"/>
      <c r="HT1093" s="91"/>
      <c r="HU1093" s="91"/>
      <c r="HV1093" s="91"/>
      <c r="HW1093" s="91"/>
      <c r="HX1093" s="91"/>
      <c r="HY1093" s="91"/>
      <c r="HZ1093" s="91"/>
      <c r="IA1093" s="91"/>
      <c r="IB1093" s="91"/>
      <c r="IC1093" s="91"/>
      <c r="ID1093" s="91"/>
      <c r="IE1093" s="91"/>
      <c r="IF1093" s="91"/>
      <c r="IG1093" s="91"/>
      <c r="IH1093" s="91"/>
      <c r="II1093" s="91"/>
      <c r="IJ1093" s="91"/>
      <c r="IK1093" s="127"/>
    </row>
    <row r="1094" spans="2:245" x14ac:dyDescent="0.2">
      <c r="B1094" s="43"/>
      <c r="C1094" s="73"/>
      <c r="D1094" s="64"/>
      <c r="E1094" s="64"/>
      <c r="F1094" s="55"/>
      <c r="G1094" s="102"/>
      <c r="H1094" s="55"/>
      <c r="I1094" s="55"/>
      <c r="J1094" s="55"/>
      <c r="K1094" s="55"/>
      <c r="L1094" s="55"/>
      <c r="M1094" s="55"/>
      <c r="N1094" s="55"/>
      <c r="O1094" s="55"/>
      <c r="P1094" s="55"/>
      <c r="Q1094" s="55"/>
      <c r="R1094" s="55"/>
      <c r="S1094" s="55"/>
      <c r="T1094" s="55"/>
      <c r="U1094" s="55"/>
      <c r="V1094" s="55"/>
      <c r="W1094" s="55"/>
      <c r="X1094" s="55"/>
      <c r="Y1094" s="55"/>
      <c r="Z1094" s="55"/>
      <c r="AA1094" s="55"/>
      <c r="AB1094" s="55"/>
      <c r="AC1094" s="55"/>
      <c r="AD1094" s="55"/>
      <c r="AE1094" s="55"/>
      <c r="AF1094" s="55"/>
      <c r="AG1094" s="55"/>
      <c r="AY1094" s="162"/>
      <c r="AZ1094" s="162"/>
      <c r="BA1094" s="162"/>
      <c r="BB1094" s="162"/>
      <c r="BC1094" s="162"/>
      <c r="BD1094" s="162"/>
      <c r="BE1094" s="162"/>
      <c r="BF1094" s="162"/>
      <c r="BG1094" s="162"/>
      <c r="BH1094" s="162"/>
      <c r="BI1094" s="162"/>
      <c r="BJ1094" s="162"/>
      <c r="BK1094" s="162"/>
      <c r="BL1094" s="162"/>
      <c r="BM1094" s="162"/>
      <c r="BN1094" s="162"/>
      <c r="BO1094" s="162"/>
      <c r="BP1094" s="162"/>
      <c r="BQ1094" s="162"/>
      <c r="BR1094" s="162"/>
      <c r="BS1094" s="162"/>
      <c r="BT1094" s="162"/>
      <c r="BU1094" s="162"/>
      <c r="BV1094" s="162"/>
      <c r="BW1094" s="162"/>
      <c r="BX1094" s="162"/>
      <c r="BY1094" s="162"/>
      <c r="BZ1094" s="162"/>
      <c r="CA1094" s="162"/>
      <c r="CB1094" s="162"/>
      <c r="CC1094" s="162"/>
      <c r="CD1094" s="162"/>
      <c r="CE1094" s="162"/>
      <c r="CF1094" s="162"/>
      <c r="CG1094" s="162"/>
      <c r="CH1094" s="162"/>
      <c r="CI1094" s="162"/>
      <c r="CJ1094" s="162"/>
      <c r="CK1094" s="162"/>
      <c r="CX1094" s="98"/>
      <c r="DL1094" s="97"/>
      <c r="DX1094" s="98"/>
      <c r="EL1094" s="97"/>
      <c r="EX1094" s="98"/>
      <c r="EY1094" s="97"/>
      <c r="FL1094" s="126"/>
      <c r="FM1094" s="91"/>
      <c r="FN1094" s="91"/>
      <c r="FO1094" s="91"/>
      <c r="FP1094" s="91"/>
      <c r="FQ1094" s="91"/>
      <c r="FR1094" s="91"/>
      <c r="FS1094" s="91"/>
      <c r="FT1094" s="91"/>
      <c r="FU1094" s="91"/>
      <c r="FV1094" s="91"/>
      <c r="FW1094" s="91"/>
      <c r="FX1094" s="91"/>
      <c r="FY1094" s="91"/>
      <c r="FZ1094" s="91"/>
      <c r="GA1094" s="91"/>
      <c r="GB1094" s="91"/>
      <c r="GC1094" s="91"/>
      <c r="GD1094" s="91"/>
      <c r="GE1094" s="91"/>
      <c r="GF1094" s="91"/>
      <c r="GG1094" s="91"/>
      <c r="GH1094" s="91"/>
      <c r="GI1094" s="91"/>
      <c r="GJ1094" s="91"/>
      <c r="GK1094" s="127"/>
      <c r="GL1094" s="126"/>
      <c r="GM1094" s="91"/>
      <c r="GN1094" s="91"/>
      <c r="GO1094" s="91"/>
      <c r="GP1094" s="91"/>
      <c r="GQ1094" s="91"/>
      <c r="GR1094" s="91"/>
      <c r="GS1094" s="91"/>
      <c r="GT1094" s="91"/>
      <c r="GU1094" s="91"/>
      <c r="GV1094" s="91"/>
      <c r="GW1094" s="91"/>
      <c r="GX1094" s="91"/>
      <c r="GY1094" s="91"/>
      <c r="GZ1094" s="91"/>
      <c r="HA1094" s="91"/>
      <c r="HB1094" s="91"/>
      <c r="HC1094" s="91"/>
      <c r="HD1094" s="91"/>
      <c r="HE1094" s="91"/>
      <c r="HF1094" s="91"/>
      <c r="HG1094" s="91"/>
      <c r="HH1094" s="91"/>
      <c r="HI1094" s="91"/>
      <c r="HJ1094" s="91"/>
      <c r="HK1094" s="127"/>
      <c r="HL1094" s="126"/>
      <c r="HM1094" s="91"/>
      <c r="HN1094" s="91"/>
      <c r="HO1094" s="91"/>
      <c r="HP1094" s="91"/>
      <c r="HQ1094" s="91"/>
      <c r="HR1094" s="91"/>
      <c r="HS1094" s="91"/>
      <c r="HT1094" s="91"/>
      <c r="HU1094" s="91"/>
      <c r="HV1094" s="91"/>
      <c r="HW1094" s="91"/>
      <c r="HX1094" s="91"/>
      <c r="HY1094" s="91"/>
      <c r="HZ1094" s="91"/>
      <c r="IA1094" s="91"/>
      <c r="IB1094" s="91"/>
      <c r="IC1094" s="91"/>
      <c r="ID1094" s="91"/>
      <c r="IE1094" s="91"/>
      <c r="IF1094" s="91"/>
      <c r="IG1094" s="91"/>
      <c r="IH1094" s="91"/>
      <c r="II1094" s="91"/>
      <c r="IJ1094" s="91"/>
      <c r="IK1094" s="127"/>
    </row>
    <row r="1095" spans="2:245" x14ac:dyDescent="0.2">
      <c r="B1095" s="43"/>
      <c r="C1095" s="73"/>
      <c r="D1095" s="64"/>
      <c r="E1095" s="64"/>
      <c r="F1095" s="55"/>
      <c r="G1095" s="102"/>
      <c r="H1095" s="55"/>
      <c r="I1095" s="55"/>
      <c r="J1095" s="55"/>
      <c r="K1095" s="55"/>
      <c r="L1095" s="55"/>
      <c r="M1095" s="55"/>
      <c r="N1095" s="55"/>
      <c r="O1095" s="55"/>
      <c r="P1095" s="55"/>
      <c r="Q1095" s="55"/>
      <c r="R1095" s="55"/>
      <c r="S1095" s="55"/>
      <c r="T1095" s="55"/>
      <c r="U1095" s="55"/>
      <c r="V1095" s="55"/>
      <c r="W1095" s="55"/>
      <c r="X1095" s="55"/>
      <c r="Y1095" s="55"/>
      <c r="Z1095" s="55"/>
      <c r="AA1095" s="55"/>
      <c r="AB1095" s="55"/>
      <c r="AC1095" s="55"/>
      <c r="AD1095" s="55"/>
      <c r="AE1095" s="55"/>
      <c r="AF1095" s="55"/>
      <c r="AG1095" s="55"/>
      <c r="AY1095" s="162"/>
      <c r="AZ1095" s="162"/>
      <c r="BA1095" s="162"/>
      <c r="BB1095" s="162"/>
      <c r="BC1095" s="162"/>
      <c r="BD1095" s="162"/>
      <c r="BE1095" s="162"/>
      <c r="BF1095" s="162"/>
      <c r="BG1095" s="162"/>
      <c r="BH1095" s="162"/>
      <c r="BI1095" s="162"/>
      <c r="BJ1095" s="162"/>
      <c r="BK1095" s="162"/>
      <c r="BL1095" s="162"/>
      <c r="BM1095" s="162"/>
      <c r="BN1095" s="162"/>
      <c r="BO1095" s="162"/>
      <c r="BP1095" s="162"/>
      <c r="BQ1095" s="162"/>
      <c r="BR1095" s="162"/>
      <c r="BS1095" s="162"/>
      <c r="BT1095" s="162"/>
      <c r="BU1095" s="162"/>
      <c r="BV1095" s="162"/>
      <c r="BW1095" s="162"/>
      <c r="BX1095" s="162"/>
      <c r="BY1095" s="162"/>
      <c r="BZ1095" s="162"/>
      <c r="CA1095" s="162"/>
      <c r="CB1095" s="162"/>
      <c r="CC1095" s="162"/>
      <c r="CD1095" s="162"/>
      <c r="CE1095" s="162"/>
      <c r="CF1095" s="162"/>
      <c r="CG1095" s="162"/>
      <c r="CH1095" s="162"/>
      <c r="CI1095" s="162"/>
      <c r="CJ1095" s="162"/>
      <c r="CK1095" s="162"/>
      <c r="CX1095" s="98"/>
      <c r="DL1095" s="97"/>
      <c r="DX1095" s="98"/>
      <c r="EL1095" s="97"/>
      <c r="EX1095" s="98"/>
      <c r="EY1095" s="97"/>
      <c r="FL1095" s="126"/>
      <c r="FM1095" s="91"/>
      <c r="FN1095" s="91"/>
      <c r="FO1095" s="91"/>
      <c r="FP1095" s="91"/>
      <c r="FQ1095" s="91"/>
      <c r="FR1095" s="91"/>
      <c r="FS1095" s="91"/>
      <c r="FT1095" s="91"/>
      <c r="FU1095" s="91"/>
      <c r="FV1095" s="91"/>
      <c r="FW1095" s="91"/>
      <c r="FX1095" s="91"/>
      <c r="FY1095" s="91"/>
      <c r="FZ1095" s="91"/>
      <c r="GA1095" s="91"/>
      <c r="GB1095" s="91"/>
      <c r="GC1095" s="91"/>
      <c r="GD1095" s="91"/>
      <c r="GE1095" s="91"/>
      <c r="GF1095" s="91"/>
      <c r="GG1095" s="91"/>
      <c r="GH1095" s="91"/>
      <c r="GI1095" s="91"/>
      <c r="GJ1095" s="91"/>
      <c r="GK1095" s="127"/>
      <c r="GL1095" s="126"/>
      <c r="GM1095" s="91"/>
      <c r="GN1095" s="91"/>
      <c r="GO1095" s="91"/>
      <c r="GP1095" s="91"/>
      <c r="GQ1095" s="91"/>
      <c r="GR1095" s="91"/>
      <c r="GS1095" s="91"/>
      <c r="GT1095" s="91"/>
      <c r="GU1095" s="91"/>
      <c r="GV1095" s="91"/>
      <c r="GW1095" s="91"/>
      <c r="GX1095" s="91"/>
      <c r="GY1095" s="91"/>
      <c r="GZ1095" s="91"/>
      <c r="HA1095" s="91"/>
      <c r="HB1095" s="91"/>
      <c r="HC1095" s="91"/>
      <c r="HD1095" s="91"/>
      <c r="HE1095" s="91"/>
      <c r="HF1095" s="91"/>
      <c r="HG1095" s="91"/>
      <c r="HH1095" s="91"/>
      <c r="HI1095" s="91"/>
      <c r="HJ1095" s="91"/>
      <c r="HK1095" s="127"/>
      <c r="HL1095" s="126"/>
      <c r="HM1095" s="91"/>
      <c r="HN1095" s="91"/>
      <c r="HO1095" s="91"/>
      <c r="HP1095" s="91"/>
      <c r="HQ1095" s="91"/>
      <c r="HR1095" s="91"/>
      <c r="HS1095" s="91"/>
      <c r="HT1095" s="91"/>
      <c r="HU1095" s="91"/>
      <c r="HV1095" s="91"/>
      <c r="HW1095" s="91"/>
      <c r="HX1095" s="91"/>
      <c r="HY1095" s="91"/>
      <c r="HZ1095" s="91"/>
      <c r="IA1095" s="91"/>
      <c r="IB1095" s="91"/>
      <c r="IC1095" s="91"/>
      <c r="ID1095" s="91"/>
      <c r="IE1095" s="91"/>
      <c r="IF1095" s="91"/>
      <c r="IG1095" s="91"/>
      <c r="IH1095" s="91"/>
      <c r="II1095" s="91"/>
      <c r="IJ1095" s="91"/>
      <c r="IK1095" s="127"/>
    </row>
    <row r="1096" spans="2:245" x14ac:dyDescent="0.2">
      <c r="B1096" s="43"/>
      <c r="C1096" s="73"/>
      <c r="D1096" s="64"/>
      <c r="E1096" s="64"/>
      <c r="F1096" s="55"/>
      <c r="G1096" s="102"/>
      <c r="H1096" s="55"/>
      <c r="I1096" s="55"/>
      <c r="J1096" s="55"/>
      <c r="K1096" s="55"/>
      <c r="L1096" s="55"/>
      <c r="M1096" s="55"/>
      <c r="N1096" s="55"/>
      <c r="O1096" s="55"/>
      <c r="P1096" s="55"/>
      <c r="Q1096" s="55"/>
      <c r="R1096" s="55"/>
      <c r="S1096" s="55"/>
      <c r="T1096" s="55"/>
      <c r="U1096" s="55"/>
      <c r="V1096" s="55"/>
      <c r="W1096" s="55"/>
      <c r="X1096" s="55"/>
      <c r="Y1096" s="55"/>
      <c r="Z1096" s="55"/>
      <c r="AA1096" s="55"/>
      <c r="AB1096" s="55"/>
      <c r="AC1096" s="55"/>
      <c r="AD1096" s="55"/>
      <c r="AE1096" s="55"/>
      <c r="AF1096" s="55"/>
      <c r="AG1096" s="55"/>
      <c r="AY1096" s="162"/>
      <c r="AZ1096" s="162"/>
      <c r="BA1096" s="162"/>
      <c r="BB1096" s="162"/>
      <c r="BC1096" s="162"/>
      <c r="BD1096" s="162"/>
      <c r="BE1096" s="162"/>
      <c r="BF1096" s="162"/>
      <c r="BG1096" s="162"/>
      <c r="BH1096" s="162"/>
      <c r="BI1096" s="162"/>
      <c r="BJ1096" s="162"/>
      <c r="BK1096" s="162"/>
      <c r="BL1096" s="162"/>
      <c r="BM1096" s="162"/>
      <c r="BN1096" s="162"/>
      <c r="BO1096" s="162"/>
      <c r="BP1096" s="162"/>
      <c r="BQ1096" s="162"/>
      <c r="BR1096" s="162"/>
      <c r="BS1096" s="162"/>
      <c r="BT1096" s="162"/>
      <c r="BU1096" s="162"/>
      <c r="BV1096" s="162"/>
      <c r="BW1096" s="162"/>
      <c r="BX1096" s="162"/>
      <c r="BY1096" s="162"/>
      <c r="BZ1096" s="162"/>
      <c r="CA1096" s="162"/>
      <c r="CB1096" s="162"/>
      <c r="CC1096" s="162"/>
      <c r="CD1096" s="162"/>
      <c r="CE1096" s="162"/>
      <c r="CF1096" s="162"/>
      <c r="CG1096" s="162"/>
      <c r="CH1096" s="162"/>
      <c r="CI1096" s="162"/>
      <c r="CJ1096" s="162"/>
      <c r="CK1096" s="162"/>
      <c r="CX1096" s="98"/>
      <c r="DL1096" s="97"/>
      <c r="DX1096" s="98"/>
      <c r="EL1096" s="97"/>
      <c r="EX1096" s="98"/>
      <c r="EY1096" s="97"/>
      <c r="FL1096" s="126"/>
      <c r="FM1096" s="91"/>
      <c r="FN1096" s="91"/>
      <c r="FO1096" s="91"/>
      <c r="FP1096" s="91"/>
      <c r="FQ1096" s="91"/>
      <c r="FR1096" s="91"/>
      <c r="FS1096" s="91"/>
      <c r="FT1096" s="91"/>
      <c r="FU1096" s="91"/>
      <c r="FV1096" s="91"/>
      <c r="FW1096" s="91"/>
      <c r="FX1096" s="91"/>
      <c r="FY1096" s="91"/>
      <c r="FZ1096" s="91"/>
      <c r="GA1096" s="91"/>
      <c r="GB1096" s="91"/>
      <c r="GC1096" s="91"/>
      <c r="GD1096" s="91"/>
      <c r="GE1096" s="91"/>
      <c r="GF1096" s="91"/>
      <c r="GG1096" s="91"/>
      <c r="GH1096" s="91"/>
      <c r="GI1096" s="91"/>
      <c r="GJ1096" s="91"/>
      <c r="GK1096" s="127"/>
      <c r="GL1096" s="126"/>
      <c r="GM1096" s="91"/>
      <c r="GN1096" s="91"/>
      <c r="GO1096" s="91"/>
      <c r="GP1096" s="91"/>
      <c r="GQ1096" s="91"/>
      <c r="GR1096" s="91"/>
      <c r="GS1096" s="91"/>
      <c r="GT1096" s="91"/>
      <c r="GU1096" s="91"/>
      <c r="GV1096" s="91"/>
      <c r="GW1096" s="91"/>
      <c r="GX1096" s="91"/>
      <c r="GY1096" s="91"/>
      <c r="GZ1096" s="91"/>
      <c r="HA1096" s="91"/>
      <c r="HB1096" s="91"/>
      <c r="HC1096" s="91"/>
      <c r="HD1096" s="91"/>
      <c r="HE1096" s="91"/>
      <c r="HF1096" s="91"/>
      <c r="HG1096" s="91"/>
      <c r="HH1096" s="91"/>
      <c r="HI1096" s="91"/>
      <c r="HJ1096" s="91"/>
      <c r="HK1096" s="127"/>
      <c r="HL1096" s="126"/>
      <c r="HM1096" s="91"/>
      <c r="HN1096" s="91"/>
      <c r="HO1096" s="91"/>
      <c r="HP1096" s="91"/>
      <c r="HQ1096" s="91"/>
      <c r="HR1096" s="91"/>
      <c r="HS1096" s="91"/>
      <c r="HT1096" s="91"/>
      <c r="HU1096" s="91"/>
      <c r="HV1096" s="91"/>
      <c r="HW1096" s="91"/>
      <c r="HX1096" s="91"/>
      <c r="HY1096" s="91"/>
      <c r="HZ1096" s="91"/>
      <c r="IA1096" s="91"/>
      <c r="IB1096" s="91"/>
      <c r="IC1096" s="91"/>
      <c r="ID1096" s="91"/>
      <c r="IE1096" s="91"/>
      <c r="IF1096" s="91"/>
      <c r="IG1096" s="91"/>
      <c r="IH1096" s="91"/>
      <c r="II1096" s="91"/>
      <c r="IJ1096" s="91"/>
      <c r="IK1096" s="127"/>
    </row>
    <row r="1097" spans="2:245" x14ac:dyDescent="0.2">
      <c r="B1097" s="43"/>
      <c r="C1097" s="73"/>
      <c r="D1097" s="64"/>
      <c r="E1097" s="64"/>
      <c r="F1097" s="55"/>
      <c r="G1097" s="102"/>
      <c r="H1097" s="55"/>
      <c r="I1097" s="55"/>
      <c r="J1097" s="55"/>
      <c r="K1097" s="55"/>
      <c r="L1097" s="55"/>
      <c r="M1097" s="55"/>
      <c r="N1097" s="55"/>
      <c r="O1097" s="55"/>
      <c r="P1097" s="55"/>
      <c r="Q1097" s="55"/>
      <c r="R1097" s="55"/>
      <c r="S1097" s="55"/>
      <c r="T1097" s="55"/>
      <c r="U1097" s="55"/>
      <c r="V1097" s="55"/>
      <c r="W1097" s="55"/>
      <c r="X1097" s="55"/>
      <c r="Y1097" s="55"/>
      <c r="Z1097" s="55"/>
      <c r="AA1097" s="55"/>
      <c r="AB1097" s="55"/>
      <c r="AC1097" s="55"/>
      <c r="AD1097" s="55"/>
      <c r="AE1097" s="55"/>
      <c r="AF1097" s="55"/>
      <c r="AG1097" s="55"/>
      <c r="AY1097" s="162"/>
      <c r="AZ1097" s="162"/>
      <c r="BA1097" s="162"/>
      <c r="BB1097" s="162"/>
      <c r="BC1097" s="162"/>
      <c r="BD1097" s="162"/>
      <c r="BE1097" s="162"/>
      <c r="BF1097" s="162"/>
      <c r="BG1097" s="162"/>
      <c r="BH1097" s="162"/>
      <c r="BI1097" s="162"/>
      <c r="BJ1097" s="162"/>
      <c r="BK1097" s="162"/>
      <c r="BL1097" s="162"/>
      <c r="BM1097" s="162"/>
      <c r="BN1097" s="162"/>
      <c r="BO1097" s="162"/>
      <c r="BP1097" s="162"/>
      <c r="BQ1097" s="162"/>
      <c r="BR1097" s="162"/>
      <c r="BS1097" s="162"/>
      <c r="BT1097" s="162"/>
      <c r="BU1097" s="162"/>
      <c r="BV1097" s="162"/>
      <c r="BW1097" s="162"/>
      <c r="BX1097" s="162"/>
      <c r="BY1097" s="162"/>
      <c r="BZ1097" s="162"/>
      <c r="CA1097" s="162"/>
      <c r="CB1097" s="162"/>
      <c r="CC1097" s="162"/>
      <c r="CD1097" s="162"/>
      <c r="CE1097" s="162"/>
      <c r="CF1097" s="162"/>
      <c r="CG1097" s="162"/>
      <c r="CH1097" s="162"/>
      <c r="CI1097" s="162"/>
      <c r="CJ1097" s="162"/>
      <c r="CK1097" s="162"/>
      <c r="CX1097" s="98"/>
      <c r="DL1097" s="97"/>
      <c r="DX1097" s="98"/>
      <c r="EL1097" s="97"/>
      <c r="EX1097" s="98"/>
      <c r="EY1097" s="97"/>
      <c r="FL1097" s="126"/>
      <c r="FM1097" s="91"/>
      <c r="FN1097" s="91"/>
      <c r="FO1097" s="91"/>
      <c r="FP1097" s="91"/>
      <c r="FQ1097" s="91"/>
      <c r="FR1097" s="91"/>
      <c r="FS1097" s="91"/>
      <c r="FT1097" s="91"/>
      <c r="FU1097" s="91"/>
      <c r="FV1097" s="91"/>
      <c r="FW1097" s="91"/>
      <c r="FX1097" s="91"/>
      <c r="FY1097" s="91"/>
      <c r="FZ1097" s="91"/>
      <c r="GA1097" s="91"/>
      <c r="GB1097" s="91"/>
      <c r="GC1097" s="91"/>
      <c r="GD1097" s="91"/>
      <c r="GE1097" s="91"/>
      <c r="GF1097" s="91"/>
      <c r="GG1097" s="91"/>
      <c r="GH1097" s="91"/>
      <c r="GI1097" s="91"/>
      <c r="GJ1097" s="91"/>
      <c r="GK1097" s="127"/>
      <c r="GL1097" s="126"/>
      <c r="GM1097" s="91"/>
      <c r="GN1097" s="91"/>
      <c r="GO1097" s="91"/>
      <c r="GP1097" s="91"/>
      <c r="GQ1097" s="91"/>
      <c r="GR1097" s="91"/>
      <c r="GS1097" s="91"/>
      <c r="GT1097" s="91"/>
      <c r="GU1097" s="91"/>
      <c r="GV1097" s="91"/>
      <c r="GW1097" s="91"/>
      <c r="GX1097" s="91"/>
      <c r="GY1097" s="91"/>
      <c r="GZ1097" s="91"/>
      <c r="HA1097" s="91"/>
      <c r="HB1097" s="91"/>
      <c r="HC1097" s="91"/>
      <c r="HD1097" s="91"/>
      <c r="HE1097" s="91"/>
      <c r="HF1097" s="91"/>
      <c r="HG1097" s="91"/>
      <c r="HH1097" s="91"/>
      <c r="HI1097" s="91"/>
      <c r="HJ1097" s="91"/>
      <c r="HK1097" s="127"/>
      <c r="HL1097" s="126"/>
      <c r="HM1097" s="91"/>
      <c r="HN1097" s="91"/>
      <c r="HO1097" s="91"/>
      <c r="HP1097" s="91"/>
      <c r="HQ1097" s="91"/>
      <c r="HR1097" s="91"/>
      <c r="HS1097" s="91"/>
      <c r="HT1097" s="91"/>
      <c r="HU1097" s="91"/>
      <c r="HV1097" s="91"/>
      <c r="HW1097" s="91"/>
      <c r="HX1097" s="91"/>
      <c r="HY1097" s="91"/>
      <c r="HZ1097" s="91"/>
      <c r="IA1097" s="91"/>
      <c r="IB1097" s="91"/>
      <c r="IC1097" s="91"/>
      <c r="ID1097" s="91"/>
      <c r="IE1097" s="91"/>
      <c r="IF1097" s="91"/>
      <c r="IG1097" s="91"/>
      <c r="IH1097" s="91"/>
      <c r="II1097" s="91"/>
      <c r="IJ1097" s="91"/>
      <c r="IK1097" s="127"/>
    </row>
    <row r="1098" spans="2:245" x14ac:dyDescent="0.2">
      <c r="B1098" s="43"/>
      <c r="C1098" s="73"/>
      <c r="D1098" s="64"/>
      <c r="E1098" s="64"/>
      <c r="F1098" s="55"/>
      <c r="G1098" s="102"/>
      <c r="H1098" s="55"/>
      <c r="I1098" s="55"/>
      <c r="J1098" s="55"/>
      <c r="K1098" s="55"/>
      <c r="L1098" s="55"/>
      <c r="M1098" s="55"/>
      <c r="N1098" s="55"/>
      <c r="O1098" s="55"/>
      <c r="P1098" s="55"/>
      <c r="Q1098" s="55"/>
      <c r="R1098" s="55"/>
      <c r="S1098" s="55"/>
      <c r="T1098" s="55"/>
      <c r="U1098" s="55"/>
      <c r="V1098" s="55"/>
      <c r="W1098" s="55"/>
      <c r="X1098" s="55"/>
      <c r="Y1098" s="55"/>
      <c r="Z1098" s="55"/>
      <c r="AA1098" s="55"/>
      <c r="AB1098" s="55"/>
      <c r="AC1098" s="55"/>
      <c r="AD1098" s="55"/>
      <c r="AE1098" s="55"/>
      <c r="AF1098" s="55"/>
      <c r="AG1098" s="55"/>
      <c r="AY1098" s="162"/>
      <c r="AZ1098" s="162"/>
      <c r="BA1098" s="162"/>
      <c r="BB1098" s="162"/>
      <c r="BC1098" s="162"/>
      <c r="BD1098" s="162"/>
      <c r="BE1098" s="162"/>
      <c r="BF1098" s="162"/>
      <c r="BG1098" s="162"/>
      <c r="BH1098" s="162"/>
      <c r="BI1098" s="162"/>
      <c r="BJ1098" s="162"/>
      <c r="BK1098" s="162"/>
      <c r="BL1098" s="162"/>
      <c r="BM1098" s="162"/>
      <c r="BN1098" s="162"/>
      <c r="BO1098" s="162"/>
      <c r="BP1098" s="162"/>
      <c r="BQ1098" s="162"/>
      <c r="BR1098" s="162"/>
      <c r="BS1098" s="162"/>
      <c r="BT1098" s="162"/>
      <c r="BU1098" s="162"/>
      <c r="BV1098" s="162"/>
      <c r="BW1098" s="162"/>
      <c r="BX1098" s="162"/>
      <c r="BY1098" s="162"/>
      <c r="BZ1098" s="162"/>
      <c r="CA1098" s="162"/>
      <c r="CB1098" s="162"/>
      <c r="CC1098" s="162"/>
      <c r="CD1098" s="162"/>
      <c r="CE1098" s="162"/>
      <c r="CF1098" s="162"/>
      <c r="CG1098" s="162"/>
      <c r="CH1098" s="162"/>
      <c r="CI1098" s="162"/>
      <c r="CJ1098" s="162"/>
      <c r="CK1098" s="162"/>
      <c r="CX1098" s="98"/>
      <c r="DL1098" s="97"/>
      <c r="DX1098" s="98"/>
      <c r="EL1098" s="97"/>
      <c r="EX1098" s="98"/>
      <c r="EY1098" s="97"/>
      <c r="FL1098" s="126"/>
      <c r="FM1098" s="91"/>
      <c r="FN1098" s="91"/>
      <c r="FO1098" s="91"/>
      <c r="FP1098" s="91"/>
      <c r="FQ1098" s="91"/>
      <c r="FR1098" s="91"/>
      <c r="FS1098" s="91"/>
      <c r="FT1098" s="91"/>
      <c r="FU1098" s="91"/>
      <c r="FV1098" s="91"/>
      <c r="FW1098" s="91"/>
      <c r="FX1098" s="91"/>
      <c r="FY1098" s="91"/>
      <c r="FZ1098" s="91"/>
      <c r="GA1098" s="91"/>
      <c r="GB1098" s="91"/>
      <c r="GC1098" s="91"/>
      <c r="GD1098" s="91"/>
      <c r="GE1098" s="91"/>
      <c r="GF1098" s="91"/>
      <c r="GG1098" s="91"/>
      <c r="GH1098" s="91"/>
      <c r="GI1098" s="91"/>
      <c r="GJ1098" s="91"/>
      <c r="GK1098" s="127"/>
      <c r="GL1098" s="126"/>
      <c r="GM1098" s="91"/>
      <c r="GN1098" s="91"/>
      <c r="GO1098" s="91"/>
      <c r="GP1098" s="91"/>
      <c r="GQ1098" s="91"/>
      <c r="GR1098" s="91"/>
      <c r="GS1098" s="91"/>
      <c r="GT1098" s="91"/>
      <c r="GU1098" s="91"/>
      <c r="GV1098" s="91"/>
      <c r="GW1098" s="91"/>
      <c r="GX1098" s="91"/>
      <c r="GY1098" s="91"/>
      <c r="GZ1098" s="91"/>
      <c r="HA1098" s="91"/>
      <c r="HB1098" s="91"/>
      <c r="HC1098" s="91"/>
      <c r="HD1098" s="91"/>
      <c r="HE1098" s="91"/>
      <c r="HF1098" s="91"/>
      <c r="HG1098" s="91"/>
      <c r="HH1098" s="91"/>
      <c r="HI1098" s="91"/>
      <c r="HJ1098" s="91"/>
      <c r="HK1098" s="127"/>
      <c r="HL1098" s="126"/>
      <c r="HM1098" s="91"/>
      <c r="HN1098" s="91"/>
      <c r="HO1098" s="91"/>
      <c r="HP1098" s="91"/>
      <c r="HQ1098" s="91"/>
      <c r="HR1098" s="91"/>
      <c r="HS1098" s="91"/>
      <c r="HT1098" s="91"/>
      <c r="HU1098" s="91"/>
      <c r="HV1098" s="91"/>
      <c r="HW1098" s="91"/>
      <c r="HX1098" s="91"/>
      <c r="HY1098" s="91"/>
      <c r="HZ1098" s="91"/>
      <c r="IA1098" s="91"/>
      <c r="IB1098" s="91"/>
      <c r="IC1098" s="91"/>
      <c r="ID1098" s="91"/>
      <c r="IE1098" s="91"/>
      <c r="IF1098" s="91"/>
      <c r="IG1098" s="91"/>
      <c r="IH1098" s="91"/>
      <c r="II1098" s="91"/>
      <c r="IJ1098" s="91"/>
      <c r="IK1098" s="127"/>
    </row>
    <row r="1099" spans="2:245" x14ac:dyDescent="0.2">
      <c r="B1099" s="43"/>
      <c r="C1099" s="73"/>
      <c r="D1099" s="64"/>
      <c r="E1099" s="64"/>
      <c r="F1099" s="55"/>
      <c r="G1099" s="102"/>
      <c r="H1099" s="55"/>
      <c r="I1099" s="55"/>
      <c r="J1099" s="55"/>
      <c r="K1099" s="55"/>
      <c r="L1099" s="55"/>
      <c r="M1099" s="55"/>
      <c r="N1099" s="55"/>
      <c r="O1099" s="55"/>
      <c r="P1099" s="55"/>
      <c r="Q1099" s="55"/>
      <c r="R1099" s="55"/>
      <c r="S1099" s="55"/>
      <c r="T1099" s="55"/>
      <c r="U1099" s="55"/>
      <c r="V1099" s="55"/>
      <c r="W1099" s="55"/>
      <c r="X1099" s="55"/>
      <c r="Y1099" s="55"/>
      <c r="Z1099" s="55"/>
      <c r="AA1099" s="55"/>
      <c r="AB1099" s="55"/>
      <c r="AC1099" s="55"/>
      <c r="AD1099" s="55"/>
      <c r="AE1099" s="55"/>
      <c r="AF1099" s="55"/>
      <c r="AG1099" s="55"/>
      <c r="AY1099" s="162"/>
      <c r="AZ1099" s="162"/>
      <c r="BA1099" s="162"/>
      <c r="BB1099" s="162"/>
      <c r="BC1099" s="162"/>
      <c r="BD1099" s="162"/>
      <c r="BE1099" s="162"/>
      <c r="BF1099" s="162"/>
      <c r="BG1099" s="162"/>
      <c r="BH1099" s="162"/>
      <c r="BI1099" s="162"/>
      <c r="BJ1099" s="162"/>
      <c r="BK1099" s="162"/>
      <c r="BL1099" s="162"/>
      <c r="BM1099" s="162"/>
      <c r="BN1099" s="162"/>
      <c r="BO1099" s="162"/>
      <c r="BP1099" s="162"/>
      <c r="BQ1099" s="162"/>
      <c r="BR1099" s="162"/>
      <c r="BS1099" s="162"/>
      <c r="BT1099" s="162"/>
      <c r="BU1099" s="162"/>
      <c r="BV1099" s="162"/>
      <c r="BW1099" s="162"/>
      <c r="BX1099" s="162"/>
      <c r="BY1099" s="162"/>
      <c r="BZ1099" s="162"/>
      <c r="CA1099" s="162"/>
      <c r="CB1099" s="162"/>
      <c r="CC1099" s="162"/>
      <c r="CD1099" s="162"/>
      <c r="CE1099" s="162"/>
      <c r="CF1099" s="162"/>
      <c r="CG1099" s="162"/>
      <c r="CH1099" s="162"/>
      <c r="CI1099" s="162"/>
      <c r="CJ1099" s="162"/>
      <c r="CK1099" s="162"/>
      <c r="CX1099" s="98"/>
      <c r="DL1099" s="97"/>
      <c r="DX1099" s="98"/>
      <c r="EL1099" s="97"/>
      <c r="EX1099" s="98"/>
      <c r="EY1099" s="97"/>
      <c r="FL1099" s="126"/>
      <c r="FM1099" s="91"/>
      <c r="FN1099" s="91"/>
      <c r="FO1099" s="91"/>
      <c r="FP1099" s="91"/>
      <c r="FQ1099" s="91"/>
      <c r="FR1099" s="91"/>
      <c r="FS1099" s="91"/>
      <c r="FT1099" s="91"/>
      <c r="FU1099" s="91"/>
      <c r="FV1099" s="91"/>
      <c r="FW1099" s="91"/>
      <c r="FX1099" s="91"/>
      <c r="FY1099" s="91"/>
      <c r="FZ1099" s="91"/>
      <c r="GA1099" s="91"/>
      <c r="GB1099" s="91"/>
      <c r="GC1099" s="91"/>
      <c r="GD1099" s="91"/>
      <c r="GE1099" s="91"/>
      <c r="GF1099" s="91"/>
      <c r="GG1099" s="91"/>
      <c r="GH1099" s="91"/>
      <c r="GI1099" s="91"/>
      <c r="GJ1099" s="91"/>
      <c r="GK1099" s="127"/>
      <c r="GL1099" s="126"/>
      <c r="GM1099" s="91"/>
      <c r="GN1099" s="91"/>
      <c r="GO1099" s="91"/>
      <c r="GP1099" s="91"/>
      <c r="GQ1099" s="91"/>
      <c r="GR1099" s="91"/>
      <c r="GS1099" s="91"/>
      <c r="GT1099" s="91"/>
      <c r="GU1099" s="91"/>
      <c r="GV1099" s="91"/>
      <c r="GW1099" s="91"/>
      <c r="GX1099" s="91"/>
      <c r="GY1099" s="91"/>
      <c r="GZ1099" s="91"/>
      <c r="HA1099" s="91"/>
      <c r="HB1099" s="91"/>
      <c r="HC1099" s="91"/>
      <c r="HD1099" s="91"/>
      <c r="HE1099" s="91"/>
      <c r="HF1099" s="91"/>
      <c r="HG1099" s="91"/>
      <c r="HH1099" s="91"/>
      <c r="HI1099" s="91"/>
      <c r="HJ1099" s="91"/>
      <c r="HK1099" s="127"/>
      <c r="HL1099" s="126"/>
      <c r="HM1099" s="91"/>
      <c r="HN1099" s="91"/>
      <c r="HO1099" s="91"/>
      <c r="HP1099" s="91"/>
      <c r="HQ1099" s="91"/>
      <c r="HR1099" s="91"/>
      <c r="HS1099" s="91"/>
      <c r="HT1099" s="91"/>
      <c r="HU1099" s="91"/>
      <c r="HV1099" s="91"/>
      <c r="HW1099" s="91"/>
      <c r="HX1099" s="91"/>
      <c r="HY1099" s="91"/>
      <c r="HZ1099" s="91"/>
      <c r="IA1099" s="91"/>
      <c r="IB1099" s="91"/>
      <c r="IC1099" s="91"/>
      <c r="ID1099" s="91"/>
      <c r="IE1099" s="91"/>
      <c r="IF1099" s="91"/>
      <c r="IG1099" s="91"/>
      <c r="IH1099" s="91"/>
      <c r="II1099" s="91"/>
      <c r="IJ1099" s="91"/>
      <c r="IK1099" s="127"/>
    </row>
    <row r="1100" spans="2:245" x14ac:dyDescent="0.2">
      <c r="B1100" s="43"/>
      <c r="C1100" s="73"/>
      <c r="D1100" s="64"/>
      <c r="E1100" s="64"/>
      <c r="F1100" s="55"/>
      <c r="G1100" s="102"/>
      <c r="H1100" s="55"/>
      <c r="I1100" s="55"/>
      <c r="J1100" s="55"/>
      <c r="K1100" s="55"/>
      <c r="L1100" s="55"/>
      <c r="M1100" s="55"/>
      <c r="N1100" s="55"/>
      <c r="O1100" s="55"/>
      <c r="P1100" s="55"/>
      <c r="Q1100" s="55"/>
      <c r="R1100" s="55"/>
      <c r="S1100" s="55"/>
      <c r="T1100" s="55"/>
      <c r="U1100" s="55"/>
      <c r="V1100" s="55"/>
      <c r="W1100" s="55"/>
      <c r="X1100" s="55"/>
      <c r="Y1100" s="55"/>
      <c r="Z1100" s="55"/>
      <c r="AA1100" s="55"/>
      <c r="AB1100" s="55"/>
      <c r="AC1100" s="55"/>
      <c r="AD1100" s="55"/>
      <c r="AE1100" s="55"/>
      <c r="AF1100" s="55"/>
      <c r="AG1100" s="55"/>
      <c r="AY1100" s="162"/>
      <c r="AZ1100" s="162"/>
      <c r="BA1100" s="162"/>
      <c r="BB1100" s="162"/>
      <c r="BC1100" s="162"/>
      <c r="BD1100" s="162"/>
      <c r="BE1100" s="162"/>
      <c r="BF1100" s="162"/>
      <c r="BG1100" s="162"/>
      <c r="BH1100" s="162"/>
      <c r="BI1100" s="162"/>
      <c r="BJ1100" s="162"/>
      <c r="BK1100" s="162"/>
      <c r="BL1100" s="162"/>
      <c r="BM1100" s="162"/>
      <c r="BN1100" s="162"/>
      <c r="BO1100" s="162"/>
      <c r="BP1100" s="162"/>
      <c r="BQ1100" s="162"/>
      <c r="BR1100" s="162"/>
      <c r="BS1100" s="162"/>
      <c r="BT1100" s="162"/>
      <c r="BU1100" s="162"/>
      <c r="BV1100" s="162"/>
      <c r="BW1100" s="162"/>
      <c r="BX1100" s="162"/>
      <c r="BY1100" s="162"/>
      <c r="BZ1100" s="162"/>
      <c r="CA1100" s="162"/>
      <c r="CB1100" s="162"/>
      <c r="CC1100" s="162"/>
      <c r="CD1100" s="162"/>
      <c r="CE1100" s="162"/>
      <c r="CF1100" s="162"/>
      <c r="CG1100" s="162"/>
      <c r="CH1100" s="162"/>
      <c r="CI1100" s="162"/>
      <c r="CJ1100" s="162"/>
      <c r="CK1100" s="162"/>
      <c r="CX1100" s="98"/>
      <c r="DL1100" s="97"/>
      <c r="DX1100" s="98"/>
      <c r="EL1100" s="97"/>
      <c r="EX1100" s="98"/>
      <c r="EY1100" s="97"/>
      <c r="FL1100" s="126"/>
      <c r="FM1100" s="91"/>
      <c r="FN1100" s="91"/>
      <c r="FO1100" s="91"/>
      <c r="FP1100" s="91"/>
      <c r="FQ1100" s="91"/>
      <c r="FR1100" s="91"/>
      <c r="FS1100" s="91"/>
      <c r="FT1100" s="91"/>
      <c r="FU1100" s="91"/>
      <c r="FV1100" s="91"/>
      <c r="FW1100" s="91"/>
      <c r="FX1100" s="91"/>
      <c r="FY1100" s="91"/>
      <c r="FZ1100" s="91"/>
      <c r="GA1100" s="91"/>
      <c r="GB1100" s="91"/>
      <c r="GC1100" s="91"/>
      <c r="GD1100" s="91"/>
      <c r="GE1100" s="91"/>
      <c r="GF1100" s="91"/>
      <c r="GG1100" s="91"/>
      <c r="GH1100" s="91"/>
      <c r="GI1100" s="91"/>
      <c r="GJ1100" s="91"/>
      <c r="GK1100" s="127"/>
      <c r="GL1100" s="126"/>
      <c r="GM1100" s="91"/>
      <c r="GN1100" s="91"/>
      <c r="GO1100" s="91"/>
      <c r="GP1100" s="91"/>
      <c r="GQ1100" s="91"/>
      <c r="GR1100" s="91"/>
      <c r="GS1100" s="91"/>
      <c r="GT1100" s="91"/>
      <c r="GU1100" s="91"/>
      <c r="GV1100" s="91"/>
      <c r="GW1100" s="91"/>
      <c r="GX1100" s="91"/>
      <c r="GY1100" s="91"/>
      <c r="GZ1100" s="91"/>
      <c r="HA1100" s="91"/>
      <c r="HB1100" s="91"/>
      <c r="HC1100" s="91"/>
      <c r="HD1100" s="91"/>
      <c r="HE1100" s="91"/>
      <c r="HF1100" s="91"/>
      <c r="HG1100" s="91"/>
      <c r="HH1100" s="91"/>
      <c r="HI1100" s="91"/>
      <c r="HJ1100" s="91"/>
      <c r="HK1100" s="127"/>
      <c r="HL1100" s="126"/>
      <c r="HM1100" s="91"/>
      <c r="HN1100" s="91"/>
      <c r="HO1100" s="91"/>
      <c r="HP1100" s="91"/>
      <c r="HQ1100" s="91"/>
      <c r="HR1100" s="91"/>
      <c r="HS1100" s="91"/>
      <c r="HT1100" s="91"/>
      <c r="HU1100" s="91"/>
      <c r="HV1100" s="91"/>
      <c r="HW1100" s="91"/>
      <c r="HX1100" s="91"/>
      <c r="HY1100" s="91"/>
      <c r="HZ1100" s="91"/>
      <c r="IA1100" s="91"/>
      <c r="IB1100" s="91"/>
      <c r="IC1100" s="91"/>
      <c r="ID1100" s="91"/>
      <c r="IE1100" s="91"/>
      <c r="IF1100" s="91"/>
      <c r="IG1100" s="91"/>
      <c r="IH1100" s="91"/>
      <c r="II1100" s="91"/>
      <c r="IJ1100" s="91"/>
      <c r="IK1100" s="127"/>
    </row>
    <row r="1101" spans="2:245" x14ac:dyDescent="0.2">
      <c r="B1101" s="43"/>
      <c r="C1101" s="73"/>
      <c r="D1101" s="64"/>
      <c r="E1101" s="64"/>
      <c r="F1101" s="55"/>
      <c r="G1101" s="102"/>
      <c r="H1101" s="55"/>
      <c r="I1101" s="55"/>
      <c r="J1101" s="55"/>
      <c r="K1101" s="55"/>
      <c r="L1101" s="55"/>
      <c r="M1101" s="55"/>
      <c r="N1101" s="55"/>
      <c r="O1101" s="55"/>
      <c r="P1101" s="55"/>
      <c r="Q1101" s="55"/>
      <c r="R1101" s="55"/>
      <c r="S1101" s="55"/>
      <c r="T1101" s="55"/>
      <c r="U1101" s="55"/>
      <c r="V1101" s="55"/>
      <c r="W1101" s="55"/>
      <c r="X1101" s="55"/>
      <c r="Y1101" s="55"/>
      <c r="Z1101" s="55"/>
      <c r="AA1101" s="55"/>
      <c r="AB1101" s="55"/>
      <c r="AC1101" s="55"/>
      <c r="AD1101" s="55"/>
      <c r="AE1101" s="55"/>
      <c r="AF1101" s="55"/>
      <c r="AG1101" s="55"/>
      <c r="AY1101" s="162"/>
      <c r="AZ1101" s="162"/>
      <c r="BA1101" s="162"/>
      <c r="BB1101" s="162"/>
      <c r="BC1101" s="162"/>
      <c r="BD1101" s="162"/>
      <c r="BE1101" s="162"/>
      <c r="BF1101" s="162"/>
      <c r="BG1101" s="162"/>
      <c r="BH1101" s="162"/>
      <c r="BI1101" s="162"/>
      <c r="BJ1101" s="162"/>
      <c r="BK1101" s="162"/>
      <c r="BL1101" s="162"/>
      <c r="BM1101" s="162"/>
      <c r="BN1101" s="162"/>
      <c r="BO1101" s="162"/>
      <c r="BP1101" s="162"/>
      <c r="BQ1101" s="162"/>
      <c r="BR1101" s="162"/>
      <c r="BS1101" s="162"/>
      <c r="BT1101" s="162"/>
      <c r="BU1101" s="162"/>
      <c r="BV1101" s="162"/>
      <c r="BW1101" s="162"/>
      <c r="BX1101" s="162"/>
      <c r="BY1101" s="162"/>
      <c r="BZ1101" s="162"/>
      <c r="CA1101" s="162"/>
      <c r="CB1101" s="162"/>
      <c r="CC1101" s="162"/>
      <c r="CD1101" s="162"/>
      <c r="CE1101" s="162"/>
      <c r="CF1101" s="162"/>
      <c r="CG1101" s="162"/>
      <c r="CH1101" s="162"/>
      <c r="CI1101" s="162"/>
      <c r="CJ1101" s="162"/>
      <c r="CK1101" s="162"/>
      <c r="CX1101" s="98"/>
      <c r="DL1101" s="97"/>
      <c r="DX1101" s="98"/>
      <c r="EL1101" s="97"/>
      <c r="EX1101" s="98"/>
      <c r="EY1101" s="97"/>
      <c r="FL1101" s="126"/>
      <c r="FM1101" s="91"/>
      <c r="FN1101" s="91"/>
      <c r="FO1101" s="91"/>
      <c r="FP1101" s="91"/>
      <c r="FQ1101" s="91"/>
      <c r="FR1101" s="91"/>
      <c r="FS1101" s="91"/>
      <c r="FT1101" s="91"/>
      <c r="FU1101" s="91"/>
      <c r="FV1101" s="91"/>
      <c r="FW1101" s="91"/>
      <c r="FX1101" s="91"/>
      <c r="FY1101" s="91"/>
      <c r="FZ1101" s="91"/>
      <c r="GA1101" s="91"/>
      <c r="GB1101" s="91"/>
      <c r="GC1101" s="91"/>
      <c r="GD1101" s="91"/>
      <c r="GE1101" s="91"/>
      <c r="GF1101" s="91"/>
      <c r="GG1101" s="91"/>
      <c r="GH1101" s="91"/>
      <c r="GI1101" s="91"/>
      <c r="GJ1101" s="91"/>
      <c r="GK1101" s="127"/>
      <c r="GL1101" s="126"/>
      <c r="GM1101" s="91"/>
      <c r="GN1101" s="91"/>
      <c r="GO1101" s="91"/>
      <c r="GP1101" s="91"/>
      <c r="GQ1101" s="91"/>
      <c r="GR1101" s="91"/>
      <c r="GS1101" s="91"/>
      <c r="GT1101" s="91"/>
      <c r="GU1101" s="91"/>
      <c r="GV1101" s="91"/>
      <c r="GW1101" s="91"/>
      <c r="GX1101" s="91"/>
      <c r="GY1101" s="91"/>
      <c r="GZ1101" s="91"/>
      <c r="HA1101" s="91"/>
      <c r="HB1101" s="91"/>
      <c r="HC1101" s="91"/>
      <c r="HD1101" s="91"/>
      <c r="HE1101" s="91"/>
      <c r="HF1101" s="91"/>
      <c r="HG1101" s="91"/>
      <c r="HH1101" s="91"/>
      <c r="HI1101" s="91"/>
      <c r="HJ1101" s="91"/>
      <c r="HK1101" s="127"/>
      <c r="HL1101" s="126"/>
      <c r="HM1101" s="91"/>
      <c r="HN1101" s="91"/>
      <c r="HO1101" s="91"/>
      <c r="HP1101" s="91"/>
      <c r="HQ1101" s="91"/>
      <c r="HR1101" s="91"/>
      <c r="HS1101" s="91"/>
      <c r="HT1101" s="91"/>
      <c r="HU1101" s="91"/>
      <c r="HV1101" s="91"/>
      <c r="HW1101" s="91"/>
      <c r="HX1101" s="91"/>
      <c r="HY1101" s="91"/>
      <c r="HZ1101" s="91"/>
      <c r="IA1101" s="91"/>
      <c r="IB1101" s="91"/>
      <c r="IC1101" s="91"/>
      <c r="ID1101" s="91"/>
      <c r="IE1101" s="91"/>
      <c r="IF1101" s="91"/>
      <c r="IG1101" s="91"/>
      <c r="IH1101" s="91"/>
      <c r="II1101" s="91"/>
      <c r="IJ1101" s="91"/>
      <c r="IK1101" s="127"/>
    </row>
    <row r="1102" spans="2:245" x14ac:dyDescent="0.2">
      <c r="B1102" s="43"/>
      <c r="C1102" s="73"/>
      <c r="D1102" s="64"/>
      <c r="E1102" s="64"/>
      <c r="F1102" s="55"/>
      <c r="G1102" s="102"/>
      <c r="H1102" s="55"/>
      <c r="I1102" s="55"/>
      <c r="J1102" s="55"/>
      <c r="K1102" s="55"/>
      <c r="L1102" s="55"/>
      <c r="M1102" s="55"/>
      <c r="N1102" s="55"/>
      <c r="O1102" s="55"/>
      <c r="P1102" s="55"/>
      <c r="Q1102" s="55"/>
      <c r="R1102" s="55"/>
      <c r="S1102" s="55"/>
      <c r="T1102" s="55"/>
      <c r="U1102" s="55"/>
      <c r="V1102" s="55"/>
      <c r="W1102" s="55"/>
      <c r="X1102" s="55"/>
      <c r="Y1102" s="55"/>
      <c r="Z1102" s="55"/>
      <c r="AA1102" s="55"/>
      <c r="AB1102" s="55"/>
      <c r="AC1102" s="55"/>
      <c r="AD1102" s="55"/>
      <c r="AE1102" s="55"/>
      <c r="AF1102" s="55"/>
      <c r="AG1102" s="55"/>
      <c r="AY1102" s="162"/>
      <c r="AZ1102" s="162"/>
      <c r="BA1102" s="162"/>
      <c r="BB1102" s="162"/>
      <c r="BC1102" s="162"/>
      <c r="BD1102" s="162"/>
      <c r="BE1102" s="162"/>
      <c r="BF1102" s="162"/>
      <c r="BG1102" s="162"/>
      <c r="BH1102" s="162"/>
      <c r="BI1102" s="162"/>
      <c r="BJ1102" s="162"/>
      <c r="BK1102" s="162"/>
      <c r="BL1102" s="162"/>
      <c r="BM1102" s="162"/>
      <c r="BN1102" s="162"/>
      <c r="BO1102" s="162"/>
      <c r="BP1102" s="162"/>
      <c r="BQ1102" s="162"/>
      <c r="BR1102" s="162"/>
      <c r="BS1102" s="162"/>
      <c r="BT1102" s="162"/>
      <c r="BU1102" s="162"/>
      <c r="BV1102" s="162"/>
      <c r="BW1102" s="162"/>
      <c r="BX1102" s="162"/>
      <c r="BY1102" s="162"/>
      <c r="BZ1102" s="162"/>
      <c r="CA1102" s="162"/>
      <c r="CB1102" s="162"/>
      <c r="CC1102" s="162"/>
      <c r="CD1102" s="162"/>
      <c r="CE1102" s="162"/>
      <c r="CF1102" s="162"/>
      <c r="CG1102" s="162"/>
      <c r="CH1102" s="162"/>
      <c r="CI1102" s="162"/>
      <c r="CJ1102" s="162"/>
      <c r="CK1102" s="162"/>
      <c r="CX1102" s="98"/>
      <c r="DL1102" s="97"/>
      <c r="DX1102" s="98"/>
      <c r="EL1102" s="97"/>
      <c r="EX1102" s="98"/>
      <c r="EY1102" s="97"/>
      <c r="FL1102" s="126"/>
      <c r="FM1102" s="91"/>
      <c r="FN1102" s="91"/>
      <c r="FO1102" s="91"/>
      <c r="FP1102" s="91"/>
      <c r="FQ1102" s="91"/>
      <c r="FR1102" s="91"/>
      <c r="FS1102" s="91"/>
      <c r="FT1102" s="91"/>
      <c r="FU1102" s="91"/>
      <c r="FV1102" s="91"/>
      <c r="FW1102" s="91"/>
      <c r="FX1102" s="91"/>
      <c r="FY1102" s="91"/>
      <c r="FZ1102" s="91"/>
      <c r="GA1102" s="91"/>
      <c r="GB1102" s="91"/>
      <c r="GC1102" s="91"/>
      <c r="GD1102" s="91"/>
      <c r="GE1102" s="91"/>
      <c r="GF1102" s="91"/>
      <c r="GG1102" s="91"/>
      <c r="GH1102" s="91"/>
      <c r="GI1102" s="91"/>
      <c r="GJ1102" s="91"/>
      <c r="GK1102" s="127"/>
      <c r="GL1102" s="126"/>
      <c r="GM1102" s="91"/>
      <c r="GN1102" s="91"/>
      <c r="GO1102" s="91"/>
      <c r="GP1102" s="91"/>
      <c r="GQ1102" s="91"/>
      <c r="GR1102" s="91"/>
      <c r="GS1102" s="91"/>
      <c r="GT1102" s="91"/>
      <c r="GU1102" s="91"/>
      <c r="GV1102" s="91"/>
      <c r="GW1102" s="91"/>
      <c r="GX1102" s="91"/>
      <c r="GY1102" s="91"/>
      <c r="GZ1102" s="91"/>
      <c r="HA1102" s="91"/>
      <c r="HB1102" s="91"/>
      <c r="HC1102" s="91"/>
      <c r="HD1102" s="91"/>
      <c r="HE1102" s="91"/>
      <c r="HF1102" s="91"/>
      <c r="HG1102" s="91"/>
      <c r="HH1102" s="91"/>
      <c r="HI1102" s="91"/>
      <c r="HJ1102" s="91"/>
      <c r="HK1102" s="127"/>
      <c r="HL1102" s="126"/>
      <c r="HM1102" s="91"/>
      <c r="HN1102" s="91"/>
      <c r="HO1102" s="91"/>
      <c r="HP1102" s="91"/>
      <c r="HQ1102" s="91"/>
      <c r="HR1102" s="91"/>
      <c r="HS1102" s="91"/>
      <c r="HT1102" s="91"/>
      <c r="HU1102" s="91"/>
      <c r="HV1102" s="91"/>
      <c r="HW1102" s="91"/>
      <c r="HX1102" s="91"/>
      <c r="HY1102" s="91"/>
      <c r="HZ1102" s="91"/>
      <c r="IA1102" s="91"/>
      <c r="IB1102" s="91"/>
      <c r="IC1102" s="91"/>
      <c r="ID1102" s="91"/>
      <c r="IE1102" s="91"/>
      <c r="IF1102" s="91"/>
      <c r="IG1102" s="91"/>
      <c r="IH1102" s="91"/>
      <c r="II1102" s="91"/>
      <c r="IJ1102" s="91"/>
      <c r="IK1102" s="127"/>
    </row>
    <row r="1103" spans="2:245" x14ac:dyDescent="0.2">
      <c r="B1103" s="43"/>
      <c r="C1103" s="73"/>
      <c r="D1103" s="64"/>
      <c r="E1103" s="64"/>
      <c r="F1103" s="55"/>
      <c r="G1103" s="102"/>
      <c r="H1103" s="55"/>
      <c r="I1103" s="55"/>
      <c r="J1103" s="55"/>
      <c r="K1103" s="55"/>
      <c r="L1103" s="55"/>
      <c r="M1103" s="55"/>
      <c r="N1103" s="55"/>
      <c r="O1103" s="55"/>
      <c r="P1103" s="55"/>
      <c r="Q1103" s="55"/>
      <c r="R1103" s="55"/>
      <c r="S1103" s="55"/>
      <c r="T1103" s="55"/>
      <c r="U1103" s="55"/>
      <c r="V1103" s="55"/>
      <c r="W1103" s="55"/>
      <c r="X1103" s="55"/>
      <c r="Y1103" s="55"/>
      <c r="Z1103" s="55"/>
      <c r="AA1103" s="55"/>
      <c r="AB1103" s="55"/>
      <c r="AC1103" s="55"/>
      <c r="AD1103" s="55"/>
      <c r="AE1103" s="55"/>
      <c r="AF1103" s="55"/>
      <c r="AG1103" s="55"/>
      <c r="AY1103" s="162"/>
      <c r="AZ1103" s="162"/>
      <c r="BA1103" s="162"/>
      <c r="BB1103" s="162"/>
      <c r="BC1103" s="162"/>
      <c r="BD1103" s="162"/>
      <c r="BE1103" s="162"/>
      <c r="BF1103" s="162"/>
      <c r="BG1103" s="162"/>
      <c r="BH1103" s="162"/>
      <c r="BI1103" s="162"/>
      <c r="BJ1103" s="162"/>
      <c r="BK1103" s="162"/>
      <c r="BL1103" s="162"/>
      <c r="BM1103" s="162"/>
      <c r="BN1103" s="162"/>
      <c r="BO1103" s="162"/>
      <c r="BP1103" s="162"/>
      <c r="BQ1103" s="162"/>
      <c r="BR1103" s="162"/>
      <c r="BS1103" s="162"/>
      <c r="BT1103" s="162"/>
      <c r="BU1103" s="162"/>
      <c r="BV1103" s="162"/>
      <c r="BW1103" s="162"/>
      <c r="BX1103" s="162"/>
      <c r="BY1103" s="162"/>
      <c r="BZ1103" s="162"/>
      <c r="CA1103" s="162"/>
      <c r="CB1103" s="162"/>
      <c r="CC1103" s="162"/>
      <c r="CD1103" s="162"/>
      <c r="CE1103" s="162"/>
      <c r="CF1103" s="162"/>
      <c r="CG1103" s="162"/>
      <c r="CH1103" s="162"/>
      <c r="CI1103" s="162"/>
      <c r="CJ1103" s="162"/>
      <c r="CK1103" s="162"/>
      <c r="CX1103" s="98"/>
      <c r="DL1103" s="97"/>
      <c r="DX1103" s="98"/>
      <c r="EL1103" s="97"/>
      <c r="EX1103" s="98"/>
      <c r="EY1103" s="97"/>
      <c r="FL1103" s="126"/>
      <c r="FM1103" s="91"/>
      <c r="FN1103" s="91"/>
      <c r="FO1103" s="91"/>
      <c r="FP1103" s="91"/>
      <c r="FQ1103" s="91"/>
      <c r="FR1103" s="91"/>
      <c r="FS1103" s="91"/>
      <c r="FT1103" s="91"/>
      <c r="FU1103" s="91"/>
      <c r="FV1103" s="91"/>
      <c r="FW1103" s="91"/>
      <c r="FX1103" s="91"/>
      <c r="FY1103" s="91"/>
      <c r="FZ1103" s="91"/>
      <c r="GA1103" s="91"/>
      <c r="GB1103" s="91"/>
      <c r="GC1103" s="91"/>
      <c r="GD1103" s="91"/>
      <c r="GE1103" s="91"/>
      <c r="GF1103" s="91"/>
      <c r="GG1103" s="91"/>
      <c r="GH1103" s="91"/>
      <c r="GI1103" s="91"/>
      <c r="GJ1103" s="91"/>
      <c r="GK1103" s="127"/>
      <c r="GL1103" s="126"/>
      <c r="GM1103" s="91"/>
      <c r="GN1103" s="91"/>
      <c r="GO1103" s="91"/>
      <c r="GP1103" s="91"/>
      <c r="GQ1103" s="91"/>
      <c r="GR1103" s="91"/>
      <c r="GS1103" s="91"/>
      <c r="GT1103" s="91"/>
      <c r="GU1103" s="91"/>
      <c r="GV1103" s="91"/>
      <c r="GW1103" s="91"/>
      <c r="GX1103" s="91"/>
      <c r="GY1103" s="91"/>
      <c r="GZ1103" s="91"/>
      <c r="HA1103" s="91"/>
      <c r="HB1103" s="91"/>
      <c r="HC1103" s="91"/>
      <c r="HD1103" s="91"/>
      <c r="HE1103" s="91"/>
      <c r="HF1103" s="91"/>
      <c r="HG1103" s="91"/>
      <c r="HH1103" s="91"/>
      <c r="HI1103" s="91"/>
      <c r="HJ1103" s="91"/>
      <c r="HK1103" s="127"/>
      <c r="HL1103" s="126"/>
      <c r="HM1103" s="91"/>
      <c r="HN1103" s="91"/>
      <c r="HO1103" s="91"/>
      <c r="HP1103" s="91"/>
      <c r="HQ1103" s="91"/>
      <c r="HR1103" s="91"/>
      <c r="HS1103" s="91"/>
      <c r="HT1103" s="91"/>
      <c r="HU1103" s="91"/>
      <c r="HV1103" s="91"/>
      <c r="HW1103" s="91"/>
      <c r="HX1103" s="91"/>
      <c r="HY1103" s="91"/>
      <c r="HZ1103" s="91"/>
      <c r="IA1103" s="91"/>
      <c r="IB1103" s="91"/>
      <c r="IC1103" s="91"/>
      <c r="ID1103" s="91"/>
      <c r="IE1103" s="91"/>
      <c r="IF1103" s="91"/>
      <c r="IG1103" s="91"/>
      <c r="IH1103" s="91"/>
      <c r="II1103" s="91"/>
      <c r="IJ1103" s="91"/>
      <c r="IK1103" s="127"/>
    </row>
    <row r="1104" spans="2:245" x14ac:dyDescent="0.2">
      <c r="B1104" s="43"/>
      <c r="C1104" s="73"/>
      <c r="D1104" s="64"/>
      <c r="E1104" s="64"/>
      <c r="F1104" s="55"/>
      <c r="G1104" s="102"/>
      <c r="H1104" s="55"/>
      <c r="I1104" s="55"/>
      <c r="J1104" s="55"/>
      <c r="K1104" s="55"/>
      <c r="L1104" s="55"/>
      <c r="M1104" s="55"/>
      <c r="N1104" s="55"/>
      <c r="O1104" s="55"/>
      <c r="P1104" s="55"/>
      <c r="Q1104" s="55"/>
      <c r="R1104" s="55"/>
      <c r="S1104" s="55"/>
      <c r="T1104" s="55"/>
      <c r="U1104" s="55"/>
      <c r="V1104" s="55"/>
      <c r="W1104" s="55"/>
      <c r="X1104" s="55"/>
      <c r="Y1104" s="55"/>
      <c r="Z1104" s="55"/>
      <c r="AA1104" s="55"/>
      <c r="AB1104" s="55"/>
      <c r="AC1104" s="55"/>
      <c r="AD1104" s="55"/>
      <c r="AE1104" s="55"/>
      <c r="AF1104" s="55"/>
      <c r="AG1104" s="55"/>
      <c r="AY1104" s="162"/>
      <c r="AZ1104" s="162"/>
      <c r="BA1104" s="162"/>
      <c r="BB1104" s="162"/>
      <c r="BC1104" s="162"/>
      <c r="BD1104" s="162"/>
      <c r="BE1104" s="162"/>
      <c r="BF1104" s="162"/>
      <c r="BG1104" s="162"/>
      <c r="BH1104" s="162"/>
      <c r="BI1104" s="162"/>
      <c r="BJ1104" s="162"/>
      <c r="BK1104" s="162"/>
      <c r="BL1104" s="162"/>
      <c r="BM1104" s="162"/>
      <c r="BN1104" s="162"/>
      <c r="BO1104" s="162"/>
      <c r="BP1104" s="162"/>
      <c r="BQ1104" s="162"/>
      <c r="BR1104" s="162"/>
      <c r="BS1104" s="162"/>
      <c r="BT1104" s="162"/>
      <c r="BU1104" s="162"/>
      <c r="BV1104" s="162"/>
      <c r="BW1104" s="162"/>
      <c r="BX1104" s="162"/>
      <c r="BY1104" s="162"/>
      <c r="BZ1104" s="162"/>
      <c r="CA1104" s="162"/>
      <c r="CB1104" s="162"/>
      <c r="CC1104" s="162"/>
      <c r="CD1104" s="162"/>
      <c r="CE1104" s="162"/>
      <c r="CF1104" s="162"/>
      <c r="CG1104" s="162"/>
      <c r="CH1104" s="162"/>
      <c r="CI1104" s="162"/>
      <c r="CJ1104" s="162"/>
      <c r="CK1104" s="162"/>
      <c r="CX1104" s="98"/>
      <c r="DL1104" s="97"/>
      <c r="DX1104" s="98"/>
      <c r="EL1104" s="97"/>
      <c r="EX1104" s="98"/>
      <c r="EY1104" s="97"/>
      <c r="FL1104" s="126"/>
      <c r="FM1104" s="91"/>
      <c r="FN1104" s="91"/>
      <c r="FO1104" s="91"/>
      <c r="FP1104" s="91"/>
      <c r="FQ1104" s="91"/>
      <c r="FR1104" s="91"/>
      <c r="FS1104" s="91"/>
      <c r="FT1104" s="91"/>
      <c r="FU1104" s="91"/>
      <c r="FV1104" s="91"/>
      <c r="FW1104" s="91"/>
      <c r="FX1104" s="91"/>
      <c r="FY1104" s="91"/>
      <c r="FZ1104" s="91"/>
      <c r="GA1104" s="91"/>
      <c r="GB1104" s="91"/>
      <c r="GC1104" s="91"/>
      <c r="GD1104" s="91"/>
      <c r="GE1104" s="91"/>
      <c r="GF1104" s="91"/>
      <c r="GG1104" s="91"/>
      <c r="GH1104" s="91"/>
      <c r="GI1104" s="91"/>
      <c r="GJ1104" s="91"/>
      <c r="GK1104" s="127"/>
      <c r="GL1104" s="126"/>
      <c r="GM1104" s="91"/>
      <c r="GN1104" s="91"/>
      <c r="GO1104" s="91"/>
      <c r="GP1104" s="91"/>
      <c r="GQ1104" s="91"/>
      <c r="GR1104" s="91"/>
      <c r="GS1104" s="91"/>
      <c r="GT1104" s="91"/>
      <c r="GU1104" s="91"/>
      <c r="GV1104" s="91"/>
      <c r="GW1104" s="91"/>
      <c r="GX1104" s="91"/>
      <c r="GY1104" s="91"/>
      <c r="GZ1104" s="91"/>
      <c r="HA1104" s="91"/>
      <c r="HB1104" s="91"/>
      <c r="HC1104" s="91"/>
      <c r="HD1104" s="91"/>
      <c r="HE1104" s="91"/>
      <c r="HF1104" s="91"/>
      <c r="HG1104" s="91"/>
      <c r="HH1104" s="91"/>
      <c r="HI1104" s="91"/>
      <c r="HJ1104" s="91"/>
      <c r="HK1104" s="127"/>
      <c r="HL1104" s="126"/>
      <c r="HM1104" s="91"/>
      <c r="HN1104" s="91"/>
      <c r="HO1104" s="91"/>
      <c r="HP1104" s="91"/>
      <c r="HQ1104" s="91"/>
      <c r="HR1104" s="91"/>
      <c r="HS1104" s="91"/>
      <c r="HT1104" s="91"/>
      <c r="HU1104" s="91"/>
      <c r="HV1104" s="91"/>
      <c r="HW1104" s="91"/>
      <c r="HX1104" s="91"/>
      <c r="HY1104" s="91"/>
      <c r="HZ1104" s="91"/>
      <c r="IA1104" s="91"/>
      <c r="IB1104" s="91"/>
      <c r="IC1104" s="91"/>
      <c r="ID1104" s="91"/>
      <c r="IE1104" s="91"/>
      <c r="IF1104" s="91"/>
      <c r="IG1104" s="91"/>
      <c r="IH1104" s="91"/>
      <c r="II1104" s="91"/>
      <c r="IJ1104" s="91"/>
      <c r="IK1104" s="127"/>
    </row>
    <row r="1105" spans="2:245" x14ac:dyDescent="0.2">
      <c r="B1105" s="43"/>
      <c r="C1105" s="73"/>
      <c r="D1105" s="64"/>
      <c r="E1105" s="64"/>
      <c r="F1105" s="55"/>
      <c r="G1105" s="102"/>
      <c r="H1105" s="55"/>
      <c r="I1105" s="55"/>
      <c r="J1105" s="55"/>
      <c r="K1105" s="55"/>
      <c r="L1105" s="55"/>
      <c r="M1105" s="55"/>
      <c r="N1105" s="55"/>
      <c r="O1105" s="55"/>
      <c r="P1105" s="55"/>
      <c r="Q1105" s="55"/>
      <c r="R1105" s="55"/>
      <c r="S1105" s="55"/>
      <c r="T1105" s="55"/>
      <c r="U1105" s="55"/>
      <c r="V1105" s="55"/>
      <c r="W1105" s="55"/>
      <c r="X1105" s="55"/>
      <c r="Y1105" s="55"/>
      <c r="Z1105" s="55"/>
      <c r="AA1105" s="55"/>
      <c r="AB1105" s="55"/>
      <c r="AC1105" s="55"/>
      <c r="AD1105" s="55"/>
      <c r="AE1105" s="55"/>
      <c r="AF1105" s="55"/>
      <c r="AG1105" s="55"/>
      <c r="AY1105" s="162"/>
      <c r="AZ1105" s="162"/>
      <c r="BA1105" s="162"/>
      <c r="BB1105" s="162"/>
      <c r="BC1105" s="162"/>
      <c r="BD1105" s="162"/>
      <c r="BE1105" s="162"/>
      <c r="BF1105" s="162"/>
      <c r="BG1105" s="162"/>
      <c r="BH1105" s="162"/>
      <c r="BI1105" s="162"/>
      <c r="BJ1105" s="162"/>
      <c r="BK1105" s="162"/>
      <c r="BL1105" s="162"/>
      <c r="BM1105" s="162"/>
      <c r="BN1105" s="162"/>
      <c r="BO1105" s="162"/>
      <c r="BP1105" s="162"/>
      <c r="BQ1105" s="162"/>
      <c r="BR1105" s="162"/>
      <c r="BS1105" s="162"/>
      <c r="BT1105" s="162"/>
      <c r="BU1105" s="162"/>
      <c r="BV1105" s="162"/>
      <c r="BW1105" s="162"/>
      <c r="BX1105" s="162"/>
      <c r="BY1105" s="162"/>
      <c r="BZ1105" s="162"/>
      <c r="CA1105" s="162"/>
      <c r="CB1105" s="162"/>
      <c r="CC1105" s="162"/>
      <c r="CD1105" s="162"/>
      <c r="CE1105" s="162"/>
      <c r="CF1105" s="162"/>
      <c r="CG1105" s="162"/>
      <c r="CH1105" s="162"/>
      <c r="CI1105" s="162"/>
      <c r="CJ1105" s="162"/>
      <c r="CK1105" s="162"/>
      <c r="CX1105" s="98"/>
      <c r="DL1105" s="97"/>
      <c r="DX1105" s="98"/>
      <c r="EL1105" s="97"/>
      <c r="EX1105" s="98"/>
      <c r="EY1105" s="97"/>
      <c r="FL1105" s="126"/>
      <c r="FM1105" s="91"/>
      <c r="FN1105" s="91"/>
      <c r="FO1105" s="91"/>
      <c r="FP1105" s="91"/>
      <c r="FQ1105" s="91"/>
      <c r="FR1105" s="91"/>
      <c r="FS1105" s="91"/>
      <c r="FT1105" s="91"/>
      <c r="FU1105" s="91"/>
      <c r="FV1105" s="91"/>
      <c r="FW1105" s="91"/>
      <c r="FX1105" s="91"/>
      <c r="FY1105" s="91"/>
      <c r="FZ1105" s="91"/>
      <c r="GA1105" s="91"/>
      <c r="GB1105" s="91"/>
      <c r="GC1105" s="91"/>
      <c r="GD1105" s="91"/>
      <c r="GE1105" s="91"/>
      <c r="GF1105" s="91"/>
      <c r="GG1105" s="91"/>
      <c r="GH1105" s="91"/>
      <c r="GI1105" s="91"/>
      <c r="GJ1105" s="91"/>
      <c r="GK1105" s="127"/>
      <c r="GL1105" s="126"/>
      <c r="GM1105" s="91"/>
      <c r="GN1105" s="91"/>
      <c r="GO1105" s="91"/>
      <c r="GP1105" s="91"/>
      <c r="GQ1105" s="91"/>
      <c r="GR1105" s="91"/>
      <c r="GS1105" s="91"/>
      <c r="GT1105" s="91"/>
      <c r="GU1105" s="91"/>
      <c r="GV1105" s="91"/>
      <c r="GW1105" s="91"/>
      <c r="GX1105" s="91"/>
      <c r="GY1105" s="91"/>
      <c r="GZ1105" s="91"/>
      <c r="HA1105" s="91"/>
      <c r="HB1105" s="91"/>
      <c r="HC1105" s="91"/>
      <c r="HD1105" s="91"/>
      <c r="HE1105" s="91"/>
      <c r="HF1105" s="91"/>
      <c r="HG1105" s="91"/>
      <c r="HH1105" s="91"/>
      <c r="HI1105" s="91"/>
      <c r="HJ1105" s="91"/>
      <c r="HK1105" s="127"/>
      <c r="HL1105" s="126"/>
      <c r="HM1105" s="91"/>
      <c r="HN1105" s="91"/>
      <c r="HO1105" s="91"/>
      <c r="HP1105" s="91"/>
      <c r="HQ1105" s="91"/>
      <c r="HR1105" s="91"/>
      <c r="HS1105" s="91"/>
      <c r="HT1105" s="91"/>
      <c r="HU1105" s="91"/>
      <c r="HV1105" s="91"/>
      <c r="HW1105" s="91"/>
      <c r="HX1105" s="91"/>
      <c r="HY1105" s="91"/>
      <c r="HZ1105" s="91"/>
      <c r="IA1105" s="91"/>
      <c r="IB1105" s="91"/>
      <c r="IC1105" s="91"/>
      <c r="ID1105" s="91"/>
      <c r="IE1105" s="91"/>
      <c r="IF1105" s="91"/>
      <c r="IG1105" s="91"/>
      <c r="IH1105" s="91"/>
      <c r="II1105" s="91"/>
      <c r="IJ1105" s="91"/>
      <c r="IK1105" s="127"/>
    </row>
    <row r="1106" spans="2:245" x14ac:dyDescent="0.2">
      <c r="B1106" s="43"/>
      <c r="C1106" s="73"/>
      <c r="D1106" s="64"/>
      <c r="E1106" s="64"/>
      <c r="F1106" s="55"/>
      <c r="G1106" s="102"/>
      <c r="H1106" s="55"/>
      <c r="I1106" s="55"/>
      <c r="J1106" s="55"/>
      <c r="K1106" s="55"/>
      <c r="L1106" s="55"/>
      <c r="M1106" s="55"/>
      <c r="N1106" s="55"/>
      <c r="O1106" s="55"/>
      <c r="P1106" s="55"/>
      <c r="Q1106" s="55"/>
      <c r="R1106" s="55"/>
      <c r="S1106" s="55"/>
      <c r="T1106" s="55"/>
      <c r="U1106" s="55"/>
      <c r="V1106" s="55"/>
      <c r="W1106" s="55"/>
      <c r="X1106" s="55"/>
      <c r="Y1106" s="55"/>
      <c r="Z1106" s="55"/>
      <c r="AA1106" s="55"/>
      <c r="AB1106" s="55"/>
      <c r="AC1106" s="55"/>
      <c r="AD1106" s="55"/>
      <c r="AE1106" s="55"/>
      <c r="AF1106" s="55"/>
      <c r="AG1106" s="55"/>
      <c r="AY1106" s="162"/>
      <c r="AZ1106" s="162"/>
      <c r="BA1106" s="162"/>
      <c r="BB1106" s="162"/>
      <c r="BC1106" s="162"/>
      <c r="BD1106" s="162"/>
      <c r="BE1106" s="162"/>
      <c r="BF1106" s="162"/>
      <c r="BG1106" s="162"/>
      <c r="BH1106" s="162"/>
      <c r="BI1106" s="162"/>
      <c r="BJ1106" s="162"/>
      <c r="BK1106" s="162"/>
      <c r="BL1106" s="162"/>
      <c r="BM1106" s="162"/>
      <c r="BN1106" s="162"/>
      <c r="BO1106" s="162"/>
      <c r="BP1106" s="162"/>
      <c r="BQ1106" s="162"/>
      <c r="BR1106" s="162"/>
      <c r="BS1106" s="162"/>
      <c r="BT1106" s="162"/>
      <c r="BU1106" s="162"/>
      <c r="BV1106" s="162"/>
      <c r="BW1106" s="162"/>
      <c r="BX1106" s="162"/>
      <c r="BY1106" s="162"/>
      <c r="BZ1106" s="162"/>
      <c r="CA1106" s="162"/>
      <c r="CB1106" s="162"/>
      <c r="CC1106" s="162"/>
      <c r="CD1106" s="162"/>
      <c r="CE1106" s="162"/>
      <c r="CF1106" s="162"/>
      <c r="CG1106" s="162"/>
      <c r="CH1106" s="162"/>
      <c r="CI1106" s="162"/>
      <c r="CJ1106" s="162"/>
      <c r="CK1106" s="162"/>
      <c r="CX1106" s="98"/>
      <c r="DL1106" s="97"/>
      <c r="DX1106" s="98"/>
      <c r="EL1106" s="97"/>
      <c r="EX1106" s="98"/>
      <c r="EY1106" s="97"/>
      <c r="FL1106" s="126"/>
      <c r="FM1106" s="91"/>
      <c r="FN1106" s="91"/>
      <c r="FO1106" s="91"/>
      <c r="FP1106" s="91"/>
      <c r="FQ1106" s="91"/>
      <c r="FR1106" s="91"/>
      <c r="FS1106" s="91"/>
      <c r="FT1106" s="91"/>
      <c r="FU1106" s="91"/>
      <c r="FV1106" s="91"/>
      <c r="FW1106" s="91"/>
      <c r="FX1106" s="91"/>
      <c r="FY1106" s="91"/>
      <c r="FZ1106" s="91"/>
      <c r="GA1106" s="91"/>
      <c r="GB1106" s="91"/>
      <c r="GC1106" s="91"/>
      <c r="GD1106" s="91"/>
      <c r="GE1106" s="91"/>
      <c r="GF1106" s="91"/>
      <c r="GG1106" s="91"/>
      <c r="GH1106" s="91"/>
      <c r="GI1106" s="91"/>
      <c r="GJ1106" s="91"/>
      <c r="GK1106" s="127"/>
      <c r="GL1106" s="126"/>
      <c r="GM1106" s="91"/>
      <c r="GN1106" s="91"/>
      <c r="GO1106" s="91"/>
      <c r="GP1106" s="91"/>
      <c r="GQ1106" s="91"/>
      <c r="GR1106" s="91"/>
      <c r="GS1106" s="91"/>
      <c r="GT1106" s="91"/>
      <c r="GU1106" s="91"/>
      <c r="GV1106" s="91"/>
      <c r="GW1106" s="91"/>
      <c r="GX1106" s="91"/>
      <c r="GY1106" s="91"/>
      <c r="GZ1106" s="91"/>
      <c r="HA1106" s="91"/>
      <c r="HB1106" s="91"/>
      <c r="HC1106" s="91"/>
      <c r="HD1106" s="91"/>
      <c r="HE1106" s="91"/>
      <c r="HF1106" s="91"/>
      <c r="HG1106" s="91"/>
      <c r="HH1106" s="91"/>
      <c r="HI1106" s="91"/>
      <c r="HJ1106" s="91"/>
      <c r="HK1106" s="127"/>
      <c r="HL1106" s="126"/>
      <c r="HM1106" s="91"/>
      <c r="HN1106" s="91"/>
      <c r="HO1106" s="91"/>
      <c r="HP1106" s="91"/>
      <c r="HQ1106" s="91"/>
      <c r="HR1106" s="91"/>
      <c r="HS1106" s="91"/>
      <c r="HT1106" s="91"/>
      <c r="HU1106" s="91"/>
      <c r="HV1106" s="91"/>
      <c r="HW1106" s="91"/>
      <c r="HX1106" s="91"/>
      <c r="HY1106" s="91"/>
      <c r="HZ1106" s="91"/>
      <c r="IA1106" s="91"/>
      <c r="IB1106" s="91"/>
      <c r="IC1106" s="91"/>
      <c r="ID1106" s="91"/>
      <c r="IE1106" s="91"/>
      <c r="IF1106" s="91"/>
      <c r="IG1106" s="91"/>
      <c r="IH1106" s="91"/>
      <c r="II1106" s="91"/>
      <c r="IJ1106" s="91"/>
      <c r="IK1106" s="127"/>
    </row>
    <row r="1107" spans="2:245" x14ac:dyDescent="0.2">
      <c r="B1107" s="43"/>
      <c r="C1107" s="73"/>
      <c r="D1107" s="64"/>
      <c r="E1107" s="64"/>
      <c r="F1107" s="55"/>
      <c r="G1107" s="102"/>
      <c r="H1107" s="55"/>
      <c r="I1107" s="55"/>
      <c r="J1107" s="55"/>
      <c r="K1107" s="55"/>
      <c r="L1107" s="55"/>
      <c r="M1107" s="55"/>
      <c r="N1107" s="55"/>
      <c r="O1107" s="55"/>
      <c r="P1107" s="55"/>
      <c r="Q1107" s="55"/>
      <c r="R1107" s="55"/>
      <c r="S1107" s="55"/>
      <c r="T1107" s="55"/>
      <c r="U1107" s="55"/>
      <c r="V1107" s="55"/>
      <c r="W1107" s="55"/>
      <c r="X1107" s="55"/>
      <c r="Y1107" s="55"/>
      <c r="Z1107" s="55"/>
      <c r="AA1107" s="55"/>
      <c r="AB1107" s="55"/>
      <c r="AC1107" s="55"/>
      <c r="AD1107" s="55"/>
      <c r="AE1107" s="55"/>
      <c r="AF1107" s="55"/>
      <c r="AG1107" s="55"/>
      <c r="AY1107" s="162"/>
      <c r="AZ1107" s="162"/>
      <c r="BA1107" s="162"/>
      <c r="BB1107" s="162"/>
      <c r="BC1107" s="162"/>
      <c r="BD1107" s="162"/>
      <c r="BE1107" s="162"/>
      <c r="BF1107" s="162"/>
      <c r="BG1107" s="162"/>
      <c r="BH1107" s="162"/>
      <c r="BI1107" s="162"/>
      <c r="BJ1107" s="162"/>
      <c r="BK1107" s="162"/>
      <c r="BL1107" s="162"/>
      <c r="BM1107" s="162"/>
      <c r="BN1107" s="162"/>
      <c r="BO1107" s="162"/>
      <c r="BP1107" s="162"/>
      <c r="BQ1107" s="162"/>
      <c r="BR1107" s="162"/>
      <c r="BS1107" s="162"/>
      <c r="BT1107" s="162"/>
      <c r="BU1107" s="162"/>
      <c r="BV1107" s="162"/>
      <c r="BW1107" s="162"/>
      <c r="BX1107" s="162"/>
      <c r="BY1107" s="162"/>
      <c r="BZ1107" s="162"/>
      <c r="CA1107" s="162"/>
      <c r="CB1107" s="162"/>
      <c r="CC1107" s="162"/>
      <c r="CD1107" s="162"/>
      <c r="CE1107" s="162"/>
      <c r="CF1107" s="162"/>
      <c r="CG1107" s="162"/>
      <c r="CH1107" s="162"/>
      <c r="CI1107" s="162"/>
      <c r="CJ1107" s="162"/>
      <c r="CK1107" s="162"/>
      <c r="CX1107" s="98"/>
      <c r="DL1107" s="97"/>
      <c r="DX1107" s="98"/>
      <c r="EL1107" s="97"/>
      <c r="EX1107" s="98"/>
      <c r="EY1107" s="97"/>
      <c r="FL1107" s="126"/>
      <c r="FM1107" s="91"/>
      <c r="FN1107" s="91"/>
      <c r="FO1107" s="91"/>
      <c r="FP1107" s="91"/>
      <c r="FQ1107" s="91"/>
      <c r="FR1107" s="91"/>
      <c r="FS1107" s="91"/>
      <c r="FT1107" s="91"/>
      <c r="FU1107" s="91"/>
      <c r="FV1107" s="91"/>
      <c r="FW1107" s="91"/>
      <c r="FX1107" s="91"/>
      <c r="FY1107" s="91"/>
      <c r="FZ1107" s="91"/>
      <c r="GA1107" s="91"/>
      <c r="GB1107" s="91"/>
      <c r="GC1107" s="91"/>
      <c r="GD1107" s="91"/>
      <c r="GE1107" s="91"/>
      <c r="GF1107" s="91"/>
      <c r="GG1107" s="91"/>
      <c r="GH1107" s="91"/>
      <c r="GI1107" s="91"/>
      <c r="GJ1107" s="91"/>
      <c r="GK1107" s="127"/>
      <c r="GL1107" s="126"/>
      <c r="GM1107" s="91"/>
      <c r="GN1107" s="91"/>
      <c r="GO1107" s="91"/>
      <c r="GP1107" s="91"/>
      <c r="GQ1107" s="91"/>
      <c r="GR1107" s="91"/>
      <c r="GS1107" s="91"/>
      <c r="GT1107" s="91"/>
      <c r="GU1107" s="91"/>
      <c r="GV1107" s="91"/>
      <c r="GW1107" s="91"/>
      <c r="GX1107" s="91"/>
      <c r="GY1107" s="91"/>
      <c r="GZ1107" s="91"/>
      <c r="HA1107" s="91"/>
      <c r="HB1107" s="91"/>
      <c r="HC1107" s="91"/>
      <c r="HD1107" s="91"/>
      <c r="HE1107" s="91"/>
      <c r="HF1107" s="91"/>
      <c r="HG1107" s="91"/>
      <c r="HH1107" s="91"/>
      <c r="HI1107" s="91"/>
      <c r="HJ1107" s="91"/>
      <c r="HK1107" s="127"/>
      <c r="HL1107" s="126"/>
      <c r="HM1107" s="91"/>
      <c r="HN1107" s="91"/>
      <c r="HO1107" s="91"/>
      <c r="HP1107" s="91"/>
      <c r="HQ1107" s="91"/>
      <c r="HR1107" s="91"/>
      <c r="HS1107" s="91"/>
      <c r="HT1107" s="91"/>
      <c r="HU1107" s="91"/>
      <c r="HV1107" s="91"/>
      <c r="HW1107" s="91"/>
      <c r="HX1107" s="91"/>
      <c r="HY1107" s="91"/>
      <c r="HZ1107" s="91"/>
      <c r="IA1107" s="91"/>
      <c r="IB1107" s="91"/>
      <c r="IC1107" s="91"/>
      <c r="ID1107" s="91"/>
      <c r="IE1107" s="91"/>
      <c r="IF1107" s="91"/>
      <c r="IG1107" s="91"/>
      <c r="IH1107" s="91"/>
      <c r="II1107" s="91"/>
      <c r="IJ1107" s="91"/>
      <c r="IK1107" s="127"/>
    </row>
    <row r="1108" spans="2:245" x14ac:dyDescent="0.2">
      <c r="B1108" s="43"/>
      <c r="C1108" s="73"/>
      <c r="D1108" s="64"/>
      <c r="E1108" s="64"/>
      <c r="F1108" s="55"/>
      <c r="G1108" s="102"/>
      <c r="H1108" s="55"/>
      <c r="I1108" s="55"/>
      <c r="J1108" s="55"/>
      <c r="K1108" s="55"/>
      <c r="L1108" s="55"/>
      <c r="M1108" s="55"/>
      <c r="N1108" s="55"/>
      <c r="O1108" s="55"/>
      <c r="P1108" s="55"/>
      <c r="Q1108" s="55"/>
      <c r="R1108" s="55"/>
      <c r="S1108" s="55"/>
      <c r="T1108" s="55"/>
      <c r="U1108" s="55"/>
      <c r="V1108" s="55"/>
      <c r="W1108" s="55"/>
      <c r="X1108" s="55"/>
      <c r="Y1108" s="55"/>
      <c r="Z1108" s="55"/>
      <c r="AA1108" s="55"/>
      <c r="AB1108" s="55"/>
      <c r="AC1108" s="55"/>
      <c r="AD1108" s="55"/>
      <c r="AE1108" s="55"/>
      <c r="AF1108" s="55"/>
      <c r="AG1108" s="55"/>
      <c r="AY1108" s="162"/>
      <c r="AZ1108" s="162"/>
      <c r="BA1108" s="162"/>
      <c r="BB1108" s="162"/>
      <c r="BC1108" s="162"/>
      <c r="BD1108" s="162"/>
      <c r="BE1108" s="162"/>
      <c r="BF1108" s="162"/>
      <c r="BG1108" s="162"/>
      <c r="BH1108" s="162"/>
      <c r="BI1108" s="162"/>
      <c r="BJ1108" s="162"/>
      <c r="BK1108" s="162"/>
      <c r="BL1108" s="162"/>
      <c r="BM1108" s="162"/>
      <c r="BN1108" s="162"/>
      <c r="BO1108" s="162"/>
      <c r="BP1108" s="162"/>
      <c r="BQ1108" s="162"/>
      <c r="BR1108" s="162"/>
      <c r="BS1108" s="162"/>
      <c r="BT1108" s="162"/>
      <c r="BU1108" s="162"/>
      <c r="BV1108" s="162"/>
      <c r="BW1108" s="162"/>
      <c r="BX1108" s="162"/>
      <c r="BY1108" s="162"/>
      <c r="BZ1108" s="162"/>
      <c r="CA1108" s="162"/>
      <c r="CB1108" s="162"/>
      <c r="CC1108" s="162"/>
      <c r="CD1108" s="162"/>
      <c r="CE1108" s="162"/>
      <c r="CF1108" s="162"/>
      <c r="CG1108" s="162"/>
      <c r="CH1108" s="162"/>
      <c r="CI1108" s="162"/>
      <c r="CJ1108" s="162"/>
      <c r="CK1108" s="162"/>
      <c r="CX1108" s="98"/>
      <c r="DL1108" s="97"/>
      <c r="DX1108" s="98"/>
      <c r="EL1108" s="97"/>
      <c r="EX1108" s="98"/>
      <c r="EY1108" s="97"/>
      <c r="FL1108" s="126"/>
      <c r="FM1108" s="91"/>
      <c r="FN1108" s="91"/>
      <c r="FO1108" s="91"/>
      <c r="FP1108" s="91"/>
      <c r="FQ1108" s="91"/>
      <c r="FR1108" s="91"/>
      <c r="FS1108" s="91"/>
      <c r="FT1108" s="91"/>
      <c r="FU1108" s="91"/>
      <c r="FV1108" s="91"/>
      <c r="FW1108" s="91"/>
      <c r="FX1108" s="91"/>
      <c r="FY1108" s="91"/>
      <c r="FZ1108" s="91"/>
      <c r="GA1108" s="91"/>
      <c r="GB1108" s="91"/>
      <c r="GC1108" s="91"/>
      <c r="GD1108" s="91"/>
      <c r="GE1108" s="91"/>
      <c r="GF1108" s="91"/>
      <c r="GG1108" s="91"/>
      <c r="GH1108" s="91"/>
      <c r="GI1108" s="91"/>
      <c r="GJ1108" s="91"/>
      <c r="GK1108" s="127"/>
      <c r="GL1108" s="126"/>
      <c r="GM1108" s="91"/>
      <c r="GN1108" s="91"/>
      <c r="GO1108" s="91"/>
      <c r="GP1108" s="91"/>
      <c r="GQ1108" s="91"/>
      <c r="GR1108" s="91"/>
      <c r="GS1108" s="91"/>
      <c r="GT1108" s="91"/>
      <c r="GU1108" s="91"/>
      <c r="GV1108" s="91"/>
      <c r="GW1108" s="91"/>
      <c r="GX1108" s="91"/>
      <c r="GY1108" s="91"/>
      <c r="GZ1108" s="91"/>
      <c r="HA1108" s="91"/>
      <c r="HB1108" s="91"/>
      <c r="HC1108" s="91"/>
      <c r="HD1108" s="91"/>
      <c r="HE1108" s="91"/>
      <c r="HF1108" s="91"/>
      <c r="HG1108" s="91"/>
      <c r="HH1108" s="91"/>
      <c r="HI1108" s="91"/>
      <c r="HJ1108" s="91"/>
      <c r="HK1108" s="127"/>
      <c r="HL1108" s="126"/>
      <c r="HM1108" s="91"/>
      <c r="HN1108" s="91"/>
      <c r="HO1108" s="91"/>
      <c r="HP1108" s="91"/>
      <c r="HQ1108" s="91"/>
      <c r="HR1108" s="91"/>
      <c r="HS1108" s="91"/>
      <c r="HT1108" s="91"/>
      <c r="HU1108" s="91"/>
      <c r="HV1108" s="91"/>
      <c r="HW1108" s="91"/>
      <c r="HX1108" s="91"/>
      <c r="HY1108" s="91"/>
      <c r="HZ1108" s="91"/>
      <c r="IA1108" s="91"/>
      <c r="IB1108" s="91"/>
      <c r="IC1108" s="91"/>
      <c r="ID1108" s="91"/>
      <c r="IE1108" s="91"/>
      <c r="IF1108" s="91"/>
      <c r="IG1108" s="91"/>
      <c r="IH1108" s="91"/>
      <c r="II1108" s="91"/>
      <c r="IJ1108" s="91"/>
      <c r="IK1108" s="127"/>
    </row>
    <row r="1109" spans="2:245" x14ac:dyDescent="0.2">
      <c r="B1109" s="43"/>
      <c r="C1109" s="73"/>
      <c r="D1109" s="64"/>
      <c r="E1109" s="64"/>
      <c r="F1109" s="55"/>
      <c r="G1109" s="102"/>
      <c r="H1109" s="55"/>
      <c r="I1109" s="55"/>
      <c r="J1109" s="55"/>
      <c r="K1109" s="55"/>
      <c r="L1109" s="55"/>
      <c r="M1109" s="55"/>
      <c r="N1109" s="55"/>
      <c r="O1109" s="55"/>
      <c r="P1109" s="55"/>
      <c r="Q1109" s="55"/>
      <c r="R1109" s="55"/>
      <c r="S1109" s="55"/>
      <c r="T1109" s="55"/>
      <c r="U1109" s="55"/>
      <c r="V1109" s="55"/>
      <c r="W1109" s="55"/>
      <c r="X1109" s="55"/>
      <c r="Y1109" s="55"/>
      <c r="Z1109" s="55"/>
      <c r="AA1109" s="55"/>
      <c r="AB1109" s="55"/>
      <c r="AC1109" s="55"/>
      <c r="AD1109" s="55"/>
      <c r="AE1109" s="55"/>
      <c r="AF1109" s="55"/>
      <c r="AG1109" s="55"/>
      <c r="AY1109" s="162"/>
      <c r="AZ1109" s="162"/>
      <c r="BA1109" s="162"/>
      <c r="BB1109" s="162"/>
      <c r="BC1109" s="162"/>
      <c r="BD1109" s="162"/>
      <c r="BE1109" s="162"/>
      <c r="BF1109" s="162"/>
      <c r="BG1109" s="162"/>
      <c r="BH1109" s="162"/>
      <c r="BI1109" s="162"/>
      <c r="BJ1109" s="162"/>
      <c r="BK1109" s="162"/>
      <c r="BL1109" s="162"/>
      <c r="BM1109" s="162"/>
      <c r="BN1109" s="162"/>
      <c r="BO1109" s="162"/>
      <c r="BP1109" s="162"/>
      <c r="BQ1109" s="162"/>
      <c r="BR1109" s="162"/>
      <c r="BS1109" s="162"/>
      <c r="BT1109" s="162"/>
      <c r="BU1109" s="162"/>
      <c r="BV1109" s="162"/>
      <c r="BW1109" s="162"/>
      <c r="BX1109" s="162"/>
      <c r="BY1109" s="162"/>
      <c r="BZ1109" s="162"/>
      <c r="CA1109" s="162"/>
      <c r="CB1109" s="162"/>
      <c r="CC1109" s="162"/>
      <c r="CD1109" s="162"/>
      <c r="CE1109" s="162"/>
      <c r="CF1109" s="162"/>
      <c r="CG1109" s="162"/>
      <c r="CH1109" s="162"/>
      <c r="CI1109" s="162"/>
      <c r="CJ1109" s="162"/>
      <c r="CK1109" s="162"/>
      <c r="CX1109" s="98"/>
      <c r="DL1109" s="97"/>
      <c r="DX1109" s="98"/>
      <c r="EL1109" s="97"/>
      <c r="EX1109" s="98"/>
      <c r="EY1109" s="97"/>
      <c r="FL1109" s="126"/>
      <c r="FM1109" s="91"/>
      <c r="FN1109" s="91"/>
      <c r="FO1109" s="91"/>
      <c r="FP1109" s="91"/>
      <c r="FQ1109" s="91"/>
      <c r="FR1109" s="91"/>
      <c r="FS1109" s="91"/>
      <c r="FT1109" s="91"/>
      <c r="FU1109" s="91"/>
      <c r="FV1109" s="91"/>
      <c r="FW1109" s="91"/>
      <c r="FX1109" s="91"/>
      <c r="FY1109" s="91"/>
      <c r="FZ1109" s="91"/>
      <c r="GA1109" s="91"/>
      <c r="GB1109" s="91"/>
      <c r="GC1109" s="91"/>
      <c r="GD1109" s="91"/>
      <c r="GE1109" s="91"/>
      <c r="GF1109" s="91"/>
      <c r="GG1109" s="91"/>
      <c r="GH1109" s="91"/>
      <c r="GI1109" s="91"/>
      <c r="GJ1109" s="91"/>
      <c r="GK1109" s="127"/>
      <c r="GL1109" s="126"/>
      <c r="GM1109" s="91"/>
      <c r="GN1109" s="91"/>
      <c r="GO1109" s="91"/>
      <c r="GP1109" s="91"/>
      <c r="GQ1109" s="91"/>
      <c r="GR1109" s="91"/>
      <c r="GS1109" s="91"/>
      <c r="GT1109" s="91"/>
      <c r="GU1109" s="91"/>
      <c r="GV1109" s="91"/>
      <c r="GW1109" s="91"/>
      <c r="GX1109" s="91"/>
      <c r="GY1109" s="91"/>
      <c r="GZ1109" s="91"/>
      <c r="HA1109" s="91"/>
      <c r="HB1109" s="91"/>
      <c r="HC1109" s="91"/>
      <c r="HD1109" s="91"/>
      <c r="HE1109" s="91"/>
      <c r="HF1109" s="91"/>
      <c r="HG1109" s="91"/>
      <c r="HH1109" s="91"/>
      <c r="HI1109" s="91"/>
      <c r="HJ1109" s="91"/>
      <c r="HK1109" s="127"/>
      <c r="HL1109" s="126"/>
      <c r="HM1109" s="91"/>
      <c r="HN1109" s="91"/>
      <c r="HO1109" s="91"/>
      <c r="HP1109" s="91"/>
      <c r="HQ1109" s="91"/>
      <c r="HR1109" s="91"/>
      <c r="HS1109" s="91"/>
      <c r="HT1109" s="91"/>
      <c r="HU1109" s="91"/>
      <c r="HV1109" s="91"/>
      <c r="HW1109" s="91"/>
      <c r="HX1109" s="91"/>
      <c r="HY1109" s="91"/>
      <c r="HZ1109" s="91"/>
      <c r="IA1109" s="91"/>
      <c r="IB1109" s="91"/>
      <c r="IC1109" s="91"/>
      <c r="ID1109" s="91"/>
      <c r="IE1109" s="91"/>
      <c r="IF1109" s="91"/>
      <c r="IG1109" s="91"/>
      <c r="IH1109" s="91"/>
      <c r="II1109" s="91"/>
      <c r="IJ1109" s="91"/>
      <c r="IK1109" s="127"/>
    </row>
    <row r="1110" spans="2:245" x14ac:dyDescent="0.2">
      <c r="B1110" s="43"/>
      <c r="C1110" s="73"/>
      <c r="D1110" s="64"/>
      <c r="E1110" s="64"/>
      <c r="F1110" s="55"/>
      <c r="G1110" s="102"/>
      <c r="H1110" s="55"/>
      <c r="I1110" s="55"/>
      <c r="J1110" s="55"/>
      <c r="K1110" s="55"/>
      <c r="L1110" s="55"/>
      <c r="M1110" s="55"/>
      <c r="N1110" s="55"/>
      <c r="O1110" s="55"/>
      <c r="P1110" s="55"/>
      <c r="Q1110" s="55"/>
      <c r="R1110" s="55"/>
      <c r="S1110" s="55"/>
      <c r="T1110" s="55"/>
      <c r="U1110" s="55"/>
      <c r="V1110" s="55"/>
      <c r="W1110" s="55"/>
      <c r="X1110" s="55"/>
      <c r="Y1110" s="55"/>
      <c r="Z1110" s="55"/>
      <c r="AA1110" s="55"/>
      <c r="AB1110" s="55"/>
      <c r="AC1110" s="55"/>
      <c r="AD1110" s="55"/>
      <c r="AE1110" s="55"/>
      <c r="AF1110" s="55"/>
      <c r="AG1110" s="55"/>
      <c r="AY1110" s="162"/>
      <c r="AZ1110" s="162"/>
      <c r="BA1110" s="162"/>
      <c r="BB1110" s="162"/>
      <c r="BC1110" s="162"/>
      <c r="BD1110" s="162"/>
      <c r="BE1110" s="162"/>
      <c r="BF1110" s="162"/>
      <c r="BG1110" s="162"/>
      <c r="BH1110" s="162"/>
      <c r="BI1110" s="162"/>
      <c r="BJ1110" s="162"/>
      <c r="BK1110" s="162"/>
      <c r="BL1110" s="162"/>
      <c r="BM1110" s="162"/>
      <c r="BN1110" s="162"/>
      <c r="BO1110" s="162"/>
      <c r="BP1110" s="162"/>
      <c r="BQ1110" s="162"/>
      <c r="BR1110" s="162"/>
      <c r="BS1110" s="162"/>
      <c r="BT1110" s="162"/>
      <c r="BU1110" s="162"/>
      <c r="BV1110" s="162"/>
      <c r="BW1110" s="162"/>
      <c r="BX1110" s="162"/>
      <c r="BY1110" s="162"/>
      <c r="BZ1110" s="162"/>
      <c r="CA1110" s="162"/>
      <c r="CB1110" s="162"/>
      <c r="CC1110" s="162"/>
      <c r="CD1110" s="162"/>
      <c r="CE1110" s="162"/>
      <c r="CF1110" s="162"/>
      <c r="CG1110" s="162"/>
      <c r="CH1110" s="162"/>
      <c r="CI1110" s="162"/>
      <c r="CJ1110" s="162"/>
      <c r="CK1110" s="162"/>
      <c r="CX1110" s="98"/>
      <c r="DL1110" s="97"/>
      <c r="DX1110" s="98"/>
      <c r="EL1110" s="97"/>
      <c r="EX1110" s="98"/>
      <c r="EY1110" s="97"/>
      <c r="FL1110" s="126"/>
      <c r="FM1110" s="91"/>
      <c r="FN1110" s="91"/>
      <c r="FO1110" s="91"/>
      <c r="FP1110" s="91"/>
      <c r="FQ1110" s="91"/>
      <c r="FR1110" s="91"/>
      <c r="FS1110" s="91"/>
      <c r="FT1110" s="91"/>
      <c r="FU1110" s="91"/>
      <c r="FV1110" s="91"/>
      <c r="FW1110" s="91"/>
      <c r="FX1110" s="91"/>
      <c r="FY1110" s="91"/>
      <c r="FZ1110" s="91"/>
      <c r="GA1110" s="91"/>
      <c r="GB1110" s="91"/>
      <c r="GC1110" s="91"/>
      <c r="GD1110" s="91"/>
      <c r="GE1110" s="91"/>
      <c r="GF1110" s="91"/>
      <c r="GG1110" s="91"/>
      <c r="GH1110" s="91"/>
      <c r="GI1110" s="91"/>
      <c r="GJ1110" s="91"/>
      <c r="GK1110" s="127"/>
      <c r="GL1110" s="126"/>
      <c r="GM1110" s="91"/>
      <c r="GN1110" s="91"/>
      <c r="GO1110" s="91"/>
      <c r="GP1110" s="91"/>
      <c r="GQ1110" s="91"/>
      <c r="GR1110" s="91"/>
      <c r="GS1110" s="91"/>
      <c r="GT1110" s="91"/>
      <c r="GU1110" s="91"/>
      <c r="GV1110" s="91"/>
      <c r="GW1110" s="91"/>
      <c r="GX1110" s="91"/>
      <c r="GY1110" s="91"/>
      <c r="GZ1110" s="91"/>
      <c r="HA1110" s="91"/>
      <c r="HB1110" s="91"/>
      <c r="HC1110" s="91"/>
      <c r="HD1110" s="91"/>
      <c r="HE1110" s="91"/>
      <c r="HF1110" s="91"/>
      <c r="HG1110" s="91"/>
      <c r="HH1110" s="91"/>
      <c r="HI1110" s="91"/>
      <c r="HJ1110" s="91"/>
      <c r="HK1110" s="127"/>
      <c r="HL1110" s="126"/>
      <c r="HM1110" s="91"/>
      <c r="HN1110" s="91"/>
      <c r="HO1110" s="91"/>
      <c r="HP1110" s="91"/>
      <c r="HQ1110" s="91"/>
      <c r="HR1110" s="91"/>
      <c r="HS1110" s="91"/>
      <c r="HT1110" s="91"/>
      <c r="HU1110" s="91"/>
      <c r="HV1110" s="91"/>
      <c r="HW1110" s="91"/>
      <c r="HX1110" s="91"/>
      <c r="HY1110" s="91"/>
      <c r="HZ1110" s="91"/>
      <c r="IA1110" s="91"/>
      <c r="IB1110" s="91"/>
      <c r="IC1110" s="91"/>
      <c r="ID1110" s="91"/>
      <c r="IE1110" s="91"/>
      <c r="IF1110" s="91"/>
      <c r="IG1110" s="91"/>
      <c r="IH1110" s="91"/>
      <c r="II1110" s="91"/>
      <c r="IJ1110" s="91"/>
      <c r="IK1110" s="127"/>
    </row>
    <row r="1111" spans="2:245" x14ac:dyDescent="0.2">
      <c r="B1111" s="43"/>
      <c r="C1111" s="73"/>
      <c r="D1111" s="64"/>
      <c r="E1111" s="64"/>
      <c r="F1111" s="55"/>
      <c r="G1111" s="102"/>
      <c r="H1111" s="55"/>
      <c r="I1111" s="55"/>
      <c r="J1111" s="55"/>
      <c r="K1111" s="55"/>
      <c r="L1111" s="55"/>
      <c r="M1111" s="55"/>
      <c r="N1111" s="55"/>
      <c r="O1111" s="55"/>
      <c r="P1111" s="55"/>
      <c r="Q1111" s="55"/>
      <c r="R1111" s="55"/>
      <c r="S1111" s="55"/>
      <c r="T1111" s="55"/>
      <c r="U1111" s="55"/>
      <c r="V1111" s="55"/>
      <c r="W1111" s="55"/>
      <c r="X1111" s="55"/>
      <c r="Y1111" s="55"/>
      <c r="Z1111" s="55"/>
      <c r="AA1111" s="55"/>
      <c r="AB1111" s="55"/>
      <c r="AC1111" s="55"/>
      <c r="AD1111" s="55"/>
      <c r="AE1111" s="55"/>
      <c r="AF1111" s="55"/>
      <c r="AG1111" s="55"/>
      <c r="AY1111" s="162"/>
      <c r="AZ1111" s="162"/>
      <c r="BA1111" s="162"/>
      <c r="BB1111" s="162"/>
      <c r="BC1111" s="162"/>
      <c r="BD1111" s="162"/>
      <c r="BE1111" s="162"/>
      <c r="BF1111" s="162"/>
      <c r="BG1111" s="162"/>
      <c r="BH1111" s="162"/>
      <c r="BI1111" s="162"/>
      <c r="BJ1111" s="162"/>
      <c r="BK1111" s="162"/>
      <c r="BL1111" s="162"/>
      <c r="BM1111" s="162"/>
      <c r="BN1111" s="162"/>
      <c r="BO1111" s="162"/>
      <c r="BP1111" s="162"/>
      <c r="BQ1111" s="162"/>
      <c r="BR1111" s="162"/>
      <c r="BS1111" s="162"/>
      <c r="BT1111" s="162"/>
      <c r="BU1111" s="162"/>
      <c r="BV1111" s="162"/>
      <c r="BW1111" s="162"/>
      <c r="BX1111" s="162"/>
      <c r="BY1111" s="162"/>
      <c r="BZ1111" s="162"/>
      <c r="CA1111" s="162"/>
      <c r="CB1111" s="162"/>
      <c r="CC1111" s="162"/>
      <c r="CD1111" s="162"/>
      <c r="CE1111" s="162"/>
      <c r="CF1111" s="162"/>
      <c r="CG1111" s="162"/>
      <c r="CH1111" s="162"/>
      <c r="CI1111" s="162"/>
      <c r="CJ1111" s="162"/>
      <c r="CK1111" s="162"/>
      <c r="CX1111" s="98"/>
      <c r="DL1111" s="97"/>
      <c r="DX1111" s="98"/>
      <c r="EL1111" s="97"/>
      <c r="EX1111" s="98"/>
      <c r="EY1111" s="97"/>
      <c r="FL1111" s="126"/>
      <c r="FM1111" s="91"/>
      <c r="FN1111" s="91"/>
      <c r="FO1111" s="91"/>
      <c r="FP1111" s="91"/>
      <c r="FQ1111" s="91"/>
      <c r="FR1111" s="91"/>
      <c r="FS1111" s="91"/>
      <c r="FT1111" s="91"/>
      <c r="FU1111" s="91"/>
      <c r="FV1111" s="91"/>
      <c r="FW1111" s="91"/>
      <c r="FX1111" s="91"/>
      <c r="FY1111" s="91"/>
      <c r="FZ1111" s="91"/>
      <c r="GA1111" s="91"/>
      <c r="GB1111" s="91"/>
      <c r="GC1111" s="91"/>
      <c r="GD1111" s="91"/>
      <c r="GE1111" s="91"/>
      <c r="GF1111" s="91"/>
      <c r="GG1111" s="91"/>
      <c r="GH1111" s="91"/>
      <c r="GI1111" s="91"/>
      <c r="GJ1111" s="91"/>
      <c r="GK1111" s="127"/>
      <c r="GL1111" s="126"/>
      <c r="GM1111" s="91"/>
      <c r="GN1111" s="91"/>
      <c r="GO1111" s="91"/>
      <c r="GP1111" s="91"/>
      <c r="GQ1111" s="91"/>
      <c r="GR1111" s="91"/>
      <c r="GS1111" s="91"/>
      <c r="GT1111" s="91"/>
      <c r="GU1111" s="91"/>
      <c r="GV1111" s="91"/>
      <c r="GW1111" s="91"/>
      <c r="GX1111" s="91"/>
      <c r="GY1111" s="91"/>
      <c r="GZ1111" s="91"/>
      <c r="HA1111" s="91"/>
      <c r="HB1111" s="91"/>
      <c r="HC1111" s="91"/>
      <c r="HD1111" s="91"/>
      <c r="HE1111" s="91"/>
      <c r="HF1111" s="91"/>
      <c r="HG1111" s="91"/>
      <c r="HH1111" s="91"/>
      <c r="HI1111" s="91"/>
      <c r="HJ1111" s="91"/>
      <c r="HK1111" s="127"/>
      <c r="HL1111" s="126"/>
      <c r="HM1111" s="91"/>
      <c r="HN1111" s="91"/>
      <c r="HO1111" s="91"/>
      <c r="HP1111" s="91"/>
      <c r="HQ1111" s="91"/>
      <c r="HR1111" s="91"/>
      <c r="HS1111" s="91"/>
      <c r="HT1111" s="91"/>
      <c r="HU1111" s="91"/>
      <c r="HV1111" s="91"/>
      <c r="HW1111" s="91"/>
      <c r="HX1111" s="91"/>
      <c r="HY1111" s="91"/>
      <c r="HZ1111" s="91"/>
      <c r="IA1111" s="91"/>
      <c r="IB1111" s="91"/>
      <c r="IC1111" s="91"/>
      <c r="ID1111" s="91"/>
      <c r="IE1111" s="91"/>
      <c r="IF1111" s="91"/>
      <c r="IG1111" s="91"/>
      <c r="IH1111" s="91"/>
      <c r="II1111" s="91"/>
      <c r="IJ1111" s="91"/>
      <c r="IK1111" s="127"/>
    </row>
    <row r="1112" spans="2:245" x14ac:dyDescent="0.2">
      <c r="B1112" s="43"/>
      <c r="C1112" s="73"/>
      <c r="D1112" s="64"/>
      <c r="E1112" s="64"/>
      <c r="F1112" s="55"/>
      <c r="G1112" s="102"/>
      <c r="H1112" s="55"/>
      <c r="I1112" s="55"/>
      <c r="J1112" s="55"/>
      <c r="K1112" s="55"/>
      <c r="L1112" s="55"/>
      <c r="M1112" s="55"/>
      <c r="N1112" s="55"/>
      <c r="O1112" s="55"/>
      <c r="P1112" s="55"/>
      <c r="Q1112" s="55"/>
      <c r="R1112" s="55"/>
      <c r="S1112" s="55"/>
      <c r="T1112" s="55"/>
      <c r="U1112" s="55"/>
      <c r="V1112" s="55"/>
      <c r="W1112" s="55"/>
      <c r="X1112" s="55"/>
      <c r="Y1112" s="55"/>
      <c r="Z1112" s="55"/>
      <c r="AA1112" s="55"/>
      <c r="AB1112" s="55"/>
      <c r="AC1112" s="55"/>
      <c r="AD1112" s="55"/>
      <c r="AE1112" s="55"/>
      <c r="AF1112" s="55"/>
      <c r="AG1112" s="55"/>
      <c r="AY1112" s="162"/>
      <c r="AZ1112" s="162"/>
      <c r="BA1112" s="162"/>
      <c r="BB1112" s="162"/>
      <c r="BC1112" s="162"/>
      <c r="BD1112" s="162"/>
      <c r="BE1112" s="162"/>
      <c r="BF1112" s="162"/>
      <c r="BG1112" s="162"/>
      <c r="BH1112" s="162"/>
      <c r="BI1112" s="162"/>
      <c r="BJ1112" s="162"/>
      <c r="BK1112" s="162"/>
      <c r="BL1112" s="162"/>
      <c r="BM1112" s="162"/>
      <c r="BN1112" s="162"/>
      <c r="BO1112" s="162"/>
      <c r="BP1112" s="162"/>
      <c r="BQ1112" s="162"/>
      <c r="BR1112" s="162"/>
      <c r="BS1112" s="162"/>
      <c r="BT1112" s="162"/>
      <c r="BU1112" s="162"/>
      <c r="BV1112" s="162"/>
      <c r="BW1112" s="162"/>
      <c r="BX1112" s="162"/>
      <c r="BY1112" s="162"/>
      <c r="BZ1112" s="162"/>
      <c r="CA1112" s="162"/>
      <c r="CB1112" s="162"/>
      <c r="CC1112" s="162"/>
      <c r="CD1112" s="162"/>
      <c r="CE1112" s="162"/>
      <c r="CF1112" s="162"/>
      <c r="CG1112" s="162"/>
      <c r="CH1112" s="162"/>
      <c r="CI1112" s="162"/>
      <c r="CJ1112" s="162"/>
      <c r="CK1112" s="162"/>
      <c r="CX1112" s="98"/>
      <c r="DL1112" s="97"/>
      <c r="DX1112" s="98"/>
      <c r="EL1112" s="97"/>
      <c r="EX1112" s="98"/>
      <c r="EY1112" s="97"/>
      <c r="FL1112" s="126"/>
      <c r="FM1112" s="91"/>
      <c r="FN1112" s="91"/>
      <c r="FO1112" s="91"/>
      <c r="FP1112" s="91"/>
      <c r="FQ1112" s="91"/>
      <c r="FR1112" s="91"/>
      <c r="FS1112" s="91"/>
      <c r="FT1112" s="91"/>
      <c r="FU1112" s="91"/>
      <c r="FV1112" s="91"/>
      <c r="FW1112" s="91"/>
      <c r="FX1112" s="91"/>
      <c r="FY1112" s="91"/>
      <c r="FZ1112" s="91"/>
      <c r="GA1112" s="91"/>
      <c r="GB1112" s="91"/>
      <c r="GC1112" s="91"/>
      <c r="GD1112" s="91"/>
      <c r="GE1112" s="91"/>
      <c r="GF1112" s="91"/>
      <c r="GG1112" s="91"/>
      <c r="GH1112" s="91"/>
      <c r="GI1112" s="91"/>
      <c r="GJ1112" s="91"/>
      <c r="GK1112" s="127"/>
      <c r="GL1112" s="126"/>
      <c r="GM1112" s="91"/>
      <c r="GN1112" s="91"/>
      <c r="GO1112" s="91"/>
      <c r="GP1112" s="91"/>
      <c r="GQ1112" s="91"/>
      <c r="GR1112" s="91"/>
      <c r="GS1112" s="91"/>
      <c r="GT1112" s="91"/>
      <c r="GU1112" s="91"/>
      <c r="GV1112" s="91"/>
      <c r="GW1112" s="91"/>
      <c r="GX1112" s="91"/>
      <c r="GY1112" s="91"/>
      <c r="GZ1112" s="91"/>
      <c r="HA1112" s="91"/>
      <c r="HB1112" s="91"/>
      <c r="HC1112" s="91"/>
      <c r="HD1112" s="91"/>
      <c r="HE1112" s="91"/>
      <c r="HF1112" s="91"/>
      <c r="HG1112" s="91"/>
      <c r="HH1112" s="91"/>
      <c r="HI1112" s="91"/>
      <c r="HJ1112" s="91"/>
      <c r="HK1112" s="127"/>
      <c r="HL1112" s="126"/>
      <c r="HM1112" s="91"/>
      <c r="HN1112" s="91"/>
      <c r="HO1112" s="91"/>
      <c r="HP1112" s="91"/>
      <c r="HQ1112" s="91"/>
      <c r="HR1112" s="91"/>
      <c r="HS1112" s="91"/>
      <c r="HT1112" s="91"/>
      <c r="HU1112" s="91"/>
      <c r="HV1112" s="91"/>
      <c r="HW1112" s="91"/>
      <c r="HX1112" s="91"/>
      <c r="HY1112" s="91"/>
      <c r="HZ1112" s="91"/>
      <c r="IA1112" s="91"/>
      <c r="IB1112" s="91"/>
      <c r="IC1112" s="91"/>
      <c r="ID1112" s="91"/>
      <c r="IE1112" s="91"/>
      <c r="IF1112" s="91"/>
      <c r="IG1112" s="91"/>
      <c r="IH1112" s="91"/>
      <c r="II1112" s="91"/>
      <c r="IJ1112" s="91"/>
      <c r="IK1112" s="127"/>
    </row>
    <row r="1113" spans="2:245" x14ac:dyDescent="0.2">
      <c r="B1113" s="43"/>
      <c r="C1113" s="73"/>
      <c r="D1113" s="64"/>
      <c r="E1113" s="64"/>
      <c r="F1113" s="55"/>
      <c r="G1113" s="102"/>
      <c r="H1113" s="55"/>
      <c r="I1113" s="55"/>
      <c r="J1113" s="55"/>
      <c r="K1113" s="55"/>
      <c r="L1113" s="55"/>
      <c r="M1113" s="55"/>
      <c r="N1113" s="55"/>
      <c r="O1113" s="55"/>
      <c r="P1113" s="55"/>
      <c r="Q1113" s="55"/>
      <c r="R1113" s="55"/>
      <c r="S1113" s="55"/>
      <c r="T1113" s="55"/>
      <c r="U1113" s="55"/>
      <c r="V1113" s="55"/>
      <c r="W1113" s="55"/>
      <c r="X1113" s="55"/>
      <c r="Y1113" s="55"/>
      <c r="Z1113" s="55"/>
      <c r="AA1113" s="55"/>
      <c r="AB1113" s="55"/>
      <c r="AC1113" s="55"/>
      <c r="AD1113" s="55"/>
      <c r="AE1113" s="55"/>
      <c r="AF1113" s="55"/>
      <c r="AG1113" s="55"/>
      <c r="AY1113" s="162"/>
      <c r="AZ1113" s="162"/>
      <c r="BA1113" s="162"/>
      <c r="BB1113" s="162"/>
      <c r="BC1113" s="162"/>
      <c r="BD1113" s="162"/>
      <c r="BE1113" s="162"/>
      <c r="BF1113" s="162"/>
      <c r="BG1113" s="162"/>
      <c r="BH1113" s="162"/>
      <c r="BI1113" s="162"/>
      <c r="BJ1113" s="162"/>
      <c r="BK1113" s="162"/>
      <c r="BL1113" s="162"/>
      <c r="BM1113" s="162"/>
      <c r="BN1113" s="162"/>
      <c r="BO1113" s="162"/>
      <c r="BP1113" s="162"/>
      <c r="BQ1113" s="162"/>
      <c r="BR1113" s="162"/>
      <c r="BS1113" s="162"/>
      <c r="BT1113" s="162"/>
      <c r="BU1113" s="162"/>
      <c r="BV1113" s="162"/>
      <c r="BW1113" s="162"/>
      <c r="BX1113" s="162"/>
      <c r="BY1113" s="162"/>
      <c r="BZ1113" s="162"/>
      <c r="CA1113" s="162"/>
      <c r="CB1113" s="162"/>
      <c r="CC1113" s="162"/>
      <c r="CD1113" s="162"/>
      <c r="CE1113" s="162"/>
      <c r="CF1113" s="162"/>
      <c r="CG1113" s="162"/>
      <c r="CH1113" s="162"/>
      <c r="CI1113" s="162"/>
      <c r="CJ1113" s="162"/>
      <c r="CK1113" s="162"/>
      <c r="CX1113" s="98"/>
      <c r="DL1113" s="97"/>
      <c r="DX1113" s="98"/>
      <c r="EL1113" s="97"/>
      <c r="EX1113" s="98"/>
      <c r="EY1113" s="97"/>
      <c r="FL1113" s="126"/>
      <c r="FM1113" s="91"/>
      <c r="FN1113" s="91"/>
      <c r="FO1113" s="91"/>
      <c r="FP1113" s="91"/>
      <c r="FQ1113" s="91"/>
      <c r="FR1113" s="91"/>
      <c r="FS1113" s="91"/>
      <c r="FT1113" s="91"/>
      <c r="FU1113" s="91"/>
      <c r="FV1113" s="91"/>
      <c r="FW1113" s="91"/>
      <c r="FX1113" s="91"/>
      <c r="FY1113" s="91"/>
      <c r="FZ1113" s="91"/>
      <c r="GA1113" s="91"/>
      <c r="GB1113" s="91"/>
      <c r="GC1113" s="91"/>
      <c r="GD1113" s="91"/>
      <c r="GE1113" s="91"/>
      <c r="GF1113" s="91"/>
      <c r="GG1113" s="91"/>
      <c r="GH1113" s="91"/>
      <c r="GI1113" s="91"/>
      <c r="GJ1113" s="91"/>
      <c r="GK1113" s="127"/>
      <c r="GL1113" s="126"/>
      <c r="GM1113" s="91"/>
      <c r="GN1113" s="91"/>
      <c r="GO1113" s="91"/>
      <c r="GP1113" s="91"/>
      <c r="GQ1113" s="91"/>
      <c r="GR1113" s="91"/>
      <c r="GS1113" s="91"/>
      <c r="GT1113" s="91"/>
      <c r="GU1113" s="91"/>
      <c r="GV1113" s="91"/>
      <c r="GW1113" s="91"/>
      <c r="GX1113" s="91"/>
      <c r="GY1113" s="91"/>
      <c r="GZ1113" s="91"/>
      <c r="HA1113" s="91"/>
      <c r="HB1113" s="91"/>
      <c r="HC1113" s="91"/>
      <c r="HD1113" s="91"/>
      <c r="HE1113" s="91"/>
      <c r="HF1113" s="91"/>
      <c r="HG1113" s="91"/>
      <c r="HH1113" s="91"/>
      <c r="HI1113" s="91"/>
      <c r="HJ1113" s="91"/>
      <c r="HK1113" s="127"/>
      <c r="HL1113" s="126"/>
      <c r="HM1113" s="91"/>
      <c r="HN1113" s="91"/>
      <c r="HO1113" s="91"/>
      <c r="HP1113" s="91"/>
      <c r="HQ1113" s="91"/>
      <c r="HR1113" s="91"/>
      <c r="HS1113" s="91"/>
      <c r="HT1113" s="91"/>
      <c r="HU1113" s="91"/>
      <c r="HV1113" s="91"/>
      <c r="HW1113" s="91"/>
      <c r="HX1113" s="91"/>
      <c r="HY1113" s="91"/>
      <c r="HZ1113" s="91"/>
      <c r="IA1113" s="91"/>
      <c r="IB1113" s="91"/>
      <c r="IC1113" s="91"/>
      <c r="ID1113" s="91"/>
      <c r="IE1113" s="91"/>
      <c r="IF1113" s="91"/>
      <c r="IG1113" s="91"/>
      <c r="IH1113" s="91"/>
      <c r="II1113" s="91"/>
      <c r="IJ1113" s="91"/>
      <c r="IK1113" s="127"/>
    </row>
    <row r="1114" spans="2:245" x14ac:dyDescent="0.2">
      <c r="B1114" s="43"/>
      <c r="C1114" s="73"/>
      <c r="D1114" s="64"/>
      <c r="E1114" s="64"/>
      <c r="F1114" s="55"/>
      <c r="G1114" s="102"/>
      <c r="H1114" s="55"/>
      <c r="I1114" s="55"/>
      <c r="J1114" s="55"/>
      <c r="K1114" s="55"/>
      <c r="L1114" s="55"/>
      <c r="M1114" s="55"/>
      <c r="N1114" s="55"/>
      <c r="O1114" s="55"/>
      <c r="P1114" s="55"/>
      <c r="Q1114" s="55"/>
      <c r="R1114" s="55"/>
      <c r="S1114" s="55"/>
      <c r="T1114" s="55"/>
      <c r="U1114" s="55"/>
      <c r="V1114" s="55"/>
      <c r="W1114" s="55"/>
      <c r="X1114" s="55"/>
      <c r="Y1114" s="55"/>
      <c r="Z1114" s="55"/>
      <c r="AA1114" s="55"/>
      <c r="AB1114" s="55"/>
      <c r="AC1114" s="55"/>
      <c r="AD1114" s="55"/>
      <c r="AE1114" s="55"/>
      <c r="AF1114" s="55"/>
      <c r="AG1114" s="55"/>
      <c r="AY1114" s="162"/>
      <c r="AZ1114" s="162"/>
      <c r="BA1114" s="162"/>
      <c r="BB1114" s="162"/>
      <c r="BC1114" s="162"/>
      <c r="BD1114" s="162"/>
      <c r="BE1114" s="162"/>
      <c r="BF1114" s="162"/>
      <c r="BG1114" s="162"/>
      <c r="BH1114" s="162"/>
      <c r="BI1114" s="162"/>
      <c r="BJ1114" s="162"/>
      <c r="BK1114" s="162"/>
      <c r="BL1114" s="162"/>
      <c r="BM1114" s="162"/>
      <c r="BN1114" s="162"/>
      <c r="BO1114" s="162"/>
      <c r="BP1114" s="162"/>
      <c r="BQ1114" s="162"/>
      <c r="BR1114" s="162"/>
      <c r="BS1114" s="162"/>
      <c r="BT1114" s="162"/>
      <c r="BU1114" s="162"/>
      <c r="BV1114" s="162"/>
      <c r="BW1114" s="162"/>
      <c r="BX1114" s="162"/>
      <c r="BY1114" s="162"/>
      <c r="BZ1114" s="162"/>
      <c r="CA1114" s="162"/>
      <c r="CB1114" s="162"/>
      <c r="CC1114" s="162"/>
      <c r="CD1114" s="162"/>
      <c r="CE1114" s="162"/>
      <c r="CF1114" s="162"/>
      <c r="CG1114" s="162"/>
      <c r="CH1114" s="162"/>
      <c r="CI1114" s="162"/>
      <c r="CJ1114" s="162"/>
      <c r="CK1114" s="162"/>
      <c r="CX1114" s="98"/>
      <c r="DL1114" s="97"/>
      <c r="DX1114" s="98"/>
      <c r="EL1114" s="97"/>
      <c r="EX1114" s="98"/>
      <c r="EY1114" s="97"/>
      <c r="FL1114" s="126"/>
      <c r="FM1114" s="91"/>
      <c r="FN1114" s="91"/>
      <c r="FO1114" s="91"/>
      <c r="FP1114" s="91"/>
      <c r="FQ1114" s="91"/>
      <c r="FR1114" s="91"/>
      <c r="FS1114" s="91"/>
      <c r="FT1114" s="91"/>
      <c r="FU1114" s="91"/>
      <c r="FV1114" s="91"/>
      <c r="FW1114" s="91"/>
      <c r="FX1114" s="91"/>
      <c r="FY1114" s="91"/>
      <c r="FZ1114" s="91"/>
      <c r="GA1114" s="91"/>
      <c r="GB1114" s="91"/>
      <c r="GC1114" s="91"/>
      <c r="GD1114" s="91"/>
      <c r="GE1114" s="91"/>
      <c r="GF1114" s="91"/>
      <c r="GG1114" s="91"/>
      <c r="GH1114" s="91"/>
      <c r="GI1114" s="91"/>
      <c r="GJ1114" s="91"/>
      <c r="GK1114" s="127"/>
      <c r="GL1114" s="126"/>
      <c r="GM1114" s="91"/>
      <c r="GN1114" s="91"/>
      <c r="GO1114" s="91"/>
      <c r="GP1114" s="91"/>
      <c r="GQ1114" s="91"/>
      <c r="GR1114" s="91"/>
      <c r="GS1114" s="91"/>
      <c r="GT1114" s="91"/>
      <c r="GU1114" s="91"/>
      <c r="GV1114" s="91"/>
      <c r="GW1114" s="91"/>
      <c r="GX1114" s="91"/>
      <c r="GY1114" s="91"/>
      <c r="GZ1114" s="91"/>
      <c r="HA1114" s="91"/>
      <c r="HB1114" s="91"/>
      <c r="HC1114" s="91"/>
      <c r="HD1114" s="91"/>
      <c r="HE1114" s="91"/>
      <c r="HF1114" s="91"/>
      <c r="HG1114" s="91"/>
      <c r="HH1114" s="91"/>
      <c r="HI1114" s="91"/>
      <c r="HJ1114" s="91"/>
      <c r="HK1114" s="127"/>
      <c r="HL1114" s="126"/>
      <c r="HM1114" s="91"/>
      <c r="HN1114" s="91"/>
      <c r="HO1114" s="91"/>
      <c r="HP1114" s="91"/>
      <c r="HQ1114" s="91"/>
      <c r="HR1114" s="91"/>
      <c r="HS1114" s="91"/>
      <c r="HT1114" s="91"/>
      <c r="HU1114" s="91"/>
      <c r="HV1114" s="91"/>
      <c r="HW1114" s="91"/>
      <c r="HX1114" s="91"/>
      <c r="HY1114" s="91"/>
      <c r="HZ1114" s="91"/>
      <c r="IA1114" s="91"/>
      <c r="IB1114" s="91"/>
      <c r="IC1114" s="91"/>
      <c r="ID1114" s="91"/>
      <c r="IE1114" s="91"/>
      <c r="IF1114" s="91"/>
      <c r="IG1114" s="91"/>
      <c r="IH1114" s="91"/>
      <c r="II1114" s="91"/>
      <c r="IJ1114" s="91"/>
      <c r="IK1114" s="127"/>
    </row>
    <row r="1115" spans="2:245" x14ac:dyDescent="0.2">
      <c r="B1115" s="43"/>
      <c r="C1115" s="73"/>
      <c r="D1115" s="64"/>
      <c r="E1115" s="64"/>
      <c r="F1115" s="55"/>
      <c r="G1115" s="102"/>
      <c r="H1115" s="55"/>
      <c r="I1115" s="55"/>
      <c r="J1115" s="55"/>
      <c r="K1115" s="55"/>
      <c r="L1115" s="55"/>
      <c r="M1115" s="55"/>
      <c r="N1115" s="55"/>
      <c r="O1115" s="55"/>
      <c r="P1115" s="55"/>
      <c r="Q1115" s="55"/>
      <c r="R1115" s="55"/>
      <c r="S1115" s="55"/>
      <c r="T1115" s="55"/>
      <c r="U1115" s="55"/>
      <c r="V1115" s="55"/>
      <c r="W1115" s="55"/>
      <c r="X1115" s="55"/>
      <c r="Y1115" s="55"/>
      <c r="Z1115" s="55"/>
      <c r="AA1115" s="55"/>
      <c r="AB1115" s="55"/>
      <c r="AC1115" s="55"/>
      <c r="AD1115" s="55"/>
      <c r="AE1115" s="55"/>
      <c r="AF1115" s="55"/>
      <c r="AG1115" s="55"/>
      <c r="AY1115" s="162"/>
      <c r="AZ1115" s="162"/>
      <c r="BA1115" s="162"/>
      <c r="BB1115" s="162"/>
      <c r="BC1115" s="162"/>
      <c r="BD1115" s="162"/>
      <c r="BE1115" s="162"/>
      <c r="BF1115" s="162"/>
      <c r="BG1115" s="162"/>
      <c r="BH1115" s="162"/>
      <c r="BI1115" s="162"/>
      <c r="BJ1115" s="162"/>
      <c r="BK1115" s="162"/>
      <c r="BL1115" s="162"/>
      <c r="BM1115" s="162"/>
      <c r="BN1115" s="162"/>
      <c r="BO1115" s="162"/>
      <c r="BP1115" s="162"/>
      <c r="BQ1115" s="162"/>
      <c r="BR1115" s="162"/>
      <c r="BS1115" s="162"/>
      <c r="BT1115" s="162"/>
      <c r="BU1115" s="162"/>
      <c r="BV1115" s="162"/>
      <c r="BW1115" s="162"/>
      <c r="BX1115" s="162"/>
      <c r="BY1115" s="162"/>
      <c r="BZ1115" s="162"/>
      <c r="CA1115" s="162"/>
      <c r="CB1115" s="162"/>
      <c r="CC1115" s="162"/>
      <c r="CD1115" s="162"/>
      <c r="CE1115" s="162"/>
      <c r="CF1115" s="162"/>
      <c r="CG1115" s="162"/>
      <c r="CH1115" s="162"/>
      <c r="CI1115" s="162"/>
      <c r="CJ1115" s="162"/>
      <c r="CK1115" s="162"/>
      <c r="CX1115" s="98"/>
      <c r="DL1115" s="97"/>
      <c r="DX1115" s="98"/>
      <c r="EL1115" s="97"/>
      <c r="EX1115" s="98"/>
      <c r="EY1115" s="97"/>
      <c r="FL1115" s="126"/>
      <c r="FM1115" s="91"/>
      <c r="FN1115" s="91"/>
      <c r="FO1115" s="91"/>
      <c r="FP1115" s="91"/>
      <c r="FQ1115" s="91"/>
      <c r="FR1115" s="91"/>
      <c r="FS1115" s="91"/>
      <c r="FT1115" s="91"/>
      <c r="FU1115" s="91"/>
      <c r="FV1115" s="91"/>
      <c r="FW1115" s="91"/>
      <c r="FX1115" s="91"/>
      <c r="FY1115" s="91"/>
      <c r="FZ1115" s="91"/>
      <c r="GA1115" s="91"/>
      <c r="GB1115" s="91"/>
      <c r="GC1115" s="91"/>
      <c r="GD1115" s="91"/>
      <c r="GE1115" s="91"/>
      <c r="GF1115" s="91"/>
      <c r="GG1115" s="91"/>
      <c r="GH1115" s="91"/>
      <c r="GI1115" s="91"/>
      <c r="GJ1115" s="91"/>
      <c r="GK1115" s="127"/>
      <c r="GL1115" s="126"/>
      <c r="GM1115" s="91"/>
      <c r="GN1115" s="91"/>
      <c r="GO1115" s="91"/>
      <c r="GP1115" s="91"/>
      <c r="GQ1115" s="91"/>
      <c r="GR1115" s="91"/>
      <c r="GS1115" s="91"/>
      <c r="GT1115" s="91"/>
      <c r="GU1115" s="91"/>
      <c r="GV1115" s="91"/>
      <c r="GW1115" s="91"/>
      <c r="GX1115" s="91"/>
      <c r="GY1115" s="91"/>
      <c r="GZ1115" s="91"/>
      <c r="HA1115" s="91"/>
      <c r="HB1115" s="91"/>
      <c r="HC1115" s="91"/>
      <c r="HD1115" s="91"/>
      <c r="HE1115" s="91"/>
      <c r="HF1115" s="91"/>
      <c r="HG1115" s="91"/>
      <c r="HH1115" s="91"/>
      <c r="HI1115" s="91"/>
      <c r="HJ1115" s="91"/>
      <c r="HK1115" s="127"/>
      <c r="HL1115" s="126"/>
      <c r="HM1115" s="91"/>
      <c r="HN1115" s="91"/>
      <c r="HO1115" s="91"/>
      <c r="HP1115" s="91"/>
      <c r="HQ1115" s="91"/>
      <c r="HR1115" s="91"/>
      <c r="HS1115" s="91"/>
      <c r="HT1115" s="91"/>
      <c r="HU1115" s="91"/>
      <c r="HV1115" s="91"/>
      <c r="HW1115" s="91"/>
      <c r="HX1115" s="91"/>
      <c r="HY1115" s="91"/>
      <c r="HZ1115" s="91"/>
      <c r="IA1115" s="91"/>
      <c r="IB1115" s="91"/>
      <c r="IC1115" s="91"/>
      <c r="ID1115" s="91"/>
      <c r="IE1115" s="91"/>
      <c r="IF1115" s="91"/>
      <c r="IG1115" s="91"/>
      <c r="IH1115" s="91"/>
      <c r="II1115" s="91"/>
      <c r="IJ1115" s="91"/>
      <c r="IK1115" s="127"/>
    </row>
    <row r="1116" spans="2:245" x14ac:dyDescent="0.2">
      <c r="B1116" s="43"/>
      <c r="C1116" s="73"/>
      <c r="D1116" s="64"/>
      <c r="E1116" s="64"/>
      <c r="F1116" s="55"/>
      <c r="G1116" s="102"/>
      <c r="H1116" s="55"/>
      <c r="I1116" s="55"/>
      <c r="J1116" s="55"/>
      <c r="K1116" s="55"/>
      <c r="L1116" s="55"/>
      <c r="M1116" s="55"/>
      <c r="N1116" s="55"/>
      <c r="O1116" s="55"/>
      <c r="P1116" s="55"/>
      <c r="Q1116" s="55"/>
      <c r="R1116" s="55"/>
      <c r="S1116" s="55"/>
      <c r="T1116" s="55"/>
      <c r="U1116" s="55"/>
      <c r="V1116" s="55"/>
      <c r="W1116" s="55"/>
      <c r="X1116" s="55"/>
      <c r="Y1116" s="55"/>
      <c r="Z1116" s="55"/>
      <c r="AA1116" s="55"/>
      <c r="AB1116" s="55"/>
      <c r="AC1116" s="55"/>
      <c r="AD1116" s="55"/>
      <c r="AE1116" s="55"/>
      <c r="AF1116" s="55"/>
      <c r="AG1116" s="55"/>
      <c r="AY1116" s="162"/>
      <c r="AZ1116" s="162"/>
      <c r="BA1116" s="162"/>
      <c r="BB1116" s="162"/>
      <c r="BC1116" s="162"/>
      <c r="BD1116" s="162"/>
      <c r="BE1116" s="162"/>
      <c r="BF1116" s="162"/>
      <c r="BG1116" s="162"/>
      <c r="BH1116" s="162"/>
      <c r="BI1116" s="162"/>
      <c r="BJ1116" s="162"/>
      <c r="BK1116" s="162"/>
      <c r="BL1116" s="162"/>
      <c r="BM1116" s="162"/>
      <c r="BN1116" s="162"/>
      <c r="BO1116" s="162"/>
      <c r="BP1116" s="162"/>
      <c r="BQ1116" s="162"/>
      <c r="BR1116" s="162"/>
      <c r="BS1116" s="162"/>
      <c r="BT1116" s="162"/>
      <c r="BU1116" s="162"/>
      <c r="BV1116" s="162"/>
      <c r="BW1116" s="162"/>
      <c r="BX1116" s="162"/>
      <c r="BY1116" s="162"/>
      <c r="BZ1116" s="162"/>
      <c r="CA1116" s="162"/>
      <c r="CB1116" s="162"/>
      <c r="CC1116" s="162"/>
      <c r="CD1116" s="162"/>
      <c r="CE1116" s="162"/>
      <c r="CF1116" s="162"/>
      <c r="CG1116" s="162"/>
      <c r="CH1116" s="162"/>
      <c r="CI1116" s="162"/>
      <c r="CJ1116" s="162"/>
      <c r="CK1116" s="162"/>
      <c r="CX1116" s="98"/>
      <c r="DL1116" s="97"/>
      <c r="DX1116" s="98"/>
      <c r="EL1116" s="97"/>
      <c r="EX1116" s="98"/>
      <c r="EY1116" s="97"/>
      <c r="FL1116" s="126"/>
      <c r="FM1116" s="91"/>
      <c r="FN1116" s="91"/>
      <c r="FO1116" s="91"/>
      <c r="FP1116" s="91"/>
      <c r="FQ1116" s="91"/>
      <c r="FR1116" s="91"/>
      <c r="FS1116" s="91"/>
      <c r="FT1116" s="91"/>
      <c r="FU1116" s="91"/>
      <c r="FV1116" s="91"/>
      <c r="FW1116" s="91"/>
      <c r="FX1116" s="91"/>
      <c r="FY1116" s="91"/>
      <c r="FZ1116" s="91"/>
      <c r="GA1116" s="91"/>
      <c r="GB1116" s="91"/>
      <c r="GC1116" s="91"/>
      <c r="GD1116" s="91"/>
      <c r="GE1116" s="91"/>
      <c r="GF1116" s="91"/>
      <c r="GG1116" s="91"/>
      <c r="GH1116" s="91"/>
      <c r="GI1116" s="91"/>
      <c r="GJ1116" s="91"/>
      <c r="GK1116" s="127"/>
      <c r="GL1116" s="126"/>
      <c r="GM1116" s="91"/>
      <c r="GN1116" s="91"/>
      <c r="GO1116" s="91"/>
      <c r="GP1116" s="91"/>
      <c r="GQ1116" s="91"/>
      <c r="GR1116" s="91"/>
      <c r="GS1116" s="91"/>
      <c r="GT1116" s="91"/>
      <c r="GU1116" s="91"/>
      <c r="GV1116" s="91"/>
      <c r="GW1116" s="91"/>
      <c r="GX1116" s="91"/>
      <c r="GY1116" s="91"/>
      <c r="GZ1116" s="91"/>
      <c r="HA1116" s="91"/>
      <c r="HB1116" s="91"/>
      <c r="HC1116" s="91"/>
      <c r="HD1116" s="91"/>
      <c r="HE1116" s="91"/>
      <c r="HF1116" s="91"/>
      <c r="HG1116" s="91"/>
      <c r="HH1116" s="91"/>
      <c r="HI1116" s="91"/>
      <c r="HJ1116" s="91"/>
      <c r="HK1116" s="127"/>
      <c r="HL1116" s="126"/>
      <c r="HM1116" s="91"/>
      <c r="HN1116" s="91"/>
      <c r="HO1116" s="91"/>
      <c r="HP1116" s="91"/>
      <c r="HQ1116" s="91"/>
      <c r="HR1116" s="91"/>
      <c r="HS1116" s="91"/>
      <c r="HT1116" s="91"/>
      <c r="HU1116" s="91"/>
      <c r="HV1116" s="91"/>
      <c r="HW1116" s="91"/>
      <c r="HX1116" s="91"/>
      <c r="HY1116" s="91"/>
      <c r="HZ1116" s="91"/>
      <c r="IA1116" s="91"/>
      <c r="IB1116" s="91"/>
      <c r="IC1116" s="91"/>
      <c r="ID1116" s="91"/>
      <c r="IE1116" s="91"/>
      <c r="IF1116" s="91"/>
      <c r="IG1116" s="91"/>
      <c r="IH1116" s="91"/>
      <c r="II1116" s="91"/>
      <c r="IJ1116" s="91"/>
      <c r="IK1116" s="127"/>
    </row>
    <row r="1117" spans="2:245" x14ac:dyDescent="0.2">
      <c r="B1117" s="43"/>
      <c r="C1117" s="73"/>
      <c r="D1117" s="64"/>
      <c r="E1117" s="64"/>
      <c r="F1117" s="55"/>
      <c r="G1117" s="102"/>
      <c r="H1117" s="55"/>
      <c r="I1117" s="55"/>
      <c r="J1117" s="55"/>
      <c r="K1117" s="55"/>
      <c r="L1117" s="55"/>
      <c r="M1117" s="55"/>
      <c r="N1117" s="55"/>
      <c r="O1117" s="55"/>
      <c r="P1117" s="55"/>
      <c r="Q1117" s="55"/>
      <c r="R1117" s="55"/>
      <c r="S1117" s="55"/>
      <c r="T1117" s="55"/>
      <c r="U1117" s="55"/>
      <c r="V1117" s="55"/>
      <c r="W1117" s="55"/>
      <c r="X1117" s="55"/>
      <c r="Y1117" s="55"/>
      <c r="Z1117" s="55"/>
      <c r="AA1117" s="55"/>
      <c r="AB1117" s="55"/>
      <c r="AC1117" s="55"/>
      <c r="AD1117" s="55"/>
      <c r="AE1117" s="55"/>
      <c r="AF1117" s="55"/>
      <c r="AG1117" s="55"/>
      <c r="AY1117" s="162"/>
      <c r="AZ1117" s="162"/>
      <c r="BA1117" s="162"/>
      <c r="BB1117" s="162"/>
      <c r="BC1117" s="162"/>
      <c r="BD1117" s="162"/>
      <c r="BE1117" s="162"/>
      <c r="BF1117" s="162"/>
      <c r="BG1117" s="162"/>
      <c r="BH1117" s="162"/>
      <c r="BI1117" s="162"/>
      <c r="BJ1117" s="162"/>
      <c r="BK1117" s="162"/>
      <c r="BL1117" s="162"/>
      <c r="BM1117" s="162"/>
      <c r="BN1117" s="162"/>
      <c r="BO1117" s="162"/>
      <c r="BP1117" s="162"/>
      <c r="BQ1117" s="162"/>
      <c r="BR1117" s="162"/>
      <c r="BS1117" s="162"/>
      <c r="BT1117" s="162"/>
      <c r="BU1117" s="162"/>
      <c r="BV1117" s="162"/>
      <c r="BW1117" s="162"/>
      <c r="BX1117" s="162"/>
      <c r="BY1117" s="162"/>
      <c r="BZ1117" s="162"/>
      <c r="CA1117" s="162"/>
      <c r="CB1117" s="162"/>
      <c r="CC1117" s="162"/>
      <c r="CD1117" s="162"/>
      <c r="CE1117" s="162"/>
      <c r="CF1117" s="162"/>
      <c r="CG1117" s="162"/>
      <c r="CH1117" s="162"/>
      <c r="CI1117" s="162"/>
      <c r="CJ1117" s="162"/>
      <c r="CK1117" s="162"/>
      <c r="CX1117" s="98"/>
      <c r="DL1117" s="97"/>
      <c r="DX1117" s="98"/>
      <c r="EL1117" s="97"/>
      <c r="EX1117" s="98"/>
      <c r="EY1117" s="97"/>
      <c r="FL1117" s="126"/>
      <c r="FM1117" s="91"/>
      <c r="FN1117" s="91"/>
      <c r="FO1117" s="91"/>
      <c r="FP1117" s="91"/>
      <c r="FQ1117" s="91"/>
      <c r="FR1117" s="91"/>
      <c r="FS1117" s="91"/>
      <c r="FT1117" s="91"/>
      <c r="FU1117" s="91"/>
      <c r="FV1117" s="91"/>
      <c r="FW1117" s="91"/>
      <c r="FX1117" s="91"/>
      <c r="FY1117" s="91"/>
      <c r="FZ1117" s="91"/>
      <c r="GA1117" s="91"/>
      <c r="GB1117" s="91"/>
      <c r="GC1117" s="91"/>
      <c r="GD1117" s="91"/>
      <c r="GE1117" s="91"/>
      <c r="GF1117" s="91"/>
      <c r="GG1117" s="91"/>
      <c r="GH1117" s="91"/>
      <c r="GI1117" s="91"/>
      <c r="GJ1117" s="91"/>
      <c r="GK1117" s="127"/>
      <c r="GL1117" s="126"/>
      <c r="GM1117" s="91"/>
      <c r="GN1117" s="91"/>
      <c r="GO1117" s="91"/>
      <c r="GP1117" s="91"/>
      <c r="GQ1117" s="91"/>
      <c r="GR1117" s="91"/>
      <c r="GS1117" s="91"/>
      <c r="GT1117" s="91"/>
      <c r="GU1117" s="91"/>
      <c r="GV1117" s="91"/>
      <c r="GW1117" s="91"/>
      <c r="GX1117" s="91"/>
      <c r="GY1117" s="91"/>
      <c r="GZ1117" s="91"/>
      <c r="HA1117" s="91"/>
      <c r="HB1117" s="91"/>
      <c r="HC1117" s="91"/>
      <c r="HD1117" s="91"/>
      <c r="HE1117" s="91"/>
      <c r="HF1117" s="91"/>
      <c r="HG1117" s="91"/>
      <c r="HH1117" s="91"/>
      <c r="HI1117" s="91"/>
      <c r="HJ1117" s="91"/>
      <c r="HK1117" s="127"/>
      <c r="HL1117" s="126"/>
      <c r="HM1117" s="91"/>
      <c r="HN1117" s="91"/>
      <c r="HO1117" s="91"/>
      <c r="HP1117" s="91"/>
      <c r="HQ1117" s="91"/>
      <c r="HR1117" s="91"/>
      <c r="HS1117" s="91"/>
      <c r="HT1117" s="91"/>
      <c r="HU1117" s="91"/>
      <c r="HV1117" s="91"/>
      <c r="HW1117" s="91"/>
      <c r="HX1117" s="91"/>
      <c r="HY1117" s="91"/>
      <c r="HZ1117" s="91"/>
      <c r="IA1117" s="91"/>
      <c r="IB1117" s="91"/>
      <c r="IC1117" s="91"/>
      <c r="ID1117" s="91"/>
      <c r="IE1117" s="91"/>
      <c r="IF1117" s="91"/>
      <c r="IG1117" s="91"/>
      <c r="IH1117" s="91"/>
      <c r="II1117" s="91"/>
      <c r="IJ1117" s="91"/>
      <c r="IK1117" s="127"/>
    </row>
    <row r="1118" spans="2:245" x14ac:dyDescent="0.2">
      <c r="B1118" s="43"/>
      <c r="C1118" s="73"/>
      <c r="D1118" s="64"/>
      <c r="E1118" s="64"/>
      <c r="F1118" s="55"/>
      <c r="G1118" s="102"/>
      <c r="H1118" s="55"/>
      <c r="I1118" s="55"/>
      <c r="J1118" s="55"/>
      <c r="K1118" s="55"/>
      <c r="L1118" s="55"/>
      <c r="M1118" s="55"/>
      <c r="N1118" s="55"/>
      <c r="O1118" s="55"/>
      <c r="P1118" s="55"/>
      <c r="Q1118" s="55"/>
      <c r="R1118" s="55"/>
      <c r="S1118" s="55"/>
      <c r="T1118" s="55"/>
      <c r="U1118" s="55"/>
      <c r="V1118" s="55"/>
      <c r="W1118" s="55"/>
      <c r="X1118" s="55"/>
      <c r="Y1118" s="55"/>
      <c r="Z1118" s="55"/>
      <c r="AA1118" s="55"/>
      <c r="AB1118" s="55"/>
      <c r="AC1118" s="55"/>
      <c r="AD1118" s="55"/>
      <c r="AE1118" s="55"/>
      <c r="AF1118" s="55"/>
      <c r="AG1118" s="55"/>
      <c r="AY1118" s="162"/>
      <c r="AZ1118" s="162"/>
      <c r="BA1118" s="162"/>
      <c r="BB1118" s="162"/>
      <c r="BC1118" s="162"/>
      <c r="BD1118" s="162"/>
      <c r="BE1118" s="162"/>
      <c r="BF1118" s="162"/>
      <c r="BG1118" s="162"/>
      <c r="BH1118" s="162"/>
      <c r="BI1118" s="162"/>
      <c r="BJ1118" s="162"/>
      <c r="BK1118" s="162"/>
      <c r="BL1118" s="162"/>
      <c r="BM1118" s="162"/>
      <c r="BN1118" s="162"/>
      <c r="BO1118" s="162"/>
      <c r="BP1118" s="162"/>
      <c r="BQ1118" s="162"/>
      <c r="BR1118" s="162"/>
      <c r="BS1118" s="162"/>
      <c r="BT1118" s="162"/>
      <c r="BU1118" s="162"/>
      <c r="BV1118" s="162"/>
      <c r="BW1118" s="162"/>
      <c r="BX1118" s="162"/>
      <c r="BY1118" s="162"/>
      <c r="BZ1118" s="162"/>
      <c r="CA1118" s="162"/>
      <c r="CB1118" s="162"/>
      <c r="CC1118" s="162"/>
      <c r="CD1118" s="162"/>
      <c r="CE1118" s="162"/>
      <c r="CF1118" s="162"/>
      <c r="CG1118" s="162"/>
      <c r="CH1118" s="162"/>
      <c r="CI1118" s="162"/>
      <c r="CJ1118" s="162"/>
      <c r="CK1118" s="162"/>
      <c r="CX1118" s="98"/>
      <c r="DL1118" s="97"/>
      <c r="DX1118" s="98"/>
      <c r="EL1118" s="97"/>
      <c r="EX1118" s="98"/>
      <c r="EY1118" s="97"/>
      <c r="FL1118" s="126"/>
      <c r="FM1118" s="91"/>
      <c r="FN1118" s="91"/>
      <c r="FO1118" s="91"/>
      <c r="FP1118" s="91"/>
      <c r="FQ1118" s="91"/>
      <c r="FR1118" s="91"/>
      <c r="FS1118" s="91"/>
      <c r="FT1118" s="91"/>
      <c r="FU1118" s="91"/>
      <c r="FV1118" s="91"/>
      <c r="FW1118" s="91"/>
      <c r="FX1118" s="91"/>
      <c r="FY1118" s="91"/>
      <c r="FZ1118" s="91"/>
      <c r="GA1118" s="91"/>
      <c r="GB1118" s="91"/>
      <c r="GC1118" s="91"/>
      <c r="GD1118" s="91"/>
      <c r="GE1118" s="91"/>
      <c r="GF1118" s="91"/>
      <c r="GG1118" s="91"/>
      <c r="GH1118" s="91"/>
      <c r="GI1118" s="91"/>
      <c r="GJ1118" s="91"/>
      <c r="GK1118" s="127"/>
      <c r="GL1118" s="126"/>
      <c r="GM1118" s="91"/>
      <c r="GN1118" s="91"/>
      <c r="GO1118" s="91"/>
      <c r="GP1118" s="91"/>
      <c r="GQ1118" s="91"/>
      <c r="GR1118" s="91"/>
      <c r="GS1118" s="91"/>
      <c r="GT1118" s="91"/>
      <c r="GU1118" s="91"/>
      <c r="GV1118" s="91"/>
      <c r="GW1118" s="91"/>
      <c r="GX1118" s="91"/>
      <c r="GY1118" s="91"/>
      <c r="GZ1118" s="91"/>
      <c r="HA1118" s="91"/>
      <c r="HB1118" s="91"/>
      <c r="HC1118" s="91"/>
      <c r="HD1118" s="91"/>
      <c r="HE1118" s="91"/>
      <c r="HF1118" s="91"/>
      <c r="HG1118" s="91"/>
      <c r="HH1118" s="91"/>
      <c r="HI1118" s="91"/>
      <c r="HJ1118" s="91"/>
      <c r="HK1118" s="127"/>
      <c r="HL1118" s="126"/>
      <c r="HM1118" s="91"/>
      <c r="HN1118" s="91"/>
      <c r="HO1118" s="91"/>
      <c r="HP1118" s="91"/>
      <c r="HQ1118" s="91"/>
      <c r="HR1118" s="91"/>
      <c r="HS1118" s="91"/>
      <c r="HT1118" s="91"/>
      <c r="HU1118" s="91"/>
      <c r="HV1118" s="91"/>
      <c r="HW1118" s="91"/>
      <c r="HX1118" s="91"/>
      <c r="HY1118" s="91"/>
      <c r="HZ1118" s="91"/>
      <c r="IA1118" s="91"/>
      <c r="IB1118" s="91"/>
      <c r="IC1118" s="91"/>
      <c r="ID1118" s="91"/>
      <c r="IE1118" s="91"/>
      <c r="IF1118" s="91"/>
      <c r="IG1118" s="91"/>
      <c r="IH1118" s="91"/>
      <c r="II1118" s="91"/>
      <c r="IJ1118" s="91"/>
      <c r="IK1118" s="127"/>
    </row>
    <row r="1119" spans="2:245" x14ac:dyDescent="0.2">
      <c r="B1119" s="43"/>
      <c r="C1119" s="73"/>
      <c r="D1119" s="64"/>
      <c r="E1119" s="64"/>
      <c r="F1119" s="55"/>
      <c r="G1119" s="102"/>
      <c r="H1119" s="55"/>
      <c r="I1119" s="55"/>
      <c r="J1119" s="55"/>
      <c r="K1119" s="55"/>
      <c r="L1119" s="55"/>
      <c r="M1119" s="55"/>
      <c r="N1119" s="55"/>
      <c r="O1119" s="55"/>
      <c r="P1119" s="55"/>
      <c r="Q1119" s="55"/>
      <c r="R1119" s="55"/>
      <c r="S1119" s="55"/>
      <c r="T1119" s="55"/>
      <c r="U1119" s="55"/>
      <c r="V1119" s="55"/>
      <c r="W1119" s="55"/>
      <c r="X1119" s="55"/>
      <c r="Y1119" s="55"/>
      <c r="Z1119" s="55"/>
      <c r="AA1119" s="55"/>
      <c r="AB1119" s="55"/>
      <c r="AC1119" s="55"/>
      <c r="AD1119" s="55"/>
      <c r="AE1119" s="55"/>
      <c r="AF1119" s="55"/>
      <c r="AG1119" s="55"/>
      <c r="AY1119" s="162"/>
      <c r="AZ1119" s="162"/>
      <c r="BA1119" s="162"/>
      <c r="BB1119" s="162"/>
      <c r="BC1119" s="162"/>
      <c r="BD1119" s="162"/>
      <c r="BE1119" s="162"/>
      <c r="BF1119" s="162"/>
      <c r="BG1119" s="162"/>
      <c r="BH1119" s="162"/>
      <c r="BI1119" s="162"/>
      <c r="BJ1119" s="162"/>
      <c r="BK1119" s="162"/>
      <c r="BL1119" s="162"/>
      <c r="BM1119" s="162"/>
      <c r="BN1119" s="162"/>
      <c r="BO1119" s="162"/>
      <c r="BP1119" s="162"/>
      <c r="BQ1119" s="162"/>
      <c r="BR1119" s="162"/>
      <c r="BS1119" s="162"/>
      <c r="BT1119" s="162"/>
      <c r="BU1119" s="162"/>
      <c r="BV1119" s="162"/>
      <c r="BW1119" s="162"/>
      <c r="BX1119" s="162"/>
      <c r="BY1119" s="162"/>
      <c r="BZ1119" s="162"/>
      <c r="CA1119" s="162"/>
      <c r="CB1119" s="162"/>
      <c r="CC1119" s="162"/>
      <c r="CD1119" s="162"/>
      <c r="CE1119" s="162"/>
      <c r="CF1119" s="162"/>
      <c r="CG1119" s="162"/>
      <c r="CH1119" s="162"/>
      <c r="CI1119" s="162"/>
      <c r="CJ1119" s="162"/>
      <c r="CK1119" s="162"/>
      <c r="CX1119" s="98"/>
      <c r="DL1119" s="97"/>
      <c r="DX1119" s="98"/>
      <c r="EL1119" s="97"/>
      <c r="EX1119" s="98"/>
      <c r="EY1119" s="97"/>
      <c r="FL1119" s="126"/>
      <c r="FM1119" s="91"/>
      <c r="FN1119" s="91"/>
      <c r="FO1119" s="91"/>
      <c r="FP1119" s="91"/>
      <c r="FQ1119" s="91"/>
      <c r="FR1119" s="91"/>
      <c r="FS1119" s="91"/>
      <c r="FT1119" s="91"/>
      <c r="FU1119" s="91"/>
      <c r="FV1119" s="91"/>
      <c r="FW1119" s="91"/>
      <c r="FX1119" s="91"/>
      <c r="FY1119" s="91"/>
      <c r="FZ1119" s="91"/>
      <c r="GA1119" s="91"/>
      <c r="GB1119" s="91"/>
      <c r="GC1119" s="91"/>
      <c r="GD1119" s="91"/>
      <c r="GE1119" s="91"/>
      <c r="GF1119" s="91"/>
      <c r="GG1119" s="91"/>
      <c r="GH1119" s="91"/>
      <c r="GI1119" s="91"/>
      <c r="GJ1119" s="91"/>
      <c r="GK1119" s="127"/>
      <c r="GL1119" s="126"/>
      <c r="GM1119" s="91"/>
      <c r="GN1119" s="91"/>
      <c r="GO1119" s="91"/>
      <c r="GP1119" s="91"/>
      <c r="GQ1119" s="91"/>
      <c r="GR1119" s="91"/>
      <c r="GS1119" s="91"/>
      <c r="GT1119" s="91"/>
      <c r="GU1119" s="91"/>
      <c r="GV1119" s="91"/>
      <c r="GW1119" s="91"/>
      <c r="GX1119" s="91"/>
      <c r="GY1119" s="91"/>
      <c r="GZ1119" s="91"/>
      <c r="HA1119" s="91"/>
      <c r="HB1119" s="91"/>
      <c r="HC1119" s="91"/>
      <c r="HD1119" s="91"/>
      <c r="HE1119" s="91"/>
      <c r="HF1119" s="91"/>
      <c r="HG1119" s="91"/>
      <c r="HH1119" s="91"/>
      <c r="HI1119" s="91"/>
      <c r="HJ1119" s="91"/>
      <c r="HK1119" s="127"/>
      <c r="HL1119" s="126"/>
      <c r="HM1119" s="91"/>
      <c r="HN1119" s="91"/>
      <c r="HO1119" s="91"/>
      <c r="HP1119" s="91"/>
      <c r="HQ1119" s="91"/>
      <c r="HR1119" s="91"/>
      <c r="HS1119" s="91"/>
      <c r="HT1119" s="91"/>
      <c r="HU1119" s="91"/>
      <c r="HV1119" s="91"/>
      <c r="HW1119" s="91"/>
      <c r="HX1119" s="91"/>
      <c r="HY1119" s="91"/>
      <c r="HZ1119" s="91"/>
      <c r="IA1119" s="91"/>
      <c r="IB1119" s="91"/>
      <c r="IC1119" s="91"/>
      <c r="ID1119" s="91"/>
      <c r="IE1119" s="91"/>
      <c r="IF1119" s="91"/>
      <c r="IG1119" s="91"/>
      <c r="IH1119" s="91"/>
      <c r="II1119" s="91"/>
      <c r="IJ1119" s="91"/>
      <c r="IK1119" s="127"/>
    </row>
    <row r="1120" spans="2:245" x14ac:dyDescent="0.2">
      <c r="B1120" s="43"/>
      <c r="C1120" s="73"/>
      <c r="D1120" s="64"/>
      <c r="E1120" s="64"/>
      <c r="F1120" s="55"/>
      <c r="G1120" s="102"/>
      <c r="H1120" s="55"/>
      <c r="I1120" s="55"/>
      <c r="J1120" s="55"/>
      <c r="K1120" s="55"/>
      <c r="L1120" s="55"/>
      <c r="M1120" s="55"/>
      <c r="N1120" s="55"/>
      <c r="O1120" s="55"/>
      <c r="P1120" s="55"/>
      <c r="Q1120" s="55"/>
      <c r="R1120" s="55"/>
      <c r="S1120" s="55"/>
      <c r="T1120" s="55"/>
      <c r="U1120" s="55"/>
      <c r="V1120" s="55"/>
      <c r="W1120" s="55"/>
      <c r="X1120" s="55"/>
      <c r="Y1120" s="55"/>
      <c r="Z1120" s="55"/>
      <c r="AA1120" s="55"/>
      <c r="AB1120" s="55"/>
      <c r="AC1120" s="55"/>
      <c r="AD1120" s="55"/>
      <c r="AE1120" s="55"/>
      <c r="AF1120" s="55"/>
      <c r="AG1120" s="55"/>
      <c r="AY1120" s="162"/>
      <c r="AZ1120" s="162"/>
      <c r="BA1120" s="162"/>
      <c r="BB1120" s="162"/>
      <c r="BC1120" s="162"/>
      <c r="BD1120" s="162"/>
      <c r="BE1120" s="162"/>
      <c r="BF1120" s="162"/>
      <c r="BG1120" s="162"/>
      <c r="BH1120" s="162"/>
      <c r="BI1120" s="162"/>
      <c r="BJ1120" s="162"/>
      <c r="BK1120" s="162"/>
      <c r="BL1120" s="162"/>
      <c r="BM1120" s="162"/>
      <c r="BN1120" s="162"/>
      <c r="BO1120" s="162"/>
      <c r="BP1120" s="162"/>
      <c r="BQ1120" s="162"/>
      <c r="BR1120" s="162"/>
      <c r="BS1120" s="162"/>
      <c r="BT1120" s="162"/>
      <c r="BU1120" s="162"/>
      <c r="BV1120" s="162"/>
      <c r="BW1120" s="162"/>
      <c r="BX1120" s="162"/>
      <c r="BY1120" s="162"/>
      <c r="BZ1120" s="162"/>
      <c r="CA1120" s="162"/>
      <c r="CB1120" s="162"/>
      <c r="CC1120" s="162"/>
      <c r="CD1120" s="162"/>
      <c r="CE1120" s="162"/>
      <c r="CF1120" s="162"/>
      <c r="CG1120" s="162"/>
      <c r="CH1120" s="162"/>
      <c r="CI1120" s="162"/>
      <c r="CJ1120" s="162"/>
      <c r="CK1120" s="162"/>
      <c r="CX1120" s="98"/>
      <c r="DL1120" s="97"/>
      <c r="DX1120" s="98"/>
      <c r="EL1120" s="97"/>
      <c r="EX1120" s="98"/>
      <c r="EY1120" s="97"/>
      <c r="FL1120" s="126"/>
      <c r="FM1120" s="91"/>
      <c r="FN1120" s="91"/>
      <c r="FO1120" s="91"/>
      <c r="FP1120" s="91"/>
      <c r="FQ1120" s="91"/>
      <c r="FR1120" s="91"/>
      <c r="FS1120" s="91"/>
      <c r="FT1120" s="91"/>
      <c r="FU1120" s="91"/>
      <c r="FV1120" s="91"/>
      <c r="FW1120" s="91"/>
      <c r="FX1120" s="91"/>
      <c r="FY1120" s="91"/>
      <c r="FZ1120" s="91"/>
      <c r="GA1120" s="91"/>
      <c r="GB1120" s="91"/>
      <c r="GC1120" s="91"/>
      <c r="GD1120" s="91"/>
      <c r="GE1120" s="91"/>
      <c r="GF1120" s="91"/>
      <c r="GG1120" s="91"/>
      <c r="GH1120" s="91"/>
      <c r="GI1120" s="91"/>
      <c r="GJ1120" s="91"/>
      <c r="GK1120" s="127"/>
      <c r="GL1120" s="126"/>
      <c r="GM1120" s="91"/>
      <c r="GN1120" s="91"/>
      <c r="GO1120" s="91"/>
      <c r="GP1120" s="91"/>
      <c r="GQ1120" s="91"/>
      <c r="GR1120" s="91"/>
      <c r="GS1120" s="91"/>
      <c r="GT1120" s="91"/>
      <c r="GU1120" s="91"/>
      <c r="GV1120" s="91"/>
      <c r="GW1120" s="91"/>
      <c r="GX1120" s="91"/>
      <c r="GY1120" s="91"/>
      <c r="GZ1120" s="91"/>
      <c r="HA1120" s="91"/>
      <c r="HB1120" s="91"/>
      <c r="HC1120" s="91"/>
      <c r="HD1120" s="91"/>
      <c r="HE1120" s="91"/>
      <c r="HF1120" s="91"/>
      <c r="HG1120" s="91"/>
      <c r="HH1120" s="91"/>
      <c r="HI1120" s="91"/>
      <c r="HJ1120" s="91"/>
      <c r="HK1120" s="127"/>
      <c r="HL1120" s="126"/>
      <c r="HM1120" s="91"/>
      <c r="HN1120" s="91"/>
      <c r="HO1120" s="91"/>
      <c r="HP1120" s="91"/>
      <c r="HQ1120" s="91"/>
      <c r="HR1120" s="91"/>
      <c r="HS1120" s="91"/>
      <c r="HT1120" s="91"/>
      <c r="HU1120" s="91"/>
      <c r="HV1120" s="91"/>
      <c r="HW1120" s="91"/>
      <c r="HX1120" s="91"/>
      <c r="HY1120" s="91"/>
      <c r="HZ1120" s="91"/>
      <c r="IA1120" s="91"/>
      <c r="IB1120" s="91"/>
      <c r="IC1120" s="91"/>
      <c r="ID1120" s="91"/>
      <c r="IE1120" s="91"/>
      <c r="IF1120" s="91"/>
      <c r="IG1120" s="91"/>
      <c r="IH1120" s="91"/>
      <c r="II1120" s="91"/>
      <c r="IJ1120" s="91"/>
      <c r="IK1120" s="127"/>
    </row>
    <row r="1121" spans="2:245" x14ac:dyDescent="0.2">
      <c r="B1121" s="43"/>
      <c r="C1121" s="73"/>
      <c r="D1121" s="64"/>
      <c r="E1121" s="64"/>
      <c r="F1121" s="55"/>
      <c r="G1121" s="102"/>
      <c r="H1121" s="55"/>
      <c r="I1121" s="55"/>
      <c r="J1121" s="55"/>
      <c r="K1121" s="55"/>
      <c r="L1121" s="55"/>
      <c r="M1121" s="55"/>
      <c r="N1121" s="55"/>
      <c r="O1121" s="55"/>
      <c r="P1121" s="55"/>
      <c r="Q1121" s="55"/>
      <c r="R1121" s="55"/>
      <c r="S1121" s="55"/>
      <c r="T1121" s="55"/>
      <c r="U1121" s="55"/>
      <c r="V1121" s="55"/>
      <c r="W1121" s="55"/>
      <c r="X1121" s="55"/>
      <c r="Y1121" s="55"/>
      <c r="Z1121" s="55"/>
      <c r="AA1121" s="55"/>
      <c r="AB1121" s="55"/>
      <c r="AC1121" s="55"/>
      <c r="AD1121" s="55"/>
      <c r="AE1121" s="55"/>
      <c r="AF1121" s="55"/>
      <c r="AG1121" s="55"/>
      <c r="AY1121" s="162"/>
      <c r="AZ1121" s="162"/>
      <c r="BA1121" s="162"/>
      <c r="BB1121" s="162"/>
      <c r="BC1121" s="162"/>
      <c r="BD1121" s="162"/>
      <c r="BE1121" s="162"/>
      <c r="BF1121" s="162"/>
      <c r="BG1121" s="162"/>
      <c r="BH1121" s="162"/>
      <c r="BI1121" s="162"/>
      <c r="BJ1121" s="162"/>
      <c r="BK1121" s="162"/>
      <c r="BL1121" s="162"/>
      <c r="BM1121" s="162"/>
      <c r="BN1121" s="162"/>
      <c r="BO1121" s="162"/>
      <c r="BP1121" s="162"/>
      <c r="BQ1121" s="162"/>
      <c r="BR1121" s="162"/>
      <c r="BS1121" s="162"/>
      <c r="BT1121" s="162"/>
      <c r="BU1121" s="162"/>
      <c r="BV1121" s="162"/>
      <c r="BW1121" s="162"/>
      <c r="BX1121" s="162"/>
      <c r="BY1121" s="162"/>
      <c r="BZ1121" s="162"/>
      <c r="CA1121" s="162"/>
      <c r="CB1121" s="162"/>
      <c r="CC1121" s="162"/>
      <c r="CD1121" s="162"/>
      <c r="CE1121" s="162"/>
      <c r="CF1121" s="162"/>
      <c r="CG1121" s="162"/>
      <c r="CH1121" s="162"/>
      <c r="CI1121" s="162"/>
      <c r="CJ1121" s="162"/>
      <c r="CK1121" s="162"/>
      <c r="CX1121" s="98"/>
      <c r="DL1121" s="97"/>
      <c r="DX1121" s="98"/>
      <c r="EL1121" s="97"/>
      <c r="EX1121" s="98"/>
      <c r="EY1121" s="97"/>
      <c r="FL1121" s="126"/>
      <c r="FM1121" s="91"/>
      <c r="FN1121" s="91"/>
      <c r="FO1121" s="91"/>
      <c r="FP1121" s="91"/>
      <c r="FQ1121" s="91"/>
      <c r="FR1121" s="91"/>
      <c r="FS1121" s="91"/>
      <c r="FT1121" s="91"/>
      <c r="FU1121" s="91"/>
      <c r="FV1121" s="91"/>
      <c r="FW1121" s="91"/>
      <c r="FX1121" s="91"/>
      <c r="FY1121" s="91"/>
      <c r="FZ1121" s="91"/>
      <c r="GA1121" s="91"/>
      <c r="GB1121" s="91"/>
      <c r="GC1121" s="91"/>
      <c r="GD1121" s="91"/>
      <c r="GE1121" s="91"/>
      <c r="GF1121" s="91"/>
      <c r="GG1121" s="91"/>
      <c r="GH1121" s="91"/>
      <c r="GI1121" s="91"/>
      <c r="GJ1121" s="91"/>
      <c r="GK1121" s="127"/>
      <c r="GL1121" s="126"/>
      <c r="GM1121" s="91"/>
      <c r="GN1121" s="91"/>
      <c r="GO1121" s="91"/>
      <c r="GP1121" s="91"/>
      <c r="GQ1121" s="91"/>
      <c r="GR1121" s="91"/>
      <c r="GS1121" s="91"/>
      <c r="GT1121" s="91"/>
      <c r="GU1121" s="91"/>
      <c r="GV1121" s="91"/>
      <c r="GW1121" s="91"/>
      <c r="GX1121" s="91"/>
      <c r="GY1121" s="91"/>
      <c r="GZ1121" s="91"/>
      <c r="HA1121" s="91"/>
      <c r="HB1121" s="91"/>
      <c r="HC1121" s="91"/>
      <c r="HD1121" s="91"/>
      <c r="HE1121" s="91"/>
      <c r="HF1121" s="91"/>
      <c r="HG1121" s="91"/>
      <c r="HH1121" s="91"/>
      <c r="HI1121" s="91"/>
      <c r="HJ1121" s="91"/>
      <c r="HK1121" s="127"/>
      <c r="HL1121" s="126"/>
      <c r="HM1121" s="91"/>
      <c r="HN1121" s="91"/>
      <c r="HO1121" s="91"/>
      <c r="HP1121" s="91"/>
      <c r="HQ1121" s="91"/>
      <c r="HR1121" s="91"/>
      <c r="HS1121" s="91"/>
      <c r="HT1121" s="91"/>
      <c r="HU1121" s="91"/>
      <c r="HV1121" s="91"/>
      <c r="HW1121" s="91"/>
      <c r="HX1121" s="91"/>
      <c r="HY1121" s="91"/>
      <c r="HZ1121" s="91"/>
      <c r="IA1121" s="91"/>
      <c r="IB1121" s="91"/>
      <c r="IC1121" s="91"/>
      <c r="ID1121" s="91"/>
      <c r="IE1121" s="91"/>
      <c r="IF1121" s="91"/>
      <c r="IG1121" s="91"/>
      <c r="IH1121" s="91"/>
      <c r="II1121" s="91"/>
      <c r="IJ1121" s="91"/>
      <c r="IK1121" s="127"/>
    </row>
    <row r="1122" spans="2:245" x14ac:dyDescent="0.2">
      <c r="B1122" s="43"/>
      <c r="C1122" s="73"/>
      <c r="D1122" s="64"/>
      <c r="E1122" s="64"/>
      <c r="F1122" s="55"/>
      <c r="G1122" s="102"/>
      <c r="H1122" s="55"/>
      <c r="I1122" s="55"/>
      <c r="J1122" s="55"/>
      <c r="K1122" s="55"/>
      <c r="L1122" s="55"/>
      <c r="M1122" s="55"/>
      <c r="N1122" s="55"/>
      <c r="O1122" s="55"/>
      <c r="P1122" s="55"/>
      <c r="Q1122" s="55"/>
      <c r="R1122" s="55"/>
      <c r="S1122" s="55"/>
      <c r="T1122" s="55"/>
      <c r="U1122" s="55"/>
      <c r="V1122" s="55"/>
      <c r="W1122" s="55"/>
      <c r="X1122" s="55"/>
      <c r="Y1122" s="55"/>
      <c r="Z1122" s="55"/>
      <c r="AA1122" s="55"/>
      <c r="AB1122" s="55"/>
      <c r="AC1122" s="55"/>
      <c r="AD1122" s="55"/>
      <c r="AE1122" s="55"/>
      <c r="AF1122" s="55"/>
      <c r="AG1122" s="55"/>
      <c r="AY1122" s="162"/>
      <c r="AZ1122" s="162"/>
      <c r="BA1122" s="162"/>
      <c r="BB1122" s="162"/>
      <c r="BC1122" s="162"/>
      <c r="BD1122" s="162"/>
      <c r="BE1122" s="162"/>
      <c r="BF1122" s="162"/>
      <c r="BG1122" s="162"/>
      <c r="BH1122" s="162"/>
      <c r="BI1122" s="162"/>
      <c r="BJ1122" s="162"/>
      <c r="BK1122" s="162"/>
      <c r="BL1122" s="162"/>
      <c r="BM1122" s="162"/>
      <c r="BN1122" s="162"/>
      <c r="BO1122" s="162"/>
      <c r="BP1122" s="162"/>
      <c r="BQ1122" s="162"/>
      <c r="BR1122" s="162"/>
      <c r="BS1122" s="162"/>
      <c r="BT1122" s="162"/>
      <c r="BU1122" s="162"/>
      <c r="BV1122" s="162"/>
      <c r="BW1122" s="162"/>
      <c r="BX1122" s="162"/>
      <c r="BY1122" s="162"/>
      <c r="BZ1122" s="162"/>
      <c r="CA1122" s="162"/>
      <c r="CB1122" s="162"/>
      <c r="CC1122" s="162"/>
      <c r="CD1122" s="162"/>
      <c r="CE1122" s="162"/>
      <c r="CF1122" s="162"/>
      <c r="CG1122" s="162"/>
      <c r="CH1122" s="162"/>
      <c r="CI1122" s="162"/>
      <c r="CJ1122" s="162"/>
      <c r="CK1122" s="162"/>
      <c r="CX1122" s="98"/>
      <c r="DL1122" s="97"/>
      <c r="DX1122" s="98"/>
      <c r="EL1122" s="97"/>
      <c r="EX1122" s="98"/>
      <c r="EY1122" s="97"/>
      <c r="FL1122" s="126"/>
      <c r="FM1122" s="91"/>
      <c r="FN1122" s="91"/>
      <c r="FO1122" s="91"/>
      <c r="FP1122" s="91"/>
      <c r="FQ1122" s="91"/>
      <c r="FR1122" s="91"/>
      <c r="FS1122" s="91"/>
      <c r="FT1122" s="91"/>
      <c r="FU1122" s="91"/>
      <c r="FV1122" s="91"/>
      <c r="FW1122" s="91"/>
      <c r="FX1122" s="91"/>
      <c r="FY1122" s="91"/>
      <c r="FZ1122" s="91"/>
      <c r="GA1122" s="91"/>
      <c r="GB1122" s="91"/>
      <c r="GC1122" s="91"/>
      <c r="GD1122" s="91"/>
      <c r="GE1122" s="91"/>
      <c r="GF1122" s="91"/>
      <c r="GG1122" s="91"/>
      <c r="GH1122" s="91"/>
      <c r="GI1122" s="91"/>
      <c r="GJ1122" s="91"/>
      <c r="GK1122" s="127"/>
      <c r="GL1122" s="126"/>
      <c r="GM1122" s="91"/>
      <c r="GN1122" s="91"/>
      <c r="GO1122" s="91"/>
      <c r="GP1122" s="91"/>
      <c r="GQ1122" s="91"/>
      <c r="GR1122" s="91"/>
      <c r="GS1122" s="91"/>
      <c r="GT1122" s="91"/>
      <c r="GU1122" s="91"/>
      <c r="GV1122" s="91"/>
      <c r="GW1122" s="91"/>
      <c r="GX1122" s="91"/>
      <c r="GY1122" s="91"/>
      <c r="GZ1122" s="91"/>
      <c r="HA1122" s="91"/>
      <c r="HB1122" s="91"/>
      <c r="HC1122" s="91"/>
      <c r="HD1122" s="91"/>
      <c r="HE1122" s="91"/>
      <c r="HF1122" s="91"/>
      <c r="HG1122" s="91"/>
      <c r="HH1122" s="91"/>
      <c r="HI1122" s="91"/>
      <c r="HJ1122" s="91"/>
      <c r="HK1122" s="127"/>
      <c r="HL1122" s="126"/>
      <c r="HM1122" s="91"/>
      <c r="HN1122" s="91"/>
      <c r="HO1122" s="91"/>
      <c r="HP1122" s="91"/>
      <c r="HQ1122" s="91"/>
      <c r="HR1122" s="91"/>
      <c r="HS1122" s="91"/>
      <c r="HT1122" s="91"/>
      <c r="HU1122" s="91"/>
      <c r="HV1122" s="91"/>
      <c r="HW1122" s="91"/>
      <c r="HX1122" s="91"/>
      <c r="HY1122" s="91"/>
      <c r="HZ1122" s="91"/>
      <c r="IA1122" s="91"/>
      <c r="IB1122" s="91"/>
      <c r="IC1122" s="91"/>
      <c r="ID1122" s="91"/>
      <c r="IE1122" s="91"/>
      <c r="IF1122" s="91"/>
      <c r="IG1122" s="91"/>
      <c r="IH1122" s="91"/>
      <c r="II1122" s="91"/>
      <c r="IJ1122" s="91"/>
      <c r="IK1122" s="127"/>
    </row>
    <row r="1123" spans="2:245" x14ac:dyDescent="0.2">
      <c r="B1123" s="43"/>
      <c r="C1123" s="73"/>
      <c r="D1123" s="64"/>
      <c r="E1123" s="64"/>
      <c r="F1123" s="55"/>
      <c r="G1123" s="102"/>
      <c r="H1123" s="55"/>
      <c r="I1123" s="55"/>
      <c r="J1123" s="55"/>
      <c r="K1123" s="55"/>
      <c r="L1123" s="55"/>
      <c r="M1123" s="55"/>
      <c r="N1123" s="55"/>
      <c r="O1123" s="55"/>
      <c r="P1123" s="55"/>
      <c r="Q1123" s="55"/>
      <c r="R1123" s="55"/>
      <c r="S1123" s="55"/>
      <c r="T1123" s="55"/>
      <c r="U1123" s="55"/>
      <c r="V1123" s="55"/>
      <c r="W1123" s="55"/>
      <c r="X1123" s="55"/>
      <c r="Y1123" s="55"/>
      <c r="Z1123" s="55"/>
      <c r="AA1123" s="55"/>
      <c r="AB1123" s="55"/>
      <c r="AC1123" s="55"/>
      <c r="AD1123" s="55"/>
      <c r="AE1123" s="55"/>
      <c r="AF1123" s="55"/>
      <c r="AG1123" s="55"/>
      <c r="AY1123" s="162"/>
      <c r="AZ1123" s="162"/>
      <c r="BA1123" s="162"/>
      <c r="BB1123" s="162"/>
      <c r="BC1123" s="162"/>
      <c r="BD1123" s="162"/>
      <c r="BE1123" s="162"/>
      <c r="BF1123" s="162"/>
      <c r="BG1123" s="162"/>
      <c r="BH1123" s="162"/>
      <c r="BI1123" s="162"/>
      <c r="BJ1123" s="162"/>
      <c r="BK1123" s="162"/>
      <c r="BL1123" s="162"/>
      <c r="BM1123" s="162"/>
      <c r="BN1123" s="162"/>
      <c r="BO1123" s="162"/>
      <c r="BP1123" s="162"/>
      <c r="BQ1123" s="162"/>
      <c r="BR1123" s="162"/>
      <c r="BS1123" s="162"/>
      <c r="BT1123" s="162"/>
      <c r="BU1123" s="162"/>
      <c r="BV1123" s="162"/>
      <c r="BW1123" s="162"/>
      <c r="BX1123" s="162"/>
      <c r="BY1123" s="162"/>
      <c r="BZ1123" s="162"/>
      <c r="CA1123" s="162"/>
      <c r="CB1123" s="162"/>
      <c r="CC1123" s="162"/>
      <c r="CD1123" s="162"/>
      <c r="CE1123" s="162"/>
      <c r="CF1123" s="162"/>
      <c r="CG1123" s="162"/>
      <c r="CH1123" s="162"/>
      <c r="CI1123" s="162"/>
      <c r="CJ1123" s="162"/>
      <c r="CK1123" s="162"/>
      <c r="CX1123" s="98"/>
      <c r="DL1123" s="97"/>
      <c r="DX1123" s="98"/>
      <c r="EL1123" s="97"/>
      <c r="EX1123" s="98"/>
      <c r="EY1123" s="97"/>
      <c r="FL1123" s="126"/>
      <c r="FM1123" s="91"/>
      <c r="FN1123" s="91"/>
      <c r="FO1123" s="91"/>
      <c r="FP1123" s="91"/>
      <c r="FQ1123" s="91"/>
      <c r="FR1123" s="91"/>
      <c r="FS1123" s="91"/>
      <c r="FT1123" s="91"/>
      <c r="FU1123" s="91"/>
      <c r="FV1123" s="91"/>
      <c r="FW1123" s="91"/>
      <c r="FX1123" s="91"/>
      <c r="FY1123" s="91"/>
      <c r="FZ1123" s="91"/>
      <c r="GA1123" s="91"/>
      <c r="GB1123" s="91"/>
      <c r="GC1123" s="91"/>
      <c r="GD1123" s="91"/>
      <c r="GE1123" s="91"/>
      <c r="GF1123" s="91"/>
      <c r="GG1123" s="91"/>
      <c r="GH1123" s="91"/>
      <c r="GI1123" s="91"/>
      <c r="GJ1123" s="91"/>
      <c r="GK1123" s="127"/>
      <c r="GL1123" s="126"/>
      <c r="GM1123" s="91"/>
      <c r="GN1123" s="91"/>
      <c r="GO1123" s="91"/>
      <c r="GP1123" s="91"/>
      <c r="GQ1123" s="91"/>
      <c r="GR1123" s="91"/>
      <c r="GS1123" s="91"/>
      <c r="GT1123" s="91"/>
      <c r="GU1123" s="91"/>
      <c r="GV1123" s="91"/>
      <c r="GW1123" s="91"/>
      <c r="GX1123" s="91"/>
      <c r="GY1123" s="91"/>
      <c r="GZ1123" s="91"/>
      <c r="HA1123" s="91"/>
      <c r="HB1123" s="91"/>
      <c r="HC1123" s="91"/>
      <c r="HD1123" s="91"/>
      <c r="HE1123" s="91"/>
      <c r="HF1123" s="91"/>
      <c r="HG1123" s="91"/>
      <c r="HH1123" s="91"/>
      <c r="HI1123" s="91"/>
      <c r="HJ1123" s="91"/>
      <c r="HK1123" s="127"/>
      <c r="HL1123" s="126"/>
      <c r="HM1123" s="91"/>
      <c r="HN1123" s="91"/>
      <c r="HO1123" s="91"/>
      <c r="HP1123" s="91"/>
      <c r="HQ1123" s="91"/>
      <c r="HR1123" s="91"/>
      <c r="HS1123" s="91"/>
      <c r="HT1123" s="91"/>
      <c r="HU1123" s="91"/>
      <c r="HV1123" s="91"/>
      <c r="HW1123" s="91"/>
      <c r="HX1123" s="91"/>
      <c r="HY1123" s="91"/>
      <c r="HZ1123" s="91"/>
      <c r="IA1123" s="91"/>
      <c r="IB1123" s="91"/>
      <c r="IC1123" s="91"/>
      <c r="ID1123" s="91"/>
      <c r="IE1123" s="91"/>
      <c r="IF1123" s="91"/>
      <c r="IG1123" s="91"/>
      <c r="IH1123" s="91"/>
      <c r="II1123" s="91"/>
      <c r="IJ1123" s="91"/>
      <c r="IK1123" s="127"/>
    </row>
    <row r="1124" spans="2:245" x14ac:dyDescent="0.2">
      <c r="B1124" s="43"/>
      <c r="C1124" s="73"/>
      <c r="D1124" s="64"/>
      <c r="E1124" s="64"/>
      <c r="F1124" s="55"/>
      <c r="G1124" s="102"/>
      <c r="H1124" s="55"/>
      <c r="I1124" s="55"/>
      <c r="J1124" s="55"/>
      <c r="K1124" s="55"/>
      <c r="L1124" s="55"/>
      <c r="M1124" s="55"/>
      <c r="N1124" s="55"/>
      <c r="O1124" s="55"/>
      <c r="P1124" s="55"/>
      <c r="Q1124" s="55"/>
      <c r="R1124" s="55"/>
      <c r="S1124" s="55"/>
      <c r="T1124" s="55"/>
      <c r="U1124" s="55"/>
      <c r="V1124" s="55"/>
      <c r="W1124" s="55"/>
      <c r="X1124" s="55"/>
      <c r="Y1124" s="55"/>
      <c r="Z1124" s="55"/>
      <c r="AA1124" s="55"/>
      <c r="AB1124" s="55"/>
      <c r="AC1124" s="55"/>
      <c r="AD1124" s="55"/>
      <c r="AE1124" s="55"/>
      <c r="AF1124" s="55"/>
      <c r="AG1124" s="55"/>
      <c r="AY1124" s="162"/>
      <c r="AZ1124" s="162"/>
      <c r="BA1124" s="162"/>
      <c r="BB1124" s="162"/>
      <c r="BC1124" s="162"/>
      <c r="BD1124" s="162"/>
      <c r="BE1124" s="162"/>
      <c r="BF1124" s="162"/>
      <c r="BG1124" s="162"/>
      <c r="BH1124" s="162"/>
      <c r="BI1124" s="162"/>
      <c r="BJ1124" s="162"/>
      <c r="BK1124" s="162"/>
      <c r="BL1124" s="162"/>
      <c r="BM1124" s="162"/>
      <c r="BN1124" s="162"/>
      <c r="BO1124" s="162"/>
      <c r="BP1124" s="162"/>
      <c r="BQ1124" s="162"/>
      <c r="BR1124" s="162"/>
      <c r="BS1124" s="162"/>
      <c r="BT1124" s="162"/>
      <c r="BU1124" s="162"/>
      <c r="BV1124" s="162"/>
      <c r="BW1124" s="162"/>
      <c r="BX1124" s="162"/>
      <c r="BY1124" s="162"/>
      <c r="BZ1124" s="162"/>
      <c r="CA1124" s="162"/>
      <c r="CB1124" s="162"/>
      <c r="CC1124" s="162"/>
      <c r="CD1124" s="162"/>
      <c r="CE1124" s="162"/>
      <c r="CF1124" s="162"/>
      <c r="CG1124" s="162"/>
      <c r="CH1124" s="162"/>
      <c r="CI1124" s="162"/>
      <c r="CJ1124" s="162"/>
      <c r="CK1124" s="162"/>
      <c r="CX1124" s="98"/>
      <c r="DL1124" s="97"/>
      <c r="DX1124" s="98"/>
      <c r="EL1124" s="97"/>
      <c r="EX1124" s="98"/>
      <c r="EY1124" s="97"/>
      <c r="FL1124" s="126"/>
      <c r="FM1124" s="91"/>
      <c r="FN1124" s="91"/>
      <c r="FO1124" s="91"/>
      <c r="FP1124" s="91"/>
      <c r="FQ1124" s="91"/>
      <c r="FR1124" s="91"/>
      <c r="FS1124" s="91"/>
      <c r="FT1124" s="91"/>
      <c r="FU1124" s="91"/>
      <c r="FV1124" s="91"/>
      <c r="FW1124" s="91"/>
      <c r="FX1124" s="91"/>
      <c r="FY1124" s="91"/>
      <c r="FZ1124" s="91"/>
      <c r="GA1124" s="91"/>
      <c r="GB1124" s="91"/>
      <c r="GC1124" s="91"/>
      <c r="GD1124" s="91"/>
      <c r="GE1124" s="91"/>
      <c r="GF1124" s="91"/>
      <c r="GG1124" s="91"/>
      <c r="GH1124" s="91"/>
      <c r="GI1124" s="91"/>
      <c r="GJ1124" s="91"/>
      <c r="GK1124" s="127"/>
      <c r="GL1124" s="126"/>
      <c r="GM1124" s="91"/>
      <c r="GN1124" s="91"/>
      <c r="GO1124" s="91"/>
      <c r="GP1124" s="91"/>
      <c r="GQ1124" s="91"/>
      <c r="GR1124" s="91"/>
      <c r="GS1124" s="91"/>
      <c r="GT1124" s="91"/>
      <c r="GU1124" s="91"/>
      <c r="GV1124" s="91"/>
      <c r="GW1124" s="91"/>
      <c r="GX1124" s="91"/>
      <c r="GY1124" s="91"/>
      <c r="GZ1124" s="91"/>
      <c r="HA1124" s="91"/>
      <c r="HB1124" s="91"/>
      <c r="HC1124" s="91"/>
      <c r="HD1124" s="91"/>
      <c r="HE1124" s="91"/>
      <c r="HF1124" s="91"/>
      <c r="HG1124" s="91"/>
      <c r="HH1124" s="91"/>
      <c r="HI1124" s="91"/>
      <c r="HJ1124" s="91"/>
      <c r="HK1124" s="127"/>
      <c r="HL1124" s="126"/>
      <c r="HM1124" s="91"/>
      <c r="HN1124" s="91"/>
      <c r="HO1124" s="91"/>
      <c r="HP1124" s="91"/>
      <c r="HQ1124" s="91"/>
      <c r="HR1124" s="91"/>
      <c r="HS1124" s="91"/>
      <c r="HT1124" s="91"/>
      <c r="HU1124" s="91"/>
      <c r="HV1124" s="91"/>
      <c r="HW1124" s="91"/>
      <c r="HX1124" s="91"/>
      <c r="HY1124" s="91"/>
      <c r="HZ1124" s="91"/>
      <c r="IA1124" s="91"/>
      <c r="IB1124" s="91"/>
      <c r="IC1124" s="91"/>
      <c r="ID1124" s="91"/>
      <c r="IE1124" s="91"/>
      <c r="IF1124" s="91"/>
      <c r="IG1124" s="91"/>
      <c r="IH1124" s="91"/>
      <c r="II1124" s="91"/>
      <c r="IJ1124" s="91"/>
      <c r="IK1124" s="127"/>
    </row>
    <row r="1125" spans="2:245" x14ac:dyDescent="0.2">
      <c r="B1125" s="43"/>
      <c r="C1125" s="73"/>
      <c r="D1125" s="64"/>
      <c r="E1125" s="64"/>
      <c r="F1125" s="55"/>
      <c r="G1125" s="102"/>
      <c r="H1125" s="55"/>
      <c r="I1125" s="55"/>
      <c r="J1125" s="55"/>
      <c r="K1125" s="55"/>
      <c r="L1125" s="55"/>
      <c r="M1125" s="55"/>
      <c r="N1125" s="55"/>
      <c r="O1125" s="55"/>
      <c r="P1125" s="55"/>
      <c r="Q1125" s="55"/>
      <c r="R1125" s="55"/>
      <c r="S1125" s="55"/>
      <c r="T1125" s="55"/>
      <c r="U1125" s="55"/>
      <c r="V1125" s="55"/>
      <c r="W1125" s="55"/>
      <c r="X1125" s="55"/>
      <c r="Y1125" s="55"/>
      <c r="Z1125" s="55"/>
      <c r="AA1125" s="55"/>
      <c r="AB1125" s="55"/>
      <c r="AC1125" s="55"/>
      <c r="AD1125" s="55"/>
      <c r="AE1125" s="55"/>
      <c r="AF1125" s="55"/>
      <c r="AG1125" s="55"/>
      <c r="AY1125" s="162"/>
      <c r="AZ1125" s="162"/>
      <c r="BA1125" s="162"/>
      <c r="BB1125" s="162"/>
      <c r="BC1125" s="162"/>
      <c r="BD1125" s="162"/>
      <c r="BE1125" s="162"/>
      <c r="BF1125" s="162"/>
      <c r="BG1125" s="162"/>
      <c r="BH1125" s="162"/>
      <c r="BI1125" s="162"/>
      <c r="BJ1125" s="162"/>
      <c r="BK1125" s="162"/>
      <c r="BL1125" s="162"/>
      <c r="BM1125" s="162"/>
      <c r="BN1125" s="162"/>
      <c r="BO1125" s="162"/>
      <c r="BP1125" s="162"/>
      <c r="BQ1125" s="162"/>
      <c r="BR1125" s="162"/>
      <c r="BS1125" s="162"/>
      <c r="BT1125" s="162"/>
      <c r="BU1125" s="162"/>
      <c r="BV1125" s="162"/>
      <c r="BW1125" s="162"/>
      <c r="BX1125" s="162"/>
      <c r="BY1125" s="162"/>
      <c r="BZ1125" s="162"/>
      <c r="CA1125" s="162"/>
      <c r="CB1125" s="162"/>
      <c r="CC1125" s="162"/>
      <c r="CD1125" s="162"/>
      <c r="CE1125" s="162"/>
      <c r="CF1125" s="162"/>
      <c r="CG1125" s="162"/>
      <c r="CH1125" s="162"/>
      <c r="CI1125" s="162"/>
      <c r="CJ1125" s="162"/>
      <c r="CK1125" s="162"/>
      <c r="CX1125" s="98"/>
      <c r="DL1125" s="97"/>
      <c r="DX1125" s="98"/>
      <c r="EL1125" s="97"/>
      <c r="EX1125" s="98"/>
      <c r="EY1125" s="97"/>
      <c r="FL1125" s="126"/>
      <c r="FM1125" s="91"/>
      <c r="FN1125" s="91"/>
      <c r="FO1125" s="91"/>
      <c r="FP1125" s="91"/>
      <c r="FQ1125" s="91"/>
      <c r="FR1125" s="91"/>
      <c r="FS1125" s="91"/>
      <c r="FT1125" s="91"/>
      <c r="FU1125" s="91"/>
      <c r="FV1125" s="91"/>
      <c r="FW1125" s="91"/>
      <c r="FX1125" s="91"/>
      <c r="FY1125" s="91"/>
      <c r="FZ1125" s="91"/>
      <c r="GA1125" s="91"/>
      <c r="GB1125" s="91"/>
      <c r="GC1125" s="91"/>
      <c r="GD1125" s="91"/>
      <c r="GE1125" s="91"/>
      <c r="GF1125" s="91"/>
      <c r="GG1125" s="91"/>
      <c r="GH1125" s="91"/>
      <c r="GI1125" s="91"/>
      <c r="GJ1125" s="91"/>
      <c r="GK1125" s="127"/>
      <c r="GL1125" s="126"/>
      <c r="GM1125" s="91"/>
      <c r="GN1125" s="91"/>
      <c r="GO1125" s="91"/>
      <c r="GP1125" s="91"/>
      <c r="GQ1125" s="91"/>
      <c r="GR1125" s="91"/>
      <c r="GS1125" s="91"/>
      <c r="GT1125" s="91"/>
      <c r="GU1125" s="91"/>
      <c r="GV1125" s="91"/>
      <c r="GW1125" s="91"/>
      <c r="GX1125" s="91"/>
      <c r="GY1125" s="91"/>
      <c r="GZ1125" s="91"/>
      <c r="HA1125" s="91"/>
      <c r="HB1125" s="91"/>
      <c r="HC1125" s="91"/>
      <c r="HD1125" s="91"/>
      <c r="HE1125" s="91"/>
      <c r="HF1125" s="91"/>
      <c r="HG1125" s="91"/>
      <c r="HH1125" s="91"/>
      <c r="HI1125" s="91"/>
      <c r="HJ1125" s="91"/>
      <c r="HK1125" s="127"/>
      <c r="HL1125" s="126"/>
      <c r="HM1125" s="91"/>
      <c r="HN1125" s="91"/>
      <c r="HO1125" s="91"/>
      <c r="HP1125" s="91"/>
      <c r="HQ1125" s="91"/>
      <c r="HR1125" s="91"/>
      <c r="HS1125" s="91"/>
      <c r="HT1125" s="91"/>
      <c r="HU1125" s="91"/>
      <c r="HV1125" s="91"/>
      <c r="HW1125" s="91"/>
      <c r="HX1125" s="91"/>
      <c r="HY1125" s="91"/>
      <c r="HZ1125" s="91"/>
      <c r="IA1125" s="91"/>
      <c r="IB1125" s="91"/>
      <c r="IC1125" s="91"/>
      <c r="ID1125" s="91"/>
      <c r="IE1125" s="91"/>
      <c r="IF1125" s="91"/>
      <c r="IG1125" s="91"/>
      <c r="IH1125" s="91"/>
      <c r="II1125" s="91"/>
      <c r="IJ1125" s="91"/>
      <c r="IK1125" s="127"/>
    </row>
    <row r="1126" spans="2:245" x14ac:dyDescent="0.2">
      <c r="B1126" s="43"/>
      <c r="C1126" s="73"/>
      <c r="D1126" s="64"/>
      <c r="E1126" s="64"/>
      <c r="F1126" s="55"/>
      <c r="G1126" s="102"/>
      <c r="H1126" s="55"/>
      <c r="I1126" s="55"/>
      <c r="J1126" s="55"/>
      <c r="K1126" s="55"/>
      <c r="L1126" s="55"/>
      <c r="M1126" s="55"/>
      <c r="N1126" s="55"/>
      <c r="O1126" s="55"/>
      <c r="P1126" s="55"/>
      <c r="Q1126" s="55"/>
      <c r="R1126" s="55"/>
      <c r="S1126" s="55"/>
      <c r="T1126" s="55"/>
      <c r="U1126" s="55"/>
      <c r="V1126" s="55"/>
      <c r="W1126" s="55"/>
      <c r="X1126" s="55"/>
      <c r="Y1126" s="55"/>
      <c r="Z1126" s="55"/>
      <c r="AA1126" s="55"/>
      <c r="AB1126" s="55"/>
      <c r="AC1126" s="55"/>
      <c r="AD1126" s="55"/>
      <c r="AE1126" s="55"/>
      <c r="AF1126" s="55"/>
      <c r="AG1126" s="55"/>
      <c r="AY1126" s="162"/>
      <c r="AZ1126" s="162"/>
      <c r="BA1126" s="162"/>
      <c r="BB1126" s="162"/>
      <c r="BC1126" s="162"/>
      <c r="BD1126" s="162"/>
      <c r="BE1126" s="162"/>
      <c r="BF1126" s="162"/>
      <c r="BG1126" s="162"/>
      <c r="BH1126" s="162"/>
      <c r="BI1126" s="162"/>
      <c r="BJ1126" s="162"/>
      <c r="BK1126" s="162"/>
      <c r="BL1126" s="162"/>
      <c r="BM1126" s="162"/>
      <c r="BN1126" s="162"/>
      <c r="BO1126" s="162"/>
      <c r="BP1126" s="162"/>
      <c r="BQ1126" s="162"/>
      <c r="BR1126" s="162"/>
      <c r="BS1126" s="162"/>
      <c r="BT1126" s="162"/>
      <c r="BU1126" s="162"/>
      <c r="BV1126" s="162"/>
      <c r="BW1126" s="162"/>
      <c r="BX1126" s="162"/>
      <c r="BY1126" s="162"/>
      <c r="BZ1126" s="162"/>
      <c r="CA1126" s="162"/>
      <c r="CB1126" s="162"/>
      <c r="CC1126" s="162"/>
      <c r="CD1126" s="162"/>
      <c r="CE1126" s="162"/>
      <c r="CF1126" s="162"/>
      <c r="CG1126" s="162"/>
      <c r="CH1126" s="162"/>
      <c r="CI1126" s="162"/>
      <c r="CJ1126" s="162"/>
      <c r="CK1126" s="162"/>
      <c r="CX1126" s="98"/>
      <c r="DL1126" s="97"/>
      <c r="DX1126" s="98"/>
      <c r="EL1126" s="97"/>
      <c r="EX1126" s="98"/>
      <c r="EY1126" s="97"/>
      <c r="FL1126" s="126"/>
      <c r="FM1126" s="91"/>
      <c r="FN1126" s="91"/>
      <c r="FO1126" s="91"/>
      <c r="FP1126" s="91"/>
      <c r="FQ1126" s="91"/>
      <c r="FR1126" s="91"/>
      <c r="FS1126" s="91"/>
      <c r="FT1126" s="91"/>
      <c r="FU1126" s="91"/>
      <c r="FV1126" s="91"/>
      <c r="FW1126" s="91"/>
      <c r="FX1126" s="91"/>
      <c r="FY1126" s="91"/>
      <c r="FZ1126" s="91"/>
      <c r="GA1126" s="91"/>
      <c r="GB1126" s="91"/>
      <c r="GC1126" s="91"/>
      <c r="GD1126" s="91"/>
      <c r="GE1126" s="91"/>
      <c r="GF1126" s="91"/>
      <c r="GG1126" s="91"/>
      <c r="GH1126" s="91"/>
      <c r="GI1126" s="91"/>
      <c r="GJ1126" s="91"/>
      <c r="GK1126" s="127"/>
      <c r="GL1126" s="126"/>
      <c r="GM1126" s="91"/>
      <c r="GN1126" s="91"/>
      <c r="GO1126" s="91"/>
      <c r="GP1126" s="91"/>
      <c r="GQ1126" s="91"/>
      <c r="GR1126" s="91"/>
      <c r="GS1126" s="91"/>
      <c r="GT1126" s="91"/>
      <c r="GU1126" s="91"/>
      <c r="GV1126" s="91"/>
      <c r="GW1126" s="91"/>
      <c r="GX1126" s="91"/>
      <c r="GY1126" s="91"/>
      <c r="GZ1126" s="91"/>
      <c r="HA1126" s="91"/>
      <c r="HB1126" s="91"/>
      <c r="HC1126" s="91"/>
      <c r="HD1126" s="91"/>
      <c r="HE1126" s="91"/>
      <c r="HF1126" s="91"/>
      <c r="HG1126" s="91"/>
      <c r="HH1126" s="91"/>
      <c r="HI1126" s="91"/>
      <c r="HJ1126" s="91"/>
      <c r="HK1126" s="127"/>
      <c r="HL1126" s="126"/>
      <c r="HM1126" s="91"/>
      <c r="HN1126" s="91"/>
      <c r="HO1126" s="91"/>
      <c r="HP1126" s="91"/>
      <c r="HQ1126" s="91"/>
      <c r="HR1126" s="91"/>
      <c r="HS1126" s="91"/>
      <c r="HT1126" s="91"/>
      <c r="HU1126" s="91"/>
      <c r="HV1126" s="91"/>
      <c r="HW1126" s="91"/>
      <c r="HX1126" s="91"/>
      <c r="HY1126" s="91"/>
      <c r="HZ1126" s="91"/>
      <c r="IA1126" s="91"/>
      <c r="IB1126" s="91"/>
      <c r="IC1126" s="91"/>
      <c r="ID1126" s="91"/>
      <c r="IE1126" s="91"/>
      <c r="IF1126" s="91"/>
      <c r="IG1126" s="91"/>
      <c r="IH1126" s="91"/>
      <c r="II1126" s="91"/>
      <c r="IJ1126" s="91"/>
      <c r="IK1126" s="127"/>
    </row>
    <row r="1127" spans="2:245" x14ac:dyDescent="0.2">
      <c r="B1127" s="43"/>
      <c r="C1127" s="73"/>
      <c r="D1127" s="64"/>
      <c r="E1127" s="64"/>
      <c r="F1127" s="55"/>
      <c r="G1127" s="102"/>
      <c r="H1127" s="55"/>
      <c r="I1127" s="55"/>
      <c r="J1127" s="55"/>
      <c r="K1127" s="55"/>
      <c r="L1127" s="55"/>
      <c r="M1127" s="55"/>
      <c r="N1127" s="55"/>
      <c r="O1127" s="55"/>
      <c r="P1127" s="55"/>
      <c r="Q1127" s="55"/>
      <c r="R1127" s="55"/>
      <c r="S1127" s="55"/>
      <c r="T1127" s="55"/>
      <c r="U1127" s="55"/>
      <c r="V1127" s="55"/>
      <c r="W1127" s="55"/>
      <c r="X1127" s="55"/>
      <c r="Y1127" s="55"/>
      <c r="Z1127" s="55"/>
      <c r="AA1127" s="55"/>
      <c r="AB1127" s="55"/>
      <c r="AC1127" s="55"/>
      <c r="AD1127" s="55"/>
      <c r="AE1127" s="55"/>
      <c r="AF1127" s="55"/>
      <c r="AG1127" s="55"/>
      <c r="AY1127" s="162"/>
      <c r="AZ1127" s="162"/>
      <c r="BA1127" s="162"/>
      <c r="BB1127" s="162"/>
      <c r="BC1127" s="162"/>
      <c r="BD1127" s="162"/>
      <c r="BE1127" s="162"/>
      <c r="BF1127" s="162"/>
      <c r="BG1127" s="162"/>
      <c r="BH1127" s="162"/>
      <c r="BI1127" s="162"/>
      <c r="BJ1127" s="162"/>
      <c r="BK1127" s="162"/>
      <c r="BL1127" s="162"/>
      <c r="BM1127" s="162"/>
      <c r="BN1127" s="162"/>
      <c r="BO1127" s="162"/>
      <c r="BP1127" s="162"/>
      <c r="BQ1127" s="162"/>
      <c r="BR1127" s="162"/>
      <c r="BS1127" s="162"/>
      <c r="BT1127" s="162"/>
      <c r="BU1127" s="162"/>
      <c r="BV1127" s="162"/>
      <c r="BW1127" s="162"/>
      <c r="BX1127" s="162"/>
      <c r="BY1127" s="162"/>
      <c r="BZ1127" s="162"/>
      <c r="CA1127" s="162"/>
      <c r="CB1127" s="162"/>
      <c r="CC1127" s="162"/>
      <c r="CD1127" s="162"/>
      <c r="CE1127" s="162"/>
      <c r="CF1127" s="162"/>
      <c r="CG1127" s="162"/>
      <c r="CH1127" s="162"/>
      <c r="CI1127" s="162"/>
      <c r="CJ1127" s="162"/>
      <c r="CK1127" s="162"/>
      <c r="CX1127" s="98"/>
      <c r="DL1127" s="97"/>
      <c r="DX1127" s="98"/>
      <c r="EL1127" s="97"/>
      <c r="EX1127" s="98"/>
      <c r="EY1127" s="97"/>
      <c r="FL1127" s="126"/>
      <c r="FM1127" s="91"/>
      <c r="FN1127" s="91"/>
      <c r="FO1127" s="91"/>
      <c r="FP1127" s="91"/>
      <c r="FQ1127" s="91"/>
      <c r="FR1127" s="91"/>
      <c r="FS1127" s="91"/>
      <c r="FT1127" s="91"/>
      <c r="FU1127" s="91"/>
      <c r="FV1127" s="91"/>
      <c r="FW1127" s="91"/>
      <c r="FX1127" s="91"/>
      <c r="FY1127" s="91"/>
      <c r="FZ1127" s="91"/>
      <c r="GA1127" s="91"/>
      <c r="GB1127" s="91"/>
      <c r="GC1127" s="91"/>
      <c r="GD1127" s="91"/>
      <c r="GE1127" s="91"/>
      <c r="GF1127" s="91"/>
      <c r="GG1127" s="91"/>
      <c r="GH1127" s="91"/>
      <c r="GI1127" s="91"/>
      <c r="GJ1127" s="91"/>
      <c r="GK1127" s="127"/>
      <c r="GL1127" s="126"/>
      <c r="GM1127" s="91"/>
      <c r="GN1127" s="91"/>
      <c r="GO1127" s="91"/>
      <c r="GP1127" s="91"/>
      <c r="GQ1127" s="91"/>
      <c r="GR1127" s="91"/>
      <c r="GS1127" s="91"/>
      <c r="GT1127" s="91"/>
      <c r="GU1127" s="91"/>
      <c r="GV1127" s="91"/>
      <c r="GW1127" s="91"/>
      <c r="GX1127" s="91"/>
      <c r="GY1127" s="91"/>
      <c r="GZ1127" s="91"/>
      <c r="HA1127" s="91"/>
      <c r="HB1127" s="91"/>
      <c r="HC1127" s="91"/>
      <c r="HD1127" s="91"/>
      <c r="HE1127" s="91"/>
      <c r="HF1127" s="91"/>
      <c r="HG1127" s="91"/>
      <c r="HH1127" s="91"/>
      <c r="HI1127" s="91"/>
      <c r="HJ1127" s="91"/>
      <c r="HK1127" s="127"/>
      <c r="HL1127" s="126"/>
      <c r="HM1127" s="91"/>
      <c r="HN1127" s="91"/>
      <c r="HO1127" s="91"/>
      <c r="HP1127" s="91"/>
      <c r="HQ1127" s="91"/>
      <c r="HR1127" s="91"/>
      <c r="HS1127" s="91"/>
      <c r="HT1127" s="91"/>
      <c r="HU1127" s="91"/>
      <c r="HV1127" s="91"/>
      <c r="HW1127" s="91"/>
      <c r="HX1127" s="91"/>
      <c r="HY1127" s="91"/>
      <c r="HZ1127" s="91"/>
      <c r="IA1127" s="91"/>
      <c r="IB1127" s="91"/>
      <c r="IC1127" s="91"/>
      <c r="ID1127" s="91"/>
      <c r="IE1127" s="91"/>
      <c r="IF1127" s="91"/>
      <c r="IG1127" s="91"/>
      <c r="IH1127" s="91"/>
      <c r="II1127" s="91"/>
      <c r="IJ1127" s="91"/>
      <c r="IK1127" s="127"/>
    </row>
    <row r="1128" spans="2:245" x14ac:dyDescent="0.2">
      <c r="B1128" s="43"/>
      <c r="C1128" s="73"/>
      <c r="D1128" s="64"/>
      <c r="E1128" s="64"/>
      <c r="F1128" s="55"/>
      <c r="G1128" s="102"/>
      <c r="H1128" s="55"/>
      <c r="I1128" s="55"/>
      <c r="J1128" s="55"/>
      <c r="K1128" s="55"/>
      <c r="L1128" s="55"/>
      <c r="M1128" s="55"/>
      <c r="N1128" s="55"/>
      <c r="O1128" s="55"/>
      <c r="P1128" s="55"/>
      <c r="Q1128" s="55"/>
      <c r="R1128" s="55"/>
      <c r="S1128" s="55"/>
      <c r="T1128" s="55"/>
      <c r="U1128" s="55"/>
      <c r="V1128" s="55"/>
      <c r="W1128" s="55"/>
      <c r="X1128" s="55"/>
      <c r="Y1128" s="55"/>
      <c r="Z1128" s="55"/>
      <c r="AA1128" s="55"/>
      <c r="AB1128" s="55"/>
      <c r="AC1128" s="55"/>
      <c r="AD1128" s="55"/>
      <c r="AE1128" s="55"/>
      <c r="AF1128" s="55"/>
      <c r="AG1128" s="55"/>
      <c r="AY1128" s="162"/>
      <c r="AZ1128" s="162"/>
      <c r="BA1128" s="162"/>
      <c r="BB1128" s="162"/>
      <c r="BC1128" s="162"/>
      <c r="BD1128" s="162"/>
      <c r="BE1128" s="162"/>
      <c r="BF1128" s="162"/>
      <c r="BG1128" s="162"/>
      <c r="BH1128" s="162"/>
      <c r="BI1128" s="162"/>
      <c r="BJ1128" s="162"/>
      <c r="BK1128" s="162"/>
      <c r="BL1128" s="162"/>
      <c r="BM1128" s="162"/>
      <c r="BN1128" s="162"/>
      <c r="BO1128" s="162"/>
      <c r="BP1128" s="162"/>
      <c r="BQ1128" s="162"/>
      <c r="BR1128" s="162"/>
      <c r="BS1128" s="162"/>
      <c r="BT1128" s="162"/>
      <c r="BU1128" s="162"/>
      <c r="BV1128" s="162"/>
      <c r="BW1128" s="162"/>
      <c r="BX1128" s="162"/>
      <c r="BY1128" s="162"/>
      <c r="BZ1128" s="162"/>
      <c r="CA1128" s="162"/>
      <c r="CB1128" s="162"/>
      <c r="CC1128" s="162"/>
      <c r="CD1128" s="162"/>
      <c r="CE1128" s="162"/>
      <c r="CF1128" s="162"/>
      <c r="CG1128" s="162"/>
      <c r="CH1128" s="162"/>
      <c r="CI1128" s="162"/>
      <c r="CJ1128" s="162"/>
      <c r="CK1128" s="162"/>
      <c r="CX1128" s="98"/>
      <c r="DL1128" s="97"/>
      <c r="DX1128" s="98"/>
      <c r="EL1128" s="97"/>
      <c r="EX1128" s="98"/>
      <c r="EY1128" s="97"/>
      <c r="FL1128" s="126"/>
      <c r="FM1128" s="91"/>
      <c r="FN1128" s="91"/>
      <c r="FO1128" s="91"/>
      <c r="FP1128" s="91"/>
      <c r="FQ1128" s="91"/>
      <c r="FR1128" s="91"/>
      <c r="FS1128" s="91"/>
      <c r="FT1128" s="91"/>
      <c r="FU1128" s="91"/>
      <c r="FV1128" s="91"/>
      <c r="FW1128" s="91"/>
      <c r="FX1128" s="91"/>
      <c r="FY1128" s="91"/>
      <c r="FZ1128" s="91"/>
      <c r="GA1128" s="91"/>
      <c r="GB1128" s="91"/>
      <c r="GC1128" s="91"/>
      <c r="GD1128" s="91"/>
      <c r="GE1128" s="91"/>
      <c r="GF1128" s="91"/>
      <c r="GG1128" s="91"/>
      <c r="GH1128" s="91"/>
      <c r="GI1128" s="91"/>
      <c r="GJ1128" s="91"/>
      <c r="GK1128" s="127"/>
      <c r="GL1128" s="126"/>
      <c r="GM1128" s="91"/>
      <c r="GN1128" s="91"/>
      <c r="GO1128" s="91"/>
      <c r="GP1128" s="91"/>
      <c r="GQ1128" s="91"/>
      <c r="GR1128" s="91"/>
      <c r="GS1128" s="91"/>
      <c r="GT1128" s="91"/>
      <c r="GU1128" s="91"/>
      <c r="GV1128" s="91"/>
      <c r="GW1128" s="91"/>
      <c r="GX1128" s="91"/>
      <c r="GY1128" s="91"/>
      <c r="GZ1128" s="91"/>
      <c r="HA1128" s="91"/>
      <c r="HB1128" s="91"/>
      <c r="HC1128" s="91"/>
      <c r="HD1128" s="91"/>
      <c r="HE1128" s="91"/>
      <c r="HF1128" s="91"/>
      <c r="HG1128" s="91"/>
      <c r="HH1128" s="91"/>
      <c r="HI1128" s="91"/>
      <c r="HJ1128" s="91"/>
      <c r="HK1128" s="127"/>
      <c r="HL1128" s="126"/>
      <c r="HM1128" s="91"/>
      <c r="HN1128" s="91"/>
      <c r="HO1128" s="91"/>
      <c r="HP1128" s="91"/>
      <c r="HQ1128" s="91"/>
      <c r="HR1128" s="91"/>
      <c r="HS1128" s="91"/>
      <c r="HT1128" s="91"/>
      <c r="HU1128" s="91"/>
      <c r="HV1128" s="91"/>
      <c r="HW1128" s="91"/>
      <c r="HX1128" s="91"/>
      <c r="HY1128" s="91"/>
      <c r="HZ1128" s="91"/>
      <c r="IA1128" s="91"/>
      <c r="IB1128" s="91"/>
      <c r="IC1128" s="91"/>
      <c r="ID1128" s="91"/>
      <c r="IE1128" s="91"/>
      <c r="IF1128" s="91"/>
      <c r="IG1128" s="91"/>
      <c r="IH1128" s="91"/>
      <c r="II1128" s="91"/>
      <c r="IJ1128" s="91"/>
      <c r="IK1128" s="127"/>
    </row>
    <row r="1129" spans="2:245" x14ac:dyDescent="0.2">
      <c r="B1129" s="43"/>
      <c r="C1129" s="73"/>
      <c r="D1129" s="64"/>
      <c r="E1129" s="64"/>
      <c r="F1129" s="55"/>
      <c r="G1129" s="102"/>
      <c r="H1129" s="55"/>
      <c r="I1129" s="55"/>
      <c r="J1129" s="55"/>
      <c r="K1129" s="55"/>
      <c r="L1129" s="55"/>
      <c r="M1129" s="55"/>
      <c r="N1129" s="55"/>
      <c r="O1129" s="55"/>
      <c r="P1129" s="55"/>
      <c r="Q1129" s="55"/>
      <c r="R1129" s="55"/>
      <c r="S1129" s="55"/>
      <c r="T1129" s="55"/>
      <c r="U1129" s="55"/>
      <c r="V1129" s="55"/>
      <c r="W1129" s="55"/>
      <c r="X1129" s="55"/>
      <c r="Y1129" s="55"/>
      <c r="Z1129" s="55"/>
      <c r="AA1129" s="55"/>
      <c r="AB1129" s="55"/>
      <c r="AC1129" s="55"/>
      <c r="AD1129" s="55"/>
      <c r="AE1129" s="55"/>
      <c r="AF1129" s="55"/>
      <c r="AG1129" s="55"/>
      <c r="AY1129" s="162"/>
      <c r="AZ1129" s="162"/>
      <c r="BA1129" s="162"/>
      <c r="BB1129" s="162"/>
      <c r="BC1129" s="162"/>
      <c r="BD1129" s="162"/>
      <c r="BE1129" s="162"/>
      <c r="BF1129" s="162"/>
      <c r="BG1129" s="162"/>
      <c r="BH1129" s="162"/>
      <c r="BI1129" s="162"/>
      <c r="BJ1129" s="162"/>
      <c r="BK1129" s="162"/>
      <c r="BL1129" s="162"/>
      <c r="BM1129" s="162"/>
      <c r="BN1129" s="162"/>
      <c r="BO1129" s="162"/>
      <c r="BP1129" s="162"/>
      <c r="BQ1129" s="162"/>
      <c r="BR1129" s="162"/>
      <c r="BS1129" s="162"/>
      <c r="BT1129" s="162"/>
      <c r="BU1129" s="162"/>
      <c r="BV1129" s="162"/>
      <c r="BW1129" s="162"/>
      <c r="BX1129" s="162"/>
      <c r="BY1129" s="162"/>
      <c r="BZ1129" s="162"/>
      <c r="CA1129" s="162"/>
      <c r="CB1129" s="162"/>
      <c r="CC1129" s="162"/>
      <c r="CD1129" s="162"/>
      <c r="CE1129" s="162"/>
      <c r="CF1129" s="162"/>
      <c r="CG1129" s="162"/>
      <c r="CH1129" s="162"/>
      <c r="CI1129" s="162"/>
      <c r="CJ1129" s="162"/>
      <c r="CK1129" s="162"/>
      <c r="CX1129" s="98"/>
      <c r="DL1129" s="97"/>
      <c r="DX1129" s="98"/>
      <c r="EL1129" s="97"/>
      <c r="EX1129" s="98"/>
      <c r="EY1129" s="97"/>
      <c r="FL1129" s="126"/>
      <c r="FM1129" s="91"/>
      <c r="FN1129" s="91"/>
      <c r="FO1129" s="91"/>
      <c r="FP1129" s="91"/>
      <c r="FQ1129" s="91"/>
      <c r="FR1129" s="91"/>
      <c r="FS1129" s="91"/>
      <c r="FT1129" s="91"/>
      <c r="FU1129" s="91"/>
      <c r="FV1129" s="91"/>
      <c r="FW1129" s="91"/>
      <c r="FX1129" s="91"/>
      <c r="FY1129" s="91"/>
      <c r="FZ1129" s="91"/>
      <c r="GA1129" s="91"/>
      <c r="GB1129" s="91"/>
      <c r="GC1129" s="91"/>
      <c r="GD1129" s="91"/>
      <c r="GE1129" s="91"/>
      <c r="GF1129" s="91"/>
      <c r="GG1129" s="91"/>
      <c r="GH1129" s="91"/>
      <c r="GI1129" s="91"/>
      <c r="GJ1129" s="91"/>
      <c r="GK1129" s="127"/>
      <c r="GL1129" s="126"/>
      <c r="GM1129" s="91"/>
      <c r="GN1129" s="91"/>
      <c r="GO1129" s="91"/>
      <c r="GP1129" s="91"/>
      <c r="GQ1129" s="91"/>
      <c r="GR1129" s="91"/>
      <c r="GS1129" s="91"/>
      <c r="GT1129" s="91"/>
      <c r="GU1129" s="91"/>
      <c r="GV1129" s="91"/>
      <c r="GW1129" s="91"/>
      <c r="GX1129" s="91"/>
      <c r="GY1129" s="91"/>
      <c r="GZ1129" s="91"/>
      <c r="HA1129" s="91"/>
      <c r="HB1129" s="91"/>
      <c r="HC1129" s="91"/>
      <c r="HD1129" s="91"/>
      <c r="HE1129" s="91"/>
      <c r="HF1129" s="91"/>
      <c r="HG1129" s="91"/>
      <c r="HH1129" s="91"/>
      <c r="HI1129" s="91"/>
      <c r="HJ1129" s="91"/>
      <c r="HK1129" s="127"/>
      <c r="HL1129" s="126"/>
      <c r="HM1129" s="91"/>
      <c r="HN1129" s="91"/>
      <c r="HO1129" s="91"/>
      <c r="HP1129" s="91"/>
      <c r="HQ1129" s="91"/>
      <c r="HR1129" s="91"/>
      <c r="HS1129" s="91"/>
      <c r="HT1129" s="91"/>
      <c r="HU1129" s="91"/>
      <c r="HV1129" s="91"/>
      <c r="HW1129" s="91"/>
      <c r="HX1129" s="91"/>
      <c r="HY1129" s="91"/>
      <c r="HZ1129" s="91"/>
      <c r="IA1129" s="91"/>
      <c r="IB1129" s="91"/>
      <c r="IC1129" s="91"/>
      <c r="ID1129" s="91"/>
      <c r="IE1129" s="91"/>
      <c r="IF1129" s="91"/>
      <c r="IG1129" s="91"/>
      <c r="IH1129" s="91"/>
      <c r="II1129" s="91"/>
      <c r="IJ1129" s="91"/>
      <c r="IK1129" s="127"/>
    </row>
    <row r="1130" spans="2:245" x14ac:dyDescent="0.2">
      <c r="B1130" s="43"/>
      <c r="C1130" s="73"/>
      <c r="D1130" s="64"/>
      <c r="E1130" s="64"/>
      <c r="F1130" s="55"/>
      <c r="G1130" s="102"/>
      <c r="H1130" s="55"/>
      <c r="I1130" s="55"/>
      <c r="J1130" s="55"/>
      <c r="K1130" s="55"/>
      <c r="L1130" s="55"/>
      <c r="M1130" s="55"/>
      <c r="N1130" s="55"/>
      <c r="O1130" s="55"/>
      <c r="P1130" s="55"/>
      <c r="Q1130" s="55"/>
      <c r="R1130" s="55"/>
      <c r="S1130" s="55"/>
      <c r="T1130" s="55"/>
      <c r="U1130" s="55"/>
      <c r="V1130" s="55"/>
      <c r="W1130" s="55"/>
      <c r="X1130" s="55"/>
      <c r="Y1130" s="55"/>
      <c r="Z1130" s="55"/>
      <c r="AA1130" s="55"/>
      <c r="AB1130" s="55"/>
      <c r="AC1130" s="55"/>
      <c r="AD1130" s="55"/>
      <c r="AE1130" s="55"/>
      <c r="AF1130" s="55"/>
      <c r="AG1130" s="55"/>
      <c r="AY1130" s="162"/>
      <c r="AZ1130" s="162"/>
      <c r="BA1130" s="162"/>
      <c r="BB1130" s="162"/>
      <c r="BC1130" s="162"/>
      <c r="BD1130" s="162"/>
      <c r="BE1130" s="162"/>
      <c r="BF1130" s="162"/>
      <c r="BG1130" s="162"/>
      <c r="BH1130" s="162"/>
      <c r="BI1130" s="162"/>
      <c r="BJ1130" s="162"/>
      <c r="BK1130" s="162"/>
      <c r="BL1130" s="162"/>
      <c r="BM1130" s="162"/>
      <c r="BN1130" s="162"/>
      <c r="BO1130" s="162"/>
      <c r="BP1130" s="162"/>
      <c r="BQ1130" s="162"/>
      <c r="BR1130" s="162"/>
      <c r="BS1130" s="162"/>
      <c r="BT1130" s="162"/>
      <c r="BU1130" s="162"/>
      <c r="BV1130" s="162"/>
      <c r="BW1130" s="162"/>
      <c r="BX1130" s="162"/>
      <c r="BY1130" s="162"/>
      <c r="BZ1130" s="162"/>
      <c r="CA1130" s="162"/>
      <c r="CB1130" s="162"/>
      <c r="CC1130" s="162"/>
      <c r="CD1130" s="162"/>
      <c r="CE1130" s="162"/>
      <c r="CF1130" s="162"/>
      <c r="CG1130" s="162"/>
      <c r="CH1130" s="162"/>
      <c r="CI1130" s="162"/>
      <c r="CJ1130" s="162"/>
      <c r="CK1130" s="162"/>
      <c r="CX1130" s="98"/>
      <c r="DL1130" s="97"/>
      <c r="DX1130" s="98"/>
      <c r="EL1130" s="97"/>
      <c r="EX1130" s="98"/>
      <c r="EY1130" s="97"/>
      <c r="FL1130" s="126"/>
      <c r="FM1130" s="91"/>
      <c r="FN1130" s="91"/>
      <c r="FO1130" s="91"/>
      <c r="FP1130" s="91"/>
      <c r="FQ1130" s="91"/>
      <c r="FR1130" s="91"/>
      <c r="FS1130" s="91"/>
      <c r="FT1130" s="91"/>
      <c r="FU1130" s="91"/>
      <c r="FV1130" s="91"/>
      <c r="FW1130" s="91"/>
      <c r="FX1130" s="91"/>
      <c r="FY1130" s="91"/>
      <c r="FZ1130" s="91"/>
      <c r="GA1130" s="91"/>
      <c r="GB1130" s="91"/>
      <c r="GC1130" s="91"/>
      <c r="GD1130" s="91"/>
      <c r="GE1130" s="91"/>
      <c r="GF1130" s="91"/>
      <c r="GG1130" s="91"/>
      <c r="GH1130" s="91"/>
      <c r="GI1130" s="91"/>
      <c r="GJ1130" s="91"/>
      <c r="GK1130" s="127"/>
      <c r="GL1130" s="126"/>
      <c r="GM1130" s="91"/>
      <c r="GN1130" s="91"/>
      <c r="GO1130" s="91"/>
      <c r="GP1130" s="91"/>
      <c r="GQ1130" s="91"/>
      <c r="GR1130" s="91"/>
      <c r="GS1130" s="91"/>
      <c r="GT1130" s="91"/>
      <c r="GU1130" s="91"/>
      <c r="GV1130" s="91"/>
      <c r="GW1130" s="91"/>
      <c r="GX1130" s="91"/>
      <c r="GY1130" s="91"/>
      <c r="GZ1130" s="91"/>
      <c r="HA1130" s="91"/>
      <c r="HB1130" s="91"/>
      <c r="HC1130" s="91"/>
      <c r="HD1130" s="91"/>
      <c r="HE1130" s="91"/>
      <c r="HF1130" s="91"/>
      <c r="HG1130" s="91"/>
      <c r="HH1130" s="91"/>
      <c r="HI1130" s="91"/>
      <c r="HJ1130" s="91"/>
      <c r="HK1130" s="127"/>
      <c r="HL1130" s="126"/>
      <c r="HM1130" s="91"/>
      <c r="HN1130" s="91"/>
      <c r="HO1130" s="91"/>
      <c r="HP1130" s="91"/>
      <c r="HQ1130" s="91"/>
      <c r="HR1130" s="91"/>
      <c r="HS1130" s="91"/>
      <c r="HT1130" s="91"/>
      <c r="HU1130" s="91"/>
      <c r="HV1130" s="91"/>
      <c r="HW1130" s="91"/>
      <c r="HX1130" s="91"/>
      <c r="HY1130" s="91"/>
      <c r="HZ1130" s="91"/>
      <c r="IA1130" s="91"/>
      <c r="IB1130" s="91"/>
      <c r="IC1130" s="91"/>
      <c r="ID1130" s="91"/>
      <c r="IE1130" s="91"/>
      <c r="IF1130" s="91"/>
      <c r="IG1130" s="91"/>
      <c r="IH1130" s="91"/>
      <c r="II1130" s="91"/>
      <c r="IJ1130" s="91"/>
      <c r="IK1130" s="127"/>
    </row>
    <row r="1131" spans="2:245" x14ac:dyDescent="0.2">
      <c r="B1131" s="43"/>
      <c r="C1131" s="73"/>
      <c r="D1131" s="64"/>
      <c r="E1131" s="64"/>
      <c r="F1131" s="55"/>
      <c r="G1131" s="102"/>
      <c r="H1131" s="55"/>
      <c r="I1131" s="55"/>
      <c r="J1131" s="55"/>
      <c r="K1131" s="55"/>
      <c r="L1131" s="55"/>
      <c r="M1131" s="55"/>
      <c r="N1131" s="55"/>
      <c r="O1131" s="55"/>
      <c r="P1131" s="55"/>
      <c r="Q1131" s="55"/>
      <c r="R1131" s="55"/>
      <c r="S1131" s="55"/>
      <c r="T1131" s="55"/>
      <c r="U1131" s="55"/>
      <c r="V1131" s="55"/>
      <c r="W1131" s="55"/>
      <c r="X1131" s="55"/>
      <c r="Y1131" s="55"/>
      <c r="Z1131" s="55"/>
      <c r="AA1131" s="55"/>
      <c r="AB1131" s="55"/>
      <c r="AC1131" s="55"/>
      <c r="AD1131" s="55"/>
      <c r="AE1131" s="55"/>
      <c r="AF1131" s="55"/>
      <c r="AG1131" s="55"/>
      <c r="AY1131" s="162"/>
      <c r="AZ1131" s="162"/>
      <c r="BA1131" s="162"/>
      <c r="BB1131" s="162"/>
      <c r="BC1131" s="162"/>
      <c r="BD1131" s="162"/>
      <c r="BE1131" s="162"/>
      <c r="BF1131" s="162"/>
      <c r="BG1131" s="162"/>
      <c r="BH1131" s="162"/>
      <c r="BI1131" s="162"/>
      <c r="BJ1131" s="162"/>
      <c r="BK1131" s="162"/>
      <c r="BL1131" s="162"/>
      <c r="BM1131" s="162"/>
      <c r="BN1131" s="162"/>
      <c r="BO1131" s="162"/>
      <c r="BP1131" s="162"/>
      <c r="BQ1131" s="162"/>
      <c r="BR1131" s="162"/>
      <c r="BS1131" s="162"/>
      <c r="BT1131" s="162"/>
      <c r="BU1131" s="162"/>
      <c r="BV1131" s="162"/>
      <c r="BW1131" s="162"/>
      <c r="BX1131" s="162"/>
      <c r="BY1131" s="162"/>
      <c r="BZ1131" s="162"/>
      <c r="CA1131" s="162"/>
      <c r="CB1131" s="162"/>
      <c r="CC1131" s="162"/>
      <c r="CD1131" s="162"/>
      <c r="CE1131" s="162"/>
      <c r="CF1131" s="162"/>
      <c r="CG1131" s="162"/>
      <c r="CH1131" s="162"/>
      <c r="CI1131" s="162"/>
      <c r="CJ1131" s="162"/>
      <c r="CK1131" s="162"/>
      <c r="CX1131" s="98"/>
      <c r="DL1131" s="97"/>
      <c r="DX1131" s="98"/>
      <c r="EL1131" s="97"/>
      <c r="EX1131" s="98"/>
      <c r="EY1131" s="97"/>
      <c r="FL1131" s="126"/>
      <c r="FM1131" s="91"/>
      <c r="FN1131" s="91"/>
      <c r="FO1131" s="91"/>
      <c r="FP1131" s="91"/>
      <c r="FQ1131" s="91"/>
      <c r="FR1131" s="91"/>
      <c r="FS1131" s="91"/>
      <c r="FT1131" s="91"/>
      <c r="FU1131" s="91"/>
      <c r="FV1131" s="91"/>
      <c r="FW1131" s="91"/>
      <c r="FX1131" s="91"/>
      <c r="FY1131" s="91"/>
      <c r="FZ1131" s="91"/>
      <c r="GA1131" s="91"/>
      <c r="GB1131" s="91"/>
      <c r="GC1131" s="91"/>
      <c r="GD1131" s="91"/>
      <c r="GE1131" s="91"/>
      <c r="GF1131" s="91"/>
      <c r="GG1131" s="91"/>
      <c r="GH1131" s="91"/>
      <c r="GI1131" s="91"/>
      <c r="GJ1131" s="91"/>
      <c r="GK1131" s="127"/>
      <c r="GL1131" s="126"/>
      <c r="GM1131" s="91"/>
      <c r="GN1131" s="91"/>
      <c r="GO1131" s="91"/>
      <c r="GP1131" s="91"/>
      <c r="GQ1131" s="91"/>
      <c r="GR1131" s="91"/>
      <c r="GS1131" s="91"/>
      <c r="GT1131" s="91"/>
      <c r="GU1131" s="91"/>
      <c r="GV1131" s="91"/>
      <c r="GW1131" s="91"/>
      <c r="GX1131" s="91"/>
      <c r="GY1131" s="91"/>
      <c r="GZ1131" s="91"/>
      <c r="HA1131" s="91"/>
      <c r="HB1131" s="91"/>
      <c r="HC1131" s="91"/>
      <c r="HD1131" s="91"/>
      <c r="HE1131" s="91"/>
      <c r="HF1131" s="91"/>
      <c r="HG1131" s="91"/>
      <c r="HH1131" s="91"/>
      <c r="HI1131" s="91"/>
      <c r="HJ1131" s="91"/>
      <c r="HK1131" s="127"/>
      <c r="HL1131" s="126"/>
      <c r="HM1131" s="91"/>
      <c r="HN1131" s="91"/>
      <c r="HO1131" s="91"/>
      <c r="HP1131" s="91"/>
      <c r="HQ1131" s="91"/>
      <c r="HR1131" s="91"/>
      <c r="HS1131" s="91"/>
      <c r="HT1131" s="91"/>
      <c r="HU1131" s="91"/>
      <c r="HV1131" s="91"/>
      <c r="HW1131" s="91"/>
      <c r="HX1131" s="91"/>
      <c r="HY1131" s="91"/>
      <c r="HZ1131" s="91"/>
      <c r="IA1131" s="91"/>
      <c r="IB1131" s="91"/>
      <c r="IC1131" s="91"/>
      <c r="ID1131" s="91"/>
      <c r="IE1131" s="91"/>
      <c r="IF1131" s="91"/>
      <c r="IG1131" s="91"/>
      <c r="IH1131" s="91"/>
      <c r="II1131" s="91"/>
      <c r="IJ1131" s="91"/>
      <c r="IK1131" s="127"/>
    </row>
    <row r="1132" spans="2:245" x14ac:dyDescent="0.2">
      <c r="B1132" s="43"/>
      <c r="C1132" s="73"/>
      <c r="D1132" s="64"/>
      <c r="E1132" s="64"/>
      <c r="F1132" s="55"/>
      <c r="G1132" s="102"/>
      <c r="H1132" s="55"/>
      <c r="I1132" s="55"/>
      <c r="J1132" s="55"/>
      <c r="K1132" s="55"/>
      <c r="L1132" s="55"/>
      <c r="M1132" s="55"/>
      <c r="N1132" s="55"/>
      <c r="O1132" s="55"/>
      <c r="P1132" s="55"/>
      <c r="Q1132" s="55"/>
      <c r="R1132" s="55"/>
      <c r="S1132" s="55"/>
      <c r="T1132" s="55"/>
      <c r="U1132" s="55"/>
      <c r="V1132" s="55"/>
      <c r="W1132" s="55"/>
      <c r="X1132" s="55"/>
      <c r="Y1132" s="55"/>
      <c r="Z1132" s="55"/>
      <c r="AA1132" s="55"/>
      <c r="AB1132" s="55"/>
      <c r="AC1132" s="55"/>
      <c r="AD1132" s="55"/>
      <c r="AE1132" s="55"/>
      <c r="AF1132" s="55"/>
      <c r="AG1132" s="55"/>
      <c r="AY1132" s="162"/>
      <c r="AZ1132" s="162"/>
      <c r="BA1132" s="162"/>
      <c r="BB1132" s="162"/>
      <c r="BC1132" s="162"/>
      <c r="BD1132" s="162"/>
      <c r="BE1132" s="162"/>
      <c r="BF1132" s="162"/>
      <c r="BG1132" s="162"/>
      <c r="BH1132" s="162"/>
      <c r="BI1132" s="162"/>
      <c r="BJ1132" s="162"/>
      <c r="BK1132" s="162"/>
      <c r="BL1132" s="162"/>
      <c r="BM1132" s="162"/>
      <c r="BN1132" s="162"/>
      <c r="BO1132" s="162"/>
      <c r="BP1132" s="162"/>
      <c r="BQ1132" s="162"/>
      <c r="BR1132" s="162"/>
      <c r="BS1132" s="162"/>
      <c r="BT1132" s="162"/>
      <c r="BU1132" s="162"/>
      <c r="BV1132" s="162"/>
      <c r="BW1132" s="162"/>
      <c r="BX1132" s="162"/>
      <c r="BY1132" s="162"/>
      <c r="BZ1132" s="162"/>
      <c r="CA1132" s="162"/>
      <c r="CB1132" s="162"/>
      <c r="CC1132" s="162"/>
      <c r="CD1132" s="162"/>
      <c r="CE1132" s="162"/>
      <c r="CF1132" s="162"/>
      <c r="CG1132" s="162"/>
      <c r="CH1132" s="162"/>
      <c r="CI1132" s="162"/>
      <c r="CJ1132" s="162"/>
      <c r="CK1132" s="162"/>
      <c r="CX1132" s="98"/>
      <c r="DL1132" s="97"/>
      <c r="DX1132" s="98"/>
      <c r="EL1132" s="97"/>
      <c r="EX1132" s="98"/>
      <c r="EY1132" s="97"/>
      <c r="FL1132" s="126"/>
      <c r="FM1132" s="91"/>
      <c r="FN1132" s="91"/>
      <c r="FO1132" s="91"/>
      <c r="FP1132" s="91"/>
      <c r="FQ1132" s="91"/>
      <c r="FR1132" s="91"/>
      <c r="FS1132" s="91"/>
      <c r="FT1132" s="91"/>
      <c r="FU1132" s="91"/>
      <c r="FV1132" s="91"/>
      <c r="FW1132" s="91"/>
      <c r="FX1132" s="91"/>
      <c r="FY1132" s="91"/>
      <c r="FZ1132" s="91"/>
      <c r="GA1132" s="91"/>
      <c r="GB1132" s="91"/>
      <c r="GC1132" s="91"/>
      <c r="GD1132" s="91"/>
      <c r="GE1132" s="91"/>
      <c r="GF1132" s="91"/>
      <c r="GG1132" s="91"/>
      <c r="GH1132" s="91"/>
      <c r="GI1132" s="91"/>
      <c r="GJ1132" s="91"/>
      <c r="GK1132" s="127"/>
      <c r="GL1132" s="126"/>
      <c r="GM1132" s="91"/>
      <c r="GN1132" s="91"/>
      <c r="GO1132" s="91"/>
      <c r="GP1132" s="91"/>
      <c r="GQ1132" s="91"/>
      <c r="GR1132" s="91"/>
      <c r="GS1132" s="91"/>
      <c r="GT1132" s="91"/>
      <c r="GU1132" s="91"/>
      <c r="GV1132" s="91"/>
      <c r="GW1132" s="91"/>
      <c r="GX1132" s="91"/>
      <c r="GY1132" s="91"/>
      <c r="GZ1132" s="91"/>
      <c r="HA1132" s="91"/>
      <c r="HB1132" s="91"/>
      <c r="HC1132" s="91"/>
      <c r="HD1132" s="91"/>
      <c r="HE1132" s="91"/>
      <c r="HF1132" s="91"/>
      <c r="HG1132" s="91"/>
      <c r="HH1132" s="91"/>
      <c r="HI1132" s="91"/>
      <c r="HJ1132" s="91"/>
      <c r="HK1132" s="127"/>
      <c r="HL1132" s="126"/>
      <c r="HM1132" s="91"/>
      <c r="HN1132" s="91"/>
      <c r="HO1132" s="91"/>
      <c r="HP1132" s="91"/>
      <c r="HQ1132" s="91"/>
      <c r="HR1132" s="91"/>
      <c r="HS1132" s="91"/>
      <c r="HT1132" s="91"/>
      <c r="HU1132" s="91"/>
      <c r="HV1132" s="91"/>
      <c r="HW1132" s="91"/>
      <c r="HX1132" s="91"/>
      <c r="HY1132" s="91"/>
      <c r="HZ1132" s="91"/>
      <c r="IA1132" s="91"/>
      <c r="IB1132" s="91"/>
      <c r="IC1132" s="91"/>
      <c r="ID1132" s="91"/>
      <c r="IE1132" s="91"/>
      <c r="IF1132" s="91"/>
      <c r="IG1132" s="91"/>
      <c r="IH1132" s="91"/>
      <c r="II1132" s="91"/>
      <c r="IJ1132" s="91"/>
      <c r="IK1132" s="127"/>
    </row>
    <row r="1133" spans="2:245" x14ac:dyDescent="0.2">
      <c r="B1133" s="43"/>
      <c r="C1133" s="73"/>
      <c r="D1133" s="64"/>
      <c r="E1133" s="64"/>
      <c r="F1133" s="55"/>
      <c r="G1133" s="102"/>
      <c r="H1133" s="55"/>
      <c r="I1133" s="55"/>
      <c r="J1133" s="55"/>
      <c r="K1133" s="55"/>
      <c r="L1133" s="55"/>
      <c r="M1133" s="55"/>
      <c r="N1133" s="55"/>
      <c r="O1133" s="55"/>
      <c r="P1133" s="55"/>
      <c r="Q1133" s="55"/>
      <c r="R1133" s="55"/>
      <c r="S1133" s="55"/>
      <c r="T1133" s="55"/>
      <c r="U1133" s="55"/>
      <c r="V1133" s="55"/>
      <c r="W1133" s="55"/>
      <c r="X1133" s="55"/>
      <c r="Y1133" s="55"/>
      <c r="Z1133" s="55"/>
      <c r="AA1133" s="55"/>
      <c r="AB1133" s="55"/>
      <c r="AC1133" s="55"/>
      <c r="AD1133" s="55"/>
      <c r="AE1133" s="55"/>
      <c r="AF1133" s="55"/>
      <c r="AG1133" s="55"/>
      <c r="AY1133" s="162"/>
      <c r="AZ1133" s="162"/>
      <c r="BA1133" s="162"/>
      <c r="BB1133" s="162"/>
      <c r="BC1133" s="162"/>
      <c r="BD1133" s="162"/>
      <c r="BE1133" s="162"/>
      <c r="BF1133" s="162"/>
      <c r="BG1133" s="162"/>
      <c r="BH1133" s="162"/>
      <c r="BI1133" s="162"/>
      <c r="BJ1133" s="162"/>
      <c r="BK1133" s="162"/>
      <c r="BL1133" s="162"/>
      <c r="BM1133" s="162"/>
      <c r="BN1133" s="162"/>
      <c r="BO1133" s="162"/>
      <c r="BP1133" s="162"/>
      <c r="BQ1133" s="162"/>
      <c r="BR1133" s="162"/>
      <c r="BS1133" s="162"/>
      <c r="BT1133" s="162"/>
      <c r="BU1133" s="162"/>
      <c r="BV1133" s="162"/>
      <c r="BW1133" s="162"/>
      <c r="BX1133" s="162"/>
      <c r="BY1133" s="162"/>
      <c r="BZ1133" s="162"/>
      <c r="CA1133" s="162"/>
      <c r="CB1133" s="162"/>
      <c r="CC1133" s="162"/>
      <c r="CD1133" s="162"/>
      <c r="CE1133" s="162"/>
      <c r="CF1133" s="162"/>
      <c r="CG1133" s="162"/>
      <c r="CH1133" s="162"/>
      <c r="CI1133" s="162"/>
      <c r="CJ1133" s="162"/>
      <c r="CK1133" s="162"/>
      <c r="CX1133" s="98"/>
      <c r="DL1133" s="97"/>
      <c r="DX1133" s="98"/>
      <c r="EL1133" s="97"/>
      <c r="EX1133" s="98"/>
      <c r="EY1133" s="97"/>
      <c r="FL1133" s="126"/>
      <c r="FM1133" s="91"/>
      <c r="FN1133" s="91"/>
      <c r="FO1133" s="91"/>
      <c r="FP1133" s="91"/>
      <c r="FQ1133" s="91"/>
      <c r="FR1133" s="91"/>
      <c r="FS1133" s="91"/>
      <c r="FT1133" s="91"/>
      <c r="FU1133" s="91"/>
      <c r="FV1133" s="91"/>
      <c r="FW1133" s="91"/>
      <c r="FX1133" s="91"/>
      <c r="FY1133" s="91"/>
      <c r="FZ1133" s="91"/>
      <c r="GA1133" s="91"/>
      <c r="GB1133" s="91"/>
      <c r="GC1133" s="91"/>
      <c r="GD1133" s="91"/>
      <c r="GE1133" s="91"/>
      <c r="GF1133" s="91"/>
      <c r="GG1133" s="91"/>
      <c r="GH1133" s="91"/>
      <c r="GI1133" s="91"/>
      <c r="GJ1133" s="91"/>
      <c r="GK1133" s="127"/>
      <c r="GL1133" s="126"/>
      <c r="GM1133" s="91"/>
      <c r="GN1133" s="91"/>
      <c r="GO1133" s="91"/>
      <c r="GP1133" s="91"/>
      <c r="GQ1133" s="91"/>
      <c r="GR1133" s="91"/>
      <c r="GS1133" s="91"/>
      <c r="GT1133" s="91"/>
      <c r="GU1133" s="91"/>
      <c r="GV1133" s="91"/>
      <c r="GW1133" s="91"/>
      <c r="GX1133" s="91"/>
      <c r="GY1133" s="91"/>
      <c r="GZ1133" s="91"/>
      <c r="HA1133" s="91"/>
      <c r="HB1133" s="91"/>
      <c r="HC1133" s="91"/>
      <c r="HD1133" s="91"/>
      <c r="HE1133" s="91"/>
      <c r="HF1133" s="91"/>
      <c r="HG1133" s="91"/>
      <c r="HH1133" s="91"/>
      <c r="HI1133" s="91"/>
      <c r="HJ1133" s="91"/>
      <c r="HK1133" s="127"/>
      <c r="HL1133" s="126"/>
      <c r="HM1133" s="91"/>
      <c r="HN1133" s="91"/>
      <c r="HO1133" s="91"/>
      <c r="HP1133" s="91"/>
      <c r="HQ1133" s="91"/>
      <c r="HR1133" s="91"/>
      <c r="HS1133" s="91"/>
      <c r="HT1133" s="91"/>
      <c r="HU1133" s="91"/>
      <c r="HV1133" s="91"/>
      <c r="HW1133" s="91"/>
      <c r="HX1133" s="91"/>
      <c r="HY1133" s="91"/>
      <c r="HZ1133" s="91"/>
      <c r="IA1133" s="91"/>
      <c r="IB1133" s="91"/>
      <c r="IC1133" s="91"/>
      <c r="ID1133" s="91"/>
      <c r="IE1133" s="91"/>
      <c r="IF1133" s="91"/>
      <c r="IG1133" s="91"/>
      <c r="IH1133" s="91"/>
      <c r="II1133" s="91"/>
      <c r="IJ1133" s="91"/>
      <c r="IK1133" s="127"/>
    </row>
    <row r="1134" spans="2:245" x14ac:dyDescent="0.2">
      <c r="B1134" s="43"/>
      <c r="C1134" s="73"/>
      <c r="D1134" s="64"/>
      <c r="E1134" s="64"/>
      <c r="F1134" s="55"/>
      <c r="G1134" s="102"/>
      <c r="H1134" s="55"/>
      <c r="I1134" s="55"/>
      <c r="J1134" s="55"/>
      <c r="K1134" s="55"/>
      <c r="L1134" s="55"/>
      <c r="M1134" s="55"/>
      <c r="N1134" s="55"/>
      <c r="O1134" s="55"/>
      <c r="P1134" s="55"/>
      <c r="Q1134" s="55"/>
      <c r="R1134" s="55"/>
      <c r="S1134" s="55"/>
      <c r="T1134" s="55"/>
      <c r="U1134" s="55"/>
      <c r="V1134" s="55"/>
      <c r="W1134" s="55"/>
      <c r="X1134" s="55"/>
      <c r="Y1134" s="55"/>
      <c r="Z1134" s="55"/>
      <c r="AA1134" s="55"/>
      <c r="AB1134" s="55"/>
      <c r="AC1134" s="55"/>
      <c r="AD1134" s="55"/>
      <c r="AE1134" s="55"/>
      <c r="AF1134" s="55"/>
      <c r="AG1134" s="55"/>
      <c r="AY1134" s="162"/>
      <c r="AZ1134" s="162"/>
      <c r="BA1134" s="162"/>
      <c r="BB1134" s="162"/>
      <c r="BC1134" s="162"/>
      <c r="BD1134" s="162"/>
      <c r="BE1134" s="162"/>
      <c r="BF1134" s="162"/>
      <c r="BG1134" s="162"/>
      <c r="BH1134" s="162"/>
      <c r="BI1134" s="162"/>
      <c r="BJ1134" s="162"/>
      <c r="BK1134" s="162"/>
      <c r="BL1134" s="162"/>
      <c r="BM1134" s="162"/>
      <c r="BN1134" s="162"/>
      <c r="BO1134" s="162"/>
      <c r="BP1134" s="162"/>
      <c r="BQ1134" s="162"/>
      <c r="BR1134" s="162"/>
      <c r="BS1134" s="162"/>
      <c r="BT1134" s="162"/>
      <c r="BU1134" s="162"/>
      <c r="BV1134" s="162"/>
      <c r="BW1134" s="162"/>
      <c r="BX1134" s="162"/>
      <c r="BY1134" s="162"/>
      <c r="BZ1134" s="162"/>
      <c r="CA1134" s="162"/>
      <c r="CB1134" s="162"/>
      <c r="CC1134" s="162"/>
      <c r="CD1134" s="162"/>
      <c r="CE1134" s="162"/>
      <c r="CF1134" s="162"/>
      <c r="CG1134" s="162"/>
      <c r="CH1134" s="162"/>
      <c r="CI1134" s="162"/>
      <c r="CJ1134" s="162"/>
      <c r="CK1134" s="162"/>
      <c r="CX1134" s="98"/>
      <c r="DL1134" s="97"/>
      <c r="DX1134" s="98"/>
      <c r="EL1134" s="97"/>
      <c r="EX1134" s="98"/>
      <c r="EY1134" s="97"/>
      <c r="FL1134" s="126"/>
      <c r="FM1134" s="91"/>
      <c r="FN1134" s="91"/>
      <c r="FO1134" s="91"/>
      <c r="FP1134" s="91"/>
      <c r="FQ1134" s="91"/>
      <c r="FR1134" s="91"/>
      <c r="FS1134" s="91"/>
      <c r="FT1134" s="91"/>
      <c r="FU1134" s="91"/>
      <c r="FV1134" s="91"/>
      <c r="FW1134" s="91"/>
      <c r="FX1134" s="91"/>
      <c r="FY1134" s="91"/>
      <c r="FZ1134" s="91"/>
      <c r="GA1134" s="91"/>
      <c r="GB1134" s="91"/>
      <c r="GC1134" s="91"/>
      <c r="GD1134" s="91"/>
      <c r="GE1134" s="91"/>
      <c r="GF1134" s="91"/>
      <c r="GG1134" s="91"/>
      <c r="GH1134" s="91"/>
      <c r="GI1134" s="91"/>
      <c r="GJ1134" s="91"/>
      <c r="GK1134" s="127"/>
      <c r="GL1134" s="126"/>
      <c r="GM1134" s="91"/>
      <c r="GN1134" s="91"/>
      <c r="GO1134" s="91"/>
      <c r="GP1134" s="91"/>
      <c r="GQ1134" s="91"/>
      <c r="GR1134" s="91"/>
      <c r="GS1134" s="91"/>
      <c r="GT1134" s="91"/>
      <c r="GU1134" s="91"/>
      <c r="GV1134" s="91"/>
      <c r="GW1134" s="91"/>
      <c r="GX1134" s="91"/>
      <c r="GY1134" s="91"/>
      <c r="GZ1134" s="91"/>
      <c r="HA1134" s="91"/>
      <c r="HB1134" s="91"/>
      <c r="HC1134" s="91"/>
      <c r="HD1134" s="91"/>
      <c r="HE1134" s="91"/>
      <c r="HF1134" s="91"/>
      <c r="HG1134" s="91"/>
      <c r="HH1134" s="91"/>
      <c r="HI1134" s="91"/>
      <c r="HJ1134" s="91"/>
      <c r="HK1134" s="127"/>
      <c r="HL1134" s="126"/>
      <c r="HM1134" s="91"/>
      <c r="HN1134" s="91"/>
      <c r="HO1134" s="91"/>
      <c r="HP1134" s="91"/>
      <c r="HQ1134" s="91"/>
      <c r="HR1134" s="91"/>
      <c r="HS1134" s="91"/>
      <c r="HT1134" s="91"/>
      <c r="HU1134" s="91"/>
      <c r="HV1134" s="91"/>
      <c r="HW1134" s="91"/>
      <c r="HX1134" s="91"/>
      <c r="HY1134" s="91"/>
      <c r="HZ1134" s="91"/>
      <c r="IA1134" s="91"/>
      <c r="IB1134" s="91"/>
      <c r="IC1134" s="91"/>
      <c r="ID1134" s="91"/>
      <c r="IE1134" s="91"/>
      <c r="IF1134" s="91"/>
      <c r="IG1134" s="91"/>
      <c r="IH1134" s="91"/>
      <c r="II1134" s="91"/>
      <c r="IJ1134" s="91"/>
      <c r="IK1134" s="127"/>
    </row>
    <row r="1135" spans="2:245" x14ac:dyDescent="0.2">
      <c r="B1135" s="43"/>
      <c r="C1135" s="73"/>
      <c r="D1135" s="64"/>
      <c r="E1135" s="64"/>
      <c r="F1135" s="55"/>
      <c r="G1135" s="102"/>
      <c r="H1135" s="55"/>
      <c r="I1135" s="55"/>
      <c r="J1135" s="55"/>
      <c r="K1135" s="55"/>
      <c r="L1135" s="55"/>
      <c r="M1135" s="55"/>
      <c r="N1135" s="55"/>
      <c r="O1135" s="55"/>
      <c r="P1135" s="55"/>
      <c r="Q1135" s="55"/>
      <c r="R1135" s="55"/>
      <c r="S1135" s="55"/>
      <c r="T1135" s="55"/>
      <c r="U1135" s="55"/>
      <c r="V1135" s="55"/>
      <c r="W1135" s="55"/>
      <c r="X1135" s="55"/>
      <c r="Y1135" s="55"/>
      <c r="Z1135" s="55"/>
      <c r="AA1135" s="55"/>
      <c r="AB1135" s="55"/>
      <c r="AC1135" s="55"/>
      <c r="AD1135" s="55"/>
      <c r="AE1135" s="55"/>
      <c r="AF1135" s="55"/>
      <c r="AG1135" s="55"/>
      <c r="AY1135" s="162"/>
      <c r="AZ1135" s="162"/>
      <c r="BA1135" s="162"/>
      <c r="BB1135" s="162"/>
      <c r="BC1135" s="162"/>
      <c r="BD1135" s="162"/>
      <c r="BE1135" s="162"/>
      <c r="BF1135" s="162"/>
      <c r="BG1135" s="162"/>
      <c r="BH1135" s="162"/>
      <c r="BI1135" s="162"/>
      <c r="BJ1135" s="162"/>
      <c r="BK1135" s="162"/>
      <c r="BL1135" s="162"/>
      <c r="BM1135" s="162"/>
      <c r="BN1135" s="162"/>
      <c r="BO1135" s="162"/>
      <c r="BP1135" s="162"/>
      <c r="BQ1135" s="162"/>
      <c r="BR1135" s="162"/>
      <c r="BS1135" s="162"/>
      <c r="BT1135" s="162"/>
      <c r="BU1135" s="162"/>
      <c r="BV1135" s="162"/>
      <c r="BW1135" s="162"/>
      <c r="BX1135" s="162"/>
      <c r="BY1135" s="162"/>
      <c r="BZ1135" s="162"/>
      <c r="CA1135" s="162"/>
      <c r="CB1135" s="162"/>
      <c r="CC1135" s="162"/>
      <c r="CD1135" s="162"/>
      <c r="CE1135" s="162"/>
      <c r="CF1135" s="162"/>
      <c r="CG1135" s="162"/>
      <c r="CH1135" s="162"/>
      <c r="CI1135" s="162"/>
      <c r="CJ1135" s="162"/>
      <c r="CK1135" s="162"/>
      <c r="CX1135" s="98"/>
      <c r="DL1135" s="97"/>
      <c r="DX1135" s="98"/>
      <c r="EL1135" s="97"/>
      <c r="EX1135" s="98"/>
      <c r="EY1135" s="97"/>
      <c r="FL1135" s="126"/>
      <c r="FM1135" s="91"/>
      <c r="FN1135" s="91"/>
      <c r="FO1135" s="91"/>
      <c r="FP1135" s="91"/>
      <c r="FQ1135" s="91"/>
      <c r="FR1135" s="91"/>
      <c r="FS1135" s="91"/>
      <c r="FT1135" s="91"/>
      <c r="FU1135" s="91"/>
      <c r="FV1135" s="91"/>
      <c r="FW1135" s="91"/>
      <c r="FX1135" s="91"/>
      <c r="FY1135" s="91"/>
      <c r="FZ1135" s="91"/>
      <c r="GA1135" s="91"/>
      <c r="GB1135" s="91"/>
      <c r="GC1135" s="91"/>
      <c r="GD1135" s="91"/>
      <c r="GE1135" s="91"/>
      <c r="GF1135" s="91"/>
      <c r="GG1135" s="91"/>
      <c r="GH1135" s="91"/>
      <c r="GI1135" s="91"/>
      <c r="GJ1135" s="91"/>
      <c r="GK1135" s="127"/>
      <c r="GL1135" s="126"/>
      <c r="GM1135" s="91"/>
      <c r="GN1135" s="91"/>
      <c r="GO1135" s="91"/>
      <c r="GP1135" s="91"/>
      <c r="GQ1135" s="91"/>
      <c r="GR1135" s="91"/>
      <c r="GS1135" s="91"/>
      <c r="GT1135" s="91"/>
      <c r="GU1135" s="91"/>
      <c r="GV1135" s="91"/>
      <c r="GW1135" s="91"/>
      <c r="GX1135" s="91"/>
      <c r="GY1135" s="91"/>
      <c r="GZ1135" s="91"/>
      <c r="HA1135" s="91"/>
      <c r="HB1135" s="91"/>
      <c r="HC1135" s="91"/>
      <c r="HD1135" s="91"/>
      <c r="HE1135" s="91"/>
      <c r="HF1135" s="91"/>
      <c r="HG1135" s="91"/>
      <c r="HH1135" s="91"/>
      <c r="HI1135" s="91"/>
      <c r="HJ1135" s="91"/>
      <c r="HK1135" s="127"/>
      <c r="HL1135" s="126"/>
      <c r="HM1135" s="91"/>
      <c r="HN1135" s="91"/>
      <c r="HO1135" s="91"/>
      <c r="HP1135" s="91"/>
      <c r="HQ1135" s="91"/>
      <c r="HR1135" s="91"/>
      <c r="HS1135" s="91"/>
      <c r="HT1135" s="91"/>
      <c r="HU1135" s="91"/>
      <c r="HV1135" s="91"/>
      <c r="HW1135" s="91"/>
      <c r="HX1135" s="91"/>
      <c r="HY1135" s="91"/>
      <c r="HZ1135" s="91"/>
      <c r="IA1135" s="91"/>
      <c r="IB1135" s="91"/>
      <c r="IC1135" s="91"/>
      <c r="ID1135" s="91"/>
      <c r="IE1135" s="91"/>
      <c r="IF1135" s="91"/>
      <c r="IG1135" s="91"/>
      <c r="IH1135" s="91"/>
      <c r="II1135" s="91"/>
      <c r="IJ1135" s="91"/>
      <c r="IK1135" s="127"/>
    </row>
    <row r="1136" spans="2:245" x14ac:dyDescent="0.2">
      <c r="B1136" s="43"/>
      <c r="C1136" s="73"/>
      <c r="D1136" s="64"/>
      <c r="E1136" s="64"/>
      <c r="F1136" s="55"/>
      <c r="G1136" s="102"/>
      <c r="H1136" s="55"/>
      <c r="I1136" s="55"/>
      <c r="J1136" s="55"/>
      <c r="K1136" s="55"/>
      <c r="L1136" s="55"/>
      <c r="M1136" s="55"/>
      <c r="N1136" s="55"/>
      <c r="O1136" s="55"/>
      <c r="P1136" s="55"/>
      <c r="Q1136" s="55"/>
      <c r="R1136" s="55"/>
      <c r="S1136" s="55"/>
      <c r="T1136" s="55"/>
      <c r="U1136" s="55"/>
      <c r="V1136" s="55"/>
      <c r="W1136" s="55"/>
      <c r="X1136" s="55"/>
      <c r="Y1136" s="55"/>
      <c r="Z1136" s="55"/>
      <c r="AA1136" s="55"/>
      <c r="AB1136" s="55"/>
      <c r="AC1136" s="55"/>
      <c r="AD1136" s="55"/>
      <c r="AE1136" s="55"/>
      <c r="AF1136" s="55"/>
      <c r="AG1136" s="55"/>
      <c r="AY1136" s="162"/>
      <c r="AZ1136" s="162"/>
      <c r="BA1136" s="162"/>
      <c r="BB1136" s="162"/>
      <c r="BC1136" s="162"/>
      <c r="BD1136" s="162"/>
      <c r="BE1136" s="162"/>
      <c r="BF1136" s="162"/>
      <c r="BG1136" s="162"/>
      <c r="BH1136" s="162"/>
      <c r="BI1136" s="162"/>
      <c r="BJ1136" s="162"/>
      <c r="BK1136" s="162"/>
      <c r="BL1136" s="162"/>
      <c r="BM1136" s="162"/>
      <c r="BN1136" s="162"/>
      <c r="BO1136" s="162"/>
      <c r="BP1136" s="162"/>
      <c r="BQ1136" s="162"/>
      <c r="BR1136" s="162"/>
      <c r="BS1136" s="162"/>
      <c r="BT1136" s="162"/>
      <c r="BU1136" s="162"/>
      <c r="BV1136" s="162"/>
      <c r="BW1136" s="162"/>
      <c r="BX1136" s="162"/>
      <c r="BY1136" s="162"/>
      <c r="BZ1136" s="162"/>
      <c r="CA1136" s="162"/>
      <c r="CB1136" s="162"/>
      <c r="CC1136" s="162"/>
      <c r="CD1136" s="162"/>
      <c r="CE1136" s="162"/>
      <c r="CF1136" s="162"/>
      <c r="CG1136" s="162"/>
      <c r="CH1136" s="162"/>
      <c r="CI1136" s="162"/>
      <c r="CJ1136" s="162"/>
      <c r="CK1136" s="162"/>
      <c r="CX1136" s="98"/>
      <c r="DL1136" s="97"/>
      <c r="DX1136" s="98"/>
      <c r="EL1136" s="97"/>
      <c r="EX1136" s="98"/>
      <c r="EY1136" s="97"/>
      <c r="FL1136" s="126"/>
      <c r="FM1136" s="91"/>
      <c r="FN1136" s="91"/>
      <c r="FO1136" s="91"/>
      <c r="FP1136" s="91"/>
      <c r="FQ1136" s="91"/>
      <c r="FR1136" s="91"/>
      <c r="FS1136" s="91"/>
      <c r="FT1136" s="91"/>
      <c r="FU1136" s="91"/>
      <c r="FV1136" s="91"/>
      <c r="FW1136" s="91"/>
      <c r="FX1136" s="91"/>
      <c r="FY1136" s="91"/>
      <c r="FZ1136" s="91"/>
      <c r="GA1136" s="91"/>
      <c r="GB1136" s="91"/>
      <c r="GC1136" s="91"/>
      <c r="GD1136" s="91"/>
      <c r="GE1136" s="91"/>
      <c r="GF1136" s="91"/>
      <c r="GG1136" s="91"/>
      <c r="GH1136" s="91"/>
      <c r="GI1136" s="91"/>
      <c r="GJ1136" s="91"/>
      <c r="GK1136" s="127"/>
      <c r="GL1136" s="126"/>
      <c r="GM1136" s="91"/>
      <c r="GN1136" s="91"/>
      <c r="GO1136" s="91"/>
      <c r="GP1136" s="91"/>
      <c r="GQ1136" s="91"/>
      <c r="GR1136" s="91"/>
      <c r="GS1136" s="91"/>
      <c r="GT1136" s="91"/>
      <c r="GU1136" s="91"/>
      <c r="GV1136" s="91"/>
      <c r="GW1136" s="91"/>
      <c r="GX1136" s="91"/>
      <c r="GY1136" s="91"/>
      <c r="GZ1136" s="91"/>
      <c r="HA1136" s="91"/>
      <c r="HB1136" s="91"/>
      <c r="HC1136" s="91"/>
      <c r="HD1136" s="91"/>
      <c r="HE1136" s="91"/>
      <c r="HF1136" s="91"/>
      <c r="HG1136" s="91"/>
      <c r="HH1136" s="91"/>
      <c r="HI1136" s="91"/>
      <c r="HJ1136" s="91"/>
      <c r="HK1136" s="127"/>
      <c r="HL1136" s="126"/>
      <c r="HM1136" s="91"/>
      <c r="HN1136" s="91"/>
      <c r="HO1136" s="91"/>
      <c r="HP1136" s="91"/>
      <c r="HQ1136" s="91"/>
      <c r="HR1136" s="91"/>
      <c r="HS1136" s="91"/>
      <c r="HT1136" s="91"/>
      <c r="HU1136" s="91"/>
      <c r="HV1136" s="91"/>
      <c r="HW1136" s="91"/>
      <c r="HX1136" s="91"/>
      <c r="HY1136" s="91"/>
      <c r="HZ1136" s="91"/>
      <c r="IA1136" s="91"/>
      <c r="IB1136" s="91"/>
      <c r="IC1136" s="91"/>
      <c r="ID1136" s="91"/>
      <c r="IE1136" s="91"/>
      <c r="IF1136" s="91"/>
      <c r="IG1136" s="91"/>
      <c r="IH1136" s="91"/>
      <c r="II1136" s="91"/>
      <c r="IJ1136" s="91"/>
      <c r="IK1136" s="127"/>
    </row>
    <row r="1137" spans="2:245" x14ac:dyDescent="0.2">
      <c r="B1137" s="43"/>
      <c r="C1137" s="73"/>
      <c r="D1137" s="64"/>
      <c r="E1137" s="64"/>
      <c r="F1137" s="55"/>
      <c r="G1137" s="102"/>
      <c r="H1137" s="55"/>
      <c r="I1137" s="55"/>
      <c r="J1137" s="55"/>
      <c r="K1137" s="55"/>
      <c r="L1137" s="55"/>
      <c r="M1137" s="55"/>
      <c r="N1137" s="55"/>
      <c r="O1137" s="55"/>
      <c r="P1137" s="55"/>
      <c r="Q1137" s="55"/>
      <c r="R1137" s="55"/>
      <c r="S1137" s="55"/>
      <c r="T1137" s="55"/>
      <c r="U1137" s="55"/>
      <c r="V1137" s="55"/>
      <c r="W1137" s="55"/>
      <c r="X1137" s="55"/>
      <c r="Y1137" s="55"/>
      <c r="Z1137" s="55"/>
      <c r="AA1137" s="55"/>
      <c r="AB1137" s="55"/>
      <c r="AC1137" s="55"/>
      <c r="AD1137" s="55"/>
      <c r="AE1137" s="55"/>
      <c r="AF1137" s="55"/>
      <c r="AG1137" s="55"/>
      <c r="AY1137" s="162"/>
      <c r="AZ1137" s="162"/>
      <c r="BA1137" s="162"/>
      <c r="BB1137" s="162"/>
      <c r="BC1137" s="162"/>
      <c r="BD1137" s="162"/>
      <c r="BE1137" s="162"/>
      <c r="BF1137" s="162"/>
      <c r="BG1137" s="162"/>
      <c r="BH1137" s="162"/>
      <c r="BI1137" s="162"/>
      <c r="BJ1137" s="162"/>
      <c r="BK1137" s="162"/>
      <c r="BL1137" s="162"/>
      <c r="BM1137" s="162"/>
      <c r="BN1137" s="162"/>
      <c r="BO1137" s="162"/>
      <c r="BP1137" s="162"/>
      <c r="BQ1137" s="162"/>
      <c r="BR1137" s="162"/>
      <c r="BS1137" s="162"/>
      <c r="BT1137" s="162"/>
      <c r="BU1137" s="162"/>
      <c r="BV1137" s="162"/>
      <c r="BW1137" s="162"/>
      <c r="BX1137" s="162"/>
      <c r="BY1137" s="162"/>
      <c r="BZ1137" s="162"/>
      <c r="CA1137" s="162"/>
      <c r="CB1137" s="162"/>
      <c r="CC1137" s="162"/>
      <c r="CD1137" s="162"/>
      <c r="CE1137" s="162"/>
      <c r="CF1137" s="162"/>
      <c r="CG1137" s="162"/>
      <c r="CH1137" s="162"/>
      <c r="CI1137" s="162"/>
      <c r="CJ1137" s="162"/>
      <c r="CK1137" s="162"/>
      <c r="CX1137" s="98"/>
      <c r="DL1137" s="97"/>
      <c r="DX1137" s="98"/>
      <c r="EL1137" s="97"/>
      <c r="EX1137" s="98"/>
      <c r="EY1137" s="97"/>
      <c r="FL1137" s="126"/>
      <c r="FM1137" s="91"/>
      <c r="FN1137" s="91"/>
      <c r="FO1137" s="91"/>
      <c r="FP1137" s="91"/>
      <c r="FQ1137" s="91"/>
      <c r="FR1137" s="91"/>
      <c r="FS1137" s="91"/>
      <c r="FT1137" s="91"/>
      <c r="FU1137" s="91"/>
      <c r="FV1137" s="91"/>
      <c r="FW1137" s="91"/>
      <c r="FX1137" s="91"/>
      <c r="FY1137" s="91"/>
      <c r="FZ1137" s="91"/>
      <c r="GA1137" s="91"/>
      <c r="GB1137" s="91"/>
      <c r="GC1137" s="91"/>
      <c r="GD1137" s="91"/>
      <c r="GE1137" s="91"/>
      <c r="GF1137" s="91"/>
      <c r="GG1137" s="91"/>
      <c r="GH1137" s="91"/>
      <c r="GI1137" s="91"/>
      <c r="GJ1137" s="91"/>
      <c r="GK1137" s="127"/>
      <c r="GL1137" s="126"/>
      <c r="GM1137" s="91"/>
      <c r="GN1137" s="91"/>
      <c r="GO1137" s="91"/>
      <c r="GP1137" s="91"/>
      <c r="GQ1137" s="91"/>
      <c r="GR1137" s="91"/>
      <c r="GS1137" s="91"/>
      <c r="GT1137" s="91"/>
      <c r="GU1137" s="91"/>
      <c r="GV1137" s="91"/>
      <c r="GW1137" s="91"/>
      <c r="GX1137" s="91"/>
      <c r="GY1137" s="91"/>
      <c r="GZ1137" s="91"/>
      <c r="HA1137" s="91"/>
      <c r="HB1137" s="91"/>
      <c r="HC1137" s="91"/>
      <c r="HD1137" s="91"/>
      <c r="HE1137" s="91"/>
      <c r="HF1137" s="91"/>
      <c r="HG1137" s="91"/>
      <c r="HH1137" s="91"/>
      <c r="HI1137" s="91"/>
      <c r="HJ1137" s="91"/>
      <c r="HK1137" s="127"/>
      <c r="HL1137" s="126"/>
      <c r="HM1137" s="91"/>
      <c r="HN1137" s="91"/>
      <c r="HO1137" s="91"/>
      <c r="HP1137" s="91"/>
      <c r="HQ1137" s="91"/>
      <c r="HR1137" s="91"/>
      <c r="HS1137" s="91"/>
      <c r="HT1137" s="91"/>
      <c r="HU1137" s="91"/>
      <c r="HV1137" s="91"/>
      <c r="HW1137" s="91"/>
      <c r="HX1137" s="91"/>
      <c r="HY1137" s="91"/>
      <c r="HZ1137" s="91"/>
      <c r="IA1137" s="91"/>
      <c r="IB1137" s="91"/>
      <c r="IC1137" s="91"/>
      <c r="ID1137" s="91"/>
      <c r="IE1137" s="91"/>
      <c r="IF1137" s="91"/>
      <c r="IG1137" s="91"/>
      <c r="IH1137" s="91"/>
      <c r="II1137" s="91"/>
      <c r="IJ1137" s="91"/>
      <c r="IK1137" s="127"/>
    </row>
    <row r="1138" spans="2:245" x14ac:dyDescent="0.2">
      <c r="B1138" s="43"/>
      <c r="C1138" s="73"/>
      <c r="D1138" s="64"/>
      <c r="E1138" s="64"/>
      <c r="F1138" s="55"/>
      <c r="G1138" s="102"/>
      <c r="H1138" s="55"/>
      <c r="I1138" s="55"/>
      <c r="J1138" s="55"/>
      <c r="K1138" s="55"/>
      <c r="L1138" s="55"/>
      <c r="M1138" s="55"/>
      <c r="N1138" s="55"/>
      <c r="O1138" s="55"/>
      <c r="P1138" s="55"/>
      <c r="Q1138" s="55"/>
      <c r="R1138" s="55"/>
      <c r="S1138" s="55"/>
      <c r="T1138" s="55"/>
      <c r="U1138" s="55"/>
      <c r="V1138" s="55"/>
      <c r="W1138" s="55"/>
      <c r="X1138" s="55"/>
      <c r="Y1138" s="55"/>
      <c r="Z1138" s="55"/>
      <c r="AA1138" s="55"/>
      <c r="AB1138" s="55"/>
      <c r="AC1138" s="55"/>
      <c r="AD1138" s="55"/>
      <c r="AE1138" s="55"/>
      <c r="AF1138" s="55"/>
      <c r="AG1138" s="55"/>
      <c r="AY1138" s="162"/>
      <c r="AZ1138" s="162"/>
      <c r="BA1138" s="162"/>
      <c r="BB1138" s="162"/>
      <c r="BC1138" s="162"/>
      <c r="BD1138" s="162"/>
      <c r="BE1138" s="162"/>
      <c r="BF1138" s="162"/>
      <c r="BG1138" s="162"/>
      <c r="BH1138" s="162"/>
      <c r="BI1138" s="162"/>
      <c r="BJ1138" s="162"/>
      <c r="BK1138" s="162"/>
      <c r="BL1138" s="162"/>
      <c r="BM1138" s="162"/>
      <c r="BN1138" s="162"/>
      <c r="BO1138" s="162"/>
      <c r="BP1138" s="162"/>
      <c r="BQ1138" s="162"/>
      <c r="BR1138" s="162"/>
      <c r="BS1138" s="162"/>
      <c r="BT1138" s="162"/>
      <c r="BU1138" s="162"/>
      <c r="BV1138" s="162"/>
      <c r="BW1138" s="162"/>
      <c r="BX1138" s="162"/>
      <c r="BY1138" s="162"/>
      <c r="BZ1138" s="162"/>
      <c r="CA1138" s="162"/>
      <c r="CB1138" s="162"/>
      <c r="CC1138" s="162"/>
      <c r="CD1138" s="162"/>
      <c r="CE1138" s="162"/>
      <c r="CF1138" s="162"/>
      <c r="CG1138" s="162"/>
      <c r="CH1138" s="162"/>
      <c r="CI1138" s="162"/>
      <c r="CJ1138" s="162"/>
      <c r="CK1138" s="162"/>
      <c r="CX1138" s="98"/>
      <c r="DL1138" s="97"/>
      <c r="DX1138" s="98"/>
      <c r="EL1138" s="97"/>
      <c r="EX1138" s="98"/>
      <c r="EY1138" s="97"/>
      <c r="FL1138" s="126"/>
      <c r="FM1138" s="91"/>
      <c r="FN1138" s="91"/>
      <c r="FO1138" s="91"/>
      <c r="FP1138" s="91"/>
      <c r="FQ1138" s="91"/>
      <c r="FR1138" s="91"/>
      <c r="FS1138" s="91"/>
      <c r="FT1138" s="91"/>
      <c r="FU1138" s="91"/>
      <c r="FV1138" s="91"/>
      <c r="FW1138" s="91"/>
      <c r="FX1138" s="91"/>
      <c r="FY1138" s="91"/>
      <c r="FZ1138" s="91"/>
      <c r="GA1138" s="91"/>
      <c r="GB1138" s="91"/>
      <c r="GC1138" s="91"/>
      <c r="GD1138" s="91"/>
      <c r="GE1138" s="91"/>
      <c r="GF1138" s="91"/>
      <c r="GG1138" s="91"/>
      <c r="GH1138" s="91"/>
      <c r="GI1138" s="91"/>
      <c r="GJ1138" s="91"/>
      <c r="GK1138" s="127"/>
      <c r="GL1138" s="126"/>
      <c r="GM1138" s="91"/>
      <c r="GN1138" s="91"/>
      <c r="GO1138" s="91"/>
      <c r="GP1138" s="91"/>
      <c r="GQ1138" s="91"/>
      <c r="GR1138" s="91"/>
      <c r="GS1138" s="91"/>
      <c r="GT1138" s="91"/>
      <c r="GU1138" s="91"/>
      <c r="GV1138" s="91"/>
      <c r="GW1138" s="91"/>
      <c r="GX1138" s="91"/>
      <c r="GY1138" s="91"/>
      <c r="GZ1138" s="91"/>
      <c r="HA1138" s="91"/>
      <c r="HB1138" s="91"/>
      <c r="HC1138" s="91"/>
      <c r="HD1138" s="91"/>
      <c r="HE1138" s="91"/>
      <c r="HF1138" s="91"/>
      <c r="HG1138" s="91"/>
      <c r="HH1138" s="91"/>
      <c r="HI1138" s="91"/>
      <c r="HJ1138" s="91"/>
      <c r="HK1138" s="127"/>
      <c r="HL1138" s="126"/>
      <c r="HM1138" s="91"/>
      <c r="HN1138" s="91"/>
      <c r="HO1138" s="91"/>
      <c r="HP1138" s="91"/>
      <c r="HQ1138" s="91"/>
      <c r="HR1138" s="91"/>
      <c r="HS1138" s="91"/>
      <c r="HT1138" s="91"/>
      <c r="HU1138" s="91"/>
      <c r="HV1138" s="91"/>
      <c r="HW1138" s="91"/>
      <c r="HX1138" s="91"/>
      <c r="HY1138" s="91"/>
      <c r="HZ1138" s="91"/>
      <c r="IA1138" s="91"/>
      <c r="IB1138" s="91"/>
      <c r="IC1138" s="91"/>
      <c r="ID1138" s="91"/>
      <c r="IE1138" s="91"/>
      <c r="IF1138" s="91"/>
      <c r="IG1138" s="91"/>
      <c r="IH1138" s="91"/>
      <c r="II1138" s="91"/>
      <c r="IJ1138" s="91"/>
      <c r="IK1138" s="127"/>
    </row>
    <row r="1139" spans="2:245" x14ac:dyDescent="0.2">
      <c r="B1139" s="43"/>
      <c r="C1139" s="73"/>
      <c r="D1139" s="64"/>
      <c r="E1139" s="64"/>
      <c r="F1139" s="55"/>
      <c r="G1139" s="102"/>
      <c r="H1139" s="55"/>
      <c r="I1139" s="55"/>
      <c r="J1139" s="55"/>
      <c r="K1139" s="55"/>
      <c r="L1139" s="55"/>
      <c r="M1139" s="55"/>
      <c r="N1139" s="55"/>
      <c r="O1139" s="55"/>
      <c r="P1139" s="55"/>
      <c r="Q1139" s="55"/>
      <c r="R1139" s="55"/>
      <c r="S1139" s="55"/>
      <c r="T1139" s="55"/>
      <c r="U1139" s="55"/>
      <c r="V1139" s="55"/>
      <c r="W1139" s="55"/>
      <c r="X1139" s="55"/>
      <c r="Y1139" s="55"/>
      <c r="Z1139" s="55"/>
      <c r="AA1139" s="55"/>
      <c r="AB1139" s="55"/>
      <c r="AC1139" s="55"/>
      <c r="AD1139" s="55"/>
      <c r="AE1139" s="55"/>
      <c r="AF1139" s="55"/>
      <c r="AG1139" s="55"/>
      <c r="AY1139" s="162"/>
      <c r="AZ1139" s="162"/>
      <c r="BA1139" s="162"/>
      <c r="BB1139" s="162"/>
      <c r="BC1139" s="162"/>
      <c r="BD1139" s="162"/>
      <c r="BE1139" s="162"/>
      <c r="BF1139" s="162"/>
      <c r="BG1139" s="162"/>
      <c r="BH1139" s="162"/>
      <c r="BI1139" s="162"/>
      <c r="BJ1139" s="162"/>
      <c r="BK1139" s="162"/>
      <c r="BL1139" s="162"/>
      <c r="BM1139" s="162"/>
      <c r="BN1139" s="162"/>
      <c r="BO1139" s="162"/>
      <c r="BP1139" s="162"/>
      <c r="BQ1139" s="162"/>
      <c r="BR1139" s="162"/>
      <c r="BS1139" s="162"/>
      <c r="BT1139" s="162"/>
      <c r="BU1139" s="162"/>
      <c r="BV1139" s="162"/>
      <c r="BW1139" s="162"/>
      <c r="BX1139" s="162"/>
      <c r="BY1139" s="162"/>
      <c r="BZ1139" s="162"/>
      <c r="CA1139" s="162"/>
      <c r="CB1139" s="162"/>
      <c r="CC1139" s="162"/>
      <c r="CD1139" s="162"/>
      <c r="CE1139" s="162"/>
      <c r="CF1139" s="162"/>
      <c r="CG1139" s="162"/>
      <c r="CH1139" s="162"/>
      <c r="CI1139" s="162"/>
      <c r="CJ1139" s="162"/>
      <c r="CK1139" s="162"/>
      <c r="CX1139" s="98"/>
      <c r="DL1139" s="97"/>
      <c r="DX1139" s="98"/>
      <c r="EL1139" s="97"/>
      <c r="EX1139" s="98"/>
      <c r="EY1139" s="97"/>
      <c r="FL1139" s="126"/>
      <c r="FM1139" s="91"/>
      <c r="FN1139" s="91"/>
      <c r="FO1139" s="91"/>
      <c r="FP1139" s="91"/>
      <c r="FQ1139" s="91"/>
      <c r="FR1139" s="91"/>
      <c r="FS1139" s="91"/>
      <c r="FT1139" s="91"/>
      <c r="FU1139" s="91"/>
      <c r="FV1139" s="91"/>
      <c r="FW1139" s="91"/>
      <c r="FX1139" s="91"/>
      <c r="FY1139" s="91"/>
      <c r="FZ1139" s="91"/>
      <c r="GA1139" s="91"/>
      <c r="GB1139" s="91"/>
      <c r="GC1139" s="91"/>
      <c r="GD1139" s="91"/>
      <c r="GE1139" s="91"/>
      <c r="GF1139" s="91"/>
      <c r="GG1139" s="91"/>
      <c r="GH1139" s="91"/>
      <c r="GI1139" s="91"/>
      <c r="GJ1139" s="91"/>
      <c r="GK1139" s="127"/>
      <c r="GL1139" s="126"/>
      <c r="GM1139" s="91"/>
      <c r="GN1139" s="91"/>
      <c r="GO1139" s="91"/>
      <c r="GP1139" s="91"/>
      <c r="GQ1139" s="91"/>
      <c r="GR1139" s="91"/>
      <c r="GS1139" s="91"/>
      <c r="GT1139" s="91"/>
      <c r="GU1139" s="91"/>
      <c r="GV1139" s="91"/>
      <c r="GW1139" s="91"/>
      <c r="GX1139" s="91"/>
      <c r="GY1139" s="91"/>
      <c r="GZ1139" s="91"/>
      <c r="HA1139" s="91"/>
      <c r="HB1139" s="91"/>
      <c r="HC1139" s="91"/>
      <c r="HD1139" s="91"/>
      <c r="HE1139" s="91"/>
      <c r="HF1139" s="91"/>
      <c r="HG1139" s="91"/>
      <c r="HH1139" s="91"/>
      <c r="HI1139" s="91"/>
      <c r="HJ1139" s="91"/>
      <c r="HK1139" s="127"/>
      <c r="HL1139" s="126"/>
      <c r="HM1139" s="91"/>
      <c r="HN1139" s="91"/>
      <c r="HO1139" s="91"/>
      <c r="HP1139" s="91"/>
      <c r="HQ1139" s="91"/>
      <c r="HR1139" s="91"/>
      <c r="HS1139" s="91"/>
      <c r="HT1139" s="91"/>
      <c r="HU1139" s="91"/>
      <c r="HV1139" s="91"/>
      <c r="HW1139" s="91"/>
      <c r="HX1139" s="91"/>
      <c r="HY1139" s="91"/>
      <c r="HZ1139" s="91"/>
      <c r="IA1139" s="91"/>
      <c r="IB1139" s="91"/>
      <c r="IC1139" s="91"/>
      <c r="ID1139" s="91"/>
      <c r="IE1139" s="91"/>
      <c r="IF1139" s="91"/>
      <c r="IG1139" s="91"/>
      <c r="IH1139" s="91"/>
      <c r="II1139" s="91"/>
      <c r="IJ1139" s="91"/>
      <c r="IK1139" s="127"/>
    </row>
    <row r="1140" spans="2:245" x14ac:dyDescent="0.2">
      <c r="B1140" s="43"/>
      <c r="C1140" s="73"/>
      <c r="D1140" s="64"/>
      <c r="E1140" s="64"/>
      <c r="F1140" s="55"/>
      <c r="G1140" s="102"/>
      <c r="H1140" s="55"/>
      <c r="I1140" s="55"/>
      <c r="J1140" s="55"/>
      <c r="K1140" s="55"/>
      <c r="L1140" s="55"/>
      <c r="M1140" s="55"/>
      <c r="N1140" s="55"/>
      <c r="O1140" s="55"/>
      <c r="P1140" s="55"/>
      <c r="Q1140" s="55"/>
      <c r="R1140" s="55"/>
      <c r="S1140" s="55"/>
      <c r="T1140" s="55"/>
      <c r="U1140" s="55"/>
      <c r="V1140" s="55"/>
      <c r="W1140" s="55"/>
      <c r="X1140" s="55"/>
      <c r="Y1140" s="55"/>
      <c r="Z1140" s="55"/>
      <c r="AA1140" s="55"/>
      <c r="AB1140" s="55"/>
      <c r="AC1140" s="55"/>
      <c r="AD1140" s="55"/>
      <c r="AE1140" s="55"/>
      <c r="AF1140" s="55"/>
      <c r="AG1140" s="55"/>
      <c r="AY1140" s="162"/>
      <c r="AZ1140" s="162"/>
      <c r="BA1140" s="162"/>
      <c r="BB1140" s="162"/>
      <c r="BC1140" s="162"/>
      <c r="BD1140" s="162"/>
      <c r="BE1140" s="162"/>
      <c r="BF1140" s="162"/>
      <c r="BG1140" s="162"/>
      <c r="BH1140" s="162"/>
      <c r="BI1140" s="162"/>
      <c r="BJ1140" s="162"/>
      <c r="BK1140" s="162"/>
      <c r="BL1140" s="162"/>
      <c r="BM1140" s="162"/>
      <c r="BN1140" s="162"/>
      <c r="BO1140" s="162"/>
      <c r="BP1140" s="162"/>
      <c r="BQ1140" s="162"/>
      <c r="BR1140" s="162"/>
      <c r="BS1140" s="162"/>
      <c r="BT1140" s="162"/>
      <c r="BU1140" s="162"/>
      <c r="BV1140" s="162"/>
      <c r="BW1140" s="162"/>
      <c r="BX1140" s="162"/>
      <c r="BY1140" s="162"/>
      <c r="BZ1140" s="162"/>
      <c r="CA1140" s="162"/>
      <c r="CB1140" s="162"/>
      <c r="CC1140" s="162"/>
      <c r="CD1140" s="162"/>
      <c r="CE1140" s="162"/>
      <c r="CF1140" s="162"/>
      <c r="CG1140" s="162"/>
      <c r="CH1140" s="162"/>
      <c r="CI1140" s="162"/>
      <c r="CJ1140" s="162"/>
      <c r="CK1140" s="162"/>
      <c r="CX1140" s="98"/>
      <c r="DL1140" s="97"/>
      <c r="DX1140" s="98"/>
      <c r="EL1140" s="97"/>
      <c r="EX1140" s="98"/>
      <c r="EY1140" s="97"/>
      <c r="FL1140" s="126"/>
      <c r="FM1140" s="91"/>
      <c r="FN1140" s="91"/>
      <c r="FO1140" s="91"/>
      <c r="FP1140" s="91"/>
      <c r="FQ1140" s="91"/>
      <c r="FR1140" s="91"/>
      <c r="FS1140" s="91"/>
      <c r="FT1140" s="91"/>
      <c r="FU1140" s="91"/>
      <c r="FV1140" s="91"/>
      <c r="FW1140" s="91"/>
      <c r="FX1140" s="91"/>
      <c r="FY1140" s="91"/>
      <c r="FZ1140" s="91"/>
      <c r="GA1140" s="91"/>
      <c r="GB1140" s="91"/>
      <c r="GC1140" s="91"/>
      <c r="GD1140" s="91"/>
      <c r="GE1140" s="91"/>
      <c r="GF1140" s="91"/>
      <c r="GG1140" s="91"/>
      <c r="GH1140" s="91"/>
      <c r="GI1140" s="91"/>
      <c r="GJ1140" s="91"/>
      <c r="GK1140" s="127"/>
      <c r="GL1140" s="126"/>
      <c r="GM1140" s="91"/>
      <c r="GN1140" s="91"/>
      <c r="GO1140" s="91"/>
      <c r="GP1140" s="91"/>
      <c r="GQ1140" s="91"/>
      <c r="GR1140" s="91"/>
      <c r="GS1140" s="91"/>
      <c r="GT1140" s="91"/>
      <c r="GU1140" s="91"/>
      <c r="GV1140" s="91"/>
      <c r="GW1140" s="91"/>
      <c r="GX1140" s="91"/>
      <c r="GY1140" s="91"/>
      <c r="GZ1140" s="91"/>
      <c r="HA1140" s="91"/>
      <c r="HB1140" s="91"/>
      <c r="HC1140" s="91"/>
      <c r="HD1140" s="91"/>
      <c r="HE1140" s="91"/>
      <c r="HF1140" s="91"/>
      <c r="HG1140" s="91"/>
      <c r="HH1140" s="91"/>
      <c r="HI1140" s="91"/>
      <c r="HJ1140" s="91"/>
      <c r="HK1140" s="127"/>
      <c r="HL1140" s="126"/>
      <c r="HM1140" s="91"/>
      <c r="HN1140" s="91"/>
      <c r="HO1140" s="91"/>
      <c r="HP1140" s="91"/>
      <c r="HQ1140" s="91"/>
      <c r="HR1140" s="91"/>
      <c r="HS1140" s="91"/>
      <c r="HT1140" s="91"/>
      <c r="HU1140" s="91"/>
      <c r="HV1140" s="91"/>
      <c r="HW1140" s="91"/>
      <c r="HX1140" s="91"/>
      <c r="HY1140" s="91"/>
      <c r="HZ1140" s="91"/>
      <c r="IA1140" s="91"/>
      <c r="IB1140" s="91"/>
      <c r="IC1140" s="91"/>
      <c r="ID1140" s="91"/>
      <c r="IE1140" s="91"/>
      <c r="IF1140" s="91"/>
      <c r="IG1140" s="91"/>
      <c r="IH1140" s="91"/>
      <c r="II1140" s="91"/>
      <c r="IJ1140" s="91"/>
      <c r="IK1140" s="127"/>
    </row>
    <row r="1141" spans="2:245" x14ac:dyDescent="0.2">
      <c r="B1141" s="43"/>
      <c r="C1141" s="73"/>
      <c r="D1141" s="64"/>
      <c r="E1141" s="64"/>
      <c r="F1141" s="55"/>
      <c r="G1141" s="102"/>
      <c r="H1141" s="55"/>
      <c r="I1141" s="55"/>
      <c r="J1141" s="55"/>
      <c r="K1141" s="55"/>
      <c r="L1141" s="55"/>
      <c r="M1141" s="55"/>
      <c r="N1141" s="55"/>
      <c r="O1141" s="55"/>
      <c r="P1141" s="55"/>
      <c r="Q1141" s="55"/>
      <c r="R1141" s="55"/>
      <c r="S1141" s="55"/>
      <c r="T1141" s="55"/>
      <c r="U1141" s="55"/>
      <c r="V1141" s="55"/>
      <c r="W1141" s="55"/>
      <c r="X1141" s="55"/>
      <c r="Y1141" s="55"/>
      <c r="Z1141" s="55"/>
      <c r="AA1141" s="55"/>
      <c r="AB1141" s="55"/>
      <c r="AC1141" s="55"/>
      <c r="AD1141" s="55"/>
      <c r="AE1141" s="55"/>
      <c r="AF1141" s="55"/>
      <c r="AG1141" s="55"/>
      <c r="AY1141" s="162"/>
      <c r="AZ1141" s="162"/>
      <c r="BA1141" s="162"/>
      <c r="BB1141" s="162"/>
      <c r="BC1141" s="162"/>
      <c r="BD1141" s="162"/>
      <c r="BE1141" s="162"/>
      <c r="BF1141" s="162"/>
      <c r="BG1141" s="162"/>
      <c r="BH1141" s="162"/>
      <c r="BI1141" s="162"/>
      <c r="BJ1141" s="162"/>
      <c r="BK1141" s="162"/>
      <c r="BL1141" s="162"/>
      <c r="BM1141" s="162"/>
      <c r="BN1141" s="162"/>
      <c r="BO1141" s="162"/>
      <c r="BP1141" s="162"/>
      <c r="BQ1141" s="162"/>
      <c r="BR1141" s="162"/>
      <c r="BS1141" s="162"/>
      <c r="BT1141" s="162"/>
      <c r="BU1141" s="162"/>
      <c r="BV1141" s="162"/>
      <c r="BW1141" s="162"/>
      <c r="BX1141" s="162"/>
      <c r="BY1141" s="162"/>
      <c r="BZ1141" s="162"/>
      <c r="CA1141" s="162"/>
      <c r="CB1141" s="162"/>
      <c r="CC1141" s="162"/>
      <c r="CD1141" s="162"/>
      <c r="CE1141" s="162"/>
      <c r="CF1141" s="162"/>
      <c r="CG1141" s="162"/>
      <c r="CH1141" s="162"/>
      <c r="CI1141" s="162"/>
      <c r="CJ1141" s="162"/>
      <c r="CK1141" s="162"/>
      <c r="CX1141" s="98"/>
      <c r="DL1141" s="97"/>
      <c r="DX1141" s="98"/>
      <c r="EL1141" s="97"/>
      <c r="EX1141" s="98"/>
      <c r="EY1141" s="97"/>
      <c r="FL1141" s="126"/>
      <c r="FM1141" s="91"/>
      <c r="FN1141" s="91"/>
      <c r="FO1141" s="91"/>
      <c r="FP1141" s="91"/>
      <c r="FQ1141" s="91"/>
      <c r="FR1141" s="91"/>
      <c r="FS1141" s="91"/>
      <c r="FT1141" s="91"/>
      <c r="FU1141" s="91"/>
      <c r="FV1141" s="91"/>
      <c r="FW1141" s="91"/>
      <c r="FX1141" s="91"/>
      <c r="FY1141" s="91"/>
      <c r="FZ1141" s="91"/>
      <c r="GA1141" s="91"/>
      <c r="GB1141" s="91"/>
      <c r="GC1141" s="91"/>
      <c r="GD1141" s="91"/>
      <c r="GE1141" s="91"/>
      <c r="GF1141" s="91"/>
      <c r="GG1141" s="91"/>
      <c r="GH1141" s="91"/>
      <c r="GI1141" s="91"/>
      <c r="GJ1141" s="91"/>
      <c r="GK1141" s="127"/>
      <c r="GL1141" s="126"/>
      <c r="GM1141" s="91"/>
      <c r="GN1141" s="91"/>
      <c r="GO1141" s="91"/>
      <c r="GP1141" s="91"/>
      <c r="GQ1141" s="91"/>
      <c r="GR1141" s="91"/>
      <c r="GS1141" s="91"/>
      <c r="GT1141" s="91"/>
      <c r="GU1141" s="91"/>
      <c r="GV1141" s="91"/>
      <c r="GW1141" s="91"/>
      <c r="GX1141" s="91"/>
      <c r="GY1141" s="91"/>
      <c r="GZ1141" s="91"/>
      <c r="HA1141" s="91"/>
      <c r="HB1141" s="91"/>
      <c r="HC1141" s="91"/>
      <c r="HD1141" s="91"/>
      <c r="HE1141" s="91"/>
      <c r="HF1141" s="91"/>
      <c r="HG1141" s="91"/>
      <c r="HH1141" s="91"/>
      <c r="HI1141" s="91"/>
      <c r="HJ1141" s="91"/>
      <c r="HK1141" s="127"/>
      <c r="HL1141" s="126"/>
      <c r="HM1141" s="91"/>
      <c r="HN1141" s="91"/>
      <c r="HO1141" s="91"/>
      <c r="HP1141" s="91"/>
      <c r="HQ1141" s="91"/>
      <c r="HR1141" s="91"/>
      <c r="HS1141" s="91"/>
      <c r="HT1141" s="91"/>
      <c r="HU1141" s="91"/>
      <c r="HV1141" s="91"/>
      <c r="HW1141" s="91"/>
      <c r="HX1141" s="91"/>
      <c r="HY1141" s="91"/>
      <c r="HZ1141" s="91"/>
      <c r="IA1141" s="91"/>
      <c r="IB1141" s="91"/>
      <c r="IC1141" s="91"/>
      <c r="ID1141" s="91"/>
      <c r="IE1141" s="91"/>
      <c r="IF1141" s="91"/>
      <c r="IG1141" s="91"/>
      <c r="IH1141" s="91"/>
      <c r="II1141" s="91"/>
      <c r="IJ1141" s="91"/>
      <c r="IK1141" s="127"/>
    </row>
    <row r="1142" spans="2:245" x14ac:dyDescent="0.2">
      <c r="B1142" s="43"/>
      <c r="C1142" s="73"/>
      <c r="D1142" s="64"/>
      <c r="E1142" s="64"/>
      <c r="F1142" s="55"/>
      <c r="G1142" s="102"/>
      <c r="H1142" s="55"/>
      <c r="I1142" s="55"/>
      <c r="J1142" s="55"/>
      <c r="K1142" s="55"/>
      <c r="L1142" s="55"/>
      <c r="M1142" s="55"/>
      <c r="N1142" s="55"/>
      <c r="O1142" s="55"/>
      <c r="P1142" s="55"/>
      <c r="Q1142" s="55"/>
      <c r="R1142" s="55"/>
      <c r="S1142" s="55"/>
      <c r="T1142" s="55"/>
      <c r="U1142" s="55"/>
      <c r="V1142" s="55"/>
      <c r="W1142" s="55"/>
      <c r="X1142" s="55"/>
      <c r="Y1142" s="55"/>
      <c r="Z1142" s="55"/>
      <c r="AA1142" s="55"/>
      <c r="AB1142" s="55"/>
      <c r="AC1142" s="55"/>
      <c r="AD1142" s="55"/>
      <c r="AE1142" s="55"/>
      <c r="AF1142" s="55"/>
      <c r="AG1142" s="55"/>
      <c r="AY1142" s="162"/>
      <c r="AZ1142" s="162"/>
      <c r="BA1142" s="162"/>
      <c r="BB1142" s="162"/>
      <c r="BC1142" s="162"/>
      <c r="BD1142" s="162"/>
      <c r="BE1142" s="162"/>
      <c r="BF1142" s="162"/>
      <c r="BG1142" s="162"/>
      <c r="BH1142" s="162"/>
      <c r="BI1142" s="162"/>
      <c r="BJ1142" s="162"/>
      <c r="BK1142" s="162"/>
      <c r="BL1142" s="162"/>
      <c r="BM1142" s="162"/>
      <c r="BN1142" s="162"/>
      <c r="BO1142" s="162"/>
      <c r="BP1142" s="162"/>
      <c r="BQ1142" s="162"/>
      <c r="BR1142" s="162"/>
      <c r="BS1142" s="162"/>
      <c r="BT1142" s="162"/>
      <c r="BU1142" s="162"/>
      <c r="BV1142" s="162"/>
      <c r="BW1142" s="162"/>
      <c r="BX1142" s="162"/>
      <c r="BY1142" s="162"/>
      <c r="BZ1142" s="162"/>
      <c r="CA1142" s="162"/>
      <c r="CB1142" s="162"/>
      <c r="CC1142" s="162"/>
      <c r="CD1142" s="162"/>
      <c r="CE1142" s="162"/>
      <c r="CF1142" s="162"/>
      <c r="CG1142" s="162"/>
      <c r="CH1142" s="162"/>
      <c r="CI1142" s="162"/>
      <c r="CJ1142" s="162"/>
      <c r="CK1142" s="162"/>
      <c r="CX1142" s="98"/>
      <c r="DL1142" s="97"/>
      <c r="DX1142" s="98"/>
      <c r="EL1142" s="97"/>
      <c r="EX1142" s="98"/>
      <c r="EY1142" s="97"/>
      <c r="FL1142" s="126"/>
      <c r="FM1142" s="91"/>
      <c r="FN1142" s="91"/>
      <c r="FO1142" s="91"/>
      <c r="FP1142" s="91"/>
      <c r="FQ1142" s="91"/>
      <c r="FR1142" s="91"/>
      <c r="FS1142" s="91"/>
      <c r="FT1142" s="91"/>
      <c r="FU1142" s="91"/>
      <c r="FV1142" s="91"/>
      <c r="FW1142" s="91"/>
      <c r="FX1142" s="91"/>
      <c r="FY1142" s="91"/>
      <c r="FZ1142" s="91"/>
      <c r="GA1142" s="91"/>
      <c r="GB1142" s="91"/>
      <c r="GC1142" s="91"/>
      <c r="GD1142" s="91"/>
      <c r="GE1142" s="91"/>
      <c r="GF1142" s="91"/>
      <c r="GG1142" s="91"/>
      <c r="GH1142" s="91"/>
      <c r="GI1142" s="91"/>
      <c r="GJ1142" s="91"/>
      <c r="GK1142" s="127"/>
      <c r="GL1142" s="126"/>
      <c r="GM1142" s="91"/>
      <c r="GN1142" s="91"/>
      <c r="GO1142" s="91"/>
      <c r="GP1142" s="91"/>
      <c r="GQ1142" s="91"/>
      <c r="GR1142" s="91"/>
      <c r="GS1142" s="91"/>
      <c r="GT1142" s="91"/>
      <c r="GU1142" s="91"/>
      <c r="GV1142" s="91"/>
      <c r="GW1142" s="91"/>
      <c r="GX1142" s="91"/>
      <c r="GY1142" s="91"/>
      <c r="GZ1142" s="91"/>
      <c r="HA1142" s="91"/>
      <c r="HB1142" s="91"/>
      <c r="HC1142" s="91"/>
      <c r="HD1142" s="91"/>
      <c r="HE1142" s="91"/>
      <c r="HF1142" s="91"/>
      <c r="HG1142" s="91"/>
      <c r="HH1142" s="91"/>
      <c r="HI1142" s="91"/>
      <c r="HJ1142" s="91"/>
      <c r="HK1142" s="127"/>
      <c r="HL1142" s="126"/>
      <c r="HM1142" s="91"/>
      <c r="HN1142" s="91"/>
      <c r="HO1142" s="91"/>
      <c r="HP1142" s="91"/>
      <c r="HQ1142" s="91"/>
      <c r="HR1142" s="91"/>
      <c r="HS1142" s="91"/>
      <c r="HT1142" s="91"/>
      <c r="HU1142" s="91"/>
      <c r="HV1142" s="91"/>
      <c r="HW1142" s="91"/>
      <c r="HX1142" s="91"/>
      <c r="HY1142" s="91"/>
      <c r="HZ1142" s="91"/>
      <c r="IA1142" s="91"/>
      <c r="IB1142" s="91"/>
      <c r="IC1142" s="91"/>
      <c r="ID1142" s="91"/>
      <c r="IE1142" s="91"/>
      <c r="IF1142" s="91"/>
      <c r="IG1142" s="91"/>
      <c r="IH1142" s="91"/>
      <c r="II1142" s="91"/>
      <c r="IJ1142" s="91"/>
      <c r="IK1142" s="127"/>
    </row>
    <row r="1143" spans="2:245" x14ac:dyDescent="0.2">
      <c r="B1143" s="43"/>
      <c r="C1143" s="73"/>
      <c r="D1143" s="64"/>
      <c r="E1143" s="64"/>
      <c r="F1143" s="55"/>
      <c r="G1143" s="102"/>
      <c r="H1143" s="55"/>
      <c r="I1143" s="55"/>
      <c r="J1143" s="55"/>
      <c r="K1143" s="55"/>
      <c r="L1143" s="55"/>
      <c r="M1143" s="55"/>
      <c r="N1143" s="55"/>
      <c r="O1143" s="55"/>
      <c r="P1143" s="55"/>
      <c r="Q1143" s="55"/>
      <c r="R1143" s="55"/>
      <c r="S1143" s="55"/>
      <c r="T1143" s="55"/>
      <c r="U1143" s="55"/>
      <c r="V1143" s="55"/>
      <c r="W1143" s="55"/>
      <c r="X1143" s="55"/>
      <c r="Y1143" s="55"/>
      <c r="Z1143" s="55"/>
      <c r="AA1143" s="55"/>
      <c r="AB1143" s="55"/>
      <c r="AC1143" s="55"/>
      <c r="AD1143" s="55"/>
      <c r="AE1143" s="55"/>
      <c r="AF1143" s="55"/>
      <c r="AG1143" s="55"/>
      <c r="AY1143" s="162"/>
      <c r="AZ1143" s="162"/>
      <c r="BA1143" s="162"/>
      <c r="BB1143" s="162"/>
      <c r="BC1143" s="162"/>
      <c r="BD1143" s="162"/>
      <c r="BE1143" s="162"/>
      <c r="BF1143" s="162"/>
      <c r="BG1143" s="162"/>
      <c r="BH1143" s="162"/>
      <c r="BI1143" s="162"/>
      <c r="BJ1143" s="162"/>
      <c r="BK1143" s="162"/>
      <c r="BL1143" s="162"/>
      <c r="BM1143" s="162"/>
      <c r="BN1143" s="162"/>
      <c r="BO1143" s="162"/>
      <c r="BP1143" s="162"/>
      <c r="BQ1143" s="162"/>
      <c r="BR1143" s="162"/>
      <c r="BS1143" s="162"/>
      <c r="BT1143" s="162"/>
      <c r="BU1143" s="162"/>
      <c r="BV1143" s="162"/>
      <c r="BW1143" s="162"/>
      <c r="BX1143" s="162"/>
      <c r="BY1143" s="162"/>
      <c r="BZ1143" s="162"/>
      <c r="CA1143" s="162"/>
      <c r="CB1143" s="162"/>
      <c r="CC1143" s="162"/>
      <c r="CD1143" s="162"/>
      <c r="CE1143" s="162"/>
      <c r="CF1143" s="162"/>
      <c r="CG1143" s="162"/>
      <c r="CH1143" s="162"/>
      <c r="CI1143" s="162"/>
      <c r="CJ1143" s="162"/>
      <c r="CK1143" s="162"/>
      <c r="CX1143" s="98"/>
      <c r="DL1143" s="97"/>
      <c r="DX1143" s="98"/>
      <c r="EL1143" s="97"/>
      <c r="EX1143" s="98"/>
      <c r="EY1143" s="97"/>
      <c r="FL1143" s="126"/>
      <c r="FM1143" s="91"/>
      <c r="FN1143" s="91"/>
      <c r="FO1143" s="91"/>
      <c r="FP1143" s="91"/>
      <c r="FQ1143" s="91"/>
      <c r="FR1143" s="91"/>
      <c r="FS1143" s="91"/>
      <c r="FT1143" s="91"/>
      <c r="FU1143" s="91"/>
      <c r="FV1143" s="91"/>
      <c r="FW1143" s="91"/>
      <c r="FX1143" s="91"/>
      <c r="FY1143" s="91"/>
      <c r="FZ1143" s="91"/>
      <c r="GA1143" s="91"/>
      <c r="GB1143" s="91"/>
      <c r="GC1143" s="91"/>
      <c r="GD1143" s="91"/>
      <c r="GE1143" s="91"/>
      <c r="GF1143" s="91"/>
      <c r="GG1143" s="91"/>
      <c r="GH1143" s="91"/>
      <c r="GI1143" s="91"/>
      <c r="GJ1143" s="91"/>
      <c r="GK1143" s="127"/>
      <c r="GL1143" s="126"/>
      <c r="GM1143" s="91"/>
      <c r="GN1143" s="91"/>
      <c r="GO1143" s="91"/>
      <c r="GP1143" s="91"/>
      <c r="GQ1143" s="91"/>
      <c r="GR1143" s="91"/>
      <c r="GS1143" s="91"/>
      <c r="GT1143" s="91"/>
      <c r="GU1143" s="91"/>
      <c r="GV1143" s="91"/>
      <c r="GW1143" s="91"/>
      <c r="GX1143" s="91"/>
      <c r="GY1143" s="91"/>
      <c r="GZ1143" s="91"/>
      <c r="HA1143" s="91"/>
      <c r="HB1143" s="91"/>
      <c r="HC1143" s="91"/>
      <c r="HD1143" s="91"/>
      <c r="HE1143" s="91"/>
      <c r="HF1143" s="91"/>
      <c r="HG1143" s="91"/>
      <c r="HH1143" s="91"/>
      <c r="HI1143" s="91"/>
      <c r="HJ1143" s="91"/>
      <c r="HK1143" s="127"/>
      <c r="HL1143" s="126"/>
      <c r="HM1143" s="91"/>
      <c r="HN1143" s="91"/>
      <c r="HO1143" s="91"/>
      <c r="HP1143" s="91"/>
      <c r="HQ1143" s="91"/>
      <c r="HR1143" s="91"/>
      <c r="HS1143" s="91"/>
      <c r="HT1143" s="91"/>
      <c r="HU1143" s="91"/>
      <c r="HV1143" s="91"/>
      <c r="HW1143" s="91"/>
      <c r="HX1143" s="91"/>
      <c r="HY1143" s="91"/>
      <c r="HZ1143" s="91"/>
      <c r="IA1143" s="91"/>
      <c r="IB1143" s="91"/>
      <c r="IC1143" s="91"/>
      <c r="ID1143" s="91"/>
      <c r="IE1143" s="91"/>
      <c r="IF1143" s="91"/>
      <c r="IG1143" s="91"/>
      <c r="IH1143" s="91"/>
      <c r="II1143" s="91"/>
      <c r="IJ1143" s="91"/>
      <c r="IK1143" s="127"/>
    </row>
    <row r="1144" spans="2:245" x14ac:dyDescent="0.2">
      <c r="B1144" s="43"/>
      <c r="C1144" s="73"/>
      <c r="D1144" s="64"/>
      <c r="E1144" s="64"/>
      <c r="F1144" s="55"/>
      <c r="G1144" s="102"/>
      <c r="H1144" s="55"/>
      <c r="I1144" s="55"/>
      <c r="J1144" s="55"/>
      <c r="K1144" s="55"/>
      <c r="L1144" s="55"/>
      <c r="M1144" s="55"/>
      <c r="N1144" s="55"/>
      <c r="O1144" s="55"/>
      <c r="P1144" s="55"/>
      <c r="Q1144" s="55"/>
      <c r="R1144" s="55"/>
      <c r="S1144" s="55"/>
      <c r="T1144" s="55"/>
      <c r="U1144" s="55"/>
      <c r="V1144" s="55"/>
      <c r="W1144" s="55"/>
      <c r="X1144" s="55"/>
      <c r="Y1144" s="55"/>
      <c r="Z1144" s="55"/>
      <c r="AA1144" s="55"/>
      <c r="AB1144" s="55"/>
      <c r="AC1144" s="55"/>
      <c r="AD1144" s="55"/>
      <c r="AE1144" s="55"/>
      <c r="AF1144" s="55"/>
      <c r="AG1144" s="55"/>
      <c r="AY1144" s="162"/>
      <c r="AZ1144" s="162"/>
      <c r="BA1144" s="162"/>
      <c r="BB1144" s="162"/>
      <c r="BC1144" s="162"/>
      <c r="BD1144" s="162"/>
      <c r="BE1144" s="162"/>
      <c r="BF1144" s="162"/>
      <c r="BG1144" s="162"/>
      <c r="BH1144" s="162"/>
      <c r="BI1144" s="162"/>
      <c r="BJ1144" s="162"/>
      <c r="BK1144" s="162"/>
      <c r="BL1144" s="162"/>
      <c r="BM1144" s="162"/>
      <c r="BN1144" s="162"/>
      <c r="BO1144" s="162"/>
      <c r="BP1144" s="162"/>
      <c r="BQ1144" s="162"/>
      <c r="BR1144" s="162"/>
      <c r="BS1144" s="162"/>
      <c r="BT1144" s="162"/>
      <c r="BU1144" s="162"/>
      <c r="BV1144" s="162"/>
      <c r="BW1144" s="162"/>
      <c r="BX1144" s="162"/>
      <c r="BY1144" s="162"/>
      <c r="BZ1144" s="162"/>
      <c r="CA1144" s="162"/>
      <c r="CB1144" s="162"/>
      <c r="CC1144" s="162"/>
      <c r="CD1144" s="162"/>
      <c r="CE1144" s="162"/>
      <c r="CF1144" s="162"/>
      <c r="CG1144" s="162"/>
      <c r="CH1144" s="162"/>
      <c r="CI1144" s="162"/>
      <c r="CJ1144" s="162"/>
      <c r="CK1144" s="162"/>
      <c r="CX1144" s="98"/>
      <c r="DL1144" s="97"/>
      <c r="DX1144" s="98"/>
      <c r="EL1144" s="97"/>
      <c r="EX1144" s="98"/>
      <c r="EY1144" s="97"/>
      <c r="FL1144" s="126"/>
      <c r="FM1144" s="91"/>
      <c r="FN1144" s="91"/>
      <c r="FO1144" s="91"/>
      <c r="FP1144" s="91"/>
      <c r="FQ1144" s="91"/>
      <c r="FR1144" s="91"/>
      <c r="FS1144" s="91"/>
      <c r="FT1144" s="91"/>
      <c r="FU1144" s="91"/>
      <c r="FV1144" s="91"/>
      <c r="FW1144" s="91"/>
      <c r="FX1144" s="91"/>
      <c r="FY1144" s="91"/>
      <c r="FZ1144" s="91"/>
      <c r="GA1144" s="91"/>
      <c r="GB1144" s="91"/>
      <c r="GC1144" s="91"/>
      <c r="GD1144" s="91"/>
      <c r="GE1144" s="91"/>
      <c r="GF1144" s="91"/>
      <c r="GG1144" s="91"/>
      <c r="GH1144" s="91"/>
      <c r="GI1144" s="91"/>
      <c r="GJ1144" s="91"/>
      <c r="GK1144" s="127"/>
      <c r="GL1144" s="126"/>
      <c r="GM1144" s="91"/>
      <c r="GN1144" s="91"/>
      <c r="GO1144" s="91"/>
      <c r="GP1144" s="91"/>
      <c r="GQ1144" s="91"/>
      <c r="GR1144" s="91"/>
      <c r="GS1144" s="91"/>
      <c r="GT1144" s="91"/>
      <c r="GU1144" s="91"/>
      <c r="GV1144" s="91"/>
      <c r="GW1144" s="91"/>
      <c r="GX1144" s="91"/>
      <c r="GY1144" s="91"/>
      <c r="GZ1144" s="91"/>
      <c r="HA1144" s="91"/>
      <c r="HB1144" s="91"/>
      <c r="HC1144" s="91"/>
      <c r="HD1144" s="91"/>
      <c r="HE1144" s="91"/>
      <c r="HF1144" s="91"/>
      <c r="HG1144" s="91"/>
      <c r="HH1144" s="91"/>
      <c r="HI1144" s="91"/>
      <c r="HJ1144" s="91"/>
      <c r="HK1144" s="127"/>
      <c r="HL1144" s="126"/>
      <c r="HM1144" s="91"/>
      <c r="HN1144" s="91"/>
      <c r="HO1144" s="91"/>
      <c r="HP1144" s="91"/>
      <c r="HQ1144" s="91"/>
      <c r="HR1144" s="91"/>
      <c r="HS1144" s="91"/>
      <c r="HT1144" s="91"/>
      <c r="HU1144" s="91"/>
      <c r="HV1144" s="91"/>
      <c r="HW1144" s="91"/>
      <c r="HX1144" s="91"/>
      <c r="HY1144" s="91"/>
      <c r="HZ1144" s="91"/>
      <c r="IA1144" s="91"/>
      <c r="IB1144" s="91"/>
      <c r="IC1144" s="91"/>
      <c r="ID1144" s="91"/>
      <c r="IE1144" s="91"/>
      <c r="IF1144" s="91"/>
      <c r="IG1144" s="91"/>
      <c r="IH1144" s="91"/>
      <c r="II1144" s="91"/>
      <c r="IJ1144" s="91"/>
      <c r="IK1144" s="127"/>
    </row>
    <row r="1145" spans="2:245" x14ac:dyDescent="0.2">
      <c r="B1145" s="43"/>
      <c r="C1145" s="73"/>
      <c r="D1145" s="64"/>
      <c r="E1145" s="64"/>
      <c r="F1145" s="55"/>
      <c r="G1145" s="102"/>
      <c r="H1145" s="55"/>
      <c r="I1145" s="55"/>
      <c r="J1145" s="55"/>
      <c r="K1145" s="55"/>
      <c r="L1145" s="55"/>
      <c r="M1145" s="55"/>
      <c r="N1145" s="55"/>
      <c r="O1145" s="55"/>
      <c r="P1145" s="55"/>
      <c r="Q1145" s="55"/>
      <c r="R1145" s="55"/>
      <c r="S1145" s="55"/>
      <c r="T1145" s="55"/>
      <c r="U1145" s="55"/>
      <c r="V1145" s="55"/>
      <c r="W1145" s="55"/>
      <c r="X1145" s="55"/>
      <c r="Y1145" s="55"/>
      <c r="Z1145" s="55"/>
      <c r="AA1145" s="55"/>
      <c r="AB1145" s="55"/>
      <c r="AC1145" s="55"/>
      <c r="AD1145" s="55"/>
      <c r="AE1145" s="55"/>
      <c r="AF1145" s="55"/>
      <c r="AG1145" s="55"/>
      <c r="AY1145" s="162"/>
      <c r="AZ1145" s="162"/>
      <c r="BA1145" s="162"/>
      <c r="BB1145" s="162"/>
      <c r="BC1145" s="162"/>
      <c r="BD1145" s="162"/>
      <c r="BE1145" s="162"/>
      <c r="BF1145" s="162"/>
      <c r="BG1145" s="162"/>
      <c r="BH1145" s="162"/>
      <c r="BI1145" s="162"/>
      <c r="BJ1145" s="162"/>
      <c r="BK1145" s="162"/>
      <c r="BL1145" s="162"/>
      <c r="BM1145" s="162"/>
      <c r="BN1145" s="162"/>
      <c r="BO1145" s="162"/>
      <c r="BP1145" s="162"/>
      <c r="BQ1145" s="162"/>
      <c r="BR1145" s="162"/>
      <c r="BS1145" s="162"/>
      <c r="BT1145" s="162"/>
      <c r="BU1145" s="162"/>
      <c r="BV1145" s="162"/>
      <c r="BW1145" s="162"/>
      <c r="BX1145" s="162"/>
      <c r="BY1145" s="162"/>
      <c r="BZ1145" s="162"/>
      <c r="CA1145" s="162"/>
      <c r="CB1145" s="162"/>
      <c r="CC1145" s="162"/>
      <c r="CD1145" s="162"/>
      <c r="CE1145" s="162"/>
      <c r="CF1145" s="162"/>
      <c r="CG1145" s="162"/>
      <c r="CH1145" s="162"/>
      <c r="CI1145" s="162"/>
      <c r="CJ1145" s="162"/>
      <c r="CK1145" s="162"/>
      <c r="CX1145" s="98"/>
      <c r="DL1145" s="97"/>
      <c r="DX1145" s="98"/>
      <c r="EL1145" s="97"/>
      <c r="EX1145" s="98"/>
      <c r="EY1145" s="97"/>
      <c r="FL1145" s="126"/>
      <c r="FM1145" s="91"/>
      <c r="FN1145" s="91"/>
      <c r="FO1145" s="91"/>
      <c r="FP1145" s="91"/>
      <c r="FQ1145" s="91"/>
      <c r="FR1145" s="91"/>
      <c r="FS1145" s="91"/>
      <c r="FT1145" s="91"/>
      <c r="FU1145" s="91"/>
      <c r="FV1145" s="91"/>
      <c r="FW1145" s="91"/>
      <c r="FX1145" s="91"/>
      <c r="FY1145" s="91"/>
      <c r="FZ1145" s="91"/>
      <c r="GA1145" s="91"/>
      <c r="GB1145" s="91"/>
      <c r="GC1145" s="91"/>
      <c r="GD1145" s="91"/>
      <c r="GE1145" s="91"/>
      <c r="GF1145" s="91"/>
      <c r="GG1145" s="91"/>
      <c r="GH1145" s="91"/>
      <c r="GI1145" s="91"/>
      <c r="GJ1145" s="91"/>
      <c r="GK1145" s="127"/>
      <c r="GL1145" s="126"/>
      <c r="GM1145" s="91"/>
      <c r="GN1145" s="91"/>
      <c r="GO1145" s="91"/>
      <c r="GP1145" s="91"/>
      <c r="GQ1145" s="91"/>
      <c r="GR1145" s="91"/>
      <c r="GS1145" s="91"/>
      <c r="GT1145" s="91"/>
      <c r="GU1145" s="91"/>
      <c r="GV1145" s="91"/>
      <c r="GW1145" s="91"/>
      <c r="GX1145" s="91"/>
      <c r="GY1145" s="91"/>
      <c r="GZ1145" s="91"/>
      <c r="HA1145" s="91"/>
      <c r="HB1145" s="91"/>
      <c r="HC1145" s="91"/>
      <c r="HD1145" s="91"/>
      <c r="HE1145" s="91"/>
      <c r="HF1145" s="91"/>
      <c r="HG1145" s="91"/>
      <c r="HH1145" s="91"/>
      <c r="HI1145" s="91"/>
      <c r="HJ1145" s="91"/>
      <c r="HK1145" s="127"/>
      <c r="HL1145" s="126"/>
      <c r="HM1145" s="91"/>
      <c r="HN1145" s="91"/>
      <c r="HO1145" s="91"/>
      <c r="HP1145" s="91"/>
      <c r="HQ1145" s="91"/>
      <c r="HR1145" s="91"/>
      <c r="HS1145" s="91"/>
      <c r="HT1145" s="91"/>
      <c r="HU1145" s="91"/>
      <c r="HV1145" s="91"/>
      <c r="HW1145" s="91"/>
      <c r="HX1145" s="91"/>
      <c r="HY1145" s="91"/>
      <c r="HZ1145" s="91"/>
      <c r="IA1145" s="91"/>
      <c r="IB1145" s="91"/>
      <c r="IC1145" s="91"/>
      <c r="ID1145" s="91"/>
      <c r="IE1145" s="91"/>
      <c r="IF1145" s="91"/>
      <c r="IG1145" s="91"/>
      <c r="IH1145" s="91"/>
      <c r="II1145" s="91"/>
      <c r="IJ1145" s="91"/>
      <c r="IK1145" s="127"/>
    </row>
    <row r="1146" spans="2:245" x14ac:dyDescent="0.2">
      <c r="B1146" s="43"/>
      <c r="C1146" s="73"/>
      <c r="D1146" s="64"/>
      <c r="E1146" s="64"/>
      <c r="F1146" s="55"/>
      <c r="G1146" s="102"/>
      <c r="H1146" s="55"/>
      <c r="I1146" s="55"/>
      <c r="J1146" s="55"/>
      <c r="K1146" s="55"/>
      <c r="L1146" s="55"/>
      <c r="M1146" s="55"/>
      <c r="N1146" s="55"/>
      <c r="O1146" s="55"/>
      <c r="P1146" s="55"/>
      <c r="Q1146" s="55"/>
      <c r="R1146" s="55"/>
      <c r="S1146" s="55"/>
      <c r="T1146" s="55"/>
      <c r="U1146" s="55"/>
      <c r="V1146" s="55"/>
      <c r="W1146" s="55"/>
      <c r="X1146" s="55"/>
      <c r="Y1146" s="55"/>
      <c r="Z1146" s="55"/>
      <c r="AA1146" s="55"/>
      <c r="AB1146" s="55"/>
      <c r="AC1146" s="55"/>
      <c r="AD1146" s="55"/>
      <c r="AE1146" s="55"/>
      <c r="AF1146" s="55"/>
      <c r="AG1146" s="55"/>
      <c r="AY1146" s="162"/>
      <c r="AZ1146" s="162"/>
      <c r="BA1146" s="162"/>
      <c r="BB1146" s="162"/>
      <c r="BC1146" s="162"/>
      <c r="BD1146" s="162"/>
      <c r="BE1146" s="162"/>
      <c r="BF1146" s="162"/>
      <c r="BG1146" s="162"/>
      <c r="BH1146" s="162"/>
      <c r="BI1146" s="162"/>
      <c r="BJ1146" s="162"/>
      <c r="BK1146" s="162"/>
      <c r="BL1146" s="162"/>
      <c r="BM1146" s="162"/>
      <c r="BN1146" s="162"/>
      <c r="BO1146" s="162"/>
      <c r="BP1146" s="162"/>
      <c r="BQ1146" s="162"/>
      <c r="BR1146" s="162"/>
      <c r="BS1146" s="162"/>
      <c r="BT1146" s="162"/>
      <c r="BU1146" s="162"/>
      <c r="BV1146" s="162"/>
      <c r="BW1146" s="162"/>
      <c r="BX1146" s="162"/>
      <c r="BY1146" s="162"/>
      <c r="BZ1146" s="162"/>
      <c r="CA1146" s="162"/>
      <c r="CB1146" s="162"/>
      <c r="CC1146" s="162"/>
      <c r="CD1146" s="162"/>
      <c r="CE1146" s="162"/>
      <c r="CF1146" s="162"/>
      <c r="CG1146" s="162"/>
      <c r="CH1146" s="162"/>
      <c r="CI1146" s="162"/>
      <c r="CJ1146" s="162"/>
      <c r="CK1146" s="162"/>
      <c r="CX1146" s="98"/>
      <c r="DL1146" s="97"/>
      <c r="DX1146" s="98"/>
      <c r="EL1146" s="97"/>
      <c r="EX1146" s="98"/>
      <c r="EY1146" s="97"/>
      <c r="FL1146" s="126"/>
      <c r="FM1146" s="91"/>
      <c r="FN1146" s="91"/>
      <c r="FO1146" s="91"/>
      <c r="FP1146" s="91"/>
      <c r="FQ1146" s="91"/>
      <c r="FR1146" s="91"/>
      <c r="FS1146" s="91"/>
      <c r="FT1146" s="91"/>
      <c r="FU1146" s="91"/>
      <c r="FV1146" s="91"/>
      <c r="FW1146" s="91"/>
      <c r="FX1146" s="91"/>
      <c r="FY1146" s="91"/>
      <c r="FZ1146" s="91"/>
      <c r="GA1146" s="91"/>
      <c r="GB1146" s="91"/>
      <c r="GC1146" s="91"/>
      <c r="GD1146" s="91"/>
      <c r="GE1146" s="91"/>
      <c r="GF1146" s="91"/>
      <c r="GG1146" s="91"/>
      <c r="GH1146" s="91"/>
      <c r="GI1146" s="91"/>
      <c r="GJ1146" s="91"/>
      <c r="GK1146" s="127"/>
      <c r="GL1146" s="126"/>
      <c r="GM1146" s="91"/>
      <c r="GN1146" s="91"/>
      <c r="GO1146" s="91"/>
      <c r="GP1146" s="91"/>
      <c r="GQ1146" s="91"/>
      <c r="GR1146" s="91"/>
      <c r="GS1146" s="91"/>
      <c r="GT1146" s="91"/>
      <c r="GU1146" s="91"/>
      <c r="GV1146" s="91"/>
      <c r="GW1146" s="91"/>
      <c r="GX1146" s="91"/>
      <c r="GY1146" s="91"/>
      <c r="GZ1146" s="91"/>
      <c r="HA1146" s="91"/>
      <c r="HB1146" s="91"/>
      <c r="HC1146" s="91"/>
      <c r="HD1146" s="91"/>
      <c r="HE1146" s="91"/>
      <c r="HF1146" s="91"/>
      <c r="HG1146" s="91"/>
      <c r="HH1146" s="91"/>
      <c r="HI1146" s="91"/>
      <c r="HJ1146" s="91"/>
      <c r="HK1146" s="127"/>
      <c r="HL1146" s="126"/>
      <c r="HM1146" s="91"/>
      <c r="HN1146" s="91"/>
      <c r="HO1146" s="91"/>
      <c r="HP1146" s="91"/>
      <c r="HQ1146" s="91"/>
      <c r="HR1146" s="91"/>
      <c r="HS1146" s="91"/>
      <c r="HT1146" s="91"/>
      <c r="HU1146" s="91"/>
      <c r="HV1146" s="91"/>
      <c r="HW1146" s="91"/>
      <c r="HX1146" s="91"/>
      <c r="HY1146" s="91"/>
      <c r="HZ1146" s="91"/>
      <c r="IA1146" s="91"/>
      <c r="IB1146" s="91"/>
      <c r="IC1146" s="91"/>
      <c r="ID1146" s="91"/>
      <c r="IE1146" s="91"/>
      <c r="IF1146" s="91"/>
      <c r="IG1146" s="91"/>
      <c r="IH1146" s="91"/>
      <c r="II1146" s="91"/>
      <c r="IJ1146" s="91"/>
      <c r="IK1146" s="127"/>
    </row>
    <row r="1147" spans="2:245" x14ac:dyDescent="0.2">
      <c r="B1147" s="43"/>
      <c r="C1147" s="73"/>
      <c r="D1147" s="64"/>
      <c r="E1147" s="64"/>
      <c r="F1147" s="55"/>
      <c r="G1147" s="102"/>
      <c r="H1147" s="55"/>
      <c r="I1147" s="55"/>
      <c r="J1147" s="55"/>
      <c r="K1147" s="55"/>
      <c r="L1147" s="55"/>
      <c r="M1147" s="55"/>
      <c r="N1147" s="55"/>
      <c r="O1147" s="55"/>
      <c r="P1147" s="55"/>
      <c r="Q1147" s="55"/>
      <c r="R1147" s="55"/>
      <c r="S1147" s="55"/>
      <c r="T1147" s="55"/>
      <c r="U1147" s="55"/>
      <c r="V1147" s="55"/>
      <c r="W1147" s="55"/>
      <c r="X1147" s="55"/>
      <c r="Y1147" s="55"/>
      <c r="Z1147" s="55"/>
      <c r="AA1147" s="55"/>
      <c r="AB1147" s="55"/>
      <c r="AC1147" s="55"/>
      <c r="AD1147" s="55"/>
      <c r="AE1147" s="55"/>
      <c r="AF1147" s="55"/>
      <c r="AG1147" s="55"/>
      <c r="AY1147" s="162"/>
      <c r="AZ1147" s="162"/>
      <c r="BA1147" s="162"/>
      <c r="BB1147" s="162"/>
      <c r="BC1147" s="162"/>
      <c r="BD1147" s="162"/>
      <c r="BE1147" s="162"/>
      <c r="BF1147" s="162"/>
      <c r="BG1147" s="162"/>
      <c r="BH1147" s="162"/>
      <c r="BI1147" s="162"/>
      <c r="BJ1147" s="162"/>
      <c r="BK1147" s="162"/>
      <c r="BL1147" s="162"/>
      <c r="BM1147" s="162"/>
      <c r="BN1147" s="162"/>
      <c r="BO1147" s="162"/>
      <c r="BP1147" s="162"/>
      <c r="BQ1147" s="162"/>
      <c r="BR1147" s="162"/>
      <c r="BS1147" s="162"/>
      <c r="BT1147" s="162"/>
      <c r="BU1147" s="162"/>
      <c r="BV1147" s="162"/>
      <c r="BW1147" s="162"/>
      <c r="BX1147" s="162"/>
      <c r="BY1147" s="162"/>
      <c r="BZ1147" s="162"/>
      <c r="CA1147" s="162"/>
      <c r="CB1147" s="162"/>
      <c r="CC1147" s="162"/>
      <c r="CD1147" s="162"/>
      <c r="CE1147" s="162"/>
      <c r="CF1147" s="162"/>
      <c r="CG1147" s="162"/>
      <c r="CH1147" s="162"/>
      <c r="CI1147" s="162"/>
      <c r="CJ1147" s="162"/>
      <c r="CK1147" s="162"/>
      <c r="CX1147" s="98"/>
      <c r="DL1147" s="97"/>
      <c r="DX1147" s="98"/>
      <c r="EL1147" s="97"/>
      <c r="EX1147" s="98"/>
      <c r="EY1147" s="97"/>
      <c r="FL1147" s="126"/>
      <c r="FM1147" s="91"/>
      <c r="FN1147" s="91"/>
      <c r="FO1147" s="91"/>
      <c r="FP1147" s="91"/>
      <c r="FQ1147" s="91"/>
      <c r="FR1147" s="91"/>
      <c r="FS1147" s="91"/>
      <c r="FT1147" s="91"/>
      <c r="FU1147" s="91"/>
      <c r="FV1147" s="91"/>
      <c r="FW1147" s="91"/>
      <c r="FX1147" s="91"/>
      <c r="FY1147" s="91"/>
      <c r="FZ1147" s="91"/>
      <c r="GA1147" s="91"/>
      <c r="GB1147" s="91"/>
      <c r="GC1147" s="91"/>
      <c r="GD1147" s="91"/>
      <c r="GE1147" s="91"/>
      <c r="GF1147" s="91"/>
      <c r="GG1147" s="91"/>
      <c r="GH1147" s="91"/>
      <c r="GI1147" s="91"/>
      <c r="GJ1147" s="91"/>
      <c r="GK1147" s="127"/>
      <c r="GL1147" s="126"/>
      <c r="GM1147" s="91"/>
      <c r="GN1147" s="91"/>
      <c r="GO1147" s="91"/>
      <c r="GP1147" s="91"/>
      <c r="GQ1147" s="91"/>
      <c r="GR1147" s="91"/>
      <c r="GS1147" s="91"/>
      <c r="GT1147" s="91"/>
      <c r="GU1147" s="91"/>
      <c r="GV1147" s="91"/>
      <c r="GW1147" s="91"/>
      <c r="GX1147" s="91"/>
      <c r="GY1147" s="91"/>
      <c r="GZ1147" s="91"/>
      <c r="HA1147" s="91"/>
      <c r="HB1147" s="91"/>
      <c r="HC1147" s="91"/>
      <c r="HD1147" s="91"/>
      <c r="HE1147" s="91"/>
      <c r="HF1147" s="91"/>
      <c r="HG1147" s="91"/>
      <c r="HH1147" s="91"/>
      <c r="HI1147" s="91"/>
      <c r="HJ1147" s="91"/>
      <c r="HK1147" s="127"/>
      <c r="HL1147" s="126"/>
      <c r="HM1147" s="91"/>
      <c r="HN1147" s="91"/>
      <c r="HO1147" s="91"/>
      <c r="HP1147" s="91"/>
      <c r="HQ1147" s="91"/>
      <c r="HR1147" s="91"/>
      <c r="HS1147" s="91"/>
      <c r="HT1147" s="91"/>
      <c r="HU1147" s="91"/>
      <c r="HV1147" s="91"/>
      <c r="HW1147" s="91"/>
      <c r="HX1147" s="91"/>
      <c r="HY1147" s="91"/>
      <c r="HZ1147" s="91"/>
      <c r="IA1147" s="91"/>
      <c r="IB1147" s="91"/>
      <c r="IC1147" s="91"/>
      <c r="ID1147" s="91"/>
      <c r="IE1147" s="91"/>
      <c r="IF1147" s="91"/>
      <c r="IG1147" s="91"/>
      <c r="IH1147" s="91"/>
      <c r="II1147" s="91"/>
      <c r="IJ1147" s="91"/>
      <c r="IK1147" s="127"/>
    </row>
    <row r="1148" spans="2:245" x14ac:dyDescent="0.2">
      <c r="B1148" s="43"/>
      <c r="C1148" s="73"/>
      <c r="D1148" s="64"/>
      <c r="E1148" s="64"/>
      <c r="F1148" s="55"/>
      <c r="G1148" s="102"/>
      <c r="H1148" s="55"/>
      <c r="I1148" s="55"/>
      <c r="J1148" s="55"/>
      <c r="K1148" s="55"/>
      <c r="L1148" s="55"/>
      <c r="M1148" s="55"/>
      <c r="N1148" s="55"/>
      <c r="O1148" s="55"/>
      <c r="P1148" s="55"/>
      <c r="Q1148" s="55"/>
      <c r="R1148" s="55"/>
      <c r="S1148" s="55"/>
      <c r="T1148" s="55"/>
      <c r="U1148" s="55"/>
      <c r="V1148" s="55"/>
      <c r="W1148" s="55"/>
      <c r="X1148" s="55"/>
      <c r="Y1148" s="55"/>
      <c r="Z1148" s="55"/>
      <c r="AA1148" s="55"/>
      <c r="AB1148" s="55"/>
      <c r="AC1148" s="55"/>
      <c r="AD1148" s="55"/>
      <c r="AE1148" s="55"/>
      <c r="AF1148" s="55"/>
      <c r="AG1148" s="55"/>
      <c r="AY1148" s="162"/>
      <c r="AZ1148" s="162"/>
      <c r="BA1148" s="162"/>
      <c r="BB1148" s="162"/>
      <c r="BC1148" s="162"/>
      <c r="BD1148" s="162"/>
      <c r="BE1148" s="162"/>
      <c r="BF1148" s="162"/>
      <c r="BG1148" s="162"/>
      <c r="BH1148" s="162"/>
      <c r="BI1148" s="162"/>
      <c r="BJ1148" s="162"/>
      <c r="BK1148" s="162"/>
      <c r="BL1148" s="162"/>
      <c r="BM1148" s="162"/>
      <c r="BN1148" s="162"/>
      <c r="BO1148" s="162"/>
      <c r="BP1148" s="162"/>
      <c r="BQ1148" s="162"/>
      <c r="BR1148" s="162"/>
      <c r="BS1148" s="162"/>
      <c r="BT1148" s="162"/>
      <c r="BU1148" s="162"/>
      <c r="BV1148" s="162"/>
      <c r="BW1148" s="162"/>
      <c r="BX1148" s="162"/>
      <c r="BY1148" s="162"/>
      <c r="BZ1148" s="162"/>
      <c r="CA1148" s="162"/>
      <c r="CB1148" s="162"/>
      <c r="CC1148" s="162"/>
      <c r="CD1148" s="162"/>
      <c r="CE1148" s="162"/>
      <c r="CF1148" s="162"/>
      <c r="CG1148" s="162"/>
      <c r="CH1148" s="162"/>
      <c r="CI1148" s="162"/>
      <c r="CJ1148" s="162"/>
      <c r="CK1148" s="162"/>
      <c r="CX1148" s="98"/>
      <c r="DL1148" s="97"/>
      <c r="DX1148" s="98"/>
      <c r="EL1148" s="97"/>
      <c r="EX1148" s="98"/>
      <c r="EY1148" s="97"/>
      <c r="FL1148" s="126"/>
      <c r="FM1148" s="91"/>
      <c r="FN1148" s="91"/>
      <c r="FO1148" s="91"/>
      <c r="FP1148" s="91"/>
      <c r="FQ1148" s="91"/>
      <c r="FR1148" s="91"/>
      <c r="FS1148" s="91"/>
      <c r="FT1148" s="91"/>
      <c r="FU1148" s="91"/>
      <c r="FV1148" s="91"/>
      <c r="FW1148" s="91"/>
      <c r="FX1148" s="91"/>
      <c r="FY1148" s="91"/>
      <c r="FZ1148" s="91"/>
      <c r="GA1148" s="91"/>
      <c r="GB1148" s="91"/>
      <c r="GC1148" s="91"/>
      <c r="GD1148" s="91"/>
      <c r="GE1148" s="91"/>
      <c r="GF1148" s="91"/>
      <c r="GG1148" s="91"/>
      <c r="GH1148" s="91"/>
      <c r="GI1148" s="91"/>
      <c r="GJ1148" s="91"/>
      <c r="GK1148" s="127"/>
      <c r="GL1148" s="126"/>
      <c r="GM1148" s="91"/>
      <c r="GN1148" s="91"/>
      <c r="GO1148" s="91"/>
      <c r="GP1148" s="91"/>
      <c r="GQ1148" s="91"/>
      <c r="GR1148" s="91"/>
      <c r="GS1148" s="91"/>
      <c r="GT1148" s="91"/>
      <c r="GU1148" s="91"/>
      <c r="GV1148" s="91"/>
      <c r="GW1148" s="91"/>
      <c r="GX1148" s="91"/>
      <c r="GY1148" s="91"/>
      <c r="GZ1148" s="91"/>
      <c r="HA1148" s="91"/>
      <c r="HB1148" s="91"/>
      <c r="HC1148" s="91"/>
      <c r="HD1148" s="91"/>
      <c r="HE1148" s="91"/>
      <c r="HF1148" s="91"/>
      <c r="HG1148" s="91"/>
      <c r="HH1148" s="91"/>
      <c r="HI1148" s="91"/>
      <c r="HJ1148" s="91"/>
      <c r="HK1148" s="127"/>
      <c r="HL1148" s="126"/>
      <c r="HM1148" s="91"/>
      <c r="HN1148" s="91"/>
      <c r="HO1148" s="91"/>
      <c r="HP1148" s="91"/>
      <c r="HQ1148" s="91"/>
      <c r="HR1148" s="91"/>
      <c r="HS1148" s="91"/>
      <c r="HT1148" s="91"/>
      <c r="HU1148" s="91"/>
      <c r="HV1148" s="91"/>
      <c r="HW1148" s="91"/>
      <c r="HX1148" s="91"/>
      <c r="HY1148" s="91"/>
      <c r="HZ1148" s="91"/>
      <c r="IA1148" s="91"/>
      <c r="IB1148" s="91"/>
      <c r="IC1148" s="91"/>
      <c r="ID1148" s="91"/>
      <c r="IE1148" s="91"/>
      <c r="IF1148" s="91"/>
      <c r="IG1148" s="91"/>
      <c r="IH1148" s="91"/>
      <c r="II1148" s="91"/>
      <c r="IJ1148" s="91"/>
      <c r="IK1148" s="127"/>
    </row>
    <row r="1149" spans="2:245" x14ac:dyDescent="0.2">
      <c r="B1149" s="43"/>
      <c r="C1149" s="73"/>
      <c r="D1149" s="64"/>
      <c r="E1149" s="64"/>
      <c r="F1149" s="55"/>
      <c r="G1149" s="102"/>
      <c r="H1149" s="55"/>
      <c r="I1149" s="55"/>
      <c r="J1149" s="55"/>
      <c r="K1149" s="55"/>
      <c r="L1149" s="55"/>
      <c r="M1149" s="55"/>
      <c r="N1149" s="55"/>
      <c r="O1149" s="55"/>
      <c r="P1149" s="55"/>
      <c r="Q1149" s="55"/>
      <c r="R1149" s="55"/>
      <c r="S1149" s="55"/>
      <c r="T1149" s="55"/>
      <c r="U1149" s="55"/>
      <c r="V1149" s="55"/>
      <c r="W1149" s="55"/>
      <c r="X1149" s="55"/>
      <c r="Y1149" s="55"/>
      <c r="Z1149" s="55"/>
      <c r="AA1149" s="55"/>
      <c r="AB1149" s="55"/>
      <c r="AC1149" s="55"/>
      <c r="AD1149" s="55"/>
      <c r="AE1149" s="55"/>
      <c r="AF1149" s="55"/>
      <c r="AG1149" s="55"/>
      <c r="AY1149" s="162"/>
      <c r="AZ1149" s="162"/>
      <c r="BA1149" s="162"/>
      <c r="BB1149" s="162"/>
      <c r="BC1149" s="162"/>
      <c r="BD1149" s="162"/>
      <c r="BE1149" s="162"/>
      <c r="BF1149" s="162"/>
      <c r="BG1149" s="162"/>
      <c r="BH1149" s="162"/>
      <c r="BI1149" s="162"/>
      <c r="BJ1149" s="162"/>
      <c r="BK1149" s="162"/>
      <c r="BL1149" s="162"/>
      <c r="BM1149" s="162"/>
      <c r="BN1149" s="162"/>
      <c r="BO1149" s="162"/>
      <c r="BP1149" s="162"/>
      <c r="BQ1149" s="162"/>
      <c r="BR1149" s="162"/>
      <c r="BS1149" s="162"/>
      <c r="BT1149" s="162"/>
      <c r="BU1149" s="162"/>
      <c r="BV1149" s="162"/>
      <c r="BW1149" s="162"/>
      <c r="BX1149" s="162"/>
      <c r="BY1149" s="162"/>
      <c r="BZ1149" s="162"/>
      <c r="CA1149" s="162"/>
      <c r="CB1149" s="162"/>
      <c r="CC1149" s="162"/>
      <c r="CD1149" s="162"/>
      <c r="CE1149" s="162"/>
      <c r="CF1149" s="162"/>
      <c r="CG1149" s="162"/>
      <c r="CH1149" s="162"/>
      <c r="CI1149" s="162"/>
      <c r="CJ1149" s="162"/>
      <c r="CK1149" s="162"/>
      <c r="CX1149" s="98"/>
      <c r="DL1149" s="97"/>
      <c r="DX1149" s="98"/>
      <c r="EL1149" s="97"/>
      <c r="EX1149" s="98"/>
      <c r="EY1149" s="97"/>
      <c r="FL1149" s="126"/>
      <c r="FM1149" s="91"/>
      <c r="FN1149" s="91"/>
      <c r="FO1149" s="91"/>
      <c r="FP1149" s="91"/>
      <c r="FQ1149" s="91"/>
      <c r="FR1149" s="91"/>
      <c r="FS1149" s="91"/>
      <c r="FT1149" s="91"/>
      <c r="FU1149" s="91"/>
      <c r="FV1149" s="91"/>
      <c r="FW1149" s="91"/>
      <c r="FX1149" s="91"/>
      <c r="FY1149" s="91"/>
      <c r="FZ1149" s="91"/>
      <c r="GA1149" s="91"/>
      <c r="GB1149" s="91"/>
      <c r="GC1149" s="91"/>
      <c r="GD1149" s="91"/>
      <c r="GE1149" s="91"/>
      <c r="GF1149" s="91"/>
      <c r="GG1149" s="91"/>
      <c r="GH1149" s="91"/>
      <c r="GI1149" s="91"/>
      <c r="GJ1149" s="91"/>
      <c r="GK1149" s="127"/>
      <c r="GL1149" s="126"/>
      <c r="GM1149" s="91"/>
      <c r="GN1149" s="91"/>
      <c r="GO1149" s="91"/>
      <c r="GP1149" s="91"/>
      <c r="GQ1149" s="91"/>
      <c r="GR1149" s="91"/>
      <c r="GS1149" s="91"/>
      <c r="GT1149" s="91"/>
      <c r="GU1149" s="91"/>
      <c r="GV1149" s="91"/>
      <c r="GW1149" s="91"/>
      <c r="GX1149" s="91"/>
      <c r="GY1149" s="91"/>
      <c r="GZ1149" s="91"/>
      <c r="HA1149" s="91"/>
      <c r="HB1149" s="91"/>
      <c r="HC1149" s="91"/>
      <c r="HD1149" s="91"/>
      <c r="HE1149" s="91"/>
      <c r="HF1149" s="91"/>
      <c r="HG1149" s="91"/>
      <c r="HH1149" s="91"/>
      <c r="HI1149" s="91"/>
      <c r="HJ1149" s="91"/>
      <c r="HK1149" s="127"/>
      <c r="HL1149" s="126"/>
      <c r="HM1149" s="91"/>
      <c r="HN1149" s="91"/>
      <c r="HO1149" s="91"/>
      <c r="HP1149" s="91"/>
      <c r="HQ1149" s="91"/>
      <c r="HR1149" s="91"/>
      <c r="HS1149" s="91"/>
      <c r="HT1149" s="91"/>
      <c r="HU1149" s="91"/>
      <c r="HV1149" s="91"/>
      <c r="HW1149" s="91"/>
      <c r="HX1149" s="91"/>
      <c r="HY1149" s="91"/>
      <c r="HZ1149" s="91"/>
      <c r="IA1149" s="91"/>
      <c r="IB1149" s="91"/>
      <c r="IC1149" s="91"/>
      <c r="ID1149" s="91"/>
      <c r="IE1149" s="91"/>
      <c r="IF1149" s="91"/>
      <c r="IG1149" s="91"/>
      <c r="IH1149" s="91"/>
      <c r="II1149" s="91"/>
      <c r="IJ1149" s="91"/>
      <c r="IK1149" s="127"/>
    </row>
    <row r="1150" spans="2:245" x14ac:dyDescent="0.2">
      <c r="B1150" s="43"/>
      <c r="C1150" s="73"/>
      <c r="D1150" s="64"/>
      <c r="E1150" s="64"/>
      <c r="F1150" s="55"/>
      <c r="G1150" s="102"/>
      <c r="H1150" s="55"/>
      <c r="I1150" s="55"/>
      <c r="J1150" s="55"/>
      <c r="K1150" s="55"/>
      <c r="L1150" s="55"/>
      <c r="M1150" s="55"/>
      <c r="N1150" s="55"/>
      <c r="O1150" s="55"/>
      <c r="P1150" s="55"/>
      <c r="Q1150" s="55"/>
      <c r="R1150" s="55"/>
      <c r="S1150" s="55"/>
      <c r="T1150" s="55"/>
      <c r="U1150" s="55"/>
      <c r="V1150" s="55"/>
      <c r="W1150" s="55"/>
      <c r="X1150" s="55"/>
      <c r="Y1150" s="55"/>
      <c r="Z1150" s="55"/>
      <c r="AA1150" s="55"/>
      <c r="AB1150" s="55"/>
      <c r="AC1150" s="55"/>
      <c r="AD1150" s="55"/>
      <c r="AE1150" s="55"/>
      <c r="AF1150" s="55"/>
      <c r="AG1150" s="55"/>
      <c r="AY1150" s="162"/>
      <c r="AZ1150" s="162"/>
      <c r="BA1150" s="162"/>
      <c r="BB1150" s="162"/>
      <c r="BC1150" s="162"/>
      <c r="BD1150" s="162"/>
      <c r="BE1150" s="162"/>
      <c r="BF1150" s="162"/>
      <c r="BG1150" s="162"/>
      <c r="BH1150" s="162"/>
      <c r="BI1150" s="162"/>
      <c r="BJ1150" s="162"/>
      <c r="BK1150" s="162"/>
      <c r="BL1150" s="162"/>
      <c r="BM1150" s="162"/>
      <c r="BN1150" s="162"/>
      <c r="BO1150" s="162"/>
      <c r="BP1150" s="162"/>
      <c r="BQ1150" s="162"/>
      <c r="BR1150" s="162"/>
      <c r="BS1150" s="162"/>
      <c r="BT1150" s="162"/>
      <c r="BU1150" s="162"/>
      <c r="BV1150" s="162"/>
      <c r="BW1150" s="162"/>
      <c r="BX1150" s="162"/>
      <c r="BY1150" s="162"/>
      <c r="BZ1150" s="162"/>
      <c r="CA1150" s="162"/>
      <c r="CB1150" s="162"/>
      <c r="CC1150" s="162"/>
      <c r="CD1150" s="162"/>
      <c r="CE1150" s="162"/>
      <c r="CF1150" s="162"/>
      <c r="CG1150" s="162"/>
      <c r="CH1150" s="162"/>
      <c r="CI1150" s="162"/>
      <c r="CJ1150" s="162"/>
      <c r="CK1150" s="162"/>
      <c r="CX1150" s="98"/>
      <c r="DL1150" s="97"/>
      <c r="DX1150" s="98"/>
      <c r="EL1150" s="97"/>
      <c r="EX1150" s="98"/>
      <c r="EY1150" s="97"/>
      <c r="FL1150" s="126"/>
      <c r="FM1150" s="91"/>
      <c r="FN1150" s="91"/>
      <c r="FO1150" s="91"/>
      <c r="FP1150" s="91"/>
      <c r="FQ1150" s="91"/>
      <c r="FR1150" s="91"/>
      <c r="FS1150" s="91"/>
      <c r="FT1150" s="91"/>
      <c r="FU1150" s="91"/>
      <c r="FV1150" s="91"/>
      <c r="FW1150" s="91"/>
      <c r="FX1150" s="91"/>
      <c r="FY1150" s="91"/>
      <c r="FZ1150" s="91"/>
      <c r="GA1150" s="91"/>
      <c r="GB1150" s="91"/>
      <c r="GC1150" s="91"/>
      <c r="GD1150" s="91"/>
      <c r="GE1150" s="91"/>
      <c r="GF1150" s="91"/>
      <c r="GG1150" s="91"/>
      <c r="GH1150" s="91"/>
      <c r="GI1150" s="91"/>
      <c r="GJ1150" s="91"/>
      <c r="GK1150" s="127"/>
      <c r="GL1150" s="126"/>
      <c r="GM1150" s="91"/>
      <c r="GN1150" s="91"/>
      <c r="GO1150" s="91"/>
      <c r="GP1150" s="91"/>
      <c r="GQ1150" s="91"/>
      <c r="GR1150" s="91"/>
      <c r="GS1150" s="91"/>
      <c r="GT1150" s="91"/>
      <c r="GU1150" s="91"/>
      <c r="GV1150" s="91"/>
      <c r="GW1150" s="91"/>
      <c r="GX1150" s="91"/>
      <c r="GY1150" s="91"/>
      <c r="GZ1150" s="91"/>
      <c r="HA1150" s="91"/>
      <c r="HB1150" s="91"/>
      <c r="HC1150" s="91"/>
      <c r="HD1150" s="91"/>
      <c r="HE1150" s="91"/>
      <c r="HF1150" s="91"/>
      <c r="HG1150" s="91"/>
      <c r="HH1150" s="91"/>
      <c r="HI1150" s="91"/>
      <c r="HJ1150" s="91"/>
      <c r="HK1150" s="127"/>
      <c r="HL1150" s="126"/>
      <c r="HM1150" s="91"/>
      <c r="HN1150" s="91"/>
      <c r="HO1150" s="91"/>
      <c r="HP1150" s="91"/>
      <c r="HQ1150" s="91"/>
      <c r="HR1150" s="91"/>
      <c r="HS1150" s="91"/>
      <c r="HT1150" s="91"/>
      <c r="HU1150" s="91"/>
      <c r="HV1150" s="91"/>
      <c r="HW1150" s="91"/>
      <c r="HX1150" s="91"/>
      <c r="HY1150" s="91"/>
      <c r="HZ1150" s="91"/>
      <c r="IA1150" s="91"/>
      <c r="IB1150" s="91"/>
      <c r="IC1150" s="91"/>
      <c r="ID1150" s="91"/>
      <c r="IE1150" s="91"/>
      <c r="IF1150" s="91"/>
      <c r="IG1150" s="91"/>
      <c r="IH1150" s="91"/>
      <c r="II1150" s="91"/>
      <c r="IJ1150" s="91"/>
      <c r="IK1150" s="127"/>
    </row>
    <row r="1151" spans="2:245" x14ac:dyDescent="0.2">
      <c r="B1151" s="43"/>
      <c r="C1151" s="73"/>
      <c r="D1151" s="64"/>
      <c r="E1151" s="64"/>
      <c r="F1151" s="55"/>
      <c r="G1151" s="102"/>
      <c r="H1151" s="55"/>
      <c r="I1151" s="55"/>
      <c r="J1151" s="55"/>
      <c r="K1151" s="55"/>
      <c r="L1151" s="55"/>
      <c r="M1151" s="55"/>
      <c r="N1151" s="55"/>
      <c r="O1151" s="55"/>
      <c r="P1151" s="55"/>
      <c r="Q1151" s="55"/>
      <c r="R1151" s="55"/>
      <c r="S1151" s="55"/>
      <c r="T1151" s="55"/>
      <c r="U1151" s="55"/>
      <c r="V1151" s="55"/>
      <c r="W1151" s="55"/>
      <c r="X1151" s="55"/>
      <c r="Y1151" s="55"/>
      <c r="Z1151" s="55"/>
      <c r="AA1151" s="55"/>
      <c r="AB1151" s="55"/>
      <c r="AC1151" s="55"/>
      <c r="AD1151" s="55"/>
      <c r="AE1151" s="55"/>
      <c r="AF1151" s="55"/>
      <c r="AG1151" s="55"/>
      <c r="AY1151" s="162"/>
      <c r="AZ1151" s="162"/>
      <c r="BA1151" s="162"/>
      <c r="BB1151" s="162"/>
      <c r="BC1151" s="162"/>
      <c r="BD1151" s="162"/>
      <c r="BE1151" s="162"/>
      <c r="BF1151" s="162"/>
      <c r="BG1151" s="162"/>
      <c r="BH1151" s="162"/>
      <c r="BI1151" s="162"/>
      <c r="BJ1151" s="162"/>
      <c r="BK1151" s="162"/>
      <c r="BL1151" s="162"/>
      <c r="BM1151" s="162"/>
      <c r="BN1151" s="162"/>
      <c r="BO1151" s="162"/>
      <c r="BP1151" s="162"/>
      <c r="BQ1151" s="162"/>
      <c r="BR1151" s="162"/>
      <c r="BS1151" s="162"/>
      <c r="BT1151" s="162"/>
      <c r="BU1151" s="162"/>
      <c r="BV1151" s="162"/>
      <c r="BW1151" s="162"/>
      <c r="BX1151" s="162"/>
      <c r="BY1151" s="162"/>
      <c r="BZ1151" s="162"/>
      <c r="CA1151" s="162"/>
      <c r="CB1151" s="162"/>
      <c r="CC1151" s="162"/>
      <c r="CD1151" s="162"/>
      <c r="CE1151" s="162"/>
      <c r="CF1151" s="162"/>
      <c r="CG1151" s="162"/>
      <c r="CH1151" s="162"/>
      <c r="CI1151" s="162"/>
      <c r="CJ1151" s="162"/>
      <c r="CK1151" s="162"/>
      <c r="CX1151" s="98"/>
      <c r="DL1151" s="97"/>
      <c r="DX1151" s="98"/>
      <c r="EL1151" s="97"/>
      <c r="EX1151" s="98"/>
      <c r="EY1151" s="97"/>
      <c r="FL1151" s="126"/>
      <c r="FM1151" s="91"/>
      <c r="FN1151" s="91"/>
      <c r="FO1151" s="91"/>
      <c r="FP1151" s="91"/>
      <c r="FQ1151" s="91"/>
      <c r="FR1151" s="91"/>
      <c r="FS1151" s="91"/>
      <c r="FT1151" s="91"/>
      <c r="FU1151" s="91"/>
      <c r="FV1151" s="91"/>
      <c r="FW1151" s="91"/>
      <c r="FX1151" s="91"/>
      <c r="FY1151" s="91"/>
      <c r="FZ1151" s="91"/>
      <c r="GA1151" s="91"/>
      <c r="GB1151" s="91"/>
      <c r="GC1151" s="91"/>
      <c r="GD1151" s="91"/>
      <c r="GE1151" s="91"/>
      <c r="GF1151" s="91"/>
      <c r="GG1151" s="91"/>
      <c r="GH1151" s="91"/>
      <c r="GI1151" s="91"/>
      <c r="GJ1151" s="91"/>
      <c r="GK1151" s="127"/>
      <c r="GL1151" s="126"/>
      <c r="GM1151" s="91"/>
      <c r="GN1151" s="91"/>
      <c r="GO1151" s="91"/>
      <c r="GP1151" s="91"/>
      <c r="GQ1151" s="91"/>
      <c r="GR1151" s="91"/>
      <c r="GS1151" s="91"/>
      <c r="GT1151" s="91"/>
      <c r="GU1151" s="91"/>
      <c r="GV1151" s="91"/>
      <c r="GW1151" s="91"/>
      <c r="GX1151" s="91"/>
      <c r="GY1151" s="91"/>
      <c r="GZ1151" s="91"/>
      <c r="HA1151" s="91"/>
      <c r="HB1151" s="91"/>
      <c r="HC1151" s="91"/>
      <c r="HD1151" s="91"/>
      <c r="HE1151" s="91"/>
      <c r="HF1151" s="91"/>
      <c r="HG1151" s="91"/>
      <c r="HH1151" s="91"/>
      <c r="HI1151" s="91"/>
      <c r="HJ1151" s="91"/>
      <c r="HK1151" s="127"/>
      <c r="HL1151" s="126"/>
      <c r="HM1151" s="91"/>
      <c r="HN1151" s="91"/>
      <c r="HO1151" s="91"/>
      <c r="HP1151" s="91"/>
      <c r="HQ1151" s="91"/>
      <c r="HR1151" s="91"/>
      <c r="HS1151" s="91"/>
      <c r="HT1151" s="91"/>
      <c r="HU1151" s="91"/>
      <c r="HV1151" s="91"/>
      <c r="HW1151" s="91"/>
      <c r="HX1151" s="91"/>
      <c r="HY1151" s="91"/>
      <c r="HZ1151" s="91"/>
      <c r="IA1151" s="91"/>
      <c r="IB1151" s="91"/>
      <c r="IC1151" s="91"/>
      <c r="ID1151" s="91"/>
      <c r="IE1151" s="91"/>
      <c r="IF1151" s="91"/>
      <c r="IG1151" s="91"/>
      <c r="IH1151" s="91"/>
      <c r="II1151" s="91"/>
      <c r="IJ1151" s="91"/>
      <c r="IK1151" s="127"/>
    </row>
    <row r="1152" spans="2:245" x14ac:dyDescent="0.2">
      <c r="B1152" s="43"/>
      <c r="C1152" s="73"/>
      <c r="D1152" s="64"/>
      <c r="E1152" s="64"/>
      <c r="F1152" s="55"/>
      <c r="G1152" s="102"/>
      <c r="H1152" s="55"/>
      <c r="I1152" s="55"/>
      <c r="J1152" s="55"/>
      <c r="K1152" s="55"/>
      <c r="L1152" s="55"/>
      <c r="M1152" s="55"/>
      <c r="N1152" s="55"/>
      <c r="O1152" s="55"/>
      <c r="P1152" s="55"/>
      <c r="Q1152" s="55"/>
      <c r="R1152" s="55"/>
      <c r="S1152" s="55"/>
      <c r="T1152" s="55"/>
      <c r="U1152" s="55"/>
      <c r="V1152" s="55"/>
      <c r="W1152" s="55"/>
      <c r="X1152" s="55"/>
      <c r="Y1152" s="55"/>
      <c r="Z1152" s="55"/>
      <c r="AA1152" s="55"/>
      <c r="AB1152" s="55"/>
      <c r="AC1152" s="55"/>
      <c r="AD1152" s="55"/>
      <c r="AE1152" s="55"/>
      <c r="AF1152" s="55"/>
      <c r="AG1152" s="55"/>
      <c r="AY1152" s="162"/>
      <c r="AZ1152" s="162"/>
      <c r="BA1152" s="162"/>
      <c r="BB1152" s="162"/>
      <c r="BC1152" s="162"/>
      <c r="BD1152" s="162"/>
      <c r="BE1152" s="162"/>
      <c r="BF1152" s="162"/>
      <c r="BG1152" s="162"/>
      <c r="BH1152" s="162"/>
      <c r="BI1152" s="162"/>
      <c r="BJ1152" s="162"/>
      <c r="BK1152" s="162"/>
      <c r="BL1152" s="162"/>
      <c r="BM1152" s="162"/>
      <c r="BN1152" s="162"/>
      <c r="BO1152" s="162"/>
      <c r="BP1152" s="162"/>
      <c r="BQ1152" s="162"/>
      <c r="BR1152" s="162"/>
      <c r="BS1152" s="162"/>
      <c r="BT1152" s="162"/>
      <c r="BU1152" s="162"/>
      <c r="BV1152" s="162"/>
      <c r="BW1152" s="162"/>
      <c r="BX1152" s="162"/>
      <c r="BY1152" s="162"/>
      <c r="BZ1152" s="162"/>
      <c r="CA1152" s="162"/>
      <c r="CB1152" s="162"/>
      <c r="CC1152" s="162"/>
      <c r="CD1152" s="162"/>
      <c r="CE1152" s="162"/>
      <c r="CF1152" s="162"/>
      <c r="CG1152" s="162"/>
      <c r="CH1152" s="162"/>
      <c r="CI1152" s="162"/>
      <c r="CJ1152" s="162"/>
      <c r="CK1152" s="162"/>
      <c r="CX1152" s="98"/>
      <c r="DL1152" s="97"/>
      <c r="DX1152" s="98"/>
      <c r="EL1152" s="97"/>
      <c r="EX1152" s="98"/>
      <c r="EY1152" s="97"/>
      <c r="FL1152" s="126"/>
      <c r="FM1152" s="91"/>
      <c r="FN1152" s="91"/>
      <c r="FO1152" s="91"/>
      <c r="FP1152" s="91"/>
      <c r="FQ1152" s="91"/>
      <c r="FR1152" s="91"/>
      <c r="FS1152" s="91"/>
      <c r="FT1152" s="91"/>
      <c r="FU1152" s="91"/>
      <c r="FV1152" s="91"/>
      <c r="FW1152" s="91"/>
      <c r="FX1152" s="91"/>
      <c r="FY1152" s="91"/>
      <c r="FZ1152" s="91"/>
      <c r="GA1152" s="91"/>
      <c r="GB1152" s="91"/>
      <c r="GC1152" s="91"/>
      <c r="GD1152" s="91"/>
      <c r="GE1152" s="91"/>
      <c r="GF1152" s="91"/>
      <c r="GG1152" s="91"/>
      <c r="GH1152" s="91"/>
      <c r="GI1152" s="91"/>
      <c r="GJ1152" s="91"/>
      <c r="GK1152" s="127"/>
      <c r="GL1152" s="126"/>
      <c r="GM1152" s="91"/>
      <c r="GN1152" s="91"/>
      <c r="GO1152" s="91"/>
      <c r="GP1152" s="91"/>
      <c r="GQ1152" s="91"/>
      <c r="GR1152" s="91"/>
      <c r="GS1152" s="91"/>
      <c r="GT1152" s="91"/>
      <c r="GU1152" s="91"/>
      <c r="GV1152" s="91"/>
      <c r="GW1152" s="91"/>
      <c r="GX1152" s="91"/>
      <c r="GY1152" s="91"/>
      <c r="GZ1152" s="91"/>
      <c r="HA1152" s="91"/>
      <c r="HB1152" s="91"/>
      <c r="HC1152" s="91"/>
      <c r="HD1152" s="91"/>
      <c r="HE1152" s="91"/>
      <c r="HF1152" s="91"/>
      <c r="HG1152" s="91"/>
      <c r="HH1152" s="91"/>
      <c r="HI1152" s="91"/>
      <c r="HJ1152" s="91"/>
      <c r="HK1152" s="127"/>
      <c r="HL1152" s="126"/>
      <c r="HM1152" s="91"/>
      <c r="HN1152" s="91"/>
      <c r="HO1152" s="91"/>
      <c r="HP1152" s="91"/>
      <c r="HQ1152" s="91"/>
      <c r="HR1152" s="91"/>
      <c r="HS1152" s="91"/>
      <c r="HT1152" s="91"/>
      <c r="HU1152" s="91"/>
      <c r="HV1152" s="91"/>
      <c r="HW1152" s="91"/>
      <c r="HX1152" s="91"/>
      <c r="HY1152" s="91"/>
      <c r="HZ1152" s="91"/>
      <c r="IA1152" s="91"/>
      <c r="IB1152" s="91"/>
      <c r="IC1152" s="91"/>
      <c r="ID1152" s="91"/>
      <c r="IE1152" s="91"/>
      <c r="IF1152" s="91"/>
      <c r="IG1152" s="91"/>
      <c r="IH1152" s="91"/>
      <c r="II1152" s="91"/>
      <c r="IJ1152" s="91"/>
      <c r="IK1152" s="127"/>
    </row>
    <row r="1153" spans="2:245" ht="13.5" thickBot="1" x14ac:dyDescent="0.25">
      <c r="B1153" s="43"/>
      <c r="C1153" s="73"/>
      <c r="D1153" s="64"/>
      <c r="E1153" s="64"/>
      <c r="F1153" s="55"/>
      <c r="G1153" s="102"/>
      <c r="H1153" s="55"/>
      <c r="I1153" s="55"/>
      <c r="J1153" s="55"/>
      <c r="K1153" s="55"/>
      <c r="L1153" s="55"/>
      <c r="M1153" s="55"/>
      <c r="N1153" s="55"/>
      <c r="O1153" s="55"/>
      <c r="P1153" s="55"/>
      <c r="Q1153" s="55"/>
      <c r="R1153" s="55"/>
      <c r="S1153" s="55"/>
      <c r="T1153" s="55"/>
      <c r="U1153" s="55"/>
      <c r="V1153" s="55"/>
      <c r="W1153" s="55"/>
      <c r="X1153" s="55"/>
      <c r="Y1153" s="55"/>
      <c r="Z1153" s="55"/>
      <c r="AA1153" s="55"/>
      <c r="AB1153" s="55"/>
      <c r="AC1153" s="55"/>
      <c r="AD1153" s="55"/>
      <c r="AE1153" s="55"/>
      <c r="AF1153" s="55"/>
      <c r="AG1153" s="55"/>
      <c r="AY1153" s="162"/>
      <c r="AZ1153" s="162"/>
      <c r="BA1153" s="162"/>
      <c r="BB1153" s="162"/>
      <c r="BC1153" s="162"/>
      <c r="BD1153" s="162"/>
      <c r="BE1153" s="162"/>
      <c r="BF1153" s="162"/>
      <c r="BG1153" s="162"/>
      <c r="BH1153" s="162"/>
      <c r="BI1153" s="162"/>
      <c r="BJ1153" s="162"/>
      <c r="BK1153" s="162"/>
      <c r="BL1153" s="162"/>
      <c r="BM1153" s="162"/>
      <c r="BN1153" s="162"/>
      <c r="BO1153" s="162"/>
      <c r="BP1153" s="162"/>
      <c r="BQ1153" s="162"/>
      <c r="BR1153" s="162"/>
      <c r="BS1153" s="162"/>
      <c r="BT1153" s="162"/>
      <c r="BU1153" s="162"/>
      <c r="BV1153" s="162"/>
      <c r="BW1153" s="162"/>
      <c r="BX1153" s="162"/>
      <c r="BY1153" s="162"/>
      <c r="BZ1153" s="162"/>
      <c r="CA1153" s="162"/>
      <c r="CB1153" s="162"/>
      <c r="CC1153" s="162"/>
      <c r="CD1153" s="162"/>
      <c r="CE1153" s="162"/>
      <c r="CF1153" s="162"/>
      <c r="CG1153" s="162"/>
      <c r="CH1153" s="162"/>
      <c r="CI1153" s="162"/>
      <c r="CJ1153" s="162"/>
      <c r="CK1153" s="162"/>
      <c r="CL1153" s="166"/>
      <c r="CM1153" s="166"/>
      <c r="CN1153" s="166"/>
      <c r="CO1153" s="166"/>
      <c r="CP1153" s="166"/>
      <c r="CQ1153" s="166"/>
      <c r="CR1153" s="166"/>
      <c r="CS1153" s="166"/>
      <c r="CT1153" s="166"/>
      <c r="CU1153" s="166"/>
      <c r="CV1153" s="166"/>
      <c r="CW1153" s="166"/>
      <c r="CX1153" s="176"/>
      <c r="CY1153" s="166"/>
      <c r="CZ1153" s="166"/>
      <c r="DA1153" s="166"/>
      <c r="DB1153" s="166"/>
      <c r="DC1153" s="166"/>
      <c r="DD1153" s="166"/>
      <c r="DE1153" s="166"/>
      <c r="DF1153" s="166"/>
      <c r="DG1153" s="166"/>
      <c r="DH1153" s="166"/>
      <c r="DI1153" s="166"/>
      <c r="DJ1153" s="166"/>
      <c r="DK1153" s="166"/>
      <c r="DL1153" s="175"/>
      <c r="DM1153" s="166"/>
      <c r="DN1153" s="166"/>
      <c r="DO1153" s="166"/>
      <c r="DP1153" s="166"/>
      <c r="DQ1153" s="166"/>
      <c r="DR1153" s="166"/>
      <c r="DS1153" s="166"/>
      <c r="DT1153" s="166"/>
      <c r="DU1153" s="166"/>
      <c r="DV1153" s="166"/>
      <c r="DW1153" s="166"/>
      <c r="DX1153" s="176"/>
      <c r="DY1153" s="166"/>
      <c r="DZ1153" s="166"/>
      <c r="EA1153" s="166"/>
      <c r="EB1153" s="166"/>
      <c r="EC1153" s="166"/>
      <c r="ED1153" s="166"/>
      <c r="EE1153" s="166"/>
      <c r="EF1153" s="166"/>
      <c r="EG1153" s="166"/>
      <c r="EH1153" s="166"/>
      <c r="EI1153" s="166"/>
      <c r="EJ1153" s="166"/>
      <c r="EK1153" s="166"/>
      <c r="EL1153" s="175"/>
      <c r="EM1153" s="166"/>
      <c r="EN1153" s="166"/>
      <c r="EO1153" s="166"/>
      <c r="EP1153" s="166"/>
      <c r="EQ1153" s="166"/>
      <c r="ER1153" s="166"/>
      <c r="ES1153" s="166"/>
      <c r="ET1153" s="166"/>
      <c r="EU1153" s="166"/>
      <c r="EV1153" s="166"/>
      <c r="EW1153" s="166"/>
      <c r="EX1153" s="176"/>
      <c r="EY1153" s="175"/>
      <c r="EZ1153" s="166"/>
      <c r="FA1153" s="166"/>
      <c r="FB1153" s="166"/>
      <c r="FC1153" s="166"/>
      <c r="FD1153" s="166"/>
      <c r="FE1153" s="166"/>
      <c r="FF1153" s="166"/>
      <c r="FG1153" s="166"/>
      <c r="FH1153" s="166"/>
      <c r="FI1153" s="166"/>
      <c r="FJ1153" s="166"/>
      <c r="FK1153" s="166"/>
      <c r="FL1153" s="126"/>
      <c r="FM1153" s="91"/>
      <c r="FN1153" s="91"/>
      <c r="FO1153" s="91"/>
      <c r="FP1153" s="91"/>
      <c r="FQ1153" s="91"/>
      <c r="FR1153" s="91"/>
      <c r="FS1153" s="91"/>
      <c r="FT1153" s="91"/>
      <c r="FU1153" s="91"/>
      <c r="FV1153" s="91"/>
      <c r="FW1153" s="91"/>
      <c r="FX1153" s="91"/>
      <c r="FY1153" s="91"/>
      <c r="FZ1153" s="91"/>
      <c r="GA1153" s="91"/>
      <c r="GB1153" s="91"/>
      <c r="GC1153" s="91"/>
      <c r="GD1153" s="91"/>
      <c r="GE1153" s="91"/>
      <c r="GF1153" s="91"/>
      <c r="GG1153" s="91"/>
      <c r="GH1153" s="91"/>
      <c r="GI1153" s="91"/>
      <c r="GJ1153" s="91"/>
      <c r="GK1153" s="127"/>
      <c r="GL1153" s="126"/>
      <c r="GM1153" s="91"/>
      <c r="GN1153" s="91"/>
      <c r="GO1153" s="91"/>
      <c r="GP1153" s="91"/>
      <c r="GQ1153" s="91"/>
      <c r="GR1153" s="91"/>
      <c r="GS1153" s="91"/>
      <c r="GT1153" s="91"/>
      <c r="GU1153" s="91"/>
      <c r="GV1153" s="91"/>
      <c r="GW1153" s="91"/>
      <c r="GX1153" s="91"/>
      <c r="GY1153" s="91"/>
      <c r="GZ1153" s="91"/>
      <c r="HA1153" s="91"/>
      <c r="HB1153" s="91"/>
      <c r="HC1153" s="91"/>
      <c r="HD1153" s="91"/>
      <c r="HE1153" s="91"/>
      <c r="HF1153" s="91"/>
      <c r="HG1153" s="91"/>
      <c r="HH1153" s="91"/>
      <c r="HI1153" s="91"/>
      <c r="HJ1153" s="91"/>
      <c r="HK1153" s="127"/>
      <c r="HL1153" s="126"/>
      <c r="HM1153" s="91"/>
      <c r="HN1153" s="91"/>
      <c r="HO1153" s="91"/>
      <c r="HP1153" s="91"/>
      <c r="HQ1153" s="91"/>
      <c r="HR1153" s="91"/>
      <c r="HS1153" s="91"/>
      <c r="HT1153" s="91"/>
      <c r="HU1153" s="91"/>
      <c r="HV1153" s="91"/>
      <c r="HW1153" s="91"/>
      <c r="HX1153" s="91"/>
      <c r="HY1153" s="91"/>
      <c r="HZ1153" s="91"/>
      <c r="IA1153" s="91"/>
      <c r="IB1153" s="91"/>
      <c r="IC1153" s="91"/>
      <c r="ID1153" s="91"/>
      <c r="IE1153" s="91"/>
      <c r="IF1153" s="91"/>
      <c r="IG1153" s="91"/>
      <c r="IH1153" s="91"/>
      <c r="II1153" s="91"/>
      <c r="IJ1153" s="91"/>
      <c r="IK1153" s="127"/>
    </row>
    <row r="1154" spans="2:245" x14ac:dyDescent="0.2">
      <c r="B1154" s="43"/>
      <c r="C1154" s="73"/>
      <c r="D1154" s="64"/>
      <c r="E1154" s="64"/>
      <c r="F1154" s="55"/>
      <c r="G1154" s="102"/>
      <c r="H1154" s="55"/>
      <c r="I1154" s="55"/>
      <c r="J1154" s="55"/>
      <c r="K1154" s="55"/>
      <c r="L1154" s="55"/>
      <c r="M1154" s="55"/>
      <c r="N1154" s="55"/>
      <c r="O1154" s="55"/>
      <c r="P1154" s="55"/>
      <c r="Q1154" s="55"/>
      <c r="R1154" s="55"/>
      <c r="S1154" s="55"/>
      <c r="T1154" s="55"/>
      <c r="U1154" s="55"/>
      <c r="V1154" s="55"/>
      <c r="W1154" s="55"/>
      <c r="X1154" s="55"/>
      <c r="Y1154" s="55"/>
      <c r="Z1154" s="55"/>
      <c r="AA1154" s="55"/>
      <c r="AB1154" s="55"/>
      <c r="AC1154" s="55"/>
      <c r="AD1154" s="55"/>
      <c r="AE1154" s="55"/>
      <c r="AF1154" s="55"/>
      <c r="AG1154" s="55"/>
      <c r="AY1154" s="162"/>
      <c r="AZ1154" s="162"/>
      <c r="BA1154" s="162"/>
      <c r="BB1154" s="162"/>
      <c r="BC1154" s="162"/>
      <c r="BD1154" s="162"/>
      <c r="BE1154" s="162"/>
      <c r="BF1154" s="162"/>
      <c r="BG1154" s="162"/>
      <c r="BH1154" s="162"/>
      <c r="BI1154" s="162"/>
      <c r="BJ1154" s="162"/>
      <c r="BK1154" s="162"/>
      <c r="BL1154" s="162"/>
      <c r="BM1154" s="162"/>
      <c r="BN1154" s="162"/>
      <c r="BO1154" s="162"/>
      <c r="BP1154" s="162"/>
      <c r="BQ1154" s="162"/>
      <c r="BR1154" s="162"/>
      <c r="BS1154" s="162"/>
      <c r="BT1154" s="162"/>
      <c r="BU1154" s="162"/>
      <c r="BV1154" s="162"/>
      <c r="BW1154" s="162"/>
      <c r="BX1154" s="162"/>
      <c r="BY1154" s="162"/>
      <c r="BZ1154" s="162"/>
      <c r="CA1154" s="162"/>
      <c r="CB1154" s="162"/>
      <c r="CC1154" s="162"/>
      <c r="CD1154" s="162"/>
      <c r="CE1154" s="162"/>
      <c r="CF1154" s="162"/>
      <c r="CG1154" s="162"/>
      <c r="CH1154" s="162"/>
      <c r="CI1154" s="162"/>
      <c r="CJ1154" s="162"/>
      <c r="CK1154" s="162"/>
      <c r="CX1154" s="98"/>
      <c r="DL1154" s="97"/>
      <c r="DX1154" s="98"/>
      <c r="EL1154" s="97"/>
      <c r="EX1154" s="98"/>
      <c r="EY1154" s="97"/>
      <c r="FL1154" s="126"/>
      <c r="FM1154" s="91"/>
      <c r="FN1154" s="91"/>
      <c r="FO1154" s="91"/>
      <c r="FP1154" s="91"/>
      <c r="FQ1154" s="91"/>
      <c r="FR1154" s="91"/>
      <c r="FS1154" s="91"/>
      <c r="FT1154" s="91"/>
      <c r="FU1154" s="91"/>
      <c r="FV1154" s="91"/>
      <c r="FW1154" s="91"/>
      <c r="FX1154" s="91"/>
      <c r="FY1154" s="91"/>
      <c r="FZ1154" s="91"/>
      <c r="GA1154" s="91"/>
      <c r="GB1154" s="91"/>
      <c r="GC1154" s="91"/>
      <c r="GD1154" s="91"/>
      <c r="GE1154" s="91"/>
      <c r="GF1154" s="91"/>
      <c r="GG1154" s="91"/>
      <c r="GH1154" s="91"/>
      <c r="GI1154" s="91"/>
      <c r="GJ1154" s="91"/>
      <c r="GK1154" s="127"/>
      <c r="GL1154" s="126"/>
      <c r="GM1154" s="91"/>
      <c r="GN1154" s="91"/>
      <c r="GO1154" s="91"/>
      <c r="GP1154" s="91"/>
      <c r="GQ1154" s="91"/>
      <c r="GR1154" s="91"/>
      <c r="GS1154" s="91"/>
      <c r="GT1154" s="91"/>
      <c r="GU1154" s="91"/>
      <c r="GV1154" s="91"/>
      <c r="GW1154" s="91"/>
      <c r="GX1154" s="91"/>
      <c r="GY1154" s="91"/>
      <c r="GZ1154" s="91"/>
      <c r="HA1154" s="91"/>
      <c r="HB1154" s="91"/>
      <c r="HC1154" s="91"/>
      <c r="HD1154" s="91"/>
      <c r="HE1154" s="91"/>
      <c r="HF1154" s="91"/>
      <c r="HG1154" s="91"/>
      <c r="HH1154" s="91"/>
      <c r="HI1154" s="91"/>
      <c r="HJ1154" s="91"/>
      <c r="HK1154" s="127"/>
      <c r="HL1154" s="126"/>
      <c r="HM1154" s="91"/>
      <c r="HN1154" s="91"/>
      <c r="HO1154" s="91"/>
      <c r="HP1154" s="91"/>
      <c r="HQ1154" s="91"/>
      <c r="HR1154" s="91"/>
      <c r="HS1154" s="91"/>
      <c r="HT1154" s="91"/>
      <c r="HU1154" s="91"/>
      <c r="HV1154" s="91"/>
      <c r="HW1154" s="91"/>
      <c r="HX1154" s="91"/>
      <c r="HY1154" s="91"/>
      <c r="HZ1154" s="91"/>
      <c r="IA1154" s="91"/>
      <c r="IB1154" s="91"/>
      <c r="IC1154" s="91"/>
      <c r="ID1154" s="91"/>
      <c r="IE1154" s="91"/>
      <c r="IF1154" s="91"/>
      <c r="IG1154" s="91"/>
      <c r="IH1154" s="91"/>
      <c r="II1154" s="91"/>
      <c r="IJ1154" s="91"/>
      <c r="IK1154" s="127"/>
    </row>
    <row r="1155" spans="2:245" x14ac:dyDescent="0.2">
      <c r="B1155" s="43"/>
      <c r="C1155" s="73"/>
      <c r="D1155" s="64"/>
      <c r="E1155" s="64"/>
      <c r="F1155" s="55"/>
      <c r="G1155" s="102"/>
      <c r="H1155" s="55"/>
      <c r="I1155" s="55"/>
      <c r="J1155" s="55"/>
      <c r="K1155" s="55"/>
      <c r="L1155" s="55"/>
      <c r="M1155" s="55"/>
      <c r="N1155" s="55"/>
      <c r="O1155" s="55"/>
      <c r="P1155" s="55"/>
      <c r="Q1155" s="55"/>
      <c r="R1155" s="55"/>
      <c r="S1155" s="55"/>
      <c r="T1155" s="55"/>
      <c r="U1155" s="55"/>
      <c r="V1155" s="55"/>
      <c r="W1155" s="55"/>
      <c r="X1155" s="55"/>
      <c r="Y1155" s="55"/>
      <c r="Z1155" s="55"/>
      <c r="AA1155" s="55"/>
      <c r="AB1155" s="55"/>
      <c r="AC1155" s="55"/>
      <c r="AD1155" s="55"/>
      <c r="AE1155" s="55"/>
      <c r="AF1155" s="55"/>
      <c r="AG1155" s="55"/>
      <c r="AY1155" s="162"/>
      <c r="AZ1155" s="162"/>
      <c r="BA1155" s="162"/>
      <c r="BB1155" s="162"/>
      <c r="BC1155" s="162"/>
      <c r="BD1155" s="162"/>
      <c r="BE1155" s="162"/>
      <c r="BF1155" s="162"/>
      <c r="BG1155" s="162"/>
      <c r="BH1155" s="162"/>
      <c r="BI1155" s="162"/>
      <c r="BJ1155" s="162"/>
      <c r="BK1155" s="162"/>
      <c r="BL1155" s="162"/>
      <c r="BM1155" s="162"/>
      <c r="BN1155" s="162"/>
      <c r="BO1155" s="162"/>
      <c r="BP1155" s="162"/>
      <c r="BQ1155" s="162"/>
      <c r="BR1155" s="162"/>
      <c r="BS1155" s="162"/>
      <c r="BT1155" s="162"/>
      <c r="BU1155" s="162"/>
      <c r="BV1155" s="162"/>
      <c r="BW1155" s="162"/>
      <c r="BX1155" s="162"/>
      <c r="BY1155" s="162"/>
      <c r="BZ1155" s="162"/>
      <c r="CA1155" s="162"/>
      <c r="CB1155" s="162"/>
      <c r="CC1155" s="162"/>
      <c r="CD1155" s="162"/>
      <c r="CE1155" s="162"/>
      <c r="CF1155" s="162"/>
      <c r="CG1155" s="162"/>
      <c r="CH1155" s="162"/>
      <c r="CI1155" s="162"/>
      <c r="CJ1155" s="162"/>
      <c r="CK1155" s="162"/>
      <c r="CX1155" s="98"/>
      <c r="DL1155" s="97"/>
      <c r="DX1155" s="98"/>
      <c r="EL1155" s="97"/>
      <c r="EX1155" s="98"/>
      <c r="EY1155" s="97"/>
      <c r="FL1155" s="126"/>
      <c r="FM1155" s="91"/>
      <c r="FN1155" s="91"/>
      <c r="FO1155" s="91"/>
      <c r="FP1155" s="91"/>
      <c r="FQ1155" s="91"/>
      <c r="FR1155" s="91"/>
      <c r="FS1155" s="91"/>
      <c r="FT1155" s="91"/>
      <c r="FU1155" s="91"/>
      <c r="FV1155" s="91"/>
      <c r="FW1155" s="91"/>
      <c r="FX1155" s="91"/>
      <c r="FY1155" s="91"/>
      <c r="FZ1155" s="91"/>
      <c r="GA1155" s="91"/>
      <c r="GB1155" s="91"/>
      <c r="GC1155" s="91"/>
      <c r="GD1155" s="91"/>
      <c r="GE1155" s="91"/>
      <c r="GF1155" s="91"/>
      <c r="GG1155" s="91"/>
      <c r="GH1155" s="91"/>
      <c r="GI1155" s="91"/>
      <c r="GJ1155" s="91"/>
      <c r="GK1155" s="127"/>
      <c r="GL1155" s="126"/>
      <c r="GM1155" s="91"/>
      <c r="GN1155" s="91"/>
      <c r="GO1155" s="91"/>
      <c r="GP1155" s="91"/>
      <c r="GQ1155" s="91"/>
      <c r="GR1155" s="91"/>
      <c r="GS1155" s="91"/>
      <c r="GT1155" s="91"/>
      <c r="GU1155" s="91"/>
      <c r="GV1155" s="91"/>
      <c r="GW1155" s="91"/>
      <c r="GX1155" s="91"/>
      <c r="GY1155" s="91"/>
      <c r="GZ1155" s="91"/>
      <c r="HA1155" s="91"/>
      <c r="HB1155" s="91"/>
      <c r="HC1155" s="91"/>
      <c r="HD1155" s="91"/>
      <c r="HE1155" s="91"/>
      <c r="HF1155" s="91"/>
      <c r="HG1155" s="91"/>
      <c r="HH1155" s="91"/>
      <c r="HI1155" s="91"/>
      <c r="HJ1155" s="91"/>
      <c r="HK1155" s="127"/>
      <c r="HL1155" s="126"/>
      <c r="HM1155" s="91"/>
      <c r="HN1155" s="91"/>
      <c r="HO1155" s="91"/>
      <c r="HP1155" s="91"/>
      <c r="HQ1155" s="91"/>
      <c r="HR1155" s="91"/>
      <c r="HS1155" s="91"/>
      <c r="HT1155" s="91"/>
      <c r="HU1155" s="91"/>
      <c r="HV1155" s="91"/>
      <c r="HW1155" s="91"/>
      <c r="HX1155" s="91"/>
      <c r="HY1155" s="91"/>
      <c r="HZ1155" s="91"/>
      <c r="IA1155" s="91"/>
      <c r="IB1155" s="91"/>
      <c r="IC1155" s="91"/>
      <c r="ID1155" s="91"/>
      <c r="IE1155" s="91"/>
      <c r="IF1155" s="91"/>
      <c r="IG1155" s="91"/>
      <c r="IH1155" s="91"/>
      <c r="II1155" s="91"/>
      <c r="IJ1155" s="91"/>
      <c r="IK1155" s="127"/>
    </row>
    <row r="1156" spans="2:245" x14ac:dyDescent="0.2">
      <c r="B1156" s="43"/>
      <c r="C1156" s="73"/>
      <c r="D1156" s="64"/>
      <c r="E1156" s="64"/>
      <c r="F1156" s="55"/>
      <c r="G1156" s="102"/>
      <c r="H1156" s="55"/>
      <c r="I1156" s="55"/>
      <c r="J1156" s="55"/>
      <c r="K1156" s="55"/>
      <c r="L1156" s="55"/>
      <c r="M1156" s="55"/>
      <c r="N1156" s="55"/>
      <c r="O1156" s="55"/>
      <c r="P1156" s="55"/>
      <c r="Q1156" s="55"/>
      <c r="R1156" s="55"/>
      <c r="S1156" s="55"/>
      <c r="T1156" s="55"/>
      <c r="U1156" s="55"/>
      <c r="V1156" s="55"/>
      <c r="W1156" s="55"/>
      <c r="X1156" s="55"/>
      <c r="Y1156" s="55"/>
      <c r="Z1156" s="55"/>
      <c r="AA1156" s="55"/>
      <c r="AB1156" s="55"/>
      <c r="AC1156" s="55"/>
      <c r="AD1156" s="55"/>
      <c r="AE1156" s="55"/>
      <c r="AF1156" s="55"/>
      <c r="AG1156" s="55"/>
      <c r="AY1156" s="162"/>
      <c r="AZ1156" s="162"/>
      <c r="BA1156" s="162"/>
      <c r="BB1156" s="162"/>
      <c r="BC1156" s="162"/>
      <c r="BD1156" s="162"/>
      <c r="BE1156" s="162"/>
      <c r="BF1156" s="162"/>
      <c r="BG1156" s="162"/>
      <c r="BH1156" s="162"/>
      <c r="BI1156" s="162"/>
      <c r="BJ1156" s="162"/>
      <c r="BK1156" s="162"/>
      <c r="BL1156" s="162"/>
      <c r="BM1156" s="162"/>
      <c r="BN1156" s="162"/>
      <c r="BO1156" s="162"/>
      <c r="BP1156" s="162"/>
      <c r="BQ1156" s="162"/>
      <c r="BR1156" s="162"/>
      <c r="BS1156" s="162"/>
      <c r="BT1156" s="162"/>
      <c r="BU1156" s="162"/>
      <c r="BV1156" s="162"/>
      <c r="BW1156" s="162"/>
      <c r="BX1156" s="162"/>
      <c r="BY1156" s="162"/>
      <c r="BZ1156" s="162"/>
      <c r="CA1156" s="162"/>
      <c r="CB1156" s="162"/>
      <c r="CC1156" s="162"/>
      <c r="CD1156" s="162"/>
      <c r="CE1156" s="162"/>
      <c r="CF1156" s="162"/>
      <c r="CG1156" s="162"/>
      <c r="CH1156" s="162"/>
      <c r="CI1156" s="162"/>
      <c r="CJ1156" s="162"/>
      <c r="CK1156" s="162"/>
      <c r="CX1156" s="98"/>
      <c r="DL1156" s="97"/>
      <c r="DX1156" s="98"/>
      <c r="EL1156" s="97"/>
      <c r="EX1156" s="98"/>
      <c r="EY1156" s="97"/>
      <c r="FL1156" s="126"/>
      <c r="FM1156" s="91"/>
      <c r="FN1156" s="91"/>
      <c r="FO1156" s="91"/>
      <c r="FP1156" s="91"/>
      <c r="FQ1156" s="91"/>
      <c r="FR1156" s="91"/>
      <c r="FS1156" s="91"/>
      <c r="FT1156" s="91"/>
      <c r="FU1156" s="91"/>
      <c r="FV1156" s="91"/>
      <c r="FW1156" s="91"/>
      <c r="FX1156" s="91"/>
      <c r="FY1156" s="91"/>
      <c r="FZ1156" s="91"/>
      <c r="GA1156" s="91"/>
      <c r="GB1156" s="91"/>
      <c r="GC1156" s="91"/>
      <c r="GD1156" s="91"/>
      <c r="GE1156" s="91"/>
      <c r="GF1156" s="91"/>
      <c r="GG1156" s="91"/>
      <c r="GH1156" s="91"/>
      <c r="GI1156" s="91"/>
      <c r="GJ1156" s="91"/>
      <c r="GK1156" s="127"/>
      <c r="GL1156" s="126"/>
      <c r="GM1156" s="91"/>
      <c r="GN1156" s="91"/>
      <c r="GO1156" s="91"/>
      <c r="GP1156" s="91"/>
      <c r="GQ1156" s="91"/>
      <c r="GR1156" s="91"/>
      <c r="GS1156" s="91"/>
      <c r="GT1156" s="91"/>
      <c r="GU1156" s="91"/>
      <c r="GV1156" s="91"/>
      <c r="GW1156" s="91"/>
      <c r="GX1156" s="91"/>
      <c r="GY1156" s="91"/>
      <c r="GZ1156" s="91"/>
      <c r="HA1156" s="91"/>
      <c r="HB1156" s="91"/>
      <c r="HC1156" s="91"/>
      <c r="HD1156" s="91"/>
      <c r="HE1156" s="91"/>
      <c r="HF1156" s="91"/>
      <c r="HG1156" s="91"/>
      <c r="HH1156" s="91"/>
      <c r="HI1156" s="91"/>
      <c r="HJ1156" s="91"/>
      <c r="HK1156" s="127"/>
      <c r="HL1156" s="126"/>
      <c r="HM1156" s="91"/>
      <c r="HN1156" s="91"/>
      <c r="HO1156" s="91"/>
      <c r="HP1156" s="91"/>
      <c r="HQ1156" s="91"/>
      <c r="HR1156" s="91"/>
      <c r="HS1156" s="91"/>
      <c r="HT1156" s="91"/>
      <c r="HU1156" s="91"/>
      <c r="HV1156" s="91"/>
      <c r="HW1156" s="91"/>
      <c r="HX1156" s="91"/>
      <c r="HY1156" s="91"/>
      <c r="HZ1156" s="91"/>
      <c r="IA1156" s="91"/>
      <c r="IB1156" s="91"/>
      <c r="IC1156" s="91"/>
      <c r="ID1156" s="91"/>
      <c r="IE1156" s="91"/>
      <c r="IF1156" s="91"/>
      <c r="IG1156" s="91"/>
      <c r="IH1156" s="91"/>
      <c r="II1156" s="91"/>
      <c r="IJ1156" s="91"/>
      <c r="IK1156" s="127"/>
    </row>
    <row r="1157" spans="2:245" x14ac:dyDescent="0.2">
      <c r="B1157" s="43"/>
      <c r="C1157" s="73"/>
      <c r="D1157" s="64"/>
      <c r="E1157" s="64"/>
      <c r="F1157" s="55"/>
      <c r="G1157" s="102"/>
      <c r="H1157" s="55"/>
      <c r="I1157" s="55"/>
      <c r="J1157" s="55"/>
      <c r="K1157" s="55"/>
      <c r="L1157" s="55"/>
      <c r="M1157" s="55"/>
      <c r="N1157" s="55"/>
      <c r="O1157" s="55"/>
      <c r="P1157" s="55"/>
      <c r="Q1157" s="55"/>
      <c r="R1157" s="55"/>
      <c r="S1157" s="55"/>
      <c r="T1157" s="55"/>
      <c r="U1157" s="55"/>
      <c r="V1157" s="55"/>
      <c r="W1157" s="55"/>
      <c r="X1157" s="55"/>
      <c r="Y1157" s="55"/>
      <c r="Z1157" s="55"/>
      <c r="AA1157" s="55"/>
      <c r="AB1157" s="55"/>
      <c r="AC1157" s="55"/>
      <c r="AD1157" s="55"/>
      <c r="AE1157" s="55"/>
      <c r="AF1157" s="55"/>
      <c r="AG1157" s="55"/>
      <c r="AY1157" s="162"/>
      <c r="AZ1157" s="162"/>
      <c r="BA1157" s="162"/>
      <c r="BB1157" s="162"/>
      <c r="BC1157" s="162"/>
      <c r="BD1157" s="162"/>
      <c r="BE1157" s="162"/>
      <c r="BF1157" s="162"/>
      <c r="BG1157" s="162"/>
      <c r="BH1157" s="162"/>
      <c r="BI1157" s="162"/>
      <c r="BJ1157" s="162"/>
      <c r="BK1157" s="162"/>
      <c r="BL1157" s="162"/>
      <c r="BM1157" s="162"/>
      <c r="BN1157" s="162"/>
      <c r="BO1157" s="162"/>
      <c r="BP1157" s="162"/>
      <c r="BQ1157" s="162"/>
      <c r="BR1157" s="162"/>
      <c r="BS1157" s="162"/>
      <c r="BT1157" s="162"/>
      <c r="BU1157" s="162"/>
      <c r="BV1157" s="162"/>
      <c r="BW1157" s="162"/>
      <c r="BX1157" s="162"/>
      <c r="BY1157" s="162"/>
      <c r="BZ1157" s="162"/>
      <c r="CA1157" s="162"/>
      <c r="CB1157" s="162"/>
      <c r="CC1157" s="162"/>
      <c r="CD1157" s="162"/>
      <c r="CE1157" s="162"/>
      <c r="CF1157" s="162"/>
      <c r="CG1157" s="162"/>
      <c r="CH1157" s="162"/>
      <c r="CI1157" s="162"/>
      <c r="CJ1157" s="162"/>
      <c r="CK1157" s="162"/>
      <c r="CX1157" s="98"/>
      <c r="DL1157" s="97"/>
      <c r="DX1157" s="98"/>
      <c r="EL1157" s="97"/>
      <c r="EX1157" s="98"/>
      <c r="EY1157" s="97"/>
      <c r="FL1157" s="126"/>
      <c r="FM1157" s="91"/>
      <c r="FN1157" s="91"/>
      <c r="FO1157" s="91"/>
      <c r="FP1157" s="91"/>
      <c r="FQ1157" s="91"/>
      <c r="FR1157" s="91"/>
      <c r="FS1157" s="91"/>
      <c r="FT1157" s="91"/>
      <c r="FU1157" s="91"/>
      <c r="FV1157" s="91"/>
      <c r="FW1157" s="91"/>
      <c r="FX1157" s="91"/>
      <c r="FY1157" s="91"/>
      <c r="FZ1157" s="91"/>
      <c r="GA1157" s="91"/>
      <c r="GB1157" s="91"/>
      <c r="GC1157" s="91"/>
      <c r="GD1157" s="91"/>
      <c r="GE1157" s="91"/>
      <c r="GF1157" s="91"/>
      <c r="GG1157" s="91"/>
      <c r="GH1157" s="91"/>
      <c r="GI1157" s="91"/>
      <c r="GJ1157" s="91"/>
      <c r="GK1157" s="127"/>
      <c r="GL1157" s="126"/>
      <c r="GM1157" s="91"/>
      <c r="GN1157" s="91"/>
      <c r="GO1157" s="91"/>
      <c r="GP1157" s="91"/>
      <c r="GQ1157" s="91"/>
      <c r="GR1157" s="91"/>
      <c r="GS1157" s="91"/>
      <c r="GT1157" s="91"/>
      <c r="GU1157" s="91"/>
      <c r="GV1157" s="91"/>
      <c r="GW1157" s="91"/>
      <c r="GX1157" s="91"/>
      <c r="GY1157" s="91"/>
      <c r="GZ1157" s="91"/>
      <c r="HA1157" s="91"/>
      <c r="HB1157" s="91"/>
      <c r="HC1157" s="91"/>
      <c r="HD1157" s="91"/>
      <c r="HE1157" s="91"/>
      <c r="HF1157" s="91"/>
      <c r="HG1157" s="91"/>
      <c r="HH1157" s="91"/>
      <c r="HI1157" s="91"/>
      <c r="HJ1157" s="91"/>
      <c r="HK1157" s="127"/>
      <c r="HL1157" s="126"/>
      <c r="HM1157" s="91"/>
      <c r="HN1157" s="91"/>
      <c r="HO1157" s="91"/>
      <c r="HP1157" s="91"/>
      <c r="HQ1157" s="91"/>
      <c r="HR1157" s="91"/>
      <c r="HS1157" s="91"/>
      <c r="HT1157" s="91"/>
      <c r="HU1157" s="91"/>
      <c r="HV1157" s="91"/>
      <c r="HW1157" s="91"/>
      <c r="HX1157" s="91"/>
      <c r="HY1157" s="91"/>
      <c r="HZ1157" s="91"/>
      <c r="IA1157" s="91"/>
      <c r="IB1157" s="91"/>
      <c r="IC1157" s="91"/>
      <c r="ID1157" s="91"/>
      <c r="IE1157" s="91"/>
      <c r="IF1157" s="91"/>
      <c r="IG1157" s="91"/>
      <c r="IH1157" s="91"/>
      <c r="II1157" s="91"/>
      <c r="IJ1157" s="91"/>
      <c r="IK1157" s="127"/>
    </row>
    <row r="1158" spans="2:245" x14ac:dyDescent="0.2">
      <c r="B1158" s="43"/>
      <c r="C1158" s="73"/>
      <c r="D1158" s="64"/>
      <c r="E1158" s="64"/>
      <c r="F1158" s="55"/>
      <c r="G1158" s="102"/>
      <c r="H1158" s="55"/>
      <c r="I1158" s="55"/>
      <c r="J1158" s="55"/>
      <c r="K1158" s="55"/>
      <c r="L1158" s="55"/>
      <c r="M1158" s="55"/>
      <c r="N1158" s="55"/>
      <c r="O1158" s="55"/>
      <c r="P1158" s="55"/>
      <c r="Q1158" s="55"/>
      <c r="R1158" s="55"/>
      <c r="S1158" s="55"/>
      <c r="T1158" s="55"/>
      <c r="U1158" s="55"/>
      <c r="V1158" s="55"/>
      <c r="W1158" s="55"/>
      <c r="X1158" s="55"/>
      <c r="Y1158" s="55"/>
      <c r="Z1158" s="55"/>
      <c r="AA1158" s="55"/>
      <c r="AB1158" s="55"/>
      <c r="AC1158" s="55"/>
      <c r="AD1158" s="55"/>
      <c r="AE1158" s="55"/>
      <c r="AF1158" s="55"/>
      <c r="AG1158" s="55"/>
      <c r="AY1158" s="162"/>
      <c r="AZ1158" s="162"/>
      <c r="BA1158" s="162"/>
      <c r="BB1158" s="162"/>
      <c r="BC1158" s="162"/>
      <c r="BD1158" s="162"/>
      <c r="BE1158" s="162"/>
      <c r="BF1158" s="162"/>
      <c r="BG1158" s="162"/>
      <c r="BH1158" s="162"/>
      <c r="BI1158" s="162"/>
      <c r="BJ1158" s="162"/>
      <c r="BK1158" s="162"/>
      <c r="BL1158" s="162"/>
      <c r="BM1158" s="162"/>
      <c r="BN1158" s="162"/>
      <c r="BO1158" s="162"/>
      <c r="BP1158" s="162"/>
      <c r="BQ1158" s="162"/>
      <c r="BR1158" s="162"/>
      <c r="BS1158" s="162"/>
      <c r="BT1158" s="162"/>
      <c r="BU1158" s="162"/>
      <c r="BV1158" s="162"/>
      <c r="BW1158" s="162"/>
      <c r="BX1158" s="162"/>
      <c r="BY1158" s="162"/>
      <c r="BZ1158" s="162"/>
      <c r="CA1158" s="162"/>
      <c r="CB1158" s="162"/>
      <c r="CC1158" s="162"/>
      <c r="CD1158" s="162"/>
      <c r="CE1158" s="162"/>
      <c r="CF1158" s="162"/>
      <c r="CG1158" s="162"/>
      <c r="CH1158" s="162"/>
      <c r="CI1158" s="162"/>
      <c r="CJ1158" s="162"/>
      <c r="CK1158" s="162"/>
      <c r="CX1158" s="98"/>
      <c r="DL1158" s="97"/>
      <c r="DX1158" s="98"/>
      <c r="EL1158" s="97"/>
      <c r="EX1158" s="98"/>
      <c r="EY1158" s="97"/>
      <c r="FL1158" s="126"/>
      <c r="FM1158" s="91"/>
      <c r="FN1158" s="91"/>
      <c r="FO1158" s="91"/>
      <c r="FP1158" s="91"/>
      <c r="FQ1158" s="91"/>
      <c r="FR1158" s="91"/>
      <c r="FS1158" s="91"/>
      <c r="FT1158" s="91"/>
      <c r="FU1158" s="91"/>
      <c r="FV1158" s="91"/>
      <c r="FW1158" s="91"/>
      <c r="FX1158" s="91"/>
      <c r="FY1158" s="91"/>
      <c r="FZ1158" s="91"/>
      <c r="GA1158" s="91"/>
      <c r="GB1158" s="91"/>
      <c r="GC1158" s="91"/>
      <c r="GD1158" s="91"/>
      <c r="GE1158" s="91"/>
      <c r="GF1158" s="91"/>
      <c r="GG1158" s="91"/>
      <c r="GH1158" s="91"/>
      <c r="GI1158" s="91"/>
      <c r="GJ1158" s="91"/>
      <c r="GK1158" s="127"/>
      <c r="GL1158" s="126"/>
      <c r="GM1158" s="91"/>
      <c r="GN1158" s="91"/>
      <c r="GO1158" s="91"/>
      <c r="GP1158" s="91"/>
      <c r="GQ1158" s="91"/>
      <c r="GR1158" s="91"/>
      <c r="GS1158" s="91"/>
      <c r="GT1158" s="91"/>
      <c r="GU1158" s="91"/>
      <c r="GV1158" s="91"/>
      <c r="GW1158" s="91"/>
      <c r="GX1158" s="91"/>
      <c r="GY1158" s="91"/>
      <c r="GZ1158" s="91"/>
      <c r="HA1158" s="91"/>
      <c r="HB1158" s="91"/>
      <c r="HC1158" s="91"/>
      <c r="HD1158" s="91"/>
      <c r="HE1158" s="91"/>
      <c r="HF1158" s="91"/>
      <c r="HG1158" s="91"/>
      <c r="HH1158" s="91"/>
      <c r="HI1158" s="91"/>
      <c r="HJ1158" s="91"/>
      <c r="HK1158" s="127"/>
      <c r="HL1158" s="126"/>
      <c r="HM1158" s="91"/>
      <c r="HN1158" s="91"/>
      <c r="HO1158" s="91"/>
      <c r="HP1158" s="91"/>
      <c r="HQ1158" s="91"/>
      <c r="HR1158" s="91"/>
      <c r="HS1158" s="91"/>
      <c r="HT1158" s="91"/>
      <c r="HU1158" s="91"/>
      <c r="HV1158" s="91"/>
      <c r="HW1158" s="91"/>
      <c r="HX1158" s="91"/>
      <c r="HY1158" s="91"/>
      <c r="HZ1158" s="91"/>
      <c r="IA1158" s="91"/>
      <c r="IB1158" s="91"/>
      <c r="IC1158" s="91"/>
      <c r="ID1158" s="91"/>
      <c r="IE1158" s="91"/>
      <c r="IF1158" s="91"/>
      <c r="IG1158" s="91"/>
      <c r="IH1158" s="91"/>
      <c r="II1158" s="91"/>
      <c r="IJ1158" s="91"/>
      <c r="IK1158" s="127"/>
    </row>
    <row r="1159" spans="2:245" ht="13.5" thickBot="1" x14ac:dyDescent="0.25">
      <c r="B1159" s="43"/>
      <c r="C1159" s="73"/>
      <c r="D1159" s="64"/>
      <c r="E1159" s="64"/>
      <c r="F1159" s="55"/>
      <c r="G1159" s="102"/>
      <c r="H1159" s="55"/>
      <c r="I1159" s="55"/>
      <c r="J1159" s="55"/>
      <c r="K1159" s="55"/>
      <c r="L1159" s="55"/>
      <c r="M1159" s="55"/>
      <c r="N1159" s="55"/>
      <c r="O1159" s="55"/>
      <c r="P1159" s="55"/>
      <c r="Q1159" s="55"/>
      <c r="R1159" s="55"/>
      <c r="S1159" s="55"/>
      <c r="T1159" s="55"/>
      <c r="U1159" s="55"/>
      <c r="V1159" s="55"/>
      <c r="W1159" s="55"/>
      <c r="X1159" s="55"/>
      <c r="Y1159" s="55"/>
      <c r="Z1159" s="55"/>
      <c r="AA1159" s="55"/>
      <c r="AB1159" s="55"/>
      <c r="AC1159" s="55"/>
      <c r="AD1159" s="55"/>
      <c r="AE1159" s="55"/>
      <c r="AF1159" s="55"/>
      <c r="AG1159" s="55"/>
      <c r="AY1159" s="162"/>
      <c r="AZ1159" s="162"/>
      <c r="BA1159" s="162"/>
      <c r="BB1159" s="162"/>
      <c r="BC1159" s="162"/>
      <c r="BD1159" s="162"/>
      <c r="BE1159" s="162"/>
      <c r="BF1159" s="162"/>
      <c r="BG1159" s="162"/>
      <c r="BH1159" s="162"/>
      <c r="BI1159" s="162"/>
      <c r="BJ1159" s="162"/>
      <c r="BK1159" s="162"/>
      <c r="BL1159" s="162"/>
      <c r="BM1159" s="162"/>
      <c r="BN1159" s="162"/>
      <c r="BO1159" s="162"/>
      <c r="BP1159" s="162"/>
      <c r="BQ1159" s="162"/>
      <c r="BR1159" s="162"/>
      <c r="BS1159" s="162"/>
      <c r="BT1159" s="162"/>
      <c r="BU1159" s="162"/>
      <c r="BV1159" s="162"/>
      <c r="BW1159" s="162"/>
      <c r="BX1159" s="162"/>
      <c r="BY1159" s="162"/>
      <c r="BZ1159" s="162"/>
      <c r="CA1159" s="162"/>
      <c r="CB1159" s="162"/>
      <c r="CC1159" s="162"/>
      <c r="CD1159" s="162"/>
      <c r="CE1159" s="162"/>
      <c r="CF1159" s="162"/>
      <c r="CG1159" s="162"/>
      <c r="CH1159" s="162"/>
      <c r="CI1159" s="162"/>
      <c r="CJ1159" s="162"/>
      <c r="CK1159" s="162"/>
      <c r="CX1159" s="98"/>
      <c r="DL1159" s="97"/>
      <c r="DX1159" s="98"/>
      <c r="EL1159" s="97"/>
      <c r="EX1159" s="98"/>
      <c r="EY1159" s="97"/>
      <c r="FL1159" s="126"/>
      <c r="FM1159" s="91"/>
      <c r="FN1159" s="91"/>
      <c r="FO1159" s="91"/>
      <c r="FP1159" s="91"/>
      <c r="FQ1159" s="91"/>
      <c r="FR1159" s="91"/>
      <c r="FS1159" s="91"/>
      <c r="FT1159" s="91"/>
      <c r="FU1159" s="91"/>
      <c r="FV1159" s="91"/>
      <c r="FW1159" s="91"/>
      <c r="FX1159" s="91"/>
      <c r="FY1159" s="91"/>
      <c r="FZ1159" s="91"/>
      <c r="GA1159" s="91"/>
      <c r="GB1159" s="91"/>
      <c r="GC1159" s="91"/>
      <c r="GD1159" s="91"/>
      <c r="GE1159" s="91"/>
      <c r="GF1159" s="91"/>
      <c r="GG1159" s="91"/>
      <c r="GH1159" s="91"/>
      <c r="GI1159" s="91"/>
      <c r="GJ1159" s="91"/>
      <c r="GK1159" s="127"/>
      <c r="GL1159" s="126"/>
      <c r="GM1159" s="91"/>
      <c r="GN1159" s="91"/>
      <c r="GO1159" s="91"/>
      <c r="GP1159" s="91"/>
      <c r="GQ1159" s="91"/>
      <c r="GR1159" s="91"/>
      <c r="GS1159" s="91"/>
      <c r="GT1159" s="91"/>
      <c r="GU1159" s="91"/>
      <c r="GV1159" s="91"/>
      <c r="GW1159" s="91"/>
      <c r="GX1159" s="91"/>
      <c r="GY1159" s="91"/>
      <c r="GZ1159" s="91"/>
      <c r="HA1159" s="91"/>
      <c r="HB1159" s="91"/>
      <c r="HC1159" s="91"/>
      <c r="HD1159" s="91"/>
      <c r="HE1159" s="91"/>
      <c r="HF1159" s="91"/>
      <c r="HG1159" s="91"/>
      <c r="HH1159" s="91"/>
      <c r="HI1159" s="91"/>
      <c r="HJ1159" s="91"/>
      <c r="HK1159" s="127"/>
      <c r="HL1159" s="126"/>
      <c r="HM1159" s="91"/>
      <c r="HN1159" s="91"/>
      <c r="HO1159" s="91"/>
      <c r="HP1159" s="91"/>
      <c r="HQ1159" s="91"/>
      <c r="HR1159" s="91"/>
      <c r="HS1159" s="91"/>
      <c r="HT1159" s="91"/>
      <c r="HU1159" s="91"/>
      <c r="HV1159" s="91"/>
      <c r="HW1159" s="91"/>
      <c r="HX1159" s="91"/>
      <c r="HY1159" s="91"/>
      <c r="HZ1159" s="91"/>
      <c r="IA1159" s="91"/>
      <c r="IB1159" s="91"/>
      <c r="IC1159" s="91"/>
      <c r="ID1159" s="91"/>
      <c r="IE1159" s="91"/>
      <c r="IF1159" s="91"/>
      <c r="IG1159" s="91"/>
      <c r="IH1159" s="91"/>
      <c r="II1159" s="91"/>
      <c r="IJ1159" s="91"/>
      <c r="IK1159" s="127"/>
    </row>
    <row r="1160" spans="2:245" x14ac:dyDescent="0.2">
      <c r="B1160" s="43"/>
      <c r="C1160" s="73"/>
      <c r="D1160" s="64"/>
      <c r="E1160" s="64"/>
      <c r="F1160" s="55"/>
      <c r="G1160" s="102"/>
      <c r="H1160" s="55"/>
      <c r="I1160" s="55"/>
      <c r="J1160" s="55"/>
      <c r="K1160" s="55"/>
      <c r="L1160" s="55"/>
      <c r="M1160" s="55"/>
      <c r="N1160" s="55"/>
      <c r="O1160" s="55"/>
      <c r="P1160" s="55"/>
      <c r="Q1160" s="55"/>
      <c r="R1160" s="55"/>
      <c r="S1160" s="55"/>
      <c r="T1160" s="55"/>
      <c r="U1160" s="55"/>
      <c r="V1160" s="55"/>
      <c r="W1160" s="55"/>
      <c r="X1160" s="55"/>
      <c r="Y1160" s="55"/>
      <c r="Z1160" s="55"/>
      <c r="AA1160" s="55"/>
      <c r="AB1160" s="55"/>
      <c r="AC1160" s="55"/>
      <c r="AD1160" s="55"/>
      <c r="AE1160" s="55"/>
      <c r="AF1160" s="55"/>
      <c r="AG1160" s="55"/>
      <c r="AY1160" s="162"/>
      <c r="AZ1160" s="162"/>
      <c r="BA1160" s="162"/>
      <c r="BB1160" s="162"/>
      <c r="BC1160" s="162"/>
      <c r="BD1160" s="162"/>
      <c r="BE1160" s="162"/>
      <c r="BF1160" s="162"/>
      <c r="BG1160" s="162"/>
      <c r="BH1160" s="162"/>
      <c r="BI1160" s="162"/>
      <c r="BJ1160" s="162"/>
      <c r="BK1160" s="162"/>
      <c r="BL1160" s="162"/>
      <c r="BM1160" s="162"/>
      <c r="BN1160" s="162"/>
      <c r="BO1160" s="162"/>
      <c r="BP1160" s="162"/>
      <c r="BQ1160" s="162"/>
      <c r="BR1160" s="162"/>
      <c r="BS1160" s="162"/>
      <c r="BT1160" s="162"/>
      <c r="BU1160" s="162"/>
      <c r="BV1160" s="162"/>
      <c r="BW1160" s="162"/>
      <c r="BX1160" s="162"/>
      <c r="BY1160" s="162"/>
      <c r="BZ1160" s="162"/>
      <c r="CA1160" s="162"/>
      <c r="CB1160" s="162"/>
      <c r="CC1160" s="162"/>
      <c r="CD1160" s="162"/>
      <c r="CE1160" s="162"/>
      <c r="CF1160" s="162"/>
      <c r="CG1160" s="162"/>
      <c r="CH1160" s="162"/>
      <c r="CI1160" s="162"/>
      <c r="CJ1160" s="162"/>
      <c r="CK1160" s="162"/>
      <c r="CL1160" s="163"/>
      <c r="CM1160" s="163"/>
      <c r="CN1160" s="163"/>
      <c r="CO1160" s="163"/>
      <c r="CP1160" s="163"/>
      <c r="CQ1160" s="163"/>
      <c r="CR1160" s="163"/>
      <c r="CS1160" s="163"/>
      <c r="CT1160" s="163"/>
      <c r="CU1160" s="163"/>
      <c r="CV1160" s="163"/>
      <c r="CW1160" s="163"/>
      <c r="CX1160" s="173"/>
      <c r="CY1160" s="163"/>
      <c r="CZ1160" s="163"/>
      <c r="DA1160" s="163"/>
      <c r="DB1160" s="163"/>
      <c r="DC1160" s="163"/>
      <c r="DD1160" s="163"/>
      <c r="DE1160" s="163"/>
      <c r="DF1160" s="163"/>
      <c r="DG1160" s="163"/>
      <c r="DH1160" s="163"/>
      <c r="DI1160" s="163"/>
      <c r="DJ1160" s="163"/>
      <c r="DK1160" s="163"/>
      <c r="DL1160" s="172"/>
      <c r="DM1160" s="163"/>
      <c r="DN1160" s="163"/>
      <c r="DO1160" s="163"/>
      <c r="DP1160" s="163"/>
      <c r="DQ1160" s="163"/>
      <c r="DR1160" s="163"/>
      <c r="DS1160" s="163"/>
      <c r="DT1160" s="163"/>
      <c r="DU1160" s="163"/>
      <c r="DV1160" s="163"/>
      <c r="DW1160" s="163"/>
      <c r="DX1160" s="173"/>
      <c r="DY1160" s="163"/>
      <c r="DZ1160" s="163"/>
      <c r="EA1160" s="163"/>
      <c r="EB1160" s="163"/>
      <c r="EC1160" s="163"/>
      <c r="ED1160" s="163"/>
      <c r="EE1160" s="163"/>
      <c r="EF1160" s="163"/>
      <c r="EG1160" s="163"/>
      <c r="EH1160" s="163"/>
      <c r="EI1160" s="163"/>
      <c r="EJ1160" s="163"/>
      <c r="EK1160" s="163"/>
      <c r="EL1160" s="172"/>
      <c r="EM1160" s="163"/>
      <c r="EN1160" s="163"/>
      <c r="EO1160" s="163"/>
      <c r="EP1160" s="163"/>
      <c r="EQ1160" s="163"/>
      <c r="ER1160" s="163"/>
      <c r="ES1160" s="163"/>
      <c r="ET1160" s="163"/>
      <c r="EU1160" s="163"/>
      <c r="EV1160" s="163"/>
      <c r="EW1160" s="163"/>
      <c r="EX1160" s="173"/>
      <c r="EY1160" s="172"/>
      <c r="EZ1160" s="163"/>
      <c r="FA1160" s="163"/>
      <c r="FB1160" s="163"/>
      <c r="FC1160" s="163"/>
      <c r="FD1160" s="163"/>
      <c r="FE1160" s="163"/>
      <c r="FF1160" s="163"/>
      <c r="FG1160" s="163"/>
      <c r="FH1160" s="163"/>
      <c r="FI1160" s="163"/>
      <c r="FJ1160" s="163"/>
      <c r="FK1160" s="163"/>
      <c r="FL1160" s="126"/>
      <c r="FM1160" s="91"/>
      <c r="FN1160" s="91"/>
      <c r="FO1160" s="91"/>
      <c r="FP1160" s="91"/>
      <c r="FQ1160" s="91"/>
      <c r="FR1160" s="91"/>
      <c r="FS1160" s="91"/>
      <c r="FT1160" s="91"/>
      <c r="FU1160" s="91"/>
      <c r="FV1160" s="91"/>
      <c r="FW1160" s="91"/>
      <c r="FX1160" s="91"/>
      <c r="FY1160" s="91"/>
      <c r="FZ1160" s="91"/>
      <c r="GA1160" s="91"/>
      <c r="GB1160" s="91"/>
      <c r="GC1160" s="91"/>
      <c r="GD1160" s="91"/>
      <c r="GE1160" s="91"/>
      <c r="GF1160" s="91"/>
      <c r="GG1160" s="91"/>
      <c r="GH1160" s="91"/>
      <c r="GI1160" s="91"/>
      <c r="GJ1160" s="91"/>
      <c r="GK1160" s="127"/>
      <c r="GL1160" s="126"/>
      <c r="GM1160" s="91"/>
      <c r="GN1160" s="91"/>
      <c r="GO1160" s="91"/>
      <c r="GP1160" s="91"/>
      <c r="GQ1160" s="91"/>
      <c r="GR1160" s="91"/>
      <c r="GS1160" s="91"/>
      <c r="GT1160" s="91"/>
      <c r="GU1160" s="91"/>
      <c r="GV1160" s="91"/>
      <c r="GW1160" s="91"/>
      <c r="GX1160" s="91"/>
      <c r="GY1160" s="91"/>
      <c r="GZ1160" s="91"/>
      <c r="HA1160" s="91"/>
      <c r="HB1160" s="91"/>
      <c r="HC1160" s="91"/>
      <c r="HD1160" s="91"/>
      <c r="HE1160" s="91"/>
      <c r="HF1160" s="91"/>
      <c r="HG1160" s="91"/>
      <c r="HH1160" s="91"/>
      <c r="HI1160" s="91"/>
      <c r="HJ1160" s="91"/>
      <c r="HK1160" s="127"/>
      <c r="HL1160" s="126"/>
      <c r="HM1160" s="91"/>
      <c r="HN1160" s="91"/>
      <c r="HO1160" s="91"/>
      <c r="HP1160" s="91"/>
      <c r="HQ1160" s="91"/>
      <c r="HR1160" s="91"/>
      <c r="HS1160" s="91"/>
      <c r="HT1160" s="91"/>
      <c r="HU1160" s="91"/>
      <c r="HV1160" s="91"/>
      <c r="HW1160" s="91"/>
      <c r="HX1160" s="91"/>
      <c r="HY1160" s="91"/>
      <c r="HZ1160" s="91"/>
      <c r="IA1160" s="91"/>
      <c r="IB1160" s="91"/>
      <c r="IC1160" s="91"/>
      <c r="ID1160" s="91"/>
      <c r="IE1160" s="91"/>
      <c r="IF1160" s="91"/>
      <c r="IG1160" s="91"/>
      <c r="IH1160" s="91"/>
      <c r="II1160" s="91"/>
      <c r="IJ1160" s="91"/>
      <c r="IK1160" s="127"/>
    </row>
    <row r="1161" spans="2:245" x14ac:dyDescent="0.2">
      <c r="B1161" s="43"/>
      <c r="C1161" s="73"/>
      <c r="D1161" s="64"/>
      <c r="E1161" s="64"/>
      <c r="F1161" s="55"/>
      <c r="G1161" s="102"/>
      <c r="H1161" s="55"/>
      <c r="I1161" s="55"/>
      <c r="J1161" s="55"/>
      <c r="K1161" s="55"/>
      <c r="L1161" s="55"/>
      <c r="M1161" s="55"/>
      <c r="N1161" s="55"/>
      <c r="O1161" s="55"/>
      <c r="P1161" s="55"/>
      <c r="Q1161" s="55"/>
      <c r="R1161" s="55"/>
      <c r="S1161" s="55"/>
      <c r="T1161" s="55"/>
      <c r="U1161" s="55"/>
      <c r="V1161" s="55"/>
      <c r="W1161" s="55"/>
      <c r="X1161" s="55"/>
      <c r="Y1161" s="55"/>
      <c r="Z1161" s="55"/>
      <c r="AA1161" s="55"/>
      <c r="AB1161" s="55"/>
      <c r="AC1161" s="55"/>
      <c r="AD1161" s="55"/>
      <c r="AE1161" s="55"/>
      <c r="AF1161" s="55"/>
      <c r="AG1161" s="55"/>
      <c r="AY1161" s="162"/>
      <c r="AZ1161" s="162"/>
      <c r="BA1161" s="162"/>
      <c r="BB1161" s="162"/>
      <c r="BC1161" s="162"/>
      <c r="BD1161" s="162"/>
      <c r="BE1161" s="162"/>
      <c r="BF1161" s="162"/>
      <c r="BG1161" s="162"/>
      <c r="BH1161" s="162"/>
      <c r="BI1161" s="162"/>
      <c r="BJ1161" s="162"/>
      <c r="BK1161" s="162"/>
      <c r="BL1161" s="162"/>
      <c r="BM1161" s="162"/>
      <c r="BN1161" s="162"/>
      <c r="BO1161" s="162"/>
      <c r="BP1161" s="162"/>
      <c r="BQ1161" s="162"/>
      <c r="BR1161" s="162"/>
      <c r="BS1161" s="162"/>
      <c r="BT1161" s="162"/>
      <c r="BU1161" s="162"/>
      <c r="BV1161" s="162"/>
      <c r="BW1161" s="162"/>
      <c r="BX1161" s="162"/>
      <c r="BY1161" s="162"/>
      <c r="BZ1161" s="162"/>
      <c r="CA1161" s="162"/>
      <c r="CB1161" s="162"/>
      <c r="CC1161" s="162"/>
      <c r="CD1161" s="162"/>
      <c r="CE1161" s="162"/>
      <c r="CF1161" s="162"/>
      <c r="CG1161" s="162"/>
      <c r="CH1161" s="162"/>
      <c r="CI1161" s="162"/>
      <c r="CJ1161" s="162"/>
      <c r="CK1161" s="162"/>
      <c r="CX1161" s="98"/>
      <c r="DL1161" s="97"/>
      <c r="DX1161" s="98"/>
      <c r="EL1161" s="97"/>
      <c r="EX1161" s="98"/>
      <c r="EY1161" s="97"/>
      <c r="FL1161" s="126"/>
      <c r="FM1161" s="91"/>
      <c r="FN1161" s="91"/>
      <c r="FO1161" s="91"/>
      <c r="FP1161" s="91"/>
      <c r="FQ1161" s="91"/>
      <c r="FR1161" s="91"/>
      <c r="FS1161" s="91"/>
      <c r="FT1161" s="91"/>
      <c r="FU1161" s="91"/>
      <c r="FV1161" s="91"/>
      <c r="FW1161" s="91"/>
      <c r="FX1161" s="91"/>
      <c r="FY1161" s="91"/>
      <c r="FZ1161" s="91"/>
      <c r="GA1161" s="91"/>
      <c r="GB1161" s="91"/>
      <c r="GC1161" s="91"/>
      <c r="GD1161" s="91"/>
      <c r="GE1161" s="91"/>
      <c r="GF1161" s="91"/>
      <c r="GG1161" s="91"/>
      <c r="GH1161" s="91"/>
      <c r="GI1161" s="91"/>
      <c r="GJ1161" s="91"/>
      <c r="GK1161" s="127"/>
      <c r="GL1161" s="126"/>
      <c r="GM1161" s="91"/>
      <c r="GN1161" s="91"/>
      <c r="GO1161" s="91"/>
      <c r="GP1161" s="91"/>
      <c r="GQ1161" s="91"/>
      <c r="GR1161" s="91"/>
      <c r="GS1161" s="91"/>
      <c r="GT1161" s="91"/>
      <c r="GU1161" s="91"/>
      <c r="GV1161" s="91"/>
      <c r="GW1161" s="91"/>
      <c r="GX1161" s="91"/>
      <c r="GY1161" s="91"/>
      <c r="GZ1161" s="91"/>
      <c r="HA1161" s="91"/>
      <c r="HB1161" s="91"/>
      <c r="HC1161" s="91"/>
      <c r="HD1161" s="91"/>
      <c r="HE1161" s="91"/>
      <c r="HF1161" s="91"/>
      <c r="HG1161" s="91"/>
      <c r="HH1161" s="91"/>
      <c r="HI1161" s="91"/>
      <c r="HJ1161" s="91"/>
      <c r="HK1161" s="127"/>
      <c r="HL1161" s="126"/>
      <c r="HM1161" s="91"/>
      <c r="HN1161" s="91"/>
      <c r="HO1161" s="91"/>
      <c r="HP1161" s="91"/>
      <c r="HQ1161" s="91"/>
      <c r="HR1161" s="91"/>
      <c r="HS1161" s="91"/>
      <c r="HT1161" s="91"/>
      <c r="HU1161" s="91"/>
      <c r="HV1161" s="91"/>
      <c r="HW1161" s="91"/>
      <c r="HX1161" s="91"/>
      <c r="HY1161" s="91"/>
      <c r="HZ1161" s="91"/>
      <c r="IA1161" s="91"/>
      <c r="IB1161" s="91"/>
      <c r="IC1161" s="91"/>
      <c r="ID1161" s="91"/>
      <c r="IE1161" s="91"/>
      <c r="IF1161" s="91"/>
      <c r="IG1161" s="91"/>
      <c r="IH1161" s="91"/>
      <c r="II1161" s="91"/>
      <c r="IJ1161" s="91"/>
      <c r="IK1161" s="127"/>
    </row>
    <row r="1162" spans="2:245" x14ac:dyDescent="0.2">
      <c r="B1162" s="43"/>
      <c r="C1162" s="73"/>
      <c r="D1162" s="64"/>
      <c r="E1162" s="64"/>
      <c r="F1162" s="55"/>
      <c r="G1162" s="102"/>
      <c r="H1162" s="55"/>
      <c r="I1162" s="55"/>
      <c r="J1162" s="55"/>
      <c r="K1162" s="55"/>
      <c r="L1162" s="55"/>
      <c r="M1162" s="55"/>
      <c r="N1162" s="55"/>
      <c r="O1162" s="55"/>
      <c r="P1162" s="55"/>
      <c r="Q1162" s="55"/>
      <c r="R1162" s="55"/>
      <c r="S1162" s="55"/>
      <c r="T1162" s="55"/>
      <c r="U1162" s="55"/>
      <c r="V1162" s="55"/>
      <c r="W1162" s="55"/>
      <c r="X1162" s="55"/>
      <c r="Y1162" s="55"/>
      <c r="Z1162" s="55"/>
      <c r="AA1162" s="55"/>
      <c r="AB1162" s="55"/>
      <c r="AC1162" s="55"/>
      <c r="AD1162" s="55"/>
      <c r="AE1162" s="55"/>
      <c r="AF1162" s="55"/>
      <c r="AG1162" s="55"/>
      <c r="AY1162" s="162"/>
      <c r="AZ1162" s="162"/>
      <c r="BA1162" s="162"/>
      <c r="BB1162" s="162"/>
      <c r="BC1162" s="162"/>
      <c r="BD1162" s="162"/>
      <c r="BE1162" s="162"/>
      <c r="BF1162" s="162"/>
      <c r="BG1162" s="162"/>
      <c r="BH1162" s="162"/>
      <c r="BI1162" s="162"/>
      <c r="BJ1162" s="162"/>
      <c r="BK1162" s="162"/>
      <c r="BL1162" s="162"/>
      <c r="BM1162" s="162"/>
      <c r="BN1162" s="162"/>
      <c r="BO1162" s="162"/>
      <c r="BP1162" s="162"/>
      <c r="BQ1162" s="162"/>
      <c r="BR1162" s="162"/>
      <c r="BS1162" s="162"/>
      <c r="BT1162" s="162"/>
      <c r="BU1162" s="162"/>
      <c r="BV1162" s="162"/>
      <c r="BW1162" s="162"/>
      <c r="BX1162" s="162"/>
      <c r="BY1162" s="162"/>
      <c r="BZ1162" s="162"/>
      <c r="CA1162" s="162"/>
      <c r="CB1162" s="162"/>
      <c r="CC1162" s="162"/>
      <c r="CD1162" s="162"/>
      <c r="CE1162" s="162"/>
      <c r="CF1162" s="162"/>
      <c r="CG1162" s="162"/>
      <c r="CH1162" s="162"/>
      <c r="CI1162" s="162"/>
      <c r="CJ1162" s="162"/>
      <c r="CK1162" s="162"/>
      <c r="CX1162" s="98"/>
      <c r="DL1162" s="97"/>
      <c r="DX1162" s="98"/>
      <c r="EL1162" s="97"/>
      <c r="EX1162" s="98"/>
      <c r="EY1162" s="97"/>
      <c r="FL1162" s="126"/>
      <c r="FM1162" s="91"/>
      <c r="FN1162" s="91"/>
      <c r="FO1162" s="91"/>
      <c r="FP1162" s="91"/>
      <c r="FQ1162" s="91"/>
      <c r="FR1162" s="91"/>
      <c r="FS1162" s="91"/>
      <c r="FT1162" s="91"/>
      <c r="FU1162" s="91"/>
      <c r="FV1162" s="91"/>
      <c r="FW1162" s="91"/>
      <c r="FX1162" s="91"/>
      <c r="FY1162" s="91"/>
      <c r="FZ1162" s="91"/>
      <c r="GA1162" s="91"/>
      <c r="GB1162" s="91"/>
      <c r="GC1162" s="91"/>
      <c r="GD1162" s="91"/>
      <c r="GE1162" s="91"/>
      <c r="GF1162" s="91"/>
      <c r="GG1162" s="91"/>
      <c r="GH1162" s="91"/>
      <c r="GI1162" s="91"/>
      <c r="GJ1162" s="91"/>
      <c r="GK1162" s="127"/>
      <c r="GL1162" s="126"/>
      <c r="GM1162" s="91"/>
      <c r="GN1162" s="91"/>
      <c r="GO1162" s="91"/>
      <c r="GP1162" s="91"/>
      <c r="GQ1162" s="91"/>
      <c r="GR1162" s="91"/>
      <c r="GS1162" s="91"/>
      <c r="GT1162" s="91"/>
      <c r="GU1162" s="91"/>
      <c r="GV1162" s="91"/>
      <c r="GW1162" s="91"/>
      <c r="GX1162" s="91"/>
      <c r="GY1162" s="91"/>
      <c r="GZ1162" s="91"/>
      <c r="HA1162" s="91"/>
      <c r="HB1162" s="91"/>
      <c r="HC1162" s="91"/>
      <c r="HD1162" s="91"/>
      <c r="HE1162" s="91"/>
      <c r="HF1162" s="91"/>
      <c r="HG1162" s="91"/>
      <c r="HH1162" s="91"/>
      <c r="HI1162" s="91"/>
      <c r="HJ1162" s="91"/>
      <c r="HK1162" s="127"/>
      <c r="HL1162" s="126"/>
      <c r="HM1162" s="91"/>
      <c r="HN1162" s="91"/>
      <c r="HO1162" s="91"/>
      <c r="HP1162" s="91"/>
      <c r="HQ1162" s="91"/>
      <c r="HR1162" s="91"/>
      <c r="HS1162" s="91"/>
      <c r="HT1162" s="91"/>
      <c r="HU1162" s="91"/>
      <c r="HV1162" s="91"/>
      <c r="HW1162" s="91"/>
      <c r="HX1162" s="91"/>
      <c r="HY1162" s="91"/>
      <c r="HZ1162" s="91"/>
      <c r="IA1162" s="91"/>
      <c r="IB1162" s="91"/>
      <c r="IC1162" s="91"/>
      <c r="ID1162" s="91"/>
      <c r="IE1162" s="91"/>
      <c r="IF1162" s="91"/>
      <c r="IG1162" s="91"/>
      <c r="IH1162" s="91"/>
      <c r="II1162" s="91"/>
      <c r="IJ1162" s="91"/>
      <c r="IK1162" s="127"/>
    </row>
    <row r="1163" spans="2:245" x14ac:dyDescent="0.2">
      <c r="B1163" s="43"/>
      <c r="C1163" s="73"/>
      <c r="D1163" s="64"/>
      <c r="E1163" s="64"/>
      <c r="F1163" s="55"/>
      <c r="G1163" s="102"/>
      <c r="H1163" s="55"/>
      <c r="I1163" s="55"/>
      <c r="J1163" s="55"/>
      <c r="K1163" s="55"/>
      <c r="L1163" s="55"/>
      <c r="M1163" s="55"/>
      <c r="N1163" s="55"/>
      <c r="O1163" s="55"/>
      <c r="P1163" s="55"/>
      <c r="Q1163" s="55"/>
      <c r="R1163" s="55"/>
      <c r="S1163" s="55"/>
      <c r="T1163" s="55"/>
      <c r="U1163" s="55"/>
      <c r="V1163" s="55"/>
      <c r="W1163" s="55"/>
      <c r="X1163" s="55"/>
      <c r="Y1163" s="55"/>
      <c r="Z1163" s="55"/>
      <c r="AA1163" s="55"/>
      <c r="AB1163" s="55"/>
      <c r="AC1163" s="55"/>
      <c r="AD1163" s="55"/>
      <c r="AE1163" s="55"/>
      <c r="AF1163" s="55"/>
      <c r="AG1163" s="55"/>
      <c r="AY1163" s="162"/>
      <c r="AZ1163" s="162"/>
      <c r="BA1163" s="162"/>
      <c r="BB1163" s="162"/>
      <c r="BC1163" s="162"/>
      <c r="BD1163" s="162"/>
      <c r="BE1163" s="162"/>
      <c r="BF1163" s="162"/>
      <c r="BG1163" s="162"/>
      <c r="BH1163" s="162"/>
      <c r="BI1163" s="162"/>
      <c r="BJ1163" s="162"/>
      <c r="BK1163" s="162"/>
      <c r="BL1163" s="162"/>
      <c r="BM1163" s="162"/>
      <c r="BN1163" s="162"/>
      <c r="BO1163" s="162"/>
      <c r="BP1163" s="162"/>
      <c r="BQ1163" s="162"/>
      <c r="BR1163" s="162"/>
      <c r="BS1163" s="162"/>
      <c r="BT1163" s="162"/>
      <c r="BU1163" s="162"/>
      <c r="BV1163" s="162"/>
      <c r="BW1163" s="162"/>
      <c r="BX1163" s="162"/>
      <c r="BY1163" s="162"/>
      <c r="BZ1163" s="162"/>
      <c r="CA1163" s="162"/>
      <c r="CB1163" s="162"/>
      <c r="CC1163" s="162"/>
      <c r="CD1163" s="162"/>
      <c r="CE1163" s="162"/>
      <c r="CF1163" s="162"/>
      <c r="CG1163" s="162"/>
      <c r="CH1163" s="162"/>
      <c r="CI1163" s="162"/>
      <c r="CJ1163" s="162"/>
      <c r="CK1163" s="162"/>
      <c r="CX1163" s="98"/>
      <c r="DL1163" s="97"/>
      <c r="DX1163" s="98"/>
      <c r="EL1163" s="97"/>
      <c r="EX1163" s="98"/>
      <c r="EY1163" s="97"/>
      <c r="FL1163" s="126"/>
      <c r="FM1163" s="91"/>
      <c r="FN1163" s="91"/>
      <c r="FO1163" s="91"/>
      <c r="FP1163" s="91"/>
      <c r="FQ1163" s="91"/>
      <c r="FR1163" s="91"/>
      <c r="FS1163" s="91"/>
      <c r="FT1163" s="91"/>
      <c r="FU1163" s="91"/>
      <c r="FV1163" s="91"/>
      <c r="FW1163" s="91"/>
      <c r="FX1163" s="91"/>
      <c r="FY1163" s="91"/>
      <c r="FZ1163" s="91"/>
      <c r="GA1163" s="91"/>
      <c r="GB1163" s="91"/>
      <c r="GC1163" s="91"/>
      <c r="GD1163" s="91"/>
      <c r="GE1163" s="91"/>
      <c r="GF1163" s="91"/>
      <c r="GG1163" s="91"/>
      <c r="GH1163" s="91"/>
      <c r="GI1163" s="91"/>
      <c r="GJ1163" s="91"/>
      <c r="GK1163" s="127"/>
      <c r="GL1163" s="126"/>
      <c r="GM1163" s="91"/>
      <c r="GN1163" s="91"/>
      <c r="GO1163" s="91"/>
      <c r="GP1163" s="91"/>
      <c r="GQ1163" s="91"/>
      <c r="GR1163" s="91"/>
      <c r="GS1163" s="91"/>
      <c r="GT1163" s="91"/>
      <c r="GU1163" s="91"/>
      <c r="GV1163" s="91"/>
      <c r="GW1163" s="91"/>
      <c r="GX1163" s="91"/>
      <c r="GY1163" s="91"/>
      <c r="GZ1163" s="91"/>
      <c r="HA1163" s="91"/>
      <c r="HB1163" s="91"/>
      <c r="HC1163" s="91"/>
      <c r="HD1163" s="91"/>
      <c r="HE1163" s="91"/>
      <c r="HF1163" s="91"/>
      <c r="HG1163" s="91"/>
      <c r="HH1163" s="91"/>
      <c r="HI1163" s="91"/>
      <c r="HJ1163" s="91"/>
      <c r="HK1163" s="127"/>
      <c r="HL1163" s="126"/>
      <c r="HM1163" s="91"/>
      <c r="HN1163" s="91"/>
      <c r="HO1163" s="91"/>
      <c r="HP1163" s="91"/>
      <c r="HQ1163" s="91"/>
      <c r="HR1163" s="91"/>
      <c r="HS1163" s="91"/>
      <c r="HT1163" s="91"/>
      <c r="HU1163" s="91"/>
      <c r="HV1163" s="91"/>
      <c r="HW1163" s="91"/>
      <c r="HX1163" s="91"/>
      <c r="HY1163" s="91"/>
      <c r="HZ1163" s="91"/>
      <c r="IA1163" s="91"/>
      <c r="IB1163" s="91"/>
      <c r="IC1163" s="91"/>
      <c r="ID1163" s="91"/>
      <c r="IE1163" s="91"/>
      <c r="IF1163" s="91"/>
      <c r="IG1163" s="91"/>
      <c r="IH1163" s="91"/>
      <c r="II1163" s="91"/>
      <c r="IJ1163" s="91"/>
      <c r="IK1163" s="127"/>
    </row>
    <row r="1164" spans="2:245" x14ac:dyDescent="0.2">
      <c r="B1164" s="43"/>
      <c r="C1164" s="73"/>
      <c r="D1164" s="64"/>
      <c r="E1164" s="64"/>
      <c r="F1164" s="55"/>
      <c r="G1164" s="102"/>
      <c r="H1164" s="55"/>
      <c r="I1164" s="55"/>
      <c r="J1164" s="55"/>
      <c r="K1164" s="55"/>
      <c r="L1164" s="55"/>
      <c r="M1164" s="55"/>
      <c r="N1164" s="55"/>
      <c r="O1164" s="55"/>
      <c r="P1164" s="55"/>
      <c r="Q1164" s="55"/>
      <c r="R1164" s="55"/>
      <c r="S1164" s="55"/>
      <c r="T1164" s="55"/>
      <c r="U1164" s="55"/>
      <c r="V1164" s="55"/>
      <c r="W1164" s="55"/>
      <c r="X1164" s="55"/>
      <c r="Y1164" s="55"/>
      <c r="Z1164" s="55"/>
      <c r="AA1164" s="55"/>
      <c r="AB1164" s="55"/>
      <c r="AC1164" s="55"/>
      <c r="AD1164" s="55"/>
      <c r="AE1164" s="55"/>
      <c r="AF1164" s="55"/>
      <c r="AG1164" s="55"/>
      <c r="AY1164" s="162"/>
      <c r="AZ1164" s="162"/>
      <c r="BA1164" s="162"/>
      <c r="BB1164" s="162"/>
      <c r="BC1164" s="162"/>
      <c r="BD1164" s="162"/>
      <c r="BE1164" s="162"/>
      <c r="BF1164" s="162"/>
      <c r="BG1164" s="162"/>
      <c r="BH1164" s="162"/>
      <c r="BI1164" s="162"/>
      <c r="BJ1164" s="162"/>
      <c r="BK1164" s="162"/>
      <c r="BL1164" s="162"/>
      <c r="BM1164" s="162"/>
      <c r="BN1164" s="162"/>
      <c r="BO1164" s="162"/>
      <c r="BP1164" s="162"/>
      <c r="BQ1164" s="162"/>
      <c r="BR1164" s="162"/>
      <c r="BS1164" s="162"/>
      <c r="BT1164" s="162"/>
      <c r="BU1164" s="162"/>
      <c r="BV1164" s="162"/>
      <c r="BW1164" s="162"/>
      <c r="BX1164" s="162"/>
      <c r="BY1164" s="162"/>
      <c r="BZ1164" s="162"/>
      <c r="CA1164" s="162"/>
      <c r="CB1164" s="162"/>
      <c r="CC1164" s="162"/>
      <c r="CD1164" s="162"/>
      <c r="CE1164" s="162"/>
      <c r="CF1164" s="162"/>
      <c r="CG1164" s="162"/>
      <c r="CH1164" s="162"/>
      <c r="CI1164" s="162"/>
      <c r="CJ1164" s="162"/>
      <c r="CK1164" s="162"/>
      <c r="CX1164" s="98"/>
      <c r="DL1164" s="97"/>
      <c r="DX1164" s="98"/>
      <c r="EL1164" s="97"/>
      <c r="EX1164" s="98"/>
      <c r="EY1164" s="97"/>
      <c r="FL1164" s="126"/>
      <c r="FM1164" s="91"/>
      <c r="FN1164" s="91"/>
      <c r="FO1164" s="91"/>
      <c r="FP1164" s="91"/>
      <c r="FQ1164" s="91"/>
      <c r="FR1164" s="91"/>
      <c r="FS1164" s="91"/>
      <c r="FT1164" s="91"/>
      <c r="FU1164" s="91"/>
      <c r="FV1164" s="91"/>
      <c r="FW1164" s="91"/>
      <c r="FX1164" s="91"/>
      <c r="FY1164" s="91"/>
      <c r="FZ1164" s="91"/>
      <c r="GA1164" s="91"/>
      <c r="GB1164" s="91"/>
      <c r="GC1164" s="91"/>
      <c r="GD1164" s="91"/>
      <c r="GE1164" s="91"/>
      <c r="GF1164" s="91"/>
      <c r="GG1164" s="91"/>
      <c r="GH1164" s="91"/>
      <c r="GI1164" s="91"/>
      <c r="GJ1164" s="91"/>
      <c r="GK1164" s="127"/>
      <c r="GL1164" s="126"/>
      <c r="GM1164" s="91"/>
      <c r="GN1164" s="91"/>
      <c r="GO1164" s="91"/>
      <c r="GP1164" s="91"/>
      <c r="GQ1164" s="91"/>
      <c r="GR1164" s="91"/>
      <c r="GS1164" s="91"/>
      <c r="GT1164" s="91"/>
      <c r="GU1164" s="91"/>
      <c r="GV1164" s="91"/>
      <c r="GW1164" s="91"/>
      <c r="GX1164" s="91"/>
      <c r="GY1164" s="91"/>
      <c r="GZ1164" s="91"/>
      <c r="HA1164" s="91"/>
      <c r="HB1164" s="91"/>
      <c r="HC1164" s="91"/>
      <c r="HD1164" s="91"/>
      <c r="HE1164" s="91"/>
      <c r="HF1164" s="91"/>
      <c r="HG1164" s="91"/>
      <c r="HH1164" s="91"/>
      <c r="HI1164" s="91"/>
      <c r="HJ1164" s="91"/>
      <c r="HK1164" s="127"/>
      <c r="HL1164" s="126"/>
      <c r="HM1164" s="91"/>
      <c r="HN1164" s="91"/>
      <c r="HO1164" s="91"/>
      <c r="HP1164" s="91"/>
      <c r="HQ1164" s="91"/>
      <c r="HR1164" s="91"/>
      <c r="HS1164" s="91"/>
      <c r="HT1164" s="91"/>
      <c r="HU1164" s="91"/>
      <c r="HV1164" s="91"/>
      <c r="HW1164" s="91"/>
      <c r="HX1164" s="91"/>
      <c r="HY1164" s="91"/>
      <c r="HZ1164" s="91"/>
      <c r="IA1164" s="91"/>
      <c r="IB1164" s="91"/>
      <c r="IC1164" s="91"/>
      <c r="ID1164" s="91"/>
      <c r="IE1164" s="91"/>
      <c r="IF1164" s="91"/>
      <c r="IG1164" s="91"/>
      <c r="IH1164" s="91"/>
      <c r="II1164" s="91"/>
      <c r="IJ1164" s="91"/>
      <c r="IK1164" s="127"/>
    </row>
    <row r="1165" spans="2:245" x14ac:dyDescent="0.2">
      <c r="B1165" s="43"/>
      <c r="C1165" s="73"/>
      <c r="D1165" s="64"/>
      <c r="E1165" s="64"/>
      <c r="F1165" s="55"/>
      <c r="G1165" s="102"/>
      <c r="H1165" s="55"/>
      <c r="I1165" s="55"/>
      <c r="J1165" s="55"/>
      <c r="K1165" s="55"/>
      <c r="L1165" s="55"/>
      <c r="M1165" s="55"/>
      <c r="N1165" s="55"/>
      <c r="O1165" s="55"/>
      <c r="P1165" s="55"/>
      <c r="Q1165" s="55"/>
      <c r="R1165" s="55"/>
      <c r="S1165" s="55"/>
      <c r="T1165" s="55"/>
      <c r="U1165" s="55"/>
      <c r="V1165" s="55"/>
      <c r="W1165" s="55"/>
      <c r="X1165" s="55"/>
      <c r="Y1165" s="55"/>
      <c r="Z1165" s="55"/>
      <c r="AA1165" s="55"/>
      <c r="AB1165" s="55"/>
      <c r="AC1165" s="55"/>
      <c r="AD1165" s="55"/>
      <c r="AE1165" s="55"/>
      <c r="AF1165" s="55"/>
      <c r="AG1165" s="55"/>
      <c r="AY1165" s="162"/>
      <c r="AZ1165" s="162"/>
      <c r="BA1165" s="162"/>
      <c r="BB1165" s="162"/>
      <c r="BC1165" s="162"/>
      <c r="BD1165" s="162"/>
      <c r="BE1165" s="162"/>
      <c r="BF1165" s="162"/>
      <c r="BG1165" s="162"/>
      <c r="BH1165" s="162"/>
      <c r="BI1165" s="162"/>
      <c r="BJ1165" s="162"/>
      <c r="BK1165" s="162"/>
      <c r="BL1165" s="162"/>
      <c r="BM1165" s="162"/>
      <c r="BN1165" s="162"/>
      <c r="BO1165" s="162"/>
      <c r="BP1165" s="162"/>
      <c r="BQ1165" s="162"/>
      <c r="BR1165" s="162"/>
      <c r="BS1165" s="162"/>
      <c r="BT1165" s="162"/>
      <c r="BU1165" s="162"/>
      <c r="BV1165" s="162"/>
      <c r="BW1165" s="162"/>
      <c r="BX1165" s="162"/>
      <c r="BY1165" s="162"/>
      <c r="BZ1165" s="162"/>
      <c r="CA1165" s="162"/>
      <c r="CB1165" s="162"/>
      <c r="CC1165" s="162"/>
      <c r="CD1165" s="162"/>
      <c r="CE1165" s="162"/>
      <c r="CF1165" s="162"/>
      <c r="CG1165" s="162"/>
      <c r="CH1165" s="162"/>
      <c r="CI1165" s="162"/>
      <c r="CJ1165" s="162"/>
      <c r="CK1165" s="162"/>
      <c r="CX1165" s="98"/>
      <c r="DL1165" s="97"/>
      <c r="DX1165" s="98"/>
      <c r="EL1165" s="97"/>
      <c r="EX1165" s="98"/>
      <c r="EY1165" s="97"/>
      <c r="FL1165" s="126"/>
      <c r="FM1165" s="91"/>
      <c r="FN1165" s="91"/>
      <c r="FO1165" s="91"/>
      <c r="FP1165" s="91"/>
      <c r="FQ1165" s="91"/>
      <c r="FR1165" s="91"/>
      <c r="FS1165" s="91"/>
      <c r="FT1165" s="91"/>
      <c r="FU1165" s="91"/>
      <c r="FV1165" s="91"/>
      <c r="FW1165" s="91"/>
      <c r="FX1165" s="91"/>
      <c r="FY1165" s="91"/>
      <c r="FZ1165" s="91"/>
      <c r="GA1165" s="91"/>
      <c r="GB1165" s="91"/>
      <c r="GC1165" s="91"/>
      <c r="GD1165" s="91"/>
      <c r="GE1165" s="91"/>
      <c r="GF1165" s="91"/>
      <c r="GG1165" s="91"/>
      <c r="GH1165" s="91"/>
      <c r="GI1165" s="91"/>
      <c r="GJ1165" s="91"/>
      <c r="GK1165" s="127"/>
      <c r="GL1165" s="126"/>
      <c r="GM1165" s="91"/>
      <c r="GN1165" s="91"/>
      <c r="GO1165" s="91"/>
      <c r="GP1165" s="91"/>
      <c r="GQ1165" s="91"/>
      <c r="GR1165" s="91"/>
      <c r="GS1165" s="91"/>
      <c r="GT1165" s="91"/>
      <c r="GU1165" s="91"/>
      <c r="GV1165" s="91"/>
      <c r="GW1165" s="91"/>
      <c r="GX1165" s="91"/>
      <c r="GY1165" s="91"/>
      <c r="GZ1165" s="91"/>
      <c r="HA1165" s="91"/>
      <c r="HB1165" s="91"/>
      <c r="HC1165" s="91"/>
      <c r="HD1165" s="91"/>
      <c r="HE1165" s="91"/>
      <c r="HF1165" s="91"/>
      <c r="HG1165" s="91"/>
      <c r="HH1165" s="91"/>
      <c r="HI1165" s="91"/>
      <c r="HJ1165" s="91"/>
      <c r="HK1165" s="127"/>
      <c r="HL1165" s="126"/>
      <c r="HM1165" s="91"/>
      <c r="HN1165" s="91"/>
      <c r="HO1165" s="91"/>
      <c r="HP1165" s="91"/>
      <c r="HQ1165" s="91"/>
      <c r="HR1165" s="91"/>
      <c r="HS1165" s="91"/>
      <c r="HT1165" s="91"/>
      <c r="HU1165" s="91"/>
      <c r="HV1165" s="91"/>
      <c r="HW1165" s="91"/>
      <c r="HX1165" s="91"/>
      <c r="HY1165" s="91"/>
      <c r="HZ1165" s="91"/>
      <c r="IA1165" s="91"/>
      <c r="IB1165" s="91"/>
      <c r="IC1165" s="91"/>
      <c r="ID1165" s="91"/>
      <c r="IE1165" s="91"/>
      <c r="IF1165" s="91"/>
      <c r="IG1165" s="91"/>
      <c r="IH1165" s="91"/>
      <c r="II1165" s="91"/>
      <c r="IJ1165" s="91"/>
      <c r="IK1165" s="127"/>
    </row>
    <row r="1166" spans="2:245" x14ac:dyDescent="0.2">
      <c r="B1166" s="43"/>
      <c r="C1166" s="73"/>
      <c r="D1166" s="64"/>
      <c r="E1166" s="64"/>
      <c r="F1166" s="55"/>
      <c r="G1166" s="102"/>
      <c r="H1166" s="55"/>
      <c r="I1166" s="55"/>
      <c r="J1166" s="55"/>
      <c r="K1166" s="55"/>
      <c r="L1166" s="55"/>
      <c r="M1166" s="55"/>
      <c r="N1166" s="55"/>
      <c r="O1166" s="55"/>
      <c r="P1166" s="55"/>
      <c r="Q1166" s="55"/>
      <c r="R1166" s="55"/>
      <c r="S1166" s="55"/>
      <c r="T1166" s="55"/>
      <c r="U1166" s="55"/>
      <c r="V1166" s="55"/>
      <c r="W1166" s="55"/>
      <c r="X1166" s="55"/>
      <c r="Y1166" s="55"/>
      <c r="Z1166" s="55"/>
      <c r="AA1166" s="55"/>
      <c r="AB1166" s="55"/>
      <c r="AC1166" s="55"/>
      <c r="AD1166" s="55"/>
      <c r="AE1166" s="55"/>
      <c r="AF1166" s="55"/>
      <c r="AG1166" s="55"/>
      <c r="AY1166" s="162"/>
      <c r="AZ1166" s="162"/>
      <c r="BA1166" s="162"/>
      <c r="BB1166" s="162"/>
      <c r="BC1166" s="162"/>
      <c r="BD1166" s="162"/>
      <c r="BE1166" s="162"/>
      <c r="BF1166" s="162"/>
      <c r="BG1166" s="162"/>
      <c r="BH1166" s="162"/>
      <c r="BI1166" s="162"/>
      <c r="BJ1166" s="162"/>
      <c r="BK1166" s="162"/>
      <c r="BL1166" s="162"/>
      <c r="BM1166" s="162"/>
      <c r="BN1166" s="162"/>
      <c r="BO1166" s="162"/>
      <c r="BP1166" s="162"/>
      <c r="BQ1166" s="162"/>
      <c r="BR1166" s="162"/>
      <c r="BS1166" s="162"/>
      <c r="BT1166" s="162"/>
      <c r="BU1166" s="162"/>
      <c r="BV1166" s="162"/>
      <c r="BW1166" s="162"/>
      <c r="BX1166" s="162"/>
      <c r="BY1166" s="162"/>
      <c r="BZ1166" s="162"/>
      <c r="CA1166" s="162"/>
      <c r="CB1166" s="162"/>
      <c r="CC1166" s="162"/>
      <c r="CD1166" s="162"/>
      <c r="CE1166" s="162"/>
      <c r="CF1166" s="162"/>
      <c r="CG1166" s="162"/>
      <c r="CH1166" s="162"/>
      <c r="CI1166" s="162"/>
      <c r="CJ1166" s="162"/>
      <c r="CK1166" s="162"/>
      <c r="CX1166" s="98"/>
      <c r="DL1166" s="97"/>
      <c r="DX1166" s="98"/>
      <c r="EL1166" s="97"/>
      <c r="EX1166" s="98"/>
      <c r="EY1166" s="97"/>
      <c r="FL1166" s="126"/>
      <c r="FM1166" s="91"/>
      <c r="FN1166" s="91"/>
      <c r="FO1166" s="91"/>
      <c r="FP1166" s="91"/>
      <c r="FQ1166" s="91"/>
      <c r="FR1166" s="91"/>
      <c r="FS1166" s="91"/>
      <c r="FT1166" s="91"/>
      <c r="FU1166" s="91"/>
      <c r="FV1166" s="91"/>
      <c r="FW1166" s="91"/>
      <c r="FX1166" s="91"/>
      <c r="FY1166" s="91"/>
      <c r="FZ1166" s="91"/>
      <c r="GA1166" s="91"/>
      <c r="GB1166" s="91"/>
      <c r="GC1166" s="91"/>
      <c r="GD1166" s="91"/>
      <c r="GE1166" s="91"/>
      <c r="GF1166" s="91"/>
      <c r="GG1166" s="91"/>
      <c r="GH1166" s="91"/>
      <c r="GI1166" s="91"/>
      <c r="GJ1166" s="91"/>
      <c r="GK1166" s="127"/>
      <c r="GL1166" s="126"/>
      <c r="GM1166" s="91"/>
      <c r="GN1166" s="91"/>
      <c r="GO1166" s="91"/>
      <c r="GP1166" s="91"/>
      <c r="GQ1166" s="91"/>
      <c r="GR1166" s="91"/>
      <c r="GS1166" s="91"/>
      <c r="GT1166" s="91"/>
      <c r="GU1166" s="91"/>
      <c r="GV1166" s="91"/>
      <c r="GW1166" s="91"/>
      <c r="GX1166" s="91"/>
      <c r="GY1166" s="91"/>
      <c r="GZ1166" s="91"/>
      <c r="HA1166" s="91"/>
      <c r="HB1166" s="91"/>
      <c r="HC1166" s="91"/>
      <c r="HD1166" s="91"/>
      <c r="HE1166" s="91"/>
      <c r="HF1166" s="91"/>
      <c r="HG1166" s="91"/>
      <c r="HH1166" s="91"/>
      <c r="HI1166" s="91"/>
      <c r="HJ1166" s="91"/>
      <c r="HK1166" s="127"/>
      <c r="HL1166" s="126"/>
      <c r="HM1166" s="91"/>
      <c r="HN1166" s="91"/>
      <c r="HO1166" s="91"/>
      <c r="HP1166" s="91"/>
      <c r="HQ1166" s="91"/>
      <c r="HR1166" s="91"/>
      <c r="HS1166" s="91"/>
      <c r="HT1166" s="91"/>
      <c r="HU1166" s="91"/>
      <c r="HV1166" s="91"/>
      <c r="HW1166" s="91"/>
      <c r="HX1166" s="91"/>
      <c r="HY1166" s="91"/>
      <c r="HZ1166" s="91"/>
      <c r="IA1166" s="91"/>
      <c r="IB1166" s="91"/>
      <c r="IC1166" s="91"/>
      <c r="ID1166" s="91"/>
      <c r="IE1166" s="91"/>
      <c r="IF1166" s="91"/>
      <c r="IG1166" s="91"/>
      <c r="IH1166" s="91"/>
      <c r="II1166" s="91"/>
      <c r="IJ1166" s="91"/>
      <c r="IK1166" s="127"/>
    </row>
    <row r="1167" spans="2:245" x14ac:dyDescent="0.2">
      <c r="B1167" s="43"/>
      <c r="C1167" s="73"/>
      <c r="D1167" s="64"/>
      <c r="E1167" s="64"/>
      <c r="F1167" s="55"/>
      <c r="G1167" s="102"/>
      <c r="H1167" s="55"/>
      <c r="I1167" s="55"/>
      <c r="J1167" s="55"/>
      <c r="K1167" s="55"/>
      <c r="L1167" s="55"/>
      <c r="M1167" s="55"/>
      <c r="N1167" s="55"/>
      <c r="O1167" s="55"/>
      <c r="P1167" s="55"/>
      <c r="Q1167" s="55"/>
      <c r="R1167" s="55"/>
      <c r="S1167" s="55"/>
      <c r="T1167" s="55"/>
      <c r="U1167" s="55"/>
      <c r="V1167" s="55"/>
      <c r="W1167" s="55"/>
      <c r="X1167" s="55"/>
      <c r="Y1167" s="55"/>
      <c r="Z1167" s="55"/>
      <c r="AA1167" s="55"/>
      <c r="AB1167" s="55"/>
      <c r="AC1167" s="55"/>
      <c r="AD1167" s="55"/>
      <c r="AE1167" s="55"/>
      <c r="AF1167" s="55"/>
      <c r="AG1167" s="55"/>
      <c r="AY1167" s="162"/>
      <c r="AZ1167" s="162"/>
      <c r="BA1167" s="162"/>
      <c r="BB1167" s="162"/>
      <c r="BC1167" s="162"/>
      <c r="BD1167" s="162"/>
      <c r="BE1167" s="162"/>
      <c r="BF1167" s="162"/>
      <c r="BG1167" s="162"/>
      <c r="BH1167" s="162"/>
      <c r="BI1167" s="162"/>
      <c r="BJ1167" s="162"/>
      <c r="BK1167" s="162"/>
      <c r="BL1167" s="162"/>
      <c r="BM1167" s="162"/>
      <c r="BN1167" s="162"/>
      <c r="BO1167" s="162"/>
      <c r="BP1167" s="162"/>
      <c r="BQ1167" s="162"/>
      <c r="BR1167" s="162"/>
      <c r="BS1167" s="162"/>
      <c r="BT1167" s="162"/>
      <c r="BU1167" s="162"/>
      <c r="BV1167" s="162"/>
      <c r="BW1167" s="162"/>
      <c r="BX1167" s="162"/>
      <c r="BY1167" s="162"/>
      <c r="BZ1167" s="162"/>
      <c r="CA1167" s="162"/>
      <c r="CB1167" s="162"/>
      <c r="CC1167" s="162"/>
      <c r="CD1167" s="162"/>
      <c r="CE1167" s="162"/>
      <c r="CF1167" s="162"/>
      <c r="CG1167" s="162"/>
      <c r="CH1167" s="162"/>
      <c r="CI1167" s="162"/>
      <c r="CJ1167" s="162"/>
      <c r="CK1167" s="162"/>
      <c r="CX1167" s="98"/>
      <c r="DL1167" s="97"/>
      <c r="DX1167" s="98"/>
      <c r="EL1167" s="97"/>
      <c r="EX1167" s="98"/>
      <c r="EY1167" s="97"/>
      <c r="FL1167" s="126"/>
      <c r="FM1167" s="91"/>
      <c r="FN1167" s="91"/>
      <c r="FO1167" s="91"/>
      <c r="FP1167" s="91"/>
      <c r="FQ1167" s="91"/>
      <c r="FR1167" s="91"/>
      <c r="FS1167" s="91"/>
      <c r="FT1167" s="91"/>
      <c r="FU1167" s="91"/>
      <c r="FV1167" s="91"/>
      <c r="FW1167" s="91"/>
      <c r="FX1167" s="91"/>
      <c r="FY1167" s="91"/>
      <c r="FZ1167" s="91"/>
      <c r="GA1167" s="91"/>
      <c r="GB1167" s="91"/>
      <c r="GC1167" s="91"/>
      <c r="GD1167" s="91"/>
      <c r="GE1167" s="91"/>
      <c r="GF1167" s="91"/>
      <c r="GG1167" s="91"/>
      <c r="GH1167" s="91"/>
      <c r="GI1167" s="91"/>
      <c r="GJ1167" s="91"/>
      <c r="GK1167" s="127"/>
      <c r="GL1167" s="126"/>
      <c r="GM1167" s="91"/>
      <c r="GN1167" s="91"/>
      <c r="GO1167" s="91"/>
      <c r="GP1167" s="91"/>
      <c r="GQ1167" s="91"/>
      <c r="GR1167" s="91"/>
      <c r="GS1167" s="91"/>
      <c r="GT1167" s="91"/>
      <c r="GU1167" s="91"/>
      <c r="GV1167" s="91"/>
      <c r="GW1167" s="91"/>
      <c r="GX1167" s="91"/>
      <c r="GY1167" s="91"/>
      <c r="GZ1167" s="91"/>
      <c r="HA1167" s="91"/>
      <c r="HB1167" s="91"/>
      <c r="HC1167" s="91"/>
      <c r="HD1167" s="91"/>
      <c r="HE1167" s="91"/>
      <c r="HF1167" s="91"/>
      <c r="HG1167" s="91"/>
      <c r="HH1167" s="91"/>
      <c r="HI1167" s="91"/>
      <c r="HJ1167" s="91"/>
      <c r="HK1167" s="127"/>
      <c r="HL1167" s="126"/>
      <c r="HM1167" s="91"/>
      <c r="HN1167" s="91"/>
      <c r="HO1167" s="91"/>
      <c r="HP1167" s="91"/>
      <c r="HQ1167" s="91"/>
      <c r="HR1167" s="91"/>
      <c r="HS1167" s="91"/>
      <c r="HT1167" s="91"/>
      <c r="HU1167" s="91"/>
      <c r="HV1167" s="91"/>
      <c r="HW1167" s="91"/>
      <c r="HX1167" s="91"/>
      <c r="HY1167" s="91"/>
      <c r="HZ1167" s="91"/>
      <c r="IA1167" s="91"/>
      <c r="IB1167" s="91"/>
      <c r="IC1167" s="91"/>
      <c r="ID1167" s="91"/>
      <c r="IE1167" s="91"/>
      <c r="IF1167" s="91"/>
      <c r="IG1167" s="91"/>
      <c r="IH1167" s="91"/>
      <c r="II1167" s="91"/>
      <c r="IJ1167" s="91"/>
      <c r="IK1167" s="127"/>
    </row>
    <row r="1168" spans="2:245" x14ac:dyDescent="0.2">
      <c r="B1168" s="43"/>
      <c r="C1168" s="73"/>
      <c r="D1168" s="64"/>
      <c r="E1168" s="64"/>
      <c r="F1168" s="55"/>
      <c r="G1168" s="102"/>
      <c r="H1168" s="55"/>
      <c r="I1168" s="55"/>
      <c r="J1168" s="55"/>
      <c r="K1168" s="55"/>
      <c r="L1168" s="55"/>
      <c r="M1168" s="55"/>
      <c r="N1168" s="55"/>
      <c r="O1168" s="55"/>
      <c r="P1168" s="55"/>
      <c r="Q1168" s="55"/>
      <c r="R1168" s="55"/>
      <c r="S1168" s="55"/>
      <c r="T1168" s="55"/>
      <c r="U1168" s="55"/>
      <c r="V1168" s="55"/>
      <c r="W1168" s="55"/>
      <c r="X1168" s="55"/>
      <c r="Y1168" s="55"/>
      <c r="Z1168" s="55"/>
      <c r="AA1168" s="55"/>
      <c r="AB1168" s="55"/>
      <c r="AC1168" s="55"/>
      <c r="AD1168" s="55"/>
      <c r="AE1168" s="55"/>
      <c r="AF1168" s="55"/>
      <c r="AG1168" s="55"/>
      <c r="AY1168" s="162"/>
      <c r="AZ1168" s="162"/>
      <c r="BA1168" s="162"/>
      <c r="BB1168" s="162"/>
      <c r="BC1168" s="162"/>
      <c r="BD1168" s="162"/>
      <c r="BE1168" s="162"/>
      <c r="BF1168" s="162"/>
      <c r="BG1168" s="162"/>
      <c r="BH1168" s="162"/>
      <c r="BI1168" s="162"/>
      <c r="BJ1168" s="162"/>
      <c r="BK1168" s="162"/>
      <c r="BL1168" s="162"/>
      <c r="BM1168" s="162"/>
      <c r="BN1168" s="162"/>
      <c r="BO1168" s="162"/>
      <c r="BP1168" s="162"/>
      <c r="BQ1168" s="162"/>
      <c r="BR1168" s="162"/>
      <c r="BS1168" s="162"/>
      <c r="BT1168" s="162"/>
      <c r="BU1168" s="162"/>
      <c r="BV1168" s="162"/>
      <c r="BW1168" s="162"/>
      <c r="BX1168" s="162"/>
      <c r="BY1168" s="162"/>
      <c r="BZ1168" s="162"/>
      <c r="CA1168" s="162"/>
      <c r="CB1168" s="162"/>
      <c r="CC1168" s="162"/>
      <c r="CD1168" s="162"/>
      <c r="CE1168" s="162"/>
      <c r="CF1168" s="162"/>
      <c r="CG1168" s="162"/>
      <c r="CH1168" s="162"/>
      <c r="CI1168" s="162"/>
      <c r="CJ1168" s="162"/>
      <c r="CK1168" s="162"/>
      <c r="CX1168" s="98"/>
      <c r="DL1168" s="97"/>
      <c r="DX1168" s="98"/>
      <c r="EL1168" s="97"/>
      <c r="EX1168" s="98"/>
      <c r="EY1168" s="97"/>
      <c r="FL1168" s="126"/>
      <c r="FM1168" s="91"/>
      <c r="FN1168" s="91"/>
      <c r="FO1168" s="91"/>
      <c r="FP1168" s="91"/>
      <c r="FQ1168" s="91"/>
      <c r="FR1168" s="91"/>
      <c r="FS1168" s="91"/>
      <c r="FT1168" s="91"/>
      <c r="FU1168" s="91"/>
      <c r="FV1168" s="91"/>
      <c r="FW1168" s="91"/>
      <c r="FX1168" s="91"/>
      <c r="FY1168" s="91"/>
      <c r="FZ1168" s="91"/>
      <c r="GA1168" s="91"/>
      <c r="GB1168" s="91"/>
      <c r="GC1168" s="91"/>
      <c r="GD1168" s="91"/>
      <c r="GE1168" s="91"/>
      <c r="GF1168" s="91"/>
      <c r="GG1168" s="91"/>
      <c r="GH1168" s="91"/>
      <c r="GI1168" s="91"/>
      <c r="GJ1168" s="91"/>
      <c r="GK1168" s="127"/>
      <c r="GL1168" s="126"/>
      <c r="GM1168" s="91"/>
      <c r="GN1168" s="91"/>
      <c r="GO1168" s="91"/>
      <c r="GP1168" s="91"/>
      <c r="GQ1168" s="91"/>
      <c r="GR1168" s="91"/>
      <c r="GS1168" s="91"/>
      <c r="GT1168" s="91"/>
      <c r="GU1168" s="91"/>
      <c r="GV1168" s="91"/>
      <c r="GW1168" s="91"/>
      <c r="GX1168" s="91"/>
      <c r="GY1168" s="91"/>
      <c r="GZ1168" s="91"/>
      <c r="HA1168" s="91"/>
      <c r="HB1168" s="91"/>
      <c r="HC1168" s="91"/>
      <c r="HD1168" s="91"/>
      <c r="HE1168" s="91"/>
      <c r="HF1168" s="91"/>
      <c r="HG1168" s="91"/>
      <c r="HH1168" s="91"/>
      <c r="HI1168" s="91"/>
      <c r="HJ1168" s="91"/>
      <c r="HK1168" s="127"/>
      <c r="HL1168" s="126"/>
      <c r="HM1168" s="91"/>
      <c r="HN1168" s="91"/>
      <c r="HO1168" s="91"/>
      <c r="HP1168" s="91"/>
      <c r="HQ1168" s="91"/>
      <c r="HR1168" s="91"/>
      <c r="HS1168" s="91"/>
      <c r="HT1168" s="91"/>
      <c r="HU1168" s="91"/>
      <c r="HV1168" s="91"/>
      <c r="HW1168" s="91"/>
      <c r="HX1168" s="91"/>
      <c r="HY1168" s="91"/>
      <c r="HZ1168" s="91"/>
      <c r="IA1168" s="91"/>
      <c r="IB1168" s="91"/>
      <c r="IC1168" s="91"/>
      <c r="ID1168" s="91"/>
      <c r="IE1168" s="91"/>
      <c r="IF1168" s="91"/>
      <c r="IG1168" s="91"/>
      <c r="IH1168" s="91"/>
      <c r="II1168" s="91"/>
      <c r="IJ1168" s="91"/>
      <c r="IK1168" s="127"/>
    </row>
    <row r="1169" spans="2:245" x14ac:dyDescent="0.2">
      <c r="B1169" s="43"/>
      <c r="C1169" s="73"/>
      <c r="D1169" s="64"/>
      <c r="E1169" s="64"/>
      <c r="F1169" s="55"/>
      <c r="G1169" s="102"/>
      <c r="H1169" s="55"/>
      <c r="I1169" s="55"/>
      <c r="J1169" s="55"/>
      <c r="K1169" s="55"/>
      <c r="L1169" s="55"/>
      <c r="M1169" s="55"/>
      <c r="N1169" s="55"/>
      <c r="O1169" s="55"/>
      <c r="P1169" s="55"/>
      <c r="Q1169" s="55"/>
      <c r="R1169" s="55"/>
      <c r="S1169" s="55"/>
      <c r="T1169" s="55"/>
      <c r="U1169" s="55"/>
      <c r="V1169" s="55"/>
      <c r="W1169" s="55"/>
      <c r="X1169" s="55"/>
      <c r="Y1169" s="55"/>
      <c r="Z1169" s="55"/>
      <c r="AA1169" s="55"/>
      <c r="AB1169" s="55"/>
      <c r="AC1169" s="55"/>
      <c r="AD1169" s="55"/>
      <c r="AE1169" s="55"/>
      <c r="AF1169" s="55"/>
      <c r="AG1169" s="55"/>
      <c r="AY1169" s="162"/>
      <c r="AZ1169" s="162"/>
      <c r="BA1169" s="162"/>
      <c r="BB1169" s="162"/>
      <c r="BC1169" s="162"/>
      <c r="BD1169" s="162"/>
      <c r="BE1169" s="162"/>
      <c r="BF1169" s="162"/>
      <c r="BG1169" s="162"/>
      <c r="BH1169" s="162"/>
      <c r="BI1169" s="162"/>
      <c r="BJ1169" s="162"/>
      <c r="BK1169" s="162"/>
      <c r="BL1169" s="162"/>
      <c r="BM1169" s="162"/>
      <c r="BN1169" s="162"/>
      <c r="BO1169" s="162"/>
      <c r="BP1169" s="162"/>
      <c r="BQ1169" s="162"/>
      <c r="BR1169" s="162"/>
      <c r="BS1169" s="162"/>
      <c r="BT1169" s="162"/>
      <c r="BU1169" s="162"/>
      <c r="BV1169" s="162"/>
      <c r="BW1169" s="162"/>
      <c r="BX1169" s="162"/>
      <c r="BY1169" s="162"/>
      <c r="BZ1169" s="162"/>
      <c r="CA1169" s="162"/>
      <c r="CB1169" s="162"/>
      <c r="CC1169" s="162"/>
      <c r="CD1169" s="162"/>
      <c r="CE1169" s="162"/>
      <c r="CF1169" s="162"/>
      <c r="CG1169" s="162"/>
      <c r="CH1169" s="162"/>
      <c r="CI1169" s="162"/>
      <c r="CJ1169" s="162"/>
      <c r="CK1169" s="162"/>
      <c r="CX1169" s="98"/>
      <c r="DL1169" s="97"/>
      <c r="DX1169" s="98"/>
      <c r="EL1169" s="97"/>
      <c r="EX1169" s="98"/>
      <c r="EY1169" s="97"/>
      <c r="FL1169" s="126"/>
      <c r="FM1169" s="91"/>
      <c r="FN1169" s="91"/>
      <c r="FO1169" s="91"/>
      <c r="FP1169" s="91"/>
      <c r="FQ1169" s="91"/>
      <c r="FR1169" s="91"/>
      <c r="FS1169" s="91"/>
      <c r="FT1169" s="91"/>
      <c r="FU1169" s="91"/>
      <c r="FV1169" s="91"/>
      <c r="FW1169" s="91"/>
      <c r="FX1169" s="91"/>
      <c r="FY1169" s="91"/>
      <c r="FZ1169" s="91"/>
      <c r="GA1169" s="91"/>
      <c r="GB1169" s="91"/>
      <c r="GC1169" s="91"/>
      <c r="GD1169" s="91"/>
      <c r="GE1169" s="91"/>
      <c r="GF1169" s="91"/>
      <c r="GG1169" s="91"/>
      <c r="GH1169" s="91"/>
      <c r="GI1169" s="91"/>
      <c r="GJ1169" s="91"/>
      <c r="GK1169" s="127"/>
      <c r="GL1169" s="126"/>
      <c r="GM1169" s="91"/>
      <c r="GN1169" s="91"/>
      <c r="GO1169" s="91"/>
      <c r="GP1169" s="91"/>
      <c r="GQ1169" s="91"/>
      <c r="GR1169" s="91"/>
      <c r="GS1169" s="91"/>
      <c r="GT1169" s="91"/>
      <c r="GU1169" s="91"/>
      <c r="GV1169" s="91"/>
      <c r="GW1169" s="91"/>
      <c r="GX1169" s="91"/>
      <c r="GY1169" s="91"/>
      <c r="GZ1169" s="91"/>
      <c r="HA1169" s="91"/>
      <c r="HB1169" s="91"/>
      <c r="HC1169" s="91"/>
      <c r="HD1169" s="91"/>
      <c r="HE1169" s="91"/>
      <c r="HF1169" s="91"/>
      <c r="HG1169" s="91"/>
      <c r="HH1169" s="91"/>
      <c r="HI1169" s="91"/>
      <c r="HJ1169" s="91"/>
      <c r="HK1169" s="127"/>
      <c r="HL1169" s="126"/>
      <c r="HM1169" s="91"/>
      <c r="HN1169" s="91"/>
      <c r="HO1169" s="91"/>
      <c r="HP1169" s="91"/>
      <c r="HQ1169" s="91"/>
      <c r="HR1169" s="91"/>
      <c r="HS1169" s="91"/>
      <c r="HT1169" s="91"/>
      <c r="HU1169" s="91"/>
      <c r="HV1169" s="91"/>
      <c r="HW1169" s="91"/>
      <c r="HX1169" s="91"/>
      <c r="HY1169" s="91"/>
      <c r="HZ1169" s="91"/>
      <c r="IA1169" s="91"/>
      <c r="IB1169" s="91"/>
      <c r="IC1169" s="91"/>
      <c r="ID1169" s="91"/>
      <c r="IE1169" s="91"/>
      <c r="IF1169" s="91"/>
      <c r="IG1169" s="91"/>
      <c r="IH1169" s="91"/>
      <c r="II1169" s="91"/>
      <c r="IJ1169" s="91"/>
      <c r="IK1169" s="127"/>
    </row>
    <row r="1170" spans="2:245" x14ac:dyDescent="0.2">
      <c r="B1170" s="43"/>
      <c r="C1170" s="73"/>
      <c r="D1170" s="64"/>
      <c r="E1170" s="64"/>
      <c r="F1170" s="55"/>
      <c r="G1170" s="102"/>
      <c r="H1170" s="55"/>
      <c r="I1170" s="55"/>
      <c r="J1170" s="55"/>
      <c r="K1170" s="55"/>
      <c r="L1170" s="55"/>
      <c r="M1170" s="55"/>
      <c r="N1170" s="55"/>
      <c r="O1170" s="55"/>
      <c r="P1170" s="55"/>
      <c r="Q1170" s="55"/>
      <c r="R1170" s="55"/>
      <c r="S1170" s="55"/>
      <c r="T1170" s="55"/>
      <c r="U1170" s="55"/>
      <c r="V1170" s="55"/>
      <c r="W1170" s="55"/>
      <c r="X1170" s="55"/>
      <c r="Y1170" s="55"/>
      <c r="Z1170" s="55"/>
      <c r="AA1170" s="55"/>
      <c r="AB1170" s="55"/>
      <c r="AC1170" s="55"/>
      <c r="AD1170" s="55"/>
      <c r="AE1170" s="55"/>
      <c r="AF1170" s="55"/>
      <c r="AG1170" s="55"/>
      <c r="AY1170" s="162"/>
      <c r="AZ1170" s="162"/>
      <c r="BA1170" s="162"/>
      <c r="BB1170" s="162"/>
      <c r="BC1170" s="162"/>
      <c r="BD1170" s="162"/>
      <c r="BE1170" s="162"/>
      <c r="BF1170" s="162"/>
      <c r="BG1170" s="162"/>
      <c r="BH1170" s="162"/>
      <c r="BI1170" s="162"/>
      <c r="BJ1170" s="162"/>
      <c r="BK1170" s="162"/>
      <c r="BL1170" s="162"/>
      <c r="BM1170" s="162"/>
      <c r="BN1170" s="162"/>
      <c r="BO1170" s="162"/>
      <c r="BP1170" s="162"/>
      <c r="BQ1170" s="162"/>
      <c r="BR1170" s="162"/>
      <c r="BS1170" s="162"/>
      <c r="BT1170" s="162"/>
      <c r="BU1170" s="162"/>
      <c r="BV1170" s="162"/>
      <c r="BW1170" s="162"/>
      <c r="BX1170" s="162"/>
      <c r="BY1170" s="162"/>
      <c r="BZ1170" s="162"/>
      <c r="CA1170" s="162"/>
      <c r="CB1170" s="162"/>
      <c r="CC1170" s="162"/>
      <c r="CD1170" s="162"/>
      <c r="CE1170" s="162"/>
      <c r="CF1170" s="162"/>
      <c r="CG1170" s="162"/>
      <c r="CH1170" s="162"/>
      <c r="CI1170" s="162"/>
      <c r="CJ1170" s="162"/>
      <c r="CK1170" s="162"/>
      <c r="CX1170" s="98"/>
      <c r="DL1170" s="97"/>
      <c r="DX1170" s="98"/>
      <c r="EL1170" s="97"/>
      <c r="EX1170" s="98"/>
      <c r="EY1170" s="97"/>
      <c r="FL1170" s="126"/>
      <c r="FM1170" s="91"/>
      <c r="FN1170" s="91"/>
      <c r="FO1170" s="91"/>
      <c r="FP1170" s="91"/>
      <c r="FQ1170" s="91"/>
      <c r="FR1170" s="91"/>
      <c r="FS1170" s="91"/>
      <c r="FT1170" s="91"/>
      <c r="FU1170" s="91"/>
      <c r="FV1170" s="91"/>
      <c r="FW1170" s="91"/>
      <c r="FX1170" s="91"/>
      <c r="FY1170" s="91"/>
      <c r="FZ1170" s="91"/>
      <c r="GA1170" s="91"/>
      <c r="GB1170" s="91"/>
      <c r="GC1170" s="91"/>
      <c r="GD1170" s="91"/>
      <c r="GE1170" s="91"/>
      <c r="GF1170" s="91"/>
      <c r="GG1170" s="91"/>
      <c r="GH1170" s="91"/>
      <c r="GI1170" s="91"/>
      <c r="GJ1170" s="91"/>
      <c r="GK1170" s="127"/>
      <c r="GL1170" s="126"/>
      <c r="GM1170" s="91"/>
      <c r="GN1170" s="91"/>
      <c r="GO1170" s="91"/>
      <c r="GP1170" s="91"/>
      <c r="GQ1170" s="91"/>
      <c r="GR1170" s="91"/>
      <c r="GS1170" s="91"/>
      <c r="GT1170" s="91"/>
      <c r="GU1170" s="91"/>
      <c r="GV1170" s="91"/>
      <c r="GW1170" s="91"/>
      <c r="GX1170" s="91"/>
      <c r="GY1170" s="91"/>
      <c r="GZ1170" s="91"/>
      <c r="HA1170" s="91"/>
      <c r="HB1170" s="91"/>
      <c r="HC1170" s="91"/>
      <c r="HD1170" s="91"/>
      <c r="HE1170" s="91"/>
      <c r="HF1170" s="91"/>
      <c r="HG1170" s="91"/>
      <c r="HH1170" s="91"/>
      <c r="HI1170" s="91"/>
      <c r="HJ1170" s="91"/>
      <c r="HK1170" s="127"/>
      <c r="HL1170" s="126"/>
      <c r="HM1170" s="91"/>
      <c r="HN1170" s="91"/>
      <c r="HO1170" s="91"/>
      <c r="HP1170" s="91"/>
      <c r="HQ1170" s="91"/>
      <c r="HR1170" s="91"/>
      <c r="HS1170" s="91"/>
      <c r="HT1170" s="91"/>
      <c r="HU1170" s="91"/>
      <c r="HV1170" s="91"/>
      <c r="HW1170" s="91"/>
      <c r="HX1170" s="91"/>
      <c r="HY1170" s="91"/>
      <c r="HZ1170" s="91"/>
      <c r="IA1170" s="91"/>
      <c r="IB1170" s="91"/>
      <c r="IC1170" s="91"/>
      <c r="ID1170" s="91"/>
      <c r="IE1170" s="91"/>
      <c r="IF1170" s="91"/>
      <c r="IG1170" s="91"/>
      <c r="IH1170" s="91"/>
      <c r="II1170" s="91"/>
      <c r="IJ1170" s="91"/>
      <c r="IK1170" s="127"/>
    </row>
    <row r="1171" spans="2:245" x14ac:dyDescent="0.2">
      <c r="B1171" s="43"/>
      <c r="C1171" s="73"/>
      <c r="D1171" s="64"/>
      <c r="E1171" s="64"/>
      <c r="F1171" s="55"/>
      <c r="G1171" s="102"/>
      <c r="H1171" s="55"/>
      <c r="I1171" s="55"/>
      <c r="J1171" s="55"/>
      <c r="K1171" s="55"/>
      <c r="L1171" s="55"/>
      <c r="M1171" s="55"/>
      <c r="N1171" s="55"/>
      <c r="O1171" s="55"/>
      <c r="P1171" s="55"/>
      <c r="Q1171" s="55"/>
      <c r="R1171" s="55"/>
      <c r="S1171" s="55"/>
      <c r="T1171" s="55"/>
      <c r="U1171" s="55"/>
      <c r="V1171" s="55"/>
      <c r="W1171" s="55"/>
      <c r="X1171" s="55"/>
      <c r="Y1171" s="55"/>
      <c r="Z1171" s="55"/>
      <c r="AA1171" s="55"/>
      <c r="AB1171" s="55"/>
      <c r="AC1171" s="55"/>
      <c r="AD1171" s="55"/>
      <c r="AE1171" s="55"/>
      <c r="AF1171" s="55"/>
      <c r="AG1171" s="55"/>
      <c r="AY1171" s="162"/>
      <c r="AZ1171" s="162"/>
      <c r="BA1171" s="162"/>
      <c r="BB1171" s="162"/>
      <c r="BC1171" s="162"/>
      <c r="BD1171" s="162"/>
      <c r="BE1171" s="162"/>
      <c r="BF1171" s="162"/>
      <c r="BG1171" s="162"/>
      <c r="BH1171" s="162"/>
      <c r="BI1171" s="162"/>
      <c r="BJ1171" s="162"/>
      <c r="BK1171" s="162"/>
      <c r="BL1171" s="162"/>
      <c r="BM1171" s="162"/>
      <c r="BN1171" s="162"/>
      <c r="BO1171" s="162"/>
      <c r="BP1171" s="162"/>
      <c r="BQ1171" s="162"/>
      <c r="BR1171" s="162"/>
      <c r="BS1171" s="162"/>
      <c r="BT1171" s="162"/>
      <c r="BU1171" s="162"/>
      <c r="BV1171" s="162"/>
      <c r="BW1171" s="162"/>
      <c r="BX1171" s="162"/>
      <c r="BY1171" s="162"/>
      <c r="BZ1171" s="162"/>
      <c r="CA1171" s="162"/>
      <c r="CB1171" s="162"/>
      <c r="CC1171" s="162"/>
      <c r="CD1171" s="162"/>
      <c r="CE1171" s="162"/>
      <c r="CF1171" s="162"/>
      <c r="CG1171" s="162"/>
      <c r="CH1171" s="162"/>
      <c r="CI1171" s="162"/>
      <c r="CJ1171" s="162"/>
      <c r="CK1171" s="162"/>
      <c r="CX1171" s="98"/>
      <c r="DL1171" s="97"/>
      <c r="DX1171" s="98"/>
      <c r="EL1171" s="97"/>
      <c r="EX1171" s="98"/>
      <c r="EY1171" s="97"/>
      <c r="FL1171" s="126"/>
      <c r="FM1171" s="91"/>
      <c r="FN1171" s="91"/>
      <c r="FO1171" s="91"/>
      <c r="FP1171" s="91"/>
      <c r="FQ1171" s="91"/>
      <c r="FR1171" s="91"/>
      <c r="FS1171" s="91"/>
      <c r="FT1171" s="91"/>
      <c r="FU1171" s="91"/>
      <c r="FV1171" s="91"/>
      <c r="FW1171" s="91"/>
      <c r="FX1171" s="91"/>
      <c r="FY1171" s="91"/>
      <c r="FZ1171" s="91"/>
      <c r="GA1171" s="91"/>
      <c r="GB1171" s="91"/>
      <c r="GC1171" s="91"/>
      <c r="GD1171" s="91"/>
      <c r="GE1171" s="91"/>
      <c r="GF1171" s="91"/>
      <c r="GG1171" s="91"/>
      <c r="GH1171" s="91"/>
      <c r="GI1171" s="91"/>
      <c r="GJ1171" s="91"/>
      <c r="GK1171" s="127"/>
      <c r="GL1171" s="126"/>
      <c r="GM1171" s="91"/>
      <c r="GN1171" s="91"/>
      <c r="GO1171" s="91"/>
      <c r="GP1171" s="91"/>
      <c r="GQ1171" s="91"/>
      <c r="GR1171" s="91"/>
      <c r="GS1171" s="91"/>
      <c r="GT1171" s="91"/>
      <c r="GU1171" s="91"/>
      <c r="GV1171" s="91"/>
      <c r="GW1171" s="91"/>
      <c r="GX1171" s="91"/>
      <c r="GY1171" s="91"/>
      <c r="GZ1171" s="91"/>
      <c r="HA1171" s="91"/>
      <c r="HB1171" s="91"/>
      <c r="HC1171" s="91"/>
      <c r="HD1171" s="91"/>
      <c r="HE1171" s="91"/>
      <c r="HF1171" s="91"/>
      <c r="HG1171" s="91"/>
      <c r="HH1171" s="91"/>
      <c r="HI1171" s="91"/>
      <c r="HJ1171" s="91"/>
      <c r="HK1171" s="127"/>
      <c r="HL1171" s="126"/>
      <c r="HM1171" s="91"/>
      <c r="HN1171" s="91"/>
      <c r="HO1171" s="91"/>
      <c r="HP1171" s="91"/>
      <c r="HQ1171" s="91"/>
      <c r="HR1171" s="91"/>
      <c r="HS1171" s="91"/>
      <c r="HT1171" s="91"/>
      <c r="HU1171" s="91"/>
      <c r="HV1171" s="91"/>
      <c r="HW1171" s="91"/>
      <c r="HX1171" s="91"/>
      <c r="HY1171" s="91"/>
      <c r="HZ1171" s="91"/>
      <c r="IA1171" s="91"/>
      <c r="IB1171" s="91"/>
      <c r="IC1171" s="91"/>
      <c r="ID1171" s="91"/>
      <c r="IE1171" s="91"/>
      <c r="IF1171" s="91"/>
      <c r="IG1171" s="91"/>
      <c r="IH1171" s="91"/>
      <c r="II1171" s="91"/>
      <c r="IJ1171" s="91"/>
      <c r="IK1171" s="127"/>
    </row>
    <row r="1172" spans="2:245" x14ac:dyDescent="0.2">
      <c r="B1172" s="43"/>
      <c r="C1172" s="73"/>
      <c r="D1172" s="64"/>
      <c r="E1172" s="64"/>
      <c r="F1172" s="55"/>
      <c r="G1172" s="102"/>
      <c r="H1172" s="55"/>
      <c r="I1172" s="55"/>
      <c r="J1172" s="55"/>
      <c r="K1172" s="55"/>
      <c r="L1172" s="55"/>
      <c r="M1172" s="55"/>
      <c r="N1172" s="55"/>
      <c r="O1172" s="55"/>
      <c r="P1172" s="55"/>
      <c r="Q1172" s="55"/>
      <c r="R1172" s="55"/>
      <c r="S1172" s="55"/>
      <c r="T1172" s="55"/>
      <c r="U1172" s="55"/>
      <c r="V1172" s="55"/>
      <c r="W1172" s="55"/>
      <c r="X1172" s="55"/>
      <c r="Y1172" s="55"/>
      <c r="Z1172" s="55"/>
      <c r="AA1172" s="55"/>
      <c r="AB1172" s="55"/>
      <c r="AC1172" s="55"/>
      <c r="AD1172" s="55"/>
      <c r="AE1172" s="55"/>
      <c r="AF1172" s="55"/>
      <c r="AG1172" s="55"/>
      <c r="AY1172" s="162"/>
      <c r="AZ1172" s="162"/>
      <c r="BA1172" s="162"/>
      <c r="BB1172" s="162"/>
      <c r="BC1172" s="162"/>
      <c r="BD1172" s="162"/>
      <c r="BE1172" s="162"/>
      <c r="BF1172" s="162"/>
      <c r="BG1172" s="162"/>
      <c r="BH1172" s="162"/>
      <c r="BI1172" s="162"/>
      <c r="BJ1172" s="162"/>
      <c r="BK1172" s="162"/>
      <c r="BL1172" s="162"/>
      <c r="BM1172" s="162"/>
      <c r="BN1172" s="162"/>
      <c r="BO1172" s="162"/>
      <c r="BP1172" s="162"/>
      <c r="BQ1172" s="162"/>
      <c r="BR1172" s="162"/>
      <c r="BS1172" s="162"/>
      <c r="BT1172" s="162"/>
      <c r="BU1172" s="162"/>
      <c r="BV1172" s="162"/>
      <c r="BW1172" s="162"/>
      <c r="BX1172" s="162"/>
      <c r="BY1172" s="162"/>
      <c r="BZ1172" s="162"/>
      <c r="CA1172" s="162"/>
      <c r="CB1172" s="162"/>
      <c r="CC1172" s="162"/>
      <c r="CD1172" s="162"/>
      <c r="CE1172" s="162"/>
      <c r="CF1172" s="162"/>
      <c r="CG1172" s="162"/>
      <c r="CH1172" s="162"/>
      <c r="CI1172" s="162"/>
      <c r="CJ1172" s="162"/>
      <c r="CK1172" s="162"/>
      <c r="CX1172" s="98"/>
      <c r="DL1172" s="97"/>
      <c r="DX1172" s="98"/>
      <c r="EL1172" s="97"/>
      <c r="EX1172" s="98"/>
      <c r="EY1172" s="97"/>
      <c r="FL1172" s="126"/>
      <c r="FM1172" s="91"/>
      <c r="FN1172" s="91"/>
      <c r="FO1172" s="91"/>
      <c r="FP1172" s="91"/>
      <c r="FQ1172" s="91"/>
      <c r="FR1172" s="91"/>
      <c r="FS1172" s="91"/>
      <c r="FT1172" s="91"/>
      <c r="FU1172" s="91"/>
      <c r="FV1172" s="91"/>
      <c r="FW1172" s="91"/>
      <c r="FX1172" s="91"/>
      <c r="FY1172" s="91"/>
      <c r="FZ1172" s="91"/>
      <c r="GA1172" s="91"/>
      <c r="GB1172" s="91"/>
      <c r="GC1172" s="91"/>
      <c r="GD1172" s="91"/>
      <c r="GE1172" s="91"/>
      <c r="GF1172" s="91"/>
      <c r="GG1172" s="91"/>
      <c r="GH1172" s="91"/>
      <c r="GI1172" s="91"/>
      <c r="GJ1172" s="91"/>
      <c r="GK1172" s="127"/>
      <c r="GL1172" s="126"/>
      <c r="GM1172" s="91"/>
      <c r="GN1172" s="91"/>
      <c r="GO1172" s="91"/>
      <c r="GP1172" s="91"/>
      <c r="GQ1172" s="91"/>
      <c r="GR1172" s="91"/>
      <c r="GS1172" s="91"/>
      <c r="GT1172" s="91"/>
      <c r="GU1172" s="91"/>
      <c r="GV1172" s="91"/>
      <c r="GW1172" s="91"/>
      <c r="GX1172" s="91"/>
      <c r="GY1172" s="91"/>
      <c r="GZ1172" s="91"/>
      <c r="HA1172" s="91"/>
      <c r="HB1172" s="91"/>
      <c r="HC1172" s="91"/>
      <c r="HD1172" s="91"/>
      <c r="HE1172" s="91"/>
      <c r="HF1172" s="91"/>
      <c r="HG1172" s="91"/>
      <c r="HH1172" s="91"/>
      <c r="HI1172" s="91"/>
      <c r="HJ1172" s="91"/>
      <c r="HK1172" s="127"/>
      <c r="HL1172" s="126"/>
      <c r="HM1172" s="91"/>
      <c r="HN1172" s="91"/>
      <c r="HO1172" s="91"/>
      <c r="HP1172" s="91"/>
      <c r="HQ1172" s="91"/>
      <c r="HR1172" s="91"/>
      <c r="HS1172" s="91"/>
      <c r="HT1172" s="91"/>
      <c r="HU1172" s="91"/>
      <c r="HV1172" s="91"/>
      <c r="HW1172" s="91"/>
      <c r="HX1172" s="91"/>
      <c r="HY1172" s="91"/>
      <c r="HZ1172" s="91"/>
      <c r="IA1172" s="91"/>
      <c r="IB1172" s="91"/>
      <c r="IC1172" s="91"/>
      <c r="ID1172" s="91"/>
      <c r="IE1172" s="91"/>
      <c r="IF1172" s="91"/>
      <c r="IG1172" s="91"/>
      <c r="IH1172" s="91"/>
      <c r="II1172" s="91"/>
      <c r="IJ1172" s="91"/>
      <c r="IK1172" s="127"/>
    </row>
    <row r="1173" spans="2:245" x14ac:dyDescent="0.2">
      <c r="B1173" s="43"/>
      <c r="C1173" s="73"/>
      <c r="D1173" s="64"/>
      <c r="E1173" s="64"/>
      <c r="F1173" s="55"/>
      <c r="G1173" s="102"/>
      <c r="H1173" s="55"/>
      <c r="I1173" s="55"/>
      <c r="J1173" s="55"/>
      <c r="K1173" s="55"/>
      <c r="L1173" s="55"/>
      <c r="M1173" s="55"/>
      <c r="N1173" s="55"/>
      <c r="O1173" s="55"/>
      <c r="P1173" s="55"/>
      <c r="Q1173" s="55"/>
      <c r="R1173" s="55"/>
      <c r="S1173" s="55"/>
      <c r="T1173" s="55"/>
      <c r="U1173" s="55"/>
      <c r="V1173" s="55"/>
      <c r="W1173" s="55"/>
      <c r="X1173" s="55"/>
      <c r="Y1173" s="55"/>
      <c r="Z1173" s="55"/>
      <c r="AA1173" s="55"/>
      <c r="AB1173" s="55"/>
      <c r="AC1173" s="55"/>
      <c r="AD1173" s="55"/>
      <c r="AE1173" s="55"/>
      <c r="AF1173" s="55"/>
      <c r="AG1173" s="55"/>
      <c r="AY1173" s="162"/>
      <c r="AZ1173" s="162"/>
      <c r="BA1173" s="162"/>
      <c r="BB1173" s="162"/>
      <c r="BC1173" s="162"/>
      <c r="BD1173" s="162"/>
      <c r="BE1173" s="162"/>
      <c r="BF1173" s="162"/>
      <c r="BG1173" s="162"/>
      <c r="BH1173" s="162"/>
      <c r="BI1173" s="162"/>
      <c r="BJ1173" s="162"/>
      <c r="BK1173" s="162"/>
      <c r="BL1173" s="162"/>
      <c r="BM1173" s="162"/>
      <c r="BN1173" s="162"/>
      <c r="BO1173" s="162"/>
      <c r="BP1173" s="162"/>
      <c r="BQ1173" s="162"/>
      <c r="BR1173" s="162"/>
      <c r="BS1173" s="162"/>
      <c r="BT1173" s="162"/>
      <c r="BU1173" s="162"/>
      <c r="BV1173" s="162"/>
      <c r="BW1173" s="162"/>
      <c r="BX1173" s="162"/>
      <c r="BY1173" s="162"/>
      <c r="BZ1173" s="162"/>
      <c r="CA1173" s="162"/>
      <c r="CB1173" s="162"/>
      <c r="CC1173" s="162"/>
      <c r="CD1173" s="162"/>
      <c r="CE1173" s="162"/>
      <c r="CF1173" s="162"/>
      <c r="CG1173" s="162"/>
      <c r="CH1173" s="162"/>
      <c r="CI1173" s="162"/>
      <c r="CJ1173" s="162"/>
      <c r="CK1173" s="162"/>
      <c r="CX1173" s="98"/>
      <c r="DL1173" s="97"/>
      <c r="DX1173" s="98"/>
      <c r="EL1173" s="97"/>
      <c r="EX1173" s="98"/>
      <c r="EY1173" s="97"/>
      <c r="FL1173" s="126"/>
      <c r="FM1173" s="91"/>
      <c r="FN1173" s="91"/>
      <c r="FO1173" s="91"/>
      <c r="FP1173" s="91"/>
      <c r="FQ1173" s="91"/>
      <c r="FR1173" s="91"/>
      <c r="FS1173" s="91"/>
      <c r="FT1173" s="91"/>
      <c r="FU1173" s="91"/>
      <c r="FV1173" s="91"/>
      <c r="FW1173" s="91"/>
      <c r="FX1173" s="91"/>
      <c r="FY1173" s="91"/>
      <c r="FZ1173" s="91"/>
      <c r="GA1173" s="91"/>
      <c r="GB1173" s="91"/>
      <c r="GC1173" s="91"/>
      <c r="GD1173" s="91"/>
      <c r="GE1173" s="91"/>
      <c r="GF1173" s="91"/>
      <c r="GG1173" s="91"/>
      <c r="GH1173" s="91"/>
      <c r="GI1173" s="91"/>
      <c r="GJ1173" s="91"/>
      <c r="GK1173" s="127"/>
      <c r="GL1173" s="126"/>
      <c r="GM1173" s="91"/>
      <c r="GN1173" s="91"/>
      <c r="GO1173" s="91"/>
      <c r="GP1173" s="91"/>
      <c r="GQ1173" s="91"/>
      <c r="GR1173" s="91"/>
      <c r="GS1173" s="91"/>
      <c r="GT1173" s="91"/>
      <c r="GU1173" s="91"/>
      <c r="GV1173" s="91"/>
      <c r="GW1173" s="91"/>
      <c r="GX1173" s="91"/>
      <c r="GY1173" s="91"/>
      <c r="GZ1173" s="91"/>
      <c r="HA1173" s="91"/>
      <c r="HB1173" s="91"/>
      <c r="HC1173" s="91"/>
      <c r="HD1173" s="91"/>
      <c r="HE1173" s="91"/>
      <c r="HF1173" s="91"/>
      <c r="HG1173" s="91"/>
      <c r="HH1173" s="91"/>
      <c r="HI1173" s="91"/>
      <c r="HJ1173" s="91"/>
      <c r="HK1173" s="127"/>
      <c r="HL1173" s="126"/>
      <c r="HM1173" s="91"/>
      <c r="HN1173" s="91"/>
      <c r="HO1173" s="91"/>
      <c r="HP1173" s="91"/>
      <c r="HQ1173" s="91"/>
      <c r="HR1173" s="91"/>
      <c r="HS1173" s="91"/>
      <c r="HT1173" s="91"/>
      <c r="HU1173" s="91"/>
      <c r="HV1173" s="91"/>
      <c r="HW1173" s="91"/>
      <c r="HX1173" s="91"/>
      <c r="HY1173" s="91"/>
      <c r="HZ1173" s="91"/>
      <c r="IA1173" s="91"/>
      <c r="IB1173" s="91"/>
      <c r="IC1173" s="91"/>
      <c r="ID1173" s="91"/>
      <c r="IE1173" s="91"/>
      <c r="IF1173" s="91"/>
      <c r="IG1173" s="91"/>
      <c r="IH1173" s="91"/>
      <c r="II1173" s="91"/>
      <c r="IJ1173" s="91"/>
      <c r="IK1173" s="127"/>
    </row>
    <row r="1174" spans="2:245" x14ac:dyDescent="0.2">
      <c r="B1174" s="43"/>
      <c r="C1174" s="73"/>
      <c r="D1174" s="64"/>
      <c r="E1174" s="64"/>
      <c r="F1174" s="55"/>
      <c r="G1174" s="102"/>
      <c r="H1174" s="55"/>
      <c r="I1174" s="55"/>
      <c r="J1174" s="55"/>
      <c r="K1174" s="55"/>
      <c r="L1174" s="55"/>
      <c r="M1174" s="55"/>
      <c r="N1174" s="55"/>
      <c r="O1174" s="55"/>
      <c r="P1174" s="55"/>
      <c r="Q1174" s="55"/>
      <c r="R1174" s="55"/>
      <c r="S1174" s="55"/>
      <c r="T1174" s="55"/>
      <c r="U1174" s="55"/>
      <c r="V1174" s="55"/>
      <c r="W1174" s="55"/>
      <c r="X1174" s="55"/>
      <c r="Y1174" s="55"/>
      <c r="Z1174" s="55"/>
      <c r="AA1174" s="55"/>
      <c r="AB1174" s="55"/>
      <c r="AC1174" s="55"/>
      <c r="AD1174" s="55"/>
      <c r="AE1174" s="55"/>
      <c r="AF1174" s="55"/>
      <c r="AG1174" s="55"/>
      <c r="AY1174" s="162"/>
      <c r="AZ1174" s="162"/>
      <c r="BA1174" s="162"/>
      <c r="BB1174" s="162"/>
      <c r="BC1174" s="162"/>
      <c r="BD1174" s="162"/>
      <c r="BE1174" s="162"/>
      <c r="BF1174" s="162"/>
      <c r="BG1174" s="162"/>
      <c r="BH1174" s="162"/>
      <c r="BI1174" s="162"/>
      <c r="BJ1174" s="162"/>
      <c r="BK1174" s="162"/>
      <c r="BL1174" s="162"/>
      <c r="BM1174" s="162"/>
      <c r="BN1174" s="162"/>
      <c r="BO1174" s="162"/>
      <c r="BP1174" s="162"/>
      <c r="BQ1174" s="162"/>
      <c r="BR1174" s="162"/>
      <c r="BS1174" s="162"/>
      <c r="BT1174" s="162"/>
      <c r="BU1174" s="162"/>
      <c r="BV1174" s="162"/>
      <c r="BW1174" s="162"/>
      <c r="BX1174" s="162"/>
      <c r="BY1174" s="162"/>
      <c r="BZ1174" s="162"/>
      <c r="CA1174" s="162"/>
      <c r="CB1174" s="162"/>
      <c r="CC1174" s="162"/>
      <c r="CD1174" s="162"/>
      <c r="CE1174" s="162"/>
      <c r="CF1174" s="162"/>
      <c r="CG1174" s="162"/>
      <c r="CH1174" s="162"/>
      <c r="CI1174" s="162"/>
      <c r="CJ1174" s="162"/>
      <c r="CK1174" s="162"/>
      <c r="CX1174" s="98"/>
      <c r="DL1174" s="97"/>
      <c r="DX1174" s="98"/>
      <c r="EL1174" s="97"/>
      <c r="EX1174" s="98"/>
      <c r="EY1174" s="97"/>
      <c r="FL1174" s="126"/>
      <c r="FM1174" s="91"/>
      <c r="FN1174" s="91"/>
      <c r="FO1174" s="91"/>
      <c r="FP1174" s="91"/>
      <c r="FQ1174" s="91"/>
      <c r="FR1174" s="91"/>
      <c r="FS1174" s="91"/>
      <c r="FT1174" s="91"/>
      <c r="FU1174" s="91"/>
      <c r="FV1174" s="91"/>
      <c r="FW1174" s="91"/>
      <c r="FX1174" s="91"/>
      <c r="FY1174" s="91"/>
      <c r="FZ1174" s="91"/>
      <c r="GA1174" s="91"/>
      <c r="GB1174" s="91"/>
      <c r="GC1174" s="91"/>
      <c r="GD1174" s="91"/>
      <c r="GE1174" s="91"/>
      <c r="GF1174" s="91"/>
      <c r="GG1174" s="91"/>
      <c r="GH1174" s="91"/>
      <c r="GI1174" s="91"/>
      <c r="GJ1174" s="91"/>
      <c r="GK1174" s="127"/>
      <c r="GL1174" s="126"/>
      <c r="GM1174" s="91"/>
      <c r="GN1174" s="91"/>
      <c r="GO1174" s="91"/>
      <c r="GP1174" s="91"/>
      <c r="GQ1174" s="91"/>
      <c r="GR1174" s="91"/>
      <c r="GS1174" s="91"/>
      <c r="GT1174" s="91"/>
      <c r="GU1174" s="91"/>
      <c r="GV1174" s="91"/>
      <c r="GW1174" s="91"/>
      <c r="GX1174" s="91"/>
      <c r="GY1174" s="91"/>
      <c r="GZ1174" s="91"/>
      <c r="HA1174" s="91"/>
      <c r="HB1174" s="91"/>
      <c r="HC1174" s="91"/>
      <c r="HD1174" s="91"/>
      <c r="HE1174" s="91"/>
      <c r="HF1174" s="91"/>
      <c r="HG1174" s="91"/>
      <c r="HH1174" s="91"/>
      <c r="HI1174" s="91"/>
      <c r="HJ1174" s="91"/>
      <c r="HK1174" s="127"/>
      <c r="HL1174" s="126"/>
      <c r="HM1174" s="91"/>
      <c r="HN1174" s="91"/>
      <c r="HO1174" s="91"/>
      <c r="HP1174" s="91"/>
      <c r="HQ1174" s="91"/>
      <c r="HR1174" s="91"/>
      <c r="HS1174" s="91"/>
      <c r="HT1174" s="91"/>
      <c r="HU1174" s="91"/>
      <c r="HV1174" s="91"/>
      <c r="HW1174" s="91"/>
      <c r="HX1174" s="91"/>
      <c r="HY1174" s="91"/>
      <c r="HZ1174" s="91"/>
      <c r="IA1174" s="91"/>
      <c r="IB1174" s="91"/>
      <c r="IC1174" s="91"/>
      <c r="ID1174" s="91"/>
      <c r="IE1174" s="91"/>
      <c r="IF1174" s="91"/>
      <c r="IG1174" s="91"/>
      <c r="IH1174" s="91"/>
      <c r="II1174" s="91"/>
      <c r="IJ1174" s="91"/>
      <c r="IK1174" s="127"/>
    </row>
    <row r="1175" spans="2:245" x14ac:dyDescent="0.2">
      <c r="B1175" s="43"/>
      <c r="C1175" s="73"/>
      <c r="D1175" s="64"/>
      <c r="E1175" s="64"/>
      <c r="F1175" s="55"/>
      <c r="G1175" s="102"/>
      <c r="H1175" s="55"/>
      <c r="I1175" s="55"/>
      <c r="J1175" s="55"/>
      <c r="K1175" s="55"/>
      <c r="L1175" s="55"/>
      <c r="M1175" s="55"/>
      <c r="N1175" s="55"/>
      <c r="O1175" s="55"/>
      <c r="P1175" s="55"/>
      <c r="Q1175" s="55"/>
      <c r="R1175" s="55"/>
      <c r="S1175" s="55"/>
      <c r="T1175" s="55"/>
      <c r="U1175" s="55"/>
      <c r="V1175" s="55"/>
      <c r="W1175" s="55"/>
      <c r="X1175" s="55"/>
      <c r="Y1175" s="55"/>
      <c r="Z1175" s="55"/>
      <c r="AA1175" s="55"/>
      <c r="AB1175" s="55"/>
      <c r="AC1175" s="55"/>
      <c r="AD1175" s="55"/>
      <c r="AE1175" s="55"/>
      <c r="AF1175" s="55"/>
      <c r="AG1175" s="55"/>
      <c r="AY1175" s="162"/>
      <c r="AZ1175" s="162"/>
      <c r="BA1175" s="162"/>
      <c r="BB1175" s="162"/>
      <c r="BC1175" s="162"/>
      <c r="BD1175" s="162"/>
      <c r="BE1175" s="162"/>
      <c r="BF1175" s="162"/>
      <c r="BG1175" s="162"/>
      <c r="BH1175" s="162"/>
      <c r="BI1175" s="162"/>
      <c r="BJ1175" s="162"/>
      <c r="BK1175" s="162"/>
      <c r="BL1175" s="162"/>
      <c r="BM1175" s="162"/>
      <c r="BN1175" s="162"/>
      <c r="BO1175" s="162"/>
      <c r="BP1175" s="162"/>
      <c r="BQ1175" s="162"/>
      <c r="BR1175" s="162"/>
      <c r="BS1175" s="162"/>
      <c r="BT1175" s="162"/>
      <c r="BU1175" s="162"/>
      <c r="BV1175" s="162"/>
      <c r="BW1175" s="162"/>
      <c r="BX1175" s="162"/>
      <c r="BY1175" s="162"/>
      <c r="BZ1175" s="162"/>
      <c r="CA1175" s="162"/>
      <c r="CB1175" s="162"/>
      <c r="CC1175" s="162"/>
      <c r="CD1175" s="162"/>
      <c r="CE1175" s="162"/>
      <c r="CF1175" s="162"/>
      <c r="CG1175" s="162"/>
      <c r="CH1175" s="162"/>
      <c r="CI1175" s="162"/>
      <c r="CJ1175" s="162"/>
      <c r="CK1175" s="162"/>
      <c r="CX1175" s="98"/>
      <c r="DL1175" s="97"/>
      <c r="DX1175" s="98"/>
      <c r="EL1175" s="97"/>
      <c r="EX1175" s="98"/>
      <c r="EY1175" s="97"/>
      <c r="FL1175" s="126"/>
      <c r="FM1175" s="91"/>
      <c r="FN1175" s="91"/>
      <c r="FO1175" s="91"/>
      <c r="FP1175" s="91"/>
      <c r="FQ1175" s="91"/>
      <c r="FR1175" s="91"/>
      <c r="FS1175" s="91"/>
      <c r="FT1175" s="91"/>
      <c r="FU1175" s="91"/>
      <c r="FV1175" s="91"/>
      <c r="FW1175" s="91"/>
      <c r="FX1175" s="91"/>
      <c r="FY1175" s="91"/>
      <c r="FZ1175" s="91"/>
      <c r="GA1175" s="91"/>
      <c r="GB1175" s="91"/>
      <c r="GC1175" s="91"/>
      <c r="GD1175" s="91"/>
      <c r="GE1175" s="91"/>
      <c r="GF1175" s="91"/>
      <c r="GG1175" s="91"/>
      <c r="GH1175" s="91"/>
      <c r="GI1175" s="91"/>
      <c r="GJ1175" s="91"/>
      <c r="GK1175" s="127"/>
      <c r="GL1175" s="126"/>
      <c r="GM1175" s="91"/>
      <c r="GN1175" s="91"/>
      <c r="GO1175" s="91"/>
      <c r="GP1175" s="91"/>
      <c r="GQ1175" s="91"/>
      <c r="GR1175" s="91"/>
      <c r="GS1175" s="91"/>
      <c r="GT1175" s="91"/>
      <c r="GU1175" s="91"/>
      <c r="GV1175" s="91"/>
      <c r="GW1175" s="91"/>
      <c r="GX1175" s="91"/>
      <c r="GY1175" s="91"/>
      <c r="GZ1175" s="91"/>
      <c r="HA1175" s="91"/>
      <c r="HB1175" s="91"/>
      <c r="HC1175" s="91"/>
      <c r="HD1175" s="91"/>
      <c r="HE1175" s="91"/>
      <c r="HF1175" s="91"/>
      <c r="HG1175" s="91"/>
      <c r="HH1175" s="91"/>
      <c r="HI1175" s="91"/>
      <c r="HJ1175" s="91"/>
      <c r="HK1175" s="127"/>
      <c r="HL1175" s="126"/>
      <c r="HM1175" s="91"/>
      <c r="HN1175" s="91"/>
      <c r="HO1175" s="91"/>
      <c r="HP1175" s="91"/>
      <c r="HQ1175" s="91"/>
      <c r="HR1175" s="91"/>
      <c r="HS1175" s="91"/>
      <c r="HT1175" s="91"/>
      <c r="HU1175" s="91"/>
      <c r="HV1175" s="91"/>
      <c r="HW1175" s="91"/>
      <c r="HX1175" s="91"/>
      <c r="HY1175" s="91"/>
      <c r="HZ1175" s="91"/>
      <c r="IA1175" s="91"/>
      <c r="IB1175" s="91"/>
      <c r="IC1175" s="91"/>
      <c r="ID1175" s="91"/>
      <c r="IE1175" s="91"/>
      <c r="IF1175" s="91"/>
      <c r="IG1175" s="91"/>
      <c r="IH1175" s="91"/>
      <c r="II1175" s="91"/>
      <c r="IJ1175" s="91"/>
      <c r="IK1175" s="127"/>
    </row>
    <row r="1176" spans="2:245" x14ac:dyDescent="0.2">
      <c r="B1176" s="43"/>
      <c r="C1176" s="73"/>
      <c r="D1176" s="64"/>
      <c r="E1176" s="64"/>
      <c r="F1176" s="55"/>
      <c r="G1176" s="102"/>
      <c r="H1176" s="55"/>
      <c r="I1176" s="55"/>
      <c r="J1176" s="55"/>
      <c r="K1176" s="55"/>
      <c r="L1176" s="55"/>
      <c r="M1176" s="55"/>
      <c r="N1176" s="55"/>
      <c r="O1176" s="55"/>
      <c r="P1176" s="55"/>
      <c r="Q1176" s="55"/>
      <c r="R1176" s="55"/>
      <c r="S1176" s="55"/>
      <c r="T1176" s="55"/>
      <c r="U1176" s="55"/>
      <c r="V1176" s="55"/>
      <c r="W1176" s="55"/>
      <c r="X1176" s="55"/>
      <c r="Y1176" s="55"/>
      <c r="Z1176" s="55"/>
      <c r="AA1176" s="55"/>
      <c r="AB1176" s="55"/>
      <c r="AC1176" s="55"/>
      <c r="AD1176" s="55"/>
      <c r="AE1176" s="55"/>
      <c r="AF1176" s="55"/>
      <c r="AG1176" s="55"/>
      <c r="AY1176" s="162"/>
      <c r="AZ1176" s="162"/>
      <c r="BA1176" s="162"/>
      <c r="BB1176" s="162"/>
      <c r="BC1176" s="162"/>
      <c r="BD1176" s="162"/>
      <c r="BE1176" s="162"/>
      <c r="BF1176" s="162"/>
      <c r="BG1176" s="162"/>
      <c r="BH1176" s="162"/>
      <c r="BI1176" s="162"/>
      <c r="BJ1176" s="162"/>
      <c r="BK1176" s="162"/>
      <c r="BL1176" s="162"/>
      <c r="BM1176" s="162"/>
      <c r="BN1176" s="162"/>
      <c r="BO1176" s="162"/>
      <c r="BP1176" s="162"/>
      <c r="BQ1176" s="162"/>
      <c r="BR1176" s="162"/>
      <c r="BS1176" s="162"/>
      <c r="BT1176" s="162"/>
      <c r="BU1176" s="162"/>
      <c r="BV1176" s="162"/>
      <c r="BW1176" s="162"/>
      <c r="BX1176" s="162"/>
      <c r="BY1176" s="162"/>
      <c r="BZ1176" s="162"/>
      <c r="CA1176" s="162"/>
      <c r="CB1176" s="162"/>
      <c r="CC1176" s="162"/>
      <c r="CD1176" s="162"/>
      <c r="CE1176" s="162"/>
      <c r="CF1176" s="162"/>
      <c r="CG1176" s="162"/>
      <c r="CH1176" s="162"/>
      <c r="CI1176" s="162"/>
      <c r="CJ1176" s="162"/>
      <c r="CK1176" s="162"/>
      <c r="CX1176" s="98"/>
      <c r="DL1176" s="97"/>
      <c r="DX1176" s="98"/>
      <c r="EL1176" s="97"/>
      <c r="EX1176" s="98"/>
      <c r="EY1176" s="97"/>
      <c r="FL1176" s="126"/>
      <c r="FM1176" s="91"/>
      <c r="FN1176" s="91"/>
      <c r="FO1176" s="91"/>
      <c r="FP1176" s="91"/>
      <c r="FQ1176" s="91"/>
      <c r="FR1176" s="91"/>
      <c r="FS1176" s="91"/>
      <c r="FT1176" s="91"/>
      <c r="FU1176" s="91"/>
      <c r="FV1176" s="91"/>
      <c r="FW1176" s="91"/>
      <c r="FX1176" s="91"/>
      <c r="FY1176" s="91"/>
      <c r="FZ1176" s="91"/>
      <c r="GA1176" s="91"/>
      <c r="GB1176" s="91"/>
      <c r="GC1176" s="91"/>
      <c r="GD1176" s="91"/>
      <c r="GE1176" s="91"/>
      <c r="GF1176" s="91"/>
      <c r="GG1176" s="91"/>
      <c r="GH1176" s="91"/>
      <c r="GI1176" s="91"/>
      <c r="GJ1176" s="91"/>
      <c r="GK1176" s="127"/>
      <c r="GL1176" s="126"/>
      <c r="GM1176" s="91"/>
      <c r="GN1176" s="91"/>
      <c r="GO1176" s="91"/>
      <c r="GP1176" s="91"/>
      <c r="GQ1176" s="91"/>
      <c r="GR1176" s="91"/>
      <c r="GS1176" s="91"/>
      <c r="GT1176" s="91"/>
      <c r="GU1176" s="91"/>
      <c r="GV1176" s="91"/>
      <c r="GW1176" s="91"/>
      <c r="GX1176" s="91"/>
      <c r="GY1176" s="91"/>
      <c r="GZ1176" s="91"/>
      <c r="HA1176" s="91"/>
      <c r="HB1176" s="91"/>
      <c r="HC1176" s="91"/>
      <c r="HD1176" s="91"/>
      <c r="HE1176" s="91"/>
      <c r="HF1176" s="91"/>
      <c r="HG1176" s="91"/>
      <c r="HH1176" s="91"/>
      <c r="HI1176" s="91"/>
      <c r="HJ1176" s="91"/>
      <c r="HK1176" s="127"/>
      <c r="HL1176" s="126"/>
      <c r="HM1176" s="91"/>
      <c r="HN1176" s="91"/>
      <c r="HO1176" s="91"/>
      <c r="HP1176" s="91"/>
      <c r="HQ1176" s="91"/>
      <c r="HR1176" s="91"/>
      <c r="HS1176" s="91"/>
      <c r="HT1176" s="91"/>
      <c r="HU1176" s="91"/>
      <c r="HV1176" s="91"/>
      <c r="HW1176" s="91"/>
      <c r="HX1176" s="91"/>
      <c r="HY1176" s="91"/>
      <c r="HZ1176" s="91"/>
      <c r="IA1176" s="91"/>
      <c r="IB1176" s="91"/>
      <c r="IC1176" s="91"/>
      <c r="ID1176" s="91"/>
      <c r="IE1176" s="91"/>
      <c r="IF1176" s="91"/>
      <c r="IG1176" s="91"/>
      <c r="IH1176" s="91"/>
      <c r="II1176" s="91"/>
      <c r="IJ1176" s="91"/>
      <c r="IK1176" s="127"/>
    </row>
    <row r="1177" spans="2:245" x14ac:dyDescent="0.2">
      <c r="B1177" s="43"/>
      <c r="C1177" s="73"/>
      <c r="D1177" s="64"/>
      <c r="E1177" s="64"/>
      <c r="F1177" s="55"/>
      <c r="G1177" s="102"/>
      <c r="H1177" s="55"/>
      <c r="I1177" s="55"/>
      <c r="J1177" s="55"/>
      <c r="K1177" s="55"/>
      <c r="L1177" s="55"/>
      <c r="M1177" s="55"/>
      <c r="N1177" s="55"/>
      <c r="O1177" s="55"/>
      <c r="P1177" s="55"/>
      <c r="Q1177" s="55"/>
      <c r="R1177" s="55"/>
      <c r="S1177" s="55"/>
      <c r="T1177" s="55"/>
      <c r="U1177" s="55"/>
      <c r="V1177" s="55"/>
      <c r="W1177" s="55"/>
      <c r="X1177" s="55"/>
      <c r="Y1177" s="55"/>
      <c r="Z1177" s="55"/>
      <c r="AA1177" s="55"/>
      <c r="AB1177" s="55"/>
      <c r="AC1177" s="55"/>
      <c r="AD1177" s="55"/>
      <c r="AE1177" s="55"/>
      <c r="AF1177" s="55"/>
      <c r="AG1177" s="55"/>
      <c r="AY1177" s="162"/>
      <c r="AZ1177" s="162"/>
      <c r="BA1177" s="162"/>
      <c r="BB1177" s="162"/>
      <c r="BC1177" s="162"/>
      <c r="BD1177" s="162"/>
      <c r="BE1177" s="162"/>
      <c r="BF1177" s="162"/>
      <c r="BG1177" s="162"/>
      <c r="BH1177" s="162"/>
      <c r="BI1177" s="162"/>
      <c r="BJ1177" s="162"/>
      <c r="BK1177" s="162"/>
      <c r="BL1177" s="162"/>
      <c r="BM1177" s="162"/>
      <c r="BN1177" s="162"/>
      <c r="BO1177" s="162"/>
      <c r="BP1177" s="162"/>
      <c r="BQ1177" s="162"/>
      <c r="BR1177" s="162"/>
      <c r="BS1177" s="162"/>
      <c r="BT1177" s="162"/>
      <c r="BU1177" s="162"/>
      <c r="BV1177" s="162"/>
      <c r="BW1177" s="162"/>
      <c r="BX1177" s="162"/>
      <c r="BY1177" s="162"/>
      <c r="BZ1177" s="162"/>
      <c r="CA1177" s="162"/>
      <c r="CB1177" s="162"/>
      <c r="CC1177" s="162"/>
      <c r="CD1177" s="162"/>
      <c r="CE1177" s="162"/>
      <c r="CF1177" s="162"/>
      <c r="CG1177" s="162"/>
      <c r="CH1177" s="162"/>
      <c r="CI1177" s="162"/>
      <c r="CJ1177" s="162"/>
      <c r="CK1177" s="162"/>
      <c r="CX1177" s="98"/>
      <c r="DL1177" s="97"/>
      <c r="DX1177" s="98"/>
      <c r="EL1177" s="97"/>
      <c r="EX1177" s="98"/>
      <c r="EY1177" s="97"/>
      <c r="FL1177" s="126"/>
      <c r="FM1177" s="91"/>
      <c r="FN1177" s="91"/>
      <c r="FO1177" s="91"/>
      <c r="FP1177" s="91"/>
      <c r="FQ1177" s="91"/>
      <c r="FR1177" s="91"/>
      <c r="FS1177" s="91"/>
      <c r="FT1177" s="91"/>
      <c r="FU1177" s="91"/>
      <c r="FV1177" s="91"/>
      <c r="FW1177" s="91"/>
      <c r="FX1177" s="91"/>
      <c r="FY1177" s="91"/>
      <c r="FZ1177" s="91"/>
      <c r="GA1177" s="91"/>
      <c r="GB1177" s="91"/>
      <c r="GC1177" s="91"/>
      <c r="GD1177" s="91"/>
      <c r="GE1177" s="91"/>
      <c r="GF1177" s="91"/>
      <c r="GG1177" s="91"/>
      <c r="GH1177" s="91"/>
      <c r="GI1177" s="91"/>
      <c r="GJ1177" s="91"/>
      <c r="GK1177" s="127"/>
      <c r="GL1177" s="126"/>
      <c r="GM1177" s="91"/>
      <c r="GN1177" s="91"/>
      <c r="GO1177" s="91"/>
      <c r="GP1177" s="91"/>
      <c r="GQ1177" s="91"/>
      <c r="GR1177" s="91"/>
      <c r="GS1177" s="91"/>
      <c r="GT1177" s="91"/>
      <c r="GU1177" s="91"/>
      <c r="GV1177" s="91"/>
      <c r="GW1177" s="91"/>
      <c r="GX1177" s="91"/>
      <c r="GY1177" s="91"/>
      <c r="GZ1177" s="91"/>
      <c r="HA1177" s="91"/>
      <c r="HB1177" s="91"/>
      <c r="HC1177" s="91"/>
      <c r="HD1177" s="91"/>
      <c r="HE1177" s="91"/>
      <c r="HF1177" s="91"/>
      <c r="HG1177" s="91"/>
      <c r="HH1177" s="91"/>
      <c r="HI1177" s="91"/>
      <c r="HJ1177" s="91"/>
      <c r="HK1177" s="127"/>
      <c r="HL1177" s="126"/>
      <c r="HM1177" s="91"/>
      <c r="HN1177" s="91"/>
      <c r="HO1177" s="91"/>
      <c r="HP1177" s="91"/>
      <c r="HQ1177" s="91"/>
      <c r="HR1177" s="91"/>
      <c r="HS1177" s="91"/>
      <c r="HT1177" s="91"/>
      <c r="HU1177" s="91"/>
      <c r="HV1177" s="91"/>
      <c r="HW1177" s="91"/>
      <c r="HX1177" s="91"/>
      <c r="HY1177" s="91"/>
      <c r="HZ1177" s="91"/>
      <c r="IA1177" s="91"/>
      <c r="IB1177" s="91"/>
      <c r="IC1177" s="91"/>
      <c r="ID1177" s="91"/>
      <c r="IE1177" s="91"/>
      <c r="IF1177" s="91"/>
      <c r="IG1177" s="91"/>
      <c r="IH1177" s="91"/>
      <c r="II1177" s="91"/>
      <c r="IJ1177" s="91"/>
      <c r="IK1177" s="127"/>
    </row>
    <row r="1178" spans="2:245" x14ac:dyDescent="0.2">
      <c r="B1178" s="43"/>
      <c r="C1178" s="73"/>
      <c r="D1178" s="64"/>
      <c r="E1178" s="64"/>
      <c r="F1178" s="55"/>
      <c r="G1178" s="102"/>
      <c r="H1178" s="55"/>
      <c r="I1178" s="55"/>
      <c r="J1178" s="55"/>
      <c r="K1178" s="55"/>
      <c r="L1178" s="55"/>
      <c r="M1178" s="55"/>
      <c r="N1178" s="55"/>
      <c r="O1178" s="55"/>
      <c r="P1178" s="55"/>
      <c r="Q1178" s="55"/>
      <c r="R1178" s="55"/>
      <c r="S1178" s="55"/>
      <c r="T1178" s="55"/>
      <c r="U1178" s="55"/>
      <c r="V1178" s="55"/>
      <c r="W1178" s="55"/>
      <c r="X1178" s="55"/>
      <c r="Y1178" s="55"/>
      <c r="Z1178" s="55"/>
      <c r="AA1178" s="55"/>
      <c r="AB1178" s="55"/>
      <c r="AC1178" s="55"/>
      <c r="AD1178" s="55"/>
      <c r="AE1178" s="55"/>
      <c r="AF1178" s="55"/>
      <c r="AG1178" s="55"/>
      <c r="AY1178" s="162"/>
      <c r="AZ1178" s="162"/>
      <c r="BA1178" s="162"/>
      <c r="BB1178" s="162"/>
      <c r="BC1178" s="162"/>
      <c r="BD1178" s="162"/>
      <c r="BE1178" s="162"/>
      <c r="BF1178" s="162"/>
      <c r="BG1178" s="162"/>
      <c r="BH1178" s="162"/>
      <c r="BI1178" s="162"/>
      <c r="BJ1178" s="162"/>
      <c r="BK1178" s="162"/>
      <c r="BL1178" s="162"/>
      <c r="BM1178" s="162"/>
      <c r="BN1178" s="162"/>
      <c r="BO1178" s="162"/>
      <c r="BP1178" s="162"/>
      <c r="BQ1178" s="162"/>
      <c r="BR1178" s="162"/>
      <c r="BS1178" s="162"/>
      <c r="BT1178" s="162"/>
      <c r="BU1178" s="162"/>
      <c r="BV1178" s="162"/>
      <c r="BW1178" s="162"/>
      <c r="BX1178" s="162"/>
      <c r="BY1178" s="162"/>
      <c r="BZ1178" s="162"/>
      <c r="CA1178" s="162"/>
      <c r="CB1178" s="162"/>
      <c r="CC1178" s="162"/>
      <c r="CD1178" s="162"/>
      <c r="CE1178" s="162"/>
      <c r="CF1178" s="162"/>
      <c r="CG1178" s="162"/>
      <c r="CH1178" s="162"/>
      <c r="CI1178" s="162"/>
      <c r="CJ1178" s="162"/>
      <c r="CK1178" s="162"/>
      <c r="CX1178" s="98"/>
      <c r="DL1178" s="97"/>
      <c r="DX1178" s="98"/>
      <c r="EL1178" s="97"/>
      <c r="EX1178" s="98"/>
      <c r="EY1178" s="97"/>
      <c r="FL1178" s="126"/>
      <c r="FM1178" s="91"/>
      <c r="FN1178" s="91"/>
      <c r="FO1178" s="91"/>
      <c r="FP1178" s="91"/>
      <c r="FQ1178" s="91"/>
      <c r="FR1178" s="91"/>
      <c r="FS1178" s="91"/>
      <c r="FT1178" s="91"/>
      <c r="FU1178" s="91"/>
      <c r="FV1178" s="91"/>
      <c r="FW1178" s="91"/>
      <c r="FX1178" s="91"/>
      <c r="FY1178" s="91"/>
      <c r="FZ1178" s="91"/>
      <c r="GA1178" s="91"/>
      <c r="GB1178" s="91"/>
      <c r="GC1178" s="91"/>
      <c r="GD1178" s="91"/>
      <c r="GE1178" s="91"/>
      <c r="GF1178" s="91"/>
      <c r="GG1178" s="91"/>
      <c r="GH1178" s="91"/>
      <c r="GI1178" s="91"/>
      <c r="GJ1178" s="91"/>
      <c r="GK1178" s="127"/>
      <c r="GL1178" s="126"/>
      <c r="GM1178" s="91"/>
      <c r="GN1178" s="91"/>
      <c r="GO1178" s="91"/>
      <c r="GP1178" s="91"/>
      <c r="GQ1178" s="91"/>
      <c r="GR1178" s="91"/>
      <c r="GS1178" s="91"/>
      <c r="GT1178" s="91"/>
      <c r="GU1178" s="91"/>
      <c r="GV1178" s="91"/>
      <c r="GW1178" s="91"/>
      <c r="GX1178" s="91"/>
      <c r="GY1178" s="91"/>
      <c r="GZ1178" s="91"/>
      <c r="HA1178" s="91"/>
      <c r="HB1178" s="91"/>
      <c r="HC1178" s="91"/>
      <c r="HD1178" s="91"/>
      <c r="HE1178" s="91"/>
      <c r="HF1178" s="91"/>
      <c r="HG1178" s="91"/>
      <c r="HH1178" s="91"/>
      <c r="HI1178" s="91"/>
      <c r="HJ1178" s="91"/>
      <c r="HK1178" s="127"/>
      <c r="HL1178" s="126"/>
      <c r="HM1178" s="91"/>
      <c r="HN1178" s="91"/>
      <c r="HO1178" s="91"/>
      <c r="HP1178" s="91"/>
      <c r="HQ1178" s="91"/>
      <c r="HR1178" s="91"/>
      <c r="HS1178" s="91"/>
      <c r="HT1178" s="91"/>
      <c r="HU1178" s="91"/>
      <c r="HV1178" s="91"/>
      <c r="HW1178" s="91"/>
      <c r="HX1178" s="91"/>
      <c r="HY1178" s="91"/>
      <c r="HZ1178" s="91"/>
      <c r="IA1178" s="91"/>
      <c r="IB1178" s="91"/>
      <c r="IC1178" s="91"/>
      <c r="ID1178" s="91"/>
      <c r="IE1178" s="91"/>
      <c r="IF1178" s="91"/>
      <c r="IG1178" s="91"/>
      <c r="IH1178" s="91"/>
      <c r="II1178" s="91"/>
      <c r="IJ1178" s="91"/>
      <c r="IK1178" s="127"/>
    </row>
    <row r="1179" spans="2:245" x14ac:dyDescent="0.2">
      <c r="B1179" s="43"/>
      <c r="C1179" s="73"/>
      <c r="D1179" s="64"/>
      <c r="E1179" s="64"/>
      <c r="F1179" s="55"/>
      <c r="G1179" s="102"/>
      <c r="H1179" s="55"/>
      <c r="I1179" s="55"/>
      <c r="J1179" s="55"/>
      <c r="K1179" s="55"/>
      <c r="L1179" s="55"/>
      <c r="M1179" s="55"/>
      <c r="N1179" s="55"/>
      <c r="O1179" s="55"/>
      <c r="P1179" s="55"/>
      <c r="Q1179" s="55"/>
      <c r="R1179" s="55"/>
      <c r="S1179" s="55"/>
      <c r="T1179" s="55"/>
      <c r="U1179" s="55"/>
      <c r="V1179" s="55"/>
      <c r="W1179" s="55"/>
      <c r="X1179" s="55"/>
      <c r="Y1179" s="55"/>
      <c r="Z1179" s="55"/>
      <c r="AA1179" s="55"/>
      <c r="AB1179" s="55"/>
      <c r="AC1179" s="55"/>
      <c r="AD1179" s="55"/>
      <c r="AE1179" s="55"/>
      <c r="AF1179" s="55"/>
      <c r="AG1179" s="55"/>
      <c r="AY1179" s="162"/>
      <c r="AZ1179" s="162"/>
      <c r="BA1179" s="162"/>
      <c r="BB1179" s="162"/>
      <c r="BC1179" s="162"/>
      <c r="BD1179" s="162"/>
      <c r="BE1179" s="162"/>
      <c r="BF1179" s="162"/>
      <c r="BG1179" s="162"/>
      <c r="BH1179" s="162"/>
      <c r="BI1179" s="162"/>
      <c r="BJ1179" s="162"/>
      <c r="BK1179" s="162"/>
      <c r="BL1179" s="162"/>
      <c r="BM1179" s="162"/>
      <c r="BN1179" s="162"/>
      <c r="BO1179" s="162"/>
      <c r="BP1179" s="162"/>
      <c r="BQ1179" s="162"/>
      <c r="BR1179" s="162"/>
      <c r="BS1179" s="162"/>
      <c r="BT1179" s="162"/>
      <c r="BU1179" s="162"/>
      <c r="BV1179" s="162"/>
      <c r="BW1179" s="162"/>
      <c r="BX1179" s="162"/>
      <c r="BY1179" s="162"/>
      <c r="BZ1179" s="162"/>
      <c r="CA1179" s="162"/>
      <c r="CB1179" s="162"/>
      <c r="CC1179" s="162"/>
      <c r="CD1179" s="162"/>
      <c r="CE1179" s="162"/>
      <c r="CF1179" s="162"/>
      <c r="CG1179" s="162"/>
      <c r="CH1179" s="162"/>
      <c r="CI1179" s="162"/>
      <c r="CJ1179" s="162"/>
      <c r="CK1179" s="162"/>
      <c r="CX1179" s="98"/>
      <c r="DL1179" s="97"/>
      <c r="DX1179" s="98"/>
      <c r="EL1179" s="97"/>
      <c r="EX1179" s="98"/>
      <c r="EY1179" s="97"/>
      <c r="FL1179" s="126"/>
      <c r="FM1179" s="91"/>
      <c r="FN1179" s="91"/>
      <c r="FO1179" s="91"/>
      <c r="FP1179" s="91"/>
      <c r="FQ1179" s="91"/>
      <c r="FR1179" s="91"/>
      <c r="FS1179" s="91"/>
      <c r="FT1179" s="91"/>
      <c r="FU1179" s="91"/>
      <c r="FV1179" s="91"/>
      <c r="FW1179" s="91"/>
      <c r="FX1179" s="91"/>
      <c r="FY1179" s="91"/>
      <c r="FZ1179" s="91"/>
      <c r="GA1179" s="91"/>
      <c r="GB1179" s="91"/>
      <c r="GC1179" s="91"/>
      <c r="GD1179" s="91"/>
      <c r="GE1179" s="91"/>
      <c r="GF1179" s="91"/>
      <c r="GG1179" s="91"/>
      <c r="GH1179" s="91"/>
      <c r="GI1179" s="91"/>
      <c r="GJ1179" s="91"/>
      <c r="GK1179" s="127"/>
      <c r="GL1179" s="126"/>
      <c r="GM1179" s="91"/>
      <c r="GN1179" s="91"/>
      <c r="GO1179" s="91"/>
      <c r="GP1179" s="91"/>
      <c r="GQ1179" s="91"/>
      <c r="GR1179" s="91"/>
      <c r="GS1179" s="91"/>
      <c r="GT1179" s="91"/>
      <c r="GU1179" s="91"/>
      <c r="GV1179" s="91"/>
      <c r="GW1179" s="91"/>
      <c r="GX1179" s="91"/>
      <c r="GY1179" s="91"/>
      <c r="GZ1179" s="91"/>
      <c r="HA1179" s="91"/>
      <c r="HB1179" s="91"/>
      <c r="HC1179" s="91"/>
      <c r="HD1179" s="91"/>
      <c r="HE1179" s="91"/>
      <c r="HF1179" s="91"/>
      <c r="HG1179" s="91"/>
      <c r="HH1179" s="91"/>
      <c r="HI1179" s="91"/>
      <c r="HJ1179" s="91"/>
      <c r="HK1179" s="127"/>
      <c r="HL1179" s="126"/>
      <c r="HM1179" s="91"/>
      <c r="HN1179" s="91"/>
      <c r="HO1179" s="91"/>
      <c r="HP1179" s="91"/>
      <c r="HQ1179" s="91"/>
      <c r="HR1179" s="91"/>
      <c r="HS1179" s="91"/>
      <c r="HT1179" s="91"/>
      <c r="HU1179" s="91"/>
      <c r="HV1179" s="91"/>
      <c r="HW1179" s="91"/>
      <c r="HX1179" s="91"/>
      <c r="HY1179" s="91"/>
      <c r="HZ1179" s="91"/>
      <c r="IA1179" s="91"/>
      <c r="IB1179" s="91"/>
      <c r="IC1179" s="91"/>
      <c r="ID1179" s="91"/>
      <c r="IE1179" s="91"/>
      <c r="IF1179" s="91"/>
      <c r="IG1179" s="91"/>
      <c r="IH1179" s="91"/>
      <c r="II1179" s="91"/>
      <c r="IJ1179" s="91"/>
      <c r="IK1179" s="127"/>
    </row>
    <row r="1180" spans="2:245" x14ac:dyDescent="0.2">
      <c r="B1180" s="43"/>
      <c r="C1180" s="73"/>
      <c r="D1180" s="64"/>
      <c r="E1180" s="64"/>
      <c r="F1180" s="55"/>
      <c r="G1180" s="102"/>
      <c r="H1180" s="55"/>
      <c r="I1180" s="55"/>
      <c r="J1180" s="55"/>
      <c r="K1180" s="55"/>
      <c r="L1180" s="55"/>
      <c r="M1180" s="55"/>
      <c r="N1180" s="55"/>
      <c r="O1180" s="55"/>
      <c r="P1180" s="55"/>
      <c r="Q1180" s="55"/>
      <c r="R1180" s="55"/>
      <c r="S1180" s="55"/>
      <c r="T1180" s="55"/>
      <c r="U1180" s="55"/>
      <c r="V1180" s="55"/>
      <c r="W1180" s="55"/>
      <c r="X1180" s="55"/>
      <c r="Y1180" s="55"/>
      <c r="Z1180" s="55"/>
      <c r="AA1180" s="55"/>
      <c r="AB1180" s="55"/>
      <c r="AC1180" s="55"/>
      <c r="AD1180" s="55"/>
      <c r="AE1180" s="55"/>
      <c r="AF1180" s="55"/>
      <c r="AG1180" s="55"/>
      <c r="AY1180" s="162"/>
      <c r="AZ1180" s="162"/>
      <c r="BA1180" s="162"/>
      <c r="BB1180" s="162"/>
      <c r="BC1180" s="162"/>
      <c r="BD1180" s="162"/>
      <c r="BE1180" s="162"/>
      <c r="BF1180" s="162"/>
      <c r="BG1180" s="162"/>
      <c r="BH1180" s="162"/>
      <c r="BI1180" s="162"/>
      <c r="BJ1180" s="162"/>
      <c r="BK1180" s="162"/>
      <c r="BL1180" s="162"/>
      <c r="BM1180" s="162"/>
      <c r="BN1180" s="162"/>
      <c r="BO1180" s="162"/>
      <c r="BP1180" s="162"/>
      <c r="BQ1180" s="162"/>
      <c r="BR1180" s="162"/>
      <c r="BS1180" s="162"/>
      <c r="BT1180" s="162"/>
      <c r="BU1180" s="162"/>
      <c r="BV1180" s="162"/>
      <c r="BW1180" s="162"/>
      <c r="BX1180" s="162"/>
      <c r="BY1180" s="162"/>
      <c r="BZ1180" s="162"/>
      <c r="CA1180" s="162"/>
      <c r="CB1180" s="162"/>
      <c r="CC1180" s="162"/>
      <c r="CD1180" s="162"/>
      <c r="CE1180" s="162"/>
      <c r="CF1180" s="162"/>
      <c r="CG1180" s="162"/>
      <c r="CH1180" s="162"/>
      <c r="CI1180" s="162"/>
      <c r="CJ1180" s="162"/>
      <c r="CK1180" s="162"/>
      <c r="CX1180" s="98"/>
      <c r="DL1180" s="97"/>
      <c r="DX1180" s="98"/>
      <c r="EL1180" s="97"/>
      <c r="EX1180" s="98"/>
      <c r="EY1180" s="97"/>
      <c r="FL1180" s="126"/>
      <c r="FM1180" s="91"/>
      <c r="FN1180" s="91"/>
      <c r="FO1180" s="91"/>
      <c r="FP1180" s="91"/>
      <c r="FQ1180" s="91"/>
      <c r="FR1180" s="91"/>
      <c r="FS1180" s="91"/>
      <c r="FT1180" s="91"/>
      <c r="FU1180" s="91"/>
      <c r="FV1180" s="91"/>
      <c r="FW1180" s="91"/>
      <c r="FX1180" s="91"/>
      <c r="FY1180" s="91"/>
      <c r="FZ1180" s="91"/>
      <c r="GA1180" s="91"/>
      <c r="GB1180" s="91"/>
      <c r="GC1180" s="91"/>
      <c r="GD1180" s="91"/>
      <c r="GE1180" s="91"/>
      <c r="GF1180" s="91"/>
      <c r="GG1180" s="91"/>
      <c r="GH1180" s="91"/>
      <c r="GI1180" s="91"/>
      <c r="GJ1180" s="91"/>
      <c r="GK1180" s="127"/>
      <c r="GL1180" s="126"/>
      <c r="GM1180" s="91"/>
      <c r="GN1180" s="91"/>
      <c r="GO1180" s="91"/>
      <c r="GP1180" s="91"/>
      <c r="GQ1180" s="91"/>
      <c r="GR1180" s="91"/>
      <c r="GS1180" s="91"/>
      <c r="GT1180" s="91"/>
      <c r="GU1180" s="91"/>
      <c r="GV1180" s="91"/>
      <c r="GW1180" s="91"/>
      <c r="GX1180" s="91"/>
      <c r="GY1180" s="91"/>
      <c r="GZ1180" s="91"/>
      <c r="HA1180" s="91"/>
      <c r="HB1180" s="91"/>
      <c r="HC1180" s="91"/>
      <c r="HD1180" s="91"/>
      <c r="HE1180" s="91"/>
      <c r="HF1180" s="91"/>
      <c r="HG1180" s="91"/>
      <c r="HH1180" s="91"/>
      <c r="HI1180" s="91"/>
      <c r="HJ1180" s="91"/>
      <c r="HK1180" s="127"/>
      <c r="HL1180" s="126"/>
      <c r="HM1180" s="91"/>
      <c r="HN1180" s="91"/>
      <c r="HO1180" s="91"/>
      <c r="HP1180" s="91"/>
      <c r="HQ1180" s="91"/>
      <c r="HR1180" s="91"/>
      <c r="HS1180" s="91"/>
      <c r="HT1180" s="91"/>
      <c r="HU1180" s="91"/>
      <c r="HV1180" s="91"/>
      <c r="HW1180" s="91"/>
      <c r="HX1180" s="91"/>
      <c r="HY1180" s="91"/>
      <c r="HZ1180" s="91"/>
      <c r="IA1180" s="91"/>
      <c r="IB1180" s="91"/>
      <c r="IC1180" s="91"/>
      <c r="ID1180" s="91"/>
      <c r="IE1180" s="91"/>
      <c r="IF1180" s="91"/>
      <c r="IG1180" s="91"/>
      <c r="IH1180" s="91"/>
      <c r="II1180" s="91"/>
      <c r="IJ1180" s="91"/>
      <c r="IK1180" s="127"/>
    </row>
    <row r="1181" spans="2:245" x14ac:dyDescent="0.2">
      <c r="B1181" s="43"/>
      <c r="C1181" s="73"/>
      <c r="D1181" s="64"/>
      <c r="E1181" s="64"/>
      <c r="F1181" s="55"/>
      <c r="G1181" s="102"/>
      <c r="H1181" s="55"/>
      <c r="I1181" s="55"/>
      <c r="J1181" s="55"/>
      <c r="K1181" s="55"/>
      <c r="L1181" s="55"/>
      <c r="M1181" s="55"/>
      <c r="N1181" s="55"/>
      <c r="O1181" s="55"/>
      <c r="P1181" s="55"/>
      <c r="Q1181" s="55"/>
      <c r="R1181" s="55"/>
      <c r="S1181" s="55"/>
      <c r="T1181" s="55"/>
      <c r="U1181" s="55"/>
      <c r="V1181" s="55"/>
      <c r="W1181" s="55"/>
      <c r="X1181" s="55"/>
      <c r="Y1181" s="55"/>
      <c r="Z1181" s="55"/>
      <c r="AA1181" s="55"/>
      <c r="AB1181" s="55"/>
      <c r="AC1181" s="55"/>
      <c r="AD1181" s="55"/>
      <c r="AE1181" s="55"/>
      <c r="AF1181" s="55"/>
      <c r="AG1181" s="55"/>
      <c r="AY1181" s="162"/>
      <c r="AZ1181" s="162"/>
      <c r="BA1181" s="162"/>
      <c r="BB1181" s="162"/>
      <c r="BC1181" s="162"/>
      <c r="BD1181" s="162"/>
      <c r="BE1181" s="162"/>
      <c r="BF1181" s="162"/>
      <c r="BG1181" s="162"/>
      <c r="BH1181" s="162"/>
      <c r="BI1181" s="162"/>
      <c r="BJ1181" s="162"/>
      <c r="BK1181" s="162"/>
      <c r="BL1181" s="162"/>
      <c r="BM1181" s="162"/>
      <c r="BN1181" s="162"/>
      <c r="BO1181" s="162"/>
      <c r="BP1181" s="162"/>
      <c r="BQ1181" s="162"/>
      <c r="BR1181" s="162"/>
      <c r="BS1181" s="162"/>
      <c r="BT1181" s="162"/>
      <c r="BU1181" s="162"/>
      <c r="BV1181" s="162"/>
      <c r="BW1181" s="162"/>
      <c r="BX1181" s="162"/>
      <c r="BY1181" s="162"/>
      <c r="BZ1181" s="162"/>
      <c r="CA1181" s="162"/>
      <c r="CB1181" s="162"/>
      <c r="CC1181" s="162"/>
      <c r="CD1181" s="162"/>
      <c r="CE1181" s="162"/>
      <c r="CF1181" s="162"/>
      <c r="CG1181" s="162"/>
      <c r="CH1181" s="162"/>
      <c r="CI1181" s="162"/>
      <c r="CJ1181" s="162"/>
      <c r="CK1181" s="162"/>
      <c r="CX1181" s="98"/>
      <c r="DL1181" s="97"/>
      <c r="DX1181" s="98"/>
      <c r="EL1181" s="97"/>
      <c r="EX1181" s="98"/>
      <c r="EY1181" s="97"/>
      <c r="FL1181" s="126"/>
      <c r="FM1181" s="91"/>
      <c r="FN1181" s="91"/>
      <c r="FO1181" s="91"/>
      <c r="FP1181" s="91"/>
      <c r="FQ1181" s="91"/>
      <c r="FR1181" s="91"/>
      <c r="FS1181" s="91"/>
      <c r="FT1181" s="91"/>
      <c r="FU1181" s="91"/>
      <c r="FV1181" s="91"/>
      <c r="FW1181" s="91"/>
      <c r="FX1181" s="91"/>
      <c r="FY1181" s="91"/>
      <c r="FZ1181" s="91"/>
      <c r="GA1181" s="91"/>
      <c r="GB1181" s="91"/>
      <c r="GC1181" s="91"/>
      <c r="GD1181" s="91"/>
      <c r="GE1181" s="91"/>
      <c r="GF1181" s="91"/>
      <c r="GG1181" s="91"/>
      <c r="GH1181" s="91"/>
      <c r="GI1181" s="91"/>
      <c r="GJ1181" s="91"/>
      <c r="GK1181" s="127"/>
      <c r="GL1181" s="126"/>
      <c r="GM1181" s="91"/>
      <c r="GN1181" s="91"/>
      <c r="GO1181" s="91"/>
      <c r="GP1181" s="91"/>
      <c r="GQ1181" s="91"/>
      <c r="GR1181" s="91"/>
      <c r="GS1181" s="91"/>
      <c r="GT1181" s="91"/>
      <c r="GU1181" s="91"/>
      <c r="GV1181" s="91"/>
      <c r="GW1181" s="91"/>
      <c r="GX1181" s="91"/>
      <c r="GY1181" s="91"/>
      <c r="GZ1181" s="91"/>
      <c r="HA1181" s="91"/>
      <c r="HB1181" s="91"/>
      <c r="HC1181" s="91"/>
      <c r="HD1181" s="91"/>
      <c r="HE1181" s="91"/>
      <c r="HF1181" s="91"/>
      <c r="HG1181" s="91"/>
      <c r="HH1181" s="91"/>
      <c r="HI1181" s="91"/>
      <c r="HJ1181" s="91"/>
      <c r="HK1181" s="127"/>
      <c r="HL1181" s="126"/>
      <c r="HM1181" s="91"/>
      <c r="HN1181" s="91"/>
      <c r="HO1181" s="91"/>
      <c r="HP1181" s="91"/>
      <c r="HQ1181" s="91"/>
      <c r="HR1181" s="91"/>
      <c r="HS1181" s="91"/>
      <c r="HT1181" s="91"/>
      <c r="HU1181" s="91"/>
      <c r="HV1181" s="91"/>
      <c r="HW1181" s="91"/>
      <c r="HX1181" s="91"/>
      <c r="HY1181" s="91"/>
      <c r="HZ1181" s="91"/>
      <c r="IA1181" s="91"/>
      <c r="IB1181" s="91"/>
      <c r="IC1181" s="91"/>
      <c r="ID1181" s="91"/>
      <c r="IE1181" s="91"/>
      <c r="IF1181" s="91"/>
      <c r="IG1181" s="91"/>
      <c r="IH1181" s="91"/>
      <c r="II1181" s="91"/>
      <c r="IJ1181" s="91"/>
      <c r="IK1181" s="127"/>
    </row>
    <row r="1182" spans="2:245" x14ac:dyDescent="0.2">
      <c r="B1182" s="43"/>
      <c r="C1182" s="73"/>
      <c r="D1182" s="64"/>
      <c r="E1182" s="64"/>
      <c r="F1182" s="55"/>
      <c r="G1182" s="102"/>
      <c r="H1182" s="55"/>
      <c r="I1182" s="55"/>
      <c r="J1182" s="55"/>
      <c r="K1182" s="55"/>
      <c r="L1182" s="55"/>
      <c r="M1182" s="55"/>
      <c r="N1182" s="55"/>
      <c r="O1182" s="55"/>
      <c r="P1182" s="55"/>
      <c r="Q1182" s="55"/>
      <c r="R1182" s="55"/>
      <c r="S1182" s="55"/>
      <c r="T1182" s="55"/>
      <c r="U1182" s="55"/>
      <c r="V1182" s="55"/>
      <c r="W1182" s="55"/>
      <c r="X1182" s="55"/>
      <c r="Y1182" s="55"/>
      <c r="Z1182" s="55"/>
      <c r="AA1182" s="55"/>
      <c r="AB1182" s="55"/>
      <c r="AC1182" s="55"/>
      <c r="AD1182" s="55"/>
      <c r="AE1182" s="55"/>
      <c r="AF1182" s="55"/>
      <c r="AG1182" s="55"/>
      <c r="AY1182" s="162"/>
      <c r="AZ1182" s="162"/>
      <c r="BA1182" s="162"/>
      <c r="BB1182" s="162"/>
      <c r="BC1182" s="162"/>
      <c r="BD1182" s="162"/>
      <c r="BE1182" s="162"/>
      <c r="BF1182" s="162"/>
      <c r="BG1182" s="162"/>
      <c r="BH1182" s="162"/>
      <c r="BI1182" s="162"/>
      <c r="BJ1182" s="162"/>
      <c r="BK1182" s="162"/>
      <c r="BL1182" s="162"/>
      <c r="BM1182" s="162"/>
      <c r="BN1182" s="162"/>
      <c r="BO1182" s="162"/>
      <c r="BP1182" s="162"/>
      <c r="BQ1182" s="162"/>
      <c r="BR1182" s="162"/>
      <c r="BS1182" s="162"/>
      <c r="BT1182" s="162"/>
      <c r="BU1182" s="162"/>
      <c r="BV1182" s="162"/>
      <c r="BW1182" s="162"/>
      <c r="BX1182" s="162"/>
      <c r="BY1182" s="162"/>
      <c r="BZ1182" s="162"/>
      <c r="CA1182" s="162"/>
      <c r="CB1182" s="162"/>
      <c r="CC1182" s="162"/>
      <c r="CD1182" s="162"/>
      <c r="CE1182" s="162"/>
      <c r="CF1182" s="162"/>
      <c r="CG1182" s="162"/>
      <c r="CH1182" s="162"/>
      <c r="CI1182" s="162"/>
      <c r="CJ1182" s="162"/>
      <c r="CK1182" s="162"/>
      <c r="CX1182" s="98"/>
      <c r="DL1182" s="97"/>
      <c r="DX1182" s="98"/>
      <c r="EL1182" s="97"/>
      <c r="EX1182" s="98"/>
      <c r="EY1182" s="97"/>
      <c r="FL1182" s="126"/>
      <c r="FM1182" s="91"/>
      <c r="FN1182" s="91"/>
      <c r="FO1182" s="91"/>
      <c r="FP1182" s="91"/>
      <c r="FQ1182" s="91"/>
      <c r="FR1182" s="91"/>
      <c r="FS1182" s="91"/>
      <c r="FT1182" s="91"/>
      <c r="FU1182" s="91"/>
      <c r="FV1182" s="91"/>
      <c r="FW1182" s="91"/>
      <c r="FX1182" s="91"/>
      <c r="FY1182" s="91"/>
      <c r="FZ1182" s="91"/>
      <c r="GA1182" s="91"/>
      <c r="GB1182" s="91"/>
      <c r="GC1182" s="91"/>
      <c r="GD1182" s="91"/>
      <c r="GE1182" s="91"/>
      <c r="GF1182" s="91"/>
      <c r="GG1182" s="91"/>
      <c r="GH1182" s="91"/>
      <c r="GI1182" s="91"/>
      <c r="GJ1182" s="91"/>
      <c r="GK1182" s="127"/>
      <c r="GL1182" s="126"/>
      <c r="GM1182" s="91"/>
      <c r="GN1182" s="91"/>
      <c r="GO1182" s="91"/>
      <c r="GP1182" s="91"/>
      <c r="GQ1182" s="91"/>
      <c r="GR1182" s="91"/>
      <c r="GS1182" s="91"/>
      <c r="GT1182" s="91"/>
      <c r="GU1182" s="91"/>
      <c r="GV1182" s="91"/>
      <c r="GW1182" s="91"/>
      <c r="GX1182" s="91"/>
      <c r="GY1182" s="91"/>
      <c r="GZ1182" s="91"/>
      <c r="HA1182" s="91"/>
      <c r="HB1182" s="91"/>
      <c r="HC1182" s="91"/>
      <c r="HD1182" s="91"/>
      <c r="HE1182" s="91"/>
      <c r="HF1182" s="91"/>
      <c r="HG1182" s="91"/>
      <c r="HH1182" s="91"/>
      <c r="HI1182" s="91"/>
      <c r="HJ1182" s="91"/>
      <c r="HK1182" s="127"/>
      <c r="HL1182" s="126"/>
      <c r="HM1182" s="91"/>
      <c r="HN1182" s="91"/>
      <c r="HO1182" s="91"/>
      <c r="HP1182" s="91"/>
      <c r="HQ1182" s="91"/>
      <c r="HR1182" s="91"/>
      <c r="HS1182" s="91"/>
      <c r="HT1182" s="91"/>
      <c r="HU1182" s="91"/>
      <c r="HV1182" s="91"/>
      <c r="HW1182" s="91"/>
      <c r="HX1182" s="91"/>
      <c r="HY1182" s="91"/>
      <c r="HZ1182" s="91"/>
      <c r="IA1182" s="91"/>
      <c r="IB1182" s="91"/>
      <c r="IC1182" s="91"/>
      <c r="ID1182" s="91"/>
      <c r="IE1182" s="91"/>
      <c r="IF1182" s="91"/>
      <c r="IG1182" s="91"/>
      <c r="IH1182" s="91"/>
      <c r="II1182" s="91"/>
      <c r="IJ1182" s="91"/>
      <c r="IK1182" s="127"/>
    </row>
    <row r="1183" spans="2:245" x14ac:dyDescent="0.2">
      <c r="B1183" s="43"/>
      <c r="C1183" s="73"/>
      <c r="D1183" s="64"/>
      <c r="E1183" s="64"/>
      <c r="F1183" s="55"/>
      <c r="G1183" s="102"/>
      <c r="H1183" s="55"/>
      <c r="I1183" s="55"/>
      <c r="J1183" s="55"/>
      <c r="K1183" s="55"/>
      <c r="L1183" s="55"/>
      <c r="M1183" s="55"/>
      <c r="N1183" s="55"/>
      <c r="O1183" s="55"/>
      <c r="P1183" s="55"/>
      <c r="Q1183" s="55"/>
      <c r="R1183" s="55"/>
      <c r="S1183" s="55"/>
      <c r="T1183" s="55"/>
      <c r="U1183" s="55"/>
      <c r="V1183" s="55"/>
      <c r="W1183" s="55"/>
      <c r="X1183" s="55"/>
      <c r="Y1183" s="55"/>
      <c r="Z1183" s="55"/>
      <c r="AA1183" s="55"/>
      <c r="AB1183" s="55"/>
      <c r="AC1183" s="55"/>
      <c r="AD1183" s="55"/>
      <c r="AE1183" s="55"/>
      <c r="AF1183" s="55"/>
      <c r="AG1183" s="55"/>
      <c r="AY1183" s="162"/>
      <c r="AZ1183" s="162"/>
      <c r="BA1183" s="162"/>
      <c r="BB1183" s="162"/>
      <c r="BC1183" s="162"/>
      <c r="BD1183" s="162"/>
      <c r="BE1183" s="162"/>
      <c r="BF1183" s="162"/>
      <c r="BG1183" s="162"/>
      <c r="BH1183" s="162"/>
      <c r="BI1183" s="162"/>
      <c r="BJ1183" s="162"/>
      <c r="BK1183" s="162"/>
      <c r="BL1183" s="162"/>
      <c r="BM1183" s="162"/>
      <c r="BN1183" s="162"/>
      <c r="BO1183" s="162"/>
      <c r="BP1183" s="162"/>
      <c r="BQ1183" s="162"/>
      <c r="BR1183" s="162"/>
      <c r="BS1183" s="162"/>
      <c r="BT1183" s="162"/>
      <c r="BU1183" s="162"/>
      <c r="BV1183" s="162"/>
      <c r="BW1183" s="162"/>
      <c r="BX1183" s="162"/>
      <c r="BY1183" s="162"/>
      <c r="BZ1183" s="162"/>
      <c r="CA1183" s="162"/>
      <c r="CB1183" s="162"/>
      <c r="CC1183" s="162"/>
      <c r="CD1183" s="162"/>
      <c r="CE1183" s="162"/>
      <c r="CF1183" s="162"/>
      <c r="CG1183" s="162"/>
      <c r="CH1183" s="162"/>
      <c r="CI1183" s="162"/>
      <c r="CJ1183" s="162"/>
      <c r="CK1183" s="162"/>
      <c r="CX1183" s="98"/>
      <c r="DL1183" s="97"/>
      <c r="DX1183" s="98"/>
      <c r="EL1183" s="97"/>
      <c r="EX1183" s="98"/>
      <c r="EY1183" s="97"/>
      <c r="FL1183" s="126"/>
      <c r="FM1183" s="91"/>
      <c r="FN1183" s="91"/>
      <c r="FO1183" s="91"/>
      <c r="FP1183" s="91"/>
      <c r="FQ1183" s="91"/>
      <c r="FR1183" s="91"/>
      <c r="FS1183" s="91"/>
      <c r="FT1183" s="91"/>
      <c r="FU1183" s="91"/>
      <c r="FV1183" s="91"/>
      <c r="FW1183" s="91"/>
      <c r="FX1183" s="91"/>
      <c r="FY1183" s="91"/>
      <c r="FZ1183" s="91"/>
      <c r="GA1183" s="91"/>
      <c r="GB1183" s="91"/>
      <c r="GC1183" s="91"/>
      <c r="GD1183" s="91"/>
      <c r="GE1183" s="91"/>
      <c r="GF1183" s="91"/>
      <c r="GG1183" s="91"/>
      <c r="GH1183" s="91"/>
      <c r="GI1183" s="91"/>
      <c r="GJ1183" s="91"/>
      <c r="GK1183" s="127"/>
      <c r="GL1183" s="126"/>
      <c r="GM1183" s="91"/>
      <c r="GN1183" s="91"/>
      <c r="GO1183" s="91"/>
      <c r="GP1183" s="91"/>
      <c r="GQ1183" s="91"/>
      <c r="GR1183" s="91"/>
      <c r="GS1183" s="91"/>
      <c r="GT1183" s="91"/>
      <c r="GU1183" s="91"/>
      <c r="GV1183" s="91"/>
      <c r="GW1183" s="91"/>
      <c r="GX1183" s="91"/>
      <c r="GY1183" s="91"/>
      <c r="GZ1183" s="91"/>
      <c r="HA1183" s="91"/>
      <c r="HB1183" s="91"/>
      <c r="HC1183" s="91"/>
      <c r="HD1183" s="91"/>
      <c r="HE1183" s="91"/>
      <c r="HF1183" s="91"/>
      <c r="HG1183" s="91"/>
      <c r="HH1183" s="91"/>
      <c r="HI1183" s="91"/>
      <c r="HJ1183" s="91"/>
      <c r="HK1183" s="127"/>
      <c r="HL1183" s="126"/>
      <c r="HM1183" s="91"/>
      <c r="HN1183" s="91"/>
      <c r="HO1183" s="91"/>
      <c r="HP1183" s="91"/>
      <c r="HQ1183" s="91"/>
      <c r="HR1183" s="91"/>
      <c r="HS1183" s="91"/>
      <c r="HT1183" s="91"/>
      <c r="HU1183" s="91"/>
      <c r="HV1183" s="91"/>
      <c r="HW1183" s="91"/>
      <c r="HX1183" s="91"/>
      <c r="HY1183" s="91"/>
      <c r="HZ1183" s="91"/>
      <c r="IA1183" s="91"/>
      <c r="IB1183" s="91"/>
      <c r="IC1183" s="91"/>
      <c r="ID1183" s="91"/>
      <c r="IE1183" s="91"/>
      <c r="IF1183" s="91"/>
      <c r="IG1183" s="91"/>
      <c r="IH1183" s="91"/>
      <c r="II1183" s="91"/>
      <c r="IJ1183" s="91"/>
      <c r="IK1183" s="127"/>
    </row>
    <row r="1184" spans="2:245" x14ac:dyDescent="0.2">
      <c r="B1184" s="43"/>
      <c r="C1184" s="73"/>
      <c r="D1184" s="64"/>
      <c r="E1184" s="64"/>
      <c r="F1184" s="55"/>
      <c r="G1184" s="102"/>
      <c r="H1184" s="55"/>
      <c r="I1184" s="55"/>
      <c r="J1184" s="55"/>
      <c r="K1184" s="55"/>
      <c r="L1184" s="55"/>
      <c r="M1184" s="55"/>
      <c r="N1184" s="55"/>
      <c r="O1184" s="55"/>
      <c r="P1184" s="55"/>
      <c r="Q1184" s="55"/>
      <c r="R1184" s="55"/>
      <c r="S1184" s="55"/>
      <c r="T1184" s="55"/>
      <c r="U1184" s="55"/>
      <c r="V1184" s="55"/>
      <c r="W1184" s="55"/>
      <c r="X1184" s="55"/>
      <c r="Y1184" s="55"/>
      <c r="Z1184" s="55"/>
      <c r="AA1184" s="55"/>
      <c r="AB1184" s="55"/>
      <c r="AC1184" s="55"/>
      <c r="AD1184" s="55"/>
      <c r="AE1184" s="55"/>
      <c r="AF1184" s="55"/>
      <c r="AG1184" s="55"/>
      <c r="AY1184" s="162"/>
      <c r="AZ1184" s="162"/>
      <c r="BA1184" s="162"/>
      <c r="BB1184" s="162"/>
      <c r="BC1184" s="162"/>
      <c r="BD1184" s="162"/>
      <c r="BE1184" s="162"/>
      <c r="BF1184" s="162"/>
      <c r="BG1184" s="162"/>
      <c r="BH1184" s="162"/>
      <c r="BI1184" s="162"/>
      <c r="BJ1184" s="162"/>
      <c r="BK1184" s="162"/>
      <c r="BL1184" s="162"/>
      <c r="BM1184" s="162"/>
      <c r="BN1184" s="162"/>
      <c r="BO1184" s="162"/>
      <c r="BP1184" s="162"/>
      <c r="BQ1184" s="162"/>
      <c r="BR1184" s="162"/>
      <c r="BS1184" s="162"/>
      <c r="BT1184" s="162"/>
      <c r="BU1184" s="162"/>
      <c r="BV1184" s="162"/>
      <c r="BW1184" s="162"/>
      <c r="BX1184" s="162"/>
      <c r="BY1184" s="162"/>
      <c r="BZ1184" s="162"/>
      <c r="CA1184" s="162"/>
      <c r="CB1184" s="162"/>
      <c r="CC1184" s="162"/>
      <c r="CD1184" s="162"/>
      <c r="CE1184" s="162"/>
      <c r="CF1184" s="162"/>
      <c r="CG1184" s="162"/>
      <c r="CH1184" s="162"/>
      <c r="CI1184" s="162"/>
      <c r="CJ1184" s="162"/>
      <c r="CK1184" s="162"/>
      <c r="CX1184" s="98"/>
      <c r="DL1184" s="97"/>
      <c r="DX1184" s="98"/>
      <c r="EL1184" s="97"/>
      <c r="EX1184" s="98"/>
      <c r="EY1184" s="97"/>
      <c r="FL1184" s="126"/>
      <c r="FM1184" s="91"/>
      <c r="FN1184" s="91"/>
      <c r="FO1184" s="91"/>
      <c r="FP1184" s="91"/>
      <c r="FQ1184" s="91"/>
      <c r="FR1184" s="91"/>
      <c r="FS1184" s="91"/>
      <c r="FT1184" s="91"/>
      <c r="FU1184" s="91"/>
      <c r="FV1184" s="91"/>
      <c r="FW1184" s="91"/>
      <c r="FX1184" s="91"/>
      <c r="FY1184" s="91"/>
      <c r="FZ1184" s="91"/>
      <c r="GA1184" s="91"/>
      <c r="GB1184" s="91"/>
      <c r="GC1184" s="91"/>
      <c r="GD1184" s="91"/>
      <c r="GE1184" s="91"/>
      <c r="GF1184" s="91"/>
      <c r="GG1184" s="91"/>
      <c r="GH1184" s="91"/>
      <c r="GI1184" s="91"/>
      <c r="GJ1184" s="91"/>
      <c r="GK1184" s="127"/>
      <c r="GL1184" s="126"/>
      <c r="GM1184" s="91"/>
      <c r="GN1184" s="91"/>
      <c r="GO1184" s="91"/>
      <c r="GP1184" s="91"/>
      <c r="GQ1184" s="91"/>
      <c r="GR1184" s="91"/>
      <c r="GS1184" s="91"/>
      <c r="GT1184" s="91"/>
      <c r="GU1184" s="91"/>
      <c r="GV1184" s="91"/>
      <c r="GW1184" s="91"/>
      <c r="GX1184" s="91"/>
      <c r="GY1184" s="91"/>
      <c r="GZ1184" s="91"/>
      <c r="HA1184" s="91"/>
      <c r="HB1184" s="91"/>
      <c r="HC1184" s="91"/>
      <c r="HD1184" s="91"/>
      <c r="HE1184" s="91"/>
      <c r="HF1184" s="91"/>
      <c r="HG1184" s="91"/>
      <c r="HH1184" s="91"/>
      <c r="HI1184" s="91"/>
      <c r="HJ1184" s="91"/>
      <c r="HK1184" s="127"/>
      <c r="HL1184" s="126"/>
      <c r="HM1184" s="91"/>
      <c r="HN1184" s="91"/>
      <c r="HO1184" s="91"/>
      <c r="HP1184" s="91"/>
      <c r="HQ1184" s="91"/>
      <c r="HR1184" s="91"/>
      <c r="HS1184" s="91"/>
      <c r="HT1184" s="91"/>
      <c r="HU1184" s="91"/>
      <c r="HV1184" s="91"/>
      <c r="HW1184" s="91"/>
      <c r="HX1184" s="91"/>
      <c r="HY1184" s="91"/>
      <c r="HZ1184" s="91"/>
      <c r="IA1184" s="91"/>
      <c r="IB1184" s="91"/>
      <c r="IC1184" s="91"/>
      <c r="ID1184" s="91"/>
      <c r="IE1184" s="91"/>
      <c r="IF1184" s="91"/>
      <c r="IG1184" s="91"/>
      <c r="IH1184" s="91"/>
      <c r="II1184" s="91"/>
      <c r="IJ1184" s="91"/>
      <c r="IK1184" s="127"/>
    </row>
    <row r="1185" spans="2:245" x14ac:dyDescent="0.2">
      <c r="B1185" s="43"/>
      <c r="C1185" s="73"/>
      <c r="D1185" s="64"/>
      <c r="E1185" s="64"/>
      <c r="F1185" s="55"/>
      <c r="G1185" s="102"/>
      <c r="H1185" s="55"/>
      <c r="I1185" s="55"/>
      <c r="J1185" s="55"/>
      <c r="K1185" s="55"/>
      <c r="L1185" s="55"/>
      <c r="M1185" s="55"/>
      <c r="N1185" s="55"/>
      <c r="O1185" s="55"/>
      <c r="P1185" s="55"/>
      <c r="Q1185" s="55"/>
      <c r="R1185" s="55"/>
      <c r="S1185" s="55"/>
      <c r="T1185" s="55"/>
      <c r="U1185" s="55"/>
      <c r="V1185" s="55"/>
      <c r="W1185" s="55"/>
      <c r="X1185" s="55"/>
      <c r="Y1185" s="55"/>
      <c r="Z1185" s="55"/>
      <c r="AA1185" s="55"/>
      <c r="AB1185" s="55"/>
      <c r="AC1185" s="55"/>
      <c r="AD1185" s="55"/>
      <c r="AE1185" s="55"/>
      <c r="AF1185" s="55"/>
      <c r="AG1185" s="55"/>
      <c r="AY1185" s="162"/>
      <c r="AZ1185" s="162"/>
      <c r="BA1185" s="162"/>
      <c r="BB1185" s="162"/>
      <c r="BC1185" s="162"/>
      <c r="BD1185" s="162"/>
      <c r="BE1185" s="162"/>
      <c r="BF1185" s="162"/>
      <c r="BG1185" s="162"/>
      <c r="BH1185" s="162"/>
      <c r="BI1185" s="162"/>
      <c r="BJ1185" s="162"/>
      <c r="BK1185" s="162"/>
      <c r="BL1185" s="162"/>
      <c r="BM1185" s="162"/>
      <c r="BN1185" s="162"/>
      <c r="BO1185" s="162"/>
      <c r="BP1185" s="162"/>
      <c r="BQ1185" s="162"/>
      <c r="BR1185" s="162"/>
      <c r="BS1185" s="162"/>
      <c r="BT1185" s="162"/>
      <c r="BU1185" s="162"/>
      <c r="BV1185" s="162"/>
      <c r="BW1185" s="162"/>
      <c r="BX1185" s="162"/>
      <c r="BY1185" s="162"/>
      <c r="BZ1185" s="162"/>
      <c r="CA1185" s="162"/>
      <c r="CB1185" s="162"/>
      <c r="CC1185" s="162"/>
      <c r="CD1185" s="162"/>
      <c r="CE1185" s="162"/>
      <c r="CF1185" s="162"/>
      <c r="CG1185" s="162"/>
      <c r="CH1185" s="162"/>
      <c r="CI1185" s="162"/>
      <c r="CJ1185" s="162"/>
      <c r="CK1185" s="162"/>
      <c r="CX1185" s="98"/>
      <c r="DL1185" s="97"/>
      <c r="DX1185" s="98"/>
      <c r="EL1185" s="97"/>
      <c r="EX1185" s="98"/>
      <c r="EY1185" s="97"/>
      <c r="FL1185" s="126"/>
      <c r="FM1185" s="91"/>
      <c r="FN1185" s="91"/>
      <c r="FO1185" s="91"/>
      <c r="FP1185" s="91"/>
      <c r="FQ1185" s="91"/>
      <c r="FR1185" s="91"/>
      <c r="FS1185" s="91"/>
      <c r="FT1185" s="91"/>
      <c r="FU1185" s="91"/>
      <c r="FV1185" s="91"/>
      <c r="FW1185" s="91"/>
      <c r="FX1185" s="91"/>
      <c r="FY1185" s="91"/>
      <c r="FZ1185" s="91"/>
      <c r="GA1185" s="91"/>
      <c r="GB1185" s="91"/>
      <c r="GC1185" s="91"/>
      <c r="GD1185" s="91"/>
      <c r="GE1185" s="91"/>
      <c r="GF1185" s="91"/>
      <c r="GG1185" s="91"/>
      <c r="GH1185" s="91"/>
      <c r="GI1185" s="91"/>
      <c r="GJ1185" s="91"/>
      <c r="GK1185" s="127"/>
      <c r="GL1185" s="126"/>
      <c r="GM1185" s="91"/>
      <c r="GN1185" s="91"/>
      <c r="GO1185" s="91"/>
      <c r="GP1185" s="91"/>
      <c r="GQ1185" s="91"/>
      <c r="GR1185" s="91"/>
      <c r="GS1185" s="91"/>
      <c r="GT1185" s="91"/>
      <c r="GU1185" s="91"/>
      <c r="GV1185" s="91"/>
      <c r="GW1185" s="91"/>
      <c r="GX1185" s="91"/>
      <c r="GY1185" s="91"/>
      <c r="GZ1185" s="91"/>
      <c r="HA1185" s="91"/>
      <c r="HB1185" s="91"/>
      <c r="HC1185" s="91"/>
      <c r="HD1185" s="91"/>
      <c r="HE1185" s="91"/>
      <c r="HF1185" s="91"/>
      <c r="HG1185" s="91"/>
      <c r="HH1185" s="91"/>
      <c r="HI1185" s="91"/>
      <c r="HJ1185" s="91"/>
      <c r="HK1185" s="127"/>
      <c r="HL1185" s="126"/>
      <c r="HM1185" s="91"/>
      <c r="HN1185" s="91"/>
      <c r="HO1185" s="91"/>
      <c r="HP1185" s="91"/>
      <c r="HQ1185" s="91"/>
      <c r="HR1185" s="91"/>
      <c r="HS1185" s="91"/>
      <c r="HT1185" s="91"/>
      <c r="HU1185" s="91"/>
      <c r="HV1185" s="91"/>
      <c r="HW1185" s="91"/>
      <c r="HX1185" s="91"/>
      <c r="HY1185" s="91"/>
      <c r="HZ1185" s="91"/>
      <c r="IA1185" s="91"/>
      <c r="IB1185" s="91"/>
      <c r="IC1185" s="91"/>
      <c r="ID1185" s="91"/>
      <c r="IE1185" s="91"/>
      <c r="IF1185" s="91"/>
      <c r="IG1185" s="91"/>
      <c r="IH1185" s="91"/>
      <c r="II1185" s="91"/>
      <c r="IJ1185" s="91"/>
      <c r="IK1185" s="127"/>
    </row>
    <row r="1186" spans="2:245" x14ac:dyDescent="0.2">
      <c r="B1186" s="43"/>
      <c r="C1186" s="73"/>
      <c r="D1186" s="64"/>
      <c r="E1186" s="64"/>
      <c r="F1186" s="55"/>
      <c r="G1186" s="102"/>
      <c r="H1186" s="55"/>
      <c r="I1186" s="55"/>
      <c r="J1186" s="55"/>
      <c r="K1186" s="55"/>
      <c r="L1186" s="55"/>
      <c r="M1186" s="55"/>
      <c r="N1186" s="55"/>
      <c r="O1186" s="55"/>
      <c r="P1186" s="55"/>
      <c r="Q1186" s="55"/>
      <c r="R1186" s="55"/>
      <c r="S1186" s="55"/>
      <c r="T1186" s="55"/>
      <c r="U1186" s="55"/>
      <c r="V1186" s="55"/>
      <c r="W1186" s="55"/>
      <c r="X1186" s="55"/>
      <c r="Y1186" s="55"/>
      <c r="Z1186" s="55"/>
      <c r="AA1186" s="55"/>
      <c r="AB1186" s="55"/>
      <c r="AC1186" s="55"/>
      <c r="AD1186" s="55"/>
      <c r="AE1186" s="55"/>
      <c r="AF1186" s="55"/>
      <c r="AG1186" s="55"/>
      <c r="AY1186" s="162"/>
      <c r="AZ1186" s="162"/>
      <c r="BA1186" s="162"/>
      <c r="BB1186" s="162"/>
      <c r="BC1186" s="162"/>
      <c r="BD1186" s="162"/>
      <c r="BE1186" s="162"/>
      <c r="BF1186" s="162"/>
      <c r="BG1186" s="162"/>
      <c r="BH1186" s="162"/>
      <c r="BI1186" s="162"/>
      <c r="BJ1186" s="162"/>
      <c r="BK1186" s="162"/>
      <c r="BL1186" s="162"/>
      <c r="BM1186" s="162"/>
      <c r="BN1186" s="162"/>
      <c r="BO1186" s="162"/>
      <c r="BP1186" s="162"/>
      <c r="BQ1186" s="162"/>
      <c r="BR1186" s="162"/>
      <c r="BS1186" s="162"/>
      <c r="BT1186" s="162"/>
      <c r="BU1186" s="162"/>
      <c r="BV1186" s="162"/>
      <c r="BW1186" s="162"/>
      <c r="BX1186" s="162"/>
      <c r="BY1186" s="162"/>
      <c r="BZ1186" s="162"/>
      <c r="CA1186" s="162"/>
      <c r="CB1186" s="162"/>
      <c r="CC1186" s="162"/>
      <c r="CD1186" s="162"/>
      <c r="CE1186" s="162"/>
      <c r="CF1186" s="162"/>
      <c r="CG1186" s="162"/>
      <c r="CH1186" s="162"/>
      <c r="CI1186" s="162"/>
      <c r="CJ1186" s="162"/>
      <c r="CK1186" s="162"/>
      <c r="CX1186" s="98"/>
      <c r="DL1186" s="97"/>
      <c r="DX1186" s="98"/>
      <c r="EL1186" s="97"/>
      <c r="EX1186" s="98"/>
      <c r="EY1186" s="97"/>
      <c r="FL1186" s="126"/>
      <c r="FM1186" s="91"/>
      <c r="FN1186" s="91"/>
      <c r="FO1186" s="91"/>
      <c r="FP1186" s="91"/>
      <c r="FQ1186" s="91"/>
      <c r="FR1186" s="91"/>
      <c r="FS1186" s="91"/>
      <c r="FT1186" s="91"/>
      <c r="FU1186" s="91"/>
      <c r="FV1186" s="91"/>
      <c r="FW1186" s="91"/>
      <c r="FX1186" s="91"/>
      <c r="FY1186" s="91"/>
      <c r="FZ1186" s="91"/>
      <c r="GA1186" s="91"/>
      <c r="GB1186" s="91"/>
      <c r="GC1186" s="91"/>
      <c r="GD1186" s="91"/>
      <c r="GE1186" s="91"/>
      <c r="GF1186" s="91"/>
      <c r="GG1186" s="91"/>
      <c r="GH1186" s="91"/>
      <c r="GI1186" s="91"/>
      <c r="GJ1186" s="91"/>
      <c r="GK1186" s="127"/>
      <c r="GL1186" s="126"/>
      <c r="GM1186" s="91"/>
      <c r="GN1186" s="91"/>
      <c r="GO1186" s="91"/>
      <c r="GP1186" s="91"/>
      <c r="GQ1186" s="91"/>
      <c r="GR1186" s="91"/>
      <c r="GS1186" s="91"/>
      <c r="GT1186" s="91"/>
      <c r="GU1186" s="91"/>
      <c r="GV1186" s="91"/>
      <c r="GW1186" s="91"/>
      <c r="GX1186" s="91"/>
      <c r="GY1186" s="91"/>
      <c r="GZ1186" s="91"/>
      <c r="HA1186" s="91"/>
      <c r="HB1186" s="91"/>
      <c r="HC1186" s="91"/>
      <c r="HD1186" s="91"/>
      <c r="HE1186" s="91"/>
      <c r="HF1186" s="91"/>
      <c r="HG1186" s="91"/>
      <c r="HH1186" s="91"/>
      <c r="HI1186" s="91"/>
      <c r="HJ1186" s="91"/>
      <c r="HK1186" s="127"/>
      <c r="HL1186" s="126"/>
      <c r="HM1186" s="91"/>
      <c r="HN1186" s="91"/>
      <c r="HO1186" s="91"/>
      <c r="HP1186" s="91"/>
      <c r="HQ1186" s="91"/>
      <c r="HR1186" s="91"/>
      <c r="HS1186" s="91"/>
      <c r="HT1186" s="91"/>
      <c r="HU1186" s="91"/>
      <c r="HV1186" s="91"/>
      <c r="HW1186" s="91"/>
      <c r="HX1186" s="91"/>
      <c r="HY1186" s="91"/>
      <c r="HZ1186" s="91"/>
      <c r="IA1186" s="91"/>
      <c r="IB1186" s="91"/>
      <c r="IC1186" s="91"/>
      <c r="ID1186" s="91"/>
      <c r="IE1186" s="91"/>
      <c r="IF1186" s="91"/>
      <c r="IG1186" s="91"/>
      <c r="IH1186" s="91"/>
      <c r="II1186" s="91"/>
      <c r="IJ1186" s="91"/>
      <c r="IK1186" s="127"/>
    </row>
    <row r="1187" spans="2:245" x14ac:dyDescent="0.2">
      <c r="B1187" s="43"/>
      <c r="C1187" s="73"/>
      <c r="D1187" s="64"/>
      <c r="E1187" s="64"/>
      <c r="F1187" s="55"/>
      <c r="G1187" s="102"/>
      <c r="H1187" s="55"/>
      <c r="I1187" s="55"/>
      <c r="J1187" s="55"/>
      <c r="K1187" s="55"/>
      <c r="L1187" s="55"/>
      <c r="M1187" s="55"/>
      <c r="N1187" s="55"/>
      <c r="O1187" s="55"/>
      <c r="P1187" s="55"/>
      <c r="Q1187" s="55"/>
      <c r="R1187" s="55"/>
      <c r="S1187" s="55"/>
      <c r="T1187" s="55"/>
      <c r="U1187" s="55"/>
      <c r="V1187" s="55"/>
      <c r="W1187" s="55"/>
      <c r="X1187" s="55"/>
      <c r="Y1187" s="55"/>
      <c r="Z1187" s="55"/>
      <c r="AA1187" s="55"/>
      <c r="AB1187" s="55"/>
      <c r="AC1187" s="55"/>
      <c r="AD1187" s="55"/>
      <c r="AE1187" s="55"/>
      <c r="AF1187" s="55"/>
      <c r="AG1187" s="55"/>
      <c r="AY1187" s="162"/>
      <c r="AZ1187" s="162"/>
      <c r="BA1187" s="162"/>
      <c r="BB1187" s="162"/>
      <c r="BC1187" s="162"/>
      <c r="BD1187" s="162"/>
      <c r="BE1187" s="162"/>
      <c r="BF1187" s="162"/>
      <c r="BG1187" s="162"/>
      <c r="BH1187" s="162"/>
      <c r="BI1187" s="162"/>
      <c r="BJ1187" s="162"/>
      <c r="BK1187" s="162"/>
      <c r="BL1187" s="162"/>
      <c r="BM1187" s="162"/>
      <c r="BN1187" s="162"/>
      <c r="BO1187" s="162"/>
      <c r="BP1187" s="162"/>
      <c r="BQ1187" s="162"/>
      <c r="BR1187" s="162"/>
      <c r="BS1187" s="162"/>
      <c r="BT1187" s="162"/>
      <c r="BU1187" s="162"/>
      <c r="BV1187" s="162"/>
      <c r="BW1187" s="162"/>
      <c r="BX1187" s="162"/>
      <c r="BY1187" s="162"/>
      <c r="BZ1187" s="162"/>
      <c r="CA1187" s="162"/>
      <c r="CB1187" s="162"/>
      <c r="CC1187" s="162"/>
      <c r="CD1187" s="162"/>
      <c r="CE1187" s="162"/>
      <c r="CF1187" s="162"/>
      <c r="CG1187" s="162"/>
      <c r="CH1187" s="162"/>
      <c r="CI1187" s="162"/>
      <c r="CJ1187" s="162"/>
      <c r="CK1187" s="162"/>
      <c r="CX1187" s="98"/>
      <c r="DL1187" s="97"/>
      <c r="DX1187" s="98"/>
      <c r="EL1187" s="97"/>
      <c r="EX1187" s="98"/>
      <c r="EY1187" s="97"/>
      <c r="FL1187" s="126"/>
      <c r="FM1187" s="91"/>
      <c r="FN1187" s="91"/>
      <c r="FO1187" s="91"/>
      <c r="FP1187" s="91"/>
      <c r="FQ1187" s="91"/>
      <c r="FR1187" s="91"/>
      <c r="FS1187" s="91"/>
      <c r="FT1187" s="91"/>
      <c r="FU1187" s="91"/>
      <c r="FV1187" s="91"/>
      <c r="FW1187" s="91"/>
      <c r="FX1187" s="91"/>
      <c r="FY1187" s="91"/>
      <c r="FZ1187" s="91"/>
      <c r="GA1187" s="91"/>
      <c r="GB1187" s="91"/>
      <c r="GC1187" s="91"/>
      <c r="GD1187" s="91"/>
      <c r="GE1187" s="91"/>
      <c r="GF1187" s="91"/>
      <c r="GG1187" s="91"/>
      <c r="GH1187" s="91"/>
      <c r="GI1187" s="91"/>
      <c r="GJ1187" s="91"/>
      <c r="GK1187" s="127"/>
      <c r="GL1187" s="126"/>
      <c r="GM1187" s="91"/>
      <c r="GN1187" s="91"/>
      <c r="GO1187" s="91"/>
      <c r="GP1187" s="91"/>
      <c r="GQ1187" s="91"/>
      <c r="GR1187" s="91"/>
      <c r="GS1187" s="91"/>
      <c r="GT1187" s="91"/>
      <c r="GU1187" s="91"/>
      <c r="GV1187" s="91"/>
      <c r="GW1187" s="91"/>
      <c r="GX1187" s="91"/>
      <c r="GY1187" s="91"/>
      <c r="GZ1187" s="91"/>
      <c r="HA1187" s="91"/>
      <c r="HB1187" s="91"/>
      <c r="HC1187" s="91"/>
      <c r="HD1187" s="91"/>
      <c r="HE1187" s="91"/>
      <c r="HF1187" s="91"/>
      <c r="HG1187" s="91"/>
      <c r="HH1187" s="91"/>
      <c r="HI1187" s="91"/>
      <c r="HJ1187" s="91"/>
      <c r="HK1187" s="127"/>
      <c r="HL1187" s="126"/>
      <c r="HM1187" s="91"/>
      <c r="HN1187" s="91"/>
      <c r="HO1187" s="91"/>
      <c r="HP1187" s="91"/>
      <c r="HQ1187" s="91"/>
      <c r="HR1187" s="91"/>
      <c r="HS1187" s="91"/>
      <c r="HT1187" s="91"/>
      <c r="HU1187" s="91"/>
      <c r="HV1187" s="91"/>
      <c r="HW1187" s="91"/>
      <c r="HX1187" s="91"/>
      <c r="HY1187" s="91"/>
      <c r="HZ1187" s="91"/>
      <c r="IA1187" s="91"/>
      <c r="IB1187" s="91"/>
      <c r="IC1187" s="91"/>
      <c r="ID1187" s="91"/>
      <c r="IE1187" s="91"/>
      <c r="IF1187" s="91"/>
      <c r="IG1187" s="91"/>
      <c r="IH1187" s="91"/>
      <c r="II1187" s="91"/>
      <c r="IJ1187" s="91"/>
      <c r="IK1187" s="127"/>
    </row>
    <row r="1188" spans="2:245" x14ac:dyDescent="0.2">
      <c r="B1188" s="43"/>
      <c r="C1188" s="73"/>
      <c r="D1188" s="64"/>
      <c r="E1188" s="64"/>
      <c r="F1188" s="55"/>
      <c r="G1188" s="102"/>
      <c r="H1188" s="55"/>
      <c r="I1188" s="55"/>
      <c r="J1188" s="55"/>
      <c r="K1188" s="55"/>
      <c r="L1188" s="55"/>
      <c r="M1188" s="55"/>
      <c r="N1188" s="55"/>
      <c r="O1188" s="55"/>
      <c r="P1188" s="55"/>
      <c r="Q1188" s="55"/>
      <c r="R1188" s="55"/>
      <c r="S1188" s="55"/>
      <c r="T1188" s="55"/>
      <c r="U1188" s="55"/>
      <c r="V1188" s="55"/>
      <c r="W1188" s="55"/>
      <c r="X1188" s="55"/>
      <c r="Y1188" s="55"/>
      <c r="Z1188" s="55"/>
      <c r="AA1188" s="55"/>
      <c r="AB1188" s="55"/>
      <c r="AC1188" s="55"/>
      <c r="AD1188" s="55"/>
      <c r="AE1188" s="55"/>
      <c r="AF1188" s="55"/>
      <c r="AG1188" s="55"/>
      <c r="AY1188" s="162"/>
      <c r="AZ1188" s="162"/>
      <c r="BA1188" s="162"/>
      <c r="BB1188" s="162"/>
      <c r="BC1188" s="162"/>
      <c r="BD1188" s="162"/>
      <c r="BE1188" s="162"/>
      <c r="BF1188" s="162"/>
      <c r="BG1188" s="162"/>
      <c r="BH1188" s="162"/>
      <c r="BI1188" s="162"/>
      <c r="BJ1188" s="162"/>
      <c r="BK1188" s="162"/>
      <c r="BL1188" s="162"/>
      <c r="BM1188" s="162"/>
      <c r="BN1188" s="162"/>
      <c r="BO1188" s="162"/>
      <c r="BP1188" s="162"/>
      <c r="BQ1188" s="162"/>
      <c r="BR1188" s="162"/>
      <c r="BS1188" s="162"/>
      <c r="BT1188" s="162"/>
      <c r="BU1188" s="162"/>
      <c r="BV1188" s="162"/>
      <c r="BW1188" s="162"/>
      <c r="BX1188" s="162"/>
      <c r="BY1188" s="162"/>
      <c r="BZ1188" s="162"/>
      <c r="CA1188" s="162"/>
      <c r="CB1188" s="162"/>
      <c r="CC1188" s="162"/>
      <c r="CD1188" s="162"/>
      <c r="CE1188" s="162"/>
      <c r="CF1188" s="162"/>
      <c r="CG1188" s="162"/>
      <c r="CH1188" s="162"/>
      <c r="CI1188" s="162"/>
      <c r="CJ1188" s="162"/>
      <c r="CK1188" s="162"/>
      <c r="CX1188" s="98"/>
      <c r="DL1188" s="97"/>
      <c r="DX1188" s="98"/>
      <c r="EL1188" s="97"/>
      <c r="EX1188" s="98"/>
      <c r="EY1188" s="97"/>
      <c r="FL1188" s="126"/>
      <c r="FM1188" s="91"/>
      <c r="FN1188" s="91"/>
      <c r="FO1188" s="91"/>
      <c r="FP1188" s="91"/>
      <c r="FQ1188" s="91"/>
      <c r="FR1188" s="91"/>
      <c r="FS1188" s="91"/>
      <c r="FT1188" s="91"/>
      <c r="FU1188" s="91"/>
      <c r="FV1188" s="91"/>
      <c r="FW1188" s="91"/>
      <c r="FX1188" s="91"/>
      <c r="FY1188" s="91"/>
      <c r="FZ1188" s="91"/>
      <c r="GA1188" s="91"/>
      <c r="GB1188" s="91"/>
      <c r="GC1188" s="91"/>
      <c r="GD1188" s="91"/>
      <c r="GE1188" s="91"/>
      <c r="GF1188" s="91"/>
      <c r="GG1188" s="91"/>
      <c r="GH1188" s="91"/>
      <c r="GI1188" s="91"/>
      <c r="GJ1188" s="91"/>
      <c r="GK1188" s="127"/>
      <c r="GL1188" s="126"/>
      <c r="GM1188" s="91"/>
      <c r="GN1188" s="91"/>
      <c r="GO1188" s="91"/>
      <c r="GP1188" s="91"/>
      <c r="GQ1188" s="91"/>
      <c r="GR1188" s="91"/>
      <c r="GS1188" s="91"/>
      <c r="GT1188" s="91"/>
      <c r="GU1188" s="91"/>
      <c r="GV1188" s="91"/>
      <c r="GW1188" s="91"/>
      <c r="GX1188" s="91"/>
      <c r="GY1188" s="91"/>
      <c r="GZ1188" s="91"/>
      <c r="HA1188" s="91"/>
      <c r="HB1188" s="91"/>
      <c r="HC1188" s="91"/>
      <c r="HD1188" s="91"/>
      <c r="HE1188" s="91"/>
      <c r="HF1188" s="91"/>
      <c r="HG1188" s="91"/>
      <c r="HH1188" s="91"/>
      <c r="HI1188" s="91"/>
      <c r="HJ1188" s="91"/>
      <c r="HK1188" s="127"/>
      <c r="HL1188" s="126"/>
      <c r="HM1188" s="91"/>
      <c r="HN1188" s="91"/>
      <c r="HO1188" s="91"/>
      <c r="HP1188" s="91"/>
      <c r="HQ1188" s="91"/>
      <c r="HR1188" s="91"/>
      <c r="HS1188" s="91"/>
      <c r="HT1188" s="91"/>
      <c r="HU1188" s="91"/>
      <c r="HV1188" s="91"/>
      <c r="HW1188" s="91"/>
      <c r="HX1188" s="91"/>
      <c r="HY1188" s="91"/>
      <c r="HZ1188" s="91"/>
      <c r="IA1188" s="91"/>
      <c r="IB1188" s="91"/>
      <c r="IC1188" s="91"/>
      <c r="ID1188" s="91"/>
      <c r="IE1188" s="91"/>
      <c r="IF1188" s="91"/>
      <c r="IG1188" s="91"/>
      <c r="IH1188" s="91"/>
      <c r="II1188" s="91"/>
      <c r="IJ1188" s="91"/>
      <c r="IK1188" s="127"/>
    </row>
    <row r="1189" spans="2:245" x14ac:dyDescent="0.2">
      <c r="B1189" s="43"/>
      <c r="C1189" s="73"/>
      <c r="D1189" s="64"/>
      <c r="E1189" s="64"/>
      <c r="F1189" s="55"/>
      <c r="G1189" s="102"/>
      <c r="H1189" s="55"/>
      <c r="I1189" s="55"/>
      <c r="J1189" s="55"/>
      <c r="K1189" s="55"/>
      <c r="L1189" s="55"/>
      <c r="M1189" s="55"/>
      <c r="N1189" s="55"/>
      <c r="O1189" s="55"/>
      <c r="P1189" s="55"/>
      <c r="Q1189" s="55"/>
      <c r="R1189" s="55"/>
      <c r="S1189" s="55"/>
      <c r="T1189" s="55"/>
      <c r="U1189" s="55"/>
      <c r="V1189" s="55"/>
      <c r="W1189" s="55"/>
      <c r="X1189" s="55"/>
      <c r="Y1189" s="55"/>
      <c r="Z1189" s="55"/>
      <c r="AA1189" s="55"/>
      <c r="AB1189" s="55"/>
      <c r="AC1189" s="55"/>
      <c r="AD1189" s="55"/>
      <c r="AE1189" s="55"/>
      <c r="AF1189" s="55"/>
      <c r="AG1189" s="55"/>
      <c r="AY1189" s="162"/>
      <c r="AZ1189" s="162"/>
      <c r="BA1189" s="162"/>
      <c r="BB1189" s="162"/>
      <c r="BC1189" s="162"/>
      <c r="BD1189" s="162"/>
      <c r="BE1189" s="162"/>
      <c r="BF1189" s="162"/>
      <c r="BG1189" s="162"/>
      <c r="BH1189" s="162"/>
      <c r="BI1189" s="162"/>
      <c r="BJ1189" s="162"/>
      <c r="BK1189" s="162"/>
      <c r="BL1189" s="162"/>
      <c r="BM1189" s="162"/>
      <c r="BN1189" s="162"/>
      <c r="BO1189" s="162"/>
      <c r="BP1189" s="162"/>
      <c r="BQ1189" s="162"/>
      <c r="BR1189" s="162"/>
      <c r="BS1189" s="162"/>
      <c r="BT1189" s="162"/>
      <c r="BU1189" s="162"/>
      <c r="BV1189" s="162"/>
      <c r="BW1189" s="162"/>
      <c r="BX1189" s="162"/>
      <c r="BY1189" s="162"/>
      <c r="BZ1189" s="162"/>
      <c r="CA1189" s="162"/>
      <c r="CB1189" s="162"/>
      <c r="CC1189" s="162"/>
      <c r="CD1189" s="162"/>
      <c r="CE1189" s="162"/>
      <c r="CF1189" s="162"/>
      <c r="CG1189" s="162"/>
      <c r="CH1189" s="162"/>
      <c r="CI1189" s="162"/>
      <c r="CJ1189" s="162"/>
      <c r="CK1189" s="162"/>
      <c r="CX1189" s="98"/>
      <c r="DL1189" s="97"/>
      <c r="DX1189" s="98"/>
      <c r="EL1189" s="97"/>
      <c r="EX1189" s="98"/>
      <c r="EY1189" s="97"/>
      <c r="FL1189" s="126"/>
      <c r="FM1189" s="91"/>
      <c r="FN1189" s="91"/>
      <c r="FO1189" s="91"/>
      <c r="FP1189" s="91"/>
      <c r="FQ1189" s="91"/>
      <c r="FR1189" s="91"/>
      <c r="FS1189" s="91"/>
      <c r="FT1189" s="91"/>
      <c r="FU1189" s="91"/>
      <c r="FV1189" s="91"/>
      <c r="FW1189" s="91"/>
      <c r="FX1189" s="91"/>
      <c r="FY1189" s="91"/>
      <c r="FZ1189" s="91"/>
      <c r="GA1189" s="91"/>
      <c r="GB1189" s="91"/>
      <c r="GC1189" s="91"/>
      <c r="GD1189" s="91"/>
      <c r="GE1189" s="91"/>
      <c r="GF1189" s="91"/>
      <c r="GG1189" s="91"/>
      <c r="GH1189" s="91"/>
      <c r="GI1189" s="91"/>
      <c r="GJ1189" s="91"/>
      <c r="GK1189" s="127"/>
      <c r="GL1189" s="126"/>
      <c r="GM1189" s="91"/>
      <c r="GN1189" s="91"/>
      <c r="GO1189" s="91"/>
      <c r="GP1189" s="91"/>
      <c r="GQ1189" s="91"/>
      <c r="GR1189" s="91"/>
      <c r="GS1189" s="91"/>
      <c r="GT1189" s="91"/>
      <c r="GU1189" s="91"/>
      <c r="GV1189" s="91"/>
      <c r="GW1189" s="91"/>
      <c r="GX1189" s="91"/>
      <c r="GY1189" s="91"/>
      <c r="GZ1189" s="91"/>
      <c r="HA1189" s="91"/>
      <c r="HB1189" s="91"/>
      <c r="HC1189" s="91"/>
      <c r="HD1189" s="91"/>
      <c r="HE1189" s="91"/>
      <c r="HF1189" s="91"/>
      <c r="HG1189" s="91"/>
      <c r="HH1189" s="91"/>
      <c r="HI1189" s="91"/>
      <c r="HJ1189" s="91"/>
      <c r="HK1189" s="127"/>
      <c r="HL1189" s="126"/>
      <c r="HM1189" s="91"/>
      <c r="HN1189" s="91"/>
      <c r="HO1189" s="91"/>
      <c r="HP1189" s="91"/>
      <c r="HQ1189" s="91"/>
      <c r="HR1189" s="91"/>
      <c r="HS1189" s="91"/>
      <c r="HT1189" s="91"/>
      <c r="HU1189" s="91"/>
      <c r="HV1189" s="91"/>
      <c r="HW1189" s="91"/>
      <c r="HX1189" s="91"/>
      <c r="HY1189" s="91"/>
      <c r="HZ1189" s="91"/>
      <c r="IA1189" s="91"/>
      <c r="IB1189" s="91"/>
      <c r="IC1189" s="91"/>
      <c r="ID1189" s="91"/>
      <c r="IE1189" s="91"/>
      <c r="IF1189" s="91"/>
      <c r="IG1189" s="91"/>
      <c r="IH1189" s="91"/>
      <c r="II1189" s="91"/>
      <c r="IJ1189" s="91"/>
      <c r="IK1189" s="127"/>
    </row>
    <row r="1190" spans="2:245" x14ac:dyDescent="0.2">
      <c r="B1190" s="43"/>
      <c r="C1190" s="73"/>
      <c r="D1190" s="64"/>
      <c r="E1190" s="64"/>
      <c r="F1190" s="55"/>
      <c r="G1190" s="102"/>
      <c r="H1190" s="55"/>
      <c r="I1190" s="55"/>
      <c r="J1190" s="55"/>
      <c r="K1190" s="55"/>
      <c r="L1190" s="55"/>
      <c r="M1190" s="55"/>
      <c r="N1190" s="55"/>
      <c r="O1190" s="55"/>
      <c r="P1190" s="55"/>
      <c r="Q1190" s="55"/>
      <c r="R1190" s="55"/>
      <c r="S1190" s="55"/>
      <c r="T1190" s="55"/>
      <c r="U1190" s="55"/>
      <c r="V1190" s="55"/>
      <c r="W1190" s="55"/>
      <c r="X1190" s="55"/>
      <c r="Y1190" s="55"/>
      <c r="Z1190" s="55"/>
      <c r="AA1190" s="55"/>
      <c r="AB1190" s="55"/>
      <c r="AC1190" s="55"/>
      <c r="AD1190" s="55"/>
      <c r="AE1190" s="55"/>
      <c r="AF1190" s="55"/>
      <c r="AG1190" s="55"/>
      <c r="AY1190" s="162"/>
      <c r="AZ1190" s="162"/>
      <c r="BA1190" s="162"/>
      <c r="BB1190" s="162"/>
      <c r="BC1190" s="162"/>
      <c r="BD1190" s="162"/>
      <c r="BE1190" s="162"/>
      <c r="BF1190" s="162"/>
      <c r="BG1190" s="162"/>
      <c r="BH1190" s="162"/>
      <c r="BI1190" s="162"/>
      <c r="BJ1190" s="162"/>
      <c r="BK1190" s="162"/>
      <c r="BL1190" s="162"/>
      <c r="BM1190" s="162"/>
      <c r="BN1190" s="162"/>
      <c r="BO1190" s="162"/>
      <c r="BP1190" s="162"/>
      <c r="BQ1190" s="162"/>
      <c r="BR1190" s="162"/>
      <c r="BS1190" s="162"/>
      <c r="BT1190" s="162"/>
      <c r="BU1190" s="162"/>
      <c r="BV1190" s="162"/>
      <c r="BW1190" s="162"/>
      <c r="BX1190" s="162"/>
      <c r="BY1190" s="162"/>
      <c r="BZ1190" s="162"/>
      <c r="CA1190" s="162"/>
      <c r="CB1190" s="162"/>
      <c r="CC1190" s="162"/>
      <c r="CD1190" s="162"/>
      <c r="CE1190" s="162"/>
      <c r="CF1190" s="162"/>
      <c r="CG1190" s="162"/>
      <c r="CH1190" s="162"/>
      <c r="CI1190" s="162"/>
      <c r="CJ1190" s="162"/>
      <c r="CK1190" s="162"/>
      <c r="CX1190" s="98"/>
      <c r="DL1190" s="97"/>
      <c r="DX1190" s="98"/>
      <c r="EL1190" s="97"/>
      <c r="EX1190" s="98"/>
      <c r="EY1190" s="97"/>
      <c r="FL1190" s="126"/>
      <c r="FM1190" s="91"/>
      <c r="FN1190" s="91"/>
      <c r="FO1190" s="91"/>
      <c r="FP1190" s="91"/>
      <c r="FQ1190" s="91"/>
      <c r="FR1190" s="91"/>
      <c r="FS1190" s="91"/>
      <c r="FT1190" s="91"/>
      <c r="FU1190" s="91"/>
      <c r="FV1190" s="91"/>
      <c r="FW1190" s="91"/>
      <c r="FX1190" s="91"/>
      <c r="FY1190" s="91"/>
      <c r="FZ1190" s="91"/>
      <c r="GA1190" s="91"/>
      <c r="GB1190" s="91"/>
      <c r="GC1190" s="91"/>
      <c r="GD1190" s="91"/>
      <c r="GE1190" s="91"/>
      <c r="GF1190" s="91"/>
      <c r="GG1190" s="91"/>
      <c r="GH1190" s="91"/>
      <c r="GI1190" s="91"/>
      <c r="GJ1190" s="91"/>
      <c r="GK1190" s="127"/>
      <c r="GL1190" s="126"/>
      <c r="GM1190" s="91"/>
      <c r="GN1190" s="91"/>
      <c r="GO1190" s="91"/>
      <c r="GP1190" s="91"/>
      <c r="GQ1190" s="91"/>
      <c r="GR1190" s="91"/>
      <c r="GS1190" s="91"/>
      <c r="GT1190" s="91"/>
      <c r="GU1190" s="91"/>
      <c r="GV1190" s="91"/>
      <c r="GW1190" s="91"/>
      <c r="GX1190" s="91"/>
      <c r="GY1190" s="91"/>
      <c r="GZ1190" s="91"/>
      <c r="HA1190" s="91"/>
      <c r="HB1190" s="91"/>
      <c r="HC1190" s="91"/>
      <c r="HD1190" s="91"/>
      <c r="HE1190" s="91"/>
      <c r="HF1190" s="91"/>
      <c r="HG1190" s="91"/>
      <c r="HH1190" s="91"/>
      <c r="HI1190" s="91"/>
      <c r="HJ1190" s="91"/>
      <c r="HK1190" s="127"/>
      <c r="HL1190" s="126"/>
      <c r="HM1190" s="91"/>
      <c r="HN1190" s="91"/>
      <c r="HO1190" s="91"/>
      <c r="HP1190" s="91"/>
      <c r="HQ1190" s="91"/>
      <c r="HR1190" s="91"/>
      <c r="HS1190" s="91"/>
      <c r="HT1190" s="91"/>
      <c r="HU1190" s="91"/>
      <c r="HV1190" s="91"/>
      <c r="HW1190" s="91"/>
      <c r="HX1190" s="91"/>
      <c r="HY1190" s="91"/>
      <c r="HZ1190" s="91"/>
      <c r="IA1190" s="91"/>
      <c r="IB1190" s="91"/>
      <c r="IC1190" s="91"/>
      <c r="ID1190" s="91"/>
      <c r="IE1190" s="91"/>
      <c r="IF1190" s="91"/>
      <c r="IG1190" s="91"/>
      <c r="IH1190" s="91"/>
      <c r="II1190" s="91"/>
      <c r="IJ1190" s="91"/>
      <c r="IK1190" s="127"/>
    </row>
    <row r="1191" spans="2:245" x14ac:dyDescent="0.2">
      <c r="B1191" s="43"/>
      <c r="C1191" s="73"/>
      <c r="D1191" s="64"/>
      <c r="E1191" s="64"/>
      <c r="F1191" s="55"/>
      <c r="G1191" s="102"/>
      <c r="H1191" s="55"/>
      <c r="I1191" s="55"/>
      <c r="J1191" s="55"/>
      <c r="K1191" s="55"/>
      <c r="L1191" s="55"/>
      <c r="M1191" s="55"/>
      <c r="N1191" s="55"/>
      <c r="O1191" s="55"/>
      <c r="P1191" s="55"/>
      <c r="Q1191" s="55"/>
      <c r="R1191" s="55"/>
      <c r="S1191" s="55"/>
      <c r="T1191" s="55"/>
      <c r="U1191" s="55"/>
      <c r="V1191" s="55"/>
      <c r="W1191" s="55"/>
      <c r="X1191" s="55"/>
      <c r="Y1191" s="55"/>
      <c r="Z1191" s="55"/>
      <c r="AA1191" s="55"/>
      <c r="AB1191" s="55"/>
      <c r="AC1191" s="55"/>
      <c r="AD1191" s="55"/>
      <c r="AE1191" s="55"/>
      <c r="AF1191" s="55"/>
      <c r="AG1191" s="55"/>
      <c r="AY1191" s="162"/>
      <c r="AZ1191" s="162"/>
      <c r="BA1191" s="162"/>
      <c r="BB1191" s="162"/>
      <c r="BC1191" s="162"/>
      <c r="BD1191" s="162"/>
      <c r="BE1191" s="162"/>
      <c r="BF1191" s="162"/>
      <c r="BG1191" s="162"/>
      <c r="BH1191" s="162"/>
      <c r="BI1191" s="162"/>
      <c r="BJ1191" s="162"/>
      <c r="BK1191" s="162"/>
      <c r="BL1191" s="162"/>
      <c r="BM1191" s="162"/>
      <c r="BN1191" s="162"/>
      <c r="BO1191" s="162"/>
      <c r="BP1191" s="162"/>
      <c r="BQ1191" s="162"/>
      <c r="BR1191" s="162"/>
      <c r="BS1191" s="162"/>
      <c r="BT1191" s="162"/>
      <c r="BU1191" s="162"/>
      <c r="BV1191" s="162"/>
      <c r="BW1191" s="162"/>
      <c r="BX1191" s="162"/>
      <c r="BY1191" s="162"/>
      <c r="BZ1191" s="162"/>
      <c r="CA1191" s="162"/>
      <c r="CB1191" s="162"/>
      <c r="CC1191" s="162"/>
      <c r="CD1191" s="162"/>
      <c r="CE1191" s="162"/>
      <c r="CF1191" s="162"/>
      <c r="CG1191" s="162"/>
      <c r="CH1191" s="162"/>
      <c r="CI1191" s="162"/>
      <c r="CJ1191" s="162"/>
      <c r="CK1191" s="162"/>
      <c r="CX1191" s="98"/>
      <c r="DL1191" s="97"/>
      <c r="DX1191" s="98"/>
      <c r="EL1191" s="97"/>
      <c r="EX1191" s="98"/>
      <c r="EY1191" s="97"/>
      <c r="FL1191" s="126"/>
      <c r="FM1191" s="91"/>
      <c r="FN1191" s="91"/>
      <c r="FO1191" s="91"/>
      <c r="FP1191" s="91"/>
      <c r="FQ1191" s="91"/>
      <c r="FR1191" s="91"/>
      <c r="FS1191" s="91"/>
      <c r="FT1191" s="91"/>
      <c r="FU1191" s="91"/>
      <c r="FV1191" s="91"/>
      <c r="FW1191" s="91"/>
      <c r="FX1191" s="91"/>
      <c r="FY1191" s="91"/>
      <c r="FZ1191" s="91"/>
      <c r="GA1191" s="91"/>
      <c r="GB1191" s="91"/>
      <c r="GC1191" s="91"/>
      <c r="GD1191" s="91"/>
      <c r="GE1191" s="91"/>
      <c r="GF1191" s="91"/>
      <c r="GG1191" s="91"/>
      <c r="GH1191" s="91"/>
      <c r="GI1191" s="91"/>
      <c r="GJ1191" s="91"/>
      <c r="GK1191" s="127"/>
      <c r="GL1191" s="126"/>
      <c r="GM1191" s="91"/>
      <c r="GN1191" s="91"/>
      <c r="GO1191" s="91"/>
      <c r="GP1191" s="91"/>
      <c r="GQ1191" s="91"/>
      <c r="GR1191" s="91"/>
      <c r="GS1191" s="91"/>
      <c r="GT1191" s="91"/>
      <c r="GU1191" s="91"/>
      <c r="GV1191" s="91"/>
      <c r="GW1191" s="91"/>
      <c r="GX1191" s="91"/>
      <c r="GY1191" s="91"/>
      <c r="GZ1191" s="91"/>
      <c r="HA1191" s="91"/>
      <c r="HB1191" s="91"/>
      <c r="HC1191" s="91"/>
      <c r="HD1191" s="91"/>
      <c r="HE1191" s="91"/>
      <c r="HF1191" s="91"/>
      <c r="HG1191" s="91"/>
      <c r="HH1191" s="91"/>
      <c r="HI1191" s="91"/>
      <c r="HJ1191" s="91"/>
      <c r="HK1191" s="127"/>
      <c r="HL1191" s="126"/>
      <c r="HM1191" s="91"/>
      <c r="HN1191" s="91"/>
      <c r="HO1191" s="91"/>
      <c r="HP1191" s="91"/>
      <c r="HQ1191" s="91"/>
      <c r="HR1191" s="91"/>
      <c r="HS1191" s="91"/>
      <c r="HT1191" s="91"/>
      <c r="HU1191" s="91"/>
      <c r="HV1191" s="91"/>
      <c r="HW1191" s="91"/>
      <c r="HX1191" s="91"/>
      <c r="HY1191" s="91"/>
      <c r="HZ1191" s="91"/>
      <c r="IA1191" s="91"/>
      <c r="IB1191" s="91"/>
      <c r="IC1191" s="91"/>
      <c r="ID1191" s="91"/>
      <c r="IE1191" s="91"/>
      <c r="IF1191" s="91"/>
      <c r="IG1191" s="91"/>
      <c r="IH1191" s="91"/>
      <c r="II1191" s="91"/>
      <c r="IJ1191" s="91"/>
      <c r="IK1191" s="127"/>
    </row>
    <row r="1192" spans="2:245" x14ac:dyDescent="0.2">
      <c r="B1192" s="43"/>
      <c r="C1192" s="73"/>
      <c r="D1192" s="64"/>
      <c r="E1192" s="64"/>
      <c r="F1192" s="55"/>
      <c r="G1192" s="102"/>
      <c r="H1192" s="55"/>
      <c r="I1192" s="55"/>
      <c r="J1192" s="55"/>
      <c r="K1192" s="55"/>
      <c r="L1192" s="55"/>
      <c r="M1192" s="55"/>
      <c r="N1192" s="55"/>
      <c r="O1192" s="55"/>
      <c r="P1192" s="55"/>
      <c r="Q1192" s="55"/>
      <c r="R1192" s="55"/>
      <c r="S1192" s="55"/>
      <c r="T1192" s="55"/>
      <c r="U1192" s="55"/>
      <c r="V1192" s="55"/>
      <c r="W1192" s="55"/>
      <c r="X1192" s="55"/>
      <c r="Y1192" s="55"/>
      <c r="Z1192" s="55"/>
      <c r="AA1192" s="55"/>
      <c r="AB1192" s="55"/>
      <c r="AC1192" s="55"/>
      <c r="AD1192" s="55"/>
      <c r="AE1192" s="55"/>
      <c r="AF1192" s="55"/>
      <c r="AG1192" s="55"/>
      <c r="AY1192" s="162"/>
      <c r="AZ1192" s="162"/>
      <c r="BA1192" s="162"/>
      <c r="BB1192" s="162"/>
      <c r="BC1192" s="162"/>
      <c r="BD1192" s="162"/>
      <c r="BE1192" s="162"/>
      <c r="BF1192" s="162"/>
      <c r="BG1192" s="162"/>
      <c r="BH1192" s="162"/>
      <c r="BI1192" s="162"/>
      <c r="BJ1192" s="162"/>
      <c r="BK1192" s="162"/>
      <c r="BL1192" s="162"/>
      <c r="BM1192" s="162"/>
      <c r="BN1192" s="162"/>
      <c r="BO1192" s="162"/>
      <c r="BP1192" s="162"/>
      <c r="BQ1192" s="162"/>
      <c r="BR1192" s="162"/>
      <c r="BS1192" s="162"/>
      <c r="BT1192" s="162"/>
      <c r="BU1192" s="162"/>
      <c r="BV1192" s="162"/>
      <c r="BW1192" s="162"/>
      <c r="BX1192" s="162"/>
      <c r="BY1192" s="162"/>
      <c r="BZ1192" s="162"/>
      <c r="CA1192" s="162"/>
      <c r="CB1192" s="162"/>
      <c r="CC1192" s="162"/>
      <c r="CD1192" s="162"/>
      <c r="CE1192" s="162"/>
      <c r="CF1192" s="162"/>
      <c r="CG1192" s="162"/>
      <c r="CH1192" s="162"/>
      <c r="CI1192" s="162"/>
      <c r="CJ1192" s="162"/>
      <c r="CK1192" s="162"/>
      <c r="CX1192" s="98"/>
      <c r="DL1192" s="97"/>
      <c r="DX1192" s="98"/>
      <c r="EL1192" s="97"/>
      <c r="EX1192" s="98"/>
      <c r="EY1192" s="97"/>
      <c r="FL1192" s="126"/>
      <c r="FM1192" s="91"/>
      <c r="FN1192" s="91"/>
      <c r="FO1192" s="91"/>
      <c r="FP1192" s="91"/>
      <c r="FQ1192" s="91"/>
      <c r="FR1192" s="91"/>
      <c r="FS1192" s="91"/>
      <c r="FT1192" s="91"/>
      <c r="FU1192" s="91"/>
      <c r="FV1192" s="91"/>
      <c r="FW1192" s="91"/>
      <c r="FX1192" s="91"/>
      <c r="FY1192" s="91"/>
      <c r="FZ1192" s="91"/>
      <c r="GA1192" s="91"/>
      <c r="GB1192" s="91"/>
      <c r="GC1192" s="91"/>
      <c r="GD1192" s="91"/>
      <c r="GE1192" s="91"/>
      <c r="GF1192" s="91"/>
      <c r="GG1192" s="91"/>
      <c r="GH1192" s="91"/>
      <c r="GI1192" s="91"/>
      <c r="GJ1192" s="91"/>
      <c r="GK1192" s="127"/>
      <c r="GL1192" s="126"/>
      <c r="GM1192" s="91"/>
      <c r="GN1192" s="91"/>
      <c r="GO1192" s="91"/>
      <c r="GP1192" s="91"/>
      <c r="GQ1192" s="91"/>
      <c r="GR1192" s="91"/>
      <c r="GS1192" s="91"/>
      <c r="GT1192" s="91"/>
      <c r="GU1192" s="91"/>
      <c r="GV1192" s="91"/>
      <c r="GW1192" s="91"/>
      <c r="GX1192" s="91"/>
      <c r="GY1192" s="91"/>
      <c r="GZ1192" s="91"/>
      <c r="HA1192" s="91"/>
      <c r="HB1192" s="91"/>
      <c r="HC1192" s="91"/>
      <c r="HD1192" s="91"/>
      <c r="HE1192" s="91"/>
      <c r="HF1192" s="91"/>
      <c r="HG1192" s="91"/>
      <c r="HH1192" s="91"/>
      <c r="HI1192" s="91"/>
      <c r="HJ1192" s="91"/>
      <c r="HK1192" s="127"/>
      <c r="HL1192" s="126"/>
      <c r="HM1192" s="91"/>
      <c r="HN1192" s="91"/>
      <c r="HO1192" s="91"/>
      <c r="HP1192" s="91"/>
      <c r="HQ1192" s="91"/>
      <c r="HR1192" s="91"/>
      <c r="HS1192" s="91"/>
      <c r="HT1192" s="91"/>
      <c r="HU1192" s="91"/>
      <c r="HV1192" s="91"/>
      <c r="HW1192" s="91"/>
      <c r="HX1192" s="91"/>
      <c r="HY1192" s="91"/>
      <c r="HZ1192" s="91"/>
      <c r="IA1192" s="91"/>
      <c r="IB1192" s="91"/>
      <c r="IC1192" s="91"/>
      <c r="ID1192" s="91"/>
      <c r="IE1192" s="91"/>
      <c r="IF1192" s="91"/>
      <c r="IG1192" s="91"/>
      <c r="IH1192" s="91"/>
      <c r="II1192" s="91"/>
      <c r="IJ1192" s="91"/>
      <c r="IK1192" s="127"/>
    </row>
    <row r="1193" spans="2:245" x14ac:dyDescent="0.2">
      <c r="B1193" s="43"/>
      <c r="C1193" s="73"/>
      <c r="D1193" s="64"/>
      <c r="E1193" s="64"/>
      <c r="F1193" s="55"/>
      <c r="G1193" s="102"/>
      <c r="H1193" s="55"/>
      <c r="I1193" s="55"/>
      <c r="J1193" s="55"/>
      <c r="K1193" s="55"/>
      <c r="L1193" s="55"/>
      <c r="M1193" s="55"/>
      <c r="N1193" s="55"/>
      <c r="O1193" s="55"/>
      <c r="P1193" s="55"/>
      <c r="Q1193" s="55"/>
      <c r="R1193" s="55"/>
      <c r="S1193" s="55"/>
      <c r="T1193" s="55"/>
      <c r="U1193" s="55"/>
      <c r="V1193" s="55"/>
      <c r="W1193" s="55"/>
      <c r="X1193" s="55"/>
      <c r="Y1193" s="55"/>
      <c r="Z1193" s="55"/>
      <c r="AA1193" s="55"/>
      <c r="AB1193" s="55"/>
      <c r="AC1193" s="55"/>
      <c r="AD1193" s="55"/>
      <c r="AE1193" s="55"/>
      <c r="AF1193" s="55"/>
      <c r="AG1193" s="55"/>
      <c r="AY1193" s="162"/>
      <c r="AZ1193" s="162"/>
      <c r="BA1193" s="162"/>
      <c r="BB1193" s="162"/>
      <c r="BC1193" s="162"/>
      <c r="BD1193" s="162"/>
      <c r="BE1193" s="162"/>
      <c r="BF1193" s="162"/>
      <c r="BG1193" s="162"/>
      <c r="BH1193" s="162"/>
      <c r="BI1193" s="162"/>
      <c r="BJ1193" s="162"/>
      <c r="BK1193" s="162"/>
      <c r="BL1193" s="162"/>
      <c r="BM1193" s="162"/>
      <c r="BN1193" s="162"/>
      <c r="BO1193" s="162"/>
      <c r="BP1193" s="162"/>
      <c r="BQ1193" s="162"/>
      <c r="BR1193" s="162"/>
      <c r="BS1193" s="162"/>
      <c r="BT1193" s="162"/>
      <c r="BU1193" s="162"/>
      <c r="BV1193" s="162"/>
      <c r="BW1193" s="162"/>
      <c r="BX1193" s="162"/>
      <c r="BY1193" s="162"/>
      <c r="BZ1193" s="162"/>
      <c r="CA1193" s="162"/>
      <c r="CB1193" s="162"/>
      <c r="CC1193" s="162"/>
      <c r="CD1193" s="162"/>
      <c r="CE1193" s="162"/>
      <c r="CF1193" s="162"/>
      <c r="CG1193" s="162"/>
      <c r="CH1193" s="162"/>
      <c r="CI1193" s="162"/>
      <c r="CJ1193" s="162"/>
      <c r="CK1193" s="162"/>
      <c r="CX1193" s="98"/>
      <c r="DL1193" s="97"/>
      <c r="DX1193" s="98"/>
      <c r="EL1193" s="97"/>
      <c r="EX1193" s="98"/>
      <c r="EY1193" s="97"/>
      <c r="FL1193" s="126"/>
      <c r="FM1193" s="91"/>
      <c r="FN1193" s="91"/>
      <c r="FO1193" s="91"/>
      <c r="FP1193" s="91"/>
      <c r="FQ1193" s="91"/>
      <c r="FR1193" s="91"/>
      <c r="FS1193" s="91"/>
      <c r="FT1193" s="91"/>
      <c r="FU1193" s="91"/>
      <c r="FV1193" s="91"/>
      <c r="FW1193" s="91"/>
      <c r="FX1193" s="91"/>
      <c r="FY1193" s="91"/>
      <c r="FZ1193" s="91"/>
      <c r="GA1193" s="91"/>
      <c r="GB1193" s="91"/>
      <c r="GC1193" s="91"/>
      <c r="GD1193" s="91"/>
      <c r="GE1193" s="91"/>
      <c r="GF1193" s="91"/>
      <c r="GG1193" s="91"/>
      <c r="GH1193" s="91"/>
      <c r="GI1193" s="91"/>
      <c r="GJ1193" s="91"/>
      <c r="GK1193" s="127"/>
      <c r="GL1193" s="126"/>
      <c r="GM1193" s="91"/>
      <c r="GN1193" s="91"/>
      <c r="GO1193" s="91"/>
      <c r="GP1193" s="91"/>
      <c r="GQ1193" s="91"/>
      <c r="GR1193" s="91"/>
      <c r="GS1193" s="91"/>
      <c r="GT1193" s="91"/>
      <c r="GU1193" s="91"/>
      <c r="GV1193" s="91"/>
      <c r="GW1193" s="91"/>
      <c r="GX1193" s="91"/>
      <c r="GY1193" s="91"/>
      <c r="GZ1193" s="91"/>
      <c r="HA1193" s="91"/>
      <c r="HB1193" s="91"/>
      <c r="HC1193" s="91"/>
      <c r="HD1193" s="91"/>
      <c r="HE1193" s="91"/>
      <c r="HF1193" s="91"/>
      <c r="HG1193" s="91"/>
      <c r="HH1193" s="91"/>
      <c r="HI1193" s="91"/>
      <c r="HJ1193" s="91"/>
      <c r="HK1193" s="127"/>
      <c r="HL1193" s="126"/>
      <c r="HM1193" s="91"/>
      <c r="HN1193" s="91"/>
      <c r="HO1193" s="91"/>
      <c r="HP1193" s="91"/>
      <c r="HQ1193" s="91"/>
      <c r="HR1193" s="91"/>
      <c r="HS1193" s="91"/>
      <c r="HT1193" s="91"/>
      <c r="HU1193" s="91"/>
      <c r="HV1193" s="91"/>
      <c r="HW1193" s="91"/>
      <c r="HX1193" s="91"/>
      <c r="HY1193" s="91"/>
      <c r="HZ1193" s="91"/>
      <c r="IA1193" s="91"/>
      <c r="IB1193" s="91"/>
      <c r="IC1193" s="91"/>
      <c r="ID1193" s="91"/>
      <c r="IE1193" s="91"/>
      <c r="IF1193" s="91"/>
      <c r="IG1193" s="91"/>
      <c r="IH1193" s="91"/>
      <c r="II1193" s="91"/>
      <c r="IJ1193" s="91"/>
      <c r="IK1193" s="127"/>
    </row>
    <row r="1194" spans="2:245" x14ac:dyDescent="0.2">
      <c r="B1194" s="43"/>
      <c r="C1194" s="73"/>
      <c r="D1194" s="64"/>
      <c r="E1194" s="64"/>
      <c r="F1194" s="55"/>
      <c r="G1194" s="102"/>
      <c r="H1194" s="55"/>
      <c r="I1194" s="55"/>
      <c r="J1194" s="55"/>
      <c r="K1194" s="55"/>
      <c r="L1194" s="55"/>
      <c r="M1194" s="55"/>
      <c r="N1194" s="55"/>
      <c r="O1194" s="55"/>
      <c r="P1194" s="55"/>
      <c r="Q1194" s="55"/>
      <c r="R1194" s="55"/>
      <c r="S1194" s="55"/>
      <c r="T1194" s="55"/>
      <c r="U1194" s="55"/>
      <c r="V1194" s="55"/>
      <c r="W1194" s="55"/>
      <c r="X1194" s="55"/>
      <c r="Y1194" s="55"/>
      <c r="Z1194" s="55"/>
      <c r="AA1194" s="55"/>
      <c r="AB1194" s="55"/>
      <c r="AC1194" s="55"/>
      <c r="AD1194" s="55"/>
      <c r="AE1194" s="55"/>
      <c r="AF1194" s="55"/>
      <c r="AG1194" s="55"/>
      <c r="AY1194" s="162"/>
      <c r="AZ1194" s="162"/>
      <c r="BA1194" s="162"/>
      <c r="BB1194" s="162"/>
      <c r="BC1194" s="162"/>
      <c r="BD1194" s="162"/>
      <c r="BE1194" s="162"/>
      <c r="BF1194" s="162"/>
      <c r="BG1194" s="162"/>
      <c r="BH1194" s="162"/>
      <c r="BI1194" s="162"/>
      <c r="BJ1194" s="162"/>
      <c r="BK1194" s="162"/>
      <c r="BL1194" s="162"/>
      <c r="BM1194" s="162"/>
      <c r="BN1194" s="162"/>
      <c r="BO1194" s="162"/>
      <c r="BP1194" s="162"/>
      <c r="BQ1194" s="162"/>
      <c r="BR1194" s="162"/>
      <c r="BS1194" s="162"/>
      <c r="BT1194" s="162"/>
      <c r="BU1194" s="162"/>
      <c r="BV1194" s="162"/>
      <c r="BW1194" s="162"/>
      <c r="BX1194" s="162"/>
      <c r="BY1194" s="162"/>
      <c r="BZ1194" s="162"/>
      <c r="CA1194" s="162"/>
      <c r="CB1194" s="162"/>
      <c r="CC1194" s="162"/>
      <c r="CD1194" s="162"/>
      <c r="CE1194" s="162"/>
      <c r="CF1194" s="162"/>
      <c r="CG1194" s="162"/>
      <c r="CH1194" s="162"/>
      <c r="CI1194" s="162"/>
      <c r="CJ1194" s="162"/>
      <c r="CK1194" s="162"/>
      <c r="CX1194" s="98"/>
      <c r="DL1194" s="97"/>
      <c r="DX1194" s="98"/>
      <c r="EL1194" s="97"/>
      <c r="EX1194" s="98"/>
      <c r="EY1194" s="97"/>
      <c r="FL1194" s="126"/>
      <c r="FM1194" s="91"/>
      <c r="FN1194" s="91"/>
      <c r="FO1194" s="91"/>
      <c r="FP1194" s="91"/>
      <c r="FQ1194" s="91"/>
      <c r="FR1194" s="91"/>
      <c r="FS1194" s="91"/>
      <c r="FT1194" s="91"/>
      <c r="FU1194" s="91"/>
      <c r="FV1194" s="91"/>
      <c r="FW1194" s="91"/>
      <c r="FX1194" s="91"/>
      <c r="FY1194" s="91"/>
      <c r="FZ1194" s="91"/>
      <c r="GA1194" s="91"/>
      <c r="GB1194" s="91"/>
      <c r="GC1194" s="91"/>
      <c r="GD1194" s="91"/>
      <c r="GE1194" s="91"/>
      <c r="GF1194" s="91"/>
      <c r="GG1194" s="91"/>
      <c r="GH1194" s="91"/>
      <c r="GI1194" s="91"/>
      <c r="GJ1194" s="91"/>
      <c r="GK1194" s="127"/>
      <c r="GL1194" s="126"/>
      <c r="GM1194" s="91"/>
      <c r="GN1194" s="91"/>
      <c r="GO1194" s="91"/>
      <c r="GP1194" s="91"/>
      <c r="GQ1194" s="91"/>
      <c r="GR1194" s="91"/>
      <c r="GS1194" s="91"/>
      <c r="GT1194" s="91"/>
      <c r="GU1194" s="91"/>
      <c r="GV1194" s="91"/>
      <c r="GW1194" s="91"/>
      <c r="GX1194" s="91"/>
      <c r="GY1194" s="91"/>
      <c r="GZ1194" s="91"/>
      <c r="HA1194" s="91"/>
      <c r="HB1194" s="91"/>
      <c r="HC1194" s="91"/>
      <c r="HD1194" s="91"/>
      <c r="HE1194" s="91"/>
      <c r="HF1194" s="91"/>
      <c r="HG1194" s="91"/>
      <c r="HH1194" s="91"/>
      <c r="HI1194" s="91"/>
      <c r="HJ1194" s="91"/>
      <c r="HK1194" s="127"/>
      <c r="HL1194" s="126"/>
      <c r="HM1194" s="91"/>
      <c r="HN1194" s="91"/>
      <c r="HO1194" s="91"/>
      <c r="HP1194" s="91"/>
      <c r="HQ1194" s="91"/>
      <c r="HR1194" s="91"/>
      <c r="HS1194" s="91"/>
      <c r="HT1194" s="91"/>
      <c r="HU1194" s="91"/>
      <c r="HV1194" s="91"/>
      <c r="HW1194" s="91"/>
      <c r="HX1194" s="91"/>
      <c r="HY1194" s="91"/>
      <c r="HZ1194" s="91"/>
      <c r="IA1194" s="91"/>
      <c r="IB1194" s="91"/>
      <c r="IC1194" s="91"/>
      <c r="ID1194" s="91"/>
      <c r="IE1194" s="91"/>
      <c r="IF1194" s="91"/>
      <c r="IG1194" s="91"/>
      <c r="IH1194" s="91"/>
      <c r="II1194" s="91"/>
      <c r="IJ1194" s="91"/>
      <c r="IK1194" s="127"/>
    </row>
    <row r="1195" spans="2:245" x14ac:dyDescent="0.2">
      <c r="B1195" s="43"/>
      <c r="C1195" s="73"/>
      <c r="D1195" s="64"/>
      <c r="E1195" s="64"/>
      <c r="F1195" s="55"/>
      <c r="G1195" s="102"/>
      <c r="H1195" s="55"/>
      <c r="I1195" s="55"/>
      <c r="J1195" s="55"/>
      <c r="K1195" s="55"/>
      <c r="L1195" s="55"/>
      <c r="M1195" s="55"/>
      <c r="N1195" s="55"/>
      <c r="O1195" s="55"/>
      <c r="P1195" s="55"/>
      <c r="Q1195" s="55"/>
      <c r="R1195" s="55"/>
      <c r="S1195" s="55"/>
      <c r="T1195" s="55"/>
      <c r="U1195" s="55"/>
      <c r="V1195" s="55"/>
      <c r="W1195" s="55"/>
      <c r="X1195" s="55"/>
      <c r="Y1195" s="55"/>
      <c r="Z1195" s="55"/>
      <c r="AA1195" s="55"/>
      <c r="AB1195" s="55"/>
      <c r="AC1195" s="55"/>
      <c r="AD1195" s="55"/>
      <c r="AE1195" s="55"/>
      <c r="AF1195" s="55"/>
      <c r="AG1195" s="55"/>
      <c r="AY1195" s="162"/>
      <c r="AZ1195" s="162"/>
      <c r="BA1195" s="162"/>
      <c r="BB1195" s="162"/>
      <c r="BC1195" s="162"/>
      <c r="BD1195" s="162"/>
      <c r="BE1195" s="162"/>
      <c r="BF1195" s="162"/>
      <c r="BG1195" s="162"/>
      <c r="BH1195" s="162"/>
      <c r="BI1195" s="162"/>
      <c r="BJ1195" s="162"/>
      <c r="BK1195" s="162"/>
      <c r="BL1195" s="162"/>
      <c r="BM1195" s="162"/>
      <c r="BN1195" s="162"/>
      <c r="BO1195" s="162"/>
      <c r="BP1195" s="162"/>
      <c r="BQ1195" s="162"/>
      <c r="BR1195" s="162"/>
      <c r="BS1195" s="162"/>
      <c r="BT1195" s="162"/>
      <c r="BU1195" s="162"/>
      <c r="BV1195" s="162"/>
      <c r="BW1195" s="162"/>
      <c r="BX1195" s="162"/>
      <c r="BY1195" s="162"/>
      <c r="BZ1195" s="162"/>
      <c r="CA1195" s="162"/>
      <c r="CB1195" s="162"/>
      <c r="CC1195" s="162"/>
      <c r="CD1195" s="162"/>
      <c r="CE1195" s="162"/>
      <c r="CF1195" s="162"/>
      <c r="CG1195" s="162"/>
      <c r="CH1195" s="162"/>
      <c r="CI1195" s="162"/>
      <c r="CJ1195" s="162"/>
      <c r="CK1195" s="162"/>
      <c r="CX1195" s="98"/>
      <c r="DL1195" s="97"/>
      <c r="DX1195" s="98"/>
      <c r="EL1195" s="97"/>
      <c r="EX1195" s="98"/>
      <c r="EY1195" s="97"/>
      <c r="FL1195" s="126"/>
      <c r="FM1195" s="91"/>
      <c r="FN1195" s="91"/>
      <c r="FO1195" s="91"/>
      <c r="FP1195" s="91"/>
      <c r="FQ1195" s="91"/>
      <c r="FR1195" s="91"/>
      <c r="FS1195" s="91"/>
      <c r="FT1195" s="91"/>
      <c r="FU1195" s="91"/>
      <c r="FV1195" s="91"/>
      <c r="FW1195" s="91"/>
      <c r="FX1195" s="91"/>
      <c r="FY1195" s="91"/>
      <c r="FZ1195" s="91"/>
      <c r="GA1195" s="91"/>
      <c r="GB1195" s="91"/>
      <c r="GC1195" s="91"/>
      <c r="GD1195" s="91"/>
      <c r="GE1195" s="91"/>
      <c r="GF1195" s="91"/>
      <c r="GG1195" s="91"/>
      <c r="GH1195" s="91"/>
      <c r="GI1195" s="91"/>
      <c r="GJ1195" s="91"/>
      <c r="GK1195" s="127"/>
      <c r="GL1195" s="126"/>
      <c r="GM1195" s="91"/>
      <c r="GN1195" s="91"/>
      <c r="GO1195" s="91"/>
      <c r="GP1195" s="91"/>
      <c r="GQ1195" s="91"/>
      <c r="GR1195" s="91"/>
      <c r="GS1195" s="91"/>
      <c r="GT1195" s="91"/>
      <c r="GU1195" s="91"/>
      <c r="GV1195" s="91"/>
      <c r="GW1195" s="91"/>
      <c r="GX1195" s="91"/>
      <c r="GY1195" s="91"/>
      <c r="GZ1195" s="91"/>
      <c r="HA1195" s="91"/>
      <c r="HB1195" s="91"/>
      <c r="HC1195" s="91"/>
      <c r="HD1195" s="91"/>
      <c r="HE1195" s="91"/>
      <c r="HF1195" s="91"/>
      <c r="HG1195" s="91"/>
      <c r="HH1195" s="91"/>
      <c r="HI1195" s="91"/>
      <c r="HJ1195" s="91"/>
      <c r="HK1195" s="127"/>
      <c r="HL1195" s="126"/>
      <c r="HM1195" s="91"/>
      <c r="HN1195" s="91"/>
      <c r="HO1195" s="91"/>
      <c r="HP1195" s="91"/>
      <c r="HQ1195" s="91"/>
      <c r="HR1195" s="91"/>
      <c r="HS1195" s="91"/>
      <c r="HT1195" s="91"/>
      <c r="HU1195" s="91"/>
      <c r="HV1195" s="91"/>
      <c r="HW1195" s="91"/>
      <c r="HX1195" s="91"/>
      <c r="HY1195" s="91"/>
      <c r="HZ1195" s="91"/>
      <c r="IA1195" s="91"/>
      <c r="IB1195" s="91"/>
      <c r="IC1195" s="91"/>
      <c r="ID1195" s="91"/>
      <c r="IE1195" s="91"/>
      <c r="IF1195" s="91"/>
      <c r="IG1195" s="91"/>
      <c r="IH1195" s="91"/>
      <c r="II1195" s="91"/>
      <c r="IJ1195" s="91"/>
      <c r="IK1195" s="127"/>
    </row>
    <row r="1196" spans="2:245" x14ac:dyDescent="0.2">
      <c r="B1196" s="43"/>
      <c r="C1196" s="73"/>
      <c r="D1196" s="64"/>
      <c r="E1196" s="64"/>
      <c r="F1196" s="55"/>
      <c r="G1196" s="102"/>
      <c r="H1196" s="55"/>
      <c r="I1196" s="55"/>
      <c r="J1196" s="55"/>
      <c r="K1196" s="55"/>
      <c r="L1196" s="55"/>
      <c r="M1196" s="55"/>
      <c r="N1196" s="55"/>
      <c r="O1196" s="55"/>
      <c r="P1196" s="55"/>
      <c r="Q1196" s="55"/>
      <c r="R1196" s="55"/>
      <c r="S1196" s="55"/>
      <c r="T1196" s="55"/>
      <c r="U1196" s="55"/>
      <c r="V1196" s="55"/>
      <c r="W1196" s="55"/>
      <c r="X1196" s="55"/>
      <c r="Y1196" s="55"/>
      <c r="Z1196" s="55"/>
      <c r="AA1196" s="55"/>
      <c r="AB1196" s="55"/>
      <c r="AC1196" s="55"/>
      <c r="AD1196" s="55"/>
      <c r="AE1196" s="55"/>
      <c r="AF1196" s="55"/>
      <c r="AG1196" s="55"/>
      <c r="AY1196" s="162"/>
      <c r="AZ1196" s="162"/>
      <c r="BA1196" s="162"/>
      <c r="BB1196" s="162"/>
      <c r="BC1196" s="162"/>
      <c r="BD1196" s="162"/>
      <c r="BE1196" s="162"/>
      <c r="BF1196" s="162"/>
      <c r="BG1196" s="162"/>
      <c r="BH1196" s="162"/>
      <c r="BI1196" s="162"/>
      <c r="BJ1196" s="162"/>
      <c r="BK1196" s="162"/>
      <c r="BL1196" s="162"/>
      <c r="BM1196" s="162"/>
      <c r="BN1196" s="162"/>
      <c r="BO1196" s="162"/>
      <c r="BP1196" s="162"/>
      <c r="BQ1196" s="162"/>
      <c r="BR1196" s="162"/>
      <c r="BS1196" s="162"/>
      <c r="BT1196" s="162"/>
      <c r="BU1196" s="162"/>
      <c r="BV1196" s="162"/>
      <c r="BW1196" s="162"/>
      <c r="BX1196" s="162"/>
      <c r="BY1196" s="162"/>
      <c r="BZ1196" s="162"/>
      <c r="CA1196" s="162"/>
      <c r="CB1196" s="162"/>
      <c r="CC1196" s="162"/>
      <c r="CD1196" s="162"/>
      <c r="CE1196" s="162"/>
      <c r="CF1196" s="162"/>
      <c r="CG1196" s="162"/>
      <c r="CH1196" s="162"/>
      <c r="CI1196" s="162"/>
      <c r="CJ1196" s="162"/>
      <c r="CK1196" s="162"/>
      <c r="CX1196" s="98"/>
      <c r="DL1196" s="97"/>
      <c r="DX1196" s="98"/>
      <c r="EL1196" s="97"/>
      <c r="EX1196" s="98"/>
      <c r="EY1196" s="97"/>
      <c r="FL1196" s="126"/>
      <c r="FM1196" s="91"/>
      <c r="FN1196" s="91"/>
      <c r="FO1196" s="91"/>
      <c r="FP1196" s="91"/>
      <c r="FQ1196" s="91"/>
      <c r="FR1196" s="91"/>
      <c r="FS1196" s="91"/>
      <c r="FT1196" s="91"/>
      <c r="FU1196" s="91"/>
      <c r="FV1196" s="91"/>
      <c r="FW1196" s="91"/>
      <c r="FX1196" s="91"/>
      <c r="FY1196" s="91"/>
      <c r="FZ1196" s="91"/>
      <c r="GA1196" s="91"/>
      <c r="GB1196" s="91"/>
      <c r="GC1196" s="91"/>
      <c r="GD1196" s="91"/>
      <c r="GE1196" s="91"/>
      <c r="GF1196" s="91"/>
      <c r="GG1196" s="91"/>
      <c r="GH1196" s="91"/>
      <c r="GI1196" s="91"/>
      <c r="GJ1196" s="91"/>
      <c r="GK1196" s="127"/>
      <c r="GL1196" s="126"/>
      <c r="GM1196" s="91"/>
      <c r="GN1196" s="91"/>
      <c r="GO1196" s="91"/>
      <c r="GP1196" s="91"/>
      <c r="GQ1196" s="91"/>
      <c r="GR1196" s="91"/>
      <c r="GS1196" s="91"/>
      <c r="GT1196" s="91"/>
      <c r="GU1196" s="91"/>
      <c r="GV1196" s="91"/>
      <c r="GW1196" s="91"/>
      <c r="GX1196" s="91"/>
      <c r="GY1196" s="91"/>
      <c r="GZ1196" s="91"/>
      <c r="HA1196" s="91"/>
      <c r="HB1196" s="91"/>
      <c r="HC1196" s="91"/>
      <c r="HD1196" s="91"/>
      <c r="HE1196" s="91"/>
      <c r="HF1196" s="91"/>
      <c r="HG1196" s="91"/>
      <c r="HH1196" s="91"/>
      <c r="HI1196" s="91"/>
      <c r="HJ1196" s="91"/>
      <c r="HK1196" s="127"/>
      <c r="HL1196" s="126"/>
      <c r="HM1196" s="91"/>
      <c r="HN1196" s="91"/>
      <c r="HO1196" s="91"/>
      <c r="HP1196" s="91"/>
      <c r="HQ1196" s="91"/>
      <c r="HR1196" s="91"/>
      <c r="HS1196" s="91"/>
      <c r="HT1196" s="91"/>
      <c r="HU1196" s="91"/>
      <c r="HV1196" s="91"/>
      <c r="HW1196" s="91"/>
      <c r="HX1196" s="91"/>
      <c r="HY1196" s="91"/>
      <c r="HZ1196" s="91"/>
      <c r="IA1196" s="91"/>
      <c r="IB1196" s="91"/>
      <c r="IC1196" s="91"/>
      <c r="ID1196" s="91"/>
      <c r="IE1196" s="91"/>
      <c r="IF1196" s="91"/>
      <c r="IG1196" s="91"/>
      <c r="IH1196" s="91"/>
      <c r="II1196" s="91"/>
      <c r="IJ1196" s="91"/>
      <c r="IK1196" s="127"/>
    </row>
    <row r="1197" spans="2:245" x14ac:dyDescent="0.2">
      <c r="B1197" s="43"/>
      <c r="C1197" s="73"/>
      <c r="D1197" s="64"/>
      <c r="E1197" s="64"/>
      <c r="F1197" s="55"/>
      <c r="G1197" s="102"/>
      <c r="H1197" s="55"/>
      <c r="I1197" s="55"/>
      <c r="J1197" s="55"/>
      <c r="K1197" s="55"/>
      <c r="L1197" s="55"/>
      <c r="M1197" s="55"/>
      <c r="N1197" s="55"/>
      <c r="O1197" s="55"/>
      <c r="P1197" s="55"/>
      <c r="Q1197" s="55"/>
      <c r="R1197" s="55"/>
      <c r="S1197" s="55"/>
      <c r="T1197" s="55"/>
      <c r="U1197" s="55"/>
      <c r="V1197" s="55"/>
      <c r="W1197" s="55"/>
      <c r="X1197" s="55"/>
      <c r="Y1197" s="55"/>
      <c r="Z1197" s="55"/>
      <c r="AA1197" s="55"/>
      <c r="AB1197" s="55"/>
      <c r="AC1197" s="55"/>
      <c r="AD1197" s="55"/>
      <c r="AE1197" s="55"/>
      <c r="AF1197" s="55"/>
      <c r="AG1197" s="55"/>
      <c r="AY1197" s="162"/>
      <c r="AZ1197" s="162"/>
      <c r="BA1197" s="162"/>
      <c r="BB1197" s="162"/>
      <c r="BC1197" s="162"/>
      <c r="BD1197" s="162"/>
      <c r="BE1197" s="162"/>
      <c r="BF1197" s="162"/>
      <c r="BG1197" s="162"/>
      <c r="BH1197" s="162"/>
      <c r="BI1197" s="162"/>
      <c r="BJ1197" s="162"/>
      <c r="BK1197" s="162"/>
      <c r="BL1197" s="162"/>
      <c r="BM1197" s="162"/>
      <c r="BN1197" s="162"/>
      <c r="BO1197" s="162"/>
      <c r="BP1197" s="162"/>
      <c r="BQ1197" s="162"/>
      <c r="BR1197" s="162"/>
      <c r="BS1197" s="162"/>
      <c r="BT1197" s="162"/>
      <c r="BU1197" s="162"/>
      <c r="BV1197" s="162"/>
      <c r="BW1197" s="162"/>
      <c r="BX1197" s="162"/>
      <c r="BY1197" s="162"/>
      <c r="BZ1197" s="162"/>
      <c r="CA1197" s="162"/>
      <c r="CB1197" s="162"/>
      <c r="CC1197" s="162"/>
      <c r="CD1197" s="162"/>
      <c r="CE1197" s="162"/>
      <c r="CF1197" s="162"/>
      <c r="CG1197" s="162"/>
      <c r="CH1197" s="162"/>
      <c r="CI1197" s="162"/>
      <c r="CJ1197" s="162"/>
      <c r="CK1197" s="162"/>
      <c r="CX1197" s="98"/>
      <c r="DL1197" s="97"/>
      <c r="DX1197" s="98"/>
      <c r="EL1197" s="97"/>
      <c r="EX1197" s="98"/>
      <c r="EY1197" s="97"/>
      <c r="FL1197" s="126"/>
      <c r="FM1197" s="91"/>
      <c r="FN1197" s="91"/>
      <c r="FO1197" s="91"/>
      <c r="FP1197" s="91"/>
      <c r="FQ1197" s="91"/>
      <c r="FR1197" s="91"/>
      <c r="FS1197" s="91"/>
      <c r="FT1197" s="91"/>
      <c r="FU1197" s="91"/>
      <c r="FV1197" s="91"/>
      <c r="FW1197" s="91"/>
      <c r="FX1197" s="91"/>
      <c r="FY1197" s="91"/>
      <c r="FZ1197" s="91"/>
      <c r="GA1197" s="91"/>
      <c r="GB1197" s="91"/>
      <c r="GC1197" s="91"/>
      <c r="GD1197" s="91"/>
      <c r="GE1197" s="91"/>
      <c r="GF1197" s="91"/>
      <c r="GG1197" s="91"/>
      <c r="GH1197" s="91"/>
      <c r="GI1197" s="91"/>
      <c r="GJ1197" s="91"/>
      <c r="GK1197" s="127"/>
      <c r="GL1197" s="126"/>
      <c r="GM1197" s="91"/>
      <c r="GN1197" s="91"/>
      <c r="GO1197" s="91"/>
      <c r="GP1197" s="91"/>
      <c r="GQ1197" s="91"/>
      <c r="GR1197" s="91"/>
      <c r="GS1197" s="91"/>
      <c r="GT1197" s="91"/>
      <c r="GU1197" s="91"/>
      <c r="GV1197" s="91"/>
      <c r="GW1197" s="91"/>
      <c r="GX1197" s="91"/>
      <c r="GY1197" s="91"/>
      <c r="GZ1197" s="91"/>
      <c r="HA1197" s="91"/>
      <c r="HB1197" s="91"/>
      <c r="HC1197" s="91"/>
      <c r="HD1197" s="91"/>
      <c r="HE1197" s="91"/>
      <c r="HF1197" s="91"/>
      <c r="HG1197" s="91"/>
      <c r="HH1197" s="91"/>
      <c r="HI1197" s="91"/>
      <c r="HJ1197" s="91"/>
      <c r="HK1197" s="127"/>
      <c r="HL1197" s="126"/>
      <c r="HM1197" s="91"/>
      <c r="HN1197" s="91"/>
      <c r="HO1197" s="91"/>
      <c r="HP1197" s="91"/>
      <c r="HQ1197" s="91"/>
      <c r="HR1197" s="91"/>
      <c r="HS1197" s="91"/>
      <c r="HT1197" s="91"/>
      <c r="HU1197" s="91"/>
      <c r="HV1197" s="91"/>
      <c r="HW1197" s="91"/>
      <c r="HX1197" s="91"/>
      <c r="HY1197" s="91"/>
      <c r="HZ1197" s="91"/>
      <c r="IA1197" s="91"/>
      <c r="IB1197" s="91"/>
      <c r="IC1197" s="91"/>
      <c r="ID1197" s="91"/>
      <c r="IE1197" s="91"/>
      <c r="IF1197" s="91"/>
      <c r="IG1197" s="91"/>
      <c r="IH1197" s="91"/>
      <c r="II1197" s="91"/>
      <c r="IJ1197" s="91"/>
      <c r="IK1197" s="127"/>
    </row>
    <row r="1198" spans="2:245" x14ac:dyDescent="0.2">
      <c r="B1198" s="43"/>
      <c r="C1198" s="73"/>
      <c r="D1198" s="64"/>
      <c r="E1198" s="64"/>
      <c r="F1198" s="55"/>
      <c r="G1198" s="102"/>
      <c r="H1198" s="55"/>
      <c r="I1198" s="55"/>
      <c r="J1198" s="55"/>
      <c r="K1198" s="55"/>
      <c r="L1198" s="55"/>
      <c r="M1198" s="55"/>
      <c r="N1198" s="55"/>
      <c r="O1198" s="55"/>
      <c r="P1198" s="55"/>
      <c r="Q1198" s="55"/>
      <c r="R1198" s="55"/>
      <c r="S1198" s="55"/>
      <c r="T1198" s="55"/>
      <c r="U1198" s="55"/>
      <c r="V1198" s="55"/>
      <c r="W1198" s="55"/>
      <c r="X1198" s="55"/>
      <c r="Y1198" s="55"/>
      <c r="Z1198" s="55"/>
      <c r="AA1198" s="55"/>
      <c r="AB1198" s="55"/>
      <c r="AC1198" s="55"/>
      <c r="AD1198" s="55"/>
      <c r="AE1198" s="55"/>
      <c r="AF1198" s="55"/>
      <c r="AG1198" s="55"/>
      <c r="AY1198" s="162"/>
      <c r="AZ1198" s="162"/>
      <c r="BA1198" s="162"/>
      <c r="BB1198" s="162"/>
      <c r="BC1198" s="162"/>
      <c r="BD1198" s="162"/>
      <c r="BE1198" s="162"/>
      <c r="BF1198" s="162"/>
      <c r="BG1198" s="162"/>
      <c r="BH1198" s="162"/>
      <c r="BI1198" s="162"/>
      <c r="BJ1198" s="162"/>
      <c r="BK1198" s="162"/>
      <c r="BL1198" s="162"/>
      <c r="BM1198" s="162"/>
      <c r="BN1198" s="162"/>
      <c r="BO1198" s="162"/>
      <c r="BP1198" s="162"/>
      <c r="BQ1198" s="162"/>
      <c r="BR1198" s="162"/>
      <c r="BS1198" s="162"/>
      <c r="BT1198" s="162"/>
      <c r="BU1198" s="162"/>
      <c r="BV1198" s="162"/>
      <c r="BW1198" s="162"/>
      <c r="BX1198" s="162"/>
      <c r="BY1198" s="162"/>
      <c r="BZ1198" s="162"/>
      <c r="CA1198" s="162"/>
      <c r="CB1198" s="162"/>
      <c r="CC1198" s="162"/>
      <c r="CD1198" s="162"/>
      <c r="CE1198" s="162"/>
      <c r="CF1198" s="162"/>
      <c r="CG1198" s="162"/>
      <c r="CH1198" s="162"/>
      <c r="CI1198" s="162"/>
      <c r="CJ1198" s="162"/>
      <c r="CK1198" s="162"/>
      <c r="CX1198" s="98"/>
      <c r="DL1198" s="97"/>
      <c r="DX1198" s="98"/>
      <c r="EL1198" s="97"/>
      <c r="EX1198" s="98"/>
      <c r="EY1198" s="97"/>
      <c r="FL1198" s="126"/>
      <c r="FM1198" s="91"/>
      <c r="FN1198" s="91"/>
      <c r="FO1198" s="91"/>
      <c r="FP1198" s="91"/>
      <c r="FQ1198" s="91"/>
      <c r="FR1198" s="91"/>
      <c r="FS1198" s="91"/>
      <c r="FT1198" s="91"/>
      <c r="FU1198" s="91"/>
      <c r="FV1198" s="91"/>
      <c r="FW1198" s="91"/>
      <c r="FX1198" s="91"/>
      <c r="FY1198" s="91"/>
      <c r="FZ1198" s="91"/>
      <c r="GA1198" s="91"/>
      <c r="GB1198" s="91"/>
      <c r="GC1198" s="91"/>
      <c r="GD1198" s="91"/>
      <c r="GE1198" s="91"/>
      <c r="GF1198" s="91"/>
      <c r="GG1198" s="91"/>
      <c r="GH1198" s="91"/>
      <c r="GI1198" s="91"/>
      <c r="GJ1198" s="91"/>
      <c r="GK1198" s="127"/>
      <c r="GL1198" s="126"/>
      <c r="GM1198" s="91"/>
      <c r="GN1198" s="91"/>
      <c r="GO1198" s="91"/>
      <c r="GP1198" s="91"/>
      <c r="GQ1198" s="91"/>
      <c r="GR1198" s="91"/>
      <c r="GS1198" s="91"/>
      <c r="GT1198" s="91"/>
      <c r="GU1198" s="91"/>
      <c r="GV1198" s="91"/>
      <c r="GW1198" s="91"/>
      <c r="GX1198" s="91"/>
      <c r="GY1198" s="91"/>
      <c r="GZ1198" s="91"/>
      <c r="HA1198" s="91"/>
      <c r="HB1198" s="91"/>
      <c r="HC1198" s="91"/>
      <c r="HD1198" s="91"/>
      <c r="HE1198" s="91"/>
      <c r="HF1198" s="91"/>
      <c r="HG1198" s="91"/>
      <c r="HH1198" s="91"/>
      <c r="HI1198" s="91"/>
      <c r="HJ1198" s="91"/>
      <c r="HK1198" s="127"/>
      <c r="HL1198" s="126"/>
      <c r="HM1198" s="91"/>
      <c r="HN1198" s="91"/>
      <c r="HO1198" s="91"/>
      <c r="HP1198" s="91"/>
      <c r="HQ1198" s="91"/>
      <c r="HR1198" s="91"/>
      <c r="HS1198" s="91"/>
      <c r="HT1198" s="91"/>
      <c r="HU1198" s="91"/>
      <c r="HV1198" s="91"/>
      <c r="HW1198" s="91"/>
      <c r="HX1198" s="91"/>
      <c r="HY1198" s="91"/>
      <c r="HZ1198" s="91"/>
      <c r="IA1198" s="91"/>
      <c r="IB1198" s="91"/>
      <c r="IC1198" s="91"/>
      <c r="ID1198" s="91"/>
      <c r="IE1198" s="91"/>
      <c r="IF1198" s="91"/>
      <c r="IG1198" s="91"/>
      <c r="IH1198" s="91"/>
      <c r="II1198" s="91"/>
      <c r="IJ1198" s="91"/>
      <c r="IK1198" s="127"/>
    </row>
    <row r="1199" spans="2:245" x14ac:dyDescent="0.2">
      <c r="B1199" s="43"/>
      <c r="C1199" s="73"/>
      <c r="D1199" s="64"/>
      <c r="E1199" s="64"/>
      <c r="F1199" s="55"/>
      <c r="G1199" s="102"/>
      <c r="H1199" s="55"/>
      <c r="I1199" s="55"/>
      <c r="J1199" s="55"/>
      <c r="K1199" s="55"/>
      <c r="L1199" s="55"/>
      <c r="M1199" s="55"/>
      <c r="N1199" s="55"/>
      <c r="O1199" s="55"/>
      <c r="P1199" s="55"/>
      <c r="Q1199" s="55"/>
      <c r="R1199" s="55"/>
      <c r="S1199" s="55"/>
      <c r="T1199" s="55"/>
      <c r="U1199" s="55"/>
      <c r="V1199" s="55"/>
      <c r="W1199" s="55"/>
      <c r="X1199" s="55"/>
      <c r="Y1199" s="55"/>
      <c r="Z1199" s="55"/>
      <c r="AA1199" s="55"/>
      <c r="AB1199" s="55"/>
      <c r="AC1199" s="55"/>
      <c r="AD1199" s="55"/>
      <c r="AE1199" s="55"/>
      <c r="AF1199" s="55"/>
      <c r="AG1199" s="55"/>
      <c r="AY1199" s="162"/>
      <c r="AZ1199" s="162"/>
      <c r="BA1199" s="162"/>
      <c r="BB1199" s="162"/>
      <c r="BC1199" s="162"/>
      <c r="BD1199" s="162"/>
      <c r="BE1199" s="162"/>
      <c r="BF1199" s="162"/>
      <c r="BG1199" s="162"/>
      <c r="BH1199" s="162"/>
      <c r="BI1199" s="162"/>
      <c r="BJ1199" s="162"/>
      <c r="BK1199" s="162"/>
      <c r="BL1199" s="162"/>
      <c r="BM1199" s="162"/>
      <c r="BN1199" s="162"/>
      <c r="BO1199" s="162"/>
      <c r="BP1199" s="162"/>
      <c r="BQ1199" s="162"/>
      <c r="BR1199" s="162"/>
      <c r="BS1199" s="162"/>
      <c r="BT1199" s="162"/>
      <c r="BU1199" s="162"/>
      <c r="BV1199" s="162"/>
      <c r="BW1199" s="162"/>
      <c r="BX1199" s="162"/>
      <c r="BY1199" s="162"/>
      <c r="BZ1199" s="162"/>
      <c r="CA1199" s="162"/>
      <c r="CB1199" s="162"/>
      <c r="CC1199" s="162"/>
      <c r="CD1199" s="162"/>
      <c r="CE1199" s="162"/>
      <c r="CF1199" s="162"/>
      <c r="CG1199" s="162"/>
      <c r="CH1199" s="162"/>
      <c r="CI1199" s="162"/>
      <c r="CJ1199" s="162"/>
      <c r="CK1199" s="162"/>
      <c r="CX1199" s="98"/>
      <c r="DL1199" s="97"/>
      <c r="DX1199" s="98"/>
      <c r="EL1199" s="97"/>
      <c r="EX1199" s="98"/>
      <c r="EY1199" s="97"/>
      <c r="FL1199" s="126"/>
      <c r="FM1199" s="91"/>
      <c r="FN1199" s="91"/>
      <c r="FO1199" s="91"/>
      <c r="FP1199" s="91"/>
      <c r="FQ1199" s="91"/>
      <c r="FR1199" s="91"/>
      <c r="FS1199" s="91"/>
      <c r="FT1199" s="91"/>
      <c r="FU1199" s="91"/>
      <c r="FV1199" s="91"/>
      <c r="FW1199" s="91"/>
      <c r="FX1199" s="91"/>
      <c r="FY1199" s="91"/>
      <c r="FZ1199" s="91"/>
      <c r="GA1199" s="91"/>
      <c r="GB1199" s="91"/>
      <c r="GC1199" s="91"/>
      <c r="GD1199" s="91"/>
      <c r="GE1199" s="91"/>
      <c r="GF1199" s="91"/>
      <c r="GG1199" s="91"/>
      <c r="GH1199" s="91"/>
      <c r="GI1199" s="91"/>
      <c r="GJ1199" s="91"/>
      <c r="GK1199" s="127"/>
      <c r="GL1199" s="126"/>
      <c r="GM1199" s="91"/>
      <c r="GN1199" s="91"/>
      <c r="GO1199" s="91"/>
      <c r="GP1199" s="91"/>
      <c r="GQ1199" s="91"/>
      <c r="GR1199" s="91"/>
      <c r="GS1199" s="91"/>
      <c r="GT1199" s="91"/>
      <c r="GU1199" s="91"/>
      <c r="GV1199" s="91"/>
      <c r="GW1199" s="91"/>
      <c r="GX1199" s="91"/>
      <c r="GY1199" s="91"/>
      <c r="GZ1199" s="91"/>
      <c r="HA1199" s="91"/>
      <c r="HB1199" s="91"/>
      <c r="HC1199" s="91"/>
      <c r="HD1199" s="91"/>
      <c r="HE1199" s="91"/>
      <c r="HF1199" s="91"/>
      <c r="HG1199" s="91"/>
      <c r="HH1199" s="91"/>
      <c r="HI1199" s="91"/>
      <c r="HJ1199" s="91"/>
      <c r="HK1199" s="127"/>
      <c r="HL1199" s="126"/>
      <c r="HM1199" s="91"/>
      <c r="HN1199" s="91"/>
      <c r="HO1199" s="91"/>
      <c r="HP1199" s="91"/>
      <c r="HQ1199" s="91"/>
      <c r="HR1199" s="91"/>
      <c r="HS1199" s="91"/>
      <c r="HT1199" s="91"/>
      <c r="HU1199" s="91"/>
      <c r="HV1199" s="91"/>
      <c r="HW1199" s="91"/>
      <c r="HX1199" s="91"/>
      <c r="HY1199" s="91"/>
      <c r="HZ1199" s="91"/>
      <c r="IA1199" s="91"/>
      <c r="IB1199" s="91"/>
      <c r="IC1199" s="91"/>
      <c r="ID1199" s="91"/>
      <c r="IE1199" s="91"/>
      <c r="IF1199" s="91"/>
      <c r="IG1199" s="91"/>
      <c r="IH1199" s="91"/>
      <c r="II1199" s="91"/>
      <c r="IJ1199" s="91"/>
      <c r="IK1199" s="127"/>
    </row>
    <row r="1200" spans="2:245" x14ac:dyDescent="0.2">
      <c r="B1200" s="43"/>
      <c r="C1200" s="73"/>
      <c r="D1200" s="64"/>
      <c r="E1200" s="64"/>
      <c r="F1200" s="55"/>
      <c r="G1200" s="102"/>
      <c r="H1200" s="55"/>
      <c r="I1200" s="55"/>
      <c r="J1200" s="55"/>
      <c r="K1200" s="55"/>
      <c r="L1200" s="55"/>
      <c r="M1200" s="55"/>
      <c r="N1200" s="55"/>
      <c r="O1200" s="55"/>
      <c r="P1200" s="55"/>
      <c r="Q1200" s="55"/>
      <c r="R1200" s="55"/>
      <c r="S1200" s="55"/>
      <c r="T1200" s="55"/>
      <c r="U1200" s="55"/>
      <c r="V1200" s="55"/>
      <c r="W1200" s="55"/>
      <c r="X1200" s="55"/>
      <c r="Y1200" s="55"/>
      <c r="Z1200" s="55"/>
      <c r="AA1200" s="55"/>
      <c r="AB1200" s="55"/>
      <c r="AC1200" s="55"/>
      <c r="AD1200" s="55"/>
      <c r="AE1200" s="55"/>
      <c r="AF1200" s="55"/>
      <c r="AG1200" s="55"/>
      <c r="AY1200" s="162"/>
      <c r="AZ1200" s="162"/>
      <c r="BA1200" s="162"/>
      <c r="BB1200" s="162"/>
      <c r="BC1200" s="162"/>
      <c r="BD1200" s="162"/>
      <c r="BE1200" s="162"/>
      <c r="BF1200" s="162"/>
      <c r="BG1200" s="162"/>
      <c r="BH1200" s="162"/>
      <c r="BI1200" s="162"/>
      <c r="BJ1200" s="162"/>
      <c r="BK1200" s="162"/>
      <c r="BL1200" s="162"/>
      <c r="BM1200" s="162"/>
      <c r="BN1200" s="162"/>
      <c r="BO1200" s="162"/>
      <c r="BP1200" s="162"/>
      <c r="BQ1200" s="162"/>
      <c r="BR1200" s="162"/>
      <c r="BS1200" s="162"/>
      <c r="BT1200" s="162"/>
      <c r="BU1200" s="162"/>
      <c r="BV1200" s="162"/>
      <c r="BW1200" s="162"/>
      <c r="BX1200" s="162"/>
      <c r="BY1200" s="162"/>
      <c r="BZ1200" s="162"/>
      <c r="CA1200" s="162"/>
      <c r="CB1200" s="162"/>
      <c r="CC1200" s="162"/>
      <c r="CD1200" s="162"/>
      <c r="CE1200" s="162"/>
      <c r="CF1200" s="162"/>
      <c r="CG1200" s="162"/>
      <c r="CH1200" s="162"/>
      <c r="CI1200" s="162"/>
      <c r="CJ1200" s="162"/>
      <c r="CK1200" s="162"/>
      <c r="CX1200" s="98"/>
      <c r="DL1200" s="97"/>
      <c r="DX1200" s="98"/>
      <c r="EL1200" s="97"/>
      <c r="EX1200" s="98"/>
      <c r="EY1200" s="97"/>
      <c r="FL1200" s="126"/>
      <c r="FM1200" s="91"/>
      <c r="FN1200" s="91"/>
      <c r="FO1200" s="91"/>
      <c r="FP1200" s="91"/>
      <c r="FQ1200" s="91"/>
      <c r="FR1200" s="91"/>
      <c r="FS1200" s="91"/>
      <c r="FT1200" s="91"/>
      <c r="FU1200" s="91"/>
      <c r="FV1200" s="91"/>
      <c r="FW1200" s="91"/>
      <c r="FX1200" s="91"/>
      <c r="FY1200" s="91"/>
      <c r="FZ1200" s="91"/>
      <c r="GA1200" s="91"/>
      <c r="GB1200" s="91"/>
      <c r="GC1200" s="91"/>
      <c r="GD1200" s="91"/>
      <c r="GE1200" s="91"/>
      <c r="GF1200" s="91"/>
      <c r="GG1200" s="91"/>
      <c r="GH1200" s="91"/>
      <c r="GI1200" s="91"/>
      <c r="GJ1200" s="91"/>
      <c r="GK1200" s="127"/>
      <c r="GL1200" s="126"/>
      <c r="GM1200" s="91"/>
      <c r="GN1200" s="91"/>
      <c r="GO1200" s="91"/>
      <c r="GP1200" s="91"/>
      <c r="GQ1200" s="91"/>
      <c r="GR1200" s="91"/>
      <c r="GS1200" s="91"/>
      <c r="GT1200" s="91"/>
      <c r="GU1200" s="91"/>
      <c r="GV1200" s="91"/>
      <c r="GW1200" s="91"/>
      <c r="GX1200" s="91"/>
      <c r="GY1200" s="91"/>
      <c r="GZ1200" s="91"/>
      <c r="HA1200" s="91"/>
      <c r="HB1200" s="91"/>
      <c r="HC1200" s="91"/>
      <c r="HD1200" s="91"/>
      <c r="HE1200" s="91"/>
      <c r="HF1200" s="91"/>
      <c r="HG1200" s="91"/>
      <c r="HH1200" s="91"/>
      <c r="HI1200" s="91"/>
      <c r="HJ1200" s="91"/>
      <c r="HK1200" s="127"/>
      <c r="HL1200" s="126"/>
      <c r="HM1200" s="91"/>
      <c r="HN1200" s="91"/>
      <c r="HO1200" s="91"/>
      <c r="HP1200" s="91"/>
      <c r="HQ1200" s="91"/>
      <c r="HR1200" s="91"/>
      <c r="HS1200" s="91"/>
      <c r="HT1200" s="91"/>
      <c r="HU1200" s="91"/>
      <c r="HV1200" s="91"/>
      <c r="HW1200" s="91"/>
      <c r="HX1200" s="91"/>
      <c r="HY1200" s="91"/>
      <c r="HZ1200" s="91"/>
      <c r="IA1200" s="91"/>
      <c r="IB1200" s="91"/>
      <c r="IC1200" s="91"/>
      <c r="ID1200" s="91"/>
      <c r="IE1200" s="91"/>
      <c r="IF1200" s="91"/>
      <c r="IG1200" s="91"/>
      <c r="IH1200" s="91"/>
      <c r="II1200" s="91"/>
      <c r="IJ1200" s="91"/>
      <c r="IK1200" s="127"/>
    </row>
    <row r="1201" spans="2:245" x14ac:dyDescent="0.2">
      <c r="B1201" s="43"/>
      <c r="C1201" s="73"/>
      <c r="D1201" s="64"/>
      <c r="E1201" s="64"/>
      <c r="F1201" s="55"/>
      <c r="G1201" s="102"/>
      <c r="H1201" s="55"/>
      <c r="I1201" s="55"/>
      <c r="J1201" s="55"/>
      <c r="K1201" s="55"/>
      <c r="L1201" s="55"/>
      <c r="M1201" s="55"/>
      <c r="N1201" s="55"/>
      <c r="O1201" s="55"/>
      <c r="P1201" s="55"/>
      <c r="Q1201" s="55"/>
      <c r="R1201" s="55"/>
      <c r="S1201" s="55"/>
      <c r="T1201" s="55"/>
      <c r="U1201" s="55"/>
      <c r="V1201" s="55"/>
      <c r="W1201" s="55"/>
      <c r="X1201" s="55"/>
      <c r="Y1201" s="55"/>
      <c r="Z1201" s="55"/>
      <c r="AA1201" s="55"/>
      <c r="AB1201" s="55"/>
      <c r="AC1201" s="55"/>
      <c r="AD1201" s="55"/>
      <c r="AE1201" s="55"/>
      <c r="AF1201" s="55"/>
      <c r="AG1201" s="55"/>
      <c r="AY1201" s="162"/>
      <c r="AZ1201" s="162"/>
      <c r="BA1201" s="162"/>
      <c r="BB1201" s="162"/>
      <c r="BC1201" s="162"/>
      <c r="BD1201" s="162"/>
      <c r="BE1201" s="162"/>
      <c r="BF1201" s="162"/>
      <c r="BG1201" s="162"/>
      <c r="BH1201" s="162"/>
      <c r="BI1201" s="162"/>
      <c r="BJ1201" s="162"/>
      <c r="BK1201" s="162"/>
      <c r="BL1201" s="162"/>
      <c r="BM1201" s="162"/>
      <c r="BN1201" s="162"/>
      <c r="BO1201" s="162"/>
      <c r="BP1201" s="162"/>
      <c r="BQ1201" s="162"/>
      <c r="BR1201" s="162"/>
      <c r="BS1201" s="162"/>
      <c r="BT1201" s="162"/>
      <c r="BU1201" s="162"/>
      <c r="BV1201" s="162"/>
      <c r="BW1201" s="162"/>
      <c r="BX1201" s="162"/>
      <c r="BY1201" s="162"/>
      <c r="BZ1201" s="162"/>
      <c r="CA1201" s="162"/>
      <c r="CB1201" s="162"/>
      <c r="CC1201" s="162"/>
      <c r="CD1201" s="162"/>
      <c r="CE1201" s="162"/>
      <c r="CF1201" s="162"/>
      <c r="CG1201" s="162"/>
      <c r="CH1201" s="162"/>
      <c r="CI1201" s="162"/>
      <c r="CJ1201" s="162"/>
      <c r="CK1201" s="162"/>
      <c r="CX1201" s="98"/>
      <c r="DL1201" s="97"/>
      <c r="DX1201" s="98"/>
      <c r="EL1201" s="97"/>
      <c r="EX1201" s="98"/>
      <c r="EY1201" s="97"/>
      <c r="FL1201" s="126"/>
      <c r="FM1201" s="91"/>
      <c r="FN1201" s="91"/>
      <c r="FO1201" s="91"/>
      <c r="FP1201" s="91"/>
      <c r="FQ1201" s="91"/>
      <c r="FR1201" s="91"/>
      <c r="FS1201" s="91"/>
      <c r="FT1201" s="91"/>
      <c r="FU1201" s="91"/>
      <c r="FV1201" s="91"/>
      <c r="FW1201" s="91"/>
      <c r="FX1201" s="91"/>
      <c r="FY1201" s="91"/>
      <c r="FZ1201" s="91"/>
      <c r="GA1201" s="91"/>
      <c r="GB1201" s="91"/>
      <c r="GC1201" s="91"/>
      <c r="GD1201" s="91"/>
      <c r="GE1201" s="91"/>
      <c r="GF1201" s="91"/>
      <c r="GG1201" s="91"/>
      <c r="GH1201" s="91"/>
      <c r="GI1201" s="91"/>
      <c r="GJ1201" s="91"/>
      <c r="GK1201" s="127"/>
      <c r="GL1201" s="126"/>
      <c r="GM1201" s="91"/>
      <c r="GN1201" s="91"/>
      <c r="GO1201" s="91"/>
      <c r="GP1201" s="91"/>
      <c r="GQ1201" s="91"/>
      <c r="GR1201" s="91"/>
      <c r="GS1201" s="91"/>
      <c r="GT1201" s="91"/>
      <c r="GU1201" s="91"/>
      <c r="GV1201" s="91"/>
      <c r="GW1201" s="91"/>
      <c r="GX1201" s="91"/>
      <c r="GY1201" s="91"/>
      <c r="GZ1201" s="91"/>
      <c r="HA1201" s="91"/>
      <c r="HB1201" s="91"/>
      <c r="HC1201" s="91"/>
      <c r="HD1201" s="91"/>
      <c r="HE1201" s="91"/>
      <c r="HF1201" s="91"/>
      <c r="HG1201" s="91"/>
      <c r="HH1201" s="91"/>
      <c r="HI1201" s="91"/>
      <c r="HJ1201" s="91"/>
      <c r="HK1201" s="127"/>
      <c r="HL1201" s="126"/>
      <c r="HM1201" s="91"/>
      <c r="HN1201" s="91"/>
      <c r="HO1201" s="91"/>
      <c r="HP1201" s="91"/>
      <c r="HQ1201" s="91"/>
      <c r="HR1201" s="91"/>
      <c r="HS1201" s="91"/>
      <c r="HT1201" s="91"/>
      <c r="HU1201" s="91"/>
      <c r="HV1201" s="91"/>
      <c r="HW1201" s="91"/>
      <c r="HX1201" s="91"/>
      <c r="HY1201" s="91"/>
      <c r="HZ1201" s="91"/>
      <c r="IA1201" s="91"/>
      <c r="IB1201" s="91"/>
      <c r="IC1201" s="91"/>
      <c r="ID1201" s="91"/>
      <c r="IE1201" s="91"/>
      <c r="IF1201" s="91"/>
      <c r="IG1201" s="91"/>
      <c r="IH1201" s="91"/>
      <c r="II1201" s="91"/>
      <c r="IJ1201" s="91"/>
      <c r="IK1201" s="127"/>
    </row>
    <row r="1202" spans="2:245" x14ac:dyDescent="0.2">
      <c r="B1202" s="43"/>
      <c r="C1202" s="73"/>
      <c r="D1202" s="64"/>
      <c r="E1202" s="64"/>
      <c r="F1202" s="55"/>
      <c r="G1202" s="102"/>
      <c r="H1202" s="55"/>
      <c r="I1202" s="55"/>
      <c r="J1202" s="55"/>
      <c r="K1202" s="55"/>
      <c r="L1202" s="55"/>
      <c r="M1202" s="55"/>
      <c r="N1202" s="55"/>
      <c r="O1202" s="55"/>
      <c r="P1202" s="55"/>
      <c r="Q1202" s="55"/>
      <c r="R1202" s="55"/>
      <c r="S1202" s="55"/>
      <c r="T1202" s="55"/>
      <c r="U1202" s="55"/>
      <c r="V1202" s="55"/>
      <c r="W1202" s="55"/>
      <c r="X1202" s="55"/>
      <c r="Y1202" s="55"/>
      <c r="Z1202" s="55"/>
      <c r="AA1202" s="55"/>
      <c r="AB1202" s="55"/>
      <c r="AC1202" s="55"/>
      <c r="AD1202" s="55"/>
      <c r="AE1202" s="55"/>
      <c r="AF1202" s="55"/>
      <c r="AG1202" s="55"/>
      <c r="AY1202" s="162"/>
      <c r="AZ1202" s="162"/>
      <c r="BA1202" s="162"/>
      <c r="BB1202" s="162"/>
      <c r="BC1202" s="162"/>
      <c r="BD1202" s="162"/>
      <c r="BE1202" s="162"/>
      <c r="BF1202" s="162"/>
      <c r="BG1202" s="162"/>
      <c r="BH1202" s="162"/>
      <c r="BI1202" s="162"/>
      <c r="BJ1202" s="162"/>
      <c r="BK1202" s="162"/>
      <c r="BL1202" s="162"/>
      <c r="BM1202" s="162"/>
      <c r="BN1202" s="162"/>
      <c r="BO1202" s="162"/>
      <c r="BP1202" s="162"/>
      <c r="BQ1202" s="162"/>
      <c r="BR1202" s="162"/>
      <c r="BS1202" s="162"/>
      <c r="BT1202" s="162"/>
      <c r="BU1202" s="162"/>
      <c r="BV1202" s="162"/>
      <c r="BW1202" s="162"/>
      <c r="BX1202" s="162"/>
      <c r="BY1202" s="162"/>
      <c r="BZ1202" s="162"/>
      <c r="CA1202" s="162"/>
      <c r="CB1202" s="162"/>
      <c r="CC1202" s="162"/>
      <c r="CD1202" s="162"/>
      <c r="CE1202" s="162"/>
      <c r="CF1202" s="162"/>
      <c r="CG1202" s="162"/>
      <c r="CH1202" s="162"/>
      <c r="CI1202" s="162"/>
      <c r="CJ1202" s="162"/>
      <c r="CK1202" s="162"/>
      <c r="CX1202" s="98"/>
      <c r="DL1202" s="97"/>
      <c r="DX1202" s="98"/>
      <c r="EL1202" s="97"/>
      <c r="EX1202" s="98"/>
      <c r="EY1202" s="97"/>
      <c r="FL1202" s="126"/>
      <c r="FM1202" s="91"/>
      <c r="FN1202" s="91"/>
      <c r="FO1202" s="91"/>
      <c r="FP1202" s="91"/>
      <c r="FQ1202" s="91"/>
      <c r="FR1202" s="91"/>
      <c r="FS1202" s="91"/>
      <c r="FT1202" s="91"/>
      <c r="FU1202" s="91"/>
      <c r="FV1202" s="91"/>
      <c r="FW1202" s="91"/>
      <c r="FX1202" s="91"/>
      <c r="FY1202" s="91"/>
      <c r="FZ1202" s="91"/>
      <c r="GA1202" s="91"/>
      <c r="GB1202" s="91"/>
      <c r="GC1202" s="91"/>
      <c r="GD1202" s="91"/>
      <c r="GE1202" s="91"/>
      <c r="GF1202" s="91"/>
      <c r="GG1202" s="91"/>
      <c r="GH1202" s="91"/>
      <c r="GI1202" s="91"/>
      <c r="GJ1202" s="91"/>
      <c r="GK1202" s="127"/>
      <c r="GL1202" s="126"/>
      <c r="GM1202" s="91"/>
      <c r="GN1202" s="91"/>
      <c r="GO1202" s="91"/>
      <c r="GP1202" s="91"/>
      <c r="GQ1202" s="91"/>
      <c r="GR1202" s="91"/>
      <c r="GS1202" s="91"/>
      <c r="GT1202" s="91"/>
      <c r="GU1202" s="91"/>
      <c r="GV1202" s="91"/>
      <c r="GW1202" s="91"/>
      <c r="GX1202" s="91"/>
      <c r="GY1202" s="91"/>
      <c r="GZ1202" s="91"/>
      <c r="HA1202" s="91"/>
      <c r="HB1202" s="91"/>
      <c r="HC1202" s="91"/>
      <c r="HD1202" s="91"/>
      <c r="HE1202" s="91"/>
      <c r="HF1202" s="91"/>
      <c r="HG1202" s="91"/>
      <c r="HH1202" s="91"/>
      <c r="HI1202" s="91"/>
      <c r="HJ1202" s="91"/>
      <c r="HK1202" s="127"/>
      <c r="HL1202" s="126"/>
      <c r="HM1202" s="91"/>
      <c r="HN1202" s="91"/>
      <c r="HO1202" s="91"/>
      <c r="HP1202" s="91"/>
      <c r="HQ1202" s="91"/>
      <c r="HR1202" s="91"/>
      <c r="HS1202" s="91"/>
      <c r="HT1202" s="91"/>
      <c r="HU1202" s="91"/>
      <c r="HV1202" s="91"/>
      <c r="HW1202" s="91"/>
      <c r="HX1202" s="91"/>
      <c r="HY1202" s="91"/>
      <c r="HZ1202" s="91"/>
      <c r="IA1202" s="91"/>
      <c r="IB1202" s="91"/>
      <c r="IC1202" s="91"/>
      <c r="ID1202" s="91"/>
      <c r="IE1202" s="91"/>
      <c r="IF1202" s="91"/>
      <c r="IG1202" s="91"/>
      <c r="IH1202" s="91"/>
      <c r="II1202" s="91"/>
      <c r="IJ1202" s="91"/>
      <c r="IK1202" s="127"/>
    </row>
    <row r="1203" spans="2:245" x14ac:dyDescent="0.2">
      <c r="B1203" s="43"/>
      <c r="C1203" s="73"/>
      <c r="D1203" s="64"/>
      <c r="E1203" s="64"/>
      <c r="F1203" s="55"/>
      <c r="G1203" s="102"/>
      <c r="H1203" s="55"/>
      <c r="I1203" s="55"/>
      <c r="J1203" s="55"/>
      <c r="K1203" s="55"/>
      <c r="L1203" s="55"/>
      <c r="M1203" s="55"/>
      <c r="N1203" s="55"/>
      <c r="O1203" s="55"/>
      <c r="P1203" s="55"/>
      <c r="Q1203" s="55"/>
      <c r="R1203" s="55"/>
      <c r="S1203" s="55"/>
      <c r="T1203" s="55"/>
      <c r="U1203" s="55"/>
      <c r="V1203" s="55"/>
      <c r="W1203" s="55"/>
      <c r="X1203" s="55"/>
      <c r="Y1203" s="55"/>
      <c r="Z1203" s="55"/>
      <c r="AA1203" s="55"/>
      <c r="AB1203" s="55"/>
      <c r="AC1203" s="55"/>
      <c r="AD1203" s="55"/>
      <c r="AE1203" s="55"/>
      <c r="AF1203" s="55"/>
      <c r="AG1203" s="55"/>
      <c r="AY1203" s="162"/>
      <c r="AZ1203" s="162"/>
      <c r="BA1203" s="162"/>
      <c r="BB1203" s="162"/>
      <c r="BC1203" s="162"/>
      <c r="BD1203" s="162"/>
      <c r="BE1203" s="162"/>
      <c r="BF1203" s="162"/>
      <c r="BG1203" s="162"/>
      <c r="BH1203" s="162"/>
      <c r="BI1203" s="162"/>
      <c r="BJ1203" s="162"/>
      <c r="BK1203" s="162"/>
      <c r="BL1203" s="162"/>
      <c r="BM1203" s="162"/>
      <c r="BN1203" s="162"/>
      <c r="BO1203" s="162"/>
      <c r="BP1203" s="162"/>
      <c r="BQ1203" s="162"/>
      <c r="BR1203" s="162"/>
      <c r="BS1203" s="162"/>
      <c r="BT1203" s="162"/>
      <c r="BU1203" s="162"/>
      <c r="BV1203" s="162"/>
      <c r="BW1203" s="162"/>
      <c r="BX1203" s="162"/>
      <c r="BY1203" s="162"/>
      <c r="BZ1203" s="162"/>
      <c r="CA1203" s="162"/>
      <c r="CB1203" s="162"/>
      <c r="CC1203" s="162"/>
      <c r="CD1203" s="162"/>
      <c r="CE1203" s="162"/>
      <c r="CF1203" s="162"/>
      <c r="CG1203" s="162"/>
      <c r="CH1203" s="162"/>
      <c r="CI1203" s="162"/>
      <c r="CJ1203" s="162"/>
      <c r="CK1203" s="162"/>
      <c r="CX1203" s="98"/>
      <c r="DL1203" s="97"/>
      <c r="DX1203" s="98"/>
      <c r="EL1203" s="97"/>
      <c r="EX1203" s="98"/>
      <c r="EY1203" s="97"/>
      <c r="FL1203" s="126"/>
      <c r="FM1203" s="91"/>
      <c r="FN1203" s="91"/>
      <c r="FO1203" s="91"/>
      <c r="FP1203" s="91"/>
      <c r="FQ1203" s="91"/>
      <c r="FR1203" s="91"/>
      <c r="FS1203" s="91"/>
      <c r="FT1203" s="91"/>
      <c r="FU1203" s="91"/>
      <c r="FV1203" s="91"/>
      <c r="FW1203" s="91"/>
      <c r="FX1203" s="91"/>
      <c r="FY1203" s="91"/>
      <c r="FZ1203" s="91"/>
      <c r="GA1203" s="91"/>
      <c r="GB1203" s="91"/>
      <c r="GC1203" s="91"/>
      <c r="GD1203" s="91"/>
      <c r="GE1203" s="91"/>
      <c r="GF1203" s="91"/>
      <c r="GG1203" s="91"/>
      <c r="GH1203" s="91"/>
      <c r="GI1203" s="91"/>
      <c r="GJ1203" s="91"/>
      <c r="GK1203" s="127"/>
      <c r="GL1203" s="126"/>
      <c r="GM1203" s="91"/>
      <c r="GN1203" s="91"/>
      <c r="GO1203" s="91"/>
      <c r="GP1203" s="91"/>
      <c r="GQ1203" s="91"/>
      <c r="GR1203" s="91"/>
      <c r="GS1203" s="91"/>
      <c r="GT1203" s="91"/>
      <c r="GU1203" s="91"/>
      <c r="GV1203" s="91"/>
      <c r="GW1203" s="91"/>
      <c r="GX1203" s="91"/>
      <c r="GY1203" s="91"/>
      <c r="GZ1203" s="91"/>
      <c r="HA1203" s="91"/>
      <c r="HB1203" s="91"/>
      <c r="HC1203" s="91"/>
      <c r="HD1203" s="91"/>
      <c r="HE1203" s="91"/>
      <c r="HF1203" s="91"/>
      <c r="HG1203" s="91"/>
      <c r="HH1203" s="91"/>
      <c r="HI1203" s="91"/>
      <c r="HJ1203" s="91"/>
      <c r="HK1203" s="127"/>
      <c r="HL1203" s="126"/>
      <c r="HM1203" s="91"/>
      <c r="HN1203" s="91"/>
      <c r="HO1203" s="91"/>
      <c r="HP1203" s="91"/>
      <c r="HQ1203" s="91"/>
      <c r="HR1203" s="91"/>
      <c r="HS1203" s="91"/>
      <c r="HT1203" s="91"/>
      <c r="HU1203" s="91"/>
      <c r="HV1203" s="91"/>
      <c r="HW1203" s="91"/>
      <c r="HX1203" s="91"/>
      <c r="HY1203" s="91"/>
      <c r="HZ1203" s="91"/>
      <c r="IA1203" s="91"/>
      <c r="IB1203" s="91"/>
      <c r="IC1203" s="91"/>
      <c r="ID1203" s="91"/>
      <c r="IE1203" s="91"/>
      <c r="IF1203" s="91"/>
      <c r="IG1203" s="91"/>
      <c r="IH1203" s="91"/>
      <c r="II1203" s="91"/>
      <c r="IJ1203" s="91"/>
      <c r="IK1203" s="127"/>
    </row>
    <row r="1204" spans="2:245" x14ac:dyDescent="0.2">
      <c r="B1204" s="43"/>
      <c r="C1204" s="73"/>
      <c r="D1204" s="64"/>
      <c r="E1204" s="64"/>
      <c r="F1204" s="55"/>
      <c r="G1204" s="102"/>
      <c r="H1204" s="55"/>
      <c r="I1204" s="55"/>
      <c r="J1204" s="55"/>
      <c r="K1204" s="55"/>
      <c r="L1204" s="55"/>
      <c r="M1204" s="55"/>
      <c r="N1204" s="55"/>
      <c r="O1204" s="55"/>
      <c r="P1204" s="55"/>
      <c r="Q1204" s="55"/>
      <c r="R1204" s="55"/>
      <c r="S1204" s="55"/>
      <c r="T1204" s="55"/>
      <c r="U1204" s="55"/>
      <c r="V1204" s="55"/>
      <c r="W1204" s="55"/>
      <c r="X1204" s="55"/>
      <c r="Y1204" s="55"/>
      <c r="Z1204" s="55"/>
      <c r="AA1204" s="55"/>
      <c r="AB1204" s="55"/>
      <c r="AC1204" s="55"/>
      <c r="AD1204" s="55"/>
      <c r="AE1204" s="55"/>
      <c r="AF1204" s="55"/>
      <c r="AG1204" s="55"/>
      <c r="AY1204" s="162"/>
      <c r="AZ1204" s="162"/>
      <c r="BA1204" s="162"/>
      <c r="BB1204" s="162"/>
      <c r="BC1204" s="162"/>
      <c r="BD1204" s="162"/>
      <c r="BE1204" s="162"/>
      <c r="BF1204" s="162"/>
      <c r="BG1204" s="162"/>
      <c r="BH1204" s="162"/>
      <c r="BI1204" s="162"/>
      <c r="BJ1204" s="162"/>
      <c r="BK1204" s="162"/>
      <c r="BL1204" s="162"/>
      <c r="BM1204" s="162"/>
      <c r="BN1204" s="162"/>
      <c r="BO1204" s="162"/>
      <c r="BP1204" s="162"/>
      <c r="BQ1204" s="162"/>
      <c r="BR1204" s="162"/>
      <c r="BS1204" s="162"/>
      <c r="BT1204" s="162"/>
      <c r="BU1204" s="162"/>
      <c r="BV1204" s="162"/>
      <c r="BW1204" s="162"/>
      <c r="BX1204" s="162"/>
      <c r="BY1204" s="162"/>
      <c r="BZ1204" s="162"/>
      <c r="CA1204" s="162"/>
      <c r="CB1204" s="162"/>
      <c r="CC1204" s="162"/>
      <c r="CD1204" s="162"/>
      <c r="CE1204" s="162"/>
      <c r="CF1204" s="162"/>
      <c r="CG1204" s="162"/>
      <c r="CH1204" s="162"/>
      <c r="CI1204" s="162"/>
      <c r="CJ1204" s="162"/>
      <c r="CK1204" s="162"/>
      <c r="CX1204" s="98"/>
      <c r="DL1204" s="97"/>
      <c r="DX1204" s="98"/>
      <c r="EL1204" s="97"/>
      <c r="EX1204" s="98"/>
      <c r="EY1204" s="97"/>
      <c r="FL1204" s="126"/>
      <c r="FM1204" s="91"/>
      <c r="FN1204" s="91"/>
      <c r="FO1204" s="91"/>
      <c r="FP1204" s="91"/>
      <c r="FQ1204" s="91"/>
      <c r="FR1204" s="91"/>
      <c r="FS1204" s="91"/>
      <c r="FT1204" s="91"/>
      <c r="FU1204" s="91"/>
      <c r="FV1204" s="91"/>
      <c r="FW1204" s="91"/>
      <c r="FX1204" s="91"/>
      <c r="FY1204" s="91"/>
      <c r="FZ1204" s="91"/>
      <c r="GA1204" s="91"/>
      <c r="GB1204" s="91"/>
      <c r="GC1204" s="91"/>
      <c r="GD1204" s="91"/>
      <c r="GE1204" s="91"/>
      <c r="GF1204" s="91"/>
      <c r="GG1204" s="91"/>
      <c r="GH1204" s="91"/>
      <c r="GI1204" s="91"/>
      <c r="GJ1204" s="91"/>
      <c r="GK1204" s="127"/>
      <c r="GL1204" s="126"/>
      <c r="GM1204" s="91"/>
      <c r="GN1204" s="91"/>
      <c r="GO1204" s="91"/>
      <c r="GP1204" s="91"/>
      <c r="GQ1204" s="91"/>
      <c r="GR1204" s="91"/>
      <c r="GS1204" s="91"/>
      <c r="GT1204" s="91"/>
      <c r="GU1204" s="91"/>
      <c r="GV1204" s="91"/>
      <c r="GW1204" s="91"/>
      <c r="GX1204" s="91"/>
      <c r="GY1204" s="91"/>
      <c r="GZ1204" s="91"/>
      <c r="HA1204" s="91"/>
      <c r="HB1204" s="91"/>
      <c r="HC1204" s="91"/>
      <c r="HD1204" s="91"/>
      <c r="HE1204" s="91"/>
      <c r="HF1204" s="91"/>
      <c r="HG1204" s="91"/>
      <c r="HH1204" s="91"/>
      <c r="HI1204" s="91"/>
      <c r="HJ1204" s="91"/>
      <c r="HK1204" s="127"/>
      <c r="HL1204" s="126"/>
      <c r="HM1204" s="91"/>
      <c r="HN1204" s="91"/>
      <c r="HO1204" s="91"/>
      <c r="HP1204" s="91"/>
      <c r="HQ1204" s="91"/>
      <c r="HR1204" s="91"/>
      <c r="HS1204" s="91"/>
      <c r="HT1204" s="91"/>
      <c r="HU1204" s="91"/>
      <c r="HV1204" s="91"/>
      <c r="HW1204" s="91"/>
      <c r="HX1204" s="91"/>
      <c r="HY1204" s="91"/>
      <c r="HZ1204" s="91"/>
      <c r="IA1204" s="91"/>
      <c r="IB1204" s="91"/>
      <c r="IC1204" s="91"/>
      <c r="ID1204" s="91"/>
      <c r="IE1204" s="91"/>
      <c r="IF1204" s="91"/>
      <c r="IG1204" s="91"/>
      <c r="IH1204" s="91"/>
      <c r="II1204" s="91"/>
      <c r="IJ1204" s="91"/>
      <c r="IK1204" s="127"/>
    </row>
    <row r="1205" spans="2:245" x14ac:dyDescent="0.2">
      <c r="B1205" s="43"/>
      <c r="C1205" s="73"/>
      <c r="D1205" s="64"/>
      <c r="E1205" s="64"/>
      <c r="F1205" s="55"/>
      <c r="G1205" s="102"/>
      <c r="H1205" s="55"/>
      <c r="I1205" s="55"/>
      <c r="J1205" s="55"/>
      <c r="K1205" s="55"/>
      <c r="L1205" s="55"/>
      <c r="M1205" s="55"/>
      <c r="N1205" s="55"/>
      <c r="O1205" s="55"/>
      <c r="P1205" s="55"/>
      <c r="Q1205" s="55"/>
      <c r="R1205" s="55"/>
      <c r="S1205" s="55"/>
      <c r="T1205" s="55"/>
      <c r="U1205" s="55"/>
      <c r="V1205" s="55"/>
      <c r="W1205" s="55"/>
      <c r="X1205" s="55"/>
      <c r="Y1205" s="55"/>
      <c r="Z1205" s="55"/>
      <c r="AA1205" s="55"/>
      <c r="AB1205" s="55"/>
      <c r="AC1205" s="55"/>
      <c r="AD1205" s="55"/>
      <c r="AE1205" s="55"/>
      <c r="AF1205" s="55"/>
      <c r="AG1205" s="55"/>
      <c r="AY1205" s="162"/>
      <c r="AZ1205" s="162"/>
      <c r="BA1205" s="162"/>
      <c r="BB1205" s="162"/>
      <c r="BC1205" s="162"/>
      <c r="BD1205" s="162"/>
      <c r="BE1205" s="162"/>
      <c r="BF1205" s="162"/>
      <c r="BG1205" s="162"/>
      <c r="BH1205" s="162"/>
      <c r="BI1205" s="162"/>
      <c r="BJ1205" s="162"/>
      <c r="BK1205" s="162"/>
      <c r="BL1205" s="162"/>
      <c r="BM1205" s="162"/>
      <c r="BN1205" s="162"/>
      <c r="BO1205" s="162"/>
      <c r="BP1205" s="162"/>
      <c r="BQ1205" s="162"/>
      <c r="BR1205" s="162"/>
      <c r="BS1205" s="162"/>
      <c r="BT1205" s="162"/>
      <c r="BU1205" s="162"/>
      <c r="BV1205" s="162"/>
      <c r="BW1205" s="162"/>
      <c r="BX1205" s="162"/>
      <c r="BY1205" s="162"/>
      <c r="BZ1205" s="162"/>
      <c r="CA1205" s="162"/>
      <c r="CB1205" s="162"/>
      <c r="CC1205" s="162"/>
      <c r="CD1205" s="162"/>
      <c r="CE1205" s="162"/>
      <c r="CF1205" s="162"/>
      <c r="CG1205" s="162"/>
      <c r="CH1205" s="162"/>
      <c r="CI1205" s="162"/>
      <c r="CJ1205" s="162"/>
      <c r="CK1205" s="162"/>
      <c r="CX1205" s="98"/>
      <c r="DL1205" s="97"/>
      <c r="DX1205" s="98"/>
      <c r="EL1205" s="97"/>
      <c r="EX1205" s="98"/>
      <c r="EY1205" s="97"/>
      <c r="FL1205" s="126"/>
      <c r="FM1205" s="91"/>
      <c r="FN1205" s="91"/>
      <c r="FO1205" s="91"/>
      <c r="FP1205" s="91"/>
      <c r="FQ1205" s="91"/>
      <c r="FR1205" s="91"/>
      <c r="FS1205" s="91"/>
      <c r="FT1205" s="91"/>
      <c r="FU1205" s="91"/>
      <c r="FV1205" s="91"/>
      <c r="FW1205" s="91"/>
      <c r="FX1205" s="91"/>
      <c r="FY1205" s="91"/>
      <c r="FZ1205" s="91"/>
      <c r="GA1205" s="91"/>
      <c r="GB1205" s="91"/>
      <c r="GC1205" s="91"/>
      <c r="GD1205" s="91"/>
      <c r="GE1205" s="91"/>
      <c r="GF1205" s="91"/>
      <c r="GG1205" s="91"/>
      <c r="GH1205" s="91"/>
      <c r="GI1205" s="91"/>
      <c r="GJ1205" s="91"/>
      <c r="GK1205" s="127"/>
      <c r="GL1205" s="126"/>
      <c r="GM1205" s="91"/>
      <c r="GN1205" s="91"/>
      <c r="GO1205" s="91"/>
      <c r="GP1205" s="91"/>
      <c r="GQ1205" s="91"/>
      <c r="GR1205" s="91"/>
      <c r="GS1205" s="91"/>
      <c r="GT1205" s="91"/>
      <c r="GU1205" s="91"/>
      <c r="GV1205" s="91"/>
      <c r="GW1205" s="91"/>
      <c r="GX1205" s="91"/>
      <c r="GY1205" s="91"/>
      <c r="GZ1205" s="91"/>
      <c r="HA1205" s="91"/>
      <c r="HB1205" s="91"/>
      <c r="HC1205" s="91"/>
      <c r="HD1205" s="91"/>
      <c r="HE1205" s="91"/>
      <c r="HF1205" s="91"/>
      <c r="HG1205" s="91"/>
      <c r="HH1205" s="91"/>
      <c r="HI1205" s="91"/>
      <c r="HJ1205" s="91"/>
      <c r="HK1205" s="127"/>
      <c r="HL1205" s="126"/>
      <c r="HM1205" s="91"/>
      <c r="HN1205" s="91"/>
      <c r="HO1205" s="91"/>
      <c r="HP1205" s="91"/>
      <c r="HQ1205" s="91"/>
      <c r="HR1205" s="91"/>
      <c r="HS1205" s="91"/>
      <c r="HT1205" s="91"/>
      <c r="HU1205" s="91"/>
      <c r="HV1205" s="91"/>
      <c r="HW1205" s="91"/>
      <c r="HX1205" s="91"/>
      <c r="HY1205" s="91"/>
      <c r="HZ1205" s="91"/>
      <c r="IA1205" s="91"/>
      <c r="IB1205" s="91"/>
      <c r="IC1205" s="91"/>
      <c r="ID1205" s="91"/>
      <c r="IE1205" s="91"/>
      <c r="IF1205" s="91"/>
      <c r="IG1205" s="91"/>
      <c r="IH1205" s="91"/>
      <c r="II1205" s="91"/>
      <c r="IJ1205" s="91"/>
      <c r="IK1205" s="127"/>
    </row>
    <row r="1206" spans="2:245" x14ac:dyDescent="0.2">
      <c r="B1206" s="43"/>
      <c r="C1206" s="73"/>
      <c r="D1206" s="64"/>
      <c r="E1206" s="64"/>
      <c r="F1206" s="55"/>
      <c r="G1206" s="102"/>
      <c r="H1206" s="55"/>
      <c r="I1206" s="55"/>
      <c r="J1206" s="55"/>
      <c r="K1206" s="55"/>
      <c r="L1206" s="55"/>
      <c r="M1206" s="55"/>
      <c r="N1206" s="55"/>
      <c r="O1206" s="55"/>
      <c r="P1206" s="55"/>
      <c r="Q1206" s="55"/>
      <c r="R1206" s="55"/>
      <c r="S1206" s="55"/>
      <c r="T1206" s="55"/>
      <c r="U1206" s="55"/>
      <c r="V1206" s="55"/>
      <c r="W1206" s="55"/>
      <c r="X1206" s="55"/>
      <c r="Y1206" s="55"/>
      <c r="Z1206" s="55"/>
      <c r="AA1206" s="55"/>
      <c r="AB1206" s="55"/>
      <c r="AC1206" s="55"/>
      <c r="AD1206" s="55"/>
      <c r="AE1206" s="55"/>
      <c r="AF1206" s="55"/>
      <c r="AG1206" s="55"/>
      <c r="AY1206" s="162"/>
      <c r="AZ1206" s="162"/>
      <c r="BA1206" s="162"/>
      <c r="BB1206" s="162"/>
      <c r="BC1206" s="162"/>
      <c r="BD1206" s="162"/>
      <c r="BE1206" s="162"/>
      <c r="BF1206" s="162"/>
      <c r="BG1206" s="162"/>
      <c r="BH1206" s="162"/>
      <c r="BI1206" s="162"/>
      <c r="BJ1206" s="162"/>
      <c r="BK1206" s="162"/>
      <c r="BL1206" s="162"/>
      <c r="BM1206" s="162"/>
      <c r="BN1206" s="162"/>
      <c r="BO1206" s="162"/>
      <c r="BP1206" s="162"/>
      <c r="BQ1206" s="162"/>
      <c r="BR1206" s="162"/>
      <c r="BS1206" s="162"/>
      <c r="BT1206" s="162"/>
      <c r="BU1206" s="162"/>
      <c r="BV1206" s="162"/>
      <c r="BW1206" s="162"/>
      <c r="BX1206" s="162"/>
      <c r="BY1206" s="162"/>
      <c r="BZ1206" s="162"/>
      <c r="CA1206" s="162"/>
      <c r="CB1206" s="162"/>
      <c r="CC1206" s="162"/>
      <c r="CD1206" s="162"/>
      <c r="CE1206" s="162"/>
      <c r="CF1206" s="162"/>
      <c r="CG1206" s="162"/>
      <c r="CH1206" s="162"/>
      <c r="CI1206" s="162"/>
      <c r="CJ1206" s="162"/>
      <c r="CK1206" s="162"/>
      <c r="CX1206" s="98"/>
      <c r="DL1206" s="97"/>
      <c r="DX1206" s="98"/>
      <c r="EL1206" s="97"/>
      <c r="EX1206" s="98"/>
      <c r="EY1206" s="97"/>
      <c r="FL1206" s="126"/>
      <c r="FM1206" s="91"/>
      <c r="FN1206" s="91"/>
      <c r="FO1206" s="91"/>
      <c r="FP1206" s="91"/>
      <c r="FQ1206" s="91"/>
      <c r="FR1206" s="91"/>
      <c r="FS1206" s="91"/>
      <c r="FT1206" s="91"/>
      <c r="FU1206" s="91"/>
      <c r="FV1206" s="91"/>
      <c r="FW1206" s="91"/>
      <c r="FX1206" s="91"/>
      <c r="FY1206" s="91"/>
      <c r="FZ1206" s="91"/>
      <c r="GA1206" s="91"/>
      <c r="GB1206" s="91"/>
      <c r="GC1206" s="91"/>
      <c r="GD1206" s="91"/>
      <c r="GE1206" s="91"/>
      <c r="GF1206" s="91"/>
      <c r="GG1206" s="91"/>
      <c r="GH1206" s="91"/>
      <c r="GI1206" s="91"/>
      <c r="GJ1206" s="91"/>
      <c r="GK1206" s="127"/>
      <c r="GL1206" s="126"/>
      <c r="GM1206" s="91"/>
      <c r="GN1206" s="91"/>
      <c r="GO1206" s="91"/>
      <c r="GP1206" s="91"/>
      <c r="GQ1206" s="91"/>
      <c r="GR1206" s="91"/>
      <c r="GS1206" s="91"/>
      <c r="GT1206" s="91"/>
      <c r="GU1206" s="91"/>
      <c r="GV1206" s="91"/>
      <c r="GW1206" s="91"/>
      <c r="GX1206" s="91"/>
      <c r="GY1206" s="91"/>
      <c r="GZ1206" s="91"/>
      <c r="HA1206" s="91"/>
      <c r="HB1206" s="91"/>
      <c r="HC1206" s="91"/>
      <c r="HD1206" s="91"/>
      <c r="HE1206" s="91"/>
      <c r="HF1206" s="91"/>
      <c r="HG1206" s="91"/>
      <c r="HH1206" s="91"/>
      <c r="HI1206" s="91"/>
      <c r="HJ1206" s="91"/>
      <c r="HK1206" s="127"/>
      <c r="HL1206" s="126"/>
      <c r="HM1206" s="91"/>
      <c r="HN1206" s="91"/>
      <c r="HO1206" s="91"/>
      <c r="HP1206" s="91"/>
      <c r="HQ1206" s="91"/>
      <c r="HR1206" s="91"/>
      <c r="HS1206" s="91"/>
      <c r="HT1206" s="91"/>
      <c r="HU1206" s="91"/>
      <c r="HV1206" s="91"/>
      <c r="HW1206" s="91"/>
      <c r="HX1206" s="91"/>
      <c r="HY1206" s="91"/>
      <c r="HZ1206" s="91"/>
      <c r="IA1206" s="91"/>
      <c r="IB1206" s="91"/>
      <c r="IC1206" s="91"/>
      <c r="ID1206" s="91"/>
      <c r="IE1206" s="91"/>
      <c r="IF1206" s="91"/>
      <c r="IG1206" s="91"/>
      <c r="IH1206" s="91"/>
      <c r="II1206" s="91"/>
      <c r="IJ1206" s="91"/>
      <c r="IK1206" s="127"/>
    </row>
    <row r="1207" spans="2:245" x14ac:dyDescent="0.2">
      <c r="B1207" s="43"/>
      <c r="C1207" s="73"/>
      <c r="D1207" s="64"/>
      <c r="E1207" s="64"/>
      <c r="F1207" s="55"/>
      <c r="G1207" s="102"/>
      <c r="H1207" s="55"/>
      <c r="I1207" s="55"/>
      <c r="J1207" s="55"/>
      <c r="K1207" s="55"/>
      <c r="L1207" s="55"/>
      <c r="M1207" s="55"/>
      <c r="N1207" s="55"/>
      <c r="O1207" s="55"/>
      <c r="P1207" s="55"/>
      <c r="Q1207" s="55"/>
      <c r="R1207" s="55"/>
      <c r="S1207" s="55"/>
      <c r="T1207" s="55"/>
      <c r="U1207" s="55"/>
      <c r="V1207" s="55"/>
      <c r="W1207" s="55"/>
      <c r="X1207" s="55"/>
      <c r="Y1207" s="55"/>
      <c r="Z1207" s="55"/>
      <c r="AA1207" s="55"/>
      <c r="AB1207" s="55"/>
      <c r="AC1207" s="55"/>
      <c r="AD1207" s="55"/>
      <c r="AE1207" s="55"/>
      <c r="AF1207" s="55"/>
      <c r="AG1207" s="55"/>
      <c r="AY1207" s="162"/>
      <c r="AZ1207" s="162"/>
      <c r="BA1207" s="162"/>
      <c r="BB1207" s="162"/>
      <c r="BC1207" s="162"/>
      <c r="BD1207" s="162"/>
      <c r="BE1207" s="162"/>
      <c r="BF1207" s="162"/>
      <c r="BG1207" s="162"/>
      <c r="BH1207" s="162"/>
      <c r="BI1207" s="162"/>
      <c r="BJ1207" s="162"/>
      <c r="BK1207" s="162"/>
      <c r="BL1207" s="162"/>
      <c r="BM1207" s="162"/>
      <c r="BN1207" s="162"/>
      <c r="BO1207" s="162"/>
      <c r="BP1207" s="162"/>
      <c r="BQ1207" s="162"/>
      <c r="BR1207" s="162"/>
      <c r="BS1207" s="162"/>
      <c r="BT1207" s="162"/>
      <c r="BU1207" s="162"/>
      <c r="BV1207" s="162"/>
      <c r="BW1207" s="162"/>
      <c r="BX1207" s="162"/>
      <c r="BY1207" s="162"/>
      <c r="BZ1207" s="162"/>
      <c r="CA1207" s="162"/>
      <c r="CB1207" s="162"/>
      <c r="CC1207" s="162"/>
      <c r="CD1207" s="162"/>
      <c r="CE1207" s="162"/>
      <c r="CF1207" s="162"/>
      <c r="CG1207" s="162"/>
      <c r="CH1207" s="162"/>
      <c r="CI1207" s="162"/>
      <c r="CJ1207" s="162"/>
      <c r="CK1207" s="162"/>
      <c r="CX1207" s="98"/>
      <c r="DL1207" s="97"/>
      <c r="DX1207" s="98"/>
      <c r="EL1207" s="97"/>
      <c r="EX1207" s="98"/>
      <c r="EY1207" s="97"/>
      <c r="FL1207" s="126"/>
      <c r="FM1207" s="91"/>
      <c r="FN1207" s="91"/>
      <c r="FO1207" s="91"/>
      <c r="FP1207" s="91"/>
      <c r="FQ1207" s="91"/>
      <c r="FR1207" s="91"/>
      <c r="FS1207" s="91"/>
      <c r="FT1207" s="91"/>
      <c r="FU1207" s="91"/>
      <c r="FV1207" s="91"/>
      <c r="FW1207" s="91"/>
      <c r="FX1207" s="91"/>
      <c r="FY1207" s="91"/>
      <c r="FZ1207" s="91"/>
      <c r="GA1207" s="91"/>
      <c r="GB1207" s="91"/>
      <c r="GC1207" s="91"/>
      <c r="GD1207" s="91"/>
      <c r="GE1207" s="91"/>
      <c r="GF1207" s="91"/>
      <c r="GG1207" s="91"/>
      <c r="GH1207" s="91"/>
      <c r="GI1207" s="91"/>
      <c r="GJ1207" s="91"/>
      <c r="GK1207" s="127"/>
      <c r="GL1207" s="126"/>
      <c r="GM1207" s="91"/>
      <c r="GN1207" s="91"/>
      <c r="GO1207" s="91"/>
      <c r="GP1207" s="91"/>
      <c r="GQ1207" s="91"/>
      <c r="GR1207" s="91"/>
      <c r="GS1207" s="91"/>
      <c r="GT1207" s="91"/>
      <c r="GU1207" s="91"/>
      <c r="GV1207" s="91"/>
      <c r="GW1207" s="91"/>
      <c r="GX1207" s="91"/>
      <c r="GY1207" s="91"/>
      <c r="GZ1207" s="91"/>
      <c r="HA1207" s="91"/>
      <c r="HB1207" s="91"/>
      <c r="HC1207" s="91"/>
      <c r="HD1207" s="91"/>
      <c r="HE1207" s="91"/>
      <c r="HF1207" s="91"/>
      <c r="HG1207" s="91"/>
      <c r="HH1207" s="91"/>
      <c r="HI1207" s="91"/>
      <c r="HJ1207" s="91"/>
      <c r="HK1207" s="127"/>
      <c r="HL1207" s="126"/>
      <c r="HM1207" s="91"/>
      <c r="HN1207" s="91"/>
      <c r="HO1207" s="91"/>
      <c r="HP1207" s="91"/>
      <c r="HQ1207" s="91"/>
      <c r="HR1207" s="91"/>
      <c r="HS1207" s="91"/>
      <c r="HT1207" s="91"/>
      <c r="HU1207" s="91"/>
      <c r="HV1207" s="91"/>
      <c r="HW1207" s="91"/>
      <c r="HX1207" s="91"/>
      <c r="HY1207" s="91"/>
      <c r="HZ1207" s="91"/>
      <c r="IA1207" s="91"/>
      <c r="IB1207" s="91"/>
      <c r="IC1207" s="91"/>
      <c r="ID1207" s="91"/>
      <c r="IE1207" s="91"/>
      <c r="IF1207" s="91"/>
      <c r="IG1207" s="91"/>
      <c r="IH1207" s="91"/>
      <c r="II1207" s="91"/>
      <c r="IJ1207" s="91"/>
      <c r="IK1207" s="127"/>
    </row>
    <row r="1208" spans="2:245" x14ac:dyDescent="0.2">
      <c r="B1208" s="43"/>
      <c r="C1208" s="73"/>
      <c r="D1208" s="64"/>
      <c r="E1208" s="64"/>
      <c r="F1208" s="55"/>
      <c r="G1208" s="102"/>
      <c r="H1208" s="55"/>
      <c r="I1208" s="55"/>
      <c r="J1208" s="55"/>
      <c r="K1208" s="55"/>
      <c r="L1208" s="55"/>
      <c r="M1208" s="55"/>
      <c r="N1208" s="55"/>
      <c r="O1208" s="55"/>
      <c r="P1208" s="55"/>
      <c r="Q1208" s="55"/>
      <c r="R1208" s="55"/>
      <c r="S1208" s="55"/>
      <c r="T1208" s="55"/>
      <c r="U1208" s="55"/>
      <c r="V1208" s="55"/>
      <c r="W1208" s="55"/>
      <c r="X1208" s="55"/>
      <c r="Y1208" s="55"/>
      <c r="Z1208" s="55"/>
      <c r="AA1208" s="55"/>
      <c r="AB1208" s="55"/>
      <c r="AC1208" s="55"/>
      <c r="AD1208" s="55"/>
      <c r="AE1208" s="55"/>
      <c r="AF1208" s="55"/>
      <c r="AG1208" s="55"/>
      <c r="AY1208" s="162"/>
      <c r="AZ1208" s="162"/>
      <c r="BA1208" s="162"/>
      <c r="BB1208" s="162"/>
      <c r="BC1208" s="162"/>
      <c r="BD1208" s="162"/>
      <c r="BE1208" s="162"/>
      <c r="BF1208" s="162"/>
      <c r="BG1208" s="162"/>
      <c r="BH1208" s="162"/>
      <c r="BI1208" s="162"/>
      <c r="BJ1208" s="162"/>
      <c r="BK1208" s="162"/>
      <c r="BL1208" s="162"/>
      <c r="BM1208" s="162"/>
      <c r="BN1208" s="162"/>
      <c r="BO1208" s="162"/>
      <c r="BP1208" s="162"/>
      <c r="BQ1208" s="162"/>
      <c r="BR1208" s="162"/>
      <c r="BS1208" s="162"/>
      <c r="BT1208" s="162"/>
      <c r="BU1208" s="162"/>
      <c r="BV1208" s="162"/>
      <c r="BW1208" s="162"/>
      <c r="BX1208" s="162"/>
      <c r="BY1208" s="162"/>
      <c r="BZ1208" s="162"/>
      <c r="CA1208" s="162"/>
      <c r="CB1208" s="162"/>
      <c r="CC1208" s="162"/>
      <c r="CD1208" s="162"/>
      <c r="CE1208" s="162"/>
      <c r="CF1208" s="162"/>
      <c r="CG1208" s="162"/>
      <c r="CH1208" s="162"/>
      <c r="CI1208" s="162"/>
      <c r="CJ1208" s="162"/>
      <c r="CK1208" s="162"/>
      <c r="CX1208" s="98"/>
      <c r="DL1208" s="97"/>
      <c r="DX1208" s="98"/>
      <c r="EL1208" s="97"/>
      <c r="EX1208" s="98"/>
      <c r="EY1208" s="97"/>
      <c r="FL1208" s="126"/>
      <c r="FM1208" s="91"/>
      <c r="FN1208" s="91"/>
      <c r="FO1208" s="91"/>
      <c r="FP1208" s="91"/>
      <c r="FQ1208" s="91"/>
      <c r="FR1208" s="91"/>
      <c r="FS1208" s="91"/>
      <c r="FT1208" s="91"/>
      <c r="FU1208" s="91"/>
      <c r="FV1208" s="91"/>
      <c r="FW1208" s="91"/>
      <c r="FX1208" s="91"/>
      <c r="FY1208" s="91"/>
      <c r="FZ1208" s="91"/>
      <c r="GA1208" s="91"/>
      <c r="GB1208" s="91"/>
      <c r="GC1208" s="91"/>
      <c r="GD1208" s="91"/>
      <c r="GE1208" s="91"/>
      <c r="GF1208" s="91"/>
      <c r="GG1208" s="91"/>
      <c r="GH1208" s="91"/>
      <c r="GI1208" s="91"/>
      <c r="GJ1208" s="91"/>
      <c r="GK1208" s="127"/>
      <c r="GL1208" s="126"/>
      <c r="GM1208" s="91"/>
      <c r="GN1208" s="91"/>
      <c r="GO1208" s="91"/>
      <c r="GP1208" s="91"/>
      <c r="GQ1208" s="91"/>
      <c r="GR1208" s="91"/>
      <c r="GS1208" s="91"/>
      <c r="GT1208" s="91"/>
      <c r="GU1208" s="91"/>
      <c r="GV1208" s="91"/>
      <c r="GW1208" s="91"/>
      <c r="GX1208" s="91"/>
      <c r="GY1208" s="91"/>
      <c r="GZ1208" s="91"/>
      <c r="HA1208" s="91"/>
      <c r="HB1208" s="91"/>
      <c r="HC1208" s="91"/>
      <c r="HD1208" s="91"/>
      <c r="HE1208" s="91"/>
      <c r="HF1208" s="91"/>
      <c r="HG1208" s="91"/>
      <c r="HH1208" s="91"/>
      <c r="HI1208" s="91"/>
      <c r="HJ1208" s="91"/>
      <c r="HK1208" s="127"/>
      <c r="HL1208" s="126"/>
      <c r="HM1208" s="91"/>
      <c r="HN1208" s="91"/>
      <c r="HO1208" s="91"/>
      <c r="HP1208" s="91"/>
      <c r="HQ1208" s="91"/>
      <c r="HR1208" s="91"/>
      <c r="HS1208" s="91"/>
      <c r="HT1208" s="91"/>
      <c r="HU1208" s="91"/>
      <c r="HV1208" s="91"/>
      <c r="HW1208" s="91"/>
      <c r="HX1208" s="91"/>
      <c r="HY1208" s="91"/>
      <c r="HZ1208" s="91"/>
      <c r="IA1208" s="91"/>
      <c r="IB1208" s="91"/>
      <c r="IC1208" s="91"/>
      <c r="ID1208" s="91"/>
      <c r="IE1208" s="91"/>
      <c r="IF1208" s="91"/>
      <c r="IG1208" s="91"/>
      <c r="IH1208" s="91"/>
      <c r="II1208" s="91"/>
      <c r="IJ1208" s="91"/>
      <c r="IK1208" s="127"/>
    </row>
    <row r="1209" spans="2:245" x14ac:dyDescent="0.2">
      <c r="B1209" s="43"/>
      <c r="C1209" s="73"/>
      <c r="D1209" s="64"/>
      <c r="E1209" s="64"/>
      <c r="F1209" s="55"/>
      <c r="G1209" s="102"/>
      <c r="H1209" s="55"/>
      <c r="I1209" s="55"/>
      <c r="J1209" s="55"/>
      <c r="K1209" s="55"/>
      <c r="L1209" s="55"/>
      <c r="M1209" s="55"/>
      <c r="N1209" s="55"/>
      <c r="O1209" s="55"/>
      <c r="P1209" s="55"/>
      <c r="Q1209" s="55"/>
      <c r="R1209" s="55"/>
      <c r="S1209" s="55"/>
      <c r="T1209" s="55"/>
      <c r="U1209" s="55"/>
      <c r="V1209" s="55"/>
      <c r="W1209" s="55"/>
      <c r="X1209" s="55"/>
      <c r="Y1209" s="55"/>
      <c r="Z1209" s="55"/>
      <c r="AA1209" s="55"/>
      <c r="AB1209" s="55"/>
      <c r="AC1209" s="55"/>
      <c r="AD1209" s="55"/>
      <c r="AE1209" s="55"/>
      <c r="AF1209" s="55"/>
      <c r="AG1209" s="55"/>
      <c r="AY1209" s="162"/>
      <c r="AZ1209" s="162"/>
      <c r="BA1209" s="162"/>
      <c r="BB1209" s="162"/>
      <c r="BC1209" s="162"/>
      <c r="BD1209" s="162"/>
      <c r="BE1209" s="162"/>
      <c r="BF1209" s="162"/>
      <c r="BG1209" s="162"/>
      <c r="BH1209" s="162"/>
      <c r="BI1209" s="162"/>
      <c r="BJ1209" s="162"/>
      <c r="BK1209" s="162"/>
      <c r="BL1209" s="162"/>
      <c r="BM1209" s="162"/>
      <c r="BN1209" s="162"/>
      <c r="BO1209" s="162"/>
      <c r="BP1209" s="162"/>
      <c r="BQ1209" s="162"/>
      <c r="BR1209" s="162"/>
      <c r="BS1209" s="162"/>
      <c r="BT1209" s="162"/>
      <c r="BU1209" s="162"/>
      <c r="BV1209" s="162"/>
      <c r="BW1209" s="162"/>
      <c r="BX1209" s="162"/>
      <c r="BY1209" s="162"/>
      <c r="BZ1209" s="162"/>
      <c r="CA1209" s="162"/>
      <c r="CB1209" s="162"/>
      <c r="CC1209" s="162"/>
      <c r="CD1209" s="162"/>
      <c r="CE1209" s="162"/>
      <c r="CF1209" s="162"/>
      <c r="CG1209" s="162"/>
      <c r="CH1209" s="162"/>
      <c r="CI1209" s="162"/>
      <c r="CJ1209" s="162"/>
      <c r="CK1209" s="162"/>
      <c r="CX1209" s="98"/>
      <c r="DL1209" s="97"/>
      <c r="DX1209" s="98"/>
      <c r="EL1209" s="97"/>
      <c r="EX1209" s="98"/>
      <c r="EY1209" s="97"/>
      <c r="FL1209" s="126"/>
      <c r="FM1209" s="91"/>
      <c r="FN1209" s="91"/>
      <c r="FO1209" s="91"/>
      <c r="FP1209" s="91"/>
      <c r="FQ1209" s="91"/>
      <c r="FR1209" s="91"/>
      <c r="FS1209" s="91"/>
      <c r="FT1209" s="91"/>
      <c r="FU1209" s="91"/>
      <c r="FV1209" s="91"/>
      <c r="FW1209" s="91"/>
      <c r="FX1209" s="91"/>
      <c r="FY1209" s="91"/>
      <c r="FZ1209" s="91"/>
      <c r="GA1209" s="91"/>
      <c r="GB1209" s="91"/>
      <c r="GC1209" s="91"/>
      <c r="GD1209" s="91"/>
      <c r="GE1209" s="91"/>
      <c r="GF1209" s="91"/>
      <c r="GG1209" s="91"/>
      <c r="GH1209" s="91"/>
      <c r="GI1209" s="91"/>
      <c r="GJ1209" s="91"/>
      <c r="GK1209" s="127"/>
      <c r="GL1209" s="126"/>
      <c r="GM1209" s="91"/>
      <c r="GN1209" s="91"/>
      <c r="GO1209" s="91"/>
      <c r="GP1209" s="91"/>
      <c r="GQ1209" s="91"/>
      <c r="GR1209" s="91"/>
      <c r="GS1209" s="91"/>
      <c r="GT1209" s="91"/>
      <c r="GU1209" s="91"/>
      <c r="GV1209" s="91"/>
      <c r="GW1209" s="91"/>
      <c r="GX1209" s="91"/>
      <c r="GY1209" s="91"/>
      <c r="GZ1209" s="91"/>
      <c r="HA1209" s="91"/>
      <c r="HB1209" s="91"/>
      <c r="HC1209" s="91"/>
      <c r="HD1209" s="91"/>
      <c r="HE1209" s="91"/>
      <c r="HF1209" s="91"/>
      <c r="HG1209" s="91"/>
      <c r="HH1209" s="91"/>
      <c r="HI1209" s="91"/>
      <c r="HJ1209" s="91"/>
      <c r="HK1209" s="127"/>
      <c r="HL1209" s="126"/>
      <c r="HM1209" s="91"/>
      <c r="HN1209" s="91"/>
      <c r="HO1209" s="91"/>
      <c r="HP1209" s="91"/>
      <c r="HQ1209" s="91"/>
      <c r="HR1209" s="91"/>
      <c r="HS1209" s="91"/>
      <c r="HT1209" s="91"/>
      <c r="HU1209" s="91"/>
      <c r="HV1209" s="91"/>
      <c r="HW1209" s="91"/>
      <c r="HX1209" s="91"/>
      <c r="HY1209" s="91"/>
      <c r="HZ1209" s="91"/>
      <c r="IA1209" s="91"/>
      <c r="IB1209" s="91"/>
      <c r="IC1209" s="91"/>
      <c r="ID1209" s="91"/>
      <c r="IE1209" s="91"/>
      <c r="IF1209" s="91"/>
      <c r="IG1209" s="91"/>
      <c r="IH1209" s="91"/>
      <c r="II1209" s="91"/>
      <c r="IJ1209" s="91"/>
      <c r="IK1209" s="127"/>
    </row>
    <row r="1210" spans="2:245" x14ac:dyDescent="0.2">
      <c r="B1210" s="43"/>
      <c r="C1210" s="73"/>
      <c r="D1210" s="64"/>
      <c r="E1210" s="64"/>
      <c r="F1210" s="55"/>
      <c r="G1210" s="102"/>
      <c r="H1210" s="55"/>
      <c r="I1210" s="55"/>
      <c r="J1210" s="55"/>
      <c r="K1210" s="55"/>
      <c r="L1210" s="55"/>
      <c r="M1210" s="55"/>
      <c r="N1210" s="55"/>
      <c r="O1210" s="55"/>
      <c r="P1210" s="55"/>
      <c r="Q1210" s="55"/>
      <c r="R1210" s="55"/>
      <c r="S1210" s="55"/>
      <c r="T1210" s="55"/>
      <c r="U1210" s="55"/>
      <c r="V1210" s="55"/>
      <c r="W1210" s="55"/>
      <c r="X1210" s="55"/>
      <c r="Y1210" s="55"/>
      <c r="Z1210" s="55"/>
      <c r="AA1210" s="55"/>
      <c r="AB1210" s="55"/>
      <c r="AC1210" s="55"/>
      <c r="AD1210" s="55"/>
      <c r="AE1210" s="55"/>
      <c r="AF1210" s="55"/>
      <c r="AG1210" s="55"/>
      <c r="AY1210" s="162"/>
      <c r="AZ1210" s="162"/>
      <c r="BA1210" s="162"/>
      <c r="BB1210" s="162"/>
      <c r="BC1210" s="162"/>
      <c r="BD1210" s="162"/>
      <c r="BE1210" s="162"/>
      <c r="BF1210" s="162"/>
      <c r="BG1210" s="162"/>
      <c r="BH1210" s="162"/>
      <c r="BI1210" s="162"/>
      <c r="BJ1210" s="162"/>
      <c r="BK1210" s="162"/>
      <c r="BL1210" s="162"/>
      <c r="BM1210" s="162"/>
      <c r="BN1210" s="162"/>
      <c r="BO1210" s="162"/>
      <c r="BP1210" s="162"/>
      <c r="BQ1210" s="162"/>
      <c r="BR1210" s="162"/>
      <c r="BS1210" s="162"/>
      <c r="BT1210" s="162"/>
      <c r="BU1210" s="162"/>
      <c r="BV1210" s="162"/>
      <c r="BW1210" s="162"/>
      <c r="BX1210" s="162"/>
      <c r="BY1210" s="162"/>
      <c r="BZ1210" s="162"/>
      <c r="CA1210" s="162"/>
      <c r="CB1210" s="162"/>
      <c r="CC1210" s="162"/>
      <c r="CD1210" s="162"/>
      <c r="CE1210" s="162"/>
      <c r="CF1210" s="162"/>
      <c r="CG1210" s="162"/>
      <c r="CH1210" s="162"/>
      <c r="CI1210" s="162"/>
      <c r="CJ1210" s="162"/>
      <c r="CK1210" s="162"/>
      <c r="CX1210" s="98"/>
      <c r="DL1210" s="97"/>
      <c r="DX1210" s="98"/>
      <c r="EL1210" s="97"/>
      <c r="EX1210" s="98"/>
      <c r="EY1210" s="97"/>
      <c r="FL1210" s="126"/>
      <c r="FM1210" s="91"/>
      <c r="FN1210" s="91"/>
      <c r="FO1210" s="91"/>
      <c r="FP1210" s="91"/>
      <c r="FQ1210" s="91"/>
      <c r="FR1210" s="91"/>
      <c r="FS1210" s="91"/>
      <c r="FT1210" s="91"/>
      <c r="FU1210" s="91"/>
      <c r="FV1210" s="91"/>
      <c r="FW1210" s="91"/>
      <c r="FX1210" s="91"/>
      <c r="FY1210" s="91"/>
      <c r="FZ1210" s="91"/>
      <c r="GA1210" s="91"/>
      <c r="GB1210" s="91"/>
      <c r="GC1210" s="91"/>
      <c r="GD1210" s="91"/>
      <c r="GE1210" s="91"/>
      <c r="GF1210" s="91"/>
      <c r="GG1210" s="91"/>
      <c r="GH1210" s="91"/>
      <c r="GI1210" s="91"/>
      <c r="GJ1210" s="91"/>
      <c r="GK1210" s="127"/>
      <c r="GL1210" s="126"/>
      <c r="GM1210" s="91"/>
      <c r="GN1210" s="91"/>
      <c r="GO1210" s="91"/>
      <c r="GP1210" s="91"/>
      <c r="GQ1210" s="91"/>
      <c r="GR1210" s="91"/>
      <c r="GS1210" s="91"/>
      <c r="GT1210" s="91"/>
      <c r="GU1210" s="91"/>
      <c r="GV1210" s="91"/>
      <c r="GW1210" s="91"/>
      <c r="GX1210" s="91"/>
      <c r="GY1210" s="91"/>
      <c r="GZ1210" s="91"/>
      <c r="HA1210" s="91"/>
      <c r="HB1210" s="91"/>
      <c r="HC1210" s="91"/>
      <c r="HD1210" s="91"/>
      <c r="HE1210" s="91"/>
      <c r="HF1210" s="91"/>
      <c r="HG1210" s="91"/>
      <c r="HH1210" s="91"/>
      <c r="HI1210" s="91"/>
      <c r="HJ1210" s="91"/>
      <c r="HK1210" s="127"/>
      <c r="HL1210" s="126"/>
      <c r="HM1210" s="91"/>
      <c r="HN1210" s="91"/>
      <c r="HO1210" s="91"/>
      <c r="HP1210" s="91"/>
      <c r="HQ1210" s="91"/>
      <c r="HR1210" s="91"/>
      <c r="HS1210" s="91"/>
      <c r="HT1210" s="91"/>
      <c r="HU1210" s="91"/>
      <c r="HV1210" s="91"/>
      <c r="HW1210" s="91"/>
      <c r="HX1210" s="91"/>
      <c r="HY1210" s="91"/>
      <c r="HZ1210" s="91"/>
      <c r="IA1210" s="91"/>
      <c r="IB1210" s="91"/>
      <c r="IC1210" s="91"/>
      <c r="ID1210" s="91"/>
      <c r="IE1210" s="91"/>
      <c r="IF1210" s="91"/>
      <c r="IG1210" s="91"/>
      <c r="IH1210" s="91"/>
      <c r="II1210" s="91"/>
      <c r="IJ1210" s="91"/>
      <c r="IK1210" s="127"/>
    </row>
    <row r="1211" spans="2:245" x14ac:dyDescent="0.2">
      <c r="B1211" s="43"/>
      <c r="C1211" s="73"/>
      <c r="D1211" s="64"/>
      <c r="E1211" s="64"/>
      <c r="F1211" s="55"/>
      <c r="G1211" s="102"/>
      <c r="H1211" s="55"/>
      <c r="I1211" s="55"/>
      <c r="J1211" s="55"/>
      <c r="K1211" s="55"/>
      <c r="L1211" s="55"/>
      <c r="M1211" s="55"/>
      <c r="N1211" s="55"/>
      <c r="O1211" s="55"/>
      <c r="P1211" s="55"/>
      <c r="Q1211" s="55"/>
      <c r="R1211" s="55"/>
      <c r="S1211" s="55"/>
      <c r="T1211" s="55"/>
      <c r="U1211" s="55"/>
      <c r="V1211" s="55"/>
      <c r="W1211" s="55"/>
      <c r="X1211" s="55"/>
      <c r="Y1211" s="55"/>
      <c r="Z1211" s="55"/>
      <c r="AA1211" s="55"/>
      <c r="AB1211" s="55"/>
      <c r="AC1211" s="55"/>
      <c r="AD1211" s="55"/>
      <c r="AE1211" s="55"/>
      <c r="AF1211" s="55"/>
      <c r="AG1211" s="55"/>
      <c r="AY1211" s="162"/>
      <c r="AZ1211" s="162"/>
      <c r="BA1211" s="162"/>
      <c r="BB1211" s="162"/>
      <c r="BC1211" s="162"/>
      <c r="BD1211" s="162"/>
      <c r="BE1211" s="162"/>
      <c r="BF1211" s="162"/>
      <c r="BG1211" s="162"/>
      <c r="BH1211" s="162"/>
      <c r="BI1211" s="162"/>
      <c r="BJ1211" s="162"/>
      <c r="BK1211" s="162"/>
      <c r="BL1211" s="162"/>
      <c r="BM1211" s="162"/>
      <c r="BN1211" s="162"/>
      <c r="BO1211" s="162"/>
      <c r="BP1211" s="162"/>
      <c r="BQ1211" s="162"/>
      <c r="BR1211" s="162"/>
      <c r="BS1211" s="162"/>
      <c r="BT1211" s="162"/>
      <c r="BU1211" s="162"/>
      <c r="BV1211" s="162"/>
      <c r="BW1211" s="162"/>
      <c r="BX1211" s="162"/>
      <c r="BY1211" s="162"/>
      <c r="BZ1211" s="162"/>
      <c r="CA1211" s="162"/>
      <c r="CB1211" s="162"/>
      <c r="CC1211" s="162"/>
      <c r="CD1211" s="162"/>
      <c r="CE1211" s="162"/>
      <c r="CF1211" s="162"/>
      <c r="CG1211" s="162"/>
      <c r="CH1211" s="162"/>
      <c r="CI1211" s="162"/>
      <c r="CJ1211" s="162"/>
      <c r="CK1211" s="162"/>
      <c r="CX1211" s="98"/>
      <c r="DL1211" s="97"/>
      <c r="DX1211" s="98"/>
      <c r="EL1211" s="97"/>
      <c r="EX1211" s="98"/>
      <c r="EY1211" s="97"/>
      <c r="FL1211" s="126"/>
      <c r="FM1211" s="91"/>
      <c r="FN1211" s="91"/>
      <c r="FO1211" s="91"/>
      <c r="FP1211" s="91"/>
      <c r="FQ1211" s="91"/>
      <c r="FR1211" s="91"/>
      <c r="FS1211" s="91"/>
      <c r="FT1211" s="91"/>
      <c r="FU1211" s="91"/>
      <c r="FV1211" s="91"/>
      <c r="FW1211" s="91"/>
      <c r="FX1211" s="91"/>
      <c r="FY1211" s="91"/>
      <c r="FZ1211" s="91"/>
      <c r="GA1211" s="91"/>
      <c r="GB1211" s="91"/>
      <c r="GC1211" s="91"/>
      <c r="GD1211" s="91"/>
      <c r="GE1211" s="91"/>
      <c r="GF1211" s="91"/>
      <c r="GG1211" s="91"/>
      <c r="GH1211" s="91"/>
      <c r="GI1211" s="91"/>
      <c r="GJ1211" s="91"/>
      <c r="GK1211" s="127"/>
      <c r="GL1211" s="126"/>
      <c r="GM1211" s="91"/>
      <c r="GN1211" s="91"/>
      <c r="GO1211" s="91"/>
      <c r="GP1211" s="91"/>
      <c r="GQ1211" s="91"/>
      <c r="GR1211" s="91"/>
      <c r="GS1211" s="91"/>
      <c r="GT1211" s="91"/>
      <c r="GU1211" s="91"/>
      <c r="GV1211" s="91"/>
      <c r="GW1211" s="91"/>
      <c r="GX1211" s="91"/>
      <c r="GY1211" s="91"/>
      <c r="GZ1211" s="91"/>
      <c r="HA1211" s="91"/>
      <c r="HB1211" s="91"/>
      <c r="HC1211" s="91"/>
      <c r="HD1211" s="91"/>
      <c r="HE1211" s="91"/>
      <c r="HF1211" s="91"/>
      <c r="HG1211" s="91"/>
      <c r="HH1211" s="91"/>
      <c r="HI1211" s="91"/>
      <c r="HJ1211" s="91"/>
      <c r="HK1211" s="127"/>
      <c r="HL1211" s="126"/>
      <c r="HM1211" s="91"/>
      <c r="HN1211" s="91"/>
      <c r="HO1211" s="91"/>
      <c r="HP1211" s="91"/>
      <c r="HQ1211" s="91"/>
      <c r="HR1211" s="91"/>
      <c r="HS1211" s="91"/>
      <c r="HT1211" s="91"/>
      <c r="HU1211" s="91"/>
      <c r="HV1211" s="91"/>
      <c r="HW1211" s="91"/>
      <c r="HX1211" s="91"/>
      <c r="HY1211" s="91"/>
      <c r="HZ1211" s="91"/>
      <c r="IA1211" s="91"/>
      <c r="IB1211" s="91"/>
      <c r="IC1211" s="91"/>
      <c r="ID1211" s="91"/>
      <c r="IE1211" s="91"/>
      <c r="IF1211" s="91"/>
      <c r="IG1211" s="91"/>
      <c r="IH1211" s="91"/>
      <c r="II1211" s="91"/>
      <c r="IJ1211" s="91"/>
      <c r="IK1211" s="127"/>
    </row>
    <row r="1212" spans="2:245" x14ac:dyDescent="0.2">
      <c r="B1212" s="43"/>
      <c r="C1212" s="73"/>
      <c r="D1212" s="64"/>
      <c r="E1212" s="64"/>
      <c r="F1212" s="55"/>
      <c r="G1212" s="102"/>
      <c r="H1212" s="55"/>
      <c r="I1212" s="55"/>
      <c r="J1212" s="55"/>
      <c r="K1212" s="55"/>
      <c r="L1212" s="55"/>
      <c r="M1212" s="55"/>
      <c r="N1212" s="55"/>
      <c r="O1212" s="55"/>
      <c r="P1212" s="55"/>
      <c r="Q1212" s="55"/>
      <c r="R1212" s="55"/>
      <c r="S1212" s="55"/>
      <c r="T1212" s="55"/>
      <c r="U1212" s="55"/>
      <c r="V1212" s="55"/>
      <c r="W1212" s="55"/>
      <c r="X1212" s="55"/>
      <c r="Y1212" s="55"/>
      <c r="Z1212" s="55"/>
      <c r="AA1212" s="55"/>
      <c r="AB1212" s="55"/>
      <c r="AC1212" s="55"/>
      <c r="AD1212" s="55"/>
      <c r="AE1212" s="55"/>
      <c r="AF1212" s="55"/>
      <c r="AG1212" s="55"/>
      <c r="AY1212" s="162"/>
      <c r="AZ1212" s="162"/>
      <c r="BA1212" s="162"/>
      <c r="BB1212" s="162"/>
      <c r="BC1212" s="162"/>
      <c r="BD1212" s="162"/>
      <c r="BE1212" s="162"/>
      <c r="BF1212" s="162"/>
      <c r="BG1212" s="162"/>
      <c r="BH1212" s="162"/>
      <c r="BI1212" s="162"/>
      <c r="BJ1212" s="162"/>
      <c r="BK1212" s="162"/>
      <c r="BL1212" s="162"/>
      <c r="BM1212" s="162"/>
      <c r="BN1212" s="162"/>
      <c r="BO1212" s="162"/>
      <c r="BP1212" s="162"/>
      <c r="BQ1212" s="162"/>
      <c r="BR1212" s="162"/>
      <c r="BS1212" s="162"/>
      <c r="BT1212" s="162"/>
      <c r="BU1212" s="162"/>
      <c r="BV1212" s="162"/>
      <c r="BW1212" s="162"/>
      <c r="BX1212" s="162"/>
      <c r="BY1212" s="162"/>
      <c r="BZ1212" s="162"/>
      <c r="CA1212" s="162"/>
      <c r="CB1212" s="162"/>
      <c r="CC1212" s="162"/>
      <c r="CD1212" s="162"/>
      <c r="CE1212" s="162"/>
      <c r="CF1212" s="162"/>
      <c r="CG1212" s="162"/>
      <c r="CH1212" s="162"/>
      <c r="CI1212" s="162"/>
      <c r="CJ1212" s="162"/>
      <c r="CK1212" s="162"/>
      <c r="CX1212" s="98"/>
      <c r="DL1212" s="97"/>
      <c r="DX1212" s="98"/>
      <c r="EL1212" s="97"/>
      <c r="EX1212" s="98"/>
      <c r="EY1212" s="97"/>
      <c r="FL1212" s="126"/>
      <c r="FM1212" s="91"/>
      <c r="FN1212" s="91"/>
      <c r="FO1212" s="91"/>
      <c r="FP1212" s="91"/>
      <c r="FQ1212" s="91"/>
      <c r="FR1212" s="91"/>
      <c r="FS1212" s="91"/>
      <c r="FT1212" s="91"/>
      <c r="FU1212" s="91"/>
      <c r="FV1212" s="91"/>
      <c r="FW1212" s="91"/>
      <c r="FX1212" s="91"/>
      <c r="FY1212" s="91"/>
      <c r="FZ1212" s="91"/>
      <c r="GA1212" s="91"/>
      <c r="GB1212" s="91"/>
      <c r="GC1212" s="91"/>
      <c r="GD1212" s="91"/>
      <c r="GE1212" s="91"/>
      <c r="GF1212" s="91"/>
      <c r="GG1212" s="91"/>
      <c r="GH1212" s="91"/>
      <c r="GI1212" s="91"/>
      <c r="GJ1212" s="91"/>
      <c r="GK1212" s="127"/>
      <c r="GL1212" s="126"/>
      <c r="GM1212" s="91"/>
      <c r="GN1212" s="91"/>
      <c r="GO1212" s="91"/>
      <c r="GP1212" s="91"/>
      <c r="GQ1212" s="91"/>
      <c r="GR1212" s="91"/>
      <c r="GS1212" s="91"/>
      <c r="GT1212" s="91"/>
      <c r="GU1212" s="91"/>
      <c r="GV1212" s="91"/>
      <c r="GW1212" s="91"/>
      <c r="GX1212" s="91"/>
      <c r="GY1212" s="91"/>
      <c r="GZ1212" s="91"/>
      <c r="HA1212" s="91"/>
      <c r="HB1212" s="91"/>
      <c r="HC1212" s="91"/>
      <c r="HD1212" s="91"/>
      <c r="HE1212" s="91"/>
      <c r="HF1212" s="91"/>
      <c r="HG1212" s="91"/>
      <c r="HH1212" s="91"/>
      <c r="HI1212" s="91"/>
      <c r="HJ1212" s="91"/>
      <c r="HK1212" s="127"/>
      <c r="HL1212" s="126"/>
      <c r="HM1212" s="91"/>
      <c r="HN1212" s="91"/>
      <c r="HO1212" s="91"/>
      <c r="HP1212" s="91"/>
      <c r="HQ1212" s="91"/>
      <c r="HR1212" s="91"/>
      <c r="HS1212" s="91"/>
      <c r="HT1212" s="91"/>
      <c r="HU1212" s="91"/>
      <c r="HV1212" s="91"/>
      <c r="HW1212" s="91"/>
      <c r="HX1212" s="91"/>
      <c r="HY1212" s="91"/>
      <c r="HZ1212" s="91"/>
      <c r="IA1212" s="91"/>
      <c r="IB1212" s="91"/>
      <c r="IC1212" s="91"/>
      <c r="ID1212" s="91"/>
      <c r="IE1212" s="91"/>
      <c r="IF1212" s="91"/>
      <c r="IG1212" s="91"/>
      <c r="IH1212" s="91"/>
      <c r="II1212" s="91"/>
      <c r="IJ1212" s="91"/>
      <c r="IK1212" s="127"/>
    </row>
    <row r="1213" spans="2:245" x14ac:dyDescent="0.2">
      <c r="B1213" s="43"/>
      <c r="C1213" s="73"/>
      <c r="D1213" s="64"/>
      <c r="E1213" s="64"/>
      <c r="F1213" s="55"/>
      <c r="G1213" s="102"/>
      <c r="H1213" s="55"/>
      <c r="I1213" s="55"/>
      <c r="J1213" s="55"/>
      <c r="K1213" s="55"/>
      <c r="L1213" s="55"/>
      <c r="M1213" s="55"/>
      <c r="N1213" s="55"/>
      <c r="O1213" s="55"/>
      <c r="P1213" s="55"/>
      <c r="Q1213" s="55"/>
      <c r="R1213" s="55"/>
      <c r="S1213" s="55"/>
      <c r="T1213" s="55"/>
      <c r="U1213" s="55"/>
      <c r="V1213" s="55"/>
      <c r="W1213" s="55"/>
      <c r="X1213" s="55"/>
      <c r="Y1213" s="55"/>
      <c r="Z1213" s="55"/>
      <c r="AA1213" s="55"/>
      <c r="AB1213" s="55"/>
      <c r="AC1213" s="55"/>
      <c r="AD1213" s="55"/>
      <c r="AE1213" s="55"/>
      <c r="AF1213" s="55"/>
      <c r="AG1213" s="55"/>
      <c r="AY1213" s="162"/>
      <c r="AZ1213" s="162"/>
      <c r="BA1213" s="162"/>
      <c r="BB1213" s="162"/>
      <c r="BC1213" s="162"/>
      <c r="BD1213" s="162"/>
      <c r="BE1213" s="162"/>
      <c r="BF1213" s="162"/>
      <c r="BG1213" s="162"/>
      <c r="BH1213" s="162"/>
      <c r="BI1213" s="162"/>
      <c r="BJ1213" s="162"/>
      <c r="BK1213" s="162"/>
      <c r="BL1213" s="162"/>
      <c r="BM1213" s="162"/>
      <c r="BN1213" s="162"/>
      <c r="BO1213" s="162"/>
      <c r="BP1213" s="162"/>
      <c r="BQ1213" s="162"/>
      <c r="BR1213" s="162"/>
      <c r="BS1213" s="162"/>
      <c r="BT1213" s="162"/>
      <c r="BU1213" s="162"/>
      <c r="BV1213" s="162"/>
      <c r="BW1213" s="162"/>
      <c r="BX1213" s="162"/>
      <c r="BY1213" s="162"/>
      <c r="BZ1213" s="162"/>
      <c r="CA1213" s="162"/>
      <c r="CB1213" s="162"/>
      <c r="CC1213" s="162"/>
      <c r="CD1213" s="162"/>
      <c r="CE1213" s="162"/>
      <c r="CF1213" s="162"/>
      <c r="CG1213" s="162"/>
      <c r="CH1213" s="162"/>
      <c r="CI1213" s="162"/>
      <c r="CJ1213" s="162"/>
      <c r="CK1213" s="162"/>
      <c r="CX1213" s="98"/>
      <c r="DL1213" s="97"/>
      <c r="DX1213" s="98"/>
      <c r="EL1213" s="97"/>
      <c r="EX1213" s="98"/>
      <c r="EY1213" s="97"/>
      <c r="FL1213" s="126"/>
      <c r="FM1213" s="91"/>
      <c r="FN1213" s="91"/>
      <c r="FO1213" s="91"/>
      <c r="FP1213" s="91"/>
      <c r="FQ1213" s="91"/>
      <c r="FR1213" s="91"/>
      <c r="FS1213" s="91"/>
      <c r="FT1213" s="91"/>
      <c r="FU1213" s="91"/>
      <c r="FV1213" s="91"/>
      <c r="FW1213" s="91"/>
      <c r="FX1213" s="91"/>
      <c r="FY1213" s="91"/>
      <c r="FZ1213" s="91"/>
      <c r="GA1213" s="91"/>
      <c r="GB1213" s="91"/>
      <c r="GC1213" s="91"/>
      <c r="GD1213" s="91"/>
      <c r="GE1213" s="91"/>
      <c r="GF1213" s="91"/>
      <c r="GG1213" s="91"/>
      <c r="GH1213" s="91"/>
      <c r="GI1213" s="91"/>
      <c r="GJ1213" s="91"/>
      <c r="GK1213" s="127"/>
      <c r="GL1213" s="126"/>
      <c r="GM1213" s="91"/>
      <c r="GN1213" s="91"/>
      <c r="GO1213" s="91"/>
      <c r="GP1213" s="91"/>
      <c r="GQ1213" s="91"/>
      <c r="GR1213" s="91"/>
      <c r="GS1213" s="91"/>
      <c r="GT1213" s="91"/>
      <c r="GU1213" s="91"/>
      <c r="GV1213" s="91"/>
      <c r="GW1213" s="91"/>
      <c r="GX1213" s="91"/>
      <c r="GY1213" s="91"/>
      <c r="GZ1213" s="91"/>
      <c r="HA1213" s="91"/>
      <c r="HB1213" s="91"/>
      <c r="HC1213" s="91"/>
      <c r="HD1213" s="91"/>
      <c r="HE1213" s="91"/>
      <c r="HF1213" s="91"/>
      <c r="HG1213" s="91"/>
      <c r="HH1213" s="91"/>
      <c r="HI1213" s="91"/>
      <c r="HJ1213" s="91"/>
      <c r="HK1213" s="127"/>
      <c r="HL1213" s="126"/>
      <c r="HM1213" s="91"/>
      <c r="HN1213" s="91"/>
      <c r="HO1213" s="91"/>
      <c r="HP1213" s="91"/>
      <c r="HQ1213" s="91"/>
      <c r="HR1213" s="91"/>
      <c r="HS1213" s="91"/>
      <c r="HT1213" s="91"/>
      <c r="HU1213" s="91"/>
      <c r="HV1213" s="91"/>
      <c r="HW1213" s="91"/>
      <c r="HX1213" s="91"/>
      <c r="HY1213" s="91"/>
      <c r="HZ1213" s="91"/>
      <c r="IA1213" s="91"/>
      <c r="IB1213" s="91"/>
      <c r="IC1213" s="91"/>
      <c r="ID1213" s="91"/>
      <c r="IE1213" s="91"/>
      <c r="IF1213" s="91"/>
      <c r="IG1213" s="91"/>
      <c r="IH1213" s="91"/>
      <c r="II1213" s="91"/>
      <c r="IJ1213" s="91"/>
      <c r="IK1213" s="127"/>
    </row>
    <row r="1214" spans="2:245" x14ac:dyDescent="0.2">
      <c r="B1214" s="43"/>
      <c r="C1214" s="73"/>
      <c r="D1214" s="64"/>
      <c r="E1214" s="64"/>
      <c r="F1214" s="55"/>
      <c r="G1214" s="102"/>
      <c r="H1214" s="55"/>
      <c r="I1214" s="55"/>
      <c r="J1214" s="55"/>
      <c r="K1214" s="55"/>
      <c r="L1214" s="55"/>
      <c r="M1214" s="55"/>
      <c r="N1214" s="55"/>
      <c r="O1214" s="55"/>
      <c r="P1214" s="55"/>
      <c r="Q1214" s="55"/>
      <c r="R1214" s="55"/>
      <c r="S1214" s="55"/>
      <c r="T1214" s="55"/>
      <c r="U1214" s="55"/>
      <c r="V1214" s="55"/>
      <c r="W1214" s="55"/>
      <c r="X1214" s="55"/>
      <c r="Y1214" s="55"/>
      <c r="Z1214" s="55"/>
      <c r="AA1214" s="55"/>
      <c r="AB1214" s="55"/>
      <c r="AC1214" s="55"/>
      <c r="AD1214" s="55"/>
      <c r="AE1214" s="55"/>
      <c r="AF1214" s="55"/>
      <c r="AG1214" s="55"/>
      <c r="AY1214" s="162"/>
      <c r="AZ1214" s="162"/>
      <c r="BA1214" s="162"/>
      <c r="BB1214" s="162"/>
      <c r="BC1214" s="162"/>
      <c r="BD1214" s="162"/>
      <c r="BE1214" s="162"/>
      <c r="BF1214" s="162"/>
      <c r="BG1214" s="162"/>
      <c r="BH1214" s="162"/>
      <c r="BI1214" s="162"/>
      <c r="BJ1214" s="162"/>
      <c r="BK1214" s="162"/>
      <c r="BL1214" s="162"/>
      <c r="BM1214" s="162"/>
      <c r="BN1214" s="162"/>
      <c r="BO1214" s="162"/>
      <c r="BP1214" s="162"/>
      <c r="BQ1214" s="162"/>
      <c r="BR1214" s="162"/>
      <c r="BS1214" s="162"/>
      <c r="BT1214" s="162"/>
      <c r="BU1214" s="162"/>
      <c r="BV1214" s="162"/>
      <c r="BW1214" s="162"/>
      <c r="BX1214" s="162"/>
      <c r="BY1214" s="162"/>
      <c r="BZ1214" s="162"/>
      <c r="CA1214" s="162"/>
      <c r="CB1214" s="162"/>
      <c r="CC1214" s="162"/>
      <c r="CD1214" s="162"/>
      <c r="CE1214" s="162"/>
      <c r="CF1214" s="162"/>
      <c r="CG1214" s="162"/>
      <c r="CH1214" s="162"/>
      <c r="CI1214" s="162"/>
      <c r="CJ1214" s="162"/>
      <c r="CK1214" s="162"/>
      <c r="CX1214" s="98"/>
      <c r="DL1214" s="97"/>
      <c r="DX1214" s="98"/>
      <c r="EL1214" s="97"/>
      <c r="EX1214" s="98"/>
      <c r="EY1214" s="97"/>
      <c r="FL1214" s="126"/>
      <c r="FM1214" s="91"/>
      <c r="FN1214" s="91"/>
      <c r="FO1214" s="91"/>
      <c r="FP1214" s="91"/>
      <c r="FQ1214" s="91"/>
      <c r="FR1214" s="91"/>
      <c r="FS1214" s="91"/>
      <c r="FT1214" s="91"/>
      <c r="FU1214" s="91"/>
      <c r="FV1214" s="91"/>
      <c r="FW1214" s="91"/>
      <c r="FX1214" s="91"/>
      <c r="FY1214" s="91"/>
      <c r="FZ1214" s="91"/>
      <c r="GA1214" s="91"/>
      <c r="GB1214" s="91"/>
      <c r="GC1214" s="91"/>
      <c r="GD1214" s="91"/>
      <c r="GE1214" s="91"/>
      <c r="GF1214" s="91"/>
      <c r="GG1214" s="91"/>
      <c r="GH1214" s="91"/>
      <c r="GI1214" s="91"/>
      <c r="GJ1214" s="91"/>
      <c r="GK1214" s="127"/>
      <c r="GL1214" s="126"/>
      <c r="GM1214" s="91"/>
      <c r="GN1214" s="91"/>
      <c r="GO1214" s="91"/>
      <c r="GP1214" s="91"/>
      <c r="GQ1214" s="91"/>
      <c r="GR1214" s="91"/>
      <c r="GS1214" s="91"/>
      <c r="GT1214" s="91"/>
      <c r="GU1214" s="91"/>
      <c r="GV1214" s="91"/>
      <c r="GW1214" s="91"/>
      <c r="GX1214" s="91"/>
      <c r="GY1214" s="91"/>
      <c r="GZ1214" s="91"/>
      <c r="HA1214" s="91"/>
      <c r="HB1214" s="91"/>
      <c r="HC1214" s="91"/>
      <c r="HD1214" s="91"/>
      <c r="HE1214" s="91"/>
      <c r="HF1214" s="91"/>
      <c r="HG1214" s="91"/>
      <c r="HH1214" s="91"/>
      <c r="HI1214" s="91"/>
      <c r="HJ1214" s="91"/>
      <c r="HK1214" s="127"/>
      <c r="HL1214" s="126"/>
      <c r="HM1214" s="91"/>
      <c r="HN1214" s="91"/>
      <c r="HO1214" s="91"/>
      <c r="HP1214" s="91"/>
      <c r="HQ1214" s="91"/>
      <c r="HR1214" s="91"/>
      <c r="HS1214" s="91"/>
      <c r="HT1214" s="91"/>
      <c r="HU1214" s="91"/>
      <c r="HV1214" s="91"/>
      <c r="HW1214" s="91"/>
      <c r="HX1214" s="91"/>
      <c r="HY1214" s="91"/>
      <c r="HZ1214" s="91"/>
      <c r="IA1214" s="91"/>
      <c r="IB1214" s="91"/>
      <c r="IC1214" s="91"/>
      <c r="ID1214" s="91"/>
      <c r="IE1214" s="91"/>
      <c r="IF1214" s="91"/>
      <c r="IG1214" s="91"/>
      <c r="IH1214" s="91"/>
      <c r="II1214" s="91"/>
      <c r="IJ1214" s="91"/>
      <c r="IK1214" s="127"/>
    </row>
    <row r="1215" spans="2:245" x14ac:dyDescent="0.2">
      <c r="B1215" s="43"/>
      <c r="C1215" s="73"/>
      <c r="D1215" s="64"/>
      <c r="E1215" s="64"/>
      <c r="F1215" s="55"/>
      <c r="G1215" s="102"/>
      <c r="H1215" s="55"/>
      <c r="I1215" s="55"/>
      <c r="J1215" s="55"/>
      <c r="K1215" s="55"/>
      <c r="L1215" s="55"/>
      <c r="M1215" s="55"/>
      <c r="N1215" s="55"/>
      <c r="O1215" s="55"/>
      <c r="P1215" s="55"/>
      <c r="Q1215" s="55"/>
      <c r="R1215" s="55"/>
      <c r="S1215" s="55"/>
      <c r="T1215" s="55"/>
      <c r="U1215" s="55"/>
      <c r="V1215" s="55"/>
      <c r="W1215" s="55"/>
      <c r="X1215" s="55"/>
      <c r="Y1215" s="55"/>
      <c r="Z1215" s="55"/>
      <c r="AA1215" s="55"/>
      <c r="AB1215" s="55"/>
      <c r="AC1215" s="55"/>
      <c r="AD1215" s="55"/>
      <c r="AE1215" s="55"/>
      <c r="AF1215" s="55"/>
      <c r="AG1215" s="55"/>
      <c r="AY1215" s="162"/>
      <c r="AZ1215" s="162"/>
      <c r="BA1215" s="162"/>
      <c r="BB1215" s="162"/>
      <c r="BC1215" s="162"/>
      <c r="BD1215" s="162"/>
      <c r="BE1215" s="162"/>
      <c r="BF1215" s="162"/>
      <c r="BG1215" s="162"/>
      <c r="BH1215" s="162"/>
      <c r="BI1215" s="162"/>
      <c r="BJ1215" s="162"/>
      <c r="BK1215" s="162"/>
      <c r="BL1215" s="162"/>
      <c r="BM1215" s="162"/>
      <c r="BN1215" s="162"/>
      <c r="BO1215" s="162"/>
      <c r="BP1215" s="162"/>
      <c r="BQ1215" s="162"/>
      <c r="BR1215" s="162"/>
      <c r="BS1215" s="162"/>
      <c r="BT1215" s="162"/>
      <c r="BU1215" s="162"/>
      <c r="BV1215" s="162"/>
      <c r="BW1215" s="162"/>
      <c r="BX1215" s="162"/>
      <c r="BY1215" s="162"/>
      <c r="BZ1215" s="162"/>
      <c r="CA1215" s="162"/>
      <c r="CB1215" s="162"/>
      <c r="CC1215" s="162"/>
      <c r="CD1215" s="162"/>
      <c r="CE1215" s="162"/>
      <c r="CF1215" s="162"/>
      <c r="CG1215" s="162"/>
      <c r="CH1215" s="162"/>
      <c r="CI1215" s="162"/>
      <c r="CJ1215" s="162"/>
      <c r="CK1215" s="162"/>
      <c r="CX1215" s="98"/>
      <c r="DL1215" s="97"/>
      <c r="DX1215" s="98"/>
      <c r="EL1215" s="97"/>
      <c r="EX1215" s="98"/>
      <c r="EY1215" s="97"/>
      <c r="FL1215" s="126"/>
      <c r="FM1215" s="91"/>
      <c r="FN1215" s="91"/>
      <c r="FO1215" s="91"/>
      <c r="FP1215" s="91"/>
      <c r="FQ1215" s="91"/>
      <c r="FR1215" s="91"/>
      <c r="FS1215" s="91"/>
      <c r="FT1215" s="91"/>
      <c r="FU1215" s="91"/>
      <c r="FV1215" s="91"/>
      <c r="FW1215" s="91"/>
      <c r="FX1215" s="91"/>
      <c r="FY1215" s="91"/>
      <c r="FZ1215" s="91"/>
      <c r="GA1215" s="91"/>
      <c r="GB1215" s="91"/>
      <c r="GC1215" s="91"/>
      <c r="GD1215" s="91"/>
      <c r="GE1215" s="91"/>
      <c r="GF1215" s="91"/>
      <c r="GG1215" s="91"/>
      <c r="GH1215" s="91"/>
      <c r="GI1215" s="91"/>
      <c r="GJ1215" s="91"/>
      <c r="GK1215" s="127"/>
      <c r="GL1215" s="126"/>
      <c r="GM1215" s="91"/>
      <c r="GN1215" s="91"/>
      <c r="GO1215" s="91"/>
      <c r="GP1215" s="91"/>
      <c r="GQ1215" s="91"/>
      <c r="GR1215" s="91"/>
      <c r="GS1215" s="91"/>
      <c r="GT1215" s="91"/>
      <c r="GU1215" s="91"/>
      <c r="GV1215" s="91"/>
      <c r="GW1215" s="91"/>
      <c r="GX1215" s="91"/>
      <c r="GY1215" s="91"/>
      <c r="GZ1215" s="91"/>
      <c r="HA1215" s="91"/>
      <c r="HB1215" s="91"/>
      <c r="HC1215" s="91"/>
      <c r="HD1215" s="91"/>
      <c r="HE1215" s="91"/>
      <c r="HF1215" s="91"/>
      <c r="HG1215" s="91"/>
      <c r="HH1215" s="91"/>
      <c r="HI1215" s="91"/>
      <c r="HJ1215" s="91"/>
      <c r="HK1215" s="127"/>
      <c r="HL1215" s="126"/>
      <c r="HM1215" s="91"/>
      <c r="HN1215" s="91"/>
      <c r="HO1215" s="91"/>
      <c r="HP1215" s="91"/>
      <c r="HQ1215" s="91"/>
      <c r="HR1215" s="91"/>
      <c r="HS1215" s="91"/>
      <c r="HT1215" s="91"/>
      <c r="HU1215" s="91"/>
      <c r="HV1215" s="91"/>
      <c r="HW1215" s="91"/>
      <c r="HX1215" s="91"/>
      <c r="HY1215" s="91"/>
      <c r="HZ1215" s="91"/>
      <c r="IA1215" s="91"/>
      <c r="IB1215" s="91"/>
      <c r="IC1215" s="91"/>
      <c r="ID1215" s="91"/>
      <c r="IE1215" s="91"/>
      <c r="IF1215" s="91"/>
      <c r="IG1215" s="91"/>
      <c r="IH1215" s="91"/>
      <c r="II1215" s="91"/>
      <c r="IJ1215" s="91"/>
      <c r="IK1215" s="127"/>
    </row>
    <row r="1216" spans="2:245" x14ac:dyDescent="0.2">
      <c r="B1216" s="43"/>
      <c r="C1216" s="73"/>
      <c r="D1216" s="64"/>
      <c r="E1216" s="64"/>
      <c r="F1216" s="55"/>
      <c r="G1216" s="102"/>
      <c r="H1216" s="55"/>
      <c r="I1216" s="55"/>
      <c r="J1216" s="55"/>
      <c r="K1216" s="55"/>
      <c r="L1216" s="55"/>
      <c r="M1216" s="55"/>
      <c r="N1216" s="55"/>
      <c r="O1216" s="55"/>
      <c r="P1216" s="55"/>
      <c r="Q1216" s="55"/>
      <c r="R1216" s="55"/>
      <c r="S1216" s="55"/>
      <c r="T1216" s="55"/>
      <c r="U1216" s="55"/>
      <c r="V1216" s="55"/>
      <c r="W1216" s="55"/>
      <c r="X1216" s="55"/>
      <c r="Y1216" s="55"/>
      <c r="Z1216" s="55"/>
      <c r="AA1216" s="55"/>
      <c r="AB1216" s="55"/>
      <c r="AC1216" s="55"/>
      <c r="AD1216" s="55"/>
      <c r="AE1216" s="55"/>
      <c r="AF1216" s="55"/>
      <c r="AG1216" s="55"/>
      <c r="AY1216" s="162"/>
      <c r="AZ1216" s="162"/>
      <c r="BA1216" s="162"/>
      <c r="BB1216" s="162"/>
      <c r="BC1216" s="162"/>
      <c r="BD1216" s="162"/>
      <c r="BE1216" s="162"/>
      <c r="BF1216" s="162"/>
      <c r="BG1216" s="162"/>
      <c r="BH1216" s="162"/>
      <c r="BI1216" s="162"/>
      <c r="BJ1216" s="162"/>
      <c r="BK1216" s="162"/>
      <c r="BL1216" s="162"/>
      <c r="BM1216" s="162"/>
      <c r="BN1216" s="162"/>
      <c r="BO1216" s="162"/>
      <c r="BP1216" s="162"/>
      <c r="BQ1216" s="162"/>
      <c r="BR1216" s="162"/>
      <c r="BS1216" s="162"/>
      <c r="BT1216" s="162"/>
      <c r="BU1216" s="162"/>
      <c r="BV1216" s="162"/>
      <c r="BW1216" s="162"/>
      <c r="BX1216" s="162"/>
      <c r="BY1216" s="162"/>
      <c r="BZ1216" s="162"/>
      <c r="CA1216" s="162"/>
      <c r="CB1216" s="162"/>
      <c r="CC1216" s="162"/>
      <c r="CD1216" s="162"/>
      <c r="CE1216" s="162"/>
      <c r="CF1216" s="162"/>
      <c r="CG1216" s="162"/>
      <c r="CH1216" s="162"/>
      <c r="CI1216" s="162"/>
      <c r="CJ1216" s="162"/>
      <c r="CK1216" s="162"/>
      <c r="CX1216" s="98"/>
      <c r="DL1216" s="97"/>
      <c r="DX1216" s="98"/>
      <c r="EL1216" s="97"/>
      <c r="EX1216" s="98"/>
      <c r="EY1216" s="97"/>
      <c r="FL1216" s="126"/>
      <c r="FM1216" s="91"/>
      <c r="FN1216" s="91"/>
      <c r="FO1216" s="91"/>
      <c r="FP1216" s="91"/>
      <c r="FQ1216" s="91"/>
      <c r="FR1216" s="91"/>
      <c r="FS1216" s="91"/>
      <c r="FT1216" s="91"/>
      <c r="FU1216" s="91"/>
      <c r="FV1216" s="91"/>
      <c r="FW1216" s="91"/>
      <c r="FX1216" s="91"/>
      <c r="FY1216" s="91"/>
      <c r="FZ1216" s="91"/>
      <c r="GA1216" s="91"/>
      <c r="GB1216" s="91"/>
      <c r="GC1216" s="91"/>
      <c r="GD1216" s="91"/>
      <c r="GE1216" s="91"/>
      <c r="GF1216" s="91"/>
      <c r="GG1216" s="91"/>
      <c r="GH1216" s="91"/>
      <c r="GI1216" s="91"/>
      <c r="GJ1216" s="91"/>
      <c r="GK1216" s="127"/>
      <c r="GL1216" s="126"/>
      <c r="GM1216" s="91"/>
      <c r="GN1216" s="91"/>
      <c r="GO1216" s="91"/>
      <c r="GP1216" s="91"/>
      <c r="GQ1216" s="91"/>
      <c r="GR1216" s="91"/>
      <c r="GS1216" s="91"/>
      <c r="GT1216" s="91"/>
      <c r="GU1216" s="91"/>
      <c r="GV1216" s="91"/>
      <c r="GW1216" s="91"/>
      <c r="GX1216" s="91"/>
      <c r="GY1216" s="91"/>
      <c r="GZ1216" s="91"/>
      <c r="HA1216" s="91"/>
      <c r="HB1216" s="91"/>
      <c r="HC1216" s="91"/>
      <c r="HD1216" s="91"/>
      <c r="HE1216" s="91"/>
      <c r="HF1216" s="91"/>
      <c r="HG1216" s="91"/>
      <c r="HH1216" s="91"/>
      <c r="HI1216" s="91"/>
      <c r="HJ1216" s="91"/>
      <c r="HK1216" s="127"/>
      <c r="HL1216" s="126"/>
      <c r="HM1216" s="91"/>
      <c r="HN1216" s="91"/>
      <c r="HO1216" s="91"/>
      <c r="HP1216" s="91"/>
      <c r="HQ1216" s="91"/>
      <c r="HR1216" s="91"/>
      <c r="HS1216" s="91"/>
      <c r="HT1216" s="91"/>
      <c r="HU1216" s="91"/>
      <c r="HV1216" s="91"/>
      <c r="HW1216" s="91"/>
      <c r="HX1216" s="91"/>
      <c r="HY1216" s="91"/>
      <c r="HZ1216" s="91"/>
      <c r="IA1216" s="91"/>
      <c r="IB1216" s="91"/>
      <c r="IC1216" s="91"/>
      <c r="ID1216" s="91"/>
      <c r="IE1216" s="91"/>
      <c r="IF1216" s="91"/>
      <c r="IG1216" s="91"/>
      <c r="IH1216" s="91"/>
      <c r="II1216" s="91"/>
      <c r="IJ1216" s="91"/>
      <c r="IK1216" s="127"/>
    </row>
    <row r="1217" spans="2:245" x14ac:dyDescent="0.2">
      <c r="B1217" s="43"/>
      <c r="C1217" s="73"/>
      <c r="D1217" s="64"/>
      <c r="E1217" s="64"/>
      <c r="F1217" s="55"/>
      <c r="G1217" s="102"/>
      <c r="H1217" s="55"/>
      <c r="I1217" s="55"/>
      <c r="J1217" s="55"/>
      <c r="K1217" s="55"/>
      <c r="L1217" s="55"/>
      <c r="M1217" s="55"/>
      <c r="N1217" s="55"/>
      <c r="O1217" s="55"/>
      <c r="P1217" s="55"/>
      <c r="Q1217" s="55"/>
      <c r="R1217" s="55"/>
      <c r="S1217" s="55"/>
      <c r="T1217" s="55"/>
      <c r="U1217" s="55"/>
      <c r="V1217" s="55"/>
      <c r="W1217" s="55"/>
      <c r="X1217" s="55"/>
      <c r="Y1217" s="55"/>
      <c r="Z1217" s="55"/>
      <c r="AA1217" s="55"/>
      <c r="AB1217" s="55"/>
      <c r="AC1217" s="55"/>
      <c r="AD1217" s="55"/>
      <c r="AE1217" s="55"/>
      <c r="AF1217" s="55"/>
      <c r="AG1217" s="55"/>
      <c r="AY1217" s="162"/>
      <c r="AZ1217" s="162"/>
      <c r="BA1217" s="162"/>
      <c r="BB1217" s="162"/>
      <c r="BC1217" s="162"/>
      <c r="BD1217" s="162"/>
      <c r="BE1217" s="162"/>
      <c r="BF1217" s="162"/>
      <c r="BG1217" s="162"/>
      <c r="BH1217" s="162"/>
      <c r="BI1217" s="162"/>
      <c r="BJ1217" s="162"/>
      <c r="BK1217" s="162"/>
      <c r="BL1217" s="162"/>
      <c r="BM1217" s="162"/>
      <c r="BN1217" s="162"/>
      <c r="BO1217" s="162"/>
      <c r="BP1217" s="162"/>
      <c r="BQ1217" s="162"/>
      <c r="BR1217" s="162"/>
      <c r="BS1217" s="162"/>
      <c r="BT1217" s="162"/>
      <c r="BU1217" s="162"/>
      <c r="BV1217" s="162"/>
      <c r="BW1217" s="162"/>
      <c r="BX1217" s="162"/>
      <c r="BY1217" s="162"/>
      <c r="BZ1217" s="162"/>
      <c r="CA1217" s="162"/>
      <c r="CB1217" s="162"/>
      <c r="CC1217" s="162"/>
      <c r="CD1217" s="162"/>
      <c r="CE1217" s="162"/>
      <c r="CF1217" s="162"/>
      <c r="CG1217" s="162"/>
      <c r="CH1217" s="162"/>
      <c r="CI1217" s="162"/>
      <c r="CJ1217" s="162"/>
      <c r="CK1217" s="162"/>
      <c r="CX1217" s="98"/>
      <c r="DL1217" s="97"/>
      <c r="DX1217" s="98"/>
      <c r="EL1217" s="97"/>
      <c r="EX1217" s="98"/>
      <c r="EY1217" s="97"/>
      <c r="FL1217" s="126"/>
      <c r="FM1217" s="91"/>
      <c r="FN1217" s="91"/>
      <c r="FO1217" s="91"/>
      <c r="FP1217" s="91"/>
      <c r="FQ1217" s="91"/>
      <c r="FR1217" s="91"/>
      <c r="FS1217" s="91"/>
      <c r="FT1217" s="91"/>
      <c r="FU1217" s="91"/>
      <c r="FV1217" s="91"/>
      <c r="FW1217" s="91"/>
      <c r="FX1217" s="91"/>
      <c r="FY1217" s="91"/>
      <c r="FZ1217" s="91"/>
      <c r="GA1217" s="91"/>
      <c r="GB1217" s="91"/>
      <c r="GC1217" s="91"/>
      <c r="GD1217" s="91"/>
      <c r="GE1217" s="91"/>
      <c r="GF1217" s="91"/>
      <c r="GG1217" s="91"/>
      <c r="GH1217" s="91"/>
      <c r="GI1217" s="91"/>
      <c r="GJ1217" s="91"/>
      <c r="GK1217" s="127"/>
      <c r="GL1217" s="126"/>
      <c r="GM1217" s="91"/>
      <c r="GN1217" s="91"/>
      <c r="GO1217" s="91"/>
      <c r="GP1217" s="91"/>
      <c r="GQ1217" s="91"/>
      <c r="GR1217" s="91"/>
      <c r="GS1217" s="91"/>
      <c r="GT1217" s="91"/>
      <c r="GU1217" s="91"/>
      <c r="GV1217" s="91"/>
      <c r="GW1217" s="91"/>
      <c r="GX1217" s="91"/>
      <c r="GY1217" s="91"/>
      <c r="GZ1217" s="91"/>
      <c r="HA1217" s="91"/>
      <c r="HB1217" s="91"/>
      <c r="HC1217" s="91"/>
      <c r="HD1217" s="91"/>
      <c r="HE1217" s="91"/>
      <c r="HF1217" s="91"/>
      <c r="HG1217" s="91"/>
      <c r="HH1217" s="91"/>
      <c r="HI1217" s="91"/>
      <c r="HJ1217" s="91"/>
      <c r="HK1217" s="127"/>
      <c r="HL1217" s="126"/>
      <c r="HM1217" s="91"/>
      <c r="HN1217" s="91"/>
      <c r="HO1217" s="91"/>
      <c r="HP1217" s="91"/>
      <c r="HQ1217" s="91"/>
      <c r="HR1217" s="91"/>
      <c r="HS1217" s="91"/>
      <c r="HT1217" s="91"/>
      <c r="HU1217" s="91"/>
      <c r="HV1217" s="91"/>
      <c r="HW1217" s="91"/>
      <c r="HX1217" s="91"/>
      <c r="HY1217" s="91"/>
      <c r="HZ1217" s="91"/>
      <c r="IA1217" s="91"/>
      <c r="IB1217" s="91"/>
      <c r="IC1217" s="91"/>
      <c r="ID1217" s="91"/>
      <c r="IE1217" s="91"/>
      <c r="IF1217" s="91"/>
      <c r="IG1217" s="91"/>
      <c r="IH1217" s="91"/>
      <c r="II1217" s="91"/>
      <c r="IJ1217" s="91"/>
      <c r="IK1217" s="127"/>
    </row>
    <row r="1218" spans="2:245" x14ac:dyDescent="0.2">
      <c r="B1218" s="43"/>
      <c r="C1218" s="73"/>
      <c r="D1218" s="64"/>
      <c r="E1218" s="64"/>
      <c r="F1218" s="55"/>
      <c r="G1218" s="102"/>
      <c r="H1218" s="55"/>
      <c r="I1218" s="55"/>
      <c r="J1218" s="55"/>
      <c r="K1218" s="55"/>
      <c r="L1218" s="55"/>
      <c r="M1218" s="55"/>
      <c r="N1218" s="55"/>
      <c r="O1218" s="55"/>
      <c r="P1218" s="55"/>
      <c r="Q1218" s="55"/>
      <c r="R1218" s="55"/>
      <c r="S1218" s="55"/>
      <c r="T1218" s="55"/>
      <c r="U1218" s="55"/>
      <c r="V1218" s="55"/>
      <c r="W1218" s="55"/>
      <c r="X1218" s="55"/>
      <c r="Y1218" s="55"/>
      <c r="Z1218" s="55"/>
      <c r="AA1218" s="55"/>
      <c r="AB1218" s="55"/>
      <c r="AC1218" s="55"/>
      <c r="AD1218" s="55"/>
      <c r="AE1218" s="55"/>
      <c r="AF1218" s="55"/>
      <c r="AG1218" s="55"/>
      <c r="AY1218" s="162"/>
      <c r="AZ1218" s="162"/>
      <c r="BA1218" s="162"/>
      <c r="BB1218" s="162"/>
      <c r="BC1218" s="162"/>
      <c r="BD1218" s="162"/>
      <c r="BE1218" s="162"/>
      <c r="BF1218" s="162"/>
      <c r="BG1218" s="162"/>
      <c r="BH1218" s="162"/>
      <c r="BI1218" s="162"/>
      <c r="BJ1218" s="162"/>
      <c r="BK1218" s="162"/>
      <c r="BL1218" s="162"/>
      <c r="BM1218" s="162"/>
      <c r="BN1218" s="162"/>
      <c r="BO1218" s="162"/>
      <c r="BP1218" s="162"/>
      <c r="BQ1218" s="162"/>
      <c r="BR1218" s="162"/>
      <c r="BS1218" s="162"/>
      <c r="BT1218" s="162"/>
      <c r="BU1218" s="162"/>
      <c r="BV1218" s="162"/>
      <c r="BW1218" s="162"/>
      <c r="BX1218" s="162"/>
      <c r="BY1218" s="162"/>
      <c r="BZ1218" s="162"/>
      <c r="CA1218" s="162"/>
      <c r="CB1218" s="162"/>
      <c r="CC1218" s="162"/>
      <c r="CD1218" s="162"/>
      <c r="CE1218" s="162"/>
      <c r="CF1218" s="162"/>
      <c r="CG1218" s="162"/>
      <c r="CH1218" s="162"/>
      <c r="CI1218" s="162"/>
      <c r="CJ1218" s="162"/>
      <c r="CK1218" s="162"/>
      <c r="CX1218" s="98"/>
      <c r="DL1218" s="97"/>
      <c r="DX1218" s="98"/>
      <c r="EL1218" s="97"/>
      <c r="EX1218" s="98"/>
      <c r="EY1218" s="97"/>
      <c r="FL1218" s="126"/>
      <c r="FM1218" s="91"/>
      <c r="FN1218" s="91"/>
      <c r="FO1218" s="91"/>
      <c r="FP1218" s="91"/>
      <c r="FQ1218" s="91"/>
      <c r="FR1218" s="91"/>
      <c r="FS1218" s="91"/>
      <c r="FT1218" s="91"/>
      <c r="FU1218" s="91"/>
      <c r="FV1218" s="91"/>
      <c r="FW1218" s="91"/>
      <c r="FX1218" s="91"/>
      <c r="FY1218" s="91"/>
      <c r="FZ1218" s="91"/>
      <c r="GA1218" s="91"/>
      <c r="GB1218" s="91"/>
      <c r="GC1218" s="91"/>
      <c r="GD1218" s="91"/>
      <c r="GE1218" s="91"/>
      <c r="GF1218" s="91"/>
      <c r="GG1218" s="91"/>
      <c r="GH1218" s="91"/>
      <c r="GI1218" s="91"/>
      <c r="GJ1218" s="91"/>
      <c r="GK1218" s="127"/>
      <c r="GL1218" s="126"/>
      <c r="GM1218" s="91"/>
      <c r="GN1218" s="91"/>
      <c r="GO1218" s="91"/>
      <c r="GP1218" s="91"/>
      <c r="GQ1218" s="91"/>
      <c r="GR1218" s="91"/>
      <c r="GS1218" s="91"/>
      <c r="GT1218" s="91"/>
      <c r="GU1218" s="91"/>
      <c r="GV1218" s="91"/>
      <c r="GW1218" s="91"/>
      <c r="GX1218" s="91"/>
      <c r="GY1218" s="91"/>
      <c r="GZ1218" s="91"/>
      <c r="HA1218" s="91"/>
      <c r="HB1218" s="91"/>
      <c r="HC1218" s="91"/>
      <c r="HD1218" s="91"/>
      <c r="HE1218" s="91"/>
      <c r="HF1218" s="91"/>
      <c r="HG1218" s="91"/>
      <c r="HH1218" s="91"/>
      <c r="HI1218" s="91"/>
      <c r="HJ1218" s="91"/>
      <c r="HK1218" s="127"/>
      <c r="HL1218" s="126"/>
      <c r="HM1218" s="91"/>
      <c r="HN1218" s="91"/>
      <c r="HO1218" s="91"/>
      <c r="HP1218" s="91"/>
      <c r="HQ1218" s="91"/>
      <c r="HR1218" s="91"/>
      <c r="HS1218" s="91"/>
      <c r="HT1218" s="91"/>
      <c r="HU1218" s="91"/>
      <c r="HV1218" s="91"/>
      <c r="HW1218" s="91"/>
      <c r="HX1218" s="91"/>
      <c r="HY1218" s="91"/>
      <c r="HZ1218" s="91"/>
      <c r="IA1218" s="91"/>
      <c r="IB1218" s="91"/>
      <c r="IC1218" s="91"/>
      <c r="ID1218" s="91"/>
      <c r="IE1218" s="91"/>
      <c r="IF1218" s="91"/>
      <c r="IG1218" s="91"/>
      <c r="IH1218" s="91"/>
      <c r="II1218" s="91"/>
      <c r="IJ1218" s="91"/>
      <c r="IK1218" s="127"/>
    </row>
    <row r="1219" spans="2:245" x14ac:dyDescent="0.2">
      <c r="B1219" s="43"/>
      <c r="C1219" s="73"/>
      <c r="D1219" s="64"/>
      <c r="E1219" s="64"/>
      <c r="F1219" s="55"/>
      <c r="G1219" s="102"/>
      <c r="H1219" s="55"/>
      <c r="I1219" s="55"/>
      <c r="J1219" s="55"/>
      <c r="K1219" s="55"/>
      <c r="L1219" s="55"/>
      <c r="M1219" s="55"/>
      <c r="N1219" s="55"/>
      <c r="O1219" s="55"/>
      <c r="P1219" s="55"/>
      <c r="Q1219" s="55"/>
      <c r="R1219" s="55"/>
      <c r="S1219" s="55"/>
      <c r="T1219" s="55"/>
      <c r="U1219" s="55"/>
      <c r="V1219" s="55"/>
      <c r="W1219" s="55"/>
      <c r="X1219" s="55"/>
      <c r="Y1219" s="55"/>
      <c r="Z1219" s="55"/>
      <c r="AA1219" s="55"/>
      <c r="AB1219" s="55"/>
      <c r="AC1219" s="55"/>
      <c r="AD1219" s="55"/>
      <c r="AE1219" s="55"/>
      <c r="AF1219" s="55"/>
      <c r="AG1219" s="55"/>
      <c r="AY1219" s="162"/>
      <c r="AZ1219" s="162"/>
      <c r="BA1219" s="162"/>
      <c r="BB1219" s="162"/>
      <c r="BC1219" s="162"/>
      <c r="BD1219" s="162"/>
      <c r="BE1219" s="162"/>
      <c r="BF1219" s="162"/>
      <c r="BG1219" s="162"/>
      <c r="BH1219" s="162"/>
      <c r="BI1219" s="162"/>
      <c r="BJ1219" s="162"/>
      <c r="BK1219" s="162"/>
      <c r="BL1219" s="162"/>
      <c r="BM1219" s="162"/>
      <c r="BN1219" s="162"/>
      <c r="BO1219" s="162"/>
      <c r="BP1219" s="162"/>
      <c r="BQ1219" s="162"/>
      <c r="BR1219" s="162"/>
      <c r="BS1219" s="162"/>
      <c r="BT1219" s="162"/>
      <c r="BU1219" s="162"/>
      <c r="BV1219" s="162"/>
      <c r="BW1219" s="162"/>
      <c r="BX1219" s="162"/>
      <c r="BY1219" s="162"/>
      <c r="BZ1219" s="162"/>
      <c r="CA1219" s="162"/>
      <c r="CB1219" s="162"/>
      <c r="CC1219" s="162"/>
      <c r="CD1219" s="162"/>
      <c r="CE1219" s="162"/>
      <c r="CF1219" s="162"/>
      <c r="CG1219" s="162"/>
      <c r="CH1219" s="162"/>
      <c r="CI1219" s="162"/>
      <c r="CJ1219" s="162"/>
      <c r="CK1219" s="162"/>
      <c r="CX1219" s="98"/>
      <c r="DL1219" s="97"/>
      <c r="DX1219" s="98"/>
      <c r="EL1219" s="97"/>
      <c r="EX1219" s="98"/>
      <c r="EY1219" s="97"/>
      <c r="FL1219" s="126"/>
      <c r="FM1219" s="91"/>
      <c r="FN1219" s="91"/>
      <c r="FO1219" s="91"/>
      <c r="FP1219" s="91"/>
      <c r="FQ1219" s="91"/>
      <c r="FR1219" s="91"/>
      <c r="FS1219" s="91"/>
      <c r="FT1219" s="91"/>
      <c r="FU1219" s="91"/>
      <c r="FV1219" s="91"/>
      <c r="FW1219" s="91"/>
      <c r="FX1219" s="91"/>
      <c r="FY1219" s="91"/>
      <c r="FZ1219" s="91"/>
      <c r="GA1219" s="91"/>
      <c r="GB1219" s="91"/>
      <c r="GC1219" s="91"/>
      <c r="GD1219" s="91"/>
      <c r="GE1219" s="91"/>
      <c r="GF1219" s="91"/>
      <c r="GG1219" s="91"/>
      <c r="GH1219" s="91"/>
      <c r="GI1219" s="91"/>
      <c r="GJ1219" s="91"/>
      <c r="GK1219" s="127"/>
      <c r="GL1219" s="126"/>
      <c r="GM1219" s="91"/>
      <c r="GN1219" s="91"/>
      <c r="GO1219" s="91"/>
      <c r="GP1219" s="91"/>
      <c r="GQ1219" s="91"/>
      <c r="GR1219" s="91"/>
      <c r="GS1219" s="91"/>
      <c r="GT1219" s="91"/>
      <c r="GU1219" s="91"/>
      <c r="GV1219" s="91"/>
      <c r="GW1219" s="91"/>
      <c r="GX1219" s="91"/>
      <c r="GY1219" s="91"/>
      <c r="GZ1219" s="91"/>
      <c r="HA1219" s="91"/>
      <c r="HB1219" s="91"/>
      <c r="HC1219" s="91"/>
      <c r="HD1219" s="91"/>
      <c r="HE1219" s="91"/>
      <c r="HF1219" s="91"/>
      <c r="HG1219" s="91"/>
      <c r="HH1219" s="91"/>
      <c r="HI1219" s="91"/>
      <c r="HJ1219" s="91"/>
      <c r="HK1219" s="127"/>
      <c r="HL1219" s="126"/>
      <c r="HM1219" s="91"/>
      <c r="HN1219" s="91"/>
      <c r="HO1219" s="91"/>
      <c r="HP1219" s="91"/>
      <c r="HQ1219" s="91"/>
      <c r="HR1219" s="91"/>
      <c r="HS1219" s="91"/>
      <c r="HT1219" s="91"/>
      <c r="HU1219" s="91"/>
      <c r="HV1219" s="91"/>
      <c r="HW1219" s="91"/>
      <c r="HX1219" s="91"/>
      <c r="HY1219" s="91"/>
      <c r="HZ1219" s="91"/>
      <c r="IA1219" s="91"/>
      <c r="IB1219" s="91"/>
      <c r="IC1219" s="91"/>
      <c r="ID1219" s="91"/>
      <c r="IE1219" s="91"/>
      <c r="IF1219" s="91"/>
      <c r="IG1219" s="91"/>
      <c r="IH1219" s="91"/>
      <c r="II1219" s="91"/>
      <c r="IJ1219" s="91"/>
      <c r="IK1219" s="127"/>
    </row>
    <row r="1220" spans="2:245" x14ac:dyDescent="0.2">
      <c r="B1220" s="43"/>
      <c r="C1220" s="73"/>
      <c r="D1220" s="64"/>
      <c r="E1220" s="64"/>
      <c r="F1220" s="55"/>
      <c r="G1220" s="102"/>
      <c r="H1220" s="55"/>
      <c r="I1220" s="55"/>
      <c r="J1220" s="55"/>
      <c r="K1220" s="55"/>
      <c r="L1220" s="55"/>
      <c r="M1220" s="55"/>
      <c r="N1220" s="55"/>
      <c r="O1220" s="55"/>
      <c r="P1220" s="55"/>
      <c r="Q1220" s="55"/>
      <c r="R1220" s="55"/>
      <c r="S1220" s="55"/>
      <c r="T1220" s="55"/>
      <c r="U1220" s="55"/>
      <c r="V1220" s="55"/>
      <c r="W1220" s="55"/>
      <c r="X1220" s="55"/>
      <c r="Y1220" s="55"/>
      <c r="Z1220" s="55"/>
      <c r="AA1220" s="55"/>
      <c r="AB1220" s="55"/>
      <c r="AC1220" s="55"/>
      <c r="AD1220" s="55"/>
      <c r="AE1220" s="55"/>
      <c r="AF1220" s="55"/>
      <c r="AG1220" s="55"/>
      <c r="AY1220" s="162"/>
      <c r="AZ1220" s="162"/>
      <c r="BA1220" s="162"/>
      <c r="BB1220" s="162"/>
      <c r="BC1220" s="162"/>
      <c r="BD1220" s="162"/>
      <c r="BE1220" s="162"/>
      <c r="BF1220" s="162"/>
      <c r="BG1220" s="162"/>
      <c r="BH1220" s="162"/>
      <c r="BI1220" s="162"/>
      <c r="BJ1220" s="162"/>
      <c r="BK1220" s="162"/>
      <c r="BL1220" s="162"/>
      <c r="BM1220" s="162"/>
      <c r="BN1220" s="162"/>
      <c r="BO1220" s="162"/>
      <c r="BP1220" s="162"/>
      <c r="BQ1220" s="162"/>
      <c r="BR1220" s="162"/>
      <c r="BS1220" s="162"/>
      <c r="BT1220" s="162"/>
      <c r="BU1220" s="162"/>
      <c r="BV1220" s="162"/>
      <c r="BW1220" s="162"/>
      <c r="BX1220" s="162"/>
      <c r="BY1220" s="162"/>
      <c r="BZ1220" s="162"/>
      <c r="CA1220" s="162"/>
      <c r="CB1220" s="162"/>
      <c r="CC1220" s="162"/>
      <c r="CD1220" s="162"/>
      <c r="CE1220" s="162"/>
      <c r="CF1220" s="162"/>
      <c r="CG1220" s="162"/>
      <c r="CH1220" s="162"/>
      <c r="CI1220" s="162"/>
      <c r="CJ1220" s="162"/>
      <c r="CK1220" s="162"/>
      <c r="CX1220" s="98"/>
      <c r="DL1220" s="97"/>
      <c r="DX1220" s="98"/>
      <c r="EL1220" s="97"/>
      <c r="EX1220" s="98"/>
      <c r="EY1220" s="97"/>
      <c r="FL1220" s="126"/>
      <c r="FM1220" s="91"/>
      <c r="FN1220" s="91"/>
      <c r="FO1220" s="91"/>
      <c r="FP1220" s="91"/>
      <c r="FQ1220" s="91"/>
      <c r="FR1220" s="91"/>
      <c r="FS1220" s="91"/>
      <c r="FT1220" s="91"/>
      <c r="FU1220" s="91"/>
      <c r="FV1220" s="91"/>
      <c r="FW1220" s="91"/>
      <c r="FX1220" s="91"/>
      <c r="FY1220" s="91"/>
      <c r="FZ1220" s="91"/>
      <c r="GA1220" s="91"/>
      <c r="GB1220" s="91"/>
      <c r="GC1220" s="91"/>
      <c r="GD1220" s="91"/>
      <c r="GE1220" s="91"/>
      <c r="GF1220" s="91"/>
      <c r="GG1220" s="91"/>
      <c r="GH1220" s="91"/>
      <c r="GI1220" s="91"/>
      <c r="GJ1220" s="91"/>
      <c r="GK1220" s="127"/>
      <c r="GL1220" s="126"/>
      <c r="GM1220" s="91"/>
      <c r="GN1220" s="91"/>
      <c r="GO1220" s="91"/>
      <c r="GP1220" s="91"/>
      <c r="GQ1220" s="91"/>
      <c r="GR1220" s="91"/>
      <c r="GS1220" s="91"/>
      <c r="GT1220" s="91"/>
      <c r="GU1220" s="91"/>
      <c r="GV1220" s="91"/>
      <c r="GW1220" s="91"/>
      <c r="GX1220" s="91"/>
      <c r="GY1220" s="91"/>
      <c r="GZ1220" s="91"/>
      <c r="HA1220" s="91"/>
      <c r="HB1220" s="91"/>
      <c r="HC1220" s="91"/>
      <c r="HD1220" s="91"/>
      <c r="HE1220" s="91"/>
      <c r="HF1220" s="91"/>
      <c r="HG1220" s="91"/>
      <c r="HH1220" s="91"/>
      <c r="HI1220" s="91"/>
      <c r="HJ1220" s="91"/>
      <c r="HK1220" s="127"/>
      <c r="HL1220" s="126"/>
      <c r="HM1220" s="91"/>
      <c r="HN1220" s="91"/>
      <c r="HO1220" s="91"/>
      <c r="HP1220" s="91"/>
      <c r="HQ1220" s="91"/>
      <c r="HR1220" s="91"/>
      <c r="HS1220" s="91"/>
      <c r="HT1220" s="91"/>
      <c r="HU1220" s="91"/>
      <c r="HV1220" s="91"/>
      <c r="HW1220" s="91"/>
      <c r="HX1220" s="91"/>
      <c r="HY1220" s="91"/>
      <c r="HZ1220" s="91"/>
      <c r="IA1220" s="91"/>
      <c r="IB1220" s="91"/>
      <c r="IC1220" s="91"/>
      <c r="ID1220" s="91"/>
      <c r="IE1220" s="91"/>
      <c r="IF1220" s="91"/>
      <c r="IG1220" s="91"/>
      <c r="IH1220" s="91"/>
      <c r="II1220" s="91"/>
      <c r="IJ1220" s="91"/>
      <c r="IK1220" s="127"/>
    </row>
    <row r="1221" spans="2:245" x14ac:dyDescent="0.2">
      <c r="B1221" s="43"/>
      <c r="C1221" s="73"/>
      <c r="D1221" s="64"/>
      <c r="E1221" s="64"/>
      <c r="F1221" s="55"/>
      <c r="G1221" s="102"/>
      <c r="H1221" s="55"/>
      <c r="I1221" s="55"/>
      <c r="J1221" s="55"/>
      <c r="K1221" s="55"/>
      <c r="L1221" s="55"/>
      <c r="M1221" s="55"/>
      <c r="N1221" s="55"/>
      <c r="O1221" s="55"/>
      <c r="P1221" s="55"/>
      <c r="Q1221" s="55"/>
      <c r="R1221" s="55"/>
      <c r="S1221" s="55"/>
      <c r="T1221" s="55"/>
      <c r="U1221" s="55"/>
      <c r="V1221" s="55"/>
      <c r="W1221" s="55"/>
      <c r="X1221" s="55"/>
      <c r="Y1221" s="55"/>
      <c r="Z1221" s="55"/>
      <c r="AA1221" s="55"/>
      <c r="AB1221" s="55"/>
      <c r="AC1221" s="55"/>
      <c r="AD1221" s="55"/>
      <c r="AE1221" s="55"/>
      <c r="AF1221" s="55"/>
      <c r="AG1221" s="55"/>
      <c r="AY1221" s="162"/>
      <c r="AZ1221" s="162"/>
      <c r="BA1221" s="162"/>
      <c r="BB1221" s="162"/>
      <c r="BC1221" s="162"/>
      <c r="BD1221" s="162"/>
      <c r="BE1221" s="162"/>
      <c r="BF1221" s="162"/>
      <c r="BG1221" s="162"/>
      <c r="BH1221" s="162"/>
      <c r="BI1221" s="162"/>
      <c r="BJ1221" s="162"/>
      <c r="BK1221" s="162"/>
      <c r="BL1221" s="162"/>
      <c r="BM1221" s="162"/>
      <c r="BN1221" s="162"/>
      <c r="BO1221" s="162"/>
      <c r="BP1221" s="162"/>
      <c r="BQ1221" s="162"/>
      <c r="BR1221" s="162"/>
      <c r="BS1221" s="162"/>
      <c r="BT1221" s="162"/>
      <c r="BU1221" s="162"/>
      <c r="BV1221" s="162"/>
      <c r="BW1221" s="162"/>
      <c r="BX1221" s="162"/>
      <c r="BY1221" s="162"/>
      <c r="BZ1221" s="162"/>
      <c r="CA1221" s="162"/>
      <c r="CB1221" s="162"/>
      <c r="CC1221" s="162"/>
      <c r="CD1221" s="162"/>
      <c r="CE1221" s="162"/>
      <c r="CF1221" s="162"/>
      <c r="CG1221" s="162"/>
      <c r="CH1221" s="162"/>
      <c r="CI1221" s="162"/>
      <c r="CJ1221" s="162"/>
      <c r="CK1221" s="162"/>
      <c r="CX1221" s="98"/>
      <c r="DL1221" s="97"/>
      <c r="DX1221" s="98"/>
      <c r="EL1221" s="97"/>
      <c r="EX1221" s="98"/>
      <c r="EY1221" s="97"/>
      <c r="FL1221" s="126"/>
      <c r="FM1221" s="91"/>
      <c r="FN1221" s="91"/>
      <c r="FO1221" s="91"/>
      <c r="FP1221" s="91"/>
      <c r="FQ1221" s="91"/>
      <c r="FR1221" s="91"/>
      <c r="FS1221" s="91"/>
      <c r="FT1221" s="91"/>
      <c r="FU1221" s="91"/>
      <c r="FV1221" s="91"/>
      <c r="FW1221" s="91"/>
      <c r="FX1221" s="91"/>
      <c r="FY1221" s="91"/>
      <c r="FZ1221" s="91"/>
      <c r="GA1221" s="91"/>
      <c r="GB1221" s="91"/>
      <c r="GC1221" s="91"/>
      <c r="GD1221" s="91"/>
      <c r="GE1221" s="91"/>
      <c r="GF1221" s="91"/>
      <c r="GG1221" s="91"/>
      <c r="GH1221" s="91"/>
      <c r="GI1221" s="91"/>
      <c r="GJ1221" s="91"/>
      <c r="GK1221" s="127"/>
      <c r="GL1221" s="126"/>
      <c r="GM1221" s="91"/>
      <c r="GN1221" s="91"/>
      <c r="GO1221" s="91"/>
      <c r="GP1221" s="91"/>
      <c r="GQ1221" s="91"/>
      <c r="GR1221" s="91"/>
      <c r="GS1221" s="91"/>
      <c r="GT1221" s="91"/>
      <c r="GU1221" s="91"/>
      <c r="GV1221" s="91"/>
      <c r="GW1221" s="91"/>
      <c r="GX1221" s="91"/>
      <c r="GY1221" s="91"/>
      <c r="GZ1221" s="91"/>
      <c r="HA1221" s="91"/>
      <c r="HB1221" s="91"/>
      <c r="HC1221" s="91"/>
      <c r="HD1221" s="91"/>
      <c r="HE1221" s="91"/>
      <c r="HF1221" s="91"/>
      <c r="HG1221" s="91"/>
      <c r="HH1221" s="91"/>
      <c r="HI1221" s="91"/>
      <c r="HJ1221" s="91"/>
      <c r="HK1221" s="127"/>
      <c r="HL1221" s="126"/>
      <c r="HM1221" s="91"/>
      <c r="HN1221" s="91"/>
      <c r="HO1221" s="91"/>
      <c r="HP1221" s="91"/>
      <c r="HQ1221" s="91"/>
      <c r="HR1221" s="91"/>
      <c r="HS1221" s="91"/>
      <c r="HT1221" s="91"/>
      <c r="HU1221" s="91"/>
      <c r="HV1221" s="91"/>
      <c r="HW1221" s="91"/>
      <c r="HX1221" s="91"/>
      <c r="HY1221" s="91"/>
      <c r="HZ1221" s="91"/>
      <c r="IA1221" s="91"/>
      <c r="IB1221" s="91"/>
      <c r="IC1221" s="91"/>
      <c r="ID1221" s="91"/>
      <c r="IE1221" s="91"/>
      <c r="IF1221" s="91"/>
      <c r="IG1221" s="91"/>
      <c r="IH1221" s="91"/>
      <c r="II1221" s="91"/>
      <c r="IJ1221" s="91"/>
      <c r="IK1221" s="127"/>
    </row>
    <row r="1222" spans="2:245" x14ac:dyDescent="0.2">
      <c r="B1222" s="43"/>
      <c r="C1222" s="73"/>
      <c r="D1222" s="64"/>
      <c r="E1222" s="64"/>
      <c r="F1222" s="55"/>
      <c r="G1222" s="102"/>
      <c r="H1222" s="55"/>
      <c r="I1222" s="55"/>
      <c r="J1222" s="55"/>
      <c r="K1222" s="55"/>
      <c r="L1222" s="55"/>
      <c r="M1222" s="55"/>
      <c r="N1222" s="55"/>
      <c r="O1222" s="55"/>
      <c r="P1222" s="55"/>
      <c r="Q1222" s="55"/>
      <c r="R1222" s="55"/>
      <c r="S1222" s="55"/>
      <c r="T1222" s="55"/>
      <c r="U1222" s="55"/>
      <c r="V1222" s="55"/>
      <c r="W1222" s="55"/>
      <c r="X1222" s="55"/>
      <c r="Y1222" s="55"/>
      <c r="Z1222" s="55"/>
      <c r="AA1222" s="55"/>
      <c r="AB1222" s="55"/>
      <c r="AC1222" s="55"/>
      <c r="AD1222" s="55"/>
      <c r="AE1222" s="55"/>
      <c r="AF1222" s="55"/>
      <c r="AG1222" s="55"/>
      <c r="AY1222" s="162"/>
      <c r="AZ1222" s="162"/>
      <c r="BA1222" s="162"/>
      <c r="BB1222" s="162"/>
      <c r="BC1222" s="162"/>
      <c r="BD1222" s="162"/>
      <c r="BE1222" s="162"/>
      <c r="BF1222" s="162"/>
      <c r="BG1222" s="162"/>
      <c r="BH1222" s="162"/>
      <c r="BI1222" s="162"/>
      <c r="BJ1222" s="162"/>
      <c r="BK1222" s="162"/>
      <c r="BL1222" s="162"/>
      <c r="BM1222" s="162"/>
      <c r="BN1222" s="162"/>
      <c r="BO1222" s="162"/>
      <c r="BP1222" s="162"/>
      <c r="BQ1222" s="162"/>
      <c r="BR1222" s="162"/>
      <c r="BS1222" s="162"/>
      <c r="BT1222" s="162"/>
      <c r="BU1222" s="162"/>
      <c r="BV1222" s="162"/>
      <c r="BW1222" s="162"/>
      <c r="BX1222" s="162"/>
      <c r="BY1222" s="162"/>
      <c r="BZ1222" s="162"/>
      <c r="CA1222" s="162"/>
      <c r="CB1222" s="162"/>
      <c r="CC1222" s="162"/>
      <c r="CD1222" s="162"/>
      <c r="CE1222" s="162"/>
      <c r="CF1222" s="162"/>
      <c r="CG1222" s="162"/>
      <c r="CH1222" s="162"/>
      <c r="CI1222" s="162"/>
      <c r="CJ1222" s="162"/>
      <c r="CK1222" s="162"/>
      <c r="CX1222" s="98"/>
      <c r="DL1222" s="97"/>
      <c r="DX1222" s="98"/>
      <c r="EL1222" s="97"/>
      <c r="EX1222" s="98"/>
      <c r="EY1222" s="97"/>
      <c r="FL1222" s="126"/>
      <c r="FM1222" s="91"/>
      <c r="FN1222" s="91"/>
      <c r="FO1222" s="91"/>
      <c r="FP1222" s="91"/>
      <c r="FQ1222" s="91"/>
      <c r="FR1222" s="91"/>
      <c r="FS1222" s="91"/>
      <c r="FT1222" s="91"/>
      <c r="FU1222" s="91"/>
      <c r="FV1222" s="91"/>
      <c r="FW1222" s="91"/>
      <c r="FX1222" s="91"/>
      <c r="FY1222" s="91"/>
      <c r="FZ1222" s="91"/>
      <c r="GA1222" s="91"/>
      <c r="GB1222" s="91"/>
      <c r="GC1222" s="91"/>
      <c r="GD1222" s="91"/>
      <c r="GE1222" s="91"/>
      <c r="GF1222" s="91"/>
      <c r="GG1222" s="91"/>
      <c r="GH1222" s="91"/>
      <c r="GI1222" s="91"/>
      <c r="GJ1222" s="91"/>
      <c r="GK1222" s="127"/>
      <c r="GL1222" s="126"/>
      <c r="GM1222" s="91"/>
      <c r="GN1222" s="91"/>
      <c r="GO1222" s="91"/>
      <c r="GP1222" s="91"/>
      <c r="GQ1222" s="91"/>
      <c r="GR1222" s="91"/>
      <c r="GS1222" s="91"/>
      <c r="GT1222" s="91"/>
      <c r="GU1222" s="91"/>
      <c r="GV1222" s="91"/>
      <c r="GW1222" s="91"/>
      <c r="GX1222" s="91"/>
      <c r="GY1222" s="91"/>
      <c r="GZ1222" s="91"/>
      <c r="HA1222" s="91"/>
      <c r="HB1222" s="91"/>
      <c r="HC1222" s="91"/>
      <c r="HD1222" s="91"/>
      <c r="HE1222" s="91"/>
      <c r="HF1222" s="91"/>
      <c r="HG1222" s="91"/>
      <c r="HH1222" s="91"/>
      <c r="HI1222" s="91"/>
      <c r="HJ1222" s="91"/>
      <c r="HK1222" s="127"/>
      <c r="HL1222" s="126"/>
      <c r="HM1222" s="91"/>
      <c r="HN1222" s="91"/>
      <c r="HO1222" s="91"/>
      <c r="HP1222" s="91"/>
      <c r="HQ1222" s="91"/>
      <c r="HR1222" s="91"/>
      <c r="HS1222" s="91"/>
      <c r="HT1222" s="91"/>
      <c r="HU1222" s="91"/>
      <c r="HV1222" s="91"/>
      <c r="HW1222" s="91"/>
      <c r="HX1222" s="91"/>
      <c r="HY1222" s="91"/>
      <c r="HZ1222" s="91"/>
      <c r="IA1222" s="91"/>
      <c r="IB1222" s="91"/>
      <c r="IC1222" s="91"/>
      <c r="ID1222" s="91"/>
      <c r="IE1222" s="91"/>
      <c r="IF1222" s="91"/>
      <c r="IG1222" s="91"/>
      <c r="IH1222" s="91"/>
      <c r="II1222" s="91"/>
      <c r="IJ1222" s="91"/>
      <c r="IK1222" s="127"/>
    </row>
    <row r="1223" spans="2:245" x14ac:dyDescent="0.2">
      <c r="B1223" s="43"/>
      <c r="C1223" s="73"/>
      <c r="D1223" s="64"/>
      <c r="E1223" s="64"/>
      <c r="F1223" s="55"/>
      <c r="G1223" s="102"/>
      <c r="H1223" s="55"/>
      <c r="I1223" s="55"/>
      <c r="J1223" s="55"/>
      <c r="K1223" s="55"/>
      <c r="L1223" s="55"/>
      <c r="M1223" s="55"/>
      <c r="N1223" s="55"/>
      <c r="O1223" s="55"/>
      <c r="P1223" s="55"/>
      <c r="Q1223" s="55"/>
      <c r="R1223" s="55"/>
      <c r="S1223" s="55"/>
      <c r="T1223" s="55"/>
      <c r="U1223" s="55"/>
      <c r="V1223" s="55"/>
      <c r="W1223" s="55"/>
      <c r="X1223" s="55"/>
      <c r="Y1223" s="55"/>
      <c r="Z1223" s="55"/>
      <c r="AA1223" s="55"/>
      <c r="AB1223" s="55"/>
      <c r="AC1223" s="55"/>
      <c r="AD1223" s="55"/>
      <c r="AE1223" s="55"/>
      <c r="AF1223" s="55"/>
      <c r="AG1223" s="55"/>
      <c r="AY1223" s="162"/>
      <c r="AZ1223" s="162"/>
      <c r="BA1223" s="162"/>
      <c r="BB1223" s="162"/>
      <c r="BC1223" s="162"/>
      <c r="BD1223" s="162"/>
      <c r="BE1223" s="162"/>
      <c r="BF1223" s="162"/>
      <c r="BG1223" s="162"/>
      <c r="BH1223" s="162"/>
      <c r="BI1223" s="162"/>
      <c r="BJ1223" s="162"/>
      <c r="BK1223" s="162"/>
      <c r="BL1223" s="162"/>
      <c r="BM1223" s="162"/>
      <c r="BN1223" s="162"/>
      <c r="BO1223" s="162"/>
      <c r="BP1223" s="162"/>
      <c r="BQ1223" s="162"/>
      <c r="BR1223" s="162"/>
      <c r="BS1223" s="162"/>
      <c r="BT1223" s="162"/>
      <c r="BU1223" s="162"/>
      <c r="BV1223" s="162"/>
      <c r="BW1223" s="162"/>
      <c r="BX1223" s="162"/>
      <c r="BY1223" s="162"/>
      <c r="BZ1223" s="162"/>
      <c r="CA1223" s="162"/>
      <c r="CB1223" s="162"/>
      <c r="CC1223" s="162"/>
      <c r="CD1223" s="162"/>
      <c r="CE1223" s="162"/>
      <c r="CF1223" s="162"/>
      <c r="CG1223" s="162"/>
      <c r="CH1223" s="162"/>
      <c r="CI1223" s="162"/>
      <c r="CJ1223" s="162"/>
      <c r="CK1223" s="162"/>
      <c r="CX1223" s="98"/>
      <c r="DL1223" s="97"/>
      <c r="DX1223" s="98"/>
      <c r="EL1223" s="97"/>
      <c r="EX1223" s="98"/>
      <c r="EY1223" s="97"/>
      <c r="FL1223" s="126"/>
      <c r="FM1223" s="91"/>
      <c r="FN1223" s="91"/>
      <c r="FO1223" s="91"/>
      <c r="FP1223" s="91"/>
      <c r="FQ1223" s="91"/>
      <c r="FR1223" s="91"/>
      <c r="FS1223" s="91"/>
      <c r="FT1223" s="91"/>
      <c r="FU1223" s="91"/>
      <c r="FV1223" s="91"/>
      <c r="FW1223" s="91"/>
      <c r="FX1223" s="91"/>
      <c r="FY1223" s="91"/>
      <c r="FZ1223" s="91"/>
      <c r="GA1223" s="91"/>
      <c r="GB1223" s="91"/>
      <c r="GC1223" s="91"/>
      <c r="GD1223" s="91"/>
      <c r="GE1223" s="91"/>
      <c r="GF1223" s="91"/>
      <c r="GG1223" s="91"/>
      <c r="GH1223" s="91"/>
      <c r="GI1223" s="91"/>
      <c r="GJ1223" s="91"/>
      <c r="GK1223" s="127"/>
      <c r="GL1223" s="126"/>
      <c r="GM1223" s="91"/>
      <c r="GN1223" s="91"/>
      <c r="GO1223" s="91"/>
      <c r="GP1223" s="91"/>
      <c r="GQ1223" s="91"/>
      <c r="GR1223" s="91"/>
      <c r="GS1223" s="91"/>
      <c r="GT1223" s="91"/>
      <c r="GU1223" s="91"/>
      <c r="GV1223" s="91"/>
      <c r="GW1223" s="91"/>
      <c r="GX1223" s="91"/>
      <c r="GY1223" s="91"/>
      <c r="GZ1223" s="91"/>
      <c r="HA1223" s="91"/>
      <c r="HB1223" s="91"/>
      <c r="HC1223" s="91"/>
      <c r="HD1223" s="91"/>
      <c r="HE1223" s="91"/>
      <c r="HF1223" s="91"/>
      <c r="HG1223" s="91"/>
      <c r="HH1223" s="91"/>
      <c r="HI1223" s="91"/>
      <c r="HJ1223" s="91"/>
      <c r="HK1223" s="127"/>
      <c r="HL1223" s="126"/>
      <c r="HM1223" s="91"/>
      <c r="HN1223" s="91"/>
      <c r="HO1223" s="91"/>
      <c r="HP1223" s="91"/>
      <c r="HQ1223" s="91"/>
      <c r="HR1223" s="91"/>
      <c r="HS1223" s="91"/>
      <c r="HT1223" s="91"/>
      <c r="HU1223" s="91"/>
      <c r="HV1223" s="91"/>
      <c r="HW1223" s="91"/>
      <c r="HX1223" s="91"/>
      <c r="HY1223" s="91"/>
      <c r="HZ1223" s="91"/>
      <c r="IA1223" s="91"/>
      <c r="IB1223" s="91"/>
      <c r="IC1223" s="91"/>
      <c r="ID1223" s="91"/>
      <c r="IE1223" s="91"/>
      <c r="IF1223" s="91"/>
      <c r="IG1223" s="91"/>
      <c r="IH1223" s="91"/>
      <c r="II1223" s="91"/>
      <c r="IJ1223" s="91"/>
      <c r="IK1223" s="127"/>
    </row>
    <row r="1224" spans="2:245" x14ac:dyDescent="0.2">
      <c r="B1224" s="43"/>
      <c r="C1224" s="73"/>
      <c r="D1224" s="64"/>
      <c r="E1224" s="64"/>
      <c r="F1224" s="55"/>
      <c r="G1224" s="102"/>
      <c r="H1224" s="55"/>
      <c r="I1224" s="55"/>
      <c r="J1224" s="55"/>
      <c r="K1224" s="55"/>
      <c r="L1224" s="55"/>
      <c r="M1224" s="55"/>
      <c r="N1224" s="55"/>
      <c r="O1224" s="55"/>
      <c r="P1224" s="55"/>
      <c r="Q1224" s="55"/>
      <c r="R1224" s="55"/>
      <c r="S1224" s="55"/>
      <c r="T1224" s="55"/>
      <c r="U1224" s="55"/>
      <c r="V1224" s="55"/>
      <c r="W1224" s="55"/>
      <c r="X1224" s="55"/>
      <c r="Y1224" s="55"/>
      <c r="Z1224" s="55"/>
      <c r="AA1224" s="55"/>
      <c r="AB1224" s="55"/>
      <c r="AC1224" s="55"/>
      <c r="AD1224" s="55"/>
      <c r="AE1224" s="55"/>
      <c r="AF1224" s="55"/>
      <c r="AG1224" s="55"/>
      <c r="AY1224" s="162"/>
      <c r="AZ1224" s="162"/>
      <c r="BA1224" s="162"/>
      <c r="BB1224" s="162"/>
      <c r="BC1224" s="162"/>
      <c r="BD1224" s="162"/>
      <c r="BE1224" s="162"/>
      <c r="BF1224" s="162"/>
      <c r="BG1224" s="162"/>
      <c r="BH1224" s="162"/>
      <c r="BI1224" s="162"/>
      <c r="BJ1224" s="162"/>
      <c r="BK1224" s="162"/>
      <c r="BL1224" s="162"/>
      <c r="BM1224" s="162"/>
      <c r="BN1224" s="162"/>
      <c r="BO1224" s="162"/>
      <c r="BP1224" s="162"/>
      <c r="BQ1224" s="162"/>
      <c r="BR1224" s="162"/>
      <c r="BS1224" s="162"/>
      <c r="BT1224" s="162"/>
      <c r="BU1224" s="162"/>
      <c r="BV1224" s="162"/>
      <c r="BW1224" s="162"/>
      <c r="BX1224" s="162"/>
      <c r="BY1224" s="162"/>
      <c r="BZ1224" s="162"/>
      <c r="CA1224" s="162"/>
      <c r="CB1224" s="162"/>
      <c r="CC1224" s="162"/>
      <c r="CD1224" s="162"/>
      <c r="CE1224" s="162"/>
      <c r="CF1224" s="162"/>
      <c r="CG1224" s="162"/>
      <c r="CH1224" s="162"/>
      <c r="CI1224" s="162"/>
      <c r="CJ1224" s="162"/>
      <c r="CK1224" s="162"/>
      <c r="CX1224" s="98"/>
      <c r="DL1224" s="97"/>
      <c r="DX1224" s="98"/>
      <c r="EL1224" s="97"/>
      <c r="EX1224" s="98"/>
      <c r="EY1224" s="97"/>
      <c r="FL1224" s="126"/>
      <c r="FM1224" s="91"/>
      <c r="FN1224" s="91"/>
      <c r="FO1224" s="91"/>
      <c r="FP1224" s="91"/>
      <c r="FQ1224" s="91"/>
      <c r="FR1224" s="91"/>
      <c r="FS1224" s="91"/>
      <c r="FT1224" s="91"/>
      <c r="FU1224" s="91"/>
      <c r="FV1224" s="91"/>
      <c r="FW1224" s="91"/>
      <c r="FX1224" s="91"/>
      <c r="FY1224" s="91"/>
      <c r="FZ1224" s="91"/>
      <c r="GA1224" s="91"/>
      <c r="GB1224" s="91"/>
      <c r="GC1224" s="91"/>
      <c r="GD1224" s="91"/>
      <c r="GE1224" s="91"/>
      <c r="GF1224" s="91"/>
      <c r="GG1224" s="91"/>
      <c r="GH1224" s="91"/>
      <c r="GI1224" s="91"/>
      <c r="GJ1224" s="91"/>
      <c r="GK1224" s="127"/>
      <c r="GL1224" s="126"/>
      <c r="GM1224" s="91"/>
      <c r="GN1224" s="91"/>
      <c r="GO1224" s="91"/>
      <c r="GP1224" s="91"/>
      <c r="GQ1224" s="91"/>
      <c r="GR1224" s="91"/>
      <c r="GS1224" s="91"/>
      <c r="GT1224" s="91"/>
      <c r="GU1224" s="91"/>
      <c r="GV1224" s="91"/>
      <c r="GW1224" s="91"/>
      <c r="GX1224" s="91"/>
      <c r="GY1224" s="91"/>
      <c r="GZ1224" s="91"/>
      <c r="HA1224" s="91"/>
      <c r="HB1224" s="91"/>
      <c r="HC1224" s="91"/>
      <c r="HD1224" s="91"/>
      <c r="HE1224" s="91"/>
      <c r="HF1224" s="91"/>
      <c r="HG1224" s="91"/>
      <c r="HH1224" s="91"/>
      <c r="HI1224" s="91"/>
      <c r="HJ1224" s="91"/>
      <c r="HK1224" s="127"/>
      <c r="HL1224" s="126"/>
      <c r="HM1224" s="91"/>
      <c r="HN1224" s="91"/>
      <c r="HO1224" s="91"/>
      <c r="HP1224" s="91"/>
      <c r="HQ1224" s="91"/>
      <c r="HR1224" s="91"/>
      <c r="HS1224" s="91"/>
      <c r="HT1224" s="91"/>
      <c r="HU1224" s="91"/>
      <c r="HV1224" s="91"/>
      <c r="HW1224" s="91"/>
      <c r="HX1224" s="91"/>
      <c r="HY1224" s="91"/>
      <c r="HZ1224" s="91"/>
      <c r="IA1224" s="91"/>
      <c r="IB1224" s="91"/>
      <c r="IC1224" s="91"/>
      <c r="ID1224" s="91"/>
      <c r="IE1224" s="91"/>
      <c r="IF1224" s="91"/>
      <c r="IG1224" s="91"/>
      <c r="IH1224" s="91"/>
      <c r="II1224" s="91"/>
      <c r="IJ1224" s="91"/>
      <c r="IK1224" s="127"/>
    </row>
    <row r="1225" spans="2:245" x14ac:dyDescent="0.2">
      <c r="B1225" s="43"/>
      <c r="C1225" s="73"/>
      <c r="D1225" s="64"/>
      <c r="E1225" s="64"/>
      <c r="F1225" s="55"/>
      <c r="G1225" s="102"/>
      <c r="H1225" s="55"/>
      <c r="I1225" s="55"/>
      <c r="J1225" s="55"/>
      <c r="K1225" s="55"/>
      <c r="L1225" s="55"/>
      <c r="M1225" s="55"/>
      <c r="N1225" s="55"/>
      <c r="O1225" s="55"/>
      <c r="P1225" s="55"/>
      <c r="Q1225" s="55"/>
      <c r="R1225" s="55"/>
      <c r="S1225" s="55"/>
      <c r="T1225" s="55"/>
      <c r="U1225" s="55"/>
      <c r="V1225" s="55"/>
      <c r="W1225" s="55"/>
      <c r="X1225" s="55"/>
      <c r="Y1225" s="55"/>
      <c r="Z1225" s="55"/>
      <c r="AA1225" s="55"/>
      <c r="AB1225" s="55"/>
      <c r="AC1225" s="55"/>
      <c r="AD1225" s="55"/>
      <c r="AE1225" s="55"/>
      <c r="AF1225" s="55"/>
      <c r="AG1225" s="55"/>
      <c r="AY1225" s="162"/>
      <c r="AZ1225" s="162"/>
      <c r="BA1225" s="162"/>
      <c r="BB1225" s="162"/>
      <c r="BC1225" s="162"/>
      <c r="BD1225" s="162"/>
      <c r="BE1225" s="162"/>
      <c r="BF1225" s="162"/>
      <c r="BG1225" s="162"/>
      <c r="BH1225" s="162"/>
      <c r="BI1225" s="162"/>
      <c r="BJ1225" s="162"/>
      <c r="BK1225" s="162"/>
      <c r="BL1225" s="162"/>
      <c r="BM1225" s="162"/>
      <c r="BN1225" s="162"/>
      <c r="BO1225" s="162"/>
      <c r="BP1225" s="162"/>
      <c r="BQ1225" s="162"/>
      <c r="BR1225" s="162"/>
      <c r="BS1225" s="162"/>
      <c r="BT1225" s="162"/>
      <c r="BU1225" s="162"/>
      <c r="BV1225" s="162"/>
      <c r="BW1225" s="162"/>
      <c r="BX1225" s="162"/>
      <c r="BY1225" s="162"/>
      <c r="BZ1225" s="162"/>
      <c r="CA1225" s="162"/>
      <c r="CB1225" s="162"/>
      <c r="CC1225" s="162"/>
      <c r="CD1225" s="162"/>
      <c r="CE1225" s="162"/>
      <c r="CF1225" s="162"/>
      <c r="CG1225" s="162"/>
      <c r="CH1225" s="162"/>
      <c r="CI1225" s="162"/>
      <c r="CJ1225" s="162"/>
      <c r="CK1225" s="162"/>
      <c r="CX1225" s="98"/>
      <c r="DL1225" s="97"/>
      <c r="DX1225" s="98"/>
      <c r="EL1225" s="97"/>
      <c r="EX1225" s="98"/>
      <c r="EY1225" s="97"/>
      <c r="FL1225" s="126"/>
      <c r="FM1225" s="91"/>
      <c r="FN1225" s="91"/>
      <c r="FO1225" s="91"/>
      <c r="FP1225" s="91"/>
      <c r="FQ1225" s="91"/>
      <c r="FR1225" s="91"/>
      <c r="FS1225" s="91"/>
      <c r="FT1225" s="91"/>
      <c r="FU1225" s="91"/>
      <c r="FV1225" s="91"/>
      <c r="FW1225" s="91"/>
      <c r="FX1225" s="91"/>
      <c r="FY1225" s="91"/>
      <c r="FZ1225" s="91"/>
      <c r="GA1225" s="91"/>
      <c r="GB1225" s="91"/>
      <c r="GC1225" s="91"/>
      <c r="GD1225" s="91"/>
      <c r="GE1225" s="91"/>
      <c r="GF1225" s="91"/>
      <c r="GG1225" s="91"/>
      <c r="GH1225" s="91"/>
      <c r="GI1225" s="91"/>
      <c r="GJ1225" s="91"/>
      <c r="GK1225" s="127"/>
      <c r="GL1225" s="126"/>
      <c r="GM1225" s="91"/>
      <c r="GN1225" s="91"/>
      <c r="GO1225" s="91"/>
      <c r="GP1225" s="91"/>
      <c r="GQ1225" s="91"/>
      <c r="GR1225" s="91"/>
      <c r="GS1225" s="91"/>
      <c r="GT1225" s="91"/>
      <c r="GU1225" s="91"/>
      <c r="GV1225" s="91"/>
      <c r="GW1225" s="91"/>
      <c r="GX1225" s="91"/>
      <c r="GY1225" s="91"/>
      <c r="GZ1225" s="91"/>
      <c r="HA1225" s="91"/>
      <c r="HB1225" s="91"/>
      <c r="HC1225" s="91"/>
      <c r="HD1225" s="91"/>
      <c r="HE1225" s="91"/>
      <c r="HF1225" s="91"/>
      <c r="HG1225" s="91"/>
      <c r="HH1225" s="91"/>
      <c r="HI1225" s="91"/>
      <c r="HJ1225" s="91"/>
      <c r="HK1225" s="127"/>
      <c r="HL1225" s="126"/>
      <c r="HM1225" s="91"/>
      <c r="HN1225" s="91"/>
      <c r="HO1225" s="91"/>
      <c r="HP1225" s="91"/>
      <c r="HQ1225" s="91"/>
      <c r="HR1225" s="91"/>
      <c r="HS1225" s="91"/>
      <c r="HT1225" s="91"/>
      <c r="HU1225" s="91"/>
      <c r="HV1225" s="91"/>
      <c r="HW1225" s="91"/>
      <c r="HX1225" s="91"/>
      <c r="HY1225" s="91"/>
      <c r="HZ1225" s="91"/>
      <c r="IA1225" s="91"/>
      <c r="IB1225" s="91"/>
      <c r="IC1225" s="91"/>
      <c r="ID1225" s="91"/>
      <c r="IE1225" s="91"/>
      <c r="IF1225" s="91"/>
      <c r="IG1225" s="91"/>
      <c r="IH1225" s="91"/>
      <c r="II1225" s="91"/>
      <c r="IJ1225" s="91"/>
      <c r="IK1225" s="127"/>
    </row>
    <row r="1226" spans="2:245" x14ac:dyDescent="0.2">
      <c r="B1226" s="43"/>
      <c r="C1226" s="73"/>
      <c r="D1226" s="64"/>
      <c r="E1226" s="64"/>
      <c r="F1226" s="55"/>
      <c r="G1226" s="102"/>
      <c r="H1226" s="55"/>
      <c r="I1226" s="55"/>
      <c r="J1226" s="55"/>
      <c r="K1226" s="55"/>
      <c r="L1226" s="55"/>
      <c r="M1226" s="55"/>
      <c r="N1226" s="55"/>
      <c r="O1226" s="55"/>
      <c r="P1226" s="55"/>
      <c r="Q1226" s="55"/>
      <c r="R1226" s="55"/>
      <c r="S1226" s="55"/>
      <c r="T1226" s="55"/>
      <c r="U1226" s="55"/>
      <c r="V1226" s="55"/>
      <c r="W1226" s="55"/>
      <c r="X1226" s="55"/>
      <c r="Y1226" s="55"/>
      <c r="Z1226" s="55"/>
      <c r="AA1226" s="55"/>
      <c r="AB1226" s="55"/>
      <c r="AC1226" s="55"/>
      <c r="AD1226" s="55"/>
      <c r="AE1226" s="55"/>
      <c r="AF1226" s="55"/>
      <c r="AG1226" s="55"/>
      <c r="AY1226" s="162"/>
      <c r="AZ1226" s="162"/>
      <c r="BA1226" s="162"/>
      <c r="BB1226" s="162"/>
      <c r="BC1226" s="162"/>
      <c r="BD1226" s="162"/>
      <c r="BE1226" s="162"/>
      <c r="BF1226" s="162"/>
      <c r="BG1226" s="162"/>
      <c r="BH1226" s="162"/>
      <c r="BI1226" s="162"/>
      <c r="BJ1226" s="162"/>
      <c r="BK1226" s="162"/>
      <c r="BL1226" s="162"/>
      <c r="BM1226" s="162"/>
      <c r="BN1226" s="162"/>
      <c r="BO1226" s="162"/>
      <c r="BP1226" s="162"/>
      <c r="BQ1226" s="162"/>
      <c r="BR1226" s="162"/>
      <c r="BS1226" s="162"/>
      <c r="BT1226" s="162"/>
      <c r="BU1226" s="162"/>
      <c r="BV1226" s="162"/>
      <c r="BW1226" s="162"/>
      <c r="BX1226" s="162"/>
      <c r="BY1226" s="162"/>
      <c r="BZ1226" s="162"/>
      <c r="CA1226" s="162"/>
      <c r="CB1226" s="162"/>
      <c r="CC1226" s="162"/>
      <c r="CD1226" s="162"/>
      <c r="CE1226" s="162"/>
      <c r="CF1226" s="162"/>
      <c r="CG1226" s="162"/>
      <c r="CH1226" s="162"/>
      <c r="CI1226" s="162"/>
      <c r="CJ1226" s="162"/>
      <c r="CK1226" s="162"/>
      <c r="CX1226" s="98"/>
      <c r="DL1226" s="97"/>
      <c r="DX1226" s="98"/>
      <c r="EL1226" s="97"/>
      <c r="EX1226" s="98"/>
      <c r="EY1226" s="97"/>
      <c r="FL1226" s="126"/>
      <c r="FM1226" s="91"/>
      <c r="FN1226" s="91"/>
      <c r="FO1226" s="91"/>
      <c r="FP1226" s="91"/>
      <c r="FQ1226" s="91"/>
      <c r="FR1226" s="91"/>
      <c r="FS1226" s="91"/>
      <c r="FT1226" s="91"/>
      <c r="FU1226" s="91"/>
      <c r="FV1226" s="91"/>
      <c r="FW1226" s="91"/>
      <c r="FX1226" s="91"/>
      <c r="FY1226" s="91"/>
      <c r="FZ1226" s="91"/>
      <c r="GA1226" s="91"/>
      <c r="GB1226" s="91"/>
      <c r="GC1226" s="91"/>
      <c r="GD1226" s="91"/>
      <c r="GE1226" s="91"/>
      <c r="GF1226" s="91"/>
      <c r="GG1226" s="91"/>
      <c r="GH1226" s="91"/>
      <c r="GI1226" s="91"/>
      <c r="GJ1226" s="91"/>
      <c r="GK1226" s="127"/>
      <c r="GL1226" s="126"/>
      <c r="GM1226" s="91"/>
      <c r="GN1226" s="91"/>
      <c r="GO1226" s="91"/>
      <c r="GP1226" s="91"/>
      <c r="GQ1226" s="91"/>
      <c r="GR1226" s="91"/>
      <c r="GS1226" s="91"/>
      <c r="GT1226" s="91"/>
      <c r="GU1226" s="91"/>
      <c r="GV1226" s="91"/>
      <c r="GW1226" s="91"/>
      <c r="GX1226" s="91"/>
      <c r="GY1226" s="91"/>
      <c r="GZ1226" s="91"/>
      <c r="HA1226" s="91"/>
      <c r="HB1226" s="91"/>
      <c r="HC1226" s="91"/>
      <c r="HD1226" s="91"/>
      <c r="HE1226" s="91"/>
      <c r="HF1226" s="91"/>
      <c r="HG1226" s="91"/>
      <c r="HH1226" s="91"/>
      <c r="HI1226" s="91"/>
      <c r="HJ1226" s="91"/>
      <c r="HK1226" s="127"/>
      <c r="HL1226" s="126"/>
      <c r="HM1226" s="91"/>
      <c r="HN1226" s="91"/>
      <c r="HO1226" s="91"/>
      <c r="HP1226" s="91"/>
      <c r="HQ1226" s="91"/>
      <c r="HR1226" s="91"/>
      <c r="HS1226" s="91"/>
      <c r="HT1226" s="91"/>
      <c r="HU1226" s="91"/>
      <c r="HV1226" s="91"/>
      <c r="HW1226" s="91"/>
      <c r="HX1226" s="91"/>
      <c r="HY1226" s="91"/>
      <c r="HZ1226" s="91"/>
      <c r="IA1226" s="91"/>
      <c r="IB1226" s="91"/>
      <c r="IC1226" s="91"/>
      <c r="ID1226" s="91"/>
      <c r="IE1226" s="91"/>
      <c r="IF1226" s="91"/>
      <c r="IG1226" s="91"/>
      <c r="IH1226" s="91"/>
      <c r="II1226" s="91"/>
      <c r="IJ1226" s="91"/>
      <c r="IK1226" s="127"/>
    </row>
    <row r="1227" spans="2:245" x14ac:dyDescent="0.2">
      <c r="B1227" s="43"/>
      <c r="C1227" s="73"/>
      <c r="D1227" s="64"/>
      <c r="E1227" s="64"/>
      <c r="F1227" s="55"/>
      <c r="G1227" s="102"/>
      <c r="H1227" s="55"/>
      <c r="I1227" s="55"/>
      <c r="J1227" s="55"/>
      <c r="K1227" s="55"/>
      <c r="L1227" s="55"/>
      <c r="M1227" s="55"/>
      <c r="N1227" s="55"/>
      <c r="O1227" s="55"/>
      <c r="P1227" s="55"/>
      <c r="Q1227" s="55"/>
      <c r="R1227" s="55"/>
      <c r="S1227" s="55"/>
      <c r="T1227" s="55"/>
      <c r="U1227" s="55"/>
      <c r="V1227" s="55"/>
      <c r="W1227" s="55"/>
      <c r="X1227" s="55"/>
      <c r="Y1227" s="55"/>
      <c r="Z1227" s="55"/>
      <c r="AA1227" s="55"/>
      <c r="AB1227" s="55"/>
      <c r="AC1227" s="55"/>
      <c r="AD1227" s="55"/>
      <c r="AE1227" s="55"/>
      <c r="AF1227" s="55"/>
      <c r="AG1227" s="55"/>
      <c r="AY1227" s="162"/>
      <c r="AZ1227" s="162"/>
      <c r="BA1227" s="162"/>
      <c r="BB1227" s="162"/>
      <c r="BC1227" s="162"/>
      <c r="BD1227" s="162"/>
      <c r="BE1227" s="162"/>
      <c r="BF1227" s="162"/>
      <c r="BG1227" s="162"/>
      <c r="BH1227" s="162"/>
      <c r="BI1227" s="162"/>
      <c r="BJ1227" s="162"/>
      <c r="BK1227" s="162"/>
      <c r="BL1227" s="162"/>
      <c r="BM1227" s="162"/>
      <c r="BN1227" s="162"/>
      <c r="BO1227" s="162"/>
      <c r="BP1227" s="162"/>
      <c r="BQ1227" s="162"/>
      <c r="BR1227" s="162"/>
      <c r="BS1227" s="162"/>
      <c r="BT1227" s="162"/>
      <c r="BU1227" s="162"/>
      <c r="BV1227" s="162"/>
      <c r="BW1227" s="162"/>
      <c r="BX1227" s="162"/>
      <c r="BY1227" s="162"/>
      <c r="BZ1227" s="162"/>
      <c r="CA1227" s="162"/>
      <c r="CB1227" s="162"/>
      <c r="CC1227" s="162"/>
      <c r="CD1227" s="162"/>
      <c r="CE1227" s="162"/>
      <c r="CF1227" s="162"/>
      <c r="CG1227" s="162"/>
      <c r="CH1227" s="162"/>
      <c r="CI1227" s="162"/>
      <c r="CJ1227" s="162"/>
      <c r="CK1227" s="162"/>
      <c r="CX1227" s="98"/>
      <c r="DL1227" s="97"/>
      <c r="DX1227" s="98"/>
      <c r="EL1227" s="97"/>
      <c r="EX1227" s="98"/>
      <c r="EY1227" s="97"/>
      <c r="FL1227" s="126"/>
      <c r="FM1227" s="91"/>
      <c r="FN1227" s="91"/>
      <c r="FO1227" s="91"/>
      <c r="FP1227" s="91"/>
      <c r="FQ1227" s="91"/>
      <c r="FR1227" s="91"/>
      <c r="FS1227" s="91"/>
      <c r="FT1227" s="91"/>
      <c r="FU1227" s="91"/>
      <c r="FV1227" s="91"/>
      <c r="FW1227" s="91"/>
      <c r="FX1227" s="91"/>
      <c r="FY1227" s="91"/>
      <c r="FZ1227" s="91"/>
      <c r="GA1227" s="91"/>
      <c r="GB1227" s="91"/>
      <c r="GC1227" s="91"/>
      <c r="GD1227" s="91"/>
      <c r="GE1227" s="91"/>
      <c r="GF1227" s="91"/>
      <c r="GG1227" s="91"/>
      <c r="GH1227" s="91"/>
      <c r="GI1227" s="91"/>
      <c r="GJ1227" s="91"/>
      <c r="GK1227" s="127"/>
      <c r="GL1227" s="126"/>
      <c r="GM1227" s="91"/>
      <c r="GN1227" s="91"/>
      <c r="GO1227" s="91"/>
      <c r="GP1227" s="91"/>
      <c r="GQ1227" s="91"/>
      <c r="GR1227" s="91"/>
      <c r="GS1227" s="91"/>
      <c r="GT1227" s="91"/>
      <c r="GU1227" s="91"/>
      <c r="GV1227" s="91"/>
      <c r="GW1227" s="91"/>
      <c r="GX1227" s="91"/>
      <c r="GY1227" s="91"/>
      <c r="GZ1227" s="91"/>
      <c r="HA1227" s="91"/>
      <c r="HB1227" s="91"/>
      <c r="HC1227" s="91"/>
      <c r="HD1227" s="91"/>
      <c r="HE1227" s="91"/>
      <c r="HF1227" s="91"/>
      <c r="HG1227" s="91"/>
      <c r="HH1227" s="91"/>
      <c r="HI1227" s="91"/>
      <c r="HJ1227" s="91"/>
      <c r="HK1227" s="127"/>
      <c r="HL1227" s="126"/>
      <c r="HM1227" s="91"/>
      <c r="HN1227" s="91"/>
      <c r="HO1227" s="91"/>
      <c r="HP1227" s="91"/>
      <c r="HQ1227" s="91"/>
      <c r="HR1227" s="91"/>
      <c r="HS1227" s="91"/>
      <c r="HT1227" s="91"/>
      <c r="HU1227" s="91"/>
      <c r="HV1227" s="91"/>
      <c r="HW1227" s="91"/>
      <c r="HX1227" s="91"/>
      <c r="HY1227" s="91"/>
      <c r="HZ1227" s="91"/>
      <c r="IA1227" s="91"/>
      <c r="IB1227" s="91"/>
      <c r="IC1227" s="91"/>
      <c r="ID1227" s="91"/>
      <c r="IE1227" s="91"/>
      <c r="IF1227" s="91"/>
      <c r="IG1227" s="91"/>
      <c r="IH1227" s="91"/>
      <c r="II1227" s="91"/>
      <c r="IJ1227" s="91"/>
      <c r="IK1227" s="127"/>
    </row>
    <row r="1228" spans="2:245" x14ac:dyDescent="0.2">
      <c r="B1228" s="43"/>
      <c r="C1228" s="73"/>
      <c r="D1228" s="64"/>
      <c r="E1228" s="64"/>
      <c r="F1228" s="55"/>
      <c r="G1228" s="102"/>
      <c r="H1228" s="55"/>
      <c r="I1228" s="55"/>
      <c r="J1228" s="55"/>
      <c r="K1228" s="55"/>
      <c r="L1228" s="55"/>
      <c r="M1228" s="55"/>
      <c r="N1228" s="55"/>
      <c r="O1228" s="55"/>
      <c r="P1228" s="55"/>
      <c r="Q1228" s="55"/>
      <c r="R1228" s="55"/>
      <c r="S1228" s="55"/>
      <c r="T1228" s="55"/>
      <c r="U1228" s="55"/>
      <c r="V1228" s="55"/>
      <c r="W1228" s="55"/>
      <c r="X1228" s="55"/>
      <c r="Y1228" s="55"/>
      <c r="Z1228" s="55"/>
      <c r="AA1228" s="55"/>
      <c r="AB1228" s="55"/>
      <c r="AC1228" s="55"/>
      <c r="AD1228" s="55"/>
      <c r="AE1228" s="55"/>
      <c r="AF1228" s="55"/>
      <c r="AG1228" s="55"/>
      <c r="AY1228" s="162"/>
      <c r="AZ1228" s="162"/>
      <c r="BA1228" s="162"/>
      <c r="BB1228" s="162"/>
      <c r="BC1228" s="162"/>
      <c r="BD1228" s="162"/>
      <c r="BE1228" s="162"/>
      <c r="BF1228" s="162"/>
      <c r="BG1228" s="162"/>
      <c r="BH1228" s="162"/>
      <c r="BI1228" s="162"/>
      <c r="BJ1228" s="162"/>
      <c r="BK1228" s="162"/>
      <c r="BL1228" s="162"/>
      <c r="BM1228" s="162"/>
      <c r="BN1228" s="162"/>
      <c r="BO1228" s="162"/>
      <c r="BP1228" s="162"/>
      <c r="BQ1228" s="162"/>
      <c r="BR1228" s="162"/>
      <c r="BS1228" s="162"/>
      <c r="BT1228" s="162"/>
      <c r="BU1228" s="162"/>
      <c r="BV1228" s="162"/>
      <c r="BW1228" s="162"/>
      <c r="BX1228" s="162"/>
      <c r="BY1228" s="162"/>
      <c r="BZ1228" s="162"/>
      <c r="CA1228" s="162"/>
      <c r="CB1228" s="162"/>
      <c r="CC1228" s="162"/>
      <c r="CD1228" s="162"/>
      <c r="CE1228" s="162"/>
      <c r="CF1228" s="162"/>
      <c r="CG1228" s="162"/>
      <c r="CH1228" s="162"/>
      <c r="CI1228" s="162"/>
      <c r="CJ1228" s="162"/>
      <c r="CK1228" s="162"/>
      <c r="CX1228" s="98"/>
      <c r="DL1228" s="97"/>
      <c r="DX1228" s="98"/>
      <c r="EL1228" s="97"/>
      <c r="EX1228" s="98"/>
      <c r="EY1228" s="97"/>
      <c r="FL1228" s="126"/>
      <c r="FM1228" s="91"/>
      <c r="FN1228" s="91"/>
      <c r="FO1228" s="91"/>
      <c r="FP1228" s="91"/>
      <c r="FQ1228" s="91"/>
      <c r="FR1228" s="91"/>
      <c r="FS1228" s="91"/>
      <c r="FT1228" s="91"/>
      <c r="FU1228" s="91"/>
      <c r="FV1228" s="91"/>
      <c r="FW1228" s="91"/>
      <c r="FX1228" s="91"/>
      <c r="FY1228" s="91"/>
      <c r="FZ1228" s="91"/>
      <c r="GA1228" s="91"/>
      <c r="GB1228" s="91"/>
      <c r="GC1228" s="91"/>
      <c r="GD1228" s="91"/>
      <c r="GE1228" s="91"/>
      <c r="GF1228" s="91"/>
      <c r="GG1228" s="91"/>
      <c r="GH1228" s="91"/>
      <c r="GI1228" s="91"/>
      <c r="GJ1228" s="91"/>
      <c r="GK1228" s="127"/>
      <c r="GL1228" s="126"/>
      <c r="GM1228" s="91"/>
      <c r="GN1228" s="91"/>
      <c r="GO1228" s="91"/>
      <c r="GP1228" s="91"/>
      <c r="GQ1228" s="91"/>
      <c r="GR1228" s="91"/>
      <c r="GS1228" s="91"/>
      <c r="GT1228" s="91"/>
      <c r="GU1228" s="91"/>
      <c r="GV1228" s="91"/>
      <c r="GW1228" s="91"/>
      <c r="GX1228" s="91"/>
      <c r="GY1228" s="91"/>
      <c r="GZ1228" s="91"/>
      <c r="HA1228" s="91"/>
      <c r="HB1228" s="91"/>
      <c r="HC1228" s="91"/>
      <c r="HD1228" s="91"/>
      <c r="HE1228" s="91"/>
      <c r="HF1228" s="91"/>
      <c r="HG1228" s="91"/>
      <c r="HH1228" s="91"/>
      <c r="HI1228" s="91"/>
      <c r="HJ1228" s="91"/>
      <c r="HK1228" s="127"/>
      <c r="HL1228" s="126"/>
      <c r="HM1228" s="91"/>
      <c r="HN1228" s="91"/>
      <c r="HO1228" s="91"/>
      <c r="HP1228" s="91"/>
      <c r="HQ1228" s="91"/>
      <c r="HR1228" s="91"/>
      <c r="HS1228" s="91"/>
      <c r="HT1228" s="91"/>
      <c r="HU1228" s="91"/>
      <c r="HV1228" s="91"/>
      <c r="HW1228" s="91"/>
      <c r="HX1228" s="91"/>
      <c r="HY1228" s="91"/>
      <c r="HZ1228" s="91"/>
      <c r="IA1228" s="91"/>
      <c r="IB1228" s="91"/>
      <c r="IC1228" s="91"/>
      <c r="ID1228" s="91"/>
      <c r="IE1228" s="91"/>
      <c r="IF1228" s="91"/>
      <c r="IG1228" s="91"/>
      <c r="IH1228" s="91"/>
      <c r="II1228" s="91"/>
      <c r="IJ1228" s="91"/>
      <c r="IK1228" s="127"/>
    </row>
    <row r="1229" spans="2:245" x14ac:dyDescent="0.2">
      <c r="B1229" s="43"/>
      <c r="C1229" s="73"/>
      <c r="D1229" s="64"/>
      <c r="E1229" s="64"/>
      <c r="F1229" s="55"/>
      <c r="G1229" s="102"/>
      <c r="H1229" s="55"/>
      <c r="I1229" s="55"/>
      <c r="J1229" s="55"/>
      <c r="K1229" s="55"/>
      <c r="L1229" s="55"/>
      <c r="M1229" s="55"/>
      <c r="N1229" s="55"/>
      <c r="O1229" s="55"/>
      <c r="P1229" s="55"/>
      <c r="Q1229" s="55"/>
      <c r="R1229" s="55"/>
      <c r="S1229" s="55"/>
      <c r="T1229" s="55"/>
      <c r="U1229" s="55"/>
      <c r="V1229" s="55"/>
      <c r="W1229" s="55"/>
      <c r="X1229" s="55"/>
      <c r="Y1229" s="55"/>
      <c r="Z1229" s="55"/>
      <c r="AA1229" s="55"/>
      <c r="AB1229" s="55"/>
      <c r="AC1229" s="55"/>
      <c r="AD1229" s="55"/>
      <c r="AE1229" s="55"/>
      <c r="AF1229" s="55"/>
      <c r="AG1229" s="55"/>
      <c r="AY1229" s="162"/>
      <c r="AZ1229" s="162"/>
      <c r="BA1229" s="162"/>
      <c r="BB1229" s="162"/>
      <c r="BC1229" s="162"/>
      <c r="BD1229" s="162"/>
      <c r="BE1229" s="162"/>
      <c r="BF1229" s="162"/>
      <c r="BG1229" s="162"/>
      <c r="BH1229" s="162"/>
      <c r="BI1229" s="162"/>
      <c r="BJ1229" s="162"/>
      <c r="BK1229" s="162"/>
      <c r="BL1229" s="162"/>
      <c r="BM1229" s="162"/>
      <c r="BN1229" s="162"/>
      <c r="BO1229" s="162"/>
      <c r="BP1229" s="162"/>
      <c r="BQ1229" s="162"/>
      <c r="BR1229" s="162"/>
      <c r="BS1229" s="162"/>
      <c r="BT1229" s="162"/>
      <c r="BU1229" s="162"/>
      <c r="BV1229" s="162"/>
      <c r="BW1229" s="162"/>
      <c r="BX1229" s="162"/>
      <c r="BY1229" s="162"/>
      <c r="BZ1229" s="162"/>
      <c r="CA1229" s="162"/>
      <c r="CB1229" s="162"/>
      <c r="CC1229" s="162"/>
      <c r="CD1229" s="162"/>
      <c r="CE1229" s="162"/>
      <c r="CF1229" s="162"/>
      <c r="CG1229" s="162"/>
      <c r="CH1229" s="162"/>
      <c r="CI1229" s="162"/>
      <c r="CJ1229" s="162"/>
      <c r="CK1229" s="162"/>
      <c r="CX1229" s="98"/>
      <c r="DL1229" s="97"/>
      <c r="DX1229" s="98"/>
      <c r="EL1229" s="97"/>
      <c r="EX1229" s="98"/>
      <c r="EY1229" s="97"/>
      <c r="FL1229" s="126"/>
      <c r="FM1229" s="91"/>
      <c r="FN1229" s="91"/>
      <c r="FO1229" s="91"/>
      <c r="FP1229" s="91"/>
      <c r="FQ1229" s="91"/>
      <c r="FR1229" s="91"/>
      <c r="FS1229" s="91"/>
      <c r="FT1229" s="91"/>
      <c r="FU1229" s="91"/>
      <c r="FV1229" s="91"/>
      <c r="FW1229" s="91"/>
      <c r="FX1229" s="91"/>
      <c r="FY1229" s="91"/>
      <c r="FZ1229" s="91"/>
      <c r="GA1229" s="91"/>
      <c r="GB1229" s="91"/>
      <c r="GC1229" s="91"/>
      <c r="GD1229" s="91"/>
      <c r="GE1229" s="91"/>
      <c r="GF1229" s="91"/>
      <c r="GG1229" s="91"/>
      <c r="GH1229" s="91"/>
      <c r="GI1229" s="91"/>
      <c r="GJ1229" s="91"/>
      <c r="GK1229" s="127"/>
      <c r="GL1229" s="126"/>
      <c r="GM1229" s="91"/>
      <c r="GN1229" s="91"/>
      <c r="GO1229" s="91"/>
      <c r="GP1229" s="91"/>
      <c r="GQ1229" s="91"/>
      <c r="GR1229" s="91"/>
      <c r="GS1229" s="91"/>
      <c r="GT1229" s="91"/>
      <c r="GU1229" s="91"/>
      <c r="GV1229" s="91"/>
      <c r="GW1229" s="91"/>
      <c r="GX1229" s="91"/>
      <c r="GY1229" s="91"/>
      <c r="GZ1229" s="91"/>
      <c r="HA1229" s="91"/>
      <c r="HB1229" s="91"/>
      <c r="HC1229" s="91"/>
      <c r="HD1229" s="91"/>
      <c r="HE1229" s="91"/>
      <c r="HF1229" s="91"/>
      <c r="HG1229" s="91"/>
      <c r="HH1229" s="91"/>
      <c r="HI1229" s="91"/>
      <c r="HJ1229" s="91"/>
      <c r="HK1229" s="127"/>
      <c r="HL1229" s="126"/>
      <c r="HM1229" s="91"/>
      <c r="HN1229" s="91"/>
      <c r="HO1229" s="91"/>
      <c r="HP1229" s="91"/>
      <c r="HQ1229" s="91"/>
      <c r="HR1229" s="91"/>
      <c r="HS1229" s="91"/>
      <c r="HT1229" s="91"/>
      <c r="HU1229" s="91"/>
      <c r="HV1229" s="91"/>
      <c r="HW1229" s="91"/>
      <c r="HX1229" s="91"/>
      <c r="HY1229" s="91"/>
      <c r="HZ1229" s="91"/>
      <c r="IA1229" s="91"/>
      <c r="IB1229" s="91"/>
      <c r="IC1229" s="91"/>
      <c r="ID1229" s="91"/>
      <c r="IE1229" s="91"/>
      <c r="IF1229" s="91"/>
      <c r="IG1229" s="91"/>
      <c r="IH1229" s="91"/>
      <c r="II1229" s="91"/>
      <c r="IJ1229" s="91"/>
      <c r="IK1229" s="127"/>
    </row>
    <row r="1230" spans="2:245" x14ac:dyDescent="0.2">
      <c r="B1230" s="43"/>
      <c r="C1230" s="73"/>
      <c r="D1230" s="64"/>
      <c r="E1230" s="64"/>
      <c r="F1230" s="55"/>
      <c r="G1230" s="102"/>
      <c r="H1230" s="55"/>
      <c r="I1230" s="55"/>
      <c r="J1230" s="55"/>
      <c r="K1230" s="55"/>
      <c r="L1230" s="55"/>
      <c r="M1230" s="55"/>
      <c r="N1230" s="55"/>
      <c r="O1230" s="55"/>
      <c r="P1230" s="55"/>
      <c r="Q1230" s="55"/>
      <c r="R1230" s="55"/>
      <c r="S1230" s="55"/>
      <c r="T1230" s="55"/>
      <c r="U1230" s="55"/>
      <c r="V1230" s="55"/>
      <c r="W1230" s="55"/>
      <c r="X1230" s="55"/>
      <c r="Y1230" s="55"/>
      <c r="Z1230" s="55"/>
      <c r="AA1230" s="55"/>
      <c r="AB1230" s="55"/>
      <c r="AC1230" s="55"/>
      <c r="AD1230" s="55"/>
      <c r="AE1230" s="55"/>
      <c r="AF1230" s="55"/>
      <c r="AG1230" s="55"/>
      <c r="AY1230" s="162"/>
      <c r="AZ1230" s="162"/>
      <c r="BA1230" s="162"/>
      <c r="BB1230" s="162"/>
      <c r="BC1230" s="162"/>
      <c r="BD1230" s="162"/>
      <c r="BE1230" s="162"/>
      <c r="BF1230" s="162"/>
      <c r="BG1230" s="162"/>
      <c r="BH1230" s="162"/>
      <c r="BI1230" s="162"/>
      <c r="BJ1230" s="162"/>
      <c r="BK1230" s="162"/>
      <c r="BL1230" s="162"/>
      <c r="BM1230" s="162"/>
      <c r="BN1230" s="162"/>
      <c r="BO1230" s="162"/>
      <c r="BP1230" s="162"/>
      <c r="BQ1230" s="162"/>
      <c r="BR1230" s="162"/>
      <c r="BS1230" s="162"/>
      <c r="BT1230" s="162"/>
      <c r="BU1230" s="162"/>
      <c r="BV1230" s="162"/>
      <c r="BW1230" s="162"/>
      <c r="BX1230" s="162"/>
      <c r="BY1230" s="162"/>
      <c r="BZ1230" s="162"/>
      <c r="CA1230" s="162"/>
      <c r="CB1230" s="162"/>
      <c r="CC1230" s="162"/>
      <c r="CD1230" s="162"/>
      <c r="CE1230" s="162"/>
      <c r="CF1230" s="162"/>
      <c r="CG1230" s="162"/>
      <c r="CH1230" s="162"/>
      <c r="CI1230" s="162"/>
      <c r="CJ1230" s="162"/>
      <c r="CK1230" s="162"/>
      <c r="CX1230" s="98"/>
      <c r="DL1230" s="97"/>
      <c r="DX1230" s="98"/>
      <c r="EL1230" s="97"/>
      <c r="EX1230" s="98"/>
      <c r="EY1230" s="97"/>
      <c r="FL1230" s="126"/>
      <c r="FM1230" s="91"/>
      <c r="FN1230" s="91"/>
      <c r="FO1230" s="91"/>
      <c r="FP1230" s="91"/>
      <c r="FQ1230" s="91"/>
      <c r="FR1230" s="91"/>
      <c r="FS1230" s="91"/>
      <c r="FT1230" s="91"/>
      <c r="FU1230" s="91"/>
      <c r="FV1230" s="91"/>
      <c r="FW1230" s="91"/>
      <c r="FX1230" s="91"/>
      <c r="FY1230" s="91"/>
      <c r="FZ1230" s="91"/>
      <c r="GA1230" s="91"/>
      <c r="GB1230" s="91"/>
      <c r="GC1230" s="91"/>
      <c r="GD1230" s="91"/>
      <c r="GE1230" s="91"/>
      <c r="GF1230" s="91"/>
      <c r="GG1230" s="91"/>
      <c r="GH1230" s="91"/>
      <c r="GI1230" s="91"/>
      <c r="GJ1230" s="91"/>
      <c r="GK1230" s="127"/>
      <c r="GL1230" s="126"/>
      <c r="GM1230" s="91"/>
      <c r="GN1230" s="91"/>
      <c r="GO1230" s="91"/>
      <c r="GP1230" s="91"/>
      <c r="GQ1230" s="91"/>
      <c r="GR1230" s="91"/>
      <c r="GS1230" s="91"/>
      <c r="GT1230" s="91"/>
      <c r="GU1230" s="91"/>
      <c r="GV1230" s="91"/>
      <c r="GW1230" s="91"/>
      <c r="GX1230" s="91"/>
      <c r="GY1230" s="91"/>
      <c r="GZ1230" s="91"/>
      <c r="HA1230" s="91"/>
      <c r="HB1230" s="91"/>
      <c r="HC1230" s="91"/>
      <c r="HD1230" s="91"/>
      <c r="HE1230" s="91"/>
      <c r="HF1230" s="91"/>
      <c r="HG1230" s="91"/>
      <c r="HH1230" s="91"/>
      <c r="HI1230" s="91"/>
      <c r="HJ1230" s="91"/>
      <c r="HK1230" s="127"/>
      <c r="HL1230" s="126"/>
      <c r="HM1230" s="91"/>
      <c r="HN1230" s="91"/>
      <c r="HO1230" s="91"/>
      <c r="HP1230" s="91"/>
      <c r="HQ1230" s="91"/>
      <c r="HR1230" s="91"/>
      <c r="HS1230" s="91"/>
      <c r="HT1230" s="91"/>
      <c r="HU1230" s="91"/>
      <c r="HV1230" s="91"/>
      <c r="HW1230" s="91"/>
      <c r="HX1230" s="91"/>
      <c r="HY1230" s="91"/>
      <c r="HZ1230" s="91"/>
      <c r="IA1230" s="91"/>
      <c r="IB1230" s="91"/>
      <c r="IC1230" s="91"/>
      <c r="ID1230" s="91"/>
      <c r="IE1230" s="91"/>
      <c r="IF1230" s="91"/>
      <c r="IG1230" s="91"/>
      <c r="IH1230" s="91"/>
      <c r="II1230" s="91"/>
      <c r="IJ1230" s="91"/>
      <c r="IK1230" s="127"/>
    </row>
    <row r="1231" spans="2:245" x14ac:dyDescent="0.2">
      <c r="B1231" s="43"/>
      <c r="C1231" s="73"/>
      <c r="D1231" s="64"/>
      <c r="E1231" s="64"/>
      <c r="F1231" s="55"/>
      <c r="G1231" s="102"/>
      <c r="H1231" s="55"/>
      <c r="I1231" s="55"/>
      <c r="J1231" s="55"/>
      <c r="K1231" s="55"/>
      <c r="L1231" s="55"/>
      <c r="M1231" s="55"/>
      <c r="N1231" s="55"/>
      <c r="O1231" s="55"/>
      <c r="P1231" s="55"/>
      <c r="Q1231" s="55"/>
      <c r="R1231" s="55"/>
      <c r="S1231" s="55"/>
      <c r="T1231" s="55"/>
      <c r="U1231" s="55"/>
      <c r="V1231" s="55"/>
      <c r="W1231" s="55"/>
      <c r="X1231" s="55"/>
      <c r="Y1231" s="55"/>
      <c r="Z1231" s="55"/>
      <c r="AA1231" s="55"/>
      <c r="AB1231" s="55"/>
      <c r="AC1231" s="55"/>
      <c r="AD1231" s="55"/>
      <c r="AE1231" s="55"/>
      <c r="AF1231" s="55"/>
      <c r="AG1231" s="55"/>
      <c r="AY1231" s="162"/>
      <c r="AZ1231" s="162"/>
      <c r="BA1231" s="162"/>
      <c r="BB1231" s="162"/>
      <c r="BC1231" s="162"/>
      <c r="BD1231" s="162"/>
      <c r="BE1231" s="162"/>
      <c r="BF1231" s="162"/>
      <c r="BG1231" s="162"/>
      <c r="BH1231" s="162"/>
      <c r="BI1231" s="162"/>
      <c r="BJ1231" s="162"/>
      <c r="BK1231" s="162"/>
      <c r="BL1231" s="162"/>
      <c r="BM1231" s="162"/>
      <c r="BN1231" s="162"/>
      <c r="BO1231" s="162"/>
      <c r="BP1231" s="162"/>
      <c r="BQ1231" s="162"/>
      <c r="BR1231" s="162"/>
      <c r="BS1231" s="162"/>
      <c r="BT1231" s="162"/>
      <c r="BU1231" s="162"/>
      <c r="BV1231" s="162"/>
      <c r="BW1231" s="162"/>
      <c r="BX1231" s="162"/>
      <c r="BY1231" s="162"/>
      <c r="BZ1231" s="162"/>
      <c r="CA1231" s="162"/>
      <c r="CB1231" s="162"/>
      <c r="CC1231" s="162"/>
      <c r="CD1231" s="162"/>
      <c r="CE1231" s="162"/>
      <c r="CF1231" s="162"/>
      <c r="CG1231" s="162"/>
      <c r="CH1231" s="162"/>
      <c r="CI1231" s="162"/>
      <c r="CJ1231" s="162"/>
      <c r="CK1231" s="162"/>
      <c r="CX1231" s="98"/>
      <c r="DL1231" s="97"/>
      <c r="DX1231" s="98"/>
      <c r="EL1231" s="97"/>
      <c r="EX1231" s="98"/>
      <c r="EY1231" s="97"/>
      <c r="FL1231" s="126"/>
      <c r="FM1231" s="91"/>
      <c r="FN1231" s="91"/>
      <c r="FO1231" s="91"/>
      <c r="FP1231" s="91"/>
      <c r="FQ1231" s="91"/>
      <c r="FR1231" s="91"/>
      <c r="FS1231" s="91"/>
      <c r="FT1231" s="91"/>
      <c r="FU1231" s="91"/>
      <c r="FV1231" s="91"/>
      <c r="FW1231" s="91"/>
      <c r="FX1231" s="91"/>
      <c r="FY1231" s="91"/>
      <c r="FZ1231" s="91"/>
      <c r="GA1231" s="91"/>
      <c r="GB1231" s="91"/>
      <c r="GC1231" s="91"/>
      <c r="GD1231" s="91"/>
      <c r="GE1231" s="91"/>
      <c r="GF1231" s="91"/>
      <c r="GG1231" s="91"/>
      <c r="GH1231" s="91"/>
      <c r="GI1231" s="91"/>
      <c r="GJ1231" s="91"/>
      <c r="GK1231" s="127"/>
      <c r="GL1231" s="126"/>
      <c r="GM1231" s="91"/>
      <c r="GN1231" s="91"/>
      <c r="GO1231" s="91"/>
      <c r="GP1231" s="91"/>
      <c r="GQ1231" s="91"/>
      <c r="GR1231" s="91"/>
      <c r="GS1231" s="91"/>
      <c r="GT1231" s="91"/>
      <c r="GU1231" s="91"/>
      <c r="GV1231" s="91"/>
      <c r="GW1231" s="91"/>
      <c r="GX1231" s="91"/>
      <c r="GY1231" s="91"/>
      <c r="GZ1231" s="91"/>
      <c r="HA1231" s="91"/>
      <c r="HB1231" s="91"/>
      <c r="HC1231" s="91"/>
      <c r="HD1231" s="91"/>
      <c r="HE1231" s="91"/>
      <c r="HF1231" s="91"/>
      <c r="HG1231" s="91"/>
      <c r="HH1231" s="91"/>
      <c r="HI1231" s="91"/>
      <c r="HJ1231" s="91"/>
      <c r="HK1231" s="127"/>
      <c r="HL1231" s="126"/>
      <c r="HM1231" s="91"/>
      <c r="HN1231" s="91"/>
      <c r="HO1231" s="91"/>
      <c r="HP1231" s="91"/>
      <c r="HQ1231" s="91"/>
      <c r="HR1231" s="91"/>
      <c r="HS1231" s="91"/>
      <c r="HT1231" s="91"/>
      <c r="HU1231" s="91"/>
      <c r="HV1231" s="91"/>
      <c r="HW1231" s="91"/>
      <c r="HX1231" s="91"/>
      <c r="HY1231" s="91"/>
      <c r="HZ1231" s="91"/>
      <c r="IA1231" s="91"/>
      <c r="IB1231" s="91"/>
      <c r="IC1231" s="91"/>
      <c r="ID1231" s="91"/>
      <c r="IE1231" s="91"/>
      <c r="IF1231" s="91"/>
      <c r="IG1231" s="91"/>
      <c r="IH1231" s="91"/>
      <c r="II1231" s="91"/>
      <c r="IJ1231" s="91"/>
      <c r="IK1231" s="127"/>
    </row>
    <row r="1232" spans="2:245" x14ac:dyDescent="0.2">
      <c r="B1232" s="43"/>
      <c r="C1232" s="73"/>
      <c r="D1232" s="64"/>
      <c r="E1232" s="64"/>
      <c r="F1232" s="55"/>
      <c r="G1232" s="102"/>
      <c r="H1232" s="55"/>
      <c r="I1232" s="55"/>
      <c r="J1232" s="55"/>
      <c r="K1232" s="55"/>
      <c r="L1232" s="55"/>
      <c r="M1232" s="55"/>
      <c r="N1232" s="55"/>
      <c r="O1232" s="55"/>
      <c r="P1232" s="55"/>
      <c r="Q1232" s="55"/>
      <c r="R1232" s="55"/>
      <c r="S1232" s="55"/>
      <c r="T1232" s="55"/>
      <c r="U1232" s="55"/>
      <c r="V1232" s="55"/>
      <c r="W1232" s="55"/>
      <c r="X1232" s="55"/>
      <c r="Y1232" s="55"/>
      <c r="Z1232" s="55"/>
      <c r="AA1232" s="55"/>
      <c r="AB1232" s="55"/>
      <c r="AC1232" s="55"/>
      <c r="AD1232" s="55"/>
      <c r="AE1232" s="55"/>
      <c r="AF1232" s="55"/>
      <c r="AG1232" s="55"/>
      <c r="AY1232" s="162"/>
      <c r="AZ1232" s="162"/>
      <c r="BA1232" s="162"/>
      <c r="BB1232" s="162"/>
      <c r="BC1232" s="162"/>
      <c r="BD1232" s="162"/>
      <c r="BE1232" s="162"/>
      <c r="BF1232" s="162"/>
      <c r="BG1232" s="162"/>
      <c r="BH1232" s="162"/>
      <c r="BI1232" s="162"/>
      <c r="BJ1232" s="162"/>
      <c r="BK1232" s="162"/>
      <c r="BL1232" s="162"/>
      <c r="BM1232" s="162"/>
      <c r="BN1232" s="162"/>
      <c r="BO1232" s="162"/>
      <c r="BP1232" s="162"/>
      <c r="BQ1232" s="162"/>
      <c r="BR1232" s="162"/>
      <c r="BS1232" s="162"/>
      <c r="BT1232" s="162"/>
      <c r="BU1232" s="162"/>
      <c r="BV1232" s="162"/>
      <c r="BW1232" s="162"/>
      <c r="BX1232" s="162"/>
      <c r="BY1232" s="162"/>
      <c r="BZ1232" s="162"/>
      <c r="CA1232" s="162"/>
      <c r="CB1232" s="162"/>
      <c r="CC1232" s="162"/>
      <c r="CD1232" s="162"/>
      <c r="CE1232" s="162"/>
      <c r="CF1232" s="162"/>
      <c r="CG1232" s="162"/>
      <c r="CH1232" s="162"/>
      <c r="CI1232" s="162"/>
      <c r="CJ1232" s="162"/>
      <c r="CK1232" s="162"/>
      <c r="CX1232" s="98"/>
      <c r="DL1232" s="97"/>
      <c r="DX1232" s="98"/>
      <c r="EL1232" s="97"/>
      <c r="EX1232" s="98"/>
      <c r="EY1232" s="97"/>
      <c r="FL1232" s="126"/>
      <c r="FM1232" s="91"/>
      <c r="FN1232" s="91"/>
      <c r="FO1232" s="91"/>
      <c r="FP1232" s="91"/>
      <c r="FQ1232" s="91"/>
      <c r="FR1232" s="91"/>
      <c r="FS1232" s="91"/>
      <c r="FT1232" s="91"/>
      <c r="FU1232" s="91"/>
      <c r="FV1232" s="91"/>
      <c r="FW1232" s="91"/>
      <c r="FX1232" s="91"/>
      <c r="FY1232" s="91"/>
      <c r="FZ1232" s="91"/>
      <c r="GA1232" s="91"/>
      <c r="GB1232" s="91"/>
      <c r="GC1232" s="91"/>
      <c r="GD1232" s="91"/>
      <c r="GE1232" s="91"/>
      <c r="GF1232" s="91"/>
      <c r="GG1232" s="91"/>
      <c r="GH1232" s="91"/>
      <c r="GI1232" s="91"/>
      <c r="GJ1232" s="91"/>
      <c r="GK1232" s="127"/>
      <c r="GL1232" s="126"/>
      <c r="GM1232" s="91"/>
      <c r="GN1232" s="91"/>
      <c r="GO1232" s="91"/>
      <c r="GP1232" s="91"/>
      <c r="GQ1232" s="91"/>
      <c r="GR1232" s="91"/>
      <c r="GS1232" s="91"/>
      <c r="GT1232" s="91"/>
      <c r="GU1232" s="91"/>
      <c r="GV1232" s="91"/>
      <c r="GW1232" s="91"/>
      <c r="GX1232" s="91"/>
      <c r="GY1232" s="91"/>
      <c r="GZ1232" s="91"/>
      <c r="HA1232" s="91"/>
      <c r="HB1232" s="91"/>
      <c r="HC1232" s="91"/>
      <c r="HD1232" s="91"/>
      <c r="HE1232" s="91"/>
      <c r="HF1232" s="91"/>
      <c r="HG1232" s="91"/>
      <c r="HH1232" s="91"/>
      <c r="HI1232" s="91"/>
      <c r="HJ1232" s="91"/>
      <c r="HK1232" s="127"/>
      <c r="HL1232" s="126"/>
      <c r="HM1232" s="91"/>
      <c r="HN1232" s="91"/>
      <c r="HO1232" s="91"/>
      <c r="HP1232" s="91"/>
      <c r="HQ1232" s="91"/>
      <c r="HR1232" s="91"/>
      <c r="HS1232" s="91"/>
      <c r="HT1232" s="91"/>
      <c r="HU1232" s="91"/>
      <c r="HV1232" s="91"/>
      <c r="HW1232" s="91"/>
      <c r="HX1232" s="91"/>
      <c r="HY1232" s="91"/>
      <c r="HZ1232" s="91"/>
      <c r="IA1232" s="91"/>
      <c r="IB1232" s="91"/>
      <c r="IC1232" s="91"/>
      <c r="ID1232" s="91"/>
      <c r="IE1232" s="91"/>
      <c r="IF1232" s="91"/>
      <c r="IG1232" s="91"/>
      <c r="IH1232" s="91"/>
      <c r="II1232" s="91"/>
      <c r="IJ1232" s="91"/>
      <c r="IK1232" s="127"/>
    </row>
    <row r="1233" spans="2:245" ht="13.5" thickBot="1" x14ac:dyDescent="0.25">
      <c r="B1233" s="43"/>
      <c r="C1233" s="73"/>
      <c r="D1233" s="64"/>
      <c r="E1233" s="64"/>
      <c r="F1233" s="55"/>
      <c r="G1233" s="102"/>
      <c r="H1233" s="55"/>
      <c r="I1233" s="55"/>
      <c r="J1233" s="55"/>
      <c r="K1233" s="55"/>
      <c r="L1233" s="55"/>
      <c r="M1233" s="55"/>
      <c r="N1233" s="55"/>
      <c r="O1233" s="55"/>
      <c r="P1233" s="55"/>
      <c r="Q1233" s="55"/>
      <c r="R1233" s="55"/>
      <c r="S1233" s="55"/>
      <c r="T1233" s="55"/>
      <c r="U1233" s="55"/>
      <c r="V1233" s="55"/>
      <c r="W1233" s="55"/>
      <c r="X1233" s="55"/>
      <c r="Y1233" s="55"/>
      <c r="Z1233" s="55"/>
      <c r="AA1233" s="55"/>
      <c r="AB1233" s="55"/>
      <c r="AC1233" s="55"/>
      <c r="AD1233" s="55"/>
      <c r="AE1233" s="55"/>
      <c r="AF1233" s="55"/>
      <c r="AG1233" s="55"/>
      <c r="AY1233" s="162"/>
      <c r="AZ1233" s="162"/>
      <c r="BA1233" s="162"/>
      <c r="BB1233" s="162"/>
      <c r="BC1233" s="162"/>
      <c r="BD1233" s="162"/>
      <c r="BE1233" s="162"/>
      <c r="BF1233" s="162"/>
      <c r="BG1233" s="162"/>
      <c r="BH1233" s="162"/>
      <c r="BI1233" s="162"/>
      <c r="BJ1233" s="162"/>
      <c r="BK1233" s="162"/>
      <c r="BL1233" s="162"/>
      <c r="BM1233" s="162"/>
      <c r="BN1233" s="162"/>
      <c r="BO1233" s="162"/>
      <c r="BP1233" s="162"/>
      <c r="BQ1233" s="162"/>
      <c r="BR1233" s="162"/>
      <c r="BS1233" s="162"/>
      <c r="BT1233" s="162"/>
      <c r="BU1233" s="162"/>
      <c r="BV1233" s="162"/>
      <c r="BW1233" s="162"/>
      <c r="BX1233" s="162"/>
      <c r="BY1233" s="162"/>
      <c r="BZ1233" s="162"/>
      <c r="CA1233" s="162"/>
      <c r="CB1233" s="162"/>
      <c r="CC1233" s="162"/>
      <c r="CD1233" s="162"/>
      <c r="CE1233" s="162"/>
      <c r="CF1233" s="162"/>
      <c r="CG1233" s="162"/>
      <c r="CH1233" s="162"/>
      <c r="CI1233" s="162"/>
      <c r="CJ1233" s="162"/>
      <c r="CK1233" s="162"/>
      <c r="CL1233" s="166"/>
      <c r="CM1233" s="166"/>
      <c r="CN1233" s="166"/>
      <c r="CO1233" s="166"/>
      <c r="CP1233" s="166"/>
      <c r="CQ1233" s="166"/>
      <c r="CR1233" s="166"/>
      <c r="CS1233" s="166"/>
      <c r="CT1233" s="166"/>
      <c r="CU1233" s="166"/>
      <c r="CV1233" s="166"/>
      <c r="CW1233" s="166"/>
      <c r="CX1233" s="176"/>
      <c r="CY1233" s="166"/>
      <c r="CZ1233" s="166"/>
      <c r="DA1233" s="166"/>
      <c r="DB1233" s="166"/>
      <c r="DC1233" s="166"/>
      <c r="DD1233" s="166"/>
      <c r="DE1233" s="166"/>
      <c r="DF1233" s="166"/>
      <c r="DG1233" s="166"/>
      <c r="DH1233" s="166"/>
      <c r="DI1233" s="166"/>
      <c r="DJ1233" s="166"/>
      <c r="DK1233" s="166"/>
      <c r="DL1233" s="175"/>
      <c r="DM1233" s="166"/>
      <c r="DN1233" s="166"/>
      <c r="DO1233" s="166"/>
      <c r="DP1233" s="166"/>
      <c r="DQ1233" s="166"/>
      <c r="DR1233" s="166"/>
      <c r="DS1233" s="166"/>
      <c r="DT1233" s="166"/>
      <c r="DU1233" s="166"/>
      <c r="DV1233" s="166"/>
      <c r="DW1233" s="166"/>
      <c r="DX1233" s="176"/>
      <c r="DY1233" s="166"/>
      <c r="DZ1233" s="166"/>
      <c r="EA1233" s="166"/>
      <c r="EB1233" s="166"/>
      <c r="EC1233" s="166"/>
      <c r="ED1233" s="166"/>
      <c r="EE1233" s="166"/>
      <c r="EF1233" s="166"/>
      <c r="EG1233" s="166"/>
      <c r="EH1233" s="166"/>
      <c r="EI1233" s="166"/>
      <c r="EJ1233" s="166"/>
      <c r="EK1233" s="166"/>
      <c r="EL1233" s="175"/>
      <c r="EM1233" s="166"/>
      <c r="EN1233" s="166"/>
      <c r="EO1233" s="166"/>
      <c r="EP1233" s="166"/>
      <c r="EQ1233" s="166"/>
      <c r="ER1233" s="166"/>
      <c r="ES1233" s="166"/>
      <c r="ET1233" s="166"/>
      <c r="EU1233" s="166"/>
      <c r="EV1233" s="166"/>
      <c r="EW1233" s="166"/>
      <c r="EX1233" s="176"/>
      <c r="EY1233" s="175"/>
      <c r="EZ1233" s="166"/>
      <c r="FA1233" s="166"/>
      <c r="FB1233" s="166"/>
      <c r="FC1233" s="166"/>
      <c r="FD1233" s="166"/>
      <c r="FE1233" s="166"/>
      <c r="FF1233" s="166"/>
      <c r="FG1233" s="166"/>
      <c r="FH1233" s="166"/>
      <c r="FI1233" s="166"/>
      <c r="FJ1233" s="166"/>
      <c r="FK1233" s="166"/>
      <c r="FL1233" s="126"/>
      <c r="FM1233" s="91"/>
      <c r="FN1233" s="91"/>
      <c r="FO1233" s="91"/>
      <c r="FP1233" s="91"/>
      <c r="FQ1233" s="91"/>
      <c r="FR1233" s="91"/>
      <c r="FS1233" s="91"/>
      <c r="FT1233" s="91"/>
      <c r="FU1233" s="91"/>
      <c r="FV1233" s="91"/>
      <c r="FW1233" s="91"/>
      <c r="FX1233" s="91"/>
      <c r="FY1233" s="91"/>
      <c r="FZ1233" s="91"/>
      <c r="GA1233" s="91"/>
      <c r="GB1233" s="91"/>
      <c r="GC1233" s="91"/>
      <c r="GD1233" s="91"/>
      <c r="GE1233" s="91"/>
      <c r="GF1233" s="91"/>
      <c r="GG1233" s="91"/>
      <c r="GH1233" s="91"/>
      <c r="GI1233" s="91"/>
      <c r="GJ1233" s="91"/>
      <c r="GK1233" s="127"/>
      <c r="GL1233" s="126"/>
      <c r="GM1233" s="91"/>
      <c r="GN1233" s="91"/>
      <c r="GO1233" s="91"/>
      <c r="GP1233" s="91"/>
      <c r="GQ1233" s="91"/>
      <c r="GR1233" s="91"/>
      <c r="GS1233" s="91"/>
      <c r="GT1233" s="91"/>
      <c r="GU1233" s="91"/>
      <c r="GV1233" s="91"/>
      <c r="GW1233" s="91"/>
      <c r="GX1233" s="91"/>
      <c r="GY1233" s="91"/>
      <c r="GZ1233" s="91"/>
      <c r="HA1233" s="91"/>
      <c r="HB1233" s="91"/>
      <c r="HC1233" s="91"/>
      <c r="HD1233" s="91"/>
      <c r="HE1233" s="91"/>
      <c r="HF1233" s="91"/>
      <c r="HG1233" s="91"/>
      <c r="HH1233" s="91"/>
      <c r="HI1233" s="91"/>
      <c r="HJ1233" s="91"/>
      <c r="HK1233" s="127"/>
      <c r="HL1233" s="126"/>
      <c r="HM1233" s="91"/>
      <c r="HN1233" s="91"/>
      <c r="HO1233" s="91"/>
      <c r="HP1233" s="91"/>
      <c r="HQ1233" s="91"/>
      <c r="HR1233" s="91"/>
      <c r="HS1233" s="91"/>
      <c r="HT1233" s="91"/>
      <c r="HU1233" s="91"/>
      <c r="HV1233" s="91"/>
      <c r="HW1233" s="91"/>
      <c r="HX1233" s="91"/>
      <c r="HY1233" s="91"/>
      <c r="HZ1233" s="91"/>
      <c r="IA1233" s="91"/>
      <c r="IB1233" s="91"/>
      <c r="IC1233" s="91"/>
      <c r="ID1233" s="91"/>
      <c r="IE1233" s="91"/>
      <c r="IF1233" s="91"/>
      <c r="IG1233" s="91"/>
      <c r="IH1233" s="91"/>
      <c r="II1233" s="91"/>
      <c r="IJ1233" s="91"/>
      <c r="IK1233" s="127"/>
    </row>
    <row r="1234" spans="2:245" x14ac:dyDescent="0.2">
      <c r="B1234" s="43"/>
      <c r="C1234" s="73"/>
      <c r="D1234" s="64"/>
      <c r="E1234" s="64"/>
      <c r="F1234" s="55"/>
      <c r="G1234" s="102"/>
      <c r="H1234" s="55"/>
      <c r="I1234" s="55"/>
      <c r="J1234" s="55"/>
      <c r="K1234" s="55"/>
      <c r="L1234" s="55"/>
      <c r="M1234" s="55"/>
      <c r="N1234" s="55"/>
      <c r="O1234" s="55"/>
      <c r="P1234" s="55"/>
      <c r="Q1234" s="55"/>
      <c r="R1234" s="55"/>
      <c r="S1234" s="55"/>
      <c r="T1234" s="55"/>
      <c r="U1234" s="55"/>
      <c r="V1234" s="55"/>
      <c r="W1234" s="55"/>
      <c r="X1234" s="55"/>
      <c r="Y1234" s="55"/>
      <c r="Z1234" s="55"/>
      <c r="AA1234" s="55"/>
      <c r="AB1234" s="55"/>
      <c r="AC1234" s="55"/>
      <c r="AD1234" s="55"/>
      <c r="AE1234" s="55"/>
      <c r="AF1234" s="55"/>
      <c r="AG1234" s="55"/>
      <c r="AY1234" s="162"/>
      <c r="AZ1234" s="162"/>
      <c r="BA1234" s="162"/>
      <c r="BB1234" s="162"/>
      <c r="BC1234" s="162"/>
      <c r="BD1234" s="162"/>
      <c r="BE1234" s="162"/>
      <c r="BF1234" s="162"/>
      <c r="BG1234" s="162"/>
      <c r="BH1234" s="162"/>
      <c r="BI1234" s="162"/>
      <c r="BJ1234" s="162"/>
      <c r="BK1234" s="162"/>
      <c r="BL1234" s="162"/>
      <c r="BM1234" s="162"/>
      <c r="BN1234" s="162"/>
      <c r="BO1234" s="162"/>
      <c r="BP1234" s="162"/>
      <c r="BQ1234" s="162"/>
      <c r="BR1234" s="162"/>
      <c r="BS1234" s="162"/>
      <c r="BT1234" s="162"/>
      <c r="BU1234" s="162"/>
      <c r="BV1234" s="162"/>
      <c r="BW1234" s="162"/>
      <c r="BX1234" s="162"/>
      <c r="BY1234" s="162"/>
      <c r="BZ1234" s="162"/>
      <c r="CA1234" s="162"/>
      <c r="CB1234" s="162"/>
      <c r="CC1234" s="162"/>
      <c r="CD1234" s="162"/>
      <c r="CE1234" s="162"/>
      <c r="CF1234" s="162"/>
      <c r="CG1234" s="162"/>
      <c r="CH1234" s="162"/>
      <c r="CI1234" s="162"/>
      <c r="CJ1234" s="162"/>
      <c r="CK1234" s="162"/>
      <c r="CX1234" s="98"/>
      <c r="DL1234" s="97"/>
      <c r="DX1234" s="98"/>
      <c r="EL1234" s="97"/>
      <c r="EX1234" s="98"/>
      <c r="EY1234" s="97"/>
      <c r="FL1234" s="126"/>
      <c r="FM1234" s="91"/>
      <c r="FN1234" s="91"/>
      <c r="FO1234" s="91"/>
      <c r="FP1234" s="91"/>
      <c r="FQ1234" s="91"/>
      <c r="FR1234" s="91"/>
      <c r="FS1234" s="91"/>
      <c r="FT1234" s="91"/>
      <c r="FU1234" s="91"/>
      <c r="FV1234" s="91"/>
      <c r="FW1234" s="91"/>
      <c r="FX1234" s="91"/>
      <c r="FY1234" s="91"/>
      <c r="FZ1234" s="91"/>
      <c r="GA1234" s="91"/>
      <c r="GB1234" s="91"/>
      <c r="GC1234" s="91"/>
      <c r="GD1234" s="91"/>
      <c r="GE1234" s="91"/>
      <c r="GF1234" s="91"/>
      <c r="GG1234" s="91"/>
      <c r="GH1234" s="91"/>
      <c r="GI1234" s="91"/>
      <c r="GJ1234" s="91"/>
      <c r="GK1234" s="127"/>
      <c r="GL1234" s="126"/>
      <c r="GM1234" s="91"/>
      <c r="GN1234" s="91"/>
      <c r="GO1234" s="91"/>
      <c r="GP1234" s="91"/>
      <c r="GQ1234" s="91"/>
      <c r="GR1234" s="91"/>
      <c r="GS1234" s="91"/>
      <c r="GT1234" s="91"/>
      <c r="GU1234" s="91"/>
      <c r="GV1234" s="91"/>
      <c r="GW1234" s="91"/>
      <c r="GX1234" s="91"/>
      <c r="GY1234" s="91"/>
      <c r="GZ1234" s="91"/>
      <c r="HA1234" s="91"/>
      <c r="HB1234" s="91"/>
      <c r="HC1234" s="91"/>
      <c r="HD1234" s="91"/>
      <c r="HE1234" s="91"/>
      <c r="HF1234" s="91"/>
      <c r="HG1234" s="91"/>
      <c r="HH1234" s="91"/>
      <c r="HI1234" s="91"/>
      <c r="HJ1234" s="91"/>
      <c r="HK1234" s="127"/>
      <c r="HL1234" s="126"/>
      <c r="HM1234" s="91"/>
      <c r="HN1234" s="91"/>
      <c r="HO1234" s="91"/>
      <c r="HP1234" s="91"/>
      <c r="HQ1234" s="91"/>
      <c r="HR1234" s="91"/>
      <c r="HS1234" s="91"/>
      <c r="HT1234" s="91"/>
      <c r="HU1234" s="91"/>
      <c r="HV1234" s="91"/>
      <c r="HW1234" s="91"/>
      <c r="HX1234" s="91"/>
      <c r="HY1234" s="91"/>
      <c r="HZ1234" s="91"/>
      <c r="IA1234" s="91"/>
      <c r="IB1234" s="91"/>
      <c r="IC1234" s="91"/>
      <c r="ID1234" s="91"/>
      <c r="IE1234" s="91"/>
      <c r="IF1234" s="91"/>
      <c r="IG1234" s="91"/>
      <c r="IH1234" s="91"/>
      <c r="II1234" s="91"/>
      <c r="IJ1234" s="91"/>
      <c r="IK1234" s="127"/>
    </row>
    <row r="1235" spans="2:245" x14ac:dyDescent="0.2">
      <c r="B1235" s="43"/>
      <c r="C1235" s="73"/>
      <c r="D1235" s="64"/>
      <c r="E1235" s="64"/>
      <c r="F1235" s="55"/>
      <c r="G1235" s="102"/>
      <c r="H1235" s="55"/>
      <c r="I1235" s="55"/>
      <c r="J1235" s="55"/>
      <c r="K1235" s="55"/>
      <c r="L1235" s="55"/>
      <c r="M1235" s="55"/>
      <c r="N1235" s="55"/>
      <c r="O1235" s="55"/>
      <c r="P1235" s="55"/>
      <c r="Q1235" s="55"/>
      <c r="R1235" s="55"/>
      <c r="S1235" s="55"/>
      <c r="T1235" s="55"/>
      <c r="U1235" s="55"/>
      <c r="V1235" s="55"/>
      <c r="W1235" s="55"/>
      <c r="X1235" s="55"/>
      <c r="Y1235" s="55"/>
      <c r="Z1235" s="55"/>
      <c r="AA1235" s="55"/>
      <c r="AB1235" s="55"/>
      <c r="AC1235" s="55"/>
      <c r="AD1235" s="55"/>
      <c r="AE1235" s="55"/>
      <c r="AF1235" s="55"/>
      <c r="AG1235" s="55"/>
      <c r="AY1235" s="162"/>
      <c r="AZ1235" s="162"/>
      <c r="BA1235" s="162"/>
      <c r="BB1235" s="162"/>
      <c r="BC1235" s="162"/>
      <c r="BD1235" s="162"/>
      <c r="BE1235" s="162"/>
      <c r="BF1235" s="162"/>
      <c r="BG1235" s="162"/>
      <c r="BH1235" s="162"/>
      <c r="BI1235" s="162"/>
      <c r="BJ1235" s="162"/>
      <c r="BK1235" s="162"/>
      <c r="BL1235" s="162"/>
      <c r="BM1235" s="162"/>
      <c r="BN1235" s="162"/>
      <c r="BO1235" s="162"/>
      <c r="BP1235" s="162"/>
      <c r="BQ1235" s="162"/>
      <c r="BR1235" s="162"/>
      <c r="BS1235" s="162"/>
      <c r="BT1235" s="162"/>
      <c r="BU1235" s="162"/>
      <c r="BV1235" s="162"/>
      <c r="BW1235" s="162"/>
      <c r="BX1235" s="162"/>
      <c r="BY1235" s="162"/>
      <c r="BZ1235" s="162"/>
      <c r="CA1235" s="162"/>
      <c r="CB1235" s="162"/>
      <c r="CC1235" s="162"/>
      <c r="CD1235" s="162"/>
      <c r="CE1235" s="162"/>
      <c r="CF1235" s="162"/>
      <c r="CG1235" s="162"/>
      <c r="CH1235" s="162"/>
      <c r="CI1235" s="162"/>
      <c r="CJ1235" s="162"/>
      <c r="CK1235" s="162"/>
      <c r="CX1235" s="98"/>
      <c r="DL1235" s="97"/>
      <c r="DX1235" s="98"/>
      <c r="EL1235" s="97"/>
      <c r="EX1235" s="98"/>
      <c r="EY1235" s="97"/>
      <c r="FL1235" s="126"/>
      <c r="FM1235" s="91"/>
      <c r="FN1235" s="91"/>
      <c r="FO1235" s="91"/>
      <c r="FP1235" s="91"/>
      <c r="FQ1235" s="91"/>
      <c r="FR1235" s="91"/>
      <c r="FS1235" s="91"/>
      <c r="FT1235" s="91"/>
      <c r="FU1235" s="91"/>
      <c r="FV1235" s="91"/>
      <c r="FW1235" s="91"/>
      <c r="FX1235" s="91"/>
      <c r="FY1235" s="91"/>
      <c r="FZ1235" s="91"/>
      <c r="GA1235" s="91"/>
      <c r="GB1235" s="91"/>
      <c r="GC1235" s="91"/>
      <c r="GD1235" s="91"/>
      <c r="GE1235" s="91"/>
      <c r="GF1235" s="91"/>
      <c r="GG1235" s="91"/>
      <c r="GH1235" s="91"/>
      <c r="GI1235" s="91"/>
      <c r="GJ1235" s="91"/>
      <c r="GK1235" s="127"/>
      <c r="GL1235" s="126"/>
      <c r="GM1235" s="91"/>
      <c r="GN1235" s="91"/>
      <c r="GO1235" s="91"/>
      <c r="GP1235" s="91"/>
      <c r="GQ1235" s="91"/>
      <c r="GR1235" s="91"/>
      <c r="GS1235" s="91"/>
      <c r="GT1235" s="91"/>
      <c r="GU1235" s="91"/>
      <c r="GV1235" s="91"/>
      <c r="GW1235" s="91"/>
      <c r="GX1235" s="91"/>
      <c r="GY1235" s="91"/>
      <c r="GZ1235" s="91"/>
      <c r="HA1235" s="91"/>
      <c r="HB1235" s="91"/>
      <c r="HC1235" s="91"/>
      <c r="HD1235" s="91"/>
      <c r="HE1235" s="91"/>
      <c r="HF1235" s="91"/>
      <c r="HG1235" s="91"/>
      <c r="HH1235" s="91"/>
      <c r="HI1235" s="91"/>
      <c r="HJ1235" s="91"/>
      <c r="HK1235" s="127"/>
      <c r="HL1235" s="126"/>
      <c r="HM1235" s="91"/>
      <c r="HN1235" s="91"/>
      <c r="HO1235" s="91"/>
      <c r="HP1235" s="91"/>
      <c r="HQ1235" s="91"/>
      <c r="HR1235" s="91"/>
      <c r="HS1235" s="91"/>
      <c r="HT1235" s="91"/>
      <c r="HU1235" s="91"/>
      <c r="HV1235" s="91"/>
      <c r="HW1235" s="91"/>
      <c r="HX1235" s="91"/>
      <c r="HY1235" s="91"/>
      <c r="HZ1235" s="91"/>
      <c r="IA1235" s="91"/>
      <c r="IB1235" s="91"/>
      <c r="IC1235" s="91"/>
      <c r="ID1235" s="91"/>
      <c r="IE1235" s="91"/>
      <c r="IF1235" s="91"/>
      <c r="IG1235" s="91"/>
      <c r="IH1235" s="91"/>
      <c r="II1235" s="91"/>
      <c r="IJ1235" s="91"/>
      <c r="IK1235" s="127"/>
    </row>
    <row r="1236" spans="2:245" x14ac:dyDescent="0.2">
      <c r="B1236" s="43"/>
      <c r="C1236" s="73"/>
      <c r="D1236" s="64"/>
      <c r="E1236" s="64"/>
      <c r="F1236" s="55"/>
      <c r="G1236" s="102"/>
      <c r="H1236" s="55"/>
      <c r="I1236" s="55"/>
      <c r="J1236" s="55"/>
      <c r="K1236" s="55"/>
      <c r="L1236" s="55"/>
      <c r="M1236" s="55"/>
      <c r="N1236" s="55"/>
      <c r="O1236" s="55"/>
      <c r="P1236" s="55"/>
      <c r="Q1236" s="55"/>
      <c r="R1236" s="55"/>
      <c r="S1236" s="55"/>
      <c r="T1236" s="55"/>
      <c r="U1236" s="55"/>
      <c r="V1236" s="55"/>
      <c r="W1236" s="55"/>
      <c r="X1236" s="55"/>
      <c r="Y1236" s="55"/>
      <c r="Z1236" s="55"/>
      <c r="AA1236" s="55"/>
      <c r="AB1236" s="55"/>
      <c r="AC1236" s="55"/>
      <c r="AD1236" s="55"/>
      <c r="AE1236" s="55"/>
      <c r="AF1236" s="55"/>
      <c r="AG1236" s="55"/>
      <c r="AY1236" s="162"/>
      <c r="AZ1236" s="162"/>
      <c r="BA1236" s="162"/>
      <c r="BB1236" s="162"/>
      <c r="BC1236" s="162"/>
      <c r="BD1236" s="162"/>
      <c r="BE1236" s="162"/>
      <c r="BF1236" s="162"/>
      <c r="BG1236" s="162"/>
      <c r="BH1236" s="162"/>
      <c r="BI1236" s="162"/>
      <c r="BJ1236" s="162"/>
      <c r="BK1236" s="162"/>
      <c r="BL1236" s="162"/>
      <c r="BM1236" s="162"/>
      <c r="BN1236" s="162"/>
      <c r="BO1236" s="162"/>
      <c r="BP1236" s="162"/>
      <c r="BQ1236" s="162"/>
      <c r="BR1236" s="162"/>
      <c r="BS1236" s="162"/>
      <c r="BT1236" s="162"/>
      <c r="BU1236" s="162"/>
      <c r="BV1236" s="162"/>
      <c r="BW1236" s="162"/>
      <c r="BX1236" s="162"/>
      <c r="BY1236" s="162"/>
      <c r="BZ1236" s="162"/>
      <c r="CA1236" s="162"/>
      <c r="CB1236" s="162"/>
      <c r="CC1236" s="162"/>
      <c r="CD1236" s="162"/>
      <c r="CE1236" s="162"/>
      <c r="CF1236" s="162"/>
      <c r="CG1236" s="162"/>
      <c r="CH1236" s="162"/>
      <c r="CI1236" s="162"/>
      <c r="CJ1236" s="162"/>
      <c r="CK1236" s="162"/>
      <c r="CX1236" s="98"/>
      <c r="DL1236" s="97"/>
      <c r="DX1236" s="98"/>
      <c r="EL1236" s="97"/>
      <c r="EX1236" s="98"/>
      <c r="EY1236" s="97"/>
      <c r="FL1236" s="126"/>
      <c r="FM1236" s="91"/>
      <c r="FN1236" s="91"/>
      <c r="FO1236" s="91"/>
      <c r="FP1236" s="91"/>
      <c r="FQ1236" s="91"/>
      <c r="FR1236" s="91"/>
      <c r="FS1236" s="91"/>
      <c r="FT1236" s="91"/>
      <c r="FU1236" s="91"/>
      <c r="FV1236" s="91"/>
      <c r="FW1236" s="91"/>
      <c r="FX1236" s="91"/>
      <c r="FY1236" s="91"/>
      <c r="FZ1236" s="91"/>
      <c r="GA1236" s="91"/>
      <c r="GB1236" s="91"/>
      <c r="GC1236" s="91"/>
      <c r="GD1236" s="91"/>
      <c r="GE1236" s="91"/>
      <c r="GF1236" s="91"/>
      <c r="GG1236" s="91"/>
      <c r="GH1236" s="91"/>
      <c r="GI1236" s="91"/>
      <c r="GJ1236" s="91"/>
      <c r="GK1236" s="127"/>
      <c r="GL1236" s="126"/>
      <c r="GM1236" s="91"/>
      <c r="GN1236" s="91"/>
      <c r="GO1236" s="91"/>
      <c r="GP1236" s="91"/>
      <c r="GQ1236" s="91"/>
      <c r="GR1236" s="91"/>
      <c r="GS1236" s="91"/>
      <c r="GT1236" s="91"/>
      <c r="GU1236" s="91"/>
      <c r="GV1236" s="91"/>
      <c r="GW1236" s="91"/>
      <c r="GX1236" s="91"/>
      <c r="GY1236" s="91"/>
      <c r="GZ1236" s="91"/>
      <c r="HA1236" s="91"/>
      <c r="HB1236" s="91"/>
      <c r="HC1236" s="91"/>
      <c r="HD1236" s="91"/>
      <c r="HE1236" s="91"/>
      <c r="HF1236" s="91"/>
      <c r="HG1236" s="91"/>
      <c r="HH1236" s="91"/>
      <c r="HI1236" s="91"/>
      <c r="HJ1236" s="91"/>
      <c r="HK1236" s="127"/>
      <c r="HL1236" s="126"/>
      <c r="HM1236" s="91"/>
      <c r="HN1236" s="91"/>
      <c r="HO1236" s="91"/>
      <c r="HP1236" s="91"/>
      <c r="HQ1236" s="91"/>
      <c r="HR1236" s="91"/>
      <c r="HS1236" s="91"/>
      <c r="HT1236" s="91"/>
      <c r="HU1236" s="91"/>
      <c r="HV1236" s="91"/>
      <c r="HW1236" s="91"/>
      <c r="HX1236" s="91"/>
      <c r="HY1236" s="91"/>
      <c r="HZ1236" s="91"/>
      <c r="IA1236" s="91"/>
      <c r="IB1236" s="91"/>
      <c r="IC1236" s="91"/>
      <c r="ID1236" s="91"/>
      <c r="IE1236" s="91"/>
      <c r="IF1236" s="91"/>
      <c r="IG1236" s="91"/>
      <c r="IH1236" s="91"/>
      <c r="II1236" s="91"/>
      <c r="IJ1236" s="91"/>
      <c r="IK1236" s="127"/>
    </row>
    <row r="1237" spans="2:245" x14ac:dyDescent="0.2">
      <c r="B1237" s="43"/>
      <c r="C1237" s="73"/>
      <c r="D1237" s="64"/>
      <c r="E1237" s="64"/>
      <c r="F1237" s="55"/>
      <c r="G1237" s="102"/>
      <c r="H1237" s="55"/>
      <c r="I1237" s="55"/>
      <c r="J1237" s="55"/>
      <c r="K1237" s="55"/>
      <c r="L1237" s="55"/>
      <c r="M1237" s="55"/>
      <c r="N1237" s="55"/>
      <c r="O1237" s="55"/>
      <c r="P1237" s="55"/>
      <c r="Q1237" s="55"/>
      <c r="R1237" s="55"/>
      <c r="S1237" s="55"/>
      <c r="T1237" s="55"/>
      <c r="U1237" s="55"/>
      <c r="V1237" s="55"/>
      <c r="W1237" s="55"/>
      <c r="X1237" s="55"/>
      <c r="Y1237" s="55"/>
      <c r="Z1237" s="55"/>
      <c r="AA1237" s="55"/>
      <c r="AB1237" s="55"/>
      <c r="AC1237" s="55"/>
      <c r="AD1237" s="55"/>
      <c r="AE1237" s="55"/>
      <c r="AF1237" s="55"/>
      <c r="AG1237" s="55"/>
      <c r="AY1237" s="162"/>
      <c r="AZ1237" s="162"/>
      <c r="BA1237" s="162"/>
      <c r="BB1237" s="162"/>
      <c r="BC1237" s="162"/>
      <c r="BD1237" s="162"/>
      <c r="BE1237" s="162"/>
      <c r="BF1237" s="162"/>
      <c r="BG1237" s="162"/>
      <c r="BH1237" s="162"/>
      <c r="BI1237" s="162"/>
      <c r="BJ1237" s="162"/>
      <c r="BK1237" s="162"/>
      <c r="BL1237" s="162"/>
      <c r="BM1237" s="162"/>
      <c r="BN1237" s="162"/>
      <c r="BO1237" s="162"/>
      <c r="BP1237" s="162"/>
      <c r="BQ1237" s="162"/>
      <c r="BR1237" s="162"/>
      <c r="BS1237" s="162"/>
      <c r="BT1237" s="162"/>
      <c r="BU1237" s="162"/>
      <c r="BV1237" s="162"/>
      <c r="BW1237" s="162"/>
      <c r="BX1237" s="162"/>
      <c r="BY1237" s="162"/>
      <c r="BZ1237" s="162"/>
      <c r="CA1237" s="162"/>
      <c r="CB1237" s="162"/>
      <c r="CC1237" s="162"/>
      <c r="CD1237" s="162"/>
      <c r="CE1237" s="162"/>
      <c r="CF1237" s="162"/>
      <c r="CG1237" s="162"/>
      <c r="CH1237" s="162"/>
      <c r="CI1237" s="162"/>
      <c r="CJ1237" s="162"/>
      <c r="CK1237" s="162"/>
      <c r="CX1237" s="98"/>
      <c r="DL1237" s="97"/>
      <c r="DX1237" s="98"/>
      <c r="EL1237" s="97"/>
      <c r="EX1237" s="98"/>
      <c r="EY1237" s="97"/>
      <c r="FL1237" s="126"/>
      <c r="FM1237" s="91"/>
      <c r="FN1237" s="91"/>
      <c r="FO1237" s="91"/>
      <c r="FP1237" s="91"/>
      <c r="FQ1237" s="91"/>
      <c r="FR1237" s="91"/>
      <c r="FS1237" s="91"/>
      <c r="FT1237" s="91"/>
      <c r="FU1237" s="91"/>
      <c r="FV1237" s="91"/>
      <c r="FW1237" s="91"/>
      <c r="FX1237" s="91"/>
      <c r="FY1237" s="91"/>
      <c r="FZ1237" s="91"/>
      <c r="GA1237" s="91"/>
      <c r="GB1237" s="91"/>
      <c r="GC1237" s="91"/>
      <c r="GD1237" s="91"/>
      <c r="GE1237" s="91"/>
      <c r="GF1237" s="91"/>
      <c r="GG1237" s="91"/>
      <c r="GH1237" s="91"/>
      <c r="GI1237" s="91"/>
      <c r="GJ1237" s="91"/>
      <c r="GK1237" s="127"/>
      <c r="GL1237" s="126"/>
      <c r="GM1237" s="91"/>
      <c r="GN1237" s="91"/>
      <c r="GO1237" s="91"/>
      <c r="GP1237" s="91"/>
      <c r="GQ1237" s="91"/>
      <c r="GR1237" s="91"/>
      <c r="GS1237" s="91"/>
      <c r="GT1237" s="91"/>
      <c r="GU1237" s="91"/>
      <c r="GV1237" s="91"/>
      <c r="GW1237" s="91"/>
      <c r="GX1237" s="91"/>
      <c r="GY1237" s="91"/>
      <c r="GZ1237" s="91"/>
      <c r="HA1237" s="91"/>
      <c r="HB1237" s="91"/>
      <c r="HC1237" s="91"/>
      <c r="HD1237" s="91"/>
      <c r="HE1237" s="91"/>
      <c r="HF1237" s="91"/>
      <c r="HG1237" s="91"/>
      <c r="HH1237" s="91"/>
      <c r="HI1237" s="91"/>
      <c r="HJ1237" s="91"/>
      <c r="HK1237" s="127"/>
      <c r="HL1237" s="126"/>
      <c r="HM1237" s="91"/>
      <c r="HN1237" s="91"/>
      <c r="HO1237" s="91"/>
      <c r="HP1237" s="91"/>
      <c r="HQ1237" s="91"/>
      <c r="HR1237" s="91"/>
      <c r="HS1237" s="91"/>
      <c r="HT1237" s="91"/>
      <c r="HU1237" s="91"/>
      <c r="HV1237" s="91"/>
      <c r="HW1237" s="91"/>
      <c r="HX1237" s="91"/>
      <c r="HY1237" s="91"/>
      <c r="HZ1237" s="91"/>
      <c r="IA1237" s="91"/>
      <c r="IB1237" s="91"/>
      <c r="IC1237" s="91"/>
      <c r="ID1237" s="91"/>
      <c r="IE1237" s="91"/>
      <c r="IF1237" s="91"/>
      <c r="IG1237" s="91"/>
      <c r="IH1237" s="91"/>
      <c r="II1237" s="91"/>
      <c r="IJ1237" s="91"/>
      <c r="IK1237" s="127"/>
    </row>
    <row r="1238" spans="2:245" ht="13.5" thickBot="1" x14ac:dyDescent="0.25">
      <c r="B1238" s="43"/>
      <c r="C1238" s="73"/>
      <c r="D1238" s="64"/>
      <c r="E1238" s="64"/>
      <c r="F1238" s="55"/>
      <c r="G1238" s="102"/>
      <c r="H1238" s="55"/>
      <c r="I1238" s="55"/>
      <c r="J1238" s="55"/>
      <c r="K1238" s="55"/>
      <c r="L1238" s="55"/>
      <c r="M1238" s="55"/>
      <c r="N1238" s="55"/>
      <c r="O1238" s="55"/>
      <c r="P1238" s="55"/>
      <c r="Q1238" s="55"/>
      <c r="R1238" s="55"/>
      <c r="S1238" s="55"/>
      <c r="T1238" s="55"/>
      <c r="U1238" s="55"/>
      <c r="V1238" s="55"/>
      <c r="W1238" s="55"/>
      <c r="X1238" s="55"/>
      <c r="Y1238" s="55"/>
      <c r="Z1238" s="55"/>
      <c r="AA1238" s="55"/>
      <c r="AB1238" s="55"/>
      <c r="AC1238" s="55"/>
      <c r="AD1238" s="55"/>
      <c r="AE1238" s="55"/>
      <c r="AF1238" s="55"/>
      <c r="AG1238" s="55"/>
      <c r="AY1238" s="162"/>
      <c r="AZ1238" s="162"/>
      <c r="BA1238" s="162"/>
      <c r="BB1238" s="162"/>
      <c r="BC1238" s="162"/>
      <c r="BD1238" s="162"/>
      <c r="BE1238" s="162"/>
      <c r="BF1238" s="162"/>
      <c r="BG1238" s="162"/>
      <c r="BH1238" s="162"/>
      <c r="BI1238" s="162"/>
      <c r="BJ1238" s="162"/>
      <c r="BK1238" s="162"/>
      <c r="BL1238" s="162"/>
      <c r="BM1238" s="162"/>
      <c r="BN1238" s="162"/>
      <c r="BO1238" s="162"/>
      <c r="BP1238" s="162"/>
      <c r="BQ1238" s="162"/>
      <c r="BR1238" s="162"/>
      <c r="BS1238" s="162"/>
      <c r="BT1238" s="162"/>
      <c r="BU1238" s="162"/>
      <c r="BV1238" s="162"/>
      <c r="BW1238" s="162"/>
      <c r="BX1238" s="162"/>
      <c r="BY1238" s="162"/>
      <c r="BZ1238" s="162"/>
      <c r="CA1238" s="162"/>
      <c r="CB1238" s="162"/>
      <c r="CC1238" s="162"/>
      <c r="CD1238" s="162"/>
      <c r="CE1238" s="162"/>
      <c r="CF1238" s="162"/>
      <c r="CG1238" s="162"/>
      <c r="CH1238" s="162"/>
      <c r="CI1238" s="162"/>
      <c r="CJ1238" s="162"/>
      <c r="CK1238" s="162"/>
      <c r="CX1238" s="98"/>
      <c r="DL1238" s="97"/>
      <c r="DX1238" s="98"/>
      <c r="EL1238" s="97"/>
      <c r="EX1238" s="98"/>
      <c r="EY1238" s="97"/>
      <c r="FL1238" s="126"/>
      <c r="FM1238" s="91"/>
      <c r="FN1238" s="91"/>
      <c r="FO1238" s="91"/>
      <c r="FP1238" s="91"/>
      <c r="FQ1238" s="91"/>
      <c r="FR1238" s="91"/>
      <c r="FS1238" s="91"/>
      <c r="FT1238" s="91"/>
      <c r="FU1238" s="91"/>
      <c r="FV1238" s="91"/>
      <c r="FW1238" s="91"/>
      <c r="FX1238" s="91"/>
      <c r="FY1238" s="91"/>
      <c r="FZ1238" s="91"/>
      <c r="GA1238" s="91"/>
      <c r="GB1238" s="91"/>
      <c r="GC1238" s="91"/>
      <c r="GD1238" s="91"/>
      <c r="GE1238" s="91"/>
      <c r="GF1238" s="91"/>
      <c r="GG1238" s="91"/>
      <c r="GH1238" s="91"/>
      <c r="GI1238" s="91"/>
      <c r="GJ1238" s="91"/>
      <c r="GK1238" s="127"/>
      <c r="GL1238" s="126"/>
      <c r="GM1238" s="91"/>
      <c r="GN1238" s="91"/>
      <c r="GO1238" s="91"/>
      <c r="GP1238" s="91"/>
      <c r="GQ1238" s="91"/>
      <c r="GR1238" s="91"/>
      <c r="GS1238" s="91"/>
      <c r="GT1238" s="91"/>
      <c r="GU1238" s="91"/>
      <c r="GV1238" s="91"/>
      <c r="GW1238" s="91"/>
      <c r="GX1238" s="91"/>
      <c r="GY1238" s="91"/>
      <c r="GZ1238" s="91"/>
      <c r="HA1238" s="91"/>
      <c r="HB1238" s="91"/>
      <c r="HC1238" s="91"/>
      <c r="HD1238" s="91"/>
      <c r="HE1238" s="91"/>
      <c r="HF1238" s="91"/>
      <c r="HG1238" s="91"/>
      <c r="HH1238" s="91"/>
      <c r="HI1238" s="91"/>
      <c r="HJ1238" s="91"/>
      <c r="HK1238" s="127"/>
      <c r="HL1238" s="126"/>
      <c r="HM1238" s="91"/>
      <c r="HN1238" s="91"/>
      <c r="HO1238" s="91"/>
      <c r="HP1238" s="91"/>
      <c r="HQ1238" s="91"/>
      <c r="HR1238" s="91"/>
      <c r="HS1238" s="91"/>
      <c r="HT1238" s="91"/>
      <c r="HU1238" s="91"/>
      <c r="HV1238" s="91"/>
      <c r="HW1238" s="91"/>
      <c r="HX1238" s="91"/>
      <c r="HY1238" s="91"/>
      <c r="HZ1238" s="91"/>
      <c r="IA1238" s="91"/>
      <c r="IB1238" s="91"/>
      <c r="IC1238" s="91"/>
      <c r="ID1238" s="91"/>
      <c r="IE1238" s="91"/>
      <c r="IF1238" s="91"/>
      <c r="IG1238" s="91"/>
      <c r="IH1238" s="91"/>
      <c r="II1238" s="91"/>
      <c r="IJ1238" s="91"/>
      <c r="IK1238" s="127"/>
    </row>
    <row r="1239" spans="2:245" x14ac:dyDescent="0.2">
      <c r="B1239" s="43"/>
      <c r="C1239" s="73"/>
      <c r="D1239" s="64"/>
      <c r="E1239" s="64"/>
      <c r="F1239" s="55"/>
      <c r="G1239" s="102"/>
      <c r="H1239" s="55"/>
      <c r="I1239" s="55"/>
      <c r="J1239" s="55"/>
      <c r="K1239" s="55"/>
      <c r="L1239" s="55"/>
      <c r="M1239" s="55"/>
      <c r="N1239" s="55"/>
      <c r="O1239" s="55"/>
      <c r="P1239" s="55"/>
      <c r="Q1239" s="55"/>
      <c r="R1239" s="55"/>
      <c r="S1239" s="55"/>
      <c r="T1239" s="55"/>
      <c r="U1239" s="55"/>
      <c r="V1239" s="55"/>
      <c r="W1239" s="55"/>
      <c r="X1239" s="55"/>
      <c r="Y1239" s="55"/>
      <c r="Z1239" s="55"/>
      <c r="AA1239" s="55"/>
      <c r="AB1239" s="55"/>
      <c r="AC1239" s="55"/>
      <c r="AD1239" s="55"/>
      <c r="AE1239" s="55"/>
      <c r="AF1239" s="55"/>
      <c r="AG1239" s="55"/>
      <c r="AY1239" s="162"/>
      <c r="AZ1239" s="162"/>
      <c r="BA1239" s="162"/>
      <c r="BB1239" s="162"/>
      <c r="BC1239" s="162"/>
      <c r="BD1239" s="162"/>
      <c r="BE1239" s="162"/>
      <c r="BF1239" s="162"/>
      <c r="BG1239" s="162"/>
      <c r="BH1239" s="162"/>
      <c r="BI1239" s="162"/>
      <c r="BJ1239" s="162"/>
      <c r="BK1239" s="162"/>
      <c r="BL1239" s="162"/>
      <c r="BM1239" s="162"/>
      <c r="BN1239" s="162"/>
      <c r="BO1239" s="162"/>
      <c r="BP1239" s="162"/>
      <c r="BQ1239" s="162"/>
      <c r="BR1239" s="162"/>
      <c r="BS1239" s="162"/>
      <c r="BT1239" s="162"/>
      <c r="BU1239" s="162"/>
      <c r="BV1239" s="162"/>
      <c r="BW1239" s="162"/>
      <c r="BX1239" s="162"/>
      <c r="BY1239" s="162"/>
      <c r="BZ1239" s="162"/>
      <c r="CA1239" s="162"/>
      <c r="CB1239" s="162"/>
      <c r="CC1239" s="162"/>
      <c r="CD1239" s="162"/>
      <c r="CE1239" s="162"/>
      <c r="CF1239" s="162"/>
      <c r="CG1239" s="162"/>
      <c r="CH1239" s="162"/>
      <c r="CI1239" s="162"/>
      <c r="CJ1239" s="162"/>
      <c r="CK1239" s="162"/>
      <c r="CL1239" s="163"/>
      <c r="CM1239" s="163"/>
      <c r="CN1239" s="163"/>
      <c r="CO1239" s="163"/>
      <c r="CP1239" s="163"/>
      <c r="CQ1239" s="163"/>
      <c r="CR1239" s="163"/>
      <c r="CS1239" s="163"/>
      <c r="CT1239" s="163"/>
      <c r="CU1239" s="163"/>
      <c r="CV1239" s="163"/>
      <c r="CW1239" s="163"/>
      <c r="CX1239" s="173"/>
      <c r="CY1239" s="163"/>
      <c r="CZ1239" s="163"/>
      <c r="DA1239" s="163"/>
      <c r="DB1239" s="163"/>
      <c r="DC1239" s="163"/>
      <c r="DD1239" s="163"/>
      <c r="DE1239" s="163"/>
      <c r="DF1239" s="163"/>
      <c r="DG1239" s="163"/>
      <c r="DH1239" s="163"/>
      <c r="DI1239" s="163"/>
      <c r="DJ1239" s="163"/>
      <c r="DK1239" s="163"/>
      <c r="DL1239" s="172"/>
      <c r="DM1239" s="163"/>
      <c r="DN1239" s="163"/>
      <c r="DO1239" s="163"/>
      <c r="DP1239" s="163"/>
      <c r="DQ1239" s="163"/>
      <c r="DR1239" s="163"/>
      <c r="DS1239" s="163"/>
      <c r="DT1239" s="163"/>
      <c r="DU1239" s="163"/>
      <c r="DV1239" s="163"/>
      <c r="DW1239" s="163"/>
      <c r="DX1239" s="173"/>
      <c r="DY1239" s="163"/>
      <c r="DZ1239" s="163"/>
      <c r="EA1239" s="163"/>
      <c r="EB1239" s="163"/>
      <c r="EC1239" s="163"/>
      <c r="ED1239" s="163"/>
      <c r="EE1239" s="163"/>
      <c r="EF1239" s="163"/>
      <c r="EG1239" s="163"/>
      <c r="EH1239" s="163"/>
      <c r="EI1239" s="163"/>
      <c r="EJ1239" s="163"/>
      <c r="EK1239" s="163"/>
      <c r="EL1239" s="172"/>
      <c r="EM1239" s="163"/>
      <c r="EN1239" s="163"/>
      <c r="EO1239" s="163"/>
      <c r="EP1239" s="163"/>
      <c r="EQ1239" s="163"/>
      <c r="ER1239" s="163"/>
      <c r="ES1239" s="163"/>
      <c r="ET1239" s="163"/>
      <c r="EU1239" s="163"/>
      <c r="EV1239" s="163"/>
      <c r="EW1239" s="163"/>
      <c r="EX1239" s="173"/>
      <c r="EY1239" s="172"/>
      <c r="EZ1239" s="163"/>
      <c r="FA1239" s="163"/>
      <c r="FB1239" s="163"/>
      <c r="FC1239" s="163"/>
      <c r="FD1239" s="163"/>
      <c r="FE1239" s="163"/>
      <c r="FF1239" s="163"/>
      <c r="FG1239" s="163"/>
      <c r="FH1239" s="163"/>
      <c r="FI1239" s="163"/>
      <c r="FJ1239" s="163"/>
      <c r="FK1239" s="163"/>
      <c r="FL1239" s="126"/>
      <c r="FM1239" s="91"/>
      <c r="FN1239" s="91"/>
      <c r="FO1239" s="91"/>
      <c r="FP1239" s="91"/>
      <c r="FQ1239" s="91"/>
      <c r="FR1239" s="91"/>
      <c r="FS1239" s="91"/>
      <c r="FT1239" s="91"/>
      <c r="FU1239" s="91"/>
      <c r="FV1239" s="91"/>
      <c r="FW1239" s="91"/>
      <c r="FX1239" s="91"/>
      <c r="FY1239" s="91"/>
      <c r="FZ1239" s="91"/>
      <c r="GA1239" s="91"/>
      <c r="GB1239" s="91"/>
      <c r="GC1239" s="91"/>
      <c r="GD1239" s="91"/>
      <c r="GE1239" s="91"/>
      <c r="GF1239" s="91"/>
      <c r="GG1239" s="91"/>
      <c r="GH1239" s="91"/>
      <c r="GI1239" s="91"/>
      <c r="GJ1239" s="91"/>
      <c r="GK1239" s="127"/>
      <c r="GL1239" s="126"/>
      <c r="GM1239" s="91"/>
      <c r="GN1239" s="91"/>
      <c r="GO1239" s="91"/>
      <c r="GP1239" s="91"/>
      <c r="GQ1239" s="91"/>
      <c r="GR1239" s="91"/>
      <c r="GS1239" s="91"/>
      <c r="GT1239" s="91"/>
      <c r="GU1239" s="91"/>
      <c r="GV1239" s="91"/>
      <c r="GW1239" s="91"/>
      <c r="GX1239" s="91"/>
      <c r="GY1239" s="91"/>
      <c r="GZ1239" s="91"/>
      <c r="HA1239" s="91"/>
      <c r="HB1239" s="91"/>
      <c r="HC1239" s="91"/>
      <c r="HD1239" s="91"/>
      <c r="HE1239" s="91"/>
      <c r="HF1239" s="91"/>
      <c r="HG1239" s="91"/>
      <c r="HH1239" s="91"/>
      <c r="HI1239" s="91"/>
      <c r="HJ1239" s="91"/>
      <c r="HK1239" s="127"/>
      <c r="HL1239" s="126"/>
      <c r="HM1239" s="91"/>
      <c r="HN1239" s="91"/>
      <c r="HO1239" s="91"/>
      <c r="HP1239" s="91"/>
      <c r="HQ1239" s="91"/>
      <c r="HR1239" s="91"/>
      <c r="HS1239" s="91"/>
      <c r="HT1239" s="91"/>
      <c r="HU1239" s="91"/>
      <c r="HV1239" s="91"/>
      <c r="HW1239" s="91"/>
      <c r="HX1239" s="91"/>
      <c r="HY1239" s="91"/>
      <c r="HZ1239" s="91"/>
      <c r="IA1239" s="91"/>
      <c r="IB1239" s="91"/>
      <c r="IC1239" s="91"/>
      <c r="ID1239" s="91"/>
      <c r="IE1239" s="91"/>
      <c r="IF1239" s="91"/>
      <c r="IG1239" s="91"/>
      <c r="IH1239" s="91"/>
      <c r="II1239" s="91"/>
      <c r="IJ1239" s="91"/>
      <c r="IK1239" s="127"/>
    </row>
    <row r="1240" spans="2:245" x14ac:dyDescent="0.2">
      <c r="B1240" s="43"/>
      <c r="C1240" s="73"/>
      <c r="D1240" s="64"/>
      <c r="E1240" s="64"/>
      <c r="F1240" s="55"/>
      <c r="G1240" s="102"/>
      <c r="H1240" s="55"/>
      <c r="I1240" s="55"/>
      <c r="J1240" s="55"/>
      <c r="K1240" s="55"/>
      <c r="L1240" s="55"/>
      <c r="M1240" s="55"/>
      <c r="N1240" s="55"/>
      <c r="O1240" s="55"/>
      <c r="P1240" s="55"/>
      <c r="Q1240" s="55"/>
      <c r="R1240" s="55"/>
      <c r="S1240" s="55"/>
      <c r="T1240" s="55"/>
      <c r="U1240" s="55"/>
      <c r="V1240" s="55"/>
      <c r="W1240" s="55"/>
      <c r="X1240" s="55"/>
      <c r="Y1240" s="55"/>
      <c r="Z1240" s="55"/>
      <c r="AA1240" s="55"/>
      <c r="AB1240" s="55"/>
      <c r="AC1240" s="55"/>
      <c r="AD1240" s="55"/>
      <c r="AE1240" s="55"/>
      <c r="AF1240" s="55"/>
      <c r="AG1240" s="55"/>
      <c r="AY1240" s="162"/>
      <c r="AZ1240" s="162"/>
      <c r="BA1240" s="162"/>
      <c r="BB1240" s="162"/>
      <c r="BC1240" s="162"/>
      <c r="BD1240" s="162"/>
      <c r="BE1240" s="162"/>
      <c r="BF1240" s="162"/>
      <c r="BG1240" s="162"/>
      <c r="BH1240" s="162"/>
      <c r="BI1240" s="162"/>
      <c r="BJ1240" s="162"/>
      <c r="BK1240" s="162"/>
      <c r="BL1240" s="162"/>
      <c r="BM1240" s="162"/>
      <c r="BN1240" s="162"/>
      <c r="BO1240" s="162"/>
      <c r="BP1240" s="162"/>
      <c r="BQ1240" s="162"/>
      <c r="BR1240" s="162"/>
      <c r="BS1240" s="162"/>
      <c r="BT1240" s="162"/>
      <c r="BU1240" s="162"/>
      <c r="BV1240" s="162"/>
      <c r="BW1240" s="162"/>
      <c r="BX1240" s="162"/>
      <c r="BY1240" s="162"/>
      <c r="BZ1240" s="162"/>
      <c r="CA1240" s="162"/>
      <c r="CB1240" s="162"/>
      <c r="CC1240" s="162"/>
      <c r="CD1240" s="162"/>
      <c r="CE1240" s="162"/>
      <c r="CF1240" s="162"/>
      <c r="CG1240" s="162"/>
      <c r="CH1240" s="162"/>
      <c r="CI1240" s="162"/>
      <c r="CJ1240" s="162"/>
      <c r="CK1240" s="162"/>
      <c r="CX1240" s="98"/>
      <c r="DL1240" s="97"/>
      <c r="DX1240" s="98"/>
      <c r="EL1240" s="97"/>
      <c r="EX1240" s="98"/>
      <c r="EY1240" s="97"/>
      <c r="FL1240" s="126"/>
      <c r="FM1240" s="91"/>
      <c r="FN1240" s="91"/>
      <c r="FO1240" s="91"/>
      <c r="FP1240" s="91"/>
      <c r="FQ1240" s="91"/>
      <c r="FR1240" s="91"/>
      <c r="FS1240" s="91"/>
      <c r="FT1240" s="91"/>
      <c r="FU1240" s="91"/>
      <c r="FV1240" s="91"/>
      <c r="FW1240" s="91"/>
      <c r="FX1240" s="91"/>
      <c r="FY1240" s="91"/>
      <c r="FZ1240" s="91"/>
      <c r="GA1240" s="91"/>
      <c r="GB1240" s="91"/>
      <c r="GC1240" s="91"/>
      <c r="GD1240" s="91"/>
      <c r="GE1240" s="91"/>
      <c r="GF1240" s="91"/>
      <c r="GG1240" s="91"/>
      <c r="GH1240" s="91"/>
      <c r="GI1240" s="91"/>
      <c r="GJ1240" s="91"/>
      <c r="GK1240" s="127"/>
      <c r="GL1240" s="126"/>
      <c r="GM1240" s="91"/>
      <c r="GN1240" s="91"/>
      <c r="GO1240" s="91"/>
      <c r="GP1240" s="91"/>
      <c r="GQ1240" s="91"/>
      <c r="GR1240" s="91"/>
      <c r="GS1240" s="91"/>
      <c r="GT1240" s="91"/>
      <c r="GU1240" s="91"/>
      <c r="GV1240" s="91"/>
      <c r="GW1240" s="91"/>
      <c r="GX1240" s="91"/>
      <c r="GY1240" s="91"/>
      <c r="GZ1240" s="91"/>
      <c r="HA1240" s="91"/>
      <c r="HB1240" s="91"/>
      <c r="HC1240" s="91"/>
      <c r="HD1240" s="91"/>
      <c r="HE1240" s="91"/>
      <c r="HF1240" s="91"/>
      <c r="HG1240" s="91"/>
      <c r="HH1240" s="91"/>
      <c r="HI1240" s="91"/>
      <c r="HJ1240" s="91"/>
      <c r="HK1240" s="127"/>
      <c r="HL1240" s="126"/>
      <c r="HM1240" s="91"/>
      <c r="HN1240" s="91"/>
      <c r="HO1240" s="91"/>
      <c r="HP1240" s="91"/>
      <c r="HQ1240" s="91"/>
      <c r="HR1240" s="91"/>
      <c r="HS1240" s="91"/>
      <c r="HT1240" s="91"/>
      <c r="HU1240" s="91"/>
      <c r="HV1240" s="91"/>
      <c r="HW1240" s="91"/>
      <c r="HX1240" s="91"/>
      <c r="HY1240" s="91"/>
      <c r="HZ1240" s="91"/>
      <c r="IA1240" s="91"/>
      <c r="IB1240" s="91"/>
      <c r="IC1240" s="91"/>
      <c r="ID1240" s="91"/>
      <c r="IE1240" s="91"/>
      <c r="IF1240" s="91"/>
      <c r="IG1240" s="91"/>
      <c r="IH1240" s="91"/>
      <c r="II1240" s="91"/>
      <c r="IJ1240" s="91"/>
      <c r="IK1240" s="127"/>
    </row>
    <row r="1241" spans="2:245" x14ac:dyDescent="0.2">
      <c r="B1241" s="43"/>
      <c r="C1241" s="73"/>
      <c r="D1241" s="64"/>
      <c r="E1241" s="64"/>
      <c r="F1241" s="55"/>
      <c r="G1241" s="102"/>
      <c r="H1241" s="55"/>
      <c r="I1241" s="55"/>
      <c r="J1241" s="55"/>
      <c r="K1241" s="55"/>
      <c r="L1241" s="55"/>
      <c r="M1241" s="55"/>
      <c r="N1241" s="55"/>
      <c r="O1241" s="55"/>
      <c r="P1241" s="55"/>
      <c r="Q1241" s="55"/>
      <c r="R1241" s="55"/>
      <c r="S1241" s="55"/>
      <c r="T1241" s="55"/>
      <c r="U1241" s="55"/>
      <c r="V1241" s="55"/>
      <c r="W1241" s="55"/>
      <c r="X1241" s="55"/>
      <c r="Y1241" s="55"/>
      <c r="Z1241" s="55"/>
      <c r="AA1241" s="55"/>
      <c r="AB1241" s="55"/>
      <c r="AC1241" s="55"/>
      <c r="AD1241" s="55"/>
      <c r="AE1241" s="55"/>
      <c r="AF1241" s="55"/>
      <c r="AG1241" s="55"/>
      <c r="AY1241" s="162"/>
      <c r="AZ1241" s="162"/>
      <c r="BA1241" s="162"/>
      <c r="BB1241" s="162"/>
      <c r="BC1241" s="162"/>
      <c r="BD1241" s="162"/>
      <c r="BE1241" s="162"/>
      <c r="BF1241" s="162"/>
      <c r="BG1241" s="162"/>
      <c r="BH1241" s="162"/>
      <c r="BI1241" s="162"/>
      <c r="BJ1241" s="162"/>
      <c r="BK1241" s="162"/>
      <c r="BL1241" s="162"/>
      <c r="BM1241" s="162"/>
      <c r="BN1241" s="162"/>
      <c r="BO1241" s="162"/>
      <c r="BP1241" s="162"/>
      <c r="BQ1241" s="162"/>
      <c r="BR1241" s="162"/>
      <c r="BS1241" s="162"/>
      <c r="BT1241" s="162"/>
      <c r="BU1241" s="162"/>
      <c r="BV1241" s="162"/>
      <c r="BW1241" s="162"/>
      <c r="BX1241" s="162"/>
      <c r="BY1241" s="162"/>
      <c r="BZ1241" s="162"/>
      <c r="CA1241" s="162"/>
      <c r="CB1241" s="162"/>
      <c r="CC1241" s="162"/>
      <c r="CD1241" s="162"/>
      <c r="CE1241" s="162"/>
      <c r="CF1241" s="162"/>
      <c r="CG1241" s="162"/>
      <c r="CH1241" s="162"/>
      <c r="CI1241" s="162"/>
      <c r="CJ1241" s="162"/>
      <c r="CK1241" s="162"/>
      <c r="CX1241" s="98"/>
      <c r="DL1241" s="97"/>
      <c r="DX1241" s="98"/>
      <c r="EL1241" s="97"/>
      <c r="EX1241" s="98"/>
      <c r="EY1241" s="97"/>
      <c r="FL1241" s="126"/>
      <c r="FM1241" s="91"/>
      <c r="FN1241" s="91"/>
      <c r="FO1241" s="91"/>
      <c r="FP1241" s="91"/>
      <c r="FQ1241" s="91"/>
      <c r="FR1241" s="91"/>
      <c r="FS1241" s="91"/>
      <c r="FT1241" s="91"/>
      <c r="FU1241" s="91"/>
      <c r="FV1241" s="91"/>
      <c r="FW1241" s="91"/>
      <c r="FX1241" s="91"/>
      <c r="FY1241" s="91"/>
      <c r="FZ1241" s="91"/>
      <c r="GA1241" s="91"/>
      <c r="GB1241" s="91"/>
      <c r="GC1241" s="91"/>
      <c r="GD1241" s="91"/>
      <c r="GE1241" s="91"/>
      <c r="GF1241" s="91"/>
      <c r="GG1241" s="91"/>
      <c r="GH1241" s="91"/>
      <c r="GI1241" s="91"/>
      <c r="GJ1241" s="91"/>
      <c r="GK1241" s="127"/>
      <c r="GL1241" s="126"/>
      <c r="GM1241" s="91"/>
      <c r="GN1241" s="91"/>
      <c r="GO1241" s="91"/>
      <c r="GP1241" s="91"/>
      <c r="GQ1241" s="91"/>
      <c r="GR1241" s="91"/>
      <c r="GS1241" s="91"/>
      <c r="GT1241" s="91"/>
      <c r="GU1241" s="91"/>
      <c r="GV1241" s="91"/>
      <c r="GW1241" s="91"/>
      <c r="GX1241" s="91"/>
      <c r="GY1241" s="91"/>
      <c r="GZ1241" s="91"/>
      <c r="HA1241" s="91"/>
      <c r="HB1241" s="91"/>
      <c r="HC1241" s="91"/>
      <c r="HD1241" s="91"/>
      <c r="HE1241" s="91"/>
      <c r="HF1241" s="91"/>
      <c r="HG1241" s="91"/>
      <c r="HH1241" s="91"/>
      <c r="HI1241" s="91"/>
      <c r="HJ1241" s="91"/>
      <c r="HK1241" s="127"/>
      <c r="HL1241" s="126"/>
      <c r="HM1241" s="91"/>
      <c r="HN1241" s="91"/>
      <c r="HO1241" s="91"/>
      <c r="HP1241" s="91"/>
      <c r="HQ1241" s="91"/>
      <c r="HR1241" s="91"/>
      <c r="HS1241" s="91"/>
      <c r="HT1241" s="91"/>
      <c r="HU1241" s="91"/>
      <c r="HV1241" s="91"/>
      <c r="HW1241" s="91"/>
      <c r="HX1241" s="91"/>
      <c r="HY1241" s="91"/>
      <c r="HZ1241" s="91"/>
      <c r="IA1241" s="91"/>
      <c r="IB1241" s="91"/>
      <c r="IC1241" s="91"/>
      <c r="ID1241" s="91"/>
      <c r="IE1241" s="91"/>
      <c r="IF1241" s="91"/>
      <c r="IG1241" s="91"/>
      <c r="IH1241" s="91"/>
      <c r="II1241" s="91"/>
      <c r="IJ1241" s="91"/>
      <c r="IK1241" s="127"/>
    </row>
    <row r="1242" spans="2:245" x14ac:dyDescent="0.2">
      <c r="B1242" s="43"/>
      <c r="C1242" s="73"/>
      <c r="D1242" s="64"/>
      <c r="E1242" s="64"/>
      <c r="F1242" s="55"/>
      <c r="G1242" s="102"/>
      <c r="H1242" s="55"/>
      <c r="I1242" s="55"/>
      <c r="J1242" s="55"/>
      <c r="K1242" s="55"/>
      <c r="L1242" s="55"/>
      <c r="M1242" s="55"/>
      <c r="N1242" s="55"/>
      <c r="O1242" s="55"/>
      <c r="P1242" s="55"/>
      <c r="Q1242" s="55"/>
      <c r="R1242" s="55"/>
      <c r="S1242" s="55"/>
      <c r="T1242" s="55"/>
      <c r="U1242" s="55"/>
      <c r="V1242" s="55"/>
      <c r="W1242" s="55"/>
      <c r="X1242" s="55"/>
      <c r="Y1242" s="55"/>
      <c r="Z1242" s="55"/>
      <c r="AA1242" s="55"/>
      <c r="AB1242" s="55"/>
      <c r="AC1242" s="55"/>
      <c r="AD1242" s="55"/>
      <c r="AE1242" s="55"/>
      <c r="AF1242" s="55"/>
      <c r="AG1242" s="55"/>
      <c r="AY1242" s="162"/>
      <c r="AZ1242" s="162"/>
      <c r="BA1242" s="162"/>
      <c r="BB1242" s="162"/>
      <c r="BC1242" s="162"/>
      <c r="BD1242" s="162"/>
      <c r="BE1242" s="162"/>
      <c r="BF1242" s="162"/>
      <c r="BG1242" s="162"/>
      <c r="BH1242" s="162"/>
      <c r="BI1242" s="162"/>
      <c r="BJ1242" s="162"/>
      <c r="BK1242" s="162"/>
      <c r="BL1242" s="162"/>
      <c r="BM1242" s="162"/>
      <c r="BN1242" s="162"/>
      <c r="BO1242" s="162"/>
      <c r="BP1242" s="162"/>
      <c r="BQ1242" s="162"/>
      <c r="BR1242" s="162"/>
      <c r="BS1242" s="162"/>
      <c r="BT1242" s="162"/>
      <c r="BU1242" s="162"/>
      <c r="BV1242" s="162"/>
      <c r="BW1242" s="162"/>
      <c r="BX1242" s="162"/>
      <c r="BY1242" s="162"/>
      <c r="BZ1242" s="162"/>
      <c r="CA1242" s="162"/>
      <c r="CB1242" s="162"/>
      <c r="CC1242" s="162"/>
      <c r="CD1242" s="162"/>
      <c r="CE1242" s="162"/>
      <c r="CF1242" s="162"/>
      <c r="CG1242" s="162"/>
      <c r="CH1242" s="162"/>
      <c r="CI1242" s="162"/>
      <c r="CJ1242" s="162"/>
      <c r="CK1242" s="162"/>
      <c r="CX1242" s="98"/>
      <c r="DL1242" s="97"/>
      <c r="DX1242" s="98"/>
      <c r="EL1242" s="97"/>
      <c r="EX1242" s="98"/>
      <c r="EY1242" s="97"/>
      <c r="FL1242" s="126"/>
      <c r="FM1242" s="91"/>
      <c r="FN1242" s="91"/>
      <c r="FO1242" s="91"/>
      <c r="FP1242" s="91"/>
      <c r="FQ1242" s="91"/>
      <c r="FR1242" s="91"/>
      <c r="FS1242" s="91"/>
      <c r="FT1242" s="91"/>
      <c r="FU1242" s="91"/>
      <c r="FV1242" s="91"/>
      <c r="FW1242" s="91"/>
      <c r="FX1242" s="91"/>
      <c r="FY1242" s="91"/>
      <c r="FZ1242" s="91"/>
      <c r="GA1242" s="91"/>
      <c r="GB1242" s="91"/>
      <c r="GC1242" s="91"/>
      <c r="GD1242" s="91"/>
      <c r="GE1242" s="91"/>
      <c r="GF1242" s="91"/>
      <c r="GG1242" s="91"/>
      <c r="GH1242" s="91"/>
      <c r="GI1242" s="91"/>
      <c r="GJ1242" s="91"/>
      <c r="GK1242" s="127"/>
      <c r="GL1242" s="126"/>
      <c r="GM1242" s="91"/>
      <c r="GN1242" s="91"/>
      <c r="GO1242" s="91"/>
      <c r="GP1242" s="91"/>
      <c r="GQ1242" s="91"/>
      <c r="GR1242" s="91"/>
      <c r="GS1242" s="91"/>
      <c r="GT1242" s="91"/>
      <c r="GU1242" s="91"/>
      <c r="GV1242" s="91"/>
      <c r="GW1242" s="91"/>
      <c r="GX1242" s="91"/>
      <c r="GY1242" s="91"/>
      <c r="GZ1242" s="91"/>
      <c r="HA1242" s="91"/>
      <c r="HB1242" s="91"/>
      <c r="HC1242" s="91"/>
      <c r="HD1242" s="91"/>
      <c r="HE1242" s="91"/>
      <c r="HF1242" s="91"/>
      <c r="HG1242" s="91"/>
      <c r="HH1242" s="91"/>
      <c r="HI1242" s="91"/>
      <c r="HJ1242" s="91"/>
      <c r="HK1242" s="127"/>
      <c r="HL1242" s="126"/>
      <c r="HM1242" s="91"/>
      <c r="HN1242" s="91"/>
      <c r="HO1242" s="91"/>
      <c r="HP1242" s="91"/>
      <c r="HQ1242" s="91"/>
      <c r="HR1242" s="91"/>
      <c r="HS1242" s="91"/>
      <c r="HT1242" s="91"/>
      <c r="HU1242" s="91"/>
      <c r="HV1242" s="91"/>
      <c r="HW1242" s="91"/>
      <c r="HX1242" s="91"/>
      <c r="HY1242" s="91"/>
      <c r="HZ1242" s="91"/>
      <c r="IA1242" s="91"/>
      <c r="IB1242" s="91"/>
      <c r="IC1242" s="91"/>
      <c r="ID1242" s="91"/>
      <c r="IE1242" s="91"/>
      <c r="IF1242" s="91"/>
      <c r="IG1242" s="91"/>
      <c r="IH1242" s="91"/>
      <c r="II1242" s="91"/>
      <c r="IJ1242" s="91"/>
      <c r="IK1242" s="127"/>
    </row>
    <row r="1243" spans="2:245" x14ac:dyDescent="0.2">
      <c r="B1243" s="43"/>
      <c r="C1243" s="73"/>
      <c r="D1243" s="64"/>
      <c r="E1243" s="64"/>
      <c r="F1243" s="55"/>
      <c r="G1243" s="102"/>
      <c r="H1243" s="55"/>
      <c r="I1243" s="55"/>
      <c r="J1243" s="55"/>
      <c r="K1243" s="55"/>
      <c r="L1243" s="55"/>
      <c r="M1243" s="55"/>
      <c r="N1243" s="55"/>
      <c r="O1243" s="55"/>
      <c r="P1243" s="55"/>
      <c r="Q1243" s="55"/>
      <c r="R1243" s="55"/>
      <c r="S1243" s="55"/>
      <c r="T1243" s="55"/>
      <c r="U1243" s="55"/>
      <c r="V1243" s="55"/>
      <c r="W1243" s="55"/>
      <c r="X1243" s="55"/>
      <c r="Y1243" s="55"/>
      <c r="Z1243" s="55"/>
      <c r="AA1243" s="55"/>
      <c r="AB1243" s="55"/>
      <c r="AC1243" s="55"/>
      <c r="AD1243" s="55"/>
      <c r="AE1243" s="55"/>
      <c r="AF1243" s="55"/>
      <c r="AG1243" s="55"/>
      <c r="AY1243" s="162"/>
      <c r="AZ1243" s="162"/>
      <c r="BA1243" s="162"/>
      <c r="BB1243" s="162"/>
      <c r="BC1243" s="162"/>
      <c r="BD1243" s="162"/>
      <c r="BE1243" s="162"/>
      <c r="BF1243" s="162"/>
      <c r="BG1243" s="162"/>
      <c r="BH1243" s="162"/>
      <c r="BI1243" s="162"/>
      <c r="BJ1243" s="162"/>
      <c r="BK1243" s="162"/>
      <c r="BL1243" s="162"/>
      <c r="BM1243" s="162"/>
      <c r="BN1243" s="162"/>
      <c r="BO1243" s="162"/>
      <c r="BP1243" s="162"/>
      <c r="BQ1243" s="162"/>
      <c r="BR1243" s="162"/>
      <c r="BS1243" s="162"/>
      <c r="BT1243" s="162"/>
      <c r="BU1243" s="162"/>
      <c r="BV1243" s="162"/>
      <c r="BW1243" s="162"/>
      <c r="BX1243" s="162"/>
      <c r="BY1243" s="162"/>
      <c r="BZ1243" s="162"/>
      <c r="CA1243" s="162"/>
      <c r="CB1243" s="162"/>
      <c r="CC1243" s="162"/>
      <c r="CD1243" s="162"/>
      <c r="CE1243" s="162"/>
      <c r="CF1243" s="162"/>
      <c r="CG1243" s="162"/>
      <c r="CH1243" s="162"/>
      <c r="CI1243" s="162"/>
      <c r="CJ1243" s="162"/>
      <c r="CK1243" s="162"/>
      <c r="CX1243" s="98"/>
      <c r="DL1243" s="97"/>
      <c r="DX1243" s="98"/>
      <c r="EL1243" s="97"/>
      <c r="EX1243" s="98"/>
      <c r="EY1243" s="97"/>
      <c r="FL1243" s="126"/>
      <c r="FM1243" s="91"/>
      <c r="FN1243" s="91"/>
      <c r="FO1243" s="91"/>
      <c r="FP1243" s="91"/>
      <c r="FQ1243" s="91"/>
      <c r="FR1243" s="91"/>
      <c r="FS1243" s="91"/>
      <c r="FT1243" s="91"/>
      <c r="FU1243" s="91"/>
      <c r="FV1243" s="91"/>
      <c r="FW1243" s="91"/>
      <c r="FX1243" s="91"/>
      <c r="FY1243" s="91"/>
      <c r="FZ1243" s="91"/>
      <c r="GA1243" s="91"/>
      <c r="GB1243" s="91"/>
      <c r="GC1243" s="91"/>
      <c r="GD1243" s="91"/>
      <c r="GE1243" s="91"/>
      <c r="GF1243" s="91"/>
      <c r="GG1243" s="91"/>
      <c r="GH1243" s="91"/>
      <c r="GI1243" s="91"/>
      <c r="GJ1243" s="91"/>
      <c r="GK1243" s="127"/>
      <c r="GL1243" s="126"/>
      <c r="GM1243" s="91"/>
      <c r="GN1243" s="91"/>
      <c r="GO1243" s="91"/>
      <c r="GP1243" s="91"/>
      <c r="GQ1243" s="91"/>
      <c r="GR1243" s="91"/>
      <c r="GS1243" s="91"/>
      <c r="GT1243" s="91"/>
      <c r="GU1243" s="91"/>
      <c r="GV1243" s="91"/>
      <c r="GW1243" s="91"/>
      <c r="GX1243" s="91"/>
      <c r="GY1243" s="91"/>
      <c r="GZ1243" s="91"/>
      <c r="HA1243" s="91"/>
      <c r="HB1243" s="91"/>
      <c r="HC1243" s="91"/>
      <c r="HD1243" s="91"/>
      <c r="HE1243" s="91"/>
      <c r="HF1243" s="91"/>
      <c r="HG1243" s="91"/>
      <c r="HH1243" s="91"/>
      <c r="HI1243" s="91"/>
      <c r="HJ1243" s="91"/>
      <c r="HK1243" s="127"/>
      <c r="HL1243" s="126"/>
      <c r="HM1243" s="91"/>
      <c r="HN1243" s="91"/>
      <c r="HO1243" s="91"/>
      <c r="HP1243" s="91"/>
      <c r="HQ1243" s="91"/>
      <c r="HR1243" s="91"/>
      <c r="HS1243" s="91"/>
      <c r="HT1243" s="91"/>
      <c r="HU1243" s="91"/>
      <c r="HV1243" s="91"/>
      <c r="HW1243" s="91"/>
      <c r="HX1243" s="91"/>
      <c r="HY1243" s="91"/>
      <c r="HZ1243" s="91"/>
      <c r="IA1243" s="91"/>
      <c r="IB1243" s="91"/>
      <c r="IC1243" s="91"/>
      <c r="ID1243" s="91"/>
      <c r="IE1243" s="91"/>
      <c r="IF1243" s="91"/>
      <c r="IG1243" s="91"/>
      <c r="IH1243" s="91"/>
      <c r="II1243" s="91"/>
      <c r="IJ1243" s="91"/>
      <c r="IK1243" s="127"/>
    </row>
    <row r="1244" spans="2:245" x14ac:dyDescent="0.2">
      <c r="B1244" s="43"/>
      <c r="C1244" s="73"/>
      <c r="D1244" s="64"/>
      <c r="E1244" s="64"/>
      <c r="F1244" s="55"/>
      <c r="G1244" s="102"/>
      <c r="H1244" s="55"/>
      <c r="I1244" s="55"/>
      <c r="J1244" s="55"/>
      <c r="K1244" s="55"/>
      <c r="L1244" s="55"/>
      <c r="M1244" s="55"/>
      <c r="N1244" s="55"/>
      <c r="O1244" s="55"/>
      <c r="P1244" s="55"/>
      <c r="Q1244" s="55"/>
      <c r="R1244" s="55"/>
      <c r="S1244" s="55"/>
      <c r="T1244" s="55"/>
      <c r="U1244" s="55"/>
      <c r="V1244" s="55"/>
      <c r="W1244" s="55"/>
      <c r="X1244" s="55"/>
      <c r="Y1244" s="55"/>
      <c r="Z1244" s="55"/>
      <c r="AA1244" s="55"/>
      <c r="AB1244" s="55"/>
      <c r="AC1244" s="55"/>
      <c r="AD1244" s="55"/>
      <c r="AE1244" s="55"/>
      <c r="AF1244" s="55"/>
      <c r="AG1244" s="55"/>
      <c r="AY1244" s="162"/>
      <c r="AZ1244" s="162"/>
      <c r="BA1244" s="162"/>
      <c r="BB1244" s="162"/>
      <c r="BC1244" s="162"/>
      <c r="BD1244" s="162"/>
      <c r="BE1244" s="162"/>
      <c r="BF1244" s="162"/>
      <c r="BG1244" s="162"/>
      <c r="BH1244" s="162"/>
      <c r="BI1244" s="162"/>
      <c r="BJ1244" s="162"/>
      <c r="BK1244" s="162"/>
      <c r="BL1244" s="162"/>
      <c r="BM1244" s="162"/>
      <c r="BN1244" s="162"/>
      <c r="BO1244" s="162"/>
      <c r="BP1244" s="162"/>
      <c r="BQ1244" s="162"/>
      <c r="BR1244" s="162"/>
      <c r="BS1244" s="162"/>
      <c r="BT1244" s="162"/>
      <c r="BU1244" s="162"/>
      <c r="BV1244" s="162"/>
      <c r="BW1244" s="162"/>
      <c r="BX1244" s="162"/>
      <c r="BY1244" s="162"/>
      <c r="BZ1244" s="162"/>
      <c r="CA1244" s="162"/>
      <c r="CB1244" s="162"/>
      <c r="CC1244" s="162"/>
      <c r="CD1244" s="162"/>
      <c r="CE1244" s="162"/>
      <c r="CF1244" s="162"/>
      <c r="CG1244" s="162"/>
      <c r="CH1244" s="162"/>
      <c r="CI1244" s="162"/>
      <c r="CJ1244" s="162"/>
      <c r="CK1244" s="162"/>
      <c r="CX1244" s="98"/>
      <c r="DL1244" s="97"/>
      <c r="DX1244" s="98"/>
      <c r="EL1244" s="97"/>
      <c r="EX1244" s="98"/>
      <c r="EY1244" s="97"/>
      <c r="FL1244" s="126"/>
      <c r="FM1244" s="91"/>
      <c r="FN1244" s="91"/>
      <c r="FO1244" s="91"/>
      <c r="FP1244" s="91"/>
      <c r="FQ1244" s="91"/>
      <c r="FR1244" s="91"/>
      <c r="FS1244" s="91"/>
      <c r="FT1244" s="91"/>
      <c r="FU1244" s="91"/>
      <c r="FV1244" s="91"/>
      <c r="FW1244" s="91"/>
      <c r="FX1244" s="91"/>
      <c r="FY1244" s="91"/>
      <c r="FZ1244" s="91"/>
      <c r="GA1244" s="91"/>
      <c r="GB1244" s="91"/>
      <c r="GC1244" s="91"/>
      <c r="GD1244" s="91"/>
      <c r="GE1244" s="91"/>
      <c r="GF1244" s="91"/>
      <c r="GG1244" s="91"/>
      <c r="GH1244" s="91"/>
      <c r="GI1244" s="91"/>
      <c r="GJ1244" s="91"/>
      <c r="GK1244" s="127"/>
      <c r="GL1244" s="126"/>
      <c r="GM1244" s="91"/>
      <c r="GN1244" s="91"/>
      <c r="GO1244" s="91"/>
      <c r="GP1244" s="91"/>
      <c r="GQ1244" s="91"/>
      <c r="GR1244" s="91"/>
      <c r="GS1244" s="91"/>
      <c r="GT1244" s="91"/>
      <c r="GU1244" s="91"/>
      <c r="GV1244" s="91"/>
      <c r="GW1244" s="91"/>
      <c r="GX1244" s="91"/>
      <c r="GY1244" s="91"/>
      <c r="GZ1244" s="91"/>
      <c r="HA1244" s="91"/>
      <c r="HB1244" s="91"/>
      <c r="HC1244" s="91"/>
      <c r="HD1244" s="91"/>
      <c r="HE1244" s="91"/>
      <c r="HF1244" s="91"/>
      <c r="HG1244" s="91"/>
      <c r="HH1244" s="91"/>
      <c r="HI1244" s="91"/>
      <c r="HJ1244" s="91"/>
      <c r="HK1244" s="127"/>
      <c r="HL1244" s="126"/>
      <c r="HM1244" s="91"/>
      <c r="HN1244" s="91"/>
      <c r="HO1244" s="91"/>
      <c r="HP1244" s="91"/>
      <c r="HQ1244" s="91"/>
      <c r="HR1244" s="91"/>
      <c r="HS1244" s="91"/>
      <c r="HT1244" s="91"/>
      <c r="HU1244" s="91"/>
      <c r="HV1244" s="91"/>
      <c r="HW1244" s="91"/>
      <c r="HX1244" s="91"/>
      <c r="HY1244" s="91"/>
      <c r="HZ1244" s="91"/>
      <c r="IA1244" s="91"/>
      <c r="IB1244" s="91"/>
      <c r="IC1244" s="91"/>
      <c r="ID1244" s="91"/>
      <c r="IE1244" s="91"/>
      <c r="IF1244" s="91"/>
      <c r="IG1244" s="91"/>
      <c r="IH1244" s="91"/>
      <c r="II1244" s="91"/>
      <c r="IJ1244" s="91"/>
      <c r="IK1244" s="127"/>
    </row>
    <row r="1245" spans="2:245" x14ac:dyDescent="0.2">
      <c r="B1245" s="43"/>
      <c r="C1245" s="73"/>
      <c r="D1245" s="64"/>
      <c r="E1245" s="64"/>
      <c r="F1245" s="55"/>
      <c r="G1245" s="102"/>
      <c r="H1245" s="55"/>
      <c r="I1245" s="55"/>
      <c r="J1245" s="55"/>
      <c r="K1245" s="55"/>
      <c r="L1245" s="55"/>
      <c r="M1245" s="55"/>
      <c r="N1245" s="55"/>
      <c r="O1245" s="55"/>
      <c r="P1245" s="55"/>
      <c r="Q1245" s="55"/>
      <c r="R1245" s="55"/>
      <c r="S1245" s="55"/>
      <c r="T1245" s="55"/>
      <c r="U1245" s="55"/>
      <c r="V1245" s="55"/>
      <c r="W1245" s="55"/>
      <c r="X1245" s="55"/>
      <c r="Y1245" s="55"/>
      <c r="Z1245" s="55"/>
      <c r="AA1245" s="55"/>
      <c r="AB1245" s="55"/>
      <c r="AC1245" s="55"/>
      <c r="AD1245" s="55"/>
      <c r="AE1245" s="55"/>
      <c r="AF1245" s="55"/>
      <c r="AG1245" s="55"/>
      <c r="AY1245" s="162"/>
      <c r="AZ1245" s="162"/>
      <c r="BA1245" s="162"/>
      <c r="BB1245" s="162"/>
      <c r="BC1245" s="162"/>
      <c r="BD1245" s="162"/>
      <c r="BE1245" s="162"/>
      <c r="BF1245" s="162"/>
      <c r="BG1245" s="162"/>
      <c r="BH1245" s="162"/>
      <c r="BI1245" s="162"/>
      <c r="BJ1245" s="162"/>
      <c r="BK1245" s="162"/>
      <c r="BL1245" s="162"/>
      <c r="BM1245" s="162"/>
      <c r="BN1245" s="162"/>
      <c r="BO1245" s="162"/>
      <c r="BP1245" s="162"/>
      <c r="BQ1245" s="162"/>
      <c r="BR1245" s="162"/>
      <c r="BS1245" s="162"/>
      <c r="BT1245" s="162"/>
      <c r="BU1245" s="162"/>
      <c r="BV1245" s="162"/>
      <c r="BW1245" s="162"/>
      <c r="BX1245" s="162"/>
      <c r="BY1245" s="162"/>
      <c r="BZ1245" s="162"/>
      <c r="CA1245" s="162"/>
      <c r="CB1245" s="162"/>
      <c r="CC1245" s="162"/>
      <c r="CD1245" s="162"/>
      <c r="CE1245" s="162"/>
      <c r="CF1245" s="162"/>
      <c r="CG1245" s="162"/>
      <c r="CH1245" s="162"/>
      <c r="CI1245" s="162"/>
      <c r="CJ1245" s="162"/>
      <c r="CK1245" s="162"/>
      <c r="CX1245" s="98"/>
      <c r="DL1245" s="97"/>
      <c r="DX1245" s="98"/>
      <c r="EL1245" s="97"/>
      <c r="EX1245" s="98"/>
      <c r="EY1245" s="97"/>
      <c r="FL1245" s="126"/>
      <c r="FM1245" s="91"/>
      <c r="FN1245" s="91"/>
      <c r="FO1245" s="91"/>
      <c r="FP1245" s="91"/>
      <c r="FQ1245" s="91"/>
      <c r="FR1245" s="91"/>
      <c r="FS1245" s="91"/>
      <c r="FT1245" s="91"/>
      <c r="FU1245" s="91"/>
      <c r="FV1245" s="91"/>
      <c r="FW1245" s="91"/>
      <c r="FX1245" s="91"/>
      <c r="FY1245" s="91"/>
      <c r="FZ1245" s="91"/>
      <c r="GA1245" s="91"/>
      <c r="GB1245" s="91"/>
      <c r="GC1245" s="91"/>
      <c r="GD1245" s="91"/>
      <c r="GE1245" s="91"/>
      <c r="GF1245" s="91"/>
      <c r="GG1245" s="91"/>
      <c r="GH1245" s="91"/>
      <c r="GI1245" s="91"/>
      <c r="GJ1245" s="91"/>
      <c r="GK1245" s="127"/>
      <c r="GL1245" s="126"/>
      <c r="GM1245" s="91"/>
      <c r="GN1245" s="91"/>
      <c r="GO1245" s="91"/>
      <c r="GP1245" s="91"/>
      <c r="GQ1245" s="91"/>
      <c r="GR1245" s="91"/>
      <c r="GS1245" s="91"/>
      <c r="GT1245" s="91"/>
      <c r="GU1245" s="91"/>
      <c r="GV1245" s="91"/>
      <c r="GW1245" s="91"/>
      <c r="GX1245" s="91"/>
      <c r="GY1245" s="91"/>
      <c r="GZ1245" s="91"/>
      <c r="HA1245" s="91"/>
      <c r="HB1245" s="91"/>
      <c r="HC1245" s="91"/>
      <c r="HD1245" s="91"/>
      <c r="HE1245" s="91"/>
      <c r="HF1245" s="91"/>
      <c r="HG1245" s="91"/>
      <c r="HH1245" s="91"/>
      <c r="HI1245" s="91"/>
      <c r="HJ1245" s="91"/>
      <c r="HK1245" s="127"/>
      <c r="HL1245" s="126"/>
      <c r="HM1245" s="91"/>
      <c r="HN1245" s="91"/>
      <c r="HO1245" s="91"/>
      <c r="HP1245" s="91"/>
      <c r="HQ1245" s="91"/>
      <c r="HR1245" s="91"/>
      <c r="HS1245" s="91"/>
      <c r="HT1245" s="91"/>
      <c r="HU1245" s="91"/>
      <c r="HV1245" s="91"/>
      <c r="HW1245" s="91"/>
      <c r="HX1245" s="91"/>
      <c r="HY1245" s="91"/>
      <c r="HZ1245" s="91"/>
      <c r="IA1245" s="91"/>
      <c r="IB1245" s="91"/>
      <c r="IC1245" s="91"/>
      <c r="ID1245" s="91"/>
      <c r="IE1245" s="91"/>
      <c r="IF1245" s="91"/>
      <c r="IG1245" s="91"/>
      <c r="IH1245" s="91"/>
      <c r="II1245" s="91"/>
      <c r="IJ1245" s="91"/>
      <c r="IK1245" s="127"/>
    </row>
    <row r="1246" spans="2:245" x14ac:dyDescent="0.2">
      <c r="B1246" s="43"/>
      <c r="C1246" s="73"/>
      <c r="D1246" s="64"/>
      <c r="E1246" s="64"/>
      <c r="F1246" s="55"/>
      <c r="G1246" s="102"/>
      <c r="H1246" s="55"/>
      <c r="I1246" s="55"/>
      <c r="J1246" s="55"/>
      <c r="K1246" s="55"/>
      <c r="L1246" s="55"/>
      <c r="M1246" s="55"/>
      <c r="N1246" s="55"/>
      <c r="O1246" s="55"/>
      <c r="P1246" s="55"/>
      <c r="Q1246" s="55"/>
      <c r="R1246" s="55"/>
      <c r="S1246" s="55"/>
      <c r="T1246" s="55"/>
      <c r="U1246" s="55"/>
      <c r="V1246" s="55"/>
      <c r="W1246" s="55"/>
      <c r="X1246" s="55"/>
      <c r="Y1246" s="55"/>
      <c r="Z1246" s="55"/>
      <c r="AA1246" s="55"/>
      <c r="AB1246" s="55"/>
      <c r="AC1246" s="55"/>
      <c r="AD1246" s="55"/>
      <c r="AE1246" s="55"/>
      <c r="AF1246" s="55"/>
      <c r="AG1246" s="55"/>
      <c r="AY1246" s="162"/>
      <c r="AZ1246" s="162"/>
      <c r="BA1246" s="162"/>
      <c r="BB1246" s="162"/>
      <c r="BC1246" s="162"/>
      <c r="BD1246" s="162"/>
      <c r="BE1246" s="162"/>
      <c r="BF1246" s="162"/>
      <c r="BG1246" s="162"/>
      <c r="BH1246" s="162"/>
      <c r="BI1246" s="162"/>
      <c r="BJ1246" s="162"/>
      <c r="BK1246" s="162"/>
      <c r="BL1246" s="162"/>
      <c r="BM1246" s="162"/>
      <c r="BN1246" s="162"/>
      <c r="BO1246" s="162"/>
      <c r="BP1246" s="162"/>
      <c r="BQ1246" s="162"/>
      <c r="BR1246" s="162"/>
      <c r="BS1246" s="162"/>
      <c r="BT1246" s="162"/>
      <c r="BU1246" s="162"/>
      <c r="BV1246" s="162"/>
      <c r="BW1246" s="162"/>
      <c r="BX1246" s="162"/>
      <c r="BY1246" s="162"/>
      <c r="BZ1246" s="162"/>
      <c r="CA1246" s="162"/>
      <c r="CB1246" s="162"/>
      <c r="CC1246" s="162"/>
      <c r="CD1246" s="162"/>
      <c r="CE1246" s="162"/>
      <c r="CF1246" s="162"/>
      <c r="CG1246" s="162"/>
      <c r="CH1246" s="162"/>
      <c r="CI1246" s="162"/>
      <c r="CJ1246" s="162"/>
      <c r="CK1246" s="162"/>
      <c r="CX1246" s="98"/>
      <c r="DL1246" s="97"/>
      <c r="DX1246" s="98"/>
      <c r="EL1246" s="97"/>
      <c r="EX1246" s="98"/>
      <c r="EY1246" s="97"/>
      <c r="FL1246" s="126"/>
      <c r="FM1246" s="91"/>
      <c r="FN1246" s="91"/>
      <c r="FO1246" s="91"/>
      <c r="FP1246" s="91"/>
      <c r="FQ1246" s="91"/>
      <c r="FR1246" s="91"/>
      <c r="FS1246" s="91"/>
      <c r="FT1246" s="91"/>
      <c r="FU1246" s="91"/>
      <c r="FV1246" s="91"/>
      <c r="FW1246" s="91"/>
      <c r="FX1246" s="91"/>
      <c r="FY1246" s="91"/>
      <c r="FZ1246" s="91"/>
      <c r="GA1246" s="91"/>
      <c r="GB1246" s="91"/>
      <c r="GC1246" s="91"/>
      <c r="GD1246" s="91"/>
      <c r="GE1246" s="91"/>
      <c r="GF1246" s="91"/>
      <c r="GG1246" s="91"/>
      <c r="GH1246" s="91"/>
      <c r="GI1246" s="91"/>
      <c r="GJ1246" s="91"/>
      <c r="GK1246" s="127"/>
      <c r="GL1246" s="126"/>
      <c r="GM1246" s="91"/>
      <c r="GN1246" s="91"/>
      <c r="GO1246" s="91"/>
      <c r="GP1246" s="91"/>
      <c r="GQ1246" s="91"/>
      <c r="GR1246" s="91"/>
      <c r="GS1246" s="91"/>
      <c r="GT1246" s="91"/>
      <c r="GU1246" s="91"/>
      <c r="GV1246" s="91"/>
      <c r="GW1246" s="91"/>
      <c r="GX1246" s="91"/>
      <c r="GY1246" s="91"/>
      <c r="GZ1246" s="91"/>
      <c r="HA1246" s="91"/>
      <c r="HB1246" s="91"/>
      <c r="HC1246" s="91"/>
      <c r="HD1246" s="91"/>
      <c r="HE1246" s="91"/>
      <c r="HF1246" s="91"/>
      <c r="HG1246" s="91"/>
      <c r="HH1246" s="91"/>
      <c r="HI1246" s="91"/>
      <c r="HJ1246" s="91"/>
      <c r="HK1246" s="127"/>
      <c r="HL1246" s="126"/>
      <c r="HM1246" s="91"/>
      <c r="HN1246" s="91"/>
      <c r="HO1246" s="91"/>
      <c r="HP1246" s="91"/>
      <c r="HQ1246" s="91"/>
      <c r="HR1246" s="91"/>
      <c r="HS1246" s="91"/>
      <c r="HT1246" s="91"/>
      <c r="HU1246" s="91"/>
      <c r="HV1246" s="91"/>
      <c r="HW1246" s="91"/>
      <c r="HX1246" s="91"/>
      <c r="HY1246" s="91"/>
      <c r="HZ1246" s="91"/>
      <c r="IA1246" s="91"/>
      <c r="IB1246" s="91"/>
      <c r="IC1246" s="91"/>
      <c r="ID1246" s="91"/>
      <c r="IE1246" s="91"/>
      <c r="IF1246" s="91"/>
      <c r="IG1246" s="91"/>
      <c r="IH1246" s="91"/>
      <c r="II1246" s="91"/>
      <c r="IJ1246" s="91"/>
      <c r="IK1246" s="127"/>
    </row>
    <row r="1247" spans="2:245" x14ac:dyDescent="0.2">
      <c r="B1247" s="43"/>
      <c r="C1247" s="73"/>
      <c r="D1247" s="64"/>
      <c r="E1247" s="64"/>
      <c r="F1247" s="55"/>
      <c r="G1247" s="102"/>
      <c r="H1247" s="55"/>
      <c r="I1247" s="55"/>
      <c r="J1247" s="55"/>
      <c r="K1247" s="55"/>
      <c r="L1247" s="55"/>
      <c r="M1247" s="55"/>
      <c r="N1247" s="55"/>
      <c r="O1247" s="55"/>
      <c r="P1247" s="55"/>
      <c r="Q1247" s="55"/>
      <c r="R1247" s="55"/>
      <c r="S1247" s="55"/>
      <c r="T1247" s="55"/>
      <c r="U1247" s="55"/>
      <c r="V1247" s="55"/>
      <c r="W1247" s="55"/>
      <c r="X1247" s="55"/>
      <c r="Y1247" s="55"/>
      <c r="Z1247" s="55"/>
      <c r="AA1247" s="55"/>
      <c r="AB1247" s="55"/>
      <c r="AC1247" s="55"/>
      <c r="AD1247" s="55"/>
      <c r="AE1247" s="55"/>
      <c r="AF1247" s="55"/>
      <c r="AG1247" s="55"/>
      <c r="AY1247" s="162"/>
      <c r="AZ1247" s="162"/>
      <c r="BA1247" s="162"/>
      <c r="BB1247" s="162"/>
      <c r="BC1247" s="162"/>
      <c r="BD1247" s="162"/>
      <c r="BE1247" s="162"/>
      <c r="BF1247" s="162"/>
      <c r="BG1247" s="162"/>
      <c r="BH1247" s="162"/>
      <c r="BI1247" s="162"/>
      <c r="BJ1247" s="162"/>
      <c r="BK1247" s="162"/>
      <c r="BL1247" s="162"/>
      <c r="BM1247" s="162"/>
      <c r="BN1247" s="162"/>
      <c r="BO1247" s="162"/>
      <c r="BP1247" s="162"/>
      <c r="BQ1247" s="162"/>
      <c r="BR1247" s="162"/>
      <c r="BS1247" s="162"/>
      <c r="BT1247" s="162"/>
      <c r="BU1247" s="162"/>
      <c r="BV1247" s="162"/>
      <c r="BW1247" s="162"/>
      <c r="BX1247" s="162"/>
      <c r="BY1247" s="162"/>
      <c r="BZ1247" s="162"/>
      <c r="CA1247" s="162"/>
      <c r="CB1247" s="162"/>
      <c r="CC1247" s="162"/>
      <c r="CD1247" s="162"/>
      <c r="CE1247" s="162"/>
      <c r="CF1247" s="162"/>
      <c r="CG1247" s="162"/>
      <c r="CH1247" s="162"/>
      <c r="CI1247" s="162"/>
      <c r="CJ1247" s="162"/>
      <c r="CK1247" s="162"/>
      <c r="CX1247" s="98"/>
      <c r="DL1247" s="97"/>
      <c r="DX1247" s="98"/>
      <c r="EL1247" s="97"/>
      <c r="EX1247" s="98"/>
      <c r="EY1247" s="97"/>
      <c r="FL1247" s="126"/>
      <c r="FM1247" s="91"/>
      <c r="FN1247" s="91"/>
      <c r="FO1247" s="91"/>
      <c r="FP1247" s="91"/>
      <c r="FQ1247" s="91"/>
      <c r="FR1247" s="91"/>
      <c r="FS1247" s="91"/>
      <c r="FT1247" s="91"/>
      <c r="FU1247" s="91"/>
      <c r="FV1247" s="91"/>
      <c r="FW1247" s="91"/>
      <c r="FX1247" s="91"/>
      <c r="FY1247" s="91"/>
      <c r="FZ1247" s="91"/>
      <c r="GA1247" s="91"/>
      <c r="GB1247" s="91"/>
      <c r="GC1247" s="91"/>
      <c r="GD1247" s="91"/>
      <c r="GE1247" s="91"/>
      <c r="GF1247" s="91"/>
      <c r="GG1247" s="91"/>
      <c r="GH1247" s="91"/>
      <c r="GI1247" s="91"/>
      <c r="GJ1247" s="91"/>
      <c r="GK1247" s="127"/>
      <c r="GL1247" s="126"/>
      <c r="GM1247" s="91"/>
      <c r="GN1247" s="91"/>
      <c r="GO1247" s="91"/>
      <c r="GP1247" s="91"/>
      <c r="GQ1247" s="91"/>
      <c r="GR1247" s="91"/>
      <c r="GS1247" s="91"/>
      <c r="GT1247" s="91"/>
      <c r="GU1247" s="91"/>
      <c r="GV1247" s="91"/>
      <c r="GW1247" s="91"/>
      <c r="GX1247" s="91"/>
      <c r="GY1247" s="91"/>
      <c r="GZ1247" s="91"/>
      <c r="HA1247" s="91"/>
      <c r="HB1247" s="91"/>
      <c r="HC1247" s="91"/>
      <c r="HD1247" s="91"/>
      <c r="HE1247" s="91"/>
      <c r="HF1247" s="91"/>
      <c r="HG1247" s="91"/>
      <c r="HH1247" s="91"/>
      <c r="HI1247" s="91"/>
      <c r="HJ1247" s="91"/>
      <c r="HK1247" s="127"/>
      <c r="HL1247" s="126"/>
      <c r="HM1247" s="91"/>
      <c r="HN1247" s="91"/>
      <c r="HO1247" s="91"/>
      <c r="HP1247" s="91"/>
      <c r="HQ1247" s="91"/>
      <c r="HR1247" s="91"/>
      <c r="HS1247" s="91"/>
      <c r="HT1247" s="91"/>
      <c r="HU1247" s="91"/>
      <c r="HV1247" s="91"/>
      <c r="HW1247" s="91"/>
      <c r="HX1247" s="91"/>
      <c r="HY1247" s="91"/>
      <c r="HZ1247" s="91"/>
      <c r="IA1247" s="91"/>
      <c r="IB1247" s="91"/>
      <c r="IC1247" s="91"/>
      <c r="ID1247" s="91"/>
      <c r="IE1247" s="91"/>
      <c r="IF1247" s="91"/>
      <c r="IG1247" s="91"/>
      <c r="IH1247" s="91"/>
      <c r="II1247" s="91"/>
      <c r="IJ1247" s="91"/>
      <c r="IK1247" s="127"/>
    </row>
    <row r="1248" spans="2:245" x14ac:dyDescent="0.2">
      <c r="B1248" s="43"/>
      <c r="C1248" s="73"/>
      <c r="D1248" s="64"/>
      <c r="E1248" s="64"/>
      <c r="F1248" s="55"/>
      <c r="G1248" s="102"/>
      <c r="H1248" s="55"/>
      <c r="I1248" s="55"/>
      <c r="J1248" s="55"/>
      <c r="K1248" s="55"/>
      <c r="L1248" s="55"/>
      <c r="M1248" s="55"/>
      <c r="N1248" s="55"/>
      <c r="O1248" s="55"/>
      <c r="P1248" s="55"/>
      <c r="Q1248" s="55"/>
      <c r="R1248" s="55"/>
      <c r="S1248" s="55"/>
      <c r="T1248" s="55"/>
      <c r="U1248" s="55"/>
      <c r="V1248" s="55"/>
      <c r="W1248" s="55"/>
      <c r="X1248" s="55"/>
      <c r="Y1248" s="55"/>
      <c r="Z1248" s="55"/>
      <c r="AA1248" s="55"/>
      <c r="AB1248" s="55"/>
      <c r="AC1248" s="55"/>
      <c r="AD1248" s="55"/>
      <c r="AE1248" s="55"/>
      <c r="AF1248" s="55"/>
      <c r="AG1248" s="55"/>
      <c r="AY1248" s="162"/>
      <c r="AZ1248" s="162"/>
      <c r="BA1248" s="162"/>
      <c r="BB1248" s="162"/>
      <c r="BC1248" s="162"/>
      <c r="BD1248" s="162"/>
      <c r="BE1248" s="162"/>
      <c r="BF1248" s="162"/>
      <c r="BG1248" s="162"/>
      <c r="BH1248" s="162"/>
      <c r="BI1248" s="162"/>
      <c r="BJ1248" s="162"/>
      <c r="BK1248" s="162"/>
      <c r="BL1248" s="162"/>
      <c r="BM1248" s="162"/>
      <c r="BN1248" s="162"/>
      <c r="BO1248" s="162"/>
      <c r="BP1248" s="162"/>
      <c r="BQ1248" s="162"/>
      <c r="BR1248" s="162"/>
      <c r="BS1248" s="162"/>
      <c r="BT1248" s="162"/>
      <c r="BU1248" s="162"/>
      <c r="BV1248" s="162"/>
      <c r="BW1248" s="162"/>
      <c r="BX1248" s="162"/>
      <c r="BY1248" s="162"/>
      <c r="BZ1248" s="162"/>
      <c r="CA1248" s="162"/>
      <c r="CB1248" s="162"/>
      <c r="CC1248" s="162"/>
      <c r="CD1248" s="162"/>
      <c r="CE1248" s="162"/>
      <c r="CF1248" s="162"/>
      <c r="CG1248" s="162"/>
      <c r="CH1248" s="162"/>
      <c r="CI1248" s="162"/>
      <c r="CJ1248" s="162"/>
      <c r="CK1248" s="162"/>
      <c r="CX1248" s="98"/>
      <c r="DL1248" s="97"/>
      <c r="DX1248" s="98"/>
      <c r="EL1248" s="97"/>
      <c r="EX1248" s="98"/>
      <c r="EY1248" s="97"/>
      <c r="FL1248" s="126"/>
      <c r="FM1248" s="91"/>
      <c r="FN1248" s="91"/>
      <c r="FO1248" s="91"/>
      <c r="FP1248" s="91"/>
      <c r="FQ1248" s="91"/>
      <c r="FR1248" s="91"/>
      <c r="FS1248" s="91"/>
      <c r="FT1248" s="91"/>
      <c r="FU1248" s="91"/>
      <c r="FV1248" s="91"/>
      <c r="FW1248" s="91"/>
      <c r="FX1248" s="91"/>
      <c r="FY1248" s="91"/>
      <c r="FZ1248" s="91"/>
      <c r="GA1248" s="91"/>
      <c r="GB1248" s="91"/>
      <c r="GC1248" s="91"/>
      <c r="GD1248" s="91"/>
      <c r="GE1248" s="91"/>
      <c r="GF1248" s="91"/>
      <c r="GG1248" s="91"/>
      <c r="GH1248" s="91"/>
      <c r="GI1248" s="91"/>
      <c r="GJ1248" s="91"/>
      <c r="GK1248" s="127"/>
      <c r="GL1248" s="126"/>
      <c r="GM1248" s="91"/>
      <c r="GN1248" s="91"/>
      <c r="GO1248" s="91"/>
      <c r="GP1248" s="91"/>
      <c r="GQ1248" s="91"/>
      <c r="GR1248" s="91"/>
      <c r="GS1248" s="91"/>
      <c r="GT1248" s="91"/>
      <c r="GU1248" s="91"/>
      <c r="GV1248" s="91"/>
      <c r="GW1248" s="91"/>
      <c r="GX1248" s="91"/>
      <c r="GY1248" s="91"/>
      <c r="GZ1248" s="91"/>
      <c r="HA1248" s="91"/>
      <c r="HB1248" s="91"/>
      <c r="HC1248" s="91"/>
      <c r="HD1248" s="91"/>
      <c r="HE1248" s="91"/>
      <c r="HF1248" s="91"/>
      <c r="HG1248" s="91"/>
      <c r="HH1248" s="91"/>
      <c r="HI1248" s="91"/>
      <c r="HJ1248" s="91"/>
      <c r="HK1248" s="127"/>
      <c r="HL1248" s="126"/>
      <c r="HM1248" s="91"/>
      <c r="HN1248" s="91"/>
      <c r="HO1248" s="91"/>
      <c r="HP1248" s="91"/>
      <c r="HQ1248" s="91"/>
      <c r="HR1248" s="91"/>
      <c r="HS1248" s="91"/>
      <c r="HT1248" s="91"/>
      <c r="HU1248" s="91"/>
      <c r="HV1248" s="91"/>
      <c r="HW1248" s="91"/>
      <c r="HX1248" s="91"/>
      <c r="HY1248" s="91"/>
      <c r="HZ1248" s="91"/>
      <c r="IA1248" s="91"/>
      <c r="IB1248" s="91"/>
      <c r="IC1248" s="91"/>
      <c r="ID1248" s="91"/>
      <c r="IE1248" s="91"/>
      <c r="IF1248" s="91"/>
      <c r="IG1248" s="91"/>
      <c r="IH1248" s="91"/>
      <c r="II1248" s="91"/>
      <c r="IJ1248" s="91"/>
      <c r="IK1248" s="127"/>
    </row>
    <row r="1249" spans="2:245" x14ac:dyDescent="0.2">
      <c r="B1249" s="43"/>
      <c r="C1249" s="73"/>
      <c r="D1249" s="64"/>
      <c r="E1249" s="64"/>
      <c r="F1249" s="55"/>
      <c r="G1249" s="102"/>
      <c r="H1249" s="55"/>
      <c r="I1249" s="55"/>
      <c r="J1249" s="55"/>
      <c r="K1249" s="55"/>
      <c r="L1249" s="55"/>
      <c r="M1249" s="55"/>
      <c r="N1249" s="55"/>
      <c r="O1249" s="55"/>
      <c r="P1249" s="55"/>
      <c r="Q1249" s="55"/>
      <c r="R1249" s="55"/>
      <c r="S1249" s="55"/>
      <c r="T1249" s="55"/>
      <c r="U1249" s="55"/>
      <c r="V1249" s="55"/>
      <c r="W1249" s="55"/>
      <c r="X1249" s="55"/>
      <c r="Y1249" s="55"/>
      <c r="Z1249" s="55"/>
      <c r="AA1249" s="55"/>
      <c r="AB1249" s="55"/>
      <c r="AC1249" s="55"/>
      <c r="AD1249" s="55"/>
      <c r="AE1249" s="55"/>
      <c r="AF1249" s="55"/>
      <c r="AG1249" s="55"/>
      <c r="AY1249" s="162"/>
      <c r="AZ1249" s="162"/>
      <c r="BA1249" s="162"/>
      <c r="BB1249" s="162"/>
      <c r="BC1249" s="162"/>
      <c r="BD1249" s="162"/>
      <c r="BE1249" s="162"/>
      <c r="BF1249" s="162"/>
      <c r="BG1249" s="162"/>
      <c r="BH1249" s="162"/>
      <c r="BI1249" s="162"/>
      <c r="BJ1249" s="162"/>
      <c r="BK1249" s="162"/>
      <c r="BL1249" s="162"/>
      <c r="BM1249" s="162"/>
      <c r="BN1249" s="162"/>
      <c r="BO1249" s="162"/>
      <c r="BP1249" s="162"/>
      <c r="BQ1249" s="162"/>
      <c r="BR1249" s="162"/>
      <c r="BS1249" s="162"/>
      <c r="BT1249" s="162"/>
      <c r="BU1249" s="162"/>
      <c r="BV1249" s="162"/>
      <c r="BW1249" s="162"/>
      <c r="BX1249" s="162"/>
      <c r="BY1249" s="162"/>
      <c r="BZ1249" s="162"/>
      <c r="CA1249" s="162"/>
      <c r="CB1249" s="162"/>
      <c r="CC1249" s="162"/>
      <c r="CD1249" s="162"/>
      <c r="CE1249" s="162"/>
      <c r="CF1249" s="162"/>
      <c r="CG1249" s="162"/>
      <c r="CH1249" s="162"/>
      <c r="CI1249" s="162"/>
      <c r="CJ1249" s="162"/>
      <c r="CK1249" s="162"/>
      <c r="CX1249" s="98"/>
      <c r="DL1249" s="97"/>
      <c r="DX1249" s="98"/>
      <c r="EL1249" s="97"/>
      <c r="EX1249" s="98"/>
      <c r="EY1249" s="97"/>
      <c r="FL1249" s="126"/>
      <c r="FM1249" s="91"/>
      <c r="FN1249" s="91"/>
      <c r="FO1249" s="91"/>
      <c r="FP1249" s="91"/>
      <c r="FQ1249" s="91"/>
      <c r="FR1249" s="91"/>
      <c r="FS1249" s="91"/>
      <c r="FT1249" s="91"/>
      <c r="FU1249" s="91"/>
      <c r="FV1249" s="91"/>
      <c r="FW1249" s="91"/>
      <c r="FX1249" s="91"/>
      <c r="FY1249" s="91"/>
      <c r="FZ1249" s="91"/>
      <c r="GA1249" s="91"/>
      <c r="GB1249" s="91"/>
      <c r="GC1249" s="91"/>
      <c r="GD1249" s="91"/>
      <c r="GE1249" s="91"/>
      <c r="GF1249" s="91"/>
      <c r="GG1249" s="91"/>
      <c r="GH1249" s="91"/>
      <c r="GI1249" s="91"/>
      <c r="GJ1249" s="91"/>
      <c r="GK1249" s="127"/>
      <c r="GL1249" s="126"/>
      <c r="GM1249" s="91"/>
      <c r="GN1249" s="91"/>
      <c r="GO1249" s="91"/>
      <c r="GP1249" s="91"/>
      <c r="GQ1249" s="91"/>
      <c r="GR1249" s="91"/>
      <c r="GS1249" s="91"/>
      <c r="GT1249" s="91"/>
      <c r="GU1249" s="91"/>
      <c r="GV1249" s="91"/>
      <c r="GW1249" s="91"/>
      <c r="GX1249" s="91"/>
      <c r="GY1249" s="91"/>
      <c r="GZ1249" s="91"/>
      <c r="HA1249" s="91"/>
      <c r="HB1249" s="91"/>
      <c r="HC1249" s="91"/>
      <c r="HD1249" s="91"/>
      <c r="HE1249" s="91"/>
      <c r="HF1249" s="91"/>
      <c r="HG1249" s="91"/>
      <c r="HH1249" s="91"/>
      <c r="HI1249" s="91"/>
      <c r="HJ1249" s="91"/>
      <c r="HK1249" s="127"/>
      <c r="HL1249" s="126"/>
      <c r="HM1249" s="91"/>
      <c r="HN1249" s="91"/>
      <c r="HO1249" s="91"/>
      <c r="HP1249" s="91"/>
      <c r="HQ1249" s="91"/>
      <c r="HR1249" s="91"/>
      <c r="HS1249" s="91"/>
      <c r="HT1249" s="91"/>
      <c r="HU1249" s="91"/>
      <c r="HV1249" s="91"/>
      <c r="HW1249" s="91"/>
      <c r="HX1249" s="91"/>
      <c r="HY1249" s="91"/>
      <c r="HZ1249" s="91"/>
      <c r="IA1249" s="91"/>
      <c r="IB1249" s="91"/>
      <c r="IC1249" s="91"/>
      <c r="ID1249" s="91"/>
      <c r="IE1249" s="91"/>
      <c r="IF1249" s="91"/>
      <c r="IG1249" s="91"/>
      <c r="IH1249" s="91"/>
      <c r="II1249" s="91"/>
      <c r="IJ1249" s="91"/>
      <c r="IK1249" s="127"/>
    </row>
    <row r="1250" spans="2:245" x14ac:dyDescent="0.2">
      <c r="B1250" s="43"/>
      <c r="C1250" s="73"/>
      <c r="D1250" s="64"/>
      <c r="E1250" s="64"/>
      <c r="F1250" s="55"/>
      <c r="G1250" s="102"/>
      <c r="H1250" s="55"/>
      <c r="I1250" s="55"/>
      <c r="J1250" s="55"/>
      <c r="K1250" s="55"/>
      <c r="L1250" s="55"/>
      <c r="M1250" s="55"/>
      <c r="N1250" s="55"/>
      <c r="O1250" s="55"/>
      <c r="P1250" s="55"/>
      <c r="Q1250" s="55"/>
      <c r="R1250" s="55"/>
      <c r="S1250" s="55"/>
      <c r="T1250" s="55"/>
      <c r="U1250" s="55"/>
      <c r="V1250" s="55"/>
      <c r="W1250" s="55"/>
      <c r="X1250" s="55"/>
      <c r="Y1250" s="55"/>
      <c r="Z1250" s="55"/>
      <c r="AA1250" s="55"/>
      <c r="AB1250" s="55"/>
      <c r="AC1250" s="55"/>
      <c r="AD1250" s="55"/>
      <c r="AE1250" s="55"/>
      <c r="AF1250" s="55"/>
      <c r="AG1250" s="55"/>
      <c r="AY1250" s="162"/>
      <c r="AZ1250" s="162"/>
      <c r="BA1250" s="162"/>
      <c r="BB1250" s="162"/>
      <c r="BC1250" s="162"/>
      <c r="BD1250" s="162"/>
      <c r="BE1250" s="162"/>
      <c r="BF1250" s="162"/>
      <c r="BG1250" s="162"/>
      <c r="BH1250" s="162"/>
      <c r="BI1250" s="162"/>
      <c r="BJ1250" s="162"/>
      <c r="BK1250" s="162"/>
      <c r="BL1250" s="162"/>
      <c r="BM1250" s="162"/>
      <c r="BN1250" s="162"/>
      <c r="BO1250" s="162"/>
      <c r="BP1250" s="162"/>
      <c r="BQ1250" s="162"/>
      <c r="BR1250" s="162"/>
      <c r="BS1250" s="162"/>
      <c r="BT1250" s="162"/>
      <c r="BU1250" s="162"/>
      <c r="BV1250" s="162"/>
      <c r="BW1250" s="162"/>
      <c r="BX1250" s="162"/>
      <c r="BY1250" s="162"/>
      <c r="BZ1250" s="162"/>
      <c r="CA1250" s="162"/>
      <c r="CB1250" s="162"/>
      <c r="CC1250" s="162"/>
      <c r="CD1250" s="162"/>
      <c r="CE1250" s="162"/>
      <c r="CF1250" s="162"/>
      <c r="CG1250" s="162"/>
      <c r="CH1250" s="162"/>
      <c r="CI1250" s="162"/>
      <c r="CJ1250" s="162"/>
      <c r="CK1250" s="162"/>
      <c r="CX1250" s="98"/>
      <c r="DL1250" s="97"/>
      <c r="DX1250" s="98"/>
      <c r="EL1250" s="97"/>
      <c r="EX1250" s="98"/>
      <c r="EY1250" s="97"/>
      <c r="FL1250" s="126"/>
      <c r="FM1250" s="91"/>
      <c r="FN1250" s="91"/>
      <c r="FO1250" s="91"/>
      <c r="FP1250" s="91"/>
      <c r="FQ1250" s="91"/>
      <c r="FR1250" s="91"/>
      <c r="FS1250" s="91"/>
      <c r="FT1250" s="91"/>
      <c r="FU1250" s="91"/>
      <c r="FV1250" s="91"/>
      <c r="FW1250" s="91"/>
      <c r="FX1250" s="91"/>
      <c r="FY1250" s="91"/>
      <c r="FZ1250" s="91"/>
      <c r="GA1250" s="91"/>
      <c r="GB1250" s="91"/>
      <c r="GC1250" s="91"/>
      <c r="GD1250" s="91"/>
      <c r="GE1250" s="91"/>
      <c r="GF1250" s="91"/>
      <c r="GG1250" s="91"/>
      <c r="GH1250" s="91"/>
      <c r="GI1250" s="91"/>
      <c r="GJ1250" s="91"/>
      <c r="GK1250" s="127"/>
      <c r="GL1250" s="126"/>
      <c r="GM1250" s="91"/>
      <c r="GN1250" s="91"/>
      <c r="GO1250" s="91"/>
      <c r="GP1250" s="91"/>
      <c r="GQ1250" s="91"/>
      <c r="GR1250" s="91"/>
      <c r="GS1250" s="91"/>
      <c r="GT1250" s="91"/>
      <c r="GU1250" s="91"/>
      <c r="GV1250" s="91"/>
      <c r="GW1250" s="91"/>
      <c r="GX1250" s="91"/>
      <c r="GY1250" s="91"/>
      <c r="GZ1250" s="91"/>
      <c r="HA1250" s="91"/>
      <c r="HB1250" s="91"/>
      <c r="HC1250" s="91"/>
      <c r="HD1250" s="91"/>
      <c r="HE1250" s="91"/>
      <c r="HF1250" s="91"/>
      <c r="HG1250" s="91"/>
      <c r="HH1250" s="91"/>
      <c r="HI1250" s="91"/>
      <c r="HJ1250" s="91"/>
      <c r="HK1250" s="127"/>
      <c r="HL1250" s="126"/>
      <c r="HM1250" s="91"/>
      <c r="HN1250" s="91"/>
      <c r="HO1250" s="91"/>
      <c r="HP1250" s="91"/>
      <c r="HQ1250" s="91"/>
      <c r="HR1250" s="91"/>
      <c r="HS1250" s="91"/>
      <c r="HT1250" s="91"/>
      <c r="HU1250" s="91"/>
      <c r="HV1250" s="91"/>
      <c r="HW1250" s="91"/>
      <c r="HX1250" s="91"/>
      <c r="HY1250" s="91"/>
      <c r="HZ1250" s="91"/>
      <c r="IA1250" s="91"/>
      <c r="IB1250" s="91"/>
      <c r="IC1250" s="91"/>
      <c r="ID1250" s="91"/>
      <c r="IE1250" s="91"/>
      <c r="IF1250" s="91"/>
      <c r="IG1250" s="91"/>
      <c r="IH1250" s="91"/>
      <c r="II1250" s="91"/>
      <c r="IJ1250" s="91"/>
      <c r="IK1250" s="127"/>
    </row>
    <row r="1251" spans="2:245" x14ac:dyDescent="0.2">
      <c r="B1251" s="43"/>
      <c r="C1251" s="73"/>
      <c r="D1251" s="64"/>
      <c r="E1251" s="64"/>
      <c r="F1251" s="55"/>
      <c r="G1251" s="102"/>
      <c r="H1251" s="55"/>
      <c r="I1251" s="55"/>
      <c r="J1251" s="55"/>
      <c r="K1251" s="55"/>
      <c r="L1251" s="55"/>
      <c r="M1251" s="55"/>
      <c r="N1251" s="55"/>
      <c r="O1251" s="55"/>
      <c r="P1251" s="55"/>
      <c r="Q1251" s="55"/>
      <c r="R1251" s="55"/>
      <c r="S1251" s="55"/>
      <c r="T1251" s="55"/>
      <c r="U1251" s="55"/>
      <c r="V1251" s="55"/>
      <c r="W1251" s="55"/>
      <c r="X1251" s="55"/>
      <c r="Y1251" s="55"/>
      <c r="Z1251" s="55"/>
      <c r="AA1251" s="55"/>
      <c r="AB1251" s="55"/>
      <c r="AC1251" s="55"/>
      <c r="AD1251" s="55"/>
      <c r="AE1251" s="55"/>
      <c r="AF1251" s="55"/>
      <c r="AG1251" s="55"/>
      <c r="AY1251" s="162"/>
      <c r="AZ1251" s="162"/>
      <c r="BA1251" s="162"/>
      <c r="BB1251" s="162"/>
      <c r="BC1251" s="162"/>
      <c r="BD1251" s="162"/>
      <c r="BE1251" s="162"/>
      <c r="BF1251" s="162"/>
      <c r="BG1251" s="162"/>
      <c r="BH1251" s="162"/>
      <c r="BI1251" s="162"/>
      <c r="BJ1251" s="162"/>
      <c r="BK1251" s="162"/>
      <c r="BL1251" s="162"/>
      <c r="BM1251" s="162"/>
      <c r="BN1251" s="162"/>
      <c r="BO1251" s="162"/>
      <c r="BP1251" s="162"/>
      <c r="BQ1251" s="162"/>
      <c r="BR1251" s="162"/>
      <c r="BS1251" s="162"/>
      <c r="BT1251" s="162"/>
      <c r="BU1251" s="162"/>
      <c r="BV1251" s="162"/>
      <c r="BW1251" s="162"/>
      <c r="BX1251" s="162"/>
      <c r="BY1251" s="162"/>
      <c r="BZ1251" s="162"/>
      <c r="CA1251" s="162"/>
      <c r="CB1251" s="162"/>
      <c r="CC1251" s="162"/>
      <c r="CD1251" s="162"/>
      <c r="CE1251" s="162"/>
      <c r="CF1251" s="162"/>
      <c r="CG1251" s="162"/>
      <c r="CH1251" s="162"/>
      <c r="CI1251" s="162"/>
      <c r="CJ1251" s="162"/>
      <c r="CK1251" s="162"/>
      <c r="CX1251" s="98"/>
      <c r="DL1251" s="97"/>
      <c r="DX1251" s="98"/>
      <c r="EL1251" s="97"/>
      <c r="EX1251" s="98"/>
      <c r="EY1251" s="97"/>
      <c r="FL1251" s="126"/>
      <c r="FM1251" s="91"/>
      <c r="FN1251" s="91"/>
      <c r="FO1251" s="91"/>
      <c r="FP1251" s="91"/>
      <c r="FQ1251" s="91"/>
      <c r="FR1251" s="91"/>
      <c r="FS1251" s="91"/>
      <c r="FT1251" s="91"/>
      <c r="FU1251" s="91"/>
      <c r="FV1251" s="91"/>
      <c r="FW1251" s="91"/>
      <c r="FX1251" s="91"/>
      <c r="FY1251" s="91"/>
      <c r="FZ1251" s="91"/>
      <c r="GA1251" s="91"/>
      <c r="GB1251" s="91"/>
      <c r="GC1251" s="91"/>
      <c r="GD1251" s="91"/>
      <c r="GE1251" s="91"/>
      <c r="GF1251" s="91"/>
      <c r="GG1251" s="91"/>
      <c r="GH1251" s="91"/>
      <c r="GI1251" s="91"/>
      <c r="GJ1251" s="91"/>
      <c r="GK1251" s="127"/>
      <c r="GL1251" s="126"/>
      <c r="GM1251" s="91"/>
      <c r="GN1251" s="91"/>
      <c r="GO1251" s="91"/>
      <c r="GP1251" s="91"/>
      <c r="GQ1251" s="91"/>
      <c r="GR1251" s="91"/>
      <c r="GS1251" s="91"/>
      <c r="GT1251" s="91"/>
      <c r="GU1251" s="91"/>
      <c r="GV1251" s="91"/>
      <c r="GW1251" s="91"/>
      <c r="GX1251" s="91"/>
      <c r="GY1251" s="91"/>
      <c r="GZ1251" s="91"/>
      <c r="HA1251" s="91"/>
      <c r="HB1251" s="91"/>
      <c r="HC1251" s="91"/>
      <c r="HD1251" s="91"/>
      <c r="HE1251" s="91"/>
      <c r="HF1251" s="91"/>
      <c r="HG1251" s="91"/>
      <c r="HH1251" s="91"/>
      <c r="HI1251" s="91"/>
      <c r="HJ1251" s="91"/>
      <c r="HK1251" s="127"/>
      <c r="HL1251" s="126"/>
      <c r="HM1251" s="91"/>
      <c r="HN1251" s="91"/>
      <c r="HO1251" s="91"/>
      <c r="HP1251" s="91"/>
      <c r="HQ1251" s="91"/>
      <c r="HR1251" s="91"/>
      <c r="HS1251" s="91"/>
      <c r="HT1251" s="91"/>
      <c r="HU1251" s="91"/>
      <c r="HV1251" s="91"/>
      <c r="HW1251" s="91"/>
      <c r="HX1251" s="91"/>
      <c r="HY1251" s="91"/>
      <c r="HZ1251" s="91"/>
      <c r="IA1251" s="91"/>
      <c r="IB1251" s="91"/>
      <c r="IC1251" s="91"/>
      <c r="ID1251" s="91"/>
      <c r="IE1251" s="91"/>
      <c r="IF1251" s="91"/>
      <c r="IG1251" s="91"/>
      <c r="IH1251" s="91"/>
      <c r="II1251" s="91"/>
      <c r="IJ1251" s="91"/>
      <c r="IK1251" s="127"/>
    </row>
    <row r="1252" spans="2:245" x14ac:dyDescent="0.2">
      <c r="B1252" s="43"/>
      <c r="C1252" s="73"/>
      <c r="D1252" s="64"/>
      <c r="E1252" s="64"/>
      <c r="F1252" s="55"/>
      <c r="G1252" s="102"/>
      <c r="H1252" s="55"/>
      <c r="I1252" s="55"/>
      <c r="J1252" s="55"/>
      <c r="K1252" s="55"/>
      <c r="L1252" s="55"/>
      <c r="M1252" s="55"/>
      <c r="N1252" s="55"/>
      <c r="O1252" s="55"/>
      <c r="P1252" s="55"/>
      <c r="Q1252" s="55"/>
      <c r="R1252" s="55"/>
      <c r="S1252" s="55"/>
      <c r="T1252" s="55"/>
      <c r="U1252" s="55"/>
      <c r="V1252" s="55"/>
      <c r="W1252" s="55"/>
      <c r="X1252" s="55"/>
      <c r="Y1252" s="55"/>
      <c r="Z1252" s="55"/>
      <c r="AA1252" s="55"/>
      <c r="AB1252" s="55"/>
      <c r="AC1252" s="55"/>
      <c r="AD1252" s="55"/>
      <c r="AE1252" s="55"/>
      <c r="AF1252" s="55"/>
      <c r="AG1252" s="55"/>
      <c r="AY1252" s="162"/>
      <c r="AZ1252" s="162"/>
      <c r="BA1252" s="162"/>
      <c r="BB1252" s="162"/>
      <c r="BC1252" s="162"/>
      <c r="BD1252" s="162"/>
      <c r="BE1252" s="162"/>
      <c r="BF1252" s="162"/>
      <c r="BG1252" s="162"/>
      <c r="BH1252" s="162"/>
      <c r="BI1252" s="162"/>
      <c r="BJ1252" s="162"/>
      <c r="BK1252" s="162"/>
      <c r="BL1252" s="162"/>
      <c r="BM1252" s="162"/>
      <c r="BN1252" s="162"/>
      <c r="BO1252" s="162"/>
      <c r="BP1252" s="162"/>
      <c r="BQ1252" s="162"/>
      <c r="BR1252" s="162"/>
      <c r="BS1252" s="162"/>
      <c r="BT1252" s="162"/>
      <c r="BU1252" s="162"/>
      <c r="BV1252" s="162"/>
      <c r="BW1252" s="162"/>
      <c r="BX1252" s="162"/>
      <c r="BY1252" s="162"/>
      <c r="BZ1252" s="162"/>
      <c r="CA1252" s="162"/>
      <c r="CB1252" s="162"/>
      <c r="CC1252" s="162"/>
      <c r="CD1252" s="162"/>
      <c r="CE1252" s="162"/>
      <c r="CF1252" s="162"/>
      <c r="CG1252" s="162"/>
      <c r="CH1252" s="162"/>
      <c r="CI1252" s="162"/>
      <c r="CJ1252" s="162"/>
      <c r="CK1252" s="162"/>
      <c r="CX1252" s="98"/>
      <c r="DL1252" s="97"/>
      <c r="DX1252" s="98"/>
      <c r="EL1252" s="97"/>
      <c r="EX1252" s="98"/>
      <c r="EY1252" s="97"/>
      <c r="FL1252" s="126"/>
      <c r="FM1252" s="91"/>
      <c r="FN1252" s="91"/>
      <c r="FO1252" s="91"/>
      <c r="FP1252" s="91"/>
      <c r="FQ1252" s="91"/>
      <c r="FR1252" s="91"/>
      <c r="FS1252" s="91"/>
      <c r="FT1252" s="91"/>
      <c r="FU1252" s="91"/>
      <c r="FV1252" s="91"/>
      <c r="FW1252" s="91"/>
      <c r="FX1252" s="91"/>
      <c r="FY1252" s="91"/>
      <c r="FZ1252" s="91"/>
      <c r="GA1252" s="91"/>
      <c r="GB1252" s="91"/>
      <c r="GC1252" s="91"/>
      <c r="GD1252" s="91"/>
      <c r="GE1252" s="91"/>
      <c r="GF1252" s="91"/>
      <c r="GG1252" s="91"/>
      <c r="GH1252" s="91"/>
      <c r="GI1252" s="91"/>
      <c r="GJ1252" s="91"/>
      <c r="GK1252" s="127"/>
      <c r="GL1252" s="126"/>
      <c r="GM1252" s="91"/>
      <c r="GN1252" s="91"/>
      <c r="GO1252" s="91"/>
      <c r="GP1252" s="91"/>
      <c r="GQ1252" s="91"/>
      <c r="GR1252" s="91"/>
      <c r="GS1252" s="91"/>
      <c r="GT1252" s="91"/>
      <c r="GU1252" s="91"/>
      <c r="GV1252" s="91"/>
      <c r="GW1252" s="91"/>
      <c r="GX1252" s="91"/>
      <c r="GY1252" s="91"/>
      <c r="GZ1252" s="91"/>
      <c r="HA1252" s="91"/>
      <c r="HB1252" s="91"/>
      <c r="HC1252" s="91"/>
      <c r="HD1252" s="91"/>
      <c r="HE1252" s="91"/>
      <c r="HF1252" s="91"/>
      <c r="HG1252" s="91"/>
      <c r="HH1252" s="91"/>
      <c r="HI1252" s="91"/>
      <c r="HJ1252" s="91"/>
      <c r="HK1252" s="127"/>
      <c r="HL1252" s="126"/>
      <c r="HM1252" s="91"/>
      <c r="HN1252" s="91"/>
      <c r="HO1252" s="91"/>
      <c r="HP1252" s="91"/>
      <c r="HQ1252" s="91"/>
      <c r="HR1252" s="91"/>
      <c r="HS1252" s="91"/>
      <c r="HT1252" s="91"/>
      <c r="HU1252" s="91"/>
      <c r="HV1252" s="91"/>
      <c r="HW1252" s="91"/>
      <c r="HX1252" s="91"/>
      <c r="HY1252" s="91"/>
      <c r="HZ1252" s="91"/>
      <c r="IA1252" s="91"/>
      <c r="IB1252" s="91"/>
      <c r="IC1252" s="91"/>
      <c r="ID1252" s="91"/>
      <c r="IE1252" s="91"/>
      <c r="IF1252" s="91"/>
      <c r="IG1252" s="91"/>
      <c r="IH1252" s="91"/>
      <c r="II1252" s="91"/>
      <c r="IJ1252" s="91"/>
      <c r="IK1252" s="127"/>
    </row>
    <row r="1253" spans="2:245" x14ac:dyDescent="0.2">
      <c r="B1253" s="43"/>
      <c r="C1253" s="73"/>
      <c r="D1253" s="64"/>
      <c r="E1253" s="64"/>
      <c r="F1253" s="55"/>
      <c r="G1253" s="102"/>
      <c r="H1253" s="55"/>
      <c r="I1253" s="55"/>
      <c r="J1253" s="55"/>
      <c r="K1253" s="55"/>
      <c r="L1253" s="55"/>
      <c r="M1253" s="55"/>
      <c r="N1253" s="55"/>
      <c r="O1253" s="55"/>
      <c r="P1253" s="55"/>
      <c r="Q1253" s="55"/>
      <c r="R1253" s="55"/>
      <c r="S1253" s="55"/>
      <c r="T1253" s="55"/>
      <c r="U1253" s="55"/>
      <c r="V1253" s="55"/>
      <c r="W1253" s="55"/>
      <c r="X1253" s="55"/>
      <c r="Y1253" s="55"/>
      <c r="Z1253" s="55"/>
      <c r="AA1253" s="55"/>
      <c r="AB1253" s="55"/>
      <c r="AC1253" s="55"/>
      <c r="AD1253" s="55"/>
      <c r="AE1253" s="55"/>
      <c r="AF1253" s="55"/>
      <c r="AG1253" s="55"/>
      <c r="AY1253" s="162"/>
      <c r="AZ1253" s="162"/>
      <c r="BA1253" s="162"/>
      <c r="BB1253" s="162"/>
      <c r="BC1253" s="162"/>
      <c r="BD1253" s="162"/>
      <c r="BE1253" s="162"/>
      <c r="BF1253" s="162"/>
      <c r="BG1253" s="162"/>
      <c r="BH1253" s="162"/>
      <c r="BI1253" s="162"/>
      <c r="BJ1253" s="162"/>
      <c r="BK1253" s="162"/>
      <c r="BL1253" s="162"/>
      <c r="BM1253" s="162"/>
      <c r="BN1253" s="162"/>
      <c r="BO1253" s="162"/>
      <c r="BP1253" s="162"/>
      <c r="BQ1253" s="162"/>
      <c r="BR1253" s="162"/>
      <c r="BS1253" s="162"/>
      <c r="BT1253" s="162"/>
      <c r="BU1253" s="162"/>
      <c r="BV1253" s="162"/>
      <c r="BW1253" s="162"/>
      <c r="BX1253" s="162"/>
      <c r="BY1253" s="162"/>
      <c r="BZ1253" s="162"/>
      <c r="CA1253" s="162"/>
      <c r="CB1253" s="162"/>
      <c r="CC1253" s="162"/>
      <c r="CD1253" s="162"/>
      <c r="CE1253" s="162"/>
      <c r="CF1253" s="162"/>
      <c r="CG1253" s="162"/>
      <c r="CH1253" s="162"/>
      <c r="CI1253" s="162"/>
      <c r="CJ1253" s="162"/>
      <c r="CK1253" s="162"/>
      <c r="CX1253" s="98"/>
      <c r="DL1253" s="97"/>
      <c r="DX1253" s="98"/>
      <c r="EL1253" s="97"/>
      <c r="EX1253" s="98"/>
      <c r="EY1253" s="97"/>
      <c r="FL1253" s="126"/>
      <c r="FM1253" s="91"/>
      <c r="FN1253" s="91"/>
      <c r="FO1253" s="91"/>
      <c r="FP1253" s="91"/>
      <c r="FQ1253" s="91"/>
      <c r="FR1253" s="91"/>
      <c r="FS1253" s="91"/>
      <c r="FT1253" s="91"/>
      <c r="FU1253" s="91"/>
      <c r="FV1253" s="91"/>
      <c r="FW1253" s="91"/>
      <c r="FX1253" s="91"/>
      <c r="FY1253" s="91"/>
      <c r="FZ1253" s="91"/>
      <c r="GA1253" s="91"/>
      <c r="GB1253" s="91"/>
      <c r="GC1253" s="91"/>
      <c r="GD1253" s="91"/>
      <c r="GE1253" s="91"/>
      <c r="GF1253" s="91"/>
      <c r="GG1253" s="91"/>
      <c r="GH1253" s="91"/>
      <c r="GI1253" s="91"/>
      <c r="GJ1253" s="91"/>
      <c r="GK1253" s="127"/>
      <c r="GL1253" s="126"/>
      <c r="GM1253" s="91"/>
      <c r="GN1253" s="91"/>
      <c r="GO1253" s="91"/>
      <c r="GP1253" s="91"/>
      <c r="GQ1253" s="91"/>
      <c r="GR1253" s="91"/>
      <c r="GS1253" s="91"/>
      <c r="GT1253" s="91"/>
      <c r="GU1253" s="91"/>
      <c r="GV1253" s="91"/>
      <c r="GW1253" s="91"/>
      <c r="GX1253" s="91"/>
      <c r="GY1253" s="91"/>
      <c r="GZ1253" s="91"/>
      <c r="HA1253" s="91"/>
      <c r="HB1253" s="91"/>
      <c r="HC1253" s="91"/>
      <c r="HD1253" s="91"/>
      <c r="HE1253" s="91"/>
      <c r="HF1253" s="91"/>
      <c r="HG1253" s="91"/>
      <c r="HH1253" s="91"/>
      <c r="HI1253" s="91"/>
      <c r="HJ1253" s="91"/>
      <c r="HK1253" s="127"/>
      <c r="HL1253" s="126"/>
      <c r="HM1253" s="91"/>
      <c r="HN1253" s="91"/>
      <c r="HO1253" s="91"/>
      <c r="HP1253" s="91"/>
      <c r="HQ1253" s="91"/>
      <c r="HR1253" s="91"/>
      <c r="HS1253" s="91"/>
      <c r="HT1253" s="91"/>
      <c r="HU1253" s="91"/>
      <c r="HV1253" s="91"/>
      <c r="HW1253" s="91"/>
      <c r="HX1253" s="91"/>
      <c r="HY1253" s="91"/>
      <c r="HZ1253" s="91"/>
      <c r="IA1253" s="91"/>
      <c r="IB1253" s="91"/>
      <c r="IC1253" s="91"/>
      <c r="ID1253" s="91"/>
      <c r="IE1253" s="91"/>
      <c r="IF1253" s="91"/>
      <c r="IG1253" s="91"/>
      <c r="IH1253" s="91"/>
      <c r="II1253" s="91"/>
      <c r="IJ1253" s="91"/>
      <c r="IK1253" s="127"/>
    </row>
    <row r="1254" spans="2:245" x14ac:dyDescent="0.2">
      <c r="B1254" s="43"/>
      <c r="C1254" s="73"/>
      <c r="D1254" s="64"/>
      <c r="E1254" s="64"/>
      <c r="F1254" s="55"/>
      <c r="G1254" s="102"/>
      <c r="H1254" s="55"/>
      <c r="I1254" s="55"/>
      <c r="J1254" s="55"/>
      <c r="K1254" s="55"/>
      <c r="L1254" s="55"/>
      <c r="M1254" s="55"/>
      <c r="N1254" s="55"/>
      <c r="O1254" s="55"/>
      <c r="P1254" s="55"/>
      <c r="Q1254" s="55"/>
      <c r="R1254" s="55"/>
      <c r="S1254" s="55"/>
      <c r="T1254" s="55"/>
      <c r="U1254" s="55"/>
      <c r="V1254" s="55"/>
      <c r="W1254" s="55"/>
      <c r="X1254" s="55"/>
      <c r="Y1254" s="55"/>
      <c r="Z1254" s="55"/>
      <c r="AA1254" s="55"/>
      <c r="AB1254" s="55"/>
      <c r="AC1254" s="55"/>
      <c r="AD1254" s="55"/>
      <c r="AE1254" s="55"/>
      <c r="AF1254" s="55"/>
      <c r="AG1254" s="55"/>
      <c r="AY1254" s="162"/>
      <c r="AZ1254" s="162"/>
      <c r="BA1254" s="162"/>
      <c r="BB1254" s="162"/>
      <c r="BC1254" s="162"/>
      <c r="BD1254" s="162"/>
      <c r="BE1254" s="162"/>
      <c r="BF1254" s="162"/>
      <c r="BG1254" s="162"/>
      <c r="BH1254" s="162"/>
      <c r="BI1254" s="162"/>
      <c r="BJ1254" s="162"/>
      <c r="BK1254" s="162"/>
      <c r="BL1254" s="162"/>
      <c r="BM1254" s="162"/>
      <c r="BN1254" s="162"/>
      <c r="BO1254" s="162"/>
      <c r="BP1254" s="162"/>
      <c r="BQ1254" s="162"/>
      <c r="BR1254" s="162"/>
      <c r="BS1254" s="162"/>
      <c r="BT1254" s="162"/>
      <c r="BU1254" s="162"/>
      <c r="BV1254" s="162"/>
      <c r="BW1254" s="162"/>
      <c r="BX1254" s="162"/>
      <c r="BY1254" s="162"/>
      <c r="BZ1254" s="162"/>
      <c r="CA1254" s="162"/>
      <c r="CB1254" s="162"/>
      <c r="CC1254" s="162"/>
      <c r="CD1254" s="162"/>
      <c r="CE1254" s="162"/>
      <c r="CF1254" s="162"/>
      <c r="CG1254" s="162"/>
      <c r="CH1254" s="162"/>
      <c r="CI1254" s="162"/>
      <c r="CJ1254" s="162"/>
      <c r="CK1254" s="162"/>
      <c r="CX1254" s="98"/>
      <c r="DL1254" s="97"/>
      <c r="DX1254" s="98"/>
      <c r="EL1254" s="97"/>
      <c r="EX1254" s="98"/>
      <c r="EY1254" s="97"/>
      <c r="FL1254" s="126"/>
      <c r="FM1254" s="91"/>
      <c r="FN1254" s="91"/>
      <c r="FO1254" s="91"/>
      <c r="FP1254" s="91"/>
      <c r="FQ1254" s="91"/>
      <c r="FR1254" s="91"/>
      <c r="FS1254" s="91"/>
      <c r="FT1254" s="91"/>
      <c r="FU1254" s="91"/>
      <c r="FV1254" s="91"/>
      <c r="FW1254" s="91"/>
      <c r="FX1254" s="91"/>
      <c r="FY1254" s="91"/>
      <c r="FZ1254" s="91"/>
      <c r="GA1254" s="91"/>
      <c r="GB1254" s="91"/>
      <c r="GC1254" s="91"/>
      <c r="GD1254" s="91"/>
      <c r="GE1254" s="91"/>
      <c r="GF1254" s="91"/>
      <c r="GG1254" s="91"/>
      <c r="GH1254" s="91"/>
      <c r="GI1254" s="91"/>
      <c r="GJ1254" s="91"/>
      <c r="GK1254" s="127"/>
      <c r="GL1254" s="126"/>
      <c r="GM1254" s="91"/>
      <c r="GN1254" s="91"/>
      <c r="GO1254" s="91"/>
      <c r="GP1254" s="91"/>
      <c r="GQ1254" s="91"/>
      <c r="GR1254" s="91"/>
      <c r="GS1254" s="91"/>
      <c r="GT1254" s="91"/>
      <c r="GU1254" s="91"/>
      <c r="GV1254" s="91"/>
      <c r="GW1254" s="91"/>
      <c r="GX1254" s="91"/>
      <c r="GY1254" s="91"/>
      <c r="GZ1254" s="91"/>
      <c r="HA1254" s="91"/>
      <c r="HB1254" s="91"/>
      <c r="HC1254" s="91"/>
      <c r="HD1254" s="91"/>
      <c r="HE1254" s="91"/>
      <c r="HF1254" s="91"/>
      <c r="HG1254" s="91"/>
      <c r="HH1254" s="91"/>
      <c r="HI1254" s="91"/>
      <c r="HJ1254" s="91"/>
      <c r="HK1254" s="127"/>
      <c r="HL1254" s="126"/>
      <c r="HM1254" s="91"/>
      <c r="HN1254" s="91"/>
      <c r="HO1254" s="91"/>
      <c r="HP1254" s="91"/>
      <c r="HQ1254" s="91"/>
      <c r="HR1254" s="91"/>
      <c r="HS1254" s="91"/>
      <c r="HT1254" s="91"/>
      <c r="HU1254" s="91"/>
      <c r="HV1254" s="91"/>
      <c r="HW1254" s="91"/>
      <c r="HX1254" s="91"/>
      <c r="HY1254" s="91"/>
      <c r="HZ1254" s="91"/>
      <c r="IA1254" s="91"/>
      <c r="IB1254" s="91"/>
      <c r="IC1254" s="91"/>
      <c r="ID1254" s="91"/>
      <c r="IE1254" s="91"/>
      <c r="IF1254" s="91"/>
      <c r="IG1254" s="91"/>
      <c r="IH1254" s="91"/>
      <c r="II1254" s="91"/>
      <c r="IJ1254" s="91"/>
      <c r="IK1254" s="127"/>
    </row>
    <row r="1255" spans="2:245" x14ac:dyDescent="0.2">
      <c r="B1255" s="43"/>
      <c r="C1255" s="73"/>
      <c r="D1255" s="64"/>
      <c r="E1255" s="64"/>
      <c r="F1255" s="55"/>
      <c r="G1255" s="102"/>
      <c r="H1255" s="55"/>
      <c r="I1255" s="55"/>
      <c r="J1255" s="55"/>
      <c r="K1255" s="55"/>
      <c r="L1255" s="55"/>
      <c r="M1255" s="55"/>
      <c r="N1255" s="55"/>
      <c r="O1255" s="55"/>
      <c r="P1255" s="55"/>
      <c r="Q1255" s="55"/>
      <c r="R1255" s="55"/>
      <c r="S1255" s="55"/>
      <c r="T1255" s="55"/>
      <c r="U1255" s="55"/>
      <c r="V1255" s="55"/>
      <c r="W1255" s="55"/>
      <c r="X1255" s="55"/>
      <c r="Y1255" s="55"/>
      <c r="Z1255" s="55"/>
      <c r="AA1255" s="55"/>
      <c r="AB1255" s="55"/>
      <c r="AC1255" s="55"/>
      <c r="AD1255" s="55"/>
      <c r="AE1255" s="55"/>
      <c r="AF1255" s="55"/>
      <c r="AG1255" s="55"/>
      <c r="AY1255" s="162"/>
      <c r="AZ1255" s="162"/>
      <c r="BA1255" s="162"/>
      <c r="BB1255" s="162"/>
      <c r="BC1255" s="162"/>
      <c r="BD1255" s="162"/>
      <c r="BE1255" s="162"/>
      <c r="BF1255" s="162"/>
      <c r="BG1255" s="162"/>
      <c r="BH1255" s="162"/>
      <c r="BI1255" s="162"/>
      <c r="BJ1255" s="162"/>
      <c r="BK1255" s="162"/>
      <c r="BL1255" s="162"/>
      <c r="BM1255" s="162"/>
      <c r="BN1255" s="162"/>
      <c r="BO1255" s="162"/>
      <c r="BP1255" s="162"/>
      <c r="BQ1255" s="162"/>
      <c r="BR1255" s="162"/>
      <c r="BS1255" s="162"/>
      <c r="BT1255" s="162"/>
      <c r="BU1255" s="162"/>
      <c r="BV1255" s="162"/>
      <c r="BW1255" s="162"/>
      <c r="BX1255" s="162"/>
      <c r="BY1255" s="162"/>
      <c r="BZ1255" s="162"/>
      <c r="CA1255" s="162"/>
      <c r="CB1255" s="162"/>
      <c r="CC1255" s="162"/>
      <c r="CD1255" s="162"/>
      <c r="CE1255" s="162"/>
      <c r="CF1255" s="162"/>
      <c r="CG1255" s="162"/>
      <c r="CH1255" s="162"/>
      <c r="CI1255" s="162"/>
      <c r="CJ1255" s="162"/>
      <c r="CK1255" s="162"/>
      <c r="CX1255" s="98"/>
      <c r="DL1255" s="97"/>
      <c r="DX1255" s="98"/>
      <c r="EL1255" s="97"/>
      <c r="EX1255" s="98"/>
      <c r="EY1255" s="97"/>
      <c r="FL1255" s="126"/>
      <c r="FM1255" s="91"/>
      <c r="FN1255" s="91"/>
      <c r="FO1255" s="91"/>
      <c r="FP1255" s="91"/>
      <c r="FQ1255" s="91"/>
      <c r="FR1255" s="91"/>
      <c r="FS1255" s="91"/>
      <c r="FT1255" s="91"/>
      <c r="FU1255" s="91"/>
      <c r="FV1255" s="91"/>
      <c r="FW1255" s="91"/>
      <c r="FX1255" s="91"/>
      <c r="FY1255" s="91"/>
      <c r="FZ1255" s="91"/>
      <c r="GA1255" s="91"/>
      <c r="GB1255" s="91"/>
      <c r="GC1255" s="91"/>
      <c r="GD1255" s="91"/>
      <c r="GE1255" s="91"/>
      <c r="GF1255" s="91"/>
      <c r="GG1255" s="91"/>
      <c r="GH1255" s="91"/>
      <c r="GI1255" s="91"/>
      <c r="GJ1255" s="91"/>
      <c r="GK1255" s="127"/>
      <c r="GL1255" s="126"/>
      <c r="GM1255" s="91"/>
      <c r="GN1255" s="91"/>
      <c r="GO1255" s="91"/>
      <c r="GP1255" s="91"/>
      <c r="GQ1255" s="91"/>
      <c r="GR1255" s="91"/>
      <c r="GS1255" s="91"/>
      <c r="GT1255" s="91"/>
      <c r="GU1255" s="91"/>
      <c r="GV1255" s="91"/>
      <c r="GW1255" s="91"/>
      <c r="GX1255" s="91"/>
      <c r="GY1255" s="91"/>
      <c r="GZ1255" s="91"/>
      <c r="HA1255" s="91"/>
      <c r="HB1255" s="91"/>
      <c r="HC1255" s="91"/>
      <c r="HD1255" s="91"/>
      <c r="HE1255" s="91"/>
      <c r="HF1255" s="91"/>
      <c r="HG1255" s="91"/>
      <c r="HH1255" s="91"/>
      <c r="HI1255" s="91"/>
      <c r="HJ1255" s="91"/>
      <c r="HK1255" s="127"/>
      <c r="HL1255" s="126"/>
      <c r="HM1255" s="91"/>
      <c r="HN1255" s="91"/>
      <c r="HO1255" s="91"/>
      <c r="HP1255" s="91"/>
      <c r="HQ1255" s="91"/>
      <c r="HR1255" s="91"/>
      <c r="HS1255" s="91"/>
      <c r="HT1255" s="91"/>
      <c r="HU1255" s="91"/>
      <c r="HV1255" s="91"/>
      <c r="HW1255" s="91"/>
      <c r="HX1255" s="91"/>
      <c r="HY1255" s="91"/>
      <c r="HZ1255" s="91"/>
      <c r="IA1255" s="91"/>
      <c r="IB1255" s="91"/>
      <c r="IC1255" s="91"/>
      <c r="ID1255" s="91"/>
      <c r="IE1255" s="91"/>
      <c r="IF1255" s="91"/>
      <c r="IG1255" s="91"/>
      <c r="IH1255" s="91"/>
      <c r="II1255" s="91"/>
      <c r="IJ1255" s="91"/>
      <c r="IK1255" s="127"/>
    </row>
    <row r="1256" spans="2:245" x14ac:dyDescent="0.2">
      <c r="B1256" s="43"/>
      <c r="C1256" s="73"/>
      <c r="D1256" s="64"/>
      <c r="E1256" s="64"/>
      <c r="F1256" s="55"/>
      <c r="G1256" s="102"/>
      <c r="H1256" s="55"/>
      <c r="I1256" s="55"/>
      <c r="J1256" s="55"/>
      <c r="K1256" s="55"/>
      <c r="L1256" s="55"/>
      <c r="M1256" s="55"/>
      <c r="N1256" s="55"/>
      <c r="O1256" s="55"/>
      <c r="P1256" s="55"/>
      <c r="Q1256" s="55"/>
      <c r="R1256" s="55"/>
      <c r="S1256" s="55"/>
      <c r="T1256" s="55"/>
      <c r="U1256" s="55"/>
      <c r="V1256" s="55"/>
      <c r="W1256" s="55"/>
      <c r="X1256" s="55"/>
      <c r="Y1256" s="55"/>
      <c r="Z1256" s="55"/>
      <c r="AA1256" s="55"/>
      <c r="AB1256" s="55"/>
      <c r="AC1256" s="55"/>
      <c r="AD1256" s="55"/>
      <c r="AE1256" s="55"/>
      <c r="AF1256" s="55"/>
      <c r="AG1256" s="55"/>
      <c r="AY1256" s="162"/>
      <c r="AZ1256" s="162"/>
      <c r="BA1256" s="162"/>
      <c r="BB1256" s="162"/>
      <c r="BC1256" s="162"/>
      <c r="BD1256" s="162"/>
      <c r="BE1256" s="162"/>
      <c r="BF1256" s="162"/>
      <c r="BG1256" s="162"/>
      <c r="BH1256" s="162"/>
      <c r="BI1256" s="162"/>
      <c r="BJ1256" s="162"/>
      <c r="BK1256" s="162"/>
      <c r="BL1256" s="162"/>
      <c r="BM1256" s="162"/>
      <c r="BN1256" s="162"/>
      <c r="BO1256" s="162"/>
      <c r="BP1256" s="162"/>
      <c r="BQ1256" s="162"/>
      <c r="BR1256" s="162"/>
      <c r="BS1256" s="162"/>
      <c r="BT1256" s="162"/>
      <c r="BU1256" s="162"/>
      <c r="BV1256" s="162"/>
      <c r="BW1256" s="162"/>
      <c r="BX1256" s="162"/>
      <c r="BY1256" s="162"/>
      <c r="BZ1256" s="162"/>
      <c r="CA1256" s="162"/>
      <c r="CB1256" s="162"/>
      <c r="CC1256" s="162"/>
      <c r="CD1256" s="162"/>
      <c r="CE1256" s="162"/>
      <c r="CF1256" s="162"/>
      <c r="CG1256" s="162"/>
      <c r="CH1256" s="162"/>
      <c r="CI1256" s="162"/>
      <c r="CJ1256" s="162"/>
      <c r="CK1256" s="162"/>
      <c r="CX1256" s="98"/>
      <c r="DL1256" s="97"/>
      <c r="DX1256" s="98"/>
      <c r="EL1256" s="97"/>
      <c r="EX1256" s="98"/>
      <c r="EY1256" s="97"/>
      <c r="FL1256" s="126"/>
      <c r="FM1256" s="91"/>
      <c r="FN1256" s="91"/>
      <c r="FO1256" s="91"/>
      <c r="FP1256" s="91"/>
      <c r="FQ1256" s="91"/>
      <c r="FR1256" s="91"/>
      <c r="FS1256" s="91"/>
      <c r="FT1256" s="91"/>
      <c r="FU1256" s="91"/>
      <c r="FV1256" s="91"/>
      <c r="FW1256" s="91"/>
      <c r="FX1256" s="91"/>
      <c r="FY1256" s="91"/>
      <c r="FZ1256" s="91"/>
      <c r="GA1256" s="91"/>
      <c r="GB1256" s="91"/>
      <c r="GC1256" s="91"/>
      <c r="GD1256" s="91"/>
      <c r="GE1256" s="91"/>
      <c r="GF1256" s="91"/>
      <c r="GG1256" s="91"/>
      <c r="GH1256" s="91"/>
      <c r="GI1256" s="91"/>
      <c r="GJ1256" s="91"/>
      <c r="GK1256" s="127"/>
      <c r="GL1256" s="126"/>
      <c r="GM1256" s="91"/>
      <c r="GN1256" s="91"/>
      <c r="GO1256" s="91"/>
      <c r="GP1256" s="91"/>
      <c r="GQ1256" s="91"/>
      <c r="GR1256" s="91"/>
      <c r="GS1256" s="91"/>
      <c r="GT1256" s="91"/>
      <c r="GU1256" s="91"/>
      <c r="GV1256" s="91"/>
      <c r="GW1256" s="91"/>
      <c r="GX1256" s="91"/>
      <c r="GY1256" s="91"/>
      <c r="GZ1256" s="91"/>
      <c r="HA1256" s="91"/>
      <c r="HB1256" s="91"/>
      <c r="HC1256" s="91"/>
      <c r="HD1256" s="91"/>
      <c r="HE1256" s="91"/>
      <c r="HF1256" s="91"/>
      <c r="HG1256" s="91"/>
      <c r="HH1256" s="91"/>
      <c r="HI1256" s="91"/>
      <c r="HJ1256" s="91"/>
      <c r="HK1256" s="127"/>
      <c r="HL1256" s="126"/>
      <c r="HM1256" s="91"/>
      <c r="HN1256" s="91"/>
      <c r="HO1256" s="91"/>
      <c r="HP1256" s="91"/>
      <c r="HQ1256" s="91"/>
      <c r="HR1256" s="91"/>
      <c r="HS1256" s="91"/>
      <c r="HT1256" s="91"/>
      <c r="HU1256" s="91"/>
      <c r="HV1256" s="91"/>
      <c r="HW1256" s="91"/>
      <c r="HX1256" s="91"/>
      <c r="HY1256" s="91"/>
      <c r="HZ1256" s="91"/>
      <c r="IA1256" s="91"/>
      <c r="IB1256" s="91"/>
      <c r="IC1256" s="91"/>
      <c r="ID1256" s="91"/>
      <c r="IE1256" s="91"/>
      <c r="IF1256" s="91"/>
      <c r="IG1256" s="91"/>
      <c r="IH1256" s="91"/>
      <c r="II1256" s="91"/>
      <c r="IJ1256" s="91"/>
      <c r="IK1256" s="127"/>
    </row>
    <row r="1257" spans="2:245" x14ac:dyDescent="0.2">
      <c r="B1257" s="43"/>
      <c r="C1257" s="73"/>
      <c r="D1257" s="64"/>
      <c r="E1257" s="64"/>
      <c r="F1257" s="55"/>
      <c r="G1257" s="102"/>
      <c r="H1257" s="55"/>
      <c r="I1257" s="55"/>
      <c r="J1257" s="55"/>
      <c r="K1257" s="55"/>
      <c r="L1257" s="55"/>
      <c r="M1257" s="55"/>
      <c r="N1257" s="55"/>
      <c r="O1257" s="55"/>
      <c r="P1257" s="55"/>
      <c r="Q1257" s="55"/>
      <c r="R1257" s="55"/>
      <c r="S1257" s="55"/>
      <c r="T1257" s="55"/>
      <c r="U1257" s="55"/>
      <c r="V1257" s="55"/>
      <c r="W1257" s="55"/>
      <c r="X1257" s="55"/>
      <c r="Y1257" s="55"/>
      <c r="Z1257" s="55"/>
      <c r="AA1257" s="55"/>
      <c r="AB1257" s="55"/>
      <c r="AC1257" s="55"/>
      <c r="AD1257" s="55"/>
      <c r="AE1257" s="55"/>
      <c r="AF1257" s="55"/>
      <c r="AG1257" s="55"/>
      <c r="AY1257" s="162"/>
      <c r="AZ1257" s="162"/>
      <c r="BA1257" s="162"/>
      <c r="BB1257" s="162"/>
      <c r="BC1257" s="162"/>
      <c r="BD1257" s="162"/>
      <c r="BE1257" s="162"/>
      <c r="BF1257" s="162"/>
      <c r="BG1257" s="162"/>
      <c r="BH1257" s="162"/>
      <c r="BI1257" s="162"/>
      <c r="BJ1257" s="162"/>
      <c r="BK1257" s="162"/>
      <c r="BL1257" s="162"/>
      <c r="BM1257" s="162"/>
      <c r="BN1257" s="162"/>
      <c r="BO1257" s="162"/>
      <c r="BP1257" s="162"/>
      <c r="BQ1257" s="162"/>
      <c r="BR1257" s="162"/>
      <c r="BS1257" s="162"/>
      <c r="BT1257" s="162"/>
      <c r="BU1257" s="162"/>
      <c r="BV1257" s="162"/>
      <c r="BW1257" s="162"/>
      <c r="BX1257" s="162"/>
      <c r="BY1257" s="162"/>
      <c r="BZ1257" s="162"/>
      <c r="CA1257" s="162"/>
      <c r="CB1257" s="162"/>
      <c r="CC1257" s="162"/>
      <c r="CD1257" s="162"/>
      <c r="CE1257" s="162"/>
      <c r="CF1257" s="162"/>
      <c r="CG1257" s="162"/>
      <c r="CH1257" s="162"/>
      <c r="CI1257" s="162"/>
      <c r="CJ1257" s="162"/>
      <c r="CK1257" s="162"/>
      <c r="CX1257" s="98"/>
      <c r="DL1257" s="97"/>
      <c r="DX1257" s="98"/>
      <c r="EL1257" s="97"/>
      <c r="EX1257" s="98"/>
      <c r="EY1257" s="97"/>
      <c r="FL1257" s="126"/>
      <c r="FM1257" s="91"/>
      <c r="FN1257" s="91"/>
      <c r="FO1257" s="91"/>
      <c r="FP1257" s="91"/>
      <c r="FQ1257" s="91"/>
      <c r="FR1257" s="91"/>
      <c r="FS1257" s="91"/>
      <c r="FT1257" s="91"/>
      <c r="FU1257" s="91"/>
      <c r="FV1257" s="91"/>
      <c r="FW1257" s="91"/>
      <c r="FX1257" s="91"/>
      <c r="FY1257" s="91"/>
      <c r="FZ1257" s="91"/>
      <c r="GA1257" s="91"/>
      <c r="GB1257" s="91"/>
      <c r="GC1257" s="91"/>
      <c r="GD1257" s="91"/>
      <c r="GE1257" s="91"/>
      <c r="GF1257" s="91"/>
      <c r="GG1257" s="91"/>
      <c r="GH1257" s="91"/>
      <c r="GI1257" s="91"/>
      <c r="GJ1257" s="91"/>
      <c r="GK1257" s="127"/>
      <c r="GL1257" s="126"/>
      <c r="GM1257" s="91"/>
      <c r="GN1257" s="91"/>
      <c r="GO1257" s="91"/>
      <c r="GP1257" s="91"/>
      <c r="GQ1257" s="91"/>
      <c r="GR1257" s="91"/>
      <c r="GS1257" s="91"/>
      <c r="GT1257" s="91"/>
      <c r="GU1257" s="91"/>
      <c r="GV1257" s="91"/>
      <c r="GW1257" s="91"/>
      <c r="GX1257" s="91"/>
      <c r="GY1257" s="91"/>
      <c r="GZ1257" s="91"/>
      <c r="HA1257" s="91"/>
      <c r="HB1257" s="91"/>
      <c r="HC1257" s="91"/>
      <c r="HD1257" s="91"/>
      <c r="HE1257" s="91"/>
      <c r="HF1257" s="91"/>
      <c r="HG1257" s="91"/>
      <c r="HH1257" s="91"/>
      <c r="HI1257" s="91"/>
      <c r="HJ1257" s="91"/>
      <c r="HK1257" s="127"/>
      <c r="HL1257" s="126"/>
      <c r="HM1257" s="91"/>
      <c r="HN1257" s="91"/>
      <c r="HO1257" s="91"/>
      <c r="HP1257" s="91"/>
      <c r="HQ1257" s="91"/>
      <c r="HR1257" s="91"/>
      <c r="HS1257" s="91"/>
      <c r="HT1257" s="91"/>
      <c r="HU1257" s="91"/>
      <c r="HV1257" s="91"/>
      <c r="HW1257" s="91"/>
      <c r="HX1257" s="91"/>
      <c r="HY1257" s="91"/>
      <c r="HZ1257" s="91"/>
      <c r="IA1257" s="91"/>
      <c r="IB1257" s="91"/>
      <c r="IC1257" s="91"/>
      <c r="ID1257" s="91"/>
      <c r="IE1257" s="91"/>
      <c r="IF1257" s="91"/>
      <c r="IG1257" s="91"/>
      <c r="IH1257" s="91"/>
      <c r="II1257" s="91"/>
      <c r="IJ1257" s="91"/>
      <c r="IK1257" s="127"/>
    </row>
    <row r="1258" spans="2:245" x14ac:dyDescent="0.2">
      <c r="B1258" s="43"/>
      <c r="C1258" s="73"/>
      <c r="D1258" s="64"/>
      <c r="E1258" s="64"/>
      <c r="F1258" s="55"/>
      <c r="G1258" s="102"/>
      <c r="H1258" s="55"/>
      <c r="I1258" s="55"/>
      <c r="J1258" s="55"/>
      <c r="K1258" s="55"/>
      <c r="L1258" s="55"/>
      <c r="M1258" s="55"/>
      <c r="N1258" s="55"/>
      <c r="O1258" s="55"/>
      <c r="P1258" s="55"/>
      <c r="Q1258" s="55"/>
      <c r="R1258" s="55"/>
      <c r="S1258" s="55"/>
      <c r="T1258" s="55"/>
      <c r="U1258" s="55"/>
      <c r="V1258" s="55"/>
      <c r="W1258" s="55"/>
      <c r="X1258" s="55"/>
      <c r="Y1258" s="55"/>
      <c r="Z1258" s="55"/>
      <c r="AA1258" s="55"/>
      <c r="AB1258" s="55"/>
      <c r="AC1258" s="55"/>
      <c r="AD1258" s="55"/>
      <c r="AE1258" s="55"/>
      <c r="AF1258" s="55"/>
      <c r="AG1258" s="55"/>
      <c r="AY1258" s="162"/>
      <c r="AZ1258" s="162"/>
      <c r="BA1258" s="162"/>
      <c r="BB1258" s="162"/>
      <c r="BC1258" s="162"/>
      <c r="BD1258" s="162"/>
      <c r="BE1258" s="162"/>
      <c r="BF1258" s="162"/>
      <c r="BG1258" s="162"/>
      <c r="BH1258" s="162"/>
      <c r="BI1258" s="162"/>
      <c r="BJ1258" s="162"/>
      <c r="BK1258" s="162"/>
      <c r="BL1258" s="162"/>
      <c r="BM1258" s="162"/>
      <c r="BN1258" s="162"/>
      <c r="BO1258" s="162"/>
      <c r="BP1258" s="162"/>
      <c r="BQ1258" s="162"/>
      <c r="BR1258" s="162"/>
      <c r="BS1258" s="162"/>
      <c r="BT1258" s="162"/>
      <c r="BU1258" s="162"/>
      <c r="BV1258" s="162"/>
      <c r="BW1258" s="162"/>
      <c r="BX1258" s="162"/>
      <c r="BY1258" s="162"/>
      <c r="BZ1258" s="162"/>
      <c r="CA1258" s="162"/>
      <c r="CB1258" s="162"/>
      <c r="CC1258" s="162"/>
      <c r="CD1258" s="162"/>
      <c r="CE1258" s="162"/>
      <c r="CF1258" s="162"/>
      <c r="CG1258" s="162"/>
      <c r="CH1258" s="162"/>
      <c r="CI1258" s="162"/>
      <c r="CJ1258" s="162"/>
      <c r="CK1258" s="162"/>
      <c r="CX1258" s="98"/>
      <c r="DL1258" s="97"/>
      <c r="DX1258" s="98"/>
      <c r="EL1258" s="97"/>
      <c r="EX1258" s="98"/>
      <c r="EY1258" s="97"/>
      <c r="FL1258" s="126"/>
      <c r="FM1258" s="91"/>
      <c r="FN1258" s="91"/>
      <c r="FO1258" s="91"/>
      <c r="FP1258" s="91"/>
      <c r="FQ1258" s="91"/>
      <c r="FR1258" s="91"/>
      <c r="FS1258" s="91"/>
      <c r="FT1258" s="91"/>
      <c r="FU1258" s="91"/>
      <c r="FV1258" s="91"/>
      <c r="FW1258" s="91"/>
      <c r="FX1258" s="91"/>
      <c r="FY1258" s="91"/>
      <c r="FZ1258" s="91"/>
      <c r="GA1258" s="91"/>
      <c r="GB1258" s="91"/>
      <c r="GC1258" s="91"/>
      <c r="GD1258" s="91"/>
      <c r="GE1258" s="91"/>
      <c r="GF1258" s="91"/>
      <c r="GG1258" s="91"/>
      <c r="GH1258" s="91"/>
      <c r="GI1258" s="91"/>
      <c r="GJ1258" s="91"/>
      <c r="GK1258" s="127"/>
      <c r="GL1258" s="126"/>
      <c r="GM1258" s="91"/>
      <c r="GN1258" s="91"/>
      <c r="GO1258" s="91"/>
      <c r="GP1258" s="91"/>
      <c r="GQ1258" s="91"/>
      <c r="GR1258" s="91"/>
      <c r="GS1258" s="91"/>
      <c r="GT1258" s="91"/>
      <c r="GU1258" s="91"/>
      <c r="GV1258" s="91"/>
      <c r="GW1258" s="91"/>
      <c r="GX1258" s="91"/>
      <c r="GY1258" s="91"/>
      <c r="GZ1258" s="91"/>
      <c r="HA1258" s="91"/>
      <c r="HB1258" s="91"/>
      <c r="HC1258" s="91"/>
      <c r="HD1258" s="91"/>
      <c r="HE1258" s="91"/>
      <c r="HF1258" s="91"/>
      <c r="HG1258" s="91"/>
      <c r="HH1258" s="91"/>
      <c r="HI1258" s="91"/>
      <c r="HJ1258" s="91"/>
      <c r="HK1258" s="127"/>
      <c r="HL1258" s="126"/>
      <c r="HM1258" s="91"/>
      <c r="HN1258" s="91"/>
      <c r="HO1258" s="91"/>
      <c r="HP1258" s="91"/>
      <c r="HQ1258" s="91"/>
      <c r="HR1258" s="91"/>
      <c r="HS1258" s="91"/>
      <c r="HT1258" s="91"/>
      <c r="HU1258" s="91"/>
      <c r="HV1258" s="91"/>
      <c r="HW1258" s="91"/>
      <c r="HX1258" s="91"/>
      <c r="HY1258" s="91"/>
      <c r="HZ1258" s="91"/>
      <c r="IA1258" s="91"/>
      <c r="IB1258" s="91"/>
      <c r="IC1258" s="91"/>
      <c r="ID1258" s="91"/>
      <c r="IE1258" s="91"/>
      <c r="IF1258" s="91"/>
      <c r="IG1258" s="91"/>
      <c r="IH1258" s="91"/>
      <c r="II1258" s="91"/>
      <c r="IJ1258" s="91"/>
      <c r="IK1258" s="127"/>
    </row>
    <row r="1259" spans="2:245" x14ac:dyDescent="0.2">
      <c r="B1259" s="43"/>
      <c r="C1259" s="73"/>
      <c r="D1259" s="64"/>
      <c r="E1259" s="64"/>
      <c r="F1259" s="55"/>
      <c r="G1259" s="102"/>
      <c r="H1259" s="55"/>
      <c r="I1259" s="55"/>
      <c r="J1259" s="55"/>
      <c r="K1259" s="55"/>
      <c r="L1259" s="55"/>
      <c r="M1259" s="55"/>
      <c r="N1259" s="55"/>
      <c r="O1259" s="55"/>
      <c r="P1259" s="55"/>
      <c r="Q1259" s="55"/>
      <c r="R1259" s="55"/>
      <c r="S1259" s="55"/>
      <c r="T1259" s="55"/>
      <c r="U1259" s="55"/>
      <c r="V1259" s="55"/>
      <c r="W1259" s="55"/>
      <c r="X1259" s="55"/>
      <c r="Y1259" s="55"/>
      <c r="Z1259" s="55"/>
      <c r="AA1259" s="55"/>
      <c r="AB1259" s="55"/>
      <c r="AC1259" s="55"/>
      <c r="AD1259" s="55"/>
      <c r="AE1259" s="55"/>
      <c r="AF1259" s="55"/>
      <c r="AG1259" s="55"/>
      <c r="AY1259" s="162"/>
      <c r="AZ1259" s="162"/>
      <c r="BA1259" s="162"/>
      <c r="BB1259" s="162"/>
      <c r="BC1259" s="162"/>
      <c r="BD1259" s="162"/>
      <c r="BE1259" s="162"/>
      <c r="BF1259" s="162"/>
      <c r="BG1259" s="162"/>
      <c r="BH1259" s="162"/>
      <c r="BI1259" s="162"/>
      <c r="BJ1259" s="162"/>
      <c r="BK1259" s="162"/>
      <c r="BL1259" s="162"/>
      <c r="BM1259" s="162"/>
      <c r="BN1259" s="162"/>
      <c r="BO1259" s="162"/>
      <c r="BP1259" s="162"/>
      <c r="BQ1259" s="162"/>
      <c r="BR1259" s="162"/>
      <c r="BS1259" s="162"/>
      <c r="BT1259" s="162"/>
      <c r="BU1259" s="162"/>
      <c r="BV1259" s="162"/>
      <c r="BW1259" s="162"/>
      <c r="BX1259" s="162"/>
      <c r="BY1259" s="162"/>
      <c r="BZ1259" s="162"/>
      <c r="CA1259" s="162"/>
      <c r="CB1259" s="162"/>
      <c r="CC1259" s="162"/>
      <c r="CD1259" s="162"/>
      <c r="CE1259" s="162"/>
      <c r="CF1259" s="162"/>
      <c r="CG1259" s="162"/>
      <c r="CH1259" s="162"/>
      <c r="CI1259" s="162"/>
      <c r="CJ1259" s="162"/>
      <c r="CK1259" s="162"/>
      <c r="CX1259" s="98"/>
      <c r="DL1259" s="97"/>
      <c r="DX1259" s="98"/>
      <c r="EL1259" s="97"/>
      <c r="EX1259" s="98"/>
      <c r="EY1259" s="97"/>
      <c r="FL1259" s="126"/>
      <c r="FM1259" s="91"/>
      <c r="FN1259" s="91"/>
      <c r="FO1259" s="91"/>
      <c r="FP1259" s="91"/>
      <c r="FQ1259" s="91"/>
      <c r="FR1259" s="91"/>
      <c r="FS1259" s="91"/>
      <c r="FT1259" s="91"/>
      <c r="FU1259" s="91"/>
      <c r="FV1259" s="91"/>
      <c r="FW1259" s="91"/>
      <c r="FX1259" s="91"/>
      <c r="FY1259" s="91"/>
      <c r="FZ1259" s="91"/>
      <c r="GA1259" s="91"/>
      <c r="GB1259" s="91"/>
      <c r="GC1259" s="91"/>
      <c r="GD1259" s="91"/>
      <c r="GE1259" s="91"/>
      <c r="GF1259" s="91"/>
      <c r="GG1259" s="91"/>
      <c r="GH1259" s="91"/>
      <c r="GI1259" s="91"/>
      <c r="GJ1259" s="91"/>
      <c r="GK1259" s="127"/>
      <c r="GL1259" s="126"/>
      <c r="GM1259" s="91"/>
      <c r="GN1259" s="91"/>
      <c r="GO1259" s="91"/>
      <c r="GP1259" s="91"/>
      <c r="GQ1259" s="91"/>
      <c r="GR1259" s="91"/>
      <c r="GS1259" s="91"/>
      <c r="GT1259" s="91"/>
      <c r="GU1259" s="91"/>
      <c r="GV1259" s="91"/>
      <c r="GW1259" s="91"/>
      <c r="GX1259" s="91"/>
      <c r="GY1259" s="91"/>
      <c r="GZ1259" s="91"/>
      <c r="HA1259" s="91"/>
      <c r="HB1259" s="91"/>
      <c r="HC1259" s="91"/>
      <c r="HD1259" s="91"/>
      <c r="HE1259" s="91"/>
      <c r="HF1259" s="91"/>
      <c r="HG1259" s="91"/>
      <c r="HH1259" s="91"/>
      <c r="HI1259" s="91"/>
      <c r="HJ1259" s="91"/>
      <c r="HK1259" s="127"/>
      <c r="HL1259" s="126"/>
      <c r="HM1259" s="91"/>
      <c r="HN1259" s="91"/>
      <c r="HO1259" s="91"/>
      <c r="HP1259" s="91"/>
      <c r="HQ1259" s="91"/>
      <c r="HR1259" s="91"/>
      <c r="HS1259" s="91"/>
      <c r="HT1259" s="91"/>
      <c r="HU1259" s="91"/>
      <c r="HV1259" s="91"/>
      <c r="HW1259" s="91"/>
      <c r="HX1259" s="91"/>
      <c r="HY1259" s="91"/>
      <c r="HZ1259" s="91"/>
      <c r="IA1259" s="91"/>
      <c r="IB1259" s="91"/>
      <c r="IC1259" s="91"/>
      <c r="ID1259" s="91"/>
      <c r="IE1259" s="91"/>
      <c r="IF1259" s="91"/>
      <c r="IG1259" s="91"/>
      <c r="IH1259" s="91"/>
      <c r="II1259" s="91"/>
      <c r="IJ1259" s="91"/>
      <c r="IK1259" s="127"/>
    </row>
    <row r="1260" spans="2:245" x14ac:dyDescent="0.2">
      <c r="B1260" s="43"/>
      <c r="C1260" s="73"/>
      <c r="D1260" s="64"/>
      <c r="E1260" s="64"/>
      <c r="F1260" s="55"/>
      <c r="G1260" s="102"/>
      <c r="H1260" s="55"/>
      <c r="I1260" s="55"/>
      <c r="J1260" s="55"/>
      <c r="K1260" s="55"/>
      <c r="L1260" s="55"/>
      <c r="M1260" s="55"/>
      <c r="N1260" s="55"/>
      <c r="O1260" s="55"/>
      <c r="P1260" s="55"/>
      <c r="Q1260" s="55"/>
      <c r="R1260" s="55"/>
      <c r="S1260" s="55"/>
      <c r="T1260" s="55"/>
      <c r="U1260" s="55"/>
      <c r="V1260" s="55"/>
      <c r="W1260" s="55"/>
      <c r="X1260" s="55"/>
      <c r="Y1260" s="55"/>
      <c r="Z1260" s="55"/>
      <c r="AA1260" s="55"/>
      <c r="AB1260" s="55"/>
      <c r="AC1260" s="55"/>
      <c r="AD1260" s="55"/>
      <c r="AE1260" s="55"/>
      <c r="AF1260" s="55"/>
      <c r="AG1260" s="55"/>
      <c r="AY1260" s="162"/>
      <c r="AZ1260" s="162"/>
      <c r="BA1260" s="162"/>
      <c r="BB1260" s="162"/>
      <c r="BC1260" s="162"/>
      <c r="BD1260" s="162"/>
      <c r="BE1260" s="162"/>
      <c r="BF1260" s="162"/>
      <c r="BG1260" s="162"/>
      <c r="BH1260" s="162"/>
      <c r="BI1260" s="162"/>
      <c r="BJ1260" s="162"/>
      <c r="BK1260" s="162"/>
      <c r="BL1260" s="162"/>
      <c r="BM1260" s="162"/>
      <c r="BN1260" s="162"/>
      <c r="BO1260" s="162"/>
      <c r="BP1260" s="162"/>
      <c r="BQ1260" s="162"/>
      <c r="BR1260" s="162"/>
      <c r="BS1260" s="162"/>
      <c r="BT1260" s="162"/>
      <c r="BU1260" s="162"/>
      <c r="BV1260" s="162"/>
      <c r="BW1260" s="162"/>
      <c r="BX1260" s="162"/>
      <c r="BY1260" s="162"/>
      <c r="BZ1260" s="162"/>
      <c r="CA1260" s="162"/>
      <c r="CB1260" s="162"/>
      <c r="CC1260" s="162"/>
      <c r="CD1260" s="162"/>
      <c r="CE1260" s="162"/>
      <c r="CF1260" s="162"/>
      <c r="CG1260" s="162"/>
      <c r="CH1260" s="162"/>
      <c r="CI1260" s="162"/>
      <c r="CJ1260" s="162"/>
      <c r="CK1260" s="162"/>
      <c r="CX1260" s="98"/>
      <c r="DL1260" s="97"/>
      <c r="DX1260" s="98"/>
      <c r="EL1260" s="97"/>
      <c r="EX1260" s="98"/>
      <c r="EY1260" s="97"/>
      <c r="FL1260" s="126"/>
      <c r="FM1260" s="91"/>
      <c r="FN1260" s="91"/>
      <c r="FO1260" s="91"/>
      <c r="FP1260" s="91"/>
      <c r="FQ1260" s="91"/>
      <c r="FR1260" s="91"/>
      <c r="FS1260" s="91"/>
      <c r="FT1260" s="91"/>
      <c r="FU1260" s="91"/>
      <c r="FV1260" s="91"/>
      <c r="FW1260" s="91"/>
      <c r="FX1260" s="91"/>
      <c r="FY1260" s="91"/>
      <c r="FZ1260" s="91"/>
      <c r="GA1260" s="91"/>
      <c r="GB1260" s="91"/>
      <c r="GC1260" s="91"/>
      <c r="GD1260" s="91"/>
      <c r="GE1260" s="91"/>
      <c r="GF1260" s="91"/>
      <c r="GG1260" s="91"/>
      <c r="GH1260" s="91"/>
      <c r="GI1260" s="91"/>
      <c r="GJ1260" s="91"/>
      <c r="GK1260" s="127"/>
      <c r="GL1260" s="126"/>
      <c r="GM1260" s="91"/>
      <c r="GN1260" s="91"/>
      <c r="GO1260" s="91"/>
      <c r="GP1260" s="91"/>
      <c r="GQ1260" s="91"/>
      <c r="GR1260" s="91"/>
      <c r="GS1260" s="91"/>
      <c r="GT1260" s="91"/>
      <c r="GU1260" s="91"/>
      <c r="GV1260" s="91"/>
      <c r="GW1260" s="91"/>
      <c r="GX1260" s="91"/>
      <c r="GY1260" s="91"/>
      <c r="GZ1260" s="91"/>
      <c r="HA1260" s="91"/>
      <c r="HB1260" s="91"/>
      <c r="HC1260" s="91"/>
      <c r="HD1260" s="91"/>
      <c r="HE1260" s="91"/>
      <c r="HF1260" s="91"/>
      <c r="HG1260" s="91"/>
      <c r="HH1260" s="91"/>
      <c r="HI1260" s="91"/>
      <c r="HJ1260" s="91"/>
      <c r="HK1260" s="127"/>
      <c r="HL1260" s="126"/>
      <c r="HM1260" s="91"/>
      <c r="HN1260" s="91"/>
      <c r="HO1260" s="91"/>
      <c r="HP1260" s="91"/>
      <c r="HQ1260" s="91"/>
      <c r="HR1260" s="91"/>
      <c r="HS1260" s="91"/>
      <c r="HT1260" s="91"/>
      <c r="HU1260" s="91"/>
      <c r="HV1260" s="91"/>
      <c r="HW1260" s="91"/>
      <c r="HX1260" s="91"/>
      <c r="HY1260" s="91"/>
      <c r="HZ1260" s="91"/>
      <c r="IA1260" s="91"/>
      <c r="IB1260" s="91"/>
      <c r="IC1260" s="91"/>
      <c r="ID1260" s="91"/>
      <c r="IE1260" s="91"/>
      <c r="IF1260" s="91"/>
      <c r="IG1260" s="91"/>
      <c r="IH1260" s="91"/>
      <c r="II1260" s="91"/>
      <c r="IJ1260" s="91"/>
      <c r="IK1260" s="127"/>
    </row>
    <row r="1261" spans="2:245" x14ac:dyDescent="0.2">
      <c r="B1261" s="43"/>
      <c r="C1261" s="73"/>
      <c r="D1261" s="64"/>
      <c r="E1261" s="64"/>
      <c r="F1261" s="55"/>
      <c r="G1261" s="102"/>
      <c r="H1261" s="55"/>
      <c r="I1261" s="55"/>
      <c r="J1261" s="55"/>
      <c r="K1261" s="55"/>
      <c r="L1261" s="55"/>
      <c r="M1261" s="55"/>
      <c r="N1261" s="55"/>
      <c r="O1261" s="55"/>
      <c r="P1261" s="55"/>
      <c r="Q1261" s="55"/>
      <c r="R1261" s="55"/>
      <c r="S1261" s="55"/>
      <c r="T1261" s="55"/>
      <c r="U1261" s="55"/>
      <c r="V1261" s="55"/>
      <c r="W1261" s="55"/>
      <c r="X1261" s="55"/>
      <c r="Y1261" s="55"/>
      <c r="Z1261" s="55"/>
      <c r="AA1261" s="55"/>
      <c r="AB1261" s="55"/>
      <c r="AC1261" s="55"/>
      <c r="AD1261" s="55"/>
      <c r="AE1261" s="55"/>
      <c r="AF1261" s="55"/>
      <c r="AG1261" s="55"/>
      <c r="AY1261" s="162"/>
      <c r="AZ1261" s="162"/>
      <c r="BA1261" s="162"/>
      <c r="BB1261" s="162"/>
      <c r="BC1261" s="162"/>
      <c r="BD1261" s="162"/>
      <c r="BE1261" s="162"/>
      <c r="BF1261" s="162"/>
      <c r="BG1261" s="162"/>
      <c r="BH1261" s="162"/>
      <c r="BI1261" s="162"/>
      <c r="BJ1261" s="162"/>
      <c r="BK1261" s="162"/>
      <c r="BL1261" s="162"/>
      <c r="BM1261" s="162"/>
      <c r="BN1261" s="162"/>
      <c r="BO1261" s="162"/>
      <c r="BP1261" s="162"/>
      <c r="BQ1261" s="162"/>
      <c r="BR1261" s="162"/>
      <c r="BS1261" s="162"/>
      <c r="BT1261" s="162"/>
      <c r="BU1261" s="162"/>
      <c r="BV1261" s="162"/>
      <c r="BW1261" s="162"/>
      <c r="BX1261" s="162"/>
      <c r="BY1261" s="162"/>
      <c r="BZ1261" s="162"/>
      <c r="CA1261" s="162"/>
      <c r="CB1261" s="162"/>
      <c r="CC1261" s="162"/>
      <c r="CD1261" s="162"/>
      <c r="CE1261" s="162"/>
      <c r="CF1261" s="162"/>
      <c r="CG1261" s="162"/>
      <c r="CH1261" s="162"/>
      <c r="CI1261" s="162"/>
      <c r="CJ1261" s="162"/>
      <c r="CK1261" s="162"/>
      <c r="CX1261" s="98"/>
      <c r="DL1261" s="97"/>
      <c r="DX1261" s="98"/>
      <c r="EL1261" s="97"/>
      <c r="EX1261" s="98"/>
      <c r="EY1261" s="97"/>
      <c r="FL1261" s="126"/>
      <c r="FM1261" s="91"/>
      <c r="FN1261" s="91"/>
      <c r="FO1261" s="91"/>
      <c r="FP1261" s="91"/>
      <c r="FQ1261" s="91"/>
      <c r="FR1261" s="91"/>
      <c r="FS1261" s="91"/>
      <c r="FT1261" s="91"/>
      <c r="FU1261" s="91"/>
      <c r="FV1261" s="91"/>
      <c r="FW1261" s="91"/>
      <c r="FX1261" s="91"/>
      <c r="FY1261" s="91"/>
      <c r="FZ1261" s="91"/>
      <c r="GA1261" s="91"/>
      <c r="GB1261" s="91"/>
      <c r="GC1261" s="91"/>
      <c r="GD1261" s="91"/>
      <c r="GE1261" s="91"/>
      <c r="GF1261" s="91"/>
      <c r="GG1261" s="91"/>
      <c r="GH1261" s="91"/>
      <c r="GI1261" s="91"/>
      <c r="GJ1261" s="91"/>
      <c r="GK1261" s="127"/>
      <c r="GL1261" s="126"/>
      <c r="GM1261" s="91"/>
      <c r="GN1261" s="91"/>
      <c r="GO1261" s="91"/>
      <c r="GP1261" s="91"/>
      <c r="GQ1261" s="91"/>
      <c r="GR1261" s="91"/>
      <c r="GS1261" s="91"/>
      <c r="GT1261" s="91"/>
      <c r="GU1261" s="91"/>
      <c r="GV1261" s="91"/>
      <c r="GW1261" s="91"/>
      <c r="GX1261" s="91"/>
      <c r="GY1261" s="91"/>
      <c r="GZ1261" s="91"/>
      <c r="HA1261" s="91"/>
      <c r="HB1261" s="91"/>
      <c r="HC1261" s="91"/>
      <c r="HD1261" s="91"/>
      <c r="HE1261" s="91"/>
      <c r="HF1261" s="91"/>
      <c r="HG1261" s="91"/>
      <c r="HH1261" s="91"/>
      <c r="HI1261" s="91"/>
      <c r="HJ1261" s="91"/>
      <c r="HK1261" s="127"/>
      <c r="HL1261" s="126"/>
      <c r="HM1261" s="91"/>
      <c r="HN1261" s="91"/>
      <c r="HO1261" s="91"/>
      <c r="HP1261" s="91"/>
      <c r="HQ1261" s="91"/>
      <c r="HR1261" s="91"/>
      <c r="HS1261" s="91"/>
      <c r="HT1261" s="91"/>
      <c r="HU1261" s="91"/>
      <c r="HV1261" s="91"/>
      <c r="HW1261" s="91"/>
      <c r="HX1261" s="91"/>
      <c r="HY1261" s="91"/>
      <c r="HZ1261" s="91"/>
      <c r="IA1261" s="91"/>
      <c r="IB1261" s="91"/>
      <c r="IC1261" s="91"/>
      <c r="ID1261" s="91"/>
      <c r="IE1261" s="91"/>
      <c r="IF1261" s="91"/>
      <c r="IG1261" s="91"/>
      <c r="IH1261" s="91"/>
      <c r="II1261" s="91"/>
      <c r="IJ1261" s="91"/>
      <c r="IK1261" s="127"/>
    </row>
    <row r="1262" spans="2:245" x14ac:dyDescent="0.2">
      <c r="B1262" s="43"/>
      <c r="C1262" s="73"/>
      <c r="D1262" s="64"/>
      <c r="E1262" s="64"/>
      <c r="F1262" s="55"/>
      <c r="G1262" s="102"/>
      <c r="H1262" s="55"/>
      <c r="I1262" s="55"/>
      <c r="J1262" s="55"/>
      <c r="K1262" s="55"/>
      <c r="L1262" s="55"/>
      <c r="M1262" s="55"/>
      <c r="N1262" s="55"/>
      <c r="O1262" s="55"/>
      <c r="P1262" s="55"/>
      <c r="Q1262" s="55"/>
      <c r="R1262" s="55"/>
      <c r="S1262" s="55"/>
      <c r="T1262" s="55"/>
      <c r="U1262" s="55"/>
      <c r="V1262" s="55"/>
      <c r="W1262" s="55"/>
      <c r="X1262" s="55"/>
      <c r="Y1262" s="55"/>
      <c r="Z1262" s="55"/>
      <c r="AA1262" s="55"/>
      <c r="AB1262" s="55"/>
      <c r="AC1262" s="55"/>
      <c r="AD1262" s="55"/>
      <c r="AE1262" s="55"/>
      <c r="AF1262" s="55"/>
      <c r="AG1262" s="55"/>
      <c r="AY1262" s="162"/>
      <c r="AZ1262" s="162"/>
      <c r="BA1262" s="162"/>
      <c r="BB1262" s="162"/>
      <c r="BC1262" s="162"/>
      <c r="BD1262" s="162"/>
      <c r="BE1262" s="162"/>
      <c r="BF1262" s="162"/>
      <c r="BG1262" s="162"/>
      <c r="BH1262" s="162"/>
      <c r="BI1262" s="162"/>
      <c r="BJ1262" s="162"/>
      <c r="BK1262" s="162"/>
      <c r="BL1262" s="162"/>
      <c r="BM1262" s="162"/>
      <c r="BN1262" s="162"/>
      <c r="BO1262" s="162"/>
      <c r="BP1262" s="162"/>
      <c r="BQ1262" s="162"/>
      <c r="BR1262" s="162"/>
      <c r="BS1262" s="162"/>
      <c r="BT1262" s="162"/>
      <c r="BU1262" s="162"/>
      <c r="BV1262" s="162"/>
      <c r="BW1262" s="162"/>
      <c r="BX1262" s="162"/>
      <c r="BY1262" s="162"/>
      <c r="BZ1262" s="162"/>
      <c r="CA1262" s="162"/>
      <c r="CB1262" s="162"/>
      <c r="CC1262" s="162"/>
      <c r="CD1262" s="162"/>
      <c r="CE1262" s="162"/>
      <c r="CF1262" s="162"/>
      <c r="CG1262" s="162"/>
      <c r="CH1262" s="162"/>
      <c r="CI1262" s="162"/>
      <c r="CJ1262" s="162"/>
      <c r="CK1262" s="162"/>
      <c r="CX1262" s="98"/>
      <c r="DL1262" s="97"/>
      <c r="DX1262" s="98"/>
      <c r="EL1262" s="97"/>
      <c r="EX1262" s="98"/>
      <c r="EY1262" s="97"/>
      <c r="FL1262" s="126"/>
      <c r="FM1262" s="91"/>
      <c r="FN1262" s="91"/>
      <c r="FO1262" s="91"/>
      <c r="FP1262" s="91"/>
      <c r="FQ1262" s="91"/>
      <c r="FR1262" s="91"/>
      <c r="FS1262" s="91"/>
      <c r="FT1262" s="91"/>
      <c r="FU1262" s="91"/>
      <c r="FV1262" s="91"/>
      <c r="FW1262" s="91"/>
      <c r="FX1262" s="91"/>
      <c r="FY1262" s="91"/>
      <c r="FZ1262" s="91"/>
      <c r="GA1262" s="91"/>
      <c r="GB1262" s="91"/>
      <c r="GC1262" s="91"/>
      <c r="GD1262" s="91"/>
      <c r="GE1262" s="91"/>
      <c r="GF1262" s="91"/>
      <c r="GG1262" s="91"/>
      <c r="GH1262" s="91"/>
      <c r="GI1262" s="91"/>
      <c r="GJ1262" s="91"/>
      <c r="GK1262" s="127"/>
      <c r="GL1262" s="126"/>
      <c r="GM1262" s="91"/>
      <c r="GN1262" s="91"/>
      <c r="GO1262" s="91"/>
      <c r="GP1262" s="91"/>
      <c r="GQ1262" s="91"/>
      <c r="GR1262" s="91"/>
      <c r="GS1262" s="91"/>
      <c r="GT1262" s="91"/>
      <c r="GU1262" s="91"/>
      <c r="GV1262" s="91"/>
      <c r="GW1262" s="91"/>
      <c r="GX1262" s="91"/>
      <c r="GY1262" s="91"/>
      <c r="GZ1262" s="91"/>
      <c r="HA1262" s="91"/>
      <c r="HB1262" s="91"/>
      <c r="HC1262" s="91"/>
      <c r="HD1262" s="91"/>
      <c r="HE1262" s="91"/>
      <c r="HF1262" s="91"/>
      <c r="HG1262" s="91"/>
      <c r="HH1262" s="91"/>
      <c r="HI1262" s="91"/>
      <c r="HJ1262" s="91"/>
      <c r="HK1262" s="127"/>
      <c r="HL1262" s="126"/>
      <c r="HM1262" s="91"/>
      <c r="HN1262" s="91"/>
      <c r="HO1262" s="91"/>
      <c r="HP1262" s="91"/>
      <c r="HQ1262" s="91"/>
      <c r="HR1262" s="91"/>
      <c r="HS1262" s="91"/>
      <c r="HT1262" s="91"/>
      <c r="HU1262" s="91"/>
      <c r="HV1262" s="91"/>
      <c r="HW1262" s="91"/>
      <c r="HX1262" s="91"/>
      <c r="HY1262" s="91"/>
      <c r="HZ1262" s="91"/>
      <c r="IA1262" s="91"/>
      <c r="IB1262" s="91"/>
      <c r="IC1262" s="91"/>
      <c r="ID1262" s="91"/>
      <c r="IE1262" s="91"/>
      <c r="IF1262" s="91"/>
      <c r="IG1262" s="91"/>
      <c r="IH1262" s="91"/>
      <c r="II1262" s="91"/>
      <c r="IJ1262" s="91"/>
      <c r="IK1262" s="127"/>
    </row>
    <row r="1263" spans="2:245" x14ac:dyDescent="0.2">
      <c r="B1263" s="43"/>
      <c r="C1263" s="73"/>
      <c r="D1263" s="64"/>
      <c r="E1263" s="64"/>
      <c r="F1263" s="55"/>
      <c r="G1263" s="102"/>
      <c r="H1263" s="55"/>
      <c r="I1263" s="55"/>
      <c r="J1263" s="55"/>
      <c r="K1263" s="55"/>
      <c r="L1263" s="55"/>
      <c r="M1263" s="55"/>
      <c r="N1263" s="55"/>
      <c r="O1263" s="55"/>
      <c r="P1263" s="55"/>
      <c r="Q1263" s="55"/>
      <c r="R1263" s="55"/>
      <c r="S1263" s="55"/>
      <c r="T1263" s="55"/>
      <c r="U1263" s="55"/>
      <c r="V1263" s="55"/>
      <c r="W1263" s="55"/>
      <c r="X1263" s="55"/>
      <c r="Y1263" s="55"/>
      <c r="Z1263" s="55"/>
      <c r="AA1263" s="55"/>
      <c r="AB1263" s="55"/>
      <c r="AC1263" s="55"/>
      <c r="AD1263" s="55"/>
      <c r="AE1263" s="55"/>
      <c r="AF1263" s="55"/>
      <c r="AG1263" s="55"/>
      <c r="AY1263" s="162"/>
      <c r="AZ1263" s="162"/>
      <c r="BA1263" s="162"/>
      <c r="BB1263" s="162"/>
      <c r="BC1263" s="162"/>
      <c r="BD1263" s="162"/>
      <c r="BE1263" s="162"/>
      <c r="BF1263" s="162"/>
      <c r="BG1263" s="162"/>
      <c r="BH1263" s="162"/>
      <c r="BI1263" s="162"/>
      <c r="BJ1263" s="162"/>
      <c r="BK1263" s="162"/>
      <c r="BL1263" s="162"/>
      <c r="BM1263" s="162"/>
      <c r="BN1263" s="162"/>
      <c r="BO1263" s="162"/>
      <c r="BP1263" s="162"/>
      <c r="BQ1263" s="162"/>
      <c r="BR1263" s="162"/>
      <c r="BS1263" s="162"/>
      <c r="BT1263" s="162"/>
      <c r="BU1263" s="162"/>
      <c r="BV1263" s="162"/>
      <c r="BW1263" s="162"/>
      <c r="BX1263" s="162"/>
      <c r="BY1263" s="162"/>
      <c r="BZ1263" s="162"/>
      <c r="CA1263" s="162"/>
      <c r="CB1263" s="162"/>
      <c r="CC1263" s="162"/>
      <c r="CD1263" s="162"/>
      <c r="CE1263" s="162"/>
      <c r="CF1263" s="162"/>
      <c r="CG1263" s="162"/>
      <c r="CH1263" s="162"/>
      <c r="CI1263" s="162"/>
      <c r="CJ1263" s="162"/>
      <c r="CK1263" s="162"/>
      <c r="CX1263" s="98"/>
      <c r="DL1263" s="97"/>
      <c r="DX1263" s="98"/>
      <c r="EL1263" s="97"/>
      <c r="EX1263" s="98"/>
      <c r="EY1263" s="97"/>
      <c r="FL1263" s="126"/>
      <c r="FM1263" s="91"/>
      <c r="FN1263" s="91"/>
      <c r="FO1263" s="91"/>
      <c r="FP1263" s="91"/>
      <c r="FQ1263" s="91"/>
      <c r="FR1263" s="91"/>
      <c r="FS1263" s="91"/>
      <c r="FT1263" s="91"/>
      <c r="FU1263" s="91"/>
      <c r="FV1263" s="91"/>
      <c r="FW1263" s="91"/>
      <c r="FX1263" s="91"/>
      <c r="FY1263" s="91"/>
      <c r="FZ1263" s="91"/>
      <c r="GA1263" s="91"/>
      <c r="GB1263" s="91"/>
      <c r="GC1263" s="91"/>
      <c r="GD1263" s="91"/>
      <c r="GE1263" s="91"/>
      <c r="GF1263" s="91"/>
      <c r="GG1263" s="91"/>
      <c r="GH1263" s="91"/>
      <c r="GI1263" s="91"/>
      <c r="GJ1263" s="91"/>
      <c r="GK1263" s="127"/>
      <c r="GL1263" s="126"/>
      <c r="GM1263" s="91"/>
      <c r="GN1263" s="91"/>
      <c r="GO1263" s="91"/>
      <c r="GP1263" s="91"/>
      <c r="GQ1263" s="91"/>
      <c r="GR1263" s="91"/>
      <c r="GS1263" s="91"/>
      <c r="GT1263" s="91"/>
      <c r="GU1263" s="91"/>
      <c r="GV1263" s="91"/>
      <c r="GW1263" s="91"/>
      <c r="GX1263" s="91"/>
      <c r="GY1263" s="91"/>
      <c r="GZ1263" s="91"/>
      <c r="HA1263" s="91"/>
      <c r="HB1263" s="91"/>
      <c r="HC1263" s="91"/>
      <c r="HD1263" s="91"/>
      <c r="HE1263" s="91"/>
      <c r="HF1263" s="91"/>
      <c r="HG1263" s="91"/>
      <c r="HH1263" s="91"/>
      <c r="HI1263" s="91"/>
      <c r="HJ1263" s="91"/>
      <c r="HK1263" s="127"/>
      <c r="HL1263" s="126"/>
      <c r="HM1263" s="91"/>
      <c r="HN1263" s="91"/>
      <c r="HO1263" s="91"/>
      <c r="HP1263" s="91"/>
      <c r="HQ1263" s="91"/>
      <c r="HR1263" s="91"/>
      <c r="HS1263" s="91"/>
      <c r="HT1263" s="91"/>
      <c r="HU1263" s="91"/>
      <c r="HV1263" s="91"/>
      <c r="HW1263" s="91"/>
      <c r="HX1263" s="91"/>
      <c r="HY1263" s="91"/>
      <c r="HZ1263" s="91"/>
      <c r="IA1263" s="91"/>
      <c r="IB1263" s="91"/>
      <c r="IC1263" s="91"/>
      <c r="ID1263" s="91"/>
      <c r="IE1263" s="91"/>
      <c r="IF1263" s="91"/>
      <c r="IG1263" s="91"/>
      <c r="IH1263" s="91"/>
      <c r="II1263" s="91"/>
      <c r="IJ1263" s="91"/>
      <c r="IK1263" s="127"/>
    </row>
    <row r="1264" spans="2:245" x14ac:dyDescent="0.2">
      <c r="B1264" s="43"/>
      <c r="C1264" s="73"/>
      <c r="D1264" s="64"/>
      <c r="E1264" s="64"/>
      <c r="F1264" s="55"/>
      <c r="G1264" s="102"/>
      <c r="H1264" s="55"/>
      <c r="I1264" s="55"/>
      <c r="J1264" s="55"/>
      <c r="K1264" s="55"/>
      <c r="L1264" s="55"/>
      <c r="M1264" s="55"/>
      <c r="N1264" s="55"/>
      <c r="O1264" s="55"/>
      <c r="P1264" s="55"/>
      <c r="Q1264" s="55"/>
      <c r="R1264" s="55"/>
      <c r="S1264" s="55"/>
      <c r="T1264" s="55"/>
      <c r="U1264" s="55"/>
      <c r="V1264" s="55"/>
      <c r="W1264" s="55"/>
      <c r="X1264" s="55"/>
      <c r="Y1264" s="55"/>
      <c r="Z1264" s="55"/>
      <c r="AA1264" s="55"/>
      <c r="AB1264" s="55"/>
      <c r="AC1264" s="55"/>
      <c r="AD1264" s="55"/>
      <c r="AE1264" s="55"/>
      <c r="AF1264" s="55"/>
      <c r="AG1264" s="55"/>
      <c r="AY1264" s="162"/>
      <c r="AZ1264" s="162"/>
      <c r="BA1264" s="162"/>
      <c r="BB1264" s="162"/>
      <c r="BC1264" s="162"/>
      <c r="BD1264" s="162"/>
      <c r="BE1264" s="162"/>
      <c r="BF1264" s="162"/>
      <c r="BG1264" s="162"/>
      <c r="BH1264" s="162"/>
      <c r="BI1264" s="162"/>
      <c r="BJ1264" s="162"/>
      <c r="BK1264" s="162"/>
      <c r="BL1264" s="162"/>
      <c r="BM1264" s="162"/>
      <c r="BN1264" s="162"/>
      <c r="BO1264" s="162"/>
      <c r="BP1264" s="162"/>
      <c r="BQ1264" s="162"/>
      <c r="BR1264" s="162"/>
      <c r="BS1264" s="162"/>
      <c r="BT1264" s="162"/>
      <c r="BU1264" s="162"/>
      <c r="BV1264" s="162"/>
      <c r="BW1264" s="162"/>
      <c r="BX1264" s="162"/>
      <c r="BY1264" s="162"/>
      <c r="BZ1264" s="162"/>
      <c r="CA1264" s="162"/>
      <c r="CB1264" s="162"/>
      <c r="CC1264" s="162"/>
      <c r="CD1264" s="162"/>
      <c r="CE1264" s="162"/>
      <c r="CF1264" s="162"/>
      <c r="CG1264" s="162"/>
      <c r="CH1264" s="162"/>
      <c r="CI1264" s="162"/>
      <c r="CJ1264" s="162"/>
      <c r="CK1264" s="162"/>
      <c r="CX1264" s="98"/>
      <c r="DL1264" s="97"/>
      <c r="DX1264" s="98"/>
      <c r="EL1264" s="97"/>
      <c r="EX1264" s="98"/>
      <c r="EY1264" s="97"/>
      <c r="FL1264" s="126"/>
      <c r="FM1264" s="91"/>
      <c r="FN1264" s="91"/>
      <c r="FO1264" s="91"/>
      <c r="FP1264" s="91"/>
      <c r="FQ1264" s="91"/>
      <c r="FR1264" s="91"/>
      <c r="FS1264" s="91"/>
      <c r="FT1264" s="91"/>
      <c r="FU1264" s="91"/>
      <c r="FV1264" s="91"/>
      <c r="FW1264" s="91"/>
      <c r="FX1264" s="91"/>
      <c r="FY1264" s="91"/>
      <c r="FZ1264" s="91"/>
      <c r="GA1264" s="91"/>
      <c r="GB1264" s="91"/>
      <c r="GC1264" s="91"/>
      <c r="GD1264" s="91"/>
      <c r="GE1264" s="91"/>
      <c r="GF1264" s="91"/>
      <c r="GG1264" s="91"/>
      <c r="GH1264" s="91"/>
      <c r="GI1264" s="91"/>
      <c r="GJ1264" s="91"/>
      <c r="GK1264" s="127"/>
      <c r="GL1264" s="126"/>
      <c r="GM1264" s="91"/>
      <c r="GN1264" s="91"/>
      <c r="GO1264" s="91"/>
      <c r="GP1264" s="91"/>
      <c r="GQ1264" s="91"/>
      <c r="GR1264" s="91"/>
      <c r="GS1264" s="91"/>
      <c r="GT1264" s="91"/>
      <c r="GU1264" s="91"/>
      <c r="GV1264" s="91"/>
      <c r="GW1264" s="91"/>
      <c r="GX1264" s="91"/>
      <c r="GY1264" s="91"/>
      <c r="GZ1264" s="91"/>
      <c r="HA1264" s="91"/>
      <c r="HB1264" s="91"/>
      <c r="HC1264" s="91"/>
      <c r="HD1264" s="91"/>
      <c r="HE1264" s="91"/>
      <c r="HF1264" s="91"/>
      <c r="HG1264" s="91"/>
      <c r="HH1264" s="91"/>
      <c r="HI1264" s="91"/>
      <c r="HJ1264" s="91"/>
      <c r="HK1264" s="127"/>
      <c r="HL1264" s="126"/>
      <c r="HM1264" s="91"/>
      <c r="HN1264" s="91"/>
      <c r="HO1264" s="91"/>
      <c r="HP1264" s="91"/>
      <c r="HQ1264" s="91"/>
      <c r="HR1264" s="91"/>
      <c r="HS1264" s="91"/>
      <c r="HT1264" s="91"/>
      <c r="HU1264" s="91"/>
      <c r="HV1264" s="91"/>
      <c r="HW1264" s="91"/>
      <c r="HX1264" s="91"/>
      <c r="HY1264" s="91"/>
      <c r="HZ1264" s="91"/>
      <c r="IA1264" s="91"/>
      <c r="IB1264" s="91"/>
      <c r="IC1264" s="91"/>
      <c r="ID1264" s="91"/>
      <c r="IE1264" s="91"/>
      <c r="IF1264" s="91"/>
      <c r="IG1264" s="91"/>
      <c r="IH1264" s="91"/>
      <c r="II1264" s="91"/>
      <c r="IJ1264" s="91"/>
      <c r="IK1264" s="127"/>
    </row>
    <row r="1265" spans="2:245" x14ac:dyDescent="0.2">
      <c r="B1265" s="43"/>
      <c r="C1265" s="73"/>
      <c r="D1265" s="64"/>
      <c r="E1265" s="64"/>
      <c r="F1265" s="55"/>
      <c r="G1265" s="102"/>
      <c r="H1265" s="55"/>
      <c r="I1265" s="55"/>
      <c r="J1265" s="55"/>
      <c r="K1265" s="55"/>
      <c r="L1265" s="55"/>
      <c r="M1265" s="55"/>
      <c r="N1265" s="55"/>
      <c r="O1265" s="55"/>
      <c r="P1265" s="55"/>
      <c r="Q1265" s="55"/>
      <c r="R1265" s="55"/>
      <c r="S1265" s="55"/>
      <c r="T1265" s="55"/>
      <c r="U1265" s="55"/>
      <c r="V1265" s="55"/>
      <c r="W1265" s="55"/>
      <c r="X1265" s="55"/>
      <c r="Y1265" s="55"/>
      <c r="Z1265" s="55"/>
      <c r="AA1265" s="55"/>
      <c r="AB1265" s="55"/>
      <c r="AC1265" s="55"/>
      <c r="AD1265" s="55"/>
      <c r="AE1265" s="55"/>
      <c r="AF1265" s="55"/>
      <c r="AG1265" s="55"/>
      <c r="AY1265" s="162"/>
      <c r="AZ1265" s="162"/>
      <c r="BA1265" s="162"/>
      <c r="BB1265" s="162"/>
      <c r="BC1265" s="162"/>
      <c r="BD1265" s="162"/>
      <c r="BE1265" s="162"/>
      <c r="BF1265" s="162"/>
      <c r="BG1265" s="162"/>
      <c r="BH1265" s="162"/>
      <c r="BI1265" s="162"/>
      <c r="BJ1265" s="162"/>
      <c r="BK1265" s="162"/>
      <c r="BL1265" s="162"/>
      <c r="BM1265" s="162"/>
      <c r="BN1265" s="162"/>
      <c r="BO1265" s="162"/>
      <c r="BP1265" s="162"/>
      <c r="BQ1265" s="162"/>
      <c r="BR1265" s="162"/>
      <c r="BS1265" s="162"/>
      <c r="BT1265" s="162"/>
      <c r="BU1265" s="162"/>
      <c r="BV1265" s="162"/>
      <c r="BW1265" s="162"/>
      <c r="BX1265" s="162"/>
      <c r="BY1265" s="162"/>
      <c r="BZ1265" s="162"/>
      <c r="CA1265" s="162"/>
      <c r="CB1265" s="162"/>
      <c r="CC1265" s="162"/>
      <c r="CD1265" s="162"/>
      <c r="CE1265" s="162"/>
      <c r="CF1265" s="162"/>
      <c r="CG1265" s="162"/>
      <c r="CH1265" s="162"/>
      <c r="CI1265" s="162"/>
      <c r="CJ1265" s="162"/>
      <c r="CK1265" s="162"/>
      <c r="CX1265" s="98"/>
      <c r="DL1265" s="97"/>
      <c r="DX1265" s="98"/>
      <c r="EL1265" s="97"/>
      <c r="EX1265" s="98"/>
      <c r="EY1265" s="97"/>
      <c r="FL1265" s="126"/>
      <c r="FM1265" s="91"/>
      <c r="FN1265" s="91"/>
      <c r="FO1265" s="91"/>
      <c r="FP1265" s="91"/>
      <c r="FQ1265" s="91"/>
      <c r="FR1265" s="91"/>
      <c r="FS1265" s="91"/>
      <c r="FT1265" s="91"/>
      <c r="FU1265" s="91"/>
      <c r="FV1265" s="91"/>
      <c r="FW1265" s="91"/>
      <c r="FX1265" s="91"/>
      <c r="FY1265" s="91"/>
      <c r="FZ1265" s="91"/>
      <c r="GA1265" s="91"/>
      <c r="GB1265" s="91"/>
      <c r="GC1265" s="91"/>
      <c r="GD1265" s="91"/>
      <c r="GE1265" s="91"/>
      <c r="GF1265" s="91"/>
      <c r="GG1265" s="91"/>
      <c r="GH1265" s="91"/>
      <c r="GI1265" s="91"/>
      <c r="GJ1265" s="91"/>
      <c r="GK1265" s="127"/>
      <c r="GL1265" s="126"/>
      <c r="GM1265" s="91"/>
      <c r="GN1265" s="91"/>
      <c r="GO1265" s="91"/>
      <c r="GP1265" s="91"/>
      <c r="GQ1265" s="91"/>
      <c r="GR1265" s="91"/>
      <c r="GS1265" s="91"/>
      <c r="GT1265" s="91"/>
      <c r="GU1265" s="91"/>
      <c r="GV1265" s="91"/>
      <c r="GW1265" s="91"/>
      <c r="GX1265" s="91"/>
      <c r="GY1265" s="91"/>
      <c r="GZ1265" s="91"/>
      <c r="HA1265" s="91"/>
      <c r="HB1265" s="91"/>
      <c r="HC1265" s="91"/>
      <c r="HD1265" s="91"/>
      <c r="HE1265" s="91"/>
      <c r="HF1265" s="91"/>
      <c r="HG1265" s="91"/>
      <c r="HH1265" s="91"/>
      <c r="HI1265" s="91"/>
      <c r="HJ1265" s="91"/>
      <c r="HK1265" s="127"/>
      <c r="HL1265" s="126"/>
      <c r="HM1265" s="91"/>
      <c r="HN1265" s="91"/>
      <c r="HO1265" s="91"/>
      <c r="HP1265" s="91"/>
      <c r="HQ1265" s="91"/>
      <c r="HR1265" s="91"/>
      <c r="HS1265" s="91"/>
      <c r="HT1265" s="91"/>
      <c r="HU1265" s="91"/>
      <c r="HV1265" s="91"/>
      <c r="HW1265" s="91"/>
      <c r="HX1265" s="91"/>
      <c r="HY1265" s="91"/>
      <c r="HZ1265" s="91"/>
      <c r="IA1265" s="91"/>
      <c r="IB1265" s="91"/>
      <c r="IC1265" s="91"/>
      <c r="ID1265" s="91"/>
      <c r="IE1265" s="91"/>
      <c r="IF1265" s="91"/>
      <c r="IG1265" s="91"/>
      <c r="IH1265" s="91"/>
      <c r="II1265" s="91"/>
      <c r="IJ1265" s="91"/>
      <c r="IK1265" s="127"/>
    </row>
    <row r="1266" spans="2:245" x14ac:dyDescent="0.2">
      <c r="B1266" s="43"/>
      <c r="C1266" s="73"/>
      <c r="D1266" s="64"/>
      <c r="E1266" s="64"/>
      <c r="F1266" s="55"/>
      <c r="G1266" s="102"/>
      <c r="H1266" s="55"/>
      <c r="I1266" s="55"/>
      <c r="J1266" s="55"/>
      <c r="K1266" s="55"/>
      <c r="L1266" s="55"/>
      <c r="M1266" s="55"/>
      <c r="N1266" s="55"/>
      <c r="O1266" s="55"/>
      <c r="P1266" s="55"/>
      <c r="Q1266" s="55"/>
      <c r="R1266" s="55"/>
      <c r="S1266" s="55"/>
      <c r="T1266" s="55"/>
      <c r="U1266" s="55"/>
      <c r="V1266" s="55"/>
      <c r="W1266" s="55"/>
      <c r="X1266" s="55"/>
      <c r="Y1266" s="55"/>
      <c r="Z1266" s="55"/>
      <c r="AA1266" s="55"/>
      <c r="AB1266" s="55"/>
      <c r="AC1266" s="55"/>
      <c r="AD1266" s="55"/>
      <c r="AE1266" s="55"/>
      <c r="AF1266" s="55"/>
      <c r="AG1266" s="55"/>
      <c r="AY1266" s="162"/>
      <c r="AZ1266" s="162"/>
      <c r="BA1266" s="162"/>
      <c r="BB1266" s="162"/>
      <c r="BC1266" s="162"/>
      <c r="BD1266" s="162"/>
      <c r="BE1266" s="162"/>
      <c r="BF1266" s="162"/>
      <c r="BG1266" s="162"/>
      <c r="BH1266" s="162"/>
      <c r="BI1266" s="162"/>
      <c r="BJ1266" s="162"/>
      <c r="BK1266" s="162"/>
      <c r="BL1266" s="162"/>
      <c r="BM1266" s="162"/>
      <c r="BN1266" s="162"/>
      <c r="BO1266" s="162"/>
      <c r="BP1266" s="162"/>
      <c r="BQ1266" s="162"/>
      <c r="BR1266" s="162"/>
      <c r="BS1266" s="162"/>
      <c r="BT1266" s="162"/>
      <c r="BU1266" s="162"/>
      <c r="BV1266" s="162"/>
      <c r="BW1266" s="162"/>
      <c r="BX1266" s="162"/>
      <c r="BY1266" s="162"/>
      <c r="BZ1266" s="162"/>
      <c r="CA1266" s="162"/>
      <c r="CB1266" s="162"/>
      <c r="CC1266" s="162"/>
      <c r="CD1266" s="162"/>
      <c r="CE1266" s="162"/>
      <c r="CF1266" s="162"/>
      <c r="CG1266" s="162"/>
      <c r="CH1266" s="162"/>
      <c r="CI1266" s="162"/>
      <c r="CJ1266" s="162"/>
      <c r="CK1266" s="162"/>
      <c r="CX1266" s="98"/>
      <c r="DL1266" s="97"/>
      <c r="DX1266" s="98"/>
      <c r="EL1266" s="97"/>
      <c r="EX1266" s="98"/>
      <c r="EY1266" s="97"/>
      <c r="FL1266" s="126"/>
      <c r="FM1266" s="91"/>
      <c r="FN1266" s="91"/>
      <c r="FO1266" s="91"/>
      <c r="FP1266" s="91"/>
      <c r="FQ1266" s="91"/>
      <c r="FR1266" s="91"/>
      <c r="FS1266" s="91"/>
      <c r="FT1266" s="91"/>
      <c r="FU1266" s="91"/>
      <c r="FV1266" s="91"/>
      <c r="FW1266" s="91"/>
      <c r="FX1266" s="91"/>
      <c r="FY1266" s="91"/>
      <c r="FZ1266" s="91"/>
      <c r="GA1266" s="91"/>
      <c r="GB1266" s="91"/>
      <c r="GC1266" s="91"/>
      <c r="GD1266" s="91"/>
      <c r="GE1266" s="91"/>
      <c r="GF1266" s="91"/>
      <c r="GG1266" s="91"/>
      <c r="GH1266" s="91"/>
      <c r="GI1266" s="91"/>
      <c r="GJ1266" s="91"/>
      <c r="GK1266" s="127"/>
      <c r="GL1266" s="126"/>
      <c r="GM1266" s="91"/>
      <c r="GN1266" s="91"/>
      <c r="GO1266" s="91"/>
      <c r="GP1266" s="91"/>
      <c r="GQ1266" s="91"/>
      <c r="GR1266" s="91"/>
      <c r="GS1266" s="91"/>
      <c r="GT1266" s="91"/>
      <c r="GU1266" s="91"/>
      <c r="GV1266" s="91"/>
      <c r="GW1266" s="91"/>
      <c r="GX1266" s="91"/>
      <c r="GY1266" s="91"/>
      <c r="GZ1266" s="91"/>
      <c r="HA1266" s="91"/>
      <c r="HB1266" s="91"/>
      <c r="HC1266" s="91"/>
      <c r="HD1266" s="91"/>
      <c r="HE1266" s="91"/>
      <c r="HF1266" s="91"/>
      <c r="HG1266" s="91"/>
      <c r="HH1266" s="91"/>
      <c r="HI1266" s="91"/>
      <c r="HJ1266" s="91"/>
      <c r="HK1266" s="127"/>
      <c r="HL1266" s="126"/>
      <c r="HM1266" s="91"/>
      <c r="HN1266" s="91"/>
      <c r="HO1266" s="91"/>
      <c r="HP1266" s="91"/>
      <c r="HQ1266" s="91"/>
      <c r="HR1266" s="91"/>
      <c r="HS1266" s="91"/>
      <c r="HT1266" s="91"/>
      <c r="HU1266" s="91"/>
      <c r="HV1266" s="91"/>
      <c r="HW1266" s="91"/>
      <c r="HX1266" s="91"/>
      <c r="HY1266" s="91"/>
      <c r="HZ1266" s="91"/>
      <c r="IA1266" s="91"/>
      <c r="IB1266" s="91"/>
      <c r="IC1266" s="91"/>
      <c r="ID1266" s="91"/>
      <c r="IE1266" s="91"/>
      <c r="IF1266" s="91"/>
      <c r="IG1266" s="91"/>
      <c r="IH1266" s="91"/>
      <c r="II1266" s="91"/>
      <c r="IJ1266" s="91"/>
      <c r="IK1266" s="127"/>
    </row>
    <row r="1267" spans="2:245" x14ac:dyDescent="0.2">
      <c r="B1267" s="43"/>
      <c r="C1267" s="73"/>
      <c r="D1267" s="64"/>
      <c r="E1267" s="64"/>
      <c r="F1267" s="55"/>
      <c r="G1267" s="102"/>
      <c r="H1267" s="55"/>
      <c r="I1267" s="55"/>
      <c r="J1267" s="55"/>
      <c r="K1267" s="55"/>
      <c r="L1267" s="55"/>
      <c r="M1267" s="55"/>
      <c r="N1267" s="55"/>
      <c r="O1267" s="55"/>
      <c r="P1267" s="55"/>
      <c r="Q1267" s="55"/>
      <c r="R1267" s="55"/>
      <c r="S1267" s="55"/>
      <c r="T1267" s="55"/>
      <c r="U1267" s="55"/>
      <c r="V1267" s="55"/>
      <c r="W1267" s="55"/>
      <c r="X1267" s="55"/>
      <c r="Y1267" s="55"/>
      <c r="Z1267" s="55"/>
      <c r="AA1267" s="55"/>
      <c r="AB1267" s="55"/>
      <c r="AC1267" s="55"/>
      <c r="AD1267" s="55"/>
      <c r="AE1267" s="55"/>
      <c r="AF1267" s="55"/>
      <c r="AG1267" s="55"/>
      <c r="AY1267" s="162"/>
      <c r="AZ1267" s="162"/>
      <c r="BA1267" s="162"/>
      <c r="BB1267" s="162"/>
      <c r="BC1267" s="162"/>
      <c r="BD1267" s="162"/>
      <c r="BE1267" s="162"/>
      <c r="BF1267" s="162"/>
      <c r="BG1267" s="162"/>
      <c r="BH1267" s="162"/>
      <c r="BI1267" s="162"/>
      <c r="BJ1267" s="162"/>
      <c r="BK1267" s="162"/>
      <c r="BL1267" s="162"/>
      <c r="BM1267" s="162"/>
      <c r="BN1267" s="162"/>
      <c r="BO1267" s="162"/>
      <c r="BP1267" s="162"/>
      <c r="BQ1267" s="162"/>
      <c r="BR1267" s="162"/>
      <c r="BS1267" s="162"/>
      <c r="BT1267" s="162"/>
      <c r="BU1267" s="162"/>
      <c r="BV1267" s="162"/>
      <c r="BW1267" s="162"/>
      <c r="BX1267" s="162"/>
      <c r="BY1267" s="162"/>
      <c r="BZ1267" s="162"/>
      <c r="CA1267" s="162"/>
      <c r="CB1267" s="162"/>
      <c r="CC1267" s="162"/>
      <c r="CD1267" s="162"/>
      <c r="CE1267" s="162"/>
      <c r="CF1267" s="162"/>
      <c r="CG1267" s="162"/>
      <c r="CH1267" s="162"/>
      <c r="CI1267" s="162"/>
      <c r="CJ1267" s="162"/>
      <c r="CK1267" s="162"/>
      <c r="CX1267" s="98"/>
      <c r="DL1267" s="97"/>
      <c r="DX1267" s="98"/>
      <c r="EL1267" s="97"/>
      <c r="EX1267" s="98"/>
      <c r="EY1267" s="97"/>
      <c r="FL1267" s="126"/>
      <c r="FM1267" s="91"/>
      <c r="FN1267" s="91"/>
      <c r="FO1267" s="91"/>
      <c r="FP1267" s="91"/>
      <c r="FQ1267" s="91"/>
      <c r="FR1267" s="91"/>
      <c r="FS1267" s="91"/>
      <c r="FT1267" s="91"/>
      <c r="FU1267" s="91"/>
      <c r="FV1267" s="91"/>
      <c r="FW1267" s="91"/>
      <c r="FX1267" s="91"/>
      <c r="FY1267" s="91"/>
      <c r="FZ1267" s="91"/>
      <c r="GA1267" s="91"/>
      <c r="GB1267" s="91"/>
      <c r="GC1267" s="91"/>
      <c r="GD1267" s="91"/>
      <c r="GE1267" s="91"/>
      <c r="GF1267" s="91"/>
      <c r="GG1267" s="91"/>
      <c r="GH1267" s="91"/>
      <c r="GI1267" s="91"/>
      <c r="GJ1267" s="91"/>
      <c r="GK1267" s="127"/>
      <c r="GL1267" s="126"/>
      <c r="GM1267" s="91"/>
      <c r="GN1267" s="91"/>
      <c r="GO1267" s="91"/>
      <c r="GP1267" s="91"/>
      <c r="GQ1267" s="91"/>
      <c r="GR1267" s="91"/>
      <c r="GS1267" s="91"/>
      <c r="GT1267" s="91"/>
      <c r="GU1267" s="91"/>
      <c r="GV1267" s="91"/>
      <c r="GW1267" s="91"/>
      <c r="GX1267" s="91"/>
      <c r="GY1267" s="91"/>
      <c r="GZ1267" s="91"/>
      <c r="HA1267" s="91"/>
      <c r="HB1267" s="91"/>
      <c r="HC1267" s="91"/>
      <c r="HD1267" s="91"/>
      <c r="HE1267" s="91"/>
      <c r="HF1267" s="91"/>
      <c r="HG1267" s="91"/>
      <c r="HH1267" s="91"/>
      <c r="HI1267" s="91"/>
      <c r="HJ1267" s="91"/>
      <c r="HK1267" s="127"/>
      <c r="HL1267" s="126"/>
      <c r="HM1267" s="91"/>
      <c r="HN1267" s="91"/>
      <c r="HO1267" s="91"/>
      <c r="HP1267" s="91"/>
      <c r="HQ1267" s="91"/>
      <c r="HR1267" s="91"/>
      <c r="HS1267" s="91"/>
      <c r="HT1267" s="91"/>
      <c r="HU1267" s="91"/>
      <c r="HV1267" s="91"/>
      <c r="HW1267" s="91"/>
      <c r="HX1267" s="91"/>
      <c r="HY1267" s="91"/>
      <c r="HZ1267" s="91"/>
      <c r="IA1267" s="91"/>
      <c r="IB1267" s="91"/>
      <c r="IC1267" s="91"/>
      <c r="ID1267" s="91"/>
      <c r="IE1267" s="91"/>
      <c r="IF1267" s="91"/>
      <c r="IG1267" s="91"/>
      <c r="IH1267" s="91"/>
      <c r="II1267" s="91"/>
      <c r="IJ1267" s="91"/>
      <c r="IK1267" s="127"/>
    </row>
    <row r="1268" spans="2:245" x14ac:dyDescent="0.2">
      <c r="B1268" s="43"/>
      <c r="C1268" s="73"/>
      <c r="D1268" s="64"/>
      <c r="E1268" s="64"/>
      <c r="F1268" s="55"/>
      <c r="G1268" s="102"/>
      <c r="H1268" s="55"/>
      <c r="I1268" s="55"/>
      <c r="J1268" s="55"/>
      <c r="K1268" s="55"/>
      <c r="L1268" s="55"/>
      <c r="M1268" s="55"/>
      <c r="N1268" s="55"/>
      <c r="O1268" s="55"/>
      <c r="P1268" s="55"/>
      <c r="Q1268" s="55"/>
      <c r="R1268" s="55"/>
      <c r="S1268" s="55"/>
      <c r="T1268" s="55"/>
      <c r="U1268" s="55"/>
      <c r="V1268" s="55"/>
      <c r="W1268" s="55"/>
      <c r="X1268" s="55"/>
      <c r="Y1268" s="55"/>
      <c r="Z1268" s="55"/>
      <c r="AA1268" s="55"/>
      <c r="AB1268" s="55"/>
      <c r="AC1268" s="55"/>
      <c r="AD1268" s="55"/>
      <c r="AE1268" s="55"/>
      <c r="AF1268" s="55"/>
      <c r="AG1268" s="55"/>
      <c r="AY1268" s="162"/>
      <c r="AZ1268" s="162"/>
      <c r="BA1268" s="162"/>
      <c r="BB1268" s="162"/>
      <c r="BC1268" s="162"/>
      <c r="BD1268" s="162"/>
      <c r="BE1268" s="162"/>
      <c r="BF1268" s="162"/>
      <c r="BG1268" s="162"/>
      <c r="BH1268" s="162"/>
      <c r="BI1268" s="162"/>
      <c r="BJ1268" s="162"/>
      <c r="BK1268" s="162"/>
      <c r="BL1268" s="162"/>
      <c r="BM1268" s="162"/>
      <c r="BN1268" s="162"/>
      <c r="BO1268" s="162"/>
      <c r="BP1268" s="162"/>
      <c r="BQ1268" s="162"/>
      <c r="BR1268" s="162"/>
      <c r="BS1268" s="162"/>
      <c r="BT1268" s="162"/>
      <c r="BU1268" s="162"/>
      <c r="BV1268" s="162"/>
      <c r="BW1268" s="162"/>
      <c r="BX1268" s="162"/>
      <c r="BY1268" s="162"/>
      <c r="BZ1268" s="162"/>
      <c r="CA1268" s="162"/>
      <c r="CB1268" s="162"/>
      <c r="CC1268" s="162"/>
      <c r="CD1268" s="162"/>
      <c r="CE1268" s="162"/>
      <c r="CF1268" s="162"/>
      <c r="CG1268" s="162"/>
      <c r="CH1268" s="162"/>
      <c r="CI1268" s="162"/>
      <c r="CJ1268" s="162"/>
      <c r="CK1268" s="162"/>
      <c r="CX1268" s="98"/>
      <c r="DL1268" s="97"/>
      <c r="DX1268" s="98"/>
      <c r="EL1268" s="97"/>
      <c r="EX1268" s="98"/>
      <c r="EY1268" s="97"/>
      <c r="FL1268" s="126"/>
      <c r="FM1268" s="91"/>
      <c r="FN1268" s="91"/>
      <c r="FO1268" s="91"/>
      <c r="FP1268" s="91"/>
      <c r="FQ1268" s="91"/>
      <c r="FR1268" s="91"/>
      <c r="FS1268" s="91"/>
      <c r="FT1268" s="91"/>
      <c r="FU1268" s="91"/>
      <c r="FV1268" s="91"/>
      <c r="FW1268" s="91"/>
      <c r="FX1268" s="91"/>
      <c r="FY1268" s="91"/>
      <c r="FZ1268" s="91"/>
      <c r="GA1268" s="91"/>
      <c r="GB1268" s="91"/>
      <c r="GC1268" s="91"/>
      <c r="GD1268" s="91"/>
      <c r="GE1268" s="91"/>
      <c r="GF1268" s="91"/>
      <c r="GG1268" s="91"/>
      <c r="GH1268" s="91"/>
      <c r="GI1268" s="91"/>
      <c r="GJ1268" s="91"/>
      <c r="GK1268" s="127"/>
      <c r="GL1268" s="126"/>
      <c r="GM1268" s="91"/>
      <c r="GN1268" s="91"/>
      <c r="GO1268" s="91"/>
      <c r="GP1268" s="91"/>
      <c r="GQ1268" s="91"/>
      <c r="GR1268" s="91"/>
      <c r="GS1268" s="91"/>
      <c r="GT1268" s="91"/>
      <c r="GU1268" s="91"/>
      <c r="GV1268" s="91"/>
      <c r="GW1268" s="91"/>
      <c r="GX1268" s="91"/>
      <c r="GY1268" s="91"/>
      <c r="GZ1268" s="91"/>
      <c r="HA1268" s="91"/>
      <c r="HB1268" s="91"/>
      <c r="HC1268" s="91"/>
      <c r="HD1268" s="91"/>
      <c r="HE1268" s="91"/>
      <c r="HF1268" s="91"/>
      <c r="HG1268" s="91"/>
      <c r="HH1268" s="91"/>
      <c r="HI1268" s="91"/>
      <c r="HJ1268" s="91"/>
      <c r="HK1268" s="127"/>
      <c r="HL1268" s="126"/>
      <c r="HM1268" s="91"/>
      <c r="HN1268" s="91"/>
      <c r="HO1268" s="91"/>
      <c r="HP1268" s="91"/>
      <c r="HQ1268" s="91"/>
      <c r="HR1268" s="91"/>
      <c r="HS1268" s="91"/>
      <c r="HT1268" s="91"/>
      <c r="HU1268" s="91"/>
      <c r="HV1268" s="91"/>
      <c r="HW1268" s="91"/>
      <c r="HX1268" s="91"/>
      <c r="HY1268" s="91"/>
      <c r="HZ1268" s="91"/>
      <c r="IA1268" s="91"/>
      <c r="IB1268" s="91"/>
      <c r="IC1268" s="91"/>
      <c r="ID1268" s="91"/>
      <c r="IE1268" s="91"/>
      <c r="IF1268" s="91"/>
      <c r="IG1268" s="91"/>
      <c r="IH1268" s="91"/>
      <c r="II1268" s="91"/>
      <c r="IJ1268" s="91"/>
      <c r="IK1268" s="127"/>
    </row>
    <row r="1269" spans="2:245" x14ac:dyDescent="0.2">
      <c r="B1269" s="43"/>
      <c r="C1269" s="73"/>
      <c r="D1269" s="64"/>
      <c r="E1269" s="64"/>
      <c r="F1269" s="55"/>
      <c r="G1269" s="102"/>
      <c r="H1269" s="55"/>
      <c r="I1269" s="55"/>
      <c r="J1269" s="55"/>
      <c r="K1269" s="55"/>
      <c r="L1269" s="55"/>
      <c r="M1269" s="55"/>
      <c r="N1269" s="55"/>
      <c r="O1269" s="55"/>
      <c r="P1269" s="55"/>
      <c r="Q1269" s="55"/>
      <c r="R1269" s="55"/>
      <c r="S1269" s="55"/>
      <c r="T1269" s="55"/>
      <c r="U1269" s="55"/>
      <c r="V1269" s="55"/>
      <c r="W1269" s="55"/>
      <c r="X1269" s="55"/>
      <c r="Y1269" s="55"/>
      <c r="Z1269" s="55"/>
      <c r="AA1269" s="55"/>
      <c r="AB1269" s="55"/>
      <c r="AC1269" s="55"/>
      <c r="AD1269" s="55"/>
      <c r="AE1269" s="55"/>
      <c r="AF1269" s="55"/>
      <c r="AG1269" s="55"/>
      <c r="AY1269" s="162"/>
      <c r="AZ1269" s="162"/>
      <c r="BA1269" s="162"/>
      <c r="BB1269" s="162"/>
      <c r="BC1269" s="162"/>
      <c r="BD1269" s="162"/>
      <c r="BE1269" s="162"/>
      <c r="BF1269" s="162"/>
      <c r="BG1269" s="162"/>
      <c r="BH1269" s="162"/>
      <c r="BI1269" s="162"/>
      <c r="BJ1269" s="162"/>
      <c r="BK1269" s="162"/>
      <c r="BL1269" s="162"/>
      <c r="BM1269" s="162"/>
      <c r="BN1269" s="162"/>
      <c r="BO1269" s="162"/>
      <c r="BP1269" s="162"/>
      <c r="BQ1269" s="162"/>
      <c r="BR1269" s="162"/>
      <c r="BS1269" s="162"/>
      <c r="BT1269" s="162"/>
      <c r="BU1269" s="162"/>
      <c r="BV1269" s="162"/>
      <c r="BW1269" s="162"/>
      <c r="BX1269" s="162"/>
      <c r="BY1269" s="162"/>
      <c r="BZ1269" s="162"/>
      <c r="CA1269" s="162"/>
      <c r="CB1269" s="162"/>
      <c r="CC1269" s="162"/>
      <c r="CD1269" s="162"/>
      <c r="CE1269" s="162"/>
      <c r="CF1269" s="162"/>
      <c r="CG1269" s="162"/>
      <c r="CH1269" s="162"/>
      <c r="CI1269" s="162"/>
      <c r="CJ1269" s="162"/>
      <c r="CK1269" s="162"/>
      <c r="CX1269" s="98"/>
      <c r="DL1269" s="97"/>
      <c r="DX1269" s="98"/>
      <c r="EL1269" s="97"/>
      <c r="EX1269" s="98"/>
      <c r="EY1269" s="97"/>
      <c r="FL1269" s="126"/>
      <c r="FM1269" s="91"/>
      <c r="FN1269" s="91"/>
      <c r="FO1269" s="91"/>
      <c r="FP1269" s="91"/>
      <c r="FQ1269" s="91"/>
      <c r="FR1269" s="91"/>
      <c r="FS1269" s="91"/>
      <c r="FT1269" s="91"/>
      <c r="FU1269" s="91"/>
      <c r="FV1269" s="91"/>
      <c r="FW1269" s="91"/>
      <c r="FX1269" s="91"/>
      <c r="FY1269" s="91"/>
      <c r="FZ1269" s="91"/>
      <c r="GA1269" s="91"/>
      <c r="GB1269" s="91"/>
      <c r="GC1269" s="91"/>
      <c r="GD1269" s="91"/>
      <c r="GE1269" s="91"/>
      <c r="GF1269" s="91"/>
      <c r="GG1269" s="91"/>
      <c r="GH1269" s="91"/>
      <c r="GI1269" s="91"/>
      <c r="GJ1269" s="91"/>
      <c r="GK1269" s="127"/>
      <c r="GL1269" s="126"/>
      <c r="GM1269" s="91"/>
      <c r="GN1269" s="91"/>
      <c r="GO1269" s="91"/>
      <c r="GP1269" s="91"/>
      <c r="GQ1269" s="91"/>
      <c r="GR1269" s="91"/>
      <c r="GS1269" s="91"/>
      <c r="GT1269" s="91"/>
      <c r="GU1269" s="91"/>
      <c r="GV1269" s="91"/>
      <c r="GW1269" s="91"/>
      <c r="GX1269" s="91"/>
      <c r="GY1269" s="91"/>
      <c r="GZ1269" s="91"/>
      <c r="HA1269" s="91"/>
      <c r="HB1269" s="91"/>
      <c r="HC1269" s="91"/>
      <c r="HD1269" s="91"/>
      <c r="HE1269" s="91"/>
      <c r="HF1269" s="91"/>
      <c r="HG1269" s="91"/>
      <c r="HH1269" s="91"/>
      <c r="HI1269" s="91"/>
      <c r="HJ1269" s="91"/>
      <c r="HK1269" s="127"/>
      <c r="HL1269" s="126"/>
      <c r="HM1269" s="91"/>
      <c r="HN1269" s="91"/>
      <c r="HO1269" s="91"/>
      <c r="HP1269" s="91"/>
      <c r="HQ1269" s="91"/>
      <c r="HR1269" s="91"/>
      <c r="HS1269" s="91"/>
      <c r="HT1269" s="91"/>
      <c r="HU1269" s="91"/>
      <c r="HV1269" s="91"/>
      <c r="HW1269" s="91"/>
      <c r="HX1269" s="91"/>
      <c r="HY1269" s="91"/>
      <c r="HZ1269" s="91"/>
      <c r="IA1269" s="91"/>
      <c r="IB1269" s="91"/>
      <c r="IC1269" s="91"/>
      <c r="ID1269" s="91"/>
      <c r="IE1269" s="91"/>
      <c r="IF1269" s="91"/>
      <c r="IG1269" s="91"/>
      <c r="IH1269" s="91"/>
      <c r="II1269" s="91"/>
      <c r="IJ1269" s="91"/>
      <c r="IK1269" s="127"/>
    </row>
    <row r="1270" spans="2:245" ht="13.5" thickBot="1" x14ac:dyDescent="0.25">
      <c r="B1270" s="43"/>
      <c r="C1270" s="73"/>
      <c r="D1270" s="64"/>
      <c r="E1270" s="64"/>
      <c r="F1270" s="55"/>
      <c r="G1270" s="102"/>
      <c r="H1270" s="55"/>
      <c r="I1270" s="55"/>
      <c r="J1270" s="55"/>
      <c r="K1270" s="55"/>
      <c r="L1270" s="55"/>
      <c r="M1270" s="55"/>
      <c r="N1270" s="55"/>
      <c r="O1270" s="55"/>
      <c r="P1270" s="55"/>
      <c r="Q1270" s="55"/>
      <c r="R1270" s="55"/>
      <c r="S1270" s="55"/>
      <c r="T1270" s="55"/>
      <c r="U1270" s="55"/>
      <c r="V1270" s="55"/>
      <c r="W1270" s="55"/>
      <c r="X1270" s="55"/>
      <c r="Y1270" s="55"/>
      <c r="Z1270" s="55"/>
      <c r="AA1270" s="55"/>
      <c r="AB1270" s="55"/>
      <c r="AC1270" s="55"/>
      <c r="AD1270" s="55"/>
      <c r="AE1270" s="55"/>
      <c r="AF1270" s="55"/>
      <c r="AG1270" s="55"/>
      <c r="AY1270" s="162"/>
      <c r="AZ1270" s="162"/>
      <c r="BA1270" s="162"/>
      <c r="BB1270" s="162"/>
      <c r="BC1270" s="162"/>
      <c r="BD1270" s="162"/>
      <c r="BE1270" s="162"/>
      <c r="BF1270" s="162"/>
      <c r="BG1270" s="162"/>
      <c r="BH1270" s="162"/>
      <c r="BI1270" s="162"/>
      <c r="BJ1270" s="162"/>
      <c r="BK1270" s="162"/>
      <c r="BL1270" s="162"/>
      <c r="BM1270" s="162"/>
      <c r="BN1270" s="162"/>
      <c r="BO1270" s="162"/>
      <c r="BP1270" s="162"/>
      <c r="BQ1270" s="162"/>
      <c r="BR1270" s="162"/>
      <c r="BS1270" s="162"/>
      <c r="BT1270" s="162"/>
      <c r="BU1270" s="162"/>
      <c r="BV1270" s="162"/>
      <c r="BW1270" s="162"/>
      <c r="BX1270" s="162"/>
      <c r="BY1270" s="162"/>
      <c r="BZ1270" s="162"/>
      <c r="CA1270" s="162"/>
      <c r="CB1270" s="162"/>
      <c r="CC1270" s="162"/>
      <c r="CD1270" s="162"/>
      <c r="CE1270" s="162"/>
      <c r="CF1270" s="162"/>
      <c r="CG1270" s="162"/>
      <c r="CH1270" s="162"/>
      <c r="CI1270" s="162"/>
      <c r="CJ1270" s="162"/>
      <c r="CK1270" s="162"/>
      <c r="CL1270" s="166"/>
      <c r="CM1270" s="166"/>
      <c r="CN1270" s="166"/>
      <c r="CO1270" s="166"/>
      <c r="CP1270" s="166"/>
      <c r="CQ1270" s="166"/>
      <c r="CR1270" s="166"/>
      <c r="CS1270" s="166"/>
      <c r="CT1270" s="166"/>
      <c r="CU1270" s="166"/>
      <c r="CV1270" s="166"/>
      <c r="CW1270" s="166"/>
      <c r="CX1270" s="176"/>
      <c r="CY1270" s="166"/>
      <c r="CZ1270" s="166"/>
      <c r="DA1270" s="166"/>
      <c r="DB1270" s="166"/>
      <c r="DC1270" s="166"/>
      <c r="DD1270" s="166"/>
      <c r="DE1270" s="166"/>
      <c r="DF1270" s="166"/>
      <c r="DG1270" s="166"/>
      <c r="DH1270" s="166"/>
      <c r="DI1270" s="166"/>
      <c r="DJ1270" s="166"/>
      <c r="DK1270" s="166"/>
      <c r="DL1270" s="175"/>
      <c r="DM1270" s="166"/>
      <c r="DN1270" s="166"/>
      <c r="DO1270" s="166"/>
      <c r="DP1270" s="166"/>
      <c r="DQ1270" s="166"/>
      <c r="DR1270" s="166"/>
      <c r="DS1270" s="166"/>
      <c r="DT1270" s="166"/>
      <c r="DU1270" s="166"/>
      <c r="DV1270" s="166"/>
      <c r="DW1270" s="166"/>
      <c r="DX1270" s="176"/>
      <c r="DY1270" s="166"/>
      <c r="DZ1270" s="166"/>
      <c r="EA1270" s="166"/>
      <c r="EB1270" s="166"/>
      <c r="EC1270" s="166"/>
      <c r="ED1270" s="166"/>
      <c r="EE1270" s="166"/>
      <c r="EF1270" s="166"/>
      <c r="EG1270" s="166"/>
      <c r="EH1270" s="166"/>
      <c r="EI1270" s="166"/>
      <c r="EJ1270" s="166"/>
      <c r="EK1270" s="166"/>
      <c r="EL1270" s="175"/>
      <c r="EM1270" s="166"/>
      <c r="EN1270" s="166"/>
      <c r="EO1270" s="166"/>
      <c r="EP1270" s="166"/>
      <c r="EQ1270" s="166"/>
      <c r="ER1270" s="166"/>
      <c r="ES1270" s="166"/>
      <c r="ET1270" s="166"/>
      <c r="EU1270" s="166"/>
      <c r="EV1270" s="166"/>
      <c r="EW1270" s="166"/>
      <c r="EX1270" s="176"/>
      <c r="EY1270" s="175"/>
      <c r="EZ1270" s="166"/>
      <c r="FA1270" s="166"/>
      <c r="FB1270" s="166"/>
      <c r="FC1270" s="166"/>
      <c r="FD1270" s="166"/>
      <c r="FE1270" s="166"/>
      <c r="FF1270" s="166"/>
      <c r="FG1270" s="166"/>
      <c r="FH1270" s="166"/>
      <c r="FI1270" s="166"/>
      <c r="FJ1270" s="166"/>
      <c r="FK1270" s="166"/>
      <c r="FL1270" s="126"/>
      <c r="FM1270" s="91"/>
      <c r="FN1270" s="91"/>
      <c r="FO1270" s="91"/>
      <c r="FP1270" s="91"/>
      <c r="FQ1270" s="91"/>
      <c r="FR1270" s="91"/>
      <c r="FS1270" s="91"/>
      <c r="FT1270" s="91"/>
      <c r="FU1270" s="91"/>
      <c r="FV1270" s="91"/>
      <c r="FW1270" s="91"/>
      <c r="FX1270" s="91"/>
      <c r="FY1270" s="91"/>
      <c r="FZ1270" s="91"/>
      <c r="GA1270" s="91"/>
      <c r="GB1270" s="91"/>
      <c r="GC1270" s="91"/>
      <c r="GD1270" s="91"/>
      <c r="GE1270" s="91"/>
      <c r="GF1270" s="91"/>
      <c r="GG1270" s="91"/>
      <c r="GH1270" s="91"/>
      <c r="GI1270" s="91"/>
      <c r="GJ1270" s="91"/>
      <c r="GK1270" s="127"/>
      <c r="GL1270" s="126"/>
      <c r="GM1270" s="91"/>
      <c r="GN1270" s="91"/>
      <c r="GO1270" s="91"/>
      <c r="GP1270" s="91"/>
      <c r="GQ1270" s="91"/>
      <c r="GR1270" s="91"/>
      <c r="GS1270" s="91"/>
      <c r="GT1270" s="91"/>
      <c r="GU1270" s="91"/>
      <c r="GV1270" s="91"/>
      <c r="GW1270" s="91"/>
      <c r="GX1270" s="91"/>
      <c r="GY1270" s="91"/>
      <c r="GZ1270" s="91"/>
      <c r="HA1270" s="91"/>
      <c r="HB1270" s="91"/>
      <c r="HC1270" s="91"/>
      <c r="HD1270" s="91"/>
      <c r="HE1270" s="91"/>
      <c r="HF1270" s="91"/>
      <c r="HG1270" s="91"/>
      <c r="HH1270" s="91"/>
      <c r="HI1270" s="91"/>
      <c r="HJ1270" s="91"/>
      <c r="HK1270" s="127"/>
      <c r="HL1270" s="126"/>
      <c r="HM1270" s="91"/>
      <c r="HN1270" s="91"/>
      <c r="HO1270" s="91"/>
      <c r="HP1270" s="91"/>
      <c r="HQ1270" s="91"/>
      <c r="HR1270" s="91"/>
      <c r="HS1270" s="91"/>
      <c r="HT1270" s="91"/>
      <c r="HU1270" s="91"/>
      <c r="HV1270" s="91"/>
      <c r="HW1270" s="91"/>
      <c r="HX1270" s="91"/>
      <c r="HY1270" s="91"/>
      <c r="HZ1270" s="91"/>
      <c r="IA1270" s="91"/>
      <c r="IB1270" s="91"/>
      <c r="IC1270" s="91"/>
      <c r="ID1270" s="91"/>
      <c r="IE1270" s="91"/>
      <c r="IF1270" s="91"/>
      <c r="IG1270" s="91"/>
      <c r="IH1270" s="91"/>
      <c r="II1270" s="91"/>
      <c r="IJ1270" s="91"/>
      <c r="IK1270" s="127"/>
    </row>
    <row r="1271" spans="2:245" x14ac:dyDescent="0.2">
      <c r="B1271" s="43"/>
      <c r="C1271" s="73"/>
      <c r="D1271" s="64"/>
      <c r="E1271" s="64"/>
      <c r="F1271" s="55"/>
      <c r="G1271" s="102"/>
      <c r="H1271" s="55"/>
      <c r="I1271" s="55"/>
      <c r="J1271" s="55"/>
      <c r="K1271" s="55"/>
      <c r="L1271" s="55"/>
      <c r="M1271" s="55"/>
      <c r="N1271" s="55"/>
      <c r="O1271" s="55"/>
      <c r="P1271" s="55"/>
      <c r="Q1271" s="55"/>
      <c r="R1271" s="55"/>
      <c r="S1271" s="55"/>
      <c r="T1271" s="55"/>
      <c r="U1271" s="55"/>
      <c r="V1271" s="55"/>
      <c r="W1271" s="55"/>
      <c r="X1271" s="55"/>
      <c r="Y1271" s="55"/>
      <c r="Z1271" s="55"/>
      <c r="AA1271" s="55"/>
      <c r="AB1271" s="55"/>
      <c r="AC1271" s="55"/>
      <c r="AD1271" s="55"/>
      <c r="AE1271" s="55"/>
      <c r="AF1271" s="55"/>
      <c r="AG1271" s="55"/>
      <c r="AY1271" s="162"/>
      <c r="AZ1271" s="162"/>
      <c r="BA1271" s="162"/>
      <c r="BB1271" s="162"/>
      <c r="BC1271" s="162"/>
      <c r="BD1271" s="162"/>
      <c r="BE1271" s="162"/>
      <c r="BF1271" s="162"/>
      <c r="BG1271" s="162"/>
      <c r="BH1271" s="162"/>
      <c r="BI1271" s="162"/>
      <c r="BJ1271" s="162"/>
      <c r="BK1271" s="162"/>
      <c r="BL1271" s="162"/>
      <c r="BM1271" s="162"/>
      <c r="BN1271" s="162"/>
      <c r="BO1271" s="162"/>
      <c r="BP1271" s="162"/>
      <c r="BQ1271" s="162"/>
      <c r="BR1271" s="162"/>
      <c r="BS1271" s="162"/>
      <c r="BT1271" s="162"/>
      <c r="BU1271" s="162"/>
      <c r="BV1271" s="162"/>
      <c r="BW1271" s="162"/>
      <c r="BX1271" s="162"/>
      <c r="BY1271" s="162"/>
      <c r="BZ1271" s="162"/>
      <c r="CA1271" s="162"/>
      <c r="CB1271" s="162"/>
      <c r="CC1271" s="162"/>
      <c r="CD1271" s="162"/>
      <c r="CE1271" s="162"/>
      <c r="CF1271" s="162"/>
      <c r="CG1271" s="162"/>
      <c r="CH1271" s="162"/>
      <c r="CI1271" s="162"/>
      <c r="CJ1271" s="162"/>
      <c r="CK1271" s="162"/>
      <c r="CX1271" s="98"/>
      <c r="DL1271" s="97"/>
      <c r="DX1271" s="98"/>
      <c r="EL1271" s="97"/>
      <c r="EX1271" s="98"/>
      <c r="EY1271" s="97"/>
      <c r="FL1271" s="126"/>
      <c r="FM1271" s="91"/>
      <c r="FN1271" s="91"/>
      <c r="FO1271" s="91"/>
      <c r="FP1271" s="91"/>
      <c r="FQ1271" s="91"/>
      <c r="FR1271" s="91"/>
      <c r="FS1271" s="91"/>
      <c r="FT1271" s="91"/>
      <c r="FU1271" s="91"/>
      <c r="FV1271" s="91"/>
      <c r="FW1271" s="91"/>
      <c r="FX1271" s="91"/>
      <c r="FY1271" s="91"/>
      <c r="FZ1271" s="91"/>
      <c r="GA1271" s="91"/>
      <c r="GB1271" s="91"/>
      <c r="GC1271" s="91"/>
      <c r="GD1271" s="91"/>
      <c r="GE1271" s="91"/>
      <c r="GF1271" s="91"/>
      <c r="GG1271" s="91"/>
      <c r="GH1271" s="91"/>
      <c r="GI1271" s="91"/>
      <c r="GJ1271" s="91"/>
      <c r="GK1271" s="127"/>
      <c r="GL1271" s="126"/>
      <c r="GM1271" s="91"/>
      <c r="GN1271" s="91"/>
      <c r="GO1271" s="91"/>
      <c r="GP1271" s="91"/>
      <c r="GQ1271" s="91"/>
      <c r="GR1271" s="91"/>
      <c r="GS1271" s="91"/>
      <c r="GT1271" s="91"/>
      <c r="GU1271" s="91"/>
      <c r="GV1271" s="91"/>
      <c r="GW1271" s="91"/>
      <c r="GX1271" s="91"/>
      <c r="GY1271" s="91"/>
      <c r="GZ1271" s="91"/>
      <c r="HA1271" s="91"/>
      <c r="HB1271" s="91"/>
      <c r="HC1271" s="91"/>
      <c r="HD1271" s="91"/>
      <c r="HE1271" s="91"/>
      <c r="HF1271" s="91"/>
      <c r="HG1271" s="91"/>
      <c r="HH1271" s="91"/>
      <c r="HI1271" s="91"/>
      <c r="HJ1271" s="91"/>
      <c r="HK1271" s="127"/>
      <c r="HL1271" s="126"/>
      <c r="HM1271" s="91"/>
      <c r="HN1271" s="91"/>
      <c r="HO1271" s="91"/>
      <c r="HP1271" s="91"/>
      <c r="HQ1271" s="91"/>
      <c r="HR1271" s="91"/>
      <c r="HS1271" s="91"/>
      <c r="HT1271" s="91"/>
      <c r="HU1271" s="91"/>
      <c r="HV1271" s="91"/>
      <c r="HW1271" s="91"/>
      <c r="HX1271" s="91"/>
      <c r="HY1271" s="91"/>
      <c r="HZ1271" s="91"/>
      <c r="IA1271" s="91"/>
      <c r="IB1271" s="91"/>
      <c r="IC1271" s="91"/>
      <c r="ID1271" s="91"/>
      <c r="IE1271" s="91"/>
      <c r="IF1271" s="91"/>
      <c r="IG1271" s="91"/>
      <c r="IH1271" s="91"/>
      <c r="II1271" s="91"/>
      <c r="IJ1271" s="91"/>
      <c r="IK1271" s="127"/>
    </row>
    <row r="1272" spans="2:245" x14ac:dyDescent="0.2">
      <c r="B1272" s="43"/>
      <c r="C1272" s="73"/>
      <c r="D1272" s="64"/>
      <c r="E1272" s="64"/>
      <c r="F1272" s="55"/>
      <c r="G1272" s="102"/>
      <c r="H1272" s="55"/>
      <c r="I1272" s="55"/>
      <c r="J1272" s="55"/>
      <c r="K1272" s="55"/>
      <c r="L1272" s="55"/>
      <c r="M1272" s="55"/>
      <c r="N1272" s="55"/>
      <c r="O1272" s="55"/>
      <c r="P1272" s="55"/>
      <c r="Q1272" s="55"/>
      <c r="R1272" s="55"/>
      <c r="S1272" s="55"/>
      <c r="T1272" s="55"/>
      <c r="U1272" s="55"/>
      <c r="V1272" s="55"/>
      <c r="W1272" s="55"/>
      <c r="X1272" s="55"/>
      <c r="Y1272" s="55"/>
      <c r="Z1272" s="55"/>
      <c r="AA1272" s="55"/>
      <c r="AB1272" s="55"/>
      <c r="AC1272" s="55"/>
      <c r="AD1272" s="55"/>
      <c r="AE1272" s="55"/>
      <c r="AF1272" s="55"/>
      <c r="AG1272" s="55"/>
      <c r="AY1272" s="162"/>
      <c r="AZ1272" s="162"/>
      <c r="BA1272" s="162"/>
      <c r="BB1272" s="162"/>
      <c r="BC1272" s="162"/>
      <c r="BD1272" s="162"/>
      <c r="BE1272" s="162"/>
      <c r="BF1272" s="162"/>
      <c r="BG1272" s="162"/>
      <c r="BH1272" s="162"/>
      <c r="BI1272" s="162"/>
      <c r="BJ1272" s="162"/>
      <c r="BK1272" s="162"/>
      <c r="BL1272" s="162"/>
      <c r="BM1272" s="162"/>
      <c r="BN1272" s="162"/>
      <c r="BO1272" s="162"/>
      <c r="BP1272" s="162"/>
      <c r="BQ1272" s="162"/>
      <c r="BR1272" s="162"/>
      <c r="BS1272" s="162"/>
      <c r="BT1272" s="162"/>
      <c r="BU1272" s="162"/>
      <c r="BV1272" s="162"/>
      <c r="BW1272" s="162"/>
      <c r="BX1272" s="162"/>
      <c r="BY1272" s="162"/>
      <c r="BZ1272" s="162"/>
      <c r="CA1272" s="162"/>
      <c r="CB1272" s="162"/>
      <c r="CC1272" s="162"/>
      <c r="CD1272" s="162"/>
      <c r="CE1272" s="162"/>
      <c r="CF1272" s="162"/>
      <c r="CG1272" s="162"/>
      <c r="CH1272" s="162"/>
      <c r="CI1272" s="162"/>
      <c r="CJ1272" s="162"/>
      <c r="CK1272" s="162"/>
      <c r="CX1272" s="98"/>
      <c r="DL1272" s="97"/>
      <c r="DX1272" s="98"/>
      <c r="EL1272" s="97"/>
      <c r="EX1272" s="98"/>
      <c r="EY1272" s="97"/>
      <c r="FL1272" s="126"/>
      <c r="FM1272" s="91"/>
      <c r="FN1272" s="91"/>
      <c r="FO1272" s="91"/>
      <c r="FP1272" s="91"/>
      <c r="FQ1272" s="91"/>
      <c r="FR1272" s="91"/>
      <c r="FS1272" s="91"/>
      <c r="FT1272" s="91"/>
      <c r="FU1272" s="91"/>
      <c r="FV1272" s="91"/>
      <c r="FW1272" s="91"/>
      <c r="FX1272" s="91"/>
      <c r="FY1272" s="91"/>
      <c r="FZ1272" s="91"/>
      <c r="GA1272" s="91"/>
      <c r="GB1272" s="91"/>
      <c r="GC1272" s="91"/>
      <c r="GD1272" s="91"/>
      <c r="GE1272" s="91"/>
      <c r="GF1272" s="91"/>
      <c r="GG1272" s="91"/>
      <c r="GH1272" s="91"/>
      <c r="GI1272" s="91"/>
      <c r="GJ1272" s="91"/>
      <c r="GK1272" s="127"/>
      <c r="GL1272" s="126"/>
      <c r="GM1272" s="91"/>
      <c r="GN1272" s="91"/>
      <c r="GO1272" s="91"/>
      <c r="GP1272" s="91"/>
      <c r="GQ1272" s="91"/>
      <c r="GR1272" s="91"/>
      <c r="GS1272" s="91"/>
      <c r="GT1272" s="91"/>
      <c r="GU1272" s="91"/>
      <c r="GV1272" s="91"/>
      <c r="GW1272" s="91"/>
      <c r="GX1272" s="91"/>
      <c r="GY1272" s="91"/>
      <c r="GZ1272" s="91"/>
      <c r="HA1272" s="91"/>
      <c r="HB1272" s="91"/>
      <c r="HC1272" s="91"/>
      <c r="HD1272" s="91"/>
      <c r="HE1272" s="91"/>
      <c r="HF1272" s="91"/>
      <c r="HG1272" s="91"/>
      <c r="HH1272" s="91"/>
      <c r="HI1272" s="91"/>
      <c r="HJ1272" s="91"/>
      <c r="HK1272" s="127"/>
      <c r="HL1272" s="126"/>
      <c r="HM1272" s="91"/>
      <c r="HN1272" s="91"/>
      <c r="HO1272" s="91"/>
      <c r="HP1272" s="91"/>
      <c r="HQ1272" s="91"/>
      <c r="HR1272" s="91"/>
      <c r="HS1272" s="91"/>
      <c r="HT1272" s="91"/>
      <c r="HU1272" s="91"/>
      <c r="HV1272" s="91"/>
      <c r="HW1272" s="91"/>
      <c r="HX1272" s="91"/>
      <c r="HY1272" s="91"/>
      <c r="HZ1272" s="91"/>
      <c r="IA1272" s="91"/>
      <c r="IB1272" s="91"/>
      <c r="IC1272" s="91"/>
      <c r="ID1272" s="91"/>
      <c r="IE1272" s="91"/>
      <c r="IF1272" s="91"/>
      <c r="IG1272" s="91"/>
      <c r="IH1272" s="91"/>
      <c r="II1272" s="91"/>
      <c r="IJ1272" s="91"/>
      <c r="IK1272" s="127"/>
    </row>
    <row r="1273" spans="2:245" x14ac:dyDescent="0.2">
      <c r="B1273" s="43"/>
      <c r="C1273" s="73"/>
      <c r="D1273" s="64"/>
      <c r="E1273" s="64"/>
      <c r="F1273" s="55"/>
      <c r="G1273" s="102"/>
      <c r="H1273" s="55"/>
      <c r="I1273" s="55"/>
      <c r="J1273" s="55"/>
      <c r="K1273" s="55"/>
      <c r="L1273" s="55"/>
      <c r="M1273" s="55"/>
      <c r="N1273" s="55"/>
      <c r="O1273" s="55"/>
      <c r="P1273" s="55"/>
      <c r="Q1273" s="55"/>
      <c r="R1273" s="55"/>
      <c r="S1273" s="55"/>
      <c r="T1273" s="55"/>
      <c r="U1273" s="55"/>
      <c r="V1273" s="55"/>
      <c r="W1273" s="55"/>
      <c r="X1273" s="55"/>
      <c r="Y1273" s="55"/>
      <c r="Z1273" s="55"/>
      <c r="AA1273" s="55"/>
      <c r="AB1273" s="55"/>
      <c r="AC1273" s="55"/>
      <c r="AD1273" s="55"/>
      <c r="AE1273" s="55"/>
      <c r="AF1273" s="55"/>
      <c r="AG1273" s="55"/>
      <c r="AY1273" s="162"/>
      <c r="AZ1273" s="162"/>
      <c r="BA1273" s="162"/>
      <c r="BB1273" s="162"/>
      <c r="BC1273" s="162"/>
      <c r="BD1273" s="162"/>
      <c r="BE1273" s="162"/>
      <c r="BF1273" s="162"/>
      <c r="BG1273" s="162"/>
      <c r="BH1273" s="162"/>
      <c r="BI1273" s="162"/>
      <c r="BJ1273" s="162"/>
      <c r="BK1273" s="162"/>
      <c r="BL1273" s="162"/>
      <c r="BM1273" s="162"/>
      <c r="BN1273" s="162"/>
      <c r="BO1273" s="162"/>
      <c r="BP1273" s="162"/>
      <c r="BQ1273" s="162"/>
      <c r="BR1273" s="162"/>
      <c r="BS1273" s="162"/>
      <c r="BT1273" s="162"/>
      <c r="BU1273" s="162"/>
      <c r="BV1273" s="162"/>
      <c r="BW1273" s="162"/>
      <c r="BX1273" s="162"/>
      <c r="BY1273" s="162"/>
      <c r="BZ1273" s="162"/>
      <c r="CA1273" s="162"/>
      <c r="CB1273" s="162"/>
      <c r="CC1273" s="162"/>
      <c r="CD1273" s="162"/>
      <c r="CE1273" s="162"/>
      <c r="CF1273" s="162"/>
      <c r="CG1273" s="162"/>
      <c r="CH1273" s="162"/>
      <c r="CI1273" s="162"/>
      <c r="CJ1273" s="162"/>
      <c r="CK1273" s="162"/>
      <c r="CX1273" s="98"/>
      <c r="DL1273" s="97"/>
      <c r="DX1273" s="98"/>
      <c r="EL1273" s="97"/>
      <c r="EX1273" s="98"/>
      <c r="EY1273" s="97"/>
      <c r="FL1273" s="126"/>
      <c r="FM1273" s="91"/>
      <c r="FN1273" s="91"/>
      <c r="FO1273" s="91"/>
      <c r="FP1273" s="91"/>
      <c r="FQ1273" s="91"/>
      <c r="FR1273" s="91"/>
      <c r="FS1273" s="91"/>
      <c r="FT1273" s="91"/>
      <c r="FU1273" s="91"/>
      <c r="FV1273" s="91"/>
      <c r="FW1273" s="91"/>
      <c r="FX1273" s="91"/>
      <c r="FY1273" s="91"/>
      <c r="FZ1273" s="91"/>
      <c r="GA1273" s="91"/>
      <c r="GB1273" s="91"/>
      <c r="GC1273" s="91"/>
      <c r="GD1273" s="91"/>
      <c r="GE1273" s="91"/>
      <c r="GF1273" s="91"/>
      <c r="GG1273" s="91"/>
      <c r="GH1273" s="91"/>
      <c r="GI1273" s="91"/>
      <c r="GJ1273" s="91"/>
      <c r="GK1273" s="127"/>
      <c r="GL1273" s="126"/>
      <c r="GM1273" s="91"/>
      <c r="GN1273" s="91"/>
      <c r="GO1273" s="91"/>
      <c r="GP1273" s="91"/>
      <c r="GQ1273" s="91"/>
      <c r="GR1273" s="91"/>
      <c r="GS1273" s="91"/>
      <c r="GT1273" s="91"/>
      <c r="GU1273" s="91"/>
      <c r="GV1273" s="91"/>
      <c r="GW1273" s="91"/>
      <c r="GX1273" s="91"/>
      <c r="GY1273" s="91"/>
      <c r="GZ1273" s="91"/>
      <c r="HA1273" s="91"/>
      <c r="HB1273" s="91"/>
      <c r="HC1273" s="91"/>
      <c r="HD1273" s="91"/>
      <c r="HE1273" s="91"/>
      <c r="HF1273" s="91"/>
      <c r="HG1273" s="91"/>
      <c r="HH1273" s="91"/>
      <c r="HI1273" s="91"/>
      <c r="HJ1273" s="91"/>
      <c r="HK1273" s="127"/>
      <c r="HL1273" s="126"/>
      <c r="HM1273" s="91"/>
      <c r="HN1273" s="91"/>
      <c r="HO1273" s="91"/>
      <c r="HP1273" s="91"/>
      <c r="HQ1273" s="91"/>
      <c r="HR1273" s="91"/>
      <c r="HS1273" s="91"/>
      <c r="HT1273" s="91"/>
      <c r="HU1273" s="91"/>
      <c r="HV1273" s="91"/>
      <c r="HW1273" s="91"/>
      <c r="HX1273" s="91"/>
      <c r="HY1273" s="91"/>
      <c r="HZ1273" s="91"/>
      <c r="IA1273" s="91"/>
      <c r="IB1273" s="91"/>
      <c r="IC1273" s="91"/>
      <c r="ID1273" s="91"/>
      <c r="IE1273" s="91"/>
      <c r="IF1273" s="91"/>
      <c r="IG1273" s="91"/>
      <c r="IH1273" s="91"/>
      <c r="II1273" s="91"/>
      <c r="IJ1273" s="91"/>
      <c r="IK1273" s="127"/>
    </row>
    <row r="1274" spans="2:245" x14ac:dyDescent="0.2">
      <c r="B1274" s="43"/>
      <c r="C1274" s="73"/>
      <c r="D1274" s="64"/>
      <c r="E1274" s="64"/>
      <c r="F1274" s="55"/>
      <c r="G1274" s="102"/>
      <c r="H1274" s="55"/>
      <c r="I1274" s="55"/>
      <c r="J1274" s="55"/>
      <c r="K1274" s="55"/>
      <c r="L1274" s="55"/>
      <c r="M1274" s="55"/>
      <c r="N1274" s="55"/>
      <c r="O1274" s="55"/>
      <c r="P1274" s="55"/>
      <c r="Q1274" s="55"/>
      <c r="R1274" s="55"/>
      <c r="S1274" s="55"/>
      <c r="T1274" s="55"/>
      <c r="U1274" s="55"/>
      <c r="V1274" s="55"/>
      <c r="W1274" s="55"/>
      <c r="X1274" s="55"/>
      <c r="Y1274" s="55"/>
      <c r="Z1274" s="55"/>
      <c r="AA1274" s="55"/>
      <c r="AB1274" s="55"/>
      <c r="AC1274" s="55"/>
      <c r="AD1274" s="55"/>
      <c r="AE1274" s="55"/>
      <c r="AF1274" s="55"/>
      <c r="AG1274" s="55"/>
      <c r="AY1274" s="162"/>
      <c r="AZ1274" s="162"/>
      <c r="BA1274" s="162"/>
      <c r="BB1274" s="162"/>
      <c r="BC1274" s="162"/>
      <c r="BD1274" s="162"/>
      <c r="BE1274" s="162"/>
      <c r="BF1274" s="162"/>
      <c r="BG1274" s="162"/>
      <c r="BH1274" s="162"/>
      <c r="BI1274" s="162"/>
      <c r="BJ1274" s="162"/>
      <c r="BK1274" s="162"/>
      <c r="BL1274" s="162"/>
      <c r="BM1274" s="162"/>
      <c r="BN1274" s="162"/>
      <c r="BO1274" s="162"/>
      <c r="BP1274" s="162"/>
      <c r="BQ1274" s="162"/>
      <c r="BR1274" s="162"/>
      <c r="BS1274" s="162"/>
      <c r="BT1274" s="162"/>
      <c r="BU1274" s="162"/>
      <c r="BV1274" s="162"/>
      <c r="BW1274" s="162"/>
      <c r="BX1274" s="162"/>
      <c r="BY1274" s="162"/>
      <c r="BZ1274" s="162"/>
      <c r="CA1274" s="162"/>
      <c r="CB1274" s="162"/>
      <c r="CC1274" s="162"/>
      <c r="CD1274" s="162"/>
      <c r="CE1274" s="162"/>
      <c r="CF1274" s="162"/>
      <c r="CG1274" s="162"/>
      <c r="CH1274" s="162"/>
      <c r="CI1274" s="162"/>
      <c r="CJ1274" s="162"/>
      <c r="CK1274" s="162"/>
      <c r="CX1274" s="98"/>
      <c r="DL1274" s="97"/>
      <c r="DX1274" s="98"/>
      <c r="EL1274" s="97"/>
      <c r="EX1274" s="98"/>
      <c r="EY1274" s="97"/>
      <c r="FL1274" s="126"/>
      <c r="FM1274" s="91"/>
      <c r="FN1274" s="91"/>
      <c r="FO1274" s="91"/>
      <c r="FP1274" s="91"/>
      <c r="FQ1274" s="91"/>
      <c r="FR1274" s="91"/>
      <c r="FS1274" s="91"/>
      <c r="FT1274" s="91"/>
      <c r="FU1274" s="91"/>
      <c r="FV1274" s="91"/>
      <c r="FW1274" s="91"/>
      <c r="FX1274" s="91"/>
      <c r="FY1274" s="91"/>
      <c r="FZ1274" s="91"/>
      <c r="GA1274" s="91"/>
      <c r="GB1274" s="91"/>
      <c r="GC1274" s="91"/>
      <c r="GD1274" s="91"/>
      <c r="GE1274" s="91"/>
      <c r="GF1274" s="91"/>
      <c r="GG1274" s="91"/>
      <c r="GH1274" s="91"/>
      <c r="GI1274" s="91"/>
      <c r="GJ1274" s="91"/>
      <c r="GK1274" s="127"/>
      <c r="GL1274" s="126"/>
      <c r="GM1274" s="91"/>
      <c r="GN1274" s="91"/>
      <c r="GO1274" s="91"/>
      <c r="GP1274" s="91"/>
      <c r="GQ1274" s="91"/>
      <c r="GR1274" s="91"/>
      <c r="GS1274" s="91"/>
      <c r="GT1274" s="91"/>
      <c r="GU1274" s="91"/>
      <c r="GV1274" s="91"/>
      <c r="GW1274" s="91"/>
      <c r="GX1274" s="91"/>
      <c r="GY1274" s="91"/>
      <c r="GZ1274" s="91"/>
      <c r="HA1274" s="91"/>
      <c r="HB1274" s="91"/>
      <c r="HC1274" s="91"/>
      <c r="HD1274" s="91"/>
      <c r="HE1274" s="91"/>
      <c r="HF1274" s="91"/>
      <c r="HG1274" s="91"/>
      <c r="HH1274" s="91"/>
      <c r="HI1274" s="91"/>
      <c r="HJ1274" s="91"/>
      <c r="HK1274" s="127"/>
      <c r="HL1274" s="126"/>
      <c r="HM1274" s="91"/>
      <c r="HN1274" s="91"/>
      <c r="HO1274" s="91"/>
      <c r="HP1274" s="91"/>
      <c r="HQ1274" s="91"/>
      <c r="HR1274" s="91"/>
      <c r="HS1274" s="91"/>
      <c r="HT1274" s="91"/>
      <c r="HU1274" s="91"/>
      <c r="HV1274" s="91"/>
      <c r="HW1274" s="91"/>
      <c r="HX1274" s="91"/>
      <c r="HY1274" s="91"/>
      <c r="HZ1274" s="91"/>
      <c r="IA1274" s="91"/>
      <c r="IB1274" s="91"/>
      <c r="IC1274" s="91"/>
      <c r="ID1274" s="91"/>
      <c r="IE1274" s="91"/>
      <c r="IF1274" s="91"/>
      <c r="IG1274" s="91"/>
      <c r="IH1274" s="91"/>
      <c r="II1274" s="91"/>
      <c r="IJ1274" s="91"/>
      <c r="IK1274" s="127"/>
    </row>
    <row r="1275" spans="2:245" ht="13.5" thickBot="1" x14ac:dyDescent="0.25">
      <c r="B1275" s="43"/>
      <c r="C1275" s="73"/>
      <c r="D1275" s="64"/>
      <c r="E1275" s="64"/>
      <c r="F1275" s="55"/>
      <c r="G1275" s="102"/>
      <c r="H1275" s="55"/>
      <c r="I1275" s="55"/>
      <c r="J1275" s="55"/>
      <c r="K1275" s="55"/>
      <c r="L1275" s="55"/>
      <c r="M1275" s="55"/>
      <c r="N1275" s="55"/>
      <c r="O1275" s="55"/>
      <c r="P1275" s="55"/>
      <c r="Q1275" s="55"/>
      <c r="R1275" s="55"/>
      <c r="S1275" s="55"/>
      <c r="T1275" s="55"/>
      <c r="U1275" s="55"/>
      <c r="V1275" s="55"/>
      <c r="W1275" s="55"/>
      <c r="X1275" s="55"/>
      <c r="Y1275" s="55"/>
      <c r="Z1275" s="55"/>
      <c r="AA1275" s="55"/>
      <c r="AB1275" s="55"/>
      <c r="AC1275" s="55"/>
      <c r="AD1275" s="55"/>
      <c r="AE1275" s="55"/>
      <c r="AF1275" s="55"/>
      <c r="AG1275" s="55"/>
      <c r="AY1275" s="162"/>
      <c r="AZ1275" s="162"/>
      <c r="BA1275" s="162"/>
      <c r="BB1275" s="162"/>
      <c r="BC1275" s="162"/>
      <c r="BD1275" s="162"/>
      <c r="BE1275" s="162"/>
      <c r="BF1275" s="162"/>
      <c r="BG1275" s="162"/>
      <c r="BH1275" s="162"/>
      <c r="BI1275" s="162"/>
      <c r="BJ1275" s="162"/>
      <c r="BK1275" s="162"/>
      <c r="BL1275" s="162"/>
      <c r="BM1275" s="162"/>
      <c r="BN1275" s="162"/>
      <c r="BO1275" s="162"/>
      <c r="BP1275" s="162"/>
      <c r="BQ1275" s="162"/>
      <c r="BR1275" s="162"/>
      <c r="BS1275" s="162"/>
      <c r="BT1275" s="162"/>
      <c r="BU1275" s="162"/>
      <c r="BV1275" s="162"/>
      <c r="BW1275" s="162"/>
      <c r="BX1275" s="162"/>
      <c r="BY1275" s="162"/>
      <c r="BZ1275" s="162"/>
      <c r="CA1275" s="162"/>
      <c r="CB1275" s="162"/>
      <c r="CC1275" s="162"/>
      <c r="CD1275" s="162"/>
      <c r="CE1275" s="162"/>
      <c r="CF1275" s="162"/>
      <c r="CG1275" s="162"/>
      <c r="CH1275" s="162"/>
      <c r="CI1275" s="162"/>
      <c r="CJ1275" s="162"/>
      <c r="CK1275" s="162"/>
      <c r="CX1275" s="98"/>
      <c r="DL1275" s="97"/>
      <c r="DX1275" s="98"/>
      <c r="EL1275" s="97"/>
      <c r="EX1275" s="98"/>
      <c r="EY1275" s="97"/>
      <c r="FL1275" s="126"/>
      <c r="FM1275" s="91"/>
      <c r="FN1275" s="91"/>
      <c r="FO1275" s="91"/>
      <c r="FP1275" s="91"/>
      <c r="FQ1275" s="91"/>
      <c r="FR1275" s="91"/>
      <c r="FS1275" s="91"/>
      <c r="FT1275" s="91"/>
      <c r="FU1275" s="91"/>
      <c r="FV1275" s="91"/>
      <c r="FW1275" s="91"/>
      <c r="FX1275" s="91"/>
      <c r="FY1275" s="91"/>
      <c r="FZ1275" s="91"/>
      <c r="GA1275" s="91"/>
      <c r="GB1275" s="91"/>
      <c r="GC1275" s="91"/>
      <c r="GD1275" s="91"/>
      <c r="GE1275" s="91"/>
      <c r="GF1275" s="91"/>
      <c r="GG1275" s="91"/>
      <c r="GH1275" s="91"/>
      <c r="GI1275" s="91"/>
      <c r="GJ1275" s="91"/>
      <c r="GK1275" s="127"/>
      <c r="GL1275" s="126"/>
      <c r="GM1275" s="91"/>
      <c r="GN1275" s="91"/>
      <c r="GO1275" s="91"/>
      <c r="GP1275" s="91"/>
      <c r="GQ1275" s="91"/>
      <c r="GR1275" s="91"/>
      <c r="GS1275" s="91"/>
      <c r="GT1275" s="91"/>
      <c r="GU1275" s="91"/>
      <c r="GV1275" s="91"/>
      <c r="GW1275" s="91"/>
      <c r="GX1275" s="91"/>
      <c r="GY1275" s="91"/>
      <c r="GZ1275" s="91"/>
      <c r="HA1275" s="91"/>
      <c r="HB1275" s="91"/>
      <c r="HC1275" s="91"/>
      <c r="HD1275" s="91"/>
      <c r="HE1275" s="91"/>
      <c r="HF1275" s="91"/>
      <c r="HG1275" s="91"/>
      <c r="HH1275" s="91"/>
      <c r="HI1275" s="91"/>
      <c r="HJ1275" s="91"/>
      <c r="HK1275" s="127"/>
      <c r="HL1275" s="126"/>
      <c r="HM1275" s="91"/>
      <c r="HN1275" s="91"/>
      <c r="HO1275" s="91"/>
      <c r="HP1275" s="91"/>
      <c r="HQ1275" s="91"/>
      <c r="HR1275" s="91"/>
      <c r="HS1275" s="91"/>
      <c r="HT1275" s="91"/>
      <c r="HU1275" s="91"/>
      <c r="HV1275" s="91"/>
      <c r="HW1275" s="91"/>
      <c r="HX1275" s="91"/>
      <c r="HY1275" s="91"/>
      <c r="HZ1275" s="91"/>
      <c r="IA1275" s="91"/>
      <c r="IB1275" s="91"/>
      <c r="IC1275" s="91"/>
      <c r="ID1275" s="91"/>
      <c r="IE1275" s="91"/>
      <c r="IF1275" s="91"/>
      <c r="IG1275" s="91"/>
      <c r="IH1275" s="91"/>
      <c r="II1275" s="91"/>
      <c r="IJ1275" s="91"/>
      <c r="IK1275" s="127"/>
    </row>
    <row r="1276" spans="2:245" x14ac:dyDescent="0.2">
      <c r="B1276" s="43"/>
      <c r="C1276" s="73"/>
      <c r="D1276" s="64"/>
      <c r="E1276" s="64"/>
      <c r="F1276" s="55"/>
      <c r="G1276" s="102"/>
      <c r="H1276" s="55"/>
      <c r="I1276" s="55"/>
      <c r="J1276" s="55"/>
      <c r="K1276" s="55"/>
      <c r="L1276" s="55"/>
      <c r="M1276" s="55"/>
      <c r="N1276" s="55"/>
      <c r="O1276" s="55"/>
      <c r="P1276" s="55"/>
      <c r="Q1276" s="55"/>
      <c r="R1276" s="55"/>
      <c r="S1276" s="55"/>
      <c r="T1276" s="55"/>
      <c r="U1276" s="55"/>
      <c r="V1276" s="55"/>
      <c r="W1276" s="55"/>
      <c r="X1276" s="55"/>
      <c r="Y1276" s="55"/>
      <c r="Z1276" s="55"/>
      <c r="AA1276" s="55"/>
      <c r="AB1276" s="55"/>
      <c r="AC1276" s="55"/>
      <c r="AD1276" s="55"/>
      <c r="AE1276" s="55"/>
      <c r="AF1276" s="55"/>
      <c r="AG1276" s="55"/>
      <c r="AY1276" s="162"/>
      <c r="AZ1276" s="162"/>
      <c r="BA1276" s="162"/>
      <c r="BB1276" s="162"/>
      <c r="BC1276" s="162"/>
      <c r="BD1276" s="162"/>
      <c r="BE1276" s="162"/>
      <c r="BF1276" s="162"/>
      <c r="BG1276" s="162"/>
      <c r="BH1276" s="162"/>
      <c r="BI1276" s="162"/>
      <c r="BJ1276" s="162"/>
      <c r="BK1276" s="162"/>
      <c r="BL1276" s="162"/>
      <c r="BM1276" s="162"/>
      <c r="BN1276" s="162"/>
      <c r="BO1276" s="162"/>
      <c r="BP1276" s="162"/>
      <c r="BQ1276" s="162"/>
      <c r="BR1276" s="162"/>
      <c r="BS1276" s="162"/>
      <c r="BT1276" s="162"/>
      <c r="BU1276" s="162"/>
      <c r="BV1276" s="162"/>
      <c r="BW1276" s="162"/>
      <c r="BX1276" s="162"/>
      <c r="BY1276" s="162"/>
      <c r="BZ1276" s="162"/>
      <c r="CA1276" s="162"/>
      <c r="CB1276" s="162"/>
      <c r="CC1276" s="162"/>
      <c r="CD1276" s="162"/>
      <c r="CE1276" s="162"/>
      <c r="CF1276" s="162"/>
      <c r="CG1276" s="162"/>
      <c r="CH1276" s="162"/>
      <c r="CI1276" s="162"/>
      <c r="CJ1276" s="162"/>
      <c r="CK1276" s="162"/>
      <c r="CL1276" s="163"/>
      <c r="CM1276" s="163"/>
      <c r="CN1276" s="163"/>
      <c r="CO1276" s="163"/>
      <c r="CP1276" s="163"/>
      <c r="CQ1276" s="163"/>
      <c r="CR1276" s="163"/>
      <c r="CS1276" s="163"/>
      <c r="CT1276" s="163"/>
      <c r="CU1276" s="163"/>
      <c r="CV1276" s="163"/>
      <c r="CW1276" s="163"/>
      <c r="CX1276" s="173"/>
      <c r="CY1276" s="163"/>
      <c r="CZ1276" s="163"/>
      <c r="DA1276" s="163"/>
      <c r="DB1276" s="163"/>
      <c r="DC1276" s="163"/>
      <c r="DD1276" s="163"/>
      <c r="DE1276" s="163"/>
      <c r="DF1276" s="163"/>
      <c r="DG1276" s="163"/>
      <c r="DH1276" s="163"/>
      <c r="DI1276" s="163"/>
      <c r="DJ1276" s="163"/>
      <c r="DK1276" s="163"/>
      <c r="DL1276" s="172"/>
      <c r="DM1276" s="163"/>
      <c r="DN1276" s="163"/>
      <c r="DO1276" s="163"/>
      <c r="DP1276" s="163"/>
      <c r="DQ1276" s="163"/>
      <c r="DR1276" s="163"/>
      <c r="DS1276" s="163"/>
      <c r="DT1276" s="163"/>
      <c r="DU1276" s="163"/>
      <c r="DV1276" s="163"/>
      <c r="DW1276" s="163"/>
      <c r="DX1276" s="173"/>
      <c r="DY1276" s="163"/>
      <c r="DZ1276" s="163"/>
      <c r="EA1276" s="163"/>
      <c r="EB1276" s="163"/>
      <c r="EC1276" s="163"/>
      <c r="ED1276" s="163"/>
      <c r="EE1276" s="163"/>
      <c r="EF1276" s="163"/>
      <c r="EG1276" s="163"/>
      <c r="EH1276" s="163"/>
      <c r="EI1276" s="163"/>
      <c r="EJ1276" s="163"/>
      <c r="EK1276" s="163"/>
      <c r="EL1276" s="172"/>
      <c r="EM1276" s="163"/>
      <c r="EN1276" s="163"/>
      <c r="EO1276" s="163"/>
      <c r="EP1276" s="163"/>
      <c r="EQ1276" s="163"/>
      <c r="ER1276" s="163"/>
      <c r="ES1276" s="163"/>
      <c r="ET1276" s="163"/>
      <c r="EU1276" s="163"/>
      <c r="EV1276" s="163"/>
      <c r="EW1276" s="163"/>
      <c r="EX1276" s="173"/>
      <c r="EY1276" s="172"/>
      <c r="EZ1276" s="163"/>
      <c r="FA1276" s="163"/>
      <c r="FB1276" s="163"/>
      <c r="FC1276" s="163"/>
      <c r="FD1276" s="163"/>
      <c r="FE1276" s="163"/>
      <c r="FF1276" s="163"/>
      <c r="FG1276" s="163"/>
      <c r="FH1276" s="163"/>
      <c r="FI1276" s="163"/>
      <c r="FJ1276" s="163"/>
      <c r="FK1276" s="163"/>
      <c r="FL1276" s="126"/>
      <c r="FM1276" s="91"/>
      <c r="FN1276" s="91"/>
      <c r="FO1276" s="91"/>
      <c r="FP1276" s="91"/>
      <c r="FQ1276" s="91"/>
      <c r="FR1276" s="91"/>
      <c r="FS1276" s="91"/>
      <c r="FT1276" s="91"/>
      <c r="FU1276" s="91"/>
      <c r="FV1276" s="91"/>
      <c r="FW1276" s="91"/>
      <c r="FX1276" s="91"/>
      <c r="FY1276" s="91"/>
      <c r="FZ1276" s="91"/>
      <c r="GA1276" s="91"/>
      <c r="GB1276" s="91"/>
      <c r="GC1276" s="91"/>
      <c r="GD1276" s="91"/>
      <c r="GE1276" s="91"/>
      <c r="GF1276" s="91"/>
      <c r="GG1276" s="91"/>
      <c r="GH1276" s="91"/>
      <c r="GI1276" s="91"/>
      <c r="GJ1276" s="91"/>
      <c r="GK1276" s="127"/>
      <c r="GL1276" s="126"/>
      <c r="GM1276" s="91"/>
      <c r="GN1276" s="91"/>
      <c r="GO1276" s="91"/>
      <c r="GP1276" s="91"/>
      <c r="GQ1276" s="91"/>
      <c r="GR1276" s="91"/>
      <c r="GS1276" s="91"/>
      <c r="GT1276" s="91"/>
      <c r="GU1276" s="91"/>
      <c r="GV1276" s="91"/>
      <c r="GW1276" s="91"/>
      <c r="GX1276" s="91"/>
      <c r="GY1276" s="91"/>
      <c r="GZ1276" s="91"/>
      <c r="HA1276" s="91"/>
      <c r="HB1276" s="91"/>
      <c r="HC1276" s="91"/>
      <c r="HD1276" s="91"/>
      <c r="HE1276" s="91"/>
      <c r="HF1276" s="91"/>
      <c r="HG1276" s="91"/>
      <c r="HH1276" s="91"/>
      <c r="HI1276" s="91"/>
      <c r="HJ1276" s="91"/>
      <c r="HK1276" s="127"/>
      <c r="HL1276" s="126"/>
      <c r="HM1276" s="91"/>
      <c r="HN1276" s="91"/>
      <c r="HO1276" s="91"/>
      <c r="HP1276" s="91"/>
      <c r="HQ1276" s="91"/>
      <c r="HR1276" s="91"/>
      <c r="HS1276" s="91"/>
      <c r="HT1276" s="91"/>
      <c r="HU1276" s="91"/>
      <c r="HV1276" s="91"/>
      <c r="HW1276" s="91"/>
      <c r="HX1276" s="91"/>
      <c r="HY1276" s="91"/>
      <c r="HZ1276" s="91"/>
      <c r="IA1276" s="91"/>
      <c r="IB1276" s="91"/>
      <c r="IC1276" s="91"/>
      <c r="ID1276" s="91"/>
      <c r="IE1276" s="91"/>
      <c r="IF1276" s="91"/>
      <c r="IG1276" s="91"/>
      <c r="IH1276" s="91"/>
      <c r="II1276" s="91"/>
      <c r="IJ1276" s="91"/>
      <c r="IK1276" s="127"/>
    </row>
    <row r="1277" spans="2:245" x14ac:dyDescent="0.2">
      <c r="B1277" s="43"/>
      <c r="C1277" s="73"/>
      <c r="D1277" s="64"/>
      <c r="E1277" s="64"/>
      <c r="F1277" s="55"/>
      <c r="G1277" s="102"/>
      <c r="H1277" s="55"/>
      <c r="I1277" s="55"/>
      <c r="J1277" s="55"/>
      <c r="K1277" s="55"/>
      <c r="L1277" s="55"/>
      <c r="M1277" s="55"/>
      <c r="N1277" s="55"/>
      <c r="O1277" s="55"/>
      <c r="P1277" s="55"/>
      <c r="Q1277" s="55"/>
      <c r="R1277" s="55"/>
      <c r="S1277" s="55"/>
      <c r="T1277" s="55"/>
      <c r="U1277" s="55"/>
      <c r="V1277" s="55"/>
      <c r="W1277" s="55"/>
      <c r="X1277" s="55"/>
      <c r="Y1277" s="55"/>
      <c r="Z1277" s="55"/>
      <c r="AA1277" s="55"/>
      <c r="AB1277" s="55"/>
      <c r="AC1277" s="55"/>
      <c r="AD1277" s="55"/>
      <c r="AE1277" s="55"/>
      <c r="AF1277" s="55"/>
      <c r="AG1277" s="55"/>
      <c r="AY1277" s="162"/>
      <c r="AZ1277" s="162"/>
      <c r="BA1277" s="162"/>
      <c r="BB1277" s="162"/>
      <c r="BC1277" s="162"/>
      <c r="BD1277" s="162"/>
      <c r="BE1277" s="162"/>
      <c r="BF1277" s="162"/>
      <c r="BG1277" s="162"/>
      <c r="BH1277" s="162"/>
      <c r="BI1277" s="162"/>
      <c r="BJ1277" s="162"/>
      <c r="BK1277" s="162"/>
      <c r="BL1277" s="162"/>
      <c r="BM1277" s="162"/>
      <c r="BN1277" s="162"/>
      <c r="BO1277" s="162"/>
      <c r="BP1277" s="162"/>
      <c r="BQ1277" s="162"/>
      <c r="BR1277" s="162"/>
      <c r="BS1277" s="162"/>
      <c r="BT1277" s="162"/>
      <c r="BU1277" s="162"/>
      <c r="BV1277" s="162"/>
      <c r="BW1277" s="162"/>
      <c r="BX1277" s="162"/>
      <c r="BY1277" s="162"/>
      <c r="BZ1277" s="162"/>
      <c r="CA1277" s="162"/>
      <c r="CB1277" s="162"/>
      <c r="CC1277" s="162"/>
      <c r="CD1277" s="162"/>
      <c r="CE1277" s="162"/>
      <c r="CF1277" s="162"/>
      <c r="CG1277" s="162"/>
      <c r="CH1277" s="162"/>
      <c r="CI1277" s="162"/>
      <c r="CJ1277" s="162"/>
      <c r="CK1277" s="162"/>
      <c r="CX1277" s="98"/>
      <c r="DL1277" s="97"/>
      <c r="DX1277" s="98"/>
      <c r="EL1277" s="97"/>
      <c r="EX1277" s="98"/>
      <c r="EY1277" s="97"/>
      <c r="FL1277" s="126"/>
      <c r="FM1277" s="91"/>
      <c r="FN1277" s="91"/>
      <c r="FO1277" s="91"/>
      <c r="FP1277" s="91"/>
      <c r="FQ1277" s="91"/>
      <c r="FR1277" s="91"/>
      <c r="FS1277" s="91"/>
      <c r="FT1277" s="91"/>
      <c r="FU1277" s="91"/>
      <c r="FV1277" s="91"/>
      <c r="FW1277" s="91"/>
      <c r="FX1277" s="91"/>
      <c r="FY1277" s="91"/>
      <c r="FZ1277" s="91"/>
      <c r="GA1277" s="91"/>
      <c r="GB1277" s="91"/>
      <c r="GC1277" s="91"/>
      <c r="GD1277" s="91"/>
      <c r="GE1277" s="91"/>
      <c r="GF1277" s="91"/>
      <c r="GG1277" s="91"/>
      <c r="GH1277" s="91"/>
      <c r="GI1277" s="91"/>
      <c r="GJ1277" s="91"/>
      <c r="GK1277" s="127"/>
      <c r="GL1277" s="126"/>
      <c r="GM1277" s="91"/>
      <c r="GN1277" s="91"/>
      <c r="GO1277" s="91"/>
      <c r="GP1277" s="91"/>
      <c r="GQ1277" s="91"/>
      <c r="GR1277" s="91"/>
      <c r="GS1277" s="91"/>
      <c r="GT1277" s="91"/>
      <c r="GU1277" s="91"/>
      <c r="GV1277" s="91"/>
      <c r="GW1277" s="91"/>
      <c r="GX1277" s="91"/>
      <c r="GY1277" s="91"/>
      <c r="GZ1277" s="91"/>
      <c r="HA1277" s="91"/>
      <c r="HB1277" s="91"/>
      <c r="HC1277" s="91"/>
      <c r="HD1277" s="91"/>
      <c r="HE1277" s="91"/>
      <c r="HF1277" s="91"/>
      <c r="HG1277" s="91"/>
      <c r="HH1277" s="91"/>
      <c r="HI1277" s="91"/>
      <c r="HJ1277" s="91"/>
      <c r="HK1277" s="127"/>
      <c r="HL1277" s="126"/>
      <c r="HM1277" s="91"/>
      <c r="HN1277" s="91"/>
      <c r="HO1277" s="91"/>
      <c r="HP1277" s="91"/>
      <c r="HQ1277" s="91"/>
      <c r="HR1277" s="91"/>
      <c r="HS1277" s="91"/>
      <c r="HT1277" s="91"/>
      <c r="HU1277" s="91"/>
      <c r="HV1277" s="91"/>
      <c r="HW1277" s="91"/>
      <c r="HX1277" s="91"/>
      <c r="HY1277" s="91"/>
      <c r="HZ1277" s="91"/>
      <c r="IA1277" s="91"/>
      <c r="IB1277" s="91"/>
      <c r="IC1277" s="91"/>
      <c r="ID1277" s="91"/>
      <c r="IE1277" s="91"/>
      <c r="IF1277" s="91"/>
      <c r="IG1277" s="91"/>
      <c r="IH1277" s="91"/>
      <c r="II1277" s="91"/>
      <c r="IJ1277" s="91"/>
      <c r="IK1277" s="127"/>
    </row>
    <row r="1278" spans="2:245" x14ac:dyDescent="0.2">
      <c r="B1278" s="43"/>
      <c r="C1278" s="73"/>
      <c r="D1278" s="64"/>
      <c r="E1278" s="64"/>
      <c r="F1278" s="55"/>
      <c r="G1278" s="102"/>
      <c r="H1278" s="55"/>
      <c r="I1278" s="55"/>
      <c r="J1278" s="55"/>
      <c r="K1278" s="55"/>
      <c r="L1278" s="55"/>
      <c r="M1278" s="55"/>
      <c r="N1278" s="55"/>
      <c r="O1278" s="55"/>
      <c r="P1278" s="55"/>
      <c r="Q1278" s="55"/>
      <c r="R1278" s="55"/>
      <c r="S1278" s="55"/>
      <c r="T1278" s="55"/>
      <c r="U1278" s="55"/>
      <c r="V1278" s="55"/>
      <c r="W1278" s="55"/>
      <c r="X1278" s="55"/>
      <c r="Y1278" s="55"/>
      <c r="Z1278" s="55"/>
      <c r="AA1278" s="55"/>
      <c r="AB1278" s="55"/>
      <c r="AC1278" s="55"/>
      <c r="AD1278" s="55"/>
      <c r="AE1278" s="55"/>
      <c r="AF1278" s="55"/>
      <c r="AG1278" s="55"/>
      <c r="AY1278" s="162"/>
      <c r="AZ1278" s="162"/>
      <c r="BA1278" s="162"/>
      <c r="BB1278" s="162"/>
      <c r="BC1278" s="162"/>
      <c r="BD1278" s="162"/>
      <c r="BE1278" s="162"/>
      <c r="BF1278" s="162"/>
      <c r="BG1278" s="162"/>
      <c r="BH1278" s="162"/>
      <c r="BI1278" s="162"/>
      <c r="BJ1278" s="162"/>
      <c r="BK1278" s="162"/>
      <c r="BL1278" s="162"/>
      <c r="BM1278" s="162"/>
      <c r="BN1278" s="162"/>
      <c r="BO1278" s="162"/>
      <c r="BP1278" s="162"/>
      <c r="BQ1278" s="162"/>
      <c r="BR1278" s="162"/>
      <c r="BS1278" s="162"/>
      <c r="BT1278" s="162"/>
      <c r="BU1278" s="162"/>
      <c r="BV1278" s="162"/>
      <c r="BW1278" s="162"/>
      <c r="BX1278" s="162"/>
      <c r="BY1278" s="162"/>
      <c r="BZ1278" s="162"/>
      <c r="CA1278" s="162"/>
      <c r="CB1278" s="162"/>
      <c r="CC1278" s="162"/>
      <c r="CD1278" s="162"/>
      <c r="CE1278" s="162"/>
      <c r="CF1278" s="162"/>
      <c r="CG1278" s="162"/>
      <c r="CH1278" s="162"/>
      <c r="CI1278" s="162"/>
      <c r="CJ1278" s="162"/>
      <c r="CK1278" s="162"/>
      <c r="CX1278" s="98"/>
      <c r="DL1278" s="97"/>
      <c r="DX1278" s="98"/>
      <c r="EL1278" s="97"/>
      <c r="EX1278" s="98"/>
      <c r="EY1278" s="97"/>
      <c r="FL1278" s="126"/>
      <c r="FM1278" s="91"/>
      <c r="FN1278" s="91"/>
      <c r="FO1278" s="91"/>
      <c r="FP1278" s="91"/>
      <c r="FQ1278" s="91"/>
      <c r="FR1278" s="91"/>
      <c r="FS1278" s="91"/>
      <c r="FT1278" s="91"/>
      <c r="FU1278" s="91"/>
      <c r="FV1278" s="91"/>
      <c r="FW1278" s="91"/>
      <c r="FX1278" s="91"/>
      <c r="FY1278" s="91"/>
      <c r="FZ1278" s="91"/>
      <c r="GA1278" s="91"/>
      <c r="GB1278" s="91"/>
      <c r="GC1278" s="91"/>
      <c r="GD1278" s="91"/>
      <c r="GE1278" s="91"/>
      <c r="GF1278" s="91"/>
      <c r="GG1278" s="91"/>
      <c r="GH1278" s="91"/>
      <c r="GI1278" s="91"/>
      <c r="GJ1278" s="91"/>
      <c r="GK1278" s="127"/>
      <c r="GL1278" s="126"/>
      <c r="GM1278" s="91"/>
      <c r="GN1278" s="91"/>
      <c r="GO1278" s="91"/>
      <c r="GP1278" s="91"/>
      <c r="GQ1278" s="91"/>
      <c r="GR1278" s="91"/>
      <c r="GS1278" s="91"/>
      <c r="GT1278" s="91"/>
      <c r="GU1278" s="91"/>
      <c r="GV1278" s="91"/>
      <c r="GW1278" s="91"/>
      <c r="GX1278" s="91"/>
      <c r="GY1278" s="91"/>
      <c r="GZ1278" s="91"/>
      <c r="HA1278" s="91"/>
      <c r="HB1278" s="91"/>
      <c r="HC1278" s="91"/>
      <c r="HD1278" s="91"/>
      <c r="HE1278" s="91"/>
      <c r="HF1278" s="91"/>
      <c r="HG1278" s="91"/>
      <c r="HH1278" s="91"/>
      <c r="HI1278" s="91"/>
      <c r="HJ1278" s="91"/>
      <c r="HK1278" s="127"/>
      <c r="HL1278" s="126"/>
      <c r="HM1278" s="91"/>
      <c r="HN1278" s="91"/>
      <c r="HO1278" s="91"/>
      <c r="HP1278" s="91"/>
      <c r="HQ1278" s="91"/>
      <c r="HR1278" s="91"/>
      <c r="HS1278" s="91"/>
      <c r="HT1278" s="91"/>
      <c r="HU1278" s="91"/>
      <c r="HV1278" s="91"/>
      <c r="HW1278" s="91"/>
      <c r="HX1278" s="91"/>
      <c r="HY1278" s="91"/>
      <c r="HZ1278" s="91"/>
      <c r="IA1278" s="91"/>
      <c r="IB1278" s="91"/>
      <c r="IC1278" s="91"/>
      <c r="ID1278" s="91"/>
      <c r="IE1278" s="91"/>
      <c r="IF1278" s="91"/>
      <c r="IG1278" s="91"/>
      <c r="IH1278" s="91"/>
      <c r="II1278" s="91"/>
      <c r="IJ1278" s="91"/>
      <c r="IK1278" s="127"/>
    </row>
    <row r="1279" spans="2:245" x14ac:dyDescent="0.2">
      <c r="B1279" s="43"/>
      <c r="C1279" s="73"/>
      <c r="D1279" s="64"/>
      <c r="E1279" s="64"/>
      <c r="F1279" s="55"/>
      <c r="G1279" s="102"/>
      <c r="H1279" s="55"/>
      <c r="I1279" s="55"/>
      <c r="J1279" s="55"/>
      <c r="K1279" s="55"/>
      <c r="L1279" s="55"/>
      <c r="M1279" s="55"/>
      <c r="N1279" s="55"/>
      <c r="O1279" s="55"/>
      <c r="P1279" s="55"/>
      <c r="Q1279" s="55"/>
      <c r="R1279" s="55"/>
      <c r="S1279" s="55"/>
      <c r="T1279" s="55"/>
      <c r="U1279" s="55"/>
      <c r="V1279" s="55"/>
      <c r="W1279" s="55"/>
      <c r="X1279" s="55"/>
      <c r="Y1279" s="55"/>
      <c r="Z1279" s="55"/>
      <c r="AA1279" s="55"/>
      <c r="AB1279" s="55"/>
      <c r="AC1279" s="55"/>
      <c r="AD1279" s="55"/>
      <c r="AE1279" s="55"/>
      <c r="AF1279" s="55"/>
      <c r="AG1279" s="55"/>
      <c r="AY1279" s="162"/>
      <c r="AZ1279" s="162"/>
      <c r="BA1279" s="162"/>
      <c r="BB1279" s="162"/>
      <c r="BC1279" s="162"/>
      <c r="BD1279" s="162"/>
      <c r="BE1279" s="162"/>
      <c r="BF1279" s="162"/>
      <c r="BG1279" s="162"/>
      <c r="BH1279" s="162"/>
      <c r="BI1279" s="162"/>
      <c r="BJ1279" s="162"/>
      <c r="BK1279" s="162"/>
      <c r="BL1279" s="162"/>
      <c r="BM1279" s="162"/>
      <c r="BN1279" s="162"/>
      <c r="BO1279" s="162"/>
      <c r="BP1279" s="162"/>
      <c r="BQ1279" s="162"/>
      <c r="BR1279" s="162"/>
      <c r="BS1279" s="162"/>
      <c r="BT1279" s="162"/>
      <c r="BU1279" s="162"/>
      <c r="BV1279" s="162"/>
      <c r="BW1279" s="162"/>
      <c r="BX1279" s="162"/>
      <c r="BY1279" s="162"/>
      <c r="BZ1279" s="162"/>
      <c r="CA1279" s="162"/>
      <c r="CB1279" s="162"/>
      <c r="CC1279" s="162"/>
      <c r="CD1279" s="162"/>
      <c r="CE1279" s="162"/>
      <c r="CF1279" s="162"/>
      <c r="CG1279" s="162"/>
      <c r="CH1279" s="162"/>
      <c r="CI1279" s="162"/>
      <c r="CJ1279" s="162"/>
      <c r="CK1279" s="162"/>
      <c r="CX1279" s="98"/>
      <c r="DL1279" s="97"/>
      <c r="DX1279" s="98"/>
      <c r="EL1279" s="97"/>
      <c r="EX1279" s="98"/>
      <c r="EY1279" s="97"/>
      <c r="FL1279" s="126"/>
      <c r="FM1279" s="91"/>
      <c r="FN1279" s="91"/>
      <c r="FO1279" s="91"/>
      <c r="FP1279" s="91"/>
      <c r="FQ1279" s="91"/>
      <c r="FR1279" s="91"/>
      <c r="FS1279" s="91"/>
      <c r="FT1279" s="91"/>
      <c r="FU1279" s="91"/>
      <c r="FV1279" s="91"/>
      <c r="FW1279" s="91"/>
      <c r="FX1279" s="91"/>
      <c r="FY1279" s="91"/>
      <c r="FZ1279" s="91"/>
      <c r="GA1279" s="91"/>
      <c r="GB1279" s="91"/>
      <c r="GC1279" s="91"/>
      <c r="GD1279" s="91"/>
      <c r="GE1279" s="91"/>
      <c r="GF1279" s="91"/>
      <c r="GG1279" s="91"/>
      <c r="GH1279" s="91"/>
      <c r="GI1279" s="91"/>
      <c r="GJ1279" s="91"/>
      <c r="GK1279" s="127"/>
      <c r="GL1279" s="126"/>
      <c r="GM1279" s="91"/>
      <c r="GN1279" s="91"/>
      <c r="GO1279" s="91"/>
      <c r="GP1279" s="91"/>
      <c r="GQ1279" s="91"/>
      <c r="GR1279" s="91"/>
      <c r="GS1279" s="91"/>
      <c r="GT1279" s="91"/>
      <c r="GU1279" s="91"/>
      <c r="GV1279" s="91"/>
      <c r="GW1279" s="91"/>
      <c r="GX1279" s="91"/>
      <c r="GY1279" s="91"/>
      <c r="GZ1279" s="91"/>
      <c r="HA1279" s="91"/>
      <c r="HB1279" s="91"/>
      <c r="HC1279" s="91"/>
      <c r="HD1279" s="91"/>
      <c r="HE1279" s="91"/>
      <c r="HF1279" s="91"/>
      <c r="HG1279" s="91"/>
      <c r="HH1279" s="91"/>
      <c r="HI1279" s="91"/>
      <c r="HJ1279" s="91"/>
      <c r="HK1279" s="127"/>
      <c r="HL1279" s="126"/>
      <c r="HM1279" s="91"/>
      <c r="HN1279" s="91"/>
      <c r="HO1279" s="91"/>
      <c r="HP1279" s="91"/>
      <c r="HQ1279" s="91"/>
      <c r="HR1279" s="91"/>
      <c r="HS1279" s="91"/>
      <c r="HT1279" s="91"/>
      <c r="HU1279" s="91"/>
      <c r="HV1279" s="91"/>
      <c r="HW1279" s="91"/>
      <c r="HX1279" s="91"/>
      <c r="HY1279" s="91"/>
      <c r="HZ1279" s="91"/>
      <c r="IA1279" s="91"/>
      <c r="IB1279" s="91"/>
      <c r="IC1279" s="91"/>
      <c r="ID1279" s="91"/>
      <c r="IE1279" s="91"/>
      <c r="IF1279" s="91"/>
      <c r="IG1279" s="91"/>
      <c r="IH1279" s="91"/>
      <c r="II1279" s="91"/>
      <c r="IJ1279" s="91"/>
      <c r="IK1279" s="127"/>
    </row>
    <row r="1280" spans="2:245" x14ac:dyDescent="0.2">
      <c r="B1280" s="43"/>
      <c r="C1280" s="73"/>
      <c r="D1280" s="64"/>
      <c r="E1280" s="64"/>
      <c r="F1280" s="55"/>
      <c r="G1280" s="102"/>
      <c r="H1280" s="55"/>
      <c r="I1280" s="55"/>
      <c r="J1280" s="55"/>
      <c r="K1280" s="55"/>
      <c r="L1280" s="55"/>
      <c r="M1280" s="55"/>
      <c r="N1280" s="55"/>
      <c r="O1280" s="55"/>
      <c r="P1280" s="55"/>
      <c r="Q1280" s="55"/>
      <c r="R1280" s="55"/>
      <c r="S1280" s="55"/>
      <c r="T1280" s="55"/>
      <c r="U1280" s="55"/>
      <c r="V1280" s="55"/>
      <c r="W1280" s="55"/>
      <c r="X1280" s="55"/>
      <c r="Y1280" s="55"/>
      <c r="Z1280" s="55"/>
      <c r="AA1280" s="55"/>
      <c r="AB1280" s="55"/>
      <c r="AC1280" s="55"/>
      <c r="AD1280" s="55"/>
      <c r="AE1280" s="55"/>
      <c r="AF1280" s="55"/>
      <c r="AG1280" s="55"/>
      <c r="AY1280" s="162"/>
      <c r="AZ1280" s="162"/>
      <c r="BA1280" s="162"/>
      <c r="BB1280" s="162"/>
      <c r="BC1280" s="162"/>
      <c r="BD1280" s="162"/>
      <c r="BE1280" s="162"/>
      <c r="BF1280" s="162"/>
      <c r="BG1280" s="162"/>
      <c r="BH1280" s="162"/>
      <c r="BI1280" s="162"/>
      <c r="BJ1280" s="162"/>
      <c r="BK1280" s="162"/>
      <c r="BL1280" s="162"/>
      <c r="BM1280" s="162"/>
      <c r="BN1280" s="162"/>
      <c r="BO1280" s="162"/>
      <c r="BP1280" s="162"/>
      <c r="BQ1280" s="162"/>
      <c r="BR1280" s="162"/>
      <c r="BS1280" s="162"/>
      <c r="BT1280" s="162"/>
      <c r="BU1280" s="162"/>
      <c r="BV1280" s="162"/>
      <c r="BW1280" s="162"/>
      <c r="BX1280" s="162"/>
      <c r="BY1280" s="162"/>
      <c r="BZ1280" s="162"/>
      <c r="CA1280" s="162"/>
      <c r="CB1280" s="162"/>
      <c r="CC1280" s="162"/>
      <c r="CD1280" s="162"/>
      <c r="CE1280" s="162"/>
      <c r="CF1280" s="162"/>
      <c r="CG1280" s="162"/>
      <c r="CH1280" s="162"/>
      <c r="CI1280" s="162"/>
      <c r="CJ1280" s="162"/>
      <c r="CK1280" s="162"/>
      <c r="CX1280" s="98"/>
      <c r="DL1280" s="97"/>
      <c r="DX1280" s="98"/>
      <c r="EL1280" s="97"/>
      <c r="EX1280" s="98"/>
      <c r="EY1280" s="97"/>
      <c r="FL1280" s="126"/>
      <c r="FM1280" s="91"/>
      <c r="FN1280" s="91"/>
      <c r="FO1280" s="91"/>
      <c r="FP1280" s="91"/>
      <c r="FQ1280" s="91"/>
      <c r="FR1280" s="91"/>
      <c r="FS1280" s="91"/>
      <c r="FT1280" s="91"/>
      <c r="FU1280" s="91"/>
      <c r="FV1280" s="91"/>
      <c r="FW1280" s="91"/>
      <c r="FX1280" s="91"/>
      <c r="FY1280" s="91"/>
      <c r="FZ1280" s="91"/>
      <c r="GA1280" s="91"/>
      <c r="GB1280" s="91"/>
      <c r="GC1280" s="91"/>
      <c r="GD1280" s="91"/>
      <c r="GE1280" s="91"/>
      <c r="GF1280" s="91"/>
      <c r="GG1280" s="91"/>
      <c r="GH1280" s="91"/>
      <c r="GI1280" s="91"/>
      <c r="GJ1280" s="91"/>
      <c r="GK1280" s="127"/>
      <c r="GL1280" s="126"/>
      <c r="GM1280" s="91"/>
      <c r="GN1280" s="91"/>
      <c r="GO1280" s="91"/>
      <c r="GP1280" s="91"/>
      <c r="GQ1280" s="91"/>
      <c r="GR1280" s="91"/>
      <c r="GS1280" s="91"/>
      <c r="GT1280" s="91"/>
      <c r="GU1280" s="91"/>
      <c r="GV1280" s="91"/>
      <c r="GW1280" s="91"/>
      <c r="GX1280" s="91"/>
      <c r="GY1280" s="91"/>
      <c r="GZ1280" s="91"/>
      <c r="HA1280" s="91"/>
      <c r="HB1280" s="91"/>
      <c r="HC1280" s="91"/>
      <c r="HD1280" s="91"/>
      <c r="HE1280" s="91"/>
      <c r="HF1280" s="91"/>
      <c r="HG1280" s="91"/>
      <c r="HH1280" s="91"/>
      <c r="HI1280" s="91"/>
      <c r="HJ1280" s="91"/>
      <c r="HK1280" s="127"/>
      <c r="HL1280" s="126"/>
      <c r="HM1280" s="91"/>
      <c r="HN1280" s="91"/>
      <c r="HO1280" s="91"/>
      <c r="HP1280" s="91"/>
      <c r="HQ1280" s="91"/>
      <c r="HR1280" s="91"/>
      <c r="HS1280" s="91"/>
      <c r="HT1280" s="91"/>
      <c r="HU1280" s="91"/>
      <c r="HV1280" s="91"/>
      <c r="HW1280" s="91"/>
      <c r="HX1280" s="91"/>
      <c r="HY1280" s="91"/>
      <c r="HZ1280" s="91"/>
      <c r="IA1280" s="91"/>
      <c r="IB1280" s="91"/>
      <c r="IC1280" s="91"/>
      <c r="ID1280" s="91"/>
      <c r="IE1280" s="91"/>
      <c r="IF1280" s="91"/>
      <c r="IG1280" s="91"/>
      <c r="IH1280" s="91"/>
      <c r="II1280" s="91"/>
      <c r="IJ1280" s="91"/>
      <c r="IK1280" s="127"/>
    </row>
    <row r="1281" spans="2:245" x14ac:dyDescent="0.2">
      <c r="B1281" s="43"/>
      <c r="C1281" s="73"/>
      <c r="D1281" s="64"/>
      <c r="E1281" s="64"/>
      <c r="F1281" s="55"/>
      <c r="G1281" s="102"/>
      <c r="H1281" s="55"/>
      <c r="I1281" s="55"/>
      <c r="J1281" s="55"/>
      <c r="K1281" s="55"/>
      <c r="L1281" s="55"/>
      <c r="M1281" s="55"/>
      <c r="N1281" s="55"/>
      <c r="O1281" s="55"/>
      <c r="P1281" s="55"/>
      <c r="Q1281" s="55"/>
      <c r="R1281" s="55"/>
      <c r="S1281" s="55"/>
      <c r="T1281" s="55"/>
      <c r="U1281" s="55"/>
      <c r="V1281" s="55"/>
      <c r="W1281" s="55"/>
      <c r="X1281" s="55"/>
      <c r="Y1281" s="55"/>
      <c r="Z1281" s="55"/>
      <c r="AA1281" s="55"/>
      <c r="AB1281" s="55"/>
      <c r="AC1281" s="55"/>
      <c r="AD1281" s="55"/>
      <c r="AE1281" s="55"/>
      <c r="AF1281" s="55"/>
      <c r="AG1281" s="55"/>
      <c r="AY1281" s="162"/>
      <c r="AZ1281" s="162"/>
      <c r="BA1281" s="162"/>
      <c r="BB1281" s="162"/>
      <c r="BC1281" s="162"/>
      <c r="BD1281" s="162"/>
      <c r="BE1281" s="162"/>
      <c r="BF1281" s="162"/>
      <c r="BG1281" s="162"/>
      <c r="BH1281" s="162"/>
      <c r="BI1281" s="162"/>
      <c r="BJ1281" s="162"/>
      <c r="BK1281" s="162"/>
      <c r="BL1281" s="162"/>
      <c r="BM1281" s="162"/>
      <c r="BN1281" s="162"/>
      <c r="BO1281" s="162"/>
      <c r="BP1281" s="162"/>
      <c r="BQ1281" s="162"/>
      <c r="BR1281" s="162"/>
      <c r="BS1281" s="162"/>
      <c r="BT1281" s="162"/>
      <c r="BU1281" s="162"/>
      <c r="BV1281" s="162"/>
      <c r="BW1281" s="162"/>
      <c r="BX1281" s="162"/>
      <c r="BY1281" s="162"/>
      <c r="BZ1281" s="162"/>
      <c r="CA1281" s="162"/>
      <c r="CB1281" s="162"/>
      <c r="CC1281" s="162"/>
      <c r="CD1281" s="162"/>
      <c r="CE1281" s="162"/>
      <c r="CF1281" s="162"/>
      <c r="CG1281" s="162"/>
      <c r="CH1281" s="162"/>
      <c r="CI1281" s="162"/>
      <c r="CJ1281" s="162"/>
      <c r="CK1281" s="162"/>
      <c r="CX1281" s="98"/>
      <c r="DL1281" s="97"/>
      <c r="DX1281" s="98"/>
      <c r="EL1281" s="97"/>
      <c r="EX1281" s="98"/>
      <c r="EY1281" s="97"/>
      <c r="FL1281" s="126"/>
      <c r="FM1281" s="91"/>
      <c r="FN1281" s="91"/>
      <c r="FO1281" s="91"/>
      <c r="FP1281" s="91"/>
      <c r="FQ1281" s="91"/>
      <c r="FR1281" s="91"/>
      <c r="FS1281" s="91"/>
      <c r="FT1281" s="91"/>
      <c r="FU1281" s="91"/>
      <c r="FV1281" s="91"/>
      <c r="FW1281" s="91"/>
      <c r="FX1281" s="91"/>
      <c r="FY1281" s="91"/>
      <c r="FZ1281" s="91"/>
      <c r="GA1281" s="91"/>
      <c r="GB1281" s="91"/>
      <c r="GC1281" s="91"/>
      <c r="GD1281" s="91"/>
      <c r="GE1281" s="91"/>
      <c r="GF1281" s="91"/>
      <c r="GG1281" s="91"/>
      <c r="GH1281" s="91"/>
      <c r="GI1281" s="91"/>
      <c r="GJ1281" s="91"/>
      <c r="GK1281" s="127"/>
      <c r="GL1281" s="126"/>
      <c r="GM1281" s="91"/>
      <c r="GN1281" s="91"/>
      <c r="GO1281" s="91"/>
      <c r="GP1281" s="91"/>
      <c r="GQ1281" s="91"/>
      <c r="GR1281" s="91"/>
      <c r="GS1281" s="91"/>
      <c r="GT1281" s="91"/>
      <c r="GU1281" s="91"/>
      <c r="GV1281" s="91"/>
      <c r="GW1281" s="91"/>
      <c r="GX1281" s="91"/>
      <c r="GY1281" s="91"/>
      <c r="GZ1281" s="91"/>
      <c r="HA1281" s="91"/>
      <c r="HB1281" s="91"/>
      <c r="HC1281" s="91"/>
      <c r="HD1281" s="91"/>
      <c r="HE1281" s="91"/>
      <c r="HF1281" s="91"/>
      <c r="HG1281" s="91"/>
      <c r="HH1281" s="91"/>
      <c r="HI1281" s="91"/>
      <c r="HJ1281" s="91"/>
      <c r="HK1281" s="127"/>
      <c r="HL1281" s="126"/>
      <c r="HM1281" s="91"/>
      <c r="HN1281" s="91"/>
      <c r="HO1281" s="91"/>
      <c r="HP1281" s="91"/>
      <c r="HQ1281" s="91"/>
      <c r="HR1281" s="91"/>
      <c r="HS1281" s="91"/>
      <c r="HT1281" s="91"/>
      <c r="HU1281" s="91"/>
      <c r="HV1281" s="91"/>
      <c r="HW1281" s="91"/>
      <c r="HX1281" s="91"/>
      <c r="HY1281" s="91"/>
      <c r="HZ1281" s="91"/>
      <c r="IA1281" s="91"/>
      <c r="IB1281" s="91"/>
      <c r="IC1281" s="91"/>
      <c r="ID1281" s="91"/>
      <c r="IE1281" s="91"/>
      <c r="IF1281" s="91"/>
      <c r="IG1281" s="91"/>
      <c r="IH1281" s="91"/>
      <c r="II1281" s="91"/>
      <c r="IJ1281" s="91"/>
      <c r="IK1281" s="127"/>
    </row>
    <row r="1282" spans="2:245" x14ac:dyDescent="0.2">
      <c r="B1282" s="43"/>
      <c r="C1282" s="73"/>
      <c r="D1282" s="64"/>
      <c r="E1282" s="64"/>
      <c r="F1282" s="55"/>
      <c r="G1282" s="102"/>
      <c r="H1282" s="55"/>
      <c r="I1282" s="55"/>
      <c r="J1282" s="55"/>
      <c r="K1282" s="55"/>
      <c r="L1282" s="55"/>
      <c r="M1282" s="55"/>
      <c r="N1282" s="55"/>
      <c r="O1282" s="55"/>
      <c r="P1282" s="55"/>
      <c r="Q1282" s="55"/>
      <c r="R1282" s="55"/>
      <c r="S1282" s="55"/>
      <c r="T1282" s="55"/>
      <c r="U1282" s="55"/>
      <c r="V1282" s="55"/>
      <c r="W1282" s="55"/>
      <c r="X1282" s="55"/>
      <c r="Y1282" s="55"/>
      <c r="Z1282" s="55"/>
      <c r="AA1282" s="55"/>
      <c r="AB1282" s="55"/>
      <c r="AC1282" s="55"/>
      <c r="AD1282" s="55"/>
      <c r="AE1282" s="55"/>
      <c r="AF1282" s="55"/>
      <c r="AG1282" s="55"/>
      <c r="AY1282" s="162"/>
      <c r="AZ1282" s="162"/>
      <c r="BA1282" s="162"/>
      <c r="BB1282" s="162"/>
      <c r="BC1282" s="162"/>
      <c r="BD1282" s="162"/>
      <c r="BE1282" s="162"/>
      <c r="BF1282" s="162"/>
      <c r="BG1282" s="162"/>
      <c r="BH1282" s="162"/>
      <c r="BI1282" s="162"/>
      <c r="BJ1282" s="162"/>
      <c r="BK1282" s="162"/>
      <c r="BL1282" s="162"/>
      <c r="BM1282" s="162"/>
      <c r="BN1282" s="162"/>
      <c r="BO1282" s="162"/>
      <c r="BP1282" s="162"/>
      <c r="BQ1282" s="162"/>
      <c r="BR1282" s="162"/>
      <c r="BS1282" s="162"/>
      <c r="BT1282" s="162"/>
      <c r="BU1282" s="162"/>
      <c r="BV1282" s="162"/>
      <c r="BW1282" s="162"/>
      <c r="BX1282" s="162"/>
      <c r="BY1282" s="162"/>
      <c r="BZ1282" s="162"/>
      <c r="CA1282" s="162"/>
      <c r="CB1282" s="162"/>
      <c r="CC1282" s="162"/>
      <c r="CD1282" s="162"/>
      <c r="CE1282" s="162"/>
      <c r="CF1282" s="162"/>
      <c r="CG1282" s="162"/>
      <c r="CH1282" s="162"/>
      <c r="CI1282" s="162"/>
      <c r="CJ1282" s="162"/>
      <c r="CK1282" s="162"/>
      <c r="CX1282" s="98"/>
      <c r="DL1282" s="97"/>
      <c r="DX1282" s="98"/>
      <c r="EL1282" s="97"/>
      <c r="EX1282" s="98"/>
      <c r="EY1282" s="97"/>
      <c r="FL1282" s="126"/>
      <c r="FM1282" s="91"/>
      <c r="FN1282" s="91"/>
      <c r="FO1282" s="91"/>
      <c r="FP1282" s="91"/>
      <c r="FQ1282" s="91"/>
      <c r="FR1282" s="91"/>
      <c r="FS1282" s="91"/>
      <c r="FT1282" s="91"/>
      <c r="FU1282" s="91"/>
      <c r="FV1282" s="91"/>
      <c r="FW1282" s="91"/>
      <c r="FX1282" s="91"/>
      <c r="FY1282" s="91"/>
      <c r="FZ1282" s="91"/>
      <c r="GA1282" s="91"/>
      <c r="GB1282" s="91"/>
      <c r="GC1282" s="91"/>
      <c r="GD1282" s="91"/>
      <c r="GE1282" s="91"/>
      <c r="GF1282" s="91"/>
      <c r="GG1282" s="91"/>
      <c r="GH1282" s="91"/>
      <c r="GI1282" s="91"/>
      <c r="GJ1282" s="91"/>
      <c r="GK1282" s="127"/>
      <c r="GL1282" s="126"/>
      <c r="GM1282" s="91"/>
      <c r="GN1282" s="91"/>
      <c r="GO1282" s="91"/>
      <c r="GP1282" s="91"/>
      <c r="GQ1282" s="91"/>
      <c r="GR1282" s="91"/>
      <c r="GS1282" s="91"/>
      <c r="GT1282" s="91"/>
      <c r="GU1282" s="91"/>
      <c r="GV1282" s="91"/>
      <c r="GW1282" s="91"/>
      <c r="GX1282" s="91"/>
      <c r="GY1282" s="91"/>
      <c r="GZ1282" s="91"/>
      <c r="HA1282" s="91"/>
      <c r="HB1282" s="91"/>
      <c r="HC1282" s="91"/>
      <c r="HD1282" s="91"/>
      <c r="HE1282" s="91"/>
      <c r="HF1282" s="91"/>
      <c r="HG1282" s="91"/>
      <c r="HH1282" s="91"/>
      <c r="HI1282" s="91"/>
      <c r="HJ1282" s="91"/>
      <c r="HK1282" s="127"/>
      <c r="HL1282" s="126"/>
      <c r="HM1282" s="91"/>
      <c r="HN1282" s="91"/>
      <c r="HO1282" s="91"/>
      <c r="HP1282" s="91"/>
      <c r="HQ1282" s="91"/>
      <c r="HR1282" s="91"/>
      <c r="HS1282" s="91"/>
      <c r="HT1282" s="91"/>
      <c r="HU1282" s="91"/>
      <c r="HV1282" s="91"/>
      <c r="HW1282" s="91"/>
      <c r="HX1282" s="91"/>
      <c r="HY1282" s="91"/>
      <c r="HZ1282" s="91"/>
      <c r="IA1282" s="91"/>
      <c r="IB1282" s="91"/>
      <c r="IC1282" s="91"/>
      <c r="ID1282" s="91"/>
      <c r="IE1282" s="91"/>
      <c r="IF1282" s="91"/>
      <c r="IG1282" s="91"/>
      <c r="IH1282" s="91"/>
      <c r="II1282" s="91"/>
      <c r="IJ1282" s="91"/>
      <c r="IK1282" s="127"/>
    </row>
    <row r="1283" spans="2:245" x14ac:dyDescent="0.2">
      <c r="B1283" s="43"/>
      <c r="C1283" s="73"/>
      <c r="D1283" s="64"/>
      <c r="E1283" s="64"/>
      <c r="F1283" s="55"/>
      <c r="G1283" s="102"/>
      <c r="H1283" s="55"/>
      <c r="I1283" s="55"/>
      <c r="J1283" s="55"/>
      <c r="K1283" s="55"/>
      <c r="L1283" s="55"/>
      <c r="M1283" s="55"/>
      <c r="N1283" s="55"/>
      <c r="O1283" s="55"/>
      <c r="P1283" s="55"/>
      <c r="Q1283" s="55"/>
      <c r="R1283" s="55"/>
      <c r="S1283" s="55"/>
      <c r="T1283" s="55"/>
      <c r="U1283" s="55"/>
      <c r="V1283" s="55"/>
      <c r="W1283" s="55"/>
      <c r="X1283" s="55"/>
      <c r="Y1283" s="55"/>
      <c r="Z1283" s="55"/>
      <c r="AA1283" s="55"/>
      <c r="AB1283" s="55"/>
      <c r="AC1283" s="55"/>
      <c r="AD1283" s="55"/>
      <c r="AE1283" s="55"/>
      <c r="AF1283" s="55"/>
      <c r="AG1283" s="55"/>
      <c r="AY1283" s="162"/>
      <c r="AZ1283" s="162"/>
      <c r="BA1283" s="162"/>
      <c r="BB1283" s="162"/>
      <c r="BC1283" s="162"/>
      <c r="BD1283" s="162"/>
      <c r="BE1283" s="162"/>
      <c r="BF1283" s="162"/>
      <c r="BG1283" s="162"/>
      <c r="BH1283" s="162"/>
      <c r="BI1283" s="162"/>
      <c r="BJ1283" s="162"/>
      <c r="BK1283" s="162"/>
      <c r="BL1283" s="162"/>
      <c r="BM1283" s="162"/>
      <c r="BN1283" s="162"/>
      <c r="BO1283" s="162"/>
      <c r="BP1283" s="162"/>
      <c r="BQ1283" s="162"/>
      <c r="BR1283" s="162"/>
      <c r="BS1283" s="162"/>
      <c r="BT1283" s="162"/>
      <c r="BU1283" s="162"/>
      <c r="BV1283" s="162"/>
      <c r="BW1283" s="162"/>
      <c r="BX1283" s="162"/>
      <c r="BY1283" s="162"/>
      <c r="BZ1283" s="162"/>
      <c r="CA1283" s="162"/>
      <c r="CB1283" s="162"/>
      <c r="CC1283" s="162"/>
      <c r="CD1283" s="162"/>
      <c r="CE1283" s="162"/>
      <c r="CF1283" s="162"/>
      <c r="CG1283" s="162"/>
      <c r="CH1283" s="162"/>
      <c r="CI1283" s="162"/>
      <c r="CJ1283" s="162"/>
      <c r="CK1283" s="162"/>
      <c r="CX1283" s="98"/>
      <c r="DL1283" s="97"/>
      <c r="DX1283" s="98"/>
      <c r="EL1283" s="97"/>
      <c r="EX1283" s="98"/>
      <c r="EY1283" s="97"/>
      <c r="FL1283" s="126"/>
      <c r="FM1283" s="91"/>
      <c r="FN1283" s="91"/>
      <c r="FO1283" s="91"/>
      <c r="FP1283" s="91"/>
      <c r="FQ1283" s="91"/>
      <c r="FR1283" s="91"/>
      <c r="FS1283" s="91"/>
      <c r="FT1283" s="91"/>
      <c r="FU1283" s="91"/>
      <c r="FV1283" s="91"/>
      <c r="FW1283" s="91"/>
      <c r="FX1283" s="91"/>
      <c r="FY1283" s="91"/>
      <c r="FZ1283" s="91"/>
      <c r="GA1283" s="91"/>
      <c r="GB1283" s="91"/>
      <c r="GC1283" s="91"/>
      <c r="GD1283" s="91"/>
      <c r="GE1283" s="91"/>
      <c r="GF1283" s="91"/>
      <c r="GG1283" s="91"/>
      <c r="GH1283" s="91"/>
      <c r="GI1283" s="91"/>
      <c r="GJ1283" s="91"/>
      <c r="GK1283" s="127"/>
      <c r="GL1283" s="126"/>
      <c r="GM1283" s="91"/>
      <c r="GN1283" s="91"/>
      <c r="GO1283" s="91"/>
      <c r="GP1283" s="91"/>
      <c r="GQ1283" s="91"/>
      <c r="GR1283" s="91"/>
      <c r="GS1283" s="91"/>
      <c r="GT1283" s="91"/>
      <c r="GU1283" s="91"/>
      <c r="GV1283" s="91"/>
      <c r="GW1283" s="91"/>
      <c r="GX1283" s="91"/>
      <c r="GY1283" s="91"/>
      <c r="GZ1283" s="91"/>
      <c r="HA1283" s="91"/>
      <c r="HB1283" s="91"/>
      <c r="HC1283" s="91"/>
      <c r="HD1283" s="91"/>
      <c r="HE1283" s="91"/>
      <c r="HF1283" s="91"/>
      <c r="HG1283" s="91"/>
      <c r="HH1283" s="91"/>
      <c r="HI1283" s="91"/>
      <c r="HJ1283" s="91"/>
      <c r="HK1283" s="127"/>
      <c r="HL1283" s="126"/>
      <c r="HM1283" s="91"/>
      <c r="HN1283" s="91"/>
      <c r="HO1283" s="91"/>
      <c r="HP1283" s="91"/>
      <c r="HQ1283" s="91"/>
      <c r="HR1283" s="91"/>
      <c r="HS1283" s="91"/>
      <c r="HT1283" s="91"/>
      <c r="HU1283" s="91"/>
      <c r="HV1283" s="91"/>
      <c r="HW1283" s="91"/>
      <c r="HX1283" s="91"/>
      <c r="HY1283" s="91"/>
      <c r="HZ1283" s="91"/>
      <c r="IA1283" s="91"/>
      <c r="IB1283" s="91"/>
      <c r="IC1283" s="91"/>
      <c r="ID1283" s="91"/>
      <c r="IE1283" s="91"/>
      <c r="IF1283" s="91"/>
      <c r="IG1283" s="91"/>
      <c r="IH1283" s="91"/>
      <c r="II1283" s="91"/>
      <c r="IJ1283" s="91"/>
      <c r="IK1283" s="127"/>
    </row>
    <row r="1284" spans="2:245" x14ac:dyDescent="0.2">
      <c r="B1284" s="43"/>
      <c r="C1284" s="73"/>
      <c r="D1284" s="64"/>
      <c r="E1284" s="64"/>
      <c r="F1284" s="55"/>
      <c r="G1284" s="102"/>
      <c r="H1284" s="55"/>
      <c r="I1284" s="55"/>
      <c r="J1284" s="55"/>
      <c r="K1284" s="55"/>
      <c r="L1284" s="55"/>
      <c r="M1284" s="55"/>
      <c r="N1284" s="55"/>
      <c r="O1284" s="55"/>
      <c r="P1284" s="55"/>
      <c r="Q1284" s="55"/>
      <c r="R1284" s="55"/>
      <c r="S1284" s="55"/>
      <c r="T1284" s="55"/>
      <c r="U1284" s="55"/>
      <c r="V1284" s="55"/>
      <c r="W1284" s="55"/>
      <c r="X1284" s="55"/>
      <c r="Y1284" s="55"/>
      <c r="Z1284" s="55"/>
      <c r="AA1284" s="55"/>
      <c r="AB1284" s="55"/>
      <c r="AC1284" s="55"/>
      <c r="AD1284" s="55"/>
      <c r="AE1284" s="55"/>
      <c r="AF1284" s="55"/>
      <c r="AG1284" s="55"/>
      <c r="AY1284" s="162"/>
      <c r="AZ1284" s="162"/>
      <c r="BA1284" s="162"/>
      <c r="BB1284" s="162"/>
      <c r="BC1284" s="162"/>
      <c r="BD1284" s="162"/>
      <c r="BE1284" s="162"/>
      <c r="BF1284" s="162"/>
      <c r="BG1284" s="162"/>
      <c r="BH1284" s="162"/>
      <c r="BI1284" s="162"/>
      <c r="BJ1284" s="162"/>
      <c r="BK1284" s="162"/>
      <c r="BL1284" s="162"/>
      <c r="BM1284" s="162"/>
      <c r="BN1284" s="162"/>
      <c r="BO1284" s="162"/>
      <c r="BP1284" s="162"/>
      <c r="BQ1284" s="162"/>
      <c r="BR1284" s="162"/>
      <c r="BS1284" s="162"/>
      <c r="BT1284" s="162"/>
      <c r="BU1284" s="162"/>
      <c r="BV1284" s="162"/>
      <c r="BW1284" s="162"/>
      <c r="BX1284" s="162"/>
      <c r="BY1284" s="162"/>
      <c r="BZ1284" s="162"/>
      <c r="CA1284" s="162"/>
      <c r="CB1284" s="162"/>
      <c r="CC1284" s="162"/>
      <c r="CD1284" s="162"/>
      <c r="CE1284" s="162"/>
      <c r="CF1284" s="162"/>
      <c r="CG1284" s="162"/>
      <c r="CH1284" s="162"/>
      <c r="CI1284" s="162"/>
      <c r="CJ1284" s="162"/>
      <c r="CK1284" s="162"/>
      <c r="CX1284" s="98"/>
      <c r="DL1284" s="97"/>
      <c r="DX1284" s="98"/>
      <c r="EL1284" s="97"/>
      <c r="EX1284" s="98"/>
      <c r="EY1284" s="97"/>
      <c r="FL1284" s="126"/>
      <c r="FM1284" s="91"/>
      <c r="FN1284" s="91"/>
      <c r="FO1284" s="91"/>
      <c r="FP1284" s="91"/>
      <c r="FQ1284" s="91"/>
      <c r="FR1284" s="91"/>
      <c r="FS1284" s="91"/>
      <c r="FT1284" s="91"/>
      <c r="FU1284" s="91"/>
      <c r="FV1284" s="91"/>
      <c r="FW1284" s="91"/>
      <c r="FX1284" s="91"/>
      <c r="FY1284" s="91"/>
      <c r="FZ1284" s="91"/>
      <c r="GA1284" s="91"/>
      <c r="GB1284" s="91"/>
      <c r="GC1284" s="91"/>
      <c r="GD1284" s="91"/>
      <c r="GE1284" s="91"/>
      <c r="GF1284" s="91"/>
      <c r="GG1284" s="91"/>
      <c r="GH1284" s="91"/>
      <c r="GI1284" s="91"/>
      <c r="GJ1284" s="91"/>
      <c r="GK1284" s="127"/>
      <c r="GL1284" s="126"/>
      <c r="GM1284" s="91"/>
      <c r="GN1284" s="91"/>
      <c r="GO1284" s="91"/>
      <c r="GP1284" s="91"/>
      <c r="GQ1284" s="91"/>
      <c r="GR1284" s="91"/>
      <c r="GS1284" s="91"/>
      <c r="GT1284" s="91"/>
      <c r="GU1284" s="91"/>
      <c r="GV1284" s="91"/>
      <c r="GW1284" s="91"/>
      <c r="GX1284" s="91"/>
      <c r="GY1284" s="91"/>
      <c r="GZ1284" s="91"/>
      <c r="HA1284" s="91"/>
      <c r="HB1284" s="91"/>
      <c r="HC1284" s="91"/>
      <c r="HD1284" s="91"/>
      <c r="HE1284" s="91"/>
      <c r="HF1284" s="91"/>
      <c r="HG1284" s="91"/>
      <c r="HH1284" s="91"/>
      <c r="HI1284" s="91"/>
      <c r="HJ1284" s="91"/>
      <c r="HK1284" s="127"/>
      <c r="HL1284" s="126"/>
      <c r="HM1284" s="91"/>
      <c r="HN1284" s="91"/>
      <c r="HO1284" s="91"/>
      <c r="HP1284" s="91"/>
      <c r="HQ1284" s="91"/>
      <c r="HR1284" s="91"/>
      <c r="HS1284" s="91"/>
      <c r="HT1284" s="91"/>
      <c r="HU1284" s="91"/>
      <c r="HV1284" s="91"/>
      <c r="HW1284" s="91"/>
      <c r="HX1284" s="91"/>
      <c r="HY1284" s="91"/>
      <c r="HZ1284" s="91"/>
      <c r="IA1284" s="91"/>
      <c r="IB1284" s="91"/>
      <c r="IC1284" s="91"/>
      <c r="ID1284" s="91"/>
      <c r="IE1284" s="91"/>
      <c r="IF1284" s="91"/>
      <c r="IG1284" s="91"/>
      <c r="IH1284" s="91"/>
      <c r="II1284" s="91"/>
      <c r="IJ1284" s="91"/>
      <c r="IK1284" s="127"/>
    </row>
    <row r="1285" spans="2:245" x14ac:dyDescent="0.2">
      <c r="B1285" s="43"/>
      <c r="C1285" s="73"/>
      <c r="D1285" s="64"/>
      <c r="E1285" s="64"/>
      <c r="F1285" s="55"/>
      <c r="G1285" s="102"/>
      <c r="H1285" s="55"/>
      <c r="I1285" s="55"/>
      <c r="J1285" s="55"/>
      <c r="K1285" s="55"/>
      <c r="L1285" s="55"/>
      <c r="M1285" s="55"/>
      <c r="N1285" s="55"/>
      <c r="O1285" s="55"/>
      <c r="P1285" s="55"/>
      <c r="Q1285" s="55"/>
      <c r="R1285" s="55"/>
      <c r="S1285" s="55"/>
      <c r="T1285" s="55"/>
      <c r="U1285" s="55"/>
      <c r="V1285" s="55"/>
      <c r="W1285" s="55"/>
      <c r="X1285" s="55"/>
      <c r="Y1285" s="55"/>
      <c r="Z1285" s="55"/>
      <c r="AA1285" s="55"/>
      <c r="AB1285" s="55"/>
      <c r="AC1285" s="55"/>
      <c r="AD1285" s="55"/>
      <c r="AE1285" s="55"/>
      <c r="AF1285" s="55"/>
      <c r="AG1285" s="55"/>
      <c r="AY1285" s="162"/>
      <c r="AZ1285" s="162"/>
      <c r="BA1285" s="162"/>
      <c r="BB1285" s="162"/>
      <c r="BC1285" s="162"/>
      <c r="BD1285" s="162"/>
      <c r="BE1285" s="162"/>
      <c r="BF1285" s="162"/>
      <c r="BG1285" s="162"/>
      <c r="BH1285" s="162"/>
      <c r="BI1285" s="162"/>
      <c r="BJ1285" s="162"/>
      <c r="BK1285" s="162"/>
      <c r="BL1285" s="162"/>
      <c r="BM1285" s="162"/>
      <c r="BN1285" s="162"/>
      <c r="BO1285" s="162"/>
      <c r="BP1285" s="162"/>
      <c r="BQ1285" s="162"/>
      <c r="BR1285" s="162"/>
      <c r="BS1285" s="162"/>
      <c r="BT1285" s="162"/>
      <c r="BU1285" s="162"/>
      <c r="BV1285" s="162"/>
      <c r="BW1285" s="162"/>
      <c r="BX1285" s="162"/>
      <c r="BY1285" s="162"/>
      <c r="BZ1285" s="162"/>
      <c r="CA1285" s="162"/>
      <c r="CB1285" s="162"/>
      <c r="CC1285" s="162"/>
      <c r="CD1285" s="162"/>
      <c r="CE1285" s="162"/>
      <c r="CF1285" s="162"/>
      <c r="CG1285" s="162"/>
      <c r="CH1285" s="162"/>
      <c r="CI1285" s="162"/>
      <c r="CJ1285" s="162"/>
      <c r="CK1285" s="162"/>
      <c r="CX1285" s="98"/>
      <c r="DL1285" s="97"/>
      <c r="DX1285" s="98"/>
      <c r="EL1285" s="97"/>
      <c r="EX1285" s="98"/>
      <c r="EY1285" s="97"/>
      <c r="FL1285" s="126"/>
      <c r="FM1285" s="91"/>
      <c r="FN1285" s="91"/>
      <c r="FO1285" s="91"/>
      <c r="FP1285" s="91"/>
      <c r="FQ1285" s="91"/>
      <c r="FR1285" s="91"/>
      <c r="FS1285" s="91"/>
      <c r="FT1285" s="91"/>
      <c r="FU1285" s="91"/>
      <c r="FV1285" s="91"/>
      <c r="FW1285" s="91"/>
      <c r="FX1285" s="91"/>
      <c r="FY1285" s="91"/>
      <c r="FZ1285" s="91"/>
      <c r="GA1285" s="91"/>
      <c r="GB1285" s="91"/>
      <c r="GC1285" s="91"/>
      <c r="GD1285" s="91"/>
      <c r="GE1285" s="91"/>
      <c r="GF1285" s="91"/>
      <c r="GG1285" s="91"/>
      <c r="GH1285" s="91"/>
      <c r="GI1285" s="91"/>
      <c r="GJ1285" s="91"/>
      <c r="GK1285" s="127"/>
      <c r="GL1285" s="126"/>
      <c r="GM1285" s="91"/>
      <c r="GN1285" s="91"/>
      <c r="GO1285" s="91"/>
      <c r="GP1285" s="91"/>
      <c r="GQ1285" s="91"/>
      <c r="GR1285" s="91"/>
      <c r="GS1285" s="91"/>
      <c r="GT1285" s="91"/>
      <c r="GU1285" s="91"/>
      <c r="GV1285" s="91"/>
      <c r="GW1285" s="91"/>
      <c r="GX1285" s="91"/>
      <c r="GY1285" s="91"/>
      <c r="GZ1285" s="91"/>
      <c r="HA1285" s="91"/>
      <c r="HB1285" s="91"/>
      <c r="HC1285" s="91"/>
      <c r="HD1285" s="91"/>
      <c r="HE1285" s="91"/>
      <c r="HF1285" s="91"/>
      <c r="HG1285" s="91"/>
      <c r="HH1285" s="91"/>
      <c r="HI1285" s="91"/>
      <c r="HJ1285" s="91"/>
      <c r="HK1285" s="127"/>
      <c r="HL1285" s="126"/>
      <c r="HM1285" s="91"/>
      <c r="HN1285" s="91"/>
      <c r="HO1285" s="91"/>
      <c r="HP1285" s="91"/>
      <c r="HQ1285" s="91"/>
      <c r="HR1285" s="91"/>
      <c r="HS1285" s="91"/>
      <c r="HT1285" s="91"/>
      <c r="HU1285" s="91"/>
      <c r="HV1285" s="91"/>
      <c r="HW1285" s="91"/>
      <c r="HX1285" s="91"/>
      <c r="HY1285" s="91"/>
      <c r="HZ1285" s="91"/>
      <c r="IA1285" s="91"/>
      <c r="IB1285" s="91"/>
      <c r="IC1285" s="91"/>
      <c r="ID1285" s="91"/>
      <c r="IE1285" s="91"/>
      <c r="IF1285" s="91"/>
      <c r="IG1285" s="91"/>
      <c r="IH1285" s="91"/>
      <c r="II1285" s="91"/>
      <c r="IJ1285" s="91"/>
      <c r="IK1285" s="127"/>
    </row>
    <row r="1286" spans="2:245" x14ac:dyDescent="0.2">
      <c r="B1286" s="43"/>
      <c r="C1286" s="73"/>
      <c r="D1286" s="64"/>
      <c r="E1286" s="64"/>
      <c r="F1286" s="55"/>
      <c r="G1286" s="102"/>
      <c r="H1286" s="55"/>
      <c r="I1286" s="55"/>
      <c r="J1286" s="55"/>
      <c r="K1286" s="55"/>
      <c r="L1286" s="55"/>
      <c r="M1286" s="55"/>
      <c r="N1286" s="55"/>
      <c r="O1286" s="55"/>
      <c r="P1286" s="55"/>
      <c r="Q1286" s="55"/>
      <c r="R1286" s="55"/>
      <c r="S1286" s="55"/>
      <c r="T1286" s="55"/>
      <c r="U1286" s="55"/>
      <c r="V1286" s="55"/>
      <c r="W1286" s="55"/>
      <c r="X1286" s="55"/>
      <c r="Y1286" s="55"/>
      <c r="Z1286" s="55"/>
      <c r="AA1286" s="55"/>
      <c r="AB1286" s="55"/>
      <c r="AC1286" s="55"/>
      <c r="AD1286" s="55"/>
      <c r="AE1286" s="55"/>
      <c r="AF1286" s="55"/>
      <c r="AG1286" s="55"/>
      <c r="AY1286" s="162"/>
      <c r="AZ1286" s="162"/>
      <c r="BA1286" s="162"/>
      <c r="BB1286" s="162"/>
      <c r="BC1286" s="162"/>
      <c r="BD1286" s="162"/>
      <c r="BE1286" s="162"/>
      <c r="BF1286" s="162"/>
      <c r="BG1286" s="162"/>
      <c r="BH1286" s="162"/>
      <c r="BI1286" s="162"/>
      <c r="BJ1286" s="162"/>
      <c r="BK1286" s="162"/>
      <c r="BL1286" s="162"/>
      <c r="BM1286" s="162"/>
      <c r="BN1286" s="162"/>
      <c r="BO1286" s="162"/>
      <c r="BP1286" s="162"/>
      <c r="BQ1286" s="162"/>
      <c r="BR1286" s="162"/>
      <c r="BS1286" s="162"/>
      <c r="BT1286" s="162"/>
      <c r="BU1286" s="162"/>
      <c r="BV1286" s="162"/>
      <c r="BW1286" s="162"/>
      <c r="BX1286" s="162"/>
      <c r="BY1286" s="162"/>
      <c r="BZ1286" s="162"/>
      <c r="CA1286" s="162"/>
      <c r="CB1286" s="162"/>
      <c r="CC1286" s="162"/>
      <c r="CD1286" s="162"/>
      <c r="CE1286" s="162"/>
      <c r="CF1286" s="162"/>
      <c r="CG1286" s="162"/>
      <c r="CH1286" s="162"/>
      <c r="CI1286" s="162"/>
      <c r="CJ1286" s="162"/>
      <c r="CK1286" s="162"/>
      <c r="CX1286" s="98"/>
      <c r="DL1286" s="97"/>
      <c r="DX1286" s="98"/>
      <c r="EL1286" s="97"/>
      <c r="EX1286" s="98"/>
      <c r="EY1286" s="97"/>
      <c r="FL1286" s="126"/>
      <c r="FM1286" s="91"/>
      <c r="FN1286" s="91"/>
      <c r="FO1286" s="91"/>
      <c r="FP1286" s="91"/>
      <c r="FQ1286" s="91"/>
      <c r="FR1286" s="91"/>
      <c r="FS1286" s="91"/>
      <c r="FT1286" s="91"/>
      <c r="FU1286" s="91"/>
      <c r="FV1286" s="91"/>
      <c r="FW1286" s="91"/>
      <c r="FX1286" s="91"/>
      <c r="FY1286" s="91"/>
      <c r="FZ1286" s="91"/>
      <c r="GA1286" s="91"/>
      <c r="GB1286" s="91"/>
      <c r="GC1286" s="91"/>
      <c r="GD1286" s="91"/>
      <c r="GE1286" s="91"/>
      <c r="GF1286" s="91"/>
      <c r="GG1286" s="91"/>
      <c r="GH1286" s="91"/>
      <c r="GI1286" s="91"/>
      <c r="GJ1286" s="91"/>
      <c r="GK1286" s="127"/>
      <c r="GL1286" s="126"/>
      <c r="GM1286" s="91"/>
      <c r="GN1286" s="91"/>
      <c r="GO1286" s="91"/>
      <c r="GP1286" s="91"/>
      <c r="GQ1286" s="91"/>
      <c r="GR1286" s="91"/>
      <c r="GS1286" s="91"/>
      <c r="GT1286" s="91"/>
      <c r="GU1286" s="91"/>
      <c r="GV1286" s="91"/>
      <c r="GW1286" s="91"/>
      <c r="GX1286" s="91"/>
      <c r="GY1286" s="91"/>
      <c r="GZ1286" s="91"/>
      <c r="HA1286" s="91"/>
      <c r="HB1286" s="91"/>
      <c r="HC1286" s="91"/>
      <c r="HD1286" s="91"/>
      <c r="HE1286" s="91"/>
      <c r="HF1286" s="91"/>
      <c r="HG1286" s="91"/>
      <c r="HH1286" s="91"/>
      <c r="HI1286" s="91"/>
      <c r="HJ1286" s="91"/>
      <c r="HK1286" s="127"/>
      <c r="HL1286" s="126"/>
      <c r="HM1286" s="91"/>
      <c r="HN1286" s="91"/>
      <c r="HO1286" s="91"/>
      <c r="HP1286" s="91"/>
      <c r="HQ1286" s="91"/>
      <c r="HR1286" s="91"/>
      <c r="HS1286" s="91"/>
      <c r="HT1286" s="91"/>
      <c r="HU1286" s="91"/>
      <c r="HV1286" s="91"/>
      <c r="HW1286" s="91"/>
      <c r="HX1286" s="91"/>
      <c r="HY1286" s="91"/>
      <c r="HZ1286" s="91"/>
      <c r="IA1286" s="91"/>
      <c r="IB1286" s="91"/>
      <c r="IC1286" s="91"/>
      <c r="ID1286" s="91"/>
      <c r="IE1286" s="91"/>
      <c r="IF1286" s="91"/>
      <c r="IG1286" s="91"/>
      <c r="IH1286" s="91"/>
      <c r="II1286" s="91"/>
      <c r="IJ1286" s="91"/>
      <c r="IK1286" s="127"/>
    </row>
    <row r="1287" spans="2:245" x14ac:dyDescent="0.2">
      <c r="B1287" s="43"/>
      <c r="C1287" s="73"/>
      <c r="D1287" s="64"/>
      <c r="E1287" s="64"/>
      <c r="F1287" s="55"/>
      <c r="G1287" s="102"/>
      <c r="H1287" s="55"/>
      <c r="I1287" s="55"/>
      <c r="J1287" s="55"/>
      <c r="K1287" s="55"/>
      <c r="L1287" s="55"/>
      <c r="M1287" s="55"/>
      <c r="N1287" s="55"/>
      <c r="O1287" s="55"/>
      <c r="P1287" s="55"/>
      <c r="Q1287" s="55"/>
      <c r="R1287" s="55"/>
      <c r="S1287" s="55"/>
      <c r="T1287" s="55"/>
      <c r="U1287" s="55"/>
      <c r="V1287" s="55"/>
      <c r="W1287" s="55"/>
      <c r="X1287" s="55"/>
      <c r="Y1287" s="55"/>
      <c r="Z1287" s="55"/>
      <c r="AA1287" s="55"/>
      <c r="AB1287" s="55"/>
      <c r="AC1287" s="55"/>
      <c r="AD1287" s="55"/>
      <c r="AE1287" s="55"/>
      <c r="AF1287" s="55"/>
      <c r="AG1287" s="55"/>
      <c r="AY1287" s="162"/>
      <c r="AZ1287" s="162"/>
      <c r="BA1287" s="162"/>
      <c r="BB1287" s="162"/>
      <c r="BC1287" s="162"/>
      <c r="BD1287" s="162"/>
      <c r="BE1287" s="162"/>
      <c r="BF1287" s="162"/>
      <c r="BG1287" s="162"/>
      <c r="BH1287" s="162"/>
      <c r="BI1287" s="162"/>
      <c r="BJ1287" s="162"/>
      <c r="BK1287" s="162"/>
      <c r="BL1287" s="162"/>
      <c r="BM1287" s="162"/>
      <c r="BN1287" s="162"/>
      <c r="BO1287" s="162"/>
      <c r="BP1287" s="162"/>
      <c r="BQ1287" s="162"/>
      <c r="BR1287" s="162"/>
      <c r="BS1287" s="162"/>
      <c r="BT1287" s="162"/>
      <c r="BU1287" s="162"/>
      <c r="BV1287" s="162"/>
      <c r="BW1287" s="162"/>
      <c r="BX1287" s="162"/>
      <c r="BY1287" s="162"/>
      <c r="BZ1287" s="162"/>
      <c r="CA1287" s="162"/>
      <c r="CB1287" s="162"/>
      <c r="CC1287" s="162"/>
      <c r="CD1287" s="162"/>
      <c r="CE1287" s="162"/>
      <c r="CF1287" s="162"/>
      <c r="CG1287" s="162"/>
      <c r="CH1287" s="162"/>
      <c r="CI1287" s="162"/>
      <c r="CJ1287" s="162"/>
      <c r="CK1287" s="162"/>
      <c r="CX1287" s="98"/>
      <c r="DL1287" s="97"/>
      <c r="DX1287" s="98"/>
      <c r="EL1287" s="97"/>
      <c r="EX1287" s="98"/>
      <c r="EY1287" s="97"/>
      <c r="FL1287" s="126"/>
      <c r="FM1287" s="91"/>
      <c r="FN1287" s="91"/>
      <c r="FO1287" s="91"/>
      <c r="FP1287" s="91"/>
      <c r="FQ1287" s="91"/>
      <c r="FR1287" s="91"/>
      <c r="FS1287" s="91"/>
      <c r="FT1287" s="91"/>
      <c r="FU1287" s="91"/>
      <c r="FV1287" s="91"/>
      <c r="FW1287" s="91"/>
      <c r="FX1287" s="91"/>
      <c r="FY1287" s="91"/>
      <c r="FZ1287" s="91"/>
      <c r="GA1287" s="91"/>
      <c r="GB1287" s="91"/>
      <c r="GC1287" s="91"/>
      <c r="GD1287" s="91"/>
      <c r="GE1287" s="91"/>
      <c r="GF1287" s="91"/>
      <c r="GG1287" s="91"/>
      <c r="GH1287" s="91"/>
      <c r="GI1287" s="91"/>
      <c r="GJ1287" s="91"/>
      <c r="GK1287" s="127"/>
      <c r="GL1287" s="126"/>
      <c r="GM1287" s="91"/>
      <c r="GN1287" s="91"/>
      <c r="GO1287" s="91"/>
      <c r="GP1287" s="91"/>
      <c r="GQ1287" s="91"/>
      <c r="GR1287" s="91"/>
      <c r="GS1287" s="91"/>
      <c r="GT1287" s="91"/>
      <c r="GU1287" s="91"/>
      <c r="GV1287" s="91"/>
      <c r="GW1287" s="91"/>
      <c r="GX1287" s="91"/>
      <c r="GY1287" s="91"/>
      <c r="GZ1287" s="91"/>
      <c r="HA1287" s="91"/>
      <c r="HB1287" s="91"/>
      <c r="HC1287" s="91"/>
      <c r="HD1287" s="91"/>
      <c r="HE1287" s="91"/>
      <c r="HF1287" s="91"/>
      <c r="HG1287" s="91"/>
      <c r="HH1287" s="91"/>
      <c r="HI1287" s="91"/>
      <c r="HJ1287" s="91"/>
      <c r="HK1287" s="127"/>
      <c r="HL1287" s="126"/>
      <c r="HM1287" s="91"/>
      <c r="HN1287" s="91"/>
      <c r="HO1287" s="91"/>
      <c r="HP1287" s="91"/>
      <c r="HQ1287" s="91"/>
      <c r="HR1287" s="91"/>
      <c r="HS1287" s="91"/>
      <c r="HT1287" s="91"/>
      <c r="HU1287" s="91"/>
      <c r="HV1287" s="91"/>
      <c r="HW1287" s="91"/>
      <c r="HX1287" s="91"/>
      <c r="HY1287" s="91"/>
      <c r="HZ1287" s="91"/>
      <c r="IA1287" s="91"/>
      <c r="IB1287" s="91"/>
      <c r="IC1287" s="91"/>
      <c r="ID1287" s="91"/>
      <c r="IE1287" s="91"/>
      <c r="IF1287" s="91"/>
      <c r="IG1287" s="91"/>
      <c r="IH1287" s="91"/>
      <c r="II1287" s="91"/>
      <c r="IJ1287" s="91"/>
      <c r="IK1287" s="127"/>
    </row>
    <row r="1288" spans="2:245" x14ac:dyDescent="0.2">
      <c r="B1288" s="43"/>
      <c r="C1288" s="73"/>
      <c r="D1288" s="64"/>
      <c r="E1288" s="64"/>
      <c r="F1288" s="55"/>
      <c r="G1288" s="102"/>
      <c r="H1288" s="55"/>
      <c r="I1288" s="55"/>
      <c r="J1288" s="55"/>
      <c r="K1288" s="55"/>
      <c r="L1288" s="55"/>
      <c r="M1288" s="55"/>
      <c r="N1288" s="55"/>
      <c r="O1288" s="55"/>
      <c r="P1288" s="55"/>
      <c r="Q1288" s="55"/>
      <c r="R1288" s="55"/>
      <c r="S1288" s="55"/>
      <c r="T1288" s="55"/>
      <c r="U1288" s="55"/>
      <c r="V1288" s="55"/>
      <c r="W1288" s="55"/>
      <c r="X1288" s="55"/>
      <c r="Y1288" s="55"/>
      <c r="Z1288" s="55"/>
      <c r="AA1288" s="55"/>
      <c r="AB1288" s="55"/>
      <c r="AC1288" s="55"/>
      <c r="AD1288" s="55"/>
      <c r="AE1288" s="55"/>
      <c r="AF1288" s="55"/>
      <c r="AG1288" s="55"/>
      <c r="AY1288" s="162"/>
      <c r="AZ1288" s="162"/>
      <c r="BA1288" s="162"/>
      <c r="BB1288" s="162"/>
      <c r="BC1288" s="162"/>
      <c r="BD1288" s="162"/>
      <c r="BE1288" s="162"/>
      <c r="BF1288" s="162"/>
      <c r="BG1288" s="162"/>
      <c r="BH1288" s="162"/>
      <c r="BI1288" s="162"/>
      <c r="BJ1288" s="162"/>
      <c r="BK1288" s="162"/>
      <c r="BL1288" s="162"/>
      <c r="BM1288" s="162"/>
      <c r="BN1288" s="162"/>
      <c r="BO1288" s="162"/>
      <c r="BP1288" s="162"/>
      <c r="BQ1288" s="162"/>
      <c r="BR1288" s="162"/>
      <c r="BS1288" s="162"/>
      <c r="BT1288" s="162"/>
      <c r="BU1288" s="162"/>
      <c r="BV1288" s="162"/>
      <c r="BW1288" s="162"/>
      <c r="BX1288" s="162"/>
      <c r="BY1288" s="162"/>
      <c r="BZ1288" s="162"/>
      <c r="CA1288" s="162"/>
      <c r="CB1288" s="162"/>
      <c r="CC1288" s="162"/>
      <c r="CD1288" s="162"/>
      <c r="CE1288" s="162"/>
      <c r="CF1288" s="162"/>
      <c r="CG1288" s="162"/>
      <c r="CH1288" s="162"/>
      <c r="CI1288" s="162"/>
      <c r="CJ1288" s="162"/>
      <c r="CK1288" s="162"/>
      <c r="CX1288" s="98"/>
      <c r="DL1288" s="97"/>
      <c r="DX1288" s="98"/>
      <c r="EL1288" s="97"/>
      <c r="EX1288" s="98"/>
      <c r="EY1288" s="97"/>
      <c r="FL1288" s="126"/>
      <c r="FM1288" s="91"/>
      <c r="FN1288" s="91"/>
      <c r="FO1288" s="91"/>
      <c r="FP1288" s="91"/>
      <c r="FQ1288" s="91"/>
      <c r="FR1288" s="91"/>
      <c r="FS1288" s="91"/>
      <c r="FT1288" s="91"/>
      <c r="FU1288" s="91"/>
      <c r="FV1288" s="91"/>
      <c r="FW1288" s="91"/>
      <c r="FX1288" s="91"/>
      <c r="FY1288" s="91"/>
      <c r="FZ1288" s="91"/>
      <c r="GA1288" s="91"/>
      <c r="GB1288" s="91"/>
      <c r="GC1288" s="91"/>
      <c r="GD1288" s="91"/>
      <c r="GE1288" s="91"/>
      <c r="GF1288" s="91"/>
      <c r="GG1288" s="91"/>
      <c r="GH1288" s="91"/>
      <c r="GI1288" s="91"/>
      <c r="GJ1288" s="91"/>
      <c r="GK1288" s="127"/>
      <c r="GL1288" s="126"/>
      <c r="GM1288" s="91"/>
      <c r="GN1288" s="91"/>
      <c r="GO1288" s="91"/>
      <c r="GP1288" s="91"/>
      <c r="GQ1288" s="91"/>
      <c r="GR1288" s="91"/>
      <c r="GS1288" s="91"/>
      <c r="GT1288" s="91"/>
      <c r="GU1288" s="91"/>
      <c r="GV1288" s="91"/>
      <c r="GW1288" s="91"/>
      <c r="GX1288" s="91"/>
      <c r="GY1288" s="91"/>
      <c r="GZ1288" s="91"/>
      <c r="HA1288" s="91"/>
      <c r="HB1288" s="91"/>
      <c r="HC1288" s="91"/>
      <c r="HD1288" s="91"/>
      <c r="HE1288" s="91"/>
      <c r="HF1288" s="91"/>
      <c r="HG1288" s="91"/>
      <c r="HH1288" s="91"/>
      <c r="HI1288" s="91"/>
      <c r="HJ1288" s="91"/>
      <c r="HK1288" s="127"/>
      <c r="HL1288" s="126"/>
      <c r="HM1288" s="91"/>
      <c r="HN1288" s="91"/>
      <c r="HO1288" s="91"/>
      <c r="HP1288" s="91"/>
      <c r="HQ1288" s="91"/>
      <c r="HR1288" s="91"/>
      <c r="HS1288" s="91"/>
      <c r="HT1288" s="91"/>
      <c r="HU1288" s="91"/>
      <c r="HV1288" s="91"/>
      <c r="HW1288" s="91"/>
      <c r="HX1288" s="91"/>
      <c r="HY1288" s="91"/>
      <c r="HZ1288" s="91"/>
      <c r="IA1288" s="91"/>
      <c r="IB1288" s="91"/>
      <c r="IC1288" s="91"/>
      <c r="ID1288" s="91"/>
      <c r="IE1288" s="91"/>
      <c r="IF1288" s="91"/>
      <c r="IG1288" s="91"/>
      <c r="IH1288" s="91"/>
      <c r="II1288" s="91"/>
      <c r="IJ1288" s="91"/>
      <c r="IK1288" s="127"/>
    </row>
    <row r="1289" spans="2:245" x14ac:dyDescent="0.2">
      <c r="B1289" s="43"/>
      <c r="C1289" s="73"/>
      <c r="D1289" s="64"/>
      <c r="E1289" s="64"/>
      <c r="F1289" s="55"/>
      <c r="G1289" s="102"/>
      <c r="H1289" s="55"/>
      <c r="I1289" s="55"/>
      <c r="J1289" s="55"/>
      <c r="K1289" s="55"/>
      <c r="L1289" s="55"/>
      <c r="M1289" s="55"/>
      <c r="N1289" s="55"/>
      <c r="O1289" s="55"/>
      <c r="P1289" s="55"/>
      <c r="Q1289" s="55"/>
      <c r="R1289" s="55"/>
      <c r="S1289" s="55"/>
      <c r="T1289" s="55"/>
      <c r="U1289" s="55"/>
      <c r="V1289" s="55"/>
      <c r="W1289" s="55"/>
      <c r="X1289" s="55"/>
      <c r="Y1289" s="55"/>
      <c r="Z1289" s="55"/>
      <c r="AA1289" s="55"/>
      <c r="AB1289" s="55"/>
      <c r="AC1289" s="55"/>
      <c r="AD1289" s="55"/>
      <c r="AE1289" s="55"/>
      <c r="AF1289" s="55"/>
      <c r="AG1289" s="55"/>
      <c r="AY1289" s="162"/>
      <c r="AZ1289" s="162"/>
      <c r="BA1289" s="162"/>
      <c r="BB1289" s="162"/>
      <c r="BC1289" s="162"/>
      <c r="BD1289" s="162"/>
      <c r="BE1289" s="162"/>
      <c r="BF1289" s="162"/>
      <c r="BG1289" s="162"/>
      <c r="BH1289" s="162"/>
      <c r="BI1289" s="162"/>
      <c r="BJ1289" s="162"/>
      <c r="BK1289" s="162"/>
      <c r="BL1289" s="162"/>
      <c r="BM1289" s="162"/>
      <c r="BN1289" s="162"/>
      <c r="BO1289" s="162"/>
      <c r="BP1289" s="162"/>
      <c r="BQ1289" s="162"/>
      <c r="BR1289" s="162"/>
      <c r="BS1289" s="162"/>
      <c r="BT1289" s="162"/>
      <c r="BU1289" s="162"/>
      <c r="BV1289" s="162"/>
      <c r="BW1289" s="162"/>
      <c r="BX1289" s="162"/>
      <c r="BY1289" s="162"/>
      <c r="BZ1289" s="162"/>
      <c r="CA1289" s="162"/>
      <c r="CB1289" s="162"/>
      <c r="CC1289" s="162"/>
      <c r="CD1289" s="162"/>
      <c r="CE1289" s="162"/>
      <c r="CF1289" s="162"/>
      <c r="CG1289" s="162"/>
      <c r="CH1289" s="162"/>
      <c r="CI1289" s="162"/>
      <c r="CJ1289" s="162"/>
      <c r="CK1289" s="162"/>
      <c r="CX1289" s="98"/>
      <c r="DL1289" s="97"/>
      <c r="DX1289" s="98"/>
      <c r="EL1289" s="97"/>
      <c r="EX1289" s="98"/>
      <c r="EY1289" s="97"/>
      <c r="FL1289" s="126"/>
      <c r="FM1289" s="91"/>
      <c r="FN1289" s="91"/>
      <c r="FO1289" s="91"/>
      <c r="FP1289" s="91"/>
      <c r="FQ1289" s="91"/>
      <c r="FR1289" s="91"/>
      <c r="FS1289" s="91"/>
      <c r="FT1289" s="91"/>
      <c r="FU1289" s="91"/>
      <c r="FV1289" s="91"/>
      <c r="FW1289" s="91"/>
      <c r="FX1289" s="91"/>
      <c r="FY1289" s="91"/>
      <c r="FZ1289" s="91"/>
      <c r="GA1289" s="91"/>
      <c r="GB1289" s="91"/>
      <c r="GC1289" s="91"/>
      <c r="GD1289" s="91"/>
      <c r="GE1289" s="91"/>
      <c r="GF1289" s="91"/>
      <c r="GG1289" s="91"/>
      <c r="GH1289" s="91"/>
      <c r="GI1289" s="91"/>
      <c r="GJ1289" s="91"/>
      <c r="GK1289" s="127"/>
      <c r="GL1289" s="126"/>
      <c r="GM1289" s="91"/>
      <c r="GN1289" s="91"/>
      <c r="GO1289" s="91"/>
      <c r="GP1289" s="91"/>
      <c r="GQ1289" s="91"/>
      <c r="GR1289" s="91"/>
      <c r="GS1289" s="91"/>
      <c r="GT1289" s="91"/>
      <c r="GU1289" s="91"/>
      <c r="GV1289" s="91"/>
      <c r="GW1289" s="91"/>
      <c r="GX1289" s="91"/>
      <c r="GY1289" s="91"/>
      <c r="GZ1289" s="91"/>
      <c r="HA1289" s="91"/>
      <c r="HB1289" s="91"/>
      <c r="HC1289" s="91"/>
      <c r="HD1289" s="91"/>
      <c r="HE1289" s="91"/>
      <c r="HF1289" s="91"/>
      <c r="HG1289" s="91"/>
      <c r="HH1289" s="91"/>
      <c r="HI1289" s="91"/>
      <c r="HJ1289" s="91"/>
      <c r="HK1289" s="127"/>
      <c r="HL1289" s="126"/>
      <c r="HM1289" s="91"/>
      <c r="HN1289" s="91"/>
      <c r="HO1289" s="91"/>
      <c r="HP1289" s="91"/>
      <c r="HQ1289" s="91"/>
      <c r="HR1289" s="91"/>
      <c r="HS1289" s="91"/>
      <c r="HT1289" s="91"/>
      <c r="HU1289" s="91"/>
      <c r="HV1289" s="91"/>
      <c r="HW1289" s="91"/>
      <c r="HX1289" s="91"/>
      <c r="HY1289" s="91"/>
      <c r="HZ1289" s="91"/>
      <c r="IA1289" s="91"/>
      <c r="IB1289" s="91"/>
      <c r="IC1289" s="91"/>
      <c r="ID1289" s="91"/>
      <c r="IE1289" s="91"/>
      <c r="IF1289" s="91"/>
      <c r="IG1289" s="91"/>
      <c r="IH1289" s="91"/>
      <c r="II1289" s="91"/>
      <c r="IJ1289" s="91"/>
      <c r="IK1289" s="127"/>
    </row>
    <row r="1290" spans="2:245" x14ac:dyDescent="0.2">
      <c r="B1290" s="43"/>
      <c r="C1290" s="73"/>
      <c r="D1290" s="64"/>
      <c r="E1290" s="64"/>
      <c r="F1290" s="55"/>
      <c r="G1290" s="102"/>
      <c r="H1290" s="55"/>
      <c r="I1290" s="55"/>
      <c r="J1290" s="55"/>
      <c r="K1290" s="55"/>
      <c r="L1290" s="55"/>
      <c r="M1290" s="55"/>
      <c r="N1290" s="55"/>
      <c r="O1290" s="55"/>
      <c r="P1290" s="55"/>
      <c r="Q1290" s="55"/>
      <c r="R1290" s="55"/>
      <c r="S1290" s="55"/>
      <c r="T1290" s="55"/>
      <c r="U1290" s="55"/>
      <c r="V1290" s="55"/>
      <c r="W1290" s="55"/>
      <c r="X1290" s="55"/>
      <c r="Y1290" s="55"/>
      <c r="Z1290" s="55"/>
      <c r="AA1290" s="55"/>
      <c r="AB1290" s="55"/>
      <c r="AC1290" s="55"/>
      <c r="AD1290" s="55"/>
      <c r="AE1290" s="55"/>
      <c r="AF1290" s="55"/>
      <c r="AG1290" s="55"/>
      <c r="AY1290" s="162"/>
      <c r="AZ1290" s="162"/>
      <c r="BA1290" s="162"/>
      <c r="BB1290" s="162"/>
      <c r="BC1290" s="162"/>
      <c r="BD1290" s="162"/>
      <c r="BE1290" s="162"/>
      <c r="BF1290" s="162"/>
      <c r="BG1290" s="162"/>
      <c r="BH1290" s="162"/>
      <c r="BI1290" s="162"/>
      <c r="BJ1290" s="162"/>
      <c r="BK1290" s="162"/>
      <c r="BL1290" s="162"/>
      <c r="BM1290" s="162"/>
      <c r="BN1290" s="162"/>
      <c r="BO1290" s="162"/>
      <c r="BP1290" s="162"/>
      <c r="BQ1290" s="162"/>
      <c r="BR1290" s="162"/>
      <c r="BS1290" s="162"/>
      <c r="BT1290" s="162"/>
      <c r="BU1290" s="162"/>
      <c r="BV1290" s="162"/>
      <c r="BW1290" s="162"/>
      <c r="BX1290" s="162"/>
      <c r="BY1290" s="162"/>
      <c r="BZ1290" s="162"/>
      <c r="CA1290" s="162"/>
      <c r="CB1290" s="162"/>
      <c r="CC1290" s="162"/>
      <c r="CD1290" s="162"/>
      <c r="CE1290" s="162"/>
      <c r="CF1290" s="162"/>
      <c r="CG1290" s="162"/>
      <c r="CH1290" s="162"/>
      <c r="CI1290" s="162"/>
      <c r="CJ1290" s="162"/>
      <c r="CK1290" s="162"/>
      <c r="CX1290" s="98"/>
      <c r="DL1290" s="97"/>
      <c r="DX1290" s="98"/>
      <c r="EL1290" s="97"/>
      <c r="EX1290" s="98"/>
      <c r="EY1290" s="97"/>
      <c r="FL1290" s="126"/>
      <c r="FM1290" s="91"/>
      <c r="FN1290" s="91"/>
      <c r="FO1290" s="91"/>
      <c r="FP1290" s="91"/>
      <c r="FQ1290" s="91"/>
      <c r="FR1290" s="91"/>
      <c r="FS1290" s="91"/>
      <c r="FT1290" s="91"/>
      <c r="FU1290" s="91"/>
      <c r="FV1290" s="91"/>
      <c r="FW1290" s="91"/>
      <c r="FX1290" s="91"/>
      <c r="FY1290" s="91"/>
      <c r="FZ1290" s="91"/>
      <c r="GA1290" s="91"/>
      <c r="GB1290" s="91"/>
      <c r="GC1290" s="91"/>
      <c r="GD1290" s="91"/>
      <c r="GE1290" s="91"/>
      <c r="GF1290" s="91"/>
      <c r="GG1290" s="91"/>
      <c r="GH1290" s="91"/>
      <c r="GI1290" s="91"/>
      <c r="GJ1290" s="91"/>
      <c r="GK1290" s="127"/>
      <c r="GL1290" s="126"/>
      <c r="GM1290" s="91"/>
      <c r="GN1290" s="91"/>
      <c r="GO1290" s="91"/>
      <c r="GP1290" s="91"/>
      <c r="GQ1290" s="91"/>
      <c r="GR1290" s="91"/>
      <c r="GS1290" s="91"/>
      <c r="GT1290" s="91"/>
      <c r="GU1290" s="91"/>
      <c r="GV1290" s="91"/>
      <c r="GW1290" s="91"/>
      <c r="GX1290" s="91"/>
      <c r="GY1290" s="91"/>
      <c r="GZ1290" s="91"/>
      <c r="HA1290" s="91"/>
      <c r="HB1290" s="91"/>
      <c r="HC1290" s="91"/>
      <c r="HD1290" s="91"/>
      <c r="HE1290" s="91"/>
      <c r="HF1290" s="91"/>
      <c r="HG1290" s="91"/>
      <c r="HH1290" s="91"/>
      <c r="HI1290" s="91"/>
      <c r="HJ1290" s="91"/>
      <c r="HK1290" s="127"/>
      <c r="HL1290" s="126"/>
      <c r="HM1290" s="91"/>
      <c r="HN1290" s="91"/>
      <c r="HO1290" s="91"/>
      <c r="HP1290" s="91"/>
      <c r="HQ1290" s="91"/>
      <c r="HR1290" s="91"/>
      <c r="HS1290" s="91"/>
      <c r="HT1290" s="91"/>
      <c r="HU1290" s="91"/>
      <c r="HV1290" s="91"/>
      <c r="HW1290" s="91"/>
      <c r="HX1290" s="91"/>
      <c r="HY1290" s="91"/>
      <c r="HZ1290" s="91"/>
      <c r="IA1290" s="91"/>
      <c r="IB1290" s="91"/>
      <c r="IC1290" s="91"/>
      <c r="ID1290" s="91"/>
      <c r="IE1290" s="91"/>
      <c r="IF1290" s="91"/>
      <c r="IG1290" s="91"/>
      <c r="IH1290" s="91"/>
      <c r="II1290" s="91"/>
      <c r="IJ1290" s="91"/>
      <c r="IK1290" s="127"/>
    </row>
    <row r="1291" spans="2:245" x14ac:dyDescent="0.2">
      <c r="B1291" s="43"/>
      <c r="C1291" s="73"/>
      <c r="D1291" s="64"/>
      <c r="E1291" s="64"/>
      <c r="F1291" s="55"/>
      <c r="G1291" s="102"/>
      <c r="H1291" s="55"/>
      <c r="I1291" s="55"/>
      <c r="J1291" s="55"/>
      <c r="K1291" s="55"/>
      <c r="L1291" s="55"/>
      <c r="M1291" s="55"/>
      <c r="N1291" s="55"/>
      <c r="O1291" s="55"/>
      <c r="P1291" s="55"/>
      <c r="Q1291" s="55"/>
      <c r="R1291" s="55"/>
      <c r="S1291" s="55"/>
      <c r="T1291" s="55"/>
      <c r="U1291" s="55"/>
      <c r="V1291" s="55"/>
      <c r="W1291" s="55"/>
      <c r="X1291" s="55"/>
      <c r="Y1291" s="55"/>
      <c r="Z1291" s="55"/>
      <c r="AA1291" s="55"/>
      <c r="AB1291" s="55"/>
      <c r="AC1291" s="55"/>
      <c r="AD1291" s="55"/>
      <c r="AE1291" s="55"/>
      <c r="AF1291" s="55"/>
      <c r="AG1291" s="55"/>
      <c r="AY1291" s="162"/>
      <c r="AZ1291" s="162"/>
      <c r="BA1291" s="162"/>
      <c r="BB1291" s="162"/>
      <c r="BC1291" s="162"/>
      <c r="BD1291" s="162"/>
      <c r="BE1291" s="162"/>
      <c r="BF1291" s="162"/>
      <c r="BG1291" s="162"/>
      <c r="BH1291" s="162"/>
      <c r="BI1291" s="162"/>
      <c r="BJ1291" s="162"/>
      <c r="BK1291" s="162"/>
      <c r="BL1291" s="162"/>
      <c r="BM1291" s="162"/>
      <c r="BN1291" s="162"/>
      <c r="BO1291" s="162"/>
      <c r="BP1291" s="162"/>
      <c r="BQ1291" s="162"/>
      <c r="BR1291" s="162"/>
      <c r="BS1291" s="162"/>
      <c r="BT1291" s="162"/>
      <c r="BU1291" s="162"/>
      <c r="BV1291" s="162"/>
      <c r="BW1291" s="162"/>
      <c r="BX1291" s="162"/>
      <c r="BY1291" s="162"/>
      <c r="BZ1291" s="162"/>
      <c r="CA1291" s="162"/>
      <c r="CB1291" s="162"/>
      <c r="CC1291" s="162"/>
      <c r="CD1291" s="162"/>
      <c r="CE1291" s="162"/>
      <c r="CF1291" s="162"/>
      <c r="CG1291" s="162"/>
      <c r="CH1291" s="162"/>
      <c r="CI1291" s="162"/>
      <c r="CJ1291" s="162"/>
      <c r="CK1291" s="162"/>
      <c r="CX1291" s="98"/>
      <c r="DL1291" s="97"/>
      <c r="DX1291" s="98"/>
      <c r="EL1291" s="97"/>
      <c r="EX1291" s="98"/>
      <c r="EY1291" s="97"/>
      <c r="FL1291" s="126"/>
      <c r="FM1291" s="91"/>
      <c r="FN1291" s="91"/>
      <c r="FO1291" s="91"/>
      <c r="FP1291" s="91"/>
      <c r="FQ1291" s="91"/>
      <c r="FR1291" s="91"/>
      <c r="FS1291" s="91"/>
      <c r="FT1291" s="91"/>
      <c r="FU1291" s="91"/>
      <c r="FV1291" s="91"/>
      <c r="FW1291" s="91"/>
      <c r="FX1291" s="91"/>
      <c r="FY1291" s="91"/>
      <c r="FZ1291" s="91"/>
      <c r="GA1291" s="91"/>
      <c r="GB1291" s="91"/>
      <c r="GC1291" s="91"/>
      <c r="GD1291" s="91"/>
      <c r="GE1291" s="91"/>
      <c r="GF1291" s="91"/>
      <c r="GG1291" s="91"/>
      <c r="GH1291" s="91"/>
      <c r="GI1291" s="91"/>
      <c r="GJ1291" s="91"/>
      <c r="GK1291" s="127"/>
      <c r="GL1291" s="126"/>
      <c r="GM1291" s="91"/>
      <c r="GN1291" s="91"/>
      <c r="GO1291" s="91"/>
      <c r="GP1291" s="91"/>
      <c r="GQ1291" s="91"/>
      <c r="GR1291" s="91"/>
      <c r="GS1291" s="91"/>
      <c r="GT1291" s="91"/>
      <c r="GU1291" s="91"/>
      <c r="GV1291" s="91"/>
      <c r="GW1291" s="91"/>
      <c r="GX1291" s="91"/>
      <c r="GY1291" s="91"/>
      <c r="GZ1291" s="91"/>
      <c r="HA1291" s="91"/>
      <c r="HB1291" s="91"/>
      <c r="HC1291" s="91"/>
      <c r="HD1291" s="91"/>
      <c r="HE1291" s="91"/>
      <c r="HF1291" s="91"/>
      <c r="HG1291" s="91"/>
      <c r="HH1291" s="91"/>
      <c r="HI1291" s="91"/>
      <c r="HJ1291" s="91"/>
      <c r="HK1291" s="127"/>
      <c r="HL1291" s="126"/>
      <c r="HM1291" s="91"/>
      <c r="HN1291" s="91"/>
      <c r="HO1291" s="91"/>
      <c r="HP1291" s="91"/>
      <c r="HQ1291" s="91"/>
      <c r="HR1291" s="91"/>
      <c r="HS1291" s="91"/>
      <c r="HT1291" s="91"/>
      <c r="HU1291" s="91"/>
      <c r="HV1291" s="91"/>
      <c r="HW1291" s="91"/>
      <c r="HX1291" s="91"/>
      <c r="HY1291" s="91"/>
      <c r="HZ1291" s="91"/>
      <c r="IA1291" s="91"/>
      <c r="IB1291" s="91"/>
      <c r="IC1291" s="91"/>
      <c r="ID1291" s="91"/>
      <c r="IE1291" s="91"/>
      <c r="IF1291" s="91"/>
      <c r="IG1291" s="91"/>
      <c r="IH1291" s="91"/>
      <c r="II1291" s="91"/>
      <c r="IJ1291" s="91"/>
      <c r="IK1291" s="127"/>
    </row>
    <row r="1292" spans="2:245" x14ac:dyDescent="0.2">
      <c r="B1292" s="43"/>
      <c r="C1292" s="73"/>
      <c r="D1292" s="64"/>
      <c r="E1292" s="64"/>
      <c r="F1292" s="55"/>
      <c r="G1292" s="102"/>
      <c r="H1292" s="55"/>
      <c r="I1292" s="55"/>
      <c r="J1292" s="55"/>
      <c r="K1292" s="55"/>
      <c r="L1292" s="55"/>
      <c r="M1292" s="55"/>
      <c r="N1292" s="55"/>
      <c r="O1292" s="55"/>
      <c r="P1292" s="55"/>
      <c r="Q1292" s="55"/>
      <c r="R1292" s="55"/>
      <c r="S1292" s="55"/>
      <c r="T1292" s="55"/>
      <c r="U1292" s="55"/>
      <c r="V1292" s="55"/>
      <c r="W1292" s="55"/>
      <c r="X1292" s="55"/>
      <c r="Y1292" s="55"/>
      <c r="Z1292" s="55"/>
      <c r="AA1292" s="55"/>
      <c r="AB1292" s="55"/>
      <c r="AC1292" s="55"/>
      <c r="AD1292" s="55"/>
      <c r="AE1292" s="55"/>
      <c r="AF1292" s="55"/>
      <c r="AG1292" s="55"/>
      <c r="AY1292" s="162"/>
      <c r="AZ1292" s="162"/>
      <c r="BA1292" s="162"/>
      <c r="BB1292" s="162"/>
      <c r="BC1292" s="162"/>
      <c r="BD1292" s="162"/>
      <c r="BE1292" s="162"/>
      <c r="BF1292" s="162"/>
      <c r="BG1292" s="162"/>
      <c r="BH1292" s="162"/>
      <c r="BI1292" s="162"/>
      <c r="BJ1292" s="162"/>
      <c r="BK1292" s="162"/>
      <c r="BL1292" s="162"/>
      <c r="BM1292" s="162"/>
      <c r="BN1292" s="162"/>
      <c r="BO1292" s="162"/>
      <c r="BP1292" s="162"/>
      <c r="BQ1292" s="162"/>
      <c r="BR1292" s="162"/>
      <c r="BS1292" s="162"/>
      <c r="BT1292" s="162"/>
      <c r="BU1292" s="162"/>
      <c r="BV1292" s="162"/>
      <c r="BW1292" s="162"/>
      <c r="BX1292" s="162"/>
      <c r="BY1292" s="162"/>
      <c r="BZ1292" s="162"/>
      <c r="CA1292" s="162"/>
      <c r="CB1292" s="162"/>
      <c r="CC1292" s="162"/>
      <c r="CD1292" s="162"/>
      <c r="CE1292" s="162"/>
      <c r="CF1292" s="162"/>
      <c r="CG1292" s="162"/>
      <c r="CH1292" s="162"/>
      <c r="CI1292" s="162"/>
      <c r="CJ1292" s="162"/>
      <c r="CK1292" s="162"/>
      <c r="CX1292" s="98"/>
      <c r="DL1292" s="97"/>
      <c r="DX1292" s="98"/>
      <c r="EL1292" s="97"/>
      <c r="EX1292" s="98"/>
      <c r="EY1292" s="97"/>
      <c r="FL1292" s="126"/>
      <c r="FM1292" s="91"/>
      <c r="FN1292" s="91"/>
      <c r="FO1292" s="91"/>
      <c r="FP1292" s="91"/>
      <c r="FQ1292" s="91"/>
      <c r="FR1292" s="91"/>
      <c r="FS1292" s="91"/>
      <c r="FT1292" s="91"/>
      <c r="FU1292" s="91"/>
      <c r="FV1292" s="91"/>
      <c r="FW1292" s="91"/>
      <c r="FX1292" s="91"/>
      <c r="FY1292" s="91"/>
      <c r="FZ1292" s="91"/>
      <c r="GA1292" s="91"/>
      <c r="GB1292" s="91"/>
      <c r="GC1292" s="91"/>
      <c r="GD1292" s="91"/>
      <c r="GE1292" s="91"/>
      <c r="GF1292" s="91"/>
      <c r="GG1292" s="91"/>
      <c r="GH1292" s="91"/>
      <c r="GI1292" s="91"/>
      <c r="GJ1292" s="91"/>
      <c r="GK1292" s="127"/>
      <c r="GL1292" s="126"/>
      <c r="GM1292" s="91"/>
      <c r="GN1292" s="91"/>
      <c r="GO1292" s="91"/>
      <c r="GP1292" s="91"/>
      <c r="GQ1292" s="91"/>
      <c r="GR1292" s="91"/>
      <c r="GS1292" s="91"/>
      <c r="GT1292" s="91"/>
      <c r="GU1292" s="91"/>
      <c r="GV1292" s="91"/>
      <c r="GW1292" s="91"/>
      <c r="GX1292" s="91"/>
      <c r="GY1292" s="91"/>
      <c r="GZ1292" s="91"/>
      <c r="HA1292" s="91"/>
      <c r="HB1292" s="91"/>
      <c r="HC1292" s="91"/>
      <c r="HD1292" s="91"/>
      <c r="HE1292" s="91"/>
      <c r="HF1292" s="91"/>
      <c r="HG1292" s="91"/>
      <c r="HH1292" s="91"/>
      <c r="HI1292" s="91"/>
      <c r="HJ1292" s="91"/>
      <c r="HK1292" s="127"/>
      <c r="HL1292" s="126"/>
      <c r="HM1292" s="91"/>
      <c r="HN1292" s="91"/>
      <c r="HO1292" s="91"/>
      <c r="HP1292" s="91"/>
      <c r="HQ1292" s="91"/>
      <c r="HR1292" s="91"/>
      <c r="HS1292" s="91"/>
      <c r="HT1292" s="91"/>
      <c r="HU1292" s="91"/>
      <c r="HV1292" s="91"/>
      <c r="HW1292" s="91"/>
      <c r="HX1292" s="91"/>
      <c r="HY1292" s="91"/>
      <c r="HZ1292" s="91"/>
      <c r="IA1292" s="91"/>
      <c r="IB1292" s="91"/>
      <c r="IC1292" s="91"/>
      <c r="ID1292" s="91"/>
      <c r="IE1292" s="91"/>
      <c r="IF1292" s="91"/>
      <c r="IG1292" s="91"/>
      <c r="IH1292" s="91"/>
      <c r="II1292" s="91"/>
      <c r="IJ1292" s="91"/>
      <c r="IK1292" s="127"/>
    </row>
    <row r="1293" spans="2:245" x14ac:dyDescent="0.2">
      <c r="B1293" s="43"/>
      <c r="C1293" s="73"/>
      <c r="D1293" s="64"/>
      <c r="E1293" s="64"/>
      <c r="F1293" s="55"/>
      <c r="G1293" s="102"/>
      <c r="H1293" s="55"/>
      <c r="I1293" s="55"/>
      <c r="J1293" s="55"/>
      <c r="K1293" s="55"/>
      <c r="L1293" s="55"/>
      <c r="M1293" s="55"/>
      <c r="N1293" s="55"/>
      <c r="O1293" s="55"/>
      <c r="P1293" s="55"/>
      <c r="Q1293" s="55"/>
      <c r="R1293" s="55"/>
      <c r="S1293" s="55"/>
      <c r="T1293" s="55"/>
      <c r="U1293" s="55"/>
      <c r="V1293" s="55"/>
      <c r="W1293" s="55"/>
      <c r="X1293" s="55"/>
      <c r="Y1293" s="55"/>
      <c r="Z1293" s="55"/>
      <c r="AA1293" s="55"/>
      <c r="AB1293" s="55"/>
      <c r="AC1293" s="55"/>
      <c r="AD1293" s="55"/>
      <c r="AE1293" s="55"/>
      <c r="AF1293" s="55"/>
      <c r="AG1293" s="55"/>
      <c r="AY1293" s="162"/>
      <c r="AZ1293" s="162"/>
      <c r="BA1293" s="162"/>
      <c r="BB1293" s="162"/>
      <c r="BC1293" s="162"/>
      <c r="BD1293" s="162"/>
      <c r="BE1293" s="162"/>
      <c r="BF1293" s="162"/>
      <c r="BG1293" s="162"/>
      <c r="BH1293" s="162"/>
      <c r="BI1293" s="162"/>
      <c r="BJ1293" s="162"/>
      <c r="BK1293" s="162"/>
      <c r="BL1293" s="162"/>
      <c r="BM1293" s="162"/>
      <c r="BN1293" s="162"/>
      <c r="BO1293" s="162"/>
      <c r="BP1293" s="162"/>
      <c r="BQ1293" s="162"/>
      <c r="BR1293" s="162"/>
      <c r="BS1293" s="162"/>
      <c r="BT1293" s="162"/>
      <c r="BU1293" s="162"/>
      <c r="BV1293" s="162"/>
      <c r="BW1293" s="162"/>
      <c r="BX1293" s="162"/>
      <c r="BY1293" s="162"/>
      <c r="BZ1293" s="162"/>
      <c r="CA1293" s="162"/>
      <c r="CB1293" s="162"/>
      <c r="CC1293" s="162"/>
      <c r="CD1293" s="162"/>
      <c r="CE1293" s="162"/>
      <c r="CF1293" s="162"/>
      <c r="CG1293" s="162"/>
      <c r="CH1293" s="162"/>
      <c r="CI1293" s="162"/>
      <c r="CJ1293" s="162"/>
      <c r="CK1293" s="162"/>
      <c r="CX1293" s="98"/>
      <c r="DL1293" s="97"/>
      <c r="DX1293" s="98"/>
      <c r="EL1293" s="97"/>
      <c r="EX1293" s="98"/>
      <c r="EY1293" s="97"/>
      <c r="FL1293" s="126"/>
      <c r="FM1293" s="91"/>
      <c r="FN1293" s="91"/>
      <c r="FO1293" s="91"/>
      <c r="FP1293" s="91"/>
      <c r="FQ1293" s="91"/>
      <c r="FR1293" s="91"/>
      <c r="FS1293" s="91"/>
      <c r="FT1293" s="91"/>
      <c r="FU1293" s="91"/>
      <c r="FV1293" s="91"/>
      <c r="FW1293" s="91"/>
      <c r="FX1293" s="91"/>
      <c r="FY1293" s="91"/>
      <c r="FZ1293" s="91"/>
      <c r="GA1293" s="91"/>
      <c r="GB1293" s="91"/>
      <c r="GC1293" s="91"/>
      <c r="GD1293" s="91"/>
      <c r="GE1293" s="91"/>
      <c r="GF1293" s="91"/>
      <c r="GG1293" s="91"/>
      <c r="GH1293" s="91"/>
      <c r="GI1293" s="91"/>
      <c r="GJ1293" s="91"/>
      <c r="GK1293" s="127"/>
      <c r="GL1293" s="126"/>
      <c r="GM1293" s="91"/>
      <c r="GN1293" s="91"/>
      <c r="GO1293" s="91"/>
      <c r="GP1293" s="91"/>
      <c r="GQ1293" s="91"/>
      <c r="GR1293" s="91"/>
      <c r="GS1293" s="91"/>
      <c r="GT1293" s="91"/>
      <c r="GU1293" s="91"/>
      <c r="GV1293" s="91"/>
      <c r="GW1293" s="91"/>
      <c r="GX1293" s="91"/>
      <c r="GY1293" s="91"/>
      <c r="GZ1293" s="91"/>
      <c r="HA1293" s="91"/>
      <c r="HB1293" s="91"/>
      <c r="HC1293" s="91"/>
      <c r="HD1293" s="91"/>
      <c r="HE1293" s="91"/>
      <c r="HF1293" s="91"/>
      <c r="HG1293" s="91"/>
      <c r="HH1293" s="91"/>
      <c r="HI1293" s="91"/>
      <c r="HJ1293" s="91"/>
      <c r="HK1293" s="127"/>
      <c r="HL1293" s="126"/>
      <c r="HM1293" s="91"/>
      <c r="HN1293" s="91"/>
      <c r="HO1293" s="91"/>
      <c r="HP1293" s="91"/>
      <c r="HQ1293" s="91"/>
      <c r="HR1293" s="91"/>
      <c r="HS1293" s="91"/>
      <c r="HT1293" s="91"/>
      <c r="HU1293" s="91"/>
      <c r="HV1293" s="91"/>
      <c r="HW1293" s="91"/>
      <c r="HX1293" s="91"/>
      <c r="HY1293" s="91"/>
      <c r="HZ1293" s="91"/>
      <c r="IA1293" s="91"/>
      <c r="IB1293" s="91"/>
      <c r="IC1293" s="91"/>
      <c r="ID1293" s="91"/>
      <c r="IE1293" s="91"/>
      <c r="IF1293" s="91"/>
      <c r="IG1293" s="91"/>
      <c r="IH1293" s="91"/>
      <c r="II1293" s="91"/>
      <c r="IJ1293" s="91"/>
      <c r="IK1293" s="127"/>
    </row>
    <row r="1294" spans="2:245" ht="13.5" thickBot="1" x14ac:dyDescent="0.25">
      <c r="B1294" s="43"/>
      <c r="C1294" s="73"/>
      <c r="D1294" s="64"/>
      <c r="E1294" s="64"/>
      <c r="F1294" s="55"/>
      <c r="G1294" s="102"/>
      <c r="H1294" s="55"/>
      <c r="I1294" s="55"/>
      <c r="J1294" s="55"/>
      <c r="K1294" s="55"/>
      <c r="L1294" s="55"/>
      <c r="M1294" s="55"/>
      <c r="N1294" s="55"/>
      <c r="O1294" s="55"/>
      <c r="P1294" s="55"/>
      <c r="Q1294" s="55"/>
      <c r="R1294" s="55"/>
      <c r="S1294" s="55"/>
      <c r="T1294" s="55"/>
      <c r="U1294" s="55"/>
      <c r="V1294" s="55"/>
      <c r="W1294" s="55"/>
      <c r="X1294" s="55"/>
      <c r="Y1294" s="55"/>
      <c r="Z1294" s="55"/>
      <c r="AA1294" s="55"/>
      <c r="AB1294" s="55"/>
      <c r="AC1294" s="55"/>
      <c r="AD1294" s="55"/>
      <c r="AE1294" s="55"/>
      <c r="AF1294" s="55"/>
      <c r="AG1294" s="55"/>
      <c r="AY1294" s="162"/>
      <c r="AZ1294" s="162"/>
      <c r="BA1294" s="162"/>
      <c r="BB1294" s="162"/>
      <c r="BC1294" s="162"/>
      <c r="BD1294" s="162"/>
      <c r="BE1294" s="162"/>
      <c r="BF1294" s="162"/>
      <c r="BG1294" s="162"/>
      <c r="BH1294" s="162"/>
      <c r="BI1294" s="162"/>
      <c r="BJ1294" s="162"/>
      <c r="BK1294" s="162"/>
      <c r="BL1294" s="162"/>
      <c r="BM1294" s="162"/>
      <c r="BN1294" s="162"/>
      <c r="BO1294" s="162"/>
      <c r="BP1294" s="162"/>
      <c r="BQ1294" s="162"/>
      <c r="BR1294" s="162"/>
      <c r="BS1294" s="162"/>
      <c r="BT1294" s="162"/>
      <c r="BU1294" s="162"/>
      <c r="BV1294" s="162"/>
      <c r="BW1294" s="162"/>
      <c r="BX1294" s="162"/>
      <c r="BY1294" s="162"/>
      <c r="BZ1294" s="162"/>
      <c r="CA1294" s="162"/>
      <c r="CB1294" s="162"/>
      <c r="CC1294" s="162"/>
      <c r="CD1294" s="162"/>
      <c r="CE1294" s="162"/>
      <c r="CF1294" s="162"/>
      <c r="CG1294" s="162"/>
      <c r="CH1294" s="162"/>
      <c r="CI1294" s="162"/>
      <c r="CJ1294" s="162"/>
      <c r="CK1294" s="162"/>
      <c r="CL1294" s="166"/>
      <c r="CM1294" s="166"/>
      <c r="CN1294" s="166"/>
      <c r="CO1294" s="166"/>
      <c r="CP1294" s="166"/>
      <c r="CQ1294" s="166"/>
      <c r="CR1294" s="166"/>
      <c r="CS1294" s="166"/>
      <c r="CT1294" s="166"/>
      <c r="CU1294" s="166"/>
      <c r="CV1294" s="166"/>
      <c r="CW1294" s="166"/>
      <c r="CX1294" s="176"/>
      <c r="CY1294" s="166"/>
      <c r="CZ1294" s="166"/>
      <c r="DA1294" s="166"/>
      <c r="DB1294" s="166"/>
      <c r="DC1294" s="166"/>
      <c r="DD1294" s="166"/>
      <c r="DE1294" s="166"/>
      <c r="DF1294" s="166"/>
      <c r="DG1294" s="166"/>
      <c r="DH1294" s="166"/>
      <c r="DI1294" s="166"/>
      <c r="DJ1294" s="166"/>
      <c r="DK1294" s="166"/>
      <c r="DL1294" s="175"/>
      <c r="DM1294" s="166"/>
      <c r="DN1294" s="166"/>
      <c r="DO1294" s="166"/>
      <c r="DP1294" s="166"/>
      <c r="DQ1294" s="166"/>
      <c r="DR1294" s="166"/>
      <c r="DS1294" s="166"/>
      <c r="DT1294" s="166"/>
      <c r="DU1294" s="166"/>
      <c r="DV1294" s="166"/>
      <c r="DW1294" s="166"/>
      <c r="DX1294" s="176"/>
      <c r="DY1294" s="166"/>
      <c r="DZ1294" s="166"/>
      <c r="EA1294" s="166"/>
      <c r="EB1294" s="166"/>
      <c r="EC1294" s="166"/>
      <c r="ED1294" s="166"/>
      <c r="EE1294" s="166"/>
      <c r="EF1294" s="166"/>
      <c r="EG1294" s="166"/>
      <c r="EH1294" s="166"/>
      <c r="EI1294" s="166"/>
      <c r="EJ1294" s="166"/>
      <c r="EK1294" s="166"/>
      <c r="EL1294" s="175"/>
      <c r="EM1294" s="166"/>
      <c r="EN1294" s="166"/>
      <c r="EO1294" s="166"/>
      <c r="EP1294" s="166"/>
      <c r="EQ1294" s="166"/>
      <c r="ER1294" s="166"/>
      <c r="ES1294" s="166"/>
      <c r="ET1294" s="166"/>
      <c r="EU1294" s="166"/>
      <c r="EV1294" s="166"/>
      <c r="EW1294" s="166"/>
      <c r="EX1294" s="176"/>
      <c r="EY1294" s="175"/>
      <c r="EZ1294" s="166"/>
      <c r="FA1294" s="166"/>
      <c r="FB1294" s="166"/>
      <c r="FC1294" s="166"/>
      <c r="FD1294" s="166"/>
      <c r="FE1294" s="166"/>
      <c r="FF1294" s="166"/>
      <c r="FG1294" s="166"/>
      <c r="FH1294" s="166"/>
      <c r="FI1294" s="166"/>
      <c r="FJ1294" s="166"/>
      <c r="FK1294" s="166"/>
      <c r="FL1294" s="126"/>
      <c r="FM1294" s="91"/>
      <c r="FN1294" s="91"/>
      <c r="FO1294" s="91"/>
      <c r="FP1294" s="91"/>
      <c r="FQ1294" s="91"/>
      <c r="FR1294" s="91"/>
      <c r="FS1294" s="91"/>
      <c r="FT1294" s="91"/>
      <c r="FU1294" s="91"/>
      <c r="FV1294" s="91"/>
      <c r="FW1294" s="91"/>
      <c r="FX1294" s="91"/>
      <c r="FY1294" s="91"/>
      <c r="FZ1294" s="91"/>
      <c r="GA1294" s="91"/>
      <c r="GB1294" s="91"/>
      <c r="GC1294" s="91"/>
      <c r="GD1294" s="91"/>
      <c r="GE1294" s="91"/>
      <c r="GF1294" s="91"/>
      <c r="GG1294" s="91"/>
      <c r="GH1294" s="91"/>
      <c r="GI1294" s="91"/>
      <c r="GJ1294" s="91"/>
      <c r="GK1294" s="127"/>
      <c r="GL1294" s="126"/>
      <c r="GM1294" s="91"/>
      <c r="GN1294" s="91"/>
      <c r="GO1294" s="91"/>
      <c r="GP1294" s="91"/>
      <c r="GQ1294" s="91"/>
      <c r="GR1294" s="91"/>
      <c r="GS1294" s="91"/>
      <c r="GT1294" s="91"/>
      <c r="GU1294" s="91"/>
      <c r="GV1294" s="91"/>
      <c r="GW1294" s="91"/>
      <c r="GX1294" s="91"/>
      <c r="GY1294" s="91"/>
      <c r="GZ1294" s="91"/>
      <c r="HA1294" s="91"/>
      <c r="HB1294" s="91"/>
      <c r="HC1294" s="91"/>
      <c r="HD1294" s="91"/>
      <c r="HE1294" s="91"/>
      <c r="HF1294" s="91"/>
      <c r="HG1294" s="91"/>
      <c r="HH1294" s="91"/>
      <c r="HI1294" s="91"/>
      <c r="HJ1294" s="91"/>
      <c r="HK1294" s="127"/>
      <c r="HL1294" s="126"/>
      <c r="HM1294" s="91"/>
      <c r="HN1294" s="91"/>
      <c r="HO1294" s="91"/>
      <c r="HP1294" s="91"/>
      <c r="HQ1294" s="91"/>
      <c r="HR1294" s="91"/>
      <c r="HS1294" s="91"/>
      <c r="HT1294" s="91"/>
      <c r="HU1294" s="91"/>
      <c r="HV1294" s="91"/>
      <c r="HW1294" s="91"/>
      <c r="HX1294" s="91"/>
      <c r="HY1294" s="91"/>
      <c r="HZ1294" s="91"/>
      <c r="IA1294" s="91"/>
      <c r="IB1294" s="91"/>
      <c r="IC1294" s="91"/>
      <c r="ID1294" s="91"/>
      <c r="IE1294" s="91"/>
      <c r="IF1294" s="91"/>
      <c r="IG1294" s="91"/>
      <c r="IH1294" s="91"/>
      <c r="II1294" s="91"/>
      <c r="IJ1294" s="91"/>
      <c r="IK1294" s="127"/>
    </row>
    <row r="1295" spans="2:245" x14ac:dyDescent="0.2">
      <c r="B1295" s="43"/>
      <c r="C1295" s="73"/>
      <c r="D1295" s="64"/>
      <c r="E1295" s="64"/>
      <c r="F1295" s="55"/>
      <c r="G1295" s="102"/>
      <c r="H1295" s="55"/>
      <c r="I1295" s="55"/>
      <c r="J1295" s="55"/>
      <c r="K1295" s="55"/>
      <c r="L1295" s="55"/>
      <c r="M1295" s="55"/>
      <c r="N1295" s="55"/>
      <c r="O1295" s="55"/>
      <c r="P1295" s="55"/>
      <c r="Q1295" s="55"/>
      <c r="R1295" s="55"/>
      <c r="S1295" s="55"/>
      <c r="T1295" s="55"/>
      <c r="U1295" s="55"/>
      <c r="V1295" s="55"/>
      <c r="W1295" s="55"/>
      <c r="X1295" s="55"/>
      <c r="Y1295" s="55"/>
      <c r="Z1295" s="55"/>
      <c r="AA1295" s="55"/>
      <c r="AB1295" s="55"/>
      <c r="AC1295" s="55"/>
      <c r="AD1295" s="55"/>
      <c r="AE1295" s="55"/>
      <c r="AF1295" s="55"/>
      <c r="AG1295" s="55"/>
      <c r="AY1295" s="162"/>
      <c r="AZ1295" s="162"/>
      <c r="BA1295" s="162"/>
      <c r="BB1295" s="162"/>
      <c r="BC1295" s="162"/>
      <c r="BD1295" s="162"/>
      <c r="BE1295" s="162"/>
      <c r="BF1295" s="162"/>
      <c r="BG1295" s="162"/>
      <c r="BH1295" s="162"/>
      <c r="BI1295" s="162"/>
      <c r="BJ1295" s="162"/>
      <c r="BK1295" s="162"/>
      <c r="BL1295" s="162"/>
      <c r="BM1295" s="162"/>
      <c r="BN1295" s="162"/>
      <c r="BO1295" s="162"/>
      <c r="BP1295" s="162"/>
      <c r="BQ1295" s="162"/>
      <c r="BR1295" s="162"/>
      <c r="BS1295" s="162"/>
      <c r="BT1295" s="162"/>
      <c r="BU1295" s="162"/>
      <c r="BV1295" s="162"/>
      <c r="BW1295" s="162"/>
      <c r="BX1295" s="162"/>
      <c r="BY1295" s="162"/>
      <c r="BZ1295" s="162"/>
      <c r="CA1295" s="162"/>
      <c r="CB1295" s="162"/>
      <c r="CC1295" s="162"/>
      <c r="CD1295" s="162"/>
      <c r="CE1295" s="162"/>
      <c r="CF1295" s="162"/>
      <c r="CG1295" s="162"/>
      <c r="CH1295" s="162"/>
      <c r="CI1295" s="162"/>
      <c r="CJ1295" s="162"/>
      <c r="CK1295" s="162"/>
      <c r="CX1295" s="98"/>
      <c r="DL1295" s="97"/>
      <c r="DX1295" s="98"/>
      <c r="EL1295" s="97"/>
      <c r="EX1295" s="98"/>
      <c r="EY1295" s="97"/>
      <c r="FL1295" s="126"/>
      <c r="FM1295" s="91"/>
      <c r="FN1295" s="91"/>
      <c r="FO1295" s="91"/>
      <c r="FP1295" s="91"/>
      <c r="FQ1295" s="91"/>
      <c r="FR1295" s="91"/>
      <c r="FS1295" s="91"/>
      <c r="FT1295" s="91"/>
      <c r="FU1295" s="91"/>
      <c r="FV1295" s="91"/>
      <c r="FW1295" s="91"/>
      <c r="FX1295" s="91"/>
      <c r="FY1295" s="91"/>
      <c r="FZ1295" s="91"/>
      <c r="GA1295" s="91"/>
      <c r="GB1295" s="91"/>
      <c r="GC1295" s="91"/>
      <c r="GD1295" s="91"/>
      <c r="GE1295" s="91"/>
      <c r="GF1295" s="91"/>
      <c r="GG1295" s="91"/>
      <c r="GH1295" s="91"/>
      <c r="GI1295" s="91"/>
      <c r="GJ1295" s="91"/>
      <c r="GK1295" s="127"/>
      <c r="GL1295" s="126"/>
      <c r="GM1295" s="91"/>
      <c r="GN1295" s="91"/>
      <c r="GO1295" s="91"/>
      <c r="GP1295" s="91"/>
      <c r="GQ1295" s="91"/>
      <c r="GR1295" s="91"/>
      <c r="GS1295" s="91"/>
      <c r="GT1295" s="91"/>
      <c r="GU1295" s="91"/>
      <c r="GV1295" s="91"/>
      <c r="GW1295" s="91"/>
      <c r="GX1295" s="91"/>
      <c r="GY1295" s="91"/>
      <c r="GZ1295" s="91"/>
      <c r="HA1295" s="91"/>
      <c r="HB1295" s="91"/>
      <c r="HC1295" s="91"/>
      <c r="HD1295" s="91"/>
      <c r="HE1295" s="91"/>
      <c r="HF1295" s="91"/>
      <c r="HG1295" s="91"/>
      <c r="HH1295" s="91"/>
      <c r="HI1295" s="91"/>
      <c r="HJ1295" s="91"/>
      <c r="HK1295" s="127"/>
      <c r="HL1295" s="126"/>
      <c r="HM1295" s="91"/>
      <c r="HN1295" s="91"/>
      <c r="HO1295" s="91"/>
      <c r="HP1295" s="91"/>
      <c r="HQ1295" s="91"/>
      <c r="HR1295" s="91"/>
      <c r="HS1295" s="91"/>
      <c r="HT1295" s="91"/>
      <c r="HU1295" s="91"/>
      <c r="HV1295" s="91"/>
      <c r="HW1295" s="91"/>
      <c r="HX1295" s="91"/>
      <c r="HY1295" s="91"/>
      <c r="HZ1295" s="91"/>
      <c r="IA1295" s="91"/>
      <c r="IB1295" s="91"/>
      <c r="IC1295" s="91"/>
      <c r="ID1295" s="91"/>
      <c r="IE1295" s="91"/>
      <c r="IF1295" s="91"/>
      <c r="IG1295" s="91"/>
      <c r="IH1295" s="91"/>
      <c r="II1295" s="91"/>
      <c r="IJ1295" s="91"/>
      <c r="IK1295" s="127"/>
    </row>
    <row r="1296" spans="2:245" x14ac:dyDescent="0.2">
      <c r="B1296" s="43"/>
      <c r="C1296" s="73"/>
      <c r="D1296" s="64"/>
      <c r="E1296" s="64"/>
      <c r="F1296" s="55"/>
      <c r="G1296" s="102"/>
      <c r="H1296" s="55"/>
      <c r="I1296" s="55"/>
      <c r="J1296" s="55"/>
      <c r="K1296" s="55"/>
      <c r="L1296" s="55"/>
      <c r="M1296" s="55"/>
      <c r="N1296" s="55"/>
      <c r="O1296" s="55"/>
      <c r="P1296" s="55"/>
      <c r="Q1296" s="55"/>
      <c r="R1296" s="55"/>
      <c r="S1296" s="55"/>
      <c r="T1296" s="55"/>
      <c r="U1296" s="55"/>
      <c r="V1296" s="55"/>
      <c r="W1296" s="55"/>
      <c r="X1296" s="55"/>
      <c r="Y1296" s="55"/>
      <c r="Z1296" s="55"/>
      <c r="AA1296" s="55"/>
      <c r="AB1296" s="55"/>
      <c r="AC1296" s="55"/>
      <c r="AD1296" s="55"/>
      <c r="AE1296" s="55"/>
      <c r="AF1296" s="55"/>
      <c r="AG1296" s="55"/>
      <c r="AY1296" s="162"/>
      <c r="AZ1296" s="162"/>
      <c r="BA1296" s="162"/>
      <c r="BB1296" s="162"/>
      <c r="BC1296" s="162"/>
      <c r="BD1296" s="162"/>
      <c r="BE1296" s="162"/>
      <c r="BF1296" s="162"/>
      <c r="BG1296" s="162"/>
      <c r="BH1296" s="162"/>
      <c r="BI1296" s="162"/>
      <c r="BJ1296" s="162"/>
      <c r="BK1296" s="162"/>
      <c r="BL1296" s="162"/>
      <c r="BM1296" s="162"/>
      <c r="BN1296" s="162"/>
      <c r="BO1296" s="162"/>
      <c r="BP1296" s="162"/>
      <c r="BQ1296" s="162"/>
      <c r="BR1296" s="162"/>
      <c r="BS1296" s="162"/>
      <c r="BT1296" s="162"/>
      <c r="BU1296" s="162"/>
      <c r="BV1296" s="162"/>
      <c r="BW1296" s="162"/>
      <c r="BX1296" s="162"/>
      <c r="BY1296" s="162"/>
      <c r="BZ1296" s="162"/>
      <c r="CA1296" s="162"/>
      <c r="CB1296" s="162"/>
      <c r="CC1296" s="162"/>
      <c r="CD1296" s="162"/>
      <c r="CE1296" s="162"/>
      <c r="CF1296" s="162"/>
      <c r="CG1296" s="162"/>
      <c r="CH1296" s="162"/>
      <c r="CI1296" s="162"/>
      <c r="CJ1296" s="162"/>
      <c r="CK1296" s="162"/>
      <c r="CX1296" s="98"/>
      <c r="DL1296" s="97"/>
      <c r="DX1296" s="98"/>
      <c r="EL1296" s="97"/>
      <c r="EX1296" s="98"/>
      <c r="EY1296" s="97"/>
      <c r="FL1296" s="126"/>
      <c r="FM1296" s="91"/>
      <c r="FN1296" s="91"/>
      <c r="FO1296" s="91"/>
      <c r="FP1296" s="91"/>
      <c r="FQ1296" s="91"/>
      <c r="FR1296" s="91"/>
      <c r="FS1296" s="91"/>
      <c r="FT1296" s="91"/>
      <c r="FU1296" s="91"/>
      <c r="FV1296" s="91"/>
      <c r="FW1296" s="91"/>
      <c r="FX1296" s="91"/>
      <c r="FY1296" s="91"/>
      <c r="FZ1296" s="91"/>
      <c r="GA1296" s="91"/>
      <c r="GB1296" s="91"/>
      <c r="GC1296" s="91"/>
      <c r="GD1296" s="91"/>
      <c r="GE1296" s="91"/>
      <c r="GF1296" s="91"/>
      <c r="GG1296" s="91"/>
      <c r="GH1296" s="91"/>
      <c r="GI1296" s="91"/>
      <c r="GJ1296" s="91"/>
      <c r="GK1296" s="127"/>
      <c r="GL1296" s="126"/>
      <c r="GM1296" s="91"/>
      <c r="GN1296" s="91"/>
      <c r="GO1296" s="91"/>
      <c r="GP1296" s="91"/>
      <c r="GQ1296" s="91"/>
      <c r="GR1296" s="91"/>
      <c r="GS1296" s="91"/>
      <c r="GT1296" s="91"/>
      <c r="GU1296" s="91"/>
      <c r="GV1296" s="91"/>
      <c r="GW1296" s="91"/>
      <c r="GX1296" s="91"/>
      <c r="GY1296" s="91"/>
      <c r="GZ1296" s="91"/>
      <c r="HA1296" s="91"/>
      <c r="HB1296" s="91"/>
      <c r="HC1296" s="91"/>
      <c r="HD1296" s="91"/>
      <c r="HE1296" s="91"/>
      <c r="HF1296" s="91"/>
      <c r="HG1296" s="91"/>
      <c r="HH1296" s="91"/>
      <c r="HI1296" s="91"/>
      <c r="HJ1296" s="91"/>
      <c r="HK1296" s="127"/>
      <c r="HL1296" s="126"/>
      <c r="HM1296" s="91"/>
      <c r="HN1296" s="91"/>
      <c r="HO1296" s="91"/>
      <c r="HP1296" s="91"/>
      <c r="HQ1296" s="91"/>
      <c r="HR1296" s="91"/>
      <c r="HS1296" s="91"/>
      <c r="HT1296" s="91"/>
      <c r="HU1296" s="91"/>
      <c r="HV1296" s="91"/>
      <c r="HW1296" s="91"/>
      <c r="HX1296" s="91"/>
      <c r="HY1296" s="91"/>
      <c r="HZ1296" s="91"/>
      <c r="IA1296" s="91"/>
      <c r="IB1296" s="91"/>
      <c r="IC1296" s="91"/>
      <c r="ID1296" s="91"/>
      <c r="IE1296" s="91"/>
      <c r="IF1296" s="91"/>
      <c r="IG1296" s="91"/>
      <c r="IH1296" s="91"/>
      <c r="II1296" s="91"/>
      <c r="IJ1296" s="91"/>
      <c r="IK1296" s="127"/>
    </row>
    <row r="1297" spans="2:245" x14ac:dyDescent="0.2">
      <c r="B1297" s="43"/>
      <c r="C1297" s="73"/>
      <c r="D1297" s="64"/>
      <c r="E1297" s="64"/>
      <c r="F1297" s="55"/>
      <c r="G1297" s="102"/>
      <c r="H1297" s="55"/>
      <c r="I1297" s="55"/>
      <c r="J1297" s="55"/>
      <c r="K1297" s="55"/>
      <c r="L1297" s="55"/>
      <c r="M1297" s="55"/>
      <c r="N1297" s="55"/>
      <c r="O1297" s="55"/>
      <c r="P1297" s="55"/>
      <c r="Q1297" s="55"/>
      <c r="R1297" s="55"/>
      <c r="S1297" s="55"/>
      <c r="T1297" s="55"/>
      <c r="U1297" s="55"/>
      <c r="V1297" s="55"/>
      <c r="W1297" s="55"/>
      <c r="X1297" s="55"/>
      <c r="Y1297" s="55"/>
      <c r="Z1297" s="55"/>
      <c r="AA1297" s="55"/>
      <c r="AB1297" s="55"/>
      <c r="AC1297" s="55"/>
      <c r="AD1297" s="55"/>
      <c r="AE1297" s="55"/>
      <c r="AF1297" s="55"/>
      <c r="AG1297" s="55"/>
      <c r="AY1297" s="162"/>
      <c r="AZ1297" s="162"/>
      <c r="BA1297" s="162"/>
      <c r="BB1297" s="162"/>
      <c r="BC1297" s="162"/>
      <c r="BD1297" s="162"/>
      <c r="BE1297" s="162"/>
      <c r="BF1297" s="162"/>
      <c r="BG1297" s="162"/>
      <c r="BH1297" s="162"/>
      <c r="BI1297" s="162"/>
      <c r="BJ1297" s="162"/>
      <c r="BK1297" s="162"/>
      <c r="BL1297" s="162"/>
      <c r="BM1297" s="162"/>
      <c r="BN1297" s="162"/>
      <c r="BO1297" s="162"/>
      <c r="BP1297" s="162"/>
      <c r="BQ1297" s="162"/>
      <c r="BR1297" s="162"/>
      <c r="BS1297" s="162"/>
      <c r="BT1297" s="162"/>
      <c r="BU1297" s="162"/>
      <c r="BV1297" s="162"/>
      <c r="BW1297" s="162"/>
      <c r="BX1297" s="162"/>
      <c r="BY1297" s="162"/>
      <c r="BZ1297" s="162"/>
      <c r="CA1297" s="162"/>
      <c r="CB1297" s="162"/>
      <c r="CC1297" s="162"/>
      <c r="CD1297" s="162"/>
      <c r="CE1297" s="162"/>
      <c r="CF1297" s="162"/>
      <c r="CG1297" s="162"/>
      <c r="CH1297" s="162"/>
      <c r="CI1297" s="162"/>
      <c r="CJ1297" s="162"/>
      <c r="CK1297" s="162"/>
      <c r="CX1297" s="98"/>
      <c r="DL1297" s="97"/>
      <c r="DX1297" s="98"/>
      <c r="EL1297" s="97"/>
      <c r="EX1297" s="98"/>
      <c r="EY1297" s="97"/>
      <c r="FL1297" s="126"/>
      <c r="FM1297" s="91"/>
      <c r="FN1297" s="91"/>
      <c r="FO1297" s="91"/>
      <c r="FP1297" s="91"/>
      <c r="FQ1297" s="91"/>
      <c r="FR1297" s="91"/>
      <c r="FS1297" s="91"/>
      <c r="FT1297" s="91"/>
      <c r="FU1297" s="91"/>
      <c r="FV1297" s="91"/>
      <c r="FW1297" s="91"/>
      <c r="FX1297" s="91"/>
      <c r="FY1297" s="91"/>
      <c r="FZ1297" s="91"/>
      <c r="GA1297" s="91"/>
      <c r="GB1297" s="91"/>
      <c r="GC1297" s="91"/>
      <c r="GD1297" s="91"/>
      <c r="GE1297" s="91"/>
      <c r="GF1297" s="91"/>
      <c r="GG1297" s="91"/>
      <c r="GH1297" s="91"/>
      <c r="GI1297" s="91"/>
      <c r="GJ1297" s="91"/>
      <c r="GK1297" s="127"/>
      <c r="GL1297" s="126"/>
      <c r="GM1297" s="91"/>
      <c r="GN1297" s="91"/>
      <c r="GO1297" s="91"/>
      <c r="GP1297" s="91"/>
      <c r="GQ1297" s="91"/>
      <c r="GR1297" s="91"/>
      <c r="GS1297" s="91"/>
      <c r="GT1297" s="91"/>
      <c r="GU1297" s="91"/>
      <c r="GV1297" s="91"/>
      <c r="GW1297" s="91"/>
      <c r="GX1297" s="91"/>
      <c r="GY1297" s="91"/>
      <c r="GZ1297" s="91"/>
      <c r="HA1297" s="91"/>
      <c r="HB1297" s="91"/>
      <c r="HC1297" s="91"/>
      <c r="HD1297" s="91"/>
      <c r="HE1297" s="91"/>
      <c r="HF1297" s="91"/>
      <c r="HG1297" s="91"/>
      <c r="HH1297" s="91"/>
      <c r="HI1297" s="91"/>
      <c r="HJ1297" s="91"/>
      <c r="HK1297" s="127"/>
      <c r="HL1297" s="126"/>
      <c r="HM1297" s="91"/>
      <c r="HN1297" s="91"/>
      <c r="HO1297" s="91"/>
      <c r="HP1297" s="91"/>
      <c r="HQ1297" s="91"/>
      <c r="HR1297" s="91"/>
      <c r="HS1297" s="91"/>
      <c r="HT1297" s="91"/>
      <c r="HU1297" s="91"/>
      <c r="HV1297" s="91"/>
      <c r="HW1297" s="91"/>
      <c r="HX1297" s="91"/>
      <c r="HY1297" s="91"/>
      <c r="HZ1297" s="91"/>
      <c r="IA1297" s="91"/>
      <c r="IB1297" s="91"/>
      <c r="IC1297" s="91"/>
      <c r="ID1297" s="91"/>
      <c r="IE1297" s="91"/>
      <c r="IF1297" s="91"/>
      <c r="IG1297" s="91"/>
      <c r="IH1297" s="91"/>
      <c r="II1297" s="91"/>
      <c r="IJ1297" s="91"/>
      <c r="IK1297" s="127"/>
    </row>
    <row r="1298" spans="2:245" x14ac:dyDescent="0.2">
      <c r="B1298" s="43"/>
      <c r="C1298" s="73"/>
      <c r="D1298" s="64"/>
      <c r="E1298" s="64"/>
      <c r="F1298" s="55"/>
      <c r="G1298" s="102"/>
      <c r="H1298" s="55"/>
      <c r="I1298" s="55"/>
      <c r="J1298" s="55"/>
      <c r="K1298" s="55"/>
      <c r="L1298" s="55"/>
      <c r="M1298" s="55"/>
      <c r="N1298" s="55"/>
      <c r="O1298" s="55"/>
      <c r="P1298" s="55"/>
      <c r="Q1298" s="55"/>
      <c r="R1298" s="55"/>
      <c r="S1298" s="55"/>
      <c r="T1298" s="55"/>
      <c r="U1298" s="55"/>
      <c r="V1298" s="55"/>
      <c r="W1298" s="55"/>
      <c r="X1298" s="55"/>
      <c r="Y1298" s="55"/>
      <c r="Z1298" s="55"/>
      <c r="AA1298" s="55"/>
      <c r="AB1298" s="55"/>
      <c r="AC1298" s="55"/>
      <c r="AD1298" s="55"/>
      <c r="AE1298" s="55"/>
      <c r="AF1298" s="55"/>
      <c r="AG1298" s="55"/>
      <c r="AY1298" s="162"/>
      <c r="AZ1298" s="162"/>
      <c r="BA1298" s="162"/>
      <c r="BB1298" s="162"/>
      <c r="BC1298" s="162"/>
      <c r="BD1298" s="162"/>
      <c r="BE1298" s="162"/>
      <c r="BF1298" s="162"/>
      <c r="BG1298" s="162"/>
      <c r="BH1298" s="162"/>
      <c r="BI1298" s="162"/>
      <c r="BJ1298" s="162"/>
      <c r="BK1298" s="162"/>
      <c r="BL1298" s="162"/>
      <c r="BM1298" s="162"/>
      <c r="BN1298" s="162"/>
      <c r="BO1298" s="162"/>
      <c r="BP1298" s="162"/>
      <c r="BQ1298" s="162"/>
      <c r="BR1298" s="162"/>
      <c r="BS1298" s="162"/>
      <c r="BT1298" s="162"/>
      <c r="BU1298" s="162"/>
      <c r="BV1298" s="162"/>
      <c r="BW1298" s="162"/>
      <c r="BX1298" s="162"/>
      <c r="BY1298" s="162"/>
      <c r="BZ1298" s="162"/>
      <c r="CA1298" s="162"/>
      <c r="CB1298" s="162"/>
      <c r="CC1298" s="162"/>
      <c r="CD1298" s="162"/>
      <c r="CE1298" s="162"/>
      <c r="CF1298" s="162"/>
      <c r="CG1298" s="162"/>
      <c r="CH1298" s="162"/>
      <c r="CI1298" s="162"/>
      <c r="CJ1298" s="162"/>
      <c r="CK1298" s="162"/>
      <c r="CX1298" s="98"/>
      <c r="DL1298" s="97"/>
      <c r="DX1298" s="98"/>
      <c r="EL1298" s="97"/>
      <c r="EX1298" s="98"/>
      <c r="EY1298" s="97"/>
      <c r="FL1298" s="126"/>
      <c r="FM1298" s="91"/>
      <c r="FN1298" s="91"/>
      <c r="FO1298" s="91"/>
      <c r="FP1298" s="91"/>
      <c r="FQ1298" s="91"/>
      <c r="FR1298" s="91"/>
      <c r="FS1298" s="91"/>
      <c r="FT1298" s="91"/>
      <c r="FU1298" s="91"/>
      <c r="FV1298" s="91"/>
      <c r="FW1298" s="91"/>
      <c r="FX1298" s="91"/>
      <c r="FY1298" s="91"/>
      <c r="FZ1298" s="91"/>
      <c r="GA1298" s="91"/>
      <c r="GB1298" s="91"/>
      <c r="GC1298" s="91"/>
      <c r="GD1298" s="91"/>
      <c r="GE1298" s="91"/>
      <c r="GF1298" s="91"/>
      <c r="GG1298" s="91"/>
      <c r="GH1298" s="91"/>
      <c r="GI1298" s="91"/>
      <c r="GJ1298" s="91"/>
      <c r="GK1298" s="127"/>
      <c r="GL1298" s="126"/>
      <c r="GM1298" s="91"/>
      <c r="GN1298" s="91"/>
      <c r="GO1298" s="91"/>
      <c r="GP1298" s="91"/>
      <c r="GQ1298" s="91"/>
      <c r="GR1298" s="91"/>
      <c r="GS1298" s="91"/>
      <c r="GT1298" s="91"/>
      <c r="GU1298" s="91"/>
      <c r="GV1298" s="91"/>
      <c r="GW1298" s="91"/>
      <c r="GX1298" s="91"/>
      <c r="GY1298" s="91"/>
      <c r="GZ1298" s="91"/>
      <c r="HA1298" s="91"/>
      <c r="HB1298" s="91"/>
      <c r="HC1298" s="91"/>
      <c r="HD1298" s="91"/>
      <c r="HE1298" s="91"/>
      <c r="HF1298" s="91"/>
      <c r="HG1298" s="91"/>
      <c r="HH1298" s="91"/>
      <c r="HI1298" s="91"/>
      <c r="HJ1298" s="91"/>
      <c r="HK1298" s="127"/>
      <c r="HL1298" s="126"/>
      <c r="HM1298" s="91"/>
      <c r="HN1298" s="91"/>
      <c r="HO1298" s="91"/>
      <c r="HP1298" s="91"/>
      <c r="HQ1298" s="91"/>
      <c r="HR1298" s="91"/>
      <c r="HS1298" s="91"/>
      <c r="HT1298" s="91"/>
      <c r="HU1298" s="91"/>
      <c r="HV1298" s="91"/>
      <c r="HW1298" s="91"/>
      <c r="HX1298" s="91"/>
      <c r="HY1298" s="91"/>
      <c r="HZ1298" s="91"/>
      <c r="IA1298" s="91"/>
      <c r="IB1298" s="91"/>
      <c r="IC1298" s="91"/>
      <c r="ID1298" s="91"/>
      <c r="IE1298" s="91"/>
      <c r="IF1298" s="91"/>
      <c r="IG1298" s="91"/>
      <c r="IH1298" s="91"/>
      <c r="II1298" s="91"/>
      <c r="IJ1298" s="91"/>
      <c r="IK1298" s="127"/>
    </row>
    <row r="1299" spans="2:245" x14ac:dyDescent="0.2">
      <c r="B1299" s="43"/>
      <c r="C1299" s="73"/>
      <c r="D1299" s="64"/>
      <c r="E1299" s="64"/>
      <c r="F1299" s="55"/>
      <c r="G1299" s="102"/>
      <c r="H1299" s="55"/>
      <c r="I1299" s="55"/>
      <c r="J1299" s="55"/>
      <c r="K1299" s="55"/>
      <c r="L1299" s="55"/>
      <c r="M1299" s="55"/>
      <c r="N1299" s="55"/>
      <c r="O1299" s="55"/>
      <c r="P1299" s="55"/>
      <c r="Q1299" s="55"/>
      <c r="R1299" s="55"/>
      <c r="S1299" s="55"/>
      <c r="T1299" s="55"/>
      <c r="U1299" s="55"/>
      <c r="V1299" s="55"/>
      <c r="W1299" s="55"/>
      <c r="X1299" s="55"/>
      <c r="Y1299" s="55"/>
      <c r="Z1299" s="55"/>
      <c r="AA1299" s="55"/>
      <c r="AB1299" s="55"/>
      <c r="AC1299" s="55"/>
      <c r="AD1299" s="55"/>
      <c r="AE1299" s="55"/>
      <c r="AF1299" s="55"/>
      <c r="AG1299" s="55"/>
      <c r="AY1299" s="162"/>
      <c r="AZ1299" s="162"/>
      <c r="BA1299" s="162"/>
      <c r="BB1299" s="162"/>
      <c r="BC1299" s="162"/>
      <c r="BD1299" s="162"/>
      <c r="BE1299" s="162"/>
      <c r="BF1299" s="162"/>
      <c r="BG1299" s="162"/>
      <c r="BH1299" s="162"/>
      <c r="BI1299" s="162"/>
      <c r="BJ1299" s="162"/>
      <c r="BK1299" s="162"/>
      <c r="BL1299" s="162"/>
      <c r="BM1299" s="162"/>
      <c r="BN1299" s="162"/>
      <c r="BO1299" s="162"/>
      <c r="BP1299" s="162"/>
      <c r="BQ1299" s="162"/>
      <c r="BR1299" s="162"/>
      <c r="BS1299" s="162"/>
      <c r="BT1299" s="162"/>
      <c r="BU1299" s="162"/>
      <c r="BV1299" s="162"/>
      <c r="BW1299" s="162"/>
      <c r="BX1299" s="162"/>
      <c r="BY1299" s="162"/>
      <c r="BZ1299" s="162"/>
      <c r="CA1299" s="162"/>
      <c r="CB1299" s="162"/>
      <c r="CC1299" s="162"/>
      <c r="CD1299" s="162"/>
      <c r="CE1299" s="162"/>
      <c r="CF1299" s="162"/>
      <c r="CG1299" s="162"/>
      <c r="CH1299" s="162"/>
      <c r="CI1299" s="162"/>
      <c r="CJ1299" s="162"/>
      <c r="CK1299" s="162"/>
      <c r="CX1299" s="98"/>
      <c r="DL1299" s="97"/>
      <c r="DX1299" s="98"/>
      <c r="EL1299" s="97"/>
      <c r="EX1299" s="98"/>
      <c r="EY1299" s="97"/>
      <c r="FL1299" s="126"/>
      <c r="FM1299" s="91"/>
      <c r="FN1299" s="91"/>
      <c r="FO1299" s="91"/>
      <c r="FP1299" s="91"/>
      <c r="FQ1299" s="91"/>
      <c r="FR1299" s="91"/>
      <c r="FS1299" s="91"/>
      <c r="FT1299" s="91"/>
      <c r="FU1299" s="91"/>
      <c r="FV1299" s="91"/>
      <c r="FW1299" s="91"/>
      <c r="FX1299" s="91"/>
      <c r="FY1299" s="91"/>
      <c r="FZ1299" s="91"/>
      <c r="GA1299" s="91"/>
      <c r="GB1299" s="91"/>
      <c r="GC1299" s="91"/>
      <c r="GD1299" s="91"/>
      <c r="GE1299" s="91"/>
      <c r="GF1299" s="91"/>
      <c r="GG1299" s="91"/>
      <c r="GH1299" s="91"/>
      <c r="GI1299" s="91"/>
      <c r="GJ1299" s="91"/>
      <c r="GK1299" s="127"/>
      <c r="GL1299" s="126"/>
      <c r="GM1299" s="91"/>
      <c r="GN1299" s="91"/>
      <c r="GO1299" s="91"/>
      <c r="GP1299" s="91"/>
      <c r="GQ1299" s="91"/>
      <c r="GR1299" s="91"/>
      <c r="GS1299" s="91"/>
      <c r="GT1299" s="91"/>
      <c r="GU1299" s="91"/>
      <c r="GV1299" s="91"/>
      <c r="GW1299" s="91"/>
      <c r="GX1299" s="91"/>
      <c r="GY1299" s="91"/>
      <c r="GZ1299" s="91"/>
      <c r="HA1299" s="91"/>
      <c r="HB1299" s="91"/>
      <c r="HC1299" s="91"/>
      <c r="HD1299" s="91"/>
      <c r="HE1299" s="91"/>
      <c r="HF1299" s="91"/>
      <c r="HG1299" s="91"/>
      <c r="HH1299" s="91"/>
      <c r="HI1299" s="91"/>
      <c r="HJ1299" s="91"/>
      <c r="HK1299" s="127"/>
      <c r="HL1299" s="126"/>
      <c r="HM1299" s="91"/>
      <c r="HN1299" s="91"/>
      <c r="HO1299" s="91"/>
      <c r="HP1299" s="91"/>
      <c r="HQ1299" s="91"/>
      <c r="HR1299" s="91"/>
      <c r="HS1299" s="91"/>
      <c r="HT1299" s="91"/>
      <c r="HU1299" s="91"/>
      <c r="HV1299" s="91"/>
      <c r="HW1299" s="91"/>
      <c r="HX1299" s="91"/>
      <c r="HY1299" s="91"/>
      <c r="HZ1299" s="91"/>
      <c r="IA1299" s="91"/>
      <c r="IB1299" s="91"/>
      <c r="IC1299" s="91"/>
      <c r="ID1299" s="91"/>
      <c r="IE1299" s="91"/>
      <c r="IF1299" s="91"/>
      <c r="IG1299" s="91"/>
      <c r="IH1299" s="91"/>
      <c r="II1299" s="91"/>
      <c r="IJ1299" s="91"/>
      <c r="IK1299" s="127"/>
    </row>
    <row r="1300" spans="2:245" x14ac:dyDescent="0.2">
      <c r="B1300" s="43"/>
      <c r="C1300" s="73"/>
      <c r="D1300" s="64"/>
      <c r="E1300" s="64"/>
      <c r="F1300" s="55"/>
      <c r="G1300" s="102"/>
      <c r="H1300" s="55"/>
      <c r="I1300" s="55"/>
      <c r="J1300" s="55"/>
      <c r="K1300" s="55"/>
      <c r="L1300" s="55"/>
      <c r="M1300" s="55"/>
      <c r="N1300" s="55"/>
      <c r="O1300" s="55"/>
      <c r="P1300" s="55"/>
      <c r="Q1300" s="55"/>
      <c r="R1300" s="55"/>
      <c r="S1300" s="55"/>
      <c r="T1300" s="55"/>
      <c r="U1300" s="55"/>
      <c r="V1300" s="55"/>
      <c r="W1300" s="55"/>
      <c r="X1300" s="55"/>
      <c r="Y1300" s="55"/>
      <c r="Z1300" s="55"/>
      <c r="AA1300" s="55"/>
      <c r="AB1300" s="55"/>
      <c r="AC1300" s="55"/>
      <c r="AD1300" s="55"/>
      <c r="AE1300" s="55"/>
      <c r="AF1300" s="55"/>
      <c r="AG1300" s="55"/>
      <c r="AY1300" s="162"/>
      <c r="AZ1300" s="162"/>
      <c r="BA1300" s="162"/>
      <c r="BB1300" s="162"/>
      <c r="BC1300" s="162"/>
      <c r="BD1300" s="162"/>
      <c r="BE1300" s="162"/>
      <c r="BF1300" s="162"/>
      <c r="BG1300" s="162"/>
      <c r="BH1300" s="162"/>
      <c r="BI1300" s="162"/>
      <c r="BJ1300" s="162"/>
      <c r="BK1300" s="162"/>
      <c r="BL1300" s="162"/>
      <c r="BM1300" s="162"/>
      <c r="BN1300" s="162"/>
      <c r="BO1300" s="162"/>
      <c r="BP1300" s="162"/>
      <c r="BQ1300" s="162"/>
      <c r="BR1300" s="162"/>
      <c r="BS1300" s="162"/>
      <c r="BT1300" s="162"/>
      <c r="BU1300" s="162"/>
      <c r="BV1300" s="162"/>
      <c r="BW1300" s="162"/>
      <c r="BX1300" s="162"/>
      <c r="BY1300" s="162"/>
      <c r="BZ1300" s="162"/>
      <c r="CA1300" s="162"/>
      <c r="CB1300" s="162"/>
      <c r="CC1300" s="162"/>
      <c r="CD1300" s="162"/>
      <c r="CE1300" s="162"/>
      <c r="CF1300" s="162"/>
      <c r="CG1300" s="162"/>
      <c r="CH1300" s="162"/>
      <c r="CI1300" s="162"/>
      <c r="CJ1300" s="162"/>
      <c r="CK1300" s="162"/>
      <c r="CX1300" s="98"/>
      <c r="DL1300" s="97"/>
      <c r="DX1300" s="98"/>
      <c r="EL1300" s="97"/>
      <c r="EX1300" s="98"/>
      <c r="EY1300" s="97"/>
      <c r="FL1300" s="126"/>
      <c r="FM1300" s="91"/>
      <c r="FN1300" s="91"/>
      <c r="FO1300" s="91"/>
      <c r="FP1300" s="91"/>
      <c r="FQ1300" s="91"/>
      <c r="FR1300" s="91"/>
      <c r="FS1300" s="91"/>
      <c r="FT1300" s="91"/>
      <c r="FU1300" s="91"/>
      <c r="FV1300" s="91"/>
      <c r="FW1300" s="91"/>
      <c r="FX1300" s="91"/>
      <c r="FY1300" s="91"/>
      <c r="FZ1300" s="91"/>
      <c r="GA1300" s="91"/>
      <c r="GB1300" s="91"/>
      <c r="GC1300" s="91"/>
      <c r="GD1300" s="91"/>
      <c r="GE1300" s="91"/>
      <c r="GF1300" s="91"/>
      <c r="GG1300" s="91"/>
      <c r="GH1300" s="91"/>
      <c r="GI1300" s="91"/>
      <c r="GJ1300" s="91"/>
      <c r="GK1300" s="127"/>
      <c r="GL1300" s="126"/>
      <c r="GM1300" s="91"/>
      <c r="GN1300" s="91"/>
      <c r="GO1300" s="91"/>
      <c r="GP1300" s="91"/>
      <c r="GQ1300" s="91"/>
      <c r="GR1300" s="91"/>
      <c r="GS1300" s="91"/>
      <c r="GT1300" s="91"/>
      <c r="GU1300" s="91"/>
      <c r="GV1300" s="91"/>
      <c r="GW1300" s="91"/>
      <c r="GX1300" s="91"/>
      <c r="GY1300" s="91"/>
      <c r="GZ1300" s="91"/>
      <c r="HA1300" s="91"/>
      <c r="HB1300" s="91"/>
      <c r="HC1300" s="91"/>
      <c r="HD1300" s="91"/>
      <c r="HE1300" s="91"/>
      <c r="HF1300" s="91"/>
      <c r="HG1300" s="91"/>
      <c r="HH1300" s="91"/>
      <c r="HI1300" s="91"/>
      <c r="HJ1300" s="91"/>
      <c r="HK1300" s="127"/>
      <c r="HL1300" s="126"/>
      <c r="HM1300" s="91"/>
      <c r="HN1300" s="91"/>
      <c r="HO1300" s="91"/>
      <c r="HP1300" s="91"/>
      <c r="HQ1300" s="91"/>
      <c r="HR1300" s="91"/>
      <c r="HS1300" s="91"/>
      <c r="HT1300" s="91"/>
      <c r="HU1300" s="91"/>
      <c r="HV1300" s="91"/>
      <c r="HW1300" s="91"/>
      <c r="HX1300" s="91"/>
      <c r="HY1300" s="91"/>
      <c r="HZ1300" s="91"/>
      <c r="IA1300" s="91"/>
      <c r="IB1300" s="91"/>
      <c r="IC1300" s="91"/>
      <c r="ID1300" s="91"/>
      <c r="IE1300" s="91"/>
      <c r="IF1300" s="91"/>
      <c r="IG1300" s="91"/>
      <c r="IH1300" s="91"/>
      <c r="II1300" s="91"/>
      <c r="IJ1300" s="91"/>
      <c r="IK1300" s="127"/>
    </row>
    <row r="1301" spans="2:245" x14ac:dyDescent="0.2">
      <c r="B1301" s="43"/>
      <c r="C1301" s="73"/>
      <c r="D1301" s="64"/>
      <c r="E1301" s="64"/>
      <c r="F1301" s="55"/>
      <c r="G1301" s="102"/>
      <c r="H1301" s="55"/>
      <c r="I1301" s="55"/>
      <c r="J1301" s="55"/>
      <c r="K1301" s="55"/>
      <c r="L1301" s="55"/>
      <c r="M1301" s="55"/>
      <c r="N1301" s="55"/>
      <c r="O1301" s="55"/>
      <c r="P1301" s="55"/>
      <c r="Q1301" s="55"/>
      <c r="R1301" s="55"/>
      <c r="S1301" s="55"/>
      <c r="T1301" s="55"/>
      <c r="U1301" s="55"/>
      <c r="V1301" s="55"/>
      <c r="W1301" s="55"/>
      <c r="X1301" s="55"/>
      <c r="Y1301" s="55"/>
      <c r="Z1301" s="55"/>
      <c r="AA1301" s="55"/>
      <c r="AB1301" s="55"/>
      <c r="AC1301" s="55"/>
      <c r="AD1301" s="55"/>
      <c r="AE1301" s="55"/>
      <c r="AF1301" s="55"/>
      <c r="AG1301" s="55"/>
      <c r="AY1301" s="162"/>
      <c r="AZ1301" s="162"/>
      <c r="BA1301" s="162"/>
      <c r="BB1301" s="162"/>
      <c r="BC1301" s="162"/>
      <c r="BD1301" s="162"/>
      <c r="BE1301" s="162"/>
      <c r="BF1301" s="162"/>
      <c r="BG1301" s="162"/>
      <c r="BH1301" s="162"/>
      <c r="BI1301" s="162"/>
      <c r="BJ1301" s="162"/>
      <c r="BK1301" s="162"/>
      <c r="BL1301" s="162"/>
      <c r="BM1301" s="162"/>
      <c r="BN1301" s="162"/>
      <c r="BO1301" s="162"/>
      <c r="BP1301" s="162"/>
      <c r="BQ1301" s="162"/>
      <c r="BR1301" s="162"/>
      <c r="BS1301" s="162"/>
      <c r="BT1301" s="162"/>
      <c r="BU1301" s="162"/>
      <c r="BV1301" s="162"/>
      <c r="BW1301" s="162"/>
      <c r="BX1301" s="162"/>
      <c r="BY1301" s="162"/>
      <c r="BZ1301" s="162"/>
      <c r="CA1301" s="162"/>
      <c r="CB1301" s="162"/>
      <c r="CC1301" s="162"/>
      <c r="CD1301" s="162"/>
      <c r="CE1301" s="162"/>
      <c r="CF1301" s="162"/>
      <c r="CG1301" s="162"/>
      <c r="CH1301" s="162"/>
      <c r="CI1301" s="162"/>
      <c r="CJ1301" s="162"/>
      <c r="CK1301" s="162"/>
      <c r="CX1301" s="98"/>
      <c r="DL1301" s="97"/>
      <c r="DX1301" s="98"/>
      <c r="EL1301" s="97"/>
      <c r="EX1301" s="98"/>
      <c r="EY1301" s="97"/>
      <c r="FL1301" s="126"/>
      <c r="FM1301" s="91"/>
      <c r="FN1301" s="91"/>
      <c r="FO1301" s="91"/>
      <c r="FP1301" s="91"/>
      <c r="FQ1301" s="91"/>
      <c r="FR1301" s="91"/>
      <c r="FS1301" s="91"/>
      <c r="FT1301" s="91"/>
      <c r="FU1301" s="91"/>
      <c r="FV1301" s="91"/>
      <c r="FW1301" s="91"/>
      <c r="FX1301" s="91"/>
      <c r="FY1301" s="91"/>
      <c r="FZ1301" s="91"/>
      <c r="GA1301" s="91"/>
      <c r="GB1301" s="91"/>
      <c r="GC1301" s="91"/>
      <c r="GD1301" s="91"/>
      <c r="GE1301" s="91"/>
      <c r="GF1301" s="91"/>
      <c r="GG1301" s="91"/>
      <c r="GH1301" s="91"/>
      <c r="GI1301" s="91"/>
      <c r="GJ1301" s="91"/>
      <c r="GK1301" s="127"/>
      <c r="GL1301" s="126"/>
      <c r="GM1301" s="91"/>
      <c r="GN1301" s="91"/>
      <c r="GO1301" s="91"/>
      <c r="GP1301" s="91"/>
      <c r="GQ1301" s="91"/>
      <c r="GR1301" s="91"/>
      <c r="GS1301" s="91"/>
      <c r="GT1301" s="91"/>
      <c r="GU1301" s="91"/>
      <c r="GV1301" s="91"/>
      <c r="GW1301" s="91"/>
      <c r="GX1301" s="91"/>
      <c r="GY1301" s="91"/>
      <c r="GZ1301" s="91"/>
      <c r="HA1301" s="91"/>
      <c r="HB1301" s="91"/>
      <c r="HC1301" s="91"/>
      <c r="HD1301" s="91"/>
      <c r="HE1301" s="91"/>
      <c r="HF1301" s="91"/>
      <c r="HG1301" s="91"/>
      <c r="HH1301" s="91"/>
      <c r="HI1301" s="91"/>
      <c r="HJ1301" s="91"/>
      <c r="HK1301" s="127"/>
      <c r="HL1301" s="126"/>
      <c r="HM1301" s="91"/>
      <c r="HN1301" s="91"/>
      <c r="HO1301" s="91"/>
      <c r="HP1301" s="91"/>
      <c r="HQ1301" s="91"/>
      <c r="HR1301" s="91"/>
      <c r="HS1301" s="91"/>
      <c r="HT1301" s="91"/>
      <c r="HU1301" s="91"/>
      <c r="HV1301" s="91"/>
      <c r="HW1301" s="91"/>
      <c r="HX1301" s="91"/>
      <c r="HY1301" s="91"/>
      <c r="HZ1301" s="91"/>
      <c r="IA1301" s="91"/>
      <c r="IB1301" s="91"/>
      <c r="IC1301" s="91"/>
      <c r="ID1301" s="91"/>
      <c r="IE1301" s="91"/>
      <c r="IF1301" s="91"/>
      <c r="IG1301" s="91"/>
      <c r="IH1301" s="91"/>
      <c r="II1301" s="91"/>
      <c r="IJ1301" s="91"/>
      <c r="IK1301" s="127"/>
    </row>
    <row r="1302" spans="2:245" x14ac:dyDescent="0.2">
      <c r="B1302" s="43"/>
      <c r="C1302" s="73"/>
      <c r="D1302" s="64"/>
      <c r="E1302" s="64"/>
      <c r="F1302" s="55"/>
      <c r="G1302" s="102"/>
      <c r="H1302" s="55"/>
      <c r="I1302" s="55"/>
      <c r="J1302" s="55"/>
      <c r="K1302" s="55"/>
      <c r="L1302" s="55"/>
      <c r="M1302" s="55"/>
      <c r="N1302" s="55"/>
      <c r="O1302" s="55"/>
      <c r="P1302" s="55"/>
      <c r="Q1302" s="55"/>
      <c r="R1302" s="55"/>
      <c r="S1302" s="55"/>
      <c r="T1302" s="55"/>
      <c r="U1302" s="55"/>
      <c r="V1302" s="55"/>
      <c r="W1302" s="55"/>
      <c r="X1302" s="55"/>
      <c r="Y1302" s="55"/>
      <c r="Z1302" s="55"/>
      <c r="AA1302" s="55"/>
      <c r="AB1302" s="55"/>
      <c r="AC1302" s="55"/>
      <c r="AD1302" s="55"/>
      <c r="AE1302" s="55"/>
      <c r="AF1302" s="55"/>
      <c r="AG1302" s="55"/>
      <c r="AY1302" s="162"/>
      <c r="AZ1302" s="162"/>
      <c r="BA1302" s="162"/>
      <c r="BB1302" s="162"/>
      <c r="BC1302" s="162"/>
      <c r="BD1302" s="162"/>
      <c r="BE1302" s="162"/>
      <c r="BF1302" s="162"/>
      <c r="BG1302" s="162"/>
      <c r="BH1302" s="162"/>
      <c r="BI1302" s="162"/>
      <c r="BJ1302" s="162"/>
      <c r="BK1302" s="162"/>
      <c r="BL1302" s="162"/>
      <c r="BM1302" s="162"/>
      <c r="BN1302" s="162"/>
      <c r="BO1302" s="162"/>
      <c r="BP1302" s="162"/>
      <c r="BQ1302" s="162"/>
      <c r="BR1302" s="162"/>
      <c r="BS1302" s="162"/>
      <c r="BT1302" s="162"/>
      <c r="BU1302" s="162"/>
      <c r="BV1302" s="162"/>
      <c r="BW1302" s="162"/>
      <c r="BX1302" s="162"/>
      <c r="BY1302" s="162"/>
      <c r="BZ1302" s="162"/>
      <c r="CA1302" s="162"/>
      <c r="CB1302" s="162"/>
      <c r="CC1302" s="162"/>
      <c r="CD1302" s="162"/>
      <c r="CE1302" s="162"/>
      <c r="CF1302" s="162"/>
      <c r="CG1302" s="162"/>
      <c r="CH1302" s="162"/>
      <c r="CI1302" s="162"/>
      <c r="CJ1302" s="162"/>
      <c r="CK1302" s="162"/>
      <c r="CX1302" s="98"/>
      <c r="DL1302" s="97"/>
      <c r="DX1302" s="98"/>
      <c r="EL1302" s="97"/>
      <c r="EX1302" s="98"/>
      <c r="EY1302" s="97"/>
      <c r="FL1302" s="126"/>
      <c r="FM1302" s="91"/>
      <c r="FN1302" s="91"/>
      <c r="FO1302" s="91"/>
      <c r="FP1302" s="91"/>
      <c r="FQ1302" s="91"/>
      <c r="FR1302" s="91"/>
      <c r="FS1302" s="91"/>
      <c r="FT1302" s="91"/>
      <c r="FU1302" s="91"/>
      <c r="FV1302" s="91"/>
      <c r="FW1302" s="91"/>
      <c r="FX1302" s="91"/>
      <c r="FY1302" s="91"/>
      <c r="FZ1302" s="91"/>
      <c r="GA1302" s="91"/>
      <c r="GB1302" s="91"/>
      <c r="GC1302" s="91"/>
      <c r="GD1302" s="91"/>
      <c r="GE1302" s="91"/>
      <c r="GF1302" s="91"/>
      <c r="GG1302" s="91"/>
      <c r="GH1302" s="91"/>
      <c r="GI1302" s="91"/>
      <c r="GJ1302" s="91"/>
      <c r="GK1302" s="127"/>
      <c r="GL1302" s="126"/>
      <c r="GM1302" s="91"/>
      <c r="GN1302" s="91"/>
      <c r="GO1302" s="91"/>
      <c r="GP1302" s="91"/>
      <c r="GQ1302" s="91"/>
      <c r="GR1302" s="91"/>
      <c r="GS1302" s="91"/>
      <c r="GT1302" s="91"/>
      <c r="GU1302" s="91"/>
      <c r="GV1302" s="91"/>
      <c r="GW1302" s="91"/>
      <c r="GX1302" s="91"/>
      <c r="GY1302" s="91"/>
      <c r="GZ1302" s="91"/>
      <c r="HA1302" s="91"/>
      <c r="HB1302" s="91"/>
      <c r="HC1302" s="91"/>
      <c r="HD1302" s="91"/>
      <c r="HE1302" s="91"/>
      <c r="HF1302" s="91"/>
      <c r="HG1302" s="91"/>
      <c r="HH1302" s="91"/>
      <c r="HI1302" s="91"/>
      <c r="HJ1302" s="91"/>
      <c r="HK1302" s="127"/>
      <c r="HL1302" s="126"/>
      <c r="HM1302" s="91"/>
      <c r="HN1302" s="91"/>
      <c r="HO1302" s="91"/>
      <c r="HP1302" s="91"/>
      <c r="HQ1302" s="91"/>
      <c r="HR1302" s="91"/>
      <c r="HS1302" s="91"/>
      <c r="HT1302" s="91"/>
      <c r="HU1302" s="91"/>
      <c r="HV1302" s="91"/>
      <c r="HW1302" s="91"/>
      <c r="HX1302" s="91"/>
      <c r="HY1302" s="91"/>
      <c r="HZ1302" s="91"/>
      <c r="IA1302" s="91"/>
      <c r="IB1302" s="91"/>
      <c r="IC1302" s="91"/>
      <c r="ID1302" s="91"/>
      <c r="IE1302" s="91"/>
      <c r="IF1302" s="91"/>
      <c r="IG1302" s="91"/>
      <c r="IH1302" s="91"/>
      <c r="II1302" s="91"/>
      <c r="IJ1302" s="91"/>
      <c r="IK1302" s="127"/>
    </row>
    <row r="1303" spans="2:245" ht="13.5" thickBot="1" x14ac:dyDescent="0.25">
      <c r="B1303" s="43"/>
      <c r="C1303" s="73"/>
      <c r="D1303" s="64"/>
      <c r="E1303" s="64"/>
      <c r="F1303" s="55"/>
      <c r="G1303" s="102"/>
      <c r="H1303" s="55"/>
      <c r="I1303" s="55"/>
      <c r="J1303" s="55"/>
      <c r="K1303" s="55"/>
      <c r="L1303" s="55"/>
      <c r="M1303" s="55"/>
      <c r="N1303" s="55"/>
      <c r="O1303" s="55"/>
      <c r="P1303" s="55"/>
      <c r="Q1303" s="55"/>
      <c r="R1303" s="55"/>
      <c r="S1303" s="55"/>
      <c r="T1303" s="55"/>
      <c r="U1303" s="55"/>
      <c r="V1303" s="55"/>
      <c r="W1303" s="55"/>
      <c r="X1303" s="55"/>
      <c r="Y1303" s="55"/>
      <c r="Z1303" s="55"/>
      <c r="AA1303" s="55"/>
      <c r="AB1303" s="55"/>
      <c r="AC1303" s="55"/>
      <c r="AD1303" s="55"/>
      <c r="AE1303" s="55"/>
      <c r="AF1303" s="55"/>
      <c r="AG1303" s="55"/>
      <c r="AY1303" s="162"/>
      <c r="AZ1303" s="162"/>
      <c r="BA1303" s="162"/>
      <c r="BB1303" s="162"/>
      <c r="BC1303" s="162"/>
      <c r="BD1303" s="162"/>
      <c r="BE1303" s="162"/>
      <c r="BF1303" s="162"/>
      <c r="BG1303" s="162"/>
      <c r="BH1303" s="162"/>
      <c r="BI1303" s="162"/>
      <c r="BJ1303" s="162"/>
      <c r="BK1303" s="162"/>
      <c r="BL1303" s="162"/>
      <c r="BM1303" s="162"/>
      <c r="BN1303" s="162"/>
      <c r="BO1303" s="162"/>
      <c r="BP1303" s="162"/>
      <c r="BQ1303" s="162"/>
      <c r="BR1303" s="162"/>
      <c r="BS1303" s="162"/>
      <c r="BT1303" s="162"/>
      <c r="BU1303" s="162"/>
      <c r="BV1303" s="162"/>
      <c r="BW1303" s="162"/>
      <c r="BX1303" s="162"/>
      <c r="BY1303" s="162"/>
      <c r="BZ1303" s="162"/>
      <c r="CA1303" s="162"/>
      <c r="CB1303" s="162"/>
      <c r="CC1303" s="162"/>
      <c r="CD1303" s="162"/>
      <c r="CE1303" s="162"/>
      <c r="CF1303" s="162"/>
      <c r="CG1303" s="162"/>
      <c r="CH1303" s="162"/>
      <c r="CI1303" s="162"/>
      <c r="CJ1303" s="162"/>
      <c r="CK1303" s="162"/>
      <c r="CX1303" s="98"/>
      <c r="DL1303" s="97"/>
      <c r="DX1303" s="98"/>
      <c r="EL1303" s="97"/>
      <c r="EX1303" s="98"/>
      <c r="EY1303" s="97"/>
      <c r="FL1303" s="126"/>
      <c r="FM1303" s="91"/>
      <c r="FN1303" s="91"/>
      <c r="FO1303" s="91"/>
      <c r="FP1303" s="91"/>
      <c r="FQ1303" s="91"/>
      <c r="FR1303" s="91"/>
      <c r="FS1303" s="91"/>
      <c r="FT1303" s="91"/>
      <c r="FU1303" s="91"/>
      <c r="FV1303" s="91"/>
      <c r="FW1303" s="91"/>
      <c r="FX1303" s="91"/>
      <c r="FY1303" s="91"/>
      <c r="FZ1303" s="91"/>
      <c r="GA1303" s="91"/>
      <c r="GB1303" s="91"/>
      <c r="GC1303" s="91"/>
      <c r="GD1303" s="91"/>
      <c r="GE1303" s="91"/>
      <c r="GF1303" s="91"/>
      <c r="GG1303" s="91"/>
      <c r="GH1303" s="91"/>
      <c r="GI1303" s="91"/>
      <c r="GJ1303" s="91"/>
      <c r="GK1303" s="127"/>
      <c r="GL1303" s="126"/>
      <c r="GM1303" s="91"/>
      <c r="GN1303" s="91"/>
      <c r="GO1303" s="91"/>
      <c r="GP1303" s="91"/>
      <c r="GQ1303" s="91"/>
      <c r="GR1303" s="91"/>
      <c r="GS1303" s="91"/>
      <c r="GT1303" s="91"/>
      <c r="GU1303" s="91"/>
      <c r="GV1303" s="91"/>
      <c r="GW1303" s="91"/>
      <c r="GX1303" s="91"/>
      <c r="GY1303" s="91"/>
      <c r="GZ1303" s="91"/>
      <c r="HA1303" s="91"/>
      <c r="HB1303" s="91"/>
      <c r="HC1303" s="91"/>
      <c r="HD1303" s="91"/>
      <c r="HE1303" s="91"/>
      <c r="HF1303" s="91"/>
      <c r="HG1303" s="91"/>
      <c r="HH1303" s="91"/>
      <c r="HI1303" s="91"/>
      <c r="HJ1303" s="91"/>
      <c r="HK1303" s="127"/>
      <c r="HL1303" s="126"/>
      <c r="HM1303" s="91"/>
      <c r="HN1303" s="91"/>
      <c r="HO1303" s="91"/>
      <c r="HP1303" s="91"/>
      <c r="HQ1303" s="91"/>
      <c r="HR1303" s="91"/>
      <c r="HS1303" s="91"/>
      <c r="HT1303" s="91"/>
      <c r="HU1303" s="91"/>
      <c r="HV1303" s="91"/>
      <c r="HW1303" s="91"/>
      <c r="HX1303" s="91"/>
      <c r="HY1303" s="91"/>
      <c r="HZ1303" s="91"/>
      <c r="IA1303" s="91"/>
      <c r="IB1303" s="91"/>
      <c r="IC1303" s="91"/>
      <c r="ID1303" s="91"/>
      <c r="IE1303" s="91"/>
      <c r="IF1303" s="91"/>
      <c r="IG1303" s="91"/>
      <c r="IH1303" s="91"/>
      <c r="II1303" s="91"/>
      <c r="IJ1303" s="91"/>
      <c r="IK1303" s="127"/>
    </row>
    <row r="1304" spans="2:245" x14ac:dyDescent="0.2">
      <c r="B1304" s="43"/>
      <c r="C1304" s="73"/>
      <c r="D1304" s="64"/>
      <c r="E1304" s="64"/>
      <c r="F1304" s="55"/>
      <c r="G1304" s="102"/>
      <c r="H1304" s="55"/>
      <c r="I1304" s="55"/>
      <c r="J1304" s="55"/>
      <c r="K1304" s="55"/>
      <c r="L1304" s="55"/>
      <c r="M1304" s="55"/>
      <c r="N1304" s="55"/>
      <c r="O1304" s="55"/>
      <c r="P1304" s="55"/>
      <c r="Q1304" s="55"/>
      <c r="R1304" s="55"/>
      <c r="S1304" s="55"/>
      <c r="T1304" s="55"/>
      <c r="U1304" s="55"/>
      <c r="V1304" s="55"/>
      <c r="W1304" s="55"/>
      <c r="X1304" s="55"/>
      <c r="Y1304" s="55"/>
      <c r="Z1304" s="55"/>
      <c r="AA1304" s="55"/>
      <c r="AB1304" s="55"/>
      <c r="AC1304" s="55"/>
      <c r="AD1304" s="55"/>
      <c r="AE1304" s="55"/>
      <c r="AF1304" s="55"/>
      <c r="AG1304" s="55"/>
      <c r="AY1304" s="162"/>
      <c r="AZ1304" s="162"/>
      <c r="BA1304" s="162"/>
      <c r="BB1304" s="162"/>
      <c r="BC1304" s="162"/>
      <c r="BD1304" s="162"/>
      <c r="BE1304" s="162"/>
      <c r="BF1304" s="162"/>
      <c r="BG1304" s="162"/>
      <c r="BH1304" s="162"/>
      <c r="BI1304" s="162"/>
      <c r="BJ1304" s="162"/>
      <c r="BK1304" s="162"/>
      <c r="BL1304" s="162"/>
      <c r="BM1304" s="162"/>
      <c r="BN1304" s="162"/>
      <c r="BO1304" s="162"/>
      <c r="BP1304" s="162"/>
      <c r="BQ1304" s="162"/>
      <c r="BR1304" s="162"/>
      <c r="BS1304" s="162"/>
      <c r="BT1304" s="162"/>
      <c r="BU1304" s="162"/>
      <c r="BV1304" s="162"/>
      <c r="BW1304" s="162"/>
      <c r="BX1304" s="162"/>
      <c r="BY1304" s="162"/>
      <c r="BZ1304" s="162"/>
      <c r="CA1304" s="162"/>
      <c r="CB1304" s="162"/>
      <c r="CC1304" s="162"/>
      <c r="CD1304" s="162"/>
      <c r="CE1304" s="162"/>
      <c r="CF1304" s="162"/>
      <c r="CG1304" s="162"/>
      <c r="CH1304" s="162"/>
      <c r="CI1304" s="162"/>
      <c r="CJ1304" s="162"/>
      <c r="CK1304" s="162"/>
      <c r="CL1304" s="163"/>
      <c r="CM1304" s="163"/>
      <c r="CN1304" s="163"/>
      <c r="CO1304" s="163"/>
      <c r="CP1304" s="163"/>
      <c r="CQ1304" s="163"/>
      <c r="CR1304" s="163"/>
      <c r="CS1304" s="163"/>
      <c r="CT1304" s="163"/>
      <c r="CU1304" s="163"/>
      <c r="CV1304" s="163"/>
      <c r="CW1304" s="163"/>
      <c r="CX1304" s="173"/>
      <c r="CY1304" s="163"/>
      <c r="CZ1304" s="163"/>
      <c r="DA1304" s="163"/>
      <c r="DB1304" s="163"/>
      <c r="DC1304" s="163"/>
      <c r="DD1304" s="163"/>
      <c r="DE1304" s="163"/>
      <c r="DF1304" s="163"/>
      <c r="DG1304" s="163"/>
      <c r="DH1304" s="163"/>
      <c r="DI1304" s="163"/>
      <c r="DJ1304" s="163"/>
      <c r="DK1304" s="163"/>
      <c r="DL1304" s="172"/>
      <c r="DM1304" s="163"/>
      <c r="DN1304" s="163"/>
      <c r="DO1304" s="163"/>
      <c r="DP1304" s="163"/>
      <c r="DQ1304" s="163"/>
      <c r="DR1304" s="163"/>
      <c r="DS1304" s="163"/>
      <c r="DT1304" s="163"/>
      <c r="DU1304" s="163"/>
      <c r="DV1304" s="163"/>
      <c r="DW1304" s="163"/>
      <c r="DX1304" s="173"/>
      <c r="DY1304" s="163"/>
      <c r="DZ1304" s="163"/>
      <c r="EA1304" s="163"/>
      <c r="EB1304" s="163"/>
      <c r="EC1304" s="163"/>
      <c r="ED1304" s="163"/>
      <c r="EE1304" s="163"/>
      <c r="EF1304" s="163"/>
      <c r="EG1304" s="163"/>
      <c r="EH1304" s="163"/>
      <c r="EI1304" s="163"/>
      <c r="EJ1304" s="163"/>
      <c r="EK1304" s="163"/>
      <c r="EL1304" s="172"/>
      <c r="EM1304" s="163"/>
      <c r="EN1304" s="163"/>
      <c r="EO1304" s="163"/>
      <c r="EP1304" s="163"/>
      <c r="EQ1304" s="163"/>
      <c r="ER1304" s="163"/>
      <c r="ES1304" s="163"/>
      <c r="ET1304" s="163"/>
      <c r="EU1304" s="163"/>
      <c r="EV1304" s="163"/>
      <c r="EW1304" s="163"/>
      <c r="EX1304" s="173"/>
      <c r="EY1304" s="172"/>
      <c r="EZ1304" s="163"/>
      <c r="FA1304" s="163"/>
      <c r="FB1304" s="163"/>
      <c r="FC1304" s="163"/>
      <c r="FD1304" s="163"/>
      <c r="FE1304" s="163"/>
      <c r="FF1304" s="163"/>
      <c r="FG1304" s="163"/>
      <c r="FH1304" s="163"/>
      <c r="FI1304" s="163"/>
      <c r="FJ1304" s="163"/>
      <c r="FK1304" s="163"/>
      <c r="FL1304" s="126"/>
      <c r="FM1304" s="91"/>
      <c r="FN1304" s="91"/>
      <c r="FO1304" s="91"/>
      <c r="FP1304" s="91"/>
      <c r="FQ1304" s="91"/>
      <c r="FR1304" s="91"/>
      <c r="FS1304" s="91"/>
      <c r="FT1304" s="91"/>
      <c r="FU1304" s="91"/>
      <c r="FV1304" s="91"/>
      <c r="FW1304" s="91"/>
      <c r="FX1304" s="91"/>
      <c r="FY1304" s="91"/>
      <c r="FZ1304" s="91"/>
      <c r="GA1304" s="91"/>
      <c r="GB1304" s="91"/>
      <c r="GC1304" s="91"/>
      <c r="GD1304" s="91"/>
      <c r="GE1304" s="91"/>
      <c r="GF1304" s="91"/>
      <c r="GG1304" s="91"/>
      <c r="GH1304" s="91"/>
      <c r="GI1304" s="91"/>
      <c r="GJ1304" s="91"/>
      <c r="GK1304" s="127"/>
      <c r="GL1304" s="126"/>
      <c r="GM1304" s="91"/>
      <c r="GN1304" s="91"/>
      <c r="GO1304" s="91"/>
      <c r="GP1304" s="91"/>
      <c r="GQ1304" s="91"/>
      <c r="GR1304" s="91"/>
      <c r="GS1304" s="91"/>
      <c r="GT1304" s="91"/>
      <c r="GU1304" s="91"/>
      <c r="GV1304" s="91"/>
      <c r="GW1304" s="91"/>
      <c r="GX1304" s="91"/>
      <c r="GY1304" s="91"/>
      <c r="GZ1304" s="91"/>
      <c r="HA1304" s="91"/>
      <c r="HB1304" s="91"/>
      <c r="HC1304" s="91"/>
      <c r="HD1304" s="91"/>
      <c r="HE1304" s="91"/>
      <c r="HF1304" s="91"/>
      <c r="HG1304" s="91"/>
      <c r="HH1304" s="91"/>
      <c r="HI1304" s="91"/>
      <c r="HJ1304" s="91"/>
      <c r="HK1304" s="127"/>
      <c r="HL1304" s="126"/>
      <c r="HM1304" s="91"/>
      <c r="HN1304" s="91"/>
      <c r="HO1304" s="91"/>
      <c r="HP1304" s="91"/>
      <c r="HQ1304" s="91"/>
      <c r="HR1304" s="91"/>
      <c r="HS1304" s="91"/>
      <c r="HT1304" s="91"/>
      <c r="HU1304" s="91"/>
      <c r="HV1304" s="91"/>
      <c r="HW1304" s="91"/>
      <c r="HX1304" s="91"/>
      <c r="HY1304" s="91"/>
      <c r="HZ1304" s="91"/>
      <c r="IA1304" s="91"/>
      <c r="IB1304" s="91"/>
      <c r="IC1304" s="91"/>
      <c r="ID1304" s="91"/>
      <c r="IE1304" s="91"/>
      <c r="IF1304" s="91"/>
      <c r="IG1304" s="91"/>
      <c r="IH1304" s="91"/>
      <c r="II1304" s="91"/>
      <c r="IJ1304" s="91"/>
      <c r="IK1304" s="127"/>
    </row>
    <row r="1305" spans="2:245" x14ac:dyDescent="0.2">
      <c r="B1305" s="43"/>
      <c r="C1305" s="73"/>
      <c r="D1305" s="64"/>
      <c r="E1305" s="64"/>
      <c r="F1305" s="55"/>
      <c r="G1305" s="102"/>
      <c r="H1305" s="55"/>
      <c r="I1305" s="55"/>
      <c r="J1305" s="55"/>
      <c r="K1305" s="55"/>
      <c r="L1305" s="55"/>
      <c r="M1305" s="55"/>
      <c r="N1305" s="55"/>
      <c r="O1305" s="55"/>
      <c r="P1305" s="55"/>
      <c r="Q1305" s="55"/>
      <c r="R1305" s="55"/>
      <c r="S1305" s="55"/>
      <c r="T1305" s="55"/>
      <c r="U1305" s="55"/>
      <c r="V1305" s="55"/>
      <c r="W1305" s="55"/>
      <c r="X1305" s="55"/>
      <c r="Y1305" s="55"/>
      <c r="Z1305" s="55"/>
      <c r="AA1305" s="55"/>
      <c r="AB1305" s="55"/>
      <c r="AC1305" s="55"/>
      <c r="AD1305" s="55"/>
      <c r="AE1305" s="55"/>
      <c r="AF1305" s="55"/>
      <c r="AG1305" s="55"/>
      <c r="AY1305" s="162"/>
      <c r="AZ1305" s="162"/>
      <c r="BA1305" s="162"/>
      <c r="BB1305" s="162"/>
      <c r="BC1305" s="162"/>
      <c r="BD1305" s="162"/>
      <c r="BE1305" s="162"/>
      <c r="BF1305" s="162"/>
      <c r="BG1305" s="162"/>
      <c r="BH1305" s="162"/>
      <c r="BI1305" s="162"/>
      <c r="BJ1305" s="162"/>
      <c r="BK1305" s="162"/>
      <c r="BL1305" s="162"/>
      <c r="BM1305" s="162"/>
      <c r="BN1305" s="162"/>
      <c r="BO1305" s="162"/>
      <c r="BP1305" s="162"/>
      <c r="BQ1305" s="162"/>
      <c r="BR1305" s="162"/>
      <c r="BS1305" s="162"/>
      <c r="BT1305" s="162"/>
      <c r="BU1305" s="162"/>
      <c r="BV1305" s="162"/>
      <c r="BW1305" s="162"/>
      <c r="BX1305" s="162"/>
      <c r="BY1305" s="162"/>
      <c r="BZ1305" s="162"/>
      <c r="CA1305" s="162"/>
      <c r="CB1305" s="162"/>
      <c r="CC1305" s="162"/>
      <c r="CD1305" s="162"/>
      <c r="CE1305" s="162"/>
      <c r="CF1305" s="162"/>
      <c r="CG1305" s="162"/>
      <c r="CH1305" s="162"/>
      <c r="CI1305" s="162"/>
      <c r="CJ1305" s="162"/>
      <c r="CK1305" s="162"/>
      <c r="CX1305" s="98"/>
      <c r="DL1305" s="97"/>
      <c r="DX1305" s="98"/>
      <c r="EL1305" s="97"/>
      <c r="EX1305" s="98"/>
      <c r="EY1305" s="97"/>
      <c r="FL1305" s="126"/>
      <c r="FM1305" s="91"/>
      <c r="FN1305" s="91"/>
      <c r="FO1305" s="91"/>
      <c r="FP1305" s="91"/>
      <c r="FQ1305" s="91"/>
      <c r="FR1305" s="91"/>
      <c r="FS1305" s="91"/>
      <c r="FT1305" s="91"/>
      <c r="FU1305" s="91"/>
      <c r="FV1305" s="91"/>
      <c r="FW1305" s="91"/>
      <c r="FX1305" s="91"/>
      <c r="FY1305" s="91"/>
      <c r="FZ1305" s="91"/>
      <c r="GA1305" s="91"/>
      <c r="GB1305" s="91"/>
      <c r="GC1305" s="91"/>
      <c r="GD1305" s="91"/>
      <c r="GE1305" s="91"/>
      <c r="GF1305" s="91"/>
      <c r="GG1305" s="91"/>
      <c r="GH1305" s="91"/>
      <c r="GI1305" s="91"/>
      <c r="GJ1305" s="91"/>
      <c r="GK1305" s="127"/>
      <c r="GL1305" s="126"/>
      <c r="GM1305" s="91"/>
      <c r="GN1305" s="91"/>
      <c r="GO1305" s="91"/>
      <c r="GP1305" s="91"/>
      <c r="GQ1305" s="91"/>
      <c r="GR1305" s="91"/>
      <c r="GS1305" s="91"/>
      <c r="GT1305" s="91"/>
      <c r="GU1305" s="91"/>
      <c r="GV1305" s="91"/>
      <c r="GW1305" s="91"/>
      <c r="GX1305" s="91"/>
      <c r="GY1305" s="91"/>
      <c r="GZ1305" s="91"/>
      <c r="HA1305" s="91"/>
      <c r="HB1305" s="91"/>
      <c r="HC1305" s="91"/>
      <c r="HD1305" s="91"/>
      <c r="HE1305" s="91"/>
      <c r="HF1305" s="91"/>
      <c r="HG1305" s="91"/>
      <c r="HH1305" s="91"/>
      <c r="HI1305" s="91"/>
      <c r="HJ1305" s="91"/>
      <c r="HK1305" s="127"/>
      <c r="HL1305" s="126"/>
      <c r="HM1305" s="91"/>
      <c r="HN1305" s="91"/>
      <c r="HO1305" s="91"/>
      <c r="HP1305" s="91"/>
      <c r="HQ1305" s="91"/>
      <c r="HR1305" s="91"/>
      <c r="HS1305" s="91"/>
      <c r="HT1305" s="91"/>
      <c r="HU1305" s="91"/>
      <c r="HV1305" s="91"/>
      <c r="HW1305" s="91"/>
      <c r="HX1305" s="91"/>
      <c r="HY1305" s="91"/>
      <c r="HZ1305" s="91"/>
      <c r="IA1305" s="91"/>
      <c r="IB1305" s="91"/>
      <c r="IC1305" s="91"/>
      <c r="ID1305" s="91"/>
      <c r="IE1305" s="91"/>
      <c r="IF1305" s="91"/>
      <c r="IG1305" s="91"/>
      <c r="IH1305" s="91"/>
      <c r="II1305" s="91"/>
      <c r="IJ1305" s="91"/>
      <c r="IK1305" s="127"/>
    </row>
    <row r="1306" spans="2:245" x14ac:dyDescent="0.2">
      <c r="B1306" s="43"/>
      <c r="C1306" s="73"/>
      <c r="D1306" s="64"/>
      <c r="E1306" s="64"/>
      <c r="F1306" s="55"/>
      <c r="G1306" s="102"/>
      <c r="H1306" s="55"/>
      <c r="I1306" s="55"/>
      <c r="J1306" s="55"/>
      <c r="K1306" s="55"/>
      <c r="L1306" s="55"/>
      <c r="M1306" s="55"/>
      <c r="N1306" s="55"/>
      <c r="O1306" s="55"/>
      <c r="P1306" s="55"/>
      <c r="Q1306" s="55"/>
      <c r="R1306" s="55"/>
      <c r="S1306" s="55"/>
      <c r="T1306" s="55"/>
      <c r="U1306" s="55"/>
      <c r="V1306" s="55"/>
      <c r="W1306" s="55"/>
      <c r="X1306" s="55"/>
      <c r="Y1306" s="55"/>
      <c r="Z1306" s="55"/>
      <c r="AA1306" s="55"/>
      <c r="AB1306" s="55"/>
      <c r="AC1306" s="55"/>
      <c r="AD1306" s="55"/>
      <c r="AE1306" s="55"/>
      <c r="AF1306" s="55"/>
      <c r="AG1306" s="55"/>
      <c r="AY1306" s="162"/>
      <c r="AZ1306" s="162"/>
      <c r="BA1306" s="162"/>
      <c r="BB1306" s="162"/>
      <c r="BC1306" s="162"/>
      <c r="BD1306" s="162"/>
      <c r="BE1306" s="162"/>
      <c r="BF1306" s="162"/>
      <c r="BG1306" s="162"/>
      <c r="BH1306" s="162"/>
      <c r="BI1306" s="162"/>
      <c r="BJ1306" s="162"/>
      <c r="BK1306" s="162"/>
      <c r="BL1306" s="162"/>
      <c r="BM1306" s="162"/>
      <c r="BN1306" s="162"/>
      <c r="BO1306" s="162"/>
      <c r="BP1306" s="162"/>
      <c r="BQ1306" s="162"/>
      <c r="BR1306" s="162"/>
      <c r="BS1306" s="162"/>
      <c r="BT1306" s="162"/>
      <c r="BU1306" s="162"/>
      <c r="BV1306" s="162"/>
      <c r="BW1306" s="162"/>
      <c r="BX1306" s="162"/>
      <c r="BY1306" s="162"/>
      <c r="BZ1306" s="162"/>
      <c r="CA1306" s="162"/>
      <c r="CB1306" s="162"/>
      <c r="CC1306" s="162"/>
      <c r="CD1306" s="162"/>
      <c r="CE1306" s="162"/>
      <c r="CF1306" s="162"/>
      <c r="CG1306" s="162"/>
      <c r="CH1306" s="162"/>
      <c r="CI1306" s="162"/>
      <c r="CJ1306" s="162"/>
      <c r="CK1306" s="162"/>
      <c r="CX1306" s="98"/>
      <c r="DL1306" s="97"/>
      <c r="DX1306" s="98"/>
      <c r="EL1306" s="97"/>
      <c r="EX1306" s="98"/>
      <c r="EY1306" s="97"/>
      <c r="FL1306" s="126"/>
      <c r="FM1306" s="91"/>
      <c r="FN1306" s="91"/>
      <c r="FO1306" s="91"/>
      <c r="FP1306" s="91"/>
      <c r="FQ1306" s="91"/>
      <c r="FR1306" s="91"/>
      <c r="FS1306" s="91"/>
      <c r="FT1306" s="91"/>
      <c r="FU1306" s="91"/>
      <c r="FV1306" s="91"/>
      <c r="FW1306" s="91"/>
      <c r="FX1306" s="91"/>
      <c r="FY1306" s="91"/>
      <c r="FZ1306" s="91"/>
      <c r="GA1306" s="91"/>
      <c r="GB1306" s="91"/>
      <c r="GC1306" s="91"/>
      <c r="GD1306" s="91"/>
      <c r="GE1306" s="91"/>
      <c r="GF1306" s="91"/>
      <c r="GG1306" s="91"/>
      <c r="GH1306" s="91"/>
      <c r="GI1306" s="91"/>
      <c r="GJ1306" s="91"/>
      <c r="GK1306" s="127"/>
      <c r="GL1306" s="126"/>
      <c r="GM1306" s="91"/>
      <c r="GN1306" s="91"/>
      <c r="GO1306" s="91"/>
      <c r="GP1306" s="91"/>
      <c r="GQ1306" s="91"/>
      <c r="GR1306" s="91"/>
      <c r="GS1306" s="91"/>
      <c r="GT1306" s="91"/>
      <c r="GU1306" s="91"/>
      <c r="GV1306" s="91"/>
      <c r="GW1306" s="91"/>
      <c r="GX1306" s="91"/>
      <c r="GY1306" s="91"/>
      <c r="GZ1306" s="91"/>
      <c r="HA1306" s="91"/>
      <c r="HB1306" s="91"/>
      <c r="HC1306" s="91"/>
      <c r="HD1306" s="91"/>
      <c r="HE1306" s="91"/>
      <c r="HF1306" s="91"/>
      <c r="HG1306" s="91"/>
      <c r="HH1306" s="91"/>
      <c r="HI1306" s="91"/>
      <c r="HJ1306" s="91"/>
      <c r="HK1306" s="127"/>
      <c r="HL1306" s="126"/>
      <c r="HM1306" s="91"/>
      <c r="HN1306" s="91"/>
      <c r="HO1306" s="91"/>
      <c r="HP1306" s="91"/>
      <c r="HQ1306" s="91"/>
      <c r="HR1306" s="91"/>
      <c r="HS1306" s="91"/>
      <c r="HT1306" s="91"/>
      <c r="HU1306" s="91"/>
      <c r="HV1306" s="91"/>
      <c r="HW1306" s="91"/>
      <c r="HX1306" s="91"/>
      <c r="HY1306" s="91"/>
      <c r="HZ1306" s="91"/>
      <c r="IA1306" s="91"/>
      <c r="IB1306" s="91"/>
      <c r="IC1306" s="91"/>
      <c r="ID1306" s="91"/>
      <c r="IE1306" s="91"/>
      <c r="IF1306" s="91"/>
      <c r="IG1306" s="91"/>
      <c r="IH1306" s="91"/>
      <c r="II1306" s="91"/>
      <c r="IJ1306" s="91"/>
      <c r="IK1306" s="127"/>
    </row>
    <row r="1307" spans="2:245" x14ac:dyDescent="0.2">
      <c r="B1307" s="43"/>
      <c r="C1307" s="73"/>
      <c r="D1307" s="64"/>
      <c r="E1307" s="64"/>
      <c r="F1307" s="55"/>
      <c r="G1307" s="102"/>
      <c r="H1307" s="55"/>
      <c r="I1307" s="55"/>
      <c r="J1307" s="55"/>
      <c r="K1307" s="55"/>
      <c r="L1307" s="55"/>
      <c r="M1307" s="55"/>
      <c r="N1307" s="55"/>
      <c r="O1307" s="55"/>
      <c r="P1307" s="55"/>
      <c r="Q1307" s="55"/>
      <c r="R1307" s="55"/>
      <c r="S1307" s="55"/>
      <c r="T1307" s="55"/>
      <c r="U1307" s="55"/>
      <c r="V1307" s="55"/>
      <c r="W1307" s="55"/>
      <c r="X1307" s="55"/>
      <c r="Y1307" s="55"/>
      <c r="Z1307" s="55"/>
      <c r="AA1307" s="55"/>
      <c r="AB1307" s="55"/>
      <c r="AC1307" s="55"/>
      <c r="AD1307" s="55"/>
      <c r="AE1307" s="55"/>
      <c r="AF1307" s="55"/>
      <c r="AG1307" s="55"/>
      <c r="AY1307" s="162"/>
      <c r="AZ1307" s="162"/>
      <c r="BA1307" s="162"/>
      <c r="BB1307" s="162"/>
      <c r="BC1307" s="162"/>
      <c r="BD1307" s="162"/>
      <c r="BE1307" s="162"/>
      <c r="BF1307" s="162"/>
      <c r="BG1307" s="162"/>
      <c r="BH1307" s="162"/>
      <c r="BI1307" s="162"/>
      <c r="BJ1307" s="162"/>
      <c r="BK1307" s="162"/>
      <c r="BL1307" s="162"/>
      <c r="BM1307" s="162"/>
      <c r="BN1307" s="162"/>
      <c r="BO1307" s="162"/>
      <c r="BP1307" s="162"/>
      <c r="BQ1307" s="162"/>
      <c r="BR1307" s="162"/>
      <c r="BS1307" s="162"/>
      <c r="BT1307" s="162"/>
      <c r="BU1307" s="162"/>
      <c r="BV1307" s="162"/>
      <c r="BW1307" s="162"/>
      <c r="BX1307" s="162"/>
      <c r="BY1307" s="162"/>
      <c r="BZ1307" s="162"/>
      <c r="CA1307" s="162"/>
      <c r="CB1307" s="162"/>
      <c r="CC1307" s="162"/>
      <c r="CD1307" s="162"/>
      <c r="CE1307" s="162"/>
      <c r="CF1307" s="162"/>
      <c r="CG1307" s="162"/>
      <c r="CH1307" s="162"/>
      <c r="CI1307" s="162"/>
      <c r="CJ1307" s="162"/>
      <c r="CK1307" s="162"/>
      <c r="CX1307" s="98"/>
      <c r="DL1307" s="97"/>
      <c r="DX1307" s="98"/>
      <c r="EL1307" s="97"/>
      <c r="EX1307" s="98"/>
      <c r="EY1307" s="97"/>
      <c r="FL1307" s="126"/>
      <c r="FM1307" s="91"/>
      <c r="FN1307" s="91"/>
      <c r="FO1307" s="91"/>
      <c r="FP1307" s="91"/>
      <c r="FQ1307" s="91"/>
      <c r="FR1307" s="91"/>
      <c r="FS1307" s="91"/>
      <c r="FT1307" s="91"/>
      <c r="FU1307" s="91"/>
      <c r="FV1307" s="91"/>
      <c r="FW1307" s="91"/>
      <c r="FX1307" s="91"/>
      <c r="FY1307" s="91"/>
      <c r="FZ1307" s="91"/>
      <c r="GA1307" s="91"/>
      <c r="GB1307" s="91"/>
      <c r="GC1307" s="91"/>
      <c r="GD1307" s="91"/>
      <c r="GE1307" s="91"/>
      <c r="GF1307" s="91"/>
      <c r="GG1307" s="91"/>
      <c r="GH1307" s="91"/>
      <c r="GI1307" s="91"/>
      <c r="GJ1307" s="91"/>
      <c r="GK1307" s="127"/>
      <c r="GL1307" s="126"/>
      <c r="GM1307" s="91"/>
      <c r="GN1307" s="91"/>
      <c r="GO1307" s="91"/>
      <c r="GP1307" s="91"/>
      <c r="GQ1307" s="91"/>
      <c r="GR1307" s="91"/>
      <c r="GS1307" s="91"/>
      <c r="GT1307" s="91"/>
      <c r="GU1307" s="91"/>
      <c r="GV1307" s="91"/>
      <c r="GW1307" s="91"/>
      <c r="GX1307" s="91"/>
      <c r="GY1307" s="91"/>
      <c r="GZ1307" s="91"/>
      <c r="HA1307" s="91"/>
      <c r="HB1307" s="91"/>
      <c r="HC1307" s="91"/>
      <c r="HD1307" s="91"/>
      <c r="HE1307" s="91"/>
      <c r="HF1307" s="91"/>
      <c r="HG1307" s="91"/>
      <c r="HH1307" s="91"/>
      <c r="HI1307" s="91"/>
      <c r="HJ1307" s="91"/>
      <c r="HK1307" s="127"/>
      <c r="HL1307" s="126"/>
      <c r="HM1307" s="91"/>
      <c r="HN1307" s="91"/>
      <c r="HO1307" s="91"/>
      <c r="HP1307" s="91"/>
      <c r="HQ1307" s="91"/>
      <c r="HR1307" s="91"/>
      <c r="HS1307" s="91"/>
      <c r="HT1307" s="91"/>
      <c r="HU1307" s="91"/>
      <c r="HV1307" s="91"/>
      <c r="HW1307" s="91"/>
      <c r="HX1307" s="91"/>
      <c r="HY1307" s="91"/>
      <c r="HZ1307" s="91"/>
      <c r="IA1307" s="91"/>
      <c r="IB1307" s="91"/>
      <c r="IC1307" s="91"/>
      <c r="ID1307" s="91"/>
      <c r="IE1307" s="91"/>
      <c r="IF1307" s="91"/>
      <c r="IG1307" s="91"/>
      <c r="IH1307" s="91"/>
      <c r="II1307" s="91"/>
      <c r="IJ1307" s="91"/>
      <c r="IK1307" s="127"/>
    </row>
    <row r="1308" spans="2:245" x14ac:dyDescent="0.2">
      <c r="B1308" s="43"/>
      <c r="C1308" s="73"/>
      <c r="D1308" s="64"/>
      <c r="E1308" s="64"/>
      <c r="F1308" s="55"/>
      <c r="G1308" s="102"/>
      <c r="H1308" s="55"/>
      <c r="I1308" s="55"/>
      <c r="J1308" s="55"/>
      <c r="K1308" s="55"/>
      <c r="L1308" s="55"/>
      <c r="M1308" s="55"/>
      <c r="N1308" s="55"/>
      <c r="O1308" s="55"/>
      <c r="P1308" s="55"/>
      <c r="Q1308" s="55"/>
      <c r="R1308" s="55"/>
      <c r="S1308" s="55"/>
      <c r="T1308" s="55"/>
      <c r="U1308" s="55"/>
      <c r="V1308" s="55"/>
      <c r="W1308" s="55"/>
      <c r="X1308" s="55"/>
      <c r="Y1308" s="55"/>
      <c r="Z1308" s="55"/>
      <c r="AA1308" s="55"/>
      <c r="AB1308" s="55"/>
      <c r="AC1308" s="55"/>
      <c r="AD1308" s="55"/>
      <c r="AE1308" s="55"/>
      <c r="AF1308" s="55"/>
      <c r="AG1308" s="55"/>
      <c r="AY1308" s="162"/>
      <c r="AZ1308" s="162"/>
      <c r="BA1308" s="162"/>
      <c r="BB1308" s="162"/>
      <c r="BC1308" s="162"/>
      <c r="BD1308" s="162"/>
      <c r="BE1308" s="162"/>
      <c r="BF1308" s="162"/>
      <c r="BG1308" s="162"/>
      <c r="BH1308" s="162"/>
      <c r="BI1308" s="162"/>
      <c r="BJ1308" s="162"/>
      <c r="BK1308" s="162"/>
      <c r="BL1308" s="162"/>
      <c r="BM1308" s="162"/>
      <c r="BN1308" s="162"/>
      <c r="BO1308" s="162"/>
      <c r="BP1308" s="162"/>
      <c r="BQ1308" s="162"/>
      <c r="BR1308" s="162"/>
      <c r="BS1308" s="162"/>
      <c r="BT1308" s="162"/>
      <c r="BU1308" s="162"/>
      <c r="BV1308" s="162"/>
      <c r="BW1308" s="162"/>
      <c r="BX1308" s="162"/>
      <c r="BY1308" s="162"/>
      <c r="BZ1308" s="162"/>
      <c r="CA1308" s="162"/>
      <c r="CB1308" s="162"/>
      <c r="CC1308" s="162"/>
      <c r="CD1308" s="162"/>
      <c r="CE1308" s="162"/>
      <c r="CF1308" s="162"/>
      <c r="CG1308" s="162"/>
      <c r="CH1308" s="162"/>
      <c r="CI1308" s="162"/>
      <c r="CJ1308" s="162"/>
      <c r="CK1308" s="162"/>
      <c r="CX1308" s="98"/>
      <c r="DL1308" s="97"/>
      <c r="DX1308" s="98"/>
      <c r="EL1308" s="97"/>
      <c r="EX1308" s="98"/>
      <c r="EY1308" s="97"/>
      <c r="FL1308" s="126"/>
      <c r="FM1308" s="91"/>
      <c r="FN1308" s="91"/>
      <c r="FO1308" s="91"/>
      <c r="FP1308" s="91"/>
      <c r="FQ1308" s="91"/>
      <c r="FR1308" s="91"/>
      <c r="FS1308" s="91"/>
      <c r="FT1308" s="91"/>
      <c r="FU1308" s="91"/>
      <c r="FV1308" s="91"/>
      <c r="FW1308" s="91"/>
      <c r="FX1308" s="91"/>
      <c r="FY1308" s="91"/>
      <c r="FZ1308" s="91"/>
      <c r="GA1308" s="91"/>
      <c r="GB1308" s="91"/>
      <c r="GC1308" s="91"/>
      <c r="GD1308" s="91"/>
      <c r="GE1308" s="91"/>
      <c r="GF1308" s="91"/>
      <c r="GG1308" s="91"/>
      <c r="GH1308" s="91"/>
      <c r="GI1308" s="91"/>
      <c r="GJ1308" s="91"/>
      <c r="GK1308" s="127"/>
      <c r="GL1308" s="126"/>
      <c r="GM1308" s="91"/>
      <c r="GN1308" s="91"/>
      <c r="GO1308" s="91"/>
      <c r="GP1308" s="91"/>
      <c r="GQ1308" s="91"/>
      <c r="GR1308" s="91"/>
      <c r="GS1308" s="91"/>
      <c r="GT1308" s="91"/>
      <c r="GU1308" s="91"/>
      <c r="GV1308" s="91"/>
      <c r="GW1308" s="91"/>
      <c r="GX1308" s="91"/>
      <c r="GY1308" s="91"/>
      <c r="GZ1308" s="91"/>
      <c r="HA1308" s="91"/>
      <c r="HB1308" s="91"/>
      <c r="HC1308" s="91"/>
      <c r="HD1308" s="91"/>
      <c r="HE1308" s="91"/>
      <c r="HF1308" s="91"/>
      <c r="HG1308" s="91"/>
      <c r="HH1308" s="91"/>
      <c r="HI1308" s="91"/>
      <c r="HJ1308" s="91"/>
      <c r="HK1308" s="127"/>
      <c r="HL1308" s="126"/>
      <c r="HM1308" s="91"/>
      <c r="HN1308" s="91"/>
      <c r="HO1308" s="91"/>
      <c r="HP1308" s="91"/>
      <c r="HQ1308" s="91"/>
      <c r="HR1308" s="91"/>
      <c r="HS1308" s="91"/>
      <c r="HT1308" s="91"/>
      <c r="HU1308" s="91"/>
      <c r="HV1308" s="91"/>
      <c r="HW1308" s="91"/>
      <c r="HX1308" s="91"/>
      <c r="HY1308" s="91"/>
      <c r="HZ1308" s="91"/>
      <c r="IA1308" s="91"/>
      <c r="IB1308" s="91"/>
      <c r="IC1308" s="91"/>
      <c r="ID1308" s="91"/>
      <c r="IE1308" s="91"/>
      <c r="IF1308" s="91"/>
      <c r="IG1308" s="91"/>
      <c r="IH1308" s="91"/>
      <c r="II1308" s="91"/>
      <c r="IJ1308" s="91"/>
      <c r="IK1308" s="127"/>
    </row>
    <row r="1309" spans="2:245" x14ac:dyDescent="0.2">
      <c r="B1309" s="43"/>
      <c r="C1309" s="73"/>
      <c r="D1309" s="64"/>
      <c r="E1309" s="64"/>
      <c r="F1309" s="55"/>
      <c r="G1309" s="102"/>
      <c r="H1309" s="55"/>
      <c r="I1309" s="55"/>
      <c r="J1309" s="55"/>
      <c r="K1309" s="55"/>
      <c r="L1309" s="55"/>
      <c r="M1309" s="55"/>
      <c r="N1309" s="55"/>
      <c r="O1309" s="55"/>
      <c r="P1309" s="55"/>
      <c r="Q1309" s="55"/>
      <c r="R1309" s="55"/>
      <c r="S1309" s="55"/>
      <c r="T1309" s="55"/>
      <c r="U1309" s="55"/>
      <c r="V1309" s="55"/>
      <c r="W1309" s="55"/>
      <c r="X1309" s="55"/>
      <c r="Y1309" s="55"/>
      <c r="Z1309" s="55"/>
      <c r="AA1309" s="55"/>
      <c r="AB1309" s="55"/>
      <c r="AC1309" s="55"/>
      <c r="AD1309" s="55"/>
      <c r="AE1309" s="55"/>
      <c r="AF1309" s="55"/>
      <c r="AG1309" s="55"/>
      <c r="AY1309" s="162"/>
      <c r="AZ1309" s="162"/>
      <c r="BA1309" s="162"/>
      <c r="BB1309" s="162"/>
      <c r="BC1309" s="162"/>
      <c r="BD1309" s="162"/>
      <c r="BE1309" s="162"/>
      <c r="BF1309" s="162"/>
      <c r="BG1309" s="162"/>
      <c r="BH1309" s="162"/>
      <c r="BI1309" s="162"/>
      <c r="BJ1309" s="162"/>
      <c r="BK1309" s="162"/>
      <c r="BL1309" s="162"/>
      <c r="BM1309" s="162"/>
      <c r="BN1309" s="162"/>
      <c r="BO1309" s="162"/>
      <c r="BP1309" s="162"/>
      <c r="BQ1309" s="162"/>
      <c r="BR1309" s="162"/>
      <c r="BS1309" s="162"/>
      <c r="BT1309" s="162"/>
      <c r="BU1309" s="162"/>
      <c r="BV1309" s="162"/>
      <c r="BW1309" s="162"/>
      <c r="BX1309" s="162"/>
      <c r="BY1309" s="162"/>
      <c r="BZ1309" s="162"/>
      <c r="CA1309" s="162"/>
      <c r="CB1309" s="162"/>
      <c r="CC1309" s="162"/>
      <c r="CD1309" s="162"/>
      <c r="CE1309" s="162"/>
      <c r="CF1309" s="162"/>
      <c r="CG1309" s="162"/>
      <c r="CH1309" s="162"/>
      <c r="CI1309" s="162"/>
      <c r="CJ1309" s="162"/>
      <c r="CK1309" s="162"/>
      <c r="CX1309" s="98"/>
      <c r="DL1309" s="97"/>
      <c r="DX1309" s="98"/>
      <c r="EL1309" s="97"/>
      <c r="EX1309" s="98"/>
      <c r="EY1309" s="97"/>
      <c r="FL1309" s="126"/>
      <c r="FM1309" s="91"/>
      <c r="FN1309" s="91"/>
      <c r="FO1309" s="91"/>
      <c r="FP1309" s="91"/>
      <c r="FQ1309" s="91"/>
      <c r="FR1309" s="91"/>
      <c r="FS1309" s="91"/>
      <c r="FT1309" s="91"/>
      <c r="FU1309" s="91"/>
      <c r="FV1309" s="91"/>
      <c r="FW1309" s="91"/>
      <c r="FX1309" s="91"/>
      <c r="FY1309" s="91"/>
      <c r="FZ1309" s="91"/>
      <c r="GA1309" s="91"/>
      <c r="GB1309" s="91"/>
      <c r="GC1309" s="91"/>
      <c r="GD1309" s="91"/>
      <c r="GE1309" s="91"/>
      <c r="GF1309" s="91"/>
      <c r="GG1309" s="91"/>
      <c r="GH1309" s="91"/>
      <c r="GI1309" s="91"/>
      <c r="GJ1309" s="91"/>
      <c r="GK1309" s="127"/>
      <c r="GL1309" s="126"/>
      <c r="GM1309" s="91"/>
      <c r="GN1309" s="91"/>
      <c r="GO1309" s="91"/>
      <c r="GP1309" s="91"/>
      <c r="GQ1309" s="91"/>
      <c r="GR1309" s="91"/>
      <c r="GS1309" s="91"/>
      <c r="GT1309" s="91"/>
      <c r="GU1309" s="91"/>
      <c r="GV1309" s="91"/>
      <c r="GW1309" s="91"/>
      <c r="GX1309" s="91"/>
      <c r="GY1309" s="91"/>
      <c r="GZ1309" s="91"/>
      <c r="HA1309" s="91"/>
      <c r="HB1309" s="91"/>
      <c r="HC1309" s="91"/>
      <c r="HD1309" s="91"/>
      <c r="HE1309" s="91"/>
      <c r="HF1309" s="91"/>
      <c r="HG1309" s="91"/>
      <c r="HH1309" s="91"/>
      <c r="HI1309" s="91"/>
      <c r="HJ1309" s="91"/>
      <c r="HK1309" s="127"/>
      <c r="HL1309" s="126"/>
      <c r="HM1309" s="91"/>
      <c r="HN1309" s="91"/>
      <c r="HO1309" s="91"/>
      <c r="HP1309" s="91"/>
      <c r="HQ1309" s="91"/>
      <c r="HR1309" s="91"/>
      <c r="HS1309" s="91"/>
      <c r="HT1309" s="91"/>
      <c r="HU1309" s="91"/>
      <c r="HV1309" s="91"/>
      <c r="HW1309" s="91"/>
      <c r="HX1309" s="91"/>
      <c r="HY1309" s="91"/>
      <c r="HZ1309" s="91"/>
      <c r="IA1309" s="91"/>
      <c r="IB1309" s="91"/>
      <c r="IC1309" s="91"/>
      <c r="ID1309" s="91"/>
      <c r="IE1309" s="91"/>
      <c r="IF1309" s="91"/>
      <c r="IG1309" s="91"/>
      <c r="IH1309" s="91"/>
      <c r="II1309" s="91"/>
      <c r="IJ1309" s="91"/>
      <c r="IK1309" s="127"/>
    </row>
    <row r="1310" spans="2:245" x14ac:dyDescent="0.2">
      <c r="B1310" s="43"/>
      <c r="C1310" s="73"/>
      <c r="D1310" s="64"/>
      <c r="E1310" s="64"/>
      <c r="F1310" s="55"/>
      <c r="G1310" s="102"/>
      <c r="H1310" s="55"/>
      <c r="I1310" s="55"/>
      <c r="J1310" s="55"/>
      <c r="K1310" s="55"/>
      <c r="L1310" s="55"/>
      <c r="M1310" s="55"/>
      <c r="N1310" s="55"/>
      <c r="O1310" s="55"/>
      <c r="P1310" s="55"/>
      <c r="Q1310" s="55"/>
      <c r="R1310" s="55"/>
      <c r="S1310" s="55"/>
      <c r="T1310" s="55"/>
      <c r="U1310" s="55"/>
      <c r="V1310" s="55"/>
      <c r="W1310" s="55"/>
      <c r="X1310" s="55"/>
      <c r="Y1310" s="55"/>
      <c r="Z1310" s="55"/>
      <c r="AA1310" s="55"/>
      <c r="AB1310" s="55"/>
      <c r="AC1310" s="55"/>
      <c r="AD1310" s="55"/>
      <c r="AE1310" s="55"/>
      <c r="AF1310" s="55"/>
      <c r="AG1310" s="55"/>
      <c r="AY1310" s="162"/>
      <c r="AZ1310" s="162"/>
      <c r="BA1310" s="162"/>
      <c r="BB1310" s="162"/>
      <c r="BC1310" s="162"/>
      <c r="BD1310" s="162"/>
      <c r="BE1310" s="162"/>
      <c r="BF1310" s="162"/>
      <c r="BG1310" s="162"/>
      <c r="BH1310" s="162"/>
      <c r="BI1310" s="162"/>
      <c r="BJ1310" s="162"/>
      <c r="BK1310" s="162"/>
      <c r="BL1310" s="162"/>
      <c r="BM1310" s="162"/>
      <c r="BN1310" s="162"/>
      <c r="BO1310" s="162"/>
      <c r="BP1310" s="162"/>
      <c r="BQ1310" s="162"/>
      <c r="BR1310" s="162"/>
      <c r="BS1310" s="162"/>
      <c r="BT1310" s="162"/>
      <c r="BU1310" s="162"/>
      <c r="BV1310" s="162"/>
      <c r="BW1310" s="162"/>
      <c r="BX1310" s="162"/>
      <c r="BY1310" s="162"/>
      <c r="BZ1310" s="162"/>
      <c r="CA1310" s="162"/>
      <c r="CB1310" s="162"/>
      <c r="CC1310" s="162"/>
      <c r="CD1310" s="162"/>
      <c r="CE1310" s="162"/>
      <c r="CF1310" s="162"/>
      <c r="CG1310" s="162"/>
      <c r="CH1310" s="162"/>
      <c r="CI1310" s="162"/>
      <c r="CJ1310" s="162"/>
      <c r="CK1310" s="162"/>
      <c r="CX1310" s="98"/>
      <c r="DL1310" s="97"/>
      <c r="DX1310" s="98"/>
      <c r="EL1310" s="97"/>
      <c r="EX1310" s="98"/>
      <c r="EY1310" s="97"/>
      <c r="FL1310" s="126"/>
      <c r="FM1310" s="91"/>
      <c r="FN1310" s="91"/>
      <c r="FO1310" s="91"/>
      <c r="FP1310" s="91"/>
      <c r="FQ1310" s="91"/>
      <c r="FR1310" s="91"/>
      <c r="FS1310" s="91"/>
      <c r="FT1310" s="91"/>
      <c r="FU1310" s="91"/>
      <c r="FV1310" s="91"/>
      <c r="FW1310" s="91"/>
      <c r="FX1310" s="91"/>
      <c r="FY1310" s="91"/>
      <c r="FZ1310" s="91"/>
      <c r="GA1310" s="91"/>
      <c r="GB1310" s="91"/>
      <c r="GC1310" s="91"/>
      <c r="GD1310" s="91"/>
      <c r="GE1310" s="91"/>
      <c r="GF1310" s="91"/>
      <c r="GG1310" s="91"/>
      <c r="GH1310" s="91"/>
      <c r="GI1310" s="91"/>
      <c r="GJ1310" s="91"/>
      <c r="GK1310" s="127"/>
      <c r="GL1310" s="126"/>
      <c r="GM1310" s="91"/>
      <c r="GN1310" s="91"/>
      <c r="GO1310" s="91"/>
      <c r="GP1310" s="91"/>
      <c r="GQ1310" s="91"/>
      <c r="GR1310" s="91"/>
      <c r="GS1310" s="91"/>
      <c r="GT1310" s="91"/>
      <c r="GU1310" s="91"/>
      <c r="GV1310" s="91"/>
      <c r="GW1310" s="91"/>
      <c r="GX1310" s="91"/>
      <c r="GY1310" s="91"/>
      <c r="GZ1310" s="91"/>
      <c r="HA1310" s="91"/>
      <c r="HB1310" s="91"/>
      <c r="HC1310" s="91"/>
      <c r="HD1310" s="91"/>
      <c r="HE1310" s="91"/>
      <c r="HF1310" s="91"/>
      <c r="HG1310" s="91"/>
      <c r="HH1310" s="91"/>
      <c r="HI1310" s="91"/>
      <c r="HJ1310" s="91"/>
      <c r="HK1310" s="127"/>
      <c r="HL1310" s="126"/>
      <c r="HM1310" s="91"/>
      <c r="HN1310" s="91"/>
      <c r="HO1310" s="91"/>
      <c r="HP1310" s="91"/>
      <c r="HQ1310" s="91"/>
      <c r="HR1310" s="91"/>
      <c r="HS1310" s="91"/>
      <c r="HT1310" s="91"/>
      <c r="HU1310" s="91"/>
      <c r="HV1310" s="91"/>
      <c r="HW1310" s="91"/>
      <c r="HX1310" s="91"/>
      <c r="HY1310" s="91"/>
      <c r="HZ1310" s="91"/>
      <c r="IA1310" s="91"/>
      <c r="IB1310" s="91"/>
      <c r="IC1310" s="91"/>
      <c r="ID1310" s="91"/>
      <c r="IE1310" s="91"/>
      <c r="IF1310" s="91"/>
      <c r="IG1310" s="91"/>
      <c r="IH1310" s="91"/>
      <c r="II1310" s="91"/>
      <c r="IJ1310" s="91"/>
      <c r="IK1310" s="127"/>
    </row>
    <row r="1311" spans="2:245" x14ac:dyDescent="0.2">
      <c r="B1311" s="43"/>
      <c r="C1311" s="73"/>
      <c r="D1311" s="64"/>
      <c r="E1311" s="64"/>
      <c r="F1311" s="55"/>
      <c r="G1311" s="102"/>
      <c r="H1311" s="55"/>
      <c r="I1311" s="55"/>
      <c r="J1311" s="55"/>
      <c r="K1311" s="55"/>
      <c r="L1311" s="55"/>
      <c r="M1311" s="55"/>
      <c r="N1311" s="55"/>
      <c r="O1311" s="55"/>
      <c r="P1311" s="55"/>
      <c r="Q1311" s="55"/>
      <c r="R1311" s="55"/>
      <c r="S1311" s="55"/>
      <c r="T1311" s="55"/>
      <c r="U1311" s="55"/>
      <c r="V1311" s="55"/>
      <c r="W1311" s="55"/>
      <c r="X1311" s="55"/>
      <c r="Y1311" s="55"/>
      <c r="Z1311" s="55"/>
      <c r="AA1311" s="55"/>
      <c r="AB1311" s="55"/>
      <c r="AC1311" s="55"/>
      <c r="AD1311" s="55"/>
      <c r="AE1311" s="55"/>
      <c r="AF1311" s="55"/>
      <c r="AG1311" s="55"/>
      <c r="AY1311" s="162"/>
      <c r="AZ1311" s="162"/>
      <c r="BA1311" s="162"/>
      <c r="BB1311" s="162"/>
      <c r="BC1311" s="162"/>
      <c r="BD1311" s="162"/>
      <c r="BE1311" s="162"/>
      <c r="BF1311" s="162"/>
      <c r="BG1311" s="162"/>
      <c r="BH1311" s="162"/>
      <c r="BI1311" s="162"/>
      <c r="BJ1311" s="162"/>
      <c r="BK1311" s="162"/>
      <c r="BL1311" s="162"/>
      <c r="BM1311" s="162"/>
      <c r="BN1311" s="162"/>
      <c r="BO1311" s="162"/>
      <c r="BP1311" s="162"/>
      <c r="BQ1311" s="162"/>
      <c r="BR1311" s="162"/>
      <c r="BS1311" s="162"/>
      <c r="BT1311" s="162"/>
      <c r="BU1311" s="162"/>
      <c r="BV1311" s="162"/>
      <c r="BW1311" s="162"/>
      <c r="BX1311" s="162"/>
      <c r="BY1311" s="162"/>
      <c r="BZ1311" s="162"/>
      <c r="CA1311" s="162"/>
      <c r="CB1311" s="162"/>
      <c r="CC1311" s="162"/>
      <c r="CD1311" s="162"/>
      <c r="CE1311" s="162"/>
      <c r="CF1311" s="162"/>
      <c r="CG1311" s="162"/>
      <c r="CH1311" s="162"/>
      <c r="CI1311" s="162"/>
      <c r="CJ1311" s="162"/>
      <c r="CK1311" s="162"/>
      <c r="CX1311" s="98"/>
      <c r="DL1311" s="97"/>
      <c r="DX1311" s="98"/>
      <c r="EL1311" s="97"/>
      <c r="EX1311" s="98"/>
      <c r="EY1311" s="97"/>
      <c r="FL1311" s="126"/>
      <c r="FM1311" s="91"/>
      <c r="FN1311" s="91"/>
      <c r="FO1311" s="91"/>
      <c r="FP1311" s="91"/>
      <c r="FQ1311" s="91"/>
      <c r="FR1311" s="91"/>
      <c r="FS1311" s="91"/>
      <c r="FT1311" s="91"/>
      <c r="FU1311" s="91"/>
      <c r="FV1311" s="91"/>
      <c r="FW1311" s="91"/>
      <c r="FX1311" s="91"/>
      <c r="FY1311" s="91"/>
      <c r="FZ1311" s="91"/>
      <c r="GA1311" s="91"/>
      <c r="GB1311" s="91"/>
      <c r="GC1311" s="91"/>
      <c r="GD1311" s="91"/>
      <c r="GE1311" s="91"/>
      <c r="GF1311" s="91"/>
      <c r="GG1311" s="91"/>
      <c r="GH1311" s="91"/>
      <c r="GI1311" s="91"/>
      <c r="GJ1311" s="91"/>
      <c r="GK1311" s="127"/>
      <c r="GL1311" s="126"/>
      <c r="GM1311" s="91"/>
      <c r="GN1311" s="91"/>
      <c r="GO1311" s="91"/>
      <c r="GP1311" s="91"/>
      <c r="GQ1311" s="91"/>
      <c r="GR1311" s="91"/>
      <c r="GS1311" s="91"/>
      <c r="GT1311" s="91"/>
      <c r="GU1311" s="91"/>
      <c r="GV1311" s="91"/>
      <c r="GW1311" s="91"/>
      <c r="GX1311" s="91"/>
      <c r="GY1311" s="91"/>
      <c r="GZ1311" s="91"/>
      <c r="HA1311" s="91"/>
      <c r="HB1311" s="91"/>
      <c r="HC1311" s="91"/>
      <c r="HD1311" s="91"/>
      <c r="HE1311" s="91"/>
      <c r="HF1311" s="91"/>
      <c r="HG1311" s="91"/>
      <c r="HH1311" s="91"/>
      <c r="HI1311" s="91"/>
      <c r="HJ1311" s="91"/>
      <c r="HK1311" s="127"/>
      <c r="HL1311" s="126"/>
      <c r="HM1311" s="91"/>
      <c r="HN1311" s="91"/>
      <c r="HO1311" s="91"/>
      <c r="HP1311" s="91"/>
      <c r="HQ1311" s="91"/>
      <c r="HR1311" s="91"/>
      <c r="HS1311" s="91"/>
      <c r="HT1311" s="91"/>
      <c r="HU1311" s="91"/>
      <c r="HV1311" s="91"/>
      <c r="HW1311" s="91"/>
      <c r="HX1311" s="91"/>
      <c r="HY1311" s="91"/>
      <c r="HZ1311" s="91"/>
      <c r="IA1311" s="91"/>
      <c r="IB1311" s="91"/>
      <c r="IC1311" s="91"/>
      <c r="ID1311" s="91"/>
      <c r="IE1311" s="91"/>
      <c r="IF1311" s="91"/>
      <c r="IG1311" s="91"/>
      <c r="IH1311" s="91"/>
      <c r="II1311" s="91"/>
      <c r="IJ1311" s="91"/>
      <c r="IK1311" s="127"/>
    </row>
    <row r="1312" spans="2:245" x14ac:dyDescent="0.2">
      <c r="B1312" s="43"/>
      <c r="C1312" s="73"/>
      <c r="D1312" s="64"/>
      <c r="E1312" s="64"/>
      <c r="F1312" s="55"/>
      <c r="G1312" s="102"/>
      <c r="H1312" s="55"/>
      <c r="I1312" s="55"/>
      <c r="J1312" s="55"/>
      <c r="K1312" s="55"/>
      <c r="L1312" s="55"/>
      <c r="M1312" s="55"/>
      <c r="N1312" s="55"/>
      <c r="O1312" s="55"/>
      <c r="P1312" s="55"/>
      <c r="Q1312" s="55"/>
      <c r="R1312" s="55"/>
      <c r="S1312" s="55"/>
      <c r="T1312" s="55"/>
      <c r="U1312" s="55"/>
      <c r="V1312" s="55"/>
      <c r="W1312" s="55"/>
      <c r="X1312" s="55"/>
      <c r="Y1312" s="55"/>
      <c r="Z1312" s="55"/>
      <c r="AA1312" s="55"/>
      <c r="AB1312" s="55"/>
      <c r="AC1312" s="55"/>
      <c r="AD1312" s="55"/>
      <c r="AE1312" s="55"/>
      <c r="AF1312" s="55"/>
      <c r="AG1312" s="55"/>
      <c r="AY1312" s="162"/>
      <c r="AZ1312" s="162"/>
      <c r="BA1312" s="162"/>
      <c r="BB1312" s="162"/>
      <c r="BC1312" s="162"/>
      <c r="BD1312" s="162"/>
      <c r="BE1312" s="162"/>
      <c r="BF1312" s="162"/>
      <c r="BG1312" s="162"/>
      <c r="BH1312" s="162"/>
      <c r="BI1312" s="162"/>
      <c r="BJ1312" s="162"/>
      <c r="BK1312" s="162"/>
      <c r="BL1312" s="162"/>
      <c r="BM1312" s="162"/>
      <c r="BN1312" s="162"/>
      <c r="BO1312" s="162"/>
      <c r="BP1312" s="162"/>
      <c r="BQ1312" s="162"/>
      <c r="BR1312" s="162"/>
      <c r="BS1312" s="162"/>
      <c r="BT1312" s="162"/>
      <c r="BU1312" s="162"/>
      <c r="BV1312" s="162"/>
      <c r="BW1312" s="162"/>
      <c r="BX1312" s="162"/>
      <c r="BY1312" s="162"/>
      <c r="BZ1312" s="162"/>
      <c r="CA1312" s="162"/>
      <c r="CB1312" s="162"/>
      <c r="CC1312" s="162"/>
      <c r="CD1312" s="162"/>
      <c r="CE1312" s="162"/>
      <c r="CF1312" s="162"/>
      <c r="CG1312" s="162"/>
      <c r="CH1312" s="162"/>
      <c r="CI1312" s="162"/>
      <c r="CJ1312" s="162"/>
      <c r="CK1312" s="162"/>
      <c r="CX1312" s="98"/>
      <c r="DL1312" s="97"/>
      <c r="DX1312" s="98"/>
      <c r="EL1312" s="97"/>
      <c r="EX1312" s="98"/>
      <c r="EY1312" s="97"/>
      <c r="FL1312" s="126"/>
      <c r="FM1312" s="91"/>
      <c r="FN1312" s="91"/>
      <c r="FO1312" s="91"/>
      <c r="FP1312" s="91"/>
      <c r="FQ1312" s="91"/>
      <c r="FR1312" s="91"/>
      <c r="FS1312" s="91"/>
      <c r="FT1312" s="91"/>
      <c r="FU1312" s="91"/>
      <c r="FV1312" s="91"/>
      <c r="FW1312" s="91"/>
      <c r="FX1312" s="91"/>
      <c r="FY1312" s="91"/>
      <c r="FZ1312" s="91"/>
      <c r="GA1312" s="91"/>
      <c r="GB1312" s="91"/>
      <c r="GC1312" s="91"/>
      <c r="GD1312" s="91"/>
      <c r="GE1312" s="91"/>
      <c r="GF1312" s="91"/>
      <c r="GG1312" s="91"/>
      <c r="GH1312" s="91"/>
      <c r="GI1312" s="91"/>
      <c r="GJ1312" s="91"/>
      <c r="GK1312" s="127"/>
      <c r="GL1312" s="126"/>
      <c r="GM1312" s="91"/>
      <c r="GN1312" s="91"/>
      <c r="GO1312" s="91"/>
      <c r="GP1312" s="91"/>
      <c r="GQ1312" s="91"/>
      <c r="GR1312" s="91"/>
      <c r="GS1312" s="91"/>
      <c r="GT1312" s="91"/>
      <c r="GU1312" s="91"/>
      <c r="GV1312" s="91"/>
      <c r="GW1312" s="91"/>
      <c r="GX1312" s="91"/>
      <c r="GY1312" s="91"/>
      <c r="GZ1312" s="91"/>
      <c r="HA1312" s="91"/>
      <c r="HB1312" s="91"/>
      <c r="HC1312" s="91"/>
      <c r="HD1312" s="91"/>
      <c r="HE1312" s="91"/>
      <c r="HF1312" s="91"/>
      <c r="HG1312" s="91"/>
      <c r="HH1312" s="91"/>
      <c r="HI1312" s="91"/>
      <c r="HJ1312" s="91"/>
      <c r="HK1312" s="127"/>
      <c r="HL1312" s="126"/>
      <c r="HM1312" s="91"/>
      <c r="HN1312" s="91"/>
      <c r="HO1312" s="91"/>
      <c r="HP1312" s="91"/>
      <c r="HQ1312" s="91"/>
      <c r="HR1312" s="91"/>
      <c r="HS1312" s="91"/>
      <c r="HT1312" s="91"/>
      <c r="HU1312" s="91"/>
      <c r="HV1312" s="91"/>
      <c r="HW1312" s="91"/>
      <c r="HX1312" s="91"/>
      <c r="HY1312" s="91"/>
      <c r="HZ1312" s="91"/>
      <c r="IA1312" s="91"/>
      <c r="IB1312" s="91"/>
      <c r="IC1312" s="91"/>
      <c r="ID1312" s="91"/>
      <c r="IE1312" s="91"/>
      <c r="IF1312" s="91"/>
      <c r="IG1312" s="91"/>
      <c r="IH1312" s="91"/>
      <c r="II1312" s="91"/>
      <c r="IJ1312" s="91"/>
      <c r="IK1312" s="127"/>
    </row>
    <row r="1313" spans="2:245" x14ac:dyDescent="0.2">
      <c r="B1313" s="43"/>
      <c r="C1313" s="73"/>
      <c r="D1313" s="64"/>
      <c r="E1313" s="64"/>
      <c r="F1313" s="55"/>
      <c r="G1313" s="102"/>
      <c r="H1313" s="55"/>
      <c r="I1313" s="55"/>
      <c r="J1313" s="55"/>
      <c r="K1313" s="55"/>
      <c r="L1313" s="55"/>
      <c r="M1313" s="55"/>
      <c r="N1313" s="55"/>
      <c r="O1313" s="55"/>
      <c r="P1313" s="55"/>
      <c r="Q1313" s="55"/>
      <c r="R1313" s="55"/>
      <c r="S1313" s="55"/>
      <c r="T1313" s="55"/>
      <c r="U1313" s="55"/>
      <c r="V1313" s="55"/>
      <c r="W1313" s="55"/>
      <c r="X1313" s="55"/>
      <c r="Y1313" s="55"/>
      <c r="Z1313" s="55"/>
      <c r="AA1313" s="55"/>
      <c r="AB1313" s="55"/>
      <c r="AC1313" s="55"/>
      <c r="AD1313" s="55"/>
      <c r="AE1313" s="55"/>
      <c r="AF1313" s="55"/>
      <c r="AG1313" s="55"/>
      <c r="AY1313" s="162"/>
      <c r="AZ1313" s="162"/>
      <c r="BA1313" s="162"/>
      <c r="BB1313" s="162"/>
      <c r="BC1313" s="162"/>
      <c r="BD1313" s="162"/>
      <c r="BE1313" s="162"/>
      <c r="BF1313" s="162"/>
      <c r="BG1313" s="162"/>
      <c r="BH1313" s="162"/>
      <c r="BI1313" s="162"/>
      <c r="BJ1313" s="162"/>
      <c r="BK1313" s="162"/>
      <c r="BL1313" s="162"/>
      <c r="BM1313" s="162"/>
      <c r="BN1313" s="162"/>
      <c r="BO1313" s="162"/>
      <c r="BP1313" s="162"/>
      <c r="BQ1313" s="162"/>
      <c r="BR1313" s="162"/>
      <c r="BS1313" s="162"/>
      <c r="BT1313" s="162"/>
      <c r="BU1313" s="162"/>
      <c r="BV1313" s="162"/>
      <c r="BW1313" s="162"/>
      <c r="BX1313" s="162"/>
      <c r="BY1313" s="162"/>
      <c r="BZ1313" s="162"/>
      <c r="CA1313" s="162"/>
      <c r="CB1313" s="162"/>
      <c r="CC1313" s="162"/>
      <c r="CD1313" s="162"/>
      <c r="CE1313" s="162"/>
      <c r="CF1313" s="162"/>
      <c r="CG1313" s="162"/>
      <c r="CH1313" s="162"/>
      <c r="CI1313" s="162"/>
      <c r="CJ1313" s="162"/>
      <c r="CK1313" s="162"/>
      <c r="CX1313" s="98"/>
      <c r="DL1313" s="97"/>
      <c r="DX1313" s="98"/>
      <c r="EL1313" s="97"/>
      <c r="EX1313" s="98"/>
      <c r="EY1313" s="97"/>
      <c r="FL1313" s="126"/>
      <c r="FM1313" s="91"/>
      <c r="FN1313" s="91"/>
      <c r="FO1313" s="91"/>
      <c r="FP1313" s="91"/>
      <c r="FQ1313" s="91"/>
      <c r="FR1313" s="91"/>
      <c r="FS1313" s="91"/>
      <c r="FT1313" s="91"/>
      <c r="FU1313" s="91"/>
      <c r="FV1313" s="91"/>
      <c r="FW1313" s="91"/>
      <c r="FX1313" s="91"/>
      <c r="FY1313" s="91"/>
      <c r="FZ1313" s="91"/>
      <c r="GA1313" s="91"/>
      <c r="GB1313" s="91"/>
      <c r="GC1313" s="91"/>
      <c r="GD1313" s="91"/>
      <c r="GE1313" s="91"/>
      <c r="GF1313" s="91"/>
      <c r="GG1313" s="91"/>
      <c r="GH1313" s="91"/>
      <c r="GI1313" s="91"/>
      <c r="GJ1313" s="91"/>
      <c r="GK1313" s="127"/>
      <c r="GL1313" s="126"/>
      <c r="GM1313" s="91"/>
      <c r="GN1313" s="91"/>
      <c r="GO1313" s="91"/>
      <c r="GP1313" s="91"/>
      <c r="GQ1313" s="91"/>
      <c r="GR1313" s="91"/>
      <c r="GS1313" s="91"/>
      <c r="GT1313" s="91"/>
      <c r="GU1313" s="91"/>
      <c r="GV1313" s="91"/>
      <c r="GW1313" s="91"/>
      <c r="GX1313" s="91"/>
      <c r="GY1313" s="91"/>
      <c r="GZ1313" s="91"/>
      <c r="HA1313" s="91"/>
      <c r="HB1313" s="91"/>
      <c r="HC1313" s="91"/>
      <c r="HD1313" s="91"/>
      <c r="HE1313" s="91"/>
      <c r="HF1313" s="91"/>
      <c r="HG1313" s="91"/>
      <c r="HH1313" s="91"/>
      <c r="HI1313" s="91"/>
      <c r="HJ1313" s="91"/>
      <c r="HK1313" s="127"/>
      <c r="HL1313" s="126"/>
      <c r="HM1313" s="91"/>
      <c r="HN1313" s="91"/>
      <c r="HO1313" s="91"/>
      <c r="HP1313" s="91"/>
      <c r="HQ1313" s="91"/>
      <c r="HR1313" s="91"/>
      <c r="HS1313" s="91"/>
      <c r="HT1313" s="91"/>
      <c r="HU1313" s="91"/>
      <c r="HV1313" s="91"/>
      <c r="HW1313" s="91"/>
      <c r="HX1313" s="91"/>
      <c r="HY1313" s="91"/>
      <c r="HZ1313" s="91"/>
      <c r="IA1313" s="91"/>
      <c r="IB1313" s="91"/>
      <c r="IC1313" s="91"/>
      <c r="ID1313" s="91"/>
      <c r="IE1313" s="91"/>
      <c r="IF1313" s="91"/>
      <c r="IG1313" s="91"/>
      <c r="IH1313" s="91"/>
      <c r="II1313" s="91"/>
      <c r="IJ1313" s="91"/>
      <c r="IK1313" s="127"/>
    </row>
    <row r="1314" spans="2:245" x14ac:dyDescent="0.2">
      <c r="B1314" s="43"/>
      <c r="C1314" s="73"/>
      <c r="D1314" s="64"/>
      <c r="E1314" s="64"/>
      <c r="F1314" s="55"/>
      <c r="G1314" s="102"/>
      <c r="H1314" s="55"/>
      <c r="I1314" s="55"/>
      <c r="J1314" s="55"/>
      <c r="K1314" s="55"/>
      <c r="L1314" s="55"/>
      <c r="M1314" s="55"/>
      <c r="N1314" s="55"/>
      <c r="O1314" s="55"/>
      <c r="P1314" s="55"/>
      <c r="Q1314" s="55"/>
      <c r="R1314" s="55"/>
      <c r="S1314" s="55"/>
      <c r="T1314" s="55"/>
      <c r="U1314" s="55"/>
      <c r="V1314" s="55"/>
      <c r="W1314" s="55"/>
      <c r="X1314" s="55"/>
      <c r="Y1314" s="55"/>
      <c r="Z1314" s="55"/>
      <c r="AA1314" s="55"/>
      <c r="AB1314" s="55"/>
      <c r="AC1314" s="55"/>
      <c r="AD1314" s="55"/>
      <c r="AE1314" s="55"/>
      <c r="AF1314" s="55"/>
      <c r="AG1314" s="55"/>
      <c r="AY1314" s="162"/>
      <c r="AZ1314" s="162"/>
      <c r="BA1314" s="162"/>
      <c r="BB1314" s="162"/>
      <c r="BC1314" s="162"/>
      <c r="BD1314" s="162"/>
      <c r="BE1314" s="162"/>
      <c r="BF1314" s="162"/>
      <c r="BG1314" s="162"/>
      <c r="BH1314" s="162"/>
      <c r="BI1314" s="162"/>
      <c r="BJ1314" s="162"/>
      <c r="BK1314" s="162"/>
      <c r="BL1314" s="162"/>
      <c r="BM1314" s="162"/>
      <c r="BN1314" s="162"/>
      <c r="BO1314" s="162"/>
      <c r="BP1314" s="162"/>
      <c r="BQ1314" s="162"/>
      <c r="BR1314" s="162"/>
      <c r="BS1314" s="162"/>
      <c r="BT1314" s="162"/>
      <c r="BU1314" s="162"/>
      <c r="BV1314" s="162"/>
      <c r="BW1314" s="162"/>
      <c r="BX1314" s="162"/>
      <c r="BY1314" s="162"/>
      <c r="BZ1314" s="162"/>
      <c r="CA1314" s="162"/>
      <c r="CB1314" s="162"/>
      <c r="CC1314" s="162"/>
      <c r="CD1314" s="162"/>
      <c r="CE1314" s="162"/>
      <c r="CF1314" s="162"/>
      <c r="CG1314" s="162"/>
      <c r="CH1314" s="162"/>
      <c r="CI1314" s="162"/>
      <c r="CJ1314" s="162"/>
      <c r="CK1314" s="162"/>
      <c r="CX1314" s="98"/>
      <c r="DL1314" s="97"/>
      <c r="DX1314" s="98"/>
      <c r="EL1314" s="97"/>
      <c r="EX1314" s="98"/>
      <c r="EY1314" s="97"/>
      <c r="FL1314" s="126"/>
      <c r="FM1314" s="91"/>
      <c r="FN1314" s="91"/>
      <c r="FO1314" s="91"/>
      <c r="FP1314" s="91"/>
      <c r="FQ1314" s="91"/>
      <c r="FR1314" s="91"/>
      <c r="FS1314" s="91"/>
      <c r="FT1314" s="91"/>
      <c r="FU1314" s="91"/>
      <c r="FV1314" s="91"/>
      <c r="FW1314" s="91"/>
      <c r="FX1314" s="91"/>
      <c r="FY1314" s="91"/>
      <c r="FZ1314" s="91"/>
      <c r="GA1314" s="91"/>
      <c r="GB1314" s="91"/>
      <c r="GC1314" s="91"/>
      <c r="GD1314" s="91"/>
      <c r="GE1314" s="91"/>
      <c r="GF1314" s="91"/>
      <c r="GG1314" s="91"/>
      <c r="GH1314" s="91"/>
      <c r="GI1314" s="91"/>
      <c r="GJ1314" s="91"/>
      <c r="GK1314" s="127"/>
      <c r="GL1314" s="126"/>
      <c r="GM1314" s="91"/>
      <c r="GN1314" s="91"/>
      <c r="GO1314" s="91"/>
      <c r="GP1314" s="91"/>
      <c r="GQ1314" s="91"/>
      <c r="GR1314" s="91"/>
      <c r="GS1314" s="91"/>
      <c r="GT1314" s="91"/>
      <c r="GU1314" s="91"/>
      <c r="GV1314" s="91"/>
      <c r="GW1314" s="91"/>
      <c r="GX1314" s="91"/>
      <c r="GY1314" s="91"/>
      <c r="GZ1314" s="91"/>
      <c r="HA1314" s="91"/>
      <c r="HB1314" s="91"/>
      <c r="HC1314" s="91"/>
      <c r="HD1314" s="91"/>
      <c r="HE1314" s="91"/>
      <c r="HF1314" s="91"/>
      <c r="HG1314" s="91"/>
      <c r="HH1314" s="91"/>
      <c r="HI1314" s="91"/>
      <c r="HJ1314" s="91"/>
      <c r="HK1314" s="127"/>
      <c r="HL1314" s="126"/>
      <c r="HM1314" s="91"/>
      <c r="HN1314" s="91"/>
      <c r="HO1314" s="91"/>
      <c r="HP1314" s="91"/>
      <c r="HQ1314" s="91"/>
      <c r="HR1314" s="91"/>
      <c r="HS1314" s="91"/>
      <c r="HT1314" s="91"/>
      <c r="HU1314" s="91"/>
      <c r="HV1314" s="91"/>
      <c r="HW1314" s="91"/>
      <c r="HX1314" s="91"/>
      <c r="HY1314" s="91"/>
      <c r="HZ1314" s="91"/>
      <c r="IA1314" s="91"/>
      <c r="IB1314" s="91"/>
      <c r="IC1314" s="91"/>
      <c r="ID1314" s="91"/>
      <c r="IE1314" s="91"/>
      <c r="IF1314" s="91"/>
      <c r="IG1314" s="91"/>
      <c r="IH1314" s="91"/>
      <c r="II1314" s="91"/>
      <c r="IJ1314" s="91"/>
      <c r="IK1314" s="127"/>
    </row>
    <row r="1315" spans="2:245" x14ac:dyDescent="0.2">
      <c r="B1315" s="43"/>
      <c r="C1315" s="73"/>
      <c r="D1315" s="64"/>
      <c r="E1315" s="64"/>
      <c r="F1315" s="55"/>
      <c r="G1315" s="102"/>
      <c r="H1315" s="55"/>
      <c r="I1315" s="55"/>
      <c r="J1315" s="55"/>
      <c r="K1315" s="55"/>
      <c r="L1315" s="55"/>
      <c r="M1315" s="55"/>
      <c r="N1315" s="55"/>
      <c r="O1315" s="55"/>
      <c r="P1315" s="55"/>
      <c r="Q1315" s="55"/>
      <c r="R1315" s="55"/>
      <c r="S1315" s="55"/>
      <c r="T1315" s="55"/>
      <c r="U1315" s="55"/>
      <c r="V1315" s="55"/>
      <c r="W1315" s="55"/>
      <c r="X1315" s="55"/>
      <c r="Y1315" s="55"/>
      <c r="Z1315" s="55"/>
      <c r="AA1315" s="55"/>
      <c r="AB1315" s="55"/>
      <c r="AC1315" s="55"/>
      <c r="AD1315" s="55"/>
      <c r="AE1315" s="55"/>
      <c r="AF1315" s="55"/>
      <c r="AG1315" s="55"/>
      <c r="AY1315" s="162"/>
      <c r="AZ1315" s="162"/>
      <c r="BA1315" s="162"/>
      <c r="BB1315" s="162"/>
      <c r="BC1315" s="162"/>
      <c r="BD1315" s="162"/>
      <c r="BE1315" s="162"/>
      <c r="BF1315" s="162"/>
      <c r="BG1315" s="162"/>
      <c r="BH1315" s="162"/>
      <c r="BI1315" s="162"/>
      <c r="BJ1315" s="162"/>
      <c r="BK1315" s="162"/>
      <c r="BL1315" s="162"/>
      <c r="BM1315" s="162"/>
      <c r="BN1315" s="162"/>
      <c r="BO1315" s="162"/>
      <c r="BP1315" s="162"/>
      <c r="BQ1315" s="162"/>
      <c r="BR1315" s="162"/>
      <c r="BS1315" s="162"/>
      <c r="BT1315" s="162"/>
      <c r="BU1315" s="162"/>
      <c r="BV1315" s="162"/>
      <c r="BW1315" s="162"/>
      <c r="BX1315" s="162"/>
      <c r="BY1315" s="162"/>
      <c r="BZ1315" s="162"/>
      <c r="CA1315" s="162"/>
      <c r="CB1315" s="162"/>
      <c r="CC1315" s="162"/>
      <c r="CD1315" s="162"/>
      <c r="CE1315" s="162"/>
      <c r="CF1315" s="162"/>
      <c r="CG1315" s="162"/>
      <c r="CH1315" s="162"/>
      <c r="CI1315" s="162"/>
      <c r="CJ1315" s="162"/>
      <c r="CK1315" s="162"/>
      <c r="CX1315" s="98"/>
      <c r="DL1315" s="97"/>
      <c r="DX1315" s="98"/>
      <c r="EL1315" s="97"/>
      <c r="EX1315" s="98"/>
      <c r="EY1315" s="97"/>
      <c r="FL1315" s="126"/>
      <c r="FM1315" s="91"/>
      <c r="FN1315" s="91"/>
      <c r="FO1315" s="91"/>
      <c r="FP1315" s="91"/>
      <c r="FQ1315" s="91"/>
      <c r="FR1315" s="91"/>
      <c r="FS1315" s="91"/>
      <c r="FT1315" s="91"/>
      <c r="FU1315" s="91"/>
      <c r="FV1315" s="91"/>
      <c r="FW1315" s="91"/>
      <c r="FX1315" s="91"/>
      <c r="FY1315" s="91"/>
      <c r="FZ1315" s="91"/>
      <c r="GA1315" s="91"/>
      <c r="GB1315" s="91"/>
      <c r="GC1315" s="91"/>
      <c r="GD1315" s="91"/>
      <c r="GE1315" s="91"/>
      <c r="GF1315" s="91"/>
      <c r="GG1315" s="91"/>
      <c r="GH1315" s="91"/>
      <c r="GI1315" s="91"/>
      <c r="GJ1315" s="91"/>
      <c r="GK1315" s="127"/>
      <c r="GL1315" s="126"/>
      <c r="GM1315" s="91"/>
      <c r="GN1315" s="91"/>
      <c r="GO1315" s="91"/>
      <c r="GP1315" s="91"/>
      <c r="GQ1315" s="91"/>
      <c r="GR1315" s="91"/>
      <c r="GS1315" s="91"/>
      <c r="GT1315" s="91"/>
      <c r="GU1315" s="91"/>
      <c r="GV1315" s="91"/>
      <c r="GW1315" s="91"/>
      <c r="GX1315" s="91"/>
      <c r="GY1315" s="91"/>
      <c r="GZ1315" s="91"/>
      <c r="HA1315" s="91"/>
      <c r="HB1315" s="91"/>
      <c r="HC1315" s="91"/>
      <c r="HD1315" s="91"/>
      <c r="HE1315" s="91"/>
      <c r="HF1315" s="91"/>
      <c r="HG1315" s="91"/>
      <c r="HH1315" s="91"/>
      <c r="HI1315" s="91"/>
      <c r="HJ1315" s="91"/>
      <c r="HK1315" s="127"/>
      <c r="HL1315" s="126"/>
      <c r="HM1315" s="91"/>
      <c r="HN1315" s="91"/>
      <c r="HO1315" s="91"/>
      <c r="HP1315" s="91"/>
      <c r="HQ1315" s="91"/>
      <c r="HR1315" s="91"/>
      <c r="HS1315" s="91"/>
      <c r="HT1315" s="91"/>
      <c r="HU1315" s="91"/>
      <c r="HV1315" s="91"/>
      <c r="HW1315" s="91"/>
      <c r="HX1315" s="91"/>
      <c r="HY1315" s="91"/>
      <c r="HZ1315" s="91"/>
      <c r="IA1315" s="91"/>
      <c r="IB1315" s="91"/>
      <c r="IC1315" s="91"/>
      <c r="ID1315" s="91"/>
      <c r="IE1315" s="91"/>
      <c r="IF1315" s="91"/>
      <c r="IG1315" s="91"/>
      <c r="IH1315" s="91"/>
      <c r="II1315" s="91"/>
      <c r="IJ1315" s="91"/>
      <c r="IK1315" s="127"/>
    </row>
    <row r="1316" spans="2:245" x14ac:dyDescent="0.2">
      <c r="B1316" s="43"/>
      <c r="C1316" s="73"/>
      <c r="D1316" s="64"/>
      <c r="E1316" s="64"/>
      <c r="F1316" s="55"/>
      <c r="G1316" s="102"/>
      <c r="H1316" s="55"/>
      <c r="I1316" s="55"/>
      <c r="J1316" s="55"/>
      <c r="K1316" s="55"/>
      <c r="L1316" s="55"/>
      <c r="M1316" s="55"/>
      <c r="N1316" s="55"/>
      <c r="O1316" s="55"/>
      <c r="P1316" s="55"/>
      <c r="Q1316" s="55"/>
      <c r="R1316" s="55"/>
      <c r="S1316" s="55"/>
      <c r="T1316" s="55"/>
      <c r="U1316" s="55"/>
      <c r="V1316" s="55"/>
      <c r="W1316" s="55"/>
      <c r="X1316" s="55"/>
      <c r="Y1316" s="55"/>
      <c r="Z1316" s="55"/>
      <c r="AA1316" s="55"/>
      <c r="AB1316" s="55"/>
      <c r="AC1316" s="55"/>
      <c r="AD1316" s="55"/>
      <c r="AE1316" s="55"/>
      <c r="AF1316" s="55"/>
      <c r="AG1316" s="55"/>
      <c r="AY1316" s="162"/>
      <c r="AZ1316" s="162"/>
      <c r="BA1316" s="162"/>
      <c r="BB1316" s="162"/>
      <c r="BC1316" s="162"/>
      <c r="BD1316" s="162"/>
      <c r="BE1316" s="162"/>
      <c r="BF1316" s="162"/>
      <c r="BG1316" s="162"/>
      <c r="BH1316" s="162"/>
      <c r="BI1316" s="162"/>
      <c r="BJ1316" s="162"/>
      <c r="BK1316" s="162"/>
      <c r="BL1316" s="162"/>
      <c r="BM1316" s="162"/>
      <c r="BN1316" s="162"/>
      <c r="BO1316" s="162"/>
      <c r="BP1316" s="162"/>
      <c r="BQ1316" s="162"/>
      <c r="BR1316" s="162"/>
      <c r="BS1316" s="162"/>
      <c r="BT1316" s="162"/>
      <c r="BU1316" s="162"/>
      <c r="BV1316" s="162"/>
      <c r="BW1316" s="162"/>
      <c r="BX1316" s="162"/>
      <c r="BY1316" s="162"/>
      <c r="BZ1316" s="162"/>
      <c r="CA1316" s="162"/>
      <c r="CB1316" s="162"/>
      <c r="CC1316" s="162"/>
      <c r="CD1316" s="162"/>
      <c r="CE1316" s="162"/>
      <c r="CF1316" s="162"/>
      <c r="CG1316" s="162"/>
      <c r="CH1316" s="162"/>
      <c r="CI1316" s="162"/>
      <c r="CJ1316" s="162"/>
      <c r="CK1316" s="162"/>
      <c r="CX1316" s="98"/>
      <c r="DL1316" s="97"/>
      <c r="DX1316" s="98"/>
      <c r="EL1316" s="97"/>
      <c r="EX1316" s="98"/>
      <c r="EY1316" s="97"/>
      <c r="FL1316" s="126"/>
      <c r="FM1316" s="91"/>
      <c r="FN1316" s="91"/>
      <c r="FO1316" s="91"/>
      <c r="FP1316" s="91"/>
      <c r="FQ1316" s="91"/>
      <c r="FR1316" s="91"/>
      <c r="FS1316" s="91"/>
      <c r="FT1316" s="91"/>
      <c r="FU1316" s="91"/>
      <c r="FV1316" s="91"/>
      <c r="FW1316" s="91"/>
      <c r="FX1316" s="91"/>
      <c r="FY1316" s="91"/>
      <c r="FZ1316" s="91"/>
      <c r="GA1316" s="91"/>
      <c r="GB1316" s="91"/>
      <c r="GC1316" s="91"/>
      <c r="GD1316" s="91"/>
      <c r="GE1316" s="91"/>
      <c r="GF1316" s="91"/>
      <c r="GG1316" s="91"/>
      <c r="GH1316" s="91"/>
      <c r="GI1316" s="91"/>
      <c r="GJ1316" s="91"/>
      <c r="GK1316" s="127"/>
      <c r="GL1316" s="126"/>
      <c r="GM1316" s="91"/>
      <c r="GN1316" s="91"/>
      <c r="GO1316" s="91"/>
      <c r="GP1316" s="91"/>
      <c r="GQ1316" s="91"/>
      <c r="GR1316" s="91"/>
      <c r="GS1316" s="91"/>
      <c r="GT1316" s="91"/>
      <c r="GU1316" s="91"/>
      <c r="GV1316" s="91"/>
      <c r="GW1316" s="91"/>
      <c r="GX1316" s="91"/>
      <c r="GY1316" s="91"/>
      <c r="GZ1316" s="91"/>
      <c r="HA1316" s="91"/>
      <c r="HB1316" s="91"/>
      <c r="HC1316" s="91"/>
      <c r="HD1316" s="91"/>
      <c r="HE1316" s="91"/>
      <c r="HF1316" s="91"/>
      <c r="HG1316" s="91"/>
      <c r="HH1316" s="91"/>
      <c r="HI1316" s="91"/>
      <c r="HJ1316" s="91"/>
      <c r="HK1316" s="127"/>
      <c r="HL1316" s="126"/>
      <c r="HM1316" s="91"/>
      <c r="HN1316" s="91"/>
      <c r="HO1316" s="91"/>
      <c r="HP1316" s="91"/>
      <c r="HQ1316" s="91"/>
      <c r="HR1316" s="91"/>
      <c r="HS1316" s="91"/>
      <c r="HT1316" s="91"/>
      <c r="HU1316" s="91"/>
      <c r="HV1316" s="91"/>
      <c r="HW1316" s="91"/>
      <c r="HX1316" s="91"/>
      <c r="HY1316" s="91"/>
      <c r="HZ1316" s="91"/>
      <c r="IA1316" s="91"/>
      <c r="IB1316" s="91"/>
      <c r="IC1316" s="91"/>
      <c r="ID1316" s="91"/>
      <c r="IE1316" s="91"/>
      <c r="IF1316" s="91"/>
      <c r="IG1316" s="91"/>
      <c r="IH1316" s="91"/>
      <c r="II1316" s="91"/>
      <c r="IJ1316" s="91"/>
      <c r="IK1316" s="127"/>
    </row>
    <row r="1317" spans="2:245" x14ac:dyDescent="0.2">
      <c r="B1317" s="43"/>
      <c r="C1317" s="73"/>
      <c r="D1317" s="64"/>
      <c r="E1317" s="64"/>
      <c r="F1317" s="55"/>
      <c r="G1317" s="102"/>
      <c r="H1317" s="55"/>
      <c r="I1317" s="55"/>
      <c r="J1317" s="55"/>
      <c r="K1317" s="55"/>
      <c r="L1317" s="55"/>
      <c r="M1317" s="55"/>
      <c r="N1317" s="55"/>
      <c r="O1317" s="55"/>
      <c r="P1317" s="55"/>
      <c r="Q1317" s="55"/>
      <c r="R1317" s="55"/>
      <c r="S1317" s="55"/>
      <c r="T1317" s="55"/>
      <c r="U1317" s="55"/>
      <c r="V1317" s="55"/>
      <c r="W1317" s="55"/>
      <c r="X1317" s="55"/>
      <c r="Y1317" s="55"/>
      <c r="Z1317" s="55"/>
      <c r="AA1317" s="55"/>
      <c r="AB1317" s="55"/>
      <c r="AC1317" s="55"/>
      <c r="AD1317" s="55"/>
      <c r="AE1317" s="55"/>
      <c r="AF1317" s="55"/>
      <c r="AG1317" s="55"/>
      <c r="AY1317" s="162"/>
      <c r="AZ1317" s="162"/>
      <c r="BA1317" s="162"/>
      <c r="BB1317" s="162"/>
      <c r="BC1317" s="162"/>
      <c r="BD1317" s="162"/>
      <c r="BE1317" s="162"/>
      <c r="BF1317" s="162"/>
      <c r="BG1317" s="162"/>
      <c r="BH1317" s="162"/>
      <c r="BI1317" s="162"/>
      <c r="BJ1317" s="162"/>
      <c r="BK1317" s="162"/>
      <c r="BL1317" s="162"/>
      <c r="BM1317" s="162"/>
      <c r="BN1317" s="162"/>
      <c r="BO1317" s="162"/>
      <c r="BP1317" s="162"/>
      <c r="BQ1317" s="162"/>
      <c r="BR1317" s="162"/>
      <c r="BS1317" s="162"/>
      <c r="BT1317" s="162"/>
      <c r="BU1317" s="162"/>
      <c r="BV1317" s="162"/>
      <c r="BW1317" s="162"/>
      <c r="BX1317" s="162"/>
      <c r="BY1317" s="162"/>
      <c r="BZ1317" s="162"/>
      <c r="CA1317" s="162"/>
      <c r="CB1317" s="162"/>
      <c r="CC1317" s="162"/>
      <c r="CD1317" s="162"/>
      <c r="CE1317" s="162"/>
      <c r="CF1317" s="162"/>
      <c r="CG1317" s="162"/>
      <c r="CH1317" s="162"/>
      <c r="CI1317" s="162"/>
      <c r="CJ1317" s="162"/>
      <c r="CK1317" s="162"/>
      <c r="CX1317" s="98"/>
      <c r="DL1317" s="97"/>
      <c r="DX1317" s="98"/>
      <c r="EL1317" s="97"/>
      <c r="EX1317" s="98"/>
      <c r="EY1317" s="97"/>
      <c r="FL1317" s="126"/>
      <c r="FM1317" s="91"/>
      <c r="FN1317" s="91"/>
      <c r="FO1317" s="91"/>
      <c r="FP1317" s="91"/>
      <c r="FQ1317" s="91"/>
      <c r="FR1317" s="91"/>
      <c r="FS1317" s="91"/>
      <c r="FT1317" s="91"/>
      <c r="FU1317" s="91"/>
      <c r="FV1317" s="91"/>
      <c r="FW1317" s="91"/>
      <c r="FX1317" s="91"/>
      <c r="FY1317" s="91"/>
      <c r="FZ1317" s="91"/>
      <c r="GA1317" s="91"/>
      <c r="GB1317" s="91"/>
      <c r="GC1317" s="91"/>
      <c r="GD1317" s="91"/>
      <c r="GE1317" s="91"/>
      <c r="GF1317" s="91"/>
      <c r="GG1317" s="91"/>
      <c r="GH1317" s="91"/>
      <c r="GI1317" s="91"/>
      <c r="GJ1317" s="91"/>
      <c r="GK1317" s="127"/>
      <c r="GL1317" s="126"/>
      <c r="GM1317" s="91"/>
      <c r="GN1317" s="91"/>
      <c r="GO1317" s="91"/>
      <c r="GP1317" s="91"/>
      <c r="GQ1317" s="91"/>
      <c r="GR1317" s="91"/>
      <c r="GS1317" s="91"/>
      <c r="GT1317" s="91"/>
      <c r="GU1317" s="91"/>
      <c r="GV1317" s="91"/>
      <c r="GW1317" s="91"/>
      <c r="GX1317" s="91"/>
      <c r="GY1317" s="91"/>
      <c r="GZ1317" s="91"/>
      <c r="HA1317" s="91"/>
      <c r="HB1317" s="91"/>
      <c r="HC1317" s="91"/>
      <c r="HD1317" s="91"/>
      <c r="HE1317" s="91"/>
      <c r="HF1317" s="91"/>
      <c r="HG1317" s="91"/>
      <c r="HH1317" s="91"/>
      <c r="HI1317" s="91"/>
      <c r="HJ1317" s="91"/>
      <c r="HK1317" s="127"/>
      <c r="HL1317" s="126"/>
      <c r="HM1317" s="91"/>
      <c r="HN1317" s="91"/>
      <c r="HO1317" s="91"/>
      <c r="HP1317" s="91"/>
      <c r="HQ1317" s="91"/>
      <c r="HR1317" s="91"/>
      <c r="HS1317" s="91"/>
      <c r="HT1317" s="91"/>
      <c r="HU1317" s="91"/>
      <c r="HV1317" s="91"/>
      <c r="HW1317" s="91"/>
      <c r="HX1317" s="91"/>
      <c r="HY1317" s="91"/>
      <c r="HZ1317" s="91"/>
      <c r="IA1317" s="91"/>
      <c r="IB1317" s="91"/>
      <c r="IC1317" s="91"/>
      <c r="ID1317" s="91"/>
      <c r="IE1317" s="91"/>
      <c r="IF1317" s="91"/>
      <c r="IG1317" s="91"/>
      <c r="IH1317" s="91"/>
      <c r="II1317" s="91"/>
      <c r="IJ1317" s="91"/>
      <c r="IK1317" s="127"/>
    </row>
    <row r="1318" spans="2:245" x14ac:dyDescent="0.2">
      <c r="B1318" s="43"/>
      <c r="C1318" s="73"/>
      <c r="D1318" s="64"/>
      <c r="E1318" s="64"/>
      <c r="F1318" s="55"/>
      <c r="G1318" s="102"/>
      <c r="H1318" s="55"/>
      <c r="I1318" s="55"/>
      <c r="J1318" s="55"/>
      <c r="K1318" s="55"/>
      <c r="L1318" s="55"/>
      <c r="M1318" s="55"/>
      <c r="N1318" s="55"/>
      <c r="O1318" s="55"/>
      <c r="P1318" s="55"/>
      <c r="Q1318" s="55"/>
      <c r="R1318" s="55"/>
      <c r="S1318" s="55"/>
      <c r="T1318" s="55"/>
      <c r="U1318" s="55"/>
      <c r="V1318" s="55"/>
      <c r="W1318" s="55"/>
      <c r="X1318" s="55"/>
      <c r="Y1318" s="55"/>
      <c r="Z1318" s="55"/>
      <c r="AA1318" s="55"/>
      <c r="AB1318" s="55"/>
      <c r="AC1318" s="55"/>
      <c r="AD1318" s="55"/>
      <c r="AE1318" s="55"/>
      <c r="AF1318" s="55"/>
      <c r="AG1318" s="55"/>
      <c r="AY1318" s="162"/>
      <c r="AZ1318" s="162"/>
      <c r="BA1318" s="162"/>
      <c r="BB1318" s="162"/>
      <c r="BC1318" s="162"/>
      <c r="BD1318" s="162"/>
      <c r="BE1318" s="162"/>
      <c r="BF1318" s="162"/>
      <c r="BG1318" s="162"/>
      <c r="BH1318" s="162"/>
      <c r="BI1318" s="162"/>
      <c r="BJ1318" s="162"/>
      <c r="BK1318" s="162"/>
      <c r="BL1318" s="162"/>
      <c r="BM1318" s="162"/>
      <c r="BN1318" s="162"/>
      <c r="BO1318" s="162"/>
      <c r="BP1318" s="162"/>
      <c r="BQ1318" s="162"/>
      <c r="BR1318" s="162"/>
      <c r="BS1318" s="162"/>
      <c r="BT1318" s="162"/>
      <c r="BU1318" s="162"/>
      <c r="BV1318" s="162"/>
      <c r="BW1318" s="162"/>
      <c r="BX1318" s="162"/>
      <c r="BY1318" s="162"/>
      <c r="BZ1318" s="162"/>
      <c r="CA1318" s="162"/>
      <c r="CB1318" s="162"/>
      <c r="CC1318" s="162"/>
      <c r="CD1318" s="162"/>
      <c r="CE1318" s="162"/>
      <c r="CF1318" s="162"/>
      <c r="CG1318" s="162"/>
      <c r="CH1318" s="162"/>
      <c r="CI1318" s="162"/>
      <c r="CJ1318" s="162"/>
      <c r="CK1318" s="162"/>
      <c r="CX1318" s="98"/>
      <c r="DL1318" s="97"/>
      <c r="DX1318" s="98"/>
      <c r="EL1318" s="97"/>
      <c r="EX1318" s="98"/>
      <c r="EY1318" s="97"/>
      <c r="FL1318" s="126"/>
      <c r="FM1318" s="91"/>
      <c r="FN1318" s="91"/>
      <c r="FO1318" s="91"/>
      <c r="FP1318" s="91"/>
      <c r="FQ1318" s="91"/>
      <c r="FR1318" s="91"/>
      <c r="FS1318" s="91"/>
      <c r="FT1318" s="91"/>
      <c r="FU1318" s="91"/>
      <c r="FV1318" s="91"/>
      <c r="FW1318" s="91"/>
      <c r="FX1318" s="91"/>
      <c r="FY1318" s="91"/>
      <c r="FZ1318" s="91"/>
      <c r="GA1318" s="91"/>
      <c r="GB1318" s="91"/>
      <c r="GC1318" s="91"/>
      <c r="GD1318" s="91"/>
      <c r="GE1318" s="91"/>
      <c r="GF1318" s="91"/>
      <c r="GG1318" s="91"/>
      <c r="GH1318" s="91"/>
      <c r="GI1318" s="91"/>
      <c r="GJ1318" s="91"/>
      <c r="GK1318" s="127"/>
      <c r="GL1318" s="126"/>
      <c r="GM1318" s="91"/>
      <c r="GN1318" s="91"/>
      <c r="GO1318" s="91"/>
      <c r="GP1318" s="91"/>
      <c r="GQ1318" s="91"/>
      <c r="GR1318" s="91"/>
      <c r="GS1318" s="91"/>
      <c r="GT1318" s="91"/>
      <c r="GU1318" s="91"/>
      <c r="GV1318" s="91"/>
      <c r="GW1318" s="91"/>
      <c r="GX1318" s="91"/>
      <c r="GY1318" s="91"/>
      <c r="GZ1318" s="91"/>
      <c r="HA1318" s="91"/>
      <c r="HB1318" s="91"/>
      <c r="HC1318" s="91"/>
      <c r="HD1318" s="91"/>
      <c r="HE1318" s="91"/>
      <c r="HF1318" s="91"/>
      <c r="HG1318" s="91"/>
      <c r="HH1318" s="91"/>
      <c r="HI1318" s="91"/>
      <c r="HJ1318" s="91"/>
      <c r="HK1318" s="127"/>
      <c r="HL1318" s="126"/>
      <c r="HM1318" s="91"/>
      <c r="HN1318" s="91"/>
      <c r="HO1318" s="91"/>
      <c r="HP1318" s="91"/>
      <c r="HQ1318" s="91"/>
      <c r="HR1318" s="91"/>
      <c r="HS1318" s="91"/>
      <c r="HT1318" s="91"/>
      <c r="HU1318" s="91"/>
      <c r="HV1318" s="91"/>
      <c r="HW1318" s="91"/>
      <c r="HX1318" s="91"/>
      <c r="HY1318" s="91"/>
      <c r="HZ1318" s="91"/>
      <c r="IA1318" s="91"/>
      <c r="IB1318" s="91"/>
      <c r="IC1318" s="91"/>
      <c r="ID1318" s="91"/>
      <c r="IE1318" s="91"/>
      <c r="IF1318" s="91"/>
      <c r="IG1318" s="91"/>
      <c r="IH1318" s="91"/>
      <c r="II1318" s="91"/>
      <c r="IJ1318" s="91"/>
      <c r="IK1318" s="127"/>
    </row>
    <row r="1319" spans="2:245" x14ac:dyDescent="0.2">
      <c r="B1319" s="43"/>
      <c r="C1319" s="73"/>
      <c r="D1319" s="64"/>
      <c r="E1319" s="64"/>
      <c r="F1319" s="55"/>
      <c r="G1319" s="102"/>
      <c r="H1319" s="55"/>
      <c r="I1319" s="55"/>
      <c r="J1319" s="55"/>
      <c r="K1319" s="55"/>
      <c r="L1319" s="55"/>
      <c r="M1319" s="55"/>
      <c r="N1319" s="55"/>
      <c r="O1319" s="55"/>
      <c r="P1319" s="55"/>
      <c r="Q1319" s="55"/>
      <c r="R1319" s="55"/>
      <c r="S1319" s="55"/>
      <c r="T1319" s="55"/>
      <c r="U1319" s="55"/>
      <c r="V1319" s="55"/>
      <c r="W1319" s="55"/>
      <c r="X1319" s="55"/>
      <c r="Y1319" s="55"/>
      <c r="Z1319" s="55"/>
      <c r="AA1319" s="55"/>
      <c r="AB1319" s="55"/>
      <c r="AC1319" s="55"/>
      <c r="AD1319" s="55"/>
      <c r="AE1319" s="55"/>
      <c r="AF1319" s="55"/>
      <c r="AG1319" s="55"/>
      <c r="AY1319" s="162"/>
      <c r="AZ1319" s="162"/>
      <c r="BA1319" s="162"/>
      <c r="BB1319" s="162"/>
      <c r="BC1319" s="162"/>
      <c r="BD1319" s="162"/>
      <c r="BE1319" s="162"/>
      <c r="BF1319" s="162"/>
      <c r="BG1319" s="162"/>
      <c r="BH1319" s="162"/>
      <c r="BI1319" s="162"/>
      <c r="BJ1319" s="162"/>
      <c r="BK1319" s="162"/>
      <c r="BL1319" s="162"/>
      <c r="BM1319" s="162"/>
      <c r="BN1319" s="162"/>
      <c r="BO1319" s="162"/>
      <c r="BP1319" s="162"/>
      <c r="BQ1319" s="162"/>
      <c r="BR1319" s="162"/>
      <c r="BS1319" s="162"/>
      <c r="BT1319" s="162"/>
      <c r="BU1319" s="162"/>
      <c r="BV1319" s="162"/>
      <c r="BW1319" s="162"/>
      <c r="BX1319" s="162"/>
      <c r="BY1319" s="162"/>
      <c r="BZ1319" s="162"/>
      <c r="CA1319" s="162"/>
      <c r="CB1319" s="162"/>
      <c r="CC1319" s="162"/>
      <c r="CD1319" s="162"/>
      <c r="CE1319" s="162"/>
      <c r="CF1319" s="162"/>
      <c r="CG1319" s="162"/>
      <c r="CH1319" s="162"/>
      <c r="CI1319" s="162"/>
      <c r="CJ1319" s="162"/>
      <c r="CK1319" s="162"/>
      <c r="CX1319" s="98"/>
      <c r="DL1319" s="97"/>
      <c r="DX1319" s="98"/>
      <c r="EL1319" s="97"/>
      <c r="EX1319" s="98"/>
      <c r="EY1319" s="97"/>
      <c r="FL1319" s="126"/>
      <c r="FM1319" s="91"/>
      <c r="FN1319" s="91"/>
      <c r="FO1319" s="91"/>
      <c r="FP1319" s="91"/>
      <c r="FQ1319" s="91"/>
      <c r="FR1319" s="91"/>
      <c r="FS1319" s="91"/>
      <c r="FT1319" s="91"/>
      <c r="FU1319" s="91"/>
      <c r="FV1319" s="91"/>
      <c r="FW1319" s="91"/>
      <c r="FX1319" s="91"/>
      <c r="FY1319" s="91"/>
      <c r="FZ1319" s="91"/>
      <c r="GA1319" s="91"/>
      <c r="GB1319" s="91"/>
      <c r="GC1319" s="91"/>
      <c r="GD1319" s="91"/>
      <c r="GE1319" s="91"/>
      <c r="GF1319" s="91"/>
      <c r="GG1319" s="91"/>
      <c r="GH1319" s="91"/>
      <c r="GI1319" s="91"/>
      <c r="GJ1319" s="91"/>
      <c r="GK1319" s="127"/>
      <c r="GL1319" s="126"/>
      <c r="GM1319" s="91"/>
      <c r="GN1319" s="91"/>
      <c r="GO1319" s="91"/>
      <c r="GP1319" s="91"/>
      <c r="GQ1319" s="91"/>
      <c r="GR1319" s="91"/>
      <c r="GS1319" s="91"/>
      <c r="GT1319" s="91"/>
      <c r="GU1319" s="91"/>
      <c r="GV1319" s="91"/>
      <c r="GW1319" s="91"/>
      <c r="GX1319" s="91"/>
      <c r="GY1319" s="91"/>
      <c r="GZ1319" s="91"/>
      <c r="HA1319" s="91"/>
      <c r="HB1319" s="91"/>
      <c r="HC1319" s="91"/>
      <c r="HD1319" s="91"/>
      <c r="HE1319" s="91"/>
      <c r="HF1319" s="91"/>
      <c r="HG1319" s="91"/>
      <c r="HH1319" s="91"/>
      <c r="HI1319" s="91"/>
      <c r="HJ1319" s="91"/>
      <c r="HK1319" s="127"/>
      <c r="HL1319" s="126"/>
      <c r="HM1319" s="91"/>
      <c r="HN1319" s="91"/>
      <c r="HO1319" s="91"/>
      <c r="HP1319" s="91"/>
      <c r="HQ1319" s="91"/>
      <c r="HR1319" s="91"/>
      <c r="HS1319" s="91"/>
      <c r="HT1319" s="91"/>
      <c r="HU1319" s="91"/>
      <c r="HV1319" s="91"/>
      <c r="HW1319" s="91"/>
      <c r="HX1319" s="91"/>
      <c r="HY1319" s="91"/>
      <c r="HZ1319" s="91"/>
      <c r="IA1319" s="91"/>
      <c r="IB1319" s="91"/>
      <c r="IC1319" s="91"/>
      <c r="ID1319" s="91"/>
      <c r="IE1319" s="91"/>
      <c r="IF1319" s="91"/>
      <c r="IG1319" s="91"/>
      <c r="IH1319" s="91"/>
      <c r="II1319" s="91"/>
      <c r="IJ1319" s="91"/>
      <c r="IK1319" s="127"/>
    </row>
    <row r="1320" spans="2:245" x14ac:dyDescent="0.2">
      <c r="B1320" s="43"/>
      <c r="C1320" s="73"/>
      <c r="D1320" s="64"/>
      <c r="E1320" s="64"/>
      <c r="F1320" s="55"/>
      <c r="G1320" s="102"/>
      <c r="H1320" s="55"/>
      <c r="I1320" s="55"/>
      <c r="J1320" s="55"/>
      <c r="K1320" s="55"/>
      <c r="L1320" s="55"/>
      <c r="M1320" s="55"/>
      <c r="N1320" s="55"/>
      <c r="O1320" s="55"/>
      <c r="P1320" s="55"/>
      <c r="Q1320" s="55"/>
      <c r="R1320" s="55"/>
      <c r="S1320" s="55"/>
      <c r="T1320" s="55"/>
      <c r="U1320" s="55"/>
      <c r="V1320" s="55"/>
      <c r="W1320" s="55"/>
      <c r="X1320" s="55"/>
      <c r="Y1320" s="55"/>
      <c r="Z1320" s="55"/>
      <c r="AA1320" s="55"/>
      <c r="AB1320" s="55"/>
      <c r="AC1320" s="55"/>
      <c r="AD1320" s="55"/>
      <c r="AE1320" s="55"/>
      <c r="AF1320" s="55"/>
      <c r="AG1320" s="55"/>
      <c r="AY1320" s="162"/>
      <c r="AZ1320" s="162"/>
      <c r="BA1320" s="162"/>
      <c r="BB1320" s="162"/>
      <c r="BC1320" s="162"/>
      <c r="BD1320" s="162"/>
      <c r="BE1320" s="162"/>
      <c r="BF1320" s="162"/>
      <c r="BG1320" s="162"/>
      <c r="BH1320" s="162"/>
      <c r="BI1320" s="162"/>
      <c r="BJ1320" s="162"/>
      <c r="BK1320" s="162"/>
      <c r="BL1320" s="162"/>
      <c r="BM1320" s="162"/>
      <c r="BN1320" s="162"/>
      <c r="BO1320" s="162"/>
      <c r="BP1320" s="162"/>
      <c r="BQ1320" s="162"/>
      <c r="BR1320" s="162"/>
      <c r="BS1320" s="162"/>
      <c r="BT1320" s="162"/>
      <c r="BU1320" s="162"/>
      <c r="BV1320" s="162"/>
      <c r="BW1320" s="162"/>
      <c r="BX1320" s="162"/>
      <c r="BY1320" s="162"/>
      <c r="BZ1320" s="162"/>
      <c r="CA1320" s="162"/>
      <c r="CB1320" s="162"/>
      <c r="CC1320" s="162"/>
      <c r="CD1320" s="162"/>
      <c r="CE1320" s="162"/>
      <c r="CF1320" s="162"/>
      <c r="CG1320" s="162"/>
      <c r="CH1320" s="162"/>
      <c r="CI1320" s="162"/>
      <c r="CJ1320" s="162"/>
      <c r="CK1320" s="162"/>
      <c r="CX1320" s="98"/>
      <c r="DL1320" s="97"/>
      <c r="DX1320" s="98"/>
      <c r="EL1320" s="97"/>
      <c r="EX1320" s="98"/>
      <c r="EY1320" s="97"/>
      <c r="FL1320" s="126"/>
      <c r="FM1320" s="91"/>
      <c r="FN1320" s="91"/>
      <c r="FO1320" s="91"/>
      <c r="FP1320" s="91"/>
      <c r="FQ1320" s="91"/>
      <c r="FR1320" s="91"/>
      <c r="FS1320" s="91"/>
      <c r="FT1320" s="91"/>
      <c r="FU1320" s="91"/>
      <c r="FV1320" s="91"/>
      <c r="FW1320" s="91"/>
      <c r="FX1320" s="91"/>
      <c r="FY1320" s="91"/>
      <c r="FZ1320" s="91"/>
      <c r="GA1320" s="91"/>
      <c r="GB1320" s="91"/>
      <c r="GC1320" s="91"/>
      <c r="GD1320" s="91"/>
      <c r="GE1320" s="91"/>
      <c r="GF1320" s="91"/>
      <c r="GG1320" s="91"/>
      <c r="GH1320" s="91"/>
      <c r="GI1320" s="91"/>
      <c r="GJ1320" s="91"/>
      <c r="GK1320" s="127"/>
      <c r="GL1320" s="126"/>
      <c r="GM1320" s="91"/>
      <c r="GN1320" s="91"/>
      <c r="GO1320" s="91"/>
      <c r="GP1320" s="91"/>
      <c r="GQ1320" s="91"/>
      <c r="GR1320" s="91"/>
      <c r="GS1320" s="91"/>
      <c r="GT1320" s="91"/>
      <c r="GU1320" s="91"/>
      <c r="GV1320" s="91"/>
      <c r="GW1320" s="91"/>
      <c r="GX1320" s="91"/>
      <c r="GY1320" s="91"/>
      <c r="GZ1320" s="91"/>
      <c r="HA1320" s="91"/>
      <c r="HB1320" s="91"/>
      <c r="HC1320" s="91"/>
      <c r="HD1320" s="91"/>
      <c r="HE1320" s="91"/>
      <c r="HF1320" s="91"/>
      <c r="HG1320" s="91"/>
      <c r="HH1320" s="91"/>
      <c r="HI1320" s="91"/>
      <c r="HJ1320" s="91"/>
      <c r="HK1320" s="127"/>
      <c r="HL1320" s="126"/>
      <c r="HM1320" s="91"/>
      <c r="HN1320" s="91"/>
      <c r="HO1320" s="91"/>
      <c r="HP1320" s="91"/>
      <c r="HQ1320" s="91"/>
      <c r="HR1320" s="91"/>
      <c r="HS1320" s="91"/>
      <c r="HT1320" s="91"/>
      <c r="HU1320" s="91"/>
      <c r="HV1320" s="91"/>
      <c r="HW1320" s="91"/>
      <c r="HX1320" s="91"/>
      <c r="HY1320" s="91"/>
      <c r="HZ1320" s="91"/>
      <c r="IA1320" s="91"/>
      <c r="IB1320" s="91"/>
      <c r="IC1320" s="91"/>
      <c r="ID1320" s="91"/>
      <c r="IE1320" s="91"/>
      <c r="IF1320" s="91"/>
      <c r="IG1320" s="91"/>
      <c r="IH1320" s="91"/>
      <c r="II1320" s="91"/>
      <c r="IJ1320" s="91"/>
      <c r="IK1320" s="127"/>
    </row>
    <row r="1321" spans="2:245" x14ac:dyDescent="0.2">
      <c r="B1321" s="43"/>
      <c r="C1321" s="73"/>
      <c r="D1321" s="64"/>
      <c r="E1321" s="64"/>
      <c r="F1321" s="55"/>
      <c r="G1321" s="102"/>
      <c r="H1321" s="55"/>
      <c r="I1321" s="55"/>
      <c r="J1321" s="55"/>
      <c r="K1321" s="55"/>
      <c r="L1321" s="55"/>
      <c r="M1321" s="55"/>
      <c r="N1321" s="55"/>
      <c r="O1321" s="55"/>
      <c r="P1321" s="55"/>
      <c r="Q1321" s="55"/>
      <c r="R1321" s="55"/>
      <c r="S1321" s="55"/>
      <c r="T1321" s="55"/>
      <c r="U1321" s="55"/>
      <c r="V1321" s="55"/>
      <c r="W1321" s="55"/>
      <c r="X1321" s="55"/>
      <c r="Y1321" s="55"/>
      <c r="Z1321" s="55"/>
      <c r="AA1321" s="55"/>
      <c r="AB1321" s="55"/>
      <c r="AC1321" s="55"/>
      <c r="AD1321" s="55"/>
      <c r="AE1321" s="55"/>
      <c r="AF1321" s="55"/>
      <c r="AG1321" s="55"/>
      <c r="AY1321" s="162"/>
      <c r="AZ1321" s="162"/>
      <c r="BA1321" s="162"/>
      <c r="BB1321" s="162"/>
      <c r="BC1321" s="162"/>
      <c r="BD1321" s="162"/>
      <c r="BE1321" s="162"/>
      <c r="BF1321" s="162"/>
      <c r="BG1321" s="162"/>
      <c r="BH1321" s="162"/>
      <c r="BI1321" s="162"/>
      <c r="BJ1321" s="162"/>
      <c r="BK1321" s="162"/>
      <c r="BL1321" s="162"/>
      <c r="BM1321" s="162"/>
      <c r="BN1321" s="162"/>
      <c r="BO1321" s="162"/>
      <c r="BP1321" s="162"/>
      <c r="BQ1321" s="162"/>
      <c r="BR1321" s="162"/>
      <c r="BS1321" s="162"/>
      <c r="BT1321" s="162"/>
      <c r="BU1321" s="162"/>
      <c r="BV1321" s="162"/>
      <c r="BW1321" s="162"/>
      <c r="BX1321" s="162"/>
      <c r="BY1321" s="162"/>
      <c r="BZ1321" s="162"/>
      <c r="CA1321" s="162"/>
      <c r="CB1321" s="162"/>
      <c r="CC1321" s="162"/>
      <c r="CD1321" s="162"/>
      <c r="CE1321" s="162"/>
      <c r="CF1321" s="162"/>
      <c r="CG1321" s="162"/>
      <c r="CH1321" s="162"/>
      <c r="CI1321" s="162"/>
      <c r="CJ1321" s="162"/>
      <c r="CK1321" s="162"/>
      <c r="CX1321" s="98"/>
      <c r="DL1321" s="97"/>
      <c r="DX1321" s="98"/>
      <c r="EL1321" s="97"/>
      <c r="EX1321" s="98"/>
      <c r="EY1321" s="97"/>
      <c r="FL1321" s="126"/>
      <c r="FM1321" s="91"/>
      <c r="FN1321" s="91"/>
      <c r="FO1321" s="91"/>
      <c r="FP1321" s="91"/>
      <c r="FQ1321" s="91"/>
      <c r="FR1321" s="91"/>
      <c r="FS1321" s="91"/>
      <c r="FT1321" s="91"/>
      <c r="FU1321" s="91"/>
      <c r="FV1321" s="91"/>
      <c r="FW1321" s="91"/>
      <c r="FX1321" s="91"/>
      <c r="FY1321" s="91"/>
      <c r="FZ1321" s="91"/>
      <c r="GA1321" s="91"/>
      <c r="GB1321" s="91"/>
      <c r="GC1321" s="91"/>
      <c r="GD1321" s="91"/>
      <c r="GE1321" s="91"/>
      <c r="GF1321" s="91"/>
      <c r="GG1321" s="91"/>
      <c r="GH1321" s="91"/>
      <c r="GI1321" s="91"/>
      <c r="GJ1321" s="91"/>
      <c r="GK1321" s="127"/>
      <c r="GL1321" s="126"/>
      <c r="GM1321" s="91"/>
      <c r="GN1321" s="91"/>
      <c r="GO1321" s="91"/>
      <c r="GP1321" s="91"/>
      <c r="GQ1321" s="91"/>
      <c r="GR1321" s="91"/>
      <c r="GS1321" s="91"/>
      <c r="GT1321" s="91"/>
      <c r="GU1321" s="91"/>
      <c r="GV1321" s="91"/>
      <c r="GW1321" s="91"/>
      <c r="GX1321" s="91"/>
      <c r="GY1321" s="91"/>
      <c r="GZ1321" s="91"/>
      <c r="HA1321" s="91"/>
      <c r="HB1321" s="91"/>
      <c r="HC1321" s="91"/>
      <c r="HD1321" s="91"/>
      <c r="HE1321" s="91"/>
      <c r="HF1321" s="91"/>
      <c r="HG1321" s="91"/>
      <c r="HH1321" s="91"/>
      <c r="HI1321" s="91"/>
      <c r="HJ1321" s="91"/>
      <c r="HK1321" s="127"/>
      <c r="HL1321" s="126"/>
      <c r="HM1321" s="91"/>
      <c r="HN1321" s="91"/>
      <c r="HO1321" s="91"/>
      <c r="HP1321" s="91"/>
      <c r="HQ1321" s="91"/>
      <c r="HR1321" s="91"/>
      <c r="HS1321" s="91"/>
      <c r="HT1321" s="91"/>
      <c r="HU1321" s="91"/>
      <c r="HV1321" s="91"/>
      <c r="HW1321" s="91"/>
      <c r="HX1321" s="91"/>
      <c r="HY1321" s="91"/>
      <c r="HZ1321" s="91"/>
      <c r="IA1321" s="91"/>
      <c r="IB1321" s="91"/>
      <c r="IC1321" s="91"/>
      <c r="ID1321" s="91"/>
      <c r="IE1321" s="91"/>
      <c r="IF1321" s="91"/>
      <c r="IG1321" s="91"/>
      <c r="IH1321" s="91"/>
      <c r="II1321" s="91"/>
      <c r="IJ1321" s="91"/>
      <c r="IK1321" s="127"/>
    </row>
    <row r="1322" spans="2:245" x14ac:dyDescent="0.2">
      <c r="B1322" s="43"/>
      <c r="C1322" s="73"/>
      <c r="D1322" s="64"/>
      <c r="E1322" s="64"/>
      <c r="F1322" s="55"/>
      <c r="G1322" s="102"/>
      <c r="H1322" s="55"/>
      <c r="I1322" s="55"/>
      <c r="J1322" s="55"/>
      <c r="K1322" s="55"/>
      <c r="L1322" s="55"/>
      <c r="M1322" s="55"/>
      <c r="N1322" s="55"/>
      <c r="O1322" s="55"/>
      <c r="P1322" s="55"/>
      <c r="Q1322" s="55"/>
      <c r="R1322" s="55"/>
      <c r="S1322" s="55"/>
      <c r="T1322" s="55"/>
      <c r="U1322" s="55"/>
      <c r="V1322" s="55"/>
      <c r="W1322" s="55"/>
      <c r="X1322" s="55"/>
      <c r="Y1322" s="55"/>
      <c r="Z1322" s="55"/>
      <c r="AA1322" s="55"/>
      <c r="AB1322" s="55"/>
      <c r="AC1322" s="55"/>
      <c r="AD1322" s="55"/>
      <c r="AE1322" s="55"/>
      <c r="AF1322" s="55"/>
      <c r="AG1322" s="55"/>
      <c r="AY1322" s="162"/>
      <c r="AZ1322" s="162"/>
      <c r="BA1322" s="162"/>
      <c r="BB1322" s="162"/>
      <c r="BC1322" s="162"/>
      <c r="BD1322" s="162"/>
      <c r="BE1322" s="162"/>
      <c r="BF1322" s="162"/>
      <c r="BG1322" s="162"/>
      <c r="BH1322" s="162"/>
      <c r="BI1322" s="162"/>
      <c r="BJ1322" s="162"/>
      <c r="BK1322" s="162"/>
      <c r="BL1322" s="162"/>
      <c r="BM1322" s="162"/>
      <c r="BN1322" s="162"/>
      <c r="BO1322" s="162"/>
      <c r="BP1322" s="162"/>
      <c r="BQ1322" s="162"/>
      <c r="BR1322" s="162"/>
      <c r="BS1322" s="162"/>
      <c r="BT1322" s="162"/>
      <c r="BU1322" s="162"/>
      <c r="BV1322" s="162"/>
      <c r="BW1322" s="162"/>
      <c r="BX1322" s="162"/>
      <c r="BY1322" s="162"/>
      <c r="BZ1322" s="162"/>
      <c r="CA1322" s="162"/>
      <c r="CB1322" s="162"/>
      <c r="CC1322" s="162"/>
      <c r="CD1322" s="162"/>
      <c r="CE1322" s="162"/>
      <c r="CF1322" s="162"/>
      <c r="CG1322" s="162"/>
      <c r="CH1322" s="162"/>
      <c r="CI1322" s="162"/>
      <c r="CJ1322" s="162"/>
      <c r="CK1322" s="162"/>
      <c r="CX1322" s="98"/>
      <c r="DL1322" s="97"/>
      <c r="DX1322" s="98"/>
      <c r="EL1322" s="97"/>
      <c r="EX1322" s="98"/>
      <c r="EY1322" s="97"/>
      <c r="FL1322" s="126"/>
      <c r="FM1322" s="91"/>
      <c r="FN1322" s="91"/>
      <c r="FO1322" s="91"/>
      <c r="FP1322" s="91"/>
      <c r="FQ1322" s="91"/>
      <c r="FR1322" s="91"/>
      <c r="FS1322" s="91"/>
      <c r="FT1322" s="91"/>
      <c r="FU1322" s="91"/>
      <c r="FV1322" s="91"/>
      <c r="FW1322" s="91"/>
      <c r="FX1322" s="91"/>
      <c r="FY1322" s="91"/>
      <c r="FZ1322" s="91"/>
      <c r="GA1322" s="91"/>
      <c r="GB1322" s="91"/>
      <c r="GC1322" s="91"/>
      <c r="GD1322" s="91"/>
      <c r="GE1322" s="91"/>
      <c r="GF1322" s="91"/>
      <c r="GG1322" s="91"/>
      <c r="GH1322" s="91"/>
      <c r="GI1322" s="91"/>
      <c r="GJ1322" s="91"/>
      <c r="GK1322" s="127"/>
      <c r="GL1322" s="126"/>
      <c r="GM1322" s="91"/>
      <c r="GN1322" s="91"/>
      <c r="GO1322" s="91"/>
      <c r="GP1322" s="91"/>
      <c r="GQ1322" s="91"/>
      <c r="GR1322" s="91"/>
      <c r="GS1322" s="91"/>
      <c r="GT1322" s="91"/>
      <c r="GU1322" s="91"/>
      <c r="GV1322" s="91"/>
      <c r="GW1322" s="91"/>
      <c r="GX1322" s="91"/>
      <c r="GY1322" s="91"/>
      <c r="GZ1322" s="91"/>
      <c r="HA1322" s="91"/>
      <c r="HB1322" s="91"/>
      <c r="HC1322" s="91"/>
      <c r="HD1322" s="91"/>
      <c r="HE1322" s="91"/>
      <c r="HF1322" s="91"/>
      <c r="HG1322" s="91"/>
      <c r="HH1322" s="91"/>
      <c r="HI1322" s="91"/>
      <c r="HJ1322" s="91"/>
      <c r="HK1322" s="127"/>
      <c r="HL1322" s="126"/>
      <c r="HM1322" s="91"/>
      <c r="HN1322" s="91"/>
      <c r="HO1322" s="91"/>
      <c r="HP1322" s="91"/>
      <c r="HQ1322" s="91"/>
      <c r="HR1322" s="91"/>
      <c r="HS1322" s="91"/>
      <c r="HT1322" s="91"/>
      <c r="HU1322" s="91"/>
      <c r="HV1322" s="91"/>
      <c r="HW1322" s="91"/>
      <c r="HX1322" s="91"/>
      <c r="HY1322" s="91"/>
      <c r="HZ1322" s="91"/>
      <c r="IA1322" s="91"/>
      <c r="IB1322" s="91"/>
      <c r="IC1322" s="91"/>
      <c r="ID1322" s="91"/>
      <c r="IE1322" s="91"/>
      <c r="IF1322" s="91"/>
      <c r="IG1322" s="91"/>
      <c r="IH1322" s="91"/>
      <c r="II1322" s="91"/>
      <c r="IJ1322" s="91"/>
      <c r="IK1322" s="127"/>
    </row>
    <row r="1323" spans="2:245" x14ac:dyDescent="0.2">
      <c r="B1323" s="43"/>
      <c r="C1323" s="73"/>
      <c r="D1323" s="64"/>
      <c r="E1323" s="64"/>
      <c r="F1323" s="55"/>
      <c r="G1323" s="102"/>
      <c r="H1323" s="55"/>
      <c r="I1323" s="55"/>
      <c r="J1323" s="55"/>
      <c r="K1323" s="55"/>
      <c r="L1323" s="55"/>
      <c r="M1323" s="55"/>
      <c r="N1323" s="55"/>
      <c r="O1323" s="55"/>
      <c r="P1323" s="55"/>
      <c r="Q1323" s="55"/>
      <c r="R1323" s="55"/>
      <c r="S1323" s="55"/>
      <c r="T1323" s="55"/>
      <c r="U1323" s="55"/>
      <c r="V1323" s="55"/>
      <c r="W1323" s="55"/>
      <c r="X1323" s="55"/>
      <c r="Y1323" s="55"/>
      <c r="Z1323" s="55"/>
      <c r="AA1323" s="55"/>
      <c r="AB1323" s="55"/>
      <c r="AC1323" s="55"/>
      <c r="AD1323" s="55"/>
      <c r="AE1323" s="55"/>
      <c r="AF1323" s="55"/>
      <c r="AG1323" s="55"/>
      <c r="AY1323" s="162"/>
      <c r="AZ1323" s="162"/>
      <c r="BA1323" s="162"/>
      <c r="BB1323" s="162"/>
      <c r="BC1323" s="162"/>
      <c r="BD1323" s="162"/>
      <c r="BE1323" s="162"/>
      <c r="BF1323" s="162"/>
      <c r="BG1323" s="162"/>
      <c r="BH1323" s="162"/>
      <c r="BI1323" s="162"/>
      <c r="BJ1323" s="162"/>
      <c r="BK1323" s="162"/>
      <c r="BL1323" s="162"/>
      <c r="BM1323" s="162"/>
      <c r="BN1323" s="162"/>
      <c r="BO1323" s="162"/>
      <c r="BP1323" s="162"/>
      <c r="BQ1323" s="162"/>
      <c r="BR1323" s="162"/>
      <c r="BS1323" s="162"/>
      <c r="BT1323" s="162"/>
      <c r="BU1323" s="162"/>
      <c r="BV1323" s="162"/>
      <c r="BW1323" s="162"/>
      <c r="BX1323" s="162"/>
      <c r="BY1323" s="162"/>
      <c r="BZ1323" s="162"/>
      <c r="CA1323" s="162"/>
      <c r="CB1323" s="162"/>
      <c r="CC1323" s="162"/>
      <c r="CD1323" s="162"/>
      <c r="CE1323" s="162"/>
      <c r="CF1323" s="162"/>
      <c r="CG1323" s="162"/>
      <c r="CH1323" s="162"/>
      <c r="CI1323" s="162"/>
      <c r="CJ1323" s="162"/>
      <c r="CK1323" s="162"/>
      <c r="CX1323" s="98"/>
      <c r="DL1323" s="97"/>
      <c r="DX1323" s="98"/>
      <c r="EL1323" s="97"/>
      <c r="EX1323" s="98"/>
      <c r="EY1323" s="97"/>
      <c r="FL1323" s="126"/>
      <c r="FM1323" s="91"/>
      <c r="FN1323" s="91"/>
      <c r="FO1323" s="91"/>
      <c r="FP1323" s="91"/>
      <c r="FQ1323" s="91"/>
      <c r="FR1323" s="91"/>
      <c r="FS1323" s="91"/>
      <c r="FT1323" s="91"/>
      <c r="FU1323" s="91"/>
      <c r="FV1323" s="91"/>
      <c r="FW1323" s="91"/>
      <c r="FX1323" s="91"/>
      <c r="FY1323" s="91"/>
      <c r="FZ1323" s="91"/>
      <c r="GA1323" s="91"/>
      <c r="GB1323" s="91"/>
      <c r="GC1323" s="91"/>
      <c r="GD1323" s="91"/>
      <c r="GE1323" s="91"/>
      <c r="GF1323" s="91"/>
      <c r="GG1323" s="91"/>
      <c r="GH1323" s="91"/>
      <c r="GI1323" s="91"/>
      <c r="GJ1323" s="91"/>
      <c r="GK1323" s="127"/>
      <c r="GL1323" s="126"/>
      <c r="GM1323" s="91"/>
      <c r="GN1323" s="91"/>
      <c r="GO1323" s="91"/>
      <c r="GP1323" s="91"/>
      <c r="GQ1323" s="91"/>
      <c r="GR1323" s="91"/>
      <c r="GS1323" s="91"/>
      <c r="GT1323" s="91"/>
      <c r="GU1323" s="91"/>
      <c r="GV1323" s="91"/>
      <c r="GW1323" s="91"/>
      <c r="GX1323" s="91"/>
      <c r="GY1323" s="91"/>
      <c r="GZ1323" s="91"/>
      <c r="HA1323" s="91"/>
      <c r="HB1323" s="91"/>
      <c r="HC1323" s="91"/>
      <c r="HD1323" s="91"/>
      <c r="HE1323" s="91"/>
      <c r="HF1323" s="91"/>
      <c r="HG1323" s="91"/>
      <c r="HH1323" s="91"/>
      <c r="HI1323" s="91"/>
      <c r="HJ1323" s="91"/>
      <c r="HK1323" s="127"/>
      <c r="HL1323" s="126"/>
      <c r="HM1323" s="91"/>
      <c r="HN1323" s="91"/>
      <c r="HO1323" s="91"/>
      <c r="HP1323" s="91"/>
      <c r="HQ1323" s="91"/>
      <c r="HR1323" s="91"/>
      <c r="HS1323" s="91"/>
      <c r="HT1323" s="91"/>
      <c r="HU1323" s="91"/>
      <c r="HV1323" s="91"/>
      <c r="HW1323" s="91"/>
      <c r="HX1323" s="91"/>
      <c r="HY1323" s="91"/>
      <c r="HZ1323" s="91"/>
      <c r="IA1323" s="91"/>
      <c r="IB1323" s="91"/>
      <c r="IC1323" s="91"/>
      <c r="ID1323" s="91"/>
      <c r="IE1323" s="91"/>
      <c r="IF1323" s="91"/>
      <c r="IG1323" s="91"/>
      <c r="IH1323" s="91"/>
      <c r="II1323" s="91"/>
      <c r="IJ1323" s="91"/>
      <c r="IK1323" s="127"/>
    </row>
    <row r="1324" spans="2:245" x14ac:dyDescent="0.2">
      <c r="B1324" s="43"/>
      <c r="C1324" s="73"/>
      <c r="D1324" s="64"/>
      <c r="E1324" s="64"/>
      <c r="F1324" s="55"/>
      <c r="G1324" s="102"/>
      <c r="H1324" s="55"/>
      <c r="I1324" s="55"/>
      <c r="J1324" s="55"/>
      <c r="K1324" s="55"/>
      <c r="L1324" s="55"/>
      <c r="M1324" s="55"/>
      <c r="N1324" s="55"/>
      <c r="O1324" s="55"/>
      <c r="P1324" s="55"/>
      <c r="Q1324" s="55"/>
      <c r="R1324" s="55"/>
      <c r="S1324" s="55"/>
      <c r="T1324" s="55"/>
      <c r="U1324" s="55"/>
      <c r="V1324" s="55"/>
      <c r="W1324" s="55"/>
      <c r="X1324" s="55"/>
      <c r="Y1324" s="55"/>
      <c r="Z1324" s="55"/>
      <c r="AA1324" s="55"/>
      <c r="AB1324" s="55"/>
      <c r="AC1324" s="55"/>
      <c r="AD1324" s="55"/>
      <c r="AE1324" s="55"/>
      <c r="AF1324" s="55"/>
      <c r="AG1324" s="55"/>
      <c r="AY1324" s="162"/>
      <c r="AZ1324" s="162"/>
      <c r="BA1324" s="162"/>
      <c r="BB1324" s="162"/>
      <c r="BC1324" s="162"/>
      <c r="BD1324" s="162"/>
      <c r="BE1324" s="162"/>
      <c r="BF1324" s="162"/>
      <c r="BG1324" s="162"/>
      <c r="BH1324" s="162"/>
      <c r="BI1324" s="162"/>
      <c r="BJ1324" s="162"/>
      <c r="BK1324" s="162"/>
      <c r="BL1324" s="162"/>
      <c r="BM1324" s="162"/>
      <c r="BN1324" s="162"/>
      <c r="BO1324" s="162"/>
      <c r="BP1324" s="162"/>
      <c r="BQ1324" s="162"/>
      <c r="BR1324" s="162"/>
      <c r="BS1324" s="162"/>
      <c r="BT1324" s="162"/>
      <c r="BU1324" s="162"/>
      <c r="BV1324" s="162"/>
      <c r="BW1324" s="162"/>
      <c r="BX1324" s="162"/>
      <c r="BY1324" s="162"/>
      <c r="BZ1324" s="162"/>
      <c r="CA1324" s="162"/>
      <c r="CB1324" s="162"/>
      <c r="CC1324" s="162"/>
      <c r="CD1324" s="162"/>
      <c r="CE1324" s="162"/>
      <c r="CF1324" s="162"/>
      <c r="CG1324" s="162"/>
      <c r="CH1324" s="162"/>
      <c r="CI1324" s="162"/>
      <c r="CJ1324" s="162"/>
      <c r="CK1324" s="162"/>
      <c r="CX1324" s="98"/>
      <c r="DL1324" s="97"/>
      <c r="DX1324" s="98"/>
      <c r="EL1324" s="97"/>
      <c r="EX1324" s="98"/>
      <c r="EY1324" s="97"/>
      <c r="FL1324" s="126"/>
      <c r="FM1324" s="91"/>
      <c r="FN1324" s="91"/>
      <c r="FO1324" s="91"/>
      <c r="FP1324" s="91"/>
      <c r="FQ1324" s="91"/>
      <c r="FR1324" s="91"/>
      <c r="FS1324" s="91"/>
      <c r="FT1324" s="91"/>
      <c r="FU1324" s="91"/>
      <c r="FV1324" s="91"/>
      <c r="FW1324" s="91"/>
      <c r="FX1324" s="91"/>
      <c r="FY1324" s="91"/>
      <c r="FZ1324" s="91"/>
      <c r="GA1324" s="91"/>
      <c r="GB1324" s="91"/>
      <c r="GC1324" s="91"/>
      <c r="GD1324" s="91"/>
      <c r="GE1324" s="91"/>
      <c r="GF1324" s="91"/>
      <c r="GG1324" s="91"/>
      <c r="GH1324" s="91"/>
      <c r="GI1324" s="91"/>
      <c r="GJ1324" s="91"/>
      <c r="GK1324" s="127"/>
      <c r="GL1324" s="126"/>
      <c r="GM1324" s="91"/>
      <c r="GN1324" s="91"/>
      <c r="GO1324" s="91"/>
      <c r="GP1324" s="91"/>
      <c r="GQ1324" s="91"/>
      <c r="GR1324" s="91"/>
      <c r="GS1324" s="91"/>
      <c r="GT1324" s="91"/>
      <c r="GU1324" s="91"/>
      <c r="GV1324" s="91"/>
      <c r="GW1324" s="91"/>
      <c r="GX1324" s="91"/>
      <c r="GY1324" s="91"/>
      <c r="GZ1324" s="91"/>
      <c r="HA1324" s="91"/>
      <c r="HB1324" s="91"/>
      <c r="HC1324" s="91"/>
      <c r="HD1324" s="91"/>
      <c r="HE1324" s="91"/>
      <c r="HF1324" s="91"/>
      <c r="HG1324" s="91"/>
      <c r="HH1324" s="91"/>
      <c r="HI1324" s="91"/>
      <c r="HJ1324" s="91"/>
      <c r="HK1324" s="127"/>
      <c r="HL1324" s="126"/>
      <c r="HM1324" s="91"/>
      <c r="HN1324" s="91"/>
      <c r="HO1324" s="91"/>
      <c r="HP1324" s="91"/>
      <c r="HQ1324" s="91"/>
      <c r="HR1324" s="91"/>
      <c r="HS1324" s="91"/>
      <c r="HT1324" s="91"/>
      <c r="HU1324" s="91"/>
      <c r="HV1324" s="91"/>
      <c r="HW1324" s="91"/>
      <c r="HX1324" s="91"/>
      <c r="HY1324" s="91"/>
      <c r="HZ1324" s="91"/>
      <c r="IA1324" s="91"/>
      <c r="IB1324" s="91"/>
      <c r="IC1324" s="91"/>
      <c r="ID1324" s="91"/>
      <c r="IE1324" s="91"/>
      <c r="IF1324" s="91"/>
      <c r="IG1324" s="91"/>
      <c r="IH1324" s="91"/>
      <c r="II1324" s="91"/>
      <c r="IJ1324" s="91"/>
      <c r="IK1324" s="127"/>
    </row>
    <row r="1325" spans="2:245" x14ac:dyDescent="0.2">
      <c r="B1325" s="43"/>
      <c r="C1325" s="73"/>
      <c r="D1325" s="64"/>
      <c r="E1325" s="64"/>
      <c r="F1325" s="55"/>
      <c r="G1325" s="102"/>
      <c r="H1325" s="55"/>
      <c r="I1325" s="55"/>
      <c r="J1325" s="55"/>
      <c r="K1325" s="55"/>
      <c r="L1325" s="55"/>
      <c r="M1325" s="55"/>
      <c r="N1325" s="55"/>
      <c r="O1325" s="55"/>
      <c r="P1325" s="55"/>
      <c r="Q1325" s="55"/>
      <c r="R1325" s="55"/>
      <c r="S1325" s="55"/>
      <c r="T1325" s="55"/>
      <c r="U1325" s="55"/>
      <c r="V1325" s="55"/>
      <c r="W1325" s="55"/>
      <c r="X1325" s="55"/>
      <c r="Y1325" s="55"/>
      <c r="Z1325" s="55"/>
      <c r="AA1325" s="55"/>
      <c r="AB1325" s="55"/>
      <c r="AC1325" s="55"/>
      <c r="AD1325" s="55"/>
      <c r="AE1325" s="55"/>
      <c r="AF1325" s="55"/>
      <c r="AG1325" s="55"/>
      <c r="AY1325" s="162"/>
      <c r="AZ1325" s="162"/>
      <c r="BA1325" s="162"/>
      <c r="BB1325" s="162"/>
      <c r="BC1325" s="162"/>
      <c r="BD1325" s="162"/>
      <c r="BE1325" s="162"/>
      <c r="BF1325" s="162"/>
      <c r="BG1325" s="162"/>
      <c r="BH1325" s="162"/>
      <c r="BI1325" s="162"/>
      <c r="BJ1325" s="162"/>
      <c r="BK1325" s="162"/>
      <c r="BL1325" s="162"/>
      <c r="BM1325" s="162"/>
      <c r="BN1325" s="162"/>
      <c r="BO1325" s="162"/>
      <c r="BP1325" s="162"/>
      <c r="BQ1325" s="162"/>
      <c r="BR1325" s="162"/>
      <c r="BS1325" s="162"/>
      <c r="BT1325" s="162"/>
      <c r="BU1325" s="162"/>
      <c r="BV1325" s="162"/>
      <c r="BW1325" s="162"/>
      <c r="BX1325" s="162"/>
      <c r="BY1325" s="162"/>
      <c r="BZ1325" s="162"/>
      <c r="CA1325" s="162"/>
      <c r="CB1325" s="162"/>
      <c r="CC1325" s="162"/>
      <c r="CD1325" s="162"/>
      <c r="CE1325" s="162"/>
      <c r="CF1325" s="162"/>
      <c r="CG1325" s="162"/>
      <c r="CH1325" s="162"/>
      <c r="CI1325" s="162"/>
      <c r="CJ1325" s="162"/>
      <c r="CK1325" s="162"/>
      <c r="CX1325" s="98"/>
      <c r="DL1325" s="97"/>
      <c r="DX1325" s="98"/>
      <c r="EL1325" s="97"/>
      <c r="EX1325" s="98"/>
      <c r="EY1325" s="97"/>
      <c r="FL1325" s="126"/>
      <c r="FM1325" s="91"/>
      <c r="FN1325" s="91"/>
      <c r="FO1325" s="91"/>
      <c r="FP1325" s="91"/>
      <c r="FQ1325" s="91"/>
      <c r="FR1325" s="91"/>
      <c r="FS1325" s="91"/>
      <c r="FT1325" s="91"/>
      <c r="FU1325" s="91"/>
      <c r="FV1325" s="91"/>
      <c r="FW1325" s="91"/>
      <c r="FX1325" s="91"/>
      <c r="FY1325" s="91"/>
      <c r="FZ1325" s="91"/>
      <c r="GA1325" s="91"/>
      <c r="GB1325" s="91"/>
      <c r="GC1325" s="91"/>
      <c r="GD1325" s="91"/>
      <c r="GE1325" s="91"/>
      <c r="GF1325" s="91"/>
      <c r="GG1325" s="91"/>
      <c r="GH1325" s="91"/>
      <c r="GI1325" s="91"/>
      <c r="GJ1325" s="91"/>
      <c r="GK1325" s="127"/>
      <c r="GL1325" s="126"/>
      <c r="GM1325" s="91"/>
      <c r="GN1325" s="91"/>
      <c r="GO1325" s="91"/>
      <c r="GP1325" s="91"/>
      <c r="GQ1325" s="91"/>
      <c r="GR1325" s="91"/>
      <c r="GS1325" s="91"/>
      <c r="GT1325" s="91"/>
      <c r="GU1325" s="91"/>
      <c r="GV1325" s="91"/>
      <c r="GW1325" s="91"/>
      <c r="GX1325" s="91"/>
      <c r="GY1325" s="91"/>
      <c r="GZ1325" s="91"/>
      <c r="HA1325" s="91"/>
      <c r="HB1325" s="91"/>
      <c r="HC1325" s="91"/>
      <c r="HD1325" s="91"/>
      <c r="HE1325" s="91"/>
      <c r="HF1325" s="91"/>
      <c r="HG1325" s="91"/>
      <c r="HH1325" s="91"/>
      <c r="HI1325" s="91"/>
      <c r="HJ1325" s="91"/>
      <c r="HK1325" s="127"/>
      <c r="HL1325" s="126"/>
      <c r="HM1325" s="91"/>
      <c r="HN1325" s="91"/>
      <c r="HO1325" s="91"/>
      <c r="HP1325" s="91"/>
      <c r="HQ1325" s="91"/>
      <c r="HR1325" s="91"/>
      <c r="HS1325" s="91"/>
      <c r="HT1325" s="91"/>
      <c r="HU1325" s="91"/>
      <c r="HV1325" s="91"/>
      <c r="HW1325" s="91"/>
      <c r="HX1325" s="91"/>
      <c r="HY1325" s="91"/>
      <c r="HZ1325" s="91"/>
      <c r="IA1325" s="91"/>
      <c r="IB1325" s="91"/>
      <c r="IC1325" s="91"/>
      <c r="ID1325" s="91"/>
      <c r="IE1325" s="91"/>
      <c r="IF1325" s="91"/>
      <c r="IG1325" s="91"/>
      <c r="IH1325" s="91"/>
      <c r="II1325" s="91"/>
      <c r="IJ1325" s="91"/>
      <c r="IK1325" s="127"/>
    </row>
    <row r="1326" spans="2:245" x14ac:dyDescent="0.2">
      <c r="B1326" s="43"/>
      <c r="C1326" s="73"/>
      <c r="D1326" s="64"/>
      <c r="E1326" s="64"/>
      <c r="F1326" s="55"/>
      <c r="G1326" s="102"/>
      <c r="H1326" s="55"/>
      <c r="I1326" s="55"/>
      <c r="J1326" s="55"/>
      <c r="K1326" s="55"/>
      <c r="L1326" s="55"/>
      <c r="M1326" s="55"/>
      <c r="N1326" s="55"/>
      <c r="O1326" s="55"/>
      <c r="P1326" s="55"/>
      <c r="Q1326" s="55"/>
      <c r="R1326" s="55"/>
      <c r="S1326" s="55"/>
      <c r="T1326" s="55"/>
      <c r="U1326" s="55"/>
      <c r="V1326" s="55"/>
      <c r="W1326" s="55"/>
      <c r="X1326" s="55"/>
      <c r="Y1326" s="55"/>
      <c r="Z1326" s="55"/>
      <c r="AA1326" s="55"/>
      <c r="AB1326" s="55"/>
      <c r="AC1326" s="55"/>
      <c r="AD1326" s="55"/>
      <c r="AE1326" s="55"/>
      <c r="AF1326" s="55"/>
      <c r="AG1326" s="55"/>
      <c r="AY1326" s="162"/>
      <c r="AZ1326" s="162"/>
      <c r="BA1326" s="162"/>
      <c r="BB1326" s="162"/>
      <c r="BC1326" s="162"/>
      <c r="BD1326" s="162"/>
      <c r="BE1326" s="162"/>
      <c r="BF1326" s="162"/>
      <c r="BG1326" s="162"/>
      <c r="BH1326" s="162"/>
      <c r="BI1326" s="162"/>
      <c r="BJ1326" s="162"/>
      <c r="BK1326" s="162"/>
      <c r="BL1326" s="162"/>
      <c r="BM1326" s="162"/>
      <c r="BN1326" s="162"/>
      <c r="BO1326" s="162"/>
      <c r="BP1326" s="162"/>
      <c r="BQ1326" s="162"/>
      <c r="BR1326" s="162"/>
      <c r="BS1326" s="162"/>
      <c r="BT1326" s="162"/>
      <c r="BU1326" s="162"/>
      <c r="BV1326" s="162"/>
      <c r="BW1326" s="162"/>
      <c r="BX1326" s="162"/>
      <c r="BY1326" s="162"/>
      <c r="BZ1326" s="162"/>
      <c r="CA1326" s="162"/>
      <c r="CB1326" s="162"/>
      <c r="CC1326" s="162"/>
      <c r="CD1326" s="162"/>
      <c r="CE1326" s="162"/>
      <c r="CF1326" s="162"/>
      <c r="CG1326" s="162"/>
      <c r="CH1326" s="162"/>
      <c r="CI1326" s="162"/>
      <c r="CJ1326" s="162"/>
      <c r="CK1326" s="162"/>
      <c r="CX1326" s="98"/>
      <c r="DL1326" s="97"/>
      <c r="DX1326" s="98"/>
      <c r="EL1326" s="97"/>
      <c r="EX1326" s="98"/>
      <c r="EY1326" s="97"/>
      <c r="FL1326" s="126"/>
      <c r="FM1326" s="91"/>
      <c r="FN1326" s="91"/>
      <c r="FO1326" s="91"/>
      <c r="FP1326" s="91"/>
      <c r="FQ1326" s="91"/>
      <c r="FR1326" s="91"/>
      <c r="FS1326" s="91"/>
      <c r="FT1326" s="91"/>
      <c r="FU1326" s="91"/>
      <c r="FV1326" s="91"/>
      <c r="FW1326" s="91"/>
      <c r="FX1326" s="91"/>
      <c r="FY1326" s="91"/>
      <c r="FZ1326" s="91"/>
      <c r="GA1326" s="91"/>
      <c r="GB1326" s="91"/>
      <c r="GC1326" s="91"/>
      <c r="GD1326" s="91"/>
      <c r="GE1326" s="91"/>
      <c r="GF1326" s="91"/>
      <c r="GG1326" s="91"/>
      <c r="GH1326" s="91"/>
      <c r="GI1326" s="91"/>
      <c r="GJ1326" s="91"/>
      <c r="GK1326" s="127"/>
      <c r="GL1326" s="126"/>
      <c r="GM1326" s="91"/>
      <c r="GN1326" s="91"/>
      <c r="GO1326" s="91"/>
      <c r="GP1326" s="91"/>
      <c r="GQ1326" s="91"/>
      <c r="GR1326" s="91"/>
      <c r="GS1326" s="91"/>
      <c r="GT1326" s="91"/>
      <c r="GU1326" s="91"/>
      <c r="GV1326" s="91"/>
      <c r="GW1326" s="91"/>
      <c r="GX1326" s="91"/>
      <c r="GY1326" s="91"/>
      <c r="GZ1326" s="91"/>
      <c r="HA1326" s="91"/>
      <c r="HB1326" s="91"/>
      <c r="HC1326" s="91"/>
      <c r="HD1326" s="91"/>
      <c r="HE1326" s="91"/>
      <c r="HF1326" s="91"/>
      <c r="HG1326" s="91"/>
      <c r="HH1326" s="91"/>
      <c r="HI1326" s="91"/>
      <c r="HJ1326" s="91"/>
      <c r="HK1326" s="127"/>
      <c r="HL1326" s="126"/>
      <c r="HM1326" s="91"/>
      <c r="HN1326" s="91"/>
      <c r="HO1326" s="91"/>
      <c r="HP1326" s="91"/>
      <c r="HQ1326" s="91"/>
      <c r="HR1326" s="91"/>
      <c r="HS1326" s="91"/>
      <c r="HT1326" s="91"/>
      <c r="HU1326" s="91"/>
      <c r="HV1326" s="91"/>
      <c r="HW1326" s="91"/>
      <c r="HX1326" s="91"/>
      <c r="HY1326" s="91"/>
      <c r="HZ1326" s="91"/>
      <c r="IA1326" s="91"/>
      <c r="IB1326" s="91"/>
      <c r="IC1326" s="91"/>
      <c r="ID1326" s="91"/>
      <c r="IE1326" s="91"/>
      <c r="IF1326" s="91"/>
      <c r="IG1326" s="91"/>
      <c r="IH1326" s="91"/>
      <c r="II1326" s="91"/>
      <c r="IJ1326" s="91"/>
      <c r="IK1326" s="127"/>
    </row>
    <row r="1327" spans="2:245" x14ac:dyDescent="0.2">
      <c r="B1327" s="43"/>
      <c r="C1327" s="73"/>
      <c r="D1327" s="64"/>
      <c r="E1327" s="64"/>
      <c r="F1327" s="55"/>
      <c r="G1327" s="102"/>
      <c r="H1327" s="55"/>
      <c r="I1327" s="55"/>
      <c r="J1327" s="55"/>
      <c r="K1327" s="55"/>
      <c r="L1327" s="55"/>
      <c r="M1327" s="55"/>
      <c r="N1327" s="55"/>
      <c r="O1327" s="55"/>
      <c r="P1327" s="55"/>
      <c r="Q1327" s="55"/>
      <c r="R1327" s="55"/>
      <c r="S1327" s="55"/>
      <c r="T1327" s="55"/>
      <c r="U1327" s="55"/>
      <c r="V1327" s="55"/>
      <c r="W1327" s="55"/>
      <c r="X1327" s="55"/>
      <c r="Y1327" s="55"/>
      <c r="Z1327" s="55"/>
      <c r="AA1327" s="55"/>
      <c r="AB1327" s="55"/>
      <c r="AC1327" s="55"/>
      <c r="AD1327" s="55"/>
      <c r="AE1327" s="55"/>
      <c r="AF1327" s="55"/>
      <c r="AG1327" s="55"/>
      <c r="AY1327" s="162"/>
      <c r="AZ1327" s="162"/>
      <c r="BA1327" s="162"/>
      <c r="BB1327" s="162"/>
      <c r="BC1327" s="162"/>
      <c r="BD1327" s="162"/>
      <c r="BE1327" s="162"/>
      <c r="BF1327" s="162"/>
      <c r="BG1327" s="162"/>
      <c r="BH1327" s="162"/>
      <c r="BI1327" s="162"/>
      <c r="BJ1327" s="162"/>
      <c r="BK1327" s="162"/>
      <c r="BL1327" s="162"/>
      <c r="BM1327" s="162"/>
      <c r="BN1327" s="162"/>
      <c r="BO1327" s="162"/>
      <c r="BP1327" s="162"/>
      <c r="BQ1327" s="162"/>
      <c r="BR1327" s="162"/>
      <c r="BS1327" s="162"/>
      <c r="BT1327" s="162"/>
      <c r="BU1327" s="162"/>
      <c r="BV1327" s="162"/>
      <c r="BW1327" s="162"/>
      <c r="BX1327" s="162"/>
      <c r="BY1327" s="162"/>
      <c r="BZ1327" s="162"/>
      <c r="CA1327" s="162"/>
      <c r="CB1327" s="162"/>
      <c r="CC1327" s="162"/>
      <c r="CD1327" s="162"/>
      <c r="CE1327" s="162"/>
      <c r="CF1327" s="162"/>
      <c r="CG1327" s="162"/>
      <c r="CH1327" s="162"/>
      <c r="CI1327" s="162"/>
      <c r="CJ1327" s="162"/>
      <c r="CK1327" s="162"/>
      <c r="CX1327" s="98"/>
      <c r="DL1327" s="97"/>
      <c r="DX1327" s="98"/>
      <c r="EL1327" s="97"/>
      <c r="EX1327" s="98"/>
      <c r="EY1327" s="97"/>
      <c r="FL1327" s="126"/>
      <c r="FM1327" s="91"/>
      <c r="FN1327" s="91"/>
      <c r="FO1327" s="91"/>
      <c r="FP1327" s="91"/>
      <c r="FQ1327" s="91"/>
      <c r="FR1327" s="91"/>
      <c r="FS1327" s="91"/>
      <c r="FT1327" s="91"/>
      <c r="FU1327" s="91"/>
      <c r="FV1327" s="91"/>
      <c r="FW1327" s="91"/>
      <c r="FX1327" s="91"/>
      <c r="FY1327" s="91"/>
      <c r="FZ1327" s="91"/>
      <c r="GA1327" s="91"/>
      <c r="GB1327" s="91"/>
      <c r="GC1327" s="91"/>
      <c r="GD1327" s="91"/>
      <c r="GE1327" s="91"/>
      <c r="GF1327" s="91"/>
      <c r="GG1327" s="91"/>
      <c r="GH1327" s="91"/>
      <c r="GI1327" s="91"/>
      <c r="GJ1327" s="91"/>
      <c r="GK1327" s="127"/>
      <c r="GL1327" s="126"/>
      <c r="GM1327" s="91"/>
      <c r="GN1327" s="91"/>
      <c r="GO1327" s="91"/>
      <c r="GP1327" s="91"/>
      <c r="GQ1327" s="91"/>
      <c r="GR1327" s="91"/>
      <c r="GS1327" s="91"/>
      <c r="GT1327" s="91"/>
      <c r="GU1327" s="91"/>
      <c r="GV1327" s="91"/>
      <c r="GW1327" s="91"/>
      <c r="GX1327" s="91"/>
      <c r="GY1327" s="91"/>
      <c r="GZ1327" s="91"/>
      <c r="HA1327" s="91"/>
      <c r="HB1327" s="91"/>
      <c r="HC1327" s="91"/>
      <c r="HD1327" s="91"/>
      <c r="HE1327" s="91"/>
      <c r="HF1327" s="91"/>
      <c r="HG1327" s="91"/>
      <c r="HH1327" s="91"/>
      <c r="HI1327" s="91"/>
      <c r="HJ1327" s="91"/>
      <c r="HK1327" s="127"/>
      <c r="HL1327" s="126"/>
      <c r="HM1327" s="91"/>
      <c r="HN1327" s="91"/>
      <c r="HO1327" s="91"/>
      <c r="HP1327" s="91"/>
      <c r="HQ1327" s="91"/>
      <c r="HR1327" s="91"/>
      <c r="HS1327" s="91"/>
      <c r="HT1327" s="91"/>
      <c r="HU1327" s="91"/>
      <c r="HV1327" s="91"/>
      <c r="HW1327" s="91"/>
      <c r="HX1327" s="91"/>
      <c r="HY1327" s="91"/>
      <c r="HZ1327" s="91"/>
      <c r="IA1327" s="91"/>
      <c r="IB1327" s="91"/>
      <c r="IC1327" s="91"/>
      <c r="ID1327" s="91"/>
      <c r="IE1327" s="91"/>
      <c r="IF1327" s="91"/>
      <c r="IG1327" s="91"/>
      <c r="IH1327" s="91"/>
      <c r="II1327" s="91"/>
      <c r="IJ1327" s="91"/>
      <c r="IK1327" s="127"/>
    </row>
    <row r="1328" spans="2:245" x14ac:dyDescent="0.2">
      <c r="B1328" s="43"/>
      <c r="C1328" s="73"/>
      <c r="D1328" s="64"/>
      <c r="E1328" s="64"/>
      <c r="F1328" s="55"/>
      <c r="G1328" s="102"/>
      <c r="H1328" s="55"/>
      <c r="I1328" s="55"/>
      <c r="J1328" s="55"/>
      <c r="K1328" s="55"/>
      <c r="L1328" s="55"/>
      <c r="M1328" s="55"/>
      <c r="N1328" s="55"/>
      <c r="O1328" s="55"/>
      <c r="P1328" s="55"/>
      <c r="Q1328" s="55"/>
      <c r="R1328" s="55"/>
      <c r="S1328" s="55"/>
      <c r="T1328" s="55"/>
      <c r="U1328" s="55"/>
      <c r="V1328" s="55"/>
      <c r="W1328" s="55"/>
      <c r="X1328" s="55"/>
      <c r="Y1328" s="55"/>
      <c r="Z1328" s="55"/>
      <c r="AA1328" s="55"/>
      <c r="AB1328" s="55"/>
      <c r="AC1328" s="55"/>
      <c r="AD1328" s="55"/>
      <c r="AE1328" s="55"/>
      <c r="AF1328" s="55"/>
      <c r="AG1328" s="55"/>
      <c r="AY1328" s="162"/>
      <c r="AZ1328" s="162"/>
      <c r="BA1328" s="162"/>
      <c r="BB1328" s="162"/>
      <c r="BC1328" s="162"/>
      <c r="BD1328" s="162"/>
      <c r="BE1328" s="162"/>
      <c r="BF1328" s="162"/>
      <c r="BG1328" s="162"/>
      <c r="BH1328" s="162"/>
      <c r="BI1328" s="162"/>
      <c r="BJ1328" s="162"/>
      <c r="BK1328" s="162"/>
      <c r="BL1328" s="162"/>
      <c r="BM1328" s="162"/>
      <c r="BN1328" s="162"/>
      <c r="BO1328" s="162"/>
      <c r="BP1328" s="162"/>
      <c r="BQ1328" s="162"/>
      <c r="BR1328" s="162"/>
      <c r="BS1328" s="162"/>
      <c r="BT1328" s="162"/>
      <c r="BU1328" s="162"/>
      <c r="BV1328" s="162"/>
      <c r="BW1328" s="162"/>
      <c r="BX1328" s="162"/>
      <c r="BY1328" s="162"/>
      <c r="BZ1328" s="162"/>
      <c r="CA1328" s="162"/>
      <c r="CB1328" s="162"/>
      <c r="CC1328" s="162"/>
      <c r="CD1328" s="162"/>
      <c r="CE1328" s="162"/>
      <c r="CF1328" s="162"/>
      <c r="CG1328" s="162"/>
      <c r="CH1328" s="162"/>
      <c r="CI1328" s="162"/>
      <c r="CJ1328" s="162"/>
      <c r="CK1328" s="162"/>
      <c r="CX1328" s="98"/>
      <c r="DL1328" s="97"/>
      <c r="DX1328" s="98"/>
      <c r="EL1328" s="97"/>
      <c r="EX1328" s="98"/>
      <c r="EY1328" s="97"/>
      <c r="FL1328" s="126"/>
      <c r="FM1328" s="91"/>
      <c r="FN1328" s="91"/>
      <c r="FO1328" s="91"/>
      <c r="FP1328" s="91"/>
      <c r="FQ1328" s="91"/>
      <c r="FR1328" s="91"/>
      <c r="FS1328" s="91"/>
      <c r="FT1328" s="91"/>
      <c r="FU1328" s="91"/>
      <c r="FV1328" s="91"/>
      <c r="FW1328" s="91"/>
      <c r="FX1328" s="91"/>
      <c r="FY1328" s="91"/>
      <c r="FZ1328" s="91"/>
      <c r="GA1328" s="91"/>
      <c r="GB1328" s="91"/>
      <c r="GC1328" s="91"/>
      <c r="GD1328" s="91"/>
      <c r="GE1328" s="91"/>
      <c r="GF1328" s="91"/>
      <c r="GG1328" s="91"/>
      <c r="GH1328" s="91"/>
      <c r="GI1328" s="91"/>
      <c r="GJ1328" s="91"/>
      <c r="GK1328" s="127"/>
      <c r="GL1328" s="126"/>
      <c r="GM1328" s="91"/>
      <c r="GN1328" s="91"/>
      <c r="GO1328" s="91"/>
      <c r="GP1328" s="91"/>
      <c r="GQ1328" s="91"/>
      <c r="GR1328" s="91"/>
      <c r="GS1328" s="91"/>
      <c r="GT1328" s="91"/>
      <c r="GU1328" s="91"/>
      <c r="GV1328" s="91"/>
      <c r="GW1328" s="91"/>
      <c r="GX1328" s="91"/>
      <c r="GY1328" s="91"/>
      <c r="GZ1328" s="91"/>
      <c r="HA1328" s="91"/>
      <c r="HB1328" s="91"/>
      <c r="HC1328" s="91"/>
      <c r="HD1328" s="91"/>
      <c r="HE1328" s="91"/>
      <c r="HF1328" s="91"/>
      <c r="HG1328" s="91"/>
      <c r="HH1328" s="91"/>
      <c r="HI1328" s="91"/>
      <c r="HJ1328" s="91"/>
      <c r="HK1328" s="127"/>
      <c r="HL1328" s="126"/>
      <c r="HM1328" s="91"/>
      <c r="HN1328" s="91"/>
      <c r="HO1328" s="91"/>
      <c r="HP1328" s="91"/>
      <c r="HQ1328" s="91"/>
      <c r="HR1328" s="91"/>
      <c r="HS1328" s="91"/>
      <c r="HT1328" s="91"/>
      <c r="HU1328" s="91"/>
      <c r="HV1328" s="91"/>
      <c r="HW1328" s="91"/>
      <c r="HX1328" s="91"/>
      <c r="HY1328" s="91"/>
      <c r="HZ1328" s="91"/>
      <c r="IA1328" s="91"/>
      <c r="IB1328" s="91"/>
      <c r="IC1328" s="91"/>
      <c r="ID1328" s="91"/>
      <c r="IE1328" s="91"/>
      <c r="IF1328" s="91"/>
      <c r="IG1328" s="91"/>
      <c r="IH1328" s="91"/>
      <c r="II1328" s="91"/>
      <c r="IJ1328" s="91"/>
      <c r="IK1328" s="127"/>
    </row>
    <row r="1329" spans="2:245" x14ac:dyDescent="0.2">
      <c r="B1329" s="43"/>
      <c r="C1329" s="73"/>
      <c r="D1329" s="64"/>
      <c r="E1329" s="64"/>
      <c r="F1329" s="55"/>
      <c r="G1329" s="102"/>
      <c r="H1329" s="55"/>
      <c r="I1329" s="55"/>
      <c r="J1329" s="55"/>
      <c r="K1329" s="55"/>
      <c r="L1329" s="55"/>
      <c r="M1329" s="55"/>
      <c r="N1329" s="55"/>
      <c r="O1329" s="55"/>
      <c r="P1329" s="55"/>
      <c r="Q1329" s="55"/>
      <c r="R1329" s="55"/>
      <c r="S1329" s="55"/>
      <c r="T1329" s="55"/>
      <c r="U1329" s="55"/>
      <c r="V1329" s="55"/>
      <c r="W1329" s="55"/>
      <c r="X1329" s="55"/>
      <c r="Y1329" s="55"/>
      <c r="Z1329" s="55"/>
      <c r="AA1329" s="55"/>
      <c r="AB1329" s="55"/>
      <c r="AC1329" s="55"/>
      <c r="AD1329" s="55"/>
      <c r="AE1329" s="55"/>
      <c r="AF1329" s="55"/>
      <c r="AG1329" s="55"/>
      <c r="AY1329" s="162"/>
      <c r="AZ1329" s="162"/>
      <c r="BA1329" s="162"/>
      <c r="BB1329" s="162"/>
      <c r="BC1329" s="162"/>
      <c r="BD1329" s="162"/>
      <c r="BE1329" s="162"/>
      <c r="BF1329" s="162"/>
      <c r="BG1329" s="162"/>
      <c r="BH1329" s="162"/>
      <c r="BI1329" s="162"/>
      <c r="BJ1329" s="162"/>
      <c r="BK1329" s="162"/>
      <c r="BL1329" s="162"/>
      <c r="BM1329" s="162"/>
      <c r="BN1329" s="162"/>
      <c r="BO1329" s="162"/>
      <c r="BP1329" s="162"/>
      <c r="BQ1329" s="162"/>
      <c r="BR1329" s="162"/>
      <c r="BS1329" s="162"/>
      <c r="BT1329" s="162"/>
      <c r="BU1329" s="162"/>
      <c r="BV1329" s="162"/>
      <c r="BW1329" s="162"/>
      <c r="BX1329" s="162"/>
      <c r="BY1329" s="162"/>
      <c r="BZ1329" s="162"/>
      <c r="CA1329" s="162"/>
      <c r="CB1329" s="162"/>
      <c r="CC1329" s="162"/>
      <c r="CD1329" s="162"/>
      <c r="CE1329" s="162"/>
      <c r="CF1329" s="162"/>
      <c r="CG1329" s="162"/>
      <c r="CH1329" s="162"/>
      <c r="CI1329" s="162"/>
      <c r="CJ1329" s="162"/>
      <c r="CK1329" s="162"/>
      <c r="CX1329" s="98"/>
      <c r="DL1329" s="97"/>
      <c r="DX1329" s="98"/>
      <c r="EL1329" s="97"/>
      <c r="EX1329" s="98"/>
      <c r="EY1329" s="97"/>
      <c r="FL1329" s="126"/>
      <c r="FM1329" s="91"/>
      <c r="FN1329" s="91"/>
      <c r="FO1329" s="91"/>
      <c r="FP1329" s="91"/>
      <c r="FQ1329" s="91"/>
      <c r="FR1329" s="91"/>
      <c r="FS1329" s="91"/>
      <c r="FT1329" s="91"/>
      <c r="FU1329" s="91"/>
      <c r="FV1329" s="91"/>
      <c r="FW1329" s="91"/>
      <c r="FX1329" s="91"/>
      <c r="FY1329" s="91"/>
      <c r="FZ1329" s="91"/>
      <c r="GA1329" s="91"/>
      <c r="GB1329" s="91"/>
      <c r="GC1329" s="91"/>
      <c r="GD1329" s="91"/>
      <c r="GE1329" s="91"/>
      <c r="GF1329" s="91"/>
      <c r="GG1329" s="91"/>
      <c r="GH1329" s="91"/>
      <c r="GI1329" s="91"/>
      <c r="GJ1329" s="91"/>
      <c r="GK1329" s="127"/>
      <c r="GL1329" s="126"/>
      <c r="GM1329" s="91"/>
      <c r="GN1329" s="91"/>
      <c r="GO1329" s="91"/>
      <c r="GP1329" s="91"/>
      <c r="GQ1329" s="91"/>
      <c r="GR1329" s="91"/>
      <c r="GS1329" s="91"/>
      <c r="GT1329" s="91"/>
      <c r="GU1329" s="91"/>
      <c r="GV1329" s="91"/>
      <c r="GW1329" s="91"/>
      <c r="GX1329" s="91"/>
      <c r="GY1329" s="91"/>
      <c r="GZ1329" s="91"/>
      <c r="HA1329" s="91"/>
      <c r="HB1329" s="91"/>
      <c r="HC1329" s="91"/>
      <c r="HD1329" s="91"/>
      <c r="HE1329" s="91"/>
      <c r="HF1329" s="91"/>
      <c r="HG1329" s="91"/>
      <c r="HH1329" s="91"/>
      <c r="HI1329" s="91"/>
      <c r="HJ1329" s="91"/>
      <c r="HK1329" s="127"/>
      <c r="HL1329" s="126"/>
      <c r="HM1329" s="91"/>
      <c r="HN1329" s="91"/>
      <c r="HO1329" s="91"/>
      <c r="HP1329" s="91"/>
      <c r="HQ1329" s="91"/>
      <c r="HR1329" s="91"/>
      <c r="HS1329" s="91"/>
      <c r="HT1329" s="91"/>
      <c r="HU1329" s="91"/>
      <c r="HV1329" s="91"/>
      <c r="HW1329" s="91"/>
      <c r="HX1329" s="91"/>
      <c r="HY1329" s="91"/>
      <c r="HZ1329" s="91"/>
      <c r="IA1329" s="91"/>
      <c r="IB1329" s="91"/>
      <c r="IC1329" s="91"/>
      <c r="ID1329" s="91"/>
      <c r="IE1329" s="91"/>
      <c r="IF1329" s="91"/>
      <c r="IG1329" s="91"/>
      <c r="IH1329" s="91"/>
      <c r="II1329" s="91"/>
      <c r="IJ1329" s="91"/>
      <c r="IK1329" s="127"/>
    </row>
    <row r="1330" spans="2:245" x14ac:dyDescent="0.2">
      <c r="B1330" s="43"/>
      <c r="C1330" s="73"/>
      <c r="D1330" s="64"/>
      <c r="E1330" s="64"/>
      <c r="F1330" s="55"/>
      <c r="G1330" s="102"/>
      <c r="H1330" s="55"/>
      <c r="I1330" s="55"/>
      <c r="J1330" s="55"/>
      <c r="K1330" s="55"/>
      <c r="L1330" s="55"/>
      <c r="M1330" s="55"/>
      <c r="N1330" s="55"/>
      <c r="O1330" s="55"/>
      <c r="P1330" s="55"/>
      <c r="Q1330" s="55"/>
      <c r="R1330" s="55"/>
      <c r="S1330" s="55"/>
      <c r="T1330" s="55"/>
      <c r="U1330" s="55"/>
      <c r="V1330" s="55"/>
      <c r="W1330" s="55"/>
      <c r="X1330" s="55"/>
      <c r="Y1330" s="55"/>
      <c r="Z1330" s="55"/>
      <c r="AA1330" s="55"/>
      <c r="AB1330" s="55"/>
      <c r="AC1330" s="55"/>
      <c r="AD1330" s="55"/>
      <c r="AE1330" s="55"/>
      <c r="AF1330" s="55"/>
      <c r="AG1330" s="55"/>
      <c r="AY1330" s="162"/>
      <c r="AZ1330" s="162"/>
      <c r="BA1330" s="162"/>
      <c r="BB1330" s="162"/>
      <c r="BC1330" s="162"/>
      <c r="BD1330" s="162"/>
      <c r="BE1330" s="162"/>
      <c r="BF1330" s="162"/>
      <c r="BG1330" s="162"/>
      <c r="BH1330" s="162"/>
      <c r="BI1330" s="162"/>
      <c r="BJ1330" s="162"/>
      <c r="BK1330" s="162"/>
      <c r="BL1330" s="162"/>
      <c r="BM1330" s="162"/>
      <c r="BN1330" s="162"/>
      <c r="BO1330" s="162"/>
      <c r="BP1330" s="162"/>
      <c r="BQ1330" s="162"/>
      <c r="BR1330" s="162"/>
      <c r="BS1330" s="162"/>
      <c r="BT1330" s="162"/>
      <c r="BU1330" s="162"/>
      <c r="BV1330" s="162"/>
      <c r="BW1330" s="162"/>
      <c r="BX1330" s="162"/>
      <c r="BY1330" s="162"/>
      <c r="BZ1330" s="162"/>
      <c r="CA1330" s="162"/>
      <c r="CB1330" s="162"/>
      <c r="CC1330" s="162"/>
      <c r="CD1330" s="162"/>
      <c r="CE1330" s="162"/>
      <c r="CF1330" s="162"/>
      <c r="CG1330" s="162"/>
      <c r="CH1330" s="162"/>
      <c r="CI1330" s="162"/>
      <c r="CJ1330" s="162"/>
      <c r="CK1330" s="162"/>
      <c r="CX1330" s="98"/>
      <c r="DL1330" s="97"/>
      <c r="DX1330" s="98"/>
      <c r="EL1330" s="97"/>
      <c r="EX1330" s="98"/>
      <c r="EY1330" s="97"/>
      <c r="FL1330" s="126"/>
      <c r="FM1330" s="91"/>
      <c r="FN1330" s="91"/>
      <c r="FO1330" s="91"/>
      <c r="FP1330" s="91"/>
      <c r="FQ1330" s="91"/>
      <c r="FR1330" s="91"/>
      <c r="FS1330" s="91"/>
      <c r="FT1330" s="91"/>
      <c r="FU1330" s="91"/>
      <c r="FV1330" s="91"/>
      <c r="FW1330" s="91"/>
      <c r="FX1330" s="91"/>
      <c r="FY1330" s="91"/>
      <c r="FZ1330" s="91"/>
      <c r="GA1330" s="91"/>
      <c r="GB1330" s="91"/>
      <c r="GC1330" s="91"/>
      <c r="GD1330" s="91"/>
      <c r="GE1330" s="91"/>
      <c r="GF1330" s="91"/>
      <c r="GG1330" s="91"/>
      <c r="GH1330" s="91"/>
      <c r="GI1330" s="91"/>
      <c r="GJ1330" s="91"/>
      <c r="GK1330" s="127"/>
      <c r="GL1330" s="126"/>
      <c r="GM1330" s="91"/>
      <c r="GN1330" s="91"/>
      <c r="GO1330" s="91"/>
      <c r="GP1330" s="91"/>
      <c r="GQ1330" s="91"/>
      <c r="GR1330" s="91"/>
      <c r="GS1330" s="91"/>
      <c r="GT1330" s="91"/>
      <c r="GU1330" s="91"/>
      <c r="GV1330" s="91"/>
      <c r="GW1330" s="91"/>
      <c r="GX1330" s="91"/>
      <c r="GY1330" s="91"/>
      <c r="GZ1330" s="91"/>
      <c r="HA1330" s="91"/>
      <c r="HB1330" s="91"/>
      <c r="HC1330" s="91"/>
      <c r="HD1330" s="91"/>
      <c r="HE1330" s="91"/>
      <c r="HF1330" s="91"/>
      <c r="HG1330" s="91"/>
      <c r="HH1330" s="91"/>
      <c r="HI1330" s="91"/>
      <c r="HJ1330" s="91"/>
      <c r="HK1330" s="127"/>
      <c r="HL1330" s="126"/>
      <c r="HM1330" s="91"/>
      <c r="HN1330" s="91"/>
      <c r="HO1330" s="91"/>
      <c r="HP1330" s="91"/>
      <c r="HQ1330" s="91"/>
      <c r="HR1330" s="91"/>
      <c r="HS1330" s="91"/>
      <c r="HT1330" s="91"/>
      <c r="HU1330" s="91"/>
      <c r="HV1330" s="91"/>
      <c r="HW1330" s="91"/>
      <c r="HX1330" s="91"/>
      <c r="HY1330" s="91"/>
      <c r="HZ1330" s="91"/>
      <c r="IA1330" s="91"/>
      <c r="IB1330" s="91"/>
      <c r="IC1330" s="91"/>
      <c r="ID1330" s="91"/>
      <c r="IE1330" s="91"/>
      <c r="IF1330" s="91"/>
      <c r="IG1330" s="91"/>
      <c r="IH1330" s="91"/>
      <c r="II1330" s="91"/>
      <c r="IJ1330" s="91"/>
      <c r="IK1330" s="127"/>
    </row>
    <row r="1331" spans="2:245" x14ac:dyDescent="0.2">
      <c r="B1331" s="43"/>
      <c r="C1331" s="73"/>
      <c r="D1331" s="64"/>
      <c r="E1331" s="64"/>
      <c r="F1331" s="55"/>
      <c r="G1331" s="102"/>
      <c r="H1331" s="55"/>
      <c r="I1331" s="55"/>
      <c r="J1331" s="55"/>
      <c r="K1331" s="55"/>
      <c r="L1331" s="55"/>
      <c r="M1331" s="55"/>
      <c r="N1331" s="55"/>
      <c r="O1331" s="55"/>
      <c r="P1331" s="55"/>
      <c r="Q1331" s="55"/>
      <c r="R1331" s="55"/>
      <c r="S1331" s="55"/>
      <c r="T1331" s="55"/>
      <c r="U1331" s="55"/>
      <c r="V1331" s="55"/>
      <c r="W1331" s="55"/>
      <c r="X1331" s="55"/>
      <c r="Y1331" s="55"/>
      <c r="Z1331" s="55"/>
      <c r="AA1331" s="55"/>
      <c r="AB1331" s="55"/>
      <c r="AC1331" s="55"/>
      <c r="AD1331" s="55"/>
      <c r="AE1331" s="55"/>
      <c r="AF1331" s="55"/>
      <c r="AG1331" s="55"/>
      <c r="AY1331" s="162"/>
      <c r="AZ1331" s="162"/>
      <c r="BA1331" s="162"/>
      <c r="BB1331" s="162"/>
      <c r="BC1331" s="162"/>
      <c r="BD1331" s="162"/>
      <c r="BE1331" s="162"/>
      <c r="BF1331" s="162"/>
      <c r="BG1331" s="162"/>
      <c r="BH1331" s="162"/>
      <c r="BI1331" s="162"/>
      <c r="BJ1331" s="162"/>
      <c r="BK1331" s="162"/>
      <c r="BL1331" s="162"/>
      <c r="BM1331" s="162"/>
      <c r="BN1331" s="162"/>
      <c r="BO1331" s="162"/>
      <c r="BP1331" s="162"/>
      <c r="BQ1331" s="162"/>
      <c r="BR1331" s="162"/>
      <c r="BS1331" s="162"/>
      <c r="BT1331" s="162"/>
      <c r="BU1331" s="162"/>
      <c r="BV1331" s="162"/>
      <c r="BW1331" s="162"/>
      <c r="BX1331" s="162"/>
      <c r="BY1331" s="162"/>
      <c r="BZ1331" s="162"/>
      <c r="CA1331" s="162"/>
      <c r="CB1331" s="162"/>
      <c r="CC1331" s="162"/>
      <c r="CD1331" s="162"/>
      <c r="CE1331" s="162"/>
      <c r="CF1331" s="162"/>
      <c r="CG1331" s="162"/>
      <c r="CH1331" s="162"/>
      <c r="CI1331" s="162"/>
      <c r="CJ1331" s="162"/>
      <c r="CK1331" s="162"/>
      <c r="CX1331" s="98"/>
      <c r="DL1331" s="97"/>
      <c r="DX1331" s="98"/>
      <c r="EL1331" s="97"/>
      <c r="EX1331" s="98"/>
      <c r="EY1331" s="97"/>
      <c r="FL1331" s="126"/>
      <c r="FM1331" s="91"/>
      <c r="FN1331" s="91"/>
      <c r="FO1331" s="91"/>
      <c r="FP1331" s="91"/>
      <c r="FQ1331" s="91"/>
      <c r="FR1331" s="91"/>
      <c r="FS1331" s="91"/>
      <c r="FT1331" s="91"/>
      <c r="FU1331" s="91"/>
      <c r="FV1331" s="91"/>
      <c r="FW1331" s="91"/>
      <c r="FX1331" s="91"/>
      <c r="FY1331" s="91"/>
      <c r="FZ1331" s="91"/>
      <c r="GA1331" s="91"/>
      <c r="GB1331" s="91"/>
      <c r="GC1331" s="91"/>
      <c r="GD1331" s="91"/>
      <c r="GE1331" s="91"/>
      <c r="GF1331" s="91"/>
      <c r="GG1331" s="91"/>
      <c r="GH1331" s="91"/>
      <c r="GI1331" s="91"/>
      <c r="GJ1331" s="91"/>
      <c r="GK1331" s="127"/>
      <c r="GL1331" s="126"/>
      <c r="GM1331" s="91"/>
      <c r="GN1331" s="91"/>
      <c r="GO1331" s="91"/>
      <c r="GP1331" s="91"/>
      <c r="GQ1331" s="91"/>
      <c r="GR1331" s="91"/>
      <c r="GS1331" s="91"/>
      <c r="GT1331" s="91"/>
      <c r="GU1331" s="91"/>
      <c r="GV1331" s="91"/>
      <c r="GW1331" s="91"/>
      <c r="GX1331" s="91"/>
      <c r="GY1331" s="91"/>
      <c r="GZ1331" s="91"/>
      <c r="HA1331" s="91"/>
      <c r="HB1331" s="91"/>
      <c r="HC1331" s="91"/>
      <c r="HD1331" s="91"/>
      <c r="HE1331" s="91"/>
      <c r="HF1331" s="91"/>
      <c r="HG1331" s="91"/>
      <c r="HH1331" s="91"/>
      <c r="HI1331" s="91"/>
      <c r="HJ1331" s="91"/>
      <c r="HK1331" s="127"/>
      <c r="HL1331" s="126"/>
      <c r="HM1331" s="91"/>
      <c r="HN1331" s="91"/>
      <c r="HO1331" s="91"/>
      <c r="HP1331" s="91"/>
      <c r="HQ1331" s="91"/>
      <c r="HR1331" s="91"/>
      <c r="HS1331" s="91"/>
      <c r="HT1331" s="91"/>
      <c r="HU1331" s="91"/>
      <c r="HV1331" s="91"/>
      <c r="HW1331" s="91"/>
      <c r="HX1331" s="91"/>
      <c r="HY1331" s="91"/>
      <c r="HZ1331" s="91"/>
      <c r="IA1331" s="91"/>
      <c r="IB1331" s="91"/>
      <c r="IC1331" s="91"/>
      <c r="ID1331" s="91"/>
      <c r="IE1331" s="91"/>
      <c r="IF1331" s="91"/>
      <c r="IG1331" s="91"/>
      <c r="IH1331" s="91"/>
      <c r="II1331" s="91"/>
      <c r="IJ1331" s="91"/>
      <c r="IK1331" s="127"/>
    </row>
    <row r="1332" spans="2:245" x14ac:dyDescent="0.2">
      <c r="B1332" s="43"/>
      <c r="C1332" s="73"/>
      <c r="D1332" s="64"/>
      <c r="E1332" s="64"/>
      <c r="F1332" s="55"/>
      <c r="G1332" s="102"/>
      <c r="H1332" s="55"/>
      <c r="I1332" s="55"/>
      <c r="J1332" s="55"/>
      <c r="K1332" s="55"/>
      <c r="L1332" s="55"/>
      <c r="M1332" s="55"/>
      <c r="N1332" s="55"/>
      <c r="O1332" s="55"/>
      <c r="P1332" s="55"/>
      <c r="Q1332" s="55"/>
      <c r="R1332" s="55"/>
      <c r="S1332" s="55"/>
      <c r="T1332" s="55"/>
      <c r="U1332" s="55"/>
      <c r="V1332" s="55"/>
      <c r="W1332" s="55"/>
      <c r="X1332" s="55"/>
      <c r="Y1332" s="55"/>
      <c r="Z1332" s="55"/>
      <c r="AA1332" s="55"/>
      <c r="AB1332" s="55"/>
      <c r="AC1332" s="55"/>
      <c r="AD1332" s="55"/>
      <c r="AE1332" s="55"/>
      <c r="AF1332" s="55"/>
      <c r="AG1332" s="55"/>
      <c r="AY1332" s="162"/>
      <c r="AZ1332" s="162"/>
      <c r="BA1332" s="162"/>
      <c r="BB1332" s="162"/>
      <c r="BC1332" s="162"/>
      <c r="BD1332" s="162"/>
      <c r="BE1332" s="162"/>
      <c r="BF1332" s="162"/>
      <c r="BG1332" s="162"/>
      <c r="BH1332" s="162"/>
      <c r="BI1332" s="162"/>
      <c r="BJ1332" s="162"/>
      <c r="BK1332" s="162"/>
      <c r="BL1332" s="162"/>
      <c r="BM1332" s="162"/>
      <c r="BN1332" s="162"/>
      <c r="BO1332" s="162"/>
      <c r="BP1332" s="162"/>
      <c r="BQ1332" s="162"/>
      <c r="BR1332" s="162"/>
      <c r="BS1332" s="162"/>
      <c r="BT1332" s="162"/>
      <c r="BU1332" s="162"/>
      <c r="BV1332" s="162"/>
      <c r="BW1332" s="162"/>
      <c r="BX1332" s="162"/>
      <c r="BY1332" s="162"/>
      <c r="BZ1332" s="162"/>
      <c r="CA1332" s="162"/>
      <c r="CB1332" s="162"/>
      <c r="CC1332" s="162"/>
      <c r="CD1332" s="162"/>
      <c r="CE1332" s="162"/>
      <c r="CF1332" s="162"/>
      <c r="CG1332" s="162"/>
      <c r="CH1332" s="162"/>
      <c r="CI1332" s="162"/>
      <c r="CJ1332" s="162"/>
      <c r="CK1332" s="162"/>
      <c r="CX1332" s="98"/>
      <c r="DL1332" s="97"/>
      <c r="DX1332" s="98"/>
      <c r="EL1332" s="97"/>
      <c r="EX1332" s="98"/>
      <c r="EY1332" s="97"/>
      <c r="FL1332" s="126"/>
      <c r="FM1332" s="91"/>
      <c r="FN1332" s="91"/>
      <c r="FO1332" s="91"/>
      <c r="FP1332" s="91"/>
      <c r="FQ1332" s="91"/>
      <c r="FR1332" s="91"/>
      <c r="FS1332" s="91"/>
      <c r="FT1332" s="91"/>
      <c r="FU1332" s="91"/>
      <c r="FV1332" s="91"/>
      <c r="FW1332" s="91"/>
      <c r="FX1332" s="91"/>
      <c r="FY1332" s="91"/>
      <c r="FZ1332" s="91"/>
      <c r="GA1332" s="91"/>
      <c r="GB1332" s="91"/>
      <c r="GC1332" s="91"/>
      <c r="GD1332" s="91"/>
      <c r="GE1332" s="91"/>
      <c r="GF1332" s="91"/>
      <c r="GG1332" s="91"/>
      <c r="GH1332" s="91"/>
      <c r="GI1332" s="91"/>
      <c r="GJ1332" s="91"/>
      <c r="GK1332" s="127"/>
      <c r="GL1332" s="126"/>
      <c r="GM1332" s="91"/>
      <c r="GN1332" s="91"/>
      <c r="GO1332" s="91"/>
      <c r="GP1332" s="91"/>
      <c r="GQ1332" s="91"/>
      <c r="GR1332" s="91"/>
      <c r="GS1332" s="91"/>
      <c r="GT1332" s="91"/>
      <c r="GU1332" s="91"/>
      <c r="GV1332" s="91"/>
      <c r="GW1332" s="91"/>
      <c r="GX1332" s="91"/>
      <c r="GY1332" s="91"/>
      <c r="GZ1332" s="91"/>
      <c r="HA1332" s="91"/>
      <c r="HB1332" s="91"/>
      <c r="HC1332" s="91"/>
      <c r="HD1332" s="91"/>
      <c r="HE1332" s="91"/>
      <c r="HF1332" s="91"/>
      <c r="HG1332" s="91"/>
      <c r="HH1332" s="91"/>
      <c r="HI1332" s="91"/>
      <c r="HJ1332" s="91"/>
      <c r="HK1332" s="127"/>
      <c r="HL1332" s="126"/>
      <c r="HM1332" s="91"/>
      <c r="HN1332" s="91"/>
      <c r="HO1332" s="91"/>
      <c r="HP1332" s="91"/>
      <c r="HQ1332" s="91"/>
      <c r="HR1332" s="91"/>
      <c r="HS1332" s="91"/>
      <c r="HT1332" s="91"/>
      <c r="HU1332" s="91"/>
      <c r="HV1332" s="91"/>
      <c r="HW1332" s="91"/>
      <c r="HX1332" s="91"/>
      <c r="HY1332" s="91"/>
      <c r="HZ1332" s="91"/>
      <c r="IA1332" s="91"/>
      <c r="IB1332" s="91"/>
      <c r="IC1332" s="91"/>
      <c r="ID1332" s="91"/>
      <c r="IE1332" s="91"/>
      <c r="IF1332" s="91"/>
      <c r="IG1332" s="91"/>
      <c r="IH1332" s="91"/>
      <c r="II1332" s="91"/>
      <c r="IJ1332" s="91"/>
      <c r="IK1332" s="127"/>
    </row>
    <row r="1333" spans="2:245" x14ac:dyDescent="0.2">
      <c r="B1333" s="43"/>
      <c r="C1333" s="73"/>
      <c r="D1333" s="64"/>
      <c r="E1333" s="64"/>
      <c r="F1333" s="55"/>
      <c r="G1333" s="102"/>
      <c r="H1333" s="55"/>
      <c r="I1333" s="55"/>
      <c r="J1333" s="55"/>
      <c r="K1333" s="55"/>
      <c r="L1333" s="55"/>
      <c r="M1333" s="55"/>
      <c r="N1333" s="55"/>
      <c r="O1333" s="55"/>
      <c r="P1333" s="55"/>
      <c r="Q1333" s="55"/>
      <c r="R1333" s="55"/>
      <c r="S1333" s="55"/>
      <c r="T1333" s="55"/>
      <c r="U1333" s="55"/>
      <c r="V1333" s="55"/>
      <c r="W1333" s="55"/>
      <c r="X1333" s="55"/>
      <c r="Y1333" s="55"/>
      <c r="Z1333" s="55"/>
      <c r="AA1333" s="55"/>
      <c r="AB1333" s="55"/>
      <c r="AC1333" s="55"/>
      <c r="AD1333" s="55"/>
      <c r="AE1333" s="55"/>
      <c r="AF1333" s="55"/>
      <c r="AG1333" s="55"/>
      <c r="AY1333" s="162"/>
      <c r="AZ1333" s="162"/>
      <c r="BA1333" s="162"/>
      <c r="BB1333" s="162"/>
      <c r="BC1333" s="162"/>
      <c r="BD1333" s="162"/>
      <c r="BE1333" s="162"/>
      <c r="BF1333" s="162"/>
      <c r="BG1333" s="162"/>
      <c r="BH1333" s="162"/>
      <c r="BI1333" s="162"/>
      <c r="BJ1333" s="162"/>
      <c r="BK1333" s="162"/>
      <c r="BL1333" s="162"/>
      <c r="BM1333" s="162"/>
      <c r="BN1333" s="162"/>
      <c r="BO1333" s="162"/>
      <c r="BP1333" s="162"/>
      <c r="BQ1333" s="162"/>
      <c r="BR1333" s="162"/>
      <c r="BS1333" s="162"/>
      <c r="BT1333" s="162"/>
      <c r="BU1333" s="162"/>
      <c r="BV1333" s="162"/>
      <c r="BW1333" s="162"/>
      <c r="BX1333" s="162"/>
      <c r="BY1333" s="162"/>
      <c r="BZ1333" s="162"/>
      <c r="CA1333" s="162"/>
      <c r="CB1333" s="162"/>
      <c r="CC1333" s="162"/>
      <c r="CD1333" s="162"/>
      <c r="CE1333" s="162"/>
      <c r="CF1333" s="162"/>
      <c r="CG1333" s="162"/>
      <c r="CH1333" s="162"/>
      <c r="CI1333" s="162"/>
      <c r="CJ1333" s="162"/>
      <c r="CK1333" s="162"/>
      <c r="CX1333" s="98"/>
      <c r="DL1333" s="97"/>
      <c r="DX1333" s="98"/>
      <c r="EL1333" s="97"/>
      <c r="EX1333" s="98"/>
      <c r="EY1333" s="97"/>
      <c r="FL1333" s="126"/>
      <c r="FM1333" s="91"/>
      <c r="FN1333" s="91"/>
      <c r="FO1333" s="91"/>
      <c r="FP1333" s="91"/>
      <c r="FQ1333" s="91"/>
      <c r="FR1333" s="91"/>
      <c r="FS1333" s="91"/>
      <c r="FT1333" s="91"/>
      <c r="FU1333" s="91"/>
      <c r="FV1333" s="91"/>
      <c r="FW1333" s="91"/>
      <c r="FX1333" s="91"/>
      <c r="FY1333" s="91"/>
      <c r="FZ1333" s="91"/>
      <c r="GA1333" s="91"/>
      <c r="GB1333" s="91"/>
      <c r="GC1333" s="91"/>
      <c r="GD1333" s="91"/>
      <c r="GE1333" s="91"/>
      <c r="GF1333" s="91"/>
      <c r="GG1333" s="91"/>
      <c r="GH1333" s="91"/>
      <c r="GI1333" s="91"/>
      <c r="GJ1333" s="91"/>
      <c r="GK1333" s="127"/>
      <c r="GL1333" s="126"/>
      <c r="GM1333" s="91"/>
      <c r="GN1333" s="91"/>
      <c r="GO1333" s="91"/>
      <c r="GP1333" s="91"/>
      <c r="GQ1333" s="91"/>
      <c r="GR1333" s="91"/>
      <c r="GS1333" s="91"/>
      <c r="GT1333" s="91"/>
      <c r="GU1333" s="91"/>
      <c r="GV1333" s="91"/>
      <c r="GW1333" s="91"/>
      <c r="GX1333" s="91"/>
      <c r="GY1333" s="91"/>
      <c r="GZ1333" s="91"/>
      <c r="HA1333" s="91"/>
      <c r="HB1333" s="91"/>
      <c r="HC1333" s="91"/>
      <c r="HD1333" s="91"/>
      <c r="HE1333" s="91"/>
      <c r="HF1333" s="91"/>
      <c r="HG1333" s="91"/>
      <c r="HH1333" s="91"/>
      <c r="HI1333" s="91"/>
      <c r="HJ1333" s="91"/>
      <c r="HK1333" s="127"/>
      <c r="HL1333" s="126"/>
      <c r="HM1333" s="91"/>
      <c r="HN1333" s="91"/>
      <c r="HO1333" s="91"/>
      <c r="HP1333" s="91"/>
      <c r="HQ1333" s="91"/>
      <c r="HR1333" s="91"/>
      <c r="HS1333" s="91"/>
      <c r="HT1333" s="91"/>
      <c r="HU1333" s="91"/>
      <c r="HV1333" s="91"/>
      <c r="HW1333" s="91"/>
      <c r="HX1333" s="91"/>
      <c r="HY1333" s="91"/>
      <c r="HZ1333" s="91"/>
      <c r="IA1333" s="91"/>
      <c r="IB1333" s="91"/>
      <c r="IC1333" s="91"/>
      <c r="ID1333" s="91"/>
      <c r="IE1333" s="91"/>
      <c r="IF1333" s="91"/>
      <c r="IG1333" s="91"/>
      <c r="IH1333" s="91"/>
      <c r="II1333" s="91"/>
      <c r="IJ1333" s="91"/>
      <c r="IK1333" s="127"/>
    </row>
    <row r="1334" spans="2:245" x14ac:dyDescent="0.2">
      <c r="B1334" s="43"/>
      <c r="C1334" s="73"/>
      <c r="D1334" s="64"/>
      <c r="E1334" s="64"/>
      <c r="F1334" s="55"/>
      <c r="G1334" s="102"/>
      <c r="H1334" s="55"/>
      <c r="I1334" s="55"/>
      <c r="J1334" s="55"/>
      <c r="K1334" s="55"/>
      <c r="L1334" s="55"/>
      <c r="M1334" s="55"/>
      <c r="N1334" s="55"/>
      <c r="O1334" s="55"/>
      <c r="P1334" s="55"/>
      <c r="Q1334" s="55"/>
      <c r="R1334" s="55"/>
      <c r="S1334" s="55"/>
      <c r="T1334" s="55"/>
      <c r="U1334" s="55"/>
      <c r="V1334" s="55"/>
      <c r="W1334" s="55"/>
      <c r="X1334" s="55"/>
      <c r="Y1334" s="55"/>
      <c r="Z1334" s="55"/>
      <c r="AA1334" s="55"/>
      <c r="AB1334" s="55"/>
      <c r="AC1334" s="55"/>
      <c r="AD1334" s="55"/>
      <c r="AE1334" s="55"/>
      <c r="AF1334" s="55"/>
      <c r="AG1334" s="55"/>
      <c r="AY1334" s="162"/>
      <c r="AZ1334" s="162"/>
      <c r="BA1334" s="162"/>
      <c r="BB1334" s="162"/>
      <c r="BC1334" s="162"/>
      <c r="BD1334" s="162"/>
      <c r="BE1334" s="162"/>
      <c r="BF1334" s="162"/>
      <c r="BG1334" s="162"/>
      <c r="BH1334" s="162"/>
      <c r="BI1334" s="162"/>
      <c r="BJ1334" s="162"/>
      <c r="BK1334" s="162"/>
      <c r="BL1334" s="162"/>
      <c r="BM1334" s="162"/>
      <c r="BN1334" s="162"/>
      <c r="BO1334" s="162"/>
      <c r="BP1334" s="162"/>
      <c r="BQ1334" s="162"/>
      <c r="BR1334" s="162"/>
      <c r="BS1334" s="162"/>
      <c r="BT1334" s="162"/>
      <c r="BU1334" s="162"/>
      <c r="BV1334" s="162"/>
      <c r="BW1334" s="162"/>
      <c r="BX1334" s="162"/>
      <c r="BY1334" s="162"/>
      <c r="BZ1334" s="162"/>
      <c r="CA1334" s="162"/>
      <c r="CB1334" s="162"/>
      <c r="CC1334" s="162"/>
      <c r="CD1334" s="162"/>
      <c r="CE1334" s="162"/>
      <c r="CF1334" s="162"/>
      <c r="CG1334" s="162"/>
      <c r="CH1334" s="162"/>
      <c r="CI1334" s="162"/>
      <c r="CJ1334" s="162"/>
      <c r="CK1334" s="162"/>
      <c r="CX1334" s="98"/>
      <c r="DL1334" s="97"/>
      <c r="DX1334" s="98"/>
      <c r="EL1334" s="97"/>
      <c r="EX1334" s="98"/>
      <c r="EY1334" s="97"/>
      <c r="FL1334" s="126"/>
      <c r="FM1334" s="91"/>
      <c r="FN1334" s="91"/>
      <c r="FO1334" s="91"/>
      <c r="FP1334" s="91"/>
      <c r="FQ1334" s="91"/>
      <c r="FR1334" s="91"/>
      <c r="FS1334" s="91"/>
      <c r="FT1334" s="91"/>
      <c r="FU1334" s="91"/>
      <c r="FV1334" s="91"/>
      <c r="FW1334" s="91"/>
      <c r="FX1334" s="91"/>
      <c r="FY1334" s="91"/>
      <c r="FZ1334" s="91"/>
      <c r="GA1334" s="91"/>
      <c r="GB1334" s="91"/>
      <c r="GC1334" s="91"/>
      <c r="GD1334" s="91"/>
      <c r="GE1334" s="91"/>
      <c r="GF1334" s="91"/>
      <c r="GG1334" s="91"/>
      <c r="GH1334" s="91"/>
      <c r="GI1334" s="91"/>
      <c r="GJ1334" s="91"/>
      <c r="GK1334" s="127"/>
      <c r="GL1334" s="126"/>
      <c r="GM1334" s="91"/>
      <c r="GN1334" s="91"/>
      <c r="GO1334" s="91"/>
      <c r="GP1334" s="91"/>
      <c r="GQ1334" s="91"/>
      <c r="GR1334" s="91"/>
      <c r="GS1334" s="91"/>
      <c r="GT1334" s="91"/>
      <c r="GU1334" s="91"/>
      <c r="GV1334" s="91"/>
      <c r="GW1334" s="91"/>
      <c r="GX1334" s="91"/>
      <c r="GY1334" s="91"/>
      <c r="GZ1334" s="91"/>
      <c r="HA1334" s="91"/>
      <c r="HB1334" s="91"/>
      <c r="HC1334" s="91"/>
      <c r="HD1334" s="91"/>
      <c r="HE1334" s="91"/>
      <c r="HF1334" s="91"/>
      <c r="HG1334" s="91"/>
      <c r="HH1334" s="91"/>
      <c r="HI1334" s="91"/>
      <c r="HJ1334" s="91"/>
      <c r="HK1334" s="127"/>
      <c r="HL1334" s="126"/>
      <c r="HM1334" s="91"/>
      <c r="HN1334" s="91"/>
      <c r="HO1334" s="91"/>
      <c r="HP1334" s="91"/>
      <c r="HQ1334" s="91"/>
      <c r="HR1334" s="91"/>
      <c r="HS1334" s="91"/>
      <c r="HT1334" s="91"/>
      <c r="HU1334" s="91"/>
      <c r="HV1334" s="91"/>
      <c r="HW1334" s="91"/>
      <c r="HX1334" s="91"/>
      <c r="HY1334" s="91"/>
      <c r="HZ1334" s="91"/>
      <c r="IA1334" s="91"/>
      <c r="IB1334" s="91"/>
      <c r="IC1334" s="91"/>
      <c r="ID1334" s="91"/>
      <c r="IE1334" s="91"/>
      <c r="IF1334" s="91"/>
      <c r="IG1334" s="91"/>
      <c r="IH1334" s="91"/>
      <c r="II1334" s="91"/>
      <c r="IJ1334" s="91"/>
      <c r="IK1334" s="127"/>
    </row>
    <row r="1335" spans="2:245" x14ac:dyDescent="0.2">
      <c r="B1335" s="43"/>
      <c r="C1335" s="73"/>
      <c r="D1335" s="64"/>
      <c r="E1335" s="64"/>
      <c r="F1335" s="55"/>
      <c r="G1335" s="102"/>
      <c r="H1335" s="55"/>
      <c r="I1335" s="55"/>
      <c r="J1335" s="55"/>
      <c r="K1335" s="55"/>
      <c r="L1335" s="55"/>
      <c r="M1335" s="55"/>
      <c r="N1335" s="55"/>
      <c r="O1335" s="55"/>
      <c r="P1335" s="55"/>
      <c r="Q1335" s="55"/>
      <c r="R1335" s="55"/>
      <c r="S1335" s="55"/>
      <c r="T1335" s="55"/>
      <c r="U1335" s="55"/>
      <c r="V1335" s="55"/>
      <c r="W1335" s="55"/>
      <c r="X1335" s="55"/>
      <c r="Y1335" s="55"/>
      <c r="Z1335" s="55"/>
      <c r="AA1335" s="55"/>
      <c r="AB1335" s="55"/>
      <c r="AC1335" s="55"/>
      <c r="AD1335" s="55"/>
      <c r="AE1335" s="55"/>
      <c r="AF1335" s="55"/>
      <c r="AG1335" s="55"/>
      <c r="AY1335" s="162"/>
      <c r="AZ1335" s="162"/>
      <c r="BA1335" s="162"/>
      <c r="BB1335" s="162"/>
      <c r="BC1335" s="162"/>
      <c r="BD1335" s="162"/>
      <c r="BE1335" s="162"/>
      <c r="BF1335" s="162"/>
      <c r="BG1335" s="162"/>
      <c r="BH1335" s="162"/>
      <c r="BI1335" s="162"/>
      <c r="BJ1335" s="162"/>
      <c r="BK1335" s="162"/>
      <c r="BL1335" s="162"/>
      <c r="BM1335" s="162"/>
      <c r="BN1335" s="162"/>
      <c r="BO1335" s="162"/>
      <c r="BP1335" s="162"/>
      <c r="BQ1335" s="162"/>
      <c r="BR1335" s="162"/>
      <c r="BS1335" s="162"/>
      <c r="BT1335" s="162"/>
      <c r="BU1335" s="162"/>
      <c r="BV1335" s="162"/>
      <c r="BW1335" s="162"/>
      <c r="BX1335" s="162"/>
      <c r="BY1335" s="162"/>
      <c r="BZ1335" s="162"/>
      <c r="CA1335" s="162"/>
      <c r="CB1335" s="162"/>
      <c r="CC1335" s="162"/>
      <c r="CD1335" s="162"/>
      <c r="CE1335" s="162"/>
      <c r="CF1335" s="162"/>
      <c r="CG1335" s="162"/>
      <c r="CH1335" s="162"/>
      <c r="CI1335" s="162"/>
      <c r="CJ1335" s="162"/>
      <c r="CK1335" s="162"/>
      <c r="CX1335" s="98"/>
      <c r="DL1335" s="97"/>
      <c r="DX1335" s="98"/>
      <c r="EL1335" s="97"/>
      <c r="EX1335" s="98"/>
      <c r="EY1335" s="97"/>
      <c r="FL1335" s="126"/>
      <c r="FM1335" s="91"/>
      <c r="FN1335" s="91"/>
      <c r="FO1335" s="91"/>
      <c r="FP1335" s="91"/>
      <c r="FQ1335" s="91"/>
      <c r="FR1335" s="91"/>
      <c r="FS1335" s="91"/>
      <c r="FT1335" s="91"/>
      <c r="FU1335" s="91"/>
      <c r="FV1335" s="91"/>
      <c r="FW1335" s="91"/>
      <c r="FX1335" s="91"/>
      <c r="FY1335" s="91"/>
      <c r="FZ1335" s="91"/>
      <c r="GA1335" s="91"/>
      <c r="GB1335" s="91"/>
      <c r="GC1335" s="91"/>
      <c r="GD1335" s="91"/>
      <c r="GE1335" s="91"/>
      <c r="GF1335" s="91"/>
      <c r="GG1335" s="91"/>
      <c r="GH1335" s="91"/>
      <c r="GI1335" s="91"/>
      <c r="GJ1335" s="91"/>
      <c r="GK1335" s="127"/>
      <c r="GL1335" s="126"/>
      <c r="GM1335" s="91"/>
      <c r="GN1335" s="91"/>
      <c r="GO1335" s="91"/>
      <c r="GP1335" s="91"/>
      <c r="GQ1335" s="91"/>
      <c r="GR1335" s="91"/>
      <c r="GS1335" s="91"/>
      <c r="GT1335" s="91"/>
      <c r="GU1335" s="91"/>
      <c r="GV1335" s="91"/>
      <c r="GW1335" s="91"/>
      <c r="GX1335" s="91"/>
      <c r="GY1335" s="91"/>
      <c r="GZ1335" s="91"/>
      <c r="HA1335" s="91"/>
      <c r="HB1335" s="91"/>
      <c r="HC1335" s="91"/>
      <c r="HD1335" s="91"/>
      <c r="HE1335" s="91"/>
      <c r="HF1335" s="91"/>
      <c r="HG1335" s="91"/>
      <c r="HH1335" s="91"/>
      <c r="HI1335" s="91"/>
      <c r="HJ1335" s="91"/>
      <c r="HK1335" s="127"/>
      <c r="HL1335" s="126"/>
      <c r="HM1335" s="91"/>
      <c r="HN1335" s="91"/>
      <c r="HO1335" s="91"/>
      <c r="HP1335" s="91"/>
      <c r="HQ1335" s="91"/>
      <c r="HR1335" s="91"/>
      <c r="HS1335" s="91"/>
      <c r="HT1335" s="91"/>
      <c r="HU1335" s="91"/>
      <c r="HV1335" s="91"/>
      <c r="HW1335" s="91"/>
      <c r="HX1335" s="91"/>
      <c r="HY1335" s="91"/>
      <c r="HZ1335" s="91"/>
      <c r="IA1335" s="91"/>
      <c r="IB1335" s="91"/>
      <c r="IC1335" s="91"/>
      <c r="ID1335" s="91"/>
      <c r="IE1335" s="91"/>
      <c r="IF1335" s="91"/>
      <c r="IG1335" s="91"/>
      <c r="IH1335" s="91"/>
      <c r="II1335" s="91"/>
      <c r="IJ1335" s="91"/>
      <c r="IK1335" s="127"/>
    </row>
    <row r="1336" spans="2:245" x14ac:dyDescent="0.2">
      <c r="B1336" s="43"/>
      <c r="C1336" s="73"/>
      <c r="D1336" s="64"/>
      <c r="E1336" s="64"/>
      <c r="F1336" s="55"/>
      <c r="G1336" s="102"/>
      <c r="H1336" s="55"/>
      <c r="I1336" s="55"/>
      <c r="J1336" s="55"/>
      <c r="K1336" s="55"/>
      <c r="L1336" s="55"/>
      <c r="M1336" s="55"/>
      <c r="N1336" s="55"/>
      <c r="O1336" s="55"/>
      <c r="P1336" s="55"/>
      <c r="Q1336" s="55"/>
      <c r="R1336" s="55"/>
      <c r="S1336" s="55"/>
      <c r="T1336" s="55"/>
      <c r="U1336" s="55"/>
      <c r="V1336" s="55"/>
      <c r="W1336" s="55"/>
      <c r="X1336" s="55"/>
      <c r="Y1336" s="55"/>
      <c r="Z1336" s="55"/>
      <c r="AA1336" s="55"/>
      <c r="AB1336" s="55"/>
      <c r="AC1336" s="55"/>
      <c r="AD1336" s="55"/>
      <c r="AE1336" s="55"/>
      <c r="AF1336" s="55"/>
      <c r="AG1336" s="55"/>
      <c r="AY1336" s="162"/>
      <c r="AZ1336" s="162"/>
      <c r="BA1336" s="162"/>
      <c r="BB1336" s="162"/>
      <c r="BC1336" s="162"/>
      <c r="BD1336" s="162"/>
      <c r="BE1336" s="162"/>
      <c r="BF1336" s="162"/>
      <c r="BG1336" s="162"/>
      <c r="BH1336" s="162"/>
      <c r="BI1336" s="162"/>
      <c r="BJ1336" s="162"/>
      <c r="BK1336" s="162"/>
      <c r="BL1336" s="162"/>
      <c r="BM1336" s="162"/>
      <c r="BN1336" s="162"/>
      <c r="BO1336" s="162"/>
      <c r="BP1336" s="162"/>
      <c r="BQ1336" s="162"/>
      <c r="BR1336" s="162"/>
      <c r="BS1336" s="162"/>
      <c r="BT1336" s="162"/>
      <c r="BU1336" s="162"/>
      <c r="BV1336" s="162"/>
      <c r="BW1336" s="162"/>
      <c r="BX1336" s="162"/>
      <c r="BY1336" s="162"/>
      <c r="BZ1336" s="162"/>
      <c r="CA1336" s="162"/>
      <c r="CB1336" s="162"/>
      <c r="CC1336" s="162"/>
      <c r="CD1336" s="162"/>
      <c r="CE1336" s="162"/>
      <c r="CF1336" s="162"/>
      <c r="CG1336" s="162"/>
      <c r="CH1336" s="162"/>
      <c r="CI1336" s="162"/>
      <c r="CJ1336" s="162"/>
      <c r="CK1336" s="162"/>
      <c r="CX1336" s="98"/>
      <c r="DL1336" s="97"/>
      <c r="DX1336" s="98"/>
      <c r="EL1336" s="97"/>
      <c r="EX1336" s="98"/>
      <c r="EY1336" s="97"/>
      <c r="FL1336" s="126"/>
      <c r="FM1336" s="91"/>
      <c r="FN1336" s="91"/>
      <c r="FO1336" s="91"/>
      <c r="FP1336" s="91"/>
      <c r="FQ1336" s="91"/>
      <c r="FR1336" s="91"/>
      <c r="FS1336" s="91"/>
      <c r="FT1336" s="91"/>
      <c r="FU1336" s="91"/>
      <c r="FV1336" s="91"/>
      <c r="FW1336" s="91"/>
      <c r="FX1336" s="91"/>
      <c r="FY1336" s="91"/>
      <c r="FZ1336" s="91"/>
      <c r="GA1336" s="91"/>
      <c r="GB1336" s="91"/>
      <c r="GC1336" s="91"/>
      <c r="GD1336" s="91"/>
      <c r="GE1336" s="91"/>
      <c r="GF1336" s="91"/>
      <c r="GG1336" s="91"/>
      <c r="GH1336" s="91"/>
      <c r="GI1336" s="91"/>
      <c r="GJ1336" s="91"/>
      <c r="GK1336" s="127"/>
      <c r="GL1336" s="126"/>
      <c r="GM1336" s="91"/>
      <c r="GN1336" s="91"/>
      <c r="GO1336" s="91"/>
      <c r="GP1336" s="91"/>
      <c r="GQ1336" s="91"/>
      <c r="GR1336" s="91"/>
      <c r="GS1336" s="91"/>
      <c r="GT1336" s="91"/>
      <c r="GU1336" s="91"/>
      <c r="GV1336" s="91"/>
      <c r="GW1336" s="91"/>
      <c r="GX1336" s="91"/>
      <c r="GY1336" s="91"/>
      <c r="GZ1336" s="91"/>
      <c r="HA1336" s="91"/>
      <c r="HB1336" s="91"/>
      <c r="HC1336" s="91"/>
      <c r="HD1336" s="91"/>
      <c r="HE1336" s="91"/>
      <c r="HF1336" s="91"/>
      <c r="HG1336" s="91"/>
      <c r="HH1336" s="91"/>
      <c r="HI1336" s="91"/>
      <c r="HJ1336" s="91"/>
      <c r="HK1336" s="127"/>
      <c r="HL1336" s="126"/>
      <c r="HM1336" s="91"/>
      <c r="HN1336" s="91"/>
      <c r="HO1336" s="91"/>
      <c r="HP1336" s="91"/>
      <c r="HQ1336" s="91"/>
      <c r="HR1336" s="91"/>
      <c r="HS1336" s="91"/>
      <c r="HT1336" s="91"/>
      <c r="HU1336" s="91"/>
      <c r="HV1336" s="91"/>
      <c r="HW1336" s="91"/>
      <c r="HX1336" s="91"/>
      <c r="HY1336" s="91"/>
      <c r="HZ1336" s="91"/>
      <c r="IA1336" s="91"/>
      <c r="IB1336" s="91"/>
      <c r="IC1336" s="91"/>
      <c r="ID1336" s="91"/>
      <c r="IE1336" s="91"/>
      <c r="IF1336" s="91"/>
      <c r="IG1336" s="91"/>
      <c r="IH1336" s="91"/>
      <c r="II1336" s="91"/>
      <c r="IJ1336" s="91"/>
      <c r="IK1336" s="127"/>
    </row>
    <row r="1337" spans="2:245" x14ac:dyDescent="0.2">
      <c r="B1337" s="43"/>
      <c r="C1337" s="73"/>
      <c r="D1337" s="64"/>
      <c r="E1337" s="64"/>
      <c r="F1337" s="55"/>
      <c r="G1337" s="102"/>
      <c r="H1337" s="55"/>
      <c r="I1337" s="55"/>
      <c r="J1337" s="55"/>
      <c r="K1337" s="55"/>
      <c r="L1337" s="55"/>
      <c r="M1337" s="55"/>
      <c r="N1337" s="55"/>
      <c r="O1337" s="55"/>
      <c r="P1337" s="55"/>
      <c r="Q1337" s="55"/>
      <c r="R1337" s="55"/>
      <c r="S1337" s="55"/>
      <c r="T1337" s="55"/>
      <c r="U1337" s="55"/>
      <c r="V1337" s="55"/>
      <c r="W1337" s="55"/>
      <c r="X1337" s="55"/>
      <c r="Y1337" s="55"/>
      <c r="Z1337" s="55"/>
      <c r="AA1337" s="55"/>
      <c r="AB1337" s="55"/>
      <c r="AC1337" s="55"/>
      <c r="AD1337" s="55"/>
      <c r="AE1337" s="55"/>
      <c r="AF1337" s="55"/>
      <c r="AG1337" s="55"/>
      <c r="AY1337" s="162"/>
      <c r="AZ1337" s="162"/>
      <c r="BA1337" s="162"/>
      <c r="BB1337" s="162"/>
      <c r="BC1337" s="162"/>
      <c r="BD1337" s="162"/>
      <c r="BE1337" s="162"/>
      <c r="BF1337" s="162"/>
      <c r="BG1337" s="162"/>
      <c r="BH1337" s="162"/>
      <c r="BI1337" s="162"/>
      <c r="BJ1337" s="162"/>
      <c r="BK1337" s="162"/>
      <c r="BL1337" s="162"/>
      <c r="BM1337" s="162"/>
      <c r="BN1337" s="162"/>
      <c r="BO1337" s="162"/>
      <c r="BP1337" s="162"/>
      <c r="BQ1337" s="162"/>
      <c r="BR1337" s="162"/>
      <c r="BS1337" s="162"/>
      <c r="BT1337" s="162"/>
      <c r="BU1337" s="162"/>
      <c r="BV1337" s="162"/>
      <c r="BW1337" s="162"/>
      <c r="BX1337" s="162"/>
      <c r="BY1337" s="162"/>
      <c r="BZ1337" s="162"/>
      <c r="CA1337" s="162"/>
      <c r="CB1337" s="162"/>
      <c r="CC1337" s="162"/>
      <c r="CD1337" s="162"/>
      <c r="CE1337" s="162"/>
      <c r="CF1337" s="162"/>
      <c r="CG1337" s="162"/>
      <c r="CH1337" s="162"/>
      <c r="CI1337" s="162"/>
      <c r="CJ1337" s="162"/>
      <c r="CK1337" s="162"/>
      <c r="CX1337" s="98"/>
      <c r="DL1337" s="97"/>
      <c r="DX1337" s="98"/>
      <c r="EL1337" s="97"/>
      <c r="EX1337" s="98"/>
      <c r="EY1337" s="97"/>
      <c r="FL1337" s="126"/>
      <c r="FM1337" s="91"/>
      <c r="FN1337" s="91"/>
      <c r="FO1337" s="91"/>
      <c r="FP1337" s="91"/>
      <c r="FQ1337" s="91"/>
      <c r="FR1337" s="91"/>
      <c r="FS1337" s="91"/>
      <c r="FT1337" s="91"/>
      <c r="FU1337" s="91"/>
      <c r="FV1337" s="91"/>
      <c r="FW1337" s="91"/>
      <c r="FX1337" s="91"/>
      <c r="FY1337" s="91"/>
      <c r="FZ1337" s="91"/>
      <c r="GA1337" s="91"/>
      <c r="GB1337" s="91"/>
      <c r="GC1337" s="91"/>
      <c r="GD1337" s="91"/>
      <c r="GE1337" s="91"/>
      <c r="GF1337" s="91"/>
      <c r="GG1337" s="91"/>
      <c r="GH1337" s="91"/>
      <c r="GI1337" s="91"/>
      <c r="GJ1337" s="91"/>
      <c r="GK1337" s="127"/>
      <c r="GL1337" s="126"/>
      <c r="GM1337" s="91"/>
      <c r="GN1337" s="91"/>
      <c r="GO1337" s="91"/>
      <c r="GP1337" s="91"/>
      <c r="GQ1337" s="91"/>
      <c r="GR1337" s="91"/>
      <c r="GS1337" s="91"/>
      <c r="GT1337" s="91"/>
      <c r="GU1337" s="91"/>
      <c r="GV1337" s="91"/>
      <c r="GW1337" s="91"/>
      <c r="GX1337" s="91"/>
      <c r="GY1337" s="91"/>
      <c r="GZ1337" s="91"/>
      <c r="HA1337" s="91"/>
      <c r="HB1337" s="91"/>
      <c r="HC1337" s="91"/>
      <c r="HD1337" s="91"/>
      <c r="HE1337" s="91"/>
      <c r="HF1337" s="91"/>
      <c r="HG1337" s="91"/>
      <c r="HH1337" s="91"/>
      <c r="HI1337" s="91"/>
      <c r="HJ1337" s="91"/>
      <c r="HK1337" s="127"/>
      <c r="HL1337" s="126"/>
      <c r="HM1337" s="91"/>
      <c r="HN1337" s="91"/>
      <c r="HO1337" s="91"/>
      <c r="HP1337" s="91"/>
      <c r="HQ1337" s="91"/>
      <c r="HR1337" s="91"/>
      <c r="HS1337" s="91"/>
      <c r="HT1337" s="91"/>
      <c r="HU1337" s="91"/>
      <c r="HV1337" s="91"/>
      <c r="HW1337" s="91"/>
      <c r="HX1337" s="91"/>
      <c r="HY1337" s="91"/>
      <c r="HZ1337" s="91"/>
      <c r="IA1337" s="91"/>
      <c r="IB1337" s="91"/>
      <c r="IC1337" s="91"/>
      <c r="ID1337" s="91"/>
      <c r="IE1337" s="91"/>
      <c r="IF1337" s="91"/>
      <c r="IG1337" s="91"/>
      <c r="IH1337" s="91"/>
      <c r="II1337" s="91"/>
      <c r="IJ1337" s="91"/>
      <c r="IK1337" s="127"/>
    </row>
    <row r="1338" spans="2:245" x14ac:dyDescent="0.2">
      <c r="B1338" s="43"/>
      <c r="C1338" s="73"/>
      <c r="D1338" s="64"/>
      <c r="E1338" s="64"/>
      <c r="F1338" s="55"/>
      <c r="G1338" s="102"/>
      <c r="H1338" s="55"/>
      <c r="I1338" s="55"/>
      <c r="J1338" s="55"/>
      <c r="K1338" s="55"/>
      <c r="L1338" s="55"/>
      <c r="M1338" s="55"/>
      <c r="N1338" s="55"/>
      <c r="O1338" s="55"/>
      <c r="P1338" s="55"/>
      <c r="Q1338" s="55"/>
      <c r="R1338" s="55"/>
      <c r="S1338" s="55"/>
      <c r="T1338" s="55"/>
      <c r="U1338" s="55"/>
      <c r="V1338" s="55"/>
      <c r="W1338" s="55"/>
      <c r="X1338" s="55"/>
      <c r="Y1338" s="55"/>
      <c r="Z1338" s="55"/>
      <c r="AA1338" s="55"/>
      <c r="AB1338" s="55"/>
      <c r="AC1338" s="55"/>
      <c r="AD1338" s="55"/>
      <c r="AE1338" s="55"/>
      <c r="AF1338" s="55"/>
      <c r="AG1338" s="55"/>
      <c r="AY1338" s="162"/>
      <c r="AZ1338" s="162"/>
      <c r="BA1338" s="162"/>
      <c r="BB1338" s="162"/>
      <c r="BC1338" s="162"/>
      <c r="BD1338" s="162"/>
      <c r="BE1338" s="162"/>
      <c r="BF1338" s="162"/>
      <c r="BG1338" s="162"/>
      <c r="BH1338" s="162"/>
      <c r="BI1338" s="162"/>
      <c r="BJ1338" s="162"/>
      <c r="BK1338" s="162"/>
      <c r="BL1338" s="162"/>
      <c r="BM1338" s="162"/>
      <c r="BN1338" s="162"/>
      <c r="BO1338" s="162"/>
      <c r="BP1338" s="162"/>
      <c r="BQ1338" s="162"/>
      <c r="BR1338" s="162"/>
      <c r="BS1338" s="162"/>
      <c r="BT1338" s="162"/>
      <c r="BU1338" s="162"/>
      <c r="BV1338" s="162"/>
      <c r="BW1338" s="162"/>
      <c r="BX1338" s="162"/>
      <c r="BY1338" s="162"/>
      <c r="BZ1338" s="162"/>
      <c r="CA1338" s="162"/>
      <c r="CB1338" s="162"/>
      <c r="CC1338" s="162"/>
      <c r="CD1338" s="162"/>
      <c r="CE1338" s="162"/>
      <c r="CF1338" s="162"/>
      <c r="CG1338" s="162"/>
      <c r="CH1338" s="162"/>
      <c r="CI1338" s="162"/>
      <c r="CJ1338" s="162"/>
      <c r="CK1338" s="162"/>
      <c r="CX1338" s="98"/>
      <c r="DL1338" s="97"/>
      <c r="DX1338" s="98"/>
      <c r="EL1338" s="97"/>
      <c r="EX1338" s="98"/>
      <c r="EY1338" s="97"/>
      <c r="FL1338" s="126"/>
      <c r="FM1338" s="91"/>
      <c r="FN1338" s="91"/>
      <c r="FO1338" s="91"/>
      <c r="FP1338" s="91"/>
      <c r="FQ1338" s="91"/>
      <c r="FR1338" s="91"/>
      <c r="FS1338" s="91"/>
      <c r="FT1338" s="91"/>
      <c r="FU1338" s="91"/>
      <c r="FV1338" s="91"/>
      <c r="FW1338" s="91"/>
      <c r="FX1338" s="91"/>
      <c r="FY1338" s="91"/>
      <c r="FZ1338" s="91"/>
      <c r="GA1338" s="91"/>
      <c r="GB1338" s="91"/>
      <c r="GC1338" s="91"/>
      <c r="GD1338" s="91"/>
      <c r="GE1338" s="91"/>
      <c r="GF1338" s="91"/>
      <c r="GG1338" s="91"/>
      <c r="GH1338" s="91"/>
      <c r="GI1338" s="91"/>
      <c r="GJ1338" s="91"/>
      <c r="GK1338" s="127"/>
      <c r="GL1338" s="126"/>
      <c r="GM1338" s="91"/>
      <c r="GN1338" s="91"/>
      <c r="GO1338" s="91"/>
      <c r="GP1338" s="91"/>
      <c r="GQ1338" s="91"/>
      <c r="GR1338" s="91"/>
      <c r="GS1338" s="91"/>
      <c r="GT1338" s="91"/>
      <c r="GU1338" s="91"/>
      <c r="GV1338" s="91"/>
      <c r="GW1338" s="91"/>
      <c r="GX1338" s="91"/>
      <c r="GY1338" s="91"/>
      <c r="GZ1338" s="91"/>
      <c r="HA1338" s="91"/>
      <c r="HB1338" s="91"/>
      <c r="HC1338" s="91"/>
      <c r="HD1338" s="91"/>
      <c r="HE1338" s="91"/>
      <c r="HF1338" s="91"/>
      <c r="HG1338" s="91"/>
      <c r="HH1338" s="91"/>
      <c r="HI1338" s="91"/>
      <c r="HJ1338" s="91"/>
      <c r="HK1338" s="127"/>
      <c r="HL1338" s="126"/>
      <c r="HM1338" s="91"/>
      <c r="HN1338" s="91"/>
      <c r="HO1338" s="91"/>
      <c r="HP1338" s="91"/>
      <c r="HQ1338" s="91"/>
      <c r="HR1338" s="91"/>
      <c r="HS1338" s="91"/>
      <c r="HT1338" s="91"/>
      <c r="HU1338" s="91"/>
      <c r="HV1338" s="91"/>
      <c r="HW1338" s="91"/>
      <c r="HX1338" s="91"/>
      <c r="HY1338" s="91"/>
      <c r="HZ1338" s="91"/>
      <c r="IA1338" s="91"/>
      <c r="IB1338" s="91"/>
      <c r="IC1338" s="91"/>
      <c r="ID1338" s="91"/>
      <c r="IE1338" s="91"/>
      <c r="IF1338" s="91"/>
      <c r="IG1338" s="91"/>
      <c r="IH1338" s="91"/>
      <c r="II1338" s="91"/>
      <c r="IJ1338" s="91"/>
      <c r="IK1338" s="127"/>
    </row>
    <row r="1339" spans="2:245" x14ac:dyDescent="0.2">
      <c r="B1339" s="43"/>
      <c r="C1339" s="73"/>
      <c r="D1339" s="64"/>
      <c r="E1339" s="64"/>
      <c r="F1339" s="55"/>
      <c r="G1339" s="102"/>
      <c r="H1339" s="55"/>
      <c r="I1339" s="55"/>
      <c r="J1339" s="55"/>
      <c r="K1339" s="55"/>
      <c r="L1339" s="55"/>
      <c r="M1339" s="55"/>
      <c r="N1339" s="55"/>
      <c r="O1339" s="55"/>
      <c r="P1339" s="55"/>
      <c r="Q1339" s="55"/>
      <c r="R1339" s="55"/>
      <c r="S1339" s="55"/>
      <c r="T1339" s="55"/>
      <c r="U1339" s="55"/>
      <c r="V1339" s="55"/>
      <c r="W1339" s="55"/>
      <c r="X1339" s="55"/>
      <c r="Y1339" s="55"/>
      <c r="Z1339" s="55"/>
      <c r="AA1339" s="55"/>
      <c r="AB1339" s="55"/>
      <c r="AC1339" s="55"/>
      <c r="AD1339" s="55"/>
      <c r="AE1339" s="55"/>
      <c r="AF1339" s="55"/>
      <c r="AG1339" s="55"/>
      <c r="AY1339" s="162"/>
      <c r="AZ1339" s="162"/>
      <c r="BA1339" s="162"/>
      <c r="BB1339" s="162"/>
      <c r="BC1339" s="162"/>
      <c r="BD1339" s="162"/>
      <c r="BE1339" s="162"/>
      <c r="BF1339" s="162"/>
      <c r="BG1339" s="162"/>
      <c r="BH1339" s="162"/>
      <c r="BI1339" s="162"/>
      <c r="BJ1339" s="162"/>
      <c r="BK1339" s="162"/>
      <c r="BL1339" s="162"/>
      <c r="BM1339" s="162"/>
      <c r="BN1339" s="162"/>
      <c r="BO1339" s="162"/>
      <c r="BP1339" s="162"/>
      <c r="BQ1339" s="162"/>
      <c r="BR1339" s="162"/>
      <c r="BS1339" s="162"/>
      <c r="BT1339" s="162"/>
      <c r="BU1339" s="162"/>
      <c r="BV1339" s="162"/>
      <c r="BW1339" s="162"/>
      <c r="BX1339" s="162"/>
      <c r="BY1339" s="162"/>
      <c r="BZ1339" s="162"/>
      <c r="CA1339" s="162"/>
      <c r="CB1339" s="162"/>
      <c r="CC1339" s="162"/>
      <c r="CD1339" s="162"/>
      <c r="CE1339" s="162"/>
      <c r="CF1339" s="162"/>
      <c r="CG1339" s="162"/>
      <c r="CH1339" s="162"/>
      <c r="CI1339" s="162"/>
      <c r="CJ1339" s="162"/>
      <c r="CK1339" s="162"/>
      <c r="CX1339" s="98"/>
      <c r="DL1339" s="97"/>
      <c r="DX1339" s="98"/>
      <c r="EL1339" s="97"/>
      <c r="EX1339" s="98"/>
      <c r="EY1339" s="97"/>
      <c r="FL1339" s="126"/>
      <c r="FM1339" s="91"/>
      <c r="FN1339" s="91"/>
      <c r="FO1339" s="91"/>
      <c r="FP1339" s="91"/>
      <c r="FQ1339" s="91"/>
      <c r="FR1339" s="91"/>
      <c r="FS1339" s="91"/>
      <c r="FT1339" s="91"/>
      <c r="FU1339" s="91"/>
      <c r="FV1339" s="91"/>
      <c r="FW1339" s="91"/>
      <c r="FX1339" s="91"/>
      <c r="FY1339" s="91"/>
      <c r="FZ1339" s="91"/>
      <c r="GA1339" s="91"/>
      <c r="GB1339" s="91"/>
      <c r="GC1339" s="91"/>
      <c r="GD1339" s="91"/>
      <c r="GE1339" s="91"/>
      <c r="GF1339" s="91"/>
      <c r="GG1339" s="91"/>
      <c r="GH1339" s="91"/>
      <c r="GI1339" s="91"/>
      <c r="GJ1339" s="91"/>
      <c r="GK1339" s="127"/>
      <c r="GL1339" s="126"/>
      <c r="GM1339" s="91"/>
      <c r="GN1339" s="91"/>
      <c r="GO1339" s="91"/>
      <c r="GP1339" s="91"/>
      <c r="GQ1339" s="91"/>
      <c r="GR1339" s="91"/>
      <c r="GS1339" s="91"/>
      <c r="GT1339" s="91"/>
      <c r="GU1339" s="91"/>
      <c r="GV1339" s="91"/>
      <c r="GW1339" s="91"/>
      <c r="GX1339" s="91"/>
      <c r="GY1339" s="91"/>
      <c r="GZ1339" s="91"/>
      <c r="HA1339" s="91"/>
      <c r="HB1339" s="91"/>
      <c r="HC1339" s="91"/>
      <c r="HD1339" s="91"/>
      <c r="HE1339" s="91"/>
      <c r="HF1339" s="91"/>
      <c r="HG1339" s="91"/>
      <c r="HH1339" s="91"/>
      <c r="HI1339" s="91"/>
      <c r="HJ1339" s="91"/>
      <c r="HK1339" s="127"/>
      <c r="HL1339" s="126"/>
      <c r="HM1339" s="91"/>
      <c r="HN1339" s="91"/>
      <c r="HO1339" s="91"/>
      <c r="HP1339" s="91"/>
      <c r="HQ1339" s="91"/>
      <c r="HR1339" s="91"/>
      <c r="HS1339" s="91"/>
      <c r="HT1339" s="91"/>
      <c r="HU1339" s="91"/>
      <c r="HV1339" s="91"/>
      <c r="HW1339" s="91"/>
      <c r="HX1339" s="91"/>
      <c r="HY1339" s="91"/>
      <c r="HZ1339" s="91"/>
      <c r="IA1339" s="91"/>
      <c r="IB1339" s="91"/>
      <c r="IC1339" s="91"/>
      <c r="ID1339" s="91"/>
      <c r="IE1339" s="91"/>
      <c r="IF1339" s="91"/>
      <c r="IG1339" s="91"/>
      <c r="IH1339" s="91"/>
      <c r="II1339" s="91"/>
      <c r="IJ1339" s="91"/>
      <c r="IK1339" s="127"/>
    </row>
    <row r="1340" spans="2:245" x14ac:dyDescent="0.2">
      <c r="B1340" s="43"/>
      <c r="C1340" s="73"/>
      <c r="D1340" s="64"/>
      <c r="E1340" s="64"/>
      <c r="F1340" s="55"/>
      <c r="G1340" s="102"/>
      <c r="H1340" s="55"/>
      <c r="I1340" s="55"/>
      <c r="J1340" s="55"/>
      <c r="K1340" s="55"/>
      <c r="L1340" s="55"/>
      <c r="M1340" s="55"/>
      <c r="N1340" s="55"/>
      <c r="O1340" s="55"/>
      <c r="P1340" s="55"/>
      <c r="Q1340" s="55"/>
      <c r="R1340" s="55"/>
      <c r="S1340" s="55"/>
      <c r="T1340" s="55"/>
      <c r="U1340" s="55"/>
      <c r="V1340" s="55"/>
      <c r="W1340" s="55"/>
      <c r="X1340" s="55"/>
      <c r="Y1340" s="55"/>
      <c r="Z1340" s="55"/>
      <c r="AA1340" s="55"/>
      <c r="AB1340" s="55"/>
      <c r="AC1340" s="55"/>
      <c r="AD1340" s="55"/>
      <c r="AE1340" s="55"/>
      <c r="AF1340" s="55"/>
      <c r="AG1340" s="55"/>
      <c r="AY1340" s="162"/>
      <c r="AZ1340" s="162"/>
      <c r="BA1340" s="162"/>
      <c r="BB1340" s="162"/>
      <c r="BC1340" s="162"/>
      <c r="BD1340" s="162"/>
      <c r="BE1340" s="162"/>
      <c r="BF1340" s="162"/>
      <c r="BG1340" s="162"/>
      <c r="BH1340" s="162"/>
      <c r="BI1340" s="162"/>
      <c r="BJ1340" s="162"/>
      <c r="BK1340" s="162"/>
      <c r="BL1340" s="162"/>
      <c r="BM1340" s="162"/>
      <c r="BN1340" s="162"/>
      <c r="BO1340" s="162"/>
      <c r="BP1340" s="162"/>
      <c r="BQ1340" s="162"/>
      <c r="BR1340" s="162"/>
      <c r="BS1340" s="162"/>
      <c r="BT1340" s="162"/>
      <c r="BU1340" s="162"/>
      <c r="BV1340" s="162"/>
      <c r="BW1340" s="162"/>
      <c r="BX1340" s="162"/>
      <c r="BY1340" s="162"/>
      <c r="BZ1340" s="162"/>
      <c r="CA1340" s="162"/>
      <c r="CB1340" s="162"/>
      <c r="CC1340" s="162"/>
      <c r="CD1340" s="162"/>
      <c r="CE1340" s="162"/>
      <c r="CF1340" s="162"/>
      <c r="CG1340" s="162"/>
      <c r="CH1340" s="162"/>
      <c r="CI1340" s="162"/>
      <c r="CJ1340" s="162"/>
      <c r="CK1340" s="162"/>
      <c r="CX1340" s="98"/>
      <c r="DL1340" s="97"/>
      <c r="DX1340" s="98"/>
      <c r="EL1340" s="97"/>
      <c r="EX1340" s="98"/>
      <c r="EY1340" s="97"/>
      <c r="FL1340" s="126"/>
      <c r="FM1340" s="91"/>
      <c r="FN1340" s="91"/>
      <c r="FO1340" s="91"/>
      <c r="FP1340" s="91"/>
      <c r="FQ1340" s="91"/>
      <c r="FR1340" s="91"/>
      <c r="FS1340" s="91"/>
      <c r="FT1340" s="91"/>
      <c r="FU1340" s="91"/>
      <c r="FV1340" s="91"/>
      <c r="FW1340" s="91"/>
      <c r="FX1340" s="91"/>
      <c r="FY1340" s="91"/>
      <c r="FZ1340" s="91"/>
      <c r="GA1340" s="91"/>
      <c r="GB1340" s="91"/>
      <c r="GC1340" s="91"/>
      <c r="GD1340" s="91"/>
      <c r="GE1340" s="91"/>
      <c r="GF1340" s="91"/>
      <c r="GG1340" s="91"/>
      <c r="GH1340" s="91"/>
      <c r="GI1340" s="91"/>
      <c r="GJ1340" s="91"/>
      <c r="GK1340" s="127"/>
      <c r="GL1340" s="126"/>
      <c r="GM1340" s="91"/>
      <c r="GN1340" s="91"/>
      <c r="GO1340" s="91"/>
      <c r="GP1340" s="91"/>
      <c r="GQ1340" s="91"/>
      <c r="GR1340" s="91"/>
      <c r="GS1340" s="91"/>
      <c r="GT1340" s="91"/>
      <c r="GU1340" s="91"/>
      <c r="GV1340" s="91"/>
      <c r="GW1340" s="91"/>
      <c r="GX1340" s="91"/>
      <c r="GY1340" s="91"/>
      <c r="GZ1340" s="91"/>
      <c r="HA1340" s="91"/>
      <c r="HB1340" s="91"/>
      <c r="HC1340" s="91"/>
      <c r="HD1340" s="91"/>
      <c r="HE1340" s="91"/>
      <c r="HF1340" s="91"/>
      <c r="HG1340" s="91"/>
      <c r="HH1340" s="91"/>
      <c r="HI1340" s="91"/>
      <c r="HJ1340" s="91"/>
      <c r="HK1340" s="127"/>
      <c r="HL1340" s="126"/>
      <c r="HM1340" s="91"/>
      <c r="HN1340" s="91"/>
      <c r="HO1340" s="91"/>
      <c r="HP1340" s="91"/>
      <c r="HQ1340" s="91"/>
      <c r="HR1340" s="91"/>
      <c r="HS1340" s="91"/>
      <c r="HT1340" s="91"/>
      <c r="HU1340" s="91"/>
      <c r="HV1340" s="91"/>
      <c r="HW1340" s="91"/>
      <c r="HX1340" s="91"/>
      <c r="HY1340" s="91"/>
      <c r="HZ1340" s="91"/>
      <c r="IA1340" s="91"/>
      <c r="IB1340" s="91"/>
      <c r="IC1340" s="91"/>
      <c r="ID1340" s="91"/>
      <c r="IE1340" s="91"/>
      <c r="IF1340" s="91"/>
      <c r="IG1340" s="91"/>
      <c r="IH1340" s="91"/>
      <c r="II1340" s="91"/>
      <c r="IJ1340" s="91"/>
      <c r="IK1340" s="127"/>
    </row>
    <row r="1341" spans="2:245" x14ac:dyDescent="0.2">
      <c r="B1341" s="43"/>
      <c r="C1341" s="73"/>
      <c r="D1341" s="64"/>
      <c r="E1341" s="64"/>
      <c r="F1341" s="55"/>
      <c r="G1341" s="102"/>
      <c r="H1341" s="55"/>
      <c r="I1341" s="55"/>
      <c r="J1341" s="55"/>
      <c r="K1341" s="55"/>
      <c r="L1341" s="55"/>
      <c r="M1341" s="55"/>
      <c r="N1341" s="55"/>
      <c r="O1341" s="55"/>
      <c r="P1341" s="55"/>
      <c r="Q1341" s="55"/>
      <c r="R1341" s="55"/>
      <c r="S1341" s="55"/>
      <c r="T1341" s="55"/>
      <c r="U1341" s="55"/>
      <c r="V1341" s="55"/>
      <c r="W1341" s="55"/>
      <c r="X1341" s="55"/>
      <c r="Y1341" s="55"/>
      <c r="Z1341" s="55"/>
      <c r="AA1341" s="55"/>
      <c r="AB1341" s="55"/>
      <c r="AC1341" s="55"/>
      <c r="AD1341" s="55"/>
      <c r="AE1341" s="55"/>
      <c r="AF1341" s="55"/>
      <c r="AG1341" s="55"/>
      <c r="AY1341" s="162"/>
      <c r="AZ1341" s="162"/>
      <c r="BA1341" s="162"/>
      <c r="BB1341" s="162"/>
      <c r="BC1341" s="162"/>
      <c r="BD1341" s="162"/>
      <c r="BE1341" s="162"/>
      <c r="BF1341" s="162"/>
      <c r="BG1341" s="162"/>
      <c r="BH1341" s="162"/>
      <c r="BI1341" s="162"/>
      <c r="BJ1341" s="162"/>
      <c r="BK1341" s="162"/>
      <c r="BL1341" s="162"/>
      <c r="BM1341" s="162"/>
      <c r="BN1341" s="162"/>
      <c r="BO1341" s="162"/>
      <c r="BP1341" s="162"/>
      <c r="BQ1341" s="162"/>
      <c r="BR1341" s="162"/>
      <c r="BS1341" s="162"/>
      <c r="BT1341" s="162"/>
      <c r="BU1341" s="162"/>
      <c r="BV1341" s="162"/>
      <c r="BW1341" s="162"/>
      <c r="BX1341" s="162"/>
      <c r="BY1341" s="162"/>
      <c r="BZ1341" s="162"/>
      <c r="CA1341" s="162"/>
      <c r="CB1341" s="162"/>
      <c r="CC1341" s="162"/>
      <c r="CD1341" s="162"/>
      <c r="CE1341" s="162"/>
      <c r="CF1341" s="162"/>
      <c r="CG1341" s="162"/>
      <c r="CH1341" s="162"/>
      <c r="CI1341" s="162"/>
      <c r="CJ1341" s="162"/>
      <c r="CK1341" s="162"/>
      <c r="CX1341" s="98"/>
      <c r="DL1341" s="97"/>
      <c r="DX1341" s="98"/>
      <c r="EL1341" s="97"/>
      <c r="EX1341" s="98"/>
      <c r="EY1341" s="97"/>
      <c r="FL1341" s="126"/>
      <c r="FM1341" s="91"/>
      <c r="FN1341" s="91"/>
      <c r="FO1341" s="91"/>
      <c r="FP1341" s="91"/>
      <c r="FQ1341" s="91"/>
      <c r="FR1341" s="91"/>
      <c r="FS1341" s="91"/>
      <c r="FT1341" s="91"/>
      <c r="FU1341" s="91"/>
      <c r="FV1341" s="91"/>
      <c r="FW1341" s="91"/>
      <c r="FX1341" s="91"/>
      <c r="FY1341" s="91"/>
      <c r="FZ1341" s="91"/>
      <c r="GA1341" s="91"/>
      <c r="GB1341" s="91"/>
      <c r="GC1341" s="91"/>
      <c r="GD1341" s="91"/>
      <c r="GE1341" s="91"/>
      <c r="GF1341" s="91"/>
      <c r="GG1341" s="91"/>
      <c r="GH1341" s="91"/>
      <c r="GI1341" s="91"/>
      <c r="GJ1341" s="91"/>
      <c r="GK1341" s="127"/>
      <c r="GL1341" s="126"/>
      <c r="GM1341" s="91"/>
      <c r="GN1341" s="91"/>
      <c r="GO1341" s="91"/>
      <c r="GP1341" s="91"/>
      <c r="GQ1341" s="91"/>
      <c r="GR1341" s="91"/>
      <c r="GS1341" s="91"/>
      <c r="GT1341" s="91"/>
      <c r="GU1341" s="91"/>
      <c r="GV1341" s="91"/>
      <c r="GW1341" s="91"/>
      <c r="GX1341" s="91"/>
      <c r="GY1341" s="91"/>
      <c r="GZ1341" s="91"/>
      <c r="HA1341" s="91"/>
      <c r="HB1341" s="91"/>
      <c r="HC1341" s="91"/>
      <c r="HD1341" s="91"/>
      <c r="HE1341" s="91"/>
      <c r="HF1341" s="91"/>
      <c r="HG1341" s="91"/>
      <c r="HH1341" s="91"/>
      <c r="HI1341" s="91"/>
      <c r="HJ1341" s="91"/>
      <c r="HK1341" s="127"/>
      <c r="HL1341" s="126"/>
      <c r="HM1341" s="91"/>
      <c r="HN1341" s="91"/>
      <c r="HO1341" s="91"/>
      <c r="HP1341" s="91"/>
      <c r="HQ1341" s="91"/>
      <c r="HR1341" s="91"/>
      <c r="HS1341" s="91"/>
      <c r="HT1341" s="91"/>
      <c r="HU1341" s="91"/>
      <c r="HV1341" s="91"/>
      <c r="HW1341" s="91"/>
      <c r="HX1341" s="91"/>
      <c r="HY1341" s="91"/>
      <c r="HZ1341" s="91"/>
      <c r="IA1341" s="91"/>
      <c r="IB1341" s="91"/>
      <c r="IC1341" s="91"/>
      <c r="ID1341" s="91"/>
      <c r="IE1341" s="91"/>
      <c r="IF1341" s="91"/>
      <c r="IG1341" s="91"/>
      <c r="IH1341" s="91"/>
      <c r="II1341" s="91"/>
      <c r="IJ1341" s="91"/>
      <c r="IK1341" s="127"/>
    </row>
    <row r="1342" spans="2:245" x14ac:dyDescent="0.2">
      <c r="B1342" s="43"/>
      <c r="C1342" s="73"/>
      <c r="D1342" s="64"/>
      <c r="E1342" s="64"/>
      <c r="F1342" s="55"/>
      <c r="G1342" s="102"/>
      <c r="H1342" s="55"/>
      <c r="I1342" s="55"/>
      <c r="J1342" s="55"/>
      <c r="K1342" s="55"/>
      <c r="L1342" s="55"/>
      <c r="M1342" s="55"/>
      <c r="N1342" s="55"/>
      <c r="O1342" s="55"/>
      <c r="P1342" s="55"/>
      <c r="Q1342" s="55"/>
      <c r="R1342" s="55"/>
      <c r="S1342" s="55"/>
      <c r="T1342" s="55"/>
      <c r="U1342" s="55"/>
      <c r="V1342" s="55"/>
      <c r="W1342" s="55"/>
      <c r="X1342" s="55"/>
      <c r="Y1342" s="55"/>
      <c r="Z1342" s="55"/>
      <c r="AA1342" s="55"/>
      <c r="AB1342" s="55"/>
      <c r="AC1342" s="55"/>
      <c r="AD1342" s="55"/>
      <c r="AE1342" s="55"/>
      <c r="AF1342" s="55"/>
      <c r="AG1342" s="55"/>
      <c r="AY1342" s="162"/>
      <c r="AZ1342" s="162"/>
      <c r="BA1342" s="162"/>
      <c r="BB1342" s="162"/>
      <c r="BC1342" s="162"/>
      <c r="BD1342" s="162"/>
      <c r="BE1342" s="162"/>
      <c r="BF1342" s="162"/>
      <c r="BG1342" s="162"/>
      <c r="BH1342" s="162"/>
      <c r="BI1342" s="162"/>
      <c r="BJ1342" s="162"/>
      <c r="BK1342" s="162"/>
      <c r="BL1342" s="162"/>
      <c r="BM1342" s="162"/>
      <c r="BN1342" s="162"/>
      <c r="BO1342" s="162"/>
      <c r="BP1342" s="162"/>
      <c r="BQ1342" s="162"/>
      <c r="BR1342" s="162"/>
      <c r="BS1342" s="162"/>
      <c r="BT1342" s="162"/>
      <c r="BU1342" s="162"/>
      <c r="BV1342" s="162"/>
      <c r="BW1342" s="162"/>
      <c r="BX1342" s="162"/>
      <c r="BY1342" s="162"/>
      <c r="BZ1342" s="162"/>
      <c r="CA1342" s="162"/>
      <c r="CB1342" s="162"/>
      <c r="CC1342" s="162"/>
      <c r="CD1342" s="162"/>
      <c r="CE1342" s="162"/>
      <c r="CF1342" s="162"/>
      <c r="CG1342" s="162"/>
      <c r="CH1342" s="162"/>
      <c r="CI1342" s="162"/>
      <c r="CJ1342" s="162"/>
      <c r="CK1342" s="162"/>
      <c r="CX1342" s="98"/>
      <c r="DL1342" s="97"/>
      <c r="DX1342" s="98"/>
      <c r="EL1342" s="97"/>
      <c r="EX1342" s="98"/>
      <c r="EY1342" s="97"/>
      <c r="FL1342" s="126"/>
      <c r="FM1342" s="91"/>
      <c r="FN1342" s="91"/>
      <c r="FO1342" s="91"/>
      <c r="FP1342" s="91"/>
      <c r="FQ1342" s="91"/>
      <c r="FR1342" s="91"/>
      <c r="FS1342" s="91"/>
      <c r="FT1342" s="91"/>
      <c r="FU1342" s="91"/>
      <c r="FV1342" s="91"/>
      <c r="FW1342" s="91"/>
      <c r="FX1342" s="91"/>
      <c r="FY1342" s="91"/>
      <c r="FZ1342" s="91"/>
      <c r="GA1342" s="91"/>
      <c r="GB1342" s="91"/>
      <c r="GC1342" s="91"/>
      <c r="GD1342" s="91"/>
      <c r="GE1342" s="91"/>
      <c r="GF1342" s="91"/>
      <c r="GG1342" s="91"/>
      <c r="GH1342" s="91"/>
      <c r="GI1342" s="91"/>
      <c r="GJ1342" s="91"/>
      <c r="GK1342" s="127"/>
      <c r="GL1342" s="126"/>
      <c r="GM1342" s="91"/>
      <c r="GN1342" s="91"/>
      <c r="GO1342" s="91"/>
      <c r="GP1342" s="91"/>
      <c r="GQ1342" s="91"/>
      <c r="GR1342" s="91"/>
      <c r="GS1342" s="91"/>
      <c r="GT1342" s="91"/>
      <c r="GU1342" s="91"/>
      <c r="GV1342" s="91"/>
      <c r="GW1342" s="91"/>
      <c r="GX1342" s="91"/>
      <c r="GY1342" s="91"/>
      <c r="GZ1342" s="91"/>
      <c r="HA1342" s="91"/>
      <c r="HB1342" s="91"/>
      <c r="HC1342" s="91"/>
      <c r="HD1342" s="91"/>
      <c r="HE1342" s="91"/>
      <c r="HF1342" s="91"/>
      <c r="HG1342" s="91"/>
      <c r="HH1342" s="91"/>
      <c r="HI1342" s="91"/>
      <c r="HJ1342" s="91"/>
      <c r="HK1342" s="127"/>
      <c r="HL1342" s="126"/>
      <c r="HM1342" s="91"/>
      <c r="HN1342" s="91"/>
      <c r="HO1342" s="91"/>
      <c r="HP1342" s="91"/>
      <c r="HQ1342" s="91"/>
      <c r="HR1342" s="91"/>
      <c r="HS1342" s="91"/>
      <c r="HT1342" s="91"/>
      <c r="HU1342" s="91"/>
      <c r="HV1342" s="91"/>
      <c r="HW1342" s="91"/>
      <c r="HX1342" s="91"/>
      <c r="HY1342" s="91"/>
      <c r="HZ1342" s="91"/>
      <c r="IA1342" s="91"/>
      <c r="IB1342" s="91"/>
      <c r="IC1342" s="91"/>
      <c r="ID1342" s="91"/>
      <c r="IE1342" s="91"/>
      <c r="IF1342" s="91"/>
      <c r="IG1342" s="91"/>
      <c r="IH1342" s="91"/>
      <c r="II1342" s="91"/>
      <c r="IJ1342" s="91"/>
      <c r="IK1342" s="127"/>
    </row>
    <row r="1343" spans="2:245" x14ac:dyDescent="0.2">
      <c r="B1343" s="43"/>
      <c r="C1343" s="73"/>
      <c r="D1343" s="64"/>
      <c r="E1343" s="64"/>
      <c r="F1343" s="55"/>
      <c r="G1343" s="102"/>
      <c r="H1343" s="55"/>
      <c r="I1343" s="55"/>
      <c r="J1343" s="55"/>
      <c r="K1343" s="55"/>
      <c r="L1343" s="55"/>
      <c r="M1343" s="55"/>
      <c r="N1343" s="55"/>
      <c r="O1343" s="55"/>
      <c r="P1343" s="55"/>
      <c r="Q1343" s="55"/>
      <c r="R1343" s="55"/>
      <c r="S1343" s="55"/>
      <c r="T1343" s="55"/>
      <c r="U1343" s="55"/>
      <c r="V1343" s="55"/>
      <c r="W1343" s="55"/>
      <c r="X1343" s="55"/>
      <c r="Y1343" s="55"/>
      <c r="Z1343" s="55"/>
      <c r="AA1343" s="55"/>
      <c r="AB1343" s="55"/>
      <c r="AC1343" s="55"/>
      <c r="AD1343" s="55"/>
      <c r="AE1343" s="55"/>
      <c r="AF1343" s="55"/>
      <c r="AG1343" s="55"/>
      <c r="AY1343" s="162"/>
      <c r="AZ1343" s="162"/>
      <c r="BA1343" s="162"/>
      <c r="BB1343" s="162"/>
      <c r="BC1343" s="162"/>
      <c r="BD1343" s="162"/>
      <c r="BE1343" s="162"/>
      <c r="BF1343" s="162"/>
      <c r="BG1343" s="162"/>
      <c r="BH1343" s="162"/>
      <c r="BI1343" s="162"/>
      <c r="BJ1343" s="162"/>
      <c r="BK1343" s="162"/>
      <c r="BL1343" s="162"/>
      <c r="BM1343" s="162"/>
      <c r="BN1343" s="162"/>
      <c r="BO1343" s="162"/>
      <c r="BP1343" s="162"/>
      <c r="BQ1343" s="162"/>
      <c r="BR1343" s="162"/>
      <c r="BS1343" s="162"/>
      <c r="BT1343" s="162"/>
      <c r="BU1343" s="162"/>
      <c r="BV1343" s="162"/>
      <c r="BW1343" s="162"/>
      <c r="BX1343" s="162"/>
      <c r="BY1343" s="162"/>
      <c r="BZ1343" s="162"/>
      <c r="CA1343" s="162"/>
      <c r="CB1343" s="162"/>
      <c r="CC1343" s="162"/>
      <c r="CD1343" s="162"/>
      <c r="CE1343" s="162"/>
      <c r="CF1343" s="162"/>
      <c r="CG1343" s="162"/>
      <c r="CH1343" s="162"/>
      <c r="CI1343" s="162"/>
      <c r="CJ1343" s="162"/>
      <c r="CK1343" s="162"/>
      <c r="CX1343" s="98"/>
      <c r="DL1343" s="97"/>
      <c r="DX1343" s="98"/>
      <c r="EL1343" s="97"/>
      <c r="EX1343" s="98"/>
      <c r="EY1343" s="97"/>
      <c r="FL1343" s="126"/>
      <c r="FM1343" s="91"/>
      <c r="FN1343" s="91"/>
      <c r="FO1343" s="91"/>
      <c r="FP1343" s="91"/>
      <c r="FQ1343" s="91"/>
      <c r="FR1343" s="91"/>
      <c r="FS1343" s="91"/>
      <c r="FT1343" s="91"/>
      <c r="FU1343" s="91"/>
      <c r="FV1343" s="91"/>
      <c r="FW1343" s="91"/>
      <c r="FX1343" s="91"/>
      <c r="FY1343" s="91"/>
      <c r="FZ1343" s="91"/>
      <c r="GA1343" s="91"/>
      <c r="GB1343" s="91"/>
      <c r="GC1343" s="91"/>
      <c r="GD1343" s="91"/>
      <c r="GE1343" s="91"/>
      <c r="GF1343" s="91"/>
      <c r="GG1343" s="91"/>
      <c r="GH1343" s="91"/>
      <c r="GI1343" s="91"/>
      <c r="GJ1343" s="91"/>
      <c r="GK1343" s="127"/>
      <c r="GL1343" s="126"/>
      <c r="GM1343" s="91"/>
      <c r="GN1343" s="91"/>
      <c r="GO1343" s="91"/>
      <c r="GP1343" s="91"/>
      <c r="GQ1343" s="91"/>
      <c r="GR1343" s="91"/>
      <c r="GS1343" s="91"/>
      <c r="GT1343" s="91"/>
      <c r="GU1343" s="91"/>
      <c r="GV1343" s="91"/>
      <c r="GW1343" s="91"/>
      <c r="GX1343" s="91"/>
      <c r="GY1343" s="91"/>
      <c r="GZ1343" s="91"/>
      <c r="HA1343" s="91"/>
      <c r="HB1343" s="91"/>
      <c r="HC1343" s="91"/>
      <c r="HD1343" s="91"/>
      <c r="HE1343" s="91"/>
      <c r="HF1343" s="91"/>
      <c r="HG1343" s="91"/>
      <c r="HH1343" s="91"/>
      <c r="HI1343" s="91"/>
      <c r="HJ1343" s="91"/>
      <c r="HK1343" s="127"/>
      <c r="HL1343" s="126"/>
      <c r="HM1343" s="91"/>
      <c r="HN1343" s="91"/>
      <c r="HO1343" s="91"/>
      <c r="HP1343" s="91"/>
      <c r="HQ1343" s="91"/>
      <c r="HR1343" s="91"/>
      <c r="HS1343" s="91"/>
      <c r="HT1343" s="91"/>
      <c r="HU1343" s="91"/>
      <c r="HV1343" s="91"/>
      <c r="HW1343" s="91"/>
      <c r="HX1343" s="91"/>
      <c r="HY1343" s="91"/>
      <c r="HZ1343" s="91"/>
      <c r="IA1343" s="91"/>
      <c r="IB1343" s="91"/>
      <c r="IC1343" s="91"/>
      <c r="ID1343" s="91"/>
      <c r="IE1343" s="91"/>
      <c r="IF1343" s="91"/>
      <c r="IG1343" s="91"/>
      <c r="IH1343" s="91"/>
      <c r="II1343" s="91"/>
      <c r="IJ1343" s="91"/>
      <c r="IK1343" s="127"/>
    </row>
    <row r="1344" spans="2:245" x14ac:dyDescent="0.2">
      <c r="B1344" s="43"/>
      <c r="C1344" s="73"/>
      <c r="D1344" s="64"/>
      <c r="E1344" s="64"/>
      <c r="F1344" s="55"/>
      <c r="G1344" s="102"/>
      <c r="H1344" s="55"/>
      <c r="I1344" s="55"/>
      <c r="J1344" s="55"/>
      <c r="K1344" s="55"/>
      <c r="L1344" s="55"/>
      <c r="M1344" s="55"/>
      <c r="N1344" s="55"/>
      <c r="O1344" s="55"/>
      <c r="P1344" s="55"/>
      <c r="Q1344" s="55"/>
      <c r="R1344" s="55"/>
      <c r="S1344" s="55"/>
      <c r="T1344" s="55"/>
      <c r="U1344" s="55"/>
      <c r="V1344" s="55"/>
      <c r="W1344" s="55"/>
      <c r="X1344" s="55"/>
      <c r="Y1344" s="55"/>
      <c r="Z1344" s="55"/>
      <c r="AA1344" s="55"/>
      <c r="AB1344" s="55"/>
      <c r="AC1344" s="55"/>
      <c r="AD1344" s="55"/>
      <c r="AE1344" s="55"/>
      <c r="AF1344" s="55"/>
      <c r="AG1344" s="55"/>
      <c r="AY1344" s="162"/>
      <c r="AZ1344" s="162"/>
      <c r="BA1344" s="162"/>
      <c r="BB1344" s="162"/>
      <c r="BC1344" s="162"/>
      <c r="BD1344" s="162"/>
      <c r="BE1344" s="162"/>
      <c r="BF1344" s="162"/>
      <c r="BG1344" s="162"/>
      <c r="BH1344" s="162"/>
      <c r="BI1344" s="162"/>
      <c r="BJ1344" s="162"/>
      <c r="BK1344" s="162"/>
      <c r="BL1344" s="162"/>
      <c r="BM1344" s="162"/>
      <c r="BN1344" s="162"/>
      <c r="BO1344" s="162"/>
      <c r="BP1344" s="162"/>
      <c r="BQ1344" s="162"/>
      <c r="BR1344" s="162"/>
      <c r="BS1344" s="162"/>
      <c r="BT1344" s="162"/>
      <c r="BU1344" s="162"/>
      <c r="BV1344" s="162"/>
      <c r="BW1344" s="162"/>
      <c r="BX1344" s="162"/>
      <c r="BY1344" s="162"/>
      <c r="BZ1344" s="162"/>
      <c r="CA1344" s="162"/>
      <c r="CB1344" s="162"/>
      <c r="CC1344" s="162"/>
      <c r="CD1344" s="162"/>
      <c r="CE1344" s="162"/>
      <c r="CF1344" s="162"/>
      <c r="CG1344" s="162"/>
      <c r="CH1344" s="162"/>
      <c r="CI1344" s="162"/>
      <c r="CJ1344" s="162"/>
      <c r="CK1344" s="162"/>
      <c r="CX1344" s="98"/>
      <c r="DL1344" s="97"/>
      <c r="DX1344" s="98"/>
      <c r="EL1344" s="97"/>
      <c r="EX1344" s="98"/>
      <c r="EY1344" s="97"/>
      <c r="FL1344" s="126"/>
      <c r="FM1344" s="91"/>
      <c r="FN1344" s="91"/>
      <c r="FO1344" s="91"/>
      <c r="FP1344" s="91"/>
      <c r="FQ1344" s="91"/>
      <c r="FR1344" s="91"/>
      <c r="FS1344" s="91"/>
      <c r="FT1344" s="91"/>
      <c r="FU1344" s="91"/>
      <c r="FV1344" s="91"/>
      <c r="FW1344" s="91"/>
      <c r="FX1344" s="91"/>
      <c r="FY1344" s="91"/>
      <c r="FZ1344" s="91"/>
      <c r="GA1344" s="91"/>
      <c r="GB1344" s="91"/>
      <c r="GC1344" s="91"/>
      <c r="GD1344" s="91"/>
      <c r="GE1344" s="91"/>
      <c r="GF1344" s="91"/>
      <c r="GG1344" s="91"/>
      <c r="GH1344" s="91"/>
      <c r="GI1344" s="91"/>
      <c r="GJ1344" s="91"/>
      <c r="GK1344" s="127"/>
      <c r="GL1344" s="126"/>
      <c r="GM1344" s="91"/>
      <c r="GN1344" s="91"/>
      <c r="GO1344" s="91"/>
      <c r="GP1344" s="91"/>
      <c r="GQ1344" s="91"/>
      <c r="GR1344" s="91"/>
      <c r="GS1344" s="91"/>
      <c r="GT1344" s="91"/>
      <c r="GU1344" s="91"/>
      <c r="GV1344" s="91"/>
      <c r="GW1344" s="91"/>
      <c r="GX1344" s="91"/>
      <c r="GY1344" s="91"/>
      <c r="GZ1344" s="91"/>
      <c r="HA1344" s="91"/>
      <c r="HB1344" s="91"/>
      <c r="HC1344" s="91"/>
      <c r="HD1344" s="91"/>
      <c r="HE1344" s="91"/>
      <c r="HF1344" s="91"/>
      <c r="HG1344" s="91"/>
      <c r="HH1344" s="91"/>
      <c r="HI1344" s="91"/>
      <c r="HJ1344" s="91"/>
      <c r="HK1344" s="127"/>
      <c r="HL1344" s="126"/>
      <c r="HM1344" s="91"/>
      <c r="HN1344" s="91"/>
      <c r="HO1344" s="91"/>
      <c r="HP1344" s="91"/>
      <c r="HQ1344" s="91"/>
      <c r="HR1344" s="91"/>
      <c r="HS1344" s="91"/>
      <c r="HT1344" s="91"/>
      <c r="HU1344" s="91"/>
      <c r="HV1344" s="91"/>
      <c r="HW1344" s="91"/>
      <c r="HX1344" s="91"/>
      <c r="HY1344" s="91"/>
      <c r="HZ1344" s="91"/>
      <c r="IA1344" s="91"/>
      <c r="IB1344" s="91"/>
      <c r="IC1344" s="91"/>
      <c r="ID1344" s="91"/>
      <c r="IE1344" s="91"/>
      <c r="IF1344" s="91"/>
      <c r="IG1344" s="91"/>
      <c r="IH1344" s="91"/>
      <c r="II1344" s="91"/>
      <c r="IJ1344" s="91"/>
      <c r="IK1344" s="127"/>
    </row>
    <row r="1345" spans="2:245" x14ac:dyDescent="0.2">
      <c r="B1345" s="43"/>
      <c r="C1345" s="73"/>
      <c r="D1345" s="64"/>
      <c r="E1345" s="64"/>
      <c r="F1345" s="55"/>
      <c r="G1345" s="102"/>
      <c r="H1345" s="55"/>
      <c r="I1345" s="55"/>
      <c r="J1345" s="55"/>
      <c r="K1345" s="55"/>
      <c r="L1345" s="55"/>
      <c r="M1345" s="55"/>
      <c r="N1345" s="55"/>
      <c r="O1345" s="55"/>
      <c r="P1345" s="55"/>
      <c r="Q1345" s="55"/>
      <c r="R1345" s="55"/>
      <c r="S1345" s="55"/>
      <c r="T1345" s="55"/>
      <c r="U1345" s="55"/>
      <c r="V1345" s="55"/>
      <c r="W1345" s="55"/>
      <c r="X1345" s="55"/>
      <c r="Y1345" s="55"/>
      <c r="Z1345" s="55"/>
      <c r="AA1345" s="55"/>
      <c r="AB1345" s="55"/>
      <c r="AC1345" s="55"/>
      <c r="AD1345" s="55"/>
      <c r="AE1345" s="55"/>
      <c r="AF1345" s="55"/>
      <c r="AG1345" s="55"/>
      <c r="AY1345" s="162"/>
      <c r="AZ1345" s="162"/>
      <c r="BA1345" s="162"/>
      <c r="BB1345" s="162"/>
      <c r="BC1345" s="162"/>
      <c r="BD1345" s="162"/>
      <c r="BE1345" s="162"/>
      <c r="BF1345" s="162"/>
      <c r="BG1345" s="162"/>
      <c r="BH1345" s="162"/>
      <c r="BI1345" s="162"/>
      <c r="BJ1345" s="162"/>
      <c r="BK1345" s="162"/>
      <c r="BL1345" s="162"/>
      <c r="BM1345" s="162"/>
      <c r="BN1345" s="162"/>
      <c r="BO1345" s="162"/>
      <c r="BP1345" s="162"/>
      <c r="BQ1345" s="162"/>
      <c r="BR1345" s="162"/>
      <c r="BS1345" s="162"/>
      <c r="BT1345" s="162"/>
      <c r="BU1345" s="162"/>
      <c r="BV1345" s="162"/>
      <c r="BW1345" s="162"/>
      <c r="BX1345" s="162"/>
      <c r="BY1345" s="162"/>
      <c r="BZ1345" s="162"/>
      <c r="CA1345" s="162"/>
      <c r="CB1345" s="162"/>
      <c r="CC1345" s="162"/>
      <c r="CD1345" s="162"/>
      <c r="CE1345" s="162"/>
      <c r="CF1345" s="162"/>
      <c r="CG1345" s="162"/>
      <c r="CH1345" s="162"/>
      <c r="CI1345" s="162"/>
      <c r="CJ1345" s="162"/>
      <c r="CK1345" s="162"/>
      <c r="CX1345" s="98"/>
      <c r="DL1345" s="97"/>
      <c r="DX1345" s="98"/>
      <c r="EL1345" s="97"/>
      <c r="EX1345" s="98"/>
      <c r="EY1345" s="97"/>
      <c r="FL1345" s="126"/>
      <c r="FM1345" s="91"/>
      <c r="FN1345" s="91"/>
      <c r="FO1345" s="91"/>
      <c r="FP1345" s="91"/>
      <c r="FQ1345" s="91"/>
      <c r="FR1345" s="91"/>
      <c r="FS1345" s="91"/>
      <c r="FT1345" s="91"/>
      <c r="FU1345" s="91"/>
      <c r="FV1345" s="91"/>
      <c r="FW1345" s="91"/>
      <c r="FX1345" s="91"/>
      <c r="FY1345" s="91"/>
      <c r="FZ1345" s="91"/>
      <c r="GA1345" s="91"/>
      <c r="GB1345" s="91"/>
      <c r="GC1345" s="91"/>
      <c r="GD1345" s="91"/>
      <c r="GE1345" s="91"/>
      <c r="GF1345" s="91"/>
      <c r="GG1345" s="91"/>
      <c r="GH1345" s="91"/>
      <c r="GI1345" s="91"/>
      <c r="GJ1345" s="91"/>
      <c r="GK1345" s="127"/>
      <c r="GL1345" s="126"/>
      <c r="GM1345" s="91"/>
      <c r="GN1345" s="91"/>
      <c r="GO1345" s="91"/>
      <c r="GP1345" s="91"/>
      <c r="GQ1345" s="91"/>
      <c r="GR1345" s="91"/>
      <c r="GS1345" s="91"/>
      <c r="GT1345" s="91"/>
      <c r="GU1345" s="91"/>
      <c r="GV1345" s="91"/>
      <c r="GW1345" s="91"/>
      <c r="GX1345" s="91"/>
      <c r="GY1345" s="91"/>
      <c r="GZ1345" s="91"/>
      <c r="HA1345" s="91"/>
      <c r="HB1345" s="91"/>
      <c r="HC1345" s="91"/>
      <c r="HD1345" s="91"/>
      <c r="HE1345" s="91"/>
      <c r="HF1345" s="91"/>
      <c r="HG1345" s="91"/>
      <c r="HH1345" s="91"/>
      <c r="HI1345" s="91"/>
      <c r="HJ1345" s="91"/>
      <c r="HK1345" s="127"/>
      <c r="HL1345" s="126"/>
      <c r="HM1345" s="91"/>
      <c r="HN1345" s="91"/>
      <c r="HO1345" s="91"/>
      <c r="HP1345" s="91"/>
      <c r="HQ1345" s="91"/>
      <c r="HR1345" s="91"/>
      <c r="HS1345" s="91"/>
      <c r="HT1345" s="91"/>
      <c r="HU1345" s="91"/>
      <c r="HV1345" s="91"/>
      <c r="HW1345" s="91"/>
      <c r="HX1345" s="91"/>
      <c r="HY1345" s="91"/>
      <c r="HZ1345" s="91"/>
      <c r="IA1345" s="91"/>
      <c r="IB1345" s="91"/>
      <c r="IC1345" s="91"/>
      <c r="ID1345" s="91"/>
      <c r="IE1345" s="91"/>
      <c r="IF1345" s="91"/>
      <c r="IG1345" s="91"/>
      <c r="IH1345" s="91"/>
      <c r="II1345" s="91"/>
      <c r="IJ1345" s="91"/>
      <c r="IK1345" s="127"/>
    </row>
    <row r="1346" spans="2:245" x14ac:dyDescent="0.2">
      <c r="B1346" s="43"/>
      <c r="C1346" s="73"/>
      <c r="D1346" s="64"/>
      <c r="E1346" s="64"/>
      <c r="F1346" s="55"/>
      <c r="G1346" s="102"/>
      <c r="H1346" s="55"/>
      <c r="I1346" s="55"/>
      <c r="J1346" s="55"/>
      <c r="K1346" s="55"/>
      <c r="L1346" s="55"/>
      <c r="M1346" s="55"/>
      <c r="N1346" s="55"/>
      <c r="O1346" s="55"/>
      <c r="P1346" s="55"/>
      <c r="Q1346" s="55"/>
      <c r="R1346" s="55"/>
      <c r="S1346" s="55"/>
      <c r="T1346" s="55"/>
      <c r="U1346" s="55"/>
      <c r="V1346" s="55"/>
      <c r="W1346" s="55"/>
      <c r="X1346" s="55"/>
      <c r="Y1346" s="55"/>
      <c r="Z1346" s="55"/>
      <c r="AA1346" s="55"/>
      <c r="AB1346" s="55"/>
      <c r="AC1346" s="55"/>
      <c r="AD1346" s="55"/>
      <c r="AE1346" s="55"/>
      <c r="AF1346" s="55"/>
      <c r="AG1346" s="55"/>
      <c r="AY1346" s="162"/>
      <c r="AZ1346" s="162"/>
      <c r="BA1346" s="162"/>
      <c r="BB1346" s="162"/>
      <c r="BC1346" s="162"/>
      <c r="BD1346" s="162"/>
      <c r="BE1346" s="162"/>
      <c r="BF1346" s="162"/>
      <c r="BG1346" s="162"/>
      <c r="BH1346" s="162"/>
      <c r="BI1346" s="162"/>
      <c r="BJ1346" s="162"/>
      <c r="BK1346" s="162"/>
      <c r="BL1346" s="162"/>
      <c r="BM1346" s="162"/>
      <c r="BN1346" s="162"/>
      <c r="BO1346" s="162"/>
      <c r="BP1346" s="162"/>
      <c r="BQ1346" s="162"/>
      <c r="BR1346" s="162"/>
      <c r="BS1346" s="162"/>
      <c r="BT1346" s="162"/>
      <c r="BU1346" s="162"/>
      <c r="BV1346" s="162"/>
      <c r="BW1346" s="162"/>
      <c r="BX1346" s="162"/>
      <c r="BY1346" s="162"/>
      <c r="BZ1346" s="162"/>
      <c r="CA1346" s="162"/>
      <c r="CB1346" s="162"/>
      <c r="CC1346" s="162"/>
      <c r="CD1346" s="162"/>
      <c r="CE1346" s="162"/>
      <c r="CF1346" s="162"/>
      <c r="CG1346" s="162"/>
      <c r="CH1346" s="162"/>
      <c r="CI1346" s="162"/>
      <c r="CJ1346" s="162"/>
      <c r="CK1346" s="162"/>
      <c r="CX1346" s="98"/>
      <c r="DL1346" s="97"/>
      <c r="DX1346" s="98"/>
      <c r="EL1346" s="97"/>
      <c r="EX1346" s="98"/>
      <c r="EY1346" s="97"/>
      <c r="FL1346" s="126"/>
      <c r="FM1346" s="91"/>
      <c r="FN1346" s="91"/>
      <c r="FO1346" s="91"/>
      <c r="FP1346" s="91"/>
      <c r="FQ1346" s="91"/>
      <c r="FR1346" s="91"/>
      <c r="FS1346" s="91"/>
      <c r="FT1346" s="91"/>
      <c r="FU1346" s="91"/>
      <c r="FV1346" s="91"/>
      <c r="FW1346" s="91"/>
      <c r="FX1346" s="91"/>
      <c r="FY1346" s="91"/>
      <c r="FZ1346" s="91"/>
      <c r="GA1346" s="91"/>
      <c r="GB1346" s="91"/>
      <c r="GC1346" s="91"/>
      <c r="GD1346" s="91"/>
      <c r="GE1346" s="91"/>
      <c r="GF1346" s="91"/>
      <c r="GG1346" s="91"/>
      <c r="GH1346" s="91"/>
      <c r="GI1346" s="91"/>
      <c r="GJ1346" s="91"/>
      <c r="GK1346" s="127"/>
      <c r="GL1346" s="126"/>
      <c r="GM1346" s="91"/>
      <c r="GN1346" s="91"/>
      <c r="GO1346" s="91"/>
      <c r="GP1346" s="91"/>
      <c r="GQ1346" s="91"/>
      <c r="GR1346" s="91"/>
      <c r="GS1346" s="91"/>
      <c r="GT1346" s="91"/>
      <c r="GU1346" s="91"/>
      <c r="GV1346" s="91"/>
      <c r="GW1346" s="91"/>
      <c r="GX1346" s="91"/>
      <c r="GY1346" s="91"/>
      <c r="GZ1346" s="91"/>
      <c r="HA1346" s="91"/>
      <c r="HB1346" s="91"/>
      <c r="HC1346" s="91"/>
      <c r="HD1346" s="91"/>
      <c r="HE1346" s="91"/>
      <c r="HF1346" s="91"/>
      <c r="HG1346" s="91"/>
      <c r="HH1346" s="91"/>
      <c r="HI1346" s="91"/>
      <c r="HJ1346" s="91"/>
      <c r="HK1346" s="127"/>
      <c r="HL1346" s="126"/>
      <c r="HM1346" s="91"/>
      <c r="HN1346" s="91"/>
      <c r="HO1346" s="91"/>
      <c r="HP1346" s="91"/>
      <c r="HQ1346" s="91"/>
      <c r="HR1346" s="91"/>
      <c r="HS1346" s="91"/>
      <c r="HT1346" s="91"/>
      <c r="HU1346" s="91"/>
      <c r="HV1346" s="91"/>
      <c r="HW1346" s="91"/>
      <c r="HX1346" s="91"/>
      <c r="HY1346" s="91"/>
      <c r="HZ1346" s="91"/>
      <c r="IA1346" s="91"/>
      <c r="IB1346" s="91"/>
      <c r="IC1346" s="91"/>
      <c r="ID1346" s="91"/>
      <c r="IE1346" s="91"/>
      <c r="IF1346" s="91"/>
      <c r="IG1346" s="91"/>
      <c r="IH1346" s="91"/>
      <c r="II1346" s="91"/>
      <c r="IJ1346" s="91"/>
      <c r="IK1346" s="127"/>
    </row>
    <row r="1347" spans="2:245" x14ac:dyDescent="0.2">
      <c r="B1347" s="43"/>
      <c r="C1347" s="73"/>
      <c r="D1347" s="64"/>
      <c r="E1347" s="64"/>
      <c r="F1347" s="55"/>
      <c r="G1347" s="102"/>
      <c r="H1347" s="55"/>
      <c r="I1347" s="55"/>
      <c r="J1347" s="55"/>
      <c r="K1347" s="55"/>
      <c r="L1347" s="55"/>
      <c r="M1347" s="55"/>
      <c r="N1347" s="55"/>
      <c r="O1347" s="55"/>
      <c r="P1347" s="55"/>
      <c r="Q1347" s="55"/>
      <c r="R1347" s="55"/>
      <c r="S1347" s="55"/>
      <c r="T1347" s="55"/>
      <c r="U1347" s="55"/>
      <c r="V1347" s="55"/>
      <c r="W1347" s="55"/>
      <c r="X1347" s="55"/>
      <c r="Y1347" s="55"/>
      <c r="Z1347" s="55"/>
      <c r="AA1347" s="55"/>
      <c r="AB1347" s="55"/>
      <c r="AC1347" s="55"/>
      <c r="AD1347" s="55"/>
      <c r="AE1347" s="55"/>
      <c r="AF1347" s="55"/>
      <c r="AG1347" s="55"/>
      <c r="AY1347" s="162"/>
      <c r="AZ1347" s="162"/>
      <c r="BA1347" s="162"/>
      <c r="BB1347" s="162"/>
      <c r="BC1347" s="162"/>
      <c r="BD1347" s="162"/>
      <c r="BE1347" s="162"/>
      <c r="BF1347" s="162"/>
      <c r="BG1347" s="162"/>
      <c r="BH1347" s="162"/>
      <c r="BI1347" s="162"/>
      <c r="BJ1347" s="162"/>
      <c r="BK1347" s="162"/>
      <c r="BL1347" s="162"/>
      <c r="BM1347" s="162"/>
      <c r="BN1347" s="162"/>
      <c r="BO1347" s="162"/>
      <c r="BP1347" s="162"/>
      <c r="BQ1347" s="162"/>
      <c r="BR1347" s="162"/>
      <c r="BS1347" s="162"/>
      <c r="BT1347" s="162"/>
      <c r="BU1347" s="162"/>
      <c r="BV1347" s="162"/>
      <c r="BW1347" s="162"/>
      <c r="BX1347" s="162"/>
      <c r="BY1347" s="162"/>
      <c r="BZ1347" s="162"/>
      <c r="CA1347" s="162"/>
      <c r="CB1347" s="162"/>
      <c r="CC1347" s="162"/>
      <c r="CD1347" s="162"/>
      <c r="CE1347" s="162"/>
      <c r="CF1347" s="162"/>
      <c r="CG1347" s="162"/>
      <c r="CH1347" s="162"/>
      <c r="CI1347" s="162"/>
      <c r="CJ1347" s="162"/>
      <c r="CK1347" s="162"/>
      <c r="CX1347" s="98"/>
      <c r="DL1347" s="97"/>
      <c r="DX1347" s="98"/>
      <c r="EL1347" s="97"/>
      <c r="EX1347" s="98"/>
      <c r="EY1347" s="97"/>
      <c r="FL1347" s="126"/>
      <c r="FM1347" s="91"/>
      <c r="FN1347" s="91"/>
      <c r="FO1347" s="91"/>
      <c r="FP1347" s="91"/>
      <c r="FQ1347" s="91"/>
      <c r="FR1347" s="91"/>
      <c r="FS1347" s="91"/>
      <c r="FT1347" s="91"/>
      <c r="FU1347" s="91"/>
      <c r="FV1347" s="91"/>
      <c r="FW1347" s="91"/>
      <c r="FX1347" s="91"/>
      <c r="FY1347" s="91"/>
      <c r="FZ1347" s="91"/>
      <c r="GA1347" s="91"/>
      <c r="GB1347" s="91"/>
      <c r="GC1347" s="91"/>
      <c r="GD1347" s="91"/>
      <c r="GE1347" s="91"/>
      <c r="GF1347" s="91"/>
      <c r="GG1347" s="91"/>
      <c r="GH1347" s="91"/>
      <c r="GI1347" s="91"/>
      <c r="GJ1347" s="91"/>
      <c r="GK1347" s="127"/>
      <c r="GL1347" s="126"/>
      <c r="GM1347" s="91"/>
      <c r="GN1347" s="91"/>
      <c r="GO1347" s="91"/>
      <c r="GP1347" s="91"/>
      <c r="GQ1347" s="91"/>
      <c r="GR1347" s="91"/>
      <c r="GS1347" s="91"/>
      <c r="GT1347" s="91"/>
      <c r="GU1347" s="91"/>
      <c r="GV1347" s="91"/>
      <c r="GW1347" s="91"/>
      <c r="GX1347" s="91"/>
      <c r="GY1347" s="91"/>
      <c r="GZ1347" s="91"/>
      <c r="HA1347" s="91"/>
      <c r="HB1347" s="91"/>
      <c r="HC1347" s="91"/>
      <c r="HD1347" s="91"/>
      <c r="HE1347" s="91"/>
      <c r="HF1347" s="91"/>
      <c r="HG1347" s="91"/>
      <c r="HH1347" s="91"/>
      <c r="HI1347" s="91"/>
      <c r="HJ1347" s="91"/>
      <c r="HK1347" s="127"/>
      <c r="HL1347" s="126"/>
      <c r="HM1347" s="91"/>
      <c r="HN1347" s="91"/>
      <c r="HO1347" s="91"/>
      <c r="HP1347" s="91"/>
      <c r="HQ1347" s="91"/>
      <c r="HR1347" s="91"/>
      <c r="HS1347" s="91"/>
      <c r="HT1347" s="91"/>
      <c r="HU1347" s="91"/>
      <c r="HV1347" s="91"/>
      <c r="HW1347" s="91"/>
      <c r="HX1347" s="91"/>
      <c r="HY1347" s="91"/>
      <c r="HZ1347" s="91"/>
      <c r="IA1347" s="91"/>
      <c r="IB1347" s="91"/>
      <c r="IC1347" s="91"/>
      <c r="ID1347" s="91"/>
      <c r="IE1347" s="91"/>
      <c r="IF1347" s="91"/>
      <c r="IG1347" s="91"/>
      <c r="IH1347" s="91"/>
      <c r="II1347" s="91"/>
      <c r="IJ1347" s="91"/>
      <c r="IK1347" s="127"/>
    </row>
    <row r="1348" spans="2:245" x14ac:dyDescent="0.2">
      <c r="B1348" s="43"/>
      <c r="C1348" s="73"/>
      <c r="D1348" s="64"/>
      <c r="E1348" s="64"/>
      <c r="F1348" s="55"/>
      <c r="G1348" s="102"/>
      <c r="H1348" s="55"/>
      <c r="I1348" s="55"/>
      <c r="J1348" s="55"/>
      <c r="K1348" s="55"/>
      <c r="L1348" s="55"/>
      <c r="M1348" s="55"/>
      <c r="N1348" s="55"/>
      <c r="O1348" s="55"/>
      <c r="P1348" s="55"/>
      <c r="Q1348" s="55"/>
      <c r="R1348" s="55"/>
      <c r="S1348" s="55"/>
      <c r="T1348" s="55"/>
      <c r="U1348" s="55"/>
      <c r="V1348" s="55"/>
      <c r="W1348" s="55"/>
      <c r="X1348" s="55"/>
      <c r="Y1348" s="55"/>
      <c r="Z1348" s="55"/>
      <c r="AA1348" s="55"/>
      <c r="AB1348" s="55"/>
      <c r="AC1348" s="55"/>
      <c r="AD1348" s="55"/>
      <c r="AE1348" s="55"/>
      <c r="AF1348" s="55"/>
      <c r="AG1348" s="55"/>
      <c r="AY1348" s="162"/>
      <c r="AZ1348" s="162"/>
      <c r="BA1348" s="162"/>
      <c r="BB1348" s="162"/>
      <c r="BC1348" s="162"/>
      <c r="BD1348" s="162"/>
      <c r="BE1348" s="162"/>
      <c r="BF1348" s="162"/>
      <c r="BG1348" s="162"/>
      <c r="BH1348" s="162"/>
      <c r="BI1348" s="162"/>
      <c r="BJ1348" s="162"/>
      <c r="BK1348" s="162"/>
      <c r="BL1348" s="162"/>
      <c r="BM1348" s="162"/>
      <c r="BN1348" s="162"/>
      <c r="BO1348" s="162"/>
      <c r="BP1348" s="162"/>
      <c r="BQ1348" s="162"/>
      <c r="BR1348" s="162"/>
      <c r="BS1348" s="162"/>
      <c r="BT1348" s="162"/>
      <c r="BU1348" s="162"/>
      <c r="BV1348" s="162"/>
      <c r="BW1348" s="162"/>
      <c r="BX1348" s="162"/>
      <c r="BY1348" s="162"/>
      <c r="BZ1348" s="162"/>
      <c r="CA1348" s="162"/>
      <c r="CB1348" s="162"/>
      <c r="CC1348" s="162"/>
      <c r="CD1348" s="162"/>
      <c r="CE1348" s="162"/>
      <c r="CF1348" s="162"/>
      <c r="CG1348" s="162"/>
      <c r="CH1348" s="162"/>
      <c r="CI1348" s="162"/>
      <c r="CJ1348" s="162"/>
      <c r="CK1348" s="162"/>
      <c r="CX1348" s="98"/>
      <c r="DL1348" s="97"/>
      <c r="DX1348" s="98"/>
      <c r="EL1348" s="97"/>
      <c r="EX1348" s="98"/>
      <c r="EY1348" s="97"/>
      <c r="FL1348" s="126"/>
      <c r="FM1348" s="91"/>
      <c r="FN1348" s="91"/>
      <c r="FO1348" s="91"/>
      <c r="FP1348" s="91"/>
      <c r="FQ1348" s="91"/>
      <c r="FR1348" s="91"/>
      <c r="FS1348" s="91"/>
      <c r="FT1348" s="91"/>
      <c r="FU1348" s="91"/>
      <c r="FV1348" s="91"/>
      <c r="FW1348" s="91"/>
      <c r="FX1348" s="91"/>
      <c r="FY1348" s="91"/>
      <c r="FZ1348" s="91"/>
      <c r="GA1348" s="91"/>
      <c r="GB1348" s="91"/>
      <c r="GC1348" s="91"/>
      <c r="GD1348" s="91"/>
      <c r="GE1348" s="91"/>
      <c r="GF1348" s="91"/>
      <c r="GG1348" s="91"/>
      <c r="GH1348" s="91"/>
      <c r="GI1348" s="91"/>
      <c r="GJ1348" s="91"/>
      <c r="GK1348" s="127"/>
      <c r="GL1348" s="126"/>
      <c r="GM1348" s="91"/>
      <c r="GN1348" s="91"/>
      <c r="GO1348" s="91"/>
      <c r="GP1348" s="91"/>
      <c r="GQ1348" s="91"/>
      <c r="GR1348" s="91"/>
      <c r="GS1348" s="91"/>
      <c r="GT1348" s="91"/>
      <c r="GU1348" s="91"/>
      <c r="GV1348" s="91"/>
      <c r="GW1348" s="91"/>
      <c r="GX1348" s="91"/>
      <c r="GY1348" s="91"/>
      <c r="GZ1348" s="91"/>
      <c r="HA1348" s="91"/>
      <c r="HB1348" s="91"/>
      <c r="HC1348" s="91"/>
      <c r="HD1348" s="91"/>
      <c r="HE1348" s="91"/>
      <c r="HF1348" s="91"/>
      <c r="HG1348" s="91"/>
      <c r="HH1348" s="91"/>
      <c r="HI1348" s="91"/>
      <c r="HJ1348" s="91"/>
      <c r="HK1348" s="127"/>
      <c r="HL1348" s="126"/>
      <c r="HM1348" s="91"/>
      <c r="HN1348" s="91"/>
      <c r="HO1348" s="91"/>
      <c r="HP1348" s="91"/>
      <c r="HQ1348" s="91"/>
      <c r="HR1348" s="91"/>
      <c r="HS1348" s="91"/>
      <c r="HT1348" s="91"/>
      <c r="HU1348" s="91"/>
      <c r="HV1348" s="91"/>
      <c r="HW1348" s="91"/>
      <c r="HX1348" s="91"/>
      <c r="HY1348" s="91"/>
      <c r="HZ1348" s="91"/>
      <c r="IA1348" s="91"/>
      <c r="IB1348" s="91"/>
      <c r="IC1348" s="91"/>
      <c r="ID1348" s="91"/>
      <c r="IE1348" s="91"/>
      <c r="IF1348" s="91"/>
      <c r="IG1348" s="91"/>
      <c r="IH1348" s="91"/>
      <c r="II1348" s="91"/>
      <c r="IJ1348" s="91"/>
      <c r="IK1348" s="127"/>
    </row>
    <row r="1349" spans="2:245" x14ac:dyDescent="0.2">
      <c r="B1349" s="43"/>
      <c r="C1349" s="73"/>
      <c r="D1349" s="64"/>
      <c r="E1349" s="64"/>
      <c r="F1349" s="55"/>
      <c r="G1349" s="102"/>
      <c r="H1349" s="55"/>
      <c r="I1349" s="55"/>
      <c r="J1349" s="55"/>
      <c r="K1349" s="55"/>
      <c r="L1349" s="55"/>
      <c r="M1349" s="55"/>
      <c r="N1349" s="55"/>
      <c r="O1349" s="55"/>
      <c r="P1349" s="55"/>
      <c r="Q1349" s="55"/>
      <c r="R1349" s="55"/>
      <c r="S1349" s="55"/>
      <c r="T1349" s="55"/>
      <c r="U1349" s="55"/>
      <c r="V1349" s="55"/>
      <c r="W1349" s="55"/>
      <c r="X1349" s="55"/>
      <c r="Y1349" s="55"/>
      <c r="Z1349" s="55"/>
      <c r="AA1349" s="55"/>
      <c r="AB1349" s="55"/>
      <c r="AC1349" s="55"/>
      <c r="AD1349" s="55"/>
      <c r="AE1349" s="55"/>
      <c r="AF1349" s="55"/>
      <c r="AG1349" s="55"/>
      <c r="AY1349" s="162"/>
      <c r="AZ1349" s="162"/>
      <c r="BA1349" s="162"/>
      <c r="BB1349" s="162"/>
      <c r="BC1349" s="162"/>
      <c r="BD1349" s="162"/>
      <c r="BE1349" s="162"/>
      <c r="BF1349" s="162"/>
      <c r="BG1349" s="162"/>
      <c r="BH1349" s="162"/>
      <c r="BI1349" s="162"/>
      <c r="BJ1349" s="162"/>
      <c r="BK1349" s="162"/>
      <c r="BL1349" s="162"/>
      <c r="BM1349" s="162"/>
      <c r="BN1349" s="162"/>
      <c r="BO1349" s="162"/>
      <c r="BP1349" s="162"/>
      <c r="BQ1349" s="162"/>
      <c r="BR1349" s="162"/>
      <c r="BS1349" s="162"/>
      <c r="BT1349" s="162"/>
      <c r="BU1349" s="162"/>
      <c r="BV1349" s="162"/>
      <c r="BW1349" s="162"/>
      <c r="BX1349" s="162"/>
      <c r="BY1349" s="162"/>
      <c r="BZ1349" s="162"/>
      <c r="CA1349" s="162"/>
      <c r="CB1349" s="162"/>
      <c r="CC1349" s="162"/>
      <c r="CD1349" s="162"/>
      <c r="CE1349" s="162"/>
      <c r="CF1349" s="162"/>
      <c r="CG1349" s="162"/>
      <c r="CH1349" s="162"/>
      <c r="CI1349" s="162"/>
      <c r="CJ1349" s="162"/>
      <c r="CK1349" s="162"/>
      <c r="CX1349" s="98"/>
      <c r="DL1349" s="97"/>
      <c r="DX1349" s="98"/>
      <c r="EL1349" s="97"/>
      <c r="EX1349" s="98"/>
      <c r="EY1349" s="97"/>
      <c r="FL1349" s="126"/>
      <c r="FM1349" s="91"/>
      <c r="FN1349" s="91"/>
      <c r="FO1349" s="91"/>
      <c r="FP1349" s="91"/>
      <c r="FQ1349" s="91"/>
      <c r="FR1349" s="91"/>
      <c r="FS1349" s="91"/>
      <c r="FT1349" s="91"/>
      <c r="FU1349" s="91"/>
      <c r="FV1349" s="91"/>
      <c r="FW1349" s="91"/>
      <c r="FX1349" s="91"/>
      <c r="FY1349" s="91"/>
      <c r="FZ1349" s="91"/>
      <c r="GA1349" s="91"/>
      <c r="GB1349" s="91"/>
      <c r="GC1349" s="91"/>
      <c r="GD1349" s="91"/>
      <c r="GE1349" s="91"/>
      <c r="GF1349" s="91"/>
      <c r="GG1349" s="91"/>
      <c r="GH1349" s="91"/>
      <c r="GI1349" s="91"/>
      <c r="GJ1349" s="91"/>
      <c r="GK1349" s="127"/>
      <c r="GL1349" s="126"/>
      <c r="GM1349" s="91"/>
      <c r="GN1349" s="91"/>
      <c r="GO1349" s="91"/>
      <c r="GP1349" s="91"/>
      <c r="GQ1349" s="91"/>
      <c r="GR1349" s="91"/>
      <c r="GS1349" s="91"/>
      <c r="GT1349" s="91"/>
      <c r="GU1349" s="91"/>
      <c r="GV1349" s="91"/>
      <c r="GW1349" s="91"/>
      <c r="GX1349" s="91"/>
      <c r="GY1349" s="91"/>
      <c r="GZ1349" s="91"/>
      <c r="HA1349" s="91"/>
      <c r="HB1349" s="91"/>
      <c r="HC1349" s="91"/>
      <c r="HD1349" s="91"/>
      <c r="HE1349" s="91"/>
      <c r="HF1349" s="91"/>
      <c r="HG1349" s="91"/>
      <c r="HH1349" s="91"/>
      <c r="HI1349" s="91"/>
      <c r="HJ1349" s="91"/>
      <c r="HK1349" s="127"/>
      <c r="HL1349" s="126"/>
      <c r="HM1349" s="91"/>
      <c r="HN1349" s="91"/>
      <c r="HO1349" s="91"/>
      <c r="HP1349" s="91"/>
      <c r="HQ1349" s="91"/>
      <c r="HR1349" s="91"/>
      <c r="HS1349" s="91"/>
      <c r="HT1349" s="91"/>
      <c r="HU1349" s="91"/>
      <c r="HV1349" s="91"/>
      <c r="HW1349" s="91"/>
      <c r="HX1349" s="91"/>
      <c r="HY1349" s="91"/>
      <c r="HZ1349" s="91"/>
      <c r="IA1349" s="91"/>
      <c r="IB1349" s="91"/>
      <c r="IC1349" s="91"/>
      <c r="ID1349" s="91"/>
      <c r="IE1349" s="91"/>
      <c r="IF1349" s="91"/>
      <c r="IG1349" s="91"/>
      <c r="IH1349" s="91"/>
      <c r="II1349" s="91"/>
      <c r="IJ1349" s="91"/>
      <c r="IK1349" s="127"/>
    </row>
    <row r="1350" spans="2:245" x14ac:dyDescent="0.2">
      <c r="B1350" s="43"/>
      <c r="C1350" s="73"/>
      <c r="D1350" s="64"/>
      <c r="E1350" s="64"/>
      <c r="F1350" s="55"/>
      <c r="G1350" s="102"/>
      <c r="H1350" s="55"/>
      <c r="I1350" s="55"/>
      <c r="J1350" s="55"/>
      <c r="K1350" s="55"/>
      <c r="L1350" s="55"/>
      <c r="M1350" s="55"/>
      <c r="N1350" s="55"/>
      <c r="O1350" s="55"/>
      <c r="P1350" s="55"/>
      <c r="Q1350" s="55"/>
      <c r="R1350" s="55"/>
      <c r="S1350" s="55"/>
      <c r="T1350" s="55"/>
      <c r="U1350" s="55"/>
      <c r="V1350" s="55"/>
      <c r="W1350" s="55"/>
      <c r="X1350" s="55"/>
      <c r="Y1350" s="55"/>
      <c r="Z1350" s="55"/>
      <c r="AA1350" s="55"/>
      <c r="AB1350" s="55"/>
      <c r="AC1350" s="55"/>
      <c r="AD1350" s="55"/>
      <c r="AE1350" s="55"/>
      <c r="AF1350" s="55"/>
      <c r="AG1350" s="55"/>
      <c r="AY1350" s="162"/>
      <c r="AZ1350" s="162"/>
      <c r="BA1350" s="162"/>
      <c r="BB1350" s="162"/>
      <c r="BC1350" s="162"/>
      <c r="BD1350" s="162"/>
      <c r="BE1350" s="162"/>
      <c r="BF1350" s="162"/>
      <c r="BG1350" s="162"/>
      <c r="BH1350" s="162"/>
      <c r="BI1350" s="162"/>
      <c r="BJ1350" s="162"/>
      <c r="BK1350" s="162"/>
      <c r="BL1350" s="162"/>
      <c r="BM1350" s="162"/>
      <c r="BN1350" s="162"/>
      <c r="BO1350" s="162"/>
      <c r="BP1350" s="162"/>
      <c r="BQ1350" s="162"/>
      <c r="BR1350" s="162"/>
      <c r="BS1350" s="162"/>
      <c r="BT1350" s="162"/>
      <c r="BU1350" s="162"/>
      <c r="BV1350" s="162"/>
      <c r="BW1350" s="162"/>
      <c r="BX1350" s="162"/>
      <c r="BY1350" s="162"/>
      <c r="BZ1350" s="162"/>
      <c r="CA1350" s="162"/>
      <c r="CB1350" s="162"/>
      <c r="CC1350" s="162"/>
      <c r="CD1350" s="162"/>
      <c r="CE1350" s="162"/>
      <c r="CF1350" s="162"/>
      <c r="CG1350" s="162"/>
      <c r="CH1350" s="162"/>
      <c r="CI1350" s="162"/>
      <c r="CJ1350" s="162"/>
      <c r="CK1350" s="162"/>
      <c r="CX1350" s="98"/>
      <c r="DL1350" s="97"/>
      <c r="DX1350" s="98"/>
      <c r="EL1350" s="97"/>
      <c r="EX1350" s="98"/>
      <c r="EY1350" s="97"/>
      <c r="FL1350" s="126"/>
      <c r="FM1350" s="91"/>
      <c r="FN1350" s="91"/>
      <c r="FO1350" s="91"/>
      <c r="FP1350" s="91"/>
      <c r="FQ1350" s="91"/>
      <c r="FR1350" s="91"/>
      <c r="FS1350" s="91"/>
      <c r="FT1350" s="91"/>
      <c r="FU1350" s="91"/>
      <c r="FV1350" s="91"/>
      <c r="FW1350" s="91"/>
      <c r="FX1350" s="91"/>
      <c r="FY1350" s="91"/>
      <c r="FZ1350" s="91"/>
      <c r="GA1350" s="91"/>
      <c r="GB1350" s="91"/>
      <c r="GC1350" s="91"/>
      <c r="GD1350" s="91"/>
      <c r="GE1350" s="91"/>
      <c r="GF1350" s="91"/>
      <c r="GG1350" s="91"/>
      <c r="GH1350" s="91"/>
      <c r="GI1350" s="91"/>
      <c r="GJ1350" s="91"/>
      <c r="GK1350" s="127"/>
      <c r="GL1350" s="126"/>
      <c r="GM1350" s="91"/>
      <c r="GN1350" s="91"/>
      <c r="GO1350" s="91"/>
      <c r="GP1350" s="91"/>
      <c r="GQ1350" s="91"/>
      <c r="GR1350" s="91"/>
      <c r="GS1350" s="91"/>
      <c r="GT1350" s="91"/>
      <c r="GU1350" s="91"/>
      <c r="GV1350" s="91"/>
      <c r="GW1350" s="91"/>
      <c r="GX1350" s="91"/>
      <c r="GY1350" s="91"/>
      <c r="GZ1350" s="91"/>
      <c r="HA1350" s="91"/>
      <c r="HB1350" s="91"/>
      <c r="HC1350" s="91"/>
      <c r="HD1350" s="91"/>
      <c r="HE1350" s="91"/>
      <c r="HF1350" s="91"/>
      <c r="HG1350" s="91"/>
      <c r="HH1350" s="91"/>
      <c r="HI1350" s="91"/>
      <c r="HJ1350" s="91"/>
      <c r="HK1350" s="127"/>
      <c r="HL1350" s="126"/>
      <c r="HM1350" s="91"/>
      <c r="HN1350" s="91"/>
      <c r="HO1350" s="91"/>
      <c r="HP1350" s="91"/>
      <c r="HQ1350" s="91"/>
      <c r="HR1350" s="91"/>
      <c r="HS1350" s="91"/>
      <c r="HT1350" s="91"/>
      <c r="HU1350" s="91"/>
      <c r="HV1350" s="91"/>
      <c r="HW1350" s="91"/>
      <c r="HX1350" s="91"/>
      <c r="HY1350" s="91"/>
      <c r="HZ1350" s="91"/>
      <c r="IA1350" s="91"/>
      <c r="IB1350" s="91"/>
      <c r="IC1350" s="91"/>
      <c r="ID1350" s="91"/>
      <c r="IE1350" s="91"/>
      <c r="IF1350" s="91"/>
      <c r="IG1350" s="91"/>
      <c r="IH1350" s="91"/>
      <c r="II1350" s="91"/>
      <c r="IJ1350" s="91"/>
      <c r="IK1350" s="127"/>
    </row>
    <row r="1351" spans="2:245" x14ac:dyDescent="0.2">
      <c r="B1351" s="43"/>
      <c r="C1351" s="73"/>
      <c r="D1351" s="64"/>
      <c r="E1351" s="64"/>
      <c r="F1351" s="55"/>
      <c r="G1351" s="102"/>
      <c r="H1351" s="55"/>
      <c r="I1351" s="55"/>
      <c r="J1351" s="55"/>
      <c r="K1351" s="55"/>
      <c r="L1351" s="55"/>
      <c r="M1351" s="55"/>
      <c r="N1351" s="55"/>
      <c r="O1351" s="55"/>
      <c r="P1351" s="55"/>
      <c r="Q1351" s="55"/>
      <c r="R1351" s="55"/>
      <c r="S1351" s="55"/>
      <c r="T1351" s="55"/>
      <c r="U1351" s="55"/>
      <c r="V1351" s="55"/>
      <c r="W1351" s="55"/>
      <c r="X1351" s="55"/>
      <c r="Y1351" s="55"/>
      <c r="Z1351" s="55"/>
      <c r="AA1351" s="55"/>
      <c r="AB1351" s="55"/>
      <c r="AC1351" s="55"/>
      <c r="AD1351" s="55"/>
      <c r="AE1351" s="55"/>
      <c r="AF1351" s="55"/>
      <c r="AG1351" s="55"/>
      <c r="AY1351" s="162"/>
      <c r="AZ1351" s="162"/>
      <c r="BA1351" s="162"/>
      <c r="BB1351" s="162"/>
      <c r="BC1351" s="162"/>
      <c r="BD1351" s="162"/>
      <c r="BE1351" s="162"/>
      <c r="BF1351" s="162"/>
      <c r="BG1351" s="162"/>
      <c r="BH1351" s="162"/>
      <c r="BI1351" s="162"/>
      <c r="BJ1351" s="162"/>
      <c r="BK1351" s="162"/>
      <c r="BL1351" s="162"/>
      <c r="BM1351" s="162"/>
      <c r="BN1351" s="162"/>
      <c r="BO1351" s="162"/>
      <c r="BP1351" s="162"/>
      <c r="BQ1351" s="162"/>
      <c r="BR1351" s="162"/>
      <c r="BS1351" s="162"/>
      <c r="BT1351" s="162"/>
      <c r="BU1351" s="162"/>
      <c r="BV1351" s="162"/>
      <c r="BW1351" s="162"/>
      <c r="BX1351" s="162"/>
      <c r="BY1351" s="162"/>
      <c r="BZ1351" s="162"/>
      <c r="CA1351" s="162"/>
      <c r="CB1351" s="162"/>
      <c r="CC1351" s="162"/>
      <c r="CD1351" s="162"/>
      <c r="CE1351" s="162"/>
      <c r="CF1351" s="162"/>
      <c r="CG1351" s="162"/>
      <c r="CH1351" s="162"/>
      <c r="CI1351" s="162"/>
      <c r="CJ1351" s="162"/>
      <c r="CK1351" s="162"/>
      <c r="CX1351" s="98"/>
      <c r="DL1351" s="97"/>
      <c r="DX1351" s="98"/>
      <c r="EL1351" s="97"/>
      <c r="EX1351" s="98"/>
      <c r="EY1351" s="97"/>
      <c r="FL1351" s="126"/>
      <c r="FM1351" s="91"/>
      <c r="FN1351" s="91"/>
      <c r="FO1351" s="91"/>
      <c r="FP1351" s="91"/>
      <c r="FQ1351" s="91"/>
      <c r="FR1351" s="91"/>
      <c r="FS1351" s="91"/>
      <c r="FT1351" s="91"/>
      <c r="FU1351" s="91"/>
      <c r="FV1351" s="91"/>
      <c r="FW1351" s="91"/>
      <c r="FX1351" s="91"/>
      <c r="FY1351" s="91"/>
      <c r="FZ1351" s="91"/>
      <c r="GA1351" s="91"/>
      <c r="GB1351" s="91"/>
      <c r="GC1351" s="91"/>
      <c r="GD1351" s="91"/>
      <c r="GE1351" s="91"/>
      <c r="GF1351" s="91"/>
      <c r="GG1351" s="91"/>
      <c r="GH1351" s="91"/>
      <c r="GI1351" s="91"/>
      <c r="GJ1351" s="91"/>
      <c r="GK1351" s="127"/>
      <c r="GL1351" s="126"/>
      <c r="GM1351" s="91"/>
      <c r="GN1351" s="91"/>
      <c r="GO1351" s="91"/>
      <c r="GP1351" s="91"/>
      <c r="GQ1351" s="91"/>
      <c r="GR1351" s="91"/>
      <c r="GS1351" s="91"/>
      <c r="GT1351" s="91"/>
      <c r="GU1351" s="91"/>
      <c r="GV1351" s="91"/>
      <c r="GW1351" s="91"/>
      <c r="GX1351" s="91"/>
      <c r="GY1351" s="91"/>
      <c r="GZ1351" s="91"/>
      <c r="HA1351" s="91"/>
      <c r="HB1351" s="91"/>
      <c r="HC1351" s="91"/>
      <c r="HD1351" s="91"/>
      <c r="HE1351" s="91"/>
      <c r="HF1351" s="91"/>
      <c r="HG1351" s="91"/>
      <c r="HH1351" s="91"/>
      <c r="HI1351" s="91"/>
      <c r="HJ1351" s="91"/>
      <c r="HK1351" s="127"/>
      <c r="HL1351" s="126"/>
      <c r="HM1351" s="91"/>
      <c r="HN1351" s="91"/>
      <c r="HO1351" s="91"/>
      <c r="HP1351" s="91"/>
      <c r="HQ1351" s="91"/>
      <c r="HR1351" s="91"/>
      <c r="HS1351" s="91"/>
      <c r="HT1351" s="91"/>
      <c r="HU1351" s="91"/>
      <c r="HV1351" s="91"/>
      <c r="HW1351" s="91"/>
      <c r="HX1351" s="91"/>
      <c r="HY1351" s="91"/>
      <c r="HZ1351" s="91"/>
      <c r="IA1351" s="91"/>
      <c r="IB1351" s="91"/>
      <c r="IC1351" s="91"/>
      <c r="ID1351" s="91"/>
      <c r="IE1351" s="91"/>
      <c r="IF1351" s="91"/>
      <c r="IG1351" s="91"/>
      <c r="IH1351" s="91"/>
      <c r="II1351" s="91"/>
      <c r="IJ1351" s="91"/>
      <c r="IK1351" s="127"/>
    </row>
    <row r="1352" spans="2:245" x14ac:dyDescent="0.2">
      <c r="B1352" s="43"/>
      <c r="C1352" s="73"/>
      <c r="D1352" s="64"/>
      <c r="E1352" s="64"/>
      <c r="F1352" s="55"/>
      <c r="G1352" s="102"/>
      <c r="H1352" s="55"/>
      <c r="I1352" s="55"/>
      <c r="J1352" s="55"/>
      <c r="K1352" s="55"/>
      <c r="L1352" s="55"/>
      <c r="M1352" s="55"/>
      <c r="N1352" s="55"/>
      <c r="O1352" s="55"/>
      <c r="P1352" s="55"/>
      <c r="Q1352" s="55"/>
      <c r="R1352" s="55"/>
      <c r="S1352" s="55"/>
      <c r="T1352" s="55"/>
      <c r="U1352" s="55"/>
      <c r="V1352" s="55"/>
      <c r="W1352" s="55"/>
      <c r="X1352" s="55"/>
      <c r="Y1352" s="55"/>
      <c r="Z1352" s="55"/>
      <c r="AA1352" s="55"/>
      <c r="AB1352" s="55"/>
      <c r="AC1352" s="55"/>
      <c r="AD1352" s="55"/>
      <c r="AE1352" s="55"/>
      <c r="AF1352" s="55"/>
      <c r="AG1352" s="55"/>
      <c r="AY1352" s="162"/>
      <c r="AZ1352" s="162"/>
      <c r="BA1352" s="162"/>
      <c r="BB1352" s="162"/>
      <c r="BC1352" s="162"/>
      <c r="BD1352" s="162"/>
      <c r="BE1352" s="162"/>
      <c r="BF1352" s="162"/>
      <c r="BG1352" s="162"/>
      <c r="BH1352" s="162"/>
      <c r="BI1352" s="162"/>
      <c r="BJ1352" s="162"/>
      <c r="BK1352" s="162"/>
      <c r="BL1352" s="162"/>
      <c r="BM1352" s="162"/>
      <c r="BN1352" s="162"/>
      <c r="BO1352" s="162"/>
      <c r="BP1352" s="162"/>
      <c r="BQ1352" s="162"/>
      <c r="BR1352" s="162"/>
      <c r="BS1352" s="162"/>
      <c r="BT1352" s="162"/>
      <c r="BU1352" s="162"/>
      <c r="BV1352" s="162"/>
      <c r="BW1352" s="162"/>
      <c r="BX1352" s="162"/>
      <c r="BY1352" s="162"/>
      <c r="BZ1352" s="162"/>
      <c r="CA1352" s="162"/>
      <c r="CB1352" s="162"/>
      <c r="CC1352" s="162"/>
      <c r="CD1352" s="162"/>
      <c r="CE1352" s="162"/>
      <c r="CF1352" s="162"/>
      <c r="CG1352" s="162"/>
      <c r="CH1352" s="162"/>
      <c r="CI1352" s="162"/>
      <c r="CJ1352" s="162"/>
      <c r="CK1352" s="162"/>
      <c r="CX1352" s="98"/>
      <c r="DL1352" s="97"/>
      <c r="DX1352" s="98"/>
      <c r="EL1352" s="97"/>
      <c r="EX1352" s="98"/>
      <c r="EY1352" s="97"/>
      <c r="FL1352" s="126"/>
      <c r="FM1352" s="91"/>
      <c r="FN1352" s="91"/>
      <c r="FO1352" s="91"/>
      <c r="FP1352" s="91"/>
      <c r="FQ1352" s="91"/>
      <c r="FR1352" s="91"/>
      <c r="FS1352" s="91"/>
      <c r="FT1352" s="91"/>
      <c r="FU1352" s="91"/>
      <c r="FV1352" s="91"/>
      <c r="FW1352" s="91"/>
      <c r="FX1352" s="91"/>
      <c r="FY1352" s="91"/>
      <c r="FZ1352" s="91"/>
      <c r="GA1352" s="91"/>
      <c r="GB1352" s="91"/>
      <c r="GC1352" s="91"/>
      <c r="GD1352" s="91"/>
      <c r="GE1352" s="91"/>
      <c r="GF1352" s="91"/>
      <c r="GG1352" s="91"/>
      <c r="GH1352" s="91"/>
      <c r="GI1352" s="91"/>
      <c r="GJ1352" s="91"/>
      <c r="GK1352" s="127"/>
      <c r="GL1352" s="126"/>
      <c r="GM1352" s="91"/>
      <c r="GN1352" s="91"/>
      <c r="GO1352" s="91"/>
      <c r="GP1352" s="91"/>
      <c r="GQ1352" s="91"/>
      <c r="GR1352" s="91"/>
      <c r="GS1352" s="91"/>
      <c r="GT1352" s="91"/>
      <c r="GU1352" s="91"/>
      <c r="GV1352" s="91"/>
      <c r="GW1352" s="91"/>
      <c r="GX1352" s="91"/>
      <c r="GY1352" s="91"/>
      <c r="GZ1352" s="91"/>
      <c r="HA1352" s="91"/>
      <c r="HB1352" s="91"/>
      <c r="HC1352" s="91"/>
      <c r="HD1352" s="91"/>
      <c r="HE1352" s="91"/>
      <c r="HF1352" s="91"/>
      <c r="HG1352" s="91"/>
      <c r="HH1352" s="91"/>
      <c r="HI1352" s="91"/>
      <c r="HJ1352" s="91"/>
      <c r="HK1352" s="127"/>
      <c r="HL1352" s="126"/>
      <c r="HM1352" s="91"/>
      <c r="HN1352" s="91"/>
      <c r="HO1352" s="91"/>
      <c r="HP1352" s="91"/>
      <c r="HQ1352" s="91"/>
      <c r="HR1352" s="91"/>
      <c r="HS1352" s="91"/>
      <c r="HT1352" s="91"/>
      <c r="HU1352" s="91"/>
      <c r="HV1352" s="91"/>
      <c r="HW1352" s="91"/>
      <c r="HX1352" s="91"/>
      <c r="HY1352" s="91"/>
      <c r="HZ1352" s="91"/>
      <c r="IA1352" s="91"/>
      <c r="IB1352" s="91"/>
      <c r="IC1352" s="91"/>
      <c r="ID1352" s="91"/>
      <c r="IE1352" s="91"/>
      <c r="IF1352" s="91"/>
      <c r="IG1352" s="91"/>
      <c r="IH1352" s="91"/>
      <c r="II1352" s="91"/>
      <c r="IJ1352" s="91"/>
      <c r="IK1352" s="127"/>
    </row>
    <row r="1353" spans="2:245" x14ac:dyDescent="0.2">
      <c r="B1353" s="43"/>
      <c r="C1353" s="73"/>
      <c r="D1353" s="64"/>
      <c r="E1353" s="64"/>
      <c r="F1353" s="55"/>
      <c r="G1353" s="102"/>
      <c r="H1353" s="55"/>
      <c r="I1353" s="55"/>
      <c r="J1353" s="55"/>
      <c r="K1353" s="55"/>
      <c r="L1353" s="55"/>
      <c r="M1353" s="55"/>
      <c r="N1353" s="55"/>
      <c r="O1353" s="55"/>
      <c r="P1353" s="55"/>
      <c r="Q1353" s="55"/>
      <c r="R1353" s="55"/>
      <c r="S1353" s="55"/>
      <c r="T1353" s="55"/>
      <c r="U1353" s="55"/>
      <c r="V1353" s="55"/>
      <c r="W1353" s="55"/>
      <c r="X1353" s="55"/>
      <c r="Y1353" s="55"/>
      <c r="Z1353" s="55"/>
      <c r="AA1353" s="55"/>
      <c r="AB1353" s="55"/>
      <c r="AC1353" s="55"/>
      <c r="AD1353" s="55"/>
      <c r="AE1353" s="55"/>
      <c r="AF1353" s="55"/>
      <c r="AG1353" s="55"/>
      <c r="AY1353" s="162"/>
      <c r="AZ1353" s="162"/>
      <c r="BA1353" s="162"/>
      <c r="BB1353" s="162"/>
      <c r="BC1353" s="162"/>
      <c r="BD1353" s="162"/>
      <c r="BE1353" s="162"/>
      <c r="BF1353" s="162"/>
      <c r="BG1353" s="162"/>
      <c r="BH1353" s="162"/>
      <c r="BI1353" s="162"/>
      <c r="BJ1353" s="162"/>
      <c r="BK1353" s="162"/>
      <c r="BL1353" s="162"/>
      <c r="BM1353" s="162"/>
      <c r="BN1353" s="162"/>
      <c r="BO1353" s="162"/>
      <c r="BP1353" s="162"/>
      <c r="BQ1353" s="162"/>
      <c r="BR1353" s="162"/>
      <c r="BS1353" s="162"/>
      <c r="BT1353" s="162"/>
      <c r="BU1353" s="162"/>
      <c r="BV1353" s="162"/>
      <c r="BW1353" s="162"/>
      <c r="BX1353" s="162"/>
      <c r="BY1353" s="162"/>
      <c r="BZ1353" s="162"/>
      <c r="CA1353" s="162"/>
      <c r="CB1353" s="162"/>
      <c r="CC1353" s="162"/>
      <c r="CD1353" s="162"/>
      <c r="CE1353" s="162"/>
      <c r="CF1353" s="162"/>
      <c r="CG1353" s="162"/>
      <c r="CH1353" s="162"/>
      <c r="CI1353" s="162"/>
      <c r="CJ1353" s="162"/>
      <c r="CK1353" s="162"/>
      <c r="CX1353" s="98"/>
      <c r="DL1353" s="97"/>
      <c r="DX1353" s="98"/>
      <c r="EL1353" s="97"/>
      <c r="EX1353" s="98"/>
      <c r="EY1353" s="97"/>
      <c r="FL1353" s="126"/>
      <c r="FM1353" s="91"/>
      <c r="FN1353" s="91"/>
      <c r="FO1353" s="91"/>
      <c r="FP1353" s="91"/>
      <c r="FQ1353" s="91"/>
      <c r="FR1353" s="91"/>
      <c r="FS1353" s="91"/>
      <c r="FT1353" s="91"/>
      <c r="FU1353" s="91"/>
      <c r="FV1353" s="91"/>
      <c r="FW1353" s="91"/>
      <c r="FX1353" s="91"/>
      <c r="FY1353" s="91"/>
      <c r="FZ1353" s="91"/>
      <c r="GA1353" s="91"/>
      <c r="GB1353" s="91"/>
      <c r="GC1353" s="91"/>
      <c r="GD1353" s="91"/>
      <c r="GE1353" s="91"/>
      <c r="GF1353" s="91"/>
      <c r="GG1353" s="91"/>
      <c r="GH1353" s="91"/>
      <c r="GI1353" s="91"/>
      <c r="GJ1353" s="91"/>
      <c r="GK1353" s="127"/>
      <c r="GL1353" s="126"/>
      <c r="GM1353" s="91"/>
      <c r="GN1353" s="91"/>
      <c r="GO1353" s="91"/>
      <c r="GP1353" s="91"/>
      <c r="GQ1353" s="91"/>
      <c r="GR1353" s="91"/>
      <c r="GS1353" s="91"/>
      <c r="GT1353" s="91"/>
      <c r="GU1353" s="91"/>
      <c r="GV1353" s="91"/>
      <c r="GW1353" s="91"/>
      <c r="GX1353" s="91"/>
      <c r="GY1353" s="91"/>
      <c r="GZ1353" s="91"/>
      <c r="HA1353" s="91"/>
      <c r="HB1353" s="91"/>
      <c r="HC1353" s="91"/>
      <c r="HD1353" s="91"/>
      <c r="HE1353" s="91"/>
      <c r="HF1353" s="91"/>
      <c r="HG1353" s="91"/>
      <c r="HH1353" s="91"/>
      <c r="HI1353" s="91"/>
      <c r="HJ1353" s="91"/>
      <c r="HK1353" s="127"/>
      <c r="HL1353" s="126"/>
      <c r="HM1353" s="91"/>
      <c r="HN1353" s="91"/>
      <c r="HO1353" s="91"/>
      <c r="HP1353" s="91"/>
      <c r="HQ1353" s="91"/>
      <c r="HR1353" s="91"/>
      <c r="HS1353" s="91"/>
      <c r="HT1353" s="91"/>
      <c r="HU1353" s="91"/>
      <c r="HV1353" s="91"/>
      <c r="HW1353" s="91"/>
      <c r="HX1353" s="91"/>
      <c r="HY1353" s="91"/>
      <c r="HZ1353" s="91"/>
      <c r="IA1353" s="91"/>
      <c r="IB1353" s="91"/>
      <c r="IC1353" s="91"/>
      <c r="ID1353" s="91"/>
      <c r="IE1353" s="91"/>
      <c r="IF1353" s="91"/>
      <c r="IG1353" s="91"/>
      <c r="IH1353" s="91"/>
      <c r="II1353" s="91"/>
      <c r="IJ1353" s="91"/>
      <c r="IK1353" s="127"/>
    </row>
    <row r="1354" spans="2:245" x14ac:dyDescent="0.2">
      <c r="B1354" s="43"/>
      <c r="C1354" s="73"/>
      <c r="D1354" s="64"/>
      <c r="E1354" s="64"/>
      <c r="F1354" s="55"/>
      <c r="G1354" s="102"/>
      <c r="H1354" s="55"/>
      <c r="I1354" s="55"/>
      <c r="J1354" s="55"/>
      <c r="K1354" s="55"/>
      <c r="L1354" s="55"/>
      <c r="M1354" s="55"/>
      <c r="N1354" s="55"/>
      <c r="O1354" s="55"/>
      <c r="P1354" s="55"/>
      <c r="Q1354" s="55"/>
      <c r="R1354" s="55"/>
      <c r="S1354" s="55"/>
      <c r="T1354" s="55"/>
      <c r="U1354" s="55"/>
      <c r="V1354" s="55"/>
      <c r="W1354" s="55"/>
      <c r="X1354" s="55"/>
      <c r="Y1354" s="55"/>
      <c r="Z1354" s="55"/>
      <c r="AA1354" s="55"/>
      <c r="AB1354" s="55"/>
      <c r="AC1354" s="55"/>
      <c r="AD1354" s="55"/>
      <c r="AE1354" s="55"/>
      <c r="AF1354" s="55"/>
      <c r="AG1354" s="55"/>
      <c r="AY1354" s="162"/>
      <c r="AZ1354" s="162"/>
      <c r="BA1354" s="162"/>
      <c r="BB1354" s="162"/>
      <c r="BC1354" s="162"/>
      <c r="BD1354" s="162"/>
      <c r="BE1354" s="162"/>
      <c r="BF1354" s="162"/>
      <c r="BG1354" s="162"/>
      <c r="BH1354" s="162"/>
      <c r="BI1354" s="162"/>
      <c r="BJ1354" s="162"/>
      <c r="BK1354" s="162"/>
      <c r="BL1354" s="162"/>
      <c r="BM1354" s="162"/>
      <c r="BN1354" s="162"/>
      <c r="BO1354" s="162"/>
      <c r="BP1354" s="162"/>
      <c r="BQ1354" s="162"/>
      <c r="BR1354" s="162"/>
      <c r="BS1354" s="162"/>
      <c r="BT1354" s="162"/>
      <c r="BU1354" s="162"/>
      <c r="BV1354" s="162"/>
      <c r="BW1354" s="162"/>
      <c r="BX1354" s="162"/>
      <c r="BY1354" s="162"/>
      <c r="BZ1354" s="162"/>
      <c r="CA1354" s="162"/>
      <c r="CB1354" s="162"/>
      <c r="CC1354" s="162"/>
      <c r="CD1354" s="162"/>
      <c r="CE1354" s="162"/>
      <c r="CF1354" s="162"/>
      <c r="CG1354" s="162"/>
      <c r="CH1354" s="162"/>
      <c r="CI1354" s="162"/>
      <c r="CJ1354" s="162"/>
      <c r="CK1354" s="162"/>
      <c r="CX1354" s="98"/>
      <c r="DL1354" s="97"/>
      <c r="DX1354" s="98"/>
      <c r="EL1354" s="97"/>
      <c r="EX1354" s="98"/>
      <c r="EY1354" s="97"/>
      <c r="FL1354" s="126"/>
      <c r="FM1354" s="91"/>
      <c r="FN1354" s="91"/>
      <c r="FO1354" s="91"/>
      <c r="FP1354" s="91"/>
      <c r="FQ1354" s="91"/>
      <c r="FR1354" s="91"/>
      <c r="FS1354" s="91"/>
      <c r="FT1354" s="91"/>
      <c r="FU1354" s="91"/>
      <c r="FV1354" s="91"/>
      <c r="FW1354" s="91"/>
      <c r="FX1354" s="91"/>
      <c r="FY1354" s="91"/>
      <c r="FZ1354" s="91"/>
      <c r="GA1354" s="91"/>
      <c r="GB1354" s="91"/>
      <c r="GC1354" s="91"/>
      <c r="GD1354" s="91"/>
      <c r="GE1354" s="91"/>
      <c r="GF1354" s="91"/>
      <c r="GG1354" s="91"/>
      <c r="GH1354" s="91"/>
      <c r="GI1354" s="91"/>
      <c r="GJ1354" s="91"/>
      <c r="GK1354" s="127"/>
      <c r="GL1354" s="126"/>
      <c r="GM1354" s="91"/>
      <c r="GN1354" s="91"/>
      <c r="GO1354" s="91"/>
      <c r="GP1354" s="91"/>
      <c r="GQ1354" s="91"/>
      <c r="GR1354" s="91"/>
      <c r="GS1354" s="91"/>
      <c r="GT1354" s="91"/>
      <c r="GU1354" s="91"/>
      <c r="GV1354" s="91"/>
      <c r="GW1354" s="91"/>
      <c r="GX1354" s="91"/>
      <c r="GY1354" s="91"/>
      <c r="GZ1354" s="91"/>
      <c r="HA1354" s="91"/>
      <c r="HB1354" s="91"/>
      <c r="HC1354" s="91"/>
      <c r="HD1354" s="91"/>
      <c r="HE1354" s="91"/>
      <c r="HF1354" s="91"/>
      <c r="HG1354" s="91"/>
      <c r="HH1354" s="91"/>
      <c r="HI1354" s="91"/>
      <c r="HJ1354" s="91"/>
      <c r="HK1354" s="127"/>
      <c r="HL1354" s="126"/>
      <c r="HM1354" s="91"/>
      <c r="HN1354" s="91"/>
      <c r="HO1354" s="91"/>
      <c r="HP1354" s="91"/>
      <c r="HQ1354" s="91"/>
      <c r="HR1354" s="91"/>
      <c r="HS1354" s="91"/>
      <c r="HT1354" s="91"/>
      <c r="HU1354" s="91"/>
      <c r="HV1354" s="91"/>
      <c r="HW1354" s="91"/>
      <c r="HX1354" s="91"/>
      <c r="HY1354" s="91"/>
      <c r="HZ1354" s="91"/>
      <c r="IA1354" s="91"/>
      <c r="IB1354" s="91"/>
      <c r="IC1354" s="91"/>
      <c r="ID1354" s="91"/>
      <c r="IE1354" s="91"/>
      <c r="IF1354" s="91"/>
      <c r="IG1354" s="91"/>
      <c r="IH1354" s="91"/>
      <c r="II1354" s="91"/>
      <c r="IJ1354" s="91"/>
      <c r="IK1354" s="127"/>
    </row>
    <row r="1355" spans="2:245" ht="13.5" thickBot="1" x14ac:dyDescent="0.25">
      <c r="B1355" s="43"/>
      <c r="C1355" s="73"/>
      <c r="D1355" s="64"/>
      <c r="E1355" s="64"/>
      <c r="F1355" s="55"/>
      <c r="G1355" s="102"/>
      <c r="H1355" s="55"/>
      <c r="I1355" s="55"/>
      <c r="J1355" s="55"/>
      <c r="K1355" s="55"/>
      <c r="L1355" s="55"/>
      <c r="M1355" s="55"/>
      <c r="N1355" s="55"/>
      <c r="O1355" s="55"/>
      <c r="P1355" s="55"/>
      <c r="Q1355" s="55"/>
      <c r="R1355" s="55"/>
      <c r="S1355" s="55"/>
      <c r="T1355" s="55"/>
      <c r="U1355" s="55"/>
      <c r="V1355" s="55"/>
      <c r="W1355" s="55"/>
      <c r="X1355" s="55"/>
      <c r="Y1355" s="55"/>
      <c r="Z1355" s="55"/>
      <c r="AA1355" s="55"/>
      <c r="AB1355" s="55"/>
      <c r="AC1355" s="55"/>
      <c r="AD1355" s="55"/>
      <c r="AE1355" s="55"/>
      <c r="AF1355" s="55"/>
      <c r="AG1355" s="55"/>
      <c r="AY1355" s="162"/>
      <c r="AZ1355" s="162"/>
      <c r="BA1355" s="162"/>
      <c r="BB1355" s="162"/>
      <c r="BC1355" s="162"/>
      <c r="BD1355" s="162"/>
      <c r="BE1355" s="162"/>
      <c r="BF1355" s="162"/>
      <c r="BG1355" s="162"/>
      <c r="BH1355" s="162"/>
      <c r="BI1355" s="162"/>
      <c r="BJ1355" s="162"/>
      <c r="BK1355" s="162"/>
      <c r="BL1355" s="162"/>
      <c r="BM1355" s="162"/>
      <c r="BN1355" s="162"/>
      <c r="BO1355" s="162"/>
      <c r="BP1355" s="162"/>
      <c r="BQ1355" s="162"/>
      <c r="BR1355" s="162"/>
      <c r="BS1355" s="162"/>
      <c r="BT1355" s="162"/>
      <c r="BU1355" s="162"/>
      <c r="BV1355" s="162"/>
      <c r="BW1355" s="162"/>
      <c r="BX1355" s="162"/>
      <c r="BY1355" s="162"/>
      <c r="BZ1355" s="162"/>
      <c r="CA1355" s="162"/>
      <c r="CB1355" s="162"/>
      <c r="CC1355" s="162"/>
      <c r="CD1355" s="162"/>
      <c r="CE1355" s="162"/>
      <c r="CF1355" s="162"/>
      <c r="CG1355" s="162"/>
      <c r="CH1355" s="162"/>
      <c r="CI1355" s="162"/>
      <c r="CJ1355" s="162"/>
      <c r="CK1355" s="162"/>
      <c r="CL1355" s="166"/>
      <c r="CM1355" s="166"/>
      <c r="CN1355" s="166"/>
      <c r="CO1355" s="166"/>
      <c r="CP1355" s="166"/>
      <c r="CQ1355" s="166"/>
      <c r="CR1355" s="166"/>
      <c r="CS1355" s="166"/>
      <c r="CT1355" s="166"/>
      <c r="CU1355" s="166"/>
      <c r="CV1355" s="166"/>
      <c r="CW1355" s="166"/>
      <c r="CX1355" s="176"/>
      <c r="CY1355" s="166"/>
      <c r="CZ1355" s="166"/>
      <c r="DA1355" s="166"/>
      <c r="DB1355" s="166"/>
      <c r="DC1355" s="166"/>
      <c r="DD1355" s="166"/>
      <c r="DE1355" s="166"/>
      <c r="DF1355" s="166"/>
      <c r="DG1355" s="166"/>
      <c r="DH1355" s="166"/>
      <c r="DI1355" s="166"/>
      <c r="DJ1355" s="166"/>
      <c r="DK1355" s="166"/>
      <c r="DL1355" s="175"/>
      <c r="DM1355" s="166"/>
      <c r="DN1355" s="166"/>
      <c r="DO1355" s="166"/>
      <c r="DP1355" s="166"/>
      <c r="DQ1355" s="166"/>
      <c r="DR1355" s="166"/>
      <c r="DS1355" s="166"/>
      <c r="DT1355" s="166"/>
      <c r="DU1355" s="166"/>
      <c r="DV1355" s="166"/>
      <c r="DW1355" s="166"/>
      <c r="DX1355" s="176"/>
      <c r="DY1355" s="166"/>
      <c r="DZ1355" s="166"/>
      <c r="EA1355" s="166"/>
      <c r="EB1355" s="166"/>
      <c r="EC1355" s="166"/>
      <c r="ED1355" s="166"/>
      <c r="EE1355" s="166"/>
      <c r="EF1355" s="166"/>
      <c r="EG1355" s="166"/>
      <c r="EH1355" s="166"/>
      <c r="EI1355" s="166"/>
      <c r="EJ1355" s="166"/>
      <c r="EK1355" s="166"/>
      <c r="EL1355" s="175"/>
      <c r="EM1355" s="166"/>
      <c r="EN1355" s="166"/>
      <c r="EO1355" s="166"/>
      <c r="EP1355" s="166"/>
      <c r="EQ1355" s="166"/>
      <c r="ER1355" s="166"/>
      <c r="ES1355" s="166"/>
      <c r="ET1355" s="166"/>
      <c r="EU1355" s="166"/>
      <c r="EV1355" s="166"/>
      <c r="EW1355" s="166"/>
      <c r="EX1355" s="176"/>
      <c r="EY1355" s="175"/>
      <c r="EZ1355" s="166"/>
      <c r="FA1355" s="166"/>
      <c r="FB1355" s="166"/>
      <c r="FC1355" s="166"/>
      <c r="FD1355" s="166"/>
      <c r="FE1355" s="166"/>
      <c r="FF1355" s="166"/>
      <c r="FG1355" s="166"/>
      <c r="FH1355" s="166"/>
      <c r="FI1355" s="166"/>
      <c r="FJ1355" s="166"/>
      <c r="FK1355" s="166"/>
      <c r="FL1355" s="126"/>
      <c r="FM1355" s="91"/>
      <c r="FN1355" s="91"/>
      <c r="FO1355" s="91"/>
      <c r="FP1355" s="91"/>
      <c r="FQ1355" s="91"/>
      <c r="FR1355" s="91"/>
      <c r="FS1355" s="91"/>
      <c r="FT1355" s="91"/>
      <c r="FU1355" s="91"/>
      <c r="FV1355" s="91"/>
      <c r="FW1355" s="91"/>
      <c r="FX1355" s="91"/>
      <c r="FY1355" s="91"/>
      <c r="FZ1355" s="91"/>
      <c r="GA1355" s="91"/>
      <c r="GB1355" s="91"/>
      <c r="GC1355" s="91"/>
      <c r="GD1355" s="91"/>
      <c r="GE1355" s="91"/>
      <c r="GF1355" s="91"/>
      <c r="GG1355" s="91"/>
      <c r="GH1355" s="91"/>
      <c r="GI1355" s="91"/>
      <c r="GJ1355" s="91"/>
      <c r="GK1355" s="127"/>
      <c r="GL1355" s="126"/>
      <c r="GM1355" s="91"/>
      <c r="GN1355" s="91"/>
      <c r="GO1355" s="91"/>
      <c r="GP1355" s="91"/>
      <c r="GQ1355" s="91"/>
      <c r="GR1355" s="91"/>
      <c r="GS1355" s="91"/>
      <c r="GT1355" s="91"/>
      <c r="GU1355" s="91"/>
      <c r="GV1355" s="91"/>
      <c r="GW1355" s="91"/>
      <c r="GX1355" s="91"/>
      <c r="GY1355" s="91"/>
      <c r="GZ1355" s="91"/>
      <c r="HA1355" s="91"/>
      <c r="HB1355" s="91"/>
      <c r="HC1355" s="91"/>
      <c r="HD1355" s="91"/>
      <c r="HE1355" s="91"/>
      <c r="HF1355" s="91"/>
      <c r="HG1355" s="91"/>
      <c r="HH1355" s="91"/>
      <c r="HI1355" s="91"/>
      <c r="HJ1355" s="91"/>
      <c r="HK1355" s="127"/>
      <c r="HL1355" s="126"/>
      <c r="HM1355" s="91"/>
      <c r="HN1355" s="91"/>
      <c r="HO1355" s="91"/>
      <c r="HP1355" s="91"/>
      <c r="HQ1355" s="91"/>
      <c r="HR1355" s="91"/>
      <c r="HS1355" s="91"/>
      <c r="HT1355" s="91"/>
      <c r="HU1355" s="91"/>
      <c r="HV1355" s="91"/>
      <c r="HW1355" s="91"/>
      <c r="HX1355" s="91"/>
      <c r="HY1355" s="91"/>
      <c r="HZ1355" s="91"/>
      <c r="IA1355" s="91"/>
      <c r="IB1355" s="91"/>
      <c r="IC1355" s="91"/>
      <c r="ID1355" s="91"/>
      <c r="IE1355" s="91"/>
      <c r="IF1355" s="91"/>
      <c r="IG1355" s="91"/>
      <c r="IH1355" s="91"/>
      <c r="II1355" s="91"/>
      <c r="IJ1355" s="91"/>
      <c r="IK1355" s="127"/>
    </row>
    <row r="1356" spans="2:245" x14ac:dyDescent="0.2">
      <c r="B1356" s="43"/>
      <c r="C1356" s="73"/>
      <c r="D1356" s="64"/>
      <c r="E1356" s="64"/>
      <c r="F1356" s="55"/>
      <c r="G1356" s="102"/>
      <c r="H1356" s="55"/>
      <c r="I1356" s="55"/>
      <c r="J1356" s="55"/>
      <c r="K1356" s="55"/>
      <c r="L1356" s="55"/>
      <c r="M1356" s="55"/>
      <c r="N1356" s="55"/>
      <c r="O1356" s="55"/>
      <c r="P1356" s="55"/>
      <c r="Q1356" s="55"/>
      <c r="R1356" s="55"/>
      <c r="S1356" s="55"/>
      <c r="T1356" s="55"/>
      <c r="U1356" s="55"/>
      <c r="V1356" s="55"/>
      <c r="W1356" s="55"/>
      <c r="X1356" s="55"/>
      <c r="Y1356" s="55"/>
      <c r="Z1356" s="55"/>
      <c r="AA1356" s="55"/>
      <c r="AB1356" s="55"/>
      <c r="AC1356" s="55"/>
      <c r="AD1356" s="55"/>
      <c r="AE1356" s="55"/>
      <c r="AF1356" s="55"/>
      <c r="AG1356" s="55"/>
      <c r="AY1356" s="162"/>
      <c r="AZ1356" s="162"/>
      <c r="BA1356" s="162"/>
      <c r="BB1356" s="162"/>
      <c r="BC1356" s="162"/>
      <c r="BD1356" s="162"/>
      <c r="BE1356" s="162"/>
      <c r="BF1356" s="162"/>
      <c r="BG1356" s="162"/>
      <c r="BH1356" s="162"/>
      <c r="BI1356" s="162"/>
      <c r="BJ1356" s="162"/>
      <c r="BK1356" s="162"/>
      <c r="BL1356" s="162"/>
      <c r="BM1356" s="162"/>
      <c r="BN1356" s="162"/>
      <c r="BO1356" s="162"/>
      <c r="BP1356" s="162"/>
      <c r="BQ1356" s="162"/>
      <c r="BR1356" s="162"/>
      <c r="BS1356" s="162"/>
      <c r="BT1356" s="162"/>
      <c r="BU1356" s="162"/>
      <c r="BV1356" s="162"/>
      <c r="BW1356" s="162"/>
      <c r="BX1356" s="162"/>
      <c r="BY1356" s="162"/>
      <c r="BZ1356" s="162"/>
      <c r="CA1356" s="162"/>
      <c r="CB1356" s="162"/>
      <c r="CC1356" s="162"/>
      <c r="CD1356" s="162"/>
      <c r="CE1356" s="162"/>
      <c r="CF1356" s="162"/>
      <c r="CG1356" s="162"/>
      <c r="CH1356" s="162"/>
      <c r="CI1356" s="162"/>
      <c r="CJ1356" s="162"/>
      <c r="CK1356" s="162"/>
      <c r="CX1356" s="98"/>
      <c r="DL1356" s="97"/>
      <c r="DX1356" s="98"/>
      <c r="EL1356" s="97"/>
      <c r="EX1356" s="98"/>
      <c r="EY1356" s="97"/>
      <c r="FL1356" s="126"/>
      <c r="FM1356" s="91"/>
      <c r="FN1356" s="91"/>
      <c r="FO1356" s="91"/>
      <c r="FP1356" s="91"/>
      <c r="FQ1356" s="91"/>
      <c r="FR1356" s="91"/>
      <c r="FS1356" s="91"/>
      <c r="FT1356" s="91"/>
      <c r="FU1356" s="91"/>
      <c r="FV1356" s="91"/>
      <c r="FW1356" s="91"/>
      <c r="FX1356" s="91"/>
      <c r="FY1356" s="91"/>
      <c r="FZ1356" s="91"/>
      <c r="GA1356" s="91"/>
      <c r="GB1356" s="91"/>
      <c r="GC1356" s="91"/>
      <c r="GD1356" s="91"/>
      <c r="GE1356" s="91"/>
      <c r="GF1356" s="91"/>
      <c r="GG1356" s="91"/>
      <c r="GH1356" s="91"/>
      <c r="GI1356" s="91"/>
      <c r="GJ1356" s="91"/>
      <c r="GK1356" s="127"/>
      <c r="GL1356" s="126"/>
      <c r="GM1356" s="91"/>
      <c r="GN1356" s="91"/>
      <c r="GO1356" s="91"/>
      <c r="GP1356" s="91"/>
      <c r="GQ1356" s="91"/>
      <c r="GR1356" s="91"/>
      <c r="GS1356" s="91"/>
      <c r="GT1356" s="91"/>
      <c r="GU1356" s="91"/>
      <c r="GV1356" s="91"/>
      <c r="GW1356" s="91"/>
      <c r="GX1356" s="91"/>
      <c r="GY1356" s="91"/>
      <c r="GZ1356" s="91"/>
      <c r="HA1356" s="91"/>
      <c r="HB1356" s="91"/>
      <c r="HC1356" s="91"/>
      <c r="HD1356" s="91"/>
      <c r="HE1356" s="91"/>
      <c r="HF1356" s="91"/>
      <c r="HG1356" s="91"/>
      <c r="HH1356" s="91"/>
      <c r="HI1356" s="91"/>
      <c r="HJ1356" s="91"/>
      <c r="HK1356" s="127"/>
      <c r="HL1356" s="126"/>
      <c r="HM1356" s="91"/>
      <c r="HN1356" s="91"/>
      <c r="HO1356" s="91"/>
      <c r="HP1356" s="91"/>
      <c r="HQ1356" s="91"/>
      <c r="HR1356" s="91"/>
      <c r="HS1356" s="91"/>
      <c r="HT1356" s="91"/>
      <c r="HU1356" s="91"/>
      <c r="HV1356" s="91"/>
      <c r="HW1356" s="91"/>
      <c r="HX1356" s="91"/>
      <c r="HY1356" s="91"/>
      <c r="HZ1356" s="91"/>
      <c r="IA1356" s="91"/>
      <c r="IB1356" s="91"/>
      <c r="IC1356" s="91"/>
      <c r="ID1356" s="91"/>
      <c r="IE1356" s="91"/>
      <c r="IF1356" s="91"/>
      <c r="IG1356" s="91"/>
      <c r="IH1356" s="91"/>
      <c r="II1356" s="91"/>
      <c r="IJ1356" s="91"/>
      <c r="IK1356" s="127"/>
    </row>
    <row r="1357" spans="2:245" x14ac:dyDescent="0.2">
      <c r="B1357" s="43"/>
      <c r="C1357" s="73"/>
      <c r="D1357" s="64"/>
      <c r="E1357" s="64"/>
      <c r="F1357" s="55"/>
      <c r="G1357" s="102"/>
      <c r="H1357" s="55"/>
      <c r="I1357" s="55"/>
      <c r="J1357" s="55"/>
      <c r="K1357" s="55"/>
      <c r="L1357" s="55"/>
      <c r="M1357" s="55"/>
      <c r="N1357" s="55"/>
      <c r="O1357" s="55"/>
      <c r="P1357" s="55"/>
      <c r="Q1357" s="55"/>
      <c r="R1357" s="55"/>
      <c r="S1357" s="55"/>
      <c r="T1357" s="55"/>
      <c r="U1357" s="55"/>
      <c r="V1357" s="55"/>
      <c r="W1357" s="55"/>
      <c r="X1357" s="55"/>
      <c r="Y1357" s="55"/>
      <c r="Z1357" s="55"/>
      <c r="AA1357" s="55"/>
      <c r="AB1357" s="55"/>
      <c r="AC1357" s="55"/>
      <c r="AD1357" s="55"/>
      <c r="AE1357" s="55"/>
      <c r="AF1357" s="55"/>
      <c r="AG1357" s="55"/>
      <c r="AY1357" s="162"/>
      <c r="AZ1357" s="162"/>
      <c r="BA1357" s="162"/>
      <c r="BB1357" s="162"/>
      <c r="BC1357" s="162"/>
      <c r="BD1357" s="162"/>
      <c r="BE1357" s="162"/>
      <c r="BF1357" s="162"/>
      <c r="BG1357" s="162"/>
      <c r="BH1357" s="162"/>
      <c r="BI1357" s="162"/>
      <c r="BJ1357" s="162"/>
      <c r="BK1357" s="162"/>
      <c r="BL1357" s="162"/>
      <c r="BM1357" s="162"/>
      <c r="BN1357" s="162"/>
      <c r="BO1357" s="162"/>
      <c r="BP1357" s="162"/>
      <c r="BQ1357" s="162"/>
      <c r="BR1357" s="162"/>
      <c r="BS1357" s="162"/>
      <c r="BT1357" s="162"/>
      <c r="BU1357" s="162"/>
      <c r="BV1357" s="162"/>
      <c r="BW1357" s="162"/>
      <c r="BX1357" s="162"/>
      <c r="BY1357" s="162"/>
      <c r="BZ1357" s="162"/>
      <c r="CA1357" s="162"/>
      <c r="CB1357" s="162"/>
      <c r="CC1357" s="162"/>
      <c r="CD1357" s="162"/>
      <c r="CE1357" s="162"/>
      <c r="CF1357" s="162"/>
      <c r="CG1357" s="162"/>
      <c r="CH1357" s="162"/>
      <c r="CI1357" s="162"/>
      <c r="CJ1357" s="162"/>
      <c r="CK1357" s="162"/>
      <c r="CX1357" s="98"/>
      <c r="DL1357" s="97"/>
      <c r="DX1357" s="98"/>
      <c r="EL1357" s="97"/>
      <c r="EX1357" s="98"/>
      <c r="EY1357" s="97"/>
      <c r="FL1357" s="126"/>
      <c r="FM1357" s="91"/>
      <c r="FN1357" s="91"/>
      <c r="FO1357" s="91"/>
      <c r="FP1357" s="91"/>
      <c r="FQ1357" s="91"/>
      <c r="FR1357" s="91"/>
      <c r="FS1357" s="91"/>
      <c r="FT1357" s="91"/>
      <c r="FU1357" s="91"/>
      <c r="FV1357" s="91"/>
      <c r="FW1357" s="91"/>
      <c r="FX1357" s="91"/>
      <c r="FY1357" s="91"/>
      <c r="FZ1357" s="91"/>
      <c r="GA1357" s="91"/>
      <c r="GB1357" s="91"/>
      <c r="GC1357" s="91"/>
      <c r="GD1357" s="91"/>
      <c r="GE1357" s="91"/>
      <c r="GF1357" s="91"/>
      <c r="GG1357" s="91"/>
      <c r="GH1357" s="91"/>
      <c r="GI1357" s="91"/>
      <c r="GJ1357" s="91"/>
      <c r="GK1357" s="127"/>
      <c r="GL1357" s="126"/>
      <c r="GM1357" s="91"/>
      <c r="GN1357" s="91"/>
      <c r="GO1357" s="91"/>
      <c r="GP1357" s="91"/>
      <c r="GQ1357" s="91"/>
      <c r="GR1357" s="91"/>
      <c r="GS1357" s="91"/>
      <c r="GT1357" s="91"/>
      <c r="GU1357" s="91"/>
      <c r="GV1357" s="91"/>
      <c r="GW1357" s="91"/>
      <c r="GX1357" s="91"/>
      <c r="GY1357" s="91"/>
      <c r="GZ1357" s="91"/>
      <c r="HA1357" s="91"/>
      <c r="HB1357" s="91"/>
      <c r="HC1357" s="91"/>
      <c r="HD1357" s="91"/>
      <c r="HE1357" s="91"/>
      <c r="HF1357" s="91"/>
      <c r="HG1357" s="91"/>
      <c r="HH1357" s="91"/>
      <c r="HI1357" s="91"/>
      <c r="HJ1357" s="91"/>
      <c r="HK1357" s="127"/>
      <c r="HL1357" s="126"/>
      <c r="HM1357" s="91"/>
      <c r="HN1357" s="91"/>
      <c r="HO1357" s="91"/>
      <c r="HP1357" s="91"/>
      <c r="HQ1357" s="91"/>
      <c r="HR1357" s="91"/>
      <c r="HS1357" s="91"/>
      <c r="HT1357" s="91"/>
      <c r="HU1357" s="91"/>
      <c r="HV1357" s="91"/>
      <c r="HW1357" s="91"/>
      <c r="HX1357" s="91"/>
      <c r="HY1357" s="91"/>
      <c r="HZ1357" s="91"/>
      <c r="IA1357" s="91"/>
      <c r="IB1357" s="91"/>
      <c r="IC1357" s="91"/>
      <c r="ID1357" s="91"/>
      <c r="IE1357" s="91"/>
      <c r="IF1357" s="91"/>
      <c r="IG1357" s="91"/>
      <c r="IH1357" s="91"/>
      <c r="II1357" s="91"/>
      <c r="IJ1357" s="91"/>
      <c r="IK1357" s="127"/>
    </row>
    <row r="1358" spans="2:245" x14ac:dyDescent="0.2">
      <c r="B1358" s="43"/>
      <c r="C1358" s="73"/>
      <c r="D1358" s="64"/>
      <c r="E1358" s="64"/>
      <c r="F1358" s="55"/>
      <c r="G1358" s="102"/>
      <c r="H1358" s="55"/>
      <c r="I1358" s="55"/>
      <c r="J1358" s="55"/>
      <c r="K1358" s="55"/>
      <c r="L1358" s="55"/>
      <c r="M1358" s="55"/>
      <c r="N1358" s="55"/>
      <c r="O1358" s="55"/>
      <c r="P1358" s="55"/>
      <c r="Q1358" s="55"/>
      <c r="R1358" s="55"/>
      <c r="S1358" s="55"/>
      <c r="T1358" s="55"/>
      <c r="U1358" s="55"/>
      <c r="V1358" s="55"/>
      <c r="W1358" s="55"/>
      <c r="X1358" s="55"/>
      <c r="Y1358" s="55"/>
      <c r="Z1358" s="55"/>
      <c r="AA1358" s="55"/>
      <c r="AB1358" s="55"/>
      <c r="AC1358" s="55"/>
      <c r="AD1358" s="55"/>
      <c r="AE1358" s="55"/>
      <c r="AF1358" s="55"/>
      <c r="AG1358" s="55"/>
      <c r="AY1358" s="162"/>
      <c r="AZ1358" s="162"/>
      <c r="BA1358" s="162"/>
      <c r="BB1358" s="162"/>
      <c r="BC1358" s="162"/>
      <c r="BD1358" s="162"/>
      <c r="BE1358" s="162"/>
      <c r="BF1358" s="162"/>
      <c r="BG1358" s="162"/>
      <c r="BH1358" s="162"/>
      <c r="BI1358" s="162"/>
      <c r="BJ1358" s="162"/>
      <c r="BK1358" s="162"/>
      <c r="BL1358" s="162"/>
      <c r="BM1358" s="162"/>
      <c r="BN1358" s="162"/>
      <c r="BO1358" s="162"/>
      <c r="BP1358" s="162"/>
      <c r="BQ1358" s="162"/>
      <c r="BR1358" s="162"/>
      <c r="BS1358" s="162"/>
      <c r="BT1358" s="162"/>
      <c r="BU1358" s="162"/>
      <c r="BV1358" s="162"/>
      <c r="BW1358" s="162"/>
      <c r="BX1358" s="162"/>
      <c r="BY1358" s="162"/>
      <c r="BZ1358" s="162"/>
      <c r="CA1358" s="162"/>
      <c r="CB1358" s="162"/>
      <c r="CC1358" s="162"/>
      <c r="CD1358" s="162"/>
      <c r="CE1358" s="162"/>
      <c r="CF1358" s="162"/>
      <c r="CG1358" s="162"/>
      <c r="CH1358" s="162"/>
      <c r="CI1358" s="162"/>
      <c r="CJ1358" s="162"/>
      <c r="CK1358" s="162"/>
      <c r="CX1358" s="98"/>
      <c r="DL1358" s="97"/>
      <c r="DX1358" s="98"/>
      <c r="EL1358" s="97"/>
      <c r="EX1358" s="98"/>
      <c r="EY1358" s="97"/>
      <c r="FL1358" s="126"/>
      <c r="FM1358" s="91"/>
      <c r="FN1358" s="91"/>
      <c r="FO1358" s="91"/>
      <c r="FP1358" s="91"/>
      <c r="FQ1358" s="91"/>
      <c r="FR1358" s="91"/>
      <c r="FS1358" s="91"/>
      <c r="FT1358" s="91"/>
      <c r="FU1358" s="91"/>
      <c r="FV1358" s="91"/>
      <c r="FW1358" s="91"/>
      <c r="FX1358" s="91"/>
      <c r="FY1358" s="91"/>
      <c r="FZ1358" s="91"/>
      <c r="GA1358" s="91"/>
      <c r="GB1358" s="91"/>
      <c r="GC1358" s="91"/>
      <c r="GD1358" s="91"/>
      <c r="GE1358" s="91"/>
      <c r="GF1358" s="91"/>
      <c r="GG1358" s="91"/>
      <c r="GH1358" s="91"/>
      <c r="GI1358" s="91"/>
      <c r="GJ1358" s="91"/>
      <c r="GK1358" s="127"/>
      <c r="GL1358" s="126"/>
      <c r="GM1358" s="91"/>
      <c r="GN1358" s="91"/>
      <c r="GO1358" s="91"/>
      <c r="GP1358" s="91"/>
      <c r="GQ1358" s="91"/>
      <c r="GR1358" s="91"/>
      <c r="GS1358" s="91"/>
      <c r="GT1358" s="91"/>
      <c r="GU1358" s="91"/>
      <c r="GV1358" s="91"/>
      <c r="GW1358" s="91"/>
      <c r="GX1358" s="91"/>
      <c r="GY1358" s="91"/>
      <c r="GZ1358" s="91"/>
      <c r="HA1358" s="91"/>
      <c r="HB1358" s="91"/>
      <c r="HC1358" s="91"/>
      <c r="HD1358" s="91"/>
      <c r="HE1358" s="91"/>
      <c r="HF1358" s="91"/>
      <c r="HG1358" s="91"/>
      <c r="HH1358" s="91"/>
      <c r="HI1358" s="91"/>
      <c r="HJ1358" s="91"/>
      <c r="HK1358" s="127"/>
      <c r="HL1358" s="126"/>
      <c r="HM1358" s="91"/>
      <c r="HN1358" s="91"/>
      <c r="HO1358" s="91"/>
      <c r="HP1358" s="91"/>
      <c r="HQ1358" s="91"/>
      <c r="HR1358" s="91"/>
      <c r="HS1358" s="91"/>
      <c r="HT1358" s="91"/>
      <c r="HU1358" s="91"/>
      <c r="HV1358" s="91"/>
      <c r="HW1358" s="91"/>
      <c r="HX1358" s="91"/>
      <c r="HY1358" s="91"/>
      <c r="HZ1358" s="91"/>
      <c r="IA1358" s="91"/>
      <c r="IB1358" s="91"/>
      <c r="IC1358" s="91"/>
      <c r="ID1358" s="91"/>
      <c r="IE1358" s="91"/>
      <c r="IF1358" s="91"/>
      <c r="IG1358" s="91"/>
      <c r="IH1358" s="91"/>
      <c r="II1358" s="91"/>
      <c r="IJ1358" s="91"/>
      <c r="IK1358" s="127"/>
    </row>
    <row r="1359" spans="2:245" x14ac:dyDescent="0.2">
      <c r="B1359" s="43"/>
      <c r="C1359" s="73"/>
      <c r="D1359" s="64"/>
      <c r="E1359" s="64"/>
      <c r="F1359" s="55"/>
      <c r="G1359" s="102"/>
      <c r="H1359" s="55"/>
      <c r="I1359" s="55"/>
      <c r="J1359" s="55"/>
      <c r="K1359" s="55"/>
      <c r="L1359" s="55"/>
      <c r="M1359" s="55"/>
      <c r="N1359" s="55"/>
      <c r="O1359" s="55"/>
      <c r="P1359" s="55"/>
      <c r="Q1359" s="55"/>
      <c r="R1359" s="55"/>
      <c r="S1359" s="55"/>
      <c r="T1359" s="55"/>
      <c r="U1359" s="55"/>
      <c r="V1359" s="55"/>
      <c r="W1359" s="55"/>
      <c r="X1359" s="55"/>
      <c r="Y1359" s="55"/>
      <c r="Z1359" s="55"/>
      <c r="AA1359" s="55"/>
      <c r="AB1359" s="55"/>
      <c r="AC1359" s="55"/>
      <c r="AD1359" s="55"/>
      <c r="AE1359" s="55"/>
      <c r="AF1359" s="55"/>
      <c r="AG1359" s="55"/>
      <c r="AY1359" s="162"/>
      <c r="AZ1359" s="162"/>
      <c r="BA1359" s="162"/>
      <c r="BB1359" s="162"/>
      <c r="BC1359" s="162"/>
      <c r="BD1359" s="162"/>
      <c r="BE1359" s="162"/>
      <c r="BF1359" s="162"/>
      <c r="BG1359" s="162"/>
      <c r="BH1359" s="162"/>
      <c r="BI1359" s="162"/>
      <c r="BJ1359" s="162"/>
      <c r="BK1359" s="162"/>
      <c r="BL1359" s="162"/>
      <c r="BM1359" s="162"/>
      <c r="BN1359" s="162"/>
      <c r="BO1359" s="162"/>
      <c r="BP1359" s="162"/>
      <c r="BQ1359" s="162"/>
      <c r="BR1359" s="162"/>
      <c r="BS1359" s="162"/>
      <c r="BT1359" s="162"/>
      <c r="BU1359" s="162"/>
      <c r="BV1359" s="162"/>
      <c r="BW1359" s="162"/>
      <c r="BX1359" s="162"/>
      <c r="BY1359" s="162"/>
      <c r="BZ1359" s="162"/>
      <c r="CA1359" s="162"/>
      <c r="CB1359" s="162"/>
      <c r="CC1359" s="162"/>
      <c r="CD1359" s="162"/>
      <c r="CE1359" s="162"/>
      <c r="CF1359" s="162"/>
      <c r="CG1359" s="162"/>
      <c r="CH1359" s="162"/>
      <c r="CI1359" s="162"/>
      <c r="CJ1359" s="162"/>
      <c r="CK1359" s="162"/>
      <c r="CX1359" s="98"/>
      <c r="DL1359" s="97"/>
      <c r="DX1359" s="98"/>
      <c r="EL1359" s="97"/>
      <c r="EX1359" s="98"/>
      <c r="EY1359" s="97"/>
      <c r="FL1359" s="126"/>
      <c r="FM1359" s="91"/>
      <c r="FN1359" s="91"/>
      <c r="FO1359" s="91"/>
      <c r="FP1359" s="91"/>
      <c r="FQ1359" s="91"/>
      <c r="FR1359" s="91"/>
      <c r="FS1359" s="91"/>
      <c r="FT1359" s="91"/>
      <c r="FU1359" s="91"/>
      <c r="FV1359" s="91"/>
      <c r="FW1359" s="91"/>
      <c r="FX1359" s="91"/>
      <c r="FY1359" s="91"/>
      <c r="FZ1359" s="91"/>
      <c r="GA1359" s="91"/>
      <c r="GB1359" s="91"/>
      <c r="GC1359" s="91"/>
      <c r="GD1359" s="91"/>
      <c r="GE1359" s="91"/>
      <c r="GF1359" s="91"/>
      <c r="GG1359" s="91"/>
      <c r="GH1359" s="91"/>
      <c r="GI1359" s="91"/>
      <c r="GJ1359" s="91"/>
      <c r="GK1359" s="127"/>
      <c r="GL1359" s="126"/>
      <c r="GM1359" s="91"/>
      <c r="GN1359" s="91"/>
      <c r="GO1359" s="91"/>
      <c r="GP1359" s="91"/>
      <c r="GQ1359" s="91"/>
      <c r="GR1359" s="91"/>
      <c r="GS1359" s="91"/>
      <c r="GT1359" s="91"/>
      <c r="GU1359" s="91"/>
      <c r="GV1359" s="91"/>
      <c r="GW1359" s="91"/>
      <c r="GX1359" s="91"/>
      <c r="GY1359" s="91"/>
      <c r="GZ1359" s="91"/>
      <c r="HA1359" s="91"/>
      <c r="HB1359" s="91"/>
      <c r="HC1359" s="91"/>
      <c r="HD1359" s="91"/>
      <c r="HE1359" s="91"/>
      <c r="HF1359" s="91"/>
      <c r="HG1359" s="91"/>
      <c r="HH1359" s="91"/>
      <c r="HI1359" s="91"/>
      <c r="HJ1359" s="91"/>
      <c r="HK1359" s="127"/>
      <c r="HL1359" s="126"/>
      <c r="HM1359" s="91"/>
      <c r="HN1359" s="91"/>
      <c r="HO1359" s="91"/>
      <c r="HP1359" s="91"/>
      <c r="HQ1359" s="91"/>
      <c r="HR1359" s="91"/>
      <c r="HS1359" s="91"/>
      <c r="HT1359" s="91"/>
      <c r="HU1359" s="91"/>
      <c r="HV1359" s="91"/>
      <c r="HW1359" s="91"/>
      <c r="HX1359" s="91"/>
      <c r="HY1359" s="91"/>
      <c r="HZ1359" s="91"/>
      <c r="IA1359" s="91"/>
      <c r="IB1359" s="91"/>
      <c r="IC1359" s="91"/>
      <c r="ID1359" s="91"/>
      <c r="IE1359" s="91"/>
      <c r="IF1359" s="91"/>
      <c r="IG1359" s="91"/>
      <c r="IH1359" s="91"/>
      <c r="II1359" s="91"/>
      <c r="IJ1359" s="91"/>
      <c r="IK1359" s="127"/>
    </row>
    <row r="1360" spans="2:245" x14ac:dyDescent="0.2">
      <c r="B1360" s="43"/>
      <c r="C1360" s="73"/>
      <c r="D1360" s="64"/>
      <c r="E1360" s="64"/>
      <c r="F1360" s="55"/>
      <c r="G1360" s="102"/>
      <c r="H1360" s="55"/>
      <c r="I1360" s="55"/>
      <c r="J1360" s="55"/>
      <c r="K1360" s="55"/>
      <c r="L1360" s="55"/>
      <c r="M1360" s="55"/>
      <c r="N1360" s="55"/>
      <c r="O1360" s="55"/>
      <c r="P1360" s="55"/>
      <c r="Q1360" s="55"/>
      <c r="R1360" s="55"/>
      <c r="S1360" s="55"/>
      <c r="T1360" s="55"/>
      <c r="U1360" s="55"/>
      <c r="V1360" s="55"/>
      <c r="W1360" s="55"/>
      <c r="X1360" s="55"/>
      <c r="Y1360" s="55"/>
      <c r="Z1360" s="55"/>
      <c r="AA1360" s="55"/>
      <c r="AB1360" s="55"/>
      <c r="AC1360" s="55"/>
      <c r="AD1360" s="55"/>
      <c r="AE1360" s="55"/>
      <c r="AF1360" s="55"/>
      <c r="AG1360" s="55"/>
      <c r="AY1360" s="162"/>
      <c r="AZ1360" s="162"/>
      <c r="BA1360" s="162"/>
      <c r="BB1360" s="162"/>
      <c r="BC1360" s="162"/>
      <c r="BD1360" s="162"/>
      <c r="BE1360" s="162"/>
      <c r="BF1360" s="162"/>
      <c r="BG1360" s="162"/>
      <c r="BH1360" s="162"/>
      <c r="BI1360" s="162"/>
      <c r="BJ1360" s="162"/>
      <c r="BK1360" s="162"/>
      <c r="BL1360" s="162"/>
      <c r="BM1360" s="162"/>
      <c r="BN1360" s="162"/>
      <c r="BO1360" s="162"/>
      <c r="BP1360" s="162"/>
      <c r="BQ1360" s="162"/>
      <c r="BR1360" s="162"/>
      <c r="BS1360" s="162"/>
      <c r="BT1360" s="162"/>
      <c r="BU1360" s="162"/>
      <c r="BV1360" s="162"/>
      <c r="BW1360" s="162"/>
      <c r="BX1360" s="162"/>
      <c r="BY1360" s="162"/>
      <c r="BZ1360" s="162"/>
      <c r="CA1360" s="162"/>
      <c r="CB1360" s="162"/>
      <c r="CC1360" s="162"/>
      <c r="CD1360" s="162"/>
      <c r="CE1360" s="162"/>
      <c r="CF1360" s="162"/>
      <c r="CG1360" s="162"/>
      <c r="CH1360" s="162"/>
      <c r="CI1360" s="162"/>
      <c r="CJ1360" s="162"/>
      <c r="CK1360" s="162"/>
      <c r="CX1360" s="98"/>
      <c r="DL1360" s="97"/>
      <c r="DX1360" s="98"/>
      <c r="EL1360" s="97"/>
      <c r="EX1360" s="98"/>
      <c r="EY1360" s="97"/>
      <c r="FL1360" s="126"/>
      <c r="FM1360" s="91"/>
      <c r="FN1360" s="91"/>
      <c r="FO1360" s="91"/>
      <c r="FP1360" s="91"/>
      <c r="FQ1360" s="91"/>
      <c r="FR1360" s="91"/>
      <c r="FS1360" s="91"/>
      <c r="FT1360" s="91"/>
      <c r="FU1360" s="91"/>
      <c r="FV1360" s="91"/>
      <c r="FW1360" s="91"/>
      <c r="FX1360" s="91"/>
      <c r="FY1360" s="91"/>
      <c r="FZ1360" s="91"/>
      <c r="GA1360" s="91"/>
      <c r="GB1360" s="91"/>
      <c r="GC1360" s="91"/>
      <c r="GD1360" s="91"/>
      <c r="GE1360" s="91"/>
      <c r="GF1360" s="91"/>
      <c r="GG1360" s="91"/>
      <c r="GH1360" s="91"/>
      <c r="GI1360" s="91"/>
      <c r="GJ1360" s="91"/>
      <c r="GK1360" s="127"/>
      <c r="GL1360" s="126"/>
      <c r="GM1360" s="91"/>
      <c r="GN1360" s="91"/>
      <c r="GO1360" s="91"/>
      <c r="GP1360" s="91"/>
      <c r="GQ1360" s="91"/>
      <c r="GR1360" s="91"/>
      <c r="GS1360" s="91"/>
      <c r="GT1360" s="91"/>
      <c r="GU1360" s="91"/>
      <c r="GV1360" s="91"/>
      <c r="GW1360" s="91"/>
      <c r="GX1360" s="91"/>
      <c r="GY1360" s="91"/>
      <c r="GZ1360" s="91"/>
      <c r="HA1360" s="91"/>
      <c r="HB1360" s="91"/>
      <c r="HC1360" s="91"/>
      <c r="HD1360" s="91"/>
      <c r="HE1360" s="91"/>
      <c r="HF1360" s="91"/>
      <c r="HG1360" s="91"/>
      <c r="HH1360" s="91"/>
      <c r="HI1360" s="91"/>
      <c r="HJ1360" s="91"/>
      <c r="HK1360" s="127"/>
      <c r="HL1360" s="126"/>
      <c r="HM1360" s="91"/>
      <c r="HN1360" s="91"/>
      <c r="HO1360" s="91"/>
      <c r="HP1360" s="91"/>
      <c r="HQ1360" s="91"/>
      <c r="HR1360" s="91"/>
      <c r="HS1360" s="91"/>
      <c r="HT1360" s="91"/>
      <c r="HU1360" s="91"/>
      <c r="HV1360" s="91"/>
      <c r="HW1360" s="91"/>
      <c r="HX1360" s="91"/>
      <c r="HY1360" s="91"/>
      <c r="HZ1360" s="91"/>
      <c r="IA1360" s="91"/>
      <c r="IB1360" s="91"/>
      <c r="IC1360" s="91"/>
      <c r="ID1360" s="91"/>
      <c r="IE1360" s="91"/>
      <c r="IF1360" s="91"/>
      <c r="IG1360" s="91"/>
      <c r="IH1360" s="91"/>
      <c r="II1360" s="91"/>
      <c r="IJ1360" s="91"/>
      <c r="IK1360" s="127"/>
    </row>
    <row r="1361" spans="2:245" ht="13.5" thickBot="1" x14ac:dyDescent="0.25">
      <c r="B1361" s="43"/>
      <c r="C1361" s="73"/>
      <c r="D1361" s="64"/>
      <c r="E1361" s="64"/>
      <c r="F1361" s="55"/>
      <c r="G1361" s="102"/>
      <c r="H1361" s="55"/>
      <c r="I1361" s="55"/>
      <c r="J1361" s="55"/>
      <c r="K1361" s="55"/>
      <c r="L1361" s="55"/>
      <c r="M1361" s="55"/>
      <c r="N1361" s="55"/>
      <c r="O1361" s="55"/>
      <c r="P1361" s="55"/>
      <c r="Q1361" s="55"/>
      <c r="R1361" s="55"/>
      <c r="S1361" s="55"/>
      <c r="T1361" s="55"/>
      <c r="U1361" s="55"/>
      <c r="V1361" s="55"/>
      <c r="W1361" s="55"/>
      <c r="X1361" s="55"/>
      <c r="Y1361" s="55"/>
      <c r="Z1361" s="55"/>
      <c r="AA1361" s="55"/>
      <c r="AB1361" s="55"/>
      <c r="AC1361" s="55"/>
      <c r="AD1361" s="55"/>
      <c r="AE1361" s="55"/>
      <c r="AF1361" s="55"/>
      <c r="AG1361" s="55"/>
      <c r="AY1361" s="162"/>
      <c r="AZ1361" s="162"/>
      <c r="BA1361" s="162"/>
      <c r="BB1361" s="162"/>
      <c r="BC1361" s="162"/>
      <c r="BD1361" s="162"/>
      <c r="BE1361" s="162"/>
      <c r="BF1361" s="162"/>
      <c r="BG1361" s="162"/>
      <c r="BH1361" s="162"/>
      <c r="BI1361" s="162"/>
      <c r="BJ1361" s="162"/>
      <c r="BK1361" s="162"/>
      <c r="BL1361" s="162"/>
      <c r="BM1361" s="162"/>
      <c r="BN1361" s="162"/>
      <c r="BO1361" s="162"/>
      <c r="BP1361" s="162"/>
      <c r="BQ1361" s="162"/>
      <c r="BR1361" s="162"/>
      <c r="BS1361" s="162"/>
      <c r="BT1361" s="162"/>
      <c r="BU1361" s="162"/>
      <c r="BV1361" s="162"/>
      <c r="BW1361" s="162"/>
      <c r="BX1361" s="162"/>
      <c r="BY1361" s="162"/>
      <c r="BZ1361" s="162"/>
      <c r="CA1361" s="162"/>
      <c r="CB1361" s="162"/>
      <c r="CC1361" s="162"/>
      <c r="CD1361" s="162"/>
      <c r="CE1361" s="162"/>
      <c r="CF1361" s="162"/>
      <c r="CG1361" s="162"/>
      <c r="CH1361" s="162"/>
      <c r="CI1361" s="162"/>
      <c r="CJ1361" s="162"/>
      <c r="CK1361" s="162"/>
      <c r="CX1361" s="98"/>
      <c r="DL1361" s="97"/>
      <c r="DX1361" s="98"/>
      <c r="EL1361" s="97"/>
      <c r="EX1361" s="98"/>
      <c r="EY1361" s="97"/>
      <c r="FL1361" s="126"/>
      <c r="FM1361" s="91"/>
      <c r="FN1361" s="91"/>
      <c r="FO1361" s="91"/>
      <c r="FP1361" s="91"/>
      <c r="FQ1361" s="91"/>
      <c r="FR1361" s="91"/>
      <c r="FS1361" s="91"/>
      <c r="FT1361" s="91"/>
      <c r="FU1361" s="91"/>
      <c r="FV1361" s="91"/>
      <c r="FW1361" s="91"/>
      <c r="FX1361" s="91"/>
      <c r="FY1361" s="91"/>
      <c r="FZ1361" s="91"/>
      <c r="GA1361" s="91"/>
      <c r="GB1361" s="91"/>
      <c r="GC1361" s="91"/>
      <c r="GD1361" s="91"/>
      <c r="GE1361" s="91"/>
      <c r="GF1361" s="91"/>
      <c r="GG1361" s="91"/>
      <c r="GH1361" s="91"/>
      <c r="GI1361" s="91"/>
      <c r="GJ1361" s="91"/>
      <c r="GK1361" s="127"/>
      <c r="GL1361" s="126"/>
      <c r="GM1361" s="91"/>
      <c r="GN1361" s="91"/>
      <c r="GO1361" s="91"/>
      <c r="GP1361" s="91"/>
      <c r="GQ1361" s="91"/>
      <c r="GR1361" s="91"/>
      <c r="GS1361" s="91"/>
      <c r="GT1361" s="91"/>
      <c r="GU1361" s="91"/>
      <c r="GV1361" s="91"/>
      <c r="GW1361" s="91"/>
      <c r="GX1361" s="91"/>
      <c r="GY1361" s="91"/>
      <c r="GZ1361" s="91"/>
      <c r="HA1361" s="91"/>
      <c r="HB1361" s="91"/>
      <c r="HC1361" s="91"/>
      <c r="HD1361" s="91"/>
      <c r="HE1361" s="91"/>
      <c r="HF1361" s="91"/>
      <c r="HG1361" s="91"/>
      <c r="HH1361" s="91"/>
      <c r="HI1361" s="91"/>
      <c r="HJ1361" s="91"/>
      <c r="HK1361" s="127"/>
      <c r="HL1361" s="126"/>
      <c r="HM1361" s="91"/>
      <c r="HN1361" s="91"/>
      <c r="HO1361" s="91"/>
      <c r="HP1361" s="91"/>
      <c r="HQ1361" s="91"/>
      <c r="HR1361" s="91"/>
      <c r="HS1361" s="91"/>
      <c r="HT1361" s="91"/>
      <c r="HU1361" s="91"/>
      <c r="HV1361" s="91"/>
      <c r="HW1361" s="91"/>
      <c r="HX1361" s="91"/>
      <c r="HY1361" s="91"/>
      <c r="HZ1361" s="91"/>
      <c r="IA1361" s="91"/>
      <c r="IB1361" s="91"/>
      <c r="IC1361" s="91"/>
      <c r="ID1361" s="91"/>
      <c r="IE1361" s="91"/>
      <c r="IF1361" s="91"/>
      <c r="IG1361" s="91"/>
      <c r="IH1361" s="91"/>
      <c r="II1361" s="91"/>
      <c r="IJ1361" s="91"/>
      <c r="IK1361" s="127"/>
    </row>
    <row r="1362" spans="2:245" x14ac:dyDescent="0.2">
      <c r="B1362" s="43"/>
      <c r="C1362" s="73"/>
      <c r="D1362" s="64"/>
      <c r="E1362" s="64"/>
      <c r="F1362" s="55"/>
      <c r="G1362" s="102"/>
      <c r="H1362" s="55"/>
      <c r="I1362" s="55"/>
      <c r="J1362" s="55"/>
      <c r="K1362" s="55"/>
      <c r="L1362" s="55"/>
      <c r="M1362" s="55"/>
      <c r="N1362" s="55"/>
      <c r="O1362" s="55"/>
      <c r="P1362" s="55"/>
      <c r="Q1362" s="55"/>
      <c r="R1362" s="55"/>
      <c r="S1362" s="55"/>
      <c r="T1362" s="55"/>
      <c r="U1362" s="55"/>
      <c r="V1362" s="55"/>
      <c r="W1362" s="55"/>
      <c r="X1362" s="55"/>
      <c r="Y1362" s="55"/>
      <c r="Z1362" s="55"/>
      <c r="AA1362" s="55"/>
      <c r="AB1362" s="55"/>
      <c r="AC1362" s="55"/>
      <c r="AD1362" s="55"/>
      <c r="AE1362" s="55"/>
      <c r="AF1362" s="55"/>
      <c r="AG1362" s="55"/>
      <c r="AY1362" s="162"/>
      <c r="AZ1362" s="162"/>
      <c r="BA1362" s="162"/>
      <c r="BB1362" s="162"/>
      <c r="BC1362" s="162"/>
      <c r="BD1362" s="162"/>
      <c r="BE1362" s="162"/>
      <c r="BF1362" s="162"/>
      <c r="BG1362" s="162"/>
      <c r="BH1362" s="162"/>
      <c r="BI1362" s="162"/>
      <c r="BJ1362" s="162"/>
      <c r="BK1362" s="162"/>
      <c r="BL1362" s="162"/>
      <c r="BM1362" s="162"/>
      <c r="BN1362" s="162"/>
      <c r="BO1362" s="162"/>
      <c r="BP1362" s="162"/>
      <c r="BQ1362" s="162"/>
      <c r="BR1362" s="162"/>
      <c r="BS1362" s="162"/>
      <c r="BT1362" s="162"/>
      <c r="BU1362" s="162"/>
      <c r="BV1362" s="162"/>
      <c r="BW1362" s="162"/>
      <c r="BX1362" s="162"/>
      <c r="BY1362" s="162"/>
      <c r="BZ1362" s="162"/>
      <c r="CA1362" s="162"/>
      <c r="CB1362" s="162"/>
      <c r="CC1362" s="162"/>
      <c r="CD1362" s="162"/>
      <c r="CE1362" s="162"/>
      <c r="CF1362" s="162"/>
      <c r="CG1362" s="162"/>
      <c r="CH1362" s="162"/>
      <c r="CI1362" s="162"/>
      <c r="CJ1362" s="162"/>
      <c r="CK1362" s="162"/>
      <c r="CL1362" s="163"/>
      <c r="CM1362" s="163"/>
      <c r="CN1362" s="163"/>
      <c r="CO1362" s="163"/>
      <c r="CP1362" s="163"/>
      <c r="CQ1362" s="163"/>
      <c r="CR1362" s="163"/>
      <c r="CS1362" s="163"/>
      <c r="CT1362" s="163"/>
      <c r="CU1362" s="163"/>
      <c r="CV1362" s="163"/>
      <c r="CW1362" s="163"/>
      <c r="CX1362" s="173"/>
      <c r="CY1362" s="163"/>
      <c r="CZ1362" s="163"/>
      <c r="DA1362" s="163"/>
      <c r="DB1362" s="163"/>
      <c r="DC1362" s="163"/>
      <c r="DD1362" s="163"/>
      <c r="DE1362" s="163"/>
      <c r="DF1362" s="163"/>
      <c r="DG1362" s="163"/>
      <c r="DH1362" s="163"/>
      <c r="DI1362" s="163"/>
      <c r="DJ1362" s="163"/>
      <c r="DK1362" s="163"/>
      <c r="DL1362" s="172"/>
      <c r="DM1362" s="163"/>
      <c r="DN1362" s="163"/>
      <c r="DO1362" s="163"/>
      <c r="DP1362" s="163"/>
      <c r="DQ1362" s="163"/>
      <c r="DR1362" s="163"/>
      <c r="DS1362" s="163"/>
      <c r="DT1362" s="163"/>
      <c r="DU1362" s="163"/>
      <c r="DV1362" s="163"/>
      <c r="DW1362" s="163"/>
      <c r="DX1362" s="173"/>
      <c r="DY1362" s="163"/>
      <c r="DZ1362" s="163"/>
      <c r="EA1362" s="163"/>
      <c r="EB1362" s="163"/>
      <c r="EC1362" s="163"/>
      <c r="ED1362" s="163"/>
      <c r="EE1362" s="163"/>
      <c r="EF1362" s="163"/>
      <c r="EG1362" s="163"/>
      <c r="EH1362" s="163"/>
      <c r="EI1362" s="163"/>
      <c r="EJ1362" s="163"/>
      <c r="EK1362" s="163"/>
      <c r="EL1362" s="172"/>
      <c r="EM1362" s="163"/>
      <c r="EN1362" s="163"/>
      <c r="EO1362" s="163"/>
      <c r="EP1362" s="163"/>
      <c r="EQ1362" s="163"/>
      <c r="ER1362" s="163"/>
      <c r="ES1362" s="163"/>
      <c r="ET1362" s="163"/>
      <c r="EU1362" s="163"/>
      <c r="EV1362" s="163"/>
      <c r="EW1362" s="163"/>
      <c r="EX1362" s="173"/>
      <c r="EY1362" s="172"/>
      <c r="EZ1362" s="163"/>
      <c r="FA1362" s="163"/>
      <c r="FB1362" s="163"/>
      <c r="FC1362" s="163"/>
      <c r="FD1362" s="163"/>
      <c r="FE1362" s="163"/>
      <c r="FF1362" s="163"/>
      <c r="FG1362" s="163"/>
      <c r="FH1362" s="163"/>
      <c r="FI1362" s="163"/>
      <c r="FJ1362" s="163"/>
      <c r="FK1362" s="163"/>
      <c r="FL1362" s="126"/>
      <c r="FM1362" s="91"/>
      <c r="FN1362" s="91"/>
      <c r="FO1362" s="91"/>
      <c r="FP1362" s="91"/>
      <c r="FQ1362" s="91"/>
      <c r="FR1362" s="91"/>
      <c r="FS1362" s="91"/>
      <c r="FT1362" s="91"/>
      <c r="FU1362" s="91"/>
      <c r="FV1362" s="91"/>
      <c r="FW1362" s="91"/>
      <c r="FX1362" s="91"/>
      <c r="FY1362" s="91"/>
      <c r="FZ1362" s="91"/>
      <c r="GA1362" s="91"/>
      <c r="GB1362" s="91"/>
      <c r="GC1362" s="91"/>
      <c r="GD1362" s="91"/>
      <c r="GE1362" s="91"/>
      <c r="GF1362" s="91"/>
      <c r="GG1362" s="91"/>
      <c r="GH1362" s="91"/>
      <c r="GI1362" s="91"/>
      <c r="GJ1362" s="91"/>
      <c r="GK1362" s="127"/>
      <c r="GL1362" s="126"/>
      <c r="GM1362" s="91"/>
      <c r="GN1362" s="91"/>
      <c r="GO1362" s="91"/>
      <c r="GP1362" s="91"/>
      <c r="GQ1362" s="91"/>
      <c r="GR1362" s="91"/>
      <c r="GS1362" s="91"/>
      <c r="GT1362" s="91"/>
      <c r="GU1362" s="91"/>
      <c r="GV1362" s="91"/>
      <c r="GW1362" s="91"/>
      <c r="GX1362" s="91"/>
      <c r="GY1362" s="91"/>
      <c r="GZ1362" s="91"/>
      <c r="HA1362" s="91"/>
      <c r="HB1362" s="91"/>
      <c r="HC1362" s="91"/>
      <c r="HD1362" s="91"/>
      <c r="HE1362" s="91"/>
      <c r="HF1362" s="91"/>
      <c r="HG1362" s="91"/>
      <c r="HH1362" s="91"/>
      <c r="HI1362" s="91"/>
      <c r="HJ1362" s="91"/>
      <c r="HK1362" s="127"/>
      <c r="HL1362" s="126"/>
      <c r="HM1362" s="91"/>
      <c r="HN1362" s="91"/>
      <c r="HO1362" s="91"/>
      <c r="HP1362" s="91"/>
      <c r="HQ1362" s="91"/>
      <c r="HR1362" s="91"/>
      <c r="HS1362" s="91"/>
      <c r="HT1362" s="91"/>
      <c r="HU1362" s="91"/>
      <c r="HV1362" s="91"/>
      <c r="HW1362" s="91"/>
      <c r="HX1362" s="91"/>
      <c r="HY1362" s="91"/>
      <c r="HZ1362" s="91"/>
      <c r="IA1362" s="91"/>
      <c r="IB1362" s="91"/>
      <c r="IC1362" s="91"/>
      <c r="ID1362" s="91"/>
      <c r="IE1362" s="91"/>
      <c r="IF1362" s="91"/>
      <c r="IG1362" s="91"/>
      <c r="IH1362" s="91"/>
      <c r="II1362" s="91"/>
      <c r="IJ1362" s="91"/>
      <c r="IK1362" s="127"/>
    </row>
    <row r="1363" spans="2:245" x14ac:dyDescent="0.2">
      <c r="B1363" s="43"/>
      <c r="C1363" s="73"/>
      <c r="D1363" s="64"/>
      <c r="E1363" s="64"/>
      <c r="F1363" s="55"/>
      <c r="G1363" s="102"/>
      <c r="H1363" s="55"/>
      <c r="I1363" s="55"/>
      <c r="J1363" s="55"/>
      <c r="K1363" s="55"/>
      <c r="L1363" s="55"/>
      <c r="M1363" s="55"/>
      <c r="N1363" s="55"/>
      <c r="O1363" s="55"/>
      <c r="P1363" s="55"/>
      <c r="Q1363" s="55"/>
      <c r="R1363" s="55"/>
      <c r="S1363" s="55"/>
      <c r="T1363" s="55"/>
      <c r="U1363" s="55"/>
      <c r="V1363" s="55"/>
      <c r="W1363" s="55"/>
      <c r="X1363" s="55"/>
      <c r="Y1363" s="55"/>
      <c r="Z1363" s="55"/>
      <c r="AA1363" s="55"/>
      <c r="AB1363" s="55"/>
      <c r="AC1363" s="55"/>
      <c r="AD1363" s="55"/>
      <c r="AE1363" s="55"/>
      <c r="AF1363" s="55"/>
      <c r="AG1363" s="55"/>
      <c r="AY1363" s="162"/>
      <c r="AZ1363" s="162"/>
      <c r="BA1363" s="162"/>
      <c r="BB1363" s="162"/>
      <c r="BC1363" s="162"/>
      <c r="BD1363" s="162"/>
      <c r="BE1363" s="162"/>
      <c r="BF1363" s="162"/>
      <c r="BG1363" s="162"/>
      <c r="BH1363" s="162"/>
      <c r="BI1363" s="162"/>
      <c r="BJ1363" s="162"/>
      <c r="BK1363" s="162"/>
      <c r="BL1363" s="162"/>
      <c r="BM1363" s="162"/>
      <c r="BN1363" s="162"/>
      <c r="BO1363" s="162"/>
      <c r="BP1363" s="162"/>
      <c r="BQ1363" s="162"/>
      <c r="BR1363" s="162"/>
      <c r="BS1363" s="162"/>
      <c r="BT1363" s="162"/>
      <c r="BU1363" s="162"/>
      <c r="BV1363" s="162"/>
      <c r="BW1363" s="162"/>
      <c r="BX1363" s="162"/>
      <c r="BY1363" s="162"/>
      <c r="BZ1363" s="162"/>
      <c r="CA1363" s="162"/>
      <c r="CB1363" s="162"/>
      <c r="CC1363" s="162"/>
      <c r="CD1363" s="162"/>
      <c r="CE1363" s="162"/>
      <c r="CF1363" s="162"/>
      <c r="CG1363" s="162"/>
      <c r="CH1363" s="162"/>
      <c r="CI1363" s="162"/>
      <c r="CJ1363" s="162"/>
      <c r="CK1363" s="162"/>
      <c r="CX1363" s="98"/>
      <c r="DL1363" s="97"/>
      <c r="DX1363" s="98"/>
      <c r="EL1363" s="97"/>
      <c r="EX1363" s="98"/>
      <c r="EY1363" s="97"/>
      <c r="FL1363" s="126"/>
      <c r="FM1363" s="91"/>
      <c r="FN1363" s="91"/>
      <c r="FO1363" s="91"/>
      <c r="FP1363" s="91"/>
      <c r="FQ1363" s="91"/>
      <c r="FR1363" s="91"/>
      <c r="FS1363" s="91"/>
      <c r="FT1363" s="91"/>
      <c r="FU1363" s="91"/>
      <c r="FV1363" s="91"/>
      <c r="FW1363" s="91"/>
      <c r="FX1363" s="91"/>
      <c r="FY1363" s="91"/>
      <c r="FZ1363" s="91"/>
      <c r="GA1363" s="91"/>
      <c r="GB1363" s="91"/>
      <c r="GC1363" s="91"/>
      <c r="GD1363" s="91"/>
      <c r="GE1363" s="91"/>
      <c r="GF1363" s="91"/>
      <c r="GG1363" s="91"/>
      <c r="GH1363" s="91"/>
      <c r="GI1363" s="91"/>
      <c r="GJ1363" s="91"/>
      <c r="GK1363" s="127"/>
      <c r="GL1363" s="126"/>
      <c r="GM1363" s="91"/>
      <c r="GN1363" s="91"/>
      <c r="GO1363" s="91"/>
      <c r="GP1363" s="91"/>
      <c r="GQ1363" s="91"/>
      <c r="GR1363" s="91"/>
      <c r="GS1363" s="91"/>
      <c r="GT1363" s="91"/>
      <c r="GU1363" s="91"/>
      <c r="GV1363" s="91"/>
      <c r="GW1363" s="91"/>
      <c r="GX1363" s="91"/>
      <c r="GY1363" s="91"/>
      <c r="GZ1363" s="91"/>
      <c r="HA1363" s="91"/>
      <c r="HB1363" s="91"/>
      <c r="HC1363" s="91"/>
      <c r="HD1363" s="91"/>
      <c r="HE1363" s="91"/>
      <c r="HF1363" s="91"/>
      <c r="HG1363" s="91"/>
      <c r="HH1363" s="91"/>
      <c r="HI1363" s="91"/>
      <c r="HJ1363" s="91"/>
      <c r="HK1363" s="127"/>
      <c r="HL1363" s="126"/>
      <c r="HM1363" s="91"/>
      <c r="HN1363" s="91"/>
      <c r="HO1363" s="91"/>
      <c r="HP1363" s="91"/>
      <c r="HQ1363" s="91"/>
      <c r="HR1363" s="91"/>
      <c r="HS1363" s="91"/>
      <c r="HT1363" s="91"/>
      <c r="HU1363" s="91"/>
      <c r="HV1363" s="91"/>
      <c r="HW1363" s="91"/>
      <c r="HX1363" s="91"/>
      <c r="HY1363" s="91"/>
      <c r="HZ1363" s="91"/>
      <c r="IA1363" s="91"/>
      <c r="IB1363" s="91"/>
      <c r="IC1363" s="91"/>
      <c r="ID1363" s="91"/>
      <c r="IE1363" s="91"/>
      <c r="IF1363" s="91"/>
      <c r="IG1363" s="91"/>
      <c r="IH1363" s="91"/>
      <c r="II1363" s="91"/>
      <c r="IJ1363" s="91"/>
      <c r="IK1363" s="127"/>
    </row>
    <row r="1364" spans="2:245" x14ac:dyDescent="0.2">
      <c r="B1364" s="43"/>
      <c r="C1364" s="73"/>
      <c r="D1364" s="64"/>
      <c r="E1364" s="64"/>
      <c r="F1364" s="55"/>
      <c r="G1364" s="102"/>
      <c r="H1364" s="55"/>
      <c r="I1364" s="55"/>
      <c r="J1364" s="55"/>
      <c r="K1364" s="55"/>
      <c r="L1364" s="55"/>
      <c r="M1364" s="55"/>
      <c r="N1364" s="55"/>
      <c r="O1364" s="55"/>
      <c r="P1364" s="55"/>
      <c r="Q1364" s="55"/>
      <c r="R1364" s="55"/>
      <c r="S1364" s="55"/>
      <c r="T1364" s="55"/>
      <c r="U1364" s="55"/>
      <c r="V1364" s="55"/>
      <c r="W1364" s="55"/>
      <c r="X1364" s="55"/>
      <c r="Y1364" s="55"/>
      <c r="Z1364" s="55"/>
      <c r="AA1364" s="55"/>
      <c r="AB1364" s="55"/>
      <c r="AC1364" s="55"/>
      <c r="AD1364" s="55"/>
      <c r="AE1364" s="55"/>
      <c r="AF1364" s="55"/>
      <c r="AG1364" s="55"/>
      <c r="AY1364" s="162"/>
      <c r="AZ1364" s="162"/>
      <c r="BA1364" s="162"/>
      <c r="BB1364" s="162"/>
      <c r="BC1364" s="162"/>
      <c r="BD1364" s="162"/>
      <c r="BE1364" s="162"/>
      <c r="BF1364" s="162"/>
      <c r="BG1364" s="162"/>
      <c r="BH1364" s="162"/>
      <c r="BI1364" s="162"/>
      <c r="BJ1364" s="162"/>
      <c r="BK1364" s="162"/>
      <c r="BL1364" s="162"/>
      <c r="BM1364" s="162"/>
      <c r="BN1364" s="162"/>
      <c r="BO1364" s="162"/>
      <c r="BP1364" s="162"/>
      <c r="BQ1364" s="162"/>
      <c r="BR1364" s="162"/>
      <c r="BS1364" s="162"/>
      <c r="BT1364" s="162"/>
      <c r="BU1364" s="162"/>
      <c r="BV1364" s="162"/>
      <c r="BW1364" s="162"/>
      <c r="BX1364" s="162"/>
      <c r="BY1364" s="162"/>
      <c r="BZ1364" s="162"/>
      <c r="CA1364" s="162"/>
      <c r="CB1364" s="162"/>
      <c r="CC1364" s="162"/>
      <c r="CD1364" s="162"/>
      <c r="CE1364" s="162"/>
      <c r="CF1364" s="162"/>
      <c r="CG1364" s="162"/>
      <c r="CH1364" s="162"/>
      <c r="CI1364" s="162"/>
      <c r="CJ1364" s="162"/>
      <c r="CK1364" s="162"/>
      <c r="CX1364" s="98"/>
      <c r="DL1364" s="97"/>
      <c r="DX1364" s="98"/>
      <c r="EL1364" s="97"/>
      <c r="EX1364" s="98"/>
      <c r="EY1364" s="97"/>
      <c r="FL1364" s="126"/>
      <c r="FM1364" s="91"/>
      <c r="FN1364" s="91"/>
      <c r="FO1364" s="91"/>
      <c r="FP1364" s="91"/>
      <c r="FQ1364" s="91"/>
      <c r="FR1364" s="91"/>
      <c r="FS1364" s="91"/>
      <c r="FT1364" s="91"/>
      <c r="FU1364" s="91"/>
      <c r="FV1364" s="91"/>
      <c r="FW1364" s="91"/>
      <c r="FX1364" s="91"/>
      <c r="FY1364" s="91"/>
      <c r="FZ1364" s="91"/>
      <c r="GA1364" s="91"/>
      <c r="GB1364" s="91"/>
      <c r="GC1364" s="91"/>
      <c r="GD1364" s="91"/>
      <c r="GE1364" s="91"/>
      <c r="GF1364" s="91"/>
      <c r="GG1364" s="91"/>
      <c r="GH1364" s="91"/>
      <c r="GI1364" s="91"/>
      <c r="GJ1364" s="91"/>
      <c r="GK1364" s="127"/>
      <c r="GL1364" s="126"/>
      <c r="GM1364" s="91"/>
      <c r="GN1364" s="91"/>
      <c r="GO1364" s="91"/>
      <c r="GP1364" s="91"/>
      <c r="GQ1364" s="91"/>
      <c r="GR1364" s="91"/>
      <c r="GS1364" s="91"/>
      <c r="GT1364" s="91"/>
      <c r="GU1364" s="91"/>
      <c r="GV1364" s="91"/>
      <c r="GW1364" s="91"/>
      <c r="GX1364" s="91"/>
      <c r="GY1364" s="91"/>
      <c r="GZ1364" s="91"/>
      <c r="HA1364" s="91"/>
      <c r="HB1364" s="91"/>
      <c r="HC1364" s="91"/>
      <c r="HD1364" s="91"/>
      <c r="HE1364" s="91"/>
      <c r="HF1364" s="91"/>
      <c r="HG1364" s="91"/>
      <c r="HH1364" s="91"/>
      <c r="HI1364" s="91"/>
      <c r="HJ1364" s="91"/>
      <c r="HK1364" s="127"/>
      <c r="HL1364" s="126"/>
      <c r="HM1364" s="91"/>
      <c r="HN1364" s="91"/>
      <c r="HO1364" s="91"/>
      <c r="HP1364" s="91"/>
      <c r="HQ1364" s="91"/>
      <c r="HR1364" s="91"/>
      <c r="HS1364" s="91"/>
      <c r="HT1364" s="91"/>
      <c r="HU1364" s="91"/>
      <c r="HV1364" s="91"/>
      <c r="HW1364" s="91"/>
      <c r="HX1364" s="91"/>
      <c r="HY1364" s="91"/>
      <c r="HZ1364" s="91"/>
      <c r="IA1364" s="91"/>
      <c r="IB1364" s="91"/>
      <c r="IC1364" s="91"/>
      <c r="ID1364" s="91"/>
      <c r="IE1364" s="91"/>
      <c r="IF1364" s="91"/>
      <c r="IG1364" s="91"/>
      <c r="IH1364" s="91"/>
      <c r="II1364" s="91"/>
      <c r="IJ1364" s="91"/>
      <c r="IK1364" s="127"/>
    </row>
    <row r="1365" spans="2:245" x14ac:dyDescent="0.2">
      <c r="B1365" s="43"/>
      <c r="C1365" s="73"/>
      <c r="D1365" s="64"/>
      <c r="E1365" s="64"/>
      <c r="F1365" s="55"/>
      <c r="G1365" s="102"/>
      <c r="H1365" s="55"/>
      <c r="I1365" s="55"/>
      <c r="J1365" s="55"/>
      <c r="K1365" s="55"/>
      <c r="L1365" s="55"/>
      <c r="M1365" s="55"/>
      <c r="N1365" s="55"/>
      <c r="O1365" s="55"/>
      <c r="P1365" s="55"/>
      <c r="Q1365" s="55"/>
      <c r="R1365" s="55"/>
      <c r="S1365" s="55"/>
      <c r="T1365" s="55"/>
      <c r="U1365" s="55"/>
      <c r="V1365" s="55"/>
      <c r="W1365" s="55"/>
      <c r="X1365" s="55"/>
      <c r="Y1365" s="55"/>
      <c r="Z1365" s="55"/>
      <c r="AA1365" s="55"/>
      <c r="AB1365" s="55"/>
      <c r="AC1365" s="55"/>
      <c r="AD1365" s="55"/>
      <c r="AE1365" s="55"/>
      <c r="AF1365" s="55"/>
      <c r="AG1365" s="55"/>
      <c r="AY1365" s="162"/>
      <c r="AZ1365" s="162"/>
      <c r="BA1365" s="162"/>
      <c r="BB1365" s="162"/>
      <c r="BC1365" s="162"/>
      <c r="BD1365" s="162"/>
      <c r="BE1365" s="162"/>
      <c r="BF1365" s="162"/>
      <c r="BG1365" s="162"/>
      <c r="BH1365" s="162"/>
      <c r="BI1365" s="162"/>
      <c r="BJ1365" s="162"/>
      <c r="BK1365" s="162"/>
      <c r="BL1365" s="162"/>
      <c r="BM1365" s="162"/>
      <c r="BN1365" s="162"/>
      <c r="BO1365" s="162"/>
      <c r="BP1365" s="162"/>
      <c r="BQ1365" s="162"/>
      <c r="BR1365" s="162"/>
      <c r="BS1365" s="162"/>
      <c r="BT1365" s="162"/>
      <c r="BU1365" s="162"/>
      <c r="BV1365" s="162"/>
      <c r="BW1365" s="162"/>
      <c r="BX1365" s="162"/>
      <c r="BY1365" s="162"/>
      <c r="BZ1365" s="162"/>
      <c r="CA1365" s="162"/>
      <c r="CB1365" s="162"/>
      <c r="CC1365" s="162"/>
      <c r="CD1365" s="162"/>
      <c r="CE1365" s="162"/>
      <c r="CF1365" s="162"/>
      <c r="CG1365" s="162"/>
      <c r="CH1365" s="162"/>
      <c r="CI1365" s="162"/>
      <c r="CJ1365" s="162"/>
      <c r="CK1365" s="162"/>
      <c r="CX1365" s="98"/>
      <c r="DL1365" s="97"/>
      <c r="DX1365" s="98"/>
      <c r="EL1365" s="97"/>
      <c r="EX1365" s="98"/>
      <c r="EY1365" s="97"/>
      <c r="FL1365" s="126"/>
      <c r="FM1365" s="91"/>
      <c r="FN1365" s="91"/>
      <c r="FO1365" s="91"/>
      <c r="FP1365" s="91"/>
      <c r="FQ1365" s="91"/>
      <c r="FR1365" s="91"/>
      <c r="FS1365" s="91"/>
      <c r="FT1365" s="91"/>
      <c r="FU1365" s="91"/>
      <c r="FV1365" s="91"/>
      <c r="FW1365" s="91"/>
      <c r="FX1365" s="91"/>
      <c r="FY1365" s="91"/>
      <c r="FZ1365" s="91"/>
      <c r="GA1365" s="91"/>
      <c r="GB1365" s="91"/>
      <c r="GC1365" s="91"/>
      <c r="GD1365" s="91"/>
      <c r="GE1365" s="91"/>
      <c r="GF1365" s="91"/>
      <c r="GG1365" s="91"/>
      <c r="GH1365" s="91"/>
      <c r="GI1365" s="91"/>
      <c r="GJ1365" s="91"/>
      <c r="GK1365" s="127"/>
      <c r="GL1365" s="126"/>
      <c r="GM1365" s="91"/>
      <c r="GN1365" s="91"/>
      <c r="GO1365" s="91"/>
      <c r="GP1365" s="91"/>
      <c r="GQ1365" s="91"/>
      <c r="GR1365" s="91"/>
      <c r="GS1365" s="91"/>
      <c r="GT1365" s="91"/>
      <c r="GU1365" s="91"/>
      <c r="GV1365" s="91"/>
      <c r="GW1365" s="91"/>
      <c r="GX1365" s="91"/>
      <c r="GY1365" s="91"/>
      <c r="GZ1365" s="91"/>
      <c r="HA1365" s="91"/>
      <c r="HB1365" s="91"/>
      <c r="HC1365" s="91"/>
      <c r="HD1365" s="91"/>
      <c r="HE1365" s="91"/>
      <c r="HF1365" s="91"/>
      <c r="HG1365" s="91"/>
      <c r="HH1365" s="91"/>
      <c r="HI1365" s="91"/>
      <c r="HJ1365" s="91"/>
      <c r="HK1365" s="127"/>
      <c r="HL1365" s="126"/>
      <c r="HM1365" s="91"/>
      <c r="HN1365" s="91"/>
      <c r="HO1365" s="91"/>
      <c r="HP1365" s="91"/>
      <c r="HQ1365" s="91"/>
      <c r="HR1365" s="91"/>
      <c r="HS1365" s="91"/>
      <c r="HT1365" s="91"/>
      <c r="HU1365" s="91"/>
      <c r="HV1365" s="91"/>
      <c r="HW1365" s="91"/>
      <c r="HX1365" s="91"/>
      <c r="HY1365" s="91"/>
      <c r="HZ1365" s="91"/>
      <c r="IA1365" s="91"/>
      <c r="IB1365" s="91"/>
      <c r="IC1365" s="91"/>
      <c r="ID1365" s="91"/>
      <c r="IE1365" s="91"/>
      <c r="IF1365" s="91"/>
      <c r="IG1365" s="91"/>
      <c r="IH1365" s="91"/>
      <c r="II1365" s="91"/>
      <c r="IJ1365" s="91"/>
      <c r="IK1365" s="127"/>
    </row>
    <row r="1366" spans="2:245" x14ac:dyDescent="0.2">
      <c r="B1366" s="43"/>
      <c r="C1366" s="73"/>
      <c r="D1366" s="64"/>
      <c r="E1366" s="64"/>
      <c r="F1366" s="55"/>
      <c r="G1366" s="102"/>
      <c r="H1366" s="55"/>
      <c r="I1366" s="55"/>
      <c r="J1366" s="55"/>
      <c r="K1366" s="55"/>
      <c r="L1366" s="55"/>
      <c r="M1366" s="55"/>
      <c r="N1366" s="55"/>
      <c r="O1366" s="55"/>
      <c r="P1366" s="55"/>
      <c r="Q1366" s="55"/>
      <c r="R1366" s="55"/>
      <c r="S1366" s="55"/>
      <c r="T1366" s="55"/>
      <c r="U1366" s="55"/>
      <c r="V1366" s="55"/>
      <c r="W1366" s="55"/>
      <c r="X1366" s="55"/>
      <c r="Y1366" s="55"/>
      <c r="Z1366" s="55"/>
      <c r="AA1366" s="55"/>
      <c r="AB1366" s="55"/>
      <c r="AC1366" s="55"/>
      <c r="AD1366" s="55"/>
      <c r="AE1366" s="55"/>
      <c r="AF1366" s="55"/>
      <c r="AG1366" s="55"/>
      <c r="AY1366" s="162"/>
      <c r="AZ1366" s="162"/>
      <c r="BA1366" s="162"/>
      <c r="BB1366" s="162"/>
      <c r="BC1366" s="162"/>
      <c r="BD1366" s="162"/>
      <c r="BE1366" s="162"/>
      <c r="BF1366" s="162"/>
      <c r="BG1366" s="162"/>
      <c r="BH1366" s="162"/>
      <c r="BI1366" s="162"/>
      <c r="BJ1366" s="162"/>
      <c r="BK1366" s="162"/>
      <c r="BL1366" s="162"/>
      <c r="BM1366" s="162"/>
      <c r="BN1366" s="162"/>
      <c r="BO1366" s="162"/>
      <c r="BP1366" s="162"/>
      <c r="BQ1366" s="162"/>
      <c r="BR1366" s="162"/>
      <c r="BS1366" s="162"/>
      <c r="BT1366" s="162"/>
      <c r="BU1366" s="162"/>
      <c r="BV1366" s="162"/>
      <c r="BW1366" s="162"/>
      <c r="BX1366" s="162"/>
      <c r="BY1366" s="162"/>
      <c r="BZ1366" s="162"/>
      <c r="CA1366" s="162"/>
      <c r="CB1366" s="162"/>
      <c r="CC1366" s="162"/>
      <c r="CD1366" s="162"/>
      <c r="CE1366" s="162"/>
      <c r="CF1366" s="162"/>
      <c r="CG1366" s="162"/>
      <c r="CH1366" s="162"/>
      <c r="CI1366" s="162"/>
      <c r="CJ1366" s="162"/>
      <c r="CK1366" s="162"/>
      <c r="CX1366" s="98"/>
      <c r="DL1366" s="97"/>
      <c r="DX1366" s="98"/>
      <c r="EL1366" s="97"/>
      <c r="EX1366" s="98"/>
      <c r="EY1366" s="97"/>
      <c r="FL1366" s="126"/>
      <c r="FM1366" s="91"/>
      <c r="FN1366" s="91"/>
      <c r="FO1366" s="91"/>
      <c r="FP1366" s="91"/>
      <c r="FQ1366" s="91"/>
      <c r="FR1366" s="91"/>
      <c r="FS1366" s="91"/>
      <c r="FT1366" s="91"/>
      <c r="FU1366" s="91"/>
      <c r="FV1366" s="91"/>
      <c r="FW1366" s="91"/>
      <c r="FX1366" s="91"/>
      <c r="FY1366" s="91"/>
      <c r="FZ1366" s="91"/>
      <c r="GA1366" s="91"/>
      <c r="GB1366" s="91"/>
      <c r="GC1366" s="91"/>
      <c r="GD1366" s="91"/>
      <c r="GE1366" s="91"/>
      <c r="GF1366" s="91"/>
      <c r="GG1366" s="91"/>
      <c r="GH1366" s="91"/>
      <c r="GI1366" s="91"/>
      <c r="GJ1366" s="91"/>
      <c r="GK1366" s="127"/>
      <c r="GL1366" s="126"/>
      <c r="GM1366" s="91"/>
      <c r="GN1366" s="91"/>
      <c r="GO1366" s="91"/>
      <c r="GP1366" s="91"/>
      <c r="GQ1366" s="91"/>
      <c r="GR1366" s="91"/>
      <c r="GS1366" s="91"/>
      <c r="GT1366" s="91"/>
      <c r="GU1366" s="91"/>
      <c r="GV1366" s="91"/>
      <c r="GW1366" s="91"/>
      <c r="GX1366" s="91"/>
      <c r="GY1366" s="91"/>
      <c r="GZ1366" s="91"/>
      <c r="HA1366" s="91"/>
      <c r="HB1366" s="91"/>
      <c r="HC1366" s="91"/>
      <c r="HD1366" s="91"/>
      <c r="HE1366" s="91"/>
      <c r="HF1366" s="91"/>
      <c r="HG1366" s="91"/>
      <c r="HH1366" s="91"/>
      <c r="HI1366" s="91"/>
      <c r="HJ1366" s="91"/>
      <c r="HK1366" s="127"/>
      <c r="HL1366" s="126"/>
      <c r="HM1366" s="91"/>
      <c r="HN1366" s="91"/>
      <c r="HO1366" s="91"/>
      <c r="HP1366" s="91"/>
      <c r="HQ1366" s="91"/>
      <c r="HR1366" s="91"/>
      <c r="HS1366" s="91"/>
      <c r="HT1366" s="91"/>
      <c r="HU1366" s="91"/>
      <c r="HV1366" s="91"/>
      <c r="HW1366" s="91"/>
      <c r="HX1366" s="91"/>
      <c r="HY1366" s="91"/>
      <c r="HZ1366" s="91"/>
      <c r="IA1366" s="91"/>
      <c r="IB1366" s="91"/>
      <c r="IC1366" s="91"/>
      <c r="ID1366" s="91"/>
      <c r="IE1366" s="91"/>
      <c r="IF1366" s="91"/>
      <c r="IG1366" s="91"/>
      <c r="IH1366" s="91"/>
      <c r="II1366" s="91"/>
      <c r="IJ1366" s="91"/>
      <c r="IK1366" s="127"/>
    </row>
    <row r="1367" spans="2:245" x14ac:dyDescent="0.2">
      <c r="B1367" s="43"/>
      <c r="C1367" s="73"/>
      <c r="D1367" s="64"/>
      <c r="E1367" s="64"/>
      <c r="F1367" s="55"/>
      <c r="G1367" s="102"/>
      <c r="H1367" s="55"/>
      <c r="I1367" s="55"/>
      <c r="J1367" s="55"/>
      <c r="K1367" s="55"/>
      <c r="L1367" s="55"/>
      <c r="M1367" s="55"/>
      <c r="N1367" s="55"/>
      <c r="O1367" s="55"/>
      <c r="P1367" s="55"/>
      <c r="Q1367" s="55"/>
      <c r="R1367" s="55"/>
      <c r="S1367" s="55"/>
      <c r="T1367" s="55"/>
      <c r="U1367" s="55"/>
      <c r="V1367" s="55"/>
      <c r="W1367" s="55"/>
      <c r="X1367" s="55"/>
      <c r="Y1367" s="55"/>
      <c r="Z1367" s="55"/>
      <c r="AA1367" s="55"/>
      <c r="AB1367" s="55"/>
      <c r="AC1367" s="55"/>
      <c r="AD1367" s="55"/>
      <c r="AE1367" s="55"/>
      <c r="AF1367" s="55"/>
      <c r="AG1367" s="55"/>
      <c r="AY1367" s="162"/>
      <c r="AZ1367" s="162"/>
      <c r="BA1367" s="162"/>
      <c r="BB1367" s="162"/>
      <c r="BC1367" s="162"/>
      <c r="BD1367" s="162"/>
      <c r="BE1367" s="162"/>
      <c r="BF1367" s="162"/>
      <c r="BG1367" s="162"/>
      <c r="BH1367" s="162"/>
      <c r="BI1367" s="162"/>
      <c r="BJ1367" s="162"/>
      <c r="BK1367" s="162"/>
      <c r="BL1367" s="162"/>
      <c r="BM1367" s="162"/>
      <c r="BN1367" s="162"/>
      <c r="BO1367" s="162"/>
      <c r="BP1367" s="162"/>
      <c r="BQ1367" s="162"/>
      <c r="BR1367" s="162"/>
      <c r="BS1367" s="162"/>
      <c r="BT1367" s="162"/>
      <c r="BU1367" s="162"/>
      <c r="BV1367" s="162"/>
      <c r="BW1367" s="162"/>
      <c r="BX1367" s="162"/>
      <c r="BY1367" s="162"/>
      <c r="BZ1367" s="162"/>
      <c r="CA1367" s="162"/>
      <c r="CB1367" s="162"/>
      <c r="CC1367" s="162"/>
      <c r="CD1367" s="162"/>
      <c r="CE1367" s="162"/>
      <c r="CF1367" s="162"/>
      <c r="CG1367" s="162"/>
      <c r="CH1367" s="162"/>
      <c r="CI1367" s="162"/>
      <c r="CJ1367" s="162"/>
      <c r="CK1367" s="162"/>
      <c r="CX1367" s="98"/>
      <c r="DL1367" s="97"/>
      <c r="DX1367" s="98"/>
      <c r="EL1367" s="97"/>
      <c r="EX1367" s="98"/>
      <c r="EY1367" s="97"/>
      <c r="FL1367" s="126"/>
      <c r="FM1367" s="91"/>
      <c r="FN1367" s="91"/>
      <c r="FO1367" s="91"/>
      <c r="FP1367" s="91"/>
      <c r="FQ1367" s="91"/>
      <c r="FR1367" s="91"/>
      <c r="FS1367" s="91"/>
      <c r="FT1367" s="91"/>
      <c r="FU1367" s="91"/>
      <c r="FV1367" s="91"/>
      <c r="FW1367" s="91"/>
      <c r="FX1367" s="91"/>
      <c r="FY1367" s="91"/>
      <c r="FZ1367" s="91"/>
      <c r="GA1367" s="91"/>
      <c r="GB1367" s="91"/>
      <c r="GC1367" s="91"/>
      <c r="GD1367" s="91"/>
      <c r="GE1367" s="91"/>
      <c r="GF1367" s="91"/>
      <c r="GG1367" s="91"/>
      <c r="GH1367" s="91"/>
      <c r="GI1367" s="91"/>
      <c r="GJ1367" s="91"/>
      <c r="GK1367" s="127"/>
      <c r="GL1367" s="126"/>
      <c r="GM1367" s="91"/>
      <c r="GN1367" s="91"/>
      <c r="GO1367" s="91"/>
      <c r="GP1367" s="91"/>
      <c r="GQ1367" s="91"/>
      <c r="GR1367" s="91"/>
      <c r="GS1367" s="91"/>
      <c r="GT1367" s="91"/>
      <c r="GU1367" s="91"/>
      <c r="GV1367" s="91"/>
      <c r="GW1367" s="91"/>
      <c r="GX1367" s="91"/>
      <c r="GY1367" s="91"/>
      <c r="GZ1367" s="91"/>
      <c r="HA1367" s="91"/>
      <c r="HB1367" s="91"/>
      <c r="HC1367" s="91"/>
      <c r="HD1367" s="91"/>
      <c r="HE1367" s="91"/>
      <c r="HF1367" s="91"/>
      <c r="HG1367" s="91"/>
      <c r="HH1367" s="91"/>
      <c r="HI1367" s="91"/>
      <c r="HJ1367" s="91"/>
      <c r="HK1367" s="127"/>
      <c r="HL1367" s="126"/>
      <c r="HM1367" s="91"/>
      <c r="HN1367" s="91"/>
      <c r="HO1367" s="91"/>
      <c r="HP1367" s="91"/>
      <c r="HQ1367" s="91"/>
      <c r="HR1367" s="91"/>
      <c r="HS1367" s="91"/>
      <c r="HT1367" s="91"/>
      <c r="HU1367" s="91"/>
      <c r="HV1367" s="91"/>
      <c r="HW1367" s="91"/>
      <c r="HX1367" s="91"/>
      <c r="HY1367" s="91"/>
      <c r="HZ1367" s="91"/>
      <c r="IA1367" s="91"/>
      <c r="IB1367" s="91"/>
      <c r="IC1367" s="91"/>
      <c r="ID1367" s="91"/>
      <c r="IE1367" s="91"/>
      <c r="IF1367" s="91"/>
      <c r="IG1367" s="91"/>
      <c r="IH1367" s="91"/>
      <c r="II1367" s="91"/>
      <c r="IJ1367" s="91"/>
      <c r="IK1367" s="127"/>
    </row>
    <row r="1368" spans="2:245" x14ac:dyDescent="0.2">
      <c r="B1368" s="43"/>
      <c r="C1368" s="73"/>
      <c r="D1368" s="64"/>
      <c r="E1368" s="64"/>
      <c r="F1368" s="55"/>
      <c r="G1368" s="102"/>
      <c r="H1368" s="55"/>
      <c r="I1368" s="55"/>
      <c r="J1368" s="55"/>
      <c r="K1368" s="55"/>
      <c r="L1368" s="55"/>
      <c r="M1368" s="55"/>
      <c r="N1368" s="55"/>
      <c r="O1368" s="55"/>
      <c r="P1368" s="55"/>
      <c r="Q1368" s="55"/>
      <c r="R1368" s="55"/>
      <c r="S1368" s="55"/>
      <c r="T1368" s="55"/>
      <c r="U1368" s="55"/>
      <c r="V1368" s="55"/>
      <c r="W1368" s="55"/>
      <c r="X1368" s="55"/>
      <c r="Y1368" s="55"/>
      <c r="Z1368" s="55"/>
      <c r="AA1368" s="55"/>
      <c r="AB1368" s="55"/>
      <c r="AC1368" s="55"/>
      <c r="AD1368" s="55"/>
      <c r="AE1368" s="55"/>
      <c r="AF1368" s="55"/>
      <c r="AG1368" s="55"/>
      <c r="AY1368" s="162"/>
      <c r="AZ1368" s="162"/>
      <c r="BA1368" s="162"/>
      <c r="BB1368" s="162"/>
      <c r="BC1368" s="162"/>
      <c r="BD1368" s="162"/>
      <c r="BE1368" s="162"/>
      <c r="BF1368" s="162"/>
      <c r="BG1368" s="162"/>
      <c r="BH1368" s="162"/>
      <c r="BI1368" s="162"/>
      <c r="BJ1368" s="162"/>
      <c r="BK1368" s="162"/>
      <c r="BL1368" s="162"/>
      <c r="BM1368" s="162"/>
      <c r="BN1368" s="162"/>
      <c r="BO1368" s="162"/>
      <c r="BP1368" s="162"/>
      <c r="BQ1368" s="162"/>
      <c r="BR1368" s="162"/>
      <c r="BS1368" s="162"/>
      <c r="BT1368" s="162"/>
      <c r="BU1368" s="162"/>
      <c r="BV1368" s="162"/>
      <c r="BW1368" s="162"/>
      <c r="BX1368" s="162"/>
      <c r="BY1368" s="162"/>
      <c r="BZ1368" s="162"/>
      <c r="CA1368" s="162"/>
      <c r="CB1368" s="162"/>
      <c r="CC1368" s="162"/>
      <c r="CD1368" s="162"/>
      <c r="CE1368" s="162"/>
      <c r="CF1368" s="162"/>
      <c r="CG1368" s="162"/>
      <c r="CH1368" s="162"/>
      <c r="CI1368" s="162"/>
      <c r="CJ1368" s="162"/>
      <c r="CK1368" s="162"/>
      <c r="CX1368" s="98"/>
      <c r="DL1368" s="97"/>
      <c r="DX1368" s="98"/>
      <c r="EL1368" s="97"/>
      <c r="EX1368" s="98"/>
      <c r="EY1368" s="97"/>
      <c r="FL1368" s="126"/>
      <c r="FM1368" s="91"/>
      <c r="FN1368" s="91"/>
      <c r="FO1368" s="91"/>
      <c r="FP1368" s="91"/>
      <c r="FQ1368" s="91"/>
      <c r="FR1368" s="91"/>
      <c r="FS1368" s="91"/>
      <c r="FT1368" s="91"/>
      <c r="FU1368" s="91"/>
      <c r="FV1368" s="91"/>
      <c r="FW1368" s="91"/>
      <c r="FX1368" s="91"/>
      <c r="FY1368" s="91"/>
      <c r="FZ1368" s="91"/>
      <c r="GA1368" s="91"/>
      <c r="GB1368" s="91"/>
      <c r="GC1368" s="91"/>
      <c r="GD1368" s="91"/>
      <c r="GE1368" s="91"/>
      <c r="GF1368" s="91"/>
      <c r="GG1368" s="91"/>
      <c r="GH1368" s="91"/>
      <c r="GI1368" s="91"/>
      <c r="GJ1368" s="91"/>
      <c r="GK1368" s="127"/>
      <c r="GL1368" s="126"/>
      <c r="GM1368" s="91"/>
      <c r="GN1368" s="91"/>
      <c r="GO1368" s="91"/>
      <c r="GP1368" s="91"/>
      <c r="GQ1368" s="91"/>
      <c r="GR1368" s="91"/>
      <c r="GS1368" s="91"/>
      <c r="GT1368" s="91"/>
      <c r="GU1368" s="91"/>
      <c r="GV1368" s="91"/>
      <c r="GW1368" s="91"/>
      <c r="GX1368" s="91"/>
      <c r="GY1368" s="91"/>
      <c r="GZ1368" s="91"/>
      <c r="HA1368" s="91"/>
      <c r="HB1368" s="91"/>
      <c r="HC1368" s="91"/>
      <c r="HD1368" s="91"/>
      <c r="HE1368" s="91"/>
      <c r="HF1368" s="91"/>
      <c r="HG1368" s="91"/>
      <c r="HH1368" s="91"/>
      <c r="HI1368" s="91"/>
      <c r="HJ1368" s="91"/>
      <c r="HK1368" s="127"/>
      <c r="HL1368" s="126"/>
      <c r="HM1368" s="91"/>
      <c r="HN1368" s="91"/>
      <c r="HO1368" s="91"/>
      <c r="HP1368" s="91"/>
      <c r="HQ1368" s="91"/>
      <c r="HR1368" s="91"/>
      <c r="HS1368" s="91"/>
      <c r="HT1368" s="91"/>
      <c r="HU1368" s="91"/>
      <c r="HV1368" s="91"/>
      <c r="HW1368" s="91"/>
      <c r="HX1368" s="91"/>
      <c r="HY1368" s="91"/>
      <c r="HZ1368" s="91"/>
      <c r="IA1368" s="91"/>
      <c r="IB1368" s="91"/>
      <c r="IC1368" s="91"/>
      <c r="ID1368" s="91"/>
      <c r="IE1368" s="91"/>
      <c r="IF1368" s="91"/>
      <c r="IG1368" s="91"/>
      <c r="IH1368" s="91"/>
      <c r="II1368" s="91"/>
      <c r="IJ1368" s="91"/>
      <c r="IK1368" s="127"/>
    </row>
    <row r="1369" spans="2:245" x14ac:dyDescent="0.2">
      <c r="B1369" s="43"/>
      <c r="C1369" s="73"/>
      <c r="D1369" s="64"/>
      <c r="E1369" s="64"/>
      <c r="F1369" s="55"/>
      <c r="G1369" s="102"/>
      <c r="H1369" s="55"/>
      <c r="I1369" s="55"/>
      <c r="J1369" s="55"/>
      <c r="K1369" s="55"/>
      <c r="L1369" s="55"/>
      <c r="M1369" s="55"/>
      <c r="N1369" s="55"/>
      <c r="O1369" s="55"/>
      <c r="P1369" s="55"/>
      <c r="Q1369" s="55"/>
      <c r="R1369" s="55"/>
      <c r="S1369" s="55"/>
      <c r="T1369" s="55"/>
      <c r="U1369" s="55"/>
      <c r="V1369" s="55"/>
      <c r="W1369" s="55"/>
      <c r="X1369" s="55"/>
      <c r="Y1369" s="55"/>
      <c r="Z1369" s="55"/>
      <c r="AA1369" s="55"/>
      <c r="AB1369" s="55"/>
      <c r="AC1369" s="55"/>
      <c r="AD1369" s="55"/>
      <c r="AE1369" s="55"/>
      <c r="AF1369" s="55"/>
      <c r="AG1369" s="55"/>
      <c r="AY1369" s="162"/>
      <c r="AZ1369" s="162"/>
      <c r="BA1369" s="162"/>
      <c r="BB1369" s="162"/>
      <c r="BC1369" s="162"/>
      <c r="BD1369" s="162"/>
      <c r="BE1369" s="162"/>
      <c r="BF1369" s="162"/>
      <c r="BG1369" s="162"/>
      <c r="BH1369" s="162"/>
      <c r="BI1369" s="162"/>
      <c r="BJ1369" s="162"/>
      <c r="BK1369" s="162"/>
      <c r="BL1369" s="162"/>
      <c r="BM1369" s="162"/>
      <c r="BN1369" s="162"/>
      <c r="BO1369" s="162"/>
      <c r="BP1369" s="162"/>
      <c r="BQ1369" s="162"/>
      <c r="BR1369" s="162"/>
      <c r="BS1369" s="162"/>
      <c r="BT1369" s="162"/>
      <c r="BU1369" s="162"/>
      <c r="BV1369" s="162"/>
      <c r="BW1369" s="162"/>
      <c r="BX1369" s="162"/>
      <c r="BY1369" s="162"/>
      <c r="BZ1369" s="162"/>
      <c r="CA1369" s="162"/>
      <c r="CB1369" s="162"/>
      <c r="CC1369" s="162"/>
      <c r="CD1369" s="162"/>
      <c r="CE1369" s="162"/>
      <c r="CF1369" s="162"/>
      <c r="CG1369" s="162"/>
      <c r="CH1369" s="162"/>
      <c r="CI1369" s="162"/>
      <c r="CJ1369" s="162"/>
      <c r="CK1369" s="162"/>
      <c r="CX1369" s="98"/>
      <c r="DL1369" s="97"/>
      <c r="DX1369" s="98"/>
      <c r="EL1369" s="97"/>
      <c r="EX1369" s="98"/>
      <c r="EY1369" s="97"/>
      <c r="FL1369" s="126"/>
      <c r="FM1369" s="91"/>
      <c r="FN1369" s="91"/>
      <c r="FO1369" s="91"/>
      <c r="FP1369" s="91"/>
      <c r="FQ1369" s="91"/>
      <c r="FR1369" s="91"/>
      <c r="FS1369" s="91"/>
      <c r="FT1369" s="91"/>
      <c r="FU1369" s="91"/>
      <c r="FV1369" s="91"/>
      <c r="FW1369" s="91"/>
      <c r="FX1369" s="91"/>
      <c r="FY1369" s="91"/>
      <c r="FZ1369" s="91"/>
      <c r="GA1369" s="91"/>
      <c r="GB1369" s="91"/>
      <c r="GC1369" s="91"/>
      <c r="GD1369" s="91"/>
      <c r="GE1369" s="91"/>
      <c r="GF1369" s="91"/>
      <c r="GG1369" s="91"/>
      <c r="GH1369" s="91"/>
      <c r="GI1369" s="91"/>
      <c r="GJ1369" s="91"/>
      <c r="GK1369" s="127"/>
      <c r="GL1369" s="126"/>
      <c r="GM1369" s="91"/>
      <c r="GN1369" s="91"/>
      <c r="GO1369" s="91"/>
      <c r="GP1369" s="91"/>
      <c r="GQ1369" s="91"/>
      <c r="GR1369" s="91"/>
      <c r="GS1369" s="91"/>
      <c r="GT1369" s="91"/>
      <c r="GU1369" s="91"/>
      <c r="GV1369" s="91"/>
      <c r="GW1369" s="91"/>
      <c r="GX1369" s="91"/>
      <c r="GY1369" s="91"/>
      <c r="GZ1369" s="91"/>
      <c r="HA1369" s="91"/>
      <c r="HB1369" s="91"/>
      <c r="HC1369" s="91"/>
      <c r="HD1369" s="91"/>
      <c r="HE1369" s="91"/>
      <c r="HF1369" s="91"/>
      <c r="HG1369" s="91"/>
      <c r="HH1369" s="91"/>
      <c r="HI1369" s="91"/>
      <c r="HJ1369" s="91"/>
      <c r="HK1369" s="127"/>
      <c r="HL1369" s="126"/>
      <c r="HM1369" s="91"/>
      <c r="HN1369" s="91"/>
      <c r="HO1369" s="91"/>
      <c r="HP1369" s="91"/>
      <c r="HQ1369" s="91"/>
      <c r="HR1369" s="91"/>
      <c r="HS1369" s="91"/>
      <c r="HT1369" s="91"/>
      <c r="HU1369" s="91"/>
      <c r="HV1369" s="91"/>
      <c r="HW1369" s="91"/>
      <c r="HX1369" s="91"/>
      <c r="HY1369" s="91"/>
      <c r="HZ1369" s="91"/>
      <c r="IA1369" s="91"/>
      <c r="IB1369" s="91"/>
      <c r="IC1369" s="91"/>
      <c r="ID1369" s="91"/>
      <c r="IE1369" s="91"/>
      <c r="IF1369" s="91"/>
      <c r="IG1369" s="91"/>
      <c r="IH1369" s="91"/>
      <c r="II1369" s="91"/>
      <c r="IJ1369" s="91"/>
      <c r="IK1369" s="127"/>
    </row>
    <row r="1370" spans="2:245" x14ac:dyDescent="0.2">
      <c r="B1370" s="43"/>
      <c r="C1370" s="73"/>
      <c r="D1370" s="64"/>
      <c r="E1370" s="64"/>
      <c r="F1370" s="55"/>
      <c r="G1370" s="102"/>
      <c r="H1370" s="55"/>
      <c r="I1370" s="55"/>
      <c r="J1370" s="55"/>
      <c r="K1370" s="55"/>
      <c r="L1370" s="55"/>
      <c r="M1370" s="55"/>
      <c r="N1370" s="55"/>
      <c r="O1370" s="55"/>
      <c r="P1370" s="55"/>
      <c r="Q1370" s="55"/>
      <c r="R1370" s="55"/>
      <c r="S1370" s="55"/>
      <c r="T1370" s="55"/>
      <c r="U1370" s="55"/>
      <c r="V1370" s="55"/>
      <c r="W1370" s="55"/>
      <c r="X1370" s="55"/>
      <c r="Y1370" s="55"/>
      <c r="Z1370" s="55"/>
      <c r="AA1370" s="55"/>
      <c r="AB1370" s="55"/>
      <c r="AC1370" s="55"/>
      <c r="AD1370" s="55"/>
      <c r="AE1370" s="55"/>
      <c r="AF1370" s="55"/>
      <c r="AG1370" s="55"/>
      <c r="AY1370" s="162"/>
      <c r="AZ1370" s="162"/>
      <c r="BA1370" s="162"/>
      <c r="BB1370" s="162"/>
      <c r="BC1370" s="162"/>
      <c r="BD1370" s="162"/>
      <c r="BE1370" s="162"/>
      <c r="BF1370" s="162"/>
      <c r="BG1370" s="162"/>
      <c r="BH1370" s="162"/>
      <c r="BI1370" s="162"/>
      <c r="BJ1370" s="162"/>
      <c r="BK1370" s="162"/>
      <c r="BL1370" s="162"/>
      <c r="BM1370" s="162"/>
      <c r="BN1370" s="162"/>
      <c r="BO1370" s="162"/>
      <c r="BP1370" s="162"/>
      <c r="BQ1370" s="162"/>
      <c r="BR1370" s="162"/>
      <c r="BS1370" s="162"/>
      <c r="BT1370" s="162"/>
      <c r="BU1370" s="162"/>
      <c r="BV1370" s="162"/>
      <c r="BW1370" s="162"/>
      <c r="BX1370" s="162"/>
      <c r="BY1370" s="162"/>
      <c r="BZ1370" s="162"/>
      <c r="CA1370" s="162"/>
      <c r="CB1370" s="162"/>
      <c r="CC1370" s="162"/>
      <c r="CD1370" s="162"/>
      <c r="CE1370" s="162"/>
      <c r="CF1370" s="162"/>
      <c r="CG1370" s="162"/>
      <c r="CH1370" s="162"/>
      <c r="CI1370" s="162"/>
      <c r="CJ1370" s="162"/>
      <c r="CK1370" s="162"/>
      <c r="CX1370" s="98"/>
      <c r="DL1370" s="97"/>
      <c r="DX1370" s="98"/>
      <c r="EL1370" s="97"/>
      <c r="EX1370" s="98"/>
      <c r="EY1370" s="97"/>
      <c r="FL1370" s="126"/>
      <c r="FM1370" s="91"/>
      <c r="FN1370" s="91"/>
      <c r="FO1370" s="91"/>
      <c r="FP1370" s="91"/>
      <c r="FQ1370" s="91"/>
      <c r="FR1370" s="91"/>
      <c r="FS1370" s="91"/>
      <c r="FT1370" s="91"/>
      <c r="FU1370" s="91"/>
      <c r="FV1370" s="91"/>
      <c r="FW1370" s="91"/>
      <c r="FX1370" s="91"/>
      <c r="FY1370" s="91"/>
      <c r="FZ1370" s="91"/>
      <c r="GA1370" s="91"/>
      <c r="GB1370" s="91"/>
      <c r="GC1370" s="91"/>
      <c r="GD1370" s="91"/>
      <c r="GE1370" s="91"/>
      <c r="GF1370" s="91"/>
      <c r="GG1370" s="91"/>
      <c r="GH1370" s="91"/>
      <c r="GI1370" s="91"/>
      <c r="GJ1370" s="91"/>
      <c r="GK1370" s="127"/>
      <c r="GL1370" s="126"/>
      <c r="GM1370" s="91"/>
      <c r="GN1370" s="91"/>
      <c r="GO1370" s="91"/>
      <c r="GP1370" s="91"/>
      <c r="GQ1370" s="91"/>
      <c r="GR1370" s="91"/>
      <c r="GS1370" s="91"/>
      <c r="GT1370" s="91"/>
      <c r="GU1370" s="91"/>
      <c r="GV1370" s="91"/>
      <c r="GW1370" s="91"/>
      <c r="GX1370" s="91"/>
      <c r="GY1370" s="91"/>
      <c r="GZ1370" s="91"/>
      <c r="HA1370" s="91"/>
      <c r="HB1370" s="91"/>
      <c r="HC1370" s="91"/>
      <c r="HD1370" s="91"/>
      <c r="HE1370" s="91"/>
      <c r="HF1370" s="91"/>
      <c r="HG1370" s="91"/>
      <c r="HH1370" s="91"/>
      <c r="HI1370" s="91"/>
      <c r="HJ1370" s="91"/>
      <c r="HK1370" s="127"/>
      <c r="HL1370" s="126"/>
      <c r="HM1370" s="91"/>
      <c r="HN1370" s="91"/>
      <c r="HO1370" s="91"/>
      <c r="HP1370" s="91"/>
      <c r="HQ1370" s="91"/>
      <c r="HR1370" s="91"/>
      <c r="HS1370" s="91"/>
      <c r="HT1370" s="91"/>
      <c r="HU1370" s="91"/>
      <c r="HV1370" s="91"/>
      <c r="HW1370" s="91"/>
      <c r="HX1370" s="91"/>
      <c r="HY1370" s="91"/>
      <c r="HZ1370" s="91"/>
      <c r="IA1370" s="91"/>
      <c r="IB1370" s="91"/>
      <c r="IC1370" s="91"/>
      <c r="ID1370" s="91"/>
      <c r="IE1370" s="91"/>
      <c r="IF1370" s="91"/>
      <c r="IG1370" s="91"/>
      <c r="IH1370" s="91"/>
      <c r="II1370" s="91"/>
      <c r="IJ1370" s="91"/>
      <c r="IK1370" s="127"/>
    </row>
    <row r="1371" spans="2:245" x14ac:dyDescent="0.2">
      <c r="B1371" s="43"/>
      <c r="C1371" s="73"/>
      <c r="D1371" s="64"/>
      <c r="E1371" s="64"/>
      <c r="F1371" s="55"/>
      <c r="G1371" s="102"/>
      <c r="H1371" s="55"/>
      <c r="I1371" s="55"/>
      <c r="J1371" s="55"/>
      <c r="K1371" s="55"/>
      <c r="L1371" s="55"/>
      <c r="M1371" s="55"/>
      <c r="N1371" s="55"/>
      <c r="O1371" s="55"/>
      <c r="P1371" s="55"/>
      <c r="Q1371" s="55"/>
      <c r="R1371" s="55"/>
      <c r="S1371" s="55"/>
      <c r="T1371" s="55"/>
      <c r="U1371" s="55"/>
      <c r="V1371" s="55"/>
      <c r="W1371" s="55"/>
      <c r="X1371" s="55"/>
      <c r="Y1371" s="55"/>
      <c r="Z1371" s="55"/>
      <c r="AA1371" s="55"/>
      <c r="AB1371" s="55"/>
      <c r="AC1371" s="55"/>
      <c r="AD1371" s="55"/>
      <c r="AE1371" s="55"/>
      <c r="AF1371" s="55"/>
      <c r="AG1371" s="55"/>
      <c r="AY1371" s="162"/>
      <c r="AZ1371" s="162"/>
      <c r="BA1371" s="162"/>
      <c r="BB1371" s="162"/>
      <c r="BC1371" s="162"/>
      <c r="BD1371" s="162"/>
      <c r="BE1371" s="162"/>
      <c r="BF1371" s="162"/>
      <c r="BG1371" s="162"/>
      <c r="BH1371" s="162"/>
      <c r="BI1371" s="162"/>
      <c r="BJ1371" s="162"/>
      <c r="BK1371" s="162"/>
      <c r="BL1371" s="162"/>
      <c r="BM1371" s="162"/>
      <c r="BN1371" s="162"/>
      <c r="BO1371" s="162"/>
      <c r="BP1371" s="162"/>
      <c r="BQ1371" s="162"/>
      <c r="BR1371" s="162"/>
      <c r="BS1371" s="162"/>
      <c r="BT1371" s="162"/>
      <c r="BU1371" s="162"/>
      <c r="BV1371" s="162"/>
      <c r="BW1371" s="162"/>
      <c r="BX1371" s="162"/>
      <c r="BY1371" s="162"/>
      <c r="BZ1371" s="162"/>
      <c r="CA1371" s="162"/>
      <c r="CB1371" s="162"/>
      <c r="CC1371" s="162"/>
      <c r="CD1371" s="162"/>
      <c r="CE1371" s="162"/>
      <c r="CF1371" s="162"/>
      <c r="CG1371" s="162"/>
      <c r="CH1371" s="162"/>
      <c r="CI1371" s="162"/>
      <c r="CJ1371" s="162"/>
      <c r="CK1371" s="162"/>
      <c r="CX1371" s="98"/>
      <c r="DL1371" s="97"/>
      <c r="DX1371" s="98"/>
      <c r="EL1371" s="97"/>
      <c r="EX1371" s="98"/>
      <c r="EY1371" s="97"/>
      <c r="FL1371" s="126"/>
      <c r="FM1371" s="91"/>
      <c r="FN1371" s="91"/>
      <c r="FO1371" s="91"/>
      <c r="FP1371" s="91"/>
      <c r="FQ1371" s="91"/>
      <c r="FR1371" s="91"/>
      <c r="FS1371" s="91"/>
      <c r="FT1371" s="91"/>
      <c r="FU1371" s="91"/>
      <c r="FV1371" s="91"/>
      <c r="FW1371" s="91"/>
      <c r="FX1371" s="91"/>
      <c r="FY1371" s="91"/>
      <c r="FZ1371" s="91"/>
      <c r="GA1371" s="91"/>
      <c r="GB1371" s="91"/>
      <c r="GC1371" s="91"/>
      <c r="GD1371" s="91"/>
      <c r="GE1371" s="91"/>
      <c r="GF1371" s="91"/>
      <c r="GG1371" s="91"/>
      <c r="GH1371" s="91"/>
      <c r="GI1371" s="91"/>
      <c r="GJ1371" s="91"/>
      <c r="GK1371" s="127"/>
      <c r="GL1371" s="126"/>
      <c r="GM1371" s="91"/>
      <c r="GN1371" s="91"/>
      <c r="GO1371" s="91"/>
      <c r="GP1371" s="91"/>
      <c r="GQ1371" s="91"/>
      <c r="GR1371" s="91"/>
      <c r="GS1371" s="91"/>
      <c r="GT1371" s="91"/>
      <c r="GU1371" s="91"/>
      <c r="GV1371" s="91"/>
      <c r="GW1371" s="91"/>
      <c r="GX1371" s="91"/>
      <c r="GY1371" s="91"/>
      <c r="GZ1371" s="91"/>
      <c r="HA1371" s="91"/>
      <c r="HB1371" s="91"/>
      <c r="HC1371" s="91"/>
      <c r="HD1371" s="91"/>
      <c r="HE1371" s="91"/>
      <c r="HF1371" s="91"/>
      <c r="HG1371" s="91"/>
      <c r="HH1371" s="91"/>
      <c r="HI1371" s="91"/>
      <c r="HJ1371" s="91"/>
      <c r="HK1371" s="127"/>
      <c r="HL1371" s="126"/>
      <c r="HM1371" s="91"/>
      <c r="HN1371" s="91"/>
      <c r="HO1371" s="91"/>
      <c r="HP1371" s="91"/>
      <c r="HQ1371" s="91"/>
      <c r="HR1371" s="91"/>
      <c r="HS1371" s="91"/>
      <c r="HT1371" s="91"/>
      <c r="HU1371" s="91"/>
      <c r="HV1371" s="91"/>
      <c r="HW1371" s="91"/>
      <c r="HX1371" s="91"/>
      <c r="HY1371" s="91"/>
      <c r="HZ1371" s="91"/>
      <c r="IA1371" s="91"/>
      <c r="IB1371" s="91"/>
      <c r="IC1371" s="91"/>
      <c r="ID1371" s="91"/>
      <c r="IE1371" s="91"/>
      <c r="IF1371" s="91"/>
      <c r="IG1371" s="91"/>
      <c r="IH1371" s="91"/>
      <c r="II1371" s="91"/>
      <c r="IJ1371" s="91"/>
      <c r="IK1371" s="127"/>
    </row>
    <row r="1372" spans="2:245" x14ac:dyDescent="0.2">
      <c r="B1372" s="43"/>
      <c r="C1372" s="73"/>
      <c r="D1372" s="64"/>
      <c r="E1372" s="64"/>
      <c r="F1372" s="55"/>
      <c r="G1372" s="102"/>
      <c r="H1372" s="55"/>
      <c r="I1372" s="55"/>
      <c r="J1372" s="55"/>
      <c r="K1372" s="55"/>
      <c r="L1372" s="55"/>
      <c r="M1372" s="55"/>
      <c r="N1372" s="55"/>
      <c r="O1372" s="55"/>
      <c r="P1372" s="55"/>
      <c r="Q1372" s="55"/>
      <c r="R1372" s="55"/>
      <c r="S1372" s="55"/>
      <c r="T1372" s="55"/>
      <c r="U1372" s="55"/>
      <c r="V1372" s="55"/>
      <c r="W1372" s="55"/>
      <c r="X1372" s="55"/>
      <c r="Y1372" s="55"/>
      <c r="Z1372" s="55"/>
      <c r="AA1372" s="55"/>
      <c r="AB1372" s="55"/>
      <c r="AC1372" s="55"/>
      <c r="AD1372" s="55"/>
      <c r="AE1372" s="55"/>
      <c r="AF1372" s="55"/>
      <c r="AG1372" s="55"/>
      <c r="AY1372" s="162"/>
      <c r="AZ1372" s="162"/>
      <c r="BA1372" s="162"/>
      <c r="BB1372" s="162"/>
      <c r="BC1372" s="162"/>
      <c r="BD1372" s="162"/>
      <c r="BE1372" s="162"/>
      <c r="BF1372" s="162"/>
      <c r="BG1372" s="162"/>
      <c r="BH1372" s="162"/>
      <c r="BI1372" s="162"/>
      <c r="BJ1372" s="162"/>
      <c r="BK1372" s="162"/>
      <c r="BL1372" s="162"/>
      <c r="BM1372" s="162"/>
      <c r="BN1372" s="162"/>
      <c r="BO1372" s="162"/>
      <c r="BP1372" s="162"/>
      <c r="BQ1372" s="162"/>
      <c r="BR1372" s="162"/>
      <c r="BS1372" s="162"/>
      <c r="BT1372" s="162"/>
      <c r="BU1372" s="162"/>
      <c r="BV1372" s="162"/>
      <c r="BW1372" s="162"/>
      <c r="BX1372" s="162"/>
      <c r="BY1372" s="162"/>
      <c r="BZ1372" s="162"/>
      <c r="CA1372" s="162"/>
      <c r="CB1372" s="162"/>
      <c r="CC1372" s="162"/>
      <c r="CD1372" s="162"/>
      <c r="CE1372" s="162"/>
      <c r="CF1372" s="162"/>
      <c r="CG1372" s="162"/>
      <c r="CH1372" s="162"/>
      <c r="CI1372" s="162"/>
      <c r="CJ1372" s="162"/>
      <c r="CK1372" s="162"/>
      <c r="CX1372" s="98"/>
      <c r="DL1372" s="97"/>
      <c r="DX1372" s="98"/>
      <c r="EL1372" s="97"/>
      <c r="EX1372" s="98"/>
      <c r="EY1372" s="97"/>
      <c r="FL1372" s="126"/>
      <c r="FM1372" s="91"/>
      <c r="FN1372" s="91"/>
      <c r="FO1372" s="91"/>
      <c r="FP1372" s="91"/>
      <c r="FQ1372" s="91"/>
      <c r="FR1372" s="91"/>
      <c r="FS1372" s="91"/>
      <c r="FT1372" s="91"/>
      <c r="FU1372" s="91"/>
      <c r="FV1372" s="91"/>
      <c r="FW1372" s="91"/>
      <c r="FX1372" s="91"/>
      <c r="FY1372" s="91"/>
      <c r="FZ1372" s="91"/>
      <c r="GA1372" s="91"/>
      <c r="GB1372" s="91"/>
      <c r="GC1372" s="91"/>
      <c r="GD1372" s="91"/>
      <c r="GE1372" s="91"/>
      <c r="GF1372" s="91"/>
      <c r="GG1372" s="91"/>
      <c r="GH1372" s="91"/>
      <c r="GI1372" s="91"/>
      <c r="GJ1372" s="91"/>
      <c r="GK1372" s="127"/>
      <c r="GL1372" s="126"/>
      <c r="GM1372" s="91"/>
      <c r="GN1372" s="91"/>
      <c r="GO1372" s="91"/>
      <c r="GP1372" s="91"/>
      <c r="GQ1372" s="91"/>
      <c r="GR1372" s="91"/>
      <c r="GS1372" s="91"/>
      <c r="GT1372" s="91"/>
      <c r="GU1372" s="91"/>
      <c r="GV1372" s="91"/>
      <c r="GW1372" s="91"/>
      <c r="GX1372" s="91"/>
      <c r="GY1372" s="91"/>
      <c r="GZ1372" s="91"/>
      <c r="HA1372" s="91"/>
      <c r="HB1372" s="91"/>
      <c r="HC1372" s="91"/>
      <c r="HD1372" s="91"/>
      <c r="HE1372" s="91"/>
      <c r="HF1372" s="91"/>
      <c r="HG1372" s="91"/>
      <c r="HH1372" s="91"/>
      <c r="HI1372" s="91"/>
      <c r="HJ1372" s="91"/>
      <c r="HK1372" s="127"/>
      <c r="HL1372" s="126"/>
      <c r="HM1372" s="91"/>
      <c r="HN1372" s="91"/>
      <c r="HO1372" s="91"/>
      <c r="HP1372" s="91"/>
      <c r="HQ1372" s="91"/>
      <c r="HR1372" s="91"/>
      <c r="HS1372" s="91"/>
      <c r="HT1372" s="91"/>
      <c r="HU1372" s="91"/>
      <c r="HV1372" s="91"/>
      <c r="HW1372" s="91"/>
      <c r="HX1372" s="91"/>
      <c r="HY1372" s="91"/>
      <c r="HZ1372" s="91"/>
      <c r="IA1372" s="91"/>
      <c r="IB1372" s="91"/>
      <c r="IC1372" s="91"/>
      <c r="ID1372" s="91"/>
      <c r="IE1372" s="91"/>
      <c r="IF1372" s="91"/>
      <c r="IG1372" s="91"/>
      <c r="IH1372" s="91"/>
      <c r="II1372" s="91"/>
      <c r="IJ1372" s="91"/>
      <c r="IK1372" s="127"/>
    </row>
    <row r="1373" spans="2:245" x14ac:dyDescent="0.2">
      <c r="B1373" s="43"/>
      <c r="C1373" s="73"/>
      <c r="D1373" s="64"/>
      <c r="E1373" s="64"/>
      <c r="F1373" s="55"/>
      <c r="G1373" s="102"/>
      <c r="H1373" s="55"/>
      <c r="I1373" s="55"/>
      <c r="J1373" s="55"/>
      <c r="K1373" s="55"/>
      <c r="L1373" s="55"/>
      <c r="M1373" s="55"/>
      <c r="N1373" s="55"/>
      <c r="O1373" s="55"/>
      <c r="P1373" s="55"/>
      <c r="Q1373" s="55"/>
      <c r="R1373" s="55"/>
      <c r="S1373" s="55"/>
      <c r="T1373" s="55"/>
      <c r="U1373" s="55"/>
      <c r="V1373" s="55"/>
      <c r="W1373" s="55"/>
      <c r="X1373" s="55"/>
      <c r="Y1373" s="55"/>
      <c r="Z1373" s="55"/>
      <c r="AA1373" s="55"/>
      <c r="AB1373" s="55"/>
      <c r="AC1373" s="55"/>
      <c r="AD1373" s="55"/>
      <c r="AE1373" s="55"/>
      <c r="AF1373" s="55"/>
      <c r="AG1373" s="55"/>
      <c r="AY1373" s="162"/>
      <c r="AZ1373" s="162"/>
      <c r="BA1373" s="162"/>
      <c r="BB1373" s="162"/>
      <c r="BC1373" s="162"/>
      <c r="BD1373" s="162"/>
      <c r="BE1373" s="162"/>
      <c r="BF1373" s="162"/>
      <c r="BG1373" s="162"/>
      <c r="BH1373" s="162"/>
      <c r="BI1373" s="162"/>
      <c r="BJ1373" s="162"/>
      <c r="BK1373" s="162"/>
      <c r="BL1373" s="162"/>
      <c r="BM1373" s="162"/>
      <c r="BN1373" s="162"/>
      <c r="BO1373" s="162"/>
      <c r="BP1373" s="162"/>
      <c r="BQ1373" s="162"/>
      <c r="BR1373" s="162"/>
      <c r="BS1373" s="162"/>
      <c r="BT1373" s="162"/>
      <c r="BU1373" s="162"/>
      <c r="BV1373" s="162"/>
      <c r="BW1373" s="162"/>
      <c r="BX1373" s="162"/>
      <c r="BY1373" s="162"/>
      <c r="BZ1373" s="162"/>
      <c r="CA1373" s="162"/>
      <c r="CB1373" s="162"/>
      <c r="CC1373" s="162"/>
      <c r="CD1373" s="162"/>
      <c r="CE1373" s="162"/>
      <c r="CF1373" s="162"/>
      <c r="CG1373" s="162"/>
      <c r="CH1373" s="162"/>
      <c r="CI1373" s="162"/>
      <c r="CJ1373" s="162"/>
      <c r="CK1373" s="162"/>
      <c r="CX1373" s="98"/>
      <c r="DL1373" s="97"/>
      <c r="DX1373" s="98"/>
      <c r="EL1373" s="97"/>
      <c r="EX1373" s="98"/>
      <c r="EY1373" s="97"/>
      <c r="FL1373" s="126"/>
      <c r="FM1373" s="91"/>
      <c r="FN1373" s="91"/>
      <c r="FO1373" s="91"/>
      <c r="FP1373" s="91"/>
      <c r="FQ1373" s="91"/>
      <c r="FR1373" s="91"/>
      <c r="FS1373" s="91"/>
      <c r="FT1373" s="91"/>
      <c r="FU1373" s="91"/>
      <c r="FV1373" s="91"/>
      <c r="FW1373" s="91"/>
      <c r="FX1373" s="91"/>
      <c r="FY1373" s="91"/>
      <c r="FZ1373" s="91"/>
      <c r="GA1373" s="91"/>
      <c r="GB1373" s="91"/>
      <c r="GC1373" s="91"/>
      <c r="GD1373" s="91"/>
      <c r="GE1373" s="91"/>
      <c r="GF1373" s="91"/>
      <c r="GG1373" s="91"/>
      <c r="GH1373" s="91"/>
      <c r="GI1373" s="91"/>
      <c r="GJ1373" s="91"/>
      <c r="GK1373" s="127"/>
      <c r="GL1373" s="126"/>
      <c r="GM1373" s="91"/>
      <c r="GN1373" s="91"/>
      <c r="GO1373" s="91"/>
      <c r="GP1373" s="91"/>
      <c r="GQ1373" s="91"/>
      <c r="GR1373" s="91"/>
      <c r="GS1373" s="91"/>
      <c r="GT1373" s="91"/>
      <c r="GU1373" s="91"/>
      <c r="GV1373" s="91"/>
      <c r="GW1373" s="91"/>
      <c r="GX1373" s="91"/>
      <c r="GY1373" s="91"/>
      <c r="GZ1373" s="91"/>
      <c r="HA1373" s="91"/>
      <c r="HB1373" s="91"/>
      <c r="HC1373" s="91"/>
      <c r="HD1373" s="91"/>
      <c r="HE1373" s="91"/>
      <c r="HF1373" s="91"/>
      <c r="HG1373" s="91"/>
      <c r="HH1373" s="91"/>
      <c r="HI1373" s="91"/>
      <c r="HJ1373" s="91"/>
      <c r="HK1373" s="127"/>
      <c r="HL1373" s="126"/>
      <c r="HM1373" s="91"/>
      <c r="HN1373" s="91"/>
      <c r="HO1373" s="91"/>
      <c r="HP1373" s="91"/>
      <c r="HQ1373" s="91"/>
      <c r="HR1373" s="91"/>
      <c r="HS1373" s="91"/>
      <c r="HT1373" s="91"/>
      <c r="HU1373" s="91"/>
      <c r="HV1373" s="91"/>
      <c r="HW1373" s="91"/>
      <c r="HX1373" s="91"/>
      <c r="HY1373" s="91"/>
      <c r="HZ1373" s="91"/>
      <c r="IA1373" s="91"/>
      <c r="IB1373" s="91"/>
      <c r="IC1373" s="91"/>
      <c r="ID1373" s="91"/>
      <c r="IE1373" s="91"/>
      <c r="IF1373" s="91"/>
      <c r="IG1373" s="91"/>
      <c r="IH1373" s="91"/>
      <c r="II1373" s="91"/>
      <c r="IJ1373" s="91"/>
      <c r="IK1373" s="127"/>
    </row>
    <row r="1374" spans="2:245" x14ac:dyDescent="0.2">
      <c r="B1374" s="43"/>
      <c r="C1374" s="73"/>
      <c r="D1374" s="64"/>
      <c r="E1374" s="64"/>
      <c r="F1374" s="55"/>
      <c r="G1374" s="102"/>
      <c r="H1374" s="55"/>
      <c r="I1374" s="55"/>
      <c r="J1374" s="55"/>
      <c r="K1374" s="55"/>
      <c r="L1374" s="55"/>
      <c r="M1374" s="55"/>
      <c r="N1374" s="55"/>
      <c r="O1374" s="55"/>
      <c r="P1374" s="55"/>
      <c r="Q1374" s="55"/>
      <c r="R1374" s="55"/>
      <c r="S1374" s="55"/>
      <c r="T1374" s="55"/>
      <c r="U1374" s="55"/>
      <c r="V1374" s="55"/>
      <c r="W1374" s="55"/>
      <c r="X1374" s="55"/>
      <c r="Y1374" s="55"/>
      <c r="Z1374" s="55"/>
      <c r="AA1374" s="55"/>
      <c r="AB1374" s="55"/>
      <c r="AC1374" s="55"/>
      <c r="AD1374" s="55"/>
      <c r="AE1374" s="55"/>
      <c r="AF1374" s="55"/>
      <c r="AG1374" s="55"/>
      <c r="AY1374" s="162"/>
      <c r="AZ1374" s="162"/>
      <c r="BA1374" s="162"/>
      <c r="BB1374" s="162"/>
      <c r="BC1374" s="162"/>
      <c r="BD1374" s="162"/>
      <c r="BE1374" s="162"/>
      <c r="BF1374" s="162"/>
      <c r="BG1374" s="162"/>
      <c r="BH1374" s="162"/>
      <c r="BI1374" s="162"/>
      <c r="BJ1374" s="162"/>
      <c r="BK1374" s="162"/>
      <c r="BL1374" s="162"/>
      <c r="BM1374" s="162"/>
      <c r="BN1374" s="162"/>
      <c r="BO1374" s="162"/>
      <c r="BP1374" s="162"/>
      <c r="BQ1374" s="162"/>
      <c r="BR1374" s="162"/>
      <c r="BS1374" s="162"/>
      <c r="BT1374" s="162"/>
      <c r="BU1374" s="162"/>
      <c r="BV1374" s="162"/>
      <c r="BW1374" s="162"/>
      <c r="BX1374" s="162"/>
      <c r="BY1374" s="162"/>
      <c r="BZ1374" s="162"/>
      <c r="CA1374" s="162"/>
      <c r="CB1374" s="162"/>
      <c r="CC1374" s="162"/>
      <c r="CD1374" s="162"/>
      <c r="CE1374" s="162"/>
      <c r="CF1374" s="162"/>
      <c r="CG1374" s="162"/>
      <c r="CH1374" s="162"/>
      <c r="CI1374" s="162"/>
      <c r="CJ1374" s="162"/>
      <c r="CK1374" s="162"/>
      <c r="CX1374" s="98"/>
      <c r="DL1374" s="97"/>
      <c r="DX1374" s="98"/>
      <c r="EL1374" s="97"/>
      <c r="EX1374" s="98"/>
      <c r="EY1374" s="97"/>
      <c r="FL1374" s="126"/>
      <c r="FM1374" s="91"/>
      <c r="FN1374" s="91"/>
      <c r="FO1374" s="91"/>
      <c r="FP1374" s="91"/>
      <c r="FQ1374" s="91"/>
      <c r="FR1374" s="91"/>
      <c r="FS1374" s="91"/>
      <c r="FT1374" s="91"/>
      <c r="FU1374" s="91"/>
      <c r="FV1374" s="91"/>
      <c r="FW1374" s="91"/>
      <c r="FX1374" s="91"/>
      <c r="FY1374" s="91"/>
      <c r="FZ1374" s="91"/>
      <c r="GA1374" s="91"/>
      <c r="GB1374" s="91"/>
      <c r="GC1374" s="91"/>
      <c r="GD1374" s="91"/>
      <c r="GE1374" s="91"/>
      <c r="GF1374" s="91"/>
      <c r="GG1374" s="91"/>
      <c r="GH1374" s="91"/>
      <c r="GI1374" s="91"/>
      <c r="GJ1374" s="91"/>
      <c r="GK1374" s="127"/>
      <c r="GL1374" s="126"/>
      <c r="GM1374" s="91"/>
      <c r="GN1374" s="91"/>
      <c r="GO1374" s="91"/>
      <c r="GP1374" s="91"/>
      <c r="GQ1374" s="91"/>
      <c r="GR1374" s="91"/>
      <c r="GS1374" s="91"/>
      <c r="GT1374" s="91"/>
      <c r="GU1374" s="91"/>
      <c r="GV1374" s="91"/>
      <c r="GW1374" s="91"/>
      <c r="GX1374" s="91"/>
      <c r="GY1374" s="91"/>
      <c r="GZ1374" s="91"/>
      <c r="HA1374" s="91"/>
      <c r="HB1374" s="91"/>
      <c r="HC1374" s="91"/>
      <c r="HD1374" s="91"/>
      <c r="HE1374" s="91"/>
      <c r="HF1374" s="91"/>
      <c r="HG1374" s="91"/>
      <c r="HH1374" s="91"/>
      <c r="HI1374" s="91"/>
      <c r="HJ1374" s="91"/>
      <c r="HK1374" s="127"/>
      <c r="HL1374" s="126"/>
      <c r="HM1374" s="91"/>
      <c r="HN1374" s="91"/>
      <c r="HO1374" s="91"/>
      <c r="HP1374" s="91"/>
      <c r="HQ1374" s="91"/>
      <c r="HR1374" s="91"/>
      <c r="HS1374" s="91"/>
      <c r="HT1374" s="91"/>
      <c r="HU1374" s="91"/>
      <c r="HV1374" s="91"/>
      <c r="HW1374" s="91"/>
      <c r="HX1374" s="91"/>
      <c r="HY1374" s="91"/>
      <c r="HZ1374" s="91"/>
      <c r="IA1374" s="91"/>
      <c r="IB1374" s="91"/>
      <c r="IC1374" s="91"/>
      <c r="ID1374" s="91"/>
      <c r="IE1374" s="91"/>
      <c r="IF1374" s="91"/>
      <c r="IG1374" s="91"/>
      <c r="IH1374" s="91"/>
      <c r="II1374" s="91"/>
      <c r="IJ1374" s="91"/>
      <c r="IK1374" s="127"/>
    </row>
    <row r="1375" spans="2:245" x14ac:dyDescent="0.2">
      <c r="B1375" s="43"/>
      <c r="C1375" s="73"/>
      <c r="D1375" s="64"/>
      <c r="E1375" s="64"/>
      <c r="F1375" s="55"/>
      <c r="G1375" s="102"/>
      <c r="H1375" s="55"/>
      <c r="I1375" s="55"/>
      <c r="J1375" s="55"/>
      <c r="K1375" s="55"/>
      <c r="L1375" s="55"/>
      <c r="M1375" s="55"/>
      <c r="N1375" s="55"/>
      <c r="O1375" s="55"/>
      <c r="P1375" s="55"/>
      <c r="Q1375" s="55"/>
      <c r="R1375" s="55"/>
      <c r="S1375" s="55"/>
      <c r="T1375" s="55"/>
      <c r="U1375" s="55"/>
      <c r="V1375" s="55"/>
      <c r="W1375" s="55"/>
      <c r="X1375" s="55"/>
      <c r="Y1375" s="55"/>
      <c r="Z1375" s="55"/>
      <c r="AA1375" s="55"/>
      <c r="AB1375" s="55"/>
      <c r="AC1375" s="55"/>
      <c r="AD1375" s="55"/>
      <c r="AE1375" s="55"/>
      <c r="AF1375" s="55"/>
      <c r="AG1375" s="55"/>
      <c r="AY1375" s="162"/>
      <c r="AZ1375" s="162"/>
      <c r="BA1375" s="162"/>
      <c r="BB1375" s="162"/>
      <c r="BC1375" s="162"/>
      <c r="BD1375" s="162"/>
      <c r="BE1375" s="162"/>
      <c r="BF1375" s="162"/>
      <c r="BG1375" s="162"/>
      <c r="BH1375" s="162"/>
      <c r="BI1375" s="162"/>
      <c r="BJ1375" s="162"/>
      <c r="BK1375" s="162"/>
      <c r="BL1375" s="162"/>
      <c r="BM1375" s="162"/>
      <c r="BN1375" s="162"/>
      <c r="BO1375" s="162"/>
      <c r="BP1375" s="162"/>
      <c r="BQ1375" s="162"/>
      <c r="BR1375" s="162"/>
      <c r="BS1375" s="162"/>
      <c r="BT1375" s="162"/>
      <c r="BU1375" s="162"/>
      <c r="BV1375" s="162"/>
      <c r="BW1375" s="162"/>
      <c r="BX1375" s="162"/>
      <c r="BY1375" s="162"/>
      <c r="BZ1375" s="162"/>
      <c r="CA1375" s="162"/>
      <c r="CB1375" s="162"/>
      <c r="CC1375" s="162"/>
      <c r="CD1375" s="162"/>
      <c r="CE1375" s="162"/>
      <c r="CF1375" s="162"/>
      <c r="CG1375" s="162"/>
      <c r="CH1375" s="162"/>
      <c r="CI1375" s="162"/>
      <c r="CJ1375" s="162"/>
      <c r="CK1375" s="162"/>
      <c r="CX1375" s="98"/>
      <c r="DL1375" s="97"/>
      <c r="DX1375" s="98"/>
      <c r="EL1375" s="97"/>
      <c r="EX1375" s="98"/>
      <c r="EY1375" s="97"/>
      <c r="FL1375" s="126"/>
      <c r="FM1375" s="91"/>
      <c r="FN1375" s="91"/>
      <c r="FO1375" s="91"/>
      <c r="FP1375" s="91"/>
      <c r="FQ1375" s="91"/>
      <c r="FR1375" s="91"/>
      <c r="FS1375" s="91"/>
      <c r="FT1375" s="91"/>
      <c r="FU1375" s="91"/>
      <c r="FV1375" s="91"/>
      <c r="FW1375" s="91"/>
      <c r="FX1375" s="91"/>
      <c r="FY1375" s="91"/>
      <c r="FZ1375" s="91"/>
      <c r="GA1375" s="91"/>
      <c r="GB1375" s="91"/>
      <c r="GC1375" s="91"/>
      <c r="GD1375" s="91"/>
      <c r="GE1375" s="91"/>
      <c r="GF1375" s="91"/>
      <c r="GG1375" s="91"/>
      <c r="GH1375" s="91"/>
      <c r="GI1375" s="91"/>
      <c r="GJ1375" s="91"/>
      <c r="GK1375" s="127"/>
      <c r="GL1375" s="126"/>
      <c r="GM1375" s="91"/>
      <c r="GN1375" s="91"/>
      <c r="GO1375" s="91"/>
      <c r="GP1375" s="91"/>
      <c r="GQ1375" s="91"/>
      <c r="GR1375" s="91"/>
      <c r="GS1375" s="91"/>
      <c r="GT1375" s="91"/>
      <c r="GU1375" s="91"/>
      <c r="GV1375" s="91"/>
      <c r="GW1375" s="91"/>
      <c r="GX1375" s="91"/>
      <c r="GY1375" s="91"/>
      <c r="GZ1375" s="91"/>
      <c r="HA1375" s="91"/>
      <c r="HB1375" s="91"/>
      <c r="HC1375" s="91"/>
      <c r="HD1375" s="91"/>
      <c r="HE1375" s="91"/>
      <c r="HF1375" s="91"/>
      <c r="HG1375" s="91"/>
      <c r="HH1375" s="91"/>
      <c r="HI1375" s="91"/>
      <c r="HJ1375" s="91"/>
      <c r="HK1375" s="127"/>
      <c r="HL1375" s="126"/>
      <c r="HM1375" s="91"/>
      <c r="HN1375" s="91"/>
      <c r="HO1375" s="91"/>
      <c r="HP1375" s="91"/>
      <c r="HQ1375" s="91"/>
      <c r="HR1375" s="91"/>
      <c r="HS1375" s="91"/>
      <c r="HT1375" s="91"/>
      <c r="HU1375" s="91"/>
      <c r="HV1375" s="91"/>
      <c r="HW1375" s="91"/>
      <c r="HX1375" s="91"/>
      <c r="HY1375" s="91"/>
      <c r="HZ1375" s="91"/>
      <c r="IA1375" s="91"/>
      <c r="IB1375" s="91"/>
      <c r="IC1375" s="91"/>
      <c r="ID1375" s="91"/>
      <c r="IE1375" s="91"/>
      <c r="IF1375" s="91"/>
      <c r="IG1375" s="91"/>
      <c r="IH1375" s="91"/>
      <c r="II1375" s="91"/>
      <c r="IJ1375" s="91"/>
      <c r="IK1375" s="127"/>
    </row>
    <row r="1376" spans="2:245" x14ac:dyDescent="0.2">
      <c r="B1376" s="43"/>
      <c r="C1376" s="73"/>
      <c r="D1376" s="64"/>
      <c r="E1376" s="64"/>
      <c r="F1376" s="55"/>
      <c r="G1376" s="102"/>
      <c r="H1376" s="55"/>
      <c r="I1376" s="55"/>
      <c r="J1376" s="55"/>
      <c r="K1376" s="55"/>
      <c r="L1376" s="55"/>
      <c r="M1376" s="55"/>
      <c r="N1376" s="55"/>
      <c r="O1376" s="55"/>
      <c r="P1376" s="55"/>
      <c r="Q1376" s="55"/>
      <c r="R1376" s="55"/>
      <c r="S1376" s="55"/>
      <c r="T1376" s="55"/>
      <c r="U1376" s="55"/>
      <c r="V1376" s="55"/>
      <c r="W1376" s="55"/>
      <c r="X1376" s="55"/>
      <c r="Y1376" s="55"/>
      <c r="Z1376" s="55"/>
      <c r="AA1376" s="55"/>
      <c r="AB1376" s="55"/>
      <c r="AC1376" s="55"/>
      <c r="AD1376" s="55"/>
      <c r="AE1376" s="55"/>
      <c r="AF1376" s="55"/>
      <c r="AG1376" s="55"/>
      <c r="AY1376" s="162"/>
      <c r="AZ1376" s="162"/>
      <c r="BA1376" s="162"/>
      <c r="BB1376" s="162"/>
      <c r="BC1376" s="162"/>
      <c r="BD1376" s="162"/>
      <c r="BE1376" s="162"/>
      <c r="BF1376" s="162"/>
      <c r="BG1376" s="162"/>
      <c r="BH1376" s="162"/>
      <c r="BI1376" s="162"/>
      <c r="BJ1376" s="162"/>
      <c r="BK1376" s="162"/>
      <c r="BL1376" s="162"/>
      <c r="BM1376" s="162"/>
      <c r="BN1376" s="162"/>
      <c r="BO1376" s="162"/>
      <c r="BP1376" s="162"/>
      <c r="BQ1376" s="162"/>
      <c r="BR1376" s="162"/>
      <c r="BS1376" s="162"/>
      <c r="BT1376" s="162"/>
      <c r="BU1376" s="162"/>
      <c r="BV1376" s="162"/>
      <c r="BW1376" s="162"/>
      <c r="BX1376" s="162"/>
      <c r="BY1376" s="162"/>
      <c r="BZ1376" s="162"/>
      <c r="CA1376" s="162"/>
      <c r="CB1376" s="162"/>
      <c r="CC1376" s="162"/>
      <c r="CD1376" s="162"/>
      <c r="CE1376" s="162"/>
      <c r="CF1376" s="162"/>
      <c r="CG1376" s="162"/>
      <c r="CH1376" s="162"/>
      <c r="CI1376" s="162"/>
      <c r="CJ1376" s="162"/>
      <c r="CK1376" s="162"/>
      <c r="CX1376" s="98"/>
      <c r="DL1376" s="97"/>
      <c r="DX1376" s="98"/>
      <c r="EL1376" s="97"/>
      <c r="EX1376" s="98"/>
      <c r="EY1376" s="97"/>
      <c r="FL1376" s="126"/>
      <c r="FM1376" s="91"/>
      <c r="FN1376" s="91"/>
      <c r="FO1376" s="91"/>
      <c r="FP1376" s="91"/>
      <c r="FQ1376" s="91"/>
      <c r="FR1376" s="91"/>
      <c r="FS1376" s="91"/>
      <c r="FT1376" s="91"/>
      <c r="FU1376" s="91"/>
      <c r="FV1376" s="91"/>
      <c r="FW1376" s="91"/>
      <c r="FX1376" s="91"/>
      <c r="FY1376" s="91"/>
      <c r="FZ1376" s="91"/>
      <c r="GA1376" s="91"/>
      <c r="GB1376" s="91"/>
      <c r="GC1376" s="91"/>
      <c r="GD1376" s="91"/>
      <c r="GE1376" s="91"/>
      <c r="GF1376" s="91"/>
      <c r="GG1376" s="91"/>
      <c r="GH1376" s="91"/>
      <c r="GI1376" s="91"/>
      <c r="GJ1376" s="91"/>
      <c r="GK1376" s="127"/>
      <c r="GL1376" s="126"/>
      <c r="GM1376" s="91"/>
      <c r="GN1376" s="91"/>
      <c r="GO1376" s="91"/>
      <c r="GP1376" s="91"/>
      <c r="GQ1376" s="91"/>
      <c r="GR1376" s="91"/>
      <c r="GS1376" s="91"/>
      <c r="GT1376" s="91"/>
      <c r="GU1376" s="91"/>
      <c r="GV1376" s="91"/>
      <c r="GW1376" s="91"/>
      <c r="GX1376" s="91"/>
      <c r="GY1376" s="91"/>
      <c r="GZ1376" s="91"/>
      <c r="HA1376" s="91"/>
      <c r="HB1376" s="91"/>
      <c r="HC1376" s="91"/>
      <c r="HD1376" s="91"/>
      <c r="HE1376" s="91"/>
      <c r="HF1376" s="91"/>
      <c r="HG1376" s="91"/>
      <c r="HH1376" s="91"/>
      <c r="HI1376" s="91"/>
      <c r="HJ1376" s="91"/>
      <c r="HK1376" s="127"/>
      <c r="HL1376" s="126"/>
      <c r="HM1376" s="91"/>
      <c r="HN1376" s="91"/>
      <c r="HO1376" s="91"/>
      <c r="HP1376" s="91"/>
      <c r="HQ1376" s="91"/>
      <c r="HR1376" s="91"/>
      <c r="HS1376" s="91"/>
      <c r="HT1376" s="91"/>
      <c r="HU1376" s="91"/>
      <c r="HV1376" s="91"/>
      <c r="HW1376" s="91"/>
      <c r="HX1376" s="91"/>
      <c r="HY1376" s="91"/>
      <c r="HZ1376" s="91"/>
      <c r="IA1376" s="91"/>
      <c r="IB1376" s="91"/>
      <c r="IC1376" s="91"/>
      <c r="ID1376" s="91"/>
      <c r="IE1376" s="91"/>
      <c r="IF1376" s="91"/>
      <c r="IG1376" s="91"/>
      <c r="IH1376" s="91"/>
      <c r="II1376" s="91"/>
      <c r="IJ1376" s="91"/>
      <c r="IK1376" s="127"/>
    </row>
    <row r="1377" spans="2:245" x14ac:dyDescent="0.2">
      <c r="B1377" s="43"/>
      <c r="C1377" s="73"/>
      <c r="D1377" s="64"/>
      <c r="E1377" s="64"/>
      <c r="F1377" s="55"/>
      <c r="G1377" s="102"/>
      <c r="H1377" s="55"/>
      <c r="I1377" s="55"/>
      <c r="J1377" s="55"/>
      <c r="K1377" s="55"/>
      <c r="L1377" s="55"/>
      <c r="M1377" s="55"/>
      <c r="N1377" s="55"/>
      <c r="O1377" s="55"/>
      <c r="P1377" s="55"/>
      <c r="Q1377" s="55"/>
      <c r="R1377" s="55"/>
      <c r="S1377" s="55"/>
      <c r="T1377" s="55"/>
      <c r="U1377" s="55"/>
      <c r="V1377" s="55"/>
      <c r="W1377" s="55"/>
      <c r="X1377" s="55"/>
      <c r="Y1377" s="55"/>
      <c r="Z1377" s="55"/>
      <c r="AA1377" s="55"/>
      <c r="AB1377" s="55"/>
      <c r="AC1377" s="55"/>
      <c r="AD1377" s="55"/>
      <c r="AE1377" s="55"/>
      <c r="AF1377" s="55"/>
      <c r="AG1377" s="55"/>
      <c r="AY1377" s="162"/>
      <c r="AZ1377" s="162"/>
      <c r="BA1377" s="162"/>
      <c r="BB1377" s="162"/>
      <c r="BC1377" s="162"/>
      <c r="BD1377" s="162"/>
      <c r="BE1377" s="162"/>
      <c r="BF1377" s="162"/>
      <c r="BG1377" s="162"/>
      <c r="BH1377" s="162"/>
      <c r="BI1377" s="162"/>
      <c r="BJ1377" s="162"/>
      <c r="BK1377" s="162"/>
      <c r="BL1377" s="162"/>
      <c r="BM1377" s="162"/>
      <c r="BN1377" s="162"/>
      <c r="BO1377" s="162"/>
      <c r="BP1377" s="162"/>
      <c r="BQ1377" s="162"/>
      <c r="BR1377" s="162"/>
      <c r="BS1377" s="162"/>
      <c r="BT1377" s="162"/>
      <c r="BU1377" s="162"/>
      <c r="BV1377" s="162"/>
      <c r="BW1377" s="162"/>
      <c r="BX1377" s="162"/>
      <c r="BY1377" s="162"/>
      <c r="BZ1377" s="162"/>
      <c r="CA1377" s="162"/>
      <c r="CB1377" s="162"/>
      <c r="CC1377" s="162"/>
      <c r="CD1377" s="162"/>
      <c r="CE1377" s="162"/>
      <c r="CF1377" s="162"/>
      <c r="CG1377" s="162"/>
      <c r="CH1377" s="162"/>
      <c r="CI1377" s="162"/>
      <c r="CJ1377" s="162"/>
      <c r="CK1377" s="162"/>
      <c r="CX1377" s="98"/>
      <c r="DL1377" s="97"/>
      <c r="DX1377" s="98"/>
      <c r="EL1377" s="97"/>
      <c r="EX1377" s="98"/>
      <c r="EY1377" s="97"/>
      <c r="FL1377" s="126"/>
      <c r="FM1377" s="91"/>
      <c r="FN1377" s="91"/>
      <c r="FO1377" s="91"/>
      <c r="FP1377" s="91"/>
      <c r="FQ1377" s="91"/>
      <c r="FR1377" s="91"/>
      <c r="FS1377" s="91"/>
      <c r="FT1377" s="91"/>
      <c r="FU1377" s="91"/>
      <c r="FV1377" s="91"/>
      <c r="FW1377" s="91"/>
      <c r="FX1377" s="91"/>
      <c r="FY1377" s="91"/>
      <c r="FZ1377" s="91"/>
      <c r="GA1377" s="91"/>
      <c r="GB1377" s="91"/>
      <c r="GC1377" s="91"/>
      <c r="GD1377" s="91"/>
      <c r="GE1377" s="91"/>
      <c r="GF1377" s="91"/>
      <c r="GG1377" s="91"/>
      <c r="GH1377" s="91"/>
      <c r="GI1377" s="91"/>
      <c r="GJ1377" s="91"/>
      <c r="GK1377" s="127"/>
      <c r="GL1377" s="126"/>
      <c r="GM1377" s="91"/>
      <c r="GN1377" s="91"/>
      <c r="GO1377" s="91"/>
      <c r="GP1377" s="91"/>
      <c r="GQ1377" s="91"/>
      <c r="GR1377" s="91"/>
      <c r="GS1377" s="91"/>
      <c r="GT1377" s="91"/>
      <c r="GU1377" s="91"/>
      <c r="GV1377" s="91"/>
      <c r="GW1377" s="91"/>
      <c r="GX1377" s="91"/>
      <c r="GY1377" s="91"/>
      <c r="GZ1377" s="91"/>
      <c r="HA1377" s="91"/>
      <c r="HB1377" s="91"/>
      <c r="HC1377" s="91"/>
      <c r="HD1377" s="91"/>
      <c r="HE1377" s="91"/>
      <c r="HF1377" s="91"/>
      <c r="HG1377" s="91"/>
      <c r="HH1377" s="91"/>
      <c r="HI1377" s="91"/>
      <c r="HJ1377" s="91"/>
      <c r="HK1377" s="127"/>
      <c r="HL1377" s="126"/>
      <c r="HM1377" s="91"/>
      <c r="HN1377" s="91"/>
      <c r="HO1377" s="91"/>
      <c r="HP1377" s="91"/>
      <c r="HQ1377" s="91"/>
      <c r="HR1377" s="91"/>
      <c r="HS1377" s="91"/>
      <c r="HT1377" s="91"/>
      <c r="HU1377" s="91"/>
      <c r="HV1377" s="91"/>
      <c r="HW1377" s="91"/>
      <c r="HX1377" s="91"/>
      <c r="HY1377" s="91"/>
      <c r="HZ1377" s="91"/>
      <c r="IA1377" s="91"/>
      <c r="IB1377" s="91"/>
      <c r="IC1377" s="91"/>
      <c r="ID1377" s="91"/>
      <c r="IE1377" s="91"/>
      <c r="IF1377" s="91"/>
      <c r="IG1377" s="91"/>
      <c r="IH1377" s="91"/>
      <c r="II1377" s="91"/>
      <c r="IJ1377" s="91"/>
      <c r="IK1377" s="127"/>
    </row>
    <row r="1378" spans="2:245" x14ac:dyDescent="0.2">
      <c r="B1378" s="43"/>
      <c r="C1378" s="73"/>
      <c r="D1378" s="64"/>
      <c r="E1378" s="64"/>
      <c r="F1378" s="55"/>
      <c r="G1378" s="102"/>
      <c r="H1378" s="55"/>
      <c r="I1378" s="55"/>
      <c r="J1378" s="55"/>
      <c r="K1378" s="55"/>
      <c r="L1378" s="55"/>
      <c r="M1378" s="55"/>
      <c r="N1378" s="55"/>
      <c r="O1378" s="55"/>
      <c r="P1378" s="55"/>
      <c r="Q1378" s="55"/>
      <c r="R1378" s="55"/>
      <c r="S1378" s="55"/>
      <c r="T1378" s="55"/>
      <c r="U1378" s="55"/>
      <c r="V1378" s="55"/>
      <c r="W1378" s="55"/>
      <c r="X1378" s="55"/>
      <c r="Y1378" s="55"/>
      <c r="Z1378" s="55"/>
      <c r="AA1378" s="55"/>
      <c r="AB1378" s="55"/>
      <c r="AC1378" s="55"/>
      <c r="AD1378" s="55"/>
      <c r="AE1378" s="55"/>
      <c r="AF1378" s="55"/>
      <c r="AG1378" s="55"/>
      <c r="AY1378" s="162"/>
      <c r="AZ1378" s="162"/>
      <c r="BA1378" s="162"/>
      <c r="BB1378" s="162"/>
      <c r="BC1378" s="162"/>
      <c r="BD1378" s="162"/>
      <c r="BE1378" s="162"/>
      <c r="BF1378" s="162"/>
      <c r="BG1378" s="162"/>
      <c r="BH1378" s="162"/>
      <c r="BI1378" s="162"/>
      <c r="BJ1378" s="162"/>
      <c r="BK1378" s="162"/>
      <c r="BL1378" s="162"/>
      <c r="BM1378" s="162"/>
      <c r="BN1378" s="162"/>
      <c r="BO1378" s="162"/>
      <c r="BP1378" s="162"/>
      <c r="BQ1378" s="162"/>
      <c r="BR1378" s="162"/>
      <c r="BS1378" s="162"/>
      <c r="BT1378" s="162"/>
      <c r="BU1378" s="162"/>
      <c r="BV1378" s="162"/>
      <c r="BW1378" s="162"/>
      <c r="BX1378" s="162"/>
      <c r="BY1378" s="162"/>
      <c r="BZ1378" s="162"/>
      <c r="CA1378" s="162"/>
      <c r="CB1378" s="162"/>
      <c r="CC1378" s="162"/>
      <c r="CD1378" s="162"/>
      <c r="CE1378" s="162"/>
      <c r="CF1378" s="162"/>
      <c r="CG1378" s="162"/>
      <c r="CH1378" s="162"/>
      <c r="CI1378" s="162"/>
      <c r="CJ1378" s="162"/>
      <c r="CK1378" s="162"/>
      <c r="CX1378" s="98"/>
      <c r="DL1378" s="97"/>
      <c r="DX1378" s="98"/>
      <c r="EL1378" s="97"/>
      <c r="EX1378" s="98"/>
      <c r="EY1378" s="97"/>
      <c r="FL1378" s="126"/>
      <c r="FM1378" s="91"/>
      <c r="FN1378" s="91"/>
      <c r="FO1378" s="91"/>
      <c r="FP1378" s="91"/>
      <c r="FQ1378" s="91"/>
      <c r="FR1378" s="91"/>
      <c r="FS1378" s="91"/>
      <c r="FT1378" s="91"/>
      <c r="FU1378" s="91"/>
      <c r="FV1378" s="91"/>
      <c r="FW1378" s="91"/>
      <c r="FX1378" s="91"/>
      <c r="FY1378" s="91"/>
      <c r="FZ1378" s="91"/>
      <c r="GA1378" s="91"/>
      <c r="GB1378" s="91"/>
      <c r="GC1378" s="91"/>
      <c r="GD1378" s="91"/>
      <c r="GE1378" s="91"/>
      <c r="GF1378" s="91"/>
      <c r="GG1378" s="91"/>
      <c r="GH1378" s="91"/>
      <c r="GI1378" s="91"/>
      <c r="GJ1378" s="91"/>
      <c r="GK1378" s="127"/>
      <c r="GL1378" s="126"/>
      <c r="GM1378" s="91"/>
      <c r="GN1378" s="91"/>
      <c r="GO1378" s="91"/>
      <c r="GP1378" s="91"/>
      <c r="GQ1378" s="91"/>
      <c r="GR1378" s="91"/>
      <c r="GS1378" s="91"/>
      <c r="GT1378" s="91"/>
      <c r="GU1378" s="91"/>
      <c r="GV1378" s="91"/>
      <c r="GW1378" s="91"/>
      <c r="GX1378" s="91"/>
      <c r="GY1378" s="91"/>
      <c r="GZ1378" s="91"/>
      <c r="HA1378" s="91"/>
      <c r="HB1378" s="91"/>
      <c r="HC1378" s="91"/>
      <c r="HD1378" s="91"/>
      <c r="HE1378" s="91"/>
      <c r="HF1378" s="91"/>
      <c r="HG1378" s="91"/>
      <c r="HH1378" s="91"/>
      <c r="HI1378" s="91"/>
      <c r="HJ1378" s="91"/>
      <c r="HK1378" s="127"/>
      <c r="HL1378" s="126"/>
      <c r="HM1378" s="91"/>
      <c r="HN1378" s="91"/>
      <c r="HO1378" s="91"/>
      <c r="HP1378" s="91"/>
      <c r="HQ1378" s="91"/>
      <c r="HR1378" s="91"/>
      <c r="HS1378" s="91"/>
      <c r="HT1378" s="91"/>
      <c r="HU1378" s="91"/>
      <c r="HV1378" s="91"/>
      <c r="HW1378" s="91"/>
      <c r="HX1378" s="91"/>
      <c r="HY1378" s="91"/>
      <c r="HZ1378" s="91"/>
      <c r="IA1378" s="91"/>
      <c r="IB1378" s="91"/>
      <c r="IC1378" s="91"/>
      <c r="ID1378" s="91"/>
      <c r="IE1378" s="91"/>
      <c r="IF1378" s="91"/>
      <c r="IG1378" s="91"/>
      <c r="IH1378" s="91"/>
      <c r="II1378" s="91"/>
      <c r="IJ1378" s="91"/>
      <c r="IK1378" s="127"/>
    </row>
    <row r="1379" spans="2:245" x14ac:dyDescent="0.2">
      <c r="B1379" s="43"/>
      <c r="C1379" s="73"/>
      <c r="D1379" s="64"/>
      <c r="E1379" s="64"/>
      <c r="F1379" s="55"/>
      <c r="G1379" s="102"/>
      <c r="H1379" s="55"/>
      <c r="I1379" s="55"/>
      <c r="J1379" s="55"/>
      <c r="K1379" s="55"/>
      <c r="L1379" s="55"/>
      <c r="M1379" s="55"/>
      <c r="N1379" s="55"/>
      <c r="O1379" s="55"/>
      <c r="P1379" s="55"/>
      <c r="Q1379" s="55"/>
      <c r="R1379" s="55"/>
      <c r="S1379" s="55"/>
      <c r="T1379" s="55"/>
      <c r="U1379" s="55"/>
      <c r="V1379" s="55"/>
      <c r="W1379" s="55"/>
      <c r="X1379" s="55"/>
      <c r="Y1379" s="55"/>
      <c r="Z1379" s="55"/>
      <c r="AA1379" s="55"/>
      <c r="AB1379" s="55"/>
      <c r="AC1379" s="55"/>
      <c r="AD1379" s="55"/>
      <c r="AE1379" s="55"/>
      <c r="AF1379" s="55"/>
      <c r="AG1379" s="55"/>
      <c r="AY1379" s="162"/>
      <c r="AZ1379" s="162"/>
      <c r="BA1379" s="162"/>
      <c r="BB1379" s="162"/>
      <c r="BC1379" s="162"/>
      <c r="BD1379" s="162"/>
      <c r="BE1379" s="162"/>
      <c r="BF1379" s="162"/>
      <c r="BG1379" s="162"/>
      <c r="BH1379" s="162"/>
      <c r="BI1379" s="162"/>
      <c r="BJ1379" s="162"/>
      <c r="BK1379" s="162"/>
      <c r="BL1379" s="162"/>
      <c r="BM1379" s="162"/>
      <c r="BN1379" s="162"/>
      <c r="BO1379" s="162"/>
      <c r="BP1379" s="162"/>
      <c r="BQ1379" s="162"/>
      <c r="BR1379" s="162"/>
      <c r="BS1379" s="162"/>
      <c r="BT1379" s="162"/>
      <c r="BU1379" s="162"/>
      <c r="BV1379" s="162"/>
      <c r="BW1379" s="162"/>
      <c r="BX1379" s="162"/>
      <c r="BY1379" s="162"/>
      <c r="BZ1379" s="162"/>
      <c r="CA1379" s="162"/>
      <c r="CB1379" s="162"/>
      <c r="CC1379" s="162"/>
      <c r="CD1379" s="162"/>
      <c r="CE1379" s="162"/>
      <c r="CF1379" s="162"/>
      <c r="CG1379" s="162"/>
      <c r="CH1379" s="162"/>
      <c r="CI1379" s="162"/>
      <c r="CJ1379" s="162"/>
      <c r="CK1379" s="162"/>
      <c r="CX1379" s="98"/>
      <c r="DL1379" s="97"/>
      <c r="DX1379" s="98"/>
      <c r="EL1379" s="97"/>
      <c r="EX1379" s="98"/>
      <c r="EY1379" s="97"/>
      <c r="FL1379" s="126"/>
      <c r="FM1379" s="91"/>
      <c r="FN1379" s="91"/>
      <c r="FO1379" s="91"/>
      <c r="FP1379" s="91"/>
      <c r="FQ1379" s="91"/>
      <c r="FR1379" s="91"/>
      <c r="FS1379" s="91"/>
      <c r="FT1379" s="91"/>
      <c r="FU1379" s="91"/>
      <c r="FV1379" s="91"/>
      <c r="FW1379" s="91"/>
      <c r="FX1379" s="91"/>
      <c r="FY1379" s="91"/>
      <c r="FZ1379" s="91"/>
      <c r="GA1379" s="91"/>
      <c r="GB1379" s="91"/>
      <c r="GC1379" s="91"/>
      <c r="GD1379" s="91"/>
      <c r="GE1379" s="91"/>
      <c r="GF1379" s="91"/>
      <c r="GG1379" s="91"/>
      <c r="GH1379" s="91"/>
      <c r="GI1379" s="91"/>
      <c r="GJ1379" s="91"/>
      <c r="GK1379" s="127"/>
      <c r="GL1379" s="126"/>
      <c r="GM1379" s="91"/>
      <c r="GN1379" s="91"/>
      <c r="GO1379" s="91"/>
      <c r="GP1379" s="91"/>
      <c r="GQ1379" s="91"/>
      <c r="GR1379" s="91"/>
      <c r="GS1379" s="91"/>
      <c r="GT1379" s="91"/>
      <c r="GU1379" s="91"/>
      <c r="GV1379" s="91"/>
      <c r="GW1379" s="91"/>
      <c r="GX1379" s="91"/>
      <c r="GY1379" s="91"/>
      <c r="GZ1379" s="91"/>
      <c r="HA1379" s="91"/>
      <c r="HB1379" s="91"/>
      <c r="HC1379" s="91"/>
      <c r="HD1379" s="91"/>
      <c r="HE1379" s="91"/>
      <c r="HF1379" s="91"/>
      <c r="HG1379" s="91"/>
      <c r="HH1379" s="91"/>
      <c r="HI1379" s="91"/>
      <c r="HJ1379" s="91"/>
      <c r="HK1379" s="127"/>
      <c r="HL1379" s="126"/>
      <c r="HM1379" s="91"/>
      <c r="HN1379" s="91"/>
      <c r="HO1379" s="91"/>
      <c r="HP1379" s="91"/>
      <c r="HQ1379" s="91"/>
      <c r="HR1379" s="91"/>
      <c r="HS1379" s="91"/>
      <c r="HT1379" s="91"/>
      <c r="HU1379" s="91"/>
      <c r="HV1379" s="91"/>
      <c r="HW1379" s="91"/>
      <c r="HX1379" s="91"/>
      <c r="HY1379" s="91"/>
      <c r="HZ1379" s="91"/>
      <c r="IA1379" s="91"/>
      <c r="IB1379" s="91"/>
      <c r="IC1379" s="91"/>
      <c r="ID1379" s="91"/>
      <c r="IE1379" s="91"/>
      <c r="IF1379" s="91"/>
      <c r="IG1379" s="91"/>
      <c r="IH1379" s="91"/>
      <c r="II1379" s="91"/>
      <c r="IJ1379" s="91"/>
      <c r="IK1379" s="127"/>
    </row>
    <row r="1380" spans="2:245" x14ac:dyDescent="0.2">
      <c r="B1380" s="43"/>
      <c r="C1380" s="73"/>
      <c r="D1380" s="64"/>
      <c r="E1380" s="64"/>
      <c r="F1380" s="55"/>
      <c r="G1380" s="102"/>
      <c r="H1380" s="55"/>
      <c r="I1380" s="55"/>
      <c r="J1380" s="55"/>
      <c r="K1380" s="55"/>
      <c r="L1380" s="55"/>
      <c r="M1380" s="55"/>
      <c r="N1380" s="55"/>
      <c r="O1380" s="55"/>
      <c r="P1380" s="55"/>
      <c r="Q1380" s="55"/>
      <c r="R1380" s="55"/>
      <c r="S1380" s="55"/>
      <c r="T1380" s="55"/>
      <c r="U1380" s="55"/>
      <c r="V1380" s="55"/>
      <c r="W1380" s="55"/>
      <c r="X1380" s="55"/>
      <c r="Y1380" s="55"/>
      <c r="Z1380" s="55"/>
      <c r="AA1380" s="55"/>
      <c r="AB1380" s="55"/>
      <c r="AC1380" s="55"/>
      <c r="AD1380" s="55"/>
      <c r="AE1380" s="55"/>
      <c r="AF1380" s="55"/>
      <c r="AG1380" s="55"/>
      <c r="AY1380" s="162"/>
      <c r="AZ1380" s="162"/>
      <c r="BA1380" s="162"/>
      <c r="BB1380" s="162"/>
      <c r="BC1380" s="162"/>
      <c r="BD1380" s="162"/>
      <c r="BE1380" s="162"/>
      <c r="BF1380" s="162"/>
      <c r="BG1380" s="162"/>
      <c r="BH1380" s="162"/>
      <c r="BI1380" s="162"/>
      <c r="BJ1380" s="162"/>
      <c r="BK1380" s="162"/>
      <c r="BL1380" s="162"/>
      <c r="BM1380" s="162"/>
      <c r="BN1380" s="162"/>
      <c r="BO1380" s="162"/>
      <c r="BP1380" s="162"/>
      <c r="BQ1380" s="162"/>
      <c r="BR1380" s="162"/>
      <c r="BS1380" s="162"/>
      <c r="BT1380" s="162"/>
      <c r="BU1380" s="162"/>
      <c r="BV1380" s="162"/>
      <c r="BW1380" s="162"/>
      <c r="BX1380" s="162"/>
      <c r="BY1380" s="162"/>
      <c r="BZ1380" s="162"/>
      <c r="CA1380" s="162"/>
      <c r="CB1380" s="162"/>
      <c r="CC1380" s="162"/>
      <c r="CD1380" s="162"/>
      <c r="CE1380" s="162"/>
      <c r="CF1380" s="162"/>
      <c r="CG1380" s="162"/>
      <c r="CH1380" s="162"/>
      <c r="CI1380" s="162"/>
      <c r="CJ1380" s="162"/>
      <c r="CK1380" s="162"/>
      <c r="CX1380" s="98"/>
      <c r="DL1380" s="97"/>
      <c r="DX1380" s="98"/>
      <c r="EL1380" s="97"/>
      <c r="EX1380" s="98"/>
      <c r="EY1380" s="97"/>
      <c r="FL1380" s="126"/>
      <c r="FM1380" s="91"/>
      <c r="FN1380" s="91"/>
      <c r="FO1380" s="91"/>
      <c r="FP1380" s="91"/>
      <c r="FQ1380" s="91"/>
      <c r="FR1380" s="91"/>
      <c r="FS1380" s="91"/>
      <c r="FT1380" s="91"/>
      <c r="FU1380" s="91"/>
      <c r="FV1380" s="91"/>
      <c r="FW1380" s="91"/>
      <c r="FX1380" s="91"/>
      <c r="FY1380" s="91"/>
      <c r="FZ1380" s="91"/>
      <c r="GA1380" s="91"/>
      <c r="GB1380" s="91"/>
      <c r="GC1380" s="91"/>
      <c r="GD1380" s="91"/>
      <c r="GE1380" s="91"/>
      <c r="GF1380" s="91"/>
      <c r="GG1380" s="91"/>
      <c r="GH1380" s="91"/>
      <c r="GI1380" s="91"/>
      <c r="GJ1380" s="91"/>
      <c r="GK1380" s="127"/>
      <c r="GL1380" s="126"/>
      <c r="GM1380" s="91"/>
      <c r="GN1380" s="91"/>
      <c r="GO1380" s="91"/>
      <c r="GP1380" s="91"/>
      <c r="GQ1380" s="91"/>
      <c r="GR1380" s="91"/>
      <c r="GS1380" s="91"/>
      <c r="GT1380" s="91"/>
      <c r="GU1380" s="91"/>
      <c r="GV1380" s="91"/>
      <c r="GW1380" s="91"/>
      <c r="GX1380" s="91"/>
      <c r="GY1380" s="91"/>
      <c r="GZ1380" s="91"/>
      <c r="HA1380" s="91"/>
      <c r="HB1380" s="91"/>
      <c r="HC1380" s="91"/>
      <c r="HD1380" s="91"/>
      <c r="HE1380" s="91"/>
      <c r="HF1380" s="91"/>
      <c r="HG1380" s="91"/>
      <c r="HH1380" s="91"/>
      <c r="HI1380" s="91"/>
      <c r="HJ1380" s="91"/>
      <c r="HK1380" s="127"/>
      <c r="HL1380" s="126"/>
      <c r="HM1380" s="91"/>
      <c r="HN1380" s="91"/>
      <c r="HO1380" s="91"/>
      <c r="HP1380" s="91"/>
      <c r="HQ1380" s="91"/>
      <c r="HR1380" s="91"/>
      <c r="HS1380" s="91"/>
      <c r="HT1380" s="91"/>
      <c r="HU1380" s="91"/>
      <c r="HV1380" s="91"/>
      <c r="HW1380" s="91"/>
      <c r="HX1380" s="91"/>
      <c r="HY1380" s="91"/>
      <c r="HZ1380" s="91"/>
      <c r="IA1380" s="91"/>
      <c r="IB1380" s="91"/>
      <c r="IC1380" s="91"/>
      <c r="ID1380" s="91"/>
      <c r="IE1380" s="91"/>
      <c r="IF1380" s="91"/>
      <c r="IG1380" s="91"/>
      <c r="IH1380" s="91"/>
      <c r="II1380" s="91"/>
      <c r="IJ1380" s="91"/>
      <c r="IK1380" s="127"/>
    </row>
    <row r="1381" spans="2:245" x14ac:dyDescent="0.2">
      <c r="B1381" s="43"/>
      <c r="C1381" s="73"/>
      <c r="D1381" s="64"/>
      <c r="E1381" s="64"/>
      <c r="F1381" s="55"/>
      <c r="G1381" s="102"/>
      <c r="H1381" s="55"/>
      <c r="I1381" s="55"/>
      <c r="J1381" s="55"/>
      <c r="K1381" s="55"/>
      <c r="L1381" s="55"/>
      <c r="M1381" s="55"/>
      <c r="N1381" s="55"/>
      <c r="O1381" s="55"/>
      <c r="P1381" s="55"/>
      <c r="Q1381" s="55"/>
      <c r="R1381" s="55"/>
      <c r="S1381" s="55"/>
      <c r="T1381" s="55"/>
      <c r="U1381" s="55"/>
      <c r="V1381" s="55"/>
      <c r="W1381" s="55"/>
      <c r="X1381" s="55"/>
      <c r="Y1381" s="55"/>
      <c r="Z1381" s="55"/>
      <c r="AA1381" s="55"/>
      <c r="AB1381" s="55"/>
      <c r="AC1381" s="55"/>
      <c r="AD1381" s="55"/>
      <c r="AE1381" s="55"/>
      <c r="AF1381" s="55"/>
      <c r="AG1381" s="55"/>
      <c r="AY1381" s="162"/>
      <c r="AZ1381" s="162"/>
      <c r="BA1381" s="162"/>
      <c r="BB1381" s="162"/>
      <c r="BC1381" s="162"/>
      <c r="BD1381" s="162"/>
      <c r="BE1381" s="162"/>
      <c r="BF1381" s="162"/>
      <c r="BG1381" s="162"/>
      <c r="BH1381" s="162"/>
      <c r="BI1381" s="162"/>
      <c r="BJ1381" s="162"/>
      <c r="BK1381" s="162"/>
      <c r="BL1381" s="162"/>
      <c r="BM1381" s="162"/>
      <c r="BN1381" s="162"/>
      <c r="BO1381" s="162"/>
      <c r="BP1381" s="162"/>
      <c r="BQ1381" s="162"/>
      <c r="BR1381" s="162"/>
      <c r="BS1381" s="162"/>
      <c r="BT1381" s="162"/>
      <c r="BU1381" s="162"/>
      <c r="BV1381" s="162"/>
      <c r="BW1381" s="162"/>
      <c r="BX1381" s="162"/>
      <c r="BY1381" s="162"/>
      <c r="BZ1381" s="162"/>
      <c r="CA1381" s="162"/>
      <c r="CB1381" s="162"/>
      <c r="CC1381" s="162"/>
      <c r="CD1381" s="162"/>
      <c r="CE1381" s="162"/>
      <c r="CF1381" s="162"/>
      <c r="CG1381" s="162"/>
      <c r="CH1381" s="162"/>
      <c r="CI1381" s="162"/>
      <c r="CJ1381" s="162"/>
      <c r="CK1381" s="162"/>
      <c r="CX1381" s="98"/>
      <c r="DL1381" s="97"/>
      <c r="DX1381" s="98"/>
      <c r="EL1381" s="97"/>
      <c r="EX1381" s="98"/>
      <c r="EY1381" s="97"/>
      <c r="FL1381" s="126"/>
      <c r="FM1381" s="91"/>
      <c r="FN1381" s="91"/>
      <c r="FO1381" s="91"/>
      <c r="FP1381" s="91"/>
      <c r="FQ1381" s="91"/>
      <c r="FR1381" s="91"/>
      <c r="FS1381" s="91"/>
      <c r="FT1381" s="91"/>
      <c r="FU1381" s="91"/>
      <c r="FV1381" s="91"/>
      <c r="FW1381" s="91"/>
      <c r="FX1381" s="91"/>
      <c r="FY1381" s="91"/>
      <c r="FZ1381" s="91"/>
      <c r="GA1381" s="91"/>
      <c r="GB1381" s="91"/>
      <c r="GC1381" s="91"/>
      <c r="GD1381" s="91"/>
      <c r="GE1381" s="91"/>
      <c r="GF1381" s="91"/>
      <c r="GG1381" s="91"/>
      <c r="GH1381" s="91"/>
      <c r="GI1381" s="91"/>
      <c r="GJ1381" s="91"/>
      <c r="GK1381" s="127"/>
      <c r="GL1381" s="126"/>
      <c r="GM1381" s="91"/>
      <c r="GN1381" s="91"/>
      <c r="GO1381" s="91"/>
      <c r="GP1381" s="91"/>
      <c r="GQ1381" s="91"/>
      <c r="GR1381" s="91"/>
      <c r="GS1381" s="91"/>
      <c r="GT1381" s="91"/>
      <c r="GU1381" s="91"/>
      <c r="GV1381" s="91"/>
      <c r="GW1381" s="91"/>
      <c r="GX1381" s="91"/>
      <c r="GY1381" s="91"/>
      <c r="GZ1381" s="91"/>
      <c r="HA1381" s="91"/>
      <c r="HB1381" s="91"/>
      <c r="HC1381" s="91"/>
      <c r="HD1381" s="91"/>
      <c r="HE1381" s="91"/>
      <c r="HF1381" s="91"/>
      <c r="HG1381" s="91"/>
      <c r="HH1381" s="91"/>
      <c r="HI1381" s="91"/>
      <c r="HJ1381" s="91"/>
      <c r="HK1381" s="127"/>
      <c r="HL1381" s="126"/>
      <c r="HM1381" s="91"/>
      <c r="HN1381" s="91"/>
      <c r="HO1381" s="91"/>
      <c r="HP1381" s="91"/>
      <c r="HQ1381" s="91"/>
      <c r="HR1381" s="91"/>
      <c r="HS1381" s="91"/>
      <c r="HT1381" s="91"/>
      <c r="HU1381" s="91"/>
      <c r="HV1381" s="91"/>
      <c r="HW1381" s="91"/>
      <c r="HX1381" s="91"/>
      <c r="HY1381" s="91"/>
      <c r="HZ1381" s="91"/>
      <c r="IA1381" s="91"/>
      <c r="IB1381" s="91"/>
      <c r="IC1381" s="91"/>
      <c r="ID1381" s="91"/>
      <c r="IE1381" s="91"/>
      <c r="IF1381" s="91"/>
      <c r="IG1381" s="91"/>
      <c r="IH1381" s="91"/>
      <c r="II1381" s="91"/>
      <c r="IJ1381" s="91"/>
      <c r="IK1381" s="127"/>
    </row>
    <row r="1382" spans="2:245" x14ac:dyDescent="0.2">
      <c r="B1382" s="43"/>
      <c r="C1382" s="73"/>
      <c r="D1382" s="64"/>
      <c r="E1382" s="64"/>
      <c r="F1382" s="55"/>
      <c r="G1382" s="102"/>
      <c r="H1382" s="55"/>
      <c r="I1382" s="55"/>
      <c r="J1382" s="55"/>
      <c r="K1382" s="55"/>
      <c r="L1382" s="55"/>
      <c r="M1382" s="55"/>
      <c r="N1382" s="55"/>
      <c r="O1382" s="55"/>
      <c r="P1382" s="55"/>
      <c r="Q1382" s="55"/>
      <c r="R1382" s="55"/>
      <c r="S1382" s="55"/>
      <c r="T1382" s="55"/>
      <c r="U1382" s="55"/>
      <c r="V1382" s="55"/>
      <c r="W1382" s="55"/>
      <c r="X1382" s="55"/>
      <c r="Y1382" s="55"/>
      <c r="Z1382" s="55"/>
      <c r="AA1382" s="55"/>
      <c r="AB1382" s="55"/>
      <c r="AC1382" s="55"/>
      <c r="AD1382" s="55"/>
      <c r="AE1382" s="55"/>
      <c r="AF1382" s="55"/>
      <c r="AG1382" s="55"/>
      <c r="AY1382" s="162"/>
      <c r="AZ1382" s="162"/>
      <c r="BA1382" s="162"/>
      <c r="BB1382" s="162"/>
      <c r="BC1382" s="162"/>
      <c r="BD1382" s="162"/>
      <c r="BE1382" s="162"/>
      <c r="BF1382" s="162"/>
      <c r="BG1382" s="162"/>
      <c r="BH1382" s="162"/>
      <c r="BI1382" s="162"/>
      <c r="BJ1382" s="162"/>
      <c r="BK1382" s="162"/>
      <c r="BL1382" s="162"/>
      <c r="BM1382" s="162"/>
      <c r="BN1382" s="162"/>
      <c r="BO1382" s="162"/>
      <c r="BP1382" s="162"/>
      <c r="BQ1382" s="162"/>
      <c r="BR1382" s="162"/>
      <c r="BS1382" s="162"/>
      <c r="BT1382" s="162"/>
      <c r="BU1382" s="162"/>
      <c r="BV1382" s="162"/>
      <c r="BW1382" s="162"/>
      <c r="BX1382" s="162"/>
      <c r="BY1382" s="162"/>
      <c r="BZ1382" s="162"/>
      <c r="CA1382" s="162"/>
      <c r="CB1382" s="162"/>
      <c r="CC1382" s="162"/>
      <c r="CD1382" s="162"/>
      <c r="CE1382" s="162"/>
      <c r="CF1382" s="162"/>
      <c r="CG1382" s="162"/>
      <c r="CH1382" s="162"/>
      <c r="CI1382" s="162"/>
      <c r="CJ1382" s="162"/>
      <c r="CK1382" s="162"/>
      <c r="CX1382" s="98"/>
      <c r="DL1382" s="97"/>
      <c r="DX1382" s="98"/>
      <c r="EL1382" s="97"/>
      <c r="EX1382" s="98"/>
      <c r="EY1382" s="97"/>
      <c r="FL1382" s="126"/>
      <c r="FM1382" s="91"/>
      <c r="FN1382" s="91"/>
      <c r="FO1382" s="91"/>
      <c r="FP1382" s="91"/>
      <c r="FQ1382" s="91"/>
      <c r="FR1382" s="91"/>
      <c r="FS1382" s="91"/>
      <c r="FT1382" s="91"/>
      <c r="FU1382" s="91"/>
      <c r="FV1382" s="91"/>
      <c r="FW1382" s="91"/>
      <c r="FX1382" s="91"/>
      <c r="FY1382" s="91"/>
      <c r="FZ1382" s="91"/>
      <c r="GA1382" s="91"/>
      <c r="GB1382" s="91"/>
      <c r="GC1382" s="91"/>
      <c r="GD1382" s="91"/>
      <c r="GE1382" s="91"/>
      <c r="GF1382" s="91"/>
      <c r="GG1382" s="91"/>
      <c r="GH1382" s="91"/>
      <c r="GI1382" s="91"/>
      <c r="GJ1382" s="91"/>
      <c r="GK1382" s="127"/>
      <c r="GL1382" s="126"/>
      <c r="GM1382" s="91"/>
      <c r="GN1382" s="91"/>
      <c r="GO1382" s="91"/>
      <c r="GP1382" s="91"/>
      <c r="GQ1382" s="91"/>
      <c r="GR1382" s="91"/>
      <c r="GS1382" s="91"/>
      <c r="GT1382" s="91"/>
      <c r="GU1382" s="91"/>
      <c r="GV1382" s="91"/>
      <c r="GW1382" s="91"/>
      <c r="GX1382" s="91"/>
      <c r="GY1382" s="91"/>
      <c r="GZ1382" s="91"/>
      <c r="HA1382" s="91"/>
      <c r="HB1382" s="91"/>
      <c r="HC1382" s="91"/>
      <c r="HD1382" s="91"/>
      <c r="HE1382" s="91"/>
      <c r="HF1382" s="91"/>
      <c r="HG1382" s="91"/>
      <c r="HH1382" s="91"/>
      <c r="HI1382" s="91"/>
      <c r="HJ1382" s="91"/>
      <c r="HK1382" s="127"/>
      <c r="HL1382" s="126"/>
      <c r="HM1382" s="91"/>
      <c r="HN1382" s="91"/>
      <c r="HO1382" s="91"/>
      <c r="HP1382" s="91"/>
      <c r="HQ1382" s="91"/>
      <c r="HR1382" s="91"/>
      <c r="HS1382" s="91"/>
      <c r="HT1382" s="91"/>
      <c r="HU1382" s="91"/>
      <c r="HV1382" s="91"/>
      <c r="HW1382" s="91"/>
      <c r="HX1382" s="91"/>
      <c r="HY1382" s="91"/>
      <c r="HZ1382" s="91"/>
      <c r="IA1382" s="91"/>
      <c r="IB1382" s="91"/>
      <c r="IC1382" s="91"/>
      <c r="ID1382" s="91"/>
      <c r="IE1382" s="91"/>
      <c r="IF1382" s="91"/>
      <c r="IG1382" s="91"/>
      <c r="IH1382" s="91"/>
      <c r="II1382" s="91"/>
      <c r="IJ1382" s="91"/>
      <c r="IK1382" s="127"/>
    </row>
    <row r="1383" spans="2:245" x14ac:dyDescent="0.2">
      <c r="B1383" s="43"/>
      <c r="C1383" s="73"/>
      <c r="D1383" s="64"/>
      <c r="E1383" s="64"/>
      <c r="F1383" s="55"/>
      <c r="G1383" s="102"/>
      <c r="H1383" s="55"/>
      <c r="I1383" s="55"/>
      <c r="J1383" s="55"/>
      <c r="K1383" s="55"/>
      <c r="L1383" s="55"/>
      <c r="M1383" s="55"/>
      <c r="N1383" s="55"/>
      <c r="O1383" s="55"/>
      <c r="P1383" s="55"/>
      <c r="Q1383" s="55"/>
      <c r="R1383" s="55"/>
      <c r="S1383" s="55"/>
      <c r="T1383" s="55"/>
      <c r="U1383" s="55"/>
      <c r="V1383" s="55"/>
      <c r="W1383" s="55"/>
      <c r="X1383" s="55"/>
      <c r="Y1383" s="55"/>
      <c r="Z1383" s="55"/>
      <c r="AA1383" s="55"/>
      <c r="AB1383" s="55"/>
      <c r="AC1383" s="55"/>
      <c r="AD1383" s="55"/>
      <c r="AE1383" s="55"/>
      <c r="AF1383" s="55"/>
      <c r="AG1383" s="55"/>
      <c r="AY1383" s="162"/>
      <c r="AZ1383" s="162"/>
      <c r="BA1383" s="162"/>
      <c r="BB1383" s="162"/>
      <c r="BC1383" s="162"/>
      <c r="BD1383" s="162"/>
      <c r="BE1383" s="162"/>
      <c r="BF1383" s="162"/>
      <c r="BG1383" s="162"/>
      <c r="BH1383" s="162"/>
      <c r="BI1383" s="162"/>
      <c r="BJ1383" s="162"/>
      <c r="BK1383" s="162"/>
      <c r="BL1383" s="162"/>
      <c r="BM1383" s="162"/>
      <c r="BN1383" s="162"/>
      <c r="BO1383" s="162"/>
      <c r="BP1383" s="162"/>
      <c r="BQ1383" s="162"/>
      <c r="BR1383" s="162"/>
      <c r="BS1383" s="162"/>
      <c r="BT1383" s="162"/>
      <c r="BU1383" s="162"/>
      <c r="BV1383" s="162"/>
      <c r="BW1383" s="162"/>
      <c r="BX1383" s="162"/>
      <c r="BY1383" s="162"/>
      <c r="BZ1383" s="162"/>
      <c r="CA1383" s="162"/>
      <c r="CB1383" s="162"/>
      <c r="CC1383" s="162"/>
      <c r="CD1383" s="162"/>
      <c r="CE1383" s="162"/>
      <c r="CF1383" s="162"/>
      <c r="CG1383" s="162"/>
      <c r="CH1383" s="162"/>
      <c r="CI1383" s="162"/>
      <c r="CJ1383" s="162"/>
      <c r="CK1383" s="162"/>
      <c r="CX1383" s="98"/>
      <c r="DL1383" s="97"/>
      <c r="DX1383" s="98"/>
      <c r="EL1383" s="97"/>
      <c r="EX1383" s="98"/>
      <c r="EY1383" s="97"/>
      <c r="FL1383" s="126"/>
      <c r="FM1383" s="91"/>
      <c r="FN1383" s="91"/>
      <c r="FO1383" s="91"/>
      <c r="FP1383" s="91"/>
      <c r="FQ1383" s="91"/>
      <c r="FR1383" s="91"/>
      <c r="FS1383" s="91"/>
      <c r="FT1383" s="91"/>
      <c r="FU1383" s="91"/>
      <c r="FV1383" s="91"/>
      <c r="FW1383" s="91"/>
      <c r="FX1383" s="91"/>
      <c r="FY1383" s="91"/>
      <c r="FZ1383" s="91"/>
      <c r="GA1383" s="91"/>
      <c r="GB1383" s="91"/>
      <c r="GC1383" s="91"/>
      <c r="GD1383" s="91"/>
      <c r="GE1383" s="91"/>
      <c r="GF1383" s="91"/>
      <c r="GG1383" s="91"/>
      <c r="GH1383" s="91"/>
      <c r="GI1383" s="91"/>
      <c r="GJ1383" s="91"/>
      <c r="GK1383" s="127"/>
      <c r="GL1383" s="126"/>
      <c r="GM1383" s="91"/>
      <c r="GN1383" s="91"/>
      <c r="GO1383" s="91"/>
      <c r="GP1383" s="91"/>
      <c r="GQ1383" s="91"/>
      <c r="GR1383" s="91"/>
      <c r="GS1383" s="91"/>
      <c r="GT1383" s="91"/>
      <c r="GU1383" s="91"/>
      <c r="GV1383" s="91"/>
      <c r="GW1383" s="91"/>
      <c r="GX1383" s="91"/>
      <c r="GY1383" s="91"/>
      <c r="GZ1383" s="91"/>
      <c r="HA1383" s="91"/>
      <c r="HB1383" s="91"/>
      <c r="HC1383" s="91"/>
      <c r="HD1383" s="91"/>
      <c r="HE1383" s="91"/>
      <c r="HF1383" s="91"/>
      <c r="HG1383" s="91"/>
      <c r="HH1383" s="91"/>
      <c r="HI1383" s="91"/>
      <c r="HJ1383" s="91"/>
      <c r="HK1383" s="127"/>
      <c r="HL1383" s="126"/>
      <c r="HM1383" s="91"/>
      <c r="HN1383" s="91"/>
      <c r="HO1383" s="91"/>
      <c r="HP1383" s="91"/>
      <c r="HQ1383" s="91"/>
      <c r="HR1383" s="91"/>
      <c r="HS1383" s="91"/>
      <c r="HT1383" s="91"/>
      <c r="HU1383" s="91"/>
      <c r="HV1383" s="91"/>
      <c r="HW1383" s="91"/>
      <c r="HX1383" s="91"/>
      <c r="HY1383" s="91"/>
      <c r="HZ1383" s="91"/>
      <c r="IA1383" s="91"/>
      <c r="IB1383" s="91"/>
      <c r="IC1383" s="91"/>
      <c r="ID1383" s="91"/>
      <c r="IE1383" s="91"/>
      <c r="IF1383" s="91"/>
      <c r="IG1383" s="91"/>
      <c r="IH1383" s="91"/>
      <c r="II1383" s="91"/>
      <c r="IJ1383" s="91"/>
      <c r="IK1383" s="127"/>
    </row>
    <row r="1384" spans="2:245" x14ac:dyDescent="0.2">
      <c r="B1384" s="43"/>
      <c r="C1384" s="73"/>
      <c r="D1384" s="64"/>
      <c r="E1384" s="64"/>
      <c r="F1384" s="55"/>
      <c r="G1384" s="102"/>
      <c r="H1384" s="55"/>
      <c r="I1384" s="55"/>
      <c r="J1384" s="55"/>
      <c r="K1384" s="55"/>
      <c r="L1384" s="55"/>
      <c r="M1384" s="55"/>
      <c r="N1384" s="55"/>
      <c r="O1384" s="55"/>
      <c r="P1384" s="55"/>
      <c r="Q1384" s="55"/>
      <c r="R1384" s="55"/>
      <c r="S1384" s="55"/>
      <c r="T1384" s="55"/>
      <c r="U1384" s="55"/>
      <c r="V1384" s="55"/>
      <c r="W1384" s="55"/>
      <c r="X1384" s="55"/>
      <c r="Y1384" s="55"/>
      <c r="Z1384" s="55"/>
      <c r="AA1384" s="55"/>
      <c r="AB1384" s="55"/>
      <c r="AC1384" s="55"/>
      <c r="AD1384" s="55"/>
      <c r="AE1384" s="55"/>
      <c r="AF1384" s="55"/>
      <c r="AG1384" s="55"/>
      <c r="AY1384" s="162"/>
      <c r="AZ1384" s="162"/>
      <c r="BA1384" s="162"/>
      <c r="BB1384" s="162"/>
      <c r="BC1384" s="162"/>
      <c r="BD1384" s="162"/>
      <c r="BE1384" s="162"/>
      <c r="BF1384" s="162"/>
      <c r="BG1384" s="162"/>
      <c r="BH1384" s="162"/>
      <c r="BI1384" s="162"/>
      <c r="BJ1384" s="162"/>
      <c r="BK1384" s="162"/>
      <c r="BL1384" s="162"/>
      <c r="BM1384" s="162"/>
      <c r="BN1384" s="162"/>
      <c r="BO1384" s="162"/>
      <c r="BP1384" s="162"/>
      <c r="BQ1384" s="162"/>
      <c r="BR1384" s="162"/>
      <c r="BS1384" s="162"/>
      <c r="BT1384" s="162"/>
      <c r="BU1384" s="162"/>
      <c r="BV1384" s="162"/>
      <c r="BW1384" s="162"/>
      <c r="BX1384" s="162"/>
      <c r="BY1384" s="162"/>
      <c r="BZ1384" s="162"/>
      <c r="CA1384" s="162"/>
      <c r="CB1384" s="162"/>
      <c r="CC1384" s="162"/>
      <c r="CD1384" s="162"/>
      <c r="CE1384" s="162"/>
      <c r="CF1384" s="162"/>
      <c r="CG1384" s="162"/>
      <c r="CH1384" s="162"/>
      <c r="CI1384" s="162"/>
      <c r="CJ1384" s="162"/>
      <c r="CK1384" s="162"/>
      <c r="CX1384" s="98"/>
      <c r="DL1384" s="97"/>
      <c r="DX1384" s="98"/>
      <c r="EL1384" s="97"/>
      <c r="EX1384" s="98"/>
      <c r="EY1384" s="97"/>
      <c r="FL1384" s="126"/>
      <c r="FM1384" s="91"/>
      <c r="FN1384" s="91"/>
      <c r="FO1384" s="91"/>
      <c r="FP1384" s="91"/>
      <c r="FQ1384" s="91"/>
      <c r="FR1384" s="91"/>
      <c r="FS1384" s="91"/>
      <c r="FT1384" s="91"/>
      <c r="FU1384" s="91"/>
      <c r="FV1384" s="91"/>
      <c r="FW1384" s="91"/>
      <c r="FX1384" s="91"/>
      <c r="FY1384" s="91"/>
      <c r="FZ1384" s="91"/>
      <c r="GA1384" s="91"/>
      <c r="GB1384" s="91"/>
      <c r="GC1384" s="91"/>
      <c r="GD1384" s="91"/>
      <c r="GE1384" s="91"/>
      <c r="GF1384" s="91"/>
      <c r="GG1384" s="91"/>
      <c r="GH1384" s="91"/>
      <c r="GI1384" s="91"/>
      <c r="GJ1384" s="91"/>
      <c r="GK1384" s="127"/>
      <c r="GL1384" s="126"/>
      <c r="GM1384" s="91"/>
      <c r="GN1384" s="91"/>
      <c r="GO1384" s="91"/>
      <c r="GP1384" s="91"/>
      <c r="GQ1384" s="91"/>
      <c r="GR1384" s="91"/>
      <c r="GS1384" s="91"/>
      <c r="GT1384" s="91"/>
      <c r="GU1384" s="91"/>
      <c r="GV1384" s="91"/>
      <c r="GW1384" s="91"/>
      <c r="GX1384" s="91"/>
      <c r="GY1384" s="91"/>
      <c r="GZ1384" s="91"/>
      <c r="HA1384" s="91"/>
      <c r="HB1384" s="91"/>
      <c r="HC1384" s="91"/>
      <c r="HD1384" s="91"/>
      <c r="HE1384" s="91"/>
      <c r="HF1384" s="91"/>
      <c r="HG1384" s="91"/>
      <c r="HH1384" s="91"/>
      <c r="HI1384" s="91"/>
      <c r="HJ1384" s="91"/>
      <c r="HK1384" s="127"/>
      <c r="HL1384" s="126"/>
      <c r="HM1384" s="91"/>
      <c r="HN1384" s="91"/>
      <c r="HO1384" s="91"/>
      <c r="HP1384" s="91"/>
      <c r="HQ1384" s="91"/>
      <c r="HR1384" s="91"/>
      <c r="HS1384" s="91"/>
      <c r="HT1384" s="91"/>
      <c r="HU1384" s="91"/>
      <c r="HV1384" s="91"/>
      <c r="HW1384" s="91"/>
      <c r="HX1384" s="91"/>
      <c r="HY1384" s="91"/>
      <c r="HZ1384" s="91"/>
      <c r="IA1384" s="91"/>
      <c r="IB1384" s="91"/>
      <c r="IC1384" s="91"/>
      <c r="ID1384" s="91"/>
      <c r="IE1384" s="91"/>
      <c r="IF1384" s="91"/>
      <c r="IG1384" s="91"/>
      <c r="IH1384" s="91"/>
      <c r="II1384" s="91"/>
      <c r="IJ1384" s="91"/>
      <c r="IK1384" s="127"/>
    </row>
    <row r="1385" spans="2:245" x14ac:dyDescent="0.2">
      <c r="B1385" s="43"/>
      <c r="C1385" s="73"/>
      <c r="D1385" s="64"/>
      <c r="E1385" s="64"/>
      <c r="F1385" s="55"/>
      <c r="G1385" s="102"/>
      <c r="H1385" s="55"/>
      <c r="I1385" s="55"/>
      <c r="J1385" s="55"/>
      <c r="K1385" s="55"/>
      <c r="L1385" s="55"/>
      <c r="M1385" s="55"/>
      <c r="N1385" s="55"/>
      <c r="O1385" s="55"/>
      <c r="P1385" s="55"/>
      <c r="Q1385" s="55"/>
      <c r="R1385" s="55"/>
      <c r="S1385" s="55"/>
      <c r="T1385" s="55"/>
      <c r="U1385" s="55"/>
      <c r="V1385" s="55"/>
      <c r="W1385" s="55"/>
      <c r="X1385" s="55"/>
      <c r="Y1385" s="55"/>
      <c r="Z1385" s="55"/>
      <c r="AA1385" s="55"/>
      <c r="AB1385" s="55"/>
      <c r="AC1385" s="55"/>
      <c r="AD1385" s="55"/>
      <c r="AE1385" s="55"/>
      <c r="AF1385" s="55"/>
      <c r="AG1385" s="55"/>
      <c r="AY1385" s="162"/>
      <c r="AZ1385" s="162"/>
      <c r="BA1385" s="162"/>
      <c r="BB1385" s="162"/>
      <c r="BC1385" s="162"/>
      <c r="BD1385" s="162"/>
      <c r="BE1385" s="162"/>
      <c r="BF1385" s="162"/>
      <c r="BG1385" s="162"/>
      <c r="BH1385" s="162"/>
      <c r="BI1385" s="162"/>
      <c r="BJ1385" s="162"/>
      <c r="BK1385" s="162"/>
      <c r="BL1385" s="162"/>
      <c r="BM1385" s="162"/>
      <c r="BN1385" s="162"/>
      <c r="BO1385" s="162"/>
      <c r="BP1385" s="162"/>
      <c r="BQ1385" s="162"/>
      <c r="BR1385" s="162"/>
      <c r="BS1385" s="162"/>
      <c r="BT1385" s="162"/>
      <c r="BU1385" s="162"/>
      <c r="BV1385" s="162"/>
      <c r="BW1385" s="162"/>
      <c r="BX1385" s="162"/>
      <c r="BY1385" s="162"/>
      <c r="BZ1385" s="162"/>
      <c r="CA1385" s="162"/>
      <c r="CB1385" s="162"/>
      <c r="CC1385" s="162"/>
      <c r="CD1385" s="162"/>
      <c r="CE1385" s="162"/>
      <c r="CF1385" s="162"/>
      <c r="CG1385" s="162"/>
      <c r="CH1385" s="162"/>
      <c r="CI1385" s="162"/>
      <c r="CJ1385" s="162"/>
      <c r="CK1385" s="162"/>
      <c r="CX1385" s="98"/>
      <c r="DL1385" s="97"/>
      <c r="DX1385" s="98"/>
      <c r="EL1385" s="97"/>
      <c r="EX1385" s="98"/>
      <c r="EY1385" s="97"/>
      <c r="FL1385" s="126"/>
      <c r="FM1385" s="91"/>
      <c r="FN1385" s="91"/>
      <c r="FO1385" s="91"/>
      <c r="FP1385" s="91"/>
      <c r="FQ1385" s="91"/>
      <c r="FR1385" s="91"/>
      <c r="FS1385" s="91"/>
      <c r="FT1385" s="91"/>
      <c r="FU1385" s="91"/>
      <c r="FV1385" s="91"/>
      <c r="FW1385" s="91"/>
      <c r="FX1385" s="91"/>
      <c r="FY1385" s="91"/>
      <c r="FZ1385" s="91"/>
      <c r="GA1385" s="91"/>
      <c r="GB1385" s="91"/>
      <c r="GC1385" s="91"/>
      <c r="GD1385" s="91"/>
      <c r="GE1385" s="91"/>
      <c r="GF1385" s="91"/>
      <c r="GG1385" s="91"/>
      <c r="GH1385" s="91"/>
      <c r="GI1385" s="91"/>
      <c r="GJ1385" s="91"/>
      <c r="GK1385" s="127"/>
      <c r="GL1385" s="126"/>
      <c r="GM1385" s="91"/>
      <c r="GN1385" s="91"/>
      <c r="GO1385" s="91"/>
      <c r="GP1385" s="91"/>
      <c r="GQ1385" s="91"/>
      <c r="GR1385" s="91"/>
      <c r="GS1385" s="91"/>
      <c r="GT1385" s="91"/>
      <c r="GU1385" s="91"/>
      <c r="GV1385" s="91"/>
      <c r="GW1385" s="91"/>
      <c r="GX1385" s="91"/>
      <c r="GY1385" s="91"/>
      <c r="GZ1385" s="91"/>
      <c r="HA1385" s="91"/>
      <c r="HB1385" s="91"/>
      <c r="HC1385" s="91"/>
      <c r="HD1385" s="91"/>
      <c r="HE1385" s="91"/>
      <c r="HF1385" s="91"/>
      <c r="HG1385" s="91"/>
      <c r="HH1385" s="91"/>
      <c r="HI1385" s="91"/>
      <c r="HJ1385" s="91"/>
      <c r="HK1385" s="127"/>
      <c r="HL1385" s="126"/>
      <c r="HM1385" s="91"/>
      <c r="HN1385" s="91"/>
      <c r="HO1385" s="91"/>
      <c r="HP1385" s="91"/>
      <c r="HQ1385" s="91"/>
      <c r="HR1385" s="91"/>
      <c r="HS1385" s="91"/>
      <c r="HT1385" s="91"/>
      <c r="HU1385" s="91"/>
      <c r="HV1385" s="91"/>
      <c r="HW1385" s="91"/>
      <c r="HX1385" s="91"/>
      <c r="HY1385" s="91"/>
      <c r="HZ1385" s="91"/>
      <c r="IA1385" s="91"/>
      <c r="IB1385" s="91"/>
      <c r="IC1385" s="91"/>
      <c r="ID1385" s="91"/>
      <c r="IE1385" s="91"/>
      <c r="IF1385" s="91"/>
      <c r="IG1385" s="91"/>
      <c r="IH1385" s="91"/>
      <c r="II1385" s="91"/>
      <c r="IJ1385" s="91"/>
      <c r="IK1385" s="127"/>
    </row>
    <row r="1386" spans="2:245" x14ac:dyDescent="0.2">
      <c r="B1386" s="43"/>
      <c r="C1386" s="73"/>
      <c r="D1386" s="64"/>
      <c r="E1386" s="64"/>
      <c r="F1386" s="55"/>
      <c r="G1386" s="102"/>
      <c r="H1386" s="55"/>
      <c r="I1386" s="55"/>
      <c r="J1386" s="55"/>
      <c r="K1386" s="55"/>
      <c r="L1386" s="55"/>
      <c r="M1386" s="55"/>
      <c r="N1386" s="55"/>
      <c r="O1386" s="55"/>
      <c r="P1386" s="55"/>
      <c r="Q1386" s="55"/>
      <c r="R1386" s="55"/>
      <c r="S1386" s="55"/>
      <c r="T1386" s="55"/>
      <c r="U1386" s="55"/>
      <c r="V1386" s="55"/>
      <c r="W1386" s="55"/>
      <c r="X1386" s="55"/>
      <c r="Y1386" s="55"/>
      <c r="Z1386" s="55"/>
      <c r="AA1386" s="55"/>
      <c r="AB1386" s="55"/>
      <c r="AC1386" s="55"/>
      <c r="AD1386" s="55"/>
      <c r="AE1386" s="55"/>
      <c r="AF1386" s="55"/>
      <c r="AG1386" s="55"/>
      <c r="AY1386" s="162"/>
      <c r="AZ1386" s="162"/>
      <c r="BA1386" s="162"/>
      <c r="BB1386" s="162"/>
      <c r="BC1386" s="162"/>
      <c r="BD1386" s="162"/>
      <c r="BE1386" s="162"/>
      <c r="BF1386" s="162"/>
      <c r="BG1386" s="162"/>
      <c r="BH1386" s="162"/>
      <c r="BI1386" s="162"/>
      <c r="BJ1386" s="162"/>
      <c r="BK1386" s="162"/>
      <c r="BL1386" s="162"/>
      <c r="BM1386" s="162"/>
      <c r="BN1386" s="162"/>
      <c r="BO1386" s="162"/>
      <c r="BP1386" s="162"/>
      <c r="BQ1386" s="162"/>
      <c r="BR1386" s="162"/>
      <c r="BS1386" s="162"/>
      <c r="BT1386" s="162"/>
      <c r="BU1386" s="162"/>
      <c r="BV1386" s="162"/>
      <c r="BW1386" s="162"/>
      <c r="BX1386" s="162"/>
      <c r="BY1386" s="162"/>
      <c r="BZ1386" s="162"/>
      <c r="CA1386" s="162"/>
      <c r="CB1386" s="162"/>
      <c r="CC1386" s="162"/>
      <c r="CD1386" s="162"/>
      <c r="CE1386" s="162"/>
      <c r="CF1386" s="162"/>
      <c r="CG1386" s="162"/>
      <c r="CH1386" s="162"/>
      <c r="CI1386" s="162"/>
      <c r="CJ1386" s="162"/>
      <c r="CK1386" s="162"/>
      <c r="CX1386" s="98"/>
      <c r="DL1386" s="97"/>
      <c r="DX1386" s="98"/>
      <c r="EL1386" s="97"/>
      <c r="EX1386" s="98"/>
      <c r="EY1386" s="97"/>
      <c r="FL1386" s="126"/>
      <c r="FM1386" s="91"/>
      <c r="FN1386" s="91"/>
      <c r="FO1386" s="91"/>
      <c r="FP1386" s="91"/>
      <c r="FQ1386" s="91"/>
      <c r="FR1386" s="91"/>
      <c r="FS1386" s="91"/>
      <c r="FT1386" s="91"/>
      <c r="FU1386" s="91"/>
      <c r="FV1386" s="91"/>
      <c r="FW1386" s="91"/>
      <c r="FX1386" s="91"/>
      <c r="FY1386" s="91"/>
      <c r="FZ1386" s="91"/>
      <c r="GA1386" s="91"/>
      <c r="GB1386" s="91"/>
      <c r="GC1386" s="91"/>
      <c r="GD1386" s="91"/>
      <c r="GE1386" s="91"/>
      <c r="GF1386" s="91"/>
      <c r="GG1386" s="91"/>
      <c r="GH1386" s="91"/>
      <c r="GI1386" s="91"/>
      <c r="GJ1386" s="91"/>
      <c r="GK1386" s="127"/>
      <c r="GL1386" s="126"/>
      <c r="GM1386" s="91"/>
      <c r="GN1386" s="91"/>
      <c r="GO1386" s="91"/>
      <c r="GP1386" s="91"/>
      <c r="GQ1386" s="91"/>
      <c r="GR1386" s="91"/>
      <c r="GS1386" s="91"/>
      <c r="GT1386" s="91"/>
      <c r="GU1386" s="91"/>
      <c r="GV1386" s="91"/>
      <c r="GW1386" s="91"/>
      <c r="GX1386" s="91"/>
      <c r="GY1386" s="91"/>
      <c r="GZ1386" s="91"/>
      <c r="HA1386" s="91"/>
      <c r="HB1386" s="91"/>
      <c r="HC1386" s="91"/>
      <c r="HD1386" s="91"/>
      <c r="HE1386" s="91"/>
      <c r="HF1386" s="91"/>
      <c r="HG1386" s="91"/>
      <c r="HH1386" s="91"/>
      <c r="HI1386" s="91"/>
      <c r="HJ1386" s="91"/>
      <c r="HK1386" s="127"/>
      <c r="HL1386" s="126"/>
      <c r="HM1386" s="91"/>
      <c r="HN1386" s="91"/>
      <c r="HO1386" s="91"/>
      <c r="HP1386" s="91"/>
      <c r="HQ1386" s="91"/>
      <c r="HR1386" s="91"/>
      <c r="HS1386" s="91"/>
      <c r="HT1386" s="91"/>
      <c r="HU1386" s="91"/>
      <c r="HV1386" s="91"/>
      <c r="HW1386" s="91"/>
      <c r="HX1386" s="91"/>
      <c r="HY1386" s="91"/>
      <c r="HZ1386" s="91"/>
      <c r="IA1386" s="91"/>
      <c r="IB1386" s="91"/>
      <c r="IC1386" s="91"/>
      <c r="ID1386" s="91"/>
      <c r="IE1386" s="91"/>
      <c r="IF1386" s="91"/>
      <c r="IG1386" s="91"/>
      <c r="IH1386" s="91"/>
      <c r="II1386" s="91"/>
      <c r="IJ1386" s="91"/>
      <c r="IK1386" s="127"/>
    </row>
    <row r="1387" spans="2:245" x14ac:dyDescent="0.2">
      <c r="B1387" s="43"/>
      <c r="C1387" s="73"/>
      <c r="D1387" s="64"/>
      <c r="E1387" s="64"/>
      <c r="F1387" s="55"/>
      <c r="G1387" s="102"/>
      <c r="H1387" s="55"/>
      <c r="I1387" s="55"/>
      <c r="J1387" s="55"/>
      <c r="K1387" s="55"/>
      <c r="L1387" s="55"/>
      <c r="M1387" s="55"/>
      <c r="N1387" s="55"/>
      <c r="O1387" s="55"/>
      <c r="P1387" s="55"/>
      <c r="Q1387" s="55"/>
      <c r="R1387" s="55"/>
      <c r="S1387" s="55"/>
      <c r="T1387" s="55"/>
      <c r="U1387" s="55"/>
      <c r="V1387" s="55"/>
      <c r="W1387" s="55"/>
      <c r="X1387" s="55"/>
      <c r="Y1387" s="55"/>
      <c r="Z1387" s="55"/>
      <c r="AA1387" s="55"/>
      <c r="AB1387" s="55"/>
      <c r="AC1387" s="55"/>
      <c r="AD1387" s="55"/>
      <c r="AE1387" s="55"/>
      <c r="AF1387" s="55"/>
      <c r="AG1387" s="55"/>
      <c r="AY1387" s="162"/>
      <c r="AZ1387" s="162"/>
      <c r="BA1387" s="162"/>
      <c r="BB1387" s="162"/>
      <c r="BC1387" s="162"/>
      <c r="BD1387" s="162"/>
      <c r="BE1387" s="162"/>
      <c r="BF1387" s="162"/>
      <c r="BG1387" s="162"/>
      <c r="BH1387" s="162"/>
      <c r="BI1387" s="162"/>
      <c r="BJ1387" s="162"/>
      <c r="BK1387" s="162"/>
      <c r="BL1387" s="162"/>
      <c r="BM1387" s="162"/>
      <c r="BN1387" s="162"/>
      <c r="BO1387" s="162"/>
      <c r="BP1387" s="162"/>
      <c r="BQ1387" s="162"/>
      <c r="BR1387" s="162"/>
      <c r="BS1387" s="162"/>
      <c r="BT1387" s="162"/>
      <c r="BU1387" s="162"/>
      <c r="BV1387" s="162"/>
      <c r="BW1387" s="162"/>
      <c r="BX1387" s="162"/>
      <c r="BY1387" s="162"/>
      <c r="BZ1387" s="162"/>
      <c r="CA1387" s="162"/>
      <c r="CB1387" s="162"/>
      <c r="CC1387" s="162"/>
      <c r="CD1387" s="162"/>
      <c r="CE1387" s="162"/>
      <c r="CF1387" s="162"/>
      <c r="CG1387" s="162"/>
      <c r="CH1387" s="162"/>
      <c r="CI1387" s="162"/>
      <c r="CJ1387" s="162"/>
      <c r="CK1387" s="162"/>
      <c r="CX1387" s="98"/>
      <c r="DL1387" s="97"/>
      <c r="DX1387" s="98"/>
      <c r="EL1387" s="97"/>
      <c r="EX1387" s="98"/>
      <c r="EY1387" s="97"/>
      <c r="FL1387" s="126"/>
      <c r="FM1387" s="91"/>
      <c r="FN1387" s="91"/>
      <c r="FO1387" s="91"/>
      <c r="FP1387" s="91"/>
      <c r="FQ1387" s="91"/>
      <c r="FR1387" s="91"/>
      <c r="FS1387" s="91"/>
      <c r="FT1387" s="91"/>
      <c r="FU1387" s="91"/>
      <c r="FV1387" s="91"/>
      <c r="FW1387" s="91"/>
      <c r="FX1387" s="91"/>
      <c r="FY1387" s="91"/>
      <c r="FZ1387" s="91"/>
      <c r="GA1387" s="91"/>
      <c r="GB1387" s="91"/>
      <c r="GC1387" s="91"/>
      <c r="GD1387" s="91"/>
      <c r="GE1387" s="91"/>
      <c r="GF1387" s="91"/>
      <c r="GG1387" s="91"/>
      <c r="GH1387" s="91"/>
      <c r="GI1387" s="91"/>
      <c r="GJ1387" s="91"/>
      <c r="GK1387" s="127"/>
      <c r="GL1387" s="126"/>
      <c r="GM1387" s="91"/>
      <c r="GN1387" s="91"/>
      <c r="GO1387" s="91"/>
      <c r="GP1387" s="91"/>
      <c r="GQ1387" s="91"/>
      <c r="GR1387" s="91"/>
      <c r="GS1387" s="91"/>
      <c r="GT1387" s="91"/>
      <c r="GU1387" s="91"/>
      <c r="GV1387" s="91"/>
      <c r="GW1387" s="91"/>
      <c r="GX1387" s="91"/>
      <c r="GY1387" s="91"/>
      <c r="GZ1387" s="91"/>
      <c r="HA1387" s="91"/>
      <c r="HB1387" s="91"/>
      <c r="HC1387" s="91"/>
      <c r="HD1387" s="91"/>
      <c r="HE1387" s="91"/>
      <c r="HF1387" s="91"/>
      <c r="HG1387" s="91"/>
      <c r="HH1387" s="91"/>
      <c r="HI1387" s="91"/>
      <c r="HJ1387" s="91"/>
      <c r="HK1387" s="127"/>
      <c r="HL1387" s="126"/>
      <c r="HM1387" s="91"/>
      <c r="HN1387" s="91"/>
      <c r="HO1387" s="91"/>
      <c r="HP1387" s="91"/>
      <c r="HQ1387" s="91"/>
      <c r="HR1387" s="91"/>
      <c r="HS1387" s="91"/>
      <c r="HT1387" s="91"/>
      <c r="HU1387" s="91"/>
      <c r="HV1387" s="91"/>
      <c r="HW1387" s="91"/>
      <c r="HX1387" s="91"/>
      <c r="HY1387" s="91"/>
      <c r="HZ1387" s="91"/>
      <c r="IA1387" s="91"/>
      <c r="IB1387" s="91"/>
      <c r="IC1387" s="91"/>
      <c r="ID1387" s="91"/>
      <c r="IE1387" s="91"/>
      <c r="IF1387" s="91"/>
      <c r="IG1387" s="91"/>
      <c r="IH1387" s="91"/>
      <c r="II1387" s="91"/>
      <c r="IJ1387" s="91"/>
      <c r="IK1387" s="127"/>
    </row>
    <row r="1388" spans="2:245" x14ac:dyDescent="0.2">
      <c r="B1388" s="43"/>
      <c r="C1388" s="73"/>
      <c r="D1388" s="64"/>
      <c r="E1388" s="64"/>
      <c r="F1388" s="55"/>
      <c r="G1388" s="102"/>
      <c r="H1388" s="55"/>
      <c r="I1388" s="55"/>
      <c r="J1388" s="55"/>
      <c r="K1388" s="55"/>
      <c r="L1388" s="55"/>
      <c r="M1388" s="55"/>
      <c r="N1388" s="55"/>
      <c r="O1388" s="55"/>
      <c r="P1388" s="55"/>
      <c r="Q1388" s="55"/>
      <c r="R1388" s="55"/>
      <c r="S1388" s="55"/>
      <c r="T1388" s="55"/>
      <c r="U1388" s="55"/>
      <c r="V1388" s="55"/>
      <c r="W1388" s="55"/>
      <c r="X1388" s="55"/>
      <c r="Y1388" s="55"/>
      <c r="Z1388" s="55"/>
      <c r="AA1388" s="55"/>
      <c r="AB1388" s="55"/>
      <c r="AC1388" s="55"/>
      <c r="AD1388" s="55"/>
      <c r="AE1388" s="55"/>
      <c r="AF1388" s="55"/>
      <c r="AG1388" s="55"/>
      <c r="AY1388" s="162"/>
      <c r="AZ1388" s="162"/>
      <c r="BA1388" s="162"/>
      <c r="BB1388" s="162"/>
      <c r="BC1388" s="162"/>
      <c r="BD1388" s="162"/>
      <c r="BE1388" s="162"/>
      <c r="BF1388" s="162"/>
      <c r="BG1388" s="162"/>
      <c r="BH1388" s="162"/>
      <c r="BI1388" s="162"/>
      <c r="BJ1388" s="162"/>
      <c r="BK1388" s="162"/>
      <c r="BL1388" s="162"/>
      <c r="BM1388" s="162"/>
      <c r="BN1388" s="162"/>
      <c r="BO1388" s="162"/>
      <c r="BP1388" s="162"/>
      <c r="BQ1388" s="162"/>
      <c r="BR1388" s="162"/>
      <c r="BS1388" s="162"/>
      <c r="BT1388" s="162"/>
      <c r="BU1388" s="162"/>
      <c r="BV1388" s="162"/>
      <c r="BW1388" s="162"/>
      <c r="BX1388" s="162"/>
      <c r="BY1388" s="162"/>
      <c r="BZ1388" s="162"/>
      <c r="CA1388" s="162"/>
      <c r="CB1388" s="162"/>
      <c r="CC1388" s="162"/>
      <c r="CD1388" s="162"/>
      <c r="CE1388" s="162"/>
      <c r="CF1388" s="162"/>
      <c r="CG1388" s="162"/>
      <c r="CH1388" s="162"/>
      <c r="CI1388" s="162"/>
      <c r="CJ1388" s="162"/>
      <c r="CK1388" s="162"/>
      <c r="CX1388" s="98"/>
      <c r="DL1388" s="97"/>
      <c r="DX1388" s="98"/>
      <c r="EL1388" s="97"/>
      <c r="EX1388" s="98"/>
      <c r="EY1388" s="97"/>
      <c r="FL1388" s="126"/>
      <c r="FM1388" s="91"/>
      <c r="FN1388" s="91"/>
      <c r="FO1388" s="91"/>
      <c r="FP1388" s="91"/>
      <c r="FQ1388" s="91"/>
      <c r="FR1388" s="91"/>
      <c r="FS1388" s="91"/>
      <c r="FT1388" s="91"/>
      <c r="FU1388" s="91"/>
      <c r="FV1388" s="91"/>
      <c r="FW1388" s="91"/>
      <c r="FX1388" s="91"/>
      <c r="FY1388" s="91"/>
      <c r="FZ1388" s="91"/>
      <c r="GA1388" s="91"/>
      <c r="GB1388" s="91"/>
      <c r="GC1388" s="91"/>
      <c r="GD1388" s="91"/>
      <c r="GE1388" s="91"/>
      <c r="GF1388" s="91"/>
      <c r="GG1388" s="91"/>
      <c r="GH1388" s="91"/>
      <c r="GI1388" s="91"/>
      <c r="GJ1388" s="91"/>
      <c r="GK1388" s="127"/>
      <c r="GL1388" s="126"/>
      <c r="GM1388" s="91"/>
      <c r="GN1388" s="91"/>
      <c r="GO1388" s="91"/>
      <c r="GP1388" s="91"/>
      <c r="GQ1388" s="91"/>
      <c r="GR1388" s="91"/>
      <c r="GS1388" s="91"/>
      <c r="GT1388" s="91"/>
      <c r="GU1388" s="91"/>
      <c r="GV1388" s="91"/>
      <c r="GW1388" s="91"/>
      <c r="GX1388" s="91"/>
      <c r="GY1388" s="91"/>
      <c r="GZ1388" s="91"/>
      <c r="HA1388" s="91"/>
      <c r="HB1388" s="91"/>
      <c r="HC1388" s="91"/>
      <c r="HD1388" s="91"/>
      <c r="HE1388" s="91"/>
      <c r="HF1388" s="91"/>
      <c r="HG1388" s="91"/>
      <c r="HH1388" s="91"/>
      <c r="HI1388" s="91"/>
      <c r="HJ1388" s="91"/>
      <c r="HK1388" s="127"/>
      <c r="HL1388" s="126"/>
      <c r="HM1388" s="91"/>
      <c r="HN1388" s="91"/>
      <c r="HO1388" s="91"/>
      <c r="HP1388" s="91"/>
      <c r="HQ1388" s="91"/>
      <c r="HR1388" s="91"/>
      <c r="HS1388" s="91"/>
      <c r="HT1388" s="91"/>
      <c r="HU1388" s="91"/>
      <c r="HV1388" s="91"/>
      <c r="HW1388" s="91"/>
      <c r="HX1388" s="91"/>
      <c r="HY1388" s="91"/>
      <c r="HZ1388" s="91"/>
      <c r="IA1388" s="91"/>
      <c r="IB1388" s="91"/>
      <c r="IC1388" s="91"/>
      <c r="ID1388" s="91"/>
      <c r="IE1388" s="91"/>
      <c r="IF1388" s="91"/>
      <c r="IG1388" s="91"/>
      <c r="IH1388" s="91"/>
      <c r="II1388" s="91"/>
      <c r="IJ1388" s="91"/>
      <c r="IK1388" s="127"/>
    </row>
    <row r="1389" spans="2:245" x14ac:dyDescent="0.2">
      <c r="B1389" s="43"/>
      <c r="C1389" s="73"/>
      <c r="D1389" s="64"/>
      <c r="E1389" s="64"/>
      <c r="F1389" s="55"/>
      <c r="G1389" s="102"/>
      <c r="H1389" s="55"/>
      <c r="I1389" s="55"/>
      <c r="J1389" s="55"/>
      <c r="K1389" s="55"/>
      <c r="L1389" s="55"/>
      <c r="M1389" s="55"/>
      <c r="N1389" s="55"/>
      <c r="O1389" s="55"/>
      <c r="P1389" s="55"/>
      <c r="Q1389" s="55"/>
      <c r="R1389" s="55"/>
      <c r="S1389" s="55"/>
      <c r="T1389" s="55"/>
      <c r="U1389" s="55"/>
      <c r="V1389" s="55"/>
      <c r="W1389" s="55"/>
      <c r="X1389" s="55"/>
      <c r="Y1389" s="55"/>
      <c r="Z1389" s="55"/>
      <c r="AA1389" s="55"/>
      <c r="AB1389" s="55"/>
      <c r="AC1389" s="55"/>
      <c r="AD1389" s="55"/>
      <c r="AE1389" s="55"/>
      <c r="AF1389" s="55"/>
      <c r="AG1389" s="55"/>
      <c r="AY1389" s="162"/>
      <c r="AZ1389" s="162"/>
      <c r="BA1389" s="162"/>
      <c r="BB1389" s="162"/>
      <c r="BC1389" s="162"/>
      <c r="BD1389" s="162"/>
      <c r="BE1389" s="162"/>
      <c r="BF1389" s="162"/>
      <c r="BG1389" s="162"/>
      <c r="BH1389" s="162"/>
      <c r="BI1389" s="162"/>
      <c r="BJ1389" s="162"/>
      <c r="BK1389" s="162"/>
      <c r="BL1389" s="162"/>
      <c r="BM1389" s="162"/>
      <c r="BN1389" s="162"/>
      <c r="BO1389" s="162"/>
      <c r="BP1389" s="162"/>
      <c r="BQ1389" s="162"/>
      <c r="BR1389" s="162"/>
      <c r="BS1389" s="162"/>
      <c r="BT1389" s="162"/>
      <c r="BU1389" s="162"/>
      <c r="BV1389" s="162"/>
      <c r="BW1389" s="162"/>
      <c r="BX1389" s="162"/>
      <c r="BY1389" s="162"/>
      <c r="BZ1389" s="162"/>
      <c r="CA1389" s="162"/>
      <c r="CB1389" s="162"/>
      <c r="CC1389" s="162"/>
      <c r="CD1389" s="162"/>
      <c r="CE1389" s="162"/>
      <c r="CF1389" s="162"/>
      <c r="CG1389" s="162"/>
      <c r="CH1389" s="162"/>
      <c r="CI1389" s="162"/>
      <c r="CJ1389" s="162"/>
      <c r="CK1389" s="162"/>
      <c r="CX1389" s="98"/>
      <c r="DL1389" s="97"/>
      <c r="DX1389" s="98"/>
      <c r="EL1389" s="97"/>
      <c r="EX1389" s="98"/>
      <c r="EY1389" s="97"/>
      <c r="FL1389" s="126"/>
      <c r="FM1389" s="91"/>
      <c r="FN1389" s="91"/>
      <c r="FO1389" s="91"/>
      <c r="FP1389" s="91"/>
      <c r="FQ1389" s="91"/>
      <c r="FR1389" s="91"/>
      <c r="FS1389" s="91"/>
      <c r="FT1389" s="91"/>
      <c r="FU1389" s="91"/>
      <c r="FV1389" s="91"/>
      <c r="FW1389" s="91"/>
      <c r="FX1389" s="91"/>
      <c r="FY1389" s="91"/>
      <c r="FZ1389" s="91"/>
      <c r="GA1389" s="91"/>
      <c r="GB1389" s="91"/>
      <c r="GC1389" s="91"/>
      <c r="GD1389" s="91"/>
      <c r="GE1389" s="91"/>
      <c r="GF1389" s="91"/>
      <c r="GG1389" s="91"/>
      <c r="GH1389" s="91"/>
      <c r="GI1389" s="91"/>
      <c r="GJ1389" s="91"/>
      <c r="GK1389" s="127"/>
      <c r="GL1389" s="126"/>
      <c r="GM1389" s="91"/>
      <c r="GN1389" s="91"/>
      <c r="GO1389" s="91"/>
      <c r="GP1389" s="91"/>
      <c r="GQ1389" s="91"/>
      <c r="GR1389" s="91"/>
      <c r="GS1389" s="91"/>
      <c r="GT1389" s="91"/>
      <c r="GU1389" s="91"/>
      <c r="GV1389" s="91"/>
      <c r="GW1389" s="91"/>
      <c r="GX1389" s="91"/>
      <c r="GY1389" s="91"/>
      <c r="GZ1389" s="91"/>
      <c r="HA1389" s="91"/>
      <c r="HB1389" s="91"/>
      <c r="HC1389" s="91"/>
      <c r="HD1389" s="91"/>
      <c r="HE1389" s="91"/>
      <c r="HF1389" s="91"/>
      <c r="HG1389" s="91"/>
      <c r="HH1389" s="91"/>
      <c r="HI1389" s="91"/>
      <c r="HJ1389" s="91"/>
      <c r="HK1389" s="127"/>
      <c r="HL1389" s="126"/>
      <c r="HM1389" s="91"/>
      <c r="HN1389" s="91"/>
      <c r="HO1389" s="91"/>
      <c r="HP1389" s="91"/>
      <c r="HQ1389" s="91"/>
      <c r="HR1389" s="91"/>
      <c r="HS1389" s="91"/>
      <c r="HT1389" s="91"/>
      <c r="HU1389" s="91"/>
      <c r="HV1389" s="91"/>
      <c r="HW1389" s="91"/>
      <c r="HX1389" s="91"/>
      <c r="HY1389" s="91"/>
      <c r="HZ1389" s="91"/>
      <c r="IA1389" s="91"/>
      <c r="IB1389" s="91"/>
      <c r="IC1389" s="91"/>
      <c r="ID1389" s="91"/>
      <c r="IE1389" s="91"/>
      <c r="IF1389" s="91"/>
      <c r="IG1389" s="91"/>
      <c r="IH1389" s="91"/>
      <c r="II1389" s="91"/>
      <c r="IJ1389" s="91"/>
      <c r="IK1389" s="127"/>
    </row>
    <row r="1390" spans="2:245" x14ac:dyDescent="0.2">
      <c r="B1390" s="43"/>
      <c r="C1390" s="73"/>
      <c r="D1390" s="64"/>
      <c r="E1390" s="64"/>
      <c r="F1390" s="55"/>
      <c r="G1390" s="102"/>
      <c r="H1390" s="55"/>
      <c r="I1390" s="55"/>
      <c r="J1390" s="55"/>
      <c r="K1390" s="55"/>
      <c r="L1390" s="55"/>
      <c r="M1390" s="55"/>
      <c r="N1390" s="55"/>
      <c r="O1390" s="55"/>
      <c r="P1390" s="55"/>
      <c r="Q1390" s="55"/>
      <c r="R1390" s="55"/>
      <c r="S1390" s="55"/>
      <c r="T1390" s="55"/>
      <c r="U1390" s="55"/>
      <c r="V1390" s="55"/>
      <c r="W1390" s="55"/>
      <c r="X1390" s="55"/>
      <c r="Y1390" s="55"/>
      <c r="Z1390" s="55"/>
      <c r="AA1390" s="55"/>
      <c r="AB1390" s="55"/>
      <c r="AC1390" s="55"/>
      <c r="AD1390" s="55"/>
      <c r="AE1390" s="55"/>
      <c r="AF1390" s="55"/>
      <c r="AG1390" s="55"/>
      <c r="AY1390" s="162"/>
      <c r="AZ1390" s="162"/>
      <c r="BA1390" s="162"/>
      <c r="BB1390" s="162"/>
      <c r="BC1390" s="162"/>
      <c r="BD1390" s="162"/>
      <c r="BE1390" s="162"/>
      <c r="BF1390" s="162"/>
      <c r="BG1390" s="162"/>
      <c r="BH1390" s="162"/>
      <c r="BI1390" s="162"/>
      <c r="BJ1390" s="162"/>
      <c r="BK1390" s="162"/>
      <c r="BL1390" s="162"/>
      <c r="BM1390" s="162"/>
      <c r="BN1390" s="162"/>
      <c r="BO1390" s="162"/>
      <c r="BP1390" s="162"/>
      <c r="BQ1390" s="162"/>
      <c r="BR1390" s="162"/>
      <c r="BS1390" s="162"/>
      <c r="BT1390" s="162"/>
      <c r="BU1390" s="162"/>
      <c r="BV1390" s="162"/>
      <c r="BW1390" s="162"/>
      <c r="BX1390" s="162"/>
      <c r="BY1390" s="162"/>
      <c r="BZ1390" s="162"/>
      <c r="CA1390" s="162"/>
      <c r="CB1390" s="162"/>
      <c r="CC1390" s="162"/>
      <c r="CD1390" s="162"/>
      <c r="CE1390" s="162"/>
      <c r="CF1390" s="162"/>
      <c r="CG1390" s="162"/>
      <c r="CH1390" s="162"/>
      <c r="CI1390" s="162"/>
      <c r="CJ1390" s="162"/>
      <c r="CK1390" s="162"/>
      <c r="CX1390" s="98"/>
      <c r="DL1390" s="97"/>
      <c r="DX1390" s="98"/>
      <c r="EL1390" s="97"/>
      <c r="EX1390" s="98"/>
      <c r="EY1390" s="97"/>
      <c r="FL1390" s="126"/>
      <c r="FM1390" s="91"/>
      <c r="FN1390" s="91"/>
      <c r="FO1390" s="91"/>
      <c r="FP1390" s="91"/>
      <c r="FQ1390" s="91"/>
      <c r="FR1390" s="91"/>
      <c r="FS1390" s="91"/>
      <c r="FT1390" s="91"/>
      <c r="FU1390" s="91"/>
      <c r="FV1390" s="91"/>
      <c r="FW1390" s="91"/>
      <c r="FX1390" s="91"/>
      <c r="FY1390" s="91"/>
      <c r="FZ1390" s="91"/>
      <c r="GA1390" s="91"/>
      <c r="GB1390" s="91"/>
      <c r="GC1390" s="91"/>
      <c r="GD1390" s="91"/>
      <c r="GE1390" s="91"/>
      <c r="GF1390" s="91"/>
      <c r="GG1390" s="91"/>
      <c r="GH1390" s="91"/>
      <c r="GI1390" s="91"/>
      <c r="GJ1390" s="91"/>
      <c r="GK1390" s="127"/>
      <c r="GL1390" s="126"/>
      <c r="GM1390" s="91"/>
      <c r="GN1390" s="91"/>
      <c r="GO1390" s="91"/>
      <c r="GP1390" s="91"/>
      <c r="GQ1390" s="91"/>
      <c r="GR1390" s="91"/>
      <c r="GS1390" s="91"/>
      <c r="GT1390" s="91"/>
      <c r="GU1390" s="91"/>
      <c r="GV1390" s="91"/>
      <c r="GW1390" s="91"/>
      <c r="GX1390" s="91"/>
      <c r="GY1390" s="91"/>
      <c r="GZ1390" s="91"/>
      <c r="HA1390" s="91"/>
      <c r="HB1390" s="91"/>
      <c r="HC1390" s="91"/>
      <c r="HD1390" s="91"/>
      <c r="HE1390" s="91"/>
      <c r="HF1390" s="91"/>
      <c r="HG1390" s="91"/>
      <c r="HH1390" s="91"/>
      <c r="HI1390" s="91"/>
      <c r="HJ1390" s="91"/>
      <c r="HK1390" s="127"/>
      <c r="HL1390" s="126"/>
      <c r="HM1390" s="91"/>
      <c r="HN1390" s="91"/>
      <c r="HO1390" s="91"/>
      <c r="HP1390" s="91"/>
      <c r="HQ1390" s="91"/>
      <c r="HR1390" s="91"/>
      <c r="HS1390" s="91"/>
      <c r="HT1390" s="91"/>
      <c r="HU1390" s="91"/>
      <c r="HV1390" s="91"/>
      <c r="HW1390" s="91"/>
      <c r="HX1390" s="91"/>
      <c r="HY1390" s="91"/>
      <c r="HZ1390" s="91"/>
      <c r="IA1390" s="91"/>
      <c r="IB1390" s="91"/>
      <c r="IC1390" s="91"/>
      <c r="ID1390" s="91"/>
      <c r="IE1390" s="91"/>
      <c r="IF1390" s="91"/>
      <c r="IG1390" s="91"/>
      <c r="IH1390" s="91"/>
      <c r="II1390" s="91"/>
      <c r="IJ1390" s="91"/>
      <c r="IK1390" s="127"/>
    </row>
    <row r="1391" spans="2:245" x14ac:dyDescent="0.2">
      <c r="B1391" s="43"/>
      <c r="C1391" s="73"/>
      <c r="D1391" s="64"/>
      <c r="E1391" s="64"/>
      <c r="F1391" s="55"/>
      <c r="G1391" s="102"/>
      <c r="H1391" s="55"/>
      <c r="I1391" s="55"/>
      <c r="J1391" s="55"/>
      <c r="K1391" s="55"/>
      <c r="L1391" s="55"/>
      <c r="M1391" s="55"/>
      <c r="N1391" s="55"/>
      <c r="O1391" s="55"/>
      <c r="P1391" s="55"/>
      <c r="Q1391" s="55"/>
      <c r="R1391" s="55"/>
      <c r="S1391" s="55"/>
      <c r="T1391" s="55"/>
      <c r="U1391" s="55"/>
      <c r="V1391" s="55"/>
      <c r="W1391" s="55"/>
      <c r="X1391" s="55"/>
      <c r="Y1391" s="55"/>
      <c r="Z1391" s="55"/>
      <c r="AA1391" s="55"/>
      <c r="AB1391" s="55"/>
      <c r="AC1391" s="55"/>
      <c r="AD1391" s="55"/>
      <c r="AE1391" s="55"/>
      <c r="AF1391" s="55"/>
      <c r="AG1391" s="55"/>
      <c r="AY1391" s="162"/>
      <c r="AZ1391" s="162"/>
      <c r="BA1391" s="162"/>
      <c r="BB1391" s="162"/>
      <c r="BC1391" s="162"/>
      <c r="BD1391" s="162"/>
      <c r="BE1391" s="162"/>
      <c r="BF1391" s="162"/>
      <c r="BG1391" s="162"/>
      <c r="BH1391" s="162"/>
      <c r="BI1391" s="162"/>
      <c r="BJ1391" s="162"/>
      <c r="BK1391" s="162"/>
      <c r="BL1391" s="162"/>
      <c r="BM1391" s="162"/>
      <c r="BN1391" s="162"/>
      <c r="BO1391" s="162"/>
      <c r="BP1391" s="162"/>
      <c r="BQ1391" s="162"/>
      <c r="BR1391" s="162"/>
      <c r="BS1391" s="162"/>
      <c r="BT1391" s="162"/>
      <c r="BU1391" s="162"/>
      <c r="BV1391" s="162"/>
      <c r="BW1391" s="162"/>
      <c r="BX1391" s="162"/>
      <c r="BY1391" s="162"/>
      <c r="BZ1391" s="162"/>
      <c r="CA1391" s="162"/>
      <c r="CB1391" s="162"/>
      <c r="CC1391" s="162"/>
      <c r="CD1391" s="162"/>
      <c r="CE1391" s="162"/>
      <c r="CF1391" s="162"/>
      <c r="CG1391" s="162"/>
      <c r="CH1391" s="162"/>
      <c r="CI1391" s="162"/>
      <c r="CJ1391" s="162"/>
      <c r="CK1391" s="162"/>
      <c r="CX1391" s="98"/>
      <c r="DL1391" s="97"/>
      <c r="DX1391" s="98"/>
      <c r="EL1391" s="97"/>
      <c r="EX1391" s="98"/>
      <c r="EY1391" s="97"/>
      <c r="FL1391" s="126"/>
      <c r="FM1391" s="91"/>
      <c r="FN1391" s="91"/>
      <c r="FO1391" s="91"/>
      <c r="FP1391" s="91"/>
      <c r="FQ1391" s="91"/>
      <c r="FR1391" s="91"/>
      <c r="FS1391" s="91"/>
      <c r="FT1391" s="91"/>
      <c r="FU1391" s="91"/>
      <c r="FV1391" s="91"/>
      <c r="FW1391" s="91"/>
      <c r="FX1391" s="91"/>
      <c r="FY1391" s="91"/>
      <c r="FZ1391" s="91"/>
      <c r="GA1391" s="91"/>
      <c r="GB1391" s="91"/>
      <c r="GC1391" s="91"/>
      <c r="GD1391" s="91"/>
      <c r="GE1391" s="91"/>
      <c r="GF1391" s="91"/>
      <c r="GG1391" s="91"/>
      <c r="GH1391" s="91"/>
      <c r="GI1391" s="91"/>
      <c r="GJ1391" s="91"/>
      <c r="GK1391" s="127"/>
      <c r="GL1391" s="126"/>
      <c r="GM1391" s="91"/>
      <c r="GN1391" s="91"/>
      <c r="GO1391" s="91"/>
      <c r="GP1391" s="91"/>
      <c r="GQ1391" s="91"/>
      <c r="GR1391" s="91"/>
      <c r="GS1391" s="91"/>
      <c r="GT1391" s="91"/>
      <c r="GU1391" s="91"/>
      <c r="GV1391" s="91"/>
      <c r="GW1391" s="91"/>
      <c r="GX1391" s="91"/>
      <c r="GY1391" s="91"/>
      <c r="GZ1391" s="91"/>
      <c r="HA1391" s="91"/>
      <c r="HB1391" s="91"/>
      <c r="HC1391" s="91"/>
      <c r="HD1391" s="91"/>
      <c r="HE1391" s="91"/>
      <c r="HF1391" s="91"/>
      <c r="HG1391" s="91"/>
      <c r="HH1391" s="91"/>
      <c r="HI1391" s="91"/>
      <c r="HJ1391" s="91"/>
      <c r="HK1391" s="127"/>
      <c r="HL1391" s="126"/>
      <c r="HM1391" s="91"/>
      <c r="HN1391" s="91"/>
      <c r="HO1391" s="91"/>
      <c r="HP1391" s="91"/>
      <c r="HQ1391" s="91"/>
      <c r="HR1391" s="91"/>
      <c r="HS1391" s="91"/>
      <c r="HT1391" s="91"/>
      <c r="HU1391" s="91"/>
      <c r="HV1391" s="91"/>
      <c r="HW1391" s="91"/>
      <c r="HX1391" s="91"/>
      <c r="HY1391" s="91"/>
      <c r="HZ1391" s="91"/>
      <c r="IA1391" s="91"/>
      <c r="IB1391" s="91"/>
      <c r="IC1391" s="91"/>
      <c r="ID1391" s="91"/>
      <c r="IE1391" s="91"/>
      <c r="IF1391" s="91"/>
      <c r="IG1391" s="91"/>
      <c r="IH1391" s="91"/>
      <c r="II1391" s="91"/>
      <c r="IJ1391" s="91"/>
      <c r="IK1391" s="127"/>
    </row>
    <row r="1392" spans="2:245" x14ac:dyDescent="0.2">
      <c r="B1392" s="43"/>
      <c r="C1392" s="73"/>
      <c r="D1392" s="64"/>
      <c r="E1392" s="64"/>
      <c r="F1392" s="55"/>
      <c r="G1392" s="102"/>
      <c r="H1392" s="55"/>
      <c r="I1392" s="55"/>
      <c r="J1392" s="55"/>
      <c r="K1392" s="55"/>
      <c r="L1392" s="55"/>
      <c r="M1392" s="55"/>
      <c r="N1392" s="55"/>
      <c r="O1392" s="55"/>
      <c r="P1392" s="55"/>
      <c r="Q1392" s="55"/>
      <c r="R1392" s="55"/>
      <c r="S1392" s="55"/>
      <c r="T1392" s="55"/>
      <c r="U1392" s="55"/>
      <c r="V1392" s="55"/>
      <c r="W1392" s="55"/>
      <c r="X1392" s="55"/>
      <c r="Y1392" s="55"/>
      <c r="Z1392" s="55"/>
      <c r="AA1392" s="55"/>
      <c r="AB1392" s="55"/>
      <c r="AC1392" s="55"/>
      <c r="AD1392" s="55"/>
      <c r="AE1392" s="55"/>
      <c r="AF1392" s="55"/>
      <c r="AG1392" s="55"/>
      <c r="AY1392" s="162"/>
      <c r="AZ1392" s="162"/>
      <c r="BA1392" s="162"/>
      <c r="BB1392" s="162"/>
      <c r="BC1392" s="162"/>
      <c r="BD1392" s="162"/>
      <c r="BE1392" s="162"/>
      <c r="BF1392" s="162"/>
      <c r="BG1392" s="162"/>
      <c r="BH1392" s="162"/>
      <c r="BI1392" s="162"/>
      <c r="BJ1392" s="162"/>
      <c r="BK1392" s="162"/>
      <c r="BL1392" s="162"/>
      <c r="BM1392" s="162"/>
      <c r="BN1392" s="162"/>
      <c r="BO1392" s="162"/>
      <c r="BP1392" s="162"/>
      <c r="BQ1392" s="162"/>
      <c r="BR1392" s="162"/>
      <c r="BS1392" s="162"/>
      <c r="BT1392" s="162"/>
      <c r="BU1392" s="162"/>
      <c r="BV1392" s="162"/>
      <c r="BW1392" s="162"/>
      <c r="BX1392" s="162"/>
      <c r="BY1392" s="162"/>
      <c r="BZ1392" s="162"/>
      <c r="CA1392" s="162"/>
      <c r="CB1392" s="162"/>
      <c r="CC1392" s="162"/>
      <c r="CD1392" s="162"/>
      <c r="CE1392" s="162"/>
      <c r="CF1392" s="162"/>
      <c r="CG1392" s="162"/>
      <c r="CH1392" s="162"/>
      <c r="CI1392" s="162"/>
      <c r="CJ1392" s="162"/>
      <c r="CK1392" s="162"/>
      <c r="CX1392" s="98"/>
      <c r="DL1392" s="97"/>
      <c r="DX1392" s="98"/>
      <c r="EL1392" s="97"/>
      <c r="EX1392" s="98"/>
      <c r="EY1392" s="97"/>
      <c r="FL1392" s="126"/>
      <c r="FM1392" s="91"/>
      <c r="FN1392" s="91"/>
      <c r="FO1392" s="91"/>
      <c r="FP1392" s="91"/>
      <c r="FQ1392" s="91"/>
      <c r="FR1392" s="91"/>
      <c r="FS1392" s="91"/>
      <c r="FT1392" s="91"/>
      <c r="FU1392" s="91"/>
      <c r="FV1392" s="91"/>
      <c r="FW1392" s="91"/>
      <c r="FX1392" s="91"/>
      <c r="FY1392" s="91"/>
      <c r="FZ1392" s="91"/>
      <c r="GA1392" s="91"/>
      <c r="GB1392" s="91"/>
      <c r="GC1392" s="91"/>
      <c r="GD1392" s="91"/>
      <c r="GE1392" s="91"/>
      <c r="GF1392" s="91"/>
      <c r="GG1392" s="91"/>
      <c r="GH1392" s="91"/>
      <c r="GI1392" s="91"/>
      <c r="GJ1392" s="91"/>
      <c r="GK1392" s="127"/>
      <c r="GL1392" s="126"/>
      <c r="GM1392" s="91"/>
      <c r="GN1392" s="91"/>
      <c r="GO1392" s="91"/>
      <c r="GP1392" s="91"/>
      <c r="GQ1392" s="91"/>
      <c r="GR1392" s="91"/>
      <c r="GS1392" s="91"/>
      <c r="GT1392" s="91"/>
      <c r="GU1392" s="91"/>
      <c r="GV1392" s="91"/>
      <c r="GW1392" s="91"/>
      <c r="GX1392" s="91"/>
      <c r="GY1392" s="91"/>
      <c r="GZ1392" s="91"/>
      <c r="HA1392" s="91"/>
      <c r="HB1392" s="91"/>
      <c r="HC1392" s="91"/>
      <c r="HD1392" s="91"/>
      <c r="HE1392" s="91"/>
      <c r="HF1392" s="91"/>
      <c r="HG1392" s="91"/>
      <c r="HH1392" s="91"/>
      <c r="HI1392" s="91"/>
      <c r="HJ1392" s="91"/>
      <c r="HK1392" s="127"/>
      <c r="HL1392" s="126"/>
      <c r="HM1392" s="91"/>
      <c r="HN1392" s="91"/>
      <c r="HO1392" s="91"/>
      <c r="HP1392" s="91"/>
      <c r="HQ1392" s="91"/>
      <c r="HR1392" s="91"/>
      <c r="HS1392" s="91"/>
      <c r="HT1392" s="91"/>
      <c r="HU1392" s="91"/>
      <c r="HV1392" s="91"/>
      <c r="HW1392" s="91"/>
      <c r="HX1392" s="91"/>
      <c r="HY1392" s="91"/>
      <c r="HZ1392" s="91"/>
      <c r="IA1392" s="91"/>
      <c r="IB1392" s="91"/>
      <c r="IC1392" s="91"/>
      <c r="ID1392" s="91"/>
      <c r="IE1392" s="91"/>
      <c r="IF1392" s="91"/>
      <c r="IG1392" s="91"/>
      <c r="IH1392" s="91"/>
      <c r="II1392" s="91"/>
      <c r="IJ1392" s="91"/>
      <c r="IK1392" s="127"/>
    </row>
    <row r="1393" spans="2:245" x14ac:dyDescent="0.2">
      <c r="B1393" s="43"/>
      <c r="C1393" s="73"/>
      <c r="D1393" s="64"/>
      <c r="E1393" s="64"/>
      <c r="F1393" s="55"/>
      <c r="G1393" s="102"/>
      <c r="H1393" s="55"/>
      <c r="I1393" s="55"/>
      <c r="J1393" s="55"/>
      <c r="K1393" s="55"/>
      <c r="L1393" s="55"/>
      <c r="M1393" s="55"/>
      <c r="N1393" s="55"/>
      <c r="O1393" s="55"/>
      <c r="P1393" s="55"/>
      <c r="Q1393" s="55"/>
      <c r="R1393" s="55"/>
      <c r="S1393" s="55"/>
      <c r="T1393" s="55"/>
      <c r="U1393" s="55"/>
      <c r="V1393" s="55"/>
      <c r="W1393" s="55"/>
      <c r="X1393" s="55"/>
      <c r="Y1393" s="55"/>
      <c r="Z1393" s="55"/>
      <c r="AA1393" s="55"/>
      <c r="AB1393" s="55"/>
      <c r="AC1393" s="55"/>
      <c r="AD1393" s="55"/>
      <c r="AE1393" s="55"/>
      <c r="AF1393" s="55"/>
      <c r="AG1393" s="55"/>
      <c r="AY1393" s="162"/>
      <c r="AZ1393" s="162"/>
      <c r="BA1393" s="162"/>
      <c r="BB1393" s="162"/>
      <c r="BC1393" s="162"/>
      <c r="BD1393" s="162"/>
      <c r="BE1393" s="162"/>
      <c r="BF1393" s="162"/>
      <c r="BG1393" s="162"/>
      <c r="BH1393" s="162"/>
      <c r="BI1393" s="162"/>
      <c r="BJ1393" s="162"/>
      <c r="BK1393" s="162"/>
      <c r="BL1393" s="162"/>
      <c r="BM1393" s="162"/>
      <c r="BN1393" s="162"/>
      <c r="BO1393" s="162"/>
      <c r="BP1393" s="162"/>
      <c r="BQ1393" s="162"/>
      <c r="BR1393" s="162"/>
      <c r="BS1393" s="162"/>
      <c r="BT1393" s="162"/>
      <c r="BU1393" s="162"/>
      <c r="BV1393" s="162"/>
      <c r="BW1393" s="162"/>
      <c r="BX1393" s="162"/>
      <c r="BY1393" s="162"/>
      <c r="BZ1393" s="162"/>
      <c r="CA1393" s="162"/>
      <c r="CB1393" s="162"/>
      <c r="CC1393" s="162"/>
      <c r="CD1393" s="162"/>
      <c r="CE1393" s="162"/>
      <c r="CF1393" s="162"/>
      <c r="CG1393" s="162"/>
      <c r="CH1393" s="162"/>
      <c r="CI1393" s="162"/>
      <c r="CJ1393" s="162"/>
      <c r="CK1393" s="162"/>
      <c r="CX1393" s="98"/>
      <c r="DL1393" s="97"/>
      <c r="DX1393" s="98"/>
      <c r="EL1393" s="97"/>
      <c r="EX1393" s="98"/>
      <c r="EY1393" s="97"/>
      <c r="FL1393" s="126"/>
      <c r="FM1393" s="91"/>
      <c r="FN1393" s="91"/>
      <c r="FO1393" s="91"/>
      <c r="FP1393" s="91"/>
      <c r="FQ1393" s="91"/>
      <c r="FR1393" s="91"/>
      <c r="FS1393" s="91"/>
      <c r="FT1393" s="91"/>
      <c r="FU1393" s="91"/>
      <c r="FV1393" s="91"/>
      <c r="FW1393" s="91"/>
      <c r="FX1393" s="91"/>
      <c r="FY1393" s="91"/>
      <c r="FZ1393" s="91"/>
      <c r="GA1393" s="91"/>
      <c r="GB1393" s="91"/>
      <c r="GC1393" s="91"/>
      <c r="GD1393" s="91"/>
      <c r="GE1393" s="91"/>
      <c r="GF1393" s="91"/>
      <c r="GG1393" s="91"/>
      <c r="GH1393" s="91"/>
      <c r="GI1393" s="91"/>
      <c r="GJ1393" s="91"/>
      <c r="GK1393" s="127"/>
      <c r="GL1393" s="126"/>
      <c r="GM1393" s="91"/>
      <c r="GN1393" s="91"/>
      <c r="GO1393" s="91"/>
      <c r="GP1393" s="91"/>
      <c r="GQ1393" s="91"/>
      <c r="GR1393" s="91"/>
      <c r="GS1393" s="91"/>
      <c r="GT1393" s="91"/>
      <c r="GU1393" s="91"/>
      <c r="GV1393" s="91"/>
      <c r="GW1393" s="91"/>
      <c r="GX1393" s="91"/>
      <c r="GY1393" s="91"/>
      <c r="GZ1393" s="91"/>
      <c r="HA1393" s="91"/>
      <c r="HB1393" s="91"/>
      <c r="HC1393" s="91"/>
      <c r="HD1393" s="91"/>
      <c r="HE1393" s="91"/>
      <c r="HF1393" s="91"/>
      <c r="HG1393" s="91"/>
      <c r="HH1393" s="91"/>
      <c r="HI1393" s="91"/>
      <c r="HJ1393" s="91"/>
      <c r="HK1393" s="127"/>
      <c r="HL1393" s="126"/>
      <c r="HM1393" s="91"/>
      <c r="HN1393" s="91"/>
      <c r="HO1393" s="91"/>
      <c r="HP1393" s="91"/>
      <c r="HQ1393" s="91"/>
      <c r="HR1393" s="91"/>
      <c r="HS1393" s="91"/>
      <c r="HT1393" s="91"/>
      <c r="HU1393" s="91"/>
      <c r="HV1393" s="91"/>
      <c r="HW1393" s="91"/>
      <c r="HX1393" s="91"/>
      <c r="HY1393" s="91"/>
      <c r="HZ1393" s="91"/>
      <c r="IA1393" s="91"/>
      <c r="IB1393" s="91"/>
      <c r="IC1393" s="91"/>
      <c r="ID1393" s="91"/>
      <c r="IE1393" s="91"/>
      <c r="IF1393" s="91"/>
      <c r="IG1393" s="91"/>
      <c r="IH1393" s="91"/>
      <c r="II1393" s="91"/>
      <c r="IJ1393" s="91"/>
      <c r="IK1393" s="127"/>
    </row>
    <row r="1394" spans="2:245" x14ac:dyDescent="0.2">
      <c r="B1394" s="43"/>
      <c r="C1394" s="73"/>
      <c r="D1394" s="64"/>
      <c r="E1394" s="64"/>
      <c r="F1394" s="55"/>
      <c r="G1394" s="102"/>
      <c r="H1394" s="55"/>
      <c r="I1394" s="55"/>
      <c r="J1394" s="55"/>
      <c r="K1394" s="55"/>
      <c r="L1394" s="55"/>
      <c r="M1394" s="55"/>
      <c r="N1394" s="55"/>
      <c r="O1394" s="55"/>
      <c r="P1394" s="55"/>
      <c r="Q1394" s="55"/>
      <c r="R1394" s="55"/>
      <c r="S1394" s="55"/>
      <c r="T1394" s="55"/>
      <c r="U1394" s="55"/>
      <c r="V1394" s="55"/>
      <c r="W1394" s="55"/>
      <c r="X1394" s="55"/>
      <c r="Y1394" s="55"/>
      <c r="Z1394" s="55"/>
      <c r="AA1394" s="55"/>
      <c r="AB1394" s="55"/>
      <c r="AC1394" s="55"/>
      <c r="AD1394" s="55"/>
      <c r="AE1394" s="55"/>
      <c r="AF1394" s="55"/>
      <c r="AG1394" s="55"/>
      <c r="AY1394" s="162"/>
      <c r="AZ1394" s="162"/>
      <c r="BA1394" s="162"/>
      <c r="BB1394" s="162"/>
      <c r="BC1394" s="162"/>
      <c r="BD1394" s="162"/>
      <c r="BE1394" s="162"/>
      <c r="BF1394" s="162"/>
      <c r="BG1394" s="162"/>
      <c r="BH1394" s="162"/>
      <c r="BI1394" s="162"/>
      <c r="BJ1394" s="162"/>
      <c r="BK1394" s="162"/>
      <c r="BL1394" s="162"/>
      <c r="BM1394" s="162"/>
      <c r="BN1394" s="162"/>
      <c r="BO1394" s="162"/>
      <c r="BP1394" s="162"/>
      <c r="BQ1394" s="162"/>
      <c r="BR1394" s="162"/>
      <c r="BS1394" s="162"/>
      <c r="BT1394" s="162"/>
      <c r="BU1394" s="162"/>
      <c r="BV1394" s="162"/>
      <c r="BW1394" s="162"/>
      <c r="BX1394" s="162"/>
      <c r="BY1394" s="162"/>
      <c r="BZ1394" s="162"/>
      <c r="CA1394" s="162"/>
      <c r="CB1394" s="162"/>
      <c r="CC1394" s="162"/>
      <c r="CD1394" s="162"/>
      <c r="CE1394" s="162"/>
      <c r="CF1394" s="162"/>
      <c r="CG1394" s="162"/>
      <c r="CH1394" s="162"/>
      <c r="CI1394" s="162"/>
      <c r="CJ1394" s="162"/>
      <c r="CK1394" s="162"/>
      <c r="CX1394" s="98"/>
      <c r="DL1394" s="97"/>
      <c r="DX1394" s="98"/>
      <c r="EL1394" s="97"/>
      <c r="EX1394" s="98"/>
      <c r="EY1394" s="97"/>
      <c r="FL1394" s="126"/>
      <c r="FM1394" s="91"/>
      <c r="FN1394" s="91"/>
      <c r="FO1394" s="91"/>
      <c r="FP1394" s="91"/>
      <c r="FQ1394" s="91"/>
      <c r="FR1394" s="91"/>
      <c r="FS1394" s="91"/>
      <c r="FT1394" s="91"/>
      <c r="FU1394" s="91"/>
      <c r="FV1394" s="91"/>
      <c r="FW1394" s="91"/>
      <c r="FX1394" s="91"/>
      <c r="FY1394" s="91"/>
      <c r="FZ1394" s="91"/>
      <c r="GA1394" s="91"/>
      <c r="GB1394" s="91"/>
      <c r="GC1394" s="91"/>
      <c r="GD1394" s="91"/>
      <c r="GE1394" s="91"/>
      <c r="GF1394" s="91"/>
      <c r="GG1394" s="91"/>
      <c r="GH1394" s="91"/>
      <c r="GI1394" s="91"/>
      <c r="GJ1394" s="91"/>
      <c r="GK1394" s="127"/>
      <c r="GL1394" s="126"/>
      <c r="GM1394" s="91"/>
      <c r="GN1394" s="91"/>
      <c r="GO1394" s="91"/>
      <c r="GP1394" s="91"/>
      <c r="GQ1394" s="91"/>
      <c r="GR1394" s="91"/>
      <c r="GS1394" s="91"/>
      <c r="GT1394" s="91"/>
      <c r="GU1394" s="91"/>
      <c r="GV1394" s="91"/>
      <c r="GW1394" s="91"/>
      <c r="GX1394" s="91"/>
      <c r="GY1394" s="91"/>
      <c r="GZ1394" s="91"/>
      <c r="HA1394" s="91"/>
      <c r="HB1394" s="91"/>
      <c r="HC1394" s="91"/>
      <c r="HD1394" s="91"/>
      <c r="HE1394" s="91"/>
      <c r="HF1394" s="91"/>
      <c r="HG1394" s="91"/>
      <c r="HH1394" s="91"/>
      <c r="HI1394" s="91"/>
      <c r="HJ1394" s="91"/>
      <c r="HK1394" s="127"/>
      <c r="HL1394" s="126"/>
      <c r="HM1394" s="91"/>
      <c r="HN1394" s="91"/>
      <c r="HO1394" s="91"/>
      <c r="HP1394" s="91"/>
      <c r="HQ1394" s="91"/>
      <c r="HR1394" s="91"/>
      <c r="HS1394" s="91"/>
      <c r="HT1394" s="91"/>
      <c r="HU1394" s="91"/>
      <c r="HV1394" s="91"/>
      <c r="HW1394" s="91"/>
      <c r="HX1394" s="91"/>
      <c r="HY1394" s="91"/>
      <c r="HZ1394" s="91"/>
      <c r="IA1394" s="91"/>
      <c r="IB1394" s="91"/>
      <c r="IC1394" s="91"/>
      <c r="ID1394" s="91"/>
      <c r="IE1394" s="91"/>
      <c r="IF1394" s="91"/>
      <c r="IG1394" s="91"/>
      <c r="IH1394" s="91"/>
      <c r="II1394" s="91"/>
      <c r="IJ1394" s="91"/>
      <c r="IK1394" s="127"/>
    </row>
    <row r="1395" spans="2:245" x14ac:dyDescent="0.2">
      <c r="B1395" s="43"/>
      <c r="C1395" s="73"/>
      <c r="D1395" s="64"/>
      <c r="E1395" s="64"/>
      <c r="F1395" s="55"/>
      <c r="G1395" s="102"/>
      <c r="H1395" s="55"/>
      <c r="I1395" s="55"/>
      <c r="J1395" s="55"/>
      <c r="K1395" s="55"/>
      <c r="L1395" s="55"/>
      <c r="M1395" s="55"/>
      <c r="N1395" s="55"/>
      <c r="O1395" s="55"/>
      <c r="P1395" s="55"/>
      <c r="Q1395" s="55"/>
      <c r="R1395" s="55"/>
      <c r="S1395" s="55"/>
      <c r="T1395" s="55"/>
      <c r="U1395" s="55"/>
      <c r="V1395" s="55"/>
      <c r="W1395" s="55"/>
      <c r="X1395" s="55"/>
      <c r="Y1395" s="55"/>
      <c r="Z1395" s="55"/>
      <c r="AA1395" s="55"/>
      <c r="AB1395" s="55"/>
      <c r="AC1395" s="55"/>
      <c r="AD1395" s="55"/>
      <c r="AE1395" s="55"/>
      <c r="AF1395" s="55"/>
      <c r="AG1395" s="55"/>
      <c r="AY1395" s="162"/>
      <c r="AZ1395" s="162"/>
      <c r="BA1395" s="162"/>
      <c r="BB1395" s="162"/>
      <c r="BC1395" s="162"/>
      <c r="BD1395" s="162"/>
      <c r="BE1395" s="162"/>
      <c r="BF1395" s="162"/>
      <c r="BG1395" s="162"/>
      <c r="BH1395" s="162"/>
      <c r="BI1395" s="162"/>
      <c r="BJ1395" s="162"/>
      <c r="BK1395" s="162"/>
      <c r="BL1395" s="162"/>
      <c r="BM1395" s="162"/>
      <c r="BN1395" s="162"/>
      <c r="BO1395" s="162"/>
      <c r="BP1395" s="162"/>
      <c r="BQ1395" s="162"/>
      <c r="BR1395" s="162"/>
      <c r="BS1395" s="162"/>
      <c r="BT1395" s="162"/>
      <c r="BU1395" s="162"/>
      <c r="BV1395" s="162"/>
      <c r="BW1395" s="162"/>
      <c r="BX1395" s="162"/>
      <c r="BY1395" s="162"/>
      <c r="BZ1395" s="162"/>
      <c r="CA1395" s="162"/>
      <c r="CB1395" s="162"/>
      <c r="CC1395" s="162"/>
      <c r="CD1395" s="162"/>
      <c r="CE1395" s="162"/>
      <c r="CF1395" s="162"/>
      <c r="CG1395" s="162"/>
      <c r="CH1395" s="162"/>
      <c r="CI1395" s="162"/>
      <c r="CJ1395" s="162"/>
      <c r="CK1395" s="162"/>
      <c r="CX1395" s="98"/>
      <c r="DL1395" s="97"/>
      <c r="DX1395" s="98"/>
      <c r="EL1395" s="97"/>
      <c r="EX1395" s="98"/>
      <c r="EY1395" s="97"/>
      <c r="FL1395" s="126"/>
      <c r="FM1395" s="91"/>
      <c r="FN1395" s="91"/>
      <c r="FO1395" s="91"/>
      <c r="FP1395" s="91"/>
      <c r="FQ1395" s="91"/>
      <c r="FR1395" s="91"/>
      <c r="FS1395" s="91"/>
      <c r="FT1395" s="91"/>
      <c r="FU1395" s="91"/>
      <c r="FV1395" s="91"/>
      <c r="FW1395" s="91"/>
      <c r="FX1395" s="91"/>
      <c r="FY1395" s="91"/>
      <c r="FZ1395" s="91"/>
      <c r="GA1395" s="91"/>
      <c r="GB1395" s="91"/>
      <c r="GC1395" s="91"/>
      <c r="GD1395" s="91"/>
      <c r="GE1395" s="91"/>
      <c r="GF1395" s="91"/>
      <c r="GG1395" s="91"/>
      <c r="GH1395" s="91"/>
      <c r="GI1395" s="91"/>
      <c r="GJ1395" s="91"/>
      <c r="GK1395" s="127"/>
      <c r="GL1395" s="126"/>
      <c r="GM1395" s="91"/>
      <c r="GN1395" s="91"/>
      <c r="GO1395" s="91"/>
      <c r="GP1395" s="91"/>
      <c r="GQ1395" s="91"/>
      <c r="GR1395" s="91"/>
      <c r="GS1395" s="91"/>
      <c r="GT1395" s="91"/>
      <c r="GU1395" s="91"/>
      <c r="GV1395" s="91"/>
      <c r="GW1395" s="91"/>
      <c r="GX1395" s="91"/>
      <c r="GY1395" s="91"/>
      <c r="GZ1395" s="91"/>
      <c r="HA1395" s="91"/>
      <c r="HB1395" s="91"/>
      <c r="HC1395" s="91"/>
      <c r="HD1395" s="91"/>
      <c r="HE1395" s="91"/>
      <c r="HF1395" s="91"/>
      <c r="HG1395" s="91"/>
      <c r="HH1395" s="91"/>
      <c r="HI1395" s="91"/>
      <c r="HJ1395" s="91"/>
      <c r="HK1395" s="127"/>
      <c r="HL1395" s="126"/>
      <c r="HM1395" s="91"/>
      <c r="HN1395" s="91"/>
      <c r="HO1395" s="91"/>
      <c r="HP1395" s="91"/>
      <c r="HQ1395" s="91"/>
      <c r="HR1395" s="91"/>
      <c r="HS1395" s="91"/>
      <c r="HT1395" s="91"/>
      <c r="HU1395" s="91"/>
      <c r="HV1395" s="91"/>
      <c r="HW1395" s="91"/>
      <c r="HX1395" s="91"/>
      <c r="HY1395" s="91"/>
      <c r="HZ1395" s="91"/>
      <c r="IA1395" s="91"/>
      <c r="IB1395" s="91"/>
      <c r="IC1395" s="91"/>
      <c r="ID1395" s="91"/>
      <c r="IE1395" s="91"/>
      <c r="IF1395" s="91"/>
      <c r="IG1395" s="91"/>
      <c r="IH1395" s="91"/>
      <c r="II1395" s="91"/>
      <c r="IJ1395" s="91"/>
      <c r="IK1395" s="127"/>
    </row>
    <row r="1396" spans="2:245" x14ac:dyDescent="0.2">
      <c r="B1396" s="43"/>
      <c r="C1396" s="73"/>
      <c r="D1396" s="64"/>
      <c r="E1396" s="64"/>
      <c r="F1396" s="55"/>
      <c r="G1396" s="102"/>
      <c r="H1396" s="55"/>
      <c r="I1396" s="55"/>
      <c r="J1396" s="55"/>
      <c r="K1396" s="55"/>
      <c r="L1396" s="55"/>
      <c r="M1396" s="55"/>
      <c r="N1396" s="55"/>
      <c r="O1396" s="55"/>
      <c r="P1396" s="55"/>
      <c r="Q1396" s="55"/>
      <c r="R1396" s="55"/>
      <c r="S1396" s="55"/>
      <c r="T1396" s="55"/>
      <c r="U1396" s="55"/>
      <c r="V1396" s="55"/>
      <c r="W1396" s="55"/>
      <c r="X1396" s="55"/>
      <c r="Y1396" s="55"/>
      <c r="Z1396" s="55"/>
      <c r="AA1396" s="55"/>
      <c r="AB1396" s="55"/>
      <c r="AC1396" s="55"/>
      <c r="AD1396" s="55"/>
      <c r="AE1396" s="55"/>
      <c r="AF1396" s="55"/>
      <c r="AG1396" s="55"/>
      <c r="AY1396" s="162"/>
      <c r="AZ1396" s="162"/>
      <c r="BA1396" s="162"/>
      <c r="BB1396" s="162"/>
      <c r="BC1396" s="162"/>
      <c r="BD1396" s="162"/>
      <c r="BE1396" s="162"/>
      <c r="BF1396" s="162"/>
      <c r="BG1396" s="162"/>
      <c r="BH1396" s="162"/>
      <c r="BI1396" s="162"/>
      <c r="BJ1396" s="162"/>
      <c r="BK1396" s="162"/>
      <c r="BL1396" s="162"/>
      <c r="BM1396" s="162"/>
      <c r="BN1396" s="162"/>
      <c r="BO1396" s="162"/>
      <c r="BP1396" s="162"/>
      <c r="BQ1396" s="162"/>
      <c r="BR1396" s="162"/>
      <c r="BS1396" s="162"/>
      <c r="BT1396" s="162"/>
      <c r="BU1396" s="162"/>
      <c r="BV1396" s="162"/>
      <c r="BW1396" s="162"/>
      <c r="BX1396" s="162"/>
      <c r="BY1396" s="162"/>
      <c r="BZ1396" s="162"/>
      <c r="CA1396" s="162"/>
      <c r="CB1396" s="162"/>
      <c r="CC1396" s="162"/>
      <c r="CD1396" s="162"/>
      <c r="CE1396" s="162"/>
      <c r="CF1396" s="162"/>
      <c r="CG1396" s="162"/>
      <c r="CH1396" s="162"/>
      <c r="CI1396" s="162"/>
      <c r="CJ1396" s="162"/>
      <c r="CK1396" s="162"/>
      <c r="CX1396" s="98"/>
      <c r="DL1396" s="97"/>
      <c r="DX1396" s="98"/>
      <c r="EL1396" s="97"/>
      <c r="EX1396" s="98"/>
      <c r="EY1396" s="97"/>
      <c r="FL1396" s="126"/>
      <c r="FM1396" s="91"/>
      <c r="FN1396" s="91"/>
      <c r="FO1396" s="91"/>
      <c r="FP1396" s="91"/>
      <c r="FQ1396" s="91"/>
      <c r="FR1396" s="91"/>
      <c r="FS1396" s="91"/>
      <c r="FT1396" s="91"/>
      <c r="FU1396" s="91"/>
      <c r="FV1396" s="91"/>
      <c r="FW1396" s="91"/>
      <c r="FX1396" s="91"/>
      <c r="FY1396" s="91"/>
      <c r="FZ1396" s="91"/>
      <c r="GA1396" s="91"/>
      <c r="GB1396" s="91"/>
      <c r="GC1396" s="91"/>
      <c r="GD1396" s="91"/>
      <c r="GE1396" s="91"/>
      <c r="GF1396" s="91"/>
      <c r="GG1396" s="91"/>
      <c r="GH1396" s="91"/>
      <c r="GI1396" s="91"/>
      <c r="GJ1396" s="91"/>
      <c r="GK1396" s="127"/>
      <c r="GL1396" s="126"/>
      <c r="GM1396" s="91"/>
      <c r="GN1396" s="91"/>
      <c r="GO1396" s="91"/>
      <c r="GP1396" s="91"/>
      <c r="GQ1396" s="91"/>
      <c r="GR1396" s="91"/>
      <c r="GS1396" s="91"/>
      <c r="GT1396" s="91"/>
      <c r="GU1396" s="91"/>
      <c r="GV1396" s="91"/>
      <c r="GW1396" s="91"/>
      <c r="GX1396" s="91"/>
      <c r="GY1396" s="91"/>
      <c r="GZ1396" s="91"/>
      <c r="HA1396" s="91"/>
      <c r="HB1396" s="91"/>
      <c r="HC1396" s="91"/>
      <c r="HD1396" s="91"/>
      <c r="HE1396" s="91"/>
      <c r="HF1396" s="91"/>
      <c r="HG1396" s="91"/>
      <c r="HH1396" s="91"/>
      <c r="HI1396" s="91"/>
      <c r="HJ1396" s="91"/>
      <c r="HK1396" s="127"/>
      <c r="HL1396" s="126"/>
      <c r="HM1396" s="91"/>
      <c r="HN1396" s="91"/>
      <c r="HO1396" s="91"/>
      <c r="HP1396" s="91"/>
      <c r="HQ1396" s="91"/>
      <c r="HR1396" s="91"/>
      <c r="HS1396" s="91"/>
      <c r="HT1396" s="91"/>
      <c r="HU1396" s="91"/>
      <c r="HV1396" s="91"/>
      <c r="HW1396" s="91"/>
      <c r="HX1396" s="91"/>
      <c r="HY1396" s="91"/>
      <c r="HZ1396" s="91"/>
      <c r="IA1396" s="91"/>
      <c r="IB1396" s="91"/>
      <c r="IC1396" s="91"/>
      <c r="ID1396" s="91"/>
      <c r="IE1396" s="91"/>
      <c r="IF1396" s="91"/>
      <c r="IG1396" s="91"/>
      <c r="IH1396" s="91"/>
      <c r="II1396" s="91"/>
      <c r="IJ1396" s="91"/>
      <c r="IK1396" s="127"/>
    </row>
    <row r="1397" spans="2:245" x14ac:dyDescent="0.2">
      <c r="B1397" s="43"/>
      <c r="C1397" s="73"/>
      <c r="D1397" s="64"/>
      <c r="E1397" s="64"/>
      <c r="F1397" s="55"/>
      <c r="G1397" s="102"/>
      <c r="H1397" s="55"/>
      <c r="I1397" s="55"/>
      <c r="J1397" s="55"/>
      <c r="K1397" s="55"/>
      <c r="L1397" s="55"/>
      <c r="M1397" s="55"/>
      <c r="N1397" s="55"/>
      <c r="O1397" s="55"/>
      <c r="P1397" s="55"/>
      <c r="Q1397" s="55"/>
      <c r="R1397" s="55"/>
      <c r="S1397" s="55"/>
      <c r="T1397" s="55"/>
      <c r="U1397" s="55"/>
      <c r="V1397" s="55"/>
      <c r="W1397" s="55"/>
      <c r="X1397" s="55"/>
      <c r="Y1397" s="55"/>
      <c r="Z1397" s="55"/>
      <c r="AA1397" s="55"/>
      <c r="AB1397" s="55"/>
      <c r="AC1397" s="55"/>
      <c r="AD1397" s="55"/>
      <c r="AE1397" s="55"/>
      <c r="AF1397" s="55"/>
      <c r="AG1397" s="55"/>
      <c r="AY1397" s="162"/>
      <c r="AZ1397" s="162"/>
      <c r="BA1397" s="162"/>
      <c r="BB1397" s="162"/>
      <c r="BC1397" s="162"/>
      <c r="BD1397" s="162"/>
      <c r="BE1397" s="162"/>
      <c r="BF1397" s="162"/>
      <c r="BG1397" s="162"/>
      <c r="BH1397" s="162"/>
      <c r="BI1397" s="162"/>
      <c r="BJ1397" s="162"/>
      <c r="BK1397" s="162"/>
      <c r="BL1397" s="162"/>
      <c r="BM1397" s="162"/>
      <c r="BN1397" s="162"/>
      <c r="BO1397" s="162"/>
      <c r="BP1397" s="162"/>
      <c r="BQ1397" s="162"/>
      <c r="BR1397" s="162"/>
      <c r="BS1397" s="162"/>
      <c r="BT1397" s="162"/>
      <c r="BU1397" s="162"/>
      <c r="BV1397" s="162"/>
      <c r="BW1397" s="162"/>
      <c r="BX1397" s="162"/>
      <c r="BY1397" s="162"/>
      <c r="BZ1397" s="162"/>
      <c r="CA1397" s="162"/>
      <c r="CB1397" s="162"/>
      <c r="CC1397" s="162"/>
      <c r="CD1397" s="162"/>
      <c r="CE1397" s="162"/>
      <c r="CF1397" s="162"/>
      <c r="CG1397" s="162"/>
      <c r="CH1397" s="162"/>
      <c r="CI1397" s="162"/>
      <c r="CJ1397" s="162"/>
      <c r="CK1397" s="162"/>
      <c r="CX1397" s="98"/>
      <c r="DL1397" s="97"/>
      <c r="DX1397" s="98"/>
      <c r="EL1397" s="97"/>
      <c r="EX1397" s="98"/>
      <c r="EY1397" s="97"/>
      <c r="FL1397" s="126"/>
      <c r="FM1397" s="91"/>
      <c r="FN1397" s="91"/>
      <c r="FO1397" s="91"/>
      <c r="FP1397" s="91"/>
      <c r="FQ1397" s="91"/>
      <c r="FR1397" s="91"/>
      <c r="FS1397" s="91"/>
      <c r="FT1397" s="91"/>
      <c r="FU1397" s="91"/>
      <c r="FV1397" s="91"/>
      <c r="FW1397" s="91"/>
      <c r="FX1397" s="91"/>
      <c r="FY1397" s="91"/>
      <c r="FZ1397" s="91"/>
      <c r="GA1397" s="91"/>
      <c r="GB1397" s="91"/>
      <c r="GC1397" s="91"/>
      <c r="GD1397" s="91"/>
      <c r="GE1397" s="91"/>
      <c r="GF1397" s="91"/>
      <c r="GG1397" s="91"/>
      <c r="GH1397" s="91"/>
      <c r="GI1397" s="91"/>
      <c r="GJ1397" s="91"/>
      <c r="GK1397" s="127"/>
      <c r="GL1397" s="126"/>
      <c r="GM1397" s="91"/>
      <c r="GN1397" s="91"/>
      <c r="GO1397" s="91"/>
      <c r="GP1397" s="91"/>
      <c r="GQ1397" s="91"/>
      <c r="GR1397" s="91"/>
      <c r="GS1397" s="91"/>
      <c r="GT1397" s="91"/>
      <c r="GU1397" s="91"/>
      <c r="GV1397" s="91"/>
      <c r="GW1397" s="91"/>
      <c r="GX1397" s="91"/>
      <c r="GY1397" s="91"/>
      <c r="GZ1397" s="91"/>
      <c r="HA1397" s="91"/>
      <c r="HB1397" s="91"/>
      <c r="HC1397" s="91"/>
      <c r="HD1397" s="91"/>
      <c r="HE1397" s="91"/>
      <c r="HF1397" s="91"/>
      <c r="HG1397" s="91"/>
      <c r="HH1397" s="91"/>
      <c r="HI1397" s="91"/>
      <c r="HJ1397" s="91"/>
      <c r="HK1397" s="127"/>
      <c r="HL1397" s="126"/>
      <c r="HM1397" s="91"/>
      <c r="HN1397" s="91"/>
      <c r="HO1397" s="91"/>
      <c r="HP1397" s="91"/>
      <c r="HQ1397" s="91"/>
      <c r="HR1397" s="91"/>
      <c r="HS1397" s="91"/>
      <c r="HT1397" s="91"/>
      <c r="HU1397" s="91"/>
      <c r="HV1397" s="91"/>
      <c r="HW1397" s="91"/>
      <c r="HX1397" s="91"/>
      <c r="HY1397" s="91"/>
      <c r="HZ1397" s="91"/>
      <c r="IA1397" s="91"/>
      <c r="IB1397" s="91"/>
      <c r="IC1397" s="91"/>
      <c r="ID1397" s="91"/>
      <c r="IE1397" s="91"/>
      <c r="IF1397" s="91"/>
      <c r="IG1397" s="91"/>
      <c r="IH1397" s="91"/>
      <c r="II1397" s="91"/>
      <c r="IJ1397" s="91"/>
      <c r="IK1397" s="127"/>
    </row>
    <row r="1398" spans="2:245" x14ac:dyDescent="0.2">
      <c r="B1398" s="43"/>
      <c r="C1398" s="73"/>
      <c r="D1398" s="64"/>
      <c r="E1398" s="64"/>
      <c r="F1398" s="55"/>
      <c r="G1398" s="102"/>
      <c r="H1398" s="55"/>
      <c r="I1398" s="55"/>
      <c r="J1398" s="55"/>
      <c r="K1398" s="55"/>
      <c r="L1398" s="55"/>
      <c r="M1398" s="55"/>
      <c r="N1398" s="55"/>
      <c r="O1398" s="55"/>
      <c r="P1398" s="55"/>
      <c r="Q1398" s="55"/>
      <c r="R1398" s="55"/>
      <c r="S1398" s="55"/>
      <c r="T1398" s="55"/>
      <c r="U1398" s="55"/>
      <c r="V1398" s="55"/>
      <c r="W1398" s="55"/>
      <c r="X1398" s="55"/>
      <c r="Y1398" s="55"/>
      <c r="Z1398" s="55"/>
      <c r="AA1398" s="55"/>
      <c r="AB1398" s="55"/>
      <c r="AC1398" s="55"/>
      <c r="AD1398" s="55"/>
      <c r="AE1398" s="55"/>
      <c r="AF1398" s="55"/>
      <c r="AG1398" s="55"/>
      <c r="AY1398" s="162"/>
      <c r="AZ1398" s="162"/>
      <c r="BA1398" s="162"/>
      <c r="BB1398" s="162"/>
      <c r="BC1398" s="162"/>
      <c r="BD1398" s="162"/>
      <c r="BE1398" s="162"/>
      <c r="BF1398" s="162"/>
      <c r="BG1398" s="162"/>
      <c r="BH1398" s="162"/>
      <c r="BI1398" s="162"/>
      <c r="BJ1398" s="162"/>
      <c r="BK1398" s="162"/>
      <c r="BL1398" s="162"/>
      <c r="BM1398" s="162"/>
      <c r="BN1398" s="162"/>
      <c r="BO1398" s="162"/>
      <c r="BP1398" s="162"/>
      <c r="BQ1398" s="162"/>
      <c r="BR1398" s="162"/>
      <c r="BS1398" s="162"/>
      <c r="BT1398" s="162"/>
      <c r="BU1398" s="162"/>
      <c r="BV1398" s="162"/>
      <c r="BW1398" s="162"/>
      <c r="BX1398" s="162"/>
      <c r="BY1398" s="162"/>
      <c r="BZ1398" s="162"/>
      <c r="CA1398" s="162"/>
      <c r="CB1398" s="162"/>
      <c r="CC1398" s="162"/>
      <c r="CD1398" s="162"/>
      <c r="CE1398" s="162"/>
      <c r="CF1398" s="162"/>
      <c r="CG1398" s="162"/>
      <c r="CH1398" s="162"/>
      <c r="CI1398" s="162"/>
      <c r="CJ1398" s="162"/>
      <c r="CK1398" s="162"/>
      <c r="CX1398" s="98"/>
      <c r="DL1398" s="97"/>
      <c r="DX1398" s="98"/>
      <c r="EL1398" s="97"/>
      <c r="EX1398" s="98"/>
      <c r="EY1398" s="97"/>
      <c r="FL1398" s="126"/>
      <c r="FM1398" s="91"/>
      <c r="FN1398" s="91"/>
      <c r="FO1398" s="91"/>
      <c r="FP1398" s="91"/>
      <c r="FQ1398" s="91"/>
      <c r="FR1398" s="91"/>
      <c r="FS1398" s="91"/>
      <c r="FT1398" s="91"/>
      <c r="FU1398" s="91"/>
      <c r="FV1398" s="91"/>
      <c r="FW1398" s="91"/>
      <c r="FX1398" s="91"/>
      <c r="FY1398" s="91"/>
      <c r="FZ1398" s="91"/>
      <c r="GA1398" s="91"/>
      <c r="GB1398" s="91"/>
      <c r="GC1398" s="91"/>
      <c r="GD1398" s="91"/>
      <c r="GE1398" s="91"/>
      <c r="GF1398" s="91"/>
      <c r="GG1398" s="91"/>
      <c r="GH1398" s="91"/>
      <c r="GI1398" s="91"/>
      <c r="GJ1398" s="91"/>
      <c r="GK1398" s="127"/>
      <c r="GL1398" s="126"/>
      <c r="GM1398" s="91"/>
      <c r="GN1398" s="91"/>
      <c r="GO1398" s="91"/>
      <c r="GP1398" s="91"/>
      <c r="GQ1398" s="91"/>
      <c r="GR1398" s="91"/>
      <c r="GS1398" s="91"/>
      <c r="GT1398" s="91"/>
      <c r="GU1398" s="91"/>
      <c r="GV1398" s="91"/>
      <c r="GW1398" s="91"/>
      <c r="GX1398" s="91"/>
      <c r="GY1398" s="91"/>
      <c r="GZ1398" s="91"/>
      <c r="HA1398" s="91"/>
      <c r="HB1398" s="91"/>
      <c r="HC1398" s="91"/>
      <c r="HD1398" s="91"/>
      <c r="HE1398" s="91"/>
      <c r="HF1398" s="91"/>
      <c r="HG1398" s="91"/>
      <c r="HH1398" s="91"/>
      <c r="HI1398" s="91"/>
      <c r="HJ1398" s="91"/>
      <c r="HK1398" s="127"/>
      <c r="HL1398" s="126"/>
      <c r="HM1398" s="91"/>
      <c r="HN1398" s="91"/>
      <c r="HO1398" s="91"/>
      <c r="HP1398" s="91"/>
      <c r="HQ1398" s="91"/>
      <c r="HR1398" s="91"/>
      <c r="HS1398" s="91"/>
      <c r="HT1398" s="91"/>
      <c r="HU1398" s="91"/>
      <c r="HV1398" s="91"/>
      <c r="HW1398" s="91"/>
      <c r="HX1398" s="91"/>
      <c r="HY1398" s="91"/>
      <c r="HZ1398" s="91"/>
      <c r="IA1398" s="91"/>
      <c r="IB1398" s="91"/>
      <c r="IC1398" s="91"/>
      <c r="ID1398" s="91"/>
      <c r="IE1398" s="91"/>
      <c r="IF1398" s="91"/>
      <c r="IG1398" s="91"/>
      <c r="IH1398" s="91"/>
      <c r="II1398" s="91"/>
      <c r="IJ1398" s="91"/>
      <c r="IK1398" s="127"/>
    </row>
    <row r="1399" spans="2:245" x14ac:dyDescent="0.2">
      <c r="B1399" s="43"/>
      <c r="C1399" s="73"/>
      <c r="D1399" s="64"/>
      <c r="E1399" s="64"/>
      <c r="F1399" s="55"/>
      <c r="G1399" s="102"/>
      <c r="H1399" s="55"/>
      <c r="I1399" s="55"/>
      <c r="J1399" s="55"/>
      <c r="K1399" s="55"/>
      <c r="L1399" s="55"/>
      <c r="M1399" s="55"/>
      <c r="N1399" s="55"/>
      <c r="O1399" s="55"/>
      <c r="P1399" s="55"/>
      <c r="Q1399" s="55"/>
      <c r="R1399" s="55"/>
      <c r="S1399" s="55"/>
      <c r="T1399" s="55"/>
      <c r="U1399" s="55"/>
      <c r="V1399" s="55"/>
      <c r="W1399" s="55"/>
      <c r="X1399" s="55"/>
      <c r="Y1399" s="55"/>
      <c r="Z1399" s="55"/>
      <c r="AA1399" s="55"/>
      <c r="AB1399" s="55"/>
      <c r="AC1399" s="55"/>
      <c r="AD1399" s="55"/>
      <c r="AE1399" s="55"/>
      <c r="AF1399" s="55"/>
      <c r="AG1399" s="55"/>
      <c r="AY1399" s="162"/>
      <c r="AZ1399" s="162"/>
      <c r="BA1399" s="162"/>
      <c r="BB1399" s="162"/>
      <c r="BC1399" s="162"/>
      <c r="BD1399" s="162"/>
      <c r="BE1399" s="162"/>
      <c r="BF1399" s="162"/>
      <c r="BG1399" s="162"/>
      <c r="BH1399" s="162"/>
      <c r="BI1399" s="162"/>
      <c r="BJ1399" s="162"/>
      <c r="BK1399" s="162"/>
      <c r="BL1399" s="162"/>
      <c r="BM1399" s="162"/>
      <c r="BN1399" s="162"/>
      <c r="BO1399" s="162"/>
      <c r="BP1399" s="162"/>
      <c r="BQ1399" s="162"/>
      <c r="BR1399" s="162"/>
      <c r="BS1399" s="162"/>
      <c r="BT1399" s="162"/>
      <c r="BU1399" s="162"/>
      <c r="BV1399" s="162"/>
      <c r="BW1399" s="162"/>
      <c r="BX1399" s="162"/>
      <c r="BY1399" s="162"/>
      <c r="BZ1399" s="162"/>
      <c r="CA1399" s="162"/>
      <c r="CB1399" s="162"/>
      <c r="CC1399" s="162"/>
      <c r="CD1399" s="162"/>
      <c r="CE1399" s="162"/>
      <c r="CF1399" s="162"/>
      <c r="CG1399" s="162"/>
      <c r="CH1399" s="162"/>
      <c r="CI1399" s="162"/>
      <c r="CJ1399" s="162"/>
      <c r="CK1399" s="162"/>
      <c r="CX1399" s="98"/>
      <c r="DL1399" s="97"/>
      <c r="DX1399" s="98"/>
      <c r="EL1399" s="97"/>
      <c r="EX1399" s="98"/>
      <c r="EY1399" s="97"/>
      <c r="FL1399" s="126"/>
      <c r="FM1399" s="91"/>
      <c r="FN1399" s="91"/>
      <c r="FO1399" s="91"/>
      <c r="FP1399" s="91"/>
      <c r="FQ1399" s="91"/>
      <c r="FR1399" s="91"/>
      <c r="FS1399" s="91"/>
      <c r="FT1399" s="91"/>
      <c r="FU1399" s="91"/>
      <c r="FV1399" s="91"/>
      <c r="FW1399" s="91"/>
      <c r="FX1399" s="91"/>
      <c r="FY1399" s="91"/>
      <c r="FZ1399" s="91"/>
      <c r="GA1399" s="91"/>
      <c r="GB1399" s="91"/>
      <c r="GC1399" s="91"/>
      <c r="GD1399" s="91"/>
      <c r="GE1399" s="91"/>
      <c r="GF1399" s="91"/>
      <c r="GG1399" s="91"/>
      <c r="GH1399" s="91"/>
      <c r="GI1399" s="91"/>
      <c r="GJ1399" s="91"/>
      <c r="GK1399" s="127"/>
      <c r="GL1399" s="126"/>
      <c r="GM1399" s="91"/>
      <c r="GN1399" s="91"/>
      <c r="GO1399" s="91"/>
      <c r="GP1399" s="91"/>
      <c r="GQ1399" s="91"/>
      <c r="GR1399" s="91"/>
      <c r="GS1399" s="91"/>
      <c r="GT1399" s="91"/>
      <c r="GU1399" s="91"/>
      <c r="GV1399" s="91"/>
      <c r="GW1399" s="91"/>
      <c r="GX1399" s="91"/>
      <c r="GY1399" s="91"/>
      <c r="GZ1399" s="91"/>
      <c r="HA1399" s="91"/>
      <c r="HB1399" s="91"/>
      <c r="HC1399" s="91"/>
      <c r="HD1399" s="91"/>
      <c r="HE1399" s="91"/>
      <c r="HF1399" s="91"/>
      <c r="HG1399" s="91"/>
      <c r="HH1399" s="91"/>
      <c r="HI1399" s="91"/>
      <c r="HJ1399" s="91"/>
      <c r="HK1399" s="127"/>
      <c r="HL1399" s="126"/>
      <c r="HM1399" s="91"/>
      <c r="HN1399" s="91"/>
      <c r="HO1399" s="91"/>
      <c r="HP1399" s="91"/>
      <c r="HQ1399" s="91"/>
      <c r="HR1399" s="91"/>
      <c r="HS1399" s="91"/>
      <c r="HT1399" s="91"/>
      <c r="HU1399" s="91"/>
      <c r="HV1399" s="91"/>
      <c r="HW1399" s="91"/>
      <c r="HX1399" s="91"/>
      <c r="HY1399" s="91"/>
      <c r="HZ1399" s="91"/>
      <c r="IA1399" s="91"/>
      <c r="IB1399" s="91"/>
      <c r="IC1399" s="91"/>
      <c r="ID1399" s="91"/>
      <c r="IE1399" s="91"/>
      <c r="IF1399" s="91"/>
      <c r="IG1399" s="91"/>
      <c r="IH1399" s="91"/>
      <c r="II1399" s="91"/>
      <c r="IJ1399" s="91"/>
      <c r="IK1399" s="127"/>
    </row>
    <row r="1400" spans="2:245" x14ac:dyDescent="0.2">
      <c r="B1400" s="43"/>
      <c r="C1400" s="73"/>
      <c r="D1400" s="64"/>
      <c r="E1400" s="64"/>
      <c r="F1400" s="55"/>
      <c r="G1400" s="102"/>
      <c r="H1400" s="55"/>
      <c r="I1400" s="55"/>
      <c r="J1400" s="55"/>
      <c r="K1400" s="55"/>
      <c r="L1400" s="55"/>
      <c r="M1400" s="55"/>
      <c r="N1400" s="55"/>
      <c r="O1400" s="55"/>
      <c r="P1400" s="55"/>
      <c r="Q1400" s="55"/>
      <c r="R1400" s="55"/>
      <c r="S1400" s="55"/>
      <c r="T1400" s="55"/>
      <c r="U1400" s="55"/>
      <c r="V1400" s="55"/>
      <c r="W1400" s="55"/>
      <c r="X1400" s="55"/>
      <c r="Y1400" s="55"/>
      <c r="Z1400" s="55"/>
      <c r="AA1400" s="55"/>
      <c r="AB1400" s="55"/>
      <c r="AC1400" s="55"/>
      <c r="AD1400" s="55"/>
      <c r="AE1400" s="55"/>
      <c r="AF1400" s="55"/>
      <c r="AG1400" s="55"/>
      <c r="AY1400" s="162"/>
      <c r="AZ1400" s="162"/>
      <c r="BA1400" s="162"/>
      <c r="BB1400" s="162"/>
      <c r="BC1400" s="162"/>
      <c r="BD1400" s="162"/>
      <c r="BE1400" s="162"/>
      <c r="BF1400" s="162"/>
      <c r="BG1400" s="162"/>
      <c r="BH1400" s="162"/>
      <c r="BI1400" s="162"/>
      <c r="BJ1400" s="162"/>
      <c r="BK1400" s="162"/>
      <c r="BL1400" s="162"/>
      <c r="BM1400" s="162"/>
      <c r="BN1400" s="162"/>
      <c r="BO1400" s="162"/>
      <c r="BP1400" s="162"/>
      <c r="BQ1400" s="162"/>
      <c r="BR1400" s="162"/>
      <c r="BS1400" s="162"/>
      <c r="BT1400" s="162"/>
      <c r="BU1400" s="162"/>
      <c r="BV1400" s="162"/>
      <c r="BW1400" s="162"/>
      <c r="BX1400" s="162"/>
      <c r="BY1400" s="162"/>
      <c r="BZ1400" s="162"/>
      <c r="CA1400" s="162"/>
      <c r="CB1400" s="162"/>
      <c r="CC1400" s="162"/>
      <c r="CD1400" s="162"/>
      <c r="CE1400" s="162"/>
      <c r="CF1400" s="162"/>
      <c r="CG1400" s="162"/>
      <c r="CH1400" s="162"/>
      <c r="CI1400" s="162"/>
      <c r="CJ1400" s="162"/>
      <c r="CK1400" s="162"/>
      <c r="CX1400" s="98"/>
      <c r="DL1400" s="97"/>
      <c r="DX1400" s="98"/>
      <c r="EL1400" s="97"/>
      <c r="EX1400" s="98"/>
      <c r="EY1400" s="97"/>
      <c r="FL1400" s="126"/>
      <c r="FM1400" s="91"/>
      <c r="FN1400" s="91"/>
      <c r="FO1400" s="91"/>
      <c r="FP1400" s="91"/>
      <c r="FQ1400" s="91"/>
      <c r="FR1400" s="91"/>
      <c r="FS1400" s="91"/>
      <c r="FT1400" s="91"/>
      <c r="FU1400" s="91"/>
      <c r="FV1400" s="91"/>
      <c r="FW1400" s="91"/>
      <c r="FX1400" s="91"/>
      <c r="FY1400" s="91"/>
      <c r="FZ1400" s="91"/>
      <c r="GA1400" s="91"/>
      <c r="GB1400" s="91"/>
      <c r="GC1400" s="91"/>
      <c r="GD1400" s="91"/>
      <c r="GE1400" s="91"/>
      <c r="GF1400" s="91"/>
      <c r="GG1400" s="91"/>
      <c r="GH1400" s="91"/>
      <c r="GI1400" s="91"/>
      <c r="GJ1400" s="91"/>
      <c r="GK1400" s="127"/>
      <c r="GL1400" s="126"/>
      <c r="GM1400" s="91"/>
      <c r="GN1400" s="91"/>
      <c r="GO1400" s="91"/>
      <c r="GP1400" s="91"/>
      <c r="GQ1400" s="91"/>
      <c r="GR1400" s="91"/>
      <c r="GS1400" s="91"/>
      <c r="GT1400" s="91"/>
      <c r="GU1400" s="91"/>
      <c r="GV1400" s="91"/>
      <c r="GW1400" s="91"/>
      <c r="GX1400" s="91"/>
      <c r="GY1400" s="91"/>
      <c r="GZ1400" s="91"/>
      <c r="HA1400" s="91"/>
      <c r="HB1400" s="91"/>
      <c r="HC1400" s="91"/>
      <c r="HD1400" s="91"/>
      <c r="HE1400" s="91"/>
      <c r="HF1400" s="91"/>
      <c r="HG1400" s="91"/>
      <c r="HH1400" s="91"/>
      <c r="HI1400" s="91"/>
      <c r="HJ1400" s="91"/>
      <c r="HK1400" s="127"/>
      <c r="HL1400" s="126"/>
      <c r="HM1400" s="91"/>
      <c r="HN1400" s="91"/>
      <c r="HO1400" s="91"/>
      <c r="HP1400" s="91"/>
      <c r="HQ1400" s="91"/>
      <c r="HR1400" s="91"/>
      <c r="HS1400" s="91"/>
      <c r="HT1400" s="91"/>
      <c r="HU1400" s="91"/>
      <c r="HV1400" s="91"/>
      <c r="HW1400" s="91"/>
      <c r="HX1400" s="91"/>
      <c r="HY1400" s="91"/>
      <c r="HZ1400" s="91"/>
      <c r="IA1400" s="91"/>
      <c r="IB1400" s="91"/>
      <c r="IC1400" s="91"/>
      <c r="ID1400" s="91"/>
      <c r="IE1400" s="91"/>
      <c r="IF1400" s="91"/>
      <c r="IG1400" s="91"/>
      <c r="IH1400" s="91"/>
      <c r="II1400" s="91"/>
      <c r="IJ1400" s="91"/>
      <c r="IK1400" s="127"/>
    </row>
    <row r="1401" spans="2:245" x14ac:dyDescent="0.2">
      <c r="B1401" s="43"/>
      <c r="C1401" s="73"/>
      <c r="D1401" s="64"/>
      <c r="E1401" s="64"/>
      <c r="F1401" s="55"/>
      <c r="G1401" s="102"/>
      <c r="H1401" s="55"/>
      <c r="I1401" s="55"/>
      <c r="J1401" s="55"/>
      <c r="K1401" s="55"/>
      <c r="L1401" s="55"/>
      <c r="M1401" s="55"/>
      <c r="N1401" s="55"/>
      <c r="O1401" s="55"/>
      <c r="P1401" s="55"/>
      <c r="Q1401" s="55"/>
      <c r="R1401" s="55"/>
      <c r="S1401" s="55"/>
      <c r="T1401" s="55"/>
      <c r="U1401" s="55"/>
      <c r="V1401" s="55"/>
      <c r="W1401" s="55"/>
      <c r="X1401" s="55"/>
      <c r="Y1401" s="55"/>
      <c r="Z1401" s="55"/>
      <c r="AA1401" s="55"/>
      <c r="AB1401" s="55"/>
      <c r="AC1401" s="55"/>
      <c r="AD1401" s="55"/>
      <c r="AE1401" s="55"/>
      <c r="AF1401" s="55"/>
      <c r="AG1401" s="55"/>
      <c r="AY1401" s="162"/>
      <c r="AZ1401" s="162"/>
      <c r="BA1401" s="162"/>
      <c r="BB1401" s="162"/>
      <c r="BC1401" s="162"/>
      <c r="BD1401" s="162"/>
      <c r="BE1401" s="162"/>
      <c r="BF1401" s="162"/>
      <c r="BG1401" s="162"/>
      <c r="BH1401" s="162"/>
      <c r="BI1401" s="162"/>
      <c r="BJ1401" s="162"/>
      <c r="BK1401" s="162"/>
      <c r="BL1401" s="162"/>
      <c r="BM1401" s="162"/>
      <c r="BN1401" s="162"/>
      <c r="BO1401" s="162"/>
      <c r="BP1401" s="162"/>
      <c r="BQ1401" s="162"/>
      <c r="BR1401" s="162"/>
      <c r="BS1401" s="162"/>
      <c r="BT1401" s="162"/>
      <c r="BU1401" s="162"/>
      <c r="BV1401" s="162"/>
      <c r="BW1401" s="162"/>
      <c r="BX1401" s="162"/>
      <c r="BY1401" s="162"/>
      <c r="BZ1401" s="162"/>
      <c r="CA1401" s="162"/>
      <c r="CB1401" s="162"/>
      <c r="CC1401" s="162"/>
      <c r="CD1401" s="162"/>
      <c r="CE1401" s="162"/>
      <c r="CF1401" s="162"/>
      <c r="CG1401" s="162"/>
      <c r="CH1401" s="162"/>
      <c r="CI1401" s="162"/>
      <c r="CJ1401" s="162"/>
      <c r="CK1401" s="162"/>
      <c r="CX1401" s="98"/>
      <c r="DL1401" s="97"/>
      <c r="DX1401" s="98"/>
      <c r="EL1401" s="97"/>
      <c r="EX1401" s="98"/>
      <c r="EY1401" s="97"/>
      <c r="FL1401" s="126"/>
      <c r="FM1401" s="91"/>
      <c r="FN1401" s="91"/>
      <c r="FO1401" s="91"/>
      <c r="FP1401" s="91"/>
      <c r="FQ1401" s="91"/>
      <c r="FR1401" s="91"/>
      <c r="FS1401" s="91"/>
      <c r="FT1401" s="91"/>
      <c r="FU1401" s="91"/>
      <c r="FV1401" s="91"/>
      <c r="FW1401" s="91"/>
      <c r="FX1401" s="91"/>
      <c r="FY1401" s="91"/>
      <c r="FZ1401" s="91"/>
      <c r="GA1401" s="91"/>
      <c r="GB1401" s="91"/>
      <c r="GC1401" s="91"/>
      <c r="GD1401" s="91"/>
      <c r="GE1401" s="91"/>
      <c r="GF1401" s="91"/>
      <c r="GG1401" s="91"/>
      <c r="GH1401" s="91"/>
      <c r="GI1401" s="91"/>
      <c r="GJ1401" s="91"/>
      <c r="GK1401" s="127"/>
      <c r="GL1401" s="126"/>
      <c r="GM1401" s="91"/>
      <c r="GN1401" s="91"/>
      <c r="GO1401" s="91"/>
      <c r="GP1401" s="91"/>
      <c r="GQ1401" s="91"/>
      <c r="GR1401" s="91"/>
      <c r="GS1401" s="91"/>
      <c r="GT1401" s="91"/>
      <c r="GU1401" s="91"/>
      <c r="GV1401" s="91"/>
      <c r="GW1401" s="91"/>
      <c r="GX1401" s="91"/>
      <c r="GY1401" s="91"/>
      <c r="GZ1401" s="91"/>
      <c r="HA1401" s="91"/>
      <c r="HB1401" s="91"/>
      <c r="HC1401" s="91"/>
      <c r="HD1401" s="91"/>
      <c r="HE1401" s="91"/>
      <c r="HF1401" s="91"/>
      <c r="HG1401" s="91"/>
      <c r="HH1401" s="91"/>
      <c r="HI1401" s="91"/>
      <c r="HJ1401" s="91"/>
      <c r="HK1401" s="127"/>
      <c r="HL1401" s="126"/>
      <c r="HM1401" s="91"/>
      <c r="HN1401" s="91"/>
      <c r="HO1401" s="91"/>
      <c r="HP1401" s="91"/>
      <c r="HQ1401" s="91"/>
      <c r="HR1401" s="91"/>
      <c r="HS1401" s="91"/>
      <c r="HT1401" s="91"/>
      <c r="HU1401" s="91"/>
      <c r="HV1401" s="91"/>
      <c r="HW1401" s="91"/>
      <c r="HX1401" s="91"/>
      <c r="HY1401" s="91"/>
      <c r="HZ1401" s="91"/>
      <c r="IA1401" s="91"/>
      <c r="IB1401" s="91"/>
      <c r="IC1401" s="91"/>
      <c r="ID1401" s="91"/>
      <c r="IE1401" s="91"/>
      <c r="IF1401" s="91"/>
      <c r="IG1401" s="91"/>
      <c r="IH1401" s="91"/>
      <c r="II1401" s="91"/>
      <c r="IJ1401" s="91"/>
      <c r="IK1401" s="127"/>
    </row>
    <row r="1402" spans="2:245" x14ac:dyDescent="0.2">
      <c r="B1402" s="43"/>
      <c r="C1402" s="73"/>
      <c r="D1402" s="64"/>
      <c r="E1402" s="64"/>
      <c r="F1402" s="55"/>
      <c r="G1402" s="102"/>
      <c r="H1402" s="55"/>
      <c r="I1402" s="55"/>
      <c r="J1402" s="55"/>
      <c r="K1402" s="55"/>
      <c r="L1402" s="55"/>
      <c r="M1402" s="55"/>
      <c r="N1402" s="55"/>
      <c r="O1402" s="55"/>
      <c r="P1402" s="55"/>
      <c r="Q1402" s="55"/>
      <c r="R1402" s="55"/>
      <c r="S1402" s="55"/>
      <c r="T1402" s="55"/>
      <c r="U1402" s="55"/>
      <c r="V1402" s="55"/>
      <c r="W1402" s="55"/>
      <c r="X1402" s="55"/>
      <c r="Y1402" s="55"/>
      <c r="Z1402" s="55"/>
      <c r="AA1402" s="55"/>
      <c r="AB1402" s="55"/>
      <c r="AC1402" s="55"/>
      <c r="AD1402" s="55"/>
      <c r="AE1402" s="55"/>
      <c r="AF1402" s="55"/>
      <c r="AG1402" s="55"/>
      <c r="AY1402" s="162"/>
      <c r="AZ1402" s="162"/>
      <c r="BA1402" s="162"/>
      <c r="BB1402" s="162"/>
      <c r="BC1402" s="162"/>
      <c r="BD1402" s="162"/>
      <c r="BE1402" s="162"/>
      <c r="BF1402" s="162"/>
      <c r="BG1402" s="162"/>
      <c r="BH1402" s="162"/>
      <c r="BI1402" s="162"/>
      <c r="BJ1402" s="162"/>
      <c r="BK1402" s="162"/>
      <c r="BL1402" s="162"/>
      <c r="BM1402" s="162"/>
      <c r="BN1402" s="162"/>
      <c r="BO1402" s="162"/>
      <c r="BP1402" s="162"/>
      <c r="BQ1402" s="162"/>
      <c r="BR1402" s="162"/>
      <c r="BS1402" s="162"/>
      <c r="BT1402" s="162"/>
      <c r="BU1402" s="162"/>
      <c r="BV1402" s="162"/>
      <c r="BW1402" s="162"/>
      <c r="BX1402" s="162"/>
      <c r="BY1402" s="162"/>
      <c r="BZ1402" s="162"/>
      <c r="CA1402" s="162"/>
      <c r="CB1402" s="162"/>
      <c r="CC1402" s="162"/>
      <c r="CD1402" s="162"/>
      <c r="CE1402" s="162"/>
      <c r="CF1402" s="162"/>
      <c r="CG1402" s="162"/>
      <c r="CH1402" s="162"/>
      <c r="CI1402" s="162"/>
      <c r="CJ1402" s="162"/>
      <c r="CK1402" s="162"/>
      <c r="CX1402" s="98"/>
      <c r="DL1402" s="97"/>
      <c r="DX1402" s="98"/>
      <c r="EL1402" s="97"/>
      <c r="EX1402" s="98"/>
      <c r="EY1402" s="97"/>
      <c r="FL1402" s="126"/>
      <c r="FM1402" s="91"/>
      <c r="FN1402" s="91"/>
      <c r="FO1402" s="91"/>
      <c r="FP1402" s="91"/>
      <c r="FQ1402" s="91"/>
      <c r="FR1402" s="91"/>
      <c r="FS1402" s="91"/>
      <c r="FT1402" s="91"/>
      <c r="FU1402" s="91"/>
      <c r="FV1402" s="91"/>
      <c r="FW1402" s="91"/>
      <c r="FX1402" s="91"/>
      <c r="FY1402" s="91"/>
      <c r="FZ1402" s="91"/>
      <c r="GA1402" s="91"/>
      <c r="GB1402" s="91"/>
      <c r="GC1402" s="91"/>
      <c r="GD1402" s="91"/>
      <c r="GE1402" s="91"/>
      <c r="GF1402" s="91"/>
      <c r="GG1402" s="91"/>
      <c r="GH1402" s="91"/>
      <c r="GI1402" s="91"/>
      <c r="GJ1402" s="91"/>
      <c r="GK1402" s="127"/>
      <c r="GL1402" s="126"/>
      <c r="GM1402" s="91"/>
      <c r="GN1402" s="91"/>
      <c r="GO1402" s="91"/>
      <c r="GP1402" s="91"/>
      <c r="GQ1402" s="91"/>
      <c r="GR1402" s="91"/>
      <c r="GS1402" s="91"/>
      <c r="GT1402" s="91"/>
      <c r="GU1402" s="91"/>
      <c r="GV1402" s="91"/>
      <c r="GW1402" s="91"/>
      <c r="GX1402" s="91"/>
      <c r="GY1402" s="91"/>
      <c r="GZ1402" s="91"/>
      <c r="HA1402" s="91"/>
      <c r="HB1402" s="91"/>
      <c r="HC1402" s="91"/>
      <c r="HD1402" s="91"/>
      <c r="HE1402" s="91"/>
      <c r="HF1402" s="91"/>
      <c r="HG1402" s="91"/>
      <c r="HH1402" s="91"/>
      <c r="HI1402" s="91"/>
      <c r="HJ1402" s="91"/>
      <c r="HK1402" s="127"/>
      <c r="HL1402" s="126"/>
      <c r="HM1402" s="91"/>
      <c r="HN1402" s="91"/>
      <c r="HO1402" s="91"/>
      <c r="HP1402" s="91"/>
      <c r="HQ1402" s="91"/>
      <c r="HR1402" s="91"/>
      <c r="HS1402" s="91"/>
      <c r="HT1402" s="91"/>
      <c r="HU1402" s="91"/>
      <c r="HV1402" s="91"/>
      <c r="HW1402" s="91"/>
      <c r="HX1402" s="91"/>
      <c r="HY1402" s="91"/>
      <c r="HZ1402" s="91"/>
      <c r="IA1402" s="91"/>
      <c r="IB1402" s="91"/>
      <c r="IC1402" s="91"/>
      <c r="ID1402" s="91"/>
      <c r="IE1402" s="91"/>
      <c r="IF1402" s="91"/>
      <c r="IG1402" s="91"/>
      <c r="IH1402" s="91"/>
      <c r="II1402" s="91"/>
      <c r="IJ1402" s="91"/>
      <c r="IK1402" s="127"/>
    </row>
    <row r="1403" spans="2:245" x14ac:dyDescent="0.2">
      <c r="B1403" s="43"/>
      <c r="C1403" s="73"/>
      <c r="D1403" s="64"/>
      <c r="E1403" s="64"/>
      <c r="F1403" s="55"/>
      <c r="G1403" s="102"/>
      <c r="H1403" s="55"/>
      <c r="I1403" s="55"/>
      <c r="J1403" s="55"/>
      <c r="K1403" s="55"/>
      <c r="L1403" s="55"/>
      <c r="M1403" s="55"/>
      <c r="N1403" s="55"/>
      <c r="O1403" s="55"/>
      <c r="P1403" s="55"/>
      <c r="Q1403" s="55"/>
      <c r="R1403" s="55"/>
      <c r="S1403" s="55"/>
      <c r="T1403" s="55"/>
      <c r="U1403" s="55"/>
      <c r="V1403" s="55"/>
      <c r="W1403" s="55"/>
      <c r="X1403" s="55"/>
      <c r="Y1403" s="55"/>
      <c r="Z1403" s="55"/>
      <c r="AA1403" s="55"/>
      <c r="AB1403" s="55"/>
      <c r="AC1403" s="55"/>
      <c r="AD1403" s="55"/>
      <c r="AE1403" s="55"/>
      <c r="AF1403" s="55"/>
      <c r="AG1403" s="55"/>
      <c r="AY1403" s="162"/>
      <c r="AZ1403" s="162"/>
      <c r="BA1403" s="162"/>
      <c r="BB1403" s="162"/>
      <c r="BC1403" s="162"/>
      <c r="BD1403" s="162"/>
      <c r="BE1403" s="162"/>
      <c r="BF1403" s="162"/>
      <c r="BG1403" s="162"/>
      <c r="BH1403" s="162"/>
      <c r="BI1403" s="162"/>
      <c r="BJ1403" s="162"/>
      <c r="BK1403" s="162"/>
      <c r="BL1403" s="162"/>
      <c r="BM1403" s="162"/>
      <c r="BN1403" s="162"/>
      <c r="BO1403" s="162"/>
      <c r="BP1403" s="162"/>
      <c r="BQ1403" s="162"/>
      <c r="BR1403" s="162"/>
      <c r="BS1403" s="162"/>
      <c r="BT1403" s="162"/>
      <c r="BU1403" s="162"/>
      <c r="BV1403" s="162"/>
      <c r="BW1403" s="162"/>
      <c r="BX1403" s="162"/>
      <c r="BY1403" s="162"/>
      <c r="BZ1403" s="162"/>
      <c r="CA1403" s="162"/>
      <c r="CB1403" s="162"/>
      <c r="CC1403" s="162"/>
      <c r="CD1403" s="162"/>
      <c r="CE1403" s="162"/>
      <c r="CF1403" s="162"/>
      <c r="CG1403" s="162"/>
      <c r="CH1403" s="162"/>
      <c r="CI1403" s="162"/>
      <c r="CJ1403" s="162"/>
      <c r="CK1403" s="162"/>
      <c r="CX1403" s="98"/>
      <c r="DL1403" s="97"/>
      <c r="DX1403" s="98"/>
      <c r="EL1403" s="97"/>
      <c r="EX1403" s="98"/>
      <c r="EY1403" s="97"/>
      <c r="FL1403" s="126"/>
      <c r="FM1403" s="91"/>
      <c r="FN1403" s="91"/>
      <c r="FO1403" s="91"/>
      <c r="FP1403" s="91"/>
      <c r="FQ1403" s="91"/>
      <c r="FR1403" s="91"/>
      <c r="FS1403" s="91"/>
      <c r="FT1403" s="91"/>
      <c r="FU1403" s="91"/>
      <c r="FV1403" s="91"/>
      <c r="FW1403" s="91"/>
      <c r="FX1403" s="91"/>
      <c r="FY1403" s="91"/>
      <c r="FZ1403" s="91"/>
      <c r="GA1403" s="91"/>
      <c r="GB1403" s="91"/>
      <c r="GC1403" s="91"/>
      <c r="GD1403" s="91"/>
      <c r="GE1403" s="91"/>
      <c r="GF1403" s="91"/>
      <c r="GG1403" s="91"/>
      <c r="GH1403" s="91"/>
      <c r="GI1403" s="91"/>
      <c r="GJ1403" s="91"/>
      <c r="GK1403" s="127"/>
      <c r="GL1403" s="126"/>
      <c r="GM1403" s="91"/>
      <c r="GN1403" s="91"/>
      <c r="GO1403" s="91"/>
      <c r="GP1403" s="91"/>
      <c r="GQ1403" s="91"/>
      <c r="GR1403" s="91"/>
      <c r="GS1403" s="91"/>
      <c r="GT1403" s="91"/>
      <c r="GU1403" s="91"/>
      <c r="GV1403" s="91"/>
      <c r="GW1403" s="91"/>
      <c r="GX1403" s="91"/>
      <c r="GY1403" s="91"/>
      <c r="GZ1403" s="91"/>
      <c r="HA1403" s="91"/>
      <c r="HB1403" s="91"/>
      <c r="HC1403" s="91"/>
      <c r="HD1403" s="91"/>
      <c r="HE1403" s="91"/>
      <c r="HF1403" s="91"/>
      <c r="HG1403" s="91"/>
      <c r="HH1403" s="91"/>
      <c r="HI1403" s="91"/>
      <c r="HJ1403" s="91"/>
      <c r="HK1403" s="127"/>
      <c r="HL1403" s="126"/>
      <c r="HM1403" s="91"/>
      <c r="HN1403" s="91"/>
      <c r="HO1403" s="91"/>
      <c r="HP1403" s="91"/>
      <c r="HQ1403" s="91"/>
      <c r="HR1403" s="91"/>
      <c r="HS1403" s="91"/>
      <c r="HT1403" s="91"/>
      <c r="HU1403" s="91"/>
      <c r="HV1403" s="91"/>
      <c r="HW1403" s="91"/>
      <c r="HX1403" s="91"/>
      <c r="HY1403" s="91"/>
      <c r="HZ1403" s="91"/>
      <c r="IA1403" s="91"/>
      <c r="IB1403" s="91"/>
      <c r="IC1403" s="91"/>
      <c r="ID1403" s="91"/>
      <c r="IE1403" s="91"/>
      <c r="IF1403" s="91"/>
      <c r="IG1403" s="91"/>
      <c r="IH1403" s="91"/>
      <c r="II1403" s="91"/>
      <c r="IJ1403" s="91"/>
      <c r="IK1403" s="127"/>
    </row>
    <row r="1404" spans="2:245" x14ac:dyDescent="0.2">
      <c r="B1404" s="43"/>
      <c r="C1404" s="73"/>
      <c r="D1404" s="64"/>
      <c r="E1404" s="64"/>
      <c r="F1404" s="55"/>
      <c r="G1404" s="102"/>
      <c r="H1404" s="55"/>
      <c r="I1404" s="55"/>
      <c r="J1404" s="55"/>
      <c r="K1404" s="55"/>
      <c r="L1404" s="55"/>
      <c r="M1404" s="55"/>
      <c r="N1404" s="55"/>
      <c r="O1404" s="55"/>
      <c r="P1404" s="55"/>
      <c r="Q1404" s="55"/>
      <c r="R1404" s="55"/>
      <c r="S1404" s="55"/>
      <c r="T1404" s="55"/>
      <c r="U1404" s="55"/>
      <c r="V1404" s="55"/>
      <c r="W1404" s="55"/>
      <c r="X1404" s="55"/>
      <c r="Y1404" s="55"/>
      <c r="Z1404" s="55"/>
      <c r="AA1404" s="55"/>
      <c r="AB1404" s="55"/>
      <c r="AC1404" s="55"/>
      <c r="AD1404" s="55"/>
      <c r="AE1404" s="55"/>
      <c r="AF1404" s="55"/>
      <c r="AG1404" s="55"/>
      <c r="AY1404" s="162"/>
      <c r="AZ1404" s="162"/>
      <c r="BA1404" s="162"/>
      <c r="BB1404" s="162"/>
      <c r="BC1404" s="162"/>
      <c r="BD1404" s="162"/>
      <c r="BE1404" s="162"/>
      <c r="BF1404" s="162"/>
      <c r="BG1404" s="162"/>
      <c r="BH1404" s="162"/>
      <c r="BI1404" s="162"/>
      <c r="BJ1404" s="162"/>
      <c r="BK1404" s="162"/>
      <c r="BL1404" s="162"/>
      <c r="BM1404" s="162"/>
      <c r="BN1404" s="162"/>
      <c r="BO1404" s="162"/>
      <c r="BP1404" s="162"/>
      <c r="BQ1404" s="162"/>
      <c r="BR1404" s="162"/>
      <c r="BS1404" s="162"/>
      <c r="BT1404" s="162"/>
      <c r="BU1404" s="162"/>
      <c r="BV1404" s="162"/>
      <c r="BW1404" s="162"/>
      <c r="BX1404" s="162"/>
      <c r="BY1404" s="162"/>
      <c r="BZ1404" s="162"/>
      <c r="CA1404" s="162"/>
      <c r="CB1404" s="162"/>
      <c r="CC1404" s="162"/>
      <c r="CD1404" s="162"/>
      <c r="CE1404" s="162"/>
      <c r="CF1404" s="162"/>
      <c r="CG1404" s="162"/>
      <c r="CH1404" s="162"/>
      <c r="CI1404" s="162"/>
      <c r="CJ1404" s="162"/>
      <c r="CK1404" s="162"/>
      <c r="CX1404" s="98"/>
      <c r="DL1404" s="97"/>
      <c r="DX1404" s="98"/>
      <c r="EL1404" s="97"/>
      <c r="EX1404" s="98"/>
      <c r="EY1404" s="97"/>
      <c r="FL1404" s="126"/>
      <c r="FM1404" s="91"/>
      <c r="FN1404" s="91"/>
      <c r="FO1404" s="91"/>
      <c r="FP1404" s="91"/>
      <c r="FQ1404" s="91"/>
      <c r="FR1404" s="91"/>
      <c r="FS1404" s="91"/>
      <c r="FT1404" s="91"/>
      <c r="FU1404" s="91"/>
      <c r="FV1404" s="91"/>
      <c r="FW1404" s="91"/>
      <c r="FX1404" s="91"/>
      <c r="FY1404" s="91"/>
      <c r="FZ1404" s="91"/>
      <c r="GA1404" s="91"/>
      <c r="GB1404" s="91"/>
      <c r="GC1404" s="91"/>
      <c r="GD1404" s="91"/>
      <c r="GE1404" s="91"/>
      <c r="GF1404" s="91"/>
      <c r="GG1404" s="91"/>
      <c r="GH1404" s="91"/>
      <c r="GI1404" s="91"/>
      <c r="GJ1404" s="91"/>
      <c r="GK1404" s="127"/>
      <c r="GL1404" s="126"/>
      <c r="GM1404" s="91"/>
      <c r="GN1404" s="91"/>
      <c r="GO1404" s="91"/>
      <c r="GP1404" s="91"/>
      <c r="GQ1404" s="91"/>
      <c r="GR1404" s="91"/>
      <c r="GS1404" s="91"/>
      <c r="GT1404" s="91"/>
      <c r="GU1404" s="91"/>
      <c r="GV1404" s="91"/>
      <c r="GW1404" s="91"/>
      <c r="GX1404" s="91"/>
      <c r="GY1404" s="91"/>
      <c r="GZ1404" s="91"/>
      <c r="HA1404" s="91"/>
      <c r="HB1404" s="91"/>
      <c r="HC1404" s="91"/>
      <c r="HD1404" s="91"/>
      <c r="HE1404" s="91"/>
      <c r="HF1404" s="91"/>
      <c r="HG1404" s="91"/>
      <c r="HH1404" s="91"/>
      <c r="HI1404" s="91"/>
      <c r="HJ1404" s="91"/>
      <c r="HK1404" s="127"/>
      <c r="HL1404" s="126"/>
      <c r="HM1404" s="91"/>
      <c r="HN1404" s="91"/>
      <c r="HO1404" s="91"/>
      <c r="HP1404" s="91"/>
      <c r="HQ1404" s="91"/>
      <c r="HR1404" s="91"/>
      <c r="HS1404" s="91"/>
      <c r="HT1404" s="91"/>
      <c r="HU1404" s="91"/>
      <c r="HV1404" s="91"/>
      <c r="HW1404" s="91"/>
      <c r="HX1404" s="91"/>
      <c r="HY1404" s="91"/>
      <c r="HZ1404" s="91"/>
      <c r="IA1404" s="91"/>
      <c r="IB1404" s="91"/>
      <c r="IC1404" s="91"/>
      <c r="ID1404" s="91"/>
      <c r="IE1404" s="91"/>
      <c r="IF1404" s="91"/>
      <c r="IG1404" s="91"/>
      <c r="IH1404" s="91"/>
      <c r="II1404" s="91"/>
      <c r="IJ1404" s="91"/>
      <c r="IK1404" s="127"/>
    </row>
    <row r="1405" spans="2:245" x14ac:dyDescent="0.2">
      <c r="B1405" s="43"/>
      <c r="C1405" s="73"/>
      <c r="D1405" s="64"/>
      <c r="E1405" s="64"/>
      <c r="F1405" s="55"/>
      <c r="G1405" s="102"/>
      <c r="H1405" s="55"/>
      <c r="I1405" s="55"/>
      <c r="J1405" s="55"/>
      <c r="K1405" s="55"/>
      <c r="L1405" s="55"/>
      <c r="M1405" s="55"/>
      <c r="N1405" s="55"/>
      <c r="O1405" s="55"/>
      <c r="P1405" s="55"/>
      <c r="Q1405" s="55"/>
      <c r="R1405" s="55"/>
      <c r="S1405" s="55"/>
      <c r="T1405" s="55"/>
      <c r="U1405" s="55"/>
      <c r="V1405" s="55"/>
      <c r="W1405" s="55"/>
      <c r="X1405" s="55"/>
      <c r="Y1405" s="55"/>
      <c r="Z1405" s="55"/>
      <c r="AA1405" s="55"/>
      <c r="AB1405" s="55"/>
      <c r="AC1405" s="55"/>
      <c r="AD1405" s="55"/>
      <c r="AE1405" s="55"/>
      <c r="AF1405" s="55"/>
      <c r="AG1405" s="55"/>
      <c r="AY1405" s="162"/>
      <c r="AZ1405" s="162"/>
      <c r="BA1405" s="162"/>
      <c r="BB1405" s="162"/>
      <c r="BC1405" s="162"/>
      <c r="BD1405" s="162"/>
      <c r="BE1405" s="162"/>
      <c r="BF1405" s="162"/>
      <c r="BG1405" s="162"/>
      <c r="BH1405" s="162"/>
      <c r="BI1405" s="162"/>
      <c r="BJ1405" s="162"/>
      <c r="BK1405" s="162"/>
      <c r="BL1405" s="162"/>
      <c r="BM1405" s="162"/>
      <c r="BN1405" s="162"/>
      <c r="BO1405" s="162"/>
      <c r="BP1405" s="162"/>
      <c r="BQ1405" s="162"/>
      <c r="BR1405" s="162"/>
      <c r="BS1405" s="162"/>
      <c r="BT1405" s="162"/>
      <c r="BU1405" s="162"/>
      <c r="BV1405" s="162"/>
      <c r="BW1405" s="162"/>
      <c r="BX1405" s="162"/>
      <c r="BY1405" s="162"/>
      <c r="BZ1405" s="162"/>
      <c r="CA1405" s="162"/>
      <c r="CB1405" s="162"/>
      <c r="CC1405" s="162"/>
      <c r="CD1405" s="162"/>
      <c r="CE1405" s="162"/>
      <c r="CF1405" s="162"/>
      <c r="CG1405" s="162"/>
      <c r="CH1405" s="162"/>
      <c r="CI1405" s="162"/>
      <c r="CJ1405" s="162"/>
      <c r="CK1405" s="162"/>
      <c r="CX1405" s="98"/>
      <c r="DL1405" s="97"/>
      <c r="DX1405" s="98"/>
      <c r="EL1405" s="97"/>
      <c r="EX1405" s="98"/>
      <c r="EY1405" s="97"/>
      <c r="FL1405" s="126"/>
      <c r="FM1405" s="91"/>
      <c r="FN1405" s="91"/>
      <c r="FO1405" s="91"/>
      <c r="FP1405" s="91"/>
      <c r="FQ1405" s="91"/>
      <c r="FR1405" s="91"/>
      <c r="FS1405" s="91"/>
      <c r="FT1405" s="91"/>
      <c r="FU1405" s="91"/>
      <c r="FV1405" s="91"/>
      <c r="FW1405" s="91"/>
      <c r="FX1405" s="91"/>
      <c r="FY1405" s="91"/>
      <c r="FZ1405" s="91"/>
      <c r="GA1405" s="91"/>
      <c r="GB1405" s="91"/>
      <c r="GC1405" s="91"/>
      <c r="GD1405" s="91"/>
      <c r="GE1405" s="91"/>
      <c r="GF1405" s="91"/>
      <c r="GG1405" s="91"/>
      <c r="GH1405" s="91"/>
      <c r="GI1405" s="91"/>
      <c r="GJ1405" s="91"/>
      <c r="GK1405" s="127"/>
      <c r="GL1405" s="126"/>
      <c r="GM1405" s="91"/>
      <c r="GN1405" s="91"/>
      <c r="GO1405" s="91"/>
      <c r="GP1405" s="91"/>
      <c r="GQ1405" s="91"/>
      <c r="GR1405" s="91"/>
      <c r="GS1405" s="91"/>
      <c r="GT1405" s="91"/>
      <c r="GU1405" s="91"/>
      <c r="GV1405" s="91"/>
      <c r="GW1405" s="91"/>
      <c r="GX1405" s="91"/>
      <c r="GY1405" s="91"/>
      <c r="GZ1405" s="91"/>
      <c r="HA1405" s="91"/>
      <c r="HB1405" s="91"/>
      <c r="HC1405" s="91"/>
      <c r="HD1405" s="91"/>
      <c r="HE1405" s="91"/>
      <c r="HF1405" s="91"/>
      <c r="HG1405" s="91"/>
      <c r="HH1405" s="91"/>
      <c r="HI1405" s="91"/>
      <c r="HJ1405" s="91"/>
      <c r="HK1405" s="127"/>
      <c r="HL1405" s="126"/>
      <c r="HM1405" s="91"/>
      <c r="HN1405" s="91"/>
      <c r="HO1405" s="91"/>
      <c r="HP1405" s="91"/>
      <c r="HQ1405" s="91"/>
      <c r="HR1405" s="91"/>
      <c r="HS1405" s="91"/>
      <c r="HT1405" s="91"/>
      <c r="HU1405" s="91"/>
      <c r="HV1405" s="91"/>
      <c r="HW1405" s="91"/>
      <c r="HX1405" s="91"/>
      <c r="HY1405" s="91"/>
      <c r="HZ1405" s="91"/>
      <c r="IA1405" s="91"/>
      <c r="IB1405" s="91"/>
      <c r="IC1405" s="91"/>
      <c r="ID1405" s="91"/>
      <c r="IE1405" s="91"/>
      <c r="IF1405" s="91"/>
      <c r="IG1405" s="91"/>
      <c r="IH1405" s="91"/>
      <c r="II1405" s="91"/>
      <c r="IJ1405" s="91"/>
      <c r="IK1405" s="127"/>
    </row>
    <row r="1406" spans="2:245" x14ac:dyDescent="0.2">
      <c r="B1406" s="43"/>
      <c r="C1406" s="73"/>
      <c r="D1406" s="64"/>
      <c r="E1406" s="64"/>
      <c r="F1406" s="55"/>
      <c r="G1406" s="102"/>
      <c r="H1406" s="55"/>
      <c r="I1406" s="55"/>
      <c r="J1406" s="55"/>
      <c r="K1406" s="55"/>
      <c r="L1406" s="55"/>
      <c r="M1406" s="55"/>
      <c r="N1406" s="55"/>
      <c r="O1406" s="55"/>
      <c r="P1406" s="55"/>
      <c r="Q1406" s="55"/>
      <c r="R1406" s="55"/>
      <c r="S1406" s="55"/>
      <c r="T1406" s="55"/>
      <c r="U1406" s="55"/>
      <c r="V1406" s="55"/>
      <c r="W1406" s="55"/>
      <c r="X1406" s="55"/>
      <c r="Y1406" s="55"/>
      <c r="Z1406" s="55"/>
      <c r="AA1406" s="55"/>
      <c r="AB1406" s="55"/>
      <c r="AC1406" s="55"/>
      <c r="AD1406" s="55"/>
      <c r="AE1406" s="55"/>
      <c r="AF1406" s="55"/>
      <c r="AG1406" s="55"/>
      <c r="AY1406" s="162"/>
      <c r="AZ1406" s="162"/>
      <c r="BA1406" s="162"/>
      <c r="BB1406" s="162"/>
      <c r="BC1406" s="162"/>
      <c r="BD1406" s="162"/>
      <c r="BE1406" s="162"/>
      <c r="BF1406" s="162"/>
      <c r="BG1406" s="162"/>
      <c r="BH1406" s="162"/>
      <c r="BI1406" s="162"/>
      <c r="BJ1406" s="162"/>
      <c r="BK1406" s="162"/>
      <c r="BL1406" s="162"/>
      <c r="BM1406" s="162"/>
      <c r="BN1406" s="162"/>
      <c r="BO1406" s="162"/>
      <c r="BP1406" s="162"/>
      <c r="BQ1406" s="162"/>
      <c r="BR1406" s="162"/>
      <c r="BS1406" s="162"/>
      <c r="BT1406" s="162"/>
      <c r="BU1406" s="162"/>
      <c r="BV1406" s="162"/>
      <c r="BW1406" s="162"/>
      <c r="BX1406" s="162"/>
      <c r="BY1406" s="162"/>
      <c r="BZ1406" s="162"/>
      <c r="CA1406" s="162"/>
      <c r="CB1406" s="162"/>
      <c r="CC1406" s="162"/>
      <c r="CD1406" s="162"/>
      <c r="CE1406" s="162"/>
      <c r="CF1406" s="162"/>
      <c r="CG1406" s="162"/>
      <c r="CH1406" s="162"/>
      <c r="CI1406" s="162"/>
      <c r="CJ1406" s="162"/>
      <c r="CK1406" s="162"/>
      <c r="CX1406" s="98"/>
      <c r="DL1406" s="97"/>
      <c r="DX1406" s="98"/>
      <c r="EL1406" s="97"/>
      <c r="EX1406" s="98"/>
      <c r="EY1406" s="97"/>
      <c r="FL1406" s="126"/>
      <c r="FM1406" s="91"/>
      <c r="FN1406" s="91"/>
      <c r="FO1406" s="91"/>
      <c r="FP1406" s="91"/>
      <c r="FQ1406" s="91"/>
      <c r="FR1406" s="91"/>
      <c r="FS1406" s="91"/>
      <c r="FT1406" s="91"/>
      <c r="FU1406" s="91"/>
      <c r="FV1406" s="91"/>
      <c r="FW1406" s="91"/>
      <c r="FX1406" s="91"/>
      <c r="FY1406" s="91"/>
      <c r="FZ1406" s="91"/>
      <c r="GA1406" s="91"/>
      <c r="GB1406" s="91"/>
      <c r="GC1406" s="91"/>
      <c r="GD1406" s="91"/>
      <c r="GE1406" s="91"/>
      <c r="GF1406" s="91"/>
      <c r="GG1406" s="91"/>
      <c r="GH1406" s="91"/>
      <c r="GI1406" s="91"/>
      <c r="GJ1406" s="91"/>
      <c r="GK1406" s="127"/>
      <c r="GL1406" s="126"/>
      <c r="GM1406" s="91"/>
      <c r="GN1406" s="91"/>
      <c r="GO1406" s="91"/>
      <c r="GP1406" s="91"/>
      <c r="GQ1406" s="91"/>
      <c r="GR1406" s="91"/>
      <c r="GS1406" s="91"/>
      <c r="GT1406" s="91"/>
      <c r="GU1406" s="91"/>
      <c r="GV1406" s="91"/>
      <c r="GW1406" s="91"/>
      <c r="GX1406" s="91"/>
      <c r="GY1406" s="91"/>
      <c r="GZ1406" s="91"/>
      <c r="HA1406" s="91"/>
      <c r="HB1406" s="91"/>
      <c r="HC1406" s="91"/>
      <c r="HD1406" s="91"/>
      <c r="HE1406" s="91"/>
      <c r="HF1406" s="91"/>
      <c r="HG1406" s="91"/>
      <c r="HH1406" s="91"/>
      <c r="HI1406" s="91"/>
      <c r="HJ1406" s="91"/>
      <c r="HK1406" s="127"/>
      <c r="HL1406" s="126"/>
      <c r="HM1406" s="91"/>
      <c r="HN1406" s="91"/>
      <c r="HO1406" s="91"/>
      <c r="HP1406" s="91"/>
      <c r="HQ1406" s="91"/>
      <c r="HR1406" s="91"/>
      <c r="HS1406" s="91"/>
      <c r="HT1406" s="91"/>
      <c r="HU1406" s="91"/>
      <c r="HV1406" s="91"/>
      <c r="HW1406" s="91"/>
      <c r="HX1406" s="91"/>
      <c r="HY1406" s="91"/>
      <c r="HZ1406" s="91"/>
      <c r="IA1406" s="91"/>
      <c r="IB1406" s="91"/>
      <c r="IC1406" s="91"/>
      <c r="ID1406" s="91"/>
      <c r="IE1406" s="91"/>
      <c r="IF1406" s="91"/>
      <c r="IG1406" s="91"/>
      <c r="IH1406" s="91"/>
      <c r="II1406" s="91"/>
      <c r="IJ1406" s="91"/>
      <c r="IK1406" s="127"/>
    </row>
    <row r="1407" spans="2:245" x14ac:dyDescent="0.2">
      <c r="B1407" s="43"/>
      <c r="C1407" s="73"/>
      <c r="D1407" s="64"/>
      <c r="E1407" s="64"/>
      <c r="F1407" s="55"/>
      <c r="G1407" s="102"/>
      <c r="H1407" s="55"/>
      <c r="I1407" s="55"/>
      <c r="J1407" s="55"/>
      <c r="K1407" s="55"/>
      <c r="L1407" s="55"/>
      <c r="M1407" s="55"/>
      <c r="N1407" s="55"/>
      <c r="O1407" s="55"/>
      <c r="P1407" s="55"/>
      <c r="Q1407" s="55"/>
      <c r="R1407" s="55"/>
      <c r="S1407" s="55"/>
      <c r="T1407" s="55"/>
      <c r="U1407" s="55"/>
      <c r="V1407" s="55"/>
      <c r="W1407" s="55"/>
      <c r="X1407" s="55"/>
      <c r="Y1407" s="55"/>
      <c r="Z1407" s="55"/>
      <c r="AA1407" s="55"/>
      <c r="AB1407" s="55"/>
      <c r="AC1407" s="55"/>
      <c r="AD1407" s="55"/>
      <c r="AE1407" s="55"/>
      <c r="AF1407" s="55"/>
      <c r="AG1407" s="55"/>
      <c r="AY1407" s="162"/>
      <c r="AZ1407" s="162"/>
      <c r="BA1407" s="162"/>
      <c r="BB1407" s="162"/>
      <c r="BC1407" s="162"/>
      <c r="BD1407" s="162"/>
      <c r="BE1407" s="162"/>
      <c r="BF1407" s="162"/>
      <c r="BG1407" s="162"/>
      <c r="BH1407" s="162"/>
      <c r="BI1407" s="162"/>
      <c r="BJ1407" s="162"/>
      <c r="BK1407" s="162"/>
      <c r="BL1407" s="162"/>
      <c r="BM1407" s="162"/>
      <c r="BN1407" s="162"/>
      <c r="BO1407" s="162"/>
      <c r="BP1407" s="162"/>
      <c r="BQ1407" s="162"/>
      <c r="BR1407" s="162"/>
      <c r="BS1407" s="162"/>
      <c r="BT1407" s="162"/>
      <c r="BU1407" s="162"/>
      <c r="BV1407" s="162"/>
      <c r="BW1407" s="162"/>
      <c r="BX1407" s="162"/>
      <c r="BY1407" s="162"/>
      <c r="BZ1407" s="162"/>
      <c r="CA1407" s="162"/>
      <c r="CB1407" s="162"/>
      <c r="CC1407" s="162"/>
      <c r="CD1407" s="162"/>
      <c r="CE1407" s="162"/>
      <c r="CF1407" s="162"/>
      <c r="CG1407" s="162"/>
      <c r="CH1407" s="162"/>
      <c r="CI1407" s="162"/>
      <c r="CJ1407" s="162"/>
      <c r="CK1407" s="162"/>
      <c r="CX1407" s="98"/>
      <c r="DL1407" s="97"/>
      <c r="DX1407" s="98"/>
      <c r="EL1407" s="97"/>
      <c r="EX1407" s="98"/>
      <c r="EY1407" s="97"/>
      <c r="FL1407" s="126"/>
      <c r="FM1407" s="91"/>
      <c r="FN1407" s="91"/>
      <c r="FO1407" s="91"/>
      <c r="FP1407" s="91"/>
      <c r="FQ1407" s="91"/>
      <c r="FR1407" s="91"/>
      <c r="FS1407" s="91"/>
      <c r="FT1407" s="91"/>
      <c r="FU1407" s="91"/>
      <c r="FV1407" s="91"/>
      <c r="FW1407" s="91"/>
      <c r="FX1407" s="91"/>
      <c r="FY1407" s="91"/>
      <c r="FZ1407" s="91"/>
      <c r="GA1407" s="91"/>
      <c r="GB1407" s="91"/>
      <c r="GC1407" s="91"/>
      <c r="GD1407" s="91"/>
      <c r="GE1407" s="91"/>
      <c r="GF1407" s="91"/>
      <c r="GG1407" s="91"/>
      <c r="GH1407" s="91"/>
      <c r="GI1407" s="91"/>
      <c r="GJ1407" s="91"/>
      <c r="GK1407" s="127"/>
      <c r="GL1407" s="126"/>
      <c r="GM1407" s="91"/>
      <c r="GN1407" s="91"/>
      <c r="GO1407" s="91"/>
      <c r="GP1407" s="91"/>
      <c r="GQ1407" s="91"/>
      <c r="GR1407" s="91"/>
      <c r="GS1407" s="91"/>
      <c r="GT1407" s="91"/>
      <c r="GU1407" s="91"/>
      <c r="GV1407" s="91"/>
      <c r="GW1407" s="91"/>
      <c r="GX1407" s="91"/>
      <c r="GY1407" s="91"/>
      <c r="GZ1407" s="91"/>
      <c r="HA1407" s="91"/>
      <c r="HB1407" s="91"/>
      <c r="HC1407" s="91"/>
      <c r="HD1407" s="91"/>
      <c r="HE1407" s="91"/>
      <c r="HF1407" s="91"/>
      <c r="HG1407" s="91"/>
      <c r="HH1407" s="91"/>
      <c r="HI1407" s="91"/>
      <c r="HJ1407" s="91"/>
      <c r="HK1407" s="127"/>
      <c r="HL1407" s="126"/>
      <c r="HM1407" s="91"/>
      <c r="HN1407" s="91"/>
      <c r="HO1407" s="91"/>
      <c r="HP1407" s="91"/>
      <c r="HQ1407" s="91"/>
      <c r="HR1407" s="91"/>
      <c r="HS1407" s="91"/>
      <c r="HT1407" s="91"/>
      <c r="HU1407" s="91"/>
      <c r="HV1407" s="91"/>
      <c r="HW1407" s="91"/>
      <c r="HX1407" s="91"/>
      <c r="HY1407" s="91"/>
      <c r="HZ1407" s="91"/>
      <c r="IA1407" s="91"/>
      <c r="IB1407" s="91"/>
      <c r="IC1407" s="91"/>
      <c r="ID1407" s="91"/>
      <c r="IE1407" s="91"/>
      <c r="IF1407" s="91"/>
      <c r="IG1407" s="91"/>
      <c r="IH1407" s="91"/>
      <c r="II1407" s="91"/>
      <c r="IJ1407" s="91"/>
      <c r="IK1407" s="127"/>
    </row>
    <row r="1408" spans="2:245" x14ac:dyDescent="0.2">
      <c r="B1408" s="43"/>
      <c r="C1408" s="73"/>
      <c r="D1408" s="64"/>
      <c r="E1408" s="64"/>
      <c r="F1408" s="55"/>
      <c r="G1408" s="102"/>
      <c r="H1408" s="55"/>
      <c r="I1408" s="55"/>
      <c r="J1408" s="55"/>
      <c r="K1408" s="55"/>
      <c r="L1408" s="55"/>
      <c r="M1408" s="55"/>
      <c r="N1408" s="55"/>
      <c r="O1408" s="55"/>
      <c r="P1408" s="55"/>
      <c r="Q1408" s="55"/>
      <c r="R1408" s="55"/>
      <c r="S1408" s="55"/>
      <c r="T1408" s="55"/>
      <c r="U1408" s="55"/>
      <c r="V1408" s="55"/>
      <c r="W1408" s="55"/>
      <c r="X1408" s="55"/>
      <c r="Y1408" s="55"/>
      <c r="Z1408" s="55"/>
      <c r="AA1408" s="55"/>
      <c r="AB1408" s="55"/>
      <c r="AC1408" s="55"/>
      <c r="AD1408" s="55"/>
      <c r="AE1408" s="55"/>
      <c r="AF1408" s="55"/>
      <c r="AG1408" s="55"/>
      <c r="AY1408" s="162"/>
      <c r="AZ1408" s="162"/>
      <c r="BA1408" s="162"/>
      <c r="BB1408" s="162"/>
      <c r="BC1408" s="162"/>
      <c r="BD1408" s="162"/>
      <c r="BE1408" s="162"/>
      <c r="BF1408" s="162"/>
      <c r="BG1408" s="162"/>
      <c r="BH1408" s="162"/>
      <c r="BI1408" s="162"/>
      <c r="BJ1408" s="162"/>
      <c r="BK1408" s="162"/>
      <c r="BL1408" s="162"/>
      <c r="BM1408" s="162"/>
      <c r="BN1408" s="162"/>
      <c r="BO1408" s="162"/>
      <c r="BP1408" s="162"/>
      <c r="BQ1408" s="162"/>
      <c r="BR1408" s="162"/>
      <c r="BS1408" s="162"/>
      <c r="BT1408" s="162"/>
      <c r="BU1408" s="162"/>
      <c r="BV1408" s="162"/>
      <c r="BW1408" s="162"/>
      <c r="BX1408" s="162"/>
      <c r="BY1408" s="162"/>
      <c r="BZ1408" s="162"/>
      <c r="CA1408" s="162"/>
      <c r="CB1408" s="162"/>
      <c r="CC1408" s="162"/>
      <c r="CD1408" s="162"/>
      <c r="CE1408" s="162"/>
      <c r="CF1408" s="162"/>
      <c r="CG1408" s="162"/>
      <c r="CH1408" s="162"/>
      <c r="CI1408" s="162"/>
      <c r="CJ1408" s="162"/>
      <c r="CK1408" s="162"/>
      <c r="CX1408" s="98"/>
      <c r="DL1408" s="97"/>
      <c r="DX1408" s="98"/>
      <c r="EL1408" s="97"/>
      <c r="EX1408" s="98"/>
      <c r="EY1408" s="97"/>
      <c r="FL1408" s="126"/>
      <c r="FM1408" s="91"/>
      <c r="FN1408" s="91"/>
      <c r="FO1408" s="91"/>
      <c r="FP1408" s="91"/>
      <c r="FQ1408" s="91"/>
      <c r="FR1408" s="91"/>
      <c r="FS1408" s="91"/>
      <c r="FT1408" s="91"/>
      <c r="FU1408" s="91"/>
      <c r="FV1408" s="91"/>
      <c r="FW1408" s="91"/>
      <c r="FX1408" s="91"/>
      <c r="FY1408" s="91"/>
      <c r="FZ1408" s="91"/>
      <c r="GA1408" s="91"/>
      <c r="GB1408" s="91"/>
      <c r="GC1408" s="91"/>
      <c r="GD1408" s="91"/>
      <c r="GE1408" s="91"/>
      <c r="GF1408" s="91"/>
      <c r="GG1408" s="91"/>
      <c r="GH1408" s="91"/>
      <c r="GI1408" s="91"/>
      <c r="GJ1408" s="91"/>
      <c r="GK1408" s="127"/>
      <c r="GL1408" s="126"/>
      <c r="GM1408" s="91"/>
      <c r="GN1408" s="91"/>
      <c r="GO1408" s="91"/>
      <c r="GP1408" s="91"/>
      <c r="GQ1408" s="91"/>
      <c r="GR1408" s="91"/>
      <c r="GS1408" s="91"/>
      <c r="GT1408" s="91"/>
      <c r="GU1408" s="91"/>
      <c r="GV1408" s="91"/>
      <c r="GW1408" s="91"/>
      <c r="GX1408" s="91"/>
      <c r="GY1408" s="91"/>
      <c r="GZ1408" s="91"/>
      <c r="HA1408" s="91"/>
      <c r="HB1408" s="91"/>
      <c r="HC1408" s="91"/>
      <c r="HD1408" s="91"/>
      <c r="HE1408" s="91"/>
      <c r="HF1408" s="91"/>
      <c r="HG1408" s="91"/>
      <c r="HH1408" s="91"/>
      <c r="HI1408" s="91"/>
      <c r="HJ1408" s="91"/>
      <c r="HK1408" s="127"/>
      <c r="HL1408" s="126"/>
      <c r="HM1408" s="91"/>
      <c r="HN1408" s="91"/>
      <c r="HO1408" s="91"/>
      <c r="HP1408" s="91"/>
      <c r="HQ1408" s="91"/>
      <c r="HR1408" s="91"/>
      <c r="HS1408" s="91"/>
      <c r="HT1408" s="91"/>
      <c r="HU1408" s="91"/>
      <c r="HV1408" s="91"/>
      <c r="HW1408" s="91"/>
      <c r="HX1408" s="91"/>
      <c r="HY1408" s="91"/>
      <c r="HZ1408" s="91"/>
      <c r="IA1408" s="91"/>
      <c r="IB1408" s="91"/>
      <c r="IC1408" s="91"/>
      <c r="ID1408" s="91"/>
      <c r="IE1408" s="91"/>
      <c r="IF1408" s="91"/>
      <c r="IG1408" s="91"/>
      <c r="IH1408" s="91"/>
      <c r="II1408" s="91"/>
      <c r="IJ1408" s="91"/>
      <c r="IK1408" s="127"/>
    </row>
    <row r="1409" spans="2:245" x14ac:dyDescent="0.2">
      <c r="B1409" s="43"/>
      <c r="C1409" s="73"/>
      <c r="D1409" s="64"/>
      <c r="E1409" s="64"/>
      <c r="F1409" s="55"/>
      <c r="G1409" s="102"/>
      <c r="H1409" s="55"/>
      <c r="I1409" s="55"/>
      <c r="J1409" s="55"/>
      <c r="K1409" s="55"/>
      <c r="L1409" s="55"/>
      <c r="M1409" s="55"/>
      <c r="N1409" s="55"/>
      <c r="O1409" s="55"/>
      <c r="P1409" s="55"/>
      <c r="Q1409" s="55"/>
      <c r="R1409" s="55"/>
      <c r="S1409" s="55"/>
      <c r="T1409" s="55"/>
      <c r="U1409" s="55"/>
      <c r="V1409" s="55"/>
      <c r="W1409" s="55"/>
      <c r="X1409" s="55"/>
      <c r="Y1409" s="55"/>
      <c r="Z1409" s="55"/>
      <c r="AA1409" s="55"/>
      <c r="AB1409" s="55"/>
      <c r="AC1409" s="55"/>
      <c r="AD1409" s="55"/>
      <c r="AE1409" s="55"/>
      <c r="AF1409" s="55"/>
      <c r="AG1409" s="55"/>
      <c r="AY1409" s="162"/>
      <c r="AZ1409" s="162"/>
      <c r="BA1409" s="162"/>
      <c r="BB1409" s="162"/>
      <c r="BC1409" s="162"/>
      <c r="BD1409" s="162"/>
      <c r="BE1409" s="162"/>
      <c r="BF1409" s="162"/>
      <c r="BG1409" s="162"/>
      <c r="BH1409" s="162"/>
      <c r="BI1409" s="162"/>
      <c r="BJ1409" s="162"/>
      <c r="BK1409" s="162"/>
      <c r="BL1409" s="162"/>
      <c r="BM1409" s="162"/>
      <c r="BN1409" s="162"/>
      <c r="BO1409" s="162"/>
      <c r="BP1409" s="162"/>
      <c r="BQ1409" s="162"/>
      <c r="BR1409" s="162"/>
      <c r="BS1409" s="162"/>
      <c r="BT1409" s="162"/>
      <c r="BU1409" s="162"/>
      <c r="BV1409" s="162"/>
      <c r="BW1409" s="162"/>
      <c r="BX1409" s="162"/>
      <c r="BY1409" s="162"/>
      <c r="BZ1409" s="162"/>
      <c r="CA1409" s="162"/>
      <c r="CB1409" s="162"/>
      <c r="CC1409" s="162"/>
      <c r="CD1409" s="162"/>
      <c r="CE1409" s="162"/>
      <c r="CF1409" s="162"/>
      <c r="CG1409" s="162"/>
      <c r="CH1409" s="162"/>
      <c r="CI1409" s="162"/>
      <c r="CJ1409" s="162"/>
      <c r="CK1409" s="162"/>
      <c r="CX1409" s="98"/>
      <c r="DL1409" s="97"/>
      <c r="DX1409" s="98"/>
      <c r="EL1409" s="97"/>
      <c r="EX1409" s="98"/>
      <c r="EY1409" s="97"/>
      <c r="FL1409" s="126"/>
      <c r="FM1409" s="91"/>
      <c r="FN1409" s="91"/>
      <c r="FO1409" s="91"/>
      <c r="FP1409" s="91"/>
      <c r="FQ1409" s="91"/>
      <c r="FR1409" s="91"/>
      <c r="FS1409" s="91"/>
      <c r="FT1409" s="91"/>
      <c r="FU1409" s="91"/>
      <c r="FV1409" s="91"/>
      <c r="FW1409" s="91"/>
      <c r="FX1409" s="91"/>
      <c r="FY1409" s="91"/>
      <c r="FZ1409" s="91"/>
      <c r="GA1409" s="91"/>
      <c r="GB1409" s="91"/>
      <c r="GC1409" s="91"/>
      <c r="GD1409" s="91"/>
      <c r="GE1409" s="91"/>
      <c r="GF1409" s="91"/>
      <c r="GG1409" s="91"/>
      <c r="GH1409" s="91"/>
      <c r="GI1409" s="91"/>
      <c r="GJ1409" s="91"/>
      <c r="GK1409" s="127"/>
      <c r="GL1409" s="126"/>
      <c r="GM1409" s="91"/>
      <c r="GN1409" s="91"/>
      <c r="GO1409" s="91"/>
      <c r="GP1409" s="91"/>
      <c r="GQ1409" s="91"/>
      <c r="GR1409" s="91"/>
      <c r="GS1409" s="91"/>
      <c r="GT1409" s="91"/>
      <c r="GU1409" s="91"/>
      <c r="GV1409" s="91"/>
      <c r="GW1409" s="91"/>
      <c r="GX1409" s="91"/>
      <c r="GY1409" s="91"/>
      <c r="GZ1409" s="91"/>
      <c r="HA1409" s="91"/>
      <c r="HB1409" s="91"/>
      <c r="HC1409" s="91"/>
      <c r="HD1409" s="91"/>
      <c r="HE1409" s="91"/>
      <c r="HF1409" s="91"/>
      <c r="HG1409" s="91"/>
      <c r="HH1409" s="91"/>
      <c r="HI1409" s="91"/>
      <c r="HJ1409" s="91"/>
      <c r="HK1409" s="127"/>
      <c r="HL1409" s="126"/>
      <c r="HM1409" s="91"/>
      <c r="HN1409" s="91"/>
      <c r="HO1409" s="91"/>
      <c r="HP1409" s="91"/>
      <c r="HQ1409" s="91"/>
      <c r="HR1409" s="91"/>
      <c r="HS1409" s="91"/>
      <c r="HT1409" s="91"/>
      <c r="HU1409" s="91"/>
      <c r="HV1409" s="91"/>
      <c r="HW1409" s="91"/>
      <c r="HX1409" s="91"/>
      <c r="HY1409" s="91"/>
      <c r="HZ1409" s="91"/>
      <c r="IA1409" s="91"/>
      <c r="IB1409" s="91"/>
      <c r="IC1409" s="91"/>
      <c r="ID1409" s="91"/>
      <c r="IE1409" s="91"/>
      <c r="IF1409" s="91"/>
      <c r="IG1409" s="91"/>
      <c r="IH1409" s="91"/>
      <c r="II1409" s="91"/>
      <c r="IJ1409" s="91"/>
      <c r="IK1409" s="127"/>
    </row>
    <row r="1410" spans="2:245" x14ac:dyDescent="0.2">
      <c r="B1410" s="43"/>
      <c r="C1410" s="73"/>
      <c r="D1410" s="64"/>
      <c r="E1410" s="64"/>
      <c r="F1410" s="55"/>
      <c r="G1410" s="102"/>
      <c r="H1410" s="55"/>
      <c r="I1410" s="55"/>
      <c r="J1410" s="55"/>
      <c r="K1410" s="55"/>
      <c r="L1410" s="55"/>
      <c r="M1410" s="55"/>
      <c r="N1410" s="55"/>
      <c r="O1410" s="55"/>
      <c r="P1410" s="55"/>
      <c r="Q1410" s="55"/>
      <c r="R1410" s="55"/>
      <c r="S1410" s="55"/>
      <c r="T1410" s="55"/>
      <c r="U1410" s="55"/>
      <c r="V1410" s="55"/>
      <c r="W1410" s="55"/>
      <c r="X1410" s="55"/>
      <c r="Y1410" s="55"/>
      <c r="Z1410" s="55"/>
      <c r="AA1410" s="55"/>
      <c r="AB1410" s="55"/>
      <c r="AC1410" s="55"/>
      <c r="AD1410" s="55"/>
      <c r="AE1410" s="55"/>
      <c r="AF1410" s="55"/>
      <c r="AG1410" s="55"/>
      <c r="AY1410" s="162"/>
      <c r="AZ1410" s="162"/>
      <c r="BA1410" s="162"/>
      <c r="BB1410" s="162"/>
      <c r="BC1410" s="162"/>
      <c r="BD1410" s="162"/>
      <c r="BE1410" s="162"/>
      <c r="BF1410" s="162"/>
      <c r="BG1410" s="162"/>
      <c r="BH1410" s="162"/>
      <c r="BI1410" s="162"/>
      <c r="BJ1410" s="162"/>
      <c r="BK1410" s="162"/>
      <c r="BL1410" s="162"/>
      <c r="BM1410" s="162"/>
      <c r="BN1410" s="162"/>
      <c r="BO1410" s="162"/>
      <c r="BP1410" s="162"/>
      <c r="BQ1410" s="162"/>
      <c r="BR1410" s="162"/>
      <c r="BS1410" s="162"/>
      <c r="BT1410" s="162"/>
      <c r="BU1410" s="162"/>
      <c r="BV1410" s="162"/>
      <c r="BW1410" s="162"/>
      <c r="BX1410" s="162"/>
      <c r="BY1410" s="162"/>
      <c r="BZ1410" s="162"/>
      <c r="CA1410" s="162"/>
      <c r="CB1410" s="162"/>
      <c r="CC1410" s="162"/>
      <c r="CD1410" s="162"/>
      <c r="CE1410" s="162"/>
      <c r="CF1410" s="162"/>
      <c r="CG1410" s="162"/>
      <c r="CH1410" s="162"/>
      <c r="CI1410" s="162"/>
      <c r="CJ1410" s="162"/>
      <c r="CK1410" s="162"/>
      <c r="CX1410" s="98"/>
      <c r="DL1410" s="97"/>
      <c r="DX1410" s="98"/>
      <c r="EL1410" s="97"/>
      <c r="EX1410" s="98"/>
      <c r="EY1410" s="97"/>
      <c r="FL1410" s="126"/>
      <c r="FM1410" s="91"/>
      <c r="FN1410" s="91"/>
      <c r="FO1410" s="91"/>
      <c r="FP1410" s="91"/>
      <c r="FQ1410" s="91"/>
      <c r="FR1410" s="91"/>
      <c r="FS1410" s="91"/>
      <c r="FT1410" s="91"/>
      <c r="FU1410" s="91"/>
      <c r="FV1410" s="91"/>
      <c r="FW1410" s="91"/>
      <c r="FX1410" s="91"/>
      <c r="FY1410" s="91"/>
      <c r="FZ1410" s="91"/>
      <c r="GA1410" s="91"/>
      <c r="GB1410" s="91"/>
      <c r="GC1410" s="91"/>
      <c r="GD1410" s="91"/>
      <c r="GE1410" s="91"/>
      <c r="GF1410" s="91"/>
      <c r="GG1410" s="91"/>
      <c r="GH1410" s="91"/>
      <c r="GI1410" s="91"/>
      <c r="GJ1410" s="91"/>
      <c r="GK1410" s="127"/>
      <c r="GL1410" s="126"/>
      <c r="GM1410" s="91"/>
      <c r="GN1410" s="91"/>
      <c r="GO1410" s="91"/>
      <c r="GP1410" s="91"/>
      <c r="GQ1410" s="91"/>
      <c r="GR1410" s="91"/>
      <c r="GS1410" s="91"/>
      <c r="GT1410" s="91"/>
      <c r="GU1410" s="91"/>
      <c r="GV1410" s="91"/>
      <c r="GW1410" s="91"/>
      <c r="GX1410" s="91"/>
      <c r="GY1410" s="91"/>
      <c r="GZ1410" s="91"/>
      <c r="HA1410" s="91"/>
      <c r="HB1410" s="91"/>
      <c r="HC1410" s="91"/>
      <c r="HD1410" s="91"/>
      <c r="HE1410" s="91"/>
      <c r="HF1410" s="91"/>
      <c r="HG1410" s="91"/>
      <c r="HH1410" s="91"/>
      <c r="HI1410" s="91"/>
      <c r="HJ1410" s="91"/>
      <c r="HK1410" s="127"/>
      <c r="HL1410" s="126"/>
      <c r="HM1410" s="91"/>
      <c r="HN1410" s="91"/>
      <c r="HO1410" s="91"/>
      <c r="HP1410" s="91"/>
      <c r="HQ1410" s="91"/>
      <c r="HR1410" s="91"/>
      <c r="HS1410" s="91"/>
      <c r="HT1410" s="91"/>
      <c r="HU1410" s="91"/>
      <c r="HV1410" s="91"/>
      <c r="HW1410" s="91"/>
      <c r="HX1410" s="91"/>
      <c r="HY1410" s="91"/>
      <c r="HZ1410" s="91"/>
      <c r="IA1410" s="91"/>
      <c r="IB1410" s="91"/>
      <c r="IC1410" s="91"/>
      <c r="ID1410" s="91"/>
      <c r="IE1410" s="91"/>
      <c r="IF1410" s="91"/>
      <c r="IG1410" s="91"/>
      <c r="IH1410" s="91"/>
      <c r="II1410" s="91"/>
      <c r="IJ1410" s="91"/>
      <c r="IK1410" s="127"/>
    </row>
    <row r="1411" spans="2:245" x14ac:dyDescent="0.2">
      <c r="B1411" s="43"/>
      <c r="C1411" s="73"/>
      <c r="D1411" s="64"/>
      <c r="E1411" s="64"/>
      <c r="F1411" s="55"/>
      <c r="G1411" s="102"/>
      <c r="H1411" s="55"/>
      <c r="I1411" s="55"/>
      <c r="J1411" s="55"/>
      <c r="K1411" s="55"/>
      <c r="L1411" s="55"/>
      <c r="M1411" s="55"/>
      <c r="N1411" s="55"/>
      <c r="O1411" s="55"/>
      <c r="P1411" s="55"/>
      <c r="Q1411" s="55"/>
      <c r="R1411" s="55"/>
      <c r="S1411" s="55"/>
      <c r="T1411" s="55"/>
      <c r="U1411" s="55"/>
      <c r="V1411" s="55"/>
      <c r="W1411" s="55"/>
      <c r="X1411" s="55"/>
      <c r="Y1411" s="55"/>
      <c r="Z1411" s="55"/>
      <c r="AA1411" s="55"/>
      <c r="AB1411" s="55"/>
      <c r="AC1411" s="55"/>
      <c r="AD1411" s="55"/>
      <c r="AE1411" s="55"/>
      <c r="AF1411" s="55"/>
      <c r="AG1411" s="55"/>
      <c r="AY1411" s="162"/>
      <c r="AZ1411" s="162"/>
      <c r="BA1411" s="162"/>
      <c r="BB1411" s="162"/>
      <c r="BC1411" s="162"/>
      <c r="BD1411" s="162"/>
      <c r="BE1411" s="162"/>
      <c r="BF1411" s="162"/>
      <c r="BG1411" s="162"/>
      <c r="BH1411" s="162"/>
      <c r="BI1411" s="162"/>
      <c r="BJ1411" s="162"/>
      <c r="BK1411" s="162"/>
      <c r="BL1411" s="162"/>
      <c r="BM1411" s="162"/>
      <c r="BN1411" s="162"/>
      <c r="BO1411" s="162"/>
      <c r="BP1411" s="162"/>
      <c r="BQ1411" s="162"/>
      <c r="BR1411" s="162"/>
      <c r="BS1411" s="162"/>
      <c r="BT1411" s="162"/>
      <c r="BU1411" s="162"/>
      <c r="BV1411" s="162"/>
      <c r="BW1411" s="162"/>
      <c r="BX1411" s="162"/>
      <c r="BY1411" s="162"/>
      <c r="BZ1411" s="162"/>
      <c r="CA1411" s="162"/>
      <c r="CB1411" s="162"/>
      <c r="CC1411" s="162"/>
      <c r="CD1411" s="162"/>
      <c r="CE1411" s="162"/>
      <c r="CF1411" s="162"/>
      <c r="CG1411" s="162"/>
      <c r="CH1411" s="162"/>
      <c r="CI1411" s="162"/>
      <c r="CJ1411" s="162"/>
      <c r="CK1411" s="162"/>
      <c r="CX1411" s="98"/>
      <c r="DL1411" s="97"/>
      <c r="DX1411" s="98"/>
      <c r="EL1411" s="97"/>
      <c r="EX1411" s="98"/>
      <c r="EY1411" s="97"/>
      <c r="FL1411" s="126"/>
      <c r="FM1411" s="91"/>
      <c r="FN1411" s="91"/>
      <c r="FO1411" s="91"/>
      <c r="FP1411" s="91"/>
      <c r="FQ1411" s="91"/>
      <c r="FR1411" s="91"/>
      <c r="FS1411" s="91"/>
      <c r="FT1411" s="91"/>
      <c r="FU1411" s="91"/>
      <c r="FV1411" s="91"/>
      <c r="FW1411" s="91"/>
      <c r="FX1411" s="91"/>
      <c r="FY1411" s="91"/>
      <c r="FZ1411" s="91"/>
      <c r="GA1411" s="91"/>
      <c r="GB1411" s="91"/>
      <c r="GC1411" s="91"/>
      <c r="GD1411" s="91"/>
      <c r="GE1411" s="91"/>
      <c r="GF1411" s="91"/>
      <c r="GG1411" s="91"/>
      <c r="GH1411" s="91"/>
      <c r="GI1411" s="91"/>
      <c r="GJ1411" s="91"/>
      <c r="GK1411" s="127"/>
      <c r="GL1411" s="126"/>
      <c r="GM1411" s="91"/>
      <c r="GN1411" s="91"/>
      <c r="GO1411" s="91"/>
      <c r="GP1411" s="91"/>
      <c r="GQ1411" s="91"/>
      <c r="GR1411" s="91"/>
      <c r="GS1411" s="91"/>
      <c r="GT1411" s="91"/>
      <c r="GU1411" s="91"/>
      <c r="GV1411" s="91"/>
      <c r="GW1411" s="91"/>
      <c r="GX1411" s="91"/>
      <c r="GY1411" s="91"/>
      <c r="GZ1411" s="91"/>
      <c r="HA1411" s="91"/>
      <c r="HB1411" s="91"/>
      <c r="HC1411" s="91"/>
      <c r="HD1411" s="91"/>
      <c r="HE1411" s="91"/>
      <c r="HF1411" s="91"/>
      <c r="HG1411" s="91"/>
      <c r="HH1411" s="91"/>
      <c r="HI1411" s="91"/>
      <c r="HJ1411" s="91"/>
      <c r="HK1411" s="127"/>
      <c r="HL1411" s="126"/>
      <c r="HM1411" s="91"/>
      <c r="HN1411" s="91"/>
      <c r="HO1411" s="91"/>
      <c r="HP1411" s="91"/>
      <c r="HQ1411" s="91"/>
      <c r="HR1411" s="91"/>
      <c r="HS1411" s="91"/>
      <c r="HT1411" s="91"/>
      <c r="HU1411" s="91"/>
      <c r="HV1411" s="91"/>
      <c r="HW1411" s="91"/>
      <c r="HX1411" s="91"/>
      <c r="HY1411" s="91"/>
      <c r="HZ1411" s="91"/>
      <c r="IA1411" s="91"/>
      <c r="IB1411" s="91"/>
      <c r="IC1411" s="91"/>
      <c r="ID1411" s="91"/>
      <c r="IE1411" s="91"/>
      <c r="IF1411" s="91"/>
      <c r="IG1411" s="91"/>
      <c r="IH1411" s="91"/>
      <c r="II1411" s="91"/>
      <c r="IJ1411" s="91"/>
      <c r="IK1411" s="127"/>
    </row>
    <row r="1412" spans="2:245" x14ac:dyDescent="0.2">
      <c r="B1412" s="43"/>
      <c r="C1412" s="73"/>
      <c r="D1412" s="64"/>
      <c r="E1412" s="64"/>
      <c r="F1412" s="55"/>
      <c r="G1412" s="102"/>
      <c r="H1412" s="55"/>
      <c r="I1412" s="55"/>
      <c r="J1412" s="55"/>
      <c r="K1412" s="55"/>
      <c r="L1412" s="55"/>
      <c r="M1412" s="55"/>
      <c r="N1412" s="55"/>
      <c r="O1412" s="55"/>
      <c r="P1412" s="55"/>
      <c r="Q1412" s="55"/>
      <c r="R1412" s="55"/>
      <c r="S1412" s="55"/>
      <c r="T1412" s="55"/>
      <c r="U1412" s="55"/>
      <c r="V1412" s="55"/>
      <c r="W1412" s="55"/>
      <c r="X1412" s="55"/>
      <c r="Y1412" s="55"/>
      <c r="Z1412" s="55"/>
      <c r="AA1412" s="55"/>
      <c r="AB1412" s="55"/>
      <c r="AC1412" s="55"/>
      <c r="AD1412" s="55"/>
      <c r="AE1412" s="55"/>
      <c r="AF1412" s="55"/>
      <c r="AG1412" s="55"/>
      <c r="AY1412" s="162"/>
      <c r="AZ1412" s="162"/>
      <c r="BA1412" s="162"/>
      <c r="BB1412" s="162"/>
      <c r="BC1412" s="162"/>
      <c r="BD1412" s="162"/>
      <c r="BE1412" s="162"/>
      <c r="BF1412" s="162"/>
      <c r="BG1412" s="162"/>
      <c r="BH1412" s="162"/>
      <c r="BI1412" s="162"/>
      <c r="BJ1412" s="162"/>
      <c r="BK1412" s="162"/>
      <c r="BL1412" s="162"/>
      <c r="BM1412" s="162"/>
      <c r="BN1412" s="162"/>
      <c r="BO1412" s="162"/>
      <c r="BP1412" s="162"/>
      <c r="BQ1412" s="162"/>
      <c r="BR1412" s="162"/>
      <c r="BS1412" s="162"/>
      <c r="BT1412" s="162"/>
      <c r="BU1412" s="162"/>
      <c r="BV1412" s="162"/>
      <c r="BW1412" s="162"/>
      <c r="BX1412" s="162"/>
      <c r="BY1412" s="162"/>
      <c r="BZ1412" s="162"/>
      <c r="CA1412" s="162"/>
      <c r="CB1412" s="162"/>
      <c r="CC1412" s="162"/>
      <c r="CD1412" s="162"/>
      <c r="CE1412" s="162"/>
      <c r="CF1412" s="162"/>
      <c r="CG1412" s="162"/>
      <c r="CH1412" s="162"/>
      <c r="CI1412" s="162"/>
      <c r="CJ1412" s="162"/>
      <c r="CK1412" s="162"/>
      <c r="CX1412" s="98"/>
      <c r="DL1412" s="97"/>
      <c r="DX1412" s="98"/>
      <c r="EL1412" s="97"/>
      <c r="EX1412" s="98"/>
      <c r="EY1412" s="97"/>
      <c r="FL1412" s="126"/>
      <c r="FM1412" s="91"/>
      <c r="FN1412" s="91"/>
      <c r="FO1412" s="91"/>
      <c r="FP1412" s="91"/>
      <c r="FQ1412" s="91"/>
      <c r="FR1412" s="91"/>
      <c r="FS1412" s="91"/>
      <c r="FT1412" s="91"/>
      <c r="FU1412" s="91"/>
      <c r="FV1412" s="91"/>
      <c r="FW1412" s="91"/>
      <c r="FX1412" s="91"/>
      <c r="FY1412" s="91"/>
      <c r="FZ1412" s="91"/>
      <c r="GA1412" s="91"/>
      <c r="GB1412" s="91"/>
      <c r="GC1412" s="91"/>
      <c r="GD1412" s="91"/>
      <c r="GE1412" s="91"/>
      <c r="GF1412" s="91"/>
      <c r="GG1412" s="91"/>
      <c r="GH1412" s="91"/>
      <c r="GI1412" s="91"/>
      <c r="GJ1412" s="91"/>
      <c r="GK1412" s="127"/>
      <c r="GL1412" s="126"/>
      <c r="GM1412" s="91"/>
      <c r="GN1412" s="91"/>
      <c r="GO1412" s="91"/>
      <c r="GP1412" s="91"/>
      <c r="GQ1412" s="91"/>
      <c r="GR1412" s="91"/>
      <c r="GS1412" s="91"/>
      <c r="GT1412" s="91"/>
      <c r="GU1412" s="91"/>
      <c r="GV1412" s="91"/>
      <c r="GW1412" s="91"/>
      <c r="GX1412" s="91"/>
      <c r="GY1412" s="91"/>
      <c r="GZ1412" s="91"/>
      <c r="HA1412" s="91"/>
      <c r="HB1412" s="91"/>
      <c r="HC1412" s="91"/>
      <c r="HD1412" s="91"/>
      <c r="HE1412" s="91"/>
      <c r="HF1412" s="91"/>
      <c r="HG1412" s="91"/>
      <c r="HH1412" s="91"/>
      <c r="HI1412" s="91"/>
      <c r="HJ1412" s="91"/>
      <c r="HK1412" s="127"/>
      <c r="HL1412" s="126"/>
      <c r="HM1412" s="91"/>
      <c r="HN1412" s="91"/>
      <c r="HO1412" s="91"/>
      <c r="HP1412" s="91"/>
      <c r="HQ1412" s="91"/>
      <c r="HR1412" s="91"/>
      <c r="HS1412" s="91"/>
      <c r="HT1412" s="91"/>
      <c r="HU1412" s="91"/>
      <c r="HV1412" s="91"/>
      <c r="HW1412" s="91"/>
      <c r="HX1412" s="91"/>
      <c r="HY1412" s="91"/>
      <c r="HZ1412" s="91"/>
      <c r="IA1412" s="91"/>
      <c r="IB1412" s="91"/>
      <c r="IC1412" s="91"/>
      <c r="ID1412" s="91"/>
      <c r="IE1412" s="91"/>
      <c r="IF1412" s="91"/>
      <c r="IG1412" s="91"/>
      <c r="IH1412" s="91"/>
      <c r="II1412" s="91"/>
      <c r="IJ1412" s="91"/>
      <c r="IK1412" s="127"/>
    </row>
    <row r="1413" spans="2:245" x14ac:dyDescent="0.2">
      <c r="B1413" s="43"/>
      <c r="C1413" s="73"/>
      <c r="D1413" s="64"/>
      <c r="E1413" s="64"/>
      <c r="F1413" s="55"/>
      <c r="G1413" s="102"/>
      <c r="H1413" s="55"/>
      <c r="I1413" s="55"/>
      <c r="J1413" s="55"/>
      <c r="K1413" s="55"/>
      <c r="L1413" s="55"/>
      <c r="M1413" s="55"/>
      <c r="N1413" s="55"/>
      <c r="O1413" s="55"/>
      <c r="P1413" s="55"/>
      <c r="Q1413" s="55"/>
      <c r="R1413" s="55"/>
      <c r="S1413" s="55"/>
      <c r="T1413" s="55"/>
      <c r="U1413" s="55"/>
      <c r="V1413" s="55"/>
      <c r="W1413" s="55"/>
      <c r="X1413" s="55"/>
      <c r="Y1413" s="55"/>
      <c r="Z1413" s="55"/>
      <c r="AA1413" s="55"/>
      <c r="AB1413" s="55"/>
      <c r="AC1413" s="55"/>
      <c r="AD1413" s="55"/>
      <c r="AE1413" s="55"/>
      <c r="AF1413" s="55"/>
      <c r="AG1413" s="55"/>
      <c r="AY1413" s="162"/>
      <c r="AZ1413" s="162"/>
      <c r="BA1413" s="162"/>
      <c r="BB1413" s="162"/>
      <c r="BC1413" s="162"/>
      <c r="BD1413" s="162"/>
      <c r="BE1413" s="162"/>
      <c r="BF1413" s="162"/>
      <c r="BG1413" s="162"/>
      <c r="BH1413" s="162"/>
      <c r="BI1413" s="162"/>
      <c r="BJ1413" s="162"/>
      <c r="BK1413" s="162"/>
      <c r="BL1413" s="162"/>
      <c r="BM1413" s="162"/>
      <c r="BN1413" s="162"/>
      <c r="BO1413" s="162"/>
      <c r="BP1413" s="162"/>
      <c r="BQ1413" s="162"/>
      <c r="BR1413" s="162"/>
      <c r="BS1413" s="162"/>
      <c r="BT1413" s="162"/>
      <c r="BU1413" s="162"/>
      <c r="BV1413" s="162"/>
      <c r="BW1413" s="162"/>
      <c r="BX1413" s="162"/>
      <c r="BY1413" s="162"/>
      <c r="BZ1413" s="162"/>
      <c r="CA1413" s="162"/>
      <c r="CB1413" s="162"/>
      <c r="CC1413" s="162"/>
      <c r="CD1413" s="162"/>
      <c r="CE1413" s="162"/>
      <c r="CF1413" s="162"/>
      <c r="CG1413" s="162"/>
      <c r="CH1413" s="162"/>
      <c r="CI1413" s="162"/>
      <c r="CJ1413" s="162"/>
      <c r="CK1413" s="162"/>
      <c r="CX1413" s="98"/>
      <c r="DL1413" s="97"/>
      <c r="DX1413" s="98"/>
      <c r="EL1413" s="97"/>
      <c r="EX1413" s="98"/>
      <c r="EY1413" s="97"/>
      <c r="FL1413" s="126"/>
      <c r="FM1413" s="91"/>
      <c r="FN1413" s="91"/>
      <c r="FO1413" s="91"/>
      <c r="FP1413" s="91"/>
      <c r="FQ1413" s="91"/>
      <c r="FR1413" s="91"/>
      <c r="FS1413" s="91"/>
      <c r="FT1413" s="91"/>
      <c r="FU1413" s="91"/>
      <c r="FV1413" s="91"/>
      <c r="FW1413" s="91"/>
      <c r="FX1413" s="91"/>
      <c r="FY1413" s="91"/>
      <c r="FZ1413" s="91"/>
      <c r="GA1413" s="91"/>
      <c r="GB1413" s="91"/>
      <c r="GC1413" s="91"/>
      <c r="GD1413" s="91"/>
      <c r="GE1413" s="91"/>
      <c r="GF1413" s="91"/>
      <c r="GG1413" s="91"/>
      <c r="GH1413" s="91"/>
      <c r="GI1413" s="91"/>
      <c r="GJ1413" s="91"/>
      <c r="GK1413" s="127"/>
      <c r="GL1413" s="126"/>
      <c r="GM1413" s="91"/>
      <c r="GN1413" s="91"/>
      <c r="GO1413" s="91"/>
      <c r="GP1413" s="91"/>
      <c r="GQ1413" s="91"/>
      <c r="GR1413" s="91"/>
      <c r="GS1413" s="91"/>
      <c r="GT1413" s="91"/>
      <c r="GU1413" s="91"/>
      <c r="GV1413" s="91"/>
      <c r="GW1413" s="91"/>
      <c r="GX1413" s="91"/>
      <c r="GY1413" s="91"/>
      <c r="GZ1413" s="91"/>
      <c r="HA1413" s="91"/>
      <c r="HB1413" s="91"/>
      <c r="HC1413" s="91"/>
      <c r="HD1413" s="91"/>
      <c r="HE1413" s="91"/>
      <c r="HF1413" s="91"/>
      <c r="HG1413" s="91"/>
      <c r="HH1413" s="91"/>
      <c r="HI1413" s="91"/>
      <c r="HJ1413" s="91"/>
      <c r="HK1413" s="127"/>
      <c r="HL1413" s="126"/>
      <c r="HM1413" s="91"/>
      <c r="HN1413" s="91"/>
      <c r="HO1413" s="91"/>
      <c r="HP1413" s="91"/>
      <c r="HQ1413" s="91"/>
      <c r="HR1413" s="91"/>
      <c r="HS1413" s="91"/>
      <c r="HT1413" s="91"/>
      <c r="HU1413" s="91"/>
      <c r="HV1413" s="91"/>
      <c r="HW1413" s="91"/>
      <c r="HX1413" s="91"/>
      <c r="HY1413" s="91"/>
      <c r="HZ1413" s="91"/>
      <c r="IA1413" s="91"/>
      <c r="IB1413" s="91"/>
      <c r="IC1413" s="91"/>
      <c r="ID1413" s="91"/>
      <c r="IE1413" s="91"/>
      <c r="IF1413" s="91"/>
      <c r="IG1413" s="91"/>
      <c r="IH1413" s="91"/>
      <c r="II1413" s="91"/>
      <c r="IJ1413" s="91"/>
      <c r="IK1413" s="127"/>
    </row>
    <row r="1414" spans="2:245" x14ac:dyDescent="0.2">
      <c r="B1414" s="43"/>
      <c r="C1414" s="73"/>
      <c r="D1414" s="64"/>
      <c r="E1414" s="64"/>
      <c r="F1414" s="55"/>
      <c r="G1414" s="102"/>
      <c r="H1414" s="55"/>
      <c r="I1414" s="55"/>
      <c r="J1414" s="55"/>
      <c r="K1414" s="55"/>
      <c r="L1414" s="55"/>
      <c r="M1414" s="55"/>
      <c r="N1414" s="55"/>
      <c r="O1414" s="55"/>
      <c r="P1414" s="55"/>
      <c r="Q1414" s="55"/>
      <c r="R1414" s="55"/>
      <c r="S1414" s="55"/>
      <c r="T1414" s="55"/>
      <c r="U1414" s="55"/>
      <c r="V1414" s="55"/>
      <c r="W1414" s="55"/>
      <c r="X1414" s="55"/>
      <c r="Y1414" s="55"/>
      <c r="Z1414" s="55"/>
      <c r="AA1414" s="55"/>
      <c r="AB1414" s="55"/>
      <c r="AC1414" s="55"/>
      <c r="AD1414" s="55"/>
      <c r="AE1414" s="55"/>
      <c r="AF1414" s="55"/>
      <c r="AG1414" s="55"/>
      <c r="AY1414" s="162"/>
      <c r="AZ1414" s="162"/>
      <c r="BA1414" s="162"/>
      <c r="BB1414" s="162"/>
      <c r="BC1414" s="162"/>
      <c r="BD1414" s="162"/>
      <c r="BE1414" s="162"/>
      <c r="BF1414" s="162"/>
      <c r="BG1414" s="162"/>
      <c r="BH1414" s="162"/>
      <c r="BI1414" s="162"/>
      <c r="BJ1414" s="162"/>
      <c r="BK1414" s="162"/>
      <c r="BL1414" s="162"/>
      <c r="BM1414" s="162"/>
      <c r="BN1414" s="162"/>
      <c r="BO1414" s="162"/>
      <c r="BP1414" s="162"/>
      <c r="BQ1414" s="162"/>
      <c r="BR1414" s="162"/>
      <c r="BS1414" s="162"/>
      <c r="BT1414" s="162"/>
      <c r="BU1414" s="162"/>
      <c r="BV1414" s="162"/>
      <c r="BW1414" s="162"/>
      <c r="BX1414" s="162"/>
      <c r="BY1414" s="162"/>
      <c r="BZ1414" s="162"/>
      <c r="CA1414" s="162"/>
      <c r="CB1414" s="162"/>
      <c r="CC1414" s="162"/>
      <c r="CD1414" s="162"/>
      <c r="CE1414" s="162"/>
      <c r="CF1414" s="162"/>
      <c r="CG1414" s="162"/>
      <c r="CH1414" s="162"/>
      <c r="CI1414" s="162"/>
      <c r="CJ1414" s="162"/>
      <c r="CK1414" s="162"/>
      <c r="CX1414" s="98"/>
      <c r="DL1414" s="97"/>
      <c r="DX1414" s="98"/>
      <c r="EL1414" s="97"/>
      <c r="EX1414" s="98"/>
      <c r="EY1414" s="97"/>
      <c r="FL1414" s="126"/>
      <c r="FM1414" s="91"/>
      <c r="FN1414" s="91"/>
      <c r="FO1414" s="91"/>
      <c r="FP1414" s="91"/>
      <c r="FQ1414" s="91"/>
      <c r="FR1414" s="91"/>
      <c r="FS1414" s="91"/>
      <c r="FT1414" s="91"/>
      <c r="FU1414" s="91"/>
      <c r="FV1414" s="91"/>
      <c r="FW1414" s="91"/>
      <c r="FX1414" s="91"/>
      <c r="FY1414" s="91"/>
      <c r="FZ1414" s="91"/>
      <c r="GA1414" s="91"/>
      <c r="GB1414" s="91"/>
      <c r="GC1414" s="91"/>
      <c r="GD1414" s="91"/>
      <c r="GE1414" s="91"/>
      <c r="GF1414" s="91"/>
      <c r="GG1414" s="91"/>
      <c r="GH1414" s="91"/>
      <c r="GI1414" s="91"/>
      <c r="GJ1414" s="91"/>
      <c r="GK1414" s="127"/>
      <c r="GL1414" s="126"/>
      <c r="GM1414" s="91"/>
      <c r="GN1414" s="91"/>
      <c r="GO1414" s="91"/>
      <c r="GP1414" s="91"/>
      <c r="GQ1414" s="91"/>
      <c r="GR1414" s="91"/>
      <c r="GS1414" s="91"/>
      <c r="GT1414" s="91"/>
      <c r="GU1414" s="91"/>
      <c r="GV1414" s="91"/>
      <c r="GW1414" s="91"/>
      <c r="GX1414" s="91"/>
      <c r="GY1414" s="91"/>
      <c r="GZ1414" s="91"/>
      <c r="HA1414" s="91"/>
      <c r="HB1414" s="91"/>
      <c r="HC1414" s="91"/>
      <c r="HD1414" s="91"/>
      <c r="HE1414" s="91"/>
      <c r="HF1414" s="91"/>
      <c r="HG1414" s="91"/>
      <c r="HH1414" s="91"/>
      <c r="HI1414" s="91"/>
      <c r="HJ1414" s="91"/>
      <c r="HK1414" s="127"/>
      <c r="HL1414" s="126"/>
      <c r="HM1414" s="91"/>
      <c r="HN1414" s="91"/>
      <c r="HO1414" s="91"/>
      <c r="HP1414" s="91"/>
      <c r="HQ1414" s="91"/>
      <c r="HR1414" s="91"/>
      <c r="HS1414" s="91"/>
      <c r="HT1414" s="91"/>
      <c r="HU1414" s="91"/>
      <c r="HV1414" s="91"/>
      <c r="HW1414" s="91"/>
      <c r="HX1414" s="91"/>
      <c r="HY1414" s="91"/>
      <c r="HZ1414" s="91"/>
      <c r="IA1414" s="91"/>
      <c r="IB1414" s="91"/>
      <c r="IC1414" s="91"/>
      <c r="ID1414" s="91"/>
      <c r="IE1414" s="91"/>
      <c r="IF1414" s="91"/>
      <c r="IG1414" s="91"/>
      <c r="IH1414" s="91"/>
      <c r="II1414" s="91"/>
      <c r="IJ1414" s="91"/>
      <c r="IK1414" s="127"/>
    </row>
    <row r="1415" spans="2:245" x14ac:dyDescent="0.2">
      <c r="B1415" s="43"/>
      <c r="C1415" s="73"/>
      <c r="D1415" s="64"/>
      <c r="E1415" s="64"/>
      <c r="F1415" s="55"/>
      <c r="G1415" s="102"/>
      <c r="H1415" s="55"/>
      <c r="I1415" s="55"/>
      <c r="J1415" s="55"/>
      <c r="K1415" s="55"/>
      <c r="L1415" s="55"/>
      <c r="M1415" s="55"/>
      <c r="N1415" s="55"/>
      <c r="O1415" s="55"/>
      <c r="P1415" s="55"/>
      <c r="Q1415" s="55"/>
      <c r="R1415" s="55"/>
      <c r="S1415" s="55"/>
      <c r="T1415" s="55"/>
      <c r="U1415" s="55"/>
      <c r="V1415" s="55"/>
      <c r="W1415" s="55"/>
      <c r="X1415" s="55"/>
      <c r="Y1415" s="55"/>
      <c r="Z1415" s="55"/>
      <c r="AA1415" s="55"/>
      <c r="AB1415" s="55"/>
      <c r="AC1415" s="55"/>
      <c r="AD1415" s="55"/>
      <c r="AE1415" s="55"/>
      <c r="AF1415" s="55"/>
      <c r="AG1415" s="55"/>
      <c r="AY1415" s="162"/>
      <c r="AZ1415" s="162"/>
      <c r="BA1415" s="162"/>
      <c r="BB1415" s="162"/>
      <c r="BC1415" s="162"/>
      <c r="BD1415" s="162"/>
      <c r="BE1415" s="162"/>
      <c r="BF1415" s="162"/>
      <c r="BG1415" s="162"/>
      <c r="BH1415" s="162"/>
      <c r="BI1415" s="162"/>
      <c r="BJ1415" s="162"/>
      <c r="BK1415" s="162"/>
      <c r="BL1415" s="162"/>
      <c r="BM1415" s="162"/>
      <c r="BN1415" s="162"/>
      <c r="BO1415" s="162"/>
      <c r="BP1415" s="162"/>
      <c r="BQ1415" s="162"/>
      <c r="BR1415" s="162"/>
      <c r="BS1415" s="162"/>
      <c r="BT1415" s="162"/>
      <c r="BU1415" s="162"/>
      <c r="BV1415" s="162"/>
      <c r="BW1415" s="162"/>
      <c r="BX1415" s="162"/>
      <c r="BY1415" s="162"/>
      <c r="BZ1415" s="162"/>
      <c r="CA1415" s="162"/>
      <c r="CB1415" s="162"/>
      <c r="CC1415" s="162"/>
      <c r="CD1415" s="162"/>
      <c r="CE1415" s="162"/>
      <c r="CF1415" s="162"/>
      <c r="CG1415" s="162"/>
      <c r="CH1415" s="162"/>
      <c r="CI1415" s="162"/>
      <c r="CJ1415" s="162"/>
      <c r="CK1415" s="162"/>
      <c r="CX1415" s="98"/>
      <c r="DL1415" s="97"/>
      <c r="DX1415" s="98"/>
      <c r="EL1415" s="97"/>
      <c r="EX1415" s="98"/>
      <c r="EY1415" s="97"/>
      <c r="FL1415" s="126"/>
      <c r="FM1415" s="91"/>
      <c r="FN1415" s="91"/>
      <c r="FO1415" s="91"/>
      <c r="FP1415" s="91"/>
      <c r="FQ1415" s="91"/>
      <c r="FR1415" s="91"/>
      <c r="FS1415" s="91"/>
      <c r="FT1415" s="91"/>
      <c r="FU1415" s="91"/>
      <c r="FV1415" s="91"/>
      <c r="FW1415" s="91"/>
      <c r="FX1415" s="91"/>
      <c r="FY1415" s="91"/>
      <c r="FZ1415" s="91"/>
      <c r="GA1415" s="91"/>
      <c r="GB1415" s="91"/>
      <c r="GC1415" s="91"/>
      <c r="GD1415" s="91"/>
      <c r="GE1415" s="91"/>
      <c r="GF1415" s="91"/>
      <c r="GG1415" s="91"/>
      <c r="GH1415" s="91"/>
      <c r="GI1415" s="91"/>
      <c r="GJ1415" s="91"/>
      <c r="GK1415" s="127"/>
      <c r="GL1415" s="126"/>
      <c r="GM1415" s="91"/>
      <c r="GN1415" s="91"/>
      <c r="GO1415" s="91"/>
      <c r="GP1415" s="91"/>
      <c r="GQ1415" s="91"/>
      <c r="GR1415" s="91"/>
      <c r="GS1415" s="91"/>
      <c r="GT1415" s="91"/>
      <c r="GU1415" s="91"/>
      <c r="GV1415" s="91"/>
      <c r="GW1415" s="91"/>
      <c r="GX1415" s="91"/>
      <c r="GY1415" s="91"/>
      <c r="GZ1415" s="91"/>
      <c r="HA1415" s="91"/>
      <c r="HB1415" s="91"/>
      <c r="HC1415" s="91"/>
      <c r="HD1415" s="91"/>
      <c r="HE1415" s="91"/>
      <c r="HF1415" s="91"/>
      <c r="HG1415" s="91"/>
      <c r="HH1415" s="91"/>
      <c r="HI1415" s="91"/>
      <c r="HJ1415" s="91"/>
      <c r="HK1415" s="127"/>
      <c r="HL1415" s="126"/>
      <c r="HM1415" s="91"/>
      <c r="HN1415" s="91"/>
      <c r="HO1415" s="91"/>
      <c r="HP1415" s="91"/>
      <c r="HQ1415" s="91"/>
      <c r="HR1415" s="91"/>
      <c r="HS1415" s="91"/>
      <c r="HT1415" s="91"/>
      <c r="HU1415" s="91"/>
      <c r="HV1415" s="91"/>
      <c r="HW1415" s="91"/>
      <c r="HX1415" s="91"/>
      <c r="HY1415" s="91"/>
      <c r="HZ1415" s="91"/>
      <c r="IA1415" s="91"/>
      <c r="IB1415" s="91"/>
      <c r="IC1415" s="91"/>
      <c r="ID1415" s="91"/>
      <c r="IE1415" s="91"/>
      <c r="IF1415" s="91"/>
      <c r="IG1415" s="91"/>
      <c r="IH1415" s="91"/>
      <c r="II1415" s="91"/>
      <c r="IJ1415" s="91"/>
      <c r="IK1415" s="127"/>
    </row>
    <row r="1416" spans="2:245" x14ac:dyDescent="0.2">
      <c r="B1416" s="43"/>
      <c r="C1416" s="73"/>
      <c r="D1416" s="64"/>
      <c r="E1416" s="64"/>
      <c r="F1416" s="55"/>
      <c r="G1416" s="102"/>
      <c r="H1416" s="55"/>
      <c r="I1416" s="55"/>
      <c r="J1416" s="55"/>
      <c r="K1416" s="55"/>
      <c r="L1416" s="55"/>
      <c r="M1416" s="55"/>
      <c r="N1416" s="55"/>
      <c r="O1416" s="55"/>
      <c r="P1416" s="55"/>
      <c r="Q1416" s="55"/>
      <c r="R1416" s="55"/>
      <c r="S1416" s="55"/>
      <c r="T1416" s="55"/>
      <c r="U1416" s="55"/>
      <c r="V1416" s="55"/>
      <c r="W1416" s="55"/>
      <c r="X1416" s="55"/>
      <c r="Y1416" s="55"/>
      <c r="Z1416" s="55"/>
      <c r="AA1416" s="55"/>
      <c r="AB1416" s="55"/>
      <c r="AC1416" s="55"/>
      <c r="AD1416" s="55"/>
      <c r="AE1416" s="55"/>
      <c r="AF1416" s="55"/>
      <c r="AG1416" s="55"/>
      <c r="AY1416" s="162"/>
      <c r="AZ1416" s="162"/>
      <c r="BA1416" s="162"/>
      <c r="BB1416" s="162"/>
      <c r="BC1416" s="162"/>
      <c r="BD1416" s="162"/>
      <c r="BE1416" s="162"/>
      <c r="BF1416" s="162"/>
      <c r="BG1416" s="162"/>
      <c r="BH1416" s="162"/>
      <c r="BI1416" s="162"/>
      <c r="BJ1416" s="162"/>
      <c r="BK1416" s="162"/>
      <c r="BL1416" s="162"/>
      <c r="BM1416" s="162"/>
      <c r="BN1416" s="162"/>
      <c r="BO1416" s="162"/>
      <c r="BP1416" s="162"/>
      <c r="BQ1416" s="162"/>
      <c r="BR1416" s="162"/>
      <c r="BS1416" s="162"/>
      <c r="BT1416" s="162"/>
      <c r="BU1416" s="162"/>
      <c r="BV1416" s="162"/>
      <c r="BW1416" s="162"/>
      <c r="BX1416" s="162"/>
      <c r="BY1416" s="162"/>
      <c r="BZ1416" s="162"/>
      <c r="CA1416" s="162"/>
      <c r="CB1416" s="162"/>
      <c r="CC1416" s="162"/>
      <c r="CD1416" s="162"/>
      <c r="CE1416" s="162"/>
      <c r="CF1416" s="162"/>
      <c r="CG1416" s="162"/>
      <c r="CH1416" s="162"/>
      <c r="CI1416" s="162"/>
      <c r="CJ1416" s="162"/>
      <c r="CK1416" s="162"/>
      <c r="CX1416" s="98"/>
      <c r="DL1416" s="97"/>
      <c r="DX1416" s="98"/>
      <c r="EL1416" s="97"/>
      <c r="EX1416" s="98"/>
      <c r="EY1416" s="97"/>
      <c r="FL1416" s="126"/>
      <c r="FM1416" s="91"/>
      <c r="FN1416" s="91"/>
      <c r="FO1416" s="91"/>
      <c r="FP1416" s="91"/>
      <c r="FQ1416" s="91"/>
      <c r="FR1416" s="91"/>
      <c r="FS1416" s="91"/>
      <c r="FT1416" s="91"/>
      <c r="FU1416" s="91"/>
      <c r="FV1416" s="91"/>
      <c r="FW1416" s="91"/>
      <c r="FX1416" s="91"/>
      <c r="FY1416" s="91"/>
      <c r="FZ1416" s="91"/>
      <c r="GA1416" s="91"/>
      <c r="GB1416" s="91"/>
      <c r="GC1416" s="91"/>
      <c r="GD1416" s="91"/>
      <c r="GE1416" s="91"/>
      <c r="GF1416" s="91"/>
      <c r="GG1416" s="91"/>
      <c r="GH1416" s="91"/>
      <c r="GI1416" s="91"/>
      <c r="GJ1416" s="91"/>
      <c r="GK1416" s="127"/>
      <c r="GL1416" s="126"/>
      <c r="GM1416" s="91"/>
      <c r="GN1416" s="91"/>
      <c r="GO1416" s="91"/>
      <c r="GP1416" s="91"/>
      <c r="GQ1416" s="91"/>
      <c r="GR1416" s="91"/>
      <c r="GS1416" s="91"/>
      <c r="GT1416" s="91"/>
      <c r="GU1416" s="91"/>
      <c r="GV1416" s="91"/>
      <c r="GW1416" s="91"/>
      <c r="GX1416" s="91"/>
      <c r="GY1416" s="91"/>
      <c r="GZ1416" s="91"/>
      <c r="HA1416" s="91"/>
      <c r="HB1416" s="91"/>
      <c r="HC1416" s="91"/>
      <c r="HD1416" s="91"/>
      <c r="HE1416" s="91"/>
      <c r="HF1416" s="91"/>
      <c r="HG1416" s="91"/>
      <c r="HH1416" s="91"/>
      <c r="HI1416" s="91"/>
      <c r="HJ1416" s="91"/>
      <c r="HK1416" s="127"/>
      <c r="HL1416" s="126"/>
      <c r="HM1416" s="91"/>
      <c r="HN1416" s="91"/>
      <c r="HO1416" s="91"/>
      <c r="HP1416" s="91"/>
      <c r="HQ1416" s="91"/>
      <c r="HR1416" s="91"/>
      <c r="HS1416" s="91"/>
      <c r="HT1416" s="91"/>
      <c r="HU1416" s="91"/>
      <c r="HV1416" s="91"/>
      <c r="HW1416" s="91"/>
      <c r="HX1416" s="91"/>
      <c r="HY1416" s="91"/>
      <c r="HZ1416" s="91"/>
      <c r="IA1416" s="91"/>
      <c r="IB1416" s="91"/>
      <c r="IC1416" s="91"/>
      <c r="ID1416" s="91"/>
      <c r="IE1416" s="91"/>
      <c r="IF1416" s="91"/>
      <c r="IG1416" s="91"/>
      <c r="IH1416" s="91"/>
      <c r="II1416" s="91"/>
      <c r="IJ1416" s="91"/>
      <c r="IK1416" s="127"/>
    </row>
    <row r="1417" spans="2:245" x14ac:dyDescent="0.2">
      <c r="B1417" s="43"/>
      <c r="C1417" s="73"/>
      <c r="D1417" s="64"/>
      <c r="E1417" s="64"/>
      <c r="F1417" s="55"/>
      <c r="G1417" s="102"/>
      <c r="H1417" s="55"/>
      <c r="I1417" s="55"/>
      <c r="J1417" s="55"/>
      <c r="K1417" s="55"/>
      <c r="L1417" s="55"/>
      <c r="M1417" s="55"/>
      <c r="N1417" s="55"/>
      <c r="O1417" s="55"/>
      <c r="P1417" s="55"/>
      <c r="Q1417" s="55"/>
      <c r="R1417" s="55"/>
      <c r="S1417" s="55"/>
      <c r="T1417" s="55"/>
      <c r="U1417" s="55"/>
      <c r="V1417" s="55"/>
      <c r="W1417" s="55"/>
      <c r="X1417" s="55"/>
      <c r="Y1417" s="55"/>
      <c r="Z1417" s="55"/>
      <c r="AA1417" s="55"/>
      <c r="AB1417" s="55"/>
      <c r="AC1417" s="55"/>
      <c r="AD1417" s="55"/>
      <c r="AE1417" s="55"/>
      <c r="AF1417" s="55"/>
      <c r="AG1417" s="55"/>
      <c r="AY1417" s="162"/>
      <c r="AZ1417" s="162"/>
      <c r="BA1417" s="162"/>
      <c r="BB1417" s="162"/>
      <c r="BC1417" s="162"/>
      <c r="BD1417" s="162"/>
      <c r="BE1417" s="162"/>
      <c r="BF1417" s="162"/>
      <c r="BG1417" s="162"/>
      <c r="BH1417" s="162"/>
      <c r="BI1417" s="162"/>
      <c r="BJ1417" s="162"/>
      <c r="BK1417" s="162"/>
      <c r="BL1417" s="162"/>
      <c r="BM1417" s="162"/>
      <c r="BN1417" s="162"/>
      <c r="BO1417" s="162"/>
      <c r="BP1417" s="162"/>
      <c r="BQ1417" s="162"/>
      <c r="BR1417" s="162"/>
      <c r="BS1417" s="162"/>
      <c r="BT1417" s="162"/>
      <c r="BU1417" s="162"/>
      <c r="BV1417" s="162"/>
      <c r="BW1417" s="162"/>
      <c r="BX1417" s="162"/>
      <c r="BY1417" s="162"/>
      <c r="BZ1417" s="162"/>
      <c r="CA1417" s="162"/>
      <c r="CB1417" s="162"/>
      <c r="CC1417" s="162"/>
      <c r="CD1417" s="162"/>
      <c r="CE1417" s="162"/>
      <c r="CF1417" s="162"/>
      <c r="CG1417" s="162"/>
      <c r="CH1417" s="162"/>
      <c r="CI1417" s="162"/>
      <c r="CJ1417" s="162"/>
      <c r="CK1417" s="162"/>
      <c r="CX1417" s="98"/>
      <c r="DL1417" s="97"/>
      <c r="DX1417" s="98"/>
      <c r="EL1417" s="97"/>
      <c r="EX1417" s="98"/>
      <c r="EY1417" s="97"/>
      <c r="FL1417" s="126"/>
      <c r="FM1417" s="91"/>
      <c r="FN1417" s="91"/>
      <c r="FO1417" s="91"/>
      <c r="FP1417" s="91"/>
      <c r="FQ1417" s="91"/>
      <c r="FR1417" s="91"/>
      <c r="FS1417" s="91"/>
      <c r="FT1417" s="91"/>
      <c r="FU1417" s="91"/>
      <c r="FV1417" s="91"/>
      <c r="FW1417" s="91"/>
      <c r="FX1417" s="91"/>
      <c r="FY1417" s="91"/>
      <c r="FZ1417" s="91"/>
      <c r="GA1417" s="91"/>
      <c r="GB1417" s="91"/>
      <c r="GC1417" s="91"/>
      <c r="GD1417" s="91"/>
      <c r="GE1417" s="91"/>
      <c r="GF1417" s="91"/>
      <c r="GG1417" s="91"/>
      <c r="GH1417" s="91"/>
      <c r="GI1417" s="91"/>
      <c r="GJ1417" s="91"/>
      <c r="GK1417" s="127"/>
      <c r="GL1417" s="126"/>
      <c r="GM1417" s="91"/>
      <c r="GN1417" s="91"/>
      <c r="GO1417" s="91"/>
      <c r="GP1417" s="91"/>
      <c r="GQ1417" s="91"/>
      <c r="GR1417" s="91"/>
      <c r="GS1417" s="91"/>
      <c r="GT1417" s="91"/>
      <c r="GU1417" s="91"/>
      <c r="GV1417" s="91"/>
      <c r="GW1417" s="91"/>
      <c r="GX1417" s="91"/>
      <c r="GY1417" s="91"/>
      <c r="GZ1417" s="91"/>
      <c r="HA1417" s="91"/>
      <c r="HB1417" s="91"/>
      <c r="HC1417" s="91"/>
      <c r="HD1417" s="91"/>
      <c r="HE1417" s="91"/>
      <c r="HF1417" s="91"/>
      <c r="HG1417" s="91"/>
      <c r="HH1417" s="91"/>
      <c r="HI1417" s="91"/>
      <c r="HJ1417" s="91"/>
      <c r="HK1417" s="127"/>
      <c r="HL1417" s="126"/>
      <c r="HM1417" s="91"/>
      <c r="HN1417" s="91"/>
      <c r="HO1417" s="91"/>
      <c r="HP1417" s="91"/>
      <c r="HQ1417" s="91"/>
      <c r="HR1417" s="91"/>
      <c r="HS1417" s="91"/>
      <c r="HT1417" s="91"/>
      <c r="HU1417" s="91"/>
      <c r="HV1417" s="91"/>
      <c r="HW1417" s="91"/>
      <c r="HX1417" s="91"/>
      <c r="HY1417" s="91"/>
      <c r="HZ1417" s="91"/>
      <c r="IA1417" s="91"/>
      <c r="IB1417" s="91"/>
      <c r="IC1417" s="91"/>
      <c r="ID1417" s="91"/>
      <c r="IE1417" s="91"/>
      <c r="IF1417" s="91"/>
      <c r="IG1417" s="91"/>
      <c r="IH1417" s="91"/>
      <c r="II1417" s="91"/>
      <c r="IJ1417" s="91"/>
      <c r="IK1417" s="127"/>
    </row>
    <row r="1418" spans="2:245" x14ac:dyDescent="0.2">
      <c r="B1418" s="43"/>
      <c r="C1418" s="73"/>
      <c r="D1418" s="64"/>
      <c r="E1418" s="64"/>
      <c r="F1418" s="55"/>
      <c r="G1418" s="102"/>
      <c r="H1418" s="55"/>
      <c r="I1418" s="55"/>
      <c r="J1418" s="55"/>
      <c r="K1418" s="55"/>
      <c r="L1418" s="55"/>
      <c r="M1418" s="55"/>
      <c r="N1418" s="55"/>
      <c r="O1418" s="55"/>
      <c r="P1418" s="55"/>
      <c r="Q1418" s="55"/>
      <c r="R1418" s="55"/>
      <c r="S1418" s="55"/>
      <c r="T1418" s="55"/>
      <c r="U1418" s="55"/>
      <c r="V1418" s="55"/>
      <c r="W1418" s="55"/>
      <c r="X1418" s="55"/>
      <c r="Y1418" s="55"/>
      <c r="Z1418" s="55"/>
      <c r="AA1418" s="55"/>
      <c r="AB1418" s="55"/>
      <c r="AC1418" s="55"/>
      <c r="AD1418" s="55"/>
      <c r="AE1418" s="55"/>
      <c r="AF1418" s="55"/>
      <c r="AG1418" s="55"/>
      <c r="AY1418" s="162"/>
      <c r="AZ1418" s="162"/>
      <c r="BA1418" s="162"/>
      <c r="BB1418" s="162"/>
      <c r="BC1418" s="162"/>
      <c r="BD1418" s="162"/>
      <c r="BE1418" s="162"/>
      <c r="BF1418" s="162"/>
      <c r="BG1418" s="162"/>
      <c r="BH1418" s="162"/>
      <c r="BI1418" s="162"/>
      <c r="BJ1418" s="162"/>
      <c r="BK1418" s="162"/>
      <c r="BL1418" s="162"/>
      <c r="BM1418" s="162"/>
      <c r="BN1418" s="162"/>
      <c r="BO1418" s="162"/>
      <c r="BP1418" s="162"/>
      <c r="BQ1418" s="162"/>
      <c r="BR1418" s="162"/>
      <c r="BS1418" s="162"/>
      <c r="BT1418" s="162"/>
      <c r="BU1418" s="162"/>
      <c r="BV1418" s="162"/>
      <c r="BW1418" s="162"/>
      <c r="BX1418" s="162"/>
      <c r="BY1418" s="162"/>
      <c r="BZ1418" s="162"/>
      <c r="CA1418" s="162"/>
      <c r="CB1418" s="162"/>
      <c r="CC1418" s="162"/>
      <c r="CD1418" s="162"/>
      <c r="CE1418" s="162"/>
      <c r="CF1418" s="162"/>
      <c r="CG1418" s="162"/>
      <c r="CH1418" s="162"/>
      <c r="CI1418" s="162"/>
      <c r="CJ1418" s="162"/>
      <c r="CK1418" s="162"/>
      <c r="CX1418" s="98"/>
      <c r="DL1418" s="97"/>
      <c r="DX1418" s="98"/>
      <c r="EL1418" s="97"/>
      <c r="EX1418" s="98"/>
      <c r="EY1418" s="97"/>
      <c r="FL1418" s="126"/>
      <c r="FM1418" s="91"/>
      <c r="FN1418" s="91"/>
      <c r="FO1418" s="91"/>
      <c r="FP1418" s="91"/>
      <c r="FQ1418" s="91"/>
      <c r="FR1418" s="91"/>
      <c r="FS1418" s="91"/>
      <c r="FT1418" s="91"/>
      <c r="FU1418" s="91"/>
      <c r="FV1418" s="91"/>
      <c r="FW1418" s="91"/>
      <c r="FX1418" s="91"/>
      <c r="FY1418" s="91"/>
      <c r="FZ1418" s="91"/>
      <c r="GA1418" s="91"/>
      <c r="GB1418" s="91"/>
      <c r="GC1418" s="91"/>
      <c r="GD1418" s="91"/>
      <c r="GE1418" s="91"/>
      <c r="GF1418" s="91"/>
      <c r="GG1418" s="91"/>
      <c r="GH1418" s="91"/>
      <c r="GI1418" s="91"/>
      <c r="GJ1418" s="91"/>
      <c r="GK1418" s="127"/>
      <c r="GL1418" s="126"/>
      <c r="GM1418" s="91"/>
      <c r="GN1418" s="91"/>
      <c r="GO1418" s="91"/>
      <c r="GP1418" s="91"/>
      <c r="GQ1418" s="91"/>
      <c r="GR1418" s="91"/>
      <c r="GS1418" s="91"/>
      <c r="GT1418" s="91"/>
      <c r="GU1418" s="91"/>
      <c r="GV1418" s="91"/>
      <c r="GW1418" s="91"/>
      <c r="GX1418" s="91"/>
      <c r="GY1418" s="91"/>
      <c r="GZ1418" s="91"/>
      <c r="HA1418" s="91"/>
      <c r="HB1418" s="91"/>
      <c r="HC1418" s="91"/>
      <c r="HD1418" s="91"/>
      <c r="HE1418" s="91"/>
      <c r="HF1418" s="91"/>
      <c r="HG1418" s="91"/>
      <c r="HH1418" s="91"/>
      <c r="HI1418" s="91"/>
      <c r="HJ1418" s="91"/>
      <c r="HK1418" s="127"/>
      <c r="HL1418" s="126"/>
      <c r="HM1418" s="91"/>
      <c r="HN1418" s="91"/>
      <c r="HO1418" s="91"/>
      <c r="HP1418" s="91"/>
      <c r="HQ1418" s="91"/>
      <c r="HR1418" s="91"/>
      <c r="HS1418" s="91"/>
      <c r="HT1418" s="91"/>
      <c r="HU1418" s="91"/>
      <c r="HV1418" s="91"/>
      <c r="HW1418" s="91"/>
      <c r="HX1418" s="91"/>
      <c r="HY1418" s="91"/>
      <c r="HZ1418" s="91"/>
      <c r="IA1418" s="91"/>
      <c r="IB1418" s="91"/>
      <c r="IC1418" s="91"/>
      <c r="ID1418" s="91"/>
      <c r="IE1418" s="91"/>
      <c r="IF1418" s="91"/>
      <c r="IG1418" s="91"/>
      <c r="IH1418" s="91"/>
      <c r="II1418" s="91"/>
      <c r="IJ1418" s="91"/>
      <c r="IK1418" s="127"/>
    </row>
    <row r="1419" spans="2:245" x14ac:dyDescent="0.2">
      <c r="B1419" s="43"/>
      <c r="C1419" s="73"/>
      <c r="D1419" s="64"/>
      <c r="E1419" s="64"/>
      <c r="F1419" s="55"/>
      <c r="G1419" s="102"/>
      <c r="H1419" s="55"/>
      <c r="I1419" s="55"/>
      <c r="J1419" s="55"/>
      <c r="K1419" s="55"/>
      <c r="L1419" s="55"/>
      <c r="M1419" s="55"/>
      <c r="N1419" s="55"/>
      <c r="O1419" s="55"/>
      <c r="P1419" s="55"/>
      <c r="Q1419" s="55"/>
      <c r="R1419" s="55"/>
      <c r="S1419" s="55"/>
      <c r="T1419" s="55"/>
      <c r="U1419" s="55"/>
      <c r="V1419" s="55"/>
      <c r="W1419" s="55"/>
      <c r="X1419" s="55"/>
      <c r="Y1419" s="55"/>
      <c r="Z1419" s="55"/>
      <c r="AA1419" s="55"/>
      <c r="AB1419" s="55"/>
      <c r="AC1419" s="55"/>
      <c r="AD1419" s="55"/>
      <c r="AE1419" s="55"/>
      <c r="AF1419" s="55"/>
      <c r="AG1419" s="55"/>
      <c r="AY1419" s="162"/>
      <c r="AZ1419" s="162"/>
      <c r="BA1419" s="162"/>
      <c r="BB1419" s="162"/>
      <c r="BC1419" s="162"/>
      <c r="BD1419" s="162"/>
      <c r="BE1419" s="162"/>
      <c r="BF1419" s="162"/>
      <c r="BG1419" s="162"/>
      <c r="BH1419" s="162"/>
      <c r="BI1419" s="162"/>
      <c r="BJ1419" s="162"/>
      <c r="BK1419" s="162"/>
      <c r="BL1419" s="162"/>
      <c r="BM1419" s="162"/>
      <c r="BN1419" s="162"/>
      <c r="BO1419" s="162"/>
      <c r="BP1419" s="162"/>
      <c r="BQ1419" s="162"/>
      <c r="BR1419" s="162"/>
      <c r="BS1419" s="162"/>
      <c r="BT1419" s="162"/>
      <c r="BU1419" s="162"/>
      <c r="BV1419" s="162"/>
      <c r="BW1419" s="162"/>
      <c r="BX1419" s="162"/>
      <c r="BY1419" s="162"/>
      <c r="BZ1419" s="162"/>
      <c r="CA1419" s="162"/>
      <c r="CB1419" s="162"/>
      <c r="CC1419" s="162"/>
      <c r="CD1419" s="162"/>
      <c r="CE1419" s="162"/>
      <c r="CF1419" s="162"/>
      <c r="CG1419" s="162"/>
      <c r="CH1419" s="162"/>
      <c r="CI1419" s="162"/>
      <c r="CJ1419" s="162"/>
      <c r="CK1419" s="162"/>
      <c r="CX1419" s="98"/>
      <c r="DL1419" s="97"/>
      <c r="DX1419" s="98"/>
      <c r="EL1419" s="97"/>
      <c r="EX1419" s="98"/>
      <c r="EY1419" s="97"/>
      <c r="FL1419" s="126"/>
      <c r="FM1419" s="91"/>
      <c r="FN1419" s="91"/>
      <c r="FO1419" s="91"/>
      <c r="FP1419" s="91"/>
      <c r="FQ1419" s="91"/>
      <c r="FR1419" s="91"/>
      <c r="FS1419" s="91"/>
      <c r="FT1419" s="91"/>
      <c r="FU1419" s="91"/>
      <c r="FV1419" s="91"/>
      <c r="FW1419" s="91"/>
      <c r="FX1419" s="91"/>
      <c r="FY1419" s="91"/>
      <c r="FZ1419" s="91"/>
      <c r="GA1419" s="91"/>
      <c r="GB1419" s="91"/>
      <c r="GC1419" s="91"/>
      <c r="GD1419" s="91"/>
      <c r="GE1419" s="91"/>
      <c r="GF1419" s="91"/>
      <c r="GG1419" s="91"/>
      <c r="GH1419" s="91"/>
      <c r="GI1419" s="91"/>
      <c r="GJ1419" s="91"/>
      <c r="GK1419" s="127"/>
      <c r="GL1419" s="126"/>
      <c r="GM1419" s="91"/>
      <c r="GN1419" s="91"/>
      <c r="GO1419" s="91"/>
      <c r="GP1419" s="91"/>
      <c r="GQ1419" s="91"/>
      <c r="GR1419" s="91"/>
      <c r="GS1419" s="91"/>
      <c r="GT1419" s="91"/>
      <c r="GU1419" s="91"/>
      <c r="GV1419" s="91"/>
      <c r="GW1419" s="91"/>
      <c r="GX1419" s="91"/>
      <c r="GY1419" s="91"/>
      <c r="GZ1419" s="91"/>
      <c r="HA1419" s="91"/>
      <c r="HB1419" s="91"/>
      <c r="HC1419" s="91"/>
      <c r="HD1419" s="91"/>
      <c r="HE1419" s="91"/>
      <c r="HF1419" s="91"/>
      <c r="HG1419" s="91"/>
      <c r="HH1419" s="91"/>
      <c r="HI1419" s="91"/>
      <c r="HJ1419" s="91"/>
      <c r="HK1419" s="127"/>
      <c r="HL1419" s="126"/>
      <c r="HM1419" s="91"/>
      <c r="HN1419" s="91"/>
      <c r="HO1419" s="91"/>
      <c r="HP1419" s="91"/>
      <c r="HQ1419" s="91"/>
      <c r="HR1419" s="91"/>
      <c r="HS1419" s="91"/>
      <c r="HT1419" s="91"/>
      <c r="HU1419" s="91"/>
      <c r="HV1419" s="91"/>
      <c r="HW1419" s="91"/>
      <c r="HX1419" s="91"/>
      <c r="HY1419" s="91"/>
      <c r="HZ1419" s="91"/>
      <c r="IA1419" s="91"/>
      <c r="IB1419" s="91"/>
      <c r="IC1419" s="91"/>
      <c r="ID1419" s="91"/>
      <c r="IE1419" s="91"/>
      <c r="IF1419" s="91"/>
      <c r="IG1419" s="91"/>
      <c r="IH1419" s="91"/>
      <c r="II1419" s="91"/>
      <c r="IJ1419" s="91"/>
      <c r="IK1419" s="127"/>
    </row>
    <row r="1420" spans="2:245" x14ac:dyDescent="0.2">
      <c r="B1420" s="43"/>
      <c r="C1420" s="73"/>
      <c r="D1420" s="64"/>
      <c r="E1420" s="64"/>
      <c r="F1420" s="55"/>
      <c r="G1420" s="102"/>
      <c r="H1420" s="55"/>
      <c r="I1420" s="55"/>
      <c r="J1420" s="55"/>
      <c r="K1420" s="55"/>
      <c r="L1420" s="55"/>
      <c r="M1420" s="55"/>
      <c r="N1420" s="55"/>
      <c r="O1420" s="55"/>
      <c r="P1420" s="55"/>
      <c r="Q1420" s="55"/>
      <c r="R1420" s="55"/>
      <c r="S1420" s="55"/>
      <c r="T1420" s="55"/>
      <c r="U1420" s="55"/>
      <c r="V1420" s="55"/>
      <c r="W1420" s="55"/>
      <c r="X1420" s="55"/>
      <c r="Y1420" s="55"/>
      <c r="Z1420" s="55"/>
      <c r="AA1420" s="55"/>
      <c r="AB1420" s="55"/>
      <c r="AC1420" s="55"/>
      <c r="AD1420" s="55"/>
      <c r="AE1420" s="55"/>
      <c r="AF1420" s="55"/>
      <c r="AG1420" s="55"/>
      <c r="AY1420" s="162"/>
      <c r="AZ1420" s="162"/>
      <c r="BA1420" s="162"/>
      <c r="BB1420" s="162"/>
      <c r="BC1420" s="162"/>
      <c r="BD1420" s="162"/>
      <c r="BE1420" s="162"/>
      <c r="BF1420" s="162"/>
      <c r="BG1420" s="162"/>
      <c r="BH1420" s="162"/>
      <c r="BI1420" s="162"/>
      <c r="BJ1420" s="162"/>
      <c r="BK1420" s="162"/>
      <c r="BL1420" s="162"/>
      <c r="BM1420" s="162"/>
      <c r="BN1420" s="162"/>
      <c r="BO1420" s="162"/>
      <c r="BP1420" s="162"/>
      <c r="BQ1420" s="162"/>
      <c r="BR1420" s="162"/>
      <c r="BS1420" s="162"/>
      <c r="BT1420" s="162"/>
      <c r="BU1420" s="162"/>
      <c r="BV1420" s="162"/>
      <c r="BW1420" s="162"/>
      <c r="BX1420" s="162"/>
      <c r="BY1420" s="162"/>
      <c r="BZ1420" s="162"/>
      <c r="CA1420" s="162"/>
      <c r="CB1420" s="162"/>
      <c r="CC1420" s="162"/>
      <c r="CD1420" s="162"/>
      <c r="CE1420" s="162"/>
      <c r="CF1420" s="162"/>
      <c r="CG1420" s="162"/>
      <c r="CH1420" s="162"/>
      <c r="CI1420" s="162"/>
      <c r="CJ1420" s="162"/>
      <c r="CK1420" s="162"/>
      <c r="CX1420" s="98"/>
      <c r="DL1420" s="97"/>
      <c r="DX1420" s="98"/>
      <c r="EL1420" s="97"/>
      <c r="EX1420" s="98"/>
      <c r="EY1420" s="97"/>
      <c r="FL1420" s="126"/>
      <c r="FM1420" s="91"/>
      <c r="FN1420" s="91"/>
      <c r="FO1420" s="91"/>
      <c r="FP1420" s="91"/>
      <c r="FQ1420" s="91"/>
      <c r="FR1420" s="91"/>
      <c r="FS1420" s="91"/>
      <c r="FT1420" s="91"/>
      <c r="FU1420" s="91"/>
      <c r="FV1420" s="91"/>
      <c r="FW1420" s="91"/>
      <c r="FX1420" s="91"/>
      <c r="FY1420" s="91"/>
      <c r="FZ1420" s="91"/>
      <c r="GA1420" s="91"/>
      <c r="GB1420" s="91"/>
      <c r="GC1420" s="91"/>
      <c r="GD1420" s="91"/>
      <c r="GE1420" s="91"/>
      <c r="GF1420" s="91"/>
      <c r="GG1420" s="91"/>
      <c r="GH1420" s="91"/>
      <c r="GI1420" s="91"/>
      <c r="GJ1420" s="91"/>
      <c r="GK1420" s="127"/>
      <c r="GL1420" s="126"/>
      <c r="GM1420" s="91"/>
      <c r="GN1420" s="91"/>
      <c r="GO1420" s="91"/>
      <c r="GP1420" s="91"/>
      <c r="GQ1420" s="91"/>
      <c r="GR1420" s="91"/>
      <c r="GS1420" s="91"/>
      <c r="GT1420" s="91"/>
      <c r="GU1420" s="91"/>
      <c r="GV1420" s="91"/>
      <c r="GW1420" s="91"/>
      <c r="GX1420" s="91"/>
      <c r="GY1420" s="91"/>
      <c r="GZ1420" s="91"/>
      <c r="HA1420" s="91"/>
      <c r="HB1420" s="91"/>
      <c r="HC1420" s="91"/>
      <c r="HD1420" s="91"/>
      <c r="HE1420" s="91"/>
      <c r="HF1420" s="91"/>
      <c r="HG1420" s="91"/>
      <c r="HH1420" s="91"/>
      <c r="HI1420" s="91"/>
      <c r="HJ1420" s="91"/>
      <c r="HK1420" s="127"/>
      <c r="HL1420" s="126"/>
      <c r="HM1420" s="91"/>
      <c r="HN1420" s="91"/>
      <c r="HO1420" s="91"/>
      <c r="HP1420" s="91"/>
      <c r="HQ1420" s="91"/>
      <c r="HR1420" s="91"/>
      <c r="HS1420" s="91"/>
      <c r="HT1420" s="91"/>
      <c r="HU1420" s="91"/>
      <c r="HV1420" s="91"/>
      <c r="HW1420" s="91"/>
      <c r="HX1420" s="91"/>
      <c r="HY1420" s="91"/>
      <c r="HZ1420" s="91"/>
      <c r="IA1420" s="91"/>
      <c r="IB1420" s="91"/>
      <c r="IC1420" s="91"/>
      <c r="ID1420" s="91"/>
      <c r="IE1420" s="91"/>
      <c r="IF1420" s="91"/>
      <c r="IG1420" s="91"/>
      <c r="IH1420" s="91"/>
      <c r="II1420" s="91"/>
      <c r="IJ1420" s="91"/>
      <c r="IK1420" s="127"/>
    </row>
    <row r="1421" spans="2:245" x14ac:dyDescent="0.2">
      <c r="B1421" s="43"/>
      <c r="C1421" s="73"/>
      <c r="D1421" s="64"/>
      <c r="E1421" s="64"/>
      <c r="F1421" s="55"/>
      <c r="G1421" s="102"/>
      <c r="H1421" s="55"/>
      <c r="I1421" s="55"/>
      <c r="J1421" s="55"/>
      <c r="K1421" s="55"/>
      <c r="L1421" s="55"/>
      <c r="M1421" s="55"/>
      <c r="N1421" s="55"/>
      <c r="O1421" s="55"/>
      <c r="P1421" s="55"/>
      <c r="Q1421" s="55"/>
      <c r="R1421" s="55"/>
      <c r="S1421" s="55"/>
      <c r="T1421" s="55"/>
      <c r="U1421" s="55"/>
      <c r="V1421" s="55"/>
      <c r="W1421" s="55"/>
      <c r="X1421" s="55"/>
      <c r="Y1421" s="55"/>
      <c r="Z1421" s="55"/>
      <c r="AA1421" s="55"/>
      <c r="AB1421" s="55"/>
      <c r="AC1421" s="55"/>
      <c r="AD1421" s="55"/>
      <c r="AE1421" s="55"/>
      <c r="AF1421" s="55"/>
      <c r="AG1421" s="55"/>
      <c r="AY1421" s="162"/>
      <c r="AZ1421" s="162"/>
      <c r="BA1421" s="162"/>
      <c r="BB1421" s="162"/>
      <c r="BC1421" s="162"/>
      <c r="BD1421" s="162"/>
      <c r="BE1421" s="162"/>
      <c r="BF1421" s="162"/>
      <c r="BG1421" s="162"/>
      <c r="BH1421" s="162"/>
      <c r="BI1421" s="162"/>
      <c r="BJ1421" s="162"/>
      <c r="BK1421" s="162"/>
      <c r="BL1421" s="162"/>
      <c r="BM1421" s="162"/>
      <c r="BN1421" s="162"/>
      <c r="BO1421" s="162"/>
      <c r="BP1421" s="162"/>
      <c r="BQ1421" s="162"/>
      <c r="BR1421" s="162"/>
      <c r="BS1421" s="162"/>
      <c r="BT1421" s="162"/>
      <c r="BU1421" s="162"/>
      <c r="BV1421" s="162"/>
      <c r="BW1421" s="162"/>
      <c r="BX1421" s="162"/>
      <c r="BY1421" s="162"/>
      <c r="BZ1421" s="162"/>
      <c r="CA1421" s="162"/>
      <c r="CB1421" s="162"/>
      <c r="CC1421" s="162"/>
      <c r="CD1421" s="162"/>
      <c r="CE1421" s="162"/>
      <c r="CF1421" s="162"/>
      <c r="CG1421" s="162"/>
      <c r="CH1421" s="162"/>
      <c r="CI1421" s="162"/>
      <c r="CJ1421" s="162"/>
      <c r="CK1421" s="162"/>
      <c r="CX1421" s="98"/>
      <c r="DL1421" s="97"/>
      <c r="DX1421" s="98"/>
      <c r="EL1421" s="97"/>
      <c r="EX1421" s="98"/>
      <c r="EY1421" s="97"/>
      <c r="FL1421" s="126"/>
      <c r="FM1421" s="91"/>
      <c r="FN1421" s="91"/>
      <c r="FO1421" s="91"/>
      <c r="FP1421" s="91"/>
      <c r="FQ1421" s="91"/>
      <c r="FR1421" s="91"/>
      <c r="FS1421" s="91"/>
      <c r="FT1421" s="91"/>
      <c r="FU1421" s="91"/>
      <c r="FV1421" s="91"/>
      <c r="FW1421" s="91"/>
      <c r="FX1421" s="91"/>
      <c r="FY1421" s="91"/>
      <c r="FZ1421" s="91"/>
      <c r="GA1421" s="91"/>
      <c r="GB1421" s="91"/>
      <c r="GC1421" s="91"/>
      <c r="GD1421" s="91"/>
      <c r="GE1421" s="91"/>
      <c r="GF1421" s="91"/>
      <c r="GG1421" s="91"/>
      <c r="GH1421" s="91"/>
      <c r="GI1421" s="91"/>
      <c r="GJ1421" s="91"/>
      <c r="GK1421" s="127"/>
      <c r="GL1421" s="126"/>
      <c r="GM1421" s="91"/>
      <c r="GN1421" s="91"/>
      <c r="GO1421" s="91"/>
      <c r="GP1421" s="91"/>
      <c r="GQ1421" s="91"/>
      <c r="GR1421" s="91"/>
      <c r="GS1421" s="91"/>
      <c r="GT1421" s="91"/>
      <c r="GU1421" s="91"/>
      <c r="GV1421" s="91"/>
      <c r="GW1421" s="91"/>
      <c r="GX1421" s="91"/>
      <c r="GY1421" s="91"/>
      <c r="GZ1421" s="91"/>
      <c r="HA1421" s="91"/>
      <c r="HB1421" s="91"/>
      <c r="HC1421" s="91"/>
      <c r="HD1421" s="91"/>
      <c r="HE1421" s="91"/>
      <c r="HF1421" s="91"/>
      <c r="HG1421" s="91"/>
      <c r="HH1421" s="91"/>
      <c r="HI1421" s="91"/>
      <c r="HJ1421" s="91"/>
      <c r="HK1421" s="127"/>
      <c r="HL1421" s="126"/>
      <c r="HM1421" s="91"/>
      <c r="HN1421" s="91"/>
      <c r="HO1421" s="91"/>
      <c r="HP1421" s="91"/>
      <c r="HQ1421" s="91"/>
      <c r="HR1421" s="91"/>
      <c r="HS1421" s="91"/>
      <c r="HT1421" s="91"/>
      <c r="HU1421" s="91"/>
      <c r="HV1421" s="91"/>
      <c r="HW1421" s="91"/>
      <c r="HX1421" s="91"/>
      <c r="HY1421" s="91"/>
      <c r="HZ1421" s="91"/>
      <c r="IA1421" s="91"/>
      <c r="IB1421" s="91"/>
      <c r="IC1421" s="91"/>
      <c r="ID1421" s="91"/>
      <c r="IE1421" s="91"/>
      <c r="IF1421" s="91"/>
      <c r="IG1421" s="91"/>
      <c r="IH1421" s="91"/>
      <c r="II1421" s="91"/>
      <c r="IJ1421" s="91"/>
      <c r="IK1421" s="127"/>
    </row>
    <row r="1422" spans="2:245" x14ac:dyDescent="0.2">
      <c r="B1422" s="43"/>
      <c r="C1422" s="73"/>
      <c r="D1422" s="64"/>
      <c r="E1422" s="64"/>
      <c r="F1422" s="55"/>
      <c r="G1422" s="102"/>
      <c r="H1422" s="55"/>
      <c r="I1422" s="55"/>
      <c r="J1422" s="55"/>
      <c r="K1422" s="55"/>
      <c r="L1422" s="55"/>
      <c r="M1422" s="55"/>
      <c r="N1422" s="55"/>
      <c r="O1422" s="55"/>
      <c r="P1422" s="55"/>
      <c r="Q1422" s="55"/>
      <c r="R1422" s="55"/>
      <c r="S1422" s="55"/>
      <c r="T1422" s="55"/>
      <c r="U1422" s="55"/>
      <c r="V1422" s="55"/>
      <c r="W1422" s="55"/>
      <c r="X1422" s="55"/>
      <c r="Y1422" s="55"/>
      <c r="Z1422" s="55"/>
      <c r="AA1422" s="55"/>
      <c r="AB1422" s="55"/>
      <c r="AC1422" s="55"/>
      <c r="AD1422" s="55"/>
      <c r="AE1422" s="55"/>
      <c r="AF1422" s="55"/>
      <c r="AG1422" s="55"/>
      <c r="AY1422" s="162"/>
      <c r="AZ1422" s="162"/>
      <c r="BA1422" s="162"/>
      <c r="BB1422" s="162"/>
      <c r="BC1422" s="162"/>
      <c r="BD1422" s="162"/>
      <c r="BE1422" s="162"/>
      <c r="BF1422" s="162"/>
      <c r="BG1422" s="162"/>
      <c r="BH1422" s="162"/>
      <c r="BI1422" s="162"/>
      <c r="BJ1422" s="162"/>
      <c r="BK1422" s="162"/>
      <c r="BL1422" s="162"/>
      <c r="BM1422" s="162"/>
      <c r="BN1422" s="162"/>
      <c r="BO1422" s="162"/>
      <c r="BP1422" s="162"/>
      <c r="BQ1422" s="162"/>
      <c r="BR1422" s="162"/>
      <c r="BS1422" s="162"/>
      <c r="BT1422" s="162"/>
      <c r="BU1422" s="162"/>
      <c r="BV1422" s="162"/>
      <c r="BW1422" s="162"/>
      <c r="BX1422" s="162"/>
      <c r="BY1422" s="162"/>
      <c r="BZ1422" s="162"/>
      <c r="CA1422" s="162"/>
      <c r="CB1422" s="162"/>
      <c r="CC1422" s="162"/>
      <c r="CD1422" s="162"/>
      <c r="CE1422" s="162"/>
      <c r="CF1422" s="162"/>
      <c r="CG1422" s="162"/>
      <c r="CH1422" s="162"/>
      <c r="CI1422" s="162"/>
      <c r="CJ1422" s="162"/>
      <c r="CK1422" s="162"/>
      <c r="CX1422" s="98"/>
      <c r="DL1422" s="97"/>
      <c r="DX1422" s="98"/>
      <c r="EL1422" s="97"/>
      <c r="EX1422" s="98"/>
      <c r="EY1422" s="97"/>
      <c r="FL1422" s="126"/>
      <c r="FM1422" s="91"/>
      <c r="FN1422" s="91"/>
      <c r="FO1422" s="91"/>
      <c r="FP1422" s="91"/>
      <c r="FQ1422" s="91"/>
      <c r="FR1422" s="91"/>
      <c r="FS1422" s="91"/>
      <c r="FT1422" s="91"/>
      <c r="FU1422" s="91"/>
      <c r="FV1422" s="91"/>
      <c r="FW1422" s="91"/>
      <c r="FX1422" s="91"/>
      <c r="FY1422" s="91"/>
      <c r="FZ1422" s="91"/>
      <c r="GA1422" s="91"/>
      <c r="GB1422" s="91"/>
      <c r="GC1422" s="91"/>
      <c r="GD1422" s="91"/>
      <c r="GE1422" s="91"/>
      <c r="GF1422" s="91"/>
      <c r="GG1422" s="91"/>
      <c r="GH1422" s="91"/>
      <c r="GI1422" s="91"/>
      <c r="GJ1422" s="91"/>
      <c r="GK1422" s="127"/>
      <c r="GL1422" s="126"/>
      <c r="GM1422" s="91"/>
      <c r="GN1422" s="91"/>
      <c r="GO1422" s="91"/>
      <c r="GP1422" s="91"/>
      <c r="GQ1422" s="91"/>
      <c r="GR1422" s="91"/>
      <c r="GS1422" s="91"/>
      <c r="GT1422" s="91"/>
      <c r="GU1422" s="91"/>
      <c r="GV1422" s="91"/>
      <c r="GW1422" s="91"/>
      <c r="GX1422" s="91"/>
      <c r="GY1422" s="91"/>
      <c r="GZ1422" s="91"/>
      <c r="HA1422" s="91"/>
      <c r="HB1422" s="91"/>
      <c r="HC1422" s="91"/>
      <c r="HD1422" s="91"/>
      <c r="HE1422" s="91"/>
      <c r="HF1422" s="91"/>
      <c r="HG1422" s="91"/>
      <c r="HH1422" s="91"/>
      <c r="HI1422" s="91"/>
      <c r="HJ1422" s="91"/>
      <c r="HK1422" s="127"/>
      <c r="HL1422" s="126"/>
      <c r="HM1422" s="91"/>
      <c r="HN1422" s="91"/>
      <c r="HO1422" s="91"/>
      <c r="HP1422" s="91"/>
      <c r="HQ1422" s="91"/>
      <c r="HR1422" s="91"/>
      <c r="HS1422" s="91"/>
      <c r="HT1422" s="91"/>
      <c r="HU1422" s="91"/>
      <c r="HV1422" s="91"/>
      <c r="HW1422" s="91"/>
      <c r="HX1422" s="91"/>
      <c r="HY1422" s="91"/>
      <c r="HZ1422" s="91"/>
      <c r="IA1422" s="91"/>
      <c r="IB1422" s="91"/>
      <c r="IC1422" s="91"/>
      <c r="ID1422" s="91"/>
      <c r="IE1422" s="91"/>
      <c r="IF1422" s="91"/>
      <c r="IG1422" s="91"/>
      <c r="IH1422" s="91"/>
      <c r="II1422" s="91"/>
      <c r="IJ1422" s="91"/>
      <c r="IK1422" s="127"/>
    </row>
    <row r="1423" spans="2:245" x14ac:dyDescent="0.2">
      <c r="B1423" s="43"/>
      <c r="C1423" s="73"/>
      <c r="D1423" s="64"/>
      <c r="E1423" s="64"/>
      <c r="F1423" s="55"/>
      <c r="G1423" s="102"/>
      <c r="H1423" s="55"/>
      <c r="I1423" s="55"/>
      <c r="J1423" s="55"/>
      <c r="K1423" s="55"/>
      <c r="L1423" s="55"/>
      <c r="M1423" s="55"/>
      <c r="N1423" s="55"/>
      <c r="O1423" s="55"/>
      <c r="P1423" s="55"/>
      <c r="Q1423" s="55"/>
      <c r="R1423" s="55"/>
      <c r="S1423" s="55"/>
      <c r="T1423" s="55"/>
      <c r="U1423" s="55"/>
      <c r="V1423" s="55"/>
      <c r="W1423" s="55"/>
      <c r="X1423" s="55"/>
      <c r="Y1423" s="55"/>
      <c r="Z1423" s="55"/>
      <c r="AA1423" s="55"/>
      <c r="AB1423" s="55"/>
      <c r="AC1423" s="55"/>
      <c r="AD1423" s="55"/>
      <c r="AE1423" s="55"/>
      <c r="AF1423" s="55"/>
      <c r="AG1423" s="55"/>
      <c r="AY1423" s="162"/>
      <c r="AZ1423" s="162"/>
      <c r="BA1423" s="162"/>
      <c r="BB1423" s="162"/>
      <c r="BC1423" s="162"/>
      <c r="BD1423" s="162"/>
      <c r="BE1423" s="162"/>
      <c r="BF1423" s="162"/>
      <c r="BG1423" s="162"/>
      <c r="BH1423" s="162"/>
      <c r="BI1423" s="162"/>
      <c r="BJ1423" s="162"/>
      <c r="BK1423" s="162"/>
      <c r="BL1423" s="162"/>
      <c r="BM1423" s="162"/>
      <c r="BN1423" s="162"/>
      <c r="BO1423" s="162"/>
      <c r="BP1423" s="162"/>
      <c r="BQ1423" s="162"/>
      <c r="BR1423" s="162"/>
      <c r="BS1423" s="162"/>
      <c r="BT1423" s="162"/>
      <c r="BU1423" s="162"/>
      <c r="BV1423" s="162"/>
      <c r="BW1423" s="162"/>
      <c r="BX1423" s="162"/>
      <c r="BY1423" s="162"/>
      <c r="BZ1423" s="162"/>
      <c r="CA1423" s="162"/>
      <c r="CB1423" s="162"/>
      <c r="CC1423" s="162"/>
      <c r="CD1423" s="162"/>
      <c r="CE1423" s="162"/>
      <c r="CF1423" s="162"/>
      <c r="CG1423" s="162"/>
      <c r="CH1423" s="162"/>
      <c r="CI1423" s="162"/>
      <c r="CJ1423" s="162"/>
      <c r="CK1423" s="162"/>
      <c r="CX1423" s="98"/>
      <c r="DL1423" s="97"/>
      <c r="DX1423" s="98"/>
      <c r="EL1423" s="97"/>
      <c r="EX1423" s="98"/>
      <c r="EY1423" s="97"/>
      <c r="FL1423" s="126"/>
      <c r="FM1423" s="91"/>
      <c r="FN1423" s="91"/>
      <c r="FO1423" s="91"/>
      <c r="FP1423" s="91"/>
      <c r="FQ1423" s="91"/>
      <c r="FR1423" s="91"/>
      <c r="FS1423" s="91"/>
      <c r="FT1423" s="91"/>
      <c r="FU1423" s="91"/>
      <c r="FV1423" s="91"/>
      <c r="FW1423" s="91"/>
      <c r="FX1423" s="91"/>
      <c r="FY1423" s="91"/>
      <c r="FZ1423" s="91"/>
      <c r="GA1423" s="91"/>
      <c r="GB1423" s="91"/>
      <c r="GC1423" s="91"/>
      <c r="GD1423" s="91"/>
      <c r="GE1423" s="91"/>
      <c r="GF1423" s="91"/>
      <c r="GG1423" s="91"/>
      <c r="GH1423" s="91"/>
      <c r="GI1423" s="91"/>
      <c r="GJ1423" s="91"/>
      <c r="GK1423" s="127"/>
      <c r="GL1423" s="126"/>
      <c r="GM1423" s="91"/>
      <c r="GN1423" s="91"/>
      <c r="GO1423" s="91"/>
      <c r="GP1423" s="91"/>
      <c r="GQ1423" s="91"/>
      <c r="GR1423" s="91"/>
      <c r="GS1423" s="91"/>
      <c r="GT1423" s="91"/>
      <c r="GU1423" s="91"/>
      <c r="GV1423" s="91"/>
      <c r="GW1423" s="91"/>
      <c r="GX1423" s="91"/>
      <c r="GY1423" s="91"/>
      <c r="GZ1423" s="91"/>
      <c r="HA1423" s="91"/>
      <c r="HB1423" s="91"/>
      <c r="HC1423" s="91"/>
      <c r="HD1423" s="91"/>
      <c r="HE1423" s="91"/>
      <c r="HF1423" s="91"/>
      <c r="HG1423" s="91"/>
      <c r="HH1423" s="91"/>
      <c r="HI1423" s="91"/>
      <c r="HJ1423" s="91"/>
      <c r="HK1423" s="127"/>
      <c r="HL1423" s="126"/>
      <c r="HM1423" s="91"/>
      <c r="HN1423" s="91"/>
      <c r="HO1423" s="91"/>
      <c r="HP1423" s="91"/>
      <c r="HQ1423" s="91"/>
      <c r="HR1423" s="91"/>
      <c r="HS1423" s="91"/>
      <c r="HT1423" s="91"/>
      <c r="HU1423" s="91"/>
      <c r="HV1423" s="91"/>
      <c r="HW1423" s="91"/>
      <c r="HX1423" s="91"/>
      <c r="HY1423" s="91"/>
      <c r="HZ1423" s="91"/>
      <c r="IA1423" s="91"/>
      <c r="IB1423" s="91"/>
      <c r="IC1423" s="91"/>
      <c r="ID1423" s="91"/>
      <c r="IE1423" s="91"/>
      <c r="IF1423" s="91"/>
      <c r="IG1423" s="91"/>
      <c r="IH1423" s="91"/>
      <c r="II1423" s="91"/>
      <c r="IJ1423" s="91"/>
      <c r="IK1423" s="127"/>
    </row>
    <row r="1424" spans="2:245" x14ac:dyDescent="0.2">
      <c r="B1424" s="43"/>
      <c r="C1424" s="73"/>
      <c r="D1424" s="64"/>
      <c r="E1424" s="64"/>
      <c r="F1424" s="55"/>
      <c r="G1424" s="102"/>
      <c r="H1424" s="55"/>
      <c r="I1424" s="55"/>
      <c r="J1424" s="55"/>
      <c r="K1424" s="55"/>
      <c r="L1424" s="55"/>
      <c r="M1424" s="55"/>
      <c r="N1424" s="55"/>
      <c r="O1424" s="55"/>
      <c r="P1424" s="55"/>
      <c r="Q1424" s="55"/>
      <c r="R1424" s="55"/>
      <c r="S1424" s="55"/>
      <c r="T1424" s="55"/>
      <c r="U1424" s="55"/>
      <c r="V1424" s="55"/>
      <c r="W1424" s="55"/>
      <c r="X1424" s="55"/>
      <c r="Y1424" s="55"/>
      <c r="Z1424" s="55"/>
      <c r="AA1424" s="55"/>
      <c r="AB1424" s="55"/>
      <c r="AC1424" s="55"/>
      <c r="AD1424" s="55"/>
      <c r="AE1424" s="55"/>
      <c r="AF1424" s="55"/>
      <c r="AG1424" s="55"/>
      <c r="AY1424" s="162"/>
      <c r="AZ1424" s="162"/>
      <c r="BA1424" s="162"/>
      <c r="BB1424" s="162"/>
      <c r="BC1424" s="162"/>
      <c r="BD1424" s="162"/>
      <c r="BE1424" s="162"/>
      <c r="BF1424" s="162"/>
      <c r="BG1424" s="162"/>
      <c r="BH1424" s="162"/>
      <c r="BI1424" s="162"/>
      <c r="BJ1424" s="162"/>
      <c r="BK1424" s="162"/>
      <c r="BL1424" s="162"/>
      <c r="BM1424" s="162"/>
      <c r="BN1424" s="162"/>
      <c r="BO1424" s="162"/>
      <c r="BP1424" s="162"/>
      <c r="BQ1424" s="162"/>
      <c r="BR1424" s="162"/>
      <c r="BS1424" s="162"/>
      <c r="BT1424" s="162"/>
      <c r="BU1424" s="162"/>
      <c r="BV1424" s="162"/>
      <c r="BW1424" s="162"/>
      <c r="BX1424" s="162"/>
      <c r="BY1424" s="162"/>
      <c r="BZ1424" s="162"/>
      <c r="CA1424" s="162"/>
      <c r="CB1424" s="162"/>
      <c r="CC1424" s="162"/>
      <c r="CD1424" s="162"/>
      <c r="CE1424" s="162"/>
      <c r="CF1424" s="162"/>
      <c r="CG1424" s="162"/>
      <c r="CH1424" s="162"/>
      <c r="CI1424" s="162"/>
      <c r="CJ1424" s="162"/>
      <c r="CK1424" s="162"/>
      <c r="CX1424" s="98"/>
      <c r="DL1424" s="97"/>
      <c r="DX1424" s="98"/>
      <c r="EL1424" s="97"/>
      <c r="EX1424" s="98"/>
      <c r="EY1424" s="97"/>
      <c r="FL1424" s="126"/>
      <c r="FM1424" s="91"/>
      <c r="FN1424" s="91"/>
      <c r="FO1424" s="91"/>
      <c r="FP1424" s="91"/>
      <c r="FQ1424" s="91"/>
      <c r="FR1424" s="91"/>
      <c r="FS1424" s="91"/>
      <c r="FT1424" s="91"/>
      <c r="FU1424" s="91"/>
      <c r="FV1424" s="91"/>
      <c r="FW1424" s="91"/>
      <c r="FX1424" s="91"/>
      <c r="FY1424" s="91"/>
      <c r="FZ1424" s="91"/>
      <c r="GA1424" s="91"/>
      <c r="GB1424" s="91"/>
      <c r="GC1424" s="91"/>
      <c r="GD1424" s="91"/>
      <c r="GE1424" s="91"/>
      <c r="GF1424" s="91"/>
      <c r="GG1424" s="91"/>
      <c r="GH1424" s="91"/>
      <c r="GI1424" s="91"/>
      <c r="GJ1424" s="91"/>
      <c r="GK1424" s="127"/>
      <c r="GL1424" s="126"/>
      <c r="GM1424" s="91"/>
      <c r="GN1424" s="91"/>
      <c r="GO1424" s="91"/>
      <c r="GP1424" s="91"/>
      <c r="GQ1424" s="91"/>
      <c r="GR1424" s="91"/>
      <c r="GS1424" s="91"/>
      <c r="GT1424" s="91"/>
      <c r="GU1424" s="91"/>
      <c r="GV1424" s="91"/>
      <c r="GW1424" s="91"/>
      <c r="GX1424" s="91"/>
      <c r="GY1424" s="91"/>
      <c r="GZ1424" s="91"/>
      <c r="HA1424" s="91"/>
      <c r="HB1424" s="91"/>
      <c r="HC1424" s="91"/>
      <c r="HD1424" s="91"/>
      <c r="HE1424" s="91"/>
      <c r="HF1424" s="91"/>
      <c r="HG1424" s="91"/>
      <c r="HH1424" s="91"/>
      <c r="HI1424" s="91"/>
      <c r="HJ1424" s="91"/>
      <c r="HK1424" s="127"/>
      <c r="HL1424" s="126"/>
      <c r="HM1424" s="91"/>
      <c r="HN1424" s="91"/>
      <c r="HO1424" s="91"/>
      <c r="HP1424" s="91"/>
      <c r="HQ1424" s="91"/>
      <c r="HR1424" s="91"/>
      <c r="HS1424" s="91"/>
      <c r="HT1424" s="91"/>
      <c r="HU1424" s="91"/>
      <c r="HV1424" s="91"/>
      <c r="HW1424" s="91"/>
      <c r="HX1424" s="91"/>
      <c r="HY1424" s="91"/>
      <c r="HZ1424" s="91"/>
      <c r="IA1424" s="91"/>
      <c r="IB1424" s="91"/>
      <c r="IC1424" s="91"/>
      <c r="ID1424" s="91"/>
      <c r="IE1424" s="91"/>
      <c r="IF1424" s="91"/>
      <c r="IG1424" s="91"/>
      <c r="IH1424" s="91"/>
      <c r="II1424" s="91"/>
      <c r="IJ1424" s="91"/>
      <c r="IK1424" s="127"/>
    </row>
    <row r="1425" spans="2:245" x14ac:dyDescent="0.2">
      <c r="B1425" s="43"/>
      <c r="C1425" s="73"/>
      <c r="D1425" s="64"/>
      <c r="E1425" s="64"/>
      <c r="F1425" s="55"/>
      <c r="G1425" s="102"/>
      <c r="H1425" s="55"/>
      <c r="I1425" s="55"/>
      <c r="J1425" s="55"/>
      <c r="K1425" s="55"/>
      <c r="L1425" s="55"/>
      <c r="M1425" s="55"/>
      <c r="N1425" s="55"/>
      <c r="O1425" s="55"/>
      <c r="P1425" s="55"/>
      <c r="Q1425" s="55"/>
      <c r="R1425" s="55"/>
      <c r="S1425" s="55"/>
      <c r="T1425" s="55"/>
      <c r="U1425" s="55"/>
      <c r="V1425" s="55"/>
      <c r="W1425" s="55"/>
      <c r="X1425" s="55"/>
      <c r="Y1425" s="55"/>
      <c r="Z1425" s="55"/>
      <c r="AA1425" s="55"/>
      <c r="AB1425" s="55"/>
      <c r="AC1425" s="55"/>
      <c r="AD1425" s="55"/>
      <c r="AE1425" s="55"/>
      <c r="AF1425" s="55"/>
      <c r="AG1425" s="55"/>
      <c r="AY1425" s="162"/>
      <c r="AZ1425" s="162"/>
      <c r="BA1425" s="162"/>
      <c r="BB1425" s="162"/>
      <c r="BC1425" s="162"/>
      <c r="BD1425" s="162"/>
      <c r="BE1425" s="162"/>
      <c r="BF1425" s="162"/>
      <c r="BG1425" s="162"/>
      <c r="BH1425" s="162"/>
      <c r="BI1425" s="162"/>
      <c r="BJ1425" s="162"/>
      <c r="BK1425" s="162"/>
      <c r="BL1425" s="162"/>
      <c r="BM1425" s="162"/>
      <c r="BN1425" s="162"/>
      <c r="BO1425" s="162"/>
      <c r="BP1425" s="162"/>
      <c r="BQ1425" s="162"/>
      <c r="BR1425" s="162"/>
      <c r="BS1425" s="162"/>
      <c r="BT1425" s="162"/>
      <c r="BU1425" s="162"/>
      <c r="BV1425" s="162"/>
      <c r="BW1425" s="162"/>
      <c r="BX1425" s="162"/>
      <c r="BY1425" s="162"/>
      <c r="BZ1425" s="162"/>
      <c r="CA1425" s="162"/>
      <c r="CB1425" s="162"/>
      <c r="CC1425" s="162"/>
      <c r="CD1425" s="162"/>
      <c r="CE1425" s="162"/>
      <c r="CF1425" s="162"/>
      <c r="CG1425" s="162"/>
      <c r="CH1425" s="162"/>
      <c r="CI1425" s="162"/>
      <c r="CJ1425" s="162"/>
      <c r="CK1425" s="162"/>
      <c r="CX1425" s="98"/>
      <c r="DL1425" s="97"/>
      <c r="DX1425" s="98"/>
      <c r="EL1425" s="97"/>
      <c r="EX1425" s="98"/>
      <c r="EY1425" s="97"/>
      <c r="FL1425" s="126"/>
      <c r="FM1425" s="91"/>
      <c r="FN1425" s="91"/>
      <c r="FO1425" s="91"/>
      <c r="FP1425" s="91"/>
      <c r="FQ1425" s="91"/>
      <c r="FR1425" s="91"/>
      <c r="FS1425" s="91"/>
      <c r="FT1425" s="91"/>
      <c r="FU1425" s="91"/>
      <c r="FV1425" s="91"/>
      <c r="FW1425" s="91"/>
      <c r="FX1425" s="91"/>
      <c r="FY1425" s="91"/>
      <c r="FZ1425" s="91"/>
      <c r="GA1425" s="91"/>
      <c r="GB1425" s="91"/>
      <c r="GC1425" s="91"/>
      <c r="GD1425" s="91"/>
      <c r="GE1425" s="91"/>
      <c r="GF1425" s="91"/>
      <c r="GG1425" s="91"/>
      <c r="GH1425" s="91"/>
      <c r="GI1425" s="91"/>
      <c r="GJ1425" s="91"/>
      <c r="GK1425" s="127"/>
      <c r="GL1425" s="126"/>
      <c r="GM1425" s="91"/>
      <c r="GN1425" s="91"/>
      <c r="GO1425" s="91"/>
      <c r="GP1425" s="91"/>
      <c r="GQ1425" s="91"/>
      <c r="GR1425" s="91"/>
      <c r="GS1425" s="91"/>
      <c r="GT1425" s="91"/>
      <c r="GU1425" s="91"/>
      <c r="GV1425" s="91"/>
      <c r="GW1425" s="91"/>
      <c r="GX1425" s="91"/>
      <c r="GY1425" s="91"/>
      <c r="GZ1425" s="91"/>
      <c r="HA1425" s="91"/>
      <c r="HB1425" s="91"/>
      <c r="HC1425" s="91"/>
      <c r="HD1425" s="91"/>
      <c r="HE1425" s="91"/>
      <c r="HF1425" s="91"/>
      <c r="HG1425" s="91"/>
      <c r="HH1425" s="91"/>
      <c r="HI1425" s="91"/>
      <c r="HJ1425" s="91"/>
      <c r="HK1425" s="127"/>
      <c r="HL1425" s="126"/>
      <c r="HM1425" s="91"/>
      <c r="HN1425" s="91"/>
      <c r="HO1425" s="91"/>
      <c r="HP1425" s="91"/>
      <c r="HQ1425" s="91"/>
      <c r="HR1425" s="91"/>
      <c r="HS1425" s="91"/>
      <c r="HT1425" s="91"/>
      <c r="HU1425" s="91"/>
      <c r="HV1425" s="91"/>
      <c r="HW1425" s="91"/>
      <c r="HX1425" s="91"/>
      <c r="HY1425" s="91"/>
      <c r="HZ1425" s="91"/>
      <c r="IA1425" s="91"/>
      <c r="IB1425" s="91"/>
      <c r="IC1425" s="91"/>
      <c r="ID1425" s="91"/>
      <c r="IE1425" s="91"/>
      <c r="IF1425" s="91"/>
      <c r="IG1425" s="91"/>
      <c r="IH1425" s="91"/>
      <c r="II1425" s="91"/>
      <c r="IJ1425" s="91"/>
      <c r="IK1425" s="127"/>
    </row>
    <row r="1426" spans="2:245" x14ac:dyDescent="0.2">
      <c r="B1426" s="43"/>
      <c r="C1426" s="73"/>
      <c r="D1426" s="64"/>
      <c r="E1426" s="64"/>
      <c r="F1426" s="55"/>
      <c r="G1426" s="102"/>
      <c r="H1426" s="55"/>
      <c r="I1426" s="55"/>
      <c r="J1426" s="55"/>
      <c r="K1426" s="55"/>
      <c r="L1426" s="55"/>
      <c r="M1426" s="55"/>
      <c r="N1426" s="55"/>
      <c r="O1426" s="55"/>
      <c r="P1426" s="55"/>
      <c r="Q1426" s="55"/>
      <c r="R1426" s="55"/>
      <c r="S1426" s="55"/>
      <c r="T1426" s="55"/>
      <c r="U1426" s="55"/>
      <c r="V1426" s="55"/>
      <c r="W1426" s="55"/>
      <c r="X1426" s="55"/>
      <c r="Y1426" s="55"/>
      <c r="Z1426" s="55"/>
      <c r="AA1426" s="55"/>
      <c r="AB1426" s="55"/>
      <c r="AC1426" s="55"/>
      <c r="AD1426" s="55"/>
      <c r="AE1426" s="55"/>
      <c r="AF1426" s="55"/>
      <c r="AG1426" s="55"/>
      <c r="AY1426" s="162"/>
      <c r="AZ1426" s="162"/>
      <c r="BA1426" s="162"/>
      <c r="BB1426" s="162"/>
      <c r="BC1426" s="162"/>
      <c r="BD1426" s="162"/>
      <c r="BE1426" s="162"/>
      <c r="BF1426" s="162"/>
      <c r="BG1426" s="162"/>
      <c r="BH1426" s="162"/>
      <c r="BI1426" s="162"/>
      <c r="BJ1426" s="162"/>
      <c r="BK1426" s="162"/>
      <c r="BL1426" s="162"/>
      <c r="BM1426" s="162"/>
      <c r="BN1426" s="162"/>
      <c r="BO1426" s="162"/>
      <c r="BP1426" s="162"/>
      <c r="BQ1426" s="162"/>
      <c r="BR1426" s="162"/>
      <c r="BS1426" s="162"/>
      <c r="BT1426" s="162"/>
      <c r="BU1426" s="162"/>
      <c r="BV1426" s="162"/>
      <c r="BW1426" s="162"/>
      <c r="BX1426" s="162"/>
      <c r="BY1426" s="162"/>
      <c r="BZ1426" s="162"/>
      <c r="CA1426" s="162"/>
      <c r="CB1426" s="162"/>
      <c r="CC1426" s="162"/>
      <c r="CD1426" s="162"/>
      <c r="CE1426" s="162"/>
      <c r="CF1426" s="162"/>
      <c r="CG1426" s="162"/>
      <c r="CH1426" s="162"/>
      <c r="CI1426" s="162"/>
      <c r="CJ1426" s="162"/>
      <c r="CK1426" s="162"/>
      <c r="CX1426" s="98"/>
      <c r="DL1426" s="97"/>
      <c r="DX1426" s="98"/>
      <c r="EL1426" s="97"/>
      <c r="EX1426" s="98"/>
      <c r="EY1426" s="97"/>
      <c r="FL1426" s="126"/>
      <c r="FM1426" s="91"/>
      <c r="FN1426" s="91"/>
      <c r="FO1426" s="91"/>
      <c r="FP1426" s="91"/>
      <c r="FQ1426" s="91"/>
      <c r="FR1426" s="91"/>
      <c r="FS1426" s="91"/>
      <c r="FT1426" s="91"/>
      <c r="FU1426" s="91"/>
      <c r="FV1426" s="91"/>
      <c r="FW1426" s="91"/>
      <c r="FX1426" s="91"/>
      <c r="FY1426" s="91"/>
      <c r="FZ1426" s="91"/>
      <c r="GA1426" s="91"/>
      <c r="GB1426" s="91"/>
      <c r="GC1426" s="91"/>
      <c r="GD1426" s="91"/>
      <c r="GE1426" s="91"/>
      <c r="GF1426" s="91"/>
      <c r="GG1426" s="91"/>
      <c r="GH1426" s="91"/>
      <c r="GI1426" s="91"/>
      <c r="GJ1426" s="91"/>
      <c r="GK1426" s="127"/>
      <c r="GL1426" s="126"/>
      <c r="GM1426" s="91"/>
      <c r="GN1426" s="91"/>
      <c r="GO1426" s="91"/>
      <c r="GP1426" s="91"/>
      <c r="GQ1426" s="91"/>
      <c r="GR1426" s="91"/>
      <c r="GS1426" s="91"/>
      <c r="GT1426" s="91"/>
      <c r="GU1426" s="91"/>
      <c r="GV1426" s="91"/>
      <c r="GW1426" s="91"/>
      <c r="GX1426" s="91"/>
      <c r="GY1426" s="91"/>
      <c r="GZ1426" s="91"/>
      <c r="HA1426" s="91"/>
      <c r="HB1426" s="91"/>
      <c r="HC1426" s="91"/>
      <c r="HD1426" s="91"/>
      <c r="HE1426" s="91"/>
      <c r="HF1426" s="91"/>
      <c r="HG1426" s="91"/>
      <c r="HH1426" s="91"/>
      <c r="HI1426" s="91"/>
      <c r="HJ1426" s="91"/>
      <c r="HK1426" s="127"/>
      <c r="HL1426" s="126"/>
      <c r="HM1426" s="91"/>
      <c r="HN1426" s="91"/>
      <c r="HO1426" s="91"/>
      <c r="HP1426" s="91"/>
      <c r="HQ1426" s="91"/>
      <c r="HR1426" s="91"/>
      <c r="HS1426" s="91"/>
      <c r="HT1426" s="91"/>
      <c r="HU1426" s="91"/>
      <c r="HV1426" s="91"/>
      <c r="HW1426" s="91"/>
      <c r="HX1426" s="91"/>
      <c r="HY1426" s="91"/>
      <c r="HZ1426" s="91"/>
      <c r="IA1426" s="91"/>
      <c r="IB1426" s="91"/>
      <c r="IC1426" s="91"/>
      <c r="ID1426" s="91"/>
      <c r="IE1426" s="91"/>
      <c r="IF1426" s="91"/>
      <c r="IG1426" s="91"/>
      <c r="IH1426" s="91"/>
      <c r="II1426" s="91"/>
      <c r="IJ1426" s="91"/>
      <c r="IK1426" s="127"/>
    </row>
    <row r="1427" spans="2:245" x14ac:dyDescent="0.2">
      <c r="B1427" s="43"/>
      <c r="C1427" s="73"/>
      <c r="D1427" s="64"/>
      <c r="E1427" s="64"/>
      <c r="F1427" s="55"/>
      <c r="G1427" s="102"/>
      <c r="H1427" s="55"/>
      <c r="I1427" s="55"/>
      <c r="J1427" s="55"/>
      <c r="K1427" s="55"/>
      <c r="L1427" s="55"/>
      <c r="M1427" s="55"/>
      <c r="N1427" s="55"/>
      <c r="O1427" s="55"/>
      <c r="P1427" s="55"/>
      <c r="Q1427" s="55"/>
      <c r="R1427" s="55"/>
      <c r="S1427" s="55"/>
      <c r="T1427" s="55"/>
      <c r="U1427" s="55"/>
      <c r="V1427" s="55"/>
      <c r="W1427" s="55"/>
      <c r="X1427" s="55"/>
      <c r="Y1427" s="55"/>
      <c r="Z1427" s="55"/>
      <c r="AA1427" s="55"/>
      <c r="AB1427" s="55"/>
      <c r="AC1427" s="55"/>
      <c r="AD1427" s="55"/>
      <c r="AE1427" s="55"/>
      <c r="AF1427" s="55"/>
      <c r="AG1427" s="55"/>
      <c r="AY1427" s="162"/>
      <c r="AZ1427" s="162"/>
      <c r="BA1427" s="162"/>
      <c r="BB1427" s="162"/>
      <c r="BC1427" s="162"/>
      <c r="BD1427" s="162"/>
      <c r="BE1427" s="162"/>
      <c r="BF1427" s="162"/>
      <c r="BG1427" s="162"/>
      <c r="BH1427" s="162"/>
      <c r="BI1427" s="162"/>
      <c r="BJ1427" s="162"/>
      <c r="BK1427" s="162"/>
      <c r="BL1427" s="162"/>
      <c r="BM1427" s="162"/>
      <c r="BN1427" s="162"/>
      <c r="BO1427" s="162"/>
      <c r="BP1427" s="162"/>
      <c r="BQ1427" s="162"/>
      <c r="BR1427" s="162"/>
      <c r="BS1427" s="162"/>
      <c r="BT1427" s="162"/>
      <c r="BU1427" s="162"/>
      <c r="BV1427" s="162"/>
      <c r="BW1427" s="162"/>
      <c r="BX1427" s="162"/>
      <c r="BY1427" s="162"/>
      <c r="BZ1427" s="162"/>
      <c r="CA1427" s="162"/>
      <c r="CB1427" s="162"/>
      <c r="CC1427" s="162"/>
      <c r="CD1427" s="162"/>
      <c r="CE1427" s="162"/>
      <c r="CF1427" s="162"/>
      <c r="CG1427" s="162"/>
      <c r="CH1427" s="162"/>
      <c r="CI1427" s="162"/>
      <c r="CJ1427" s="162"/>
      <c r="CK1427" s="162"/>
      <c r="CX1427" s="98"/>
      <c r="DL1427" s="97"/>
      <c r="DX1427" s="98"/>
      <c r="EL1427" s="97"/>
      <c r="EX1427" s="98"/>
      <c r="EY1427" s="97"/>
      <c r="FL1427" s="126"/>
      <c r="FM1427" s="91"/>
      <c r="FN1427" s="91"/>
      <c r="FO1427" s="91"/>
      <c r="FP1427" s="91"/>
      <c r="FQ1427" s="91"/>
      <c r="FR1427" s="91"/>
      <c r="FS1427" s="91"/>
      <c r="FT1427" s="91"/>
      <c r="FU1427" s="91"/>
      <c r="FV1427" s="91"/>
      <c r="FW1427" s="91"/>
      <c r="FX1427" s="91"/>
      <c r="FY1427" s="91"/>
      <c r="FZ1427" s="91"/>
      <c r="GA1427" s="91"/>
      <c r="GB1427" s="91"/>
      <c r="GC1427" s="91"/>
      <c r="GD1427" s="91"/>
      <c r="GE1427" s="91"/>
      <c r="GF1427" s="91"/>
      <c r="GG1427" s="91"/>
      <c r="GH1427" s="91"/>
      <c r="GI1427" s="91"/>
      <c r="GJ1427" s="91"/>
      <c r="GK1427" s="127"/>
      <c r="GL1427" s="126"/>
      <c r="GM1427" s="91"/>
      <c r="GN1427" s="91"/>
      <c r="GO1427" s="91"/>
      <c r="GP1427" s="91"/>
      <c r="GQ1427" s="91"/>
      <c r="GR1427" s="91"/>
      <c r="GS1427" s="91"/>
      <c r="GT1427" s="91"/>
      <c r="GU1427" s="91"/>
      <c r="GV1427" s="91"/>
      <c r="GW1427" s="91"/>
      <c r="GX1427" s="91"/>
      <c r="GY1427" s="91"/>
      <c r="GZ1427" s="91"/>
      <c r="HA1427" s="91"/>
      <c r="HB1427" s="91"/>
      <c r="HC1427" s="91"/>
      <c r="HD1427" s="91"/>
      <c r="HE1427" s="91"/>
      <c r="HF1427" s="91"/>
      <c r="HG1427" s="91"/>
      <c r="HH1427" s="91"/>
      <c r="HI1427" s="91"/>
      <c r="HJ1427" s="91"/>
      <c r="HK1427" s="127"/>
      <c r="HL1427" s="126"/>
      <c r="HM1427" s="91"/>
      <c r="HN1427" s="91"/>
      <c r="HO1427" s="91"/>
      <c r="HP1427" s="91"/>
      <c r="HQ1427" s="91"/>
      <c r="HR1427" s="91"/>
      <c r="HS1427" s="91"/>
      <c r="HT1427" s="91"/>
      <c r="HU1427" s="91"/>
      <c r="HV1427" s="91"/>
      <c r="HW1427" s="91"/>
      <c r="HX1427" s="91"/>
      <c r="HY1427" s="91"/>
      <c r="HZ1427" s="91"/>
      <c r="IA1427" s="91"/>
      <c r="IB1427" s="91"/>
      <c r="IC1427" s="91"/>
      <c r="ID1427" s="91"/>
      <c r="IE1427" s="91"/>
      <c r="IF1427" s="91"/>
      <c r="IG1427" s="91"/>
      <c r="IH1427" s="91"/>
      <c r="II1427" s="91"/>
      <c r="IJ1427" s="91"/>
      <c r="IK1427" s="127"/>
    </row>
    <row r="1428" spans="2:245" x14ac:dyDescent="0.2">
      <c r="B1428" s="43"/>
      <c r="C1428" s="73"/>
      <c r="D1428" s="64"/>
      <c r="E1428" s="64"/>
      <c r="F1428" s="55"/>
      <c r="G1428" s="102"/>
      <c r="H1428" s="55"/>
      <c r="I1428" s="55"/>
      <c r="J1428" s="55"/>
      <c r="K1428" s="55"/>
      <c r="L1428" s="55"/>
      <c r="M1428" s="55"/>
      <c r="N1428" s="55"/>
      <c r="O1428" s="55"/>
      <c r="P1428" s="55"/>
      <c r="Q1428" s="55"/>
      <c r="R1428" s="55"/>
      <c r="S1428" s="55"/>
      <c r="T1428" s="55"/>
      <c r="U1428" s="55"/>
      <c r="V1428" s="55"/>
      <c r="W1428" s="55"/>
      <c r="X1428" s="55"/>
      <c r="Y1428" s="55"/>
      <c r="Z1428" s="55"/>
      <c r="AA1428" s="55"/>
      <c r="AB1428" s="55"/>
      <c r="AC1428" s="55"/>
      <c r="AD1428" s="55"/>
      <c r="AE1428" s="55"/>
      <c r="AF1428" s="55"/>
      <c r="AG1428" s="55"/>
      <c r="AY1428" s="162"/>
      <c r="AZ1428" s="162"/>
      <c r="BA1428" s="162"/>
      <c r="BB1428" s="162"/>
      <c r="BC1428" s="162"/>
      <c r="BD1428" s="162"/>
      <c r="BE1428" s="162"/>
      <c r="BF1428" s="162"/>
      <c r="BG1428" s="162"/>
      <c r="BH1428" s="162"/>
      <c r="BI1428" s="162"/>
      <c r="BJ1428" s="162"/>
      <c r="BK1428" s="162"/>
      <c r="BL1428" s="162"/>
      <c r="BM1428" s="162"/>
      <c r="BN1428" s="162"/>
      <c r="BO1428" s="162"/>
      <c r="BP1428" s="162"/>
      <c r="BQ1428" s="162"/>
      <c r="BR1428" s="162"/>
      <c r="BS1428" s="162"/>
      <c r="BT1428" s="162"/>
      <c r="BU1428" s="162"/>
      <c r="BV1428" s="162"/>
      <c r="BW1428" s="162"/>
      <c r="BX1428" s="162"/>
      <c r="BY1428" s="162"/>
      <c r="BZ1428" s="162"/>
      <c r="CA1428" s="162"/>
      <c r="CB1428" s="162"/>
      <c r="CC1428" s="162"/>
      <c r="CD1428" s="162"/>
      <c r="CE1428" s="162"/>
      <c r="CF1428" s="162"/>
      <c r="CG1428" s="162"/>
      <c r="CH1428" s="162"/>
      <c r="CI1428" s="162"/>
      <c r="CJ1428" s="162"/>
      <c r="CK1428" s="162"/>
      <c r="CX1428" s="98"/>
      <c r="DL1428" s="97"/>
      <c r="DX1428" s="98"/>
      <c r="EL1428" s="97"/>
      <c r="EX1428" s="98"/>
      <c r="EY1428" s="97"/>
      <c r="FL1428" s="126"/>
      <c r="FM1428" s="91"/>
      <c r="FN1428" s="91"/>
      <c r="FO1428" s="91"/>
      <c r="FP1428" s="91"/>
      <c r="FQ1428" s="91"/>
      <c r="FR1428" s="91"/>
      <c r="FS1428" s="91"/>
      <c r="FT1428" s="91"/>
      <c r="FU1428" s="91"/>
      <c r="FV1428" s="91"/>
      <c r="FW1428" s="91"/>
      <c r="FX1428" s="91"/>
      <c r="FY1428" s="91"/>
      <c r="FZ1428" s="91"/>
      <c r="GA1428" s="91"/>
      <c r="GB1428" s="91"/>
      <c r="GC1428" s="91"/>
      <c r="GD1428" s="91"/>
      <c r="GE1428" s="91"/>
      <c r="GF1428" s="91"/>
      <c r="GG1428" s="91"/>
      <c r="GH1428" s="91"/>
      <c r="GI1428" s="91"/>
      <c r="GJ1428" s="91"/>
      <c r="GK1428" s="127"/>
      <c r="GL1428" s="126"/>
      <c r="GM1428" s="91"/>
      <c r="GN1428" s="91"/>
      <c r="GO1428" s="91"/>
      <c r="GP1428" s="91"/>
      <c r="GQ1428" s="91"/>
      <c r="GR1428" s="91"/>
      <c r="GS1428" s="91"/>
      <c r="GT1428" s="91"/>
      <c r="GU1428" s="91"/>
      <c r="GV1428" s="91"/>
      <c r="GW1428" s="91"/>
      <c r="GX1428" s="91"/>
      <c r="GY1428" s="91"/>
      <c r="GZ1428" s="91"/>
      <c r="HA1428" s="91"/>
      <c r="HB1428" s="91"/>
      <c r="HC1428" s="91"/>
      <c r="HD1428" s="91"/>
      <c r="HE1428" s="91"/>
      <c r="HF1428" s="91"/>
      <c r="HG1428" s="91"/>
      <c r="HH1428" s="91"/>
      <c r="HI1428" s="91"/>
      <c r="HJ1428" s="91"/>
      <c r="HK1428" s="127"/>
      <c r="HL1428" s="126"/>
      <c r="HM1428" s="91"/>
      <c r="HN1428" s="91"/>
      <c r="HO1428" s="91"/>
      <c r="HP1428" s="91"/>
      <c r="HQ1428" s="91"/>
      <c r="HR1428" s="91"/>
      <c r="HS1428" s="91"/>
      <c r="HT1428" s="91"/>
      <c r="HU1428" s="91"/>
      <c r="HV1428" s="91"/>
      <c r="HW1428" s="91"/>
      <c r="HX1428" s="91"/>
      <c r="HY1428" s="91"/>
      <c r="HZ1428" s="91"/>
      <c r="IA1428" s="91"/>
      <c r="IB1428" s="91"/>
      <c r="IC1428" s="91"/>
      <c r="ID1428" s="91"/>
      <c r="IE1428" s="91"/>
      <c r="IF1428" s="91"/>
      <c r="IG1428" s="91"/>
      <c r="IH1428" s="91"/>
      <c r="II1428" s="91"/>
      <c r="IJ1428" s="91"/>
      <c r="IK1428" s="127"/>
    </row>
    <row r="1429" spans="2:245" x14ac:dyDescent="0.2">
      <c r="B1429" s="43"/>
      <c r="C1429" s="73"/>
      <c r="D1429" s="64"/>
      <c r="E1429" s="64"/>
      <c r="F1429" s="55"/>
      <c r="G1429" s="102"/>
      <c r="H1429" s="55"/>
      <c r="I1429" s="55"/>
      <c r="J1429" s="55"/>
      <c r="K1429" s="55"/>
      <c r="L1429" s="55"/>
      <c r="M1429" s="55"/>
      <c r="N1429" s="55"/>
      <c r="O1429" s="55"/>
      <c r="P1429" s="55"/>
      <c r="Q1429" s="55"/>
      <c r="R1429" s="55"/>
      <c r="S1429" s="55"/>
      <c r="T1429" s="55"/>
      <c r="U1429" s="55"/>
      <c r="V1429" s="55"/>
      <c r="W1429" s="55"/>
      <c r="X1429" s="55"/>
      <c r="Y1429" s="55"/>
      <c r="Z1429" s="55"/>
      <c r="AA1429" s="55"/>
      <c r="AB1429" s="55"/>
      <c r="AC1429" s="55"/>
      <c r="AD1429" s="55"/>
      <c r="AE1429" s="55"/>
      <c r="AF1429" s="55"/>
      <c r="AG1429" s="55"/>
      <c r="AY1429" s="162"/>
      <c r="AZ1429" s="162"/>
      <c r="BA1429" s="162"/>
      <c r="BB1429" s="162"/>
      <c r="BC1429" s="162"/>
      <c r="BD1429" s="162"/>
      <c r="BE1429" s="162"/>
      <c r="BF1429" s="162"/>
      <c r="BG1429" s="162"/>
      <c r="BH1429" s="162"/>
      <c r="BI1429" s="162"/>
      <c r="BJ1429" s="162"/>
      <c r="BK1429" s="162"/>
      <c r="BL1429" s="162"/>
      <c r="BM1429" s="162"/>
      <c r="BN1429" s="162"/>
      <c r="BO1429" s="162"/>
      <c r="BP1429" s="162"/>
      <c r="BQ1429" s="162"/>
      <c r="BR1429" s="162"/>
      <c r="BS1429" s="162"/>
      <c r="BT1429" s="162"/>
      <c r="BU1429" s="162"/>
      <c r="BV1429" s="162"/>
      <c r="BW1429" s="162"/>
      <c r="BX1429" s="162"/>
      <c r="BY1429" s="162"/>
      <c r="BZ1429" s="162"/>
      <c r="CA1429" s="162"/>
      <c r="CB1429" s="162"/>
      <c r="CC1429" s="162"/>
      <c r="CD1429" s="162"/>
      <c r="CE1429" s="162"/>
      <c r="CF1429" s="162"/>
      <c r="CG1429" s="162"/>
      <c r="CH1429" s="162"/>
      <c r="CI1429" s="162"/>
      <c r="CJ1429" s="162"/>
      <c r="CK1429" s="162"/>
      <c r="CX1429" s="98"/>
      <c r="DL1429" s="97"/>
      <c r="DX1429" s="98"/>
      <c r="EL1429" s="97"/>
      <c r="EX1429" s="98"/>
      <c r="EY1429" s="97"/>
      <c r="FL1429" s="126"/>
      <c r="FM1429" s="91"/>
      <c r="FN1429" s="91"/>
      <c r="FO1429" s="91"/>
      <c r="FP1429" s="91"/>
      <c r="FQ1429" s="91"/>
      <c r="FR1429" s="91"/>
      <c r="FS1429" s="91"/>
      <c r="FT1429" s="91"/>
      <c r="FU1429" s="91"/>
      <c r="FV1429" s="91"/>
      <c r="FW1429" s="91"/>
      <c r="FX1429" s="91"/>
      <c r="FY1429" s="91"/>
      <c r="FZ1429" s="91"/>
      <c r="GA1429" s="91"/>
      <c r="GB1429" s="91"/>
      <c r="GC1429" s="91"/>
      <c r="GD1429" s="91"/>
      <c r="GE1429" s="91"/>
      <c r="GF1429" s="91"/>
      <c r="GG1429" s="91"/>
      <c r="GH1429" s="91"/>
      <c r="GI1429" s="91"/>
      <c r="GJ1429" s="91"/>
      <c r="GK1429" s="127"/>
      <c r="GL1429" s="126"/>
      <c r="GM1429" s="91"/>
      <c r="GN1429" s="91"/>
      <c r="GO1429" s="91"/>
      <c r="GP1429" s="91"/>
      <c r="GQ1429" s="91"/>
      <c r="GR1429" s="91"/>
      <c r="GS1429" s="91"/>
      <c r="GT1429" s="91"/>
      <c r="GU1429" s="91"/>
      <c r="GV1429" s="91"/>
      <c r="GW1429" s="91"/>
      <c r="GX1429" s="91"/>
      <c r="GY1429" s="91"/>
      <c r="GZ1429" s="91"/>
      <c r="HA1429" s="91"/>
      <c r="HB1429" s="91"/>
      <c r="HC1429" s="91"/>
      <c r="HD1429" s="91"/>
      <c r="HE1429" s="91"/>
      <c r="HF1429" s="91"/>
      <c r="HG1429" s="91"/>
      <c r="HH1429" s="91"/>
      <c r="HI1429" s="91"/>
      <c r="HJ1429" s="91"/>
      <c r="HK1429" s="127"/>
      <c r="HL1429" s="126"/>
      <c r="HM1429" s="91"/>
      <c r="HN1429" s="91"/>
      <c r="HO1429" s="91"/>
      <c r="HP1429" s="91"/>
      <c r="HQ1429" s="91"/>
      <c r="HR1429" s="91"/>
      <c r="HS1429" s="91"/>
      <c r="HT1429" s="91"/>
      <c r="HU1429" s="91"/>
      <c r="HV1429" s="91"/>
      <c r="HW1429" s="91"/>
      <c r="HX1429" s="91"/>
      <c r="HY1429" s="91"/>
      <c r="HZ1429" s="91"/>
      <c r="IA1429" s="91"/>
      <c r="IB1429" s="91"/>
      <c r="IC1429" s="91"/>
      <c r="ID1429" s="91"/>
      <c r="IE1429" s="91"/>
      <c r="IF1429" s="91"/>
      <c r="IG1429" s="91"/>
      <c r="IH1429" s="91"/>
      <c r="II1429" s="91"/>
      <c r="IJ1429" s="91"/>
      <c r="IK1429" s="127"/>
    </row>
    <row r="1430" spans="2:245" x14ac:dyDescent="0.2">
      <c r="B1430" s="43"/>
      <c r="C1430" s="73"/>
      <c r="D1430" s="64"/>
      <c r="E1430" s="64"/>
      <c r="F1430" s="55"/>
      <c r="G1430" s="102"/>
      <c r="H1430" s="55"/>
      <c r="I1430" s="55"/>
      <c r="J1430" s="55"/>
      <c r="K1430" s="55"/>
      <c r="L1430" s="55"/>
      <c r="M1430" s="55"/>
      <c r="N1430" s="55"/>
      <c r="O1430" s="55"/>
      <c r="P1430" s="55"/>
      <c r="Q1430" s="55"/>
      <c r="R1430" s="55"/>
      <c r="S1430" s="55"/>
      <c r="T1430" s="55"/>
      <c r="U1430" s="55"/>
      <c r="V1430" s="55"/>
      <c r="W1430" s="55"/>
      <c r="X1430" s="55"/>
      <c r="Y1430" s="55"/>
      <c r="Z1430" s="55"/>
      <c r="AA1430" s="55"/>
      <c r="AB1430" s="55"/>
      <c r="AC1430" s="55"/>
      <c r="AD1430" s="55"/>
      <c r="AE1430" s="55"/>
      <c r="AF1430" s="55"/>
      <c r="AG1430" s="55"/>
      <c r="AY1430" s="162"/>
      <c r="AZ1430" s="162"/>
      <c r="BA1430" s="162"/>
      <c r="BB1430" s="162"/>
      <c r="BC1430" s="162"/>
      <c r="BD1430" s="162"/>
      <c r="BE1430" s="162"/>
      <c r="BF1430" s="162"/>
      <c r="BG1430" s="162"/>
      <c r="BH1430" s="162"/>
      <c r="BI1430" s="162"/>
      <c r="BJ1430" s="162"/>
      <c r="BK1430" s="162"/>
      <c r="BL1430" s="162"/>
      <c r="BM1430" s="162"/>
      <c r="BN1430" s="162"/>
      <c r="BO1430" s="162"/>
      <c r="BP1430" s="162"/>
      <c r="BQ1430" s="162"/>
      <c r="BR1430" s="162"/>
      <c r="BS1430" s="162"/>
      <c r="BT1430" s="162"/>
      <c r="BU1430" s="162"/>
      <c r="BV1430" s="162"/>
      <c r="BW1430" s="162"/>
      <c r="BX1430" s="162"/>
      <c r="BY1430" s="162"/>
      <c r="BZ1430" s="162"/>
      <c r="CA1430" s="162"/>
      <c r="CB1430" s="162"/>
      <c r="CC1430" s="162"/>
      <c r="CD1430" s="162"/>
      <c r="CE1430" s="162"/>
      <c r="CF1430" s="162"/>
      <c r="CG1430" s="162"/>
      <c r="CH1430" s="162"/>
      <c r="CI1430" s="162"/>
      <c r="CJ1430" s="162"/>
      <c r="CK1430" s="162"/>
      <c r="CX1430" s="98"/>
      <c r="DL1430" s="97"/>
      <c r="DX1430" s="98"/>
      <c r="EL1430" s="97"/>
      <c r="EX1430" s="98"/>
      <c r="EY1430" s="97"/>
      <c r="FL1430" s="126"/>
      <c r="FM1430" s="91"/>
      <c r="FN1430" s="91"/>
      <c r="FO1430" s="91"/>
      <c r="FP1430" s="91"/>
      <c r="FQ1430" s="91"/>
      <c r="FR1430" s="91"/>
      <c r="FS1430" s="91"/>
      <c r="FT1430" s="91"/>
      <c r="FU1430" s="91"/>
      <c r="FV1430" s="91"/>
      <c r="FW1430" s="91"/>
      <c r="FX1430" s="91"/>
      <c r="FY1430" s="91"/>
      <c r="FZ1430" s="91"/>
      <c r="GA1430" s="91"/>
      <c r="GB1430" s="91"/>
      <c r="GC1430" s="91"/>
      <c r="GD1430" s="91"/>
      <c r="GE1430" s="91"/>
      <c r="GF1430" s="91"/>
      <c r="GG1430" s="91"/>
      <c r="GH1430" s="91"/>
      <c r="GI1430" s="91"/>
      <c r="GJ1430" s="91"/>
      <c r="GK1430" s="127"/>
      <c r="GL1430" s="126"/>
      <c r="GM1430" s="91"/>
      <c r="GN1430" s="91"/>
      <c r="GO1430" s="91"/>
      <c r="GP1430" s="91"/>
      <c r="GQ1430" s="91"/>
      <c r="GR1430" s="91"/>
      <c r="GS1430" s="91"/>
      <c r="GT1430" s="91"/>
      <c r="GU1430" s="91"/>
      <c r="GV1430" s="91"/>
      <c r="GW1430" s="91"/>
      <c r="GX1430" s="91"/>
      <c r="GY1430" s="91"/>
      <c r="GZ1430" s="91"/>
      <c r="HA1430" s="91"/>
      <c r="HB1430" s="91"/>
      <c r="HC1430" s="91"/>
      <c r="HD1430" s="91"/>
      <c r="HE1430" s="91"/>
      <c r="HF1430" s="91"/>
      <c r="HG1430" s="91"/>
      <c r="HH1430" s="91"/>
      <c r="HI1430" s="91"/>
      <c r="HJ1430" s="91"/>
      <c r="HK1430" s="127"/>
      <c r="HL1430" s="126"/>
      <c r="HM1430" s="91"/>
      <c r="HN1430" s="91"/>
      <c r="HO1430" s="91"/>
      <c r="HP1430" s="91"/>
      <c r="HQ1430" s="91"/>
      <c r="HR1430" s="91"/>
      <c r="HS1430" s="91"/>
      <c r="HT1430" s="91"/>
      <c r="HU1430" s="91"/>
      <c r="HV1430" s="91"/>
      <c r="HW1430" s="91"/>
      <c r="HX1430" s="91"/>
      <c r="HY1430" s="91"/>
      <c r="HZ1430" s="91"/>
      <c r="IA1430" s="91"/>
      <c r="IB1430" s="91"/>
      <c r="IC1430" s="91"/>
      <c r="ID1430" s="91"/>
      <c r="IE1430" s="91"/>
      <c r="IF1430" s="91"/>
      <c r="IG1430" s="91"/>
      <c r="IH1430" s="91"/>
      <c r="II1430" s="91"/>
      <c r="IJ1430" s="91"/>
      <c r="IK1430" s="127"/>
    </row>
    <row r="1431" spans="2:245" x14ac:dyDescent="0.2">
      <c r="B1431" s="43"/>
      <c r="C1431" s="73"/>
      <c r="D1431" s="64"/>
      <c r="E1431" s="64"/>
      <c r="F1431" s="55"/>
      <c r="G1431" s="102"/>
      <c r="H1431" s="55"/>
      <c r="I1431" s="55"/>
      <c r="J1431" s="55"/>
      <c r="K1431" s="55"/>
      <c r="L1431" s="55"/>
      <c r="M1431" s="55"/>
      <c r="N1431" s="55"/>
      <c r="O1431" s="55"/>
      <c r="P1431" s="55"/>
      <c r="Q1431" s="55"/>
      <c r="R1431" s="55"/>
      <c r="S1431" s="55"/>
      <c r="T1431" s="55"/>
      <c r="U1431" s="55"/>
      <c r="V1431" s="55"/>
      <c r="W1431" s="55"/>
      <c r="X1431" s="55"/>
      <c r="Y1431" s="55"/>
      <c r="Z1431" s="55"/>
      <c r="AA1431" s="55"/>
      <c r="AB1431" s="55"/>
      <c r="AC1431" s="55"/>
      <c r="AD1431" s="55"/>
      <c r="AE1431" s="55"/>
      <c r="AF1431" s="55"/>
      <c r="AG1431" s="55"/>
      <c r="AY1431" s="162"/>
      <c r="AZ1431" s="162"/>
      <c r="BA1431" s="162"/>
      <c r="BB1431" s="162"/>
      <c r="BC1431" s="162"/>
      <c r="BD1431" s="162"/>
      <c r="BE1431" s="162"/>
      <c r="BF1431" s="162"/>
      <c r="BG1431" s="162"/>
      <c r="BH1431" s="162"/>
      <c r="BI1431" s="162"/>
      <c r="BJ1431" s="162"/>
      <c r="BK1431" s="162"/>
      <c r="BL1431" s="162"/>
      <c r="BM1431" s="162"/>
      <c r="BN1431" s="162"/>
      <c r="BO1431" s="162"/>
      <c r="BP1431" s="162"/>
      <c r="BQ1431" s="162"/>
      <c r="BR1431" s="162"/>
      <c r="BS1431" s="162"/>
      <c r="BT1431" s="162"/>
      <c r="BU1431" s="162"/>
      <c r="BV1431" s="162"/>
      <c r="BW1431" s="162"/>
      <c r="BX1431" s="162"/>
      <c r="BY1431" s="162"/>
      <c r="BZ1431" s="162"/>
      <c r="CA1431" s="162"/>
      <c r="CB1431" s="162"/>
      <c r="CC1431" s="162"/>
      <c r="CD1431" s="162"/>
      <c r="CE1431" s="162"/>
      <c r="CF1431" s="162"/>
      <c r="CG1431" s="162"/>
      <c r="CH1431" s="162"/>
      <c r="CI1431" s="162"/>
      <c r="CJ1431" s="162"/>
      <c r="CK1431" s="162"/>
      <c r="CX1431" s="98"/>
      <c r="DL1431" s="97"/>
      <c r="DX1431" s="98"/>
      <c r="EL1431" s="97"/>
      <c r="EX1431" s="98"/>
      <c r="EY1431" s="97"/>
      <c r="FL1431" s="126"/>
      <c r="FM1431" s="91"/>
      <c r="FN1431" s="91"/>
      <c r="FO1431" s="91"/>
      <c r="FP1431" s="91"/>
      <c r="FQ1431" s="91"/>
      <c r="FR1431" s="91"/>
      <c r="FS1431" s="91"/>
      <c r="FT1431" s="91"/>
      <c r="FU1431" s="91"/>
      <c r="FV1431" s="91"/>
      <c r="FW1431" s="91"/>
      <c r="FX1431" s="91"/>
      <c r="FY1431" s="91"/>
      <c r="FZ1431" s="91"/>
      <c r="GA1431" s="91"/>
      <c r="GB1431" s="91"/>
      <c r="GC1431" s="91"/>
      <c r="GD1431" s="91"/>
      <c r="GE1431" s="91"/>
      <c r="GF1431" s="91"/>
      <c r="GG1431" s="91"/>
      <c r="GH1431" s="91"/>
      <c r="GI1431" s="91"/>
      <c r="GJ1431" s="91"/>
      <c r="GK1431" s="127"/>
      <c r="GL1431" s="126"/>
      <c r="GM1431" s="91"/>
      <c r="GN1431" s="91"/>
      <c r="GO1431" s="91"/>
      <c r="GP1431" s="91"/>
      <c r="GQ1431" s="91"/>
      <c r="GR1431" s="91"/>
      <c r="GS1431" s="91"/>
      <c r="GT1431" s="91"/>
      <c r="GU1431" s="91"/>
      <c r="GV1431" s="91"/>
      <c r="GW1431" s="91"/>
      <c r="GX1431" s="91"/>
      <c r="GY1431" s="91"/>
      <c r="GZ1431" s="91"/>
      <c r="HA1431" s="91"/>
      <c r="HB1431" s="91"/>
      <c r="HC1431" s="91"/>
      <c r="HD1431" s="91"/>
      <c r="HE1431" s="91"/>
      <c r="HF1431" s="91"/>
      <c r="HG1431" s="91"/>
      <c r="HH1431" s="91"/>
      <c r="HI1431" s="91"/>
      <c r="HJ1431" s="91"/>
      <c r="HK1431" s="127"/>
      <c r="HL1431" s="126"/>
      <c r="HM1431" s="91"/>
      <c r="HN1431" s="91"/>
      <c r="HO1431" s="91"/>
      <c r="HP1431" s="91"/>
      <c r="HQ1431" s="91"/>
      <c r="HR1431" s="91"/>
      <c r="HS1431" s="91"/>
      <c r="HT1431" s="91"/>
      <c r="HU1431" s="91"/>
      <c r="HV1431" s="91"/>
      <c r="HW1431" s="91"/>
      <c r="HX1431" s="91"/>
      <c r="HY1431" s="91"/>
      <c r="HZ1431" s="91"/>
      <c r="IA1431" s="91"/>
      <c r="IB1431" s="91"/>
      <c r="IC1431" s="91"/>
      <c r="ID1431" s="91"/>
      <c r="IE1431" s="91"/>
      <c r="IF1431" s="91"/>
      <c r="IG1431" s="91"/>
      <c r="IH1431" s="91"/>
      <c r="II1431" s="91"/>
      <c r="IJ1431" s="91"/>
      <c r="IK1431" s="127"/>
    </row>
    <row r="1432" spans="2:245" x14ac:dyDescent="0.2">
      <c r="B1432" s="43"/>
      <c r="C1432" s="73"/>
      <c r="D1432" s="64"/>
      <c r="E1432" s="64"/>
      <c r="F1432" s="55"/>
      <c r="G1432" s="102"/>
      <c r="H1432" s="55"/>
      <c r="I1432" s="55"/>
      <c r="J1432" s="55"/>
      <c r="K1432" s="55"/>
      <c r="L1432" s="55"/>
      <c r="M1432" s="55"/>
      <c r="N1432" s="55"/>
      <c r="O1432" s="55"/>
      <c r="P1432" s="55"/>
      <c r="Q1432" s="55"/>
      <c r="R1432" s="55"/>
      <c r="S1432" s="55"/>
      <c r="T1432" s="55"/>
      <c r="U1432" s="55"/>
      <c r="V1432" s="55"/>
      <c r="W1432" s="55"/>
      <c r="X1432" s="55"/>
      <c r="Y1432" s="55"/>
      <c r="Z1432" s="55"/>
      <c r="AA1432" s="55"/>
      <c r="AB1432" s="55"/>
      <c r="AC1432" s="55"/>
      <c r="AD1432" s="55"/>
      <c r="AE1432" s="55"/>
      <c r="AF1432" s="55"/>
      <c r="AG1432" s="55"/>
      <c r="AY1432" s="162"/>
      <c r="AZ1432" s="162"/>
      <c r="BA1432" s="162"/>
      <c r="BB1432" s="162"/>
      <c r="BC1432" s="162"/>
      <c r="BD1432" s="162"/>
      <c r="BE1432" s="162"/>
      <c r="BF1432" s="162"/>
      <c r="BG1432" s="162"/>
      <c r="BH1432" s="162"/>
      <c r="BI1432" s="162"/>
      <c r="BJ1432" s="162"/>
      <c r="BK1432" s="162"/>
      <c r="BL1432" s="162"/>
      <c r="BM1432" s="162"/>
      <c r="BN1432" s="162"/>
      <c r="BO1432" s="162"/>
      <c r="BP1432" s="162"/>
      <c r="BQ1432" s="162"/>
      <c r="BR1432" s="162"/>
      <c r="BS1432" s="162"/>
      <c r="BT1432" s="162"/>
      <c r="BU1432" s="162"/>
      <c r="BV1432" s="162"/>
      <c r="BW1432" s="162"/>
      <c r="BX1432" s="162"/>
      <c r="BY1432" s="162"/>
      <c r="BZ1432" s="162"/>
      <c r="CA1432" s="162"/>
      <c r="CB1432" s="162"/>
      <c r="CC1432" s="162"/>
      <c r="CD1432" s="162"/>
      <c r="CE1432" s="162"/>
      <c r="CF1432" s="162"/>
      <c r="CG1432" s="162"/>
      <c r="CH1432" s="162"/>
      <c r="CI1432" s="162"/>
      <c r="CJ1432" s="162"/>
      <c r="CK1432" s="162"/>
      <c r="CX1432" s="98"/>
      <c r="DL1432" s="97"/>
      <c r="DX1432" s="98"/>
      <c r="EL1432" s="97"/>
      <c r="EX1432" s="98"/>
      <c r="EY1432" s="97"/>
      <c r="FL1432" s="126"/>
      <c r="FM1432" s="91"/>
      <c r="FN1432" s="91"/>
      <c r="FO1432" s="91"/>
      <c r="FP1432" s="91"/>
      <c r="FQ1432" s="91"/>
      <c r="FR1432" s="91"/>
      <c r="FS1432" s="91"/>
      <c r="FT1432" s="91"/>
      <c r="FU1432" s="91"/>
      <c r="FV1432" s="91"/>
      <c r="FW1432" s="91"/>
      <c r="FX1432" s="91"/>
      <c r="FY1432" s="91"/>
      <c r="FZ1432" s="91"/>
      <c r="GA1432" s="91"/>
      <c r="GB1432" s="91"/>
      <c r="GC1432" s="91"/>
      <c r="GD1432" s="91"/>
      <c r="GE1432" s="91"/>
      <c r="GF1432" s="91"/>
      <c r="GG1432" s="91"/>
      <c r="GH1432" s="91"/>
      <c r="GI1432" s="91"/>
      <c r="GJ1432" s="91"/>
      <c r="GK1432" s="127"/>
      <c r="GL1432" s="126"/>
      <c r="GM1432" s="91"/>
      <c r="GN1432" s="91"/>
      <c r="GO1432" s="91"/>
      <c r="GP1432" s="91"/>
      <c r="GQ1432" s="91"/>
      <c r="GR1432" s="91"/>
      <c r="GS1432" s="91"/>
      <c r="GT1432" s="91"/>
      <c r="GU1432" s="91"/>
      <c r="GV1432" s="91"/>
      <c r="GW1432" s="91"/>
      <c r="GX1432" s="91"/>
      <c r="GY1432" s="91"/>
      <c r="GZ1432" s="91"/>
      <c r="HA1432" s="91"/>
      <c r="HB1432" s="91"/>
      <c r="HC1432" s="91"/>
      <c r="HD1432" s="91"/>
      <c r="HE1432" s="91"/>
      <c r="HF1432" s="91"/>
      <c r="HG1432" s="91"/>
      <c r="HH1432" s="91"/>
      <c r="HI1432" s="91"/>
      <c r="HJ1432" s="91"/>
      <c r="HK1432" s="127"/>
      <c r="HL1432" s="126"/>
      <c r="HM1432" s="91"/>
      <c r="HN1432" s="91"/>
      <c r="HO1432" s="91"/>
      <c r="HP1432" s="91"/>
      <c r="HQ1432" s="91"/>
      <c r="HR1432" s="91"/>
      <c r="HS1432" s="91"/>
      <c r="HT1432" s="91"/>
      <c r="HU1432" s="91"/>
      <c r="HV1432" s="91"/>
      <c r="HW1432" s="91"/>
      <c r="HX1432" s="91"/>
      <c r="HY1432" s="91"/>
      <c r="HZ1432" s="91"/>
      <c r="IA1432" s="91"/>
      <c r="IB1432" s="91"/>
      <c r="IC1432" s="91"/>
      <c r="ID1432" s="91"/>
      <c r="IE1432" s="91"/>
      <c r="IF1432" s="91"/>
      <c r="IG1432" s="91"/>
      <c r="IH1432" s="91"/>
      <c r="II1432" s="91"/>
      <c r="IJ1432" s="91"/>
      <c r="IK1432" s="127"/>
    </row>
    <row r="1433" spans="2:245" x14ac:dyDescent="0.2">
      <c r="B1433" s="43"/>
      <c r="C1433" s="73"/>
      <c r="D1433" s="64"/>
      <c r="E1433" s="64"/>
      <c r="F1433" s="55"/>
      <c r="G1433" s="102"/>
      <c r="H1433" s="55"/>
      <c r="I1433" s="55"/>
      <c r="J1433" s="55"/>
      <c r="K1433" s="55"/>
      <c r="L1433" s="55"/>
      <c r="M1433" s="55"/>
      <c r="N1433" s="55"/>
      <c r="O1433" s="55"/>
      <c r="P1433" s="55"/>
      <c r="Q1433" s="55"/>
      <c r="R1433" s="55"/>
      <c r="S1433" s="55"/>
      <c r="T1433" s="55"/>
      <c r="U1433" s="55"/>
      <c r="V1433" s="55"/>
      <c r="W1433" s="55"/>
      <c r="X1433" s="55"/>
      <c r="Y1433" s="55"/>
      <c r="Z1433" s="55"/>
      <c r="AA1433" s="55"/>
      <c r="AB1433" s="55"/>
      <c r="AC1433" s="55"/>
      <c r="AD1433" s="55"/>
      <c r="AE1433" s="55"/>
      <c r="AF1433" s="55"/>
      <c r="AG1433" s="55"/>
      <c r="AY1433" s="162"/>
      <c r="AZ1433" s="162"/>
      <c r="BA1433" s="162"/>
      <c r="BB1433" s="162"/>
      <c r="BC1433" s="162"/>
      <c r="BD1433" s="162"/>
      <c r="BE1433" s="162"/>
      <c r="BF1433" s="162"/>
      <c r="BG1433" s="162"/>
      <c r="BH1433" s="162"/>
      <c r="BI1433" s="162"/>
      <c r="BJ1433" s="162"/>
      <c r="BK1433" s="162"/>
      <c r="BL1433" s="162"/>
      <c r="BM1433" s="162"/>
      <c r="BN1433" s="162"/>
      <c r="BO1433" s="162"/>
      <c r="BP1433" s="162"/>
      <c r="BQ1433" s="162"/>
      <c r="BR1433" s="162"/>
      <c r="BS1433" s="162"/>
      <c r="BT1433" s="162"/>
      <c r="BU1433" s="162"/>
      <c r="BV1433" s="162"/>
      <c r="BW1433" s="162"/>
      <c r="BX1433" s="162"/>
      <c r="BY1433" s="162"/>
      <c r="BZ1433" s="162"/>
      <c r="CA1433" s="162"/>
      <c r="CB1433" s="162"/>
      <c r="CC1433" s="162"/>
      <c r="CD1433" s="162"/>
      <c r="CE1433" s="162"/>
      <c r="CF1433" s="162"/>
      <c r="CG1433" s="162"/>
      <c r="CH1433" s="162"/>
      <c r="CI1433" s="162"/>
      <c r="CJ1433" s="162"/>
      <c r="CK1433" s="162"/>
      <c r="CX1433" s="98"/>
      <c r="DL1433" s="97"/>
      <c r="DX1433" s="98"/>
      <c r="EL1433" s="97"/>
      <c r="EX1433" s="98"/>
      <c r="EY1433" s="97"/>
      <c r="FL1433" s="126"/>
      <c r="FM1433" s="91"/>
      <c r="FN1433" s="91"/>
      <c r="FO1433" s="91"/>
      <c r="FP1433" s="91"/>
      <c r="FQ1433" s="91"/>
      <c r="FR1433" s="91"/>
      <c r="FS1433" s="91"/>
      <c r="FT1433" s="91"/>
      <c r="FU1433" s="91"/>
      <c r="FV1433" s="91"/>
      <c r="FW1433" s="91"/>
      <c r="FX1433" s="91"/>
      <c r="FY1433" s="91"/>
      <c r="FZ1433" s="91"/>
      <c r="GA1433" s="91"/>
      <c r="GB1433" s="91"/>
      <c r="GC1433" s="91"/>
      <c r="GD1433" s="91"/>
      <c r="GE1433" s="91"/>
      <c r="GF1433" s="91"/>
      <c r="GG1433" s="91"/>
      <c r="GH1433" s="91"/>
      <c r="GI1433" s="91"/>
      <c r="GJ1433" s="91"/>
      <c r="GK1433" s="127"/>
      <c r="GL1433" s="126"/>
      <c r="GM1433" s="91"/>
      <c r="GN1433" s="91"/>
      <c r="GO1433" s="91"/>
      <c r="GP1433" s="91"/>
      <c r="GQ1433" s="91"/>
      <c r="GR1433" s="91"/>
      <c r="GS1433" s="91"/>
      <c r="GT1433" s="91"/>
      <c r="GU1433" s="91"/>
      <c r="GV1433" s="91"/>
      <c r="GW1433" s="91"/>
      <c r="GX1433" s="91"/>
      <c r="GY1433" s="91"/>
      <c r="GZ1433" s="91"/>
      <c r="HA1433" s="91"/>
      <c r="HB1433" s="91"/>
      <c r="HC1433" s="91"/>
      <c r="HD1433" s="91"/>
      <c r="HE1433" s="91"/>
      <c r="HF1433" s="91"/>
      <c r="HG1433" s="91"/>
      <c r="HH1433" s="91"/>
      <c r="HI1433" s="91"/>
      <c r="HJ1433" s="91"/>
      <c r="HK1433" s="127"/>
      <c r="HL1433" s="126"/>
      <c r="HM1433" s="91"/>
      <c r="HN1433" s="91"/>
      <c r="HO1433" s="91"/>
      <c r="HP1433" s="91"/>
      <c r="HQ1433" s="91"/>
      <c r="HR1433" s="91"/>
      <c r="HS1433" s="91"/>
      <c r="HT1433" s="91"/>
      <c r="HU1433" s="91"/>
      <c r="HV1433" s="91"/>
      <c r="HW1433" s="91"/>
      <c r="HX1433" s="91"/>
      <c r="HY1433" s="91"/>
      <c r="HZ1433" s="91"/>
      <c r="IA1433" s="91"/>
      <c r="IB1433" s="91"/>
      <c r="IC1433" s="91"/>
      <c r="ID1433" s="91"/>
      <c r="IE1433" s="91"/>
      <c r="IF1433" s="91"/>
      <c r="IG1433" s="91"/>
      <c r="IH1433" s="91"/>
      <c r="II1433" s="91"/>
      <c r="IJ1433" s="91"/>
      <c r="IK1433" s="127"/>
    </row>
    <row r="1434" spans="2:245" x14ac:dyDescent="0.2">
      <c r="B1434" s="43"/>
      <c r="C1434" s="73"/>
      <c r="D1434" s="64"/>
      <c r="E1434" s="64"/>
      <c r="F1434" s="55"/>
      <c r="G1434" s="102"/>
      <c r="H1434" s="55"/>
      <c r="I1434" s="55"/>
      <c r="J1434" s="55"/>
      <c r="K1434" s="55"/>
      <c r="L1434" s="55"/>
      <c r="M1434" s="55"/>
      <c r="N1434" s="55"/>
      <c r="O1434" s="55"/>
      <c r="P1434" s="55"/>
      <c r="Q1434" s="55"/>
      <c r="R1434" s="55"/>
      <c r="S1434" s="55"/>
      <c r="T1434" s="55"/>
      <c r="U1434" s="55"/>
      <c r="V1434" s="55"/>
      <c r="W1434" s="55"/>
      <c r="X1434" s="55"/>
      <c r="Y1434" s="55"/>
      <c r="Z1434" s="55"/>
      <c r="AA1434" s="55"/>
      <c r="AB1434" s="55"/>
      <c r="AC1434" s="55"/>
      <c r="AD1434" s="55"/>
      <c r="AE1434" s="55"/>
      <c r="AF1434" s="55"/>
      <c r="AG1434" s="55"/>
      <c r="AY1434" s="162"/>
      <c r="AZ1434" s="162"/>
      <c r="BA1434" s="162"/>
      <c r="BB1434" s="162"/>
      <c r="BC1434" s="162"/>
      <c r="BD1434" s="162"/>
      <c r="BE1434" s="162"/>
      <c r="BF1434" s="162"/>
      <c r="BG1434" s="162"/>
      <c r="BH1434" s="162"/>
      <c r="BI1434" s="162"/>
      <c r="BJ1434" s="162"/>
      <c r="BK1434" s="162"/>
      <c r="BL1434" s="162"/>
      <c r="BM1434" s="162"/>
      <c r="BN1434" s="162"/>
      <c r="BO1434" s="162"/>
      <c r="BP1434" s="162"/>
      <c r="BQ1434" s="162"/>
      <c r="BR1434" s="162"/>
      <c r="BS1434" s="162"/>
      <c r="BT1434" s="162"/>
      <c r="BU1434" s="162"/>
      <c r="BV1434" s="162"/>
      <c r="BW1434" s="162"/>
      <c r="BX1434" s="162"/>
      <c r="BY1434" s="162"/>
      <c r="BZ1434" s="162"/>
      <c r="CA1434" s="162"/>
      <c r="CB1434" s="162"/>
      <c r="CC1434" s="162"/>
      <c r="CD1434" s="162"/>
      <c r="CE1434" s="162"/>
      <c r="CF1434" s="162"/>
      <c r="CG1434" s="162"/>
      <c r="CH1434" s="162"/>
      <c r="CI1434" s="162"/>
      <c r="CJ1434" s="162"/>
      <c r="CK1434" s="162"/>
      <c r="CX1434" s="98"/>
      <c r="DL1434" s="97"/>
      <c r="DX1434" s="98"/>
      <c r="EL1434" s="97"/>
      <c r="EX1434" s="98"/>
      <c r="EY1434" s="97"/>
      <c r="FL1434" s="126"/>
      <c r="FM1434" s="91"/>
      <c r="FN1434" s="91"/>
      <c r="FO1434" s="91"/>
      <c r="FP1434" s="91"/>
      <c r="FQ1434" s="91"/>
      <c r="FR1434" s="91"/>
      <c r="FS1434" s="91"/>
      <c r="FT1434" s="91"/>
      <c r="FU1434" s="91"/>
      <c r="FV1434" s="91"/>
      <c r="FW1434" s="91"/>
      <c r="FX1434" s="91"/>
      <c r="FY1434" s="91"/>
      <c r="FZ1434" s="91"/>
      <c r="GA1434" s="91"/>
      <c r="GB1434" s="91"/>
      <c r="GC1434" s="91"/>
      <c r="GD1434" s="91"/>
      <c r="GE1434" s="91"/>
      <c r="GF1434" s="91"/>
      <c r="GG1434" s="91"/>
      <c r="GH1434" s="91"/>
      <c r="GI1434" s="91"/>
      <c r="GJ1434" s="91"/>
      <c r="GK1434" s="127"/>
      <c r="GL1434" s="126"/>
      <c r="GM1434" s="91"/>
      <c r="GN1434" s="91"/>
      <c r="GO1434" s="91"/>
      <c r="GP1434" s="91"/>
      <c r="GQ1434" s="91"/>
      <c r="GR1434" s="91"/>
      <c r="GS1434" s="91"/>
      <c r="GT1434" s="91"/>
      <c r="GU1434" s="91"/>
      <c r="GV1434" s="91"/>
      <c r="GW1434" s="91"/>
      <c r="GX1434" s="91"/>
      <c r="GY1434" s="91"/>
      <c r="GZ1434" s="91"/>
      <c r="HA1434" s="91"/>
      <c r="HB1434" s="91"/>
      <c r="HC1434" s="91"/>
      <c r="HD1434" s="91"/>
      <c r="HE1434" s="91"/>
      <c r="HF1434" s="91"/>
      <c r="HG1434" s="91"/>
      <c r="HH1434" s="91"/>
      <c r="HI1434" s="91"/>
      <c r="HJ1434" s="91"/>
      <c r="HK1434" s="127"/>
      <c r="HL1434" s="126"/>
      <c r="HM1434" s="91"/>
      <c r="HN1434" s="91"/>
      <c r="HO1434" s="91"/>
      <c r="HP1434" s="91"/>
      <c r="HQ1434" s="91"/>
      <c r="HR1434" s="91"/>
      <c r="HS1434" s="91"/>
      <c r="HT1434" s="91"/>
      <c r="HU1434" s="91"/>
      <c r="HV1434" s="91"/>
      <c r="HW1434" s="91"/>
      <c r="HX1434" s="91"/>
      <c r="HY1434" s="91"/>
      <c r="HZ1434" s="91"/>
      <c r="IA1434" s="91"/>
      <c r="IB1434" s="91"/>
      <c r="IC1434" s="91"/>
      <c r="ID1434" s="91"/>
      <c r="IE1434" s="91"/>
      <c r="IF1434" s="91"/>
      <c r="IG1434" s="91"/>
      <c r="IH1434" s="91"/>
      <c r="II1434" s="91"/>
      <c r="IJ1434" s="91"/>
      <c r="IK1434" s="127"/>
    </row>
    <row r="1435" spans="2:245" x14ac:dyDescent="0.2">
      <c r="B1435" s="43"/>
      <c r="C1435" s="73"/>
      <c r="D1435" s="64"/>
      <c r="E1435" s="64"/>
      <c r="F1435" s="55"/>
      <c r="G1435" s="102"/>
      <c r="H1435" s="55"/>
      <c r="I1435" s="55"/>
      <c r="J1435" s="55"/>
      <c r="K1435" s="55"/>
      <c r="L1435" s="55"/>
      <c r="M1435" s="55"/>
      <c r="N1435" s="55"/>
      <c r="O1435" s="55"/>
      <c r="P1435" s="55"/>
      <c r="Q1435" s="55"/>
      <c r="R1435" s="55"/>
      <c r="S1435" s="55"/>
      <c r="T1435" s="55"/>
      <c r="U1435" s="55"/>
      <c r="V1435" s="55"/>
      <c r="W1435" s="55"/>
      <c r="X1435" s="55"/>
      <c r="Y1435" s="55"/>
      <c r="Z1435" s="55"/>
      <c r="AA1435" s="55"/>
      <c r="AB1435" s="55"/>
      <c r="AC1435" s="55"/>
      <c r="AD1435" s="55"/>
      <c r="AE1435" s="55"/>
      <c r="AF1435" s="55"/>
      <c r="AG1435" s="55"/>
      <c r="AY1435" s="162"/>
      <c r="AZ1435" s="162"/>
      <c r="BA1435" s="162"/>
      <c r="BB1435" s="162"/>
      <c r="BC1435" s="162"/>
      <c r="BD1435" s="162"/>
      <c r="BE1435" s="162"/>
      <c r="BF1435" s="162"/>
      <c r="BG1435" s="162"/>
      <c r="BH1435" s="162"/>
      <c r="BI1435" s="162"/>
      <c r="BJ1435" s="162"/>
      <c r="BK1435" s="162"/>
      <c r="BL1435" s="162"/>
      <c r="BM1435" s="162"/>
      <c r="BN1435" s="162"/>
      <c r="BO1435" s="162"/>
      <c r="BP1435" s="162"/>
      <c r="BQ1435" s="162"/>
      <c r="BR1435" s="162"/>
      <c r="BS1435" s="162"/>
      <c r="BT1435" s="162"/>
      <c r="BU1435" s="162"/>
      <c r="BV1435" s="162"/>
      <c r="BW1435" s="162"/>
      <c r="BX1435" s="162"/>
      <c r="BY1435" s="162"/>
      <c r="BZ1435" s="162"/>
      <c r="CA1435" s="162"/>
      <c r="CB1435" s="162"/>
      <c r="CC1435" s="162"/>
      <c r="CD1435" s="162"/>
      <c r="CE1435" s="162"/>
      <c r="CF1435" s="162"/>
      <c r="CG1435" s="162"/>
      <c r="CH1435" s="162"/>
      <c r="CI1435" s="162"/>
      <c r="CJ1435" s="162"/>
      <c r="CK1435" s="162"/>
      <c r="CX1435" s="98"/>
      <c r="DL1435" s="97"/>
      <c r="DX1435" s="98"/>
      <c r="EL1435" s="97"/>
      <c r="EX1435" s="98"/>
      <c r="EY1435" s="97"/>
      <c r="FL1435" s="126"/>
      <c r="FM1435" s="91"/>
      <c r="FN1435" s="91"/>
      <c r="FO1435" s="91"/>
      <c r="FP1435" s="91"/>
      <c r="FQ1435" s="91"/>
      <c r="FR1435" s="91"/>
      <c r="FS1435" s="91"/>
      <c r="FT1435" s="91"/>
      <c r="FU1435" s="91"/>
      <c r="FV1435" s="91"/>
      <c r="FW1435" s="91"/>
      <c r="FX1435" s="91"/>
      <c r="FY1435" s="91"/>
      <c r="FZ1435" s="91"/>
      <c r="GA1435" s="91"/>
      <c r="GB1435" s="91"/>
      <c r="GC1435" s="91"/>
      <c r="GD1435" s="91"/>
      <c r="GE1435" s="91"/>
      <c r="GF1435" s="91"/>
      <c r="GG1435" s="91"/>
      <c r="GH1435" s="91"/>
      <c r="GI1435" s="91"/>
      <c r="GJ1435" s="91"/>
      <c r="GK1435" s="127"/>
      <c r="GL1435" s="126"/>
      <c r="GM1435" s="91"/>
      <c r="GN1435" s="91"/>
      <c r="GO1435" s="91"/>
      <c r="GP1435" s="91"/>
      <c r="GQ1435" s="91"/>
      <c r="GR1435" s="91"/>
      <c r="GS1435" s="91"/>
      <c r="GT1435" s="91"/>
      <c r="GU1435" s="91"/>
      <c r="GV1435" s="91"/>
      <c r="GW1435" s="91"/>
      <c r="GX1435" s="91"/>
      <c r="GY1435" s="91"/>
      <c r="GZ1435" s="91"/>
      <c r="HA1435" s="91"/>
      <c r="HB1435" s="91"/>
      <c r="HC1435" s="91"/>
      <c r="HD1435" s="91"/>
      <c r="HE1435" s="91"/>
      <c r="HF1435" s="91"/>
      <c r="HG1435" s="91"/>
      <c r="HH1435" s="91"/>
      <c r="HI1435" s="91"/>
      <c r="HJ1435" s="91"/>
      <c r="HK1435" s="127"/>
      <c r="HL1435" s="126"/>
      <c r="HM1435" s="91"/>
      <c r="HN1435" s="91"/>
      <c r="HO1435" s="91"/>
      <c r="HP1435" s="91"/>
      <c r="HQ1435" s="91"/>
      <c r="HR1435" s="91"/>
      <c r="HS1435" s="91"/>
      <c r="HT1435" s="91"/>
      <c r="HU1435" s="91"/>
      <c r="HV1435" s="91"/>
      <c r="HW1435" s="91"/>
      <c r="HX1435" s="91"/>
      <c r="HY1435" s="91"/>
      <c r="HZ1435" s="91"/>
      <c r="IA1435" s="91"/>
      <c r="IB1435" s="91"/>
      <c r="IC1435" s="91"/>
      <c r="ID1435" s="91"/>
      <c r="IE1435" s="91"/>
      <c r="IF1435" s="91"/>
      <c r="IG1435" s="91"/>
      <c r="IH1435" s="91"/>
      <c r="II1435" s="91"/>
      <c r="IJ1435" s="91"/>
      <c r="IK1435" s="127"/>
    </row>
    <row r="1436" spans="2:245" x14ac:dyDescent="0.2">
      <c r="B1436" s="43"/>
      <c r="C1436" s="73"/>
      <c r="D1436" s="64"/>
      <c r="E1436" s="64"/>
      <c r="F1436" s="55"/>
      <c r="G1436" s="102"/>
      <c r="H1436" s="55"/>
      <c r="I1436" s="55"/>
      <c r="J1436" s="55"/>
      <c r="K1436" s="55"/>
      <c r="L1436" s="55"/>
      <c r="M1436" s="55"/>
      <c r="N1436" s="55"/>
      <c r="O1436" s="55"/>
      <c r="P1436" s="55"/>
      <c r="Q1436" s="55"/>
      <c r="R1436" s="55"/>
      <c r="S1436" s="55"/>
      <c r="T1436" s="55"/>
      <c r="U1436" s="55"/>
      <c r="V1436" s="55"/>
      <c r="W1436" s="55"/>
      <c r="X1436" s="55"/>
      <c r="Y1436" s="55"/>
      <c r="Z1436" s="55"/>
      <c r="AA1436" s="55"/>
      <c r="AB1436" s="55"/>
      <c r="AC1436" s="55"/>
      <c r="AD1436" s="55"/>
      <c r="AE1436" s="55"/>
      <c r="AF1436" s="55"/>
      <c r="AG1436" s="55"/>
      <c r="AY1436" s="162"/>
      <c r="AZ1436" s="162"/>
      <c r="BA1436" s="162"/>
      <c r="BB1436" s="162"/>
      <c r="BC1436" s="162"/>
      <c r="BD1436" s="162"/>
      <c r="BE1436" s="162"/>
      <c r="BF1436" s="162"/>
      <c r="BG1436" s="162"/>
      <c r="BH1436" s="162"/>
      <c r="BI1436" s="162"/>
      <c r="BJ1436" s="162"/>
      <c r="BK1436" s="162"/>
      <c r="BL1436" s="162"/>
      <c r="BM1436" s="162"/>
      <c r="BN1436" s="162"/>
      <c r="BO1436" s="162"/>
      <c r="BP1436" s="162"/>
      <c r="BQ1436" s="162"/>
      <c r="BR1436" s="162"/>
      <c r="BS1436" s="162"/>
      <c r="BT1436" s="162"/>
      <c r="BU1436" s="162"/>
      <c r="BV1436" s="162"/>
      <c r="BW1436" s="162"/>
      <c r="BX1436" s="162"/>
      <c r="BY1436" s="162"/>
      <c r="BZ1436" s="162"/>
      <c r="CA1436" s="162"/>
      <c r="CB1436" s="162"/>
      <c r="CC1436" s="162"/>
      <c r="CD1436" s="162"/>
      <c r="CE1436" s="162"/>
      <c r="CF1436" s="162"/>
      <c r="CG1436" s="162"/>
      <c r="CH1436" s="162"/>
      <c r="CI1436" s="162"/>
      <c r="CJ1436" s="162"/>
      <c r="CK1436" s="162"/>
      <c r="CX1436" s="98"/>
      <c r="DL1436" s="97"/>
      <c r="DX1436" s="98"/>
      <c r="EL1436" s="97"/>
      <c r="EX1436" s="98"/>
      <c r="EY1436" s="97"/>
      <c r="FL1436" s="126"/>
      <c r="FM1436" s="91"/>
      <c r="FN1436" s="91"/>
      <c r="FO1436" s="91"/>
      <c r="FP1436" s="91"/>
      <c r="FQ1436" s="91"/>
      <c r="FR1436" s="91"/>
      <c r="FS1436" s="91"/>
      <c r="FT1436" s="91"/>
      <c r="FU1436" s="91"/>
      <c r="FV1436" s="91"/>
      <c r="FW1436" s="91"/>
      <c r="FX1436" s="91"/>
      <c r="FY1436" s="91"/>
      <c r="FZ1436" s="91"/>
      <c r="GA1436" s="91"/>
      <c r="GB1436" s="91"/>
      <c r="GC1436" s="91"/>
      <c r="GD1436" s="91"/>
      <c r="GE1436" s="91"/>
      <c r="GF1436" s="91"/>
      <c r="GG1436" s="91"/>
      <c r="GH1436" s="91"/>
      <c r="GI1436" s="91"/>
      <c r="GJ1436" s="91"/>
      <c r="GK1436" s="127"/>
      <c r="GL1436" s="126"/>
      <c r="GM1436" s="91"/>
      <c r="GN1436" s="91"/>
      <c r="GO1436" s="91"/>
      <c r="GP1436" s="91"/>
      <c r="GQ1436" s="91"/>
      <c r="GR1436" s="91"/>
      <c r="GS1436" s="91"/>
      <c r="GT1436" s="91"/>
      <c r="GU1436" s="91"/>
      <c r="GV1436" s="91"/>
      <c r="GW1436" s="91"/>
      <c r="GX1436" s="91"/>
      <c r="GY1436" s="91"/>
      <c r="GZ1436" s="91"/>
      <c r="HA1436" s="91"/>
      <c r="HB1436" s="91"/>
      <c r="HC1436" s="91"/>
      <c r="HD1436" s="91"/>
      <c r="HE1436" s="91"/>
      <c r="HF1436" s="91"/>
      <c r="HG1436" s="91"/>
      <c r="HH1436" s="91"/>
      <c r="HI1436" s="91"/>
      <c r="HJ1436" s="91"/>
      <c r="HK1436" s="127"/>
      <c r="HL1436" s="126"/>
      <c r="HM1436" s="91"/>
      <c r="HN1436" s="91"/>
      <c r="HO1436" s="91"/>
      <c r="HP1436" s="91"/>
      <c r="HQ1436" s="91"/>
      <c r="HR1436" s="91"/>
      <c r="HS1436" s="91"/>
      <c r="HT1436" s="91"/>
      <c r="HU1436" s="91"/>
      <c r="HV1436" s="91"/>
      <c r="HW1436" s="91"/>
      <c r="HX1436" s="91"/>
      <c r="HY1436" s="91"/>
      <c r="HZ1436" s="91"/>
      <c r="IA1436" s="91"/>
      <c r="IB1436" s="91"/>
      <c r="IC1436" s="91"/>
      <c r="ID1436" s="91"/>
      <c r="IE1436" s="91"/>
      <c r="IF1436" s="91"/>
      <c r="IG1436" s="91"/>
      <c r="IH1436" s="91"/>
      <c r="II1436" s="91"/>
      <c r="IJ1436" s="91"/>
      <c r="IK1436" s="127"/>
    </row>
    <row r="1437" spans="2:245" x14ac:dyDescent="0.2">
      <c r="B1437" s="43"/>
      <c r="C1437" s="73"/>
      <c r="D1437" s="64"/>
      <c r="E1437" s="64"/>
      <c r="F1437" s="55"/>
      <c r="G1437" s="102"/>
      <c r="H1437" s="55"/>
      <c r="I1437" s="55"/>
      <c r="J1437" s="55"/>
      <c r="K1437" s="55"/>
      <c r="L1437" s="55"/>
      <c r="M1437" s="55"/>
      <c r="N1437" s="55"/>
      <c r="O1437" s="55"/>
      <c r="P1437" s="55"/>
      <c r="Q1437" s="55"/>
      <c r="R1437" s="55"/>
      <c r="S1437" s="55"/>
      <c r="T1437" s="55"/>
      <c r="U1437" s="55"/>
      <c r="V1437" s="55"/>
      <c r="W1437" s="55"/>
      <c r="X1437" s="55"/>
      <c r="Y1437" s="55"/>
      <c r="Z1437" s="55"/>
      <c r="AA1437" s="55"/>
      <c r="AB1437" s="55"/>
      <c r="AC1437" s="55"/>
      <c r="AD1437" s="55"/>
      <c r="AE1437" s="55"/>
      <c r="AF1437" s="55"/>
      <c r="AG1437" s="55"/>
      <c r="AY1437" s="162"/>
      <c r="AZ1437" s="162"/>
      <c r="BA1437" s="162"/>
      <c r="BB1437" s="162"/>
      <c r="BC1437" s="162"/>
      <c r="BD1437" s="162"/>
      <c r="BE1437" s="162"/>
      <c r="BF1437" s="162"/>
      <c r="BG1437" s="162"/>
      <c r="BH1437" s="162"/>
      <c r="BI1437" s="162"/>
      <c r="BJ1437" s="162"/>
      <c r="BK1437" s="162"/>
      <c r="BL1437" s="162"/>
      <c r="BM1437" s="162"/>
      <c r="BN1437" s="162"/>
      <c r="BO1437" s="162"/>
      <c r="BP1437" s="162"/>
      <c r="BQ1437" s="162"/>
      <c r="BR1437" s="162"/>
      <c r="BS1437" s="162"/>
      <c r="BT1437" s="162"/>
      <c r="BU1437" s="162"/>
      <c r="BV1437" s="162"/>
      <c r="BW1437" s="162"/>
      <c r="BX1437" s="162"/>
      <c r="BY1437" s="162"/>
      <c r="BZ1437" s="162"/>
      <c r="CA1437" s="162"/>
      <c r="CB1437" s="162"/>
      <c r="CC1437" s="162"/>
      <c r="CD1437" s="162"/>
      <c r="CE1437" s="162"/>
      <c r="CF1437" s="162"/>
      <c r="CG1437" s="162"/>
      <c r="CH1437" s="162"/>
      <c r="CI1437" s="162"/>
      <c r="CJ1437" s="162"/>
      <c r="CK1437" s="162"/>
      <c r="CX1437" s="98"/>
      <c r="DL1437" s="97"/>
      <c r="DX1437" s="98"/>
      <c r="EL1437" s="97"/>
      <c r="EX1437" s="98"/>
      <c r="EY1437" s="97"/>
      <c r="FL1437" s="126"/>
      <c r="FM1437" s="91"/>
      <c r="FN1437" s="91"/>
      <c r="FO1437" s="91"/>
      <c r="FP1437" s="91"/>
      <c r="FQ1437" s="91"/>
      <c r="FR1437" s="91"/>
      <c r="FS1437" s="91"/>
      <c r="FT1437" s="91"/>
      <c r="FU1437" s="91"/>
      <c r="FV1437" s="91"/>
      <c r="FW1437" s="91"/>
      <c r="FX1437" s="91"/>
      <c r="FY1437" s="91"/>
      <c r="FZ1437" s="91"/>
      <c r="GA1437" s="91"/>
      <c r="GB1437" s="91"/>
      <c r="GC1437" s="91"/>
      <c r="GD1437" s="91"/>
      <c r="GE1437" s="91"/>
      <c r="GF1437" s="91"/>
      <c r="GG1437" s="91"/>
      <c r="GH1437" s="91"/>
      <c r="GI1437" s="91"/>
      <c r="GJ1437" s="91"/>
      <c r="GK1437" s="127"/>
      <c r="GL1437" s="126"/>
      <c r="GM1437" s="91"/>
      <c r="GN1437" s="91"/>
      <c r="GO1437" s="91"/>
      <c r="GP1437" s="91"/>
      <c r="GQ1437" s="91"/>
      <c r="GR1437" s="91"/>
      <c r="GS1437" s="91"/>
      <c r="GT1437" s="91"/>
      <c r="GU1437" s="91"/>
      <c r="GV1437" s="91"/>
      <c r="GW1437" s="91"/>
      <c r="GX1437" s="91"/>
      <c r="GY1437" s="91"/>
      <c r="GZ1437" s="91"/>
      <c r="HA1437" s="91"/>
      <c r="HB1437" s="91"/>
      <c r="HC1437" s="91"/>
      <c r="HD1437" s="91"/>
      <c r="HE1437" s="91"/>
      <c r="HF1437" s="91"/>
      <c r="HG1437" s="91"/>
      <c r="HH1437" s="91"/>
      <c r="HI1437" s="91"/>
      <c r="HJ1437" s="91"/>
      <c r="HK1437" s="127"/>
      <c r="HL1437" s="126"/>
      <c r="HM1437" s="91"/>
      <c r="HN1437" s="91"/>
      <c r="HO1437" s="91"/>
      <c r="HP1437" s="91"/>
      <c r="HQ1437" s="91"/>
      <c r="HR1437" s="91"/>
      <c r="HS1437" s="91"/>
      <c r="HT1437" s="91"/>
      <c r="HU1437" s="91"/>
      <c r="HV1437" s="91"/>
      <c r="HW1437" s="91"/>
      <c r="HX1437" s="91"/>
      <c r="HY1437" s="91"/>
      <c r="HZ1437" s="91"/>
      <c r="IA1437" s="91"/>
      <c r="IB1437" s="91"/>
      <c r="IC1437" s="91"/>
      <c r="ID1437" s="91"/>
      <c r="IE1437" s="91"/>
      <c r="IF1437" s="91"/>
      <c r="IG1437" s="91"/>
      <c r="IH1437" s="91"/>
      <c r="II1437" s="91"/>
      <c r="IJ1437" s="91"/>
      <c r="IK1437" s="127"/>
    </row>
    <row r="1438" spans="2:245" x14ac:dyDescent="0.2">
      <c r="B1438" s="43"/>
      <c r="C1438" s="73"/>
      <c r="D1438" s="64"/>
      <c r="E1438" s="64"/>
      <c r="F1438" s="55"/>
      <c r="G1438" s="102"/>
      <c r="H1438" s="55"/>
      <c r="I1438" s="55"/>
      <c r="J1438" s="55"/>
      <c r="K1438" s="55"/>
      <c r="L1438" s="55"/>
      <c r="M1438" s="55"/>
      <c r="N1438" s="55"/>
      <c r="O1438" s="55"/>
      <c r="P1438" s="55"/>
      <c r="Q1438" s="55"/>
      <c r="R1438" s="55"/>
      <c r="S1438" s="55"/>
      <c r="T1438" s="55"/>
      <c r="U1438" s="55"/>
      <c r="V1438" s="55"/>
      <c r="W1438" s="55"/>
      <c r="X1438" s="55"/>
      <c r="Y1438" s="55"/>
      <c r="Z1438" s="55"/>
      <c r="AA1438" s="55"/>
      <c r="AB1438" s="55"/>
      <c r="AC1438" s="55"/>
      <c r="AD1438" s="55"/>
      <c r="AE1438" s="55"/>
      <c r="AF1438" s="55"/>
      <c r="AG1438" s="55"/>
      <c r="AY1438" s="162"/>
      <c r="AZ1438" s="162"/>
      <c r="BA1438" s="162"/>
      <c r="BB1438" s="162"/>
      <c r="BC1438" s="162"/>
      <c r="BD1438" s="162"/>
      <c r="BE1438" s="162"/>
      <c r="BF1438" s="162"/>
      <c r="BG1438" s="162"/>
      <c r="BH1438" s="162"/>
      <c r="BI1438" s="162"/>
      <c r="BJ1438" s="162"/>
      <c r="BK1438" s="162"/>
      <c r="BL1438" s="162"/>
      <c r="BM1438" s="162"/>
      <c r="BN1438" s="162"/>
      <c r="BO1438" s="162"/>
      <c r="BP1438" s="162"/>
      <c r="BQ1438" s="162"/>
      <c r="BR1438" s="162"/>
      <c r="BS1438" s="162"/>
      <c r="BT1438" s="162"/>
      <c r="BU1438" s="162"/>
      <c r="BV1438" s="162"/>
      <c r="BW1438" s="162"/>
      <c r="BX1438" s="162"/>
      <c r="BY1438" s="162"/>
      <c r="BZ1438" s="162"/>
      <c r="CA1438" s="162"/>
      <c r="CB1438" s="162"/>
      <c r="CC1438" s="162"/>
      <c r="CD1438" s="162"/>
      <c r="CE1438" s="162"/>
      <c r="CF1438" s="162"/>
      <c r="CG1438" s="162"/>
      <c r="CH1438" s="162"/>
      <c r="CI1438" s="162"/>
      <c r="CJ1438" s="162"/>
      <c r="CK1438" s="162"/>
      <c r="CX1438" s="98"/>
      <c r="DL1438" s="97"/>
      <c r="DX1438" s="98"/>
      <c r="EL1438" s="97"/>
      <c r="EX1438" s="98"/>
      <c r="EY1438" s="97"/>
      <c r="FL1438" s="126"/>
      <c r="FM1438" s="91"/>
      <c r="FN1438" s="91"/>
      <c r="FO1438" s="91"/>
      <c r="FP1438" s="91"/>
      <c r="FQ1438" s="91"/>
      <c r="FR1438" s="91"/>
      <c r="FS1438" s="91"/>
      <c r="FT1438" s="91"/>
      <c r="FU1438" s="91"/>
      <c r="FV1438" s="91"/>
      <c r="FW1438" s="91"/>
      <c r="FX1438" s="91"/>
      <c r="FY1438" s="91"/>
      <c r="FZ1438" s="91"/>
      <c r="GA1438" s="91"/>
      <c r="GB1438" s="91"/>
      <c r="GC1438" s="91"/>
      <c r="GD1438" s="91"/>
      <c r="GE1438" s="91"/>
      <c r="GF1438" s="91"/>
      <c r="GG1438" s="91"/>
      <c r="GH1438" s="91"/>
      <c r="GI1438" s="91"/>
      <c r="GJ1438" s="91"/>
      <c r="GK1438" s="127"/>
      <c r="GL1438" s="126"/>
      <c r="GM1438" s="91"/>
      <c r="GN1438" s="91"/>
      <c r="GO1438" s="91"/>
      <c r="GP1438" s="91"/>
      <c r="GQ1438" s="91"/>
      <c r="GR1438" s="91"/>
      <c r="GS1438" s="91"/>
      <c r="GT1438" s="91"/>
      <c r="GU1438" s="91"/>
      <c r="GV1438" s="91"/>
      <c r="GW1438" s="91"/>
      <c r="GX1438" s="91"/>
      <c r="GY1438" s="91"/>
      <c r="GZ1438" s="91"/>
      <c r="HA1438" s="91"/>
      <c r="HB1438" s="91"/>
      <c r="HC1438" s="91"/>
      <c r="HD1438" s="91"/>
      <c r="HE1438" s="91"/>
      <c r="HF1438" s="91"/>
      <c r="HG1438" s="91"/>
      <c r="HH1438" s="91"/>
      <c r="HI1438" s="91"/>
      <c r="HJ1438" s="91"/>
      <c r="HK1438" s="127"/>
      <c r="HL1438" s="126"/>
      <c r="HM1438" s="91"/>
      <c r="HN1438" s="91"/>
      <c r="HO1438" s="91"/>
      <c r="HP1438" s="91"/>
      <c r="HQ1438" s="91"/>
      <c r="HR1438" s="91"/>
      <c r="HS1438" s="91"/>
      <c r="HT1438" s="91"/>
      <c r="HU1438" s="91"/>
      <c r="HV1438" s="91"/>
      <c r="HW1438" s="91"/>
      <c r="HX1438" s="91"/>
      <c r="HY1438" s="91"/>
      <c r="HZ1438" s="91"/>
      <c r="IA1438" s="91"/>
      <c r="IB1438" s="91"/>
      <c r="IC1438" s="91"/>
      <c r="ID1438" s="91"/>
      <c r="IE1438" s="91"/>
      <c r="IF1438" s="91"/>
      <c r="IG1438" s="91"/>
      <c r="IH1438" s="91"/>
      <c r="II1438" s="91"/>
      <c r="IJ1438" s="91"/>
      <c r="IK1438" s="127"/>
    </row>
    <row r="1439" spans="2:245" x14ac:dyDescent="0.2">
      <c r="B1439" s="43"/>
      <c r="C1439" s="73"/>
      <c r="D1439" s="64"/>
      <c r="E1439" s="64"/>
      <c r="F1439" s="55"/>
      <c r="G1439" s="102"/>
      <c r="H1439" s="55"/>
      <c r="I1439" s="55"/>
      <c r="J1439" s="55"/>
      <c r="K1439" s="55"/>
      <c r="L1439" s="55"/>
      <c r="M1439" s="55"/>
      <c r="N1439" s="55"/>
      <c r="O1439" s="55"/>
      <c r="P1439" s="55"/>
      <c r="Q1439" s="55"/>
      <c r="R1439" s="55"/>
      <c r="S1439" s="55"/>
      <c r="T1439" s="55"/>
      <c r="U1439" s="55"/>
      <c r="V1439" s="55"/>
      <c r="W1439" s="55"/>
      <c r="X1439" s="55"/>
      <c r="Y1439" s="55"/>
      <c r="Z1439" s="55"/>
      <c r="AA1439" s="55"/>
      <c r="AB1439" s="55"/>
      <c r="AC1439" s="55"/>
      <c r="AD1439" s="55"/>
      <c r="AE1439" s="55"/>
      <c r="AF1439" s="55"/>
      <c r="AG1439" s="55"/>
      <c r="AY1439" s="162"/>
      <c r="AZ1439" s="162"/>
      <c r="BA1439" s="162"/>
      <c r="BB1439" s="162"/>
      <c r="BC1439" s="162"/>
      <c r="BD1439" s="162"/>
      <c r="BE1439" s="162"/>
      <c r="BF1439" s="162"/>
      <c r="BG1439" s="162"/>
      <c r="BH1439" s="162"/>
      <c r="BI1439" s="162"/>
      <c r="BJ1439" s="162"/>
      <c r="BK1439" s="162"/>
      <c r="BL1439" s="162"/>
      <c r="BM1439" s="162"/>
      <c r="BN1439" s="162"/>
      <c r="BO1439" s="162"/>
      <c r="BP1439" s="162"/>
      <c r="BQ1439" s="162"/>
      <c r="BR1439" s="162"/>
      <c r="BS1439" s="162"/>
      <c r="BT1439" s="162"/>
      <c r="BU1439" s="162"/>
      <c r="BV1439" s="162"/>
      <c r="BW1439" s="162"/>
      <c r="BX1439" s="162"/>
      <c r="BY1439" s="162"/>
      <c r="BZ1439" s="162"/>
      <c r="CA1439" s="162"/>
      <c r="CB1439" s="162"/>
      <c r="CC1439" s="162"/>
      <c r="CD1439" s="162"/>
      <c r="CE1439" s="162"/>
      <c r="CF1439" s="162"/>
      <c r="CG1439" s="162"/>
      <c r="CH1439" s="162"/>
      <c r="CI1439" s="162"/>
      <c r="CJ1439" s="162"/>
      <c r="CK1439" s="162"/>
      <c r="CX1439" s="98"/>
      <c r="DL1439" s="97"/>
      <c r="DX1439" s="98"/>
      <c r="EL1439" s="97"/>
      <c r="EX1439" s="98"/>
      <c r="EY1439" s="97"/>
      <c r="FL1439" s="126"/>
      <c r="FM1439" s="91"/>
      <c r="FN1439" s="91"/>
      <c r="FO1439" s="91"/>
      <c r="FP1439" s="91"/>
      <c r="FQ1439" s="91"/>
      <c r="FR1439" s="91"/>
      <c r="FS1439" s="91"/>
      <c r="FT1439" s="91"/>
      <c r="FU1439" s="91"/>
      <c r="FV1439" s="91"/>
      <c r="FW1439" s="91"/>
      <c r="FX1439" s="91"/>
      <c r="FY1439" s="91"/>
      <c r="FZ1439" s="91"/>
      <c r="GA1439" s="91"/>
      <c r="GB1439" s="91"/>
      <c r="GC1439" s="91"/>
      <c r="GD1439" s="91"/>
      <c r="GE1439" s="91"/>
      <c r="GF1439" s="91"/>
      <c r="GG1439" s="91"/>
      <c r="GH1439" s="91"/>
      <c r="GI1439" s="91"/>
      <c r="GJ1439" s="91"/>
      <c r="GK1439" s="127"/>
      <c r="GL1439" s="126"/>
      <c r="GM1439" s="91"/>
      <c r="GN1439" s="91"/>
      <c r="GO1439" s="91"/>
      <c r="GP1439" s="91"/>
      <c r="GQ1439" s="91"/>
      <c r="GR1439" s="91"/>
      <c r="GS1439" s="91"/>
      <c r="GT1439" s="91"/>
      <c r="GU1439" s="91"/>
      <c r="GV1439" s="91"/>
      <c r="GW1439" s="91"/>
      <c r="GX1439" s="91"/>
      <c r="GY1439" s="91"/>
      <c r="GZ1439" s="91"/>
      <c r="HA1439" s="91"/>
      <c r="HB1439" s="91"/>
      <c r="HC1439" s="91"/>
      <c r="HD1439" s="91"/>
      <c r="HE1439" s="91"/>
      <c r="HF1439" s="91"/>
      <c r="HG1439" s="91"/>
      <c r="HH1439" s="91"/>
      <c r="HI1439" s="91"/>
      <c r="HJ1439" s="91"/>
      <c r="HK1439" s="127"/>
      <c r="HL1439" s="126"/>
      <c r="HM1439" s="91"/>
      <c r="HN1439" s="91"/>
      <c r="HO1439" s="91"/>
      <c r="HP1439" s="91"/>
      <c r="HQ1439" s="91"/>
      <c r="HR1439" s="91"/>
      <c r="HS1439" s="91"/>
      <c r="HT1439" s="91"/>
      <c r="HU1439" s="91"/>
      <c r="HV1439" s="91"/>
      <c r="HW1439" s="91"/>
      <c r="HX1439" s="91"/>
      <c r="HY1439" s="91"/>
      <c r="HZ1439" s="91"/>
      <c r="IA1439" s="91"/>
      <c r="IB1439" s="91"/>
      <c r="IC1439" s="91"/>
      <c r="ID1439" s="91"/>
      <c r="IE1439" s="91"/>
      <c r="IF1439" s="91"/>
      <c r="IG1439" s="91"/>
      <c r="IH1439" s="91"/>
      <c r="II1439" s="91"/>
      <c r="IJ1439" s="91"/>
      <c r="IK1439" s="127"/>
    </row>
    <row r="1440" spans="2:245" x14ac:dyDescent="0.2">
      <c r="B1440" s="43"/>
      <c r="C1440" s="73"/>
      <c r="D1440" s="64"/>
      <c r="E1440" s="64"/>
      <c r="F1440" s="55"/>
      <c r="G1440" s="102"/>
      <c r="H1440" s="55"/>
      <c r="I1440" s="55"/>
      <c r="J1440" s="55"/>
      <c r="K1440" s="55"/>
      <c r="L1440" s="55"/>
      <c r="M1440" s="55"/>
      <c r="N1440" s="55"/>
      <c r="O1440" s="55"/>
      <c r="P1440" s="55"/>
      <c r="Q1440" s="55"/>
      <c r="R1440" s="55"/>
      <c r="S1440" s="55"/>
      <c r="T1440" s="55"/>
      <c r="U1440" s="55"/>
      <c r="V1440" s="55"/>
      <c r="W1440" s="55"/>
      <c r="X1440" s="55"/>
      <c r="Y1440" s="55"/>
      <c r="Z1440" s="55"/>
      <c r="AA1440" s="55"/>
      <c r="AB1440" s="55"/>
      <c r="AC1440" s="55"/>
      <c r="AD1440" s="55"/>
      <c r="AE1440" s="55"/>
      <c r="AF1440" s="55"/>
      <c r="AG1440" s="55"/>
      <c r="AY1440" s="162"/>
      <c r="AZ1440" s="162"/>
      <c r="BA1440" s="162"/>
      <c r="BB1440" s="162"/>
      <c r="BC1440" s="162"/>
      <c r="BD1440" s="162"/>
      <c r="BE1440" s="162"/>
      <c r="BF1440" s="162"/>
      <c r="BG1440" s="162"/>
      <c r="BH1440" s="162"/>
      <c r="BI1440" s="162"/>
      <c r="BJ1440" s="162"/>
      <c r="BK1440" s="162"/>
      <c r="BL1440" s="162"/>
      <c r="BM1440" s="162"/>
      <c r="BN1440" s="162"/>
      <c r="BO1440" s="162"/>
      <c r="BP1440" s="162"/>
      <c r="BQ1440" s="162"/>
      <c r="BR1440" s="162"/>
      <c r="BS1440" s="162"/>
      <c r="BT1440" s="162"/>
      <c r="BU1440" s="162"/>
      <c r="BV1440" s="162"/>
      <c r="BW1440" s="162"/>
      <c r="BX1440" s="162"/>
      <c r="BY1440" s="162"/>
      <c r="BZ1440" s="162"/>
      <c r="CA1440" s="162"/>
      <c r="CB1440" s="162"/>
      <c r="CC1440" s="162"/>
      <c r="CD1440" s="162"/>
      <c r="CE1440" s="162"/>
      <c r="CF1440" s="162"/>
      <c r="CG1440" s="162"/>
      <c r="CH1440" s="162"/>
      <c r="CI1440" s="162"/>
      <c r="CJ1440" s="162"/>
      <c r="CK1440" s="162"/>
      <c r="CX1440" s="98"/>
      <c r="DL1440" s="97"/>
      <c r="DX1440" s="98"/>
      <c r="EL1440" s="97"/>
      <c r="EX1440" s="98"/>
      <c r="EY1440" s="97"/>
      <c r="FL1440" s="126"/>
      <c r="FM1440" s="91"/>
      <c r="FN1440" s="91"/>
      <c r="FO1440" s="91"/>
      <c r="FP1440" s="91"/>
      <c r="FQ1440" s="91"/>
      <c r="FR1440" s="91"/>
      <c r="FS1440" s="91"/>
      <c r="FT1440" s="91"/>
      <c r="FU1440" s="91"/>
      <c r="FV1440" s="91"/>
      <c r="FW1440" s="91"/>
      <c r="FX1440" s="91"/>
      <c r="FY1440" s="91"/>
      <c r="FZ1440" s="91"/>
      <c r="GA1440" s="91"/>
      <c r="GB1440" s="91"/>
      <c r="GC1440" s="91"/>
      <c r="GD1440" s="91"/>
      <c r="GE1440" s="91"/>
      <c r="GF1440" s="91"/>
      <c r="GG1440" s="91"/>
      <c r="GH1440" s="91"/>
      <c r="GI1440" s="91"/>
      <c r="GJ1440" s="91"/>
      <c r="GK1440" s="127"/>
      <c r="GL1440" s="126"/>
      <c r="GM1440" s="91"/>
      <c r="GN1440" s="91"/>
      <c r="GO1440" s="91"/>
      <c r="GP1440" s="91"/>
      <c r="GQ1440" s="91"/>
      <c r="GR1440" s="91"/>
      <c r="GS1440" s="91"/>
      <c r="GT1440" s="91"/>
      <c r="GU1440" s="91"/>
      <c r="GV1440" s="91"/>
      <c r="GW1440" s="91"/>
      <c r="GX1440" s="91"/>
      <c r="GY1440" s="91"/>
      <c r="GZ1440" s="91"/>
      <c r="HA1440" s="91"/>
      <c r="HB1440" s="91"/>
      <c r="HC1440" s="91"/>
      <c r="HD1440" s="91"/>
      <c r="HE1440" s="91"/>
      <c r="HF1440" s="91"/>
      <c r="HG1440" s="91"/>
      <c r="HH1440" s="91"/>
      <c r="HI1440" s="91"/>
      <c r="HJ1440" s="91"/>
      <c r="HK1440" s="127"/>
      <c r="HL1440" s="126"/>
      <c r="HM1440" s="91"/>
      <c r="HN1440" s="91"/>
      <c r="HO1440" s="91"/>
      <c r="HP1440" s="91"/>
      <c r="HQ1440" s="91"/>
      <c r="HR1440" s="91"/>
      <c r="HS1440" s="91"/>
      <c r="HT1440" s="91"/>
      <c r="HU1440" s="91"/>
      <c r="HV1440" s="91"/>
      <c r="HW1440" s="91"/>
      <c r="HX1440" s="91"/>
      <c r="HY1440" s="91"/>
      <c r="HZ1440" s="91"/>
      <c r="IA1440" s="91"/>
      <c r="IB1440" s="91"/>
      <c r="IC1440" s="91"/>
      <c r="ID1440" s="91"/>
      <c r="IE1440" s="91"/>
      <c r="IF1440" s="91"/>
      <c r="IG1440" s="91"/>
      <c r="IH1440" s="91"/>
      <c r="II1440" s="91"/>
      <c r="IJ1440" s="91"/>
      <c r="IK1440" s="127"/>
    </row>
    <row r="1441" spans="2:245" x14ac:dyDescent="0.2">
      <c r="B1441" s="43"/>
      <c r="C1441" s="73"/>
      <c r="D1441" s="64"/>
      <c r="E1441" s="64"/>
      <c r="F1441" s="55"/>
      <c r="G1441" s="102"/>
      <c r="H1441" s="55"/>
      <c r="I1441" s="55"/>
      <c r="J1441" s="55"/>
      <c r="K1441" s="55"/>
      <c r="L1441" s="55"/>
      <c r="M1441" s="55"/>
      <c r="N1441" s="55"/>
      <c r="O1441" s="55"/>
      <c r="P1441" s="55"/>
      <c r="Q1441" s="55"/>
      <c r="R1441" s="55"/>
      <c r="S1441" s="55"/>
      <c r="T1441" s="55"/>
      <c r="U1441" s="55"/>
      <c r="V1441" s="55"/>
      <c r="W1441" s="55"/>
      <c r="X1441" s="55"/>
      <c r="Y1441" s="55"/>
      <c r="Z1441" s="55"/>
      <c r="AA1441" s="55"/>
      <c r="AB1441" s="55"/>
      <c r="AC1441" s="55"/>
      <c r="AD1441" s="55"/>
      <c r="AE1441" s="55"/>
      <c r="AF1441" s="55"/>
      <c r="AG1441" s="55"/>
      <c r="AY1441" s="162"/>
      <c r="AZ1441" s="162"/>
      <c r="BA1441" s="162"/>
      <c r="BB1441" s="162"/>
      <c r="BC1441" s="162"/>
      <c r="BD1441" s="162"/>
      <c r="BE1441" s="162"/>
      <c r="BF1441" s="162"/>
      <c r="BG1441" s="162"/>
      <c r="BH1441" s="162"/>
      <c r="BI1441" s="162"/>
      <c r="BJ1441" s="162"/>
      <c r="BK1441" s="162"/>
      <c r="BL1441" s="162"/>
      <c r="BM1441" s="162"/>
      <c r="BN1441" s="162"/>
      <c r="BO1441" s="162"/>
      <c r="BP1441" s="162"/>
      <c r="BQ1441" s="162"/>
      <c r="BR1441" s="162"/>
      <c r="BS1441" s="162"/>
      <c r="BT1441" s="162"/>
      <c r="BU1441" s="162"/>
      <c r="BV1441" s="162"/>
      <c r="BW1441" s="162"/>
      <c r="BX1441" s="162"/>
      <c r="BY1441" s="162"/>
      <c r="BZ1441" s="162"/>
      <c r="CA1441" s="162"/>
      <c r="CB1441" s="162"/>
      <c r="CC1441" s="162"/>
      <c r="CD1441" s="162"/>
      <c r="CE1441" s="162"/>
      <c r="CF1441" s="162"/>
      <c r="CG1441" s="162"/>
      <c r="CH1441" s="162"/>
      <c r="CI1441" s="162"/>
      <c r="CJ1441" s="162"/>
      <c r="CK1441" s="162"/>
      <c r="CX1441" s="98"/>
      <c r="DL1441" s="97"/>
      <c r="DX1441" s="98"/>
      <c r="EL1441" s="97"/>
      <c r="EX1441" s="98"/>
      <c r="EY1441" s="97"/>
      <c r="FL1441" s="126"/>
      <c r="FM1441" s="91"/>
      <c r="FN1441" s="91"/>
      <c r="FO1441" s="91"/>
      <c r="FP1441" s="91"/>
      <c r="FQ1441" s="91"/>
      <c r="FR1441" s="91"/>
      <c r="FS1441" s="91"/>
      <c r="FT1441" s="91"/>
      <c r="FU1441" s="91"/>
      <c r="FV1441" s="91"/>
      <c r="FW1441" s="91"/>
      <c r="FX1441" s="91"/>
      <c r="FY1441" s="91"/>
      <c r="FZ1441" s="91"/>
      <c r="GA1441" s="91"/>
      <c r="GB1441" s="91"/>
      <c r="GC1441" s="91"/>
      <c r="GD1441" s="91"/>
      <c r="GE1441" s="91"/>
      <c r="GF1441" s="91"/>
      <c r="GG1441" s="91"/>
      <c r="GH1441" s="91"/>
      <c r="GI1441" s="91"/>
      <c r="GJ1441" s="91"/>
      <c r="GK1441" s="127"/>
      <c r="GL1441" s="126"/>
      <c r="GM1441" s="91"/>
      <c r="GN1441" s="91"/>
      <c r="GO1441" s="91"/>
      <c r="GP1441" s="91"/>
      <c r="GQ1441" s="91"/>
      <c r="GR1441" s="91"/>
      <c r="GS1441" s="91"/>
      <c r="GT1441" s="91"/>
      <c r="GU1441" s="91"/>
      <c r="GV1441" s="91"/>
      <c r="GW1441" s="91"/>
      <c r="GX1441" s="91"/>
      <c r="GY1441" s="91"/>
      <c r="GZ1441" s="91"/>
      <c r="HA1441" s="91"/>
      <c r="HB1441" s="91"/>
      <c r="HC1441" s="91"/>
      <c r="HD1441" s="91"/>
      <c r="HE1441" s="91"/>
      <c r="HF1441" s="91"/>
      <c r="HG1441" s="91"/>
      <c r="HH1441" s="91"/>
      <c r="HI1441" s="91"/>
      <c r="HJ1441" s="91"/>
      <c r="HK1441" s="127"/>
      <c r="HL1441" s="126"/>
      <c r="HM1441" s="91"/>
      <c r="HN1441" s="91"/>
      <c r="HO1441" s="91"/>
      <c r="HP1441" s="91"/>
      <c r="HQ1441" s="91"/>
      <c r="HR1441" s="91"/>
      <c r="HS1441" s="91"/>
      <c r="HT1441" s="91"/>
      <c r="HU1441" s="91"/>
      <c r="HV1441" s="91"/>
      <c r="HW1441" s="91"/>
      <c r="HX1441" s="91"/>
      <c r="HY1441" s="91"/>
      <c r="HZ1441" s="91"/>
      <c r="IA1441" s="91"/>
      <c r="IB1441" s="91"/>
      <c r="IC1441" s="91"/>
      <c r="ID1441" s="91"/>
      <c r="IE1441" s="91"/>
      <c r="IF1441" s="91"/>
      <c r="IG1441" s="91"/>
      <c r="IH1441" s="91"/>
      <c r="II1441" s="91"/>
      <c r="IJ1441" s="91"/>
      <c r="IK1441" s="127"/>
    </row>
    <row r="1442" spans="2:245" ht="13.5" thickBot="1" x14ac:dyDescent="0.25">
      <c r="B1442" s="43"/>
      <c r="C1442" s="73"/>
      <c r="D1442" s="64"/>
      <c r="E1442" s="64"/>
      <c r="F1442" s="55"/>
      <c r="G1442" s="102"/>
      <c r="H1442" s="55"/>
      <c r="I1442" s="55"/>
      <c r="J1442" s="55"/>
      <c r="K1442" s="55"/>
      <c r="L1442" s="55"/>
      <c r="M1442" s="55"/>
      <c r="N1442" s="55"/>
      <c r="O1442" s="55"/>
      <c r="P1442" s="55"/>
      <c r="Q1442" s="55"/>
      <c r="R1442" s="55"/>
      <c r="S1442" s="55"/>
      <c r="T1442" s="55"/>
      <c r="U1442" s="55"/>
      <c r="V1442" s="55"/>
      <c r="W1442" s="55"/>
      <c r="X1442" s="55"/>
      <c r="Y1442" s="55"/>
      <c r="Z1442" s="55"/>
      <c r="AA1442" s="55"/>
      <c r="AB1442" s="55"/>
      <c r="AC1442" s="55"/>
      <c r="AD1442" s="55"/>
      <c r="AE1442" s="55"/>
      <c r="AF1442" s="55"/>
      <c r="AG1442" s="55"/>
      <c r="AY1442" s="162"/>
      <c r="AZ1442" s="162"/>
      <c r="BA1442" s="162"/>
      <c r="BB1442" s="162"/>
      <c r="BC1442" s="162"/>
      <c r="BD1442" s="162"/>
      <c r="BE1442" s="162"/>
      <c r="BF1442" s="162"/>
      <c r="BG1442" s="162"/>
      <c r="BH1442" s="162"/>
      <c r="BI1442" s="162"/>
      <c r="BJ1442" s="162"/>
      <c r="BK1442" s="162"/>
      <c r="BL1442" s="162"/>
      <c r="BM1442" s="162"/>
      <c r="BN1442" s="162"/>
      <c r="BO1442" s="162"/>
      <c r="BP1442" s="162"/>
      <c r="BQ1442" s="162"/>
      <c r="BR1442" s="162"/>
      <c r="BS1442" s="162"/>
      <c r="BT1442" s="162"/>
      <c r="BU1442" s="162"/>
      <c r="BV1442" s="162"/>
      <c r="BW1442" s="162"/>
      <c r="BX1442" s="162"/>
      <c r="BY1442" s="162"/>
      <c r="BZ1442" s="162"/>
      <c r="CA1442" s="162"/>
      <c r="CB1442" s="162"/>
      <c r="CC1442" s="162"/>
      <c r="CD1442" s="162"/>
      <c r="CE1442" s="162"/>
      <c r="CF1442" s="162"/>
      <c r="CG1442" s="162"/>
      <c r="CH1442" s="162"/>
      <c r="CI1442" s="162"/>
      <c r="CJ1442" s="162"/>
      <c r="CK1442" s="162"/>
      <c r="CL1442" s="166"/>
      <c r="CM1442" s="166"/>
      <c r="CN1442" s="166"/>
      <c r="CO1442" s="166"/>
      <c r="CP1442" s="166"/>
      <c r="CQ1442" s="166"/>
      <c r="CR1442" s="166"/>
      <c r="CS1442" s="166"/>
      <c r="CT1442" s="166"/>
      <c r="CU1442" s="166"/>
      <c r="CV1442" s="166"/>
      <c r="CW1442" s="166"/>
      <c r="CX1442" s="176"/>
      <c r="CY1442" s="166"/>
      <c r="CZ1442" s="166"/>
      <c r="DA1442" s="166"/>
      <c r="DB1442" s="166"/>
      <c r="DC1442" s="166"/>
      <c r="DD1442" s="166"/>
      <c r="DE1442" s="166"/>
      <c r="DF1442" s="166"/>
      <c r="DG1442" s="166"/>
      <c r="DH1442" s="166"/>
      <c r="DI1442" s="166"/>
      <c r="DJ1442" s="166"/>
      <c r="DK1442" s="166"/>
      <c r="DL1442" s="175"/>
      <c r="DM1442" s="166"/>
      <c r="DN1442" s="166"/>
      <c r="DO1442" s="166"/>
      <c r="DP1442" s="166"/>
      <c r="DQ1442" s="166"/>
      <c r="DR1442" s="166"/>
      <c r="DS1442" s="166"/>
      <c r="DT1442" s="166"/>
      <c r="DU1442" s="166"/>
      <c r="DV1442" s="166"/>
      <c r="DW1442" s="166"/>
      <c r="DX1442" s="176"/>
      <c r="DY1442" s="166"/>
      <c r="DZ1442" s="166"/>
      <c r="EA1442" s="166"/>
      <c r="EB1442" s="166"/>
      <c r="EC1442" s="166"/>
      <c r="ED1442" s="166"/>
      <c r="EE1442" s="166"/>
      <c r="EF1442" s="166"/>
      <c r="EG1442" s="166"/>
      <c r="EH1442" s="166"/>
      <c r="EI1442" s="166"/>
      <c r="EJ1442" s="166"/>
      <c r="EK1442" s="166"/>
      <c r="EL1442" s="175"/>
      <c r="EM1442" s="166"/>
      <c r="EN1442" s="166"/>
      <c r="EO1442" s="166"/>
      <c r="EP1442" s="166"/>
      <c r="EQ1442" s="166"/>
      <c r="ER1442" s="166"/>
      <c r="ES1442" s="166"/>
      <c r="ET1442" s="166"/>
      <c r="EU1442" s="166"/>
      <c r="EV1442" s="166"/>
      <c r="EW1442" s="166"/>
      <c r="EX1442" s="176"/>
      <c r="EY1442" s="175"/>
      <c r="EZ1442" s="166"/>
      <c r="FA1442" s="166"/>
      <c r="FB1442" s="166"/>
      <c r="FC1442" s="166"/>
      <c r="FD1442" s="166"/>
      <c r="FE1442" s="166"/>
      <c r="FF1442" s="166"/>
      <c r="FG1442" s="166"/>
      <c r="FH1442" s="166"/>
      <c r="FI1442" s="166"/>
      <c r="FJ1442" s="166"/>
      <c r="FK1442" s="166"/>
      <c r="FL1442" s="126"/>
      <c r="FM1442" s="91"/>
      <c r="FN1442" s="91"/>
      <c r="FO1442" s="91"/>
      <c r="FP1442" s="91"/>
      <c r="FQ1442" s="91"/>
      <c r="FR1442" s="91"/>
      <c r="FS1442" s="91"/>
      <c r="FT1442" s="91"/>
      <c r="FU1442" s="91"/>
      <c r="FV1442" s="91"/>
      <c r="FW1442" s="91"/>
      <c r="FX1442" s="91"/>
      <c r="FY1442" s="91"/>
      <c r="FZ1442" s="91"/>
      <c r="GA1442" s="91"/>
      <c r="GB1442" s="91"/>
      <c r="GC1442" s="91"/>
      <c r="GD1442" s="91"/>
      <c r="GE1442" s="91"/>
      <c r="GF1442" s="91"/>
      <c r="GG1442" s="91"/>
      <c r="GH1442" s="91"/>
      <c r="GI1442" s="91"/>
      <c r="GJ1442" s="91"/>
      <c r="GK1442" s="127"/>
      <c r="GL1442" s="126"/>
      <c r="GM1442" s="91"/>
      <c r="GN1442" s="91"/>
      <c r="GO1442" s="91"/>
      <c r="GP1442" s="91"/>
      <c r="GQ1442" s="91"/>
      <c r="GR1442" s="91"/>
      <c r="GS1442" s="91"/>
      <c r="GT1442" s="91"/>
      <c r="GU1442" s="91"/>
      <c r="GV1442" s="91"/>
      <c r="GW1442" s="91"/>
      <c r="GX1442" s="91"/>
      <c r="GY1442" s="91"/>
      <c r="GZ1442" s="91"/>
      <c r="HA1442" s="91"/>
      <c r="HB1442" s="91"/>
      <c r="HC1442" s="91"/>
      <c r="HD1442" s="91"/>
      <c r="HE1442" s="91"/>
      <c r="HF1442" s="91"/>
      <c r="HG1442" s="91"/>
      <c r="HH1442" s="91"/>
      <c r="HI1442" s="91"/>
      <c r="HJ1442" s="91"/>
      <c r="HK1442" s="127"/>
      <c r="HL1442" s="126"/>
      <c r="HM1442" s="91"/>
      <c r="HN1442" s="91"/>
      <c r="HO1442" s="91"/>
      <c r="HP1442" s="91"/>
      <c r="HQ1442" s="91"/>
      <c r="HR1442" s="91"/>
      <c r="HS1442" s="91"/>
      <c r="HT1442" s="91"/>
      <c r="HU1442" s="91"/>
      <c r="HV1442" s="91"/>
      <c r="HW1442" s="91"/>
      <c r="HX1442" s="91"/>
      <c r="HY1442" s="91"/>
      <c r="HZ1442" s="91"/>
      <c r="IA1442" s="91"/>
      <c r="IB1442" s="91"/>
      <c r="IC1442" s="91"/>
      <c r="ID1442" s="91"/>
      <c r="IE1442" s="91"/>
      <c r="IF1442" s="91"/>
      <c r="IG1442" s="91"/>
      <c r="IH1442" s="91"/>
      <c r="II1442" s="91"/>
      <c r="IJ1442" s="91"/>
      <c r="IK1442" s="127"/>
    </row>
    <row r="1443" spans="2:245" x14ac:dyDescent="0.2">
      <c r="B1443" s="43"/>
      <c r="C1443" s="73"/>
      <c r="D1443" s="64"/>
      <c r="E1443" s="64"/>
      <c r="F1443" s="55"/>
      <c r="G1443" s="102"/>
      <c r="H1443" s="55"/>
      <c r="I1443" s="55"/>
      <c r="J1443" s="55"/>
      <c r="K1443" s="55"/>
      <c r="L1443" s="55"/>
      <c r="M1443" s="55"/>
      <c r="N1443" s="55"/>
      <c r="O1443" s="55"/>
      <c r="P1443" s="55"/>
      <c r="Q1443" s="55"/>
      <c r="R1443" s="55"/>
      <c r="S1443" s="55"/>
      <c r="T1443" s="55"/>
      <c r="U1443" s="55"/>
      <c r="V1443" s="55"/>
      <c r="W1443" s="55"/>
      <c r="X1443" s="55"/>
      <c r="Y1443" s="55"/>
      <c r="Z1443" s="55"/>
      <c r="AA1443" s="55"/>
      <c r="AB1443" s="55"/>
      <c r="AC1443" s="55"/>
      <c r="AD1443" s="55"/>
      <c r="AE1443" s="55"/>
      <c r="AF1443" s="55"/>
      <c r="AG1443" s="55"/>
      <c r="AY1443" s="162"/>
      <c r="AZ1443" s="162"/>
      <c r="BA1443" s="162"/>
      <c r="BB1443" s="162"/>
      <c r="BC1443" s="162"/>
      <c r="BD1443" s="162"/>
      <c r="BE1443" s="162"/>
      <c r="BF1443" s="162"/>
      <c r="BG1443" s="162"/>
      <c r="BH1443" s="162"/>
      <c r="BI1443" s="162"/>
      <c r="BJ1443" s="162"/>
      <c r="BK1443" s="162"/>
      <c r="BL1443" s="162"/>
      <c r="BM1443" s="162"/>
      <c r="BN1443" s="162"/>
      <c r="BO1443" s="162"/>
      <c r="BP1443" s="162"/>
      <c r="BQ1443" s="162"/>
      <c r="BR1443" s="162"/>
      <c r="BS1443" s="162"/>
      <c r="BT1443" s="162"/>
      <c r="BU1443" s="162"/>
      <c r="BV1443" s="162"/>
      <c r="BW1443" s="162"/>
      <c r="BX1443" s="162"/>
      <c r="BY1443" s="162"/>
      <c r="BZ1443" s="162"/>
      <c r="CA1443" s="162"/>
      <c r="CB1443" s="162"/>
      <c r="CC1443" s="162"/>
      <c r="CD1443" s="162"/>
      <c r="CE1443" s="162"/>
      <c r="CF1443" s="162"/>
      <c r="CG1443" s="162"/>
      <c r="CH1443" s="162"/>
      <c r="CI1443" s="162"/>
      <c r="CJ1443" s="162"/>
      <c r="CK1443" s="162"/>
      <c r="CX1443" s="98"/>
      <c r="DL1443" s="97"/>
      <c r="DX1443" s="98"/>
      <c r="EL1443" s="97"/>
      <c r="EX1443" s="98"/>
      <c r="EY1443" s="97"/>
      <c r="FL1443" s="126"/>
      <c r="FM1443" s="91"/>
      <c r="FN1443" s="91"/>
      <c r="FO1443" s="91"/>
      <c r="FP1443" s="91"/>
      <c r="FQ1443" s="91"/>
      <c r="FR1443" s="91"/>
      <c r="FS1443" s="91"/>
      <c r="FT1443" s="91"/>
      <c r="FU1443" s="91"/>
      <c r="FV1443" s="91"/>
      <c r="FW1443" s="91"/>
      <c r="FX1443" s="91"/>
      <c r="FY1443" s="91"/>
      <c r="FZ1443" s="91"/>
      <c r="GA1443" s="91"/>
      <c r="GB1443" s="91"/>
      <c r="GC1443" s="91"/>
      <c r="GD1443" s="91"/>
      <c r="GE1443" s="91"/>
      <c r="GF1443" s="91"/>
      <c r="GG1443" s="91"/>
      <c r="GH1443" s="91"/>
      <c r="GI1443" s="91"/>
      <c r="GJ1443" s="91"/>
      <c r="GK1443" s="127"/>
      <c r="GL1443" s="126"/>
      <c r="GM1443" s="91"/>
      <c r="GN1443" s="91"/>
      <c r="GO1443" s="91"/>
      <c r="GP1443" s="91"/>
      <c r="GQ1443" s="91"/>
      <c r="GR1443" s="91"/>
      <c r="GS1443" s="91"/>
      <c r="GT1443" s="91"/>
      <c r="GU1443" s="91"/>
      <c r="GV1443" s="91"/>
      <c r="GW1443" s="91"/>
      <c r="GX1443" s="91"/>
      <c r="GY1443" s="91"/>
      <c r="GZ1443" s="91"/>
      <c r="HA1443" s="91"/>
      <c r="HB1443" s="91"/>
      <c r="HC1443" s="91"/>
      <c r="HD1443" s="91"/>
      <c r="HE1443" s="91"/>
      <c r="HF1443" s="91"/>
      <c r="HG1443" s="91"/>
      <c r="HH1443" s="91"/>
      <c r="HI1443" s="91"/>
      <c r="HJ1443" s="91"/>
      <c r="HK1443" s="127"/>
      <c r="HL1443" s="126"/>
      <c r="HM1443" s="91"/>
      <c r="HN1443" s="91"/>
      <c r="HO1443" s="91"/>
      <c r="HP1443" s="91"/>
      <c r="HQ1443" s="91"/>
      <c r="HR1443" s="91"/>
      <c r="HS1443" s="91"/>
      <c r="HT1443" s="91"/>
      <c r="HU1443" s="91"/>
      <c r="HV1443" s="91"/>
      <c r="HW1443" s="91"/>
      <c r="HX1443" s="91"/>
      <c r="HY1443" s="91"/>
      <c r="HZ1443" s="91"/>
      <c r="IA1443" s="91"/>
      <c r="IB1443" s="91"/>
      <c r="IC1443" s="91"/>
      <c r="ID1443" s="91"/>
      <c r="IE1443" s="91"/>
      <c r="IF1443" s="91"/>
      <c r="IG1443" s="91"/>
      <c r="IH1443" s="91"/>
      <c r="II1443" s="91"/>
      <c r="IJ1443" s="91"/>
      <c r="IK1443" s="127"/>
    </row>
    <row r="1444" spans="2:245" x14ac:dyDescent="0.2">
      <c r="B1444" s="43"/>
      <c r="C1444" s="73"/>
      <c r="D1444" s="64"/>
      <c r="E1444" s="64"/>
      <c r="F1444" s="55"/>
      <c r="G1444" s="102"/>
      <c r="H1444" s="55"/>
      <c r="I1444" s="55"/>
      <c r="J1444" s="55"/>
      <c r="K1444" s="55"/>
      <c r="L1444" s="55"/>
      <c r="M1444" s="55"/>
      <c r="N1444" s="55"/>
      <c r="O1444" s="55"/>
      <c r="P1444" s="55"/>
      <c r="Q1444" s="55"/>
      <c r="R1444" s="55"/>
      <c r="S1444" s="55"/>
      <c r="T1444" s="55"/>
      <c r="U1444" s="55"/>
      <c r="V1444" s="55"/>
      <c r="W1444" s="55"/>
      <c r="X1444" s="55"/>
      <c r="Y1444" s="55"/>
      <c r="Z1444" s="55"/>
      <c r="AA1444" s="55"/>
      <c r="AB1444" s="55"/>
      <c r="AC1444" s="55"/>
      <c r="AD1444" s="55"/>
      <c r="AE1444" s="55"/>
      <c r="AF1444" s="55"/>
      <c r="AG1444" s="55"/>
      <c r="AY1444" s="162"/>
      <c r="AZ1444" s="162"/>
      <c r="BA1444" s="162"/>
      <c r="BB1444" s="162"/>
      <c r="BC1444" s="162"/>
      <c r="BD1444" s="162"/>
      <c r="BE1444" s="162"/>
      <c r="BF1444" s="162"/>
      <c r="BG1444" s="162"/>
      <c r="BH1444" s="162"/>
      <c r="BI1444" s="162"/>
      <c r="BJ1444" s="162"/>
      <c r="BK1444" s="162"/>
      <c r="BL1444" s="162"/>
      <c r="BM1444" s="162"/>
      <c r="BN1444" s="162"/>
      <c r="BO1444" s="162"/>
      <c r="BP1444" s="162"/>
      <c r="BQ1444" s="162"/>
      <c r="BR1444" s="162"/>
      <c r="BS1444" s="162"/>
      <c r="BT1444" s="162"/>
      <c r="BU1444" s="162"/>
      <c r="BV1444" s="162"/>
      <c r="BW1444" s="162"/>
      <c r="BX1444" s="162"/>
      <c r="BY1444" s="162"/>
      <c r="BZ1444" s="162"/>
      <c r="CA1444" s="162"/>
      <c r="CB1444" s="162"/>
      <c r="CC1444" s="162"/>
      <c r="CD1444" s="162"/>
      <c r="CE1444" s="162"/>
      <c r="CF1444" s="162"/>
      <c r="CG1444" s="162"/>
      <c r="CH1444" s="162"/>
      <c r="CI1444" s="162"/>
      <c r="CJ1444" s="162"/>
      <c r="CK1444" s="162"/>
      <c r="CX1444" s="98"/>
      <c r="DL1444" s="97"/>
      <c r="DX1444" s="98"/>
      <c r="EL1444" s="97"/>
      <c r="EX1444" s="98"/>
      <c r="EY1444" s="97"/>
      <c r="FL1444" s="126"/>
      <c r="FM1444" s="91"/>
      <c r="FN1444" s="91"/>
      <c r="FO1444" s="91"/>
      <c r="FP1444" s="91"/>
      <c r="FQ1444" s="91"/>
      <c r="FR1444" s="91"/>
      <c r="FS1444" s="91"/>
      <c r="FT1444" s="91"/>
      <c r="FU1444" s="91"/>
      <c r="FV1444" s="91"/>
      <c r="FW1444" s="91"/>
      <c r="FX1444" s="91"/>
      <c r="FY1444" s="91"/>
      <c r="FZ1444" s="91"/>
      <c r="GA1444" s="91"/>
      <c r="GB1444" s="91"/>
      <c r="GC1444" s="91"/>
      <c r="GD1444" s="91"/>
      <c r="GE1444" s="91"/>
      <c r="GF1444" s="91"/>
      <c r="GG1444" s="91"/>
      <c r="GH1444" s="91"/>
      <c r="GI1444" s="91"/>
      <c r="GJ1444" s="91"/>
      <c r="GK1444" s="127"/>
      <c r="GL1444" s="126"/>
      <c r="GM1444" s="91"/>
      <c r="GN1444" s="91"/>
      <c r="GO1444" s="91"/>
      <c r="GP1444" s="91"/>
      <c r="GQ1444" s="91"/>
      <c r="GR1444" s="91"/>
      <c r="GS1444" s="91"/>
      <c r="GT1444" s="91"/>
      <c r="GU1444" s="91"/>
      <c r="GV1444" s="91"/>
      <c r="GW1444" s="91"/>
      <c r="GX1444" s="91"/>
      <c r="GY1444" s="91"/>
      <c r="GZ1444" s="91"/>
      <c r="HA1444" s="91"/>
      <c r="HB1444" s="91"/>
      <c r="HC1444" s="91"/>
      <c r="HD1444" s="91"/>
      <c r="HE1444" s="91"/>
      <c r="HF1444" s="91"/>
      <c r="HG1444" s="91"/>
      <c r="HH1444" s="91"/>
      <c r="HI1444" s="91"/>
      <c r="HJ1444" s="91"/>
      <c r="HK1444" s="127"/>
      <c r="HL1444" s="126"/>
      <c r="HM1444" s="91"/>
      <c r="HN1444" s="91"/>
      <c r="HO1444" s="91"/>
      <c r="HP1444" s="91"/>
      <c r="HQ1444" s="91"/>
      <c r="HR1444" s="91"/>
      <c r="HS1444" s="91"/>
      <c r="HT1444" s="91"/>
      <c r="HU1444" s="91"/>
      <c r="HV1444" s="91"/>
      <c r="HW1444" s="91"/>
      <c r="HX1444" s="91"/>
      <c r="HY1444" s="91"/>
      <c r="HZ1444" s="91"/>
      <c r="IA1444" s="91"/>
      <c r="IB1444" s="91"/>
      <c r="IC1444" s="91"/>
      <c r="ID1444" s="91"/>
      <c r="IE1444" s="91"/>
      <c r="IF1444" s="91"/>
      <c r="IG1444" s="91"/>
      <c r="IH1444" s="91"/>
      <c r="II1444" s="91"/>
      <c r="IJ1444" s="91"/>
      <c r="IK1444" s="127"/>
    </row>
    <row r="1445" spans="2:245" x14ac:dyDescent="0.2">
      <c r="B1445" s="43"/>
      <c r="C1445" s="73"/>
      <c r="D1445" s="64"/>
      <c r="E1445" s="64"/>
      <c r="F1445" s="55"/>
      <c r="G1445" s="102"/>
      <c r="H1445" s="55"/>
      <c r="I1445" s="55"/>
      <c r="J1445" s="55"/>
      <c r="K1445" s="55"/>
      <c r="L1445" s="55"/>
      <c r="M1445" s="55"/>
      <c r="N1445" s="55"/>
      <c r="O1445" s="55"/>
      <c r="P1445" s="55"/>
      <c r="Q1445" s="55"/>
      <c r="R1445" s="55"/>
      <c r="S1445" s="55"/>
      <c r="T1445" s="55"/>
      <c r="U1445" s="55"/>
      <c r="V1445" s="55"/>
      <c r="W1445" s="55"/>
      <c r="X1445" s="55"/>
      <c r="Y1445" s="55"/>
      <c r="Z1445" s="55"/>
      <c r="AA1445" s="55"/>
      <c r="AB1445" s="55"/>
      <c r="AC1445" s="55"/>
      <c r="AD1445" s="55"/>
      <c r="AE1445" s="55"/>
      <c r="AF1445" s="55"/>
      <c r="AG1445" s="55"/>
      <c r="AY1445" s="162"/>
      <c r="AZ1445" s="162"/>
      <c r="BA1445" s="162"/>
      <c r="BB1445" s="162"/>
      <c r="BC1445" s="162"/>
      <c r="BD1445" s="162"/>
      <c r="BE1445" s="162"/>
      <c r="BF1445" s="162"/>
      <c r="BG1445" s="162"/>
      <c r="BH1445" s="162"/>
      <c r="BI1445" s="162"/>
      <c r="BJ1445" s="162"/>
      <c r="BK1445" s="162"/>
      <c r="BL1445" s="162"/>
      <c r="BM1445" s="162"/>
      <c r="BN1445" s="162"/>
      <c r="BO1445" s="162"/>
      <c r="BP1445" s="162"/>
      <c r="BQ1445" s="162"/>
      <c r="BR1445" s="162"/>
      <c r="BS1445" s="162"/>
      <c r="BT1445" s="162"/>
      <c r="BU1445" s="162"/>
      <c r="BV1445" s="162"/>
      <c r="BW1445" s="162"/>
      <c r="BX1445" s="162"/>
      <c r="BY1445" s="162"/>
      <c r="BZ1445" s="162"/>
      <c r="CA1445" s="162"/>
      <c r="CB1445" s="162"/>
      <c r="CC1445" s="162"/>
      <c r="CD1445" s="162"/>
      <c r="CE1445" s="162"/>
      <c r="CF1445" s="162"/>
      <c r="CG1445" s="162"/>
      <c r="CH1445" s="162"/>
      <c r="CI1445" s="162"/>
      <c r="CJ1445" s="162"/>
      <c r="CK1445" s="162"/>
      <c r="CX1445" s="98"/>
      <c r="DL1445" s="97"/>
      <c r="DX1445" s="98"/>
      <c r="EL1445" s="97"/>
      <c r="EX1445" s="98"/>
      <c r="EY1445" s="97"/>
      <c r="FL1445" s="126"/>
      <c r="FM1445" s="91"/>
      <c r="FN1445" s="91"/>
      <c r="FO1445" s="91"/>
      <c r="FP1445" s="91"/>
      <c r="FQ1445" s="91"/>
      <c r="FR1445" s="91"/>
      <c r="FS1445" s="91"/>
      <c r="FT1445" s="91"/>
      <c r="FU1445" s="91"/>
      <c r="FV1445" s="91"/>
      <c r="FW1445" s="91"/>
      <c r="FX1445" s="91"/>
      <c r="FY1445" s="91"/>
      <c r="FZ1445" s="91"/>
      <c r="GA1445" s="91"/>
      <c r="GB1445" s="91"/>
      <c r="GC1445" s="91"/>
      <c r="GD1445" s="91"/>
      <c r="GE1445" s="91"/>
      <c r="GF1445" s="91"/>
      <c r="GG1445" s="91"/>
      <c r="GH1445" s="91"/>
      <c r="GI1445" s="91"/>
      <c r="GJ1445" s="91"/>
      <c r="GK1445" s="127"/>
      <c r="GL1445" s="126"/>
      <c r="GM1445" s="91"/>
      <c r="GN1445" s="91"/>
      <c r="GO1445" s="91"/>
      <c r="GP1445" s="91"/>
      <c r="GQ1445" s="91"/>
      <c r="GR1445" s="91"/>
      <c r="GS1445" s="91"/>
      <c r="GT1445" s="91"/>
      <c r="GU1445" s="91"/>
      <c r="GV1445" s="91"/>
      <c r="GW1445" s="91"/>
      <c r="GX1445" s="91"/>
      <c r="GY1445" s="91"/>
      <c r="GZ1445" s="91"/>
      <c r="HA1445" s="91"/>
      <c r="HB1445" s="91"/>
      <c r="HC1445" s="91"/>
      <c r="HD1445" s="91"/>
      <c r="HE1445" s="91"/>
      <c r="HF1445" s="91"/>
      <c r="HG1445" s="91"/>
      <c r="HH1445" s="91"/>
      <c r="HI1445" s="91"/>
      <c r="HJ1445" s="91"/>
      <c r="HK1445" s="127"/>
      <c r="HL1445" s="126"/>
      <c r="HM1445" s="91"/>
      <c r="HN1445" s="91"/>
      <c r="HO1445" s="91"/>
      <c r="HP1445" s="91"/>
      <c r="HQ1445" s="91"/>
      <c r="HR1445" s="91"/>
      <c r="HS1445" s="91"/>
      <c r="HT1445" s="91"/>
      <c r="HU1445" s="91"/>
      <c r="HV1445" s="91"/>
      <c r="HW1445" s="91"/>
      <c r="HX1445" s="91"/>
      <c r="HY1445" s="91"/>
      <c r="HZ1445" s="91"/>
      <c r="IA1445" s="91"/>
      <c r="IB1445" s="91"/>
      <c r="IC1445" s="91"/>
      <c r="ID1445" s="91"/>
      <c r="IE1445" s="91"/>
      <c r="IF1445" s="91"/>
      <c r="IG1445" s="91"/>
      <c r="IH1445" s="91"/>
      <c r="II1445" s="91"/>
      <c r="IJ1445" s="91"/>
      <c r="IK1445" s="127"/>
    </row>
    <row r="1446" spans="2:245" x14ac:dyDescent="0.2">
      <c r="B1446" s="43"/>
      <c r="C1446" s="73"/>
      <c r="D1446" s="64"/>
      <c r="E1446" s="64"/>
      <c r="F1446" s="55"/>
      <c r="G1446" s="102"/>
      <c r="H1446" s="55"/>
      <c r="I1446" s="55"/>
      <c r="J1446" s="55"/>
      <c r="K1446" s="55"/>
      <c r="L1446" s="55"/>
      <c r="M1446" s="55"/>
      <c r="N1446" s="55"/>
      <c r="O1446" s="55"/>
      <c r="P1446" s="55"/>
      <c r="Q1446" s="55"/>
      <c r="R1446" s="55"/>
      <c r="S1446" s="55"/>
      <c r="T1446" s="55"/>
      <c r="U1446" s="55"/>
      <c r="V1446" s="55"/>
      <c r="W1446" s="55"/>
      <c r="X1446" s="55"/>
      <c r="Y1446" s="55"/>
      <c r="Z1446" s="55"/>
      <c r="AA1446" s="55"/>
      <c r="AB1446" s="55"/>
      <c r="AC1446" s="55"/>
      <c r="AD1446" s="55"/>
      <c r="AE1446" s="55"/>
      <c r="AF1446" s="55"/>
      <c r="AG1446" s="55"/>
      <c r="AY1446" s="162"/>
      <c r="AZ1446" s="162"/>
      <c r="BA1446" s="162"/>
      <c r="BB1446" s="162"/>
      <c r="BC1446" s="162"/>
      <c r="BD1446" s="162"/>
      <c r="BE1446" s="162"/>
      <c r="BF1446" s="162"/>
      <c r="BG1446" s="162"/>
      <c r="BH1446" s="162"/>
      <c r="BI1446" s="162"/>
      <c r="BJ1446" s="162"/>
      <c r="BK1446" s="162"/>
      <c r="BL1446" s="162"/>
      <c r="BM1446" s="162"/>
      <c r="BN1446" s="162"/>
      <c r="BO1446" s="162"/>
      <c r="BP1446" s="162"/>
      <c r="BQ1446" s="162"/>
      <c r="BR1446" s="162"/>
      <c r="BS1446" s="162"/>
      <c r="BT1446" s="162"/>
      <c r="BU1446" s="162"/>
      <c r="BV1446" s="162"/>
      <c r="BW1446" s="162"/>
      <c r="BX1446" s="162"/>
      <c r="BY1446" s="162"/>
      <c r="BZ1446" s="162"/>
      <c r="CA1446" s="162"/>
      <c r="CB1446" s="162"/>
      <c r="CC1446" s="162"/>
      <c r="CD1446" s="162"/>
      <c r="CE1446" s="162"/>
      <c r="CF1446" s="162"/>
      <c r="CG1446" s="162"/>
      <c r="CH1446" s="162"/>
      <c r="CI1446" s="162"/>
      <c r="CJ1446" s="162"/>
      <c r="CK1446" s="162"/>
      <c r="CX1446" s="98"/>
      <c r="DL1446" s="97"/>
      <c r="DX1446" s="98"/>
      <c r="EL1446" s="97"/>
      <c r="EX1446" s="98"/>
      <c r="EY1446" s="97"/>
      <c r="FL1446" s="126"/>
      <c r="FM1446" s="91"/>
      <c r="FN1446" s="91"/>
      <c r="FO1446" s="91"/>
      <c r="FP1446" s="91"/>
      <c r="FQ1446" s="91"/>
      <c r="FR1446" s="91"/>
      <c r="FS1446" s="91"/>
      <c r="FT1446" s="91"/>
      <c r="FU1446" s="91"/>
      <c r="FV1446" s="91"/>
      <c r="FW1446" s="91"/>
      <c r="FX1446" s="91"/>
      <c r="FY1446" s="91"/>
      <c r="FZ1446" s="91"/>
      <c r="GA1446" s="91"/>
      <c r="GB1446" s="91"/>
      <c r="GC1446" s="91"/>
      <c r="GD1446" s="91"/>
      <c r="GE1446" s="91"/>
      <c r="GF1446" s="91"/>
      <c r="GG1446" s="91"/>
      <c r="GH1446" s="91"/>
      <c r="GI1446" s="91"/>
      <c r="GJ1446" s="91"/>
      <c r="GK1446" s="127"/>
      <c r="GL1446" s="126"/>
      <c r="GM1446" s="91"/>
      <c r="GN1446" s="91"/>
      <c r="GO1446" s="91"/>
      <c r="GP1446" s="91"/>
      <c r="GQ1446" s="91"/>
      <c r="GR1446" s="91"/>
      <c r="GS1446" s="91"/>
      <c r="GT1446" s="91"/>
      <c r="GU1446" s="91"/>
      <c r="GV1446" s="91"/>
      <c r="GW1446" s="91"/>
      <c r="GX1446" s="91"/>
      <c r="GY1446" s="91"/>
      <c r="GZ1446" s="91"/>
      <c r="HA1446" s="91"/>
      <c r="HB1446" s="91"/>
      <c r="HC1446" s="91"/>
      <c r="HD1446" s="91"/>
      <c r="HE1446" s="91"/>
      <c r="HF1446" s="91"/>
      <c r="HG1446" s="91"/>
      <c r="HH1446" s="91"/>
      <c r="HI1446" s="91"/>
      <c r="HJ1446" s="91"/>
      <c r="HK1446" s="127"/>
      <c r="HL1446" s="126"/>
      <c r="HM1446" s="91"/>
      <c r="HN1446" s="91"/>
      <c r="HO1446" s="91"/>
      <c r="HP1446" s="91"/>
      <c r="HQ1446" s="91"/>
      <c r="HR1446" s="91"/>
      <c r="HS1446" s="91"/>
      <c r="HT1446" s="91"/>
      <c r="HU1446" s="91"/>
      <c r="HV1446" s="91"/>
      <c r="HW1446" s="91"/>
      <c r="HX1446" s="91"/>
      <c r="HY1446" s="91"/>
      <c r="HZ1446" s="91"/>
      <c r="IA1446" s="91"/>
      <c r="IB1446" s="91"/>
      <c r="IC1446" s="91"/>
      <c r="ID1446" s="91"/>
      <c r="IE1446" s="91"/>
      <c r="IF1446" s="91"/>
      <c r="IG1446" s="91"/>
      <c r="IH1446" s="91"/>
      <c r="II1446" s="91"/>
      <c r="IJ1446" s="91"/>
      <c r="IK1446" s="127"/>
    </row>
    <row r="1447" spans="2:245" x14ac:dyDescent="0.2">
      <c r="B1447" s="43"/>
      <c r="C1447" s="73"/>
      <c r="D1447" s="64"/>
      <c r="E1447" s="64"/>
      <c r="F1447" s="55"/>
      <c r="G1447" s="102"/>
      <c r="H1447" s="55"/>
      <c r="I1447" s="55"/>
      <c r="J1447" s="55"/>
      <c r="K1447" s="55"/>
      <c r="L1447" s="55"/>
      <c r="M1447" s="55"/>
      <c r="N1447" s="55"/>
      <c r="O1447" s="55"/>
      <c r="P1447" s="55"/>
      <c r="Q1447" s="55"/>
      <c r="R1447" s="55"/>
      <c r="S1447" s="55"/>
      <c r="T1447" s="55"/>
      <c r="U1447" s="55"/>
      <c r="V1447" s="55"/>
      <c r="W1447" s="55"/>
      <c r="X1447" s="55"/>
      <c r="Y1447" s="55"/>
      <c r="Z1447" s="55"/>
      <c r="AA1447" s="55"/>
      <c r="AB1447" s="55"/>
      <c r="AC1447" s="55"/>
      <c r="AD1447" s="55"/>
      <c r="AE1447" s="55"/>
      <c r="AF1447" s="55"/>
      <c r="AG1447" s="55"/>
      <c r="AY1447" s="162"/>
      <c r="AZ1447" s="162"/>
      <c r="BA1447" s="162"/>
      <c r="BB1447" s="162"/>
      <c r="BC1447" s="162"/>
      <c r="BD1447" s="162"/>
      <c r="BE1447" s="162"/>
      <c r="BF1447" s="162"/>
      <c r="BG1447" s="162"/>
      <c r="BH1447" s="162"/>
      <c r="BI1447" s="162"/>
      <c r="BJ1447" s="162"/>
      <c r="BK1447" s="162"/>
      <c r="BL1447" s="162"/>
      <c r="BM1447" s="162"/>
      <c r="BN1447" s="162"/>
      <c r="BO1447" s="162"/>
      <c r="BP1447" s="162"/>
      <c r="BQ1447" s="162"/>
      <c r="BR1447" s="162"/>
      <c r="BS1447" s="162"/>
      <c r="BT1447" s="162"/>
      <c r="BU1447" s="162"/>
      <c r="BV1447" s="162"/>
      <c r="BW1447" s="162"/>
      <c r="BX1447" s="162"/>
      <c r="BY1447" s="162"/>
      <c r="BZ1447" s="162"/>
      <c r="CA1447" s="162"/>
      <c r="CB1447" s="162"/>
      <c r="CC1447" s="162"/>
      <c r="CD1447" s="162"/>
      <c r="CE1447" s="162"/>
      <c r="CF1447" s="162"/>
      <c r="CG1447" s="162"/>
      <c r="CH1447" s="162"/>
      <c r="CI1447" s="162"/>
      <c r="CJ1447" s="162"/>
      <c r="CK1447" s="162"/>
      <c r="CX1447" s="98"/>
      <c r="DL1447" s="97"/>
      <c r="DX1447" s="98"/>
      <c r="EL1447" s="97"/>
      <c r="EX1447" s="98"/>
      <c r="EY1447" s="97"/>
      <c r="FL1447" s="126"/>
      <c r="FM1447" s="91"/>
      <c r="FN1447" s="91"/>
      <c r="FO1447" s="91"/>
      <c r="FP1447" s="91"/>
      <c r="FQ1447" s="91"/>
      <c r="FR1447" s="91"/>
      <c r="FS1447" s="91"/>
      <c r="FT1447" s="91"/>
      <c r="FU1447" s="91"/>
      <c r="FV1447" s="91"/>
      <c r="FW1447" s="91"/>
      <c r="FX1447" s="91"/>
      <c r="FY1447" s="91"/>
      <c r="FZ1447" s="91"/>
      <c r="GA1447" s="91"/>
      <c r="GB1447" s="91"/>
      <c r="GC1447" s="91"/>
      <c r="GD1447" s="91"/>
      <c r="GE1447" s="91"/>
      <c r="GF1447" s="91"/>
      <c r="GG1447" s="91"/>
      <c r="GH1447" s="91"/>
      <c r="GI1447" s="91"/>
      <c r="GJ1447" s="91"/>
      <c r="GK1447" s="127"/>
      <c r="GL1447" s="126"/>
      <c r="GM1447" s="91"/>
      <c r="GN1447" s="91"/>
      <c r="GO1447" s="91"/>
      <c r="GP1447" s="91"/>
      <c r="GQ1447" s="91"/>
      <c r="GR1447" s="91"/>
      <c r="GS1447" s="91"/>
      <c r="GT1447" s="91"/>
      <c r="GU1447" s="91"/>
      <c r="GV1447" s="91"/>
      <c r="GW1447" s="91"/>
      <c r="GX1447" s="91"/>
      <c r="GY1447" s="91"/>
      <c r="GZ1447" s="91"/>
      <c r="HA1447" s="91"/>
      <c r="HB1447" s="91"/>
      <c r="HC1447" s="91"/>
      <c r="HD1447" s="91"/>
      <c r="HE1447" s="91"/>
      <c r="HF1447" s="91"/>
      <c r="HG1447" s="91"/>
      <c r="HH1447" s="91"/>
      <c r="HI1447" s="91"/>
      <c r="HJ1447" s="91"/>
      <c r="HK1447" s="127"/>
      <c r="HL1447" s="126"/>
      <c r="HM1447" s="91"/>
      <c r="HN1447" s="91"/>
      <c r="HO1447" s="91"/>
      <c r="HP1447" s="91"/>
      <c r="HQ1447" s="91"/>
      <c r="HR1447" s="91"/>
      <c r="HS1447" s="91"/>
      <c r="HT1447" s="91"/>
      <c r="HU1447" s="91"/>
      <c r="HV1447" s="91"/>
      <c r="HW1447" s="91"/>
      <c r="HX1447" s="91"/>
      <c r="HY1447" s="91"/>
      <c r="HZ1447" s="91"/>
      <c r="IA1447" s="91"/>
      <c r="IB1447" s="91"/>
      <c r="IC1447" s="91"/>
      <c r="ID1447" s="91"/>
      <c r="IE1447" s="91"/>
      <c r="IF1447" s="91"/>
      <c r="IG1447" s="91"/>
      <c r="IH1447" s="91"/>
      <c r="II1447" s="91"/>
      <c r="IJ1447" s="91"/>
      <c r="IK1447" s="127"/>
    </row>
    <row r="1448" spans="2:245" ht="13.5" thickBot="1" x14ac:dyDescent="0.25">
      <c r="B1448" s="43"/>
      <c r="C1448" s="73"/>
      <c r="D1448" s="64"/>
      <c r="E1448" s="64"/>
      <c r="F1448" s="55"/>
      <c r="G1448" s="102"/>
      <c r="H1448" s="55"/>
      <c r="I1448" s="55"/>
      <c r="J1448" s="55"/>
      <c r="K1448" s="55"/>
      <c r="L1448" s="55"/>
      <c r="M1448" s="55"/>
      <c r="N1448" s="55"/>
      <c r="O1448" s="55"/>
      <c r="P1448" s="55"/>
      <c r="Q1448" s="55"/>
      <c r="R1448" s="55"/>
      <c r="S1448" s="55"/>
      <c r="T1448" s="55"/>
      <c r="U1448" s="55"/>
      <c r="V1448" s="55"/>
      <c r="W1448" s="55"/>
      <c r="X1448" s="55"/>
      <c r="Y1448" s="55"/>
      <c r="Z1448" s="55"/>
      <c r="AA1448" s="55"/>
      <c r="AB1448" s="55"/>
      <c r="AC1448" s="55"/>
      <c r="AD1448" s="55"/>
      <c r="AE1448" s="55"/>
      <c r="AF1448" s="55"/>
      <c r="AG1448" s="55"/>
      <c r="AY1448" s="162"/>
      <c r="AZ1448" s="162"/>
      <c r="BA1448" s="162"/>
      <c r="BB1448" s="162"/>
      <c r="BC1448" s="162"/>
      <c r="BD1448" s="162"/>
      <c r="BE1448" s="162"/>
      <c r="BF1448" s="162"/>
      <c r="BG1448" s="162"/>
      <c r="BH1448" s="162"/>
      <c r="BI1448" s="162"/>
      <c r="BJ1448" s="162"/>
      <c r="BK1448" s="162"/>
      <c r="BL1448" s="162"/>
      <c r="BM1448" s="162"/>
      <c r="BN1448" s="162"/>
      <c r="BO1448" s="162"/>
      <c r="BP1448" s="162"/>
      <c r="BQ1448" s="162"/>
      <c r="BR1448" s="162"/>
      <c r="BS1448" s="162"/>
      <c r="BT1448" s="162"/>
      <c r="BU1448" s="162"/>
      <c r="BV1448" s="162"/>
      <c r="BW1448" s="162"/>
      <c r="BX1448" s="162"/>
      <c r="BY1448" s="162"/>
      <c r="BZ1448" s="162"/>
      <c r="CA1448" s="162"/>
      <c r="CB1448" s="162"/>
      <c r="CC1448" s="162"/>
      <c r="CD1448" s="162"/>
      <c r="CE1448" s="162"/>
      <c r="CF1448" s="162"/>
      <c r="CG1448" s="162"/>
      <c r="CH1448" s="162"/>
      <c r="CI1448" s="162"/>
      <c r="CJ1448" s="162"/>
      <c r="CK1448" s="162"/>
      <c r="CX1448" s="98"/>
      <c r="DL1448" s="97"/>
      <c r="DX1448" s="98"/>
      <c r="EL1448" s="97"/>
      <c r="EX1448" s="98"/>
      <c r="EY1448" s="97"/>
      <c r="FL1448" s="126"/>
      <c r="FM1448" s="91"/>
      <c r="FN1448" s="91"/>
      <c r="FO1448" s="91"/>
      <c r="FP1448" s="91"/>
      <c r="FQ1448" s="91"/>
      <c r="FR1448" s="91"/>
      <c r="FS1448" s="91"/>
      <c r="FT1448" s="91"/>
      <c r="FU1448" s="91"/>
      <c r="FV1448" s="91"/>
      <c r="FW1448" s="91"/>
      <c r="FX1448" s="91"/>
      <c r="FY1448" s="91"/>
      <c r="FZ1448" s="91"/>
      <c r="GA1448" s="91"/>
      <c r="GB1448" s="91"/>
      <c r="GC1448" s="91"/>
      <c r="GD1448" s="91"/>
      <c r="GE1448" s="91"/>
      <c r="GF1448" s="91"/>
      <c r="GG1448" s="91"/>
      <c r="GH1448" s="91"/>
      <c r="GI1448" s="91"/>
      <c r="GJ1448" s="91"/>
      <c r="GK1448" s="127"/>
      <c r="GL1448" s="126"/>
      <c r="GM1448" s="91"/>
      <c r="GN1448" s="91"/>
      <c r="GO1448" s="91"/>
      <c r="GP1448" s="91"/>
      <c r="GQ1448" s="91"/>
      <c r="GR1448" s="91"/>
      <c r="GS1448" s="91"/>
      <c r="GT1448" s="91"/>
      <c r="GU1448" s="91"/>
      <c r="GV1448" s="91"/>
      <c r="GW1448" s="91"/>
      <c r="GX1448" s="91"/>
      <c r="GY1448" s="91"/>
      <c r="GZ1448" s="91"/>
      <c r="HA1448" s="91"/>
      <c r="HB1448" s="91"/>
      <c r="HC1448" s="91"/>
      <c r="HD1448" s="91"/>
      <c r="HE1448" s="91"/>
      <c r="HF1448" s="91"/>
      <c r="HG1448" s="91"/>
      <c r="HH1448" s="91"/>
      <c r="HI1448" s="91"/>
      <c r="HJ1448" s="91"/>
      <c r="HK1448" s="127"/>
      <c r="HL1448" s="126"/>
      <c r="HM1448" s="91"/>
      <c r="HN1448" s="91"/>
      <c r="HO1448" s="91"/>
      <c r="HP1448" s="91"/>
      <c r="HQ1448" s="91"/>
      <c r="HR1448" s="91"/>
      <c r="HS1448" s="91"/>
      <c r="HT1448" s="91"/>
      <c r="HU1448" s="91"/>
      <c r="HV1448" s="91"/>
      <c r="HW1448" s="91"/>
      <c r="HX1448" s="91"/>
      <c r="HY1448" s="91"/>
      <c r="HZ1448" s="91"/>
      <c r="IA1448" s="91"/>
      <c r="IB1448" s="91"/>
      <c r="IC1448" s="91"/>
      <c r="ID1448" s="91"/>
      <c r="IE1448" s="91"/>
      <c r="IF1448" s="91"/>
      <c r="IG1448" s="91"/>
      <c r="IH1448" s="91"/>
      <c r="II1448" s="91"/>
      <c r="IJ1448" s="91"/>
      <c r="IK1448" s="127"/>
    </row>
    <row r="1449" spans="2:245" x14ac:dyDescent="0.2">
      <c r="B1449" s="43"/>
      <c r="C1449" s="73"/>
      <c r="D1449" s="64"/>
      <c r="E1449" s="64"/>
      <c r="F1449" s="55"/>
      <c r="G1449" s="102"/>
      <c r="H1449" s="55"/>
      <c r="I1449" s="55"/>
      <c r="J1449" s="55"/>
      <c r="K1449" s="55"/>
      <c r="L1449" s="55"/>
      <c r="M1449" s="55"/>
      <c r="N1449" s="55"/>
      <c r="O1449" s="55"/>
      <c r="P1449" s="55"/>
      <c r="Q1449" s="55"/>
      <c r="R1449" s="55"/>
      <c r="S1449" s="55"/>
      <c r="T1449" s="55"/>
      <c r="U1449" s="55"/>
      <c r="V1449" s="55"/>
      <c r="W1449" s="55"/>
      <c r="X1449" s="55"/>
      <c r="Y1449" s="55"/>
      <c r="Z1449" s="55"/>
      <c r="AA1449" s="55"/>
      <c r="AB1449" s="55"/>
      <c r="AC1449" s="55"/>
      <c r="AD1449" s="55"/>
      <c r="AE1449" s="55"/>
      <c r="AF1449" s="55"/>
      <c r="AG1449" s="55"/>
      <c r="AY1449" s="162"/>
      <c r="AZ1449" s="162"/>
      <c r="BA1449" s="162"/>
      <c r="BB1449" s="162"/>
      <c r="BC1449" s="162"/>
      <c r="BD1449" s="162"/>
      <c r="BE1449" s="162"/>
      <c r="BF1449" s="162"/>
      <c r="BG1449" s="162"/>
      <c r="BH1449" s="162"/>
      <c r="BI1449" s="162"/>
      <c r="BJ1449" s="162"/>
      <c r="BK1449" s="162"/>
      <c r="BL1449" s="162"/>
      <c r="BM1449" s="162"/>
      <c r="BN1449" s="162"/>
      <c r="BO1449" s="162"/>
      <c r="BP1449" s="162"/>
      <c r="BQ1449" s="162"/>
      <c r="BR1449" s="162"/>
      <c r="BS1449" s="162"/>
      <c r="BT1449" s="162"/>
      <c r="BU1449" s="162"/>
      <c r="BV1449" s="162"/>
      <c r="BW1449" s="162"/>
      <c r="BX1449" s="162"/>
      <c r="BY1449" s="162"/>
      <c r="BZ1449" s="162"/>
      <c r="CA1449" s="162"/>
      <c r="CB1449" s="162"/>
      <c r="CC1449" s="162"/>
      <c r="CD1449" s="162"/>
      <c r="CE1449" s="162"/>
      <c r="CF1449" s="162"/>
      <c r="CG1449" s="162"/>
      <c r="CH1449" s="162"/>
      <c r="CI1449" s="162"/>
      <c r="CJ1449" s="162"/>
      <c r="CK1449" s="162"/>
      <c r="CL1449" s="163"/>
      <c r="CM1449" s="163"/>
      <c r="CN1449" s="163"/>
      <c r="CO1449" s="163"/>
      <c r="CP1449" s="163"/>
      <c r="CQ1449" s="163"/>
      <c r="CR1449" s="163"/>
      <c r="CS1449" s="163"/>
      <c r="CT1449" s="163"/>
      <c r="CU1449" s="163"/>
      <c r="CV1449" s="163"/>
      <c r="CW1449" s="163"/>
      <c r="CX1449" s="173"/>
      <c r="CY1449" s="163"/>
      <c r="CZ1449" s="163"/>
      <c r="DA1449" s="163"/>
      <c r="DB1449" s="163"/>
      <c r="DC1449" s="163"/>
      <c r="DD1449" s="163"/>
      <c r="DE1449" s="163"/>
      <c r="DF1449" s="163"/>
      <c r="DG1449" s="163"/>
      <c r="DH1449" s="163"/>
      <c r="DI1449" s="163"/>
      <c r="DJ1449" s="163"/>
      <c r="DK1449" s="163"/>
      <c r="DL1449" s="172"/>
      <c r="DM1449" s="163"/>
      <c r="DN1449" s="163"/>
      <c r="DO1449" s="163"/>
      <c r="DP1449" s="163"/>
      <c r="DQ1449" s="163"/>
      <c r="DR1449" s="163"/>
      <c r="DS1449" s="163"/>
      <c r="DT1449" s="163"/>
      <c r="DU1449" s="163"/>
      <c r="DV1449" s="163"/>
      <c r="DW1449" s="163"/>
      <c r="DX1449" s="173"/>
      <c r="DY1449" s="163"/>
      <c r="DZ1449" s="163"/>
      <c r="EA1449" s="163"/>
      <c r="EB1449" s="163"/>
      <c r="EC1449" s="163"/>
      <c r="ED1449" s="163"/>
      <c r="EE1449" s="163"/>
      <c r="EF1449" s="163"/>
      <c r="EG1449" s="163"/>
      <c r="EH1449" s="163"/>
      <c r="EI1449" s="163"/>
      <c r="EJ1449" s="163"/>
      <c r="EK1449" s="163"/>
      <c r="EL1449" s="172"/>
      <c r="EM1449" s="163"/>
      <c r="EN1449" s="163"/>
      <c r="EO1449" s="163"/>
      <c r="EP1449" s="163"/>
      <c r="EQ1449" s="163"/>
      <c r="ER1449" s="163"/>
      <c r="ES1449" s="163"/>
      <c r="ET1449" s="163"/>
      <c r="EU1449" s="163"/>
      <c r="EV1449" s="163"/>
      <c r="EW1449" s="163"/>
      <c r="EX1449" s="173"/>
      <c r="EY1449" s="172"/>
      <c r="EZ1449" s="163"/>
      <c r="FA1449" s="163"/>
      <c r="FB1449" s="163"/>
      <c r="FC1449" s="163"/>
      <c r="FD1449" s="163"/>
      <c r="FE1449" s="163"/>
      <c r="FF1449" s="163"/>
      <c r="FG1449" s="163"/>
      <c r="FH1449" s="163"/>
      <c r="FI1449" s="163"/>
      <c r="FJ1449" s="163"/>
      <c r="FK1449" s="163"/>
      <c r="FL1449" s="126"/>
      <c r="FM1449" s="91"/>
      <c r="FN1449" s="91"/>
      <c r="FO1449" s="91"/>
      <c r="FP1449" s="91"/>
      <c r="FQ1449" s="91"/>
      <c r="FR1449" s="91"/>
      <c r="FS1449" s="91"/>
      <c r="FT1449" s="91"/>
      <c r="FU1449" s="91"/>
      <c r="FV1449" s="91"/>
      <c r="FW1449" s="91"/>
      <c r="FX1449" s="91"/>
      <c r="FY1449" s="91"/>
      <c r="FZ1449" s="91"/>
      <c r="GA1449" s="91"/>
      <c r="GB1449" s="91"/>
      <c r="GC1449" s="91"/>
      <c r="GD1449" s="91"/>
      <c r="GE1449" s="91"/>
      <c r="GF1449" s="91"/>
      <c r="GG1449" s="91"/>
      <c r="GH1449" s="91"/>
      <c r="GI1449" s="91"/>
      <c r="GJ1449" s="91"/>
      <c r="GK1449" s="127"/>
      <c r="GL1449" s="126"/>
      <c r="GM1449" s="91"/>
      <c r="GN1449" s="91"/>
      <c r="GO1449" s="91"/>
      <c r="GP1449" s="91"/>
      <c r="GQ1449" s="91"/>
      <c r="GR1449" s="91"/>
      <c r="GS1449" s="91"/>
      <c r="GT1449" s="91"/>
      <c r="GU1449" s="91"/>
      <c r="GV1449" s="91"/>
      <c r="GW1449" s="91"/>
      <c r="GX1449" s="91"/>
      <c r="GY1449" s="91"/>
      <c r="GZ1449" s="91"/>
      <c r="HA1449" s="91"/>
      <c r="HB1449" s="91"/>
      <c r="HC1449" s="91"/>
      <c r="HD1449" s="91"/>
      <c r="HE1449" s="91"/>
      <c r="HF1449" s="91"/>
      <c r="HG1449" s="91"/>
      <c r="HH1449" s="91"/>
      <c r="HI1449" s="91"/>
      <c r="HJ1449" s="91"/>
      <c r="HK1449" s="127"/>
      <c r="HL1449" s="126"/>
      <c r="HM1449" s="91"/>
      <c r="HN1449" s="91"/>
      <c r="HO1449" s="91"/>
      <c r="HP1449" s="91"/>
      <c r="HQ1449" s="91"/>
      <c r="HR1449" s="91"/>
      <c r="HS1449" s="91"/>
      <c r="HT1449" s="91"/>
      <c r="HU1449" s="91"/>
      <c r="HV1449" s="91"/>
      <c r="HW1449" s="91"/>
      <c r="HX1449" s="91"/>
      <c r="HY1449" s="91"/>
      <c r="HZ1449" s="91"/>
      <c r="IA1449" s="91"/>
      <c r="IB1449" s="91"/>
      <c r="IC1449" s="91"/>
      <c r="ID1449" s="91"/>
      <c r="IE1449" s="91"/>
      <c r="IF1449" s="91"/>
      <c r="IG1449" s="91"/>
      <c r="IH1449" s="91"/>
      <c r="II1449" s="91"/>
      <c r="IJ1449" s="91"/>
      <c r="IK1449" s="127"/>
    </row>
    <row r="1450" spans="2:245" x14ac:dyDescent="0.2">
      <c r="B1450" s="43"/>
      <c r="C1450" s="73"/>
      <c r="D1450" s="64"/>
      <c r="E1450" s="64"/>
      <c r="F1450" s="55"/>
      <c r="G1450" s="102"/>
      <c r="H1450" s="55"/>
      <c r="I1450" s="55"/>
      <c r="J1450" s="55"/>
      <c r="K1450" s="55"/>
      <c r="L1450" s="55"/>
      <c r="M1450" s="55"/>
      <c r="N1450" s="55"/>
      <c r="O1450" s="55"/>
      <c r="P1450" s="55"/>
      <c r="Q1450" s="55"/>
      <c r="R1450" s="55"/>
      <c r="S1450" s="55"/>
      <c r="T1450" s="55"/>
      <c r="U1450" s="55"/>
      <c r="V1450" s="55"/>
      <c r="W1450" s="55"/>
      <c r="X1450" s="55"/>
      <c r="Y1450" s="55"/>
      <c r="Z1450" s="55"/>
      <c r="AA1450" s="55"/>
      <c r="AB1450" s="55"/>
      <c r="AC1450" s="55"/>
      <c r="AD1450" s="55"/>
      <c r="AE1450" s="55"/>
      <c r="AF1450" s="55"/>
      <c r="AG1450" s="55"/>
      <c r="AY1450" s="162"/>
      <c r="AZ1450" s="162"/>
      <c r="BA1450" s="162"/>
      <c r="BB1450" s="162"/>
      <c r="BC1450" s="162"/>
      <c r="BD1450" s="162"/>
      <c r="BE1450" s="162"/>
      <c r="BF1450" s="162"/>
      <c r="BG1450" s="162"/>
      <c r="BH1450" s="162"/>
      <c r="BI1450" s="162"/>
      <c r="BJ1450" s="162"/>
      <c r="BK1450" s="162"/>
      <c r="BL1450" s="162"/>
      <c r="BM1450" s="162"/>
      <c r="BN1450" s="162"/>
      <c r="BO1450" s="162"/>
      <c r="BP1450" s="162"/>
      <c r="BQ1450" s="162"/>
      <c r="BR1450" s="162"/>
      <c r="BS1450" s="162"/>
      <c r="BT1450" s="162"/>
      <c r="BU1450" s="162"/>
      <c r="BV1450" s="162"/>
      <c r="BW1450" s="162"/>
      <c r="BX1450" s="162"/>
      <c r="BY1450" s="162"/>
      <c r="BZ1450" s="162"/>
      <c r="CA1450" s="162"/>
      <c r="CB1450" s="162"/>
      <c r="CC1450" s="162"/>
      <c r="CD1450" s="162"/>
      <c r="CE1450" s="162"/>
      <c r="CF1450" s="162"/>
      <c r="CG1450" s="162"/>
      <c r="CH1450" s="162"/>
      <c r="CI1450" s="162"/>
      <c r="CJ1450" s="162"/>
      <c r="CK1450" s="162"/>
      <c r="CX1450" s="98"/>
      <c r="DL1450" s="97"/>
      <c r="DX1450" s="98"/>
      <c r="EL1450" s="97"/>
      <c r="EX1450" s="98"/>
      <c r="EY1450" s="97"/>
      <c r="FL1450" s="126"/>
      <c r="FM1450" s="91"/>
      <c r="FN1450" s="91"/>
      <c r="FO1450" s="91"/>
      <c r="FP1450" s="91"/>
      <c r="FQ1450" s="91"/>
      <c r="FR1450" s="91"/>
      <c r="FS1450" s="91"/>
      <c r="FT1450" s="91"/>
      <c r="FU1450" s="91"/>
      <c r="FV1450" s="91"/>
      <c r="FW1450" s="91"/>
      <c r="FX1450" s="91"/>
      <c r="FY1450" s="91"/>
      <c r="FZ1450" s="91"/>
      <c r="GA1450" s="91"/>
      <c r="GB1450" s="91"/>
      <c r="GC1450" s="91"/>
      <c r="GD1450" s="91"/>
      <c r="GE1450" s="91"/>
      <c r="GF1450" s="91"/>
      <c r="GG1450" s="91"/>
      <c r="GH1450" s="91"/>
      <c r="GI1450" s="91"/>
      <c r="GJ1450" s="91"/>
      <c r="GK1450" s="127"/>
      <c r="GL1450" s="126"/>
      <c r="GM1450" s="91"/>
      <c r="GN1450" s="91"/>
      <c r="GO1450" s="91"/>
      <c r="GP1450" s="91"/>
      <c r="GQ1450" s="91"/>
      <c r="GR1450" s="91"/>
      <c r="GS1450" s="91"/>
      <c r="GT1450" s="91"/>
      <c r="GU1450" s="91"/>
      <c r="GV1450" s="91"/>
      <c r="GW1450" s="91"/>
      <c r="GX1450" s="91"/>
      <c r="GY1450" s="91"/>
      <c r="GZ1450" s="91"/>
      <c r="HA1450" s="91"/>
      <c r="HB1450" s="91"/>
      <c r="HC1450" s="91"/>
      <c r="HD1450" s="91"/>
      <c r="HE1450" s="91"/>
      <c r="HF1450" s="91"/>
      <c r="HG1450" s="91"/>
      <c r="HH1450" s="91"/>
      <c r="HI1450" s="91"/>
      <c r="HJ1450" s="91"/>
      <c r="HK1450" s="127"/>
      <c r="HL1450" s="126"/>
      <c r="HM1450" s="91"/>
      <c r="HN1450" s="91"/>
      <c r="HO1450" s="91"/>
      <c r="HP1450" s="91"/>
      <c r="HQ1450" s="91"/>
      <c r="HR1450" s="91"/>
      <c r="HS1450" s="91"/>
      <c r="HT1450" s="91"/>
      <c r="HU1450" s="91"/>
      <c r="HV1450" s="91"/>
      <c r="HW1450" s="91"/>
      <c r="HX1450" s="91"/>
      <c r="HY1450" s="91"/>
      <c r="HZ1450" s="91"/>
      <c r="IA1450" s="91"/>
      <c r="IB1450" s="91"/>
      <c r="IC1450" s="91"/>
      <c r="ID1450" s="91"/>
      <c r="IE1450" s="91"/>
      <c r="IF1450" s="91"/>
      <c r="IG1450" s="91"/>
      <c r="IH1450" s="91"/>
      <c r="II1450" s="91"/>
      <c r="IJ1450" s="91"/>
      <c r="IK1450" s="127"/>
    </row>
    <row r="1451" spans="2:245" x14ac:dyDescent="0.2">
      <c r="B1451" s="43"/>
      <c r="C1451" s="73"/>
      <c r="D1451" s="64"/>
      <c r="E1451" s="64"/>
      <c r="F1451" s="55"/>
      <c r="G1451" s="102"/>
      <c r="H1451" s="55"/>
      <c r="I1451" s="55"/>
      <c r="J1451" s="55"/>
      <c r="K1451" s="55"/>
      <c r="L1451" s="55"/>
      <c r="M1451" s="55"/>
      <c r="N1451" s="55"/>
      <c r="O1451" s="55"/>
      <c r="P1451" s="55"/>
      <c r="Q1451" s="55"/>
      <c r="R1451" s="55"/>
      <c r="S1451" s="55"/>
      <c r="T1451" s="55"/>
      <c r="U1451" s="55"/>
      <c r="V1451" s="55"/>
      <c r="W1451" s="55"/>
      <c r="X1451" s="55"/>
      <c r="Y1451" s="55"/>
      <c r="Z1451" s="55"/>
      <c r="AA1451" s="55"/>
      <c r="AB1451" s="55"/>
      <c r="AC1451" s="55"/>
      <c r="AD1451" s="55"/>
      <c r="AE1451" s="55"/>
      <c r="AF1451" s="55"/>
      <c r="AG1451" s="55"/>
      <c r="AY1451" s="162"/>
      <c r="AZ1451" s="162"/>
      <c r="BA1451" s="162"/>
      <c r="BB1451" s="162"/>
      <c r="BC1451" s="162"/>
      <c r="BD1451" s="162"/>
      <c r="BE1451" s="162"/>
      <c r="BF1451" s="162"/>
      <c r="BG1451" s="162"/>
      <c r="BH1451" s="162"/>
      <c r="BI1451" s="162"/>
      <c r="BJ1451" s="162"/>
      <c r="BK1451" s="162"/>
      <c r="BL1451" s="162"/>
      <c r="BM1451" s="162"/>
      <c r="BN1451" s="162"/>
      <c r="BO1451" s="162"/>
      <c r="BP1451" s="162"/>
      <c r="BQ1451" s="162"/>
      <c r="BR1451" s="162"/>
      <c r="BS1451" s="162"/>
      <c r="BT1451" s="162"/>
      <c r="BU1451" s="162"/>
      <c r="BV1451" s="162"/>
      <c r="BW1451" s="162"/>
      <c r="BX1451" s="162"/>
      <c r="BY1451" s="162"/>
      <c r="BZ1451" s="162"/>
      <c r="CA1451" s="162"/>
      <c r="CB1451" s="162"/>
      <c r="CC1451" s="162"/>
      <c r="CD1451" s="162"/>
      <c r="CE1451" s="162"/>
      <c r="CF1451" s="162"/>
      <c r="CG1451" s="162"/>
      <c r="CH1451" s="162"/>
      <c r="CI1451" s="162"/>
      <c r="CJ1451" s="162"/>
      <c r="CK1451" s="162"/>
      <c r="CX1451" s="98"/>
      <c r="DL1451" s="97"/>
      <c r="DX1451" s="98"/>
      <c r="EL1451" s="97"/>
      <c r="EX1451" s="98"/>
      <c r="EY1451" s="97"/>
      <c r="FL1451" s="126"/>
      <c r="FM1451" s="91"/>
      <c r="FN1451" s="91"/>
      <c r="FO1451" s="91"/>
      <c r="FP1451" s="91"/>
      <c r="FQ1451" s="91"/>
      <c r="FR1451" s="91"/>
      <c r="FS1451" s="91"/>
      <c r="FT1451" s="91"/>
      <c r="FU1451" s="91"/>
      <c r="FV1451" s="91"/>
      <c r="FW1451" s="91"/>
      <c r="FX1451" s="91"/>
      <c r="FY1451" s="91"/>
      <c r="FZ1451" s="91"/>
      <c r="GA1451" s="91"/>
      <c r="GB1451" s="91"/>
      <c r="GC1451" s="91"/>
      <c r="GD1451" s="91"/>
      <c r="GE1451" s="91"/>
      <c r="GF1451" s="91"/>
      <c r="GG1451" s="91"/>
      <c r="GH1451" s="91"/>
      <c r="GI1451" s="91"/>
      <c r="GJ1451" s="91"/>
      <c r="GK1451" s="127"/>
      <c r="GL1451" s="126"/>
      <c r="GM1451" s="91"/>
      <c r="GN1451" s="91"/>
      <c r="GO1451" s="91"/>
      <c r="GP1451" s="91"/>
      <c r="GQ1451" s="91"/>
      <c r="GR1451" s="91"/>
      <c r="GS1451" s="91"/>
      <c r="GT1451" s="91"/>
      <c r="GU1451" s="91"/>
      <c r="GV1451" s="91"/>
      <c r="GW1451" s="91"/>
      <c r="GX1451" s="91"/>
      <c r="GY1451" s="91"/>
      <c r="GZ1451" s="91"/>
      <c r="HA1451" s="91"/>
      <c r="HB1451" s="91"/>
      <c r="HC1451" s="91"/>
      <c r="HD1451" s="91"/>
      <c r="HE1451" s="91"/>
      <c r="HF1451" s="91"/>
      <c r="HG1451" s="91"/>
      <c r="HH1451" s="91"/>
      <c r="HI1451" s="91"/>
      <c r="HJ1451" s="91"/>
      <c r="HK1451" s="127"/>
      <c r="HL1451" s="126"/>
      <c r="HM1451" s="91"/>
      <c r="HN1451" s="91"/>
      <c r="HO1451" s="91"/>
      <c r="HP1451" s="91"/>
      <c r="HQ1451" s="91"/>
      <c r="HR1451" s="91"/>
      <c r="HS1451" s="91"/>
      <c r="HT1451" s="91"/>
      <c r="HU1451" s="91"/>
      <c r="HV1451" s="91"/>
      <c r="HW1451" s="91"/>
      <c r="HX1451" s="91"/>
      <c r="HY1451" s="91"/>
      <c r="HZ1451" s="91"/>
      <c r="IA1451" s="91"/>
      <c r="IB1451" s="91"/>
      <c r="IC1451" s="91"/>
      <c r="ID1451" s="91"/>
      <c r="IE1451" s="91"/>
      <c r="IF1451" s="91"/>
      <c r="IG1451" s="91"/>
      <c r="IH1451" s="91"/>
      <c r="II1451" s="91"/>
      <c r="IJ1451" s="91"/>
      <c r="IK1451" s="127"/>
    </row>
    <row r="1452" spans="2:245" x14ac:dyDescent="0.2">
      <c r="B1452" s="43"/>
      <c r="C1452" s="73"/>
      <c r="D1452" s="64"/>
      <c r="E1452" s="64"/>
      <c r="F1452" s="55"/>
      <c r="G1452" s="102"/>
      <c r="H1452" s="55"/>
      <c r="I1452" s="55"/>
      <c r="J1452" s="55"/>
      <c r="K1452" s="55"/>
      <c r="L1452" s="55"/>
      <c r="M1452" s="55"/>
      <c r="N1452" s="55"/>
      <c r="O1452" s="55"/>
      <c r="P1452" s="55"/>
      <c r="Q1452" s="55"/>
      <c r="R1452" s="55"/>
      <c r="S1452" s="55"/>
      <c r="T1452" s="55"/>
      <c r="U1452" s="55"/>
      <c r="V1452" s="55"/>
      <c r="W1452" s="55"/>
      <c r="X1452" s="55"/>
      <c r="Y1452" s="55"/>
      <c r="Z1452" s="55"/>
      <c r="AA1452" s="55"/>
      <c r="AB1452" s="55"/>
      <c r="AC1452" s="55"/>
      <c r="AD1452" s="55"/>
      <c r="AE1452" s="55"/>
      <c r="AF1452" s="55"/>
      <c r="AG1452" s="55"/>
      <c r="AY1452" s="162"/>
      <c r="AZ1452" s="162"/>
      <c r="BA1452" s="162"/>
      <c r="BB1452" s="162"/>
      <c r="BC1452" s="162"/>
      <c r="BD1452" s="162"/>
      <c r="BE1452" s="162"/>
      <c r="BF1452" s="162"/>
      <c r="BG1452" s="162"/>
      <c r="BH1452" s="162"/>
      <c r="BI1452" s="162"/>
      <c r="BJ1452" s="162"/>
      <c r="BK1452" s="162"/>
      <c r="BL1452" s="162"/>
      <c r="BM1452" s="162"/>
      <c r="BN1452" s="162"/>
      <c r="BO1452" s="162"/>
      <c r="BP1452" s="162"/>
      <c r="BQ1452" s="162"/>
      <c r="BR1452" s="162"/>
      <c r="BS1452" s="162"/>
      <c r="BT1452" s="162"/>
      <c r="BU1452" s="162"/>
      <c r="BV1452" s="162"/>
      <c r="BW1452" s="162"/>
      <c r="BX1452" s="162"/>
      <c r="BY1452" s="162"/>
      <c r="BZ1452" s="162"/>
      <c r="CA1452" s="162"/>
      <c r="CB1452" s="162"/>
      <c r="CC1452" s="162"/>
      <c r="CD1452" s="162"/>
      <c r="CE1452" s="162"/>
      <c r="CF1452" s="162"/>
      <c r="CG1452" s="162"/>
      <c r="CH1452" s="162"/>
      <c r="CI1452" s="162"/>
      <c r="CJ1452" s="162"/>
      <c r="CK1452" s="162"/>
      <c r="CX1452" s="98"/>
      <c r="DL1452" s="97"/>
      <c r="DX1452" s="98"/>
      <c r="EL1452" s="97"/>
      <c r="EX1452" s="98"/>
      <c r="EY1452" s="97"/>
      <c r="FL1452" s="126"/>
      <c r="FM1452" s="91"/>
      <c r="FN1452" s="91"/>
      <c r="FO1452" s="91"/>
      <c r="FP1452" s="91"/>
      <c r="FQ1452" s="91"/>
      <c r="FR1452" s="91"/>
      <c r="FS1452" s="91"/>
      <c r="FT1452" s="91"/>
      <c r="FU1452" s="91"/>
      <c r="FV1452" s="91"/>
      <c r="FW1452" s="91"/>
      <c r="FX1452" s="91"/>
      <c r="FY1452" s="91"/>
      <c r="FZ1452" s="91"/>
      <c r="GA1452" s="91"/>
      <c r="GB1452" s="91"/>
      <c r="GC1452" s="91"/>
      <c r="GD1452" s="91"/>
      <c r="GE1452" s="91"/>
      <c r="GF1452" s="91"/>
      <c r="GG1452" s="91"/>
      <c r="GH1452" s="91"/>
      <c r="GI1452" s="91"/>
      <c r="GJ1452" s="91"/>
      <c r="GK1452" s="127"/>
      <c r="GL1452" s="126"/>
      <c r="GM1452" s="91"/>
      <c r="GN1452" s="91"/>
      <c r="GO1452" s="91"/>
      <c r="GP1452" s="91"/>
      <c r="GQ1452" s="91"/>
      <c r="GR1452" s="91"/>
      <c r="GS1452" s="91"/>
      <c r="GT1452" s="91"/>
      <c r="GU1452" s="91"/>
      <c r="GV1452" s="91"/>
      <c r="GW1452" s="91"/>
      <c r="GX1452" s="91"/>
      <c r="GY1452" s="91"/>
      <c r="GZ1452" s="91"/>
      <c r="HA1452" s="91"/>
      <c r="HB1452" s="91"/>
      <c r="HC1452" s="91"/>
      <c r="HD1452" s="91"/>
      <c r="HE1452" s="91"/>
      <c r="HF1452" s="91"/>
      <c r="HG1452" s="91"/>
      <c r="HH1452" s="91"/>
      <c r="HI1452" s="91"/>
      <c r="HJ1452" s="91"/>
      <c r="HK1452" s="127"/>
      <c r="HL1452" s="126"/>
      <c r="HM1452" s="91"/>
      <c r="HN1452" s="91"/>
      <c r="HO1452" s="91"/>
      <c r="HP1452" s="91"/>
      <c r="HQ1452" s="91"/>
      <c r="HR1452" s="91"/>
      <c r="HS1452" s="91"/>
      <c r="HT1452" s="91"/>
      <c r="HU1452" s="91"/>
      <c r="HV1452" s="91"/>
      <c r="HW1452" s="91"/>
      <c r="HX1452" s="91"/>
      <c r="HY1452" s="91"/>
      <c r="HZ1452" s="91"/>
      <c r="IA1452" s="91"/>
      <c r="IB1452" s="91"/>
      <c r="IC1452" s="91"/>
      <c r="ID1452" s="91"/>
      <c r="IE1452" s="91"/>
      <c r="IF1452" s="91"/>
      <c r="IG1452" s="91"/>
      <c r="IH1452" s="91"/>
      <c r="II1452" s="91"/>
      <c r="IJ1452" s="91"/>
      <c r="IK1452" s="127"/>
    </row>
    <row r="1453" spans="2:245" x14ac:dyDescent="0.2">
      <c r="B1453" s="43"/>
      <c r="C1453" s="73"/>
      <c r="D1453" s="64"/>
      <c r="E1453" s="64"/>
      <c r="F1453" s="55"/>
      <c r="G1453" s="102"/>
      <c r="H1453" s="55"/>
      <c r="I1453" s="55"/>
      <c r="J1453" s="55"/>
      <c r="K1453" s="55"/>
      <c r="L1453" s="55"/>
      <c r="M1453" s="55"/>
      <c r="N1453" s="55"/>
      <c r="O1453" s="55"/>
      <c r="P1453" s="55"/>
      <c r="Q1453" s="55"/>
      <c r="R1453" s="55"/>
      <c r="S1453" s="55"/>
      <c r="T1453" s="55"/>
      <c r="U1453" s="55"/>
      <c r="V1453" s="55"/>
      <c r="W1453" s="55"/>
      <c r="X1453" s="55"/>
      <c r="Y1453" s="55"/>
      <c r="Z1453" s="55"/>
      <c r="AA1453" s="55"/>
      <c r="AB1453" s="55"/>
      <c r="AC1453" s="55"/>
      <c r="AD1453" s="55"/>
      <c r="AE1453" s="55"/>
      <c r="AF1453" s="55"/>
      <c r="AG1453" s="55"/>
      <c r="AY1453" s="162"/>
      <c r="AZ1453" s="162"/>
      <c r="BA1453" s="162"/>
      <c r="BB1453" s="162"/>
      <c r="BC1453" s="162"/>
      <c r="BD1453" s="162"/>
      <c r="BE1453" s="162"/>
      <c r="BF1453" s="162"/>
      <c r="BG1453" s="162"/>
      <c r="BH1453" s="162"/>
      <c r="BI1453" s="162"/>
      <c r="BJ1453" s="162"/>
      <c r="BK1453" s="162"/>
      <c r="BL1453" s="162"/>
      <c r="BM1453" s="162"/>
      <c r="BN1453" s="162"/>
      <c r="BO1453" s="162"/>
      <c r="BP1453" s="162"/>
      <c r="BQ1453" s="162"/>
      <c r="BR1453" s="162"/>
      <c r="BS1453" s="162"/>
      <c r="BT1453" s="162"/>
      <c r="BU1453" s="162"/>
      <c r="BV1453" s="162"/>
      <c r="BW1453" s="162"/>
      <c r="BX1453" s="162"/>
      <c r="BY1453" s="162"/>
      <c r="BZ1453" s="162"/>
      <c r="CA1453" s="162"/>
      <c r="CB1453" s="162"/>
      <c r="CC1453" s="162"/>
      <c r="CD1453" s="162"/>
      <c r="CE1453" s="162"/>
      <c r="CF1453" s="162"/>
      <c r="CG1453" s="162"/>
      <c r="CH1453" s="162"/>
      <c r="CI1453" s="162"/>
      <c r="CJ1453" s="162"/>
      <c r="CK1453" s="162"/>
      <c r="CX1453" s="98"/>
      <c r="DL1453" s="97"/>
      <c r="DX1453" s="98"/>
      <c r="EL1453" s="97"/>
      <c r="EX1453" s="98"/>
      <c r="EY1453" s="97"/>
      <c r="FL1453" s="126"/>
      <c r="FM1453" s="91"/>
      <c r="FN1453" s="91"/>
      <c r="FO1453" s="91"/>
      <c r="FP1453" s="91"/>
      <c r="FQ1453" s="91"/>
      <c r="FR1453" s="91"/>
      <c r="FS1453" s="91"/>
      <c r="FT1453" s="91"/>
      <c r="FU1453" s="91"/>
      <c r="FV1453" s="91"/>
      <c r="FW1453" s="91"/>
      <c r="FX1453" s="91"/>
      <c r="FY1453" s="91"/>
      <c r="FZ1453" s="91"/>
      <c r="GA1453" s="91"/>
      <c r="GB1453" s="91"/>
      <c r="GC1453" s="91"/>
      <c r="GD1453" s="91"/>
      <c r="GE1453" s="91"/>
      <c r="GF1453" s="91"/>
      <c r="GG1453" s="91"/>
      <c r="GH1453" s="91"/>
      <c r="GI1453" s="91"/>
      <c r="GJ1453" s="91"/>
      <c r="GK1453" s="127"/>
      <c r="GL1453" s="126"/>
      <c r="GM1453" s="91"/>
      <c r="GN1453" s="91"/>
      <c r="GO1453" s="91"/>
      <c r="GP1453" s="91"/>
      <c r="GQ1453" s="91"/>
      <c r="GR1453" s="91"/>
      <c r="GS1453" s="91"/>
      <c r="GT1453" s="91"/>
      <c r="GU1453" s="91"/>
      <c r="GV1453" s="91"/>
      <c r="GW1453" s="91"/>
      <c r="GX1453" s="91"/>
      <c r="GY1453" s="91"/>
      <c r="GZ1453" s="91"/>
      <c r="HA1453" s="91"/>
      <c r="HB1453" s="91"/>
      <c r="HC1453" s="91"/>
      <c r="HD1453" s="91"/>
      <c r="HE1453" s="91"/>
      <c r="HF1453" s="91"/>
      <c r="HG1453" s="91"/>
      <c r="HH1453" s="91"/>
      <c r="HI1453" s="91"/>
      <c r="HJ1453" s="91"/>
      <c r="HK1453" s="127"/>
      <c r="HL1453" s="126"/>
      <c r="HM1453" s="91"/>
      <c r="HN1453" s="91"/>
      <c r="HO1453" s="91"/>
      <c r="HP1453" s="91"/>
      <c r="HQ1453" s="91"/>
      <c r="HR1453" s="91"/>
      <c r="HS1453" s="91"/>
      <c r="HT1453" s="91"/>
      <c r="HU1453" s="91"/>
      <c r="HV1453" s="91"/>
      <c r="HW1453" s="91"/>
      <c r="HX1453" s="91"/>
      <c r="HY1453" s="91"/>
      <c r="HZ1453" s="91"/>
      <c r="IA1453" s="91"/>
      <c r="IB1453" s="91"/>
      <c r="IC1453" s="91"/>
      <c r="ID1453" s="91"/>
      <c r="IE1453" s="91"/>
      <c r="IF1453" s="91"/>
      <c r="IG1453" s="91"/>
      <c r="IH1453" s="91"/>
      <c r="II1453" s="91"/>
      <c r="IJ1453" s="91"/>
      <c r="IK1453" s="127"/>
    </row>
    <row r="1454" spans="2:245" x14ac:dyDescent="0.2">
      <c r="B1454" s="43"/>
      <c r="C1454" s="73"/>
      <c r="D1454" s="64"/>
      <c r="E1454" s="64"/>
      <c r="F1454" s="55"/>
      <c r="G1454" s="102"/>
      <c r="H1454" s="55"/>
      <c r="I1454" s="55"/>
      <c r="J1454" s="55"/>
      <c r="K1454" s="55"/>
      <c r="L1454" s="55"/>
      <c r="M1454" s="55"/>
      <c r="N1454" s="55"/>
      <c r="O1454" s="55"/>
      <c r="P1454" s="55"/>
      <c r="Q1454" s="55"/>
      <c r="R1454" s="55"/>
      <c r="S1454" s="55"/>
      <c r="T1454" s="55"/>
      <c r="U1454" s="55"/>
      <c r="V1454" s="55"/>
      <c r="W1454" s="55"/>
      <c r="X1454" s="55"/>
      <c r="Y1454" s="55"/>
      <c r="Z1454" s="55"/>
      <c r="AA1454" s="55"/>
      <c r="AB1454" s="55"/>
      <c r="AC1454" s="55"/>
      <c r="AD1454" s="55"/>
      <c r="AE1454" s="55"/>
      <c r="AF1454" s="55"/>
      <c r="AG1454" s="55"/>
      <c r="AY1454" s="162"/>
      <c r="AZ1454" s="162"/>
      <c r="BA1454" s="162"/>
      <c r="BB1454" s="162"/>
      <c r="BC1454" s="162"/>
      <c r="BD1454" s="162"/>
      <c r="BE1454" s="162"/>
      <c r="BF1454" s="162"/>
      <c r="BG1454" s="162"/>
      <c r="BH1454" s="162"/>
      <c r="BI1454" s="162"/>
      <c r="BJ1454" s="162"/>
      <c r="BK1454" s="162"/>
      <c r="BL1454" s="162"/>
      <c r="BM1454" s="162"/>
      <c r="BN1454" s="162"/>
      <c r="BO1454" s="162"/>
      <c r="BP1454" s="162"/>
      <c r="BQ1454" s="162"/>
      <c r="BR1454" s="162"/>
      <c r="BS1454" s="162"/>
      <c r="BT1454" s="162"/>
      <c r="BU1454" s="162"/>
      <c r="BV1454" s="162"/>
      <c r="BW1454" s="162"/>
      <c r="BX1454" s="162"/>
      <c r="BY1454" s="162"/>
      <c r="BZ1454" s="162"/>
      <c r="CA1454" s="162"/>
      <c r="CB1454" s="162"/>
      <c r="CC1454" s="162"/>
      <c r="CD1454" s="162"/>
      <c r="CE1454" s="162"/>
      <c r="CF1454" s="162"/>
      <c r="CG1454" s="162"/>
      <c r="CH1454" s="162"/>
      <c r="CI1454" s="162"/>
      <c r="CJ1454" s="162"/>
      <c r="CK1454" s="162"/>
      <c r="CX1454" s="98"/>
      <c r="DL1454" s="97"/>
      <c r="DX1454" s="98"/>
      <c r="EL1454" s="97"/>
      <c r="EX1454" s="98"/>
      <c r="EY1454" s="97"/>
      <c r="FL1454" s="126"/>
      <c r="FM1454" s="91"/>
      <c r="FN1454" s="91"/>
      <c r="FO1454" s="91"/>
      <c r="FP1454" s="91"/>
      <c r="FQ1454" s="91"/>
      <c r="FR1454" s="91"/>
      <c r="FS1454" s="91"/>
      <c r="FT1454" s="91"/>
      <c r="FU1454" s="91"/>
      <c r="FV1454" s="91"/>
      <c r="FW1454" s="91"/>
      <c r="FX1454" s="91"/>
      <c r="FY1454" s="91"/>
      <c r="FZ1454" s="91"/>
      <c r="GA1454" s="91"/>
      <c r="GB1454" s="91"/>
      <c r="GC1454" s="91"/>
      <c r="GD1454" s="91"/>
      <c r="GE1454" s="91"/>
      <c r="GF1454" s="91"/>
      <c r="GG1454" s="91"/>
      <c r="GH1454" s="91"/>
      <c r="GI1454" s="91"/>
      <c r="GJ1454" s="91"/>
      <c r="GK1454" s="127"/>
      <c r="GL1454" s="126"/>
      <c r="GM1454" s="91"/>
      <c r="GN1454" s="91"/>
      <c r="GO1454" s="91"/>
      <c r="GP1454" s="91"/>
      <c r="GQ1454" s="91"/>
      <c r="GR1454" s="91"/>
      <c r="GS1454" s="91"/>
      <c r="GT1454" s="91"/>
      <c r="GU1454" s="91"/>
      <c r="GV1454" s="91"/>
      <c r="GW1454" s="91"/>
      <c r="GX1454" s="91"/>
      <c r="GY1454" s="91"/>
      <c r="GZ1454" s="91"/>
      <c r="HA1454" s="91"/>
      <c r="HB1454" s="91"/>
      <c r="HC1454" s="91"/>
      <c r="HD1454" s="91"/>
      <c r="HE1454" s="91"/>
      <c r="HF1454" s="91"/>
      <c r="HG1454" s="91"/>
      <c r="HH1454" s="91"/>
      <c r="HI1454" s="91"/>
      <c r="HJ1454" s="91"/>
      <c r="HK1454" s="127"/>
      <c r="HL1454" s="126"/>
      <c r="HM1454" s="91"/>
      <c r="HN1454" s="91"/>
      <c r="HO1454" s="91"/>
      <c r="HP1454" s="91"/>
      <c r="HQ1454" s="91"/>
      <c r="HR1454" s="91"/>
      <c r="HS1454" s="91"/>
      <c r="HT1454" s="91"/>
      <c r="HU1454" s="91"/>
      <c r="HV1454" s="91"/>
      <c r="HW1454" s="91"/>
      <c r="HX1454" s="91"/>
      <c r="HY1454" s="91"/>
      <c r="HZ1454" s="91"/>
      <c r="IA1454" s="91"/>
      <c r="IB1454" s="91"/>
      <c r="IC1454" s="91"/>
      <c r="ID1454" s="91"/>
      <c r="IE1454" s="91"/>
      <c r="IF1454" s="91"/>
      <c r="IG1454" s="91"/>
      <c r="IH1454" s="91"/>
      <c r="II1454" s="91"/>
      <c r="IJ1454" s="91"/>
      <c r="IK1454" s="127"/>
    </row>
    <row r="1455" spans="2:245" x14ac:dyDescent="0.2">
      <c r="B1455" s="43"/>
      <c r="C1455" s="73"/>
      <c r="D1455" s="64"/>
      <c r="E1455" s="64"/>
      <c r="F1455" s="55"/>
      <c r="G1455" s="102"/>
      <c r="H1455" s="55"/>
      <c r="I1455" s="55"/>
      <c r="J1455" s="55"/>
      <c r="K1455" s="55"/>
      <c r="L1455" s="55"/>
      <c r="M1455" s="55"/>
      <c r="N1455" s="55"/>
      <c r="O1455" s="55"/>
      <c r="P1455" s="55"/>
      <c r="Q1455" s="55"/>
      <c r="R1455" s="55"/>
      <c r="S1455" s="55"/>
      <c r="T1455" s="55"/>
      <c r="U1455" s="55"/>
      <c r="V1455" s="55"/>
      <c r="W1455" s="55"/>
      <c r="X1455" s="55"/>
      <c r="Y1455" s="55"/>
      <c r="Z1455" s="55"/>
      <c r="AA1455" s="55"/>
      <c r="AB1455" s="55"/>
      <c r="AC1455" s="55"/>
      <c r="AD1455" s="55"/>
      <c r="AE1455" s="55"/>
      <c r="AF1455" s="55"/>
      <c r="AG1455" s="55"/>
      <c r="AY1455" s="162"/>
      <c r="AZ1455" s="162"/>
      <c r="BA1455" s="162"/>
      <c r="BB1455" s="162"/>
      <c r="BC1455" s="162"/>
      <c r="BD1455" s="162"/>
      <c r="BE1455" s="162"/>
      <c r="BF1455" s="162"/>
      <c r="BG1455" s="162"/>
      <c r="BH1455" s="162"/>
      <c r="BI1455" s="162"/>
      <c r="BJ1455" s="162"/>
      <c r="BK1455" s="162"/>
      <c r="BL1455" s="162"/>
      <c r="BM1455" s="162"/>
      <c r="BN1455" s="162"/>
      <c r="BO1455" s="162"/>
      <c r="BP1455" s="162"/>
      <c r="BQ1455" s="162"/>
      <c r="BR1455" s="162"/>
      <c r="BS1455" s="162"/>
      <c r="BT1455" s="162"/>
      <c r="BU1455" s="162"/>
      <c r="BV1455" s="162"/>
      <c r="BW1455" s="162"/>
      <c r="BX1455" s="162"/>
      <c r="BY1455" s="162"/>
      <c r="BZ1455" s="162"/>
      <c r="CA1455" s="162"/>
      <c r="CB1455" s="162"/>
      <c r="CC1455" s="162"/>
      <c r="CD1455" s="162"/>
      <c r="CE1455" s="162"/>
      <c r="CF1455" s="162"/>
      <c r="CG1455" s="162"/>
      <c r="CH1455" s="162"/>
      <c r="CI1455" s="162"/>
      <c r="CJ1455" s="162"/>
      <c r="CK1455" s="162"/>
      <c r="CX1455" s="98"/>
      <c r="DL1455" s="97"/>
      <c r="DX1455" s="98"/>
      <c r="EL1455" s="97"/>
      <c r="EX1455" s="98"/>
      <c r="EY1455" s="97"/>
      <c r="FL1455" s="126"/>
      <c r="FM1455" s="91"/>
      <c r="FN1455" s="91"/>
      <c r="FO1455" s="91"/>
      <c r="FP1455" s="91"/>
      <c r="FQ1455" s="91"/>
      <c r="FR1455" s="91"/>
      <c r="FS1455" s="91"/>
      <c r="FT1455" s="91"/>
      <c r="FU1455" s="91"/>
      <c r="FV1455" s="91"/>
      <c r="FW1455" s="91"/>
      <c r="FX1455" s="91"/>
      <c r="FY1455" s="91"/>
      <c r="FZ1455" s="91"/>
      <c r="GA1455" s="91"/>
      <c r="GB1455" s="91"/>
      <c r="GC1455" s="91"/>
      <c r="GD1455" s="91"/>
      <c r="GE1455" s="91"/>
      <c r="GF1455" s="91"/>
      <c r="GG1455" s="91"/>
      <c r="GH1455" s="91"/>
      <c r="GI1455" s="91"/>
      <c r="GJ1455" s="91"/>
      <c r="GK1455" s="127"/>
      <c r="GL1455" s="126"/>
      <c r="GM1455" s="91"/>
      <c r="GN1455" s="91"/>
      <c r="GO1455" s="91"/>
      <c r="GP1455" s="91"/>
      <c r="GQ1455" s="91"/>
      <c r="GR1455" s="91"/>
      <c r="GS1455" s="91"/>
      <c r="GT1455" s="91"/>
      <c r="GU1455" s="91"/>
      <c r="GV1455" s="91"/>
      <c r="GW1455" s="91"/>
      <c r="GX1455" s="91"/>
      <c r="GY1455" s="91"/>
      <c r="GZ1455" s="91"/>
      <c r="HA1455" s="91"/>
      <c r="HB1455" s="91"/>
      <c r="HC1455" s="91"/>
      <c r="HD1455" s="91"/>
      <c r="HE1455" s="91"/>
      <c r="HF1455" s="91"/>
      <c r="HG1455" s="91"/>
      <c r="HH1455" s="91"/>
      <c r="HI1455" s="91"/>
      <c r="HJ1455" s="91"/>
      <c r="HK1455" s="127"/>
      <c r="HL1455" s="126"/>
      <c r="HM1455" s="91"/>
      <c r="HN1455" s="91"/>
      <c r="HO1455" s="91"/>
      <c r="HP1455" s="91"/>
      <c r="HQ1455" s="91"/>
      <c r="HR1455" s="91"/>
      <c r="HS1455" s="91"/>
      <c r="HT1455" s="91"/>
      <c r="HU1455" s="91"/>
      <c r="HV1455" s="91"/>
      <c r="HW1455" s="91"/>
      <c r="HX1455" s="91"/>
      <c r="HY1455" s="91"/>
      <c r="HZ1455" s="91"/>
      <c r="IA1455" s="91"/>
      <c r="IB1455" s="91"/>
      <c r="IC1455" s="91"/>
      <c r="ID1455" s="91"/>
      <c r="IE1455" s="91"/>
      <c r="IF1455" s="91"/>
      <c r="IG1455" s="91"/>
      <c r="IH1455" s="91"/>
      <c r="II1455" s="91"/>
      <c r="IJ1455" s="91"/>
      <c r="IK1455" s="127"/>
    </row>
    <row r="1456" spans="2:245" x14ac:dyDescent="0.2">
      <c r="B1456" s="43"/>
      <c r="C1456" s="73"/>
      <c r="D1456" s="64"/>
      <c r="E1456" s="64"/>
      <c r="F1456" s="55"/>
      <c r="G1456" s="102"/>
      <c r="H1456" s="55"/>
      <c r="I1456" s="55"/>
      <c r="J1456" s="55"/>
      <c r="K1456" s="55"/>
      <c r="L1456" s="55"/>
      <c r="M1456" s="55"/>
      <c r="N1456" s="55"/>
      <c r="O1456" s="55"/>
      <c r="P1456" s="55"/>
      <c r="Q1456" s="55"/>
      <c r="R1456" s="55"/>
      <c r="S1456" s="55"/>
      <c r="T1456" s="55"/>
      <c r="U1456" s="55"/>
      <c r="V1456" s="55"/>
      <c r="W1456" s="55"/>
      <c r="X1456" s="55"/>
      <c r="Y1456" s="55"/>
      <c r="Z1456" s="55"/>
      <c r="AA1456" s="55"/>
      <c r="AB1456" s="55"/>
      <c r="AC1456" s="55"/>
      <c r="AD1456" s="55"/>
      <c r="AE1456" s="55"/>
      <c r="AF1456" s="55"/>
      <c r="AG1456" s="55"/>
      <c r="AY1456" s="162"/>
      <c r="AZ1456" s="162"/>
      <c r="BA1456" s="162"/>
      <c r="BB1456" s="162"/>
      <c r="BC1456" s="162"/>
      <c r="BD1456" s="162"/>
      <c r="BE1456" s="162"/>
      <c r="BF1456" s="162"/>
      <c r="BG1456" s="162"/>
      <c r="BH1456" s="162"/>
      <c r="BI1456" s="162"/>
      <c r="BJ1456" s="162"/>
      <c r="BK1456" s="162"/>
      <c r="BL1456" s="162"/>
      <c r="BM1456" s="162"/>
      <c r="BN1456" s="162"/>
      <c r="BO1456" s="162"/>
      <c r="BP1456" s="162"/>
      <c r="BQ1456" s="162"/>
      <c r="BR1456" s="162"/>
      <c r="BS1456" s="162"/>
      <c r="BT1456" s="162"/>
      <c r="BU1456" s="162"/>
      <c r="BV1456" s="162"/>
      <c r="BW1456" s="162"/>
      <c r="BX1456" s="162"/>
      <c r="BY1456" s="162"/>
      <c r="BZ1456" s="162"/>
      <c r="CA1456" s="162"/>
      <c r="CB1456" s="162"/>
      <c r="CC1456" s="162"/>
      <c r="CD1456" s="162"/>
      <c r="CE1456" s="162"/>
      <c r="CF1456" s="162"/>
      <c r="CG1456" s="162"/>
      <c r="CH1456" s="162"/>
      <c r="CI1456" s="162"/>
      <c r="CJ1456" s="162"/>
      <c r="CK1456" s="162"/>
      <c r="CX1456" s="98"/>
      <c r="DL1456" s="97"/>
      <c r="DX1456" s="98"/>
      <c r="EL1456" s="97"/>
      <c r="EX1456" s="98"/>
      <c r="EY1456" s="97"/>
      <c r="FL1456" s="126"/>
      <c r="FM1456" s="91"/>
      <c r="FN1456" s="91"/>
      <c r="FO1456" s="91"/>
      <c r="FP1456" s="91"/>
      <c r="FQ1456" s="91"/>
      <c r="FR1456" s="91"/>
      <c r="FS1456" s="91"/>
      <c r="FT1456" s="91"/>
      <c r="FU1456" s="91"/>
      <c r="FV1456" s="91"/>
      <c r="FW1456" s="91"/>
      <c r="FX1456" s="91"/>
      <c r="FY1456" s="91"/>
      <c r="FZ1456" s="91"/>
      <c r="GA1456" s="91"/>
      <c r="GB1456" s="91"/>
      <c r="GC1456" s="91"/>
      <c r="GD1456" s="91"/>
      <c r="GE1456" s="91"/>
      <c r="GF1456" s="91"/>
      <c r="GG1456" s="91"/>
      <c r="GH1456" s="91"/>
      <c r="GI1456" s="91"/>
      <c r="GJ1456" s="91"/>
      <c r="GK1456" s="127"/>
      <c r="GL1456" s="126"/>
      <c r="GM1456" s="91"/>
      <c r="GN1456" s="91"/>
      <c r="GO1456" s="91"/>
      <c r="GP1456" s="91"/>
      <c r="GQ1456" s="91"/>
      <c r="GR1456" s="91"/>
      <c r="GS1456" s="91"/>
      <c r="GT1456" s="91"/>
      <c r="GU1456" s="91"/>
      <c r="GV1456" s="91"/>
      <c r="GW1456" s="91"/>
      <c r="GX1456" s="91"/>
      <c r="GY1456" s="91"/>
      <c r="GZ1456" s="91"/>
      <c r="HA1456" s="91"/>
      <c r="HB1456" s="91"/>
      <c r="HC1456" s="91"/>
      <c r="HD1456" s="91"/>
      <c r="HE1456" s="91"/>
      <c r="HF1456" s="91"/>
      <c r="HG1456" s="91"/>
      <c r="HH1456" s="91"/>
      <c r="HI1456" s="91"/>
      <c r="HJ1456" s="91"/>
      <c r="HK1456" s="127"/>
      <c r="HL1456" s="126"/>
      <c r="HM1456" s="91"/>
      <c r="HN1456" s="91"/>
      <c r="HO1456" s="91"/>
      <c r="HP1456" s="91"/>
      <c r="HQ1456" s="91"/>
      <c r="HR1456" s="91"/>
      <c r="HS1456" s="91"/>
      <c r="HT1456" s="91"/>
      <c r="HU1456" s="91"/>
      <c r="HV1456" s="91"/>
      <c r="HW1456" s="91"/>
      <c r="HX1456" s="91"/>
      <c r="HY1456" s="91"/>
      <c r="HZ1456" s="91"/>
      <c r="IA1456" s="91"/>
      <c r="IB1456" s="91"/>
      <c r="IC1456" s="91"/>
      <c r="ID1456" s="91"/>
      <c r="IE1456" s="91"/>
      <c r="IF1456" s="91"/>
      <c r="IG1456" s="91"/>
      <c r="IH1456" s="91"/>
      <c r="II1456" s="91"/>
      <c r="IJ1456" s="91"/>
      <c r="IK1456" s="127"/>
    </row>
    <row r="1457" spans="2:245" x14ac:dyDescent="0.2">
      <c r="B1457" s="43"/>
      <c r="C1457" s="73"/>
      <c r="D1457" s="64"/>
      <c r="E1457" s="64"/>
      <c r="F1457" s="55"/>
      <c r="G1457" s="102"/>
      <c r="H1457" s="55"/>
      <c r="I1457" s="55"/>
      <c r="J1457" s="55"/>
      <c r="K1457" s="55"/>
      <c r="L1457" s="55"/>
      <c r="M1457" s="55"/>
      <c r="N1457" s="55"/>
      <c r="O1457" s="55"/>
      <c r="P1457" s="55"/>
      <c r="Q1457" s="55"/>
      <c r="R1457" s="55"/>
      <c r="S1457" s="55"/>
      <c r="T1457" s="55"/>
      <c r="U1457" s="55"/>
      <c r="V1457" s="55"/>
      <c r="W1457" s="55"/>
      <c r="X1457" s="55"/>
      <c r="Y1457" s="55"/>
      <c r="Z1457" s="55"/>
      <c r="AA1457" s="55"/>
      <c r="AB1457" s="55"/>
      <c r="AC1457" s="55"/>
      <c r="AD1457" s="55"/>
      <c r="AE1457" s="55"/>
      <c r="AF1457" s="55"/>
      <c r="AG1457" s="55"/>
      <c r="AY1457" s="162"/>
      <c r="AZ1457" s="162"/>
      <c r="BA1457" s="162"/>
      <c r="BB1457" s="162"/>
      <c r="BC1457" s="162"/>
      <c r="BD1457" s="162"/>
      <c r="BE1457" s="162"/>
      <c r="BF1457" s="162"/>
      <c r="BG1457" s="162"/>
      <c r="BH1457" s="162"/>
      <c r="BI1457" s="162"/>
      <c r="BJ1457" s="162"/>
      <c r="BK1457" s="162"/>
      <c r="BL1457" s="162"/>
      <c r="BM1457" s="162"/>
      <c r="BN1457" s="162"/>
      <c r="BO1457" s="162"/>
      <c r="BP1457" s="162"/>
      <c r="BQ1457" s="162"/>
      <c r="BR1457" s="162"/>
      <c r="BS1457" s="162"/>
      <c r="BT1457" s="162"/>
      <c r="BU1457" s="162"/>
      <c r="BV1457" s="162"/>
      <c r="BW1457" s="162"/>
      <c r="BX1457" s="162"/>
      <c r="BY1457" s="162"/>
      <c r="BZ1457" s="162"/>
      <c r="CA1457" s="162"/>
      <c r="CB1457" s="162"/>
      <c r="CC1457" s="162"/>
      <c r="CD1457" s="162"/>
      <c r="CE1457" s="162"/>
      <c r="CF1457" s="162"/>
      <c r="CG1457" s="162"/>
      <c r="CH1457" s="162"/>
      <c r="CI1457" s="162"/>
      <c r="CJ1457" s="162"/>
      <c r="CK1457" s="162"/>
      <c r="CX1457" s="98"/>
      <c r="DL1457" s="97"/>
      <c r="DX1457" s="98"/>
      <c r="EL1457" s="97"/>
      <c r="EX1457" s="98"/>
      <c r="EY1457" s="97"/>
      <c r="FL1457" s="126"/>
      <c r="FM1457" s="91"/>
      <c r="FN1457" s="91"/>
      <c r="FO1457" s="91"/>
      <c r="FP1457" s="91"/>
      <c r="FQ1457" s="91"/>
      <c r="FR1457" s="91"/>
      <c r="FS1457" s="91"/>
      <c r="FT1457" s="91"/>
      <c r="FU1457" s="91"/>
      <c r="FV1457" s="91"/>
      <c r="FW1457" s="91"/>
      <c r="FX1457" s="91"/>
      <c r="FY1457" s="91"/>
      <c r="FZ1457" s="91"/>
      <c r="GA1457" s="91"/>
      <c r="GB1457" s="91"/>
      <c r="GC1457" s="91"/>
      <c r="GD1457" s="91"/>
      <c r="GE1457" s="91"/>
      <c r="GF1457" s="91"/>
      <c r="GG1457" s="91"/>
      <c r="GH1457" s="91"/>
      <c r="GI1457" s="91"/>
      <c r="GJ1457" s="91"/>
      <c r="GK1457" s="127"/>
      <c r="GL1457" s="126"/>
      <c r="GM1457" s="91"/>
      <c r="GN1457" s="91"/>
      <c r="GO1457" s="91"/>
      <c r="GP1457" s="91"/>
      <c r="GQ1457" s="91"/>
      <c r="GR1457" s="91"/>
      <c r="GS1457" s="91"/>
      <c r="GT1457" s="91"/>
      <c r="GU1457" s="91"/>
      <c r="GV1457" s="91"/>
      <c r="GW1457" s="91"/>
      <c r="GX1457" s="91"/>
      <c r="GY1457" s="91"/>
      <c r="GZ1457" s="91"/>
      <c r="HA1457" s="91"/>
      <c r="HB1457" s="91"/>
      <c r="HC1457" s="91"/>
      <c r="HD1457" s="91"/>
      <c r="HE1457" s="91"/>
      <c r="HF1457" s="91"/>
      <c r="HG1457" s="91"/>
      <c r="HH1457" s="91"/>
      <c r="HI1457" s="91"/>
      <c r="HJ1457" s="91"/>
      <c r="HK1457" s="127"/>
      <c r="HL1457" s="126"/>
      <c r="HM1457" s="91"/>
      <c r="HN1457" s="91"/>
      <c r="HO1457" s="91"/>
      <c r="HP1457" s="91"/>
      <c r="HQ1457" s="91"/>
      <c r="HR1457" s="91"/>
      <c r="HS1457" s="91"/>
      <c r="HT1457" s="91"/>
      <c r="HU1457" s="91"/>
      <c r="HV1457" s="91"/>
      <c r="HW1457" s="91"/>
      <c r="HX1457" s="91"/>
      <c r="HY1457" s="91"/>
      <c r="HZ1457" s="91"/>
      <c r="IA1457" s="91"/>
      <c r="IB1457" s="91"/>
      <c r="IC1457" s="91"/>
      <c r="ID1457" s="91"/>
      <c r="IE1457" s="91"/>
      <c r="IF1457" s="91"/>
      <c r="IG1457" s="91"/>
      <c r="IH1457" s="91"/>
      <c r="II1457" s="91"/>
      <c r="IJ1457" s="91"/>
      <c r="IK1457" s="127"/>
    </row>
    <row r="1458" spans="2:245" x14ac:dyDescent="0.2">
      <c r="B1458" s="43"/>
      <c r="C1458" s="73"/>
      <c r="D1458" s="64"/>
      <c r="E1458" s="64"/>
      <c r="F1458" s="55"/>
      <c r="G1458" s="102"/>
      <c r="H1458" s="55"/>
      <c r="I1458" s="55"/>
      <c r="J1458" s="55"/>
      <c r="K1458" s="55"/>
      <c r="L1458" s="55"/>
      <c r="M1458" s="55"/>
      <c r="N1458" s="55"/>
      <c r="O1458" s="55"/>
      <c r="P1458" s="55"/>
      <c r="Q1458" s="55"/>
      <c r="R1458" s="55"/>
      <c r="S1458" s="55"/>
      <c r="T1458" s="55"/>
      <c r="U1458" s="55"/>
      <c r="V1458" s="55"/>
      <c r="W1458" s="55"/>
      <c r="X1458" s="55"/>
      <c r="Y1458" s="55"/>
      <c r="Z1458" s="55"/>
      <c r="AA1458" s="55"/>
      <c r="AB1458" s="55"/>
      <c r="AC1458" s="55"/>
      <c r="AD1458" s="55"/>
      <c r="AE1458" s="55"/>
      <c r="AF1458" s="55"/>
      <c r="AG1458" s="55"/>
      <c r="AY1458" s="162"/>
      <c r="AZ1458" s="162"/>
      <c r="BA1458" s="162"/>
      <c r="BB1458" s="162"/>
      <c r="BC1458" s="162"/>
      <c r="BD1458" s="162"/>
      <c r="BE1458" s="162"/>
      <c r="BF1458" s="162"/>
      <c r="BG1458" s="162"/>
      <c r="BH1458" s="162"/>
      <c r="BI1458" s="162"/>
      <c r="BJ1458" s="162"/>
      <c r="BK1458" s="162"/>
      <c r="BL1458" s="162"/>
      <c r="BM1458" s="162"/>
      <c r="BN1458" s="162"/>
      <c r="BO1458" s="162"/>
      <c r="BP1458" s="162"/>
      <c r="BQ1458" s="162"/>
      <c r="BR1458" s="162"/>
      <c r="BS1458" s="162"/>
      <c r="BT1458" s="162"/>
      <c r="BU1458" s="162"/>
      <c r="BV1458" s="162"/>
      <c r="BW1458" s="162"/>
      <c r="BX1458" s="162"/>
      <c r="BY1458" s="162"/>
      <c r="BZ1458" s="162"/>
      <c r="CA1458" s="162"/>
      <c r="CB1458" s="162"/>
      <c r="CC1458" s="162"/>
      <c r="CD1458" s="162"/>
      <c r="CE1458" s="162"/>
      <c r="CF1458" s="162"/>
      <c r="CG1458" s="162"/>
      <c r="CH1458" s="162"/>
      <c r="CI1458" s="162"/>
      <c r="CJ1458" s="162"/>
      <c r="CK1458" s="162"/>
      <c r="CX1458" s="98"/>
      <c r="DL1458" s="97"/>
      <c r="DX1458" s="98"/>
      <c r="EL1458" s="97"/>
      <c r="EX1458" s="98"/>
      <c r="EY1458" s="97"/>
      <c r="FL1458" s="126"/>
      <c r="FM1458" s="91"/>
      <c r="FN1458" s="91"/>
      <c r="FO1458" s="91"/>
      <c r="FP1458" s="91"/>
      <c r="FQ1458" s="91"/>
      <c r="FR1458" s="91"/>
      <c r="FS1458" s="91"/>
      <c r="FT1458" s="91"/>
      <c r="FU1458" s="91"/>
      <c r="FV1458" s="91"/>
      <c r="FW1458" s="91"/>
      <c r="FX1458" s="91"/>
      <c r="FY1458" s="91"/>
      <c r="FZ1458" s="91"/>
      <c r="GA1458" s="91"/>
      <c r="GB1458" s="91"/>
      <c r="GC1458" s="91"/>
      <c r="GD1458" s="91"/>
      <c r="GE1458" s="91"/>
      <c r="GF1458" s="91"/>
      <c r="GG1458" s="91"/>
      <c r="GH1458" s="91"/>
      <c r="GI1458" s="91"/>
      <c r="GJ1458" s="91"/>
      <c r="GK1458" s="127"/>
      <c r="GL1458" s="126"/>
      <c r="GM1458" s="91"/>
      <c r="GN1458" s="91"/>
      <c r="GO1458" s="91"/>
      <c r="GP1458" s="91"/>
      <c r="GQ1458" s="91"/>
      <c r="GR1458" s="91"/>
      <c r="GS1458" s="91"/>
      <c r="GT1458" s="91"/>
      <c r="GU1458" s="91"/>
      <c r="GV1458" s="91"/>
      <c r="GW1458" s="91"/>
      <c r="GX1458" s="91"/>
      <c r="GY1458" s="91"/>
      <c r="GZ1458" s="91"/>
      <c r="HA1458" s="91"/>
      <c r="HB1458" s="91"/>
      <c r="HC1458" s="91"/>
      <c r="HD1458" s="91"/>
      <c r="HE1458" s="91"/>
      <c r="HF1458" s="91"/>
      <c r="HG1458" s="91"/>
      <c r="HH1458" s="91"/>
      <c r="HI1458" s="91"/>
      <c r="HJ1458" s="91"/>
      <c r="HK1458" s="127"/>
      <c r="HL1458" s="126"/>
      <c r="HM1458" s="91"/>
      <c r="HN1458" s="91"/>
      <c r="HO1458" s="91"/>
      <c r="HP1458" s="91"/>
      <c r="HQ1458" s="91"/>
      <c r="HR1458" s="91"/>
      <c r="HS1458" s="91"/>
      <c r="HT1458" s="91"/>
      <c r="HU1458" s="91"/>
      <c r="HV1458" s="91"/>
      <c r="HW1458" s="91"/>
      <c r="HX1458" s="91"/>
      <c r="HY1458" s="91"/>
      <c r="HZ1458" s="91"/>
      <c r="IA1458" s="91"/>
      <c r="IB1458" s="91"/>
      <c r="IC1458" s="91"/>
      <c r="ID1458" s="91"/>
      <c r="IE1458" s="91"/>
      <c r="IF1458" s="91"/>
      <c r="IG1458" s="91"/>
      <c r="IH1458" s="91"/>
      <c r="II1458" s="91"/>
      <c r="IJ1458" s="91"/>
      <c r="IK1458" s="127"/>
    </row>
    <row r="1459" spans="2:245" ht="13.5" thickBot="1" x14ac:dyDescent="0.25">
      <c r="B1459" s="43"/>
      <c r="C1459" s="73"/>
      <c r="D1459" s="64"/>
      <c r="E1459" s="64"/>
      <c r="F1459" s="55"/>
      <c r="G1459" s="102"/>
      <c r="H1459" s="55"/>
      <c r="I1459" s="55"/>
      <c r="J1459" s="55"/>
      <c r="K1459" s="55"/>
      <c r="L1459" s="55"/>
      <c r="M1459" s="55"/>
      <c r="N1459" s="55"/>
      <c r="O1459" s="55"/>
      <c r="P1459" s="55"/>
      <c r="Q1459" s="55"/>
      <c r="R1459" s="55"/>
      <c r="S1459" s="55"/>
      <c r="T1459" s="55"/>
      <c r="U1459" s="55"/>
      <c r="V1459" s="55"/>
      <c r="W1459" s="55"/>
      <c r="X1459" s="55"/>
      <c r="Y1459" s="55"/>
      <c r="Z1459" s="55"/>
      <c r="AA1459" s="55"/>
      <c r="AB1459" s="55"/>
      <c r="AC1459" s="55"/>
      <c r="AD1459" s="55"/>
      <c r="AE1459" s="55"/>
      <c r="AF1459" s="55"/>
      <c r="AG1459" s="55"/>
      <c r="AY1459" s="162"/>
      <c r="AZ1459" s="162"/>
      <c r="BA1459" s="162"/>
      <c r="BB1459" s="162"/>
      <c r="BC1459" s="162"/>
      <c r="BD1459" s="162"/>
      <c r="BE1459" s="162"/>
      <c r="BF1459" s="162"/>
      <c r="BG1459" s="162"/>
      <c r="BH1459" s="162"/>
      <c r="BI1459" s="162"/>
      <c r="BJ1459" s="162"/>
      <c r="BK1459" s="162"/>
      <c r="BL1459" s="162"/>
      <c r="BM1459" s="162"/>
      <c r="BN1459" s="162"/>
      <c r="BO1459" s="162"/>
      <c r="BP1459" s="162"/>
      <c r="BQ1459" s="162"/>
      <c r="BR1459" s="162"/>
      <c r="BS1459" s="162"/>
      <c r="BT1459" s="162"/>
      <c r="BU1459" s="162"/>
      <c r="BV1459" s="162"/>
      <c r="BW1459" s="162"/>
      <c r="BX1459" s="162"/>
      <c r="BY1459" s="162"/>
      <c r="BZ1459" s="162"/>
      <c r="CA1459" s="162"/>
      <c r="CB1459" s="162"/>
      <c r="CC1459" s="162"/>
      <c r="CD1459" s="162"/>
      <c r="CE1459" s="162"/>
      <c r="CF1459" s="162"/>
      <c r="CG1459" s="162"/>
      <c r="CH1459" s="162"/>
      <c r="CI1459" s="162"/>
      <c r="CJ1459" s="162"/>
      <c r="CK1459" s="162"/>
      <c r="CL1459" s="166"/>
      <c r="CM1459" s="166"/>
      <c r="CN1459" s="166"/>
      <c r="CO1459" s="166"/>
      <c r="CP1459" s="166"/>
      <c r="CQ1459" s="166"/>
      <c r="CR1459" s="166"/>
      <c r="CS1459" s="166"/>
      <c r="CT1459" s="166"/>
      <c r="CU1459" s="166"/>
      <c r="CV1459" s="166"/>
      <c r="CW1459" s="166"/>
      <c r="CX1459" s="176"/>
      <c r="CY1459" s="166"/>
      <c r="CZ1459" s="166"/>
      <c r="DA1459" s="166"/>
      <c r="DB1459" s="166"/>
      <c r="DC1459" s="166"/>
      <c r="DD1459" s="166"/>
      <c r="DE1459" s="166"/>
      <c r="DF1459" s="166"/>
      <c r="DG1459" s="166"/>
      <c r="DH1459" s="166"/>
      <c r="DI1459" s="166"/>
      <c r="DJ1459" s="166"/>
      <c r="DK1459" s="166"/>
      <c r="DL1459" s="175"/>
      <c r="DM1459" s="166"/>
      <c r="DN1459" s="166"/>
      <c r="DO1459" s="166"/>
      <c r="DP1459" s="166"/>
      <c r="DQ1459" s="166"/>
      <c r="DR1459" s="166"/>
      <c r="DS1459" s="166"/>
      <c r="DT1459" s="166"/>
      <c r="DU1459" s="166"/>
      <c r="DV1459" s="166"/>
      <c r="DW1459" s="166"/>
      <c r="DX1459" s="176"/>
      <c r="DY1459" s="166"/>
      <c r="DZ1459" s="166"/>
      <c r="EA1459" s="166"/>
      <c r="EB1459" s="166"/>
      <c r="EC1459" s="166"/>
      <c r="ED1459" s="166"/>
      <c r="EE1459" s="166"/>
      <c r="EF1459" s="166"/>
      <c r="EG1459" s="166"/>
      <c r="EH1459" s="166"/>
      <c r="EI1459" s="166"/>
      <c r="EJ1459" s="166"/>
      <c r="EK1459" s="166"/>
      <c r="EL1459" s="175"/>
      <c r="EM1459" s="166"/>
      <c r="EN1459" s="166"/>
      <c r="EO1459" s="166"/>
      <c r="EP1459" s="166"/>
      <c r="EQ1459" s="166"/>
      <c r="ER1459" s="166"/>
      <c r="ES1459" s="166"/>
      <c r="ET1459" s="166"/>
      <c r="EU1459" s="166"/>
      <c r="EV1459" s="166"/>
      <c r="EW1459" s="166"/>
      <c r="EX1459" s="176"/>
      <c r="EY1459" s="175"/>
      <c r="EZ1459" s="166"/>
      <c r="FA1459" s="166"/>
      <c r="FB1459" s="166"/>
      <c r="FC1459" s="166"/>
      <c r="FD1459" s="166"/>
      <c r="FE1459" s="166"/>
      <c r="FF1459" s="166"/>
      <c r="FG1459" s="166"/>
      <c r="FH1459" s="166"/>
      <c r="FI1459" s="166"/>
      <c r="FJ1459" s="166"/>
      <c r="FK1459" s="166"/>
      <c r="FL1459" s="126"/>
      <c r="FM1459" s="91"/>
      <c r="FN1459" s="91"/>
      <c r="FO1459" s="91"/>
      <c r="FP1459" s="91"/>
      <c r="FQ1459" s="91"/>
      <c r="FR1459" s="91"/>
      <c r="FS1459" s="91"/>
      <c r="FT1459" s="91"/>
      <c r="FU1459" s="91"/>
      <c r="FV1459" s="91"/>
      <c r="FW1459" s="91"/>
      <c r="FX1459" s="91"/>
      <c r="FY1459" s="91"/>
      <c r="FZ1459" s="91"/>
      <c r="GA1459" s="91"/>
      <c r="GB1459" s="91"/>
      <c r="GC1459" s="91"/>
      <c r="GD1459" s="91"/>
      <c r="GE1459" s="91"/>
      <c r="GF1459" s="91"/>
      <c r="GG1459" s="91"/>
      <c r="GH1459" s="91"/>
      <c r="GI1459" s="91"/>
      <c r="GJ1459" s="91"/>
      <c r="GK1459" s="127"/>
      <c r="GL1459" s="126"/>
      <c r="GM1459" s="91"/>
      <c r="GN1459" s="91"/>
      <c r="GO1459" s="91"/>
      <c r="GP1459" s="91"/>
      <c r="GQ1459" s="91"/>
      <c r="GR1459" s="91"/>
      <c r="GS1459" s="91"/>
      <c r="GT1459" s="91"/>
      <c r="GU1459" s="91"/>
      <c r="GV1459" s="91"/>
      <c r="GW1459" s="91"/>
      <c r="GX1459" s="91"/>
      <c r="GY1459" s="91"/>
      <c r="GZ1459" s="91"/>
      <c r="HA1459" s="91"/>
      <c r="HB1459" s="91"/>
      <c r="HC1459" s="91"/>
      <c r="HD1459" s="91"/>
      <c r="HE1459" s="91"/>
      <c r="HF1459" s="91"/>
      <c r="HG1459" s="91"/>
      <c r="HH1459" s="91"/>
      <c r="HI1459" s="91"/>
      <c r="HJ1459" s="91"/>
      <c r="HK1459" s="127"/>
      <c r="HL1459" s="126"/>
      <c r="HM1459" s="91"/>
      <c r="HN1459" s="91"/>
      <c r="HO1459" s="91"/>
      <c r="HP1459" s="91"/>
      <c r="HQ1459" s="91"/>
      <c r="HR1459" s="91"/>
      <c r="HS1459" s="91"/>
      <c r="HT1459" s="91"/>
      <c r="HU1459" s="91"/>
      <c r="HV1459" s="91"/>
      <c r="HW1459" s="91"/>
      <c r="HX1459" s="91"/>
      <c r="HY1459" s="91"/>
      <c r="HZ1459" s="91"/>
      <c r="IA1459" s="91"/>
      <c r="IB1459" s="91"/>
      <c r="IC1459" s="91"/>
      <c r="ID1459" s="91"/>
      <c r="IE1459" s="91"/>
      <c r="IF1459" s="91"/>
      <c r="IG1459" s="91"/>
      <c r="IH1459" s="91"/>
      <c r="II1459" s="91"/>
      <c r="IJ1459" s="91"/>
      <c r="IK1459" s="127"/>
    </row>
    <row r="1460" spans="2:245" x14ac:dyDescent="0.2">
      <c r="B1460" s="43"/>
      <c r="C1460" s="73"/>
      <c r="D1460" s="64"/>
      <c r="E1460" s="64"/>
      <c r="F1460" s="55"/>
      <c r="G1460" s="102"/>
      <c r="H1460" s="55"/>
      <c r="I1460" s="55"/>
      <c r="J1460" s="55"/>
      <c r="K1460" s="55"/>
      <c r="L1460" s="55"/>
      <c r="M1460" s="55"/>
      <c r="N1460" s="55"/>
      <c r="O1460" s="55"/>
      <c r="P1460" s="55"/>
      <c r="Q1460" s="55"/>
      <c r="R1460" s="55"/>
      <c r="S1460" s="55"/>
      <c r="T1460" s="55"/>
      <c r="U1460" s="55"/>
      <c r="V1460" s="55"/>
      <c r="W1460" s="55"/>
      <c r="X1460" s="55"/>
      <c r="Y1460" s="55"/>
      <c r="Z1460" s="55"/>
      <c r="AA1460" s="55"/>
      <c r="AB1460" s="55"/>
      <c r="AC1460" s="55"/>
      <c r="AD1460" s="55"/>
      <c r="AE1460" s="55"/>
      <c r="AF1460" s="55"/>
      <c r="AG1460" s="55"/>
      <c r="AY1460" s="162"/>
      <c r="AZ1460" s="162"/>
      <c r="BA1460" s="162"/>
      <c r="BB1460" s="162"/>
      <c r="BC1460" s="162"/>
      <c r="BD1460" s="162"/>
      <c r="BE1460" s="162"/>
      <c r="BF1460" s="162"/>
      <c r="BG1460" s="162"/>
      <c r="BH1460" s="162"/>
      <c r="BI1460" s="162"/>
      <c r="BJ1460" s="162"/>
      <c r="BK1460" s="162"/>
      <c r="BL1460" s="162"/>
      <c r="BM1460" s="162"/>
      <c r="BN1460" s="162"/>
      <c r="BO1460" s="162"/>
      <c r="BP1460" s="162"/>
      <c r="BQ1460" s="162"/>
      <c r="BR1460" s="162"/>
      <c r="BS1460" s="162"/>
      <c r="BT1460" s="162"/>
      <c r="BU1460" s="162"/>
      <c r="BV1460" s="162"/>
      <c r="BW1460" s="162"/>
      <c r="BX1460" s="162"/>
      <c r="BY1460" s="162"/>
      <c r="BZ1460" s="162"/>
      <c r="CA1460" s="162"/>
      <c r="CB1460" s="162"/>
      <c r="CC1460" s="162"/>
      <c r="CD1460" s="162"/>
      <c r="CE1460" s="162"/>
      <c r="CF1460" s="162"/>
      <c r="CG1460" s="162"/>
      <c r="CH1460" s="162"/>
      <c r="CI1460" s="162"/>
      <c r="CJ1460" s="162"/>
      <c r="CK1460" s="162"/>
      <c r="CX1460" s="98"/>
      <c r="DL1460" s="97"/>
      <c r="DX1460" s="98"/>
      <c r="EL1460" s="97"/>
      <c r="EX1460" s="98"/>
      <c r="EY1460" s="97"/>
      <c r="FL1460" s="126"/>
      <c r="FM1460" s="91"/>
      <c r="FN1460" s="91"/>
      <c r="FO1460" s="91"/>
      <c r="FP1460" s="91"/>
      <c r="FQ1460" s="91"/>
      <c r="FR1460" s="91"/>
      <c r="FS1460" s="91"/>
      <c r="FT1460" s="91"/>
      <c r="FU1460" s="91"/>
      <c r="FV1460" s="91"/>
      <c r="FW1460" s="91"/>
      <c r="FX1460" s="91"/>
      <c r="FY1460" s="91"/>
      <c r="FZ1460" s="91"/>
      <c r="GA1460" s="91"/>
      <c r="GB1460" s="91"/>
      <c r="GC1460" s="91"/>
      <c r="GD1460" s="91"/>
      <c r="GE1460" s="91"/>
      <c r="GF1460" s="91"/>
      <c r="GG1460" s="91"/>
      <c r="GH1460" s="91"/>
      <c r="GI1460" s="91"/>
      <c r="GJ1460" s="91"/>
      <c r="GK1460" s="127"/>
      <c r="GL1460" s="126"/>
      <c r="GM1460" s="91"/>
      <c r="GN1460" s="91"/>
      <c r="GO1460" s="91"/>
      <c r="GP1460" s="91"/>
      <c r="GQ1460" s="91"/>
      <c r="GR1460" s="91"/>
      <c r="GS1460" s="91"/>
      <c r="GT1460" s="91"/>
      <c r="GU1460" s="91"/>
      <c r="GV1460" s="91"/>
      <c r="GW1460" s="91"/>
      <c r="GX1460" s="91"/>
      <c r="GY1460" s="91"/>
      <c r="GZ1460" s="91"/>
      <c r="HA1460" s="91"/>
      <c r="HB1460" s="91"/>
      <c r="HC1460" s="91"/>
      <c r="HD1460" s="91"/>
      <c r="HE1460" s="91"/>
      <c r="HF1460" s="91"/>
      <c r="HG1460" s="91"/>
      <c r="HH1460" s="91"/>
      <c r="HI1460" s="91"/>
      <c r="HJ1460" s="91"/>
      <c r="HK1460" s="127"/>
      <c r="HL1460" s="126"/>
      <c r="HM1460" s="91"/>
      <c r="HN1460" s="91"/>
      <c r="HO1460" s="91"/>
      <c r="HP1460" s="91"/>
      <c r="HQ1460" s="91"/>
      <c r="HR1460" s="91"/>
      <c r="HS1460" s="91"/>
      <c r="HT1460" s="91"/>
      <c r="HU1460" s="91"/>
      <c r="HV1460" s="91"/>
      <c r="HW1460" s="91"/>
      <c r="HX1460" s="91"/>
      <c r="HY1460" s="91"/>
      <c r="HZ1460" s="91"/>
      <c r="IA1460" s="91"/>
      <c r="IB1460" s="91"/>
      <c r="IC1460" s="91"/>
      <c r="ID1460" s="91"/>
      <c r="IE1460" s="91"/>
      <c r="IF1460" s="91"/>
      <c r="IG1460" s="91"/>
      <c r="IH1460" s="91"/>
      <c r="II1460" s="91"/>
      <c r="IJ1460" s="91"/>
      <c r="IK1460" s="127"/>
    </row>
    <row r="1461" spans="2:245" x14ac:dyDescent="0.2">
      <c r="B1461" s="43"/>
      <c r="C1461" s="73"/>
      <c r="D1461" s="64"/>
      <c r="E1461" s="64"/>
      <c r="F1461" s="55"/>
      <c r="G1461" s="102"/>
      <c r="H1461" s="55"/>
      <c r="I1461" s="55"/>
      <c r="J1461" s="55"/>
      <c r="K1461" s="55"/>
      <c r="L1461" s="55"/>
      <c r="M1461" s="55"/>
      <c r="N1461" s="55"/>
      <c r="O1461" s="55"/>
      <c r="P1461" s="55"/>
      <c r="Q1461" s="55"/>
      <c r="R1461" s="55"/>
      <c r="S1461" s="55"/>
      <c r="T1461" s="55"/>
      <c r="U1461" s="55"/>
      <c r="V1461" s="55"/>
      <c r="W1461" s="55"/>
      <c r="X1461" s="55"/>
      <c r="Y1461" s="55"/>
      <c r="Z1461" s="55"/>
      <c r="AA1461" s="55"/>
      <c r="AB1461" s="55"/>
      <c r="AC1461" s="55"/>
      <c r="AD1461" s="55"/>
      <c r="AE1461" s="55"/>
      <c r="AF1461" s="55"/>
      <c r="AG1461" s="55"/>
      <c r="AY1461" s="162"/>
      <c r="AZ1461" s="162"/>
      <c r="BA1461" s="162"/>
      <c r="BB1461" s="162"/>
      <c r="BC1461" s="162"/>
      <c r="BD1461" s="162"/>
      <c r="BE1461" s="162"/>
      <c r="BF1461" s="162"/>
      <c r="BG1461" s="162"/>
      <c r="BH1461" s="162"/>
      <c r="BI1461" s="162"/>
      <c r="BJ1461" s="162"/>
      <c r="BK1461" s="162"/>
      <c r="BL1461" s="162"/>
      <c r="BM1461" s="162"/>
      <c r="BN1461" s="162"/>
      <c r="BO1461" s="162"/>
      <c r="BP1461" s="162"/>
      <c r="BQ1461" s="162"/>
      <c r="BR1461" s="162"/>
      <c r="BS1461" s="162"/>
      <c r="BT1461" s="162"/>
      <c r="BU1461" s="162"/>
      <c r="BV1461" s="162"/>
      <c r="BW1461" s="162"/>
      <c r="BX1461" s="162"/>
      <c r="BY1461" s="162"/>
      <c r="BZ1461" s="162"/>
      <c r="CA1461" s="162"/>
      <c r="CB1461" s="162"/>
      <c r="CC1461" s="162"/>
      <c r="CD1461" s="162"/>
      <c r="CE1461" s="162"/>
      <c r="CF1461" s="162"/>
      <c r="CG1461" s="162"/>
      <c r="CH1461" s="162"/>
      <c r="CI1461" s="162"/>
      <c r="CJ1461" s="162"/>
      <c r="CK1461" s="162"/>
      <c r="CX1461" s="98"/>
      <c r="DL1461" s="97"/>
      <c r="DX1461" s="98"/>
      <c r="EL1461" s="97"/>
      <c r="EX1461" s="98"/>
      <c r="EY1461" s="97"/>
      <c r="FL1461" s="126"/>
      <c r="FM1461" s="91"/>
      <c r="FN1461" s="91"/>
      <c r="FO1461" s="91"/>
      <c r="FP1461" s="91"/>
      <c r="FQ1461" s="91"/>
      <c r="FR1461" s="91"/>
      <c r="FS1461" s="91"/>
      <c r="FT1461" s="91"/>
      <c r="FU1461" s="91"/>
      <c r="FV1461" s="91"/>
      <c r="FW1461" s="91"/>
      <c r="FX1461" s="91"/>
      <c r="FY1461" s="91"/>
      <c r="FZ1461" s="91"/>
      <c r="GA1461" s="91"/>
      <c r="GB1461" s="91"/>
      <c r="GC1461" s="91"/>
      <c r="GD1461" s="91"/>
      <c r="GE1461" s="91"/>
      <c r="GF1461" s="91"/>
      <c r="GG1461" s="91"/>
      <c r="GH1461" s="91"/>
      <c r="GI1461" s="91"/>
      <c r="GJ1461" s="91"/>
      <c r="GK1461" s="127"/>
      <c r="GL1461" s="126"/>
      <c r="GM1461" s="91"/>
      <c r="GN1461" s="91"/>
      <c r="GO1461" s="91"/>
      <c r="GP1461" s="91"/>
      <c r="GQ1461" s="91"/>
      <c r="GR1461" s="91"/>
      <c r="GS1461" s="91"/>
      <c r="GT1461" s="91"/>
      <c r="GU1461" s="91"/>
      <c r="GV1461" s="91"/>
      <c r="GW1461" s="91"/>
      <c r="GX1461" s="91"/>
      <c r="GY1461" s="91"/>
      <c r="GZ1461" s="91"/>
      <c r="HA1461" s="91"/>
      <c r="HB1461" s="91"/>
      <c r="HC1461" s="91"/>
      <c r="HD1461" s="91"/>
      <c r="HE1461" s="91"/>
      <c r="HF1461" s="91"/>
      <c r="HG1461" s="91"/>
      <c r="HH1461" s="91"/>
      <c r="HI1461" s="91"/>
      <c r="HJ1461" s="91"/>
      <c r="HK1461" s="127"/>
      <c r="HL1461" s="126"/>
      <c r="HM1461" s="91"/>
      <c r="HN1461" s="91"/>
      <c r="HO1461" s="91"/>
      <c r="HP1461" s="91"/>
      <c r="HQ1461" s="91"/>
      <c r="HR1461" s="91"/>
      <c r="HS1461" s="91"/>
      <c r="HT1461" s="91"/>
      <c r="HU1461" s="91"/>
      <c r="HV1461" s="91"/>
      <c r="HW1461" s="91"/>
      <c r="HX1461" s="91"/>
      <c r="HY1461" s="91"/>
      <c r="HZ1461" s="91"/>
      <c r="IA1461" s="91"/>
      <c r="IB1461" s="91"/>
      <c r="IC1461" s="91"/>
      <c r="ID1461" s="91"/>
      <c r="IE1461" s="91"/>
      <c r="IF1461" s="91"/>
      <c r="IG1461" s="91"/>
      <c r="IH1461" s="91"/>
      <c r="II1461" s="91"/>
      <c r="IJ1461" s="91"/>
      <c r="IK1461" s="127"/>
    </row>
    <row r="1462" spans="2:245" x14ac:dyDescent="0.2">
      <c r="B1462" s="43"/>
      <c r="C1462" s="73"/>
      <c r="D1462" s="64"/>
      <c r="E1462" s="64"/>
      <c r="F1462" s="55"/>
      <c r="G1462" s="102"/>
      <c r="H1462" s="55"/>
      <c r="I1462" s="55"/>
      <c r="J1462" s="55"/>
      <c r="K1462" s="55"/>
      <c r="L1462" s="55"/>
      <c r="M1462" s="55"/>
      <c r="N1462" s="55"/>
      <c r="O1462" s="55"/>
      <c r="P1462" s="55"/>
      <c r="Q1462" s="55"/>
      <c r="R1462" s="55"/>
      <c r="S1462" s="55"/>
      <c r="T1462" s="55"/>
      <c r="U1462" s="55"/>
      <c r="V1462" s="55"/>
      <c r="W1462" s="55"/>
      <c r="X1462" s="55"/>
      <c r="Y1462" s="55"/>
      <c r="Z1462" s="55"/>
      <c r="AA1462" s="55"/>
      <c r="AB1462" s="55"/>
      <c r="AC1462" s="55"/>
      <c r="AD1462" s="55"/>
      <c r="AE1462" s="55"/>
      <c r="AF1462" s="55"/>
      <c r="AG1462" s="55"/>
      <c r="AY1462" s="162"/>
      <c r="AZ1462" s="162"/>
      <c r="BA1462" s="162"/>
      <c r="BB1462" s="162"/>
      <c r="BC1462" s="162"/>
      <c r="BD1462" s="162"/>
      <c r="BE1462" s="162"/>
      <c r="BF1462" s="162"/>
      <c r="BG1462" s="162"/>
      <c r="BH1462" s="162"/>
      <c r="BI1462" s="162"/>
      <c r="BJ1462" s="162"/>
      <c r="BK1462" s="162"/>
      <c r="BL1462" s="162"/>
      <c r="BM1462" s="162"/>
      <c r="BN1462" s="162"/>
      <c r="BO1462" s="162"/>
      <c r="BP1462" s="162"/>
      <c r="BQ1462" s="162"/>
      <c r="BR1462" s="162"/>
      <c r="BS1462" s="162"/>
      <c r="BT1462" s="162"/>
      <c r="BU1462" s="162"/>
      <c r="BV1462" s="162"/>
      <c r="BW1462" s="162"/>
      <c r="BX1462" s="162"/>
      <c r="BY1462" s="162"/>
      <c r="BZ1462" s="162"/>
      <c r="CA1462" s="162"/>
      <c r="CB1462" s="162"/>
      <c r="CC1462" s="162"/>
      <c r="CD1462" s="162"/>
      <c r="CE1462" s="162"/>
      <c r="CF1462" s="162"/>
      <c r="CG1462" s="162"/>
      <c r="CH1462" s="162"/>
      <c r="CI1462" s="162"/>
      <c r="CJ1462" s="162"/>
      <c r="CK1462" s="162"/>
      <c r="CX1462" s="98"/>
      <c r="DL1462" s="97"/>
      <c r="DX1462" s="98"/>
      <c r="EL1462" s="97"/>
      <c r="EX1462" s="98"/>
      <c r="EY1462" s="97"/>
      <c r="FL1462" s="126"/>
      <c r="FM1462" s="91"/>
      <c r="FN1462" s="91"/>
      <c r="FO1462" s="91"/>
      <c r="FP1462" s="91"/>
      <c r="FQ1462" s="91"/>
      <c r="FR1462" s="91"/>
      <c r="FS1462" s="91"/>
      <c r="FT1462" s="91"/>
      <c r="FU1462" s="91"/>
      <c r="FV1462" s="91"/>
      <c r="FW1462" s="91"/>
      <c r="FX1462" s="91"/>
      <c r="FY1462" s="91"/>
      <c r="FZ1462" s="91"/>
      <c r="GA1462" s="91"/>
      <c r="GB1462" s="91"/>
      <c r="GC1462" s="91"/>
      <c r="GD1462" s="91"/>
      <c r="GE1462" s="91"/>
      <c r="GF1462" s="91"/>
      <c r="GG1462" s="91"/>
      <c r="GH1462" s="91"/>
      <c r="GI1462" s="91"/>
      <c r="GJ1462" s="91"/>
      <c r="GK1462" s="127"/>
      <c r="GL1462" s="126"/>
      <c r="GM1462" s="91"/>
      <c r="GN1462" s="91"/>
      <c r="GO1462" s="91"/>
      <c r="GP1462" s="91"/>
      <c r="GQ1462" s="91"/>
      <c r="GR1462" s="91"/>
      <c r="GS1462" s="91"/>
      <c r="GT1462" s="91"/>
      <c r="GU1462" s="91"/>
      <c r="GV1462" s="91"/>
      <c r="GW1462" s="91"/>
      <c r="GX1462" s="91"/>
      <c r="GY1462" s="91"/>
      <c r="GZ1462" s="91"/>
      <c r="HA1462" s="91"/>
      <c r="HB1462" s="91"/>
      <c r="HC1462" s="91"/>
      <c r="HD1462" s="91"/>
      <c r="HE1462" s="91"/>
      <c r="HF1462" s="91"/>
      <c r="HG1462" s="91"/>
      <c r="HH1462" s="91"/>
      <c r="HI1462" s="91"/>
      <c r="HJ1462" s="91"/>
      <c r="HK1462" s="127"/>
      <c r="HL1462" s="126"/>
      <c r="HM1462" s="91"/>
      <c r="HN1462" s="91"/>
      <c r="HO1462" s="91"/>
      <c r="HP1462" s="91"/>
      <c r="HQ1462" s="91"/>
      <c r="HR1462" s="91"/>
      <c r="HS1462" s="91"/>
      <c r="HT1462" s="91"/>
      <c r="HU1462" s="91"/>
      <c r="HV1462" s="91"/>
      <c r="HW1462" s="91"/>
      <c r="HX1462" s="91"/>
      <c r="HY1462" s="91"/>
      <c r="HZ1462" s="91"/>
      <c r="IA1462" s="91"/>
      <c r="IB1462" s="91"/>
      <c r="IC1462" s="91"/>
      <c r="ID1462" s="91"/>
      <c r="IE1462" s="91"/>
      <c r="IF1462" s="91"/>
      <c r="IG1462" s="91"/>
      <c r="IH1462" s="91"/>
      <c r="II1462" s="91"/>
      <c r="IJ1462" s="91"/>
      <c r="IK1462" s="127"/>
    </row>
    <row r="1463" spans="2:245" x14ac:dyDescent="0.2">
      <c r="B1463" s="43"/>
      <c r="C1463" s="73"/>
      <c r="D1463" s="64"/>
      <c r="E1463" s="64"/>
      <c r="F1463" s="55"/>
      <c r="G1463" s="102"/>
      <c r="H1463" s="55"/>
      <c r="I1463" s="55"/>
      <c r="J1463" s="55"/>
      <c r="K1463" s="55"/>
      <c r="L1463" s="55"/>
      <c r="M1463" s="55"/>
      <c r="N1463" s="55"/>
      <c r="O1463" s="55"/>
      <c r="P1463" s="55"/>
      <c r="Q1463" s="55"/>
      <c r="R1463" s="55"/>
      <c r="S1463" s="55"/>
      <c r="T1463" s="55"/>
      <c r="U1463" s="55"/>
      <c r="V1463" s="55"/>
      <c r="W1463" s="55"/>
      <c r="X1463" s="55"/>
      <c r="Y1463" s="55"/>
      <c r="Z1463" s="55"/>
      <c r="AA1463" s="55"/>
      <c r="AB1463" s="55"/>
      <c r="AC1463" s="55"/>
      <c r="AD1463" s="55"/>
      <c r="AE1463" s="55"/>
      <c r="AF1463" s="55"/>
      <c r="AG1463" s="55"/>
      <c r="AY1463" s="162"/>
      <c r="AZ1463" s="162"/>
      <c r="BA1463" s="162"/>
      <c r="BB1463" s="162"/>
      <c r="BC1463" s="162"/>
      <c r="BD1463" s="162"/>
      <c r="BE1463" s="162"/>
      <c r="BF1463" s="162"/>
      <c r="BG1463" s="162"/>
      <c r="BH1463" s="162"/>
      <c r="BI1463" s="162"/>
      <c r="BJ1463" s="162"/>
      <c r="BK1463" s="162"/>
      <c r="BL1463" s="162"/>
      <c r="BM1463" s="162"/>
      <c r="BN1463" s="162"/>
      <c r="BO1463" s="162"/>
      <c r="BP1463" s="162"/>
      <c r="BQ1463" s="162"/>
      <c r="BR1463" s="162"/>
      <c r="BS1463" s="162"/>
      <c r="BT1463" s="162"/>
      <c r="BU1463" s="162"/>
      <c r="BV1463" s="162"/>
      <c r="BW1463" s="162"/>
      <c r="BX1463" s="162"/>
      <c r="BY1463" s="162"/>
      <c r="BZ1463" s="162"/>
      <c r="CA1463" s="162"/>
      <c r="CB1463" s="162"/>
      <c r="CC1463" s="162"/>
      <c r="CD1463" s="162"/>
      <c r="CE1463" s="162"/>
      <c r="CF1463" s="162"/>
      <c r="CG1463" s="162"/>
      <c r="CH1463" s="162"/>
      <c r="CI1463" s="162"/>
      <c r="CJ1463" s="162"/>
      <c r="CK1463" s="162"/>
      <c r="CX1463" s="98"/>
      <c r="DL1463" s="97"/>
      <c r="DX1463" s="98"/>
      <c r="EL1463" s="97"/>
      <c r="EX1463" s="98"/>
      <c r="EY1463" s="97"/>
      <c r="FL1463" s="126"/>
      <c r="FM1463" s="91"/>
      <c r="FN1463" s="91"/>
      <c r="FO1463" s="91"/>
      <c r="FP1463" s="91"/>
      <c r="FQ1463" s="91"/>
      <c r="FR1463" s="91"/>
      <c r="FS1463" s="91"/>
      <c r="FT1463" s="91"/>
      <c r="FU1463" s="91"/>
      <c r="FV1463" s="91"/>
      <c r="FW1463" s="91"/>
      <c r="FX1463" s="91"/>
      <c r="FY1463" s="91"/>
      <c r="FZ1463" s="91"/>
      <c r="GA1463" s="91"/>
      <c r="GB1463" s="91"/>
      <c r="GC1463" s="91"/>
      <c r="GD1463" s="91"/>
      <c r="GE1463" s="91"/>
      <c r="GF1463" s="91"/>
      <c r="GG1463" s="91"/>
      <c r="GH1463" s="91"/>
      <c r="GI1463" s="91"/>
      <c r="GJ1463" s="91"/>
      <c r="GK1463" s="127"/>
      <c r="GL1463" s="126"/>
      <c r="GM1463" s="91"/>
      <c r="GN1463" s="91"/>
      <c r="GO1463" s="91"/>
      <c r="GP1463" s="91"/>
      <c r="GQ1463" s="91"/>
      <c r="GR1463" s="91"/>
      <c r="GS1463" s="91"/>
      <c r="GT1463" s="91"/>
      <c r="GU1463" s="91"/>
      <c r="GV1463" s="91"/>
      <c r="GW1463" s="91"/>
      <c r="GX1463" s="91"/>
      <c r="GY1463" s="91"/>
      <c r="GZ1463" s="91"/>
      <c r="HA1463" s="91"/>
      <c r="HB1463" s="91"/>
      <c r="HC1463" s="91"/>
      <c r="HD1463" s="91"/>
      <c r="HE1463" s="91"/>
      <c r="HF1463" s="91"/>
      <c r="HG1463" s="91"/>
      <c r="HH1463" s="91"/>
      <c r="HI1463" s="91"/>
      <c r="HJ1463" s="91"/>
      <c r="HK1463" s="127"/>
      <c r="HL1463" s="126"/>
      <c r="HM1463" s="91"/>
      <c r="HN1463" s="91"/>
      <c r="HO1463" s="91"/>
      <c r="HP1463" s="91"/>
      <c r="HQ1463" s="91"/>
      <c r="HR1463" s="91"/>
      <c r="HS1463" s="91"/>
      <c r="HT1463" s="91"/>
      <c r="HU1463" s="91"/>
      <c r="HV1463" s="91"/>
      <c r="HW1463" s="91"/>
      <c r="HX1463" s="91"/>
      <c r="HY1463" s="91"/>
      <c r="HZ1463" s="91"/>
      <c r="IA1463" s="91"/>
      <c r="IB1463" s="91"/>
      <c r="IC1463" s="91"/>
      <c r="ID1463" s="91"/>
      <c r="IE1463" s="91"/>
      <c r="IF1463" s="91"/>
      <c r="IG1463" s="91"/>
      <c r="IH1463" s="91"/>
      <c r="II1463" s="91"/>
      <c r="IJ1463" s="91"/>
      <c r="IK1463" s="127"/>
    </row>
    <row r="1464" spans="2:245" x14ac:dyDescent="0.2">
      <c r="B1464" s="43"/>
      <c r="C1464" s="73"/>
      <c r="D1464" s="64"/>
      <c r="E1464" s="64"/>
      <c r="F1464" s="55"/>
      <c r="G1464" s="102"/>
      <c r="H1464" s="55"/>
      <c r="I1464" s="55"/>
      <c r="J1464" s="55"/>
      <c r="K1464" s="55"/>
      <c r="L1464" s="55"/>
      <c r="M1464" s="55"/>
      <c r="N1464" s="55"/>
      <c r="O1464" s="55"/>
      <c r="P1464" s="55"/>
      <c r="Q1464" s="55"/>
      <c r="R1464" s="55"/>
      <c r="S1464" s="55"/>
      <c r="T1464" s="55"/>
      <c r="U1464" s="55"/>
      <c r="V1464" s="55"/>
      <c r="W1464" s="55"/>
      <c r="X1464" s="55"/>
      <c r="Y1464" s="55"/>
      <c r="Z1464" s="55"/>
      <c r="AA1464" s="55"/>
      <c r="AB1464" s="55"/>
      <c r="AC1464" s="55"/>
      <c r="AD1464" s="55"/>
      <c r="AE1464" s="55"/>
      <c r="AF1464" s="55"/>
      <c r="AG1464" s="55"/>
      <c r="AY1464" s="162"/>
      <c r="AZ1464" s="162"/>
      <c r="BA1464" s="162"/>
      <c r="BB1464" s="162"/>
      <c r="BC1464" s="162"/>
      <c r="BD1464" s="162"/>
      <c r="BE1464" s="162"/>
      <c r="BF1464" s="162"/>
      <c r="BG1464" s="162"/>
      <c r="BH1464" s="162"/>
      <c r="BI1464" s="162"/>
      <c r="BJ1464" s="162"/>
      <c r="BK1464" s="162"/>
      <c r="BL1464" s="162"/>
      <c r="BM1464" s="162"/>
      <c r="BN1464" s="162"/>
      <c r="BO1464" s="162"/>
      <c r="BP1464" s="162"/>
      <c r="BQ1464" s="162"/>
      <c r="BR1464" s="162"/>
      <c r="BS1464" s="162"/>
      <c r="BT1464" s="162"/>
      <c r="BU1464" s="162"/>
      <c r="BV1464" s="162"/>
      <c r="BW1464" s="162"/>
      <c r="BX1464" s="162"/>
      <c r="BY1464" s="162"/>
      <c r="BZ1464" s="162"/>
      <c r="CA1464" s="162"/>
      <c r="CB1464" s="162"/>
      <c r="CC1464" s="162"/>
      <c r="CD1464" s="162"/>
      <c r="CE1464" s="162"/>
      <c r="CF1464" s="162"/>
      <c r="CG1464" s="162"/>
      <c r="CH1464" s="162"/>
      <c r="CI1464" s="162"/>
      <c r="CJ1464" s="162"/>
      <c r="CK1464" s="162"/>
      <c r="CX1464" s="98"/>
      <c r="DL1464" s="97"/>
      <c r="DX1464" s="98"/>
      <c r="EL1464" s="97"/>
      <c r="EX1464" s="98"/>
      <c r="EY1464" s="97"/>
      <c r="FL1464" s="126"/>
      <c r="FM1464" s="91"/>
      <c r="FN1464" s="91"/>
      <c r="FO1464" s="91"/>
      <c r="FP1464" s="91"/>
      <c r="FQ1464" s="91"/>
      <c r="FR1464" s="91"/>
      <c r="FS1464" s="91"/>
      <c r="FT1464" s="91"/>
      <c r="FU1464" s="91"/>
      <c r="FV1464" s="91"/>
      <c r="FW1464" s="91"/>
      <c r="FX1464" s="91"/>
      <c r="FY1464" s="91"/>
      <c r="FZ1464" s="91"/>
      <c r="GA1464" s="91"/>
      <c r="GB1464" s="91"/>
      <c r="GC1464" s="91"/>
      <c r="GD1464" s="91"/>
      <c r="GE1464" s="91"/>
      <c r="GF1464" s="91"/>
      <c r="GG1464" s="91"/>
      <c r="GH1464" s="91"/>
      <c r="GI1464" s="91"/>
      <c r="GJ1464" s="91"/>
      <c r="GK1464" s="127"/>
      <c r="GL1464" s="126"/>
      <c r="GM1464" s="91"/>
      <c r="GN1464" s="91"/>
      <c r="GO1464" s="91"/>
      <c r="GP1464" s="91"/>
      <c r="GQ1464" s="91"/>
      <c r="GR1464" s="91"/>
      <c r="GS1464" s="91"/>
      <c r="GT1464" s="91"/>
      <c r="GU1464" s="91"/>
      <c r="GV1464" s="91"/>
      <c r="GW1464" s="91"/>
      <c r="GX1464" s="91"/>
      <c r="GY1464" s="91"/>
      <c r="GZ1464" s="91"/>
      <c r="HA1464" s="91"/>
      <c r="HB1464" s="91"/>
      <c r="HC1464" s="91"/>
      <c r="HD1464" s="91"/>
      <c r="HE1464" s="91"/>
      <c r="HF1464" s="91"/>
      <c r="HG1464" s="91"/>
      <c r="HH1464" s="91"/>
      <c r="HI1464" s="91"/>
      <c r="HJ1464" s="91"/>
      <c r="HK1464" s="127"/>
      <c r="HL1464" s="126"/>
      <c r="HM1464" s="91"/>
      <c r="HN1464" s="91"/>
      <c r="HO1464" s="91"/>
      <c r="HP1464" s="91"/>
      <c r="HQ1464" s="91"/>
      <c r="HR1464" s="91"/>
      <c r="HS1464" s="91"/>
      <c r="HT1464" s="91"/>
      <c r="HU1464" s="91"/>
      <c r="HV1464" s="91"/>
      <c r="HW1464" s="91"/>
      <c r="HX1464" s="91"/>
      <c r="HY1464" s="91"/>
      <c r="HZ1464" s="91"/>
      <c r="IA1464" s="91"/>
      <c r="IB1464" s="91"/>
      <c r="IC1464" s="91"/>
      <c r="ID1464" s="91"/>
      <c r="IE1464" s="91"/>
      <c r="IF1464" s="91"/>
      <c r="IG1464" s="91"/>
      <c r="IH1464" s="91"/>
      <c r="II1464" s="91"/>
      <c r="IJ1464" s="91"/>
      <c r="IK1464" s="127"/>
    </row>
    <row r="1465" spans="2:245" x14ac:dyDescent="0.2">
      <c r="B1465" s="43"/>
      <c r="C1465" s="73"/>
      <c r="D1465" s="64"/>
      <c r="E1465" s="64"/>
      <c r="F1465" s="55"/>
      <c r="G1465" s="102"/>
      <c r="H1465" s="55"/>
      <c r="I1465" s="55"/>
      <c r="J1465" s="55"/>
      <c r="K1465" s="55"/>
      <c r="L1465" s="55"/>
      <c r="M1465" s="55"/>
      <c r="N1465" s="55"/>
      <c r="O1465" s="55"/>
      <c r="P1465" s="55"/>
      <c r="Q1465" s="55"/>
      <c r="R1465" s="55"/>
      <c r="S1465" s="55"/>
      <c r="T1465" s="55"/>
      <c r="U1465" s="55"/>
      <c r="V1465" s="55"/>
      <c r="W1465" s="55"/>
      <c r="X1465" s="55"/>
      <c r="Y1465" s="55"/>
      <c r="Z1465" s="55"/>
      <c r="AA1465" s="55"/>
      <c r="AB1465" s="55"/>
      <c r="AC1465" s="55"/>
      <c r="AD1465" s="55"/>
      <c r="AE1465" s="55"/>
      <c r="AF1465" s="55"/>
      <c r="AG1465" s="55"/>
      <c r="AY1465" s="162"/>
      <c r="AZ1465" s="162"/>
      <c r="BA1465" s="162"/>
      <c r="BB1465" s="162"/>
      <c r="BC1465" s="162"/>
      <c r="BD1465" s="162"/>
      <c r="BE1465" s="162"/>
      <c r="BF1465" s="162"/>
      <c r="BG1465" s="162"/>
      <c r="BH1465" s="162"/>
      <c r="BI1465" s="162"/>
      <c r="BJ1465" s="162"/>
      <c r="BK1465" s="162"/>
      <c r="BL1465" s="162"/>
      <c r="BM1465" s="162"/>
      <c r="BN1465" s="162"/>
      <c r="BO1465" s="162"/>
      <c r="BP1465" s="162"/>
      <c r="BQ1465" s="162"/>
      <c r="BR1465" s="162"/>
      <c r="BS1465" s="162"/>
      <c r="BT1465" s="162"/>
      <c r="BU1465" s="162"/>
      <c r="BV1465" s="162"/>
      <c r="BW1465" s="162"/>
      <c r="BX1465" s="162"/>
      <c r="BY1465" s="162"/>
      <c r="BZ1465" s="162"/>
      <c r="CA1465" s="162"/>
      <c r="CB1465" s="162"/>
      <c r="CC1465" s="162"/>
      <c r="CD1465" s="162"/>
      <c r="CE1465" s="162"/>
      <c r="CF1465" s="162"/>
      <c r="CG1465" s="162"/>
      <c r="CH1465" s="162"/>
      <c r="CI1465" s="162"/>
      <c r="CJ1465" s="162"/>
      <c r="CK1465" s="162"/>
      <c r="CX1465" s="98"/>
      <c r="DL1465" s="97"/>
      <c r="DX1465" s="98"/>
      <c r="EL1465" s="97"/>
      <c r="EX1465" s="98"/>
      <c r="EY1465" s="97"/>
      <c r="FL1465" s="126"/>
      <c r="FM1465" s="91"/>
      <c r="FN1465" s="91"/>
      <c r="FO1465" s="91"/>
      <c r="FP1465" s="91"/>
      <c r="FQ1465" s="91"/>
      <c r="FR1465" s="91"/>
      <c r="FS1465" s="91"/>
      <c r="FT1465" s="91"/>
      <c r="FU1465" s="91"/>
      <c r="FV1465" s="91"/>
      <c r="FW1465" s="91"/>
      <c r="FX1465" s="91"/>
      <c r="FY1465" s="91"/>
      <c r="FZ1465" s="91"/>
      <c r="GA1465" s="91"/>
      <c r="GB1465" s="91"/>
      <c r="GC1465" s="91"/>
      <c r="GD1465" s="91"/>
      <c r="GE1465" s="91"/>
      <c r="GF1465" s="91"/>
      <c r="GG1465" s="91"/>
      <c r="GH1465" s="91"/>
      <c r="GI1465" s="91"/>
      <c r="GJ1465" s="91"/>
      <c r="GK1465" s="127"/>
      <c r="GL1465" s="126"/>
      <c r="GM1465" s="91"/>
      <c r="GN1465" s="91"/>
      <c r="GO1465" s="91"/>
      <c r="GP1465" s="91"/>
      <c r="GQ1465" s="91"/>
      <c r="GR1465" s="91"/>
      <c r="GS1465" s="91"/>
      <c r="GT1465" s="91"/>
      <c r="GU1465" s="91"/>
      <c r="GV1465" s="91"/>
      <c r="GW1465" s="91"/>
      <c r="GX1465" s="91"/>
      <c r="GY1465" s="91"/>
      <c r="GZ1465" s="91"/>
      <c r="HA1465" s="91"/>
      <c r="HB1465" s="91"/>
      <c r="HC1465" s="91"/>
      <c r="HD1465" s="91"/>
      <c r="HE1465" s="91"/>
      <c r="HF1465" s="91"/>
      <c r="HG1465" s="91"/>
      <c r="HH1465" s="91"/>
      <c r="HI1465" s="91"/>
      <c r="HJ1465" s="91"/>
      <c r="HK1465" s="127"/>
      <c r="HL1465" s="126"/>
      <c r="HM1465" s="91"/>
      <c r="HN1465" s="91"/>
      <c r="HO1465" s="91"/>
      <c r="HP1465" s="91"/>
      <c r="HQ1465" s="91"/>
      <c r="HR1465" s="91"/>
      <c r="HS1465" s="91"/>
      <c r="HT1465" s="91"/>
      <c r="HU1465" s="91"/>
      <c r="HV1465" s="91"/>
      <c r="HW1465" s="91"/>
      <c r="HX1465" s="91"/>
      <c r="HY1465" s="91"/>
      <c r="HZ1465" s="91"/>
      <c r="IA1465" s="91"/>
      <c r="IB1465" s="91"/>
      <c r="IC1465" s="91"/>
      <c r="ID1465" s="91"/>
      <c r="IE1465" s="91"/>
      <c r="IF1465" s="91"/>
      <c r="IG1465" s="91"/>
      <c r="IH1465" s="91"/>
      <c r="II1465" s="91"/>
      <c r="IJ1465" s="91"/>
      <c r="IK1465" s="127"/>
    </row>
    <row r="1466" spans="2:245" x14ac:dyDescent="0.2">
      <c r="B1466" s="43"/>
      <c r="C1466" s="73"/>
      <c r="D1466" s="64"/>
      <c r="E1466" s="64"/>
      <c r="F1466" s="55"/>
      <c r="G1466" s="102"/>
      <c r="H1466" s="55"/>
      <c r="I1466" s="55"/>
      <c r="J1466" s="55"/>
      <c r="K1466" s="55"/>
      <c r="L1466" s="55"/>
      <c r="M1466" s="55"/>
      <c r="N1466" s="55"/>
      <c r="O1466" s="55"/>
      <c r="P1466" s="55"/>
      <c r="Q1466" s="55"/>
      <c r="R1466" s="55"/>
      <c r="S1466" s="55"/>
      <c r="T1466" s="55"/>
      <c r="U1466" s="55"/>
      <c r="V1466" s="55"/>
      <c r="W1466" s="55"/>
      <c r="X1466" s="55"/>
      <c r="Y1466" s="55"/>
      <c r="Z1466" s="55"/>
      <c r="AA1466" s="55"/>
      <c r="AB1466" s="55"/>
      <c r="AC1466" s="55"/>
      <c r="AD1466" s="55"/>
      <c r="AE1466" s="55"/>
      <c r="AF1466" s="55"/>
      <c r="AG1466" s="55"/>
      <c r="AY1466" s="162"/>
      <c r="AZ1466" s="162"/>
      <c r="BA1466" s="162"/>
      <c r="BB1466" s="162"/>
      <c r="BC1466" s="162"/>
      <c r="BD1466" s="162"/>
      <c r="BE1466" s="162"/>
      <c r="BF1466" s="162"/>
      <c r="BG1466" s="162"/>
      <c r="BH1466" s="162"/>
      <c r="BI1466" s="162"/>
      <c r="BJ1466" s="162"/>
      <c r="BK1466" s="162"/>
      <c r="BL1466" s="162"/>
      <c r="BM1466" s="162"/>
      <c r="BN1466" s="162"/>
      <c r="BO1466" s="162"/>
      <c r="BP1466" s="162"/>
      <c r="BQ1466" s="162"/>
      <c r="BR1466" s="162"/>
      <c r="BS1466" s="162"/>
      <c r="BT1466" s="162"/>
      <c r="BU1466" s="162"/>
      <c r="BV1466" s="162"/>
      <c r="BW1466" s="162"/>
      <c r="BX1466" s="162"/>
      <c r="BY1466" s="162"/>
      <c r="BZ1466" s="162"/>
      <c r="CA1466" s="162"/>
      <c r="CB1466" s="162"/>
      <c r="CC1466" s="162"/>
      <c r="CD1466" s="162"/>
      <c r="CE1466" s="162"/>
      <c r="CF1466" s="162"/>
      <c r="CG1466" s="162"/>
      <c r="CH1466" s="162"/>
      <c r="CI1466" s="162"/>
      <c r="CJ1466" s="162"/>
      <c r="CK1466" s="162"/>
      <c r="CX1466" s="98"/>
      <c r="DL1466" s="97"/>
      <c r="DX1466" s="98"/>
      <c r="EL1466" s="97"/>
      <c r="EX1466" s="98"/>
      <c r="EY1466" s="97"/>
      <c r="FL1466" s="126"/>
      <c r="FM1466" s="91"/>
      <c r="FN1466" s="91"/>
      <c r="FO1466" s="91"/>
      <c r="FP1466" s="91"/>
      <c r="FQ1466" s="91"/>
      <c r="FR1466" s="91"/>
      <c r="FS1466" s="91"/>
      <c r="FT1466" s="91"/>
      <c r="FU1466" s="91"/>
      <c r="FV1466" s="91"/>
      <c r="FW1466" s="91"/>
      <c r="FX1466" s="91"/>
      <c r="FY1466" s="91"/>
      <c r="FZ1466" s="91"/>
      <c r="GA1466" s="91"/>
      <c r="GB1466" s="91"/>
      <c r="GC1466" s="91"/>
      <c r="GD1466" s="91"/>
      <c r="GE1466" s="91"/>
      <c r="GF1466" s="91"/>
      <c r="GG1466" s="91"/>
      <c r="GH1466" s="91"/>
      <c r="GI1466" s="91"/>
      <c r="GJ1466" s="91"/>
      <c r="GK1466" s="127"/>
      <c r="GL1466" s="126"/>
      <c r="GM1466" s="91"/>
      <c r="GN1466" s="91"/>
      <c r="GO1466" s="91"/>
      <c r="GP1466" s="91"/>
      <c r="GQ1466" s="91"/>
      <c r="GR1466" s="91"/>
      <c r="GS1466" s="91"/>
      <c r="GT1466" s="91"/>
      <c r="GU1466" s="91"/>
      <c r="GV1466" s="91"/>
      <c r="GW1466" s="91"/>
      <c r="GX1466" s="91"/>
      <c r="GY1466" s="91"/>
      <c r="GZ1466" s="91"/>
      <c r="HA1466" s="91"/>
      <c r="HB1466" s="91"/>
      <c r="HC1466" s="91"/>
      <c r="HD1466" s="91"/>
      <c r="HE1466" s="91"/>
      <c r="HF1466" s="91"/>
      <c r="HG1466" s="91"/>
      <c r="HH1466" s="91"/>
      <c r="HI1466" s="91"/>
      <c r="HJ1466" s="91"/>
      <c r="HK1466" s="127"/>
      <c r="HL1466" s="126"/>
      <c r="HM1466" s="91"/>
      <c r="HN1466" s="91"/>
      <c r="HO1466" s="91"/>
      <c r="HP1466" s="91"/>
      <c r="HQ1466" s="91"/>
      <c r="HR1466" s="91"/>
      <c r="HS1466" s="91"/>
      <c r="HT1466" s="91"/>
      <c r="HU1466" s="91"/>
      <c r="HV1466" s="91"/>
      <c r="HW1466" s="91"/>
      <c r="HX1466" s="91"/>
      <c r="HY1466" s="91"/>
      <c r="HZ1466" s="91"/>
      <c r="IA1466" s="91"/>
      <c r="IB1466" s="91"/>
      <c r="IC1466" s="91"/>
      <c r="ID1466" s="91"/>
      <c r="IE1466" s="91"/>
      <c r="IF1466" s="91"/>
      <c r="IG1466" s="91"/>
      <c r="IH1466" s="91"/>
      <c r="II1466" s="91"/>
      <c r="IJ1466" s="91"/>
      <c r="IK1466" s="127"/>
    </row>
    <row r="1467" spans="2:245" x14ac:dyDescent="0.2">
      <c r="B1467" s="43"/>
      <c r="C1467" s="73"/>
      <c r="D1467" s="64"/>
      <c r="E1467" s="64"/>
      <c r="F1467" s="55"/>
      <c r="G1467" s="102"/>
      <c r="H1467" s="55"/>
      <c r="I1467" s="55"/>
      <c r="J1467" s="55"/>
      <c r="K1467" s="55"/>
      <c r="L1467" s="55"/>
      <c r="M1467" s="55"/>
      <c r="N1467" s="55"/>
      <c r="O1467" s="55"/>
      <c r="P1467" s="55"/>
      <c r="Q1467" s="55"/>
      <c r="R1467" s="55"/>
      <c r="S1467" s="55"/>
      <c r="T1467" s="55"/>
      <c r="U1467" s="55"/>
      <c r="V1467" s="55"/>
      <c r="W1467" s="55"/>
      <c r="X1467" s="55"/>
      <c r="Y1467" s="55"/>
      <c r="Z1467" s="55"/>
      <c r="AA1467" s="55"/>
      <c r="AB1467" s="55"/>
      <c r="AC1467" s="55"/>
      <c r="AD1467" s="55"/>
      <c r="AE1467" s="55"/>
      <c r="AF1467" s="55"/>
      <c r="AG1467" s="55"/>
      <c r="AY1467" s="162"/>
      <c r="AZ1467" s="162"/>
      <c r="BA1467" s="162"/>
      <c r="BB1467" s="162"/>
      <c r="BC1467" s="162"/>
      <c r="BD1467" s="162"/>
      <c r="BE1467" s="162"/>
      <c r="BF1467" s="162"/>
      <c r="BG1467" s="162"/>
      <c r="BH1467" s="162"/>
      <c r="BI1467" s="162"/>
      <c r="BJ1467" s="162"/>
      <c r="BK1467" s="162"/>
      <c r="BL1467" s="162"/>
      <c r="BM1467" s="162"/>
      <c r="BN1467" s="162"/>
      <c r="BO1467" s="162"/>
      <c r="BP1467" s="162"/>
      <c r="BQ1467" s="162"/>
      <c r="BR1467" s="162"/>
      <c r="BS1467" s="162"/>
      <c r="BT1467" s="162"/>
      <c r="BU1467" s="162"/>
      <c r="BV1467" s="162"/>
      <c r="BW1467" s="162"/>
      <c r="BX1467" s="162"/>
      <c r="BY1467" s="162"/>
      <c r="BZ1467" s="162"/>
      <c r="CA1467" s="162"/>
      <c r="CB1467" s="162"/>
      <c r="CC1467" s="162"/>
      <c r="CD1467" s="162"/>
      <c r="CE1467" s="162"/>
      <c r="CF1467" s="162"/>
      <c r="CG1467" s="162"/>
      <c r="CH1467" s="162"/>
      <c r="CI1467" s="162"/>
      <c r="CJ1467" s="162"/>
      <c r="CK1467" s="162"/>
      <c r="CX1467" s="98"/>
      <c r="DL1467" s="97"/>
      <c r="DX1467" s="98"/>
      <c r="EL1467" s="97"/>
      <c r="EX1467" s="98"/>
      <c r="EY1467" s="97"/>
      <c r="FL1467" s="126"/>
      <c r="FM1467" s="91"/>
      <c r="FN1467" s="91"/>
      <c r="FO1467" s="91"/>
      <c r="FP1467" s="91"/>
      <c r="FQ1467" s="91"/>
      <c r="FR1467" s="91"/>
      <c r="FS1467" s="91"/>
      <c r="FT1467" s="91"/>
      <c r="FU1467" s="91"/>
      <c r="FV1467" s="91"/>
      <c r="FW1467" s="91"/>
      <c r="FX1467" s="91"/>
      <c r="FY1467" s="91"/>
      <c r="FZ1467" s="91"/>
      <c r="GA1467" s="91"/>
      <c r="GB1467" s="91"/>
      <c r="GC1467" s="91"/>
      <c r="GD1467" s="91"/>
      <c r="GE1467" s="91"/>
      <c r="GF1467" s="91"/>
      <c r="GG1467" s="91"/>
      <c r="GH1467" s="91"/>
      <c r="GI1467" s="91"/>
      <c r="GJ1467" s="91"/>
      <c r="GK1467" s="127"/>
      <c r="GL1467" s="126"/>
      <c r="GM1467" s="91"/>
      <c r="GN1467" s="91"/>
      <c r="GO1467" s="91"/>
      <c r="GP1467" s="91"/>
      <c r="GQ1467" s="91"/>
      <c r="GR1467" s="91"/>
      <c r="GS1467" s="91"/>
      <c r="GT1467" s="91"/>
      <c r="GU1467" s="91"/>
      <c r="GV1467" s="91"/>
      <c r="GW1467" s="91"/>
      <c r="GX1467" s="91"/>
      <c r="GY1467" s="91"/>
      <c r="GZ1467" s="91"/>
      <c r="HA1467" s="91"/>
      <c r="HB1467" s="91"/>
      <c r="HC1467" s="91"/>
      <c r="HD1467" s="91"/>
      <c r="HE1467" s="91"/>
      <c r="HF1467" s="91"/>
      <c r="HG1467" s="91"/>
      <c r="HH1467" s="91"/>
      <c r="HI1467" s="91"/>
      <c r="HJ1467" s="91"/>
      <c r="HK1467" s="127"/>
      <c r="HL1467" s="126"/>
      <c r="HM1467" s="91"/>
      <c r="HN1467" s="91"/>
      <c r="HO1467" s="91"/>
      <c r="HP1467" s="91"/>
      <c r="HQ1467" s="91"/>
      <c r="HR1467" s="91"/>
      <c r="HS1467" s="91"/>
      <c r="HT1467" s="91"/>
      <c r="HU1467" s="91"/>
      <c r="HV1467" s="91"/>
      <c r="HW1467" s="91"/>
      <c r="HX1467" s="91"/>
      <c r="HY1467" s="91"/>
      <c r="HZ1467" s="91"/>
      <c r="IA1467" s="91"/>
      <c r="IB1467" s="91"/>
      <c r="IC1467" s="91"/>
      <c r="ID1467" s="91"/>
      <c r="IE1467" s="91"/>
      <c r="IF1467" s="91"/>
      <c r="IG1467" s="91"/>
      <c r="IH1467" s="91"/>
      <c r="II1467" s="91"/>
      <c r="IJ1467" s="91"/>
      <c r="IK1467" s="127"/>
    </row>
    <row r="1468" spans="2:245" x14ac:dyDescent="0.2">
      <c r="B1468" s="43"/>
      <c r="C1468" s="73"/>
      <c r="D1468" s="64"/>
      <c r="E1468" s="64"/>
      <c r="F1468" s="55"/>
      <c r="G1468" s="102"/>
      <c r="H1468" s="55"/>
      <c r="I1468" s="55"/>
      <c r="J1468" s="55"/>
      <c r="K1468" s="55"/>
      <c r="L1468" s="55"/>
      <c r="M1468" s="55"/>
      <c r="N1468" s="55"/>
      <c r="O1468" s="55"/>
      <c r="P1468" s="55"/>
      <c r="Q1468" s="55"/>
      <c r="R1468" s="55"/>
      <c r="S1468" s="55"/>
      <c r="T1468" s="55"/>
      <c r="U1468" s="55"/>
      <c r="V1468" s="55"/>
      <c r="W1468" s="55"/>
      <c r="X1468" s="55"/>
      <c r="Y1468" s="55"/>
      <c r="Z1468" s="55"/>
      <c r="AA1468" s="55"/>
      <c r="AB1468" s="55"/>
      <c r="AC1468" s="55"/>
      <c r="AD1468" s="55"/>
      <c r="AE1468" s="55"/>
      <c r="AF1468" s="55"/>
      <c r="AG1468" s="55"/>
      <c r="AY1468" s="162"/>
      <c r="AZ1468" s="162"/>
      <c r="BA1468" s="162"/>
      <c r="BB1468" s="162"/>
      <c r="BC1468" s="162"/>
      <c r="BD1468" s="162"/>
      <c r="BE1468" s="162"/>
      <c r="BF1468" s="162"/>
      <c r="BG1468" s="162"/>
      <c r="BH1468" s="162"/>
      <c r="BI1468" s="162"/>
      <c r="BJ1468" s="162"/>
      <c r="BK1468" s="162"/>
      <c r="BL1468" s="162"/>
      <c r="BM1468" s="162"/>
      <c r="BN1468" s="162"/>
      <c r="BO1468" s="162"/>
      <c r="BP1468" s="162"/>
      <c r="BQ1468" s="162"/>
      <c r="BR1468" s="162"/>
      <c r="BS1468" s="162"/>
      <c r="BT1468" s="162"/>
      <c r="BU1468" s="162"/>
      <c r="BV1468" s="162"/>
      <c r="BW1468" s="162"/>
      <c r="BX1468" s="162"/>
      <c r="BY1468" s="162"/>
      <c r="BZ1468" s="162"/>
      <c r="CA1468" s="162"/>
      <c r="CB1468" s="162"/>
      <c r="CC1468" s="162"/>
      <c r="CD1468" s="162"/>
      <c r="CE1468" s="162"/>
      <c r="CF1468" s="162"/>
      <c r="CG1468" s="162"/>
      <c r="CH1468" s="162"/>
      <c r="CI1468" s="162"/>
      <c r="CJ1468" s="162"/>
      <c r="CK1468" s="162"/>
      <c r="CX1468" s="98"/>
      <c r="DL1468" s="97"/>
      <c r="DX1468" s="98"/>
      <c r="EL1468" s="97"/>
      <c r="EX1468" s="98"/>
      <c r="EY1468" s="97"/>
      <c r="FL1468" s="126"/>
      <c r="FM1468" s="91"/>
      <c r="FN1468" s="91"/>
      <c r="FO1468" s="91"/>
      <c r="FP1468" s="91"/>
      <c r="FQ1468" s="91"/>
      <c r="FR1468" s="91"/>
      <c r="FS1468" s="91"/>
      <c r="FT1468" s="91"/>
      <c r="FU1468" s="91"/>
      <c r="FV1468" s="91"/>
      <c r="FW1468" s="91"/>
      <c r="FX1468" s="91"/>
      <c r="FY1468" s="91"/>
      <c r="FZ1468" s="91"/>
      <c r="GA1468" s="91"/>
      <c r="GB1468" s="91"/>
      <c r="GC1468" s="91"/>
      <c r="GD1468" s="91"/>
      <c r="GE1468" s="91"/>
      <c r="GF1468" s="91"/>
      <c r="GG1468" s="91"/>
      <c r="GH1468" s="91"/>
      <c r="GI1468" s="91"/>
      <c r="GJ1468" s="91"/>
      <c r="GK1468" s="127"/>
      <c r="GL1468" s="126"/>
      <c r="GM1468" s="91"/>
      <c r="GN1468" s="91"/>
      <c r="GO1468" s="91"/>
      <c r="GP1468" s="91"/>
      <c r="GQ1468" s="91"/>
      <c r="GR1468" s="91"/>
      <c r="GS1468" s="91"/>
      <c r="GT1468" s="91"/>
      <c r="GU1468" s="91"/>
      <c r="GV1468" s="91"/>
      <c r="GW1468" s="91"/>
      <c r="GX1468" s="91"/>
      <c r="GY1468" s="91"/>
      <c r="GZ1468" s="91"/>
      <c r="HA1468" s="91"/>
      <c r="HB1468" s="91"/>
      <c r="HC1468" s="91"/>
      <c r="HD1468" s="91"/>
      <c r="HE1468" s="91"/>
      <c r="HF1468" s="91"/>
      <c r="HG1468" s="91"/>
      <c r="HH1468" s="91"/>
      <c r="HI1468" s="91"/>
      <c r="HJ1468" s="91"/>
      <c r="HK1468" s="127"/>
      <c r="HL1468" s="126"/>
      <c r="HM1468" s="91"/>
      <c r="HN1468" s="91"/>
      <c r="HO1468" s="91"/>
      <c r="HP1468" s="91"/>
      <c r="HQ1468" s="91"/>
      <c r="HR1468" s="91"/>
      <c r="HS1468" s="91"/>
      <c r="HT1468" s="91"/>
      <c r="HU1468" s="91"/>
      <c r="HV1468" s="91"/>
      <c r="HW1468" s="91"/>
      <c r="HX1468" s="91"/>
      <c r="HY1468" s="91"/>
      <c r="HZ1468" s="91"/>
      <c r="IA1468" s="91"/>
      <c r="IB1468" s="91"/>
      <c r="IC1468" s="91"/>
      <c r="ID1468" s="91"/>
      <c r="IE1468" s="91"/>
      <c r="IF1468" s="91"/>
      <c r="IG1468" s="91"/>
      <c r="IH1468" s="91"/>
      <c r="II1468" s="91"/>
      <c r="IJ1468" s="91"/>
      <c r="IK1468" s="127"/>
    </row>
    <row r="1469" spans="2:245" x14ac:dyDescent="0.2">
      <c r="B1469" s="43"/>
      <c r="C1469" s="73"/>
      <c r="D1469" s="64"/>
      <c r="E1469" s="64"/>
      <c r="F1469" s="55"/>
      <c r="G1469" s="102"/>
      <c r="H1469" s="55"/>
      <c r="I1469" s="55"/>
      <c r="J1469" s="55"/>
      <c r="K1469" s="55"/>
      <c r="L1469" s="55"/>
      <c r="M1469" s="55"/>
      <c r="N1469" s="55"/>
      <c r="O1469" s="55"/>
      <c r="P1469" s="55"/>
      <c r="Q1469" s="55"/>
      <c r="R1469" s="55"/>
      <c r="S1469" s="55"/>
      <c r="T1469" s="55"/>
      <c r="U1469" s="55"/>
      <c r="V1469" s="55"/>
      <c r="W1469" s="55"/>
      <c r="X1469" s="55"/>
      <c r="Y1469" s="55"/>
      <c r="Z1469" s="55"/>
      <c r="AA1469" s="55"/>
      <c r="AB1469" s="55"/>
      <c r="AC1469" s="55"/>
      <c r="AD1469" s="55"/>
      <c r="AE1469" s="55"/>
      <c r="AF1469" s="55"/>
      <c r="AG1469" s="55"/>
      <c r="AY1469" s="162"/>
      <c r="AZ1469" s="162"/>
      <c r="BA1469" s="162"/>
      <c r="BB1469" s="162"/>
      <c r="BC1469" s="162"/>
      <c r="BD1469" s="162"/>
      <c r="BE1469" s="162"/>
      <c r="BF1469" s="162"/>
      <c r="BG1469" s="162"/>
      <c r="BH1469" s="162"/>
      <c r="BI1469" s="162"/>
      <c r="BJ1469" s="162"/>
      <c r="BK1469" s="162"/>
      <c r="BL1469" s="162"/>
      <c r="BM1469" s="162"/>
      <c r="BN1469" s="162"/>
      <c r="BO1469" s="162"/>
      <c r="BP1469" s="162"/>
      <c r="BQ1469" s="162"/>
      <c r="BR1469" s="162"/>
      <c r="BS1469" s="162"/>
      <c r="BT1469" s="162"/>
      <c r="BU1469" s="162"/>
      <c r="BV1469" s="162"/>
      <c r="BW1469" s="162"/>
      <c r="BX1469" s="162"/>
      <c r="BY1469" s="162"/>
      <c r="BZ1469" s="162"/>
      <c r="CA1469" s="162"/>
      <c r="CB1469" s="162"/>
      <c r="CC1469" s="162"/>
      <c r="CD1469" s="162"/>
      <c r="CE1469" s="162"/>
      <c r="CF1469" s="162"/>
      <c r="CG1469" s="162"/>
      <c r="CH1469" s="162"/>
      <c r="CI1469" s="162"/>
      <c r="CJ1469" s="162"/>
      <c r="CK1469" s="162"/>
      <c r="CX1469" s="98"/>
      <c r="DL1469" s="97"/>
      <c r="DX1469" s="98"/>
      <c r="EL1469" s="97"/>
      <c r="EX1469" s="98"/>
      <c r="EY1469" s="97"/>
      <c r="FL1469" s="126"/>
      <c r="FM1469" s="91"/>
      <c r="FN1469" s="91"/>
      <c r="FO1469" s="91"/>
      <c r="FP1469" s="91"/>
      <c r="FQ1469" s="91"/>
      <c r="FR1469" s="91"/>
      <c r="FS1469" s="91"/>
      <c r="FT1469" s="91"/>
      <c r="FU1469" s="91"/>
      <c r="FV1469" s="91"/>
      <c r="FW1469" s="91"/>
      <c r="FX1469" s="91"/>
      <c r="FY1469" s="91"/>
      <c r="FZ1469" s="91"/>
      <c r="GA1469" s="91"/>
      <c r="GB1469" s="91"/>
      <c r="GC1469" s="91"/>
      <c r="GD1469" s="91"/>
      <c r="GE1469" s="91"/>
      <c r="GF1469" s="91"/>
      <c r="GG1469" s="91"/>
      <c r="GH1469" s="91"/>
      <c r="GI1469" s="91"/>
      <c r="GJ1469" s="91"/>
      <c r="GK1469" s="127"/>
      <c r="GL1469" s="126"/>
      <c r="GM1469" s="91"/>
      <c r="GN1469" s="91"/>
      <c r="GO1469" s="91"/>
      <c r="GP1469" s="91"/>
      <c r="GQ1469" s="91"/>
      <c r="GR1469" s="91"/>
      <c r="GS1469" s="91"/>
      <c r="GT1469" s="91"/>
      <c r="GU1469" s="91"/>
      <c r="GV1469" s="91"/>
      <c r="GW1469" s="91"/>
      <c r="GX1469" s="91"/>
      <c r="GY1469" s="91"/>
      <c r="GZ1469" s="91"/>
      <c r="HA1469" s="91"/>
      <c r="HB1469" s="91"/>
      <c r="HC1469" s="91"/>
      <c r="HD1469" s="91"/>
      <c r="HE1469" s="91"/>
      <c r="HF1469" s="91"/>
      <c r="HG1469" s="91"/>
      <c r="HH1469" s="91"/>
      <c r="HI1469" s="91"/>
      <c r="HJ1469" s="91"/>
      <c r="HK1469" s="127"/>
      <c r="HL1469" s="126"/>
      <c r="HM1469" s="91"/>
      <c r="HN1469" s="91"/>
      <c r="HO1469" s="91"/>
      <c r="HP1469" s="91"/>
      <c r="HQ1469" s="91"/>
      <c r="HR1469" s="91"/>
      <c r="HS1469" s="91"/>
      <c r="HT1469" s="91"/>
      <c r="HU1469" s="91"/>
      <c r="HV1469" s="91"/>
      <c r="HW1469" s="91"/>
      <c r="HX1469" s="91"/>
      <c r="HY1469" s="91"/>
      <c r="HZ1469" s="91"/>
      <c r="IA1469" s="91"/>
      <c r="IB1469" s="91"/>
      <c r="IC1469" s="91"/>
      <c r="ID1469" s="91"/>
      <c r="IE1469" s="91"/>
      <c r="IF1469" s="91"/>
      <c r="IG1469" s="91"/>
      <c r="IH1469" s="91"/>
      <c r="II1469" s="91"/>
      <c r="IJ1469" s="91"/>
      <c r="IK1469" s="127"/>
    </row>
    <row r="1470" spans="2:245" x14ac:dyDescent="0.2">
      <c r="B1470" s="43"/>
      <c r="C1470" s="73"/>
      <c r="D1470" s="64"/>
      <c r="E1470" s="64"/>
      <c r="F1470" s="55"/>
      <c r="G1470" s="102"/>
      <c r="H1470" s="55"/>
      <c r="I1470" s="55"/>
      <c r="J1470" s="55"/>
      <c r="K1470" s="55"/>
      <c r="L1470" s="55"/>
      <c r="M1470" s="55"/>
      <c r="N1470" s="55"/>
      <c r="O1470" s="55"/>
      <c r="P1470" s="55"/>
      <c r="Q1470" s="55"/>
      <c r="R1470" s="55"/>
      <c r="S1470" s="55"/>
      <c r="T1470" s="55"/>
      <c r="U1470" s="55"/>
      <c r="V1470" s="55"/>
      <c r="W1470" s="55"/>
      <c r="X1470" s="55"/>
      <c r="Y1470" s="55"/>
      <c r="Z1470" s="55"/>
      <c r="AA1470" s="55"/>
      <c r="AB1470" s="55"/>
      <c r="AC1470" s="55"/>
      <c r="AD1470" s="55"/>
      <c r="AE1470" s="55"/>
      <c r="AF1470" s="55"/>
      <c r="AG1470" s="55"/>
      <c r="AY1470" s="162"/>
      <c r="AZ1470" s="162"/>
      <c r="BA1470" s="162"/>
      <c r="BB1470" s="162"/>
      <c r="BC1470" s="162"/>
      <c r="BD1470" s="162"/>
      <c r="BE1470" s="162"/>
      <c r="BF1470" s="162"/>
      <c r="BG1470" s="162"/>
      <c r="BH1470" s="162"/>
      <c r="BI1470" s="162"/>
      <c r="BJ1470" s="162"/>
      <c r="BK1470" s="162"/>
      <c r="BL1470" s="162"/>
      <c r="BM1470" s="162"/>
      <c r="BN1470" s="162"/>
      <c r="BO1470" s="162"/>
      <c r="BP1470" s="162"/>
      <c r="BQ1470" s="162"/>
      <c r="BR1470" s="162"/>
      <c r="BS1470" s="162"/>
      <c r="BT1470" s="162"/>
      <c r="BU1470" s="162"/>
      <c r="BV1470" s="162"/>
      <c r="BW1470" s="162"/>
      <c r="BX1470" s="162"/>
      <c r="BY1470" s="162"/>
      <c r="BZ1470" s="162"/>
      <c r="CA1470" s="162"/>
      <c r="CB1470" s="162"/>
      <c r="CC1470" s="162"/>
      <c r="CD1470" s="162"/>
      <c r="CE1470" s="162"/>
      <c r="CF1470" s="162"/>
      <c r="CG1470" s="162"/>
      <c r="CH1470" s="162"/>
      <c r="CI1470" s="162"/>
      <c r="CJ1470" s="162"/>
      <c r="CK1470" s="162"/>
      <c r="CX1470" s="98"/>
      <c r="DL1470" s="97"/>
      <c r="DX1470" s="98"/>
      <c r="EL1470" s="97"/>
      <c r="EX1470" s="98"/>
      <c r="EY1470" s="97"/>
      <c r="FL1470" s="126"/>
      <c r="FM1470" s="91"/>
      <c r="FN1470" s="91"/>
      <c r="FO1470" s="91"/>
      <c r="FP1470" s="91"/>
      <c r="FQ1470" s="91"/>
      <c r="FR1470" s="91"/>
      <c r="FS1470" s="91"/>
      <c r="FT1470" s="91"/>
      <c r="FU1470" s="91"/>
      <c r="FV1470" s="91"/>
      <c r="FW1470" s="91"/>
      <c r="FX1470" s="91"/>
      <c r="FY1470" s="91"/>
      <c r="FZ1470" s="91"/>
      <c r="GA1470" s="91"/>
      <c r="GB1470" s="91"/>
      <c r="GC1470" s="91"/>
      <c r="GD1470" s="91"/>
      <c r="GE1470" s="91"/>
      <c r="GF1470" s="91"/>
      <c r="GG1470" s="91"/>
      <c r="GH1470" s="91"/>
      <c r="GI1470" s="91"/>
      <c r="GJ1470" s="91"/>
      <c r="GK1470" s="127"/>
      <c r="GL1470" s="126"/>
      <c r="GM1470" s="91"/>
      <c r="GN1470" s="91"/>
      <c r="GO1470" s="91"/>
      <c r="GP1470" s="91"/>
      <c r="GQ1470" s="91"/>
      <c r="GR1470" s="91"/>
      <c r="GS1470" s="91"/>
      <c r="GT1470" s="91"/>
      <c r="GU1470" s="91"/>
      <c r="GV1470" s="91"/>
      <c r="GW1470" s="91"/>
      <c r="GX1470" s="91"/>
      <c r="GY1470" s="91"/>
      <c r="GZ1470" s="91"/>
      <c r="HA1470" s="91"/>
      <c r="HB1470" s="91"/>
      <c r="HC1470" s="91"/>
      <c r="HD1470" s="91"/>
      <c r="HE1470" s="91"/>
      <c r="HF1470" s="91"/>
      <c r="HG1470" s="91"/>
      <c r="HH1470" s="91"/>
      <c r="HI1470" s="91"/>
      <c r="HJ1470" s="91"/>
      <c r="HK1470" s="127"/>
      <c r="HL1470" s="126"/>
      <c r="HM1470" s="91"/>
      <c r="HN1470" s="91"/>
      <c r="HO1470" s="91"/>
      <c r="HP1470" s="91"/>
      <c r="HQ1470" s="91"/>
      <c r="HR1470" s="91"/>
      <c r="HS1470" s="91"/>
      <c r="HT1470" s="91"/>
      <c r="HU1470" s="91"/>
      <c r="HV1470" s="91"/>
      <c r="HW1470" s="91"/>
      <c r="HX1470" s="91"/>
      <c r="HY1470" s="91"/>
      <c r="HZ1470" s="91"/>
      <c r="IA1470" s="91"/>
      <c r="IB1470" s="91"/>
      <c r="IC1470" s="91"/>
      <c r="ID1470" s="91"/>
      <c r="IE1470" s="91"/>
      <c r="IF1470" s="91"/>
      <c r="IG1470" s="91"/>
      <c r="IH1470" s="91"/>
      <c r="II1470" s="91"/>
      <c r="IJ1470" s="91"/>
      <c r="IK1470" s="127"/>
    </row>
    <row r="1471" spans="2:245" x14ac:dyDescent="0.2">
      <c r="B1471" s="43"/>
      <c r="C1471" s="73"/>
      <c r="D1471" s="64"/>
      <c r="E1471" s="64"/>
      <c r="F1471" s="55"/>
      <c r="G1471" s="102"/>
      <c r="H1471" s="55"/>
      <c r="I1471" s="55"/>
      <c r="J1471" s="55"/>
      <c r="K1471" s="55"/>
      <c r="L1471" s="55"/>
      <c r="M1471" s="55"/>
      <c r="N1471" s="55"/>
      <c r="O1471" s="55"/>
      <c r="P1471" s="55"/>
      <c r="Q1471" s="55"/>
      <c r="R1471" s="55"/>
      <c r="S1471" s="55"/>
      <c r="T1471" s="55"/>
      <c r="U1471" s="55"/>
      <c r="V1471" s="55"/>
      <c r="W1471" s="55"/>
      <c r="X1471" s="55"/>
      <c r="Y1471" s="55"/>
      <c r="Z1471" s="55"/>
      <c r="AA1471" s="55"/>
      <c r="AB1471" s="55"/>
      <c r="AC1471" s="55"/>
      <c r="AD1471" s="55"/>
      <c r="AE1471" s="55"/>
      <c r="AF1471" s="55"/>
      <c r="AG1471" s="55"/>
      <c r="AY1471" s="162"/>
      <c r="AZ1471" s="162"/>
      <c r="BA1471" s="162"/>
      <c r="BB1471" s="162"/>
      <c r="BC1471" s="162"/>
      <c r="BD1471" s="162"/>
      <c r="BE1471" s="162"/>
      <c r="BF1471" s="162"/>
      <c r="BG1471" s="162"/>
      <c r="BH1471" s="162"/>
      <c r="BI1471" s="162"/>
      <c r="BJ1471" s="162"/>
      <c r="BK1471" s="162"/>
      <c r="BL1471" s="162"/>
      <c r="BM1471" s="162"/>
      <c r="BN1471" s="162"/>
      <c r="BO1471" s="162"/>
      <c r="BP1471" s="162"/>
      <c r="BQ1471" s="162"/>
      <c r="BR1471" s="162"/>
      <c r="BS1471" s="162"/>
      <c r="BT1471" s="162"/>
      <c r="BU1471" s="162"/>
      <c r="BV1471" s="162"/>
      <c r="BW1471" s="162"/>
      <c r="BX1471" s="162"/>
      <c r="BY1471" s="162"/>
      <c r="BZ1471" s="162"/>
      <c r="CA1471" s="162"/>
      <c r="CB1471" s="162"/>
      <c r="CC1471" s="162"/>
      <c r="CD1471" s="162"/>
      <c r="CE1471" s="162"/>
      <c r="CF1471" s="162"/>
      <c r="CG1471" s="162"/>
      <c r="CH1471" s="162"/>
      <c r="CI1471" s="162"/>
      <c r="CJ1471" s="162"/>
      <c r="CK1471" s="162"/>
      <c r="CX1471" s="98"/>
      <c r="DL1471" s="97"/>
      <c r="DX1471" s="98"/>
      <c r="EL1471" s="97"/>
      <c r="EX1471" s="98"/>
      <c r="EY1471" s="97"/>
      <c r="FL1471" s="126"/>
      <c r="FM1471" s="91"/>
      <c r="FN1471" s="91"/>
      <c r="FO1471" s="91"/>
      <c r="FP1471" s="91"/>
      <c r="FQ1471" s="91"/>
      <c r="FR1471" s="91"/>
      <c r="FS1471" s="91"/>
      <c r="FT1471" s="91"/>
      <c r="FU1471" s="91"/>
      <c r="FV1471" s="91"/>
      <c r="FW1471" s="91"/>
      <c r="FX1471" s="91"/>
      <c r="FY1471" s="91"/>
      <c r="FZ1471" s="91"/>
      <c r="GA1471" s="91"/>
      <c r="GB1471" s="91"/>
      <c r="GC1471" s="91"/>
      <c r="GD1471" s="91"/>
      <c r="GE1471" s="91"/>
      <c r="GF1471" s="91"/>
      <c r="GG1471" s="91"/>
      <c r="GH1471" s="91"/>
      <c r="GI1471" s="91"/>
      <c r="GJ1471" s="91"/>
      <c r="GK1471" s="127"/>
      <c r="GL1471" s="126"/>
      <c r="GM1471" s="91"/>
      <c r="GN1471" s="91"/>
      <c r="GO1471" s="91"/>
      <c r="GP1471" s="91"/>
      <c r="GQ1471" s="91"/>
      <c r="GR1471" s="91"/>
      <c r="GS1471" s="91"/>
      <c r="GT1471" s="91"/>
      <c r="GU1471" s="91"/>
      <c r="GV1471" s="91"/>
      <c r="GW1471" s="91"/>
      <c r="GX1471" s="91"/>
      <c r="GY1471" s="91"/>
      <c r="GZ1471" s="91"/>
      <c r="HA1471" s="91"/>
      <c r="HB1471" s="91"/>
      <c r="HC1471" s="91"/>
      <c r="HD1471" s="91"/>
      <c r="HE1471" s="91"/>
      <c r="HF1471" s="91"/>
      <c r="HG1471" s="91"/>
      <c r="HH1471" s="91"/>
      <c r="HI1471" s="91"/>
      <c r="HJ1471" s="91"/>
      <c r="HK1471" s="127"/>
      <c r="HL1471" s="126"/>
      <c r="HM1471" s="91"/>
      <c r="HN1471" s="91"/>
      <c r="HO1471" s="91"/>
      <c r="HP1471" s="91"/>
      <c r="HQ1471" s="91"/>
      <c r="HR1471" s="91"/>
      <c r="HS1471" s="91"/>
      <c r="HT1471" s="91"/>
      <c r="HU1471" s="91"/>
      <c r="HV1471" s="91"/>
      <c r="HW1471" s="91"/>
      <c r="HX1471" s="91"/>
      <c r="HY1471" s="91"/>
      <c r="HZ1471" s="91"/>
      <c r="IA1471" s="91"/>
      <c r="IB1471" s="91"/>
      <c r="IC1471" s="91"/>
      <c r="ID1471" s="91"/>
      <c r="IE1471" s="91"/>
      <c r="IF1471" s="91"/>
      <c r="IG1471" s="91"/>
      <c r="IH1471" s="91"/>
      <c r="II1471" s="91"/>
      <c r="IJ1471" s="91"/>
      <c r="IK1471" s="127"/>
    </row>
    <row r="1472" spans="2:245" x14ac:dyDescent="0.2">
      <c r="B1472" s="43"/>
      <c r="C1472" s="73"/>
      <c r="D1472" s="64"/>
      <c r="E1472" s="64"/>
      <c r="F1472" s="55"/>
      <c r="G1472" s="102"/>
      <c r="H1472" s="55"/>
      <c r="I1472" s="55"/>
      <c r="J1472" s="55"/>
      <c r="K1472" s="55"/>
      <c r="L1472" s="55"/>
      <c r="M1472" s="55"/>
      <c r="N1472" s="55"/>
      <c r="O1472" s="55"/>
      <c r="P1472" s="55"/>
      <c r="Q1472" s="55"/>
      <c r="R1472" s="55"/>
      <c r="S1472" s="55"/>
      <c r="T1472" s="55"/>
      <c r="U1472" s="55"/>
      <c r="V1472" s="55"/>
      <c r="W1472" s="55"/>
      <c r="X1472" s="55"/>
      <c r="Y1472" s="55"/>
      <c r="Z1472" s="55"/>
      <c r="AA1472" s="55"/>
      <c r="AB1472" s="55"/>
      <c r="AC1472" s="55"/>
      <c r="AD1472" s="55"/>
      <c r="AE1472" s="55"/>
      <c r="AF1472" s="55"/>
      <c r="AG1472" s="55"/>
      <c r="AY1472" s="162"/>
      <c r="AZ1472" s="162"/>
      <c r="BA1472" s="162"/>
      <c r="BB1472" s="162"/>
      <c r="BC1472" s="162"/>
      <c r="BD1472" s="162"/>
      <c r="BE1472" s="162"/>
      <c r="BF1472" s="162"/>
      <c r="BG1472" s="162"/>
      <c r="BH1472" s="162"/>
      <c r="BI1472" s="162"/>
      <c r="BJ1472" s="162"/>
      <c r="BK1472" s="162"/>
      <c r="BL1472" s="162"/>
      <c r="BM1472" s="162"/>
      <c r="BN1472" s="162"/>
      <c r="BO1472" s="162"/>
      <c r="BP1472" s="162"/>
      <c r="BQ1472" s="162"/>
      <c r="BR1472" s="162"/>
      <c r="BS1472" s="162"/>
      <c r="BT1472" s="162"/>
      <c r="BU1472" s="162"/>
      <c r="BV1472" s="162"/>
      <c r="BW1472" s="162"/>
      <c r="BX1472" s="162"/>
      <c r="BY1472" s="162"/>
      <c r="BZ1472" s="162"/>
      <c r="CA1472" s="162"/>
      <c r="CB1472" s="162"/>
      <c r="CC1472" s="162"/>
      <c r="CD1472" s="162"/>
      <c r="CE1472" s="162"/>
      <c r="CF1472" s="162"/>
      <c r="CG1472" s="162"/>
      <c r="CH1472" s="162"/>
      <c r="CI1472" s="162"/>
      <c r="CJ1472" s="162"/>
      <c r="CK1472" s="162"/>
      <c r="CX1472" s="98"/>
      <c r="DL1472" s="97"/>
      <c r="DX1472" s="98"/>
      <c r="EL1472" s="97"/>
      <c r="EX1472" s="98"/>
      <c r="EY1472" s="97"/>
      <c r="FL1472" s="126"/>
      <c r="FM1472" s="91"/>
      <c r="FN1472" s="91"/>
      <c r="FO1472" s="91"/>
      <c r="FP1472" s="91"/>
      <c r="FQ1472" s="91"/>
      <c r="FR1472" s="91"/>
      <c r="FS1472" s="91"/>
      <c r="FT1472" s="91"/>
      <c r="FU1472" s="91"/>
      <c r="FV1472" s="91"/>
      <c r="FW1472" s="91"/>
      <c r="FX1472" s="91"/>
      <c r="FY1472" s="91"/>
      <c r="FZ1472" s="91"/>
      <c r="GA1472" s="91"/>
      <c r="GB1472" s="91"/>
      <c r="GC1472" s="91"/>
      <c r="GD1472" s="91"/>
      <c r="GE1472" s="91"/>
      <c r="GF1472" s="91"/>
      <c r="GG1472" s="91"/>
      <c r="GH1472" s="91"/>
      <c r="GI1472" s="91"/>
      <c r="GJ1472" s="91"/>
      <c r="GK1472" s="127"/>
      <c r="GL1472" s="126"/>
      <c r="GM1472" s="91"/>
      <c r="GN1472" s="91"/>
      <c r="GO1472" s="91"/>
      <c r="GP1472" s="91"/>
      <c r="GQ1472" s="91"/>
      <c r="GR1472" s="91"/>
      <c r="GS1472" s="91"/>
      <c r="GT1472" s="91"/>
      <c r="GU1472" s="91"/>
      <c r="GV1472" s="91"/>
      <c r="GW1472" s="91"/>
      <c r="GX1472" s="91"/>
      <c r="GY1472" s="91"/>
      <c r="GZ1472" s="91"/>
      <c r="HA1472" s="91"/>
      <c r="HB1472" s="91"/>
      <c r="HC1472" s="91"/>
      <c r="HD1472" s="91"/>
      <c r="HE1472" s="91"/>
      <c r="HF1472" s="91"/>
      <c r="HG1472" s="91"/>
      <c r="HH1472" s="91"/>
      <c r="HI1472" s="91"/>
      <c r="HJ1472" s="91"/>
      <c r="HK1472" s="127"/>
      <c r="HL1472" s="126"/>
      <c r="HM1472" s="91"/>
      <c r="HN1472" s="91"/>
      <c r="HO1472" s="91"/>
      <c r="HP1472" s="91"/>
      <c r="HQ1472" s="91"/>
      <c r="HR1472" s="91"/>
      <c r="HS1472" s="91"/>
      <c r="HT1472" s="91"/>
      <c r="HU1472" s="91"/>
      <c r="HV1472" s="91"/>
      <c r="HW1472" s="91"/>
      <c r="HX1472" s="91"/>
      <c r="HY1472" s="91"/>
      <c r="HZ1472" s="91"/>
      <c r="IA1472" s="91"/>
      <c r="IB1472" s="91"/>
      <c r="IC1472" s="91"/>
      <c r="ID1472" s="91"/>
      <c r="IE1472" s="91"/>
      <c r="IF1472" s="91"/>
      <c r="IG1472" s="91"/>
      <c r="IH1472" s="91"/>
      <c r="II1472" s="91"/>
      <c r="IJ1472" s="91"/>
      <c r="IK1472" s="127"/>
    </row>
    <row r="1473" spans="2:245" x14ac:dyDescent="0.2">
      <c r="B1473" s="43"/>
      <c r="C1473" s="73"/>
      <c r="D1473" s="64"/>
      <c r="E1473" s="64"/>
      <c r="F1473" s="55"/>
      <c r="G1473" s="102"/>
      <c r="H1473" s="55"/>
      <c r="I1473" s="55"/>
      <c r="J1473" s="55"/>
      <c r="K1473" s="55"/>
      <c r="L1473" s="55"/>
      <c r="M1473" s="55"/>
      <c r="N1473" s="55"/>
      <c r="O1473" s="55"/>
      <c r="P1473" s="55"/>
      <c r="Q1473" s="55"/>
      <c r="R1473" s="55"/>
      <c r="S1473" s="55"/>
      <c r="T1473" s="55"/>
      <c r="U1473" s="55"/>
      <c r="V1473" s="55"/>
      <c r="W1473" s="55"/>
      <c r="X1473" s="55"/>
      <c r="Y1473" s="55"/>
      <c r="Z1473" s="55"/>
      <c r="AA1473" s="55"/>
      <c r="AB1473" s="55"/>
      <c r="AC1473" s="55"/>
      <c r="AD1473" s="55"/>
      <c r="AE1473" s="55"/>
      <c r="AF1473" s="55"/>
      <c r="AG1473" s="55"/>
      <c r="AY1473" s="162"/>
      <c r="AZ1473" s="162"/>
      <c r="BA1473" s="162"/>
      <c r="BB1473" s="162"/>
      <c r="BC1473" s="162"/>
      <c r="BD1473" s="162"/>
      <c r="BE1473" s="162"/>
      <c r="BF1473" s="162"/>
      <c r="BG1473" s="162"/>
      <c r="BH1473" s="162"/>
      <c r="BI1473" s="162"/>
      <c r="BJ1473" s="162"/>
      <c r="BK1473" s="162"/>
      <c r="BL1473" s="162"/>
      <c r="BM1473" s="162"/>
      <c r="BN1473" s="162"/>
      <c r="BO1473" s="162"/>
      <c r="BP1473" s="162"/>
      <c r="BQ1473" s="162"/>
      <c r="BR1473" s="162"/>
      <c r="BS1473" s="162"/>
      <c r="BT1473" s="162"/>
      <c r="BU1473" s="162"/>
      <c r="BV1473" s="162"/>
      <c r="BW1473" s="162"/>
      <c r="BX1473" s="162"/>
      <c r="BY1473" s="162"/>
      <c r="BZ1473" s="162"/>
      <c r="CA1473" s="162"/>
      <c r="CB1473" s="162"/>
      <c r="CC1473" s="162"/>
      <c r="CD1473" s="162"/>
      <c r="CE1473" s="162"/>
      <c r="CF1473" s="162"/>
      <c r="CG1473" s="162"/>
      <c r="CH1473" s="162"/>
      <c r="CI1473" s="162"/>
      <c r="CJ1473" s="162"/>
      <c r="CK1473" s="162"/>
      <c r="CX1473" s="98"/>
      <c r="DL1473" s="97"/>
      <c r="DX1473" s="98"/>
      <c r="EL1473" s="97"/>
      <c r="EX1473" s="98"/>
      <c r="EY1473" s="97"/>
      <c r="FL1473" s="126"/>
      <c r="FM1473" s="91"/>
      <c r="FN1473" s="91"/>
      <c r="FO1473" s="91"/>
      <c r="FP1473" s="91"/>
      <c r="FQ1473" s="91"/>
      <c r="FR1473" s="91"/>
      <c r="FS1473" s="91"/>
      <c r="FT1473" s="91"/>
      <c r="FU1473" s="91"/>
      <c r="FV1473" s="91"/>
      <c r="FW1473" s="91"/>
      <c r="FX1473" s="91"/>
      <c r="FY1473" s="91"/>
      <c r="FZ1473" s="91"/>
      <c r="GA1473" s="91"/>
      <c r="GB1473" s="91"/>
      <c r="GC1473" s="91"/>
      <c r="GD1473" s="91"/>
      <c r="GE1473" s="91"/>
      <c r="GF1473" s="91"/>
      <c r="GG1473" s="91"/>
      <c r="GH1473" s="91"/>
      <c r="GI1473" s="91"/>
      <c r="GJ1473" s="91"/>
      <c r="GK1473" s="127"/>
      <c r="GL1473" s="126"/>
      <c r="GM1473" s="91"/>
      <c r="GN1473" s="91"/>
      <c r="GO1473" s="91"/>
      <c r="GP1473" s="91"/>
      <c r="GQ1473" s="91"/>
      <c r="GR1473" s="91"/>
      <c r="GS1473" s="91"/>
      <c r="GT1473" s="91"/>
      <c r="GU1473" s="91"/>
      <c r="GV1473" s="91"/>
      <c r="GW1473" s="91"/>
      <c r="GX1473" s="91"/>
      <c r="GY1473" s="91"/>
      <c r="GZ1473" s="91"/>
      <c r="HA1473" s="91"/>
      <c r="HB1473" s="91"/>
      <c r="HC1473" s="91"/>
      <c r="HD1473" s="91"/>
      <c r="HE1473" s="91"/>
      <c r="HF1473" s="91"/>
      <c r="HG1473" s="91"/>
      <c r="HH1473" s="91"/>
      <c r="HI1473" s="91"/>
      <c r="HJ1473" s="91"/>
      <c r="HK1473" s="127"/>
      <c r="HL1473" s="126"/>
      <c r="HM1473" s="91"/>
      <c r="HN1473" s="91"/>
      <c r="HO1473" s="91"/>
      <c r="HP1473" s="91"/>
      <c r="HQ1473" s="91"/>
      <c r="HR1473" s="91"/>
      <c r="HS1473" s="91"/>
      <c r="HT1473" s="91"/>
      <c r="HU1473" s="91"/>
      <c r="HV1473" s="91"/>
      <c r="HW1473" s="91"/>
      <c r="HX1473" s="91"/>
      <c r="HY1473" s="91"/>
      <c r="HZ1473" s="91"/>
      <c r="IA1473" s="91"/>
      <c r="IB1473" s="91"/>
      <c r="IC1473" s="91"/>
      <c r="ID1473" s="91"/>
      <c r="IE1473" s="91"/>
      <c r="IF1473" s="91"/>
      <c r="IG1473" s="91"/>
      <c r="IH1473" s="91"/>
      <c r="II1473" s="91"/>
      <c r="IJ1473" s="91"/>
      <c r="IK1473" s="127"/>
    </row>
    <row r="1474" spans="2:245" x14ac:dyDescent="0.2">
      <c r="B1474" s="43"/>
      <c r="C1474" s="73"/>
      <c r="D1474" s="64"/>
      <c r="E1474" s="64"/>
      <c r="F1474" s="55"/>
      <c r="G1474" s="102"/>
      <c r="H1474" s="55"/>
      <c r="I1474" s="55"/>
      <c r="J1474" s="55"/>
      <c r="K1474" s="55"/>
      <c r="L1474" s="55"/>
      <c r="M1474" s="55"/>
      <c r="N1474" s="55"/>
      <c r="O1474" s="55"/>
      <c r="P1474" s="55"/>
      <c r="Q1474" s="55"/>
      <c r="R1474" s="55"/>
      <c r="S1474" s="55"/>
      <c r="T1474" s="55"/>
      <c r="U1474" s="55"/>
      <c r="V1474" s="55"/>
      <c r="W1474" s="55"/>
      <c r="X1474" s="55"/>
      <c r="Y1474" s="55"/>
      <c r="Z1474" s="55"/>
      <c r="AA1474" s="55"/>
      <c r="AB1474" s="55"/>
      <c r="AC1474" s="55"/>
      <c r="AD1474" s="55"/>
      <c r="AE1474" s="55"/>
      <c r="AF1474" s="55"/>
      <c r="AG1474" s="55"/>
      <c r="AY1474" s="162"/>
      <c r="AZ1474" s="162"/>
      <c r="BA1474" s="162"/>
      <c r="BB1474" s="162"/>
      <c r="BC1474" s="162"/>
      <c r="BD1474" s="162"/>
      <c r="BE1474" s="162"/>
      <c r="BF1474" s="162"/>
      <c r="BG1474" s="162"/>
      <c r="BH1474" s="162"/>
      <c r="BI1474" s="162"/>
      <c r="BJ1474" s="162"/>
      <c r="BK1474" s="162"/>
      <c r="BL1474" s="162"/>
      <c r="BM1474" s="162"/>
      <c r="BN1474" s="162"/>
      <c r="BO1474" s="162"/>
      <c r="BP1474" s="162"/>
      <c r="BQ1474" s="162"/>
      <c r="BR1474" s="162"/>
      <c r="BS1474" s="162"/>
      <c r="BT1474" s="162"/>
      <c r="BU1474" s="162"/>
      <c r="BV1474" s="162"/>
      <c r="BW1474" s="162"/>
      <c r="BX1474" s="162"/>
      <c r="BY1474" s="162"/>
      <c r="BZ1474" s="162"/>
      <c r="CA1474" s="162"/>
      <c r="CB1474" s="162"/>
      <c r="CC1474" s="162"/>
      <c r="CD1474" s="162"/>
      <c r="CE1474" s="162"/>
      <c r="CF1474" s="162"/>
      <c r="CG1474" s="162"/>
      <c r="CH1474" s="162"/>
      <c r="CI1474" s="162"/>
      <c r="CJ1474" s="162"/>
      <c r="CK1474" s="162"/>
      <c r="CX1474" s="98"/>
      <c r="DL1474" s="97"/>
      <c r="DX1474" s="98"/>
      <c r="EL1474" s="97"/>
      <c r="EX1474" s="98"/>
      <c r="EY1474" s="97"/>
      <c r="FL1474" s="126"/>
      <c r="FM1474" s="91"/>
      <c r="FN1474" s="91"/>
      <c r="FO1474" s="91"/>
      <c r="FP1474" s="91"/>
      <c r="FQ1474" s="91"/>
      <c r="FR1474" s="91"/>
      <c r="FS1474" s="91"/>
      <c r="FT1474" s="91"/>
      <c r="FU1474" s="91"/>
      <c r="FV1474" s="91"/>
      <c r="FW1474" s="91"/>
      <c r="FX1474" s="91"/>
      <c r="FY1474" s="91"/>
      <c r="FZ1474" s="91"/>
      <c r="GA1474" s="91"/>
      <c r="GB1474" s="91"/>
      <c r="GC1474" s="91"/>
      <c r="GD1474" s="91"/>
      <c r="GE1474" s="91"/>
      <c r="GF1474" s="91"/>
      <c r="GG1474" s="91"/>
      <c r="GH1474" s="91"/>
      <c r="GI1474" s="91"/>
      <c r="GJ1474" s="91"/>
      <c r="GK1474" s="127"/>
      <c r="GL1474" s="126"/>
      <c r="GM1474" s="91"/>
      <c r="GN1474" s="91"/>
      <c r="GO1474" s="91"/>
      <c r="GP1474" s="91"/>
      <c r="GQ1474" s="91"/>
      <c r="GR1474" s="91"/>
      <c r="GS1474" s="91"/>
      <c r="GT1474" s="91"/>
      <c r="GU1474" s="91"/>
      <c r="GV1474" s="91"/>
      <c r="GW1474" s="91"/>
      <c r="GX1474" s="91"/>
      <c r="GY1474" s="91"/>
      <c r="GZ1474" s="91"/>
      <c r="HA1474" s="91"/>
      <c r="HB1474" s="91"/>
      <c r="HC1474" s="91"/>
      <c r="HD1474" s="91"/>
      <c r="HE1474" s="91"/>
      <c r="HF1474" s="91"/>
      <c r="HG1474" s="91"/>
      <c r="HH1474" s="91"/>
      <c r="HI1474" s="91"/>
      <c r="HJ1474" s="91"/>
      <c r="HK1474" s="127"/>
      <c r="HL1474" s="126"/>
      <c r="HM1474" s="91"/>
      <c r="HN1474" s="91"/>
      <c r="HO1474" s="91"/>
      <c r="HP1474" s="91"/>
      <c r="HQ1474" s="91"/>
      <c r="HR1474" s="91"/>
      <c r="HS1474" s="91"/>
      <c r="HT1474" s="91"/>
      <c r="HU1474" s="91"/>
      <c r="HV1474" s="91"/>
      <c r="HW1474" s="91"/>
      <c r="HX1474" s="91"/>
      <c r="HY1474" s="91"/>
      <c r="HZ1474" s="91"/>
      <c r="IA1474" s="91"/>
      <c r="IB1474" s="91"/>
      <c r="IC1474" s="91"/>
      <c r="ID1474" s="91"/>
      <c r="IE1474" s="91"/>
      <c r="IF1474" s="91"/>
      <c r="IG1474" s="91"/>
      <c r="IH1474" s="91"/>
      <c r="II1474" s="91"/>
      <c r="IJ1474" s="91"/>
      <c r="IK1474" s="127"/>
    </row>
    <row r="1475" spans="2:245" x14ac:dyDescent="0.2">
      <c r="B1475" s="43"/>
      <c r="C1475" s="73"/>
      <c r="D1475" s="64"/>
      <c r="E1475" s="64"/>
      <c r="F1475" s="55"/>
      <c r="G1475" s="102"/>
      <c r="H1475" s="55"/>
      <c r="I1475" s="55"/>
      <c r="J1475" s="55"/>
      <c r="K1475" s="55"/>
      <c r="L1475" s="55"/>
      <c r="M1475" s="55"/>
      <c r="N1475" s="55"/>
      <c r="O1475" s="55"/>
      <c r="P1475" s="55"/>
      <c r="Q1475" s="55"/>
      <c r="R1475" s="55"/>
      <c r="S1475" s="55"/>
      <c r="T1475" s="55"/>
      <c r="U1475" s="55"/>
      <c r="V1475" s="55"/>
      <c r="W1475" s="55"/>
      <c r="X1475" s="55"/>
      <c r="Y1475" s="55"/>
      <c r="Z1475" s="55"/>
      <c r="AA1475" s="55"/>
      <c r="AB1475" s="55"/>
      <c r="AC1475" s="55"/>
      <c r="AD1475" s="55"/>
      <c r="AE1475" s="55"/>
      <c r="AF1475" s="55"/>
      <c r="AG1475" s="55"/>
      <c r="AY1475" s="162"/>
      <c r="AZ1475" s="162"/>
      <c r="BA1475" s="162"/>
      <c r="BB1475" s="162"/>
      <c r="BC1475" s="162"/>
      <c r="BD1475" s="162"/>
      <c r="BE1475" s="162"/>
      <c r="BF1475" s="162"/>
      <c r="BG1475" s="162"/>
      <c r="BH1475" s="162"/>
      <c r="BI1475" s="162"/>
      <c r="BJ1475" s="162"/>
      <c r="BK1475" s="162"/>
      <c r="BL1475" s="162"/>
      <c r="BM1475" s="162"/>
      <c r="BN1475" s="162"/>
      <c r="BO1475" s="162"/>
      <c r="BP1475" s="162"/>
      <c r="BQ1475" s="162"/>
      <c r="BR1475" s="162"/>
      <c r="BS1475" s="162"/>
      <c r="BT1475" s="162"/>
      <c r="BU1475" s="162"/>
      <c r="BV1475" s="162"/>
      <c r="BW1475" s="162"/>
      <c r="BX1475" s="162"/>
      <c r="BY1475" s="162"/>
      <c r="BZ1475" s="162"/>
      <c r="CA1475" s="162"/>
      <c r="CB1475" s="162"/>
      <c r="CC1475" s="162"/>
      <c r="CD1475" s="162"/>
      <c r="CE1475" s="162"/>
      <c r="CF1475" s="162"/>
      <c r="CG1475" s="162"/>
      <c r="CH1475" s="162"/>
      <c r="CI1475" s="162"/>
      <c r="CJ1475" s="162"/>
      <c r="CK1475" s="162"/>
      <c r="CX1475" s="98"/>
      <c r="DL1475" s="97"/>
      <c r="DX1475" s="98"/>
      <c r="EL1475" s="97"/>
      <c r="EX1475" s="98"/>
      <c r="EY1475" s="97"/>
      <c r="FL1475" s="126"/>
      <c r="FM1475" s="91"/>
      <c r="FN1475" s="91"/>
      <c r="FO1475" s="91"/>
      <c r="FP1475" s="91"/>
      <c r="FQ1475" s="91"/>
      <c r="FR1475" s="91"/>
      <c r="FS1475" s="91"/>
      <c r="FT1475" s="91"/>
      <c r="FU1475" s="91"/>
      <c r="FV1475" s="91"/>
      <c r="FW1475" s="91"/>
      <c r="FX1475" s="91"/>
      <c r="FY1475" s="91"/>
      <c r="FZ1475" s="91"/>
      <c r="GA1475" s="91"/>
      <c r="GB1475" s="91"/>
      <c r="GC1475" s="91"/>
      <c r="GD1475" s="91"/>
      <c r="GE1475" s="91"/>
      <c r="GF1475" s="91"/>
      <c r="GG1475" s="91"/>
      <c r="GH1475" s="91"/>
      <c r="GI1475" s="91"/>
      <c r="GJ1475" s="91"/>
      <c r="GK1475" s="127"/>
      <c r="GL1475" s="126"/>
      <c r="GM1475" s="91"/>
      <c r="GN1475" s="91"/>
      <c r="GO1475" s="91"/>
      <c r="GP1475" s="91"/>
      <c r="GQ1475" s="91"/>
      <c r="GR1475" s="91"/>
      <c r="GS1475" s="91"/>
      <c r="GT1475" s="91"/>
      <c r="GU1475" s="91"/>
      <c r="GV1475" s="91"/>
      <c r="GW1475" s="91"/>
      <c r="GX1475" s="91"/>
      <c r="GY1475" s="91"/>
      <c r="GZ1475" s="91"/>
      <c r="HA1475" s="91"/>
      <c r="HB1475" s="91"/>
      <c r="HC1475" s="91"/>
      <c r="HD1475" s="91"/>
      <c r="HE1475" s="91"/>
      <c r="HF1475" s="91"/>
      <c r="HG1475" s="91"/>
      <c r="HH1475" s="91"/>
      <c r="HI1475" s="91"/>
      <c r="HJ1475" s="91"/>
      <c r="HK1475" s="127"/>
      <c r="HL1475" s="126"/>
      <c r="HM1475" s="91"/>
      <c r="HN1475" s="91"/>
      <c r="HO1475" s="91"/>
      <c r="HP1475" s="91"/>
      <c r="HQ1475" s="91"/>
      <c r="HR1475" s="91"/>
      <c r="HS1475" s="91"/>
      <c r="HT1475" s="91"/>
      <c r="HU1475" s="91"/>
      <c r="HV1475" s="91"/>
      <c r="HW1475" s="91"/>
      <c r="HX1475" s="91"/>
      <c r="HY1475" s="91"/>
      <c r="HZ1475" s="91"/>
      <c r="IA1475" s="91"/>
      <c r="IB1475" s="91"/>
      <c r="IC1475" s="91"/>
      <c r="ID1475" s="91"/>
      <c r="IE1475" s="91"/>
      <c r="IF1475" s="91"/>
      <c r="IG1475" s="91"/>
      <c r="IH1475" s="91"/>
      <c r="II1475" s="91"/>
      <c r="IJ1475" s="91"/>
      <c r="IK1475" s="127"/>
    </row>
    <row r="1476" spans="2:245" x14ac:dyDescent="0.2">
      <c r="B1476" s="43"/>
      <c r="C1476" s="73"/>
      <c r="D1476" s="64"/>
      <c r="E1476" s="64"/>
      <c r="F1476" s="55"/>
      <c r="G1476" s="102"/>
      <c r="H1476" s="55"/>
      <c r="I1476" s="55"/>
      <c r="J1476" s="55"/>
      <c r="K1476" s="55"/>
      <c r="L1476" s="55"/>
      <c r="M1476" s="55"/>
      <c r="N1476" s="55"/>
      <c r="O1476" s="55"/>
      <c r="P1476" s="55"/>
      <c r="Q1476" s="55"/>
      <c r="R1476" s="55"/>
      <c r="S1476" s="55"/>
      <c r="T1476" s="55"/>
      <c r="U1476" s="55"/>
      <c r="V1476" s="55"/>
      <c r="W1476" s="55"/>
      <c r="X1476" s="55"/>
      <c r="Y1476" s="55"/>
      <c r="Z1476" s="55"/>
      <c r="AA1476" s="55"/>
      <c r="AB1476" s="55"/>
      <c r="AC1476" s="55"/>
      <c r="AD1476" s="55"/>
      <c r="AE1476" s="55"/>
      <c r="AF1476" s="55"/>
      <c r="AG1476" s="55"/>
      <c r="AY1476" s="162"/>
      <c r="AZ1476" s="162"/>
      <c r="BA1476" s="162"/>
      <c r="BB1476" s="162"/>
      <c r="BC1476" s="162"/>
      <c r="BD1476" s="162"/>
      <c r="BE1476" s="162"/>
      <c r="BF1476" s="162"/>
      <c r="BG1476" s="162"/>
      <c r="BH1476" s="162"/>
      <c r="BI1476" s="162"/>
      <c r="BJ1476" s="162"/>
      <c r="BK1476" s="162"/>
      <c r="BL1476" s="162"/>
      <c r="BM1476" s="162"/>
      <c r="BN1476" s="162"/>
      <c r="BO1476" s="162"/>
      <c r="BP1476" s="162"/>
      <c r="BQ1476" s="162"/>
      <c r="BR1476" s="162"/>
      <c r="BS1476" s="162"/>
      <c r="BT1476" s="162"/>
      <c r="BU1476" s="162"/>
      <c r="BV1476" s="162"/>
      <c r="BW1476" s="162"/>
      <c r="BX1476" s="162"/>
      <c r="BY1476" s="162"/>
      <c r="BZ1476" s="162"/>
      <c r="CA1476" s="162"/>
      <c r="CB1476" s="162"/>
      <c r="CC1476" s="162"/>
      <c r="CD1476" s="162"/>
      <c r="CE1476" s="162"/>
      <c r="CF1476" s="162"/>
      <c r="CG1476" s="162"/>
      <c r="CH1476" s="162"/>
      <c r="CI1476" s="162"/>
      <c r="CJ1476" s="162"/>
      <c r="CK1476" s="162"/>
      <c r="CX1476" s="98"/>
      <c r="DL1476" s="97"/>
      <c r="DX1476" s="98"/>
      <c r="EL1476" s="97"/>
      <c r="EX1476" s="98"/>
      <c r="EY1476" s="97"/>
      <c r="FL1476" s="126"/>
      <c r="FM1476" s="91"/>
      <c r="FN1476" s="91"/>
      <c r="FO1476" s="91"/>
      <c r="FP1476" s="91"/>
      <c r="FQ1476" s="91"/>
      <c r="FR1476" s="91"/>
      <c r="FS1476" s="91"/>
      <c r="FT1476" s="91"/>
      <c r="FU1476" s="91"/>
      <c r="FV1476" s="91"/>
      <c r="FW1476" s="91"/>
      <c r="FX1476" s="91"/>
      <c r="FY1476" s="91"/>
      <c r="FZ1476" s="91"/>
      <c r="GA1476" s="91"/>
      <c r="GB1476" s="91"/>
      <c r="GC1476" s="91"/>
      <c r="GD1476" s="91"/>
      <c r="GE1476" s="91"/>
      <c r="GF1476" s="91"/>
      <c r="GG1476" s="91"/>
      <c r="GH1476" s="91"/>
      <c r="GI1476" s="91"/>
      <c r="GJ1476" s="91"/>
      <c r="GK1476" s="127"/>
      <c r="GL1476" s="126"/>
      <c r="GM1476" s="91"/>
      <c r="GN1476" s="91"/>
      <c r="GO1476" s="91"/>
      <c r="GP1476" s="91"/>
      <c r="GQ1476" s="91"/>
      <c r="GR1476" s="91"/>
      <c r="GS1476" s="91"/>
      <c r="GT1476" s="91"/>
      <c r="GU1476" s="91"/>
      <c r="GV1476" s="91"/>
      <c r="GW1476" s="91"/>
      <c r="GX1476" s="91"/>
      <c r="GY1476" s="91"/>
      <c r="GZ1476" s="91"/>
      <c r="HA1476" s="91"/>
      <c r="HB1476" s="91"/>
      <c r="HC1476" s="91"/>
      <c r="HD1476" s="91"/>
      <c r="HE1476" s="91"/>
      <c r="HF1476" s="91"/>
      <c r="HG1476" s="91"/>
      <c r="HH1476" s="91"/>
      <c r="HI1476" s="91"/>
      <c r="HJ1476" s="91"/>
      <c r="HK1476" s="127"/>
      <c r="HL1476" s="126"/>
      <c r="HM1476" s="91"/>
      <c r="HN1476" s="91"/>
      <c r="HO1476" s="91"/>
      <c r="HP1476" s="91"/>
      <c r="HQ1476" s="91"/>
      <c r="HR1476" s="91"/>
      <c r="HS1476" s="91"/>
      <c r="HT1476" s="91"/>
      <c r="HU1476" s="91"/>
      <c r="HV1476" s="91"/>
      <c r="HW1476" s="91"/>
      <c r="HX1476" s="91"/>
      <c r="HY1476" s="91"/>
      <c r="HZ1476" s="91"/>
      <c r="IA1476" s="91"/>
      <c r="IB1476" s="91"/>
      <c r="IC1476" s="91"/>
      <c r="ID1476" s="91"/>
      <c r="IE1476" s="91"/>
      <c r="IF1476" s="91"/>
      <c r="IG1476" s="91"/>
      <c r="IH1476" s="91"/>
      <c r="II1476" s="91"/>
      <c r="IJ1476" s="91"/>
      <c r="IK1476" s="127"/>
    </row>
    <row r="1477" spans="2:245" x14ac:dyDescent="0.2">
      <c r="B1477" s="43"/>
      <c r="C1477" s="73"/>
      <c r="D1477" s="64"/>
      <c r="E1477" s="64"/>
      <c r="F1477" s="55"/>
      <c r="G1477" s="102"/>
      <c r="H1477" s="55"/>
      <c r="I1477" s="55"/>
      <c r="J1477" s="55"/>
      <c r="K1477" s="55"/>
      <c r="L1477" s="55"/>
      <c r="M1477" s="55"/>
      <c r="N1477" s="55"/>
      <c r="O1477" s="55"/>
      <c r="P1477" s="55"/>
      <c r="Q1477" s="55"/>
      <c r="R1477" s="55"/>
      <c r="S1477" s="55"/>
      <c r="T1477" s="55"/>
      <c r="U1477" s="55"/>
      <c r="V1477" s="55"/>
      <c r="W1477" s="55"/>
      <c r="X1477" s="55"/>
      <c r="Y1477" s="55"/>
      <c r="Z1477" s="55"/>
      <c r="AA1477" s="55"/>
      <c r="AB1477" s="55"/>
      <c r="AC1477" s="55"/>
      <c r="AD1477" s="55"/>
      <c r="AE1477" s="55"/>
      <c r="AF1477" s="55"/>
      <c r="AG1477" s="55"/>
      <c r="AY1477" s="162"/>
      <c r="AZ1477" s="162"/>
      <c r="BA1477" s="162"/>
      <c r="BB1477" s="162"/>
      <c r="BC1477" s="162"/>
      <c r="BD1477" s="162"/>
      <c r="BE1477" s="162"/>
      <c r="BF1477" s="162"/>
      <c r="BG1477" s="162"/>
      <c r="BH1477" s="162"/>
      <c r="BI1477" s="162"/>
      <c r="BJ1477" s="162"/>
      <c r="BK1477" s="162"/>
      <c r="BL1477" s="162"/>
      <c r="BM1477" s="162"/>
      <c r="BN1477" s="162"/>
      <c r="BO1477" s="162"/>
      <c r="BP1477" s="162"/>
      <c r="BQ1477" s="162"/>
      <c r="BR1477" s="162"/>
      <c r="BS1477" s="162"/>
      <c r="BT1477" s="162"/>
      <c r="BU1477" s="162"/>
      <c r="BV1477" s="162"/>
      <c r="BW1477" s="162"/>
      <c r="BX1477" s="162"/>
      <c r="BY1477" s="162"/>
      <c r="BZ1477" s="162"/>
      <c r="CA1477" s="162"/>
      <c r="CB1477" s="162"/>
      <c r="CC1477" s="162"/>
      <c r="CD1477" s="162"/>
      <c r="CE1477" s="162"/>
      <c r="CF1477" s="162"/>
      <c r="CG1477" s="162"/>
      <c r="CH1477" s="162"/>
      <c r="CI1477" s="162"/>
      <c r="CJ1477" s="162"/>
      <c r="CK1477" s="162"/>
      <c r="CX1477" s="98"/>
      <c r="DL1477" s="97"/>
      <c r="DX1477" s="98"/>
      <c r="EL1477" s="97"/>
      <c r="EX1477" s="98"/>
      <c r="EY1477" s="97"/>
      <c r="FL1477" s="126"/>
      <c r="FM1477" s="91"/>
      <c r="FN1477" s="91"/>
      <c r="FO1477" s="91"/>
      <c r="FP1477" s="91"/>
      <c r="FQ1477" s="91"/>
      <c r="FR1477" s="91"/>
      <c r="FS1477" s="91"/>
      <c r="FT1477" s="91"/>
      <c r="FU1477" s="91"/>
      <c r="FV1477" s="91"/>
      <c r="FW1477" s="91"/>
      <c r="FX1477" s="91"/>
      <c r="FY1477" s="91"/>
      <c r="FZ1477" s="91"/>
      <c r="GA1477" s="91"/>
      <c r="GB1477" s="91"/>
      <c r="GC1477" s="91"/>
      <c r="GD1477" s="91"/>
      <c r="GE1477" s="91"/>
      <c r="GF1477" s="91"/>
      <c r="GG1477" s="91"/>
      <c r="GH1477" s="91"/>
      <c r="GI1477" s="91"/>
      <c r="GJ1477" s="91"/>
      <c r="GK1477" s="127"/>
      <c r="GL1477" s="126"/>
      <c r="GM1477" s="91"/>
      <c r="GN1477" s="91"/>
      <c r="GO1477" s="91"/>
      <c r="GP1477" s="91"/>
      <c r="GQ1477" s="91"/>
      <c r="GR1477" s="91"/>
      <c r="GS1477" s="91"/>
      <c r="GT1477" s="91"/>
      <c r="GU1477" s="91"/>
      <c r="GV1477" s="91"/>
      <c r="GW1477" s="91"/>
      <c r="GX1477" s="91"/>
      <c r="GY1477" s="91"/>
      <c r="GZ1477" s="91"/>
      <c r="HA1477" s="91"/>
      <c r="HB1477" s="91"/>
      <c r="HC1477" s="91"/>
      <c r="HD1477" s="91"/>
      <c r="HE1477" s="91"/>
      <c r="HF1477" s="91"/>
      <c r="HG1477" s="91"/>
      <c r="HH1477" s="91"/>
      <c r="HI1477" s="91"/>
      <c r="HJ1477" s="91"/>
      <c r="HK1477" s="127"/>
      <c r="HL1477" s="126"/>
      <c r="HM1477" s="91"/>
      <c r="HN1477" s="91"/>
      <c r="HO1477" s="91"/>
      <c r="HP1477" s="91"/>
      <c r="HQ1477" s="91"/>
      <c r="HR1477" s="91"/>
      <c r="HS1477" s="91"/>
      <c r="HT1477" s="91"/>
      <c r="HU1477" s="91"/>
      <c r="HV1477" s="91"/>
      <c r="HW1477" s="91"/>
      <c r="HX1477" s="91"/>
      <c r="HY1477" s="91"/>
      <c r="HZ1477" s="91"/>
      <c r="IA1477" s="91"/>
      <c r="IB1477" s="91"/>
      <c r="IC1477" s="91"/>
      <c r="ID1477" s="91"/>
      <c r="IE1477" s="91"/>
      <c r="IF1477" s="91"/>
      <c r="IG1477" s="91"/>
      <c r="IH1477" s="91"/>
      <c r="II1477" s="91"/>
      <c r="IJ1477" s="91"/>
      <c r="IK1477" s="127"/>
    </row>
    <row r="1478" spans="2:245" x14ac:dyDescent="0.2">
      <c r="B1478" s="43"/>
      <c r="C1478" s="73"/>
      <c r="D1478" s="64"/>
      <c r="E1478" s="64"/>
      <c r="F1478" s="55"/>
      <c r="G1478" s="102"/>
      <c r="H1478" s="55"/>
      <c r="I1478" s="55"/>
      <c r="J1478" s="55"/>
      <c r="K1478" s="55"/>
      <c r="L1478" s="55"/>
      <c r="M1478" s="55"/>
      <c r="N1478" s="55"/>
      <c r="O1478" s="55"/>
      <c r="P1478" s="55"/>
      <c r="Q1478" s="55"/>
      <c r="R1478" s="55"/>
      <c r="S1478" s="55"/>
      <c r="T1478" s="55"/>
      <c r="U1478" s="55"/>
      <c r="V1478" s="55"/>
      <c r="W1478" s="55"/>
      <c r="X1478" s="55"/>
      <c r="Y1478" s="55"/>
      <c r="Z1478" s="55"/>
      <c r="AA1478" s="55"/>
      <c r="AB1478" s="55"/>
      <c r="AC1478" s="55"/>
      <c r="AD1478" s="55"/>
      <c r="AE1478" s="55"/>
      <c r="AF1478" s="55"/>
      <c r="AG1478" s="55"/>
      <c r="AY1478" s="162"/>
      <c r="AZ1478" s="162"/>
      <c r="BA1478" s="162"/>
      <c r="BB1478" s="162"/>
      <c r="BC1478" s="162"/>
      <c r="BD1478" s="162"/>
      <c r="BE1478" s="162"/>
      <c r="BF1478" s="162"/>
      <c r="BG1478" s="162"/>
      <c r="BH1478" s="162"/>
      <c r="BI1478" s="162"/>
      <c r="BJ1478" s="162"/>
      <c r="BK1478" s="162"/>
      <c r="BL1478" s="162"/>
      <c r="BM1478" s="162"/>
      <c r="BN1478" s="162"/>
      <c r="BO1478" s="162"/>
      <c r="BP1478" s="162"/>
      <c r="BQ1478" s="162"/>
      <c r="BR1478" s="162"/>
      <c r="BS1478" s="162"/>
      <c r="BT1478" s="162"/>
      <c r="BU1478" s="162"/>
      <c r="BV1478" s="162"/>
      <c r="BW1478" s="162"/>
      <c r="BX1478" s="162"/>
      <c r="BY1478" s="162"/>
      <c r="BZ1478" s="162"/>
      <c r="CA1478" s="162"/>
      <c r="CB1478" s="162"/>
      <c r="CC1478" s="162"/>
      <c r="CD1478" s="162"/>
      <c r="CE1478" s="162"/>
      <c r="CF1478" s="162"/>
      <c r="CG1478" s="162"/>
      <c r="CH1478" s="162"/>
      <c r="CI1478" s="162"/>
      <c r="CJ1478" s="162"/>
      <c r="CK1478" s="162"/>
      <c r="CX1478" s="98"/>
      <c r="DL1478" s="97"/>
      <c r="DX1478" s="98"/>
      <c r="EL1478" s="97"/>
      <c r="EX1478" s="98"/>
      <c r="EY1478" s="97"/>
      <c r="FL1478" s="126"/>
      <c r="FM1478" s="91"/>
      <c r="FN1478" s="91"/>
      <c r="FO1478" s="91"/>
      <c r="FP1478" s="91"/>
      <c r="FQ1478" s="91"/>
      <c r="FR1478" s="91"/>
      <c r="FS1478" s="91"/>
      <c r="FT1478" s="91"/>
      <c r="FU1478" s="91"/>
      <c r="FV1478" s="91"/>
      <c r="FW1478" s="91"/>
      <c r="FX1478" s="91"/>
      <c r="FY1478" s="91"/>
      <c r="FZ1478" s="91"/>
      <c r="GA1478" s="91"/>
      <c r="GB1478" s="91"/>
      <c r="GC1478" s="91"/>
      <c r="GD1478" s="91"/>
      <c r="GE1478" s="91"/>
      <c r="GF1478" s="91"/>
      <c r="GG1478" s="91"/>
      <c r="GH1478" s="91"/>
      <c r="GI1478" s="91"/>
      <c r="GJ1478" s="91"/>
      <c r="GK1478" s="127"/>
      <c r="GL1478" s="126"/>
      <c r="GM1478" s="91"/>
      <c r="GN1478" s="91"/>
      <c r="GO1478" s="91"/>
      <c r="GP1478" s="91"/>
      <c r="GQ1478" s="91"/>
      <c r="GR1478" s="91"/>
      <c r="GS1478" s="91"/>
      <c r="GT1478" s="91"/>
      <c r="GU1478" s="91"/>
      <c r="GV1478" s="91"/>
      <c r="GW1478" s="91"/>
      <c r="GX1478" s="91"/>
      <c r="GY1478" s="91"/>
      <c r="GZ1478" s="91"/>
      <c r="HA1478" s="91"/>
      <c r="HB1478" s="91"/>
      <c r="HC1478" s="91"/>
      <c r="HD1478" s="91"/>
      <c r="HE1478" s="91"/>
      <c r="HF1478" s="91"/>
      <c r="HG1478" s="91"/>
      <c r="HH1478" s="91"/>
      <c r="HI1478" s="91"/>
      <c r="HJ1478" s="91"/>
      <c r="HK1478" s="127"/>
      <c r="HL1478" s="126"/>
      <c r="HM1478" s="91"/>
      <c r="HN1478" s="91"/>
      <c r="HO1478" s="91"/>
      <c r="HP1478" s="91"/>
      <c r="HQ1478" s="91"/>
      <c r="HR1478" s="91"/>
      <c r="HS1478" s="91"/>
      <c r="HT1478" s="91"/>
      <c r="HU1478" s="91"/>
      <c r="HV1478" s="91"/>
      <c r="HW1478" s="91"/>
      <c r="HX1478" s="91"/>
      <c r="HY1478" s="91"/>
      <c r="HZ1478" s="91"/>
      <c r="IA1478" s="91"/>
      <c r="IB1478" s="91"/>
      <c r="IC1478" s="91"/>
      <c r="ID1478" s="91"/>
      <c r="IE1478" s="91"/>
      <c r="IF1478" s="91"/>
      <c r="IG1478" s="91"/>
      <c r="IH1478" s="91"/>
      <c r="II1478" s="91"/>
      <c r="IJ1478" s="91"/>
      <c r="IK1478" s="127"/>
    </row>
    <row r="1479" spans="2:245" x14ac:dyDescent="0.2">
      <c r="B1479" s="43"/>
      <c r="C1479" s="73"/>
      <c r="D1479" s="64"/>
      <c r="E1479" s="64"/>
      <c r="F1479" s="55"/>
      <c r="G1479" s="102"/>
      <c r="H1479" s="55"/>
      <c r="I1479" s="55"/>
      <c r="J1479" s="55"/>
      <c r="K1479" s="55"/>
      <c r="L1479" s="55"/>
      <c r="M1479" s="55"/>
      <c r="N1479" s="55"/>
      <c r="O1479" s="55"/>
      <c r="P1479" s="55"/>
      <c r="Q1479" s="55"/>
      <c r="R1479" s="55"/>
      <c r="S1479" s="55"/>
      <c r="T1479" s="55"/>
      <c r="U1479" s="55"/>
      <c r="V1479" s="55"/>
      <c r="W1479" s="55"/>
      <c r="X1479" s="55"/>
      <c r="Y1479" s="55"/>
      <c r="Z1479" s="55"/>
      <c r="AA1479" s="55"/>
      <c r="AB1479" s="55"/>
      <c r="AC1479" s="55"/>
      <c r="AD1479" s="55"/>
      <c r="AE1479" s="55"/>
      <c r="AF1479" s="55"/>
      <c r="AG1479" s="55"/>
      <c r="AY1479" s="162"/>
      <c r="AZ1479" s="162"/>
      <c r="BA1479" s="162"/>
      <c r="BB1479" s="162"/>
      <c r="BC1479" s="162"/>
      <c r="BD1479" s="162"/>
      <c r="BE1479" s="162"/>
      <c r="BF1479" s="162"/>
      <c r="BG1479" s="162"/>
      <c r="BH1479" s="162"/>
      <c r="BI1479" s="162"/>
      <c r="BJ1479" s="162"/>
      <c r="BK1479" s="162"/>
      <c r="BL1479" s="162"/>
      <c r="BM1479" s="162"/>
      <c r="BN1479" s="162"/>
      <c r="BO1479" s="162"/>
      <c r="BP1479" s="162"/>
      <c r="BQ1479" s="162"/>
      <c r="BR1479" s="162"/>
      <c r="BS1479" s="162"/>
      <c r="BT1479" s="162"/>
      <c r="BU1479" s="162"/>
      <c r="BV1479" s="162"/>
      <c r="BW1479" s="162"/>
      <c r="BX1479" s="162"/>
      <c r="BY1479" s="162"/>
      <c r="BZ1479" s="162"/>
      <c r="CA1479" s="162"/>
      <c r="CB1479" s="162"/>
      <c r="CC1479" s="162"/>
      <c r="CD1479" s="162"/>
      <c r="CE1479" s="162"/>
      <c r="CF1479" s="162"/>
      <c r="CG1479" s="162"/>
      <c r="CH1479" s="162"/>
      <c r="CI1479" s="162"/>
      <c r="CJ1479" s="162"/>
      <c r="CK1479" s="162"/>
      <c r="CX1479" s="98"/>
      <c r="DL1479" s="97"/>
      <c r="DX1479" s="98"/>
      <c r="EL1479" s="97"/>
      <c r="EX1479" s="98"/>
      <c r="EY1479" s="97"/>
      <c r="FL1479" s="126"/>
      <c r="FM1479" s="91"/>
      <c r="FN1479" s="91"/>
      <c r="FO1479" s="91"/>
      <c r="FP1479" s="91"/>
      <c r="FQ1479" s="91"/>
      <c r="FR1479" s="91"/>
      <c r="FS1479" s="91"/>
      <c r="FT1479" s="91"/>
      <c r="FU1479" s="91"/>
      <c r="FV1479" s="91"/>
      <c r="FW1479" s="91"/>
      <c r="FX1479" s="91"/>
      <c r="FY1479" s="91"/>
      <c r="FZ1479" s="91"/>
      <c r="GA1479" s="91"/>
      <c r="GB1479" s="91"/>
      <c r="GC1479" s="91"/>
      <c r="GD1479" s="91"/>
      <c r="GE1479" s="91"/>
      <c r="GF1479" s="91"/>
      <c r="GG1479" s="91"/>
      <c r="GH1479" s="91"/>
      <c r="GI1479" s="91"/>
      <c r="GJ1479" s="91"/>
      <c r="GK1479" s="127"/>
      <c r="GL1479" s="126"/>
      <c r="GM1479" s="91"/>
      <c r="GN1479" s="91"/>
      <c r="GO1479" s="91"/>
      <c r="GP1479" s="91"/>
      <c r="GQ1479" s="91"/>
      <c r="GR1479" s="91"/>
      <c r="GS1479" s="91"/>
      <c r="GT1479" s="91"/>
      <c r="GU1479" s="91"/>
      <c r="GV1479" s="91"/>
      <c r="GW1479" s="91"/>
      <c r="GX1479" s="91"/>
      <c r="GY1479" s="91"/>
      <c r="GZ1479" s="91"/>
      <c r="HA1479" s="91"/>
      <c r="HB1479" s="91"/>
      <c r="HC1479" s="91"/>
      <c r="HD1479" s="91"/>
      <c r="HE1479" s="91"/>
      <c r="HF1479" s="91"/>
      <c r="HG1479" s="91"/>
      <c r="HH1479" s="91"/>
      <c r="HI1479" s="91"/>
      <c r="HJ1479" s="91"/>
      <c r="HK1479" s="127"/>
      <c r="HL1479" s="126"/>
      <c r="HM1479" s="91"/>
      <c r="HN1479" s="91"/>
      <c r="HO1479" s="91"/>
      <c r="HP1479" s="91"/>
      <c r="HQ1479" s="91"/>
      <c r="HR1479" s="91"/>
      <c r="HS1479" s="91"/>
      <c r="HT1479" s="91"/>
      <c r="HU1479" s="91"/>
      <c r="HV1479" s="91"/>
      <c r="HW1479" s="91"/>
      <c r="HX1479" s="91"/>
      <c r="HY1479" s="91"/>
      <c r="HZ1479" s="91"/>
      <c r="IA1479" s="91"/>
      <c r="IB1479" s="91"/>
      <c r="IC1479" s="91"/>
      <c r="ID1479" s="91"/>
      <c r="IE1479" s="91"/>
      <c r="IF1479" s="91"/>
      <c r="IG1479" s="91"/>
      <c r="IH1479" s="91"/>
      <c r="II1479" s="91"/>
      <c r="IJ1479" s="91"/>
      <c r="IK1479" s="127"/>
    </row>
    <row r="1480" spans="2:245" ht="13.5" thickBot="1" x14ac:dyDescent="0.25">
      <c r="B1480" s="43"/>
      <c r="C1480" s="73"/>
      <c r="D1480" s="64"/>
      <c r="E1480" s="64"/>
      <c r="F1480" s="55"/>
      <c r="G1480" s="102"/>
      <c r="H1480" s="55"/>
      <c r="I1480" s="55"/>
      <c r="J1480" s="55"/>
      <c r="K1480" s="55"/>
      <c r="L1480" s="55"/>
      <c r="M1480" s="55"/>
      <c r="N1480" s="55"/>
      <c r="O1480" s="55"/>
      <c r="P1480" s="55"/>
      <c r="Q1480" s="55"/>
      <c r="R1480" s="55"/>
      <c r="S1480" s="55"/>
      <c r="T1480" s="55"/>
      <c r="U1480" s="55"/>
      <c r="V1480" s="55"/>
      <c r="W1480" s="55"/>
      <c r="X1480" s="55"/>
      <c r="Y1480" s="55"/>
      <c r="Z1480" s="55"/>
      <c r="AA1480" s="55"/>
      <c r="AB1480" s="55"/>
      <c r="AC1480" s="55"/>
      <c r="AD1480" s="55"/>
      <c r="AE1480" s="55"/>
      <c r="AF1480" s="55"/>
      <c r="AG1480" s="55"/>
      <c r="AY1480" s="162"/>
      <c r="AZ1480" s="162"/>
      <c r="BA1480" s="162"/>
      <c r="BB1480" s="162"/>
      <c r="BC1480" s="162"/>
      <c r="BD1480" s="162"/>
      <c r="BE1480" s="162"/>
      <c r="BF1480" s="162"/>
      <c r="BG1480" s="162"/>
      <c r="BH1480" s="162"/>
      <c r="BI1480" s="162"/>
      <c r="BJ1480" s="162"/>
      <c r="BK1480" s="162"/>
      <c r="BL1480" s="162"/>
      <c r="BM1480" s="162"/>
      <c r="BN1480" s="162"/>
      <c r="BO1480" s="162"/>
      <c r="BP1480" s="162"/>
      <c r="BQ1480" s="162"/>
      <c r="BR1480" s="162"/>
      <c r="BS1480" s="162"/>
      <c r="BT1480" s="162"/>
      <c r="BU1480" s="162"/>
      <c r="BV1480" s="162"/>
      <c r="BW1480" s="162"/>
      <c r="BX1480" s="162"/>
      <c r="BY1480" s="162"/>
      <c r="BZ1480" s="162"/>
      <c r="CA1480" s="162"/>
      <c r="CB1480" s="162"/>
      <c r="CC1480" s="162"/>
      <c r="CD1480" s="162"/>
      <c r="CE1480" s="162"/>
      <c r="CF1480" s="162"/>
      <c r="CG1480" s="162"/>
      <c r="CH1480" s="162"/>
      <c r="CI1480" s="162"/>
      <c r="CJ1480" s="162"/>
      <c r="CK1480" s="162"/>
      <c r="CX1480" s="98"/>
      <c r="DL1480" s="97"/>
      <c r="DX1480" s="98"/>
      <c r="EL1480" s="97"/>
      <c r="EX1480" s="98"/>
      <c r="EY1480" s="97"/>
      <c r="FL1480" s="126"/>
      <c r="FM1480" s="91"/>
      <c r="FN1480" s="91"/>
      <c r="FO1480" s="91"/>
      <c r="FP1480" s="91"/>
      <c r="FQ1480" s="91"/>
      <c r="FR1480" s="91"/>
      <c r="FS1480" s="91"/>
      <c r="FT1480" s="91"/>
      <c r="FU1480" s="91"/>
      <c r="FV1480" s="91"/>
      <c r="FW1480" s="91"/>
      <c r="FX1480" s="91"/>
      <c r="FY1480" s="91"/>
      <c r="FZ1480" s="91"/>
      <c r="GA1480" s="91"/>
      <c r="GB1480" s="91"/>
      <c r="GC1480" s="91"/>
      <c r="GD1480" s="91"/>
      <c r="GE1480" s="91"/>
      <c r="GF1480" s="91"/>
      <c r="GG1480" s="91"/>
      <c r="GH1480" s="91"/>
      <c r="GI1480" s="91"/>
      <c r="GJ1480" s="91"/>
      <c r="GK1480" s="127"/>
      <c r="GL1480" s="126"/>
      <c r="GM1480" s="91"/>
      <c r="GN1480" s="91"/>
      <c r="GO1480" s="91"/>
      <c r="GP1480" s="91"/>
      <c r="GQ1480" s="91"/>
      <c r="GR1480" s="91"/>
      <c r="GS1480" s="91"/>
      <c r="GT1480" s="91"/>
      <c r="GU1480" s="91"/>
      <c r="GV1480" s="91"/>
      <c r="GW1480" s="91"/>
      <c r="GX1480" s="91"/>
      <c r="GY1480" s="91"/>
      <c r="GZ1480" s="91"/>
      <c r="HA1480" s="91"/>
      <c r="HB1480" s="91"/>
      <c r="HC1480" s="91"/>
      <c r="HD1480" s="91"/>
      <c r="HE1480" s="91"/>
      <c r="HF1480" s="91"/>
      <c r="HG1480" s="91"/>
      <c r="HH1480" s="91"/>
      <c r="HI1480" s="91"/>
      <c r="HJ1480" s="91"/>
      <c r="HK1480" s="127"/>
      <c r="HL1480" s="126"/>
      <c r="HM1480" s="91"/>
      <c r="HN1480" s="91"/>
      <c r="HO1480" s="91"/>
      <c r="HP1480" s="91"/>
      <c r="HQ1480" s="91"/>
      <c r="HR1480" s="91"/>
      <c r="HS1480" s="91"/>
      <c r="HT1480" s="91"/>
      <c r="HU1480" s="91"/>
      <c r="HV1480" s="91"/>
      <c r="HW1480" s="91"/>
      <c r="HX1480" s="91"/>
      <c r="HY1480" s="91"/>
      <c r="HZ1480" s="91"/>
      <c r="IA1480" s="91"/>
      <c r="IB1480" s="91"/>
      <c r="IC1480" s="91"/>
      <c r="ID1480" s="91"/>
      <c r="IE1480" s="91"/>
      <c r="IF1480" s="91"/>
      <c r="IG1480" s="91"/>
      <c r="IH1480" s="91"/>
      <c r="II1480" s="91"/>
      <c r="IJ1480" s="91"/>
      <c r="IK1480" s="127"/>
    </row>
    <row r="1481" spans="2:245" x14ac:dyDescent="0.2">
      <c r="B1481" s="43"/>
      <c r="C1481" s="73"/>
      <c r="D1481" s="64"/>
      <c r="E1481" s="64"/>
      <c r="F1481" s="55"/>
      <c r="G1481" s="102"/>
      <c r="H1481" s="55"/>
      <c r="I1481" s="55"/>
      <c r="J1481" s="55"/>
      <c r="K1481" s="55"/>
      <c r="L1481" s="55"/>
      <c r="M1481" s="55"/>
      <c r="N1481" s="55"/>
      <c r="O1481" s="55"/>
      <c r="P1481" s="55"/>
      <c r="Q1481" s="55"/>
      <c r="R1481" s="55"/>
      <c r="S1481" s="55"/>
      <c r="T1481" s="55"/>
      <c r="U1481" s="55"/>
      <c r="V1481" s="55"/>
      <c r="W1481" s="55"/>
      <c r="X1481" s="55"/>
      <c r="Y1481" s="55"/>
      <c r="Z1481" s="55"/>
      <c r="AA1481" s="55"/>
      <c r="AB1481" s="55"/>
      <c r="AC1481" s="55"/>
      <c r="AD1481" s="55"/>
      <c r="AE1481" s="55"/>
      <c r="AF1481" s="55"/>
      <c r="AG1481" s="55"/>
      <c r="AY1481" s="162"/>
      <c r="AZ1481" s="162"/>
      <c r="BA1481" s="162"/>
      <c r="BB1481" s="162"/>
      <c r="BC1481" s="162"/>
      <c r="BD1481" s="162"/>
      <c r="BE1481" s="162"/>
      <c r="BF1481" s="162"/>
      <c r="BG1481" s="162"/>
      <c r="BH1481" s="162"/>
      <c r="BI1481" s="162"/>
      <c r="BJ1481" s="162"/>
      <c r="BK1481" s="162"/>
      <c r="BL1481" s="162"/>
      <c r="BM1481" s="162"/>
      <c r="BN1481" s="162"/>
      <c r="BO1481" s="162"/>
      <c r="BP1481" s="162"/>
      <c r="BQ1481" s="162"/>
      <c r="BR1481" s="162"/>
      <c r="BS1481" s="162"/>
      <c r="BT1481" s="162"/>
      <c r="BU1481" s="162"/>
      <c r="BV1481" s="162"/>
      <c r="BW1481" s="162"/>
      <c r="BX1481" s="162"/>
      <c r="BY1481" s="162"/>
      <c r="BZ1481" s="162"/>
      <c r="CA1481" s="162"/>
      <c r="CB1481" s="162"/>
      <c r="CC1481" s="162"/>
      <c r="CD1481" s="162"/>
      <c r="CE1481" s="162"/>
      <c r="CF1481" s="162"/>
      <c r="CG1481" s="162"/>
      <c r="CH1481" s="162"/>
      <c r="CI1481" s="162"/>
      <c r="CJ1481" s="162"/>
      <c r="CK1481" s="162"/>
      <c r="CL1481" s="163"/>
      <c r="CM1481" s="163"/>
      <c r="CN1481" s="163"/>
      <c r="CO1481" s="163"/>
      <c r="CP1481" s="163"/>
      <c r="CQ1481" s="163"/>
      <c r="CR1481" s="163"/>
      <c r="CS1481" s="163"/>
      <c r="CT1481" s="163"/>
      <c r="CU1481" s="163"/>
      <c r="CV1481" s="163"/>
      <c r="CW1481" s="163"/>
      <c r="CX1481" s="173"/>
      <c r="CY1481" s="163"/>
      <c r="CZ1481" s="163"/>
      <c r="DA1481" s="163"/>
      <c r="DB1481" s="163"/>
      <c r="DC1481" s="163"/>
      <c r="DD1481" s="163"/>
      <c r="DE1481" s="163"/>
      <c r="DF1481" s="163"/>
      <c r="DG1481" s="163"/>
      <c r="DH1481" s="163"/>
      <c r="DI1481" s="163"/>
      <c r="DJ1481" s="163"/>
      <c r="DK1481" s="163"/>
      <c r="DL1481" s="172"/>
      <c r="DM1481" s="163"/>
      <c r="DN1481" s="163"/>
      <c r="DO1481" s="163"/>
      <c r="DP1481" s="163"/>
      <c r="DQ1481" s="163"/>
      <c r="DR1481" s="163"/>
      <c r="DS1481" s="163"/>
      <c r="DT1481" s="163"/>
      <c r="DU1481" s="163"/>
      <c r="DV1481" s="163"/>
      <c r="DW1481" s="163"/>
      <c r="DX1481" s="173"/>
      <c r="DY1481" s="163"/>
      <c r="DZ1481" s="163"/>
      <c r="EA1481" s="163"/>
      <c r="EB1481" s="163"/>
      <c r="EC1481" s="163"/>
      <c r="ED1481" s="163"/>
      <c r="EE1481" s="163"/>
      <c r="EF1481" s="163"/>
      <c r="EG1481" s="163"/>
      <c r="EH1481" s="163"/>
      <c r="EI1481" s="163"/>
      <c r="EJ1481" s="163"/>
      <c r="EK1481" s="163"/>
      <c r="EL1481" s="172"/>
      <c r="EM1481" s="163"/>
      <c r="EN1481" s="163"/>
      <c r="EO1481" s="163"/>
      <c r="EP1481" s="163"/>
      <c r="EQ1481" s="163"/>
      <c r="ER1481" s="163"/>
      <c r="ES1481" s="163"/>
      <c r="ET1481" s="163"/>
      <c r="EU1481" s="163"/>
      <c r="EV1481" s="163"/>
      <c r="EW1481" s="163"/>
      <c r="EX1481" s="173"/>
      <c r="EY1481" s="172"/>
      <c r="EZ1481" s="163"/>
      <c r="FA1481" s="163"/>
      <c r="FB1481" s="163"/>
      <c r="FC1481" s="163"/>
      <c r="FD1481" s="163"/>
      <c r="FE1481" s="163"/>
      <c r="FF1481" s="163"/>
      <c r="FG1481" s="163"/>
      <c r="FH1481" s="163"/>
      <c r="FI1481" s="163"/>
      <c r="FJ1481" s="163"/>
      <c r="FK1481" s="163"/>
      <c r="FL1481" s="126"/>
      <c r="FM1481" s="91"/>
      <c r="FN1481" s="91"/>
      <c r="FO1481" s="91"/>
      <c r="FP1481" s="91"/>
      <c r="FQ1481" s="91"/>
      <c r="FR1481" s="91"/>
      <c r="FS1481" s="91"/>
      <c r="FT1481" s="91"/>
      <c r="FU1481" s="91"/>
      <c r="FV1481" s="91"/>
      <c r="FW1481" s="91"/>
      <c r="FX1481" s="91"/>
      <c r="FY1481" s="91"/>
      <c r="FZ1481" s="91"/>
      <c r="GA1481" s="91"/>
      <c r="GB1481" s="91"/>
      <c r="GC1481" s="91"/>
      <c r="GD1481" s="91"/>
      <c r="GE1481" s="91"/>
      <c r="GF1481" s="91"/>
      <c r="GG1481" s="91"/>
      <c r="GH1481" s="91"/>
      <c r="GI1481" s="91"/>
      <c r="GJ1481" s="91"/>
      <c r="GK1481" s="127"/>
      <c r="GL1481" s="126"/>
      <c r="GM1481" s="91"/>
      <c r="GN1481" s="91"/>
      <c r="GO1481" s="91"/>
      <c r="GP1481" s="91"/>
      <c r="GQ1481" s="91"/>
      <c r="GR1481" s="91"/>
      <c r="GS1481" s="91"/>
      <c r="GT1481" s="91"/>
      <c r="GU1481" s="91"/>
      <c r="GV1481" s="91"/>
      <c r="GW1481" s="91"/>
      <c r="GX1481" s="91"/>
      <c r="GY1481" s="91"/>
      <c r="GZ1481" s="91"/>
      <c r="HA1481" s="91"/>
      <c r="HB1481" s="91"/>
      <c r="HC1481" s="91"/>
      <c r="HD1481" s="91"/>
      <c r="HE1481" s="91"/>
      <c r="HF1481" s="91"/>
      <c r="HG1481" s="91"/>
      <c r="HH1481" s="91"/>
      <c r="HI1481" s="91"/>
      <c r="HJ1481" s="91"/>
      <c r="HK1481" s="127"/>
      <c r="HL1481" s="126"/>
      <c r="HM1481" s="91"/>
      <c r="HN1481" s="91"/>
      <c r="HO1481" s="91"/>
      <c r="HP1481" s="91"/>
      <c r="HQ1481" s="91"/>
      <c r="HR1481" s="91"/>
      <c r="HS1481" s="91"/>
      <c r="HT1481" s="91"/>
      <c r="HU1481" s="91"/>
      <c r="HV1481" s="91"/>
      <c r="HW1481" s="91"/>
      <c r="HX1481" s="91"/>
      <c r="HY1481" s="91"/>
      <c r="HZ1481" s="91"/>
      <c r="IA1481" s="91"/>
      <c r="IB1481" s="91"/>
      <c r="IC1481" s="91"/>
      <c r="ID1481" s="91"/>
      <c r="IE1481" s="91"/>
      <c r="IF1481" s="91"/>
      <c r="IG1481" s="91"/>
      <c r="IH1481" s="91"/>
      <c r="II1481" s="91"/>
      <c r="IJ1481" s="91"/>
      <c r="IK1481" s="127"/>
    </row>
    <row r="1482" spans="2:245" x14ac:dyDescent="0.2">
      <c r="B1482" s="43"/>
      <c r="C1482" s="73"/>
      <c r="D1482" s="64"/>
      <c r="E1482" s="64"/>
      <c r="F1482" s="55"/>
      <c r="G1482" s="102"/>
      <c r="H1482" s="55"/>
      <c r="I1482" s="55"/>
      <c r="J1482" s="55"/>
      <c r="K1482" s="55"/>
      <c r="L1482" s="55"/>
      <c r="M1482" s="55"/>
      <c r="N1482" s="55"/>
      <c r="O1482" s="55"/>
      <c r="P1482" s="55"/>
      <c r="Q1482" s="55"/>
      <c r="R1482" s="55"/>
      <c r="S1482" s="55"/>
      <c r="T1482" s="55"/>
      <c r="U1482" s="55"/>
      <c r="V1482" s="55"/>
      <c r="W1482" s="55"/>
      <c r="X1482" s="55"/>
      <c r="Y1482" s="55"/>
      <c r="Z1482" s="55"/>
      <c r="AA1482" s="55"/>
      <c r="AB1482" s="55"/>
      <c r="AC1482" s="55"/>
      <c r="AD1482" s="55"/>
      <c r="AE1482" s="55"/>
      <c r="AF1482" s="55"/>
      <c r="AG1482" s="55"/>
      <c r="AY1482" s="162"/>
      <c r="AZ1482" s="162"/>
      <c r="BA1482" s="162"/>
      <c r="BB1482" s="162"/>
      <c r="BC1482" s="162"/>
      <c r="BD1482" s="162"/>
      <c r="BE1482" s="162"/>
      <c r="BF1482" s="162"/>
      <c r="BG1482" s="162"/>
      <c r="BH1482" s="162"/>
      <c r="BI1482" s="162"/>
      <c r="BJ1482" s="162"/>
      <c r="BK1482" s="162"/>
      <c r="BL1482" s="162"/>
      <c r="BM1482" s="162"/>
      <c r="BN1482" s="162"/>
      <c r="BO1482" s="162"/>
      <c r="BP1482" s="162"/>
      <c r="BQ1482" s="162"/>
      <c r="BR1482" s="162"/>
      <c r="BS1482" s="162"/>
      <c r="BT1482" s="162"/>
      <c r="BU1482" s="162"/>
      <c r="BV1482" s="162"/>
      <c r="BW1482" s="162"/>
      <c r="BX1482" s="162"/>
      <c r="BY1482" s="162"/>
      <c r="BZ1482" s="162"/>
      <c r="CA1482" s="162"/>
      <c r="CB1482" s="162"/>
      <c r="CC1482" s="162"/>
      <c r="CD1482" s="162"/>
      <c r="CE1482" s="162"/>
      <c r="CF1482" s="162"/>
      <c r="CG1482" s="162"/>
      <c r="CH1482" s="162"/>
      <c r="CI1482" s="162"/>
      <c r="CJ1482" s="162"/>
      <c r="CK1482" s="162"/>
      <c r="CX1482" s="98"/>
      <c r="DL1482" s="97"/>
      <c r="DX1482" s="98"/>
      <c r="EL1482" s="97"/>
      <c r="EX1482" s="98"/>
      <c r="EY1482" s="97"/>
      <c r="FL1482" s="126"/>
      <c r="FM1482" s="91"/>
      <c r="FN1482" s="91"/>
      <c r="FO1482" s="91"/>
      <c r="FP1482" s="91"/>
      <c r="FQ1482" s="91"/>
      <c r="FR1482" s="91"/>
      <c r="FS1482" s="91"/>
      <c r="FT1482" s="91"/>
      <c r="FU1482" s="91"/>
      <c r="FV1482" s="91"/>
      <c r="FW1482" s="91"/>
      <c r="FX1482" s="91"/>
      <c r="FY1482" s="91"/>
      <c r="FZ1482" s="91"/>
      <c r="GA1482" s="91"/>
      <c r="GB1482" s="91"/>
      <c r="GC1482" s="91"/>
      <c r="GD1482" s="91"/>
      <c r="GE1482" s="91"/>
      <c r="GF1482" s="91"/>
      <c r="GG1482" s="91"/>
      <c r="GH1482" s="91"/>
      <c r="GI1482" s="91"/>
      <c r="GJ1482" s="91"/>
      <c r="GK1482" s="127"/>
      <c r="GL1482" s="126"/>
      <c r="GM1482" s="91"/>
      <c r="GN1482" s="91"/>
      <c r="GO1482" s="91"/>
      <c r="GP1482" s="91"/>
      <c r="GQ1482" s="91"/>
      <c r="GR1482" s="91"/>
      <c r="GS1482" s="91"/>
      <c r="GT1482" s="91"/>
      <c r="GU1482" s="91"/>
      <c r="GV1482" s="91"/>
      <c r="GW1482" s="91"/>
      <c r="GX1482" s="91"/>
      <c r="GY1482" s="91"/>
      <c r="GZ1482" s="91"/>
      <c r="HA1482" s="91"/>
      <c r="HB1482" s="91"/>
      <c r="HC1482" s="91"/>
      <c r="HD1482" s="91"/>
      <c r="HE1482" s="91"/>
      <c r="HF1482" s="91"/>
      <c r="HG1482" s="91"/>
      <c r="HH1482" s="91"/>
      <c r="HI1482" s="91"/>
      <c r="HJ1482" s="91"/>
      <c r="HK1482" s="127"/>
      <c r="HL1482" s="126"/>
      <c r="HM1482" s="91"/>
      <c r="HN1482" s="91"/>
      <c r="HO1482" s="91"/>
      <c r="HP1482" s="91"/>
      <c r="HQ1482" s="91"/>
      <c r="HR1482" s="91"/>
      <c r="HS1482" s="91"/>
      <c r="HT1482" s="91"/>
      <c r="HU1482" s="91"/>
      <c r="HV1482" s="91"/>
      <c r="HW1482" s="91"/>
      <c r="HX1482" s="91"/>
      <c r="HY1482" s="91"/>
      <c r="HZ1482" s="91"/>
      <c r="IA1482" s="91"/>
      <c r="IB1482" s="91"/>
      <c r="IC1482" s="91"/>
      <c r="ID1482" s="91"/>
      <c r="IE1482" s="91"/>
      <c r="IF1482" s="91"/>
      <c r="IG1482" s="91"/>
      <c r="IH1482" s="91"/>
      <c r="II1482" s="91"/>
      <c r="IJ1482" s="91"/>
      <c r="IK1482" s="127"/>
    </row>
    <row r="1483" spans="2:245" x14ac:dyDescent="0.2">
      <c r="B1483" s="43"/>
      <c r="C1483" s="73"/>
      <c r="D1483" s="64"/>
      <c r="E1483" s="64"/>
      <c r="F1483" s="55"/>
      <c r="G1483" s="102"/>
      <c r="H1483" s="55"/>
      <c r="I1483" s="55"/>
      <c r="J1483" s="55"/>
      <c r="K1483" s="55"/>
      <c r="L1483" s="55"/>
      <c r="M1483" s="55"/>
      <c r="N1483" s="55"/>
      <c r="O1483" s="55"/>
      <c r="P1483" s="55"/>
      <c r="Q1483" s="55"/>
      <c r="R1483" s="55"/>
      <c r="S1483" s="55"/>
      <c r="T1483" s="55"/>
      <c r="U1483" s="55"/>
      <c r="V1483" s="55"/>
      <c r="W1483" s="55"/>
      <c r="X1483" s="55"/>
      <c r="Y1483" s="55"/>
      <c r="Z1483" s="55"/>
      <c r="AA1483" s="55"/>
      <c r="AB1483" s="55"/>
      <c r="AC1483" s="55"/>
      <c r="AD1483" s="55"/>
      <c r="AE1483" s="55"/>
      <c r="AF1483" s="55"/>
      <c r="AG1483" s="55"/>
      <c r="AY1483" s="162"/>
      <c r="AZ1483" s="162"/>
      <c r="BA1483" s="162"/>
      <c r="BB1483" s="162"/>
      <c r="BC1483" s="162"/>
      <c r="BD1483" s="162"/>
      <c r="BE1483" s="162"/>
      <c r="BF1483" s="162"/>
      <c r="BG1483" s="162"/>
      <c r="BH1483" s="162"/>
      <c r="BI1483" s="162"/>
      <c r="BJ1483" s="162"/>
      <c r="BK1483" s="162"/>
      <c r="BL1483" s="162"/>
      <c r="BM1483" s="162"/>
      <c r="BN1483" s="162"/>
      <c r="BO1483" s="162"/>
      <c r="BP1483" s="162"/>
      <c r="BQ1483" s="162"/>
      <c r="BR1483" s="162"/>
      <c r="BS1483" s="162"/>
      <c r="BT1483" s="162"/>
      <c r="BU1483" s="162"/>
      <c r="BV1483" s="162"/>
      <c r="BW1483" s="162"/>
      <c r="BX1483" s="162"/>
      <c r="BY1483" s="162"/>
      <c r="BZ1483" s="162"/>
      <c r="CA1483" s="162"/>
      <c r="CB1483" s="162"/>
      <c r="CC1483" s="162"/>
      <c r="CD1483" s="162"/>
      <c r="CE1483" s="162"/>
      <c r="CF1483" s="162"/>
      <c r="CG1483" s="162"/>
      <c r="CH1483" s="162"/>
      <c r="CI1483" s="162"/>
      <c r="CJ1483" s="162"/>
      <c r="CK1483" s="162"/>
      <c r="CX1483" s="98"/>
      <c r="DL1483" s="97"/>
      <c r="DX1483" s="98"/>
      <c r="EL1483" s="97"/>
      <c r="EX1483" s="98"/>
      <c r="EY1483" s="97"/>
      <c r="FL1483" s="126"/>
      <c r="FM1483" s="91"/>
      <c r="FN1483" s="91"/>
      <c r="FO1483" s="91"/>
      <c r="FP1483" s="91"/>
      <c r="FQ1483" s="91"/>
      <c r="FR1483" s="91"/>
      <c r="FS1483" s="91"/>
      <c r="FT1483" s="91"/>
      <c r="FU1483" s="91"/>
      <c r="FV1483" s="91"/>
      <c r="FW1483" s="91"/>
      <c r="FX1483" s="91"/>
      <c r="FY1483" s="91"/>
      <c r="FZ1483" s="91"/>
      <c r="GA1483" s="91"/>
      <c r="GB1483" s="91"/>
      <c r="GC1483" s="91"/>
      <c r="GD1483" s="91"/>
      <c r="GE1483" s="91"/>
      <c r="GF1483" s="91"/>
      <c r="GG1483" s="91"/>
      <c r="GH1483" s="91"/>
      <c r="GI1483" s="91"/>
      <c r="GJ1483" s="91"/>
      <c r="GK1483" s="127"/>
      <c r="GL1483" s="126"/>
      <c r="GM1483" s="91"/>
      <c r="GN1483" s="91"/>
      <c r="GO1483" s="91"/>
      <c r="GP1483" s="91"/>
      <c r="GQ1483" s="91"/>
      <c r="GR1483" s="91"/>
      <c r="GS1483" s="91"/>
      <c r="GT1483" s="91"/>
      <c r="GU1483" s="91"/>
      <c r="GV1483" s="91"/>
      <c r="GW1483" s="91"/>
      <c r="GX1483" s="91"/>
      <c r="GY1483" s="91"/>
      <c r="GZ1483" s="91"/>
      <c r="HA1483" s="91"/>
      <c r="HB1483" s="91"/>
      <c r="HC1483" s="91"/>
      <c r="HD1483" s="91"/>
      <c r="HE1483" s="91"/>
      <c r="HF1483" s="91"/>
      <c r="HG1483" s="91"/>
      <c r="HH1483" s="91"/>
      <c r="HI1483" s="91"/>
      <c r="HJ1483" s="91"/>
      <c r="HK1483" s="127"/>
      <c r="HL1483" s="126"/>
      <c r="HM1483" s="91"/>
      <c r="HN1483" s="91"/>
      <c r="HO1483" s="91"/>
      <c r="HP1483" s="91"/>
      <c r="HQ1483" s="91"/>
      <c r="HR1483" s="91"/>
      <c r="HS1483" s="91"/>
      <c r="HT1483" s="91"/>
      <c r="HU1483" s="91"/>
      <c r="HV1483" s="91"/>
      <c r="HW1483" s="91"/>
      <c r="HX1483" s="91"/>
      <c r="HY1483" s="91"/>
      <c r="HZ1483" s="91"/>
      <c r="IA1483" s="91"/>
      <c r="IB1483" s="91"/>
      <c r="IC1483" s="91"/>
      <c r="ID1483" s="91"/>
      <c r="IE1483" s="91"/>
      <c r="IF1483" s="91"/>
      <c r="IG1483" s="91"/>
      <c r="IH1483" s="91"/>
      <c r="II1483" s="91"/>
      <c r="IJ1483" s="91"/>
      <c r="IK1483" s="127"/>
    </row>
    <row r="1484" spans="2:245" x14ac:dyDescent="0.2">
      <c r="B1484" s="43"/>
      <c r="C1484" s="73"/>
      <c r="D1484" s="64"/>
      <c r="E1484" s="64"/>
      <c r="F1484" s="55"/>
      <c r="G1484" s="102"/>
      <c r="H1484" s="55"/>
      <c r="I1484" s="55"/>
      <c r="J1484" s="55"/>
      <c r="K1484" s="55"/>
      <c r="L1484" s="55"/>
      <c r="M1484" s="55"/>
      <c r="N1484" s="55"/>
      <c r="O1484" s="55"/>
      <c r="P1484" s="55"/>
      <c r="Q1484" s="55"/>
      <c r="R1484" s="55"/>
      <c r="S1484" s="55"/>
      <c r="T1484" s="55"/>
      <c r="U1484" s="55"/>
      <c r="V1484" s="55"/>
      <c r="W1484" s="55"/>
      <c r="X1484" s="55"/>
      <c r="Y1484" s="55"/>
      <c r="Z1484" s="55"/>
      <c r="AA1484" s="55"/>
      <c r="AB1484" s="55"/>
      <c r="AC1484" s="55"/>
      <c r="AD1484" s="55"/>
      <c r="AE1484" s="55"/>
      <c r="AF1484" s="55"/>
      <c r="AG1484" s="55"/>
      <c r="AY1484" s="162"/>
      <c r="AZ1484" s="162"/>
      <c r="BA1484" s="162"/>
      <c r="BB1484" s="162"/>
      <c r="BC1484" s="162"/>
      <c r="BD1484" s="162"/>
      <c r="BE1484" s="162"/>
      <c r="BF1484" s="162"/>
      <c r="BG1484" s="162"/>
      <c r="BH1484" s="162"/>
      <c r="BI1484" s="162"/>
      <c r="BJ1484" s="162"/>
      <c r="BK1484" s="162"/>
      <c r="BL1484" s="162"/>
      <c r="BM1484" s="162"/>
      <c r="BN1484" s="162"/>
      <c r="BO1484" s="162"/>
      <c r="BP1484" s="162"/>
      <c r="BQ1484" s="162"/>
      <c r="BR1484" s="162"/>
      <c r="BS1484" s="162"/>
      <c r="BT1484" s="162"/>
      <c r="BU1484" s="162"/>
      <c r="BV1484" s="162"/>
      <c r="BW1484" s="162"/>
      <c r="BX1484" s="162"/>
      <c r="BY1484" s="162"/>
      <c r="BZ1484" s="162"/>
      <c r="CA1484" s="162"/>
      <c r="CB1484" s="162"/>
      <c r="CC1484" s="162"/>
      <c r="CD1484" s="162"/>
      <c r="CE1484" s="162"/>
      <c r="CF1484" s="162"/>
      <c r="CG1484" s="162"/>
      <c r="CH1484" s="162"/>
      <c r="CI1484" s="162"/>
      <c r="CJ1484" s="162"/>
      <c r="CK1484" s="162"/>
      <c r="CX1484" s="98"/>
      <c r="DL1484" s="97"/>
      <c r="DX1484" s="98"/>
      <c r="EL1484" s="97"/>
      <c r="EX1484" s="98"/>
      <c r="EY1484" s="97"/>
      <c r="FL1484" s="126"/>
      <c r="FM1484" s="91"/>
      <c r="FN1484" s="91"/>
      <c r="FO1484" s="91"/>
      <c r="FP1484" s="91"/>
      <c r="FQ1484" s="91"/>
      <c r="FR1484" s="91"/>
      <c r="FS1484" s="91"/>
      <c r="FT1484" s="91"/>
      <c r="FU1484" s="91"/>
      <c r="FV1484" s="91"/>
      <c r="FW1484" s="91"/>
      <c r="FX1484" s="91"/>
      <c r="FY1484" s="91"/>
      <c r="FZ1484" s="91"/>
      <c r="GA1484" s="91"/>
      <c r="GB1484" s="91"/>
      <c r="GC1484" s="91"/>
      <c r="GD1484" s="91"/>
      <c r="GE1484" s="91"/>
      <c r="GF1484" s="91"/>
      <c r="GG1484" s="91"/>
      <c r="GH1484" s="91"/>
      <c r="GI1484" s="91"/>
      <c r="GJ1484" s="91"/>
      <c r="GK1484" s="127"/>
      <c r="GL1484" s="126"/>
      <c r="GM1484" s="91"/>
      <c r="GN1484" s="91"/>
      <c r="GO1484" s="91"/>
      <c r="GP1484" s="91"/>
      <c r="GQ1484" s="91"/>
      <c r="GR1484" s="91"/>
      <c r="GS1484" s="91"/>
      <c r="GT1484" s="91"/>
      <c r="GU1484" s="91"/>
      <c r="GV1484" s="91"/>
      <c r="GW1484" s="91"/>
      <c r="GX1484" s="91"/>
      <c r="GY1484" s="91"/>
      <c r="GZ1484" s="91"/>
      <c r="HA1484" s="91"/>
      <c r="HB1484" s="91"/>
      <c r="HC1484" s="91"/>
      <c r="HD1484" s="91"/>
      <c r="HE1484" s="91"/>
      <c r="HF1484" s="91"/>
      <c r="HG1484" s="91"/>
      <c r="HH1484" s="91"/>
      <c r="HI1484" s="91"/>
      <c r="HJ1484" s="91"/>
      <c r="HK1484" s="127"/>
      <c r="HL1484" s="126"/>
      <c r="HM1484" s="91"/>
      <c r="HN1484" s="91"/>
      <c r="HO1484" s="91"/>
      <c r="HP1484" s="91"/>
      <c r="HQ1484" s="91"/>
      <c r="HR1484" s="91"/>
      <c r="HS1484" s="91"/>
      <c r="HT1484" s="91"/>
      <c r="HU1484" s="91"/>
      <c r="HV1484" s="91"/>
      <c r="HW1484" s="91"/>
      <c r="HX1484" s="91"/>
      <c r="HY1484" s="91"/>
      <c r="HZ1484" s="91"/>
      <c r="IA1484" s="91"/>
      <c r="IB1484" s="91"/>
      <c r="IC1484" s="91"/>
      <c r="ID1484" s="91"/>
      <c r="IE1484" s="91"/>
      <c r="IF1484" s="91"/>
      <c r="IG1484" s="91"/>
      <c r="IH1484" s="91"/>
      <c r="II1484" s="91"/>
      <c r="IJ1484" s="91"/>
      <c r="IK1484" s="127"/>
    </row>
    <row r="1485" spans="2:245" x14ac:dyDescent="0.2">
      <c r="B1485" s="43"/>
      <c r="C1485" s="73"/>
      <c r="D1485" s="64"/>
      <c r="E1485" s="64"/>
      <c r="F1485" s="55"/>
      <c r="G1485" s="102"/>
      <c r="H1485" s="55"/>
      <c r="I1485" s="55"/>
      <c r="J1485" s="55"/>
      <c r="K1485" s="55"/>
      <c r="L1485" s="55"/>
      <c r="M1485" s="55"/>
      <c r="N1485" s="55"/>
      <c r="O1485" s="55"/>
      <c r="P1485" s="55"/>
      <c r="Q1485" s="55"/>
      <c r="R1485" s="55"/>
      <c r="S1485" s="55"/>
      <c r="T1485" s="55"/>
      <c r="U1485" s="55"/>
      <c r="V1485" s="55"/>
      <c r="W1485" s="55"/>
      <c r="X1485" s="55"/>
      <c r="Y1485" s="55"/>
      <c r="Z1485" s="55"/>
      <c r="AA1485" s="55"/>
      <c r="AB1485" s="55"/>
      <c r="AC1485" s="55"/>
      <c r="AD1485" s="55"/>
      <c r="AE1485" s="55"/>
      <c r="AF1485" s="55"/>
      <c r="AG1485" s="55"/>
      <c r="AY1485" s="162"/>
      <c r="AZ1485" s="162"/>
      <c r="BA1485" s="162"/>
      <c r="BB1485" s="162"/>
      <c r="BC1485" s="162"/>
      <c r="BD1485" s="162"/>
      <c r="BE1485" s="162"/>
      <c r="BF1485" s="162"/>
      <c r="BG1485" s="162"/>
      <c r="BH1485" s="162"/>
      <c r="BI1485" s="162"/>
      <c r="BJ1485" s="162"/>
      <c r="BK1485" s="162"/>
      <c r="BL1485" s="162"/>
      <c r="BM1485" s="162"/>
      <c r="BN1485" s="162"/>
      <c r="BO1485" s="162"/>
      <c r="BP1485" s="162"/>
      <c r="BQ1485" s="162"/>
      <c r="BR1485" s="162"/>
      <c r="BS1485" s="162"/>
      <c r="BT1485" s="162"/>
      <c r="BU1485" s="162"/>
      <c r="BV1485" s="162"/>
      <c r="BW1485" s="162"/>
      <c r="BX1485" s="162"/>
      <c r="BY1485" s="162"/>
      <c r="BZ1485" s="162"/>
      <c r="CA1485" s="162"/>
      <c r="CB1485" s="162"/>
      <c r="CC1485" s="162"/>
      <c r="CD1485" s="162"/>
      <c r="CE1485" s="162"/>
      <c r="CF1485" s="162"/>
      <c r="CG1485" s="162"/>
      <c r="CH1485" s="162"/>
      <c r="CI1485" s="162"/>
      <c r="CJ1485" s="162"/>
      <c r="CK1485" s="162"/>
      <c r="CX1485" s="98"/>
      <c r="DL1485" s="97"/>
      <c r="DX1485" s="98"/>
      <c r="EL1485" s="97"/>
      <c r="EX1485" s="98"/>
      <c r="EY1485" s="97"/>
      <c r="FL1485" s="126"/>
      <c r="FM1485" s="91"/>
      <c r="FN1485" s="91"/>
      <c r="FO1485" s="91"/>
      <c r="FP1485" s="91"/>
      <c r="FQ1485" s="91"/>
      <c r="FR1485" s="91"/>
      <c r="FS1485" s="91"/>
      <c r="FT1485" s="91"/>
      <c r="FU1485" s="91"/>
      <c r="FV1485" s="91"/>
      <c r="FW1485" s="91"/>
      <c r="FX1485" s="91"/>
      <c r="FY1485" s="91"/>
      <c r="FZ1485" s="91"/>
      <c r="GA1485" s="91"/>
      <c r="GB1485" s="91"/>
      <c r="GC1485" s="91"/>
      <c r="GD1485" s="91"/>
      <c r="GE1485" s="91"/>
      <c r="GF1485" s="91"/>
      <c r="GG1485" s="91"/>
      <c r="GH1485" s="91"/>
      <c r="GI1485" s="91"/>
      <c r="GJ1485" s="91"/>
      <c r="GK1485" s="127"/>
      <c r="GL1485" s="126"/>
      <c r="GM1485" s="91"/>
      <c r="GN1485" s="91"/>
      <c r="GO1485" s="91"/>
      <c r="GP1485" s="91"/>
      <c r="GQ1485" s="91"/>
      <c r="GR1485" s="91"/>
      <c r="GS1485" s="91"/>
      <c r="GT1485" s="91"/>
      <c r="GU1485" s="91"/>
      <c r="GV1485" s="91"/>
      <c r="GW1485" s="91"/>
      <c r="GX1485" s="91"/>
      <c r="GY1485" s="91"/>
      <c r="GZ1485" s="91"/>
      <c r="HA1485" s="91"/>
      <c r="HB1485" s="91"/>
      <c r="HC1485" s="91"/>
      <c r="HD1485" s="91"/>
      <c r="HE1485" s="91"/>
      <c r="HF1485" s="91"/>
      <c r="HG1485" s="91"/>
      <c r="HH1485" s="91"/>
      <c r="HI1485" s="91"/>
      <c r="HJ1485" s="91"/>
      <c r="HK1485" s="127"/>
      <c r="HL1485" s="126"/>
      <c r="HM1485" s="91"/>
      <c r="HN1485" s="91"/>
      <c r="HO1485" s="91"/>
      <c r="HP1485" s="91"/>
      <c r="HQ1485" s="91"/>
      <c r="HR1485" s="91"/>
      <c r="HS1485" s="91"/>
      <c r="HT1485" s="91"/>
      <c r="HU1485" s="91"/>
      <c r="HV1485" s="91"/>
      <c r="HW1485" s="91"/>
      <c r="HX1485" s="91"/>
      <c r="HY1485" s="91"/>
      <c r="HZ1485" s="91"/>
      <c r="IA1485" s="91"/>
      <c r="IB1485" s="91"/>
      <c r="IC1485" s="91"/>
      <c r="ID1485" s="91"/>
      <c r="IE1485" s="91"/>
      <c r="IF1485" s="91"/>
      <c r="IG1485" s="91"/>
      <c r="IH1485" s="91"/>
      <c r="II1485" s="91"/>
      <c r="IJ1485" s="91"/>
      <c r="IK1485" s="127"/>
    </row>
    <row r="1486" spans="2:245" x14ac:dyDescent="0.2">
      <c r="B1486" s="43"/>
      <c r="C1486" s="73"/>
      <c r="D1486" s="64"/>
      <c r="E1486" s="64"/>
      <c r="F1486" s="55"/>
      <c r="G1486" s="102"/>
      <c r="H1486" s="55"/>
      <c r="I1486" s="55"/>
      <c r="J1486" s="55"/>
      <c r="K1486" s="55"/>
      <c r="L1486" s="55"/>
      <c r="M1486" s="55"/>
      <c r="N1486" s="55"/>
      <c r="O1486" s="55"/>
      <c r="P1486" s="55"/>
      <c r="Q1486" s="55"/>
      <c r="R1486" s="55"/>
      <c r="S1486" s="55"/>
      <c r="T1486" s="55"/>
      <c r="U1486" s="55"/>
      <c r="V1486" s="55"/>
      <c r="W1486" s="55"/>
      <c r="X1486" s="55"/>
      <c r="Y1486" s="55"/>
      <c r="Z1486" s="55"/>
      <c r="AA1486" s="55"/>
      <c r="AB1486" s="55"/>
      <c r="AC1486" s="55"/>
      <c r="AD1486" s="55"/>
      <c r="AE1486" s="55"/>
      <c r="AF1486" s="55"/>
      <c r="AG1486" s="55"/>
      <c r="AY1486" s="162"/>
      <c r="AZ1486" s="162"/>
      <c r="BA1486" s="162"/>
      <c r="BB1486" s="162"/>
      <c r="BC1486" s="162"/>
      <c r="BD1486" s="162"/>
      <c r="BE1486" s="162"/>
      <c r="BF1486" s="162"/>
      <c r="BG1486" s="162"/>
      <c r="BH1486" s="162"/>
      <c r="BI1486" s="162"/>
      <c r="BJ1486" s="162"/>
      <c r="BK1486" s="162"/>
      <c r="BL1486" s="162"/>
      <c r="BM1486" s="162"/>
      <c r="BN1486" s="162"/>
      <c r="BO1486" s="162"/>
      <c r="BP1486" s="162"/>
      <c r="BQ1486" s="162"/>
      <c r="BR1486" s="162"/>
      <c r="BS1486" s="162"/>
      <c r="BT1486" s="162"/>
      <c r="BU1486" s="162"/>
      <c r="BV1486" s="162"/>
      <c r="BW1486" s="162"/>
      <c r="BX1486" s="162"/>
      <c r="BY1486" s="162"/>
      <c r="BZ1486" s="162"/>
      <c r="CA1486" s="162"/>
      <c r="CB1486" s="162"/>
      <c r="CC1486" s="162"/>
      <c r="CD1486" s="162"/>
      <c r="CE1486" s="162"/>
      <c r="CF1486" s="162"/>
      <c r="CG1486" s="162"/>
      <c r="CH1486" s="162"/>
      <c r="CI1486" s="162"/>
      <c r="CJ1486" s="162"/>
      <c r="CK1486" s="162"/>
      <c r="CX1486" s="98"/>
      <c r="DL1486" s="97"/>
      <c r="DX1486" s="98"/>
      <c r="EL1486" s="97"/>
      <c r="EX1486" s="98"/>
      <c r="EY1486" s="97"/>
      <c r="FL1486" s="126"/>
      <c r="FM1486" s="91"/>
      <c r="FN1486" s="91"/>
      <c r="FO1486" s="91"/>
      <c r="FP1486" s="91"/>
      <c r="FQ1486" s="91"/>
      <c r="FR1486" s="91"/>
      <c r="FS1486" s="91"/>
      <c r="FT1486" s="91"/>
      <c r="FU1486" s="91"/>
      <c r="FV1486" s="91"/>
      <c r="FW1486" s="91"/>
      <c r="FX1486" s="91"/>
      <c r="FY1486" s="91"/>
      <c r="FZ1486" s="91"/>
      <c r="GA1486" s="91"/>
      <c r="GB1486" s="91"/>
      <c r="GC1486" s="91"/>
      <c r="GD1486" s="91"/>
      <c r="GE1486" s="91"/>
      <c r="GF1486" s="91"/>
      <c r="GG1486" s="91"/>
      <c r="GH1486" s="91"/>
      <c r="GI1486" s="91"/>
      <c r="GJ1486" s="91"/>
      <c r="GK1486" s="127"/>
      <c r="GL1486" s="126"/>
      <c r="GM1486" s="91"/>
      <c r="GN1486" s="91"/>
      <c r="GO1486" s="91"/>
      <c r="GP1486" s="91"/>
      <c r="GQ1486" s="91"/>
      <c r="GR1486" s="91"/>
      <c r="GS1486" s="91"/>
      <c r="GT1486" s="91"/>
      <c r="GU1486" s="91"/>
      <c r="GV1486" s="91"/>
      <c r="GW1486" s="91"/>
      <c r="GX1486" s="91"/>
      <c r="GY1486" s="91"/>
      <c r="GZ1486" s="91"/>
      <c r="HA1486" s="91"/>
      <c r="HB1486" s="91"/>
      <c r="HC1486" s="91"/>
      <c r="HD1486" s="91"/>
      <c r="HE1486" s="91"/>
      <c r="HF1486" s="91"/>
      <c r="HG1486" s="91"/>
      <c r="HH1486" s="91"/>
      <c r="HI1486" s="91"/>
      <c r="HJ1486" s="91"/>
      <c r="HK1486" s="127"/>
      <c r="HL1486" s="126"/>
      <c r="HM1486" s="91"/>
      <c r="HN1486" s="91"/>
      <c r="HO1486" s="91"/>
      <c r="HP1486" s="91"/>
      <c r="HQ1486" s="91"/>
      <c r="HR1486" s="91"/>
      <c r="HS1486" s="91"/>
      <c r="HT1486" s="91"/>
      <c r="HU1486" s="91"/>
      <c r="HV1486" s="91"/>
      <c r="HW1486" s="91"/>
      <c r="HX1486" s="91"/>
      <c r="HY1486" s="91"/>
      <c r="HZ1486" s="91"/>
      <c r="IA1486" s="91"/>
      <c r="IB1486" s="91"/>
      <c r="IC1486" s="91"/>
      <c r="ID1486" s="91"/>
      <c r="IE1486" s="91"/>
      <c r="IF1486" s="91"/>
      <c r="IG1486" s="91"/>
      <c r="IH1486" s="91"/>
      <c r="II1486" s="91"/>
      <c r="IJ1486" s="91"/>
      <c r="IK1486" s="127"/>
    </row>
    <row r="1487" spans="2:245" x14ac:dyDescent="0.2">
      <c r="B1487" s="43"/>
      <c r="C1487" s="73"/>
      <c r="D1487" s="64"/>
      <c r="E1487" s="64"/>
      <c r="F1487" s="55"/>
      <c r="G1487" s="102"/>
      <c r="H1487" s="55"/>
      <c r="I1487" s="55"/>
      <c r="J1487" s="55"/>
      <c r="K1487" s="55"/>
      <c r="L1487" s="55"/>
      <c r="M1487" s="55"/>
      <c r="N1487" s="55"/>
      <c r="O1487" s="55"/>
      <c r="P1487" s="55"/>
      <c r="Q1487" s="55"/>
      <c r="R1487" s="55"/>
      <c r="S1487" s="55"/>
      <c r="T1487" s="55"/>
      <c r="U1487" s="55"/>
      <c r="V1487" s="55"/>
      <c r="W1487" s="55"/>
      <c r="X1487" s="55"/>
      <c r="Y1487" s="55"/>
      <c r="Z1487" s="55"/>
      <c r="AA1487" s="55"/>
      <c r="AB1487" s="55"/>
      <c r="AC1487" s="55"/>
      <c r="AD1487" s="55"/>
      <c r="AE1487" s="55"/>
      <c r="AF1487" s="55"/>
      <c r="AG1487" s="55"/>
      <c r="AY1487" s="162"/>
      <c r="AZ1487" s="162"/>
      <c r="BA1487" s="162"/>
      <c r="BB1487" s="162"/>
      <c r="BC1487" s="162"/>
      <c r="BD1487" s="162"/>
      <c r="BE1487" s="162"/>
      <c r="BF1487" s="162"/>
      <c r="BG1487" s="162"/>
      <c r="BH1487" s="162"/>
      <c r="BI1487" s="162"/>
      <c r="BJ1487" s="162"/>
      <c r="BK1487" s="162"/>
      <c r="BL1487" s="162"/>
      <c r="BM1487" s="162"/>
      <c r="BN1487" s="162"/>
      <c r="BO1487" s="162"/>
      <c r="BP1487" s="162"/>
      <c r="BQ1487" s="162"/>
      <c r="BR1487" s="162"/>
      <c r="BS1487" s="162"/>
      <c r="BT1487" s="162"/>
      <c r="BU1487" s="162"/>
      <c r="BV1487" s="162"/>
      <c r="BW1487" s="162"/>
      <c r="BX1487" s="162"/>
      <c r="BY1487" s="162"/>
      <c r="BZ1487" s="162"/>
      <c r="CA1487" s="162"/>
      <c r="CB1487" s="162"/>
      <c r="CC1487" s="162"/>
      <c r="CD1487" s="162"/>
      <c r="CE1487" s="162"/>
      <c r="CF1487" s="162"/>
      <c r="CG1487" s="162"/>
      <c r="CH1487" s="162"/>
      <c r="CI1487" s="162"/>
      <c r="CJ1487" s="162"/>
      <c r="CK1487" s="162"/>
      <c r="CX1487" s="98"/>
      <c r="DL1487" s="97"/>
      <c r="DX1487" s="98"/>
      <c r="EL1487" s="97"/>
      <c r="EX1487" s="98"/>
      <c r="EY1487" s="97"/>
      <c r="FL1487" s="126"/>
      <c r="FM1487" s="91"/>
      <c r="FN1487" s="91"/>
      <c r="FO1487" s="91"/>
      <c r="FP1487" s="91"/>
      <c r="FQ1487" s="91"/>
      <c r="FR1487" s="91"/>
      <c r="FS1487" s="91"/>
      <c r="FT1487" s="91"/>
      <c r="FU1487" s="91"/>
      <c r="FV1487" s="91"/>
      <c r="FW1487" s="91"/>
      <c r="FX1487" s="91"/>
      <c r="FY1487" s="91"/>
      <c r="FZ1487" s="91"/>
      <c r="GA1487" s="91"/>
      <c r="GB1487" s="91"/>
      <c r="GC1487" s="91"/>
      <c r="GD1487" s="91"/>
      <c r="GE1487" s="91"/>
      <c r="GF1487" s="91"/>
      <c r="GG1487" s="91"/>
      <c r="GH1487" s="91"/>
      <c r="GI1487" s="91"/>
      <c r="GJ1487" s="91"/>
      <c r="GK1487" s="127"/>
      <c r="GL1487" s="126"/>
      <c r="GM1487" s="91"/>
      <c r="GN1487" s="91"/>
      <c r="GO1487" s="91"/>
      <c r="GP1487" s="91"/>
      <c r="GQ1487" s="91"/>
      <c r="GR1487" s="91"/>
      <c r="GS1487" s="91"/>
      <c r="GT1487" s="91"/>
      <c r="GU1487" s="91"/>
      <c r="GV1487" s="91"/>
      <c r="GW1487" s="91"/>
      <c r="GX1487" s="91"/>
      <c r="GY1487" s="91"/>
      <c r="GZ1487" s="91"/>
      <c r="HA1487" s="91"/>
      <c r="HB1487" s="91"/>
      <c r="HC1487" s="91"/>
      <c r="HD1487" s="91"/>
      <c r="HE1487" s="91"/>
      <c r="HF1487" s="91"/>
      <c r="HG1487" s="91"/>
      <c r="HH1487" s="91"/>
      <c r="HI1487" s="91"/>
      <c r="HJ1487" s="91"/>
      <c r="HK1487" s="127"/>
      <c r="HL1487" s="126"/>
      <c r="HM1487" s="91"/>
      <c r="HN1487" s="91"/>
      <c r="HO1487" s="91"/>
      <c r="HP1487" s="91"/>
      <c r="HQ1487" s="91"/>
      <c r="HR1487" s="91"/>
      <c r="HS1487" s="91"/>
      <c r="HT1487" s="91"/>
      <c r="HU1487" s="91"/>
      <c r="HV1487" s="91"/>
      <c r="HW1487" s="91"/>
      <c r="HX1487" s="91"/>
      <c r="HY1487" s="91"/>
      <c r="HZ1487" s="91"/>
      <c r="IA1487" s="91"/>
      <c r="IB1487" s="91"/>
      <c r="IC1487" s="91"/>
      <c r="ID1487" s="91"/>
      <c r="IE1487" s="91"/>
      <c r="IF1487" s="91"/>
      <c r="IG1487" s="91"/>
      <c r="IH1487" s="91"/>
      <c r="II1487" s="91"/>
      <c r="IJ1487" s="91"/>
      <c r="IK1487" s="127"/>
    </row>
    <row r="1488" spans="2:245" x14ac:dyDescent="0.2">
      <c r="B1488" s="43"/>
      <c r="C1488" s="73"/>
      <c r="D1488" s="64"/>
      <c r="E1488" s="64"/>
      <c r="F1488" s="55"/>
      <c r="G1488" s="102"/>
      <c r="H1488" s="55"/>
      <c r="I1488" s="55"/>
      <c r="J1488" s="55"/>
      <c r="K1488" s="55"/>
      <c r="L1488" s="55"/>
      <c r="M1488" s="55"/>
      <c r="N1488" s="55"/>
      <c r="O1488" s="55"/>
      <c r="P1488" s="55"/>
      <c r="Q1488" s="55"/>
      <c r="R1488" s="55"/>
      <c r="S1488" s="55"/>
      <c r="T1488" s="55"/>
      <c r="U1488" s="55"/>
      <c r="V1488" s="55"/>
      <c r="W1488" s="55"/>
      <c r="X1488" s="55"/>
      <c r="Y1488" s="55"/>
      <c r="Z1488" s="55"/>
      <c r="AA1488" s="55"/>
      <c r="AB1488" s="55"/>
      <c r="AC1488" s="55"/>
      <c r="AD1488" s="55"/>
      <c r="AE1488" s="55"/>
      <c r="AF1488" s="55"/>
      <c r="AG1488" s="55"/>
      <c r="AY1488" s="162"/>
      <c r="AZ1488" s="162"/>
      <c r="BA1488" s="162"/>
      <c r="BB1488" s="162"/>
      <c r="BC1488" s="162"/>
      <c r="BD1488" s="162"/>
      <c r="BE1488" s="162"/>
      <c r="BF1488" s="162"/>
      <c r="BG1488" s="162"/>
      <c r="BH1488" s="162"/>
      <c r="BI1488" s="162"/>
      <c r="BJ1488" s="162"/>
      <c r="BK1488" s="162"/>
      <c r="BL1488" s="162"/>
      <c r="BM1488" s="162"/>
      <c r="BN1488" s="162"/>
      <c r="BO1488" s="162"/>
      <c r="BP1488" s="162"/>
      <c r="BQ1488" s="162"/>
      <c r="BR1488" s="162"/>
      <c r="BS1488" s="162"/>
      <c r="BT1488" s="162"/>
      <c r="BU1488" s="162"/>
      <c r="BV1488" s="162"/>
      <c r="BW1488" s="162"/>
      <c r="BX1488" s="162"/>
      <c r="BY1488" s="162"/>
      <c r="BZ1488" s="162"/>
      <c r="CA1488" s="162"/>
      <c r="CB1488" s="162"/>
      <c r="CC1488" s="162"/>
      <c r="CD1488" s="162"/>
      <c r="CE1488" s="162"/>
      <c r="CF1488" s="162"/>
      <c r="CG1488" s="162"/>
      <c r="CH1488" s="162"/>
      <c r="CI1488" s="162"/>
      <c r="CJ1488" s="162"/>
      <c r="CK1488" s="162"/>
      <c r="CX1488" s="98"/>
      <c r="DL1488" s="97"/>
      <c r="DX1488" s="98"/>
      <c r="EL1488" s="97"/>
      <c r="EX1488" s="98"/>
      <c r="EY1488" s="97"/>
      <c r="FL1488" s="126"/>
      <c r="FM1488" s="91"/>
      <c r="FN1488" s="91"/>
      <c r="FO1488" s="91"/>
      <c r="FP1488" s="91"/>
      <c r="FQ1488" s="91"/>
      <c r="FR1488" s="91"/>
      <c r="FS1488" s="91"/>
      <c r="FT1488" s="91"/>
      <c r="FU1488" s="91"/>
      <c r="FV1488" s="91"/>
      <c r="FW1488" s="91"/>
      <c r="FX1488" s="91"/>
      <c r="FY1488" s="91"/>
      <c r="FZ1488" s="91"/>
      <c r="GA1488" s="91"/>
      <c r="GB1488" s="91"/>
      <c r="GC1488" s="91"/>
      <c r="GD1488" s="91"/>
      <c r="GE1488" s="91"/>
      <c r="GF1488" s="91"/>
      <c r="GG1488" s="91"/>
      <c r="GH1488" s="91"/>
      <c r="GI1488" s="91"/>
      <c r="GJ1488" s="91"/>
      <c r="GK1488" s="127"/>
      <c r="GL1488" s="126"/>
      <c r="GM1488" s="91"/>
      <c r="GN1488" s="91"/>
      <c r="GO1488" s="91"/>
      <c r="GP1488" s="91"/>
      <c r="GQ1488" s="91"/>
      <c r="GR1488" s="91"/>
      <c r="GS1488" s="91"/>
      <c r="GT1488" s="91"/>
      <c r="GU1488" s="91"/>
      <c r="GV1488" s="91"/>
      <c r="GW1488" s="91"/>
      <c r="GX1488" s="91"/>
      <c r="GY1488" s="91"/>
      <c r="GZ1488" s="91"/>
      <c r="HA1488" s="91"/>
      <c r="HB1488" s="91"/>
      <c r="HC1488" s="91"/>
      <c r="HD1488" s="91"/>
      <c r="HE1488" s="91"/>
      <c r="HF1488" s="91"/>
      <c r="HG1488" s="91"/>
      <c r="HH1488" s="91"/>
      <c r="HI1488" s="91"/>
      <c r="HJ1488" s="91"/>
      <c r="HK1488" s="127"/>
      <c r="HL1488" s="126"/>
      <c r="HM1488" s="91"/>
      <c r="HN1488" s="91"/>
      <c r="HO1488" s="91"/>
      <c r="HP1488" s="91"/>
      <c r="HQ1488" s="91"/>
      <c r="HR1488" s="91"/>
      <c r="HS1488" s="91"/>
      <c r="HT1488" s="91"/>
      <c r="HU1488" s="91"/>
      <c r="HV1488" s="91"/>
      <c r="HW1488" s="91"/>
      <c r="HX1488" s="91"/>
      <c r="HY1488" s="91"/>
      <c r="HZ1488" s="91"/>
      <c r="IA1488" s="91"/>
      <c r="IB1488" s="91"/>
      <c r="IC1488" s="91"/>
      <c r="ID1488" s="91"/>
      <c r="IE1488" s="91"/>
      <c r="IF1488" s="91"/>
      <c r="IG1488" s="91"/>
      <c r="IH1488" s="91"/>
      <c r="II1488" s="91"/>
      <c r="IJ1488" s="91"/>
      <c r="IK1488" s="127"/>
    </row>
    <row r="1489" spans="2:245" x14ac:dyDescent="0.2">
      <c r="B1489" s="43"/>
      <c r="C1489" s="73"/>
      <c r="D1489" s="64"/>
      <c r="E1489" s="64"/>
      <c r="F1489" s="55"/>
      <c r="G1489" s="102"/>
      <c r="H1489" s="55"/>
      <c r="I1489" s="55"/>
      <c r="J1489" s="55"/>
      <c r="K1489" s="55"/>
      <c r="L1489" s="55"/>
      <c r="M1489" s="55"/>
      <c r="N1489" s="55"/>
      <c r="O1489" s="55"/>
      <c r="P1489" s="55"/>
      <c r="Q1489" s="55"/>
      <c r="R1489" s="55"/>
      <c r="S1489" s="55"/>
      <c r="T1489" s="55"/>
      <c r="U1489" s="55"/>
      <c r="V1489" s="55"/>
      <c r="W1489" s="55"/>
      <c r="X1489" s="55"/>
      <c r="Y1489" s="55"/>
      <c r="Z1489" s="55"/>
      <c r="AA1489" s="55"/>
      <c r="AB1489" s="55"/>
      <c r="AC1489" s="55"/>
      <c r="AD1489" s="55"/>
      <c r="AE1489" s="55"/>
      <c r="AF1489" s="55"/>
      <c r="AG1489" s="55"/>
      <c r="AY1489" s="162"/>
      <c r="AZ1489" s="162"/>
      <c r="BA1489" s="162"/>
      <c r="BB1489" s="162"/>
      <c r="BC1489" s="162"/>
      <c r="BD1489" s="162"/>
      <c r="BE1489" s="162"/>
      <c r="BF1489" s="162"/>
      <c r="BG1489" s="162"/>
      <c r="BH1489" s="162"/>
      <c r="BI1489" s="162"/>
      <c r="BJ1489" s="162"/>
      <c r="BK1489" s="162"/>
      <c r="BL1489" s="162"/>
      <c r="BM1489" s="162"/>
      <c r="BN1489" s="162"/>
      <c r="BO1489" s="162"/>
      <c r="BP1489" s="162"/>
      <c r="BQ1489" s="162"/>
      <c r="BR1489" s="162"/>
      <c r="BS1489" s="162"/>
      <c r="BT1489" s="162"/>
      <c r="BU1489" s="162"/>
      <c r="BV1489" s="162"/>
      <c r="BW1489" s="162"/>
      <c r="BX1489" s="162"/>
      <c r="BY1489" s="162"/>
      <c r="BZ1489" s="162"/>
      <c r="CA1489" s="162"/>
      <c r="CB1489" s="162"/>
      <c r="CC1489" s="162"/>
      <c r="CD1489" s="162"/>
      <c r="CE1489" s="162"/>
      <c r="CF1489" s="162"/>
      <c r="CG1489" s="162"/>
      <c r="CH1489" s="162"/>
      <c r="CI1489" s="162"/>
      <c r="CJ1489" s="162"/>
      <c r="CK1489" s="162"/>
      <c r="CX1489" s="98"/>
      <c r="DL1489" s="97"/>
      <c r="DX1489" s="98"/>
      <c r="EL1489" s="97"/>
      <c r="EX1489" s="98"/>
      <c r="EY1489" s="97"/>
      <c r="FL1489" s="126"/>
      <c r="FM1489" s="91"/>
      <c r="FN1489" s="91"/>
      <c r="FO1489" s="91"/>
      <c r="FP1489" s="91"/>
      <c r="FQ1489" s="91"/>
      <c r="FR1489" s="91"/>
      <c r="FS1489" s="91"/>
      <c r="FT1489" s="91"/>
      <c r="FU1489" s="91"/>
      <c r="FV1489" s="91"/>
      <c r="FW1489" s="91"/>
      <c r="FX1489" s="91"/>
      <c r="FY1489" s="91"/>
      <c r="FZ1489" s="91"/>
      <c r="GA1489" s="91"/>
      <c r="GB1489" s="91"/>
      <c r="GC1489" s="91"/>
      <c r="GD1489" s="91"/>
      <c r="GE1489" s="91"/>
      <c r="GF1489" s="91"/>
      <c r="GG1489" s="91"/>
      <c r="GH1489" s="91"/>
      <c r="GI1489" s="91"/>
      <c r="GJ1489" s="91"/>
      <c r="GK1489" s="127"/>
      <c r="GL1489" s="126"/>
      <c r="GM1489" s="91"/>
      <c r="GN1489" s="91"/>
      <c r="GO1489" s="91"/>
      <c r="GP1489" s="91"/>
      <c r="GQ1489" s="91"/>
      <c r="GR1489" s="91"/>
      <c r="GS1489" s="91"/>
      <c r="GT1489" s="91"/>
      <c r="GU1489" s="91"/>
      <c r="GV1489" s="91"/>
      <c r="GW1489" s="91"/>
      <c r="GX1489" s="91"/>
      <c r="GY1489" s="91"/>
      <c r="GZ1489" s="91"/>
      <c r="HA1489" s="91"/>
      <c r="HB1489" s="91"/>
      <c r="HC1489" s="91"/>
      <c r="HD1489" s="91"/>
      <c r="HE1489" s="91"/>
      <c r="HF1489" s="91"/>
      <c r="HG1489" s="91"/>
      <c r="HH1489" s="91"/>
      <c r="HI1489" s="91"/>
      <c r="HJ1489" s="91"/>
      <c r="HK1489" s="127"/>
      <c r="HL1489" s="126"/>
      <c r="HM1489" s="91"/>
      <c r="HN1489" s="91"/>
      <c r="HO1489" s="91"/>
      <c r="HP1489" s="91"/>
      <c r="HQ1489" s="91"/>
      <c r="HR1489" s="91"/>
      <c r="HS1489" s="91"/>
      <c r="HT1489" s="91"/>
      <c r="HU1489" s="91"/>
      <c r="HV1489" s="91"/>
      <c r="HW1489" s="91"/>
      <c r="HX1489" s="91"/>
      <c r="HY1489" s="91"/>
      <c r="HZ1489" s="91"/>
      <c r="IA1489" s="91"/>
      <c r="IB1489" s="91"/>
      <c r="IC1489" s="91"/>
      <c r="ID1489" s="91"/>
      <c r="IE1489" s="91"/>
      <c r="IF1489" s="91"/>
      <c r="IG1489" s="91"/>
      <c r="IH1489" s="91"/>
      <c r="II1489" s="91"/>
      <c r="IJ1489" s="91"/>
      <c r="IK1489" s="127"/>
    </row>
    <row r="1490" spans="2:245" x14ac:dyDescent="0.2">
      <c r="B1490" s="43"/>
      <c r="C1490" s="73"/>
      <c r="D1490" s="64"/>
      <c r="E1490" s="64"/>
      <c r="F1490" s="55"/>
      <c r="G1490" s="102"/>
      <c r="H1490" s="55"/>
      <c r="I1490" s="55"/>
      <c r="J1490" s="55"/>
      <c r="K1490" s="55"/>
      <c r="L1490" s="55"/>
      <c r="M1490" s="55"/>
      <c r="N1490" s="55"/>
      <c r="O1490" s="55"/>
      <c r="P1490" s="55"/>
      <c r="Q1490" s="55"/>
      <c r="R1490" s="55"/>
      <c r="S1490" s="55"/>
      <c r="T1490" s="55"/>
      <c r="U1490" s="55"/>
      <c r="V1490" s="55"/>
      <c r="W1490" s="55"/>
      <c r="X1490" s="55"/>
      <c r="Y1490" s="55"/>
      <c r="Z1490" s="55"/>
      <c r="AA1490" s="55"/>
      <c r="AB1490" s="55"/>
      <c r="AC1490" s="55"/>
      <c r="AD1490" s="55"/>
      <c r="AE1490" s="55"/>
      <c r="AF1490" s="55"/>
      <c r="AG1490" s="55"/>
      <c r="AY1490" s="162"/>
      <c r="AZ1490" s="162"/>
      <c r="BA1490" s="162"/>
      <c r="BB1490" s="162"/>
      <c r="BC1490" s="162"/>
      <c r="BD1490" s="162"/>
      <c r="BE1490" s="162"/>
      <c r="BF1490" s="162"/>
      <c r="BG1490" s="162"/>
      <c r="BH1490" s="162"/>
      <c r="BI1490" s="162"/>
      <c r="BJ1490" s="162"/>
      <c r="BK1490" s="162"/>
      <c r="BL1490" s="162"/>
      <c r="BM1490" s="162"/>
      <c r="BN1490" s="162"/>
      <c r="BO1490" s="162"/>
      <c r="BP1490" s="162"/>
      <c r="BQ1490" s="162"/>
      <c r="BR1490" s="162"/>
      <c r="BS1490" s="162"/>
      <c r="BT1490" s="162"/>
      <c r="BU1490" s="162"/>
      <c r="BV1490" s="162"/>
      <c r="BW1490" s="162"/>
      <c r="BX1490" s="162"/>
      <c r="BY1490" s="162"/>
      <c r="BZ1490" s="162"/>
      <c r="CA1490" s="162"/>
      <c r="CB1490" s="162"/>
      <c r="CC1490" s="162"/>
      <c r="CD1490" s="162"/>
      <c r="CE1490" s="162"/>
      <c r="CF1490" s="162"/>
      <c r="CG1490" s="162"/>
      <c r="CH1490" s="162"/>
      <c r="CI1490" s="162"/>
      <c r="CJ1490" s="162"/>
      <c r="CK1490" s="162"/>
      <c r="CX1490" s="98"/>
      <c r="DL1490" s="97"/>
      <c r="DX1490" s="98"/>
      <c r="EL1490" s="97"/>
      <c r="EX1490" s="98"/>
      <c r="EY1490" s="97"/>
      <c r="FL1490" s="126"/>
      <c r="FM1490" s="91"/>
      <c r="FN1490" s="91"/>
      <c r="FO1490" s="91"/>
      <c r="FP1490" s="91"/>
      <c r="FQ1490" s="91"/>
      <c r="FR1490" s="91"/>
      <c r="FS1490" s="91"/>
      <c r="FT1490" s="91"/>
      <c r="FU1490" s="91"/>
      <c r="FV1490" s="91"/>
      <c r="FW1490" s="91"/>
      <c r="FX1490" s="91"/>
      <c r="FY1490" s="91"/>
      <c r="FZ1490" s="91"/>
      <c r="GA1490" s="91"/>
      <c r="GB1490" s="91"/>
      <c r="GC1490" s="91"/>
      <c r="GD1490" s="91"/>
      <c r="GE1490" s="91"/>
      <c r="GF1490" s="91"/>
      <c r="GG1490" s="91"/>
      <c r="GH1490" s="91"/>
      <c r="GI1490" s="91"/>
      <c r="GJ1490" s="91"/>
      <c r="GK1490" s="127"/>
      <c r="GL1490" s="126"/>
      <c r="GM1490" s="91"/>
      <c r="GN1490" s="91"/>
      <c r="GO1490" s="91"/>
      <c r="GP1490" s="91"/>
      <c r="GQ1490" s="91"/>
      <c r="GR1490" s="91"/>
      <c r="GS1490" s="91"/>
      <c r="GT1490" s="91"/>
      <c r="GU1490" s="91"/>
      <c r="GV1490" s="91"/>
      <c r="GW1490" s="91"/>
      <c r="GX1490" s="91"/>
      <c r="GY1490" s="91"/>
      <c r="GZ1490" s="91"/>
      <c r="HA1490" s="91"/>
      <c r="HB1490" s="91"/>
      <c r="HC1490" s="91"/>
      <c r="HD1490" s="91"/>
      <c r="HE1490" s="91"/>
      <c r="HF1490" s="91"/>
      <c r="HG1490" s="91"/>
      <c r="HH1490" s="91"/>
      <c r="HI1490" s="91"/>
      <c r="HJ1490" s="91"/>
      <c r="HK1490" s="127"/>
      <c r="HL1490" s="126"/>
      <c r="HM1490" s="91"/>
      <c r="HN1490" s="91"/>
      <c r="HO1490" s="91"/>
      <c r="HP1490" s="91"/>
      <c r="HQ1490" s="91"/>
      <c r="HR1490" s="91"/>
      <c r="HS1490" s="91"/>
      <c r="HT1490" s="91"/>
      <c r="HU1490" s="91"/>
      <c r="HV1490" s="91"/>
      <c r="HW1490" s="91"/>
      <c r="HX1490" s="91"/>
      <c r="HY1490" s="91"/>
      <c r="HZ1490" s="91"/>
      <c r="IA1490" s="91"/>
      <c r="IB1490" s="91"/>
      <c r="IC1490" s="91"/>
      <c r="ID1490" s="91"/>
      <c r="IE1490" s="91"/>
      <c r="IF1490" s="91"/>
      <c r="IG1490" s="91"/>
      <c r="IH1490" s="91"/>
      <c r="II1490" s="91"/>
      <c r="IJ1490" s="91"/>
      <c r="IK1490" s="127"/>
    </row>
    <row r="1491" spans="2:245" x14ac:dyDescent="0.2">
      <c r="B1491" s="43"/>
      <c r="C1491" s="73"/>
      <c r="D1491" s="64"/>
      <c r="E1491" s="64"/>
      <c r="F1491" s="55"/>
      <c r="G1491" s="102"/>
      <c r="H1491" s="55"/>
      <c r="I1491" s="55"/>
      <c r="J1491" s="55"/>
      <c r="K1491" s="55"/>
      <c r="L1491" s="55"/>
      <c r="M1491" s="55"/>
      <c r="N1491" s="55"/>
      <c r="O1491" s="55"/>
      <c r="P1491" s="55"/>
      <c r="Q1491" s="55"/>
      <c r="R1491" s="55"/>
      <c r="S1491" s="55"/>
      <c r="T1491" s="55"/>
      <c r="U1491" s="55"/>
      <c r="V1491" s="55"/>
      <c r="W1491" s="55"/>
      <c r="X1491" s="55"/>
      <c r="Y1491" s="55"/>
      <c r="Z1491" s="55"/>
      <c r="AA1491" s="55"/>
      <c r="AB1491" s="55"/>
      <c r="AC1491" s="55"/>
      <c r="AD1491" s="55"/>
      <c r="AE1491" s="55"/>
      <c r="AF1491" s="55"/>
      <c r="AG1491" s="55"/>
      <c r="AY1491" s="162"/>
      <c r="AZ1491" s="162"/>
      <c r="BA1491" s="162"/>
      <c r="BB1491" s="162"/>
      <c r="BC1491" s="162"/>
      <c r="BD1491" s="162"/>
      <c r="BE1491" s="162"/>
      <c r="BF1491" s="162"/>
      <c r="BG1491" s="162"/>
      <c r="BH1491" s="162"/>
      <c r="BI1491" s="162"/>
      <c r="BJ1491" s="162"/>
      <c r="BK1491" s="162"/>
      <c r="BL1491" s="162"/>
      <c r="BM1491" s="162"/>
      <c r="BN1491" s="162"/>
      <c r="BO1491" s="162"/>
      <c r="BP1491" s="162"/>
      <c r="BQ1491" s="162"/>
      <c r="BR1491" s="162"/>
      <c r="BS1491" s="162"/>
      <c r="BT1491" s="162"/>
      <c r="BU1491" s="162"/>
      <c r="BV1491" s="162"/>
      <c r="BW1491" s="162"/>
      <c r="BX1491" s="162"/>
      <c r="BY1491" s="162"/>
      <c r="BZ1491" s="162"/>
      <c r="CA1491" s="162"/>
      <c r="CB1491" s="162"/>
      <c r="CC1491" s="162"/>
      <c r="CD1491" s="162"/>
      <c r="CE1491" s="162"/>
      <c r="CF1491" s="162"/>
      <c r="CG1491" s="162"/>
      <c r="CH1491" s="162"/>
      <c r="CI1491" s="162"/>
      <c r="CJ1491" s="162"/>
      <c r="CK1491" s="162"/>
      <c r="CX1491" s="98"/>
      <c r="DL1491" s="97"/>
      <c r="DX1491" s="98"/>
      <c r="EL1491" s="97"/>
      <c r="EX1491" s="98"/>
      <c r="EY1491" s="97"/>
      <c r="FL1491" s="126"/>
      <c r="FM1491" s="91"/>
      <c r="FN1491" s="91"/>
      <c r="FO1491" s="91"/>
      <c r="FP1491" s="91"/>
      <c r="FQ1491" s="91"/>
      <c r="FR1491" s="91"/>
      <c r="FS1491" s="91"/>
      <c r="FT1491" s="91"/>
      <c r="FU1491" s="91"/>
      <c r="FV1491" s="91"/>
      <c r="FW1491" s="91"/>
      <c r="FX1491" s="91"/>
      <c r="FY1491" s="91"/>
      <c r="FZ1491" s="91"/>
      <c r="GA1491" s="91"/>
      <c r="GB1491" s="91"/>
      <c r="GC1491" s="91"/>
      <c r="GD1491" s="91"/>
      <c r="GE1491" s="91"/>
      <c r="GF1491" s="91"/>
      <c r="GG1491" s="91"/>
      <c r="GH1491" s="91"/>
      <c r="GI1491" s="91"/>
      <c r="GJ1491" s="91"/>
      <c r="GK1491" s="127"/>
      <c r="GL1491" s="126"/>
      <c r="GM1491" s="91"/>
      <c r="GN1491" s="91"/>
      <c r="GO1491" s="91"/>
      <c r="GP1491" s="91"/>
      <c r="GQ1491" s="91"/>
      <c r="GR1491" s="91"/>
      <c r="GS1491" s="91"/>
      <c r="GT1491" s="91"/>
      <c r="GU1491" s="91"/>
      <c r="GV1491" s="91"/>
      <c r="GW1491" s="91"/>
      <c r="GX1491" s="91"/>
      <c r="GY1491" s="91"/>
      <c r="GZ1491" s="91"/>
      <c r="HA1491" s="91"/>
      <c r="HB1491" s="91"/>
      <c r="HC1491" s="91"/>
      <c r="HD1491" s="91"/>
      <c r="HE1491" s="91"/>
      <c r="HF1491" s="91"/>
      <c r="HG1491" s="91"/>
      <c r="HH1491" s="91"/>
      <c r="HI1491" s="91"/>
      <c r="HJ1491" s="91"/>
      <c r="HK1491" s="127"/>
      <c r="HL1491" s="126"/>
      <c r="HM1491" s="91"/>
      <c r="HN1491" s="91"/>
      <c r="HO1491" s="91"/>
      <c r="HP1491" s="91"/>
      <c r="HQ1491" s="91"/>
      <c r="HR1491" s="91"/>
      <c r="HS1491" s="91"/>
      <c r="HT1491" s="91"/>
      <c r="HU1491" s="91"/>
      <c r="HV1491" s="91"/>
      <c r="HW1491" s="91"/>
      <c r="HX1491" s="91"/>
      <c r="HY1491" s="91"/>
      <c r="HZ1491" s="91"/>
      <c r="IA1491" s="91"/>
      <c r="IB1491" s="91"/>
      <c r="IC1491" s="91"/>
      <c r="ID1491" s="91"/>
      <c r="IE1491" s="91"/>
      <c r="IF1491" s="91"/>
      <c r="IG1491" s="91"/>
      <c r="IH1491" s="91"/>
      <c r="II1491" s="91"/>
      <c r="IJ1491" s="91"/>
      <c r="IK1491" s="127"/>
    </row>
    <row r="1492" spans="2:245" x14ac:dyDescent="0.2">
      <c r="B1492" s="43"/>
      <c r="C1492" s="73"/>
      <c r="D1492" s="64"/>
      <c r="E1492" s="64"/>
      <c r="F1492" s="55"/>
      <c r="G1492" s="102"/>
      <c r="H1492" s="55"/>
      <c r="I1492" s="55"/>
      <c r="J1492" s="55"/>
      <c r="K1492" s="55"/>
      <c r="L1492" s="55"/>
      <c r="M1492" s="55"/>
      <c r="N1492" s="55"/>
      <c r="O1492" s="55"/>
      <c r="P1492" s="55"/>
      <c r="Q1492" s="55"/>
      <c r="R1492" s="55"/>
      <c r="S1492" s="55"/>
      <c r="T1492" s="55"/>
      <c r="U1492" s="55"/>
      <c r="V1492" s="55"/>
      <c r="W1492" s="55"/>
      <c r="X1492" s="55"/>
      <c r="Y1492" s="55"/>
      <c r="Z1492" s="55"/>
      <c r="AA1492" s="55"/>
      <c r="AB1492" s="55"/>
      <c r="AC1492" s="55"/>
      <c r="AD1492" s="55"/>
      <c r="AE1492" s="55"/>
      <c r="AF1492" s="55"/>
      <c r="AG1492" s="55"/>
      <c r="AY1492" s="162"/>
      <c r="AZ1492" s="162"/>
      <c r="BA1492" s="162"/>
      <c r="BB1492" s="162"/>
      <c r="BC1492" s="162"/>
      <c r="BD1492" s="162"/>
      <c r="BE1492" s="162"/>
      <c r="BF1492" s="162"/>
      <c r="BG1492" s="162"/>
      <c r="BH1492" s="162"/>
      <c r="BI1492" s="162"/>
      <c r="BJ1492" s="162"/>
      <c r="BK1492" s="162"/>
      <c r="BL1492" s="162"/>
      <c r="BM1492" s="162"/>
      <c r="BN1492" s="162"/>
      <c r="BO1492" s="162"/>
      <c r="BP1492" s="162"/>
      <c r="BQ1492" s="162"/>
      <c r="BR1492" s="162"/>
      <c r="BS1492" s="162"/>
      <c r="BT1492" s="162"/>
      <c r="BU1492" s="162"/>
      <c r="BV1492" s="162"/>
      <c r="BW1492" s="162"/>
      <c r="BX1492" s="162"/>
      <c r="BY1492" s="162"/>
      <c r="BZ1492" s="162"/>
      <c r="CA1492" s="162"/>
      <c r="CB1492" s="162"/>
      <c r="CC1492" s="162"/>
      <c r="CD1492" s="162"/>
      <c r="CE1492" s="162"/>
      <c r="CF1492" s="162"/>
      <c r="CG1492" s="162"/>
      <c r="CH1492" s="162"/>
      <c r="CI1492" s="162"/>
      <c r="CJ1492" s="162"/>
      <c r="CK1492" s="162"/>
      <c r="CX1492" s="98"/>
      <c r="DL1492" s="97"/>
      <c r="DX1492" s="98"/>
      <c r="EL1492" s="97"/>
      <c r="EX1492" s="98"/>
      <c r="EY1492" s="97"/>
      <c r="FL1492" s="126"/>
      <c r="FM1492" s="91"/>
      <c r="FN1492" s="91"/>
      <c r="FO1492" s="91"/>
      <c r="FP1492" s="91"/>
      <c r="FQ1492" s="91"/>
      <c r="FR1492" s="91"/>
      <c r="FS1492" s="91"/>
      <c r="FT1492" s="91"/>
      <c r="FU1492" s="91"/>
      <c r="FV1492" s="91"/>
      <c r="FW1492" s="91"/>
      <c r="FX1492" s="91"/>
      <c r="FY1492" s="91"/>
      <c r="FZ1492" s="91"/>
      <c r="GA1492" s="91"/>
      <c r="GB1492" s="91"/>
      <c r="GC1492" s="91"/>
      <c r="GD1492" s="91"/>
      <c r="GE1492" s="91"/>
      <c r="GF1492" s="91"/>
      <c r="GG1492" s="91"/>
      <c r="GH1492" s="91"/>
      <c r="GI1492" s="91"/>
      <c r="GJ1492" s="91"/>
      <c r="GK1492" s="127"/>
      <c r="GL1492" s="126"/>
      <c r="GM1492" s="91"/>
      <c r="GN1492" s="91"/>
      <c r="GO1492" s="91"/>
      <c r="GP1492" s="91"/>
      <c r="GQ1492" s="91"/>
      <c r="GR1492" s="91"/>
      <c r="GS1492" s="91"/>
      <c r="GT1492" s="91"/>
      <c r="GU1492" s="91"/>
      <c r="GV1492" s="91"/>
      <c r="GW1492" s="91"/>
      <c r="GX1492" s="91"/>
      <c r="GY1492" s="91"/>
      <c r="GZ1492" s="91"/>
      <c r="HA1492" s="91"/>
      <c r="HB1492" s="91"/>
      <c r="HC1492" s="91"/>
      <c r="HD1492" s="91"/>
      <c r="HE1492" s="91"/>
      <c r="HF1492" s="91"/>
      <c r="HG1492" s="91"/>
      <c r="HH1492" s="91"/>
      <c r="HI1492" s="91"/>
      <c r="HJ1492" s="91"/>
      <c r="HK1492" s="127"/>
      <c r="HL1492" s="126"/>
      <c r="HM1492" s="91"/>
      <c r="HN1492" s="91"/>
      <c r="HO1492" s="91"/>
      <c r="HP1492" s="91"/>
      <c r="HQ1492" s="91"/>
      <c r="HR1492" s="91"/>
      <c r="HS1492" s="91"/>
      <c r="HT1492" s="91"/>
      <c r="HU1492" s="91"/>
      <c r="HV1492" s="91"/>
      <c r="HW1492" s="91"/>
      <c r="HX1492" s="91"/>
      <c r="HY1492" s="91"/>
      <c r="HZ1492" s="91"/>
      <c r="IA1492" s="91"/>
      <c r="IB1492" s="91"/>
      <c r="IC1492" s="91"/>
      <c r="ID1492" s="91"/>
      <c r="IE1492" s="91"/>
      <c r="IF1492" s="91"/>
      <c r="IG1492" s="91"/>
      <c r="IH1492" s="91"/>
      <c r="II1492" s="91"/>
      <c r="IJ1492" s="91"/>
      <c r="IK1492" s="127"/>
    </row>
    <row r="1493" spans="2:245" x14ac:dyDescent="0.2">
      <c r="B1493" s="43"/>
      <c r="C1493" s="73"/>
      <c r="D1493" s="64"/>
      <c r="E1493" s="64"/>
      <c r="F1493" s="55"/>
      <c r="G1493" s="102"/>
      <c r="H1493" s="55"/>
      <c r="I1493" s="55"/>
      <c r="J1493" s="55"/>
      <c r="K1493" s="55"/>
      <c r="L1493" s="55"/>
      <c r="M1493" s="55"/>
      <c r="N1493" s="55"/>
      <c r="O1493" s="55"/>
      <c r="P1493" s="55"/>
      <c r="Q1493" s="55"/>
      <c r="R1493" s="55"/>
      <c r="S1493" s="55"/>
      <c r="T1493" s="55"/>
      <c r="U1493" s="55"/>
      <c r="V1493" s="55"/>
      <c r="W1493" s="55"/>
      <c r="X1493" s="55"/>
      <c r="Y1493" s="55"/>
      <c r="Z1493" s="55"/>
      <c r="AA1493" s="55"/>
      <c r="AB1493" s="55"/>
      <c r="AC1493" s="55"/>
      <c r="AD1493" s="55"/>
      <c r="AE1493" s="55"/>
      <c r="AF1493" s="55"/>
      <c r="AG1493" s="55"/>
      <c r="AY1493" s="162"/>
      <c r="AZ1493" s="162"/>
      <c r="BA1493" s="162"/>
      <c r="BB1493" s="162"/>
      <c r="BC1493" s="162"/>
      <c r="BD1493" s="162"/>
      <c r="BE1493" s="162"/>
      <c r="BF1493" s="162"/>
      <c r="BG1493" s="162"/>
      <c r="BH1493" s="162"/>
      <c r="BI1493" s="162"/>
      <c r="BJ1493" s="162"/>
      <c r="BK1493" s="162"/>
      <c r="BL1493" s="162"/>
      <c r="BM1493" s="162"/>
      <c r="BN1493" s="162"/>
      <c r="BO1493" s="162"/>
      <c r="BP1493" s="162"/>
      <c r="BQ1493" s="162"/>
      <c r="BR1493" s="162"/>
      <c r="BS1493" s="162"/>
      <c r="BT1493" s="162"/>
      <c r="BU1493" s="162"/>
      <c r="BV1493" s="162"/>
      <c r="BW1493" s="162"/>
      <c r="BX1493" s="162"/>
      <c r="BY1493" s="162"/>
      <c r="BZ1493" s="162"/>
      <c r="CA1493" s="162"/>
      <c r="CB1493" s="162"/>
      <c r="CC1493" s="162"/>
      <c r="CD1493" s="162"/>
      <c r="CE1493" s="162"/>
      <c r="CF1493" s="162"/>
      <c r="CG1493" s="162"/>
      <c r="CH1493" s="162"/>
      <c r="CI1493" s="162"/>
      <c r="CJ1493" s="162"/>
      <c r="CK1493" s="162"/>
      <c r="CX1493" s="98"/>
      <c r="DL1493" s="97"/>
      <c r="DX1493" s="98"/>
      <c r="EL1493" s="97"/>
      <c r="EX1493" s="98"/>
      <c r="EY1493" s="97"/>
      <c r="FL1493" s="126"/>
      <c r="FM1493" s="91"/>
      <c r="FN1493" s="91"/>
      <c r="FO1493" s="91"/>
      <c r="FP1493" s="91"/>
      <c r="FQ1493" s="91"/>
      <c r="FR1493" s="91"/>
      <c r="FS1493" s="91"/>
      <c r="FT1493" s="91"/>
      <c r="FU1493" s="91"/>
      <c r="FV1493" s="91"/>
      <c r="FW1493" s="91"/>
      <c r="FX1493" s="91"/>
      <c r="FY1493" s="91"/>
      <c r="FZ1493" s="91"/>
      <c r="GA1493" s="91"/>
      <c r="GB1493" s="91"/>
      <c r="GC1493" s="91"/>
      <c r="GD1493" s="91"/>
      <c r="GE1493" s="91"/>
      <c r="GF1493" s="91"/>
      <c r="GG1493" s="91"/>
      <c r="GH1493" s="91"/>
      <c r="GI1493" s="91"/>
      <c r="GJ1493" s="91"/>
      <c r="GK1493" s="127"/>
      <c r="GL1493" s="126"/>
      <c r="GM1493" s="91"/>
      <c r="GN1493" s="91"/>
      <c r="GO1493" s="91"/>
      <c r="GP1493" s="91"/>
      <c r="GQ1493" s="91"/>
      <c r="GR1493" s="91"/>
      <c r="GS1493" s="91"/>
      <c r="GT1493" s="91"/>
      <c r="GU1493" s="91"/>
      <c r="GV1493" s="91"/>
      <c r="GW1493" s="91"/>
      <c r="GX1493" s="91"/>
      <c r="GY1493" s="91"/>
      <c r="GZ1493" s="91"/>
      <c r="HA1493" s="91"/>
      <c r="HB1493" s="91"/>
      <c r="HC1493" s="91"/>
      <c r="HD1493" s="91"/>
      <c r="HE1493" s="91"/>
      <c r="HF1493" s="91"/>
      <c r="HG1493" s="91"/>
      <c r="HH1493" s="91"/>
      <c r="HI1493" s="91"/>
      <c r="HJ1493" s="91"/>
      <c r="HK1493" s="127"/>
      <c r="HL1493" s="126"/>
      <c r="HM1493" s="91"/>
      <c r="HN1493" s="91"/>
      <c r="HO1493" s="91"/>
      <c r="HP1493" s="91"/>
      <c r="HQ1493" s="91"/>
      <c r="HR1493" s="91"/>
      <c r="HS1493" s="91"/>
      <c r="HT1493" s="91"/>
      <c r="HU1493" s="91"/>
      <c r="HV1493" s="91"/>
      <c r="HW1493" s="91"/>
      <c r="HX1493" s="91"/>
      <c r="HY1493" s="91"/>
      <c r="HZ1493" s="91"/>
      <c r="IA1493" s="91"/>
      <c r="IB1493" s="91"/>
      <c r="IC1493" s="91"/>
      <c r="ID1493" s="91"/>
      <c r="IE1493" s="91"/>
      <c r="IF1493" s="91"/>
      <c r="IG1493" s="91"/>
      <c r="IH1493" s="91"/>
      <c r="II1493" s="91"/>
      <c r="IJ1493" s="91"/>
      <c r="IK1493" s="127"/>
    </row>
    <row r="1494" spans="2:245" x14ac:dyDescent="0.2">
      <c r="B1494" s="43"/>
      <c r="C1494" s="73"/>
      <c r="D1494" s="64"/>
      <c r="E1494" s="64"/>
      <c r="F1494" s="55"/>
      <c r="G1494" s="102"/>
      <c r="H1494" s="55"/>
      <c r="I1494" s="55"/>
      <c r="J1494" s="55"/>
      <c r="K1494" s="55"/>
      <c r="L1494" s="55"/>
      <c r="M1494" s="55"/>
      <c r="N1494" s="55"/>
      <c r="O1494" s="55"/>
      <c r="P1494" s="55"/>
      <c r="Q1494" s="55"/>
      <c r="R1494" s="55"/>
      <c r="S1494" s="55"/>
      <c r="T1494" s="55"/>
      <c r="U1494" s="55"/>
      <c r="V1494" s="55"/>
      <c r="W1494" s="55"/>
      <c r="X1494" s="55"/>
      <c r="Y1494" s="55"/>
      <c r="Z1494" s="55"/>
      <c r="AA1494" s="55"/>
      <c r="AB1494" s="55"/>
      <c r="AC1494" s="55"/>
      <c r="AD1494" s="55"/>
      <c r="AE1494" s="55"/>
      <c r="AF1494" s="55"/>
      <c r="AG1494" s="55"/>
      <c r="AY1494" s="162"/>
      <c r="AZ1494" s="162"/>
      <c r="BA1494" s="162"/>
      <c r="BB1494" s="162"/>
      <c r="BC1494" s="162"/>
      <c r="BD1494" s="162"/>
      <c r="BE1494" s="162"/>
      <c r="BF1494" s="162"/>
      <c r="BG1494" s="162"/>
      <c r="BH1494" s="162"/>
      <c r="BI1494" s="162"/>
      <c r="BJ1494" s="162"/>
      <c r="BK1494" s="162"/>
      <c r="BL1494" s="162"/>
      <c r="BM1494" s="162"/>
      <c r="BN1494" s="162"/>
      <c r="BO1494" s="162"/>
      <c r="BP1494" s="162"/>
      <c r="BQ1494" s="162"/>
      <c r="BR1494" s="162"/>
      <c r="BS1494" s="162"/>
      <c r="BT1494" s="162"/>
      <c r="BU1494" s="162"/>
      <c r="BV1494" s="162"/>
      <c r="BW1494" s="162"/>
      <c r="BX1494" s="162"/>
      <c r="BY1494" s="162"/>
      <c r="BZ1494" s="162"/>
      <c r="CA1494" s="162"/>
      <c r="CB1494" s="162"/>
      <c r="CC1494" s="162"/>
      <c r="CD1494" s="162"/>
      <c r="CE1494" s="162"/>
      <c r="CF1494" s="162"/>
      <c r="CG1494" s="162"/>
      <c r="CH1494" s="162"/>
      <c r="CI1494" s="162"/>
      <c r="CJ1494" s="162"/>
      <c r="CK1494" s="162"/>
      <c r="CX1494" s="98"/>
      <c r="DL1494" s="97"/>
      <c r="DX1494" s="98"/>
      <c r="EL1494" s="97"/>
      <c r="EX1494" s="98"/>
      <c r="EY1494" s="97"/>
      <c r="FL1494" s="126"/>
      <c r="FM1494" s="91"/>
      <c r="FN1494" s="91"/>
      <c r="FO1494" s="91"/>
      <c r="FP1494" s="91"/>
      <c r="FQ1494" s="91"/>
      <c r="FR1494" s="91"/>
      <c r="FS1494" s="91"/>
      <c r="FT1494" s="91"/>
      <c r="FU1494" s="91"/>
      <c r="FV1494" s="91"/>
      <c r="FW1494" s="91"/>
      <c r="FX1494" s="91"/>
      <c r="FY1494" s="91"/>
      <c r="FZ1494" s="91"/>
      <c r="GA1494" s="91"/>
      <c r="GB1494" s="91"/>
      <c r="GC1494" s="91"/>
      <c r="GD1494" s="91"/>
      <c r="GE1494" s="91"/>
      <c r="GF1494" s="91"/>
      <c r="GG1494" s="91"/>
      <c r="GH1494" s="91"/>
      <c r="GI1494" s="91"/>
      <c r="GJ1494" s="91"/>
      <c r="GK1494" s="127"/>
      <c r="GL1494" s="126"/>
      <c r="GM1494" s="91"/>
      <c r="GN1494" s="91"/>
      <c r="GO1494" s="91"/>
      <c r="GP1494" s="91"/>
      <c r="GQ1494" s="91"/>
      <c r="GR1494" s="91"/>
      <c r="GS1494" s="91"/>
      <c r="GT1494" s="91"/>
      <c r="GU1494" s="91"/>
      <c r="GV1494" s="91"/>
      <c r="GW1494" s="91"/>
      <c r="GX1494" s="91"/>
      <c r="GY1494" s="91"/>
      <c r="GZ1494" s="91"/>
      <c r="HA1494" s="91"/>
      <c r="HB1494" s="91"/>
      <c r="HC1494" s="91"/>
      <c r="HD1494" s="91"/>
      <c r="HE1494" s="91"/>
      <c r="HF1494" s="91"/>
      <c r="HG1494" s="91"/>
      <c r="HH1494" s="91"/>
      <c r="HI1494" s="91"/>
      <c r="HJ1494" s="91"/>
      <c r="HK1494" s="127"/>
      <c r="HL1494" s="126"/>
      <c r="HM1494" s="91"/>
      <c r="HN1494" s="91"/>
      <c r="HO1494" s="91"/>
      <c r="HP1494" s="91"/>
      <c r="HQ1494" s="91"/>
      <c r="HR1494" s="91"/>
      <c r="HS1494" s="91"/>
      <c r="HT1494" s="91"/>
      <c r="HU1494" s="91"/>
      <c r="HV1494" s="91"/>
      <c r="HW1494" s="91"/>
      <c r="HX1494" s="91"/>
      <c r="HY1494" s="91"/>
      <c r="HZ1494" s="91"/>
      <c r="IA1494" s="91"/>
      <c r="IB1494" s="91"/>
      <c r="IC1494" s="91"/>
      <c r="ID1494" s="91"/>
      <c r="IE1494" s="91"/>
      <c r="IF1494" s="91"/>
      <c r="IG1494" s="91"/>
      <c r="IH1494" s="91"/>
      <c r="II1494" s="91"/>
      <c r="IJ1494" s="91"/>
      <c r="IK1494" s="127"/>
    </row>
    <row r="1495" spans="2:245" x14ac:dyDescent="0.2">
      <c r="B1495" s="43"/>
      <c r="C1495" s="73"/>
      <c r="D1495" s="64"/>
      <c r="E1495" s="64"/>
      <c r="F1495" s="55"/>
      <c r="G1495" s="102"/>
      <c r="H1495" s="55"/>
      <c r="I1495" s="55"/>
      <c r="J1495" s="55"/>
      <c r="K1495" s="55"/>
      <c r="L1495" s="55"/>
      <c r="M1495" s="55"/>
      <c r="N1495" s="55"/>
      <c r="O1495" s="55"/>
      <c r="P1495" s="55"/>
      <c r="Q1495" s="55"/>
      <c r="R1495" s="55"/>
      <c r="S1495" s="55"/>
      <c r="T1495" s="55"/>
      <c r="U1495" s="55"/>
      <c r="V1495" s="55"/>
      <c r="W1495" s="55"/>
      <c r="X1495" s="55"/>
      <c r="Y1495" s="55"/>
      <c r="Z1495" s="55"/>
      <c r="AA1495" s="55"/>
      <c r="AB1495" s="55"/>
      <c r="AC1495" s="55"/>
      <c r="AD1495" s="55"/>
      <c r="AE1495" s="55"/>
      <c r="AF1495" s="55"/>
      <c r="AG1495" s="55"/>
      <c r="AY1495" s="162"/>
      <c r="AZ1495" s="162"/>
      <c r="BA1495" s="162"/>
      <c r="BB1495" s="162"/>
      <c r="BC1495" s="162"/>
      <c r="BD1495" s="162"/>
      <c r="BE1495" s="162"/>
      <c r="BF1495" s="162"/>
      <c r="BG1495" s="162"/>
      <c r="BH1495" s="162"/>
      <c r="BI1495" s="162"/>
      <c r="BJ1495" s="162"/>
      <c r="BK1495" s="162"/>
      <c r="BL1495" s="162"/>
      <c r="BM1495" s="162"/>
      <c r="BN1495" s="162"/>
      <c r="BO1495" s="162"/>
      <c r="BP1495" s="162"/>
      <c r="BQ1495" s="162"/>
      <c r="BR1495" s="162"/>
      <c r="BS1495" s="162"/>
      <c r="BT1495" s="162"/>
      <c r="BU1495" s="162"/>
      <c r="BV1495" s="162"/>
      <c r="BW1495" s="162"/>
      <c r="BX1495" s="162"/>
      <c r="BY1495" s="162"/>
      <c r="BZ1495" s="162"/>
      <c r="CA1495" s="162"/>
      <c r="CB1495" s="162"/>
      <c r="CC1495" s="162"/>
      <c r="CD1495" s="162"/>
      <c r="CE1495" s="162"/>
      <c r="CF1495" s="162"/>
      <c r="CG1495" s="162"/>
      <c r="CH1495" s="162"/>
      <c r="CI1495" s="162"/>
      <c r="CJ1495" s="162"/>
      <c r="CK1495" s="162"/>
      <c r="CX1495" s="98"/>
      <c r="DL1495" s="97"/>
      <c r="DX1495" s="98"/>
      <c r="EL1495" s="97"/>
      <c r="EX1495" s="98"/>
      <c r="EY1495" s="97"/>
      <c r="FL1495" s="126"/>
      <c r="FM1495" s="91"/>
      <c r="FN1495" s="91"/>
      <c r="FO1495" s="91"/>
      <c r="FP1495" s="91"/>
      <c r="FQ1495" s="91"/>
      <c r="FR1495" s="91"/>
      <c r="FS1495" s="91"/>
      <c r="FT1495" s="91"/>
      <c r="FU1495" s="91"/>
      <c r="FV1495" s="91"/>
      <c r="FW1495" s="91"/>
      <c r="FX1495" s="91"/>
      <c r="FY1495" s="91"/>
      <c r="FZ1495" s="91"/>
      <c r="GA1495" s="91"/>
      <c r="GB1495" s="91"/>
      <c r="GC1495" s="91"/>
      <c r="GD1495" s="91"/>
      <c r="GE1495" s="91"/>
      <c r="GF1495" s="91"/>
      <c r="GG1495" s="91"/>
      <c r="GH1495" s="91"/>
      <c r="GI1495" s="91"/>
      <c r="GJ1495" s="91"/>
      <c r="GK1495" s="127"/>
      <c r="GL1495" s="126"/>
      <c r="GM1495" s="91"/>
      <c r="GN1495" s="91"/>
      <c r="GO1495" s="91"/>
      <c r="GP1495" s="91"/>
      <c r="GQ1495" s="91"/>
      <c r="GR1495" s="91"/>
      <c r="GS1495" s="91"/>
      <c r="GT1495" s="91"/>
      <c r="GU1495" s="91"/>
      <c r="GV1495" s="91"/>
      <c r="GW1495" s="91"/>
      <c r="GX1495" s="91"/>
      <c r="GY1495" s="91"/>
      <c r="GZ1495" s="91"/>
      <c r="HA1495" s="91"/>
      <c r="HB1495" s="91"/>
      <c r="HC1495" s="91"/>
      <c r="HD1495" s="91"/>
      <c r="HE1495" s="91"/>
      <c r="HF1495" s="91"/>
      <c r="HG1495" s="91"/>
      <c r="HH1495" s="91"/>
      <c r="HI1495" s="91"/>
      <c r="HJ1495" s="91"/>
      <c r="HK1495" s="127"/>
      <c r="HL1495" s="126"/>
      <c r="HM1495" s="91"/>
      <c r="HN1495" s="91"/>
      <c r="HO1495" s="91"/>
      <c r="HP1495" s="91"/>
      <c r="HQ1495" s="91"/>
      <c r="HR1495" s="91"/>
      <c r="HS1495" s="91"/>
      <c r="HT1495" s="91"/>
      <c r="HU1495" s="91"/>
      <c r="HV1495" s="91"/>
      <c r="HW1495" s="91"/>
      <c r="HX1495" s="91"/>
      <c r="HY1495" s="91"/>
      <c r="HZ1495" s="91"/>
      <c r="IA1495" s="91"/>
      <c r="IB1495" s="91"/>
      <c r="IC1495" s="91"/>
      <c r="ID1495" s="91"/>
      <c r="IE1495" s="91"/>
      <c r="IF1495" s="91"/>
      <c r="IG1495" s="91"/>
      <c r="IH1495" s="91"/>
      <c r="II1495" s="91"/>
      <c r="IJ1495" s="91"/>
      <c r="IK1495" s="127"/>
    </row>
    <row r="1496" spans="2:245" x14ac:dyDescent="0.2">
      <c r="B1496" s="43"/>
      <c r="C1496" s="73"/>
      <c r="D1496" s="64"/>
      <c r="E1496" s="64"/>
      <c r="F1496" s="55"/>
      <c r="G1496" s="102"/>
      <c r="H1496" s="55"/>
      <c r="I1496" s="55"/>
      <c r="J1496" s="55"/>
      <c r="K1496" s="55"/>
      <c r="L1496" s="55"/>
      <c r="M1496" s="55"/>
      <c r="N1496" s="55"/>
      <c r="O1496" s="55"/>
      <c r="P1496" s="55"/>
      <c r="Q1496" s="55"/>
      <c r="R1496" s="55"/>
      <c r="S1496" s="55"/>
      <c r="T1496" s="55"/>
      <c r="U1496" s="55"/>
      <c r="V1496" s="55"/>
      <c r="W1496" s="55"/>
      <c r="X1496" s="55"/>
      <c r="Y1496" s="55"/>
      <c r="Z1496" s="55"/>
      <c r="AA1496" s="55"/>
      <c r="AB1496" s="55"/>
      <c r="AC1496" s="55"/>
      <c r="AD1496" s="55"/>
      <c r="AE1496" s="55"/>
      <c r="AF1496" s="55"/>
      <c r="AG1496" s="55"/>
      <c r="AY1496" s="162"/>
      <c r="AZ1496" s="162"/>
      <c r="BA1496" s="162"/>
      <c r="BB1496" s="162"/>
      <c r="BC1496" s="162"/>
      <c r="BD1496" s="162"/>
      <c r="BE1496" s="162"/>
      <c r="BF1496" s="162"/>
      <c r="BG1496" s="162"/>
      <c r="BH1496" s="162"/>
      <c r="BI1496" s="162"/>
      <c r="BJ1496" s="162"/>
      <c r="BK1496" s="162"/>
      <c r="BL1496" s="162"/>
      <c r="BM1496" s="162"/>
      <c r="BN1496" s="162"/>
      <c r="BO1496" s="162"/>
      <c r="BP1496" s="162"/>
      <c r="BQ1496" s="162"/>
      <c r="BR1496" s="162"/>
      <c r="BS1496" s="162"/>
      <c r="BT1496" s="162"/>
      <c r="BU1496" s="162"/>
      <c r="BV1496" s="162"/>
      <c r="BW1496" s="162"/>
      <c r="BX1496" s="162"/>
      <c r="BY1496" s="162"/>
      <c r="BZ1496" s="162"/>
      <c r="CA1496" s="162"/>
      <c r="CB1496" s="162"/>
      <c r="CC1496" s="162"/>
      <c r="CD1496" s="162"/>
      <c r="CE1496" s="162"/>
      <c r="CF1496" s="162"/>
      <c r="CG1496" s="162"/>
      <c r="CH1496" s="162"/>
      <c r="CI1496" s="162"/>
      <c r="CJ1496" s="162"/>
      <c r="CK1496" s="162"/>
      <c r="CX1496" s="98"/>
      <c r="DL1496" s="97"/>
      <c r="DX1496" s="98"/>
      <c r="EL1496" s="97"/>
      <c r="EX1496" s="98"/>
      <c r="EY1496" s="97"/>
      <c r="FL1496" s="126"/>
      <c r="FM1496" s="91"/>
      <c r="FN1496" s="91"/>
      <c r="FO1496" s="91"/>
      <c r="FP1496" s="91"/>
      <c r="FQ1496" s="91"/>
      <c r="FR1496" s="91"/>
      <c r="FS1496" s="91"/>
      <c r="FT1496" s="91"/>
      <c r="FU1496" s="91"/>
      <c r="FV1496" s="91"/>
      <c r="FW1496" s="91"/>
      <c r="FX1496" s="91"/>
      <c r="FY1496" s="91"/>
      <c r="FZ1496" s="91"/>
      <c r="GA1496" s="91"/>
      <c r="GB1496" s="91"/>
      <c r="GC1496" s="91"/>
      <c r="GD1496" s="91"/>
      <c r="GE1496" s="91"/>
      <c r="GF1496" s="91"/>
      <c r="GG1496" s="91"/>
      <c r="GH1496" s="91"/>
      <c r="GI1496" s="91"/>
      <c r="GJ1496" s="91"/>
      <c r="GK1496" s="127"/>
      <c r="GL1496" s="126"/>
      <c r="GM1496" s="91"/>
      <c r="GN1496" s="91"/>
      <c r="GO1496" s="91"/>
      <c r="GP1496" s="91"/>
      <c r="GQ1496" s="91"/>
      <c r="GR1496" s="91"/>
      <c r="GS1496" s="91"/>
      <c r="GT1496" s="91"/>
      <c r="GU1496" s="91"/>
      <c r="GV1496" s="91"/>
      <c r="GW1496" s="91"/>
      <c r="GX1496" s="91"/>
      <c r="GY1496" s="91"/>
      <c r="GZ1496" s="91"/>
      <c r="HA1496" s="91"/>
      <c r="HB1496" s="91"/>
      <c r="HC1496" s="91"/>
      <c r="HD1496" s="91"/>
      <c r="HE1496" s="91"/>
      <c r="HF1496" s="91"/>
      <c r="HG1496" s="91"/>
      <c r="HH1496" s="91"/>
      <c r="HI1496" s="91"/>
      <c r="HJ1496" s="91"/>
      <c r="HK1496" s="127"/>
      <c r="HL1496" s="126"/>
      <c r="HM1496" s="91"/>
      <c r="HN1496" s="91"/>
      <c r="HO1496" s="91"/>
      <c r="HP1496" s="91"/>
      <c r="HQ1496" s="91"/>
      <c r="HR1496" s="91"/>
      <c r="HS1496" s="91"/>
      <c r="HT1496" s="91"/>
      <c r="HU1496" s="91"/>
      <c r="HV1496" s="91"/>
      <c r="HW1496" s="91"/>
      <c r="HX1496" s="91"/>
      <c r="HY1496" s="91"/>
      <c r="HZ1496" s="91"/>
      <c r="IA1496" s="91"/>
      <c r="IB1496" s="91"/>
      <c r="IC1496" s="91"/>
      <c r="ID1496" s="91"/>
      <c r="IE1496" s="91"/>
      <c r="IF1496" s="91"/>
      <c r="IG1496" s="91"/>
      <c r="IH1496" s="91"/>
      <c r="II1496" s="91"/>
      <c r="IJ1496" s="91"/>
      <c r="IK1496" s="127"/>
    </row>
    <row r="1497" spans="2:245" ht="13.5" thickBot="1" x14ac:dyDescent="0.25">
      <c r="B1497" s="43"/>
      <c r="C1497" s="73"/>
      <c r="D1497" s="64"/>
      <c r="E1497" s="64"/>
      <c r="F1497" s="55"/>
      <c r="G1497" s="102"/>
      <c r="H1497" s="55"/>
      <c r="I1497" s="55"/>
      <c r="J1497" s="55"/>
      <c r="K1497" s="55"/>
      <c r="L1497" s="55"/>
      <c r="M1497" s="55"/>
      <c r="N1497" s="55"/>
      <c r="O1497" s="55"/>
      <c r="P1497" s="55"/>
      <c r="Q1497" s="55"/>
      <c r="R1497" s="55"/>
      <c r="S1497" s="55"/>
      <c r="T1497" s="55"/>
      <c r="U1497" s="55"/>
      <c r="V1497" s="55"/>
      <c r="W1497" s="55"/>
      <c r="X1497" s="55"/>
      <c r="Y1497" s="55"/>
      <c r="Z1497" s="55"/>
      <c r="AA1497" s="55"/>
      <c r="AB1497" s="55"/>
      <c r="AC1497" s="55"/>
      <c r="AD1497" s="55"/>
      <c r="AE1497" s="55"/>
      <c r="AF1497" s="55"/>
      <c r="AG1497" s="55"/>
      <c r="AY1497" s="162"/>
      <c r="AZ1497" s="162"/>
      <c r="BA1497" s="162"/>
      <c r="BB1497" s="162"/>
      <c r="BC1497" s="162"/>
      <c r="BD1497" s="162"/>
      <c r="BE1497" s="162"/>
      <c r="BF1497" s="162"/>
      <c r="BG1497" s="162"/>
      <c r="BH1497" s="162"/>
      <c r="BI1497" s="162"/>
      <c r="BJ1497" s="162"/>
      <c r="BK1497" s="162"/>
      <c r="BL1497" s="162"/>
      <c r="BM1497" s="162"/>
      <c r="BN1497" s="162"/>
      <c r="BO1497" s="162"/>
      <c r="BP1497" s="162"/>
      <c r="BQ1497" s="162"/>
      <c r="BR1497" s="162"/>
      <c r="BS1497" s="162"/>
      <c r="BT1497" s="162"/>
      <c r="BU1497" s="162"/>
      <c r="BV1497" s="162"/>
      <c r="BW1497" s="162"/>
      <c r="BX1497" s="162"/>
      <c r="BY1497" s="162"/>
      <c r="BZ1497" s="162"/>
      <c r="CA1497" s="162"/>
      <c r="CB1497" s="162"/>
      <c r="CC1497" s="162"/>
      <c r="CD1497" s="162"/>
      <c r="CE1497" s="162"/>
      <c r="CF1497" s="162"/>
      <c r="CG1497" s="162"/>
      <c r="CH1497" s="162"/>
      <c r="CI1497" s="162"/>
      <c r="CJ1497" s="162"/>
      <c r="CK1497" s="162"/>
      <c r="CL1497" s="166"/>
      <c r="CM1497" s="166"/>
      <c r="CN1497" s="166"/>
      <c r="CO1497" s="166"/>
      <c r="CP1497" s="166"/>
      <c r="CQ1497" s="166"/>
      <c r="CR1497" s="166"/>
      <c r="CS1497" s="166"/>
      <c r="CT1497" s="166"/>
      <c r="CU1497" s="166"/>
      <c r="CV1497" s="166"/>
      <c r="CW1497" s="166"/>
      <c r="CX1497" s="176"/>
      <c r="CY1497" s="166"/>
      <c r="CZ1497" s="166"/>
      <c r="DA1497" s="166"/>
      <c r="DB1497" s="166"/>
      <c r="DC1497" s="166"/>
      <c r="DD1497" s="166"/>
      <c r="DE1497" s="166"/>
      <c r="DF1497" s="166"/>
      <c r="DG1497" s="166"/>
      <c r="DH1497" s="166"/>
      <c r="DI1497" s="166"/>
      <c r="DJ1497" s="166"/>
      <c r="DK1497" s="166"/>
      <c r="DL1497" s="175"/>
      <c r="DM1497" s="166"/>
      <c r="DN1497" s="166"/>
      <c r="DO1497" s="166"/>
      <c r="DP1497" s="166"/>
      <c r="DQ1497" s="166"/>
      <c r="DR1497" s="166"/>
      <c r="DS1497" s="166"/>
      <c r="DT1497" s="166"/>
      <c r="DU1497" s="166"/>
      <c r="DV1497" s="166"/>
      <c r="DW1497" s="166"/>
      <c r="DX1497" s="176"/>
      <c r="DY1497" s="166"/>
      <c r="DZ1497" s="166"/>
      <c r="EA1497" s="166"/>
      <c r="EB1497" s="166"/>
      <c r="EC1497" s="166"/>
      <c r="ED1497" s="166"/>
      <c r="EE1497" s="166"/>
      <c r="EF1497" s="166"/>
      <c r="EG1497" s="166"/>
      <c r="EH1497" s="166"/>
      <c r="EI1497" s="166"/>
      <c r="EJ1497" s="166"/>
      <c r="EK1497" s="166"/>
      <c r="EL1497" s="175"/>
      <c r="EM1497" s="166"/>
      <c r="EN1497" s="166"/>
      <c r="EO1497" s="166"/>
      <c r="EP1497" s="166"/>
      <c r="EQ1497" s="166"/>
      <c r="ER1497" s="166"/>
      <c r="ES1497" s="166"/>
      <c r="ET1497" s="166"/>
      <c r="EU1497" s="166"/>
      <c r="EV1497" s="166"/>
      <c r="EW1497" s="166"/>
      <c r="EX1497" s="176"/>
      <c r="EY1497" s="175"/>
      <c r="EZ1497" s="166"/>
      <c r="FA1497" s="166"/>
      <c r="FB1497" s="166"/>
      <c r="FC1497" s="166"/>
      <c r="FD1497" s="166"/>
      <c r="FE1497" s="166"/>
      <c r="FF1497" s="166"/>
      <c r="FG1497" s="166"/>
      <c r="FH1497" s="166"/>
      <c r="FI1497" s="166"/>
      <c r="FJ1497" s="166"/>
      <c r="FK1497" s="166"/>
      <c r="FL1497" s="126"/>
      <c r="FM1497" s="91"/>
      <c r="FN1497" s="91"/>
      <c r="FO1497" s="91"/>
      <c r="FP1497" s="91"/>
      <c r="FQ1497" s="91"/>
      <c r="FR1497" s="91"/>
      <c r="FS1497" s="91"/>
      <c r="FT1497" s="91"/>
      <c r="FU1497" s="91"/>
      <c r="FV1497" s="91"/>
      <c r="FW1497" s="91"/>
      <c r="FX1497" s="91"/>
      <c r="FY1497" s="91"/>
      <c r="FZ1497" s="91"/>
      <c r="GA1497" s="91"/>
      <c r="GB1497" s="91"/>
      <c r="GC1497" s="91"/>
      <c r="GD1497" s="91"/>
      <c r="GE1497" s="91"/>
      <c r="GF1497" s="91"/>
      <c r="GG1497" s="91"/>
      <c r="GH1497" s="91"/>
      <c r="GI1497" s="91"/>
      <c r="GJ1497" s="91"/>
      <c r="GK1497" s="127"/>
      <c r="GL1497" s="126"/>
      <c r="GM1497" s="91"/>
      <c r="GN1497" s="91"/>
      <c r="GO1497" s="91"/>
      <c r="GP1497" s="91"/>
      <c r="GQ1497" s="91"/>
      <c r="GR1497" s="91"/>
      <c r="GS1497" s="91"/>
      <c r="GT1497" s="91"/>
      <c r="GU1497" s="91"/>
      <c r="GV1497" s="91"/>
      <c r="GW1497" s="91"/>
      <c r="GX1497" s="91"/>
      <c r="GY1497" s="91"/>
      <c r="GZ1497" s="91"/>
      <c r="HA1497" s="91"/>
      <c r="HB1497" s="91"/>
      <c r="HC1497" s="91"/>
      <c r="HD1497" s="91"/>
      <c r="HE1497" s="91"/>
      <c r="HF1497" s="91"/>
      <c r="HG1497" s="91"/>
      <c r="HH1497" s="91"/>
      <c r="HI1497" s="91"/>
      <c r="HJ1497" s="91"/>
      <c r="HK1497" s="127"/>
      <c r="HL1497" s="126"/>
      <c r="HM1497" s="91"/>
      <c r="HN1497" s="91"/>
      <c r="HO1497" s="91"/>
      <c r="HP1497" s="91"/>
      <c r="HQ1497" s="91"/>
      <c r="HR1497" s="91"/>
      <c r="HS1497" s="91"/>
      <c r="HT1497" s="91"/>
      <c r="HU1497" s="91"/>
      <c r="HV1497" s="91"/>
      <c r="HW1497" s="91"/>
      <c r="HX1497" s="91"/>
      <c r="HY1497" s="91"/>
      <c r="HZ1497" s="91"/>
      <c r="IA1497" s="91"/>
      <c r="IB1497" s="91"/>
      <c r="IC1497" s="91"/>
      <c r="ID1497" s="91"/>
      <c r="IE1497" s="91"/>
      <c r="IF1497" s="91"/>
      <c r="IG1497" s="91"/>
      <c r="IH1497" s="91"/>
      <c r="II1497" s="91"/>
      <c r="IJ1497" s="91"/>
      <c r="IK1497" s="127"/>
    </row>
    <row r="1498" spans="2:245" x14ac:dyDescent="0.2">
      <c r="B1498" s="43"/>
      <c r="C1498" s="73"/>
      <c r="D1498" s="64"/>
      <c r="E1498" s="64"/>
      <c r="F1498" s="55"/>
      <c r="G1498" s="102"/>
      <c r="H1498" s="55"/>
      <c r="I1498" s="55"/>
      <c r="J1498" s="55"/>
      <c r="K1498" s="55"/>
      <c r="L1498" s="55"/>
      <c r="M1498" s="55"/>
      <c r="N1498" s="55"/>
      <c r="O1498" s="55"/>
      <c r="P1498" s="55"/>
      <c r="Q1498" s="55"/>
      <c r="R1498" s="55"/>
      <c r="S1498" s="55"/>
      <c r="T1498" s="55"/>
      <c r="U1498" s="55"/>
      <c r="V1498" s="55"/>
      <c r="W1498" s="55"/>
      <c r="X1498" s="55"/>
      <c r="Y1498" s="55"/>
      <c r="Z1498" s="55"/>
      <c r="AA1498" s="55"/>
      <c r="AB1498" s="55"/>
      <c r="AC1498" s="55"/>
      <c r="AD1498" s="55"/>
      <c r="AE1498" s="55"/>
      <c r="AF1498" s="55"/>
      <c r="AG1498" s="55"/>
      <c r="AY1498" s="162"/>
      <c r="AZ1498" s="162"/>
      <c r="BA1498" s="162"/>
      <c r="BB1498" s="162"/>
      <c r="BC1498" s="162"/>
      <c r="BD1498" s="162"/>
      <c r="BE1498" s="162"/>
      <c r="BF1498" s="162"/>
      <c r="BG1498" s="162"/>
      <c r="BH1498" s="162"/>
      <c r="BI1498" s="162"/>
      <c r="BJ1498" s="162"/>
      <c r="BK1498" s="162"/>
      <c r="BL1498" s="162"/>
      <c r="BM1498" s="162"/>
      <c r="BN1498" s="162"/>
      <c r="BO1498" s="162"/>
      <c r="BP1498" s="162"/>
      <c r="BQ1498" s="162"/>
      <c r="BR1498" s="162"/>
      <c r="BS1498" s="162"/>
      <c r="BT1498" s="162"/>
      <c r="BU1498" s="162"/>
      <c r="BV1498" s="162"/>
      <c r="BW1498" s="162"/>
      <c r="BX1498" s="162"/>
      <c r="BY1498" s="162"/>
      <c r="BZ1498" s="162"/>
      <c r="CA1498" s="162"/>
      <c r="CB1498" s="162"/>
      <c r="CC1498" s="162"/>
      <c r="CD1498" s="162"/>
      <c r="CE1498" s="162"/>
      <c r="CF1498" s="162"/>
      <c r="CG1498" s="162"/>
      <c r="CH1498" s="162"/>
      <c r="CI1498" s="162"/>
      <c r="CJ1498" s="162"/>
      <c r="CK1498" s="162"/>
      <c r="CX1498" s="98"/>
      <c r="DL1498" s="97"/>
      <c r="DX1498" s="98"/>
      <c r="EL1498" s="97"/>
      <c r="EX1498" s="98"/>
      <c r="EY1498" s="97"/>
      <c r="FL1498" s="126"/>
      <c r="FM1498" s="91"/>
      <c r="FN1498" s="91"/>
      <c r="FO1498" s="91"/>
      <c r="FP1498" s="91"/>
      <c r="FQ1498" s="91"/>
      <c r="FR1498" s="91"/>
      <c r="FS1498" s="91"/>
      <c r="FT1498" s="91"/>
      <c r="FU1498" s="91"/>
      <c r="FV1498" s="91"/>
      <c r="FW1498" s="91"/>
      <c r="FX1498" s="91"/>
      <c r="FY1498" s="91"/>
      <c r="FZ1498" s="91"/>
      <c r="GA1498" s="91"/>
      <c r="GB1498" s="91"/>
      <c r="GC1498" s="91"/>
      <c r="GD1498" s="91"/>
      <c r="GE1498" s="91"/>
      <c r="GF1498" s="91"/>
      <c r="GG1498" s="91"/>
      <c r="GH1498" s="91"/>
      <c r="GI1498" s="91"/>
      <c r="GJ1498" s="91"/>
      <c r="GK1498" s="127"/>
      <c r="GL1498" s="126"/>
      <c r="GM1498" s="91"/>
      <c r="GN1498" s="91"/>
      <c r="GO1498" s="91"/>
      <c r="GP1498" s="91"/>
      <c r="GQ1498" s="91"/>
      <c r="GR1498" s="91"/>
      <c r="GS1498" s="91"/>
      <c r="GT1498" s="91"/>
      <c r="GU1498" s="91"/>
      <c r="GV1498" s="91"/>
      <c r="GW1498" s="91"/>
      <c r="GX1498" s="91"/>
      <c r="GY1498" s="91"/>
      <c r="GZ1498" s="91"/>
      <c r="HA1498" s="91"/>
      <c r="HB1498" s="91"/>
      <c r="HC1498" s="91"/>
      <c r="HD1498" s="91"/>
      <c r="HE1498" s="91"/>
      <c r="HF1498" s="91"/>
      <c r="HG1498" s="91"/>
      <c r="HH1498" s="91"/>
      <c r="HI1498" s="91"/>
      <c r="HJ1498" s="91"/>
      <c r="HK1498" s="127"/>
      <c r="HL1498" s="126"/>
      <c r="HM1498" s="91"/>
      <c r="HN1498" s="91"/>
      <c r="HO1498" s="91"/>
      <c r="HP1498" s="91"/>
      <c r="HQ1498" s="91"/>
      <c r="HR1498" s="91"/>
      <c r="HS1498" s="91"/>
      <c r="HT1498" s="91"/>
      <c r="HU1498" s="91"/>
      <c r="HV1498" s="91"/>
      <c r="HW1498" s="91"/>
      <c r="HX1498" s="91"/>
      <c r="HY1498" s="91"/>
      <c r="HZ1498" s="91"/>
      <c r="IA1498" s="91"/>
      <c r="IB1498" s="91"/>
      <c r="IC1498" s="91"/>
      <c r="ID1498" s="91"/>
      <c r="IE1498" s="91"/>
      <c r="IF1498" s="91"/>
      <c r="IG1498" s="91"/>
      <c r="IH1498" s="91"/>
      <c r="II1498" s="91"/>
      <c r="IJ1498" s="91"/>
      <c r="IK1498" s="127"/>
    </row>
    <row r="1499" spans="2:245" x14ac:dyDescent="0.2">
      <c r="B1499" s="43"/>
      <c r="C1499" s="73"/>
      <c r="D1499" s="64"/>
      <c r="E1499" s="64"/>
      <c r="F1499" s="55"/>
      <c r="G1499" s="102"/>
      <c r="H1499" s="55"/>
      <c r="I1499" s="55"/>
      <c r="J1499" s="55"/>
      <c r="K1499" s="55"/>
      <c r="L1499" s="55"/>
      <c r="M1499" s="55"/>
      <c r="N1499" s="55"/>
      <c r="O1499" s="55"/>
      <c r="P1499" s="55"/>
      <c r="Q1499" s="55"/>
      <c r="R1499" s="55"/>
      <c r="S1499" s="55"/>
      <c r="T1499" s="55"/>
      <c r="U1499" s="55"/>
      <c r="V1499" s="55"/>
      <c r="W1499" s="55"/>
      <c r="X1499" s="55"/>
      <c r="Y1499" s="55"/>
      <c r="Z1499" s="55"/>
      <c r="AA1499" s="55"/>
      <c r="AB1499" s="55"/>
      <c r="AC1499" s="55"/>
      <c r="AD1499" s="55"/>
      <c r="AE1499" s="55"/>
      <c r="AF1499" s="55"/>
      <c r="AG1499" s="55"/>
      <c r="AY1499" s="162"/>
      <c r="AZ1499" s="162"/>
      <c r="BA1499" s="162"/>
      <c r="BB1499" s="162"/>
      <c r="BC1499" s="162"/>
      <c r="BD1499" s="162"/>
      <c r="BE1499" s="162"/>
      <c r="BF1499" s="162"/>
      <c r="BG1499" s="162"/>
      <c r="BH1499" s="162"/>
      <c r="BI1499" s="162"/>
      <c r="BJ1499" s="162"/>
      <c r="BK1499" s="162"/>
      <c r="BL1499" s="162"/>
      <c r="BM1499" s="162"/>
      <c r="BN1499" s="162"/>
      <c r="BO1499" s="162"/>
      <c r="BP1499" s="162"/>
      <c r="BQ1499" s="162"/>
      <c r="BR1499" s="162"/>
      <c r="BS1499" s="162"/>
      <c r="BT1499" s="162"/>
      <c r="BU1499" s="162"/>
      <c r="BV1499" s="162"/>
      <c r="BW1499" s="162"/>
      <c r="BX1499" s="162"/>
      <c r="BY1499" s="162"/>
      <c r="BZ1499" s="162"/>
      <c r="CA1499" s="162"/>
      <c r="CB1499" s="162"/>
      <c r="CC1499" s="162"/>
      <c r="CD1499" s="162"/>
      <c r="CE1499" s="162"/>
      <c r="CF1499" s="162"/>
      <c r="CG1499" s="162"/>
      <c r="CH1499" s="162"/>
      <c r="CI1499" s="162"/>
      <c r="CJ1499" s="162"/>
      <c r="CK1499" s="162"/>
      <c r="CX1499" s="98"/>
      <c r="DL1499" s="97"/>
      <c r="DX1499" s="98"/>
      <c r="EL1499" s="97"/>
      <c r="EX1499" s="98"/>
      <c r="EY1499" s="97"/>
      <c r="FL1499" s="126"/>
      <c r="FM1499" s="91"/>
      <c r="FN1499" s="91"/>
      <c r="FO1499" s="91"/>
      <c r="FP1499" s="91"/>
      <c r="FQ1499" s="91"/>
      <c r="FR1499" s="91"/>
      <c r="FS1499" s="91"/>
      <c r="FT1499" s="91"/>
      <c r="FU1499" s="91"/>
      <c r="FV1499" s="91"/>
      <c r="FW1499" s="91"/>
      <c r="FX1499" s="91"/>
      <c r="FY1499" s="91"/>
      <c r="FZ1499" s="91"/>
      <c r="GA1499" s="91"/>
      <c r="GB1499" s="91"/>
      <c r="GC1499" s="91"/>
      <c r="GD1499" s="91"/>
      <c r="GE1499" s="91"/>
      <c r="GF1499" s="91"/>
      <c r="GG1499" s="91"/>
      <c r="GH1499" s="91"/>
      <c r="GI1499" s="91"/>
      <c r="GJ1499" s="91"/>
      <c r="GK1499" s="127"/>
      <c r="GL1499" s="126"/>
      <c r="GM1499" s="91"/>
      <c r="GN1499" s="91"/>
      <c r="GO1499" s="91"/>
      <c r="GP1499" s="91"/>
      <c r="GQ1499" s="91"/>
      <c r="GR1499" s="91"/>
      <c r="GS1499" s="91"/>
      <c r="GT1499" s="91"/>
      <c r="GU1499" s="91"/>
      <c r="GV1499" s="91"/>
      <c r="GW1499" s="91"/>
      <c r="GX1499" s="91"/>
      <c r="GY1499" s="91"/>
      <c r="GZ1499" s="91"/>
      <c r="HA1499" s="91"/>
      <c r="HB1499" s="91"/>
      <c r="HC1499" s="91"/>
      <c r="HD1499" s="91"/>
      <c r="HE1499" s="91"/>
      <c r="HF1499" s="91"/>
      <c r="HG1499" s="91"/>
      <c r="HH1499" s="91"/>
      <c r="HI1499" s="91"/>
      <c r="HJ1499" s="91"/>
      <c r="HK1499" s="127"/>
      <c r="HL1499" s="126"/>
      <c r="HM1499" s="91"/>
      <c r="HN1499" s="91"/>
      <c r="HO1499" s="91"/>
      <c r="HP1499" s="91"/>
      <c r="HQ1499" s="91"/>
      <c r="HR1499" s="91"/>
      <c r="HS1499" s="91"/>
      <c r="HT1499" s="91"/>
      <c r="HU1499" s="91"/>
      <c r="HV1499" s="91"/>
      <c r="HW1499" s="91"/>
      <c r="HX1499" s="91"/>
      <c r="HY1499" s="91"/>
      <c r="HZ1499" s="91"/>
      <c r="IA1499" s="91"/>
      <c r="IB1499" s="91"/>
      <c r="IC1499" s="91"/>
      <c r="ID1499" s="91"/>
      <c r="IE1499" s="91"/>
      <c r="IF1499" s="91"/>
      <c r="IG1499" s="91"/>
      <c r="IH1499" s="91"/>
      <c r="II1499" s="91"/>
      <c r="IJ1499" s="91"/>
      <c r="IK1499" s="127"/>
    </row>
    <row r="1500" spans="2:245" x14ac:dyDescent="0.2">
      <c r="B1500" s="43"/>
      <c r="C1500" s="73"/>
      <c r="D1500" s="64"/>
      <c r="E1500" s="64"/>
      <c r="F1500" s="55"/>
      <c r="G1500" s="102"/>
      <c r="H1500" s="55"/>
      <c r="I1500" s="55"/>
      <c r="J1500" s="55"/>
      <c r="K1500" s="55"/>
      <c r="L1500" s="55"/>
      <c r="M1500" s="55"/>
      <c r="N1500" s="55"/>
      <c r="O1500" s="55"/>
      <c r="P1500" s="55"/>
      <c r="Q1500" s="55"/>
      <c r="R1500" s="55"/>
      <c r="S1500" s="55"/>
      <c r="T1500" s="55"/>
      <c r="U1500" s="55"/>
      <c r="V1500" s="55"/>
      <c r="W1500" s="55"/>
      <c r="X1500" s="55"/>
      <c r="Y1500" s="55"/>
      <c r="Z1500" s="55"/>
      <c r="AA1500" s="55"/>
      <c r="AB1500" s="55"/>
      <c r="AC1500" s="55"/>
      <c r="AD1500" s="55"/>
      <c r="AE1500" s="55"/>
      <c r="AF1500" s="55"/>
      <c r="AG1500" s="55"/>
      <c r="AY1500" s="162"/>
      <c r="AZ1500" s="162"/>
      <c r="BA1500" s="162"/>
      <c r="BB1500" s="162"/>
      <c r="BC1500" s="162"/>
      <c r="BD1500" s="162"/>
      <c r="BE1500" s="162"/>
      <c r="BF1500" s="162"/>
      <c r="BG1500" s="162"/>
      <c r="BH1500" s="162"/>
      <c r="BI1500" s="162"/>
      <c r="BJ1500" s="162"/>
      <c r="BK1500" s="162"/>
      <c r="BL1500" s="162"/>
      <c r="BM1500" s="162"/>
      <c r="BN1500" s="162"/>
      <c r="BO1500" s="162"/>
      <c r="BP1500" s="162"/>
      <c r="BQ1500" s="162"/>
      <c r="BR1500" s="162"/>
      <c r="BS1500" s="162"/>
      <c r="BT1500" s="162"/>
      <c r="BU1500" s="162"/>
      <c r="BV1500" s="162"/>
      <c r="BW1500" s="162"/>
      <c r="BX1500" s="162"/>
      <c r="BY1500" s="162"/>
      <c r="BZ1500" s="162"/>
      <c r="CA1500" s="162"/>
      <c r="CB1500" s="162"/>
      <c r="CC1500" s="162"/>
      <c r="CD1500" s="162"/>
      <c r="CE1500" s="162"/>
      <c r="CF1500" s="162"/>
      <c r="CG1500" s="162"/>
      <c r="CH1500" s="162"/>
      <c r="CI1500" s="162"/>
      <c r="CJ1500" s="162"/>
      <c r="CK1500" s="162"/>
      <c r="CX1500" s="98"/>
      <c r="DL1500" s="97"/>
      <c r="DX1500" s="98"/>
      <c r="EL1500" s="97"/>
      <c r="EX1500" s="98"/>
      <c r="EY1500" s="97"/>
      <c r="FL1500" s="126"/>
      <c r="FM1500" s="91"/>
      <c r="FN1500" s="91"/>
      <c r="FO1500" s="91"/>
      <c r="FP1500" s="91"/>
      <c r="FQ1500" s="91"/>
      <c r="FR1500" s="91"/>
      <c r="FS1500" s="91"/>
      <c r="FT1500" s="91"/>
      <c r="FU1500" s="91"/>
      <c r="FV1500" s="91"/>
      <c r="FW1500" s="91"/>
      <c r="FX1500" s="91"/>
      <c r="FY1500" s="91"/>
      <c r="FZ1500" s="91"/>
      <c r="GA1500" s="91"/>
      <c r="GB1500" s="91"/>
      <c r="GC1500" s="91"/>
      <c r="GD1500" s="91"/>
      <c r="GE1500" s="91"/>
      <c r="GF1500" s="91"/>
      <c r="GG1500" s="91"/>
      <c r="GH1500" s="91"/>
      <c r="GI1500" s="91"/>
      <c r="GJ1500" s="91"/>
      <c r="GK1500" s="127"/>
      <c r="GL1500" s="126"/>
      <c r="GM1500" s="91"/>
      <c r="GN1500" s="91"/>
      <c r="GO1500" s="91"/>
      <c r="GP1500" s="91"/>
      <c r="GQ1500" s="91"/>
      <c r="GR1500" s="91"/>
      <c r="GS1500" s="91"/>
      <c r="GT1500" s="91"/>
      <c r="GU1500" s="91"/>
      <c r="GV1500" s="91"/>
      <c r="GW1500" s="91"/>
      <c r="GX1500" s="91"/>
      <c r="GY1500" s="91"/>
      <c r="GZ1500" s="91"/>
      <c r="HA1500" s="91"/>
      <c r="HB1500" s="91"/>
      <c r="HC1500" s="91"/>
      <c r="HD1500" s="91"/>
      <c r="HE1500" s="91"/>
      <c r="HF1500" s="91"/>
      <c r="HG1500" s="91"/>
      <c r="HH1500" s="91"/>
      <c r="HI1500" s="91"/>
      <c r="HJ1500" s="91"/>
      <c r="HK1500" s="127"/>
      <c r="HL1500" s="126"/>
      <c r="HM1500" s="91"/>
      <c r="HN1500" s="91"/>
      <c r="HO1500" s="91"/>
      <c r="HP1500" s="91"/>
      <c r="HQ1500" s="91"/>
      <c r="HR1500" s="91"/>
      <c r="HS1500" s="91"/>
      <c r="HT1500" s="91"/>
      <c r="HU1500" s="91"/>
      <c r="HV1500" s="91"/>
      <c r="HW1500" s="91"/>
      <c r="HX1500" s="91"/>
      <c r="HY1500" s="91"/>
      <c r="HZ1500" s="91"/>
      <c r="IA1500" s="91"/>
      <c r="IB1500" s="91"/>
      <c r="IC1500" s="91"/>
      <c r="ID1500" s="91"/>
      <c r="IE1500" s="91"/>
      <c r="IF1500" s="91"/>
      <c r="IG1500" s="91"/>
      <c r="IH1500" s="91"/>
      <c r="II1500" s="91"/>
      <c r="IJ1500" s="91"/>
      <c r="IK1500" s="127"/>
    </row>
    <row r="1501" spans="2:245" ht="13.5" thickBot="1" x14ac:dyDescent="0.25">
      <c r="B1501" s="43"/>
      <c r="C1501" s="73"/>
      <c r="D1501" s="64"/>
      <c r="E1501" s="64"/>
      <c r="F1501" s="55"/>
      <c r="G1501" s="102"/>
      <c r="H1501" s="55"/>
      <c r="I1501" s="55"/>
      <c r="J1501" s="55"/>
      <c r="K1501" s="55"/>
      <c r="L1501" s="55"/>
      <c r="M1501" s="55"/>
      <c r="N1501" s="55"/>
      <c r="O1501" s="55"/>
      <c r="P1501" s="55"/>
      <c r="Q1501" s="55"/>
      <c r="R1501" s="55"/>
      <c r="S1501" s="55"/>
      <c r="T1501" s="55"/>
      <c r="U1501" s="55"/>
      <c r="V1501" s="55"/>
      <c r="W1501" s="55"/>
      <c r="X1501" s="55"/>
      <c r="Y1501" s="55"/>
      <c r="Z1501" s="55"/>
      <c r="AA1501" s="55"/>
      <c r="AB1501" s="55"/>
      <c r="AC1501" s="55"/>
      <c r="AD1501" s="55"/>
      <c r="AE1501" s="55"/>
      <c r="AF1501" s="55"/>
      <c r="AG1501" s="55"/>
      <c r="AY1501" s="162"/>
      <c r="AZ1501" s="162"/>
      <c r="BA1501" s="162"/>
      <c r="BB1501" s="162"/>
      <c r="BC1501" s="162"/>
      <c r="BD1501" s="162"/>
      <c r="BE1501" s="162"/>
      <c r="BF1501" s="162"/>
      <c r="BG1501" s="162"/>
      <c r="BH1501" s="162"/>
      <c r="BI1501" s="162"/>
      <c r="BJ1501" s="162"/>
      <c r="BK1501" s="162"/>
      <c r="BL1501" s="162"/>
      <c r="BM1501" s="162"/>
      <c r="BN1501" s="162"/>
      <c r="BO1501" s="162"/>
      <c r="BP1501" s="162"/>
      <c r="BQ1501" s="162"/>
      <c r="BR1501" s="162"/>
      <c r="BS1501" s="162"/>
      <c r="BT1501" s="162"/>
      <c r="BU1501" s="162"/>
      <c r="BV1501" s="162"/>
      <c r="BW1501" s="162"/>
      <c r="BX1501" s="162"/>
      <c r="BY1501" s="162"/>
      <c r="BZ1501" s="162"/>
      <c r="CA1501" s="162"/>
      <c r="CB1501" s="162"/>
      <c r="CC1501" s="162"/>
      <c r="CD1501" s="162"/>
      <c r="CE1501" s="162"/>
      <c r="CF1501" s="162"/>
      <c r="CG1501" s="162"/>
      <c r="CH1501" s="162"/>
      <c r="CI1501" s="162"/>
      <c r="CJ1501" s="162"/>
      <c r="CK1501" s="162"/>
      <c r="CX1501" s="98"/>
      <c r="DL1501" s="97"/>
      <c r="DX1501" s="98"/>
      <c r="EL1501" s="97"/>
      <c r="EX1501" s="98"/>
      <c r="EY1501" s="97"/>
      <c r="FL1501" s="126"/>
      <c r="FM1501" s="91"/>
      <c r="FN1501" s="91"/>
      <c r="FO1501" s="91"/>
      <c r="FP1501" s="91"/>
      <c r="FQ1501" s="91"/>
      <c r="FR1501" s="91"/>
      <c r="FS1501" s="91"/>
      <c r="FT1501" s="91"/>
      <c r="FU1501" s="91"/>
      <c r="FV1501" s="91"/>
      <c r="FW1501" s="91"/>
      <c r="FX1501" s="91"/>
      <c r="FY1501" s="91"/>
      <c r="FZ1501" s="91"/>
      <c r="GA1501" s="91"/>
      <c r="GB1501" s="91"/>
      <c r="GC1501" s="91"/>
      <c r="GD1501" s="91"/>
      <c r="GE1501" s="91"/>
      <c r="GF1501" s="91"/>
      <c r="GG1501" s="91"/>
      <c r="GH1501" s="91"/>
      <c r="GI1501" s="91"/>
      <c r="GJ1501" s="91"/>
      <c r="GK1501" s="127"/>
      <c r="GL1501" s="126"/>
      <c r="GM1501" s="91"/>
      <c r="GN1501" s="91"/>
      <c r="GO1501" s="91"/>
      <c r="GP1501" s="91"/>
      <c r="GQ1501" s="91"/>
      <c r="GR1501" s="91"/>
      <c r="GS1501" s="91"/>
      <c r="GT1501" s="91"/>
      <c r="GU1501" s="91"/>
      <c r="GV1501" s="91"/>
      <c r="GW1501" s="91"/>
      <c r="GX1501" s="91"/>
      <c r="GY1501" s="91"/>
      <c r="GZ1501" s="91"/>
      <c r="HA1501" s="91"/>
      <c r="HB1501" s="91"/>
      <c r="HC1501" s="91"/>
      <c r="HD1501" s="91"/>
      <c r="HE1501" s="91"/>
      <c r="HF1501" s="91"/>
      <c r="HG1501" s="91"/>
      <c r="HH1501" s="91"/>
      <c r="HI1501" s="91"/>
      <c r="HJ1501" s="91"/>
      <c r="HK1501" s="127"/>
      <c r="HL1501" s="126"/>
      <c r="HM1501" s="91"/>
      <c r="HN1501" s="91"/>
      <c r="HO1501" s="91"/>
      <c r="HP1501" s="91"/>
      <c r="HQ1501" s="91"/>
      <c r="HR1501" s="91"/>
      <c r="HS1501" s="91"/>
      <c r="HT1501" s="91"/>
      <c r="HU1501" s="91"/>
      <c r="HV1501" s="91"/>
      <c r="HW1501" s="91"/>
      <c r="HX1501" s="91"/>
      <c r="HY1501" s="91"/>
      <c r="HZ1501" s="91"/>
      <c r="IA1501" s="91"/>
      <c r="IB1501" s="91"/>
      <c r="IC1501" s="91"/>
      <c r="ID1501" s="91"/>
      <c r="IE1501" s="91"/>
      <c r="IF1501" s="91"/>
      <c r="IG1501" s="91"/>
      <c r="IH1501" s="91"/>
      <c r="II1501" s="91"/>
      <c r="IJ1501" s="91"/>
      <c r="IK1501" s="127"/>
    </row>
    <row r="1502" spans="2:245" x14ac:dyDescent="0.2">
      <c r="B1502" s="43"/>
      <c r="C1502" s="73"/>
      <c r="D1502" s="64"/>
      <c r="E1502" s="64"/>
      <c r="F1502" s="55"/>
      <c r="G1502" s="102"/>
      <c r="H1502" s="55"/>
      <c r="I1502" s="55"/>
      <c r="J1502" s="55"/>
      <c r="K1502" s="55"/>
      <c r="L1502" s="55"/>
      <c r="M1502" s="55"/>
      <c r="N1502" s="55"/>
      <c r="O1502" s="55"/>
      <c r="P1502" s="55"/>
      <c r="Q1502" s="55"/>
      <c r="R1502" s="55"/>
      <c r="S1502" s="55"/>
      <c r="T1502" s="55"/>
      <c r="U1502" s="55"/>
      <c r="V1502" s="55"/>
      <c r="W1502" s="55"/>
      <c r="X1502" s="55"/>
      <c r="Y1502" s="55"/>
      <c r="Z1502" s="55"/>
      <c r="AA1502" s="55"/>
      <c r="AB1502" s="55"/>
      <c r="AC1502" s="55"/>
      <c r="AD1502" s="55"/>
      <c r="AE1502" s="55"/>
      <c r="AF1502" s="55"/>
      <c r="AG1502" s="55"/>
      <c r="AY1502" s="162"/>
      <c r="AZ1502" s="162"/>
      <c r="BA1502" s="162"/>
      <c r="BB1502" s="162"/>
      <c r="BC1502" s="162"/>
      <c r="BD1502" s="162"/>
      <c r="BE1502" s="162"/>
      <c r="BF1502" s="162"/>
      <c r="BG1502" s="162"/>
      <c r="BH1502" s="162"/>
      <c r="BI1502" s="162"/>
      <c r="BJ1502" s="162"/>
      <c r="BK1502" s="162"/>
      <c r="BL1502" s="162"/>
      <c r="BM1502" s="162"/>
      <c r="BN1502" s="162"/>
      <c r="BO1502" s="162"/>
      <c r="BP1502" s="162"/>
      <c r="BQ1502" s="162"/>
      <c r="BR1502" s="162"/>
      <c r="BS1502" s="162"/>
      <c r="BT1502" s="162"/>
      <c r="BU1502" s="162"/>
      <c r="BV1502" s="162"/>
      <c r="BW1502" s="162"/>
      <c r="BX1502" s="162"/>
      <c r="BY1502" s="162"/>
      <c r="BZ1502" s="162"/>
      <c r="CA1502" s="162"/>
      <c r="CB1502" s="162"/>
      <c r="CC1502" s="162"/>
      <c r="CD1502" s="162"/>
      <c r="CE1502" s="162"/>
      <c r="CF1502" s="162"/>
      <c r="CG1502" s="162"/>
      <c r="CH1502" s="162"/>
      <c r="CI1502" s="162"/>
      <c r="CJ1502" s="162"/>
      <c r="CK1502" s="162"/>
      <c r="CL1502" s="163"/>
      <c r="CM1502" s="163"/>
      <c r="CN1502" s="163"/>
      <c r="CO1502" s="163"/>
      <c r="CP1502" s="163"/>
      <c r="CQ1502" s="163"/>
      <c r="CR1502" s="163"/>
      <c r="CS1502" s="163"/>
      <c r="CT1502" s="163"/>
      <c r="CU1502" s="163"/>
      <c r="CV1502" s="163"/>
      <c r="CW1502" s="163"/>
      <c r="CX1502" s="173"/>
      <c r="CY1502" s="163"/>
      <c r="CZ1502" s="163"/>
      <c r="DA1502" s="163"/>
      <c r="DB1502" s="163"/>
      <c r="DC1502" s="163"/>
      <c r="DD1502" s="163"/>
      <c r="DE1502" s="163"/>
      <c r="DF1502" s="163"/>
      <c r="DG1502" s="163"/>
      <c r="DH1502" s="163"/>
      <c r="DI1502" s="163"/>
      <c r="DJ1502" s="163"/>
      <c r="DK1502" s="163"/>
      <c r="DL1502" s="172"/>
      <c r="DM1502" s="163"/>
      <c r="DN1502" s="163"/>
      <c r="DO1502" s="163"/>
      <c r="DP1502" s="163"/>
      <c r="DQ1502" s="163"/>
      <c r="DR1502" s="163"/>
      <c r="DS1502" s="163"/>
      <c r="DT1502" s="163"/>
      <c r="DU1502" s="163"/>
      <c r="DV1502" s="163"/>
      <c r="DW1502" s="163"/>
      <c r="DX1502" s="173"/>
      <c r="DY1502" s="163"/>
      <c r="DZ1502" s="163"/>
      <c r="EA1502" s="163"/>
      <c r="EB1502" s="163"/>
      <c r="EC1502" s="163"/>
      <c r="ED1502" s="163"/>
      <c r="EE1502" s="163"/>
      <c r="EF1502" s="163"/>
      <c r="EG1502" s="163"/>
      <c r="EH1502" s="163"/>
      <c r="EI1502" s="163"/>
      <c r="EJ1502" s="163"/>
      <c r="EK1502" s="163"/>
      <c r="EL1502" s="172"/>
      <c r="EM1502" s="163"/>
      <c r="EN1502" s="163"/>
      <c r="EO1502" s="163"/>
      <c r="EP1502" s="163"/>
      <c r="EQ1502" s="163"/>
      <c r="ER1502" s="163"/>
      <c r="ES1502" s="163"/>
      <c r="ET1502" s="163"/>
      <c r="EU1502" s="163"/>
      <c r="EV1502" s="163"/>
      <c r="EW1502" s="163"/>
      <c r="EX1502" s="173"/>
      <c r="EY1502" s="172"/>
      <c r="EZ1502" s="163"/>
      <c r="FA1502" s="163"/>
      <c r="FB1502" s="163"/>
      <c r="FC1502" s="163"/>
      <c r="FD1502" s="163"/>
      <c r="FE1502" s="163"/>
      <c r="FF1502" s="163"/>
      <c r="FG1502" s="163"/>
      <c r="FH1502" s="163"/>
      <c r="FI1502" s="163"/>
      <c r="FJ1502" s="163"/>
      <c r="FK1502" s="163"/>
      <c r="FL1502" s="126"/>
      <c r="FM1502" s="91"/>
      <c r="FN1502" s="91"/>
      <c r="FO1502" s="91"/>
      <c r="FP1502" s="91"/>
      <c r="FQ1502" s="91"/>
      <c r="FR1502" s="91"/>
      <c r="FS1502" s="91"/>
      <c r="FT1502" s="91"/>
      <c r="FU1502" s="91"/>
      <c r="FV1502" s="91"/>
      <c r="FW1502" s="91"/>
      <c r="FX1502" s="91"/>
      <c r="FY1502" s="91"/>
      <c r="FZ1502" s="91"/>
      <c r="GA1502" s="91"/>
      <c r="GB1502" s="91"/>
      <c r="GC1502" s="91"/>
      <c r="GD1502" s="91"/>
      <c r="GE1502" s="91"/>
      <c r="GF1502" s="91"/>
      <c r="GG1502" s="91"/>
      <c r="GH1502" s="91"/>
      <c r="GI1502" s="91"/>
      <c r="GJ1502" s="91"/>
      <c r="GK1502" s="127"/>
      <c r="GL1502" s="126"/>
      <c r="GM1502" s="91"/>
      <c r="GN1502" s="91"/>
      <c r="GO1502" s="91"/>
      <c r="GP1502" s="91"/>
      <c r="GQ1502" s="91"/>
      <c r="GR1502" s="91"/>
      <c r="GS1502" s="91"/>
      <c r="GT1502" s="91"/>
      <c r="GU1502" s="91"/>
      <c r="GV1502" s="91"/>
      <c r="GW1502" s="91"/>
      <c r="GX1502" s="91"/>
      <c r="GY1502" s="91"/>
      <c r="GZ1502" s="91"/>
      <c r="HA1502" s="91"/>
      <c r="HB1502" s="91"/>
      <c r="HC1502" s="91"/>
      <c r="HD1502" s="91"/>
      <c r="HE1502" s="91"/>
      <c r="HF1502" s="91"/>
      <c r="HG1502" s="91"/>
      <c r="HH1502" s="91"/>
      <c r="HI1502" s="91"/>
      <c r="HJ1502" s="91"/>
      <c r="HK1502" s="127"/>
      <c r="HL1502" s="126"/>
      <c r="HM1502" s="91"/>
      <c r="HN1502" s="91"/>
      <c r="HO1502" s="91"/>
      <c r="HP1502" s="91"/>
      <c r="HQ1502" s="91"/>
      <c r="HR1502" s="91"/>
      <c r="HS1502" s="91"/>
      <c r="HT1502" s="91"/>
      <c r="HU1502" s="91"/>
      <c r="HV1502" s="91"/>
      <c r="HW1502" s="91"/>
      <c r="HX1502" s="91"/>
      <c r="HY1502" s="91"/>
      <c r="HZ1502" s="91"/>
      <c r="IA1502" s="91"/>
      <c r="IB1502" s="91"/>
      <c r="IC1502" s="91"/>
      <c r="ID1502" s="91"/>
      <c r="IE1502" s="91"/>
      <c r="IF1502" s="91"/>
      <c r="IG1502" s="91"/>
      <c r="IH1502" s="91"/>
      <c r="II1502" s="91"/>
      <c r="IJ1502" s="91"/>
      <c r="IK1502" s="127"/>
    </row>
    <row r="1503" spans="2:245" x14ac:dyDescent="0.2">
      <c r="B1503" s="43"/>
      <c r="C1503" s="73"/>
      <c r="D1503" s="64"/>
      <c r="E1503" s="64"/>
      <c r="F1503" s="55"/>
      <c r="G1503" s="102"/>
      <c r="H1503" s="55"/>
      <c r="I1503" s="55"/>
      <c r="J1503" s="55"/>
      <c r="K1503" s="55"/>
      <c r="L1503" s="55"/>
      <c r="M1503" s="55"/>
      <c r="N1503" s="55"/>
      <c r="O1503" s="55"/>
      <c r="P1503" s="55"/>
      <c r="Q1503" s="55"/>
      <c r="R1503" s="55"/>
      <c r="S1503" s="55"/>
      <c r="T1503" s="55"/>
      <c r="U1503" s="55"/>
      <c r="V1503" s="55"/>
      <c r="W1503" s="55"/>
      <c r="X1503" s="55"/>
      <c r="Y1503" s="55"/>
      <c r="Z1503" s="55"/>
      <c r="AA1503" s="55"/>
      <c r="AB1503" s="55"/>
      <c r="AC1503" s="55"/>
      <c r="AD1503" s="55"/>
      <c r="AE1503" s="55"/>
      <c r="AF1503" s="55"/>
      <c r="AG1503" s="55"/>
      <c r="AY1503" s="162"/>
      <c r="AZ1503" s="162"/>
      <c r="BA1503" s="162"/>
      <c r="BB1503" s="162"/>
      <c r="BC1503" s="162"/>
      <c r="BD1503" s="162"/>
      <c r="BE1503" s="162"/>
      <c r="BF1503" s="162"/>
      <c r="BG1503" s="162"/>
      <c r="BH1503" s="162"/>
      <c r="BI1503" s="162"/>
      <c r="BJ1503" s="162"/>
      <c r="BK1503" s="162"/>
      <c r="BL1503" s="162"/>
      <c r="BM1503" s="162"/>
      <c r="BN1503" s="162"/>
      <c r="BO1503" s="162"/>
      <c r="BP1503" s="162"/>
      <c r="BQ1503" s="162"/>
      <c r="BR1503" s="162"/>
      <c r="BS1503" s="162"/>
      <c r="BT1503" s="162"/>
      <c r="BU1503" s="162"/>
      <c r="BV1503" s="162"/>
      <c r="BW1503" s="162"/>
      <c r="BX1503" s="162"/>
      <c r="BY1503" s="162"/>
      <c r="BZ1503" s="162"/>
      <c r="CA1503" s="162"/>
      <c r="CB1503" s="162"/>
      <c r="CC1503" s="162"/>
      <c r="CD1503" s="162"/>
      <c r="CE1503" s="162"/>
      <c r="CF1503" s="162"/>
      <c r="CG1503" s="162"/>
      <c r="CH1503" s="162"/>
      <c r="CI1503" s="162"/>
      <c r="CJ1503" s="162"/>
      <c r="CK1503" s="162"/>
      <c r="CX1503" s="98"/>
      <c r="DL1503" s="97"/>
      <c r="DX1503" s="98"/>
      <c r="EL1503" s="97"/>
      <c r="EX1503" s="98"/>
      <c r="EY1503" s="97"/>
      <c r="FL1503" s="126"/>
      <c r="FM1503" s="91"/>
      <c r="FN1503" s="91"/>
      <c r="FO1503" s="91"/>
      <c r="FP1503" s="91"/>
      <c r="FQ1503" s="91"/>
      <c r="FR1503" s="91"/>
      <c r="FS1503" s="91"/>
      <c r="FT1503" s="91"/>
      <c r="FU1503" s="91"/>
      <c r="FV1503" s="91"/>
      <c r="FW1503" s="91"/>
      <c r="FX1503" s="91"/>
      <c r="FY1503" s="91"/>
      <c r="FZ1503" s="91"/>
      <c r="GA1503" s="91"/>
      <c r="GB1503" s="91"/>
      <c r="GC1503" s="91"/>
      <c r="GD1503" s="91"/>
      <c r="GE1503" s="91"/>
      <c r="GF1503" s="91"/>
      <c r="GG1503" s="91"/>
      <c r="GH1503" s="91"/>
      <c r="GI1503" s="91"/>
      <c r="GJ1503" s="91"/>
      <c r="GK1503" s="127"/>
      <c r="GL1503" s="126"/>
      <c r="GM1503" s="91"/>
      <c r="GN1503" s="91"/>
      <c r="GO1503" s="91"/>
      <c r="GP1503" s="91"/>
      <c r="GQ1503" s="91"/>
      <c r="GR1503" s="91"/>
      <c r="GS1503" s="91"/>
      <c r="GT1503" s="91"/>
      <c r="GU1503" s="91"/>
      <c r="GV1503" s="91"/>
      <c r="GW1503" s="91"/>
      <c r="GX1503" s="91"/>
      <c r="GY1503" s="91"/>
      <c r="GZ1503" s="91"/>
      <c r="HA1503" s="91"/>
      <c r="HB1503" s="91"/>
      <c r="HC1503" s="91"/>
      <c r="HD1503" s="91"/>
      <c r="HE1503" s="91"/>
      <c r="HF1503" s="91"/>
      <c r="HG1503" s="91"/>
      <c r="HH1503" s="91"/>
      <c r="HI1503" s="91"/>
      <c r="HJ1503" s="91"/>
      <c r="HK1503" s="127"/>
      <c r="HL1503" s="126"/>
      <c r="HM1503" s="91"/>
      <c r="HN1503" s="91"/>
      <c r="HO1503" s="91"/>
      <c r="HP1503" s="91"/>
      <c r="HQ1503" s="91"/>
      <c r="HR1503" s="91"/>
      <c r="HS1503" s="91"/>
      <c r="HT1503" s="91"/>
      <c r="HU1503" s="91"/>
      <c r="HV1503" s="91"/>
      <c r="HW1503" s="91"/>
      <c r="HX1503" s="91"/>
      <c r="HY1503" s="91"/>
      <c r="HZ1503" s="91"/>
      <c r="IA1503" s="91"/>
      <c r="IB1503" s="91"/>
      <c r="IC1503" s="91"/>
      <c r="ID1503" s="91"/>
      <c r="IE1503" s="91"/>
      <c r="IF1503" s="91"/>
      <c r="IG1503" s="91"/>
      <c r="IH1503" s="91"/>
      <c r="II1503" s="91"/>
      <c r="IJ1503" s="91"/>
      <c r="IK1503" s="127"/>
    </row>
    <row r="1504" spans="2:245" x14ac:dyDescent="0.2">
      <c r="B1504" s="43"/>
      <c r="C1504" s="73"/>
      <c r="D1504" s="64"/>
      <c r="E1504" s="64"/>
      <c r="F1504" s="55"/>
      <c r="G1504" s="102"/>
      <c r="H1504" s="55"/>
      <c r="I1504" s="55"/>
      <c r="J1504" s="55"/>
      <c r="K1504" s="55"/>
      <c r="L1504" s="55"/>
      <c r="M1504" s="55"/>
      <c r="N1504" s="55"/>
      <c r="O1504" s="55"/>
      <c r="P1504" s="55"/>
      <c r="Q1504" s="55"/>
      <c r="R1504" s="55"/>
      <c r="S1504" s="55"/>
      <c r="T1504" s="55"/>
      <c r="U1504" s="55"/>
      <c r="V1504" s="55"/>
      <c r="W1504" s="55"/>
      <c r="X1504" s="55"/>
      <c r="Y1504" s="55"/>
      <c r="Z1504" s="55"/>
      <c r="AA1504" s="55"/>
      <c r="AB1504" s="55"/>
      <c r="AC1504" s="55"/>
      <c r="AD1504" s="55"/>
      <c r="AE1504" s="55"/>
      <c r="AF1504" s="55"/>
      <c r="AG1504" s="55"/>
      <c r="AY1504" s="162"/>
      <c r="AZ1504" s="162"/>
      <c r="BA1504" s="162"/>
      <c r="BB1504" s="162"/>
      <c r="BC1504" s="162"/>
      <c r="BD1504" s="162"/>
      <c r="BE1504" s="162"/>
      <c r="BF1504" s="162"/>
      <c r="BG1504" s="162"/>
      <c r="BH1504" s="162"/>
      <c r="BI1504" s="162"/>
      <c r="BJ1504" s="162"/>
      <c r="BK1504" s="162"/>
      <c r="BL1504" s="162"/>
      <c r="BM1504" s="162"/>
      <c r="BN1504" s="162"/>
      <c r="BO1504" s="162"/>
      <c r="BP1504" s="162"/>
      <c r="BQ1504" s="162"/>
      <c r="BR1504" s="162"/>
      <c r="BS1504" s="162"/>
      <c r="BT1504" s="162"/>
      <c r="BU1504" s="162"/>
      <c r="BV1504" s="162"/>
      <c r="BW1504" s="162"/>
      <c r="BX1504" s="162"/>
      <c r="BY1504" s="162"/>
      <c r="BZ1504" s="162"/>
      <c r="CA1504" s="162"/>
      <c r="CB1504" s="162"/>
      <c r="CC1504" s="162"/>
      <c r="CD1504" s="162"/>
      <c r="CE1504" s="162"/>
      <c r="CF1504" s="162"/>
      <c r="CG1504" s="162"/>
      <c r="CH1504" s="162"/>
      <c r="CI1504" s="162"/>
      <c r="CJ1504" s="162"/>
      <c r="CK1504" s="162"/>
      <c r="CX1504" s="98"/>
      <c r="DL1504" s="97"/>
      <c r="DX1504" s="98"/>
      <c r="EL1504" s="97"/>
      <c r="EX1504" s="98"/>
      <c r="EY1504" s="97"/>
      <c r="FL1504" s="126"/>
      <c r="FM1504" s="91"/>
      <c r="FN1504" s="91"/>
      <c r="FO1504" s="91"/>
      <c r="FP1504" s="91"/>
      <c r="FQ1504" s="91"/>
      <c r="FR1504" s="91"/>
      <c r="FS1504" s="91"/>
      <c r="FT1504" s="91"/>
      <c r="FU1504" s="91"/>
      <c r="FV1504" s="91"/>
      <c r="FW1504" s="91"/>
      <c r="FX1504" s="91"/>
      <c r="FY1504" s="91"/>
      <c r="FZ1504" s="91"/>
      <c r="GA1504" s="91"/>
      <c r="GB1504" s="91"/>
      <c r="GC1504" s="91"/>
      <c r="GD1504" s="91"/>
      <c r="GE1504" s="91"/>
      <c r="GF1504" s="91"/>
      <c r="GG1504" s="91"/>
      <c r="GH1504" s="91"/>
      <c r="GI1504" s="91"/>
      <c r="GJ1504" s="91"/>
      <c r="GK1504" s="127"/>
      <c r="GL1504" s="126"/>
      <c r="GM1504" s="91"/>
      <c r="GN1504" s="91"/>
      <c r="GO1504" s="91"/>
      <c r="GP1504" s="91"/>
      <c r="GQ1504" s="91"/>
      <c r="GR1504" s="91"/>
      <c r="GS1504" s="91"/>
      <c r="GT1504" s="91"/>
      <c r="GU1504" s="91"/>
      <c r="GV1504" s="91"/>
      <c r="GW1504" s="91"/>
      <c r="GX1504" s="91"/>
      <c r="GY1504" s="91"/>
      <c r="GZ1504" s="91"/>
      <c r="HA1504" s="91"/>
      <c r="HB1504" s="91"/>
      <c r="HC1504" s="91"/>
      <c r="HD1504" s="91"/>
      <c r="HE1504" s="91"/>
      <c r="HF1504" s="91"/>
      <c r="HG1504" s="91"/>
      <c r="HH1504" s="91"/>
      <c r="HI1504" s="91"/>
      <c r="HJ1504" s="91"/>
      <c r="HK1504" s="127"/>
      <c r="HL1504" s="126"/>
      <c r="HM1504" s="91"/>
      <c r="HN1504" s="91"/>
      <c r="HO1504" s="91"/>
      <c r="HP1504" s="91"/>
      <c r="HQ1504" s="91"/>
      <c r="HR1504" s="91"/>
      <c r="HS1504" s="91"/>
      <c r="HT1504" s="91"/>
      <c r="HU1504" s="91"/>
      <c r="HV1504" s="91"/>
      <c r="HW1504" s="91"/>
      <c r="HX1504" s="91"/>
      <c r="HY1504" s="91"/>
      <c r="HZ1504" s="91"/>
      <c r="IA1504" s="91"/>
      <c r="IB1504" s="91"/>
      <c r="IC1504" s="91"/>
      <c r="ID1504" s="91"/>
      <c r="IE1504" s="91"/>
      <c r="IF1504" s="91"/>
      <c r="IG1504" s="91"/>
      <c r="IH1504" s="91"/>
      <c r="II1504" s="91"/>
      <c r="IJ1504" s="91"/>
      <c r="IK1504" s="127"/>
    </row>
    <row r="1505" spans="2:245" x14ac:dyDescent="0.2">
      <c r="B1505" s="43"/>
      <c r="C1505" s="73"/>
      <c r="D1505" s="64"/>
      <c r="E1505" s="64"/>
      <c r="F1505" s="55"/>
      <c r="G1505" s="102"/>
      <c r="H1505" s="55"/>
      <c r="I1505" s="55"/>
      <c r="J1505" s="55"/>
      <c r="K1505" s="55"/>
      <c r="L1505" s="55"/>
      <c r="M1505" s="55"/>
      <c r="N1505" s="55"/>
      <c r="O1505" s="55"/>
      <c r="P1505" s="55"/>
      <c r="Q1505" s="55"/>
      <c r="R1505" s="55"/>
      <c r="S1505" s="55"/>
      <c r="T1505" s="55"/>
      <c r="U1505" s="55"/>
      <c r="V1505" s="55"/>
      <c r="W1505" s="55"/>
      <c r="X1505" s="55"/>
      <c r="Y1505" s="55"/>
      <c r="Z1505" s="55"/>
      <c r="AA1505" s="55"/>
      <c r="AB1505" s="55"/>
      <c r="AC1505" s="55"/>
      <c r="AD1505" s="55"/>
      <c r="AE1505" s="55"/>
      <c r="AF1505" s="55"/>
      <c r="AG1505" s="55"/>
      <c r="AY1505" s="162"/>
      <c r="AZ1505" s="162"/>
      <c r="BA1505" s="162"/>
      <c r="BB1505" s="162"/>
      <c r="BC1505" s="162"/>
      <c r="BD1505" s="162"/>
      <c r="BE1505" s="162"/>
      <c r="BF1505" s="162"/>
      <c r="BG1505" s="162"/>
      <c r="BH1505" s="162"/>
      <c r="BI1505" s="162"/>
      <c r="BJ1505" s="162"/>
      <c r="BK1505" s="162"/>
      <c r="BL1505" s="162"/>
      <c r="BM1505" s="162"/>
      <c r="BN1505" s="162"/>
      <c r="BO1505" s="162"/>
      <c r="BP1505" s="162"/>
      <c r="BQ1505" s="162"/>
      <c r="BR1505" s="162"/>
      <c r="BS1505" s="162"/>
      <c r="BT1505" s="162"/>
      <c r="BU1505" s="162"/>
      <c r="BV1505" s="162"/>
      <c r="BW1505" s="162"/>
      <c r="BX1505" s="162"/>
      <c r="BY1505" s="162"/>
      <c r="BZ1505" s="162"/>
      <c r="CA1505" s="162"/>
      <c r="CB1505" s="162"/>
      <c r="CC1505" s="162"/>
      <c r="CD1505" s="162"/>
      <c r="CE1505" s="162"/>
      <c r="CF1505" s="162"/>
      <c r="CG1505" s="162"/>
      <c r="CH1505" s="162"/>
      <c r="CI1505" s="162"/>
      <c r="CJ1505" s="162"/>
      <c r="CK1505" s="162"/>
      <c r="CX1505" s="98"/>
      <c r="DL1505" s="97"/>
      <c r="DX1505" s="98"/>
      <c r="EL1505" s="97"/>
      <c r="EX1505" s="98"/>
      <c r="EY1505" s="97"/>
      <c r="FL1505" s="126"/>
      <c r="FM1505" s="91"/>
      <c r="FN1505" s="91"/>
      <c r="FO1505" s="91"/>
      <c r="FP1505" s="91"/>
      <c r="FQ1505" s="91"/>
      <c r="FR1505" s="91"/>
      <c r="FS1505" s="91"/>
      <c r="FT1505" s="91"/>
      <c r="FU1505" s="91"/>
      <c r="FV1505" s="91"/>
      <c r="FW1505" s="91"/>
      <c r="FX1505" s="91"/>
      <c r="FY1505" s="91"/>
      <c r="FZ1505" s="91"/>
      <c r="GA1505" s="91"/>
      <c r="GB1505" s="91"/>
      <c r="GC1505" s="91"/>
      <c r="GD1505" s="91"/>
      <c r="GE1505" s="91"/>
      <c r="GF1505" s="91"/>
      <c r="GG1505" s="91"/>
      <c r="GH1505" s="91"/>
      <c r="GI1505" s="91"/>
      <c r="GJ1505" s="91"/>
      <c r="GK1505" s="127"/>
      <c r="GL1505" s="126"/>
      <c r="GM1505" s="91"/>
      <c r="GN1505" s="91"/>
      <c r="GO1505" s="91"/>
      <c r="GP1505" s="91"/>
      <c r="GQ1505" s="91"/>
      <c r="GR1505" s="91"/>
      <c r="GS1505" s="91"/>
      <c r="GT1505" s="91"/>
      <c r="GU1505" s="91"/>
      <c r="GV1505" s="91"/>
      <c r="GW1505" s="91"/>
      <c r="GX1505" s="91"/>
      <c r="GY1505" s="91"/>
      <c r="GZ1505" s="91"/>
      <c r="HA1505" s="91"/>
      <c r="HB1505" s="91"/>
      <c r="HC1505" s="91"/>
      <c r="HD1505" s="91"/>
      <c r="HE1505" s="91"/>
      <c r="HF1505" s="91"/>
      <c r="HG1505" s="91"/>
      <c r="HH1505" s="91"/>
      <c r="HI1505" s="91"/>
      <c r="HJ1505" s="91"/>
      <c r="HK1505" s="127"/>
      <c r="HL1505" s="126"/>
      <c r="HM1505" s="91"/>
      <c r="HN1505" s="91"/>
      <c r="HO1505" s="91"/>
      <c r="HP1505" s="91"/>
      <c r="HQ1505" s="91"/>
      <c r="HR1505" s="91"/>
      <c r="HS1505" s="91"/>
      <c r="HT1505" s="91"/>
      <c r="HU1505" s="91"/>
      <c r="HV1505" s="91"/>
      <c r="HW1505" s="91"/>
      <c r="HX1505" s="91"/>
      <c r="HY1505" s="91"/>
      <c r="HZ1505" s="91"/>
      <c r="IA1505" s="91"/>
      <c r="IB1505" s="91"/>
      <c r="IC1505" s="91"/>
      <c r="ID1505" s="91"/>
      <c r="IE1505" s="91"/>
      <c r="IF1505" s="91"/>
      <c r="IG1505" s="91"/>
      <c r="IH1505" s="91"/>
      <c r="II1505" s="91"/>
      <c r="IJ1505" s="91"/>
      <c r="IK1505" s="127"/>
    </row>
    <row r="1506" spans="2:245" x14ac:dyDescent="0.2">
      <c r="B1506" s="43"/>
      <c r="C1506" s="73"/>
      <c r="D1506" s="64"/>
      <c r="E1506" s="64"/>
      <c r="F1506" s="55"/>
      <c r="G1506" s="102"/>
      <c r="H1506" s="55"/>
      <c r="I1506" s="55"/>
      <c r="J1506" s="55"/>
      <c r="K1506" s="55"/>
      <c r="L1506" s="55"/>
      <c r="M1506" s="55"/>
      <c r="N1506" s="55"/>
      <c r="O1506" s="55"/>
      <c r="P1506" s="55"/>
      <c r="Q1506" s="55"/>
      <c r="R1506" s="55"/>
      <c r="S1506" s="55"/>
      <c r="T1506" s="55"/>
      <c r="U1506" s="55"/>
      <c r="V1506" s="55"/>
      <c r="W1506" s="55"/>
      <c r="X1506" s="55"/>
      <c r="Y1506" s="55"/>
      <c r="Z1506" s="55"/>
      <c r="AA1506" s="55"/>
      <c r="AB1506" s="55"/>
      <c r="AC1506" s="55"/>
      <c r="AD1506" s="55"/>
      <c r="AE1506" s="55"/>
      <c r="AF1506" s="55"/>
      <c r="AG1506" s="55"/>
      <c r="AY1506" s="162"/>
      <c r="AZ1506" s="162"/>
      <c r="BA1506" s="162"/>
      <c r="BB1506" s="162"/>
      <c r="BC1506" s="162"/>
      <c r="BD1506" s="162"/>
      <c r="BE1506" s="162"/>
      <c r="BF1506" s="162"/>
      <c r="BG1506" s="162"/>
      <c r="BH1506" s="162"/>
      <c r="BI1506" s="162"/>
      <c r="BJ1506" s="162"/>
      <c r="BK1506" s="162"/>
      <c r="BL1506" s="162"/>
      <c r="BM1506" s="162"/>
      <c r="BN1506" s="162"/>
      <c r="BO1506" s="162"/>
      <c r="BP1506" s="162"/>
      <c r="BQ1506" s="162"/>
      <c r="BR1506" s="162"/>
      <c r="BS1506" s="162"/>
      <c r="BT1506" s="162"/>
      <c r="BU1506" s="162"/>
      <c r="BV1506" s="162"/>
      <c r="BW1506" s="162"/>
      <c r="BX1506" s="162"/>
      <c r="BY1506" s="162"/>
      <c r="BZ1506" s="162"/>
      <c r="CA1506" s="162"/>
      <c r="CB1506" s="162"/>
      <c r="CC1506" s="162"/>
      <c r="CD1506" s="162"/>
      <c r="CE1506" s="162"/>
      <c r="CF1506" s="162"/>
      <c r="CG1506" s="162"/>
      <c r="CH1506" s="162"/>
      <c r="CI1506" s="162"/>
      <c r="CJ1506" s="162"/>
      <c r="CK1506" s="162"/>
      <c r="CX1506" s="98"/>
      <c r="DL1506" s="97"/>
      <c r="DX1506" s="98"/>
      <c r="EL1506" s="97"/>
      <c r="EX1506" s="98"/>
      <c r="EY1506" s="97"/>
      <c r="FL1506" s="126"/>
      <c r="FM1506" s="91"/>
      <c r="FN1506" s="91"/>
      <c r="FO1506" s="91"/>
      <c r="FP1506" s="91"/>
      <c r="FQ1506" s="91"/>
      <c r="FR1506" s="91"/>
      <c r="FS1506" s="91"/>
      <c r="FT1506" s="91"/>
      <c r="FU1506" s="91"/>
      <c r="FV1506" s="91"/>
      <c r="FW1506" s="91"/>
      <c r="FX1506" s="91"/>
      <c r="FY1506" s="91"/>
      <c r="FZ1506" s="91"/>
      <c r="GA1506" s="91"/>
      <c r="GB1506" s="91"/>
      <c r="GC1506" s="91"/>
      <c r="GD1506" s="91"/>
      <c r="GE1506" s="91"/>
      <c r="GF1506" s="91"/>
      <c r="GG1506" s="91"/>
      <c r="GH1506" s="91"/>
      <c r="GI1506" s="91"/>
      <c r="GJ1506" s="91"/>
      <c r="GK1506" s="127"/>
      <c r="GL1506" s="126"/>
      <c r="GM1506" s="91"/>
      <c r="GN1506" s="91"/>
      <c r="GO1506" s="91"/>
      <c r="GP1506" s="91"/>
      <c r="GQ1506" s="91"/>
      <c r="GR1506" s="91"/>
      <c r="GS1506" s="91"/>
      <c r="GT1506" s="91"/>
      <c r="GU1506" s="91"/>
      <c r="GV1506" s="91"/>
      <c r="GW1506" s="91"/>
      <c r="GX1506" s="91"/>
      <c r="GY1506" s="91"/>
      <c r="GZ1506" s="91"/>
      <c r="HA1506" s="91"/>
      <c r="HB1506" s="91"/>
      <c r="HC1506" s="91"/>
      <c r="HD1506" s="91"/>
      <c r="HE1506" s="91"/>
      <c r="HF1506" s="91"/>
      <c r="HG1506" s="91"/>
      <c r="HH1506" s="91"/>
      <c r="HI1506" s="91"/>
      <c r="HJ1506" s="91"/>
      <c r="HK1506" s="127"/>
      <c r="HL1506" s="126"/>
      <c r="HM1506" s="91"/>
      <c r="HN1506" s="91"/>
      <c r="HO1506" s="91"/>
      <c r="HP1506" s="91"/>
      <c r="HQ1506" s="91"/>
      <c r="HR1506" s="91"/>
      <c r="HS1506" s="91"/>
      <c r="HT1506" s="91"/>
      <c r="HU1506" s="91"/>
      <c r="HV1506" s="91"/>
      <c r="HW1506" s="91"/>
      <c r="HX1506" s="91"/>
      <c r="HY1506" s="91"/>
      <c r="HZ1506" s="91"/>
      <c r="IA1506" s="91"/>
      <c r="IB1506" s="91"/>
      <c r="IC1506" s="91"/>
      <c r="ID1506" s="91"/>
      <c r="IE1506" s="91"/>
      <c r="IF1506" s="91"/>
      <c r="IG1506" s="91"/>
      <c r="IH1506" s="91"/>
      <c r="II1506" s="91"/>
      <c r="IJ1506" s="91"/>
      <c r="IK1506" s="127"/>
    </row>
    <row r="1507" spans="2:245" ht="13.5" thickBot="1" x14ac:dyDescent="0.25">
      <c r="B1507" s="43"/>
      <c r="C1507" s="73"/>
      <c r="D1507" s="64"/>
      <c r="E1507" s="64"/>
      <c r="F1507" s="55"/>
      <c r="G1507" s="102"/>
      <c r="H1507" s="55"/>
      <c r="I1507" s="55"/>
      <c r="J1507" s="55"/>
      <c r="K1507" s="55"/>
      <c r="L1507" s="55"/>
      <c r="M1507" s="55"/>
      <c r="N1507" s="55"/>
      <c r="O1507" s="55"/>
      <c r="P1507" s="55"/>
      <c r="Q1507" s="55"/>
      <c r="R1507" s="55"/>
      <c r="S1507" s="55"/>
      <c r="T1507" s="55"/>
      <c r="U1507" s="55"/>
      <c r="V1507" s="55"/>
      <c r="W1507" s="55"/>
      <c r="X1507" s="55"/>
      <c r="Y1507" s="55"/>
      <c r="Z1507" s="55"/>
      <c r="AA1507" s="55"/>
      <c r="AB1507" s="55"/>
      <c r="AC1507" s="55"/>
      <c r="AD1507" s="55"/>
      <c r="AE1507" s="55"/>
      <c r="AF1507" s="55"/>
      <c r="AG1507" s="55"/>
      <c r="AY1507" s="162"/>
      <c r="AZ1507" s="162"/>
      <c r="BA1507" s="162"/>
      <c r="BB1507" s="162"/>
      <c r="BC1507" s="162"/>
      <c r="BD1507" s="162"/>
      <c r="BE1507" s="162"/>
      <c r="BF1507" s="162"/>
      <c r="BG1507" s="162"/>
      <c r="BH1507" s="162"/>
      <c r="BI1507" s="162"/>
      <c r="BJ1507" s="162"/>
      <c r="BK1507" s="162"/>
      <c r="BL1507" s="162"/>
      <c r="BM1507" s="162"/>
      <c r="BN1507" s="162"/>
      <c r="BO1507" s="162"/>
      <c r="BP1507" s="162"/>
      <c r="BQ1507" s="162"/>
      <c r="BR1507" s="162"/>
      <c r="BS1507" s="162"/>
      <c r="BT1507" s="162"/>
      <c r="BU1507" s="162"/>
      <c r="BV1507" s="162"/>
      <c r="BW1507" s="162"/>
      <c r="BX1507" s="162"/>
      <c r="BY1507" s="162"/>
      <c r="BZ1507" s="162"/>
      <c r="CA1507" s="162"/>
      <c r="CB1507" s="162"/>
      <c r="CC1507" s="162"/>
      <c r="CD1507" s="162"/>
      <c r="CE1507" s="162"/>
      <c r="CF1507" s="162"/>
      <c r="CG1507" s="162"/>
      <c r="CH1507" s="162"/>
      <c r="CI1507" s="162"/>
      <c r="CJ1507" s="162"/>
      <c r="CK1507" s="162"/>
      <c r="CL1507" s="166"/>
      <c r="CM1507" s="166"/>
      <c r="CN1507" s="166"/>
      <c r="CO1507" s="166"/>
      <c r="CP1507" s="166"/>
      <c r="CQ1507" s="166"/>
      <c r="CR1507" s="166"/>
      <c r="CS1507" s="166"/>
      <c r="CT1507" s="166"/>
      <c r="CU1507" s="166"/>
      <c r="CV1507" s="166"/>
      <c r="CW1507" s="166"/>
      <c r="CX1507" s="176"/>
      <c r="CY1507" s="166"/>
      <c r="CZ1507" s="166"/>
      <c r="DA1507" s="166"/>
      <c r="DB1507" s="166"/>
      <c r="DC1507" s="166"/>
      <c r="DD1507" s="166"/>
      <c r="DE1507" s="166"/>
      <c r="DF1507" s="166"/>
      <c r="DG1507" s="166"/>
      <c r="DH1507" s="166"/>
      <c r="DI1507" s="166"/>
      <c r="DJ1507" s="166"/>
      <c r="DK1507" s="166"/>
      <c r="DL1507" s="175"/>
      <c r="DM1507" s="166"/>
      <c r="DN1507" s="166"/>
      <c r="DO1507" s="166"/>
      <c r="DP1507" s="166"/>
      <c r="DQ1507" s="166"/>
      <c r="DR1507" s="166"/>
      <c r="DS1507" s="166"/>
      <c r="DT1507" s="166"/>
      <c r="DU1507" s="166"/>
      <c r="DV1507" s="166"/>
      <c r="DW1507" s="166"/>
      <c r="DX1507" s="176"/>
      <c r="DY1507" s="166"/>
      <c r="DZ1507" s="166"/>
      <c r="EA1507" s="166"/>
      <c r="EB1507" s="166"/>
      <c r="EC1507" s="166"/>
      <c r="ED1507" s="166"/>
      <c r="EE1507" s="166"/>
      <c r="EF1507" s="166"/>
      <c r="EG1507" s="166"/>
      <c r="EH1507" s="166"/>
      <c r="EI1507" s="166"/>
      <c r="EJ1507" s="166"/>
      <c r="EK1507" s="166"/>
      <c r="EL1507" s="175"/>
      <c r="EM1507" s="166"/>
      <c r="EN1507" s="166"/>
      <c r="EO1507" s="166"/>
      <c r="EP1507" s="166"/>
      <c r="EQ1507" s="166"/>
      <c r="ER1507" s="166"/>
      <c r="ES1507" s="166"/>
      <c r="ET1507" s="166"/>
      <c r="EU1507" s="166"/>
      <c r="EV1507" s="166"/>
      <c r="EW1507" s="166"/>
      <c r="EX1507" s="176"/>
      <c r="EY1507" s="175"/>
      <c r="EZ1507" s="166"/>
      <c r="FA1507" s="166"/>
      <c r="FB1507" s="166"/>
      <c r="FC1507" s="166"/>
      <c r="FD1507" s="166"/>
      <c r="FE1507" s="166"/>
      <c r="FF1507" s="166"/>
      <c r="FG1507" s="166"/>
      <c r="FH1507" s="166"/>
      <c r="FI1507" s="166"/>
      <c r="FJ1507" s="166"/>
      <c r="FK1507" s="166"/>
      <c r="FL1507" s="126"/>
      <c r="FM1507" s="91"/>
      <c r="FN1507" s="91"/>
      <c r="FO1507" s="91"/>
      <c r="FP1507" s="91"/>
      <c r="FQ1507" s="91"/>
      <c r="FR1507" s="91"/>
      <c r="FS1507" s="91"/>
      <c r="FT1507" s="91"/>
      <c r="FU1507" s="91"/>
      <c r="FV1507" s="91"/>
      <c r="FW1507" s="91"/>
      <c r="FX1507" s="91"/>
      <c r="FY1507" s="91"/>
      <c r="FZ1507" s="91"/>
      <c r="GA1507" s="91"/>
      <c r="GB1507" s="91"/>
      <c r="GC1507" s="91"/>
      <c r="GD1507" s="91"/>
      <c r="GE1507" s="91"/>
      <c r="GF1507" s="91"/>
      <c r="GG1507" s="91"/>
      <c r="GH1507" s="91"/>
      <c r="GI1507" s="91"/>
      <c r="GJ1507" s="91"/>
      <c r="GK1507" s="127"/>
      <c r="GL1507" s="126"/>
      <c r="GM1507" s="91"/>
      <c r="GN1507" s="91"/>
      <c r="GO1507" s="91"/>
      <c r="GP1507" s="91"/>
      <c r="GQ1507" s="91"/>
      <c r="GR1507" s="91"/>
      <c r="GS1507" s="91"/>
      <c r="GT1507" s="91"/>
      <c r="GU1507" s="91"/>
      <c r="GV1507" s="91"/>
      <c r="GW1507" s="91"/>
      <c r="GX1507" s="91"/>
      <c r="GY1507" s="91"/>
      <c r="GZ1507" s="91"/>
      <c r="HA1507" s="91"/>
      <c r="HB1507" s="91"/>
      <c r="HC1507" s="91"/>
      <c r="HD1507" s="91"/>
      <c r="HE1507" s="91"/>
      <c r="HF1507" s="91"/>
      <c r="HG1507" s="91"/>
      <c r="HH1507" s="91"/>
      <c r="HI1507" s="91"/>
      <c r="HJ1507" s="91"/>
      <c r="HK1507" s="127"/>
      <c r="HL1507" s="126"/>
      <c r="HM1507" s="91"/>
      <c r="HN1507" s="91"/>
      <c r="HO1507" s="91"/>
      <c r="HP1507" s="91"/>
      <c r="HQ1507" s="91"/>
      <c r="HR1507" s="91"/>
      <c r="HS1507" s="91"/>
      <c r="HT1507" s="91"/>
      <c r="HU1507" s="91"/>
      <c r="HV1507" s="91"/>
      <c r="HW1507" s="91"/>
      <c r="HX1507" s="91"/>
      <c r="HY1507" s="91"/>
      <c r="HZ1507" s="91"/>
      <c r="IA1507" s="91"/>
      <c r="IB1507" s="91"/>
      <c r="IC1507" s="91"/>
      <c r="ID1507" s="91"/>
      <c r="IE1507" s="91"/>
      <c r="IF1507" s="91"/>
      <c r="IG1507" s="91"/>
      <c r="IH1507" s="91"/>
      <c r="II1507" s="91"/>
      <c r="IJ1507" s="91"/>
      <c r="IK1507" s="127"/>
    </row>
    <row r="1508" spans="2:245" x14ac:dyDescent="0.2">
      <c r="B1508" s="43"/>
      <c r="C1508" s="73"/>
      <c r="D1508" s="64"/>
      <c r="E1508" s="64"/>
      <c r="F1508" s="55"/>
      <c r="G1508" s="102"/>
      <c r="H1508" s="55"/>
      <c r="I1508" s="55"/>
      <c r="J1508" s="55"/>
      <c r="K1508" s="55"/>
      <c r="L1508" s="55"/>
      <c r="M1508" s="55"/>
      <c r="N1508" s="55"/>
      <c r="O1508" s="55"/>
      <c r="P1508" s="55"/>
      <c r="Q1508" s="55"/>
      <c r="R1508" s="55"/>
      <c r="S1508" s="55"/>
      <c r="T1508" s="55"/>
      <c r="U1508" s="55"/>
      <c r="V1508" s="55"/>
      <c r="W1508" s="55"/>
      <c r="X1508" s="55"/>
      <c r="Y1508" s="55"/>
      <c r="Z1508" s="55"/>
      <c r="AA1508" s="55"/>
      <c r="AB1508" s="55"/>
      <c r="AC1508" s="55"/>
      <c r="AD1508" s="55"/>
      <c r="AE1508" s="55"/>
      <c r="AF1508" s="55"/>
      <c r="AG1508" s="55"/>
      <c r="AY1508" s="162"/>
      <c r="AZ1508" s="162"/>
      <c r="BA1508" s="162"/>
      <c r="BB1508" s="162"/>
      <c r="BC1508" s="162"/>
      <c r="BD1508" s="162"/>
      <c r="BE1508" s="162"/>
      <c r="BF1508" s="162"/>
      <c r="BG1508" s="162"/>
      <c r="BH1508" s="162"/>
      <c r="BI1508" s="162"/>
      <c r="BJ1508" s="162"/>
      <c r="BK1508" s="162"/>
      <c r="BL1508" s="162"/>
      <c r="BM1508" s="162"/>
      <c r="BN1508" s="162"/>
      <c r="BO1508" s="162"/>
      <c r="BP1508" s="162"/>
      <c r="BQ1508" s="162"/>
      <c r="BR1508" s="162"/>
      <c r="BS1508" s="162"/>
      <c r="BT1508" s="162"/>
      <c r="BU1508" s="162"/>
      <c r="BV1508" s="162"/>
      <c r="BW1508" s="162"/>
      <c r="BX1508" s="162"/>
      <c r="BY1508" s="162"/>
      <c r="BZ1508" s="162"/>
      <c r="CA1508" s="162"/>
      <c r="CB1508" s="162"/>
      <c r="CC1508" s="162"/>
      <c r="CD1508" s="162"/>
      <c r="CE1508" s="162"/>
      <c r="CF1508" s="162"/>
      <c r="CG1508" s="162"/>
      <c r="CH1508" s="162"/>
      <c r="CI1508" s="162"/>
      <c r="CJ1508" s="162"/>
      <c r="CK1508" s="162"/>
      <c r="CX1508" s="98"/>
      <c r="DL1508" s="97"/>
      <c r="DX1508" s="98"/>
      <c r="EL1508" s="97"/>
      <c r="EX1508" s="98"/>
      <c r="EY1508" s="97"/>
      <c r="FL1508" s="126"/>
      <c r="FM1508" s="91"/>
      <c r="FN1508" s="91"/>
      <c r="FO1508" s="91"/>
      <c r="FP1508" s="91"/>
      <c r="FQ1508" s="91"/>
      <c r="FR1508" s="91"/>
      <c r="FS1508" s="91"/>
      <c r="FT1508" s="91"/>
      <c r="FU1508" s="91"/>
      <c r="FV1508" s="91"/>
      <c r="FW1508" s="91"/>
      <c r="FX1508" s="91"/>
      <c r="FY1508" s="91"/>
      <c r="FZ1508" s="91"/>
      <c r="GA1508" s="91"/>
      <c r="GB1508" s="91"/>
      <c r="GC1508" s="91"/>
      <c r="GD1508" s="91"/>
      <c r="GE1508" s="91"/>
      <c r="GF1508" s="91"/>
      <c r="GG1508" s="91"/>
      <c r="GH1508" s="91"/>
      <c r="GI1508" s="91"/>
      <c r="GJ1508" s="91"/>
      <c r="GK1508" s="127"/>
      <c r="GL1508" s="126"/>
      <c r="GM1508" s="91"/>
      <c r="GN1508" s="91"/>
      <c r="GO1508" s="91"/>
      <c r="GP1508" s="91"/>
      <c r="GQ1508" s="91"/>
      <c r="GR1508" s="91"/>
      <c r="GS1508" s="91"/>
      <c r="GT1508" s="91"/>
      <c r="GU1508" s="91"/>
      <c r="GV1508" s="91"/>
      <c r="GW1508" s="91"/>
      <c r="GX1508" s="91"/>
      <c r="GY1508" s="91"/>
      <c r="GZ1508" s="91"/>
      <c r="HA1508" s="91"/>
      <c r="HB1508" s="91"/>
      <c r="HC1508" s="91"/>
      <c r="HD1508" s="91"/>
      <c r="HE1508" s="91"/>
      <c r="HF1508" s="91"/>
      <c r="HG1508" s="91"/>
      <c r="HH1508" s="91"/>
      <c r="HI1508" s="91"/>
      <c r="HJ1508" s="91"/>
      <c r="HK1508" s="127"/>
      <c r="HL1508" s="126"/>
      <c r="HM1508" s="91"/>
      <c r="HN1508" s="91"/>
      <c r="HO1508" s="91"/>
      <c r="HP1508" s="91"/>
      <c r="HQ1508" s="91"/>
      <c r="HR1508" s="91"/>
      <c r="HS1508" s="91"/>
      <c r="HT1508" s="91"/>
      <c r="HU1508" s="91"/>
      <c r="HV1508" s="91"/>
      <c r="HW1508" s="91"/>
      <c r="HX1508" s="91"/>
      <c r="HY1508" s="91"/>
      <c r="HZ1508" s="91"/>
      <c r="IA1508" s="91"/>
      <c r="IB1508" s="91"/>
      <c r="IC1508" s="91"/>
      <c r="ID1508" s="91"/>
      <c r="IE1508" s="91"/>
      <c r="IF1508" s="91"/>
      <c r="IG1508" s="91"/>
      <c r="IH1508" s="91"/>
      <c r="II1508" s="91"/>
      <c r="IJ1508" s="91"/>
      <c r="IK1508" s="127"/>
    </row>
    <row r="1509" spans="2:245" x14ac:dyDescent="0.2">
      <c r="B1509" s="43"/>
      <c r="C1509" s="73"/>
      <c r="D1509" s="64"/>
      <c r="E1509" s="64"/>
      <c r="F1509" s="55"/>
      <c r="G1509" s="102"/>
      <c r="H1509" s="55"/>
      <c r="I1509" s="55"/>
      <c r="J1509" s="55"/>
      <c r="K1509" s="55"/>
      <c r="L1509" s="55"/>
      <c r="M1509" s="55"/>
      <c r="N1509" s="55"/>
      <c r="O1509" s="55"/>
      <c r="P1509" s="55"/>
      <c r="Q1509" s="55"/>
      <c r="R1509" s="55"/>
      <c r="S1509" s="55"/>
      <c r="T1509" s="55"/>
      <c r="U1509" s="55"/>
      <c r="V1509" s="55"/>
      <c r="W1509" s="55"/>
      <c r="X1509" s="55"/>
      <c r="Y1509" s="55"/>
      <c r="Z1509" s="55"/>
      <c r="AA1509" s="55"/>
      <c r="AB1509" s="55"/>
      <c r="AC1509" s="55"/>
      <c r="AD1509" s="55"/>
      <c r="AE1509" s="55"/>
      <c r="AF1509" s="55"/>
      <c r="AG1509" s="55"/>
      <c r="AY1509" s="162"/>
      <c r="AZ1509" s="162"/>
      <c r="BA1509" s="162"/>
      <c r="BB1509" s="162"/>
      <c r="BC1509" s="162"/>
      <c r="BD1509" s="162"/>
      <c r="BE1509" s="162"/>
      <c r="BF1509" s="162"/>
      <c r="BG1509" s="162"/>
      <c r="BH1509" s="162"/>
      <c r="BI1509" s="162"/>
      <c r="BJ1509" s="162"/>
      <c r="BK1509" s="162"/>
      <c r="BL1509" s="162"/>
      <c r="BM1509" s="162"/>
      <c r="BN1509" s="162"/>
      <c r="BO1509" s="162"/>
      <c r="BP1509" s="162"/>
      <c r="BQ1509" s="162"/>
      <c r="BR1509" s="162"/>
      <c r="BS1509" s="162"/>
      <c r="BT1509" s="162"/>
      <c r="BU1509" s="162"/>
      <c r="BV1509" s="162"/>
      <c r="BW1509" s="162"/>
      <c r="BX1509" s="162"/>
      <c r="BY1509" s="162"/>
      <c r="BZ1509" s="162"/>
      <c r="CA1509" s="162"/>
      <c r="CB1509" s="162"/>
      <c r="CC1509" s="162"/>
      <c r="CD1509" s="162"/>
      <c r="CE1509" s="162"/>
      <c r="CF1509" s="162"/>
      <c r="CG1509" s="162"/>
      <c r="CH1509" s="162"/>
      <c r="CI1509" s="162"/>
      <c r="CJ1509" s="162"/>
      <c r="CK1509" s="162"/>
      <c r="CX1509" s="98"/>
      <c r="DL1509" s="97"/>
      <c r="DX1509" s="98"/>
      <c r="EL1509" s="97"/>
      <c r="EX1509" s="98"/>
      <c r="EY1509" s="97"/>
      <c r="FL1509" s="126"/>
      <c r="FM1509" s="91"/>
      <c r="FN1509" s="91"/>
      <c r="FO1509" s="91"/>
      <c r="FP1509" s="91"/>
      <c r="FQ1509" s="91"/>
      <c r="FR1509" s="91"/>
      <c r="FS1509" s="91"/>
      <c r="FT1509" s="91"/>
      <c r="FU1509" s="91"/>
      <c r="FV1509" s="91"/>
      <c r="FW1509" s="91"/>
      <c r="FX1509" s="91"/>
      <c r="FY1509" s="91"/>
      <c r="FZ1509" s="91"/>
      <c r="GA1509" s="91"/>
      <c r="GB1509" s="91"/>
      <c r="GC1509" s="91"/>
      <c r="GD1509" s="91"/>
      <c r="GE1509" s="91"/>
      <c r="GF1509" s="91"/>
      <c r="GG1509" s="91"/>
      <c r="GH1509" s="91"/>
      <c r="GI1509" s="91"/>
      <c r="GJ1509" s="91"/>
      <c r="GK1509" s="127"/>
      <c r="GL1509" s="126"/>
      <c r="GM1509" s="91"/>
      <c r="GN1509" s="91"/>
      <c r="GO1509" s="91"/>
      <c r="GP1509" s="91"/>
      <c r="GQ1509" s="91"/>
      <c r="GR1509" s="91"/>
      <c r="GS1509" s="91"/>
      <c r="GT1509" s="91"/>
      <c r="GU1509" s="91"/>
      <c r="GV1509" s="91"/>
      <c r="GW1509" s="91"/>
      <c r="GX1509" s="91"/>
      <c r="GY1509" s="91"/>
      <c r="GZ1509" s="91"/>
      <c r="HA1509" s="91"/>
      <c r="HB1509" s="91"/>
      <c r="HC1509" s="91"/>
      <c r="HD1509" s="91"/>
      <c r="HE1509" s="91"/>
      <c r="HF1509" s="91"/>
      <c r="HG1509" s="91"/>
      <c r="HH1509" s="91"/>
      <c r="HI1509" s="91"/>
      <c r="HJ1509" s="91"/>
      <c r="HK1509" s="127"/>
      <c r="HL1509" s="126"/>
      <c r="HM1509" s="91"/>
      <c r="HN1509" s="91"/>
      <c r="HO1509" s="91"/>
      <c r="HP1509" s="91"/>
      <c r="HQ1509" s="91"/>
      <c r="HR1509" s="91"/>
      <c r="HS1509" s="91"/>
      <c r="HT1509" s="91"/>
      <c r="HU1509" s="91"/>
      <c r="HV1509" s="91"/>
      <c r="HW1509" s="91"/>
      <c r="HX1509" s="91"/>
      <c r="HY1509" s="91"/>
      <c r="HZ1509" s="91"/>
      <c r="IA1509" s="91"/>
      <c r="IB1509" s="91"/>
      <c r="IC1509" s="91"/>
      <c r="ID1509" s="91"/>
      <c r="IE1509" s="91"/>
      <c r="IF1509" s="91"/>
      <c r="IG1509" s="91"/>
      <c r="IH1509" s="91"/>
      <c r="II1509" s="91"/>
      <c r="IJ1509" s="91"/>
      <c r="IK1509" s="127"/>
    </row>
    <row r="1510" spans="2:245" x14ac:dyDescent="0.2">
      <c r="B1510" s="43"/>
      <c r="C1510" s="73"/>
      <c r="D1510" s="64"/>
      <c r="E1510" s="64"/>
      <c r="F1510" s="55"/>
      <c r="G1510" s="102"/>
      <c r="H1510" s="55"/>
      <c r="I1510" s="55"/>
      <c r="J1510" s="55"/>
      <c r="K1510" s="55"/>
      <c r="L1510" s="55"/>
      <c r="M1510" s="55"/>
      <c r="N1510" s="55"/>
      <c r="O1510" s="55"/>
      <c r="P1510" s="55"/>
      <c r="Q1510" s="55"/>
      <c r="R1510" s="55"/>
      <c r="S1510" s="55"/>
      <c r="T1510" s="55"/>
      <c r="U1510" s="55"/>
      <c r="V1510" s="55"/>
      <c r="W1510" s="55"/>
      <c r="X1510" s="55"/>
      <c r="Y1510" s="55"/>
      <c r="Z1510" s="55"/>
      <c r="AA1510" s="55"/>
      <c r="AB1510" s="55"/>
      <c r="AC1510" s="55"/>
      <c r="AD1510" s="55"/>
      <c r="AE1510" s="55"/>
      <c r="AF1510" s="55"/>
      <c r="AG1510" s="55"/>
      <c r="AY1510" s="162"/>
      <c r="AZ1510" s="162"/>
      <c r="BA1510" s="162"/>
      <c r="BB1510" s="162"/>
      <c r="BC1510" s="162"/>
      <c r="BD1510" s="162"/>
      <c r="BE1510" s="162"/>
      <c r="BF1510" s="162"/>
      <c r="BG1510" s="162"/>
      <c r="BH1510" s="162"/>
      <c r="BI1510" s="162"/>
      <c r="BJ1510" s="162"/>
      <c r="BK1510" s="162"/>
      <c r="BL1510" s="162"/>
      <c r="BM1510" s="162"/>
      <c r="BN1510" s="162"/>
      <c r="BO1510" s="162"/>
      <c r="BP1510" s="162"/>
      <c r="BQ1510" s="162"/>
      <c r="BR1510" s="162"/>
      <c r="BS1510" s="162"/>
      <c r="BT1510" s="162"/>
      <c r="BU1510" s="162"/>
      <c r="BV1510" s="162"/>
      <c r="BW1510" s="162"/>
      <c r="BX1510" s="162"/>
      <c r="BY1510" s="162"/>
      <c r="BZ1510" s="162"/>
      <c r="CA1510" s="162"/>
      <c r="CB1510" s="162"/>
      <c r="CC1510" s="162"/>
      <c r="CD1510" s="162"/>
      <c r="CE1510" s="162"/>
      <c r="CF1510" s="162"/>
      <c r="CG1510" s="162"/>
      <c r="CH1510" s="162"/>
      <c r="CI1510" s="162"/>
      <c r="CJ1510" s="162"/>
      <c r="CK1510" s="162"/>
      <c r="CX1510" s="98"/>
      <c r="DL1510" s="97"/>
      <c r="DX1510" s="98"/>
      <c r="EL1510" s="97"/>
      <c r="EX1510" s="98"/>
      <c r="EY1510" s="97"/>
      <c r="FL1510" s="126"/>
      <c r="FM1510" s="91"/>
      <c r="FN1510" s="91"/>
      <c r="FO1510" s="91"/>
      <c r="FP1510" s="91"/>
      <c r="FQ1510" s="91"/>
      <c r="FR1510" s="91"/>
      <c r="FS1510" s="91"/>
      <c r="FT1510" s="91"/>
      <c r="FU1510" s="91"/>
      <c r="FV1510" s="91"/>
      <c r="FW1510" s="91"/>
      <c r="FX1510" s="91"/>
      <c r="FY1510" s="91"/>
      <c r="FZ1510" s="91"/>
      <c r="GA1510" s="91"/>
      <c r="GB1510" s="91"/>
      <c r="GC1510" s="91"/>
      <c r="GD1510" s="91"/>
      <c r="GE1510" s="91"/>
      <c r="GF1510" s="91"/>
      <c r="GG1510" s="91"/>
      <c r="GH1510" s="91"/>
      <c r="GI1510" s="91"/>
      <c r="GJ1510" s="91"/>
      <c r="GK1510" s="127"/>
      <c r="GL1510" s="126"/>
      <c r="GM1510" s="91"/>
      <c r="GN1510" s="91"/>
      <c r="GO1510" s="91"/>
      <c r="GP1510" s="91"/>
      <c r="GQ1510" s="91"/>
      <c r="GR1510" s="91"/>
      <c r="GS1510" s="91"/>
      <c r="GT1510" s="91"/>
      <c r="GU1510" s="91"/>
      <c r="GV1510" s="91"/>
      <c r="GW1510" s="91"/>
      <c r="GX1510" s="91"/>
      <c r="GY1510" s="91"/>
      <c r="GZ1510" s="91"/>
      <c r="HA1510" s="91"/>
      <c r="HB1510" s="91"/>
      <c r="HC1510" s="91"/>
      <c r="HD1510" s="91"/>
      <c r="HE1510" s="91"/>
      <c r="HF1510" s="91"/>
      <c r="HG1510" s="91"/>
      <c r="HH1510" s="91"/>
      <c r="HI1510" s="91"/>
      <c r="HJ1510" s="91"/>
      <c r="HK1510" s="127"/>
      <c r="HL1510" s="126"/>
      <c r="HM1510" s="91"/>
      <c r="HN1510" s="91"/>
      <c r="HO1510" s="91"/>
      <c r="HP1510" s="91"/>
      <c r="HQ1510" s="91"/>
      <c r="HR1510" s="91"/>
      <c r="HS1510" s="91"/>
      <c r="HT1510" s="91"/>
      <c r="HU1510" s="91"/>
      <c r="HV1510" s="91"/>
      <c r="HW1510" s="91"/>
      <c r="HX1510" s="91"/>
      <c r="HY1510" s="91"/>
      <c r="HZ1510" s="91"/>
      <c r="IA1510" s="91"/>
      <c r="IB1510" s="91"/>
      <c r="IC1510" s="91"/>
      <c r="ID1510" s="91"/>
      <c r="IE1510" s="91"/>
      <c r="IF1510" s="91"/>
      <c r="IG1510" s="91"/>
      <c r="IH1510" s="91"/>
      <c r="II1510" s="91"/>
      <c r="IJ1510" s="91"/>
      <c r="IK1510" s="127"/>
    </row>
    <row r="1511" spans="2:245" x14ac:dyDescent="0.2">
      <c r="B1511" s="43"/>
      <c r="C1511" s="73"/>
      <c r="D1511" s="64"/>
      <c r="E1511" s="64"/>
      <c r="F1511" s="55"/>
      <c r="G1511" s="102"/>
      <c r="H1511" s="55"/>
      <c r="I1511" s="55"/>
      <c r="J1511" s="55"/>
      <c r="K1511" s="55"/>
      <c r="L1511" s="55"/>
      <c r="M1511" s="55"/>
      <c r="N1511" s="55"/>
      <c r="O1511" s="55"/>
      <c r="P1511" s="55"/>
      <c r="Q1511" s="55"/>
      <c r="R1511" s="55"/>
      <c r="S1511" s="55"/>
      <c r="T1511" s="55"/>
      <c r="U1511" s="55"/>
      <c r="V1511" s="55"/>
      <c r="W1511" s="55"/>
      <c r="X1511" s="55"/>
      <c r="Y1511" s="55"/>
      <c r="Z1511" s="55"/>
      <c r="AA1511" s="55"/>
      <c r="AB1511" s="55"/>
      <c r="AC1511" s="55"/>
      <c r="AD1511" s="55"/>
      <c r="AE1511" s="55"/>
      <c r="AF1511" s="55"/>
      <c r="AG1511" s="55"/>
      <c r="AY1511" s="162"/>
      <c r="AZ1511" s="162"/>
      <c r="BA1511" s="162"/>
      <c r="BB1511" s="162"/>
      <c r="BC1511" s="162"/>
      <c r="BD1511" s="162"/>
      <c r="BE1511" s="162"/>
      <c r="BF1511" s="162"/>
      <c r="BG1511" s="162"/>
      <c r="BH1511" s="162"/>
      <c r="BI1511" s="162"/>
      <c r="BJ1511" s="162"/>
      <c r="BK1511" s="162"/>
      <c r="BL1511" s="162"/>
      <c r="BM1511" s="162"/>
      <c r="BN1511" s="162"/>
      <c r="BO1511" s="162"/>
      <c r="BP1511" s="162"/>
      <c r="BQ1511" s="162"/>
      <c r="BR1511" s="162"/>
      <c r="BS1511" s="162"/>
      <c r="BT1511" s="162"/>
      <c r="BU1511" s="162"/>
      <c r="BV1511" s="162"/>
      <c r="BW1511" s="162"/>
      <c r="BX1511" s="162"/>
      <c r="BY1511" s="162"/>
      <c r="BZ1511" s="162"/>
      <c r="CA1511" s="162"/>
      <c r="CB1511" s="162"/>
      <c r="CC1511" s="162"/>
      <c r="CD1511" s="162"/>
      <c r="CE1511" s="162"/>
      <c r="CF1511" s="162"/>
      <c r="CG1511" s="162"/>
      <c r="CH1511" s="162"/>
      <c r="CI1511" s="162"/>
      <c r="CJ1511" s="162"/>
      <c r="CK1511" s="162"/>
      <c r="CX1511" s="98"/>
      <c r="DL1511" s="97"/>
      <c r="DX1511" s="98"/>
      <c r="EL1511" s="97"/>
      <c r="EX1511" s="98"/>
      <c r="EY1511" s="97"/>
      <c r="FL1511" s="126"/>
      <c r="FM1511" s="91"/>
      <c r="FN1511" s="91"/>
      <c r="FO1511" s="91"/>
      <c r="FP1511" s="91"/>
      <c r="FQ1511" s="91"/>
      <c r="FR1511" s="91"/>
      <c r="FS1511" s="91"/>
      <c r="FT1511" s="91"/>
      <c r="FU1511" s="91"/>
      <c r="FV1511" s="91"/>
      <c r="FW1511" s="91"/>
      <c r="FX1511" s="91"/>
      <c r="FY1511" s="91"/>
      <c r="FZ1511" s="91"/>
      <c r="GA1511" s="91"/>
      <c r="GB1511" s="91"/>
      <c r="GC1511" s="91"/>
      <c r="GD1511" s="91"/>
      <c r="GE1511" s="91"/>
      <c r="GF1511" s="91"/>
      <c r="GG1511" s="91"/>
      <c r="GH1511" s="91"/>
      <c r="GI1511" s="91"/>
      <c r="GJ1511" s="91"/>
      <c r="GK1511" s="127"/>
      <c r="GL1511" s="126"/>
      <c r="GM1511" s="91"/>
      <c r="GN1511" s="91"/>
      <c r="GO1511" s="91"/>
      <c r="GP1511" s="91"/>
      <c r="GQ1511" s="91"/>
      <c r="GR1511" s="91"/>
      <c r="GS1511" s="91"/>
      <c r="GT1511" s="91"/>
      <c r="GU1511" s="91"/>
      <c r="GV1511" s="91"/>
      <c r="GW1511" s="91"/>
      <c r="GX1511" s="91"/>
      <c r="GY1511" s="91"/>
      <c r="GZ1511" s="91"/>
      <c r="HA1511" s="91"/>
      <c r="HB1511" s="91"/>
      <c r="HC1511" s="91"/>
      <c r="HD1511" s="91"/>
      <c r="HE1511" s="91"/>
      <c r="HF1511" s="91"/>
      <c r="HG1511" s="91"/>
      <c r="HH1511" s="91"/>
      <c r="HI1511" s="91"/>
      <c r="HJ1511" s="91"/>
      <c r="HK1511" s="127"/>
      <c r="HL1511" s="126"/>
      <c r="HM1511" s="91"/>
      <c r="HN1511" s="91"/>
      <c r="HO1511" s="91"/>
      <c r="HP1511" s="91"/>
      <c r="HQ1511" s="91"/>
      <c r="HR1511" s="91"/>
      <c r="HS1511" s="91"/>
      <c r="HT1511" s="91"/>
      <c r="HU1511" s="91"/>
      <c r="HV1511" s="91"/>
      <c r="HW1511" s="91"/>
      <c r="HX1511" s="91"/>
      <c r="HY1511" s="91"/>
      <c r="HZ1511" s="91"/>
      <c r="IA1511" s="91"/>
      <c r="IB1511" s="91"/>
      <c r="IC1511" s="91"/>
      <c r="ID1511" s="91"/>
      <c r="IE1511" s="91"/>
      <c r="IF1511" s="91"/>
      <c r="IG1511" s="91"/>
      <c r="IH1511" s="91"/>
      <c r="II1511" s="91"/>
      <c r="IJ1511" s="91"/>
      <c r="IK1511" s="127"/>
    </row>
    <row r="1512" spans="2:245" x14ac:dyDescent="0.2">
      <c r="B1512" s="43"/>
      <c r="C1512" s="73"/>
      <c r="D1512" s="64"/>
      <c r="E1512" s="64"/>
      <c r="F1512" s="55"/>
      <c r="G1512" s="102"/>
      <c r="H1512" s="55"/>
      <c r="I1512" s="55"/>
      <c r="J1512" s="55"/>
      <c r="K1512" s="55"/>
      <c r="L1512" s="55"/>
      <c r="M1512" s="55"/>
      <c r="N1512" s="55"/>
      <c r="O1512" s="55"/>
      <c r="P1512" s="55"/>
      <c r="Q1512" s="55"/>
      <c r="R1512" s="55"/>
      <c r="S1512" s="55"/>
      <c r="T1512" s="55"/>
      <c r="U1512" s="55"/>
      <c r="V1512" s="55"/>
      <c r="W1512" s="55"/>
      <c r="X1512" s="55"/>
      <c r="Y1512" s="55"/>
      <c r="Z1512" s="55"/>
      <c r="AA1512" s="55"/>
      <c r="AB1512" s="55"/>
      <c r="AC1512" s="55"/>
      <c r="AD1512" s="55"/>
      <c r="AE1512" s="55"/>
      <c r="AF1512" s="55"/>
      <c r="AG1512" s="55"/>
      <c r="AY1512" s="162"/>
      <c r="AZ1512" s="162"/>
      <c r="BA1512" s="162"/>
      <c r="BB1512" s="162"/>
      <c r="BC1512" s="162"/>
      <c r="BD1512" s="162"/>
      <c r="BE1512" s="162"/>
      <c r="BF1512" s="162"/>
      <c r="BG1512" s="162"/>
      <c r="BH1512" s="162"/>
      <c r="BI1512" s="162"/>
      <c r="BJ1512" s="162"/>
      <c r="BK1512" s="162"/>
      <c r="BL1512" s="162"/>
      <c r="BM1512" s="162"/>
      <c r="BN1512" s="162"/>
      <c r="BO1512" s="162"/>
      <c r="BP1512" s="162"/>
      <c r="BQ1512" s="162"/>
      <c r="BR1512" s="162"/>
      <c r="BS1512" s="162"/>
      <c r="BT1512" s="162"/>
      <c r="BU1512" s="162"/>
      <c r="BV1512" s="162"/>
      <c r="BW1512" s="162"/>
      <c r="BX1512" s="162"/>
      <c r="BY1512" s="162"/>
      <c r="BZ1512" s="162"/>
      <c r="CA1512" s="162"/>
      <c r="CB1512" s="162"/>
      <c r="CC1512" s="162"/>
      <c r="CD1512" s="162"/>
      <c r="CE1512" s="162"/>
      <c r="CF1512" s="162"/>
      <c r="CG1512" s="162"/>
      <c r="CH1512" s="162"/>
      <c r="CI1512" s="162"/>
      <c r="CJ1512" s="162"/>
      <c r="CK1512" s="162"/>
      <c r="CX1512" s="98"/>
      <c r="DL1512" s="97"/>
      <c r="DX1512" s="98"/>
      <c r="EL1512" s="97"/>
      <c r="EX1512" s="98"/>
      <c r="EY1512" s="97"/>
      <c r="FL1512" s="126"/>
      <c r="FM1512" s="91"/>
      <c r="FN1512" s="91"/>
      <c r="FO1512" s="91"/>
      <c r="FP1512" s="91"/>
      <c r="FQ1512" s="91"/>
      <c r="FR1512" s="91"/>
      <c r="FS1512" s="91"/>
      <c r="FT1512" s="91"/>
      <c r="FU1512" s="91"/>
      <c r="FV1512" s="91"/>
      <c r="FW1512" s="91"/>
      <c r="FX1512" s="91"/>
      <c r="FY1512" s="91"/>
      <c r="FZ1512" s="91"/>
      <c r="GA1512" s="91"/>
      <c r="GB1512" s="91"/>
      <c r="GC1512" s="91"/>
      <c r="GD1512" s="91"/>
      <c r="GE1512" s="91"/>
      <c r="GF1512" s="91"/>
      <c r="GG1512" s="91"/>
      <c r="GH1512" s="91"/>
      <c r="GI1512" s="91"/>
      <c r="GJ1512" s="91"/>
      <c r="GK1512" s="127"/>
      <c r="GL1512" s="126"/>
      <c r="GM1512" s="91"/>
      <c r="GN1512" s="91"/>
      <c r="GO1512" s="91"/>
      <c r="GP1512" s="91"/>
      <c r="GQ1512" s="91"/>
      <c r="GR1512" s="91"/>
      <c r="GS1512" s="91"/>
      <c r="GT1512" s="91"/>
      <c r="GU1512" s="91"/>
      <c r="GV1512" s="91"/>
      <c r="GW1512" s="91"/>
      <c r="GX1512" s="91"/>
      <c r="GY1512" s="91"/>
      <c r="GZ1512" s="91"/>
      <c r="HA1512" s="91"/>
      <c r="HB1512" s="91"/>
      <c r="HC1512" s="91"/>
      <c r="HD1512" s="91"/>
      <c r="HE1512" s="91"/>
      <c r="HF1512" s="91"/>
      <c r="HG1512" s="91"/>
      <c r="HH1512" s="91"/>
      <c r="HI1512" s="91"/>
      <c r="HJ1512" s="91"/>
      <c r="HK1512" s="127"/>
      <c r="HL1512" s="126"/>
      <c r="HM1512" s="91"/>
      <c r="HN1512" s="91"/>
      <c r="HO1512" s="91"/>
      <c r="HP1512" s="91"/>
      <c r="HQ1512" s="91"/>
      <c r="HR1512" s="91"/>
      <c r="HS1512" s="91"/>
      <c r="HT1512" s="91"/>
      <c r="HU1512" s="91"/>
      <c r="HV1512" s="91"/>
      <c r="HW1512" s="91"/>
      <c r="HX1512" s="91"/>
      <c r="HY1512" s="91"/>
      <c r="HZ1512" s="91"/>
      <c r="IA1512" s="91"/>
      <c r="IB1512" s="91"/>
      <c r="IC1512" s="91"/>
      <c r="ID1512" s="91"/>
      <c r="IE1512" s="91"/>
      <c r="IF1512" s="91"/>
      <c r="IG1512" s="91"/>
      <c r="IH1512" s="91"/>
      <c r="II1512" s="91"/>
      <c r="IJ1512" s="91"/>
      <c r="IK1512" s="127"/>
    </row>
    <row r="1513" spans="2:245" x14ac:dyDescent="0.2">
      <c r="B1513" s="43"/>
      <c r="C1513" s="73"/>
      <c r="D1513" s="64"/>
      <c r="E1513" s="64"/>
      <c r="F1513" s="55"/>
      <c r="G1513" s="102"/>
      <c r="H1513" s="55"/>
      <c r="I1513" s="55"/>
      <c r="J1513" s="55"/>
      <c r="K1513" s="55"/>
      <c r="L1513" s="55"/>
      <c r="M1513" s="55"/>
      <c r="N1513" s="55"/>
      <c r="O1513" s="55"/>
      <c r="P1513" s="55"/>
      <c r="Q1513" s="55"/>
      <c r="R1513" s="55"/>
      <c r="S1513" s="55"/>
      <c r="T1513" s="55"/>
      <c r="U1513" s="55"/>
      <c r="V1513" s="55"/>
      <c r="W1513" s="55"/>
      <c r="X1513" s="55"/>
      <c r="Y1513" s="55"/>
      <c r="Z1513" s="55"/>
      <c r="AA1513" s="55"/>
      <c r="AB1513" s="55"/>
      <c r="AC1513" s="55"/>
      <c r="AD1513" s="55"/>
      <c r="AE1513" s="55"/>
      <c r="AF1513" s="55"/>
      <c r="AG1513" s="55"/>
      <c r="AY1513" s="162"/>
      <c r="AZ1513" s="162"/>
      <c r="BA1513" s="162"/>
      <c r="BB1513" s="162"/>
      <c r="BC1513" s="162"/>
      <c r="BD1513" s="162"/>
      <c r="BE1513" s="162"/>
      <c r="BF1513" s="162"/>
      <c r="BG1513" s="162"/>
      <c r="BH1513" s="162"/>
      <c r="BI1513" s="162"/>
      <c r="BJ1513" s="162"/>
      <c r="BK1513" s="162"/>
      <c r="BL1513" s="162"/>
      <c r="BM1513" s="162"/>
      <c r="BN1513" s="162"/>
      <c r="BO1513" s="162"/>
      <c r="BP1513" s="162"/>
      <c r="BQ1513" s="162"/>
      <c r="BR1513" s="162"/>
      <c r="BS1513" s="162"/>
      <c r="BT1513" s="162"/>
      <c r="BU1513" s="162"/>
      <c r="BV1513" s="162"/>
      <c r="BW1513" s="162"/>
      <c r="BX1513" s="162"/>
      <c r="BY1513" s="162"/>
      <c r="BZ1513" s="162"/>
      <c r="CA1513" s="162"/>
      <c r="CB1513" s="162"/>
      <c r="CC1513" s="162"/>
      <c r="CD1513" s="162"/>
      <c r="CE1513" s="162"/>
      <c r="CF1513" s="162"/>
      <c r="CG1513" s="162"/>
      <c r="CH1513" s="162"/>
      <c r="CI1513" s="162"/>
      <c r="CJ1513" s="162"/>
      <c r="CK1513" s="162"/>
      <c r="CX1513" s="98"/>
      <c r="DL1513" s="97"/>
      <c r="DX1513" s="98"/>
      <c r="EL1513" s="97"/>
      <c r="EX1513" s="98"/>
      <c r="EY1513" s="97"/>
      <c r="FL1513" s="126"/>
      <c r="FM1513" s="91"/>
      <c r="FN1513" s="91"/>
      <c r="FO1513" s="91"/>
      <c r="FP1513" s="91"/>
      <c r="FQ1513" s="91"/>
      <c r="FR1513" s="91"/>
      <c r="FS1513" s="91"/>
      <c r="FT1513" s="91"/>
      <c r="FU1513" s="91"/>
      <c r="FV1513" s="91"/>
      <c r="FW1513" s="91"/>
      <c r="FX1513" s="91"/>
      <c r="FY1513" s="91"/>
      <c r="FZ1513" s="91"/>
      <c r="GA1513" s="91"/>
      <c r="GB1513" s="91"/>
      <c r="GC1513" s="91"/>
      <c r="GD1513" s="91"/>
      <c r="GE1513" s="91"/>
      <c r="GF1513" s="91"/>
      <c r="GG1513" s="91"/>
      <c r="GH1513" s="91"/>
      <c r="GI1513" s="91"/>
      <c r="GJ1513" s="91"/>
      <c r="GK1513" s="127"/>
      <c r="GL1513" s="126"/>
      <c r="GM1513" s="91"/>
      <c r="GN1513" s="91"/>
      <c r="GO1513" s="91"/>
      <c r="GP1513" s="91"/>
      <c r="GQ1513" s="91"/>
      <c r="GR1513" s="91"/>
      <c r="GS1513" s="91"/>
      <c r="GT1513" s="91"/>
      <c r="GU1513" s="91"/>
      <c r="GV1513" s="91"/>
      <c r="GW1513" s="91"/>
      <c r="GX1513" s="91"/>
      <c r="GY1513" s="91"/>
      <c r="GZ1513" s="91"/>
      <c r="HA1513" s="91"/>
      <c r="HB1513" s="91"/>
      <c r="HC1513" s="91"/>
      <c r="HD1513" s="91"/>
      <c r="HE1513" s="91"/>
      <c r="HF1513" s="91"/>
      <c r="HG1513" s="91"/>
      <c r="HH1513" s="91"/>
      <c r="HI1513" s="91"/>
      <c r="HJ1513" s="91"/>
      <c r="HK1513" s="127"/>
      <c r="HL1513" s="126"/>
      <c r="HM1513" s="91"/>
      <c r="HN1513" s="91"/>
      <c r="HO1513" s="91"/>
      <c r="HP1513" s="91"/>
      <c r="HQ1513" s="91"/>
      <c r="HR1513" s="91"/>
      <c r="HS1513" s="91"/>
      <c r="HT1513" s="91"/>
      <c r="HU1513" s="91"/>
      <c r="HV1513" s="91"/>
      <c r="HW1513" s="91"/>
      <c r="HX1513" s="91"/>
      <c r="HY1513" s="91"/>
      <c r="HZ1513" s="91"/>
      <c r="IA1513" s="91"/>
      <c r="IB1513" s="91"/>
      <c r="IC1513" s="91"/>
      <c r="ID1513" s="91"/>
      <c r="IE1513" s="91"/>
      <c r="IF1513" s="91"/>
      <c r="IG1513" s="91"/>
      <c r="IH1513" s="91"/>
      <c r="II1513" s="91"/>
      <c r="IJ1513" s="91"/>
      <c r="IK1513" s="127"/>
    </row>
    <row r="1514" spans="2:245" x14ac:dyDescent="0.2">
      <c r="B1514" s="43"/>
      <c r="C1514" s="73"/>
      <c r="D1514" s="64"/>
      <c r="E1514" s="64"/>
      <c r="F1514" s="55"/>
      <c r="G1514" s="102"/>
      <c r="H1514" s="55"/>
      <c r="I1514" s="55"/>
      <c r="J1514" s="55"/>
      <c r="K1514" s="55"/>
      <c r="L1514" s="55"/>
      <c r="M1514" s="55"/>
      <c r="N1514" s="55"/>
      <c r="O1514" s="55"/>
      <c r="P1514" s="55"/>
      <c r="Q1514" s="55"/>
      <c r="R1514" s="55"/>
      <c r="S1514" s="55"/>
      <c r="T1514" s="55"/>
      <c r="U1514" s="55"/>
      <c r="V1514" s="55"/>
      <c r="W1514" s="55"/>
      <c r="X1514" s="55"/>
      <c r="Y1514" s="55"/>
      <c r="Z1514" s="55"/>
      <c r="AA1514" s="55"/>
      <c r="AB1514" s="55"/>
      <c r="AC1514" s="55"/>
      <c r="AD1514" s="55"/>
      <c r="AE1514" s="55"/>
      <c r="AF1514" s="55"/>
      <c r="AG1514" s="55"/>
      <c r="AY1514" s="162"/>
      <c r="AZ1514" s="162"/>
      <c r="BA1514" s="162"/>
      <c r="BB1514" s="162"/>
      <c r="BC1514" s="162"/>
      <c r="BD1514" s="162"/>
      <c r="BE1514" s="162"/>
      <c r="BF1514" s="162"/>
      <c r="BG1514" s="162"/>
      <c r="BH1514" s="162"/>
      <c r="BI1514" s="162"/>
      <c r="BJ1514" s="162"/>
      <c r="BK1514" s="162"/>
      <c r="BL1514" s="162"/>
      <c r="BM1514" s="162"/>
      <c r="BN1514" s="162"/>
      <c r="BO1514" s="162"/>
      <c r="BP1514" s="162"/>
      <c r="BQ1514" s="162"/>
      <c r="BR1514" s="162"/>
      <c r="BS1514" s="162"/>
      <c r="BT1514" s="162"/>
      <c r="BU1514" s="162"/>
      <c r="BV1514" s="162"/>
      <c r="BW1514" s="162"/>
      <c r="BX1514" s="162"/>
      <c r="BY1514" s="162"/>
      <c r="BZ1514" s="162"/>
      <c r="CA1514" s="162"/>
      <c r="CB1514" s="162"/>
      <c r="CC1514" s="162"/>
      <c r="CD1514" s="162"/>
      <c r="CE1514" s="162"/>
      <c r="CF1514" s="162"/>
      <c r="CG1514" s="162"/>
      <c r="CH1514" s="162"/>
      <c r="CI1514" s="162"/>
      <c r="CJ1514" s="162"/>
      <c r="CK1514" s="162"/>
      <c r="CX1514" s="98"/>
      <c r="DL1514" s="97"/>
      <c r="DX1514" s="98"/>
      <c r="EL1514" s="97"/>
      <c r="EX1514" s="98"/>
      <c r="EY1514" s="97"/>
      <c r="FL1514" s="126"/>
      <c r="FM1514" s="91"/>
      <c r="FN1514" s="91"/>
      <c r="FO1514" s="91"/>
      <c r="FP1514" s="91"/>
      <c r="FQ1514" s="91"/>
      <c r="FR1514" s="91"/>
      <c r="FS1514" s="91"/>
      <c r="FT1514" s="91"/>
      <c r="FU1514" s="91"/>
      <c r="FV1514" s="91"/>
      <c r="FW1514" s="91"/>
      <c r="FX1514" s="91"/>
      <c r="FY1514" s="91"/>
      <c r="FZ1514" s="91"/>
      <c r="GA1514" s="91"/>
      <c r="GB1514" s="91"/>
      <c r="GC1514" s="91"/>
      <c r="GD1514" s="91"/>
      <c r="GE1514" s="91"/>
      <c r="GF1514" s="91"/>
      <c r="GG1514" s="91"/>
      <c r="GH1514" s="91"/>
      <c r="GI1514" s="91"/>
      <c r="GJ1514" s="91"/>
      <c r="GK1514" s="127"/>
      <c r="GL1514" s="126"/>
      <c r="GM1514" s="91"/>
      <c r="GN1514" s="91"/>
      <c r="GO1514" s="91"/>
      <c r="GP1514" s="91"/>
      <c r="GQ1514" s="91"/>
      <c r="GR1514" s="91"/>
      <c r="GS1514" s="91"/>
      <c r="GT1514" s="91"/>
      <c r="GU1514" s="91"/>
      <c r="GV1514" s="91"/>
      <c r="GW1514" s="91"/>
      <c r="GX1514" s="91"/>
      <c r="GY1514" s="91"/>
      <c r="GZ1514" s="91"/>
      <c r="HA1514" s="91"/>
      <c r="HB1514" s="91"/>
      <c r="HC1514" s="91"/>
      <c r="HD1514" s="91"/>
      <c r="HE1514" s="91"/>
      <c r="HF1514" s="91"/>
      <c r="HG1514" s="91"/>
      <c r="HH1514" s="91"/>
      <c r="HI1514" s="91"/>
      <c r="HJ1514" s="91"/>
      <c r="HK1514" s="127"/>
      <c r="HL1514" s="126"/>
      <c r="HM1514" s="91"/>
      <c r="HN1514" s="91"/>
      <c r="HO1514" s="91"/>
      <c r="HP1514" s="91"/>
      <c r="HQ1514" s="91"/>
      <c r="HR1514" s="91"/>
      <c r="HS1514" s="91"/>
      <c r="HT1514" s="91"/>
      <c r="HU1514" s="91"/>
      <c r="HV1514" s="91"/>
      <c r="HW1514" s="91"/>
      <c r="HX1514" s="91"/>
      <c r="HY1514" s="91"/>
      <c r="HZ1514" s="91"/>
      <c r="IA1514" s="91"/>
      <c r="IB1514" s="91"/>
      <c r="IC1514" s="91"/>
      <c r="ID1514" s="91"/>
      <c r="IE1514" s="91"/>
      <c r="IF1514" s="91"/>
      <c r="IG1514" s="91"/>
      <c r="IH1514" s="91"/>
      <c r="II1514" s="91"/>
      <c r="IJ1514" s="91"/>
      <c r="IK1514" s="127"/>
    </row>
    <row r="1515" spans="2:245" x14ac:dyDescent="0.2">
      <c r="B1515" s="43"/>
      <c r="C1515" s="73"/>
      <c r="D1515" s="64"/>
      <c r="E1515" s="64"/>
      <c r="F1515" s="55"/>
      <c r="G1515" s="102"/>
      <c r="H1515" s="55"/>
      <c r="I1515" s="55"/>
      <c r="J1515" s="55"/>
      <c r="K1515" s="55"/>
      <c r="L1515" s="55"/>
      <c r="M1515" s="55"/>
      <c r="N1515" s="55"/>
      <c r="O1515" s="55"/>
      <c r="P1515" s="55"/>
      <c r="Q1515" s="55"/>
      <c r="R1515" s="55"/>
      <c r="S1515" s="55"/>
      <c r="T1515" s="55"/>
      <c r="U1515" s="55"/>
      <c r="V1515" s="55"/>
      <c r="W1515" s="55"/>
      <c r="X1515" s="55"/>
      <c r="Y1515" s="55"/>
      <c r="Z1515" s="55"/>
      <c r="AA1515" s="55"/>
      <c r="AB1515" s="55"/>
      <c r="AC1515" s="55"/>
      <c r="AD1515" s="55"/>
      <c r="AE1515" s="55"/>
      <c r="AF1515" s="55"/>
      <c r="AG1515" s="55"/>
      <c r="AY1515" s="162"/>
      <c r="AZ1515" s="162"/>
      <c r="BA1515" s="162"/>
      <c r="BB1515" s="162"/>
      <c r="BC1515" s="162"/>
      <c r="BD1515" s="162"/>
      <c r="BE1515" s="162"/>
      <c r="BF1515" s="162"/>
      <c r="BG1515" s="162"/>
      <c r="BH1515" s="162"/>
      <c r="BI1515" s="162"/>
      <c r="BJ1515" s="162"/>
      <c r="BK1515" s="162"/>
      <c r="BL1515" s="162"/>
      <c r="BM1515" s="162"/>
      <c r="BN1515" s="162"/>
      <c r="BO1515" s="162"/>
      <c r="BP1515" s="162"/>
      <c r="BQ1515" s="162"/>
      <c r="BR1515" s="162"/>
      <c r="BS1515" s="162"/>
      <c r="BT1515" s="162"/>
      <c r="BU1515" s="162"/>
      <c r="BV1515" s="162"/>
      <c r="BW1515" s="162"/>
      <c r="BX1515" s="162"/>
      <c r="BY1515" s="162"/>
      <c r="BZ1515" s="162"/>
      <c r="CA1515" s="162"/>
      <c r="CB1515" s="162"/>
      <c r="CC1515" s="162"/>
      <c r="CD1515" s="162"/>
      <c r="CE1515" s="162"/>
      <c r="CF1515" s="162"/>
      <c r="CG1515" s="162"/>
      <c r="CH1515" s="162"/>
      <c r="CI1515" s="162"/>
      <c r="CJ1515" s="162"/>
      <c r="CK1515" s="162"/>
      <c r="CX1515" s="98"/>
      <c r="DL1515" s="97"/>
      <c r="DX1515" s="98"/>
      <c r="EL1515" s="97"/>
      <c r="EX1515" s="98"/>
      <c r="EY1515" s="97"/>
      <c r="FL1515" s="126"/>
      <c r="FM1515" s="91"/>
      <c r="FN1515" s="91"/>
      <c r="FO1515" s="91"/>
      <c r="FP1515" s="91"/>
      <c r="FQ1515" s="91"/>
      <c r="FR1515" s="91"/>
      <c r="FS1515" s="91"/>
      <c r="FT1515" s="91"/>
      <c r="FU1515" s="91"/>
      <c r="FV1515" s="91"/>
      <c r="FW1515" s="91"/>
      <c r="FX1515" s="91"/>
      <c r="FY1515" s="91"/>
      <c r="FZ1515" s="91"/>
      <c r="GA1515" s="91"/>
      <c r="GB1515" s="91"/>
      <c r="GC1515" s="91"/>
      <c r="GD1515" s="91"/>
      <c r="GE1515" s="91"/>
      <c r="GF1515" s="91"/>
      <c r="GG1515" s="91"/>
      <c r="GH1515" s="91"/>
      <c r="GI1515" s="91"/>
      <c r="GJ1515" s="91"/>
      <c r="GK1515" s="127"/>
      <c r="GL1515" s="126"/>
      <c r="GM1515" s="91"/>
      <c r="GN1515" s="91"/>
      <c r="GO1515" s="91"/>
      <c r="GP1515" s="91"/>
      <c r="GQ1515" s="91"/>
      <c r="GR1515" s="91"/>
      <c r="GS1515" s="91"/>
      <c r="GT1515" s="91"/>
      <c r="GU1515" s="91"/>
      <c r="GV1515" s="91"/>
      <c r="GW1515" s="91"/>
      <c r="GX1515" s="91"/>
      <c r="GY1515" s="91"/>
      <c r="GZ1515" s="91"/>
      <c r="HA1515" s="91"/>
      <c r="HB1515" s="91"/>
      <c r="HC1515" s="91"/>
      <c r="HD1515" s="91"/>
      <c r="HE1515" s="91"/>
      <c r="HF1515" s="91"/>
      <c r="HG1515" s="91"/>
      <c r="HH1515" s="91"/>
      <c r="HI1515" s="91"/>
      <c r="HJ1515" s="91"/>
      <c r="HK1515" s="127"/>
      <c r="HL1515" s="126"/>
      <c r="HM1515" s="91"/>
      <c r="HN1515" s="91"/>
      <c r="HO1515" s="91"/>
      <c r="HP1515" s="91"/>
      <c r="HQ1515" s="91"/>
      <c r="HR1515" s="91"/>
      <c r="HS1515" s="91"/>
      <c r="HT1515" s="91"/>
      <c r="HU1515" s="91"/>
      <c r="HV1515" s="91"/>
      <c r="HW1515" s="91"/>
      <c r="HX1515" s="91"/>
      <c r="HY1515" s="91"/>
      <c r="HZ1515" s="91"/>
      <c r="IA1515" s="91"/>
      <c r="IB1515" s="91"/>
      <c r="IC1515" s="91"/>
      <c r="ID1515" s="91"/>
      <c r="IE1515" s="91"/>
      <c r="IF1515" s="91"/>
      <c r="IG1515" s="91"/>
      <c r="IH1515" s="91"/>
      <c r="II1515" s="91"/>
      <c r="IJ1515" s="91"/>
      <c r="IK1515" s="127"/>
    </row>
    <row r="1516" spans="2:245" x14ac:dyDescent="0.2">
      <c r="B1516" s="43"/>
      <c r="C1516" s="73"/>
      <c r="D1516" s="64"/>
      <c r="E1516" s="64"/>
      <c r="F1516" s="55"/>
      <c r="G1516" s="102"/>
      <c r="H1516" s="55"/>
      <c r="I1516" s="55"/>
      <c r="J1516" s="55"/>
      <c r="K1516" s="55"/>
      <c r="L1516" s="55"/>
      <c r="M1516" s="55"/>
      <c r="N1516" s="55"/>
      <c r="O1516" s="55"/>
      <c r="P1516" s="55"/>
      <c r="Q1516" s="55"/>
      <c r="R1516" s="55"/>
      <c r="S1516" s="55"/>
      <c r="T1516" s="55"/>
      <c r="U1516" s="55"/>
      <c r="V1516" s="55"/>
      <c r="W1516" s="55"/>
      <c r="X1516" s="55"/>
      <c r="Y1516" s="55"/>
      <c r="Z1516" s="55"/>
      <c r="AA1516" s="55"/>
      <c r="AB1516" s="55"/>
      <c r="AC1516" s="55"/>
      <c r="AD1516" s="55"/>
      <c r="AE1516" s="55"/>
      <c r="AF1516" s="55"/>
      <c r="AG1516" s="55"/>
      <c r="AY1516" s="162"/>
      <c r="AZ1516" s="162"/>
      <c r="BA1516" s="162"/>
      <c r="BB1516" s="162"/>
      <c r="BC1516" s="162"/>
      <c r="BD1516" s="162"/>
      <c r="BE1516" s="162"/>
      <c r="BF1516" s="162"/>
      <c r="BG1516" s="162"/>
      <c r="BH1516" s="162"/>
      <c r="BI1516" s="162"/>
      <c r="BJ1516" s="162"/>
      <c r="BK1516" s="162"/>
      <c r="BL1516" s="162"/>
      <c r="BM1516" s="162"/>
      <c r="BN1516" s="162"/>
      <c r="BO1516" s="162"/>
      <c r="BP1516" s="162"/>
      <c r="BQ1516" s="162"/>
      <c r="BR1516" s="162"/>
      <c r="BS1516" s="162"/>
      <c r="BT1516" s="162"/>
      <c r="BU1516" s="162"/>
      <c r="BV1516" s="162"/>
      <c r="BW1516" s="162"/>
      <c r="BX1516" s="162"/>
      <c r="BY1516" s="162"/>
      <c r="BZ1516" s="162"/>
      <c r="CA1516" s="162"/>
      <c r="CB1516" s="162"/>
      <c r="CC1516" s="162"/>
      <c r="CD1516" s="162"/>
      <c r="CE1516" s="162"/>
      <c r="CF1516" s="162"/>
      <c r="CG1516" s="162"/>
      <c r="CH1516" s="162"/>
      <c r="CI1516" s="162"/>
      <c r="CJ1516" s="162"/>
      <c r="CK1516" s="162"/>
      <c r="CX1516" s="98"/>
      <c r="DL1516" s="97"/>
      <c r="DX1516" s="98"/>
      <c r="EL1516" s="97"/>
      <c r="EX1516" s="98"/>
      <c r="EY1516" s="97"/>
      <c r="FL1516" s="126"/>
      <c r="FM1516" s="91"/>
      <c r="FN1516" s="91"/>
      <c r="FO1516" s="91"/>
      <c r="FP1516" s="91"/>
      <c r="FQ1516" s="91"/>
      <c r="FR1516" s="91"/>
      <c r="FS1516" s="91"/>
      <c r="FT1516" s="91"/>
      <c r="FU1516" s="91"/>
      <c r="FV1516" s="91"/>
      <c r="FW1516" s="91"/>
      <c r="FX1516" s="91"/>
      <c r="FY1516" s="91"/>
      <c r="FZ1516" s="91"/>
      <c r="GA1516" s="91"/>
      <c r="GB1516" s="91"/>
      <c r="GC1516" s="91"/>
      <c r="GD1516" s="91"/>
      <c r="GE1516" s="91"/>
      <c r="GF1516" s="91"/>
      <c r="GG1516" s="91"/>
      <c r="GH1516" s="91"/>
      <c r="GI1516" s="91"/>
      <c r="GJ1516" s="91"/>
      <c r="GK1516" s="127"/>
      <c r="GL1516" s="126"/>
      <c r="GM1516" s="91"/>
      <c r="GN1516" s="91"/>
      <c r="GO1516" s="91"/>
      <c r="GP1516" s="91"/>
      <c r="GQ1516" s="91"/>
      <c r="GR1516" s="91"/>
      <c r="GS1516" s="91"/>
      <c r="GT1516" s="91"/>
      <c r="GU1516" s="91"/>
      <c r="GV1516" s="91"/>
      <c r="GW1516" s="91"/>
      <c r="GX1516" s="91"/>
      <c r="GY1516" s="91"/>
      <c r="GZ1516" s="91"/>
      <c r="HA1516" s="91"/>
      <c r="HB1516" s="91"/>
      <c r="HC1516" s="91"/>
      <c r="HD1516" s="91"/>
      <c r="HE1516" s="91"/>
      <c r="HF1516" s="91"/>
      <c r="HG1516" s="91"/>
      <c r="HH1516" s="91"/>
      <c r="HI1516" s="91"/>
      <c r="HJ1516" s="91"/>
      <c r="HK1516" s="127"/>
      <c r="HL1516" s="126"/>
      <c r="HM1516" s="91"/>
      <c r="HN1516" s="91"/>
      <c r="HO1516" s="91"/>
      <c r="HP1516" s="91"/>
      <c r="HQ1516" s="91"/>
      <c r="HR1516" s="91"/>
      <c r="HS1516" s="91"/>
      <c r="HT1516" s="91"/>
      <c r="HU1516" s="91"/>
      <c r="HV1516" s="91"/>
      <c r="HW1516" s="91"/>
      <c r="HX1516" s="91"/>
      <c r="HY1516" s="91"/>
      <c r="HZ1516" s="91"/>
      <c r="IA1516" s="91"/>
      <c r="IB1516" s="91"/>
      <c r="IC1516" s="91"/>
      <c r="ID1516" s="91"/>
      <c r="IE1516" s="91"/>
      <c r="IF1516" s="91"/>
      <c r="IG1516" s="91"/>
      <c r="IH1516" s="91"/>
      <c r="II1516" s="91"/>
      <c r="IJ1516" s="91"/>
      <c r="IK1516" s="127"/>
    </row>
    <row r="1517" spans="2:245" x14ac:dyDescent="0.2">
      <c r="B1517" s="43"/>
      <c r="C1517" s="73"/>
      <c r="D1517" s="64"/>
      <c r="E1517" s="64"/>
      <c r="F1517" s="55"/>
      <c r="G1517" s="102"/>
      <c r="H1517" s="55"/>
      <c r="I1517" s="55"/>
      <c r="J1517" s="55"/>
      <c r="K1517" s="55"/>
      <c r="L1517" s="55"/>
      <c r="M1517" s="55"/>
      <c r="N1517" s="55"/>
      <c r="O1517" s="55"/>
      <c r="P1517" s="55"/>
      <c r="Q1517" s="55"/>
      <c r="R1517" s="55"/>
      <c r="S1517" s="55"/>
      <c r="T1517" s="55"/>
      <c r="U1517" s="55"/>
      <c r="V1517" s="55"/>
      <c r="W1517" s="55"/>
      <c r="X1517" s="55"/>
      <c r="Y1517" s="55"/>
      <c r="Z1517" s="55"/>
      <c r="AA1517" s="55"/>
      <c r="AB1517" s="55"/>
      <c r="AC1517" s="55"/>
      <c r="AD1517" s="55"/>
      <c r="AE1517" s="55"/>
      <c r="AF1517" s="55"/>
      <c r="AG1517" s="55"/>
      <c r="AY1517" s="162"/>
      <c r="AZ1517" s="162"/>
      <c r="BA1517" s="162"/>
      <c r="BB1517" s="162"/>
      <c r="BC1517" s="162"/>
      <c r="BD1517" s="162"/>
      <c r="BE1517" s="162"/>
      <c r="BF1517" s="162"/>
      <c r="BG1517" s="162"/>
      <c r="BH1517" s="162"/>
      <c r="BI1517" s="162"/>
      <c r="BJ1517" s="162"/>
      <c r="BK1517" s="162"/>
      <c r="BL1517" s="162"/>
      <c r="BM1517" s="162"/>
      <c r="BN1517" s="162"/>
      <c r="BO1517" s="162"/>
      <c r="BP1517" s="162"/>
      <c r="BQ1517" s="162"/>
      <c r="BR1517" s="162"/>
      <c r="BS1517" s="162"/>
      <c r="BT1517" s="162"/>
      <c r="BU1517" s="162"/>
      <c r="BV1517" s="162"/>
      <c r="BW1517" s="162"/>
      <c r="BX1517" s="162"/>
      <c r="BY1517" s="162"/>
      <c r="BZ1517" s="162"/>
      <c r="CA1517" s="162"/>
      <c r="CB1517" s="162"/>
      <c r="CC1517" s="162"/>
      <c r="CD1517" s="162"/>
      <c r="CE1517" s="162"/>
      <c r="CF1517" s="162"/>
      <c r="CG1517" s="162"/>
      <c r="CH1517" s="162"/>
      <c r="CI1517" s="162"/>
      <c r="CJ1517" s="162"/>
      <c r="CK1517" s="162"/>
      <c r="CX1517" s="98"/>
      <c r="DL1517" s="97"/>
      <c r="DX1517" s="98"/>
      <c r="EL1517" s="97"/>
      <c r="EX1517" s="98"/>
      <c r="EY1517" s="97"/>
      <c r="FL1517" s="126"/>
      <c r="FM1517" s="91"/>
      <c r="FN1517" s="91"/>
      <c r="FO1517" s="91"/>
      <c r="FP1517" s="91"/>
      <c r="FQ1517" s="91"/>
      <c r="FR1517" s="91"/>
      <c r="FS1517" s="91"/>
      <c r="FT1517" s="91"/>
      <c r="FU1517" s="91"/>
      <c r="FV1517" s="91"/>
      <c r="FW1517" s="91"/>
      <c r="FX1517" s="91"/>
      <c r="FY1517" s="91"/>
      <c r="FZ1517" s="91"/>
      <c r="GA1517" s="91"/>
      <c r="GB1517" s="91"/>
      <c r="GC1517" s="91"/>
      <c r="GD1517" s="91"/>
      <c r="GE1517" s="91"/>
      <c r="GF1517" s="91"/>
      <c r="GG1517" s="91"/>
      <c r="GH1517" s="91"/>
      <c r="GI1517" s="91"/>
      <c r="GJ1517" s="91"/>
      <c r="GK1517" s="127"/>
      <c r="GL1517" s="126"/>
      <c r="GM1517" s="91"/>
      <c r="GN1517" s="91"/>
      <c r="GO1517" s="91"/>
      <c r="GP1517" s="91"/>
      <c r="GQ1517" s="91"/>
      <c r="GR1517" s="91"/>
      <c r="GS1517" s="91"/>
      <c r="GT1517" s="91"/>
      <c r="GU1517" s="91"/>
      <c r="GV1517" s="91"/>
      <c r="GW1517" s="91"/>
      <c r="GX1517" s="91"/>
      <c r="GY1517" s="91"/>
      <c r="GZ1517" s="91"/>
      <c r="HA1517" s="91"/>
      <c r="HB1517" s="91"/>
      <c r="HC1517" s="91"/>
      <c r="HD1517" s="91"/>
      <c r="HE1517" s="91"/>
      <c r="HF1517" s="91"/>
      <c r="HG1517" s="91"/>
      <c r="HH1517" s="91"/>
      <c r="HI1517" s="91"/>
      <c r="HJ1517" s="91"/>
      <c r="HK1517" s="127"/>
      <c r="HL1517" s="126"/>
      <c r="HM1517" s="91"/>
      <c r="HN1517" s="91"/>
      <c r="HO1517" s="91"/>
      <c r="HP1517" s="91"/>
      <c r="HQ1517" s="91"/>
      <c r="HR1517" s="91"/>
      <c r="HS1517" s="91"/>
      <c r="HT1517" s="91"/>
      <c r="HU1517" s="91"/>
      <c r="HV1517" s="91"/>
      <c r="HW1517" s="91"/>
      <c r="HX1517" s="91"/>
      <c r="HY1517" s="91"/>
      <c r="HZ1517" s="91"/>
      <c r="IA1517" s="91"/>
      <c r="IB1517" s="91"/>
      <c r="IC1517" s="91"/>
      <c r="ID1517" s="91"/>
      <c r="IE1517" s="91"/>
      <c r="IF1517" s="91"/>
      <c r="IG1517" s="91"/>
      <c r="IH1517" s="91"/>
      <c r="II1517" s="91"/>
      <c r="IJ1517" s="91"/>
      <c r="IK1517" s="127"/>
    </row>
    <row r="1518" spans="2:245" x14ac:dyDescent="0.2">
      <c r="B1518" s="43"/>
      <c r="C1518" s="73"/>
      <c r="D1518" s="64"/>
      <c r="E1518" s="64"/>
      <c r="F1518" s="55"/>
      <c r="G1518" s="102"/>
      <c r="H1518" s="55"/>
      <c r="I1518" s="55"/>
      <c r="J1518" s="55"/>
      <c r="K1518" s="55"/>
      <c r="L1518" s="55"/>
      <c r="M1518" s="55"/>
      <c r="N1518" s="55"/>
      <c r="O1518" s="55"/>
      <c r="P1518" s="55"/>
      <c r="Q1518" s="55"/>
      <c r="R1518" s="55"/>
      <c r="S1518" s="55"/>
      <c r="T1518" s="55"/>
      <c r="U1518" s="55"/>
      <c r="V1518" s="55"/>
      <c r="W1518" s="55"/>
      <c r="X1518" s="55"/>
      <c r="Y1518" s="55"/>
      <c r="Z1518" s="55"/>
      <c r="AA1518" s="55"/>
      <c r="AB1518" s="55"/>
      <c r="AC1518" s="55"/>
      <c r="AD1518" s="55"/>
      <c r="AE1518" s="55"/>
      <c r="AF1518" s="55"/>
      <c r="AG1518" s="55"/>
      <c r="AY1518" s="162"/>
      <c r="AZ1518" s="162"/>
      <c r="BA1518" s="162"/>
      <c r="BB1518" s="162"/>
      <c r="BC1518" s="162"/>
      <c r="BD1518" s="162"/>
      <c r="BE1518" s="162"/>
      <c r="BF1518" s="162"/>
      <c r="BG1518" s="162"/>
      <c r="BH1518" s="162"/>
      <c r="BI1518" s="162"/>
      <c r="BJ1518" s="162"/>
      <c r="BK1518" s="162"/>
      <c r="BL1518" s="162"/>
      <c r="BM1518" s="162"/>
      <c r="BN1518" s="162"/>
      <c r="BO1518" s="162"/>
      <c r="BP1518" s="162"/>
      <c r="BQ1518" s="162"/>
      <c r="BR1518" s="162"/>
      <c r="BS1518" s="162"/>
      <c r="BT1518" s="162"/>
      <c r="BU1518" s="162"/>
      <c r="BV1518" s="162"/>
      <c r="BW1518" s="162"/>
      <c r="BX1518" s="162"/>
      <c r="BY1518" s="162"/>
      <c r="BZ1518" s="162"/>
      <c r="CA1518" s="162"/>
      <c r="CB1518" s="162"/>
      <c r="CC1518" s="162"/>
      <c r="CD1518" s="162"/>
      <c r="CE1518" s="162"/>
      <c r="CF1518" s="162"/>
      <c r="CG1518" s="162"/>
      <c r="CH1518" s="162"/>
      <c r="CI1518" s="162"/>
      <c r="CJ1518" s="162"/>
      <c r="CK1518" s="162"/>
      <c r="CX1518" s="98"/>
      <c r="DL1518" s="97"/>
      <c r="DX1518" s="98"/>
      <c r="EL1518" s="97"/>
      <c r="EX1518" s="98"/>
      <c r="EY1518" s="97"/>
      <c r="FL1518" s="126"/>
      <c r="FM1518" s="91"/>
      <c r="FN1518" s="91"/>
      <c r="FO1518" s="91"/>
      <c r="FP1518" s="91"/>
      <c r="FQ1518" s="91"/>
      <c r="FR1518" s="91"/>
      <c r="FS1518" s="91"/>
      <c r="FT1518" s="91"/>
      <c r="FU1518" s="91"/>
      <c r="FV1518" s="91"/>
      <c r="FW1518" s="91"/>
      <c r="FX1518" s="91"/>
      <c r="FY1518" s="91"/>
      <c r="FZ1518" s="91"/>
      <c r="GA1518" s="91"/>
      <c r="GB1518" s="91"/>
      <c r="GC1518" s="91"/>
      <c r="GD1518" s="91"/>
      <c r="GE1518" s="91"/>
      <c r="GF1518" s="91"/>
      <c r="GG1518" s="91"/>
      <c r="GH1518" s="91"/>
      <c r="GI1518" s="91"/>
      <c r="GJ1518" s="91"/>
      <c r="GK1518" s="127"/>
      <c r="GL1518" s="126"/>
      <c r="GM1518" s="91"/>
      <c r="GN1518" s="91"/>
      <c r="GO1518" s="91"/>
      <c r="GP1518" s="91"/>
      <c r="GQ1518" s="91"/>
      <c r="GR1518" s="91"/>
      <c r="GS1518" s="91"/>
      <c r="GT1518" s="91"/>
      <c r="GU1518" s="91"/>
      <c r="GV1518" s="91"/>
      <c r="GW1518" s="91"/>
      <c r="GX1518" s="91"/>
      <c r="GY1518" s="91"/>
      <c r="GZ1518" s="91"/>
      <c r="HA1518" s="91"/>
      <c r="HB1518" s="91"/>
      <c r="HC1518" s="91"/>
      <c r="HD1518" s="91"/>
      <c r="HE1518" s="91"/>
      <c r="HF1518" s="91"/>
      <c r="HG1518" s="91"/>
      <c r="HH1518" s="91"/>
      <c r="HI1518" s="91"/>
      <c r="HJ1518" s="91"/>
      <c r="HK1518" s="127"/>
      <c r="HL1518" s="126"/>
      <c r="HM1518" s="91"/>
      <c r="HN1518" s="91"/>
      <c r="HO1518" s="91"/>
      <c r="HP1518" s="91"/>
      <c r="HQ1518" s="91"/>
      <c r="HR1518" s="91"/>
      <c r="HS1518" s="91"/>
      <c r="HT1518" s="91"/>
      <c r="HU1518" s="91"/>
      <c r="HV1518" s="91"/>
      <c r="HW1518" s="91"/>
      <c r="HX1518" s="91"/>
      <c r="HY1518" s="91"/>
      <c r="HZ1518" s="91"/>
      <c r="IA1518" s="91"/>
      <c r="IB1518" s="91"/>
      <c r="IC1518" s="91"/>
      <c r="ID1518" s="91"/>
      <c r="IE1518" s="91"/>
      <c r="IF1518" s="91"/>
      <c r="IG1518" s="91"/>
      <c r="IH1518" s="91"/>
      <c r="II1518" s="91"/>
      <c r="IJ1518" s="91"/>
      <c r="IK1518" s="127"/>
    </row>
    <row r="1519" spans="2:245" x14ac:dyDescent="0.2">
      <c r="B1519" s="43"/>
      <c r="C1519" s="73"/>
      <c r="D1519" s="64"/>
      <c r="E1519" s="64"/>
      <c r="F1519" s="55"/>
      <c r="G1519" s="102"/>
      <c r="H1519" s="55"/>
      <c r="I1519" s="55"/>
      <c r="J1519" s="55"/>
      <c r="K1519" s="55"/>
      <c r="L1519" s="55"/>
      <c r="M1519" s="55"/>
      <c r="N1519" s="55"/>
      <c r="O1519" s="55"/>
      <c r="P1519" s="55"/>
      <c r="Q1519" s="55"/>
      <c r="R1519" s="55"/>
      <c r="S1519" s="55"/>
      <c r="T1519" s="55"/>
      <c r="U1519" s="55"/>
      <c r="V1519" s="55"/>
      <c r="W1519" s="55"/>
      <c r="X1519" s="55"/>
      <c r="Y1519" s="55"/>
      <c r="Z1519" s="55"/>
      <c r="AA1519" s="55"/>
      <c r="AB1519" s="55"/>
      <c r="AC1519" s="55"/>
      <c r="AD1519" s="55"/>
      <c r="AE1519" s="55"/>
      <c r="AF1519" s="55"/>
      <c r="AG1519" s="55"/>
      <c r="AY1519" s="162"/>
      <c r="AZ1519" s="162"/>
      <c r="BA1519" s="162"/>
      <c r="BB1519" s="162"/>
      <c r="BC1519" s="162"/>
      <c r="BD1519" s="162"/>
      <c r="BE1519" s="162"/>
      <c r="BF1519" s="162"/>
      <c r="BG1519" s="162"/>
      <c r="BH1519" s="162"/>
      <c r="BI1519" s="162"/>
      <c r="BJ1519" s="162"/>
      <c r="BK1519" s="162"/>
      <c r="BL1519" s="162"/>
      <c r="BM1519" s="162"/>
      <c r="BN1519" s="162"/>
      <c r="BO1519" s="162"/>
      <c r="BP1519" s="162"/>
      <c r="BQ1519" s="162"/>
      <c r="BR1519" s="162"/>
      <c r="BS1519" s="162"/>
      <c r="BT1519" s="162"/>
      <c r="BU1519" s="162"/>
      <c r="BV1519" s="162"/>
      <c r="BW1519" s="162"/>
      <c r="BX1519" s="162"/>
      <c r="BY1519" s="162"/>
      <c r="BZ1519" s="162"/>
      <c r="CA1519" s="162"/>
      <c r="CB1519" s="162"/>
      <c r="CC1519" s="162"/>
      <c r="CD1519" s="162"/>
      <c r="CE1519" s="162"/>
      <c r="CF1519" s="162"/>
      <c r="CG1519" s="162"/>
      <c r="CH1519" s="162"/>
      <c r="CI1519" s="162"/>
      <c r="CJ1519" s="162"/>
      <c r="CK1519" s="162"/>
      <c r="CX1519" s="98"/>
      <c r="DL1519" s="97"/>
      <c r="DX1519" s="98"/>
      <c r="EL1519" s="97"/>
      <c r="EX1519" s="98"/>
      <c r="EY1519" s="97"/>
      <c r="FL1519" s="126"/>
      <c r="FM1519" s="91"/>
      <c r="FN1519" s="91"/>
      <c r="FO1519" s="91"/>
      <c r="FP1519" s="91"/>
      <c r="FQ1519" s="91"/>
      <c r="FR1519" s="91"/>
      <c r="FS1519" s="91"/>
      <c r="FT1519" s="91"/>
      <c r="FU1519" s="91"/>
      <c r="FV1519" s="91"/>
      <c r="FW1519" s="91"/>
      <c r="FX1519" s="91"/>
      <c r="FY1519" s="91"/>
      <c r="FZ1519" s="91"/>
      <c r="GA1519" s="91"/>
      <c r="GB1519" s="91"/>
      <c r="GC1519" s="91"/>
      <c r="GD1519" s="91"/>
      <c r="GE1519" s="91"/>
      <c r="GF1519" s="91"/>
      <c r="GG1519" s="91"/>
      <c r="GH1519" s="91"/>
      <c r="GI1519" s="91"/>
      <c r="GJ1519" s="91"/>
      <c r="GK1519" s="127"/>
      <c r="GL1519" s="126"/>
      <c r="GM1519" s="91"/>
      <c r="GN1519" s="91"/>
      <c r="GO1519" s="91"/>
      <c r="GP1519" s="91"/>
      <c r="GQ1519" s="91"/>
      <c r="GR1519" s="91"/>
      <c r="GS1519" s="91"/>
      <c r="GT1519" s="91"/>
      <c r="GU1519" s="91"/>
      <c r="GV1519" s="91"/>
      <c r="GW1519" s="91"/>
      <c r="GX1519" s="91"/>
      <c r="GY1519" s="91"/>
      <c r="GZ1519" s="91"/>
      <c r="HA1519" s="91"/>
      <c r="HB1519" s="91"/>
      <c r="HC1519" s="91"/>
      <c r="HD1519" s="91"/>
      <c r="HE1519" s="91"/>
      <c r="HF1519" s="91"/>
      <c r="HG1519" s="91"/>
      <c r="HH1519" s="91"/>
      <c r="HI1519" s="91"/>
      <c r="HJ1519" s="91"/>
      <c r="HK1519" s="127"/>
      <c r="HL1519" s="126"/>
      <c r="HM1519" s="91"/>
      <c r="HN1519" s="91"/>
      <c r="HO1519" s="91"/>
      <c r="HP1519" s="91"/>
      <c r="HQ1519" s="91"/>
      <c r="HR1519" s="91"/>
      <c r="HS1519" s="91"/>
      <c r="HT1519" s="91"/>
      <c r="HU1519" s="91"/>
      <c r="HV1519" s="91"/>
      <c r="HW1519" s="91"/>
      <c r="HX1519" s="91"/>
      <c r="HY1519" s="91"/>
      <c r="HZ1519" s="91"/>
      <c r="IA1519" s="91"/>
      <c r="IB1519" s="91"/>
      <c r="IC1519" s="91"/>
      <c r="ID1519" s="91"/>
      <c r="IE1519" s="91"/>
      <c r="IF1519" s="91"/>
      <c r="IG1519" s="91"/>
      <c r="IH1519" s="91"/>
      <c r="II1519" s="91"/>
      <c r="IJ1519" s="91"/>
      <c r="IK1519" s="127"/>
    </row>
    <row r="1520" spans="2:245" x14ac:dyDescent="0.2">
      <c r="B1520" s="43"/>
      <c r="C1520" s="73"/>
      <c r="D1520" s="64"/>
      <c r="E1520" s="64"/>
      <c r="F1520" s="55"/>
      <c r="G1520" s="102"/>
      <c r="H1520" s="55"/>
      <c r="I1520" s="55"/>
      <c r="J1520" s="55"/>
      <c r="K1520" s="55"/>
      <c r="L1520" s="55"/>
      <c r="M1520" s="55"/>
      <c r="N1520" s="55"/>
      <c r="O1520" s="55"/>
      <c r="P1520" s="55"/>
      <c r="Q1520" s="55"/>
      <c r="R1520" s="55"/>
      <c r="S1520" s="55"/>
      <c r="T1520" s="55"/>
      <c r="U1520" s="55"/>
      <c r="V1520" s="55"/>
      <c r="W1520" s="55"/>
      <c r="X1520" s="55"/>
      <c r="Y1520" s="55"/>
      <c r="Z1520" s="55"/>
      <c r="AA1520" s="55"/>
      <c r="AB1520" s="55"/>
      <c r="AC1520" s="55"/>
      <c r="AD1520" s="55"/>
      <c r="AE1520" s="55"/>
      <c r="AF1520" s="55"/>
      <c r="AG1520" s="55"/>
      <c r="AY1520" s="162"/>
      <c r="AZ1520" s="162"/>
      <c r="BA1520" s="162"/>
      <c r="BB1520" s="162"/>
      <c r="BC1520" s="162"/>
      <c r="BD1520" s="162"/>
      <c r="BE1520" s="162"/>
      <c r="BF1520" s="162"/>
      <c r="BG1520" s="162"/>
      <c r="BH1520" s="162"/>
      <c r="BI1520" s="162"/>
      <c r="BJ1520" s="162"/>
      <c r="BK1520" s="162"/>
      <c r="BL1520" s="162"/>
      <c r="BM1520" s="162"/>
      <c r="BN1520" s="162"/>
      <c r="BO1520" s="162"/>
      <c r="BP1520" s="162"/>
      <c r="BQ1520" s="162"/>
      <c r="BR1520" s="162"/>
      <c r="BS1520" s="162"/>
      <c r="BT1520" s="162"/>
      <c r="BU1520" s="162"/>
      <c r="BV1520" s="162"/>
      <c r="BW1520" s="162"/>
      <c r="BX1520" s="162"/>
      <c r="BY1520" s="162"/>
      <c r="BZ1520" s="162"/>
      <c r="CA1520" s="162"/>
      <c r="CB1520" s="162"/>
      <c r="CC1520" s="162"/>
      <c r="CD1520" s="162"/>
      <c r="CE1520" s="162"/>
      <c r="CF1520" s="162"/>
      <c r="CG1520" s="162"/>
      <c r="CH1520" s="162"/>
      <c r="CI1520" s="162"/>
      <c r="CJ1520" s="162"/>
      <c r="CK1520" s="162"/>
      <c r="CX1520" s="98"/>
      <c r="DL1520" s="97"/>
      <c r="DX1520" s="98"/>
      <c r="EL1520" s="97"/>
      <c r="EX1520" s="98"/>
      <c r="EY1520" s="97"/>
      <c r="FL1520" s="126"/>
      <c r="FM1520" s="91"/>
      <c r="FN1520" s="91"/>
      <c r="FO1520" s="91"/>
      <c r="FP1520" s="91"/>
      <c r="FQ1520" s="91"/>
      <c r="FR1520" s="91"/>
      <c r="FS1520" s="91"/>
      <c r="FT1520" s="91"/>
      <c r="FU1520" s="91"/>
      <c r="FV1520" s="91"/>
      <c r="FW1520" s="91"/>
      <c r="FX1520" s="91"/>
      <c r="FY1520" s="91"/>
      <c r="FZ1520" s="91"/>
      <c r="GA1520" s="91"/>
      <c r="GB1520" s="91"/>
      <c r="GC1520" s="91"/>
      <c r="GD1520" s="91"/>
      <c r="GE1520" s="91"/>
      <c r="GF1520" s="91"/>
      <c r="GG1520" s="91"/>
      <c r="GH1520" s="91"/>
      <c r="GI1520" s="91"/>
      <c r="GJ1520" s="91"/>
      <c r="GK1520" s="127"/>
      <c r="GL1520" s="126"/>
      <c r="GM1520" s="91"/>
      <c r="GN1520" s="91"/>
      <c r="GO1520" s="91"/>
      <c r="GP1520" s="91"/>
      <c r="GQ1520" s="91"/>
      <c r="GR1520" s="91"/>
      <c r="GS1520" s="91"/>
      <c r="GT1520" s="91"/>
      <c r="GU1520" s="91"/>
      <c r="GV1520" s="91"/>
      <c r="GW1520" s="91"/>
      <c r="GX1520" s="91"/>
      <c r="GY1520" s="91"/>
      <c r="GZ1520" s="91"/>
      <c r="HA1520" s="91"/>
      <c r="HB1520" s="91"/>
      <c r="HC1520" s="91"/>
      <c r="HD1520" s="91"/>
      <c r="HE1520" s="91"/>
      <c r="HF1520" s="91"/>
      <c r="HG1520" s="91"/>
      <c r="HH1520" s="91"/>
      <c r="HI1520" s="91"/>
      <c r="HJ1520" s="91"/>
      <c r="HK1520" s="127"/>
      <c r="HL1520" s="126"/>
      <c r="HM1520" s="91"/>
      <c r="HN1520" s="91"/>
      <c r="HO1520" s="91"/>
      <c r="HP1520" s="91"/>
      <c r="HQ1520" s="91"/>
      <c r="HR1520" s="91"/>
      <c r="HS1520" s="91"/>
      <c r="HT1520" s="91"/>
      <c r="HU1520" s="91"/>
      <c r="HV1520" s="91"/>
      <c r="HW1520" s="91"/>
      <c r="HX1520" s="91"/>
      <c r="HY1520" s="91"/>
      <c r="HZ1520" s="91"/>
      <c r="IA1520" s="91"/>
      <c r="IB1520" s="91"/>
      <c r="IC1520" s="91"/>
      <c r="ID1520" s="91"/>
      <c r="IE1520" s="91"/>
      <c r="IF1520" s="91"/>
      <c r="IG1520" s="91"/>
      <c r="IH1520" s="91"/>
      <c r="II1520" s="91"/>
      <c r="IJ1520" s="91"/>
      <c r="IK1520" s="127"/>
    </row>
    <row r="1521" spans="2:245" x14ac:dyDescent="0.2">
      <c r="B1521" s="43"/>
      <c r="C1521" s="73"/>
      <c r="D1521" s="64"/>
      <c r="E1521" s="64"/>
      <c r="F1521" s="55"/>
      <c r="G1521" s="102"/>
      <c r="H1521" s="55"/>
      <c r="I1521" s="55"/>
      <c r="J1521" s="55"/>
      <c r="K1521" s="55"/>
      <c r="L1521" s="55"/>
      <c r="M1521" s="55"/>
      <c r="N1521" s="55"/>
      <c r="O1521" s="55"/>
      <c r="P1521" s="55"/>
      <c r="Q1521" s="55"/>
      <c r="R1521" s="55"/>
      <c r="S1521" s="55"/>
      <c r="T1521" s="55"/>
      <c r="U1521" s="55"/>
      <c r="V1521" s="55"/>
      <c r="W1521" s="55"/>
      <c r="X1521" s="55"/>
      <c r="Y1521" s="55"/>
      <c r="Z1521" s="55"/>
      <c r="AA1521" s="55"/>
      <c r="AB1521" s="55"/>
      <c r="AC1521" s="55"/>
      <c r="AD1521" s="55"/>
      <c r="AE1521" s="55"/>
      <c r="AF1521" s="55"/>
      <c r="AG1521" s="55"/>
      <c r="AY1521" s="162"/>
      <c r="AZ1521" s="162"/>
      <c r="BA1521" s="162"/>
      <c r="BB1521" s="162"/>
      <c r="BC1521" s="162"/>
      <c r="BD1521" s="162"/>
      <c r="BE1521" s="162"/>
      <c r="BF1521" s="162"/>
      <c r="BG1521" s="162"/>
      <c r="BH1521" s="162"/>
      <c r="BI1521" s="162"/>
      <c r="BJ1521" s="162"/>
      <c r="BK1521" s="162"/>
      <c r="BL1521" s="162"/>
      <c r="BM1521" s="162"/>
      <c r="BN1521" s="162"/>
      <c r="BO1521" s="162"/>
      <c r="BP1521" s="162"/>
      <c r="BQ1521" s="162"/>
      <c r="BR1521" s="162"/>
      <c r="BS1521" s="162"/>
      <c r="BT1521" s="162"/>
      <c r="BU1521" s="162"/>
      <c r="BV1521" s="162"/>
      <c r="BW1521" s="162"/>
      <c r="BX1521" s="162"/>
      <c r="BY1521" s="162"/>
      <c r="BZ1521" s="162"/>
      <c r="CA1521" s="162"/>
      <c r="CB1521" s="162"/>
      <c r="CC1521" s="162"/>
      <c r="CD1521" s="162"/>
      <c r="CE1521" s="162"/>
      <c r="CF1521" s="162"/>
      <c r="CG1521" s="162"/>
      <c r="CH1521" s="162"/>
      <c r="CI1521" s="162"/>
      <c r="CJ1521" s="162"/>
      <c r="CK1521" s="162"/>
      <c r="CX1521" s="98"/>
      <c r="DL1521" s="97"/>
      <c r="DX1521" s="98"/>
      <c r="EL1521" s="97"/>
      <c r="EX1521" s="98"/>
      <c r="EY1521" s="97"/>
      <c r="FL1521" s="126"/>
      <c r="FM1521" s="91"/>
      <c r="FN1521" s="91"/>
      <c r="FO1521" s="91"/>
      <c r="FP1521" s="91"/>
      <c r="FQ1521" s="91"/>
      <c r="FR1521" s="91"/>
      <c r="FS1521" s="91"/>
      <c r="FT1521" s="91"/>
      <c r="FU1521" s="91"/>
      <c r="FV1521" s="91"/>
      <c r="FW1521" s="91"/>
      <c r="FX1521" s="91"/>
      <c r="FY1521" s="91"/>
      <c r="FZ1521" s="91"/>
      <c r="GA1521" s="91"/>
      <c r="GB1521" s="91"/>
      <c r="GC1521" s="91"/>
      <c r="GD1521" s="91"/>
      <c r="GE1521" s="91"/>
      <c r="GF1521" s="91"/>
      <c r="GG1521" s="91"/>
      <c r="GH1521" s="91"/>
      <c r="GI1521" s="91"/>
      <c r="GJ1521" s="91"/>
      <c r="GK1521" s="127"/>
      <c r="GL1521" s="126"/>
      <c r="GM1521" s="91"/>
      <c r="GN1521" s="91"/>
      <c r="GO1521" s="91"/>
      <c r="GP1521" s="91"/>
      <c r="GQ1521" s="91"/>
      <c r="GR1521" s="91"/>
      <c r="GS1521" s="91"/>
      <c r="GT1521" s="91"/>
      <c r="GU1521" s="91"/>
      <c r="GV1521" s="91"/>
      <c r="GW1521" s="91"/>
      <c r="GX1521" s="91"/>
      <c r="GY1521" s="91"/>
      <c r="GZ1521" s="91"/>
      <c r="HA1521" s="91"/>
      <c r="HB1521" s="91"/>
      <c r="HC1521" s="91"/>
      <c r="HD1521" s="91"/>
      <c r="HE1521" s="91"/>
      <c r="HF1521" s="91"/>
      <c r="HG1521" s="91"/>
      <c r="HH1521" s="91"/>
      <c r="HI1521" s="91"/>
      <c r="HJ1521" s="91"/>
      <c r="HK1521" s="127"/>
      <c r="HL1521" s="126"/>
      <c r="HM1521" s="91"/>
      <c r="HN1521" s="91"/>
      <c r="HO1521" s="91"/>
      <c r="HP1521" s="91"/>
      <c r="HQ1521" s="91"/>
      <c r="HR1521" s="91"/>
      <c r="HS1521" s="91"/>
      <c r="HT1521" s="91"/>
      <c r="HU1521" s="91"/>
      <c r="HV1521" s="91"/>
      <c r="HW1521" s="91"/>
      <c r="HX1521" s="91"/>
      <c r="HY1521" s="91"/>
      <c r="HZ1521" s="91"/>
      <c r="IA1521" s="91"/>
      <c r="IB1521" s="91"/>
      <c r="IC1521" s="91"/>
      <c r="ID1521" s="91"/>
      <c r="IE1521" s="91"/>
      <c r="IF1521" s="91"/>
      <c r="IG1521" s="91"/>
      <c r="IH1521" s="91"/>
      <c r="II1521" s="91"/>
      <c r="IJ1521" s="91"/>
      <c r="IK1521" s="127"/>
    </row>
    <row r="1522" spans="2:245" x14ac:dyDescent="0.2">
      <c r="B1522" s="43"/>
      <c r="C1522" s="73"/>
      <c r="D1522" s="64"/>
      <c r="E1522" s="64"/>
      <c r="F1522" s="55"/>
      <c r="G1522" s="102"/>
      <c r="H1522" s="55"/>
      <c r="I1522" s="55"/>
      <c r="J1522" s="55"/>
      <c r="K1522" s="55"/>
      <c r="L1522" s="55"/>
      <c r="M1522" s="55"/>
      <c r="N1522" s="55"/>
      <c r="O1522" s="55"/>
      <c r="P1522" s="55"/>
      <c r="Q1522" s="55"/>
      <c r="R1522" s="55"/>
      <c r="S1522" s="55"/>
      <c r="T1522" s="55"/>
      <c r="U1522" s="55"/>
      <c r="V1522" s="55"/>
      <c r="W1522" s="55"/>
      <c r="X1522" s="55"/>
      <c r="Y1522" s="55"/>
      <c r="Z1522" s="55"/>
      <c r="AA1522" s="55"/>
      <c r="AB1522" s="55"/>
      <c r="AC1522" s="55"/>
      <c r="AD1522" s="55"/>
      <c r="AE1522" s="55"/>
      <c r="AF1522" s="55"/>
      <c r="AG1522" s="55"/>
      <c r="AY1522" s="162"/>
      <c r="AZ1522" s="162"/>
      <c r="BA1522" s="162"/>
      <c r="BB1522" s="162"/>
      <c r="BC1522" s="162"/>
      <c r="BD1522" s="162"/>
      <c r="BE1522" s="162"/>
      <c r="BF1522" s="162"/>
      <c r="BG1522" s="162"/>
      <c r="BH1522" s="162"/>
      <c r="BI1522" s="162"/>
      <c r="BJ1522" s="162"/>
      <c r="BK1522" s="162"/>
      <c r="BL1522" s="162"/>
      <c r="BM1522" s="162"/>
      <c r="BN1522" s="162"/>
      <c r="BO1522" s="162"/>
      <c r="BP1522" s="162"/>
      <c r="BQ1522" s="162"/>
      <c r="BR1522" s="162"/>
      <c r="BS1522" s="162"/>
      <c r="BT1522" s="162"/>
      <c r="BU1522" s="162"/>
      <c r="BV1522" s="162"/>
      <c r="BW1522" s="162"/>
      <c r="BX1522" s="162"/>
      <c r="BY1522" s="162"/>
      <c r="BZ1522" s="162"/>
      <c r="CA1522" s="162"/>
      <c r="CB1522" s="162"/>
      <c r="CC1522" s="162"/>
      <c r="CD1522" s="162"/>
      <c r="CE1522" s="162"/>
      <c r="CF1522" s="162"/>
      <c r="CG1522" s="162"/>
      <c r="CH1522" s="162"/>
      <c r="CI1522" s="162"/>
      <c r="CJ1522" s="162"/>
      <c r="CK1522" s="162"/>
      <c r="CX1522" s="98"/>
      <c r="DL1522" s="97"/>
      <c r="DX1522" s="98"/>
      <c r="EL1522" s="97"/>
      <c r="EX1522" s="98"/>
      <c r="EY1522" s="97"/>
      <c r="FL1522" s="126"/>
      <c r="FM1522" s="91"/>
      <c r="FN1522" s="91"/>
      <c r="FO1522" s="91"/>
      <c r="FP1522" s="91"/>
      <c r="FQ1522" s="91"/>
      <c r="FR1522" s="91"/>
      <c r="FS1522" s="91"/>
      <c r="FT1522" s="91"/>
      <c r="FU1522" s="91"/>
      <c r="FV1522" s="91"/>
      <c r="FW1522" s="91"/>
      <c r="FX1522" s="91"/>
      <c r="FY1522" s="91"/>
      <c r="FZ1522" s="91"/>
      <c r="GA1522" s="91"/>
      <c r="GB1522" s="91"/>
      <c r="GC1522" s="91"/>
      <c r="GD1522" s="91"/>
      <c r="GE1522" s="91"/>
      <c r="GF1522" s="91"/>
      <c r="GG1522" s="91"/>
      <c r="GH1522" s="91"/>
      <c r="GI1522" s="91"/>
      <c r="GJ1522" s="91"/>
      <c r="GK1522" s="127"/>
      <c r="GL1522" s="126"/>
      <c r="GM1522" s="91"/>
      <c r="GN1522" s="91"/>
      <c r="GO1522" s="91"/>
      <c r="GP1522" s="91"/>
      <c r="GQ1522" s="91"/>
      <c r="GR1522" s="91"/>
      <c r="GS1522" s="91"/>
      <c r="GT1522" s="91"/>
      <c r="GU1522" s="91"/>
      <c r="GV1522" s="91"/>
      <c r="GW1522" s="91"/>
      <c r="GX1522" s="91"/>
      <c r="GY1522" s="91"/>
      <c r="GZ1522" s="91"/>
      <c r="HA1522" s="91"/>
      <c r="HB1522" s="91"/>
      <c r="HC1522" s="91"/>
      <c r="HD1522" s="91"/>
      <c r="HE1522" s="91"/>
      <c r="HF1522" s="91"/>
      <c r="HG1522" s="91"/>
      <c r="HH1522" s="91"/>
      <c r="HI1522" s="91"/>
      <c r="HJ1522" s="91"/>
      <c r="HK1522" s="127"/>
      <c r="HL1522" s="126"/>
      <c r="HM1522" s="91"/>
      <c r="HN1522" s="91"/>
      <c r="HO1522" s="91"/>
      <c r="HP1522" s="91"/>
      <c r="HQ1522" s="91"/>
      <c r="HR1522" s="91"/>
      <c r="HS1522" s="91"/>
      <c r="HT1522" s="91"/>
      <c r="HU1522" s="91"/>
      <c r="HV1522" s="91"/>
      <c r="HW1522" s="91"/>
      <c r="HX1522" s="91"/>
      <c r="HY1522" s="91"/>
      <c r="HZ1522" s="91"/>
      <c r="IA1522" s="91"/>
      <c r="IB1522" s="91"/>
      <c r="IC1522" s="91"/>
      <c r="ID1522" s="91"/>
      <c r="IE1522" s="91"/>
      <c r="IF1522" s="91"/>
      <c r="IG1522" s="91"/>
      <c r="IH1522" s="91"/>
      <c r="II1522" s="91"/>
      <c r="IJ1522" s="91"/>
      <c r="IK1522" s="127"/>
    </row>
    <row r="1523" spans="2:245" x14ac:dyDescent="0.2">
      <c r="B1523" s="43"/>
      <c r="C1523" s="73"/>
      <c r="D1523" s="64"/>
      <c r="E1523" s="64"/>
      <c r="F1523" s="55"/>
      <c r="G1523" s="102"/>
      <c r="H1523" s="55"/>
      <c r="I1523" s="55"/>
      <c r="J1523" s="55"/>
      <c r="K1523" s="55"/>
      <c r="L1523" s="55"/>
      <c r="M1523" s="55"/>
      <c r="N1523" s="55"/>
      <c r="O1523" s="55"/>
      <c r="P1523" s="55"/>
      <c r="Q1523" s="55"/>
      <c r="R1523" s="55"/>
      <c r="S1523" s="55"/>
      <c r="T1523" s="55"/>
      <c r="U1523" s="55"/>
      <c r="V1523" s="55"/>
      <c r="W1523" s="55"/>
      <c r="X1523" s="55"/>
      <c r="Y1523" s="55"/>
      <c r="Z1523" s="55"/>
      <c r="AA1523" s="55"/>
      <c r="AB1523" s="55"/>
      <c r="AC1523" s="55"/>
      <c r="AD1523" s="55"/>
      <c r="AE1523" s="55"/>
      <c r="AF1523" s="55"/>
      <c r="AG1523" s="55"/>
      <c r="AY1523" s="162"/>
      <c r="AZ1523" s="162"/>
      <c r="BA1523" s="162"/>
      <c r="BB1523" s="162"/>
      <c r="BC1523" s="162"/>
      <c r="BD1523" s="162"/>
      <c r="BE1523" s="162"/>
      <c r="BF1523" s="162"/>
      <c r="BG1523" s="162"/>
      <c r="BH1523" s="162"/>
      <c r="BI1523" s="162"/>
      <c r="BJ1523" s="162"/>
      <c r="BK1523" s="162"/>
      <c r="BL1523" s="162"/>
      <c r="BM1523" s="162"/>
      <c r="BN1523" s="162"/>
      <c r="BO1523" s="162"/>
      <c r="BP1523" s="162"/>
      <c r="BQ1523" s="162"/>
      <c r="BR1523" s="162"/>
      <c r="BS1523" s="162"/>
      <c r="BT1523" s="162"/>
      <c r="BU1523" s="162"/>
      <c r="BV1523" s="162"/>
      <c r="BW1523" s="162"/>
      <c r="BX1523" s="162"/>
      <c r="BY1523" s="162"/>
      <c r="BZ1523" s="162"/>
      <c r="CA1523" s="162"/>
      <c r="CB1523" s="162"/>
      <c r="CC1523" s="162"/>
      <c r="CD1523" s="162"/>
      <c r="CE1523" s="162"/>
      <c r="CF1523" s="162"/>
      <c r="CG1523" s="162"/>
      <c r="CH1523" s="162"/>
      <c r="CI1523" s="162"/>
      <c r="CJ1523" s="162"/>
      <c r="CK1523" s="162"/>
      <c r="CX1523" s="98"/>
      <c r="DL1523" s="97"/>
      <c r="DX1523" s="98"/>
      <c r="EL1523" s="97"/>
      <c r="EX1523" s="98"/>
      <c r="EY1523" s="97"/>
      <c r="FL1523" s="126"/>
      <c r="FM1523" s="91"/>
      <c r="FN1523" s="91"/>
      <c r="FO1523" s="91"/>
      <c r="FP1523" s="91"/>
      <c r="FQ1523" s="91"/>
      <c r="FR1523" s="91"/>
      <c r="FS1523" s="91"/>
      <c r="FT1523" s="91"/>
      <c r="FU1523" s="91"/>
      <c r="FV1523" s="91"/>
      <c r="FW1523" s="91"/>
      <c r="FX1523" s="91"/>
      <c r="FY1523" s="91"/>
      <c r="FZ1523" s="91"/>
      <c r="GA1523" s="91"/>
      <c r="GB1523" s="91"/>
      <c r="GC1523" s="91"/>
      <c r="GD1523" s="91"/>
      <c r="GE1523" s="91"/>
      <c r="GF1523" s="91"/>
      <c r="GG1523" s="91"/>
      <c r="GH1523" s="91"/>
      <c r="GI1523" s="91"/>
      <c r="GJ1523" s="91"/>
      <c r="GK1523" s="127"/>
      <c r="GL1523" s="126"/>
      <c r="GM1523" s="91"/>
      <c r="GN1523" s="91"/>
      <c r="GO1523" s="91"/>
      <c r="GP1523" s="91"/>
      <c r="GQ1523" s="91"/>
      <c r="GR1523" s="91"/>
      <c r="GS1523" s="91"/>
      <c r="GT1523" s="91"/>
      <c r="GU1523" s="91"/>
      <c r="GV1523" s="91"/>
      <c r="GW1523" s="91"/>
      <c r="GX1523" s="91"/>
      <c r="GY1523" s="91"/>
      <c r="GZ1523" s="91"/>
      <c r="HA1523" s="91"/>
      <c r="HB1523" s="91"/>
      <c r="HC1523" s="91"/>
      <c r="HD1523" s="91"/>
      <c r="HE1523" s="91"/>
      <c r="HF1523" s="91"/>
      <c r="HG1523" s="91"/>
      <c r="HH1523" s="91"/>
      <c r="HI1523" s="91"/>
      <c r="HJ1523" s="91"/>
      <c r="HK1523" s="127"/>
      <c r="HL1523" s="126"/>
      <c r="HM1523" s="91"/>
      <c r="HN1523" s="91"/>
      <c r="HO1523" s="91"/>
      <c r="HP1523" s="91"/>
      <c r="HQ1523" s="91"/>
      <c r="HR1523" s="91"/>
      <c r="HS1523" s="91"/>
      <c r="HT1523" s="91"/>
      <c r="HU1523" s="91"/>
      <c r="HV1523" s="91"/>
      <c r="HW1523" s="91"/>
      <c r="HX1523" s="91"/>
      <c r="HY1523" s="91"/>
      <c r="HZ1523" s="91"/>
      <c r="IA1523" s="91"/>
      <c r="IB1523" s="91"/>
      <c r="IC1523" s="91"/>
      <c r="ID1523" s="91"/>
      <c r="IE1523" s="91"/>
      <c r="IF1523" s="91"/>
      <c r="IG1523" s="91"/>
      <c r="IH1523" s="91"/>
      <c r="II1523" s="91"/>
      <c r="IJ1523" s="91"/>
      <c r="IK1523" s="127"/>
    </row>
    <row r="1524" spans="2:245" x14ac:dyDescent="0.2">
      <c r="B1524" s="43"/>
      <c r="C1524" s="73"/>
      <c r="D1524" s="64"/>
      <c r="E1524" s="64"/>
      <c r="F1524" s="55"/>
      <c r="G1524" s="102"/>
      <c r="H1524" s="55"/>
      <c r="I1524" s="55"/>
      <c r="J1524" s="55"/>
      <c r="K1524" s="55"/>
      <c r="L1524" s="55"/>
      <c r="M1524" s="55"/>
      <c r="N1524" s="55"/>
      <c r="O1524" s="55"/>
      <c r="P1524" s="55"/>
      <c r="Q1524" s="55"/>
      <c r="R1524" s="55"/>
      <c r="S1524" s="55"/>
      <c r="T1524" s="55"/>
      <c r="U1524" s="55"/>
      <c r="V1524" s="55"/>
      <c r="W1524" s="55"/>
      <c r="X1524" s="55"/>
      <c r="Y1524" s="55"/>
      <c r="Z1524" s="55"/>
      <c r="AA1524" s="55"/>
      <c r="AB1524" s="55"/>
      <c r="AC1524" s="55"/>
      <c r="AD1524" s="55"/>
      <c r="AE1524" s="55"/>
      <c r="AF1524" s="55"/>
      <c r="AG1524" s="55"/>
      <c r="AY1524" s="162"/>
      <c r="AZ1524" s="162"/>
      <c r="BA1524" s="162"/>
      <c r="BB1524" s="162"/>
      <c r="BC1524" s="162"/>
      <c r="BD1524" s="162"/>
      <c r="BE1524" s="162"/>
      <c r="BF1524" s="162"/>
      <c r="BG1524" s="162"/>
      <c r="BH1524" s="162"/>
      <c r="BI1524" s="162"/>
      <c r="BJ1524" s="162"/>
      <c r="BK1524" s="162"/>
      <c r="BL1524" s="162"/>
      <c r="BM1524" s="162"/>
      <c r="BN1524" s="162"/>
      <c r="BO1524" s="162"/>
      <c r="BP1524" s="162"/>
      <c r="BQ1524" s="162"/>
      <c r="BR1524" s="162"/>
      <c r="BS1524" s="162"/>
      <c r="BT1524" s="162"/>
      <c r="BU1524" s="162"/>
      <c r="BV1524" s="162"/>
      <c r="BW1524" s="162"/>
      <c r="BX1524" s="162"/>
      <c r="BY1524" s="162"/>
      <c r="BZ1524" s="162"/>
      <c r="CA1524" s="162"/>
      <c r="CB1524" s="162"/>
      <c r="CC1524" s="162"/>
      <c r="CD1524" s="162"/>
      <c r="CE1524" s="162"/>
      <c r="CF1524" s="162"/>
      <c r="CG1524" s="162"/>
      <c r="CH1524" s="162"/>
      <c r="CI1524" s="162"/>
      <c r="CJ1524" s="162"/>
      <c r="CK1524" s="162"/>
      <c r="CX1524" s="98"/>
      <c r="DL1524" s="97"/>
      <c r="DX1524" s="98"/>
      <c r="EL1524" s="97"/>
      <c r="EX1524" s="98"/>
      <c r="EY1524" s="97"/>
      <c r="FL1524" s="126"/>
      <c r="FM1524" s="91"/>
      <c r="FN1524" s="91"/>
      <c r="FO1524" s="91"/>
      <c r="FP1524" s="91"/>
      <c r="FQ1524" s="91"/>
      <c r="FR1524" s="91"/>
      <c r="FS1524" s="91"/>
      <c r="FT1524" s="91"/>
      <c r="FU1524" s="91"/>
      <c r="FV1524" s="91"/>
      <c r="FW1524" s="91"/>
      <c r="FX1524" s="91"/>
      <c r="FY1524" s="91"/>
      <c r="FZ1524" s="91"/>
      <c r="GA1524" s="91"/>
      <c r="GB1524" s="91"/>
      <c r="GC1524" s="91"/>
      <c r="GD1524" s="91"/>
      <c r="GE1524" s="91"/>
      <c r="GF1524" s="91"/>
      <c r="GG1524" s="91"/>
      <c r="GH1524" s="91"/>
      <c r="GI1524" s="91"/>
      <c r="GJ1524" s="91"/>
      <c r="GK1524" s="127"/>
      <c r="GL1524" s="126"/>
      <c r="GM1524" s="91"/>
      <c r="GN1524" s="91"/>
      <c r="GO1524" s="91"/>
      <c r="GP1524" s="91"/>
      <c r="GQ1524" s="91"/>
      <c r="GR1524" s="91"/>
      <c r="GS1524" s="91"/>
      <c r="GT1524" s="91"/>
      <c r="GU1524" s="91"/>
      <c r="GV1524" s="91"/>
      <c r="GW1524" s="91"/>
      <c r="GX1524" s="91"/>
      <c r="GY1524" s="91"/>
      <c r="GZ1524" s="91"/>
      <c r="HA1524" s="91"/>
      <c r="HB1524" s="91"/>
      <c r="HC1524" s="91"/>
      <c r="HD1524" s="91"/>
      <c r="HE1524" s="91"/>
      <c r="HF1524" s="91"/>
      <c r="HG1524" s="91"/>
      <c r="HH1524" s="91"/>
      <c r="HI1524" s="91"/>
      <c r="HJ1524" s="91"/>
      <c r="HK1524" s="127"/>
      <c r="HL1524" s="126"/>
      <c r="HM1524" s="91"/>
      <c r="HN1524" s="91"/>
      <c r="HO1524" s="91"/>
      <c r="HP1524" s="91"/>
      <c r="HQ1524" s="91"/>
      <c r="HR1524" s="91"/>
      <c r="HS1524" s="91"/>
      <c r="HT1524" s="91"/>
      <c r="HU1524" s="91"/>
      <c r="HV1524" s="91"/>
      <c r="HW1524" s="91"/>
      <c r="HX1524" s="91"/>
      <c r="HY1524" s="91"/>
      <c r="HZ1524" s="91"/>
      <c r="IA1524" s="91"/>
      <c r="IB1524" s="91"/>
      <c r="IC1524" s="91"/>
      <c r="ID1524" s="91"/>
      <c r="IE1524" s="91"/>
      <c r="IF1524" s="91"/>
      <c r="IG1524" s="91"/>
      <c r="IH1524" s="91"/>
      <c r="II1524" s="91"/>
      <c r="IJ1524" s="91"/>
      <c r="IK1524" s="127"/>
    </row>
    <row r="1525" spans="2:245" x14ac:dyDescent="0.2">
      <c r="B1525" s="43"/>
      <c r="C1525" s="73"/>
      <c r="D1525" s="64"/>
      <c r="E1525" s="64"/>
      <c r="F1525" s="55"/>
      <c r="G1525" s="102"/>
      <c r="H1525" s="55"/>
      <c r="I1525" s="55"/>
      <c r="J1525" s="55"/>
      <c r="K1525" s="55"/>
      <c r="L1525" s="55"/>
      <c r="M1525" s="55"/>
      <c r="N1525" s="55"/>
      <c r="O1525" s="55"/>
      <c r="P1525" s="55"/>
      <c r="Q1525" s="55"/>
      <c r="R1525" s="55"/>
      <c r="S1525" s="55"/>
      <c r="T1525" s="55"/>
      <c r="U1525" s="55"/>
      <c r="V1525" s="55"/>
      <c r="W1525" s="55"/>
      <c r="X1525" s="55"/>
      <c r="Y1525" s="55"/>
      <c r="Z1525" s="55"/>
      <c r="AA1525" s="55"/>
      <c r="AB1525" s="55"/>
      <c r="AC1525" s="55"/>
      <c r="AD1525" s="55"/>
      <c r="AE1525" s="55"/>
      <c r="AF1525" s="55"/>
      <c r="AG1525" s="55"/>
      <c r="AY1525" s="162"/>
      <c r="AZ1525" s="162"/>
      <c r="BA1525" s="162"/>
      <c r="BB1525" s="162"/>
      <c r="BC1525" s="162"/>
      <c r="BD1525" s="162"/>
      <c r="BE1525" s="162"/>
      <c r="BF1525" s="162"/>
      <c r="BG1525" s="162"/>
      <c r="BH1525" s="162"/>
      <c r="BI1525" s="162"/>
      <c r="BJ1525" s="162"/>
      <c r="BK1525" s="162"/>
      <c r="BL1525" s="162"/>
      <c r="BM1525" s="162"/>
      <c r="BN1525" s="162"/>
      <c r="BO1525" s="162"/>
      <c r="BP1525" s="162"/>
      <c r="BQ1525" s="162"/>
      <c r="BR1525" s="162"/>
      <c r="BS1525" s="162"/>
      <c r="BT1525" s="162"/>
      <c r="BU1525" s="162"/>
      <c r="BV1525" s="162"/>
      <c r="BW1525" s="162"/>
      <c r="BX1525" s="162"/>
      <c r="BY1525" s="162"/>
      <c r="BZ1525" s="162"/>
      <c r="CA1525" s="162"/>
      <c r="CB1525" s="162"/>
      <c r="CC1525" s="162"/>
      <c r="CD1525" s="162"/>
      <c r="CE1525" s="162"/>
      <c r="CF1525" s="162"/>
      <c r="CG1525" s="162"/>
      <c r="CH1525" s="162"/>
      <c r="CI1525" s="162"/>
      <c r="CJ1525" s="162"/>
      <c r="CK1525" s="162"/>
      <c r="CX1525" s="98"/>
      <c r="DL1525" s="97"/>
      <c r="DX1525" s="98"/>
      <c r="EL1525" s="97"/>
      <c r="EX1525" s="98"/>
      <c r="EY1525" s="97"/>
      <c r="FL1525" s="126"/>
      <c r="FM1525" s="91"/>
      <c r="FN1525" s="91"/>
      <c r="FO1525" s="91"/>
      <c r="FP1525" s="91"/>
      <c r="FQ1525" s="91"/>
      <c r="FR1525" s="91"/>
      <c r="FS1525" s="91"/>
      <c r="FT1525" s="91"/>
      <c r="FU1525" s="91"/>
      <c r="FV1525" s="91"/>
      <c r="FW1525" s="91"/>
      <c r="FX1525" s="91"/>
      <c r="FY1525" s="91"/>
      <c r="FZ1525" s="91"/>
      <c r="GA1525" s="91"/>
      <c r="GB1525" s="91"/>
      <c r="GC1525" s="91"/>
      <c r="GD1525" s="91"/>
      <c r="GE1525" s="91"/>
      <c r="GF1525" s="91"/>
      <c r="GG1525" s="91"/>
      <c r="GH1525" s="91"/>
      <c r="GI1525" s="91"/>
      <c r="GJ1525" s="91"/>
      <c r="GK1525" s="127"/>
      <c r="GL1525" s="126"/>
      <c r="GM1525" s="91"/>
      <c r="GN1525" s="91"/>
      <c r="GO1525" s="91"/>
      <c r="GP1525" s="91"/>
      <c r="GQ1525" s="91"/>
      <c r="GR1525" s="91"/>
      <c r="GS1525" s="91"/>
      <c r="GT1525" s="91"/>
      <c r="GU1525" s="91"/>
      <c r="GV1525" s="91"/>
      <c r="GW1525" s="91"/>
      <c r="GX1525" s="91"/>
      <c r="GY1525" s="91"/>
      <c r="GZ1525" s="91"/>
      <c r="HA1525" s="91"/>
      <c r="HB1525" s="91"/>
      <c r="HC1525" s="91"/>
      <c r="HD1525" s="91"/>
      <c r="HE1525" s="91"/>
      <c r="HF1525" s="91"/>
      <c r="HG1525" s="91"/>
      <c r="HH1525" s="91"/>
      <c r="HI1525" s="91"/>
      <c r="HJ1525" s="91"/>
      <c r="HK1525" s="127"/>
      <c r="HL1525" s="126"/>
      <c r="HM1525" s="91"/>
      <c r="HN1525" s="91"/>
      <c r="HO1525" s="91"/>
      <c r="HP1525" s="91"/>
      <c r="HQ1525" s="91"/>
      <c r="HR1525" s="91"/>
      <c r="HS1525" s="91"/>
      <c r="HT1525" s="91"/>
      <c r="HU1525" s="91"/>
      <c r="HV1525" s="91"/>
      <c r="HW1525" s="91"/>
      <c r="HX1525" s="91"/>
      <c r="HY1525" s="91"/>
      <c r="HZ1525" s="91"/>
      <c r="IA1525" s="91"/>
      <c r="IB1525" s="91"/>
      <c r="IC1525" s="91"/>
      <c r="ID1525" s="91"/>
      <c r="IE1525" s="91"/>
      <c r="IF1525" s="91"/>
      <c r="IG1525" s="91"/>
      <c r="IH1525" s="91"/>
      <c r="II1525" s="91"/>
      <c r="IJ1525" s="91"/>
      <c r="IK1525" s="127"/>
    </row>
    <row r="1526" spans="2:245" x14ac:dyDescent="0.2">
      <c r="B1526" s="43"/>
      <c r="C1526" s="73"/>
      <c r="D1526" s="64"/>
      <c r="E1526" s="64"/>
      <c r="F1526" s="55"/>
      <c r="G1526" s="102"/>
      <c r="H1526" s="55"/>
      <c r="I1526" s="55"/>
      <c r="J1526" s="55"/>
      <c r="K1526" s="55"/>
      <c r="L1526" s="55"/>
      <c r="M1526" s="55"/>
      <c r="N1526" s="55"/>
      <c r="O1526" s="55"/>
      <c r="P1526" s="55"/>
      <c r="Q1526" s="55"/>
      <c r="R1526" s="55"/>
      <c r="S1526" s="55"/>
      <c r="T1526" s="55"/>
      <c r="U1526" s="55"/>
      <c r="V1526" s="55"/>
      <c r="W1526" s="55"/>
      <c r="X1526" s="55"/>
      <c r="Y1526" s="55"/>
      <c r="Z1526" s="55"/>
      <c r="AA1526" s="55"/>
      <c r="AB1526" s="55"/>
      <c r="AC1526" s="55"/>
      <c r="AD1526" s="55"/>
      <c r="AE1526" s="55"/>
      <c r="AF1526" s="55"/>
      <c r="AG1526" s="55"/>
      <c r="AY1526" s="162"/>
      <c r="AZ1526" s="162"/>
      <c r="BA1526" s="162"/>
      <c r="BB1526" s="162"/>
      <c r="BC1526" s="162"/>
      <c r="BD1526" s="162"/>
      <c r="BE1526" s="162"/>
      <c r="BF1526" s="162"/>
      <c r="BG1526" s="162"/>
      <c r="BH1526" s="162"/>
      <c r="BI1526" s="162"/>
      <c r="BJ1526" s="162"/>
      <c r="BK1526" s="162"/>
      <c r="BL1526" s="162"/>
      <c r="BM1526" s="162"/>
      <c r="BN1526" s="162"/>
      <c r="BO1526" s="162"/>
      <c r="BP1526" s="162"/>
      <c r="BQ1526" s="162"/>
      <c r="BR1526" s="162"/>
      <c r="BS1526" s="162"/>
      <c r="BT1526" s="162"/>
      <c r="BU1526" s="162"/>
      <c r="BV1526" s="162"/>
      <c r="BW1526" s="162"/>
      <c r="BX1526" s="162"/>
      <c r="BY1526" s="162"/>
      <c r="BZ1526" s="162"/>
      <c r="CA1526" s="162"/>
      <c r="CB1526" s="162"/>
      <c r="CC1526" s="162"/>
      <c r="CD1526" s="162"/>
      <c r="CE1526" s="162"/>
      <c r="CF1526" s="162"/>
      <c r="CG1526" s="162"/>
      <c r="CH1526" s="162"/>
      <c r="CI1526" s="162"/>
      <c r="CJ1526" s="162"/>
      <c r="CK1526" s="162"/>
      <c r="CX1526" s="98"/>
      <c r="DL1526" s="97"/>
      <c r="DX1526" s="98"/>
      <c r="EL1526" s="97"/>
      <c r="EX1526" s="98"/>
      <c r="EY1526" s="97"/>
      <c r="FL1526" s="126"/>
      <c r="FM1526" s="91"/>
      <c r="FN1526" s="91"/>
      <c r="FO1526" s="91"/>
      <c r="FP1526" s="91"/>
      <c r="FQ1526" s="91"/>
      <c r="FR1526" s="91"/>
      <c r="FS1526" s="91"/>
      <c r="FT1526" s="91"/>
      <c r="FU1526" s="91"/>
      <c r="FV1526" s="91"/>
      <c r="FW1526" s="91"/>
      <c r="FX1526" s="91"/>
      <c r="FY1526" s="91"/>
      <c r="FZ1526" s="91"/>
      <c r="GA1526" s="91"/>
      <c r="GB1526" s="91"/>
      <c r="GC1526" s="91"/>
      <c r="GD1526" s="91"/>
      <c r="GE1526" s="91"/>
      <c r="GF1526" s="91"/>
      <c r="GG1526" s="91"/>
      <c r="GH1526" s="91"/>
      <c r="GI1526" s="91"/>
      <c r="GJ1526" s="91"/>
      <c r="GK1526" s="127"/>
      <c r="GL1526" s="126"/>
      <c r="GM1526" s="91"/>
      <c r="GN1526" s="91"/>
      <c r="GO1526" s="91"/>
      <c r="GP1526" s="91"/>
      <c r="GQ1526" s="91"/>
      <c r="GR1526" s="91"/>
      <c r="GS1526" s="91"/>
      <c r="GT1526" s="91"/>
      <c r="GU1526" s="91"/>
      <c r="GV1526" s="91"/>
      <c r="GW1526" s="91"/>
      <c r="GX1526" s="91"/>
      <c r="GY1526" s="91"/>
      <c r="GZ1526" s="91"/>
      <c r="HA1526" s="91"/>
      <c r="HB1526" s="91"/>
      <c r="HC1526" s="91"/>
      <c r="HD1526" s="91"/>
      <c r="HE1526" s="91"/>
      <c r="HF1526" s="91"/>
      <c r="HG1526" s="91"/>
      <c r="HH1526" s="91"/>
      <c r="HI1526" s="91"/>
      <c r="HJ1526" s="91"/>
      <c r="HK1526" s="127"/>
      <c r="HL1526" s="126"/>
      <c r="HM1526" s="91"/>
      <c r="HN1526" s="91"/>
      <c r="HO1526" s="91"/>
      <c r="HP1526" s="91"/>
      <c r="HQ1526" s="91"/>
      <c r="HR1526" s="91"/>
      <c r="HS1526" s="91"/>
      <c r="HT1526" s="91"/>
      <c r="HU1526" s="91"/>
      <c r="HV1526" s="91"/>
      <c r="HW1526" s="91"/>
      <c r="HX1526" s="91"/>
      <c r="HY1526" s="91"/>
      <c r="HZ1526" s="91"/>
      <c r="IA1526" s="91"/>
      <c r="IB1526" s="91"/>
      <c r="IC1526" s="91"/>
      <c r="ID1526" s="91"/>
      <c r="IE1526" s="91"/>
      <c r="IF1526" s="91"/>
      <c r="IG1526" s="91"/>
      <c r="IH1526" s="91"/>
      <c r="II1526" s="91"/>
      <c r="IJ1526" s="91"/>
      <c r="IK1526" s="127"/>
    </row>
    <row r="1527" spans="2:245" x14ac:dyDescent="0.2">
      <c r="B1527" s="43"/>
      <c r="C1527" s="73"/>
      <c r="D1527" s="64"/>
      <c r="E1527" s="64"/>
      <c r="F1527" s="55"/>
      <c r="G1527" s="102"/>
      <c r="H1527" s="55"/>
      <c r="I1527" s="55"/>
      <c r="J1527" s="55"/>
      <c r="K1527" s="55"/>
      <c r="L1527" s="55"/>
      <c r="M1527" s="55"/>
      <c r="N1527" s="55"/>
      <c r="O1527" s="55"/>
      <c r="P1527" s="55"/>
      <c r="Q1527" s="55"/>
      <c r="R1527" s="55"/>
      <c r="S1527" s="55"/>
      <c r="T1527" s="55"/>
      <c r="U1527" s="55"/>
      <c r="V1527" s="55"/>
      <c r="W1527" s="55"/>
      <c r="X1527" s="55"/>
      <c r="Y1527" s="55"/>
      <c r="Z1527" s="55"/>
      <c r="AA1527" s="55"/>
      <c r="AB1527" s="55"/>
      <c r="AC1527" s="55"/>
      <c r="AD1527" s="55"/>
      <c r="AE1527" s="55"/>
      <c r="AF1527" s="55"/>
      <c r="AG1527" s="55"/>
      <c r="AY1527" s="162"/>
      <c r="AZ1527" s="162"/>
      <c r="BA1527" s="162"/>
      <c r="BB1527" s="162"/>
      <c r="BC1527" s="162"/>
      <c r="BD1527" s="162"/>
      <c r="BE1527" s="162"/>
      <c r="BF1527" s="162"/>
      <c r="BG1527" s="162"/>
      <c r="BH1527" s="162"/>
      <c r="BI1527" s="162"/>
      <c r="BJ1527" s="162"/>
      <c r="BK1527" s="162"/>
      <c r="BL1527" s="162"/>
      <c r="BM1527" s="162"/>
      <c r="BN1527" s="162"/>
      <c r="BO1527" s="162"/>
      <c r="BP1527" s="162"/>
      <c r="BQ1527" s="162"/>
      <c r="BR1527" s="162"/>
      <c r="BS1527" s="162"/>
      <c r="BT1527" s="162"/>
      <c r="BU1527" s="162"/>
      <c r="BV1527" s="162"/>
      <c r="BW1527" s="162"/>
      <c r="BX1527" s="162"/>
      <c r="BY1527" s="162"/>
      <c r="BZ1527" s="162"/>
      <c r="CA1527" s="162"/>
      <c r="CB1527" s="162"/>
      <c r="CC1527" s="162"/>
      <c r="CD1527" s="162"/>
      <c r="CE1527" s="162"/>
      <c r="CF1527" s="162"/>
      <c r="CG1527" s="162"/>
      <c r="CH1527" s="162"/>
      <c r="CI1527" s="162"/>
      <c r="CJ1527" s="162"/>
      <c r="CK1527" s="162"/>
      <c r="CX1527" s="98"/>
      <c r="DL1527" s="97"/>
      <c r="DX1527" s="98"/>
      <c r="EL1527" s="97"/>
      <c r="EX1527" s="98"/>
      <c r="EY1527" s="97"/>
      <c r="FL1527" s="126"/>
      <c r="FM1527" s="91"/>
      <c r="FN1527" s="91"/>
      <c r="FO1527" s="91"/>
      <c r="FP1527" s="91"/>
      <c r="FQ1527" s="91"/>
      <c r="FR1527" s="91"/>
      <c r="FS1527" s="91"/>
      <c r="FT1527" s="91"/>
      <c r="FU1527" s="91"/>
      <c r="FV1527" s="91"/>
      <c r="FW1527" s="91"/>
      <c r="FX1527" s="91"/>
      <c r="FY1527" s="91"/>
      <c r="FZ1527" s="91"/>
      <c r="GA1527" s="91"/>
      <c r="GB1527" s="91"/>
      <c r="GC1527" s="91"/>
      <c r="GD1527" s="91"/>
      <c r="GE1527" s="91"/>
      <c r="GF1527" s="91"/>
      <c r="GG1527" s="91"/>
      <c r="GH1527" s="91"/>
      <c r="GI1527" s="91"/>
      <c r="GJ1527" s="91"/>
      <c r="GK1527" s="127"/>
      <c r="GL1527" s="126"/>
      <c r="GM1527" s="91"/>
      <c r="GN1527" s="91"/>
      <c r="GO1527" s="91"/>
      <c r="GP1527" s="91"/>
      <c r="GQ1527" s="91"/>
      <c r="GR1527" s="91"/>
      <c r="GS1527" s="91"/>
      <c r="GT1527" s="91"/>
      <c r="GU1527" s="91"/>
      <c r="GV1527" s="91"/>
      <c r="GW1527" s="91"/>
      <c r="GX1527" s="91"/>
      <c r="GY1527" s="91"/>
      <c r="GZ1527" s="91"/>
      <c r="HA1527" s="91"/>
      <c r="HB1527" s="91"/>
      <c r="HC1527" s="91"/>
      <c r="HD1527" s="91"/>
      <c r="HE1527" s="91"/>
      <c r="HF1527" s="91"/>
      <c r="HG1527" s="91"/>
      <c r="HH1527" s="91"/>
      <c r="HI1527" s="91"/>
      <c r="HJ1527" s="91"/>
      <c r="HK1527" s="127"/>
      <c r="HL1527" s="126"/>
      <c r="HM1527" s="91"/>
      <c r="HN1527" s="91"/>
      <c r="HO1527" s="91"/>
      <c r="HP1527" s="91"/>
      <c r="HQ1527" s="91"/>
      <c r="HR1527" s="91"/>
      <c r="HS1527" s="91"/>
      <c r="HT1527" s="91"/>
      <c r="HU1527" s="91"/>
      <c r="HV1527" s="91"/>
      <c r="HW1527" s="91"/>
      <c r="HX1527" s="91"/>
      <c r="HY1527" s="91"/>
      <c r="HZ1527" s="91"/>
      <c r="IA1527" s="91"/>
      <c r="IB1527" s="91"/>
      <c r="IC1527" s="91"/>
      <c r="ID1527" s="91"/>
      <c r="IE1527" s="91"/>
      <c r="IF1527" s="91"/>
      <c r="IG1527" s="91"/>
      <c r="IH1527" s="91"/>
      <c r="II1527" s="91"/>
      <c r="IJ1527" s="91"/>
      <c r="IK1527" s="127"/>
    </row>
    <row r="1528" spans="2:245" x14ac:dyDescent="0.2">
      <c r="B1528" s="43"/>
      <c r="C1528" s="73"/>
      <c r="D1528" s="64"/>
      <c r="E1528" s="64"/>
      <c r="F1528" s="55"/>
      <c r="G1528" s="102"/>
      <c r="H1528" s="55"/>
      <c r="I1528" s="55"/>
      <c r="J1528" s="55"/>
      <c r="K1528" s="55"/>
      <c r="L1528" s="55"/>
      <c r="M1528" s="55"/>
      <c r="N1528" s="55"/>
      <c r="O1528" s="55"/>
      <c r="P1528" s="55"/>
      <c r="Q1528" s="55"/>
      <c r="R1528" s="55"/>
      <c r="S1528" s="55"/>
      <c r="T1528" s="55"/>
      <c r="U1528" s="55"/>
      <c r="V1528" s="55"/>
      <c r="W1528" s="55"/>
      <c r="X1528" s="55"/>
      <c r="Y1528" s="55"/>
      <c r="Z1528" s="55"/>
      <c r="AA1528" s="55"/>
      <c r="AB1528" s="55"/>
      <c r="AC1528" s="55"/>
      <c r="AD1528" s="55"/>
      <c r="AE1528" s="55"/>
      <c r="AF1528" s="55"/>
      <c r="AG1528" s="55"/>
      <c r="AY1528" s="162"/>
      <c r="AZ1528" s="162"/>
      <c r="BA1528" s="162"/>
      <c r="BB1528" s="162"/>
      <c r="BC1528" s="162"/>
      <c r="BD1528" s="162"/>
      <c r="BE1528" s="162"/>
      <c r="BF1528" s="162"/>
      <c r="BG1528" s="162"/>
      <c r="BH1528" s="162"/>
      <c r="BI1528" s="162"/>
      <c r="BJ1528" s="162"/>
      <c r="BK1528" s="162"/>
      <c r="BL1528" s="162"/>
      <c r="BM1528" s="162"/>
      <c r="BN1528" s="162"/>
      <c r="BO1528" s="162"/>
      <c r="BP1528" s="162"/>
      <c r="BQ1528" s="162"/>
      <c r="BR1528" s="162"/>
      <c r="BS1528" s="162"/>
      <c r="BT1528" s="162"/>
      <c r="BU1528" s="162"/>
      <c r="BV1528" s="162"/>
      <c r="BW1528" s="162"/>
      <c r="BX1528" s="162"/>
      <c r="BY1528" s="162"/>
      <c r="BZ1528" s="162"/>
      <c r="CA1528" s="162"/>
      <c r="CB1528" s="162"/>
      <c r="CC1528" s="162"/>
      <c r="CD1528" s="162"/>
      <c r="CE1528" s="162"/>
      <c r="CF1528" s="162"/>
      <c r="CG1528" s="162"/>
      <c r="CH1528" s="162"/>
      <c r="CI1528" s="162"/>
      <c r="CJ1528" s="162"/>
      <c r="CK1528" s="162"/>
      <c r="CX1528" s="98"/>
      <c r="DL1528" s="97"/>
      <c r="DX1528" s="98"/>
      <c r="EL1528" s="97"/>
      <c r="EX1528" s="98"/>
      <c r="EY1528" s="97"/>
      <c r="FL1528" s="126"/>
      <c r="FM1528" s="91"/>
      <c r="FN1528" s="91"/>
      <c r="FO1528" s="91"/>
      <c r="FP1528" s="91"/>
      <c r="FQ1528" s="91"/>
      <c r="FR1528" s="91"/>
      <c r="FS1528" s="91"/>
      <c r="FT1528" s="91"/>
      <c r="FU1528" s="91"/>
      <c r="FV1528" s="91"/>
      <c r="FW1528" s="91"/>
      <c r="FX1528" s="91"/>
      <c r="FY1528" s="91"/>
      <c r="FZ1528" s="91"/>
      <c r="GA1528" s="91"/>
      <c r="GB1528" s="91"/>
      <c r="GC1528" s="91"/>
      <c r="GD1528" s="91"/>
      <c r="GE1528" s="91"/>
      <c r="GF1528" s="91"/>
      <c r="GG1528" s="91"/>
      <c r="GH1528" s="91"/>
      <c r="GI1528" s="91"/>
      <c r="GJ1528" s="91"/>
      <c r="GK1528" s="127"/>
      <c r="GL1528" s="126"/>
      <c r="GM1528" s="91"/>
      <c r="GN1528" s="91"/>
      <c r="GO1528" s="91"/>
      <c r="GP1528" s="91"/>
      <c r="GQ1528" s="91"/>
      <c r="GR1528" s="91"/>
      <c r="GS1528" s="91"/>
      <c r="GT1528" s="91"/>
      <c r="GU1528" s="91"/>
      <c r="GV1528" s="91"/>
      <c r="GW1528" s="91"/>
      <c r="GX1528" s="91"/>
      <c r="GY1528" s="91"/>
      <c r="GZ1528" s="91"/>
      <c r="HA1528" s="91"/>
      <c r="HB1528" s="91"/>
      <c r="HC1528" s="91"/>
      <c r="HD1528" s="91"/>
      <c r="HE1528" s="91"/>
      <c r="HF1528" s="91"/>
      <c r="HG1528" s="91"/>
      <c r="HH1528" s="91"/>
      <c r="HI1528" s="91"/>
      <c r="HJ1528" s="91"/>
      <c r="HK1528" s="127"/>
      <c r="HL1528" s="126"/>
      <c r="HM1528" s="91"/>
      <c r="HN1528" s="91"/>
      <c r="HO1528" s="91"/>
      <c r="HP1528" s="91"/>
      <c r="HQ1528" s="91"/>
      <c r="HR1528" s="91"/>
      <c r="HS1528" s="91"/>
      <c r="HT1528" s="91"/>
      <c r="HU1528" s="91"/>
      <c r="HV1528" s="91"/>
      <c r="HW1528" s="91"/>
      <c r="HX1528" s="91"/>
      <c r="HY1528" s="91"/>
      <c r="HZ1528" s="91"/>
      <c r="IA1528" s="91"/>
      <c r="IB1528" s="91"/>
      <c r="IC1528" s="91"/>
      <c r="ID1528" s="91"/>
      <c r="IE1528" s="91"/>
      <c r="IF1528" s="91"/>
      <c r="IG1528" s="91"/>
      <c r="IH1528" s="91"/>
      <c r="II1528" s="91"/>
      <c r="IJ1528" s="91"/>
      <c r="IK1528" s="127"/>
    </row>
    <row r="1529" spans="2:245" x14ac:dyDescent="0.2">
      <c r="B1529" s="43"/>
      <c r="C1529" s="73"/>
      <c r="D1529" s="64"/>
      <c r="E1529" s="64"/>
      <c r="F1529" s="55"/>
      <c r="G1529" s="102"/>
      <c r="H1529" s="55"/>
      <c r="I1529" s="55"/>
      <c r="J1529" s="55"/>
      <c r="K1529" s="55"/>
      <c r="L1529" s="55"/>
      <c r="M1529" s="55"/>
      <c r="N1529" s="55"/>
      <c r="O1529" s="55"/>
      <c r="P1529" s="55"/>
      <c r="Q1529" s="55"/>
      <c r="R1529" s="55"/>
      <c r="S1529" s="55"/>
      <c r="T1529" s="55"/>
      <c r="U1529" s="55"/>
      <c r="V1529" s="55"/>
      <c r="W1529" s="55"/>
      <c r="X1529" s="55"/>
      <c r="Y1529" s="55"/>
      <c r="Z1529" s="55"/>
      <c r="AA1529" s="55"/>
      <c r="AB1529" s="55"/>
      <c r="AC1529" s="55"/>
      <c r="AD1529" s="55"/>
      <c r="AE1529" s="55"/>
      <c r="AF1529" s="55"/>
      <c r="AG1529" s="55"/>
      <c r="AY1529" s="162"/>
      <c r="AZ1529" s="162"/>
      <c r="BA1529" s="162"/>
      <c r="BB1529" s="162"/>
      <c r="BC1529" s="162"/>
      <c r="BD1529" s="162"/>
      <c r="BE1529" s="162"/>
      <c r="BF1529" s="162"/>
      <c r="BG1529" s="162"/>
      <c r="BH1529" s="162"/>
      <c r="BI1529" s="162"/>
      <c r="BJ1529" s="162"/>
      <c r="BK1529" s="162"/>
      <c r="BL1529" s="162"/>
      <c r="BM1529" s="162"/>
      <c r="BN1529" s="162"/>
      <c r="BO1529" s="162"/>
      <c r="BP1529" s="162"/>
      <c r="BQ1529" s="162"/>
      <c r="BR1529" s="162"/>
      <c r="BS1529" s="162"/>
      <c r="BT1529" s="162"/>
      <c r="BU1529" s="162"/>
      <c r="BV1529" s="162"/>
      <c r="BW1529" s="162"/>
      <c r="BX1529" s="162"/>
      <c r="BY1529" s="162"/>
      <c r="BZ1529" s="162"/>
      <c r="CA1529" s="162"/>
      <c r="CB1529" s="162"/>
      <c r="CC1529" s="162"/>
      <c r="CD1529" s="162"/>
      <c r="CE1529" s="162"/>
      <c r="CF1529" s="162"/>
      <c r="CG1529" s="162"/>
      <c r="CH1529" s="162"/>
      <c r="CI1529" s="162"/>
      <c r="CJ1529" s="162"/>
      <c r="CK1529" s="162"/>
      <c r="CX1529" s="98"/>
      <c r="DL1529" s="97"/>
      <c r="DX1529" s="98"/>
      <c r="EL1529" s="97"/>
      <c r="EX1529" s="98"/>
      <c r="EY1529" s="97"/>
      <c r="FL1529" s="126"/>
      <c r="FM1529" s="91"/>
      <c r="FN1529" s="91"/>
      <c r="FO1529" s="91"/>
      <c r="FP1529" s="91"/>
      <c r="FQ1529" s="91"/>
      <c r="FR1529" s="91"/>
      <c r="FS1529" s="91"/>
      <c r="FT1529" s="91"/>
      <c r="FU1529" s="91"/>
      <c r="FV1529" s="91"/>
      <c r="FW1529" s="91"/>
      <c r="FX1529" s="91"/>
      <c r="FY1529" s="91"/>
      <c r="FZ1529" s="91"/>
      <c r="GA1529" s="91"/>
      <c r="GB1529" s="91"/>
      <c r="GC1529" s="91"/>
      <c r="GD1529" s="91"/>
      <c r="GE1529" s="91"/>
      <c r="GF1529" s="91"/>
      <c r="GG1529" s="91"/>
      <c r="GH1529" s="91"/>
      <c r="GI1529" s="91"/>
      <c r="GJ1529" s="91"/>
      <c r="GK1529" s="127"/>
      <c r="GL1529" s="126"/>
      <c r="GM1529" s="91"/>
      <c r="GN1529" s="91"/>
      <c r="GO1529" s="91"/>
      <c r="GP1529" s="91"/>
      <c r="GQ1529" s="91"/>
      <c r="GR1529" s="91"/>
      <c r="GS1529" s="91"/>
      <c r="GT1529" s="91"/>
      <c r="GU1529" s="91"/>
      <c r="GV1529" s="91"/>
      <c r="GW1529" s="91"/>
      <c r="GX1529" s="91"/>
      <c r="GY1529" s="91"/>
      <c r="GZ1529" s="91"/>
      <c r="HA1529" s="91"/>
      <c r="HB1529" s="91"/>
      <c r="HC1529" s="91"/>
      <c r="HD1529" s="91"/>
      <c r="HE1529" s="91"/>
      <c r="HF1529" s="91"/>
      <c r="HG1529" s="91"/>
      <c r="HH1529" s="91"/>
      <c r="HI1529" s="91"/>
      <c r="HJ1529" s="91"/>
      <c r="HK1529" s="127"/>
      <c r="HL1529" s="126"/>
      <c r="HM1529" s="91"/>
      <c r="HN1529" s="91"/>
      <c r="HO1529" s="91"/>
      <c r="HP1529" s="91"/>
      <c r="HQ1529" s="91"/>
      <c r="HR1529" s="91"/>
      <c r="HS1529" s="91"/>
      <c r="HT1529" s="91"/>
      <c r="HU1529" s="91"/>
      <c r="HV1529" s="91"/>
      <c r="HW1529" s="91"/>
      <c r="HX1529" s="91"/>
      <c r="HY1529" s="91"/>
      <c r="HZ1529" s="91"/>
      <c r="IA1529" s="91"/>
      <c r="IB1529" s="91"/>
      <c r="IC1529" s="91"/>
      <c r="ID1529" s="91"/>
      <c r="IE1529" s="91"/>
      <c r="IF1529" s="91"/>
      <c r="IG1529" s="91"/>
      <c r="IH1529" s="91"/>
      <c r="II1529" s="91"/>
      <c r="IJ1529" s="91"/>
      <c r="IK1529" s="127"/>
    </row>
    <row r="1530" spans="2:245" x14ac:dyDescent="0.2">
      <c r="B1530" s="43"/>
      <c r="C1530" s="73"/>
      <c r="D1530" s="64"/>
      <c r="E1530" s="64"/>
      <c r="F1530" s="55"/>
      <c r="G1530" s="102"/>
      <c r="H1530" s="55"/>
      <c r="I1530" s="55"/>
      <c r="J1530" s="55"/>
      <c r="K1530" s="55"/>
      <c r="L1530" s="55"/>
      <c r="M1530" s="55"/>
      <c r="N1530" s="55"/>
      <c r="O1530" s="55"/>
      <c r="P1530" s="55"/>
      <c r="Q1530" s="55"/>
      <c r="R1530" s="55"/>
      <c r="S1530" s="55"/>
      <c r="T1530" s="55"/>
      <c r="U1530" s="55"/>
      <c r="V1530" s="55"/>
      <c r="W1530" s="55"/>
      <c r="X1530" s="55"/>
      <c r="Y1530" s="55"/>
      <c r="Z1530" s="55"/>
      <c r="AA1530" s="55"/>
      <c r="AB1530" s="55"/>
      <c r="AC1530" s="55"/>
      <c r="AD1530" s="55"/>
      <c r="AE1530" s="55"/>
      <c r="AF1530" s="55"/>
      <c r="AG1530" s="55"/>
      <c r="AY1530" s="162"/>
      <c r="AZ1530" s="162"/>
      <c r="BA1530" s="162"/>
      <c r="BB1530" s="162"/>
      <c r="BC1530" s="162"/>
      <c r="BD1530" s="162"/>
      <c r="BE1530" s="162"/>
      <c r="BF1530" s="162"/>
      <c r="BG1530" s="162"/>
      <c r="BH1530" s="162"/>
      <c r="BI1530" s="162"/>
      <c r="BJ1530" s="162"/>
      <c r="BK1530" s="162"/>
      <c r="BL1530" s="162"/>
      <c r="BM1530" s="162"/>
      <c r="BN1530" s="162"/>
      <c r="BO1530" s="162"/>
      <c r="BP1530" s="162"/>
      <c r="BQ1530" s="162"/>
      <c r="BR1530" s="162"/>
      <c r="BS1530" s="162"/>
      <c r="BT1530" s="162"/>
      <c r="BU1530" s="162"/>
      <c r="BV1530" s="162"/>
      <c r="BW1530" s="162"/>
      <c r="BX1530" s="162"/>
      <c r="BY1530" s="162"/>
      <c r="BZ1530" s="162"/>
      <c r="CA1530" s="162"/>
      <c r="CB1530" s="162"/>
      <c r="CC1530" s="162"/>
      <c r="CD1530" s="162"/>
      <c r="CE1530" s="162"/>
      <c r="CF1530" s="162"/>
      <c r="CG1530" s="162"/>
      <c r="CH1530" s="162"/>
      <c r="CI1530" s="162"/>
      <c r="CJ1530" s="162"/>
      <c r="CK1530" s="162"/>
      <c r="CX1530" s="98"/>
      <c r="DL1530" s="97"/>
      <c r="DX1530" s="98"/>
      <c r="EL1530" s="97"/>
      <c r="EX1530" s="98"/>
      <c r="EY1530" s="97"/>
      <c r="FL1530" s="126"/>
      <c r="FM1530" s="91"/>
      <c r="FN1530" s="91"/>
      <c r="FO1530" s="91"/>
      <c r="FP1530" s="91"/>
      <c r="FQ1530" s="91"/>
      <c r="FR1530" s="91"/>
      <c r="FS1530" s="91"/>
      <c r="FT1530" s="91"/>
      <c r="FU1530" s="91"/>
      <c r="FV1530" s="91"/>
      <c r="FW1530" s="91"/>
      <c r="FX1530" s="91"/>
      <c r="FY1530" s="91"/>
      <c r="FZ1530" s="91"/>
      <c r="GA1530" s="91"/>
      <c r="GB1530" s="91"/>
      <c r="GC1530" s="91"/>
      <c r="GD1530" s="91"/>
      <c r="GE1530" s="91"/>
      <c r="GF1530" s="91"/>
      <c r="GG1530" s="91"/>
      <c r="GH1530" s="91"/>
      <c r="GI1530" s="91"/>
      <c r="GJ1530" s="91"/>
      <c r="GK1530" s="127"/>
      <c r="GL1530" s="126"/>
      <c r="GM1530" s="91"/>
      <c r="GN1530" s="91"/>
      <c r="GO1530" s="91"/>
      <c r="GP1530" s="91"/>
      <c r="GQ1530" s="91"/>
      <c r="GR1530" s="91"/>
      <c r="GS1530" s="91"/>
      <c r="GT1530" s="91"/>
      <c r="GU1530" s="91"/>
      <c r="GV1530" s="91"/>
      <c r="GW1530" s="91"/>
      <c r="GX1530" s="91"/>
      <c r="GY1530" s="91"/>
      <c r="GZ1530" s="91"/>
      <c r="HA1530" s="91"/>
      <c r="HB1530" s="91"/>
      <c r="HC1530" s="91"/>
      <c r="HD1530" s="91"/>
      <c r="HE1530" s="91"/>
      <c r="HF1530" s="91"/>
      <c r="HG1530" s="91"/>
      <c r="HH1530" s="91"/>
      <c r="HI1530" s="91"/>
      <c r="HJ1530" s="91"/>
      <c r="HK1530" s="127"/>
      <c r="HL1530" s="126"/>
      <c r="HM1530" s="91"/>
      <c r="HN1530" s="91"/>
      <c r="HO1530" s="91"/>
      <c r="HP1530" s="91"/>
      <c r="HQ1530" s="91"/>
      <c r="HR1530" s="91"/>
      <c r="HS1530" s="91"/>
      <c r="HT1530" s="91"/>
      <c r="HU1530" s="91"/>
      <c r="HV1530" s="91"/>
      <c r="HW1530" s="91"/>
      <c r="HX1530" s="91"/>
      <c r="HY1530" s="91"/>
      <c r="HZ1530" s="91"/>
      <c r="IA1530" s="91"/>
      <c r="IB1530" s="91"/>
      <c r="IC1530" s="91"/>
      <c r="ID1530" s="91"/>
      <c r="IE1530" s="91"/>
      <c r="IF1530" s="91"/>
      <c r="IG1530" s="91"/>
      <c r="IH1530" s="91"/>
      <c r="II1530" s="91"/>
      <c r="IJ1530" s="91"/>
      <c r="IK1530" s="127"/>
    </row>
    <row r="1531" spans="2:245" x14ac:dyDescent="0.2">
      <c r="B1531" s="43"/>
      <c r="C1531" s="73"/>
      <c r="D1531" s="64"/>
      <c r="E1531" s="64"/>
      <c r="F1531" s="55"/>
      <c r="G1531" s="102"/>
      <c r="H1531" s="55"/>
      <c r="I1531" s="55"/>
      <c r="J1531" s="55"/>
      <c r="K1531" s="55"/>
      <c r="L1531" s="55"/>
      <c r="M1531" s="55"/>
      <c r="N1531" s="55"/>
      <c r="O1531" s="55"/>
      <c r="P1531" s="55"/>
      <c r="Q1531" s="55"/>
      <c r="R1531" s="55"/>
      <c r="S1531" s="55"/>
      <c r="T1531" s="55"/>
      <c r="U1531" s="55"/>
      <c r="V1531" s="55"/>
      <c r="W1531" s="55"/>
      <c r="X1531" s="55"/>
      <c r="Y1531" s="55"/>
      <c r="Z1531" s="55"/>
      <c r="AA1531" s="55"/>
      <c r="AB1531" s="55"/>
      <c r="AC1531" s="55"/>
      <c r="AD1531" s="55"/>
      <c r="AE1531" s="55"/>
      <c r="AF1531" s="55"/>
      <c r="AG1531" s="55"/>
      <c r="AY1531" s="162"/>
      <c r="AZ1531" s="162"/>
      <c r="BA1531" s="162"/>
      <c r="BB1531" s="162"/>
      <c r="BC1531" s="162"/>
      <c r="BD1531" s="162"/>
      <c r="BE1531" s="162"/>
      <c r="BF1531" s="162"/>
      <c r="BG1531" s="162"/>
      <c r="BH1531" s="162"/>
      <c r="BI1531" s="162"/>
      <c r="BJ1531" s="162"/>
      <c r="BK1531" s="162"/>
      <c r="BL1531" s="162"/>
      <c r="BM1531" s="162"/>
      <c r="BN1531" s="162"/>
      <c r="BO1531" s="162"/>
      <c r="BP1531" s="162"/>
      <c r="BQ1531" s="162"/>
      <c r="BR1531" s="162"/>
      <c r="BS1531" s="162"/>
      <c r="BT1531" s="162"/>
      <c r="BU1531" s="162"/>
      <c r="BV1531" s="162"/>
      <c r="BW1531" s="162"/>
      <c r="BX1531" s="162"/>
      <c r="BY1531" s="162"/>
      <c r="BZ1531" s="162"/>
      <c r="CA1531" s="162"/>
      <c r="CB1531" s="162"/>
      <c r="CC1531" s="162"/>
      <c r="CD1531" s="162"/>
      <c r="CE1531" s="162"/>
      <c r="CF1531" s="162"/>
      <c r="CG1531" s="162"/>
      <c r="CH1531" s="162"/>
      <c r="CI1531" s="162"/>
      <c r="CJ1531" s="162"/>
      <c r="CK1531" s="162"/>
      <c r="CX1531" s="98"/>
      <c r="DL1531" s="97"/>
      <c r="DX1531" s="98"/>
      <c r="EL1531" s="97"/>
      <c r="EX1531" s="98"/>
      <c r="EY1531" s="97"/>
      <c r="FL1531" s="126"/>
      <c r="FM1531" s="91"/>
      <c r="FN1531" s="91"/>
      <c r="FO1531" s="91"/>
      <c r="FP1531" s="91"/>
      <c r="FQ1531" s="91"/>
      <c r="FR1531" s="91"/>
      <c r="FS1531" s="91"/>
      <c r="FT1531" s="91"/>
      <c r="FU1531" s="91"/>
      <c r="FV1531" s="91"/>
      <c r="FW1531" s="91"/>
      <c r="FX1531" s="91"/>
      <c r="FY1531" s="91"/>
      <c r="FZ1531" s="91"/>
      <c r="GA1531" s="91"/>
      <c r="GB1531" s="91"/>
      <c r="GC1531" s="91"/>
      <c r="GD1531" s="91"/>
      <c r="GE1531" s="91"/>
      <c r="GF1531" s="91"/>
      <c r="GG1531" s="91"/>
      <c r="GH1531" s="91"/>
      <c r="GI1531" s="91"/>
      <c r="GJ1531" s="91"/>
      <c r="GK1531" s="127"/>
      <c r="GL1531" s="126"/>
      <c r="GM1531" s="91"/>
      <c r="GN1531" s="91"/>
      <c r="GO1531" s="91"/>
      <c r="GP1531" s="91"/>
      <c r="GQ1531" s="91"/>
      <c r="GR1531" s="91"/>
      <c r="GS1531" s="91"/>
      <c r="GT1531" s="91"/>
      <c r="GU1531" s="91"/>
      <c r="GV1531" s="91"/>
      <c r="GW1531" s="91"/>
      <c r="GX1531" s="91"/>
      <c r="GY1531" s="91"/>
      <c r="GZ1531" s="91"/>
      <c r="HA1531" s="91"/>
      <c r="HB1531" s="91"/>
      <c r="HC1531" s="91"/>
      <c r="HD1531" s="91"/>
      <c r="HE1531" s="91"/>
      <c r="HF1531" s="91"/>
      <c r="HG1531" s="91"/>
      <c r="HH1531" s="91"/>
      <c r="HI1531" s="91"/>
      <c r="HJ1531" s="91"/>
      <c r="HK1531" s="127"/>
      <c r="HL1531" s="126"/>
      <c r="HM1531" s="91"/>
      <c r="HN1531" s="91"/>
      <c r="HO1531" s="91"/>
      <c r="HP1531" s="91"/>
      <c r="HQ1531" s="91"/>
      <c r="HR1531" s="91"/>
      <c r="HS1531" s="91"/>
      <c r="HT1531" s="91"/>
      <c r="HU1531" s="91"/>
      <c r="HV1531" s="91"/>
      <c r="HW1531" s="91"/>
      <c r="HX1531" s="91"/>
      <c r="HY1531" s="91"/>
      <c r="HZ1531" s="91"/>
      <c r="IA1531" s="91"/>
      <c r="IB1531" s="91"/>
      <c r="IC1531" s="91"/>
      <c r="ID1531" s="91"/>
      <c r="IE1531" s="91"/>
      <c r="IF1531" s="91"/>
      <c r="IG1531" s="91"/>
      <c r="IH1531" s="91"/>
      <c r="II1531" s="91"/>
      <c r="IJ1531" s="91"/>
      <c r="IK1531" s="127"/>
    </row>
    <row r="1532" spans="2:245" x14ac:dyDescent="0.2">
      <c r="B1532" s="43"/>
      <c r="C1532" s="73"/>
      <c r="D1532" s="64"/>
      <c r="E1532" s="64"/>
      <c r="F1532" s="55"/>
      <c r="G1532" s="102"/>
      <c r="H1532" s="55"/>
      <c r="I1532" s="55"/>
      <c r="J1532" s="55"/>
      <c r="K1532" s="55"/>
      <c r="L1532" s="55"/>
      <c r="M1532" s="55"/>
      <c r="N1532" s="55"/>
      <c r="O1532" s="55"/>
      <c r="P1532" s="55"/>
      <c r="Q1532" s="55"/>
      <c r="R1532" s="55"/>
      <c r="S1532" s="55"/>
      <c r="T1532" s="55"/>
      <c r="U1532" s="55"/>
      <c r="V1532" s="55"/>
      <c r="W1532" s="55"/>
      <c r="X1532" s="55"/>
      <c r="Y1532" s="55"/>
      <c r="Z1532" s="55"/>
      <c r="AA1532" s="55"/>
      <c r="AB1532" s="55"/>
      <c r="AC1532" s="55"/>
      <c r="AD1532" s="55"/>
      <c r="AE1532" s="55"/>
      <c r="AF1532" s="55"/>
      <c r="AG1532" s="55"/>
      <c r="AY1532" s="162"/>
      <c r="AZ1532" s="162"/>
      <c r="BA1532" s="162"/>
      <c r="BB1532" s="162"/>
      <c r="BC1532" s="162"/>
      <c r="BD1532" s="162"/>
      <c r="BE1532" s="162"/>
      <c r="BF1532" s="162"/>
      <c r="BG1532" s="162"/>
      <c r="BH1532" s="162"/>
      <c r="BI1532" s="162"/>
      <c r="BJ1532" s="162"/>
      <c r="BK1532" s="162"/>
      <c r="BL1532" s="162"/>
      <c r="BM1532" s="162"/>
      <c r="BN1532" s="162"/>
      <c r="BO1532" s="162"/>
      <c r="BP1532" s="162"/>
      <c r="BQ1532" s="162"/>
      <c r="BR1532" s="162"/>
      <c r="BS1532" s="162"/>
      <c r="BT1532" s="162"/>
      <c r="BU1532" s="162"/>
      <c r="BV1532" s="162"/>
      <c r="BW1532" s="162"/>
      <c r="BX1532" s="162"/>
      <c r="BY1532" s="162"/>
      <c r="BZ1532" s="162"/>
      <c r="CA1532" s="162"/>
      <c r="CB1532" s="162"/>
      <c r="CC1532" s="162"/>
      <c r="CD1532" s="162"/>
      <c r="CE1532" s="162"/>
      <c r="CF1532" s="162"/>
      <c r="CG1532" s="162"/>
      <c r="CH1532" s="162"/>
      <c r="CI1532" s="162"/>
      <c r="CJ1532" s="162"/>
      <c r="CK1532" s="162"/>
      <c r="CX1532" s="98"/>
      <c r="DL1532" s="97"/>
      <c r="DX1532" s="98"/>
      <c r="EL1532" s="97"/>
      <c r="EX1532" s="98"/>
      <c r="EY1532" s="97"/>
      <c r="FL1532" s="126"/>
      <c r="FM1532" s="91"/>
      <c r="FN1532" s="91"/>
      <c r="FO1532" s="91"/>
      <c r="FP1532" s="91"/>
      <c r="FQ1532" s="91"/>
      <c r="FR1532" s="91"/>
      <c r="FS1532" s="91"/>
      <c r="FT1532" s="91"/>
      <c r="FU1532" s="91"/>
      <c r="FV1532" s="91"/>
      <c r="FW1532" s="91"/>
      <c r="FX1532" s="91"/>
      <c r="FY1532" s="91"/>
      <c r="FZ1532" s="91"/>
      <c r="GA1532" s="91"/>
      <c r="GB1532" s="91"/>
      <c r="GC1532" s="91"/>
      <c r="GD1532" s="91"/>
      <c r="GE1532" s="91"/>
      <c r="GF1532" s="91"/>
      <c r="GG1532" s="91"/>
      <c r="GH1532" s="91"/>
      <c r="GI1532" s="91"/>
      <c r="GJ1532" s="91"/>
      <c r="GK1532" s="127"/>
      <c r="GL1532" s="126"/>
      <c r="GM1532" s="91"/>
      <c r="GN1532" s="91"/>
      <c r="GO1532" s="91"/>
      <c r="GP1532" s="91"/>
      <c r="GQ1532" s="91"/>
      <c r="GR1532" s="91"/>
      <c r="GS1532" s="91"/>
      <c r="GT1532" s="91"/>
      <c r="GU1532" s="91"/>
      <c r="GV1532" s="91"/>
      <c r="GW1532" s="91"/>
      <c r="GX1532" s="91"/>
      <c r="GY1532" s="91"/>
      <c r="GZ1532" s="91"/>
      <c r="HA1532" s="91"/>
      <c r="HB1532" s="91"/>
      <c r="HC1532" s="91"/>
      <c r="HD1532" s="91"/>
      <c r="HE1532" s="91"/>
      <c r="HF1532" s="91"/>
      <c r="HG1532" s="91"/>
      <c r="HH1532" s="91"/>
      <c r="HI1532" s="91"/>
      <c r="HJ1532" s="91"/>
      <c r="HK1532" s="127"/>
      <c r="HL1532" s="126"/>
      <c r="HM1532" s="91"/>
      <c r="HN1532" s="91"/>
      <c r="HO1532" s="91"/>
      <c r="HP1532" s="91"/>
      <c r="HQ1532" s="91"/>
      <c r="HR1532" s="91"/>
      <c r="HS1532" s="91"/>
      <c r="HT1532" s="91"/>
      <c r="HU1532" s="91"/>
      <c r="HV1532" s="91"/>
      <c r="HW1532" s="91"/>
      <c r="HX1532" s="91"/>
      <c r="HY1532" s="91"/>
      <c r="HZ1532" s="91"/>
      <c r="IA1532" s="91"/>
      <c r="IB1532" s="91"/>
      <c r="IC1532" s="91"/>
      <c r="ID1532" s="91"/>
      <c r="IE1532" s="91"/>
      <c r="IF1532" s="91"/>
      <c r="IG1532" s="91"/>
      <c r="IH1532" s="91"/>
      <c r="II1532" s="91"/>
      <c r="IJ1532" s="91"/>
      <c r="IK1532" s="127"/>
    </row>
    <row r="1533" spans="2:245" x14ac:dyDescent="0.2">
      <c r="B1533" s="43"/>
      <c r="C1533" s="73"/>
      <c r="D1533" s="64"/>
      <c r="E1533" s="64"/>
      <c r="F1533" s="55"/>
      <c r="G1533" s="102"/>
      <c r="H1533" s="55"/>
      <c r="I1533" s="55"/>
      <c r="J1533" s="55"/>
      <c r="K1533" s="55"/>
      <c r="L1533" s="55"/>
      <c r="M1533" s="55"/>
      <c r="N1533" s="55"/>
      <c r="O1533" s="55"/>
      <c r="P1533" s="55"/>
      <c r="Q1533" s="55"/>
      <c r="R1533" s="55"/>
      <c r="S1533" s="55"/>
      <c r="T1533" s="55"/>
      <c r="U1533" s="55"/>
      <c r="V1533" s="55"/>
      <c r="W1533" s="55"/>
      <c r="X1533" s="55"/>
      <c r="Y1533" s="55"/>
      <c r="Z1533" s="55"/>
      <c r="AA1533" s="55"/>
      <c r="AB1533" s="55"/>
      <c r="AC1533" s="55"/>
      <c r="AD1533" s="55"/>
      <c r="AE1533" s="55"/>
      <c r="AF1533" s="55"/>
      <c r="AG1533" s="55"/>
      <c r="AY1533" s="162"/>
      <c r="AZ1533" s="162"/>
      <c r="BA1533" s="162"/>
      <c r="BB1533" s="162"/>
      <c r="BC1533" s="162"/>
      <c r="BD1533" s="162"/>
      <c r="BE1533" s="162"/>
      <c r="BF1533" s="162"/>
      <c r="BG1533" s="162"/>
      <c r="BH1533" s="162"/>
      <c r="BI1533" s="162"/>
      <c r="BJ1533" s="162"/>
      <c r="BK1533" s="162"/>
      <c r="BL1533" s="162"/>
      <c r="BM1533" s="162"/>
      <c r="BN1533" s="162"/>
      <c r="BO1533" s="162"/>
      <c r="BP1533" s="162"/>
      <c r="BQ1533" s="162"/>
      <c r="BR1533" s="162"/>
      <c r="BS1533" s="162"/>
      <c r="BT1533" s="162"/>
      <c r="BU1533" s="162"/>
      <c r="BV1533" s="162"/>
      <c r="BW1533" s="162"/>
      <c r="BX1533" s="162"/>
      <c r="BY1533" s="162"/>
      <c r="BZ1533" s="162"/>
      <c r="CA1533" s="162"/>
      <c r="CB1533" s="162"/>
      <c r="CC1533" s="162"/>
      <c r="CD1533" s="162"/>
      <c r="CE1533" s="162"/>
      <c r="CF1533" s="162"/>
      <c r="CG1533" s="162"/>
      <c r="CH1533" s="162"/>
      <c r="CI1533" s="162"/>
      <c r="CJ1533" s="162"/>
      <c r="CK1533" s="162"/>
      <c r="CX1533" s="98"/>
      <c r="DL1533" s="97"/>
      <c r="DX1533" s="98"/>
      <c r="EL1533" s="97"/>
      <c r="EX1533" s="98"/>
      <c r="EY1533" s="97"/>
      <c r="FL1533" s="126"/>
      <c r="FM1533" s="91"/>
      <c r="FN1533" s="91"/>
      <c r="FO1533" s="91"/>
      <c r="FP1533" s="91"/>
      <c r="FQ1533" s="91"/>
      <c r="FR1533" s="91"/>
      <c r="FS1533" s="91"/>
      <c r="FT1533" s="91"/>
      <c r="FU1533" s="91"/>
      <c r="FV1533" s="91"/>
      <c r="FW1533" s="91"/>
      <c r="FX1533" s="91"/>
      <c r="FY1533" s="91"/>
      <c r="FZ1533" s="91"/>
      <c r="GA1533" s="91"/>
      <c r="GB1533" s="91"/>
      <c r="GC1533" s="91"/>
      <c r="GD1533" s="91"/>
      <c r="GE1533" s="91"/>
      <c r="GF1533" s="91"/>
      <c r="GG1533" s="91"/>
      <c r="GH1533" s="91"/>
      <c r="GI1533" s="91"/>
      <c r="GJ1533" s="91"/>
      <c r="GK1533" s="127"/>
      <c r="GL1533" s="126"/>
      <c r="GM1533" s="91"/>
      <c r="GN1533" s="91"/>
      <c r="GO1533" s="91"/>
      <c r="GP1533" s="91"/>
      <c r="GQ1533" s="91"/>
      <c r="GR1533" s="91"/>
      <c r="GS1533" s="91"/>
      <c r="GT1533" s="91"/>
      <c r="GU1533" s="91"/>
      <c r="GV1533" s="91"/>
      <c r="GW1533" s="91"/>
      <c r="GX1533" s="91"/>
      <c r="GY1533" s="91"/>
      <c r="GZ1533" s="91"/>
      <c r="HA1533" s="91"/>
      <c r="HB1533" s="91"/>
      <c r="HC1533" s="91"/>
      <c r="HD1533" s="91"/>
      <c r="HE1533" s="91"/>
      <c r="HF1533" s="91"/>
      <c r="HG1533" s="91"/>
      <c r="HH1533" s="91"/>
      <c r="HI1533" s="91"/>
      <c r="HJ1533" s="91"/>
      <c r="HK1533" s="127"/>
      <c r="HL1533" s="126"/>
      <c r="HM1533" s="91"/>
      <c r="HN1533" s="91"/>
      <c r="HO1533" s="91"/>
      <c r="HP1533" s="91"/>
      <c r="HQ1533" s="91"/>
      <c r="HR1533" s="91"/>
      <c r="HS1533" s="91"/>
      <c r="HT1533" s="91"/>
      <c r="HU1533" s="91"/>
      <c r="HV1533" s="91"/>
      <c r="HW1533" s="91"/>
      <c r="HX1533" s="91"/>
      <c r="HY1533" s="91"/>
      <c r="HZ1533" s="91"/>
      <c r="IA1533" s="91"/>
      <c r="IB1533" s="91"/>
      <c r="IC1533" s="91"/>
      <c r="ID1533" s="91"/>
      <c r="IE1533" s="91"/>
      <c r="IF1533" s="91"/>
      <c r="IG1533" s="91"/>
      <c r="IH1533" s="91"/>
      <c r="II1533" s="91"/>
      <c r="IJ1533" s="91"/>
      <c r="IK1533" s="127"/>
    </row>
    <row r="1534" spans="2:245" x14ac:dyDescent="0.2">
      <c r="B1534" s="43"/>
      <c r="C1534" s="73"/>
      <c r="D1534" s="64"/>
      <c r="E1534" s="64"/>
      <c r="F1534" s="55"/>
      <c r="G1534" s="102"/>
      <c r="H1534" s="55"/>
      <c r="I1534" s="55"/>
      <c r="J1534" s="55"/>
      <c r="K1534" s="55"/>
      <c r="L1534" s="55"/>
      <c r="M1534" s="55"/>
      <c r="N1534" s="55"/>
      <c r="O1534" s="55"/>
      <c r="P1534" s="55"/>
      <c r="Q1534" s="55"/>
      <c r="R1534" s="55"/>
      <c r="S1534" s="55"/>
      <c r="T1534" s="55"/>
      <c r="U1534" s="55"/>
      <c r="V1534" s="55"/>
      <c r="W1534" s="55"/>
      <c r="X1534" s="55"/>
      <c r="Y1534" s="55"/>
      <c r="Z1534" s="55"/>
      <c r="AA1534" s="55"/>
      <c r="AB1534" s="55"/>
      <c r="AC1534" s="55"/>
      <c r="AD1534" s="55"/>
      <c r="AE1534" s="55"/>
      <c r="AF1534" s="55"/>
      <c r="AG1534" s="55"/>
      <c r="AY1534" s="162"/>
      <c r="AZ1534" s="162"/>
      <c r="BA1534" s="162"/>
      <c r="BB1534" s="162"/>
      <c r="BC1534" s="162"/>
      <c r="BD1534" s="162"/>
      <c r="BE1534" s="162"/>
      <c r="BF1534" s="162"/>
      <c r="BG1534" s="162"/>
      <c r="BH1534" s="162"/>
      <c r="BI1534" s="162"/>
      <c r="BJ1534" s="162"/>
      <c r="BK1534" s="162"/>
      <c r="BL1534" s="162"/>
      <c r="BM1534" s="162"/>
      <c r="BN1534" s="162"/>
      <c r="BO1534" s="162"/>
      <c r="BP1534" s="162"/>
      <c r="BQ1534" s="162"/>
      <c r="BR1534" s="162"/>
      <c r="BS1534" s="162"/>
      <c r="BT1534" s="162"/>
      <c r="BU1534" s="162"/>
      <c r="BV1534" s="162"/>
      <c r="BW1534" s="162"/>
      <c r="BX1534" s="162"/>
      <c r="BY1534" s="162"/>
      <c r="BZ1534" s="162"/>
      <c r="CA1534" s="162"/>
      <c r="CB1534" s="162"/>
      <c r="CC1534" s="162"/>
      <c r="CD1534" s="162"/>
      <c r="CE1534" s="162"/>
      <c r="CF1534" s="162"/>
      <c r="CG1534" s="162"/>
      <c r="CH1534" s="162"/>
      <c r="CI1534" s="162"/>
      <c r="CJ1534" s="162"/>
      <c r="CK1534" s="162"/>
      <c r="CX1534" s="98"/>
      <c r="DL1534" s="97"/>
      <c r="DX1534" s="98"/>
      <c r="EL1534" s="97"/>
      <c r="EX1534" s="98"/>
      <c r="EY1534" s="97"/>
      <c r="FL1534" s="126"/>
      <c r="FM1534" s="91"/>
      <c r="FN1534" s="91"/>
      <c r="FO1534" s="91"/>
      <c r="FP1534" s="91"/>
      <c r="FQ1534" s="91"/>
      <c r="FR1534" s="91"/>
      <c r="FS1534" s="91"/>
      <c r="FT1534" s="91"/>
      <c r="FU1534" s="91"/>
      <c r="FV1534" s="91"/>
      <c r="FW1534" s="91"/>
      <c r="FX1534" s="91"/>
      <c r="FY1534" s="91"/>
      <c r="FZ1534" s="91"/>
      <c r="GA1534" s="91"/>
      <c r="GB1534" s="91"/>
      <c r="GC1534" s="91"/>
      <c r="GD1534" s="91"/>
      <c r="GE1534" s="91"/>
      <c r="GF1534" s="91"/>
      <c r="GG1534" s="91"/>
      <c r="GH1534" s="91"/>
      <c r="GI1534" s="91"/>
      <c r="GJ1534" s="91"/>
      <c r="GK1534" s="127"/>
      <c r="GL1534" s="126"/>
      <c r="GM1534" s="91"/>
      <c r="GN1534" s="91"/>
      <c r="GO1534" s="91"/>
      <c r="GP1534" s="91"/>
      <c r="GQ1534" s="91"/>
      <c r="GR1534" s="91"/>
      <c r="GS1534" s="91"/>
      <c r="GT1534" s="91"/>
      <c r="GU1534" s="91"/>
      <c r="GV1534" s="91"/>
      <c r="GW1534" s="91"/>
      <c r="GX1534" s="91"/>
      <c r="GY1534" s="91"/>
      <c r="GZ1534" s="91"/>
      <c r="HA1534" s="91"/>
      <c r="HB1534" s="91"/>
      <c r="HC1534" s="91"/>
      <c r="HD1534" s="91"/>
      <c r="HE1534" s="91"/>
      <c r="HF1534" s="91"/>
      <c r="HG1534" s="91"/>
      <c r="HH1534" s="91"/>
      <c r="HI1534" s="91"/>
      <c r="HJ1534" s="91"/>
      <c r="HK1534" s="127"/>
      <c r="HL1534" s="126"/>
      <c r="HM1534" s="91"/>
      <c r="HN1534" s="91"/>
      <c r="HO1534" s="91"/>
      <c r="HP1534" s="91"/>
      <c r="HQ1534" s="91"/>
      <c r="HR1534" s="91"/>
      <c r="HS1534" s="91"/>
      <c r="HT1534" s="91"/>
      <c r="HU1534" s="91"/>
      <c r="HV1534" s="91"/>
      <c r="HW1534" s="91"/>
      <c r="HX1534" s="91"/>
      <c r="HY1534" s="91"/>
      <c r="HZ1534" s="91"/>
      <c r="IA1534" s="91"/>
      <c r="IB1534" s="91"/>
      <c r="IC1534" s="91"/>
      <c r="ID1534" s="91"/>
      <c r="IE1534" s="91"/>
      <c r="IF1534" s="91"/>
      <c r="IG1534" s="91"/>
      <c r="IH1534" s="91"/>
      <c r="II1534" s="91"/>
      <c r="IJ1534" s="91"/>
      <c r="IK1534" s="127"/>
    </row>
    <row r="1535" spans="2:245" x14ac:dyDescent="0.2">
      <c r="B1535" s="43"/>
      <c r="C1535" s="73"/>
      <c r="D1535" s="64"/>
      <c r="E1535" s="64"/>
      <c r="F1535" s="55"/>
      <c r="G1535" s="102"/>
      <c r="H1535" s="55"/>
      <c r="I1535" s="55"/>
      <c r="J1535" s="55"/>
      <c r="K1535" s="55"/>
      <c r="L1535" s="55"/>
      <c r="M1535" s="55"/>
      <c r="N1535" s="55"/>
      <c r="O1535" s="55"/>
      <c r="P1535" s="55"/>
      <c r="Q1535" s="55"/>
      <c r="R1535" s="55"/>
      <c r="S1535" s="55"/>
      <c r="T1535" s="55"/>
      <c r="U1535" s="55"/>
      <c r="V1535" s="55"/>
      <c r="W1535" s="55"/>
      <c r="X1535" s="55"/>
      <c r="Y1535" s="55"/>
      <c r="Z1535" s="55"/>
      <c r="AA1535" s="55"/>
      <c r="AB1535" s="55"/>
      <c r="AC1535" s="55"/>
      <c r="AD1535" s="55"/>
      <c r="AE1535" s="55"/>
      <c r="AF1535" s="55"/>
      <c r="AG1535" s="55"/>
      <c r="AY1535" s="162"/>
      <c r="AZ1535" s="162"/>
      <c r="BA1535" s="162"/>
      <c r="BB1535" s="162"/>
      <c r="BC1535" s="162"/>
      <c r="BD1535" s="162"/>
      <c r="BE1535" s="162"/>
      <c r="BF1535" s="162"/>
      <c r="BG1535" s="162"/>
      <c r="BH1535" s="162"/>
      <c r="BI1535" s="162"/>
      <c r="BJ1535" s="162"/>
      <c r="BK1535" s="162"/>
      <c r="BL1535" s="162"/>
      <c r="BM1535" s="162"/>
      <c r="BN1535" s="162"/>
      <c r="BO1535" s="162"/>
      <c r="BP1535" s="162"/>
      <c r="BQ1535" s="162"/>
      <c r="BR1535" s="162"/>
      <c r="BS1535" s="162"/>
      <c r="BT1535" s="162"/>
      <c r="BU1535" s="162"/>
      <c r="BV1535" s="162"/>
      <c r="BW1535" s="162"/>
      <c r="BX1535" s="162"/>
      <c r="BY1535" s="162"/>
      <c r="BZ1535" s="162"/>
      <c r="CA1535" s="162"/>
      <c r="CB1535" s="162"/>
      <c r="CC1535" s="162"/>
      <c r="CD1535" s="162"/>
      <c r="CE1535" s="162"/>
      <c r="CF1535" s="162"/>
      <c r="CG1535" s="162"/>
      <c r="CH1535" s="162"/>
      <c r="CI1535" s="162"/>
      <c r="CJ1535" s="162"/>
      <c r="CK1535" s="162"/>
      <c r="CX1535" s="98"/>
      <c r="DL1535" s="97"/>
      <c r="DX1535" s="98"/>
      <c r="EL1535" s="97"/>
      <c r="EX1535" s="98"/>
      <c r="EY1535" s="97"/>
      <c r="FL1535" s="126"/>
      <c r="FM1535" s="91"/>
      <c r="FN1535" s="91"/>
      <c r="FO1535" s="91"/>
      <c r="FP1535" s="91"/>
      <c r="FQ1535" s="91"/>
      <c r="FR1535" s="91"/>
      <c r="FS1535" s="91"/>
      <c r="FT1535" s="91"/>
      <c r="FU1535" s="91"/>
      <c r="FV1535" s="91"/>
      <c r="FW1535" s="91"/>
      <c r="FX1535" s="91"/>
      <c r="FY1535" s="91"/>
      <c r="FZ1535" s="91"/>
      <c r="GA1535" s="91"/>
      <c r="GB1535" s="91"/>
      <c r="GC1535" s="91"/>
      <c r="GD1535" s="91"/>
      <c r="GE1535" s="91"/>
      <c r="GF1535" s="91"/>
      <c r="GG1535" s="91"/>
      <c r="GH1535" s="91"/>
      <c r="GI1535" s="91"/>
      <c r="GJ1535" s="91"/>
      <c r="GK1535" s="127"/>
      <c r="GL1535" s="126"/>
      <c r="GM1535" s="91"/>
      <c r="GN1535" s="91"/>
      <c r="GO1535" s="91"/>
      <c r="GP1535" s="91"/>
      <c r="GQ1535" s="91"/>
      <c r="GR1535" s="91"/>
      <c r="GS1535" s="91"/>
      <c r="GT1535" s="91"/>
      <c r="GU1535" s="91"/>
      <c r="GV1535" s="91"/>
      <c r="GW1535" s="91"/>
      <c r="GX1535" s="91"/>
      <c r="GY1535" s="91"/>
      <c r="GZ1535" s="91"/>
      <c r="HA1535" s="91"/>
      <c r="HB1535" s="91"/>
      <c r="HC1535" s="91"/>
      <c r="HD1535" s="91"/>
      <c r="HE1535" s="91"/>
      <c r="HF1535" s="91"/>
      <c r="HG1535" s="91"/>
      <c r="HH1535" s="91"/>
      <c r="HI1535" s="91"/>
      <c r="HJ1535" s="91"/>
      <c r="HK1535" s="127"/>
      <c r="HL1535" s="126"/>
      <c r="HM1535" s="91"/>
      <c r="HN1535" s="91"/>
      <c r="HO1535" s="91"/>
      <c r="HP1535" s="91"/>
      <c r="HQ1535" s="91"/>
      <c r="HR1535" s="91"/>
      <c r="HS1535" s="91"/>
      <c r="HT1535" s="91"/>
      <c r="HU1535" s="91"/>
      <c r="HV1535" s="91"/>
      <c r="HW1535" s="91"/>
      <c r="HX1535" s="91"/>
      <c r="HY1535" s="91"/>
      <c r="HZ1535" s="91"/>
      <c r="IA1535" s="91"/>
      <c r="IB1535" s="91"/>
      <c r="IC1535" s="91"/>
      <c r="ID1535" s="91"/>
      <c r="IE1535" s="91"/>
      <c r="IF1535" s="91"/>
      <c r="IG1535" s="91"/>
      <c r="IH1535" s="91"/>
      <c r="II1535" s="91"/>
      <c r="IJ1535" s="91"/>
      <c r="IK1535" s="127"/>
    </row>
    <row r="1536" spans="2:245" x14ac:dyDescent="0.2">
      <c r="B1536" s="43"/>
      <c r="C1536" s="73"/>
      <c r="D1536" s="64"/>
      <c r="E1536" s="64"/>
      <c r="F1536" s="55"/>
      <c r="G1536" s="102"/>
      <c r="H1536" s="55"/>
      <c r="I1536" s="55"/>
      <c r="J1536" s="55"/>
      <c r="K1536" s="55"/>
      <c r="L1536" s="55"/>
      <c r="M1536" s="55"/>
      <c r="N1536" s="55"/>
      <c r="O1536" s="55"/>
      <c r="P1536" s="55"/>
      <c r="Q1536" s="55"/>
      <c r="R1536" s="55"/>
      <c r="S1536" s="55"/>
      <c r="T1536" s="55"/>
      <c r="U1536" s="55"/>
      <c r="V1536" s="55"/>
      <c r="W1536" s="55"/>
      <c r="X1536" s="55"/>
      <c r="Y1536" s="55"/>
      <c r="Z1536" s="55"/>
      <c r="AA1536" s="55"/>
      <c r="AB1536" s="55"/>
      <c r="AC1536" s="55"/>
      <c r="AD1536" s="55"/>
      <c r="AE1536" s="55"/>
      <c r="AF1536" s="55"/>
      <c r="AG1536" s="55"/>
      <c r="AY1536" s="162"/>
      <c r="AZ1536" s="162"/>
      <c r="BA1536" s="162"/>
      <c r="BB1536" s="162"/>
      <c r="BC1536" s="162"/>
      <c r="BD1536" s="162"/>
      <c r="BE1536" s="162"/>
      <c r="BF1536" s="162"/>
      <c r="BG1536" s="162"/>
      <c r="BH1536" s="162"/>
      <c r="BI1536" s="162"/>
      <c r="BJ1536" s="162"/>
      <c r="BK1536" s="162"/>
      <c r="BL1536" s="162"/>
      <c r="BM1536" s="162"/>
      <c r="BN1536" s="162"/>
      <c r="BO1536" s="162"/>
      <c r="BP1536" s="162"/>
      <c r="BQ1536" s="162"/>
      <c r="BR1536" s="162"/>
      <c r="BS1536" s="162"/>
      <c r="BT1536" s="162"/>
      <c r="BU1536" s="162"/>
      <c r="BV1536" s="162"/>
      <c r="BW1536" s="162"/>
      <c r="BX1536" s="162"/>
      <c r="BY1536" s="162"/>
      <c r="BZ1536" s="162"/>
      <c r="CA1536" s="162"/>
      <c r="CB1536" s="162"/>
      <c r="CC1536" s="162"/>
      <c r="CD1536" s="162"/>
      <c r="CE1536" s="162"/>
      <c r="CF1536" s="162"/>
      <c r="CG1536" s="162"/>
      <c r="CH1536" s="162"/>
      <c r="CI1536" s="162"/>
      <c r="CJ1536" s="162"/>
      <c r="CK1536" s="162"/>
      <c r="CX1536" s="98"/>
      <c r="DL1536" s="97"/>
      <c r="DX1536" s="98"/>
      <c r="EL1536" s="97"/>
      <c r="EX1536" s="98"/>
      <c r="EY1536" s="97"/>
      <c r="FL1536" s="126"/>
      <c r="FM1536" s="91"/>
      <c r="FN1536" s="91"/>
      <c r="FO1536" s="91"/>
      <c r="FP1536" s="91"/>
      <c r="FQ1536" s="91"/>
      <c r="FR1536" s="91"/>
      <c r="FS1536" s="91"/>
      <c r="FT1536" s="91"/>
      <c r="FU1536" s="91"/>
      <c r="FV1536" s="91"/>
      <c r="FW1536" s="91"/>
      <c r="FX1536" s="91"/>
      <c r="FY1536" s="91"/>
      <c r="FZ1536" s="91"/>
      <c r="GA1536" s="91"/>
      <c r="GB1536" s="91"/>
      <c r="GC1536" s="91"/>
      <c r="GD1536" s="91"/>
      <c r="GE1536" s="91"/>
      <c r="GF1536" s="91"/>
      <c r="GG1536" s="91"/>
      <c r="GH1536" s="91"/>
      <c r="GI1536" s="91"/>
      <c r="GJ1536" s="91"/>
      <c r="GK1536" s="127"/>
      <c r="GL1536" s="126"/>
      <c r="GM1536" s="91"/>
      <c r="GN1536" s="91"/>
      <c r="GO1536" s="91"/>
      <c r="GP1536" s="91"/>
      <c r="GQ1536" s="91"/>
      <c r="GR1536" s="91"/>
      <c r="GS1536" s="91"/>
      <c r="GT1536" s="91"/>
      <c r="GU1536" s="91"/>
      <c r="GV1536" s="91"/>
      <c r="GW1536" s="91"/>
      <c r="GX1536" s="91"/>
      <c r="GY1536" s="91"/>
      <c r="GZ1536" s="91"/>
      <c r="HA1536" s="91"/>
      <c r="HB1536" s="91"/>
      <c r="HC1536" s="91"/>
      <c r="HD1536" s="91"/>
      <c r="HE1536" s="91"/>
      <c r="HF1536" s="91"/>
      <c r="HG1536" s="91"/>
      <c r="HH1536" s="91"/>
      <c r="HI1536" s="91"/>
      <c r="HJ1536" s="91"/>
      <c r="HK1536" s="127"/>
      <c r="HL1536" s="126"/>
      <c r="HM1536" s="91"/>
      <c r="HN1536" s="91"/>
      <c r="HO1536" s="91"/>
      <c r="HP1536" s="91"/>
      <c r="HQ1536" s="91"/>
      <c r="HR1536" s="91"/>
      <c r="HS1536" s="91"/>
      <c r="HT1536" s="91"/>
      <c r="HU1536" s="91"/>
      <c r="HV1536" s="91"/>
      <c r="HW1536" s="91"/>
      <c r="HX1536" s="91"/>
      <c r="HY1536" s="91"/>
      <c r="HZ1536" s="91"/>
      <c r="IA1536" s="91"/>
      <c r="IB1536" s="91"/>
      <c r="IC1536" s="91"/>
      <c r="ID1536" s="91"/>
      <c r="IE1536" s="91"/>
      <c r="IF1536" s="91"/>
      <c r="IG1536" s="91"/>
      <c r="IH1536" s="91"/>
      <c r="II1536" s="91"/>
      <c r="IJ1536" s="91"/>
      <c r="IK1536" s="127"/>
    </row>
    <row r="1537" spans="2:245" x14ac:dyDescent="0.2">
      <c r="B1537" s="43"/>
      <c r="C1537" s="73"/>
      <c r="D1537" s="64"/>
      <c r="E1537" s="64"/>
      <c r="F1537" s="55"/>
      <c r="G1537" s="102"/>
      <c r="H1537" s="55"/>
      <c r="I1537" s="55"/>
      <c r="J1537" s="55"/>
      <c r="K1537" s="55"/>
      <c r="L1537" s="55"/>
      <c r="M1537" s="55"/>
      <c r="N1537" s="55"/>
      <c r="O1537" s="55"/>
      <c r="P1537" s="55"/>
      <c r="Q1537" s="55"/>
      <c r="R1537" s="55"/>
      <c r="S1537" s="55"/>
      <c r="T1537" s="55"/>
      <c r="U1537" s="55"/>
      <c r="V1537" s="55"/>
      <c r="W1537" s="55"/>
      <c r="X1537" s="55"/>
      <c r="Y1537" s="55"/>
      <c r="Z1537" s="55"/>
      <c r="AA1537" s="55"/>
      <c r="AB1537" s="55"/>
      <c r="AC1537" s="55"/>
      <c r="AD1537" s="55"/>
      <c r="AE1537" s="55"/>
      <c r="AF1537" s="55"/>
      <c r="AG1537" s="55"/>
      <c r="AY1537" s="162"/>
      <c r="AZ1537" s="162"/>
      <c r="BA1537" s="162"/>
      <c r="BB1537" s="162"/>
      <c r="BC1537" s="162"/>
      <c r="BD1537" s="162"/>
      <c r="BE1537" s="162"/>
      <c r="BF1537" s="162"/>
      <c r="BG1537" s="162"/>
      <c r="BH1537" s="162"/>
      <c r="BI1537" s="162"/>
      <c r="BJ1537" s="162"/>
      <c r="BK1537" s="162"/>
      <c r="BL1537" s="162"/>
      <c r="BM1537" s="162"/>
      <c r="BN1537" s="162"/>
      <c r="BO1537" s="162"/>
      <c r="BP1537" s="162"/>
      <c r="BQ1537" s="162"/>
      <c r="BR1537" s="162"/>
      <c r="BS1537" s="162"/>
      <c r="BT1537" s="162"/>
      <c r="BU1537" s="162"/>
      <c r="BV1537" s="162"/>
      <c r="BW1537" s="162"/>
      <c r="BX1537" s="162"/>
      <c r="BY1537" s="162"/>
      <c r="BZ1537" s="162"/>
      <c r="CA1537" s="162"/>
      <c r="CB1537" s="162"/>
      <c r="CC1537" s="162"/>
      <c r="CD1537" s="162"/>
      <c r="CE1537" s="162"/>
      <c r="CF1537" s="162"/>
      <c r="CG1537" s="162"/>
      <c r="CH1537" s="162"/>
      <c r="CI1537" s="162"/>
      <c r="CJ1537" s="162"/>
      <c r="CK1537" s="162"/>
      <c r="CX1537" s="98"/>
      <c r="DL1537" s="97"/>
      <c r="DX1537" s="98"/>
      <c r="EL1537" s="97"/>
      <c r="EX1537" s="98"/>
      <c r="EY1537" s="97"/>
      <c r="FL1537" s="126"/>
      <c r="FM1537" s="91"/>
      <c r="FN1537" s="91"/>
      <c r="FO1537" s="91"/>
      <c r="FP1537" s="91"/>
      <c r="FQ1537" s="91"/>
      <c r="FR1537" s="91"/>
      <c r="FS1537" s="91"/>
      <c r="FT1537" s="91"/>
      <c r="FU1537" s="91"/>
      <c r="FV1537" s="91"/>
      <c r="FW1537" s="91"/>
      <c r="FX1537" s="91"/>
      <c r="FY1537" s="91"/>
      <c r="FZ1537" s="91"/>
      <c r="GA1537" s="91"/>
      <c r="GB1537" s="91"/>
      <c r="GC1537" s="91"/>
      <c r="GD1537" s="91"/>
      <c r="GE1537" s="91"/>
      <c r="GF1537" s="91"/>
      <c r="GG1537" s="91"/>
      <c r="GH1537" s="91"/>
      <c r="GI1537" s="91"/>
      <c r="GJ1537" s="91"/>
      <c r="GK1537" s="127"/>
      <c r="GL1537" s="126"/>
      <c r="GM1537" s="91"/>
      <c r="GN1537" s="91"/>
      <c r="GO1537" s="91"/>
      <c r="GP1537" s="91"/>
      <c r="GQ1537" s="91"/>
      <c r="GR1537" s="91"/>
      <c r="GS1537" s="91"/>
      <c r="GT1537" s="91"/>
      <c r="GU1537" s="91"/>
      <c r="GV1537" s="91"/>
      <c r="GW1537" s="91"/>
      <c r="GX1537" s="91"/>
      <c r="GY1537" s="91"/>
      <c r="GZ1537" s="91"/>
      <c r="HA1537" s="91"/>
      <c r="HB1537" s="91"/>
      <c r="HC1537" s="91"/>
      <c r="HD1537" s="91"/>
      <c r="HE1537" s="91"/>
      <c r="HF1537" s="91"/>
      <c r="HG1537" s="91"/>
      <c r="HH1537" s="91"/>
      <c r="HI1537" s="91"/>
      <c r="HJ1537" s="91"/>
      <c r="HK1537" s="127"/>
      <c r="HL1537" s="126"/>
      <c r="HM1537" s="91"/>
      <c r="HN1537" s="91"/>
      <c r="HO1537" s="91"/>
      <c r="HP1537" s="91"/>
      <c r="HQ1537" s="91"/>
      <c r="HR1537" s="91"/>
      <c r="HS1537" s="91"/>
      <c r="HT1537" s="91"/>
      <c r="HU1537" s="91"/>
      <c r="HV1537" s="91"/>
      <c r="HW1537" s="91"/>
      <c r="HX1537" s="91"/>
      <c r="HY1537" s="91"/>
      <c r="HZ1537" s="91"/>
      <c r="IA1537" s="91"/>
      <c r="IB1537" s="91"/>
      <c r="IC1537" s="91"/>
      <c r="ID1537" s="91"/>
      <c r="IE1537" s="91"/>
      <c r="IF1537" s="91"/>
      <c r="IG1537" s="91"/>
      <c r="IH1537" s="91"/>
      <c r="II1537" s="91"/>
      <c r="IJ1537" s="91"/>
      <c r="IK1537" s="127"/>
    </row>
    <row r="1538" spans="2:245" x14ac:dyDescent="0.2">
      <c r="B1538" s="43"/>
      <c r="C1538" s="73"/>
      <c r="D1538" s="64"/>
      <c r="E1538" s="64"/>
      <c r="F1538" s="55"/>
      <c r="G1538" s="102"/>
      <c r="H1538" s="55"/>
      <c r="I1538" s="55"/>
      <c r="J1538" s="55"/>
      <c r="K1538" s="55"/>
      <c r="L1538" s="55"/>
      <c r="M1538" s="55"/>
      <c r="N1538" s="55"/>
      <c r="O1538" s="55"/>
      <c r="P1538" s="55"/>
      <c r="Q1538" s="55"/>
      <c r="R1538" s="55"/>
      <c r="S1538" s="55"/>
      <c r="T1538" s="55"/>
      <c r="U1538" s="55"/>
      <c r="V1538" s="55"/>
      <c r="W1538" s="55"/>
      <c r="X1538" s="55"/>
      <c r="Y1538" s="55"/>
      <c r="Z1538" s="55"/>
      <c r="AA1538" s="55"/>
      <c r="AB1538" s="55"/>
      <c r="AC1538" s="55"/>
      <c r="AD1538" s="55"/>
      <c r="AE1538" s="55"/>
      <c r="AF1538" s="55"/>
      <c r="AG1538" s="55"/>
      <c r="AY1538" s="162"/>
      <c r="AZ1538" s="162"/>
      <c r="BA1538" s="162"/>
      <c r="BB1538" s="162"/>
      <c r="BC1538" s="162"/>
      <c r="BD1538" s="162"/>
      <c r="BE1538" s="162"/>
      <c r="BF1538" s="162"/>
      <c r="BG1538" s="162"/>
      <c r="BH1538" s="162"/>
      <c r="BI1538" s="162"/>
      <c r="BJ1538" s="162"/>
      <c r="BK1538" s="162"/>
      <c r="BL1538" s="162"/>
      <c r="BM1538" s="162"/>
      <c r="BN1538" s="162"/>
      <c r="BO1538" s="162"/>
      <c r="BP1538" s="162"/>
      <c r="BQ1538" s="162"/>
      <c r="BR1538" s="162"/>
      <c r="BS1538" s="162"/>
      <c r="BT1538" s="162"/>
      <c r="BU1538" s="162"/>
      <c r="BV1538" s="162"/>
      <c r="BW1538" s="162"/>
      <c r="BX1538" s="162"/>
      <c r="BY1538" s="162"/>
      <c r="BZ1538" s="162"/>
      <c r="CA1538" s="162"/>
      <c r="CB1538" s="162"/>
      <c r="CC1538" s="162"/>
      <c r="CD1538" s="162"/>
      <c r="CE1538" s="162"/>
      <c r="CF1538" s="162"/>
      <c r="CG1538" s="162"/>
      <c r="CH1538" s="162"/>
      <c r="CI1538" s="162"/>
      <c r="CJ1538" s="162"/>
      <c r="CK1538" s="162"/>
      <c r="CX1538" s="98"/>
      <c r="DL1538" s="97"/>
      <c r="DX1538" s="98"/>
      <c r="EL1538" s="97"/>
      <c r="EX1538" s="98"/>
      <c r="EY1538" s="97"/>
      <c r="FL1538" s="126"/>
      <c r="FM1538" s="91"/>
      <c r="FN1538" s="91"/>
      <c r="FO1538" s="91"/>
      <c r="FP1538" s="91"/>
      <c r="FQ1538" s="91"/>
      <c r="FR1538" s="91"/>
      <c r="FS1538" s="91"/>
      <c r="FT1538" s="91"/>
      <c r="FU1538" s="91"/>
      <c r="FV1538" s="91"/>
      <c r="FW1538" s="91"/>
      <c r="FX1538" s="91"/>
      <c r="FY1538" s="91"/>
      <c r="FZ1538" s="91"/>
      <c r="GA1538" s="91"/>
      <c r="GB1538" s="91"/>
      <c r="GC1538" s="91"/>
      <c r="GD1538" s="91"/>
      <c r="GE1538" s="91"/>
      <c r="GF1538" s="91"/>
      <c r="GG1538" s="91"/>
      <c r="GH1538" s="91"/>
      <c r="GI1538" s="91"/>
      <c r="GJ1538" s="91"/>
      <c r="GK1538" s="127"/>
      <c r="GL1538" s="126"/>
      <c r="GM1538" s="91"/>
      <c r="GN1538" s="91"/>
      <c r="GO1538" s="91"/>
      <c r="GP1538" s="91"/>
      <c r="GQ1538" s="91"/>
      <c r="GR1538" s="91"/>
      <c r="GS1538" s="91"/>
      <c r="GT1538" s="91"/>
      <c r="GU1538" s="91"/>
      <c r="GV1538" s="91"/>
      <c r="GW1538" s="91"/>
      <c r="GX1538" s="91"/>
      <c r="GY1538" s="91"/>
      <c r="GZ1538" s="91"/>
      <c r="HA1538" s="91"/>
      <c r="HB1538" s="91"/>
      <c r="HC1538" s="91"/>
      <c r="HD1538" s="91"/>
      <c r="HE1538" s="91"/>
      <c r="HF1538" s="91"/>
      <c r="HG1538" s="91"/>
      <c r="HH1538" s="91"/>
      <c r="HI1538" s="91"/>
      <c r="HJ1538" s="91"/>
      <c r="HK1538" s="127"/>
      <c r="HL1538" s="126"/>
      <c r="HM1538" s="91"/>
      <c r="HN1538" s="91"/>
      <c r="HO1538" s="91"/>
      <c r="HP1538" s="91"/>
      <c r="HQ1538" s="91"/>
      <c r="HR1538" s="91"/>
      <c r="HS1538" s="91"/>
      <c r="HT1538" s="91"/>
      <c r="HU1538" s="91"/>
      <c r="HV1538" s="91"/>
      <c r="HW1538" s="91"/>
      <c r="HX1538" s="91"/>
      <c r="HY1538" s="91"/>
      <c r="HZ1538" s="91"/>
      <c r="IA1538" s="91"/>
      <c r="IB1538" s="91"/>
      <c r="IC1538" s="91"/>
      <c r="ID1538" s="91"/>
      <c r="IE1538" s="91"/>
      <c r="IF1538" s="91"/>
      <c r="IG1538" s="91"/>
      <c r="IH1538" s="91"/>
      <c r="II1538" s="91"/>
      <c r="IJ1538" s="91"/>
      <c r="IK1538" s="127"/>
    </row>
    <row r="1539" spans="2:245" x14ac:dyDescent="0.2">
      <c r="B1539" s="43"/>
      <c r="C1539" s="73"/>
      <c r="D1539" s="64"/>
      <c r="E1539" s="64"/>
      <c r="F1539" s="55"/>
      <c r="G1539" s="102"/>
      <c r="H1539" s="55"/>
      <c r="I1539" s="55"/>
      <c r="J1539" s="55"/>
      <c r="K1539" s="55"/>
      <c r="L1539" s="55"/>
      <c r="M1539" s="55"/>
      <c r="N1539" s="55"/>
      <c r="O1539" s="55"/>
      <c r="P1539" s="55"/>
      <c r="Q1539" s="55"/>
      <c r="R1539" s="55"/>
      <c r="S1539" s="55"/>
      <c r="T1539" s="55"/>
      <c r="U1539" s="55"/>
      <c r="V1539" s="55"/>
      <c r="W1539" s="55"/>
      <c r="X1539" s="55"/>
      <c r="Y1539" s="55"/>
      <c r="Z1539" s="55"/>
      <c r="AA1539" s="55"/>
      <c r="AB1539" s="55"/>
      <c r="AC1539" s="55"/>
      <c r="AD1539" s="55"/>
      <c r="AE1539" s="55"/>
      <c r="AF1539" s="55"/>
      <c r="AG1539" s="55"/>
      <c r="AY1539" s="162"/>
      <c r="AZ1539" s="162"/>
      <c r="BA1539" s="162"/>
      <c r="BB1539" s="162"/>
      <c r="BC1539" s="162"/>
      <c r="BD1539" s="162"/>
      <c r="BE1539" s="162"/>
      <c r="BF1539" s="162"/>
      <c r="BG1539" s="162"/>
      <c r="BH1539" s="162"/>
      <c r="BI1539" s="162"/>
      <c r="BJ1539" s="162"/>
      <c r="BK1539" s="162"/>
      <c r="BL1539" s="162"/>
      <c r="BM1539" s="162"/>
      <c r="BN1539" s="162"/>
      <c r="BO1539" s="162"/>
      <c r="BP1539" s="162"/>
      <c r="BQ1539" s="162"/>
      <c r="BR1539" s="162"/>
      <c r="BS1539" s="162"/>
      <c r="BT1539" s="162"/>
      <c r="BU1539" s="162"/>
      <c r="BV1539" s="162"/>
      <c r="BW1539" s="162"/>
      <c r="BX1539" s="162"/>
      <c r="BY1539" s="162"/>
      <c r="BZ1539" s="162"/>
      <c r="CA1539" s="162"/>
      <c r="CB1539" s="162"/>
      <c r="CC1539" s="162"/>
      <c r="CD1539" s="162"/>
      <c r="CE1539" s="162"/>
      <c r="CF1539" s="162"/>
      <c r="CG1539" s="162"/>
      <c r="CH1539" s="162"/>
      <c r="CI1539" s="162"/>
      <c r="CJ1539" s="162"/>
      <c r="CK1539" s="162"/>
      <c r="CX1539" s="98"/>
      <c r="DL1539" s="97"/>
      <c r="DX1539" s="98"/>
      <c r="EL1539" s="97"/>
      <c r="EX1539" s="98"/>
      <c r="EY1539" s="97"/>
      <c r="FL1539" s="126"/>
      <c r="FM1539" s="91"/>
      <c r="FN1539" s="91"/>
      <c r="FO1539" s="91"/>
      <c r="FP1539" s="91"/>
      <c r="FQ1539" s="91"/>
      <c r="FR1539" s="91"/>
      <c r="FS1539" s="91"/>
      <c r="FT1539" s="91"/>
      <c r="FU1539" s="91"/>
      <c r="FV1539" s="91"/>
      <c r="FW1539" s="91"/>
      <c r="FX1539" s="91"/>
      <c r="FY1539" s="91"/>
      <c r="FZ1539" s="91"/>
      <c r="GA1539" s="91"/>
      <c r="GB1539" s="91"/>
      <c r="GC1539" s="91"/>
      <c r="GD1539" s="91"/>
      <c r="GE1539" s="91"/>
      <c r="GF1539" s="91"/>
      <c r="GG1539" s="91"/>
      <c r="GH1539" s="91"/>
      <c r="GI1539" s="91"/>
      <c r="GJ1539" s="91"/>
      <c r="GK1539" s="127"/>
      <c r="GL1539" s="126"/>
      <c r="GM1539" s="91"/>
      <c r="GN1539" s="91"/>
      <c r="GO1539" s="91"/>
      <c r="GP1539" s="91"/>
      <c r="GQ1539" s="91"/>
      <c r="GR1539" s="91"/>
      <c r="GS1539" s="91"/>
      <c r="GT1539" s="91"/>
      <c r="GU1539" s="91"/>
      <c r="GV1539" s="91"/>
      <c r="GW1539" s="91"/>
      <c r="GX1539" s="91"/>
      <c r="GY1539" s="91"/>
      <c r="GZ1539" s="91"/>
      <c r="HA1539" s="91"/>
      <c r="HB1539" s="91"/>
      <c r="HC1539" s="91"/>
      <c r="HD1539" s="91"/>
      <c r="HE1539" s="91"/>
      <c r="HF1539" s="91"/>
      <c r="HG1539" s="91"/>
      <c r="HH1539" s="91"/>
      <c r="HI1539" s="91"/>
      <c r="HJ1539" s="91"/>
      <c r="HK1539" s="127"/>
      <c r="HL1539" s="126"/>
      <c r="HM1539" s="91"/>
      <c r="HN1539" s="91"/>
      <c r="HO1539" s="91"/>
      <c r="HP1539" s="91"/>
      <c r="HQ1539" s="91"/>
      <c r="HR1539" s="91"/>
      <c r="HS1539" s="91"/>
      <c r="HT1539" s="91"/>
      <c r="HU1539" s="91"/>
      <c r="HV1539" s="91"/>
      <c r="HW1539" s="91"/>
      <c r="HX1539" s="91"/>
      <c r="HY1539" s="91"/>
      <c r="HZ1539" s="91"/>
      <c r="IA1539" s="91"/>
      <c r="IB1539" s="91"/>
      <c r="IC1539" s="91"/>
      <c r="ID1539" s="91"/>
      <c r="IE1539" s="91"/>
      <c r="IF1539" s="91"/>
      <c r="IG1539" s="91"/>
      <c r="IH1539" s="91"/>
      <c r="II1539" s="91"/>
      <c r="IJ1539" s="91"/>
      <c r="IK1539" s="127"/>
    </row>
    <row r="1540" spans="2:245" x14ac:dyDescent="0.2">
      <c r="B1540" s="43"/>
      <c r="C1540" s="73"/>
      <c r="D1540" s="64"/>
      <c r="E1540" s="64"/>
      <c r="F1540" s="55"/>
      <c r="G1540" s="102"/>
      <c r="H1540" s="55"/>
      <c r="I1540" s="55"/>
      <c r="J1540" s="55"/>
      <c r="K1540" s="55"/>
      <c r="L1540" s="55"/>
      <c r="M1540" s="55"/>
      <c r="N1540" s="55"/>
      <c r="O1540" s="55"/>
      <c r="P1540" s="55"/>
      <c r="Q1540" s="55"/>
      <c r="R1540" s="55"/>
      <c r="S1540" s="55"/>
      <c r="T1540" s="55"/>
      <c r="U1540" s="55"/>
      <c r="V1540" s="55"/>
      <c r="W1540" s="55"/>
      <c r="X1540" s="55"/>
      <c r="Y1540" s="55"/>
      <c r="Z1540" s="55"/>
      <c r="AA1540" s="55"/>
      <c r="AB1540" s="55"/>
      <c r="AC1540" s="55"/>
      <c r="AD1540" s="55"/>
      <c r="AE1540" s="55"/>
      <c r="AF1540" s="55"/>
      <c r="AG1540" s="55"/>
      <c r="AY1540" s="162"/>
      <c r="AZ1540" s="162"/>
      <c r="BA1540" s="162"/>
      <c r="BB1540" s="162"/>
      <c r="BC1540" s="162"/>
      <c r="BD1540" s="162"/>
      <c r="BE1540" s="162"/>
      <c r="BF1540" s="162"/>
      <c r="BG1540" s="162"/>
      <c r="BH1540" s="162"/>
      <c r="BI1540" s="162"/>
      <c r="BJ1540" s="162"/>
      <c r="BK1540" s="162"/>
      <c r="BL1540" s="162"/>
      <c r="BM1540" s="162"/>
      <c r="BN1540" s="162"/>
      <c r="BO1540" s="162"/>
      <c r="BP1540" s="162"/>
      <c r="BQ1540" s="162"/>
      <c r="BR1540" s="162"/>
      <c r="BS1540" s="162"/>
      <c r="BT1540" s="162"/>
      <c r="BU1540" s="162"/>
      <c r="BV1540" s="162"/>
      <c r="BW1540" s="162"/>
      <c r="BX1540" s="162"/>
      <c r="BY1540" s="162"/>
      <c r="BZ1540" s="162"/>
      <c r="CA1540" s="162"/>
      <c r="CB1540" s="162"/>
      <c r="CC1540" s="162"/>
      <c r="CD1540" s="162"/>
      <c r="CE1540" s="162"/>
      <c r="CF1540" s="162"/>
      <c r="CG1540" s="162"/>
      <c r="CH1540" s="162"/>
      <c r="CI1540" s="162"/>
      <c r="CJ1540" s="162"/>
      <c r="CK1540" s="162"/>
      <c r="CX1540" s="98"/>
      <c r="DL1540" s="97"/>
      <c r="DX1540" s="98"/>
      <c r="EL1540" s="97"/>
      <c r="EX1540" s="98"/>
      <c r="EY1540" s="97"/>
      <c r="FL1540" s="126"/>
      <c r="FM1540" s="91"/>
      <c r="FN1540" s="91"/>
      <c r="FO1540" s="91"/>
      <c r="FP1540" s="91"/>
      <c r="FQ1540" s="91"/>
      <c r="FR1540" s="91"/>
      <c r="FS1540" s="91"/>
      <c r="FT1540" s="91"/>
      <c r="FU1540" s="91"/>
      <c r="FV1540" s="91"/>
      <c r="FW1540" s="91"/>
      <c r="FX1540" s="91"/>
      <c r="FY1540" s="91"/>
      <c r="FZ1540" s="91"/>
      <c r="GA1540" s="91"/>
      <c r="GB1540" s="91"/>
      <c r="GC1540" s="91"/>
      <c r="GD1540" s="91"/>
      <c r="GE1540" s="91"/>
      <c r="GF1540" s="91"/>
      <c r="GG1540" s="91"/>
      <c r="GH1540" s="91"/>
      <c r="GI1540" s="91"/>
      <c r="GJ1540" s="91"/>
      <c r="GK1540" s="127"/>
      <c r="GL1540" s="126"/>
      <c r="GM1540" s="91"/>
      <c r="GN1540" s="91"/>
      <c r="GO1540" s="91"/>
      <c r="GP1540" s="91"/>
      <c r="GQ1540" s="91"/>
      <c r="GR1540" s="91"/>
      <c r="GS1540" s="91"/>
      <c r="GT1540" s="91"/>
      <c r="GU1540" s="91"/>
      <c r="GV1540" s="91"/>
      <c r="GW1540" s="91"/>
      <c r="GX1540" s="91"/>
      <c r="GY1540" s="91"/>
      <c r="GZ1540" s="91"/>
      <c r="HA1540" s="91"/>
      <c r="HB1540" s="91"/>
      <c r="HC1540" s="91"/>
      <c r="HD1540" s="91"/>
      <c r="HE1540" s="91"/>
      <c r="HF1540" s="91"/>
      <c r="HG1540" s="91"/>
      <c r="HH1540" s="91"/>
      <c r="HI1540" s="91"/>
      <c r="HJ1540" s="91"/>
      <c r="HK1540" s="127"/>
      <c r="HL1540" s="126"/>
      <c r="HM1540" s="91"/>
      <c r="HN1540" s="91"/>
      <c r="HO1540" s="91"/>
      <c r="HP1540" s="91"/>
      <c r="HQ1540" s="91"/>
      <c r="HR1540" s="91"/>
      <c r="HS1540" s="91"/>
      <c r="HT1540" s="91"/>
      <c r="HU1540" s="91"/>
      <c r="HV1540" s="91"/>
      <c r="HW1540" s="91"/>
      <c r="HX1540" s="91"/>
      <c r="HY1540" s="91"/>
      <c r="HZ1540" s="91"/>
      <c r="IA1540" s="91"/>
      <c r="IB1540" s="91"/>
      <c r="IC1540" s="91"/>
      <c r="ID1540" s="91"/>
      <c r="IE1540" s="91"/>
      <c r="IF1540" s="91"/>
      <c r="IG1540" s="91"/>
      <c r="IH1540" s="91"/>
      <c r="II1540" s="91"/>
      <c r="IJ1540" s="91"/>
      <c r="IK1540" s="127"/>
    </row>
    <row r="1541" spans="2:245" x14ac:dyDescent="0.2">
      <c r="B1541" s="43"/>
      <c r="C1541" s="73"/>
      <c r="D1541" s="64"/>
      <c r="E1541" s="64"/>
      <c r="F1541" s="55"/>
      <c r="G1541" s="102"/>
      <c r="H1541" s="55"/>
      <c r="I1541" s="55"/>
      <c r="J1541" s="55"/>
      <c r="K1541" s="55"/>
      <c r="L1541" s="55"/>
      <c r="M1541" s="55"/>
      <c r="N1541" s="55"/>
      <c r="O1541" s="55"/>
      <c r="P1541" s="55"/>
      <c r="Q1541" s="55"/>
      <c r="R1541" s="55"/>
      <c r="S1541" s="55"/>
      <c r="T1541" s="55"/>
      <c r="U1541" s="55"/>
      <c r="V1541" s="55"/>
      <c r="W1541" s="55"/>
      <c r="X1541" s="55"/>
      <c r="Y1541" s="55"/>
      <c r="Z1541" s="55"/>
      <c r="AA1541" s="55"/>
      <c r="AB1541" s="55"/>
      <c r="AC1541" s="55"/>
      <c r="AD1541" s="55"/>
      <c r="AE1541" s="55"/>
      <c r="AF1541" s="55"/>
      <c r="AG1541" s="55"/>
      <c r="AY1541" s="162"/>
      <c r="AZ1541" s="162"/>
      <c r="BA1541" s="162"/>
      <c r="BB1541" s="162"/>
      <c r="BC1541" s="162"/>
      <c r="BD1541" s="162"/>
      <c r="BE1541" s="162"/>
      <c r="BF1541" s="162"/>
      <c r="BG1541" s="162"/>
      <c r="BH1541" s="162"/>
      <c r="BI1541" s="162"/>
      <c r="BJ1541" s="162"/>
      <c r="BK1541" s="162"/>
      <c r="BL1541" s="162"/>
      <c r="BM1541" s="162"/>
      <c r="BN1541" s="162"/>
      <c r="BO1541" s="162"/>
      <c r="BP1541" s="162"/>
      <c r="BQ1541" s="162"/>
      <c r="BR1541" s="162"/>
      <c r="BS1541" s="162"/>
      <c r="BT1541" s="162"/>
      <c r="BU1541" s="162"/>
      <c r="BV1541" s="162"/>
      <c r="BW1541" s="162"/>
      <c r="BX1541" s="162"/>
      <c r="BY1541" s="162"/>
      <c r="BZ1541" s="162"/>
      <c r="CA1541" s="162"/>
      <c r="CB1541" s="162"/>
      <c r="CC1541" s="162"/>
      <c r="CD1541" s="162"/>
      <c r="CE1541" s="162"/>
      <c r="CF1541" s="162"/>
      <c r="CG1541" s="162"/>
      <c r="CH1541" s="162"/>
      <c r="CI1541" s="162"/>
      <c r="CJ1541" s="162"/>
      <c r="CK1541" s="162"/>
      <c r="CX1541" s="98"/>
      <c r="DL1541" s="97"/>
      <c r="DX1541" s="98"/>
      <c r="EL1541" s="97"/>
      <c r="EX1541" s="98"/>
      <c r="EY1541" s="97"/>
      <c r="FL1541" s="126"/>
      <c r="FM1541" s="91"/>
      <c r="FN1541" s="91"/>
      <c r="FO1541" s="91"/>
      <c r="FP1541" s="91"/>
      <c r="FQ1541" s="91"/>
      <c r="FR1541" s="91"/>
      <c r="FS1541" s="91"/>
      <c r="FT1541" s="91"/>
      <c r="FU1541" s="91"/>
      <c r="FV1541" s="91"/>
      <c r="FW1541" s="91"/>
      <c r="FX1541" s="91"/>
      <c r="FY1541" s="91"/>
      <c r="FZ1541" s="91"/>
      <c r="GA1541" s="91"/>
      <c r="GB1541" s="91"/>
      <c r="GC1541" s="91"/>
      <c r="GD1541" s="91"/>
      <c r="GE1541" s="91"/>
      <c r="GF1541" s="91"/>
      <c r="GG1541" s="91"/>
      <c r="GH1541" s="91"/>
      <c r="GI1541" s="91"/>
      <c r="GJ1541" s="91"/>
      <c r="GK1541" s="127"/>
      <c r="GL1541" s="126"/>
      <c r="GM1541" s="91"/>
      <c r="GN1541" s="91"/>
      <c r="GO1541" s="91"/>
      <c r="GP1541" s="91"/>
      <c r="GQ1541" s="91"/>
      <c r="GR1541" s="91"/>
      <c r="GS1541" s="91"/>
      <c r="GT1541" s="91"/>
      <c r="GU1541" s="91"/>
      <c r="GV1541" s="91"/>
      <c r="GW1541" s="91"/>
      <c r="GX1541" s="91"/>
      <c r="GY1541" s="91"/>
      <c r="GZ1541" s="91"/>
      <c r="HA1541" s="91"/>
      <c r="HB1541" s="91"/>
      <c r="HC1541" s="91"/>
      <c r="HD1541" s="91"/>
      <c r="HE1541" s="91"/>
      <c r="HF1541" s="91"/>
      <c r="HG1541" s="91"/>
      <c r="HH1541" s="91"/>
      <c r="HI1541" s="91"/>
      <c r="HJ1541" s="91"/>
      <c r="HK1541" s="127"/>
      <c r="HL1541" s="126"/>
      <c r="HM1541" s="91"/>
      <c r="HN1541" s="91"/>
      <c r="HO1541" s="91"/>
      <c r="HP1541" s="91"/>
      <c r="HQ1541" s="91"/>
      <c r="HR1541" s="91"/>
      <c r="HS1541" s="91"/>
      <c r="HT1541" s="91"/>
      <c r="HU1541" s="91"/>
      <c r="HV1541" s="91"/>
      <c r="HW1541" s="91"/>
      <c r="HX1541" s="91"/>
      <c r="HY1541" s="91"/>
      <c r="HZ1541" s="91"/>
      <c r="IA1541" s="91"/>
      <c r="IB1541" s="91"/>
      <c r="IC1541" s="91"/>
      <c r="ID1541" s="91"/>
      <c r="IE1541" s="91"/>
      <c r="IF1541" s="91"/>
      <c r="IG1541" s="91"/>
      <c r="IH1541" s="91"/>
      <c r="II1541" s="91"/>
      <c r="IJ1541" s="91"/>
      <c r="IK1541" s="127"/>
    </row>
    <row r="1542" spans="2:245" x14ac:dyDescent="0.2">
      <c r="B1542" s="43"/>
      <c r="C1542" s="73"/>
      <c r="D1542" s="64"/>
      <c r="E1542" s="64"/>
      <c r="F1542" s="55"/>
      <c r="G1542" s="102"/>
      <c r="H1542" s="55"/>
      <c r="I1542" s="55"/>
      <c r="J1542" s="55"/>
      <c r="K1542" s="55"/>
      <c r="L1542" s="55"/>
      <c r="M1542" s="55"/>
      <c r="N1542" s="55"/>
      <c r="O1542" s="55"/>
      <c r="P1542" s="55"/>
      <c r="Q1542" s="55"/>
      <c r="R1542" s="55"/>
      <c r="S1542" s="55"/>
      <c r="T1542" s="55"/>
      <c r="U1542" s="55"/>
      <c r="V1542" s="55"/>
      <c r="W1542" s="55"/>
      <c r="X1542" s="55"/>
      <c r="Y1542" s="55"/>
      <c r="Z1542" s="55"/>
      <c r="AA1542" s="55"/>
      <c r="AB1542" s="55"/>
      <c r="AC1542" s="55"/>
      <c r="AD1542" s="55"/>
      <c r="AE1542" s="55"/>
      <c r="AF1542" s="55"/>
      <c r="AG1542" s="55"/>
      <c r="AY1542" s="162"/>
      <c r="AZ1542" s="162"/>
      <c r="BA1542" s="162"/>
      <c r="BB1542" s="162"/>
      <c r="BC1542" s="162"/>
      <c r="BD1542" s="162"/>
      <c r="BE1542" s="162"/>
      <c r="BF1542" s="162"/>
      <c r="BG1542" s="162"/>
      <c r="BH1542" s="162"/>
      <c r="BI1542" s="162"/>
      <c r="BJ1542" s="162"/>
      <c r="BK1542" s="162"/>
      <c r="BL1542" s="162"/>
      <c r="BM1542" s="162"/>
      <c r="BN1542" s="162"/>
      <c r="BO1542" s="162"/>
      <c r="BP1542" s="162"/>
      <c r="BQ1542" s="162"/>
      <c r="BR1542" s="162"/>
      <c r="BS1542" s="162"/>
      <c r="BT1542" s="162"/>
      <c r="BU1542" s="162"/>
      <c r="BV1542" s="162"/>
      <c r="BW1542" s="162"/>
      <c r="BX1542" s="162"/>
      <c r="BY1542" s="162"/>
      <c r="BZ1542" s="162"/>
      <c r="CA1542" s="162"/>
      <c r="CB1542" s="162"/>
      <c r="CC1542" s="162"/>
      <c r="CD1542" s="162"/>
      <c r="CE1542" s="162"/>
      <c r="CF1542" s="162"/>
      <c r="CG1542" s="162"/>
      <c r="CH1542" s="162"/>
      <c r="CI1542" s="162"/>
      <c r="CJ1542" s="162"/>
      <c r="CK1542" s="162"/>
      <c r="CX1542" s="98"/>
      <c r="DL1542" s="97"/>
      <c r="DX1542" s="98"/>
      <c r="EL1542" s="97"/>
      <c r="EX1542" s="98"/>
      <c r="EY1542" s="97"/>
      <c r="FL1542" s="126"/>
      <c r="FM1542" s="91"/>
      <c r="FN1542" s="91"/>
      <c r="FO1542" s="91"/>
      <c r="FP1542" s="91"/>
      <c r="FQ1542" s="91"/>
      <c r="FR1542" s="91"/>
      <c r="FS1542" s="91"/>
      <c r="FT1542" s="91"/>
      <c r="FU1542" s="91"/>
      <c r="FV1542" s="91"/>
      <c r="FW1542" s="91"/>
      <c r="FX1542" s="91"/>
      <c r="FY1542" s="91"/>
      <c r="FZ1542" s="91"/>
      <c r="GA1542" s="91"/>
      <c r="GB1542" s="91"/>
      <c r="GC1542" s="91"/>
      <c r="GD1542" s="91"/>
      <c r="GE1542" s="91"/>
      <c r="GF1542" s="91"/>
      <c r="GG1542" s="91"/>
      <c r="GH1542" s="91"/>
      <c r="GI1542" s="91"/>
      <c r="GJ1542" s="91"/>
      <c r="GK1542" s="127"/>
      <c r="GL1542" s="126"/>
      <c r="GM1542" s="91"/>
      <c r="GN1542" s="91"/>
      <c r="GO1542" s="91"/>
      <c r="GP1542" s="91"/>
      <c r="GQ1542" s="91"/>
      <c r="GR1542" s="91"/>
      <c r="GS1542" s="91"/>
      <c r="GT1542" s="91"/>
      <c r="GU1542" s="91"/>
      <c r="GV1542" s="91"/>
      <c r="GW1542" s="91"/>
      <c r="GX1542" s="91"/>
      <c r="GY1542" s="91"/>
      <c r="GZ1542" s="91"/>
      <c r="HA1542" s="91"/>
      <c r="HB1542" s="91"/>
      <c r="HC1542" s="91"/>
      <c r="HD1542" s="91"/>
      <c r="HE1542" s="91"/>
      <c r="HF1542" s="91"/>
      <c r="HG1542" s="91"/>
      <c r="HH1542" s="91"/>
      <c r="HI1542" s="91"/>
      <c r="HJ1542" s="91"/>
      <c r="HK1542" s="127"/>
      <c r="HL1542" s="126"/>
      <c r="HM1542" s="91"/>
      <c r="HN1542" s="91"/>
      <c r="HO1542" s="91"/>
      <c r="HP1542" s="91"/>
      <c r="HQ1542" s="91"/>
      <c r="HR1542" s="91"/>
      <c r="HS1542" s="91"/>
      <c r="HT1542" s="91"/>
      <c r="HU1542" s="91"/>
      <c r="HV1542" s="91"/>
      <c r="HW1542" s="91"/>
      <c r="HX1542" s="91"/>
      <c r="HY1542" s="91"/>
      <c r="HZ1542" s="91"/>
      <c r="IA1542" s="91"/>
      <c r="IB1542" s="91"/>
      <c r="IC1542" s="91"/>
      <c r="ID1542" s="91"/>
      <c r="IE1542" s="91"/>
      <c r="IF1542" s="91"/>
      <c r="IG1542" s="91"/>
      <c r="IH1542" s="91"/>
      <c r="II1542" s="91"/>
      <c r="IJ1542" s="91"/>
      <c r="IK1542" s="127"/>
    </row>
    <row r="1543" spans="2:245" ht="13.5" thickBot="1" x14ac:dyDescent="0.25">
      <c r="B1543" s="43"/>
      <c r="C1543" s="73"/>
      <c r="D1543" s="64"/>
      <c r="E1543" s="64"/>
      <c r="F1543" s="55"/>
      <c r="G1543" s="102"/>
      <c r="H1543" s="55"/>
      <c r="I1543" s="55"/>
      <c r="J1543" s="55"/>
      <c r="K1543" s="55"/>
      <c r="L1543" s="55"/>
      <c r="M1543" s="55"/>
      <c r="N1543" s="55"/>
      <c r="O1543" s="55"/>
      <c r="P1543" s="55"/>
      <c r="Q1543" s="55"/>
      <c r="R1543" s="55"/>
      <c r="S1543" s="55"/>
      <c r="T1543" s="55"/>
      <c r="U1543" s="55"/>
      <c r="V1543" s="55"/>
      <c r="W1543" s="55"/>
      <c r="X1543" s="55"/>
      <c r="Y1543" s="55"/>
      <c r="Z1543" s="55"/>
      <c r="AA1543" s="55"/>
      <c r="AB1543" s="55"/>
      <c r="AC1543" s="55"/>
      <c r="AD1543" s="55"/>
      <c r="AE1543" s="55"/>
      <c r="AF1543" s="55"/>
      <c r="AG1543" s="55"/>
      <c r="AY1543" s="162"/>
      <c r="AZ1543" s="162"/>
      <c r="BA1543" s="162"/>
      <c r="BB1543" s="162"/>
      <c r="BC1543" s="162"/>
      <c r="BD1543" s="162"/>
      <c r="BE1543" s="162"/>
      <c r="BF1543" s="162"/>
      <c r="BG1543" s="162"/>
      <c r="BH1543" s="162"/>
      <c r="BI1543" s="162"/>
      <c r="BJ1543" s="162"/>
      <c r="BK1543" s="162"/>
      <c r="BL1543" s="162"/>
      <c r="BM1543" s="162"/>
      <c r="BN1543" s="162"/>
      <c r="BO1543" s="162"/>
      <c r="BP1543" s="162"/>
      <c r="BQ1543" s="162"/>
      <c r="BR1543" s="162"/>
      <c r="BS1543" s="162"/>
      <c r="BT1543" s="162"/>
      <c r="BU1543" s="162"/>
      <c r="BV1543" s="162"/>
      <c r="BW1543" s="162"/>
      <c r="BX1543" s="162"/>
      <c r="BY1543" s="162"/>
      <c r="BZ1543" s="162"/>
      <c r="CA1543" s="162"/>
      <c r="CB1543" s="162"/>
      <c r="CC1543" s="162"/>
      <c r="CD1543" s="162"/>
      <c r="CE1543" s="162"/>
      <c r="CF1543" s="162"/>
      <c r="CG1543" s="162"/>
      <c r="CH1543" s="162"/>
      <c r="CI1543" s="162"/>
      <c r="CJ1543" s="162"/>
      <c r="CK1543" s="162"/>
      <c r="CX1543" s="98"/>
      <c r="DL1543" s="97"/>
      <c r="DX1543" s="98"/>
      <c r="EL1543" s="97"/>
      <c r="EX1543" s="98"/>
      <c r="EY1543" s="97"/>
      <c r="FL1543" s="126"/>
      <c r="FM1543" s="91"/>
      <c r="FN1543" s="91"/>
      <c r="FO1543" s="91"/>
      <c r="FP1543" s="91"/>
      <c r="FQ1543" s="91"/>
      <c r="FR1543" s="91"/>
      <c r="FS1543" s="91"/>
      <c r="FT1543" s="91"/>
      <c r="FU1543" s="91"/>
      <c r="FV1543" s="91"/>
      <c r="FW1543" s="91"/>
      <c r="FX1543" s="91"/>
      <c r="FY1543" s="91"/>
      <c r="FZ1543" s="91"/>
      <c r="GA1543" s="91"/>
      <c r="GB1543" s="91"/>
      <c r="GC1543" s="91"/>
      <c r="GD1543" s="91"/>
      <c r="GE1543" s="91"/>
      <c r="GF1543" s="91"/>
      <c r="GG1543" s="91"/>
      <c r="GH1543" s="91"/>
      <c r="GI1543" s="91"/>
      <c r="GJ1543" s="91"/>
      <c r="GK1543" s="127"/>
      <c r="GL1543" s="126"/>
      <c r="GM1543" s="91"/>
      <c r="GN1543" s="91"/>
      <c r="GO1543" s="91"/>
      <c r="GP1543" s="91"/>
      <c r="GQ1543" s="91"/>
      <c r="GR1543" s="91"/>
      <c r="GS1543" s="91"/>
      <c r="GT1543" s="91"/>
      <c r="GU1543" s="91"/>
      <c r="GV1543" s="91"/>
      <c r="GW1543" s="91"/>
      <c r="GX1543" s="91"/>
      <c r="GY1543" s="91"/>
      <c r="GZ1543" s="91"/>
      <c r="HA1543" s="91"/>
      <c r="HB1543" s="91"/>
      <c r="HC1543" s="91"/>
      <c r="HD1543" s="91"/>
      <c r="HE1543" s="91"/>
      <c r="HF1543" s="91"/>
      <c r="HG1543" s="91"/>
      <c r="HH1543" s="91"/>
      <c r="HI1543" s="91"/>
      <c r="HJ1543" s="91"/>
      <c r="HK1543" s="127"/>
      <c r="HL1543" s="126"/>
      <c r="HM1543" s="91"/>
      <c r="HN1543" s="91"/>
      <c r="HO1543" s="91"/>
      <c r="HP1543" s="91"/>
      <c r="HQ1543" s="91"/>
      <c r="HR1543" s="91"/>
      <c r="HS1543" s="91"/>
      <c r="HT1543" s="91"/>
      <c r="HU1543" s="91"/>
      <c r="HV1543" s="91"/>
      <c r="HW1543" s="91"/>
      <c r="HX1543" s="91"/>
      <c r="HY1543" s="91"/>
      <c r="HZ1543" s="91"/>
      <c r="IA1543" s="91"/>
      <c r="IB1543" s="91"/>
      <c r="IC1543" s="91"/>
      <c r="ID1543" s="91"/>
      <c r="IE1543" s="91"/>
      <c r="IF1543" s="91"/>
      <c r="IG1543" s="91"/>
      <c r="IH1543" s="91"/>
      <c r="II1543" s="91"/>
      <c r="IJ1543" s="91"/>
      <c r="IK1543" s="127"/>
    </row>
    <row r="1544" spans="2:245" x14ac:dyDescent="0.2">
      <c r="B1544" s="43"/>
      <c r="C1544" s="73"/>
      <c r="D1544" s="64"/>
      <c r="E1544" s="64"/>
      <c r="F1544" s="55"/>
      <c r="G1544" s="102"/>
      <c r="H1544" s="55"/>
      <c r="I1544" s="55"/>
      <c r="J1544" s="55"/>
      <c r="K1544" s="55"/>
      <c r="L1544" s="55"/>
      <c r="M1544" s="55"/>
      <c r="N1544" s="55"/>
      <c r="O1544" s="55"/>
      <c r="P1544" s="55"/>
      <c r="Q1544" s="55"/>
      <c r="R1544" s="55"/>
      <c r="S1544" s="55"/>
      <c r="T1544" s="55"/>
      <c r="U1544" s="55"/>
      <c r="V1544" s="55"/>
      <c r="W1544" s="55"/>
      <c r="X1544" s="55"/>
      <c r="Y1544" s="55"/>
      <c r="Z1544" s="55"/>
      <c r="AA1544" s="55"/>
      <c r="AB1544" s="55"/>
      <c r="AC1544" s="55"/>
      <c r="AD1544" s="55"/>
      <c r="AE1544" s="55"/>
      <c r="AF1544" s="55"/>
      <c r="AG1544" s="55"/>
      <c r="AY1544" s="162"/>
      <c r="AZ1544" s="162"/>
      <c r="BA1544" s="162"/>
      <c r="BB1544" s="162"/>
      <c r="BC1544" s="162"/>
      <c r="BD1544" s="162"/>
      <c r="BE1544" s="162"/>
      <c r="BF1544" s="162"/>
      <c r="BG1544" s="162"/>
      <c r="BH1544" s="162"/>
      <c r="BI1544" s="162"/>
      <c r="BJ1544" s="162"/>
      <c r="BK1544" s="162"/>
      <c r="BL1544" s="162"/>
      <c r="BM1544" s="162"/>
      <c r="BN1544" s="162"/>
      <c r="BO1544" s="162"/>
      <c r="BP1544" s="162"/>
      <c r="BQ1544" s="162"/>
      <c r="BR1544" s="162"/>
      <c r="BS1544" s="162"/>
      <c r="BT1544" s="162"/>
      <c r="BU1544" s="162"/>
      <c r="BV1544" s="162"/>
      <c r="BW1544" s="162"/>
      <c r="BX1544" s="162"/>
      <c r="BY1544" s="162"/>
      <c r="BZ1544" s="162"/>
      <c r="CA1544" s="162"/>
      <c r="CB1544" s="162"/>
      <c r="CC1544" s="162"/>
      <c r="CD1544" s="162"/>
      <c r="CE1544" s="162"/>
      <c r="CF1544" s="162"/>
      <c r="CG1544" s="162"/>
      <c r="CH1544" s="162"/>
      <c r="CI1544" s="162"/>
      <c r="CJ1544" s="162"/>
      <c r="CK1544" s="162"/>
      <c r="CL1544" s="163"/>
      <c r="CM1544" s="163"/>
      <c r="CN1544" s="163"/>
      <c r="CO1544" s="163"/>
      <c r="CP1544" s="163"/>
      <c r="CQ1544" s="163"/>
      <c r="CR1544" s="163"/>
      <c r="CS1544" s="163"/>
      <c r="CT1544" s="163"/>
      <c r="CU1544" s="163"/>
      <c r="CV1544" s="163"/>
      <c r="CW1544" s="163"/>
      <c r="CX1544" s="173"/>
      <c r="CY1544" s="163"/>
      <c r="CZ1544" s="163"/>
      <c r="DA1544" s="163"/>
      <c r="DB1544" s="163"/>
      <c r="DC1544" s="163"/>
      <c r="DD1544" s="163"/>
      <c r="DE1544" s="163"/>
      <c r="DF1544" s="163"/>
      <c r="DG1544" s="163"/>
      <c r="DH1544" s="163"/>
      <c r="DI1544" s="163"/>
      <c r="DJ1544" s="163"/>
      <c r="DK1544" s="163"/>
      <c r="DL1544" s="172"/>
      <c r="DM1544" s="163"/>
      <c r="DN1544" s="163"/>
      <c r="DO1544" s="163"/>
      <c r="DP1544" s="163"/>
      <c r="DQ1544" s="163"/>
      <c r="DR1544" s="163"/>
      <c r="DS1544" s="163"/>
      <c r="DT1544" s="163"/>
      <c r="DU1544" s="163"/>
      <c r="DV1544" s="163"/>
      <c r="DW1544" s="163"/>
      <c r="DX1544" s="173"/>
      <c r="DY1544" s="163"/>
      <c r="DZ1544" s="163"/>
      <c r="EA1544" s="163"/>
      <c r="EB1544" s="163"/>
      <c r="EC1544" s="163"/>
      <c r="ED1544" s="163"/>
      <c r="EE1544" s="163"/>
      <c r="EF1544" s="163"/>
      <c r="EG1544" s="163"/>
      <c r="EH1544" s="163"/>
      <c r="EI1544" s="163"/>
      <c r="EJ1544" s="163"/>
      <c r="EK1544" s="163"/>
      <c r="EL1544" s="172"/>
      <c r="EM1544" s="163"/>
      <c r="EN1544" s="163"/>
      <c r="EO1544" s="163"/>
      <c r="EP1544" s="163"/>
      <c r="EQ1544" s="163"/>
      <c r="ER1544" s="163"/>
      <c r="ES1544" s="163"/>
      <c r="ET1544" s="163"/>
      <c r="EU1544" s="163"/>
      <c r="EV1544" s="163"/>
      <c r="EW1544" s="163"/>
      <c r="EX1544" s="173"/>
      <c r="EY1544" s="172"/>
      <c r="EZ1544" s="163"/>
      <c r="FA1544" s="163"/>
      <c r="FB1544" s="163"/>
      <c r="FC1544" s="163"/>
      <c r="FD1544" s="163"/>
      <c r="FE1544" s="163"/>
      <c r="FF1544" s="163"/>
      <c r="FG1544" s="163"/>
      <c r="FH1544" s="163"/>
      <c r="FI1544" s="163"/>
      <c r="FJ1544" s="163"/>
      <c r="FK1544" s="163"/>
      <c r="FL1544" s="126"/>
      <c r="FM1544" s="91"/>
      <c r="FN1544" s="91"/>
      <c r="FO1544" s="91"/>
      <c r="FP1544" s="91"/>
      <c r="FQ1544" s="91"/>
      <c r="FR1544" s="91"/>
      <c r="FS1544" s="91"/>
      <c r="FT1544" s="91"/>
      <c r="FU1544" s="91"/>
      <c r="FV1544" s="91"/>
      <c r="FW1544" s="91"/>
      <c r="FX1544" s="91"/>
      <c r="FY1544" s="91"/>
      <c r="FZ1544" s="91"/>
      <c r="GA1544" s="91"/>
      <c r="GB1544" s="91"/>
      <c r="GC1544" s="91"/>
      <c r="GD1544" s="91"/>
      <c r="GE1544" s="91"/>
      <c r="GF1544" s="91"/>
      <c r="GG1544" s="91"/>
      <c r="GH1544" s="91"/>
      <c r="GI1544" s="91"/>
      <c r="GJ1544" s="91"/>
      <c r="GK1544" s="127"/>
      <c r="GL1544" s="126"/>
      <c r="GM1544" s="91"/>
      <c r="GN1544" s="91"/>
      <c r="GO1544" s="91"/>
      <c r="GP1544" s="91"/>
      <c r="GQ1544" s="91"/>
      <c r="GR1544" s="91"/>
      <c r="GS1544" s="91"/>
      <c r="GT1544" s="91"/>
      <c r="GU1544" s="91"/>
      <c r="GV1544" s="91"/>
      <c r="GW1544" s="91"/>
      <c r="GX1544" s="91"/>
      <c r="GY1544" s="91"/>
      <c r="GZ1544" s="91"/>
      <c r="HA1544" s="91"/>
      <c r="HB1544" s="91"/>
      <c r="HC1544" s="91"/>
      <c r="HD1544" s="91"/>
      <c r="HE1544" s="91"/>
      <c r="HF1544" s="91"/>
      <c r="HG1544" s="91"/>
      <c r="HH1544" s="91"/>
      <c r="HI1544" s="91"/>
      <c r="HJ1544" s="91"/>
      <c r="HK1544" s="127"/>
      <c r="HL1544" s="126"/>
      <c r="HM1544" s="91"/>
      <c r="HN1544" s="91"/>
      <c r="HO1544" s="91"/>
      <c r="HP1544" s="91"/>
      <c r="HQ1544" s="91"/>
      <c r="HR1544" s="91"/>
      <c r="HS1544" s="91"/>
      <c r="HT1544" s="91"/>
      <c r="HU1544" s="91"/>
      <c r="HV1544" s="91"/>
      <c r="HW1544" s="91"/>
      <c r="HX1544" s="91"/>
      <c r="HY1544" s="91"/>
      <c r="HZ1544" s="91"/>
      <c r="IA1544" s="91"/>
      <c r="IB1544" s="91"/>
      <c r="IC1544" s="91"/>
      <c r="ID1544" s="91"/>
      <c r="IE1544" s="91"/>
      <c r="IF1544" s="91"/>
      <c r="IG1544" s="91"/>
      <c r="IH1544" s="91"/>
      <c r="II1544" s="91"/>
      <c r="IJ1544" s="91"/>
      <c r="IK1544" s="127"/>
    </row>
    <row r="1545" spans="2:245" x14ac:dyDescent="0.2">
      <c r="B1545" s="43"/>
      <c r="C1545" s="73"/>
      <c r="D1545" s="64"/>
      <c r="E1545" s="64"/>
      <c r="F1545" s="55"/>
      <c r="G1545" s="102"/>
      <c r="H1545" s="55"/>
      <c r="I1545" s="55"/>
      <c r="J1545" s="55"/>
      <c r="K1545" s="55"/>
      <c r="L1545" s="55"/>
      <c r="M1545" s="55"/>
      <c r="N1545" s="55"/>
      <c r="O1545" s="55"/>
      <c r="P1545" s="55"/>
      <c r="Q1545" s="55"/>
      <c r="R1545" s="55"/>
      <c r="S1545" s="55"/>
      <c r="T1545" s="55"/>
      <c r="U1545" s="55"/>
      <c r="V1545" s="55"/>
      <c r="W1545" s="55"/>
      <c r="X1545" s="55"/>
      <c r="Y1545" s="55"/>
      <c r="Z1545" s="55"/>
      <c r="AA1545" s="55"/>
      <c r="AB1545" s="55"/>
      <c r="AC1545" s="55"/>
      <c r="AD1545" s="55"/>
      <c r="AE1545" s="55"/>
      <c r="AF1545" s="55"/>
      <c r="AG1545" s="55"/>
      <c r="AY1545" s="162"/>
      <c r="AZ1545" s="162"/>
      <c r="BA1545" s="162"/>
      <c r="BB1545" s="162"/>
      <c r="BC1545" s="162"/>
      <c r="BD1545" s="162"/>
      <c r="BE1545" s="162"/>
      <c r="BF1545" s="162"/>
      <c r="BG1545" s="162"/>
      <c r="BH1545" s="162"/>
      <c r="BI1545" s="162"/>
      <c r="BJ1545" s="162"/>
      <c r="BK1545" s="162"/>
      <c r="BL1545" s="162"/>
      <c r="BM1545" s="162"/>
      <c r="BN1545" s="162"/>
      <c r="BO1545" s="162"/>
      <c r="BP1545" s="162"/>
      <c r="BQ1545" s="162"/>
      <c r="BR1545" s="162"/>
      <c r="BS1545" s="162"/>
      <c r="BT1545" s="162"/>
      <c r="BU1545" s="162"/>
      <c r="BV1545" s="162"/>
      <c r="BW1545" s="162"/>
      <c r="BX1545" s="162"/>
      <c r="BY1545" s="162"/>
      <c r="BZ1545" s="162"/>
      <c r="CA1545" s="162"/>
      <c r="CB1545" s="162"/>
      <c r="CC1545" s="162"/>
      <c r="CD1545" s="162"/>
      <c r="CE1545" s="162"/>
      <c r="CF1545" s="162"/>
      <c r="CG1545" s="162"/>
      <c r="CH1545" s="162"/>
      <c r="CI1545" s="162"/>
      <c r="CJ1545" s="162"/>
      <c r="CK1545" s="162"/>
      <c r="CX1545" s="98"/>
      <c r="DL1545" s="97"/>
      <c r="DX1545" s="98"/>
      <c r="EL1545" s="97"/>
      <c r="EX1545" s="98"/>
      <c r="EY1545" s="97"/>
      <c r="FL1545" s="126"/>
      <c r="FM1545" s="91"/>
      <c r="FN1545" s="91"/>
      <c r="FO1545" s="91"/>
      <c r="FP1545" s="91"/>
      <c r="FQ1545" s="91"/>
      <c r="FR1545" s="91"/>
      <c r="FS1545" s="91"/>
      <c r="FT1545" s="91"/>
      <c r="FU1545" s="91"/>
      <c r="FV1545" s="91"/>
      <c r="FW1545" s="91"/>
      <c r="FX1545" s="91"/>
      <c r="FY1545" s="91"/>
      <c r="FZ1545" s="91"/>
      <c r="GA1545" s="91"/>
      <c r="GB1545" s="91"/>
      <c r="GC1545" s="91"/>
      <c r="GD1545" s="91"/>
      <c r="GE1545" s="91"/>
      <c r="GF1545" s="91"/>
      <c r="GG1545" s="91"/>
      <c r="GH1545" s="91"/>
      <c r="GI1545" s="91"/>
      <c r="GJ1545" s="91"/>
      <c r="GK1545" s="127"/>
      <c r="GL1545" s="126"/>
      <c r="GM1545" s="91"/>
      <c r="GN1545" s="91"/>
      <c r="GO1545" s="91"/>
      <c r="GP1545" s="91"/>
      <c r="GQ1545" s="91"/>
      <c r="GR1545" s="91"/>
      <c r="GS1545" s="91"/>
      <c r="GT1545" s="91"/>
      <c r="GU1545" s="91"/>
      <c r="GV1545" s="91"/>
      <c r="GW1545" s="91"/>
      <c r="GX1545" s="91"/>
      <c r="GY1545" s="91"/>
      <c r="GZ1545" s="91"/>
      <c r="HA1545" s="91"/>
      <c r="HB1545" s="91"/>
      <c r="HC1545" s="91"/>
      <c r="HD1545" s="91"/>
      <c r="HE1545" s="91"/>
      <c r="HF1545" s="91"/>
      <c r="HG1545" s="91"/>
      <c r="HH1545" s="91"/>
      <c r="HI1545" s="91"/>
      <c r="HJ1545" s="91"/>
      <c r="HK1545" s="127"/>
      <c r="HL1545" s="126"/>
      <c r="HM1545" s="91"/>
      <c r="HN1545" s="91"/>
      <c r="HO1545" s="91"/>
      <c r="HP1545" s="91"/>
      <c r="HQ1545" s="91"/>
      <c r="HR1545" s="91"/>
      <c r="HS1545" s="91"/>
      <c r="HT1545" s="91"/>
      <c r="HU1545" s="91"/>
      <c r="HV1545" s="91"/>
      <c r="HW1545" s="91"/>
      <c r="HX1545" s="91"/>
      <c r="HY1545" s="91"/>
      <c r="HZ1545" s="91"/>
      <c r="IA1545" s="91"/>
      <c r="IB1545" s="91"/>
      <c r="IC1545" s="91"/>
      <c r="ID1545" s="91"/>
      <c r="IE1545" s="91"/>
      <c r="IF1545" s="91"/>
      <c r="IG1545" s="91"/>
      <c r="IH1545" s="91"/>
      <c r="II1545" s="91"/>
      <c r="IJ1545" s="91"/>
      <c r="IK1545" s="127"/>
    </row>
    <row r="1546" spans="2:245" x14ac:dyDescent="0.2">
      <c r="B1546" s="43"/>
      <c r="C1546" s="73"/>
      <c r="D1546" s="64"/>
      <c r="E1546" s="64"/>
      <c r="F1546" s="55"/>
      <c r="G1546" s="102"/>
      <c r="H1546" s="55"/>
      <c r="I1546" s="55"/>
      <c r="J1546" s="55"/>
      <c r="K1546" s="55"/>
      <c r="L1546" s="55"/>
      <c r="M1546" s="55"/>
      <c r="N1546" s="55"/>
      <c r="O1546" s="55"/>
      <c r="P1546" s="55"/>
      <c r="Q1546" s="55"/>
      <c r="R1546" s="55"/>
      <c r="S1546" s="55"/>
      <c r="T1546" s="55"/>
      <c r="U1546" s="55"/>
      <c r="V1546" s="55"/>
      <c r="W1546" s="55"/>
      <c r="X1546" s="55"/>
      <c r="Y1546" s="55"/>
      <c r="Z1546" s="55"/>
      <c r="AA1546" s="55"/>
      <c r="AB1546" s="55"/>
      <c r="AC1546" s="55"/>
      <c r="AD1546" s="55"/>
      <c r="AE1546" s="55"/>
      <c r="AF1546" s="55"/>
      <c r="AG1546" s="55"/>
      <c r="AY1546" s="162"/>
      <c r="AZ1546" s="162"/>
      <c r="BA1546" s="162"/>
      <c r="BB1546" s="162"/>
      <c r="BC1546" s="162"/>
      <c r="BD1546" s="162"/>
      <c r="BE1546" s="162"/>
      <c r="BF1546" s="162"/>
      <c r="BG1546" s="162"/>
      <c r="BH1546" s="162"/>
      <c r="BI1546" s="162"/>
      <c r="BJ1546" s="162"/>
      <c r="BK1546" s="162"/>
      <c r="BL1546" s="162"/>
      <c r="BM1546" s="162"/>
      <c r="BN1546" s="162"/>
      <c r="BO1546" s="162"/>
      <c r="BP1546" s="162"/>
      <c r="BQ1546" s="162"/>
      <c r="BR1546" s="162"/>
      <c r="BS1546" s="162"/>
      <c r="BT1546" s="162"/>
      <c r="BU1546" s="162"/>
      <c r="BV1546" s="162"/>
      <c r="BW1546" s="162"/>
      <c r="BX1546" s="162"/>
      <c r="BY1546" s="162"/>
      <c r="BZ1546" s="162"/>
      <c r="CA1546" s="162"/>
      <c r="CB1546" s="162"/>
      <c r="CC1546" s="162"/>
      <c r="CD1546" s="162"/>
      <c r="CE1546" s="162"/>
      <c r="CF1546" s="162"/>
      <c r="CG1546" s="162"/>
      <c r="CH1546" s="162"/>
      <c r="CI1546" s="162"/>
      <c r="CJ1546" s="162"/>
      <c r="CK1546" s="162"/>
      <c r="CX1546" s="98"/>
      <c r="DL1546" s="97"/>
      <c r="DX1546" s="98"/>
      <c r="EL1546" s="97"/>
      <c r="EX1546" s="98"/>
      <c r="EY1546" s="97"/>
      <c r="FL1546" s="126"/>
      <c r="FM1546" s="91"/>
      <c r="FN1546" s="91"/>
      <c r="FO1546" s="91"/>
      <c r="FP1546" s="91"/>
      <c r="FQ1546" s="91"/>
      <c r="FR1546" s="91"/>
      <c r="FS1546" s="91"/>
      <c r="FT1546" s="91"/>
      <c r="FU1546" s="91"/>
      <c r="FV1546" s="91"/>
      <c r="FW1546" s="91"/>
      <c r="FX1546" s="91"/>
      <c r="FY1546" s="91"/>
      <c r="FZ1546" s="91"/>
      <c r="GA1546" s="91"/>
      <c r="GB1546" s="91"/>
      <c r="GC1546" s="91"/>
      <c r="GD1546" s="91"/>
      <c r="GE1546" s="91"/>
      <c r="GF1546" s="91"/>
      <c r="GG1546" s="91"/>
      <c r="GH1546" s="91"/>
      <c r="GI1546" s="91"/>
      <c r="GJ1546" s="91"/>
      <c r="GK1546" s="127"/>
      <c r="GL1546" s="126"/>
      <c r="GM1546" s="91"/>
      <c r="GN1546" s="91"/>
      <c r="GO1546" s="91"/>
      <c r="GP1546" s="91"/>
      <c r="GQ1546" s="91"/>
      <c r="GR1546" s="91"/>
      <c r="GS1546" s="91"/>
      <c r="GT1546" s="91"/>
      <c r="GU1546" s="91"/>
      <c r="GV1546" s="91"/>
      <c r="GW1546" s="91"/>
      <c r="GX1546" s="91"/>
      <c r="GY1546" s="91"/>
      <c r="GZ1546" s="91"/>
      <c r="HA1546" s="91"/>
      <c r="HB1546" s="91"/>
      <c r="HC1546" s="91"/>
      <c r="HD1546" s="91"/>
      <c r="HE1546" s="91"/>
      <c r="HF1546" s="91"/>
      <c r="HG1546" s="91"/>
      <c r="HH1546" s="91"/>
      <c r="HI1546" s="91"/>
      <c r="HJ1546" s="91"/>
      <c r="HK1546" s="127"/>
      <c r="HL1546" s="126"/>
      <c r="HM1546" s="91"/>
      <c r="HN1546" s="91"/>
      <c r="HO1546" s="91"/>
      <c r="HP1546" s="91"/>
      <c r="HQ1546" s="91"/>
      <c r="HR1546" s="91"/>
      <c r="HS1546" s="91"/>
      <c r="HT1546" s="91"/>
      <c r="HU1546" s="91"/>
      <c r="HV1546" s="91"/>
      <c r="HW1546" s="91"/>
      <c r="HX1546" s="91"/>
      <c r="HY1546" s="91"/>
      <c r="HZ1546" s="91"/>
      <c r="IA1546" s="91"/>
      <c r="IB1546" s="91"/>
      <c r="IC1546" s="91"/>
      <c r="ID1546" s="91"/>
      <c r="IE1546" s="91"/>
      <c r="IF1546" s="91"/>
      <c r="IG1546" s="91"/>
      <c r="IH1546" s="91"/>
      <c r="II1546" s="91"/>
      <c r="IJ1546" s="91"/>
      <c r="IK1546" s="127"/>
    </row>
    <row r="1547" spans="2:245" x14ac:dyDescent="0.2">
      <c r="B1547" s="43"/>
      <c r="C1547" s="73"/>
      <c r="D1547" s="64"/>
      <c r="E1547" s="64"/>
      <c r="F1547" s="55"/>
      <c r="G1547" s="102"/>
      <c r="H1547" s="55"/>
      <c r="I1547" s="55"/>
      <c r="J1547" s="55"/>
      <c r="K1547" s="55"/>
      <c r="L1547" s="55"/>
      <c r="M1547" s="55"/>
      <c r="N1547" s="55"/>
      <c r="O1547" s="55"/>
      <c r="P1547" s="55"/>
      <c r="Q1547" s="55"/>
      <c r="R1547" s="55"/>
      <c r="S1547" s="55"/>
      <c r="T1547" s="55"/>
      <c r="U1547" s="55"/>
      <c r="V1547" s="55"/>
      <c r="W1547" s="55"/>
      <c r="X1547" s="55"/>
      <c r="Y1547" s="55"/>
      <c r="Z1547" s="55"/>
      <c r="AA1547" s="55"/>
      <c r="AB1547" s="55"/>
      <c r="AC1547" s="55"/>
      <c r="AD1547" s="55"/>
      <c r="AE1547" s="55"/>
      <c r="AF1547" s="55"/>
      <c r="AG1547" s="55"/>
      <c r="AY1547" s="162"/>
      <c r="AZ1547" s="162"/>
      <c r="BA1547" s="162"/>
      <c r="BB1547" s="162"/>
      <c r="BC1547" s="162"/>
      <c r="BD1547" s="162"/>
      <c r="BE1547" s="162"/>
      <c r="BF1547" s="162"/>
      <c r="BG1547" s="162"/>
      <c r="BH1547" s="162"/>
      <c r="BI1547" s="162"/>
      <c r="BJ1547" s="162"/>
      <c r="BK1547" s="162"/>
      <c r="BL1547" s="162"/>
      <c r="BM1547" s="162"/>
      <c r="BN1547" s="162"/>
      <c r="BO1547" s="162"/>
      <c r="BP1547" s="162"/>
      <c r="BQ1547" s="162"/>
      <c r="BR1547" s="162"/>
      <c r="BS1547" s="162"/>
      <c r="BT1547" s="162"/>
      <c r="BU1547" s="162"/>
      <c r="BV1547" s="162"/>
      <c r="BW1547" s="162"/>
      <c r="BX1547" s="162"/>
      <c r="BY1547" s="162"/>
      <c r="BZ1547" s="162"/>
      <c r="CA1547" s="162"/>
      <c r="CB1547" s="162"/>
      <c r="CC1547" s="162"/>
      <c r="CD1547" s="162"/>
      <c r="CE1547" s="162"/>
      <c r="CF1547" s="162"/>
      <c r="CG1547" s="162"/>
      <c r="CH1547" s="162"/>
      <c r="CI1547" s="162"/>
      <c r="CJ1547" s="162"/>
      <c r="CK1547" s="162"/>
      <c r="CX1547" s="98"/>
      <c r="DL1547" s="97"/>
      <c r="DX1547" s="98"/>
      <c r="EL1547" s="97"/>
      <c r="EX1547" s="98"/>
      <c r="EY1547" s="97"/>
      <c r="FL1547" s="126"/>
      <c r="FM1547" s="91"/>
      <c r="FN1547" s="91"/>
      <c r="FO1547" s="91"/>
      <c r="FP1547" s="91"/>
      <c r="FQ1547" s="91"/>
      <c r="FR1547" s="91"/>
      <c r="FS1547" s="91"/>
      <c r="FT1547" s="91"/>
      <c r="FU1547" s="91"/>
      <c r="FV1547" s="91"/>
      <c r="FW1547" s="91"/>
      <c r="FX1547" s="91"/>
      <c r="FY1547" s="91"/>
      <c r="FZ1547" s="91"/>
      <c r="GA1547" s="91"/>
      <c r="GB1547" s="91"/>
      <c r="GC1547" s="91"/>
      <c r="GD1547" s="91"/>
      <c r="GE1547" s="91"/>
      <c r="GF1547" s="91"/>
      <c r="GG1547" s="91"/>
      <c r="GH1547" s="91"/>
      <c r="GI1547" s="91"/>
      <c r="GJ1547" s="91"/>
      <c r="GK1547" s="127"/>
      <c r="GL1547" s="126"/>
      <c r="GM1547" s="91"/>
      <c r="GN1547" s="91"/>
      <c r="GO1547" s="91"/>
      <c r="GP1547" s="91"/>
      <c r="GQ1547" s="91"/>
      <c r="GR1547" s="91"/>
      <c r="GS1547" s="91"/>
      <c r="GT1547" s="91"/>
      <c r="GU1547" s="91"/>
      <c r="GV1547" s="91"/>
      <c r="GW1547" s="91"/>
      <c r="GX1547" s="91"/>
      <c r="GY1547" s="91"/>
      <c r="GZ1547" s="91"/>
      <c r="HA1547" s="91"/>
      <c r="HB1547" s="91"/>
      <c r="HC1547" s="91"/>
      <c r="HD1547" s="91"/>
      <c r="HE1547" s="91"/>
      <c r="HF1547" s="91"/>
      <c r="HG1547" s="91"/>
      <c r="HH1547" s="91"/>
      <c r="HI1547" s="91"/>
      <c r="HJ1547" s="91"/>
      <c r="HK1547" s="127"/>
      <c r="HL1547" s="126"/>
      <c r="HM1547" s="91"/>
      <c r="HN1547" s="91"/>
      <c r="HO1547" s="91"/>
      <c r="HP1547" s="91"/>
      <c r="HQ1547" s="91"/>
      <c r="HR1547" s="91"/>
      <c r="HS1547" s="91"/>
      <c r="HT1547" s="91"/>
      <c r="HU1547" s="91"/>
      <c r="HV1547" s="91"/>
      <c r="HW1547" s="91"/>
      <c r="HX1547" s="91"/>
      <c r="HY1547" s="91"/>
      <c r="HZ1547" s="91"/>
      <c r="IA1547" s="91"/>
      <c r="IB1547" s="91"/>
      <c r="IC1547" s="91"/>
      <c r="ID1547" s="91"/>
      <c r="IE1547" s="91"/>
      <c r="IF1547" s="91"/>
      <c r="IG1547" s="91"/>
      <c r="IH1547" s="91"/>
      <c r="II1547" s="91"/>
      <c r="IJ1547" s="91"/>
      <c r="IK1547" s="127"/>
    </row>
    <row r="1548" spans="2:245" x14ac:dyDescent="0.2">
      <c r="B1548" s="43"/>
      <c r="C1548" s="73"/>
      <c r="D1548" s="64"/>
      <c r="E1548" s="64"/>
      <c r="F1548" s="55"/>
      <c r="G1548" s="102"/>
      <c r="H1548" s="55"/>
      <c r="I1548" s="55"/>
      <c r="J1548" s="55"/>
      <c r="K1548" s="55"/>
      <c r="L1548" s="55"/>
      <c r="M1548" s="55"/>
      <c r="N1548" s="55"/>
      <c r="O1548" s="55"/>
      <c r="P1548" s="55"/>
      <c r="Q1548" s="55"/>
      <c r="R1548" s="55"/>
      <c r="S1548" s="55"/>
      <c r="T1548" s="55"/>
      <c r="U1548" s="55"/>
      <c r="V1548" s="55"/>
      <c r="W1548" s="55"/>
      <c r="X1548" s="55"/>
      <c r="Y1548" s="55"/>
      <c r="Z1548" s="55"/>
      <c r="AA1548" s="55"/>
      <c r="AB1548" s="55"/>
      <c r="AC1548" s="55"/>
      <c r="AD1548" s="55"/>
      <c r="AE1548" s="55"/>
      <c r="AF1548" s="55"/>
      <c r="AG1548" s="55"/>
      <c r="AY1548" s="162"/>
      <c r="AZ1548" s="162"/>
      <c r="BA1548" s="162"/>
      <c r="BB1548" s="162"/>
      <c r="BC1548" s="162"/>
      <c r="BD1548" s="162"/>
      <c r="BE1548" s="162"/>
      <c r="BF1548" s="162"/>
      <c r="BG1548" s="162"/>
      <c r="BH1548" s="162"/>
      <c r="BI1548" s="162"/>
      <c r="BJ1548" s="162"/>
      <c r="BK1548" s="162"/>
      <c r="BL1548" s="162"/>
      <c r="BM1548" s="162"/>
      <c r="BN1548" s="162"/>
      <c r="BO1548" s="162"/>
      <c r="BP1548" s="162"/>
      <c r="BQ1548" s="162"/>
      <c r="BR1548" s="162"/>
      <c r="BS1548" s="162"/>
      <c r="BT1548" s="162"/>
      <c r="BU1548" s="162"/>
      <c r="BV1548" s="162"/>
      <c r="BW1548" s="162"/>
      <c r="BX1548" s="162"/>
      <c r="BY1548" s="162"/>
      <c r="BZ1548" s="162"/>
      <c r="CA1548" s="162"/>
      <c r="CB1548" s="162"/>
      <c r="CC1548" s="162"/>
      <c r="CD1548" s="162"/>
      <c r="CE1548" s="162"/>
      <c r="CF1548" s="162"/>
      <c r="CG1548" s="162"/>
      <c r="CH1548" s="162"/>
      <c r="CI1548" s="162"/>
      <c r="CJ1548" s="162"/>
      <c r="CK1548" s="162"/>
      <c r="CX1548" s="98"/>
      <c r="DL1548" s="97"/>
      <c r="DX1548" s="98"/>
      <c r="EL1548" s="97"/>
      <c r="EX1548" s="98"/>
      <c r="EY1548" s="97"/>
      <c r="FL1548" s="126"/>
      <c r="FM1548" s="91"/>
      <c r="FN1548" s="91"/>
      <c r="FO1548" s="91"/>
      <c r="FP1548" s="91"/>
      <c r="FQ1548" s="91"/>
      <c r="FR1548" s="91"/>
      <c r="FS1548" s="91"/>
      <c r="FT1548" s="91"/>
      <c r="FU1548" s="91"/>
      <c r="FV1548" s="91"/>
      <c r="FW1548" s="91"/>
      <c r="FX1548" s="91"/>
      <c r="FY1548" s="91"/>
      <c r="FZ1548" s="91"/>
      <c r="GA1548" s="91"/>
      <c r="GB1548" s="91"/>
      <c r="GC1548" s="91"/>
      <c r="GD1548" s="91"/>
      <c r="GE1548" s="91"/>
      <c r="GF1548" s="91"/>
      <c r="GG1548" s="91"/>
      <c r="GH1548" s="91"/>
      <c r="GI1548" s="91"/>
      <c r="GJ1548" s="91"/>
      <c r="GK1548" s="127"/>
      <c r="GL1548" s="126"/>
      <c r="GM1548" s="91"/>
      <c r="GN1548" s="91"/>
      <c r="GO1548" s="91"/>
      <c r="GP1548" s="91"/>
      <c r="GQ1548" s="91"/>
      <c r="GR1548" s="91"/>
      <c r="GS1548" s="91"/>
      <c r="GT1548" s="91"/>
      <c r="GU1548" s="91"/>
      <c r="GV1548" s="91"/>
      <c r="GW1548" s="91"/>
      <c r="GX1548" s="91"/>
      <c r="GY1548" s="91"/>
      <c r="GZ1548" s="91"/>
      <c r="HA1548" s="91"/>
      <c r="HB1548" s="91"/>
      <c r="HC1548" s="91"/>
      <c r="HD1548" s="91"/>
      <c r="HE1548" s="91"/>
      <c r="HF1548" s="91"/>
      <c r="HG1548" s="91"/>
      <c r="HH1548" s="91"/>
      <c r="HI1548" s="91"/>
      <c r="HJ1548" s="91"/>
      <c r="HK1548" s="127"/>
      <c r="HL1548" s="126"/>
      <c r="HM1548" s="91"/>
      <c r="HN1548" s="91"/>
      <c r="HO1548" s="91"/>
      <c r="HP1548" s="91"/>
      <c r="HQ1548" s="91"/>
      <c r="HR1548" s="91"/>
      <c r="HS1548" s="91"/>
      <c r="HT1548" s="91"/>
      <c r="HU1548" s="91"/>
      <c r="HV1548" s="91"/>
      <c r="HW1548" s="91"/>
      <c r="HX1548" s="91"/>
      <c r="HY1548" s="91"/>
      <c r="HZ1548" s="91"/>
      <c r="IA1548" s="91"/>
      <c r="IB1548" s="91"/>
      <c r="IC1548" s="91"/>
      <c r="ID1548" s="91"/>
      <c r="IE1548" s="91"/>
      <c r="IF1548" s="91"/>
      <c r="IG1548" s="91"/>
      <c r="IH1548" s="91"/>
      <c r="II1548" s="91"/>
      <c r="IJ1548" s="91"/>
      <c r="IK1548" s="127"/>
    </row>
    <row r="1549" spans="2:245" x14ac:dyDescent="0.2">
      <c r="B1549" s="43"/>
      <c r="C1549" s="73"/>
      <c r="D1549" s="64"/>
      <c r="E1549" s="64"/>
      <c r="F1549" s="55"/>
      <c r="G1549" s="102"/>
      <c r="H1549" s="55"/>
      <c r="I1549" s="55"/>
      <c r="J1549" s="55"/>
      <c r="K1549" s="55"/>
      <c r="L1549" s="55"/>
      <c r="M1549" s="55"/>
      <c r="N1549" s="55"/>
      <c r="O1549" s="55"/>
      <c r="P1549" s="55"/>
      <c r="Q1549" s="55"/>
      <c r="R1549" s="55"/>
      <c r="S1549" s="55"/>
      <c r="T1549" s="55"/>
      <c r="U1549" s="55"/>
      <c r="V1549" s="55"/>
      <c r="W1549" s="55"/>
      <c r="X1549" s="55"/>
      <c r="Y1549" s="55"/>
      <c r="Z1549" s="55"/>
      <c r="AA1549" s="55"/>
      <c r="AB1549" s="55"/>
      <c r="AC1549" s="55"/>
      <c r="AD1549" s="55"/>
      <c r="AE1549" s="55"/>
      <c r="AF1549" s="55"/>
      <c r="AG1549" s="55"/>
      <c r="AY1549" s="162"/>
      <c r="AZ1549" s="162"/>
      <c r="BA1549" s="162"/>
      <c r="BB1549" s="162"/>
      <c r="BC1549" s="162"/>
      <c r="BD1549" s="162"/>
      <c r="BE1549" s="162"/>
      <c r="BF1549" s="162"/>
      <c r="BG1549" s="162"/>
      <c r="BH1549" s="162"/>
      <c r="BI1549" s="162"/>
      <c r="BJ1549" s="162"/>
      <c r="BK1549" s="162"/>
      <c r="BL1549" s="162"/>
      <c r="BM1549" s="162"/>
      <c r="BN1549" s="162"/>
      <c r="BO1549" s="162"/>
      <c r="BP1549" s="162"/>
      <c r="BQ1549" s="162"/>
      <c r="BR1549" s="162"/>
      <c r="BS1549" s="162"/>
      <c r="BT1549" s="162"/>
      <c r="BU1549" s="162"/>
      <c r="BV1549" s="162"/>
      <c r="BW1549" s="162"/>
      <c r="BX1549" s="162"/>
      <c r="BY1549" s="162"/>
      <c r="BZ1549" s="162"/>
      <c r="CA1549" s="162"/>
      <c r="CB1549" s="162"/>
      <c r="CC1549" s="162"/>
      <c r="CD1549" s="162"/>
      <c r="CE1549" s="162"/>
      <c r="CF1549" s="162"/>
      <c r="CG1549" s="162"/>
      <c r="CH1549" s="162"/>
      <c r="CI1549" s="162"/>
      <c r="CJ1549" s="162"/>
      <c r="CK1549" s="162"/>
      <c r="CX1549" s="98"/>
      <c r="DL1549" s="97"/>
      <c r="DX1549" s="98"/>
      <c r="EL1549" s="97"/>
      <c r="EX1549" s="98"/>
      <c r="EY1549" s="97"/>
      <c r="FL1549" s="126"/>
      <c r="FM1549" s="91"/>
      <c r="FN1549" s="91"/>
      <c r="FO1549" s="91"/>
      <c r="FP1549" s="91"/>
      <c r="FQ1549" s="91"/>
      <c r="FR1549" s="91"/>
      <c r="FS1549" s="91"/>
      <c r="FT1549" s="91"/>
      <c r="FU1549" s="91"/>
      <c r="FV1549" s="91"/>
      <c r="FW1549" s="91"/>
      <c r="FX1549" s="91"/>
      <c r="FY1549" s="91"/>
      <c r="FZ1549" s="91"/>
      <c r="GA1549" s="91"/>
      <c r="GB1549" s="91"/>
      <c r="GC1549" s="91"/>
      <c r="GD1549" s="91"/>
      <c r="GE1549" s="91"/>
      <c r="GF1549" s="91"/>
      <c r="GG1549" s="91"/>
      <c r="GH1549" s="91"/>
      <c r="GI1549" s="91"/>
      <c r="GJ1549" s="91"/>
      <c r="GK1549" s="127"/>
      <c r="GL1549" s="126"/>
      <c r="GM1549" s="91"/>
      <c r="GN1549" s="91"/>
      <c r="GO1549" s="91"/>
      <c r="GP1549" s="91"/>
      <c r="GQ1549" s="91"/>
      <c r="GR1549" s="91"/>
      <c r="GS1549" s="91"/>
      <c r="GT1549" s="91"/>
      <c r="GU1549" s="91"/>
      <c r="GV1549" s="91"/>
      <c r="GW1549" s="91"/>
      <c r="GX1549" s="91"/>
      <c r="GY1549" s="91"/>
      <c r="GZ1549" s="91"/>
      <c r="HA1549" s="91"/>
      <c r="HB1549" s="91"/>
      <c r="HC1549" s="91"/>
      <c r="HD1549" s="91"/>
      <c r="HE1549" s="91"/>
      <c r="HF1549" s="91"/>
      <c r="HG1549" s="91"/>
      <c r="HH1549" s="91"/>
      <c r="HI1549" s="91"/>
      <c r="HJ1549" s="91"/>
      <c r="HK1549" s="127"/>
      <c r="HL1549" s="126"/>
      <c r="HM1549" s="91"/>
      <c r="HN1549" s="91"/>
      <c r="HO1549" s="91"/>
      <c r="HP1549" s="91"/>
      <c r="HQ1549" s="91"/>
      <c r="HR1549" s="91"/>
      <c r="HS1549" s="91"/>
      <c r="HT1549" s="91"/>
      <c r="HU1549" s="91"/>
      <c r="HV1549" s="91"/>
      <c r="HW1549" s="91"/>
      <c r="HX1549" s="91"/>
      <c r="HY1549" s="91"/>
      <c r="HZ1549" s="91"/>
      <c r="IA1549" s="91"/>
      <c r="IB1549" s="91"/>
      <c r="IC1549" s="91"/>
      <c r="ID1549" s="91"/>
      <c r="IE1549" s="91"/>
      <c r="IF1549" s="91"/>
      <c r="IG1549" s="91"/>
      <c r="IH1549" s="91"/>
      <c r="II1549" s="91"/>
      <c r="IJ1549" s="91"/>
      <c r="IK1549" s="127"/>
    </row>
    <row r="1550" spans="2:245" x14ac:dyDescent="0.2">
      <c r="B1550" s="43"/>
      <c r="C1550" s="73"/>
      <c r="D1550" s="64"/>
      <c r="E1550" s="64"/>
      <c r="F1550" s="55"/>
      <c r="G1550" s="102"/>
      <c r="H1550" s="55"/>
      <c r="I1550" s="55"/>
      <c r="J1550" s="55"/>
      <c r="K1550" s="55"/>
      <c r="L1550" s="55"/>
      <c r="M1550" s="55"/>
      <c r="N1550" s="55"/>
      <c r="O1550" s="55"/>
      <c r="P1550" s="55"/>
      <c r="Q1550" s="55"/>
      <c r="R1550" s="55"/>
      <c r="S1550" s="55"/>
      <c r="T1550" s="55"/>
      <c r="U1550" s="55"/>
      <c r="V1550" s="55"/>
      <c r="W1550" s="55"/>
      <c r="X1550" s="55"/>
      <c r="Y1550" s="55"/>
      <c r="Z1550" s="55"/>
      <c r="AA1550" s="55"/>
      <c r="AB1550" s="55"/>
      <c r="AC1550" s="55"/>
      <c r="AD1550" s="55"/>
      <c r="AE1550" s="55"/>
      <c r="AF1550" s="55"/>
      <c r="AG1550" s="55"/>
      <c r="AY1550" s="162"/>
      <c r="AZ1550" s="162"/>
      <c r="BA1550" s="162"/>
      <c r="BB1550" s="162"/>
      <c r="BC1550" s="162"/>
      <c r="BD1550" s="162"/>
      <c r="BE1550" s="162"/>
      <c r="BF1550" s="162"/>
      <c r="BG1550" s="162"/>
      <c r="BH1550" s="162"/>
      <c r="BI1550" s="162"/>
      <c r="BJ1550" s="162"/>
      <c r="BK1550" s="162"/>
      <c r="BL1550" s="162"/>
      <c r="BM1550" s="162"/>
      <c r="BN1550" s="162"/>
      <c r="BO1550" s="162"/>
      <c r="BP1550" s="162"/>
      <c r="BQ1550" s="162"/>
      <c r="BR1550" s="162"/>
      <c r="BS1550" s="162"/>
      <c r="BT1550" s="162"/>
      <c r="BU1550" s="162"/>
      <c r="BV1550" s="162"/>
      <c r="BW1550" s="162"/>
      <c r="BX1550" s="162"/>
      <c r="BY1550" s="162"/>
      <c r="BZ1550" s="162"/>
      <c r="CA1550" s="162"/>
      <c r="CB1550" s="162"/>
      <c r="CC1550" s="162"/>
      <c r="CD1550" s="162"/>
      <c r="CE1550" s="162"/>
      <c r="CF1550" s="162"/>
      <c r="CG1550" s="162"/>
      <c r="CH1550" s="162"/>
      <c r="CI1550" s="162"/>
      <c r="CJ1550" s="162"/>
      <c r="CK1550" s="162"/>
      <c r="CX1550" s="98"/>
      <c r="DL1550" s="97"/>
      <c r="DX1550" s="98"/>
      <c r="EL1550" s="97"/>
      <c r="EX1550" s="98"/>
      <c r="EY1550" s="97"/>
      <c r="FL1550" s="126"/>
      <c r="FM1550" s="91"/>
      <c r="FN1550" s="91"/>
      <c r="FO1550" s="91"/>
      <c r="FP1550" s="91"/>
      <c r="FQ1550" s="91"/>
      <c r="FR1550" s="91"/>
      <c r="FS1550" s="91"/>
      <c r="FT1550" s="91"/>
      <c r="FU1550" s="91"/>
      <c r="FV1550" s="91"/>
      <c r="FW1550" s="91"/>
      <c r="FX1550" s="91"/>
      <c r="FY1550" s="91"/>
      <c r="FZ1550" s="91"/>
      <c r="GA1550" s="91"/>
      <c r="GB1550" s="91"/>
      <c r="GC1550" s="91"/>
      <c r="GD1550" s="91"/>
      <c r="GE1550" s="91"/>
      <c r="GF1550" s="91"/>
      <c r="GG1550" s="91"/>
      <c r="GH1550" s="91"/>
      <c r="GI1550" s="91"/>
      <c r="GJ1550" s="91"/>
      <c r="GK1550" s="127"/>
      <c r="GL1550" s="126"/>
      <c r="GM1550" s="91"/>
      <c r="GN1550" s="91"/>
      <c r="GO1550" s="91"/>
      <c r="GP1550" s="91"/>
      <c r="GQ1550" s="91"/>
      <c r="GR1550" s="91"/>
      <c r="GS1550" s="91"/>
      <c r="GT1550" s="91"/>
      <c r="GU1550" s="91"/>
      <c r="GV1550" s="91"/>
      <c r="GW1550" s="91"/>
      <c r="GX1550" s="91"/>
      <c r="GY1550" s="91"/>
      <c r="GZ1550" s="91"/>
      <c r="HA1550" s="91"/>
      <c r="HB1550" s="91"/>
      <c r="HC1550" s="91"/>
      <c r="HD1550" s="91"/>
      <c r="HE1550" s="91"/>
      <c r="HF1550" s="91"/>
      <c r="HG1550" s="91"/>
      <c r="HH1550" s="91"/>
      <c r="HI1550" s="91"/>
      <c r="HJ1550" s="91"/>
      <c r="HK1550" s="127"/>
      <c r="HL1550" s="126"/>
      <c r="HM1550" s="91"/>
      <c r="HN1550" s="91"/>
      <c r="HO1550" s="91"/>
      <c r="HP1550" s="91"/>
      <c r="HQ1550" s="91"/>
      <c r="HR1550" s="91"/>
      <c r="HS1550" s="91"/>
      <c r="HT1550" s="91"/>
      <c r="HU1550" s="91"/>
      <c r="HV1550" s="91"/>
      <c r="HW1550" s="91"/>
      <c r="HX1550" s="91"/>
      <c r="HY1550" s="91"/>
      <c r="HZ1550" s="91"/>
      <c r="IA1550" s="91"/>
      <c r="IB1550" s="91"/>
      <c r="IC1550" s="91"/>
      <c r="ID1550" s="91"/>
      <c r="IE1550" s="91"/>
      <c r="IF1550" s="91"/>
      <c r="IG1550" s="91"/>
      <c r="IH1550" s="91"/>
      <c r="II1550" s="91"/>
      <c r="IJ1550" s="91"/>
      <c r="IK1550" s="127"/>
    </row>
    <row r="1551" spans="2:245" x14ac:dyDescent="0.2">
      <c r="B1551" s="43"/>
      <c r="C1551" s="73"/>
      <c r="D1551" s="64"/>
      <c r="E1551" s="64"/>
      <c r="F1551" s="55"/>
      <c r="G1551" s="102"/>
      <c r="H1551" s="55"/>
      <c r="I1551" s="55"/>
      <c r="J1551" s="55"/>
      <c r="K1551" s="55"/>
      <c r="L1551" s="55"/>
      <c r="M1551" s="55"/>
      <c r="N1551" s="55"/>
      <c r="O1551" s="55"/>
      <c r="P1551" s="55"/>
      <c r="Q1551" s="55"/>
      <c r="R1551" s="55"/>
      <c r="S1551" s="55"/>
      <c r="T1551" s="55"/>
      <c r="U1551" s="55"/>
      <c r="V1551" s="55"/>
      <c r="W1551" s="55"/>
      <c r="X1551" s="55"/>
      <c r="Y1551" s="55"/>
      <c r="Z1551" s="55"/>
      <c r="AA1551" s="55"/>
      <c r="AB1551" s="55"/>
      <c r="AC1551" s="55"/>
      <c r="AD1551" s="55"/>
      <c r="AE1551" s="55"/>
      <c r="AF1551" s="55"/>
      <c r="AG1551" s="55"/>
      <c r="AY1551" s="162"/>
      <c r="AZ1551" s="162"/>
      <c r="BA1551" s="162"/>
      <c r="BB1551" s="162"/>
      <c r="BC1551" s="162"/>
      <c r="BD1551" s="162"/>
      <c r="BE1551" s="162"/>
      <c r="BF1551" s="162"/>
      <c r="BG1551" s="162"/>
      <c r="BH1551" s="162"/>
      <c r="BI1551" s="162"/>
      <c r="BJ1551" s="162"/>
      <c r="BK1551" s="162"/>
      <c r="BL1551" s="162"/>
      <c r="BM1551" s="162"/>
      <c r="BN1551" s="162"/>
      <c r="BO1551" s="162"/>
      <c r="BP1551" s="162"/>
      <c r="BQ1551" s="162"/>
      <c r="BR1551" s="162"/>
      <c r="BS1551" s="162"/>
      <c r="BT1551" s="162"/>
      <c r="BU1551" s="162"/>
      <c r="BV1551" s="162"/>
      <c r="BW1551" s="162"/>
      <c r="BX1551" s="162"/>
      <c r="BY1551" s="162"/>
      <c r="BZ1551" s="162"/>
      <c r="CA1551" s="162"/>
      <c r="CB1551" s="162"/>
      <c r="CC1551" s="162"/>
      <c r="CD1551" s="162"/>
      <c r="CE1551" s="162"/>
      <c r="CF1551" s="162"/>
      <c r="CG1551" s="162"/>
      <c r="CH1551" s="162"/>
      <c r="CI1551" s="162"/>
      <c r="CJ1551" s="162"/>
      <c r="CK1551" s="162"/>
      <c r="CX1551" s="98"/>
      <c r="DL1551" s="97"/>
      <c r="DX1551" s="98"/>
      <c r="EL1551" s="97"/>
      <c r="EX1551" s="98"/>
      <c r="EY1551" s="97"/>
      <c r="FL1551" s="126"/>
      <c r="FM1551" s="91"/>
      <c r="FN1551" s="91"/>
      <c r="FO1551" s="91"/>
      <c r="FP1551" s="91"/>
      <c r="FQ1551" s="91"/>
      <c r="FR1551" s="91"/>
      <c r="FS1551" s="91"/>
      <c r="FT1551" s="91"/>
      <c r="FU1551" s="91"/>
      <c r="FV1551" s="91"/>
      <c r="FW1551" s="91"/>
      <c r="FX1551" s="91"/>
      <c r="FY1551" s="91"/>
      <c r="FZ1551" s="91"/>
      <c r="GA1551" s="91"/>
      <c r="GB1551" s="91"/>
      <c r="GC1551" s="91"/>
      <c r="GD1551" s="91"/>
      <c r="GE1551" s="91"/>
      <c r="GF1551" s="91"/>
      <c r="GG1551" s="91"/>
      <c r="GH1551" s="91"/>
      <c r="GI1551" s="91"/>
      <c r="GJ1551" s="91"/>
      <c r="GK1551" s="127"/>
      <c r="GL1551" s="126"/>
      <c r="GM1551" s="91"/>
      <c r="GN1551" s="91"/>
      <c r="GO1551" s="91"/>
      <c r="GP1551" s="91"/>
      <c r="GQ1551" s="91"/>
      <c r="GR1551" s="91"/>
      <c r="GS1551" s="91"/>
      <c r="GT1551" s="91"/>
      <c r="GU1551" s="91"/>
      <c r="GV1551" s="91"/>
      <c r="GW1551" s="91"/>
      <c r="GX1551" s="91"/>
      <c r="GY1551" s="91"/>
      <c r="GZ1551" s="91"/>
      <c r="HA1551" s="91"/>
      <c r="HB1551" s="91"/>
      <c r="HC1551" s="91"/>
      <c r="HD1551" s="91"/>
      <c r="HE1551" s="91"/>
      <c r="HF1551" s="91"/>
      <c r="HG1551" s="91"/>
      <c r="HH1551" s="91"/>
      <c r="HI1551" s="91"/>
      <c r="HJ1551" s="91"/>
      <c r="HK1551" s="127"/>
      <c r="HL1551" s="126"/>
      <c r="HM1551" s="91"/>
      <c r="HN1551" s="91"/>
      <c r="HO1551" s="91"/>
      <c r="HP1551" s="91"/>
      <c r="HQ1551" s="91"/>
      <c r="HR1551" s="91"/>
      <c r="HS1551" s="91"/>
      <c r="HT1551" s="91"/>
      <c r="HU1551" s="91"/>
      <c r="HV1551" s="91"/>
      <c r="HW1551" s="91"/>
      <c r="HX1551" s="91"/>
      <c r="HY1551" s="91"/>
      <c r="HZ1551" s="91"/>
      <c r="IA1551" s="91"/>
      <c r="IB1551" s="91"/>
      <c r="IC1551" s="91"/>
      <c r="ID1551" s="91"/>
      <c r="IE1551" s="91"/>
      <c r="IF1551" s="91"/>
      <c r="IG1551" s="91"/>
      <c r="IH1551" s="91"/>
      <c r="II1551" s="91"/>
      <c r="IJ1551" s="91"/>
      <c r="IK1551" s="127"/>
    </row>
    <row r="1552" spans="2:245" ht="13.5" thickBot="1" x14ac:dyDescent="0.25">
      <c r="B1552" s="43"/>
      <c r="C1552" s="73"/>
      <c r="D1552" s="64"/>
      <c r="E1552" s="64"/>
      <c r="F1552" s="55"/>
      <c r="G1552" s="102"/>
      <c r="H1552" s="55"/>
      <c r="I1552" s="55"/>
      <c r="J1552" s="55"/>
      <c r="K1552" s="55"/>
      <c r="L1552" s="55"/>
      <c r="M1552" s="55"/>
      <c r="N1552" s="55"/>
      <c r="O1552" s="55"/>
      <c r="P1552" s="55"/>
      <c r="Q1552" s="55"/>
      <c r="R1552" s="55"/>
      <c r="S1552" s="55"/>
      <c r="T1552" s="55"/>
      <c r="U1552" s="55"/>
      <c r="V1552" s="55"/>
      <c r="W1552" s="55"/>
      <c r="X1552" s="55"/>
      <c r="Y1552" s="55"/>
      <c r="Z1552" s="55"/>
      <c r="AA1552" s="55"/>
      <c r="AB1552" s="55"/>
      <c r="AC1552" s="55"/>
      <c r="AD1552" s="55"/>
      <c r="AE1552" s="55"/>
      <c r="AF1552" s="55"/>
      <c r="AG1552" s="55"/>
      <c r="AY1552" s="162"/>
      <c r="AZ1552" s="162"/>
      <c r="BA1552" s="162"/>
      <c r="BB1552" s="162"/>
      <c r="BC1552" s="162"/>
      <c r="BD1552" s="162"/>
      <c r="BE1552" s="162"/>
      <c r="BF1552" s="162"/>
      <c r="BG1552" s="162"/>
      <c r="BH1552" s="162"/>
      <c r="BI1552" s="162"/>
      <c r="BJ1552" s="162"/>
      <c r="BK1552" s="162"/>
      <c r="BL1552" s="162"/>
      <c r="BM1552" s="162"/>
      <c r="BN1552" s="162"/>
      <c r="BO1552" s="162"/>
      <c r="BP1552" s="162"/>
      <c r="BQ1552" s="162"/>
      <c r="BR1552" s="162"/>
      <c r="BS1552" s="162"/>
      <c r="BT1552" s="162"/>
      <c r="BU1552" s="162"/>
      <c r="BV1552" s="162"/>
      <c r="BW1552" s="162"/>
      <c r="BX1552" s="162"/>
      <c r="BY1552" s="162"/>
      <c r="BZ1552" s="162"/>
      <c r="CA1552" s="162"/>
      <c r="CB1552" s="162"/>
      <c r="CC1552" s="162"/>
      <c r="CD1552" s="162"/>
      <c r="CE1552" s="162"/>
      <c r="CF1552" s="162"/>
      <c r="CG1552" s="162"/>
      <c r="CH1552" s="162"/>
      <c r="CI1552" s="162"/>
      <c r="CJ1552" s="162"/>
      <c r="CK1552" s="162"/>
      <c r="CL1552" s="166"/>
      <c r="CM1552" s="166"/>
      <c r="CN1552" s="166"/>
      <c r="CO1552" s="166"/>
      <c r="CP1552" s="166"/>
      <c r="CQ1552" s="166"/>
      <c r="CR1552" s="166"/>
      <c r="CS1552" s="166"/>
      <c r="CT1552" s="166"/>
      <c r="CU1552" s="166"/>
      <c r="CV1552" s="166"/>
      <c r="CW1552" s="166"/>
      <c r="CX1552" s="176"/>
      <c r="CY1552" s="166"/>
      <c r="CZ1552" s="166"/>
      <c r="DA1552" s="166"/>
      <c r="DB1552" s="166"/>
      <c r="DC1552" s="166"/>
      <c r="DD1552" s="166"/>
      <c r="DE1552" s="166"/>
      <c r="DF1552" s="166"/>
      <c r="DG1552" s="166"/>
      <c r="DH1552" s="166"/>
      <c r="DI1552" s="166"/>
      <c r="DJ1552" s="166"/>
      <c r="DK1552" s="166"/>
      <c r="DL1552" s="175"/>
      <c r="DM1552" s="166"/>
      <c r="DN1552" s="166"/>
      <c r="DO1552" s="166"/>
      <c r="DP1552" s="166"/>
      <c r="DQ1552" s="166"/>
      <c r="DR1552" s="166"/>
      <c r="DS1552" s="166"/>
      <c r="DT1552" s="166"/>
      <c r="DU1552" s="166"/>
      <c r="DV1552" s="166"/>
      <c r="DW1552" s="166"/>
      <c r="DX1552" s="176"/>
      <c r="DY1552" s="166"/>
      <c r="DZ1552" s="166"/>
      <c r="EA1552" s="166"/>
      <c r="EB1552" s="166"/>
      <c r="EC1552" s="166"/>
      <c r="ED1552" s="166"/>
      <c r="EE1552" s="166"/>
      <c r="EF1552" s="166"/>
      <c r="EG1552" s="166"/>
      <c r="EH1552" s="166"/>
      <c r="EI1552" s="166"/>
      <c r="EJ1552" s="166"/>
      <c r="EK1552" s="166"/>
      <c r="EL1552" s="175"/>
      <c r="EM1552" s="166"/>
      <c r="EN1552" s="166"/>
      <c r="EO1552" s="166"/>
      <c r="EP1552" s="166"/>
      <c r="EQ1552" s="166"/>
      <c r="ER1552" s="166"/>
      <c r="ES1552" s="166"/>
      <c r="ET1552" s="166"/>
      <c r="EU1552" s="166"/>
      <c r="EV1552" s="166"/>
      <c r="EW1552" s="166"/>
      <c r="EX1552" s="176"/>
      <c r="EY1552" s="175"/>
      <c r="EZ1552" s="166"/>
      <c r="FA1552" s="166"/>
      <c r="FB1552" s="166"/>
      <c r="FC1552" s="166"/>
      <c r="FD1552" s="166"/>
      <c r="FE1552" s="166"/>
      <c r="FF1552" s="166"/>
      <c r="FG1552" s="166"/>
      <c r="FH1552" s="166"/>
      <c r="FI1552" s="166"/>
      <c r="FJ1552" s="166"/>
      <c r="FK1552" s="166"/>
      <c r="FL1552" s="126"/>
      <c r="FM1552" s="91"/>
      <c r="FN1552" s="91"/>
      <c r="FO1552" s="91"/>
      <c r="FP1552" s="91"/>
      <c r="FQ1552" s="91"/>
      <c r="FR1552" s="91"/>
      <c r="FS1552" s="91"/>
      <c r="FT1552" s="91"/>
      <c r="FU1552" s="91"/>
      <c r="FV1552" s="91"/>
      <c r="FW1552" s="91"/>
      <c r="FX1552" s="91"/>
      <c r="FY1552" s="91"/>
      <c r="FZ1552" s="91"/>
      <c r="GA1552" s="91"/>
      <c r="GB1552" s="91"/>
      <c r="GC1552" s="91"/>
      <c r="GD1552" s="91"/>
      <c r="GE1552" s="91"/>
      <c r="GF1552" s="91"/>
      <c r="GG1552" s="91"/>
      <c r="GH1552" s="91"/>
      <c r="GI1552" s="91"/>
      <c r="GJ1552" s="91"/>
      <c r="GK1552" s="127"/>
      <c r="GL1552" s="126"/>
      <c r="GM1552" s="91"/>
      <c r="GN1552" s="91"/>
      <c r="GO1552" s="91"/>
      <c r="GP1552" s="91"/>
      <c r="GQ1552" s="91"/>
      <c r="GR1552" s="91"/>
      <c r="GS1552" s="91"/>
      <c r="GT1552" s="91"/>
      <c r="GU1552" s="91"/>
      <c r="GV1552" s="91"/>
      <c r="GW1552" s="91"/>
      <c r="GX1552" s="91"/>
      <c r="GY1552" s="91"/>
      <c r="GZ1552" s="91"/>
      <c r="HA1552" s="91"/>
      <c r="HB1552" s="91"/>
      <c r="HC1552" s="91"/>
      <c r="HD1552" s="91"/>
      <c r="HE1552" s="91"/>
      <c r="HF1552" s="91"/>
      <c r="HG1552" s="91"/>
      <c r="HH1552" s="91"/>
      <c r="HI1552" s="91"/>
      <c r="HJ1552" s="91"/>
      <c r="HK1552" s="127"/>
      <c r="HL1552" s="126"/>
      <c r="HM1552" s="91"/>
      <c r="HN1552" s="91"/>
      <c r="HO1552" s="91"/>
      <c r="HP1552" s="91"/>
      <c r="HQ1552" s="91"/>
      <c r="HR1552" s="91"/>
      <c r="HS1552" s="91"/>
      <c r="HT1552" s="91"/>
      <c r="HU1552" s="91"/>
      <c r="HV1552" s="91"/>
      <c r="HW1552" s="91"/>
      <c r="HX1552" s="91"/>
      <c r="HY1552" s="91"/>
      <c r="HZ1552" s="91"/>
      <c r="IA1552" s="91"/>
      <c r="IB1552" s="91"/>
      <c r="IC1552" s="91"/>
      <c r="ID1552" s="91"/>
      <c r="IE1552" s="91"/>
      <c r="IF1552" s="91"/>
      <c r="IG1552" s="91"/>
      <c r="IH1552" s="91"/>
      <c r="II1552" s="91"/>
      <c r="IJ1552" s="91"/>
      <c r="IK1552" s="127"/>
    </row>
    <row r="1553" spans="2:245" x14ac:dyDescent="0.2">
      <c r="B1553" s="43"/>
      <c r="C1553" s="73"/>
      <c r="D1553" s="64"/>
      <c r="E1553" s="64"/>
      <c r="F1553" s="55"/>
      <c r="G1553" s="102"/>
      <c r="H1553" s="55"/>
      <c r="I1553" s="55"/>
      <c r="J1553" s="55"/>
      <c r="K1553" s="55"/>
      <c r="L1553" s="55"/>
      <c r="M1553" s="55"/>
      <c r="N1553" s="55"/>
      <c r="O1553" s="55"/>
      <c r="P1553" s="55"/>
      <c r="Q1553" s="55"/>
      <c r="R1553" s="55"/>
      <c r="S1553" s="55"/>
      <c r="T1553" s="55"/>
      <c r="U1553" s="55"/>
      <c r="V1553" s="55"/>
      <c r="W1553" s="55"/>
      <c r="X1553" s="55"/>
      <c r="Y1553" s="55"/>
      <c r="Z1553" s="55"/>
      <c r="AA1553" s="55"/>
      <c r="AB1553" s="55"/>
      <c r="AC1553" s="55"/>
      <c r="AD1553" s="55"/>
      <c r="AE1553" s="55"/>
      <c r="AF1553" s="55"/>
      <c r="AG1553" s="55"/>
      <c r="AY1553" s="162"/>
      <c r="AZ1553" s="162"/>
      <c r="BA1553" s="162"/>
      <c r="BB1553" s="162"/>
      <c r="BC1553" s="162"/>
      <c r="BD1553" s="162"/>
      <c r="BE1553" s="162"/>
      <c r="BF1553" s="162"/>
      <c r="BG1553" s="162"/>
      <c r="BH1553" s="162"/>
      <c r="BI1553" s="162"/>
      <c r="BJ1553" s="162"/>
      <c r="BK1553" s="162"/>
      <c r="BL1553" s="162"/>
      <c r="BM1553" s="162"/>
      <c r="BN1553" s="162"/>
      <c r="BO1553" s="162"/>
      <c r="BP1553" s="162"/>
      <c r="BQ1553" s="162"/>
      <c r="BR1553" s="162"/>
      <c r="BS1553" s="162"/>
      <c r="BT1553" s="162"/>
      <c r="BU1553" s="162"/>
      <c r="BV1553" s="162"/>
      <c r="BW1553" s="162"/>
      <c r="BX1553" s="162"/>
      <c r="BY1553" s="162"/>
      <c r="BZ1553" s="162"/>
      <c r="CA1553" s="162"/>
      <c r="CB1553" s="162"/>
      <c r="CC1553" s="162"/>
      <c r="CD1553" s="162"/>
      <c r="CE1553" s="162"/>
      <c r="CF1553" s="162"/>
      <c r="CG1553" s="162"/>
      <c r="CH1553" s="162"/>
      <c r="CI1553" s="162"/>
      <c r="CJ1553" s="162"/>
      <c r="CK1553" s="162"/>
      <c r="CX1553" s="98"/>
      <c r="DL1553" s="97"/>
      <c r="DX1553" s="98"/>
      <c r="EL1553" s="97"/>
      <c r="EX1553" s="98"/>
      <c r="EY1553" s="97"/>
      <c r="FL1553" s="126"/>
      <c r="FM1553" s="91"/>
      <c r="FN1553" s="91"/>
      <c r="FO1553" s="91"/>
      <c r="FP1553" s="91"/>
      <c r="FQ1553" s="91"/>
      <c r="FR1553" s="91"/>
      <c r="FS1553" s="91"/>
      <c r="FT1553" s="91"/>
      <c r="FU1553" s="91"/>
      <c r="FV1553" s="91"/>
      <c r="FW1553" s="91"/>
      <c r="FX1553" s="91"/>
      <c r="FY1553" s="91"/>
      <c r="FZ1553" s="91"/>
      <c r="GA1553" s="91"/>
      <c r="GB1553" s="91"/>
      <c r="GC1553" s="91"/>
      <c r="GD1553" s="91"/>
      <c r="GE1553" s="91"/>
      <c r="GF1553" s="91"/>
      <c r="GG1553" s="91"/>
      <c r="GH1553" s="91"/>
      <c r="GI1553" s="91"/>
      <c r="GJ1553" s="91"/>
      <c r="GK1553" s="127"/>
      <c r="GL1553" s="126"/>
      <c r="GM1553" s="91"/>
      <c r="GN1553" s="91"/>
      <c r="GO1553" s="91"/>
      <c r="GP1553" s="91"/>
      <c r="GQ1553" s="91"/>
      <c r="GR1553" s="91"/>
      <c r="GS1553" s="91"/>
      <c r="GT1553" s="91"/>
      <c r="GU1553" s="91"/>
      <c r="GV1553" s="91"/>
      <c r="GW1553" s="91"/>
      <c r="GX1553" s="91"/>
      <c r="GY1553" s="91"/>
      <c r="GZ1553" s="91"/>
      <c r="HA1553" s="91"/>
      <c r="HB1553" s="91"/>
      <c r="HC1553" s="91"/>
      <c r="HD1553" s="91"/>
      <c r="HE1553" s="91"/>
      <c r="HF1553" s="91"/>
      <c r="HG1553" s="91"/>
      <c r="HH1553" s="91"/>
      <c r="HI1553" s="91"/>
      <c r="HJ1553" s="91"/>
      <c r="HK1553" s="127"/>
      <c r="HL1553" s="126"/>
      <c r="HM1553" s="91"/>
      <c r="HN1553" s="91"/>
      <c r="HO1553" s="91"/>
      <c r="HP1553" s="91"/>
      <c r="HQ1553" s="91"/>
      <c r="HR1553" s="91"/>
      <c r="HS1553" s="91"/>
      <c r="HT1553" s="91"/>
      <c r="HU1553" s="91"/>
      <c r="HV1553" s="91"/>
      <c r="HW1553" s="91"/>
      <c r="HX1553" s="91"/>
      <c r="HY1553" s="91"/>
      <c r="HZ1553" s="91"/>
      <c r="IA1553" s="91"/>
      <c r="IB1553" s="91"/>
      <c r="IC1553" s="91"/>
      <c r="ID1553" s="91"/>
      <c r="IE1553" s="91"/>
      <c r="IF1553" s="91"/>
      <c r="IG1553" s="91"/>
      <c r="IH1553" s="91"/>
      <c r="II1553" s="91"/>
      <c r="IJ1553" s="91"/>
      <c r="IK1553" s="127"/>
    </row>
    <row r="1554" spans="2:245" x14ac:dyDescent="0.2">
      <c r="B1554" s="43"/>
      <c r="C1554" s="73"/>
      <c r="D1554" s="64"/>
      <c r="E1554" s="64"/>
      <c r="F1554" s="55"/>
      <c r="G1554" s="102"/>
      <c r="H1554" s="55"/>
      <c r="I1554" s="55"/>
      <c r="J1554" s="55"/>
      <c r="K1554" s="55"/>
      <c r="L1554" s="55"/>
      <c r="M1554" s="55"/>
      <c r="N1554" s="55"/>
      <c r="O1554" s="55"/>
      <c r="P1554" s="55"/>
      <c r="Q1554" s="55"/>
      <c r="R1554" s="55"/>
      <c r="S1554" s="55"/>
      <c r="T1554" s="55"/>
      <c r="U1554" s="55"/>
      <c r="V1554" s="55"/>
      <c r="W1554" s="55"/>
      <c r="X1554" s="55"/>
      <c r="Y1554" s="55"/>
      <c r="Z1554" s="55"/>
      <c r="AA1554" s="55"/>
      <c r="AB1554" s="55"/>
      <c r="AC1554" s="55"/>
      <c r="AD1554" s="55"/>
      <c r="AE1554" s="55"/>
      <c r="AF1554" s="55"/>
      <c r="AG1554" s="55"/>
      <c r="AY1554" s="162"/>
      <c r="AZ1554" s="162"/>
      <c r="BA1554" s="162"/>
      <c r="BB1554" s="162"/>
      <c r="BC1554" s="162"/>
      <c r="BD1554" s="162"/>
      <c r="BE1554" s="162"/>
      <c r="BF1554" s="162"/>
      <c r="BG1554" s="162"/>
      <c r="BH1554" s="162"/>
      <c r="BI1554" s="162"/>
      <c r="BJ1554" s="162"/>
      <c r="BK1554" s="162"/>
      <c r="BL1554" s="162"/>
      <c r="BM1554" s="162"/>
      <c r="BN1554" s="162"/>
      <c r="BO1554" s="162"/>
      <c r="BP1554" s="162"/>
      <c r="BQ1554" s="162"/>
      <c r="BR1554" s="162"/>
      <c r="BS1554" s="162"/>
      <c r="BT1554" s="162"/>
      <c r="BU1554" s="162"/>
      <c r="BV1554" s="162"/>
      <c r="BW1554" s="162"/>
      <c r="BX1554" s="162"/>
      <c r="BY1554" s="162"/>
      <c r="BZ1554" s="162"/>
      <c r="CA1554" s="162"/>
      <c r="CB1554" s="162"/>
      <c r="CC1554" s="162"/>
      <c r="CD1554" s="162"/>
      <c r="CE1554" s="162"/>
      <c r="CF1554" s="162"/>
      <c r="CG1554" s="162"/>
      <c r="CH1554" s="162"/>
      <c r="CI1554" s="162"/>
      <c r="CJ1554" s="162"/>
      <c r="CK1554" s="162"/>
      <c r="CX1554" s="98"/>
      <c r="DL1554" s="97"/>
      <c r="DX1554" s="98"/>
      <c r="EL1554" s="97"/>
      <c r="EX1554" s="98"/>
      <c r="EY1554" s="97"/>
      <c r="FL1554" s="126"/>
      <c r="FM1554" s="91"/>
      <c r="FN1554" s="91"/>
      <c r="FO1554" s="91"/>
      <c r="FP1554" s="91"/>
      <c r="FQ1554" s="91"/>
      <c r="FR1554" s="91"/>
      <c r="FS1554" s="91"/>
      <c r="FT1554" s="91"/>
      <c r="FU1554" s="91"/>
      <c r="FV1554" s="91"/>
      <c r="FW1554" s="91"/>
      <c r="FX1554" s="91"/>
      <c r="FY1554" s="91"/>
      <c r="FZ1554" s="91"/>
      <c r="GA1554" s="91"/>
      <c r="GB1554" s="91"/>
      <c r="GC1554" s="91"/>
      <c r="GD1554" s="91"/>
      <c r="GE1554" s="91"/>
      <c r="GF1554" s="91"/>
      <c r="GG1554" s="91"/>
      <c r="GH1554" s="91"/>
      <c r="GI1554" s="91"/>
      <c r="GJ1554" s="91"/>
      <c r="GK1554" s="127"/>
      <c r="GL1554" s="126"/>
      <c r="GM1554" s="91"/>
      <c r="GN1554" s="91"/>
      <c r="GO1554" s="91"/>
      <c r="GP1554" s="91"/>
      <c r="GQ1554" s="91"/>
      <c r="GR1554" s="91"/>
      <c r="GS1554" s="91"/>
      <c r="GT1554" s="91"/>
      <c r="GU1554" s="91"/>
      <c r="GV1554" s="91"/>
      <c r="GW1554" s="91"/>
      <c r="GX1554" s="91"/>
      <c r="GY1554" s="91"/>
      <c r="GZ1554" s="91"/>
      <c r="HA1554" s="91"/>
      <c r="HB1554" s="91"/>
      <c r="HC1554" s="91"/>
      <c r="HD1554" s="91"/>
      <c r="HE1554" s="91"/>
      <c r="HF1554" s="91"/>
      <c r="HG1554" s="91"/>
      <c r="HH1554" s="91"/>
      <c r="HI1554" s="91"/>
      <c r="HJ1554" s="91"/>
      <c r="HK1554" s="127"/>
      <c r="HL1554" s="126"/>
      <c r="HM1554" s="91"/>
      <c r="HN1554" s="91"/>
      <c r="HO1554" s="91"/>
      <c r="HP1554" s="91"/>
      <c r="HQ1554" s="91"/>
      <c r="HR1554" s="91"/>
      <c r="HS1554" s="91"/>
      <c r="HT1554" s="91"/>
      <c r="HU1554" s="91"/>
      <c r="HV1554" s="91"/>
      <c r="HW1554" s="91"/>
      <c r="HX1554" s="91"/>
      <c r="HY1554" s="91"/>
      <c r="HZ1554" s="91"/>
      <c r="IA1554" s="91"/>
      <c r="IB1554" s="91"/>
      <c r="IC1554" s="91"/>
      <c r="ID1554" s="91"/>
      <c r="IE1554" s="91"/>
      <c r="IF1554" s="91"/>
      <c r="IG1554" s="91"/>
      <c r="IH1554" s="91"/>
      <c r="II1554" s="91"/>
      <c r="IJ1554" s="91"/>
      <c r="IK1554" s="127"/>
    </row>
    <row r="1555" spans="2:245" x14ac:dyDescent="0.2">
      <c r="B1555" s="43"/>
      <c r="C1555" s="73"/>
      <c r="D1555" s="64"/>
      <c r="E1555" s="64"/>
      <c r="F1555" s="55"/>
      <c r="G1555" s="102"/>
      <c r="H1555" s="55"/>
      <c r="I1555" s="55"/>
      <c r="J1555" s="55"/>
      <c r="K1555" s="55"/>
      <c r="L1555" s="55"/>
      <c r="M1555" s="55"/>
      <c r="N1555" s="55"/>
      <c r="O1555" s="55"/>
      <c r="P1555" s="55"/>
      <c r="Q1555" s="55"/>
      <c r="R1555" s="55"/>
      <c r="S1555" s="55"/>
      <c r="T1555" s="55"/>
      <c r="U1555" s="55"/>
      <c r="V1555" s="55"/>
      <c r="W1555" s="55"/>
      <c r="X1555" s="55"/>
      <c r="Y1555" s="55"/>
      <c r="Z1555" s="55"/>
      <c r="AA1555" s="55"/>
      <c r="AB1555" s="55"/>
      <c r="AC1555" s="55"/>
      <c r="AD1555" s="55"/>
      <c r="AE1555" s="55"/>
      <c r="AF1555" s="55"/>
      <c r="AG1555" s="55"/>
      <c r="AY1555" s="162"/>
      <c r="AZ1555" s="162"/>
      <c r="BA1555" s="162"/>
      <c r="BB1555" s="162"/>
      <c r="BC1555" s="162"/>
      <c r="BD1555" s="162"/>
      <c r="BE1555" s="162"/>
      <c r="BF1555" s="162"/>
      <c r="BG1555" s="162"/>
      <c r="BH1555" s="162"/>
      <c r="BI1555" s="162"/>
      <c r="BJ1555" s="162"/>
      <c r="BK1555" s="162"/>
      <c r="BL1555" s="162"/>
      <c r="BM1555" s="162"/>
      <c r="BN1555" s="162"/>
      <c r="BO1555" s="162"/>
      <c r="BP1555" s="162"/>
      <c r="BQ1555" s="162"/>
      <c r="BR1555" s="162"/>
      <c r="BS1555" s="162"/>
      <c r="BT1555" s="162"/>
      <c r="BU1555" s="162"/>
      <c r="BV1555" s="162"/>
      <c r="BW1555" s="162"/>
      <c r="BX1555" s="162"/>
      <c r="BY1555" s="162"/>
      <c r="BZ1555" s="162"/>
      <c r="CA1555" s="162"/>
      <c r="CB1555" s="162"/>
      <c r="CC1555" s="162"/>
      <c r="CD1555" s="162"/>
      <c r="CE1555" s="162"/>
      <c r="CF1555" s="162"/>
      <c r="CG1555" s="162"/>
      <c r="CH1555" s="162"/>
      <c r="CI1555" s="162"/>
      <c r="CJ1555" s="162"/>
      <c r="CK1555" s="162"/>
      <c r="CX1555" s="98"/>
      <c r="DL1555" s="97"/>
      <c r="DX1555" s="98"/>
      <c r="EL1555" s="97"/>
      <c r="EX1555" s="98"/>
      <c r="EY1555" s="97"/>
      <c r="FL1555" s="126"/>
      <c r="FM1555" s="91"/>
      <c r="FN1555" s="91"/>
      <c r="FO1555" s="91"/>
      <c r="FP1555" s="91"/>
      <c r="FQ1555" s="91"/>
      <c r="FR1555" s="91"/>
      <c r="FS1555" s="91"/>
      <c r="FT1555" s="91"/>
      <c r="FU1555" s="91"/>
      <c r="FV1555" s="91"/>
      <c r="FW1555" s="91"/>
      <c r="FX1555" s="91"/>
      <c r="FY1555" s="91"/>
      <c r="FZ1555" s="91"/>
      <c r="GA1555" s="91"/>
      <c r="GB1555" s="91"/>
      <c r="GC1555" s="91"/>
      <c r="GD1555" s="91"/>
      <c r="GE1555" s="91"/>
      <c r="GF1555" s="91"/>
      <c r="GG1555" s="91"/>
      <c r="GH1555" s="91"/>
      <c r="GI1555" s="91"/>
      <c r="GJ1555" s="91"/>
      <c r="GK1555" s="127"/>
      <c r="GL1555" s="126"/>
      <c r="GM1555" s="91"/>
      <c r="GN1555" s="91"/>
      <c r="GO1555" s="91"/>
      <c r="GP1555" s="91"/>
      <c r="GQ1555" s="91"/>
      <c r="GR1555" s="91"/>
      <c r="GS1555" s="91"/>
      <c r="GT1555" s="91"/>
      <c r="GU1555" s="91"/>
      <c r="GV1555" s="91"/>
      <c r="GW1555" s="91"/>
      <c r="GX1555" s="91"/>
      <c r="GY1555" s="91"/>
      <c r="GZ1555" s="91"/>
      <c r="HA1555" s="91"/>
      <c r="HB1555" s="91"/>
      <c r="HC1555" s="91"/>
      <c r="HD1555" s="91"/>
      <c r="HE1555" s="91"/>
      <c r="HF1555" s="91"/>
      <c r="HG1555" s="91"/>
      <c r="HH1555" s="91"/>
      <c r="HI1555" s="91"/>
      <c r="HJ1555" s="91"/>
      <c r="HK1555" s="127"/>
      <c r="HL1555" s="126"/>
      <c r="HM1555" s="91"/>
      <c r="HN1555" s="91"/>
      <c r="HO1555" s="91"/>
      <c r="HP1555" s="91"/>
      <c r="HQ1555" s="91"/>
      <c r="HR1555" s="91"/>
      <c r="HS1555" s="91"/>
      <c r="HT1555" s="91"/>
      <c r="HU1555" s="91"/>
      <c r="HV1555" s="91"/>
      <c r="HW1555" s="91"/>
      <c r="HX1555" s="91"/>
      <c r="HY1555" s="91"/>
      <c r="HZ1555" s="91"/>
      <c r="IA1555" s="91"/>
      <c r="IB1555" s="91"/>
      <c r="IC1555" s="91"/>
      <c r="ID1555" s="91"/>
      <c r="IE1555" s="91"/>
      <c r="IF1555" s="91"/>
      <c r="IG1555" s="91"/>
      <c r="IH1555" s="91"/>
      <c r="II1555" s="91"/>
      <c r="IJ1555" s="91"/>
      <c r="IK1555" s="127"/>
    </row>
    <row r="1556" spans="2:245" x14ac:dyDescent="0.2">
      <c r="B1556" s="43"/>
      <c r="C1556" s="73"/>
      <c r="D1556" s="64"/>
      <c r="E1556" s="64"/>
      <c r="F1556" s="55"/>
      <c r="G1556" s="102"/>
      <c r="H1556" s="55"/>
      <c r="I1556" s="55"/>
      <c r="J1556" s="55"/>
      <c r="K1556" s="55"/>
      <c r="L1556" s="55"/>
      <c r="M1556" s="55"/>
      <c r="N1556" s="55"/>
      <c r="O1556" s="55"/>
      <c r="P1556" s="55"/>
      <c r="Q1556" s="55"/>
      <c r="R1556" s="55"/>
      <c r="S1556" s="55"/>
      <c r="T1556" s="55"/>
      <c r="U1556" s="55"/>
      <c r="V1556" s="55"/>
      <c r="W1556" s="55"/>
      <c r="X1556" s="55"/>
      <c r="Y1556" s="55"/>
      <c r="Z1556" s="55"/>
      <c r="AA1556" s="55"/>
      <c r="AB1556" s="55"/>
      <c r="AC1556" s="55"/>
      <c r="AD1556" s="55"/>
      <c r="AE1556" s="55"/>
      <c r="AF1556" s="55"/>
      <c r="AG1556" s="55"/>
      <c r="AY1556" s="162"/>
      <c r="AZ1556" s="162"/>
      <c r="BA1556" s="162"/>
      <c r="BB1556" s="162"/>
      <c r="BC1556" s="162"/>
      <c r="BD1556" s="162"/>
      <c r="BE1556" s="162"/>
      <c r="BF1556" s="162"/>
      <c r="BG1556" s="162"/>
      <c r="BH1556" s="162"/>
      <c r="BI1556" s="162"/>
      <c r="BJ1556" s="162"/>
      <c r="BK1556" s="162"/>
      <c r="BL1556" s="162"/>
      <c r="BM1556" s="162"/>
      <c r="BN1556" s="162"/>
      <c r="BO1556" s="162"/>
      <c r="BP1556" s="162"/>
      <c r="BQ1556" s="162"/>
      <c r="BR1556" s="162"/>
      <c r="BS1556" s="162"/>
      <c r="BT1556" s="162"/>
      <c r="BU1556" s="162"/>
      <c r="BV1556" s="162"/>
      <c r="BW1556" s="162"/>
      <c r="BX1556" s="162"/>
      <c r="BY1556" s="162"/>
      <c r="BZ1556" s="162"/>
      <c r="CA1556" s="162"/>
      <c r="CB1556" s="162"/>
      <c r="CC1556" s="162"/>
      <c r="CD1556" s="162"/>
      <c r="CE1556" s="162"/>
      <c r="CF1556" s="162"/>
      <c r="CG1556" s="162"/>
      <c r="CH1556" s="162"/>
      <c r="CI1556" s="162"/>
      <c r="CJ1556" s="162"/>
      <c r="CK1556" s="162"/>
      <c r="CX1556" s="98"/>
      <c r="DL1556" s="97"/>
      <c r="DX1556" s="98"/>
      <c r="EL1556" s="97"/>
      <c r="EX1556" s="98"/>
      <c r="EY1556" s="97"/>
      <c r="FL1556" s="126"/>
      <c r="FM1556" s="91"/>
      <c r="FN1556" s="91"/>
      <c r="FO1556" s="91"/>
      <c r="FP1556" s="91"/>
      <c r="FQ1556" s="91"/>
      <c r="FR1556" s="91"/>
      <c r="FS1556" s="91"/>
      <c r="FT1556" s="91"/>
      <c r="FU1556" s="91"/>
      <c r="FV1556" s="91"/>
      <c r="FW1556" s="91"/>
      <c r="FX1556" s="91"/>
      <c r="FY1556" s="91"/>
      <c r="FZ1556" s="91"/>
      <c r="GA1556" s="91"/>
      <c r="GB1556" s="91"/>
      <c r="GC1556" s="91"/>
      <c r="GD1556" s="91"/>
      <c r="GE1556" s="91"/>
      <c r="GF1556" s="91"/>
      <c r="GG1556" s="91"/>
      <c r="GH1556" s="91"/>
      <c r="GI1556" s="91"/>
      <c r="GJ1556" s="91"/>
      <c r="GK1556" s="127"/>
      <c r="GL1556" s="126"/>
      <c r="GM1556" s="91"/>
      <c r="GN1556" s="91"/>
      <c r="GO1556" s="91"/>
      <c r="GP1556" s="91"/>
      <c r="GQ1556" s="91"/>
      <c r="GR1556" s="91"/>
      <c r="GS1556" s="91"/>
      <c r="GT1556" s="91"/>
      <c r="GU1556" s="91"/>
      <c r="GV1556" s="91"/>
      <c r="GW1556" s="91"/>
      <c r="GX1556" s="91"/>
      <c r="GY1556" s="91"/>
      <c r="GZ1556" s="91"/>
      <c r="HA1556" s="91"/>
      <c r="HB1556" s="91"/>
      <c r="HC1556" s="91"/>
      <c r="HD1556" s="91"/>
      <c r="HE1556" s="91"/>
      <c r="HF1556" s="91"/>
      <c r="HG1556" s="91"/>
      <c r="HH1556" s="91"/>
      <c r="HI1556" s="91"/>
      <c r="HJ1556" s="91"/>
      <c r="HK1556" s="127"/>
      <c r="HL1556" s="126"/>
      <c r="HM1556" s="91"/>
      <c r="HN1556" s="91"/>
      <c r="HO1556" s="91"/>
      <c r="HP1556" s="91"/>
      <c r="HQ1556" s="91"/>
      <c r="HR1556" s="91"/>
      <c r="HS1556" s="91"/>
      <c r="HT1556" s="91"/>
      <c r="HU1556" s="91"/>
      <c r="HV1556" s="91"/>
      <c r="HW1556" s="91"/>
      <c r="HX1556" s="91"/>
      <c r="HY1556" s="91"/>
      <c r="HZ1556" s="91"/>
      <c r="IA1556" s="91"/>
      <c r="IB1556" s="91"/>
      <c r="IC1556" s="91"/>
      <c r="ID1556" s="91"/>
      <c r="IE1556" s="91"/>
      <c r="IF1556" s="91"/>
      <c r="IG1556" s="91"/>
      <c r="IH1556" s="91"/>
      <c r="II1556" s="91"/>
      <c r="IJ1556" s="91"/>
      <c r="IK1556" s="127"/>
    </row>
    <row r="1557" spans="2:245" x14ac:dyDescent="0.2">
      <c r="B1557" s="43"/>
      <c r="C1557" s="73"/>
      <c r="D1557" s="64"/>
      <c r="E1557" s="64"/>
      <c r="F1557" s="55"/>
      <c r="G1557" s="102"/>
      <c r="H1557" s="55"/>
      <c r="I1557" s="55"/>
      <c r="J1557" s="55"/>
      <c r="K1557" s="55"/>
      <c r="L1557" s="55"/>
      <c r="M1557" s="55"/>
      <c r="N1557" s="55"/>
      <c r="O1557" s="55"/>
      <c r="P1557" s="55"/>
      <c r="Q1557" s="55"/>
      <c r="R1557" s="55"/>
      <c r="S1557" s="55"/>
      <c r="T1557" s="55"/>
      <c r="U1557" s="55"/>
      <c r="V1557" s="55"/>
      <c r="W1557" s="55"/>
      <c r="X1557" s="55"/>
      <c r="Y1557" s="55"/>
      <c r="Z1557" s="55"/>
      <c r="AA1557" s="55"/>
      <c r="AB1557" s="55"/>
      <c r="AC1557" s="55"/>
      <c r="AD1557" s="55"/>
      <c r="AE1557" s="55"/>
      <c r="AF1557" s="55"/>
      <c r="AG1557" s="55"/>
      <c r="AY1557" s="162"/>
      <c r="AZ1557" s="162"/>
      <c r="BA1557" s="162"/>
      <c r="BB1557" s="162"/>
      <c r="BC1557" s="162"/>
      <c r="BD1557" s="162"/>
      <c r="BE1557" s="162"/>
      <c r="BF1557" s="162"/>
      <c r="BG1557" s="162"/>
      <c r="BH1557" s="162"/>
      <c r="BI1557" s="162"/>
      <c r="BJ1557" s="162"/>
      <c r="BK1557" s="162"/>
      <c r="BL1557" s="162"/>
      <c r="BM1557" s="162"/>
      <c r="BN1557" s="162"/>
      <c r="BO1557" s="162"/>
      <c r="BP1557" s="162"/>
      <c r="BQ1557" s="162"/>
      <c r="BR1557" s="162"/>
      <c r="BS1557" s="162"/>
      <c r="BT1557" s="162"/>
      <c r="BU1557" s="162"/>
      <c r="BV1557" s="162"/>
      <c r="BW1557" s="162"/>
      <c r="BX1557" s="162"/>
      <c r="BY1557" s="162"/>
      <c r="BZ1557" s="162"/>
      <c r="CA1557" s="162"/>
      <c r="CB1557" s="162"/>
      <c r="CC1557" s="162"/>
      <c r="CD1557" s="162"/>
      <c r="CE1557" s="162"/>
      <c r="CF1557" s="162"/>
      <c r="CG1557" s="162"/>
      <c r="CH1557" s="162"/>
      <c r="CI1557" s="162"/>
      <c r="CJ1557" s="162"/>
      <c r="CK1557" s="162"/>
      <c r="CX1557" s="98"/>
      <c r="DL1557" s="97"/>
      <c r="DX1557" s="98"/>
      <c r="EL1557" s="97"/>
      <c r="EX1557" s="98"/>
      <c r="EY1557" s="97"/>
      <c r="FL1557" s="126"/>
      <c r="FM1557" s="91"/>
      <c r="FN1557" s="91"/>
      <c r="FO1557" s="91"/>
      <c r="FP1557" s="91"/>
      <c r="FQ1557" s="91"/>
      <c r="FR1557" s="91"/>
      <c r="FS1557" s="91"/>
      <c r="FT1557" s="91"/>
      <c r="FU1557" s="91"/>
      <c r="FV1557" s="91"/>
      <c r="FW1557" s="91"/>
      <c r="FX1557" s="91"/>
      <c r="FY1557" s="91"/>
      <c r="FZ1557" s="91"/>
      <c r="GA1557" s="91"/>
      <c r="GB1557" s="91"/>
      <c r="GC1557" s="91"/>
      <c r="GD1557" s="91"/>
      <c r="GE1557" s="91"/>
      <c r="GF1557" s="91"/>
      <c r="GG1557" s="91"/>
      <c r="GH1557" s="91"/>
      <c r="GI1557" s="91"/>
      <c r="GJ1557" s="91"/>
      <c r="GK1557" s="127"/>
      <c r="GL1557" s="126"/>
      <c r="GM1557" s="91"/>
      <c r="GN1557" s="91"/>
      <c r="GO1557" s="91"/>
      <c r="GP1557" s="91"/>
      <c r="GQ1557" s="91"/>
      <c r="GR1557" s="91"/>
      <c r="GS1557" s="91"/>
      <c r="GT1557" s="91"/>
      <c r="GU1557" s="91"/>
      <c r="GV1557" s="91"/>
      <c r="GW1557" s="91"/>
      <c r="GX1557" s="91"/>
      <c r="GY1557" s="91"/>
      <c r="GZ1557" s="91"/>
      <c r="HA1557" s="91"/>
      <c r="HB1557" s="91"/>
      <c r="HC1557" s="91"/>
      <c r="HD1557" s="91"/>
      <c r="HE1557" s="91"/>
      <c r="HF1557" s="91"/>
      <c r="HG1557" s="91"/>
      <c r="HH1557" s="91"/>
      <c r="HI1557" s="91"/>
      <c r="HJ1557" s="91"/>
      <c r="HK1557" s="127"/>
      <c r="HL1557" s="126"/>
      <c r="HM1557" s="91"/>
      <c r="HN1557" s="91"/>
      <c r="HO1557" s="91"/>
      <c r="HP1557" s="91"/>
      <c r="HQ1557" s="91"/>
      <c r="HR1557" s="91"/>
      <c r="HS1557" s="91"/>
      <c r="HT1557" s="91"/>
      <c r="HU1557" s="91"/>
      <c r="HV1557" s="91"/>
      <c r="HW1557" s="91"/>
      <c r="HX1557" s="91"/>
      <c r="HY1557" s="91"/>
      <c r="HZ1557" s="91"/>
      <c r="IA1557" s="91"/>
      <c r="IB1557" s="91"/>
      <c r="IC1557" s="91"/>
      <c r="ID1557" s="91"/>
      <c r="IE1557" s="91"/>
      <c r="IF1557" s="91"/>
      <c r="IG1557" s="91"/>
      <c r="IH1557" s="91"/>
      <c r="II1557" s="91"/>
      <c r="IJ1557" s="91"/>
      <c r="IK1557" s="127"/>
    </row>
    <row r="1558" spans="2:245" x14ac:dyDescent="0.2">
      <c r="B1558" s="43"/>
      <c r="C1558" s="73"/>
      <c r="D1558" s="64"/>
      <c r="E1558" s="64"/>
      <c r="F1558" s="55"/>
      <c r="G1558" s="102"/>
      <c r="H1558" s="55"/>
      <c r="I1558" s="55"/>
      <c r="J1558" s="55"/>
      <c r="K1558" s="55"/>
      <c r="L1558" s="55"/>
      <c r="M1558" s="55"/>
      <c r="N1558" s="55"/>
      <c r="O1558" s="55"/>
      <c r="P1558" s="55"/>
      <c r="Q1558" s="55"/>
      <c r="R1558" s="55"/>
      <c r="S1558" s="55"/>
      <c r="T1558" s="55"/>
      <c r="U1558" s="55"/>
      <c r="V1558" s="55"/>
      <c r="W1558" s="55"/>
      <c r="X1558" s="55"/>
      <c r="Y1558" s="55"/>
      <c r="Z1558" s="55"/>
      <c r="AA1558" s="55"/>
      <c r="AB1558" s="55"/>
      <c r="AC1558" s="55"/>
      <c r="AD1558" s="55"/>
      <c r="AE1558" s="55"/>
      <c r="AF1558" s="55"/>
      <c r="AG1558" s="55"/>
      <c r="AY1558" s="162"/>
      <c r="AZ1558" s="162"/>
      <c r="BA1558" s="162"/>
      <c r="BB1558" s="162"/>
      <c r="BC1558" s="162"/>
      <c r="BD1558" s="162"/>
      <c r="BE1558" s="162"/>
      <c r="BF1558" s="162"/>
      <c r="BG1558" s="162"/>
      <c r="BH1558" s="162"/>
      <c r="BI1558" s="162"/>
      <c r="BJ1558" s="162"/>
      <c r="BK1558" s="162"/>
      <c r="BL1558" s="162"/>
      <c r="BM1558" s="162"/>
      <c r="BN1558" s="162"/>
      <c r="BO1558" s="162"/>
      <c r="BP1558" s="162"/>
      <c r="BQ1558" s="162"/>
      <c r="BR1558" s="162"/>
      <c r="BS1558" s="162"/>
      <c r="BT1558" s="162"/>
      <c r="BU1558" s="162"/>
      <c r="BV1558" s="162"/>
      <c r="BW1558" s="162"/>
      <c r="BX1558" s="162"/>
      <c r="BY1558" s="162"/>
      <c r="BZ1558" s="162"/>
      <c r="CA1558" s="162"/>
      <c r="CB1558" s="162"/>
      <c r="CC1558" s="162"/>
      <c r="CD1558" s="162"/>
      <c r="CE1558" s="162"/>
      <c r="CF1558" s="162"/>
      <c r="CG1558" s="162"/>
      <c r="CH1558" s="162"/>
      <c r="CI1558" s="162"/>
      <c r="CJ1558" s="162"/>
      <c r="CK1558" s="162"/>
      <c r="CX1558" s="98"/>
      <c r="DL1558" s="97"/>
      <c r="DX1558" s="98"/>
      <c r="EL1558" s="97"/>
      <c r="EX1558" s="98"/>
      <c r="EY1558" s="97"/>
      <c r="FL1558" s="126"/>
      <c r="FM1558" s="91"/>
      <c r="FN1558" s="91"/>
      <c r="FO1558" s="91"/>
      <c r="FP1558" s="91"/>
      <c r="FQ1558" s="91"/>
      <c r="FR1558" s="91"/>
      <c r="FS1558" s="91"/>
      <c r="FT1558" s="91"/>
      <c r="FU1558" s="91"/>
      <c r="FV1558" s="91"/>
      <c r="FW1558" s="91"/>
      <c r="FX1558" s="91"/>
      <c r="FY1558" s="91"/>
      <c r="FZ1558" s="91"/>
      <c r="GA1558" s="91"/>
      <c r="GB1558" s="91"/>
      <c r="GC1558" s="91"/>
      <c r="GD1558" s="91"/>
      <c r="GE1558" s="91"/>
      <c r="GF1558" s="91"/>
      <c r="GG1558" s="91"/>
      <c r="GH1558" s="91"/>
      <c r="GI1558" s="91"/>
      <c r="GJ1558" s="91"/>
      <c r="GK1558" s="127"/>
      <c r="GL1558" s="126"/>
      <c r="GM1558" s="91"/>
      <c r="GN1558" s="91"/>
      <c r="GO1558" s="91"/>
      <c r="GP1558" s="91"/>
      <c r="GQ1558" s="91"/>
      <c r="GR1558" s="91"/>
      <c r="GS1558" s="91"/>
      <c r="GT1558" s="91"/>
      <c r="GU1558" s="91"/>
      <c r="GV1558" s="91"/>
      <c r="GW1558" s="91"/>
      <c r="GX1558" s="91"/>
      <c r="GY1558" s="91"/>
      <c r="GZ1558" s="91"/>
      <c r="HA1558" s="91"/>
      <c r="HB1558" s="91"/>
      <c r="HC1558" s="91"/>
      <c r="HD1558" s="91"/>
      <c r="HE1558" s="91"/>
      <c r="HF1558" s="91"/>
      <c r="HG1558" s="91"/>
      <c r="HH1558" s="91"/>
      <c r="HI1558" s="91"/>
      <c r="HJ1558" s="91"/>
      <c r="HK1558" s="127"/>
      <c r="HL1558" s="126"/>
      <c r="HM1558" s="91"/>
      <c r="HN1558" s="91"/>
      <c r="HO1558" s="91"/>
      <c r="HP1558" s="91"/>
      <c r="HQ1558" s="91"/>
      <c r="HR1558" s="91"/>
      <c r="HS1558" s="91"/>
      <c r="HT1558" s="91"/>
      <c r="HU1558" s="91"/>
      <c r="HV1558" s="91"/>
      <c r="HW1558" s="91"/>
      <c r="HX1558" s="91"/>
      <c r="HY1558" s="91"/>
      <c r="HZ1558" s="91"/>
      <c r="IA1558" s="91"/>
      <c r="IB1558" s="91"/>
      <c r="IC1558" s="91"/>
      <c r="ID1558" s="91"/>
      <c r="IE1558" s="91"/>
      <c r="IF1558" s="91"/>
      <c r="IG1558" s="91"/>
      <c r="IH1558" s="91"/>
      <c r="II1558" s="91"/>
      <c r="IJ1558" s="91"/>
      <c r="IK1558" s="127"/>
    </row>
    <row r="1559" spans="2:245" x14ac:dyDescent="0.2">
      <c r="B1559" s="43"/>
      <c r="C1559" s="73"/>
      <c r="D1559" s="64"/>
      <c r="E1559" s="64"/>
      <c r="F1559" s="55"/>
      <c r="G1559" s="102"/>
      <c r="H1559" s="55"/>
      <c r="I1559" s="55"/>
      <c r="J1559" s="55"/>
      <c r="K1559" s="55"/>
      <c r="L1559" s="55"/>
      <c r="M1559" s="55"/>
      <c r="N1559" s="55"/>
      <c r="O1559" s="55"/>
      <c r="P1559" s="55"/>
      <c r="Q1559" s="55"/>
      <c r="R1559" s="55"/>
      <c r="S1559" s="55"/>
      <c r="T1559" s="55"/>
      <c r="U1559" s="55"/>
      <c r="V1559" s="55"/>
      <c r="W1559" s="55"/>
      <c r="X1559" s="55"/>
      <c r="Y1559" s="55"/>
      <c r="Z1559" s="55"/>
      <c r="AA1559" s="55"/>
      <c r="AB1559" s="55"/>
      <c r="AC1559" s="55"/>
      <c r="AD1559" s="55"/>
      <c r="AE1559" s="55"/>
      <c r="AF1559" s="55"/>
      <c r="AG1559" s="55"/>
      <c r="AY1559" s="162"/>
      <c r="AZ1559" s="162"/>
      <c r="BA1559" s="162"/>
      <c r="BB1559" s="162"/>
      <c r="BC1559" s="162"/>
      <c r="BD1559" s="162"/>
      <c r="BE1559" s="162"/>
      <c r="BF1559" s="162"/>
      <c r="BG1559" s="162"/>
      <c r="BH1559" s="162"/>
      <c r="BI1559" s="162"/>
      <c r="BJ1559" s="162"/>
      <c r="BK1559" s="162"/>
      <c r="BL1559" s="162"/>
      <c r="BM1559" s="162"/>
      <c r="BN1559" s="162"/>
      <c r="BO1559" s="162"/>
      <c r="BP1559" s="162"/>
      <c r="BQ1559" s="162"/>
      <c r="BR1559" s="162"/>
      <c r="BS1559" s="162"/>
      <c r="BT1559" s="162"/>
      <c r="BU1559" s="162"/>
      <c r="BV1559" s="162"/>
      <c r="BW1559" s="162"/>
      <c r="BX1559" s="162"/>
      <c r="BY1559" s="162"/>
      <c r="BZ1559" s="162"/>
      <c r="CA1559" s="162"/>
      <c r="CB1559" s="162"/>
      <c r="CC1559" s="162"/>
      <c r="CD1559" s="162"/>
      <c r="CE1559" s="162"/>
      <c r="CF1559" s="162"/>
      <c r="CG1559" s="162"/>
      <c r="CH1559" s="162"/>
      <c r="CI1559" s="162"/>
      <c r="CJ1559" s="162"/>
      <c r="CK1559" s="162"/>
      <c r="CX1559" s="98"/>
      <c r="DL1559" s="97"/>
      <c r="DX1559" s="98"/>
      <c r="EL1559" s="97"/>
      <c r="EX1559" s="98"/>
      <c r="EY1559" s="97"/>
      <c r="FL1559" s="126"/>
      <c r="FM1559" s="91"/>
      <c r="FN1559" s="91"/>
      <c r="FO1559" s="91"/>
      <c r="FP1559" s="91"/>
      <c r="FQ1559" s="91"/>
      <c r="FR1559" s="91"/>
      <c r="FS1559" s="91"/>
      <c r="FT1559" s="91"/>
      <c r="FU1559" s="91"/>
      <c r="FV1559" s="91"/>
      <c r="FW1559" s="91"/>
      <c r="FX1559" s="91"/>
      <c r="FY1559" s="91"/>
      <c r="FZ1559" s="91"/>
      <c r="GA1559" s="91"/>
      <c r="GB1559" s="91"/>
      <c r="GC1559" s="91"/>
      <c r="GD1559" s="91"/>
      <c r="GE1559" s="91"/>
      <c r="GF1559" s="91"/>
      <c r="GG1559" s="91"/>
      <c r="GH1559" s="91"/>
      <c r="GI1559" s="91"/>
      <c r="GJ1559" s="91"/>
      <c r="GK1559" s="127"/>
      <c r="GL1559" s="126"/>
      <c r="GM1559" s="91"/>
      <c r="GN1559" s="91"/>
      <c r="GO1559" s="91"/>
      <c r="GP1559" s="91"/>
      <c r="GQ1559" s="91"/>
      <c r="GR1559" s="91"/>
      <c r="GS1559" s="91"/>
      <c r="GT1559" s="91"/>
      <c r="GU1559" s="91"/>
      <c r="GV1559" s="91"/>
      <c r="GW1559" s="91"/>
      <c r="GX1559" s="91"/>
      <c r="GY1559" s="91"/>
      <c r="GZ1559" s="91"/>
      <c r="HA1559" s="91"/>
      <c r="HB1559" s="91"/>
      <c r="HC1559" s="91"/>
      <c r="HD1559" s="91"/>
      <c r="HE1559" s="91"/>
      <c r="HF1559" s="91"/>
      <c r="HG1559" s="91"/>
      <c r="HH1559" s="91"/>
      <c r="HI1559" s="91"/>
      <c r="HJ1559" s="91"/>
      <c r="HK1559" s="127"/>
      <c r="HL1559" s="126"/>
      <c r="HM1559" s="91"/>
      <c r="HN1559" s="91"/>
      <c r="HO1559" s="91"/>
      <c r="HP1559" s="91"/>
      <c r="HQ1559" s="91"/>
      <c r="HR1559" s="91"/>
      <c r="HS1559" s="91"/>
      <c r="HT1559" s="91"/>
      <c r="HU1559" s="91"/>
      <c r="HV1559" s="91"/>
      <c r="HW1559" s="91"/>
      <c r="HX1559" s="91"/>
      <c r="HY1559" s="91"/>
      <c r="HZ1559" s="91"/>
      <c r="IA1559" s="91"/>
      <c r="IB1559" s="91"/>
      <c r="IC1559" s="91"/>
      <c r="ID1559" s="91"/>
      <c r="IE1559" s="91"/>
      <c r="IF1559" s="91"/>
      <c r="IG1559" s="91"/>
      <c r="IH1559" s="91"/>
      <c r="II1559" s="91"/>
      <c r="IJ1559" s="91"/>
      <c r="IK1559" s="127"/>
    </row>
    <row r="1560" spans="2:245" x14ac:dyDescent="0.2">
      <c r="B1560" s="43"/>
      <c r="C1560" s="73"/>
      <c r="D1560" s="64"/>
      <c r="E1560" s="64"/>
      <c r="F1560" s="55"/>
      <c r="G1560" s="102"/>
      <c r="H1560" s="55"/>
      <c r="I1560" s="55"/>
      <c r="J1560" s="55"/>
      <c r="K1560" s="55"/>
      <c r="L1560" s="55"/>
      <c r="M1560" s="55"/>
      <c r="N1560" s="55"/>
      <c r="O1560" s="55"/>
      <c r="P1560" s="55"/>
      <c r="Q1560" s="55"/>
      <c r="R1560" s="55"/>
      <c r="S1560" s="55"/>
      <c r="T1560" s="55"/>
      <c r="U1560" s="55"/>
      <c r="V1560" s="55"/>
      <c r="W1560" s="55"/>
      <c r="X1560" s="55"/>
      <c r="Y1560" s="55"/>
      <c r="Z1560" s="55"/>
      <c r="AA1560" s="55"/>
      <c r="AB1560" s="55"/>
      <c r="AC1560" s="55"/>
      <c r="AD1560" s="55"/>
      <c r="AE1560" s="55"/>
      <c r="AF1560" s="55"/>
      <c r="AG1560" s="55"/>
      <c r="AY1560" s="162"/>
      <c r="AZ1560" s="162"/>
      <c r="BA1560" s="162"/>
      <c r="BB1560" s="162"/>
      <c r="BC1560" s="162"/>
      <c r="BD1560" s="162"/>
      <c r="BE1560" s="162"/>
      <c r="BF1560" s="162"/>
      <c r="BG1560" s="162"/>
      <c r="BH1560" s="162"/>
      <c r="BI1560" s="162"/>
      <c r="BJ1560" s="162"/>
      <c r="BK1560" s="162"/>
      <c r="BL1560" s="162"/>
      <c r="BM1560" s="162"/>
      <c r="BN1560" s="162"/>
      <c r="BO1560" s="162"/>
      <c r="BP1560" s="162"/>
      <c r="BQ1560" s="162"/>
      <c r="BR1560" s="162"/>
      <c r="BS1560" s="162"/>
      <c r="BT1560" s="162"/>
      <c r="BU1560" s="162"/>
      <c r="BV1560" s="162"/>
      <c r="BW1560" s="162"/>
      <c r="BX1560" s="162"/>
      <c r="BY1560" s="162"/>
      <c r="BZ1560" s="162"/>
      <c r="CA1560" s="162"/>
      <c r="CB1560" s="162"/>
      <c r="CC1560" s="162"/>
      <c r="CD1560" s="162"/>
      <c r="CE1560" s="162"/>
      <c r="CF1560" s="162"/>
      <c r="CG1560" s="162"/>
      <c r="CH1560" s="162"/>
      <c r="CI1560" s="162"/>
      <c r="CJ1560" s="162"/>
      <c r="CK1560" s="162"/>
      <c r="CX1560" s="98"/>
      <c r="DL1560" s="97"/>
      <c r="DX1560" s="98"/>
      <c r="EL1560" s="97"/>
      <c r="EX1560" s="98"/>
      <c r="EY1560" s="97"/>
      <c r="FL1560" s="126"/>
      <c r="FM1560" s="91"/>
      <c r="FN1560" s="91"/>
      <c r="FO1560" s="91"/>
      <c r="FP1560" s="91"/>
      <c r="FQ1560" s="91"/>
      <c r="FR1560" s="91"/>
      <c r="FS1560" s="91"/>
      <c r="FT1560" s="91"/>
      <c r="FU1560" s="91"/>
      <c r="FV1560" s="91"/>
      <c r="FW1560" s="91"/>
      <c r="FX1560" s="91"/>
      <c r="FY1560" s="91"/>
      <c r="FZ1560" s="91"/>
      <c r="GA1560" s="91"/>
      <c r="GB1560" s="91"/>
      <c r="GC1560" s="91"/>
      <c r="GD1560" s="91"/>
      <c r="GE1560" s="91"/>
      <c r="GF1560" s="91"/>
      <c r="GG1560" s="91"/>
      <c r="GH1560" s="91"/>
      <c r="GI1560" s="91"/>
      <c r="GJ1560" s="91"/>
      <c r="GK1560" s="127"/>
      <c r="GL1560" s="126"/>
      <c r="GM1560" s="91"/>
      <c r="GN1560" s="91"/>
      <c r="GO1560" s="91"/>
      <c r="GP1560" s="91"/>
      <c r="GQ1560" s="91"/>
      <c r="GR1560" s="91"/>
      <c r="GS1560" s="91"/>
      <c r="GT1560" s="91"/>
      <c r="GU1560" s="91"/>
      <c r="GV1560" s="91"/>
      <c r="GW1560" s="91"/>
      <c r="GX1560" s="91"/>
      <c r="GY1560" s="91"/>
      <c r="GZ1560" s="91"/>
      <c r="HA1560" s="91"/>
      <c r="HB1560" s="91"/>
      <c r="HC1560" s="91"/>
      <c r="HD1560" s="91"/>
      <c r="HE1560" s="91"/>
      <c r="HF1560" s="91"/>
      <c r="HG1560" s="91"/>
      <c r="HH1560" s="91"/>
      <c r="HI1560" s="91"/>
      <c r="HJ1560" s="91"/>
      <c r="HK1560" s="127"/>
      <c r="HL1560" s="126"/>
      <c r="HM1560" s="91"/>
      <c r="HN1560" s="91"/>
      <c r="HO1560" s="91"/>
      <c r="HP1560" s="91"/>
      <c r="HQ1560" s="91"/>
      <c r="HR1560" s="91"/>
      <c r="HS1560" s="91"/>
      <c r="HT1560" s="91"/>
      <c r="HU1560" s="91"/>
      <c r="HV1560" s="91"/>
      <c r="HW1560" s="91"/>
      <c r="HX1560" s="91"/>
      <c r="HY1560" s="91"/>
      <c r="HZ1560" s="91"/>
      <c r="IA1560" s="91"/>
      <c r="IB1560" s="91"/>
      <c r="IC1560" s="91"/>
      <c r="ID1560" s="91"/>
      <c r="IE1560" s="91"/>
      <c r="IF1560" s="91"/>
      <c r="IG1560" s="91"/>
      <c r="IH1560" s="91"/>
      <c r="II1560" s="91"/>
      <c r="IJ1560" s="91"/>
      <c r="IK1560" s="127"/>
    </row>
    <row r="1561" spans="2:245" x14ac:dyDescent="0.2">
      <c r="B1561" s="43"/>
      <c r="C1561" s="73"/>
      <c r="D1561" s="64"/>
      <c r="E1561" s="64"/>
      <c r="F1561" s="55"/>
      <c r="G1561" s="102"/>
      <c r="H1561" s="55"/>
      <c r="I1561" s="55"/>
      <c r="J1561" s="55"/>
      <c r="K1561" s="55"/>
      <c r="L1561" s="55"/>
      <c r="M1561" s="55"/>
      <c r="N1561" s="55"/>
      <c r="O1561" s="55"/>
      <c r="P1561" s="55"/>
      <c r="Q1561" s="55"/>
      <c r="R1561" s="55"/>
      <c r="S1561" s="55"/>
      <c r="T1561" s="55"/>
      <c r="U1561" s="55"/>
      <c r="V1561" s="55"/>
      <c r="W1561" s="55"/>
      <c r="X1561" s="55"/>
      <c r="Y1561" s="55"/>
      <c r="Z1561" s="55"/>
      <c r="AA1561" s="55"/>
      <c r="AB1561" s="55"/>
      <c r="AC1561" s="55"/>
      <c r="AD1561" s="55"/>
      <c r="AE1561" s="55"/>
      <c r="AF1561" s="55"/>
      <c r="AG1561" s="55"/>
      <c r="AY1561" s="162"/>
      <c r="AZ1561" s="162"/>
      <c r="BA1561" s="162"/>
      <c r="BB1561" s="162"/>
      <c r="BC1561" s="162"/>
      <c r="BD1561" s="162"/>
      <c r="BE1561" s="162"/>
      <c r="BF1561" s="162"/>
      <c r="BG1561" s="162"/>
      <c r="BH1561" s="162"/>
      <c r="BI1561" s="162"/>
      <c r="BJ1561" s="162"/>
      <c r="BK1561" s="162"/>
      <c r="BL1561" s="162"/>
      <c r="BM1561" s="162"/>
      <c r="BN1561" s="162"/>
      <c r="BO1561" s="162"/>
      <c r="BP1561" s="162"/>
      <c r="BQ1561" s="162"/>
      <c r="BR1561" s="162"/>
      <c r="BS1561" s="162"/>
      <c r="BT1561" s="162"/>
      <c r="BU1561" s="162"/>
      <c r="BV1561" s="162"/>
      <c r="BW1561" s="162"/>
      <c r="BX1561" s="162"/>
      <c r="BY1561" s="162"/>
      <c r="BZ1561" s="162"/>
      <c r="CA1561" s="162"/>
      <c r="CB1561" s="162"/>
      <c r="CC1561" s="162"/>
      <c r="CD1561" s="162"/>
      <c r="CE1561" s="162"/>
      <c r="CF1561" s="162"/>
      <c r="CG1561" s="162"/>
      <c r="CH1561" s="162"/>
      <c r="CI1561" s="162"/>
      <c r="CJ1561" s="162"/>
      <c r="CK1561" s="162"/>
      <c r="CX1561" s="98"/>
      <c r="DL1561" s="97"/>
      <c r="DX1561" s="98"/>
      <c r="EL1561" s="97"/>
      <c r="EX1561" s="98"/>
      <c r="EY1561" s="97"/>
      <c r="FL1561" s="126"/>
      <c r="FM1561" s="91"/>
      <c r="FN1561" s="91"/>
      <c r="FO1561" s="91"/>
      <c r="FP1561" s="91"/>
      <c r="FQ1561" s="91"/>
      <c r="FR1561" s="91"/>
      <c r="FS1561" s="91"/>
      <c r="FT1561" s="91"/>
      <c r="FU1561" s="91"/>
      <c r="FV1561" s="91"/>
      <c r="FW1561" s="91"/>
      <c r="FX1561" s="91"/>
      <c r="FY1561" s="91"/>
      <c r="FZ1561" s="91"/>
      <c r="GA1561" s="91"/>
      <c r="GB1561" s="91"/>
      <c r="GC1561" s="91"/>
      <c r="GD1561" s="91"/>
      <c r="GE1561" s="91"/>
      <c r="GF1561" s="91"/>
      <c r="GG1561" s="91"/>
      <c r="GH1561" s="91"/>
      <c r="GI1561" s="91"/>
      <c r="GJ1561" s="91"/>
      <c r="GK1561" s="127"/>
      <c r="GL1561" s="126"/>
      <c r="GM1561" s="91"/>
      <c r="GN1561" s="91"/>
      <c r="GO1561" s="91"/>
      <c r="GP1561" s="91"/>
      <c r="GQ1561" s="91"/>
      <c r="GR1561" s="91"/>
      <c r="GS1561" s="91"/>
      <c r="GT1561" s="91"/>
      <c r="GU1561" s="91"/>
      <c r="GV1561" s="91"/>
      <c r="GW1561" s="91"/>
      <c r="GX1561" s="91"/>
      <c r="GY1561" s="91"/>
      <c r="GZ1561" s="91"/>
      <c r="HA1561" s="91"/>
      <c r="HB1561" s="91"/>
      <c r="HC1561" s="91"/>
      <c r="HD1561" s="91"/>
      <c r="HE1561" s="91"/>
      <c r="HF1561" s="91"/>
      <c r="HG1561" s="91"/>
      <c r="HH1561" s="91"/>
      <c r="HI1561" s="91"/>
      <c r="HJ1561" s="91"/>
      <c r="HK1561" s="127"/>
      <c r="HL1561" s="126"/>
      <c r="HM1561" s="91"/>
      <c r="HN1561" s="91"/>
      <c r="HO1561" s="91"/>
      <c r="HP1561" s="91"/>
      <c r="HQ1561" s="91"/>
      <c r="HR1561" s="91"/>
      <c r="HS1561" s="91"/>
      <c r="HT1561" s="91"/>
      <c r="HU1561" s="91"/>
      <c r="HV1561" s="91"/>
      <c r="HW1561" s="91"/>
      <c r="HX1561" s="91"/>
      <c r="HY1561" s="91"/>
      <c r="HZ1561" s="91"/>
      <c r="IA1561" s="91"/>
      <c r="IB1561" s="91"/>
      <c r="IC1561" s="91"/>
      <c r="ID1561" s="91"/>
      <c r="IE1561" s="91"/>
      <c r="IF1561" s="91"/>
      <c r="IG1561" s="91"/>
      <c r="IH1561" s="91"/>
      <c r="II1561" s="91"/>
      <c r="IJ1561" s="91"/>
      <c r="IK1561" s="127"/>
    </row>
    <row r="1562" spans="2:245" x14ac:dyDescent="0.2">
      <c r="B1562" s="43"/>
      <c r="C1562" s="73"/>
      <c r="D1562" s="64"/>
      <c r="E1562" s="64"/>
      <c r="F1562" s="55"/>
      <c r="G1562" s="102"/>
      <c r="H1562" s="55"/>
      <c r="I1562" s="55"/>
      <c r="J1562" s="55"/>
      <c r="K1562" s="55"/>
      <c r="L1562" s="55"/>
      <c r="M1562" s="55"/>
      <c r="N1562" s="55"/>
      <c r="O1562" s="55"/>
      <c r="P1562" s="55"/>
      <c r="Q1562" s="55"/>
      <c r="R1562" s="55"/>
      <c r="S1562" s="55"/>
      <c r="T1562" s="55"/>
      <c r="U1562" s="55"/>
      <c r="V1562" s="55"/>
      <c r="W1562" s="55"/>
      <c r="X1562" s="55"/>
      <c r="Y1562" s="55"/>
      <c r="Z1562" s="55"/>
      <c r="AA1562" s="55"/>
      <c r="AB1562" s="55"/>
      <c r="AC1562" s="55"/>
      <c r="AD1562" s="55"/>
      <c r="AE1562" s="55"/>
      <c r="AF1562" s="55"/>
      <c r="AG1562" s="55"/>
      <c r="AY1562" s="162"/>
      <c r="AZ1562" s="162"/>
      <c r="BA1562" s="162"/>
      <c r="BB1562" s="162"/>
      <c r="BC1562" s="162"/>
      <c r="BD1562" s="162"/>
      <c r="BE1562" s="162"/>
      <c r="BF1562" s="162"/>
      <c r="BG1562" s="162"/>
      <c r="BH1562" s="162"/>
      <c r="BI1562" s="162"/>
      <c r="BJ1562" s="162"/>
      <c r="BK1562" s="162"/>
      <c r="BL1562" s="162"/>
      <c r="BM1562" s="162"/>
      <c r="BN1562" s="162"/>
      <c r="BO1562" s="162"/>
      <c r="BP1562" s="162"/>
      <c r="BQ1562" s="162"/>
      <c r="BR1562" s="162"/>
      <c r="BS1562" s="162"/>
      <c r="BT1562" s="162"/>
      <c r="BU1562" s="162"/>
      <c r="BV1562" s="162"/>
      <c r="BW1562" s="162"/>
      <c r="BX1562" s="162"/>
      <c r="BY1562" s="162"/>
      <c r="BZ1562" s="162"/>
      <c r="CA1562" s="162"/>
      <c r="CB1562" s="162"/>
      <c r="CC1562" s="162"/>
      <c r="CD1562" s="162"/>
      <c r="CE1562" s="162"/>
      <c r="CF1562" s="162"/>
      <c r="CG1562" s="162"/>
      <c r="CH1562" s="162"/>
      <c r="CI1562" s="162"/>
      <c r="CJ1562" s="162"/>
      <c r="CK1562" s="162"/>
      <c r="CX1562" s="98"/>
      <c r="DL1562" s="97"/>
      <c r="DX1562" s="98"/>
      <c r="EL1562" s="97"/>
      <c r="EX1562" s="98"/>
      <c r="EY1562" s="97"/>
      <c r="FL1562" s="126"/>
      <c r="FM1562" s="91"/>
      <c r="FN1562" s="91"/>
      <c r="FO1562" s="91"/>
      <c r="FP1562" s="91"/>
      <c r="FQ1562" s="91"/>
      <c r="FR1562" s="91"/>
      <c r="FS1562" s="91"/>
      <c r="FT1562" s="91"/>
      <c r="FU1562" s="91"/>
      <c r="FV1562" s="91"/>
      <c r="FW1562" s="91"/>
      <c r="FX1562" s="91"/>
      <c r="FY1562" s="91"/>
      <c r="FZ1562" s="91"/>
      <c r="GA1562" s="91"/>
      <c r="GB1562" s="91"/>
      <c r="GC1562" s="91"/>
      <c r="GD1562" s="91"/>
      <c r="GE1562" s="91"/>
      <c r="GF1562" s="91"/>
      <c r="GG1562" s="91"/>
      <c r="GH1562" s="91"/>
      <c r="GI1562" s="91"/>
      <c r="GJ1562" s="91"/>
      <c r="GK1562" s="127"/>
      <c r="GL1562" s="126"/>
      <c r="GM1562" s="91"/>
      <c r="GN1562" s="91"/>
      <c r="GO1562" s="91"/>
      <c r="GP1562" s="91"/>
      <c r="GQ1562" s="91"/>
      <c r="GR1562" s="91"/>
      <c r="GS1562" s="91"/>
      <c r="GT1562" s="91"/>
      <c r="GU1562" s="91"/>
      <c r="GV1562" s="91"/>
      <c r="GW1562" s="91"/>
      <c r="GX1562" s="91"/>
      <c r="GY1562" s="91"/>
      <c r="GZ1562" s="91"/>
      <c r="HA1562" s="91"/>
      <c r="HB1562" s="91"/>
      <c r="HC1562" s="91"/>
      <c r="HD1562" s="91"/>
      <c r="HE1562" s="91"/>
      <c r="HF1562" s="91"/>
      <c r="HG1562" s="91"/>
      <c r="HH1562" s="91"/>
      <c r="HI1562" s="91"/>
      <c r="HJ1562" s="91"/>
      <c r="HK1562" s="127"/>
      <c r="HL1562" s="126"/>
      <c r="HM1562" s="91"/>
      <c r="HN1562" s="91"/>
      <c r="HO1562" s="91"/>
      <c r="HP1562" s="91"/>
      <c r="HQ1562" s="91"/>
      <c r="HR1562" s="91"/>
      <c r="HS1562" s="91"/>
      <c r="HT1562" s="91"/>
      <c r="HU1562" s="91"/>
      <c r="HV1562" s="91"/>
      <c r="HW1562" s="91"/>
      <c r="HX1562" s="91"/>
      <c r="HY1562" s="91"/>
      <c r="HZ1562" s="91"/>
      <c r="IA1562" s="91"/>
      <c r="IB1562" s="91"/>
      <c r="IC1562" s="91"/>
      <c r="ID1562" s="91"/>
      <c r="IE1562" s="91"/>
      <c r="IF1562" s="91"/>
      <c r="IG1562" s="91"/>
      <c r="IH1562" s="91"/>
      <c r="II1562" s="91"/>
      <c r="IJ1562" s="91"/>
      <c r="IK1562" s="127"/>
    </row>
    <row r="1563" spans="2:245" x14ac:dyDescent="0.2">
      <c r="B1563" s="43"/>
      <c r="C1563" s="73"/>
      <c r="D1563" s="64"/>
      <c r="E1563" s="64"/>
      <c r="F1563" s="55"/>
      <c r="G1563" s="102"/>
      <c r="H1563" s="55"/>
      <c r="I1563" s="55"/>
      <c r="J1563" s="55"/>
      <c r="K1563" s="55"/>
      <c r="L1563" s="55"/>
      <c r="M1563" s="55"/>
      <c r="N1563" s="55"/>
      <c r="O1563" s="55"/>
      <c r="P1563" s="55"/>
      <c r="Q1563" s="55"/>
      <c r="R1563" s="55"/>
      <c r="S1563" s="55"/>
      <c r="T1563" s="55"/>
      <c r="U1563" s="55"/>
      <c r="V1563" s="55"/>
      <c r="W1563" s="55"/>
      <c r="X1563" s="55"/>
      <c r="Y1563" s="55"/>
      <c r="Z1563" s="55"/>
      <c r="AA1563" s="55"/>
      <c r="AB1563" s="55"/>
      <c r="AC1563" s="55"/>
      <c r="AD1563" s="55"/>
      <c r="AE1563" s="55"/>
      <c r="AF1563" s="55"/>
      <c r="AG1563" s="55"/>
      <c r="AY1563" s="162"/>
      <c r="AZ1563" s="162"/>
      <c r="BA1563" s="162"/>
      <c r="BB1563" s="162"/>
      <c r="BC1563" s="162"/>
      <c r="BD1563" s="162"/>
      <c r="BE1563" s="162"/>
      <c r="BF1563" s="162"/>
      <c r="BG1563" s="162"/>
      <c r="BH1563" s="162"/>
      <c r="BI1563" s="162"/>
      <c r="BJ1563" s="162"/>
      <c r="BK1563" s="162"/>
      <c r="BL1563" s="162"/>
      <c r="BM1563" s="162"/>
      <c r="BN1563" s="162"/>
      <c r="BO1563" s="162"/>
      <c r="BP1563" s="162"/>
      <c r="BQ1563" s="162"/>
      <c r="BR1563" s="162"/>
      <c r="BS1563" s="162"/>
      <c r="BT1563" s="162"/>
      <c r="BU1563" s="162"/>
      <c r="BV1563" s="162"/>
      <c r="BW1563" s="162"/>
      <c r="BX1563" s="162"/>
      <c r="BY1563" s="162"/>
      <c r="BZ1563" s="162"/>
      <c r="CA1563" s="162"/>
      <c r="CB1563" s="162"/>
      <c r="CC1563" s="162"/>
      <c r="CD1563" s="162"/>
      <c r="CE1563" s="162"/>
      <c r="CF1563" s="162"/>
      <c r="CG1563" s="162"/>
      <c r="CH1563" s="162"/>
      <c r="CI1563" s="162"/>
      <c r="CJ1563" s="162"/>
      <c r="CK1563" s="162"/>
      <c r="CX1563" s="98"/>
      <c r="DL1563" s="97"/>
      <c r="DX1563" s="98"/>
      <c r="EL1563" s="97"/>
      <c r="EX1563" s="98"/>
      <c r="EY1563" s="97"/>
      <c r="FL1563" s="126"/>
      <c r="FM1563" s="91"/>
      <c r="FN1563" s="91"/>
      <c r="FO1563" s="91"/>
      <c r="FP1563" s="91"/>
      <c r="FQ1563" s="91"/>
      <c r="FR1563" s="91"/>
      <c r="FS1563" s="91"/>
      <c r="FT1563" s="91"/>
      <c r="FU1563" s="91"/>
      <c r="FV1563" s="91"/>
      <c r="FW1563" s="91"/>
      <c r="FX1563" s="91"/>
      <c r="FY1563" s="91"/>
      <c r="FZ1563" s="91"/>
      <c r="GA1563" s="91"/>
      <c r="GB1563" s="91"/>
      <c r="GC1563" s="91"/>
      <c r="GD1563" s="91"/>
      <c r="GE1563" s="91"/>
      <c r="GF1563" s="91"/>
      <c r="GG1563" s="91"/>
      <c r="GH1563" s="91"/>
      <c r="GI1563" s="91"/>
      <c r="GJ1563" s="91"/>
      <c r="GK1563" s="127"/>
      <c r="GL1563" s="126"/>
      <c r="GM1563" s="91"/>
      <c r="GN1563" s="91"/>
      <c r="GO1563" s="91"/>
      <c r="GP1563" s="91"/>
      <c r="GQ1563" s="91"/>
      <c r="GR1563" s="91"/>
      <c r="GS1563" s="91"/>
      <c r="GT1563" s="91"/>
      <c r="GU1563" s="91"/>
      <c r="GV1563" s="91"/>
      <c r="GW1563" s="91"/>
      <c r="GX1563" s="91"/>
      <c r="GY1563" s="91"/>
      <c r="GZ1563" s="91"/>
      <c r="HA1563" s="91"/>
      <c r="HB1563" s="91"/>
      <c r="HC1563" s="91"/>
      <c r="HD1563" s="91"/>
      <c r="HE1563" s="91"/>
      <c r="HF1563" s="91"/>
      <c r="HG1563" s="91"/>
      <c r="HH1563" s="91"/>
      <c r="HI1563" s="91"/>
      <c r="HJ1563" s="91"/>
      <c r="HK1563" s="127"/>
      <c r="HL1563" s="126"/>
      <c r="HM1563" s="91"/>
      <c r="HN1563" s="91"/>
      <c r="HO1563" s="91"/>
      <c r="HP1563" s="91"/>
      <c r="HQ1563" s="91"/>
      <c r="HR1563" s="91"/>
      <c r="HS1563" s="91"/>
      <c r="HT1563" s="91"/>
      <c r="HU1563" s="91"/>
      <c r="HV1563" s="91"/>
      <c r="HW1563" s="91"/>
      <c r="HX1563" s="91"/>
      <c r="HY1563" s="91"/>
      <c r="HZ1563" s="91"/>
      <c r="IA1563" s="91"/>
      <c r="IB1563" s="91"/>
      <c r="IC1563" s="91"/>
      <c r="ID1563" s="91"/>
      <c r="IE1563" s="91"/>
      <c r="IF1563" s="91"/>
      <c r="IG1563" s="91"/>
      <c r="IH1563" s="91"/>
      <c r="II1563" s="91"/>
      <c r="IJ1563" s="91"/>
      <c r="IK1563" s="127"/>
    </row>
    <row r="1564" spans="2:245" x14ac:dyDescent="0.2">
      <c r="B1564" s="43"/>
      <c r="C1564" s="73"/>
      <c r="D1564" s="64"/>
      <c r="E1564" s="64"/>
      <c r="F1564" s="55"/>
      <c r="G1564" s="102"/>
      <c r="H1564" s="55"/>
      <c r="I1564" s="55"/>
      <c r="J1564" s="55"/>
      <c r="K1564" s="55"/>
      <c r="L1564" s="55"/>
      <c r="M1564" s="55"/>
      <c r="N1564" s="55"/>
      <c r="O1564" s="55"/>
      <c r="P1564" s="55"/>
      <c r="Q1564" s="55"/>
      <c r="R1564" s="55"/>
      <c r="S1564" s="55"/>
      <c r="T1564" s="55"/>
      <c r="U1564" s="55"/>
      <c r="V1564" s="55"/>
      <c r="W1564" s="55"/>
      <c r="X1564" s="55"/>
      <c r="Y1564" s="55"/>
      <c r="Z1564" s="55"/>
      <c r="AA1564" s="55"/>
      <c r="AB1564" s="55"/>
      <c r="AC1564" s="55"/>
      <c r="AD1564" s="55"/>
      <c r="AE1564" s="55"/>
      <c r="AF1564" s="55"/>
      <c r="AG1564" s="55"/>
      <c r="AY1564" s="162"/>
      <c r="AZ1564" s="162"/>
      <c r="BA1564" s="162"/>
      <c r="BB1564" s="162"/>
      <c r="BC1564" s="162"/>
      <c r="BD1564" s="162"/>
      <c r="BE1564" s="162"/>
      <c r="BF1564" s="162"/>
      <c r="BG1564" s="162"/>
      <c r="BH1564" s="162"/>
      <c r="BI1564" s="162"/>
      <c r="BJ1564" s="162"/>
      <c r="BK1564" s="162"/>
      <c r="BL1564" s="162"/>
      <c r="BM1564" s="162"/>
      <c r="BN1564" s="162"/>
      <c r="BO1564" s="162"/>
      <c r="BP1564" s="162"/>
      <c r="BQ1564" s="162"/>
      <c r="BR1564" s="162"/>
      <c r="BS1564" s="162"/>
      <c r="BT1564" s="162"/>
      <c r="BU1564" s="162"/>
      <c r="BV1564" s="162"/>
      <c r="BW1564" s="162"/>
      <c r="BX1564" s="162"/>
      <c r="BY1564" s="162"/>
      <c r="BZ1564" s="162"/>
      <c r="CA1564" s="162"/>
      <c r="CB1564" s="162"/>
      <c r="CC1564" s="162"/>
      <c r="CD1564" s="162"/>
      <c r="CE1564" s="162"/>
      <c r="CF1564" s="162"/>
      <c r="CG1564" s="162"/>
      <c r="CH1564" s="162"/>
      <c r="CI1564" s="162"/>
      <c r="CJ1564" s="162"/>
      <c r="CK1564" s="162"/>
      <c r="CX1564" s="98"/>
      <c r="DL1564" s="97"/>
      <c r="DX1564" s="98"/>
      <c r="EL1564" s="97"/>
      <c r="EX1564" s="98"/>
      <c r="EY1564" s="97"/>
      <c r="FL1564" s="126"/>
      <c r="FM1564" s="91"/>
      <c r="FN1564" s="91"/>
      <c r="FO1564" s="91"/>
      <c r="FP1564" s="91"/>
      <c r="FQ1564" s="91"/>
      <c r="FR1564" s="91"/>
      <c r="FS1564" s="91"/>
      <c r="FT1564" s="91"/>
      <c r="FU1564" s="91"/>
      <c r="FV1564" s="91"/>
      <c r="FW1564" s="91"/>
      <c r="FX1564" s="91"/>
      <c r="FY1564" s="91"/>
      <c r="FZ1564" s="91"/>
      <c r="GA1564" s="91"/>
      <c r="GB1564" s="91"/>
      <c r="GC1564" s="91"/>
      <c r="GD1564" s="91"/>
      <c r="GE1564" s="91"/>
      <c r="GF1564" s="91"/>
      <c r="GG1564" s="91"/>
      <c r="GH1564" s="91"/>
      <c r="GI1564" s="91"/>
      <c r="GJ1564" s="91"/>
      <c r="GK1564" s="127"/>
      <c r="GL1564" s="126"/>
      <c r="GM1564" s="91"/>
      <c r="GN1564" s="91"/>
      <c r="GO1564" s="91"/>
      <c r="GP1564" s="91"/>
      <c r="GQ1564" s="91"/>
      <c r="GR1564" s="91"/>
      <c r="GS1564" s="91"/>
      <c r="GT1564" s="91"/>
      <c r="GU1564" s="91"/>
      <c r="GV1564" s="91"/>
      <c r="GW1564" s="91"/>
      <c r="GX1564" s="91"/>
      <c r="GY1564" s="91"/>
      <c r="GZ1564" s="91"/>
      <c r="HA1564" s="91"/>
      <c r="HB1564" s="91"/>
      <c r="HC1564" s="91"/>
      <c r="HD1564" s="91"/>
      <c r="HE1564" s="91"/>
      <c r="HF1564" s="91"/>
      <c r="HG1564" s="91"/>
      <c r="HH1564" s="91"/>
      <c r="HI1564" s="91"/>
      <c r="HJ1564" s="91"/>
      <c r="HK1564" s="127"/>
      <c r="HL1564" s="126"/>
      <c r="HM1564" s="91"/>
      <c r="HN1564" s="91"/>
      <c r="HO1564" s="91"/>
      <c r="HP1564" s="91"/>
      <c r="HQ1564" s="91"/>
      <c r="HR1564" s="91"/>
      <c r="HS1564" s="91"/>
      <c r="HT1564" s="91"/>
      <c r="HU1564" s="91"/>
      <c r="HV1564" s="91"/>
      <c r="HW1564" s="91"/>
      <c r="HX1564" s="91"/>
      <c r="HY1564" s="91"/>
      <c r="HZ1564" s="91"/>
      <c r="IA1564" s="91"/>
      <c r="IB1564" s="91"/>
      <c r="IC1564" s="91"/>
      <c r="ID1564" s="91"/>
      <c r="IE1564" s="91"/>
      <c r="IF1564" s="91"/>
      <c r="IG1564" s="91"/>
      <c r="IH1564" s="91"/>
      <c r="II1564" s="91"/>
      <c r="IJ1564" s="91"/>
      <c r="IK1564" s="127"/>
    </row>
    <row r="1565" spans="2:245" x14ac:dyDescent="0.2">
      <c r="B1565" s="43"/>
      <c r="C1565" s="73"/>
      <c r="D1565" s="64"/>
      <c r="E1565" s="64"/>
      <c r="F1565" s="55"/>
      <c r="G1565" s="102"/>
      <c r="H1565" s="55"/>
      <c r="I1565" s="55"/>
      <c r="J1565" s="55"/>
      <c r="K1565" s="55"/>
      <c r="L1565" s="55"/>
      <c r="M1565" s="55"/>
      <c r="N1565" s="55"/>
      <c r="O1565" s="55"/>
      <c r="P1565" s="55"/>
      <c r="Q1565" s="55"/>
      <c r="R1565" s="55"/>
      <c r="S1565" s="55"/>
      <c r="T1565" s="55"/>
      <c r="U1565" s="55"/>
      <c r="V1565" s="55"/>
      <c r="W1565" s="55"/>
      <c r="X1565" s="55"/>
      <c r="Y1565" s="55"/>
      <c r="Z1565" s="55"/>
      <c r="AA1565" s="55"/>
      <c r="AB1565" s="55"/>
      <c r="AC1565" s="55"/>
      <c r="AD1565" s="55"/>
      <c r="AE1565" s="55"/>
      <c r="AF1565" s="55"/>
      <c r="AG1565" s="55"/>
      <c r="AY1565" s="162"/>
      <c r="AZ1565" s="162"/>
      <c r="BA1565" s="162"/>
      <c r="BB1565" s="162"/>
      <c r="BC1565" s="162"/>
      <c r="BD1565" s="162"/>
      <c r="BE1565" s="162"/>
      <c r="BF1565" s="162"/>
      <c r="BG1565" s="162"/>
      <c r="BH1565" s="162"/>
      <c r="BI1565" s="162"/>
      <c r="BJ1565" s="162"/>
      <c r="BK1565" s="162"/>
      <c r="BL1565" s="162"/>
      <c r="BM1565" s="162"/>
      <c r="BN1565" s="162"/>
      <c r="BO1565" s="162"/>
      <c r="BP1565" s="162"/>
      <c r="BQ1565" s="162"/>
      <c r="BR1565" s="162"/>
      <c r="BS1565" s="162"/>
      <c r="BT1565" s="162"/>
      <c r="BU1565" s="162"/>
      <c r="BV1565" s="162"/>
      <c r="BW1565" s="162"/>
      <c r="BX1565" s="162"/>
      <c r="BY1565" s="162"/>
      <c r="BZ1565" s="162"/>
      <c r="CA1565" s="162"/>
      <c r="CB1565" s="162"/>
      <c r="CC1565" s="162"/>
      <c r="CD1565" s="162"/>
      <c r="CE1565" s="162"/>
      <c r="CF1565" s="162"/>
      <c r="CG1565" s="162"/>
      <c r="CH1565" s="162"/>
      <c r="CI1565" s="162"/>
      <c r="CJ1565" s="162"/>
      <c r="CK1565" s="162"/>
      <c r="CX1565" s="98"/>
      <c r="DL1565" s="97"/>
      <c r="DX1565" s="98"/>
      <c r="EL1565" s="97"/>
      <c r="EX1565" s="98"/>
      <c r="EY1565" s="97"/>
      <c r="FL1565" s="126"/>
      <c r="FM1565" s="91"/>
      <c r="FN1565" s="91"/>
      <c r="FO1565" s="91"/>
      <c r="FP1565" s="91"/>
      <c r="FQ1565" s="91"/>
      <c r="FR1565" s="91"/>
      <c r="FS1565" s="91"/>
      <c r="FT1565" s="91"/>
      <c r="FU1565" s="91"/>
      <c r="FV1565" s="91"/>
      <c r="FW1565" s="91"/>
      <c r="FX1565" s="91"/>
      <c r="FY1565" s="91"/>
      <c r="FZ1565" s="91"/>
      <c r="GA1565" s="91"/>
      <c r="GB1565" s="91"/>
      <c r="GC1565" s="91"/>
      <c r="GD1565" s="91"/>
      <c r="GE1565" s="91"/>
      <c r="GF1565" s="91"/>
      <c r="GG1565" s="91"/>
      <c r="GH1565" s="91"/>
      <c r="GI1565" s="91"/>
      <c r="GJ1565" s="91"/>
      <c r="GK1565" s="127"/>
      <c r="GL1565" s="126"/>
      <c r="GM1565" s="91"/>
      <c r="GN1565" s="91"/>
      <c r="GO1565" s="91"/>
      <c r="GP1565" s="91"/>
      <c r="GQ1565" s="91"/>
      <c r="GR1565" s="91"/>
      <c r="GS1565" s="91"/>
      <c r="GT1565" s="91"/>
      <c r="GU1565" s="91"/>
      <c r="GV1565" s="91"/>
      <c r="GW1565" s="91"/>
      <c r="GX1565" s="91"/>
      <c r="GY1565" s="91"/>
      <c r="GZ1565" s="91"/>
      <c r="HA1565" s="91"/>
      <c r="HB1565" s="91"/>
      <c r="HC1565" s="91"/>
      <c r="HD1565" s="91"/>
      <c r="HE1565" s="91"/>
      <c r="HF1565" s="91"/>
      <c r="HG1565" s="91"/>
      <c r="HH1565" s="91"/>
      <c r="HI1565" s="91"/>
      <c r="HJ1565" s="91"/>
      <c r="HK1565" s="127"/>
      <c r="HL1565" s="126"/>
      <c r="HM1565" s="91"/>
      <c r="HN1565" s="91"/>
      <c r="HO1565" s="91"/>
      <c r="HP1565" s="91"/>
      <c r="HQ1565" s="91"/>
      <c r="HR1565" s="91"/>
      <c r="HS1565" s="91"/>
      <c r="HT1565" s="91"/>
      <c r="HU1565" s="91"/>
      <c r="HV1565" s="91"/>
      <c r="HW1565" s="91"/>
      <c r="HX1565" s="91"/>
      <c r="HY1565" s="91"/>
      <c r="HZ1565" s="91"/>
      <c r="IA1565" s="91"/>
      <c r="IB1565" s="91"/>
      <c r="IC1565" s="91"/>
      <c r="ID1565" s="91"/>
      <c r="IE1565" s="91"/>
      <c r="IF1565" s="91"/>
      <c r="IG1565" s="91"/>
      <c r="IH1565" s="91"/>
      <c r="II1565" s="91"/>
      <c r="IJ1565" s="91"/>
      <c r="IK1565" s="127"/>
    </row>
    <row r="1566" spans="2:245" x14ac:dyDescent="0.2">
      <c r="B1566" s="43"/>
      <c r="C1566" s="73"/>
      <c r="D1566" s="64"/>
      <c r="E1566" s="64"/>
      <c r="F1566" s="55"/>
      <c r="G1566" s="102"/>
      <c r="H1566" s="55"/>
      <c r="I1566" s="55"/>
      <c r="J1566" s="55"/>
      <c r="K1566" s="55"/>
      <c r="L1566" s="55"/>
      <c r="M1566" s="55"/>
      <c r="N1566" s="55"/>
      <c r="O1566" s="55"/>
      <c r="P1566" s="55"/>
      <c r="Q1566" s="55"/>
      <c r="R1566" s="55"/>
      <c r="S1566" s="55"/>
      <c r="T1566" s="55"/>
      <c r="U1566" s="55"/>
      <c r="V1566" s="55"/>
      <c r="W1566" s="55"/>
      <c r="X1566" s="55"/>
      <c r="Y1566" s="55"/>
      <c r="Z1566" s="55"/>
      <c r="AA1566" s="55"/>
      <c r="AB1566" s="55"/>
      <c r="AC1566" s="55"/>
      <c r="AD1566" s="55"/>
      <c r="AE1566" s="55"/>
      <c r="AF1566" s="55"/>
      <c r="AG1566" s="55"/>
      <c r="AY1566" s="162"/>
      <c r="AZ1566" s="162"/>
      <c r="BA1566" s="162"/>
      <c r="BB1566" s="162"/>
      <c r="BC1566" s="162"/>
      <c r="BD1566" s="162"/>
      <c r="BE1566" s="162"/>
      <c r="BF1566" s="162"/>
      <c r="BG1566" s="162"/>
      <c r="BH1566" s="162"/>
      <c r="BI1566" s="162"/>
      <c r="BJ1566" s="162"/>
      <c r="BK1566" s="162"/>
      <c r="BL1566" s="162"/>
      <c r="BM1566" s="162"/>
      <c r="BN1566" s="162"/>
      <c r="BO1566" s="162"/>
      <c r="BP1566" s="162"/>
      <c r="BQ1566" s="162"/>
      <c r="BR1566" s="162"/>
      <c r="BS1566" s="162"/>
      <c r="BT1566" s="162"/>
      <c r="BU1566" s="162"/>
      <c r="BV1566" s="162"/>
      <c r="BW1566" s="162"/>
      <c r="BX1566" s="162"/>
      <c r="BY1566" s="162"/>
      <c r="BZ1566" s="162"/>
      <c r="CA1566" s="162"/>
      <c r="CB1566" s="162"/>
      <c r="CC1566" s="162"/>
      <c r="CD1566" s="162"/>
      <c r="CE1566" s="162"/>
      <c r="CF1566" s="162"/>
      <c r="CG1566" s="162"/>
      <c r="CH1566" s="162"/>
      <c r="CI1566" s="162"/>
      <c r="CJ1566" s="162"/>
      <c r="CK1566" s="162"/>
      <c r="CX1566" s="98"/>
      <c r="DL1566" s="97"/>
      <c r="DX1566" s="98"/>
      <c r="EL1566" s="97"/>
      <c r="EX1566" s="98"/>
      <c r="EY1566" s="97"/>
      <c r="FL1566" s="126"/>
      <c r="FM1566" s="91"/>
      <c r="FN1566" s="91"/>
      <c r="FO1566" s="91"/>
      <c r="FP1566" s="91"/>
      <c r="FQ1566" s="91"/>
      <c r="FR1566" s="91"/>
      <c r="FS1566" s="91"/>
      <c r="FT1566" s="91"/>
      <c r="FU1566" s="91"/>
      <c r="FV1566" s="91"/>
      <c r="FW1566" s="91"/>
      <c r="FX1566" s="91"/>
      <c r="FY1566" s="91"/>
      <c r="FZ1566" s="91"/>
      <c r="GA1566" s="91"/>
      <c r="GB1566" s="91"/>
      <c r="GC1566" s="91"/>
      <c r="GD1566" s="91"/>
      <c r="GE1566" s="91"/>
      <c r="GF1566" s="91"/>
      <c r="GG1566" s="91"/>
      <c r="GH1566" s="91"/>
      <c r="GI1566" s="91"/>
      <c r="GJ1566" s="91"/>
      <c r="GK1566" s="127"/>
      <c r="GL1566" s="126"/>
      <c r="GM1566" s="91"/>
      <c r="GN1566" s="91"/>
      <c r="GO1566" s="91"/>
      <c r="GP1566" s="91"/>
      <c r="GQ1566" s="91"/>
      <c r="GR1566" s="91"/>
      <c r="GS1566" s="91"/>
      <c r="GT1566" s="91"/>
      <c r="GU1566" s="91"/>
      <c r="GV1566" s="91"/>
      <c r="GW1566" s="91"/>
      <c r="GX1566" s="91"/>
      <c r="GY1566" s="91"/>
      <c r="GZ1566" s="91"/>
      <c r="HA1566" s="91"/>
      <c r="HB1566" s="91"/>
      <c r="HC1566" s="91"/>
      <c r="HD1566" s="91"/>
      <c r="HE1566" s="91"/>
      <c r="HF1566" s="91"/>
      <c r="HG1566" s="91"/>
      <c r="HH1566" s="91"/>
      <c r="HI1566" s="91"/>
      <c r="HJ1566" s="91"/>
      <c r="HK1566" s="127"/>
      <c r="HL1566" s="126"/>
      <c r="HM1566" s="91"/>
      <c r="HN1566" s="91"/>
      <c r="HO1566" s="91"/>
      <c r="HP1566" s="91"/>
      <c r="HQ1566" s="91"/>
      <c r="HR1566" s="91"/>
      <c r="HS1566" s="91"/>
      <c r="HT1566" s="91"/>
      <c r="HU1566" s="91"/>
      <c r="HV1566" s="91"/>
      <c r="HW1566" s="91"/>
      <c r="HX1566" s="91"/>
      <c r="HY1566" s="91"/>
      <c r="HZ1566" s="91"/>
      <c r="IA1566" s="91"/>
      <c r="IB1566" s="91"/>
      <c r="IC1566" s="91"/>
      <c r="ID1566" s="91"/>
      <c r="IE1566" s="91"/>
      <c r="IF1566" s="91"/>
      <c r="IG1566" s="91"/>
      <c r="IH1566" s="91"/>
      <c r="II1566" s="91"/>
      <c r="IJ1566" s="91"/>
      <c r="IK1566" s="127"/>
    </row>
    <row r="1567" spans="2:245" x14ac:dyDescent="0.2">
      <c r="B1567" s="43"/>
      <c r="C1567" s="73"/>
      <c r="D1567" s="64"/>
      <c r="E1567" s="64"/>
      <c r="F1567" s="55"/>
      <c r="G1567" s="102"/>
      <c r="H1567" s="55"/>
      <c r="I1567" s="55"/>
      <c r="J1567" s="55"/>
      <c r="K1567" s="55"/>
      <c r="L1567" s="55"/>
      <c r="M1567" s="55"/>
      <c r="N1567" s="55"/>
      <c r="O1567" s="55"/>
      <c r="P1567" s="55"/>
      <c r="Q1567" s="55"/>
      <c r="R1567" s="55"/>
      <c r="S1567" s="55"/>
      <c r="T1567" s="55"/>
      <c r="U1567" s="55"/>
      <c r="V1567" s="55"/>
      <c r="W1567" s="55"/>
      <c r="X1567" s="55"/>
      <c r="Y1567" s="55"/>
      <c r="Z1567" s="55"/>
      <c r="AA1567" s="55"/>
      <c r="AB1567" s="55"/>
      <c r="AC1567" s="55"/>
      <c r="AD1567" s="55"/>
      <c r="AE1567" s="55"/>
      <c r="AF1567" s="55"/>
      <c r="AG1567" s="55"/>
      <c r="AY1567" s="162"/>
      <c r="AZ1567" s="162"/>
      <c r="BA1567" s="162"/>
      <c r="BB1567" s="162"/>
      <c r="BC1567" s="162"/>
      <c r="BD1567" s="162"/>
      <c r="BE1567" s="162"/>
      <c r="BF1567" s="162"/>
      <c r="BG1567" s="162"/>
      <c r="BH1567" s="162"/>
      <c r="BI1567" s="162"/>
      <c r="BJ1567" s="162"/>
      <c r="BK1567" s="162"/>
      <c r="BL1567" s="162"/>
      <c r="BM1567" s="162"/>
      <c r="BN1567" s="162"/>
      <c r="BO1567" s="162"/>
      <c r="BP1567" s="162"/>
      <c r="BQ1567" s="162"/>
      <c r="BR1567" s="162"/>
      <c r="BS1567" s="162"/>
      <c r="BT1567" s="162"/>
      <c r="BU1567" s="162"/>
      <c r="BV1567" s="162"/>
      <c r="BW1567" s="162"/>
      <c r="BX1567" s="162"/>
      <c r="BY1567" s="162"/>
      <c r="BZ1567" s="162"/>
      <c r="CA1567" s="162"/>
      <c r="CB1567" s="162"/>
      <c r="CC1567" s="162"/>
      <c r="CD1567" s="162"/>
      <c r="CE1567" s="162"/>
      <c r="CF1567" s="162"/>
      <c r="CG1567" s="162"/>
      <c r="CH1567" s="162"/>
      <c r="CI1567" s="162"/>
      <c r="CJ1567" s="162"/>
      <c r="CK1567" s="162"/>
      <c r="CX1567" s="98"/>
      <c r="DL1567" s="97"/>
      <c r="DX1567" s="98"/>
      <c r="EL1567" s="97"/>
      <c r="EX1567" s="98"/>
      <c r="EY1567" s="97"/>
      <c r="FL1567" s="126"/>
      <c r="FM1567" s="91"/>
      <c r="FN1567" s="91"/>
      <c r="FO1567" s="91"/>
      <c r="FP1567" s="91"/>
      <c r="FQ1567" s="91"/>
      <c r="FR1567" s="91"/>
      <c r="FS1567" s="91"/>
      <c r="FT1567" s="91"/>
      <c r="FU1567" s="91"/>
      <c r="FV1567" s="91"/>
      <c r="FW1567" s="91"/>
      <c r="FX1567" s="91"/>
      <c r="FY1567" s="91"/>
      <c r="FZ1567" s="91"/>
      <c r="GA1567" s="91"/>
      <c r="GB1567" s="91"/>
      <c r="GC1567" s="91"/>
      <c r="GD1567" s="91"/>
      <c r="GE1567" s="91"/>
      <c r="GF1567" s="91"/>
      <c r="GG1567" s="91"/>
      <c r="GH1567" s="91"/>
      <c r="GI1567" s="91"/>
      <c r="GJ1567" s="91"/>
      <c r="GK1567" s="127"/>
      <c r="GL1567" s="126"/>
      <c r="GM1567" s="91"/>
      <c r="GN1567" s="91"/>
      <c r="GO1567" s="91"/>
      <c r="GP1567" s="91"/>
      <c r="GQ1567" s="91"/>
      <c r="GR1567" s="91"/>
      <c r="GS1567" s="91"/>
      <c r="GT1567" s="91"/>
      <c r="GU1567" s="91"/>
      <c r="GV1567" s="91"/>
      <c r="GW1567" s="91"/>
      <c r="GX1567" s="91"/>
      <c r="GY1567" s="91"/>
      <c r="GZ1567" s="91"/>
      <c r="HA1567" s="91"/>
      <c r="HB1567" s="91"/>
      <c r="HC1567" s="91"/>
      <c r="HD1567" s="91"/>
      <c r="HE1567" s="91"/>
      <c r="HF1567" s="91"/>
      <c r="HG1567" s="91"/>
      <c r="HH1567" s="91"/>
      <c r="HI1567" s="91"/>
      <c r="HJ1567" s="91"/>
      <c r="HK1567" s="127"/>
      <c r="HL1567" s="126"/>
      <c r="HM1567" s="91"/>
      <c r="HN1567" s="91"/>
      <c r="HO1567" s="91"/>
      <c r="HP1567" s="91"/>
      <c r="HQ1567" s="91"/>
      <c r="HR1567" s="91"/>
      <c r="HS1567" s="91"/>
      <c r="HT1567" s="91"/>
      <c r="HU1567" s="91"/>
      <c r="HV1567" s="91"/>
      <c r="HW1567" s="91"/>
      <c r="HX1567" s="91"/>
      <c r="HY1567" s="91"/>
      <c r="HZ1567" s="91"/>
      <c r="IA1567" s="91"/>
      <c r="IB1567" s="91"/>
      <c r="IC1567" s="91"/>
      <c r="ID1567" s="91"/>
      <c r="IE1567" s="91"/>
      <c r="IF1567" s="91"/>
      <c r="IG1567" s="91"/>
      <c r="IH1567" s="91"/>
      <c r="II1567" s="91"/>
      <c r="IJ1567" s="91"/>
      <c r="IK1567" s="127"/>
    </row>
    <row r="1568" spans="2:245" x14ac:dyDescent="0.2">
      <c r="B1568" s="43"/>
      <c r="C1568" s="73"/>
      <c r="D1568" s="64"/>
      <c r="E1568" s="64"/>
      <c r="F1568" s="55"/>
      <c r="G1568" s="102"/>
      <c r="H1568" s="55"/>
      <c r="I1568" s="55"/>
      <c r="J1568" s="55"/>
      <c r="K1568" s="55"/>
      <c r="L1568" s="55"/>
      <c r="M1568" s="55"/>
      <c r="N1568" s="55"/>
      <c r="O1568" s="55"/>
      <c r="P1568" s="55"/>
      <c r="Q1568" s="55"/>
      <c r="R1568" s="55"/>
      <c r="S1568" s="55"/>
      <c r="T1568" s="55"/>
      <c r="U1568" s="55"/>
      <c r="V1568" s="55"/>
      <c r="W1568" s="55"/>
      <c r="X1568" s="55"/>
      <c r="Y1568" s="55"/>
      <c r="Z1568" s="55"/>
      <c r="AA1568" s="55"/>
      <c r="AB1568" s="55"/>
      <c r="AC1568" s="55"/>
      <c r="AD1568" s="55"/>
      <c r="AE1568" s="55"/>
      <c r="AF1568" s="55"/>
      <c r="AG1568" s="55"/>
      <c r="AY1568" s="162"/>
      <c r="AZ1568" s="162"/>
      <c r="BA1568" s="162"/>
      <c r="BB1568" s="162"/>
      <c r="BC1568" s="162"/>
      <c r="BD1568" s="162"/>
      <c r="BE1568" s="162"/>
      <c r="BF1568" s="162"/>
      <c r="BG1568" s="162"/>
      <c r="BH1568" s="162"/>
      <c r="BI1568" s="162"/>
      <c r="BJ1568" s="162"/>
      <c r="BK1568" s="162"/>
      <c r="BL1568" s="162"/>
      <c r="BM1568" s="162"/>
      <c r="BN1568" s="162"/>
      <c r="BO1568" s="162"/>
      <c r="BP1568" s="162"/>
      <c r="BQ1568" s="162"/>
      <c r="BR1568" s="162"/>
      <c r="BS1568" s="162"/>
      <c r="BT1568" s="162"/>
      <c r="BU1568" s="162"/>
      <c r="BV1568" s="162"/>
      <c r="BW1568" s="162"/>
      <c r="BX1568" s="162"/>
      <c r="BY1568" s="162"/>
      <c r="BZ1568" s="162"/>
      <c r="CA1568" s="162"/>
      <c r="CB1568" s="162"/>
      <c r="CC1568" s="162"/>
      <c r="CD1568" s="162"/>
      <c r="CE1568" s="162"/>
      <c r="CF1568" s="162"/>
      <c r="CG1568" s="162"/>
      <c r="CH1568" s="162"/>
      <c r="CI1568" s="162"/>
      <c r="CJ1568" s="162"/>
      <c r="CK1568" s="162"/>
      <c r="CX1568" s="98"/>
      <c r="DL1568" s="97"/>
      <c r="DX1568" s="98"/>
      <c r="EL1568" s="97"/>
      <c r="EX1568" s="98"/>
      <c r="EY1568" s="97"/>
      <c r="FL1568" s="126"/>
      <c r="FM1568" s="91"/>
      <c r="FN1568" s="91"/>
      <c r="FO1568" s="91"/>
      <c r="FP1568" s="91"/>
      <c r="FQ1568" s="91"/>
      <c r="FR1568" s="91"/>
      <c r="FS1568" s="91"/>
      <c r="FT1568" s="91"/>
      <c r="FU1568" s="91"/>
      <c r="FV1568" s="91"/>
      <c r="FW1568" s="91"/>
      <c r="FX1568" s="91"/>
      <c r="FY1568" s="91"/>
      <c r="FZ1568" s="91"/>
      <c r="GA1568" s="91"/>
      <c r="GB1568" s="91"/>
      <c r="GC1568" s="91"/>
      <c r="GD1568" s="91"/>
      <c r="GE1568" s="91"/>
      <c r="GF1568" s="91"/>
      <c r="GG1568" s="91"/>
      <c r="GH1568" s="91"/>
      <c r="GI1568" s="91"/>
      <c r="GJ1568" s="91"/>
      <c r="GK1568" s="127"/>
      <c r="GL1568" s="126"/>
      <c r="GM1568" s="91"/>
      <c r="GN1568" s="91"/>
      <c r="GO1568" s="91"/>
      <c r="GP1568" s="91"/>
      <c r="GQ1568" s="91"/>
      <c r="GR1568" s="91"/>
      <c r="GS1568" s="91"/>
      <c r="GT1568" s="91"/>
      <c r="GU1568" s="91"/>
      <c r="GV1568" s="91"/>
      <c r="GW1568" s="91"/>
      <c r="GX1568" s="91"/>
      <c r="GY1568" s="91"/>
      <c r="GZ1568" s="91"/>
      <c r="HA1568" s="91"/>
      <c r="HB1568" s="91"/>
      <c r="HC1568" s="91"/>
      <c r="HD1568" s="91"/>
      <c r="HE1568" s="91"/>
      <c r="HF1568" s="91"/>
      <c r="HG1568" s="91"/>
      <c r="HH1568" s="91"/>
      <c r="HI1568" s="91"/>
      <c r="HJ1568" s="91"/>
      <c r="HK1568" s="127"/>
      <c r="HL1568" s="126"/>
      <c r="HM1568" s="91"/>
      <c r="HN1568" s="91"/>
      <c r="HO1568" s="91"/>
      <c r="HP1568" s="91"/>
      <c r="HQ1568" s="91"/>
      <c r="HR1568" s="91"/>
      <c r="HS1568" s="91"/>
      <c r="HT1568" s="91"/>
      <c r="HU1568" s="91"/>
      <c r="HV1568" s="91"/>
      <c r="HW1568" s="91"/>
      <c r="HX1568" s="91"/>
      <c r="HY1568" s="91"/>
      <c r="HZ1568" s="91"/>
      <c r="IA1568" s="91"/>
      <c r="IB1568" s="91"/>
      <c r="IC1568" s="91"/>
      <c r="ID1568" s="91"/>
      <c r="IE1568" s="91"/>
      <c r="IF1568" s="91"/>
      <c r="IG1568" s="91"/>
      <c r="IH1568" s="91"/>
      <c r="II1568" s="91"/>
      <c r="IJ1568" s="91"/>
      <c r="IK1568" s="127"/>
    </row>
    <row r="1569" spans="2:245" x14ac:dyDescent="0.2">
      <c r="B1569" s="43"/>
      <c r="C1569" s="73"/>
      <c r="D1569" s="64"/>
      <c r="E1569" s="64"/>
      <c r="F1569" s="55"/>
      <c r="G1569" s="102"/>
      <c r="H1569" s="55"/>
      <c r="I1569" s="55"/>
      <c r="J1569" s="55"/>
      <c r="K1569" s="55"/>
      <c r="L1569" s="55"/>
      <c r="M1569" s="55"/>
      <c r="N1569" s="55"/>
      <c r="O1569" s="55"/>
      <c r="P1569" s="55"/>
      <c r="Q1569" s="55"/>
      <c r="R1569" s="55"/>
      <c r="S1569" s="55"/>
      <c r="T1569" s="55"/>
      <c r="U1569" s="55"/>
      <c r="V1569" s="55"/>
      <c r="W1569" s="55"/>
      <c r="X1569" s="55"/>
      <c r="Y1569" s="55"/>
      <c r="Z1569" s="55"/>
      <c r="AA1569" s="55"/>
      <c r="AB1569" s="55"/>
      <c r="AC1569" s="55"/>
      <c r="AD1569" s="55"/>
      <c r="AE1569" s="55"/>
      <c r="AF1569" s="55"/>
      <c r="AG1569" s="55"/>
      <c r="AY1569" s="162"/>
      <c r="AZ1569" s="162"/>
      <c r="BA1569" s="162"/>
      <c r="BB1569" s="162"/>
      <c r="BC1569" s="162"/>
      <c r="BD1569" s="162"/>
      <c r="BE1569" s="162"/>
      <c r="BF1569" s="162"/>
      <c r="BG1569" s="162"/>
      <c r="BH1569" s="162"/>
      <c r="BI1569" s="162"/>
      <c r="BJ1569" s="162"/>
      <c r="BK1569" s="162"/>
      <c r="BL1569" s="162"/>
      <c r="BM1569" s="162"/>
      <c r="BN1569" s="162"/>
      <c r="BO1569" s="162"/>
      <c r="BP1569" s="162"/>
      <c r="BQ1569" s="162"/>
      <c r="BR1569" s="162"/>
      <c r="BS1569" s="162"/>
      <c r="BT1569" s="162"/>
      <c r="BU1569" s="162"/>
      <c r="BV1569" s="162"/>
      <c r="BW1569" s="162"/>
      <c r="BX1569" s="162"/>
      <c r="BY1569" s="162"/>
      <c r="BZ1569" s="162"/>
      <c r="CA1569" s="162"/>
      <c r="CB1569" s="162"/>
      <c r="CC1569" s="162"/>
      <c r="CD1569" s="162"/>
      <c r="CE1569" s="162"/>
      <c r="CF1569" s="162"/>
      <c r="CG1569" s="162"/>
      <c r="CH1569" s="162"/>
      <c r="CI1569" s="162"/>
      <c r="CJ1569" s="162"/>
      <c r="CK1569" s="162"/>
      <c r="CX1569" s="98"/>
      <c r="DL1569" s="97"/>
      <c r="DX1569" s="98"/>
      <c r="EL1569" s="97"/>
      <c r="EX1569" s="98"/>
      <c r="EY1569" s="97"/>
      <c r="FL1569" s="126"/>
      <c r="FM1569" s="91"/>
      <c r="FN1569" s="91"/>
      <c r="FO1569" s="91"/>
      <c r="FP1569" s="91"/>
      <c r="FQ1569" s="91"/>
      <c r="FR1569" s="91"/>
      <c r="FS1569" s="91"/>
      <c r="FT1569" s="91"/>
      <c r="FU1569" s="91"/>
      <c r="FV1569" s="91"/>
      <c r="FW1569" s="91"/>
      <c r="FX1569" s="91"/>
      <c r="FY1569" s="91"/>
      <c r="FZ1569" s="91"/>
      <c r="GA1569" s="91"/>
      <c r="GB1569" s="91"/>
      <c r="GC1569" s="91"/>
      <c r="GD1569" s="91"/>
      <c r="GE1569" s="91"/>
      <c r="GF1569" s="91"/>
      <c r="GG1569" s="91"/>
      <c r="GH1569" s="91"/>
      <c r="GI1569" s="91"/>
      <c r="GJ1569" s="91"/>
      <c r="GK1569" s="127"/>
      <c r="GL1569" s="126"/>
      <c r="GM1569" s="91"/>
      <c r="GN1569" s="91"/>
      <c r="GO1569" s="91"/>
      <c r="GP1569" s="91"/>
      <c r="GQ1569" s="91"/>
      <c r="GR1569" s="91"/>
      <c r="GS1569" s="91"/>
      <c r="GT1569" s="91"/>
      <c r="GU1569" s="91"/>
      <c r="GV1569" s="91"/>
      <c r="GW1569" s="91"/>
      <c r="GX1569" s="91"/>
      <c r="GY1569" s="91"/>
      <c r="GZ1569" s="91"/>
      <c r="HA1569" s="91"/>
      <c r="HB1569" s="91"/>
      <c r="HC1569" s="91"/>
      <c r="HD1569" s="91"/>
      <c r="HE1569" s="91"/>
      <c r="HF1569" s="91"/>
      <c r="HG1569" s="91"/>
      <c r="HH1569" s="91"/>
      <c r="HI1569" s="91"/>
      <c r="HJ1569" s="91"/>
      <c r="HK1569" s="127"/>
      <c r="HL1569" s="126"/>
      <c r="HM1569" s="91"/>
      <c r="HN1569" s="91"/>
      <c r="HO1569" s="91"/>
      <c r="HP1569" s="91"/>
      <c r="HQ1569" s="91"/>
      <c r="HR1569" s="91"/>
      <c r="HS1569" s="91"/>
      <c r="HT1569" s="91"/>
      <c r="HU1569" s="91"/>
      <c r="HV1569" s="91"/>
      <c r="HW1569" s="91"/>
      <c r="HX1569" s="91"/>
      <c r="HY1569" s="91"/>
      <c r="HZ1569" s="91"/>
      <c r="IA1569" s="91"/>
      <c r="IB1569" s="91"/>
      <c r="IC1569" s="91"/>
      <c r="ID1569" s="91"/>
      <c r="IE1569" s="91"/>
      <c r="IF1569" s="91"/>
      <c r="IG1569" s="91"/>
      <c r="IH1569" s="91"/>
      <c r="II1569" s="91"/>
      <c r="IJ1569" s="91"/>
      <c r="IK1569" s="127"/>
    </row>
    <row r="1570" spans="2:245" ht="13.5" thickBot="1" x14ac:dyDescent="0.25">
      <c r="B1570" s="43"/>
      <c r="C1570" s="73"/>
      <c r="D1570" s="64"/>
      <c r="E1570" s="64"/>
      <c r="F1570" s="55"/>
      <c r="G1570" s="102"/>
      <c r="H1570" s="55"/>
      <c r="I1570" s="55"/>
      <c r="J1570" s="55"/>
      <c r="K1570" s="55"/>
      <c r="L1570" s="55"/>
      <c r="M1570" s="55"/>
      <c r="N1570" s="55"/>
      <c r="O1570" s="55"/>
      <c r="P1570" s="55"/>
      <c r="Q1570" s="55"/>
      <c r="R1570" s="55"/>
      <c r="S1570" s="55"/>
      <c r="T1570" s="55"/>
      <c r="U1570" s="55"/>
      <c r="V1570" s="55"/>
      <c r="W1570" s="55"/>
      <c r="X1570" s="55"/>
      <c r="Y1570" s="55"/>
      <c r="Z1570" s="55"/>
      <c r="AA1570" s="55"/>
      <c r="AB1570" s="55"/>
      <c r="AC1570" s="55"/>
      <c r="AD1570" s="55"/>
      <c r="AE1570" s="55"/>
      <c r="AF1570" s="55"/>
      <c r="AG1570" s="55"/>
      <c r="AY1570" s="162"/>
      <c r="AZ1570" s="162"/>
      <c r="BA1570" s="162"/>
      <c r="BB1570" s="162"/>
      <c r="BC1570" s="162"/>
      <c r="BD1570" s="162"/>
      <c r="BE1570" s="162"/>
      <c r="BF1570" s="162"/>
      <c r="BG1570" s="162"/>
      <c r="BH1570" s="162"/>
      <c r="BI1570" s="162"/>
      <c r="BJ1570" s="162"/>
      <c r="BK1570" s="162"/>
      <c r="BL1570" s="162"/>
      <c r="BM1570" s="162"/>
      <c r="BN1570" s="162"/>
      <c r="BO1570" s="162"/>
      <c r="BP1570" s="162"/>
      <c r="BQ1570" s="162"/>
      <c r="BR1570" s="162"/>
      <c r="BS1570" s="162"/>
      <c r="BT1570" s="162"/>
      <c r="BU1570" s="162"/>
      <c r="BV1570" s="162"/>
      <c r="BW1570" s="162"/>
      <c r="BX1570" s="162"/>
      <c r="BY1570" s="162"/>
      <c r="BZ1570" s="162"/>
      <c r="CA1570" s="162"/>
      <c r="CB1570" s="162"/>
      <c r="CC1570" s="162"/>
      <c r="CD1570" s="162"/>
      <c r="CE1570" s="162"/>
      <c r="CF1570" s="162"/>
      <c r="CG1570" s="162"/>
      <c r="CH1570" s="162"/>
      <c r="CI1570" s="162"/>
      <c r="CJ1570" s="162"/>
      <c r="CK1570" s="162"/>
      <c r="CX1570" s="98"/>
      <c r="DL1570" s="97"/>
      <c r="DX1570" s="98"/>
      <c r="EL1570" s="97"/>
      <c r="EX1570" s="98"/>
      <c r="EY1570" s="97"/>
      <c r="FL1570" s="126"/>
      <c r="FM1570" s="91"/>
      <c r="FN1570" s="91"/>
      <c r="FO1570" s="91"/>
      <c r="FP1570" s="91"/>
      <c r="FQ1570" s="91"/>
      <c r="FR1570" s="91"/>
      <c r="FS1570" s="91"/>
      <c r="FT1570" s="91"/>
      <c r="FU1570" s="91"/>
      <c r="FV1570" s="91"/>
      <c r="FW1570" s="91"/>
      <c r="FX1570" s="91"/>
      <c r="FY1570" s="91"/>
      <c r="FZ1570" s="91"/>
      <c r="GA1570" s="91"/>
      <c r="GB1570" s="91"/>
      <c r="GC1570" s="91"/>
      <c r="GD1570" s="91"/>
      <c r="GE1570" s="91"/>
      <c r="GF1570" s="91"/>
      <c r="GG1570" s="91"/>
      <c r="GH1570" s="91"/>
      <c r="GI1570" s="91"/>
      <c r="GJ1570" s="91"/>
      <c r="GK1570" s="127"/>
      <c r="GL1570" s="126"/>
      <c r="GM1570" s="91"/>
      <c r="GN1570" s="91"/>
      <c r="GO1570" s="91"/>
      <c r="GP1570" s="91"/>
      <c r="GQ1570" s="91"/>
      <c r="GR1570" s="91"/>
      <c r="GS1570" s="91"/>
      <c r="GT1570" s="91"/>
      <c r="GU1570" s="91"/>
      <c r="GV1570" s="91"/>
      <c r="GW1570" s="91"/>
      <c r="GX1570" s="91"/>
      <c r="GY1570" s="91"/>
      <c r="GZ1570" s="91"/>
      <c r="HA1570" s="91"/>
      <c r="HB1570" s="91"/>
      <c r="HC1570" s="91"/>
      <c r="HD1570" s="91"/>
      <c r="HE1570" s="91"/>
      <c r="HF1570" s="91"/>
      <c r="HG1570" s="91"/>
      <c r="HH1570" s="91"/>
      <c r="HI1570" s="91"/>
      <c r="HJ1570" s="91"/>
      <c r="HK1570" s="127"/>
      <c r="HL1570" s="126"/>
      <c r="HM1570" s="91"/>
      <c r="HN1570" s="91"/>
      <c r="HO1570" s="91"/>
      <c r="HP1570" s="91"/>
      <c r="HQ1570" s="91"/>
      <c r="HR1570" s="91"/>
      <c r="HS1570" s="91"/>
      <c r="HT1570" s="91"/>
      <c r="HU1570" s="91"/>
      <c r="HV1570" s="91"/>
      <c r="HW1570" s="91"/>
      <c r="HX1570" s="91"/>
      <c r="HY1570" s="91"/>
      <c r="HZ1570" s="91"/>
      <c r="IA1570" s="91"/>
      <c r="IB1570" s="91"/>
      <c r="IC1570" s="91"/>
      <c r="ID1570" s="91"/>
      <c r="IE1570" s="91"/>
      <c r="IF1570" s="91"/>
      <c r="IG1570" s="91"/>
      <c r="IH1570" s="91"/>
      <c r="II1570" s="91"/>
      <c r="IJ1570" s="91"/>
      <c r="IK1570" s="127"/>
    </row>
    <row r="1571" spans="2:245" x14ac:dyDescent="0.2">
      <c r="B1571" s="43"/>
      <c r="C1571" s="73"/>
      <c r="D1571" s="64"/>
      <c r="E1571" s="64"/>
      <c r="F1571" s="55"/>
      <c r="G1571" s="102"/>
      <c r="H1571" s="55"/>
      <c r="I1571" s="55"/>
      <c r="J1571" s="55"/>
      <c r="K1571" s="55"/>
      <c r="L1571" s="55"/>
      <c r="M1571" s="55"/>
      <c r="N1571" s="55"/>
      <c r="O1571" s="55"/>
      <c r="P1571" s="55"/>
      <c r="Q1571" s="55"/>
      <c r="R1571" s="55"/>
      <c r="S1571" s="55"/>
      <c r="T1571" s="55"/>
      <c r="U1571" s="55"/>
      <c r="V1571" s="55"/>
      <c r="W1571" s="55"/>
      <c r="X1571" s="55"/>
      <c r="Y1571" s="55"/>
      <c r="Z1571" s="55"/>
      <c r="AA1571" s="55"/>
      <c r="AB1571" s="55"/>
      <c r="AC1571" s="55"/>
      <c r="AD1571" s="55"/>
      <c r="AE1571" s="55"/>
      <c r="AF1571" s="55"/>
      <c r="AG1571" s="55"/>
      <c r="AY1571" s="162"/>
      <c r="AZ1571" s="162"/>
      <c r="BA1571" s="162"/>
      <c r="BB1571" s="162"/>
      <c r="BC1571" s="162"/>
      <c r="BD1571" s="162"/>
      <c r="BE1571" s="162"/>
      <c r="BF1571" s="162"/>
      <c r="BG1571" s="162"/>
      <c r="BH1571" s="162"/>
      <c r="BI1571" s="162"/>
      <c r="BJ1571" s="162"/>
      <c r="BK1571" s="162"/>
      <c r="BL1571" s="162"/>
      <c r="BM1571" s="162"/>
      <c r="BN1571" s="162"/>
      <c r="BO1571" s="162"/>
      <c r="BP1571" s="162"/>
      <c r="BQ1571" s="162"/>
      <c r="BR1571" s="162"/>
      <c r="BS1571" s="162"/>
      <c r="BT1571" s="162"/>
      <c r="BU1571" s="162"/>
      <c r="BV1571" s="162"/>
      <c r="BW1571" s="162"/>
      <c r="BX1571" s="162"/>
      <c r="BY1571" s="162"/>
      <c r="BZ1571" s="162"/>
      <c r="CA1571" s="162"/>
      <c r="CB1571" s="162"/>
      <c r="CC1571" s="162"/>
      <c r="CD1571" s="162"/>
      <c r="CE1571" s="162"/>
      <c r="CF1571" s="162"/>
      <c r="CG1571" s="162"/>
      <c r="CH1571" s="162"/>
      <c r="CI1571" s="162"/>
      <c r="CJ1571" s="162"/>
      <c r="CK1571" s="162"/>
      <c r="CL1571" s="163"/>
      <c r="CM1571" s="163"/>
      <c r="CN1571" s="163"/>
      <c r="CO1571" s="163"/>
      <c r="CP1571" s="163"/>
      <c r="CQ1571" s="163"/>
      <c r="CR1571" s="163"/>
      <c r="CS1571" s="163"/>
      <c r="CT1571" s="163"/>
      <c r="CU1571" s="163"/>
      <c r="CV1571" s="163"/>
      <c r="CW1571" s="163"/>
      <c r="CX1571" s="173"/>
      <c r="CY1571" s="163"/>
      <c r="CZ1571" s="163"/>
      <c r="DA1571" s="163"/>
      <c r="DB1571" s="163"/>
      <c r="DC1571" s="163"/>
      <c r="DD1571" s="163"/>
      <c r="DE1571" s="163"/>
      <c r="DF1571" s="163"/>
      <c r="DG1571" s="163"/>
      <c r="DH1571" s="163"/>
      <c r="DI1571" s="163"/>
      <c r="DJ1571" s="163"/>
      <c r="DK1571" s="163"/>
      <c r="DL1571" s="172"/>
      <c r="DM1571" s="163"/>
      <c r="DN1571" s="163"/>
      <c r="DO1571" s="163"/>
      <c r="DP1571" s="163"/>
      <c r="DQ1571" s="163"/>
      <c r="DR1571" s="163"/>
      <c r="DS1571" s="163"/>
      <c r="DT1571" s="163"/>
      <c r="DU1571" s="163"/>
      <c r="DV1571" s="163"/>
      <c r="DW1571" s="163"/>
      <c r="DX1571" s="173"/>
      <c r="DY1571" s="163"/>
      <c r="DZ1571" s="163"/>
      <c r="EA1571" s="163"/>
      <c r="EB1571" s="163"/>
      <c r="EC1571" s="163"/>
      <c r="ED1571" s="163"/>
      <c r="EE1571" s="163"/>
      <c r="EF1571" s="163"/>
      <c r="EG1571" s="163"/>
      <c r="EH1571" s="163"/>
      <c r="EI1571" s="163"/>
      <c r="EJ1571" s="163"/>
      <c r="EK1571" s="163"/>
      <c r="EL1571" s="172"/>
      <c r="EM1571" s="163"/>
      <c r="EN1571" s="163"/>
      <c r="EO1571" s="163"/>
      <c r="EP1571" s="163"/>
      <c r="EQ1571" s="163"/>
      <c r="ER1571" s="163"/>
      <c r="ES1571" s="163"/>
      <c r="ET1571" s="163"/>
      <c r="EU1571" s="163"/>
      <c r="EV1571" s="163"/>
      <c r="EW1571" s="163"/>
      <c r="EX1571" s="173"/>
      <c r="EY1571" s="172"/>
      <c r="EZ1571" s="163"/>
      <c r="FA1571" s="163"/>
      <c r="FB1571" s="163"/>
      <c r="FC1571" s="163"/>
      <c r="FD1571" s="163"/>
      <c r="FE1571" s="163"/>
      <c r="FF1571" s="163"/>
      <c r="FG1571" s="163"/>
      <c r="FH1571" s="163"/>
      <c r="FI1571" s="163"/>
      <c r="FJ1571" s="163"/>
      <c r="FK1571" s="163"/>
      <c r="FL1571" s="126"/>
      <c r="FM1571" s="91"/>
      <c r="FN1571" s="91"/>
      <c r="FO1571" s="91"/>
      <c r="FP1571" s="91"/>
      <c r="FQ1571" s="91"/>
      <c r="FR1571" s="91"/>
      <c r="FS1571" s="91"/>
      <c r="FT1571" s="91"/>
      <c r="FU1571" s="91"/>
      <c r="FV1571" s="91"/>
      <c r="FW1571" s="91"/>
      <c r="FX1571" s="91"/>
      <c r="FY1571" s="91"/>
      <c r="FZ1571" s="91"/>
      <c r="GA1571" s="91"/>
      <c r="GB1571" s="91"/>
      <c r="GC1571" s="91"/>
      <c r="GD1571" s="91"/>
      <c r="GE1571" s="91"/>
      <c r="GF1571" s="91"/>
      <c r="GG1571" s="91"/>
      <c r="GH1571" s="91"/>
      <c r="GI1571" s="91"/>
      <c r="GJ1571" s="91"/>
      <c r="GK1571" s="127"/>
      <c r="GL1571" s="126"/>
      <c r="GM1571" s="91"/>
      <c r="GN1571" s="91"/>
      <c r="GO1571" s="91"/>
      <c r="GP1571" s="91"/>
      <c r="GQ1571" s="91"/>
      <c r="GR1571" s="91"/>
      <c r="GS1571" s="91"/>
      <c r="GT1571" s="91"/>
      <c r="GU1571" s="91"/>
      <c r="GV1571" s="91"/>
      <c r="GW1571" s="91"/>
      <c r="GX1571" s="91"/>
      <c r="GY1571" s="91"/>
      <c r="GZ1571" s="91"/>
      <c r="HA1571" s="91"/>
      <c r="HB1571" s="91"/>
      <c r="HC1571" s="91"/>
      <c r="HD1571" s="91"/>
      <c r="HE1571" s="91"/>
      <c r="HF1571" s="91"/>
      <c r="HG1571" s="91"/>
      <c r="HH1571" s="91"/>
      <c r="HI1571" s="91"/>
      <c r="HJ1571" s="91"/>
      <c r="HK1571" s="127"/>
      <c r="HL1571" s="126"/>
      <c r="HM1571" s="91"/>
      <c r="HN1571" s="91"/>
      <c r="HO1571" s="91"/>
      <c r="HP1571" s="91"/>
      <c r="HQ1571" s="91"/>
      <c r="HR1571" s="91"/>
      <c r="HS1571" s="91"/>
      <c r="HT1571" s="91"/>
      <c r="HU1571" s="91"/>
      <c r="HV1571" s="91"/>
      <c r="HW1571" s="91"/>
      <c r="HX1571" s="91"/>
      <c r="HY1571" s="91"/>
      <c r="HZ1571" s="91"/>
      <c r="IA1571" s="91"/>
      <c r="IB1571" s="91"/>
      <c r="IC1571" s="91"/>
      <c r="ID1571" s="91"/>
      <c r="IE1571" s="91"/>
      <c r="IF1571" s="91"/>
      <c r="IG1571" s="91"/>
      <c r="IH1571" s="91"/>
      <c r="II1571" s="91"/>
      <c r="IJ1571" s="91"/>
      <c r="IK1571" s="127"/>
    </row>
    <row r="1572" spans="2:245" x14ac:dyDescent="0.2">
      <c r="B1572" s="43"/>
      <c r="C1572" s="73"/>
      <c r="D1572" s="64"/>
      <c r="E1572" s="64"/>
      <c r="F1572" s="55"/>
      <c r="G1572" s="102"/>
      <c r="H1572" s="55"/>
      <c r="I1572" s="55"/>
      <c r="J1572" s="55"/>
      <c r="K1572" s="55"/>
      <c r="L1572" s="55"/>
      <c r="M1572" s="55"/>
      <c r="N1572" s="55"/>
      <c r="O1572" s="55"/>
      <c r="P1572" s="55"/>
      <c r="Q1572" s="55"/>
      <c r="R1572" s="55"/>
      <c r="S1572" s="55"/>
      <c r="T1572" s="55"/>
      <c r="U1572" s="55"/>
      <c r="V1572" s="55"/>
      <c r="W1572" s="55"/>
      <c r="X1572" s="55"/>
      <c r="Y1572" s="55"/>
      <c r="Z1572" s="55"/>
      <c r="AA1572" s="55"/>
      <c r="AB1572" s="55"/>
      <c r="AC1572" s="55"/>
      <c r="AD1572" s="55"/>
      <c r="AE1572" s="55"/>
      <c r="AF1572" s="55"/>
      <c r="AG1572" s="55"/>
      <c r="AY1572" s="162"/>
      <c r="AZ1572" s="162"/>
      <c r="BA1572" s="162"/>
      <c r="BB1572" s="162"/>
      <c r="BC1572" s="162"/>
      <c r="BD1572" s="162"/>
      <c r="BE1572" s="162"/>
      <c r="BF1572" s="162"/>
      <c r="BG1572" s="162"/>
      <c r="BH1572" s="162"/>
      <c r="BI1572" s="162"/>
      <c r="BJ1572" s="162"/>
      <c r="BK1572" s="162"/>
      <c r="BL1572" s="162"/>
      <c r="BM1572" s="162"/>
      <c r="BN1572" s="162"/>
      <c r="BO1572" s="162"/>
      <c r="BP1572" s="162"/>
      <c r="BQ1572" s="162"/>
      <c r="BR1572" s="162"/>
      <c r="BS1572" s="162"/>
      <c r="BT1572" s="162"/>
      <c r="BU1572" s="162"/>
      <c r="BV1572" s="162"/>
      <c r="BW1572" s="162"/>
      <c r="BX1572" s="162"/>
      <c r="BY1572" s="162"/>
      <c r="BZ1572" s="162"/>
      <c r="CA1572" s="162"/>
      <c r="CB1572" s="162"/>
      <c r="CC1572" s="162"/>
      <c r="CD1572" s="162"/>
      <c r="CE1572" s="162"/>
      <c r="CF1572" s="162"/>
      <c r="CG1572" s="162"/>
      <c r="CH1572" s="162"/>
      <c r="CI1572" s="162"/>
      <c r="CJ1572" s="162"/>
      <c r="CK1572" s="162"/>
      <c r="CX1572" s="98"/>
      <c r="DL1572" s="97"/>
      <c r="DX1572" s="98"/>
      <c r="EL1572" s="97"/>
      <c r="EX1572" s="98"/>
      <c r="EY1572" s="97"/>
      <c r="FL1572" s="126"/>
      <c r="FM1572" s="91"/>
      <c r="FN1572" s="91"/>
      <c r="FO1572" s="91"/>
      <c r="FP1572" s="91"/>
      <c r="FQ1572" s="91"/>
      <c r="FR1572" s="91"/>
      <c r="FS1572" s="91"/>
      <c r="FT1572" s="91"/>
      <c r="FU1572" s="91"/>
      <c r="FV1572" s="91"/>
      <c r="FW1572" s="91"/>
      <c r="FX1572" s="91"/>
      <c r="FY1572" s="91"/>
      <c r="FZ1572" s="91"/>
      <c r="GA1572" s="91"/>
      <c r="GB1572" s="91"/>
      <c r="GC1572" s="91"/>
      <c r="GD1572" s="91"/>
      <c r="GE1572" s="91"/>
      <c r="GF1572" s="91"/>
      <c r="GG1572" s="91"/>
      <c r="GH1572" s="91"/>
      <c r="GI1572" s="91"/>
      <c r="GJ1572" s="91"/>
      <c r="GK1572" s="127"/>
      <c r="GL1572" s="126"/>
      <c r="GM1572" s="91"/>
      <c r="GN1572" s="91"/>
      <c r="GO1572" s="91"/>
      <c r="GP1572" s="91"/>
      <c r="GQ1572" s="91"/>
      <c r="GR1572" s="91"/>
      <c r="GS1572" s="91"/>
      <c r="GT1572" s="91"/>
      <c r="GU1572" s="91"/>
      <c r="GV1572" s="91"/>
      <c r="GW1572" s="91"/>
      <c r="GX1572" s="91"/>
      <c r="GY1572" s="91"/>
      <c r="GZ1572" s="91"/>
      <c r="HA1572" s="91"/>
      <c r="HB1572" s="91"/>
      <c r="HC1572" s="91"/>
      <c r="HD1572" s="91"/>
      <c r="HE1572" s="91"/>
      <c r="HF1572" s="91"/>
      <c r="HG1572" s="91"/>
      <c r="HH1572" s="91"/>
      <c r="HI1572" s="91"/>
      <c r="HJ1572" s="91"/>
      <c r="HK1572" s="127"/>
      <c r="HL1572" s="126"/>
      <c r="HM1572" s="91"/>
      <c r="HN1572" s="91"/>
      <c r="HO1572" s="91"/>
      <c r="HP1572" s="91"/>
      <c r="HQ1572" s="91"/>
      <c r="HR1572" s="91"/>
      <c r="HS1572" s="91"/>
      <c r="HT1572" s="91"/>
      <c r="HU1572" s="91"/>
      <c r="HV1572" s="91"/>
      <c r="HW1572" s="91"/>
      <c r="HX1572" s="91"/>
      <c r="HY1572" s="91"/>
      <c r="HZ1572" s="91"/>
      <c r="IA1572" s="91"/>
      <c r="IB1572" s="91"/>
      <c r="IC1572" s="91"/>
      <c r="ID1572" s="91"/>
      <c r="IE1572" s="91"/>
      <c r="IF1572" s="91"/>
      <c r="IG1572" s="91"/>
      <c r="IH1572" s="91"/>
      <c r="II1572" s="91"/>
      <c r="IJ1572" s="91"/>
      <c r="IK1572" s="127"/>
    </row>
    <row r="1573" spans="2:245" x14ac:dyDescent="0.2">
      <c r="B1573" s="43"/>
      <c r="C1573" s="73"/>
      <c r="D1573" s="64"/>
      <c r="E1573" s="64"/>
      <c r="F1573" s="55"/>
      <c r="G1573" s="102"/>
      <c r="H1573" s="55"/>
      <c r="I1573" s="55"/>
      <c r="J1573" s="55"/>
      <c r="K1573" s="55"/>
      <c r="L1573" s="55"/>
      <c r="M1573" s="55"/>
      <c r="N1573" s="55"/>
      <c r="O1573" s="55"/>
      <c r="P1573" s="55"/>
      <c r="Q1573" s="55"/>
      <c r="R1573" s="55"/>
      <c r="S1573" s="55"/>
      <c r="T1573" s="55"/>
      <c r="U1573" s="55"/>
      <c r="V1573" s="55"/>
      <c r="W1573" s="55"/>
      <c r="X1573" s="55"/>
      <c r="Y1573" s="55"/>
      <c r="Z1573" s="55"/>
      <c r="AA1573" s="55"/>
      <c r="AB1573" s="55"/>
      <c r="AC1573" s="55"/>
      <c r="AD1573" s="55"/>
      <c r="AE1573" s="55"/>
      <c r="AF1573" s="55"/>
      <c r="AG1573" s="55"/>
      <c r="AY1573" s="162"/>
      <c r="AZ1573" s="162"/>
      <c r="BA1573" s="162"/>
      <c r="BB1573" s="162"/>
      <c r="BC1573" s="162"/>
      <c r="BD1573" s="162"/>
      <c r="BE1573" s="162"/>
      <c r="BF1573" s="162"/>
      <c r="BG1573" s="162"/>
      <c r="BH1573" s="162"/>
      <c r="BI1573" s="162"/>
      <c r="BJ1573" s="162"/>
      <c r="BK1573" s="162"/>
      <c r="BL1573" s="162"/>
      <c r="BM1573" s="162"/>
      <c r="BN1573" s="162"/>
      <c r="BO1573" s="162"/>
      <c r="BP1573" s="162"/>
      <c r="BQ1573" s="162"/>
      <c r="BR1573" s="162"/>
      <c r="BS1573" s="162"/>
      <c r="BT1573" s="162"/>
      <c r="BU1573" s="162"/>
      <c r="BV1573" s="162"/>
      <c r="BW1573" s="162"/>
      <c r="BX1573" s="162"/>
      <c r="BY1573" s="162"/>
      <c r="BZ1573" s="162"/>
      <c r="CA1573" s="162"/>
      <c r="CB1573" s="162"/>
      <c r="CC1573" s="162"/>
      <c r="CD1573" s="162"/>
      <c r="CE1573" s="162"/>
      <c r="CF1573" s="162"/>
      <c r="CG1573" s="162"/>
      <c r="CH1573" s="162"/>
      <c r="CI1573" s="162"/>
      <c r="CJ1573" s="162"/>
      <c r="CK1573" s="162"/>
      <c r="CX1573" s="98"/>
      <c r="DL1573" s="97"/>
      <c r="DX1573" s="98"/>
      <c r="EL1573" s="97"/>
      <c r="EX1573" s="98"/>
      <c r="EY1573" s="97"/>
      <c r="FL1573" s="126"/>
      <c r="FM1573" s="91"/>
      <c r="FN1573" s="91"/>
      <c r="FO1573" s="91"/>
      <c r="FP1573" s="91"/>
      <c r="FQ1573" s="91"/>
      <c r="FR1573" s="91"/>
      <c r="FS1573" s="91"/>
      <c r="FT1573" s="91"/>
      <c r="FU1573" s="91"/>
      <c r="FV1573" s="91"/>
      <c r="FW1573" s="91"/>
      <c r="FX1573" s="91"/>
      <c r="FY1573" s="91"/>
      <c r="FZ1573" s="91"/>
      <c r="GA1573" s="91"/>
      <c r="GB1573" s="91"/>
      <c r="GC1573" s="91"/>
      <c r="GD1573" s="91"/>
      <c r="GE1573" s="91"/>
      <c r="GF1573" s="91"/>
      <c r="GG1573" s="91"/>
      <c r="GH1573" s="91"/>
      <c r="GI1573" s="91"/>
      <c r="GJ1573" s="91"/>
      <c r="GK1573" s="127"/>
      <c r="GL1573" s="126"/>
      <c r="GM1573" s="91"/>
      <c r="GN1573" s="91"/>
      <c r="GO1573" s="91"/>
      <c r="GP1573" s="91"/>
      <c r="GQ1573" s="91"/>
      <c r="GR1573" s="91"/>
      <c r="GS1573" s="91"/>
      <c r="GT1573" s="91"/>
      <c r="GU1573" s="91"/>
      <c r="GV1573" s="91"/>
      <c r="GW1573" s="91"/>
      <c r="GX1573" s="91"/>
      <c r="GY1573" s="91"/>
      <c r="GZ1573" s="91"/>
      <c r="HA1573" s="91"/>
      <c r="HB1573" s="91"/>
      <c r="HC1573" s="91"/>
      <c r="HD1573" s="91"/>
      <c r="HE1573" s="91"/>
      <c r="HF1573" s="91"/>
      <c r="HG1573" s="91"/>
      <c r="HH1573" s="91"/>
      <c r="HI1573" s="91"/>
      <c r="HJ1573" s="91"/>
      <c r="HK1573" s="127"/>
      <c r="HL1573" s="126"/>
      <c r="HM1573" s="91"/>
      <c r="HN1573" s="91"/>
      <c r="HO1573" s="91"/>
      <c r="HP1573" s="91"/>
      <c r="HQ1573" s="91"/>
      <c r="HR1573" s="91"/>
      <c r="HS1573" s="91"/>
      <c r="HT1573" s="91"/>
      <c r="HU1573" s="91"/>
      <c r="HV1573" s="91"/>
      <c r="HW1573" s="91"/>
      <c r="HX1573" s="91"/>
      <c r="HY1573" s="91"/>
      <c r="HZ1573" s="91"/>
      <c r="IA1573" s="91"/>
      <c r="IB1573" s="91"/>
      <c r="IC1573" s="91"/>
      <c r="ID1573" s="91"/>
      <c r="IE1573" s="91"/>
      <c r="IF1573" s="91"/>
      <c r="IG1573" s="91"/>
      <c r="IH1573" s="91"/>
      <c r="II1573" s="91"/>
      <c r="IJ1573" s="91"/>
      <c r="IK1573" s="127"/>
    </row>
    <row r="1574" spans="2:245" x14ac:dyDescent="0.2">
      <c r="B1574" s="43"/>
      <c r="C1574" s="73"/>
      <c r="D1574" s="64"/>
      <c r="E1574" s="64"/>
      <c r="F1574" s="55"/>
      <c r="G1574" s="102"/>
      <c r="H1574" s="55"/>
      <c r="I1574" s="55"/>
      <c r="J1574" s="55"/>
      <c r="K1574" s="55"/>
      <c r="L1574" s="55"/>
      <c r="M1574" s="55"/>
      <c r="N1574" s="55"/>
      <c r="O1574" s="55"/>
      <c r="P1574" s="55"/>
      <c r="Q1574" s="55"/>
      <c r="R1574" s="55"/>
      <c r="S1574" s="55"/>
      <c r="T1574" s="55"/>
      <c r="U1574" s="55"/>
      <c r="V1574" s="55"/>
      <c r="W1574" s="55"/>
      <c r="X1574" s="55"/>
      <c r="Y1574" s="55"/>
      <c r="Z1574" s="55"/>
      <c r="AA1574" s="55"/>
      <c r="AB1574" s="55"/>
      <c r="AC1574" s="55"/>
      <c r="AD1574" s="55"/>
      <c r="AE1574" s="55"/>
      <c r="AF1574" s="55"/>
      <c r="AG1574" s="55"/>
      <c r="AY1574" s="162"/>
      <c r="AZ1574" s="162"/>
      <c r="BA1574" s="162"/>
      <c r="BB1574" s="162"/>
      <c r="BC1574" s="162"/>
      <c r="BD1574" s="162"/>
      <c r="BE1574" s="162"/>
      <c r="BF1574" s="162"/>
      <c r="BG1574" s="162"/>
      <c r="BH1574" s="162"/>
      <c r="BI1574" s="162"/>
      <c r="BJ1574" s="162"/>
      <c r="BK1574" s="162"/>
      <c r="BL1574" s="162"/>
      <c r="BM1574" s="162"/>
      <c r="BN1574" s="162"/>
      <c r="BO1574" s="162"/>
      <c r="BP1574" s="162"/>
      <c r="BQ1574" s="162"/>
      <c r="BR1574" s="162"/>
      <c r="BS1574" s="162"/>
      <c r="BT1574" s="162"/>
      <c r="BU1574" s="162"/>
      <c r="BV1574" s="162"/>
      <c r="BW1574" s="162"/>
      <c r="BX1574" s="162"/>
      <c r="BY1574" s="162"/>
      <c r="BZ1574" s="162"/>
      <c r="CA1574" s="162"/>
      <c r="CB1574" s="162"/>
      <c r="CC1574" s="162"/>
      <c r="CD1574" s="162"/>
      <c r="CE1574" s="162"/>
      <c r="CF1574" s="162"/>
      <c r="CG1574" s="162"/>
      <c r="CH1574" s="162"/>
      <c r="CI1574" s="162"/>
      <c r="CJ1574" s="162"/>
      <c r="CK1574" s="162"/>
      <c r="CX1574" s="98"/>
      <c r="DL1574" s="97"/>
      <c r="DX1574" s="98"/>
      <c r="EL1574" s="97"/>
      <c r="EX1574" s="98"/>
      <c r="EY1574" s="97"/>
      <c r="FL1574" s="126"/>
      <c r="FM1574" s="91"/>
      <c r="FN1574" s="91"/>
      <c r="FO1574" s="91"/>
      <c r="FP1574" s="91"/>
      <c r="FQ1574" s="91"/>
      <c r="FR1574" s="91"/>
      <c r="FS1574" s="91"/>
      <c r="FT1574" s="91"/>
      <c r="FU1574" s="91"/>
      <c r="FV1574" s="91"/>
      <c r="FW1574" s="91"/>
      <c r="FX1574" s="91"/>
      <c r="FY1574" s="91"/>
      <c r="FZ1574" s="91"/>
      <c r="GA1574" s="91"/>
      <c r="GB1574" s="91"/>
      <c r="GC1574" s="91"/>
      <c r="GD1574" s="91"/>
      <c r="GE1574" s="91"/>
      <c r="GF1574" s="91"/>
      <c r="GG1574" s="91"/>
      <c r="GH1574" s="91"/>
      <c r="GI1574" s="91"/>
      <c r="GJ1574" s="91"/>
      <c r="GK1574" s="127"/>
      <c r="GL1574" s="126"/>
      <c r="GM1574" s="91"/>
      <c r="GN1574" s="91"/>
      <c r="GO1574" s="91"/>
      <c r="GP1574" s="91"/>
      <c r="GQ1574" s="91"/>
      <c r="GR1574" s="91"/>
      <c r="GS1574" s="91"/>
      <c r="GT1574" s="91"/>
      <c r="GU1574" s="91"/>
      <c r="GV1574" s="91"/>
      <c r="GW1574" s="91"/>
      <c r="GX1574" s="91"/>
      <c r="GY1574" s="91"/>
      <c r="GZ1574" s="91"/>
      <c r="HA1574" s="91"/>
      <c r="HB1574" s="91"/>
      <c r="HC1574" s="91"/>
      <c r="HD1574" s="91"/>
      <c r="HE1574" s="91"/>
      <c r="HF1574" s="91"/>
      <c r="HG1574" s="91"/>
      <c r="HH1574" s="91"/>
      <c r="HI1574" s="91"/>
      <c r="HJ1574" s="91"/>
      <c r="HK1574" s="127"/>
      <c r="HL1574" s="126"/>
      <c r="HM1574" s="91"/>
      <c r="HN1574" s="91"/>
      <c r="HO1574" s="91"/>
      <c r="HP1574" s="91"/>
      <c r="HQ1574" s="91"/>
      <c r="HR1574" s="91"/>
      <c r="HS1574" s="91"/>
      <c r="HT1574" s="91"/>
      <c r="HU1574" s="91"/>
      <c r="HV1574" s="91"/>
      <c r="HW1574" s="91"/>
      <c r="HX1574" s="91"/>
      <c r="HY1574" s="91"/>
      <c r="HZ1574" s="91"/>
      <c r="IA1574" s="91"/>
      <c r="IB1574" s="91"/>
      <c r="IC1574" s="91"/>
      <c r="ID1574" s="91"/>
      <c r="IE1574" s="91"/>
      <c r="IF1574" s="91"/>
      <c r="IG1574" s="91"/>
      <c r="IH1574" s="91"/>
      <c r="II1574" s="91"/>
      <c r="IJ1574" s="91"/>
      <c r="IK1574" s="127"/>
    </row>
    <row r="1575" spans="2:245" x14ac:dyDescent="0.2">
      <c r="B1575" s="43"/>
      <c r="C1575" s="73"/>
      <c r="D1575" s="64"/>
      <c r="E1575" s="64"/>
      <c r="F1575" s="55"/>
      <c r="G1575" s="102"/>
      <c r="H1575" s="55"/>
      <c r="I1575" s="55"/>
      <c r="J1575" s="55"/>
      <c r="K1575" s="55"/>
      <c r="L1575" s="55"/>
      <c r="M1575" s="55"/>
      <c r="N1575" s="55"/>
      <c r="O1575" s="55"/>
      <c r="P1575" s="55"/>
      <c r="Q1575" s="55"/>
      <c r="R1575" s="55"/>
      <c r="S1575" s="55"/>
      <c r="T1575" s="55"/>
      <c r="U1575" s="55"/>
      <c r="V1575" s="55"/>
      <c r="W1575" s="55"/>
      <c r="X1575" s="55"/>
      <c r="Y1575" s="55"/>
      <c r="Z1575" s="55"/>
      <c r="AA1575" s="55"/>
      <c r="AB1575" s="55"/>
      <c r="AC1575" s="55"/>
      <c r="AD1575" s="55"/>
      <c r="AE1575" s="55"/>
      <c r="AF1575" s="55"/>
      <c r="AG1575" s="55"/>
      <c r="AY1575" s="162"/>
      <c r="AZ1575" s="162"/>
      <c r="BA1575" s="162"/>
      <c r="BB1575" s="162"/>
      <c r="BC1575" s="162"/>
      <c r="BD1575" s="162"/>
      <c r="BE1575" s="162"/>
      <c r="BF1575" s="162"/>
      <c r="BG1575" s="162"/>
      <c r="BH1575" s="162"/>
      <c r="BI1575" s="162"/>
      <c r="BJ1575" s="162"/>
      <c r="BK1575" s="162"/>
      <c r="BL1575" s="162"/>
      <c r="BM1575" s="162"/>
      <c r="BN1575" s="162"/>
      <c r="BO1575" s="162"/>
      <c r="BP1575" s="162"/>
      <c r="BQ1575" s="162"/>
      <c r="BR1575" s="162"/>
      <c r="BS1575" s="162"/>
      <c r="BT1575" s="162"/>
      <c r="BU1575" s="162"/>
      <c r="BV1575" s="162"/>
      <c r="BW1575" s="162"/>
      <c r="BX1575" s="162"/>
      <c r="BY1575" s="162"/>
      <c r="BZ1575" s="162"/>
      <c r="CA1575" s="162"/>
      <c r="CB1575" s="162"/>
      <c r="CC1575" s="162"/>
      <c r="CD1575" s="162"/>
      <c r="CE1575" s="162"/>
      <c r="CF1575" s="162"/>
      <c r="CG1575" s="162"/>
      <c r="CH1575" s="162"/>
      <c r="CI1575" s="162"/>
      <c r="CJ1575" s="162"/>
      <c r="CK1575" s="162"/>
      <c r="CX1575" s="98"/>
      <c r="DL1575" s="97"/>
      <c r="DX1575" s="98"/>
      <c r="EL1575" s="97"/>
      <c r="EX1575" s="98"/>
      <c r="EY1575" s="97"/>
      <c r="FL1575" s="126"/>
      <c r="FM1575" s="91"/>
      <c r="FN1575" s="91"/>
      <c r="FO1575" s="91"/>
      <c r="FP1575" s="91"/>
      <c r="FQ1575" s="91"/>
      <c r="FR1575" s="91"/>
      <c r="FS1575" s="91"/>
      <c r="FT1575" s="91"/>
      <c r="FU1575" s="91"/>
      <c r="FV1575" s="91"/>
      <c r="FW1575" s="91"/>
      <c r="FX1575" s="91"/>
      <c r="FY1575" s="91"/>
      <c r="FZ1575" s="91"/>
      <c r="GA1575" s="91"/>
      <c r="GB1575" s="91"/>
      <c r="GC1575" s="91"/>
      <c r="GD1575" s="91"/>
      <c r="GE1575" s="91"/>
      <c r="GF1575" s="91"/>
      <c r="GG1575" s="91"/>
      <c r="GH1575" s="91"/>
      <c r="GI1575" s="91"/>
      <c r="GJ1575" s="91"/>
      <c r="GK1575" s="127"/>
      <c r="GL1575" s="126"/>
      <c r="GM1575" s="91"/>
      <c r="GN1575" s="91"/>
      <c r="GO1575" s="91"/>
      <c r="GP1575" s="91"/>
      <c r="GQ1575" s="91"/>
      <c r="GR1575" s="91"/>
      <c r="GS1575" s="91"/>
      <c r="GT1575" s="91"/>
      <c r="GU1575" s="91"/>
      <c r="GV1575" s="91"/>
      <c r="GW1575" s="91"/>
      <c r="GX1575" s="91"/>
      <c r="GY1575" s="91"/>
      <c r="GZ1575" s="91"/>
      <c r="HA1575" s="91"/>
      <c r="HB1575" s="91"/>
      <c r="HC1575" s="91"/>
      <c r="HD1575" s="91"/>
      <c r="HE1575" s="91"/>
      <c r="HF1575" s="91"/>
      <c r="HG1575" s="91"/>
      <c r="HH1575" s="91"/>
      <c r="HI1575" s="91"/>
      <c r="HJ1575" s="91"/>
      <c r="HK1575" s="127"/>
      <c r="HL1575" s="126"/>
      <c r="HM1575" s="91"/>
      <c r="HN1575" s="91"/>
      <c r="HO1575" s="91"/>
      <c r="HP1575" s="91"/>
      <c r="HQ1575" s="91"/>
      <c r="HR1575" s="91"/>
      <c r="HS1575" s="91"/>
      <c r="HT1575" s="91"/>
      <c r="HU1575" s="91"/>
      <c r="HV1575" s="91"/>
      <c r="HW1575" s="91"/>
      <c r="HX1575" s="91"/>
      <c r="HY1575" s="91"/>
      <c r="HZ1575" s="91"/>
      <c r="IA1575" s="91"/>
      <c r="IB1575" s="91"/>
      <c r="IC1575" s="91"/>
      <c r="ID1575" s="91"/>
      <c r="IE1575" s="91"/>
      <c r="IF1575" s="91"/>
      <c r="IG1575" s="91"/>
      <c r="IH1575" s="91"/>
      <c r="II1575" s="91"/>
      <c r="IJ1575" s="91"/>
      <c r="IK1575" s="127"/>
    </row>
    <row r="1576" spans="2:245" x14ac:dyDescent="0.2">
      <c r="B1576" s="43"/>
      <c r="C1576" s="73"/>
      <c r="D1576" s="64"/>
      <c r="E1576" s="64"/>
      <c r="F1576" s="55"/>
      <c r="G1576" s="102"/>
      <c r="H1576" s="55"/>
      <c r="I1576" s="55"/>
      <c r="J1576" s="55"/>
      <c r="K1576" s="55"/>
      <c r="L1576" s="55"/>
      <c r="M1576" s="55"/>
      <c r="N1576" s="55"/>
      <c r="O1576" s="55"/>
      <c r="P1576" s="55"/>
      <c r="Q1576" s="55"/>
      <c r="R1576" s="55"/>
      <c r="S1576" s="55"/>
      <c r="T1576" s="55"/>
      <c r="U1576" s="55"/>
      <c r="V1576" s="55"/>
      <c r="W1576" s="55"/>
      <c r="X1576" s="55"/>
      <c r="Y1576" s="55"/>
      <c r="Z1576" s="55"/>
      <c r="AA1576" s="55"/>
      <c r="AB1576" s="55"/>
      <c r="AC1576" s="55"/>
      <c r="AD1576" s="55"/>
      <c r="AE1576" s="55"/>
      <c r="AF1576" s="55"/>
      <c r="AG1576" s="55"/>
      <c r="AY1576" s="162"/>
      <c r="AZ1576" s="162"/>
      <c r="BA1576" s="162"/>
      <c r="BB1576" s="162"/>
      <c r="BC1576" s="162"/>
      <c r="BD1576" s="162"/>
      <c r="BE1576" s="162"/>
      <c r="BF1576" s="162"/>
      <c r="BG1576" s="162"/>
      <c r="BH1576" s="162"/>
      <c r="BI1576" s="162"/>
      <c r="BJ1576" s="162"/>
      <c r="BK1576" s="162"/>
      <c r="BL1576" s="162"/>
      <c r="BM1576" s="162"/>
      <c r="BN1576" s="162"/>
      <c r="BO1576" s="162"/>
      <c r="BP1576" s="162"/>
      <c r="BQ1576" s="162"/>
      <c r="BR1576" s="162"/>
      <c r="BS1576" s="162"/>
      <c r="BT1576" s="162"/>
      <c r="BU1576" s="162"/>
      <c r="BV1576" s="162"/>
      <c r="BW1576" s="162"/>
      <c r="BX1576" s="162"/>
      <c r="BY1576" s="162"/>
      <c r="BZ1576" s="162"/>
      <c r="CA1576" s="162"/>
      <c r="CB1576" s="162"/>
      <c r="CC1576" s="162"/>
      <c r="CD1576" s="162"/>
      <c r="CE1576" s="162"/>
      <c r="CF1576" s="162"/>
      <c r="CG1576" s="162"/>
      <c r="CH1576" s="162"/>
      <c r="CI1576" s="162"/>
      <c r="CJ1576" s="162"/>
      <c r="CK1576" s="162"/>
      <c r="CX1576" s="98"/>
      <c r="DL1576" s="97"/>
      <c r="DX1576" s="98"/>
      <c r="EL1576" s="97"/>
      <c r="EX1576" s="98"/>
      <c r="EY1576" s="97"/>
      <c r="FL1576" s="126"/>
      <c r="FM1576" s="91"/>
      <c r="FN1576" s="91"/>
      <c r="FO1576" s="91"/>
      <c r="FP1576" s="91"/>
      <c r="FQ1576" s="91"/>
      <c r="FR1576" s="91"/>
      <c r="FS1576" s="91"/>
      <c r="FT1576" s="91"/>
      <c r="FU1576" s="91"/>
      <c r="FV1576" s="91"/>
      <c r="FW1576" s="91"/>
      <c r="FX1576" s="91"/>
      <c r="FY1576" s="91"/>
      <c r="FZ1576" s="91"/>
      <c r="GA1576" s="91"/>
      <c r="GB1576" s="91"/>
      <c r="GC1576" s="91"/>
      <c r="GD1576" s="91"/>
      <c r="GE1576" s="91"/>
      <c r="GF1576" s="91"/>
      <c r="GG1576" s="91"/>
      <c r="GH1576" s="91"/>
      <c r="GI1576" s="91"/>
      <c r="GJ1576" s="91"/>
      <c r="GK1576" s="127"/>
      <c r="GL1576" s="126"/>
      <c r="GM1576" s="91"/>
      <c r="GN1576" s="91"/>
      <c r="GO1576" s="91"/>
      <c r="GP1576" s="91"/>
      <c r="GQ1576" s="91"/>
      <c r="GR1576" s="91"/>
      <c r="GS1576" s="91"/>
      <c r="GT1576" s="91"/>
      <c r="GU1576" s="91"/>
      <c r="GV1576" s="91"/>
      <c r="GW1576" s="91"/>
      <c r="GX1576" s="91"/>
      <c r="GY1576" s="91"/>
      <c r="GZ1576" s="91"/>
      <c r="HA1576" s="91"/>
      <c r="HB1576" s="91"/>
      <c r="HC1576" s="91"/>
      <c r="HD1576" s="91"/>
      <c r="HE1576" s="91"/>
      <c r="HF1576" s="91"/>
      <c r="HG1576" s="91"/>
      <c r="HH1576" s="91"/>
      <c r="HI1576" s="91"/>
      <c r="HJ1576" s="91"/>
      <c r="HK1576" s="127"/>
      <c r="HL1576" s="126"/>
      <c r="HM1576" s="91"/>
      <c r="HN1576" s="91"/>
      <c r="HO1576" s="91"/>
      <c r="HP1576" s="91"/>
      <c r="HQ1576" s="91"/>
      <c r="HR1576" s="91"/>
      <c r="HS1576" s="91"/>
      <c r="HT1576" s="91"/>
      <c r="HU1576" s="91"/>
      <c r="HV1576" s="91"/>
      <c r="HW1576" s="91"/>
      <c r="HX1576" s="91"/>
      <c r="HY1576" s="91"/>
      <c r="HZ1576" s="91"/>
      <c r="IA1576" s="91"/>
      <c r="IB1576" s="91"/>
      <c r="IC1576" s="91"/>
      <c r="ID1576" s="91"/>
      <c r="IE1576" s="91"/>
      <c r="IF1576" s="91"/>
      <c r="IG1576" s="91"/>
      <c r="IH1576" s="91"/>
      <c r="II1576" s="91"/>
      <c r="IJ1576" s="91"/>
      <c r="IK1576" s="127"/>
    </row>
    <row r="1577" spans="2:245" x14ac:dyDescent="0.2">
      <c r="B1577" s="43"/>
      <c r="C1577" s="73"/>
      <c r="D1577" s="64"/>
      <c r="E1577" s="64"/>
      <c r="F1577" s="55"/>
      <c r="G1577" s="102"/>
      <c r="H1577" s="55"/>
      <c r="I1577" s="55"/>
      <c r="J1577" s="55"/>
      <c r="K1577" s="55"/>
      <c r="L1577" s="55"/>
      <c r="M1577" s="55"/>
      <c r="N1577" s="55"/>
      <c r="O1577" s="55"/>
      <c r="P1577" s="55"/>
      <c r="Q1577" s="55"/>
      <c r="R1577" s="55"/>
      <c r="S1577" s="55"/>
      <c r="T1577" s="55"/>
      <c r="U1577" s="55"/>
      <c r="V1577" s="55"/>
      <c r="W1577" s="55"/>
      <c r="X1577" s="55"/>
      <c r="Y1577" s="55"/>
      <c r="Z1577" s="55"/>
      <c r="AA1577" s="55"/>
      <c r="AB1577" s="55"/>
      <c r="AC1577" s="55"/>
      <c r="AD1577" s="55"/>
      <c r="AE1577" s="55"/>
      <c r="AF1577" s="55"/>
      <c r="AG1577" s="55"/>
      <c r="AY1577" s="162"/>
      <c r="AZ1577" s="162"/>
      <c r="BA1577" s="162"/>
      <c r="BB1577" s="162"/>
      <c r="BC1577" s="162"/>
      <c r="BD1577" s="162"/>
      <c r="BE1577" s="162"/>
      <c r="BF1577" s="162"/>
      <c r="BG1577" s="162"/>
      <c r="BH1577" s="162"/>
      <c r="BI1577" s="162"/>
      <c r="BJ1577" s="162"/>
      <c r="BK1577" s="162"/>
      <c r="BL1577" s="162"/>
      <c r="BM1577" s="162"/>
      <c r="BN1577" s="162"/>
      <c r="BO1577" s="162"/>
      <c r="BP1577" s="162"/>
      <c r="BQ1577" s="162"/>
      <c r="BR1577" s="162"/>
      <c r="BS1577" s="162"/>
      <c r="BT1577" s="162"/>
      <c r="BU1577" s="162"/>
      <c r="BV1577" s="162"/>
      <c r="BW1577" s="162"/>
      <c r="BX1577" s="162"/>
      <c r="BY1577" s="162"/>
      <c r="BZ1577" s="162"/>
      <c r="CA1577" s="162"/>
      <c r="CB1577" s="162"/>
      <c r="CC1577" s="162"/>
      <c r="CD1577" s="162"/>
      <c r="CE1577" s="162"/>
      <c r="CF1577" s="162"/>
      <c r="CG1577" s="162"/>
      <c r="CH1577" s="162"/>
      <c r="CI1577" s="162"/>
      <c r="CJ1577" s="162"/>
      <c r="CK1577" s="162"/>
      <c r="CX1577" s="98"/>
      <c r="DL1577" s="97"/>
      <c r="DX1577" s="98"/>
      <c r="EL1577" s="97"/>
      <c r="EX1577" s="98"/>
      <c r="EY1577" s="97"/>
      <c r="FL1577" s="126"/>
      <c r="FM1577" s="91"/>
      <c r="FN1577" s="91"/>
      <c r="FO1577" s="91"/>
      <c r="FP1577" s="91"/>
      <c r="FQ1577" s="91"/>
      <c r="FR1577" s="91"/>
      <c r="FS1577" s="91"/>
      <c r="FT1577" s="91"/>
      <c r="FU1577" s="91"/>
      <c r="FV1577" s="91"/>
      <c r="FW1577" s="91"/>
      <c r="FX1577" s="91"/>
      <c r="FY1577" s="91"/>
      <c r="FZ1577" s="91"/>
      <c r="GA1577" s="91"/>
      <c r="GB1577" s="91"/>
      <c r="GC1577" s="91"/>
      <c r="GD1577" s="91"/>
      <c r="GE1577" s="91"/>
      <c r="GF1577" s="91"/>
      <c r="GG1577" s="91"/>
      <c r="GH1577" s="91"/>
      <c r="GI1577" s="91"/>
      <c r="GJ1577" s="91"/>
      <c r="GK1577" s="127"/>
      <c r="GL1577" s="126"/>
      <c r="GM1577" s="91"/>
      <c r="GN1577" s="91"/>
      <c r="GO1577" s="91"/>
      <c r="GP1577" s="91"/>
      <c r="GQ1577" s="91"/>
      <c r="GR1577" s="91"/>
      <c r="GS1577" s="91"/>
      <c r="GT1577" s="91"/>
      <c r="GU1577" s="91"/>
      <c r="GV1577" s="91"/>
      <c r="GW1577" s="91"/>
      <c r="GX1577" s="91"/>
      <c r="GY1577" s="91"/>
      <c r="GZ1577" s="91"/>
      <c r="HA1577" s="91"/>
      <c r="HB1577" s="91"/>
      <c r="HC1577" s="91"/>
      <c r="HD1577" s="91"/>
      <c r="HE1577" s="91"/>
      <c r="HF1577" s="91"/>
      <c r="HG1577" s="91"/>
      <c r="HH1577" s="91"/>
      <c r="HI1577" s="91"/>
      <c r="HJ1577" s="91"/>
      <c r="HK1577" s="127"/>
      <c r="HL1577" s="126"/>
      <c r="HM1577" s="91"/>
      <c r="HN1577" s="91"/>
      <c r="HO1577" s="91"/>
      <c r="HP1577" s="91"/>
      <c r="HQ1577" s="91"/>
      <c r="HR1577" s="91"/>
      <c r="HS1577" s="91"/>
      <c r="HT1577" s="91"/>
      <c r="HU1577" s="91"/>
      <c r="HV1577" s="91"/>
      <c r="HW1577" s="91"/>
      <c r="HX1577" s="91"/>
      <c r="HY1577" s="91"/>
      <c r="HZ1577" s="91"/>
      <c r="IA1577" s="91"/>
      <c r="IB1577" s="91"/>
      <c r="IC1577" s="91"/>
      <c r="ID1577" s="91"/>
      <c r="IE1577" s="91"/>
      <c r="IF1577" s="91"/>
      <c r="IG1577" s="91"/>
      <c r="IH1577" s="91"/>
      <c r="II1577" s="91"/>
      <c r="IJ1577" s="91"/>
      <c r="IK1577" s="127"/>
    </row>
    <row r="1578" spans="2:245" x14ac:dyDescent="0.2">
      <c r="B1578" s="43"/>
      <c r="C1578" s="73"/>
      <c r="D1578" s="64"/>
      <c r="E1578" s="64"/>
      <c r="F1578" s="55"/>
      <c r="G1578" s="102"/>
      <c r="H1578" s="55"/>
      <c r="I1578" s="55"/>
      <c r="J1578" s="55"/>
      <c r="K1578" s="55"/>
      <c r="L1578" s="55"/>
      <c r="M1578" s="55"/>
      <c r="N1578" s="55"/>
      <c r="O1578" s="55"/>
      <c r="P1578" s="55"/>
      <c r="Q1578" s="55"/>
      <c r="R1578" s="55"/>
      <c r="S1578" s="55"/>
      <c r="T1578" s="55"/>
      <c r="U1578" s="55"/>
      <c r="V1578" s="55"/>
      <c r="W1578" s="55"/>
      <c r="X1578" s="55"/>
      <c r="Y1578" s="55"/>
      <c r="Z1578" s="55"/>
      <c r="AA1578" s="55"/>
      <c r="AB1578" s="55"/>
      <c r="AC1578" s="55"/>
      <c r="AD1578" s="55"/>
      <c r="AE1578" s="55"/>
      <c r="AF1578" s="55"/>
      <c r="AG1578" s="55"/>
      <c r="AY1578" s="162"/>
      <c r="AZ1578" s="162"/>
      <c r="BA1578" s="162"/>
      <c r="BB1578" s="162"/>
      <c r="BC1578" s="162"/>
      <c r="BD1578" s="162"/>
      <c r="BE1578" s="162"/>
      <c r="BF1578" s="162"/>
      <c r="BG1578" s="162"/>
      <c r="BH1578" s="162"/>
      <c r="BI1578" s="162"/>
      <c r="BJ1578" s="162"/>
      <c r="BK1578" s="162"/>
      <c r="BL1578" s="162"/>
      <c r="BM1578" s="162"/>
      <c r="BN1578" s="162"/>
      <c r="BO1578" s="162"/>
      <c r="BP1578" s="162"/>
      <c r="BQ1578" s="162"/>
      <c r="BR1578" s="162"/>
      <c r="BS1578" s="162"/>
      <c r="BT1578" s="162"/>
      <c r="BU1578" s="162"/>
      <c r="BV1578" s="162"/>
      <c r="BW1578" s="162"/>
      <c r="BX1578" s="162"/>
      <c r="BY1578" s="162"/>
      <c r="BZ1578" s="162"/>
      <c r="CA1578" s="162"/>
      <c r="CB1578" s="162"/>
      <c r="CC1578" s="162"/>
      <c r="CD1578" s="162"/>
      <c r="CE1578" s="162"/>
      <c r="CF1578" s="162"/>
      <c r="CG1578" s="162"/>
      <c r="CH1578" s="162"/>
      <c r="CI1578" s="162"/>
      <c r="CJ1578" s="162"/>
      <c r="CK1578" s="162"/>
      <c r="CX1578" s="98"/>
      <c r="DL1578" s="97"/>
      <c r="DX1578" s="98"/>
      <c r="EL1578" s="97"/>
      <c r="EX1578" s="98"/>
      <c r="EY1578" s="97"/>
      <c r="FL1578" s="126"/>
      <c r="FM1578" s="91"/>
      <c r="FN1578" s="91"/>
      <c r="FO1578" s="91"/>
      <c r="FP1578" s="91"/>
      <c r="FQ1578" s="91"/>
      <c r="FR1578" s="91"/>
      <c r="FS1578" s="91"/>
      <c r="FT1578" s="91"/>
      <c r="FU1578" s="91"/>
      <c r="FV1578" s="91"/>
      <c r="FW1578" s="91"/>
      <c r="FX1578" s="91"/>
      <c r="FY1578" s="91"/>
      <c r="FZ1578" s="91"/>
      <c r="GA1578" s="91"/>
      <c r="GB1578" s="91"/>
      <c r="GC1578" s="91"/>
      <c r="GD1578" s="91"/>
      <c r="GE1578" s="91"/>
      <c r="GF1578" s="91"/>
      <c r="GG1578" s="91"/>
      <c r="GH1578" s="91"/>
      <c r="GI1578" s="91"/>
      <c r="GJ1578" s="91"/>
      <c r="GK1578" s="127"/>
      <c r="GL1578" s="126"/>
      <c r="GM1578" s="91"/>
      <c r="GN1578" s="91"/>
      <c r="GO1578" s="91"/>
      <c r="GP1578" s="91"/>
      <c r="GQ1578" s="91"/>
      <c r="GR1578" s="91"/>
      <c r="GS1578" s="91"/>
      <c r="GT1578" s="91"/>
      <c r="GU1578" s="91"/>
      <c r="GV1578" s="91"/>
      <c r="GW1578" s="91"/>
      <c r="GX1578" s="91"/>
      <c r="GY1578" s="91"/>
      <c r="GZ1578" s="91"/>
      <c r="HA1578" s="91"/>
      <c r="HB1578" s="91"/>
      <c r="HC1578" s="91"/>
      <c r="HD1578" s="91"/>
      <c r="HE1578" s="91"/>
      <c r="HF1578" s="91"/>
      <c r="HG1578" s="91"/>
      <c r="HH1578" s="91"/>
      <c r="HI1578" s="91"/>
      <c r="HJ1578" s="91"/>
      <c r="HK1578" s="127"/>
      <c r="HL1578" s="126"/>
      <c r="HM1578" s="91"/>
      <c r="HN1578" s="91"/>
      <c r="HO1578" s="91"/>
      <c r="HP1578" s="91"/>
      <c r="HQ1578" s="91"/>
      <c r="HR1578" s="91"/>
      <c r="HS1578" s="91"/>
      <c r="HT1578" s="91"/>
      <c r="HU1578" s="91"/>
      <c r="HV1578" s="91"/>
      <c r="HW1578" s="91"/>
      <c r="HX1578" s="91"/>
      <c r="HY1578" s="91"/>
      <c r="HZ1578" s="91"/>
      <c r="IA1578" s="91"/>
      <c r="IB1578" s="91"/>
      <c r="IC1578" s="91"/>
      <c r="ID1578" s="91"/>
      <c r="IE1578" s="91"/>
      <c r="IF1578" s="91"/>
      <c r="IG1578" s="91"/>
      <c r="IH1578" s="91"/>
      <c r="II1578" s="91"/>
      <c r="IJ1578" s="91"/>
      <c r="IK1578" s="127"/>
    </row>
    <row r="1579" spans="2:245" x14ac:dyDescent="0.2">
      <c r="B1579" s="43"/>
      <c r="C1579" s="73"/>
      <c r="D1579" s="64"/>
      <c r="E1579" s="64"/>
      <c r="F1579" s="55"/>
      <c r="G1579" s="102"/>
      <c r="H1579" s="55"/>
      <c r="I1579" s="55"/>
      <c r="J1579" s="55"/>
      <c r="K1579" s="55"/>
      <c r="L1579" s="55"/>
      <c r="M1579" s="55"/>
      <c r="N1579" s="55"/>
      <c r="O1579" s="55"/>
      <c r="P1579" s="55"/>
      <c r="Q1579" s="55"/>
      <c r="R1579" s="55"/>
      <c r="S1579" s="55"/>
      <c r="T1579" s="55"/>
      <c r="U1579" s="55"/>
      <c r="V1579" s="55"/>
      <c r="W1579" s="55"/>
      <c r="X1579" s="55"/>
      <c r="Y1579" s="55"/>
      <c r="Z1579" s="55"/>
      <c r="AA1579" s="55"/>
      <c r="AB1579" s="55"/>
      <c r="AC1579" s="55"/>
      <c r="AD1579" s="55"/>
      <c r="AE1579" s="55"/>
      <c r="AF1579" s="55"/>
      <c r="AG1579" s="55"/>
      <c r="AY1579" s="162"/>
      <c r="AZ1579" s="162"/>
      <c r="BA1579" s="162"/>
      <c r="BB1579" s="162"/>
      <c r="BC1579" s="162"/>
      <c r="BD1579" s="162"/>
      <c r="BE1579" s="162"/>
      <c r="BF1579" s="162"/>
      <c r="BG1579" s="162"/>
      <c r="BH1579" s="162"/>
      <c r="BI1579" s="162"/>
      <c r="BJ1579" s="162"/>
      <c r="BK1579" s="162"/>
      <c r="BL1579" s="162"/>
      <c r="BM1579" s="162"/>
      <c r="BN1579" s="162"/>
      <c r="BO1579" s="162"/>
      <c r="BP1579" s="162"/>
      <c r="BQ1579" s="162"/>
      <c r="BR1579" s="162"/>
      <c r="BS1579" s="162"/>
      <c r="BT1579" s="162"/>
      <c r="BU1579" s="162"/>
      <c r="BV1579" s="162"/>
      <c r="BW1579" s="162"/>
      <c r="BX1579" s="162"/>
      <c r="BY1579" s="162"/>
      <c r="BZ1579" s="162"/>
      <c r="CA1579" s="162"/>
      <c r="CB1579" s="162"/>
      <c r="CC1579" s="162"/>
      <c r="CD1579" s="162"/>
      <c r="CE1579" s="162"/>
      <c r="CF1579" s="162"/>
      <c r="CG1579" s="162"/>
      <c r="CH1579" s="162"/>
      <c r="CI1579" s="162"/>
      <c r="CJ1579" s="162"/>
      <c r="CK1579" s="162"/>
      <c r="CX1579" s="98"/>
      <c r="DL1579" s="97"/>
      <c r="DX1579" s="98"/>
      <c r="EL1579" s="97"/>
      <c r="EX1579" s="98"/>
      <c r="EY1579" s="97"/>
      <c r="FL1579" s="126"/>
      <c r="FM1579" s="91"/>
      <c r="FN1579" s="91"/>
      <c r="FO1579" s="91"/>
      <c r="FP1579" s="91"/>
      <c r="FQ1579" s="91"/>
      <c r="FR1579" s="91"/>
      <c r="FS1579" s="91"/>
      <c r="FT1579" s="91"/>
      <c r="FU1579" s="91"/>
      <c r="FV1579" s="91"/>
      <c r="FW1579" s="91"/>
      <c r="FX1579" s="91"/>
      <c r="FY1579" s="91"/>
      <c r="FZ1579" s="91"/>
      <c r="GA1579" s="91"/>
      <c r="GB1579" s="91"/>
      <c r="GC1579" s="91"/>
      <c r="GD1579" s="91"/>
      <c r="GE1579" s="91"/>
      <c r="GF1579" s="91"/>
      <c r="GG1579" s="91"/>
      <c r="GH1579" s="91"/>
      <c r="GI1579" s="91"/>
      <c r="GJ1579" s="91"/>
      <c r="GK1579" s="127"/>
      <c r="GL1579" s="126"/>
      <c r="GM1579" s="91"/>
      <c r="GN1579" s="91"/>
      <c r="GO1579" s="91"/>
      <c r="GP1579" s="91"/>
      <c r="GQ1579" s="91"/>
      <c r="GR1579" s="91"/>
      <c r="GS1579" s="91"/>
      <c r="GT1579" s="91"/>
      <c r="GU1579" s="91"/>
      <c r="GV1579" s="91"/>
      <c r="GW1579" s="91"/>
      <c r="GX1579" s="91"/>
      <c r="GY1579" s="91"/>
      <c r="GZ1579" s="91"/>
      <c r="HA1579" s="91"/>
      <c r="HB1579" s="91"/>
      <c r="HC1579" s="91"/>
      <c r="HD1579" s="91"/>
      <c r="HE1579" s="91"/>
      <c r="HF1579" s="91"/>
      <c r="HG1579" s="91"/>
      <c r="HH1579" s="91"/>
      <c r="HI1579" s="91"/>
      <c r="HJ1579" s="91"/>
      <c r="HK1579" s="127"/>
      <c r="HL1579" s="126"/>
      <c r="HM1579" s="91"/>
      <c r="HN1579" s="91"/>
      <c r="HO1579" s="91"/>
      <c r="HP1579" s="91"/>
      <c r="HQ1579" s="91"/>
      <c r="HR1579" s="91"/>
      <c r="HS1579" s="91"/>
      <c r="HT1579" s="91"/>
      <c r="HU1579" s="91"/>
      <c r="HV1579" s="91"/>
      <c r="HW1579" s="91"/>
      <c r="HX1579" s="91"/>
      <c r="HY1579" s="91"/>
      <c r="HZ1579" s="91"/>
      <c r="IA1579" s="91"/>
      <c r="IB1579" s="91"/>
      <c r="IC1579" s="91"/>
      <c r="ID1579" s="91"/>
      <c r="IE1579" s="91"/>
      <c r="IF1579" s="91"/>
      <c r="IG1579" s="91"/>
      <c r="IH1579" s="91"/>
      <c r="II1579" s="91"/>
      <c r="IJ1579" s="91"/>
      <c r="IK1579" s="127"/>
    </row>
    <row r="1580" spans="2:245" x14ac:dyDescent="0.2">
      <c r="B1580" s="43"/>
      <c r="C1580" s="73"/>
      <c r="D1580" s="64"/>
      <c r="E1580" s="64"/>
      <c r="F1580" s="55"/>
      <c r="G1580" s="102"/>
      <c r="H1580" s="55"/>
      <c r="I1580" s="55"/>
      <c r="J1580" s="55"/>
      <c r="K1580" s="55"/>
      <c r="L1580" s="55"/>
      <c r="M1580" s="55"/>
      <c r="N1580" s="55"/>
      <c r="O1580" s="55"/>
      <c r="P1580" s="55"/>
      <c r="Q1580" s="55"/>
      <c r="R1580" s="55"/>
      <c r="S1580" s="55"/>
      <c r="T1580" s="55"/>
      <c r="U1580" s="55"/>
      <c r="V1580" s="55"/>
      <c r="W1580" s="55"/>
      <c r="X1580" s="55"/>
      <c r="Y1580" s="55"/>
      <c r="Z1580" s="55"/>
      <c r="AA1580" s="55"/>
      <c r="AB1580" s="55"/>
      <c r="AC1580" s="55"/>
      <c r="AD1580" s="55"/>
      <c r="AE1580" s="55"/>
      <c r="AF1580" s="55"/>
      <c r="AG1580" s="55"/>
      <c r="AY1580" s="162"/>
      <c r="AZ1580" s="162"/>
      <c r="BA1580" s="162"/>
      <c r="BB1580" s="162"/>
      <c r="BC1580" s="162"/>
      <c r="BD1580" s="162"/>
      <c r="BE1580" s="162"/>
      <c r="BF1580" s="162"/>
      <c r="BG1580" s="162"/>
      <c r="BH1580" s="162"/>
      <c r="BI1580" s="162"/>
      <c r="BJ1580" s="162"/>
      <c r="BK1580" s="162"/>
      <c r="BL1580" s="162"/>
      <c r="BM1580" s="162"/>
      <c r="BN1580" s="162"/>
      <c r="BO1580" s="162"/>
      <c r="BP1580" s="162"/>
      <c r="BQ1580" s="162"/>
      <c r="BR1580" s="162"/>
      <c r="BS1580" s="162"/>
      <c r="BT1580" s="162"/>
      <c r="BU1580" s="162"/>
      <c r="BV1580" s="162"/>
      <c r="BW1580" s="162"/>
      <c r="BX1580" s="162"/>
      <c r="BY1580" s="162"/>
      <c r="BZ1580" s="162"/>
      <c r="CA1580" s="162"/>
      <c r="CB1580" s="162"/>
      <c r="CC1580" s="162"/>
      <c r="CD1580" s="162"/>
      <c r="CE1580" s="162"/>
      <c r="CF1580" s="162"/>
      <c r="CG1580" s="162"/>
      <c r="CH1580" s="162"/>
      <c r="CI1580" s="162"/>
      <c r="CJ1580" s="162"/>
      <c r="CK1580" s="162"/>
      <c r="CX1580" s="98"/>
      <c r="DL1580" s="97"/>
      <c r="DX1580" s="98"/>
      <c r="EL1580" s="97"/>
      <c r="EX1580" s="98"/>
      <c r="EY1580" s="97"/>
      <c r="FL1580" s="126"/>
      <c r="FM1580" s="91"/>
      <c r="FN1580" s="91"/>
      <c r="FO1580" s="91"/>
      <c r="FP1580" s="91"/>
      <c r="FQ1580" s="91"/>
      <c r="FR1580" s="91"/>
      <c r="FS1580" s="91"/>
      <c r="FT1580" s="91"/>
      <c r="FU1580" s="91"/>
      <c r="FV1580" s="91"/>
      <c r="FW1580" s="91"/>
      <c r="FX1580" s="91"/>
      <c r="FY1580" s="91"/>
      <c r="FZ1580" s="91"/>
      <c r="GA1580" s="91"/>
      <c r="GB1580" s="91"/>
      <c r="GC1580" s="91"/>
      <c r="GD1580" s="91"/>
      <c r="GE1580" s="91"/>
      <c r="GF1580" s="91"/>
      <c r="GG1580" s="91"/>
      <c r="GH1580" s="91"/>
      <c r="GI1580" s="91"/>
      <c r="GJ1580" s="91"/>
      <c r="GK1580" s="127"/>
      <c r="GL1580" s="126"/>
      <c r="GM1580" s="91"/>
      <c r="GN1580" s="91"/>
      <c r="GO1580" s="91"/>
      <c r="GP1580" s="91"/>
      <c r="GQ1580" s="91"/>
      <c r="GR1580" s="91"/>
      <c r="GS1580" s="91"/>
      <c r="GT1580" s="91"/>
      <c r="GU1580" s="91"/>
      <c r="GV1580" s="91"/>
      <c r="GW1580" s="91"/>
      <c r="GX1580" s="91"/>
      <c r="GY1580" s="91"/>
      <c r="GZ1580" s="91"/>
      <c r="HA1580" s="91"/>
      <c r="HB1580" s="91"/>
      <c r="HC1580" s="91"/>
      <c r="HD1580" s="91"/>
      <c r="HE1580" s="91"/>
      <c r="HF1580" s="91"/>
      <c r="HG1580" s="91"/>
      <c r="HH1580" s="91"/>
      <c r="HI1580" s="91"/>
      <c r="HJ1580" s="91"/>
      <c r="HK1580" s="127"/>
      <c r="HL1580" s="126"/>
      <c r="HM1580" s="91"/>
      <c r="HN1580" s="91"/>
      <c r="HO1580" s="91"/>
      <c r="HP1580" s="91"/>
      <c r="HQ1580" s="91"/>
      <c r="HR1580" s="91"/>
      <c r="HS1580" s="91"/>
      <c r="HT1580" s="91"/>
      <c r="HU1580" s="91"/>
      <c r="HV1580" s="91"/>
      <c r="HW1580" s="91"/>
      <c r="HX1580" s="91"/>
      <c r="HY1580" s="91"/>
      <c r="HZ1580" s="91"/>
      <c r="IA1580" s="91"/>
      <c r="IB1580" s="91"/>
      <c r="IC1580" s="91"/>
      <c r="ID1580" s="91"/>
      <c r="IE1580" s="91"/>
      <c r="IF1580" s="91"/>
      <c r="IG1580" s="91"/>
      <c r="IH1580" s="91"/>
      <c r="II1580" s="91"/>
      <c r="IJ1580" s="91"/>
      <c r="IK1580" s="127"/>
    </row>
    <row r="1581" spans="2:245" x14ac:dyDescent="0.2">
      <c r="B1581" s="43"/>
      <c r="C1581" s="73"/>
      <c r="D1581" s="64"/>
      <c r="E1581" s="64"/>
      <c r="F1581" s="55"/>
      <c r="G1581" s="102"/>
      <c r="H1581" s="55"/>
      <c r="I1581" s="55"/>
      <c r="J1581" s="55"/>
      <c r="K1581" s="55"/>
      <c r="L1581" s="55"/>
      <c r="M1581" s="55"/>
      <c r="N1581" s="55"/>
      <c r="O1581" s="55"/>
      <c r="P1581" s="55"/>
      <c r="Q1581" s="55"/>
      <c r="R1581" s="55"/>
      <c r="S1581" s="55"/>
      <c r="T1581" s="55"/>
      <c r="U1581" s="55"/>
      <c r="V1581" s="55"/>
      <c r="W1581" s="55"/>
      <c r="X1581" s="55"/>
      <c r="Y1581" s="55"/>
      <c r="Z1581" s="55"/>
      <c r="AA1581" s="55"/>
      <c r="AB1581" s="55"/>
      <c r="AC1581" s="55"/>
      <c r="AD1581" s="55"/>
      <c r="AE1581" s="55"/>
      <c r="AF1581" s="55"/>
      <c r="AG1581" s="55"/>
      <c r="AY1581" s="162"/>
      <c r="AZ1581" s="162"/>
      <c r="BA1581" s="162"/>
      <c r="BB1581" s="162"/>
      <c r="BC1581" s="162"/>
      <c r="BD1581" s="162"/>
      <c r="BE1581" s="162"/>
      <c r="BF1581" s="162"/>
      <c r="BG1581" s="162"/>
      <c r="BH1581" s="162"/>
      <c r="BI1581" s="162"/>
      <c r="BJ1581" s="162"/>
      <c r="BK1581" s="162"/>
      <c r="BL1581" s="162"/>
      <c r="BM1581" s="162"/>
      <c r="BN1581" s="162"/>
      <c r="BO1581" s="162"/>
      <c r="BP1581" s="162"/>
      <c r="BQ1581" s="162"/>
      <c r="BR1581" s="162"/>
      <c r="BS1581" s="162"/>
      <c r="BT1581" s="162"/>
      <c r="BU1581" s="162"/>
      <c r="BV1581" s="162"/>
      <c r="BW1581" s="162"/>
      <c r="BX1581" s="162"/>
      <c r="BY1581" s="162"/>
      <c r="BZ1581" s="162"/>
      <c r="CA1581" s="162"/>
      <c r="CB1581" s="162"/>
      <c r="CC1581" s="162"/>
      <c r="CD1581" s="162"/>
      <c r="CE1581" s="162"/>
      <c r="CF1581" s="162"/>
      <c r="CG1581" s="162"/>
      <c r="CH1581" s="162"/>
      <c r="CI1581" s="162"/>
      <c r="CJ1581" s="162"/>
      <c r="CK1581" s="162"/>
      <c r="CX1581" s="98"/>
      <c r="DL1581" s="97"/>
      <c r="DX1581" s="98"/>
      <c r="EL1581" s="97"/>
      <c r="EX1581" s="98"/>
      <c r="EY1581" s="97"/>
      <c r="FL1581" s="126"/>
      <c r="FM1581" s="91"/>
      <c r="FN1581" s="91"/>
      <c r="FO1581" s="91"/>
      <c r="FP1581" s="91"/>
      <c r="FQ1581" s="91"/>
      <c r="FR1581" s="91"/>
      <c r="FS1581" s="91"/>
      <c r="FT1581" s="91"/>
      <c r="FU1581" s="91"/>
      <c r="FV1581" s="91"/>
      <c r="FW1581" s="91"/>
      <c r="FX1581" s="91"/>
      <c r="FY1581" s="91"/>
      <c r="FZ1581" s="91"/>
      <c r="GA1581" s="91"/>
      <c r="GB1581" s="91"/>
      <c r="GC1581" s="91"/>
      <c r="GD1581" s="91"/>
      <c r="GE1581" s="91"/>
      <c r="GF1581" s="91"/>
      <c r="GG1581" s="91"/>
      <c r="GH1581" s="91"/>
      <c r="GI1581" s="91"/>
      <c r="GJ1581" s="91"/>
      <c r="GK1581" s="127"/>
      <c r="GL1581" s="126"/>
      <c r="GM1581" s="91"/>
      <c r="GN1581" s="91"/>
      <c r="GO1581" s="91"/>
      <c r="GP1581" s="91"/>
      <c r="GQ1581" s="91"/>
      <c r="GR1581" s="91"/>
      <c r="GS1581" s="91"/>
      <c r="GT1581" s="91"/>
      <c r="GU1581" s="91"/>
      <c r="GV1581" s="91"/>
      <c r="GW1581" s="91"/>
      <c r="GX1581" s="91"/>
      <c r="GY1581" s="91"/>
      <c r="GZ1581" s="91"/>
      <c r="HA1581" s="91"/>
      <c r="HB1581" s="91"/>
      <c r="HC1581" s="91"/>
      <c r="HD1581" s="91"/>
      <c r="HE1581" s="91"/>
      <c r="HF1581" s="91"/>
      <c r="HG1581" s="91"/>
      <c r="HH1581" s="91"/>
      <c r="HI1581" s="91"/>
      <c r="HJ1581" s="91"/>
      <c r="HK1581" s="127"/>
      <c r="HL1581" s="126"/>
      <c r="HM1581" s="91"/>
      <c r="HN1581" s="91"/>
      <c r="HO1581" s="91"/>
      <c r="HP1581" s="91"/>
      <c r="HQ1581" s="91"/>
      <c r="HR1581" s="91"/>
      <c r="HS1581" s="91"/>
      <c r="HT1581" s="91"/>
      <c r="HU1581" s="91"/>
      <c r="HV1581" s="91"/>
      <c r="HW1581" s="91"/>
      <c r="HX1581" s="91"/>
      <c r="HY1581" s="91"/>
      <c r="HZ1581" s="91"/>
      <c r="IA1581" s="91"/>
      <c r="IB1581" s="91"/>
      <c r="IC1581" s="91"/>
      <c r="ID1581" s="91"/>
      <c r="IE1581" s="91"/>
      <c r="IF1581" s="91"/>
      <c r="IG1581" s="91"/>
      <c r="IH1581" s="91"/>
      <c r="II1581" s="91"/>
      <c r="IJ1581" s="91"/>
      <c r="IK1581" s="127"/>
    </row>
    <row r="1582" spans="2:245" x14ac:dyDescent="0.2">
      <c r="B1582" s="43"/>
      <c r="C1582" s="73"/>
      <c r="D1582" s="64"/>
      <c r="E1582" s="64"/>
      <c r="F1582" s="55"/>
      <c r="G1582" s="102"/>
      <c r="H1582" s="55"/>
      <c r="I1582" s="55"/>
      <c r="J1582" s="55"/>
      <c r="K1582" s="55"/>
      <c r="L1582" s="55"/>
      <c r="M1582" s="55"/>
      <c r="N1582" s="55"/>
      <c r="O1582" s="55"/>
      <c r="P1582" s="55"/>
      <c r="Q1582" s="55"/>
      <c r="R1582" s="55"/>
      <c r="S1582" s="55"/>
      <c r="T1582" s="55"/>
      <c r="U1582" s="55"/>
      <c r="V1582" s="55"/>
      <c r="W1582" s="55"/>
      <c r="X1582" s="55"/>
      <c r="Y1582" s="55"/>
      <c r="Z1582" s="55"/>
      <c r="AA1582" s="55"/>
      <c r="AB1582" s="55"/>
      <c r="AC1582" s="55"/>
      <c r="AD1582" s="55"/>
      <c r="AE1582" s="55"/>
      <c r="AF1582" s="55"/>
      <c r="AG1582" s="55"/>
      <c r="AY1582" s="162"/>
      <c r="AZ1582" s="162"/>
      <c r="BA1582" s="162"/>
      <c r="BB1582" s="162"/>
      <c r="BC1582" s="162"/>
      <c r="BD1582" s="162"/>
      <c r="BE1582" s="162"/>
      <c r="BF1582" s="162"/>
      <c r="BG1582" s="162"/>
      <c r="BH1582" s="162"/>
      <c r="BI1582" s="162"/>
      <c r="BJ1582" s="162"/>
      <c r="BK1582" s="162"/>
      <c r="BL1582" s="162"/>
      <c r="BM1582" s="162"/>
      <c r="BN1582" s="162"/>
      <c r="BO1582" s="162"/>
      <c r="BP1582" s="162"/>
      <c r="BQ1582" s="162"/>
      <c r="BR1582" s="162"/>
      <c r="BS1582" s="162"/>
      <c r="BT1582" s="162"/>
      <c r="BU1582" s="162"/>
      <c r="BV1582" s="162"/>
      <c r="BW1582" s="162"/>
      <c r="BX1582" s="162"/>
      <c r="BY1582" s="162"/>
      <c r="BZ1582" s="162"/>
      <c r="CA1582" s="162"/>
      <c r="CB1582" s="162"/>
      <c r="CC1582" s="162"/>
      <c r="CD1582" s="162"/>
      <c r="CE1582" s="162"/>
      <c r="CF1582" s="162"/>
      <c r="CG1582" s="162"/>
      <c r="CH1582" s="162"/>
      <c r="CI1582" s="162"/>
      <c r="CJ1582" s="162"/>
      <c r="CK1582" s="162"/>
      <c r="CX1582" s="98"/>
      <c r="DL1582" s="97"/>
      <c r="DX1582" s="98"/>
      <c r="EL1582" s="97"/>
      <c r="EX1582" s="98"/>
      <c r="EY1582" s="97"/>
      <c r="FL1582" s="126"/>
      <c r="FM1582" s="91"/>
      <c r="FN1582" s="91"/>
      <c r="FO1582" s="91"/>
      <c r="FP1582" s="91"/>
      <c r="FQ1582" s="91"/>
      <c r="FR1582" s="91"/>
      <c r="FS1582" s="91"/>
      <c r="FT1582" s="91"/>
      <c r="FU1582" s="91"/>
      <c r="FV1582" s="91"/>
      <c r="FW1582" s="91"/>
      <c r="FX1582" s="91"/>
      <c r="FY1582" s="91"/>
      <c r="FZ1582" s="91"/>
      <c r="GA1582" s="91"/>
      <c r="GB1582" s="91"/>
      <c r="GC1582" s="91"/>
      <c r="GD1582" s="91"/>
      <c r="GE1582" s="91"/>
      <c r="GF1582" s="91"/>
      <c r="GG1582" s="91"/>
      <c r="GH1582" s="91"/>
      <c r="GI1582" s="91"/>
      <c r="GJ1582" s="91"/>
      <c r="GK1582" s="127"/>
      <c r="GL1582" s="126"/>
      <c r="GM1582" s="91"/>
      <c r="GN1582" s="91"/>
      <c r="GO1582" s="91"/>
      <c r="GP1582" s="91"/>
      <c r="GQ1582" s="91"/>
      <c r="GR1582" s="91"/>
      <c r="GS1582" s="91"/>
      <c r="GT1582" s="91"/>
      <c r="GU1582" s="91"/>
      <c r="GV1582" s="91"/>
      <c r="GW1582" s="91"/>
      <c r="GX1582" s="91"/>
      <c r="GY1582" s="91"/>
      <c r="GZ1582" s="91"/>
      <c r="HA1582" s="91"/>
      <c r="HB1582" s="91"/>
      <c r="HC1582" s="91"/>
      <c r="HD1582" s="91"/>
      <c r="HE1582" s="91"/>
      <c r="HF1582" s="91"/>
      <c r="HG1582" s="91"/>
      <c r="HH1582" s="91"/>
      <c r="HI1582" s="91"/>
      <c r="HJ1582" s="91"/>
      <c r="HK1582" s="127"/>
      <c r="HL1582" s="126"/>
      <c r="HM1582" s="91"/>
      <c r="HN1582" s="91"/>
      <c r="HO1582" s="91"/>
      <c r="HP1582" s="91"/>
      <c r="HQ1582" s="91"/>
      <c r="HR1582" s="91"/>
      <c r="HS1582" s="91"/>
      <c r="HT1582" s="91"/>
      <c r="HU1582" s="91"/>
      <c r="HV1582" s="91"/>
      <c r="HW1582" s="91"/>
      <c r="HX1582" s="91"/>
      <c r="HY1582" s="91"/>
      <c r="HZ1582" s="91"/>
      <c r="IA1582" s="91"/>
      <c r="IB1582" s="91"/>
      <c r="IC1582" s="91"/>
      <c r="ID1582" s="91"/>
      <c r="IE1582" s="91"/>
      <c r="IF1582" s="91"/>
      <c r="IG1582" s="91"/>
      <c r="IH1582" s="91"/>
      <c r="II1582" s="91"/>
      <c r="IJ1582" s="91"/>
      <c r="IK1582" s="127"/>
    </row>
    <row r="1583" spans="2:245" x14ac:dyDescent="0.2">
      <c r="B1583" s="43"/>
      <c r="C1583" s="73"/>
      <c r="D1583" s="64"/>
      <c r="E1583" s="64"/>
      <c r="F1583" s="55"/>
      <c r="G1583" s="102"/>
      <c r="H1583" s="55"/>
      <c r="I1583" s="55"/>
      <c r="J1583" s="55"/>
      <c r="K1583" s="55"/>
      <c r="L1583" s="55"/>
      <c r="M1583" s="55"/>
      <c r="N1583" s="55"/>
      <c r="O1583" s="55"/>
      <c r="P1583" s="55"/>
      <c r="Q1583" s="55"/>
      <c r="R1583" s="55"/>
      <c r="S1583" s="55"/>
      <c r="T1583" s="55"/>
      <c r="U1583" s="55"/>
      <c r="V1583" s="55"/>
      <c r="W1583" s="55"/>
      <c r="X1583" s="55"/>
      <c r="Y1583" s="55"/>
      <c r="Z1583" s="55"/>
      <c r="AA1583" s="55"/>
      <c r="AB1583" s="55"/>
      <c r="AC1583" s="55"/>
      <c r="AD1583" s="55"/>
      <c r="AE1583" s="55"/>
      <c r="AF1583" s="55"/>
      <c r="AG1583" s="55"/>
      <c r="AY1583" s="162"/>
      <c r="AZ1583" s="162"/>
      <c r="BA1583" s="162"/>
      <c r="BB1583" s="162"/>
      <c r="BC1583" s="162"/>
      <c r="BD1583" s="162"/>
      <c r="BE1583" s="162"/>
      <c r="BF1583" s="162"/>
      <c r="BG1583" s="162"/>
      <c r="BH1583" s="162"/>
      <c r="BI1583" s="162"/>
      <c r="BJ1583" s="162"/>
      <c r="BK1583" s="162"/>
      <c r="BL1583" s="162"/>
      <c r="BM1583" s="162"/>
      <c r="BN1583" s="162"/>
      <c r="BO1583" s="162"/>
      <c r="BP1583" s="162"/>
      <c r="BQ1583" s="162"/>
      <c r="BR1583" s="162"/>
      <c r="BS1583" s="162"/>
      <c r="BT1583" s="162"/>
      <c r="BU1583" s="162"/>
      <c r="BV1583" s="162"/>
      <c r="BW1583" s="162"/>
      <c r="BX1583" s="162"/>
      <c r="BY1583" s="162"/>
      <c r="BZ1583" s="162"/>
      <c r="CA1583" s="162"/>
      <c r="CB1583" s="162"/>
      <c r="CC1583" s="162"/>
      <c r="CD1583" s="162"/>
      <c r="CE1583" s="162"/>
      <c r="CF1583" s="162"/>
      <c r="CG1583" s="162"/>
      <c r="CH1583" s="162"/>
      <c r="CI1583" s="162"/>
      <c r="CJ1583" s="162"/>
      <c r="CK1583" s="162"/>
      <c r="CX1583" s="98"/>
      <c r="DL1583" s="97"/>
      <c r="DX1583" s="98"/>
      <c r="EL1583" s="97"/>
      <c r="EX1583" s="98"/>
      <c r="EY1583" s="97"/>
      <c r="FL1583" s="126"/>
      <c r="FM1583" s="91"/>
      <c r="FN1583" s="91"/>
      <c r="FO1583" s="91"/>
      <c r="FP1583" s="91"/>
      <c r="FQ1583" s="91"/>
      <c r="FR1583" s="91"/>
      <c r="FS1583" s="91"/>
      <c r="FT1583" s="91"/>
      <c r="FU1583" s="91"/>
      <c r="FV1583" s="91"/>
      <c r="FW1583" s="91"/>
      <c r="FX1583" s="91"/>
      <c r="FY1583" s="91"/>
      <c r="FZ1583" s="91"/>
      <c r="GA1583" s="91"/>
      <c r="GB1583" s="91"/>
      <c r="GC1583" s="91"/>
      <c r="GD1583" s="91"/>
      <c r="GE1583" s="91"/>
      <c r="GF1583" s="91"/>
      <c r="GG1583" s="91"/>
      <c r="GH1583" s="91"/>
      <c r="GI1583" s="91"/>
      <c r="GJ1583" s="91"/>
      <c r="GK1583" s="127"/>
      <c r="GL1583" s="126"/>
      <c r="GM1583" s="91"/>
      <c r="GN1583" s="91"/>
      <c r="GO1583" s="91"/>
      <c r="GP1583" s="91"/>
      <c r="GQ1583" s="91"/>
      <c r="GR1583" s="91"/>
      <c r="GS1583" s="91"/>
      <c r="GT1583" s="91"/>
      <c r="GU1583" s="91"/>
      <c r="GV1583" s="91"/>
      <c r="GW1583" s="91"/>
      <c r="GX1583" s="91"/>
      <c r="GY1583" s="91"/>
      <c r="GZ1583" s="91"/>
      <c r="HA1583" s="91"/>
      <c r="HB1583" s="91"/>
      <c r="HC1583" s="91"/>
      <c r="HD1583" s="91"/>
      <c r="HE1583" s="91"/>
      <c r="HF1583" s="91"/>
      <c r="HG1583" s="91"/>
      <c r="HH1583" s="91"/>
      <c r="HI1583" s="91"/>
      <c r="HJ1583" s="91"/>
      <c r="HK1583" s="127"/>
      <c r="HL1583" s="126"/>
      <c r="HM1583" s="91"/>
      <c r="HN1583" s="91"/>
      <c r="HO1583" s="91"/>
      <c r="HP1583" s="91"/>
      <c r="HQ1583" s="91"/>
      <c r="HR1583" s="91"/>
      <c r="HS1583" s="91"/>
      <c r="HT1583" s="91"/>
      <c r="HU1583" s="91"/>
      <c r="HV1583" s="91"/>
      <c r="HW1583" s="91"/>
      <c r="HX1583" s="91"/>
      <c r="HY1583" s="91"/>
      <c r="HZ1583" s="91"/>
      <c r="IA1583" s="91"/>
      <c r="IB1583" s="91"/>
      <c r="IC1583" s="91"/>
      <c r="ID1583" s="91"/>
      <c r="IE1583" s="91"/>
      <c r="IF1583" s="91"/>
      <c r="IG1583" s="91"/>
      <c r="IH1583" s="91"/>
      <c r="II1583" s="91"/>
      <c r="IJ1583" s="91"/>
      <c r="IK1583" s="127"/>
    </row>
    <row r="1584" spans="2:245" x14ac:dyDescent="0.2">
      <c r="B1584" s="43"/>
      <c r="C1584" s="73"/>
      <c r="D1584" s="64"/>
      <c r="E1584" s="64"/>
      <c r="F1584" s="55"/>
      <c r="G1584" s="102"/>
      <c r="H1584" s="55"/>
      <c r="I1584" s="55"/>
      <c r="J1584" s="55"/>
      <c r="K1584" s="55"/>
      <c r="L1584" s="55"/>
      <c r="M1584" s="55"/>
      <c r="N1584" s="55"/>
      <c r="O1584" s="55"/>
      <c r="P1584" s="55"/>
      <c r="Q1584" s="55"/>
      <c r="R1584" s="55"/>
      <c r="S1584" s="55"/>
      <c r="T1584" s="55"/>
      <c r="U1584" s="55"/>
      <c r="V1584" s="55"/>
      <c r="W1584" s="55"/>
      <c r="X1584" s="55"/>
      <c r="Y1584" s="55"/>
      <c r="Z1584" s="55"/>
      <c r="AA1584" s="55"/>
      <c r="AB1584" s="55"/>
      <c r="AC1584" s="55"/>
      <c r="AD1584" s="55"/>
      <c r="AE1584" s="55"/>
      <c r="AF1584" s="55"/>
      <c r="AG1584" s="55"/>
      <c r="AY1584" s="162"/>
      <c r="AZ1584" s="162"/>
      <c r="BA1584" s="162"/>
      <c r="BB1584" s="162"/>
      <c r="BC1584" s="162"/>
      <c r="BD1584" s="162"/>
      <c r="BE1584" s="162"/>
      <c r="BF1584" s="162"/>
      <c r="BG1584" s="162"/>
      <c r="BH1584" s="162"/>
      <c r="BI1584" s="162"/>
      <c r="BJ1584" s="162"/>
      <c r="BK1584" s="162"/>
      <c r="BL1584" s="162"/>
      <c r="BM1584" s="162"/>
      <c r="BN1584" s="162"/>
      <c r="BO1584" s="162"/>
      <c r="BP1584" s="162"/>
      <c r="BQ1584" s="162"/>
      <c r="BR1584" s="162"/>
      <c r="BS1584" s="162"/>
      <c r="BT1584" s="162"/>
      <c r="BU1584" s="162"/>
      <c r="BV1584" s="162"/>
      <c r="BW1584" s="162"/>
      <c r="BX1584" s="162"/>
      <c r="BY1584" s="162"/>
      <c r="BZ1584" s="162"/>
      <c r="CA1584" s="162"/>
      <c r="CB1584" s="162"/>
      <c r="CC1584" s="162"/>
      <c r="CD1584" s="162"/>
      <c r="CE1584" s="162"/>
      <c r="CF1584" s="162"/>
      <c r="CG1584" s="162"/>
      <c r="CH1584" s="162"/>
      <c r="CI1584" s="162"/>
      <c r="CJ1584" s="162"/>
      <c r="CK1584" s="162"/>
      <c r="CX1584" s="98"/>
      <c r="DL1584" s="97"/>
      <c r="DX1584" s="98"/>
      <c r="EL1584" s="97"/>
      <c r="EX1584" s="98"/>
      <c r="EY1584" s="97"/>
      <c r="FL1584" s="126"/>
      <c r="FM1584" s="91"/>
      <c r="FN1584" s="91"/>
      <c r="FO1584" s="91"/>
      <c r="FP1584" s="91"/>
      <c r="FQ1584" s="91"/>
      <c r="FR1584" s="91"/>
      <c r="FS1584" s="91"/>
      <c r="FT1584" s="91"/>
      <c r="FU1584" s="91"/>
      <c r="FV1584" s="91"/>
      <c r="FW1584" s="91"/>
      <c r="FX1584" s="91"/>
      <c r="FY1584" s="91"/>
      <c r="FZ1584" s="91"/>
      <c r="GA1584" s="91"/>
      <c r="GB1584" s="91"/>
      <c r="GC1584" s="91"/>
      <c r="GD1584" s="91"/>
      <c r="GE1584" s="91"/>
      <c r="GF1584" s="91"/>
      <c r="GG1584" s="91"/>
      <c r="GH1584" s="91"/>
      <c r="GI1584" s="91"/>
      <c r="GJ1584" s="91"/>
      <c r="GK1584" s="127"/>
      <c r="GL1584" s="126"/>
      <c r="GM1584" s="91"/>
      <c r="GN1584" s="91"/>
      <c r="GO1584" s="91"/>
      <c r="GP1584" s="91"/>
      <c r="GQ1584" s="91"/>
      <c r="GR1584" s="91"/>
      <c r="GS1584" s="91"/>
      <c r="GT1584" s="91"/>
      <c r="GU1584" s="91"/>
      <c r="GV1584" s="91"/>
      <c r="GW1584" s="91"/>
      <c r="GX1584" s="91"/>
      <c r="GY1584" s="91"/>
      <c r="GZ1584" s="91"/>
      <c r="HA1584" s="91"/>
      <c r="HB1584" s="91"/>
      <c r="HC1584" s="91"/>
      <c r="HD1584" s="91"/>
      <c r="HE1584" s="91"/>
      <c r="HF1584" s="91"/>
      <c r="HG1584" s="91"/>
      <c r="HH1584" s="91"/>
      <c r="HI1584" s="91"/>
      <c r="HJ1584" s="91"/>
      <c r="HK1584" s="127"/>
      <c r="HL1584" s="126"/>
      <c r="HM1584" s="91"/>
      <c r="HN1584" s="91"/>
      <c r="HO1584" s="91"/>
      <c r="HP1584" s="91"/>
      <c r="HQ1584" s="91"/>
      <c r="HR1584" s="91"/>
      <c r="HS1584" s="91"/>
      <c r="HT1584" s="91"/>
      <c r="HU1584" s="91"/>
      <c r="HV1584" s="91"/>
      <c r="HW1584" s="91"/>
      <c r="HX1584" s="91"/>
      <c r="HY1584" s="91"/>
      <c r="HZ1584" s="91"/>
      <c r="IA1584" s="91"/>
      <c r="IB1584" s="91"/>
      <c r="IC1584" s="91"/>
      <c r="ID1584" s="91"/>
      <c r="IE1584" s="91"/>
      <c r="IF1584" s="91"/>
      <c r="IG1584" s="91"/>
      <c r="IH1584" s="91"/>
      <c r="II1584" s="91"/>
      <c r="IJ1584" s="91"/>
      <c r="IK1584" s="127"/>
    </row>
    <row r="1585" spans="2:245" x14ac:dyDescent="0.2">
      <c r="B1585" s="43"/>
      <c r="C1585" s="73"/>
      <c r="D1585" s="64"/>
      <c r="E1585" s="64"/>
      <c r="F1585" s="55"/>
      <c r="G1585" s="102"/>
      <c r="H1585" s="55"/>
      <c r="I1585" s="55"/>
      <c r="J1585" s="55"/>
      <c r="K1585" s="55"/>
      <c r="L1585" s="55"/>
      <c r="M1585" s="55"/>
      <c r="N1585" s="55"/>
      <c r="O1585" s="55"/>
      <c r="P1585" s="55"/>
      <c r="Q1585" s="55"/>
      <c r="R1585" s="55"/>
      <c r="S1585" s="55"/>
      <c r="T1585" s="55"/>
      <c r="U1585" s="55"/>
      <c r="V1585" s="55"/>
      <c r="W1585" s="55"/>
      <c r="X1585" s="55"/>
      <c r="Y1585" s="55"/>
      <c r="Z1585" s="55"/>
      <c r="AA1585" s="55"/>
      <c r="AB1585" s="55"/>
      <c r="AC1585" s="55"/>
      <c r="AD1585" s="55"/>
      <c r="AE1585" s="55"/>
      <c r="AF1585" s="55"/>
      <c r="AG1585" s="55"/>
      <c r="AY1585" s="162"/>
      <c r="AZ1585" s="162"/>
      <c r="BA1585" s="162"/>
      <c r="BB1585" s="162"/>
      <c r="BC1585" s="162"/>
      <c r="BD1585" s="162"/>
      <c r="BE1585" s="162"/>
      <c r="BF1585" s="162"/>
      <c r="BG1585" s="162"/>
      <c r="BH1585" s="162"/>
      <c r="BI1585" s="162"/>
      <c r="BJ1585" s="162"/>
      <c r="BK1585" s="162"/>
      <c r="BL1585" s="162"/>
      <c r="BM1585" s="162"/>
      <c r="BN1585" s="162"/>
      <c r="BO1585" s="162"/>
      <c r="BP1585" s="162"/>
      <c r="BQ1585" s="162"/>
      <c r="BR1585" s="162"/>
      <c r="BS1585" s="162"/>
      <c r="BT1585" s="162"/>
      <c r="BU1585" s="162"/>
      <c r="BV1585" s="162"/>
      <c r="BW1585" s="162"/>
      <c r="BX1585" s="162"/>
      <c r="BY1585" s="162"/>
      <c r="BZ1585" s="162"/>
      <c r="CA1585" s="162"/>
      <c r="CB1585" s="162"/>
      <c r="CC1585" s="162"/>
      <c r="CD1585" s="162"/>
      <c r="CE1585" s="162"/>
      <c r="CF1585" s="162"/>
      <c r="CG1585" s="162"/>
      <c r="CH1585" s="162"/>
      <c r="CI1585" s="162"/>
      <c r="CJ1585" s="162"/>
      <c r="CK1585" s="162"/>
      <c r="CX1585" s="98"/>
      <c r="DL1585" s="97"/>
      <c r="DX1585" s="98"/>
      <c r="EL1585" s="97"/>
      <c r="EX1585" s="98"/>
      <c r="EY1585" s="97"/>
      <c r="FL1585" s="126"/>
      <c r="FM1585" s="91"/>
      <c r="FN1585" s="91"/>
      <c r="FO1585" s="91"/>
      <c r="FP1585" s="91"/>
      <c r="FQ1585" s="91"/>
      <c r="FR1585" s="91"/>
      <c r="FS1585" s="91"/>
      <c r="FT1585" s="91"/>
      <c r="FU1585" s="91"/>
      <c r="FV1585" s="91"/>
      <c r="FW1585" s="91"/>
      <c r="FX1585" s="91"/>
      <c r="FY1585" s="91"/>
      <c r="FZ1585" s="91"/>
      <c r="GA1585" s="91"/>
      <c r="GB1585" s="91"/>
      <c r="GC1585" s="91"/>
      <c r="GD1585" s="91"/>
      <c r="GE1585" s="91"/>
      <c r="GF1585" s="91"/>
      <c r="GG1585" s="91"/>
      <c r="GH1585" s="91"/>
      <c r="GI1585" s="91"/>
      <c r="GJ1585" s="91"/>
      <c r="GK1585" s="127"/>
      <c r="GL1585" s="126"/>
      <c r="GM1585" s="91"/>
      <c r="GN1585" s="91"/>
      <c r="GO1585" s="91"/>
      <c r="GP1585" s="91"/>
      <c r="GQ1585" s="91"/>
      <c r="GR1585" s="91"/>
      <c r="GS1585" s="91"/>
      <c r="GT1585" s="91"/>
      <c r="GU1585" s="91"/>
      <c r="GV1585" s="91"/>
      <c r="GW1585" s="91"/>
      <c r="GX1585" s="91"/>
      <c r="GY1585" s="91"/>
      <c r="GZ1585" s="91"/>
      <c r="HA1585" s="91"/>
      <c r="HB1585" s="91"/>
      <c r="HC1585" s="91"/>
      <c r="HD1585" s="91"/>
      <c r="HE1585" s="91"/>
      <c r="HF1585" s="91"/>
      <c r="HG1585" s="91"/>
      <c r="HH1585" s="91"/>
      <c r="HI1585" s="91"/>
      <c r="HJ1585" s="91"/>
      <c r="HK1585" s="127"/>
      <c r="HL1585" s="126"/>
      <c r="HM1585" s="91"/>
      <c r="HN1585" s="91"/>
      <c r="HO1585" s="91"/>
      <c r="HP1585" s="91"/>
      <c r="HQ1585" s="91"/>
      <c r="HR1585" s="91"/>
      <c r="HS1585" s="91"/>
      <c r="HT1585" s="91"/>
      <c r="HU1585" s="91"/>
      <c r="HV1585" s="91"/>
      <c r="HW1585" s="91"/>
      <c r="HX1585" s="91"/>
      <c r="HY1585" s="91"/>
      <c r="HZ1585" s="91"/>
      <c r="IA1585" s="91"/>
      <c r="IB1585" s="91"/>
      <c r="IC1585" s="91"/>
      <c r="ID1585" s="91"/>
      <c r="IE1585" s="91"/>
      <c r="IF1585" s="91"/>
      <c r="IG1585" s="91"/>
      <c r="IH1585" s="91"/>
      <c r="II1585" s="91"/>
      <c r="IJ1585" s="91"/>
      <c r="IK1585" s="127"/>
    </row>
    <row r="1586" spans="2:245" x14ac:dyDescent="0.2">
      <c r="B1586" s="43"/>
      <c r="C1586" s="73"/>
      <c r="D1586" s="64"/>
      <c r="E1586" s="64"/>
      <c r="F1586" s="55"/>
      <c r="G1586" s="102"/>
      <c r="H1586" s="55"/>
      <c r="I1586" s="55"/>
      <c r="J1586" s="55"/>
      <c r="K1586" s="55"/>
      <c r="L1586" s="55"/>
      <c r="M1586" s="55"/>
      <c r="N1586" s="55"/>
      <c r="O1586" s="55"/>
      <c r="P1586" s="55"/>
      <c r="Q1586" s="55"/>
      <c r="R1586" s="55"/>
      <c r="S1586" s="55"/>
      <c r="T1586" s="55"/>
      <c r="U1586" s="55"/>
      <c r="V1586" s="55"/>
      <c r="W1586" s="55"/>
      <c r="X1586" s="55"/>
      <c r="Y1586" s="55"/>
      <c r="Z1586" s="55"/>
      <c r="AA1586" s="55"/>
      <c r="AB1586" s="55"/>
      <c r="AC1586" s="55"/>
      <c r="AD1586" s="55"/>
      <c r="AE1586" s="55"/>
      <c r="AF1586" s="55"/>
      <c r="AG1586" s="55"/>
      <c r="AY1586" s="162"/>
      <c r="AZ1586" s="162"/>
      <c r="BA1586" s="162"/>
      <c r="BB1586" s="162"/>
      <c r="BC1586" s="162"/>
      <c r="BD1586" s="162"/>
      <c r="BE1586" s="162"/>
      <c r="BF1586" s="162"/>
      <c r="BG1586" s="162"/>
      <c r="BH1586" s="162"/>
      <c r="BI1586" s="162"/>
      <c r="BJ1586" s="162"/>
      <c r="BK1586" s="162"/>
      <c r="BL1586" s="162"/>
      <c r="BM1586" s="162"/>
      <c r="BN1586" s="162"/>
      <c r="BO1586" s="162"/>
      <c r="BP1586" s="162"/>
      <c r="BQ1586" s="162"/>
      <c r="BR1586" s="162"/>
      <c r="BS1586" s="162"/>
      <c r="BT1586" s="162"/>
      <c r="BU1586" s="162"/>
      <c r="BV1586" s="162"/>
      <c r="BW1586" s="162"/>
      <c r="BX1586" s="162"/>
      <c r="BY1586" s="162"/>
      <c r="BZ1586" s="162"/>
      <c r="CA1586" s="162"/>
      <c r="CB1586" s="162"/>
      <c r="CC1586" s="162"/>
      <c r="CD1586" s="162"/>
      <c r="CE1586" s="162"/>
      <c r="CF1586" s="162"/>
      <c r="CG1586" s="162"/>
      <c r="CH1586" s="162"/>
      <c r="CI1586" s="162"/>
      <c r="CJ1586" s="162"/>
      <c r="CK1586" s="162"/>
      <c r="CX1586" s="98"/>
      <c r="DL1586" s="97"/>
      <c r="DX1586" s="98"/>
      <c r="EL1586" s="97"/>
      <c r="EX1586" s="98"/>
      <c r="EY1586" s="97"/>
      <c r="FL1586" s="126"/>
      <c r="FM1586" s="91"/>
      <c r="FN1586" s="91"/>
      <c r="FO1586" s="91"/>
      <c r="FP1586" s="91"/>
      <c r="FQ1586" s="91"/>
      <c r="FR1586" s="91"/>
      <c r="FS1586" s="91"/>
      <c r="FT1586" s="91"/>
      <c r="FU1586" s="91"/>
      <c r="FV1586" s="91"/>
      <c r="FW1586" s="91"/>
      <c r="FX1586" s="91"/>
      <c r="FY1586" s="91"/>
      <c r="FZ1586" s="91"/>
      <c r="GA1586" s="91"/>
      <c r="GB1586" s="91"/>
      <c r="GC1586" s="91"/>
      <c r="GD1586" s="91"/>
      <c r="GE1586" s="91"/>
      <c r="GF1586" s="91"/>
      <c r="GG1586" s="91"/>
      <c r="GH1586" s="91"/>
      <c r="GI1586" s="91"/>
      <c r="GJ1586" s="91"/>
      <c r="GK1586" s="127"/>
      <c r="GL1586" s="126"/>
      <c r="GM1586" s="91"/>
      <c r="GN1586" s="91"/>
      <c r="GO1586" s="91"/>
      <c r="GP1586" s="91"/>
      <c r="GQ1586" s="91"/>
      <c r="GR1586" s="91"/>
      <c r="GS1586" s="91"/>
      <c r="GT1586" s="91"/>
      <c r="GU1586" s="91"/>
      <c r="GV1586" s="91"/>
      <c r="GW1586" s="91"/>
      <c r="GX1586" s="91"/>
      <c r="GY1586" s="91"/>
      <c r="GZ1586" s="91"/>
      <c r="HA1586" s="91"/>
      <c r="HB1586" s="91"/>
      <c r="HC1586" s="91"/>
      <c r="HD1586" s="91"/>
      <c r="HE1586" s="91"/>
      <c r="HF1586" s="91"/>
      <c r="HG1586" s="91"/>
      <c r="HH1586" s="91"/>
      <c r="HI1586" s="91"/>
      <c r="HJ1586" s="91"/>
      <c r="HK1586" s="127"/>
      <c r="HL1586" s="126"/>
      <c r="HM1586" s="91"/>
      <c r="HN1586" s="91"/>
      <c r="HO1586" s="91"/>
      <c r="HP1586" s="91"/>
      <c r="HQ1586" s="91"/>
      <c r="HR1586" s="91"/>
      <c r="HS1586" s="91"/>
      <c r="HT1586" s="91"/>
      <c r="HU1586" s="91"/>
      <c r="HV1586" s="91"/>
      <c r="HW1586" s="91"/>
      <c r="HX1586" s="91"/>
      <c r="HY1586" s="91"/>
      <c r="HZ1586" s="91"/>
      <c r="IA1586" s="91"/>
      <c r="IB1586" s="91"/>
      <c r="IC1586" s="91"/>
      <c r="ID1586" s="91"/>
      <c r="IE1586" s="91"/>
      <c r="IF1586" s="91"/>
      <c r="IG1586" s="91"/>
      <c r="IH1586" s="91"/>
      <c r="II1586" s="91"/>
      <c r="IJ1586" s="91"/>
      <c r="IK1586" s="127"/>
    </row>
    <row r="1587" spans="2:245" x14ac:dyDescent="0.2">
      <c r="B1587" s="43"/>
      <c r="C1587" s="73"/>
      <c r="D1587" s="64"/>
      <c r="E1587" s="64"/>
      <c r="F1587" s="55"/>
      <c r="G1587" s="102"/>
      <c r="H1587" s="55"/>
      <c r="I1587" s="55"/>
      <c r="J1587" s="55"/>
      <c r="K1587" s="55"/>
      <c r="L1587" s="55"/>
      <c r="M1587" s="55"/>
      <c r="N1587" s="55"/>
      <c r="O1587" s="55"/>
      <c r="P1587" s="55"/>
      <c r="Q1587" s="55"/>
      <c r="R1587" s="55"/>
      <c r="S1587" s="55"/>
      <c r="T1587" s="55"/>
      <c r="U1587" s="55"/>
      <c r="V1587" s="55"/>
      <c r="W1587" s="55"/>
      <c r="X1587" s="55"/>
      <c r="Y1587" s="55"/>
      <c r="Z1587" s="55"/>
      <c r="AA1587" s="55"/>
      <c r="AB1587" s="55"/>
      <c r="AC1587" s="55"/>
      <c r="AD1587" s="55"/>
      <c r="AE1587" s="55"/>
      <c r="AF1587" s="55"/>
      <c r="AG1587" s="55"/>
      <c r="AY1587" s="162"/>
      <c r="AZ1587" s="162"/>
      <c r="BA1587" s="162"/>
      <c r="BB1587" s="162"/>
      <c r="BC1587" s="162"/>
      <c r="BD1587" s="162"/>
      <c r="BE1587" s="162"/>
      <c r="BF1587" s="162"/>
      <c r="BG1587" s="162"/>
      <c r="BH1587" s="162"/>
      <c r="BI1587" s="162"/>
      <c r="BJ1587" s="162"/>
      <c r="BK1587" s="162"/>
      <c r="BL1587" s="162"/>
      <c r="BM1587" s="162"/>
      <c r="BN1587" s="162"/>
      <c r="BO1587" s="162"/>
      <c r="BP1587" s="162"/>
      <c r="BQ1587" s="162"/>
      <c r="BR1587" s="162"/>
      <c r="BS1587" s="162"/>
      <c r="BT1587" s="162"/>
      <c r="BU1587" s="162"/>
      <c r="BV1587" s="162"/>
      <c r="BW1587" s="162"/>
      <c r="BX1587" s="162"/>
      <c r="BY1587" s="162"/>
      <c r="BZ1587" s="162"/>
      <c r="CA1587" s="162"/>
      <c r="CB1587" s="162"/>
      <c r="CC1587" s="162"/>
      <c r="CD1587" s="162"/>
      <c r="CE1587" s="162"/>
      <c r="CF1587" s="162"/>
      <c r="CG1587" s="162"/>
      <c r="CH1587" s="162"/>
      <c r="CI1587" s="162"/>
      <c r="CJ1587" s="162"/>
      <c r="CK1587" s="162"/>
      <c r="CX1587" s="98"/>
      <c r="DL1587" s="97"/>
      <c r="DX1587" s="98"/>
      <c r="EL1587" s="97"/>
      <c r="EX1587" s="98"/>
      <c r="EY1587" s="97"/>
      <c r="FL1587" s="126"/>
      <c r="FM1587" s="91"/>
      <c r="FN1587" s="91"/>
      <c r="FO1587" s="91"/>
      <c r="FP1587" s="91"/>
      <c r="FQ1587" s="91"/>
      <c r="FR1587" s="91"/>
      <c r="FS1587" s="91"/>
      <c r="FT1587" s="91"/>
      <c r="FU1587" s="91"/>
      <c r="FV1587" s="91"/>
      <c r="FW1587" s="91"/>
      <c r="FX1587" s="91"/>
      <c r="FY1587" s="91"/>
      <c r="FZ1587" s="91"/>
      <c r="GA1587" s="91"/>
      <c r="GB1587" s="91"/>
      <c r="GC1587" s="91"/>
      <c r="GD1587" s="91"/>
      <c r="GE1587" s="91"/>
      <c r="GF1587" s="91"/>
      <c r="GG1587" s="91"/>
      <c r="GH1587" s="91"/>
      <c r="GI1587" s="91"/>
      <c r="GJ1587" s="91"/>
      <c r="GK1587" s="127"/>
      <c r="GL1587" s="126"/>
      <c r="GM1587" s="91"/>
      <c r="GN1587" s="91"/>
      <c r="GO1587" s="91"/>
      <c r="GP1587" s="91"/>
      <c r="GQ1587" s="91"/>
      <c r="GR1587" s="91"/>
      <c r="GS1587" s="91"/>
      <c r="GT1587" s="91"/>
      <c r="GU1587" s="91"/>
      <c r="GV1587" s="91"/>
      <c r="GW1587" s="91"/>
      <c r="GX1587" s="91"/>
      <c r="GY1587" s="91"/>
      <c r="GZ1587" s="91"/>
      <c r="HA1587" s="91"/>
      <c r="HB1587" s="91"/>
      <c r="HC1587" s="91"/>
      <c r="HD1587" s="91"/>
      <c r="HE1587" s="91"/>
      <c r="HF1587" s="91"/>
      <c r="HG1587" s="91"/>
      <c r="HH1587" s="91"/>
      <c r="HI1587" s="91"/>
      <c r="HJ1587" s="91"/>
      <c r="HK1587" s="127"/>
      <c r="HL1587" s="126"/>
      <c r="HM1587" s="91"/>
      <c r="HN1587" s="91"/>
      <c r="HO1587" s="91"/>
      <c r="HP1587" s="91"/>
      <c r="HQ1587" s="91"/>
      <c r="HR1587" s="91"/>
      <c r="HS1587" s="91"/>
      <c r="HT1587" s="91"/>
      <c r="HU1587" s="91"/>
      <c r="HV1587" s="91"/>
      <c r="HW1587" s="91"/>
      <c r="HX1587" s="91"/>
      <c r="HY1587" s="91"/>
      <c r="HZ1587" s="91"/>
      <c r="IA1587" s="91"/>
      <c r="IB1587" s="91"/>
      <c r="IC1587" s="91"/>
      <c r="ID1587" s="91"/>
      <c r="IE1587" s="91"/>
      <c r="IF1587" s="91"/>
      <c r="IG1587" s="91"/>
      <c r="IH1587" s="91"/>
      <c r="II1587" s="91"/>
      <c r="IJ1587" s="91"/>
      <c r="IK1587" s="127"/>
    </row>
    <row r="1588" spans="2:245" x14ac:dyDescent="0.2">
      <c r="B1588" s="43"/>
      <c r="C1588" s="73"/>
      <c r="D1588" s="64"/>
      <c r="E1588" s="64"/>
      <c r="F1588" s="55"/>
      <c r="G1588" s="102"/>
      <c r="H1588" s="55"/>
      <c r="I1588" s="55"/>
      <c r="J1588" s="55"/>
      <c r="K1588" s="55"/>
      <c r="L1588" s="55"/>
      <c r="M1588" s="55"/>
      <c r="N1588" s="55"/>
      <c r="O1588" s="55"/>
      <c r="P1588" s="55"/>
      <c r="Q1588" s="55"/>
      <c r="R1588" s="55"/>
      <c r="S1588" s="55"/>
      <c r="T1588" s="55"/>
      <c r="U1588" s="55"/>
      <c r="V1588" s="55"/>
      <c r="W1588" s="55"/>
      <c r="X1588" s="55"/>
      <c r="Y1588" s="55"/>
      <c r="Z1588" s="55"/>
      <c r="AA1588" s="55"/>
      <c r="AB1588" s="55"/>
      <c r="AC1588" s="55"/>
      <c r="AD1588" s="55"/>
      <c r="AE1588" s="55"/>
      <c r="AF1588" s="55"/>
      <c r="AG1588" s="55"/>
      <c r="AY1588" s="162"/>
      <c r="AZ1588" s="162"/>
      <c r="BA1588" s="162"/>
      <c r="BB1588" s="162"/>
      <c r="BC1588" s="162"/>
      <c r="BD1588" s="162"/>
      <c r="BE1588" s="162"/>
      <c r="BF1588" s="162"/>
      <c r="BG1588" s="162"/>
      <c r="BH1588" s="162"/>
      <c r="BI1588" s="162"/>
      <c r="BJ1588" s="162"/>
      <c r="BK1588" s="162"/>
      <c r="BL1588" s="162"/>
      <c r="BM1588" s="162"/>
      <c r="BN1588" s="162"/>
      <c r="BO1588" s="162"/>
      <c r="BP1588" s="162"/>
      <c r="BQ1588" s="162"/>
      <c r="BR1588" s="162"/>
      <c r="BS1588" s="162"/>
      <c r="BT1588" s="162"/>
      <c r="BU1588" s="162"/>
      <c r="BV1588" s="162"/>
      <c r="BW1588" s="162"/>
      <c r="BX1588" s="162"/>
      <c r="BY1588" s="162"/>
      <c r="BZ1588" s="162"/>
      <c r="CA1588" s="162"/>
      <c r="CB1588" s="162"/>
      <c r="CC1588" s="162"/>
      <c r="CD1588" s="162"/>
      <c r="CE1588" s="162"/>
      <c r="CF1588" s="162"/>
      <c r="CG1588" s="162"/>
      <c r="CH1588" s="162"/>
      <c r="CI1588" s="162"/>
      <c r="CJ1588" s="162"/>
      <c r="CK1588" s="162"/>
      <c r="CX1588" s="98"/>
      <c r="DL1588" s="97"/>
      <c r="DX1588" s="98"/>
      <c r="EL1588" s="97"/>
      <c r="EX1588" s="98"/>
      <c r="EY1588" s="97"/>
      <c r="FL1588" s="126"/>
      <c r="FM1588" s="91"/>
      <c r="FN1588" s="91"/>
      <c r="FO1588" s="91"/>
      <c r="FP1588" s="91"/>
      <c r="FQ1588" s="91"/>
      <c r="FR1588" s="91"/>
      <c r="FS1588" s="91"/>
      <c r="FT1588" s="91"/>
      <c r="FU1588" s="91"/>
      <c r="FV1588" s="91"/>
      <c r="FW1588" s="91"/>
      <c r="FX1588" s="91"/>
      <c r="FY1588" s="91"/>
      <c r="FZ1588" s="91"/>
      <c r="GA1588" s="91"/>
      <c r="GB1588" s="91"/>
      <c r="GC1588" s="91"/>
      <c r="GD1588" s="91"/>
      <c r="GE1588" s="91"/>
      <c r="GF1588" s="91"/>
      <c r="GG1588" s="91"/>
      <c r="GH1588" s="91"/>
      <c r="GI1588" s="91"/>
      <c r="GJ1588" s="91"/>
      <c r="GK1588" s="127"/>
      <c r="GL1588" s="126"/>
      <c r="GM1588" s="91"/>
      <c r="GN1588" s="91"/>
      <c r="GO1588" s="91"/>
      <c r="GP1588" s="91"/>
      <c r="GQ1588" s="91"/>
      <c r="GR1588" s="91"/>
      <c r="GS1588" s="91"/>
      <c r="GT1588" s="91"/>
      <c r="GU1588" s="91"/>
      <c r="GV1588" s="91"/>
      <c r="GW1588" s="91"/>
      <c r="GX1588" s="91"/>
      <c r="GY1588" s="91"/>
      <c r="GZ1588" s="91"/>
      <c r="HA1588" s="91"/>
      <c r="HB1588" s="91"/>
      <c r="HC1588" s="91"/>
      <c r="HD1588" s="91"/>
      <c r="HE1588" s="91"/>
      <c r="HF1588" s="91"/>
      <c r="HG1588" s="91"/>
      <c r="HH1588" s="91"/>
      <c r="HI1588" s="91"/>
      <c r="HJ1588" s="91"/>
      <c r="HK1588" s="127"/>
      <c r="HL1588" s="126"/>
      <c r="HM1588" s="91"/>
      <c r="HN1588" s="91"/>
      <c r="HO1588" s="91"/>
      <c r="HP1588" s="91"/>
      <c r="HQ1588" s="91"/>
      <c r="HR1588" s="91"/>
      <c r="HS1588" s="91"/>
      <c r="HT1588" s="91"/>
      <c r="HU1588" s="91"/>
      <c r="HV1588" s="91"/>
      <c r="HW1588" s="91"/>
      <c r="HX1588" s="91"/>
      <c r="HY1588" s="91"/>
      <c r="HZ1588" s="91"/>
      <c r="IA1588" s="91"/>
      <c r="IB1588" s="91"/>
      <c r="IC1588" s="91"/>
      <c r="ID1588" s="91"/>
      <c r="IE1588" s="91"/>
      <c r="IF1588" s="91"/>
      <c r="IG1588" s="91"/>
      <c r="IH1588" s="91"/>
      <c r="II1588" s="91"/>
      <c r="IJ1588" s="91"/>
      <c r="IK1588" s="127"/>
    </row>
    <row r="1589" spans="2:245" x14ac:dyDescent="0.2">
      <c r="B1589" s="43"/>
      <c r="C1589" s="73"/>
      <c r="D1589" s="64"/>
      <c r="E1589" s="64"/>
      <c r="F1589" s="55"/>
      <c r="G1589" s="102"/>
      <c r="H1589" s="55"/>
      <c r="I1589" s="55"/>
      <c r="J1589" s="55"/>
      <c r="K1589" s="55"/>
      <c r="L1589" s="55"/>
      <c r="M1589" s="55"/>
      <c r="N1589" s="55"/>
      <c r="O1589" s="55"/>
      <c r="P1589" s="55"/>
      <c r="Q1589" s="55"/>
      <c r="R1589" s="55"/>
      <c r="S1589" s="55"/>
      <c r="T1589" s="55"/>
      <c r="U1589" s="55"/>
      <c r="V1589" s="55"/>
      <c r="W1589" s="55"/>
      <c r="X1589" s="55"/>
      <c r="Y1589" s="55"/>
      <c r="Z1589" s="55"/>
      <c r="AA1589" s="55"/>
      <c r="AB1589" s="55"/>
      <c r="AC1589" s="55"/>
      <c r="AD1589" s="55"/>
      <c r="AE1589" s="55"/>
      <c r="AF1589" s="55"/>
      <c r="AG1589" s="55"/>
      <c r="AY1589" s="162"/>
      <c r="AZ1589" s="162"/>
      <c r="BA1589" s="162"/>
      <c r="BB1589" s="162"/>
      <c r="BC1589" s="162"/>
      <c r="BD1589" s="162"/>
      <c r="BE1589" s="162"/>
      <c r="BF1589" s="162"/>
      <c r="BG1589" s="162"/>
      <c r="BH1589" s="162"/>
      <c r="BI1589" s="162"/>
      <c r="BJ1589" s="162"/>
      <c r="BK1589" s="162"/>
      <c r="BL1589" s="162"/>
      <c r="BM1589" s="162"/>
      <c r="BN1589" s="162"/>
      <c r="BO1589" s="162"/>
      <c r="BP1589" s="162"/>
      <c r="BQ1589" s="162"/>
      <c r="BR1589" s="162"/>
      <c r="BS1589" s="162"/>
      <c r="BT1589" s="162"/>
      <c r="BU1589" s="162"/>
      <c r="BV1589" s="162"/>
      <c r="BW1589" s="162"/>
      <c r="BX1589" s="162"/>
      <c r="BY1589" s="162"/>
      <c r="BZ1589" s="162"/>
      <c r="CA1589" s="162"/>
      <c r="CB1589" s="162"/>
      <c r="CC1589" s="162"/>
      <c r="CD1589" s="162"/>
      <c r="CE1589" s="162"/>
      <c r="CF1589" s="162"/>
      <c r="CG1589" s="162"/>
      <c r="CH1589" s="162"/>
      <c r="CI1589" s="162"/>
      <c r="CJ1589" s="162"/>
      <c r="CK1589" s="162"/>
      <c r="CX1589" s="98"/>
      <c r="DL1589" s="97"/>
      <c r="DX1589" s="98"/>
      <c r="EL1589" s="97"/>
      <c r="EX1589" s="98"/>
      <c r="EY1589" s="97"/>
      <c r="FL1589" s="126"/>
      <c r="FM1589" s="91"/>
      <c r="FN1589" s="91"/>
      <c r="FO1589" s="91"/>
      <c r="FP1589" s="91"/>
      <c r="FQ1589" s="91"/>
      <c r="FR1589" s="91"/>
      <c r="FS1589" s="91"/>
      <c r="FT1589" s="91"/>
      <c r="FU1589" s="91"/>
      <c r="FV1589" s="91"/>
      <c r="FW1589" s="91"/>
      <c r="FX1589" s="91"/>
      <c r="FY1589" s="91"/>
      <c r="FZ1589" s="91"/>
      <c r="GA1589" s="91"/>
      <c r="GB1589" s="91"/>
      <c r="GC1589" s="91"/>
      <c r="GD1589" s="91"/>
      <c r="GE1589" s="91"/>
      <c r="GF1589" s="91"/>
      <c r="GG1589" s="91"/>
      <c r="GH1589" s="91"/>
      <c r="GI1589" s="91"/>
      <c r="GJ1589" s="91"/>
      <c r="GK1589" s="127"/>
      <c r="GL1589" s="126"/>
      <c r="GM1589" s="91"/>
      <c r="GN1589" s="91"/>
      <c r="GO1589" s="91"/>
      <c r="GP1589" s="91"/>
      <c r="GQ1589" s="91"/>
      <c r="GR1589" s="91"/>
      <c r="GS1589" s="91"/>
      <c r="GT1589" s="91"/>
      <c r="GU1589" s="91"/>
      <c r="GV1589" s="91"/>
      <c r="GW1589" s="91"/>
      <c r="GX1589" s="91"/>
      <c r="GY1589" s="91"/>
      <c r="GZ1589" s="91"/>
      <c r="HA1589" s="91"/>
      <c r="HB1589" s="91"/>
      <c r="HC1589" s="91"/>
      <c r="HD1589" s="91"/>
      <c r="HE1589" s="91"/>
      <c r="HF1589" s="91"/>
      <c r="HG1589" s="91"/>
      <c r="HH1589" s="91"/>
      <c r="HI1589" s="91"/>
      <c r="HJ1589" s="91"/>
      <c r="HK1589" s="127"/>
      <c r="HL1589" s="126"/>
      <c r="HM1589" s="91"/>
      <c r="HN1589" s="91"/>
      <c r="HO1589" s="91"/>
      <c r="HP1589" s="91"/>
      <c r="HQ1589" s="91"/>
      <c r="HR1589" s="91"/>
      <c r="HS1589" s="91"/>
      <c r="HT1589" s="91"/>
      <c r="HU1589" s="91"/>
      <c r="HV1589" s="91"/>
      <c r="HW1589" s="91"/>
      <c r="HX1589" s="91"/>
      <c r="HY1589" s="91"/>
      <c r="HZ1589" s="91"/>
      <c r="IA1589" s="91"/>
      <c r="IB1589" s="91"/>
      <c r="IC1589" s="91"/>
      <c r="ID1589" s="91"/>
      <c r="IE1589" s="91"/>
      <c r="IF1589" s="91"/>
      <c r="IG1589" s="91"/>
      <c r="IH1589" s="91"/>
      <c r="II1589" s="91"/>
      <c r="IJ1589" s="91"/>
      <c r="IK1589" s="127"/>
    </row>
    <row r="1590" spans="2:245" x14ac:dyDescent="0.2">
      <c r="B1590" s="43"/>
      <c r="C1590" s="73"/>
      <c r="D1590" s="64"/>
      <c r="E1590" s="64"/>
      <c r="F1590" s="55"/>
      <c r="G1590" s="102"/>
      <c r="H1590" s="55"/>
      <c r="I1590" s="55"/>
      <c r="J1590" s="55"/>
      <c r="K1590" s="55"/>
      <c r="L1590" s="55"/>
      <c r="M1590" s="55"/>
      <c r="N1590" s="55"/>
      <c r="O1590" s="55"/>
      <c r="P1590" s="55"/>
      <c r="Q1590" s="55"/>
      <c r="R1590" s="55"/>
      <c r="S1590" s="55"/>
      <c r="T1590" s="55"/>
      <c r="U1590" s="55"/>
      <c r="V1590" s="55"/>
      <c r="W1590" s="55"/>
      <c r="X1590" s="55"/>
      <c r="Y1590" s="55"/>
      <c r="Z1590" s="55"/>
      <c r="AA1590" s="55"/>
      <c r="AB1590" s="55"/>
      <c r="AC1590" s="55"/>
      <c r="AD1590" s="55"/>
      <c r="AE1590" s="55"/>
      <c r="AF1590" s="55"/>
      <c r="AG1590" s="55"/>
      <c r="AY1590" s="162"/>
      <c r="AZ1590" s="162"/>
      <c r="BA1590" s="162"/>
      <c r="BB1590" s="162"/>
      <c r="BC1590" s="162"/>
      <c r="BD1590" s="162"/>
      <c r="BE1590" s="162"/>
      <c r="BF1590" s="162"/>
      <c r="BG1590" s="162"/>
      <c r="BH1590" s="162"/>
      <c r="BI1590" s="162"/>
      <c r="BJ1590" s="162"/>
      <c r="BK1590" s="162"/>
      <c r="BL1590" s="162"/>
      <c r="BM1590" s="162"/>
      <c r="BN1590" s="162"/>
      <c r="BO1590" s="162"/>
      <c r="BP1590" s="162"/>
      <c r="BQ1590" s="162"/>
      <c r="BR1590" s="162"/>
      <c r="BS1590" s="162"/>
      <c r="BT1590" s="162"/>
      <c r="BU1590" s="162"/>
      <c r="BV1590" s="162"/>
      <c r="BW1590" s="162"/>
      <c r="BX1590" s="162"/>
      <c r="BY1590" s="162"/>
      <c r="BZ1590" s="162"/>
      <c r="CA1590" s="162"/>
      <c r="CB1590" s="162"/>
      <c r="CC1590" s="162"/>
      <c r="CD1590" s="162"/>
      <c r="CE1590" s="162"/>
      <c r="CF1590" s="162"/>
      <c r="CG1590" s="162"/>
      <c r="CH1590" s="162"/>
      <c r="CI1590" s="162"/>
      <c r="CJ1590" s="162"/>
      <c r="CK1590" s="162"/>
      <c r="CX1590" s="98"/>
      <c r="DL1590" s="97"/>
      <c r="DX1590" s="98"/>
      <c r="EL1590" s="97"/>
      <c r="EX1590" s="98"/>
      <c r="EY1590" s="97"/>
      <c r="FL1590" s="126"/>
      <c r="FM1590" s="91"/>
      <c r="FN1590" s="91"/>
      <c r="FO1590" s="91"/>
      <c r="FP1590" s="91"/>
      <c r="FQ1590" s="91"/>
      <c r="FR1590" s="91"/>
      <c r="FS1590" s="91"/>
      <c r="FT1590" s="91"/>
      <c r="FU1590" s="91"/>
      <c r="FV1590" s="91"/>
      <c r="FW1590" s="91"/>
      <c r="FX1590" s="91"/>
      <c r="FY1590" s="91"/>
      <c r="FZ1590" s="91"/>
      <c r="GA1590" s="91"/>
      <c r="GB1590" s="91"/>
      <c r="GC1590" s="91"/>
      <c r="GD1590" s="91"/>
      <c r="GE1590" s="91"/>
      <c r="GF1590" s="91"/>
      <c r="GG1590" s="91"/>
      <c r="GH1590" s="91"/>
      <c r="GI1590" s="91"/>
      <c r="GJ1590" s="91"/>
      <c r="GK1590" s="127"/>
      <c r="GL1590" s="126"/>
      <c r="GM1590" s="91"/>
      <c r="GN1590" s="91"/>
      <c r="GO1590" s="91"/>
      <c r="GP1590" s="91"/>
      <c r="GQ1590" s="91"/>
      <c r="GR1590" s="91"/>
      <c r="GS1590" s="91"/>
      <c r="GT1590" s="91"/>
      <c r="GU1590" s="91"/>
      <c r="GV1590" s="91"/>
      <c r="GW1590" s="91"/>
      <c r="GX1590" s="91"/>
      <c r="GY1590" s="91"/>
      <c r="GZ1590" s="91"/>
      <c r="HA1590" s="91"/>
      <c r="HB1590" s="91"/>
      <c r="HC1590" s="91"/>
      <c r="HD1590" s="91"/>
      <c r="HE1590" s="91"/>
      <c r="HF1590" s="91"/>
      <c r="HG1590" s="91"/>
      <c r="HH1590" s="91"/>
      <c r="HI1590" s="91"/>
      <c r="HJ1590" s="91"/>
      <c r="HK1590" s="127"/>
      <c r="HL1590" s="126"/>
      <c r="HM1590" s="91"/>
      <c r="HN1590" s="91"/>
      <c r="HO1590" s="91"/>
      <c r="HP1590" s="91"/>
      <c r="HQ1590" s="91"/>
      <c r="HR1590" s="91"/>
      <c r="HS1590" s="91"/>
      <c r="HT1590" s="91"/>
      <c r="HU1590" s="91"/>
      <c r="HV1590" s="91"/>
      <c r="HW1590" s="91"/>
      <c r="HX1590" s="91"/>
      <c r="HY1590" s="91"/>
      <c r="HZ1590" s="91"/>
      <c r="IA1590" s="91"/>
      <c r="IB1590" s="91"/>
      <c r="IC1590" s="91"/>
      <c r="ID1590" s="91"/>
      <c r="IE1590" s="91"/>
      <c r="IF1590" s="91"/>
      <c r="IG1590" s="91"/>
      <c r="IH1590" s="91"/>
      <c r="II1590" s="91"/>
      <c r="IJ1590" s="91"/>
      <c r="IK1590" s="127"/>
    </row>
    <row r="1591" spans="2:245" x14ac:dyDescent="0.2">
      <c r="B1591" s="43"/>
      <c r="C1591" s="73"/>
      <c r="D1591" s="64"/>
      <c r="E1591" s="64"/>
      <c r="F1591" s="55"/>
      <c r="G1591" s="102"/>
      <c r="H1591" s="55"/>
      <c r="I1591" s="55"/>
      <c r="J1591" s="55"/>
      <c r="K1591" s="55"/>
      <c r="L1591" s="55"/>
      <c r="M1591" s="55"/>
      <c r="N1591" s="55"/>
      <c r="O1591" s="55"/>
      <c r="P1591" s="55"/>
      <c r="Q1591" s="55"/>
      <c r="R1591" s="55"/>
      <c r="S1591" s="55"/>
      <c r="T1591" s="55"/>
      <c r="U1591" s="55"/>
      <c r="V1591" s="55"/>
      <c r="W1591" s="55"/>
      <c r="X1591" s="55"/>
      <c r="Y1591" s="55"/>
      <c r="Z1591" s="55"/>
      <c r="AA1591" s="55"/>
      <c r="AB1591" s="55"/>
      <c r="AC1591" s="55"/>
      <c r="AD1591" s="55"/>
      <c r="AE1591" s="55"/>
      <c r="AF1591" s="55"/>
      <c r="AG1591" s="55"/>
      <c r="AY1591" s="162"/>
      <c r="AZ1591" s="162"/>
      <c r="BA1591" s="162"/>
      <c r="BB1591" s="162"/>
      <c r="BC1591" s="162"/>
      <c r="BD1591" s="162"/>
      <c r="BE1591" s="162"/>
      <c r="BF1591" s="162"/>
      <c r="BG1591" s="162"/>
      <c r="BH1591" s="162"/>
      <c r="BI1591" s="162"/>
      <c r="BJ1591" s="162"/>
      <c r="BK1591" s="162"/>
      <c r="BL1591" s="162"/>
      <c r="BM1591" s="162"/>
      <c r="BN1591" s="162"/>
      <c r="BO1591" s="162"/>
      <c r="BP1591" s="162"/>
      <c r="BQ1591" s="162"/>
      <c r="BR1591" s="162"/>
      <c r="BS1591" s="162"/>
      <c r="BT1591" s="162"/>
      <c r="BU1591" s="162"/>
      <c r="BV1591" s="162"/>
      <c r="BW1591" s="162"/>
      <c r="BX1591" s="162"/>
      <c r="BY1591" s="162"/>
      <c r="BZ1591" s="162"/>
      <c r="CA1591" s="162"/>
      <c r="CB1591" s="162"/>
      <c r="CC1591" s="162"/>
      <c r="CD1591" s="162"/>
      <c r="CE1591" s="162"/>
      <c r="CF1591" s="162"/>
      <c r="CG1591" s="162"/>
      <c r="CH1591" s="162"/>
      <c r="CI1591" s="162"/>
      <c r="CJ1591" s="162"/>
      <c r="CK1591" s="162"/>
      <c r="CX1591" s="98"/>
      <c r="DL1591" s="97"/>
      <c r="DX1591" s="98"/>
      <c r="EL1591" s="97"/>
      <c r="EX1591" s="98"/>
      <c r="EY1591" s="97"/>
      <c r="FL1591" s="126"/>
      <c r="FM1591" s="91"/>
      <c r="FN1591" s="91"/>
      <c r="FO1591" s="91"/>
      <c r="FP1591" s="91"/>
      <c r="FQ1591" s="91"/>
      <c r="FR1591" s="91"/>
      <c r="FS1591" s="91"/>
      <c r="FT1591" s="91"/>
      <c r="FU1591" s="91"/>
      <c r="FV1591" s="91"/>
      <c r="FW1591" s="91"/>
      <c r="FX1591" s="91"/>
      <c r="FY1591" s="91"/>
      <c r="FZ1591" s="91"/>
      <c r="GA1591" s="91"/>
      <c r="GB1591" s="91"/>
      <c r="GC1591" s="91"/>
      <c r="GD1591" s="91"/>
      <c r="GE1591" s="91"/>
      <c r="GF1591" s="91"/>
      <c r="GG1591" s="91"/>
      <c r="GH1591" s="91"/>
      <c r="GI1591" s="91"/>
      <c r="GJ1591" s="91"/>
      <c r="GK1591" s="127"/>
      <c r="GL1591" s="126"/>
      <c r="GM1591" s="91"/>
      <c r="GN1591" s="91"/>
      <c r="GO1591" s="91"/>
      <c r="GP1591" s="91"/>
      <c r="GQ1591" s="91"/>
      <c r="GR1591" s="91"/>
      <c r="GS1591" s="91"/>
      <c r="GT1591" s="91"/>
      <c r="GU1591" s="91"/>
      <c r="GV1591" s="91"/>
      <c r="GW1591" s="91"/>
      <c r="GX1591" s="91"/>
      <c r="GY1591" s="91"/>
      <c r="GZ1591" s="91"/>
      <c r="HA1591" s="91"/>
      <c r="HB1591" s="91"/>
      <c r="HC1591" s="91"/>
      <c r="HD1591" s="91"/>
      <c r="HE1591" s="91"/>
      <c r="HF1591" s="91"/>
      <c r="HG1591" s="91"/>
      <c r="HH1591" s="91"/>
      <c r="HI1591" s="91"/>
      <c r="HJ1591" s="91"/>
      <c r="HK1591" s="127"/>
      <c r="HL1591" s="126"/>
      <c r="HM1591" s="91"/>
      <c r="HN1591" s="91"/>
      <c r="HO1591" s="91"/>
      <c r="HP1591" s="91"/>
      <c r="HQ1591" s="91"/>
      <c r="HR1591" s="91"/>
      <c r="HS1591" s="91"/>
      <c r="HT1591" s="91"/>
      <c r="HU1591" s="91"/>
      <c r="HV1591" s="91"/>
      <c r="HW1591" s="91"/>
      <c r="HX1591" s="91"/>
      <c r="HY1591" s="91"/>
      <c r="HZ1591" s="91"/>
      <c r="IA1591" s="91"/>
      <c r="IB1591" s="91"/>
      <c r="IC1591" s="91"/>
      <c r="ID1591" s="91"/>
      <c r="IE1591" s="91"/>
      <c r="IF1591" s="91"/>
      <c r="IG1591" s="91"/>
      <c r="IH1591" s="91"/>
      <c r="II1591" s="91"/>
      <c r="IJ1591" s="91"/>
      <c r="IK1591" s="127"/>
    </row>
    <row r="1592" spans="2:245" x14ac:dyDescent="0.2">
      <c r="B1592" s="43"/>
      <c r="C1592" s="73"/>
      <c r="D1592" s="64"/>
      <c r="E1592" s="64"/>
      <c r="F1592" s="55"/>
      <c r="G1592" s="102"/>
      <c r="H1592" s="55"/>
      <c r="I1592" s="55"/>
      <c r="J1592" s="55"/>
      <c r="K1592" s="55"/>
      <c r="L1592" s="55"/>
      <c r="M1592" s="55"/>
      <c r="N1592" s="55"/>
      <c r="O1592" s="55"/>
      <c r="P1592" s="55"/>
      <c r="Q1592" s="55"/>
      <c r="R1592" s="55"/>
      <c r="S1592" s="55"/>
      <c r="T1592" s="55"/>
      <c r="U1592" s="55"/>
      <c r="V1592" s="55"/>
      <c r="W1592" s="55"/>
      <c r="X1592" s="55"/>
      <c r="Y1592" s="55"/>
      <c r="Z1592" s="55"/>
      <c r="AA1592" s="55"/>
      <c r="AB1592" s="55"/>
      <c r="AC1592" s="55"/>
      <c r="AD1592" s="55"/>
      <c r="AE1592" s="55"/>
      <c r="AF1592" s="55"/>
      <c r="AG1592" s="55"/>
      <c r="AY1592" s="162"/>
      <c r="AZ1592" s="162"/>
      <c r="BA1592" s="162"/>
      <c r="BB1592" s="162"/>
      <c r="BC1592" s="162"/>
      <c r="BD1592" s="162"/>
      <c r="BE1592" s="162"/>
      <c r="BF1592" s="162"/>
      <c r="BG1592" s="162"/>
      <c r="BH1592" s="162"/>
      <c r="BI1592" s="162"/>
      <c r="BJ1592" s="162"/>
      <c r="BK1592" s="162"/>
      <c r="BL1592" s="162"/>
      <c r="BM1592" s="162"/>
      <c r="BN1592" s="162"/>
      <c r="BO1592" s="162"/>
      <c r="BP1592" s="162"/>
      <c r="BQ1592" s="162"/>
      <c r="BR1592" s="162"/>
      <c r="BS1592" s="162"/>
      <c r="BT1592" s="162"/>
      <c r="BU1592" s="162"/>
      <c r="BV1592" s="162"/>
      <c r="BW1592" s="162"/>
      <c r="BX1592" s="162"/>
      <c r="BY1592" s="162"/>
      <c r="BZ1592" s="162"/>
      <c r="CA1592" s="162"/>
      <c r="CB1592" s="162"/>
      <c r="CC1592" s="162"/>
      <c r="CD1592" s="162"/>
      <c r="CE1592" s="162"/>
      <c r="CF1592" s="162"/>
      <c r="CG1592" s="162"/>
      <c r="CH1592" s="162"/>
      <c r="CI1592" s="162"/>
      <c r="CJ1592" s="162"/>
      <c r="CK1592" s="162"/>
      <c r="CX1592" s="98"/>
      <c r="DL1592" s="97"/>
      <c r="DX1592" s="98"/>
      <c r="EL1592" s="97"/>
      <c r="EX1592" s="98"/>
      <c r="EY1592" s="97"/>
      <c r="FL1592" s="126"/>
      <c r="FM1592" s="91"/>
      <c r="FN1592" s="91"/>
      <c r="FO1592" s="91"/>
      <c r="FP1592" s="91"/>
      <c r="FQ1592" s="91"/>
      <c r="FR1592" s="91"/>
      <c r="FS1592" s="91"/>
      <c r="FT1592" s="91"/>
      <c r="FU1592" s="91"/>
      <c r="FV1592" s="91"/>
      <c r="FW1592" s="91"/>
      <c r="FX1592" s="91"/>
      <c r="FY1592" s="91"/>
      <c r="FZ1592" s="91"/>
      <c r="GA1592" s="91"/>
      <c r="GB1592" s="91"/>
      <c r="GC1592" s="91"/>
      <c r="GD1592" s="91"/>
      <c r="GE1592" s="91"/>
      <c r="GF1592" s="91"/>
      <c r="GG1592" s="91"/>
      <c r="GH1592" s="91"/>
      <c r="GI1592" s="91"/>
      <c r="GJ1592" s="91"/>
      <c r="GK1592" s="127"/>
      <c r="GL1592" s="126"/>
      <c r="GM1592" s="91"/>
      <c r="GN1592" s="91"/>
      <c r="GO1592" s="91"/>
      <c r="GP1592" s="91"/>
      <c r="GQ1592" s="91"/>
      <c r="GR1592" s="91"/>
      <c r="GS1592" s="91"/>
      <c r="GT1592" s="91"/>
      <c r="GU1592" s="91"/>
      <c r="GV1592" s="91"/>
      <c r="GW1592" s="91"/>
      <c r="GX1592" s="91"/>
      <c r="GY1592" s="91"/>
      <c r="GZ1592" s="91"/>
      <c r="HA1592" s="91"/>
      <c r="HB1592" s="91"/>
      <c r="HC1592" s="91"/>
      <c r="HD1592" s="91"/>
      <c r="HE1592" s="91"/>
      <c r="HF1592" s="91"/>
      <c r="HG1592" s="91"/>
      <c r="HH1592" s="91"/>
      <c r="HI1592" s="91"/>
      <c r="HJ1592" s="91"/>
      <c r="HK1592" s="127"/>
      <c r="HL1592" s="126"/>
      <c r="HM1592" s="91"/>
      <c r="HN1592" s="91"/>
      <c r="HO1592" s="91"/>
      <c r="HP1592" s="91"/>
      <c r="HQ1592" s="91"/>
      <c r="HR1592" s="91"/>
      <c r="HS1592" s="91"/>
      <c r="HT1592" s="91"/>
      <c r="HU1592" s="91"/>
      <c r="HV1592" s="91"/>
      <c r="HW1592" s="91"/>
      <c r="HX1592" s="91"/>
      <c r="HY1592" s="91"/>
      <c r="HZ1592" s="91"/>
      <c r="IA1592" s="91"/>
      <c r="IB1592" s="91"/>
      <c r="IC1592" s="91"/>
      <c r="ID1592" s="91"/>
      <c r="IE1592" s="91"/>
      <c r="IF1592" s="91"/>
      <c r="IG1592" s="91"/>
      <c r="IH1592" s="91"/>
      <c r="II1592" s="91"/>
      <c r="IJ1592" s="91"/>
      <c r="IK1592" s="127"/>
    </row>
    <row r="1593" spans="2:245" x14ac:dyDescent="0.2">
      <c r="B1593" s="43"/>
      <c r="C1593" s="73"/>
      <c r="D1593" s="64"/>
      <c r="E1593" s="64"/>
      <c r="F1593" s="55"/>
      <c r="G1593" s="102"/>
      <c r="H1593" s="55"/>
      <c r="I1593" s="55"/>
      <c r="J1593" s="55"/>
      <c r="K1593" s="55"/>
      <c r="L1593" s="55"/>
      <c r="M1593" s="55"/>
      <c r="N1593" s="55"/>
      <c r="O1593" s="55"/>
      <c r="P1593" s="55"/>
      <c r="Q1593" s="55"/>
      <c r="R1593" s="55"/>
      <c r="S1593" s="55"/>
      <c r="T1593" s="55"/>
      <c r="U1593" s="55"/>
      <c r="V1593" s="55"/>
      <c r="W1593" s="55"/>
      <c r="X1593" s="55"/>
      <c r="Y1593" s="55"/>
      <c r="Z1593" s="55"/>
      <c r="AA1593" s="55"/>
      <c r="AB1593" s="55"/>
      <c r="AC1593" s="55"/>
      <c r="AD1593" s="55"/>
      <c r="AE1593" s="55"/>
      <c r="AF1593" s="55"/>
      <c r="AG1593" s="55"/>
      <c r="AY1593" s="162"/>
      <c r="AZ1593" s="162"/>
      <c r="BA1593" s="162"/>
      <c r="BB1593" s="162"/>
      <c r="BC1593" s="162"/>
      <c r="BD1593" s="162"/>
      <c r="BE1593" s="162"/>
      <c r="BF1593" s="162"/>
      <c r="BG1593" s="162"/>
      <c r="BH1593" s="162"/>
      <c r="BI1593" s="162"/>
      <c r="BJ1593" s="162"/>
      <c r="BK1593" s="162"/>
      <c r="BL1593" s="162"/>
      <c r="BM1593" s="162"/>
      <c r="BN1593" s="162"/>
      <c r="BO1593" s="162"/>
      <c r="BP1593" s="162"/>
      <c r="BQ1593" s="162"/>
      <c r="BR1593" s="162"/>
      <c r="BS1593" s="162"/>
      <c r="BT1593" s="162"/>
      <c r="BU1593" s="162"/>
      <c r="BV1593" s="162"/>
      <c r="BW1593" s="162"/>
      <c r="BX1593" s="162"/>
      <c r="BY1593" s="162"/>
      <c r="BZ1593" s="162"/>
      <c r="CA1593" s="162"/>
      <c r="CB1593" s="162"/>
      <c r="CC1593" s="162"/>
      <c r="CD1593" s="162"/>
      <c r="CE1593" s="162"/>
      <c r="CF1593" s="162"/>
      <c r="CG1593" s="162"/>
      <c r="CH1593" s="162"/>
      <c r="CI1593" s="162"/>
      <c r="CJ1593" s="162"/>
      <c r="CK1593" s="162"/>
      <c r="CX1593" s="98"/>
      <c r="DL1593" s="97"/>
      <c r="DX1593" s="98"/>
      <c r="EL1593" s="97"/>
      <c r="EX1593" s="98"/>
      <c r="EY1593" s="97"/>
      <c r="FL1593" s="126"/>
      <c r="FM1593" s="91"/>
      <c r="FN1593" s="91"/>
      <c r="FO1593" s="91"/>
      <c r="FP1593" s="91"/>
      <c r="FQ1593" s="91"/>
      <c r="FR1593" s="91"/>
      <c r="FS1593" s="91"/>
      <c r="FT1593" s="91"/>
      <c r="FU1593" s="91"/>
      <c r="FV1593" s="91"/>
      <c r="FW1593" s="91"/>
      <c r="FX1593" s="91"/>
      <c r="FY1593" s="91"/>
      <c r="FZ1593" s="91"/>
      <c r="GA1593" s="91"/>
      <c r="GB1593" s="91"/>
      <c r="GC1593" s="91"/>
      <c r="GD1593" s="91"/>
      <c r="GE1593" s="91"/>
      <c r="GF1593" s="91"/>
      <c r="GG1593" s="91"/>
      <c r="GH1593" s="91"/>
      <c r="GI1593" s="91"/>
      <c r="GJ1593" s="91"/>
      <c r="GK1593" s="127"/>
      <c r="GL1593" s="126"/>
      <c r="GM1593" s="91"/>
      <c r="GN1593" s="91"/>
      <c r="GO1593" s="91"/>
      <c r="GP1593" s="91"/>
      <c r="GQ1593" s="91"/>
      <c r="GR1593" s="91"/>
      <c r="GS1593" s="91"/>
      <c r="GT1593" s="91"/>
      <c r="GU1593" s="91"/>
      <c r="GV1593" s="91"/>
      <c r="GW1593" s="91"/>
      <c r="GX1593" s="91"/>
      <c r="GY1593" s="91"/>
      <c r="GZ1593" s="91"/>
      <c r="HA1593" s="91"/>
      <c r="HB1593" s="91"/>
      <c r="HC1593" s="91"/>
      <c r="HD1593" s="91"/>
      <c r="HE1593" s="91"/>
      <c r="HF1593" s="91"/>
      <c r="HG1593" s="91"/>
      <c r="HH1593" s="91"/>
      <c r="HI1593" s="91"/>
      <c r="HJ1593" s="91"/>
      <c r="HK1593" s="127"/>
      <c r="HL1593" s="126"/>
      <c r="HM1593" s="91"/>
      <c r="HN1593" s="91"/>
      <c r="HO1593" s="91"/>
      <c r="HP1593" s="91"/>
      <c r="HQ1593" s="91"/>
      <c r="HR1593" s="91"/>
      <c r="HS1593" s="91"/>
      <c r="HT1593" s="91"/>
      <c r="HU1593" s="91"/>
      <c r="HV1593" s="91"/>
      <c r="HW1593" s="91"/>
      <c r="HX1593" s="91"/>
      <c r="HY1593" s="91"/>
      <c r="HZ1593" s="91"/>
      <c r="IA1593" s="91"/>
      <c r="IB1593" s="91"/>
      <c r="IC1593" s="91"/>
      <c r="ID1593" s="91"/>
      <c r="IE1593" s="91"/>
      <c r="IF1593" s="91"/>
      <c r="IG1593" s="91"/>
      <c r="IH1593" s="91"/>
      <c r="II1593" s="91"/>
      <c r="IJ1593" s="91"/>
      <c r="IK1593" s="127"/>
    </row>
    <row r="1594" spans="2:245" x14ac:dyDescent="0.2">
      <c r="B1594" s="43"/>
      <c r="C1594" s="73"/>
      <c r="D1594" s="64"/>
      <c r="E1594" s="64"/>
      <c r="F1594" s="55"/>
      <c r="G1594" s="102"/>
      <c r="H1594" s="55"/>
      <c r="I1594" s="55"/>
      <c r="J1594" s="55"/>
      <c r="K1594" s="55"/>
      <c r="L1594" s="55"/>
      <c r="M1594" s="55"/>
      <c r="N1594" s="55"/>
      <c r="O1594" s="55"/>
      <c r="P1594" s="55"/>
      <c r="Q1594" s="55"/>
      <c r="R1594" s="55"/>
      <c r="S1594" s="55"/>
      <c r="T1594" s="55"/>
      <c r="U1594" s="55"/>
      <c r="V1594" s="55"/>
      <c r="W1594" s="55"/>
      <c r="X1594" s="55"/>
      <c r="Y1594" s="55"/>
      <c r="Z1594" s="55"/>
      <c r="AA1594" s="55"/>
      <c r="AB1594" s="55"/>
      <c r="AC1594" s="55"/>
      <c r="AD1594" s="55"/>
      <c r="AE1594" s="55"/>
      <c r="AF1594" s="55"/>
      <c r="AG1594" s="55"/>
      <c r="AY1594" s="162"/>
      <c r="AZ1594" s="162"/>
      <c r="BA1594" s="162"/>
      <c r="BB1594" s="162"/>
      <c r="BC1594" s="162"/>
      <c r="BD1594" s="162"/>
      <c r="BE1594" s="162"/>
      <c r="BF1594" s="162"/>
      <c r="BG1594" s="162"/>
      <c r="BH1594" s="162"/>
      <c r="BI1594" s="162"/>
      <c r="BJ1594" s="162"/>
      <c r="BK1594" s="162"/>
      <c r="BL1594" s="162"/>
      <c r="BM1594" s="162"/>
      <c r="BN1594" s="162"/>
      <c r="BO1594" s="162"/>
      <c r="BP1594" s="162"/>
      <c r="BQ1594" s="162"/>
      <c r="BR1594" s="162"/>
      <c r="BS1594" s="162"/>
      <c r="BT1594" s="162"/>
      <c r="BU1594" s="162"/>
      <c r="BV1594" s="162"/>
      <c r="BW1594" s="162"/>
      <c r="BX1594" s="162"/>
      <c r="BY1594" s="162"/>
      <c r="BZ1594" s="162"/>
      <c r="CA1594" s="162"/>
      <c r="CB1594" s="162"/>
      <c r="CC1594" s="162"/>
      <c r="CD1594" s="162"/>
      <c r="CE1594" s="162"/>
      <c r="CF1594" s="162"/>
      <c r="CG1594" s="162"/>
      <c r="CH1594" s="162"/>
      <c r="CI1594" s="162"/>
      <c r="CJ1594" s="162"/>
      <c r="CK1594" s="162"/>
      <c r="CX1594" s="98"/>
      <c r="DL1594" s="97"/>
      <c r="DX1594" s="98"/>
      <c r="EL1594" s="97"/>
      <c r="EX1594" s="98"/>
      <c r="EY1594" s="97"/>
      <c r="FL1594" s="126"/>
      <c r="FM1594" s="91"/>
      <c r="FN1594" s="91"/>
      <c r="FO1594" s="91"/>
      <c r="FP1594" s="91"/>
      <c r="FQ1594" s="91"/>
      <c r="FR1594" s="91"/>
      <c r="FS1594" s="91"/>
      <c r="FT1594" s="91"/>
      <c r="FU1594" s="91"/>
      <c r="FV1594" s="91"/>
      <c r="FW1594" s="91"/>
      <c r="FX1594" s="91"/>
      <c r="FY1594" s="91"/>
      <c r="FZ1594" s="91"/>
      <c r="GA1594" s="91"/>
      <c r="GB1594" s="91"/>
      <c r="GC1594" s="91"/>
      <c r="GD1594" s="91"/>
      <c r="GE1594" s="91"/>
      <c r="GF1594" s="91"/>
      <c r="GG1594" s="91"/>
      <c r="GH1594" s="91"/>
      <c r="GI1594" s="91"/>
      <c r="GJ1594" s="91"/>
      <c r="GK1594" s="127"/>
      <c r="GL1594" s="126"/>
      <c r="GM1594" s="91"/>
      <c r="GN1594" s="91"/>
      <c r="GO1594" s="91"/>
      <c r="GP1594" s="91"/>
      <c r="GQ1594" s="91"/>
      <c r="GR1594" s="91"/>
      <c r="GS1594" s="91"/>
      <c r="GT1594" s="91"/>
      <c r="GU1594" s="91"/>
      <c r="GV1594" s="91"/>
      <c r="GW1594" s="91"/>
      <c r="GX1594" s="91"/>
      <c r="GY1594" s="91"/>
      <c r="GZ1594" s="91"/>
      <c r="HA1594" s="91"/>
      <c r="HB1594" s="91"/>
      <c r="HC1594" s="91"/>
      <c r="HD1594" s="91"/>
      <c r="HE1594" s="91"/>
      <c r="HF1594" s="91"/>
      <c r="HG1594" s="91"/>
      <c r="HH1594" s="91"/>
      <c r="HI1594" s="91"/>
      <c r="HJ1594" s="91"/>
      <c r="HK1594" s="127"/>
      <c r="HL1594" s="126"/>
      <c r="HM1594" s="91"/>
      <c r="HN1594" s="91"/>
      <c r="HO1594" s="91"/>
      <c r="HP1594" s="91"/>
      <c r="HQ1594" s="91"/>
      <c r="HR1594" s="91"/>
      <c r="HS1594" s="91"/>
      <c r="HT1594" s="91"/>
      <c r="HU1594" s="91"/>
      <c r="HV1594" s="91"/>
      <c r="HW1594" s="91"/>
      <c r="HX1594" s="91"/>
      <c r="HY1594" s="91"/>
      <c r="HZ1594" s="91"/>
      <c r="IA1594" s="91"/>
      <c r="IB1594" s="91"/>
      <c r="IC1594" s="91"/>
      <c r="ID1594" s="91"/>
      <c r="IE1594" s="91"/>
      <c r="IF1594" s="91"/>
      <c r="IG1594" s="91"/>
      <c r="IH1594" s="91"/>
      <c r="II1594" s="91"/>
      <c r="IJ1594" s="91"/>
      <c r="IK1594" s="127"/>
    </row>
    <row r="1595" spans="2:245" x14ac:dyDescent="0.2">
      <c r="B1595" s="43"/>
      <c r="C1595" s="73"/>
      <c r="D1595" s="64"/>
      <c r="E1595" s="64"/>
      <c r="F1595" s="55"/>
      <c r="G1595" s="102"/>
      <c r="H1595" s="55"/>
      <c r="I1595" s="55"/>
      <c r="J1595" s="55"/>
      <c r="K1595" s="55"/>
      <c r="L1595" s="55"/>
      <c r="M1595" s="55"/>
      <c r="N1595" s="55"/>
      <c r="O1595" s="55"/>
      <c r="P1595" s="55"/>
      <c r="Q1595" s="55"/>
      <c r="R1595" s="55"/>
      <c r="S1595" s="55"/>
      <c r="T1595" s="55"/>
      <c r="U1595" s="55"/>
      <c r="V1595" s="55"/>
      <c r="W1595" s="55"/>
      <c r="X1595" s="55"/>
      <c r="Y1595" s="55"/>
      <c r="Z1595" s="55"/>
      <c r="AA1595" s="55"/>
      <c r="AB1595" s="55"/>
      <c r="AC1595" s="55"/>
      <c r="AD1595" s="55"/>
      <c r="AE1595" s="55"/>
      <c r="AF1595" s="55"/>
      <c r="AG1595" s="55"/>
      <c r="AY1595" s="162"/>
      <c r="AZ1595" s="162"/>
      <c r="BA1595" s="162"/>
      <c r="BB1595" s="162"/>
      <c r="BC1595" s="162"/>
      <c r="BD1595" s="162"/>
      <c r="BE1595" s="162"/>
      <c r="BF1595" s="162"/>
      <c r="BG1595" s="162"/>
      <c r="BH1595" s="162"/>
      <c r="BI1595" s="162"/>
      <c r="BJ1595" s="162"/>
      <c r="BK1595" s="162"/>
      <c r="BL1595" s="162"/>
      <c r="BM1595" s="162"/>
      <c r="BN1595" s="162"/>
      <c r="BO1595" s="162"/>
      <c r="BP1595" s="162"/>
      <c r="BQ1595" s="162"/>
      <c r="BR1595" s="162"/>
      <c r="BS1595" s="162"/>
      <c r="BT1595" s="162"/>
      <c r="BU1595" s="162"/>
      <c r="BV1595" s="162"/>
      <c r="BW1595" s="162"/>
      <c r="BX1595" s="162"/>
      <c r="BY1595" s="162"/>
      <c r="BZ1595" s="162"/>
      <c r="CA1595" s="162"/>
      <c r="CB1595" s="162"/>
      <c r="CC1595" s="162"/>
      <c r="CD1595" s="162"/>
      <c r="CE1595" s="162"/>
      <c r="CF1595" s="162"/>
      <c r="CG1595" s="162"/>
      <c r="CH1595" s="162"/>
      <c r="CI1595" s="162"/>
      <c r="CJ1595" s="162"/>
      <c r="CK1595" s="162"/>
      <c r="CX1595" s="98"/>
      <c r="DL1595" s="97"/>
      <c r="DX1595" s="98"/>
      <c r="EL1595" s="97"/>
      <c r="EX1595" s="98"/>
      <c r="EY1595" s="97"/>
      <c r="FL1595" s="126"/>
      <c r="FM1595" s="91"/>
      <c r="FN1595" s="91"/>
      <c r="FO1595" s="91"/>
      <c r="FP1595" s="91"/>
      <c r="FQ1595" s="91"/>
      <c r="FR1595" s="91"/>
      <c r="FS1595" s="91"/>
      <c r="FT1595" s="91"/>
      <c r="FU1595" s="91"/>
      <c r="FV1595" s="91"/>
      <c r="FW1595" s="91"/>
      <c r="FX1595" s="91"/>
      <c r="FY1595" s="91"/>
      <c r="FZ1595" s="91"/>
      <c r="GA1595" s="91"/>
      <c r="GB1595" s="91"/>
      <c r="GC1595" s="91"/>
      <c r="GD1595" s="91"/>
      <c r="GE1595" s="91"/>
      <c r="GF1595" s="91"/>
      <c r="GG1595" s="91"/>
      <c r="GH1595" s="91"/>
      <c r="GI1595" s="91"/>
      <c r="GJ1595" s="91"/>
      <c r="GK1595" s="127"/>
      <c r="GL1595" s="126"/>
      <c r="GM1595" s="91"/>
      <c r="GN1595" s="91"/>
      <c r="GO1595" s="91"/>
      <c r="GP1595" s="91"/>
      <c r="GQ1595" s="91"/>
      <c r="GR1595" s="91"/>
      <c r="GS1595" s="91"/>
      <c r="GT1595" s="91"/>
      <c r="GU1595" s="91"/>
      <c r="GV1595" s="91"/>
      <c r="GW1595" s="91"/>
      <c r="GX1595" s="91"/>
      <c r="GY1595" s="91"/>
      <c r="GZ1595" s="91"/>
      <c r="HA1595" s="91"/>
      <c r="HB1595" s="91"/>
      <c r="HC1595" s="91"/>
      <c r="HD1595" s="91"/>
      <c r="HE1595" s="91"/>
      <c r="HF1595" s="91"/>
      <c r="HG1595" s="91"/>
      <c r="HH1595" s="91"/>
      <c r="HI1595" s="91"/>
      <c r="HJ1595" s="91"/>
      <c r="HK1595" s="127"/>
      <c r="HL1595" s="126"/>
      <c r="HM1595" s="91"/>
      <c r="HN1595" s="91"/>
      <c r="HO1595" s="91"/>
      <c r="HP1595" s="91"/>
      <c r="HQ1595" s="91"/>
      <c r="HR1595" s="91"/>
      <c r="HS1595" s="91"/>
      <c r="HT1595" s="91"/>
      <c r="HU1595" s="91"/>
      <c r="HV1595" s="91"/>
      <c r="HW1595" s="91"/>
      <c r="HX1595" s="91"/>
      <c r="HY1595" s="91"/>
      <c r="HZ1595" s="91"/>
      <c r="IA1595" s="91"/>
      <c r="IB1595" s="91"/>
      <c r="IC1595" s="91"/>
      <c r="ID1595" s="91"/>
      <c r="IE1595" s="91"/>
      <c r="IF1595" s="91"/>
      <c r="IG1595" s="91"/>
      <c r="IH1595" s="91"/>
      <c r="II1595" s="91"/>
      <c r="IJ1595" s="91"/>
      <c r="IK1595" s="127"/>
    </row>
    <row r="1596" spans="2:245" x14ac:dyDescent="0.2">
      <c r="B1596" s="43"/>
      <c r="C1596" s="73"/>
      <c r="D1596" s="64"/>
      <c r="E1596" s="64"/>
      <c r="F1596" s="55"/>
      <c r="G1596" s="102"/>
      <c r="H1596" s="55"/>
      <c r="I1596" s="55"/>
      <c r="J1596" s="55"/>
      <c r="K1596" s="55"/>
      <c r="L1596" s="55"/>
      <c r="M1596" s="55"/>
      <c r="N1596" s="55"/>
      <c r="O1596" s="55"/>
      <c r="P1596" s="55"/>
      <c r="Q1596" s="55"/>
      <c r="R1596" s="55"/>
      <c r="S1596" s="55"/>
      <c r="T1596" s="55"/>
      <c r="U1596" s="55"/>
      <c r="V1596" s="55"/>
      <c r="W1596" s="55"/>
      <c r="X1596" s="55"/>
      <c r="Y1596" s="55"/>
      <c r="Z1596" s="55"/>
      <c r="AA1596" s="55"/>
      <c r="AB1596" s="55"/>
      <c r="AC1596" s="55"/>
      <c r="AD1596" s="55"/>
      <c r="AE1596" s="55"/>
      <c r="AF1596" s="55"/>
      <c r="AG1596" s="55"/>
      <c r="AY1596" s="162"/>
      <c r="AZ1596" s="162"/>
      <c r="BA1596" s="162"/>
      <c r="BB1596" s="162"/>
      <c r="BC1596" s="162"/>
      <c r="BD1596" s="162"/>
      <c r="BE1596" s="162"/>
      <c r="BF1596" s="162"/>
      <c r="BG1596" s="162"/>
      <c r="BH1596" s="162"/>
      <c r="BI1596" s="162"/>
      <c r="BJ1596" s="162"/>
      <c r="BK1596" s="162"/>
      <c r="BL1596" s="162"/>
      <c r="BM1596" s="162"/>
      <c r="BN1596" s="162"/>
      <c r="BO1596" s="162"/>
      <c r="BP1596" s="162"/>
      <c r="BQ1596" s="162"/>
      <c r="BR1596" s="162"/>
      <c r="BS1596" s="162"/>
      <c r="BT1596" s="162"/>
      <c r="BU1596" s="162"/>
      <c r="BV1596" s="162"/>
      <c r="BW1596" s="162"/>
      <c r="BX1596" s="162"/>
      <c r="BY1596" s="162"/>
      <c r="BZ1596" s="162"/>
      <c r="CA1596" s="162"/>
      <c r="CB1596" s="162"/>
      <c r="CC1596" s="162"/>
      <c r="CD1596" s="162"/>
      <c r="CE1596" s="162"/>
      <c r="CF1596" s="162"/>
      <c r="CG1596" s="162"/>
      <c r="CH1596" s="162"/>
      <c r="CI1596" s="162"/>
      <c r="CJ1596" s="162"/>
      <c r="CK1596" s="162"/>
      <c r="CX1596" s="98"/>
      <c r="DL1596" s="97"/>
      <c r="DX1596" s="98"/>
      <c r="EL1596" s="97"/>
      <c r="EX1596" s="98"/>
      <c r="EY1596" s="97"/>
      <c r="FL1596" s="126"/>
      <c r="FM1596" s="91"/>
      <c r="FN1596" s="91"/>
      <c r="FO1596" s="91"/>
      <c r="FP1596" s="91"/>
      <c r="FQ1596" s="91"/>
      <c r="FR1596" s="91"/>
      <c r="FS1596" s="91"/>
      <c r="FT1596" s="91"/>
      <c r="FU1596" s="91"/>
      <c r="FV1596" s="91"/>
      <c r="FW1596" s="91"/>
      <c r="FX1596" s="91"/>
      <c r="FY1596" s="91"/>
      <c r="FZ1596" s="91"/>
      <c r="GA1596" s="91"/>
      <c r="GB1596" s="91"/>
      <c r="GC1596" s="91"/>
      <c r="GD1596" s="91"/>
      <c r="GE1596" s="91"/>
      <c r="GF1596" s="91"/>
      <c r="GG1596" s="91"/>
      <c r="GH1596" s="91"/>
      <c r="GI1596" s="91"/>
      <c r="GJ1596" s="91"/>
      <c r="GK1596" s="127"/>
      <c r="GL1596" s="126"/>
      <c r="GM1596" s="91"/>
      <c r="GN1596" s="91"/>
      <c r="GO1596" s="91"/>
      <c r="GP1596" s="91"/>
      <c r="GQ1596" s="91"/>
      <c r="GR1596" s="91"/>
      <c r="GS1596" s="91"/>
      <c r="GT1596" s="91"/>
      <c r="GU1596" s="91"/>
      <c r="GV1596" s="91"/>
      <c r="GW1596" s="91"/>
      <c r="GX1596" s="91"/>
      <c r="GY1596" s="91"/>
      <c r="GZ1596" s="91"/>
      <c r="HA1596" s="91"/>
      <c r="HB1596" s="91"/>
      <c r="HC1596" s="91"/>
      <c r="HD1596" s="91"/>
      <c r="HE1596" s="91"/>
      <c r="HF1596" s="91"/>
      <c r="HG1596" s="91"/>
      <c r="HH1596" s="91"/>
      <c r="HI1596" s="91"/>
      <c r="HJ1596" s="91"/>
      <c r="HK1596" s="127"/>
      <c r="HL1596" s="126"/>
      <c r="HM1596" s="91"/>
      <c r="HN1596" s="91"/>
      <c r="HO1596" s="91"/>
      <c r="HP1596" s="91"/>
      <c r="HQ1596" s="91"/>
      <c r="HR1596" s="91"/>
      <c r="HS1596" s="91"/>
      <c r="HT1596" s="91"/>
      <c r="HU1596" s="91"/>
      <c r="HV1596" s="91"/>
      <c r="HW1596" s="91"/>
      <c r="HX1596" s="91"/>
      <c r="HY1596" s="91"/>
      <c r="HZ1596" s="91"/>
      <c r="IA1596" s="91"/>
      <c r="IB1596" s="91"/>
      <c r="IC1596" s="91"/>
      <c r="ID1596" s="91"/>
      <c r="IE1596" s="91"/>
      <c r="IF1596" s="91"/>
      <c r="IG1596" s="91"/>
      <c r="IH1596" s="91"/>
      <c r="II1596" s="91"/>
      <c r="IJ1596" s="91"/>
      <c r="IK1596" s="127"/>
    </row>
    <row r="1597" spans="2:245" x14ac:dyDescent="0.2">
      <c r="B1597" s="43"/>
      <c r="C1597" s="73"/>
      <c r="D1597" s="64"/>
      <c r="E1597" s="64"/>
      <c r="F1597" s="55"/>
      <c r="G1597" s="102"/>
      <c r="H1597" s="55"/>
      <c r="I1597" s="55"/>
      <c r="J1597" s="55"/>
      <c r="K1597" s="55"/>
      <c r="L1597" s="55"/>
      <c r="M1597" s="55"/>
      <c r="N1597" s="55"/>
      <c r="O1597" s="55"/>
      <c r="P1597" s="55"/>
      <c r="Q1597" s="55"/>
      <c r="R1597" s="55"/>
      <c r="S1597" s="55"/>
      <c r="T1597" s="55"/>
      <c r="U1597" s="55"/>
      <c r="V1597" s="55"/>
      <c r="W1597" s="55"/>
      <c r="X1597" s="55"/>
      <c r="Y1597" s="55"/>
      <c r="Z1597" s="55"/>
      <c r="AA1597" s="55"/>
      <c r="AB1597" s="55"/>
      <c r="AC1597" s="55"/>
      <c r="AD1597" s="55"/>
      <c r="AE1597" s="55"/>
      <c r="AF1597" s="55"/>
      <c r="AG1597" s="55"/>
      <c r="AY1597" s="162"/>
      <c r="AZ1597" s="162"/>
      <c r="BA1597" s="162"/>
      <c r="BB1597" s="162"/>
      <c r="BC1597" s="162"/>
      <c r="BD1597" s="162"/>
      <c r="BE1597" s="162"/>
      <c r="BF1597" s="162"/>
      <c r="BG1597" s="162"/>
      <c r="BH1597" s="162"/>
      <c r="BI1597" s="162"/>
      <c r="BJ1597" s="162"/>
      <c r="BK1597" s="162"/>
      <c r="BL1597" s="162"/>
      <c r="BM1597" s="162"/>
      <c r="BN1597" s="162"/>
      <c r="BO1597" s="162"/>
      <c r="BP1597" s="162"/>
      <c r="BQ1597" s="162"/>
      <c r="BR1597" s="162"/>
      <c r="BS1597" s="162"/>
      <c r="BT1597" s="162"/>
      <c r="BU1597" s="162"/>
      <c r="BV1597" s="162"/>
      <c r="BW1597" s="162"/>
      <c r="BX1597" s="162"/>
      <c r="BY1597" s="162"/>
      <c r="BZ1597" s="162"/>
      <c r="CA1597" s="162"/>
      <c r="CB1597" s="162"/>
      <c r="CC1597" s="162"/>
      <c r="CD1597" s="162"/>
      <c r="CE1597" s="162"/>
      <c r="CF1597" s="162"/>
      <c r="CG1597" s="162"/>
      <c r="CH1597" s="162"/>
      <c r="CI1597" s="162"/>
      <c r="CJ1597" s="162"/>
      <c r="CK1597" s="162"/>
      <c r="CX1597" s="98"/>
      <c r="DL1597" s="97"/>
      <c r="DX1597" s="98"/>
      <c r="EL1597" s="97"/>
      <c r="EX1597" s="98"/>
      <c r="EY1597" s="97"/>
      <c r="FL1597" s="126"/>
      <c r="FM1597" s="91"/>
      <c r="FN1597" s="91"/>
      <c r="FO1597" s="91"/>
      <c r="FP1597" s="91"/>
      <c r="FQ1597" s="91"/>
      <c r="FR1597" s="91"/>
      <c r="FS1597" s="91"/>
      <c r="FT1597" s="91"/>
      <c r="FU1597" s="91"/>
      <c r="FV1597" s="91"/>
      <c r="FW1597" s="91"/>
      <c r="FX1597" s="91"/>
      <c r="FY1597" s="91"/>
      <c r="FZ1597" s="91"/>
      <c r="GA1597" s="91"/>
      <c r="GB1597" s="91"/>
      <c r="GC1597" s="91"/>
      <c r="GD1597" s="91"/>
      <c r="GE1597" s="91"/>
      <c r="GF1597" s="91"/>
      <c r="GG1597" s="91"/>
      <c r="GH1597" s="91"/>
      <c r="GI1597" s="91"/>
      <c r="GJ1597" s="91"/>
      <c r="GK1597" s="127"/>
      <c r="GL1597" s="126"/>
      <c r="GM1597" s="91"/>
      <c r="GN1597" s="91"/>
      <c r="GO1597" s="91"/>
      <c r="GP1597" s="91"/>
      <c r="GQ1597" s="91"/>
      <c r="GR1597" s="91"/>
      <c r="GS1597" s="91"/>
      <c r="GT1597" s="91"/>
      <c r="GU1597" s="91"/>
      <c r="GV1597" s="91"/>
      <c r="GW1597" s="91"/>
      <c r="GX1597" s="91"/>
      <c r="GY1597" s="91"/>
      <c r="GZ1597" s="91"/>
      <c r="HA1597" s="91"/>
      <c r="HB1597" s="91"/>
      <c r="HC1597" s="91"/>
      <c r="HD1597" s="91"/>
      <c r="HE1597" s="91"/>
      <c r="HF1597" s="91"/>
      <c r="HG1597" s="91"/>
      <c r="HH1597" s="91"/>
      <c r="HI1597" s="91"/>
      <c r="HJ1597" s="91"/>
      <c r="HK1597" s="127"/>
      <c r="HL1597" s="126"/>
      <c r="HM1597" s="91"/>
      <c r="HN1597" s="91"/>
      <c r="HO1597" s="91"/>
      <c r="HP1597" s="91"/>
      <c r="HQ1597" s="91"/>
      <c r="HR1597" s="91"/>
      <c r="HS1597" s="91"/>
      <c r="HT1597" s="91"/>
      <c r="HU1597" s="91"/>
      <c r="HV1597" s="91"/>
      <c r="HW1597" s="91"/>
      <c r="HX1597" s="91"/>
      <c r="HY1597" s="91"/>
      <c r="HZ1597" s="91"/>
      <c r="IA1597" s="91"/>
      <c r="IB1597" s="91"/>
      <c r="IC1597" s="91"/>
      <c r="ID1597" s="91"/>
      <c r="IE1597" s="91"/>
      <c r="IF1597" s="91"/>
      <c r="IG1597" s="91"/>
      <c r="IH1597" s="91"/>
      <c r="II1597" s="91"/>
      <c r="IJ1597" s="91"/>
      <c r="IK1597" s="127"/>
    </row>
    <row r="1598" spans="2:245" x14ac:dyDescent="0.2">
      <c r="B1598" s="43"/>
      <c r="C1598" s="73"/>
      <c r="D1598" s="64"/>
      <c r="E1598" s="64"/>
      <c r="F1598" s="55"/>
      <c r="G1598" s="102"/>
      <c r="H1598" s="55"/>
      <c r="I1598" s="55"/>
      <c r="J1598" s="55"/>
      <c r="K1598" s="55"/>
      <c r="L1598" s="55"/>
      <c r="M1598" s="55"/>
      <c r="N1598" s="55"/>
      <c r="O1598" s="55"/>
      <c r="P1598" s="55"/>
      <c r="Q1598" s="55"/>
      <c r="R1598" s="55"/>
      <c r="S1598" s="55"/>
      <c r="T1598" s="55"/>
      <c r="U1598" s="55"/>
      <c r="V1598" s="55"/>
      <c r="W1598" s="55"/>
      <c r="X1598" s="55"/>
      <c r="Y1598" s="55"/>
      <c r="Z1598" s="55"/>
      <c r="AA1598" s="55"/>
      <c r="AB1598" s="55"/>
      <c r="AC1598" s="55"/>
      <c r="AD1598" s="55"/>
      <c r="AE1598" s="55"/>
      <c r="AF1598" s="55"/>
      <c r="AG1598" s="55"/>
      <c r="AY1598" s="162"/>
      <c r="AZ1598" s="162"/>
      <c r="BA1598" s="162"/>
      <c r="BB1598" s="162"/>
      <c r="BC1598" s="162"/>
      <c r="BD1598" s="162"/>
      <c r="BE1598" s="162"/>
      <c r="BF1598" s="162"/>
      <c r="BG1598" s="162"/>
      <c r="BH1598" s="162"/>
      <c r="BI1598" s="162"/>
      <c r="BJ1598" s="162"/>
      <c r="BK1598" s="162"/>
      <c r="BL1598" s="162"/>
      <c r="BM1598" s="162"/>
      <c r="BN1598" s="162"/>
      <c r="BO1598" s="162"/>
      <c r="BP1598" s="162"/>
      <c r="BQ1598" s="162"/>
      <c r="BR1598" s="162"/>
      <c r="BS1598" s="162"/>
      <c r="BT1598" s="162"/>
      <c r="BU1598" s="162"/>
      <c r="BV1598" s="162"/>
      <c r="BW1598" s="162"/>
      <c r="BX1598" s="162"/>
      <c r="BY1598" s="162"/>
      <c r="BZ1598" s="162"/>
      <c r="CA1598" s="162"/>
      <c r="CB1598" s="162"/>
      <c r="CC1598" s="162"/>
      <c r="CD1598" s="162"/>
      <c r="CE1598" s="162"/>
      <c r="CF1598" s="162"/>
      <c r="CG1598" s="162"/>
      <c r="CH1598" s="162"/>
      <c r="CI1598" s="162"/>
      <c r="CJ1598" s="162"/>
      <c r="CK1598" s="162"/>
      <c r="CX1598" s="98"/>
      <c r="DL1598" s="97"/>
      <c r="DX1598" s="98"/>
      <c r="EL1598" s="97"/>
      <c r="EX1598" s="98"/>
      <c r="EY1598" s="97"/>
      <c r="FL1598" s="126"/>
      <c r="FM1598" s="91"/>
      <c r="FN1598" s="91"/>
      <c r="FO1598" s="91"/>
      <c r="FP1598" s="91"/>
      <c r="FQ1598" s="91"/>
      <c r="FR1598" s="91"/>
      <c r="FS1598" s="91"/>
      <c r="FT1598" s="91"/>
      <c r="FU1598" s="91"/>
      <c r="FV1598" s="91"/>
      <c r="FW1598" s="91"/>
      <c r="FX1598" s="91"/>
      <c r="FY1598" s="91"/>
      <c r="FZ1598" s="91"/>
      <c r="GA1598" s="91"/>
      <c r="GB1598" s="91"/>
      <c r="GC1598" s="91"/>
      <c r="GD1598" s="91"/>
      <c r="GE1598" s="91"/>
      <c r="GF1598" s="91"/>
      <c r="GG1598" s="91"/>
      <c r="GH1598" s="91"/>
      <c r="GI1598" s="91"/>
      <c r="GJ1598" s="91"/>
      <c r="GK1598" s="127"/>
      <c r="GL1598" s="126"/>
      <c r="GM1598" s="91"/>
      <c r="GN1598" s="91"/>
      <c r="GO1598" s="91"/>
      <c r="GP1598" s="91"/>
      <c r="GQ1598" s="91"/>
      <c r="GR1598" s="91"/>
      <c r="GS1598" s="91"/>
      <c r="GT1598" s="91"/>
      <c r="GU1598" s="91"/>
      <c r="GV1598" s="91"/>
      <c r="GW1598" s="91"/>
      <c r="GX1598" s="91"/>
      <c r="GY1598" s="91"/>
      <c r="GZ1598" s="91"/>
      <c r="HA1598" s="91"/>
      <c r="HB1598" s="91"/>
      <c r="HC1598" s="91"/>
      <c r="HD1598" s="91"/>
      <c r="HE1598" s="91"/>
      <c r="HF1598" s="91"/>
      <c r="HG1598" s="91"/>
      <c r="HH1598" s="91"/>
      <c r="HI1598" s="91"/>
      <c r="HJ1598" s="91"/>
      <c r="HK1598" s="127"/>
      <c r="HL1598" s="126"/>
      <c r="HM1598" s="91"/>
      <c r="HN1598" s="91"/>
      <c r="HO1598" s="91"/>
      <c r="HP1598" s="91"/>
      <c r="HQ1598" s="91"/>
      <c r="HR1598" s="91"/>
      <c r="HS1598" s="91"/>
      <c r="HT1598" s="91"/>
      <c r="HU1598" s="91"/>
      <c r="HV1598" s="91"/>
      <c r="HW1598" s="91"/>
      <c r="HX1598" s="91"/>
      <c r="HY1598" s="91"/>
      <c r="HZ1598" s="91"/>
      <c r="IA1598" s="91"/>
      <c r="IB1598" s="91"/>
      <c r="IC1598" s="91"/>
      <c r="ID1598" s="91"/>
      <c r="IE1598" s="91"/>
      <c r="IF1598" s="91"/>
      <c r="IG1598" s="91"/>
      <c r="IH1598" s="91"/>
      <c r="II1598" s="91"/>
      <c r="IJ1598" s="91"/>
      <c r="IK1598" s="127"/>
    </row>
    <row r="1599" spans="2:245" x14ac:dyDescent="0.2">
      <c r="B1599" s="43"/>
      <c r="C1599" s="73"/>
      <c r="D1599" s="64"/>
      <c r="E1599" s="64"/>
      <c r="F1599" s="55"/>
      <c r="G1599" s="102"/>
      <c r="H1599" s="55"/>
      <c r="I1599" s="55"/>
      <c r="J1599" s="55"/>
      <c r="K1599" s="55"/>
      <c r="L1599" s="55"/>
      <c r="M1599" s="55"/>
      <c r="N1599" s="55"/>
      <c r="O1599" s="55"/>
      <c r="P1599" s="55"/>
      <c r="Q1599" s="55"/>
      <c r="R1599" s="55"/>
      <c r="S1599" s="55"/>
      <c r="T1599" s="55"/>
      <c r="U1599" s="55"/>
      <c r="V1599" s="55"/>
      <c r="W1599" s="55"/>
      <c r="X1599" s="55"/>
      <c r="Y1599" s="55"/>
      <c r="Z1599" s="55"/>
      <c r="AA1599" s="55"/>
      <c r="AB1599" s="55"/>
      <c r="AC1599" s="55"/>
      <c r="AD1599" s="55"/>
      <c r="AE1599" s="55"/>
      <c r="AF1599" s="55"/>
      <c r="AG1599" s="55"/>
      <c r="AY1599" s="162"/>
      <c r="AZ1599" s="162"/>
      <c r="BA1599" s="162"/>
      <c r="BB1599" s="162"/>
      <c r="BC1599" s="162"/>
      <c r="BD1599" s="162"/>
      <c r="BE1599" s="162"/>
      <c r="BF1599" s="162"/>
      <c r="BG1599" s="162"/>
      <c r="BH1599" s="162"/>
      <c r="BI1599" s="162"/>
      <c r="BJ1599" s="162"/>
      <c r="BK1599" s="162"/>
      <c r="BL1599" s="162"/>
      <c r="BM1599" s="162"/>
      <c r="BN1599" s="162"/>
      <c r="BO1599" s="162"/>
      <c r="BP1599" s="162"/>
      <c r="BQ1599" s="162"/>
      <c r="BR1599" s="162"/>
      <c r="BS1599" s="162"/>
      <c r="BT1599" s="162"/>
      <c r="BU1599" s="162"/>
      <c r="BV1599" s="162"/>
      <c r="BW1599" s="162"/>
      <c r="BX1599" s="162"/>
      <c r="BY1599" s="162"/>
      <c r="BZ1599" s="162"/>
      <c r="CA1599" s="162"/>
      <c r="CB1599" s="162"/>
      <c r="CC1599" s="162"/>
      <c r="CD1599" s="162"/>
      <c r="CE1599" s="162"/>
      <c r="CF1599" s="162"/>
      <c r="CG1599" s="162"/>
      <c r="CH1599" s="162"/>
      <c r="CI1599" s="162"/>
      <c r="CJ1599" s="162"/>
      <c r="CK1599" s="162"/>
      <c r="CX1599" s="98"/>
      <c r="DL1599" s="97"/>
      <c r="DX1599" s="98"/>
      <c r="EL1599" s="97"/>
      <c r="EX1599" s="98"/>
      <c r="EY1599" s="97"/>
      <c r="FL1599" s="126"/>
      <c r="FM1599" s="91"/>
      <c r="FN1599" s="91"/>
      <c r="FO1599" s="91"/>
      <c r="FP1599" s="91"/>
      <c r="FQ1599" s="91"/>
      <c r="FR1599" s="91"/>
      <c r="FS1599" s="91"/>
      <c r="FT1599" s="91"/>
      <c r="FU1599" s="91"/>
      <c r="FV1599" s="91"/>
      <c r="FW1599" s="91"/>
      <c r="FX1599" s="91"/>
      <c r="FY1599" s="91"/>
      <c r="FZ1599" s="91"/>
      <c r="GA1599" s="91"/>
      <c r="GB1599" s="91"/>
      <c r="GC1599" s="91"/>
      <c r="GD1599" s="91"/>
      <c r="GE1599" s="91"/>
      <c r="GF1599" s="91"/>
      <c r="GG1599" s="91"/>
      <c r="GH1599" s="91"/>
      <c r="GI1599" s="91"/>
      <c r="GJ1599" s="91"/>
      <c r="GK1599" s="127"/>
      <c r="GL1599" s="126"/>
      <c r="GM1599" s="91"/>
      <c r="GN1599" s="91"/>
      <c r="GO1599" s="91"/>
      <c r="GP1599" s="91"/>
      <c r="GQ1599" s="91"/>
      <c r="GR1599" s="91"/>
      <c r="GS1599" s="91"/>
      <c r="GT1599" s="91"/>
      <c r="GU1599" s="91"/>
      <c r="GV1599" s="91"/>
      <c r="GW1599" s="91"/>
      <c r="GX1599" s="91"/>
      <c r="GY1599" s="91"/>
      <c r="GZ1599" s="91"/>
      <c r="HA1599" s="91"/>
      <c r="HB1599" s="91"/>
      <c r="HC1599" s="91"/>
      <c r="HD1599" s="91"/>
      <c r="HE1599" s="91"/>
      <c r="HF1599" s="91"/>
      <c r="HG1599" s="91"/>
      <c r="HH1599" s="91"/>
      <c r="HI1599" s="91"/>
      <c r="HJ1599" s="91"/>
      <c r="HK1599" s="127"/>
      <c r="HL1599" s="126"/>
      <c r="HM1599" s="91"/>
      <c r="HN1599" s="91"/>
      <c r="HO1599" s="91"/>
      <c r="HP1599" s="91"/>
      <c r="HQ1599" s="91"/>
      <c r="HR1599" s="91"/>
      <c r="HS1599" s="91"/>
      <c r="HT1599" s="91"/>
      <c r="HU1599" s="91"/>
      <c r="HV1599" s="91"/>
      <c r="HW1599" s="91"/>
      <c r="HX1599" s="91"/>
      <c r="HY1599" s="91"/>
      <c r="HZ1599" s="91"/>
      <c r="IA1599" s="91"/>
      <c r="IB1599" s="91"/>
      <c r="IC1599" s="91"/>
      <c r="ID1599" s="91"/>
      <c r="IE1599" s="91"/>
      <c r="IF1599" s="91"/>
      <c r="IG1599" s="91"/>
      <c r="IH1599" s="91"/>
      <c r="II1599" s="91"/>
      <c r="IJ1599" s="91"/>
      <c r="IK1599" s="127"/>
    </row>
    <row r="1600" spans="2:245" x14ac:dyDescent="0.2">
      <c r="B1600" s="43"/>
      <c r="C1600" s="73"/>
      <c r="D1600" s="64"/>
      <c r="E1600" s="64"/>
      <c r="F1600" s="55"/>
      <c r="G1600" s="102"/>
      <c r="H1600" s="55"/>
      <c r="I1600" s="55"/>
      <c r="J1600" s="55"/>
      <c r="K1600" s="55"/>
      <c r="L1600" s="55"/>
      <c r="M1600" s="55"/>
      <c r="N1600" s="55"/>
      <c r="O1600" s="55"/>
      <c r="P1600" s="55"/>
      <c r="Q1600" s="55"/>
      <c r="R1600" s="55"/>
      <c r="S1600" s="55"/>
      <c r="T1600" s="55"/>
      <c r="U1600" s="55"/>
      <c r="V1600" s="55"/>
      <c r="W1600" s="55"/>
      <c r="X1600" s="55"/>
      <c r="Y1600" s="55"/>
      <c r="Z1600" s="55"/>
      <c r="AA1600" s="55"/>
      <c r="AB1600" s="55"/>
      <c r="AC1600" s="55"/>
      <c r="AD1600" s="55"/>
      <c r="AE1600" s="55"/>
      <c r="AF1600" s="55"/>
      <c r="AG1600" s="55"/>
      <c r="AY1600" s="162"/>
      <c r="AZ1600" s="162"/>
      <c r="BA1600" s="162"/>
      <c r="BB1600" s="162"/>
      <c r="BC1600" s="162"/>
      <c r="BD1600" s="162"/>
      <c r="BE1600" s="162"/>
      <c r="BF1600" s="162"/>
      <c r="BG1600" s="162"/>
      <c r="BH1600" s="162"/>
      <c r="BI1600" s="162"/>
      <c r="BJ1600" s="162"/>
      <c r="BK1600" s="162"/>
      <c r="BL1600" s="162"/>
      <c r="BM1600" s="162"/>
      <c r="BN1600" s="162"/>
      <c r="BO1600" s="162"/>
      <c r="BP1600" s="162"/>
      <c r="BQ1600" s="162"/>
      <c r="BR1600" s="162"/>
      <c r="BS1600" s="162"/>
      <c r="BT1600" s="162"/>
      <c r="BU1600" s="162"/>
      <c r="BV1600" s="162"/>
      <c r="BW1600" s="162"/>
      <c r="BX1600" s="162"/>
      <c r="BY1600" s="162"/>
      <c r="BZ1600" s="162"/>
      <c r="CA1600" s="162"/>
      <c r="CB1600" s="162"/>
      <c r="CC1600" s="162"/>
      <c r="CD1600" s="162"/>
      <c r="CE1600" s="162"/>
      <c r="CF1600" s="162"/>
      <c r="CG1600" s="162"/>
      <c r="CH1600" s="162"/>
      <c r="CI1600" s="162"/>
      <c r="CJ1600" s="162"/>
      <c r="CK1600" s="162"/>
      <c r="CX1600" s="98"/>
      <c r="DL1600" s="97"/>
      <c r="DX1600" s="98"/>
      <c r="EL1600" s="97"/>
      <c r="EX1600" s="98"/>
      <c r="EY1600" s="97"/>
      <c r="FL1600" s="126"/>
      <c r="FM1600" s="91"/>
      <c r="FN1600" s="91"/>
      <c r="FO1600" s="91"/>
      <c r="FP1600" s="91"/>
      <c r="FQ1600" s="91"/>
      <c r="FR1600" s="91"/>
      <c r="FS1600" s="91"/>
      <c r="FT1600" s="91"/>
      <c r="FU1600" s="91"/>
      <c r="FV1600" s="91"/>
      <c r="FW1600" s="91"/>
      <c r="FX1600" s="91"/>
      <c r="FY1600" s="91"/>
      <c r="FZ1600" s="91"/>
      <c r="GA1600" s="91"/>
      <c r="GB1600" s="91"/>
      <c r="GC1600" s="91"/>
      <c r="GD1600" s="91"/>
      <c r="GE1600" s="91"/>
      <c r="GF1600" s="91"/>
      <c r="GG1600" s="91"/>
      <c r="GH1600" s="91"/>
      <c r="GI1600" s="91"/>
      <c r="GJ1600" s="91"/>
      <c r="GK1600" s="127"/>
      <c r="GL1600" s="126"/>
      <c r="GM1600" s="91"/>
      <c r="GN1600" s="91"/>
      <c r="GO1600" s="91"/>
      <c r="GP1600" s="91"/>
      <c r="GQ1600" s="91"/>
      <c r="GR1600" s="91"/>
      <c r="GS1600" s="91"/>
      <c r="GT1600" s="91"/>
      <c r="GU1600" s="91"/>
      <c r="GV1600" s="91"/>
      <c r="GW1600" s="91"/>
      <c r="GX1600" s="91"/>
      <c r="GY1600" s="91"/>
      <c r="GZ1600" s="91"/>
      <c r="HA1600" s="91"/>
      <c r="HB1600" s="91"/>
      <c r="HC1600" s="91"/>
      <c r="HD1600" s="91"/>
      <c r="HE1600" s="91"/>
      <c r="HF1600" s="91"/>
      <c r="HG1600" s="91"/>
      <c r="HH1600" s="91"/>
      <c r="HI1600" s="91"/>
      <c r="HJ1600" s="91"/>
      <c r="HK1600" s="127"/>
      <c r="HL1600" s="126"/>
      <c r="HM1600" s="91"/>
      <c r="HN1600" s="91"/>
      <c r="HO1600" s="91"/>
      <c r="HP1600" s="91"/>
      <c r="HQ1600" s="91"/>
      <c r="HR1600" s="91"/>
      <c r="HS1600" s="91"/>
      <c r="HT1600" s="91"/>
      <c r="HU1600" s="91"/>
      <c r="HV1600" s="91"/>
      <c r="HW1600" s="91"/>
      <c r="HX1600" s="91"/>
      <c r="HY1600" s="91"/>
      <c r="HZ1600" s="91"/>
      <c r="IA1600" s="91"/>
      <c r="IB1600" s="91"/>
      <c r="IC1600" s="91"/>
      <c r="ID1600" s="91"/>
      <c r="IE1600" s="91"/>
      <c r="IF1600" s="91"/>
      <c r="IG1600" s="91"/>
      <c r="IH1600" s="91"/>
      <c r="II1600" s="91"/>
      <c r="IJ1600" s="91"/>
      <c r="IK1600" s="127"/>
    </row>
    <row r="1601" spans="2:245" x14ac:dyDescent="0.2">
      <c r="B1601" s="43"/>
      <c r="C1601" s="73"/>
      <c r="D1601" s="64"/>
      <c r="E1601" s="64"/>
      <c r="F1601" s="55"/>
      <c r="G1601" s="102"/>
      <c r="H1601" s="55"/>
      <c r="I1601" s="55"/>
      <c r="J1601" s="55"/>
      <c r="K1601" s="55"/>
      <c r="L1601" s="55"/>
      <c r="M1601" s="55"/>
      <c r="N1601" s="55"/>
      <c r="O1601" s="55"/>
      <c r="P1601" s="55"/>
      <c r="Q1601" s="55"/>
      <c r="R1601" s="55"/>
      <c r="S1601" s="55"/>
      <c r="T1601" s="55"/>
      <c r="U1601" s="55"/>
      <c r="V1601" s="55"/>
      <c r="W1601" s="55"/>
      <c r="X1601" s="55"/>
      <c r="Y1601" s="55"/>
      <c r="Z1601" s="55"/>
      <c r="AA1601" s="55"/>
      <c r="AB1601" s="55"/>
      <c r="AC1601" s="55"/>
      <c r="AD1601" s="55"/>
      <c r="AE1601" s="55"/>
      <c r="AF1601" s="55"/>
      <c r="AG1601" s="55"/>
      <c r="AY1601" s="162"/>
      <c r="AZ1601" s="162"/>
      <c r="BA1601" s="162"/>
      <c r="BB1601" s="162"/>
      <c r="BC1601" s="162"/>
      <c r="BD1601" s="162"/>
      <c r="BE1601" s="162"/>
      <c r="BF1601" s="162"/>
      <c r="BG1601" s="162"/>
      <c r="BH1601" s="162"/>
      <c r="BI1601" s="162"/>
      <c r="BJ1601" s="162"/>
      <c r="BK1601" s="162"/>
      <c r="BL1601" s="162"/>
      <c r="BM1601" s="162"/>
      <c r="BN1601" s="162"/>
      <c r="BO1601" s="162"/>
      <c r="BP1601" s="162"/>
      <c r="BQ1601" s="162"/>
      <c r="BR1601" s="162"/>
      <c r="BS1601" s="162"/>
      <c r="BT1601" s="162"/>
      <c r="BU1601" s="162"/>
      <c r="BV1601" s="162"/>
      <c r="BW1601" s="162"/>
      <c r="BX1601" s="162"/>
      <c r="BY1601" s="162"/>
      <c r="BZ1601" s="162"/>
      <c r="CA1601" s="162"/>
      <c r="CB1601" s="162"/>
      <c r="CC1601" s="162"/>
      <c r="CD1601" s="162"/>
      <c r="CE1601" s="162"/>
      <c r="CF1601" s="162"/>
      <c r="CG1601" s="162"/>
      <c r="CH1601" s="162"/>
      <c r="CI1601" s="162"/>
      <c r="CJ1601" s="162"/>
      <c r="CK1601" s="162"/>
      <c r="CX1601" s="98"/>
      <c r="DL1601" s="97"/>
      <c r="DX1601" s="98"/>
      <c r="EL1601" s="97"/>
      <c r="EX1601" s="98"/>
      <c r="EY1601" s="97"/>
      <c r="FL1601" s="126"/>
      <c r="FM1601" s="91"/>
      <c r="FN1601" s="91"/>
      <c r="FO1601" s="91"/>
      <c r="FP1601" s="91"/>
      <c r="FQ1601" s="91"/>
      <c r="FR1601" s="91"/>
      <c r="FS1601" s="91"/>
      <c r="FT1601" s="91"/>
      <c r="FU1601" s="91"/>
      <c r="FV1601" s="91"/>
      <c r="FW1601" s="91"/>
      <c r="FX1601" s="91"/>
      <c r="FY1601" s="91"/>
      <c r="FZ1601" s="91"/>
      <c r="GA1601" s="91"/>
      <c r="GB1601" s="91"/>
      <c r="GC1601" s="91"/>
      <c r="GD1601" s="91"/>
      <c r="GE1601" s="91"/>
      <c r="GF1601" s="91"/>
      <c r="GG1601" s="91"/>
      <c r="GH1601" s="91"/>
      <c r="GI1601" s="91"/>
      <c r="GJ1601" s="91"/>
      <c r="GK1601" s="127"/>
      <c r="GL1601" s="126"/>
      <c r="GM1601" s="91"/>
      <c r="GN1601" s="91"/>
      <c r="GO1601" s="91"/>
      <c r="GP1601" s="91"/>
      <c r="GQ1601" s="91"/>
      <c r="GR1601" s="91"/>
      <c r="GS1601" s="91"/>
      <c r="GT1601" s="91"/>
      <c r="GU1601" s="91"/>
      <c r="GV1601" s="91"/>
      <c r="GW1601" s="91"/>
      <c r="GX1601" s="91"/>
      <c r="GY1601" s="91"/>
      <c r="GZ1601" s="91"/>
      <c r="HA1601" s="91"/>
      <c r="HB1601" s="91"/>
      <c r="HC1601" s="91"/>
      <c r="HD1601" s="91"/>
      <c r="HE1601" s="91"/>
      <c r="HF1601" s="91"/>
      <c r="HG1601" s="91"/>
      <c r="HH1601" s="91"/>
      <c r="HI1601" s="91"/>
      <c r="HJ1601" s="91"/>
      <c r="HK1601" s="127"/>
      <c r="HL1601" s="126"/>
      <c r="HM1601" s="91"/>
      <c r="HN1601" s="91"/>
      <c r="HO1601" s="91"/>
      <c r="HP1601" s="91"/>
      <c r="HQ1601" s="91"/>
      <c r="HR1601" s="91"/>
      <c r="HS1601" s="91"/>
      <c r="HT1601" s="91"/>
      <c r="HU1601" s="91"/>
      <c r="HV1601" s="91"/>
      <c r="HW1601" s="91"/>
      <c r="HX1601" s="91"/>
      <c r="HY1601" s="91"/>
      <c r="HZ1601" s="91"/>
      <c r="IA1601" s="91"/>
      <c r="IB1601" s="91"/>
      <c r="IC1601" s="91"/>
      <c r="ID1601" s="91"/>
      <c r="IE1601" s="91"/>
      <c r="IF1601" s="91"/>
      <c r="IG1601" s="91"/>
      <c r="IH1601" s="91"/>
      <c r="II1601" s="91"/>
      <c r="IJ1601" s="91"/>
      <c r="IK1601" s="127"/>
    </row>
    <row r="1602" spans="2:245" x14ac:dyDescent="0.2">
      <c r="B1602" s="43"/>
      <c r="C1602" s="73"/>
      <c r="D1602" s="64"/>
      <c r="E1602" s="64"/>
      <c r="F1602" s="55"/>
      <c r="G1602" s="102"/>
      <c r="H1602" s="55"/>
      <c r="I1602" s="55"/>
      <c r="J1602" s="55"/>
      <c r="K1602" s="55"/>
      <c r="L1602" s="55"/>
      <c r="M1602" s="55"/>
      <c r="N1602" s="55"/>
      <c r="O1602" s="55"/>
      <c r="P1602" s="55"/>
      <c r="Q1602" s="55"/>
      <c r="R1602" s="55"/>
      <c r="S1602" s="55"/>
      <c r="T1602" s="55"/>
      <c r="U1602" s="55"/>
      <c r="V1602" s="55"/>
      <c r="W1602" s="55"/>
      <c r="X1602" s="55"/>
      <c r="Y1602" s="55"/>
      <c r="Z1602" s="55"/>
      <c r="AA1602" s="55"/>
      <c r="AB1602" s="55"/>
      <c r="AC1602" s="55"/>
      <c r="AD1602" s="55"/>
      <c r="AE1602" s="55"/>
      <c r="AF1602" s="55"/>
      <c r="AG1602" s="55"/>
      <c r="AY1602" s="162"/>
      <c r="AZ1602" s="162"/>
      <c r="BA1602" s="162"/>
      <c r="BB1602" s="162"/>
      <c r="BC1602" s="162"/>
      <c r="BD1602" s="162"/>
      <c r="BE1602" s="162"/>
      <c r="BF1602" s="162"/>
      <c r="BG1602" s="162"/>
      <c r="BH1602" s="162"/>
      <c r="BI1602" s="162"/>
      <c r="BJ1602" s="162"/>
      <c r="BK1602" s="162"/>
      <c r="BL1602" s="162"/>
      <c r="BM1602" s="162"/>
      <c r="BN1602" s="162"/>
      <c r="BO1602" s="162"/>
      <c r="BP1602" s="162"/>
      <c r="BQ1602" s="162"/>
      <c r="BR1602" s="162"/>
      <c r="BS1602" s="162"/>
      <c r="BT1602" s="162"/>
      <c r="BU1602" s="162"/>
      <c r="BV1602" s="162"/>
      <c r="BW1602" s="162"/>
      <c r="BX1602" s="162"/>
      <c r="BY1602" s="162"/>
      <c r="BZ1602" s="162"/>
      <c r="CA1602" s="162"/>
      <c r="CB1602" s="162"/>
      <c r="CC1602" s="162"/>
      <c r="CD1602" s="162"/>
      <c r="CE1602" s="162"/>
      <c r="CF1602" s="162"/>
      <c r="CG1602" s="162"/>
      <c r="CH1602" s="162"/>
      <c r="CI1602" s="162"/>
      <c r="CJ1602" s="162"/>
      <c r="CK1602" s="162"/>
      <c r="CX1602" s="98"/>
      <c r="DL1602" s="97"/>
      <c r="DX1602" s="98"/>
      <c r="EL1602" s="97"/>
      <c r="EX1602" s="98"/>
      <c r="EY1602" s="97"/>
      <c r="FL1602" s="126"/>
      <c r="FM1602" s="91"/>
      <c r="FN1602" s="91"/>
      <c r="FO1602" s="91"/>
      <c r="FP1602" s="91"/>
      <c r="FQ1602" s="91"/>
      <c r="FR1602" s="91"/>
      <c r="FS1602" s="91"/>
      <c r="FT1602" s="91"/>
      <c r="FU1602" s="91"/>
      <c r="FV1602" s="91"/>
      <c r="FW1602" s="91"/>
      <c r="FX1602" s="91"/>
      <c r="FY1602" s="91"/>
      <c r="FZ1602" s="91"/>
      <c r="GA1602" s="91"/>
      <c r="GB1602" s="91"/>
      <c r="GC1602" s="91"/>
      <c r="GD1602" s="91"/>
      <c r="GE1602" s="91"/>
      <c r="GF1602" s="91"/>
      <c r="GG1602" s="91"/>
      <c r="GH1602" s="91"/>
      <c r="GI1602" s="91"/>
      <c r="GJ1602" s="91"/>
      <c r="GK1602" s="127"/>
      <c r="GL1602" s="126"/>
      <c r="GM1602" s="91"/>
      <c r="GN1602" s="91"/>
      <c r="GO1602" s="91"/>
      <c r="GP1602" s="91"/>
      <c r="GQ1602" s="91"/>
      <c r="GR1602" s="91"/>
      <c r="GS1602" s="91"/>
      <c r="GT1602" s="91"/>
      <c r="GU1602" s="91"/>
      <c r="GV1602" s="91"/>
      <c r="GW1602" s="91"/>
      <c r="GX1602" s="91"/>
      <c r="GY1602" s="91"/>
      <c r="GZ1602" s="91"/>
      <c r="HA1602" s="91"/>
      <c r="HB1602" s="91"/>
      <c r="HC1602" s="91"/>
      <c r="HD1602" s="91"/>
      <c r="HE1602" s="91"/>
      <c r="HF1602" s="91"/>
      <c r="HG1602" s="91"/>
      <c r="HH1602" s="91"/>
      <c r="HI1602" s="91"/>
      <c r="HJ1602" s="91"/>
      <c r="HK1602" s="127"/>
      <c r="HL1602" s="126"/>
      <c r="HM1602" s="91"/>
      <c r="HN1602" s="91"/>
      <c r="HO1602" s="91"/>
      <c r="HP1602" s="91"/>
      <c r="HQ1602" s="91"/>
      <c r="HR1602" s="91"/>
      <c r="HS1602" s="91"/>
      <c r="HT1602" s="91"/>
      <c r="HU1602" s="91"/>
      <c r="HV1602" s="91"/>
      <c r="HW1602" s="91"/>
      <c r="HX1602" s="91"/>
      <c r="HY1602" s="91"/>
      <c r="HZ1602" s="91"/>
      <c r="IA1602" s="91"/>
      <c r="IB1602" s="91"/>
      <c r="IC1602" s="91"/>
      <c r="ID1602" s="91"/>
      <c r="IE1602" s="91"/>
      <c r="IF1602" s="91"/>
      <c r="IG1602" s="91"/>
      <c r="IH1602" s="91"/>
      <c r="II1602" s="91"/>
      <c r="IJ1602" s="91"/>
      <c r="IK1602" s="127"/>
    </row>
    <row r="1603" spans="2:245" x14ac:dyDescent="0.2">
      <c r="B1603" s="43"/>
      <c r="C1603" s="73"/>
      <c r="D1603" s="64"/>
      <c r="E1603" s="64"/>
      <c r="F1603" s="55"/>
      <c r="G1603" s="102"/>
      <c r="H1603" s="55"/>
      <c r="I1603" s="55"/>
      <c r="J1603" s="55"/>
      <c r="K1603" s="55"/>
      <c r="L1603" s="55"/>
      <c r="M1603" s="55"/>
      <c r="N1603" s="55"/>
      <c r="O1603" s="55"/>
      <c r="P1603" s="55"/>
      <c r="Q1603" s="55"/>
      <c r="R1603" s="55"/>
      <c r="S1603" s="55"/>
      <c r="T1603" s="55"/>
      <c r="U1603" s="55"/>
      <c r="V1603" s="55"/>
      <c r="W1603" s="55"/>
      <c r="X1603" s="55"/>
      <c r="Y1603" s="55"/>
      <c r="Z1603" s="55"/>
      <c r="AA1603" s="55"/>
      <c r="AB1603" s="55"/>
      <c r="AC1603" s="55"/>
      <c r="AD1603" s="55"/>
      <c r="AE1603" s="55"/>
      <c r="AF1603" s="55"/>
      <c r="AG1603" s="55"/>
      <c r="AY1603" s="162"/>
      <c r="AZ1603" s="162"/>
      <c r="BA1603" s="162"/>
      <c r="BB1603" s="162"/>
      <c r="BC1603" s="162"/>
      <c r="BD1603" s="162"/>
      <c r="BE1603" s="162"/>
      <c r="BF1603" s="162"/>
      <c r="BG1603" s="162"/>
      <c r="BH1603" s="162"/>
      <c r="BI1603" s="162"/>
      <c r="BJ1603" s="162"/>
      <c r="BK1603" s="162"/>
      <c r="BL1603" s="162"/>
      <c r="BM1603" s="162"/>
      <c r="BN1603" s="162"/>
      <c r="BO1603" s="162"/>
      <c r="BP1603" s="162"/>
      <c r="BQ1603" s="162"/>
      <c r="BR1603" s="162"/>
      <c r="BS1603" s="162"/>
      <c r="BT1603" s="162"/>
      <c r="BU1603" s="162"/>
      <c r="BV1603" s="162"/>
      <c r="BW1603" s="162"/>
      <c r="BX1603" s="162"/>
      <c r="BY1603" s="162"/>
      <c r="BZ1603" s="162"/>
      <c r="CA1603" s="162"/>
      <c r="CB1603" s="162"/>
      <c r="CC1603" s="162"/>
      <c r="CD1603" s="162"/>
      <c r="CE1603" s="162"/>
      <c r="CF1603" s="162"/>
      <c r="CG1603" s="162"/>
      <c r="CH1603" s="162"/>
      <c r="CI1603" s="162"/>
      <c r="CJ1603" s="162"/>
      <c r="CK1603" s="162"/>
      <c r="CX1603" s="98"/>
      <c r="DL1603" s="97"/>
      <c r="DX1603" s="98"/>
      <c r="EL1603" s="97"/>
      <c r="EX1603" s="98"/>
      <c r="EY1603" s="97"/>
      <c r="FL1603" s="126"/>
      <c r="FM1603" s="91"/>
      <c r="FN1603" s="91"/>
      <c r="FO1603" s="91"/>
      <c r="FP1603" s="91"/>
      <c r="FQ1603" s="91"/>
      <c r="FR1603" s="91"/>
      <c r="FS1603" s="91"/>
      <c r="FT1603" s="91"/>
      <c r="FU1603" s="91"/>
      <c r="FV1603" s="91"/>
      <c r="FW1603" s="91"/>
      <c r="FX1603" s="91"/>
      <c r="FY1603" s="91"/>
      <c r="FZ1603" s="91"/>
      <c r="GA1603" s="91"/>
      <c r="GB1603" s="91"/>
      <c r="GC1603" s="91"/>
      <c r="GD1603" s="91"/>
      <c r="GE1603" s="91"/>
      <c r="GF1603" s="91"/>
      <c r="GG1603" s="91"/>
      <c r="GH1603" s="91"/>
      <c r="GI1603" s="91"/>
      <c r="GJ1603" s="91"/>
      <c r="GK1603" s="127"/>
      <c r="GL1603" s="126"/>
      <c r="GM1603" s="91"/>
      <c r="GN1603" s="91"/>
      <c r="GO1603" s="91"/>
      <c r="GP1603" s="91"/>
      <c r="GQ1603" s="91"/>
      <c r="GR1603" s="91"/>
      <c r="GS1603" s="91"/>
      <c r="GT1603" s="91"/>
      <c r="GU1603" s="91"/>
      <c r="GV1603" s="91"/>
      <c r="GW1603" s="91"/>
      <c r="GX1603" s="91"/>
      <c r="GY1603" s="91"/>
      <c r="GZ1603" s="91"/>
      <c r="HA1603" s="91"/>
      <c r="HB1603" s="91"/>
      <c r="HC1603" s="91"/>
      <c r="HD1603" s="91"/>
      <c r="HE1603" s="91"/>
      <c r="HF1603" s="91"/>
      <c r="HG1603" s="91"/>
      <c r="HH1603" s="91"/>
      <c r="HI1603" s="91"/>
      <c r="HJ1603" s="91"/>
      <c r="HK1603" s="127"/>
      <c r="HL1603" s="126"/>
      <c r="HM1603" s="91"/>
      <c r="HN1603" s="91"/>
      <c r="HO1603" s="91"/>
      <c r="HP1603" s="91"/>
      <c r="HQ1603" s="91"/>
      <c r="HR1603" s="91"/>
      <c r="HS1603" s="91"/>
      <c r="HT1603" s="91"/>
      <c r="HU1603" s="91"/>
      <c r="HV1603" s="91"/>
      <c r="HW1603" s="91"/>
      <c r="HX1603" s="91"/>
      <c r="HY1603" s="91"/>
      <c r="HZ1603" s="91"/>
      <c r="IA1603" s="91"/>
      <c r="IB1603" s="91"/>
      <c r="IC1603" s="91"/>
      <c r="ID1603" s="91"/>
      <c r="IE1603" s="91"/>
      <c r="IF1603" s="91"/>
      <c r="IG1603" s="91"/>
      <c r="IH1603" s="91"/>
      <c r="II1603" s="91"/>
      <c r="IJ1603" s="91"/>
      <c r="IK1603" s="127"/>
    </row>
    <row r="1604" spans="2:245" x14ac:dyDescent="0.2">
      <c r="B1604" s="43"/>
      <c r="C1604" s="73"/>
      <c r="D1604" s="64"/>
      <c r="E1604" s="64"/>
      <c r="F1604" s="55"/>
      <c r="G1604" s="102"/>
      <c r="H1604" s="55"/>
      <c r="I1604" s="55"/>
      <c r="J1604" s="55"/>
      <c r="K1604" s="55"/>
      <c r="L1604" s="55"/>
      <c r="M1604" s="55"/>
      <c r="N1604" s="55"/>
      <c r="O1604" s="55"/>
      <c r="P1604" s="55"/>
      <c r="Q1604" s="55"/>
      <c r="R1604" s="55"/>
      <c r="S1604" s="55"/>
      <c r="T1604" s="55"/>
      <c r="U1604" s="55"/>
      <c r="V1604" s="55"/>
      <c r="W1604" s="55"/>
      <c r="X1604" s="55"/>
      <c r="Y1604" s="55"/>
      <c r="Z1604" s="55"/>
      <c r="AA1604" s="55"/>
      <c r="AB1604" s="55"/>
      <c r="AC1604" s="55"/>
      <c r="AD1604" s="55"/>
      <c r="AE1604" s="55"/>
      <c r="AF1604" s="55"/>
      <c r="AG1604" s="55"/>
      <c r="AY1604" s="162"/>
      <c r="AZ1604" s="162"/>
      <c r="BA1604" s="162"/>
      <c r="BB1604" s="162"/>
      <c r="BC1604" s="162"/>
      <c r="BD1604" s="162"/>
      <c r="BE1604" s="162"/>
      <c r="BF1604" s="162"/>
      <c r="BG1604" s="162"/>
      <c r="BH1604" s="162"/>
      <c r="BI1604" s="162"/>
      <c r="BJ1604" s="162"/>
      <c r="BK1604" s="162"/>
      <c r="BL1604" s="162"/>
      <c r="BM1604" s="162"/>
      <c r="BN1604" s="162"/>
      <c r="BO1604" s="162"/>
      <c r="BP1604" s="162"/>
      <c r="BQ1604" s="162"/>
      <c r="BR1604" s="162"/>
      <c r="BS1604" s="162"/>
      <c r="BT1604" s="162"/>
      <c r="BU1604" s="162"/>
      <c r="BV1604" s="162"/>
      <c r="BW1604" s="162"/>
      <c r="BX1604" s="162"/>
      <c r="BY1604" s="162"/>
      <c r="BZ1604" s="162"/>
      <c r="CA1604" s="162"/>
      <c r="CB1604" s="162"/>
      <c r="CC1604" s="162"/>
      <c r="CD1604" s="162"/>
      <c r="CE1604" s="162"/>
      <c r="CF1604" s="162"/>
      <c r="CG1604" s="162"/>
      <c r="CH1604" s="162"/>
      <c r="CI1604" s="162"/>
      <c r="CJ1604" s="162"/>
      <c r="CK1604" s="162"/>
      <c r="CX1604" s="98"/>
      <c r="DL1604" s="97"/>
      <c r="DX1604" s="98"/>
      <c r="EL1604" s="97"/>
      <c r="EX1604" s="98"/>
      <c r="EY1604" s="97"/>
      <c r="FL1604" s="126"/>
      <c r="FM1604" s="91"/>
      <c r="FN1604" s="91"/>
      <c r="FO1604" s="91"/>
      <c r="FP1604" s="91"/>
      <c r="FQ1604" s="91"/>
      <c r="FR1604" s="91"/>
      <c r="FS1604" s="91"/>
      <c r="FT1604" s="91"/>
      <c r="FU1604" s="91"/>
      <c r="FV1604" s="91"/>
      <c r="FW1604" s="91"/>
      <c r="FX1604" s="91"/>
      <c r="FY1604" s="91"/>
      <c r="FZ1604" s="91"/>
      <c r="GA1604" s="91"/>
      <c r="GB1604" s="91"/>
      <c r="GC1604" s="91"/>
      <c r="GD1604" s="91"/>
      <c r="GE1604" s="91"/>
      <c r="GF1604" s="91"/>
      <c r="GG1604" s="91"/>
      <c r="GH1604" s="91"/>
      <c r="GI1604" s="91"/>
      <c r="GJ1604" s="91"/>
      <c r="GK1604" s="127"/>
      <c r="GL1604" s="126"/>
      <c r="GM1604" s="91"/>
      <c r="GN1604" s="91"/>
      <c r="GO1604" s="91"/>
      <c r="GP1604" s="91"/>
      <c r="GQ1604" s="91"/>
      <c r="GR1604" s="91"/>
      <c r="GS1604" s="91"/>
      <c r="GT1604" s="91"/>
      <c r="GU1604" s="91"/>
      <c r="GV1604" s="91"/>
      <c r="GW1604" s="91"/>
      <c r="GX1604" s="91"/>
      <c r="GY1604" s="91"/>
      <c r="GZ1604" s="91"/>
      <c r="HA1604" s="91"/>
      <c r="HB1604" s="91"/>
      <c r="HC1604" s="91"/>
      <c r="HD1604" s="91"/>
      <c r="HE1604" s="91"/>
      <c r="HF1604" s="91"/>
      <c r="HG1604" s="91"/>
      <c r="HH1604" s="91"/>
      <c r="HI1604" s="91"/>
      <c r="HJ1604" s="91"/>
      <c r="HK1604" s="127"/>
      <c r="HL1604" s="126"/>
      <c r="HM1604" s="91"/>
      <c r="HN1604" s="91"/>
      <c r="HO1604" s="91"/>
      <c r="HP1604" s="91"/>
      <c r="HQ1604" s="91"/>
      <c r="HR1604" s="91"/>
      <c r="HS1604" s="91"/>
      <c r="HT1604" s="91"/>
      <c r="HU1604" s="91"/>
      <c r="HV1604" s="91"/>
      <c r="HW1604" s="91"/>
      <c r="HX1604" s="91"/>
      <c r="HY1604" s="91"/>
      <c r="HZ1604" s="91"/>
      <c r="IA1604" s="91"/>
      <c r="IB1604" s="91"/>
      <c r="IC1604" s="91"/>
      <c r="ID1604" s="91"/>
      <c r="IE1604" s="91"/>
      <c r="IF1604" s="91"/>
      <c r="IG1604" s="91"/>
      <c r="IH1604" s="91"/>
      <c r="II1604" s="91"/>
      <c r="IJ1604" s="91"/>
      <c r="IK1604" s="127"/>
    </row>
    <row r="1605" spans="2:245" x14ac:dyDescent="0.2">
      <c r="B1605" s="43"/>
      <c r="C1605" s="73"/>
      <c r="D1605" s="64"/>
      <c r="E1605" s="64"/>
      <c r="F1605" s="55"/>
      <c r="G1605" s="102"/>
      <c r="H1605" s="55"/>
      <c r="I1605" s="55"/>
      <c r="J1605" s="55"/>
      <c r="K1605" s="55"/>
      <c r="L1605" s="55"/>
      <c r="M1605" s="55"/>
      <c r="N1605" s="55"/>
      <c r="O1605" s="55"/>
      <c r="P1605" s="55"/>
      <c r="Q1605" s="55"/>
      <c r="R1605" s="55"/>
      <c r="S1605" s="55"/>
      <c r="T1605" s="55"/>
      <c r="U1605" s="55"/>
      <c r="V1605" s="55"/>
      <c r="W1605" s="55"/>
      <c r="X1605" s="55"/>
      <c r="Y1605" s="55"/>
      <c r="Z1605" s="55"/>
      <c r="AA1605" s="55"/>
      <c r="AB1605" s="55"/>
      <c r="AC1605" s="55"/>
      <c r="AD1605" s="55"/>
      <c r="AE1605" s="55"/>
      <c r="AF1605" s="55"/>
      <c r="AG1605" s="55"/>
      <c r="AY1605" s="162"/>
      <c r="AZ1605" s="162"/>
      <c r="BA1605" s="162"/>
      <c r="BB1605" s="162"/>
      <c r="BC1605" s="162"/>
      <c r="BD1605" s="162"/>
      <c r="BE1605" s="162"/>
      <c r="BF1605" s="162"/>
      <c r="BG1605" s="162"/>
      <c r="BH1605" s="162"/>
      <c r="BI1605" s="162"/>
      <c r="BJ1605" s="162"/>
      <c r="BK1605" s="162"/>
      <c r="BL1605" s="162"/>
      <c r="BM1605" s="162"/>
      <c r="BN1605" s="162"/>
      <c r="BO1605" s="162"/>
      <c r="BP1605" s="162"/>
      <c r="BQ1605" s="162"/>
      <c r="BR1605" s="162"/>
      <c r="BS1605" s="162"/>
      <c r="BT1605" s="162"/>
      <c r="BU1605" s="162"/>
      <c r="BV1605" s="162"/>
      <c r="BW1605" s="162"/>
      <c r="BX1605" s="162"/>
      <c r="BY1605" s="162"/>
      <c r="BZ1605" s="162"/>
      <c r="CA1605" s="162"/>
      <c r="CB1605" s="162"/>
      <c r="CC1605" s="162"/>
      <c r="CD1605" s="162"/>
      <c r="CE1605" s="162"/>
      <c r="CF1605" s="162"/>
      <c r="CG1605" s="162"/>
      <c r="CH1605" s="162"/>
      <c r="CI1605" s="162"/>
      <c r="CJ1605" s="162"/>
      <c r="CK1605" s="162"/>
      <c r="CX1605" s="98"/>
      <c r="DL1605" s="97"/>
      <c r="DX1605" s="98"/>
      <c r="EL1605" s="97"/>
      <c r="EX1605" s="98"/>
      <c r="EY1605" s="97"/>
      <c r="FL1605" s="126"/>
      <c r="FM1605" s="91"/>
      <c r="FN1605" s="91"/>
      <c r="FO1605" s="91"/>
      <c r="FP1605" s="91"/>
      <c r="FQ1605" s="91"/>
      <c r="FR1605" s="91"/>
      <c r="FS1605" s="91"/>
      <c r="FT1605" s="91"/>
      <c r="FU1605" s="91"/>
      <c r="FV1605" s="91"/>
      <c r="FW1605" s="91"/>
      <c r="FX1605" s="91"/>
      <c r="FY1605" s="91"/>
      <c r="FZ1605" s="91"/>
      <c r="GA1605" s="91"/>
      <c r="GB1605" s="91"/>
      <c r="GC1605" s="91"/>
      <c r="GD1605" s="91"/>
      <c r="GE1605" s="91"/>
      <c r="GF1605" s="91"/>
      <c r="GG1605" s="91"/>
      <c r="GH1605" s="91"/>
      <c r="GI1605" s="91"/>
      <c r="GJ1605" s="91"/>
      <c r="GK1605" s="127"/>
      <c r="GL1605" s="126"/>
      <c r="GM1605" s="91"/>
      <c r="GN1605" s="91"/>
      <c r="GO1605" s="91"/>
      <c r="GP1605" s="91"/>
      <c r="GQ1605" s="91"/>
      <c r="GR1605" s="91"/>
      <c r="GS1605" s="91"/>
      <c r="GT1605" s="91"/>
      <c r="GU1605" s="91"/>
      <c r="GV1605" s="91"/>
      <c r="GW1605" s="91"/>
      <c r="GX1605" s="91"/>
      <c r="GY1605" s="91"/>
      <c r="GZ1605" s="91"/>
      <c r="HA1605" s="91"/>
      <c r="HB1605" s="91"/>
      <c r="HC1605" s="91"/>
      <c r="HD1605" s="91"/>
      <c r="HE1605" s="91"/>
      <c r="HF1605" s="91"/>
      <c r="HG1605" s="91"/>
      <c r="HH1605" s="91"/>
      <c r="HI1605" s="91"/>
      <c r="HJ1605" s="91"/>
      <c r="HK1605" s="127"/>
      <c r="HL1605" s="126"/>
      <c r="HM1605" s="91"/>
      <c r="HN1605" s="91"/>
      <c r="HO1605" s="91"/>
      <c r="HP1605" s="91"/>
      <c r="HQ1605" s="91"/>
      <c r="HR1605" s="91"/>
      <c r="HS1605" s="91"/>
      <c r="HT1605" s="91"/>
      <c r="HU1605" s="91"/>
      <c r="HV1605" s="91"/>
      <c r="HW1605" s="91"/>
      <c r="HX1605" s="91"/>
      <c r="HY1605" s="91"/>
      <c r="HZ1605" s="91"/>
      <c r="IA1605" s="91"/>
      <c r="IB1605" s="91"/>
      <c r="IC1605" s="91"/>
      <c r="ID1605" s="91"/>
      <c r="IE1605" s="91"/>
      <c r="IF1605" s="91"/>
      <c r="IG1605" s="91"/>
      <c r="IH1605" s="91"/>
      <c r="II1605" s="91"/>
      <c r="IJ1605" s="91"/>
      <c r="IK1605" s="127"/>
    </row>
    <row r="1606" spans="2:245" x14ac:dyDescent="0.2">
      <c r="B1606" s="43"/>
      <c r="C1606" s="73"/>
      <c r="D1606" s="64"/>
      <c r="E1606" s="64"/>
      <c r="F1606" s="55"/>
      <c r="G1606" s="102"/>
      <c r="H1606" s="55"/>
      <c r="I1606" s="55"/>
      <c r="J1606" s="55"/>
      <c r="K1606" s="55"/>
      <c r="L1606" s="55"/>
      <c r="M1606" s="55"/>
      <c r="N1606" s="55"/>
      <c r="O1606" s="55"/>
      <c r="P1606" s="55"/>
      <c r="Q1606" s="55"/>
      <c r="R1606" s="55"/>
      <c r="S1606" s="55"/>
      <c r="T1606" s="55"/>
      <c r="U1606" s="55"/>
      <c r="V1606" s="55"/>
      <c r="W1606" s="55"/>
      <c r="X1606" s="55"/>
      <c r="Y1606" s="55"/>
      <c r="Z1606" s="55"/>
      <c r="AA1606" s="55"/>
      <c r="AB1606" s="55"/>
      <c r="AC1606" s="55"/>
      <c r="AD1606" s="55"/>
      <c r="AE1606" s="55"/>
      <c r="AF1606" s="55"/>
      <c r="AG1606" s="55"/>
      <c r="AY1606" s="162"/>
      <c r="AZ1606" s="162"/>
      <c r="BA1606" s="162"/>
      <c r="BB1606" s="162"/>
      <c r="BC1606" s="162"/>
      <c r="BD1606" s="162"/>
      <c r="BE1606" s="162"/>
      <c r="BF1606" s="162"/>
      <c r="BG1606" s="162"/>
      <c r="BH1606" s="162"/>
      <c r="BI1606" s="162"/>
      <c r="BJ1606" s="162"/>
      <c r="BK1606" s="162"/>
      <c r="BL1606" s="162"/>
      <c r="BM1606" s="162"/>
      <c r="BN1606" s="162"/>
      <c r="BO1606" s="162"/>
      <c r="BP1606" s="162"/>
      <c r="BQ1606" s="162"/>
      <c r="BR1606" s="162"/>
      <c r="BS1606" s="162"/>
      <c r="BT1606" s="162"/>
      <c r="BU1606" s="162"/>
      <c r="BV1606" s="162"/>
      <c r="BW1606" s="162"/>
      <c r="BX1606" s="162"/>
      <c r="BY1606" s="162"/>
      <c r="BZ1606" s="162"/>
      <c r="CA1606" s="162"/>
      <c r="CB1606" s="162"/>
      <c r="CC1606" s="162"/>
      <c r="CD1606" s="162"/>
      <c r="CE1606" s="162"/>
      <c r="CF1606" s="162"/>
      <c r="CG1606" s="162"/>
      <c r="CH1606" s="162"/>
      <c r="CI1606" s="162"/>
      <c r="CJ1606" s="162"/>
      <c r="CK1606" s="162"/>
      <c r="CX1606" s="98"/>
      <c r="DL1606" s="97"/>
      <c r="DX1606" s="98"/>
      <c r="EL1606" s="97"/>
      <c r="EX1606" s="98"/>
      <c r="EY1606" s="97"/>
      <c r="FL1606" s="126"/>
      <c r="FM1606" s="91"/>
      <c r="FN1606" s="91"/>
      <c r="FO1606" s="91"/>
      <c r="FP1606" s="91"/>
      <c r="FQ1606" s="91"/>
      <c r="FR1606" s="91"/>
      <c r="FS1606" s="91"/>
      <c r="FT1606" s="91"/>
      <c r="FU1606" s="91"/>
      <c r="FV1606" s="91"/>
      <c r="FW1606" s="91"/>
      <c r="FX1606" s="91"/>
      <c r="FY1606" s="91"/>
      <c r="FZ1606" s="91"/>
      <c r="GA1606" s="91"/>
      <c r="GB1606" s="91"/>
      <c r="GC1606" s="91"/>
      <c r="GD1606" s="91"/>
      <c r="GE1606" s="91"/>
      <c r="GF1606" s="91"/>
      <c r="GG1606" s="91"/>
      <c r="GH1606" s="91"/>
      <c r="GI1606" s="91"/>
      <c r="GJ1606" s="91"/>
      <c r="GK1606" s="127"/>
      <c r="GL1606" s="126"/>
      <c r="GM1606" s="91"/>
      <c r="GN1606" s="91"/>
      <c r="GO1606" s="91"/>
      <c r="GP1606" s="91"/>
      <c r="GQ1606" s="91"/>
      <c r="GR1606" s="91"/>
      <c r="GS1606" s="91"/>
      <c r="GT1606" s="91"/>
      <c r="GU1606" s="91"/>
      <c r="GV1606" s="91"/>
      <c r="GW1606" s="91"/>
      <c r="GX1606" s="91"/>
      <c r="GY1606" s="91"/>
      <c r="GZ1606" s="91"/>
      <c r="HA1606" s="91"/>
      <c r="HB1606" s="91"/>
      <c r="HC1606" s="91"/>
      <c r="HD1606" s="91"/>
      <c r="HE1606" s="91"/>
      <c r="HF1606" s="91"/>
      <c r="HG1606" s="91"/>
      <c r="HH1606" s="91"/>
      <c r="HI1606" s="91"/>
      <c r="HJ1606" s="91"/>
      <c r="HK1606" s="127"/>
      <c r="HL1606" s="126"/>
      <c r="HM1606" s="91"/>
      <c r="HN1606" s="91"/>
      <c r="HO1606" s="91"/>
      <c r="HP1606" s="91"/>
      <c r="HQ1606" s="91"/>
      <c r="HR1606" s="91"/>
      <c r="HS1606" s="91"/>
      <c r="HT1606" s="91"/>
      <c r="HU1606" s="91"/>
      <c r="HV1606" s="91"/>
      <c r="HW1606" s="91"/>
      <c r="HX1606" s="91"/>
      <c r="HY1606" s="91"/>
      <c r="HZ1606" s="91"/>
      <c r="IA1606" s="91"/>
      <c r="IB1606" s="91"/>
      <c r="IC1606" s="91"/>
      <c r="ID1606" s="91"/>
      <c r="IE1606" s="91"/>
      <c r="IF1606" s="91"/>
      <c r="IG1606" s="91"/>
      <c r="IH1606" s="91"/>
      <c r="II1606" s="91"/>
      <c r="IJ1606" s="91"/>
      <c r="IK1606" s="127"/>
    </row>
    <row r="1607" spans="2:245" x14ac:dyDescent="0.2">
      <c r="B1607" s="43"/>
      <c r="C1607" s="73"/>
      <c r="D1607" s="64"/>
      <c r="E1607" s="64"/>
      <c r="F1607" s="55"/>
      <c r="G1607" s="102"/>
      <c r="H1607" s="55"/>
      <c r="I1607" s="55"/>
      <c r="J1607" s="55"/>
      <c r="K1607" s="55"/>
      <c r="L1607" s="55"/>
      <c r="M1607" s="55"/>
      <c r="N1607" s="55"/>
      <c r="O1607" s="55"/>
      <c r="P1607" s="55"/>
      <c r="Q1607" s="55"/>
      <c r="R1607" s="55"/>
      <c r="S1607" s="55"/>
      <c r="T1607" s="55"/>
      <c r="U1607" s="55"/>
      <c r="V1607" s="55"/>
      <c r="W1607" s="55"/>
      <c r="X1607" s="55"/>
      <c r="Y1607" s="55"/>
      <c r="Z1607" s="55"/>
      <c r="AA1607" s="55"/>
      <c r="AB1607" s="55"/>
      <c r="AC1607" s="55"/>
      <c r="AD1607" s="55"/>
      <c r="AE1607" s="55"/>
      <c r="AF1607" s="55"/>
      <c r="AG1607" s="55"/>
      <c r="AY1607" s="162"/>
      <c r="AZ1607" s="162"/>
      <c r="BA1607" s="162"/>
      <c r="BB1607" s="162"/>
      <c r="BC1607" s="162"/>
      <c r="BD1607" s="162"/>
      <c r="BE1607" s="162"/>
      <c r="BF1607" s="162"/>
      <c r="BG1607" s="162"/>
      <c r="BH1607" s="162"/>
      <c r="BI1607" s="162"/>
      <c r="BJ1607" s="162"/>
      <c r="BK1607" s="162"/>
      <c r="BL1607" s="162"/>
      <c r="BM1607" s="162"/>
      <c r="BN1607" s="162"/>
      <c r="BO1607" s="162"/>
      <c r="BP1607" s="162"/>
      <c r="BQ1607" s="162"/>
      <c r="BR1607" s="162"/>
      <c r="BS1607" s="162"/>
      <c r="BT1607" s="162"/>
      <c r="BU1607" s="162"/>
      <c r="BV1607" s="162"/>
      <c r="BW1607" s="162"/>
      <c r="BX1607" s="162"/>
      <c r="BY1607" s="162"/>
      <c r="BZ1607" s="162"/>
      <c r="CA1607" s="162"/>
      <c r="CB1607" s="162"/>
      <c r="CC1607" s="162"/>
      <c r="CD1607" s="162"/>
      <c r="CE1607" s="162"/>
      <c r="CF1607" s="162"/>
      <c r="CG1607" s="162"/>
      <c r="CH1607" s="162"/>
      <c r="CI1607" s="162"/>
      <c r="CJ1607" s="162"/>
      <c r="CK1607" s="162"/>
      <c r="CX1607" s="98"/>
      <c r="DL1607" s="97"/>
      <c r="DX1607" s="98"/>
      <c r="EL1607" s="97"/>
      <c r="EX1607" s="98"/>
      <c r="EY1607" s="97"/>
      <c r="FL1607" s="126"/>
      <c r="FM1607" s="91"/>
      <c r="FN1607" s="91"/>
      <c r="FO1607" s="91"/>
      <c r="FP1607" s="91"/>
      <c r="FQ1607" s="91"/>
      <c r="FR1607" s="91"/>
      <c r="FS1607" s="91"/>
      <c r="FT1607" s="91"/>
      <c r="FU1607" s="91"/>
      <c r="FV1607" s="91"/>
      <c r="FW1607" s="91"/>
      <c r="FX1607" s="91"/>
      <c r="FY1607" s="91"/>
      <c r="FZ1607" s="91"/>
      <c r="GA1607" s="91"/>
      <c r="GB1607" s="91"/>
      <c r="GC1607" s="91"/>
      <c r="GD1607" s="91"/>
      <c r="GE1607" s="91"/>
      <c r="GF1607" s="91"/>
      <c r="GG1607" s="91"/>
      <c r="GH1607" s="91"/>
      <c r="GI1607" s="91"/>
      <c r="GJ1607" s="91"/>
      <c r="GK1607" s="127"/>
      <c r="GL1607" s="126"/>
      <c r="GM1607" s="91"/>
      <c r="GN1607" s="91"/>
      <c r="GO1607" s="91"/>
      <c r="GP1607" s="91"/>
      <c r="GQ1607" s="91"/>
      <c r="GR1607" s="91"/>
      <c r="GS1607" s="91"/>
      <c r="GT1607" s="91"/>
      <c r="GU1607" s="91"/>
      <c r="GV1607" s="91"/>
      <c r="GW1607" s="91"/>
      <c r="GX1607" s="91"/>
      <c r="GY1607" s="91"/>
      <c r="GZ1607" s="91"/>
      <c r="HA1607" s="91"/>
      <c r="HB1607" s="91"/>
      <c r="HC1607" s="91"/>
      <c r="HD1607" s="91"/>
      <c r="HE1607" s="91"/>
      <c r="HF1607" s="91"/>
      <c r="HG1607" s="91"/>
      <c r="HH1607" s="91"/>
      <c r="HI1607" s="91"/>
      <c r="HJ1607" s="91"/>
      <c r="HK1607" s="127"/>
      <c r="HL1607" s="126"/>
      <c r="HM1607" s="91"/>
      <c r="HN1607" s="91"/>
      <c r="HO1607" s="91"/>
      <c r="HP1607" s="91"/>
      <c r="HQ1607" s="91"/>
      <c r="HR1607" s="91"/>
      <c r="HS1607" s="91"/>
      <c r="HT1607" s="91"/>
      <c r="HU1607" s="91"/>
      <c r="HV1607" s="91"/>
      <c r="HW1607" s="91"/>
      <c r="HX1607" s="91"/>
      <c r="HY1607" s="91"/>
      <c r="HZ1607" s="91"/>
      <c r="IA1607" s="91"/>
      <c r="IB1607" s="91"/>
      <c r="IC1607" s="91"/>
      <c r="ID1607" s="91"/>
      <c r="IE1607" s="91"/>
      <c r="IF1607" s="91"/>
      <c r="IG1607" s="91"/>
      <c r="IH1607" s="91"/>
      <c r="II1607" s="91"/>
      <c r="IJ1607" s="91"/>
      <c r="IK1607" s="127"/>
    </row>
    <row r="1608" spans="2:245" x14ac:dyDescent="0.2">
      <c r="B1608" s="43"/>
      <c r="C1608" s="73"/>
      <c r="D1608" s="64"/>
      <c r="E1608" s="64"/>
      <c r="F1608" s="55"/>
      <c r="G1608" s="102"/>
      <c r="H1608" s="55"/>
      <c r="I1608" s="55"/>
      <c r="J1608" s="55"/>
      <c r="K1608" s="55"/>
      <c r="L1608" s="55"/>
      <c r="M1608" s="55"/>
      <c r="N1608" s="55"/>
      <c r="O1608" s="55"/>
      <c r="P1608" s="55"/>
      <c r="Q1608" s="55"/>
      <c r="R1608" s="55"/>
      <c r="S1608" s="55"/>
      <c r="T1608" s="55"/>
      <c r="U1608" s="55"/>
      <c r="V1608" s="55"/>
      <c r="W1608" s="55"/>
      <c r="X1608" s="55"/>
      <c r="Y1608" s="55"/>
      <c r="Z1608" s="55"/>
      <c r="AA1608" s="55"/>
      <c r="AB1608" s="55"/>
      <c r="AC1608" s="55"/>
      <c r="AD1608" s="55"/>
      <c r="AE1608" s="55"/>
      <c r="AF1608" s="55"/>
      <c r="AG1608" s="55"/>
      <c r="AY1608" s="162"/>
      <c r="AZ1608" s="162"/>
      <c r="BA1608" s="162"/>
      <c r="BB1608" s="162"/>
      <c r="BC1608" s="162"/>
      <c r="BD1608" s="162"/>
      <c r="BE1608" s="162"/>
      <c r="BF1608" s="162"/>
      <c r="BG1608" s="162"/>
      <c r="BH1608" s="162"/>
      <c r="BI1608" s="162"/>
      <c r="BJ1608" s="162"/>
      <c r="BK1608" s="162"/>
      <c r="BL1608" s="162"/>
      <c r="BM1608" s="162"/>
      <c r="BN1608" s="162"/>
      <c r="BO1608" s="162"/>
      <c r="BP1608" s="162"/>
      <c r="BQ1608" s="162"/>
      <c r="BR1608" s="162"/>
      <c r="BS1608" s="162"/>
      <c r="BT1608" s="162"/>
      <c r="BU1608" s="162"/>
      <c r="BV1608" s="162"/>
      <c r="BW1608" s="162"/>
      <c r="BX1608" s="162"/>
      <c r="BY1608" s="162"/>
      <c r="BZ1608" s="162"/>
      <c r="CA1608" s="162"/>
      <c r="CB1608" s="162"/>
      <c r="CC1608" s="162"/>
      <c r="CD1608" s="162"/>
      <c r="CE1608" s="162"/>
      <c r="CF1608" s="162"/>
      <c r="CG1608" s="162"/>
      <c r="CH1608" s="162"/>
      <c r="CI1608" s="162"/>
      <c r="CJ1608" s="162"/>
      <c r="CK1608" s="162"/>
      <c r="CX1608" s="98"/>
      <c r="DL1608" s="97"/>
      <c r="DX1608" s="98"/>
      <c r="EL1608" s="97"/>
      <c r="EX1608" s="98"/>
      <c r="EY1608" s="97"/>
      <c r="FL1608" s="126"/>
      <c r="FM1608" s="91"/>
      <c r="FN1608" s="91"/>
      <c r="FO1608" s="91"/>
      <c r="FP1608" s="91"/>
      <c r="FQ1608" s="91"/>
      <c r="FR1608" s="91"/>
      <c r="FS1608" s="91"/>
      <c r="FT1608" s="91"/>
      <c r="FU1608" s="91"/>
      <c r="FV1608" s="91"/>
      <c r="FW1608" s="91"/>
      <c r="FX1608" s="91"/>
      <c r="FY1608" s="91"/>
      <c r="FZ1608" s="91"/>
      <c r="GA1608" s="91"/>
      <c r="GB1608" s="91"/>
      <c r="GC1608" s="91"/>
      <c r="GD1608" s="91"/>
      <c r="GE1608" s="91"/>
      <c r="GF1608" s="91"/>
      <c r="GG1608" s="91"/>
      <c r="GH1608" s="91"/>
      <c r="GI1608" s="91"/>
      <c r="GJ1608" s="91"/>
      <c r="GK1608" s="127"/>
      <c r="GL1608" s="126"/>
      <c r="GM1608" s="91"/>
      <c r="GN1608" s="91"/>
      <c r="GO1608" s="91"/>
      <c r="GP1608" s="91"/>
      <c r="GQ1608" s="91"/>
      <c r="GR1608" s="91"/>
      <c r="GS1608" s="91"/>
      <c r="GT1608" s="91"/>
      <c r="GU1608" s="91"/>
      <c r="GV1608" s="91"/>
      <c r="GW1608" s="91"/>
      <c r="GX1608" s="91"/>
      <c r="GY1608" s="91"/>
      <c r="GZ1608" s="91"/>
      <c r="HA1608" s="91"/>
      <c r="HB1608" s="91"/>
      <c r="HC1608" s="91"/>
      <c r="HD1608" s="91"/>
      <c r="HE1608" s="91"/>
      <c r="HF1608" s="91"/>
      <c r="HG1608" s="91"/>
      <c r="HH1608" s="91"/>
      <c r="HI1608" s="91"/>
      <c r="HJ1608" s="91"/>
      <c r="HK1608" s="127"/>
      <c r="HL1608" s="126"/>
      <c r="HM1608" s="91"/>
      <c r="HN1608" s="91"/>
      <c r="HO1608" s="91"/>
      <c r="HP1608" s="91"/>
      <c r="HQ1608" s="91"/>
      <c r="HR1608" s="91"/>
      <c r="HS1608" s="91"/>
      <c r="HT1608" s="91"/>
      <c r="HU1608" s="91"/>
      <c r="HV1608" s="91"/>
      <c r="HW1608" s="91"/>
      <c r="HX1608" s="91"/>
      <c r="HY1608" s="91"/>
      <c r="HZ1608" s="91"/>
      <c r="IA1608" s="91"/>
      <c r="IB1608" s="91"/>
      <c r="IC1608" s="91"/>
      <c r="ID1608" s="91"/>
      <c r="IE1608" s="91"/>
      <c r="IF1608" s="91"/>
      <c r="IG1608" s="91"/>
      <c r="IH1608" s="91"/>
      <c r="II1608" s="91"/>
      <c r="IJ1608" s="91"/>
      <c r="IK1608" s="127"/>
    </row>
    <row r="1609" spans="2:245" x14ac:dyDescent="0.2">
      <c r="B1609" s="43"/>
      <c r="C1609" s="73"/>
      <c r="D1609" s="64"/>
      <c r="E1609" s="64"/>
      <c r="F1609" s="55"/>
      <c r="G1609" s="102"/>
      <c r="H1609" s="55"/>
      <c r="I1609" s="55"/>
      <c r="J1609" s="55"/>
      <c r="K1609" s="55"/>
      <c r="L1609" s="55"/>
      <c r="M1609" s="55"/>
      <c r="N1609" s="55"/>
      <c r="O1609" s="55"/>
      <c r="P1609" s="55"/>
      <c r="Q1609" s="55"/>
      <c r="R1609" s="55"/>
      <c r="S1609" s="55"/>
      <c r="T1609" s="55"/>
      <c r="U1609" s="55"/>
      <c r="V1609" s="55"/>
      <c r="W1609" s="55"/>
      <c r="X1609" s="55"/>
      <c r="Y1609" s="55"/>
      <c r="Z1609" s="55"/>
      <c r="AA1609" s="55"/>
      <c r="AB1609" s="55"/>
      <c r="AC1609" s="55"/>
      <c r="AD1609" s="55"/>
      <c r="AE1609" s="55"/>
      <c r="AF1609" s="55"/>
      <c r="AG1609" s="55"/>
      <c r="AY1609" s="162"/>
      <c r="AZ1609" s="162"/>
      <c r="BA1609" s="162"/>
      <c r="BB1609" s="162"/>
      <c r="BC1609" s="162"/>
      <c r="BD1609" s="162"/>
      <c r="BE1609" s="162"/>
      <c r="BF1609" s="162"/>
      <c r="BG1609" s="162"/>
      <c r="BH1609" s="162"/>
      <c r="BI1609" s="162"/>
      <c r="BJ1609" s="162"/>
      <c r="BK1609" s="162"/>
      <c r="BL1609" s="162"/>
      <c r="BM1609" s="162"/>
      <c r="BN1609" s="162"/>
      <c r="BO1609" s="162"/>
      <c r="BP1609" s="162"/>
      <c r="BQ1609" s="162"/>
      <c r="BR1609" s="162"/>
      <c r="BS1609" s="162"/>
      <c r="BT1609" s="162"/>
      <c r="BU1609" s="162"/>
      <c r="BV1609" s="162"/>
      <c r="BW1609" s="162"/>
      <c r="BX1609" s="162"/>
      <c r="BY1609" s="162"/>
      <c r="BZ1609" s="162"/>
      <c r="CA1609" s="162"/>
      <c r="CB1609" s="162"/>
      <c r="CC1609" s="162"/>
      <c r="CD1609" s="162"/>
      <c r="CE1609" s="162"/>
      <c r="CF1609" s="162"/>
      <c r="CG1609" s="162"/>
      <c r="CH1609" s="162"/>
      <c r="CI1609" s="162"/>
      <c r="CJ1609" s="162"/>
      <c r="CK1609" s="162"/>
      <c r="CX1609" s="98"/>
      <c r="DL1609" s="97"/>
      <c r="DX1609" s="98"/>
      <c r="EL1609" s="97"/>
      <c r="EX1609" s="98"/>
      <c r="EY1609" s="97"/>
      <c r="FL1609" s="126"/>
      <c r="FM1609" s="91"/>
      <c r="FN1609" s="91"/>
      <c r="FO1609" s="91"/>
      <c r="FP1609" s="91"/>
      <c r="FQ1609" s="91"/>
      <c r="FR1609" s="91"/>
      <c r="FS1609" s="91"/>
      <c r="FT1609" s="91"/>
      <c r="FU1609" s="91"/>
      <c r="FV1609" s="91"/>
      <c r="FW1609" s="91"/>
      <c r="FX1609" s="91"/>
      <c r="FY1609" s="91"/>
      <c r="FZ1609" s="91"/>
      <c r="GA1609" s="91"/>
      <c r="GB1609" s="91"/>
      <c r="GC1609" s="91"/>
      <c r="GD1609" s="91"/>
      <c r="GE1609" s="91"/>
      <c r="GF1609" s="91"/>
      <c r="GG1609" s="91"/>
      <c r="GH1609" s="91"/>
      <c r="GI1609" s="91"/>
      <c r="GJ1609" s="91"/>
      <c r="GK1609" s="127"/>
      <c r="GL1609" s="126"/>
      <c r="GM1609" s="91"/>
      <c r="GN1609" s="91"/>
      <c r="GO1609" s="91"/>
      <c r="GP1609" s="91"/>
      <c r="GQ1609" s="91"/>
      <c r="GR1609" s="91"/>
      <c r="GS1609" s="91"/>
      <c r="GT1609" s="91"/>
      <c r="GU1609" s="91"/>
      <c r="GV1609" s="91"/>
      <c r="GW1609" s="91"/>
      <c r="GX1609" s="91"/>
      <c r="GY1609" s="91"/>
      <c r="GZ1609" s="91"/>
      <c r="HA1609" s="91"/>
      <c r="HB1609" s="91"/>
      <c r="HC1609" s="91"/>
      <c r="HD1609" s="91"/>
      <c r="HE1609" s="91"/>
      <c r="HF1609" s="91"/>
      <c r="HG1609" s="91"/>
      <c r="HH1609" s="91"/>
      <c r="HI1609" s="91"/>
      <c r="HJ1609" s="91"/>
      <c r="HK1609" s="127"/>
      <c r="HL1609" s="126"/>
      <c r="HM1609" s="91"/>
      <c r="HN1609" s="91"/>
      <c r="HO1609" s="91"/>
      <c r="HP1609" s="91"/>
      <c r="HQ1609" s="91"/>
      <c r="HR1609" s="91"/>
      <c r="HS1609" s="91"/>
      <c r="HT1609" s="91"/>
      <c r="HU1609" s="91"/>
      <c r="HV1609" s="91"/>
      <c r="HW1609" s="91"/>
      <c r="HX1609" s="91"/>
      <c r="HY1609" s="91"/>
      <c r="HZ1609" s="91"/>
      <c r="IA1609" s="91"/>
      <c r="IB1609" s="91"/>
      <c r="IC1609" s="91"/>
      <c r="ID1609" s="91"/>
      <c r="IE1609" s="91"/>
      <c r="IF1609" s="91"/>
      <c r="IG1609" s="91"/>
      <c r="IH1609" s="91"/>
      <c r="II1609" s="91"/>
      <c r="IJ1609" s="91"/>
      <c r="IK1609" s="127"/>
    </row>
    <row r="1610" spans="2:245" x14ac:dyDescent="0.2">
      <c r="B1610" s="43"/>
      <c r="C1610" s="73"/>
      <c r="D1610" s="64"/>
      <c r="E1610" s="64"/>
      <c r="F1610" s="55"/>
      <c r="G1610" s="102"/>
      <c r="H1610" s="55"/>
      <c r="I1610" s="55"/>
      <c r="J1610" s="55"/>
      <c r="K1610" s="55"/>
      <c r="L1610" s="55"/>
      <c r="M1610" s="55"/>
      <c r="N1610" s="55"/>
      <c r="O1610" s="55"/>
      <c r="P1610" s="55"/>
      <c r="Q1610" s="55"/>
      <c r="R1610" s="55"/>
      <c r="S1610" s="55"/>
      <c r="T1610" s="55"/>
      <c r="U1610" s="55"/>
      <c r="V1610" s="55"/>
      <c r="W1610" s="55"/>
      <c r="X1610" s="55"/>
      <c r="Y1610" s="55"/>
      <c r="Z1610" s="55"/>
      <c r="AA1610" s="55"/>
      <c r="AB1610" s="55"/>
      <c r="AC1610" s="55"/>
      <c r="AD1610" s="55"/>
      <c r="AE1610" s="55"/>
      <c r="AF1610" s="55"/>
      <c r="AG1610" s="55"/>
      <c r="AY1610" s="162"/>
      <c r="AZ1610" s="162"/>
      <c r="BA1610" s="162"/>
      <c r="BB1610" s="162"/>
      <c r="BC1610" s="162"/>
      <c r="BD1610" s="162"/>
      <c r="BE1610" s="162"/>
      <c r="BF1610" s="162"/>
      <c r="BG1610" s="162"/>
      <c r="BH1610" s="162"/>
      <c r="BI1610" s="162"/>
      <c r="BJ1610" s="162"/>
      <c r="BK1610" s="162"/>
      <c r="BL1610" s="162"/>
      <c r="BM1610" s="162"/>
      <c r="BN1610" s="162"/>
      <c r="BO1610" s="162"/>
      <c r="BP1610" s="162"/>
      <c r="BQ1610" s="162"/>
      <c r="BR1610" s="162"/>
      <c r="BS1610" s="162"/>
      <c r="BT1610" s="162"/>
      <c r="BU1610" s="162"/>
      <c r="BV1610" s="162"/>
      <c r="BW1610" s="162"/>
      <c r="BX1610" s="162"/>
      <c r="BY1610" s="162"/>
      <c r="BZ1610" s="162"/>
      <c r="CA1610" s="162"/>
      <c r="CB1610" s="162"/>
      <c r="CC1610" s="162"/>
      <c r="CD1610" s="162"/>
      <c r="CE1610" s="162"/>
      <c r="CF1610" s="162"/>
      <c r="CG1610" s="162"/>
      <c r="CH1610" s="162"/>
      <c r="CI1610" s="162"/>
      <c r="CJ1610" s="162"/>
      <c r="CK1610" s="162"/>
      <c r="CX1610" s="98"/>
      <c r="DL1610" s="97"/>
      <c r="DX1610" s="98"/>
      <c r="EL1610" s="97"/>
      <c r="EX1610" s="98"/>
      <c r="EY1610" s="97"/>
      <c r="FL1610" s="126"/>
      <c r="FM1610" s="91"/>
      <c r="FN1610" s="91"/>
      <c r="FO1610" s="91"/>
      <c r="FP1610" s="91"/>
      <c r="FQ1610" s="91"/>
      <c r="FR1610" s="91"/>
      <c r="FS1610" s="91"/>
      <c r="FT1610" s="91"/>
      <c r="FU1610" s="91"/>
      <c r="FV1610" s="91"/>
      <c r="FW1610" s="91"/>
      <c r="FX1610" s="91"/>
      <c r="FY1610" s="91"/>
      <c r="FZ1610" s="91"/>
      <c r="GA1610" s="91"/>
      <c r="GB1610" s="91"/>
      <c r="GC1610" s="91"/>
      <c r="GD1610" s="91"/>
      <c r="GE1610" s="91"/>
      <c r="GF1610" s="91"/>
      <c r="GG1610" s="91"/>
      <c r="GH1610" s="91"/>
      <c r="GI1610" s="91"/>
      <c r="GJ1610" s="91"/>
      <c r="GK1610" s="127"/>
      <c r="GL1610" s="126"/>
      <c r="GM1610" s="91"/>
      <c r="GN1610" s="91"/>
      <c r="GO1610" s="91"/>
      <c r="GP1610" s="91"/>
      <c r="GQ1610" s="91"/>
      <c r="GR1610" s="91"/>
      <c r="GS1610" s="91"/>
      <c r="GT1610" s="91"/>
      <c r="GU1610" s="91"/>
      <c r="GV1610" s="91"/>
      <c r="GW1610" s="91"/>
      <c r="GX1610" s="91"/>
      <c r="GY1610" s="91"/>
      <c r="GZ1610" s="91"/>
      <c r="HA1610" s="91"/>
      <c r="HB1610" s="91"/>
      <c r="HC1610" s="91"/>
      <c r="HD1610" s="91"/>
      <c r="HE1610" s="91"/>
      <c r="HF1610" s="91"/>
      <c r="HG1610" s="91"/>
      <c r="HH1610" s="91"/>
      <c r="HI1610" s="91"/>
      <c r="HJ1610" s="91"/>
      <c r="HK1610" s="127"/>
      <c r="HL1610" s="126"/>
      <c r="HM1610" s="91"/>
      <c r="HN1610" s="91"/>
      <c r="HO1610" s="91"/>
      <c r="HP1610" s="91"/>
      <c r="HQ1610" s="91"/>
      <c r="HR1610" s="91"/>
      <c r="HS1610" s="91"/>
      <c r="HT1610" s="91"/>
      <c r="HU1610" s="91"/>
      <c r="HV1610" s="91"/>
      <c r="HW1610" s="91"/>
      <c r="HX1610" s="91"/>
      <c r="HY1610" s="91"/>
      <c r="HZ1610" s="91"/>
      <c r="IA1610" s="91"/>
      <c r="IB1610" s="91"/>
      <c r="IC1610" s="91"/>
      <c r="ID1610" s="91"/>
      <c r="IE1610" s="91"/>
      <c r="IF1610" s="91"/>
      <c r="IG1610" s="91"/>
      <c r="IH1610" s="91"/>
      <c r="II1610" s="91"/>
      <c r="IJ1610" s="91"/>
      <c r="IK1610" s="127"/>
    </row>
    <row r="1611" spans="2:245" x14ac:dyDescent="0.2">
      <c r="B1611" s="43"/>
      <c r="C1611" s="73"/>
      <c r="D1611" s="64"/>
      <c r="E1611" s="64"/>
      <c r="F1611" s="55"/>
      <c r="G1611" s="102"/>
      <c r="H1611" s="55"/>
      <c r="I1611" s="55"/>
      <c r="J1611" s="55"/>
      <c r="K1611" s="55"/>
      <c r="L1611" s="55"/>
      <c r="M1611" s="55"/>
      <c r="N1611" s="55"/>
      <c r="O1611" s="55"/>
      <c r="P1611" s="55"/>
      <c r="Q1611" s="55"/>
      <c r="R1611" s="55"/>
      <c r="S1611" s="55"/>
      <c r="T1611" s="55"/>
      <c r="U1611" s="55"/>
      <c r="V1611" s="55"/>
      <c r="W1611" s="55"/>
      <c r="X1611" s="55"/>
      <c r="Y1611" s="55"/>
      <c r="Z1611" s="55"/>
      <c r="AA1611" s="55"/>
      <c r="AB1611" s="55"/>
      <c r="AC1611" s="55"/>
      <c r="AD1611" s="55"/>
      <c r="AE1611" s="55"/>
      <c r="AF1611" s="55"/>
      <c r="AG1611" s="55"/>
      <c r="AY1611" s="162"/>
      <c r="AZ1611" s="162"/>
      <c r="BA1611" s="162"/>
      <c r="BB1611" s="162"/>
      <c r="BC1611" s="162"/>
      <c r="BD1611" s="162"/>
      <c r="BE1611" s="162"/>
      <c r="BF1611" s="162"/>
      <c r="BG1611" s="162"/>
      <c r="BH1611" s="162"/>
      <c r="BI1611" s="162"/>
      <c r="BJ1611" s="162"/>
      <c r="BK1611" s="162"/>
      <c r="BL1611" s="162"/>
      <c r="BM1611" s="162"/>
      <c r="BN1611" s="162"/>
      <c r="BO1611" s="162"/>
      <c r="BP1611" s="162"/>
      <c r="BQ1611" s="162"/>
      <c r="BR1611" s="162"/>
      <c r="BS1611" s="162"/>
      <c r="BT1611" s="162"/>
      <c r="BU1611" s="162"/>
      <c r="BV1611" s="162"/>
      <c r="BW1611" s="162"/>
      <c r="BX1611" s="162"/>
      <c r="BY1611" s="162"/>
      <c r="BZ1611" s="162"/>
      <c r="CA1611" s="162"/>
      <c r="CB1611" s="162"/>
      <c r="CC1611" s="162"/>
      <c r="CD1611" s="162"/>
      <c r="CE1611" s="162"/>
      <c r="CF1611" s="162"/>
      <c r="CG1611" s="162"/>
      <c r="CH1611" s="162"/>
      <c r="CI1611" s="162"/>
      <c r="CJ1611" s="162"/>
      <c r="CK1611" s="162"/>
      <c r="CX1611" s="98"/>
      <c r="DL1611" s="97"/>
      <c r="DX1611" s="98"/>
      <c r="EL1611" s="97"/>
      <c r="EX1611" s="98"/>
      <c r="EY1611" s="97"/>
      <c r="FL1611" s="126"/>
      <c r="FM1611" s="91"/>
      <c r="FN1611" s="91"/>
      <c r="FO1611" s="91"/>
      <c r="FP1611" s="91"/>
      <c r="FQ1611" s="91"/>
      <c r="FR1611" s="91"/>
      <c r="FS1611" s="91"/>
      <c r="FT1611" s="91"/>
      <c r="FU1611" s="91"/>
      <c r="FV1611" s="91"/>
      <c r="FW1611" s="91"/>
      <c r="FX1611" s="91"/>
      <c r="FY1611" s="91"/>
      <c r="FZ1611" s="91"/>
      <c r="GA1611" s="91"/>
      <c r="GB1611" s="91"/>
      <c r="GC1611" s="91"/>
      <c r="GD1611" s="91"/>
      <c r="GE1611" s="91"/>
      <c r="GF1611" s="91"/>
      <c r="GG1611" s="91"/>
      <c r="GH1611" s="91"/>
      <c r="GI1611" s="91"/>
      <c r="GJ1611" s="91"/>
      <c r="GK1611" s="127"/>
      <c r="GL1611" s="126"/>
      <c r="GM1611" s="91"/>
      <c r="GN1611" s="91"/>
      <c r="GO1611" s="91"/>
      <c r="GP1611" s="91"/>
      <c r="GQ1611" s="91"/>
      <c r="GR1611" s="91"/>
      <c r="GS1611" s="91"/>
      <c r="GT1611" s="91"/>
      <c r="GU1611" s="91"/>
      <c r="GV1611" s="91"/>
      <c r="GW1611" s="91"/>
      <c r="GX1611" s="91"/>
      <c r="GY1611" s="91"/>
      <c r="GZ1611" s="91"/>
      <c r="HA1611" s="91"/>
      <c r="HB1611" s="91"/>
      <c r="HC1611" s="91"/>
      <c r="HD1611" s="91"/>
      <c r="HE1611" s="91"/>
      <c r="HF1611" s="91"/>
      <c r="HG1611" s="91"/>
      <c r="HH1611" s="91"/>
      <c r="HI1611" s="91"/>
      <c r="HJ1611" s="91"/>
      <c r="HK1611" s="127"/>
      <c r="HL1611" s="126"/>
      <c r="HM1611" s="91"/>
      <c r="HN1611" s="91"/>
      <c r="HO1611" s="91"/>
      <c r="HP1611" s="91"/>
      <c r="HQ1611" s="91"/>
      <c r="HR1611" s="91"/>
      <c r="HS1611" s="91"/>
      <c r="HT1611" s="91"/>
      <c r="HU1611" s="91"/>
      <c r="HV1611" s="91"/>
      <c r="HW1611" s="91"/>
      <c r="HX1611" s="91"/>
      <c r="HY1611" s="91"/>
      <c r="HZ1611" s="91"/>
      <c r="IA1611" s="91"/>
      <c r="IB1611" s="91"/>
      <c r="IC1611" s="91"/>
      <c r="ID1611" s="91"/>
      <c r="IE1611" s="91"/>
      <c r="IF1611" s="91"/>
      <c r="IG1611" s="91"/>
      <c r="IH1611" s="91"/>
      <c r="II1611" s="91"/>
      <c r="IJ1611" s="91"/>
      <c r="IK1611" s="127"/>
    </row>
    <row r="1612" spans="2:245" x14ac:dyDescent="0.2">
      <c r="B1612" s="43"/>
      <c r="C1612" s="73"/>
      <c r="D1612" s="64"/>
      <c r="E1612" s="64"/>
      <c r="F1612" s="55"/>
      <c r="G1612" s="102"/>
      <c r="H1612" s="55"/>
      <c r="I1612" s="55"/>
      <c r="J1612" s="55"/>
      <c r="K1612" s="55"/>
      <c r="L1612" s="55"/>
      <c r="M1612" s="55"/>
      <c r="N1612" s="55"/>
      <c r="O1612" s="55"/>
      <c r="P1612" s="55"/>
      <c r="Q1612" s="55"/>
      <c r="R1612" s="55"/>
      <c r="S1612" s="55"/>
      <c r="T1612" s="55"/>
      <c r="U1612" s="55"/>
      <c r="V1612" s="55"/>
      <c r="W1612" s="55"/>
      <c r="X1612" s="55"/>
      <c r="Y1612" s="55"/>
      <c r="Z1612" s="55"/>
      <c r="AA1612" s="55"/>
      <c r="AB1612" s="55"/>
      <c r="AC1612" s="55"/>
      <c r="AD1612" s="55"/>
      <c r="AE1612" s="55"/>
      <c r="AF1612" s="55"/>
      <c r="AG1612" s="55"/>
      <c r="AY1612" s="162"/>
      <c r="AZ1612" s="162"/>
      <c r="BA1612" s="162"/>
      <c r="BB1612" s="162"/>
      <c r="BC1612" s="162"/>
      <c r="BD1612" s="162"/>
      <c r="BE1612" s="162"/>
      <c r="BF1612" s="162"/>
      <c r="BG1612" s="162"/>
      <c r="BH1612" s="162"/>
      <c r="BI1612" s="162"/>
      <c r="BJ1612" s="162"/>
      <c r="BK1612" s="162"/>
      <c r="BL1612" s="162"/>
      <c r="BM1612" s="162"/>
      <c r="BN1612" s="162"/>
      <c r="BO1612" s="162"/>
      <c r="BP1612" s="162"/>
      <c r="BQ1612" s="162"/>
      <c r="BR1612" s="162"/>
      <c r="BS1612" s="162"/>
      <c r="BT1612" s="162"/>
      <c r="BU1612" s="162"/>
      <c r="BV1612" s="162"/>
      <c r="BW1612" s="162"/>
      <c r="BX1612" s="162"/>
      <c r="BY1612" s="162"/>
      <c r="BZ1612" s="162"/>
      <c r="CA1612" s="162"/>
      <c r="CB1612" s="162"/>
      <c r="CC1612" s="162"/>
      <c r="CD1612" s="162"/>
      <c r="CE1612" s="162"/>
      <c r="CF1612" s="162"/>
      <c r="CG1612" s="162"/>
      <c r="CH1612" s="162"/>
      <c r="CI1612" s="162"/>
      <c r="CJ1612" s="162"/>
      <c r="CK1612" s="162"/>
      <c r="CX1612" s="98"/>
      <c r="DL1612" s="97"/>
      <c r="DX1612" s="98"/>
      <c r="EL1612" s="97"/>
      <c r="EX1612" s="98"/>
      <c r="EY1612" s="97"/>
      <c r="FL1612" s="126"/>
      <c r="FM1612" s="91"/>
      <c r="FN1612" s="91"/>
      <c r="FO1612" s="91"/>
      <c r="FP1612" s="91"/>
      <c r="FQ1612" s="91"/>
      <c r="FR1612" s="91"/>
      <c r="FS1612" s="91"/>
      <c r="FT1612" s="91"/>
      <c r="FU1612" s="91"/>
      <c r="FV1612" s="91"/>
      <c r="FW1612" s="91"/>
      <c r="FX1612" s="91"/>
      <c r="FY1612" s="91"/>
      <c r="FZ1612" s="91"/>
      <c r="GA1612" s="91"/>
      <c r="GB1612" s="91"/>
      <c r="GC1612" s="91"/>
      <c r="GD1612" s="91"/>
      <c r="GE1612" s="91"/>
      <c r="GF1612" s="91"/>
      <c r="GG1612" s="91"/>
      <c r="GH1612" s="91"/>
      <c r="GI1612" s="91"/>
      <c r="GJ1612" s="91"/>
      <c r="GK1612" s="127"/>
      <c r="GL1612" s="126"/>
      <c r="GM1612" s="91"/>
      <c r="GN1612" s="91"/>
      <c r="GO1612" s="91"/>
      <c r="GP1612" s="91"/>
      <c r="GQ1612" s="91"/>
      <c r="GR1612" s="91"/>
      <c r="GS1612" s="91"/>
      <c r="GT1612" s="91"/>
      <c r="GU1612" s="91"/>
      <c r="GV1612" s="91"/>
      <c r="GW1612" s="91"/>
      <c r="GX1612" s="91"/>
      <c r="GY1612" s="91"/>
      <c r="GZ1612" s="91"/>
      <c r="HA1612" s="91"/>
      <c r="HB1612" s="91"/>
      <c r="HC1612" s="91"/>
      <c r="HD1612" s="91"/>
      <c r="HE1612" s="91"/>
      <c r="HF1612" s="91"/>
      <c r="HG1612" s="91"/>
      <c r="HH1612" s="91"/>
      <c r="HI1612" s="91"/>
      <c r="HJ1612" s="91"/>
      <c r="HK1612" s="127"/>
      <c r="HL1612" s="126"/>
      <c r="HM1612" s="91"/>
      <c r="HN1612" s="91"/>
      <c r="HO1612" s="91"/>
      <c r="HP1612" s="91"/>
      <c r="HQ1612" s="91"/>
      <c r="HR1612" s="91"/>
      <c r="HS1612" s="91"/>
      <c r="HT1612" s="91"/>
      <c r="HU1612" s="91"/>
      <c r="HV1612" s="91"/>
      <c r="HW1612" s="91"/>
      <c r="HX1612" s="91"/>
      <c r="HY1612" s="91"/>
      <c r="HZ1612" s="91"/>
      <c r="IA1612" s="91"/>
      <c r="IB1612" s="91"/>
      <c r="IC1612" s="91"/>
      <c r="ID1612" s="91"/>
      <c r="IE1612" s="91"/>
      <c r="IF1612" s="91"/>
      <c r="IG1612" s="91"/>
      <c r="IH1612" s="91"/>
      <c r="II1612" s="91"/>
      <c r="IJ1612" s="91"/>
      <c r="IK1612" s="127"/>
    </row>
    <row r="1613" spans="2:245" x14ac:dyDescent="0.2">
      <c r="B1613" s="43"/>
      <c r="C1613" s="73"/>
      <c r="D1613" s="64"/>
      <c r="E1613" s="64"/>
      <c r="F1613" s="55"/>
      <c r="G1613" s="102"/>
      <c r="H1613" s="55"/>
      <c r="I1613" s="55"/>
      <c r="J1613" s="55"/>
      <c r="K1613" s="55"/>
      <c r="L1613" s="55"/>
      <c r="M1613" s="55"/>
      <c r="N1613" s="55"/>
      <c r="O1613" s="55"/>
      <c r="P1613" s="55"/>
      <c r="Q1613" s="55"/>
      <c r="R1613" s="55"/>
      <c r="S1613" s="55"/>
      <c r="T1613" s="55"/>
      <c r="U1613" s="55"/>
      <c r="V1613" s="55"/>
      <c r="W1613" s="55"/>
      <c r="X1613" s="55"/>
      <c r="Y1613" s="55"/>
      <c r="Z1613" s="55"/>
      <c r="AA1613" s="55"/>
      <c r="AB1613" s="55"/>
      <c r="AC1613" s="55"/>
      <c r="AD1613" s="55"/>
      <c r="AE1613" s="55"/>
      <c r="AF1613" s="55"/>
      <c r="AG1613" s="55"/>
      <c r="AY1613" s="162"/>
      <c r="AZ1613" s="162"/>
      <c r="BA1613" s="162"/>
      <c r="BB1613" s="162"/>
      <c r="BC1613" s="162"/>
      <c r="BD1613" s="162"/>
      <c r="BE1613" s="162"/>
      <c r="BF1613" s="162"/>
      <c r="BG1613" s="162"/>
      <c r="BH1613" s="162"/>
      <c r="BI1613" s="162"/>
      <c r="BJ1613" s="162"/>
      <c r="BK1613" s="162"/>
      <c r="BL1613" s="162"/>
      <c r="BM1613" s="162"/>
      <c r="BN1613" s="162"/>
      <c r="BO1613" s="162"/>
      <c r="BP1613" s="162"/>
      <c r="BQ1613" s="162"/>
      <c r="BR1613" s="162"/>
      <c r="BS1613" s="162"/>
      <c r="BT1613" s="162"/>
      <c r="BU1613" s="162"/>
      <c r="BV1613" s="162"/>
      <c r="BW1613" s="162"/>
      <c r="BX1613" s="162"/>
      <c r="BY1613" s="162"/>
      <c r="BZ1613" s="162"/>
      <c r="CA1613" s="162"/>
      <c r="CB1613" s="162"/>
      <c r="CC1613" s="162"/>
      <c r="CD1613" s="162"/>
      <c r="CE1613" s="162"/>
      <c r="CF1613" s="162"/>
      <c r="CG1613" s="162"/>
      <c r="CH1613" s="162"/>
      <c r="CI1613" s="162"/>
      <c r="CJ1613" s="162"/>
      <c r="CK1613" s="162"/>
      <c r="CX1613" s="98"/>
      <c r="DL1613" s="97"/>
      <c r="DX1613" s="98"/>
      <c r="EL1613" s="97"/>
      <c r="EX1613" s="98"/>
      <c r="EY1613" s="97"/>
      <c r="FL1613" s="126"/>
      <c r="FM1613" s="91"/>
      <c r="FN1613" s="91"/>
      <c r="FO1613" s="91"/>
      <c r="FP1613" s="91"/>
      <c r="FQ1613" s="91"/>
      <c r="FR1613" s="91"/>
      <c r="FS1613" s="91"/>
      <c r="FT1613" s="91"/>
      <c r="FU1613" s="91"/>
      <c r="FV1613" s="91"/>
      <c r="FW1613" s="91"/>
      <c r="FX1613" s="91"/>
      <c r="FY1613" s="91"/>
      <c r="FZ1613" s="91"/>
      <c r="GA1613" s="91"/>
      <c r="GB1613" s="91"/>
      <c r="GC1613" s="91"/>
      <c r="GD1613" s="91"/>
      <c r="GE1613" s="91"/>
      <c r="GF1613" s="91"/>
      <c r="GG1613" s="91"/>
      <c r="GH1613" s="91"/>
      <c r="GI1613" s="91"/>
      <c r="GJ1613" s="91"/>
      <c r="GK1613" s="127"/>
      <c r="GL1613" s="126"/>
      <c r="GM1613" s="91"/>
      <c r="GN1613" s="91"/>
      <c r="GO1613" s="91"/>
      <c r="GP1613" s="91"/>
      <c r="GQ1613" s="91"/>
      <c r="GR1613" s="91"/>
      <c r="GS1613" s="91"/>
      <c r="GT1613" s="91"/>
      <c r="GU1613" s="91"/>
      <c r="GV1613" s="91"/>
      <c r="GW1613" s="91"/>
      <c r="GX1613" s="91"/>
      <c r="GY1613" s="91"/>
      <c r="GZ1613" s="91"/>
      <c r="HA1613" s="91"/>
      <c r="HB1613" s="91"/>
      <c r="HC1613" s="91"/>
      <c r="HD1613" s="91"/>
      <c r="HE1613" s="91"/>
      <c r="HF1613" s="91"/>
      <c r="HG1613" s="91"/>
      <c r="HH1613" s="91"/>
      <c r="HI1613" s="91"/>
      <c r="HJ1613" s="91"/>
      <c r="HK1613" s="127"/>
      <c r="HL1613" s="126"/>
      <c r="HM1613" s="91"/>
      <c r="HN1613" s="91"/>
      <c r="HO1613" s="91"/>
      <c r="HP1613" s="91"/>
      <c r="HQ1613" s="91"/>
      <c r="HR1613" s="91"/>
      <c r="HS1613" s="91"/>
      <c r="HT1613" s="91"/>
      <c r="HU1613" s="91"/>
      <c r="HV1613" s="91"/>
      <c r="HW1613" s="91"/>
      <c r="HX1613" s="91"/>
      <c r="HY1613" s="91"/>
      <c r="HZ1613" s="91"/>
      <c r="IA1613" s="91"/>
      <c r="IB1613" s="91"/>
      <c r="IC1613" s="91"/>
      <c r="ID1613" s="91"/>
      <c r="IE1613" s="91"/>
      <c r="IF1613" s="91"/>
      <c r="IG1613" s="91"/>
      <c r="IH1613" s="91"/>
      <c r="II1613" s="91"/>
      <c r="IJ1613" s="91"/>
      <c r="IK1613" s="127"/>
    </row>
    <row r="1614" spans="2:245" x14ac:dyDescent="0.2">
      <c r="B1614" s="43"/>
      <c r="C1614" s="73"/>
      <c r="D1614" s="64"/>
      <c r="E1614" s="64"/>
      <c r="F1614" s="55"/>
      <c r="G1614" s="102"/>
      <c r="H1614" s="55"/>
      <c r="I1614" s="55"/>
      <c r="J1614" s="55"/>
      <c r="K1614" s="55"/>
      <c r="L1614" s="55"/>
      <c r="M1614" s="55"/>
      <c r="N1614" s="55"/>
      <c r="O1614" s="55"/>
      <c r="P1614" s="55"/>
      <c r="Q1614" s="55"/>
      <c r="R1614" s="55"/>
      <c r="S1614" s="55"/>
      <c r="T1614" s="55"/>
      <c r="U1614" s="55"/>
      <c r="V1614" s="55"/>
      <c r="W1614" s="55"/>
      <c r="X1614" s="55"/>
      <c r="Y1614" s="55"/>
      <c r="Z1614" s="55"/>
      <c r="AA1614" s="55"/>
      <c r="AB1614" s="55"/>
      <c r="AC1614" s="55"/>
      <c r="AD1614" s="55"/>
      <c r="AE1614" s="55"/>
      <c r="AF1614" s="55"/>
      <c r="AG1614" s="55"/>
      <c r="AY1614" s="162"/>
      <c r="AZ1614" s="162"/>
      <c r="BA1614" s="162"/>
      <c r="BB1614" s="162"/>
      <c r="BC1614" s="162"/>
      <c r="BD1614" s="162"/>
      <c r="BE1614" s="162"/>
      <c r="BF1614" s="162"/>
      <c r="BG1614" s="162"/>
      <c r="BH1614" s="162"/>
      <c r="BI1614" s="162"/>
      <c r="BJ1614" s="162"/>
      <c r="BK1614" s="162"/>
      <c r="BL1614" s="162"/>
      <c r="BM1614" s="162"/>
      <c r="BN1614" s="162"/>
      <c r="BO1614" s="162"/>
      <c r="BP1614" s="162"/>
      <c r="BQ1614" s="162"/>
      <c r="BR1614" s="162"/>
      <c r="BS1614" s="162"/>
      <c r="BT1614" s="162"/>
      <c r="BU1614" s="162"/>
      <c r="BV1614" s="162"/>
      <c r="BW1614" s="162"/>
      <c r="BX1614" s="162"/>
      <c r="BY1614" s="162"/>
      <c r="BZ1614" s="162"/>
      <c r="CA1614" s="162"/>
      <c r="CB1614" s="162"/>
      <c r="CC1614" s="162"/>
      <c r="CD1614" s="162"/>
      <c r="CE1614" s="162"/>
      <c r="CF1614" s="162"/>
      <c r="CG1614" s="162"/>
      <c r="CH1614" s="162"/>
      <c r="CI1614" s="162"/>
      <c r="CJ1614" s="162"/>
      <c r="CK1614" s="162"/>
      <c r="CX1614" s="98"/>
      <c r="DL1614" s="97"/>
      <c r="DX1614" s="98"/>
      <c r="EL1614" s="97"/>
      <c r="EX1614" s="98"/>
      <c r="EY1614" s="97"/>
      <c r="FL1614" s="126"/>
      <c r="FM1614" s="91"/>
      <c r="FN1614" s="91"/>
      <c r="FO1614" s="91"/>
      <c r="FP1614" s="91"/>
      <c r="FQ1614" s="91"/>
      <c r="FR1614" s="91"/>
      <c r="FS1614" s="91"/>
      <c r="FT1614" s="91"/>
      <c r="FU1614" s="91"/>
      <c r="FV1614" s="91"/>
      <c r="FW1614" s="91"/>
      <c r="FX1614" s="91"/>
      <c r="FY1614" s="91"/>
      <c r="FZ1614" s="91"/>
      <c r="GA1614" s="91"/>
      <c r="GB1614" s="91"/>
      <c r="GC1614" s="91"/>
      <c r="GD1614" s="91"/>
      <c r="GE1614" s="91"/>
      <c r="GF1614" s="91"/>
      <c r="GG1614" s="91"/>
      <c r="GH1614" s="91"/>
      <c r="GI1614" s="91"/>
      <c r="GJ1614" s="91"/>
      <c r="GK1614" s="127"/>
      <c r="GL1614" s="126"/>
      <c r="GM1614" s="91"/>
      <c r="GN1614" s="91"/>
      <c r="GO1614" s="91"/>
      <c r="GP1614" s="91"/>
      <c r="GQ1614" s="91"/>
      <c r="GR1614" s="91"/>
      <c r="GS1614" s="91"/>
      <c r="GT1614" s="91"/>
      <c r="GU1614" s="91"/>
      <c r="GV1614" s="91"/>
      <c r="GW1614" s="91"/>
      <c r="GX1614" s="91"/>
      <c r="GY1614" s="91"/>
      <c r="GZ1614" s="91"/>
      <c r="HA1614" s="91"/>
      <c r="HB1614" s="91"/>
      <c r="HC1614" s="91"/>
      <c r="HD1614" s="91"/>
      <c r="HE1614" s="91"/>
      <c r="HF1614" s="91"/>
      <c r="HG1614" s="91"/>
      <c r="HH1614" s="91"/>
      <c r="HI1614" s="91"/>
      <c r="HJ1614" s="91"/>
      <c r="HK1614" s="127"/>
      <c r="HL1614" s="126"/>
      <c r="HM1614" s="91"/>
      <c r="HN1614" s="91"/>
      <c r="HO1614" s="91"/>
      <c r="HP1614" s="91"/>
      <c r="HQ1614" s="91"/>
      <c r="HR1614" s="91"/>
      <c r="HS1614" s="91"/>
      <c r="HT1614" s="91"/>
      <c r="HU1614" s="91"/>
      <c r="HV1614" s="91"/>
      <c r="HW1614" s="91"/>
      <c r="HX1614" s="91"/>
      <c r="HY1614" s="91"/>
      <c r="HZ1614" s="91"/>
      <c r="IA1614" s="91"/>
      <c r="IB1614" s="91"/>
      <c r="IC1614" s="91"/>
      <c r="ID1614" s="91"/>
      <c r="IE1614" s="91"/>
      <c r="IF1614" s="91"/>
      <c r="IG1614" s="91"/>
      <c r="IH1614" s="91"/>
      <c r="II1614" s="91"/>
      <c r="IJ1614" s="91"/>
      <c r="IK1614" s="127"/>
    </row>
    <row r="1615" spans="2:245" x14ac:dyDescent="0.2">
      <c r="B1615" s="43"/>
      <c r="C1615" s="73"/>
      <c r="D1615" s="64"/>
      <c r="E1615" s="64"/>
      <c r="F1615" s="55"/>
      <c r="G1615" s="102"/>
      <c r="H1615" s="55"/>
      <c r="I1615" s="55"/>
      <c r="J1615" s="55"/>
      <c r="K1615" s="55"/>
      <c r="L1615" s="55"/>
      <c r="M1615" s="55"/>
      <c r="N1615" s="55"/>
      <c r="O1615" s="55"/>
      <c r="P1615" s="55"/>
      <c r="Q1615" s="55"/>
      <c r="R1615" s="55"/>
      <c r="S1615" s="55"/>
      <c r="T1615" s="55"/>
      <c r="U1615" s="55"/>
      <c r="V1615" s="55"/>
      <c r="W1615" s="55"/>
      <c r="X1615" s="55"/>
      <c r="Y1615" s="55"/>
      <c r="Z1615" s="55"/>
      <c r="AA1615" s="55"/>
      <c r="AB1615" s="55"/>
      <c r="AC1615" s="55"/>
      <c r="AD1615" s="55"/>
      <c r="AE1615" s="55"/>
      <c r="AF1615" s="55"/>
      <c r="AG1615" s="55"/>
      <c r="AY1615" s="162"/>
      <c r="AZ1615" s="162"/>
      <c r="BA1615" s="162"/>
      <c r="BB1615" s="162"/>
      <c r="BC1615" s="162"/>
      <c r="BD1615" s="162"/>
      <c r="BE1615" s="162"/>
      <c r="BF1615" s="162"/>
      <c r="BG1615" s="162"/>
      <c r="BH1615" s="162"/>
      <c r="BI1615" s="162"/>
      <c r="BJ1615" s="162"/>
      <c r="BK1615" s="162"/>
      <c r="BL1615" s="162"/>
      <c r="BM1615" s="162"/>
      <c r="BN1615" s="162"/>
      <c r="BO1615" s="162"/>
      <c r="BP1615" s="162"/>
      <c r="BQ1615" s="162"/>
      <c r="BR1615" s="162"/>
      <c r="BS1615" s="162"/>
      <c r="BT1615" s="162"/>
      <c r="BU1615" s="162"/>
      <c r="BV1615" s="162"/>
      <c r="BW1615" s="162"/>
      <c r="BX1615" s="162"/>
      <c r="BY1615" s="162"/>
      <c r="BZ1615" s="162"/>
      <c r="CA1615" s="162"/>
      <c r="CB1615" s="162"/>
      <c r="CC1615" s="162"/>
      <c r="CD1615" s="162"/>
      <c r="CE1615" s="162"/>
      <c r="CF1615" s="162"/>
      <c r="CG1615" s="162"/>
      <c r="CH1615" s="162"/>
      <c r="CI1615" s="162"/>
      <c r="CJ1615" s="162"/>
      <c r="CK1615" s="162"/>
      <c r="CX1615" s="98"/>
      <c r="DL1615" s="97"/>
      <c r="DX1615" s="98"/>
      <c r="EL1615" s="97"/>
      <c r="EX1615" s="98"/>
      <c r="EY1615" s="97"/>
      <c r="FL1615" s="126"/>
      <c r="FM1615" s="91"/>
      <c r="FN1615" s="91"/>
      <c r="FO1615" s="91"/>
      <c r="FP1615" s="91"/>
      <c r="FQ1615" s="91"/>
      <c r="FR1615" s="91"/>
      <c r="FS1615" s="91"/>
      <c r="FT1615" s="91"/>
      <c r="FU1615" s="91"/>
      <c r="FV1615" s="91"/>
      <c r="FW1615" s="91"/>
      <c r="FX1615" s="91"/>
      <c r="FY1615" s="91"/>
      <c r="FZ1615" s="91"/>
      <c r="GA1615" s="91"/>
      <c r="GB1615" s="91"/>
      <c r="GC1615" s="91"/>
      <c r="GD1615" s="91"/>
      <c r="GE1615" s="91"/>
      <c r="GF1615" s="91"/>
      <c r="GG1615" s="91"/>
      <c r="GH1615" s="91"/>
      <c r="GI1615" s="91"/>
      <c r="GJ1615" s="91"/>
      <c r="GK1615" s="127"/>
      <c r="GL1615" s="126"/>
      <c r="GM1615" s="91"/>
      <c r="GN1615" s="91"/>
      <c r="GO1615" s="91"/>
      <c r="GP1615" s="91"/>
      <c r="GQ1615" s="91"/>
      <c r="GR1615" s="91"/>
      <c r="GS1615" s="91"/>
      <c r="GT1615" s="91"/>
      <c r="GU1615" s="91"/>
      <c r="GV1615" s="91"/>
      <c r="GW1615" s="91"/>
      <c r="GX1615" s="91"/>
      <c r="GY1615" s="91"/>
      <c r="GZ1615" s="91"/>
      <c r="HA1615" s="91"/>
      <c r="HB1615" s="91"/>
      <c r="HC1615" s="91"/>
      <c r="HD1615" s="91"/>
      <c r="HE1615" s="91"/>
      <c r="HF1615" s="91"/>
      <c r="HG1615" s="91"/>
      <c r="HH1615" s="91"/>
      <c r="HI1615" s="91"/>
      <c r="HJ1615" s="91"/>
      <c r="HK1615" s="127"/>
      <c r="HL1615" s="126"/>
      <c r="HM1615" s="91"/>
      <c r="HN1615" s="91"/>
      <c r="HO1615" s="91"/>
      <c r="HP1615" s="91"/>
      <c r="HQ1615" s="91"/>
      <c r="HR1615" s="91"/>
      <c r="HS1615" s="91"/>
      <c r="HT1615" s="91"/>
      <c r="HU1615" s="91"/>
      <c r="HV1615" s="91"/>
      <c r="HW1615" s="91"/>
      <c r="HX1615" s="91"/>
      <c r="HY1615" s="91"/>
      <c r="HZ1615" s="91"/>
      <c r="IA1615" s="91"/>
      <c r="IB1615" s="91"/>
      <c r="IC1615" s="91"/>
      <c r="ID1615" s="91"/>
      <c r="IE1615" s="91"/>
      <c r="IF1615" s="91"/>
      <c r="IG1615" s="91"/>
      <c r="IH1615" s="91"/>
      <c r="II1615" s="91"/>
      <c r="IJ1615" s="91"/>
      <c r="IK1615" s="127"/>
    </row>
    <row r="1616" spans="2:245" x14ac:dyDescent="0.2">
      <c r="B1616" s="43"/>
      <c r="C1616" s="73"/>
      <c r="D1616" s="64"/>
      <c r="E1616" s="64"/>
      <c r="F1616" s="55"/>
      <c r="G1616" s="102"/>
      <c r="H1616" s="55"/>
      <c r="I1616" s="55"/>
      <c r="J1616" s="55"/>
      <c r="K1616" s="55"/>
      <c r="L1616" s="55"/>
      <c r="M1616" s="55"/>
      <c r="N1616" s="55"/>
      <c r="O1616" s="55"/>
      <c r="P1616" s="55"/>
      <c r="Q1616" s="55"/>
      <c r="R1616" s="55"/>
      <c r="S1616" s="55"/>
      <c r="T1616" s="55"/>
      <c r="U1616" s="55"/>
      <c r="V1616" s="55"/>
      <c r="W1616" s="55"/>
      <c r="X1616" s="55"/>
      <c r="Y1616" s="55"/>
      <c r="Z1616" s="55"/>
      <c r="AA1616" s="55"/>
      <c r="AB1616" s="55"/>
      <c r="AC1616" s="55"/>
      <c r="AD1616" s="55"/>
      <c r="AE1616" s="55"/>
      <c r="AF1616" s="55"/>
      <c r="AG1616" s="55"/>
      <c r="AY1616" s="162"/>
      <c r="AZ1616" s="162"/>
      <c r="BA1616" s="162"/>
      <c r="BB1616" s="162"/>
      <c r="BC1616" s="162"/>
      <c r="BD1616" s="162"/>
      <c r="BE1616" s="162"/>
      <c r="BF1616" s="162"/>
      <c r="BG1616" s="162"/>
      <c r="BH1616" s="162"/>
      <c r="BI1616" s="162"/>
      <c r="BJ1616" s="162"/>
      <c r="BK1616" s="162"/>
      <c r="BL1616" s="162"/>
      <c r="BM1616" s="162"/>
      <c r="BN1616" s="162"/>
      <c r="BO1616" s="162"/>
      <c r="BP1616" s="162"/>
      <c r="BQ1616" s="162"/>
      <c r="BR1616" s="162"/>
      <c r="BS1616" s="162"/>
      <c r="BT1616" s="162"/>
      <c r="BU1616" s="162"/>
      <c r="BV1616" s="162"/>
      <c r="BW1616" s="162"/>
      <c r="BX1616" s="162"/>
      <c r="BY1616" s="162"/>
      <c r="BZ1616" s="162"/>
      <c r="CA1616" s="162"/>
      <c r="CB1616" s="162"/>
      <c r="CC1616" s="162"/>
      <c r="CD1616" s="162"/>
      <c r="CE1616" s="162"/>
      <c r="CF1616" s="162"/>
      <c r="CG1616" s="162"/>
      <c r="CH1616" s="162"/>
      <c r="CI1616" s="162"/>
      <c r="CJ1616" s="162"/>
      <c r="CK1616" s="162"/>
      <c r="CX1616" s="98"/>
      <c r="DL1616" s="97"/>
      <c r="DX1616" s="98"/>
      <c r="EL1616" s="97"/>
      <c r="EX1616" s="98"/>
      <c r="EY1616" s="97"/>
      <c r="FL1616" s="126"/>
      <c r="FM1616" s="91"/>
      <c r="FN1616" s="91"/>
      <c r="FO1616" s="91"/>
      <c r="FP1616" s="91"/>
      <c r="FQ1616" s="91"/>
      <c r="FR1616" s="91"/>
      <c r="FS1616" s="91"/>
      <c r="FT1616" s="91"/>
      <c r="FU1616" s="91"/>
      <c r="FV1616" s="91"/>
      <c r="FW1616" s="91"/>
      <c r="FX1616" s="91"/>
      <c r="FY1616" s="91"/>
      <c r="FZ1616" s="91"/>
      <c r="GA1616" s="91"/>
      <c r="GB1616" s="91"/>
      <c r="GC1616" s="91"/>
      <c r="GD1616" s="91"/>
      <c r="GE1616" s="91"/>
      <c r="GF1616" s="91"/>
      <c r="GG1616" s="91"/>
      <c r="GH1616" s="91"/>
      <c r="GI1616" s="91"/>
      <c r="GJ1616" s="91"/>
      <c r="GK1616" s="127"/>
      <c r="GL1616" s="126"/>
      <c r="GM1616" s="91"/>
      <c r="GN1616" s="91"/>
      <c r="GO1616" s="91"/>
      <c r="GP1616" s="91"/>
      <c r="GQ1616" s="91"/>
      <c r="GR1616" s="91"/>
      <c r="GS1616" s="91"/>
      <c r="GT1616" s="91"/>
      <c r="GU1616" s="91"/>
      <c r="GV1616" s="91"/>
      <c r="GW1616" s="91"/>
      <c r="GX1616" s="91"/>
      <c r="GY1616" s="91"/>
      <c r="GZ1616" s="91"/>
      <c r="HA1616" s="91"/>
      <c r="HB1616" s="91"/>
      <c r="HC1616" s="91"/>
      <c r="HD1616" s="91"/>
      <c r="HE1616" s="91"/>
      <c r="HF1616" s="91"/>
      <c r="HG1616" s="91"/>
      <c r="HH1616" s="91"/>
      <c r="HI1616" s="91"/>
      <c r="HJ1616" s="91"/>
      <c r="HK1616" s="127"/>
      <c r="HL1616" s="126"/>
      <c r="HM1616" s="91"/>
      <c r="HN1616" s="91"/>
      <c r="HO1616" s="91"/>
      <c r="HP1616" s="91"/>
      <c r="HQ1616" s="91"/>
      <c r="HR1616" s="91"/>
      <c r="HS1616" s="91"/>
      <c r="HT1616" s="91"/>
      <c r="HU1616" s="91"/>
      <c r="HV1616" s="91"/>
      <c r="HW1616" s="91"/>
      <c r="HX1616" s="91"/>
      <c r="HY1616" s="91"/>
      <c r="HZ1616" s="91"/>
      <c r="IA1616" s="91"/>
      <c r="IB1616" s="91"/>
      <c r="IC1616" s="91"/>
      <c r="ID1616" s="91"/>
      <c r="IE1616" s="91"/>
      <c r="IF1616" s="91"/>
      <c r="IG1616" s="91"/>
      <c r="IH1616" s="91"/>
      <c r="II1616" s="91"/>
      <c r="IJ1616" s="91"/>
      <c r="IK1616" s="127"/>
    </row>
    <row r="1617" spans="2:245" ht="13.5" thickBot="1" x14ac:dyDescent="0.25">
      <c r="B1617" s="43"/>
      <c r="C1617" s="73"/>
      <c r="D1617" s="64"/>
      <c r="E1617" s="64"/>
      <c r="F1617" s="55"/>
      <c r="G1617" s="102"/>
      <c r="H1617" s="55"/>
      <c r="I1617" s="55"/>
      <c r="J1617" s="55"/>
      <c r="K1617" s="55"/>
      <c r="L1617" s="55"/>
      <c r="M1617" s="55"/>
      <c r="N1617" s="55"/>
      <c r="O1617" s="55"/>
      <c r="P1617" s="55"/>
      <c r="Q1617" s="55"/>
      <c r="R1617" s="55"/>
      <c r="S1617" s="55"/>
      <c r="T1617" s="55"/>
      <c r="U1617" s="55"/>
      <c r="V1617" s="55"/>
      <c r="W1617" s="55"/>
      <c r="X1617" s="55"/>
      <c r="Y1617" s="55"/>
      <c r="Z1617" s="55"/>
      <c r="AA1617" s="55"/>
      <c r="AB1617" s="55"/>
      <c r="AC1617" s="55"/>
      <c r="AD1617" s="55"/>
      <c r="AE1617" s="55"/>
      <c r="AF1617" s="55"/>
      <c r="AG1617" s="55"/>
      <c r="AY1617" s="162"/>
      <c r="AZ1617" s="162"/>
      <c r="BA1617" s="162"/>
      <c r="BB1617" s="162"/>
      <c r="BC1617" s="162"/>
      <c r="BD1617" s="162"/>
      <c r="BE1617" s="162"/>
      <c r="BF1617" s="162"/>
      <c r="BG1617" s="162"/>
      <c r="BH1617" s="162"/>
      <c r="BI1617" s="162"/>
      <c r="BJ1617" s="162"/>
      <c r="BK1617" s="162"/>
      <c r="BL1617" s="162"/>
      <c r="BM1617" s="162"/>
      <c r="BN1617" s="162"/>
      <c r="BO1617" s="162"/>
      <c r="BP1617" s="162"/>
      <c r="BQ1617" s="162"/>
      <c r="BR1617" s="162"/>
      <c r="BS1617" s="162"/>
      <c r="BT1617" s="162"/>
      <c r="BU1617" s="162"/>
      <c r="BV1617" s="162"/>
      <c r="BW1617" s="162"/>
      <c r="BX1617" s="162"/>
      <c r="BY1617" s="162"/>
      <c r="BZ1617" s="162"/>
      <c r="CA1617" s="162"/>
      <c r="CB1617" s="162"/>
      <c r="CC1617" s="162"/>
      <c r="CD1617" s="162"/>
      <c r="CE1617" s="162"/>
      <c r="CF1617" s="162"/>
      <c r="CG1617" s="162"/>
      <c r="CH1617" s="162"/>
      <c r="CI1617" s="162"/>
      <c r="CJ1617" s="162"/>
      <c r="CK1617" s="162"/>
      <c r="CL1617" s="166"/>
      <c r="CM1617" s="166"/>
      <c r="CN1617" s="166"/>
      <c r="CO1617" s="166"/>
      <c r="CP1617" s="166"/>
      <c r="CQ1617" s="166"/>
      <c r="CR1617" s="166"/>
      <c r="CS1617" s="166"/>
      <c r="CT1617" s="166"/>
      <c r="CU1617" s="166"/>
      <c r="CV1617" s="166"/>
      <c r="CW1617" s="166"/>
      <c r="CX1617" s="176"/>
      <c r="CY1617" s="166"/>
      <c r="CZ1617" s="166"/>
      <c r="DA1617" s="166"/>
      <c r="DB1617" s="166"/>
      <c r="DC1617" s="166"/>
      <c r="DD1617" s="166"/>
      <c r="DE1617" s="166"/>
      <c r="DF1617" s="166"/>
      <c r="DG1617" s="166"/>
      <c r="DH1617" s="166"/>
      <c r="DI1617" s="166"/>
      <c r="DJ1617" s="166"/>
      <c r="DK1617" s="166"/>
      <c r="DL1617" s="175"/>
      <c r="DM1617" s="166"/>
      <c r="DN1617" s="166"/>
      <c r="DO1617" s="166"/>
      <c r="DP1617" s="166"/>
      <c r="DQ1617" s="166"/>
      <c r="DR1617" s="166"/>
      <c r="DS1617" s="166"/>
      <c r="DT1617" s="166"/>
      <c r="DU1617" s="166"/>
      <c r="DV1617" s="166"/>
      <c r="DW1617" s="166"/>
      <c r="DX1617" s="176"/>
      <c r="DY1617" s="166"/>
      <c r="DZ1617" s="166"/>
      <c r="EA1617" s="166"/>
      <c r="EB1617" s="166"/>
      <c r="EC1617" s="166"/>
      <c r="ED1617" s="166"/>
      <c r="EE1617" s="166"/>
      <c r="EF1617" s="166"/>
      <c r="EG1617" s="166"/>
      <c r="EH1617" s="166"/>
      <c r="EI1617" s="166"/>
      <c r="EJ1617" s="166"/>
      <c r="EK1617" s="166"/>
      <c r="EL1617" s="175"/>
      <c r="EM1617" s="166"/>
      <c r="EN1617" s="166"/>
      <c r="EO1617" s="166"/>
      <c r="EP1617" s="166"/>
      <c r="EQ1617" s="166"/>
      <c r="ER1617" s="166"/>
      <c r="ES1617" s="166"/>
      <c r="ET1617" s="166"/>
      <c r="EU1617" s="166"/>
      <c r="EV1617" s="166"/>
      <c r="EW1617" s="166"/>
      <c r="EX1617" s="176"/>
      <c r="EY1617" s="175"/>
      <c r="EZ1617" s="166"/>
      <c r="FA1617" s="166"/>
      <c r="FB1617" s="166"/>
      <c r="FC1617" s="166"/>
      <c r="FD1617" s="166"/>
      <c r="FE1617" s="166"/>
      <c r="FF1617" s="166"/>
      <c r="FG1617" s="166"/>
      <c r="FH1617" s="166"/>
      <c r="FI1617" s="166"/>
      <c r="FJ1617" s="166"/>
      <c r="FK1617" s="166"/>
      <c r="FL1617" s="126"/>
      <c r="FM1617" s="91"/>
      <c r="FN1617" s="91"/>
      <c r="FO1617" s="91"/>
      <c r="FP1617" s="91"/>
      <c r="FQ1617" s="91"/>
      <c r="FR1617" s="91"/>
      <c r="FS1617" s="91"/>
      <c r="FT1617" s="91"/>
      <c r="FU1617" s="91"/>
      <c r="FV1617" s="91"/>
      <c r="FW1617" s="91"/>
      <c r="FX1617" s="91"/>
      <c r="FY1617" s="91"/>
      <c r="FZ1617" s="91"/>
      <c r="GA1617" s="91"/>
      <c r="GB1617" s="91"/>
      <c r="GC1617" s="91"/>
      <c r="GD1617" s="91"/>
      <c r="GE1617" s="91"/>
      <c r="GF1617" s="91"/>
      <c r="GG1617" s="91"/>
      <c r="GH1617" s="91"/>
      <c r="GI1617" s="91"/>
      <c r="GJ1617" s="91"/>
      <c r="GK1617" s="127"/>
      <c r="GL1617" s="126"/>
      <c r="GM1617" s="91"/>
      <c r="GN1617" s="91"/>
      <c r="GO1617" s="91"/>
      <c r="GP1617" s="91"/>
      <c r="GQ1617" s="91"/>
      <c r="GR1617" s="91"/>
      <c r="GS1617" s="91"/>
      <c r="GT1617" s="91"/>
      <c r="GU1617" s="91"/>
      <c r="GV1617" s="91"/>
      <c r="GW1617" s="91"/>
      <c r="GX1617" s="91"/>
      <c r="GY1617" s="91"/>
      <c r="GZ1617" s="91"/>
      <c r="HA1617" s="91"/>
      <c r="HB1617" s="91"/>
      <c r="HC1617" s="91"/>
      <c r="HD1617" s="91"/>
      <c r="HE1617" s="91"/>
      <c r="HF1617" s="91"/>
      <c r="HG1617" s="91"/>
      <c r="HH1617" s="91"/>
      <c r="HI1617" s="91"/>
      <c r="HJ1617" s="91"/>
      <c r="HK1617" s="127"/>
      <c r="HL1617" s="126"/>
      <c r="HM1617" s="91"/>
      <c r="HN1617" s="91"/>
      <c r="HO1617" s="91"/>
      <c r="HP1617" s="91"/>
      <c r="HQ1617" s="91"/>
      <c r="HR1617" s="91"/>
      <c r="HS1617" s="91"/>
      <c r="HT1617" s="91"/>
      <c r="HU1617" s="91"/>
      <c r="HV1617" s="91"/>
      <c r="HW1617" s="91"/>
      <c r="HX1617" s="91"/>
      <c r="HY1617" s="91"/>
      <c r="HZ1617" s="91"/>
      <c r="IA1617" s="91"/>
      <c r="IB1617" s="91"/>
      <c r="IC1617" s="91"/>
      <c r="ID1617" s="91"/>
      <c r="IE1617" s="91"/>
      <c r="IF1617" s="91"/>
      <c r="IG1617" s="91"/>
      <c r="IH1617" s="91"/>
      <c r="II1617" s="91"/>
      <c r="IJ1617" s="91"/>
      <c r="IK1617" s="127"/>
    </row>
    <row r="1618" spans="2:245" x14ac:dyDescent="0.2">
      <c r="B1618" s="43"/>
      <c r="C1618" s="73"/>
      <c r="D1618" s="64"/>
      <c r="E1618" s="64"/>
      <c r="F1618" s="55"/>
      <c r="G1618" s="102"/>
      <c r="H1618" s="55"/>
      <c r="I1618" s="55"/>
      <c r="J1618" s="55"/>
      <c r="K1618" s="55"/>
      <c r="L1618" s="55"/>
      <c r="M1618" s="55"/>
      <c r="N1618" s="55"/>
      <c r="O1618" s="55"/>
      <c r="P1618" s="55"/>
      <c r="Q1618" s="55"/>
      <c r="R1618" s="55"/>
      <c r="S1618" s="55"/>
      <c r="T1618" s="55"/>
      <c r="U1618" s="55"/>
      <c r="V1618" s="55"/>
      <c r="W1618" s="55"/>
      <c r="X1618" s="55"/>
      <c r="Y1618" s="55"/>
      <c r="Z1618" s="55"/>
      <c r="AA1618" s="55"/>
      <c r="AB1618" s="55"/>
      <c r="AC1618" s="55"/>
      <c r="AD1618" s="55"/>
      <c r="AE1618" s="55"/>
      <c r="AF1618" s="55"/>
      <c r="AG1618" s="55"/>
      <c r="AY1618" s="162"/>
      <c r="AZ1618" s="162"/>
      <c r="BA1618" s="162"/>
      <c r="BB1618" s="162"/>
      <c r="BC1618" s="162"/>
      <c r="BD1618" s="162"/>
      <c r="BE1618" s="162"/>
      <c r="BF1618" s="162"/>
      <c r="BG1618" s="162"/>
      <c r="BH1618" s="162"/>
      <c r="BI1618" s="162"/>
      <c r="BJ1618" s="162"/>
      <c r="BK1618" s="162"/>
      <c r="BL1618" s="162"/>
      <c r="BM1618" s="162"/>
      <c r="BN1618" s="162"/>
      <c r="BO1618" s="162"/>
      <c r="BP1618" s="162"/>
      <c r="BQ1618" s="162"/>
      <c r="BR1618" s="162"/>
      <c r="BS1618" s="162"/>
      <c r="BT1618" s="162"/>
      <c r="BU1618" s="162"/>
      <c r="BV1618" s="162"/>
      <c r="BW1618" s="162"/>
      <c r="BX1618" s="162"/>
      <c r="BY1618" s="162"/>
      <c r="BZ1618" s="162"/>
      <c r="CA1618" s="162"/>
      <c r="CB1618" s="162"/>
      <c r="CC1618" s="162"/>
      <c r="CD1618" s="162"/>
      <c r="CE1618" s="162"/>
      <c r="CF1618" s="162"/>
      <c r="CG1618" s="162"/>
      <c r="CH1618" s="162"/>
      <c r="CI1618" s="162"/>
      <c r="CJ1618" s="162"/>
      <c r="CK1618" s="162"/>
      <c r="CX1618" s="98"/>
      <c r="DL1618" s="97"/>
      <c r="DX1618" s="98"/>
      <c r="EL1618" s="97"/>
      <c r="EX1618" s="98"/>
      <c r="EY1618" s="97"/>
      <c r="FL1618" s="126"/>
      <c r="FM1618" s="91"/>
      <c r="FN1618" s="91"/>
      <c r="FO1618" s="91"/>
      <c r="FP1618" s="91"/>
      <c r="FQ1618" s="91"/>
      <c r="FR1618" s="91"/>
      <c r="FS1618" s="91"/>
      <c r="FT1618" s="91"/>
      <c r="FU1618" s="91"/>
      <c r="FV1618" s="91"/>
      <c r="FW1618" s="91"/>
      <c r="FX1618" s="91"/>
      <c r="FY1618" s="91"/>
      <c r="FZ1618" s="91"/>
      <c r="GA1618" s="91"/>
      <c r="GB1618" s="91"/>
      <c r="GC1618" s="91"/>
      <c r="GD1618" s="91"/>
      <c r="GE1618" s="91"/>
      <c r="GF1618" s="91"/>
      <c r="GG1618" s="91"/>
      <c r="GH1618" s="91"/>
      <c r="GI1618" s="91"/>
      <c r="GJ1618" s="91"/>
      <c r="GK1618" s="127"/>
      <c r="GL1618" s="126"/>
      <c r="GM1618" s="91"/>
      <c r="GN1618" s="91"/>
      <c r="GO1618" s="91"/>
      <c r="GP1618" s="91"/>
      <c r="GQ1618" s="91"/>
      <c r="GR1618" s="91"/>
      <c r="GS1618" s="91"/>
      <c r="GT1618" s="91"/>
      <c r="GU1618" s="91"/>
      <c r="GV1618" s="91"/>
      <c r="GW1618" s="91"/>
      <c r="GX1618" s="91"/>
      <c r="GY1618" s="91"/>
      <c r="GZ1618" s="91"/>
      <c r="HA1618" s="91"/>
      <c r="HB1618" s="91"/>
      <c r="HC1618" s="91"/>
      <c r="HD1618" s="91"/>
      <c r="HE1618" s="91"/>
      <c r="HF1618" s="91"/>
      <c r="HG1618" s="91"/>
      <c r="HH1618" s="91"/>
      <c r="HI1618" s="91"/>
      <c r="HJ1618" s="91"/>
      <c r="HK1618" s="127"/>
      <c r="HL1618" s="126"/>
      <c r="HM1618" s="91"/>
      <c r="HN1618" s="91"/>
      <c r="HO1618" s="91"/>
      <c r="HP1618" s="91"/>
      <c r="HQ1618" s="91"/>
      <c r="HR1618" s="91"/>
      <c r="HS1618" s="91"/>
      <c r="HT1618" s="91"/>
      <c r="HU1618" s="91"/>
      <c r="HV1618" s="91"/>
      <c r="HW1618" s="91"/>
      <c r="HX1618" s="91"/>
      <c r="HY1618" s="91"/>
      <c r="HZ1618" s="91"/>
      <c r="IA1618" s="91"/>
      <c r="IB1618" s="91"/>
      <c r="IC1618" s="91"/>
      <c r="ID1618" s="91"/>
      <c r="IE1618" s="91"/>
      <c r="IF1618" s="91"/>
      <c r="IG1618" s="91"/>
      <c r="IH1618" s="91"/>
      <c r="II1618" s="91"/>
      <c r="IJ1618" s="91"/>
      <c r="IK1618" s="127"/>
    </row>
    <row r="1619" spans="2:245" x14ac:dyDescent="0.2">
      <c r="B1619" s="43"/>
      <c r="C1619" s="73"/>
      <c r="D1619" s="64"/>
      <c r="E1619" s="64"/>
      <c r="F1619" s="55"/>
      <c r="G1619" s="102"/>
      <c r="H1619" s="55"/>
      <c r="I1619" s="55"/>
      <c r="J1619" s="55"/>
      <c r="K1619" s="55"/>
      <c r="L1619" s="55"/>
      <c r="M1619" s="55"/>
      <c r="N1619" s="55"/>
      <c r="O1619" s="55"/>
      <c r="P1619" s="55"/>
      <c r="Q1619" s="55"/>
      <c r="R1619" s="55"/>
      <c r="S1619" s="55"/>
      <c r="T1619" s="55"/>
      <c r="U1619" s="55"/>
      <c r="V1619" s="55"/>
      <c r="W1619" s="55"/>
      <c r="X1619" s="55"/>
      <c r="Y1619" s="55"/>
      <c r="Z1619" s="55"/>
      <c r="AA1619" s="55"/>
      <c r="AB1619" s="55"/>
      <c r="AC1619" s="55"/>
      <c r="AD1619" s="55"/>
      <c r="AE1619" s="55"/>
      <c r="AF1619" s="55"/>
      <c r="AG1619" s="55"/>
      <c r="AY1619" s="162"/>
      <c r="AZ1619" s="162"/>
      <c r="BA1619" s="162"/>
      <c r="BB1619" s="162"/>
      <c r="BC1619" s="162"/>
      <c r="BD1619" s="162"/>
      <c r="BE1619" s="162"/>
      <c r="BF1619" s="162"/>
      <c r="BG1619" s="162"/>
      <c r="BH1619" s="162"/>
      <c r="BI1619" s="162"/>
      <c r="BJ1619" s="162"/>
      <c r="BK1619" s="162"/>
      <c r="BL1619" s="162"/>
      <c r="BM1619" s="162"/>
      <c r="BN1619" s="162"/>
      <c r="BO1619" s="162"/>
      <c r="BP1619" s="162"/>
      <c r="BQ1619" s="162"/>
      <c r="BR1619" s="162"/>
      <c r="BS1619" s="162"/>
      <c r="BT1619" s="162"/>
      <c r="BU1619" s="162"/>
      <c r="BV1619" s="162"/>
      <c r="BW1619" s="162"/>
      <c r="BX1619" s="162"/>
      <c r="BY1619" s="162"/>
      <c r="BZ1619" s="162"/>
      <c r="CA1619" s="162"/>
      <c r="CB1619" s="162"/>
      <c r="CC1619" s="162"/>
      <c r="CD1619" s="162"/>
      <c r="CE1619" s="162"/>
      <c r="CF1619" s="162"/>
      <c r="CG1619" s="162"/>
      <c r="CH1619" s="162"/>
      <c r="CI1619" s="162"/>
      <c r="CJ1619" s="162"/>
      <c r="CK1619" s="162"/>
      <c r="CX1619" s="98"/>
      <c r="DL1619" s="97"/>
      <c r="DX1619" s="98"/>
      <c r="EL1619" s="97"/>
      <c r="EX1619" s="98"/>
      <c r="EY1619" s="97"/>
      <c r="FL1619" s="126"/>
      <c r="FM1619" s="91"/>
      <c r="FN1619" s="91"/>
      <c r="FO1619" s="91"/>
      <c r="FP1619" s="91"/>
      <c r="FQ1619" s="91"/>
      <c r="FR1619" s="91"/>
      <c r="FS1619" s="91"/>
      <c r="FT1619" s="91"/>
      <c r="FU1619" s="91"/>
      <c r="FV1619" s="91"/>
      <c r="FW1619" s="91"/>
      <c r="FX1619" s="91"/>
      <c r="FY1619" s="91"/>
      <c r="FZ1619" s="91"/>
      <c r="GA1619" s="91"/>
      <c r="GB1619" s="91"/>
      <c r="GC1619" s="91"/>
      <c r="GD1619" s="91"/>
      <c r="GE1619" s="91"/>
      <c r="GF1619" s="91"/>
      <c r="GG1619" s="91"/>
      <c r="GH1619" s="91"/>
      <c r="GI1619" s="91"/>
      <c r="GJ1619" s="91"/>
      <c r="GK1619" s="127"/>
      <c r="GL1619" s="126"/>
      <c r="GM1619" s="91"/>
      <c r="GN1619" s="91"/>
      <c r="GO1619" s="91"/>
      <c r="GP1619" s="91"/>
      <c r="GQ1619" s="91"/>
      <c r="GR1619" s="91"/>
      <c r="GS1619" s="91"/>
      <c r="GT1619" s="91"/>
      <c r="GU1619" s="91"/>
      <c r="GV1619" s="91"/>
      <c r="GW1619" s="91"/>
      <c r="GX1619" s="91"/>
      <c r="GY1619" s="91"/>
      <c r="GZ1619" s="91"/>
      <c r="HA1619" s="91"/>
      <c r="HB1619" s="91"/>
      <c r="HC1619" s="91"/>
      <c r="HD1619" s="91"/>
      <c r="HE1619" s="91"/>
      <c r="HF1619" s="91"/>
      <c r="HG1619" s="91"/>
      <c r="HH1619" s="91"/>
      <c r="HI1619" s="91"/>
      <c r="HJ1619" s="91"/>
      <c r="HK1619" s="127"/>
      <c r="HL1619" s="126"/>
      <c r="HM1619" s="91"/>
      <c r="HN1619" s="91"/>
      <c r="HO1619" s="91"/>
      <c r="HP1619" s="91"/>
      <c r="HQ1619" s="91"/>
      <c r="HR1619" s="91"/>
      <c r="HS1619" s="91"/>
      <c r="HT1619" s="91"/>
      <c r="HU1619" s="91"/>
      <c r="HV1619" s="91"/>
      <c r="HW1619" s="91"/>
      <c r="HX1619" s="91"/>
      <c r="HY1619" s="91"/>
      <c r="HZ1619" s="91"/>
      <c r="IA1619" s="91"/>
      <c r="IB1619" s="91"/>
      <c r="IC1619" s="91"/>
      <c r="ID1619" s="91"/>
      <c r="IE1619" s="91"/>
      <c r="IF1619" s="91"/>
      <c r="IG1619" s="91"/>
      <c r="IH1619" s="91"/>
      <c r="II1619" s="91"/>
      <c r="IJ1619" s="91"/>
      <c r="IK1619" s="127"/>
    </row>
    <row r="1620" spans="2:245" x14ac:dyDescent="0.2">
      <c r="B1620" s="43"/>
      <c r="C1620" s="73"/>
      <c r="D1620" s="64"/>
      <c r="E1620" s="64"/>
      <c r="F1620" s="55"/>
      <c r="G1620" s="102"/>
      <c r="H1620" s="55"/>
      <c r="I1620" s="55"/>
      <c r="J1620" s="55"/>
      <c r="K1620" s="55"/>
      <c r="L1620" s="55"/>
      <c r="M1620" s="55"/>
      <c r="N1620" s="55"/>
      <c r="O1620" s="55"/>
      <c r="P1620" s="55"/>
      <c r="Q1620" s="55"/>
      <c r="R1620" s="55"/>
      <c r="S1620" s="55"/>
      <c r="T1620" s="55"/>
      <c r="U1620" s="55"/>
      <c r="V1620" s="55"/>
      <c r="W1620" s="55"/>
      <c r="X1620" s="55"/>
      <c r="Y1620" s="55"/>
      <c r="Z1620" s="55"/>
      <c r="AA1620" s="55"/>
      <c r="AB1620" s="55"/>
      <c r="AC1620" s="55"/>
      <c r="AD1620" s="55"/>
      <c r="AE1620" s="55"/>
      <c r="AF1620" s="55"/>
      <c r="AG1620" s="55"/>
      <c r="AY1620" s="162"/>
      <c r="AZ1620" s="162"/>
      <c r="BA1620" s="162"/>
      <c r="BB1620" s="162"/>
      <c r="BC1620" s="162"/>
      <c r="BD1620" s="162"/>
      <c r="BE1620" s="162"/>
      <c r="BF1620" s="162"/>
      <c r="BG1620" s="162"/>
      <c r="BH1620" s="162"/>
      <c r="BI1620" s="162"/>
      <c r="BJ1620" s="162"/>
      <c r="BK1620" s="162"/>
      <c r="BL1620" s="162"/>
      <c r="BM1620" s="162"/>
      <c r="BN1620" s="162"/>
      <c r="BO1620" s="162"/>
      <c r="BP1620" s="162"/>
      <c r="BQ1620" s="162"/>
      <c r="BR1620" s="162"/>
      <c r="BS1620" s="162"/>
      <c r="BT1620" s="162"/>
      <c r="BU1620" s="162"/>
      <c r="BV1620" s="162"/>
      <c r="BW1620" s="162"/>
      <c r="BX1620" s="162"/>
      <c r="BY1620" s="162"/>
      <c r="BZ1620" s="162"/>
      <c r="CA1620" s="162"/>
      <c r="CB1620" s="162"/>
      <c r="CC1620" s="162"/>
      <c r="CD1620" s="162"/>
      <c r="CE1620" s="162"/>
      <c r="CF1620" s="162"/>
      <c r="CG1620" s="162"/>
      <c r="CH1620" s="162"/>
      <c r="CI1620" s="162"/>
      <c r="CJ1620" s="162"/>
      <c r="CK1620" s="162"/>
      <c r="CX1620" s="98"/>
      <c r="DL1620" s="97"/>
      <c r="DX1620" s="98"/>
      <c r="EL1620" s="97"/>
      <c r="EX1620" s="98"/>
      <c r="EY1620" s="97"/>
      <c r="FL1620" s="126"/>
      <c r="FM1620" s="91"/>
      <c r="FN1620" s="91"/>
      <c r="FO1620" s="91"/>
      <c r="FP1620" s="91"/>
      <c r="FQ1620" s="91"/>
      <c r="FR1620" s="91"/>
      <c r="FS1620" s="91"/>
      <c r="FT1620" s="91"/>
      <c r="FU1620" s="91"/>
      <c r="FV1620" s="91"/>
      <c r="FW1620" s="91"/>
      <c r="FX1620" s="91"/>
      <c r="FY1620" s="91"/>
      <c r="FZ1620" s="91"/>
      <c r="GA1620" s="91"/>
      <c r="GB1620" s="91"/>
      <c r="GC1620" s="91"/>
      <c r="GD1620" s="91"/>
      <c r="GE1620" s="91"/>
      <c r="GF1620" s="91"/>
      <c r="GG1620" s="91"/>
      <c r="GH1620" s="91"/>
      <c r="GI1620" s="91"/>
      <c r="GJ1620" s="91"/>
      <c r="GK1620" s="127"/>
      <c r="GL1620" s="126"/>
      <c r="GM1620" s="91"/>
      <c r="GN1620" s="91"/>
      <c r="GO1620" s="91"/>
      <c r="GP1620" s="91"/>
      <c r="GQ1620" s="91"/>
      <c r="GR1620" s="91"/>
      <c r="GS1620" s="91"/>
      <c r="GT1620" s="91"/>
      <c r="GU1620" s="91"/>
      <c r="GV1620" s="91"/>
      <c r="GW1620" s="91"/>
      <c r="GX1620" s="91"/>
      <c r="GY1620" s="91"/>
      <c r="GZ1620" s="91"/>
      <c r="HA1620" s="91"/>
      <c r="HB1620" s="91"/>
      <c r="HC1620" s="91"/>
      <c r="HD1620" s="91"/>
      <c r="HE1620" s="91"/>
      <c r="HF1620" s="91"/>
      <c r="HG1620" s="91"/>
      <c r="HH1620" s="91"/>
      <c r="HI1620" s="91"/>
      <c r="HJ1620" s="91"/>
      <c r="HK1620" s="127"/>
      <c r="HL1620" s="126"/>
      <c r="HM1620" s="91"/>
      <c r="HN1620" s="91"/>
      <c r="HO1620" s="91"/>
      <c r="HP1620" s="91"/>
      <c r="HQ1620" s="91"/>
      <c r="HR1620" s="91"/>
      <c r="HS1620" s="91"/>
      <c r="HT1620" s="91"/>
      <c r="HU1620" s="91"/>
      <c r="HV1620" s="91"/>
      <c r="HW1620" s="91"/>
      <c r="HX1620" s="91"/>
      <c r="HY1620" s="91"/>
      <c r="HZ1620" s="91"/>
      <c r="IA1620" s="91"/>
      <c r="IB1620" s="91"/>
      <c r="IC1620" s="91"/>
      <c r="ID1620" s="91"/>
      <c r="IE1620" s="91"/>
      <c r="IF1620" s="91"/>
      <c r="IG1620" s="91"/>
      <c r="IH1620" s="91"/>
      <c r="II1620" s="91"/>
      <c r="IJ1620" s="91"/>
      <c r="IK1620" s="127"/>
    </row>
    <row r="1621" spans="2:245" x14ac:dyDescent="0.2">
      <c r="B1621" s="43"/>
      <c r="C1621" s="73"/>
      <c r="D1621" s="64"/>
      <c r="E1621" s="64"/>
      <c r="F1621" s="55"/>
      <c r="G1621" s="102"/>
      <c r="H1621" s="55"/>
      <c r="I1621" s="55"/>
      <c r="J1621" s="55"/>
      <c r="K1621" s="55"/>
      <c r="L1621" s="55"/>
      <c r="M1621" s="55"/>
      <c r="N1621" s="55"/>
      <c r="O1621" s="55"/>
      <c r="P1621" s="55"/>
      <c r="Q1621" s="55"/>
      <c r="R1621" s="55"/>
      <c r="S1621" s="55"/>
      <c r="T1621" s="55"/>
      <c r="U1621" s="55"/>
      <c r="V1621" s="55"/>
      <c r="W1621" s="55"/>
      <c r="X1621" s="55"/>
      <c r="Y1621" s="55"/>
      <c r="Z1621" s="55"/>
      <c r="AA1621" s="55"/>
      <c r="AB1621" s="55"/>
      <c r="AC1621" s="55"/>
      <c r="AD1621" s="55"/>
      <c r="AE1621" s="55"/>
      <c r="AF1621" s="55"/>
      <c r="AG1621" s="55"/>
      <c r="AY1621" s="162"/>
      <c r="AZ1621" s="162"/>
      <c r="BA1621" s="162"/>
      <c r="BB1621" s="162"/>
      <c r="BC1621" s="162"/>
      <c r="BD1621" s="162"/>
      <c r="BE1621" s="162"/>
      <c r="BF1621" s="162"/>
      <c r="BG1621" s="162"/>
      <c r="BH1621" s="162"/>
      <c r="BI1621" s="162"/>
      <c r="BJ1621" s="162"/>
      <c r="BK1621" s="162"/>
      <c r="BL1621" s="162"/>
      <c r="BM1621" s="162"/>
      <c r="BN1621" s="162"/>
      <c r="BO1621" s="162"/>
      <c r="BP1621" s="162"/>
      <c r="BQ1621" s="162"/>
      <c r="BR1621" s="162"/>
      <c r="BS1621" s="162"/>
      <c r="BT1621" s="162"/>
      <c r="BU1621" s="162"/>
      <c r="BV1621" s="162"/>
      <c r="BW1621" s="162"/>
      <c r="BX1621" s="162"/>
      <c r="BY1621" s="162"/>
      <c r="BZ1621" s="162"/>
      <c r="CA1621" s="162"/>
      <c r="CB1621" s="162"/>
      <c r="CC1621" s="162"/>
      <c r="CD1621" s="162"/>
      <c r="CE1621" s="162"/>
      <c r="CF1621" s="162"/>
      <c r="CG1621" s="162"/>
      <c r="CH1621" s="162"/>
      <c r="CI1621" s="162"/>
      <c r="CJ1621" s="162"/>
      <c r="CK1621" s="162"/>
      <c r="CX1621" s="98"/>
      <c r="DL1621" s="97"/>
      <c r="DX1621" s="98"/>
      <c r="EL1621" s="97"/>
      <c r="EX1621" s="98"/>
      <c r="EY1621" s="97"/>
      <c r="FL1621" s="126"/>
      <c r="FM1621" s="91"/>
      <c r="FN1621" s="91"/>
      <c r="FO1621" s="91"/>
      <c r="FP1621" s="91"/>
      <c r="FQ1621" s="91"/>
      <c r="FR1621" s="91"/>
      <c r="FS1621" s="91"/>
      <c r="FT1621" s="91"/>
      <c r="FU1621" s="91"/>
      <c r="FV1621" s="91"/>
      <c r="FW1621" s="91"/>
      <c r="FX1621" s="91"/>
      <c r="FY1621" s="91"/>
      <c r="FZ1621" s="91"/>
      <c r="GA1621" s="91"/>
      <c r="GB1621" s="91"/>
      <c r="GC1621" s="91"/>
      <c r="GD1621" s="91"/>
      <c r="GE1621" s="91"/>
      <c r="GF1621" s="91"/>
      <c r="GG1621" s="91"/>
      <c r="GH1621" s="91"/>
      <c r="GI1621" s="91"/>
      <c r="GJ1621" s="91"/>
      <c r="GK1621" s="127"/>
      <c r="GL1621" s="126"/>
      <c r="GM1621" s="91"/>
      <c r="GN1621" s="91"/>
      <c r="GO1621" s="91"/>
      <c r="GP1621" s="91"/>
      <c r="GQ1621" s="91"/>
      <c r="GR1621" s="91"/>
      <c r="GS1621" s="91"/>
      <c r="GT1621" s="91"/>
      <c r="GU1621" s="91"/>
      <c r="GV1621" s="91"/>
      <c r="GW1621" s="91"/>
      <c r="GX1621" s="91"/>
      <c r="GY1621" s="91"/>
      <c r="GZ1621" s="91"/>
      <c r="HA1621" s="91"/>
      <c r="HB1621" s="91"/>
      <c r="HC1621" s="91"/>
      <c r="HD1621" s="91"/>
      <c r="HE1621" s="91"/>
      <c r="HF1621" s="91"/>
      <c r="HG1621" s="91"/>
      <c r="HH1621" s="91"/>
      <c r="HI1621" s="91"/>
      <c r="HJ1621" s="91"/>
      <c r="HK1621" s="127"/>
      <c r="HL1621" s="126"/>
      <c r="HM1621" s="91"/>
      <c r="HN1621" s="91"/>
      <c r="HO1621" s="91"/>
      <c r="HP1621" s="91"/>
      <c r="HQ1621" s="91"/>
      <c r="HR1621" s="91"/>
      <c r="HS1621" s="91"/>
      <c r="HT1621" s="91"/>
      <c r="HU1621" s="91"/>
      <c r="HV1621" s="91"/>
      <c r="HW1621" s="91"/>
      <c r="HX1621" s="91"/>
      <c r="HY1621" s="91"/>
      <c r="HZ1621" s="91"/>
      <c r="IA1621" s="91"/>
      <c r="IB1621" s="91"/>
      <c r="IC1621" s="91"/>
      <c r="ID1621" s="91"/>
      <c r="IE1621" s="91"/>
      <c r="IF1621" s="91"/>
      <c r="IG1621" s="91"/>
      <c r="IH1621" s="91"/>
      <c r="II1621" s="91"/>
      <c r="IJ1621" s="91"/>
      <c r="IK1621" s="127"/>
    </row>
    <row r="1622" spans="2:245" x14ac:dyDescent="0.2">
      <c r="B1622" s="43"/>
      <c r="C1622" s="73"/>
      <c r="D1622" s="64"/>
      <c r="E1622" s="64"/>
      <c r="F1622" s="55"/>
      <c r="G1622" s="102"/>
      <c r="H1622" s="55"/>
      <c r="I1622" s="55"/>
      <c r="J1622" s="55"/>
      <c r="K1622" s="55"/>
      <c r="L1622" s="55"/>
      <c r="M1622" s="55"/>
      <c r="N1622" s="55"/>
      <c r="O1622" s="55"/>
      <c r="P1622" s="55"/>
      <c r="Q1622" s="55"/>
      <c r="R1622" s="55"/>
      <c r="S1622" s="55"/>
      <c r="T1622" s="55"/>
      <c r="U1622" s="55"/>
      <c r="V1622" s="55"/>
      <c r="W1622" s="55"/>
      <c r="X1622" s="55"/>
      <c r="Y1622" s="55"/>
      <c r="Z1622" s="55"/>
      <c r="AA1622" s="55"/>
      <c r="AB1622" s="55"/>
      <c r="AC1622" s="55"/>
      <c r="AD1622" s="55"/>
      <c r="AE1622" s="55"/>
      <c r="AF1622" s="55"/>
      <c r="AG1622" s="55"/>
      <c r="AY1622" s="162"/>
      <c r="AZ1622" s="162"/>
      <c r="BA1622" s="162"/>
      <c r="BB1622" s="162"/>
      <c r="BC1622" s="162"/>
      <c r="BD1622" s="162"/>
      <c r="BE1622" s="162"/>
      <c r="BF1622" s="162"/>
      <c r="BG1622" s="162"/>
      <c r="BH1622" s="162"/>
      <c r="BI1622" s="162"/>
      <c r="BJ1622" s="162"/>
      <c r="BK1622" s="162"/>
      <c r="BL1622" s="162"/>
      <c r="BM1622" s="162"/>
      <c r="BN1622" s="162"/>
      <c r="BO1622" s="162"/>
      <c r="BP1622" s="162"/>
      <c r="BQ1622" s="162"/>
      <c r="BR1622" s="162"/>
      <c r="BS1622" s="162"/>
      <c r="BT1622" s="162"/>
      <c r="BU1622" s="162"/>
      <c r="BV1622" s="162"/>
      <c r="BW1622" s="162"/>
      <c r="BX1622" s="162"/>
      <c r="BY1622" s="162"/>
      <c r="BZ1622" s="162"/>
      <c r="CA1622" s="162"/>
      <c r="CB1622" s="162"/>
      <c r="CC1622" s="162"/>
      <c r="CD1622" s="162"/>
      <c r="CE1622" s="162"/>
      <c r="CF1622" s="162"/>
      <c r="CG1622" s="162"/>
      <c r="CH1622" s="162"/>
      <c r="CI1622" s="162"/>
      <c r="CJ1622" s="162"/>
      <c r="CK1622" s="162"/>
      <c r="CX1622" s="98"/>
      <c r="DL1622" s="97"/>
      <c r="DX1622" s="98"/>
      <c r="EL1622" s="97"/>
      <c r="EX1622" s="98"/>
      <c r="EY1622" s="97"/>
      <c r="FL1622" s="126"/>
      <c r="FM1622" s="91"/>
      <c r="FN1622" s="91"/>
      <c r="FO1622" s="91"/>
      <c r="FP1622" s="91"/>
      <c r="FQ1622" s="91"/>
      <c r="FR1622" s="91"/>
      <c r="FS1622" s="91"/>
      <c r="FT1622" s="91"/>
      <c r="FU1622" s="91"/>
      <c r="FV1622" s="91"/>
      <c r="FW1622" s="91"/>
      <c r="FX1622" s="91"/>
      <c r="FY1622" s="91"/>
      <c r="FZ1622" s="91"/>
      <c r="GA1622" s="91"/>
      <c r="GB1622" s="91"/>
      <c r="GC1622" s="91"/>
      <c r="GD1622" s="91"/>
      <c r="GE1622" s="91"/>
      <c r="GF1622" s="91"/>
      <c r="GG1622" s="91"/>
      <c r="GH1622" s="91"/>
      <c r="GI1622" s="91"/>
      <c r="GJ1622" s="91"/>
      <c r="GK1622" s="127"/>
      <c r="GL1622" s="126"/>
      <c r="GM1622" s="91"/>
      <c r="GN1622" s="91"/>
      <c r="GO1622" s="91"/>
      <c r="GP1622" s="91"/>
      <c r="GQ1622" s="91"/>
      <c r="GR1622" s="91"/>
      <c r="GS1622" s="91"/>
      <c r="GT1622" s="91"/>
      <c r="GU1622" s="91"/>
      <c r="GV1622" s="91"/>
      <c r="GW1622" s="91"/>
      <c r="GX1622" s="91"/>
      <c r="GY1622" s="91"/>
      <c r="GZ1622" s="91"/>
      <c r="HA1622" s="91"/>
      <c r="HB1622" s="91"/>
      <c r="HC1622" s="91"/>
      <c r="HD1622" s="91"/>
      <c r="HE1622" s="91"/>
      <c r="HF1622" s="91"/>
      <c r="HG1622" s="91"/>
      <c r="HH1622" s="91"/>
      <c r="HI1622" s="91"/>
      <c r="HJ1622" s="91"/>
      <c r="HK1622" s="127"/>
      <c r="HL1622" s="126"/>
      <c r="HM1622" s="91"/>
      <c r="HN1622" s="91"/>
      <c r="HO1622" s="91"/>
      <c r="HP1622" s="91"/>
      <c r="HQ1622" s="91"/>
      <c r="HR1622" s="91"/>
      <c r="HS1622" s="91"/>
      <c r="HT1622" s="91"/>
      <c r="HU1622" s="91"/>
      <c r="HV1622" s="91"/>
      <c r="HW1622" s="91"/>
      <c r="HX1622" s="91"/>
      <c r="HY1622" s="91"/>
      <c r="HZ1622" s="91"/>
      <c r="IA1622" s="91"/>
      <c r="IB1622" s="91"/>
      <c r="IC1622" s="91"/>
      <c r="ID1622" s="91"/>
      <c r="IE1622" s="91"/>
      <c r="IF1622" s="91"/>
      <c r="IG1622" s="91"/>
      <c r="IH1622" s="91"/>
      <c r="II1622" s="91"/>
      <c r="IJ1622" s="91"/>
      <c r="IK1622" s="127"/>
    </row>
    <row r="1623" spans="2:245" ht="13.5" thickBot="1" x14ac:dyDescent="0.25">
      <c r="B1623" s="43"/>
      <c r="C1623" s="73"/>
      <c r="D1623" s="64"/>
      <c r="E1623" s="64"/>
      <c r="F1623" s="55"/>
      <c r="G1623" s="102"/>
      <c r="H1623" s="55"/>
      <c r="I1623" s="55"/>
      <c r="J1623" s="55"/>
      <c r="K1623" s="55"/>
      <c r="L1623" s="55"/>
      <c r="M1623" s="55"/>
      <c r="N1623" s="55"/>
      <c r="O1623" s="55"/>
      <c r="P1623" s="55"/>
      <c r="Q1623" s="55"/>
      <c r="R1623" s="55"/>
      <c r="S1623" s="55"/>
      <c r="T1623" s="55"/>
      <c r="U1623" s="55"/>
      <c r="V1623" s="55"/>
      <c r="W1623" s="55"/>
      <c r="X1623" s="55"/>
      <c r="Y1623" s="55"/>
      <c r="Z1623" s="55"/>
      <c r="AA1623" s="55"/>
      <c r="AB1623" s="55"/>
      <c r="AC1623" s="55"/>
      <c r="AD1623" s="55"/>
      <c r="AE1623" s="55"/>
      <c r="AF1623" s="55"/>
      <c r="AG1623" s="55"/>
      <c r="AY1623" s="162"/>
      <c r="AZ1623" s="162"/>
      <c r="BA1623" s="162"/>
      <c r="BB1623" s="162"/>
      <c r="BC1623" s="162"/>
      <c r="BD1623" s="162"/>
      <c r="BE1623" s="162"/>
      <c r="BF1623" s="162"/>
      <c r="BG1623" s="162"/>
      <c r="BH1623" s="162"/>
      <c r="BI1623" s="162"/>
      <c r="BJ1623" s="162"/>
      <c r="BK1623" s="162"/>
      <c r="BL1623" s="162"/>
      <c r="BM1623" s="162"/>
      <c r="BN1623" s="162"/>
      <c r="BO1623" s="162"/>
      <c r="BP1623" s="162"/>
      <c r="BQ1623" s="162"/>
      <c r="BR1623" s="162"/>
      <c r="BS1623" s="162"/>
      <c r="BT1623" s="162"/>
      <c r="BU1623" s="162"/>
      <c r="BV1623" s="162"/>
      <c r="BW1623" s="162"/>
      <c r="BX1623" s="162"/>
      <c r="BY1623" s="162"/>
      <c r="BZ1623" s="162"/>
      <c r="CA1623" s="162"/>
      <c r="CB1623" s="162"/>
      <c r="CC1623" s="162"/>
      <c r="CD1623" s="162"/>
      <c r="CE1623" s="162"/>
      <c r="CF1623" s="162"/>
      <c r="CG1623" s="162"/>
      <c r="CH1623" s="162"/>
      <c r="CI1623" s="162"/>
      <c r="CJ1623" s="162"/>
      <c r="CK1623" s="162"/>
      <c r="CX1623" s="98"/>
      <c r="DL1623" s="97"/>
      <c r="DX1623" s="98"/>
      <c r="EL1623" s="97"/>
      <c r="EX1623" s="98"/>
      <c r="EY1623" s="97"/>
      <c r="FL1623" s="126"/>
      <c r="FM1623" s="91"/>
      <c r="FN1623" s="91"/>
      <c r="FO1623" s="91"/>
      <c r="FP1623" s="91"/>
      <c r="FQ1623" s="91"/>
      <c r="FR1623" s="91"/>
      <c r="FS1623" s="91"/>
      <c r="FT1623" s="91"/>
      <c r="FU1623" s="91"/>
      <c r="FV1623" s="91"/>
      <c r="FW1623" s="91"/>
      <c r="FX1623" s="91"/>
      <c r="FY1623" s="91"/>
      <c r="FZ1623" s="91"/>
      <c r="GA1623" s="91"/>
      <c r="GB1623" s="91"/>
      <c r="GC1623" s="91"/>
      <c r="GD1623" s="91"/>
      <c r="GE1623" s="91"/>
      <c r="GF1623" s="91"/>
      <c r="GG1623" s="91"/>
      <c r="GH1623" s="91"/>
      <c r="GI1623" s="91"/>
      <c r="GJ1623" s="91"/>
      <c r="GK1623" s="127"/>
      <c r="GL1623" s="126"/>
      <c r="GM1623" s="91"/>
      <c r="GN1623" s="91"/>
      <c r="GO1623" s="91"/>
      <c r="GP1623" s="91"/>
      <c r="GQ1623" s="91"/>
      <c r="GR1623" s="91"/>
      <c r="GS1623" s="91"/>
      <c r="GT1623" s="91"/>
      <c r="GU1623" s="91"/>
      <c r="GV1623" s="91"/>
      <c r="GW1623" s="91"/>
      <c r="GX1623" s="91"/>
      <c r="GY1623" s="91"/>
      <c r="GZ1623" s="91"/>
      <c r="HA1623" s="91"/>
      <c r="HB1623" s="91"/>
      <c r="HC1623" s="91"/>
      <c r="HD1623" s="91"/>
      <c r="HE1623" s="91"/>
      <c r="HF1623" s="91"/>
      <c r="HG1623" s="91"/>
      <c r="HH1623" s="91"/>
      <c r="HI1623" s="91"/>
      <c r="HJ1623" s="91"/>
      <c r="HK1623" s="127"/>
      <c r="HL1623" s="126"/>
      <c r="HM1623" s="91"/>
      <c r="HN1623" s="91"/>
      <c r="HO1623" s="91"/>
      <c r="HP1623" s="91"/>
      <c r="HQ1623" s="91"/>
      <c r="HR1623" s="91"/>
      <c r="HS1623" s="91"/>
      <c r="HT1623" s="91"/>
      <c r="HU1623" s="91"/>
      <c r="HV1623" s="91"/>
      <c r="HW1623" s="91"/>
      <c r="HX1623" s="91"/>
      <c r="HY1623" s="91"/>
      <c r="HZ1623" s="91"/>
      <c r="IA1623" s="91"/>
      <c r="IB1623" s="91"/>
      <c r="IC1623" s="91"/>
      <c r="ID1623" s="91"/>
      <c r="IE1623" s="91"/>
      <c r="IF1623" s="91"/>
      <c r="IG1623" s="91"/>
      <c r="IH1623" s="91"/>
      <c r="II1623" s="91"/>
      <c r="IJ1623" s="91"/>
      <c r="IK1623" s="127"/>
    </row>
    <row r="1624" spans="2:245" x14ac:dyDescent="0.2">
      <c r="B1624" s="43"/>
      <c r="C1624" s="73"/>
      <c r="D1624" s="64"/>
      <c r="E1624" s="64"/>
      <c r="F1624" s="55"/>
      <c r="G1624" s="102"/>
      <c r="H1624" s="55"/>
      <c r="I1624" s="55"/>
      <c r="J1624" s="55"/>
      <c r="K1624" s="55"/>
      <c r="L1624" s="55"/>
      <c r="M1624" s="55"/>
      <c r="N1624" s="55"/>
      <c r="O1624" s="55"/>
      <c r="P1624" s="55"/>
      <c r="Q1624" s="55"/>
      <c r="R1624" s="55"/>
      <c r="S1624" s="55"/>
      <c r="T1624" s="55"/>
      <c r="U1624" s="55"/>
      <c r="V1624" s="55"/>
      <c r="W1624" s="55"/>
      <c r="X1624" s="55"/>
      <c r="Y1624" s="55"/>
      <c r="Z1624" s="55"/>
      <c r="AA1624" s="55"/>
      <c r="AB1624" s="55"/>
      <c r="AC1624" s="55"/>
      <c r="AD1624" s="55"/>
      <c r="AE1624" s="55"/>
      <c r="AF1624" s="55"/>
      <c r="AG1624" s="55"/>
      <c r="AY1624" s="162"/>
      <c r="AZ1624" s="162"/>
      <c r="BA1624" s="162"/>
      <c r="BB1624" s="162"/>
      <c r="BC1624" s="162"/>
      <c r="BD1624" s="162"/>
      <c r="BE1624" s="162"/>
      <c r="BF1624" s="162"/>
      <c r="BG1624" s="162"/>
      <c r="BH1624" s="162"/>
      <c r="BI1624" s="162"/>
      <c r="BJ1624" s="162"/>
      <c r="BK1624" s="162"/>
      <c r="BL1624" s="162"/>
      <c r="BM1624" s="162"/>
      <c r="BN1624" s="162"/>
      <c r="BO1624" s="162"/>
      <c r="BP1624" s="162"/>
      <c r="BQ1624" s="162"/>
      <c r="BR1624" s="162"/>
      <c r="BS1624" s="162"/>
      <c r="BT1624" s="162"/>
      <c r="BU1624" s="162"/>
      <c r="BV1624" s="162"/>
      <c r="BW1624" s="162"/>
      <c r="BX1624" s="162"/>
      <c r="BY1624" s="162"/>
      <c r="BZ1624" s="162"/>
      <c r="CA1624" s="162"/>
      <c r="CB1624" s="162"/>
      <c r="CC1624" s="162"/>
      <c r="CD1624" s="162"/>
      <c r="CE1624" s="162"/>
      <c r="CF1624" s="162"/>
      <c r="CG1624" s="162"/>
      <c r="CH1624" s="162"/>
      <c r="CI1624" s="162"/>
      <c r="CJ1624" s="162"/>
      <c r="CK1624" s="162"/>
      <c r="CL1624" s="163"/>
      <c r="CM1624" s="163"/>
      <c r="CN1624" s="163"/>
      <c r="CO1624" s="163"/>
      <c r="CP1624" s="163"/>
      <c r="CQ1624" s="163"/>
      <c r="CR1624" s="163"/>
      <c r="CS1624" s="163"/>
      <c r="CT1624" s="163"/>
      <c r="CU1624" s="163"/>
      <c r="CV1624" s="163"/>
      <c r="CW1624" s="163"/>
      <c r="CX1624" s="173"/>
      <c r="CY1624" s="163"/>
      <c r="CZ1624" s="163"/>
      <c r="DA1624" s="163"/>
      <c r="DB1624" s="163"/>
      <c r="DC1624" s="163"/>
      <c r="DD1624" s="163"/>
      <c r="DE1624" s="163"/>
      <c r="DF1624" s="163"/>
      <c r="DG1624" s="163"/>
      <c r="DH1624" s="163"/>
      <c r="DI1624" s="163"/>
      <c r="DJ1624" s="163"/>
      <c r="DK1624" s="163"/>
      <c r="DL1624" s="172"/>
      <c r="DM1624" s="163"/>
      <c r="DN1624" s="163"/>
      <c r="DO1624" s="163"/>
      <c r="DP1624" s="163"/>
      <c r="DQ1624" s="163"/>
      <c r="DR1624" s="163"/>
      <c r="DS1624" s="163"/>
      <c r="DT1624" s="163"/>
      <c r="DU1624" s="163"/>
      <c r="DV1624" s="163"/>
      <c r="DW1624" s="163"/>
      <c r="DX1624" s="173"/>
      <c r="DY1624" s="163"/>
      <c r="DZ1624" s="163"/>
      <c r="EA1624" s="163"/>
      <c r="EB1624" s="163"/>
      <c r="EC1624" s="163"/>
      <c r="ED1624" s="163"/>
      <c r="EE1624" s="163"/>
      <c r="EF1624" s="163"/>
      <c r="EG1624" s="163"/>
      <c r="EH1624" s="163"/>
      <c r="EI1624" s="163"/>
      <c r="EJ1624" s="163"/>
      <c r="EK1624" s="163"/>
      <c r="EL1624" s="172"/>
      <c r="EM1624" s="163"/>
      <c r="EN1624" s="163"/>
      <c r="EO1624" s="163"/>
      <c r="EP1624" s="163"/>
      <c r="EQ1624" s="163"/>
      <c r="ER1624" s="163"/>
      <c r="ES1624" s="163"/>
      <c r="ET1624" s="163"/>
      <c r="EU1624" s="163"/>
      <c r="EV1624" s="163"/>
      <c r="EW1624" s="163"/>
      <c r="EX1624" s="173"/>
      <c r="EY1624" s="172"/>
      <c r="EZ1624" s="163"/>
      <c r="FA1624" s="163"/>
      <c r="FB1624" s="163"/>
      <c r="FC1624" s="163"/>
      <c r="FD1624" s="163"/>
      <c r="FE1624" s="163"/>
      <c r="FF1624" s="163"/>
      <c r="FG1624" s="163"/>
      <c r="FH1624" s="163"/>
      <c r="FI1624" s="163"/>
      <c r="FJ1624" s="163"/>
      <c r="FK1624" s="163"/>
      <c r="FL1624" s="126"/>
      <c r="FM1624" s="91"/>
      <c r="FN1624" s="91"/>
      <c r="FO1624" s="91"/>
      <c r="FP1624" s="91"/>
      <c r="FQ1624" s="91"/>
      <c r="FR1624" s="91"/>
      <c r="FS1624" s="91"/>
      <c r="FT1624" s="91"/>
      <c r="FU1624" s="91"/>
      <c r="FV1624" s="91"/>
      <c r="FW1624" s="91"/>
      <c r="FX1624" s="91"/>
      <c r="FY1624" s="91"/>
      <c r="FZ1624" s="91"/>
      <c r="GA1624" s="91"/>
      <c r="GB1624" s="91"/>
      <c r="GC1624" s="91"/>
      <c r="GD1624" s="91"/>
      <c r="GE1624" s="91"/>
      <c r="GF1624" s="91"/>
      <c r="GG1624" s="91"/>
      <c r="GH1624" s="91"/>
      <c r="GI1624" s="91"/>
      <c r="GJ1624" s="91"/>
      <c r="GK1624" s="127"/>
      <c r="GL1624" s="126"/>
      <c r="GM1624" s="91"/>
      <c r="GN1624" s="91"/>
      <c r="GO1624" s="91"/>
      <c r="GP1624" s="91"/>
      <c r="GQ1624" s="91"/>
      <c r="GR1624" s="91"/>
      <c r="GS1624" s="91"/>
      <c r="GT1624" s="91"/>
      <c r="GU1624" s="91"/>
      <c r="GV1624" s="91"/>
      <c r="GW1624" s="91"/>
      <c r="GX1624" s="91"/>
      <c r="GY1624" s="91"/>
      <c r="GZ1624" s="91"/>
      <c r="HA1624" s="91"/>
      <c r="HB1624" s="91"/>
      <c r="HC1624" s="91"/>
      <c r="HD1624" s="91"/>
      <c r="HE1624" s="91"/>
      <c r="HF1624" s="91"/>
      <c r="HG1624" s="91"/>
      <c r="HH1624" s="91"/>
      <c r="HI1624" s="91"/>
      <c r="HJ1624" s="91"/>
      <c r="HK1624" s="127"/>
      <c r="HL1624" s="126"/>
      <c r="HM1624" s="91"/>
      <c r="HN1624" s="91"/>
      <c r="HO1624" s="91"/>
      <c r="HP1624" s="91"/>
      <c r="HQ1624" s="91"/>
      <c r="HR1624" s="91"/>
      <c r="HS1624" s="91"/>
      <c r="HT1624" s="91"/>
      <c r="HU1624" s="91"/>
      <c r="HV1624" s="91"/>
      <c r="HW1624" s="91"/>
      <c r="HX1624" s="91"/>
      <c r="HY1624" s="91"/>
      <c r="HZ1624" s="91"/>
      <c r="IA1624" s="91"/>
      <c r="IB1624" s="91"/>
      <c r="IC1624" s="91"/>
      <c r="ID1624" s="91"/>
      <c r="IE1624" s="91"/>
      <c r="IF1624" s="91"/>
      <c r="IG1624" s="91"/>
      <c r="IH1624" s="91"/>
      <c r="II1624" s="91"/>
      <c r="IJ1624" s="91"/>
      <c r="IK1624" s="127"/>
    </row>
    <row r="1625" spans="2:245" x14ac:dyDescent="0.2">
      <c r="B1625" s="43"/>
      <c r="C1625" s="73"/>
      <c r="D1625" s="64"/>
      <c r="E1625" s="64"/>
      <c r="F1625" s="55"/>
      <c r="G1625" s="102"/>
      <c r="H1625" s="55"/>
      <c r="I1625" s="55"/>
      <c r="J1625" s="55"/>
      <c r="K1625" s="55"/>
      <c r="L1625" s="55"/>
      <c r="M1625" s="55"/>
      <c r="N1625" s="55"/>
      <c r="O1625" s="55"/>
      <c r="P1625" s="55"/>
      <c r="Q1625" s="55"/>
      <c r="R1625" s="55"/>
      <c r="S1625" s="55"/>
      <c r="T1625" s="55"/>
      <c r="U1625" s="55"/>
      <c r="V1625" s="55"/>
      <c r="W1625" s="55"/>
      <c r="X1625" s="55"/>
      <c r="Y1625" s="55"/>
      <c r="Z1625" s="55"/>
      <c r="AA1625" s="55"/>
      <c r="AB1625" s="55"/>
      <c r="AC1625" s="55"/>
      <c r="AD1625" s="55"/>
      <c r="AE1625" s="55"/>
      <c r="AF1625" s="55"/>
      <c r="AG1625" s="55"/>
      <c r="AY1625" s="162"/>
      <c r="AZ1625" s="162"/>
      <c r="BA1625" s="162"/>
      <c r="BB1625" s="162"/>
      <c r="BC1625" s="162"/>
      <c r="BD1625" s="162"/>
      <c r="BE1625" s="162"/>
      <c r="BF1625" s="162"/>
      <c r="BG1625" s="162"/>
      <c r="BH1625" s="162"/>
      <c r="BI1625" s="162"/>
      <c r="BJ1625" s="162"/>
      <c r="BK1625" s="162"/>
      <c r="BL1625" s="162"/>
      <c r="BM1625" s="162"/>
      <c r="BN1625" s="162"/>
      <c r="BO1625" s="162"/>
      <c r="BP1625" s="162"/>
      <c r="BQ1625" s="162"/>
      <c r="BR1625" s="162"/>
      <c r="BS1625" s="162"/>
      <c r="BT1625" s="162"/>
      <c r="BU1625" s="162"/>
      <c r="BV1625" s="162"/>
      <c r="BW1625" s="162"/>
      <c r="BX1625" s="162"/>
      <c r="BY1625" s="162"/>
      <c r="BZ1625" s="162"/>
      <c r="CA1625" s="162"/>
      <c r="CB1625" s="162"/>
      <c r="CC1625" s="162"/>
      <c r="CD1625" s="162"/>
      <c r="CE1625" s="162"/>
      <c r="CF1625" s="162"/>
      <c r="CG1625" s="162"/>
      <c r="CH1625" s="162"/>
      <c r="CI1625" s="162"/>
      <c r="CJ1625" s="162"/>
      <c r="CK1625" s="162"/>
      <c r="CX1625" s="98"/>
      <c r="DL1625" s="97"/>
      <c r="DX1625" s="98"/>
      <c r="EL1625" s="97"/>
      <c r="EX1625" s="98"/>
      <c r="EY1625" s="97"/>
      <c r="FL1625" s="126"/>
      <c r="FM1625" s="91"/>
      <c r="FN1625" s="91"/>
      <c r="FO1625" s="91"/>
      <c r="FP1625" s="91"/>
      <c r="FQ1625" s="91"/>
      <c r="FR1625" s="91"/>
      <c r="FS1625" s="91"/>
      <c r="FT1625" s="91"/>
      <c r="FU1625" s="91"/>
      <c r="FV1625" s="91"/>
      <c r="FW1625" s="91"/>
      <c r="FX1625" s="91"/>
      <c r="FY1625" s="91"/>
      <c r="FZ1625" s="91"/>
      <c r="GA1625" s="91"/>
      <c r="GB1625" s="91"/>
      <c r="GC1625" s="91"/>
      <c r="GD1625" s="91"/>
      <c r="GE1625" s="91"/>
      <c r="GF1625" s="91"/>
      <c r="GG1625" s="91"/>
      <c r="GH1625" s="91"/>
      <c r="GI1625" s="91"/>
      <c r="GJ1625" s="91"/>
      <c r="GK1625" s="127"/>
      <c r="GL1625" s="126"/>
      <c r="GM1625" s="91"/>
      <c r="GN1625" s="91"/>
      <c r="GO1625" s="91"/>
      <c r="GP1625" s="91"/>
      <c r="GQ1625" s="91"/>
      <c r="GR1625" s="91"/>
      <c r="GS1625" s="91"/>
      <c r="GT1625" s="91"/>
      <c r="GU1625" s="91"/>
      <c r="GV1625" s="91"/>
      <c r="GW1625" s="91"/>
      <c r="GX1625" s="91"/>
      <c r="GY1625" s="91"/>
      <c r="GZ1625" s="91"/>
      <c r="HA1625" s="91"/>
      <c r="HB1625" s="91"/>
      <c r="HC1625" s="91"/>
      <c r="HD1625" s="91"/>
      <c r="HE1625" s="91"/>
      <c r="HF1625" s="91"/>
      <c r="HG1625" s="91"/>
      <c r="HH1625" s="91"/>
      <c r="HI1625" s="91"/>
      <c r="HJ1625" s="91"/>
      <c r="HK1625" s="127"/>
      <c r="HL1625" s="126"/>
      <c r="HM1625" s="91"/>
      <c r="HN1625" s="91"/>
      <c r="HO1625" s="91"/>
      <c r="HP1625" s="91"/>
      <c r="HQ1625" s="91"/>
      <c r="HR1625" s="91"/>
      <c r="HS1625" s="91"/>
      <c r="HT1625" s="91"/>
      <c r="HU1625" s="91"/>
      <c r="HV1625" s="91"/>
      <c r="HW1625" s="91"/>
      <c r="HX1625" s="91"/>
      <c r="HY1625" s="91"/>
      <c r="HZ1625" s="91"/>
      <c r="IA1625" s="91"/>
      <c r="IB1625" s="91"/>
      <c r="IC1625" s="91"/>
      <c r="ID1625" s="91"/>
      <c r="IE1625" s="91"/>
      <c r="IF1625" s="91"/>
      <c r="IG1625" s="91"/>
      <c r="IH1625" s="91"/>
      <c r="II1625" s="91"/>
      <c r="IJ1625" s="91"/>
      <c r="IK1625" s="127"/>
    </row>
    <row r="1626" spans="2:245" x14ac:dyDescent="0.2">
      <c r="B1626" s="43"/>
      <c r="C1626" s="73"/>
      <c r="D1626" s="64"/>
      <c r="E1626" s="64"/>
      <c r="F1626" s="55"/>
      <c r="G1626" s="102"/>
      <c r="H1626" s="55"/>
      <c r="I1626" s="55"/>
      <c r="J1626" s="55"/>
      <c r="K1626" s="55"/>
      <c r="L1626" s="55"/>
      <c r="M1626" s="55"/>
      <c r="N1626" s="55"/>
      <c r="O1626" s="55"/>
      <c r="P1626" s="55"/>
      <c r="Q1626" s="55"/>
      <c r="R1626" s="55"/>
      <c r="S1626" s="55"/>
      <c r="T1626" s="55"/>
      <c r="U1626" s="55"/>
      <c r="V1626" s="55"/>
      <c r="W1626" s="55"/>
      <c r="X1626" s="55"/>
      <c r="Y1626" s="55"/>
      <c r="Z1626" s="55"/>
      <c r="AA1626" s="55"/>
      <c r="AB1626" s="55"/>
      <c r="AC1626" s="55"/>
      <c r="AD1626" s="55"/>
      <c r="AE1626" s="55"/>
      <c r="AF1626" s="55"/>
      <c r="AG1626" s="55"/>
      <c r="AY1626" s="162"/>
      <c r="AZ1626" s="162"/>
      <c r="BA1626" s="162"/>
      <c r="BB1626" s="162"/>
      <c r="BC1626" s="162"/>
      <c r="BD1626" s="162"/>
      <c r="BE1626" s="162"/>
      <c r="BF1626" s="162"/>
      <c r="BG1626" s="162"/>
      <c r="BH1626" s="162"/>
      <c r="BI1626" s="162"/>
      <c r="BJ1626" s="162"/>
      <c r="BK1626" s="162"/>
      <c r="BL1626" s="162"/>
      <c r="BM1626" s="162"/>
      <c r="BN1626" s="162"/>
      <c r="BO1626" s="162"/>
      <c r="BP1626" s="162"/>
      <c r="BQ1626" s="162"/>
      <c r="BR1626" s="162"/>
      <c r="BS1626" s="162"/>
      <c r="BT1626" s="162"/>
      <c r="BU1626" s="162"/>
      <c r="BV1626" s="162"/>
      <c r="BW1626" s="162"/>
      <c r="BX1626" s="162"/>
      <c r="BY1626" s="162"/>
      <c r="BZ1626" s="162"/>
      <c r="CA1626" s="162"/>
      <c r="CB1626" s="162"/>
      <c r="CC1626" s="162"/>
      <c r="CD1626" s="162"/>
      <c r="CE1626" s="162"/>
      <c r="CF1626" s="162"/>
      <c r="CG1626" s="162"/>
      <c r="CH1626" s="162"/>
      <c r="CI1626" s="162"/>
      <c r="CJ1626" s="162"/>
      <c r="CK1626" s="162"/>
      <c r="CX1626" s="98"/>
      <c r="DL1626" s="97"/>
      <c r="DX1626" s="98"/>
      <c r="EL1626" s="97"/>
      <c r="EX1626" s="98"/>
      <c r="EY1626" s="97"/>
      <c r="FL1626" s="126"/>
      <c r="FM1626" s="91"/>
      <c r="FN1626" s="91"/>
      <c r="FO1626" s="91"/>
      <c r="FP1626" s="91"/>
      <c r="FQ1626" s="91"/>
      <c r="FR1626" s="91"/>
      <c r="FS1626" s="91"/>
      <c r="FT1626" s="91"/>
      <c r="FU1626" s="91"/>
      <c r="FV1626" s="91"/>
      <c r="FW1626" s="91"/>
      <c r="FX1626" s="91"/>
      <c r="FY1626" s="91"/>
      <c r="FZ1626" s="91"/>
      <c r="GA1626" s="91"/>
      <c r="GB1626" s="91"/>
      <c r="GC1626" s="91"/>
      <c r="GD1626" s="91"/>
      <c r="GE1626" s="91"/>
      <c r="GF1626" s="91"/>
      <c r="GG1626" s="91"/>
      <c r="GH1626" s="91"/>
      <c r="GI1626" s="91"/>
      <c r="GJ1626" s="91"/>
      <c r="GK1626" s="127"/>
      <c r="GL1626" s="126"/>
      <c r="GM1626" s="91"/>
      <c r="GN1626" s="91"/>
      <c r="GO1626" s="91"/>
      <c r="GP1626" s="91"/>
      <c r="GQ1626" s="91"/>
      <c r="GR1626" s="91"/>
      <c r="GS1626" s="91"/>
      <c r="GT1626" s="91"/>
      <c r="GU1626" s="91"/>
      <c r="GV1626" s="91"/>
      <c r="GW1626" s="91"/>
      <c r="GX1626" s="91"/>
      <c r="GY1626" s="91"/>
      <c r="GZ1626" s="91"/>
      <c r="HA1626" s="91"/>
      <c r="HB1626" s="91"/>
      <c r="HC1626" s="91"/>
      <c r="HD1626" s="91"/>
      <c r="HE1626" s="91"/>
      <c r="HF1626" s="91"/>
      <c r="HG1626" s="91"/>
      <c r="HH1626" s="91"/>
      <c r="HI1626" s="91"/>
      <c r="HJ1626" s="91"/>
      <c r="HK1626" s="127"/>
      <c r="HL1626" s="126"/>
      <c r="HM1626" s="91"/>
      <c r="HN1626" s="91"/>
      <c r="HO1626" s="91"/>
      <c r="HP1626" s="91"/>
      <c r="HQ1626" s="91"/>
      <c r="HR1626" s="91"/>
      <c r="HS1626" s="91"/>
      <c r="HT1626" s="91"/>
      <c r="HU1626" s="91"/>
      <c r="HV1626" s="91"/>
      <c r="HW1626" s="91"/>
      <c r="HX1626" s="91"/>
      <c r="HY1626" s="91"/>
      <c r="HZ1626" s="91"/>
      <c r="IA1626" s="91"/>
      <c r="IB1626" s="91"/>
      <c r="IC1626" s="91"/>
      <c r="ID1626" s="91"/>
      <c r="IE1626" s="91"/>
      <c r="IF1626" s="91"/>
      <c r="IG1626" s="91"/>
      <c r="IH1626" s="91"/>
      <c r="II1626" s="91"/>
      <c r="IJ1626" s="91"/>
      <c r="IK1626" s="127"/>
    </row>
    <row r="1627" spans="2:245" x14ac:dyDescent="0.2">
      <c r="B1627" s="43"/>
      <c r="C1627" s="73"/>
      <c r="D1627" s="64"/>
      <c r="E1627" s="64"/>
      <c r="F1627" s="55"/>
      <c r="G1627" s="102"/>
      <c r="H1627" s="55"/>
      <c r="I1627" s="55"/>
      <c r="J1627" s="55"/>
      <c r="K1627" s="55"/>
      <c r="L1627" s="55"/>
      <c r="M1627" s="55"/>
      <c r="N1627" s="55"/>
      <c r="O1627" s="55"/>
      <c r="P1627" s="55"/>
      <c r="Q1627" s="55"/>
      <c r="R1627" s="55"/>
      <c r="S1627" s="55"/>
      <c r="T1627" s="55"/>
      <c r="U1627" s="55"/>
      <c r="V1627" s="55"/>
      <c r="W1627" s="55"/>
      <c r="X1627" s="55"/>
      <c r="Y1627" s="55"/>
      <c r="Z1627" s="55"/>
      <c r="AA1627" s="55"/>
      <c r="AB1627" s="55"/>
      <c r="AC1627" s="55"/>
      <c r="AD1627" s="55"/>
      <c r="AE1627" s="55"/>
      <c r="AF1627" s="55"/>
      <c r="AG1627" s="55"/>
      <c r="AY1627" s="162"/>
      <c r="AZ1627" s="162"/>
      <c r="BA1627" s="162"/>
      <c r="BB1627" s="162"/>
      <c r="BC1627" s="162"/>
      <c r="BD1627" s="162"/>
      <c r="BE1627" s="162"/>
      <c r="BF1627" s="162"/>
      <c r="BG1627" s="162"/>
      <c r="BH1627" s="162"/>
      <c r="BI1627" s="162"/>
      <c r="BJ1627" s="162"/>
      <c r="BK1627" s="162"/>
      <c r="BL1627" s="162"/>
      <c r="BM1627" s="162"/>
      <c r="BN1627" s="162"/>
      <c r="BO1627" s="162"/>
      <c r="BP1627" s="162"/>
      <c r="BQ1627" s="162"/>
      <c r="BR1627" s="162"/>
      <c r="BS1627" s="162"/>
      <c r="BT1627" s="162"/>
      <c r="BU1627" s="162"/>
      <c r="BV1627" s="162"/>
      <c r="BW1627" s="162"/>
      <c r="BX1627" s="162"/>
      <c r="BY1627" s="162"/>
      <c r="BZ1627" s="162"/>
      <c r="CA1627" s="162"/>
      <c r="CB1627" s="162"/>
      <c r="CC1627" s="162"/>
      <c r="CD1627" s="162"/>
      <c r="CE1627" s="162"/>
      <c r="CF1627" s="162"/>
      <c r="CG1627" s="162"/>
      <c r="CH1627" s="162"/>
      <c r="CI1627" s="162"/>
      <c r="CJ1627" s="162"/>
      <c r="CK1627" s="162"/>
      <c r="CX1627" s="98"/>
      <c r="DL1627" s="97"/>
      <c r="DX1627" s="98"/>
      <c r="EL1627" s="97"/>
      <c r="EX1627" s="98"/>
      <c r="EY1627" s="97"/>
      <c r="FL1627" s="126"/>
      <c r="FM1627" s="91"/>
      <c r="FN1627" s="91"/>
      <c r="FO1627" s="91"/>
      <c r="FP1627" s="91"/>
      <c r="FQ1627" s="91"/>
      <c r="FR1627" s="91"/>
      <c r="FS1627" s="91"/>
      <c r="FT1627" s="91"/>
      <c r="FU1627" s="91"/>
      <c r="FV1627" s="91"/>
      <c r="FW1627" s="91"/>
      <c r="FX1627" s="91"/>
      <c r="FY1627" s="91"/>
      <c r="FZ1627" s="91"/>
      <c r="GA1627" s="91"/>
      <c r="GB1627" s="91"/>
      <c r="GC1627" s="91"/>
      <c r="GD1627" s="91"/>
      <c r="GE1627" s="91"/>
      <c r="GF1627" s="91"/>
      <c r="GG1627" s="91"/>
      <c r="GH1627" s="91"/>
      <c r="GI1627" s="91"/>
      <c r="GJ1627" s="91"/>
      <c r="GK1627" s="127"/>
      <c r="GL1627" s="126"/>
      <c r="GM1627" s="91"/>
      <c r="GN1627" s="91"/>
      <c r="GO1627" s="91"/>
      <c r="GP1627" s="91"/>
      <c r="GQ1627" s="91"/>
      <c r="GR1627" s="91"/>
      <c r="GS1627" s="91"/>
      <c r="GT1627" s="91"/>
      <c r="GU1627" s="91"/>
      <c r="GV1627" s="91"/>
      <c r="GW1627" s="91"/>
      <c r="GX1627" s="91"/>
      <c r="GY1627" s="91"/>
      <c r="GZ1627" s="91"/>
      <c r="HA1627" s="91"/>
      <c r="HB1627" s="91"/>
      <c r="HC1627" s="91"/>
      <c r="HD1627" s="91"/>
      <c r="HE1627" s="91"/>
      <c r="HF1627" s="91"/>
      <c r="HG1627" s="91"/>
      <c r="HH1627" s="91"/>
      <c r="HI1627" s="91"/>
      <c r="HJ1627" s="91"/>
      <c r="HK1627" s="127"/>
      <c r="HL1627" s="126"/>
      <c r="HM1627" s="91"/>
      <c r="HN1627" s="91"/>
      <c r="HO1627" s="91"/>
      <c r="HP1627" s="91"/>
      <c r="HQ1627" s="91"/>
      <c r="HR1627" s="91"/>
      <c r="HS1627" s="91"/>
      <c r="HT1627" s="91"/>
      <c r="HU1627" s="91"/>
      <c r="HV1627" s="91"/>
      <c r="HW1627" s="91"/>
      <c r="HX1627" s="91"/>
      <c r="HY1627" s="91"/>
      <c r="HZ1627" s="91"/>
      <c r="IA1627" s="91"/>
      <c r="IB1627" s="91"/>
      <c r="IC1627" s="91"/>
      <c r="ID1627" s="91"/>
      <c r="IE1627" s="91"/>
      <c r="IF1627" s="91"/>
      <c r="IG1627" s="91"/>
      <c r="IH1627" s="91"/>
      <c r="II1627" s="91"/>
      <c r="IJ1627" s="91"/>
      <c r="IK1627" s="127"/>
    </row>
    <row r="1628" spans="2:245" x14ac:dyDescent="0.2">
      <c r="B1628" s="43"/>
      <c r="C1628" s="73"/>
      <c r="D1628" s="64"/>
      <c r="E1628" s="64"/>
      <c r="F1628" s="55"/>
      <c r="G1628" s="102"/>
      <c r="H1628" s="55"/>
      <c r="I1628" s="55"/>
      <c r="J1628" s="55"/>
      <c r="K1628" s="55"/>
      <c r="L1628" s="55"/>
      <c r="M1628" s="55"/>
      <c r="N1628" s="55"/>
      <c r="O1628" s="55"/>
      <c r="P1628" s="55"/>
      <c r="Q1628" s="55"/>
      <c r="R1628" s="55"/>
      <c r="S1628" s="55"/>
      <c r="T1628" s="55"/>
      <c r="U1628" s="55"/>
      <c r="V1628" s="55"/>
      <c r="W1628" s="55"/>
      <c r="X1628" s="55"/>
      <c r="Y1628" s="55"/>
      <c r="Z1628" s="55"/>
      <c r="AA1628" s="55"/>
      <c r="AB1628" s="55"/>
      <c r="AC1628" s="55"/>
      <c r="AD1628" s="55"/>
      <c r="AE1628" s="55"/>
      <c r="AF1628" s="55"/>
      <c r="AG1628" s="55"/>
      <c r="AY1628" s="162"/>
      <c r="AZ1628" s="162"/>
      <c r="BA1628" s="162"/>
      <c r="BB1628" s="162"/>
      <c r="BC1628" s="162"/>
      <c r="BD1628" s="162"/>
      <c r="BE1628" s="162"/>
      <c r="BF1628" s="162"/>
      <c r="BG1628" s="162"/>
      <c r="BH1628" s="162"/>
      <c r="BI1628" s="162"/>
      <c r="BJ1628" s="162"/>
      <c r="BK1628" s="162"/>
      <c r="BL1628" s="162"/>
      <c r="BM1628" s="162"/>
      <c r="BN1628" s="162"/>
      <c r="BO1628" s="162"/>
      <c r="BP1628" s="162"/>
      <c r="BQ1628" s="162"/>
      <c r="BR1628" s="162"/>
      <c r="BS1628" s="162"/>
      <c r="BT1628" s="162"/>
      <c r="BU1628" s="162"/>
      <c r="BV1628" s="162"/>
      <c r="BW1628" s="162"/>
      <c r="BX1628" s="162"/>
      <c r="BY1628" s="162"/>
      <c r="BZ1628" s="162"/>
      <c r="CA1628" s="162"/>
      <c r="CB1628" s="162"/>
      <c r="CC1628" s="162"/>
      <c r="CD1628" s="162"/>
      <c r="CE1628" s="162"/>
      <c r="CF1628" s="162"/>
      <c r="CG1628" s="162"/>
      <c r="CH1628" s="162"/>
      <c r="CI1628" s="162"/>
      <c r="CJ1628" s="162"/>
      <c r="CK1628" s="162"/>
      <c r="CX1628" s="98"/>
      <c r="DL1628" s="97"/>
      <c r="DX1628" s="98"/>
      <c r="EL1628" s="97"/>
      <c r="EX1628" s="98"/>
      <c r="EY1628" s="97"/>
      <c r="FL1628" s="126"/>
      <c r="FM1628" s="91"/>
      <c r="FN1628" s="91"/>
      <c r="FO1628" s="91"/>
      <c r="FP1628" s="91"/>
      <c r="FQ1628" s="91"/>
      <c r="FR1628" s="91"/>
      <c r="FS1628" s="91"/>
      <c r="FT1628" s="91"/>
      <c r="FU1628" s="91"/>
      <c r="FV1628" s="91"/>
      <c r="FW1628" s="91"/>
      <c r="FX1628" s="91"/>
      <c r="FY1628" s="91"/>
      <c r="FZ1628" s="91"/>
      <c r="GA1628" s="91"/>
      <c r="GB1628" s="91"/>
      <c r="GC1628" s="91"/>
      <c r="GD1628" s="91"/>
      <c r="GE1628" s="91"/>
      <c r="GF1628" s="91"/>
      <c r="GG1628" s="91"/>
      <c r="GH1628" s="91"/>
      <c r="GI1628" s="91"/>
      <c r="GJ1628" s="91"/>
      <c r="GK1628" s="127"/>
      <c r="GL1628" s="126"/>
      <c r="GM1628" s="91"/>
      <c r="GN1628" s="91"/>
      <c r="GO1628" s="91"/>
      <c r="GP1628" s="91"/>
      <c r="GQ1628" s="91"/>
      <c r="GR1628" s="91"/>
      <c r="GS1628" s="91"/>
      <c r="GT1628" s="91"/>
      <c r="GU1628" s="91"/>
      <c r="GV1628" s="91"/>
      <c r="GW1628" s="91"/>
      <c r="GX1628" s="91"/>
      <c r="GY1628" s="91"/>
      <c r="GZ1628" s="91"/>
      <c r="HA1628" s="91"/>
      <c r="HB1628" s="91"/>
      <c r="HC1628" s="91"/>
      <c r="HD1628" s="91"/>
      <c r="HE1628" s="91"/>
      <c r="HF1628" s="91"/>
      <c r="HG1628" s="91"/>
      <c r="HH1628" s="91"/>
      <c r="HI1628" s="91"/>
      <c r="HJ1628" s="91"/>
      <c r="HK1628" s="127"/>
      <c r="HL1628" s="126"/>
      <c r="HM1628" s="91"/>
      <c r="HN1628" s="91"/>
      <c r="HO1628" s="91"/>
      <c r="HP1628" s="91"/>
      <c r="HQ1628" s="91"/>
      <c r="HR1628" s="91"/>
      <c r="HS1628" s="91"/>
      <c r="HT1628" s="91"/>
      <c r="HU1628" s="91"/>
      <c r="HV1628" s="91"/>
      <c r="HW1628" s="91"/>
      <c r="HX1628" s="91"/>
      <c r="HY1628" s="91"/>
      <c r="HZ1628" s="91"/>
      <c r="IA1628" s="91"/>
      <c r="IB1628" s="91"/>
      <c r="IC1628" s="91"/>
      <c r="ID1628" s="91"/>
      <c r="IE1628" s="91"/>
      <c r="IF1628" s="91"/>
      <c r="IG1628" s="91"/>
      <c r="IH1628" s="91"/>
      <c r="II1628" s="91"/>
      <c r="IJ1628" s="91"/>
      <c r="IK1628" s="127"/>
    </row>
    <row r="1629" spans="2:245" x14ac:dyDescent="0.2">
      <c r="B1629" s="43"/>
      <c r="C1629" s="73"/>
      <c r="D1629" s="64"/>
      <c r="E1629" s="64"/>
      <c r="F1629" s="55"/>
      <c r="G1629" s="102"/>
      <c r="H1629" s="55"/>
      <c r="I1629" s="55"/>
      <c r="J1629" s="55"/>
      <c r="K1629" s="55"/>
      <c r="L1629" s="55"/>
      <c r="M1629" s="55"/>
      <c r="N1629" s="55"/>
      <c r="O1629" s="55"/>
      <c r="P1629" s="55"/>
      <c r="Q1629" s="55"/>
      <c r="R1629" s="55"/>
      <c r="S1629" s="55"/>
      <c r="T1629" s="55"/>
      <c r="U1629" s="55"/>
      <c r="V1629" s="55"/>
      <c r="W1629" s="55"/>
      <c r="X1629" s="55"/>
      <c r="Y1629" s="55"/>
      <c r="Z1629" s="55"/>
      <c r="AA1629" s="55"/>
      <c r="AB1629" s="55"/>
      <c r="AC1629" s="55"/>
      <c r="AD1629" s="55"/>
      <c r="AE1629" s="55"/>
      <c r="AF1629" s="55"/>
      <c r="AG1629" s="55"/>
      <c r="AY1629" s="162"/>
      <c r="AZ1629" s="162"/>
      <c r="BA1629" s="162"/>
      <c r="BB1629" s="162"/>
      <c r="BC1629" s="162"/>
      <c r="BD1629" s="162"/>
      <c r="BE1629" s="162"/>
      <c r="BF1629" s="162"/>
      <c r="BG1629" s="162"/>
      <c r="BH1629" s="162"/>
      <c r="BI1629" s="162"/>
      <c r="BJ1629" s="162"/>
      <c r="BK1629" s="162"/>
      <c r="BL1629" s="162"/>
      <c r="BM1629" s="162"/>
      <c r="BN1629" s="162"/>
      <c r="BO1629" s="162"/>
      <c r="BP1629" s="162"/>
      <c r="BQ1629" s="162"/>
      <c r="BR1629" s="162"/>
      <c r="BS1629" s="162"/>
      <c r="BT1629" s="162"/>
      <c r="BU1629" s="162"/>
      <c r="BV1629" s="162"/>
      <c r="BW1629" s="162"/>
      <c r="BX1629" s="162"/>
      <c r="BY1629" s="162"/>
      <c r="BZ1629" s="162"/>
      <c r="CA1629" s="162"/>
      <c r="CB1629" s="162"/>
      <c r="CC1629" s="162"/>
      <c r="CD1629" s="162"/>
      <c r="CE1629" s="162"/>
      <c r="CF1629" s="162"/>
      <c r="CG1629" s="162"/>
      <c r="CH1629" s="162"/>
      <c r="CI1629" s="162"/>
      <c r="CJ1629" s="162"/>
      <c r="CK1629" s="162"/>
      <c r="CX1629" s="98"/>
      <c r="DL1629" s="97"/>
      <c r="DX1629" s="98"/>
      <c r="EL1629" s="97"/>
      <c r="EX1629" s="98"/>
      <c r="EY1629" s="97"/>
      <c r="FL1629" s="126"/>
      <c r="FM1629" s="91"/>
      <c r="FN1629" s="91"/>
      <c r="FO1629" s="91"/>
      <c r="FP1629" s="91"/>
      <c r="FQ1629" s="91"/>
      <c r="FR1629" s="91"/>
      <c r="FS1629" s="91"/>
      <c r="FT1629" s="91"/>
      <c r="FU1629" s="91"/>
      <c r="FV1629" s="91"/>
      <c r="FW1629" s="91"/>
      <c r="FX1629" s="91"/>
      <c r="FY1629" s="91"/>
      <c r="FZ1629" s="91"/>
      <c r="GA1629" s="91"/>
      <c r="GB1629" s="91"/>
      <c r="GC1629" s="91"/>
      <c r="GD1629" s="91"/>
      <c r="GE1629" s="91"/>
      <c r="GF1629" s="91"/>
      <c r="GG1629" s="91"/>
      <c r="GH1629" s="91"/>
      <c r="GI1629" s="91"/>
      <c r="GJ1629" s="91"/>
      <c r="GK1629" s="127"/>
      <c r="GL1629" s="126"/>
      <c r="GM1629" s="91"/>
      <c r="GN1629" s="91"/>
      <c r="GO1629" s="91"/>
      <c r="GP1629" s="91"/>
      <c r="GQ1629" s="91"/>
      <c r="GR1629" s="91"/>
      <c r="GS1629" s="91"/>
      <c r="GT1629" s="91"/>
      <c r="GU1629" s="91"/>
      <c r="GV1629" s="91"/>
      <c r="GW1629" s="91"/>
      <c r="GX1629" s="91"/>
      <c r="GY1629" s="91"/>
      <c r="GZ1629" s="91"/>
      <c r="HA1629" s="91"/>
      <c r="HB1629" s="91"/>
      <c r="HC1629" s="91"/>
      <c r="HD1629" s="91"/>
      <c r="HE1629" s="91"/>
      <c r="HF1629" s="91"/>
      <c r="HG1629" s="91"/>
      <c r="HH1629" s="91"/>
      <c r="HI1629" s="91"/>
      <c r="HJ1629" s="91"/>
      <c r="HK1629" s="127"/>
      <c r="HL1629" s="126"/>
      <c r="HM1629" s="91"/>
      <c r="HN1629" s="91"/>
      <c r="HO1629" s="91"/>
      <c r="HP1629" s="91"/>
      <c r="HQ1629" s="91"/>
      <c r="HR1629" s="91"/>
      <c r="HS1629" s="91"/>
      <c r="HT1629" s="91"/>
      <c r="HU1629" s="91"/>
      <c r="HV1629" s="91"/>
      <c r="HW1629" s="91"/>
      <c r="HX1629" s="91"/>
      <c r="HY1629" s="91"/>
      <c r="HZ1629" s="91"/>
      <c r="IA1629" s="91"/>
      <c r="IB1629" s="91"/>
      <c r="IC1629" s="91"/>
      <c r="ID1629" s="91"/>
      <c r="IE1629" s="91"/>
      <c r="IF1629" s="91"/>
      <c r="IG1629" s="91"/>
      <c r="IH1629" s="91"/>
      <c r="II1629" s="91"/>
      <c r="IJ1629" s="91"/>
      <c r="IK1629" s="127"/>
    </row>
    <row r="1630" spans="2:245" x14ac:dyDescent="0.2">
      <c r="B1630" s="43"/>
      <c r="C1630" s="73"/>
      <c r="D1630" s="64"/>
      <c r="E1630" s="64"/>
      <c r="F1630" s="55"/>
      <c r="G1630" s="102"/>
      <c r="H1630" s="55"/>
      <c r="I1630" s="55"/>
      <c r="J1630" s="55"/>
      <c r="K1630" s="55"/>
      <c r="L1630" s="55"/>
      <c r="M1630" s="55"/>
      <c r="N1630" s="55"/>
      <c r="O1630" s="55"/>
      <c r="P1630" s="55"/>
      <c r="Q1630" s="55"/>
      <c r="R1630" s="55"/>
      <c r="S1630" s="55"/>
      <c r="T1630" s="55"/>
      <c r="U1630" s="55"/>
      <c r="V1630" s="55"/>
      <c r="W1630" s="55"/>
      <c r="X1630" s="55"/>
      <c r="Y1630" s="55"/>
      <c r="Z1630" s="55"/>
      <c r="AA1630" s="55"/>
      <c r="AB1630" s="55"/>
      <c r="AC1630" s="55"/>
      <c r="AD1630" s="55"/>
      <c r="AE1630" s="55"/>
      <c r="AF1630" s="55"/>
      <c r="AG1630" s="55"/>
      <c r="AY1630" s="162"/>
      <c r="AZ1630" s="162"/>
      <c r="BA1630" s="162"/>
      <c r="BB1630" s="162"/>
      <c r="BC1630" s="162"/>
      <c r="BD1630" s="162"/>
      <c r="BE1630" s="162"/>
      <c r="BF1630" s="162"/>
      <c r="BG1630" s="162"/>
      <c r="BH1630" s="162"/>
      <c r="BI1630" s="162"/>
      <c r="BJ1630" s="162"/>
      <c r="BK1630" s="162"/>
      <c r="BL1630" s="162"/>
      <c r="BM1630" s="162"/>
      <c r="BN1630" s="162"/>
      <c r="BO1630" s="162"/>
      <c r="BP1630" s="162"/>
      <c r="BQ1630" s="162"/>
      <c r="BR1630" s="162"/>
      <c r="BS1630" s="162"/>
      <c r="BT1630" s="162"/>
      <c r="BU1630" s="162"/>
      <c r="BV1630" s="162"/>
      <c r="BW1630" s="162"/>
      <c r="BX1630" s="162"/>
      <c r="BY1630" s="162"/>
      <c r="BZ1630" s="162"/>
      <c r="CA1630" s="162"/>
      <c r="CB1630" s="162"/>
      <c r="CC1630" s="162"/>
      <c r="CD1630" s="162"/>
      <c r="CE1630" s="162"/>
      <c r="CF1630" s="162"/>
      <c r="CG1630" s="162"/>
      <c r="CH1630" s="162"/>
      <c r="CI1630" s="162"/>
      <c r="CJ1630" s="162"/>
      <c r="CK1630" s="162"/>
      <c r="CX1630" s="98"/>
      <c r="DL1630" s="97"/>
      <c r="DX1630" s="98"/>
      <c r="EL1630" s="97"/>
      <c r="EX1630" s="98"/>
      <c r="EY1630" s="97"/>
      <c r="FL1630" s="126"/>
      <c r="FM1630" s="91"/>
      <c r="FN1630" s="91"/>
      <c r="FO1630" s="91"/>
      <c r="FP1630" s="91"/>
      <c r="FQ1630" s="91"/>
      <c r="FR1630" s="91"/>
      <c r="FS1630" s="91"/>
      <c r="FT1630" s="91"/>
      <c r="FU1630" s="91"/>
      <c r="FV1630" s="91"/>
      <c r="FW1630" s="91"/>
      <c r="FX1630" s="91"/>
      <c r="FY1630" s="91"/>
      <c r="FZ1630" s="91"/>
      <c r="GA1630" s="91"/>
      <c r="GB1630" s="91"/>
      <c r="GC1630" s="91"/>
      <c r="GD1630" s="91"/>
      <c r="GE1630" s="91"/>
      <c r="GF1630" s="91"/>
      <c r="GG1630" s="91"/>
      <c r="GH1630" s="91"/>
      <c r="GI1630" s="91"/>
      <c r="GJ1630" s="91"/>
      <c r="GK1630" s="127"/>
      <c r="GL1630" s="126"/>
      <c r="GM1630" s="91"/>
      <c r="GN1630" s="91"/>
      <c r="GO1630" s="91"/>
      <c r="GP1630" s="91"/>
      <c r="GQ1630" s="91"/>
      <c r="GR1630" s="91"/>
      <c r="GS1630" s="91"/>
      <c r="GT1630" s="91"/>
      <c r="GU1630" s="91"/>
      <c r="GV1630" s="91"/>
      <c r="GW1630" s="91"/>
      <c r="GX1630" s="91"/>
      <c r="GY1630" s="91"/>
      <c r="GZ1630" s="91"/>
      <c r="HA1630" s="91"/>
      <c r="HB1630" s="91"/>
      <c r="HC1630" s="91"/>
      <c r="HD1630" s="91"/>
      <c r="HE1630" s="91"/>
      <c r="HF1630" s="91"/>
      <c r="HG1630" s="91"/>
      <c r="HH1630" s="91"/>
      <c r="HI1630" s="91"/>
      <c r="HJ1630" s="91"/>
      <c r="HK1630" s="127"/>
      <c r="HL1630" s="126"/>
      <c r="HM1630" s="91"/>
      <c r="HN1630" s="91"/>
      <c r="HO1630" s="91"/>
      <c r="HP1630" s="91"/>
      <c r="HQ1630" s="91"/>
      <c r="HR1630" s="91"/>
      <c r="HS1630" s="91"/>
      <c r="HT1630" s="91"/>
      <c r="HU1630" s="91"/>
      <c r="HV1630" s="91"/>
      <c r="HW1630" s="91"/>
      <c r="HX1630" s="91"/>
      <c r="HY1630" s="91"/>
      <c r="HZ1630" s="91"/>
      <c r="IA1630" s="91"/>
      <c r="IB1630" s="91"/>
      <c r="IC1630" s="91"/>
      <c r="ID1630" s="91"/>
      <c r="IE1630" s="91"/>
      <c r="IF1630" s="91"/>
      <c r="IG1630" s="91"/>
      <c r="IH1630" s="91"/>
      <c r="II1630" s="91"/>
      <c r="IJ1630" s="91"/>
      <c r="IK1630" s="127"/>
    </row>
    <row r="1631" spans="2:245" x14ac:dyDescent="0.2">
      <c r="B1631" s="43"/>
      <c r="C1631" s="73"/>
      <c r="D1631" s="64"/>
      <c r="E1631" s="64"/>
      <c r="F1631" s="55"/>
      <c r="G1631" s="102"/>
      <c r="H1631" s="55"/>
      <c r="I1631" s="55"/>
      <c r="J1631" s="55"/>
      <c r="K1631" s="55"/>
      <c r="L1631" s="55"/>
      <c r="M1631" s="55"/>
      <c r="N1631" s="55"/>
      <c r="O1631" s="55"/>
      <c r="P1631" s="55"/>
      <c r="Q1631" s="55"/>
      <c r="R1631" s="55"/>
      <c r="S1631" s="55"/>
      <c r="T1631" s="55"/>
      <c r="U1631" s="55"/>
      <c r="V1631" s="55"/>
      <c r="W1631" s="55"/>
      <c r="X1631" s="55"/>
      <c r="Y1631" s="55"/>
      <c r="Z1631" s="55"/>
      <c r="AA1631" s="55"/>
      <c r="AB1631" s="55"/>
      <c r="AC1631" s="55"/>
      <c r="AD1631" s="55"/>
      <c r="AE1631" s="55"/>
      <c r="AF1631" s="55"/>
      <c r="AG1631" s="55"/>
      <c r="AY1631" s="162"/>
      <c r="AZ1631" s="162"/>
      <c r="BA1631" s="162"/>
      <c r="BB1631" s="162"/>
      <c r="BC1631" s="162"/>
      <c r="BD1631" s="162"/>
      <c r="BE1631" s="162"/>
      <c r="BF1631" s="162"/>
      <c r="BG1631" s="162"/>
      <c r="BH1631" s="162"/>
      <c r="BI1631" s="162"/>
      <c r="BJ1631" s="162"/>
      <c r="BK1631" s="162"/>
      <c r="BL1631" s="162"/>
      <c r="BM1631" s="162"/>
      <c r="BN1631" s="162"/>
      <c r="BO1631" s="162"/>
      <c r="BP1631" s="162"/>
      <c r="BQ1631" s="162"/>
      <c r="BR1631" s="162"/>
      <c r="BS1631" s="162"/>
      <c r="BT1631" s="162"/>
      <c r="BU1631" s="162"/>
      <c r="BV1631" s="162"/>
      <c r="BW1631" s="162"/>
      <c r="BX1631" s="162"/>
      <c r="BY1631" s="162"/>
      <c r="BZ1631" s="162"/>
      <c r="CA1631" s="162"/>
      <c r="CB1631" s="162"/>
      <c r="CC1631" s="162"/>
      <c r="CD1631" s="162"/>
      <c r="CE1631" s="162"/>
      <c r="CF1631" s="162"/>
      <c r="CG1631" s="162"/>
      <c r="CH1631" s="162"/>
      <c r="CI1631" s="162"/>
      <c r="CJ1631" s="162"/>
      <c r="CK1631" s="162"/>
      <c r="CX1631" s="98"/>
      <c r="DL1631" s="97"/>
      <c r="DX1631" s="98"/>
      <c r="EL1631" s="97"/>
      <c r="EX1631" s="98"/>
      <c r="EY1631" s="97"/>
      <c r="FL1631" s="126"/>
      <c r="FM1631" s="91"/>
      <c r="FN1631" s="91"/>
      <c r="FO1631" s="91"/>
      <c r="FP1631" s="91"/>
      <c r="FQ1631" s="91"/>
      <c r="FR1631" s="91"/>
      <c r="FS1631" s="91"/>
      <c r="FT1631" s="91"/>
      <c r="FU1631" s="91"/>
      <c r="FV1631" s="91"/>
      <c r="FW1631" s="91"/>
      <c r="FX1631" s="91"/>
      <c r="FY1631" s="91"/>
      <c r="FZ1631" s="91"/>
      <c r="GA1631" s="91"/>
      <c r="GB1631" s="91"/>
      <c r="GC1631" s="91"/>
      <c r="GD1631" s="91"/>
      <c r="GE1631" s="91"/>
      <c r="GF1631" s="91"/>
      <c r="GG1631" s="91"/>
      <c r="GH1631" s="91"/>
      <c r="GI1631" s="91"/>
      <c r="GJ1631" s="91"/>
      <c r="GK1631" s="127"/>
      <c r="GL1631" s="126"/>
      <c r="GM1631" s="91"/>
      <c r="GN1631" s="91"/>
      <c r="GO1631" s="91"/>
      <c r="GP1631" s="91"/>
      <c r="GQ1631" s="91"/>
      <c r="GR1631" s="91"/>
      <c r="GS1631" s="91"/>
      <c r="GT1631" s="91"/>
      <c r="GU1631" s="91"/>
      <c r="GV1631" s="91"/>
      <c r="GW1631" s="91"/>
      <c r="GX1631" s="91"/>
      <c r="GY1631" s="91"/>
      <c r="GZ1631" s="91"/>
      <c r="HA1631" s="91"/>
      <c r="HB1631" s="91"/>
      <c r="HC1631" s="91"/>
      <c r="HD1631" s="91"/>
      <c r="HE1631" s="91"/>
      <c r="HF1631" s="91"/>
      <c r="HG1631" s="91"/>
      <c r="HH1631" s="91"/>
      <c r="HI1631" s="91"/>
      <c r="HJ1631" s="91"/>
      <c r="HK1631" s="127"/>
      <c r="HL1631" s="126"/>
      <c r="HM1631" s="91"/>
      <c r="HN1631" s="91"/>
      <c r="HO1631" s="91"/>
      <c r="HP1631" s="91"/>
      <c r="HQ1631" s="91"/>
      <c r="HR1631" s="91"/>
      <c r="HS1631" s="91"/>
      <c r="HT1631" s="91"/>
      <c r="HU1631" s="91"/>
      <c r="HV1631" s="91"/>
      <c r="HW1631" s="91"/>
      <c r="HX1631" s="91"/>
      <c r="HY1631" s="91"/>
      <c r="HZ1631" s="91"/>
      <c r="IA1631" s="91"/>
      <c r="IB1631" s="91"/>
      <c r="IC1631" s="91"/>
      <c r="ID1631" s="91"/>
      <c r="IE1631" s="91"/>
      <c r="IF1631" s="91"/>
      <c r="IG1631" s="91"/>
      <c r="IH1631" s="91"/>
      <c r="II1631" s="91"/>
      <c r="IJ1631" s="91"/>
      <c r="IK1631" s="127"/>
    </row>
    <row r="1632" spans="2:245" x14ac:dyDescent="0.2">
      <c r="B1632" s="43"/>
      <c r="C1632" s="73"/>
      <c r="D1632" s="64"/>
      <c r="E1632" s="64"/>
      <c r="F1632" s="55"/>
      <c r="G1632" s="102"/>
      <c r="H1632" s="55"/>
      <c r="I1632" s="55"/>
      <c r="J1632" s="55"/>
      <c r="K1632" s="55"/>
      <c r="L1632" s="55"/>
      <c r="M1632" s="55"/>
      <c r="N1632" s="55"/>
      <c r="O1632" s="55"/>
      <c r="P1632" s="55"/>
      <c r="Q1632" s="55"/>
      <c r="R1632" s="55"/>
      <c r="S1632" s="55"/>
      <c r="T1632" s="55"/>
      <c r="U1632" s="55"/>
      <c r="V1632" s="55"/>
      <c r="W1632" s="55"/>
      <c r="X1632" s="55"/>
      <c r="Y1632" s="55"/>
      <c r="Z1632" s="55"/>
      <c r="AA1632" s="55"/>
      <c r="AB1632" s="55"/>
      <c r="AC1632" s="55"/>
      <c r="AD1632" s="55"/>
      <c r="AE1632" s="55"/>
      <c r="AF1632" s="55"/>
      <c r="AG1632" s="55"/>
      <c r="AY1632" s="162"/>
      <c r="AZ1632" s="162"/>
      <c r="BA1632" s="162"/>
      <c r="BB1632" s="162"/>
      <c r="BC1632" s="162"/>
      <c r="BD1632" s="162"/>
      <c r="BE1632" s="162"/>
      <c r="BF1632" s="162"/>
      <c r="BG1632" s="162"/>
      <c r="BH1632" s="162"/>
      <c r="BI1632" s="162"/>
      <c r="BJ1632" s="162"/>
      <c r="BK1632" s="162"/>
      <c r="BL1632" s="162"/>
      <c r="BM1632" s="162"/>
      <c r="BN1632" s="162"/>
      <c r="BO1632" s="162"/>
      <c r="BP1632" s="162"/>
      <c r="BQ1632" s="162"/>
      <c r="BR1632" s="162"/>
      <c r="BS1632" s="162"/>
      <c r="BT1632" s="162"/>
      <c r="BU1632" s="162"/>
      <c r="BV1632" s="162"/>
      <c r="BW1632" s="162"/>
      <c r="BX1632" s="162"/>
      <c r="BY1632" s="162"/>
      <c r="BZ1632" s="162"/>
      <c r="CA1632" s="162"/>
      <c r="CB1632" s="162"/>
      <c r="CC1632" s="162"/>
      <c r="CD1632" s="162"/>
      <c r="CE1632" s="162"/>
      <c r="CF1632" s="162"/>
      <c r="CG1632" s="162"/>
      <c r="CH1632" s="162"/>
      <c r="CI1632" s="162"/>
      <c r="CJ1632" s="162"/>
      <c r="CK1632" s="162"/>
      <c r="CX1632" s="98"/>
      <c r="DL1632" s="97"/>
      <c r="DX1632" s="98"/>
      <c r="EL1632" s="97"/>
      <c r="EX1632" s="98"/>
      <c r="EY1632" s="97"/>
      <c r="FL1632" s="126"/>
      <c r="FM1632" s="91"/>
      <c r="FN1632" s="91"/>
      <c r="FO1632" s="91"/>
      <c r="FP1632" s="91"/>
      <c r="FQ1632" s="91"/>
      <c r="FR1632" s="91"/>
      <c r="FS1632" s="91"/>
      <c r="FT1632" s="91"/>
      <c r="FU1632" s="91"/>
      <c r="FV1632" s="91"/>
      <c r="FW1632" s="91"/>
      <c r="FX1632" s="91"/>
      <c r="FY1632" s="91"/>
      <c r="FZ1632" s="91"/>
      <c r="GA1632" s="91"/>
      <c r="GB1632" s="91"/>
      <c r="GC1632" s="91"/>
      <c r="GD1632" s="91"/>
      <c r="GE1632" s="91"/>
      <c r="GF1632" s="91"/>
      <c r="GG1632" s="91"/>
      <c r="GH1632" s="91"/>
      <c r="GI1632" s="91"/>
      <c r="GJ1632" s="91"/>
      <c r="GK1632" s="127"/>
      <c r="GL1632" s="126"/>
      <c r="GM1632" s="91"/>
      <c r="GN1632" s="91"/>
      <c r="GO1632" s="91"/>
      <c r="GP1632" s="91"/>
      <c r="GQ1632" s="91"/>
      <c r="GR1632" s="91"/>
      <c r="GS1632" s="91"/>
      <c r="GT1632" s="91"/>
      <c r="GU1632" s="91"/>
      <c r="GV1632" s="91"/>
      <c r="GW1632" s="91"/>
      <c r="GX1632" s="91"/>
      <c r="GY1632" s="91"/>
      <c r="GZ1632" s="91"/>
      <c r="HA1632" s="91"/>
      <c r="HB1632" s="91"/>
      <c r="HC1632" s="91"/>
      <c r="HD1632" s="91"/>
      <c r="HE1632" s="91"/>
      <c r="HF1632" s="91"/>
      <c r="HG1632" s="91"/>
      <c r="HH1632" s="91"/>
      <c r="HI1632" s="91"/>
      <c r="HJ1632" s="91"/>
      <c r="HK1632" s="127"/>
      <c r="HL1632" s="126"/>
      <c r="HM1632" s="91"/>
      <c r="HN1632" s="91"/>
      <c r="HO1632" s="91"/>
      <c r="HP1632" s="91"/>
      <c r="HQ1632" s="91"/>
      <c r="HR1632" s="91"/>
      <c r="HS1632" s="91"/>
      <c r="HT1632" s="91"/>
      <c r="HU1632" s="91"/>
      <c r="HV1632" s="91"/>
      <c r="HW1632" s="91"/>
      <c r="HX1632" s="91"/>
      <c r="HY1632" s="91"/>
      <c r="HZ1632" s="91"/>
      <c r="IA1632" s="91"/>
      <c r="IB1632" s="91"/>
      <c r="IC1632" s="91"/>
      <c r="ID1632" s="91"/>
      <c r="IE1632" s="91"/>
      <c r="IF1632" s="91"/>
      <c r="IG1632" s="91"/>
      <c r="IH1632" s="91"/>
      <c r="II1632" s="91"/>
      <c r="IJ1632" s="91"/>
      <c r="IK1632" s="127"/>
    </row>
    <row r="1633" spans="2:245" x14ac:dyDescent="0.2">
      <c r="B1633" s="43"/>
      <c r="C1633" s="73"/>
      <c r="D1633" s="64"/>
      <c r="E1633" s="64"/>
      <c r="F1633" s="55"/>
      <c r="G1633" s="102"/>
      <c r="H1633" s="55"/>
      <c r="I1633" s="55"/>
      <c r="J1633" s="55"/>
      <c r="K1633" s="55"/>
      <c r="L1633" s="55"/>
      <c r="M1633" s="55"/>
      <c r="N1633" s="55"/>
      <c r="O1633" s="55"/>
      <c r="P1633" s="55"/>
      <c r="Q1633" s="55"/>
      <c r="R1633" s="55"/>
      <c r="S1633" s="55"/>
      <c r="T1633" s="55"/>
      <c r="U1633" s="55"/>
      <c r="V1633" s="55"/>
      <c r="W1633" s="55"/>
      <c r="X1633" s="55"/>
      <c r="Y1633" s="55"/>
      <c r="Z1633" s="55"/>
      <c r="AA1633" s="55"/>
      <c r="AB1633" s="55"/>
      <c r="AC1633" s="55"/>
      <c r="AD1633" s="55"/>
      <c r="AE1633" s="55"/>
      <c r="AF1633" s="55"/>
      <c r="AG1633" s="55"/>
      <c r="AY1633" s="162"/>
      <c r="AZ1633" s="162"/>
      <c r="BA1633" s="162"/>
      <c r="BB1633" s="162"/>
      <c r="BC1633" s="162"/>
      <c r="BD1633" s="162"/>
      <c r="BE1633" s="162"/>
      <c r="BF1633" s="162"/>
      <c r="BG1633" s="162"/>
      <c r="BH1633" s="162"/>
      <c r="BI1633" s="162"/>
      <c r="BJ1633" s="162"/>
      <c r="BK1633" s="162"/>
      <c r="BL1633" s="162"/>
      <c r="BM1633" s="162"/>
      <c r="BN1633" s="162"/>
      <c r="BO1633" s="162"/>
      <c r="BP1633" s="162"/>
      <c r="BQ1633" s="162"/>
      <c r="BR1633" s="162"/>
      <c r="BS1633" s="162"/>
      <c r="BT1633" s="162"/>
      <c r="BU1633" s="162"/>
      <c r="BV1633" s="162"/>
      <c r="BW1633" s="162"/>
      <c r="BX1633" s="162"/>
      <c r="BY1633" s="162"/>
      <c r="BZ1633" s="162"/>
      <c r="CA1633" s="162"/>
      <c r="CB1633" s="162"/>
      <c r="CC1633" s="162"/>
      <c r="CD1633" s="162"/>
      <c r="CE1633" s="162"/>
      <c r="CF1633" s="162"/>
      <c r="CG1633" s="162"/>
      <c r="CH1633" s="162"/>
      <c r="CI1633" s="162"/>
      <c r="CJ1633" s="162"/>
      <c r="CK1633" s="162"/>
      <c r="CX1633" s="98"/>
      <c r="DL1633" s="97"/>
      <c r="DX1633" s="98"/>
      <c r="EL1633" s="97"/>
      <c r="EX1633" s="98"/>
      <c r="EY1633" s="97"/>
      <c r="FL1633" s="126"/>
      <c r="FM1633" s="91"/>
      <c r="FN1633" s="91"/>
      <c r="FO1633" s="91"/>
      <c r="FP1633" s="91"/>
      <c r="FQ1633" s="91"/>
      <c r="FR1633" s="91"/>
      <c r="FS1633" s="91"/>
      <c r="FT1633" s="91"/>
      <c r="FU1633" s="91"/>
      <c r="FV1633" s="91"/>
      <c r="FW1633" s="91"/>
      <c r="FX1633" s="91"/>
      <c r="FY1633" s="91"/>
      <c r="FZ1633" s="91"/>
      <c r="GA1633" s="91"/>
      <c r="GB1633" s="91"/>
      <c r="GC1633" s="91"/>
      <c r="GD1633" s="91"/>
      <c r="GE1633" s="91"/>
      <c r="GF1633" s="91"/>
      <c r="GG1633" s="91"/>
      <c r="GH1633" s="91"/>
      <c r="GI1633" s="91"/>
      <c r="GJ1633" s="91"/>
      <c r="GK1633" s="127"/>
      <c r="GL1633" s="126"/>
      <c r="GM1633" s="91"/>
      <c r="GN1633" s="91"/>
      <c r="GO1633" s="91"/>
      <c r="GP1633" s="91"/>
      <c r="GQ1633" s="91"/>
      <c r="GR1633" s="91"/>
      <c r="GS1633" s="91"/>
      <c r="GT1633" s="91"/>
      <c r="GU1633" s="91"/>
      <c r="GV1633" s="91"/>
      <c r="GW1633" s="91"/>
      <c r="GX1633" s="91"/>
      <c r="GY1633" s="91"/>
      <c r="GZ1633" s="91"/>
      <c r="HA1633" s="91"/>
      <c r="HB1633" s="91"/>
      <c r="HC1633" s="91"/>
      <c r="HD1633" s="91"/>
      <c r="HE1633" s="91"/>
      <c r="HF1633" s="91"/>
      <c r="HG1633" s="91"/>
      <c r="HH1633" s="91"/>
      <c r="HI1633" s="91"/>
      <c r="HJ1633" s="91"/>
      <c r="HK1633" s="127"/>
      <c r="HL1633" s="126"/>
      <c r="HM1633" s="91"/>
      <c r="HN1633" s="91"/>
      <c r="HO1633" s="91"/>
      <c r="HP1633" s="91"/>
      <c r="HQ1633" s="91"/>
      <c r="HR1633" s="91"/>
      <c r="HS1633" s="91"/>
      <c r="HT1633" s="91"/>
      <c r="HU1633" s="91"/>
      <c r="HV1633" s="91"/>
      <c r="HW1633" s="91"/>
      <c r="HX1633" s="91"/>
      <c r="HY1633" s="91"/>
      <c r="HZ1633" s="91"/>
      <c r="IA1633" s="91"/>
      <c r="IB1633" s="91"/>
      <c r="IC1633" s="91"/>
      <c r="ID1633" s="91"/>
      <c r="IE1633" s="91"/>
      <c r="IF1633" s="91"/>
      <c r="IG1633" s="91"/>
      <c r="IH1633" s="91"/>
      <c r="II1633" s="91"/>
      <c r="IJ1633" s="91"/>
      <c r="IK1633" s="127"/>
    </row>
    <row r="1634" spans="2:245" x14ac:dyDescent="0.2">
      <c r="B1634" s="43"/>
      <c r="C1634" s="73"/>
      <c r="D1634" s="64"/>
      <c r="E1634" s="64"/>
      <c r="F1634" s="55"/>
      <c r="G1634" s="102"/>
      <c r="H1634" s="55"/>
      <c r="I1634" s="55"/>
      <c r="J1634" s="55"/>
      <c r="K1634" s="55"/>
      <c r="L1634" s="55"/>
      <c r="M1634" s="55"/>
      <c r="N1634" s="55"/>
      <c r="O1634" s="55"/>
      <c r="P1634" s="55"/>
      <c r="Q1634" s="55"/>
      <c r="R1634" s="55"/>
      <c r="S1634" s="55"/>
      <c r="T1634" s="55"/>
      <c r="U1634" s="55"/>
      <c r="V1634" s="55"/>
      <c r="W1634" s="55"/>
      <c r="X1634" s="55"/>
      <c r="Y1634" s="55"/>
      <c r="Z1634" s="55"/>
      <c r="AA1634" s="55"/>
      <c r="AB1634" s="55"/>
      <c r="AC1634" s="55"/>
      <c r="AD1634" s="55"/>
      <c r="AE1634" s="55"/>
      <c r="AF1634" s="55"/>
      <c r="AG1634" s="55"/>
      <c r="AY1634" s="162"/>
      <c r="AZ1634" s="162"/>
      <c r="BA1634" s="162"/>
      <c r="BB1634" s="162"/>
      <c r="BC1634" s="162"/>
      <c r="BD1634" s="162"/>
      <c r="BE1634" s="162"/>
      <c r="BF1634" s="162"/>
      <c r="BG1634" s="162"/>
      <c r="BH1634" s="162"/>
      <c r="BI1634" s="162"/>
      <c r="BJ1634" s="162"/>
      <c r="BK1634" s="162"/>
      <c r="BL1634" s="162"/>
      <c r="BM1634" s="162"/>
      <c r="BN1634" s="162"/>
      <c r="BO1634" s="162"/>
      <c r="BP1634" s="162"/>
      <c r="BQ1634" s="162"/>
      <c r="BR1634" s="162"/>
      <c r="BS1634" s="162"/>
      <c r="BT1634" s="162"/>
      <c r="BU1634" s="162"/>
      <c r="BV1634" s="162"/>
      <c r="BW1634" s="162"/>
      <c r="BX1634" s="162"/>
      <c r="BY1634" s="162"/>
      <c r="BZ1634" s="162"/>
      <c r="CA1634" s="162"/>
      <c r="CB1634" s="162"/>
      <c r="CC1634" s="162"/>
      <c r="CD1634" s="162"/>
      <c r="CE1634" s="162"/>
      <c r="CF1634" s="162"/>
      <c r="CG1634" s="162"/>
      <c r="CH1634" s="162"/>
      <c r="CI1634" s="162"/>
      <c r="CJ1634" s="162"/>
      <c r="CK1634" s="162"/>
      <c r="CX1634" s="98"/>
      <c r="DL1634" s="97"/>
      <c r="DX1634" s="98"/>
      <c r="EL1634" s="97"/>
      <c r="EX1634" s="98"/>
      <c r="EY1634" s="97"/>
      <c r="FL1634" s="126"/>
      <c r="FM1634" s="91"/>
      <c r="FN1634" s="91"/>
      <c r="FO1634" s="91"/>
      <c r="FP1634" s="91"/>
      <c r="FQ1634" s="91"/>
      <c r="FR1634" s="91"/>
      <c r="FS1634" s="91"/>
      <c r="FT1634" s="91"/>
      <c r="FU1634" s="91"/>
      <c r="FV1634" s="91"/>
      <c r="FW1634" s="91"/>
      <c r="FX1634" s="91"/>
      <c r="FY1634" s="91"/>
      <c r="FZ1634" s="91"/>
      <c r="GA1634" s="91"/>
      <c r="GB1634" s="91"/>
      <c r="GC1634" s="91"/>
      <c r="GD1634" s="91"/>
      <c r="GE1634" s="91"/>
      <c r="GF1634" s="91"/>
      <c r="GG1634" s="91"/>
      <c r="GH1634" s="91"/>
      <c r="GI1634" s="91"/>
      <c r="GJ1634" s="91"/>
      <c r="GK1634" s="127"/>
      <c r="GL1634" s="126"/>
      <c r="GM1634" s="91"/>
      <c r="GN1634" s="91"/>
      <c r="GO1634" s="91"/>
      <c r="GP1634" s="91"/>
      <c r="GQ1634" s="91"/>
      <c r="GR1634" s="91"/>
      <c r="GS1634" s="91"/>
      <c r="GT1634" s="91"/>
      <c r="GU1634" s="91"/>
      <c r="GV1634" s="91"/>
      <c r="GW1634" s="91"/>
      <c r="GX1634" s="91"/>
      <c r="GY1634" s="91"/>
      <c r="GZ1634" s="91"/>
      <c r="HA1634" s="91"/>
      <c r="HB1634" s="91"/>
      <c r="HC1634" s="91"/>
      <c r="HD1634" s="91"/>
      <c r="HE1634" s="91"/>
      <c r="HF1634" s="91"/>
      <c r="HG1634" s="91"/>
      <c r="HH1634" s="91"/>
      <c r="HI1634" s="91"/>
      <c r="HJ1634" s="91"/>
      <c r="HK1634" s="127"/>
      <c r="HL1634" s="126"/>
      <c r="HM1634" s="91"/>
      <c r="HN1634" s="91"/>
      <c r="HO1634" s="91"/>
      <c r="HP1634" s="91"/>
      <c r="HQ1634" s="91"/>
      <c r="HR1634" s="91"/>
      <c r="HS1634" s="91"/>
      <c r="HT1634" s="91"/>
      <c r="HU1634" s="91"/>
      <c r="HV1634" s="91"/>
      <c r="HW1634" s="91"/>
      <c r="HX1634" s="91"/>
      <c r="HY1634" s="91"/>
      <c r="HZ1634" s="91"/>
      <c r="IA1634" s="91"/>
      <c r="IB1634" s="91"/>
      <c r="IC1634" s="91"/>
      <c r="ID1634" s="91"/>
      <c r="IE1634" s="91"/>
      <c r="IF1634" s="91"/>
      <c r="IG1634" s="91"/>
      <c r="IH1634" s="91"/>
      <c r="II1634" s="91"/>
      <c r="IJ1634" s="91"/>
      <c r="IK1634" s="127"/>
    </row>
    <row r="1635" spans="2:245" x14ac:dyDescent="0.2">
      <c r="B1635" s="43"/>
      <c r="C1635" s="73"/>
      <c r="D1635" s="64"/>
      <c r="E1635" s="64"/>
      <c r="F1635" s="55"/>
      <c r="G1635" s="102"/>
      <c r="H1635" s="55"/>
      <c r="I1635" s="55"/>
      <c r="J1635" s="55"/>
      <c r="K1635" s="55"/>
      <c r="L1635" s="55"/>
      <c r="M1635" s="55"/>
      <c r="N1635" s="55"/>
      <c r="O1635" s="55"/>
      <c r="P1635" s="55"/>
      <c r="Q1635" s="55"/>
      <c r="R1635" s="55"/>
      <c r="S1635" s="55"/>
      <c r="T1635" s="55"/>
      <c r="U1635" s="55"/>
      <c r="V1635" s="55"/>
      <c r="W1635" s="55"/>
      <c r="X1635" s="55"/>
      <c r="Y1635" s="55"/>
      <c r="Z1635" s="55"/>
      <c r="AA1635" s="55"/>
      <c r="AB1635" s="55"/>
      <c r="AC1635" s="55"/>
      <c r="AD1635" s="55"/>
      <c r="AE1635" s="55"/>
      <c r="AF1635" s="55"/>
      <c r="AG1635" s="55"/>
      <c r="AY1635" s="162"/>
      <c r="AZ1635" s="162"/>
      <c r="BA1635" s="162"/>
      <c r="BB1635" s="162"/>
      <c r="BC1635" s="162"/>
      <c r="BD1635" s="162"/>
      <c r="BE1635" s="162"/>
      <c r="BF1635" s="162"/>
      <c r="BG1635" s="162"/>
      <c r="BH1635" s="162"/>
      <c r="BI1635" s="162"/>
      <c r="BJ1635" s="162"/>
      <c r="BK1635" s="162"/>
      <c r="BL1635" s="162"/>
      <c r="BM1635" s="162"/>
      <c r="BN1635" s="162"/>
      <c r="BO1635" s="162"/>
      <c r="BP1635" s="162"/>
      <c r="BQ1635" s="162"/>
      <c r="BR1635" s="162"/>
      <c r="BS1635" s="162"/>
      <c r="BT1635" s="162"/>
      <c r="BU1635" s="162"/>
      <c r="BV1635" s="162"/>
      <c r="BW1635" s="162"/>
      <c r="BX1635" s="162"/>
      <c r="BY1635" s="162"/>
      <c r="BZ1635" s="162"/>
      <c r="CA1635" s="162"/>
      <c r="CB1635" s="162"/>
      <c r="CC1635" s="162"/>
      <c r="CD1635" s="162"/>
      <c r="CE1635" s="162"/>
      <c r="CF1635" s="162"/>
      <c r="CG1635" s="162"/>
      <c r="CH1635" s="162"/>
      <c r="CI1635" s="162"/>
      <c r="CJ1635" s="162"/>
      <c r="CK1635" s="162"/>
      <c r="CX1635" s="98"/>
      <c r="DL1635" s="97"/>
      <c r="DX1635" s="98"/>
      <c r="EL1635" s="97"/>
      <c r="EX1635" s="98"/>
      <c r="EY1635" s="97"/>
      <c r="FL1635" s="126"/>
      <c r="FM1635" s="91"/>
      <c r="FN1635" s="91"/>
      <c r="FO1635" s="91"/>
      <c r="FP1635" s="91"/>
      <c r="FQ1635" s="91"/>
      <c r="FR1635" s="91"/>
      <c r="FS1635" s="91"/>
      <c r="FT1635" s="91"/>
      <c r="FU1635" s="91"/>
      <c r="FV1635" s="91"/>
      <c r="FW1635" s="91"/>
      <c r="FX1635" s="91"/>
      <c r="FY1635" s="91"/>
      <c r="FZ1635" s="91"/>
      <c r="GA1635" s="91"/>
      <c r="GB1635" s="91"/>
      <c r="GC1635" s="91"/>
      <c r="GD1635" s="91"/>
      <c r="GE1635" s="91"/>
      <c r="GF1635" s="91"/>
      <c r="GG1635" s="91"/>
      <c r="GH1635" s="91"/>
      <c r="GI1635" s="91"/>
      <c r="GJ1635" s="91"/>
      <c r="GK1635" s="127"/>
      <c r="GL1635" s="126"/>
      <c r="GM1635" s="91"/>
      <c r="GN1635" s="91"/>
      <c r="GO1635" s="91"/>
      <c r="GP1635" s="91"/>
      <c r="GQ1635" s="91"/>
      <c r="GR1635" s="91"/>
      <c r="GS1635" s="91"/>
      <c r="GT1635" s="91"/>
      <c r="GU1635" s="91"/>
      <c r="GV1635" s="91"/>
      <c r="GW1635" s="91"/>
      <c r="GX1635" s="91"/>
      <c r="GY1635" s="91"/>
      <c r="GZ1635" s="91"/>
      <c r="HA1635" s="91"/>
      <c r="HB1635" s="91"/>
      <c r="HC1635" s="91"/>
      <c r="HD1635" s="91"/>
      <c r="HE1635" s="91"/>
      <c r="HF1635" s="91"/>
      <c r="HG1635" s="91"/>
      <c r="HH1635" s="91"/>
      <c r="HI1635" s="91"/>
      <c r="HJ1635" s="91"/>
      <c r="HK1635" s="127"/>
      <c r="HL1635" s="126"/>
      <c r="HM1635" s="91"/>
      <c r="HN1635" s="91"/>
      <c r="HO1635" s="91"/>
      <c r="HP1635" s="91"/>
      <c r="HQ1635" s="91"/>
      <c r="HR1635" s="91"/>
      <c r="HS1635" s="91"/>
      <c r="HT1635" s="91"/>
      <c r="HU1635" s="91"/>
      <c r="HV1635" s="91"/>
      <c r="HW1635" s="91"/>
      <c r="HX1635" s="91"/>
      <c r="HY1635" s="91"/>
      <c r="HZ1635" s="91"/>
      <c r="IA1635" s="91"/>
      <c r="IB1635" s="91"/>
      <c r="IC1635" s="91"/>
      <c r="ID1635" s="91"/>
      <c r="IE1635" s="91"/>
      <c r="IF1635" s="91"/>
      <c r="IG1635" s="91"/>
      <c r="IH1635" s="91"/>
      <c r="II1635" s="91"/>
      <c r="IJ1635" s="91"/>
      <c r="IK1635" s="127"/>
    </row>
    <row r="1636" spans="2:245" x14ac:dyDescent="0.2">
      <c r="B1636" s="43"/>
      <c r="C1636" s="73"/>
      <c r="D1636" s="64"/>
      <c r="E1636" s="64"/>
      <c r="F1636" s="55"/>
      <c r="G1636" s="102"/>
      <c r="H1636" s="55"/>
      <c r="I1636" s="55"/>
      <c r="J1636" s="55"/>
      <c r="K1636" s="55"/>
      <c r="L1636" s="55"/>
      <c r="M1636" s="55"/>
      <c r="N1636" s="55"/>
      <c r="O1636" s="55"/>
      <c r="P1636" s="55"/>
      <c r="Q1636" s="55"/>
      <c r="R1636" s="55"/>
      <c r="S1636" s="55"/>
      <c r="T1636" s="55"/>
      <c r="U1636" s="55"/>
      <c r="V1636" s="55"/>
      <c r="W1636" s="55"/>
      <c r="X1636" s="55"/>
      <c r="Y1636" s="55"/>
      <c r="Z1636" s="55"/>
      <c r="AA1636" s="55"/>
      <c r="AB1636" s="55"/>
      <c r="AC1636" s="55"/>
      <c r="AD1636" s="55"/>
      <c r="AE1636" s="55"/>
      <c r="AF1636" s="55"/>
      <c r="AG1636" s="55"/>
      <c r="AY1636" s="162"/>
      <c r="AZ1636" s="162"/>
      <c r="BA1636" s="162"/>
      <c r="BB1636" s="162"/>
      <c r="BC1636" s="162"/>
      <c r="BD1636" s="162"/>
      <c r="BE1636" s="162"/>
      <c r="BF1636" s="162"/>
      <c r="BG1636" s="162"/>
      <c r="BH1636" s="162"/>
      <c r="BI1636" s="162"/>
      <c r="BJ1636" s="162"/>
      <c r="BK1636" s="162"/>
      <c r="BL1636" s="162"/>
      <c r="BM1636" s="162"/>
      <c r="BN1636" s="162"/>
      <c r="BO1636" s="162"/>
      <c r="BP1636" s="162"/>
      <c r="BQ1636" s="162"/>
      <c r="BR1636" s="162"/>
      <c r="BS1636" s="162"/>
      <c r="BT1636" s="162"/>
      <c r="BU1636" s="162"/>
      <c r="BV1636" s="162"/>
      <c r="BW1636" s="162"/>
      <c r="BX1636" s="162"/>
      <c r="BY1636" s="162"/>
      <c r="BZ1636" s="162"/>
      <c r="CA1636" s="162"/>
      <c r="CB1636" s="162"/>
      <c r="CC1636" s="162"/>
      <c r="CD1636" s="162"/>
      <c r="CE1636" s="162"/>
      <c r="CF1636" s="162"/>
      <c r="CG1636" s="162"/>
      <c r="CH1636" s="162"/>
      <c r="CI1636" s="162"/>
      <c r="CJ1636" s="162"/>
      <c r="CK1636" s="162"/>
      <c r="CX1636" s="98"/>
      <c r="DL1636" s="97"/>
      <c r="DX1636" s="98"/>
      <c r="EL1636" s="97"/>
      <c r="EX1636" s="98"/>
      <c r="EY1636" s="97"/>
      <c r="FL1636" s="126"/>
      <c r="FM1636" s="91"/>
      <c r="FN1636" s="91"/>
      <c r="FO1636" s="91"/>
      <c r="FP1636" s="91"/>
      <c r="FQ1636" s="91"/>
      <c r="FR1636" s="91"/>
      <c r="FS1636" s="91"/>
      <c r="FT1636" s="91"/>
      <c r="FU1636" s="91"/>
      <c r="FV1636" s="91"/>
      <c r="FW1636" s="91"/>
      <c r="FX1636" s="91"/>
      <c r="FY1636" s="91"/>
      <c r="FZ1636" s="91"/>
      <c r="GA1636" s="91"/>
      <c r="GB1636" s="91"/>
      <c r="GC1636" s="91"/>
      <c r="GD1636" s="91"/>
      <c r="GE1636" s="91"/>
      <c r="GF1636" s="91"/>
      <c r="GG1636" s="91"/>
      <c r="GH1636" s="91"/>
      <c r="GI1636" s="91"/>
      <c r="GJ1636" s="91"/>
      <c r="GK1636" s="127"/>
      <c r="GL1636" s="126"/>
      <c r="GM1636" s="91"/>
      <c r="GN1636" s="91"/>
      <c r="GO1636" s="91"/>
      <c r="GP1636" s="91"/>
      <c r="GQ1636" s="91"/>
      <c r="GR1636" s="91"/>
      <c r="GS1636" s="91"/>
      <c r="GT1636" s="91"/>
      <c r="GU1636" s="91"/>
      <c r="GV1636" s="91"/>
      <c r="GW1636" s="91"/>
      <c r="GX1636" s="91"/>
      <c r="GY1636" s="91"/>
      <c r="GZ1636" s="91"/>
      <c r="HA1636" s="91"/>
      <c r="HB1636" s="91"/>
      <c r="HC1636" s="91"/>
      <c r="HD1636" s="91"/>
      <c r="HE1636" s="91"/>
      <c r="HF1636" s="91"/>
      <c r="HG1636" s="91"/>
      <c r="HH1636" s="91"/>
      <c r="HI1636" s="91"/>
      <c r="HJ1636" s="91"/>
      <c r="HK1636" s="127"/>
      <c r="HL1636" s="126"/>
      <c r="HM1636" s="91"/>
      <c r="HN1636" s="91"/>
      <c r="HO1636" s="91"/>
      <c r="HP1636" s="91"/>
      <c r="HQ1636" s="91"/>
      <c r="HR1636" s="91"/>
      <c r="HS1636" s="91"/>
      <c r="HT1636" s="91"/>
      <c r="HU1636" s="91"/>
      <c r="HV1636" s="91"/>
      <c r="HW1636" s="91"/>
      <c r="HX1636" s="91"/>
      <c r="HY1636" s="91"/>
      <c r="HZ1636" s="91"/>
      <c r="IA1636" s="91"/>
      <c r="IB1636" s="91"/>
      <c r="IC1636" s="91"/>
      <c r="ID1636" s="91"/>
      <c r="IE1636" s="91"/>
      <c r="IF1636" s="91"/>
      <c r="IG1636" s="91"/>
      <c r="IH1636" s="91"/>
      <c r="II1636" s="91"/>
      <c r="IJ1636" s="91"/>
      <c r="IK1636" s="127"/>
    </row>
    <row r="1637" spans="2:245" x14ac:dyDescent="0.2">
      <c r="B1637" s="43"/>
      <c r="C1637" s="73"/>
      <c r="D1637" s="64"/>
      <c r="E1637" s="64"/>
      <c r="F1637" s="55"/>
      <c r="G1637" s="102"/>
      <c r="H1637" s="55"/>
      <c r="I1637" s="55"/>
      <c r="J1637" s="55"/>
      <c r="K1637" s="55"/>
      <c r="L1637" s="55"/>
      <c r="M1637" s="55"/>
      <c r="N1637" s="55"/>
      <c r="O1637" s="55"/>
      <c r="P1637" s="55"/>
      <c r="Q1637" s="55"/>
      <c r="R1637" s="55"/>
      <c r="S1637" s="55"/>
      <c r="T1637" s="55"/>
      <c r="U1637" s="55"/>
      <c r="V1637" s="55"/>
      <c r="W1637" s="55"/>
      <c r="X1637" s="55"/>
      <c r="Y1637" s="55"/>
      <c r="Z1637" s="55"/>
      <c r="AA1637" s="55"/>
      <c r="AB1637" s="55"/>
      <c r="AC1637" s="55"/>
      <c r="AD1637" s="55"/>
      <c r="AE1637" s="55"/>
      <c r="AF1637" s="55"/>
      <c r="AG1637" s="55"/>
      <c r="AY1637" s="162"/>
      <c r="AZ1637" s="162"/>
      <c r="BA1637" s="162"/>
      <c r="BB1637" s="162"/>
      <c r="BC1637" s="162"/>
      <c r="BD1637" s="162"/>
      <c r="BE1637" s="162"/>
      <c r="BF1637" s="162"/>
      <c r="BG1637" s="162"/>
      <c r="BH1637" s="162"/>
      <c r="BI1637" s="162"/>
      <c r="BJ1637" s="162"/>
      <c r="BK1637" s="162"/>
      <c r="BL1637" s="162"/>
      <c r="BM1637" s="162"/>
      <c r="BN1637" s="162"/>
      <c r="BO1637" s="162"/>
      <c r="BP1637" s="162"/>
      <c r="BQ1637" s="162"/>
      <c r="BR1637" s="162"/>
      <c r="BS1637" s="162"/>
      <c r="BT1637" s="162"/>
      <c r="BU1637" s="162"/>
      <c r="BV1637" s="162"/>
      <c r="BW1637" s="162"/>
      <c r="BX1637" s="162"/>
      <c r="BY1637" s="162"/>
      <c r="BZ1637" s="162"/>
      <c r="CA1637" s="162"/>
      <c r="CB1637" s="162"/>
      <c r="CC1637" s="162"/>
      <c r="CD1637" s="162"/>
      <c r="CE1637" s="162"/>
      <c r="CF1637" s="162"/>
      <c r="CG1637" s="162"/>
      <c r="CH1637" s="162"/>
      <c r="CI1637" s="162"/>
      <c r="CJ1637" s="162"/>
      <c r="CK1637" s="162"/>
      <c r="CX1637" s="98"/>
      <c r="DL1637" s="97"/>
      <c r="DX1637" s="98"/>
      <c r="EL1637" s="97"/>
      <c r="EX1637" s="98"/>
      <c r="EY1637" s="97"/>
      <c r="FL1637" s="126"/>
      <c r="FM1637" s="91"/>
      <c r="FN1637" s="91"/>
      <c r="FO1637" s="91"/>
      <c r="FP1637" s="91"/>
      <c r="FQ1637" s="91"/>
      <c r="FR1637" s="91"/>
      <c r="FS1637" s="91"/>
      <c r="FT1637" s="91"/>
      <c r="FU1637" s="91"/>
      <c r="FV1637" s="91"/>
      <c r="FW1637" s="91"/>
      <c r="FX1637" s="91"/>
      <c r="FY1637" s="91"/>
      <c r="FZ1637" s="91"/>
      <c r="GA1637" s="91"/>
      <c r="GB1637" s="91"/>
      <c r="GC1637" s="91"/>
      <c r="GD1637" s="91"/>
      <c r="GE1637" s="91"/>
      <c r="GF1637" s="91"/>
      <c r="GG1637" s="91"/>
      <c r="GH1637" s="91"/>
      <c r="GI1637" s="91"/>
      <c r="GJ1637" s="91"/>
      <c r="GK1637" s="127"/>
      <c r="GL1637" s="126"/>
      <c r="GM1637" s="91"/>
      <c r="GN1637" s="91"/>
      <c r="GO1637" s="91"/>
      <c r="GP1637" s="91"/>
      <c r="GQ1637" s="91"/>
      <c r="GR1637" s="91"/>
      <c r="GS1637" s="91"/>
      <c r="GT1637" s="91"/>
      <c r="GU1637" s="91"/>
      <c r="GV1637" s="91"/>
      <c r="GW1637" s="91"/>
      <c r="GX1637" s="91"/>
      <c r="GY1637" s="91"/>
      <c r="GZ1637" s="91"/>
      <c r="HA1637" s="91"/>
      <c r="HB1637" s="91"/>
      <c r="HC1637" s="91"/>
      <c r="HD1637" s="91"/>
      <c r="HE1637" s="91"/>
      <c r="HF1637" s="91"/>
      <c r="HG1637" s="91"/>
      <c r="HH1637" s="91"/>
      <c r="HI1637" s="91"/>
      <c r="HJ1637" s="91"/>
      <c r="HK1637" s="127"/>
      <c r="HL1637" s="126"/>
      <c r="HM1637" s="91"/>
      <c r="HN1637" s="91"/>
      <c r="HO1637" s="91"/>
      <c r="HP1637" s="91"/>
      <c r="HQ1637" s="91"/>
      <c r="HR1637" s="91"/>
      <c r="HS1637" s="91"/>
      <c r="HT1637" s="91"/>
      <c r="HU1637" s="91"/>
      <c r="HV1637" s="91"/>
      <c r="HW1637" s="91"/>
      <c r="HX1637" s="91"/>
      <c r="HY1637" s="91"/>
      <c r="HZ1637" s="91"/>
      <c r="IA1637" s="91"/>
      <c r="IB1637" s="91"/>
      <c r="IC1637" s="91"/>
      <c r="ID1637" s="91"/>
      <c r="IE1637" s="91"/>
      <c r="IF1637" s="91"/>
      <c r="IG1637" s="91"/>
      <c r="IH1637" s="91"/>
      <c r="II1637" s="91"/>
      <c r="IJ1637" s="91"/>
      <c r="IK1637" s="127"/>
    </row>
    <row r="1638" spans="2:245" x14ac:dyDescent="0.2">
      <c r="B1638" s="43"/>
      <c r="C1638" s="73"/>
      <c r="D1638" s="64"/>
      <c r="E1638" s="64"/>
      <c r="F1638" s="55"/>
      <c r="G1638" s="102"/>
      <c r="H1638" s="55"/>
      <c r="I1638" s="55"/>
      <c r="J1638" s="55"/>
      <c r="K1638" s="55"/>
      <c r="L1638" s="55"/>
      <c r="M1638" s="55"/>
      <c r="N1638" s="55"/>
      <c r="O1638" s="55"/>
      <c r="P1638" s="55"/>
      <c r="Q1638" s="55"/>
      <c r="R1638" s="55"/>
      <c r="S1638" s="55"/>
      <c r="T1638" s="55"/>
      <c r="U1638" s="55"/>
      <c r="V1638" s="55"/>
      <c r="W1638" s="55"/>
      <c r="X1638" s="55"/>
      <c r="Y1638" s="55"/>
      <c r="Z1638" s="55"/>
      <c r="AA1638" s="55"/>
      <c r="AB1638" s="55"/>
      <c r="AC1638" s="55"/>
      <c r="AD1638" s="55"/>
      <c r="AE1638" s="55"/>
      <c r="AF1638" s="55"/>
      <c r="AG1638" s="55"/>
      <c r="AY1638" s="162"/>
      <c r="AZ1638" s="162"/>
      <c r="BA1638" s="162"/>
      <c r="BB1638" s="162"/>
      <c r="BC1638" s="162"/>
      <c r="BD1638" s="162"/>
      <c r="BE1638" s="162"/>
      <c r="BF1638" s="162"/>
      <c r="BG1638" s="162"/>
      <c r="BH1638" s="162"/>
      <c r="BI1638" s="162"/>
      <c r="BJ1638" s="162"/>
      <c r="BK1638" s="162"/>
      <c r="BL1638" s="162"/>
      <c r="BM1638" s="162"/>
      <c r="BN1638" s="162"/>
      <c r="BO1638" s="162"/>
      <c r="BP1638" s="162"/>
      <c r="BQ1638" s="162"/>
      <c r="BR1638" s="162"/>
      <c r="BS1638" s="162"/>
      <c r="BT1638" s="162"/>
      <c r="BU1638" s="162"/>
      <c r="BV1638" s="162"/>
      <c r="BW1638" s="162"/>
      <c r="BX1638" s="162"/>
      <c r="BY1638" s="162"/>
      <c r="BZ1638" s="162"/>
      <c r="CA1638" s="162"/>
      <c r="CB1638" s="162"/>
      <c r="CC1638" s="162"/>
      <c r="CD1638" s="162"/>
      <c r="CE1638" s="162"/>
      <c r="CF1638" s="162"/>
      <c r="CG1638" s="162"/>
      <c r="CH1638" s="162"/>
      <c r="CI1638" s="162"/>
      <c r="CJ1638" s="162"/>
      <c r="CK1638" s="162"/>
      <c r="CX1638" s="98"/>
      <c r="DL1638" s="97"/>
      <c r="DX1638" s="98"/>
      <c r="EL1638" s="97"/>
      <c r="EX1638" s="98"/>
      <c r="EY1638" s="97"/>
      <c r="FL1638" s="126"/>
      <c r="FM1638" s="91"/>
      <c r="FN1638" s="91"/>
      <c r="FO1638" s="91"/>
      <c r="FP1638" s="91"/>
      <c r="FQ1638" s="91"/>
      <c r="FR1638" s="91"/>
      <c r="FS1638" s="91"/>
      <c r="FT1638" s="91"/>
      <c r="FU1638" s="91"/>
      <c r="FV1638" s="91"/>
      <c r="FW1638" s="91"/>
      <c r="FX1638" s="91"/>
      <c r="FY1638" s="91"/>
      <c r="FZ1638" s="91"/>
      <c r="GA1638" s="91"/>
      <c r="GB1638" s="91"/>
      <c r="GC1638" s="91"/>
      <c r="GD1638" s="91"/>
      <c r="GE1638" s="91"/>
      <c r="GF1638" s="91"/>
      <c r="GG1638" s="91"/>
      <c r="GH1638" s="91"/>
      <c r="GI1638" s="91"/>
      <c r="GJ1638" s="91"/>
      <c r="GK1638" s="127"/>
      <c r="GL1638" s="126"/>
      <c r="GM1638" s="91"/>
      <c r="GN1638" s="91"/>
      <c r="GO1638" s="91"/>
      <c r="GP1638" s="91"/>
      <c r="GQ1638" s="91"/>
      <c r="GR1638" s="91"/>
      <c r="GS1638" s="91"/>
      <c r="GT1638" s="91"/>
      <c r="GU1638" s="91"/>
      <c r="GV1638" s="91"/>
      <c r="GW1638" s="91"/>
      <c r="GX1638" s="91"/>
      <c r="GY1638" s="91"/>
      <c r="GZ1638" s="91"/>
      <c r="HA1638" s="91"/>
      <c r="HB1638" s="91"/>
      <c r="HC1638" s="91"/>
      <c r="HD1638" s="91"/>
      <c r="HE1638" s="91"/>
      <c r="HF1638" s="91"/>
      <c r="HG1638" s="91"/>
      <c r="HH1638" s="91"/>
      <c r="HI1638" s="91"/>
      <c r="HJ1638" s="91"/>
      <c r="HK1638" s="127"/>
      <c r="HL1638" s="126"/>
      <c r="HM1638" s="91"/>
      <c r="HN1638" s="91"/>
      <c r="HO1638" s="91"/>
      <c r="HP1638" s="91"/>
      <c r="HQ1638" s="91"/>
      <c r="HR1638" s="91"/>
      <c r="HS1638" s="91"/>
      <c r="HT1638" s="91"/>
      <c r="HU1638" s="91"/>
      <c r="HV1638" s="91"/>
      <c r="HW1638" s="91"/>
      <c r="HX1638" s="91"/>
      <c r="HY1638" s="91"/>
      <c r="HZ1638" s="91"/>
      <c r="IA1638" s="91"/>
      <c r="IB1638" s="91"/>
      <c r="IC1638" s="91"/>
      <c r="ID1638" s="91"/>
      <c r="IE1638" s="91"/>
      <c r="IF1638" s="91"/>
      <c r="IG1638" s="91"/>
      <c r="IH1638" s="91"/>
      <c r="II1638" s="91"/>
      <c r="IJ1638" s="91"/>
      <c r="IK1638" s="127"/>
    </row>
    <row r="1639" spans="2:245" x14ac:dyDescent="0.2">
      <c r="B1639" s="43"/>
      <c r="C1639" s="73"/>
      <c r="D1639" s="64"/>
      <c r="E1639" s="64"/>
      <c r="F1639" s="55"/>
      <c r="G1639" s="102"/>
      <c r="H1639" s="55"/>
      <c r="I1639" s="55"/>
      <c r="J1639" s="55"/>
      <c r="K1639" s="55"/>
      <c r="L1639" s="55"/>
      <c r="M1639" s="55"/>
      <c r="N1639" s="55"/>
      <c r="O1639" s="55"/>
      <c r="P1639" s="55"/>
      <c r="Q1639" s="55"/>
      <c r="R1639" s="55"/>
      <c r="S1639" s="55"/>
      <c r="T1639" s="55"/>
      <c r="U1639" s="55"/>
      <c r="V1639" s="55"/>
      <c r="W1639" s="55"/>
      <c r="X1639" s="55"/>
      <c r="Y1639" s="55"/>
      <c r="Z1639" s="55"/>
      <c r="AA1639" s="55"/>
      <c r="AB1639" s="55"/>
      <c r="AC1639" s="55"/>
      <c r="AD1639" s="55"/>
      <c r="AE1639" s="55"/>
      <c r="AF1639" s="55"/>
      <c r="AG1639" s="55"/>
      <c r="AY1639" s="162"/>
      <c r="AZ1639" s="162"/>
      <c r="BA1639" s="162"/>
      <c r="BB1639" s="162"/>
      <c r="BC1639" s="162"/>
      <c r="BD1639" s="162"/>
      <c r="BE1639" s="162"/>
      <c r="BF1639" s="162"/>
      <c r="BG1639" s="162"/>
      <c r="BH1639" s="162"/>
      <c r="BI1639" s="162"/>
      <c r="BJ1639" s="162"/>
      <c r="BK1639" s="162"/>
      <c r="BL1639" s="162"/>
      <c r="BM1639" s="162"/>
      <c r="BN1639" s="162"/>
      <c r="BO1639" s="162"/>
      <c r="BP1639" s="162"/>
      <c r="BQ1639" s="162"/>
      <c r="BR1639" s="162"/>
      <c r="BS1639" s="162"/>
      <c r="BT1639" s="162"/>
      <c r="BU1639" s="162"/>
      <c r="BV1639" s="162"/>
      <c r="BW1639" s="162"/>
      <c r="BX1639" s="162"/>
      <c r="BY1639" s="162"/>
      <c r="BZ1639" s="162"/>
      <c r="CA1639" s="162"/>
      <c r="CB1639" s="162"/>
      <c r="CC1639" s="162"/>
      <c r="CD1639" s="162"/>
      <c r="CE1639" s="162"/>
      <c r="CF1639" s="162"/>
      <c r="CG1639" s="162"/>
      <c r="CH1639" s="162"/>
      <c r="CI1639" s="162"/>
      <c r="CJ1639" s="162"/>
      <c r="CK1639" s="162"/>
      <c r="CX1639" s="98"/>
      <c r="DL1639" s="97"/>
      <c r="DX1639" s="98"/>
      <c r="EL1639" s="97"/>
      <c r="EX1639" s="98"/>
      <c r="EY1639" s="97"/>
      <c r="FL1639" s="126"/>
      <c r="FM1639" s="91"/>
      <c r="FN1639" s="91"/>
      <c r="FO1639" s="91"/>
      <c r="FP1639" s="91"/>
      <c r="FQ1639" s="91"/>
      <c r="FR1639" s="91"/>
      <c r="FS1639" s="91"/>
      <c r="FT1639" s="91"/>
      <c r="FU1639" s="91"/>
      <c r="FV1639" s="91"/>
      <c r="FW1639" s="91"/>
      <c r="FX1639" s="91"/>
      <c r="FY1639" s="91"/>
      <c r="FZ1639" s="91"/>
      <c r="GA1639" s="91"/>
      <c r="GB1639" s="91"/>
      <c r="GC1639" s="91"/>
      <c r="GD1639" s="91"/>
      <c r="GE1639" s="91"/>
      <c r="GF1639" s="91"/>
      <c r="GG1639" s="91"/>
      <c r="GH1639" s="91"/>
      <c r="GI1639" s="91"/>
      <c r="GJ1639" s="91"/>
      <c r="GK1639" s="127"/>
      <c r="GL1639" s="126"/>
      <c r="GM1639" s="91"/>
      <c r="GN1639" s="91"/>
      <c r="GO1639" s="91"/>
      <c r="GP1639" s="91"/>
      <c r="GQ1639" s="91"/>
      <c r="GR1639" s="91"/>
      <c r="GS1639" s="91"/>
      <c r="GT1639" s="91"/>
      <c r="GU1639" s="91"/>
      <c r="GV1639" s="91"/>
      <c r="GW1639" s="91"/>
      <c r="GX1639" s="91"/>
      <c r="GY1639" s="91"/>
      <c r="GZ1639" s="91"/>
      <c r="HA1639" s="91"/>
      <c r="HB1639" s="91"/>
      <c r="HC1639" s="91"/>
      <c r="HD1639" s="91"/>
      <c r="HE1639" s="91"/>
      <c r="HF1639" s="91"/>
      <c r="HG1639" s="91"/>
      <c r="HH1639" s="91"/>
      <c r="HI1639" s="91"/>
      <c r="HJ1639" s="91"/>
      <c r="HK1639" s="127"/>
      <c r="HL1639" s="126"/>
      <c r="HM1639" s="91"/>
      <c r="HN1639" s="91"/>
      <c r="HO1639" s="91"/>
      <c r="HP1639" s="91"/>
      <c r="HQ1639" s="91"/>
      <c r="HR1639" s="91"/>
      <c r="HS1639" s="91"/>
      <c r="HT1639" s="91"/>
      <c r="HU1639" s="91"/>
      <c r="HV1639" s="91"/>
      <c r="HW1639" s="91"/>
      <c r="HX1639" s="91"/>
      <c r="HY1639" s="91"/>
      <c r="HZ1639" s="91"/>
      <c r="IA1639" s="91"/>
      <c r="IB1639" s="91"/>
      <c r="IC1639" s="91"/>
      <c r="ID1639" s="91"/>
      <c r="IE1639" s="91"/>
      <c r="IF1639" s="91"/>
      <c r="IG1639" s="91"/>
      <c r="IH1639" s="91"/>
      <c r="II1639" s="91"/>
      <c r="IJ1639" s="91"/>
      <c r="IK1639" s="127"/>
    </row>
    <row r="1640" spans="2:245" x14ac:dyDescent="0.2">
      <c r="B1640" s="43"/>
      <c r="C1640" s="73"/>
      <c r="D1640" s="64"/>
      <c r="E1640" s="64"/>
      <c r="F1640" s="55"/>
      <c r="G1640" s="102"/>
      <c r="H1640" s="55"/>
      <c r="I1640" s="55"/>
      <c r="J1640" s="55"/>
      <c r="K1640" s="55"/>
      <c r="L1640" s="55"/>
      <c r="M1640" s="55"/>
      <c r="N1640" s="55"/>
      <c r="O1640" s="55"/>
      <c r="P1640" s="55"/>
      <c r="Q1640" s="55"/>
      <c r="R1640" s="55"/>
      <c r="S1640" s="55"/>
      <c r="T1640" s="55"/>
      <c r="U1640" s="55"/>
      <c r="V1640" s="55"/>
      <c r="W1640" s="55"/>
      <c r="X1640" s="55"/>
      <c r="Y1640" s="55"/>
      <c r="Z1640" s="55"/>
      <c r="AA1640" s="55"/>
      <c r="AB1640" s="55"/>
      <c r="AC1640" s="55"/>
      <c r="AD1640" s="55"/>
      <c r="AE1640" s="55"/>
      <c r="AF1640" s="55"/>
      <c r="AG1640" s="55"/>
      <c r="AY1640" s="162"/>
      <c r="AZ1640" s="162"/>
      <c r="BA1640" s="162"/>
      <c r="BB1640" s="162"/>
      <c r="BC1640" s="162"/>
      <c r="BD1640" s="162"/>
      <c r="BE1640" s="162"/>
      <c r="BF1640" s="162"/>
      <c r="BG1640" s="162"/>
      <c r="BH1640" s="162"/>
      <c r="BI1640" s="162"/>
      <c r="BJ1640" s="162"/>
      <c r="BK1640" s="162"/>
      <c r="BL1640" s="162"/>
      <c r="BM1640" s="162"/>
      <c r="BN1640" s="162"/>
      <c r="BO1640" s="162"/>
      <c r="BP1640" s="162"/>
      <c r="BQ1640" s="162"/>
      <c r="BR1640" s="162"/>
      <c r="BS1640" s="162"/>
      <c r="BT1640" s="162"/>
      <c r="BU1640" s="162"/>
      <c r="BV1640" s="162"/>
      <c r="BW1640" s="162"/>
      <c r="BX1640" s="162"/>
      <c r="BY1640" s="162"/>
      <c r="BZ1640" s="162"/>
      <c r="CA1640" s="162"/>
      <c r="CB1640" s="162"/>
      <c r="CC1640" s="162"/>
      <c r="CD1640" s="162"/>
      <c r="CE1640" s="162"/>
      <c r="CF1640" s="162"/>
      <c r="CG1640" s="162"/>
      <c r="CH1640" s="162"/>
      <c r="CI1640" s="162"/>
      <c r="CJ1640" s="162"/>
      <c r="CK1640" s="162"/>
      <c r="CX1640" s="98"/>
      <c r="DL1640" s="97"/>
      <c r="DX1640" s="98"/>
      <c r="EL1640" s="97"/>
      <c r="EX1640" s="98"/>
      <c r="EY1640" s="97"/>
      <c r="FL1640" s="126"/>
      <c r="FM1640" s="91"/>
      <c r="FN1640" s="91"/>
      <c r="FO1640" s="91"/>
      <c r="FP1640" s="91"/>
      <c r="FQ1640" s="91"/>
      <c r="FR1640" s="91"/>
      <c r="FS1640" s="91"/>
      <c r="FT1640" s="91"/>
      <c r="FU1640" s="91"/>
      <c r="FV1640" s="91"/>
      <c r="FW1640" s="91"/>
      <c r="FX1640" s="91"/>
      <c r="FY1640" s="91"/>
      <c r="FZ1640" s="91"/>
      <c r="GA1640" s="91"/>
      <c r="GB1640" s="91"/>
      <c r="GC1640" s="91"/>
      <c r="GD1640" s="91"/>
      <c r="GE1640" s="91"/>
      <c r="GF1640" s="91"/>
      <c r="GG1640" s="91"/>
      <c r="GH1640" s="91"/>
      <c r="GI1640" s="91"/>
      <c r="GJ1640" s="91"/>
      <c r="GK1640" s="127"/>
      <c r="GL1640" s="126"/>
      <c r="GM1640" s="91"/>
      <c r="GN1640" s="91"/>
      <c r="GO1640" s="91"/>
      <c r="GP1640" s="91"/>
      <c r="GQ1640" s="91"/>
      <c r="GR1640" s="91"/>
      <c r="GS1640" s="91"/>
      <c r="GT1640" s="91"/>
      <c r="GU1640" s="91"/>
      <c r="GV1640" s="91"/>
      <c r="GW1640" s="91"/>
      <c r="GX1640" s="91"/>
      <c r="GY1640" s="91"/>
      <c r="GZ1640" s="91"/>
      <c r="HA1640" s="91"/>
      <c r="HB1640" s="91"/>
      <c r="HC1640" s="91"/>
      <c r="HD1640" s="91"/>
      <c r="HE1640" s="91"/>
      <c r="HF1640" s="91"/>
      <c r="HG1640" s="91"/>
      <c r="HH1640" s="91"/>
      <c r="HI1640" s="91"/>
      <c r="HJ1640" s="91"/>
      <c r="HK1640" s="127"/>
      <c r="HL1640" s="126"/>
      <c r="HM1640" s="91"/>
      <c r="HN1640" s="91"/>
      <c r="HO1640" s="91"/>
      <c r="HP1640" s="91"/>
      <c r="HQ1640" s="91"/>
      <c r="HR1640" s="91"/>
      <c r="HS1640" s="91"/>
      <c r="HT1640" s="91"/>
      <c r="HU1640" s="91"/>
      <c r="HV1640" s="91"/>
      <c r="HW1640" s="91"/>
      <c r="HX1640" s="91"/>
      <c r="HY1640" s="91"/>
      <c r="HZ1640" s="91"/>
      <c r="IA1640" s="91"/>
      <c r="IB1640" s="91"/>
      <c r="IC1640" s="91"/>
      <c r="ID1640" s="91"/>
      <c r="IE1640" s="91"/>
      <c r="IF1640" s="91"/>
      <c r="IG1640" s="91"/>
      <c r="IH1640" s="91"/>
      <c r="II1640" s="91"/>
      <c r="IJ1640" s="91"/>
      <c r="IK1640" s="127"/>
    </row>
    <row r="1641" spans="2:245" x14ac:dyDescent="0.2">
      <c r="B1641" s="43"/>
      <c r="C1641" s="73"/>
      <c r="D1641" s="64"/>
      <c r="E1641" s="64"/>
      <c r="F1641" s="55"/>
      <c r="G1641" s="102"/>
      <c r="H1641" s="55"/>
      <c r="I1641" s="55"/>
      <c r="J1641" s="55"/>
      <c r="K1641" s="55"/>
      <c r="L1641" s="55"/>
      <c r="M1641" s="55"/>
      <c r="N1641" s="55"/>
      <c r="O1641" s="55"/>
      <c r="P1641" s="55"/>
      <c r="Q1641" s="55"/>
      <c r="R1641" s="55"/>
      <c r="S1641" s="55"/>
      <c r="T1641" s="55"/>
      <c r="U1641" s="55"/>
      <c r="V1641" s="55"/>
      <c r="W1641" s="55"/>
      <c r="X1641" s="55"/>
      <c r="Y1641" s="55"/>
      <c r="Z1641" s="55"/>
      <c r="AA1641" s="55"/>
      <c r="AB1641" s="55"/>
      <c r="AC1641" s="55"/>
      <c r="AD1641" s="55"/>
      <c r="AE1641" s="55"/>
      <c r="AF1641" s="55"/>
      <c r="AG1641" s="55"/>
      <c r="AY1641" s="162"/>
      <c r="AZ1641" s="162"/>
      <c r="BA1641" s="162"/>
      <c r="BB1641" s="162"/>
      <c r="BC1641" s="162"/>
      <c r="BD1641" s="162"/>
      <c r="BE1641" s="162"/>
      <c r="BF1641" s="162"/>
      <c r="BG1641" s="162"/>
      <c r="BH1641" s="162"/>
      <c r="BI1641" s="162"/>
      <c r="BJ1641" s="162"/>
      <c r="BK1641" s="162"/>
      <c r="BL1641" s="162"/>
      <c r="BM1641" s="162"/>
      <c r="BN1641" s="162"/>
      <c r="BO1641" s="162"/>
      <c r="BP1641" s="162"/>
      <c r="BQ1641" s="162"/>
      <c r="BR1641" s="162"/>
      <c r="BS1641" s="162"/>
      <c r="BT1641" s="162"/>
      <c r="BU1641" s="162"/>
      <c r="BV1641" s="162"/>
      <c r="BW1641" s="162"/>
      <c r="BX1641" s="162"/>
      <c r="BY1641" s="162"/>
      <c r="BZ1641" s="162"/>
      <c r="CA1641" s="162"/>
      <c r="CB1641" s="162"/>
      <c r="CC1641" s="162"/>
      <c r="CD1641" s="162"/>
      <c r="CE1641" s="162"/>
      <c r="CF1641" s="162"/>
      <c r="CG1641" s="162"/>
      <c r="CH1641" s="162"/>
      <c r="CI1641" s="162"/>
      <c r="CJ1641" s="162"/>
      <c r="CK1641" s="162"/>
      <c r="CX1641" s="98"/>
      <c r="DL1641" s="97"/>
      <c r="DX1641" s="98"/>
      <c r="EL1641" s="97"/>
      <c r="EX1641" s="98"/>
      <c r="EY1641" s="97"/>
      <c r="FL1641" s="126"/>
      <c r="FM1641" s="91"/>
      <c r="FN1641" s="91"/>
      <c r="FO1641" s="91"/>
      <c r="FP1641" s="91"/>
      <c r="FQ1641" s="91"/>
      <c r="FR1641" s="91"/>
      <c r="FS1641" s="91"/>
      <c r="FT1641" s="91"/>
      <c r="FU1641" s="91"/>
      <c r="FV1641" s="91"/>
      <c r="FW1641" s="91"/>
      <c r="FX1641" s="91"/>
      <c r="FY1641" s="91"/>
      <c r="FZ1641" s="91"/>
      <c r="GA1641" s="91"/>
      <c r="GB1641" s="91"/>
      <c r="GC1641" s="91"/>
      <c r="GD1641" s="91"/>
      <c r="GE1641" s="91"/>
      <c r="GF1641" s="91"/>
      <c r="GG1641" s="91"/>
      <c r="GH1641" s="91"/>
      <c r="GI1641" s="91"/>
      <c r="GJ1641" s="91"/>
      <c r="GK1641" s="127"/>
      <c r="GL1641" s="126"/>
      <c r="GM1641" s="91"/>
      <c r="GN1641" s="91"/>
      <c r="GO1641" s="91"/>
      <c r="GP1641" s="91"/>
      <c r="GQ1641" s="91"/>
      <c r="GR1641" s="91"/>
      <c r="GS1641" s="91"/>
      <c r="GT1641" s="91"/>
      <c r="GU1641" s="91"/>
      <c r="GV1641" s="91"/>
      <c r="GW1641" s="91"/>
      <c r="GX1641" s="91"/>
      <c r="GY1641" s="91"/>
      <c r="GZ1641" s="91"/>
      <c r="HA1641" s="91"/>
      <c r="HB1641" s="91"/>
      <c r="HC1641" s="91"/>
      <c r="HD1641" s="91"/>
      <c r="HE1641" s="91"/>
      <c r="HF1641" s="91"/>
      <c r="HG1641" s="91"/>
      <c r="HH1641" s="91"/>
      <c r="HI1641" s="91"/>
      <c r="HJ1641" s="91"/>
      <c r="HK1641" s="127"/>
      <c r="HL1641" s="126"/>
      <c r="HM1641" s="91"/>
      <c r="HN1641" s="91"/>
      <c r="HO1641" s="91"/>
      <c r="HP1641" s="91"/>
      <c r="HQ1641" s="91"/>
      <c r="HR1641" s="91"/>
      <c r="HS1641" s="91"/>
      <c r="HT1641" s="91"/>
      <c r="HU1641" s="91"/>
      <c r="HV1641" s="91"/>
      <c r="HW1641" s="91"/>
      <c r="HX1641" s="91"/>
      <c r="HY1641" s="91"/>
      <c r="HZ1641" s="91"/>
      <c r="IA1641" s="91"/>
      <c r="IB1641" s="91"/>
      <c r="IC1641" s="91"/>
      <c r="ID1641" s="91"/>
      <c r="IE1641" s="91"/>
      <c r="IF1641" s="91"/>
      <c r="IG1641" s="91"/>
      <c r="IH1641" s="91"/>
      <c r="II1641" s="91"/>
      <c r="IJ1641" s="91"/>
      <c r="IK1641" s="127"/>
    </row>
    <row r="1642" spans="2:245" x14ac:dyDescent="0.2">
      <c r="B1642" s="43"/>
      <c r="C1642" s="73"/>
      <c r="D1642" s="64"/>
      <c r="E1642" s="64"/>
      <c r="F1642" s="55"/>
      <c r="G1642" s="102"/>
      <c r="H1642" s="55"/>
      <c r="I1642" s="55"/>
      <c r="J1642" s="55"/>
      <c r="K1642" s="55"/>
      <c r="L1642" s="55"/>
      <c r="M1642" s="55"/>
      <c r="N1642" s="55"/>
      <c r="O1642" s="55"/>
      <c r="P1642" s="55"/>
      <c r="Q1642" s="55"/>
      <c r="R1642" s="55"/>
      <c r="S1642" s="55"/>
      <c r="T1642" s="55"/>
      <c r="U1642" s="55"/>
      <c r="V1642" s="55"/>
      <c r="W1642" s="55"/>
      <c r="X1642" s="55"/>
      <c r="Y1642" s="55"/>
      <c r="Z1642" s="55"/>
      <c r="AA1642" s="55"/>
      <c r="AB1642" s="55"/>
      <c r="AC1642" s="55"/>
      <c r="AD1642" s="55"/>
      <c r="AE1642" s="55"/>
      <c r="AF1642" s="55"/>
      <c r="AG1642" s="55"/>
      <c r="AY1642" s="162"/>
      <c r="AZ1642" s="162"/>
      <c r="BA1642" s="162"/>
      <c r="BB1642" s="162"/>
      <c r="BC1642" s="162"/>
      <c r="BD1642" s="162"/>
      <c r="BE1642" s="162"/>
      <c r="BF1642" s="162"/>
      <c r="BG1642" s="162"/>
      <c r="BH1642" s="162"/>
      <c r="BI1642" s="162"/>
      <c r="BJ1642" s="162"/>
      <c r="BK1642" s="162"/>
      <c r="BL1642" s="162"/>
      <c r="BM1642" s="162"/>
      <c r="BN1642" s="162"/>
      <c r="BO1642" s="162"/>
      <c r="BP1642" s="162"/>
      <c r="BQ1642" s="162"/>
      <c r="BR1642" s="162"/>
      <c r="BS1642" s="162"/>
      <c r="BT1642" s="162"/>
      <c r="BU1642" s="162"/>
      <c r="BV1642" s="162"/>
      <c r="BW1642" s="162"/>
      <c r="BX1642" s="162"/>
      <c r="BY1642" s="162"/>
      <c r="BZ1642" s="162"/>
      <c r="CA1642" s="162"/>
      <c r="CB1642" s="162"/>
      <c r="CC1642" s="162"/>
      <c r="CD1642" s="162"/>
      <c r="CE1642" s="162"/>
      <c r="CF1642" s="162"/>
      <c r="CG1642" s="162"/>
      <c r="CH1642" s="162"/>
      <c r="CI1642" s="162"/>
      <c r="CJ1642" s="162"/>
      <c r="CK1642" s="162"/>
      <c r="CX1642" s="98"/>
      <c r="DL1642" s="97"/>
      <c r="DX1642" s="98"/>
      <c r="EL1642" s="97"/>
      <c r="EX1642" s="98"/>
      <c r="EY1642" s="97"/>
      <c r="FL1642" s="126"/>
      <c r="FM1642" s="91"/>
      <c r="FN1642" s="91"/>
      <c r="FO1642" s="91"/>
      <c r="FP1642" s="91"/>
      <c r="FQ1642" s="91"/>
      <c r="FR1642" s="91"/>
      <c r="FS1642" s="91"/>
      <c r="FT1642" s="91"/>
      <c r="FU1642" s="91"/>
      <c r="FV1642" s="91"/>
      <c r="FW1642" s="91"/>
      <c r="FX1642" s="91"/>
      <c r="FY1642" s="91"/>
      <c r="FZ1642" s="91"/>
      <c r="GA1642" s="91"/>
      <c r="GB1642" s="91"/>
      <c r="GC1642" s="91"/>
      <c r="GD1642" s="91"/>
      <c r="GE1642" s="91"/>
      <c r="GF1642" s="91"/>
      <c r="GG1642" s="91"/>
      <c r="GH1642" s="91"/>
      <c r="GI1642" s="91"/>
      <c r="GJ1642" s="91"/>
      <c r="GK1642" s="127"/>
      <c r="GL1642" s="126"/>
      <c r="GM1642" s="91"/>
      <c r="GN1642" s="91"/>
      <c r="GO1642" s="91"/>
      <c r="GP1642" s="91"/>
      <c r="GQ1642" s="91"/>
      <c r="GR1642" s="91"/>
      <c r="GS1642" s="91"/>
      <c r="GT1642" s="91"/>
      <c r="GU1642" s="91"/>
      <c r="GV1642" s="91"/>
      <c r="GW1642" s="91"/>
      <c r="GX1642" s="91"/>
      <c r="GY1642" s="91"/>
      <c r="GZ1642" s="91"/>
      <c r="HA1642" s="91"/>
      <c r="HB1642" s="91"/>
      <c r="HC1642" s="91"/>
      <c r="HD1642" s="91"/>
      <c r="HE1642" s="91"/>
      <c r="HF1642" s="91"/>
      <c r="HG1642" s="91"/>
      <c r="HH1642" s="91"/>
      <c r="HI1642" s="91"/>
      <c r="HJ1642" s="91"/>
      <c r="HK1642" s="127"/>
      <c r="HL1642" s="126"/>
      <c r="HM1642" s="91"/>
      <c r="HN1642" s="91"/>
      <c r="HO1642" s="91"/>
      <c r="HP1642" s="91"/>
      <c r="HQ1642" s="91"/>
      <c r="HR1642" s="91"/>
      <c r="HS1642" s="91"/>
      <c r="HT1642" s="91"/>
      <c r="HU1642" s="91"/>
      <c r="HV1642" s="91"/>
      <c r="HW1642" s="91"/>
      <c r="HX1642" s="91"/>
      <c r="HY1642" s="91"/>
      <c r="HZ1642" s="91"/>
      <c r="IA1642" s="91"/>
      <c r="IB1642" s="91"/>
      <c r="IC1642" s="91"/>
      <c r="ID1642" s="91"/>
      <c r="IE1642" s="91"/>
      <c r="IF1642" s="91"/>
      <c r="IG1642" s="91"/>
      <c r="IH1642" s="91"/>
      <c r="II1642" s="91"/>
      <c r="IJ1642" s="91"/>
      <c r="IK1642" s="127"/>
    </row>
    <row r="1643" spans="2:245" x14ac:dyDescent="0.2">
      <c r="B1643" s="43"/>
      <c r="C1643" s="73"/>
      <c r="D1643" s="64"/>
      <c r="E1643" s="64"/>
      <c r="F1643" s="55"/>
      <c r="G1643" s="102"/>
      <c r="H1643" s="55"/>
      <c r="I1643" s="55"/>
      <c r="J1643" s="55"/>
      <c r="K1643" s="55"/>
      <c r="L1643" s="55"/>
      <c r="M1643" s="55"/>
      <c r="N1643" s="55"/>
      <c r="O1643" s="55"/>
      <c r="P1643" s="55"/>
      <c r="Q1643" s="55"/>
      <c r="R1643" s="55"/>
      <c r="S1643" s="55"/>
      <c r="T1643" s="55"/>
      <c r="U1643" s="55"/>
      <c r="V1643" s="55"/>
      <c r="W1643" s="55"/>
      <c r="X1643" s="55"/>
      <c r="Y1643" s="55"/>
      <c r="Z1643" s="55"/>
      <c r="AA1643" s="55"/>
      <c r="AB1643" s="55"/>
      <c r="AC1643" s="55"/>
      <c r="AD1643" s="55"/>
      <c r="AE1643" s="55"/>
      <c r="AF1643" s="55"/>
      <c r="AG1643" s="55"/>
      <c r="AY1643" s="162"/>
      <c r="AZ1643" s="162"/>
      <c r="BA1643" s="162"/>
      <c r="BB1643" s="162"/>
      <c r="BC1643" s="162"/>
      <c r="BD1643" s="162"/>
      <c r="BE1643" s="162"/>
      <c r="BF1643" s="162"/>
      <c r="BG1643" s="162"/>
      <c r="BH1643" s="162"/>
      <c r="BI1643" s="162"/>
      <c r="BJ1643" s="162"/>
      <c r="BK1643" s="162"/>
      <c r="BL1643" s="162"/>
      <c r="BM1643" s="162"/>
      <c r="BN1643" s="162"/>
      <c r="BO1643" s="162"/>
      <c r="BP1643" s="162"/>
      <c r="BQ1643" s="162"/>
      <c r="BR1643" s="162"/>
      <c r="BS1643" s="162"/>
      <c r="BT1643" s="162"/>
      <c r="BU1643" s="162"/>
      <c r="BV1643" s="162"/>
      <c r="BW1643" s="162"/>
      <c r="BX1643" s="162"/>
      <c r="BY1643" s="162"/>
      <c r="BZ1643" s="162"/>
      <c r="CA1643" s="162"/>
      <c r="CB1643" s="162"/>
      <c r="CC1643" s="162"/>
      <c r="CD1643" s="162"/>
      <c r="CE1643" s="162"/>
      <c r="CF1643" s="162"/>
      <c r="CG1643" s="162"/>
      <c r="CH1643" s="162"/>
      <c r="CI1643" s="162"/>
      <c r="CJ1643" s="162"/>
      <c r="CK1643" s="162"/>
      <c r="CX1643" s="98"/>
      <c r="DL1643" s="97"/>
      <c r="DX1643" s="98"/>
      <c r="EL1643" s="97"/>
      <c r="EX1643" s="98"/>
      <c r="EY1643" s="97"/>
      <c r="FL1643" s="126"/>
      <c r="FM1643" s="91"/>
      <c r="FN1643" s="91"/>
      <c r="FO1643" s="91"/>
      <c r="FP1643" s="91"/>
      <c r="FQ1643" s="91"/>
      <c r="FR1643" s="91"/>
      <c r="FS1643" s="91"/>
      <c r="FT1643" s="91"/>
      <c r="FU1643" s="91"/>
      <c r="FV1643" s="91"/>
      <c r="FW1643" s="91"/>
      <c r="FX1643" s="91"/>
      <c r="FY1643" s="91"/>
      <c r="FZ1643" s="91"/>
      <c r="GA1643" s="91"/>
      <c r="GB1643" s="91"/>
      <c r="GC1643" s="91"/>
      <c r="GD1643" s="91"/>
      <c r="GE1643" s="91"/>
      <c r="GF1643" s="91"/>
      <c r="GG1643" s="91"/>
      <c r="GH1643" s="91"/>
      <c r="GI1643" s="91"/>
      <c r="GJ1643" s="91"/>
      <c r="GK1643" s="127"/>
      <c r="GL1643" s="126"/>
      <c r="GM1643" s="91"/>
      <c r="GN1643" s="91"/>
      <c r="GO1643" s="91"/>
      <c r="GP1643" s="91"/>
      <c r="GQ1643" s="91"/>
      <c r="GR1643" s="91"/>
      <c r="GS1643" s="91"/>
      <c r="GT1643" s="91"/>
      <c r="GU1643" s="91"/>
      <c r="GV1643" s="91"/>
      <c r="GW1643" s="91"/>
      <c r="GX1643" s="91"/>
      <c r="GY1643" s="91"/>
      <c r="GZ1643" s="91"/>
      <c r="HA1643" s="91"/>
      <c r="HB1643" s="91"/>
      <c r="HC1643" s="91"/>
      <c r="HD1643" s="91"/>
      <c r="HE1643" s="91"/>
      <c r="HF1643" s="91"/>
      <c r="HG1643" s="91"/>
      <c r="HH1643" s="91"/>
      <c r="HI1643" s="91"/>
      <c r="HJ1643" s="91"/>
      <c r="HK1643" s="127"/>
      <c r="HL1643" s="126"/>
      <c r="HM1643" s="91"/>
      <c r="HN1643" s="91"/>
      <c r="HO1643" s="91"/>
      <c r="HP1643" s="91"/>
      <c r="HQ1643" s="91"/>
      <c r="HR1643" s="91"/>
      <c r="HS1643" s="91"/>
      <c r="HT1643" s="91"/>
      <c r="HU1643" s="91"/>
      <c r="HV1643" s="91"/>
      <c r="HW1643" s="91"/>
      <c r="HX1643" s="91"/>
      <c r="HY1643" s="91"/>
      <c r="HZ1643" s="91"/>
      <c r="IA1643" s="91"/>
      <c r="IB1643" s="91"/>
      <c r="IC1643" s="91"/>
      <c r="ID1643" s="91"/>
      <c r="IE1643" s="91"/>
      <c r="IF1643" s="91"/>
      <c r="IG1643" s="91"/>
      <c r="IH1643" s="91"/>
      <c r="II1643" s="91"/>
      <c r="IJ1643" s="91"/>
      <c r="IK1643" s="127"/>
    </row>
    <row r="1644" spans="2:245" x14ac:dyDescent="0.2">
      <c r="B1644" s="43"/>
      <c r="C1644" s="73"/>
      <c r="D1644" s="64"/>
      <c r="E1644" s="64"/>
      <c r="F1644" s="55"/>
      <c r="G1644" s="102"/>
      <c r="H1644" s="55"/>
      <c r="I1644" s="55"/>
      <c r="J1644" s="55"/>
      <c r="K1644" s="55"/>
      <c r="L1644" s="55"/>
      <c r="M1644" s="55"/>
      <c r="N1644" s="55"/>
      <c r="O1644" s="55"/>
      <c r="P1644" s="55"/>
      <c r="Q1644" s="55"/>
      <c r="R1644" s="55"/>
      <c r="S1644" s="55"/>
      <c r="T1644" s="55"/>
      <c r="U1644" s="55"/>
      <c r="V1644" s="55"/>
      <c r="W1644" s="55"/>
      <c r="X1644" s="55"/>
      <c r="Y1644" s="55"/>
      <c r="Z1644" s="55"/>
      <c r="AA1644" s="55"/>
      <c r="AB1644" s="55"/>
      <c r="AC1644" s="55"/>
      <c r="AD1644" s="55"/>
      <c r="AE1644" s="55"/>
      <c r="AF1644" s="55"/>
      <c r="AG1644" s="55"/>
      <c r="AY1644" s="162"/>
      <c r="AZ1644" s="162"/>
      <c r="BA1644" s="162"/>
      <c r="BB1644" s="162"/>
      <c r="BC1644" s="162"/>
      <c r="BD1644" s="162"/>
      <c r="BE1644" s="162"/>
      <c r="BF1644" s="162"/>
      <c r="BG1644" s="162"/>
      <c r="BH1644" s="162"/>
      <c r="BI1644" s="162"/>
      <c r="BJ1644" s="162"/>
      <c r="BK1644" s="162"/>
      <c r="BL1644" s="162"/>
      <c r="BM1644" s="162"/>
      <c r="BN1644" s="162"/>
      <c r="BO1644" s="162"/>
      <c r="BP1644" s="162"/>
      <c r="BQ1644" s="162"/>
      <c r="BR1644" s="162"/>
      <c r="BS1644" s="162"/>
      <c r="BT1644" s="162"/>
      <c r="BU1644" s="162"/>
      <c r="BV1644" s="162"/>
      <c r="BW1644" s="162"/>
      <c r="BX1644" s="162"/>
      <c r="BY1644" s="162"/>
      <c r="BZ1644" s="162"/>
      <c r="CA1644" s="162"/>
      <c r="CB1644" s="162"/>
      <c r="CC1644" s="162"/>
      <c r="CD1644" s="162"/>
      <c r="CE1644" s="162"/>
      <c r="CF1644" s="162"/>
      <c r="CG1644" s="162"/>
      <c r="CH1644" s="162"/>
      <c r="CI1644" s="162"/>
      <c r="CJ1644" s="162"/>
      <c r="CK1644" s="162"/>
      <c r="CX1644" s="98"/>
      <c r="DL1644" s="97"/>
      <c r="DX1644" s="98"/>
      <c r="EL1644" s="97"/>
      <c r="EX1644" s="98"/>
      <c r="EY1644" s="97"/>
      <c r="FL1644" s="126"/>
      <c r="FM1644" s="91"/>
      <c r="FN1644" s="91"/>
      <c r="FO1644" s="91"/>
      <c r="FP1644" s="91"/>
      <c r="FQ1644" s="91"/>
      <c r="FR1644" s="91"/>
      <c r="FS1644" s="91"/>
      <c r="FT1644" s="91"/>
      <c r="FU1644" s="91"/>
      <c r="FV1644" s="91"/>
      <c r="FW1644" s="91"/>
      <c r="FX1644" s="91"/>
      <c r="FY1644" s="91"/>
      <c r="FZ1644" s="91"/>
      <c r="GA1644" s="91"/>
      <c r="GB1644" s="91"/>
      <c r="GC1644" s="91"/>
      <c r="GD1644" s="91"/>
      <c r="GE1644" s="91"/>
      <c r="GF1644" s="91"/>
      <c r="GG1644" s="91"/>
      <c r="GH1644" s="91"/>
      <c r="GI1644" s="91"/>
      <c r="GJ1644" s="91"/>
      <c r="GK1644" s="127"/>
      <c r="GL1644" s="126"/>
      <c r="GM1644" s="91"/>
      <c r="GN1644" s="91"/>
      <c r="GO1644" s="91"/>
      <c r="GP1644" s="91"/>
      <c r="GQ1644" s="91"/>
      <c r="GR1644" s="91"/>
      <c r="GS1644" s="91"/>
      <c r="GT1644" s="91"/>
      <c r="GU1644" s="91"/>
      <c r="GV1644" s="91"/>
      <c r="GW1644" s="91"/>
      <c r="GX1644" s="91"/>
      <c r="GY1644" s="91"/>
      <c r="GZ1644" s="91"/>
      <c r="HA1644" s="91"/>
      <c r="HB1644" s="91"/>
      <c r="HC1644" s="91"/>
      <c r="HD1644" s="91"/>
      <c r="HE1644" s="91"/>
      <c r="HF1644" s="91"/>
      <c r="HG1644" s="91"/>
      <c r="HH1644" s="91"/>
      <c r="HI1644" s="91"/>
      <c r="HJ1644" s="91"/>
      <c r="HK1644" s="127"/>
      <c r="HL1644" s="126"/>
      <c r="HM1644" s="91"/>
      <c r="HN1644" s="91"/>
      <c r="HO1644" s="91"/>
      <c r="HP1644" s="91"/>
      <c r="HQ1644" s="91"/>
      <c r="HR1644" s="91"/>
      <c r="HS1644" s="91"/>
      <c r="HT1644" s="91"/>
      <c r="HU1644" s="91"/>
      <c r="HV1644" s="91"/>
      <c r="HW1644" s="91"/>
      <c r="HX1644" s="91"/>
      <c r="HY1644" s="91"/>
      <c r="HZ1644" s="91"/>
      <c r="IA1644" s="91"/>
      <c r="IB1644" s="91"/>
      <c r="IC1644" s="91"/>
      <c r="ID1644" s="91"/>
      <c r="IE1644" s="91"/>
      <c r="IF1644" s="91"/>
      <c r="IG1644" s="91"/>
      <c r="IH1644" s="91"/>
      <c r="II1644" s="91"/>
      <c r="IJ1644" s="91"/>
      <c r="IK1644" s="127"/>
    </row>
    <row r="1645" spans="2:245" x14ac:dyDescent="0.2">
      <c r="B1645" s="43"/>
      <c r="C1645" s="73"/>
      <c r="D1645" s="64"/>
      <c r="E1645" s="64"/>
      <c r="F1645" s="55"/>
      <c r="G1645" s="102"/>
      <c r="H1645" s="55"/>
      <c r="I1645" s="55"/>
      <c r="J1645" s="55"/>
      <c r="K1645" s="55"/>
      <c r="L1645" s="55"/>
      <c r="M1645" s="55"/>
      <c r="N1645" s="55"/>
      <c r="O1645" s="55"/>
      <c r="P1645" s="55"/>
      <c r="Q1645" s="55"/>
      <c r="R1645" s="55"/>
      <c r="S1645" s="55"/>
      <c r="T1645" s="55"/>
      <c r="U1645" s="55"/>
      <c r="V1645" s="55"/>
      <c r="W1645" s="55"/>
      <c r="X1645" s="55"/>
      <c r="Y1645" s="55"/>
      <c r="Z1645" s="55"/>
      <c r="AA1645" s="55"/>
      <c r="AB1645" s="55"/>
      <c r="AC1645" s="55"/>
      <c r="AD1645" s="55"/>
      <c r="AE1645" s="55"/>
      <c r="AF1645" s="55"/>
      <c r="AG1645" s="55"/>
      <c r="AY1645" s="162"/>
      <c r="AZ1645" s="162"/>
      <c r="BA1645" s="162"/>
      <c r="BB1645" s="162"/>
      <c r="BC1645" s="162"/>
      <c r="BD1645" s="162"/>
      <c r="BE1645" s="162"/>
      <c r="BF1645" s="162"/>
      <c r="BG1645" s="162"/>
      <c r="BH1645" s="162"/>
      <c r="BI1645" s="162"/>
      <c r="BJ1645" s="162"/>
      <c r="BK1645" s="162"/>
      <c r="BL1645" s="162"/>
      <c r="BM1645" s="162"/>
      <c r="BN1645" s="162"/>
      <c r="BO1645" s="162"/>
      <c r="BP1645" s="162"/>
      <c r="BQ1645" s="162"/>
      <c r="BR1645" s="162"/>
      <c r="BS1645" s="162"/>
      <c r="BT1645" s="162"/>
      <c r="BU1645" s="162"/>
      <c r="BV1645" s="162"/>
      <c r="BW1645" s="162"/>
      <c r="BX1645" s="162"/>
      <c r="BY1645" s="162"/>
      <c r="BZ1645" s="162"/>
      <c r="CA1645" s="162"/>
      <c r="CB1645" s="162"/>
      <c r="CC1645" s="162"/>
      <c r="CD1645" s="162"/>
      <c r="CE1645" s="162"/>
      <c r="CF1645" s="162"/>
      <c r="CG1645" s="162"/>
      <c r="CH1645" s="162"/>
      <c r="CI1645" s="162"/>
      <c r="CJ1645" s="162"/>
      <c r="CK1645" s="162"/>
      <c r="CX1645" s="98"/>
      <c r="DL1645" s="97"/>
      <c r="DX1645" s="98"/>
      <c r="EL1645" s="97"/>
      <c r="EX1645" s="98"/>
      <c r="EY1645" s="97"/>
      <c r="FL1645" s="126"/>
      <c r="FM1645" s="91"/>
      <c r="FN1645" s="91"/>
      <c r="FO1645" s="91"/>
      <c r="FP1645" s="91"/>
      <c r="FQ1645" s="91"/>
      <c r="FR1645" s="91"/>
      <c r="FS1645" s="91"/>
      <c r="FT1645" s="91"/>
      <c r="FU1645" s="91"/>
      <c r="FV1645" s="91"/>
      <c r="FW1645" s="91"/>
      <c r="FX1645" s="91"/>
      <c r="FY1645" s="91"/>
      <c r="FZ1645" s="91"/>
      <c r="GA1645" s="91"/>
      <c r="GB1645" s="91"/>
      <c r="GC1645" s="91"/>
      <c r="GD1645" s="91"/>
      <c r="GE1645" s="91"/>
      <c r="GF1645" s="91"/>
      <c r="GG1645" s="91"/>
      <c r="GH1645" s="91"/>
      <c r="GI1645" s="91"/>
      <c r="GJ1645" s="91"/>
      <c r="GK1645" s="127"/>
      <c r="GL1645" s="126"/>
      <c r="GM1645" s="91"/>
      <c r="GN1645" s="91"/>
      <c r="GO1645" s="91"/>
      <c r="GP1645" s="91"/>
      <c r="GQ1645" s="91"/>
      <c r="GR1645" s="91"/>
      <c r="GS1645" s="91"/>
      <c r="GT1645" s="91"/>
      <c r="GU1645" s="91"/>
      <c r="GV1645" s="91"/>
      <c r="GW1645" s="91"/>
      <c r="GX1645" s="91"/>
      <c r="GY1645" s="91"/>
      <c r="GZ1645" s="91"/>
      <c r="HA1645" s="91"/>
      <c r="HB1645" s="91"/>
      <c r="HC1645" s="91"/>
      <c r="HD1645" s="91"/>
      <c r="HE1645" s="91"/>
      <c r="HF1645" s="91"/>
      <c r="HG1645" s="91"/>
      <c r="HH1645" s="91"/>
      <c r="HI1645" s="91"/>
      <c r="HJ1645" s="91"/>
      <c r="HK1645" s="127"/>
      <c r="HL1645" s="126"/>
      <c r="HM1645" s="91"/>
      <c r="HN1645" s="91"/>
      <c r="HO1645" s="91"/>
      <c r="HP1645" s="91"/>
      <c r="HQ1645" s="91"/>
      <c r="HR1645" s="91"/>
      <c r="HS1645" s="91"/>
      <c r="HT1645" s="91"/>
      <c r="HU1645" s="91"/>
      <c r="HV1645" s="91"/>
      <c r="HW1645" s="91"/>
      <c r="HX1645" s="91"/>
      <c r="HY1645" s="91"/>
      <c r="HZ1645" s="91"/>
      <c r="IA1645" s="91"/>
      <c r="IB1645" s="91"/>
      <c r="IC1645" s="91"/>
      <c r="ID1645" s="91"/>
      <c r="IE1645" s="91"/>
      <c r="IF1645" s="91"/>
      <c r="IG1645" s="91"/>
      <c r="IH1645" s="91"/>
      <c r="II1645" s="91"/>
      <c r="IJ1645" s="91"/>
      <c r="IK1645" s="127"/>
    </row>
    <row r="1646" spans="2:245" x14ac:dyDescent="0.2">
      <c r="B1646" s="43"/>
      <c r="C1646" s="73"/>
      <c r="D1646" s="64"/>
      <c r="E1646" s="64"/>
      <c r="F1646" s="55"/>
      <c r="G1646" s="102"/>
      <c r="H1646" s="55"/>
      <c r="I1646" s="55"/>
      <c r="J1646" s="55"/>
      <c r="K1646" s="55"/>
      <c r="L1646" s="55"/>
      <c r="M1646" s="55"/>
      <c r="N1646" s="55"/>
      <c r="O1646" s="55"/>
      <c r="P1646" s="55"/>
      <c r="Q1646" s="55"/>
      <c r="R1646" s="55"/>
      <c r="S1646" s="55"/>
      <c r="T1646" s="55"/>
      <c r="U1646" s="55"/>
      <c r="V1646" s="55"/>
      <c r="W1646" s="55"/>
      <c r="X1646" s="55"/>
      <c r="Y1646" s="55"/>
      <c r="Z1646" s="55"/>
      <c r="AA1646" s="55"/>
      <c r="AB1646" s="55"/>
      <c r="AC1646" s="55"/>
      <c r="AD1646" s="55"/>
      <c r="AE1646" s="55"/>
      <c r="AF1646" s="55"/>
      <c r="AG1646" s="55"/>
      <c r="AY1646" s="162"/>
      <c r="AZ1646" s="162"/>
      <c r="BA1646" s="162"/>
      <c r="BB1646" s="162"/>
      <c r="BC1646" s="162"/>
      <c r="BD1646" s="162"/>
      <c r="BE1646" s="162"/>
      <c r="BF1646" s="162"/>
      <c r="BG1646" s="162"/>
      <c r="BH1646" s="162"/>
      <c r="BI1646" s="162"/>
      <c r="BJ1646" s="162"/>
      <c r="BK1646" s="162"/>
      <c r="BL1646" s="162"/>
      <c r="BM1646" s="162"/>
      <c r="BN1646" s="162"/>
      <c r="BO1646" s="162"/>
      <c r="BP1646" s="162"/>
      <c r="BQ1646" s="162"/>
      <c r="BR1646" s="162"/>
      <c r="BS1646" s="162"/>
      <c r="BT1646" s="162"/>
      <c r="BU1646" s="162"/>
      <c r="BV1646" s="162"/>
      <c r="BW1646" s="162"/>
      <c r="BX1646" s="162"/>
      <c r="BY1646" s="162"/>
      <c r="BZ1646" s="162"/>
      <c r="CA1646" s="162"/>
      <c r="CB1646" s="162"/>
      <c r="CC1646" s="162"/>
      <c r="CD1646" s="162"/>
      <c r="CE1646" s="162"/>
      <c r="CF1646" s="162"/>
      <c r="CG1646" s="162"/>
      <c r="CH1646" s="162"/>
      <c r="CI1646" s="162"/>
      <c r="CJ1646" s="162"/>
      <c r="CK1646" s="162"/>
      <c r="CX1646" s="98"/>
      <c r="DL1646" s="97"/>
      <c r="DX1646" s="98"/>
      <c r="EL1646" s="97"/>
      <c r="EX1646" s="98"/>
      <c r="EY1646" s="97"/>
      <c r="FL1646" s="126"/>
      <c r="FM1646" s="91"/>
      <c r="FN1646" s="91"/>
      <c r="FO1646" s="91"/>
      <c r="FP1646" s="91"/>
      <c r="FQ1646" s="91"/>
      <c r="FR1646" s="91"/>
      <c r="FS1646" s="91"/>
      <c r="FT1646" s="91"/>
      <c r="FU1646" s="91"/>
      <c r="FV1646" s="91"/>
      <c r="FW1646" s="91"/>
      <c r="FX1646" s="91"/>
      <c r="FY1646" s="91"/>
      <c r="FZ1646" s="91"/>
      <c r="GA1646" s="91"/>
      <c r="GB1646" s="91"/>
      <c r="GC1646" s="91"/>
      <c r="GD1646" s="91"/>
      <c r="GE1646" s="91"/>
      <c r="GF1646" s="91"/>
      <c r="GG1646" s="91"/>
      <c r="GH1646" s="91"/>
      <c r="GI1646" s="91"/>
      <c r="GJ1646" s="91"/>
      <c r="GK1646" s="127"/>
      <c r="GL1646" s="126"/>
      <c r="GM1646" s="91"/>
      <c r="GN1646" s="91"/>
      <c r="GO1646" s="91"/>
      <c r="GP1646" s="91"/>
      <c r="GQ1646" s="91"/>
      <c r="GR1646" s="91"/>
      <c r="GS1646" s="91"/>
      <c r="GT1646" s="91"/>
      <c r="GU1646" s="91"/>
      <c r="GV1646" s="91"/>
      <c r="GW1646" s="91"/>
      <c r="GX1646" s="91"/>
      <c r="GY1646" s="91"/>
      <c r="GZ1646" s="91"/>
      <c r="HA1646" s="91"/>
      <c r="HB1646" s="91"/>
      <c r="HC1646" s="91"/>
      <c r="HD1646" s="91"/>
      <c r="HE1646" s="91"/>
      <c r="HF1646" s="91"/>
      <c r="HG1646" s="91"/>
      <c r="HH1646" s="91"/>
      <c r="HI1646" s="91"/>
      <c r="HJ1646" s="91"/>
      <c r="HK1646" s="127"/>
      <c r="HL1646" s="126"/>
      <c r="HM1646" s="91"/>
      <c r="HN1646" s="91"/>
      <c r="HO1646" s="91"/>
      <c r="HP1646" s="91"/>
      <c r="HQ1646" s="91"/>
      <c r="HR1646" s="91"/>
      <c r="HS1646" s="91"/>
      <c r="HT1646" s="91"/>
      <c r="HU1646" s="91"/>
      <c r="HV1646" s="91"/>
      <c r="HW1646" s="91"/>
      <c r="HX1646" s="91"/>
      <c r="HY1646" s="91"/>
      <c r="HZ1646" s="91"/>
      <c r="IA1646" s="91"/>
      <c r="IB1646" s="91"/>
      <c r="IC1646" s="91"/>
      <c r="ID1646" s="91"/>
      <c r="IE1646" s="91"/>
      <c r="IF1646" s="91"/>
      <c r="IG1646" s="91"/>
      <c r="IH1646" s="91"/>
      <c r="II1646" s="91"/>
      <c r="IJ1646" s="91"/>
      <c r="IK1646" s="127"/>
    </row>
    <row r="1647" spans="2:245" x14ac:dyDescent="0.2">
      <c r="B1647" s="43"/>
      <c r="C1647" s="73"/>
      <c r="D1647" s="64"/>
      <c r="E1647" s="64"/>
      <c r="F1647" s="55"/>
      <c r="G1647" s="102"/>
      <c r="H1647" s="55"/>
      <c r="I1647" s="55"/>
      <c r="J1647" s="55"/>
      <c r="K1647" s="55"/>
      <c r="L1647" s="55"/>
      <c r="M1647" s="55"/>
      <c r="N1647" s="55"/>
      <c r="O1647" s="55"/>
      <c r="P1647" s="55"/>
      <c r="Q1647" s="55"/>
      <c r="R1647" s="55"/>
      <c r="S1647" s="55"/>
      <c r="T1647" s="55"/>
      <c r="U1647" s="55"/>
      <c r="V1647" s="55"/>
      <c r="W1647" s="55"/>
      <c r="X1647" s="55"/>
      <c r="Y1647" s="55"/>
      <c r="Z1647" s="55"/>
      <c r="AA1647" s="55"/>
      <c r="AB1647" s="55"/>
      <c r="AC1647" s="55"/>
      <c r="AD1647" s="55"/>
      <c r="AE1647" s="55"/>
      <c r="AF1647" s="55"/>
      <c r="AG1647" s="55"/>
      <c r="AY1647" s="162"/>
      <c r="AZ1647" s="162"/>
      <c r="BA1647" s="162"/>
      <c r="BB1647" s="162"/>
      <c r="BC1647" s="162"/>
      <c r="BD1647" s="162"/>
      <c r="BE1647" s="162"/>
      <c r="BF1647" s="162"/>
      <c r="BG1647" s="162"/>
      <c r="BH1647" s="162"/>
      <c r="BI1647" s="162"/>
      <c r="BJ1647" s="162"/>
      <c r="BK1647" s="162"/>
      <c r="BL1647" s="162"/>
      <c r="BM1647" s="162"/>
      <c r="BN1647" s="162"/>
      <c r="BO1647" s="162"/>
      <c r="BP1647" s="162"/>
      <c r="BQ1647" s="162"/>
      <c r="BR1647" s="162"/>
      <c r="BS1647" s="162"/>
      <c r="BT1647" s="162"/>
      <c r="BU1647" s="162"/>
      <c r="BV1647" s="162"/>
      <c r="BW1647" s="162"/>
      <c r="BX1647" s="162"/>
      <c r="BY1647" s="162"/>
      <c r="BZ1647" s="162"/>
      <c r="CA1647" s="162"/>
      <c r="CB1647" s="162"/>
      <c r="CC1647" s="162"/>
      <c r="CD1647" s="162"/>
      <c r="CE1647" s="162"/>
      <c r="CF1647" s="162"/>
      <c r="CG1647" s="162"/>
      <c r="CH1647" s="162"/>
      <c r="CI1647" s="162"/>
      <c r="CJ1647" s="162"/>
      <c r="CK1647" s="162"/>
      <c r="CX1647" s="98"/>
      <c r="DL1647" s="97"/>
      <c r="DX1647" s="98"/>
      <c r="EL1647" s="97"/>
      <c r="EX1647" s="98"/>
      <c r="EY1647" s="97"/>
      <c r="FL1647" s="126"/>
      <c r="FM1647" s="91"/>
      <c r="FN1647" s="91"/>
      <c r="FO1647" s="91"/>
      <c r="FP1647" s="91"/>
      <c r="FQ1647" s="91"/>
      <c r="FR1647" s="91"/>
      <c r="FS1647" s="91"/>
      <c r="FT1647" s="91"/>
      <c r="FU1647" s="91"/>
      <c r="FV1647" s="91"/>
      <c r="FW1647" s="91"/>
      <c r="FX1647" s="91"/>
      <c r="FY1647" s="91"/>
      <c r="FZ1647" s="91"/>
      <c r="GA1647" s="91"/>
      <c r="GB1647" s="91"/>
      <c r="GC1647" s="91"/>
      <c r="GD1647" s="91"/>
      <c r="GE1647" s="91"/>
      <c r="GF1647" s="91"/>
      <c r="GG1647" s="91"/>
      <c r="GH1647" s="91"/>
      <c r="GI1647" s="91"/>
      <c r="GJ1647" s="91"/>
      <c r="GK1647" s="127"/>
      <c r="GL1647" s="126"/>
      <c r="GM1647" s="91"/>
      <c r="GN1647" s="91"/>
      <c r="GO1647" s="91"/>
      <c r="GP1647" s="91"/>
      <c r="GQ1647" s="91"/>
      <c r="GR1647" s="91"/>
      <c r="GS1647" s="91"/>
      <c r="GT1647" s="91"/>
      <c r="GU1647" s="91"/>
      <c r="GV1647" s="91"/>
      <c r="GW1647" s="91"/>
      <c r="GX1647" s="91"/>
      <c r="GY1647" s="91"/>
      <c r="GZ1647" s="91"/>
      <c r="HA1647" s="91"/>
      <c r="HB1647" s="91"/>
      <c r="HC1647" s="91"/>
      <c r="HD1647" s="91"/>
      <c r="HE1647" s="91"/>
      <c r="HF1647" s="91"/>
      <c r="HG1647" s="91"/>
      <c r="HH1647" s="91"/>
      <c r="HI1647" s="91"/>
      <c r="HJ1647" s="91"/>
      <c r="HK1647" s="127"/>
      <c r="HL1647" s="126"/>
      <c r="HM1647" s="91"/>
      <c r="HN1647" s="91"/>
      <c r="HO1647" s="91"/>
      <c r="HP1647" s="91"/>
      <c r="HQ1647" s="91"/>
      <c r="HR1647" s="91"/>
      <c r="HS1647" s="91"/>
      <c r="HT1647" s="91"/>
      <c r="HU1647" s="91"/>
      <c r="HV1647" s="91"/>
      <c r="HW1647" s="91"/>
      <c r="HX1647" s="91"/>
      <c r="HY1647" s="91"/>
      <c r="HZ1647" s="91"/>
      <c r="IA1647" s="91"/>
      <c r="IB1647" s="91"/>
      <c r="IC1647" s="91"/>
      <c r="ID1647" s="91"/>
      <c r="IE1647" s="91"/>
      <c r="IF1647" s="91"/>
      <c r="IG1647" s="91"/>
      <c r="IH1647" s="91"/>
      <c r="II1647" s="91"/>
      <c r="IJ1647" s="91"/>
      <c r="IK1647" s="127"/>
    </row>
    <row r="1648" spans="2:245" x14ac:dyDescent="0.2">
      <c r="B1648" s="43"/>
      <c r="C1648" s="73"/>
      <c r="D1648" s="64"/>
      <c r="E1648" s="64"/>
      <c r="F1648" s="55"/>
      <c r="G1648" s="102"/>
      <c r="H1648" s="55"/>
      <c r="I1648" s="55"/>
      <c r="J1648" s="55"/>
      <c r="K1648" s="55"/>
      <c r="L1648" s="55"/>
      <c r="M1648" s="55"/>
      <c r="N1648" s="55"/>
      <c r="O1648" s="55"/>
      <c r="P1648" s="55"/>
      <c r="Q1648" s="55"/>
      <c r="R1648" s="55"/>
      <c r="S1648" s="55"/>
      <c r="T1648" s="55"/>
      <c r="U1648" s="55"/>
      <c r="V1648" s="55"/>
      <c r="W1648" s="55"/>
      <c r="X1648" s="55"/>
      <c r="Y1648" s="55"/>
      <c r="Z1648" s="55"/>
      <c r="AA1648" s="55"/>
      <c r="AB1648" s="55"/>
      <c r="AC1648" s="55"/>
      <c r="AD1648" s="55"/>
      <c r="AE1648" s="55"/>
      <c r="AF1648" s="55"/>
      <c r="AG1648" s="55"/>
      <c r="AY1648" s="162"/>
      <c r="AZ1648" s="162"/>
      <c r="BA1648" s="162"/>
      <c r="BB1648" s="162"/>
      <c r="BC1648" s="162"/>
      <c r="BD1648" s="162"/>
      <c r="BE1648" s="162"/>
      <c r="BF1648" s="162"/>
      <c r="BG1648" s="162"/>
      <c r="BH1648" s="162"/>
      <c r="BI1648" s="162"/>
      <c r="BJ1648" s="162"/>
      <c r="BK1648" s="162"/>
      <c r="BL1648" s="162"/>
      <c r="BM1648" s="162"/>
      <c r="BN1648" s="162"/>
      <c r="BO1648" s="162"/>
      <c r="BP1648" s="162"/>
      <c r="BQ1648" s="162"/>
      <c r="BR1648" s="162"/>
      <c r="BS1648" s="162"/>
      <c r="BT1648" s="162"/>
      <c r="BU1648" s="162"/>
      <c r="BV1648" s="162"/>
      <c r="BW1648" s="162"/>
      <c r="BX1648" s="162"/>
      <c r="BY1648" s="162"/>
      <c r="BZ1648" s="162"/>
      <c r="CA1648" s="162"/>
      <c r="CB1648" s="162"/>
      <c r="CC1648" s="162"/>
      <c r="CD1648" s="162"/>
      <c r="CE1648" s="162"/>
      <c r="CF1648" s="162"/>
      <c r="CG1648" s="162"/>
      <c r="CH1648" s="162"/>
      <c r="CI1648" s="162"/>
      <c r="CJ1648" s="162"/>
      <c r="CK1648" s="162"/>
      <c r="CX1648" s="98"/>
      <c r="DL1648" s="97"/>
      <c r="DX1648" s="98"/>
      <c r="EL1648" s="97"/>
      <c r="EX1648" s="98"/>
      <c r="EY1648" s="97"/>
      <c r="FL1648" s="126"/>
      <c r="FM1648" s="91"/>
      <c r="FN1648" s="91"/>
      <c r="FO1648" s="91"/>
      <c r="FP1648" s="91"/>
      <c r="FQ1648" s="91"/>
      <c r="FR1648" s="91"/>
      <c r="FS1648" s="91"/>
      <c r="FT1648" s="91"/>
      <c r="FU1648" s="91"/>
      <c r="FV1648" s="91"/>
      <c r="FW1648" s="91"/>
      <c r="FX1648" s="91"/>
      <c r="FY1648" s="91"/>
      <c r="FZ1648" s="91"/>
      <c r="GA1648" s="91"/>
      <c r="GB1648" s="91"/>
      <c r="GC1648" s="91"/>
      <c r="GD1648" s="91"/>
      <c r="GE1648" s="91"/>
      <c r="GF1648" s="91"/>
      <c r="GG1648" s="91"/>
      <c r="GH1648" s="91"/>
      <c r="GI1648" s="91"/>
      <c r="GJ1648" s="91"/>
      <c r="GK1648" s="127"/>
      <c r="GL1648" s="126"/>
      <c r="GM1648" s="91"/>
      <c r="GN1648" s="91"/>
      <c r="GO1648" s="91"/>
      <c r="GP1648" s="91"/>
      <c r="GQ1648" s="91"/>
      <c r="GR1648" s="91"/>
      <c r="GS1648" s="91"/>
      <c r="GT1648" s="91"/>
      <c r="GU1648" s="91"/>
      <c r="GV1648" s="91"/>
      <c r="GW1648" s="91"/>
      <c r="GX1648" s="91"/>
      <c r="GY1648" s="91"/>
      <c r="GZ1648" s="91"/>
      <c r="HA1648" s="91"/>
      <c r="HB1648" s="91"/>
      <c r="HC1648" s="91"/>
      <c r="HD1648" s="91"/>
      <c r="HE1648" s="91"/>
      <c r="HF1648" s="91"/>
      <c r="HG1648" s="91"/>
      <c r="HH1648" s="91"/>
      <c r="HI1648" s="91"/>
      <c r="HJ1648" s="91"/>
      <c r="HK1648" s="127"/>
      <c r="HL1648" s="126"/>
      <c r="HM1648" s="91"/>
      <c r="HN1648" s="91"/>
      <c r="HO1648" s="91"/>
      <c r="HP1648" s="91"/>
      <c r="HQ1648" s="91"/>
      <c r="HR1648" s="91"/>
      <c r="HS1648" s="91"/>
      <c r="HT1648" s="91"/>
      <c r="HU1648" s="91"/>
      <c r="HV1648" s="91"/>
      <c r="HW1648" s="91"/>
      <c r="HX1648" s="91"/>
      <c r="HY1648" s="91"/>
      <c r="HZ1648" s="91"/>
      <c r="IA1648" s="91"/>
      <c r="IB1648" s="91"/>
      <c r="IC1648" s="91"/>
      <c r="ID1648" s="91"/>
      <c r="IE1648" s="91"/>
      <c r="IF1648" s="91"/>
      <c r="IG1648" s="91"/>
      <c r="IH1648" s="91"/>
      <c r="II1648" s="91"/>
      <c r="IJ1648" s="91"/>
      <c r="IK1648" s="127"/>
    </row>
    <row r="1649" spans="2:245" x14ac:dyDescent="0.2">
      <c r="B1649" s="43"/>
      <c r="C1649" s="73"/>
      <c r="D1649" s="64"/>
      <c r="E1649" s="64"/>
      <c r="F1649" s="55"/>
      <c r="G1649" s="102"/>
      <c r="H1649" s="55"/>
      <c r="I1649" s="55"/>
      <c r="J1649" s="55"/>
      <c r="K1649" s="55"/>
      <c r="L1649" s="55"/>
      <c r="M1649" s="55"/>
      <c r="N1649" s="55"/>
      <c r="O1649" s="55"/>
      <c r="P1649" s="55"/>
      <c r="Q1649" s="55"/>
      <c r="R1649" s="55"/>
      <c r="S1649" s="55"/>
      <c r="T1649" s="55"/>
      <c r="U1649" s="55"/>
      <c r="V1649" s="55"/>
      <c r="W1649" s="55"/>
      <c r="X1649" s="55"/>
      <c r="Y1649" s="55"/>
      <c r="Z1649" s="55"/>
      <c r="AA1649" s="55"/>
      <c r="AB1649" s="55"/>
      <c r="AC1649" s="55"/>
      <c r="AD1649" s="55"/>
      <c r="AE1649" s="55"/>
      <c r="AF1649" s="55"/>
      <c r="AG1649" s="55"/>
      <c r="AY1649" s="162"/>
      <c r="AZ1649" s="162"/>
      <c r="BA1649" s="162"/>
      <c r="BB1649" s="162"/>
      <c r="BC1649" s="162"/>
      <c r="BD1649" s="162"/>
      <c r="BE1649" s="162"/>
      <c r="BF1649" s="162"/>
      <c r="BG1649" s="162"/>
      <c r="BH1649" s="162"/>
      <c r="BI1649" s="162"/>
      <c r="BJ1649" s="162"/>
      <c r="BK1649" s="162"/>
      <c r="BL1649" s="162"/>
      <c r="BM1649" s="162"/>
      <c r="BN1649" s="162"/>
      <c r="BO1649" s="162"/>
      <c r="BP1649" s="162"/>
      <c r="BQ1649" s="162"/>
      <c r="BR1649" s="162"/>
      <c r="BS1649" s="162"/>
      <c r="BT1649" s="162"/>
      <c r="BU1649" s="162"/>
      <c r="BV1649" s="162"/>
      <c r="BW1649" s="162"/>
      <c r="BX1649" s="162"/>
      <c r="BY1649" s="162"/>
      <c r="BZ1649" s="162"/>
      <c r="CA1649" s="162"/>
      <c r="CB1649" s="162"/>
      <c r="CC1649" s="162"/>
      <c r="CD1649" s="162"/>
      <c r="CE1649" s="162"/>
      <c r="CF1649" s="162"/>
      <c r="CG1649" s="162"/>
      <c r="CH1649" s="162"/>
      <c r="CI1649" s="162"/>
      <c r="CJ1649" s="162"/>
      <c r="CK1649" s="162"/>
      <c r="CX1649" s="98"/>
      <c r="DL1649" s="97"/>
      <c r="DX1649" s="98"/>
      <c r="EL1649" s="97"/>
      <c r="EX1649" s="98"/>
      <c r="EY1649" s="97"/>
      <c r="FL1649" s="126"/>
      <c r="FM1649" s="91"/>
      <c r="FN1649" s="91"/>
      <c r="FO1649" s="91"/>
      <c r="FP1649" s="91"/>
      <c r="FQ1649" s="91"/>
      <c r="FR1649" s="91"/>
      <c r="FS1649" s="91"/>
      <c r="FT1649" s="91"/>
      <c r="FU1649" s="91"/>
      <c r="FV1649" s="91"/>
      <c r="FW1649" s="91"/>
      <c r="FX1649" s="91"/>
      <c r="FY1649" s="91"/>
      <c r="FZ1649" s="91"/>
      <c r="GA1649" s="91"/>
      <c r="GB1649" s="91"/>
      <c r="GC1649" s="91"/>
      <c r="GD1649" s="91"/>
      <c r="GE1649" s="91"/>
      <c r="GF1649" s="91"/>
      <c r="GG1649" s="91"/>
      <c r="GH1649" s="91"/>
      <c r="GI1649" s="91"/>
      <c r="GJ1649" s="91"/>
      <c r="GK1649" s="127"/>
      <c r="GL1649" s="126"/>
      <c r="GM1649" s="91"/>
      <c r="GN1649" s="91"/>
      <c r="GO1649" s="91"/>
      <c r="GP1649" s="91"/>
      <c r="GQ1649" s="91"/>
      <c r="GR1649" s="91"/>
      <c r="GS1649" s="91"/>
      <c r="GT1649" s="91"/>
      <c r="GU1649" s="91"/>
      <c r="GV1649" s="91"/>
      <c r="GW1649" s="91"/>
      <c r="GX1649" s="91"/>
      <c r="GY1649" s="91"/>
      <c r="GZ1649" s="91"/>
      <c r="HA1649" s="91"/>
      <c r="HB1649" s="91"/>
      <c r="HC1649" s="91"/>
      <c r="HD1649" s="91"/>
      <c r="HE1649" s="91"/>
      <c r="HF1649" s="91"/>
      <c r="HG1649" s="91"/>
      <c r="HH1649" s="91"/>
      <c r="HI1649" s="91"/>
      <c r="HJ1649" s="91"/>
      <c r="HK1649" s="127"/>
      <c r="HL1649" s="126"/>
      <c r="HM1649" s="91"/>
      <c r="HN1649" s="91"/>
      <c r="HO1649" s="91"/>
      <c r="HP1649" s="91"/>
      <c r="HQ1649" s="91"/>
      <c r="HR1649" s="91"/>
      <c r="HS1649" s="91"/>
      <c r="HT1649" s="91"/>
      <c r="HU1649" s="91"/>
      <c r="HV1649" s="91"/>
      <c r="HW1649" s="91"/>
      <c r="HX1649" s="91"/>
      <c r="HY1649" s="91"/>
      <c r="HZ1649" s="91"/>
      <c r="IA1649" s="91"/>
      <c r="IB1649" s="91"/>
      <c r="IC1649" s="91"/>
      <c r="ID1649" s="91"/>
      <c r="IE1649" s="91"/>
      <c r="IF1649" s="91"/>
      <c r="IG1649" s="91"/>
      <c r="IH1649" s="91"/>
      <c r="II1649" s="91"/>
      <c r="IJ1649" s="91"/>
      <c r="IK1649" s="127"/>
    </row>
    <row r="1650" spans="2:245" x14ac:dyDescent="0.2">
      <c r="B1650" s="43"/>
      <c r="C1650" s="73"/>
      <c r="D1650" s="64"/>
      <c r="E1650" s="64"/>
      <c r="F1650" s="55"/>
      <c r="G1650" s="102"/>
      <c r="H1650" s="55"/>
      <c r="I1650" s="55"/>
      <c r="J1650" s="55"/>
      <c r="K1650" s="55"/>
      <c r="L1650" s="55"/>
      <c r="M1650" s="55"/>
      <c r="N1650" s="55"/>
      <c r="O1650" s="55"/>
      <c r="P1650" s="55"/>
      <c r="Q1650" s="55"/>
      <c r="R1650" s="55"/>
      <c r="S1650" s="55"/>
      <c r="T1650" s="55"/>
      <c r="U1650" s="55"/>
      <c r="V1650" s="55"/>
      <c r="W1650" s="55"/>
      <c r="X1650" s="55"/>
      <c r="Y1650" s="55"/>
      <c r="Z1650" s="55"/>
      <c r="AA1650" s="55"/>
      <c r="AB1650" s="55"/>
      <c r="AC1650" s="55"/>
      <c r="AD1650" s="55"/>
      <c r="AE1650" s="55"/>
      <c r="AF1650" s="55"/>
      <c r="AG1650" s="55"/>
      <c r="AY1650" s="162"/>
      <c r="AZ1650" s="162"/>
      <c r="BA1650" s="162"/>
      <c r="BB1650" s="162"/>
      <c r="BC1650" s="162"/>
      <c r="BD1650" s="162"/>
      <c r="BE1650" s="162"/>
      <c r="BF1650" s="162"/>
      <c r="BG1650" s="162"/>
      <c r="BH1650" s="162"/>
      <c r="BI1650" s="162"/>
      <c r="BJ1650" s="162"/>
      <c r="BK1650" s="162"/>
      <c r="BL1650" s="162"/>
      <c r="BM1650" s="162"/>
      <c r="BN1650" s="162"/>
      <c r="BO1650" s="162"/>
      <c r="BP1650" s="162"/>
      <c r="BQ1650" s="162"/>
      <c r="BR1650" s="162"/>
      <c r="BS1650" s="162"/>
      <c r="BT1650" s="162"/>
      <c r="BU1650" s="162"/>
      <c r="BV1650" s="162"/>
      <c r="BW1650" s="162"/>
      <c r="BX1650" s="162"/>
      <c r="BY1650" s="162"/>
      <c r="BZ1650" s="162"/>
      <c r="CA1650" s="162"/>
      <c r="CB1650" s="162"/>
      <c r="CC1650" s="162"/>
      <c r="CD1650" s="162"/>
      <c r="CE1650" s="162"/>
      <c r="CF1650" s="162"/>
      <c r="CG1650" s="162"/>
      <c r="CH1650" s="162"/>
      <c r="CI1650" s="162"/>
      <c r="CJ1650" s="162"/>
      <c r="CK1650" s="162"/>
      <c r="CX1650" s="98"/>
      <c r="DL1650" s="97"/>
      <c r="DX1650" s="98"/>
      <c r="EL1650" s="97"/>
      <c r="EX1650" s="98"/>
      <c r="EY1650" s="97"/>
      <c r="FL1650" s="126"/>
      <c r="FM1650" s="91"/>
      <c r="FN1650" s="91"/>
      <c r="FO1650" s="91"/>
      <c r="FP1650" s="91"/>
      <c r="FQ1650" s="91"/>
      <c r="FR1650" s="91"/>
      <c r="FS1650" s="91"/>
      <c r="FT1650" s="91"/>
      <c r="FU1650" s="91"/>
      <c r="FV1650" s="91"/>
      <c r="FW1650" s="91"/>
      <c r="FX1650" s="91"/>
      <c r="FY1650" s="91"/>
      <c r="FZ1650" s="91"/>
      <c r="GA1650" s="91"/>
      <c r="GB1650" s="91"/>
      <c r="GC1650" s="91"/>
      <c r="GD1650" s="91"/>
      <c r="GE1650" s="91"/>
      <c r="GF1650" s="91"/>
      <c r="GG1650" s="91"/>
      <c r="GH1650" s="91"/>
      <c r="GI1650" s="91"/>
      <c r="GJ1650" s="91"/>
      <c r="GK1650" s="127"/>
      <c r="GL1650" s="126"/>
      <c r="GM1650" s="91"/>
      <c r="GN1650" s="91"/>
      <c r="GO1650" s="91"/>
      <c r="GP1650" s="91"/>
      <c r="GQ1650" s="91"/>
      <c r="GR1650" s="91"/>
      <c r="GS1650" s="91"/>
      <c r="GT1650" s="91"/>
      <c r="GU1650" s="91"/>
      <c r="GV1650" s="91"/>
      <c r="GW1650" s="91"/>
      <c r="GX1650" s="91"/>
      <c r="GY1650" s="91"/>
      <c r="GZ1650" s="91"/>
      <c r="HA1650" s="91"/>
      <c r="HB1650" s="91"/>
      <c r="HC1650" s="91"/>
      <c r="HD1650" s="91"/>
      <c r="HE1650" s="91"/>
      <c r="HF1650" s="91"/>
      <c r="HG1650" s="91"/>
      <c r="HH1650" s="91"/>
      <c r="HI1650" s="91"/>
      <c r="HJ1650" s="91"/>
      <c r="HK1650" s="127"/>
      <c r="HL1650" s="126"/>
      <c r="HM1650" s="91"/>
      <c r="HN1650" s="91"/>
      <c r="HO1650" s="91"/>
      <c r="HP1650" s="91"/>
      <c r="HQ1650" s="91"/>
      <c r="HR1650" s="91"/>
      <c r="HS1650" s="91"/>
      <c r="HT1650" s="91"/>
      <c r="HU1650" s="91"/>
      <c r="HV1650" s="91"/>
      <c r="HW1650" s="91"/>
      <c r="HX1650" s="91"/>
      <c r="HY1650" s="91"/>
      <c r="HZ1650" s="91"/>
      <c r="IA1650" s="91"/>
      <c r="IB1650" s="91"/>
      <c r="IC1650" s="91"/>
      <c r="ID1650" s="91"/>
      <c r="IE1650" s="91"/>
      <c r="IF1650" s="91"/>
      <c r="IG1650" s="91"/>
      <c r="IH1650" s="91"/>
      <c r="II1650" s="91"/>
      <c r="IJ1650" s="91"/>
      <c r="IK1650" s="127"/>
    </row>
    <row r="1651" spans="2:245" x14ac:dyDescent="0.2">
      <c r="B1651" s="43"/>
      <c r="C1651" s="73"/>
      <c r="D1651" s="64"/>
      <c r="E1651" s="64"/>
      <c r="F1651" s="55"/>
      <c r="G1651" s="102"/>
      <c r="H1651" s="55"/>
      <c r="I1651" s="55"/>
      <c r="J1651" s="55"/>
      <c r="K1651" s="55"/>
      <c r="L1651" s="55"/>
      <c r="M1651" s="55"/>
      <c r="N1651" s="55"/>
      <c r="O1651" s="55"/>
      <c r="P1651" s="55"/>
      <c r="Q1651" s="55"/>
      <c r="R1651" s="55"/>
      <c r="S1651" s="55"/>
      <c r="T1651" s="55"/>
      <c r="U1651" s="55"/>
      <c r="V1651" s="55"/>
      <c r="W1651" s="55"/>
      <c r="X1651" s="55"/>
      <c r="Y1651" s="55"/>
      <c r="Z1651" s="55"/>
      <c r="AA1651" s="55"/>
      <c r="AB1651" s="55"/>
      <c r="AC1651" s="55"/>
      <c r="AD1651" s="55"/>
      <c r="AE1651" s="55"/>
      <c r="AF1651" s="55"/>
      <c r="AG1651" s="55"/>
      <c r="AY1651" s="162"/>
      <c r="AZ1651" s="162"/>
      <c r="BA1651" s="162"/>
      <c r="BB1651" s="162"/>
      <c r="BC1651" s="162"/>
      <c r="BD1651" s="162"/>
      <c r="BE1651" s="162"/>
      <c r="BF1651" s="162"/>
      <c r="BG1651" s="162"/>
      <c r="BH1651" s="162"/>
      <c r="BI1651" s="162"/>
      <c r="BJ1651" s="162"/>
      <c r="BK1651" s="162"/>
      <c r="BL1651" s="162"/>
      <c r="BM1651" s="162"/>
      <c r="BN1651" s="162"/>
      <c r="BO1651" s="162"/>
      <c r="BP1651" s="162"/>
      <c r="BQ1651" s="162"/>
      <c r="BR1651" s="162"/>
      <c r="BS1651" s="162"/>
      <c r="BT1651" s="162"/>
      <c r="BU1651" s="162"/>
      <c r="BV1651" s="162"/>
      <c r="BW1651" s="162"/>
      <c r="BX1651" s="162"/>
      <c r="BY1651" s="162"/>
      <c r="BZ1651" s="162"/>
      <c r="CA1651" s="162"/>
      <c r="CB1651" s="162"/>
      <c r="CC1651" s="162"/>
      <c r="CD1651" s="162"/>
      <c r="CE1651" s="162"/>
      <c r="CF1651" s="162"/>
      <c r="CG1651" s="162"/>
      <c r="CH1651" s="162"/>
      <c r="CI1651" s="162"/>
      <c r="CJ1651" s="162"/>
      <c r="CK1651" s="162"/>
      <c r="CX1651" s="98"/>
      <c r="DL1651" s="97"/>
      <c r="DX1651" s="98"/>
      <c r="EL1651" s="97"/>
      <c r="EX1651" s="98"/>
      <c r="EY1651" s="97"/>
      <c r="FL1651" s="126"/>
      <c r="FM1651" s="91"/>
      <c r="FN1651" s="91"/>
      <c r="FO1651" s="91"/>
      <c r="FP1651" s="91"/>
      <c r="FQ1651" s="91"/>
      <c r="FR1651" s="91"/>
      <c r="FS1651" s="91"/>
      <c r="FT1651" s="91"/>
      <c r="FU1651" s="91"/>
      <c r="FV1651" s="91"/>
      <c r="FW1651" s="91"/>
      <c r="FX1651" s="91"/>
      <c r="FY1651" s="91"/>
      <c r="FZ1651" s="91"/>
      <c r="GA1651" s="91"/>
      <c r="GB1651" s="91"/>
      <c r="GC1651" s="91"/>
      <c r="GD1651" s="91"/>
      <c r="GE1651" s="91"/>
      <c r="GF1651" s="91"/>
      <c r="GG1651" s="91"/>
      <c r="GH1651" s="91"/>
      <c r="GI1651" s="91"/>
      <c r="GJ1651" s="91"/>
      <c r="GK1651" s="127"/>
      <c r="GL1651" s="126"/>
      <c r="GM1651" s="91"/>
      <c r="GN1651" s="91"/>
      <c r="GO1651" s="91"/>
      <c r="GP1651" s="91"/>
      <c r="GQ1651" s="91"/>
      <c r="GR1651" s="91"/>
      <c r="GS1651" s="91"/>
      <c r="GT1651" s="91"/>
      <c r="GU1651" s="91"/>
      <c r="GV1651" s="91"/>
      <c r="GW1651" s="91"/>
      <c r="GX1651" s="91"/>
      <c r="GY1651" s="91"/>
      <c r="GZ1651" s="91"/>
      <c r="HA1651" s="91"/>
      <c r="HB1651" s="91"/>
      <c r="HC1651" s="91"/>
      <c r="HD1651" s="91"/>
      <c r="HE1651" s="91"/>
      <c r="HF1651" s="91"/>
      <c r="HG1651" s="91"/>
      <c r="HH1651" s="91"/>
      <c r="HI1651" s="91"/>
      <c r="HJ1651" s="91"/>
      <c r="HK1651" s="127"/>
      <c r="HL1651" s="126"/>
      <c r="HM1651" s="91"/>
      <c r="HN1651" s="91"/>
      <c r="HO1651" s="91"/>
      <c r="HP1651" s="91"/>
      <c r="HQ1651" s="91"/>
      <c r="HR1651" s="91"/>
      <c r="HS1651" s="91"/>
      <c r="HT1651" s="91"/>
      <c r="HU1651" s="91"/>
      <c r="HV1651" s="91"/>
      <c r="HW1651" s="91"/>
      <c r="HX1651" s="91"/>
      <c r="HY1651" s="91"/>
      <c r="HZ1651" s="91"/>
      <c r="IA1651" s="91"/>
      <c r="IB1651" s="91"/>
      <c r="IC1651" s="91"/>
      <c r="ID1651" s="91"/>
      <c r="IE1651" s="91"/>
      <c r="IF1651" s="91"/>
      <c r="IG1651" s="91"/>
      <c r="IH1651" s="91"/>
      <c r="II1651" s="91"/>
      <c r="IJ1651" s="91"/>
      <c r="IK1651" s="127"/>
    </row>
    <row r="1652" spans="2:245" x14ac:dyDescent="0.2">
      <c r="B1652" s="43"/>
      <c r="C1652" s="73"/>
      <c r="D1652" s="64"/>
      <c r="E1652" s="64"/>
      <c r="F1652" s="55"/>
      <c r="G1652" s="102"/>
      <c r="H1652" s="55"/>
      <c r="I1652" s="55"/>
      <c r="J1652" s="55"/>
      <c r="K1652" s="55"/>
      <c r="L1652" s="55"/>
      <c r="M1652" s="55"/>
      <c r="N1652" s="55"/>
      <c r="O1652" s="55"/>
      <c r="P1652" s="55"/>
      <c r="Q1652" s="55"/>
      <c r="R1652" s="55"/>
      <c r="S1652" s="55"/>
      <c r="T1652" s="55"/>
      <c r="U1652" s="55"/>
      <c r="V1652" s="55"/>
      <c r="W1652" s="55"/>
      <c r="X1652" s="55"/>
      <c r="Y1652" s="55"/>
      <c r="Z1652" s="55"/>
      <c r="AA1652" s="55"/>
      <c r="AB1652" s="55"/>
      <c r="AC1652" s="55"/>
      <c r="AD1652" s="55"/>
      <c r="AE1652" s="55"/>
      <c r="AF1652" s="55"/>
      <c r="AG1652" s="55"/>
      <c r="AY1652" s="162"/>
      <c r="AZ1652" s="162"/>
      <c r="BA1652" s="162"/>
      <c r="BB1652" s="162"/>
      <c r="BC1652" s="162"/>
      <c r="BD1652" s="162"/>
      <c r="BE1652" s="162"/>
      <c r="BF1652" s="162"/>
      <c r="BG1652" s="162"/>
      <c r="BH1652" s="162"/>
      <c r="BI1652" s="162"/>
      <c r="BJ1652" s="162"/>
      <c r="BK1652" s="162"/>
      <c r="BL1652" s="162"/>
      <c r="BM1652" s="162"/>
      <c r="BN1652" s="162"/>
      <c r="BO1652" s="162"/>
      <c r="BP1652" s="162"/>
      <c r="BQ1652" s="162"/>
      <c r="BR1652" s="162"/>
      <c r="BS1652" s="162"/>
      <c r="BT1652" s="162"/>
      <c r="BU1652" s="162"/>
      <c r="BV1652" s="162"/>
      <c r="BW1652" s="162"/>
      <c r="BX1652" s="162"/>
      <c r="BY1652" s="162"/>
      <c r="BZ1652" s="162"/>
      <c r="CA1652" s="162"/>
      <c r="CB1652" s="162"/>
      <c r="CC1652" s="162"/>
      <c r="CD1652" s="162"/>
      <c r="CE1652" s="162"/>
      <c r="CF1652" s="162"/>
      <c r="CG1652" s="162"/>
      <c r="CH1652" s="162"/>
      <c r="CI1652" s="162"/>
      <c r="CJ1652" s="162"/>
      <c r="CK1652" s="162"/>
      <c r="CX1652" s="98"/>
      <c r="DL1652" s="97"/>
      <c r="DX1652" s="98"/>
      <c r="EL1652" s="97"/>
      <c r="EX1652" s="98"/>
      <c r="EY1652" s="97"/>
      <c r="FL1652" s="126"/>
      <c r="FM1652" s="91"/>
      <c r="FN1652" s="91"/>
      <c r="FO1652" s="91"/>
      <c r="FP1652" s="91"/>
      <c r="FQ1652" s="91"/>
      <c r="FR1652" s="91"/>
      <c r="FS1652" s="91"/>
      <c r="FT1652" s="91"/>
      <c r="FU1652" s="91"/>
      <c r="FV1652" s="91"/>
      <c r="FW1652" s="91"/>
      <c r="FX1652" s="91"/>
      <c r="FY1652" s="91"/>
      <c r="FZ1652" s="91"/>
      <c r="GA1652" s="91"/>
      <c r="GB1652" s="91"/>
      <c r="GC1652" s="91"/>
      <c r="GD1652" s="91"/>
      <c r="GE1652" s="91"/>
      <c r="GF1652" s="91"/>
      <c r="GG1652" s="91"/>
      <c r="GH1652" s="91"/>
      <c r="GI1652" s="91"/>
      <c r="GJ1652" s="91"/>
      <c r="GK1652" s="127"/>
      <c r="GL1652" s="126"/>
      <c r="GM1652" s="91"/>
      <c r="GN1652" s="91"/>
      <c r="GO1652" s="91"/>
      <c r="GP1652" s="91"/>
      <c r="GQ1652" s="91"/>
      <c r="GR1652" s="91"/>
      <c r="GS1652" s="91"/>
      <c r="GT1652" s="91"/>
      <c r="GU1652" s="91"/>
      <c r="GV1652" s="91"/>
      <c r="GW1652" s="91"/>
      <c r="GX1652" s="91"/>
      <c r="GY1652" s="91"/>
      <c r="GZ1652" s="91"/>
      <c r="HA1652" s="91"/>
      <c r="HB1652" s="91"/>
      <c r="HC1652" s="91"/>
      <c r="HD1652" s="91"/>
      <c r="HE1652" s="91"/>
      <c r="HF1652" s="91"/>
      <c r="HG1652" s="91"/>
      <c r="HH1652" s="91"/>
      <c r="HI1652" s="91"/>
      <c r="HJ1652" s="91"/>
      <c r="HK1652" s="127"/>
      <c r="HL1652" s="126"/>
      <c r="HM1652" s="91"/>
      <c r="HN1652" s="91"/>
      <c r="HO1652" s="91"/>
      <c r="HP1652" s="91"/>
      <c r="HQ1652" s="91"/>
      <c r="HR1652" s="91"/>
      <c r="HS1652" s="91"/>
      <c r="HT1652" s="91"/>
      <c r="HU1652" s="91"/>
      <c r="HV1652" s="91"/>
      <c r="HW1652" s="91"/>
      <c r="HX1652" s="91"/>
      <c r="HY1652" s="91"/>
      <c r="HZ1652" s="91"/>
      <c r="IA1652" s="91"/>
      <c r="IB1652" s="91"/>
      <c r="IC1652" s="91"/>
      <c r="ID1652" s="91"/>
      <c r="IE1652" s="91"/>
      <c r="IF1652" s="91"/>
      <c r="IG1652" s="91"/>
      <c r="IH1652" s="91"/>
      <c r="II1652" s="91"/>
      <c r="IJ1652" s="91"/>
      <c r="IK1652" s="127"/>
    </row>
    <row r="1653" spans="2:245" x14ac:dyDescent="0.2">
      <c r="B1653" s="43"/>
      <c r="C1653" s="73"/>
      <c r="D1653" s="64"/>
      <c r="E1653" s="64"/>
      <c r="F1653" s="55"/>
      <c r="G1653" s="102"/>
      <c r="H1653" s="55"/>
      <c r="I1653" s="55"/>
      <c r="J1653" s="55"/>
      <c r="K1653" s="55"/>
      <c r="L1653" s="55"/>
      <c r="M1653" s="55"/>
      <c r="N1653" s="55"/>
      <c r="O1653" s="55"/>
      <c r="P1653" s="55"/>
      <c r="Q1653" s="55"/>
      <c r="R1653" s="55"/>
      <c r="S1653" s="55"/>
      <c r="T1653" s="55"/>
      <c r="U1653" s="55"/>
      <c r="V1653" s="55"/>
      <c r="W1653" s="55"/>
      <c r="X1653" s="55"/>
      <c r="Y1653" s="55"/>
      <c r="Z1653" s="55"/>
      <c r="AA1653" s="55"/>
      <c r="AB1653" s="55"/>
      <c r="AC1653" s="55"/>
      <c r="AD1653" s="55"/>
      <c r="AE1653" s="55"/>
      <c r="AF1653" s="55"/>
      <c r="AG1653" s="55"/>
      <c r="AY1653" s="162"/>
      <c r="AZ1653" s="162"/>
      <c r="BA1653" s="162"/>
      <c r="BB1653" s="162"/>
      <c r="BC1653" s="162"/>
      <c r="BD1653" s="162"/>
      <c r="BE1653" s="162"/>
      <c r="BF1653" s="162"/>
      <c r="BG1653" s="162"/>
      <c r="BH1653" s="162"/>
      <c r="BI1653" s="162"/>
      <c r="BJ1653" s="162"/>
      <c r="BK1653" s="162"/>
      <c r="BL1653" s="162"/>
      <c r="BM1653" s="162"/>
      <c r="BN1653" s="162"/>
      <c r="BO1653" s="162"/>
      <c r="BP1653" s="162"/>
      <c r="BQ1653" s="162"/>
      <c r="BR1653" s="162"/>
      <c r="BS1653" s="162"/>
      <c r="BT1653" s="162"/>
      <c r="BU1653" s="162"/>
      <c r="BV1653" s="162"/>
      <c r="BW1653" s="162"/>
      <c r="BX1653" s="162"/>
      <c r="BY1653" s="162"/>
      <c r="BZ1653" s="162"/>
      <c r="CA1653" s="162"/>
      <c r="CB1653" s="162"/>
      <c r="CC1653" s="162"/>
      <c r="CD1653" s="162"/>
      <c r="CE1653" s="162"/>
      <c r="CF1653" s="162"/>
      <c r="CG1653" s="162"/>
      <c r="CH1653" s="162"/>
      <c r="CI1653" s="162"/>
      <c r="CJ1653" s="162"/>
      <c r="CK1653" s="162"/>
      <c r="CX1653" s="98"/>
      <c r="DL1653" s="97"/>
      <c r="DX1653" s="98"/>
      <c r="EL1653" s="97"/>
      <c r="EX1653" s="98"/>
      <c r="EY1653" s="97"/>
      <c r="FL1653" s="126"/>
      <c r="FM1653" s="91"/>
      <c r="FN1653" s="91"/>
      <c r="FO1653" s="91"/>
      <c r="FP1653" s="91"/>
      <c r="FQ1653" s="91"/>
      <c r="FR1653" s="91"/>
      <c r="FS1653" s="91"/>
      <c r="FT1653" s="91"/>
      <c r="FU1653" s="91"/>
      <c r="FV1653" s="91"/>
      <c r="FW1653" s="91"/>
      <c r="FX1653" s="91"/>
      <c r="FY1653" s="91"/>
      <c r="FZ1653" s="91"/>
      <c r="GA1653" s="91"/>
      <c r="GB1653" s="91"/>
      <c r="GC1653" s="91"/>
      <c r="GD1653" s="91"/>
      <c r="GE1653" s="91"/>
      <c r="GF1653" s="91"/>
      <c r="GG1653" s="91"/>
      <c r="GH1653" s="91"/>
      <c r="GI1653" s="91"/>
      <c r="GJ1653" s="91"/>
      <c r="GK1653" s="127"/>
      <c r="GL1653" s="126"/>
      <c r="GM1653" s="91"/>
      <c r="GN1653" s="91"/>
      <c r="GO1653" s="91"/>
      <c r="GP1653" s="91"/>
      <c r="GQ1653" s="91"/>
      <c r="GR1653" s="91"/>
      <c r="GS1653" s="91"/>
      <c r="GT1653" s="91"/>
      <c r="GU1653" s="91"/>
      <c r="GV1653" s="91"/>
      <c r="GW1653" s="91"/>
      <c r="GX1653" s="91"/>
      <c r="GY1653" s="91"/>
      <c r="GZ1653" s="91"/>
      <c r="HA1653" s="91"/>
      <c r="HB1653" s="91"/>
      <c r="HC1653" s="91"/>
      <c r="HD1653" s="91"/>
      <c r="HE1653" s="91"/>
      <c r="HF1653" s="91"/>
      <c r="HG1653" s="91"/>
      <c r="HH1653" s="91"/>
      <c r="HI1653" s="91"/>
      <c r="HJ1653" s="91"/>
      <c r="HK1653" s="127"/>
      <c r="HL1653" s="126"/>
      <c r="HM1653" s="91"/>
      <c r="HN1653" s="91"/>
      <c r="HO1653" s="91"/>
      <c r="HP1653" s="91"/>
      <c r="HQ1653" s="91"/>
      <c r="HR1653" s="91"/>
      <c r="HS1653" s="91"/>
      <c r="HT1653" s="91"/>
      <c r="HU1653" s="91"/>
      <c r="HV1653" s="91"/>
      <c r="HW1653" s="91"/>
      <c r="HX1653" s="91"/>
      <c r="HY1653" s="91"/>
      <c r="HZ1653" s="91"/>
      <c r="IA1653" s="91"/>
      <c r="IB1653" s="91"/>
      <c r="IC1653" s="91"/>
      <c r="ID1653" s="91"/>
      <c r="IE1653" s="91"/>
      <c r="IF1653" s="91"/>
      <c r="IG1653" s="91"/>
      <c r="IH1653" s="91"/>
      <c r="II1653" s="91"/>
      <c r="IJ1653" s="91"/>
      <c r="IK1653" s="127"/>
    </row>
    <row r="1654" spans="2:245" x14ac:dyDescent="0.2">
      <c r="B1654" s="43"/>
      <c r="C1654" s="73"/>
      <c r="D1654" s="64"/>
      <c r="E1654" s="64"/>
      <c r="F1654" s="55"/>
      <c r="G1654" s="102"/>
      <c r="H1654" s="55"/>
      <c r="I1654" s="55"/>
      <c r="J1654" s="55"/>
      <c r="K1654" s="55"/>
      <c r="L1654" s="55"/>
      <c r="M1654" s="55"/>
      <c r="N1654" s="55"/>
      <c r="O1654" s="55"/>
      <c r="P1654" s="55"/>
      <c r="Q1654" s="55"/>
      <c r="R1654" s="55"/>
      <c r="S1654" s="55"/>
      <c r="T1654" s="55"/>
      <c r="U1654" s="55"/>
      <c r="V1654" s="55"/>
      <c r="W1654" s="55"/>
      <c r="X1654" s="55"/>
      <c r="Y1654" s="55"/>
      <c r="Z1654" s="55"/>
      <c r="AA1654" s="55"/>
      <c r="AB1654" s="55"/>
      <c r="AC1654" s="55"/>
      <c r="AD1654" s="55"/>
      <c r="AE1654" s="55"/>
      <c r="AF1654" s="55"/>
      <c r="AG1654" s="55"/>
      <c r="AY1654" s="162"/>
      <c r="AZ1654" s="162"/>
      <c r="BA1654" s="162"/>
      <c r="BB1654" s="162"/>
      <c r="BC1654" s="162"/>
      <c r="BD1654" s="162"/>
      <c r="BE1654" s="162"/>
      <c r="BF1654" s="162"/>
      <c r="BG1654" s="162"/>
      <c r="BH1654" s="162"/>
      <c r="BI1654" s="162"/>
      <c r="BJ1654" s="162"/>
      <c r="BK1654" s="162"/>
      <c r="BL1654" s="162"/>
      <c r="BM1654" s="162"/>
      <c r="BN1654" s="162"/>
      <c r="BO1654" s="162"/>
      <c r="BP1654" s="162"/>
      <c r="BQ1654" s="162"/>
      <c r="BR1654" s="162"/>
      <c r="BS1654" s="162"/>
      <c r="BT1654" s="162"/>
      <c r="BU1654" s="162"/>
      <c r="BV1654" s="162"/>
      <c r="BW1654" s="162"/>
      <c r="BX1654" s="162"/>
      <c r="BY1654" s="162"/>
      <c r="BZ1654" s="162"/>
      <c r="CA1654" s="162"/>
      <c r="CB1654" s="162"/>
      <c r="CC1654" s="162"/>
      <c r="CD1654" s="162"/>
      <c r="CE1654" s="162"/>
      <c r="CF1654" s="162"/>
      <c r="CG1654" s="162"/>
      <c r="CH1654" s="162"/>
      <c r="CI1654" s="162"/>
      <c r="CJ1654" s="162"/>
      <c r="CK1654" s="162"/>
      <c r="CX1654" s="98"/>
      <c r="DL1654" s="97"/>
      <c r="DX1654" s="98"/>
      <c r="EL1654" s="97"/>
      <c r="EX1654" s="98"/>
      <c r="EY1654" s="97"/>
      <c r="FL1654" s="126"/>
      <c r="FM1654" s="91"/>
      <c r="FN1654" s="91"/>
      <c r="FO1654" s="91"/>
      <c r="FP1654" s="91"/>
      <c r="FQ1654" s="91"/>
      <c r="FR1654" s="91"/>
      <c r="FS1654" s="91"/>
      <c r="FT1654" s="91"/>
      <c r="FU1654" s="91"/>
      <c r="FV1654" s="91"/>
      <c r="FW1654" s="91"/>
      <c r="FX1654" s="91"/>
      <c r="FY1654" s="91"/>
      <c r="FZ1654" s="91"/>
      <c r="GA1654" s="91"/>
      <c r="GB1654" s="91"/>
      <c r="GC1654" s="91"/>
      <c r="GD1654" s="91"/>
      <c r="GE1654" s="91"/>
      <c r="GF1654" s="91"/>
      <c r="GG1654" s="91"/>
      <c r="GH1654" s="91"/>
      <c r="GI1654" s="91"/>
      <c r="GJ1654" s="91"/>
      <c r="GK1654" s="127"/>
      <c r="GL1654" s="126"/>
      <c r="GM1654" s="91"/>
      <c r="GN1654" s="91"/>
      <c r="GO1654" s="91"/>
      <c r="GP1654" s="91"/>
      <c r="GQ1654" s="91"/>
      <c r="GR1654" s="91"/>
      <c r="GS1654" s="91"/>
      <c r="GT1654" s="91"/>
      <c r="GU1654" s="91"/>
      <c r="GV1654" s="91"/>
      <c r="GW1654" s="91"/>
      <c r="GX1654" s="91"/>
      <c r="GY1654" s="91"/>
      <c r="GZ1654" s="91"/>
      <c r="HA1654" s="91"/>
      <c r="HB1654" s="91"/>
      <c r="HC1654" s="91"/>
      <c r="HD1654" s="91"/>
      <c r="HE1654" s="91"/>
      <c r="HF1654" s="91"/>
      <c r="HG1654" s="91"/>
      <c r="HH1654" s="91"/>
      <c r="HI1654" s="91"/>
      <c r="HJ1654" s="91"/>
      <c r="HK1654" s="127"/>
      <c r="HL1654" s="126"/>
      <c r="HM1654" s="91"/>
      <c r="HN1654" s="91"/>
      <c r="HO1654" s="91"/>
      <c r="HP1654" s="91"/>
      <c r="HQ1654" s="91"/>
      <c r="HR1654" s="91"/>
      <c r="HS1654" s="91"/>
      <c r="HT1654" s="91"/>
      <c r="HU1654" s="91"/>
      <c r="HV1654" s="91"/>
      <c r="HW1654" s="91"/>
      <c r="HX1654" s="91"/>
      <c r="HY1654" s="91"/>
      <c r="HZ1654" s="91"/>
      <c r="IA1654" s="91"/>
      <c r="IB1654" s="91"/>
      <c r="IC1654" s="91"/>
      <c r="ID1654" s="91"/>
      <c r="IE1654" s="91"/>
      <c r="IF1654" s="91"/>
      <c r="IG1654" s="91"/>
      <c r="IH1654" s="91"/>
      <c r="II1654" s="91"/>
      <c r="IJ1654" s="91"/>
      <c r="IK1654" s="127"/>
    </row>
    <row r="1655" spans="2:245" x14ac:dyDescent="0.2">
      <c r="B1655" s="43"/>
      <c r="C1655" s="73"/>
      <c r="D1655" s="64"/>
      <c r="E1655" s="64"/>
      <c r="F1655" s="55"/>
      <c r="G1655" s="102"/>
      <c r="H1655" s="55"/>
      <c r="I1655" s="55"/>
      <c r="J1655" s="55"/>
      <c r="K1655" s="55"/>
      <c r="L1655" s="55"/>
      <c r="M1655" s="55"/>
      <c r="N1655" s="55"/>
      <c r="O1655" s="55"/>
      <c r="P1655" s="55"/>
      <c r="Q1655" s="55"/>
      <c r="R1655" s="55"/>
      <c r="S1655" s="55"/>
      <c r="T1655" s="55"/>
      <c r="U1655" s="55"/>
      <c r="V1655" s="55"/>
      <c r="W1655" s="55"/>
      <c r="X1655" s="55"/>
      <c r="Y1655" s="55"/>
      <c r="Z1655" s="55"/>
      <c r="AA1655" s="55"/>
      <c r="AB1655" s="55"/>
      <c r="AC1655" s="55"/>
      <c r="AD1655" s="55"/>
      <c r="AE1655" s="55"/>
      <c r="AF1655" s="55"/>
      <c r="AG1655" s="55"/>
      <c r="AY1655" s="162"/>
      <c r="AZ1655" s="162"/>
      <c r="BA1655" s="162"/>
      <c r="BB1655" s="162"/>
      <c r="BC1655" s="162"/>
      <c r="BD1655" s="162"/>
      <c r="BE1655" s="162"/>
      <c r="BF1655" s="162"/>
      <c r="BG1655" s="162"/>
      <c r="BH1655" s="162"/>
      <c r="BI1655" s="162"/>
      <c r="BJ1655" s="162"/>
      <c r="BK1655" s="162"/>
      <c r="BL1655" s="162"/>
      <c r="BM1655" s="162"/>
      <c r="BN1655" s="162"/>
      <c r="BO1655" s="162"/>
      <c r="BP1655" s="162"/>
      <c r="BQ1655" s="162"/>
      <c r="BR1655" s="162"/>
      <c r="BS1655" s="162"/>
      <c r="BT1655" s="162"/>
      <c r="BU1655" s="162"/>
      <c r="BV1655" s="162"/>
      <c r="BW1655" s="162"/>
      <c r="BX1655" s="162"/>
      <c r="BY1655" s="162"/>
      <c r="BZ1655" s="162"/>
      <c r="CA1655" s="162"/>
      <c r="CB1655" s="162"/>
      <c r="CC1655" s="162"/>
      <c r="CD1655" s="162"/>
      <c r="CE1655" s="162"/>
      <c r="CF1655" s="162"/>
      <c r="CG1655" s="162"/>
      <c r="CH1655" s="162"/>
      <c r="CI1655" s="162"/>
      <c r="CJ1655" s="162"/>
      <c r="CK1655" s="162"/>
      <c r="CX1655" s="98"/>
      <c r="DL1655" s="97"/>
      <c r="DX1655" s="98"/>
      <c r="EL1655" s="97"/>
      <c r="EX1655" s="98"/>
      <c r="EY1655" s="97"/>
      <c r="FL1655" s="126"/>
      <c r="FM1655" s="91"/>
      <c r="FN1655" s="91"/>
      <c r="FO1655" s="91"/>
      <c r="FP1655" s="91"/>
      <c r="FQ1655" s="91"/>
      <c r="FR1655" s="91"/>
      <c r="FS1655" s="91"/>
      <c r="FT1655" s="91"/>
      <c r="FU1655" s="91"/>
      <c r="FV1655" s="91"/>
      <c r="FW1655" s="91"/>
      <c r="FX1655" s="91"/>
      <c r="FY1655" s="91"/>
      <c r="FZ1655" s="91"/>
      <c r="GA1655" s="91"/>
      <c r="GB1655" s="91"/>
      <c r="GC1655" s="91"/>
      <c r="GD1655" s="91"/>
      <c r="GE1655" s="91"/>
      <c r="GF1655" s="91"/>
      <c r="GG1655" s="91"/>
      <c r="GH1655" s="91"/>
      <c r="GI1655" s="91"/>
      <c r="GJ1655" s="91"/>
      <c r="GK1655" s="127"/>
      <c r="GL1655" s="126"/>
      <c r="GM1655" s="91"/>
      <c r="GN1655" s="91"/>
      <c r="GO1655" s="91"/>
      <c r="GP1655" s="91"/>
      <c r="GQ1655" s="91"/>
      <c r="GR1655" s="91"/>
      <c r="GS1655" s="91"/>
      <c r="GT1655" s="91"/>
      <c r="GU1655" s="91"/>
      <c r="GV1655" s="91"/>
      <c r="GW1655" s="91"/>
      <c r="GX1655" s="91"/>
      <c r="GY1655" s="91"/>
      <c r="GZ1655" s="91"/>
      <c r="HA1655" s="91"/>
      <c r="HB1655" s="91"/>
      <c r="HC1655" s="91"/>
      <c r="HD1655" s="91"/>
      <c r="HE1655" s="91"/>
      <c r="HF1655" s="91"/>
      <c r="HG1655" s="91"/>
      <c r="HH1655" s="91"/>
      <c r="HI1655" s="91"/>
      <c r="HJ1655" s="91"/>
      <c r="HK1655" s="127"/>
      <c r="HL1655" s="126"/>
      <c r="HM1655" s="91"/>
      <c r="HN1655" s="91"/>
      <c r="HO1655" s="91"/>
      <c r="HP1655" s="91"/>
      <c r="HQ1655" s="91"/>
      <c r="HR1655" s="91"/>
      <c r="HS1655" s="91"/>
      <c r="HT1655" s="91"/>
      <c r="HU1655" s="91"/>
      <c r="HV1655" s="91"/>
      <c r="HW1655" s="91"/>
      <c r="HX1655" s="91"/>
      <c r="HY1655" s="91"/>
      <c r="HZ1655" s="91"/>
      <c r="IA1655" s="91"/>
      <c r="IB1655" s="91"/>
      <c r="IC1655" s="91"/>
      <c r="ID1655" s="91"/>
      <c r="IE1655" s="91"/>
      <c r="IF1655" s="91"/>
      <c r="IG1655" s="91"/>
      <c r="IH1655" s="91"/>
      <c r="II1655" s="91"/>
      <c r="IJ1655" s="91"/>
      <c r="IK1655" s="127"/>
    </row>
    <row r="1656" spans="2:245" x14ac:dyDescent="0.2">
      <c r="B1656" s="43"/>
      <c r="C1656" s="73"/>
      <c r="D1656" s="64"/>
      <c r="E1656" s="64"/>
      <c r="F1656" s="55"/>
      <c r="G1656" s="102"/>
      <c r="H1656" s="55"/>
      <c r="I1656" s="55"/>
      <c r="J1656" s="55"/>
      <c r="K1656" s="55"/>
      <c r="L1656" s="55"/>
      <c r="M1656" s="55"/>
      <c r="N1656" s="55"/>
      <c r="O1656" s="55"/>
      <c r="P1656" s="55"/>
      <c r="Q1656" s="55"/>
      <c r="R1656" s="55"/>
      <c r="S1656" s="55"/>
      <c r="T1656" s="55"/>
      <c r="U1656" s="55"/>
      <c r="V1656" s="55"/>
      <c r="W1656" s="55"/>
      <c r="X1656" s="55"/>
      <c r="Y1656" s="55"/>
      <c r="Z1656" s="55"/>
      <c r="AA1656" s="55"/>
      <c r="AB1656" s="55"/>
      <c r="AC1656" s="55"/>
      <c r="AD1656" s="55"/>
      <c r="AE1656" s="55"/>
      <c r="AF1656" s="55"/>
      <c r="AG1656" s="55"/>
      <c r="AY1656" s="162"/>
      <c r="AZ1656" s="162"/>
      <c r="BA1656" s="162"/>
      <c r="BB1656" s="162"/>
      <c r="BC1656" s="162"/>
      <c r="BD1656" s="162"/>
      <c r="BE1656" s="162"/>
      <c r="BF1656" s="162"/>
      <c r="BG1656" s="162"/>
      <c r="BH1656" s="162"/>
      <c r="BI1656" s="162"/>
      <c r="BJ1656" s="162"/>
      <c r="BK1656" s="162"/>
      <c r="BL1656" s="162"/>
      <c r="BM1656" s="162"/>
      <c r="BN1656" s="162"/>
      <c r="BO1656" s="162"/>
      <c r="BP1656" s="162"/>
      <c r="BQ1656" s="162"/>
      <c r="BR1656" s="162"/>
      <c r="BS1656" s="162"/>
      <c r="BT1656" s="162"/>
      <c r="BU1656" s="162"/>
      <c r="BV1656" s="162"/>
      <c r="BW1656" s="162"/>
      <c r="BX1656" s="162"/>
      <c r="BY1656" s="162"/>
      <c r="BZ1656" s="162"/>
      <c r="CA1656" s="162"/>
      <c r="CB1656" s="162"/>
      <c r="CC1656" s="162"/>
      <c r="CD1656" s="162"/>
      <c r="CE1656" s="162"/>
      <c r="CF1656" s="162"/>
      <c r="CG1656" s="162"/>
      <c r="CH1656" s="162"/>
      <c r="CI1656" s="162"/>
      <c r="CJ1656" s="162"/>
      <c r="CK1656" s="162"/>
      <c r="CX1656" s="98"/>
      <c r="DL1656" s="97"/>
      <c r="DX1656" s="98"/>
      <c r="EL1656" s="97"/>
      <c r="EX1656" s="98"/>
      <c r="EY1656" s="97"/>
      <c r="FL1656" s="126"/>
      <c r="FM1656" s="91"/>
      <c r="FN1656" s="91"/>
      <c r="FO1656" s="91"/>
      <c r="FP1656" s="91"/>
      <c r="FQ1656" s="91"/>
      <c r="FR1656" s="91"/>
      <c r="FS1656" s="91"/>
      <c r="FT1656" s="91"/>
      <c r="FU1656" s="91"/>
      <c r="FV1656" s="91"/>
      <c r="FW1656" s="91"/>
      <c r="FX1656" s="91"/>
      <c r="FY1656" s="91"/>
      <c r="FZ1656" s="91"/>
      <c r="GA1656" s="91"/>
      <c r="GB1656" s="91"/>
      <c r="GC1656" s="91"/>
      <c r="GD1656" s="91"/>
      <c r="GE1656" s="91"/>
      <c r="GF1656" s="91"/>
      <c r="GG1656" s="91"/>
      <c r="GH1656" s="91"/>
      <c r="GI1656" s="91"/>
      <c r="GJ1656" s="91"/>
      <c r="GK1656" s="127"/>
      <c r="GL1656" s="126"/>
      <c r="GM1656" s="91"/>
      <c r="GN1656" s="91"/>
      <c r="GO1656" s="91"/>
      <c r="GP1656" s="91"/>
      <c r="GQ1656" s="91"/>
      <c r="GR1656" s="91"/>
      <c r="GS1656" s="91"/>
      <c r="GT1656" s="91"/>
      <c r="GU1656" s="91"/>
      <c r="GV1656" s="91"/>
      <c r="GW1656" s="91"/>
      <c r="GX1656" s="91"/>
      <c r="GY1656" s="91"/>
      <c r="GZ1656" s="91"/>
      <c r="HA1656" s="91"/>
      <c r="HB1656" s="91"/>
      <c r="HC1656" s="91"/>
      <c r="HD1656" s="91"/>
      <c r="HE1656" s="91"/>
      <c r="HF1656" s="91"/>
      <c r="HG1656" s="91"/>
      <c r="HH1656" s="91"/>
      <c r="HI1656" s="91"/>
      <c r="HJ1656" s="91"/>
      <c r="HK1656" s="127"/>
      <c r="HL1656" s="126"/>
      <c r="HM1656" s="91"/>
      <c r="HN1656" s="91"/>
      <c r="HO1656" s="91"/>
      <c r="HP1656" s="91"/>
      <c r="HQ1656" s="91"/>
      <c r="HR1656" s="91"/>
      <c r="HS1656" s="91"/>
      <c r="HT1656" s="91"/>
      <c r="HU1656" s="91"/>
      <c r="HV1656" s="91"/>
      <c r="HW1656" s="91"/>
      <c r="HX1656" s="91"/>
      <c r="HY1656" s="91"/>
      <c r="HZ1656" s="91"/>
      <c r="IA1656" s="91"/>
      <c r="IB1656" s="91"/>
      <c r="IC1656" s="91"/>
      <c r="ID1656" s="91"/>
      <c r="IE1656" s="91"/>
      <c r="IF1656" s="91"/>
      <c r="IG1656" s="91"/>
      <c r="IH1656" s="91"/>
      <c r="II1656" s="91"/>
      <c r="IJ1656" s="91"/>
      <c r="IK1656" s="127"/>
    </row>
    <row r="1657" spans="2:245" x14ac:dyDescent="0.2">
      <c r="B1657" s="43"/>
      <c r="C1657" s="73"/>
      <c r="D1657" s="64"/>
      <c r="E1657" s="64"/>
      <c r="F1657" s="55"/>
      <c r="G1657" s="102"/>
      <c r="H1657" s="55"/>
      <c r="I1657" s="55"/>
      <c r="J1657" s="55"/>
      <c r="K1657" s="55"/>
      <c r="L1657" s="55"/>
      <c r="M1657" s="55"/>
      <c r="N1657" s="55"/>
      <c r="O1657" s="55"/>
      <c r="P1657" s="55"/>
      <c r="Q1657" s="55"/>
      <c r="R1657" s="55"/>
      <c r="S1657" s="55"/>
      <c r="T1657" s="55"/>
      <c r="U1657" s="55"/>
      <c r="V1657" s="55"/>
      <c r="W1657" s="55"/>
      <c r="X1657" s="55"/>
      <c r="Y1657" s="55"/>
      <c r="Z1657" s="55"/>
      <c r="AA1657" s="55"/>
      <c r="AB1657" s="55"/>
      <c r="AC1657" s="55"/>
      <c r="AD1657" s="55"/>
      <c r="AE1657" s="55"/>
      <c r="AF1657" s="55"/>
      <c r="AG1657" s="55"/>
      <c r="AY1657" s="162"/>
      <c r="AZ1657" s="162"/>
      <c r="BA1657" s="162"/>
      <c r="BB1657" s="162"/>
      <c r="BC1657" s="162"/>
      <c r="BD1657" s="162"/>
      <c r="BE1657" s="162"/>
      <c r="BF1657" s="162"/>
      <c r="BG1657" s="162"/>
      <c r="BH1657" s="162"/>
      <c r="BI1657" s="162"/>
      <c r="BJ1657" s="162"/>
      <c r="BK1657" s="162"/>
      <c r="BL1657" s="162"/>
      <c r="BM1657" s="162"/>
      <c r="BN1657" s="162"/>
      <c r="BO1657" s="162"/>
      <c r="BP1657" s="162"/>
      <c r="BQ1657" s="162"/>
      <c r="BR1657" s="162"/>
      <c r="BS1657" s="162"/>
      <c r="BT1657" s="162"/>
      <c r="BU1657" s="162"/>
      <c r="BV1657" s="162"/>
      <c r="BW1657" s="162"/>
      <c r="BX1657" s="162"/>
      <c r="BY1657" s="162"/>
      <c r="BZ1657" s="162"/>
      <c r="CA1657" s="162"/>
      <c r="CB1657" s="162"/>
      <c r="CC1657" s="162"/>
      <c r="CD1657" s="162"/>
      <c r="CE1657" s="162"/>
      <c r="CF1657" s="162"/>
      <c r="CG1657" s="162"/>
      <c r="CH1657" s="162"/>
      <c r="CI1657" s="162"/>
      <c r="CJ1657" s="162"/>
      <c r="CK1657" s="162"/>
      <c r="CX1657" s="98"/>
      <c r="DL1657" s="97"/>
      <c r="DX1657" s="98"/>
      <c r="EL1657" s="97"/>
      <c r="EX1657" s="98"/>
      <c r="EY1657" s="97"/>
      <c r="FL1657" s="126"/>
      <c r="FM1657" s="91"/>
      <c r="FN1657" s="91"/>
      <c r="FO1657" s="91"/>
      <c r="FP1657" s="91"/>
      <c r="FQ1657" s="91"/>
      <c r="FR1657" s="91"/>
      <c r="FS1657" s="91"/>
      <c r="FT1657" s="91"/>
      <c r="FU1657" s="91"/>
      <c r="FV1657" s="91"/>
      <c r="FW1657" s="91"/>
      <c r="FX1657" s="91"/>
      <c r="FY1657" s="91"/>
      <c r="FZ1657" s="91"/>
      <c r="GA1657" s="91"/>
      <c r="GB1657" s="91"/>
      <c r="GC1657" s="91"/>
      <c r="GD1657" s="91"/>
      <c r="GE1657" s="91"/>
      <c r="GF1657" s="91"/>
      <c r="GG1657" s="91"/>
      <c r="GH1657" s="91"/>
      <c r="GI1657" s="91"/>
      <c r="GJ1657" s="91"/>
      <c r="GK1657" s="127"/>
      <c r="GL1657" s="126"/>
      <c r="GM1657" s="91"/>
      <c r="GN1657" s="91"/>
      <c r="GO1657" s="91"/>
      <c r="GP1657" s="91"/>
      <c r="GQ1657" s="91"/>
      <c r="GR1657" s="91"/>
      <c r="GS1657" s="91"/>
      <c r="GT1657" s="91"/>
      <c r="GU1657" s="91"/>
      <c r="GV1657" s="91"/>
      <c r="GW1657" s="91"/>
      <c r="GX1657" s="91"/>
      <c r="GY1657" s="91"/>
      <c r="GZ1657" s="91"/>
      <c r="HA1657" s="91"/>
      <c r="HB1657" s="91"/>
      <c r="HC1657" s="91"/>
      <c r="HD1657" s="91"/>
      <c r="HE1657" s="91"/>
      <c r="HF1657" s="91"/>
      <c r="HG1657" s="91"/>
      <c r="HH1657" s="91"/>
      <c r="HI1657" s="91"/>
      <c r="HJ1657" s="91"/>
      <c r="HK1657" s="127"/>
      <c r="HL1657" s="126"/>
      <c r="HM1657" s="91"/>
      <c r="HN1657" s="91"/>
      <c r="HO1657" s="91"/>
      <c r="HP1657" s="91"/>
      <c r="HQ1657" s="91"/>
      <c r="HR1657" s="91"/>
      <c r="HS1657" s="91"/>
      <c r="HT1657" s="91"/>
      <c r="HU1657" s="91"/>
      <c r="HV1657" s="91"/>
      <c r="HW1657" s="91"/>
      <c r="HX1657" s="91"/>
      <c r="HY1657" s="91"/>
      <c r="HZ1657" s="91"/>
      <c r="IA1657" s="91"/>
      <c r="IB1657" s="91"/>
      <c r="IC1657" s="91"/>
      <c r="ID1657" s="91"/>
      <c r="IE1657" s="91"/>
      <c r="IF1657" s="91"/>
      <c r="IG1657" s="91"/>
      <c r="IH1657" s="91"/>
      <c r="II1657" s="91"/>
      <c r="IJ1657" s="91"/>
      <c r="IK1657" s="127"/>
    </row>
    <row r="1658" spans="2:245" x14ac:dyDescent="0.2">
      <c r="B1658" s="43"/>
      <c r="C1658" s="73"/>
      <c r="D1658" s="64"/>
      <c r="E1658" s="64"/>
      <c r="F1658" s="55"/>
      <c r="G1658" s="102"/>
      <c r="H1658" s="55"/>
      <c r="I1658" s="55"/>
      <c r="J1658" s="55"/>
      <c r="K1658" s="55"/>
      <c r="L1658" s="55"/>
      <c r="M1658" s="55"/>
      <c r="N1658" s="55"/>
      <c r="O1658" s="55"/>
      <c r="P1658" s="55"/>
      <c r="Q1658" s="55"/>
      <c r="R1658" s="55"/>
      <c r="S1658" s="55"/>
      <c r="T1658" s="55"/>
      <c r="U1658" s="55"/>
      <c r="V1658" s="55"/>
      <c r="W1658" s="55"/>
      <c r="X1658" s="55"/>
      <c r="Y1658" s="55"/>
      <c r="Z1658" s="55"/>
      <c r="AA1658" s="55"/>
      <c r="AB1658" s="55"/>
      <c r="AC1658" s="55"/>
      <c r="AD1658" s="55"/>
      <c r="AE1658" s="55"/>
      <c r="AF1658" s="55"/>
      <c r="AG1658" s="55"/>
      <c r="AY1658" s="162"/>
      <c r="AZ1658" s="162"/>
      <c r="BA1658" s="162"/>
      <c r="BB1658" s="162"/>
      <c r="BC1658" s="162"/>
      <c r="BD1658" s="162"/>
      <c r="BE1658" s="162"/>
      <c r="BF1658" s="162"/>
      <c r="BG1658" s="162"/>
      <c r="BH1658" s="162"/>
      <c r="BI1658" s="162"/>
      <c r="BJ1658" s="162"/>
      <c r="BK1658" s="162"/>
      <c r="BL1658" s="162"/>
      <c r="BM1658" s="162"/>
      <c r="BN1658" s="162"/>
      <c r="BO1658" s="162"/>
      <c r="BP1658" s="162"/>
      <c r="BQ1658" s="162"/>
      <c r="BR1658" s="162"/>
      <c r="BS1658" s="162"/>
      <c r="BT1658" s="162"/>
      <c r="BU1658" s="162"/>
      <c r="BV1658" s="162"/>
      <c r="BW1658" s="162"/>
      <c r="BX1658" s="162"/>
      <c r="BY1658" s="162"/>
      <c r="BZ1658" s="162"/>
      <c r="CA1658" s="162"/>
      <c r="CB1658" s="162"/>
      <c r="CC1658" s="162"/>
      <c r="CD1658" s="162"/>
      <c r="CE1658" s="162"/>
      <c r="CF1658" s="162"/>
      <c r="CG1658" s="162"/>
      <c r="CH1658" s="162"/>
      <c r="CI1658" s="162"/>
      <c r="CJ1658" s="162"/>
      <c r="CK1658" s="162"/>
      <c r="CX1658" s="98"/>
      <c r="DL1658" s="97"/>
      <c r="DX1658" s="98"/>
      <c r="EL1658" s="97"/>
      <c r="EX1658" s="98"/>
      <c r="EY1658" s="97"/>
      <c r="FL1658" s="126"/>
      <c r="FM1658" s="91"/>
      <c r="FN1658" s="91"/>
      <c r="FO1658" s="91"/>
      <c r="FP1658" s="91"/>
      <c r="FQ1658" s="91"/>
      <c r="FR1658" s="91"/>
      <c r="FS1658" s="91"/>
      <c r="FT1658" s="91"/>
      <c r="FU1658" s="91"/>
      <c r="FV1658" s="91"/>
      <c r="FW1658" s="91"/>
      <c r="FX1658" s="91"/>
      <c r="FY1658" s="91"/>
      <c r="FZ1658" s="91"/>
      <c r="GA1658" s="91"/>
      <c r="GB1658" s="91"/>
      <c r="GC1658" s="91"/>
      <c r="GD1658" s="91"/>
      <c r="GE1658" s="91"/>
      <c r="GF1658" s="91"/>
      <c r="GG1658" s="91"/>
      <c r="GH1658" s="91"/>
      <c r="GI1658" s="91"/>
      <c r="GJ1658" s="91"/>
      <c r="GK1658" s="127"/>
      <c r="GL1658" s="126"/>
      <c r="GM1658" s="91"/>
      <c r="GN1658" s="91"/>
      <c r="GO1658" s="91"/>
      <c r="GP1658" s="91"/>
      <c r="GQ1658" s="91"/>
      <c r="GR1658" s="91"/>
      <c r="GS1658" s="91"/>
      <c r="GT1658" s="91"/>
      <c r="GU1658" s="91"/>
      <c r="GV1658" s="91"/>
      <c r="GW1658" s="91"/>
      <c r="GX1658" s="91"/>
      <c r="GY1658" s="91"/>
      <c r="GZ1658" s="91"/>
      <c r="HA1658" s="91"/>
      <c r="HB1658" s="91"/>
      <c r="HC1658" s="91"/>
      <c r="HD1658" s="91"/>
      <c r="HE1658" s="91"/>
      <c r="HF1658" s="91"/>
      <c r="HG1658" s="91"/>
      <c r="HH1658" s="91"/>
      <c r="HI1658" s="91"/>
      <c r="HJ1658" s="91"/>
      <c r="HK1658" s="127"/>
      <c r="HL1658" s="126"/>
      <c r="HM1658" s="91"/>
      <c r="HN1658" s="91"/>
      <c r="HO1658" s="91"/>
      <c r="HP1658" s="91"/>
      <c r="HQ1658" s="91"/>
      <c r="HR1658" s="91"/>
      <c r="HS1658" s="91"/>
      <c r="HT1658" s="91"/>
      <c r="HU1658" s="91"/>
      <c r="HV1658" s="91"/>
      <c r="HW1658" s="91"/>
      <c r="HX1658" s="91"/>
      <c r="HY1658" s="91"/>
      <c r="HZ1658" s="91"/>
      <c r="IA1658" s="91"/>
      <c r="IB1658" s="91"/>
      <c r="IC1658" s="91"/>
      <c r="ID1658" s="91"/>
      <c r="IE1658" s="91"/>
      <c r="IF1658" s="91"/>
      <c r="IG1658" s="91"/>
      <c r="IH1658" s="91"/>
      <c r="II1658" s="91"/>
      <c r="IJ1658" s="91"/>
      <c r="IK1658" s="127"/>
    </row>
    <row r="1659" spans="2:245" x14ac:dyDescent="0.2">
      <c r="B1659" s="43"/>
      <c r="C1659" s="73"/>
      <c r="D1659" s="64"/>
      <c r="E1659" s="64"/>
      <c r="F1659" s="55"/>
      <c r="G1659" s="102"/>
      <c r="H1659" s="55"/>
      <c r="I1659" s="55"/>
      <c r="J1659" s="55"/>
      <c r="K1659" s="55"/>
      <c r="L1659" s="55"/>
      <c r="M1659" s="55"/>
      <c r="N1659" s="55"/>
      <c r="O1659" s="55"/>
      <c r="P1659" s="55"/>
      <c r="Q1659" s="55"/>
      <c r="R1659" s="55"/>
      <c r="S1659" s="55"/>
      <c r="T1659" s="55"/>
      <c r="U1659" s="55"/>
      <c r="V1659" s="55"/>
      <c r="W1659" s="55"/>
      <c r="X1659" s="55"/>
      <c r="Y1659" s="55"/>
      <c r="Z1659" s="55"/>
      <c r="AA1659" s="55"/>
      <c r="AB1659" s="55"/>
      <c r="AC1659" s="55"/>
      <c r="AD1659" s="55"/>
      <c r="AE1659" s="55"/>
      <c r="AF1659" s="55"/>
      <c r="AG1659" s="55"/>
      <c r="AY1659" s="162"/>
      <c r="AZ1659" s="162"/>
      <c r="BA1659" s="162"/>
      <c r="BB1659" s="162"/>
      <c r="BC1659" s="162"/>
      <c r="BD1659" s="162"/>
      <c r="BE1659" s="162"/>
      <c r="BF1659" s="162"/>
      <c r="BG1659" s="162"/>
      <c r="BH1659" s="162"/>
      <c r="BI1659" s="162"/>
      <c r="BJ1659" s="162"/>
      <c r="BK1659" s="162"/>
      <c r="BL1659" s="162"/>
      <c r="BM1659" s="162"/>
      <c r="BN1659" s="162"/>
      <c r="BO1659" s="162"/>
      <c r="BP1659" s="162"/>
      <c r="BQ1659" s="162"/>
      <c r="BR1659" s="162"/>
      <c r="BS1659" s="162"/>
      <c r="BT1659" s="162"/>
      <c r="BU1659" s="162"/>
      <c r="BV1659" s="162"/>
      <c r="BW1659" s="162"/>
      <c r="BX1659" s="162"/>
      <c r="BY1659" s="162"/>
      <c r="BZ1659" s="162"/>
      <c r="CA1659" s="162"/>
      <c r="CB1659" s="162"/>
      <c r="CC1659" s="162"/>
      <c r="CD1659" s="162"/>
      <c r="CE1659" s="162"/>
      <c r="CF1659" s="162"/>
      <c r="CG1659" s="162"/>
      <c r="CH1659" s="162"/>
      <c r="CI1659" s="162"/>
      <c r="CJ1659" s="162"/>
      <c r="CK1659" s="162"/>
      <c r="CX1659" s="98"/>
      <c r="DL1659" s="97"/>
      <c r="DX1659" s="98"/>
      <c r="EL1659" s="97"/>
      <c r="EX1659" s="98"/>
      <c r="EY1659" s="97"/>
      <c r="FL1659" s="126"/>
      <c r="FM1659" s="91"/>
      <c r="FN1659" s="91"/>
      <c r="FO1659" s="91"/>
      <c r="FP1659" s="91"/>
      <c r="FQ1659" s="91"/>
      <c r="FR1659" s="91"/>
      <c r="FS1659" s="91"/>
      <c r="FT1659" s="91"/>
      <c r="FU1659" s="91"/>
      <c r="FV1659" s="91"/>
      <c r="FW1659" s="91"/>
      <c r="FX1659" s="91"/>
      <c r="FY1659" s="91"/>
      <c r="FZ1659" s="91"/>
      <c r="GA1659" s="91"/>
      <c r="GB1659" s="91"/>
      <c r="GC1659" s="91"/>
      <c r="GD1659" s="91"/>
      <c r="GE1659" s="91"/>
      <c r="GF1659" s="91"/>
      <c r="GG1659" s="91"/>
      <c r="GH1659" s="91"/>
      <c r="GI1659" s="91"/>
      <c r="GJ1659" s="91"/>
      <c r="GK1659" s="127"/>
      <c r="GL1659" s="126"/>
      <c r="GM1659" s="91"/>
      <c r="GN1659" s="91"/>
      <c r="GO1659" s="91"/>
      <c r="GP1659" s="91"/>
      <c r="GQ1659" s="91"/>
      <c r="GR1659" s="91"/>
      <c r="GS1659" s="91"/>
      <c r="GT1659" s="91"/>
      <c r="GU1659" s="91"/>
      <c r="GV1659" s="91"/>
      <c r="GW1659" s="91"/>
      <c r="GX1659" s="91"/>
      <c r="GY1659" s="91"/>
      <c r="GZ1659" s="91"/>
      <c r="HA1659" s="91"/>
      <c r="HB1659" s="91"/>
      <c r="HC1659" s="91"/>
      <c r="HD1659" s="91"/>
      <c r="HE1659" s="91"/>
      <c r="HF1659" s="91"/>
      <c r="HG1659" s="91"/>
      <c r="HH1659" s="91"/>
      <c r="HI1659" s="91"/>
      <c r="HJ1659" s="91"/>
      <c r="HK1659" s="127"/>
      <c r="HL1659" s="126"/>
      <c r="HM1659" s="91"/>
      <c r="HN1659" s="91"/>
      <c r="HO1659" s="91"/>
      <c r="HP1659" s="91"/>
      <c r="HQ1659" s="91"/>
      <c r="HR1659" s="91"/>
      <c r="HS1659" s="91"/>
      <c r="HT1659" s="91"/>
      <c r="HU1659" s="91"/>
      <c r="HV1659" s="91"/>
      <c r="HW1659" s="91"/>
      <c r="HX1659" s="91"/>
      <c r="HY1659" s="91"/>
      <c r="HZ1659" s="91"/>
      <c r="IA1659" s="91"/>
      <c r="IB1659" s="91"/>
      <c r="IC1659" s="91"/>
      <c r="ID1659" s="91"/>
      <c r="IE1659" s="91"/>
      <c r="IF1659" s="91"/>
      <c r="IG1659" s="91"/>
      <c r="IH1659" s="91"/>
      <c r="II1659" s="91"/>
      <c r="IJ1659" s="91"/>
      <c r="IK1659" s="127"/>
    </row>
    <row r="1660" spans="2:245" x14ac:dyDescent="0.2">
      <c r="B1660" s="43"/>
      <c r="C1660" s="73"/>
      <c r="D1660" s="64"/>
      <c r="E1660" s="64"/>
      <c r="F1660" s="55"/>
      <c r="G1660" s="102"/>
      <c r="H1660" s="55"/>
      <c r="I1660" s="55"/>
      <c r="J1660" s="55"/>
      <c r="K1660" s="55"/>
      <c r="L1660" s="55"/>
      <c r="M1660" s="55"/>
      <c r="N1660" s="55"/>
      <c r="O1660" s="55"/>
      <c r="P1660" s="55"/>
      <c r="Q1660" s="55"/>
      <c r="R1660" s="55"/>
      <c r="S1660" s="55"/>
      <c r="T1660" s="55"/>
      <c r="U1660" s="55"/>
      <c r="V1660" s="55"/>
      <c r="W1660" s="55"/>
      <c r="X1660" s="55"/>
      <c r="Y1660" s="55"/>
      <c r="Z1660" s="55"/>
      <c r="AA1660" s="55"/>
      <c r="AB1660" s="55"/>
      <c r="AC1660" s="55"/>
      <c r="AD1660" s="55"/>
      <c r="AE1660" s="55"/>
      <c r="AF1660" s="55"/>
      <c r="AG1660" s="55"/>
      <c r="AY1660" s="162"/>
      <c r="AZ1660" s="162"/>
      <c r="BA1660" s="162"/>
      <c r="BB1660" s="162"/>
      <c r="BC1660" s="162"/>
      <c r="BD1660" s="162"/>
      <c r="BE1660" s="162"/>
      <c r="BF1660" s="162"/>
      <c r="BG1660" s="162"/>
      <c r="BH1660" s="162"/>
      <c r="BI1660" s="162"/>
      <c r="BJ1660" s="162"/>
      <c r="BK1660" s="162"/>
      <c r="BL1660" s="162"/>
      <c r="BM1660" s="162"/>
      <c r="BN1660" s="162"/>
      <c r="BO1660" s="162"/>
      <c r="BP1660" s="162"/>
      <c r="BQ1660" s="162"/>
      <c r="BR1660" s="162"/>
      <c r="BS1660" s="162"/>
      <c r="BT1660" s="162"/>
      <c r="BU1660" s="162"/>
      <c r="BV1660" s="162"/>
      <c r="BW1660" s="162"/>
      <c r="BX1660" s="162"/>
      <c r="BY1660" s="162"/>
      <c r="BZ1660" s="162"/>
      <c r="CA1660" s="162"/>
      <c r="CB1660" s="162"/>
      <c r="CC1660" s="162"/>
      <c r="CD1660" s="162"/>
      <c r="CE1660" s="162"/>
      <c r="CF1660" s="162"/>
      <c r="CG1660" s="162"/>
      <c r="CH1660" s="162"/>
      <c r="CI1660" s="162"/>
      <c r="CJ1660" s="162"/>
      <c r="CK1660" s="162"/>
      <c r="CX1660" s="98"/>
      <c r="DL1660" s="97"/>
      <c r="DX1660" s="98"/>
      <c r="EL1660" s="97"/>
      <c r="EX1660" s="98"/>
      <c r="EY1660" s="97"/>
      <c r="FL1660" s="126"/>
      <c r="FM1660" s="91"/>
      <c r="FN1660" s="91"/>
      <c r="FO1660" s="91"/>
      <c r="FP1660" s="91"/>
      <c r="FQ1660" s="91"/>
      <c r="FR1660" s="91"/>
      <c r="FS1660" s="91"/>
      <c r="FT1660" s="91"/>
      <c r="FU1660" s="91"/>
      <c r="FV1660" s="91"/>
      <c r="FW1660" s="91"/>
      <c r="FX1660" s="91"/>
      <c r="FY1660" s="91"/>
      <c r="FZ1660" s="91"/>
      <c r="GA1660" s="91"/>
      <c r="GB1660" s="91"/>
      <c r="GC1660" s="91"/>
      <c r="GD1660" s="91"/>
      <c r="GE1660" s="91"/>
      <c r="GF1660" s="91"/>
      <c r="GG1660" s="91"/>
      <c r="GH1660" s="91"/>
      <c r="GI1660" s="91"/>
      <c r="GJ1660" s="91"/>
      <c r="GK1660" s="127"/>
      <c r="GL1660" s="126"/>
      <c r="GM1660" s="91"/>
      <c r="GN1660" s="91"/>
      <c r="GO1660" s="91"/>
      <c r="GP1660" s="91"/>
      <c r="GQ1660" s="91"/>
      <c r="GR1660" s="91"/>
      <c r="GS1660" s="91"/>
      <c r="GT1660" s="91"/>
      <c r="GU1660" s="91"/>
      <c r="GV1660" s="91"/>
      <c r="GW1660" s="91"/>
      <c r="GX1660" s="91"/>
      <c r="GY1660" s="91"/>
      <c r="GZ1660" s="91"/>
      <c r="HA1660" s="91"/>
      <c r="HB1660" s="91"/>
      <c r="HC1660" s="91"/>
      <c r="HD1660" s="91"/>
      <c r="HE1660" s="91"/>
      <c r="HF1660" s="91"/>
      <c r="HG1660" s="91"/>
      <c r="HH1660" s="91"/>
      <c r="HI1660" s="91"/>
      <c r="HJ1660" s="91"/>
      <c r="HK1660" s="127"/>
      <c r="HL1660" s="126"/>
      <c r="HM1660" s="91"/>
      <c r="HN1660" s="91"/>
      <c r="HO1660" s="91"/>
      <c r="HP1660" s="91"/>
      <c r="HQ1660" s="91"/>
      <c r="HR1660" s="91"/>
      <c r="HS1660" s="91"/>
      <c r="HT1660" s="91"/>
      <c r="HU1660" s="91"/>
      <c r="HV1660" s="91"/>
      <c r="HW1660" s="91"/>
      <c r="HX1660" s="91"/>
      <c r="HY1660" s="91"/>
      <c r="HZ1660" s="91"/>
      <c r="IA1660" s="91"/>
      <c r="IB1660" s="91"/>
      <c r="IC1660" s="91"/>
      <c r="ID1660" s="91"/>
      <c r="IE1660" s="91"/>
      <c r="IF1660" s="91"/>
      <c r="IG1660" s="91"/>
      <c r="IH1660" s="91"/>
      <c r="II1660" s="91"/>
      <c r="IJ1660" s="91"/>
      <c r="IK1660" s="127"/>
    </row>
    <row r="1661" spans="2:245" x14ac:dyDescent="0.2">
      <c r="B1661" s="43"/>
      <c r="C1661" s="73"/>
      <c r="D1661" s="64"/>
      <c r="E1661" s="64"/>
      <c r="F1661" s="55"/>
      <c r="G1661" s="102"/>
      <c r="H1661" s="55"/>
      <c r="I1661" s="55"/>
      <c r="J1661" s="55"/>
      <c r="K1661" s="55"/>
      <c r="L1661" s="55"/>
      <c r="M1661" s="55"/>
      <c r="N1661" s="55"/>
      <c r="O1661" s="55"/>
      <c r="P1661" s="55"/>
      <c r="Q1661" s="55"/>
      <c r="R1661" s="55"/>
      <c r="S1661" s="55"/>
      <c r="T1661" s="55"/>
      <c r="U1661" s="55"/>
      <c r="V1661" s="55"/>
      <c r="W1661" s="55"/>
      <c r="X1661" s="55"/>
      <c r="Y1661" s="55"/>
      <c r="Z1661" s="55"/>
      <c r="AA1661" s="55"/>
      <c r="AB1661" s="55"/>
      <c r="AC1661" s="55"/>
      <c r="AD1661" s="55"/>
      <c r="AE1661" s="55"/>
      <c r="AF1661" s="55"/>
      <c r="AG1661" s="55"/>
      <c r="AY1661" s="162"/>
      <c r="AZ1661" s="162"/>
      <c r="BA1661" s="162"/>
      <c r="BB1661" s="162"/>
      <c r="BC1661" s="162"/>
      <c r="BD1661" s="162"/>
      <c r="BE1661" s="162"/>
      <c r="BF1661" s="162"/>
      <c r="BG1661" s="162"/>
      <c r="BH1661" s="162"/>
      <c r="BI1661" s="162"/>
      <c r="BJ1661" s="162"/>
      <c r="BK1661" s="162"/>
      <c r="BL1661" s="162"/>
      <c r="BM1661" s="162"/>
      <c r="BN1661" s="162"/>
      <c r="BO1661" s="162"/>
      <c r="BP1661" s="162"/>
      <c r="BQ1661" s="162"/>
      <c r="BR1661" s="162"/>
      <c r="BS1661" s="162"/>
      <c r="BT1661" s="162"/>
      <c r="BU1661" s="162"/>
      <c r="BV1661" s="162"/>
      <c r="BW1661" s="162"/>
      <c r="BX1661" s="162"/>
      <c r="BY1661" s="162"/>
      <c r="BZ1661" s="162"/>
      <c r="CA1661" s="162"/>
      <c r="CB1661" s="162"/>
      <c r="CC1661" s="162"/>
      <c r="CD1661" s="162"/>
      <c r="CE1661" s="162"/>
      <c r="CF1661" s="162"/>
      <c r="CG1661" s="162"/>
      <c r="CH1661" s="162"/>
      <c r="CI1661" s="162"/>
      <c r="CJ1661" s="162"/>
      <c r="CK1661" s="162"/>
      <c r="CX1661" s="98"/>
      <c r="DL1661" s="97"/>
      <c r="DX1661" s="98"/>
      <c r="EL1661" s="97"/>
      <c r="EX1661" s="98"/>
      <c r="EY1661" s="97"/>
      <c r="FL1661" s="126"/>
      <c r="FM1661" s="91"/>
      <c r="FN1661" s="91"/>
      <c r="FO1661" s="91"/>
      <c r="FP1661" s="91"/>
      <c r="FQ1661" s="91"/>
      <c r="FR1661" s="91"/>
      <c r="FS1661" s="91"/>
      <c r="FT1661" s="91"/>
      <c r="FU1661" s="91"/>
      <c r="FV1661" s="91"/>
      <c r="FW1661" s="91"/>
      <c r="FX1661" s="91"/>
      <c r="FY1661" s="91"/>
      <c r="FZ1661" s="91"/>
      <c r="GA1661" s="91"/>
      <c r="GB1661" s="91"/>
      <c r="GC1661" s="91"/>
      <c r="GD1661" s="91"/>
      <c r="GE1661" s="91"/>
      <c r="GF1661" s="91"/>
      <c r="GG1661" s="91"/>
      <c r="GH1661" s="91"/>
      <c r="GI1661" s="91"/>
      <c r="GJ1661" s="91"/>
      <c r="GK1661" s="127"/>
      <c r="GL1661" s="126"/>
      <c r="GM1661" s="91"/>
      <c r="GN1661" s="91"/>
      <c r="GO1661" s="91"/>
      <c r="GP1661" s="91"/>
      <c r="GQ1661" s="91"/>
      <c r="GR1661" s="91"/>
      <c r="GS1661" s="91"/>
      <c r="GT1661" s="91"/>
      <c r="GU1661" s="91"/>
      <c r="GV1661" s="91"/>
      <c r="GW1661" s="91"/>
      <c r="GX1661" s="91"/>
      <c r="GY1661" s="91"/>
      <c r="GZ1661" s="91"/>
      <c r="HA1661" s="91"/>
      <c r="HB1661" s="91"/>
      <c r="HC1661" s="91"/>
      <c r="HD1661" s="91"/>
      <c r="HE1661" s="91"/>
      <c r="HF1661" s="91"/>
      <c r="HG1661" s="91"/>
      <c r="HH1661" s="91"/>
      <c r="HI1661" s="91"/>
      <c r="HJ1661" s="91"/>
      <c r="HK1661" s="127"/>
      <c r="HL1661" s="126"/>
      <c r="HM1661" s="91"/>
      <c r="HN1661" s="91"/>
      <c r="HO1661" s="91"/>
      <c r="HP1661" s="91"/>
      <c r="HQ1661" s="91"/>
      <c r="HR1661" s="91"/>
      <c r="HS1661" s="91"/>
      <c r="HT1661" s="91"/>
      <c r="HU1661" s="91"/>
      <c r="HV1661" s="91"/>
      <c r="HW1661" s="91"/>
      <c r="HX1661" s="91"/>
      <c r="HY1661" s="91"/>
      <c r="HZ1661" s="91"/>
      <c r="IA1661" s="91"/>
      <c r="IB1661" s="91"/>
      <c r="IC1661" s="91"/>
      <c r="ID1661" s="91"/>
      <c r="IE1661" s="91"/>
      <c r="IF1661" s="91"/>
      <c r="IG1661" s="91"/>
      <c r="IH1661" s="91"/>
      <c r="II1661" s="91"/>
      <c r="IJ1661" s="91"/>
      <c r="IK1661" s="127"/>
    </row>
    <row r="1662" spans="2:245" x14ac:dyDescent="0.2">
      <c r="B1662" s="43"/>
      <c r="C1662" s="73"/>
      <c r="D1662" s="64"/>
      <c r="E1662" s="64"/>
      <c r="F1662" s="55"/>
      <c r="G1662" s="102"/>
      <c r="H1662" s="55"/>
      <c r="I1662" s="55"/>
      <c r="J1662" s="55"/>
      <c r="K1662" s="55"/>
      <c r="L1662" s="55"/>
      <c r="M1662" s="55"/>
      <c r="N1662" s="55"/>
      <c r="O1662" s="55"/>
      <c r="P1662" s="55"/>
      <c r="Q1662" s="55"/>
      <c r="R1662" s="55"/>
      <c r="S1662" s="55"/>
      <c r="T1662" s="55"/>
      <c r="U1662" s="55"/>
      <c r="V1662" s="55"/>
      <c r="W1662" s="55"/>
      <c r="X1662" s="55"/>
      <c r="Y1662" s="55"/>
      <c r="Z1662" s="55"/>
      <c r="AA1662" s="55"/>
      <c r="AB1662" s="55"/>
      <c r="AC1662" s="55"/>
      <c r="AD1662" s="55"/>
      <c r="AE1662" s="55"/>
      <c r="AF1662" s="55"/>
      <c r="AG1662" s="55"/>
      <c r="AY1662" s="162"/>
      <c r="AZ1662" s="162"/>
      <c r="BA1662" s="162"/>
      <c r="BB1662" s="162"/>
      <c r="BC1662" s="162"/>
      <c r="BD1662" s="162"/>
      <c r="BE1662" s="162"/>
      <c r="BF1662" s="162"/>
      <c r="BG1662" s="162"/>
      <c r="BH1662" s="162"/>
      <c r="BI1662" s="162"/>
      <c r="BJ1662" s="162"/>
      <c r="BK1662" s="162"/>
      <c r="BL1662" s="162"/>
      <c r="BM1662" s="162"/>
      <c r="BN1662" s="162"/>
      <c r="BO1662" s="162"/>
      <c r="BP1662" s="162"/>
      <c r="BQ1662" s="162"/>
      <c r="BR1662" s="162"/>
      <c r="BS1662" s="162"/>
      <c r="BT1662" s="162"/>
      <c r="BU1662" s="162"/>
      <c r="BV1662" s="162"/>
      <c r="BW1662" s="162"/>
      <c r="BX1662" s="162"/>
      <c r="BY1662" s="162"/>
      <c r="BZ1662" s="162"/>
      <c r="CA1662" s="162"/>
      <c r="CB1662" s="162"/>
      <c r="CC1662" s="162"/>
      <c r="CD1662" s="162"/>
      <c r="CE1662" s="162"/>
      <c r="CF1662" s="162"/>
      <c r="CG1662" s="162"/>
      <c r="CH1662" s="162"/>
      <c r="CI1662" s="162"/>
      <c r="CJ1662" s="162"/>
      <c r="CK1662" s="162"/>
      <c r="CX1662" s="98"/>
      <c r="DL1662" s="97"/>
      <c r="DX1662" s="98"/>
      <c r="EL1662" s="97"/>
      <c r="EX1662" s="98"/>
      <c r="EY1662" s="97"/>
      <c r="FL1662" s="126"/>
      <c r="FM1662" s="91"/>
      <c r="FN1662" s="91"/>
      <c r="FO1662" s="91"/>
      <c r="FP1662" s="91"/>
      <c r="FQ1662" s="91"/>
      <c r="FR1662" s="91"/>
      <c r="FS1662" s="91"/>
      <c r="FT1662" s="91"/>
      <c r="FU1662" s="91"/>
      <c r="FV1662" s="91"/>
      <c r="FW1662" s="91"/>
      <c r="FX1662" s="91"/>
      <c r="FY1662" s="91"/>
      <c r="FZ1662" s="91"/>
      <c r="GA1662" s="91"/>
      <c r="GB1662" s="91"/>
      <c r="GC1662" s="91"/>
      <c r="GD1662" s="91"/>
      <c r="GE1662" s="91"/>
      <c r="GF1662" s="91"/>
      <c r="GG1662" s="91"/>
      <c r="GH1662" s="91"/>
      <c r="GI1662" s="91"/>
      <c r="GJ1662" s="91"/>
      <c r="GK1662" s="127"/>
      <c r="GL1662" s="126"/>
      <c r="GM1662" s="91"/>
      <c r="GN1662" s="91"/>
      <c r="GO1662" s="91"/>
      <c r="GP1662" s="91"/>
      <c r="GQ1662" s="91"/>
      <c r="GR1662" s="91"/>
      <c r="GS1662" s="91"/>
      <c r="GT1662" s="91"/>
      <c r="GU1662" s="91"/>
      <c r="GV1662" s="91"/>
      <c r="GW1662" s="91"/>
      <c r="GX1662" s="91"/>
      <c r="GY1662" s="91"/>
      <c r="GZ1662" s="91"/>
      <c r="HA1662" s="91"/>
      <c r="HB1662" s="91"/>
      <c r="HC1662" s="91"/>
      <c r="HD1662" s="91"/>
      <c r="HE1662" s="91"/>
      <c r="HF1662" s="91"/>
      <c r="HG1662" s="91"/>
      <c r="HH1662" s="91"/>
      <c r="HI1662" s="91"/>
      <c r="HJ1662" s="91"/>
      <c r="HK1662" s="127"/>
      <c r="HL1662" s="126"/>
      <c r="HM1662" s="91"/>
      <c r="HN1662" s="91"/>
      <c r="HO1662" s="91"/>
      <c r="HP1662" s="91"/>
      <c r="HQ1662" s="91"/>
      <c r="HR1662" s="91"/>
      <c r="HS1662" s="91"/>
      <c r="HT1662" s="91"/>
      <c r="HU1662" s="91"/>
      <c r="HV1662" s="91"/>
      <c r="HW1662" s="91"/>
      <c r="HX1662" s="91"/>
      <c r="HY1662" s="91"/>
      <c r="HZ1662" s="91"/>
      <c r="IA1662" s="91"/>
      <c r="IB1662" s="91"/>
      <c r="IC1662" s="91"/>
      <c r="ID1662" s="91"/>
      <c r="IE1662" s="91"/>
      <c r="IF1662" s="91"/>
      <c r="IG1662" s="91"/>
      <c r="IH1662" s="91"/>
      <c r="II1662" s="91"/>
      <c r="IJ1662" s="91"/>
      <c r="IK1662" s="127"/>
    </row>
    <row r="1663" spans="2:245" x14ac:dyDescent="0.2">
      <c r="B1663" s="43"/>
      <c r="C1663" s="73"/>
      <c r="D1663" s="64"/>
      <c r="E1663" s="64"/>
      <c r="F1663" s="55"/>
      <c r="G1663" s="102"/>
      <c r="H1663" s="55"/>
      <c r="I1663" s="55"/>
      <c r="J1663" s="55"/>
      <c r="K1663" s="55"/>
      <c r="L1663" s="55"/>
      <c r="M1663" s="55"/>
      <c r="N1663" s="55"/>
      <c r="O1663" s="55"/>
      <c r="P1663" s="55"/>
      <c r="Q1663" s="55"/>
      <c r="R1663" s="55"/>
      <c r="S1663" s="55"/>
      <c r="T1663" s="55"/>
      <c r="U1663" s="55"/>
      <c r="V1663" s="55"/>
      <c r="W1663" s="55"/>
      <c r="X1663" s="55"/>
      <c r="Y1663" s="55"/>
      <c r="Z1663" s="55"/>
      <c r="AA1663" s="55"/>
      <c r="AB1663" s="55"/>
      <c r="AC1663" s="55"/>
      <c r="AD1663" s="55"/>
      <c r="AE1663" s="55"/>
      <c r="AF1663" s="55"/>
      <c r="AG1663" s="55"/>
      <c r="AY1663" s="162"/>
      <c r="AZ1663" s="162"/>
      <c r="BA1663" s="162"/>
      <c r="BB1663" s="162"/>
      <c r="BC1663" s="162"/>
      <c r="BD1663" s="162"/>
      <c r="BE1663" s="162"/>
      <c r="BF1663" s="162"/>
      <c r="BG1663" s="162"/>
      <c r="BH1663" s="162"/>
      <c r="BI1663" s="162"/>
      <c r="BJ1663" s="162"/>
      <c r="BK1663" s="162"/>
      <c r="BL1663" s="162"/>
      <c r="BM1663" s="162"/>
      <c r="BN1663" s="162"/>
      <c r="BO1663" s="162"/>
      <c r="BP1663" s="162"/>
      <c r="BQ1663" s="162"/>
      <c r="BR1663" s="162"/>
      <c r="BS1663" s="162"/>
      <c r="BT1663" s="162"/>
      <c r="BU1663" s="162"/>
      <c r="BV1663" s="162"/>
      <c r="BW1663" s="162"/>
      <c r="BX1663" s="162"/>
      <c r="BY1663" s="162"/>
      <c r="BZ1663" s="162"/>
      <c r="CA1663" s="162"/>
      <c r="CB1663" s="162"/>
      <c r="CC1663" s="162"/>
      <c r="CD1663" s="162"/>
      <c r="CE1663" s="162"/>
      <c r="CF1663" s="162"/>
      <c r="CG1663" s="162"/>
      <c r="CH1663" s="162"/>
      <c r="CI1663" s="162"/>
      <c r="CJ1663" s="162"/>
      <c r="CK1663" s="162"/>
      <c r="CX1663" s="98"/>
      <c r="DL1663" s="97"/>
      <c r="DX1663" s="98"/>
      <c r="EL1663" s="97"/>
      <c r="EX1663" s="98"/>
      <c r="EY1663" s="97"/>
      <c r="FL1663" s="126"/>
      <c r="FM1663" s="91"/>
      <c r="FN1663" s="91"/>
      <c r="FO1663" s="91"/>
      <c r="FP1663" s="91"/>
      <c r="FQ1663" s="91"/>
      <c r="FR1663" s="91"/>
      <c r="FS1663" s="91"/>
      <c r="FT1663" s="91"/>
      <c r="FU1663" s="91"/>
      <c r="FV1663" s="91"/>
      <c r="FW1663" s="91"/>
      <c r="FX1663" s="91"/>
      <c r="FY1663" s="91"/>
      <c r="FZ1663" s="91"/>
      <c r="GA1663" s="91"/>
      <c r="GB1663" s="91"/>
      <c r="GC1663" s="91"/>
      <c r="GD1663" s="91"/>
      <c r="GE1663" s="91"/>
      <c r="GF1663" s="91"/>
      <c r="GG1663" s="91"/>
      <c r="GH1663" s="91"/>
      <c r="GI1663" s="91"/>
      <c r="GJ1663" s="91"/>
      <c r="GK1663" s="127"/>
      <c r="GL1663" s="126"/>
      <c r="GM1663" s="91"/>
      <c r="GN1663" s="91"/>
      <c r="GO1663" s="91"/>
      <c r="GP1663" s="91"/>
      <c r="GQ1663" s="91"/>
      <c r="GR1663" s="91"/>
      <c r="GS1663" s="91"/>
      <c r="GT1663" s="91"/>
      <c r="GU1663" s="91"/>
      <c r="GV1663" s="91"/>
      <c r="GW1663" s="91"/>
      <c r="GX1663" s="91"/>
      <c r="GY1663" s="91"/>
      <c r="GZ1663" s="91"/>
      <c r="HA1663" s="91"/>
      <c r="HB1663" s="91"/>
      <c r="HC1663" s="91"/>
      <c r="HD1663" s="91"/>
      <c r="HE1663" s="91"/>
      <c r="HF1663" s="91"/>
      <c r="HG1663" s="91"/>
      <c r="HH1663" s="91"/>
      <c r="HI1663" s="91"/>
      <c r="HJ1663" s="91"/>
      <c r="HK1663" s="127"/>
      <c r="HL1663" s="126"/>
      <c r="HM1663" s="91"/>
      <c r="HN1663" s="91"/>
      <c r="HO1663" s="91"/>
      <c r="HP1663" s="91"/>
      <c r="HQ1663" s="91"/>
      <c r="HR1663" s="91"/>
      <c r="HS1663" s="91"/>
      <c r="HT1663" s="91"/>
      <c r="HU1663" s="91"/>
      <c r="HV1663" s="91"/>
      <c r="HW1663" s="91"/>
      <c r="HX1663" s="91"/>
      <c r="HY1663" s="91"/>
      <c r="HZ1663" s="91"/>
      <c r="IA1663" s="91"/>
      <c r="IB1663" s="91"/>
      <c r="IC1663" s="91"/>
      <c r="ID1663" s="91"/>
      <c r="IE1663" s="91"/>
      <c r="IF1663" s="91"/>
      <c r="IG1663" s="91"/>
      <c r="IH1663" s="91"/>
      <c r="II1663" s="91"/>
      <c r="IJ1663" s="91"/>
      <c r="IK1663" s="127"/>
    </row>
    <row r="1664" spans="2:245" x14ac:dyDescent="0.2">
      <c r="B1664" s="43"/>
      <c r="C1664" s="73"/>
      <c r="D1664" s="64"/>
      <c r="E1664" s="64"/>
      <c r="F1664" s="55"/>
      <c r="G1664" s="102"/>
      <c r="H1664" s="55"/>
      <c r="I1664" s="55"/>
      <c r="J1664" s="55"/>
      <c r="K1664" s="55"/>
      <c r="L1664" s="55"/>
      <c r="M1664" s="55"/>
      <c r="N1664" s="55"/>
      <c r="O1664" s="55"/>
      <c r="P1664" s="55"/>
      <c r="Q1664" s="55"/>
      <c r="R1664" s="55"/>
      <c r="S1664" s="55"/>
      <c r="T1664" s="55"/>
      <c r="U1664" s="55"/>
      <c r="V1664" s="55"/>
      <c r="W1664" s="55"/>
      <c r="X1664" s="55"/>
      <c r="Y1664" s="55"/>
      <c r="Z1664" s="55"/>
      <c r="AA1664" s="55"/>
      <c r="AB1664" s="55"/>
      <c r="AC1664" s="55"/>
      <c r="AD1664" s="55"/>
      <c r="AE1664" s="55"/>
      <c r="AF1664" s="55"/>
      <c r="AG1664" s="55"/>
      <c r="AY1664" s="162"/>
      <c r="AZ1664" s="162"/>
      <c r="BA1664" s="162"/>
      <c r="BB1664" s="162"/>
      <c r="BC1664" s="162"/>
      <c r="BD1664" s="162"/>
      <c r="BE1664" s="162"/>
      <c r="BF1664" s="162"/>
      <c r="BG1664" s="162"/>
      <c r="BH1664" s="162"/>
      <c r="BI1664" s="162"/>
      <c r="BJ1664" s="162"/>
      <c r="BK1664" s="162"/>
      <c r="BL1664" s="162"/>
      <c r="BM1664" s="162"/>
      <c r="BN1664" s="162"/>
      <c r="BO1664" s="162"/>
      <c r="BP1664" s="162"/>
      <c r="BQ1664" s="162"/>
      <c r="BR1664" s="162"/>
      <c r="BS1664" s="162"/>
      <c r="BT1664" s="162"/>
      <c r="BU1664" s="162"/>
      <c r="BV1664" s="162"/>
      <c r="BW1664" s="162"/>
      <c r="BX1664" s="162"/>
      <c r="BY1664" s="162"/>
      <c r="BZ1664" s="162"/>
      <c r="CA1664" s="162"/>
      <c r="CB1664" s="162"/>
      <c r="CC1664" s="162"/>
      <c r="CD1664" s="162"/>
      <c r="CE1664" s="162"/>
      <c r="CF1664" s="162"/>
      <c r="CG1664" s="162"/>
      <c r="CH1664" s="162"/>
      <c r="CI1664" s="162"/>
      <c r="CJ1664" s="162"/>
      <c r="CK1664" s="162"/>
      <c r="CX1664" s="98"/>
      <c r="DL1664" s="97"/>
      <c r="DX1664" s="98"/>
      <c r="EL1664" s="97"/>
      <c r="EX1664" s="98"/>
      <c r="EY1664" s="97"/>
      <c r="FL1664" s="126"/>
      <c r="FM1664" s="91"/>
      <c r="FN1664" s="91"/>
      <c r="FO1664" s="91"/>
      <c r="FP1664" s="91"/>
      <c r="FQ1664" s="91"/>
      <c r="FR1664" s="91"/>
      <c r="FS1664" s="91"/>
      <c r="FT1664" s="91"/>
      <c r="FU1664" s="91"/>
      <c r="FV1664" s="91"/>
      <c r="FW1664" s="91"/>
      <c r="FX1664" s="91"/>
      <c r="FY1664" s="91"/>
      <c r="FZ1664" s="91"/>
      <c r="GA1664" s="91"/>
      <c r="GB1664" s="91"/>
      <c r="GC1664" s="91"/>
      <c r="GD1664" s="91"/>
      <c r="GE1664" s="91"/>
      <c r="GF1664" s="91"/>
      <c r="GG1664" s="91"/>
      <c r="GH1664" s="91"/>
      <c r="GI1664" s="91"/>
      <c r="GJ1664" s="91"/>
      <c r="GK1664" s="127"/>
      <c r="GL1664" s="126"/>
      <c r="GM1664" s="91"/>
      <c r="GN1664" s="91"/>
      <c r="GO1664" s="91"/>
      <c r="GP1664" s="91"/>
      <c r="GQ1664" s="91"/>
      <c r="GR1664" s="91"/>
      <c r="GS1664" s="91"/>
      <c r="GT1664" s="91"/>
      <c r="GU1664" s="91"/>
      <c r="GV1664" s="91"/>
      <c r="GW1664" s="91"/>
      <c r="GX1664" s="91"/>
      <c r="GY1664" s="91"/>
      <c r="GZ1664" s="91"/>
      <c r="HA1664" s="91"/>
      <c r="HB1664" s="91"/>
      <c r="HC1664" s="91"/>
      <c r="HD1664" s="91"/>
      <c r="HE1664" s="91"/>
      <c r="HF1664" s="91"/>
      <c r="HG1664" s="91"/>
      <c r="HH1664" s="91"/>
      <c r="HI1664" s="91"/>
      <c r="HJ1664" s="91"/>
      <c r="HK1664" s="127"/>
      <c r="HL1664" s="126"/>
      <c r="HM1664" s="91"/>
      <c r="HN1664" s="91"/>
      <c r="HO1664" s="91"/>
      <c r="HP1664" s="91"/>
      <c r="HQ1664" s="91"/>
      <c r="HR1664" s="91"/>
      <c r="HS1664" s="91"/>
      <c r="HT1664" s="91"/>
      <c r="HU1664" s="91"/>
      <c r="HV1664" s="91"/>
      <c r="HW1664" s="91"/>
      <c r="HX1664" s="91"/>
      <c r="HY1664" s="91"/>
      <c r="HZ1664" s="91"/>
      <c r="IA1664" s="91"/>
      <c r="IB1664" s="91"/>
      <c r="IC1664" s="91"/>
      <c r="ID1664" s="91"/>
      <c r="IE1664" s="91"/>
      <c r="IF1664" s="91"/>
      <c r="IG1664" s="91"/>
      <c r="IH1664" s="91"/>
      <c r="II1664" s="91"/>
      <c r="IJ1664" s="91"/>
      <c r="IK1664" s="127"/>
    </row>
    <row r="1665" spans="2:245" x14ac:dyDescent="0.2">
      <c r="B1665" s="43"/>
      <c r="C1665" s="73"/>
      <c r="D1665" s="64"/>
      <c r="E1665" s="64"/>
      <c r="F1665" s="55"/>
      <c r="G1665" s="102"/>
      <c r="H1665" s="55"/>
      <c r="I1665" s="55"/>
      <c r="J1665" s="55"/>
      <c r="K1665" s="55"/>
      <c r="L1665" s="55"/>
      <c r="M1665" s="55"/>
      <c r="N1665" s="55"/>
      <c r="O1665" s="55"/>
      <c r="P1665" s="55"/>
      <c r="Q1665" s="55"/>
      <c r="R1665" s="55"/>
      <c r="S1665" s="55"/>
      <c r="T1665" s="55"/>
      <c r="U1665" s="55"/>
      <c r="V1665" s="55"/>
      <c r="W1665" s="55"/>
      <c r="X1665" s="55"/>
      <c r="Y1665" s="55"/>
      <c r="Z1665" s="55"/>
      <c r="AA1665" s="55"/>
      <c r="AB1665" s="55"/>
      <c r="AC1665" s="55"/>
      <c r="AD1665" s="55"/>
      <c r="AE1665" s="55"/>
      <c r="AF1665" s="55"/>
      <c r="AG1665" s="55"/>
      <c r="AY1665" s="162"/>
      <c r="AZ1665" s="162"/>
      <c r="BA1665" s="162"/>
      <c r="BB1665" s="162"/>
      <c r="BC1665" s="162"/>
      <c r="BD1665" s="162"/>
      <c r="BE1665" s="162"/>
      <c r="BF1665" s="162"/>
      <c r="BG1665" s="162"/>
      <c r="BH1665" s="162"/>
      <c r="BI1665" s="162"/>
      <c r="BJ1665" s="162"/>
      <c r="BK1665" s="162"/>
      <c r="BL1665" s="162"/>
      <c r="BM1665" s="162"/>
      <c r="BN1665" s="162"/>
      <c r="BO1665" s="162"/>
      <c r="BP1665" s="162"/>
      <c r="BQ1665" s="162"/>
      <c r="BR1665" s="162"/>
      <c r="BS1665" s="162"/>
      <c r="BT1665" s="162"/>
      <c r="BU1665" s="162"/>
      <c r="BV1665" s="162"/>
      <c r="BW1665" s="162"/>
      <c r="BX1665" s="162"/>
      <c r="BY1665" s="162"/>
      <c r="BZ1665" s="162"/>
      <c r="CA1665" s="162"/>
      <c r="CB1665" s="162"/>
      <c r="CC1665" s="162"/>
      <c r="CD1665" s="162"/>
      <c r="CE1665" s="162"/>
      <c r="CF1665" s="162"/>
      <c r="CG1665" s="162"/>
      <c r="CH1665" s="162"/>
      <c r="CI1665" s="162"/>
      <c r="CJ1665" s="162"/>
      <c r="CK1665" s="162"/>
      <c r="CX1665" s="98"/>
      <c r="DL1665" s="97"/>
      <c r="DX1665" s="98"/>
      <c r="EL1665" s="97"/>
      <c r="EX1665" s="98"/>
      <c r="EY1665" s="97"/>
      <c r="FL1665" s="126"/>
      <c r="FM1665" s="91"/>
      <c r="FN1665" s="91"/>
      <c r="FO1665" s="91"/>
      <c r="FP1665" s="91"/>
      <c r="FQ1665" s="91"/>
      <c r="FR1665" s="91"/>
      <c r="FS1665" s="91"/>
      <c r="FT1665" s="91"/>
      <c r="FU1665" s="91"/>
      <c r="FV1665" s="91"/>
      <c r="FW1665" s="91"/>
      <c r="FX1665" s="91"/>
      <c r="FY1665" s="91"/>
      <c r="FZ1665" s="91"/>
      <c r="GA1665" s="91"/>
      <c r="GB1665" s="91"/>
      <c r="GC1665" s="91"/>
      <c r="GD1665" s="91"/>
      <c r="GE1665" s="91"/>
      <c r="GF1665" s="91"/>
      <c r="GG1665" s="91"/>
      <c r="GH1665" s="91"/>
      <c r="GI1665" s="91"/>
      <c r="GJ1665" s="91"/>
      <c r="GK1665" s="127"/>
      <c r="GL1665" s="126"/>
      <c r="GM1665" s="91"/>
      <c r="GN1665" s="91"/>
      <c r="GO1665" s="91"/>
      <c r="GP1665" s="91"/>
      <c r="GQ1665" s="91"/>
      <c r="GR1665" s="91"/>
      <c r="GS1665" s="91"/>
      <c r="GT1665" s="91"/>
      <c r="GU1665" s="91"/>
      <c r="GV1665" s="91"/>
      <c r="GW1665" s="91"/>
      <c r="GX1665" s="91"/>
      <c r="GY1665" s="91"/>
      <c r="GZ1665" s="91"/>
      <c r="HA1665" s="91"/>
      <c r="HB1665" s="91"/>
      <c r="HC1665" s="91"/>
      <c r="HD1665" s="91"/>
      <c r="HE1665" s="91"/>
      <c r="HF1665" s="91"/>
      <c r="HG1665" s="91"/>
      <c r="HH1665" s="91"/>
      <c r="HI1665" s="91"/>
      <c r="HJ1665" s="91"/>
      <c r="HK1665" s="127"/>
      <c r="HL1665" s="126"/>
      <c r="HM1665" s="91"/>
      <c r="HN1665" s="91"/>
      <c r="HO1665" s="91"/>
      <c r="HP1665" s="91"/>
      <c r="HQ1665" s="91"/>
      <c r="HR1665" s="91"/>
      <c r="HS1665" s="91"/>
      <c r="HT1665" s="91"/>
      <c r="HU1665" s="91"/>
      <c r="HV1665" s="91"/>
      <c r="HW1665" s="91"/>
      <c r="HX1665" s="91"/>
      <c r="HY1665" s="91"/>
      <c r="HZ1665" s="91"/>
      <c r="IA1665" s="91"/>
      <c r="IB1665" s="91"/>
      <c r="IC1665" s="91"/>
      <c r="ID1665" s="91"/>
      <c r="IE1665" s="91"/>
      <c r="IF1665" s="91"/>
      <c r="IG1665" s="91"/>
      <c r="IH1665" s="91"/>
      <c r="II1665" s="91"/>
      <c r="IJ1665" s="91"/>
      <c r="IK1665" s="127"/>
    </row>
    <row r="1666" spans="2:245" x14ac:dyDescent="0.2">
      <c r="B1666" s="43"/>
      <c r="C1666" s="73"/>
      <c r="D1666" s="64"/>
      <c r="E1666" s="64"/>
      <c r="F1666" s="55"/>
      <c r="G1666" s="102"/>
      <c r="H1666" s="55"/>
      <c r="I1666" s="55"/>
      <c r="J1666" s="55"/>
      <c r="K1666" s="55"/>
      <c r="L1666" s="55"/>
      <c r="M1666" s="55"/>
      <c r="N1666" s="55"/>
      <c r="O1666" s="55"/>
      <c r="P1666" s="55"/>
      <c r="Q1666" s="55"/>
      <c r="R1666" s="55"/>
      <c r="S1666" s="55"/>
      <c r="T1666" s="55"/>
      <c r="U1666" s="55"/>
      <c r="V1666" s="55"/>
      <c r="W1666" s="55"/>
      <c r="X1666" s="55"/>
      <c r="Y1666" s="55"/>
      <c r="Z1666" s="55"/>
      <c r="AA1666" s="55"/>
      <c r="AB1666" s="55"/>
      <c r="AC1666" s="55"/>
      <c r="AD1666" s="55"/>
      <c r="AE1666" s="55"/>
      <c r="AF1666" s="55"/>
      <c r="AG1666" s="55"/>
      <c r="AY1666" s="162"/>
      <c r="AZ1666" s="162"/>
      <c r="BA1666" s="162"/>
      <c r="BB1666" s="162"/>
      <c r="BC1666" s="162"/>
      <c r="BD1666" s="162"/>
      <c r="BE1666" s="162"/>
      <c r="BF1666" s="162"/>
      <c r="BG1666" s="162"/>
      <c r="BH1666" s="162"/>
      <c r="BI1666" s="162"/>
      <c r="BJ1666" s="162"/>
      <c r="BK1666" s="162"/>
      <c r="BL1666" s="162"/>
      <c r="BM1666" s="162"/>
      <c r="BN1666" s="162"/>
      <c r="BO1666" s="162"/>
      <c r="BP1666" s="162"/>
      <c r="BQ1666" s="162"/>
      <c r="BR1666" s="162"/>
      <c r="BS1666" s="162"/>
      <c r="BT1666" s="162"/>
      <c r="BU1666" s="162"/>
      <c r="BV1666" s="162"/>
      <c r="BW1666" s="162"/>
      <c r="BX1666" s="162"/>
      <c r="BY1666" s="162"/>
      <c r="BZ1666" s="162"/>
      <c r="CA1666" s="162"/>
      <c r="CB1666" s="162"/>
      <c r="CC1666" s="162"/>
      <c r="CD1666" s="162"/>
      <c r="CE1666" s="162"/>
      <c r="CF1666" s="162"/>
      <c r="CG1666" s="162"/>
      <c r="CH1666" s="162"/>
      <c r="CI1666" s="162"/>
      <c r="CJ1666" s="162"/>
      <c r="CK1666" s="162"/>
      <c r="CX1666" s="98"/>
      <c r="DL1666" s="97"/>
      <c r="DX1666" s="98"/>
      <c r="EL1666" s="97"/>
      <c r="EX1666" s="98"/>
      <c r="EY1666" s="97"/>
      <c r="FL1666" s="126"/>
      <c r="FM1666" s="91"/>
      <c r="FN1666" s="91"/>
      <c r="FO1666" s="91"/>
      <c r="FP1666" s="91"/>
      <c r="FQ1666" s="91"/>
      <c r="FR1666" s="91"/>
      <c r="FS1666" s="91"/>
      <c r="FT1666" s="91"/>
      <c r="FU1666" s="91"/>
      <c r="FV1666" s="91"/>
      <c r="FW1666" s="91"/>
      <c r="FX1666" s="91"/>
      <c r="FY1666" s="91"/>
      <c r="FZ1666" s="91"/>
      <c r="GA1666" s="91"/>
      <c r="GB1666" s="91"/>
      <c r="GC1666" s="91"/>
      <c r="GD1666" s="91"/>
      <c r="GE1666" s="91"/>
      <c r="GF1666" s="91"/>
      <c r="GG1666" s="91"/>
      <c r="GH1666" s="91"/>
      <c r="GI1666" s="91"/>
      <c r="GJ1666" s="91"/>
      <c r="GK1666" s="127"/>
      <c r="GL1666" s="126"/>
      <c r="GM1666" s="91"/>
      <c r="GN1666" s="91"/>
      <c r="GO1666" s="91"/>
      <c r="GP1666" s="91"/>
      <c r="GQ1666" s="91"/>
      <c r="GR1666" s="91"/>
      <c r="GS1666" s="91"/>
      <c r="GT1666" s="91"/>
      <c r="GU1666" s="91"/>
      <c r="GV1666" s="91"/>
      <c r="GW1666" s="91"/>
      <c r="GX1666" s="91"/>
      <c r="GY1666" s="91"/>
      <c r="GZ1666" s="91"/>
      <c r="HA1666" s="91"/>
      <c r="HB1666" s="91"/>
      <c r="HC1666" s="91"/>
      <c r="HD1666" s="91"/>
      <c r="HE1666" s="91"/>
      <c r="HF1666" s="91"/>
      <c r="HG1666" s="91"/>
      <c r="HH1666" s="91"/>
      <c r="HI1666" s="91"/>
      <c r="HJ1666" s="91"/>
      <c r="HK1666" s="127"/>
      <c r="HL1666" s="126"/>
      <c r="HM1666" s="91"/>
      <c r="HN1666" s="91"/>
      <c r="HO1666" s="91"/>
      <c r="HP1666" s="91"/>
      <c r="HQ1666" s="91"/>
      <c r="HR1666" s="91"/>
      <c r="HS1666" s="91"/>
      <c r="HT1666" s="91"/>
      <c r="HU1666" s="91"/>
      <c r="HV1666" s="91"/>
      <c r="HW1666" s="91"/>
      <c r="HX1666" s="91"/>
      <c r="HY1666" s="91"/>
      <c r="HZ1666" s="91"/>
      <c r="IA1666" s="91"/>
      <c r="IB1666" s="91"/>
      <c r="IC1666" s="91"/>
      <c r="ID1666" s="91"/>
      <c r="IE1666" s="91"/>
      <c r="IF1666" s="91"/>
      <c r="IG1666" s="91"/>
      <c r="IH1666" s="91"/>
      <c r="II1666" s="91"/>
      <c r="IJ1666" s="91"/>
      <c r="IK1666" s="127"/>
    </row>
    <row r="1667" spans="2:245" x14ac:dyDescent="0.2">
      <c r="B1667" s="43"/>
      <c r="C1667" s="73"/>
      <c r="D1667" s="64"/>
      <c r="E1667" s="64"/>
      <c r="F1667" s="55"/>
      <c r="G1667" s="102"/>
      <c r="H1667" s="55"/>
      <c r="I1667" s="55"/>
      <c r="J1667" s="55"/>
      <c r="K1667" s="55"/>
      <c r="L1667" s="55"/>
      <c r="M1667" s="55"/>
      <c r="N1667" s="55"/>
      <c r="O1667" s="55"/>
      <c r="P1667" s="55"/>
      <c r="Q1667" s="55"/>
      <c r="R1667" s="55"/>
      <c r="S1667" s="55"/>
      <c r="T1667" s="55"/>
      <c r="U1667" s="55"/>
      <c r="V1667" s="55"/>
      <c r="W1667" s="55"/>
      <c r="X1667" s="55"/>
      <c r="Y1667" s="55"/>
      <c r="Z1667" s="55"/>
      <c r="AA1667" s="55"/>
      <c r="AB1667" s="55"/>
      <c r="AC1667" s="55"/>
      <c r="AD1667" s="55"/>
      <c r="AE1667" s="55"/>
      <c r="AF1667" s="55"/>
      <c r="AG1667" s="55"/>
      <c r="AY1667" s="162"/>
      <c r="AZ1667" s="162"/>
      <c r="BA1667" s="162"/>
      <c r="BB1667" s="162"/>
      <c r="BC1667" s="162"/>
      <c r="BD1667" s="162"/>
      <c r="BE1667" s="162"/>
      <c r="BF1667" s="162"/>
      <c r="BG1667" s="162"/>
      <c r="BH1667" s="162"/>
      <c r="BI1667" s="162"/>
      <c r="BJ1667" s="162"/>
      <c r="BK1667" s="162"/>
      <c r="BL1667" s="162"/>
      <c r="BM1667" s="162"/>
      <c r="BN1667" s="162"/>
      <c r="BO1667" s="162"/>
      <c r="BP1667" s="162"/>
      <c r="BQ1667" s="162"/>
      <c r="BR1667" s="162"/>
      <c r="BS1667" s="162"/>
      <c r="BT1667" s="162"/>
      <c r="BU1667" s="162"/>
      <c r="BV1667" s="162"/>
      <c r="BW1667" s="162"/>
      <c r="BX1667" s="162"/>
      <c r="BY1667" s="162"/>
      <c r="BZ1667" s="162"/>
      <c r="CA1667" s="162"/>
      <c r="CB1667" s="162"/>
      <c r="CC1667" s="162"/>
      <c r="CD1667" s="162"/>
      <c r="CE1667" s="162"/>
      <c r="CF1667" s="162"/>
      <c r="CG1667" s="162"/>
      <c r="CH1667" s="162"/>
      <c r="CI1667" s="162"/>
      <c r="CJ1667" s="162"/>
      <c r="CK1667" s="162"/>
      <c r="CX1667" s="98"/>
      <c r="DL1667" s="97"/>
      <c r="DX1667" s="98"/>
      <c r="EL1667" s="97"/>
      <c r="EX1667" s="98"/>
      <c r="EY1667" s="97"/>
      <c r="FL1667" s="126"/>
      <c r="FM1667" s="91"/>
      <c r="FN1667" s="91"/>
      <c r="FO1667" s="91"/>
      <c r="FP1667" s="91"/>
      <c r="FQ1667" s="91"/>
      <c r="FR1667" s="91"/>
      <c r="FS1667" s="91"/>
      <c r="FT1667" s="91"/>
      <c r="FU1667" s="91"/>
      <c r="FV1667" s="91"/>
      <c r="FW1667" s="91"/>
      <c r="FX1667" s="91"/>
      <c r="FY1667" s="91"/>
      <c r="FZ1667" s="91"/>
      <c r="GA1667" s="91"/>
      <c r="GB1667" s="91"/>
      <c r="GC1667" s="91"/>
      <c r="GD1667" s="91"/>
      <c r="GE1667" s="91"/>
      <c r="GF1667" s="91"/>
      <c r="GG1667" s="91"/>
      <c r="GH1667" s="91"/>
      <c r="GI1667" s="91"/>
      <c r="GJ1667" s="91"/>
      <c r="GK1667" s="127"/>
      <c r="GL1667" s="126"/>
      <c r="GM1667" s="91"/>
      <c r="GN1667" s="91"/>
      <c r="GO1667" s="91"/>
      <c r="GP1667" s="91"/>
      <c r="GQ1667" s="91"/>
      <c r="GR1667" s="91"/>
      <c r="GS1667" s="91"/>
      <c r="GT1667" s="91"/>
      <c r="GU1667" s="91"/>
      <c r="GV1667" s="91"/>
      <c r="GW1667" s="91"/>
      <c r="GX1667" s="91"/>
      <c r="GY1667" s="91"/>
      <c r="GZ1667" s="91"/>
      <c r="HA1667" s="91"/>
      <c r="HB1667" s="91"/>
      <c r="HC1667" s="91"/>
      <c r="HD1667" s="91"/>
      <c r="HE1667" s="91"/>
      <c r="HF1667" s="91"/>
      <c r="HG1667" s="91"/>
      <c r="HH1667" s="91"/>
      <c r="HI1667" s="91"/>
      <c r="HJ1667" s="91"/>
      <c r="HK1667" s="127"/>
      <c r="HL1667" s="126"/>
      <c r="HM1667" s="91"/>
      <c r="HN1667" s="91"/>
      <c r="HO1667" s="91"/>
      <c r="HP1667" s="91"/>
      <c r="HQ1667" s="91"/>
      <c r="HR1667" s="91"/>
      <c r="HS1667" s="91"/>
      <c r="HT1667" s="91"/>
      <c r="HU1667" s="91"/>
      <c r="HV1667" s="91"/>
      <c r="HW1667" s="91"/>
      <c r="HX1667" s="91"/>
      <c r="HY1667" s="91"/>
      <c r="HZ1667" s="91"/>
      <c r="IA1667" s="91"/>
      <c r="IB1667" s="91"/>
      <c r="IC1667" s="91"/>
      <c r="ID1667" s="91"/>
      <c r="IE1667" s="91"/>
      <c r="IF1667" s="91"/>
      <c r="IG1667" s="91"/>
      <c r="IH1667" s="91"/>
      <c r="II1667" s="91"/>
      <c r="IJ1667" s="91"/>
      <c r="IK1667" s="127"/>
    </row>
    <row r="1668" spans="2:245" x14ac:dyDescent="0.2">
      <c r="B1668" s="43"/>
      <c r="C1668" s="73"/>
      <c r="D1668" s="64"/>
      <c r="E1668" s="64"/>
      <c r="F1668" s="55"/>
      <c r="G1668" s="102"/>
      <c r="H1668" s="55"/>
      <c r="I1668" s="55"/>
      <c r="J1668" s="55"/>
      <c r="K1668" s="55"/>
      <c r="L1668" s="55"/>
      <c r="M1668" s="55"/>
      <c r="N1668" s="55"/>
      <c r="O1668" s="55"/>
      <c r="P1668" s="55"/>
      <c r="Q1668" s="55"/>
      <c r="R1668" s="55"/>
      <c r="S1668" s="55"/>
      <c r="T1668" s="55"/>
      <c r="U1668" s="55"/>
      <c r="V1668" s="55"/>
      <c r="W1668" s="55"/>
      <c r="X1668" s="55"/>
      <c r="Y1668" s="55"/>
      <c r="Z1668" s="55"/>
      <c r="AA1668" s="55"/>
      <c r="AB1668" s="55"/>
      <c r="AC1668" s="55"/>
      <c r="AD1668" s="55"/>
      <c r="AE1668" s="55"/>
      <c r="AF1668" s="55"/>
      <c r="AG1668" s="55"/>
      <c r="AY1668" s="162"/>
      <c r="AZ1668" s="162"/>
      <c r="BA1668" s="162"/>
      <c r="BB1668" s="162"/>
      <c r="BC1668" s="162"/>
      <c r="BD1668" s="162"/>
      <c r="BE1668" s="162"/>
      <c r="BF1668" s="162"/>
      <c r="BG1668" s="162"/>
      <c r="BH1668" s="162"/>
      <c r="BI1668" s="162"/>
      <c r="BJ1668" s="162"/>
      <c r="BK1668" s="162"/>
      <c r="BL1668" s="162"/>
      <c r="BM1668" s="162"/>
      <c r="BN1668" s="162"/>
      <c r="BO1668" s="162"/>
      <c r="BP1668" s="162"/>
      <c r="BQ1668" s="162"/>
      <c r="BR1668" s="162"/>
      <c r="BS1668" s="162"/>
      <c r="BT1668" s="162"/>
      <c r="BU1668" s="162"/>
      <c r="BV1668" s="162"/>
      <c r="BW1668" s="162"/>
      <c r="BX1668" s="162"/>
      <c r="BY1668" s="162"/>
      <c r="BZ1668" s="162"/>
      <c r="CA1668" s="162"/>
      <c r="CB1668" s="162"/>
      <c r="CC1668" s="162"/>
      <c r="CD1668" s="162"/>
      <c r="CE1668" s="162"/>
      <c r="CF1668" s="162"/>
      <c r="CG1668" s="162"/>
      <c r="CH1668" s="162"/>
      <c r="CI1668" s="162"/>
      <c r="CJ1668" s="162"/>
      <c r="CK1668" s="162"/>
      <c r="CX1668" s="98"/>
      <c r="DL1668" s="97"/>
      <c r="DX1668" s="98"/>
      <c r="EL1668" s="97"/>
      <c r="EX1668" s="98"/>
      <c r="EY1668" s="97"/>
      <c r="FL1668" s="126"/>
      <c r="FM1668" s="91"/>
      <c r="FN1668" s="91"/>
      <c r="FO1668" s="91"/>
      <c r="FP1668" s="91"/>
      <c r="FQ1668" s="91"/>
      <c r="FR1668" s="91"/>
      <c r="FS1668" s="91"/>
      <c r="FT1668" s="91"/>
      <c r="FU1668" s="91"/>
      <c r="FV1668" s="91"/>
      <c r="FW1668" s="91"/>
      <c r="FX1668" s="91"/>
      <c r="FY1668" s="91"/>
      <c r="FZ1668" s="91"/>
      <c r="GA1668" s="91"/>
      <c r="GB1668" s="91"/>
      <c r="GC1668" s="91"/>
      <c r="GD1668" s="91"/>
      <c r="GE1668" s="91"/>
      <c r="GF1668" s="91"/>
      <c r="GG1668" s="91"/>
      <c r="GH1668" s="91"/>
      <c r="GI1668" s="91"/>
      <c r="GJ1668" s="91"/>
      <c r="GK1668" s="127"/>
      <c r="GL1668" s="126"/>
      <c r="GM1668" s="91"/>
      <c r="GN1668" s="91"/>
      <c r="GO1668" s="91"/>
      <c r="GP1668" s="91"/>
      <c r="GQ1668" s="91"/>
      <c r="GR1668" s="91"/>
      <c r="GS1668" s="91"/>
      <c r="GT1668" s="91"/>
      <c r="GU1668" s="91"/>
      <c r="GV1668" s="91"/>
      <c r="GW1668" s="91"/>
      <c r="GX1668" s="91"/>
      <c r="GY1668" s="91"/>
      <c r="GZ1668" s="91"/>
      <c r="HA1668" s="91"/>
      <c r="HB1668" s="91"/>
      <c r="HC1668" s="91"/>
      <c r="HD1668" s="91"/>
      <c r="HE1668" s="91"/>
      <c r="HF1668" s="91"/>
      <c r="HG1668" s="91"/>
      <c r="HH1668" s="91"/>
      <c r="HI1668" s="91"/>
      <c r="HJ1668" s="91"/>
      <c r="HK1668" s="127"/>
      <c r="HL1668" s="126"/>
      <c r="HM1668" s="91"/>
      <c r="HN1668" s="91"/>
      <c r="HO1668" s="91"/>
      <c r="HP1668" s="91"/>
      <c r="HQ1668" s="91"/>
      <c r="HR1668" s="91"/>
      <c r="HS1668" s="91"/>
      <c r="HT1668" s="91"/>
      <c r="HU1668" s="91"/>
      <c r="HV1668" s="91"/>
      <c r="HW1668" s="91"/>
      <c r="HX1668" s="91"/>
      <c r="HY1668" s="91"/>
      <c r="HZ1668" s="91"/>
      <c r="IA1668" s="91"/>
      <c r="IB1668" s="91"/>
      <c r="IC1668" s="91"/>
      <c r="ID1668" s="91"/>
      <c r="IE1668" s="91"/>
      <c r="IF1668" s="91"/>
      <c r="IG1668" s="91"/>
      <c r="IH1668" s="91"/>
      <c r="II1668" s="91"/>
      <c r="IJ1668" s="91"/>
      <c r="IK1668" s="127"/>
    </row>
    <row r="1669" spans="2:245" x14ac:dyDescent="0.2">
      <c r="B1669" s="43"/>
      <c r="C1669" s="73"/>
      <c r="D1669" s="64"/>
      <c r="E1669" s="64"/>
      <c r="F1669" s="55"/>
      <c r="G1669" s="102"/>
      <c r="H1669" s="55"/>
      <c r="I1669" s="55"/>
      <c r="J1669" s="55"/>
      <c r="K1669" s="55"/>
      <c r="L1669" s="55"/>
      <c r="M1669" s="55"/>
      <c r="N1669" s="55"/>
      <c r="O1669" s="55"/>
      <c r="P1669" s="55"/>
      <c r="Q1669" s="55"/>
      <c r="R1669" s="55"/>
      <c r="S1669" s="55"/>
      <c r="T1669" s="55"/>
      <c r="U1669" s="55"/>
      <c r="V1669" s="55"/>
      <c r="W1669" s="55"/>
      <c r="X1669" s="55"/>
      <c r="Y1669" s="55"/>
      <c r="Z1669" s="55"/>
      <c r="AA1669" s="55"/>
      <c r="AB1669" s="55"/>
      <c r="AC1669" s="55"/>
      <c r="AD1669" s="55"/>
      <c r="AE1669" s="55"/>
      <c r="AF1669" s="55"/>
      <c r="AG1669" s="55"/>
      <c r="AY1669" s="162"/>
      <c r="AZ1669" s="162"/>
      <c r="BA1669" s="162"/>
      <c r="BB1669" s="162"/>
      <c r="BC1669" s="162"/>
      <c r="BD1669" s="162"/>
      <c r="BE1669" s="162"/>
      <c r="BF1669" s="162"/>
      <c r="BG1669" s="162"/>
      <c r="BH1669" s="162"/>
      <c r="BI1669" s="162"/>
      <c r="BJ1669" s="162"/>
      <c r="BK1669" s="162"/>
      <c r="BL1669" s="162"/>
      <c r="BM1669" s="162"/>
      <c r="BN1669" s="162"/>
      <c r="BO1669" s="162"/>
      <c r="BP1669" s="162"/>
      <c r="BQ1669" s="162"/>
      <c r="BR1669" s="162"/>
      <c r="BS1669" s="162"/>
      <c r="BT1669" s="162"/>
      <c r="BU1669" s="162"/>
      <c r="BV1669" s="162"/>
      <c r="BW1669" s="162"/>
      <c r="BX1669" s="162"/>
      <c r="BY1669" s="162"/>
      <c r="BZ1669" s="162"/>
      <c r="CA1669" s="162"/>
      <c r="CB1669" s="162"/>
      <c r="CC1669" s="162"/>
      <c r="CD1669" s="162"/>
      <c r="CE1669" s="162"/>
      <c r="CF1669" s="162"/>
      <c r="CG1669" s="162"/>
      <c r="CH1669" s="162"/>
      <c r="CI1669" s="162"/>
      <c r="CJ1669" s="162"/>
      <c r="CK1669" s="162"/>
      <c r="CX1669" s="98"/>
      <c r="DL1669" s="97"/>
      <c r="DX1669" s="98"/>
      <c r="EL1669" s="97"/>
      <c r="EX1669" s="98"/>
      <c r="EY1669" s="97"/>
      <c r="FL1669" s="126"/>
      <c r="FM1669" s="91"/>
      <c r="FN1669" s="91"/>
      <c r="FO1669" s="91"/>
      <c r="FP1669" s="91"/>
      <c r="FQ1669" s="91"/>
      <c r="FR1669" s="91"/>
      <c r="FS1669" s="91"/>
      <c r="FT1669" s="91"/>
      <c r="FU1669" s="91"/>
      <c r="FV1669" s="91"/>
      <c r="FW1669" s="91"/>
      <c r="FX1669" s="91"/>
      <c r="FY1669" s="91"/>
      <c r="FZ1669" s="91"/>
      <c r="GA1669" s="91"/>
      <c r="GB1669" s="91"/>
      <c r="GC1669" s="91"/>
      <c r="GD1669" s="91"/>
      <c r="GE1669" s="91"/>
      <c r="GF1669" s="91"/>
      <c r="GG1669" s="91"/>
      <c r="GH1669" s="91"/>
      <c r="GI1669" s="91"/>
      <c r="GJ1669" s="91"/>
      <c r="GK1669" s="127"/>
      <c r="GL1669" s="126"/>
      <c r="GM1669" s="91"/>
      <c r="GN1669" s="91"/>
      <c r="GO1669" s="91"/>
      <c r="GP1669" s="91"/>
      <c r="GQ1669" s="91"/>
      <c r="GR1669" s="91"/>
      <c r="GS1669" s="91"/>
      <c r="GT1669" s="91"/>
      <c r="GU1669" s="91"/>
      <c r="GV1669" s="91"/>
      <c r="GW1669" s="91"/>
      <c r="GX1669" s="91"/>
      <c r="GY1669" s="91"/>
      <c r="GZ1669" s="91"/>
      <c r="HA1669" s="91"/>
      <c r="HB1669" s="91"/>
      <c r="HC1669" s="91"/>
      <c r="HD1669" s="91"/>
      <c r="HE1669" s="91"/>
      <c r="HF1669" s="91"/>
      <c r="HG1669" s="91"/>
      <c r="HH1669" s="91"/>
      <c r="HI1669" s="91"/>
      <c r="HJ1669" s="91"/>
      <c r="HK1669" s="127"/>
      <c r="HL1669" s="126"/>
      <c r="HM1669" s="91"/>
      <c r="HN1669" s="91"/>
      <c r="HO1669" s="91"/>
      <c r="HP1669" s="91"/>
      <c r="HQ1669" s="91"/>
      <c r="HR1669" s="91"/>
      <c r="HS1669" s="91"/>
      <c r="HT1669" s="91"/>
      <c r="HU1669" s="91"/>
      <c r="HV1669" s="91"/>
      <c r="HW1669" s="91"/>
      <c r="HX1669" s="91"/>
      <c r="HY1669" s="91"/>
      <c r="HZ1669" s="91"/>
      <c r="IA1669" s="91"/>
      <c r="IB1669" s="91"/>
      <c r="IC1669" s="91"/>
      <c r="ID1669" s="91"/>
      <c r="IE1669" s="91"/>
      <c r="IF1669" s="91"/>
      <c r="IG1669" s="91"/>
      <c r="IH1669" s="91"/>
      <c r="II1669" s="91"/>
      <c r="IJ1669" s="91"/>
      <c r="IK1669" s="127"/>
    </row>
    <row r="1670" spans="2:245" x14ac:dyDescent="0.2">
      <c r="B1670" s="43"/>
      <c r="C1670" s="73"/>
      <c r="D1670" s="64"/>
      <c r="E1670" s="64"/>
      <c r="F1670" s="55"/>
      <c r="G1670" s="102"/>
      <c r="H1670" s="55"/>
      <c r="I1670" s="55"/>
      <c r="J1670" s="55"/>
      <c r="K1670" s="55"/>
      <c r="L1670" s="55"/>
      <c r="M1670" s="55"/>
      <c r="N1670" s="55"/>
      <c r="O1670" s="55"/>
      <c r="P1670" s="55"/>
      <c r="Q1670" s="55"/>
      <c r="R1670" s="55"/>
      <c r="S1670" s="55"/>
      <c r="T1670" s="55"/>
      <c r="U1670" s="55"/>
      <c r="V1670" s="55"/>
      <c r="W1670" s="55"/>
      <c r="X1670" s="55"/>
      <c r="Y1670" s="55"/>
      <c r="Z1670" s="55"/>
      <c r="AA1670" s="55"/>
      <c r="AB1670" s="55"/>
      <c r="AC1670" s="55"/>
      <c r="AD1670" s="55"/>
      <c r="AE1670" s="55"/>
      <c r="AF1670" s="55"/>
      <c r="AG1670" s="55"/>
      <c r="AY1670" s="162"/>
      <c r="AZ1670" s="162"/>
      <c r="BA1670" s="162"/>
      <c r="BB1670" s="162"/>
      <c r="BC1670" s="162"/>
      <c r="BD1670" s="162"/>
      <c r="BE1670" s="162"/>
      <c r="BF1670" s="162"/>
      <c r="BG1670" s="162"/>
      <c r="BH1670" s="162"/>
      <c r="BI1670" s="162"/>
      <c r="BJ1670" s="162"/>
      <c r="BK1670" s="162"/>
      <c r="BL1670" s="162"/>
      <c r="BM1670" s="162"/>
      <c r="BN1670" s="162"/>
      <c r="BO1670" s="162"/>
      <c r="BP1670" s="162"/>
      <c r="BQ1670" s="162"/>
      <c r="BR1670" s="162"/>
      <c r="BS1670" s="162"/>
      <c r="BT1670" s="162"/>
      <c r="BU1670" s="162"/>
      <c r="BV1670" s="162"/>
      <c r="BW1670" s="162"/>
      <c r="BX1670" s="162"/>
      <c r="BY1670" s="162"/>
      <c r="BZ1670" s="162"/>
      <c r="CA1670" s="162"/>
      <c r="CB1670" s="162"/>
      <c r="CC1670" s="162"/>
      <c r="CD1670" s="162"/>
      <c r="CE1670" s="162"/>
      <c r="CF1670" s="162"/>
      <c r="CG1670" s="162"/>
      <c r="CH1670" s="162"/>
      <c r="CI1670" s="162"/>
      <c r="CJ1670" s="162"/>
      <c r="CK1670" s="162"/>
      <c r="CX1670" s="98"/>
      <c r="DL1670" s="97"/>
      <c r="DX1670" s="98"/>
      <c r="EL1670" s="97"/>
      <c r="EX1670" s="98"/>
      <c r="EY1670" s="97"/>
      <c r="FL1670" s="126"/>
      <c r="FM1670" s="91"/>
      <c r="FN1670" s="91"/>
      <c r="FO1670" s="91"/>
      <c r="FP1670" s="91"/>
      <c r="FQ1670" s="91"/>
      <c r="FR1670" s="91"/>
      <c r="FS1670" s="91"/>
      <c r="FT1670" s="91"/>
      <c r="FU1670" s="91"/>
      <c r="FV1670" s="91"/>
      <c r="FW1670" s="91"/>
      <c r="FX1670" s="91"/>
      <c r="FY1670" s="91"/>
      <c r="FZ1670" s="91"/>
      <c r="GA1670" s="91"/>
      <c r="GB1670" s="91"/>
      <c r="GC1670" s="91"/>
      <c r="GD1670" s="91"/>
      <c r="GE1670" s="91"/>
      <c r="GF1670" s="91"/>
      <c r="GG1670" s="91"/>
      <c r="GH1670" s="91"/>
      <c r="GI1670" s="91"/>
      <c r="GJ1670" s="91"/>
      <c r="GK1670" s="127"/>
      <c r="GL1670" s="126"/>
      <c r="GM1670" s="91"/>
      <c r="GN1670" s="91"/>
      <c r="GO1670" s="91"/>
      <c r="GP1670" s="91"/>
      <c r="GQ1670" s="91"/>
      <c r="GR1670" s="91"/>
      <c r="GS1670" s="91"/>
      <c r="GT1670" s="91"/>
      <c r="GU1670" s="91"/>
      <c r="GV1670" s="91"/>
      <c r="GW1670" s="91"/>
      <c r="GX1670" s="91"/>
      <c r="GY1670" s="91"/>
      <c r="GZ1670" s="91"/>
      <c r="HA1670" s="91"/>
      <c r="HB1670" s="91"/>
      <c r="HC1670" s="91"/>
      <c r="HD1670" s="91"/>
      <c r="HE1670" s="91"/>
      <c r="HF1670" s="91"/>
      <c r="HG1670" s="91"/>
      <c r="HH1670" s="91"/>
      <c r="HI1670" s="91"/>
      <c r="HJ1670" s="91"/>
      <c r="HK1670" s="127"/>
      <c r="HL1670" s="126"/>
      <c r="HM1670" s="91"/>
      <c r="HN1670" s="91"/>
      <c r="HO1670" s="91"/>
      <c r="HP1670" s="91"/>
      <c r="HQ1670" s="91"/>
      <c r="HR1670" s="91"/>
      <c r="HS1670" s="91"/>
      <c r="HT1670" s="91"/>
      <c r="HU1670" s="91"/>
      <c r="HV1670" s="91"/>
      <c r="HW1670" s="91"/>
      <c r="HX1670" s="91"/>
      <c r="HY1670" s="91"/>
      <c r="HZ1670" s="91"/>
      <c r="IA1670" s="91"/>
      <c r="IB1670" s="91"/>
      <c r="IC1670" s="91"/>
      <c r="ID1670" s="91"/>
      <c r="IE1670" s="91"/>
      <c r="IF1670" s="91"/>
      <c r="IG1670" s="91"/>
      <c r="IH1670" s="91"/>
      <c r="II1670" s="91"/>
      <c r="IJ1670" s="91"/>
      <c r="IK1670" s="127"/>
    </row>
    <row r="1671" spans="2:245" x14ac:dyDescent="0.2">
      <c r="B1671" s="43"/>
      <c r="C1671" s="73"/>
      <c r="D1671" s="64"/>
      <c r="E1671" s="64"/>
      <c r="F1671" s="55"/>
      <c r="G1671" s="102"/>
      <c r="H1671" s="55"/>
      <c r="I1671" s="55"/>
      <c r="J1671" s="55"/>
      <c r="K1671" s="55"/>
      <c r="L1671" s="55"/>
      <c r="M1671" s="55"/>
      <c r="N1671" s="55"/>
      <c r="O1671" s="55"/>
      <c r="P1671" s="55"/>
      <c r="Q1671" s="55"/>
      <c r="R1671" s="55"/>
      <c r="S1671" s="55"/>
      <c r="T1671" s="55"/>
      <c r="U1671" s="55"/>
      <c r="V1671" s="55"/>
      <c r="W1671" s="55"/>
      <c r="X1671" s="55"/>
      <c r="Y1671" s="55"/>
      <c r="Z1671" s="55"/>
      <c r="AA1671" s="55"/>
      <c r="AB1671" s="55"/>
      <c r="AC1671" s="55"/>
      <c r="AD1671" s="55"/>
      <c r="AE1671" s="55"/>
      <c r="AF1671" s="55"/>
      <c r="AG1671" s="55"/>
      <c r="AY1671" s="162"/>
      <c r="AZ1671" s="162"/>
      <c r="BA1671" s="162"/>
      <c r="BB1671" s="162"/>
      <c r="BC1671" s="162"/>
      <c r="BD1671" s="162"/>
      <c r="BE1671" s="162"/>
      <c r="BF1671" s="162"/>
      <c r="BG1671" s="162"/>
      <c r="BH1671" s="162"/>
      <c r="BI1671" s="162"/>
      <c r="BJ1671" s="162"/>
      <c r="BK1671" s="162"/>
      <c r="BL1671" s="162"/>
      <c r="BM1671" s="162"/>
      <c r="BN1671" s="162"/>
      <c r="BO1671" s="162"/>
      <c r="BP1671" s="162"/>
      <c r="BQ1671" s="162"/>
      <c r="BR1671" s="162"/>
      <c r="BS1671" s="162"/>
      <c r="BT1671" s="162"/>
      <c r="BU1671" s="162"/>
      <c r="BV1671" s="162"/>
      <c r="BW1671" s="162"/>
      <c r="BX1671" s="162"/>
      <c r="BY1671" s="162"/>
      <c r="BZ1671" s="162"/>
      <c r="CA1671" s="162"/>
      <c r="CB1671" s="162"/>
      <c r="CC1671" s="162"/>
      <c r="CD1671" s="162"/>
      <c r="CE1671" s="162"/>
      <c r="CF1671" s="162"/>
      <c r="CG1671" s="162"/>
      <c r="CH1671" s="162"/>
      <c r="CI1671" s="162"/>
      <c r="CJ1671" s="162"/>
      <c r="CK1671" s="162"/>
      <c r="CX1671" s="98"/>
      <c r="DL1671" s="97"/>
      <c r="DX1671" s="98"/>
      <c r="EL1671" s="97"/>
      <c r="EX1671" s="98"/>
      <c r="EY1671" s="97"/>
      <c r="FL1671" s="126"/>
      <c r="FM1671" s="91"/>
      <c r="FN1671" s="91"/>
      <c r="FO1671" s="91"/>
      <c r="FP1671" s="91"/>
      <c r="FQ1671" s="91"/>
      <c r="FR1671" s="91"/>
      <c r="FS1671" s="91"/>
      <c r="FT1671" s="91"/>
      <c r="FU1671" s="91"/>
      <c r="FV1671" s="91"/>
      <c r="FW1671" s="91"/>
      <c r="FX1671" s="91"/>
      <c r="FY1671" s="91"/>
      <c r="FZ1671" s="91"/>
      <c r="GA1671" s="91"/>
      <c r="GB1671" s="91"/>
      <c r="GC1671" s="91"/>
      <c r="GD1671" s="91"/>
      <c r="GE1671" s="91"/>
      <c r="GF1671" s="91"/>
      <c r="GG1671" s="91"/>
      <c r="GH1671" s="91"/>
      <c r="GI1671" s="91"/>
      <c r="GJ1671" s="91"/>
      <c r="GK1671" s="127"/>
      <c r="GL1671" s="126"/>
      <c r="GM1671" s="91"/>
      <c r="GN1671" s="91"/>
      <c r="GO1671" s="91"/>
      <c r="GP1671" s="91"/>
      <c r="GQ1671" s="91"/>
      <c r="GR1671" s="91"/>
      <c r="GS1671" s="91"/>
      <c r="GT1671" s="91"/>
      <c r="GU1671" s="91"/>
      <c r="GV1671" s="91"/>
      <c r="GW1671" s="91"/>
      <c r="GX1671" s="91"/>
      <c r="GY1671" s="91"/>
      <c r="GZ1671" s="91"/>
      <c r="HA1671" s="91"/>
      <c r="HB1671" s="91"/>
      <c r="HC1671" s="91"/>
      <c r="HD1671" s="91"/>
      <c r="HE1671" s="91"/>
      <c r="HF1671" s="91"/>
      <c r="HG1671" s="91"/>
      <c r="HH1671" s="91"/>
      <c r="HI1671" s="91"/>
      <c r="HJ1671" s="91"/>
      <c r="HK1671" s="127"/>
      <c r="HL1671" s="126"/>
      <c r="HM1671" s="91"/>
      <c r="HN1671" s="91"/>
      <c r="HO1671" s="91"/>
      <c r="HP1671" s="91"/>
      <c r="HQ1671" s="91"/>
      <c r="HR1671" s="91"/>
      <c r="HS1671" s="91"/>
      <c r="HT1671" s="91"/>
      <c r="HU1671" s="91"/>
      <c r="HV1671" s="91"/>
      <c r="HW1671" s="91"/>
      <c r="HX1671" s="91"/>
      <c r="HY1671" s="91"/>
      <c r="HZ1671" s="91"/>
      <c r="IA1671" s="91"/>
      <c r="IB1671" s="91"/>
      <c r="IC1671" s="91"/>
      <c r="ID1671" s="91"/>
      <c r="IE1671" s="91"/>
      <c r="IF1671" s="91"/>
      <c r="IG1671" s="91"/>
      <c r="IH1671" s="91"/>
      <c r="II1671" s="91"/>
      <c r="IJ1671" s="91"/>
      <c r="IK1671" s="127"/>
    </row>
    <row r="1672" spans="2:245" x14ac:dyDescent="0.2">
      <c r="B1672" s="43"/>
      <c r="C1672" s="73"/>
      <c r="D1672" s="64"/>
      <c r="E1672" s="64"/>
      <c r="F1672" s="55"/>
      <c r="G1672" s="102"/>
      <c r="H1672" s="55"/>
      <c r="I1672" s="55"/>
      <c r="J1672" s="55"/>
      <c r="K1672" s="55"/>
      <c r="L1672" s="55"/>
      <c r="M1672" s="55"/>
      <c r="N1672" s="55"/>
      <c r="O1672" s="55"/>
      <c r="P1672" s="55"/>
      <c r="Q1672" s="55"/>
      <c r="R1672" s="55"/>
      <c r="S1672" s="55"/>
      <c r="T1672" s="55"/>
      <c r="U1672" s="55"/>
      <c r="V1672" s="55"/>
      <c r="W1672" s="55"/>
      <c r="X1672" s="55"/>
      <c r="Y1672" s="55"/>
      <c r="Z1672" s="55"/>
      <c r="AA1672" s="55"/>
      <c r="AB1672" s="55"/>
      <c r="AC1672" s="55"/>
      <c r="AD1672" s="55"/>
      <c r="AE1672" s="55"/>
      <c r="AF1672" s="55"/>
      <c r="AG1672" s="55"/>
      <c r="AY1672" s="162"/>
      <c r="AZ1672" s="162"/>
      <c r="BA1672" s="162"/>
      <c r="BB1672" s="162"/>
      <c r="BC1672" s="162"/>
      <c r="BD1672" s="162"/>
      <c r="BE1672" s="162"/>
      <c r="BF1672" s="162"/>
      <c r="BG1672" s="162"/>
      <c r="BH1672" s="162"/>
      <c r="BI1672" s="162"/>
      <c r="BJ1672" s="162"/>
      <c r="BK1672" s="162"/>
      <c r="BL1672" s="162"/>
      <c r="BM1672" s="162"/>
      <c r="BN1672" s="162"/>
      <c r="BO1672" s="162"/>
      <c r="BP1672" s="162"/>
      <c r="BQ1672" s="162"/>
      <c r="BR1672" s="162"/>
      <c r="BS1672" s="162"/>
      <c r="BT1672" s="162"/>
      <c r="BU1672" s="162"/>
      <c r="BV1672" s="162"/>
      <c r="BW1672" s="162"/>
      <c r="BX1672" s="162"/>
      <c r="BY1672" s="162"/>
      <c r="BZ1672" s="162"/>
      <c r="CA1672" s="162"/>
      <c r="CB1672" s="162"/>
      <c r="CC1672" s="162"/>
      <c r="CD1672" s="162"/>
      <c r="CE1672" s="162"/>
      <c r="CF1672" s="162"/>
      <c r="CG1672" s="162"/>
      <c r="CH1672" s="162"/>
      <c r="CI1672" s="162"/>
      <c r="CJ1672" s="162"/>
      <c r="CK1672" s="162"/>
      <c r="CX1672" s="98"/>
      <c r="DL1672" s="97"/>
      <c r="DX1672" s="98"/>
      <c r="EL1672" s="97"/>
      <c r="EX1672" s="98"/>
      <c r="EY1672" s="97"/>
      <c r="FL1672" s="126"/>
      <c r="FM1672" s="91"/>
      <c r="FN1672" s="91"/>
      <c r="FO1672" s="91"/>
      <c r="FP1672" s="91"/>
      <c r="FQ1672" s="91"/>
      <c r="FR1672" s="91"/>
      <c r="FS1672" s="91"/>
      <c r="FT1672" s="91"/>
      <c r="FU1672" s="91"/>
      <c r="FV1672" s="91"/>
      <c r="FW1672" s="91"/>
      <c r="FX1672" s="91"/>
      <c r="FY1672" s="91"/>
      <c r="FZ1672" s="91"/>
      <c r="GA1672" s="91"/>
      <c r="GB1672" s="91"/>
      <c r="GC1672" s="91"/>
      <c r="GD1672" s="91"/>
      <c r="GE1672" s="91"/>
      <c r="GF1672" s="91"/>
      <c r="GG1672" s="91"/>
      <c r="GH1672" s="91"/>
      <c r="GI1672" s="91"/>
      <c r="GJ1672" s="91"/>
      <c r="GK1672" s="127"/>
      <c r="GL1672" s="126"/>
      <c r="GM1672" s="91"/>
      <c r="GN1672" s="91"/>
      <c r="GO1672" s="91"/>
      <c r="GP1672" s="91"/>
      <c r="GQ1672" s="91"/>
      <c r="GR1672" s="91"/>
      <c r="GS1672" s="91"/>
      <c r="GT1672" s="91"/>
      <c r="GU1672" s="91"/>
      <c r="GV1672" s="91"/>
      <c r="GW1672" s="91"/>
      <c r="GX1672" s="91"/>
      <c r="GY1672" s="91"/>
      <c r="GZ1672" s="91"/>
      <c r="HA1672" s="91"/>
      <c r="HB1672" s="91"/>
      <c r="HC1672" s="91"/>
      <c r="HD1672" s="91"/>
      <c r="HE1672" s="91"/>
      <c r="HF1672" s="91"/>
      <c r="HG1672" s="91"/>
      <c r="HH1672" s="91"/>
      <c r="HI1672" s="91"/>
      <c r="HJ1672" s="91"/>
      <c r="HK1672" s="127"/>
      <c r="HL1672" s="126"/>
      <c r="HM1672" s="91"/>
      <c r="HN1672" s="91"/>
      <c r="HO1672" s="91"/>
      <c r="HP1672" s="91"/>
      <c r="HQ1672" s="91"/>
      <c r="HR1672" s="91"/>
      <c r="HS1672" s="91"/>
      <c r="HT1672" s="91"/>
      <c r="HU1672" s="91"/>
      <c r="HV1672" s="91"/>
      <c r="HW1672" s="91"/>
      <c r="HX1672" s="91"/>
      <c r="HY1672" s="91"/>
      <c r="HZ1672" s="91"/>
      <c r="IA1672" s="91"/>
      <c r="IB1672" s="91"/>
      <c r="IC1672" s="91"/>
      <c r="ID1672" s="91"/>
      <c r="IE1672" s="91"/>
      <c r="IF1672" s="91"/>
      <c r="IG1672" s="91"/>
      <c r="IH1672" s="91"/>
      <c r="II1672" s="91"/>
      <c r="IJ1672" s="91"/>
      <c r="IK1672" s="127"/>
    </row>
    <row r="1673" spans="2:245" x14ac:dyDescent="0.2">
      <c r="B1673" s="43"/>
      <c r="C1673" s="73"/>
      <c r="D1673" s="64"/>
      <c r="E1673" s="64"/>
      <c r="F1673" s="55"/>
      <c r="G1673" s="102"/>
      <c r="H1673" s="55"/>
      <c r="I1673" s="55"/>
      <c r="J1673" s="55"/>
      <c r="K1673" s="55"/>
      <c r="L1673" s="55"/>
      <c r="M1673" s="55"/>
      <c r="N1673" s="55"/>
      <c r="O1673" s="55"/>
      <c r="P1673" s="55"/>
      <c r="Q1673" s="55"/>
      <c r="R1673" s="55"/>
      <c r="S1673" s="55"/>
      <c r="T1673" s="55"/>
      <c r="U1673" s="55"/>
      <c r="V1673" s="55"/>
      <c r="W1673" s="55"/>
      <c r="X1673" s="55"/>
      <c r="Y1673" s="55"/>
      <c r="Z1673" s="55"/>
      <c r="AA1673" s="55"/>
      <c r="AB1673" s="55"/>
      <c r="AC1673" s="55"/>
      <c r="AD1673" s="55"/>
      <c r="AE1673" s="55"/>
      <c r="AF1673" s="55"/>
      <c r="AG1673" s="55"/>
      <c r="AY1673" s="162"/>
      <c r="AZ1673" s="162"/>
      <c r="BA1673" s="162"/>
      <c r="BB1673" s="162"/>
      <c r="BC1673" s="162"/>
      <c r="BD1673" s="162"/>
      <c r="BE1673" s="162"/>
      <c r="BF1673" s="162"/>
      <c r="BG1673" s="162"/>
      <c r="BH1673" s="162"/>
      <c r="BI1673" s="162"/>
      <c r="BJ1673" s="162"/>
      <c r="BK1673" s="162"/>
      <c r="BL1673" s="162"/>
      <c r="BM1673" s="162"/>
      <c r="BN1673" s="162"/>
      <c r="BO1673" s="162"/>
      <c r="BP1673" s="162"/>
      <c r="BQ1673" s="162"/>
      <c r="BR1673" s="162"/>
      <c r="BS1673" s="162"/>
      <c r="BT1673" s="162"/>
      <c r="BU1673" s="162"/>
      <c r="BV1673" s="162"/>
      <c r="BW1673" s="162"/>
      <c r="BX1673" s="162"/>
      <c r="BY1673" s="162"/>
      <c r="BZ1673" s="162"/>
      <c r="CA1673" s="162"/>
      <c r="CB1673" s="162"/>
      <c r="CC1673" s="162"/>
      <c r="CD1673" s="162"/>
      <c r="CE1673" s="162"/>
      <c r="CF1673" s="162"/>
      <c r="CG1673" s="162"/>
      <c r="CH1673" s="162"/>
      <c r="CI1673" s="162"/>
      <c r="CJ1673" s="162"/>
      <c r="CK1673" s="162"/>
      <c r="CX1673" s="98"/>
      <c r="DL1673" s="97"/>
      <c r="DX1673" s="98"/>
      <c r="EL1673" s="97"/>
      <c r="EX1673" s="98"/>
      <c r="EY1673" s="97"/>
      <c r="FL1673" s="126"/>
      <c r="FM1673" s="91"/>
      <c r="FN1673" s="91"/>
      <c r="FO1673" s="91"/>
      <c r="FP1673" s="91"/>
      <c r="FQ1673" s="91"/>
      <c r="FR1673" s="91"/>
      <c r="FS1673" s="91"/>
      <c r="FT1673" s="91"/>
      <c r="FU1673" s="91"/>
      <c r="FV1673" s="91"/>
      <c r="FW1673" s="91"/>
      <c r="FX1673" s="91"/>
      <c r="FY1673" s="91"/>
      <c r="FZ1673" s="91"/>
      <c r="GA1673" s="91"/>
      <c r="GB1673" s="91"/>
      <c r="GC1673" s="91"/>
      <c r="GD1673" s="91"/>
      <c r="GE1673" s="91"/>
      <c r="GF1673" s="91"/>
      <c r="GG1673" s="91"/>
      <c r="GH1673" s="91"/>
      <c r="GI1673" s="91"/>
      <c r="GJ1673" s="91"/>
      <c r="GK1673" s="127"/>
      <c r="GL1673" s="126"/>
      <c r="GM1673" s="91"/>
      <c r="GN1673" s="91"/>
      <c r="GO1673" s="91"/>
      <c r="GP1673" s="91"/>
      <c r="GQ1673" s="91"/>
      <c r="GR1673" s="91"/>
      <c r="GS1673" s="91"/>
      <c r="GT1673" s="91"/>
      <c r="GU1673" s="91"/>
      <c r="GV1673" s="91"/>
      <c r="GW1673" s="91"/>
      <c r="GX1673" s="91"/>
      <c r="GY1673" s="91"/>
      <c r="GZ1673" s="91"/>
      <c r="HA1673" s="91"/>
      <c r="HB1673" s="91"/>
      <c r="HC1673" s="91"/>
      <c r="HD1673" s="91"/>
      <c r="HE1673" s="91"/>
      <c r="HF1673" s="91"/>
      <c r="HG1673" s="91"/>
      <c r="HH1673" s="91"/>
      <c r="HI1673" s="91"/>
      <c r="HJ1673" s="91"/>
      <c r="HK1673" s="127"/>
      <c r="HL1673" s="126"/>
      <c r="HM1673" s="91"/>
      <c r="HN1673" s="91"/>
      <c r="HO1673" s="91"/>
      <c r="HP1673" s="91"/>
      <c r="HQ1673" s="91"/>
      <c r="HR1673" s="91"/>
      <c r="HS1673" s="91"/>
      <c r="HT1673" s="91"/>
      <c r="HU1673" s="91"/>
      <c r="HV1673" s="91"/>
      <c r="HW1673" s="91"/>
      <c r="HX1673" s="91"/>
      <c r="HY1673" s="91"/>
      <c r="HZ1673" s="91"/>
      <c r="IA1673" s="91"/>
      <c r="IB1673" s="91"/>
      <c r="IC1673" s="91"/>
      <c r="ID1673" s="91"/>
      <c r="IE1673" s="91"/>
      <c r="IF1673" s="91"/>
      <c r="IG1673" s="91"/>
      <c r="IH1673" s="91"/>
      <c r="II1673" s="91"/>
      <c r="IJ1673" s="91"/>
      <c r="IK1673" s="127"/>
    </row>
    <row r="1674" spans="2:245" x14ac:dyDescent="0.2">
      <c r="B1674" s="43"/>
      <c r="C1674" s="73"/>
      <c r="D1674" s="64"/>
      <c r="E1674" s="64"/>
      <c r="F1674" s="55"/>
      <c r="G1674" s="102"/>
      <c r="H1674" s="55"/>
      <c r="I1674" s="55"/>
      <c r="J1674" s="55"/>
      <c r="K1674" s="55"/>
      <c r="L1674" s="55"/>
      <c r="M1674" s="55"/>
      <c r="N1674" s="55"/>
      <c r="O1674" s="55"/>
      <c r="P1674" s="55"/>
      <c r="Q1674" s="55"/>
      <c r="R1674" s="55"/>
      <c r="S1674" s="55"/>
      <c r="T1674" s="55"/>
      <c r="U1674" s="55"/>
      <c r="V1674" s="55"/>
      <c r="W1674" s="55"/>
      <c r="X1674" s="55"/>
      <c r="Y1674" s="55"/>
      <c r="Z1674" s="55"/>
      <c r="AA1674" s="55"/>
      <c r="AB1674" s="55"/>
      <c r="AC1674" s="55"/>
      <c r="AD1674" s="55"/>
      <c r="AE1674" s="55"/>
      <c r="AF1674" s="55"/>
      <c r="AG1674" s="55"/>
      <c r="AY1674" s="162"/>
      <c r="AZ1674" s="162"/>
      <c r="BA1674" s="162"/>
      <c r="BB1674" s="162"/>
      <c r="BC1674" s="162"/>
      <c r="BD1674" s="162"/>
      <c r="BE1674" s="162"/>
      <c r="BF1674" s="162"/>
      <c r="BG1674" s="162"/>
      <c r="BH1674" s="162"/>
      <c r="BI1674" s="162"/>
      <c r="BJ1674" s="162"/>
      <c r="BK1674" s="162"/>
      <c r="BL1674" s="162"/>
      <c r="BM1674" s="162"/>
      <c r="BN1674" s="162"/>
      <c r="BO1674" s="162"/>
      <c r="BP1674" s="162"/>
      <c r="BQ1674" s="162"/>
      <c r="BR1674" s="162"/>
      <c r="BS1674" s="162"/>
      <c r="BT1674" s="162"/>
      <c r="BU1674" s="162"/>
      <c r="BV1674" s="162"/>
      <c r="BW1674" s="162"/>
      <c r="BX1674" s="162"/>
      <c r="BY1674" s="162"/>
      <c r="BZ1674" s="162"/>
      <c r="CA1674" s="162"/>
      <c r="CB1674" s="162"/>
      <c r="CC1674" s="162"/>
      <c r="CD1674" s="162"/>
      <c r="CE1674" s="162"/>
      <c r="CF1674" s="162"/>
      <c r="CG1674" s="162"/>
      <c r="CH1674" s="162"/>
      <c r="CI1674" s="162"/>
      <c r="CJ1674" s="162"/>
      <c r="CK1674" s="162"/>
      <c r="CX1674" s="98"/>
      <c r="DL1674" s="97"/>
      <c r="DX1674" s="98"/>
      <c r="EL1674" s="97"/>
      <c r="EX1674" s="98"/>
      <c r="EY1674" s="97"/>
      <c r="FL1674" s="126"/>
      <c r="FM1674" s="91"/>
      <c r="FN1674" s="91"/>
      <c r="FO1674" s="91"/>
      <c r="FP1674" s="91"/>
      <c r="FQ1674" s="91"/>
      <c r="FR1674" s="91"/>
      <c r="FS1674" s="91"/>
      <c r="FT1674" s="91"/>
      <c r="FU1674" s="91"/>
      <c r="FV1674" s="91"/>
      <c r="FW1674" s="91"/>
      <c r="FX1674" s="91"/>
      <c r="FY1674" s="91"/>
      <c r="FZ1674" s="91"/>
      <c r="GA1674" s="91"/>
      <c r="GB1674" s="91"/>
      <c r="GC1674" s="91"/>
      <c r="GD1674" s="91"/>
      <c r="GE1674" s="91"/>
      <c r="GF1674" s="91"/>
      <c r="GG1674" s="91"/>
      <c r="GH1674" s="91"/>
      <c r="GI1674" s="91"/>
      <c r="GJ1674" s="91"/>
      <c r="GK1674" s="127"/>
      <c r="GL1674" s="126"/>
      <c r="GM1674" s="91"/>
      <c r="GN1674" s="91"/>
      <c r="GO1674" s="91"/>
      <c r="GP1674" s="91"/>
      <c r="GQ1674" s="91"/>
      <c r="GR1674" s="91"/>
      <c r="GS1674" s="91"/>
      <c r="GT1674" s="91"/>
      <c r="GU1674" s="91"/>
      <c r="GV1674" s="91"/>
      <c r="GW1674" s="91"/>
      <c r="GX1674" s="91"/>
      <c r="GY1674" s="91"/>
      <c r="GZ1674" s="91"/>
      <c r="HA1674" s="91"/>
      <c r="HB1674" s="91"/>
      <c r="HC1674" s="91"/>
      <c r="HD1674" s="91"/>
      <c r="HE1674" s="91"/>
      <c r="HF1674" s="91"/>
      <c r="HG1674" s="91"/>
      <c r="HH1674" s="91"/>
      <c r="HI1674" s="91"/>
      <c r="HJ1674" s="91"/>
      <c r="HK1674" s="127"/>
      <c r="HL1674" s="126"/>
      <c r="HM1674" s="91"/>
      <c r="HN1674" s="91"/>
      <c r="HO1674" s="91"/>
      <c r="HP1674" s="91"/>
      <c r="HQ1674" s="91"/>
      <c r="HR1674" s="91"/>
      <c r="HS1674" s="91"/>
      <c r="HT1674" s="91"/>
      <c r="HU1674" s="91"/>
      <c r="HV1674" s="91"/>
      <c r="HW1674" s="91"/>
      <c r="HX1674" s="91"/>
      <c r="HY1674" s="91"/>
      <c r="HZ1674" s="91"/>
      <c r="IA1674" s="91"/>
      <c r="IB1674" s="91"/>
      <c r="IC1674" s="91"/>
      <c r="ID1674" s="91"/>
      <c r="IE1674" s="91"/>
      <c r="IF1674" s="91"/>
      <c r="IG1674" s="91"/>
      <c r="IH1674" s="91"/>
      <c r="II1674" s="91"/>
      <c r="IJ1674" s="91"/>
      <c r="IK1674" s="127"/>
    </row>
    <row r="1675" spans="2:245" x14ac:dyDescent="0.2">
      <c r="B1675" s="43"/>
      <c r="C1675" s="73"/>
      <c r="D1675" s="64"/>
      <c r="E1675" s="64"/>
      <c r="F1675" s="55"/>
      <c r="G1675" s="102"/>
      <c r="H1675" s="55"/>
      <c r="I1675" s="55"/>
      <c r="J1675" s="55"/>
      <c r="K1675" s="55"/>
      <c r="L1675" s="55"/>
      <c r="M1675" s="55"/>
      <c r="N1675" s="55"/>
      <c r="O1675" s="55"/>
      <c r="P1675" s="55"/>
      <c r="Q1675" s="55"/>
      <c r="R1675" s="55"/>
      <c r="S1675" s="55"/>
      <c r="T1675" s="55"/>
      <c r="U1675" s="55"/>
      <c r="V1675" s="55"/>
      <c r="W1675" s="55"/>
      <c r="X1675" s="55"/>
      <c r="Y1675" s="55"/>
      <c r="Z1675" s="55"/>
      <c r="AA1675" s="55"/>
      <c r="AB1675" s="55"/>
      <c r="AC1675" s="55"/>
      <c r="AD1675" s="55"/>
      <c r="AE1675" s="55"/>
      <c r="AF1675" s="55"/>
      <c r="AG1675" s="55"/>
      <c r="AY1675" s="162"/>
      <c r="AZ1675" s="162"/>
      <c r="BA1675" s="162"/>
      <c r="BB1675" s="162"/>
      <c r="BC1675" s="162"/>
      <c r="BD1675" s="162"/>
      <c r="BE1675" s="162"/>
      <c r="BF1675" s="162"/>
      <c r="BG1675" s="162"/>
      <c r="BH1675" s="162"/>
      <c r="BI1675" s="162"/>
      <c r="BJ1675" s="162"/>
      <c r="BK1675" s="162"/>
      <c r="BL1675" s="162"/>
      <c r="BM1675" s="162"/>
      <c r="BN1675" s="162"/>
      <c r="BO1675" s="162"/>
      <c r="BP1675" s="162"/>
      <c r="BQ1675" s="162"/>
      <c r="BR1675" s="162"/>
      <c r="BS1675" s="162"/>
      <c r="BT1675" s="162"/>
      <c r="BU1675" s="162"/>
      <c r="BV1675" s="162"/>
      <c r="BW1675" s="162"/>
      <c r="BX1675" s="162"/>
      <c r="BY1675" s="162"/>
      <c r="BZ1675" s="162"/>
      <c r="CA1675" s="162"/>
      <c r="CB1675" s="162"/>
      <c r="CC1675" s="162"/>
      <c r="CD1675" s="162"/>
      <c r="CE1675" s="162"/>
      <c r="CF1675" s="162"/>
      <c r="CG1675" s="162"/>
      <c r="CH1675" s="162"/>
      <c r="CI1675" s="162"/>
      <c r="CJ1675" s="162"/>
      <c r="CK1675" s="162"/>
      <c r="CX1675" s="98"/>
      <c r="DL1675" s="97"/>
      <c r="DX1675" s="98"/>
      <c r="EL1675" s="97"/>
      <c r="EX1675" s="98"/>
      <c r="EY1675" s="97"/>
      <c r="FL1675" s="126"/>
      <c r="FM1675" s="91"/>
      <c r="FN1675" s="91"/>
      <c r="FO1675" s="91"/>
      <c r="FP1675" s="91"/>
      <c r="FQ1675" s="91"/>
      <c r="FR1675" s="91"/>
      <c r="FS1675" s="91"/>
      <c r="FT1675" s="91"/>
      <c r="FU1675" s="91"/>
      <c r="FV1675" s="91"/>
      <c r="FW1675" s="91"/>
      <c r="FX1675" s="91"/>
      <c r="FY1675" s="91"/>
      <c r="FZ1675" s="91"/>
      <c r="GA1675" s="91"/>
      <c r="GB1675" s="91"/>
      <c r="GC1675" s="91"/>
      <c r="GD1675" s="91"/>
      <c r="GE1675" s="91"/>
      <c r="GF1675" s="91"/>
      <c r="GG1675" s="91"/>
      <c r="GH1675" s="91"/>
      <c r="GI1675" s="91"/>
      <c r="GJ1675" s="91"/>
      <c r="GK1675" s="127"/>
      <c r="GL1675" s="126"/>
      <c r="GM1675" s="91"/>
      <c r="GN1675" s="91"/>
      <c r="GO1675" s="91"/>
      <c r="GP1675" s="91"/>
      <c r="GQ1675" s="91"/>
      <c r="GR1675" s="91"/>
      <c r="GS1675" s="91"/>
      <c r="GT1675" s="91"/>
      <c r="GU1675" s="91"/>
      <c r="GV1675" s="91"/>
      <c r="GW1675" s="91"/>
      <c r="GX1675" s="91"/>
      <c r="GY1675" s="91"/>
      <c r="GZ1675" s="91"/>
      <c r="HA1675" s="91"/>
      <c r="HB1675" s="91"/>
      <c r="HC1675" s="91"/>
      <c r="HD1675" s="91"/>
      <c r="HE1675" s="91"/>
      <c r="HF1675" s="91"/>
      <c r="HG1675" s="91"/>
      <c r="HH1675" s="91"/>
      <c r="HI1675" s="91"/>
      <c r="HJ1675" s="91"/>
      <c r="HK1675" s="127"/>
      <c r="HL1675" s="126"/>
      <c r="HM1675" s="91"/>
      <c r="HN1675" s="91"/>
      <c r="HO1675" s="91"/>
      <c r="HP1675" s="91"/>
      <c r="HQ1675" s="91"/>
      <c r="HR1675" s="91"/>
      <c r="HS1675" s="91"/>
      <c r="HT1675" s="91"/>
      <c r="HU1675" s="91"/>
      <c r="HV1675" s="91"/>
      <c r="HW1675" s="91"/>
      <c r="HX1675" s="91"/>
      <c r="HY1675" s="91"/>
      <c r="HZ1675" s="91"/>
      <c r="IA1675" s="91"/>
      <c r="IB1675" s="91"/>
      <c r="IC1675" s="91"/>
      <c r="ID1675" s="91"/>
      <c r="IE1675" s="91"/>
      <c r="IF1675" s="91"/>
      <c r="IG1675" s="91"/>
      <c r="IH1675" s="91"/>
      <c r="II1675" s="91"/>
      <c r="IJ1675" s="91"/>
      <c r="IK1675" s="127"/>
    </row>
    <row r="1676" spans="2:245" x14ac:dyDescent="0.2">
      <c r="B1676" s="43"/>
      <c r="C1676" s="73"/>
      <c r="D1676" s="64"/>
      <c r="E1676" s="64"/>
      <c r="F1676" s="55"/>
      <c r="G1676" s="102"/>
      <c r="H1676" s="55"/>
      <c r="I1676" s="55"/>
      <c r="J1676" s="55"/>
      <c r="K1676" s="55"/>
      <c r="L1676" s="55"/>
      <c r="M1676" s="55"/>
      <c r="N1676" s="55"/>
      <c r="O1676" s="55"/>
      <c r="P1676" s="55"/>
      <c r="Q1676" s="55"/>
      <c r="R1676" s="55"/>
      <c r="S1676" s="55"/>
      <c r="T1676" s="55"/>
      <c r="U1676" s="55"/>
      <c r="V1676" s="55"/>
      <c r="W1676" s="55"/>
      <c r="X1676" s="55"/>
      <c r="Y1676" s="55"/>
      <c r="Z1676" s="55"/>
      <c r="AA1676" s="55"/>
      <c r="AB1676" s="55"/>
      <c r="AC1676" s="55"/>
      <c r="AD1676" s="55"/>
      <c r="AE1676" s="55"/>
      <c r="AF1676" s="55"/>
      <c r="AG1676" s="55"/>
      <c r="AY1676" s="162"/>
      <c r="AZ1676" s="162"/>
      <c r="BA1676" s="162"/>
      <c r="BB1676" s="162"/>
      <c r="BC1676" s="162"/>
      <c r="BD1676" s="162"/>
      <c r="BE1676" s="162"/>
      <c r="BF1676" s="162"/>
      <c r="BG1676" s="162"/>
      <c r="BH1676" s="162"/>
      <c r="BI1676" s="162"/>
      <c r="BJ1676" s="162"/>
      <c r="BK1676" s="162"/>
      <c r="BL1676" s="162"/>
      <c r="BM1676" s="162"/>
      <c r="BN1676" s="162"/>
      <c r="BO1676" s="162"/>
      <c r="BP1676" s="162"/>
      <c r="BQ1676" s="162"/>
      <c r="BR1676" s="162"/>
      <c r="BS1676" s="162"/>
      <c r="BT1676" s="162"/>
      <c r="BU1676" s="162"/>
      <c r="BV1676" s="162"/>
      <c r="BW1676" s="162"/>
      <c r="BX1676" s="162"/>
      <c r="BY1676" s="162"/>
      <c r="BZ1676" s="162"/>
      <c r="CA1676" s="162"/>
      <c r="CB1676" s="162"/>
      <c r="CC1676" s="162"/>
      <c r="CD1676" s="162"/>
      <c r="CE1676" s="162"/>
      <c r="CF1676" s="162"/>
      <c r="CG1676" s="162"/>
      <c r="CH1676" s="162"/>
      <c r="CI1676" s="162"/>
      <c r="CJ1676" s="162"/>
      <c r="CK1676" s="162"/>
      <c r="CX1676" s="98"/>
      <c r="DL1676" s="97"/>
      <c r="DX1676" s="98"/>
      <c r="EL1676" s="97"/>
      <c r="EX1676" s="98"/>
      <c r="EY1676" s="97"/>
      <c r="FL1676" s="126"/>
      <c r="FM1676" s="91"/>
      <c r="FN1676" s="91"/>
      <c r="FO1676" s="91"/>
      <c r="FP1676" s="91"/>
      <c r="FQ1676" s="91"/>
      <c r="FR1676" s="91"/>
      <c r="FS1676" s="91"/>
      <c r="FT1676" s="91"/>
      <c r="FU1676" s="91"/>
      <c r="FV1676" s="91"/>
      <c r="FW1676" s="91"/>
      <c r="FX1676" s="91"/>
      <c r="FY1676" s="91"/>
      <c r="FZ1676" s="91"/>
      <c r="GA1676" s="91"/>
      <c r="GB1676" s="91"/>
      <c r="GC1676" s="91"/>
      <c r="GD1676" s="91"/>
      <c r="GE1676" s="91"/>
      <c r="GF1676" s="91"/>
      <c r="GG1676" s="91"/>
      <c r="GH1676" s="91"/>
      <c r="GI1676" s="91"/>
      <c r="GJ1676" s="91"/>
      <c r="GK1676" s="127"/>
      <c r="GL1676" s="126"/>
      <c r="GM1676" s="91"/>
      <c r="GN1676" s="91"/>
      <c r="GO1676" s="91"/>
      <c r="GP1676" s="91"/>
      <c r="GQ1676" s="91"/>
      <c r="GR1676" s="91"/>
      <c r="GS1676" s="91"/>
      <c r="GT1676" s="91"/>
      <c r="GU1676" s="91"/>
      <c r="GV1676" s="91"/>
      <c r="GW1676" s="91"/>
      <c r="GX1676" s="91"/>
      <c r="GY1676" s="91"/>
      <c r="GZ1676" s="91"/>
      <c r="HA1676" s="91"/>
      <c r="HB1676" s="91"/>
      <c r="HC1676" s="91"/>
      <c r="HD1676" s="91"/>
      <c r="HE1676" s="91"/>
      <c r="HF1676" s="91"/>
      <c r="HG1676" s="91"/>
      <c r="HH1676" s="91"/>
      <c r="HI1676" s="91"/>
      <c r="HJ1676" s="91"/>
      <c r="HK1676" s="127"/>
      <c r="HL1676" s="126"/>
      <c r="HM1676" s="91"/>
      <c r="HN1676" s="91"/>
      <c r="HO1676" s="91"/>
      <c r="HP1676" s="91"/>
      <c r="HQ1676" s="91"/>
      <c r="HR1676" s="91"/>
      <c r="HS1676" s="91"/>
      <c r="HT1676" s="91"/>
      <c r="HU1676" s="91"/>
      <c r="HV1676" s="91"/>
      <c r="HW1676" s="91"/>
      <c r="HX1676" s="91"/>
      <c r="HY1676" s="91"/>
      <c r="HZ1676" s="91"/>
      <c r="IA1676" s="91"/>
      <c r="IB1676" s="91"/>
      <c r="IC1676" s="91"/>
      <c r="ID1676" s="91"/>
      <c r="IE1676" s="91"/>
      <c r="IF1676" s="91"/>
      <c r="IG1676" s="91"/>
      <c r="IH1676" s="91"/>
      <c r="II1676" s="91"/>
      <c r="IJ1676" s="91"/>
      <c r="IK1676" s="127"/>
    </row>
    <row r="1677" spans="2:245" x14ac:dyDescent="0.2">
      <c r="B1677" s="43"/>
      <c r="C1677" s="73"/>
      <c r="D1677" s="64"/>
      <c r="E1677" s="64"/>
      <c r="F1677" s="55"/>
      <c r="G1677" s="102"/>
      <c r="H1677" s="55"/>
      <c r="I1677" s="55"/>
      <c r="J1677" s="55"/>
      <c r="K1677" s="55"/>
      <c r="L1677" s="55"/>
      <c r="M1677" s="55"/>
      <c r="N1677" s="55"/>
      <c r="O1677" s="55"/>
      <c r="P1677" s="55"/>
      <c r="Q1677" s="55"/>
      <c r="R1677" s="55"/>
      <c r="S1677" s="55"/>
      <c r="T1677" s="55"/>
      <c r="U1677" s="55"/>
      <c r="V1677" s="55"/>
      <c r="W1677" s="55"/>
      <c r="X1677" s="55"/>
      <c r="Y1677" s="55"/>
      <c r="Z1677" s="55"/>
      <c r="AA1677" s="55"/>
      <c r="AB1677" s="55"/>
      <c r="AC1677" s="55"/>
      <c r="AD1677" s="55"/>
      <c r="AE1677" s="55"/>
      <c r="AF1677" s="55"/>
      <c r="AG1677" s="55"/>
      <c r="AY1677" s="162"/>
      <c r="AZ1677" s="162"/>
      <c r="BA1677" s="162"/>
      <c r="BB1677" s="162"/>
      <c r="BC1677" s="162"/>
      <c r="BD1677" s="162"/>
      <c r="BE1677" s="162"/>
      <c r="BF1677" s="162"/>
      <c r="BG1677" s="162"/>
      <c r="BH1677" s="162"/>
      <c r="BI1677" s="162"/>
      <c r="BJ1677" s="162"/>
      <c r="BK1677" s="162"/>
      <c r="BL1677" s="162"/>
      <c r="BM1677" s="162"/>
      <c r="BN1677" s="162"/>
      <c r="BO1677" s="162"/>
      <c r="BP1677" s="162"/>
      <c r="BQ1677" s="162"/>
      <c r="BR1677" s="162"/>
      <c r="BS1677" s="162"/>
      <c r="BT1677" s="162"/>
      <c r="BU1677" s="162"/>
      <c r="BV1677" s="162"/>
      <c r="BW1677" s="162"/>
      <c r="BX1677" s="162"/>
      <c r="BY1677" s="162"/>
      <c r="BZ1677" s="162"/>
      <c r="CA1677" s="162"/>
      <c r="CB1677" s="162"/>
      <c r="CC1677" s="162"/>
      <c r="CD1677" s="162"/>
      <c r="CE1677" s="162"/>
      <c r="CF1677" s="162"/>
      <c r="CG1677" s="162"/>
      <c r="CH1677" s="162"/>
      <c r="CI1677" s="162"/>
      <c r="CJ1677" s="162"/>
      <c r="CK1677" s="162"/>
      <c r="CX1677" s="98"/>
      <c r="DL1677" s="97"/>
      <c r="DX1677" s="98"/>
      <c r="EL1677" s="97"/>
      <c r="EX1677" s="98"/>
      <c r="EY1677" s="97"/>
      <c r="FL1677" s="126"/>
      <c r="FM1677" s="91"/>
      <c r="FN1677" s="91"/>
      <c r="FO1677" s="91"/>
      <c r="FP1677" s="91"/>
      <c r="FQ1677" s="91"/>
      <c r="FR1677" s="91"/>
      <c r="FS1677" s="91"/>
      <c r="FT1677" s="91"/>
      <c r="FU1677" s="91"/>
      <c r="FV1677" s="91"/>
      <c r="FW1677" s="91"/>
      <c r="FX1677" s="91"/>
      <c r="FY1677" s="91"/>
      <c r="FZ1677" s="91"/>
      <c r="GA1677" s="91"/>
      <c r="GB1677" s="91"/>
      <c r="GC1677" s="91"/>
      <c r="GD1677" s="91"/>
      <c r="GE1677" s="91"/>
      <c r="GF1677" s="91"/>
      <c r="GG1677" s="91"/>
      <c r="GH1677" s="91"/>
      <c r="GI1677" s="91"/>
      <c r="GJ1677" s="91"/>
      <c r="GK1677" s="127"/>
      <c r="GL1677" s="126"/>
      <c r="GM1677" s="91"/>
      <c r="GN1677" s="91"/>
      <c r="GO1677" s="91"/>
      <c r="GP1677" s="91"/>
      <c r="GQ1677" s="91"/>
      <c r="GR1677" s="91"/>
      <c r="GS1677" s="91"/>
      <c r="GT1677" s="91"/>
      <c r="GU1677" s="91"/>
      <c r="GV1677" s="91"/>
      <c r="GW1677" s="91"/>
      <c r="GX1677" s="91"/>
      <c r="GY1677" s="91"/>
      <c r="GZ1677" s="91"/>
      <c r="HA1677" s="91"/>
      <c r="HB1677" s="91"/>
      <c r="HC1677" s="91"/>
      <c r="HD1677" s="91"/>
      <c r="HE1677" s="91"/>
      <c r="HF1677" s="91"/>
      <c r="HG1677" s="91"/>
      <c r="HH1677" s="91"/>
      <c r="HI1677" s="91"/>
      <c r="HJ1677" s="91"/>
      <c r="HK1677" s="127"/>
      <c r="HL1677" s="126"/>
      <c r="HM1677" s="91"/>
      <c r="HN1677" s="91"/>
      <c r="HO1677" s="91"/>
      <c r="HP1677" s="91"/>
      <c r="HQ1677" s="91"/>
      <c r="HR1677" s="91"/>
      <c r="HS1677" s="91"/>
      <c r="HT1677" s="91"/>
      <c r="HU1677" s="91"/>
      <c r="HV1677" s="91"/>
      <c r="HW1677" s="91"/>
      <c r="HX1677" s="91"/>
      <c r="HY1677" s="91"/>
      <c r="HZ1677" s="91"/>
      <c r="IA1677" s="91"/>
      <c r="IB1677" s="91"/>
      <c r="IC1677" s="91"/>
      <c r="ID1677" s="91"/>
      <c r="IE1677" s="91"/>
      <c r="IF1677" s="91"/>
      <c r="IG1677" s="91"/>
      <c r="IH1677" s="91"/>
      <c r="II1677" s="91"/>
      <c r="IJ1677" s="91"/>
      <c r="IK1677" s="127"/>
    </row>
    <row r="1678" spans="2:245" x14ac:dyDescent="0.2">
      <c r="B1678" s="43"/>
      <c r="C1678" s="73"/>
      <c r="D1678" s="64"/>
      <c r="E1678" s="64"/>
      <c r="F1678" s="55"/>
      <c r="G1678" s="102"/>
      <c r="H1678" s="55"/>
      <c r="I1678" s="55"/>
      <c r="J1678" s="55"/>
      <c r="K1678" s="55"/>
      <c r="L1678" s="55"/>
      <c r="M1678" s="55"/>
      <c r="N1678" s="55"/>
      <c r="O1678" s="55"/>
      <c r="P1678" s="55"/>
      <c r="Q1678" s="55"/>
      <c r="R1678" s="55"/>
      <c r="S1678" s="55"/>
      <c r="T1678" s="55"/>
      <c r="U1678" s="55"/>
      <c r="V1678" s="55"/>
      <c r="W1678" s="55"/>
      <c r="X1678" s="55"/>
      <c r="Y1678" s="55"/>
      <c r="Z1678" s="55"/>
      <c r="AA1678" s="55"/>
      <c r="AB1678" s="55"/>
      <c r="AC1678" s="55"/>
      <c r="AD1678" s="55"/>
      <c r="AE1678" s="55"/>
      <c r="AF1678" s="55"/>
      <c r="AG1678" s="55"/>
      <c r="AY1678" s="162"/>
      <c r="AZ1678" s="162"/>
      <c r="BA1678" s="162"/>
      <c r="BB1678" s="162"/>
      <c r="BC1678" s="162"/>
      <c r="BD1678" s="162"/>
      <c r="BE1678" s="162"/>
      <c r="BF1678" s="162"/>
      <c r="BG1678" s="162"/>
      <c r="BH1678" s="162"/>
      <c r="BI1678" s="162"/>
      <c r="BJ1678" s="162"/>
      <c r="BK1678" s="162"/>
      <c r="BL1678" s="162"/>
      <c r="BM1678" s="162"/>
      <c r="BN1678" s="162"/>
      <c r="BO1678" s="162"/>
      <c r="BP1678" s="162"/>
      <c r="BQ1678" s="162"/>
      <c r="BR1678" s="162"/>
      <c r="BS1678" s="162"/>
      <c r="BT1678" s="162"/>
      <c r="BU1678" s="162"/>
      <c r="BV1678" s="162"/>
      <c r="BW1678" s="162"/>
      <c r="BX1678" s="162"/>
      <c r="BY1678" s="162"/>
      <c r="BZ1678" s="162"/>
      <c r="CA1678" s="162"/>
      <c r="CB1678" s="162"/>
      <c r="CC1678" s="162"/>
      <c r="CD1678" s="162"/>
      <c r="CE1678" s="162"/>
      <c r="CF1678" s="162"/>
      <c r="CG1678" s="162"/>
      <c r="CH1678" s="162"/>
      <c r="CI1678" s="162"/>
      <c r="CJ1678" s="162"/>
      <c r="CK1678" s="162"/>
      <c r="CX1678" s="98"/>
      <c r="DL1678" s="97"/>
      <c r="DX1678" s="98"/>
      <c r="EL1678" s="97"/>
      <c r="EX1678" s="98"/>
      <c r="EY1678" s="97"/>
      <c r="FL1678" s="126"/>
      <c r="FM1678" s="91"/>
      <c r="FN1678" s="91"/>
      <c r="FO1678" s="91"/>
      <c r="FP1678" s="91"/>
      <c r="FQ1678" s="91"/>
      <c r="FR1678" s="91"/>
      <c r="FS1678" s="91"/>
      <c r="FT1678" s="91"/>
      <c r="FU1678" s="91"/>
      <c r="FV1678" s="91"/>
      <c r="FW1678" s="91"/>
      <c r="FX1678" s="91"/>
      <c r="FY1678" s="91"/>
      <c r="FZ1678" s="91"/>
      <c r="GA1678" s="91"/>
      <c r="GB1678" s="91"/>
      <c r="GC1678" s="91"/>
      <c r="GD1678" s="91"/>
      <c r="GE1678" s="91"/>
      <c r="GF1678" s="91"/>
      <c r="GG1678" s="91"/>
      <c r="GH1678" s="91"/>
      <c r="GI1678" s="91"/>
      <c r="GJ1678" s="91"/>
      <c r="GK1678" s="127"/>
      <c r="GL1678" s="126"/>
      <c r="GM1678" s="91"/>
      <c r="GN1678" s="91"/>
      <c r="GO1678" s="91"/>
      <c r="GP1678" s="91"/>
      <c r="GQ1678" s="91"/>
      <c r="GR1678" s="91"/>
      <c r="GS1678" s="91"/>
      <c r="GT1678" s="91"/>
      <c r="GU1678" s="91"/>
      <c r="GV1678" s="91"/>
      <c r="GW1678" s="91"/>
      <c r="GX1678" s="91"/>
      <c r="GY1678" s="91"/>
      <c r="GZ1678" s="91"/>
      <c r="HA1678" s="91"/>
      <c r="HB1678" s="91"/>
      <c r="HC1678" s="91"/>
      <c r="HD1678" s="91"/>
      <c r="HE1678" s="91"/>
      <c r="HF1678" s="91"/>
      <c r="HG1678" s="91"/>
      <c r="HH1678" s="91"/>
      <c r="HI1678" s="91"/>
      <c r="HJ1678" s="91"/>
      <c r="HK1678" s="127"/>
      <c r="HL1678" s="126"/>
      <c r="HM1678" s="91"/>
      <c r="HN1678" s="91"/>
      <c r="HO1678" s="91"/>
      <c r="HP1678" s="91"/>
      <c r="HQ1678" s="91"/>
      <c r="HR1678" s="91"/>
      <c r="HS1678" s="91"/>
      <c r="HT1678" s="91"/>
      <c r="HU1678" s="91"/>
      <c r="HV1678" s="91"/>
      <c r="HW1678" s="91"/>
      <c r="HX1678" s="91"/>
      <c r="HY1678" s="91"/>
      <c r="HZ1678" s="91"/>
      <c r="IA1678" s="91"/>
      <c r="IB1678" s="91"/>
      <c r="IC1678" s="91"/>
      <c r="ID1678" s="91"/>
      <c r="IE1678" s="91"/>
      <c r="IF1678" s="91"/>
      <c r="IG1678" s="91"/>
      <c r="IH1678" s="91"/>
      <c r="II1678" s="91"/>
      <c r="IJ1678" s="91"/>
      <c r="IK1678" s="127"/>
    </row>
    <row r="1679" spans="2:245" ht="13.5" thickBot="1" x14ac:dyDescent="0.25">
      <c r="B1679" s="43"/>
      <c r="C1679" s="73"/>
      <c r="D1679" s="64"/>
      <c r="E1679" s="64"/>
      <c r="F1679" s="55"/>
      <c r="G1679" s="102"/>
      <c r="H1679" s="55"/>
      <c r="I1679" s="55"/>
      <c r="J1679" s="55"/>
      <c r="K1679" s="55"/>
      <c r="L1679" s="55"/>
      <c r="M1679" s="55"/>
      <c r="N1679" s="55"/>
      <c r="O1679" s="55"/>
      <c r="P1679" s="55"/>
      <c r="Q1679" s="55"/>
      <c r="R1679" s="55"/>
      <c r="S1679" s="55"/>
      <c r="T1679" s="55"/>
      <c r="U1679" s="55"/>
      <c r="V1679" s="55"/>
      <c r="W1679" s="55"/>
      <c r="X1679" s="55"/>
      <c r="Y1679" s="55"/>
      <c r="Z1679" s="55"/>
      <c r="AA1679" s="55"/>
      <c r="AB1679" s="55"/>
      <c r="AC1679" s="55"/>
      <c r="AD1679" s="55"/>
      <c r="AE1679" s="55"/>
      <c r="AF1679" s="55"/>
      <c r="AG1679" s="55"/>
      <c r="AY1679" s="162"/>
      <c r="AZ1679" s="162"/>
      <c r="BA1679" s="162"/>
      <c r="BB1679" s="162"/>
      <c r="BC1679" s="162"/>
      <c r="BD1679" s="162"/>
      <c r="BE1679" s="162"/>
      <c r="BF1679" s="162"/>
      <c r="BG1679" s="162"/>
      <c r="BH1679" s="162"/>
      <c r="BI1679" s="162"/>
      <c r="BJ1679" s="162"/>
      <c r="BK1679" s="162"/>
      <c r="BL1679" s="162"/>
      <c r="BM1679" s="162"/>
      <c r="BN1679" s="162"/>
      <c r="BO1679" s="162"/>
      <c r="BP1679" s="162"/>
      <c r="BQ1679" s="162"/>
      <c r="BR1679" s="162"/>
      <c r="BS1679" s="162"/>
      <c r="BT1679" s="162"/>
      <c r="BU1679" s="162"/>
      <c r="BV1679" s="162"/>
      <c r="BW1679" s="162"/>
      <c r="BX1679" s="162"/>
      <c r="BY1679" s="162"/>
      <c r="BZ1679" s="162"/>
      <c r="CA1679" s="162"/>
      <c r="CB1679" s="162"/>
      <c r="CC1679" s="162"/>
      <c r="CD1679" s="162"/>
      <c r="CE1679" s="162"/>
      <c r="CF1679" s="162"/>
      <c r="CG1679" s="162"/>
      <c r="CH1679" s="162"/>
      <c r="CI1679" s="162"/>
      <c r="CJ1679" s="162"/>
      <c r="CK1679" s="162"/>
      <c r="CL1679" s="166"/>
      <c r="CM1679" s="166"/>
      <c r="CN1679" s="166"/>
      <c r="CO1679" s="166"/>
      <c r="CP1679" s="166"/>
      <c r="CQ1679" s="166"/>
      <c r="CR1679" s="166"/>
      <c r="CS1679" s="166"/>
      <c r="CT1679" s="166"/>
      <c r="CU1679" s="166"/>
      <c r="CV1679" s="166"/>
      <c r="CW1679" s="166"/>
      <c r="CX1679" s="176"/>
      <c r="CY1679" s="166"/>
      <c r="CZ1679" s="166"/>
      <c r="DA1679" s="166"/>
      <c r="DB1679" s="166"/>
      <c r="DC1679" s="166"/>
      <c r="DD1679" s="166"/>
      <c r="DE1679" s="166"/>
      <c r="DF1679" s="166"/>
      <c r="DG1679" s="166"/>
      <c r="DH1679" s="166"/>
      <c r="DI1679" s="166"/>
      <c r="DJ1679" s="166"/>
      <c r="DK1679" s="166"/>
      <c r="DL1679" s="175"/>
      <c r="DM1679" s="166"/>
      <c r="DN1679" s="166"/>
      <c r="DO1679" s="166"/>
      <c r="DP1679" s="166"/>
      <c r="DQ1679" s="166"/>
      <c r="DR1679" s="166"/>
      <c r="DS1679" s="166"/>
      <c r="DT1679" s="166"/>
      <c r="DU1679" s="166"/>
      <c r="DV1679" s="166"/>
      <c r="DW1679" s="166"/>
      <c r="DX1679" s="176"/>
      <c r="DY1679" s="166"/>
      <c r="DZ1679" s="166"/>
      <c r="EA1679" s="166"/>
      <c r="EB1679" s="166"/>
      <c r="EC1679" s="166"/>
      <c r="ED1679" s="166"/>
      <c r="EE1679" s="166"/>
      <c r="EF1679" s="166"/>
      <c r="EG1679" s="166"/>
      <c r="EH1679" s="166"/>
      <c r="EI1679" s="166"/>
      <c r="EJ1679" s="166"/>
      <c r="EK1679" s="166"/>
      <c r="EL1679" s="175"/>
      <c r="EM1679" s="166"/>
      <c r="EN1679" s="166"/>
      <c r="EO1679" s="166"/>
      <c r="EP1679" s="166"/>
      <c r="EQ1679" s="166"/>
      <c r="ER1679" s="166"/>
      <c r="ES1679" s="166"/>
      <c r="ET1679" s="166"/>
      <c r="EU1679" s="166"/>
      <c r="EV1679" s="166"/>
      <c r="EW1679" s="166"/>
      <c r="EX1679" s="176"/>
      <c r="EY1679" s="175"/>
      <c r="EZ1679" s="166"/>
      <c r="FA1679" s="166"/>
      <c r="FB1679" s="166"/>
      <c r="FC1679" s="166"/>
      <c r="FD1679" s="166"/>
      <c r="FE1679" s="166"/>
      <c r="FF1679" s="166"/>
      <c r="FG1679" s="166"/>
      <c r="FH1679" s="166"/>
      <c r="FI1679" s="166"/>
      <c r="FJ1679" s="166"/>
      <c r="FK1679" s="166"/>
      <c r="FL1679" s="126"/>
      <c r="FM1679" s="91"/>
      <c r="FN1679" s="91"/>
      <c r="FO1679" s="91"/>
      <c r="FP1679" s="91"/>
      <c r="FQ1679" s="91"/>
      <c r="FR1679" s="91"/>
      <c r="FS1679" s="91"/>
      <c r="FT1679" s="91"/>
      <c r="FU1679" s="91"/>
      <c r="FV1679" s="91"/>
      <c r="FW1679" s="91"/>
      <c r="FX1679" s="91"/>
      <c r="FY1679" s="91"/>
      <c r="FZ1679" s="91"/>
      <c r="GA1679" s="91"/>
      <c r="GB1679" s="91"/>
      <c r="GC1679" s="91"/>
      <c r="GD1679" s="91"/>
      <c r="GE1679" s="91"/>
      <c r="GF1679" s="91"/>
      <c r="GG1679" s="91"/>
      <c r="GH1679" s="91"/>
      <c r="GI1679" s="91"/>
      <c r="GJ1679" s="91"/>
      <c r="GK1679" s="127"/>
      <c r="GL1679" s="126"/>
      <c r="GM1679" s="91"/>
      <c r="GN1679" s="91"/>
      <c r="GO1679" s="91"/>
      <c r="GP1679" s="91"/>
      <c r="GQ1679" s="91"/>
      <c r="GR1679" s="91"/>
      <c r="GS1679" s="91"/>
      <c r="GT1679" s="91"/>
      <c r="GU1679" s="91"/>
      <c r="GV1679" s="91"/>
      <c r="GW1679" s="91"/>
      <c r="GX1679" s="91"/>
      <c r="GY1679" s="91"/>
      <c r="GZ1679" s="91"/>
      <c r="HA1679" s="91"/>
      <c r="HB1679" s="91"/>
      <c r="HC1679" s="91"/>
      <c r="HD1679" s="91"/>
      <c r="HE1679" s="91"/>
      <c r="HF1679" s="91"/>
      <c r="HG1679" s="91"/>
      <c r="HH1679" s="91"/>
      <c r="HI1679" s="91"/>
      <c r="HJ1679" s="91"/>
      <c r="HK1679" s="127"/>
      <c r="HL1679" s="126"/>
      <c r="HM1679" s="91"/>
      <c r="HN1679" s="91"/>
      <c r="HO1679" s="91"/>
      <c r="HP1679" s="91"/>
      <c r="HQ1679" s="91"/>
      <c r="HR1679" s="91"/>
      <c r="HS1679" s="91"/>
      <c r="HT1679" s="91"/>
      <c r="HU1679" s="91"/>
      <c r="HV1679" s="91"/>
      <c r="HW1679" s="91"/>
      <c r="HX1679" s="91"/>
      <c r="HY1679" s="91"/>
      <c r="HZ1679" s="91"/>
      <c r="IA1679" s="91"/>
      <c r="IB1679" s="91"/>
      <c r="IC1679" s="91"/>
      <c r="ID1679" s="91"/>
      <c r="IE1679" s="91"/>
      <c r="IF1679" s="91"/>
      <c r="IG1679" s="91"/>
      <c r="IH1679" s="91"/>
      <c r="II1679" s="91"/>
      <c r="IJ1679" s="91"/>
      <c r="IK1679" s="127"/>
    </row>
    <row r="1680" spans="2:245" x14ac:dyDescent="0.2">
      <c r="B1680" s="43"/>
      <c r="C1680" s="73"/>
      <c r="D1680" s="64"/>
      <c r="E1680" s="64"/>
      <c r="F1680" s="55"/>
      <c r="G1680" s="102"/>
      <c r="H1680" s="55"/>
      <c r="I1680" s="55"/>
      <c r="J1680" s="55"/>
      <c r="K1680" s="55"/>
      <c r="L1680" s="55"/>
      <c r="M1680" s="55"/>
      <c r="N1680" s="55"/>
      <c r="O1680" s="55"/>
      <c r="P1680" s="55"/>
      <c r="Q1680" s="55"/>
      <c r="R1680" s="55"/>
      <c r="S1680" s="55"/>
      <c r="T1680" s="55"/>
      <c r="U1680" s="55"/>
      <c r="V1680" s="55"/>
      <c r="W1680" s="55"/>
      <c r="X1680" s="55"/>
      <c r="Y1680" s="55"/>
      <c r="Z1680" s="55"/>
      <c r="AA1680" s="55"/>
      <c r="AB1680" s="55"/>
      <c r="AC1680" s="55"/>
      <c r="AD1680" s="55"/>
      <c r="AE1680" s="55"/>
      <c r="AF1680" s="55"/>
      <c r="AG1680" s="55"/>
      <c r="AY1680" s="162"/>
      <c r="AZ1680" s="162"/>
      <c r="BA1680" s="162"/>
      <c r="BB1680" s="162"/>
      <c r="BC1680" s="162"/>
      <c r="BD1680" s="162"/>
      <c r="BE1680" s="162"/>
      <c r="BF1680" s="162"/>
      <c r="BG1680" s="162"/>
      <c r="BH1680" s="162"/>
      <c r="BI1680" s="162"/>
      <c r="BJ1680" s="162"/>
      <c r="BK1680" s="162"/>
      <c r="BL1680" s="162"/>
      <c r="BM1680" s="162"/>
      <c r="BN1680" s="162"/>
      <c r="BO1680" s="162"/>
      <c r="BP1680" s="162"/>
      <c r="BQ1680" s="162"/>
      <c r="BR1680" s="162"/>
      <c r="BS1680" s="162"/>
      <c r="BT1680" s="162"/>
      <c r="BU1680" s="162"/>
      <c r="BV1680" s="162"/>
      <c r="BW1680" s="162"/>
      <c r="BX1680" s="162"/>
      <c r="BY1680" s="162"/>
      <c r="BZ1680" s="162"/>
      <c r="CA1680" s="162"/>
      <c r="CB1680" s="162"/>
      <c r="CC1680" s="162"/>
      <c r="CD1680" s="162"/>
      <c r="CE1680" s="162"/>
      <c r="CF1680" s="162"/>
      <c r="CG1680" s="162"/>
      <c r="CH1680" s="162"/>
      <c r="CI1680" s="162"/>
      <c r="CJ1680" s="162"/>
      <c r="CK1680" s="162"/>
      <c r="CX1680" s="98"/>
      <c r="DL1680" s="97"/>
      <c r="DX1680" s="98"/>
      <c r="EL1680" s="97"/>
      <c r="EX1680" s="98"/>
      <c r="EY1680" s="97"/>
      <c r="FL1680" s="126"/>
      <c r="FM1680" s="91"/>
      <c r="FN1680" s="91"/>
      <c r="FO1680" s="91"/>
      <c r="FP1680" s="91"/>
      <c r="FQ1680" s="91"/>
      <c r="FR1680" s="91"/>
      <c r="FS1680" s="91"/>
      <c r="FT1680" s="91"/>
      <c r="FU1680" s="91"/>
      <c r="FV1680" s="91"/>
      <c r="FW1680" s="91"/>
      <c r="FX1680" s="91"/>
      <c r="FY1680" s="91"/>
      <c r="FZ1680" s="91"/>
      <c r="GA1680" s="91"/>
      <c r="GB1680" s="91"/>
      <c r="GC1680" s="91"/>
      <c r="GD1680" s="91"/>
      <c r="GE1680" s="91"/>
      <c r="GF1680" s="91"/>
      <c r="GG1680" s="91"/>
      <c r="GH1680" s="91"/>
      <c r="GI1680" s="91"/>
      <c r="GJ1680" s="91"/>
      <c r="GK1680" s="127"/>
      <c r="GL1680" s="126"/>
      <c r="GM1680" s="91"/>
      <c r="GN1680" s="91"/>
      <c r="GO1680" s="91"/>
      <c r="GP1680" s="91"/>
      <c r="GQ1680" s="91"/>
      <c r="GR1680" s="91"/>
      <c r="GS1680" s="91"/>
      <c r="GT1680" s="91"/>
      <c r="GU1680" s="91"/>
      <c r="GV1680" s="91"/>
      <c r="GW1680" s="91"/>
      <c r="GX1680" s="91"/>
      <c r="GY1680" s="91"/>
      <c r="GZ1680" s="91"/>
      <c r="HA1680" s="91"/>
      <c r="HB1680" s="91"/>
      <c r="HC1680" s="91"/>
      <c r="HD1680" s="91"/>
      <c r="HE1680" s="91"/>
      <c r="HF1680" s="91"/>
      <c r="HG1680" s="91"/>
      <c r="HH1680" s="91"/>
      <c r="HI1680" s="91"/>
      <c r="HJ1680" s="91"/>
      <c r="HK1680" s="127"/>
      <c r="HL1680" s="126"/>
      <c r="HM1680" s="91"/>
      <c r="HN1680" s="91"/>
      <c r="HO1680" s="91"/>
      <c r="HP1680" s="91"/>
      <c r="HQ1680" s="91"/>
      <c r="HR1680" s="91"/>
      <c r="HS1680" s="91"/>
      <c r="HT1680" s="91"/>
      <c r="HU1680" s="91"/>
      <c r="HV1680" s="91"/>
      <c r="HW1680" s="91"/>
      <c r="HX1680" s="91"/>
      <c r="HY1680" s="91"/>
      <c r="HZ1680" s="91"/>
      <c r="IA1680" s="91"/>
      <c r="IB1680" s="91"/>
      <c r="IC1680" s="91"/>
      <c r="ID1680" s="91"/>
      <c r="IE1680" s="91"/>
      <c r="IF1680" s="91"/>
      <c r="IG1680" s="91"/>
      <c r="IH1680" s="91"/>
      <c r="II1680" s="91"/>
      <c r="IJ1680" s="91"/>
      <c r="IK1680" s="127"/>
    </row>
    <row r="1681" spans="2:245" ht="13.5" thickBot="1" x14ac:dyDescent="0.25">
      <c r="B1681" s="43"/>
      <c r="C1681" s="73"/>
      <c r="D1681" s="64"/>
      <c r="E1681" s="64"/>
      <c r="F1681" s="55"/>
      <c r="G1681" s="102"/>
      <c r="H1681" s="55"/>
      <c r="I1681" s="55"/>
      <c r="J1681" s="55"/>
      <c r="K1681" s="55"/>
      <c r="L1681" s="55"/>
      <c r="M1681" s="55"/>
      <c r="N1681" s="55"/>
      <c r="O1681" s="55"/>
      <c r="P1681" s="55"/>
      <c r="Q1681" s="55"/>
      <c r="R1681" s="55"/>
      <c r="S1681" s="55"/>
      <c r="T1681" s="55"/>
      <c r="U1681" s="55"/>
      <c r="V1681" s="55"/>
      <c r="W1681" s="55"/>
      <c r="X1681" s="55"/>
      <c r="Y1681" s="55"/>
      <c r="Z1681" s="55"/>
      <c r="AA1681" s="55"/>
      <c r="AB1681" s="55"/>
      <c r="AC1681" s="55"/>
      <c r="AD1681" s="55"/>
      <c r="AE1681" s="55"/>
      <c r="AF1681" s="55"/>
      <c r="AG1681" s="55"/>
      <c r="AY1681" s="162"/>
      <c r="AZ1681" s="162"/>
      <c r="BA1681" s="162"/>
      <c r="BB1681" s="162"/>
      <c r="BC1681" s="162"/>
      <c r="BD1681" s="162"/>
      <c r="BE1681" s="162"/>
      <c r="BF1681" s="162"/>
      <c r="BG1681" s="162"/>
      <c r="BH1681" s="162"/>
      <c r="BI1681" s="162"/>
      <c r="BJ1681" s="162"/>
      <c r="BK1681" s="162"/>
      <c r="BL1681" s="162"/>
      <c r="BM1681" s="162"/>
      <c r="BN1681" s="162"/>
      <c r="BO1681" s="162"/>
      <c r="BP1681" s="162"/>
      <c r="BQ1681" s="162"/>
      <c r="BR1681" s="162"/>
      <c r="BS1681" s="162"/>
      <c r="BT1681" s="162"/>
      <c r="BU1681" s="162"/>
      <c r="BV1681" s="162"/>
      <c r="BW1681" s="162"/>
      <c r="BX1681" s="162"/>
      <c r="BY1681" s="162"/>
      <c r="BZ1681" s="162"/>
      <c r="CA1681" s="162"/>
      <c r="CB1681" s="162"/>
      <c r="CC1681" s="162"/>
      <c r="CD1681" s="162"/>
      <c r="CE1681" s="162"/>
      <c r="CF1681" s="162"/>
      <c r="CG1681" s="162"/>
      <c r="CH1681" s="162"/>
      <c r="CI1681" s="162"/>
      <c r="CJ1681" s="162"/>
      <c r="CK1681" s="162"/>
      <c r="CX1681" s="98"/>
      <c r="DL1681" s="97"/>
      <c r="DX1681" s="98"/>
      <c r="EL1681" s="97"/>
      <c r="EX1681" s="98"/>
      <c r="EY1681" s="97"/>
      <c r="FL1681" s="126"/>
      <c r="FM1681" s="91"/>
      <c r="FN1681" s="91"/>
      <c r="FO1681" s="91"/>
      <c r="FP1681" s="91"/>
      <c r="FQ1681" s="91"/>
      <c r="FR1681" s="91"/>
      <c r="FS1681" s="91"/>
      <c r="FT1681" s="91"/>
      <c r="FU1681" s="91"/>
      <c r="FV1681" s="91"/>
      <c r="FW1681" s="91"/>
      <c r="FX1681" s="91"/>
      <c r="FY1681" s="91"/>
      <c r="FZ1681" s="91"/>
      <c r="GA1681" s="91"/>
      <c r="GB1681" s="91"/>
      <c r="GC1681" s="91"/>
      <c r="GD1681" s="91"/>
      <c r="GE1681" s="91"/>
      <c r="GF1681" s="91"/>
      <c r="GG1681" s="91"/>
      <c r="GH1681" s="91"/>
      <c r="GI1681" s="91"/>
      <c r="GJ1681" s="91"/>
      <c r="GK1681" s="127"/>
      <c r="GL1681" s="126"/>
      <c r="GM1681" s="91"/>
      <c r="GN1681" s="91"/>
      <c r="GO1681" s="91"/>
      <c r="GP1681" s="91"/>
      <c r="GQ1681" s="91"/>
      <c r="GR1681" s="91"/>
      <c r="GS1681" s="91"/>
      <c r="GT1681" s="91"/>
      <c r="GU1681" s="91"/>
      <c r="GV1681" s="91"/>
      <c r="GW1681" s="91"/>
      <c r="GX1681" s="91"/>
      <c r="GY1681" s="91"/>
      <c r="GZ1681" s="91"/>
      <c r="HA1681" s="91"/>
      <c r="HB1681" s="91"/>
      <c r="HC1681" s="91"/>
      <c r="HD1681" s="91"/>
      <c r="HE1681" s="91"/>
      <c r="HF1681" s="91"/>
      <c r="HG1681" s="91"/>
      <c r="HH1681" s="91"/>
      <c r="HI1681" s="91"/>
      <c r="HJ1681" s="91"/>
      <c r="HK1681" s="127"/>
      <c r="HL1681" s="126"/>
      <c r="HM1681" s="91"/>
      <c r="HN1681" s="91"/>
      <c r="HO1681" s="91"/>
      <c r="HP1681" s="91"/>
      <c r="HQ1681" s="91"/>
      <c r="HR1681" s="91"/>
      <c r="HS1681" s="91"/>
      <c r="HT1681" s="91"/>
      <c r="HU1681" s="91"/>
      <c r="HV1681" s="91"/>
      <c r="HW1681" s="91"/>
      <c r="HX1681" s="91"/>
      <c r="HY1681" s="91"/>
      <c r="HZ1681" s="91"/>
      <c r="IA1681" s="91"/>
      <c r="IB1681" s="91"/>
      <c r="IC1681" s="91"/>
      <c r="ID1681" s="91"/>
      <c r="IE1681" s="91"/>
      <c r="IF1681" s="91"/>
      <c r="IG1681" s="91"/>
      <c r="IH1681" s="91"/>
      <c r="II1681" s="91"/>
      <c r="IJ1681" s="91"/>
      <c r="IK1681" s="127"/>
    </row>
    <row r="1682" spans="2:245" x14ac:dyDescent="0.2">
      <c r="B1682" s="43"/>
      <c r="C1682" s="73"/>
      <c r="D1682" s="64"/>
      <c r="E1682" s="64"/>
      <c r="F1682" s="55"/>
      <c r="G1682" s="102"/>
      <c r="H1682" s="55"/>
      <c r="I1682" s="55"/>
      <c r="J1682" s="55"/>
      <c r="K1682" s="55"/>
      <c r="L1682" s="55"/>
      <c r="M1682" s="55"/>
      <c r="N1682" s="55"/>
      <c r="O1682" s="55"/>
      <c r="P1682" s="55"/>
      <c r="Q1682" s="55"/>
      <c r="R1682" s="55"/>
      <c r="S1682" s="55"/>
      <c r="T1682" s="55"/>
      <c r="U1682" s="55"/>
      <c r="V1682" s="55"/>
      <c r="W1682" s="55"/>
      <c r="X1682" s="55"/>
      <c r="Y1682" s="55"/>
      <c r="Z1682" s="55"/>
      <c r="AA1682" s="55"/>
      <c r="AB1682" s="55"/>
      <c r="AC1682" s="55"/>
      <c r="AD1682" s="55"/>
      <c r="AE1682" s="55"/>
      <c r="AF1682" s="55"/>
      <c r="AG1682" s="55"/>
      <c r="AY1682" s="162"/>
      <c r="AZ1682" s="162"/>
      <c r="BA1682" s="162"/>
      <c r="BB1682" s="162"/>
      <c r="BC1682" s="162"/>
      <c r="BD1682" s="162"/>
      <c r="BE1682" s="162"/>
      <c r="BF1682" s="162"/>
      <c r="BG1682" s="162"/>
      <c r="BH1682" s="162"/>
      <c r="BI1682" s="162"/>
      <c r="BJ1682" s="162"/>
      <c r="BK1682" s="162"/>
      <c r="BL1682" s="162"/>
      <c r="BM1682" s="162"/>
      <c r="BN1682" s="162"/>
      <c r="BO1682" s="162"/>
      <c r="BP1682" s="162"/>
      <c r="BQ1682" s="162"/>
      <c r="BR1682" s="162"/>
      <c r="BS1682" s="162"/>
      <c r="BT1682" s="162"/>
      <c r="BU1682" s="162"/>
      <c r="BV1682" s="162"/>
      <c r="BW1682" s="162"/>
      <c r="BX1682" s="162"/>
      <c r="BY1682" s="162"/>
      <c r="BZ1682" s="162"/>
      <c r="CA1682" s="162"/>
      <c r="CB1682" s="162"/>
      <c r="CC1682" s="162"/>
      <c r="CD1682" s="162"/>
      <c r="CE1682" s="162"/>
      <c r="CF1682" s="162"/>
      <c r="CG1682" s="162"/>
      <c r="CH1682" s="162"/>
      <c r="CI1682" s="162"/>
      <c r="CJ1682" s="162"/>
      <c r="CK1682" s="162"/>
      <c r="CL1682" s="163"/>
      <c r="CM1682" s="163"/>
      <c r="CN1682" s="163"/>
      <c r="CO1682" s="163"/>
      <c r="CP1682" s="163"/>
      <c r="CQ1682" s="163"/>
      <c r="CR1682" s="163"/>
      <c r="CS1682" s="163"/>
      <c r="CT1682" s="163"/>
      <c r="CU1682" s="163"/>
      <c r="CV1682" s="163"/>
      <c r="CW1682" s="163"/>
      <c r="CX1682" s="173"/>
      <c r="CY1682" s="163"/>
      <c r="CZ1682" s="163"/>
      <c r="DA1682" s="163"/>
      <c r="DB1682" s="163"/>
      <c r="DC1682" s="163"/>
      <c r="DD1682" s="163"/>
      <c r="DE1682" s="163"/>
      <c r="DF1682" s="163"/>
      <c r="DG1682" s="163"/>
      <c r="DH1682" s="163"/>
      <c r="DI1682" s="163"/>
      <c r="DJ1682" s="163"/>
      <c r="DK1682" s="163"/>
      <c r="DL1682" s="172"/>
      <c r="DM1682" s="163"/>
      <c r="DN1682" s="163"/>
      <c r="DO1682" s="163"/>
      <c r="DP1682" s="163"/>
      <c r="DQ1682" s="163"/>
      <c r="DR1682" s="163"/>
      <c r="DS1682" s="163"/>
      <c r="DT1682" s="163"/>
      <c r="DU1682" s="163"/>
      <c r="DV1682" s="163"/>
      <c r="DW1682" s="163"/>
      <c r="DX1682" s="173"/>
      <c r="DY1682" s="163"/>
      <c r="DZ1682" s="163"/>
      <c r="EA1682" s="163"/>
      <c r="EB1682" s="163"/>
      <c r="EC1682" s="163"/>
      <c r="ED1682" s="163"/>
      <c r="EE1682" s="163"/>
      <c r="EF1682" s="163"/>
      <c r="EG1682" s="163"/>
      <c r="EH1682" s="163"/>
      <c r="EI1682" s="163"/>
      <c r="EJ1682" s="163"/>
      <c r="EK1682" s="163"/>
      <c r="EL1682" s="172"/>
      <c r="EM1682" s="163"/>
      <c r="EN1682" s="163"/>
      <c r="EO1682" s="163"/>
      <c r="EP1682" s="163"/>
      <c r="EQ1682" s="163"/>
      <c r="ER1682" s="163"/>
      <c r="ES1682" s="163"/>
      <c r="ET1682" s="163"/>
      <c r="EU1682" s="163"/>
      <c r="EV1682" s="163"/>
      <c r="EW1682" s="163"/>
      <c r="EX1682" s="173"/>
      <c r="EY1682" s="172"/>
      <c r="EZ1682" s="163"/>
      <c r="FA1682" s="163"/>
      <c r="FB1682" s="163"/>
      <c r="FC1682" s="163"/>
      <c r="FD1682" s="163"/>
      <c r="FE1682" s="163"/>
      <c r="FF1682" s="163"/>
      <c r="FG1682" s="163"/>
      <c r="FH1682" s="163"/>
      <c r="FI1682" s="163"/>
      <c r="FJ1682" s="163"/>
      <c r="FK1682" s="163"/>
      <c r="FL1682" s="126"/>
      <c r="FM1682" s="91"/>
      <c r="FN1682" s="91"/>
      <c r="FO1682" s="91"/>
      <c r="FP1682" s="91"/>
      <c r="FQ1682" s="91"/>
      <c r="FR1682" s="91"/>
      <c r="FS1682" s="91"/>
      <c r="FT1682" s="91"/>
      <c r="FU1682" s="91"/>
      <c r="FV1682" s="91"/>
      <c r="FW1682" s="91"/>
      <c r="FX1682" s="91"/>
      <c r="FY1682" s="91"/>
      <c r="FZ1682" s="91"/>
      <c r="GA1682" s="91"/>
      <c r="GB1682" s="91"/>
      <c r="GC1682" s="91"/>
      <c r="GD1682" s="91"/>
      <c r="GE1682" s="91"/>
      <c r="GF1682" s="91"/>
      <c r="GG1682" s="91"/>
      <c r="GH1682" s="91"/>
      <c r="GI1682" s="91"/>
      <c r="GJ1682" s="91"/>
      <c r="GK1682" s="127"/>
      <c r="GL1682" s="126"/>
      <c r="GM1682" s="91"/>
      <c r="GN1682" s="91"/>
      <c r="GO1682" s="91"/>
      <c r="GP1682" s="91"/>
      <c r="GQ1682" s="91"/>
      <c r="GR1682" s="91"/>
      <c r="GS1682" s="91"/>
      <c r="GT1682" s="91"/>
      <c r="GU1682" s="91"/>
      <c r="GV1682" s="91"/>
      <c r="GW1682" s="91"/>
      <c r="GX1682" s="91"/>
      <c r="GY1682" s="91"/>
      <c r="GZ1682" s="91"/>
      <c r="HA1682" s="91"/>
      <c r="HB1682" s="91"/>
      <c r="HC1682" s="91"/>
      <c r="HD1682" s="91"/>
      <c r="HE1682" s="91"/>
      <c r="HF1682" s="91"/>
      <c r="HG1682" s="91"/>
      <c r="HH1682" s="91"/>
      <c r="HI1682" s="91"/>
      <c r="HJ1682" s="91"/>
      <c r="HK1682" s="127"/>
      <c r="HL1682" s="126"/>
      <c r="HM1682" s="91"/>
      <c r="HN1682" s="91"/>
      <c r="HO1682" s="91"/>
      <c r="HP1682" s="91"/>
      <c r="HQ1682" s="91"/>
      <c r="HR1682" s="91"/>
      <c r="HS1682" s="91"/>
      <c r="HT1682" s="91"/>
      <c r="HU1682" s="91"/>
      <c r="HV1682" s="91"/>
      <c r="HW1682" s="91"/>
      <c r="HX1682" s="91"/>
      <c r="HY1682" s="91"/>
      <c r="HZ1682" s="91"/>
      <c r="IA1682" s="91"/>
      <c r="IB1682" s="91"/>
      <c r="IC1682" s="91"/>
      <c r="ID1682" s="91"/>
      <c r="IE1682" s="91"/>
      <c r="IF1682" s="91"/>
      <c r="IG1682" s="91"/>
      <c r="IH1682" s="91"/>
      <c r="II1682" s="91"/>
      <c r="IJ1682" s="91"/>
      <c r="IK1682" s="127"/>
    </row>
    <row r="1683" spans="2:245" x14ac:dyDescent="0.2">
      <c r="B1683" s="43"/>
      <c r="C1683" s="73"/>
      <c r="D1683" s="64"/>
      <c r="E1683" s="64"/>
      <c r="F1683" s="55"/>
      <c r="G1683" s="102"/>
      <c r="H1683" s="55"/>
      <c r="I1683" s="55"/>
      <c r="J1683" s="55"/>
      <c r="K1683" s="55"/>
      <c r="L1683" s="55"/>
      <c r="M1683" s="55"/>
      <c r="N1683" s="55"/>
      <c r="O1683" s="55"/>
      <c r="P1683" s="55"/>
      <c r="Q1683" s="55"/>
      <c r="R1683" s="55"/>
      <c r="S1683" s="55"/>
      <c r="T1683" s="55"/>
      <c r="U1683" s="55"/>
      <c r="V1683" s="55"/>
      <c r="W1683" s="55"/>
      <c r="X1683" s="55"/>
      <c r="Y1683" s="55"/>
      <c r="Z1683" s="55"/>
      <c r="AA1683" s="55"/>
      <c r="AB1683" s="55"/>
      <c r="AC1683" s="55"/>
      <c r="AD1683" s="55"/>
      <c r="AE1683" s="55"/>
      <c r="AF1683" s="55"/>
      <c r="AG1683" s="55"/>
      <c r="AY1683" s="162"/>
      <c r="AZ1683" s="162"/>
      <c r="BA1683" s="162"/>
      <c r="BB1683" s="162"/>
      <c r="BC1683" s="162"/>
      <c r="BD1683" s="162"/>
      <c r="BE1683" s="162"/>
      <c r="BF1683" s="162"/>
      <c r="BG1683" s="162"/>
      <c r="BH1683" s="162"/>
      <c r="BI1683" s="162"/>
      <c r="BJ1683" s="162"/>
      <c r="BK1683" s="162"/>
      <c r="BL1683" s="162"/>
      <c r="BM1683" s="162"/>
      <c r="BN1683" s="162"/>
      <c r="BO1683" s="162"/>
      <c r="BP1683" s="162"/>
      <c r="BQ1683" s="162"/>
      <c r="BR1683" s="162"/>
      <c r="BS1683" s="162"/>
      <c r="BT1683" s="162"/>
      <c r="BU1683" s="162"/>
      <c r="BV1683" s="162"/>
      <c r="BW1683" s="162"/>
      <c r="BX1683" s="162"/>
      <c r="BY1683" s="162"/>
      <c r="BZ1683" s="162"/>
      <c r="CA1683" s="162"/>
      <c r="CB1683" s="162"/>
      <c r="CC1683" s="162"/>
      <c r="CD1683" s="162"/>
      <c r="CE1683" s="162"/>
      <c r="CF1683" s="162"/>
      <c r="CG1683" s="162"/>
      <c r="CH1683" s="162"/>
      <c r="CI1683" s="162"/>
      <c r="CJ1683" s="162"/>
      <c r="CK1683" s="162"/>
      <c r="CX1683" s="98"/>
      <c r="DL1683" s="97"/>
      <c r="DX1683" s="98"/>
      <c r="EL1683" s="97"/>
      <c r="EX1683" s="98"/>
      <c r="EY1683" s="97"/>
      <c r="FL1683" s="126"/>
      <c r="FM1683" s="91"/>
      <c r="FN1683" s="91"/>
      <c r="FO1683" s="91"/>
      <c r="FP1683" s="91"/>
      <c r="FQ1683" s="91"/>
      <c r="FR1683" s="91"/>
      <c r="FS1683" s="91"/>
      <c r="FT1683" s="91"/>
      <c r="FU1683" s="91"/>
      <c r="FV1683" s="91"/>
      <c r="FW1683" s="91"/>
      <c r="FX1683" s="91"/>
      <c r="FY1683" s="91"/>
      <c r="FZ1683" s="91"/>
      <c r="GA1683" s="91"/>
      <c r="GB1683" s="91"/>
      <c r="GC1683" s="91"/>
      <c r="GD1683" s="91"/>
      <c r="GE1683" s="91"/>
      <c r="GF1683" s="91"/>
      <c r="GG1683" s="91"/>
      <c r="GH1683" s="91"/>
      <c r="GI1683" s="91"/>
      <c r="GJ1683" s="91"/>
      <c r="GK1683" s="127"/>
      <c r="GL1683" s="126"/>
      <c r="GM1683" s="91"/>
      <c r="GN1683" s="91"/>
      <c r="GO1683" s="91"/>
      <c r="GP1683" s="91"/>
      <c r="GQ1683" s="91"/>
      <c r="GR1683" s="91"/>
      <c r="GS1683" s="91"/>
      <c r="GT1683" s="91"/>
      <c r="GU1683" s="91"/>
      <c r="GV1683" s="91"/>
      <c r="GW1683" s="91"/>
      <c r="GX1683" s="91"/>
      <c r="GY1683" s="91"/>
      <c r="GZ1683" s="91"/>
      <c r="HA1683" s="91"/>
      <c r="HB1683" s="91"/>
      <c r="HC1683" s="91"/>
      <c r="HD1683" s="91"/>
      <c r="HE1683" s="91"/>
      <c r="HF1683" s="91"/>
      <c r="HG1683" s="91"/>
      <c r="HH1683" s="91"/>
      <c r="HI1683" s="91"/>
      <c r="HJ1683" s="91"/>
      <c r="HK1683" s="127"/>
      <c r="HL1683" s="126"/>
      <c r="HM1683" s="91"/>
      <c r="HN1683" s="91"/>
      <c r="HO1683" s="91"/>
      <c r="HP1683" s="91"/>
      <c r="HQ1683" s="91"/>
      <c r="HR1683" s="91"/>
      <c r="HS1683" s="91"/>
      <c r="HT1683" s="91"/>
      <c r="HU1683" s="91"/>
      <c r="HV1683" s="91"/>
      <c r="HW1683" s="91"/>
      <c r="HX1683" s="91"/>
      <c r="HY1683" s="91"/>
      <c r="HZ1683" s="91"/>
      <c r="IA1683" s="91"/>
      <c r="IB1683" s="91"/>
      <c r="IC1683" s="91"/>
      <c r="ID1683" s="91"/>
      <c r="IE1683" s="91"/>
      <c r="IF1683" s="91"/>
      <c r="IG1683" s="91"/>
      <c r="IH1683" s="91"/>
      <c r="II1683" s="91"/>
      <c r="IJ1683" s="91"/>
      <c r="IK1683" s="127"/>
    </row>
    <row r="1684" spans="2:245" x14ac:dyDescent="0.2">
      <c r="B1684" s="43"/>
      <c r="C1684" s="73"/>
      <c r="D1684" s="64"/>
      <c r="E1684" s="64"/>
      <c r="F1684" s="55"/>
      <c r="G1684" s="102"/>
      <c r="H1684" s="55"/>
      <c r="I1684" s="55"/>
      <c r="J1684" s="55"/>
      <c r="K1684" s="55"/>
      <c r="L1684" s="55"/>
      <c r="M1684" s="55"/>
      <c r="N1684" s="55"/>
      <c r="O1684" s="55"/>
      <c r="P1684" s="55"/>
      <c r="Q1684" s="55"/>
      <c r="R1684" s="55"/>
      <c r="S1684" s="55"/>
      <c r="T1684" s="55"/>
      <c r="U1684" s="55"/>
      <c r="V1684" s="55"/>
      <c r="W1684" s="55"/>
      <c r="X1684" s="55"/>
      <c r="Y1684" s="55"/>
      <c r="Z1684" s="55"/>
      <c r="AA1684" s="55"/>
      <c r="AB1684" s="55"/>
      <c r="AC1684" s="55"/>
      <c r="AD1684" s="55"/>
      <c r="AE1684" s="55"/>
      <c r="AF1684" s="55"/>
      <c r="AG1684" s="55"/>
      <c r="AY1684" s="162"/>
      <c r="AZ1684" s="162"/>
      <c r="BA1684" s="162"/>
      <c r="BB1684" s="162"/>
      <c r="BC1684" s="162"/>
      <c r="BD1684" s="162"/>
      <c r="BE1684" s="162"/>
      <c r="BF1684" s="162"/>
      <c r="BG1684" s="162"/>
      <c r="BH1684" s="162"/>
      <c r="BI1684" s="162"/>
      <c r="BJ1684" s="162"/>
      <c r="BK1684" s="162"/>
      <c r="BL1684" s="162"/>
      <c r="BM1684" s="162"/>
      <c r="BN1684" s="162"/>
      <c r="BO1684" s="162"/>
      <c r="BP1684" s="162"/>
      <c r="BQ1684" s="162"/>
      <c r="BR1684" s="162"/>
      <c r="BS1684" s="162"/>
      <c r="BT1684" s="162"/>
      <c r="BU1684" s="162"/>
      <c r="BV1684" s="162"/>
      <c r="BW1684" s="162"/>
      <c r="BX1684" s="162"/>
      <c r="BY1684" s="162"/>
      <c r="BZ1684" s="162"/>
      <c r="CA1684" s="162"/>
      <c r="CB1684" s="162"/>
      <c r="CC1684" s="162"/>
      <c r="CD1684" s="162"/>
      <c r="CE1684" s="162"/>
      <c r="CF1684" s="162"/>
      <c r="CG1684" s="162"/>
      <c r="CH1684" s="162"/>
      <c r="CI1684" s="162"/>
      <c r="CJ1684" s="162"/>
      <c r="CK1684" s="162"/>
      <c r="CX1684" s="98"/>
      <c r="DL1684" s="97"/>
      <c r="DX1684" s="98"/>
      <c r="EL1684" s="97"/>
      <c r="EX1684" s="98"/>
      <c r="EY1684" s="97"/>
      <c r="FL1684" s="126"/>
      <c r="FM1684" s="91"/>
      <c r="FN1684" s="91"/>
      <c r="FO1684" s="91"/>
      <c r="FP1684" s="91"/>
      <c r="FQ1684" s="91"/>
      <c r="FR1684" s="91"/>
      <c r="FS1684" s="91"/>
      <c r="FT1684" s="91"/>
      <c r="FU1684" s="91"/>
      <c r="FV1684" s="91"/>
      <c r="FW1684" s="91"/>
      <c r="FX1684" s="91"/>
      <c r="FY1684" s="91"/>
      <c r="FZ1684" s="91"/>
      <c r="GA1684" s="91"/>
      <c r="GB1684" s="91"/>
      <c r="GC1684" s="91"/>
      <c r="GD1684" s="91"/>
      <c r="GE1684" s="91"/>
      <c r="GF1684" s="91"/>
      <c r="GG1684" s="91"/>
      <c r="GH1684" s="91"/>
      <c r="GI1684" s="91"/>
      <c r="GJ1684" s="91"/>
      <c r="GK1684" s="127"/>
      <c r="GL1684" s="126"/>
      <c r="GM1684" s="91"/>
      <c r="GN1684" s="91"/>
      <c r="GO1684" s="91"/>
      <c r="GP1684" s="91"/>
      <c r="GQ1684" s="91"/>
      <c r="GR1684" s="91"/>
      <c r="GS1684" s="91"/>
      <c r="GT1684" s="91"/>
      <c r="GU1684" s="91"/>
      <c r="GV1684" s="91"/>
      <c r="GW1684" s="91"/>
      <c r="GX1684" s="91"/>
      <c r="GY1684" s="91"/>
      <c r="GZ1684" s="91"/>
      <c r="HA1684" s="91"/>
      <c r="HB1684" s="91"/>
      <c r="HC1684" s="91"/>
      <c r="HD1684" s="91"/>
      <c r="HE1684" s="91"/>
      <c r="HF1684" s="91"/>
      <c r="HG1684" s="91"/>
      <c r="HH1684" s="91"/>
      <c r="HI1684" s="91"/>
      <c r="HJ1684" s="91"/>
      <c r="HK1684" s="127"/>
      <c r="HL1684" s="126"/>
      <c r="HM1684" s="91"/>
      <c r="HN1684" s="91"/>
      <c r="HO1684" s="91"/>
      <c r="HP1684" s="91"/>
      <c r="HQ1684" s="91"/>
      <c r="HR1684" s="91"/>
      <c r="HS1684" s="91"/>
      <c r="HT1684" s="91"/>
      <c r="HU1684" s="91"/>
      <c r="HV1684" s="91"/>
      <c r="HW1684" s="91"/>
      <c r="HX1684" s="91"/>
      <c r="HY1684" s="91"/>
      <c r="HZ1684" s="91"/>
      <c r="IA1684" s="91"/>
      <c r="IB1684" s="91"/>
      <c r="IC1684" s="91"/>
      <c r="ID1684" s="91"/>
      <c r="IE1684" s="91"/>
      <c r="IF1684" s="91"/>
      <c r="IG1684" s="91"/>
      <c r="IH1684" s="91"/>
      <c r="II1684" s="91"/>
      <c r="IJ1684" s="91"/>
      <c r="IK1684" s="127"/>
    </row>
    <row r="1685" spans="2:245" x14ac:dyDescent="0.2">
      <c r="B1685" s="43"/>
      <c r="C1685" s="73"/>
      <c r="D1685" s="64"/>
      <c r="E1685" s="64"/>
      <c r="F1685" s="55"/>
      <c r="G1685" s="102"/>
      <c r="H1685" s="55"/>
      <c r="I1685" s="55"/>
      <c r="J1685" s="55"/>
      <c r="K1685" s="55"/>
      <c r="L1685" s="55"/>
      <c r="M1685" s="55"/>
      <c r="N1685" s="55"/>
      <c r="O1685" s="55"/>
      <c r="P1685" s="55"/>
      <c r="Q1685" s="55"/>
      <c r="R1685" s="55"/>
      <c r="S1685" s="55"/>
      <c r="T1685" s="55"/>
      <c r="U1685" s="55"/>
      <c r="V1685" s="55"/>
      <c r="W1685" s="55"/>
      <c r="X1685" s="55"/>
      <c r="Y1685" s="55"/>
      <c r="Z1685" s="55"/>
      <c r="AA1685" s="55"/>
      <c r="AB1685" s="55"/>
      <c r="AC1685" s="55"/>
      <c r="AD1685" s="55"/>
      <c r="AE1685" s="55"/>
      <c r="AF1685" s="55"/>
      <c r="AG1685" s="55"/>
      <c r="AY1685" s="162"/>
      <c r="AZ1685" s="162"/>
      <c r="BA1685" s="162"/>
      <c r="BB1685" s="162"/>
      <c r="BC1685" s="162"/>
      <c r="BD1685" s="162"/>
      <c r="BE1685" s="162"/>
      <c r="BF1685" s="162"/>
      <c r="BG1685" s="162"/>
      <c r="BH1685" s="162"/>
      <c r="BI1685" s="162"/>
      <c r="BJ1685" s="162"/>
      <c r="BK1685" s="162"/>
      <c r="BL1685" s="162"/>
      <c r="BM1685" s="162"/>
      <c r="BN1685" s="162"/>
      <c r="BO1685" s="162"/>
      <c r="BP1685" s="162"/>
      <c r="BQ1685" s="162"/>
      <c r="BR1685" s="162"/>
      <c r="BS1685" s="162"/>
      <c r="BT1685" s="162"/>
      <c r="BU1685" s="162"/>
      <c r="BV1685" s="162"/>
      <c r="BW1685" s="162"/>
      <c r="BX1685" s="162"/>
      <c r="BY1685" s="162"/>
      <c r="BZ1685" s="162"/>
      <c r="CA1685" s="162"/>
      <c r="CB1685" s="162"/>
      <c r="CC1685" s="162"/>
      <c r="CD1685" s="162"/>
      <c r="CE1685" s="162"/>
      <c r="CF1685" s="162"/>
      <c r="CG1685" s="162"/>
      <c r="CH1685" s="162"/>
      <c r="CI1685" s="162"/>
      <c r="CJ1685" s="162"/>
      <c r="CK1685" s="162"/>
      <c r="CX1685" s="98"/>
      <c r="DL1685" s="97"/>
      <c r="DX1685" s="98"/>
      <c r="EL1685" s="97"/>
      <c r="EX1685" s="98"/>
      <c r="EY1685" s="97"/>
      <c r="FL1685" s="126"/>
      <c r="FM1685" s="91"/>
      <c r="FN1685" s="91"/>
      <c r="FO1685" s="91"/>
      <c r="FP1685" s="91"/>
      <c r="FQ1685" s="91"/>
      <c r="FR1685" s="91"/>
      <c r="FS1685" s="91"/>
      <c r="FT1685" s="91"/>
      <c r="FU1685" s="91"/>
      <c r="FV1685" s="91"/>
      <c r="FW1685" s="91"/>
      <c r="FX1685" s="91"/>
      <c r="FY1685" s="91"/>
      <c r="FZ1685" s="91"/>
      <c r="GA1685" s="91"/>
      <c r="GB1685" s="91"/>
      <c r="GC1685" s="91"/>
      <c r="GD1685" s="91"/>
      <c r="GE1685" s="91"/>
      <c r="GF1685" s="91"/>
      <c r="GG1685" s="91"/>
      <c r="GH1685" s="91"/>
      <c r="GI1685" s="91"/>
      <c r="GJ1685" s="91"/>
      <c r="GK1685" s="127"/>
      <c r="GL1685" s="126"/>
      <c r="GM1685" s="91"/>
      <c r="GN1685" s="91"/>
      <c r="GO1685" s="91"/>
      <c r="GP1685" s="91"/>
      <c r="GQ1685" s="91"/>
      <c r="GR1685" s="91"/>
      <c r="GS1685" s="91"/>
      <c r="GT1685" s="91"/>
      <c r="GU1685" s="91"/>
      <c r="GV1685" s="91"/>
      <c r="GW1685" s="91"/>
      <c r="GX1685" s="91"/>
      <c r="GY1685" s="91"/>
      <c r="GZ1685" s="91"/>
      <c r="HA1685" s="91"/>
      <c r="HB1685" s="91"/>
      <c r="HC1685" s="91"/>
      <c r="HD1685" s="91"/>
      <c r="HE1685" s="91"/>
      <c r="HF1685" s="91"/>
      <c r="HG1685" s="91"/>
      <c r="HH1685" s="91"/>
      <c r="HI1685" s="91"/>
      <c r="HJ1685" s="91"/>
      <c r="HK1685" s="127"/>
      <c r="HL1685" s="126"/>
      <c r="HM1685" s="91"/>
      <c r="HN1685" s="91"/>
      <c r="HO1685" s="91"/>
      <c r="HP1685" s="91"/>
      <c r="HQ1685" s="91"/>
      <c r="HR1685" s="91"/>
      <c r="HS1685" s="91"/>
      <c r="HT1685" s="91"/>
      <c r="HU1685" s="91"/>
      <c r="HV1685" s="91"/>
      <c r="HW1685" s="91"/>
      <c r="HX1685" s="91"/>
      <c r="HY1685" s="91"/>
      <c r="HZ1685" s="91"/>
      <c r="IA1685" s="91"/>
      <c r="IB1685" s="91"/>
      <c r="IC1685" s="91"/>
      <c r="ID1685" s="91"/>
      <c r="IE1685" s="91"/>
      <c r="IF1685" s="91"/>
      <c r="IG1685" s="91"/>
      <c r="IH1685" s="91"/>
      <c r="II1685" s="91"/>
      <c r="IJ1685" s="91"/>
      <c r="IK1685" s="127"/>
    </row>
    <row r="1686" spans="2:245" x14ac:dyDescent="0.2">
      <c r="B1686" s="43"/>
      <c r="C1686" s="73"/>
      <c r="D1686" s="64"/>
      <c r="E1686" s="64"/>
      <c r="F1686" s="55"/>
      <c r="G1686" s="102"/>
      <c r="H1686" s="55"/>
      <c r="I1686" s="55"/>
      <c r="J1686" s="55"/>
      <c r="K1686" s="55"/>
      <c r="L1686" s="55"/>
      <c r="M1686" s="55"/>
      <c r="N1686" s="55"/>
      <c r="O1686" s="55"/>
      <c r="P1686" s="55"/>
      <c r="Q1686" s="55"/>
      <c r="R1686" s="55"/>
      <c r="S1686" s="55"/>
      <c r="T1686" s="55"/>
      <c r="U1686" s="55"/>
      <c r="V1686" s="55"/>
      <c r="W1686" s="55"/>
      <c r="X1686" s="55"/>
      <c r="Y1686" s="55"/>
      <c r="Z1686" s="55"/>
      <c r="AA1686" s="55"/>
      <c r="AB1686" s="55"/>
      <c r="AC1686" s="55"/>
      <c r="AD1686" s="55"/>
      <c r="AE1686" s="55"/>
      <c r="AF1686" s="55"/>
      <c r="AG1686" s="55"/>
      <c r="AY1686" s="162"/>
      <c r="AZ1686" s="162"/>
      <c r="BA1686" s="162"/>
      <c r="BB1686" s="162"/>
      <c r="BC1686" s="162"/>
      <c r="BD1686" s="162"/>
      <c r="BE1686" s="162"/>
      <c r="BF1686" s="162"/>
      <c r="BG1686" s="162"/>
      <c r="BH1686" s="162"/>
      <c r="BI1686" s="162"/>
      <c r="BJ1686" s="162"/>
      <c r="BK1686" s="162"/>
      <c r="BL1686" s="162"/>
      <c r="BM1686" s="162"/>
      <c r="BN1686" s="162"/>
      <c r="BO1686" s="162"/>
      <c r="BP1686" s="162"/>
      <c r="BQ1686" s="162"/>
      <c r="BR1686" s="162"/>
      <c r="BS1686" s="162"/>
      <c r="BT1686" s="162"/>
      <c r="BU1686" s="162"/>
      <c r="BV1686" s="162"/>
      <c r="BW1686" s="162"/>
      <c r="BX1686" s="162"/>
      <c r="BY1686" s="162"/>
      <c r="BZ1686" s="162"/>
      <c r="CA1686" s="162"/>
      <c r="CB1686" s="162"/>
      <c r="CC1686" s="162"/>
      <c r="CD1686" s="162"/>
      <c r="CE1686" s="162"/>
      <c r="CF1686" s="162"/>
      <c r="CG1686" s="162"/>
      <c r="CH1686" s="162"/>
      <c r="CI1686" s="162"/>
      <c r="CJ1686" s="162"/>
      <c r="CK1686" s="162"/>
      <c r="CX1686" s="98"/>
      <c r="DL1686" s="97"/>
      <c r="DX1686" s="98"/>
      <c r="EL1686" s="97"/>
      <c r="EX1686" s="98"/>
      <c r="EY1686" s="97"/>
      <c r="FL1686" s="126"/>
      <c r="FM1686" s="91"/>
      <c r="FN1686" s="91"/>
      <c r="FO1686" s="91"/>
      <c r="FP1686" s="91"/>
      <c r="FQ1686" s="91"/>
      <c r="FR1686" s="91"/>
      <c r="FS1686" s="91"/>
      <c r="FT1686" s="91"/>
      <c r="FU1686" s="91"/>
      <c r="FV1686" s="91"/>
      <c r="FW1686" s="91"/>
      <c r="FX1686" s="91"/>
      <c r="FY1686" s="91"/>
      <c r="FZ1686" s="91"/>
      <c r="GA1686" s="91"/>
      <c r="GB1686" s="91"/>
      <c r="GC1686" s="91"/>
      <c r="GD1686" s="91"/>
      <c r="GE1686" s="91"/>
      <c r="GF1686" s="91"/>
      <c r="GG1686" s="91"/>
      <c r="GH1686" s="91"/>
      <c r="GI1686" s="91"/>
      <c r="GJ1686" s="91"/>
      <c r="GK1686" s="127"/>
      <c r="GL1686" s="126"/>
      <c r="GM1686" s="91"/>
      <c r="GN1686" s="91"/>
      <c r="GO1686" s="91"/>
      <c r="GP1686" s="91"/>
      <c r="GQ1686" s="91"/>
      <c r="GR1686" s="91"/>
      <c r="GS1686" s="91"/>
      <c r="GT1686" s="91"/>
      <c r="GU1686" s="91"/>
      <c r="GV1686" s="91"/>
      <c r="GW1686" s="91"/>
      <c r="GX1686" s="91"/>
      <c r="GY1686" s="91"/>
      <c r="GZ1686" s="91"/>
      <c r="HA1686" s="91"/>
      <c r="HB1686" s="91"/>
      <c r="HC1686" s="91"/>
      <c r="HD1686" s="91"/>
      <c r="HE1686" s="91"/>
      <c r="HF1686" s="91"/>
      <c r="HG1686" s="91"/>
      <c r="HH1686" s="91"/>
      <c r="HI1686" s="91"/>
      <c r="HJ1686" s="91"/>
      <c r="HK1686" s="127"/>
      <c r="HL1686" s="126"/>
      <c r="HM1686" s="91"/>
      <c r="HN1686" s="91"/>
      <c r="HO1686" s="91"/>
      <c r="HP1686" s="91"/>
      <c r="HQ1686" s="91"/>
      <c r="HR1686" s="91"/>
      <c r="HS1686" s="91"/>
      <c r="HT1686" s="91"/>
      <c r="HU1686" s="91"/>
      <c r="HV1686" s="91"/>
      <c r="HW1686" s="91"/>
      <c r="HX1686" s="91"/>
      <c r="HY1686" s="91"/>
      <c r="HZ1686" s="91"/>
      <c r="IA1686" s="91"/>
      <c r="IB1686" s="91"/>
      <c r="IC1686" s="91"/>
      <c r="ID1686" s="91"/>
      <c r="IE1686" s="91"/>
      <c r="IF1686" s="91"/>
      <c r="IG1686" s="91"/>
      <c r="IH1686" s="91"/>
      <c r="II1686" s="91"/>
      <c r="IJ1686" s="91"/>
      <c r="IK1686" s="127"/>
    </row>
    <row r="1687" spans="2:245" x14ac:dyDescent="0.2">
      <c r="B1687" s="43"/>
      <c r="C1687" s="73"/>
      <c r="D1687" s="64"/>
      <c r="E1687" s="64"/>
      <c r="F1687" s="55"/>
      <c r="G1687" s="102"/>
      <c r="H1687" s="55"/>
      <c r="I1687" s="55"/>
      <c r="J1687" s="55"/>
      <c r="K1687" s="55"/>
      <c r="L1687" s="55"/>
      <c r="M1687" s="55"/>
      <c r="N1687" s="55"/>
      <c r="O1687" s="55"/>
      <c r="P1687" s="55"/>
      <c r="Q1687" s="55"/>
      <c r="R1687" s="55"/>
      <c r="S1687" s="55"/>
      <c r="T1687" s="55"/>
      <c r="U1687" s="55"/>
      <c r="V1687" s="55"/>
      <c r="W1687" s="55"/>
      <c r="X1687" s="55"/>
      <c r="Y1687" s="55"/>
      <c r="Z1687" s="55"/>
      <c r="AA1687" s="55"/>
      <c r="AB1687" s="55"/>
      <c r="AC1687" s="55"/>
      <c r="AD1687" s="55"/>
      <c r="AE1687" s="55"/>
      <c r="AF1687" s="55"/>
      <c r="AG1687" s="55"/>
      <c r="AY1687" s="162"/>
      <c r="AZ1687" s="162"/>
      <c r="BA1687" s="162"/>
      <c r="BB1687" s="162"/>
      <c r="BC1687" s="162"/>
      <c r="BD1687" s="162"/>
      <c r="BE1687" s="162"/>
      <c r="BF1687" s="162"/>
      <c r="BG1687" s="162"/>
      <c r="BH1687" s="162"/>
      <c r="BI1687" s="162"/>
      <c r="BJ1687" s="162"/>
      <c r="BK1687" s="162"/>
      <c r="BL1687" s="162"/>
      <c r="BM1687" s="162"/>
      <c r="BN1687" s="162"/>
      <c r="BO1687" s="162"/>
      <c r="BP1687" s="162"/>
      <c r="BQ1687" s="162"/>
      <c r="BR1687" s="162"/>
      <c r="BS1687" s="162"/>
      <c r="BT1687" s="162"/>
      <c r="BU1687" s="162"/>
      <c r="BV1687" s="162"/>
      <c r="BW1687" s="162"/>
      <c r="BX1687" s="162"/>
      <c r="BY1687" s="162"/>
      <c r="BZ1687" s="162"/>
      <c r="CA1687" s="162"/>
      <c r="CB1687" s="162"/>
      <c r="CC1687" s="162"/>
      <c r="CD1687" s="162"/>
      <c r="CE1687" s="162"/>
      <c r="CF1687" s="162"/>
      <c r="CG1687" s="162"/>
      <c r="CH1687" s="162"/>
      <c r="CI1687" s="162"/>
      <c r="CJ1687" s="162"/>
      <c r="CK1687" s="162"/>
      <c r="CX1687" s="98"/>
      <c r="DL1687" s="97"/>
      <c r="DX1687" s="98"/>
      <c r="EL1687" s="97"/>
      <c r="EX1687" s="98"/>
      <c r="EY1687" s="97"/>
      <c r="FL1687" s="126"/>
      <c r="FM1687" s="91"/>
      <c r="FN1687" s="91"/>
      <c r="FO1687" s="91"/>
      <c r="FP1687" s="91"/>
      <c r="FQ1687" s="91"/>
      <c r="FR1687" s="91"/>
      <c r="FS1687" s="91"/>
      <c r="FT1687" s="91"/>
      <c r="FU1687" s="91"/>
      <c r="FV1687" s="91"/>
      <c r="FW1687" s="91"/>
      <c r="FX1687" s="91"/>
      <c r="FY1687" s="91"/>
      <c r="FZ1687" s="91"/>
      <c r="GA1687" s="91"/>
      <c r="GB1687" s="91"/>
      <c r="GC1687" s="91"/>
      <c r="GD1687" s="91"/>
      <c r="GE1687" s="91"/>
      <c r="GF1687" s="91"/>
      <c r="GG1687" s="91"/>
      <c r="GH1687" s="91"/>
      <c r="GI1687" s="91"/>
      <c r="GJ1687" s="91"/>
      <c r="GK1687" s="127"/>
      <c r="GL1687" s="126"/>
      <c r="GM1687" s="91"/>
      <c r="GN1687" s="91"/>
      <c r="GO1687" s="91"/>
      <c r="GP1687" s="91"/>
      <c r="GQ1687" s="91"/>
      <c r="GR1687" s="91"/>
      <c r="GS1687" s="91"/>
      <c r="GT1687" s="91"/>
      <c r="GU1687" s="91"/>
      <c r="GV1687" s="91"/>
      <c r="GW1687" s="91"/>
      <c r="GX1687" s="91"/>
      <c r="GY1687" s="91"/>
      <c r="GZ1687" s="91"/>
      <c r="HA1687" s="91"/>
      <c r="HB1687" s="91"/>
      <c r="HC1687" s="91"/>
      <c r="HD1687" s="91"/>
      <c r="HE1687" s="91"/>
      <c r="HF1687" s="91"/>
      <c r="HG1687" s="91"/>
      <c r="HH1687" s="91"/>
      <c r="HI1687" s="91"/>
      <c r="HJ1687" s="91"/>
      <c r="HK1687" s="127"/>
      <c r="HL1687" s="126"/>
      <c r="HM1687" s="91"/>
      <c r="HN1687" s="91"/>
      <c r="HO1687" s="91"/>
      <c r="HP1687" s="91"/>
      <c r="HQ1687" s="91"/>
      <c r="HR1687" s="91"/>
      <c r="HS1687" s="91"/>
      <c r="HT1687" s="91"/>
      <c r="HU1687" s="91"/>
      <c r="HV1687" s="91"/>
      <c r="HW1687" s="91"/>
      <c r="HX1687" s="91"/>
      <c r="HY1687" s="91"/>
      <c r="HZ1687" s="91"/>
      <c r="IA1687" s="91"/>
      <c r="IB1687" s="91"/>
      <c r="IC1687" s="91"/>
      <c r="ID1687" s="91"/>
      <c r="IE1687" s="91"/>
      <c r="IF1687" s="91"/>
      <c r="IG1687" s="91"/>
      <c r="IH1687" s="91"/>
      <c r="II1687" s="91"/>
      <c r="IJ1687" s="91"/>
      <c r="IK1687" s="127"/>
    </row>
    <row r="1688" spans="2:245" x14ac:dyDescent="0.2">
      <c r="B1688" s="43"/>
      <c r="C1688" s="73"/>
      <c r="D1688" s="64"/>
      <c r="E1688" s="64"/>
      <c r="F1688" s="55"/>
      <c r="G1688" s="102"/>
      <c r="H1688" s="55"/>
      <c r="I1688" s="55"/>
      <c r="J1688" s="55"/>
      <c r="K1688" s="55"/>
      <c r="L1688" s="55"/>
      <c r="M1688" s="55"/>
      <c r="N1688" s="55"/>
      <c r="O1688" s="55"/>
      <c r="P1688" s="55"/>
      <c r="Q1688" s="55"/>
      <c r="R1688" s="55"/>
      <c r="S1688" s="55"/>
      <c r="T1688" s="55"/>
      <c r="U1688" s="55"/>
      <c r="V1688" s="55"/>
      <c r="W1688" s="55"/>
      <c r="X1688" s="55"/>
      <c r="Y1688" s="55"/>
      <c r="Z1688" s="55"/>
      <c r="AA1688" s="55"/>
      <c r="AB1688" s="55"/>
      <c r="AC1688" s="55"/>
      <c r="AD1688" s="55"/>
      <c r="AE1688" s="55"/>
      <c r="AF1688" s="55"/>
      <c r="AG1688" s="55"/>
      <c r="AY1688" s="162"/>
      <c r="AZ1688" s="162"/>
      <c r="BA1688" s="162"/>
      <c r="BB1688" s="162"/>
      <c r="BC1688" s="162"/>
      <c r="BD1688" s="162"/>
      <c r="BE1688" s="162"/>
      <c r="BF1688" s="162"/>
      <c r="BG1688" s="162"/>
      <c r="BH1688" s="162"/>
      <c r="BI1688" s="162"/>
      <c r="BJ1688" s="162"/>
      <c r="BK1688" s="162"/>
      <c r="BL1688" s="162"/>
      <c r="BM1688" s="162"/>
      <c r="BN1688" s="162"/>
      <c r="BO1688" s="162"/>
      <c r="BP1688" s="162"/>
      <c r="BQ1688" s="162"/>
      <c r="BR1688" s="162"/>
      <c r="BS1688" s="162"/>
      <c r="BT1688" s="162"/>
      <c r="BU1688" s="162"/>
      <c r="BV1688" s="162"/>
      <c r="BW1688" s="162"/>
      <c r="BX1688" s="162"/>
      <c r="BY1688" s="162"/>
      <c r="BZ1688" s="162"/>
      <c r="CA1688" s="162"/>
      <c r="CB1688" s="162"/>
      <c r="CC1688" s="162"/>
      <c r="CD1688" s="162"/>
      <c r="CE1688" s="162"/>
      <c r="CF1688" s="162"/>
      <c r="CG1688" s="162"/>
      <c r="CH1688" s="162"/>
      <c r="CI1688" s="162"/>
      <c r="CJ1688" s="162"/>
      <c r="CK1688" s="162"/>
      <c r="CX1688" s="98"/>
      <c r="DL1688" s="97"/>
      <c r="DX1688" s="98"/>
      <c r="EL1688" s="97"/>
      <c r="EX1688" s="98"/>
      <c r="EY1688" s="97"/>
      <c r="FL1688" s="126"/>
      <c r="FM1688" s="91"/>
      <c r="FN1688" s="91"/>
      <c r="FO1688" s="91"/>
      <c r="FP1688" s="91"/>
      <c r="FQ1688" s="91"/>
      <c r="FR1688" s="91"/>
      <c r="FS1688" s="91"/>
      <c r="FT1688" s="91"/>
      <c r="FU1688" s="91"/>
      <c r="FV1688" s="91"/>
      <c r="FW1688" s="91"/>
      <c r="FX1688" s="91"/>
      <c r="FY1688" s="91"/>
      <c r="FZ1688" s="91"/>
      <c r="GA1688" s="91"/>
      <c r="GB1688" s="91"/>
      <c r="GC1688" s="91"/>
      <c r="GD1688" s="91"/>
      <c r="GE1688" s="91"/>
      <c r="GF1688" s="91"/>
      <c r="GG1688" s="91"/>
      <c r="GH1688" s="91"/>
      <c r="GI1688" s="91"/>
      <c r="GJ1688" s="91"/>
      <c r="GK1688" s="127"/>
      <c r="GL1688" s="126"/>
      <c r="GM1688" s="91"/>
      <c r="GN1688" s="91"/>
      <c r="GO1688" s="91"/>
      <c r="GP1688" s="91"/>
      <c r="GQ1688" s="91"/>
      <c r="GR1688" s="91"/>
      <c r="GS1688" s="91"/>
      <c r="GT1688" s="91"/>
      <c r="GU1688" s="91"/>
      <c r="GV1688" s="91"/>
      <c r="GW1688" s="91"/>
      <c r="GX1688" s="91"/>
      <c r="GY1688" s="91"/>
      <c r="GZ1688" s="91"/>
      <c r="HA1688" s="91"/>
      <c r="HB1688" s="91"/>
      <c r="HC1688" s="91"/>
      <c r="HD1688" s="91"/>
      <c r="HE1688" s="91"/>
      <c r="HF1688" s="91"/>
      <c r="HG1688" s="91"/>
      <c r="HH1688" s="91"/>
      <c r="HI1688" s="91"/>
      <c r="HJ1688" s="91"/>
      <c r="HK1688" s="127"/>
      <c r="HL1688" s="126"/>
      <c r="HM1688" s="91"/>
      <c r="HN1688" s="91"/>
      <c r="HO1688" s="91"/>
      <c r="HP1688" s="91"/>
      <c r="HQ1688" s="91"/>
      <c r="HR1688" s="91"/>
      <c r="HS1688" s="91"/>
      <c r="HT1688" s="91"/>
      <c r="HU1688" s="91"/>
      <c r="HV1688" s="91"/>
      <c r="HW1688" s="91"/>
      <c r="HX1688" s="91"/>
      <c r="HY1688" s="91"/>
      <c r="HZ1688" s="91"/>
      <c r="IA1688" s="91"/>
      <c r="IB1688" s="91"/>
      <c r="IC1688" s="91"/>
      <c r="ID1688" s="91"/>
      <c r="IE1688" s="91"/>
      <c r="IF1688" s="91"/>
      <c r="IG1688" s="91"/>
      <c r="IH1688" s="91"/>
      <c r="II1688" s="91"/>
      <c r="IJ1688" s="91"/>
      <c r="IK1688" s="127"/>
    </row>
    <row r="1689" spans="2:245" x14ac:dyDescent="0.2">
      <c r="B1689" s="43"/>
      <c r="C1689" s="73"/>
      <c r="D1689" s="64"/>
      <c r="E1689" s="64"/>
      <c r="F1689" s="55"/>
      <c r="G1689" s="102"/>
      <c r="H1689" s="55"/>
      <c r="I1689" s="55"/>
      <c r="J1689" s="55"/>
      <c r="K1689" s="55"/>
      <c r="L1689" s="55"/>
      <c r="M1689" s="55"/>
      <c r="N1689" s="55"/>
      <c r="O1689" s="55"/>
      <c r="P1689" s="55"/>
      <c r="Q1689" s="55"/>
      <c r="R1689" s="55"/>
      <c r="S1689" s="55"/>
      <c r="T1689" s="55"/>
      <c r="U1689" s="55"/>
      <c r="V1689" s="55"/>
      <c r="W1689" s="55"/>
      <c r="X1689" s="55"/>
      <c r="Y1689" s="55"/>
      <c r="Z1689" s="55"/>
      <c r="AA1689" s="55"/>
      <c r="AB1689" s="55"/>
      <c r="AC1689" s="55"/>
      <c r="AD1689" s="55"/>
      <c r="AE1689" s="55"/>
      <c r="AF1689" s="55"/>
      <c r="AG1689" s="55"/>
      <c r="AY1689" s="162"/>
      <c r="AZ1689" s="162"/>
      <c r="BA1689" s="162"/>
      <c r="BB1689" s="162"/>
      <c r="BC1689" s="162"/>
      <c r="BD1689" s="162"/>
      <c r="BE1689" s="162"/>
      <c r="BF1689" s="162"/>
      <c r="BG1689" s="162"/>
      <c r="BH1689" s="162"/>
      <c r="BI1689" s="162"/>
      <c r="BJ1689" s="162"/>
      <c r="BK1689" s="162"/>
      <c r="BL1689" s="162"/>
      <c r="BM1689" s="162"/>
      <c r="BN1689" s="162"/>
      <c r="BO1689" s="162"/>
      <c r="BP1689" s="162"/>
      <c r="BQ1689" s="162"/>
      <c r="BR1689" s="162"/>
      <c r="BS1689" s="162"/>
      <c r="BT1689" s="162"/>
      <c r="BU1689" s="162"/>
      <c r="BV1689" s="162"/>
      <c r="BW1689" s="162"/>
      <c r="BX1689" s="162"/>
      <c r="BY1689" s="162"/>
      <c r="BZ1689" s="162"/>
      <c r="CA1689" s="162"/>
      <c r="CB1689" s="162"/>
      <c r="CC1689" s="162"/>
      <c r="CD1689" s="162"/>
      <c r="CE1689" s="162"/>
      <c r="CF1689" s="162"/>
      <c r="CG1689" s="162"/>
      <c r="CH1689" s="162"/>
      <c r="CI1689" s="162"/>
      <c r="CJ1689" s="162"/>
      <c r="CK1689" s="162"/>
      <c r="CX1689" s="98"/>
      <c r="DL1689" s="97"/>
      <c r="DX1689" s="98"/>
      <c r="EL1689" s="97"/>
      <c r="EX1689" s="98"/>
      <c r="EY1689" s="97"/>
      <c r="FL1689" s="126"/>
      <c r="FM1689" s="91"/>
      <c r="FN1689" s="91"/>
      <c r="FO1689" s="91"/>
      <c r="FP1689" s="91"/>
      <c r="FQ1689" s="91"/>
      <c r="FR1689" s="91"/>
      <c r="FS1689" s="91"/>
      <c r="FT1689" s="91"/>
      <c r="FU1689" s="91"/>
      <c r="FV1689" s="91"/>
      <c r="FW1689" s="91"/>
      <c r="FX1689" s="91"/>
      <c r="FY1689" s="91"/>
      <c r="FZ1689" s="91"/>
      <c r="GA1689" s="91"/>
      <c r="GB1689" s="91"/>
      <c r="GC1689" s="91"/>
      <c r="GD1689" s="91"/>
      <c r="GE1689" s="91"/>
      <c r="GF1689" s="91"/>
      <c r="GG1689" s="91"/>
      <c r="GH1689" s="91"/>
      <c r="GI1689" s="91"/>
      <c r="GJ1689" s="91"/>
      <c r="GK1689" s="127"/>
      <c r="GL1689" s="126"/>
      <c r="GM1689" s="91"/>
      <c r="GN1689" s="91"/>
      <c r="GO1689" s="91"/>
      <c r="GP1689" s="91"/>
      <c r="GQ1689" s="91"/>
      <c r="GR1689" s="91"/>
      <c r="GS1689" s="91"/>
      <c r="GT1689" s="91"/>
      <c r="GU1689" s="91"/>
      <c r="GV1689" s="91"/>
      <c r="GW1689" s="91"/>
      <c r="GX1689" s="91"/>
      <c r="GY1689" s="91"/>
      <c r="GZ1689" s="91"/>
      <c r="HA1689" s="91"/>
      <c r="HB1689" s="91"/>
      <c r="HC1689" s="91"/>
      <c r="HD1689" s="91"/>
      <c r="HE1689" s="91"/>
      <c r="HF1689" s="91"/>
      <c r="HG1689" s="91"/>
      <c r="HH1689" s="91"/>
      <c r="HI1689" s="91"/>
      <c r="HJ1689" s="91"/>
      <c r="HK1689" s="127"/>
      <c r="HL1689" s="126"/>
      <c r="HM1689" s="91"/>
      <c r="HN1689" s="91"/>
      <c r="HO1689" s="91"/>
      <c r="HP1689" s="91"/>
      <c r="HQ1689" s="91"/>
      <c r="HR1689" s="91"/>
      <c r="HS1689" s="91"/>
      <c r="HT1689" s="91"/>
      <c r="HU1689" s="91"/>
      <c r="HV1689" s="91"/>
      <c r="HW1689" s="91"/>
      <c r="HX1689" s="91"/>
      <c r="HY1689" s="91"/>
      <c r="HZ1689" s="91"/>
      <c r="IA1689" s="91"/>
      <c r="IB1689" s="91"/>
      <c r="IC1689" s="91"/>
      <c r="ID1689" s="91"/>
      <c r="IE1689" s="91"/>
      <c r="IF1689" s="91"/>
      <c r="IG1689" s="91"/>
      <c r="IH1689" s="91"/>
      <c r="II1689" s="91"/>
      <c r="IJ1689" s="91"/>
      <c r="IK1689" s="127"/>
    </row>
    <row r="1690" spans="2:245" x14ac:dyDescent="0.2">
      <c r="B1690" s="43"/>
      <c r="C1690" s="73"/>
      <c r="D1690" s="64"/>
      <c r="E1690" s="64"/>
      <c r="F1690" s="55"/>
      <c r="G1690" s="102"/>
      <c r="H1690" s="55"/>
      <c r="I1690" s="55"/>
      <c r="J1690" s="55"/>
      <c r="K1690" s="55"/>
      <c r="L1690" s="55"/>
      <c r="M1690" s="55"/>
      <c r="N1690" s="55"/>
      <c r="O1690" s="55"/>
      <c r="P1690" s="55"/>
      <c r="Q1690" s="55"/>
      <c r="R1690" s="55"/>
      <c r="S1690" s="55"/>
      <c r="T1690" s="55"/>
      <c r="U1690" s="55"/>
      <c r="V1690" s="55"/>
      <c r="W1690" s="55"/>
      <c r="X1690" s="55"/>
      <c r="Y1690" s="55"/>
      <c r="Z1690" s="55"/>
      <c r="AA1690" s="55"/>
      <c r="AB1690" s="55"/>
      <c r="AC1690" s="55"/>
      <c r="AD1690" s="55"/>
      <c r="AE1690" s="55"/>
      <c r="AF1690" s="55"/>
      <c r="AG1690" s="55"/>
      <c r="AY1690" s="162"/>
      <c r="AZ1690" s="162"/>
      <c r="BA1690" s="162"/>
      <c r="BB1690" s="162"/>
      <c r="BC1690" s="162"/>
      <c r="BD1690" s="162"/>
      <c r="BE1690" s="162"/>
      <c r="BF1690" s="162"/>
      <c r="BG1690" s="162"/>
      <c r="BH1690" s="162"/>
      <c r="BI1690" s="162"/>
      <c r="BJ1690" s="162"/>
      <c r="BK1690" s="162"/>
      <c r="BL1690" s="162"/>
      <c r="BM1690" s="162"/>
      <c r="BN1690" s="162"/>
      <c r="BO1690" s="162"/>
      <c r="BP1690" s="162"/>
      <c r="BQ1690" s="162"/>
      <c r="BR1690" s="162"/>
      <c r="BS1690" s="162"/>
      <c r="BT1690" s="162"/>
      <c r="BU1690" s="162"/>
      <c r="BV1690" s="162"/>
      <c r="BW1690" s="162"/>
      <c r="BX1690" s="162"/>
      <c r="BY1690" s="162"/>
      <c r="BZ1690" s="162"/>
      <c r="CA1690" s="162"/>
      <c r="CB1690" s="162"/>
      <c r="CC1690" s="162"/>
      <c r="CD1690" s="162"/>
      <c r="CE1690" s="162"/>
      <c r="CF1690" s="162"/>
      <c r="CG1690" s="162"/>
      <c r="CH1690" s="162"/>
      <c r="CI1690" s="162"/>
      <c r="CJ1690" s="162"/>
      <c r="CK1690" s="162"/>
      <c r="CX1690" s="98"/>
      <c r="DL1690" s="97"/>
      <c r="DX1690" s="98"/>
      <c r="EL1690" s="97"/>
      <c r="EX1690" s="98"/>
      <c r="EY1690" s="97"/>
      <c r="FL1690" s="126"/>
      <c r="FM1690" s="91"/>
      <c r="FN1690" s="91"/>
      <c r="FO1690" s="91"/>
      <c r="FP1690" s="91"/>
      <c r="FQ1690" s="91"/>
      <c r="FR1690" s="91"/>
      <c r="FS1690" s="91"/>
      <c r="FT1690" s="91"/>
      <c r="FU1690" s="91"/>
      <c r="FV1690" s="91"/>
      <c r="FW1690" s="91"/>
      <c r="FX1690" s="91"/>
      <c r="FY1690" s="91"/>
      <c r="FZ1690" s="91"/>
      <c r="GA1690" s="91"/>
      <c r="GB1690" s="91"/>
      <c r="GC1690" s="91"/>
      <c r="GD1690" s="91"/>
      <c r="GE1690" s="91"/>
      <c r="GF1690" s="91"/>
      <c r="GG1690" s="91"/>
      <c r="GH1690" s="91"/>
      <c r="GI1690" s="91"/>
      <c r="GJ1690" s="91"/>
      <c r="GK1690" s="127"/>
      <c r="GL1690" s="126"/>
      <c r="GM1690" s="91"/>
      <c r="GN1690" s="91"/>
      <c r="GO1690" s="91"/>
      <c r="GP1690" s="91"/>
      <c r="GQ1690" s="91"/>
      <c r="GR1690" s="91"/>
      <c r="GS1690" s="91"/>
      <c r="GT1690" s="91"/>
      <c r="GU1690" s="91"/>
      <c r="GV1690" s="91"/>
      <c r="GW1690" s="91"/>
      <c r="GX1690" s="91"/>
      <c r="GY1690" s="91"/>
      <c r="GZ1690" s="91"/>
      <c r="HA1690" s="91"/>
      <c r="HB1690" s="91"/>
      <c r="HC1690" s="91"/>
      <c r="HD1690" s="91"/>
      <c r="HE1690" s="91"/>
      <c r="HF1690" s="91"/>
      <c r="HG1690" s="91"/>
      <c r="HH1690" s="91"/>
      <c r="HI1690" s="91"/>
      <c r="HJ1690" s="91"/>
      <c r="HK1690" s="127"/>
      <c r="HL1690" s="126"/>
      <c r="HM1690" s="91"/>
      <c r="HN1690" s="91"/>
      <c r="HO1690" s="91"/>
      <c r="HP1690" s="91"/>
      <c r="HQ1690" s="91"/>
      <c r="HR1690" s="91"/>
      <c r="HS1690" s="91"/>
      <c r="HT1690" s="91"/>
      <c r="HU1690" s="91"/>
      <c r="HV1690" s="91"/>
      <c r="HW1690" s="91"/>
      <c r="HX1690" s="91"/>
      <c r="HY1690" s="91"/>
      <c r="HZ1690" s="91"/>
      <c r="IA1690" s="91"/>
      <c r="IB1690" s="91"/>
      <c r="IC1690" s="91"/>
      <c r="ID1690" s="91"/>
      <c r="IE1690" s="91"/>
      <c r="IF1690" s="91"/>
      <c r="IG1690" s="91"/>
      <c r="IH1690" s="91"/>
      <c r="II1690" s="91"/>
      <c r="IJ1690" s="91"/>
      <c r="IK1690" s="127"/>
    </row>
    <row r="1691" spans="2:245" x14ac:dyDescent="0.2">
      <c r="B1691" s="43"/>
      <c r="C1691" s="73"/>
      <c r="D1691" s="64"/>
      <c r="E1691" s="64"/>
      <c r="F1691" s="55"/>
      <c r="G1691" s="102"/>
      <c r="H1691" s="55"/>
      <c r="I1691" s="55"/>
      <c r="J1691" s="55"/>
      <c r="K1691" s="55"/>
      <c r="L1691" s="55"/>
      <c r="M1691" s="55"/>
      <c r="N1691" s="55"/>
      <c r="O1691" s="55"/>
      <c r="P1691" s="55"/>
      <c r="Q1691" s="55"/>
      <c r="R1691" s="55"/>
      <c r="S1691" s="55"/>
      <c r="T1691" s="55"/>
      <c r="U1691" s="55"/>
      <c r="V1691" s="55"/>
      <c r="W1691" s="55"/>
      <c r="X1691" s="55"/>
      <c r="Y1691" s="55"/>
      <c r="Z1691" s="55"/>
      <c r="AA1691" s="55"/>
      <c r="AB1691" s="55"/>
      <c r="AC1691" s="55"/>
      <c r="AD1691" s="55"/>
      <c r="AE1691" s="55"/>
      <c r="AF1691" s="55"/>
      <c r="AG1691" s="55"/>
      <c r="AY1691" s="162"/>
      <c r="AZ1691" s="162"/>
      <c r="BA1691" s="162"/>
      <c r="BB1691" s="162"/>
      <c r="BC1691" s="162"/>
      <c r="BD1691" s="162"/>
      <c r="BE1691" s="162"/>
      <c r="BF1691" s="162"/>
      <c r="BG1691" s="162"/>
      <c r="BH1691" s="162"/>
      <c r="BI1691" s="162"/>
      <c r="BJ1691" s="162"/>
      <c r="BK1691" s="162"/>
      <c r="BL1691" s="162"/>
      <c r="BM1691" s="162"/>
      <c r="BN1691" s="162"/>
      <c r="BO1691" s="162"/>
      <c r="BP1691" s="162"/>
      <c r="BQ1691" s="162"/>
      <c r="BR1691" s="162"/>
      <c r="BS1691" s="162"/>
      <c r="BT1691" s="162"/>
      <c r="BU1691" s="162"/>
      <c r="BV1691" s="162"/>
      <c r="BW1691" s="162"/>
      <c r="BX1691" s="162"/>
      <c r="BY1691" s="162"/>
      <c r="BZ1691" s="162"/>
      <c r="CA1691" s="162"/>
      <c r="CB1691" s="162"/>
      <c r="CC1691" s="162"/>
      <c r="CD1691" s="162"/>
      <c r="CE1691" s="162"/>
      <c r="CF1691" s="162"/>
      <c r="CG1691" s="162"/>
      <c r="CH1691" s="162"/>
      <c r="CI1691" s="162"/>
      <c r="CJ1691" s="162"/>
      <c r="CK1691" s="162"/>
      <c r="CX1691" s="98"/>
      <c r="DL1691" s="97"/>
      <c r="DX1691" s="98"/>
      <c r="EL1691" s="97"/>
      <c r="EX1691" s="98"/>
      <c r="EY1691" s="97"/>
      <c r="FL1691" s="126"/>
      <c r="FM1691" s="91"/>
      <c r="FN1691" s="91"/>
      <c r="FO1691" s="91"/>
      <c r="FP1691" s="91"/>
      <c r="FQ1691" s="91"/>
      <c r="FR1691" s="91"/>
      <c r="FS1691" s="91"/>
      <c r="FT1691" s="91"/>
      <c r="FU1691" s="91"/>
      <c r="FV1691" s="91"/>
      <c r="FW1691" s="91"/>
      <c r="FX1691" s="91"/>
      <c r="FY1691" s="91"/>
      <c r="FZ1691" s="91"/>
      <c r="GA1691" s="91"/>
      <c r="GB1691" s="91"/>
      <c r="GC1691" s="91"/>
      <c r="GD1691" s="91"/>
      <c r="GE1691" s="91"/>
      <c r="GF1691" s="91"/>
      <c r="GG1691" s="91"/>
      <c r="GH1691" s="91"/>
      <c r="GI1691" s="91"/>
      <c r="GJ1691" s="91"/>
      <c r="GK1691" s="127"/>
      <c r="GL1691" s="126"/>
      <c r="GM1691" s="91"/>
      <c r="GN1691" s="91"/>
      <c r="GO1691" s="91"/>
      <c r="GP1691" s="91"/>
      <c r="GQ1691" s="91"/>
      <c r="GR1691" s="91"/>
      <c r="GS1691" s="91"/>
      <c r="GT1691" s="91"/>
      <c r="GU1691" s="91"/>
      <c r="GV1691" s="91"/>
      <c r="GW1691" s="91"/>
      <c r="GX1691" s="91"/>
      <c r="GY1691" s="91"/>
      <c r="GZ1691" s="91"/>
      <c r="HA1691" s="91"/>
      <c r="HB1691" s="91"/>
      <c r="HC1691" s="91"/>
      <c r="HD1691" s="91"/>
      <c r="HE1691" s="91"/>
      <c r="HF1691" s="91"/>
      <c r="HG1691" s="91"/>
      <c r="HH1691" s="91"/>
      <c r="HI1691" s="91"/>
      <c r="HJ1691" s="91"/>
      <c r="HK1691" s="127"/>
      <c r="HL1691" s="126"/>
      <c r="HM1691" s="91"/>
      <c r="HN1691" s="91"/>
      <c r="HO1691" s="91"/>
      <c r="HP1691" s="91"/>
      <c r="HQ1691" s="91"/>
      <c r="HR1691" s="91"/>
      <c r="HS1691" s="91"/>
      <c r="HT1691" s="91"/>
      <c r="HU1691" s="91"/>
      <c r="HV1691" s="91"/>
      <c r="HW1691" s="91"/>
      <c r="HX1691" s="91"/>
      <c r="HY1691" s="91"/>
      <c r="HZ1691" s="91"/>
      <c r="IA1691" s="91"/>
      <c r="IB1691" s="91"/>
      <c r="IC1691" s="91"/>
      <c r="ID1691" s="91"/>
      <c r="IE1691" s="91"/>
      <c r="IF1691" s="91"/>
      <c r="IG1691" s="91"/>
      <c r="IH1691" s="91"/>
      <c r="II1691" s="91"/>
      <c r="IJ1691" s="91"/>
      <c r="IK1691" s="127"/>
    </row>
    <row r="1692" spans="2:245" x14ac:dyDescent="0.2">
      <c r="B1692" s="43"/>
      <c r="C1692" s="73"/>
      <c r="D1692" s="64"/>
      <c r="E1692" s="64"/>
      <c r="F1692" s="55"/>
      <c r="G1692" s="102"/>
      <c r="H1692" s="55"/>
      <c r="I1692" s="55"/>
      <c r="J1692" s="55"/>
      <c r="K1692" s="55"/>
      <c r="L1692" s="55"/>
      <c r="M1692" s="55"/>
      <c r="N1692" s="55"/>
      <c r="O1692" s="55"/>
      <c r="P1692" s="55"/>
      <c r="Q1692" s="55"/>
      <c r="R1692" s="55"/>
      <c r="S1692" s="55"/>
      <c r="T1692" s="55"/>
      <c r="U1692" s="55"/>
      <c r="V1692" s="55"/>
      <c r="W1692" s="55"/>
      <c r="X1692" s="55"/>
      <c r="Y1692" s="55"/>
      <c r="Z1692" s="55"/>
      <c r="AA1692" s="55"/>
      <c r="AB1692" s="55"/>
      <c r="AC1692" s="55"/>
      <c r="AD1692" s="55"/>
      <c r="AE1692" s="55"/>
      <c r="AF1692" s="55"/>
      <c r="AG1692" s="55"/>
      <c r="AY1692" s="162"/>
      <c r="AZ1692" s="162"/>
      <c r="BA1692" s="162"/>
      <c r="BB1692" s="162"/>
      <c r="BC1692" s="162"/>
      <c r="BD1692" s="162"/>
      <c r="BE1692" s="162"/>
      <c r="BF1692" s="162"/>
      <c r="BG1692" s="162"/>
      <c r="BH1692" s="162"/>
      <c r="BI1692" s="162"/>
      <c r="BJ1692" s="162"/>
      <c r="BK1692" s="162"/>
      <c r="BL1692" s="162"/>
      <c r="BM1692" s="162"/>
      <c r="BN1692" s="162"/>
      <c r="BO1692" s="162"/>
      <c r="BP1692" s="162"/>
      <c r="BQ1692" s="162"/>
      <c r="BR1692" s="162"/>
      <c r="BS1692" s="162"/>
      <c r="BT1692" s="162"/>
      <c r="BU1692" s="162"/>
      <c r="BV1692" s="162"/>
      <c r="BW1692" s="162"/>
      <c r="BX1692" s="162"/>
      <c r="BY1692" s="162"/>
      <c r="BZ1692" s="162"/>
      <c r="CA1692" s="162"/>
      <c r="CB1692" s="162"/>
      <c r="CC1692" s="162"/>
      <c r="CD1692" s="162"/>
      <c r="CE1692" s="162"/>
      <c r="CF1692" s="162"/>
      <c r="CG1692" s="162"/>
      <c r="CH1692" s="162"/>
      <c r="CI1692" s="162"/>
      <c r="CJ1692" s="162"/>
      <c r="CK1692" s="162"/>
      <c r="CX1692" s="98"/>
      <c r="DL1692" s="97"/>
      <c r="DX1692" s="98"/>
      <c r="EL1692" s="97"/>
      <c r="EX1692" s="98"/>
      <c r="EY1692" s="97"/>
      <c r="FL1692" s="126"/>
      <c r="FM1692" s="91"/>
      <c r="FN1692" s="91"/>
      <c r="FO1692" s="91"/>
      <c r="FP1692" s="91"/>
      <c r="FQ1692" s="91"/>
      <c r="FR1692" s="91"/>
      <c r="FS1692" s="91"/>
      <c r="FT1692" s="91"/>
      <c r="FU1692" s="91"/>
      <c r="FV1692" s="91"/>
      <c r="FW1692" s="91"/>
      <c r="FX1692" s="91"/>
      <c r="FY1692" s="91"/>
      <c r="FZ1692" s="91"/>
      <c r="GA1692" s="91"/>
      <c r="GB1692" s="91"/>
      <c r="GC1692" s="91"/>
      <c r="GD1692" s="91"/>
      <c r="GE1692" s="91"/>
      <c r="GF1692" s="91"/>
      <c r="GG1692" s="91"/>
      <c r="GH1692" s="91"/>
      <c r="GI1692" s="91"/>
      <c r="GJ1692" s="91"/>
      <c r="GK1692" s="127"/>
      <c r="GL1692" s="126"/>
      <c r="GM1692" s="91"/>
      <c r="GN1692" s="91"/>
      <c r="GO1692" s="91"/>
      <c r="GP1692" s="91"/>
      <c r="GQ1692" s="91"/>
      <c r="GR1692" s="91"/>
      <c r="GS1692" s="91"/>
      <c r="GT1692" s="91"/>
      <c r="GU1692" s="91"/>
      <c r="GV1692" s="91"/>
      <c r="GW1692" s="91"/>
      <c r="GX1692" s="91"/>
      <c r="GY1692" s="91"/>
      <c r="GZ1692" s="91"/>
      <c r="HA1692" s="91"/>
      <c r="HB1692" s="91"/>
      <c r="HC1692" s="91"/>
      <c r="HD1692" s="91"/>
      <c r="HE1692" s="91"/>
      <c r="HF1692" s="91"/>
      <c r="HG1692" s="91"/>
      <c r="HH1692" s="91"/>
      <c r="HI1692" s="91"/>
      <c r="HJ1692" s="91"/>
      <c r="HK1692" s="127"/>
      <c r="HL1692" s="126"/>
      <c r="HM1692" s="91"/>
      <c r="HN1692" s="91"/>
      <c r="HO1692" s="91"/>
      <c r="HP1692" s="91"/>
      <c r="HQ1692" s="91"/>
      <c r="HR1692" s="91"/>
      <c r="HS1692" s="91"/>
      <c r="HT1692" s="91"/>
      <c r="HU1692" s="91"/>
      <c r="HV1692" s="91"/>
      <c r="HW1692" s="91"/>
      <c r="HX1692" s="91"/>
      <c r="HY1692" s="91"/>
      <c r="HZ1692" s="91"/>
      <c r="IA1692" s="91"/>
      <c r="IB1692" s="91"/>
      <c r="IC1692" s="91"/>
      <c r="ID1692" s="91"/>
      <c r="IE1692" s="91"/>
      <c r="IF1692" s="91"/>
      <c r="IG1692" s="91"/>
      <c r="IH1692" s="91"/>
      <c r="II1692" s="91"/>
      <c r="IJ1692" s="91"/>
      <c r="IK1692" s="127"/>
    </row>
    <row r="1693" spans="2:245" x14ac:dyDescent="0.2">
      <c r="B1693" s="43"/>
      <c r="C1693" s="73"/>
      <c r="D1693" s="64"/>
      <c r="E1693" s="64"/>
      <c r="F1693" s="55"/>
      <c r="G1693" s="102"/>
      <c r="H1693" s="55"/>
      <c r="I1693" s="55"/>
      <c r="J1693" s="55"/>
      <c r="K1693" s="55"/>
      <c r="L1693" s="55"/>
      <c r="M1693" s="55"/>
      <c r="N1693" s="55"/>
      <c r="O1693" s="55"/>
      <c r="P1693" s="55"/>
      <c r="Q1693" s="55"/>
      <c r="R1693" s="55"/>
      <c r="S1693" s="55"/>
      <c r="T1693" s="55"/>
      <c r="U1693" s="55"/>
      <c r="V1693" s="55"/>
      <c r="W1693" s="55"/>
      <c r="X1693" s="55"/>
      <c r="Y1693" s="55"/>
      <c r="Z1693" s="55"/>
      <c r="AA1693" s="55"/>
      <c r="AB1693" s="55"/>
      <c r="AC1693" s="55"/>
      <c r="AD1693" s="55"/>
      <c r="AE1693" s="55"/>
      <c r="AF1693" s="55"/>
      <c r="AG1693" s="55"/>
      <c r="AY1693" s="162"/>
      <c r="AZ1693" s="162"/>
      <c r="BA1693" s="162"/>
      <c r="BB1693" s="162"/>
      <c r="BC1693" s="162"/>
      <c r="BD1693" s="162"/>
      <c r="BE1693" s="162"/>
      <c r="BF1693" s="162"/>
      <c r="BG1693" s="162"/>
      <c r="BH1693" s="162"/>
      <c r="BI1693" s="162"/>
      <c r="BJ1693" s="162"/>
      <c r="BK1693" s="162"/>
      <c r="BL1693" s="162"/>
      <c r="BM1693" s="162"/>
      <c r="BN1693" s="162"/>
      <c r="BO1693" s="162"/>
      <c r="BP1693" s="162"/>
      <c r="BQ1693" s="162"/>
      <c r="BR1693" s="162"/>
      <c r="BS1693" s="162"/>
      <c r="BT1693" s="162"/>
      <c r="BU1693" s="162"/>
      <c r="BV1693" s="162"/>
      <c r="BW1693" s="162"/>
      <c r="BX1693" s="162"/>
      <c r="BY1693" s="162"/>
      <c r="BZ1693" s="162"/>
      <c r="CA1693" s="162"/>
      <c r="CB1693" s="162"/>
      <c r="CC1693" s="162"/>
      <c r="CD1693" s="162"/>
      <c r="CE1693" s="162"/>
      <c r="CF1693" s="162"/>
      <c r="CG1693" s="162"/>
      <c r="CH1693" s="162"/>
      <c r="CI1693" s="162"/>
      <c r="CJ1693" s="162"/>
      <c r="CK1693" s="162"/>
      <c r="CX1693" s="98"/>
      <c r="DL1693" s="97"/>
      <c r="DX1693" s="98"/>
      <c r="EL1693" s="97"/>
      <c r="EX1693" s="98"/>
      <c r="EY1693" s="97"/>
      <c r="FL1693" s="126"/>
      <c r="FM1693" s="91"/>
      <c r="FN1693" s="91"/>
      <c r="FO1693" s="91"/>
      <c r="FP1693" s="91"/>
      <c r="FQ1693" s="91"/>
      <c r="FR1693" s="91"/>
      <c r="FS1693" s="91"/>
      <c r="FT1693" s="91"/>
      <c r="FU1693" s="91"/>
      <c r="FV1693" s="91"/>
      <c r="FW1693" s="91"/>
      <c r="FX1693" s="91"/>
      <c r="FY1693" s="91"/>
      <c r="FZ1693" s="91"/>
      <c r="GA1693" s="91"/>
      <c r="GB1693" s="91"/>
      <c r="GC1693" s="91"/>
      <c r="GD1693" s="91"/>
      <c r="GE1693" s="91"/>
      <c r="GF1693" s="91"/>
      <c r="GG1693" s="91"/>
      <c r="GH1693" s="91"/>
      <c r="GI1693" s="91"/>
      <c r="GJ1693" s="91"/>
      <c r="GK1693" s="127"/>
      <c r="GL1693" s="126"/>
      <c r="GM1693" s="91"/>
      <c r="GN1693" s="91"/>
      <c r="GO1693" s="91"/>
      <c r="GP1693" s="91"/>
      <c r="GQ1693" s="91"/>
      <c r="GR1693" s="91"/>
      <c r="GS1693" s="91"/>
      <c r="GT1693" s="91"/>
      <c r="GU1693" s="91"/>
      <c r="GV1693" s="91"/>
      <c r="GW1693" s="91"/>
      <c r="GX1693" s="91"/>
      <c r="GY1693" s="91"/>
      <c r="GZ1693" s="91"/>
      <c r="HA1693" s="91"/>
      <c r="HB1693" s="91"/>
      <c r="HC1693" s="91"/>
      <c r="HD1693" s="91"/>
      <c r="HE1693" s="91"/>
      <c r="HF1693" s="91"/>
      <c r="HG1693" s="91"/>
      <c r="HH1693" s="91"/>
      <c r="HI1693" s="91"/>
      <c r="HJ1693" s="91"/>
      <c r="HK1693" s="127"/>
      <c r="HL1693" s="126"/>
      <c r="HM1693" s="91"/>
      <c r="HN1693" s="91"/>
      <c r="HO1693" s="91"/>
      <c r="HP1693" s="91"/>
      <c r="HQ1693" s="91"/>
      <c r="HR1693" s="91"/>
      <c r="HS1693" s="91"/>
      <c r="HT1693" s="91"/>
      <c r="HU1693" s="91"/>
      <c r="HV1693" s="91"/>
      <c r="HW1693" s="91"/>
      <c r="HX1693" s="91"/>
      <c r="HY1693" s="91"/>
      <c r="HZ1693" s="91"/>
      <c r="IA1693" s="91"/>
      <c r="IB1693" s="91"/>
      <c r="IC1693" s="91"/>
      <c r="ID1693" s="91"/>
      <c r="IE1693" s="91"/>
      <c r="IF1693" s="91"/>
      <c r="IG1693" s="91"/>
      <c r="IH1693" s="91"/>
      <c r="II1693" s="91"/>
      <c r="IJ1693" s="91"/>
      <c r="IK1693" s="127"/>
    </row>
    <row r="1694" spans="2:245" x14ac:dyDescent="0.2">
      <c r="B1694" s="43"/>
      <c r="C1694" s="73"/>
      <c r="D1694" s="64"/>
      <c r="E1694" s="64"/>
      <c r="F1694" s="55"/>
      <c r="G1694" s="102"/>
      <c r="H1694" s="55"/>
      <c r="I1694" s="55"/>
      <c r="J1694" s="55"/>
      <c r="K1694" s="55"/>
      <c r="L1694" s="55"/>
      <c r="M1694" s="55"/>
      <c r="N1694" s="55"/>
      <c r="O1694" s="55"/>
      <c r="P1694" s="55"/>
      <c r="Q1694" s="55"/>
      <c r="R1694" s="55"/>
      <c r="S1694" s="55"/>
      <c r="T1694" s="55"/>
      <c r="U1694" s="55"/>
      <c r="V1694" s="55"/>
      <c r="W1694" s="55"/>
      <c r="X1694" s="55"/>
      <c r="Y1694" s="55"/>
      <c r="Z1694" s="55"/>
      <c r="AA1694" s="55"/>
      <c r="AB1694" s="55"/>
      <c r="AC1694" s="55"/>
      <c r="AD1694" s="55"/>
      <c r="AE1694" s="55"/>
      <c r="AF1694" s="55"/>
      <c r="AG1694" s="55"/>
      <c r="AY1694" s="162"/>
      <c r="AZ1694" s="162"/>
      <c r="BA1694" s="162"/>
      <c r="BB1694" s="162"/>
      <c r="BC1694" s="162"/>
      <c r="BD1694" s="162"/>
      <c r="BE1694" s="162"/>
      <c r="BF1694" s="162"/>
      <c r="BG1694" s="162"/>
      <c r="BH1694" s="162"/>
      <c r="BI1694" s="162"/>
      <c r="BJ1694" s="162"/>
      <c r="BK1694" s="162"/>
      <c r="BL1694" s="162"/>
      <c r="BM1694" s="162"/>
      <c r="BN1694" s="162"/>
      <c r="BO1694" s="162"/>
      <c r="BP1694" s="162"/>
      <c r="BQ1694" s="162"/>
      <c r="BR1694" s="162"/>
      <c r="BS1694" s="162"/>
      <c r="BT1694" s="162"/>
      <c r="BU1694" s="162"/>
      <c r="BV1694" s="162"/>
      <c r="BW1694" s="162"/>
      <c r="BX1694" s="162"/>
      <c r="BY1694" s="162"/>
      <c r="BZ1694" s="162"/>
      <c r="CA1694" s="162"/>
      <c r="CB1694" s="162"/>
      <c r="CC1694" s="162"/>
      <c r="CD1694" s="162"/>
      <c r="CE1694" s="162"/>
      <c r="CF1694" s="162"/>
      <c r="CG1694" s="162"/>
      <c r="CH1694" s="162"/>
      <c r="CI1694" s="162"/>
      <c r="CJ1694" s="162"/>
      <c r="CK1694" s="162"/>
      <c r="CX1694" s="98"/>
      <c r="DL1694" s="97"/>
      <c r="DX1694" s="98"/>
      <c r="EL1694" s="97"/>
      <c r="EX1694" s="98"/>
      <c r="EY1694" s="97"/>
      <c r="FL1694" s="126"/>
      <c r="FM1694" s="91"/>
      <c r="FN1694" s="91"/>
      <c r="FO1694" s="91"/>
      <c r="FP1694" s="91"/>
      <c r="FQ1694" s="91"/>
      <c r="FR1694" s="91"/>
      <c r="FS1694" s="91"/>
      <c r="FT1694" s="91"/>
      <c r="FU1694" s="91"/>
      <c r="FV1694" s="91"/>
      <c r="FW1694" s="91"/>
      <c r="FX1694" s="91"/>
      <c r="FY1694" s="91"/>
      <c r="FZ1694" s="91"/>
      <c r="GA1694" s="91"/>
      <c r="GB1694" s="91"/>
      <c r="GC1694" s="91"/>
      <c r="GD1694" s="91"/>
      <c r="GE1694" s="91"/>
      <c r="GF1694" s="91"/>
      <c r="GG1694" s="91"/>
      <c r="GH1694" s="91"/>
      <c r="GI1694" s="91"/>
      <c r="GJ1694" s="91"/>
      <c r="GK1694" s="127"/>
      <c r="GL1694" s="126"/>
      <c r="GM1694" s="91"/>
      <c r="GN1694" s="91"/>
      <c r="GO1694" s="91"/>
      <c r="GP1694" s="91"/>
      <c r="GQ1694" s="91"/>
      <c r="GR1694" s="91"/>
      <c r="GS1694" s="91"/>
      <c r="GT1694" s="91"/>
      <c r="GU1694" s="91"/>
      <c r="GV1694" s="91"/>
      <c r="GW1694" s="91"/>
      <c r="GX1694" s="91"/>
      <c r="GY1694" s="91"/>
      <c r="GZ1694" s="91"/>
      <c r="HA1694" s="91"/>
      <c r="HB1694" s="91"/>
      <c r="HC1694" s="91"/>
      <c r="HD1694" s="91"/>
      <c r="HE1694" s="91"/>
      <c r="HF1694" s="91"/>
      <c r="HG1694" s="91"/>
      <c r="HH1694" s="91"/>
      <c r="HI1694" s="91"/>
      <c r="HJ1694" s="91"/>
      <c r="HK1694" s="127"/>
      <c r="HL1694" s="126"/>
      <c r="HM1694" s="91"/>
      <c r="HN1694" s="91"/>
      <c r="HO1694" s="91"/>
      <c r="HP1694" s="91"/>
      <c r="HQ1694" s="91"/>
      <c r="HR1694" s="91"/>
      <c r="HS1694" s="91"/>
      <c r="HT1694" s="91"/>
      <c r="HU1694" s="91"/>
      <c r="HV1694" s="91"/>
      <c r="HW1694" s="91"/>
      <c r="HX1694" s="91"/>
      <c r="HY1694" s="91"/>
      <c r="HZ1694" s="91"/>
      <c r="IA1694" s="91"/>
      <c r="IB1694" s="91"/>
      <c r="IC1694" s="91"/>
      <c r="ID1694" s="91"/>
      <c r="IE1694" s="91"/>
      <c r="IF1694" s="91"/>
      <c r="IG1694" s="91"/>
      <c r="IH1694" s="91"/>
      <c r="II1694" s="91"/>
      <c r="IJ1694" s="91"/>
      <c r="IK1694" s="127"/>
    </row>
    <row r="1695" spans="2:245" x14ac:dyDescent="0.2">
      <c r="B1695" s="43"/>
      <c r="C1695" s="73"/>
      <c r="D1695" s="64"/>
      <c r="E1695" s="64"/>
      <c r="F1695" s="55"/>
      <c r="G1695" s="102"/>
      <c r="H1695" s="55"/>
      <c r="I1695" s="55"/>
      <c r="J1695" s="55"/>
      <c r="K1695" s="55"/>
      <c r="L1695" s="55"/>
      <c r="M1695" s="55"/>
      <c r="N1695" s="55"/>
      <c r="O1695" s="55"/>
      <c r="P1695" s="55"/>
      <c r="Q1695" s="55"/>
      <c r="R1695" s="55"/>
      <c r="S1695" s="55"/>
      <c r="T1695" s="55"/>
      <c r="U1695" s="55"/>
      <c r="V1695" s="55"/>
      <c r="W1695" s="55"/>
      <c r="X1695" s="55"/>
      <c r="Y1695" s="55"/>
      <c r="Z1695" s="55"/>
      <c r="AA1695" s="55"/>
      <c r="AB1695" s="55"/>
      <c r="AC1695" s="55"/>
      <c r="AD1695" s="55"/>
      <c r="AE1695" s="55"/>
      <c r="AF1695" s="55"/>
      <c r="AG1695" s="55"/>
      <c r="AY1695" s="162"/>
      <c r="AZ1695" s="162"/>
      <c r="BA1695" s="162"/>
      <c r="BB1695" s="162"/>
      <c r="BC1695" s="162"/>
      <c r="BD1695" s="162"/>
      <c r="BE1695" s="162"/>
      <c r="BF1695" s="162"/>
      <c r="BG1695" s="162"/>
      <c r="BH1695" s="162"/>
      <c r="BI1695" s="162"/>
      <c r="BJ1695" s="162"/>
      <c r="BK1695" s="162"/>
      <c r="BL1695" s="162"/>
      <c r="BM1695" s="162"/>
      <c r="BN1695" s="162"/>
      <c r="BO1695" s="162"/>
      <c r="BP1695" s="162"/>
      <c r="BQ1695" s="162"/>
      <c r="BR1695" s="162"/>
      <c r="BS1695" s="162"/>
      <c r="BT1695" s="162"/>
      <c r="BU1695" s="162"/>
      <c r="BV1695" s="162"/>
      <c r="BW1695" s="162"/>
      <c r="BX1695" s="162"/>
      <c r="BY1695" s="162"/>
      <c r="BZ1695" s="162"/>
      <c r="CA1695" s="162"/>
      <c r="CB1695" s="162"/>
      <c r="CC1695" s="162"/>
      <c r="CD1695" s="162"/>
      <c r="CE1695" s="162"/>
      <c r="CF1695" s="162"/>
      <c r="CG1695" s="162"/>
      <c r="CH1695" s="162"/>
      <c r="CI1695" s="162"/>
      <c r="CJ1695" s="162"/>
      <c r="CK1695" s="162"/>
      <c r="CX1695" s="98"/>
      <c r="DL1695" s="97"/>
      <c r="DX1695" s="98"/>
      <c r="EL1695" s="97"/>
      <c r="EX1695" s="98"/>
      <c r="EY1695" s="97"/>
      <c r="FL1695" s="126"/>
      <c r="FM1695" s="91"/>
      <c r="FN1695" s="91"/>
      <c r="FO1695" s="91"/>
      <c r="FP1695" s="91"/>
      <c r="FQ1695" s="91"/>
      <c r="FR1695" s="91"/>
      <c r="FS1695" s="91"/>
      <c r="FT1695" s="91"/>
      <c r="FU1695" s="91"/>
      <c r="FV1695" s="91"/>
      <c r="FW1695" s="91"/>
      <c r="FX1695" s="91"/>
      <c r="FY1695" s="91"/>
      <c r="FZ1695" s="91"/>
      <c r="GA1695" s="91"/>
      <c r="GB1695" s="91"/>
      <c r="GC1695" s="91"/>
      <c r="GD1695" s="91"/>
      <c r="GE1695" s="91"/>
      <c r="GF1695" s="91"/>
      <c r="GG1695" s="91"/>
      <c r="GH1695" s="91"/>
      <c r="GI1695" s="91"/>
      <c r="GJ1695" s="91"/>
      <c r="GK1695" s="127"/>
      <c r="GL1695" s="126"/>
      <c r="GM1695" s="91"/>
      <c r="GN1695" s="91"/>
      <c r="GO1695" s="91"/>
      <c r="GP1695" s="91"/>
      <c r="GQ1695" s="91"/>
      <c r="GR1695" s="91"/>
      <c r="GS1695" s="91"/>
      <c r="GT1695" s="91"/>
      <c r="GU1695" s="91"/>
      <c r="GV1695" s="91"/>
      <c r="GW1695" s="91"/>
      <c r="GX1695" s="91"/>
      <c r="GY1695" s="91"/>
      <c r="GZ1695" s="91"/>
      <c r="HA1695" s="91"/>
      <c r="HB1695" s="91"/>
      <c r="HC1695" s="91"/>
      <c r="HD1695" s="91"/>
      <c r="HE1695" s="91"/>
      <c r="HF1695" s="91"/>
      <c r="HG1695" s="91"/>
      <c r="HH1695" s="91"/>
      <c r="HI1695" s="91"/>
      <c r="HJ1695" s="91"/>
      <c r="HK1695" s="127"/>
      <c r="HL1695" s="126"/>
      <c r="HM1695" s="91"/>
      <c r="HN1695" s="91"/>
      <c r="HO1695" s="91"/>
      <c r="HP1695" s="91"/>
      <c r="HQ1695" s="91"/>
      <c r="HR1695" s="91"/>
      <c r="HS1695" s="91"/>
      <c r="HT1695" s="91"/>
      <c r="HU1695" s="91"/>
      <c r="HV1695" s="91"/>
      <c r="HW1695" s="91"/>
      <c r="HX1695" s="91"/>
      <c r="HY1695" s="91"/>
      <c r="HZ1695" s="91"/>
      <c r="IA1695" s="91"/>
      <c r="IB1695" s="91"/>
      <c r="IC1695" s="91"/>
      <c r="ID1695" s="91"/>
      <c r="IE1695" s="91"/>
      <c r="IF1695" s="91"/>
      <c r="IG1695" s="91"/>
      <c r="IH1695" s="91"/>
      <c r="II1695" s="91"/>
      <c r="IJ1695" s="91"/>
      <c r="IK1695" s="127"/>
    </row>
    <row r="1696" spans="2:245" x14ac:dyDescent="0.2">
      <c r="B1696" s="43"/>
      <c r="C1696" s="73"/>
      <c r="D1696" s="64"/>
      <c r="E1696" s="64"/>
      <c r="F1696" s="55"/>
      <c r="G1696" s="102"/>
      <c r="H1696" s="55"/>
      <c r="I1696" s="55"/>
      <c r="J1696" s="55"/>
      <c r="K1696" s="55"/>
      <c r="L1696" s="55"/>
      <c r="M1696" s="55"/>
      <c r="N1696" s="55"/>
      <c r="O1696" s="55"/>
      <c r="P1696" s="55"/>
      <c r="Q1696" s="55"/>
      <c r="R1696" s="55"/>
      <c r="S1696" s="55"/>
      <c r="T1696" s="55"/>
      <c r="U1696" s="55"/>
      <c r="V1696" s="55"/>
      <c r="W1696" s="55"/>
      <c r="X1696" s="55"/>
      <c r="Y1696" s="55"/>
      <c r="Z1696" s="55"/>
      <c r="AA1696" s="55"/>
      <c r="AB1696" s="55"/>
      <c r="AC1696" s="55"/>
      <c r="AD1696" s="55"/>
      <c r="AE1696" s="55"/>
      <c r="AF1696" s="55"/>
      <c r="AG1696" s="55"/>
      <c r="AY1696" s="162"/>
      <c r="AZ1696" s="162"/>
      <c r="BA1696" s="162"/>
      <c r="BB1696" s="162"/>
      <c r="BC1696" s="162"/>
      <c r="BD1696" s="162"/>
      <c r="BE1696" s="162"/>
      <c r="BF1696" s="162"/>
      <c r="BG1696" s="162"/>
      <c r="BH1696" s="162"/>
      <c r="BI1696" s="162"/>
      <c r="BJ1696" s="162"/>
      <c r="BK1696" s="162"/>
      <c r="BL1696" s="162"/>
      <c r="BM1696" s="162"/>
      <c r="BN1696" s="162"/>
      <c r="BO1696" s="162"/>
      <c r="BP1696" s="162"/>
      <c r="BQ1696" s="162"/>
      <c r="BR1696" s="162"/>
      <c r="BS1696" s="162"/>
      <c r="BT1696" s="162"/>
      <c r="BU1696" s="162"/>
      <c r="BV1696" s="162"/>
      <c r="BW1696" s="162"/>
      <c r="BX1696" s="162"/>
      <c r="BY1696" s="162"/>
      <c r="BZ1696" s="162"/>
      <c r="CA1696" s="162"/>
      <c r="CB1696" s="162"/>
      <c r="CC1696" s="162"/>
      <c r="CD1696" s="162"/>
      <c r="CE1696" s="162"/>
      <c r="CF1696" s="162"/>
      <c r="CG1696" s="162"/>
      <c r="CH1696" s="162"/>
      <c r="CI1696" s="162"/>
      <c r="CJ1696" s="162"/>
      <c r="CK1696" s="162"/>
      <c r="CX1696" s="98"/>
      <c r="DL1696" s="97"/>
      <c r="DX1696" s="98"/>
      <c r="EL1696" s="97"/>
      <c r="EX1696" s="98"/>
      <c r="EY1696" s="97"/>
      <c r="FL1696" s="126"/>
      <c r="FM1696" s="91"/>
      <c r="FN1696" s="91"/>
      <c r="FO1696" s="91"/>
      <c r="FP1696" s="91"/>
      <c r="FQ1696" s="91"/>
      <c r="FR1696" s="91"/>
      <c r="FS1696" s="91"/>
      <c r="FT1696" s="91"/>
      <c r="FU1696" s="91"/>
      <c r="FV1696" s="91"/>
      <c r="FW1696" s="91"/>
      <c r="FX1696" s="91"/>
      <c r="FY1696" s="91"/>
      <c r="FZ1696" s="91"/>
      <c r="GA1696" s="91"/>
      <c r="GB1696" s="91"/>
      <c r="GC1696" s="91"/>
      <c r="GD1696" s="91"/>
      <c r="GE1696" s="91"/>
      <c r="GF1696" s="91"/>
      <c r="GG1696" s="91"/>
      <c r="GH1696" s="91"/>
      <c r="GI1696" s="91"/>
      <c r="GJ1696" s="91"/>
      <c r="GK1696" s="127"/>
      <c r="GL1696" s="126"/>
      <c r="GM1696" s="91"/>
      <c r="GN1696" s="91"/>
      <c r="GO1696" s="91"/>
      <c r="GP1696" s="91"/>
      <c r="GQ1696" s="91"/>
      <c r="GR1696" s="91"/>
      <c r="GS1696" s="91"/>
      <c r="GT1696" s="91"/>
      <c r="GU1696" s="91"/>
      <c r="GV1696" s="91"/>
      <c r="GW1696" s="91"/>
      <c r="GX1696" s="91"/>
      <c r="GY1696" s="91"/>
      <c r="GZ1696" s="91"/>
      <c r="HA1696" s="91"/>
      <c r="HB1696" s="91"/>
      <c r="HC1696" s="91"/>
      <c r="HD1696" s="91"/>
      <c r="HE1696" s="91"/>
      <c r="HF1696" s="91"/>
      <c r="HG1696" s="91"/>
      <c r="HH1696" s="91"/>
      <c r="HI1696" s="91"/>
      <c r="HJ1696" s="91"/>
      <c r="HK1696" s="127"/>
      <c r="HL1696" s="126"/>
      <c r="HM1696" s="91"/>
      <c r="HN1696" s="91"/>
      <c r="HO1696" s="91"/>
      <c r="HP1696" s="91"/>
      <c r="HQ1696" s="91"/>
      <c r="HR1696" s="91"/>
      <c r="HS1696" s="91"/>
      <c r="HT1696" s="91"/>
      <c r="HU1696" s="91"/>
      <c r="HV1696" s="91"/>
      <c r="HW1696" s="91"/>
      <c r="HX1696" s="91"/>
      <c r="HY1696" s="91"/>
      <c r="HZ1696" s="91"/>
      <c r="IA1696" s="91"/>
      <c r="IB1696" s="91"/>
      <c r="IC1696" s="91"/>
      <c r="ID1696" s="91"/>
      <c r="IE1696" s="91"/>
      <c r="IF1696" s="91"/>
      <c r="IG1696" s="91"/>
      <c r="IH1696" s="91"/>
      <c r="II1696" s="91"/>
      <c r="IJ1696" s="91"/>
      <c r="IK1696" s="127"/>
    </row>
    <row r="1697" spans="2:245" x14ac:dyDescent="0.2">
      <c r="B1697" s="43"/>
      <c r="C1697" s="73"/>
      <c r="D1697" s="64"/>
      <c r="E1697" s="64"/>
      <c r="F1697" s="55"/>
      <c r="G1697" s="102"/>
      <c r="H1697" s="55"/>
      <c r="I1697" s="55"/>
      <c r="J1697" s="55"/>
      <c r="K1697" s="55"/>
      <c r="L1697" s="55"/>
      <c r="M1697" s="55"/>
      <c r="N1697" s="55"/>
      <c r="O1697" s="55"/>
      <c r="P1697" s="55"/>
      <c r="Q1697" s="55"/>
      <c r="R1697" s="55"/>
      <c r="S1697" s="55"/>
      <c r="T1697" s="55"/>
      <c r="U1697" s="55"/>
      <c r="V1697" s="55"/>
      <c r="W1697" s="55"/>
      <c r="X1697" s="55"/>
      <c r="Y1697" s="55"/>
      <c r="Z1697" s="55"/>
      <c r="AA1697" s="55"/>
      <c r="AB1697" s="55"/>
      <c r="AC1697" s="55"/>
      <c r="AD1697" s="55"/>
      <c r="AE1697" s="55"/>
      <c r="AF1697" s="55"/>
      <c r="AG1697" s="55"/>
      <c r="AY1697" s="162"/>
      <c r="AZ1697" s="162"/>
      <c r="BA1697" s="162"/>
      <c r="BB1697" s="162"/>
      <c r="BC1697" s="162"/>
      <c r="BD1697" s="162"/>
      <c r="BE1697" s="162"/>
      <c r="BF1697" s="162"/>
      <c r="BG1697" s="162"/>
      <c r="BH1697" s="162"/>
      <c r="BI1697" s="162"/>
      <c r="BJ1697" s="162"/>
      <c r="BK1697" s="162"/>
      <c r="BL1697" s="162"/>
      <c r="BM1697" s="162"/>
      <c r="BN1697" s="162"/>
      <c r="BO1697" s="162"/>
      <c r="BP1697" s="162"/>
      <c r="BQ1697" s="162"/>
      <c r="BR1697" s="162"/>
      <c r="BS1697" s="162"/>
      <c r="BT1697" s="162"/>
      <c r="BU1697" s="162"/>
      <c r="BV1697" s="162"/>
      <c r="BW1697" s="162"/>
      <c r="BX1697" s="162"/>
      <c r="BY1697" s="162"/>
      <c r="BZ1697" s="162"/>
      <c r="CA1697" s="162"/>
      <c r="CB1697" s="162"/>
      <c r="CC1697" s="162"/>
      <c r="CD1697" s="162"/>
      <c r="CE1697" s="162"/>
      <c r="CF1697" s="162"/>
      <c r="CG1697" s="162"/>
      <c r="CH1697" s="162"/>
      <c r="CI1697" s="162"/>
      <c r="CJ1697" s="162"/>
      <c r="CK1697" s="162"/>
      <c r="CX1697" s="98"/>
      <c r="DL1697" s="97"/>
      <c r="DX1697" s="98"/>
      <c r="EL1697" s="97"/>
      <c r="EX1697" s="98"/>
      <c r="EY1697" s="97"/>
      <c r="FL1697" s="126"/>
      <c r="FM1697" s="91"/>
      <c r="FN1697" s="91"/>
      <c r="FO1697" s="91"/>
      <c r="FP1697" s="91"/>
      <c r="FQ1697" s="91"/>
      <c r="FR1697" s="91"/>
      <c r="FS1697" s="91"/>
      <c r="FT1697" s="91"/>
      <c r="FU1697" s="91"/>
      <c r="FV1697" s="91"/>
      <c r="FW1697" s="91"/>
      <c r="FX1697" s="91"/>
      <c r="FY1697" s="91"/>
      <c r="FZ1697" s="91"/>
      <c r="GA1697" s="91"/>
      <c r="GB1697" s="91"/>
      <c r="GC1697" s="91"/>
      <c r="GD1697" s="91"/>
      <c r="GE1697" s="91"/>
      <c r="GF1697" s="91"/>
      <c r="GG1697" s="91"/>
      <c r="GH1697" s="91"/>
      <c r="GI1697" s="91"/>
      <c r="GJ1697" s="91"/>
      <c r="GK1697" s="127"/>
      <c r="GL1697" s="126"/>
      <c r="GM1697" s="91"/>
      <c r="GN1697" s="91"/>
      <c r="GO1697" s="91"/>
      <c r="GP1697" s="91"/>
      <c r="GQ1697" s="91"/>
      <c r="GR1697" s="91"/>
      <c r="GS1697" s="91"/>
      <c r="GT1697" s="91"/>
      <c r="GU1697" s="91"/>
      <c r="GV1697" s="91"/>
      <c r="GW1697" s="91"/>
      <c r="GX1697" s="91"/>
      <c r="GY1697" s="91"/>
      <c r="GZ1697" s="91"/>
      <c r="HA1697" s="91"/>
      <c r="HB1697" s="91"/>
      <c r="HC1697" s="91"/>
      <c r="HD1697" s="91"/>
      <c r="HE1697" s="91"/>
      <c r="HF1697" s="91"/>
      <c r="HG1697" s="91"/>
      <c r="HH1697" s="91"/>
      <c r="HI1697" s="91"/>
      <c r="HJ1697" s="91"/>
      <c r="HK1697" s="127"/>
      <c r="HL1697" s="126"/>
      <c r="HM1697" s="91"/>
      <c r="HN1697" s="91"/>
      <c r="HO1697" s="91"/>
      <c r="HP1697" s="91"/>
      <c r="HQ1697" s="91"/>
      <c r="HR1697" s="91"/>
      <c r="HS1697" s="91"/>
      <c r="HT1697" s="91"/>
      <c r="HU1697" s="91"/>
      <c r="HV1697" s="91"/>
      <c r="HW1697" s="91"/>
      <c r="HX1697" s="91"/>
      <c r="HY1697" s="91"/>
      <c r="HZ1697" s="91"/>
      <c r="IA1697" s="91"/>
      <c r="IB1697" s="91"/>
      <c r="IC1697" s="91"/>
      <c r="ID1697" s="91"/>
      <c r="IE1697" s="91"/>
      <c r="IF1697" s="91"/>
      <c r="IG1697" s="91"/>
      <c r="IH1697" s="91"/>
      <c r="II1697" s="91"/>
      <c r="IJ1697" s="91"/>
      <c r="IK1697" s="127"/>
    </row>
    <row r="1698" spans="2:245" x14ac:dyDescent="0.2">
      <c r="B1698" s="43"/>
      <c r="C1698" s="73"/>
      <c r="D1698" s="64"/>
      <c r="E1698" s="64"/>
      <c r="F1698" s="55"/>
      <c r="G1698" s="102"/>
      <c r="H1698" s="55"/>
      <c r="I1698" s="55"/>
      <c r="J1698" s="55"/>
      <c r="K1698" s="55"/>
      <c r="L1698" s="55"/>
      <c r="M1698" s="55"/>
      <c r="N1698" s="55"/>
      <c r="O1698" s="55"/>
      <c r="P1698" s="55"/>
      <c r="Q1698" s="55"/>
      <c r="R1698" s="55"/>
      <c r="S1698" s="55"/>
      <c r="T1698" s="55"/>
      <c r="U1698" s="55"/>
      <c r="V1698" s="55"/>
      <c r="W1698" s="55"/>
      <c r="X1698" s="55"/>
      <c r="Y1698" s="55"/>
      <c r="Z1698" s="55"/>
      <c r="AA1698" s="55"/>
      <c r="AB1698" s="55"/>
      <c r="AC1698" s="55"/>
      <c r="AD1698" s="55"/>
      <c r="AE1698" s="55"/>
      <c r="AF1698" s="55"/>
      <c r="AG1698" s="55"/>
      <c r="AY1698" s="162"/>
      <c r="AZ1698" s="162"/>
      <c r="BA1698" s="162"/>
      <c r="BB1698" s="162"/>
      <c r="BC1698" s="162"/>
      <c r="BD1698" s="162"/>
      <c r="BE1698" s="162"/>
      <c r="BF1698" s="162"/>
      <c r="BG1698" s="162"/>
      <c r="BH1698" s="162"/>
      <c r="BI1698" s="162"/>
      <c r="BJ1698" s="162"/>
      <c r="BK1698" s="162"/>
      <c r="BL1698" s="162"/>
      <c r="BM1698" s="162"/>
      <c r="BN1698" s="162"/>
      <c r="BO1698" s="162"/>
      <c r="BP1698" s="162"/>
      <c r="BQ1698" s="162"/>
      <c r="BR1698" s="162"/>
      <c r="BS1698" s="162"/>
      <c r="BT1698" s="162"/>
      <c r="BU1698" s="162"/>
      <c r="BV1698" s="162"/>
      <c r="BW1698" s="162"/>
      <c r="BX1698" s="162"/>
      <c r="BY1698" s="162"/>
      <c r="BZ1698" s="162"/>
      <c r="CA1698" s="162"/>
      <c r="CB1698" s="162"/>
      <c r="CC1698" s="162"/>
      <c r="CD1698" s="162"/>
      <c r="CE1698" s="162"/>
      <c r="CF1698" s="162"/>
      <c r="CG1698" s="162"/>
      <c r="CH1698" s="162"/>
      <c r="CI1698" s="162"/>
      <c r="CJ1698" s="162"/>
      <c r="CK1698" s="162"/>
      <c r="CX1698" s="98"/>
      <c r="DL1698" s="97"/>
      <c r="DX1698" s="98"/>
      <c r="EL1698" s="97"/>
      <c r="EX1698" s="98"/>
      <c r="EY1698" s="97"/>
      <c r="FL1698" s="126"/>
      <c r="FM1698" s="91"/>
      <c r="FN1698" s="91"/>
      <c r="FO1698" s="91"/>
      <c r="FP1698" s="91"/>
      <c r="FQ1698" s="91"/>
      <c r="FR1698" s="91"/>
      <c r="FS1698" s="91"/>
      <c r="FT1698" s="91"/>
      <c r="FU1698" s="91"/>
      <c r="FV1698" s="91"/>
      <c r="FW1698" s="91"/>
      <c r="FX1698" s="91"/>
      <c r="FY1698" s="91"/>
      <c r="FZ1698" s="91"/>
      <c r="GA1698" s="91"/>
      <c r="GB1698" s="91"/>
      <c r="GC1698" s="91"/>
      <c r="GD1698" s="91"/>
      <c r="GE1698" s="91"/>
      <c r="GF1698" s="91"/>
      <c r="GG1698" s="91"/>
      <c r="GH1698" s="91"/>
      <c r="GI1698" s="91"/>
      <c r="GJ1698" s="91"/>
      <c r="GK1698" s="127"/>
      <c r="GL1698" s="126"/>
      <c r="GM1698" s="91"/>
      <c r="GN1698" s="91"/>
      <c r="GO1698" s="91"/>
      <c r="GP1698" s="91"/>
      <c r="GQ1698" s="91"/>
      <c r="GR1698" s="91"/>
      <c r="GS1698" s="91"/>
      <c r="GT1698" s="91"/>
      <c r="GU1698" s="91"/>
      <c r="GV1698" s="91"/>
      <c r="GW1698" s="91"/>
      <c r="GX1698" s="91"/>
      <c r="GY1698" s="91"/>
      <c r="GZ1698" s="91"/>
      <c r="HA1698" s="91"/>
      <c r="HB1698" s="91"/>
      <c r="HC1698" s="91"/>
      <c r="HD1698" s="91"/>
      <c r="HE1698" s="91"/>
      <c r="HF1698" s="91"/>
      <c r="HG1698" s="91"/>
      <c r="HH1698" s="91"/>
      <c r="HI1698" s="91"/>
      <c r="HJ1698" s="91"/>
      <c r="HK1698" s="127"/>
      <c r="HL1698" s="126"/>
      <c r="HM1698" s="91"/>
      <c r="HN1698" s="91"/>
      <c r="HO1698" s="91"/>
      <c r="HP1698" s="91"/>
      <c r="HQ1698" s="91"/>
      <c r="HR1698" s="91"/>
      <c r="HS1698" s="91"/>
      <c r="HT1698" s="91"/>
      <c r="HU1698" s="91"/>
      <c r="HV1698" s="91"/>
      <c r="HW1698" s="91"/>
      <c r="HX1698" s="91"/>
      <c r="HY1698" s="91"/>
      <c r="HZ1698" s="91"/>
      <c r="IA1698" s="91"/>
      <c r="IB1698" s="91"/>
      <c r="IC1698" s="91"/>
      <c r="ID1698" s="91"/>
      <c r="IE1698" s="91"/>
      <c r="IF1698" s="91"/>
      <c r="IG1698" s="91"/>
      <c r="IH1698" s="91"/>
      <c r="II1698" s="91"/>
      <c r="IJ1698" s="91"/>
      <c r="IK1698" s="127"/>
    </row>
    <row r="1699" spans="2:245" x14ac:dyDescent="0.2">
      <c r="B1699" s="43"/>
      <c r="C1699" s="73"/>
      <c r="D1699" s="64"/>
      <c r="E1699" s="64"/>
      <c r="F1699" s="55"/>
      <c r="G1699" s="102"/>
      <c r="H1699" s="55"/>
      <c r="I1699" s="55"/>
      <c r="J1699" s="55"/>
      <c r="K1699" s="55"/>
      <c r="L1699" s="55"/>
      <c r="M1699" s="55"/>
      <c r="N1699" s="55"/>
      <c r="O1699" s="55"/>
      <c r="P1699" s="55"/>
      <c r="Q1699" s="55"/>
      <c r="R1699" s="55"/>
      <c r="S1699" s="55"/>
      <c r="T1699" s="55"/>
      <c r="U1699" s="55"/>
      <c r="V1699" s="55"/>
      <c r="W1699" s="55"/>
      <c r="X1699" s="55"/>
      <c r="Y1699" s="55"/>
      <c r="Z1699" s="55"/>
      <c r="AA1699" s="55"/>
      <c r="AB1699" s="55"/>
      <c r="AC1699" s="55"/>
      <c r="AD1699" s="55"/>
      <c r="AE1699" s="55"/>
      <c r="AF1699" s="55"/>
      <c r="AG1699" s="55"/>
      <c r="AY1699" s="162"/>
      <c r="AZ1699" s="162"/>
      <c r="BA1699" s="162"/>
      <c r="BB1699" s="162"/>
      <c r="BC1699" s="162"/>
      <c r="BD1699" s="162"/>
      <c r="BE1699" s="162"/>
      <c r="BF1699" s="162"/>
      <c r="BG1699" s="162"/>
      <c r="BH1699" s="162"/>
      <c r="BI1699" s="162"/>
      <c r="BJ1699" s="162"/>
      <c r="BK1699" s="162"/>
      <c r="BL1699" s="162"/>
      <c r="BM1699" s="162"/>
      <c r="BN1699" s="162"/>
      <c r="BO1699" s="162"/>
      <c r="BP1699" s="162"/>
      <c r="BQ1699" s="162"/>
      <c r="BR1699" s="162"/>
      <c r="BS1699" s="162"/>
      <c r="BT1699" s="162"/>
      <c r="BU1699" s="162"/>
      <c r="BV1699" s="162"/>
      <c r="BW1699" s="162"/>
      <c r="BX1699" s="162"/>
      <c r="BY1699" s="162"/>
      <c r="BZ1699" s="162"/>
      <c r="CA1699" s="162"/>
      <c r="CB1699" s="162"/>
      <c r="CC1699" s="162"/>
      <c r="CD1699" s="162"/>
      <c r="CE1699" s="162"/>
      <c r="CF1699" s="162"/>
      <c r="CG1699" s="162"/>
      <c r="CH1699" s="162"/>
      <c r="CI1699" s="162"/>
      <c r="CJ1699" s="162"/>
      <c r="CK1699" s="162"/>
      <c r="CX1699" s="98"/>
      <c r="DL1699" s="97"/>
      <c r="DX1699" s="98"/>
      <c r="EL1699" s="97"/>
      <c r="EX1699" s="98"/>
      <c r="EY1699" s="97"/>
      <c r="FL1699" s="126"/>
      <c r="FM1699" s="91"/>
      <c r="FN1699" s="91"/>
      <c r="FO1699" s="91"/>
      <c r="FP1699" s="91"/>
      <c r="FQ1699" s="91"/>
      <c r="FR1699" s="91"/>
      <c r="FS1699" s="91"/>
      <c r="FT1699" s="91"/>
      <c r="FU1699" s="91"/>
      <c r="FV1699" s="91"/>
      <c r="FW1699" s="91"/>
      <c r="FX1699" s="91"/>
      <c r="FY1699" s="91"/>
      <c r="FZ1699" s="91"/>
      <c r="GA1699" s="91"/>
      <c r="GB1699" s="91"/>
      <c r="GC1699" s="91"/>
      <c r="GD1699" s="91"/>
      <c r="GE1699" s="91"/>
      <c r="GF1699" s="91"/>
      <c r="GG1699" s="91"/>
      <c r="GH1699" s="91"/>
      <c r="GI1699" s="91"/>
      <c r="GJ1699" s="91"/>
      <c r="GK1699" s="127"/>
      <c r="GL1699" s="126"/>
      <c r="GM1699" s="91"/>
      <c r="GN1699" s="91"/>
      <c r="GO1699" s="91"/>
      <c r="GP1699" s="91"/>
      <c r="GQ1699" s="91"/>
      <c r="GR1699" s="91"/>
      <c r="GS1699" s="91"/>
      <c r="GT1699" s="91"/>
      <c r="GU1699" s="91"/>
      <c r="GV1699" s="91"/>
      <c r="GW1699" s="91"/>
      <c r="GX1699" s="91"/>
      <c r="GY1699" s="91"/>
      <c r="GZ1699" s="91"/>
      <c r="HA1699" s="91"/>
      <c r="HB1699" s="91"/>
      <c r="HC1699" s="91"/>
      <c r="HD1699" s="91"/>
      <c r="HE1699" s="91"/>
      <c r="HF1699" s="91"/>
      <c r="HG1699" s="91"/>
      <c r="HH1699" s="91"/>
      <c r="HI1699" s="91"/>
      <c r="HJ1699" s="91"/>
      <c r="HK1699" s="127"/>
      <c r="HL1699" s="126"/>
      <c r="HM1699" s="91"/>
      <c r="HN1699" s="91"/>
      <c r="HO1699" s="91"/>
      <c r="HP1699" s="91"/>
      <c r="HQ1699" s="91"/>
      <c r="HR1699" s="91"/>
      <c r="HS1699" s="91"/>
      <c r="HT1699" s="91"/>
      <c r="HU1699" s="91"/>
      <c r="HV1699" s="91"/>
      <c r="HW1699" s="91"/>
      <c r="HX1699" s="91"/>
      <c r="HY1699" s="91"/>
      <c r="HZ1699" s="91"/>
      <c r="IA1699" s="91"/>
      <c r="IB1699" s="91"/>
      <c r="IC1699" s="91"/>
      <c r="ID1699" s="91"/>
      <c r="IE1699" s="91"/>
      <c r="IF1699" s="91"/>
      <c r="IG1699" s="91"/>
      <c r="IH1699" s="91"/>
      <c r="II1699" s="91"/>
      <c r="IJ1699" s="91"/>
      <c r="IK1699" s="127"/>
    </row>
    <row r="1700" spans="2:245" x14ac:dyDescent="0.2">
      <c r="B1700" s="43"/>
      <c r="C1700" s="73"/>
      <c r="D1700" s="64"/>
      <c r="E1700" s="64"/>
      <c r="F1700" s="55"/>
      <c r="G1700" s="102"/>
      <c r="H1700" s="55"/>
      <c r="I1700" s="55"/>
      <c r="J1700" s="55"/>
      <c r="K1700" s="55"/>
      <c r="L1700" s="55"/>
      <c r="M1700" s="55"/>
      <c r="N1700" s="55"/>
      <c r="O1700" s="55"/>
      <c r="P1700" s="55"/>
      <c r="Q1700" s="55"/>
      <c r="R1700" s="55"/>
      <c r="S1700" s="55"/>
      <c r="T1700" s="55"/>
      <c r="U1700" s="55"/>
      <c r="V1700" s="55"/>
      <c r="W1700" s="55"/>
      <c r="X1700" s="55"/>
      <c r="Y1700" s="55"/>
      <c r="Z1700" s="55"/>
      <c r="AA1700" s="55"/>
      <c r="AB1700" s="55"/>
      <c r="AC1700" s="55"/>
      <c r="AD1700" s="55"/>
      <c r="AE1700" s="55"/>
      <c r="AF1700" s="55"/>
      <c r="AG1700" s="55"/>
      <c r="AY1700" s="162"/>
      <c r="AZ1700" s="162"/>
      <c r="BA1700" s="162"/>
      <c r="BB1700" s="162"/>
      <c r="BC1700" s="162"/>
      <c r="BD1700" s="162"/>
      <c r="BE1700" s="162"/>
      <c r="BF1700" s="162"/>
      <c r="BG1700" s="162"/>
      <c r="BH1700" s="162"/>
      <c r="BI1700" s="162"/>
      <c r="BJ1700" s="162"/>
      <c r="BK1700" s="162"/>
      <c r="BL1700" s="162"/>
      <c r="BM1700" s="162"/>
      <c r="BN1700" s="162"/>
      <c r="BO1700" s="162"/>
      <c r="BP1700" s="162"/>
      <c r="BQ1700" s="162"/>
      <c r="BR1700" s="162"/>
      <c r="BS1700" s="162"/>
      <c r="BT1700" s="162"/>
      <c r="BU1700" s="162"/>
      <c r="BV1700" s="162"/>
      <c r="BW1700" s="162"/>
      <c r="BX1700" s="162"/>
      <c r="BY1700" s="162"/>
      <c r="BZ1700" s="162"/>
      <c r="CA1700" s="162"/>
      <c r="CB1700" s="162"/>
      <c r="CC1700" s="162"/>
      <c r="CD1700" s="162"/>
      <c r="CE1700" s="162"/>
      <c r="CF1700" s="162"/>
      <c r="CG1700" s="162"/>
      <c r="CH1700" s="162"/>
      <c r="CI1700" s="162"/>
      <c r="CJ1700" s="162"/>
      <c r="CK1700" s="162"/>
      <c r="CX1700" s="98"/>
      <c r="DL1700" s="97"/>
      <c r="DX1700" s="98"/>
      <c r="EL1700" s="97"/>
      <c r="EX1700" s="98"/>
      <c r="EY1700" s="97"/>
      <c r="FL1700" s="126"/>
      <c r="FM1700" s="91"/>
      <c r="FN1700" s="91"/>
      <c r="FO1700" s="91"/>
      <c r="FP1700" s="91"/>
      <c r="FQ1700" s="91"/>
      <c r="FR1700" s="91"/>
      <c r="FS1700" s="91"/>
      <c r="FT1700" s="91"/>
      <c r="FU1700" s="91"/>
      <c r="FV1700" s="91"/>
      <c r="FW1700" s="91"/>
      <c r="FX1700" s="91"/>
      <c r="FY1700" s="91"/>
      <c r="FZ1700" s="91"/>
      <c r="GA1700" s="91"/>
      <c r="GB1700" s="91"/>
      <c r="GC1700" s="91"/>
      <c r="GD1700" s="91"/>
      <c r="GE1700" s="91"/>
      <c r="GF1700" s="91"/>
      <c r="GG1700" s="91"/>
      <c r="GH1700" s="91"/>
      <c r="GI1700" s="91"/>
      <c r="GJ1700" s="91"/>
      <c r="GK1700" s="127"/>
      <c r="GL1700" s="126"/>
      <c r="GM1700" s="91"/>
      <c r="GN1700" s="91"/>
      <c r="GO1700" s="91"/>
      <c r="GP1700" s="91"/>
      <c r="GQ1700" s="91"/>
      <c r="GR1700" s="91"/>
      <c r="GS1700" s="91"/>
      <c r="GT1700" s="91"/>
      <c r="GU1700" s="91"/>
      <c r="GV1700" s="91"/>
      <c r="GW1700" s="91"/>
      <c r="GX1700" s="91"/>
      <c r="GY1700" s="91"/>
      <c r="GZ1700" s="91"/>
      <c r="HA1700" s="91"/>
      <c r="HB1700" s="91"/>
      <c r="HC1700" s="91"/>
      <c r="HD1700" s="91"/>
      <c r="HE1700" s="91"/>
      <c r="HF1700" s="91"/>
      <c r="HG1700" s="91"/>
      <c r="HH1700" s="91"/>
      <c r="HI1700" s="91"/>
      <c r="HJ1700" s="91"/>
      <c r="HK1700" s="127"/>
      <c r="HL1700" s="126"/>
      <c r="HM1700" s="91"/>
      <c r="HN1700" s="91"/>
      <c r="HO1700" s="91"/>
      <c r="HP1700" s="91"/>
      <c r="HQ1700" s="91"/>
      <c r="HR1700" s="91"/>
      <c r="HS1700" s="91"/>
      <c r="HT1700" s="91"/>
      <c r="HU1700" s="91"/>
      <c r="HV1700" s="91"/>
      <c r="HW1700" s="91"/>
      <c r="HX1700" s="91"/>
      <c r="HY1700" s="91"/>
      <c r="HZ1700" s="91"/>
      <c r="IA1700" s="91"/>
      <c r="IB1700" s="91"/>
      <c r="IC1700" s="91"/>
      <c r="ID1700" s="91"/>
      <c r="IE1700" s="91"/>
      <c r="IF1700" s="91"/>
      <c r="IG1700" s="91"/>
      <c r="IH1700" s="91"/>
      <c r="II1700" s="91"/>
      <c r="IJ1700" s="91"/>
      <c r="IK1700" s="127"/>
    </row>
    <row r="1701" spans="2:245" x14ac:dyDescent="0.2">
      <c r="B1701" s="43"/>
      <c r="C1701" s="73"/>
      <c r="D1701" s="64"/>
      <c r="E1701" s="64"/>
      <c r="F1701" s="55"/>
      <c r="G1701" s="102"/>
      <c r="H1701" s="55"/>
      <c r="I1701" s="55"/>
      <c r="J1701" s="55"/>
      <c r="K1701" s="55"/>
      <c r="L1701" s="55"/>
      <c r="M1701" s="55"/>
      <c r="N1701" s="55"/>
      <c r="O1701" s="55"/>
      <c r="P1701" s="55"/>
      <c r="Q1701" s="55"/>
      <c r="R1701" s="55"/>
      <c r="S1701" s="55"/>
      <c r="T1701" s="55"/>
      <c r="U1701" s="55"/>
      <c r="V1701" s="55"/>
      <c r="W1701" s="55"/>
      <c r="X1701" s="55"/>
      <c r="Y1701" s="55"/>
      <c r="Z1701" s="55"/>
      <c r="AA1701" s="55"/>
      <c r="AB1701" s="55"/>
      <c r="AC1701" s="55"/>
      <c r="AD1701" s="55"/>
      <c r="AE1701" s="55"/>
      <c r="AF1701" s="55"/>
      <c r="AG1701" s="55"/>
      <c r="AY1701" s="162"/>
      <c r="AZ1701" s="162"/>
      <c r="BA1701" s="162"/>
      <c r="BB1701" s="162"/>
      <c r="BC1701" s="162"/>
      <c r="BD1701" s="162"/>
      <c r="BE1701" s="162"/>
      <c r="BF1701" s="162"/>
      <c r="BG1701" s="162"/>
      <c r="BH1701" s="162"/>
      <c r="BI1701" s="162"/>
      <c r="BJ1701" s="162"/>
      <c r="BK1701" s="162"/>
      <c r="BL1701" s="162"/>
      <c r="BM1701" s="162"/>
      <c r="BN1701" s="162"/>
      <c r="BO1701" s="162"/>
      <c r="BP1701" s="162"/>
      <c r="BQ1701" s="162"/>
      <c r="BR1701" s="162"/>
      <c r="BS1701" s="162"/>
      <c r="BT1701" s="162"/>
      <c r="BU1701" s="162"/>
      <c r="BV1701" s="162"/>
      <c r="BW1701" s="162"/>
      <c r="BX1701" s="162"/>
      <c r="BY1701" s="162"/>
      <c r="BZ1701" s="162"/>
      <c r="CA1701" s="162"/>
      <c r="CB1701" s="162"/>
      <c r="CC1701" s="162"/>
      <c r="CD1701" s="162"/>
      <c r="CE1701" s="162"/>
      <c r="CF1701" s="162"/>
      <c r="CG1701" s="162"/>
      <c r="CH1701" s="162"/>
      <c r="CI1701" s="162"/>
      <c r="CJ1701" s="162"/>
      <c r="CK1701" s="162"/>
      <c r="CX1701" s="98"/>
      <c r="DL1701" s="97"/>
      <c r="DX1701" s="98"/>
      <c r="EL1701" s="97"/>
      <c r="EX1701" s="98"/>
      <c r="EY1701" s="97"/>
      <c r="FL1701" s="126"/>
      <c r="FM1701" s="91"/>
      <c r="FN1701" s="91"/>
      <c r="FO1701" s="91"/>
      <c r="FP1701" s="91"/>
      <c r="FQ1701" s="91"/>
      <c r="FR1701" s="91"/>
      <c r="FS1701" s="91"/>
      <c r="FT1701" s="91"/>
      <c r="FU1701" s="91"/>
      <c r="FV1701" s="91"/>
      <c r="FW1701" s="91"/>
      <c r="FX1701" s="91"/>
      <c r="FY1701" s="91"/>
      <c r="FZ1701" s="91"/>
      <c r="GA1701" s="91"/>
      <c r="GB1701" s="91"/>
      <c r="GC1701" s="91"/>
      <c r="GD1701" s="91"/>
      <c r="GE1701" s="91"/>
      <c r="GF1701" s="91"/>
      <c r="GG1701" s="91"/>
      <c r="GH1701" s="91"/>
      <c r="GI1701" s="91"/>
      <c r="GJ1701" s="91"/>
      <c r="GK1701" s="127"/>
      <c r="GL1701" s="126"/>
      <c r="GM1701" s="91"/>
      <c r="GN1701" s="91"/>
      <c r="GO1701" s="91"/>
      <c r="GP1701" s="91"/>
      <c r="GQ1701" s="91"/>
      <c r="GR1701" s="91"/>
      <c r="GS1701" s="91"/>
      <c r="GT1701" s="91"/>
      <c r="GU1701" s="91"/>
      <c r="GV1701" s="91"/>
      <c r="GW1701" s="91"/>
      <c r="GX1701" s="91"/>
      <c r="GY1701" s="91"/>
      <c r="GZ1701" s="91"/>
      <c r="HA1701" s="91"/>
      <c r="HB1701" s="91"/>
      <c r="HC1701" s="91"/>
      <c r="HD1701" s="91"/>
      <c r="HE1701" s="91"/>
      <c r="HF1701" s="91"/>
      <c r="HG1701" s="91"/>
      <c r="HH1701" s="91"/>
      <c r="HI1701" s="91"/>
      <c r="HJ1701" s="91"/>
      <c r="HK1701" s="127"/>
      <c r="HL1701" s="126"/>
      <c r="HM1701" s="91"/>
      <c r="HN1701" s="91"/>
      <c r="HO1701" s="91"/>
      <c r="HP1701" s="91"/>
      <c r="HQ1701" s="91"/>
      <c r="HR1701" s="91"/>
      <c r="HS1701" s="91"/>
      <c r="HT1701" s="91"/>
      <c r="HU1701" s="91"/>
      <c r="HV1701" s="91"/>
      <c r="HW1701" s="91"/>
      <c r="HX1701" s="91"/>
      <c r="HY1701" s="91"/>
      <c r="HZ1701" s="91"/>
      <c r="IA1701" s="91"/>
      <c r="IB1701" s="91"/>
      <c r="IC1701" s="91"/>
      <c r="ID1701" s="91"/>
      <c r="IE1701" s="91"/>
      <c r="IF1701" s="91"/>
      <c r="IG1701" s="91"/>
      <c r="IH1701" s="91"/>
      <c r="II1701" s="91"/>
      <c r="IJ1701" s="91"/>
      <c r="IK1701" s="127"/>
    </row>
    <row r="1702" spans="2:245" x14ac:dyDescent="0.2">
      <c r="B1702" s="43"/>
      <c r="C1702" s="73"/>
      <c r="D1702" s="64"/>
      <c r="E1702" s="64"/>
      <c r="F1702" s="55"/>
      <c r="G1702" s="102"/>
      <c r="H1702" s="55"/>
      <c r="I1702" s="55"/>
      <c r="J1702" s="55"/>
      <c r="K1702" s="55"/>
      <c r="L1702" s="55"/>
      <c r="M1702" s="55"/>
      <c r="N1702" s="55"/>
      <c r="O1702" s="55"/>
      <c r="P1702" s="55"/>
      <c r="Q1702" s="55"/>
      <c r="R1702" s="55"/>
      <c r="S1702" s="55"/>
      <c r="T1702" s="55"/>
      <c r="U1702" s="55"/>
      <c r="V1702" s="55"/>
      <c r="W1702" s="55"/>
      <c r="X1702" s="55"/>
      <c r="Y1702" s="55"/>
      <c r="Z1702" s="55"/>
      <c r="AA1702" s="55"/>
      <c r="AB1702" s="55"/>
      <c r="AC1702" s="55"/>
      <c r="AD1702" s="55"/>
      <c r="AE1702" s="55"/>
      <c r="AF1702" s="55"/>
      <c r="AG1702" s="55"/>
      <c r="AY1702" s="162"/>
      <c r="AZ1702" s="162"/>
      <c r="BA1702" s="162"/>
      <c r="BB1702" s="162"/>
      <c r="BC1702" s="162"/>
      <c r="BD1702" s="162"/>
      <c r="BE1702" s="162"/>
      <c r="BF1702" s="162"/>
      <c r="BG1702" s="162"/>
      <c r="BH1702" s="162"/>
      <c r="BI1702" s="162"/>
      <c r="BJ1702" s="162"/>
      <c r="BK1702" s="162"/>
      <c r="BL1702" s="162"/>
      <c r="BM1702" s="162"/>
      <c r="BN1702" s="162"/>
      <c r="BO1702" s="162"/>
      <c r="BP1702" s="162"/>
      <c r="BQ1702" s="162"/>
      <c r="BR1702" s="162"/>
      <c r="BS1702" s="162"/>
      <c r="BT1702" s="162"/>
      <c r="BU1702" s="162"/>
      <c r="BV1702" s="162"/>
      <c r="BW1702" s="162"/>
      <c r="BX1702" s="162"/>
      <c r="BY1702" s="162"/>
      <c r="BZ1702" s="162"/>
      <c r="CA1702" s="162"/>
      <c r="CB1702" s="162"/>
      <c r="CC1702" s="162"/>
      <c r="CD1702" s="162"/>
      <c r="CE1702" s="162"/>
      <c r="CF1702" s="162"/>
      <c r="CG1702" s="162"/>
      <c r="CH1702" s="162"/>
      <c r="CI1702" s="162"/>
      <c r="CJ1702" s="162"/>
      <c r="CK1702" s="162"/>
      <c r="CX1702" s="98"/>
      <c r="DL1702" s="97"/>
      <c r="DX1702" s="98"/>
      <c r="EL1702" s="97"/>
      <c r="EX1702" s="98"/>
      <c r="EY1702" s="97"/>
      <c r="FL1702" s="126"/>
      <c r="FM1702" s="91"/>
      <c r="FN1702" s="91"/>
      <c r="FO1702" s="91"/>
      <c r="FP1702" s="91"/>
      <c r="FQ1702" s="91"/>
      <c r="FR1702" s="91"/>
      <c r="FS1702" s="91"/>
      <c r="FT1702" s="91"/>
      <c r="FU1702" s="91"/>
      <c r="FV1702" s="91"/>
      <c r="FW1702" s="91"/>
      <c r="FX1702" s="91"/>
      <c r="FY1702" s="91"/>
      <c r="FZ1702" s="91"/>
      <c r="GA1702" s="91"/>
      <c r="GB1702" s="91"/>
      <c r="GC1702" s="91"/>
      <c r="GD1702" s="91"/>
      <c r="GE1702" s="91"/>
      <c r="GF1702" s="91"/>
      <c r="GG1702" s="91"/>
      <c r="GH1702" s="91"/>
      <c r="GI1702" s="91"/>
      <c r="GJ1702" s="91"/>
      <c r="GK1702" s="127"/>
      <c r="GL1702" s="126"/>
      <c r="GM1702" s="91"/>
      <c r="GN1702" s="91"/>
      <c r="GO1702" s="91"/>
      <c r="GP1702" s="91"/>
      <c r="GQ1702" s="91"/>
      <c r="GR1702" s="91"/>
      <c r="GS1702" s="91"/>
      <c r="GT1702" s="91"/>
      <c r="GU1702" s="91"/>
      <c r="GV1702" s="91"/>
      <c r="GW1702" s="91"/>
      <c r="GX1702" s="91"/>
      <c r="GY1702" s="91"/>
      <c r="GZ1702" s="91"/>
      <c r="HA1702" s="91"/>
      <c r="HB1702" s="91"/>
      <c r="HC1702" s="91"/>
      <c r="HD1702" s="91"/>
      <c r="HE1702" s="91"/>
      <c r="HF1702" s="91"/>
      <c r="HG1702" s="91"/>
      <c r="HH1702" s="91"/>
      <c r="HI1702" s="91"/>
      <c r="HJ1702" s="91"/>
      <c r="HK1702" s="127"/>
      <c r="HL1702" s="126"/>
      <c r="HM1702" s="91"/>
      <c r="HN1702" s="91"/>
      <c r="HO1702" s="91"/>
      <c r="HP1702" s="91"/>
      <c r="HQ1702" s="91"/>
      <c r="HR1702" s="91"/>
      <c r="HS1702" s="91"/>
      <c r="HT1702" s="91"/>
      <c r="HU1702" s="91"/>
      <c r="HV1702" s="91"/>
      <c r="HW1702" s="91"/>
      <c r="HX1702" s="91"/>
      <c r="HY1702" s="91"/>
      <c r="HZ1702" s="91"/>
      <c r="IA1702" s="91"/>
      <c r="IB1702" s="91"/>
      <c r="IC1702" s="91"/>
      <c r="ID1702" s="91"/>
      <c r="IE1702" s="91"/>
      <c r="IF1702" s="91"/>
      <c r="IG1702" s="91"/>
      <c r="IH1702" s="91"/>
      <c r="II1702" s="91"/>
      <c r="IJ1702" s="91"/>
      <c r="IK1702" s="127"/>
    </row>
    <row r="1703" spans="2:245" x14ac:dyDescent="0.2">
      <c r="B1703" s="43"/>
      <c r="C1703" s="73"/>
      <c r="D1703" s="64"/>
      <c r="E1703" s="64"/>
      <c r="F1703" s="55"/>
      <c r="G1703" s="102"/>
      <c r="H1703" s="55"/>
      <c r="I1703" s="55"/>
      <c r="J1703" s="55"/>
      <c r="K1703" s="55"/>
      <c r="L1703" s="55"/>
      <c r="M1703" s="55"/>
      <c r="N1703" s="55"/>
      <c r="O1703" s="55"/>
      <c r="P1703" s="55"/>
      <c r="Q1703" s="55"/>
      <c r="R1703" s="55"/>
      <c r="S1703" s="55"/>
      <c r="T1703" s="55"/>
      <c r="U1703" s="55"/>
      <c r="V1703" s="55"/>
      <c r="W1703" s="55"/>
      <c r="X1703" s="55"/>
      <c r="Y1703" s="55"/>
      <c r="Z1703" s="55"/>
      <c r="AA1703" s="55"/>
      <c r="AB1703" s="55"/>
      <c r="AC1703" s="55"/>
      <c r="AD1703" s="55"/>
      <c r="AE1703" s="55"/>
      <c r="AF1703" s="55"/>
      <c r="AG1703" s="55"/>
      <c r="AY1703" s="162"/>
      <c r="AZ1703" s="162"/>
      <c r="BA1703" s="162"/>
      <c r="BB1703" s="162"/>
      <c r="BC1703" s="162"/>
      <c r="BD1703" s="162"/>
      <c r="BE1703" s="162"/>
      <c r="BF1703" s="162"/>
      <c r="BG1703" s="162"/>
      <c r="BH1703" s="162"/>
      <c r="BI1703" s="162"/>
      <c r="BJ1703" s="162"/>
      <c r="BK1703" s="162"/>
      <c r="BL1703" s="162"/>
      <c r="BM1703" s="162"/>
      <c r="BN1703" s="162"/>
      <c r="BO1703" s="162"/>
      <c r="BP1703" s="162"/>
      <c r="BQ1703" s="162"/>
      <c r="BR1703" s="162"/>
      <c r="BS1703" s="162"/>
      <c r="BT1703" s="162"/>
      <c r="BU1703" s="162"/>
      <c r="BV1703" s="162"/>
      <c r="BW1703" s="162"/>
      <c r="BX1703" s="162"/>
      <c r="BY1703" s="162"/>
      <c r="BZ1703" s="162"/>
      <c r="CA1703" s="162"/>
      <c r="CB1703" s="162"/>
      <c r="CC1703" s="162"/>
      <c r="CD1703" s="162"/>
      <c r="CE1703" s="162"/>
      <c r="CF1703" s="162"/>
      <c r="CG1703" s="162"/>
      <c r="CH1703" s="162"/>
      <c r="CI1703" s="162"/>
      <c r="CJ1703" s="162"/>
      <c r="CK1703" s="162"/>
      <c r="CX1703" s="98"/>
      <c r="DL1703" s="97"/>
      <c r="DX1703" s="98"/>
      <c r="EL1703" s="97"/>
      <c r="EX1703" s="98"/>
      <c r="EY1703" s="97"/>
      <c r="FL1703" s="126"/>
      <c r="FM1703" s="91"/>
      <c r="FN1703" s="91"/>
      <c r="FO1703" s="91"/>
      <c r="FP1703" s="91"/>
      <c r="FQ1703" s="91"/>
      <c r="FR1703" s="91"/>
      <c r="FS1703" s="91"/>
      <c r="FT1703" s="91"/>
      <c r="FU1703" s="91"/>
      <c r="FV1703" s="91"/>
      <c r="FW1703" s="91"/>
      <c r="FX1703" s="91"/>
      <c r="FY1703" s="91"/>
      <c r="FZ1703" s="91"/>
      <c r="GA1703" s="91"/>
      <c r="GB1703" s="91"/>
      <c r="GC1703" s="91"/>
      <c r="GD1703" s="91"/>
      <c r="GE1703" s="91"/>
      <c r="GF1703" s="91"/>
      <c r="GG1703" s="91"/>
      <c r="GH1703" s="91"/>
      <c r="GI1703" s="91"/>
      <c r="GJ1703" s="91"/>
      <c r="GK1703" s="127"/>
      <c r="GL1703" s="126"/>
      <c r="GM1703" s="91"/>
      <c r="GN1703" s="91"/>
      <c r="GO1703" s="91"/>
      <c r="GP1703" s="91"/>
      <c r="GQ1703" s="91"/>
      <c r="GR1703" s="91"/>
      <c r="GS1703" s="91"/>
      <c r="GT1703" s="91"/>
      <c r="GU1703" s="91"/>
      <c r="GV1703" s="91"/>
      <c r="GW1703" s="91"/>
      <c r="GX1703" s="91"/>
      <c r="GY1703" s="91"/>
      <c r="GZ1703" s="91"/>
      <c r="HA1703" s="91"/>
      <c r="HB1703" s="91"/>
      <c r="HC1703" s="91"/>
      <c r="HD1703" s="91"/>
      <c r="HE1703" s="91"/>
      <c r="HF1703" s="91"/>
      <c r="HG1703" s="91"/>
      <c r="HH1703" s="91"/>
      <c r="HI1703" s="91"/>
      <c r="HJ1703" s="91"/>
      <c r="HK1703" s="127"/>
      <c r="HL1703" s="126"/>
      <c r="HM1703" s="91"/>
      <c r="HN1703" s="91"/>
      <c r="HO1703" s="91"/>
      <c r="HP1703" s="91"/>
      <c r="HQ1703" s="91"/>
      <c r="HR1703" s="91"/>
      <c r="HS1703" s="91"/>
      <c r="HT1703" s="91"/>
      <c r="HU1703" s="91"/>
      <c r="HV1703" s="91"/>
      <c r="HW1703" s="91"/>
      <c r="HX1703" s="91"/>
      <c r="HY1703" s="91"/>
      <c r="HZ1703" s="91"/>
      <c r="IA1703" s="91"/>
      <c r="IB1703" s="91"/>
      <c r="IC1703" s="91"/>
      <c r="ID1703" s="91"/>
      <c r="IE1703" s="91"/>
      <c r="IF1703" s="91"/>
      <c r="IG1703" s="91"/>
      <c r="IH1703" s="91"/>
      <c r="II1703" s="91"/>
      <c r="IJ1703" s="91"/>
      <c r="IK1703" s="127"/>
    </row>
    <row r="1704" spans="2:245" x14ac:dyDescent="0.2">
      <c r="B1704" s="43"/>
      <c r="C1704" s="73"/>
      <c r="D1704" s="64"/>
      <c r="E1704" s="64"/>
      <c r="F1704" s="55"/>
      <c r="G1704" s="102"/>
      <c r="H1704" s="55"/>
      <c r="I1704" s="55"/>
      <c r="J1704" s="55"/>
      <c r="K1704" s="55"/>
      <c r="L1704" s="55"/>
      <c r="M1704" s="55"/>
      <c r="N1704" s="55"/>
      <c r="O1704" s="55"/>
      <c r="P1704" s="55"/>
      <c r="Q1704" s="55"/>
      <c r="R1704" s="55"/>
      <c r="S1704" s="55"/>
      <c r="T1704" s="55"/>
      <c r="U1704" s="55"/>
      <c r="V1704" s="55"/>
      <c r="W1704" s="55"/>
      <c r="X1704" s="55"/>
      <c r="Y1704" s="55"/>
      <c r="Z1704" s="55"/>
      <c r="AA1704" s="55"/>
      <c r="AB1704" s="55"/>
      <c r="AC1704" s="55"/>
      <c r="AD1704" s="55"/>
      <c r="AE1704" s="55"/>
      <c r="AF1704" s="55"/>
      <c r="AG1704" s="55"/>
      <c r="AY1704" s="162"/>
      <c r="AZ1704" s="162"/>
      <c r="BA1704" s="162"/>
      <c r="BB1704" s="162"/>
      <c r="BC1704" s="162"/>
      <c r="BD1704" s="162"/>
      <c r="BE1704" s="162"/>
      <c r="BF1704" s="162"/>
      <c r="BG1704" s="162"/>
      <c r="BH1704" s="162"/>
      <c r="BI1704" s="162"/>
      <c r="BJ1704" s="162"/>
      <c r="BK1704" s="162"/>
      <c r="BL1704" s="162"/>
      <c r="BM1704" s="162"/>
      <c r="BN1704" s="162"/>
      <c r="BO1704" s="162"/>
      <c r="BP1704" s="162"/>
      <c r="BQ1704" s="162"/>
      <c r="BR1704" s="162"/>
      <c r="BS1704" s="162"/>
      <c r="BT1704" s="162"/>
      <c r="BU1704" s="162"/>
      <c r="BV1704" s="162"/>
      <c r="BW1704" s="162"/>
      <c r="BX1704" s="162"/>
      <c r="BY1704" s="162"/>
      <c r="BZ1704" s="162"/>
      <c r="CA1704" s="162"/>
      <c r="CB1704" s="162"/>
      <c r="CC1704" s="162"/>
      <c r="CD1704" s="162"/>
      <c r="CE1704" s="162"/>
      <c r="CF1704" s="162"/>
      <c r="CG1704" s="162"/>
      <c r="CH1704" s="162"/>
      <c r="CI1704" s="162"/>
      <c r="CJ1704" s="162"/>
      <c r="CK1704" s="162"/>
      <c r="CX1704" s="98"/>
      <c r="DL1704" s="97"/>
      <c r="DX1704" s="98"/>
      <c r="EL1704" s="97"/>
      <c r="EX1704" s="98"/>
      <c r="EY1704" s="97"/>
      <c r="FL1704" s="126"/>
      <c r="FM1704" s="91"/>
      <c r="FN1704" s="91"/>
      <c r="FO1704" s="91"/>
      <c r="FP1704" s="91"/>
      <c r="FQ1704" s="91"/>
      <c r="FR1704" s="91"/>
      <c r="FS1704" s="91"/>
      <c r="FT1704" s="91"/>
      <c r="FU1704" s="91"/>
      <c r="FV1704" s="91"/>
      <c r="FW1704" s="91"/>
      <c r="FX1704" s="91"/>
      <c r="FY1704" s="91"/>
      <c r="FZ1704" s="91"/>
      <c r="GA1704" s="91"/>
      <c r="GB1704" s="91"/>
      <c r="GC1704" s="91"/>
      <c r="GD1704" s="91"/>
      <c r="GE1704" s="91"/>
      <c r="GF1704" s="91"/>
      <c r="GG1704" s="91"/>
      <c r="GH1704" s="91"/>
      <c r="GI1704" s="91"/>
      <c r="GJ1704" s="91"/>
      <c r="GK1704" s="127"/>
      <c r="GL1704" s="126"/>
      <c r="GM1704" s="91"/>
      <c r="GN1704" s="91"/>
      <c r="GO1704" s="91"/>
      <c r="GP1704" s="91"/>
      <c r="GQ1704" s="91"/>
      <c r="GR1704" s="91"/>
      <c r="GS1704" s="91"/>
      <c r="GT1704" s="91"/>
      <c r="GU1704" s="91"/>
      <c r="GV1704" s="91"/>
      <c r="GW1704" s="91"/>
      <c r="GX1704" s="91"/>
      <c r="GY1704" s="91"/>
      <c r="GZ1704" s="91"/>
      <c r="HA1704" s="91"/>
      <c r="HB1704" s="91"/>
      <c r="HC1704" s="91"/>
      <c r="HD1704" s="91"/>
      <c r="HE1704" s="91"/>
      <c r="HF1704" s="91"/>
      <c r="HG1704" s="91"/>
      <c r="HH1704" s="91"/>
      <c r="HI1704" s="91"/>
      <c r="HJ1704" s="91"/>
      <c r="HK1704" s="127"/>
      <c r="HL1704" s="126"/>
      <c r="HM1704" s="91"/>
      <c r="HN1704" s="91"/>
      <c r="HO1704" s="91"/>
      <c r="HP1704" s="91"/>
      <c r="HQ1704" s="91"/>
      <c r="HR1704" s="91"/>
      <c r="HS1704" s="91"/>
      <c r="HT1704" s="91"/>
      <c r="HU1704" s="91"/>
      <c r="HV1704" s="91"/>
      <c r="HW1704" s="91"/>
      <c r="HX1704" s="91"/>
      <c r="HY1704" s="91"/>
      <c r="HZ1704" s="91"/>
      <c r="IA1704" s="91"/>
      <c r="IB1704" s="91"/>
      <c r="IC1704" s="91"/>
      <c r="ID1704" s="91"/>
      <c r="IE1704" s="91"/>
      <c r="IF1704" s="91"/>
      <c r="IG1704" s="91"/>
      <c r="IH1704" s="91"/>
      <c r="II1704" s="91"/>
      <c r="IJ1704" s="91"/>
      <c r="IK1704" s="127"/>
    </row>
    <row r="1705" spans="2:245" ht="13.5" thickBot="1" x14ac:dyDescent="0.25">
      <c r="B1705" s="43"/>
      <c r="C1705" s="73"/>
      <c r="D1705" s="64"/>
      <c r="E1705" s="64"/>
      <c r="F1705" s="55"/>
      <c r="G1705" s="102"/>
      <c r="H1705" s="55"/>
      <c r="I1705" s="55"/>
      <c r="J1705" s="55"/>
      <c r="K1705" s="55"/>
      <c r="L1705" s="55"/>
      <c r="M1705" s="55"/>
      <c r="N1705" s="55"/>
      <c r="O1705" s="55"/>
      <c r="P1705" s="55"/>
      <c r="Q1705" s="55"/>
      <c r="R1705" s="55"/>
      <c r="S1705" s="55"/>
      <c r="T1705" s="55"/>
      <c r="U1705" s="55"/>
      <c r="V1705" s="55"/>
      <c r="W1705" s="55"/>
      <c r="X1705" s="55"/>
      <c r="Y1705" s="55"/>
      <c r="Z1705" s="55"/>
      <c r="AA1705" s="55"/>
      <c r="AB1705" s="55"/>
      <c r="AC1705" s="55"/>
      <c r="AD1705" s="55"/>
      <c r="AE1705" s="55"/>
      <c r="AF1705" s="55"/>
      <c r="AG1705" s="55"/>
      <c r="AY1705" s="162"/>
      <c r="AZ1705" s="162"/>
      <c r="BA1705" s="162"/>
      <c r="BB1705" s="162"/>
      <c r="BC1705" s="162"/>
      <c r="BD1705" s="162"/>
      <c r="BE1705" s="162"/>
      <c r="BF1705" s="162"/>
      <c r="BG1705" s="162"/>
      <c r="BH1705" s="162"/>
      <c r="BI1705" s="162"/>
      <c r="BJ1705" s="162"/>
      <c r="BK1705" s="162"/>
      <c r="BL1705" s="162"/>
      <c r="BM1705" s="162"/>
      <c r="BN1705" s="162"/>
      <c r="BO1705" s="162"/>
      <c r="BP1705" s="162"/>
      <c r="BQ1705" s="162"/>
      <c r="BR1705" s="162"/>
      <c r="BS1705" s="162"/>
      <c r="BT1705" s="162"/>
      <c r="BU1705" s="162"/>
      <c r="BV1705" s="162"/>
      <c r="BW1705" s="162"/>
      <c r="BX1705" s="162"/>
      <c r="BY1705" s="162"/>
      <c r="BZ1705" s="162"/>
      <c r="CA1705" s="162"/>
      <c r="CB1705" s="162"/>
      <c r="CC1705" s="162"/>
      <c r="CD1705" s="162"/>
      <c r="CE1705" s="162"/>
      <c r="CF1705" s="162"/>
      <c r="CG1705" s="162"/>
      <c r="CH1705" s="162"/>
      <c r="CI1705" s="162"/>
      <c r="CJ1705" s="162"/>
      <c r="CK1705" s="162"/>
      <c r="CL1705" s="166"/>
      <c r="CM1705" s="166"/>
      <c r="CN1705" s="166"/>
      <c r="CO1705" s="166"/>
      <c r="CP1705" s="166"/>
      <c r="CQ1705" s="166"/>
      <c r="CR1705" s="166"/>
      <c r="CS1705" s="166"/>
      <c r="CT1705" s="166"/>
      <c r="CU1705" s="166"/>
      <c r="CV1705" s="166"/>
      <c r="CW1705" s="166"/>
      <c r="CX1705" s="176"/>
      <c r="CY1705" s="166"/>
      <c r="CZ1705" s="166"/>
      <c r="DA1705" s="166"/>
      <c r="DB1705" s="166"/>
      <c r="DC1705" s="166"/>
      <c r="DD1705" s="166"/>
      <c r="DE1705" s="166"/>
      <c r="DF1705" s="166"/>
      <c r="DG1705" s="166"/>
      <c r="DH1705" s="166"/>
      <c r="DI1705" s="166"/>
      <c r="DJ1705" s="166"/>
      <c r="DK1705" s="166"/>
      <c r="DL1705" s="175"/>
      <c r="DM1705" s="166"/>
      <c r="DN1705" s="166"/>
      <c r="DO1705" s="166"/>
      <c r="DP1705" s="166"/>
      <c r="DQ1705" s="166"/>
      <c r="DR1705" s="166"/>
      <c r="DS1705" s="166"/>
      <c r="DT1705" s="166"/>
      <c r="DU1705" s="166"/>
      <c r="DV1705" s="166"/>
      <c r="DW1705" s="166"/>
      <c r="DX1705" s="176"/>
      <c r="DY1705" s="166"/>
      <c r="DZ1705" s="166"/>
      <c r="EA1705" s="166"/>
      <c r="EB1705" s="166"/>
      <c r="EC1705" s="166"/>
      <c r="ED1705" s="166"/>
      <c r="EE1705" s="166"/>
      <c r="EF1705" s="166"/>
      <c r="EG1705" s="166"/>
      <c r="EH1705" s="166"/>
      <c r="EI1705" s="166"/>
      <c r="EJ1705" s="166"/>
      <c r="EK1705" s="166"/>
      <c r="EL1705" s="175"/>
      <c r="EM1705" s="166"/>
      <c r="EN1705" s="166"/>
      <c r="EO1705" s="166"/>
      <c r="EP1705" s="166"/>
      <c r="EQ1705" s="166"/>
      <c r="ER1705" s="166"/>
      <c r="ES1705" s="166"/>
      <c r="ET1705" s="166"/>
      <c r="EU1705" s="166"/>
      <c r="EV1705" s="166"/>
      <c r="EW1705" s="166"/>
      <c r="EX1705" s="176"/>
      <c r="EY1705" s="175"/>
      <c r="EZ1705" s="166"/>
      <c r="FA1705" s="166"/>
      <c r="FB1705" s="166"/>
      <c r="FC1705" s="166"/>
      <c r="FD1705" s="166"/>
      <c r="FE1705" s="166"/>
      <c r="FF1705" s="166"/>
      <c r="FG1705" s="166"/>
      <c r="FH1705" s="166"/>
      <c r="FI1705" s="166"/>
      <c r="FJ1705" s="166"/>
      <c r="FK1705" s="166"/>
      <c r="FL1705" s="126"/>
      <c r="FM1705" s="91"/>
      <c r="FN1705" s="91"/>
      <c r="FO1705" s="91"/>
      <c r="FP1705" s="91"/>
      <c r="FQ1705" s="91"/>
      <c r="FR1705" s="91"/>
      <c r="FS1705" s="91"/>
      <c r="FT1705" s="91"/>
      <c r="FU1705" s="91"/>
      <c r="FV1705" s="91"/>
      <c r="FW1705" s="91"/>
      <c r="FX1705" s="91"/>
      <c r="FY1705" s="91"/>
      <c r="FZ1705" s="91"/>
      <c r="GA1705" s="91"/>
      <c r="GB1705" s="91"/>
      <c r="GC1705" s="91"/>
      <c r="GD1705" s="91"/>
      <c r="GE1705" s="91"/>
      <c r="GF1705" s="91"/>
      <c r="GG1705" s="91"/>
      <c r="GH1705" s="91"/>
      <c r="GI1705" s="91"/>
      <c r="GJ1705" s="91"/>
      <c r="GK1705" s="127"/>
      <c r="GL1705" s="126"/>
      <c r="GM1705" s="91"/>
      <c r="GN1705" s="91"/>
      <c r="GO1705" s="91"/>
      <c r="GP1705" s="91"/>
      <c r="GQ1705" s="91"/>
      <c r="GR1705" s="91"/>
      <c r="GS1705" s="91"/>
      <c r="GT1705" s="91"/>
      <c r="GU1705" s="91"/>
      <c r="GV1705" s="91"/>
      <c r="GW1705" s="91"/>
      <c r="GX1705" s="91"/>
      <c r="GY1705" s="91"/>
      <c r="GZ1705" s="91"/>
      <c r="HA1705" s="91"/>
      <c r="HB1705" s="91"/>
      <c r="HC1705" s="91"/>
      <c r="HD1705" s="91"/>
      <c r="HE1705" s="91"/>
      <c r="HF1705" s="91"/>
      <c r="HG1705" s="91"/>
      <c r="HH1705" s="91"/>
      <c r="HI1705" s="91"/>
      <c r="HJ1705" s="91"/>
      <c r="HK1705" s="127"/>
      <c r="HL1705" s="126"/>
      <c r="HM1705" s="91"/>
      <c r="HN1705" s="91"/>
      <c r="HO1705" s="91"/>
      <c r="HP1705" s="91"/>
      <c r="HQ1705" s="91"/>
      <c r="HR1705" s="91"/>
      <c r="HS1705" s="91"/>
      <c r="HT1705" s="91"/>
      <c r="HU1705" s="91"/>
      <c r="HV1705" s="91"/>
      <c r="HW1705" s="91"/>
      <c r="HX1705" s="91"/>
      <c r="HY1705" s="91"/>
      <c r="HZ1705" s="91"/>
      <c r="IA1705" s="91"/>
      <c r="IB1705" s="91"/>
      <c r="IC1705" s="91"/>
      <c r="ID1705" s="91"/>
      <c r="IE1705" s="91"/>
      <c r="IF1705" s="91"/>
      <c r="IG1705" s="91"/>
      <c r="IH1705" s="91"/>
      <c r="II1705" s="91"/>
      <c r="IJ1705" s="91"/>
      <c r="IK1705" s="127"/>
    </row>
    <row r="1706" spans="2:245" x14ac:dyDescent="0.2">
      <c r="B1706" s="43"/>
      <c r="C1706" s="73"/>
      <c r="D1706" s="64"/>
      <c r="E1706" s="64"/>
      <c r="F1706" s="55"/>
      <c r="G1706" s="102"/>
      <c r="H1706" s="55"/>
      <c r="I1706" s="55"/>
      <c r="J1706" s="55"/>
      <c r="K1706" s="55"/>
      <c r="L1706" s="55"/>
      <c r="M1706" s="55"/>
      <c r="N1706" s="55"/>
      <c r="O1706" s="55"/>
      <c r="P1706" s="55"/>
      <c r="Q1706" s="55"/>
      <c r="R1706" s="55"/>
      <c r="S1706" s="55"/>
      <c r="T1706" s="55"/>
      <c r="U1706" s="55"/>
      <c r="V1706" s="55"/>
      <c r="W1706" s="55"/>
      <c r="X1706" s="55"/>
      <c r="Y1706" s="55"/>
      <c r="Z1706" s="55"/>
      <c r="AA1706" s="55"/>
      <c r="AB1706" s="55"/>
      <c r="AC1706" s="55"/>
      <c r="AD1706" s="55"/>
      <c r="AE1706" s="55"/>
      <c r="AF1706" s="55"/>
      <c r="AG1706" s="55"/>
      <c r="AY1706" s="162"/>
      <c r="AZ1706" s="162"/>
      <c r="BA1706" s="162"/>
      <c r="BB1706" s="162"/>
      <c r="BC1706" s="162"/>
      <c r="BD1706" s="162"/>
      <c r="BE1706" s="162"/>
      <c r="BF1706" s="162"/>
      <c r="BG1706" s="162"/>
      <c r="BH1706" s="162"/>
      <c r="BI1706" s="162"/>
      <c r="BJ1706" s="162"/>
      <c r="BK1706" s="162"/>
      <c r="BL1706" s="162"/>
      <c r="BM1706" s="162"/>
      <c r="BN1706" s="162"/>
      <c r="BO1706" s="162"/>
      <c r="BP1706" s="162"/>
      <c r="BQ1706" s="162"/>
      <c r="BR1706" s="162"/>
      <c r="BS1706" s="162"/>
      <c r="BT1706" s="162"/>
      <c r="BU1706" s="162"/>
      <c r="BV1706" s="162"/>
      <c r="BW1706" s="162"/>
      <c r="BX1706" s="162"/>
      <c r="BY1706" s="162"/>
      <c r="BZ1706" s="162"/>
      <c r="CA1706" s="162"/>
      <c r="CB1706" s="162"/>
      <c r="CC1706" s="162"/>
      <c r="CD1706" s="162"/>
      <c r="CE1706" s="162"/>
      <c r="CF1706" s="162"/>
      <c r="CG1706" s="162"/>
      <c r="CH1706" s="162"/>
      <c r="CI1706" s="162"/>
      <c r="CJ1706" s="162"/>
      <c r="CK1706" s="162"/>
      <c r="CX1706" s="98"/>
      <c r="DL1706" s="97"/>
      <c r="DX1706" s="98"/>
      <c r="EL1706" s="97"/>
      <c r="EX1706" s="98"/>
      <c r="EY1706" s="97"/>
      <c r="FL1706" s="126"/>
      <c r="FM1706" s="91"/>
      <c r="FN1706" s="91"/>
      <c r="FO1706" s="91"/>
      <c r="FP1706" s="91"/>
      <c r="FQ1706" s="91"/>
      <c r="FR1706" s="91"/>
      <c r="FS1706" s="91"/>
      <c r="FT1706" s="91"/>
      <c r="FU1706" s="91"/>
      <c r="FV1706" s="91"/>
      <c r="FW1706" s="91"/>
      <c r="FX1706" s="91"/>
      <c r="FY1706" s="91"/>
      <c r="FZ1706" s="91"/>
      <c r="GA1706" s="91"/>
      <c r="GB1706" s="91"/>
      <c r="GC1706" s="91"/>
      <c r="GD1706" s="91"/>
      <c r="GE1706" s="91"/>
      <c r="GF1706" s="91"/>
      <c r="GG1706" s="91"/>
      <c r="GH1706" s="91"/>
      <c r="GI1706" s="91"/>
      <c r="GJ1706" s="91"/>
      <c r="GK1706" s="127"/>
      <c r="GL1706" s="126"/>
      <c r="GM1706" s="91"/>
      <c r="GN1706" s="91"/>
      <c r="GO1706" s="91"/>
      <c r="GP1706" s="91"/>
      <c r="GQ1706" s="91"/>
      <c r="GR1706" s="91"/>
      <c r="GS1706" s="91"/>
      <c r="GT1706" s="91"/>
      <c r="GU1706" s="91"/>
      <c r="GV1706" s="91"/>
      <c r="GW1706" s="91"/>
      <c r="GX1706" s="91"/>
      <c r="GY1706" s="91"/>
      <c r="GZ1706" s="91"/>
      <c r="HA1706" s="91"/>
      <c r="HB1706" s="91"/>
      <c r="HC1706" s="91"/>
      <c r="HD1706" s="91"/>
      <c r="HE1706" s="91"/>
      <c r="HF1706" s="91"/>
      <c r="HG1706" s="91"/>
      <c r="HH1706" s="91"/>
      <c r="HI1706" s="91"/>
      <c r="HJ1706" s="91"/>
      <c r="HK1706" s="127"/>
      <c r="HL1706" s="126"/>
      <c r="HM1706" s="91"/>
      <c r="HN1706" s="91"/>
      <c r="HO1706" s="91"/>
      <c r="HP1706" s="91"/>
      <c r="HQ1706" s="91"/>
      <c r="HR1706" s="91"/>
      <c r="HS1706" s="91"/>
      <c r="HT1706" s="91"/>
      <c r="HU1706" s="91"/>
      <c r="HV1706" s="91"/>
      <c r="HW1706" s="91"/>
      <c r="HX1706" s="91"/>
      <c r="HY1706" s="91"/>
      <c r="HZ1706" s="91"/>
      <c r="IA1706" s="91"/>
      <c r="IB1706" s="91"/>
      <c r="IC1706" s="91"/>
      <c r="ID1706" s="91"/>
      <c r="IE1706" s="91"/>
      <c r="IF1706" s="91"/>
      <c r="IG1706" s="91"/>
      <c r="IH1706" s="91"/>
      <c r="II1706" s="91"/>
      <c r="IJ1706" s="91"/>
      <c r="IK1706" s="127"/>
    </row>
    <row r="1707" spans="2:245" ht="13.5" thickBot="1" x14ac:dyDescent="0.25">
      <c r="B1707" s="43"/>
      <c r="C1707" s="73"/>
      <c r="D1707" s="64"/>
      <c r="E1707" s="64"/>
      <c r="F1707" s="55"/>
      <c r="G1707" s="102"/>
      <c r="H1707" s="55"/>
      <c r="I1707" s="55"/>
      <c r="J1707" s="55"/>
      <c r="K1707" s="55"/>
      <c r="L1707" s="55"/>
      <c r="M1707" s="55"/>
      <c r="N1707" s="55"/>
      <c r="O1707" s="55"/>
      <c r="P1707" s="55"/>
      <c r="Q1707" s="55"/>
      <c r="R1707" s="55"/>
      <c r="S1707" s="55"/>
      <c r="T1707" s="55"/>
      <c r="U1707" s="55"/>
      <c r="V1707" s="55"/>
      <c r="W1707" s="55"/>
      <c r="X1707" s="55"/>
      <c r="Y1707" s="55"/>
      <c r="Z1707" s="55"/>
      <c r="AA1707" s="55"/>
      <c r="AB1707" s="55"/>
      <c r="AC1707" s="55"/>
      <c r="AD1707" s="55"/>
      <c r="AE1707" s="55"/>
      <c r="AF1707" s="55"/>
      <c r="AG1707" s="55"/>
      <c r="AY1707" s="162"/>
      <c r="AZ1707" s="162"/>
      <c r="BA1707" s="162"/>
      <c r="BB1707" s="162"/>
      <c r="BC1707" s="162"/>
      <c r="BD1707" s="162"/>
      <c r="BE1707" s="162"/>
      <c r="BF1707" s="162"/>
      <c r="BG1707" s="162"/>
      <c r="BH1707" s="162"/>
      <c r="BI1707" s="162"/>
      <c r="BJ1707" s="162"/>
      <c r="BK1707" s="162"/>
      <c r="BL1707" s="162"/>
      <c r="BM1707" s="162"/>
      <c r="BN1707" s="162"/>
      <c r="BO1707" s="162"/>
      <c r="BP1707" s="162"/>
      <c r="BQ1707" s="162"/>
      <c r="BR1707" s="162"/>
      <c r="BS1707" s="162"/>
      <c r="BT1707" s="162"/>
      <c r="BU1707" s="162"/>
      <c r="BV1707" s="162"/>
      <c r="BW1707" s="162"/>
      <c r="BX1707" s="162"/>
      <c r="BY1707" s="162"/>
      <c r="BZ1707" s="162"/>
      <c r="CA1707" s="162"/>
      <c r="CB1707" s="162"/>
      <c r="CC1707" s="162"/>
      <c r="CD1707" s="162"/>
      <c r="CE1707" s="162"/>
      <c r="CF1707" s="162"/>
      <c r="CG1707" s="162"/>
      <c r="CH1707" s="162"/>
      <c r="CI1707" s="162"/>
      <c r="CJ1707" s="162"/>
      <c r="CK1707" s="162"/>
      <c r="CX1707" s="98"/>
      <c r="DL1707" s="97"/>
      <c r="DX1707" s="98"/>
      <c r="EL1707" s="97"/>
      <c r="EX1707" s="98"/>
      <c r="EY1707" s="97"/>
      <c r="FL1707" s="126"/>
      <c r="FM1707" s="91"/>
      <c r="FN1707" s="91"/>
      <c r="FO1707" s="91"/>
      <c r="FP1707" s="91"/>
      <c r="FQ1707" s="91"/>
      <c r="FR1707" s="91"/>
      <c r="FS1707" s="91"/>
      <c r="FT1707" s="91"/>
      <c r="FU1707" s="91"/>
      <c r="FV1707" s="91"/>
      <c r="FW1707" s="91"/>
      <c r="FX1707" s="91"/>
      <c r="FY1707" s="91"/>
      <c r="FZ1707" s="91"/>
      <c r="GA1707" s="91"/>
      <c r="GB1707" s="91"/>
      <c r="GC1707" s="91"/>
      <c r="GD1707" s="91"/>
      <c r="GE1707" s="91"/>
      <c r="GF1707" s="91"/>
      <c r="GG1707" s="91"/>
      <c r="GH1707" s="91"/>
      <c r="GI1707" s="91"/>
      <c r="GJ1707" s="91"/>
      <c r="GK1707" s="127"/>
      <c r="GL1707" s="126"/>
      <c r="GM1707" s="91"/>
      <c r="GN1707" s="91"/>
      <c r="GO1707" s="91"/>
      <c r="GP1707" s="91"/>
      <c r="GQ1707" s="91"/>
      <c r="GR1707" s="91"/>
      <c r="GS1707" s="91"/>
      <c r="GT1707" s="91"/>
      <c r="GU1707" s="91"/>
      <c r="GV1707" s="91"/>
      <c r="GW1707" s="91"/>
      <c r="GX1707" s="91"/>
      <c r="GY1707" s="91"/>
      <c r="GZ1707" s="91"/>
      <c r="HA1707" s="91"/>
      <c r="HB1707" s="91"/>
      <c r="HC1707" s="91"/>
      <c r="HD1707" s="91"/>
      <c r="HE1707" s="91"/>
      <c r="HF1707" s="91"/>
      <c r="HG1707" s="91"/>
      <c r="HH1707" s="91"/>
      <c r="HI1707" s="91"/>
      <c r="HJ1707" s="91"/>
      <c r="HK1707" s="127"/>
      <c r="HL1707" s="126"/>
      <c r="HM1707" s="91"/>
      <c r="HN1707" s="91"/>
      <c r="HO1707" s="91"/>
      <c r="HP1707" s="91"/>
      <c r="HQ1707" s="91"/>
      <c r="HR1707" s="91"/>
      <c r="HS1707" s="91"/>
      <c r="HT1707" s="91"/>
      <c r="HU1707" s="91"/>
      <c r="HV1707" s="91"/>
      <c r="HW1707" s="91"/>
      <c r="HX1707" s="91"/>
      <c r="HY1707" s="91"/>
      <c r="HZ1707" s="91"/>
      <c r="IA1707" s="91"/>
      <c r="IB1707" s="91"/>
      <c r="IC1707" s="91"/>
      <c r="ID1707" s="91"/>
      <c r="IE1707" s="91"/>
      <c r="IF1707" s="91"/>
      <c r="IG1707" s="91"/>
      <c r="IH1707" s="91"/>
      <c r="II1707" s="91"/>
      <c r="IJ1707" s="91"/>
      <c r="IK1707" s="127"/>
    </row>
    <row r="1708" spans="2:245" x14ac:dyDescent="0.2">
      <c r="B1708" s="43"/>
      <c r="C1708" s="73"/>
      <c r="D1708" s="64"/>
      <c r="E1708" s="64"/>
      <c r="F1708" s="55"/>
      <c r="G1708" s="102"/>
      <c r="H1708" s="55"/>
      <c r="I1708" s="55"/>
      <c r="J1708" s="55"/>
      <c r="K1708" s="55"/>
      <c r="L1708" s="55"/>
      <c r="M1708" s="55"/>
      <c r="N1708" s="55"/>
      <c r="O1708" s="55"/>
      <c r="P1708" s="55"/>
      <c r="Q1708" s="55"/>
      <c r="R1708" s="55"/>
      <c r="S1708" s="55"/>
      <c r="T1708" s="55"/>
      <c r="U1708" s="55"/>
      <c r="V1708" s="55"/>
      <c r="W1708" s="55"/>
      <c r="X1708" s="55"/>
      <c r="Y1708" s="55"/>
      <c r="Z1708" s="55"/>
      <c r="AA1708" s="55"/>
      <c r="AB1708" s="55"/>
      <c r="AC1708" s="55"/>
      <c r="AD1708" s="55"/>
      <c r="AE1708" s="55"/>
      <c r="AF1708" s="55"/>
      <c r="AG1708" s="55"/>
      <c r="AY1708" s="162"/>
      <c r="AZ1708" s="162"/>
      <c r="BA1708" s="162"/>
      <c r="BB1708" s="162"/>
      <c r="BC1708" s="162"/>
      <c r="BD1708" s="162"/>
      <c r="BE1708" s="162"/>
      <c r="BF1708" s="162"/>
      <c r="BG1708" s="162"/>
      <c r="BH1708" s="162"/>
      <c r="BI1708" s="162"/>
      <c r="BJ1708" s="162"/>
      <c r="BK1708" s="162"/>
      <c r="BL1708" s="162"/>
      <c r="BM1708" s="162"/>
      <c r="BN1708" s="162"/>
      <c r="BO1708" s="162"/>
      <c r="BP1708" s="162"/>
      <c r="BQ1708" s="162"/>
      <c r="BR1708" s="162"/>
      <c r="BS1708" s="162"/>
      <c r="BT1708" s="162"/>
      <c r="BU1708" s="162"/>
      <c r="BV1708" s="162"/>
      <c r="BW1708" s="162"/>
      <c r="BX1708" s="162"/>
      <c r="BY1708" s="162"/>
      <c r="BZ1708" s="162"/>
      <c r="CA1708" s="162"/>
      <c r="CB1708" s="162"/>
      <c r="CC1708" s="162"/>
      <c r="CD1708" s="162"/>
      <c r="CE1708" s="162"/>
      <c r="CF1708" s="162"/>
      <c r="CG1708" s="162"/>
      <c r="CH1708" s="162"/>
      <c r="CI1708" s="162"/>
      <c r="CJ1708" s="162"/>
      <c r="CK1708" s="162"/>
      <c r="CL1708" s="163"/>
      <c r="CM1708" s="163"/>
      <c r="CN1708" s="163"/>
      <c r="CO1708" s="163"/>
      <c r="CP1708" s="163"/>
      <c r="CQ1708" s="163"/>
      <c r="CR1708" s="163"/>
      <c r="CS1708" s="163"/>
      <c r="CT1708" s="163"/>
      <c r="CU1708" s="163"/>
      <c r="CV1708" s="163"/>
      <c r="CW1708" s="163"/>
      <c r="CX1708" s="173"/>
      <c r="CY1708" s="163"/>
      <c r="CZ1708" s="163"/>
      <c r="DA1708" s="163"/>
      <c r="DB1708" s="163"/>
      <c r="DC1708" s="163"/>
      <c r="DD1708" s="163"/>
      <c r="DE1708" s="163"/>
      <c r="DF1708" s="163"/>
      <c r="DG1708" s="163"/>
      <c r="DH1708" s="163"/>
      <c r="DI1708" s="163"/>
      <c r="DJ1708" s="163"/>
      <c r="DK1708" s="163"/>
      <c r="DL1708" s="172"/>
      <c r="DM1708" s="163"/>
      <c r="DN1708" s="163"/>
      <c r="DO1708" s="163"/>
      <c r="DP1708" s="163"/>
      <c r="DQ1708" s="163"/>
      <c r="DR1708" s="163"/>
      <c r="DS1708" s="163"/>
      <c r="DT1708" s="163"/>
      <c r="DU1708" s="163"/>
      <c r="DV1708" s="163"/>
      <c r="DW1708" s="163"/>
      <c r="DX1708" s="173"/>
      <c r="DY1708" s="163"/>
      <c r="DZ1708" s="163"/>
      <c r="EA1708" s="163"/>
      <c r="EB1708" s="163"/>
      <c r="EC1708" s="163"/>
      <c r="ED1708" s="163"/>
      <c r="EE1708" s="163"/>
      <c r="EF1708" s="163"/>
      <c r="EG1708" s="163"/>
      <c r="EH1708" s="163"/>
      <c r="EI1708" s="163"/>
      <c r="EJ1708" s="163"/>
      <c r="EK1708" s="163"/>
      <c r="EL1708" s="172"/>
      <c r="EM1708" s="163"/>
      <c r="EN1708" s="163"/>
      <c r="EO1708" s="163"/>
      <c r="EP1708" s="163"/>
      <c r="EQ1708" s="163"/>
      <c r="ER1708" s="163"/>
      <c r="ES1708" s="163"/>
      <c r="ET1708" s="163"/>
      <c r="EU1708" s="163"/>
      <c r="EV1708" s="163"/>
      <c r="EW1708" s="163"/>
      <c r="EX1708" s="173"/>
      <c r="EY1708" s="172"/>
      <c r="EZ1708" s="163"/>
      <c r="FA1708" s="163"/>
      <c r="FB1708" s="163"/>
      <c r="FC1708" s="163"/>
      <c r="FD1708" s="163"/>
      <c r="FE1708" s="163"/>
      <c r="FF1708" s="163"/>
      <c r="FG1708" s="163"/>
      <c r="FH1708" s="163"/>
      <c r="FI1708" s="163"/>
      <c r="FJ1708" s="163"/>
      <c r="FK1708" s="163"/>
      <c r="FL1708" s="126"/>
      <c r="FM1708" s="91"/>
      <c r="FN1708" s="91"/>
      <c r="FO1708" s="91"/>
      <c r="FP1708" s="91"/>
      <c r="FQ1708" s="91"/>
      <c r="FR1708" s="91"/>
      <c r="FS1708" s="91"/>
      <c r="FT1708" s="91"/>
      <c r="FU1708" s="91"/>
      <c r="FV1708" s="91"/>
      <c r="FW1708" s="91"/>
      <c r="FX1708" s="91"/>
      <c r="FY1708" s="91"/>
      <c r="FZ1708" s="91"/>
      <c r="GA1708" s="91"/>
      <c r="GB1708" s="91"/>
      <c r="GC1708" s="91"/>
      <c r="GD1708" s="91"/>
      <c r="GE1708" s="91"/>
      <c r="GF1708" s="91"/>
      <c r="GG1708" s="91"/>
      <c r="GH1708" s="91"/>
      <c r="GI1708" s="91"/>
      <c r="GJ1708" s="91"/>
      <c r="GK1708" s="127"/>
      <c r="GL1708" s="126"/>
      <c r="GM1708" s="91"/>
      <c r="GN1708" s="91"/>
      <c r="GO1708" s="91"/>
      <c r="GP1708" s="91"/>
      <c r="GQ1708" s="91"/>
      <c r="GR1708" s="91"/>
      <c r="GS1708" s="91"/>
      <c r="GT1708" s="91"/>
      <c r="GU1708" s="91"/>
      <c r="GV1708" s="91"/>
      <c r="GW1708" s="91"/>
      <c r="GX1708" s="91"/>
      <c r="GY1708" s="91"/>
      <c r="GZ1708" s="91"/>
      <c r="HA1708" s="91"/>
      <c r="HB1708" s="91"/>
      <c r="HC1708" s="91"/>
      <c r="HD1708" s="91"/>
      <c r="HE1708" s="91"/>
      <c r="HF1708" s="91"/>
      <c r="HG1708" s="91"/>
      <c r="HH1708" s="91"/>
      <c r="HI1708" s="91"/>
      <c r="HJ1708" s="91"/>
      <c r="HK1708" s="127"/>
      <c r="HL1708" s="126"/>
      <c r="HM1708" s="91"/>
      <c r="HN1708" s="91"/>
      <c r="HO1708" s="91"/>
      <c r="HP1708" s="91"/>
      <c r="HQ1708" s="91"/>
      <c r="HR1708" s="91"/>
      <c r="HS1708" s="91"/>
      <c r="HT1708" s="91"/>
      <c r="HU1708" s="91"/>
      <c r="HV1708" s="91"/>
      <c r="HW1708" s="91"/>
      <c r="HX1708" s="91"/>
      <c r="HY1708" s="91"/>
      <c r="HZ1708" s="91"/>
      <c r="IA1708" s="91"/>
      <c r="IB1708" s="91"/>
      <c r="IC1708" s="91"/>
      <c r="ID1708" s="91"/>
      <c r="IE1708" s="91"/>
      <c r="IF1708" s="91"/>
      <c r="IG1708" s="91"/>
      <c r="IH1708" s="91"/>
      <c r="II1708" s="91"/>
      <c r="IJ1708" s="91"/>
      <c r="IK1708" s="127"/>
    </row>
    <row r="1709" spans="2:245" ht="13.5" thickBot="1" x14ac:dyDescent="0.25">
      <c r="B1709" s="43"/>
      <c r="C1709" s="73"/>
      <c r="D1709" s="64"/>
      <c r="E1709" s="64"/>
      <c r="F1709" s="55"/>
      <c r="G1709" s="102"/>
      <c r="H1709" s="55"/>
      <c r="I1709" s="55"/>
      <c r="J1709" s="55"/>
      <c r="K1709" s="55"/>
      <c r="L1709" s="55"/>
      <c r="M1709" s="55"/>
      <c r="N1709" s="55"/>
      <c r="O1709" s="55"/>
      <c r="P1709" s="55"/>
      <c r="Q1709" s="55"/>
      <c r="R1709" s="55"/>
      <c r="S1709" s="55"/>
      <c r="T1709" s="55"/>
      <c r="U1709" s="55"/>
      <c r="V1709" s="55"/>
      <c r="W1709" s="55"/>
      <c r="X1709" s="55"/>
      <c r="Y1709" s="55"/>
      <c r="Z1709" s="55"/>
      <c r="AA1709" s="55"/>
      <c r="AB1709" s="55"/>
      <c r="AC1709" s="55"/>
      <c r="AD1709" s="55"/>
      <c r="AE1709" s="55"/>
      <c r="AF1709" s="55"/>
      <c r="AG1709" s="55"/>
      <c r="AY1709" s="162"/>
      <c r="AZ1709" s="162"/>
      <c r="BA1709" s="162"/>
      <c r="BB1709" s="162"/>
      <c r="BC1709" s="162"/>
      <c r="BD1709" s="162"/>
      <c r="BE1709" s="162"/>
      <c r="BF1709" s="162"/>
      <c r="BG1709" s="162"/>
      <c r="BH1709" s="162"/>
      <c r="BI1709" s="162"/>
      <c r="BJ1709" s="162"/>
      <c r="BK1709" s="162"/>
      <c r="BL1709" s="162"/>
      <c r="BM1709" s="162"/>
      <c r="BN1709" s="162"/>
      <c r="BO1709" s="162"/>
      <c r="BP1709" s="162"/>
      <c r="BQ1709" s="162"/>
      <c r="BR1709" s="162"/>
      <c r="BS1709" s="162"/>
      <c r="BT1709" s="162"/>
      <c r="BU1709" s="162"/>
      <c r="BV1709" s="162"/>
      <c r="BW1709" s="162"/>
      <c r="BX1709" s="162"/>
      <c r="BY1709" s="162"/>
      <c r="BZ1709" s="162"/>
      <c r="CA1709" s="162"/>
      <c r="CB1709" s="162"/>
      <c r="CC1709" s="162"/>
      <c r="CD1709" s="162"/>
      <c r="CE1709" s="162"/>
      <c r="CF1709" s="162"/>
      <c r="CG1709" s="162"/>
      <c r="CH1709" s="162"/>
      <c r="CI1709" s="162"/>
      <c r="CJ1709" s="162"/>
      <c r="CK1709" s="162"/>
      <c r="CL1709" s="166"/>
      <c r="CM1709" s="166"/>
      <c r="CN1709" s="166"/>
      <c r="CO1709" s="166"/>
      <c r="CP1709" s="166"/>
      <c r="CQ1709" s="166"/>
      <c r="CR1709" s="166"/>
      <c r="CS1709" s="166"/>
      <c r="CT1709" s="166"/>
      <c r="CU1709" s="166"/>
      <c r="CV1709" s="166"/>
      <c r="CW1709" s="166"/>
      <c r="CX1709" s="176"/>
      <c r="CY1709" s="166"/>
      <c r="CZ1709" s="166"/>
      <c r="DA1709" s="166"/>
      <c r="DB1709" s="166"/>
      <c r="DC1709" s="166"/>
      <c r="DD1709" s="166"/>
      <c r="DE1709" s="166"/>
      <c r="DF1709" s="166"/>
      <c r="DG1709" s="166"/>
      <c r="DH1709" s="166"/>
      <c r="DI1709" s="166"/>
      <c r="DJ1709" s="166"/>
      <c r="DK1709" s="166"/>
      <c r="DL1709" s="175"/>
      <c r="DM1709" s="166"/>
      <c r="DN1709" s="166"/>
      <c r="DO1709" s="166"/>
      <c r="DP1709" s="166"/>
      <c r="DQ1709" s="166"/>
      <c r="DR1709" s="166"/>
      <c r="DS1709" s="166"/>
      <c r="DT1709" s="166"/>
      <c r="DU1709" s="166"/>
      <c r="DV1709" s="166"/>
      <c r="DW1709" s="166"/>
      <c r="DX1709" s="176"/>
      <c r="DY1709" s="166"/>
      <c r="DZ1709" s="166"/>
      <c r="EA1709" s="166"/>
      <c r="EB1709" s="166"/>
      <c r="EC1709" s="166"/>
      <c r="ED1709" s="166"/>
      <c r="EE1709" s="166"/>
      <c r="EF1709" s="166"/>
      <c r="EG1709" s="166"/>
      <c r="EH1709" s="166"/>
      <c r="EI1709" s="166"/>
      <c r="EJ1709" s="166"/>
      <c r="EK1709" s="166"/>
      <c r="EL1709" s="175"/>
      <c r="EM1709" s="166"/>
      <c r="EN1709" s="166"/>
      <c r="EO1709" s="166"/>
      <c r="EP1709" s="166"/>
      <c r="EQ1709" s="166"/>
      <c r="ER1709" s="166"/>
      <c r="ES1709" s="166"/>
      <c r="ET1709" s="166"/>
      <c r="EU1709" s="166"/>
      <c r="EV1709" s="166"/>
      <c r="EW1709" s="166"/>
      <c r="EX1709" s="176"/>
      <c r="EY1709" s="175"/>
      <c r="EZ1709" s="166"/>
      <c r="FA1709" s="166"/>
      <c r="FB1709" s="166"/>
      <c r="FC1709" s="166"/>
      <c r="FD1709" s="166"/>
      <c r="FE1709" s="166"/>
      <c r="FF1709" s="166"/>
      <c r="FG1709" s="166"/>
      <c r="FH1709" s="166"/>
      <c r="FI1709" s="166"/>
      <c r="FJ1709" s="166"/>
      <c r="FK1709" s="166"/>
      <c r="FL1709" s="126"/>
      <c r="FM1709" s="91"/>
      <c r="FN1709" s="91"/>
      <c r="FO1709" s="91"/>
      <c r="FP1709" s="91"/>
      <c r="FQ1709" s="91"/>
      <c r="FR1709" s="91"/>
      <c r="FS1709" s="91"/>
      <c r="FT1709" s="91"/>
      <c r="FU1709" s="91"/>
      <c r="FV1709" s="91"/>
      <c r="FW1709" s="91"/>
      <c r="FX1709" s="91"/>
      <c r="FY1709" s="91"/>
      <c r="FZ1709" s="91"/>
      <c r="GA1709" s="91"/>
      <c r="GB1709" s="91"/>
      <c r="GC1709" s="91"/>
      <c r="GD1709" s="91"/>
      <c r="GE1709" s="91"/>
      <c r="GF1709" s="91"/>
      <c r="GG1709" s="91"/>
      <c r="GH1709" s="91"/>
      <c r="GI1709" s="91"/>
      <c r="GJ1709" s="91"/>
      <c r="GK1709" s="127"/>
      <c r="GL1709" s="126"/>
      <c r="GM1709" s="91"/>
      <c r="GN1709" s="91"/>
      <c r="GO1709" s="91"/>
      <c r="GP1709" s="91"/>
      <c r="GQ1709" s="91"/>
      <c r="GR1709" s="91"/>
      <c r="GS1709" s="91"/>
      <c r="GT1709" s="91"/>
      <c r="GU1709" s="91"/>
      <c r="GV1709" s="91"/>
      <c r="GW1709" s="91"/>
      <c r="GX1709" s="91"/>
      <c r="GY1709" s="91"/>
      <c r="GZ1709" s="91"/>
      <c r="HA1709" s="91"/>
      <c r="HB1709" s="91"/>
      <c r="HC1709" s="91"/>
      <c r="HD1709" s="91"/>
      <c r="HE1709" s="91"/>
      <c r="HF1709" s="91"/>
      <c r="HG1709" s="91"/>
      <c r="HH1709" s="91"/>
      <c r="HI1709" s="91"/>
      <c r="HJ1709" s="91"/>
      <c r="HK1709" s="127"/>
      <c r="HL1709" s="126"/>
      <c r="HM1709" s="91"/>
      <c r="HN1709" s="91"/>
      <c r="HO1709" s="91"/>
      <c r="HP1709" s="91"/>
      <c r="HQ1709" s="91"/>
      <c r="HR1709" s="91"/>
      <c r="HS1709" s="91"/>
      <c r="HT1709" s="91"/>
      <c r="HU1709" s="91"/>
      <c r="HV1709" s="91"/>
      <c r="HW1709" s="91"/>
      <c r="HX1709" s="91"/>
      <c r="HY1709" s="91"/>
      <c r="HZ1709" s="91"/>
      <c r="IA1709" s="91"/>
      <c r="IB1709" s="91"/>
      <c r="IC1709" s="91"/>
      <c r="ID1709" s="91"/>
      <c r="IE1709" s="91"/>
      <c r="IF1709" s="91"/>
      <c r="IG1709" s="91"/>
      <c r="IH1709" s="91"/>
      <c r="II1709" s="91"/>
      <c r="IJ1709" s="91"/>
      <c r="IK1709" s="127"/>
    </row>
    <row r="1710" spans="2:245" x14ac:dyDescent="0.2">
      <c r="B1710" s="43"/>
      <c r="C1710" s="73"/>
      <c r="D1710" s="64"/>
      <c r="E1710" s="64"/>
      <c r="F1710" s="55"/>
      <c r="G1710" s="102"/>
      <c r="H1710" s="55"/>
      <c r="I1710" s="55"/>
      <c r="J1710" s="55"/>
      <c r="K1710" s="55"/>
      <c r="L1710" s="55"/>
      <c r="M1710" s="55"/>
      <c r="N1710" s="55"/>
      <c r="O1710" s="55"/>
      <c r="P1710" s="55"/>
      <c r="Q1710" s="55"/>
      <c r="R1710" s="55"/>
      <c r="S1710" s="55"/>
      <c r="T1710" s="55"/>
      <c r="U1710" s="55"/>
      <c r="V1710" s="55"/>
      <c r="W1710" s="55"/>
      <c r="X1710" s="55"/>
      <c r="Y1710" s="55"/>
      <c r="Z1710" s="55"/>
      <c r="AA1710" s="55"/>
      <c r="AB1710" s="55"/>
      <c r="AC1710" s="55"/>
      <c r="AD1710" s="55"/>
      <c r="AE1710" s="55"/>
      <c r="AF1710" s="55"/>
      <c r="AG1710" s="55"/>
      <c r="AY1710" s="162"/>
      <c r="AZ1710" s="162"/>
      <c r="BA1710" s="162"/>
      <c r="BB1710" s="162"/>
      <c r="BC1710" s="162"/>
      <c r="BD1710" s="162"/>
      <c r="BE1710" s="162"/>
      <c r="BF1710" s="162"/>
      <c r="BG1710" s="162"/>
      <c r="BH1710" s="162"/>
      <c r="BI1710" s="162"/>
      <c r="BJ1710" s="162"/>
      <c r="BK1710" s="162"/>
      <c r="BL1710" s="162"/>
      <c r="BM1710" s="162"/>
      <c r="BN1710" s="162"/>
      <c r="BO1710" s="162"/>
      <c r="BP1710" s="162"/>
      <c r="BQ1710" s="162"/>
      <c r="BR1710" s="162"/>
      <c r="BS1710" s="162"/>
      <c r="BT1710" s="162"/>
      <c r="BU1710" s="162"/>
      <c r="BV1710" s="162"/>
      <c r="BW1710" s="162"/>
      <c r="BX1710" s="162"/>
      <c r="BY1710" s="162"/>
      <c r="BZ1710" s="162"/>
      <c r="CA1710" s="162"/>
      <c r="CB1710" s="162"/>
      <c r="CC1710" s="162"/>
      <c r="CD1710" s="162"/>
      <c r="CE1710" s="162"/>
      <c r="CF1710" s="162"/>
      <c r="CG1710" s="162"/>
      <c r="CH1710" s="162"/>
      <c r="CI1710" s="162"/>
      <c r="CJ1710" s="162"/>
      <c r="CK1710" s="162"/>
      <c r="CX1710" s="98"/>
      <c r="DL1710" s="97"/>
      <c r="DX1710" s="98"/>
      <c r="EL1710" s="97"/>
      <c r="EX1710" s="98"/>
      <c r="EY1710" s="97"/>
      <c r="FL1710" s="126"/>
      <c r="FM1710" s="91"/>
      <c r="FN1710" s="91"/>
      <c r="FO1710" s="91"/>
      <c r="FP1710" s="91"/>
      <c r="FQ1710" s="91"/>
      <c r="FR1710" s="91"/>
      <c r="FS1710" s="91"/>
      <c r="FT1710" s="91"/>
      <c r="FU1710" s="91"/>
      <c r="FV1710" s="91"/>
      <c r="FW1710" s="91"/>
      <c r="FX1710" s="91"/>
      <c r="FY1710" s="91"/>
      <c r="FZ1710" s="91"/>
      <c r="GA1710" s="91"/>
      <c r="GB1710" s="91"/>
      <c r="GC1710" s="91"/>
      <c r="GD1710" s="91"/>
      <c r="GE1710" s="91"/>
      <c r="GF1710" s="91"/>
      <c r="GG1710" s="91"/>
      <c r="GH1710" s="91"/>
      <c r="GI1710" s="91"/>
      <c r="GJ1710" s="91"/>
      <c r="GK1710" s="127"/>
      <c r="GL1710" s="126"/>
      <c r="GM1710" s="91"/>
      <c r="GN1710" s="91"/>
      <c r="GO1710" s="91"/>
      <c r="GP1710" s="91"/>
      <c r="GQ1710" s="91"/>
      <c r="GR1710" s="91"/>
      <c r="GS1710" s="91"/>
      <c r="GT1710" s="91"/>
      <c r="GU1710" s="91"/>
      <c r="GV1710" s="91"/>
      <c r="GW1710" s="91"/>
      <c r="GX1710" s="91"/>
      <c r="GY1710" s="91"/>
      <c r="GZ1710" s="91"/>
      <c r="HA1710" s="91"/>
      <c r="HB1710" s="91"/>
      <c r="HC1710" s="91"/>
      <c r="HD1710" s="91"/>
      <c r="HE1710" s="91"/>
      <c r="HF1710" s="91"/>
      <c r="HG1710" s="91"/>
      <c r="HH1710" s="91"/>
      <c r="HI1710" s="91"/>
      <c r="HJ1710" s="91"/>
      <c r="HK1710" s="127"/>
      <c r="HL1710" s="126"/>
      <c r="HM1710" s="91"/>
      <c r="HN1710" s="91"/>
      <c r="HO1710" s="91"/>
      <c r="HP1710" s="91"/>
      <c r="HQ1710" s="91"/>
      <c r="HR1710" s="91"/>
      <c r="HS1710" s="91"/>
      <c r="HT1710" s="91"/>
      <c r="HU1710" s="91"/>
      <c r="HV1710" s="91"/>
      <c r="HW1710" s="91"/>
      <c r="HX1710" s="91"/>
      <c r="HY1710" s="91"/>
      <c r="HZ1710" s="91"/>
      <c r="IA1710" s="91"/>
      <c r="IB1710" s="91"/>
      <c r="IC1710" s="91"/>
      <c r="ID1710" s="91"/>
      <c r="IE1710" s="91"/>
      <c r="IF1710" s="91"/>
      <c r="IG1710" s="91"/>
      <c r="IH1710" s="91"/>
      <c r="II1710" s="91"/>
      <c r="IJ1710" s="91"/>
      <c r="IK1710" s="127"/>
    </row>
    <row r="1711" spans="2:245" x14ac:dyDescent="0.2">
      <c r="B1711" s="43"/>
      <c r="C1711" s="73"/>
      <c r="D1711" s="64"/>
      <c r="E1711" s="64"/>
      <c r="F1711" s="55"/>
      <c r="G1711" s="102"/>
      <c r="H1711" s="55"/>
      <c r="I1711" s="55"/>
      <c r="J1711" s="55"/>
      <c r="K1711" s="55"/>
      <c r="L1711" s="55"/>
      <c r="M1711" s="55"/>
      <c r="N1711" s="55"/>
      <c r="O1711" s="55"/>
      <c r="P1711" s="55"/>
      <c r="Q1711" s="55"/>
      <c r="R1711" s="55"/>
      <c r="S1711" s="55"/>
      <c r="T1711" s="55"/>
      <c r="U1711" s="55"/>
      <c r="V1711" s="55"/>
      <c r="W1711" s="55"/>
      <c r="X1711" s="55"/>
      <c r="Y1711" s="55"/>
      <c r="Z1711" s="55"/>
      <c r="AA1711" s="55"/>
      <c r="AB1711" s="55"/>
      <c r="AC1711" s="55"/>
      <c r="AD1711" s="55"/>
      <c r="AE1711" s="55"/>
      <c r="AF1711" s="55"/>
      <c r="AG1711" s="55"/>
      <c r="AY1711" s="162"/>
      <c r="AZ1711" s="162"/>
      <c r="BA1711" s="162"/>
      <c r="BB1711" s="162"/>
      <c r="BC1711" s="162"/>
      <c r="BD1711" s="162"/>
      <c r="BE1711" s="162"/>
      <c r="BF1711" s="162"/>
      <c r="BG1711" s="162"/>
      <c r="BH1711" s="162"/>
      <c r="BI1711" s="162"/>
      <c r="BJ1711" s="162"/>
      <c r="BK1711" s="162"/>
      <c r="BL1711" s="162"/>
      <c r="BM1711" s="162"/>
      <c r="BN1711" s="162"/>
      <c r="BO1711" s="162"/>
      <c r="BP1711" s="162"/>
      <c r="BQ1711" s="162"/>
      <c r="BR1711" s="162"/>
      <c r="BS1711" s="162"/>
      <c r="BT1711" s="162"/>
      <c r="BU1711" s="162"/>
      <c r="BV1711" s="162"/>
      <c r="BW1711" s="162"/>
      <c r="BX1711" s="162"/>
      <c r="BY1711" s="162"/>
      <c r="BZ1711" s="162"/>
      <c r="CA1711" s="162"/>
      <c r="CB1711" s="162"/>
      <c r="CC1711" s="162"/>
      <c r="CD1711" s="162"/>
      <c r="CE1711" s="162"/>
      <c r="CF1711" s="162"/>
      <c r="CG1711" s="162"/>
      <c r="CH1711" s="162"/>
      <c r="CI1711" s="162"/>
      <c r="CJ1711" s="162"/>
      <c r="CK1711" s="162"/>
      <c r="CX1711" s="98"/>
      <c r="DL1711" s="97"/>
      <c r="DX1711" s="98"/>
      <c r="EL1711" s="97"/>
      <c r="EX1711" s="98"/>
      <c r="EY1711" s="97"/>
      <c r="FL1711" s="126"/>
      <c r="FM1711" s="91"/>
      <c r="FN1711" s="91"/>
      <c r="FO1711" s="91"/>
      <c r="FP1711" s="91"/>
      <c r="FQ1711" s="91"/>
      <c r="FR1711" s="91"/>
      <c r="FS1711" s="91"/>
      <c r="FT1711" s="91"/>
      <c r="FU1711" s="91"/>
      <c r="FV1711" s="91"/>
      <c r="FW1711" s="91"/>
      <c r="FX1711" s="91"/>
      <c r="FY1711" s="91"/>
      <c r="FZ1711" s="91"/>
      <c r="GA1711" s="91"/>
      <c r="GB1711" s="91"/>
      <c r="GC1711" s="91"/>
      <c r="GD1711" s="91"/>
      <c r="GE1711" s="91"/>
      <c r="GF1711" s="91"/>
      <c r="GG1711" s="91"/>
      <c r="GH1711" s="91"/>
      <c r="GI1711" s="91"/>
      <c r="GJ1711" s="91"/>
      <c r="GK1711" s="127"/>
      <c r="GL1711" s="126"/>
      <c r="GM1711" s="91"/>
      <c r="GN1711" s="91"/>
      <c r="GO1711" s="91"/>
      <c r="GP1711" s="91"/>
      <c r="GQ1711" s="91"/>
      <c r="GR1711" s="91"/>
      <c r="GS1711" s="91"/>
      <c r="GT1711" s="91"/>
      <c r="GU1711" s="91"/>
      <c r="GV1711" s="91"/>
      <c r="GW1711" s="91"/>
      <c r="GX1711" s="91"/>
      <c r="GY1711" s="91"/>
      <c r="GZ1711" s="91"/>
      <c r="HA1711" s="91"/>
      <c r="HB1711" s="91"/>
      <c r="HC1711" s="91"/>
      <c r="HD1711" s="91"/>
      <c r="HE1711" s="91"/>
      <c r="HF1711" s="91"/>
      <c r="HG1711" s="91"/>
      <c r="HH1711" s="91"/>
      <c r="HI1711" s="91"/>
      <c r="HJ1711" s="91"/>
      <c r="HK1711" s="127"/>
      <c r="HL1711" s="126"/>
      <c r="HM1711" s="91"/>
      <c r="HN1711" s="91"/>
      <c r="HO1711" s="91"/>
      <c r="HP1711" s="91"/>
      <c r="HQ1711" s="91"/>
      <c r="HR1711" s="91"/>
      <c r="HS1711" s="91"/>
      <c r="HT1711" s="91"/>
      <c r="HU1711" s="91"/>
      <c r="HV1711" s="91"/>
      <c r="HW1711" s="91"/>
      <c r="HX1711" s="91"/>
      <c r="HY1711" s="91"/>
      <c r="HZ1711" s="91"/>
      <c r="IA1711" s="91"/>
      <c r="IB1711" s="91"/>
      <c r="IC1711" s="91"/>
      <c r="ID1711" s="91"/>
      <c r="IE1711" s="91"/>
      <c r="IF1711" s="91"/>
      <c r="IG1711" s="91"/>
      <c r="IH1711" s="91"/>
      <c r="II1711" s="91"/>
      <c r="IJ1711" s="91"/>
      <c r="IK1711" s="127"/>
    </row>
    <row r="1712" spans="2:245" x14ac:dyDescent="0.2">
      <c r="B1712" s="43"/>
      <c r="C1712" s="73"/>
      <c r="D1712" s="64"/>
      <c r="E1712" s="64"/>
      <c r="F1712" s="55"/>
      <c r="G1712" s="102"/>
      <c r="H1712" s="55"/>
      <c r="I1712" s="55"/>
      <c r="J1712" s="55"/>
      <c r="K1712" s="55"/>
      <c r="L1712" s="55"/>
      <c r="M1712" s="55"/>
      <c r="N1712" s="55"/>
      <c r="O1712" s="55"/>
      <c r="P1712" s="55"/>
      <c r="Q1712" s="55"/>
      <c r="R1712" s="55"/>
      <c r="S1712" s="55"/>
      <c r="T1712" s="55"/>
      <c r="U1712" s="55"/>
      <c r="V1712" s="55"/>
      <c r="W1712" s="55"/>
      <c r="X1712" s="55"/>
      <c r="Y1712" s="55"/>
      <c r="Z1712" s="55"/>
      <c r="AA1712" s="55"/>
      <c r="AB1712" s="55"/>
      <c r="AC1712" s="55"/>
      <c r="AD1712" s="55"/>
      <c r="AE1712" s="55"/>
      <c r="AF1712" s="55"/>
      <c r="AG1712" s="55"/>
      <c r="AY1712" s="162"/>
      <c r="AZ1712" s="162"/>
      <c r="BA1712" s="162"/>
      <c r="BB1712" s="162"/>
      <c r="BC1712" s="162"/>
      <c r="BD1712" s="162"/>
      <c r="BE1712" s="162"/>
      <c r="BF1712" s="162"/>
      <c r="BG1712" s="162"/>
      <c r="BH1712" s="162"/>
      <c r="BI1712" s="162"/>
      <c r="BJ1712" s="162"/>
      <c r="BK1712" s="162"/>
      <c r="BL1712" s="162"/>
      <c r="BM1712" s="162"/>
      <c r="BN1712" s="162"/>
      <c r="BO1712" s="162"/>
      <c r="BP1712" s="162"/>
      <c r="BQ1712" s="162"/>
      <c r="BR1712" s="162"/>
      <c r="BS1712" s="162"/>
      <c r="BT1712" s="162"/>
      <c r="BU1712" s="162"/>
      <c r="BV1712" s="162"/>
      <c r="BW1712" s="162"/>
      <c r="BX1712" s="162"/>
      <c r="BY1712" s="162"/>
      <c r="BZ1712" s="162"/>
      <c r="CA1712" s="162"/>
      <c r="CB1712" s="162"/>
      <c r="CC1712" s="162"/>
      <c r="CD1712" s="162"/>
      <c r="CE1712" s="162"/>
      <c r="CF1712" s="162"/>
      <c r="CG1712" s="162"/>
      <c r="CH1712" s="162"/>
      <c r="CI1712" s="162"/>
      <c r="CJ1712" s="162"/>
      <c r="CK1712" s="162"/>
      <c r="CX1712" s="98"/>
      <c r="DL1712" s="97"/>
      <c r="DX1712" s="98"/>
      <c r="EL1712" s="97"/>
      <c r="EX1712" s="98"/>
      <c r="EY1712" s="97"/>
      <c r="FL1712" s="126"/>
      <c r="FM1712" s="91"/>
      <c r="FN1712" s="91"/>
      <c r="FO1712" s="91"/>
      <c r="FP1712" s="91"/>
      <c r="FQ1712" s="91"/>
      <c r="FR1712" s="91"/>
      <c r="FS1712" s="91"/>
      <c r="FT1712" s="91"/>
      <c r="FU1712" s="91"/>
      <c r="FV1712" s="91"/>
      <c r="FW1712" s="91"/>
      <c r="FX1712" s="91"/>
      <c r="FY1712" s="91"/>
      <c r="FZ1712" s="91"/>
      <c r="GA1712" s="91"/>
      <c r="GB1712" s="91"/>
      <c r="GC1712" s="91"/>
      <c r="GD1712" s="91"/>
      <c r="GE1712" s="91"/>
      <c r="GF1712" s="91"/>
      <c r="GG1712" s="91"/>
      <c r="GH1712" s="91"/>
      <c r="GI1712" s="91"/>
      <c r="GJ1712" s="91"/>
      <c r="GK1712" s="127"/>
      <c r="GL1712" s="126"/>
      <c r="GM1712" s="91"/>
      <c r="GN1712" s="91"/>
      <c r="GO1712" s="91"/>
      <c r="GP1712" s="91"/>
      <c r="GQ1712" s="91"/>
      <c r="GR1712" s="91"/>
      <c r="GS1712" s="91"/>
      <c r="GT1712" s="91"/>
      <c r="GU1712" s="91"/>
      <c r="GV1712" s="91"/>
      <c r="GW1712" s="91"/>
      <c r="GX1712" s="91"/>
      <c r="GY1712" s="91"/>
      <c r="GZ1712" s="91"/>
      <c r="HA1712" s="91"/>
      <c r="HB1712" s="91"/>
      <c r="HC1712" s="91"/>
      <c r="HD1712" s="91"/>
      <c r="HE1712" s="91"/>
      <c r="HF1712" s="91"/>
      <c r="HG1712" s="91"/>
      <c r="HH1712" s="91"/>
      <c r="HI1712" s="91"/>
      <c r="HJ1712" s="91"/>
      <c r="HK1712" s="127"/>
      <c r="HL1712" s="126"/>
      <c r="HM1712" s="91"/>
      <c r="HN1712" s="91"/>
      <c r="HO1712" s="91"/>
      <c r="HP1712" s="91"/>
      <c r="HQ1712" s="91"/>
      <c r="HR1712" s="91"/>
      <c r="HS1712" s="91"/>
      <c r="HT1712" s="91"/>
      <c r="HU1712" s="91"/>
      <c r="HV1712" s="91"/>
      <c r="HW1712" s="91"/>
      <c r="HX1712" s="91"/>
      <c r="HY1712" s="91"/>
      <c r="HZ1712" s="91"/>
      <c r="IA1712" s="91"/>
      <c r="IB1712" s="91"/>
      <c r="IC1712" s="91"/>
      <c r="ID1712" s="91"/>
      <c r="IE1712" s="91"/>
      <c r="IF1712" s="91"/>
      <c r="IG1712" s="91"/>
      <c r="IH1712" s="91"/>
      <c r="II1712" s="91"/>
      <c r="IJ1712" s="91"/>
      <c r="IK1712" s="127"/>
    </row>
    <row r="1713" spans="2:245" x14ac:dyDescent="0.2">
      <c r="B1713" s="43"/>
      <c r="C1713" s="73"/>
      <c r="D1713" s="64"/>
      <c r="E1713" s="64"/>
      <c r="F1713" s="55"/>
      <c r="G1713" s="102"/>
      <c r="H1713" s="55"/>
      <c r="I1713" s="55"/>
      <c r="J1713" s="55"/>
      <c r="K1713" s="55"/>
      <c r="L1713" s="55"/>
      <c r="M1713" s="55"/>
      <c r="N1713" s="55"/>
      <c r="O1713" s="55"/>
      <c r="P1713" s="55"/>
      <c r="Q1713" s="55"/>
      <c r="R1713" s="55"/>
      <c r="S1713" s="55"/>
      <c r="T1713" s="55"/>
      <c r="U1713" s="55"/>
      <c r="V1713" s="55"/>
      <c r="W1713" s="55"/>
      <c r="X1713" s="55"/>
      <c r="Y1713" s="55"/>
      <c r="Z1713" s="55"/>
      <c r="AA1713" s="55"/>
      <c r="AB1713" s="55"/>
      <c r="AC1713" s="55"/>
      <c r="AD1713" s="55"/>
      <c r="AE1713" s="55"/>
      <c r="AF1713" s="55"/>
      <c r="AG1713" s="55"/>
      <c r="AY1713" s="162"/>
      <c r="AZ1713" s="162"/>
      <c r="BA1713" s="162"/>
      <c r="BB1713" s="162"/>
      <c r="BC1713" s="162"/>
      <c r="BD1713" s="162"/>
      <c r="BE1713" s="162"/>
      <c r="BF1713" s="162"/>
      <c r="BG1713" s="162"/>
      <c r="BH1713" s="162"/>
      <c r="BI1713" s="162"/>
      <c r="BJ1713" s="162"/>
      <c r="BK1713" s="162"/>
      <c r="BL1713" s="162"/>
      <c r="BM1713" s="162"/>
      <c r="BN1713" s="162"/>
      <c r="BO1713" s="162"/>
      <c r="BP1713" s="162"/>
      <c r="BQ1713" s="162"/>
      <c r="BR1713" s="162"/>
      <c r="BS1713" s="162"/>
      <c r="BT1713" s="162"/>
      <c r="BU1713" s="162"/>
      <c r="BV1713" s="162"/>
      <c r="BW1713" s="162"/>
      <c r="BX1713" s="162"/>
      <c r="BY1713" s="162"/>
      <c r="BZ1713" s="162"/>
      <c r="CA1713" s="162"/>
      <c r="CB1713" s="162"/>
      <c r="CC1713" s="162"/>
      <c r="CD1713" s="162"/>
      <c r="CE1713" s="162"/>
      <c r="CF1713" s="162"/>
      <c r="CG1713" s="162"/>
      <c r="CH1713" s="162"/>
      <c r="CI1713" s="162"/>
      <c r="CJ1713" s="162"/>
      <c r="CK1713" s="162"/>
      <c r="CX1713" s="98"/>
      <c r="DL1713" s="97"/>
      <c r="DX1713" s="98"/>
      <c r="EL1713" s="97"/>
      <c r="EX1713" s="98"/>
      <c r="EY1713" s="97"/>
      <c r="FL1713" s="126"/>
      <c r="FM1713" s="91"/>
      <c r="FN1713" s="91"/>
      <c r="FO1713" s="91"/>
      <c r="FP1713" s="91"/>
      <c r="FQ1713" s="91"/>
      <c r="FR1713" s="91"/>
      <c r="FS1713" s="91"/>
      <c r="FT1713" s="91"/>
      <c r="FU1713" s="91"/>
      <c r="FV1713" s="91"/>
      <c r="FW1713" s="91"/>
      <c r="FX1713" s="91"/>
      <c r="FY1713" s="91"/>
      <c r="FZ1713" s="91"/>
      <c r="GA1713" s="91"/>
      <c r="GB1713" s="91"/>
      <c r="GC1713" s="91"/>
      <c r="GD1713" s="91"/>
      <c r="GE1713" s="91"/>
      <c r="GF1713" s="91"/>
      <c r="GG1713" s="91"/>
      <c r="GH1713" s="91"/>
      <c r="GI1713" s="91"/>
      <c r="GJ1713" s="91"/>
      <c r="GK1713" s="127"/>
      <c r="GL1713" s="126"/>
      <c r="GM1713" s="91"/>
      <c r="GN1713" s="91"/>
      <c r="GO1713" s="91"/>
      <c r="GP1713" s="91"/>
      <c r="GQ1713" s="91"/>
      <c r="GR1713" s="91"/>
      <c r="GS1713" s="91"/>
      <c r="GT1713" s="91"/>
      <c r="GU1713" s="91"/>
      <c r="GV1713" s="91"/>
      <c r="GW1713" s="91"/>
      <c r="GX1713" s="91"/>
      <c r="GY1713" s="91"/>
      <c r="GZ1713" s="91"/>
      <c r="HA1713" s="91"/>
      <c r="HB1713" s="91"/>
      <c r="HC1713" s="91"/>
      <c r="HD1713" s="91"/>
      <c r="HE1713" s="91"/>
      <c r="HF1713" s="91"/>
      <c r="HG1713" s="91"/>
      <c r="HH1713" s="91"/>
      <c r="HI1713" s="91"/>
      <c r="HJ1713" s="91"/>
      <c r="HK1713" s="127"/>
      <c r="HL1713" s="126"/>
      <c r="HM1713" s="91"/>
      <c r="HN1713" s="91"/>
      <c r="HO1713" s="91"/>
      <c r="HP1713" s="91"/>
      <c r="HQ1713" s="91"/>
      <c r="HR1713" s="91"/>
      <c r="HS1713" s="91"/>
      <c r="HT1713" s="91"/>
      <c r="HU1713" s="91"/>
      <c r="HV1713" s="91"/>
      <c r="HW1713" s="91"/>
      <c r="HX1713" s="91"/>
      <c r="HY1713" s="91"/>
      <c r="HZ1713" s="91"/>
      <c r="IA1713" s="91"/>
      <c r="IB1713" s="91"/>
      <c r="IC1713" s="91"/>
      <c r="ID1713" s="91"/>
      <c r="IE1713" s="91"/>
      <c r="IF1713" s="91"/>
      <c r="IG1713" s="91"/>
      <c r="IH1713" s="91"/>
      <c r="II1713" s="91"/>
      <c r="IJ1713" s="91"/>
      <c r="IK1713" s="127"/>
    </row>
    <row r="1714" spans="2:245" x14ac:dyDescent="0.2">
      <c r="B1714" s="43"/>
      <c r="C1714" s="73"/>
      <c r="D1714" s="64"/>
      <c r="E1714" s="64"/>
      <c r="F1714" s="55"/>
      <c r="G1714" s="102"/>
      <c r="H1714" s="55"/>
      <c r="I1714" s="55"/>
      <c r="J1714" s="55"/>
      <c r="K1714" s="55"/>
      <c r="L1714" s="55"/>
      <c r="M1714" s="55"/>
      <c r="N1714" s="55"/>
      <c r="O1714" s="55"/>
      <c r="P1714" s="55"/>
      <c r="Q1714" s="55"/>
      <c r="R1714" s="55"/>
      <c r="S1714" s="55"/>
      <c r="T1714" s="55"/>
      <c r="U1714" s="55"/>
      <c r="V1714" s="55"/>
      <c r="W1714" s="55"/>
      <c r="X1714" s="55"/>
      <c r="Y1714" s="55"/>
      <c r="Z1714" s="55"/>
      <c r="AA1714" s="55"/>
      <c r="AB1714" s="55"/>
      <c r="AC1714" s="55"/>
      <c r="AD1714" s="55"/>
      <c r="AE1714" s="55"/>
      <c r="AF1714" s="55"/>
      <c r="AG1714" s="55"/>
      <c r="AY1714" s="162"/>
      <c r="AZ1714" s="162"/>
      <c r="BA1714" s="162"/>
      <c r="BB1714" s="162"/>
      <c r="BC1714" s="162"/>
      <c r="BD1714" s="162"/>
      <c r="BE1714" s="162"/>
      <c r="BF1714" s="162"/>
      <c r="BG1714" s="162"/>
      <c r="BH1714" s="162"/>
      <c r="BI1714" s="162"/>
      <c r="BJ1714" s="162"/>
      <c r="BK1714" s="162"/>
      <c r="BL1714" s="162"/>
      <c r="BM1714" s="162"/>
      <c r="BN1714" s="162"/>
      <c r="BO1714" s="162"/>
      <c r="BP1714" s="162"/>
      <c r="BQ1714" s="162"/>
      <c r="BR1714" s="162"/>
      <c r="BS1714" s="162"/>
      <c r="BT1714" s="162"/>
      <c r="BU1714" s="162"/>
      <c r="BV1714" s="162"/>
      <c r="BW1714" s="162"/>
      <c r="BX1714" s="162"/>
      <c r="BY1714" s="162"/>
      <c r="BZ1714" s="162"/>
      <c r="CA1714" s="162"/>
      <c r="CB1714" s="162"/>
      <c r="CC1714" s="162"/>
      <c r="CD1714" s="162"/>
      <c r="CE1714" s="162"/>
      <c r="CF1714" s="162"/>
      <c r="CG1714" s="162"/>
      <c r="CH1714" s="162"/>
      <c r="CI1714" s="162"/>
      <c r="CJ1714" s="162"/>
      <c r="CK1714" s="162"/>
      <c r="CX1714" s="98"/>
      <c r="DL1714" s="97"/>
      <c r="DX1714" s="98"/>
      <c r="EL1714" s="97"/>
      <c r="EX1714" s="98"/>
      <c r="EY1714" s="97"/>
      <c r="FL1714" s="126"/>
      <c r="FM1714" s="91"/>
      <c r="FN1714" s="91"/>
      <c r="FO1714" s="91"/>
      <c r="FP1714" s="91"/>
      <c r="FQ1714" s="91"/>
      <c r="FR1714" s="91"/>
      <c r="FS1714" s="91"/>
      <c r="FT1714" s="91"/>
      <c r="FU1714" s="91"/>
      <c r="FV1714" s="91"/>
      <c r="FW1714" s="91"/>
      <c r="FX1714" s="91"/>
      <c r="FY1714" s="91"/>
      <c r="FZ1714" s="91"/>
      <c r="GA1714" s="91"/>
      <c r="GB1714" s="91"/>
      <c r="GC1714" s="91"/>
      <c r="GD1714" s="91"/>
      <c r="GE1714" s="91"/>
      <c r="GF1714" s="91"/>
      <c r="GG1714" s="91"/>
      <c r="GH1714" s="91"/>
      <c r="GI1714" s="91"/>
      <c r="GJ1714" s="91"/>
      <c r="GK1714" s="127"/>
      <c r="GL1714" s="126"/>
      <c r="GM1714" s="91"/>
      <c r="GN1714" s="91"/>
      <c r="GO1714" s="91"/>
      <c r="GP1714" s="91"/>
      <c r="GQ1714" s="91"/>
      <c r="GR1714" s="91"/>
      <c r="GS1714" s="91"/>
      <c r="GT1714" s="91"/>
      <c r="GU1714" s="91"/>
      <c r="GV1714" s="91"/>
      <c r="GW1714" s="91"/>
      <c r="GX1714" s="91"/>
      <c r="GY1714" s="91"/>
      <c r="GZ1714" s="91"/>
      <c r="HA1714" s="91"/>
      <c r="HB1714" s="91"/>
      <c r="HC1714" s="91"/>
      <c r="HD1714" s="91"/>
      <c r="HE1714" s="91"/>
      <c r="HF1714" s="91"/>
      <c r="HG1714" s="91"/>
      <c r="HH1714" s="91"/>
      <c r="HI1714" s="91"/>
      <c r="HJ1714" s="91"/>
      <c r="HK1714" s="127"/>
      <c r="HL1714" s="126"/>
      <c r="HM1714" s="91"/>
      <c r="HN1714" s="91"/>
      <c r="HO1714" s="91"/>
      <c r="HP1714" s="91"/>
      <c r="HQ1714" s="91"/>
      <c r="HR1714" s="91"/>
      <c r="HS1714" s="91"/>
      <c r="HT1714" s="91"/>
      <c r="HU1714" s="91"/>
      <c r="HV1714" s="91"/>
      <c r="HW1714" s="91"/>
      <c r="HX1714" s="91"/>
      <c r="HY1714" s="91"/>
      <c r="HZ1714" s="91"/>
      <c r="IA1714" s="91"/>
      <c r="IB1714" s="91"/>
      <c r="IC1714" s="91"/>
      <c r="ID1714" s="91"/>
      <c r="IE1714" s="91"/>
      <c r="IF1714" s="91"/>
      <c r="IG1714" s="91"/>
      <c r="IH1714" s="91"/>
      <c r="II1714" s="91"/>
      <c r="IJ1714" s="91"/>
      <c r="IK1714" s="127"/>
    </row>
    <row r="1715" spans="2:245" x14ac:dyDescent="0.2">
      <c r="B1715" s="43"/>
      <c r="C1715" s="73"/>
      <c r="D1715" s="64"/>
      <c r="E1715" s="64"/>
      <c r="F1715" s="55"/>
      <c r="G1715" s="102"/>
      <c r="H1715" s="55"/>
      <c r="I1715" s="55"/>
      <c r="J1715" s="55"/>
      <c r="K1715" s="55"/>
      <c r="L1715" s="55"/>
      <c r="M1715" s="55"/>
      <c r="N1715" s="55"/>
      <c r="O1715" s="55"/>
      <c r="P1715" s="55"/>
      <c r="Q1715" s="55"/>
      <c r="R1715" s="55"/>
      <c r="S1715" s="55"/>
      <c r="T1715" s="55"/>
      <c r="U1715" s="55"/>
      <c r="V1715" s="55"/>
      <c r="W1715" s="55"/>
      <c r="X1715" s="55"/>
      <c r="Y1715" s="55"/>
      <c r="Z1715" s="55"/>
      <c r="AA1715" s="55"/>
      <c r="AB1715" s="55"/>
      <c r="AC1715" s="55"/>
      <c r="AD1715" s="55"/>
      <c r="AE1715" s="55"/>
      <c r="AF1715" s="55"/>
      <c r="AG1715" s="55"/>
      <c r="AY1715" s="162"/>
      <c r="AZ1715" s="162"/>
      <c r="BA1715" s="162"/>
      <c r="BB1715" s="162"/>
      <c r="BC1715" s="162"/>
      <c r="BD1715" s="162"/>
      <c r="BE1715" s="162"/>
      <c r="BF1715" s="162"/>
      <c r="BG1715" s="162"/>
      <c r="BH1715" s="162"/>
      <c r="BI1715" s="162"/>
      <c r="BJ1715" s="162"/>
      <c r="BK1715" s="162"/>
      <c r="BL1715" s="162"/>
      <c r="BM1715" s="162"/>
      <c r="BN1715" s="162"/>
      <c r="BO1715" s="162"/>
      <c r="BP1715" s="162"/>
      <c r="BQ1715" s="162"/>
      <c r="BR1715" s="162"/>
      <c r="BS1715" s="162"/>
      <c r="BT1715" s="162"/>
      <c r="BU1715" s="162"/>
      <c r="BV1715" s="162"/>
      <c r="BW1715" s="162"/>
      <c r="BX1715" s="162"/>
      <c r="BY1715" s="162"/>
      <c r="BZ1715" s="162"/>
      <c r="CA1715" s="162"/>
      <c r="CB1715" s="162"/>
      <c r="CC1715" s="162"/>
      <c r="CD1715" s="162"/>
      <c r="CE1715" s="162"/>
      <c r="CF1715" s="162"/>
      <c r="CG1715" s="162"/>
      <c r="CH1715" s="162"/>
      <c r="CI1715" s="162"/>
      <c r="CJ1715" s="162"/>
      <c r="CK1715" s="162"/>
      <c r="CX1715" s="98"/>
      <c r="DL1715" s="97"/>
      <c r="DX1715" s="98"/>
      <c r="EL1715" s="97"/>
      <c r="EX1715" s="98"/>
      <c r="EY1715" s="97"/>
      <c r="FL1715" s="126"/>
      <c r="FM1715" s="91"/>
      <c r="FN1715" s="91"/>
      <c r="FO1715" s="91"/>
      <c r="FP1715" s="91"/>
      <c r="FQ1715" s="91"/>
      <c r="FR1715" s="91"/>
      <c r="FS1715" s="91"/>
      <c r="FT1715" s="91"/>
      <c r="FU1715" s="91"/>
      <c r="FV1715" s="91"/>
      <c r="FW1715" s="91"/>
      <c r="FX1715" s="91"/>
      <c r="FY1715" s="91"/>
      <c r="FZ1715" s="91"/>
      <c r="GA1715" s="91"/>
      <c r="GB1715" s="91"/>
      <c r="GC1715" s="91"/>
      <c r="GD1715" s="91"/>
      <c r="GE1715" s="91"/>
      <c r="GF1715" s="91"/>
      <c r="GG1715" s="91"/>
      <c r="GH1715" s="91"/>
      <c r="GI1715" s="91"/>
      <c r="GJ1715" s="91"/>
      <c r="GK1715" s="127"/>
      <c r="GL1715" s="126"/>
      <c r="GM1715" s="91"/>
      <c r="GN1715" s="91"/>
      <c r="GO1715" s="91"/>
      <c r="GP1715" s="91"/>
      <c r="GQ1715" s="91"/>
      <c r="GR1715" s="91"/>
      <c r="GS1715" s="91"/>
      <c r="GT1715" s="91"/>
      <c r="GU1715" s="91"/>
      <c r="GV1715" s="91"/>
      <c r="GW1715" s="91"/>
      <c r="GX1715" s="91"/>
      <c r="GY1715" s="91"/>
      <c r="GZ1715" s="91"/>
      <c r="HA1715" s="91"/>
      <c r="HB1715" s="91"/>
      <c r="HC1715" s="91"/>
      <c r="HD1715" s="91"/>
      <c r="HE1715" s="91"/>
      <c r="HF1715" s="91"/>
      <c r="HG1715" s="91"/>
      <c r="HH1715" s="91"/>
      <c r="HI1715" s="91"/>
      <c r="HJ1715" s="91"/>
      <c r="HK1715" s="127"/>
      <c r="HL1715" s="126"/>
      <c r="HM1715" s="91"/>
      <c r="HN1715" s="91"/>
      <c r="HO1715" s="91"/>
      <c r="HP1715" s="91"/>
      <c r="HQ1715" s="91"/>
      <c r="HR1715" s="91"/>
      <c r="HS1715" s="91"/>
      <c r="HT1715" s="91"/>
      <c r="HU1715" s="91"/>
      <c r="HV1715" s="91"/>
      <c r="HW1715" s="91"/>
      <c r="HX1715" s="91"/>
      <c r="HY1715" s="91"/>
      <c r="HZ1715" s="91"/>
      <c r="IA1715" s="91"/>
      <c r="IB1715" s="91"/>
      <c r="IC1715" s="91"/>
      <c r="ID1715" s="91"/>
      <c r="IE1715" s="91"/>
      <c r="IF1715" s="91"/>
      <c r="IG1715" s="91"/>
      <c r="IH1715" s="91"/>
      <c r="II1715" s="91"/>
      <c r="IJ1715" s="91"/>
      <c r="IK1715" s="127"/>
    </row>
    <row r="1716" spans="2:245" x14ac:dyDescent="0.2">
      <c r="B1716" s="43"/>
      <c r="C1716" s="73"/>
      <c r="D1716" s="64"/>
      <c r="E1716" s="64"/>
      <c r="F1716" s="55"/>
      <c r="G1716" s="102"/>
      <c r="H1716" s="55"/>
      <c r="I1716" s="55"/>
      <c r="J1716" s="55"/>
      <c r="K1716" s="55"/>
      <c r="L1716" s="55"/>
      <c r="M1716" s="55"/>
      <c r="N1716" s="55"/>
      <c r="O1716" s="55"/>
      <c r="P1716" s="55"/>
      <c r="Q1716" s="55"/>
      <c r="R1716" s="55"/>
      <c r="S1716" s="55"/>
      <c r="T1716" s="55"/>
      <c r="U1716" s="55"/>
      <c r="V1716" s="55"/>
      <c r="W1716" s="55"/>
      <c r="X1716" s="55"/>
      <c r="Y1716" s="55"/>
      <c r="Z1716" s="55"/>
      <c r="AA1716" s="55"/>
      <c r="AB1716" s="55"/>
      <c r="AC1716" s="55"/>
      <c r="AD1716" s="55"/>
      <c r="AE1716" s="55"/>
      <c r="AF1716" s="55"/>
      <c r="AG1716" s="55"/>
      <c r="AY1716" s="162"/>
      <c r="AZ1716" s="162"/>
      <c r="BA1716" s="162"/>
      <c r="BB1716" s="162"/>
      <c r="BC1716" s="162"/>
      <c r="BD1716" s="162"/>
      <c r="BE1716" s="162"/>
      <c r="BF1716" s="162"/>
      <c r="BG1716" s="162"/>
      <c r="BH1716" s="162"/>
      <c r="BI1716" s="162"/>
      <c r="BJ1716" s="162"/>
      <c r="BK1716" s="162"/>
      <c r="BL1716" s="162"/>
      <c r="BM1716" s="162"/>
      <c r="BN1716" s="162"/>
      <c r="BO1716" s="162"/>
      <c r="BP1716" s="162"/>
      <c r="BQ1716" s="162"/>
      <c r="BR1716" s="162"/>
      <c r="BS1716" s="162"/>
      <c r="BT1716" s="162"/>
      <c r="BU1716" s="162"/>
      <c r="BV1716" s="162"/>
      <c r="BW1716" s="162"/>
      <c r="BX1716" s="162"/>
      <c r="BY1716" s="162"/>
      <c r="BZ1716" s="162"/>
      <c r="CA1716" s="162"/>
      <c r="CB1716" s="162"/>
      <c r="CC1716" s="162"/>
      <c r="CD1716" s="162"/>
      <c r="CE1716" s="162"/>
      <c r="CF1716" s="162"/>
      <c r="CG1716" s="162"/>
      <c r="CH1716" s="162"/>
      <c r="CI1716" s="162"/>
      <c r="CJ1716" s="162"/>
      <c r="CK1716" s="162"/>
      <c r="CX1716" s="98"/>
      <c r="DL1716" s="97"/>
      <c r="DX1716" s="98"/>
      <c r="EL1716" s="97"/>
      <c r="EX1716" s="98"/>
      <c r="EY1716" s="97"/>
      <c r="FL1716" s="126"/>
      <c r="FM1716" s="91"/>
      <c r="FN1716" s="91"/>
      <c r="FO1716" s="91"/>
      <c r="FP1716" s="91"/>
      <c r="FQ1716" s="91"/>
      <c r="FR1716" s="91"/>
      <c r="FS1716" s="91"/>
      <c r="FT1716" s="91"/>
      <c r="FU1716" s="91"/>
      <c r="FV1716" s="91"/>
      <c r="FW1716" s="91"/>
      <c r="FX1716" s="91"/>
      <c r="FY1716" s="91"/>
      <c r="FZ1716" s="91"/>
      <c r="GA1716" s="91"/>
      <c r="GB1716" s="91"/>
      <c r="GC1716" s="91"/>
      <c r="GD1716" s="91"/>
      <c r="GE1716" s="91"/>
      <c r="GF1716" s="91"/>
      <c r="GG1716" s="91"/>
      <c r="GH1716" s="91"/>
      <c r="GI1716" s="91"/>
      <c r="GJ1716" s="91"/>
      <c r="GK1716" s="127"/>
      <c r="GL1716" s="126"/>
      <c r="GM1716" s="91"/>
      <c r="GN1716" s="91"/>
      <c r="GO1716" s="91"/>
      <c r="GP1716" s="91"/>
      <c r="GQ1716" s="91"/>
      <c r="GR1716" s="91"/>
      <c r="GS1716" s="91"/>
      <c r="GT1716" s="91"/>
      <c r="GU1716" s="91"/>
      <c r="GV1716" s="91"/>
      <c r="GW1716" s="91"/>
      <c r="GX1716" s="91"/>
      <c r="GY1716" s="91"/>
      <c r="GZ1716" s="91"/>
      <c r="HA1716" s="91"/>
      <c r="HB1716" s="91"/>
      <c r="HC1716" s="91"/>
      <c r="HD1716" s="91"/>
      <c r="HE1716" s="91"/>
      <c r="HF1716" s="91"/>
      <c r="HG1716" s="91"/>
      <c r="HH1716" s="91"/>
      <c r="HI1716" s="91"/>
      <c r="HJ1716" s="91"/>
      <c r="HK1716" s="127"/>
      <c r="HL1716" s="126"/>
      <c r="HM1716" s="91"/>
      <c r="HN1716" s="91"/>
      <c r="HO1716" s="91"/>
      <c r="HP1716" s="91"/>
      <c r="HQ1716" s="91"/>
      <c r="HR1716" s="91"/>
      <c r="HS1716" s="91"/>
      <c r="HT1716" s="91"/>
      <c r="HU1716" s="91"/>
      <c r="HV1716" s="91"/>
      <c r="HW1716" s="91"/>
      <c r="HX1716" s="91"/>
      <c r="HY1716" s="91"/>
      <c r="HZ1716" s="91"/>
      <c r="IA1716" s="91"/>
      <c r="IB1716" s="91"/>
      <c r="IC1716" s="91"/>
      <c r="ID1716" s="91"/>
      <c r="IE1716" s="91"/>
      <c r="IF1716" s="91"/>
      <c r="IG1716" s="91"/>
      <c r="IH1716" s="91"/>
      <c r="II1716" s="91"/>
      <c r="IJ1716" s="91"/>
      <c r="IK1716" s="127"/>
    </row>
    <row r="1717" spans="2:245" x14ac:dyDescent="0.2">
      <c r="B1717" s="43"/>
      <c r="C1717" s="73"/>
      <c r="D1717" s="64"/>
      <c r="E1717" s="64"/>
      <c r="F1717" s="55"/>
      <c r="G1717" s="102"/>
      <c r="H1717" s="55"/>
      <c r="I1717" s="55"/>
      <c r="J1717" s="55"/>
      <c r="K1717" s="55"/>
      <c r="L1717" s="55"/>
      <c r="M1717" s="55"/>
      <c r="N1717" s="55"/>
      <c r="O1717" s="55"/>
      <c r="P1717" s="55"/>
      <c r="Q1717" s="55"/>
      <c r="R1717" s="55"/>
      <c r="S1717" s="55"/>
      <c r="T1717" s="55"/>
      <c r="U1717" s="55"/>
      <c r="V1717" s="55"/>
      <c r="W1717" s="55"/>
      <c r="X1717" s="55"/>
      <c r="Y1717" s="55"/>
      <c r="Z1717" s="55"/>
      <c r="AA1717" s="55"/>
      <c r="AB1717" s="55"/>
      <c r="AC1717" s="55"/>
      <c r="AD1717" s="55"/>
      <c r="AE1717" s="55"/>
      <c r="AF1717" s="55"/>
      <c r="AG1717" s="55"/>
      <c r="AY1717" s="162"/>
      <c r="AZ1717" s="162"/>
      <c r="BA1717" s="162"/>
      <c r="BB1717" s="162"/>
      <c r="BC1717" s="162"/>
      <c r="BD1717" s="162"/>
      <c r="BE1717" s="162"/>
      <c r="BF1717" s="162"/>
      <c r="BG1717" s="162"/>
      <c r="BH1717" s="162"/>
      <c r="BI1717" s="162"/>
      <c r="BJ1717" s="162"/>
      <c r="BK1717" s="162"/>
      <c r="BL1717" s="162"/>
      <c r="BM1717" s="162"/>
      <c r="BN1717" s="162"/>
      <c r="BO1717" s="162"/>
      <c r="BP1717" s="162"/>
      <c r="BQ1717" s="162"/>
      <c r="BR1717" s="162"/>
      <c r="BS1717" s="162"/>
      <c r="BT1717" s="162"/>
      <c r="BU1717" s="162"/>
      <c r="BV1717" s="162"/>
      <c r="BW1717" s="162"/>
      <c r="BX1717" s="162"/>
      <c r="BY1717" s="162"/>
      <c r="BZ1717" s="162"/>
      <c r="CA1717" s="162"/>
      <c r="CB1717" s="162"/>
      <c r="CC1717" s="162"/>
      <c r="CD1717" s="162"/>
      <c r="CE1717" s="162"/>
      <c r="CF1717" s="162"/>
      <c r="CG1717" s="162"/>
      <c r="CH1717" s="162"/>
      <c r="CI1717" s="162"/>
      <c r="CJ1717" s="162"/>
      <c r="CK1717" s="162"/>
      <c r="CX1717" s="98"/>
      <c r="DL1717" s="97"/>
      <c r="DX1717" s="98"/>
      <c r="EL1717" s="97"/>
      <c r="EX1717" s="98"/>
      <c r="EY1717" s="97"/>
      <c r="FL1717" s="126"/>
      <c r="FM1717" s="91"/>
      <c r="FN1717" s="91"/>
      <c r="FO1717" s="91"/>
      <c r="FP1717" s="91"/>
      <c r="FQ1717" s="91"/>
      <c r="FR1717" s="91"/>
      <c r="FS1717" s="91"/>
      <c r="FT1717" s="91"/>
      <c r="FU1717" s="91"/>
      <c r="FV1717" s="91"/>
      <c r="FW1717" s="91"/>
      <c r="FX1717" s="91"/>
      <c r="FY1717" s="91"/>
      <c r="FZ1717" s="91"/>
      <c r="GA1717" s="91"/>
      <c r="GB1717" s="91"/>
      <c r="GC1717" s="91"/>
      <c r="GD1717" s="91"/>
      <c r="GE1717" s="91"/>
      <c r="GF1717" s="91"/>
      <c r="GG1717" s="91"/>
      <c r="GH1717" s="91"/>
      <c r="GI1717" s="91"/>
      <c r="GJ1717" s="91"/>
      <c r="GK1717" s="127"/>
      <c r="GL1717" s="126"/>
      <c r="GM1717" s="91"/>
      <c r="GN1717" s="91"/>
      <c r="GO1717" s="91"/>
      <c r="GP1717" s="91"/>
      <c r="GQ1717" s="91"/>
      <c r="GR1717" s="91"/>
      <c r="GS1717" s="91"/>
      <c r="GT1717" s="91"/>
      <c r="GU1717" s="91"/>
      <c r="GV1717" s="91"/>
      <c r="GW1717" s="91"/>
      <c r="GX1717" s="91"/>
      <c r="GY1717" s="91"/>
      <c r="GZ1717" s="91"/>
      <c r="HA1717" s="91"/>
      <c r="HB1717" s="91"/>
      <c r="HC1717" s="91"/>
      <c r="HD1717" s="91"/>
      <c r="HE1717" s="91"/>
      <c r="HF1717" s="91"/>
      <c r="HG1717" s="91"/>
      <c r="HH1717" s="91"/>
      <c r="HI1717" s="91"/>
      <c r="HJ1717" s="91"/>
      <c r="HK1717" s="127"/>
      <c r="HL1717" s="126"/>
      <c r="HM1717" s="91"/>
      <c r="HN1717" s="91"/>
      <c r="HO1717" s="91"/>
      <c r="HP1717" s="91"/>
      <c r="HQ1717" s="91"/>
      <c r="HR1717" s="91"/>
      <c r="HS1717" s="91"/>
      <c r="HT1717" s="91"/>
      <c r="HU1717" s="91"/>
      <c r="HV1717" s="91"/>
      <c r="HW1717" s="91"/>
      <c r="HX1717" s="91"/>
      <c r="HY1717" s="91"/>
      <c r="HZ1717" s="91"/>
      <c r="IA1717" s="91"/>
      <c r="IB1717" s="91"/>
      <c r="IC1717" s="91"/>
      <c r="ID1717" s="91"/>
      <c r="IE1717" s="91"/>
      <c r="IF1717" s="91"/>
      <c r="IG1717" s="91"/>
      <c r="IH1717" s="91"/>
      <c r="II1717" s="91"/>
      <c r="IJ1717" s="91"/>
      <c r="IK1717" s="127"/>
    </row>
    <row r="1718" spans="2:245" x14ac:dyDescent="0.2">
      <c r="B1718" s="43"/>
      <c r="C1718" s="73"/>
      <c r="D1718" s="64"/>
      <c r="E1718" s="64"/>
      <c r="F1718" s="55"/>
      <c r="G1718" s="102"/>
      <c r="H1718" s="55"/>
      <c r="I1718" s="55"/>
      <c r="J1718" s="55"/>
      <c r="K1718" s="55"/>
      <c r="L1718" s="55"/>
      <c r="M1718" s="55"/>
      <c r="N1718" s="55"/>
      <c r="O1718" s="55"/>
      <c r="P1718" s="55"/>
      <c r="Q1718" s="55"/>
      <c r="R1718" s="55"/>
      <c r="S1718" s="55"/>
      <c r="T1718" s="55"/>
      <c r="U1718" s="55"/>
      <c r="V1718" s="55"/>
      <c r="W1718" s="55"/>
      <c r="X1718" s="55"/>
      <c r="Y1718" s="55"/>
      <c r="Z1718" s="55"/>
      <c r="AA1718" s="55"/>
      <c r="AB1718" s="55"/>
      <c r="AC1718" s="55"/>
      <c r="AD1718" s="55"/>
      <c r="AE1718" s="55"/>
      <c r="AF1718" s="55"/>
      <c r="AG1718" s="55"/>
      <c r="AY1718" s="162"/>
      <c r="AZ1718" s="162"/>
      <c r="BA1718" s="162"/>
      <c r="BB1718" s="162"/>
      <c r="BC1718" s="162"/>
      <c r="BD1718" s="162"/>
      <c r="BE1718" s="162"/>
      <c r="BF1718" s="162"/>
      <c r="BG1718" s="162"/>
      <c r="BH1718" s="162"/>
      <c r="BI1718" s="162"/>
      <c r="BJ1718" s="162"/>
      <c r="BK1718" s="162"/>
      <c r="BL1718" s="162"/>
      <c r="BM1718" s="162"/>
      <c r="BN1718" s="162"/>
      <c r="BO1718" s="162"/>
      <c r="BP1718" s="162"/>
      <c r="BQ1718" s="162"/>
      <c r="BR1718" s="162"/>
      <c r="BS1718" s="162"/>
      <c r="BT1718" s="162"/>
      <c r="BU1718" s="162"/>
      <c r="BV1718" s="162"/>
      <c r="BW1718" s="162"/>
      <c r="BX1718" s="162"/>
      <c r="BY1718" s="162"/>
      <c r="BZ1718" s="162"/>
      <c r="CA1718" s="162"/>
      <c r="CB1718" s="162"/>
      <c r="CC1718" s="162"/>
      <c r="CD1718" s="162"/>
      <c r="CE1718" s="162"/>
      <c r="CF1718" s="162"/>
      <c r="CG1718" s="162"/>
      <c r="CH1718" s="162"/>
      <c r="CI1718" s="162"/>
      <c r="CJ1718" s="162"/>
      <c r="CK1718" s="162"/>
      <c r="CX1718" s="98"/>
      <c r="DL1718" s="97"/>
      <c r="DX1718" s="98"/>
      <c r="EL1718" s="97"/>
      <c r="EX1718" s="98"/>
      <c r="EY1718" s="97"/>
      <c r="FL1718" s="126"/>
      <c r="FM1718" s="91"/>
      <c r="FN1718" s="91"/>
      <c r="FO1718" s="91"/>
      <c r="FP1718" s="91"/>
      <c r="FQ1718" s="91"/>
      <c r="FR1718" s="91"/>
      <c r="FS1718" s="91"/>
      <c r="FT1718" s="91"/>
      <c r="FU1718" s="91"/>
      <c r="FV1718" s="91"/>
      <c r="FW1718" s="91"/>
      <c r="FX1718" s="91"/>
      <c r="FY1718" s="91"/>
      <c r="FZ1718" s="91"/>
      <c r="GA1718" s="91"/>
      <c r="GB1718" s="91"/>
      <c r="GC1718" s="91"/>
      <c r="GD1718" s="91"/>
      <c r="GE1718" s="91"/>
      <c r="GF1718" s="91"/>
      <c r="GG1718" s="91"/>
      <c r="GH1718" s="91"/>
      <c r="GI1718" s="91"/>
      <c r="GJ1718" s="91"/>
      <c r="GK1718" s="127"/>
      <c r="GL1718" s="126"/>
      <c r="GM1718" s="91"/>
      <c r="GN1718" s="91"/>
      <c r="GO1718" s="91"/>
      <c r="GP1718" s="91"/>
      <c r="GQ1718" s="91"/>
      <c r="GR1718" s="91"/>
      <c r="GS1718" s="91"/>
      <c r="GT1718" s="91"/>
      <c r="GU1718" s="91"/>
      <c r="GV1718" s="91"/>
      <c r="GW1718" s="91"/>
      <c r="GX1718" s="91"/>
      <c r="GY1718" s="91"/>
      <c r="GZ1718" s="91"/>
      <c r="HA1718" s="91"/>
      <c r="HB1718" s="91"/>
      <c r="HC1718" s="91"/>
      <c r="HD1718" s="91"/>
      <c r="HE1718" s="91"/>
      <c r="HF1718" s="91"/>
      <c r="HG1718" s="91"/>
      <c r="HH1718" s="91"/>
      <c r="HI1718" s="91"/>
      <c r="HJ1718" s="91"/>
      <c r="HK1718" s="127"/>
      <c r="HL1718" s="126"/>
      <c r="HM1718" s="91"/>
      <c r="HN1718" s="91"/>
      <c r="HO1718" s="91"/>
      <c r="HP1718" s="91"/>
      <c r="HQ1718" s="91"/>
      <c r="HR1718" s="91"/>
      <c r="HS1718" s="91"/>
      <c r="HT1718" s="91"/>
      <c r="HU1718" s="91"/>
      <c r="HV1718" s="91"/>
      <c r="HW1718" s="91"/>
      <c r="HX1718" s="91"/>
      <c r="HY1718" s="91"/>
      <c r="HZ1718" s="91"/>
      <c r="IA1718" s="91"/>
      <c r="IB1718" s="91"/>
      <c r="IC1718" s="91"/>
      <c r="ID1718" s="91"/>
      <c r="IE1718" s="91"/>
      <c r="IF1718" s="91"/>
      <c r="IG1718" s="91"/>
      <c r="IH1718" s="91"/>
      <c r="II1718" s="91"/>
      <c r="IJ1718" s="91"/>
      <c r="IK1718" s="127"/>
    </row>
    <row r="1719" spans="2:245" x14ac:dyDescent="0.2">
      <c r="B1719" s="43"/>
      <c r="C1719" s="73"/>
      <c r="D1719" s="64"/>
      <c r="E1719" s="64"/>
      <c r="F1719" s="55"/>
      <c r="G1719" s="102"/>
      <c r="H1719" s="55"/>
      <c r="I1719" s="55"/>
      <c r="J1719" s="55"/>
      <c r="K1719" s="55"/>
      <c r="L1719" s="55"/>
      <c r="M1719" s="55"/>
      <c r="N1719" s="55"/>
      <c r="O1719" s="55"/>
      <c r="P1719" s="55"/>
      <c r="Q1719" s="55"/>
      <c r="R1719" s="55"/>
      <c r="S1719" s="55"/>
      <c r="T1719" s="55"/>
      <c r="U1719" s="55"/>
      <c r="V1719" s="55"/>
      <c r="W1719" s="55"/>
      <c r="X1719" s="55"/>
      <c r="Y1719" s="55"/>
      <c r="Z1719" s="55"/>
      <c r="AA1719" s="55"/>
      <c r="AB1719" s="55"/>
      <c r="AC1719" s="55"/>
      <c r="AD1719" s="55"/>
      <c r="AE1719" s="55"/>
      <c r="AF1719" s="55"/>
      <c r="AG1719" s="55"/>
      <c r="AY1719" s="162"/>
      <c r="AZ1719" s="162"/>
      <c r="BA1719" s="162"/>
      <c r="BB1719" s="162"/>
      <c r="BC1719" s="162"/>
      <c r="BD1719" s="162"/>
      <c r="BE1719" s="162"/>
      <c r="BF1719" s="162"/>
      <c r="BG1719" s="162"/>
      <c r="BH1719" s="162"/>
      <c r="BI1719" s="162"/>
      <c r="BJ1719" s="162"/>
      <c r="BK1719" s="162"/>
      <c r="BL1719" s="162"/>
      <c r="BM1719" s="162"/>
      <c r="BN1719" s="162"/>
      <c r="BO1719" s="162"/>
      <c r="BP1719" s="162"/>
      <c r="BQ1719" s="162"/>
      <c r="BR1719" s="162"/>
      <c r="BS1719" s="162"/>
      <c r="BT1719" s="162"/>
      <c r="BU1719" s="162"/>
      <c r="BV1719" s="162"/>
      <c r="BW1719" s="162"/>
      <c r="BX1719" s="162"/>
      <c r="BY1719" s="162"/>
      <c r="BZ1719" s="162"/>
      <c r="CA1719" s="162"/>
      <c r="CB1719" s="162"/>
      <c r="CC1719" s="162"/>
      <c r="CD1719" s="162"/>
      <c r="CE1719" s="162"/>
      <c r="CF1719" s="162"/>
      <c r="CG1719" s="162"/>
      <c r="CH1719" s="162"/>
      <c r="CI1719" s="162"/>
      <c r="CJ1719" s="162"/>
      <c r="CK1719" s="162"/>
      <c r="CX1719" s="98"/>
      <c r="DL1719" s="97"/>
      <c r="DX1719" s="98"/>
      <c r="EL1719" s="97"/>
      <c r="EX1719" s="98"/>
      <c r="EY1719" s="97"/>
      <c r="FL1719" s="126"/>
      <c r="FM1719" s="91"/>
      <c r="FN1719" s="91"/>
      <c r="FO1719" s="91"/>
      <c r="FP1719" s="91"/>
      <c r="FQ1719" s="91"/>
      <c r="FR1719" s="91"/>
      <c r="FS1719" s="91"/>
      <c r="FT1719" s="91"/>
      <c r="FU1719" s="91"/>
      <c r="FV1719" s="91"/>
      <c r="FW1719" s="91"/>
      <c r="FX1719" s="91"/>
      <c r="FY1719" s="91"/>
      <c r="FZ1719" s="91"/>
      <c r="GA1719" s="91"/>
      <c r="GB1719" s="91"/>
      <c r="GC1719" s="91"/>
      <c r="GD1719" s="91"/>
      <c r="GE1719" s="91"/>
      <c r="GF1719" s="91"/>
      <c r="GG1719" s="91"/>
      <c r="GH1719" s="91"/>
      <c r="GI1719" s="91"/>
      <c r="GJ1719" s="91"/>
      <c r="GK1719" s="127"/>
      <c r="GL1719" s="126"/>
      <c r="GM1719" s="91"/>
      <c r="GN1719" s="91"/>
      <c r="GO1719" s="91"/>
      <c r="GP1719" s="91"/>
      <c r="GQ1719" s="91"/>
      <c r="GR1719" s="91"/>
      <c r="GS1719" s="91"/>
      <c r="GT1719" s="91"/>
      <c r="GU1719" s="91"/>
      <c r="GV1719" s="91"/>
      <c r="GW1719" s="91"/>
      <c r="GX1719" s="91"/>
      <c r="GY1719" s="91"/>
      <c r="GZ1719" s="91"/>
      <c r="HA1719" s="91"/>
      <c r="HB1719" s="91"/>
      <c r="HC1719" s="91"/>
      <c r="HD1719" s="91"/>
      <c r="HE1719" s="91"/>
      <c r="HF1719" s="91"/>
      <c r="HG1719" s="91"/>
      <c r="HH1719" s="91"/>
      <c r="HI1719" s="91"/>
      <c r="HJ1719" s="91"/>
      <c r="HK1719" s="127"/>
      <c r="HL1719" s="126"/>
      <c r="HM1719" s="91"/>
      <c r="HN1719" s="91"/>
      <c r="HO1719" s="91"/>
      <c r="HP1719" s="91"/>
      <c r="HQ1719" s="91"/>
      <c r="HR1719" s="91"/>
      <c r="HS1719" s="91"/>
      <c r="HT1719" s="91"/>
      <c r="HU1719" s="91"/>
      <c r="HV1719" s="91"/>
      <c r="HW1719" s="91"/>
      <c r="HX1719" s="91"/>
      <c r="HY1719" s="91"/>
      <c r="HZ1719" s="91"/>
      <c r="IA1719" s="91"/>
      <c r="IB1719" s="91"/>
      <c r="IC1719" s="91"/>
      <c r="ID1719" s="91"/>
      <c r="IE1719" s="91"/>
      <c r="IF1719" s="91"/>
      <c r="IG1719" s="91"/>
      <c r="IH1719" s="91"/>
      <c r="II1719" s="91"/>
      <c r="IJ1719" s="91"/>
      <c r="IK1719" s="127"/>
    </row>
    <row r="1720" spans="2:245" x14ac:dyDescent="0.2">
      <c r="B1720" s="43"/>
      <c r="C1720" s="73"/>
      <c r="D1720" s="64"/>
      <c r="E1720" s="64"/>
      <c r="F1720" s="55"/>
      <c r="G1720" s="102"/>
      <c r="H1720" s="55"/>
      <c r="I1720" s="55"/>
      <c r="J1720" s="55"/>
      <c r="K1720" s="55"/>
      <c r="L1720" s="55"/>
      <c r="M1720" s="55"/>
      <c r="N1720" s="55"/>
      <c r="O1720" s="55"/>
      <c r="P1720" s="55"/>
      <c r="Q1720" s="55"/>
      <c r="R1720" s="55"/>
      <c r="S1720" s="55"/>
      <c r="T1720" s="55"/>
      <c r="U1720" s="55"/>
      <c r="V1720" s="55"/>
      <c r="W1720" s="55"/>
      <c r="X1720" s="55"/>
      <c r="Y1720" s="55"/>
      <c r="Z1720" s="55"/>
      <c r="AA1720" s="55"/>
      <c r="AB1720" s="55"/>
      <c r="AC1720" s="55"/>
      <c r="AD1720" s="55"/>
      <c r="AE1720" s="55"/>
      <c r="AF1720" s="55"/>
      <c r="AG1720" s="55"/>
      <c r="AY1720" s="162"/>
      <c r="AZ1720" s="162"/>
      <c r="BA1720" s="162"/>
      <c r="BB1720" s="162"/>
      <c r="BC1720" s="162"/>
      <c r="BD1720" s="162"/>
      <c r="BE1720" s="162"/>
      <c r="BF1720" s="162"/>
      <c r="BG1720" s="162"/>
      <c r="BH1720" s="162"/>
      <c r="BI1720" s="162"/>
      <c r="BJ1720" s="162"/>
      <c r="BK1720" s="162"/>
      <c r="BL1720" s="162"/>
      <c r="BM1720" s="162"/>
      <c r="BN1720" s="162"/>
      <c r="BO1720" s="162"/>
      <c r="BP1720" s="162"/>
      <c r="BQ1720" s="162"/>
      <c r="BR1720" s="162"/>
      <c r="BS1720" s="162"/>
      <c r="BT1720" s="162"/>
      <c r="BU1720" s="162"/>
      <c r="BV1720" s="162"/>
      <c r="BW1720" s="162"/>
      <c r="BX1720" s="162"/>
      <c r="BY1720" s="162"/>
      <c r="BZ1720" s="162"/>
      <c r="CA1720" s="162"/>
      <c r="CB1720" s="162"/>
      <c r="CC1720" s="162"/>
      <c r="CD1720" s="162"/>
      <c r="CE1720" s="162"/>
      <c r="CF1720" s="162"/>
      <c r="CG1720" s="162"/>
      <c r="CH1720" s="162"/>
      <c r="CI1720" s="162"/>
      <c r="CJ1720" s="162"/>
      <c r="CK1720" s="162"/>
      <c r="CX1720" s="98"/>
      <c r="DL1720" s="97"/>
      <c r="DX1720" s="98"/>
      <c r="EL1720" s="97"/>
      <c r="EX1720" s="98"/>
      <c r="EY1720" s="97"/>
      <c r="FL1720" s="126"/>
      <c r="FM1720" s="91"/>
      <c r="FN1720" s="91"/>
      <c r="FO1720" s="91"/>
      <c r="FP1720" s="91"/>
      <c r="FQ1720" s="91"/>
      <c r="FR1720" s="91"/>
      <c r="FS1720" s="91"/>
      <c r="FT1720" s="91"/>
      <c r="FU1720" s="91"/>
      <c r="FV1720" s="91"/>
      <c r="FW1720" s="91"/>
      <c r="FX1720" s="91"/>
      <c r="FY1720" s="91"/>
      <c r="FZ1720" s="91"/>
      <c r="GA1720" s="91"/>
      <c r="GB1720" s="91"/>
      <c r="GC1720" s="91"/>
      <c r="GD1720" s="91"/>
      <c r="GE1720" s="91"/>
      <c r="GF1720" s="91"/>
      <c r="GG1720" s="91"/>
      <c r="GH1720" s="91"/>
      <c r="GI1720" s="91"/>
      <c r="GJ1720" s="91"/>
      <c r="GK1720" s="127"/>
      <c r="GL1720" s="126"/>
      <c r="GM1720" s="91"/>
      <c r="GN1720" s="91"/>
      <c r="GO1720" s="91"/>
      <c r="GP1720" s="91"/>
      <c r="GQ1720" s="91"/>
      <c r="GR1720" s="91"/>
      <c r="GS1720" s="91"/>
      <c r="GT1720" s="91"/>
      <c r="GU1720" s="91"/>
      <c r="GV1720" s="91"/>
      <c r="GW1720" s="91"/>
      <c r="GX1720" s="91"/>
      <c r="GY1720" s="91"/>
      <c r="GZ1720" s="91"/>
      <c r="HA1720" s="91"/>
      <c r="HB1720" s="91"/>
      <c r="HC1720" s="91"/>
      <c r="HD1720" s="91"/>
      <c r="HE1720" s="91"/>
      <c r="HF1720" s="91"/>
      <c r="HG1720" s="91"/>
      <c r="HH1720" s="91"/>
      <c r="HI1720" s="91"/>
      <c r="HJ1720" s="91"/>
      <c r="HK1720" s="127"/>
      <c r="HL1720" s="126"/>
      <c r="HM1720" s="91"/>
      <c r="HN1720" s="91"/>
      <c r="HO1720" s="91"/>
      <c r="HP1720" s="91"/>
      <c r="HQ1720" s="91"/>
      <c r="HR1720" s="91"/>
      <c r="HS1720" s="91"/>
      <c r="HT1720" s="91"/>
      <c r="HU1720" s="91"/>
      <c r="HV1720" s="91"/>
      <c r="HW1720" s="91"/>
      <c r="HX1720" s="91"/>
      <c r="HY1720" s="91"/>
      <c r="HZ1720" s="91"/>
      <c r="IA1720" s="91"/>
      <c r="IB1720" s="91"/>
      <c r="IC1720" s="91"/>
      <c r="ID1720" s="91"/>
      <c r="IE1720" s="91"/>
      <c r="IF1720" s="91"/>
      <c r="IG1720" s="91"/>
      <c r="IH1720" s="91"/>
      <c r="II1720" s="91"/>
      <c r="IJ1720" s="91"/>
      <c r="IK1720" s="127"/>
    </row>
    <row r="1721" spans="2:245" x14ac:dyDescent="0.2">
      <c r="B1721" s="43"/>
      <c r="C1721" s="73"/>
      <c r="D1721" s="64"/>
      <c r="E1721" s="64"/>
      <c r="F1721" s="55"/>
      <c r="G1721" s="102"/>
      <c r="H1721" s="55"/>
      <c r="I1721" s="55"/>
      <c r="J1721" s="55"/>
      <c r="K1721" s="55"/>
      <c r="L1721" s="55"/>
      <c r="M1721" s="55"/>
      <c r="N1721" s="55"/>
      <c r="O1721" s="55"/>
      <c r="P1721" s="55"/>
      <c r="Q1721" s="55"/>
      <c r="R1721" s="55"/>
      <c r="S1721" s="55"/>
      <c r="T1721" s="55"/>
      <c r="U1721" s="55"/>
      <c r="V1721" s="55"/>
      <c r="W1721" s="55"/>
      <c r="X1721" s="55"/>
      <c r="Y1721" s="55"/>
      <c r="Z1721" s="55"/>
      <c r="AA1721" s="55"/>
      <c r="AB1721" s="55"/>
      <c r="AC1721" s="55"/>
      <c r="AD1721" s="55"/>
      <c r="AE1721" s="55"/>
      <c r="AF1721" s="55"/>
      <c r="AG1721" s="55"/>
      <c r="AY1721" s="162"/>
      <c r="AZ1721" s="162"/>
      <c r="BA1721" s="162"/>
      <c r="BB1721" s="162"/>
      <c r="BC1721" s="162"/>
      <c r="BD1721" s="162"/>
      <c r="BE1721" s="162"/>
      <c r="BF1721" s="162"/>
      <c r="BG1721" s="162"/>
      <c r="BH1721" s="162"/>
      <c r="BI1721" s="162"/>
      <c r="BJ1721" s="162"/>
      <c r="BK1721" s="162"/>
      <c r="BL1721" s="162"/>
      <c r="BM1721" s="162"/>
      <c r="BN1721" s="162"/>
      <c r="BO1721" s="162"/>
      <c r="BP1721" s="162"/>
      <c r="BQ1721" s="162"/>
      <c r="BR1721" s="162"/>
      <c r="BS1721" s="162"/>
      <c r="BT1721" s="162"/>
      <c r="BU1721" s="162"/>
      <c r="BV1721" s="162"/>
      <c r="BW1721" s="162"/>
      <c r="BX1721" s="162"/>
      <c r="BY1721" s="162"/>
      <c r="BZ1721" s="162"/>
      <c r="CA1721" s="162"/>
      <c r="CB1721" s="162"/>
      <c r="CC1721" s="162"/>
      <c r="CD1721" s="162"/>
      <c r="CE1721" s="162"/>
      <c r="CF1721" s="162"/>
      <c r="CG1721" s="162"/>
      <c r="CH1721" s="162"/>
      <c r="CI1721" s="162"/>
      <c r="CJ1721" s="162"/>
      <c r="CK1721" s="162"/>
      <c r="CX1721" s="98"/>
      <c r="DL1721" s="97"/>
      <c r="DX1721" s="98"/>
      <c r="EL1721" s="97"/>
      <c r="EX1721" s="98"/>
      <c r="EY1721" s="97"/>
      <c r="FL1721" s="126"/>
      <c r="FM1721" s="91"/>
      <c r="FN1721" s="91"/>
      <c r="FO1721" s="91"/>
      <c r="FP1721" s="91"/>
      <c r="FQ1721" s="91"/>
      <c r="FR1721" s="91"/>
      <c r="FS1721" s="91"/>
      <c r="FT1721" s="91"/>
      <c r="FU1721" s="91"/>
      <c r="FV1721" s="91"/>
      <c r="FW1721" s="91"/>
      <c r="FX1721" s="91"/>
      <c r="FY1721" s="91"/>
      <c r="FZ1721" s="91"/>
      <c r="GA1721" s="91"/>
      <c r="GB1721" s="91"/>
      <c r="GC1721" s="91"/>
      <c r="GD1721" s="91"/>
      <c r="GE1721" s="91"/>
      <c r="GF1721" s="91"/>
      <c r="GG1721" s="91"/>
      <c r="GH1721" s="91"/>
      <c r="GI1721" s="91"/>
      <c r="GJ1721" s="91"/>
      <c r="GK1721" s="127"/>
      <c r="GL1721" s="126"/>
      <c r="GM1721" s="91"/>
      <c r="GN1721" s="91"/>
      <c r="GO1721" s="91"/>
      <c r="GP1721" s="91"/>
      <c r="GQ1721" s="91"/>
      <c r="GR1721" s="91"/>
      <c r="GS1721" s="91"/>
      <c r="GT1721" s="91"/>
      <c r="GU1721" s="91"/>
      <c r="GV1721" s="91"/>
      <c r="GW1721" s="91"/>
      <c r="GX1721" s="91"/>
      <c r="GY1721" s="91"/>
      <c r="GZ1721" s="91"/>
      <c r="HA1721" s="91"/>
      <c r="HB1721" s="91"/>
      <c r="HC1721" s="91"/>
      <c r="HD1721" s="91"/>
      <c r="HE1721" s="91"/>
      <c r="HF1721" s="91"/>
      <c r="HG1721" s="91"/>
      <c r="HH1721" s="91"/>
      <c r="HI1721" s="91"/>
      <c r="HJ1721" s="91"/>
      <c r="HK1721" s="127"/>
      <c r="HL1721" s="126"/>
      <c r="HM1721" s="91"/>
      <c r="HN1721" s="91"/>
      <c r="HO1721" s="91"/>
      <c r="HP1721" s="91"/>
      <c r="HQ1721" s="91"/>
      <c r="HR1721" s="91"/>
      <c r="HS1721" s="91"/>
      <c r="HT1721" s="91"/>
      <c r="HU1721" s="91"/>
      <c r="HV1721" s="91"/>
      <c r="HW1721" s="91"/>
      <c r="HX1721" s="91"/>
      <c r="HY1721" s="91"/>
      <c r="HZ1721" s="91"/>
      <c r="IA1721" s="91"/>
      <c r="IB1721" s="91"/>
      <c r="IC1721" s="91"/>
      <c r="ID1721" s="91"/>
      <c r="IE1721" s="91"/>
      <c r="IF1721" s="91"/>
      <c r="IG1721" s="91"/>
      <c r="IH1721" s="91"/>
      <c r="II1721" s="91"/>
      <c r="IJ1721" s="91"/>
      <c r="IK1721" s="127"/>
    </row>
    <row r="1722" spans="2:245" x14ac:dyDescent="0.2">
      <c r="B1722" s="43"/>
      <c r="C1722" s="73"/>
      <c r="D1722" s="64"/>
      <c r="E1722" s="64"/>
      <c r="F1722" s="55"/>
      <c r="G1722" s="102"/>
      <c r="H1722" s="55"/>
      <c r="I1722" s="55"/>
      <c r="J1722" s="55"/>
      <c r="K1722" s="55"/>
      <c r="L1722" s="55"/>
      <c r="M1722" s="55"/>
      <c r="N1722" s="55"/>
      <c r="O1722" s="55"/>
      <c r="P1722" s="55"/>
      <c r="Q1722" s="55"/>
      <c r="R1722" s="55"/>
      <c r="S1722" s="55"/>
      <c r="T1722" s="55"/>
      <c r="U1722" s="55"/>
      <c r="V1722" s="55"/>
      <c r="W1722" s="55"/>
      <c r="X1722" s="55"/>
      <c r="Y1722" s="55"/>
      <c r="Z1722" s="55"/>
      <c r="AA1722" s="55"/>
      <c r="AB1722" s="55"/>
      <c r="AC1722" s="55"/>
      <c r="AD1722" s="55"/>
      <c r="AE1722" s="55"/>
      <c r="AF1722" s="55"/>
      <c r="AG1722" s="55"/>
      <c r="AY1722" s="162"/>
      <c r="AZ1722" s="162"/>
      <c r="BA1722" s="162"/>
      <c r="BB1722" s="162"/>
      <c r="BC1722" s="162"/>
      <c r="BD1722" s="162"/>
      <c r="BE1722" s="162"/>
      <c r="BF1722" s="162"/>
      <c r="BG1722" s="162"/>
      <c r="BH1722" s="162"/>
      <c r="BI1722" s="162"/>
      <c r="BJ1722" s="162"/>
      <c r="BK1722" s="162"/>
      <c r="BL1722" s="162"/>
      <c r="BM1722" s="162"/>
      <c r="BN1722" s="162"/>
      <c r="BO1722" s="162"/>
      <c r="BP1722" s="162"/>
      <c r="BQ1722" s="162"/>
      <c r="BR1722" s="162"/>
      <c r="BS1722" s="162"/>
      <c r="BT1722" s="162"/>
      <c r="BU1722" s="162"/>
      <c r="BV1722" s="162"/>
      <c r="BW1722" s="162"/>
      <c r="BX1722" s="162"/>
      <c r="BY1722" s="162"/>
      <c r="BZ1722" s="162"/>
      <c r="CA1722" s="162"/>
      <c r="CB1722" s="162"/>
      <c r="CC1722" s="162"/>
      <c r="CD1722" s="162"/>
      <c r="CE1722" s="162"/>
      <c r="CF1722" s="162"/>
      <c r="CG1722" s="162"/>
      <c r="CH1722" s="162"/>
      <c r="CI1722" s="162"/>
      <c r="CJ1722" s="162"/>
      <c r="CK1722" s="162"/>
      <c r="CX1722" s="98"/>
      <c r="DL1722" s="97"/>
      <c r="DX1722" s="98"/>
      <c r="EL1722" s="97"/>
      <c r="EX1722" s="98"/>
      <c r="EY1722" s="97"/>
      <c r="FL1722" s="126"/>
      <c r="FM1722" s="91"/>
      <c r="FN1722" s="91"/>
      <c r="FO1722" s="91"/>
      <c r="FP1722" s="91"/>
      <c r="FQ1722" s="91"/>
      <c r="FR1722" s="91"/>
      <c r="FS1722" s="91"/>
      <c r="FT1722" s="91"/>
      <c r="FU1722" s="91"/>
      <c r="FV1722" s="91"/>
      <c r="FW1722" s="91"/>
      <c r="FX1722" s="91"/>
      <c r="FY1722" s="91"/>
      <c r="FZ1722" s="91"/>
      <c r="GA1722" s="91"/>
      <c r="GB1722" s="91"/>
      <c r="GC1722" s="91"/>
      <c r="GD1722" s="91"/>
      <c r="GE1722" s="91"/>
      <c r="GF1722" s="91"/>
      <c r="GG1722" s="91"/>
      <c r="GH1722" s="91"/>
      <c r="GI1722" s="91"/>
      <c r="GJ1722" s="91"/>
      <c r="GK1722" s="127"/>
      <c r="GL1722" s="126"/>
      <c r="GM1722" s="91"/>
      <c r="GN1722" s="91"/>
      <c r="GO1722" s="91"/>
      <c r="GP1722" s="91"/>
      <c r="GQ1722" s="91"/>
      <c r="GR1722" s="91"/>
      <c r="GS1722" s="91"/>
      <c r="GT1722" s="91"/>
      <c r="GU1722" s="91"/>
      <c r="GV1722" s="91"/>
      <c r="GW1722" s="91"/>
      <c r="GX1722" s="91"/>
      <c r="GY1722" s="91"/>
      <c r="GZ1722" s="91"/>
      <c r="HA1722" s="91"/>
      <c r="HB1722" s="91"/>
      <c r="HC1722" s="91"/>
      <c r="HD1722" s="91"/>
      <c r="HE1722" s="91"/>
      <c r="HF1722" s="91"/>
      <c r="HG1722" s="91"/>
      <c r="HH1722" s="91"/>
      <c r="HI1722" s="91"/>
      <c r="HJ1722" s="91"/>
      <c r="HK1722" s="127"/>
      <c r="HL1722" s="126"/>
      <c r="HM1722" s="91"/>
      <c r="HN1722" s="91"/>
      <c r="HO1722" s="91"/>
      <c r="HP1722" s="91"/>
      <c r="HQ1722" s="91"/>
      <c r="HR1722" s="91"/>
      <c r="HS1722" s="91"/>
      <c r="HT1722" s="91"/>
      <c r="HU1722" s="91"/>
      <c r="HV1722" s="91"/>
      <c r="HW1722" s="91"/>
      <c r="HX1722" s="91"/>
      <c r="HY1722" s="91"/>
      <c r="HZ1722" s="91"/>
      <c r="IA1722" s="91"/>
      <c r="IB1722" s="91"/>
      <c r="IC1722" s="91"/>
      <c r="ID1722" s="91"/>
      <c r="IE1722" s="91"/>
      <c r="IF1722" s="91"/>
      <c r="IG1722" s="91"/>
      <c r="IH1722" s="91"/>
      <c r="II1722" s="91"/>
      <c r="IJ1722" s="91"/>
      <c r="IK1722" s="127"/>
    </row>
    <row r="1723" spans="2:245" x14ac:dyDescent="0.2">
      <c r="B1723" s="43"/>
      <c r="C1723" s="73"/>
      <c r="D1723" s="64"/>
      <c r="E1723" s="64"/>
      <c r="F1723" s="55"/>
      <c r="G1723" s="102"/>
      <c r="H1723" s="55"/>
      <c r="I1723" s="55"/>
      <c r="J1723" s="55"/>
      <c r="K1723" s="55"/>
      <c r="L1723" s="55"/>
      <c r="M1723" s="55"/>
      <c r="N1723" s="55"/>
      <c r="O1723" s="55"/>
      <c r="P1723" s="55"/>
      <c r="Q1723" s="55"/>
      <c r="R1723" s="55"/>
      <c r="S1723" s="55"/>
      <c r="T1723" s="55"/>
      <c r="U1723" s="55"/>
      <c r="V1723" s="55"/>
      <c r="W1723" s="55"/>
      <c r="X1723" s="55"/>
      <c r="Y1723" s="55"/>
      <c r="Z1723" s="55"/>
      <c r="AA1723" s="55"/>
      <c r="AB1723" s="55"/>
      <c r="AC1723" s="55"/>
      <c r="AD1723" s="55"/>
      <c r="AE1723" s="55"/>
      <c r="AF1723" s="55"/>
      <c r="AG1723" s="55"/>
      <c r="AY1723" s="162"/>
      <c r="AZ1723" s="162"/>
      <c r="BA1723" s="162"/>
      <c r="BB1723" s="162"/>
      <c r="BC1723" s="162"/>
      <c r="BD1723" s="162"/>
      <c r="BE1723" s="162"/>
      <c r="BF1723" s="162"/>
      <c r="BG1723" s="162"/>
      <c r="BH1723" s="162"/>
      <c r="BI1723" s="162"/>
      <c r="BJ1723" s="162"/>
      <c r="BK1723" s="162"/>
      <c r="BL1723" s="162"/>
      <c r="BM1723" s="162"/>
      <c r="BN1723" s="162"/>
      <c r="BO1723" s="162"/>
      <c r="BP1723" s="162"/>
      <c r="BQ1723" s="162"/>
      <c r="BR1723" s="162"/>
      <c r="BS1723" s="162"/>
      <c r="BT1723" s="162"/>
      <c r="BU1723" s="162"/>
      <c r="BV1723" s="162"/>
      <c r="BW1723" s="162"/>
      <c r="BX1723" s="162"/>
      <c r="BY1723" s="162"/>
      <c r="BZ1723" s="162"/>
      <c r="CA1723" s="162"/>
      <c r="CB1723" s="162"/>
      <c r="CC1723" s="162"/>
      <c r="CD1723" s="162"/>
      <c r="CE1723" s="162"/>
      <c r="CF1723" s="162"/>
      <c r="CG1723" s="162"/>
      <c r="CH1723" s="162"/>
      <c r="CI1723" s="162"/>
      <c r="CJ1723" s="162"/>
      <c r="CK1723" s="162"/>
      <c r="CX1723" s="98"/>
      <c r="DL1723" s="97"/>
      <c r="DX1723" s="98"/>
      <c r="EL1723" s="97"/>
      <c r="EX1723" s="98"/>
      <c r="EY1723" s="97"/>
      <c r="FL1723" s="126"/>
      <c r="FM1723" s="91"/>
      <c r="FN1723" s="91"/>
      <c r="FO1723" s="91"/>
      <c r="FP1723" s="91"/>
      <c r="FQ1723" s="91"/>
      <c r="FR1723" s="91"/>
      <c r="FS1723" s="91"/>
      <c r="FT1723" s="91"/>
      <c r="FU1723" s="91"/>
      <c r="FV1723" s="91"/>
      <c r="FW1723" s="91"/>
      <c r="FX1723" s="91"/>
      <c r="FY1723" s="91"/>
      <c r="FZ1723" s="91"/>
      <c r="GA1723" s="91"/>
      <c r="GB1723" s="91"/>
      <c r="GC1723" s="91"/>
      <c r="GD1723" s="91"/>
      <c r="GE1723" s="91"/>
      <c r="GF1723" s="91"/>
      <c r="GG1723" s="91"/>
      <c r="GH1723" s="91"/>
      <c r="GI1723" s="91"/>
      <c r="GJ1723" s="91"/>
      <c r="GK1723" s="127"/>
      <c r="GL1723" s="126"/>
      <c r="GM1723" s="91"/>
      <c r="GN1723" s="91"/>
      <c r="GO1723" s="91"/>
      <c r="GP1723" s="91"/>
      <c r="GQ1723" s="91"/>
      <c r="GR1723" s="91"/>
      <c r="GS1723" s="91"/>
      <c r="GT1723" s="91"/>
      <c r="GU1723" s="91"/>
      <c r="GV1723" s="91"/>
      <c r="GW1723" s="91"/>
      <c r="GX1723" s="91"/>
      <c r="GY1723" s="91"/>
      <c r="GZ1723" s="91"/>
      <c r="HA1723" s="91"/>
      <c r="HB1723" s="91"/>
      <c r="HC1723" s="91"/>
      <c r="HD1723" s="91"/>
      <c r="HE1723" s="91"/>
      <c r="HF1723" s="91"/>
      <c r="HG1723" s="91"/>
      <c r="HH1723" s="91"/>
      <c r="HI1723" s="91"/>
      <c r="HJ1723" s="91"/>
      <c r="HK1723" s="127"/>
      <c r="HL1723" s="126"/>
      <c r="HM1723" s="91"/>
      <c r="HN1723" s="91"/>
      <c r="HO1723" s="91"/>
      <c r="HP1723" s="91"/>
      <c r="HQ1723" s="91"/>
      <c r="HR1723" s="91"/>
      <c r="HS1723" s="91"/>
      <c r="HT1723" s="91"/>
      <c r="HU1723" s="91"/>
      <c r="HV1723" s="91"/>
      <c r="HW1723" s="91"/>
      <c r="HX1723" s="91"/>
      <c r="HY1723" s="91"/>
      <c r="HZ1723" s="91"/>
      <c r="IA1723" s="91"/>
      <c r="IB1723" s="91"/>
      <c r="IC1723" s="91"/>
      <c r="ID1723" s="91"/>
      <c r="IE1723" s="91"/>
      <c r="IF1723" s="91"/>
      <c r="IG1723" s="91"/>
      <c r="IH1723" s="91"/>
      <c r="II1723" s="91"/>
      <c r="IJ1723" s="91"/>
      <c r="IK1723" s="127"/>
    </row>
    <row r="1724" spans="2:245" x14ac:dyDescent="0.2">
      <c r="B1724" s="43"/>
      <c r="C1724" s="73"/>
      <c r="D1724" s="64"/>
      <c r="E1724" s="64"/>
      <c r="F1724" s="55"/>
      <c r="G1724" s="102"/>
      <c r="H1724" s="55"/>
      <c r="I1724" s="55"/>
      <c r="J1724" s="55"/>
      <c r="K1724" s="55"/>
      <c r="L1724" s="55"/>
      <c r="M1724" s="55"/>
      <c r="N1724" s="55"/>
      <c r="O1724" s="55"/>
      <c r="P1724" s="55"/>
      <c r="Q1724" s="55"/>
      <c r="R1724" s="55"/>
      <c r="S1724" s="55"/>
      <c r="T1724" s="55"/>
      <c r="U1724" s="55"/>
      <c r="V1724" s="55"/>
      <c r="W1724" s="55"/>
      <c r="X1724" s="55"/>
      <c r="Y1724" s="55"/>
      <c r="Z1724" s="55"/>
      <c r="AA1724" s="55"/>
      <c r="AB1724" s="55"/>
      <c r="AC1724" s="55"/>
      <c r="AD1724" s="55"/>
      <c r="AE1724" s="55"/>
      <c r="AF1724" s="55"/>
      <c r="AG1724" s="55"/>
      <c r="AY1724" s="162"/>
      <c r="AZ1724" s="162"/>
      <c r="BA1724" s="162"/>
      <c r="BB1724" s="162"/>
      <c r="BC1724" s="162"/>
      <c r="BD1724" s="162"/>
      <c r="BE1724" s="162"/>
      <c r="BF1724" s="162"/>
      <c r="BG1724" s="162"/>
      <c r="BH1724" s="162"/>
      <c r="BI1724" s="162"/>
      <c r="BJ1724" s="162"/>
      <c r="BK1724" s="162"/>
      <c r="BL1724" s="162"/>
      <c r="BM1724" s="162"/>
      <c r="BN1724" s="162"/>
      <c r="BO1724" s="162"/>
      <c r="BP1724" s="162"/>
      <c r="BQ1724" s="162"/>
      <c r="BR1724" s="162"/>
      <c r="BS1724" s="162"/>
      <c r="BT1724" s="162"/>
      <c r="BU1724" s="162"/>
      <c r="BV1724" s="162"/>
      <c r="BW1724" s="162"/>
      <c r="BX1724" s="162"/>
      <c r="BY1724" s="162"/>
      <c r="BZ1724" s="162"/>
      <c r="CA1724" s="162"/>
      <c r="CB1724" s="162"/>
      <c r="CC1724" s="162"/>
      <c r="CD1724" s="162"/>
      <c r="CE1724" s="162"/>
      <c r="CF1724" s="162"/>
      <c r="CG1724" s="162"/>
      <c r="CH1724" s="162"/>
      <c r="CI1724" s="162"/>
      <c r="CJ1724" s="162"/>
      <c r="CK1724" s="162"/>
      <c r="CX1724" s="98"/>
      <c r="DL1724" s="97"/>
      <c r="DX1724" s="98"/>
      <c r="EL1724" s="97"/>
      <c r="EX1724" s="98"/>
      <c r="EY1724" s="97"/>
      <c r="FL1724" s="126"/>
      <c r="FM1724" s="91"/>
      <c r="FN1724" s="91"/>
      <c r="FO1724" s="91"/>
      <c r="FP1724" s="91"/>
      <c r="FQ1724" s="91"/>
      <c r="FR1724" s="91"/>
      <c r="FS1724" s="91"/>
      <c r="FT1724" s="91"/>
      <c r="FU1724" s="91"/>
      <c r="FV1724" s="91"/>
      <c r="FW1724" s="91"/>
      <c r="FX1724" s="91"/>
      <c r="FY1724" s="91"/>
      <c r="FZ1724" s="91"/>
      <c r="GA1724" s="91"/>
      <c r="GB1724" s="91"/>
      <c r="GC1724" s="91"/>
      <c r="GD1724" s="91"/>
      <c r="GE1724" s="91"/>
      <c r="GF1724" s="91"/>
      <c r="GG1724" s="91"/>
      <c r="GH1724" s="91"/>
      <c r="GI1724" s="91"/>
      <c r="GJ1724" s="91"/>
      <c r="GK1724" s="127"/>
      <c r="GL1724" s="126"/>
      <c r="GM1724" s="91"/>
      <c r="GN1724" s="91"/>
      <c r="GO1724" s="91"/>
      <c r="GP1724" s="91"/>
      <c r="GQ1724" s="91"/>
      <c r="GR1724" s="91"/>
      <c r="GS1724" s="91"/>
      <c r="GT1724" s="91"/>
      <c r="GU1724" s="91"/>
      <c r="GV1724" s="91"/>
      <c r="GW1724" s="91"/>
      <c r="GX1724" s="91"/>
      <c r="GY1724" s="91"/>
      <c r="GZ1724" s="91"/>
      <c r="HA1724" s="91"/>
      <c r="HB1724" s="91"/>
      <c r="HC1724" s="91"/>
      <c r="HD1724" s="91"/>
      <c r="HE1724" s="91"/>
      <c r="HF1724" s="91"/>
      <c r="HG1724" s="91"/>
      <c r="HH1724" s="91"/>
      <c r="HI1724" s="91"/>
      <c r="HJ1724" s="91"/>
      <c r="HK1724" s="127"/>
      <c r="HL1724" s="126"/>
      <c r="HM1724" s="91"/>
      <c r="HN1724" s="91"/>
      <c r="HO1724" s="91"/>
      <c r="HP1724" s="91"/>
      <c r="HQ1724" s="91"/>
      <c r="HR1724" s="91"/>
      <c r="HS1724" s="91"/>
      <c r="HT1724" s="91"/>
      <c r="HU1724" s="91"/>
      <c r="HV1724" s="91"/>
      <c r="HW1724" s="91"/>
      <c r="HX1724" s="91"/>
      <c r="HY1724" s="91"/>
      <c r="HZ1724" s="91"/>
      <c r="IA1724" s="91"/>
      <c r="IB1724" s="91"/>
      <c r="IC1724" s="91"/>
      <c r="ID1724" s="91"/>
      <c r="IE1724" s="91"/>
      <c r="IF1724" s="91"/>
      <c r="IG1724" s="91"/>
      <c r="IH1724" s="91"/>
      <c r="II1724" s="91"/>
      <c r="IJ1724" s="91"/>
      <c r="IK1724" s="127"/>
    </row>
    <row r="1725" spans="2:245" x14ac:dyDescent="0.2">
      <c r="B1725" s="43"/>
      <c r="C1725" s="73"/>
      <c r="D1725" s="64"/>
      <c r="E1725" s="64"/>
      <c r="F1725" s="55"/>
      <c r="G1725" s="102"/>
      <c r="H1725" s="55"/>
      <c r="I1725" s="55"/>
      <c r="J1725" s="55"/>
      <c r="K1725" s="55"/>
      <c r="L1725" s="55"/>
      <c r="M1725" s="55"/>
      <c r="N1725" s="55"/>
      <c r="O1725" s="55"/>
      <c r="P1725" s="55"/>
      <c r="Q1725" s="55"/>
      <c r="R1725" s="55"/>
      <c r="S1725" s="55"/>
      <c r="T1725" s="55"/>
      <c r="U1725" s="55"/>
      <c r="V1725" s="55"/>
      <c r="W1725" s="55"/>
      <c r="X1725" s="55"/>
      <c r="Y1725" s="55"/>
      <c r="Z1725" s="55"/>
      <c r="AA1725" s="55"/>
      <c r="AB1725" s="55"/>
      <c r="AC1725" s="55"/>
      <c r="AD1725" s="55"/>
      <c r="AE1725" s="55"/>
      <c r="AF1725" s="55"/>
      <c r="AG1725" s="55"/>
      <c r="AY1725" s="162"/>
      <c r="AZ1725" s="162"/>
      <c r="BA1725" s="162"/>
      <c r="BB1725" s="162"/>
      <c r="BC1725" s="162"/>
      <c r="BD1725" s="162"/>
      <c r="BE1725" s="162"/>
      <c r="BF1725" s="162"/>
      <c r="BG1725" s="162"/>
      <c r="BH1725" s="162"/>
      <c r="BI1725" s="162"/>
      <c r="BJ1725" s="162"/>
      <c r="BK1725" s="162"/>
      <c r="BL1725" s="162"/>
      <c r="BM1725" s="162"/>
      <c r="BN1725" s="162"/>
      <c r="BO1725" s="162"/>
      <c r="BP1725" s="162"/>
      <c r="BQ1725" s="162"/>
      <c r="BR1725" s="162"/>
      <c r="BS1725" s="162"/>
      <c r="BT1725" s="162"/>
      <c r="BU1725" s="162"/>
      <c r="BV1725" s="162"/>
      <c r="BW1725" s="162"/>
      <c r="BX1725" s="162"/>
      <c r="BY1725" s="162"/>
      <c r="BZ1725" s="162"/>
      <c r="CA1725" s="162"/>
      <c r="CB1725" s="162"/>
      <c r="CC1725" s="162"/>
      <c r="CD1725" s="162"/>
      <c r="CE1725" s="162"/>
      <c r="CF1725" s="162"/>
      <c r="CG1725" s="162"/>
      <c r="CH1725" s="162"/>
      <c r="CI1725" s="162"/>
      <c r="CJ1725" s="162"/>
      <c r="CK1725" s="162"/>
      <c r="CX1725" s="98"/>
      <c r="DL1725" s="97"/>
      <c r="DX1725" s="98"/>
      <c r="EL1725" s="97"/>
      <c r="EX1725" s="98"/>
      <c r="EY1725" s="97"/>
      <c r="FL1725" s="126"/>
      <c r="FM1725" s="91"/>
      <c r="FN1725" s="91"/>
      <c r="FO1725" s="91"/>
      <c r="FP1725" s="91"/>
      <c r="FQ1725" s="91"/>
      <c r="FR1725" s="91"/>
      <c r="FS1725" s="91"/>
      <c r="FT1725" s="91"/>
      <c r="FU1725" s="91"/>
      <c r="FV1725" s="91"/>
      <c r="FW1725" s="91"/>
      <c r="FX1725" s="91"/>
      <c r="FY1725" s="91"/>
      <c r="FZ1725" s="91"/>
      <c r="GA1725" s="91"/>
      <c r="GB1725" s="91"/>
      <c r="GC1725" s="91"/>
      <c r="GD1725" s="91"/>
      <c r="GE1725" s="91"/>
      <c r="GF1725" s="91"/>
      <c r="GG1725" s="91"/>
      <c r="GH1725" s="91"/>
      <c r="GI1725" s="91"/>
      <c r="GJ1725" s="91"/>
      <c r="GK1725" s="127"/>
      <c r="GL1725" s="126"/>
      <c r="GM1725" s="91"/>
      <c r="GN1725" s="91"/>
      <c r="GO1725" s="91"/>
      <c r="GP1725" s="91"/>
      <c r="GQ1725" s="91"/>
      <c r="GR1725" s="91"/>
      <c r="GS1725" s="91"/>
      <c r="GT1725" s="91"/>
      <c r="GU1725" s="91"/>
      <c r="GV1725" s="91"/>
      <c r="GW1725" s="91"/>
      <c r="GX1725" s="91"/>
      <c r="GY1725" s="91"/>
      <c r="GZ1725" s="91"/>
      <c r="HA1725" s="91"/>
      <c r="HB1725" s="91"/>
      <c r="HC1725" s="91"/>
      <c r="HD1725" s="91"/>
      <c r="HE1725" s="91"/>
      <c r="HF1725" s="91"/>
      <c r="HG1725" s="91"/>
      <c r="HH1725" s="91"/>
      <c r="HI1725" s="91"/>
      <c r="HJ1725" s="91"/>
      <c r="HK1725" s="127"/>
      <c r="HL1725" s="126"/>
      <c r="HM1725" s="91"/>
      <c r="HN1725" s="91"/>
      <c r="HO1725" s="91"/>
      <c r="HP1725" s="91"/>
      <c r="HQ1725" s="91"/>
      <c r="HR1725" s="91"/>
      <c r="HS1725" s="91"/>
      <c r="HT1725" s="91"/>
      <c r="HU1725" s="91"/>
      <c r="HV1725" s="91"/>
      <c r="HW1725" s="91"/>
      <c r="HX1725" s="91"/>
      <c r="HY1725" s="91"/>
      <c r="HZ1725" s="91"/>
      <c r="IA1725" s="91"/>
      <c r="IB1725" s="91"/>
      <c r="IC1725" s="91"/>
      <c r="ID1725" s="91"/>
      <c r="IE1725" s="91"/>
      <c r="IF1725" s="91"/>
      <c r="IG1725" s="91"/>
      <c r="IH1725" s="91"/>
      <c r="II1725" s="91"/>
      <c r="IJ1725" s="91"/>
      <c r="IK1725" s="127"/>
    </row>
    <row r="1726" spans="2:245" x14ac:dyDescent="0.2">
      <c r="B1726" s="43"/>
      <c r="C1726" s="73"/>
      <c r="D1726" s="64"/>
      <c r="E1726" s="64"/>
      <c r="F1726" s="55"/>
      <c r="G1726" s="102"/>
      <c r="H1726" s="55"/>
      <c r="I1726" s="55"/>
      <c r="J1726" s="55"/>
      <c r="K1726" s="55"/>
      <c r="L1726" s="55"/>
      <c r="M1726" s="55"/>
      <c r="N1726" s="55"/>
      <c r="O1726" s="55"/>
      <c r="P1726" s="55"/>
      <c r="Q1726" s="55"/>
      <c r="R1726" s="55"/>
      <c r="S1726" s="55"/>
      <c r="T1726" s="55"/>
      <c r="U1726" s="55"/>
      <c r="V1726" s="55"/>
      <c r="W1726" s="55"/>
      <c r="X1726" s="55"/>
      <c r="Y1726" s="55"/>
      <c r="Z1726" s="55"/>
      <c r="AA1726" s="55"/>
      <c r="AB1726" s="55"/>
      <c r="AC1726" s="55"/>
      <c r="AD1726" s="55"/>
      <c r="AE1726" s="55"/>
      <c r="AF1726" s="55"/>
      <c r="AG1726" s="55"/>
      <c r="AY1726" s="162"/>
      <c r="AZ1726" s="162"/>
      <c r="BA1726" s="162"/>
      <c r="BB1726" s="162"/>
      <c r="BC1726" s="162"/>
      <c r="BD1726" s="162"/>
      <c r="BE1726" s="162"/>
      <c r="BF1726" s="162"/>
      <c r="BG1726" s="162"/>
      <c r="BH1726" s="162"/>
      <c r="BI1726" s="162"/>
      <c r="BJ1726" s="162"/>
      <c r="BK1726" s="162"/>
      <c r="BL1726" s="162"/>
      <c r="BM1726" s="162"/>
      <c r="BN1726" s="162"/>
      <c r="BO1726" s="162"/>
      <c r="BP1726" s="162"/>
      <c r="BQ1726" s="162"/>
      <c r="BR1726" s="162"/>
      <c r="BS1726" s="162"/>
      <c r="BT1726" s="162"/>
      <c r="BU1726" s="162"/>
      <c r="BV1726" s="162"/>
      <c r="BW1726" s="162"/>
      <c r="BX1726" s="162"/>
      <c r="BY1726" s="162"/>
      <c r="BZ1726" s="162"/>
      <c r="CA1726" s="162"/>
      <c r="CB1726" s="162"/>
      <c r="CC1726" s="162"/>
      <c r="CD1726" s="162"/>
      <c r="CE1726" s="162"/>
      <c r="CF1726" s="162"/>
      <c r="CG1726" s="162"/>
      <c r="CH1726" s="162"/>
      <c r="CI1726" s="162"/>
      <c r="CJ1726" s="162"/>
      <c r="CK1726" s="162"/>
      <c r="CX1726" s="98"/>
      <c r="DL1726" s="97"/>
      <c r="DX1726" s="98"/>
      <c r="EL1726" s="97"/>
      <c r="EX1726" s="98"/>
      <c r="EY1726" s="97"/>
      <c r="FL1726" s="126"/>
      <c r="FM1726" s="91"/>
      <c r="FN1726" s="91"/>
      <c r="FO1726" s="91"/>
      <c r="FP1726" s="91"/>
      <c r="FQ1726" s="91"/>
      <c r="FR1726" s="91"/>
      <c r="FS1726" s="91"/>
      <c r="FT1726" s="91"/>
      <c r="FU1726" s="91"/>
      <c r="FV1726" s="91"/>
      <c r="FW1726" s="91"/>
      <c r="FX1726" s="91"/>
      <c r="FY1726" s="91"/>
      <c r="FZ1726" s="91"/>
      <c r="GA1726" s="91"/>
      <c r="GB1726" s="91"/>
      <c r="GC1726" s="91"/>
      <c r="GD1726" s="91"/>
      <c r="GE1726" s="91"/>
      <c r="GF1726" s="91"/>
      <c r="GG1726" s="91"/>
      <c r="GH1726" s="91"/>
      <c r="GI1726" s="91"/>
      <c r="GJ1726" s="91"/>
      <c r="GK1726" s="127"/>
      <c r="GL1726" s="126"/>
      <c r="GM1726" s="91"/>
      <c r="GN1726" s="91"/>
      <c r="GO1726" s="91"/>
      <c r="GP1726" s="91"/>
      <c r="GQ1726" s="91"/>
      <c r="GR1726" s="91"/>
      <c r="GS1726" s="91"/>
      <c r="GT1726" s="91"/>
      <c r="GU1726" s="91"/>
      <c r="GV1726" s="91"/>
      <c r="GW1726" s="91"/>
      <c r="GX1726" s="91"/>
      <c r="GY1726" s="91"/>
      <c r="GZ1726" s="91"/>
      <c r="HA1726" s="91"/>
      <c r="HB1726" s="91"/>
      <c r="HC1726" s="91"/>
      <c r="HD1726" s="91"/>
      <c r="HE1726" s="91"/>
      <c r="HF1726" s="91"/>
      <c r="HG1726" s="91"/>
      <c r="HH1726" s="91"/>
      <c r="HI1726" s="91"/>
      <c r="HJ1726" s="91"/>
      <c r="HK1726" s="127"/>
      <c r="HL1726" s="126"/>
      <c r="HM1726" s="91"/>
      <c r="HN1726" s="91"/>
      <c r="HO1726" s="91"/>
      <c r="HP1726" s="91"/>
      <c r="HQ1726" s="91"/>
      <c r="HR1726" s="91"/>
      <c r="HS1726" s="91"/>
      <c r="HT1726" s="91"/>
      <c r="HU1726" s="91"/>
      <c r="HV1726" s="91"/>
      <c r="HW1726" s="91"/>
      <c r="HX1726" s="91"/>
      <c r="HY1726" s="91"/>
      <c r="HZ1726" s="91"/>
      <c r="IA1726" s="91"/>
      <c r="IB1726" s="91"/>
      <c r="IC1726" s="91"/>
      <c r="ID1726" s="91"/>
      <c r="IE1726" s="91"/>
      <c r="IF1726" s="91"/>
      <c r="IG1726" s="91"/>
      <c r="IH1726" s="91"/>
      <c r="II1726" s="91"/>
      <c r="IJ1726" s="91"/>
      <c r="IK1726" s="127"/>
    </row>
    <row r="1727" spans="2:245" x14ac:dyDescent="0.2">
      <c r="B1727" s="43"/>
      <c r="C1727" s="73"/>
      <c r="D1727" s="64"/>
      <c r="E1727" s="64"/>
      <c r="F1727" s="55"/>
      <c r="G1727" s="102"/>
      <c r="H1727" s="55"/>
      <c r="I1727" s="55"/>
      <c r="J1727" s="55"/>
      <c r="K1727" s="55"/>
      <c r="L1727" s="55"/>
      <c r="M1727" s="55"/>
      <c r="N1727" s="55"/>
      <c r="O1727" s="55"/>
      <c r="P1727" s="55"/>
      <c r="Q1727" s="55"/>
      <c r="R1727" s="55"/>
      <c r="S1727" s="55"/>
      <c r="T1727" s="55"/>
      <c r="U1727" s="55"/>
      <c r="V1727" s="55"/>
      <c r="W1727" s="55"/>
      <c r="X1727" s="55"/>
      <c r="Y1727" s="55"/>
      <c r="Z1727" s="55"/>
      <c r="AA1727" s="55"/>
      <c r="AB1727" s="55"/>
      <c r="AC1727" s="55"/>
      <c r="AD1727" s="55"/>
      <c r="AE1727" s="55"/>
      <c r="AF1727" s="55"/>
      <c r="AG1727" s="55"/>
      <c r="AY1727" s="162"/>
      <c r="AZ1727" s="162"/>
      <c r="BA1727" s="162"/>
      <c r="BB1727" s="162"/>
      <c r="BC1727" s="162"/>
      <c r="BD1727" s="162"/>
      <c r="BE1727" s="162"/>
      <c r="BF1727" s="162"/>
      <c r="BG1727" s="162"/>
      <c r="BH1727" s="162"/>
      <c r="BI1727" s="162"/>
      <c r="BJ1727" s="162"/>
      <c r="BK1727" s="162"/>
      <c r="BL1727" s="162"/>
      <c r="BM1727" s="162"/>
      <c r="BN1727" s="162"/>
      <c r="BO1727" s="162"/>
      <c r="BP1727" s="162"/>
      <c r="BQ1727" s="162"/>
      <c r="BR1727" s="162"/>
      <c r="BS1727" s="162"/>
      <c r="BT1727" s="162"/>
      <c r="BU1727" s="162"/>
      <c r="BV1727" s="162"/>
      <c r="BW1727" s="162"/>
      <c r="BX1727" s="162"/>
      <c r="BY1727" s="162"/>
      <c r="BZ1727" s="162"/>
      <c r="CA1727" s="162"/>
      <c r="CB1727" s="162"/>
      <c r="CC1727" s="162"/>
      <c r="CD1727" s="162"/>
      <c r="CE1727" s="162"/>
      <c r="CF1727" s="162"/>
      <c r="CG1727" s="162"/>
      <c r="CH1727" s="162"/>
      <c r="CI1727" s="162"/>
      <c r="CJ1727" s="162"/>
      <c r="CK1727" s="162"/>
      <c r="CX1727" s="98"/>
      <c r="DL1727" s="97"/>
      <c r="DX1727" s="98"/>
      <c r="EL1727" s="97"/>
      <c r="EX1727" s="98"/>
      <c r="EY1727" s="97"/>
      <c r="FL1727" s="126"/>
      <c r="FM1727" s="91"/>
      <c r="FN1727" s="91"/>
      <c r="FO1727" s="91"/>
      <c r="FP1727" s="91"/>
      <c r="FQ1727" s="91"/>
      <c r="FR1727" s="91"/>
      <c r="FS1727" s="91"/>
      <c r="FT1727" s="91"/>
      <c r="FU1727" s="91"/>
      <c r="FV1727" s="91"/>
      <c r="FW1727" s="91"/>
      <c r="FX1727" s="91"/>
      <c r="FY1727" s="91"/>
      <c r="FZ1727" s="91"/>
      <c r="GA1727" s="91"/>
      <c r="GB1727" s="91"/>
      <c r="GC1727" s="91"/>
      <c r="GD1727" s="91"/>
      <c r="GE1727" s="91"/>
      <c r="GF1727" s="91"/>
      <c r="GG1727" s="91"/>
      <c r="GH1727" s="91"/>
      <c r="GI1727" s="91"/>
      <c r="GJ1727" s="91"/>
      <c r="GK1727" s="127"/>
      <c r="GL1727" s="126"/>
      <c r="GM1727" s="91"/>
      <c r="GN1727" s="91"/>
      <c r="GO1727" s="91"/>
      <c r="GP1727" s="91"/>
      <c r="GQ1727" s="91"/>
      <c r="GR1727" s="91"/>
      <c r="GS1727" s="91"/>
      <c r="GT1727" s="91"/>
      <c r="GU1727" s="91"/>
      <c r="GV1727" s="91"/>
      <c r="GW1727" s="91"/>
      <c r="GX1727" s="91"/>
      <c r="GY1727" s="91"/>
      <c r="GZ1727" s="91"/>
      <c r="HA1727" s="91"/>
      <c r="HB1727" s="91"/>
      <c r="HC1727" s="91"/>
      <c r="HD1727" s="91"/>
      <c r="HE1727" s="91"/>
      <c r="HF1727" s="91"/>
      <c r="HG1727" s="91"/>
      <c r="HH1727" s="91"/>
      <c r="HI1727" s="91"/>
      <c r="HJ1727" s="91"/>
      <c r="HK1727" s="127"/>
      <c r="HL1727" s="126"/>
      <c r="HM1727" s="91"/>
      <c r="HN1727" s="91"/>
      <c r="HO1727" s="91"/>
      <c r="HP1727" s="91"/>
      <c r="HQ1727" s="91"/>
      <c r="HR1727" s="91"/>
      <c r="HS1727" s="91"/>
      <c r="HT1727" s="91"/>
      <c r="HU1727" s="91"/>
      <c r="HV1727" s="91"/>
      <c r="HW1727" s="91"/>
      <c r="HX1727" s="91"/>
      <c r="HY1727" s="91"/>
      <c r="HZ1727" s="91"/>
      <c r="IA1727" s="91"/>
      <c r="IB1727" s="91"/>
      <c r="IC1727" s="91"/>
      <c r="ID1727" s="91"/>
      <c r="IE1727" s="91"/>
      <c r="IF1727" s="91"/>
      <c r="IG1727" s="91"/>
      <c r="IH1727" s="91"/>
      <c r="II1727" s="91"/>
      <c r="IJ1727" s="91"/>
      <c r="IK1727" s="127"/>
    </row>
    <row r="1728" spans="2:245" x14ac:dyDescent="0.2">
      <c r="B1728" s="43"/>
      <c r="C1728" s="73"/>
      <c r="D1728" s="64"/>
      <c r="E1728" s="64"/>
      <c r="F1728" s="55"/>
      <c r="G1728" s="102"/>
      <c r="H1728" s="55"/>
      <c r="I1728" s="55"/>
      <c r="J1728" s="55"/>
      <c r="K1728" s="55"/>
      <c r="L1728" s="55"/>
      <c r="M1728" s="55"/>
      <c r="N1728" s="55"/>
      <c r="O1728" s="55"/>
      <c r="P1728" s="55"/>
      <c r="Q1728" s="55"/>
      <c r="R1728" s="55"/>
      <c r="S1728" s="55"/>
      <c r="T1728" s="55"/>
      <c r="U1728" s="55"/>
      <c r="V1728" s="55"/>
      <c r="W1728" s="55"/>
      <c r="X1728" s="55"/>
      <c r="Y1728" s="55"/>
      <c r="Z1728" s="55"/>
      <c r="AA1728" s="55"/>
      <c r="AB1728" s="55"/>
      <c r="AC1728" s="55"/>
      <c r="AD1728" s="55"/>
      <c r="AE1728" s="55"/>
      <c r="AF1728" s="55"/>
      <c r="AG1728" s="55"/>
      <c r="AY1728" s="162"/>
      <c r="AZ1728" s="162"/>
      <c r="BA1728" s="162"/>
      <c r="BB1728" s="162"/>
      <c r="BC1728" s="162"/>
      <c r="BD1728" s="162"/>
      <c r="BE1728" s="162"/>
      <c r="BF1728" s="162"/>
      <c r="BG1728" s="162"/>
      <c r="BH1728" s="162"/>
      <c r="BI1728" s="162"/>
      <c r="BJ1728" s="162"/>
      <c r="BK1728" s="162"/>
      <c r="BL1728" s="162"/>
      <c r="BM1728" s="162"/>
      <c r="BN1728" s="162"/>
      <c r="BO1728" s="162"/>
      <c r="BP1728" s="162"/>
      <c r="BQ1728" s="162"/>
      <c r="BR1728" s="162"/>
      <c r="BS1728" s="162"/>
      <c r="BT1728" s="162"/>
      <c r="BU1728" s="162"/>
      <c r="BV1728" s="162"/>
      <c r="BW1728" s="162"/>
      <c r="BX1728" s="162"/>
      <c r="BY1728" s="162"/>
      <c r="BZ1728" s="162"/>
      <c r="CA1728" s="162"/>
      <c r="CB1728" s="162"/>
      <c r="CC1728" s="162"/>
      <c r="CD1728" s="162"/>
      <c r="CE1728" s="162"/>
      <c r="CF1728" s="162"/>
      <c r="CG1728" s="162"/>
      <c r="CH1728" s="162"/>
      <c r="CI1728" s="162"/>
      <c r="CJ1728" s="162"/>
      <c r="CK1728" s="162"/>
      <c r="CX1728" s="98"/>
      <c r="DL1728" s="97"/>
      <c r="DX1728" s="98"/>
      <c r="EL1728" s="97"/>
      <c r="EX1728" s="98"/>
      <c r="EY1728" s="97"/>
      <c r="FL1728" s="126"/>
      <c r="FM1728" s="91"/>
      <c r="FN1728" s="91"/>
      <c r="FO1728" s="91"/>
      <c r="FP1728" s="91"/>
      <c r="FQ1728" s="91"/>
      <c r="FR1728" s="91"/>
      <c r="FS1728" s="91"/>
      <c r="FT1728" s="91"/>
      <c r="FU1728" s="91"/>
      <c r="FV1728" s="91"/>
      <c r="FW1728" s="91"/>
      <c r="FX1728" s="91"/>
      <c r="FY1728" s="91"/>
      <c r="FZ1728" s="91"/>
      <c r="GA1728" s="91"/>
      <c r="GB1728" s="91"/>
      <c r="GC1728" s="91"/>
      <c r="GD1728" s="91"/>
      <c r="GE1728" s="91"/>
      <c r="GF1728" s="91"/>
      <c r="GG1728" s="91"/>
      <c r="GH1728" s="91"/>
      <c r="GI1728" s="91"/>
      <c r="GJ1728" s="91"/>
      <c r="GK1728" s="127"/>
      <c r="GL1728" s="126"/>
      <c r="GM1728" s="91"/>
      <c r="GN1728" s="91"/>
      <c r="GO1728" s="91"/>
      <c r="GP1728" s="91"/>
      <c r="GQ1728" s="91"/>
      <c r="GR1728" s="91"/>
      <c r="GS1728" s="91"/>
      <c r="GT1728" s="91"/>
      <c r="GU1728" s="91"/>
      <c r="GV1728" s="91"/>
      <c r="GW1728" s="91"/>
      <c r="GX1728" s="91"/>
      <c r="GY1728" s="91"/>
      <c r="GZ1728" s="91"/>
      <c r="HA1728" s="91"/>
      <c r="HB1728" s="91"/>
      <c r="HC1728" s="91"/>
      <c r="HD1728" s="91"/>
      <c r="HE1728" s="91"/>
      <c r="HF1728" s="91"/>
      <c r="HG1728" s="91"/>
      <c r="HH1728" s="91"/>
      <c r="HI1728" s="91"/>
      <c r="HJ1728" s="91"/>
      <c r="HK1728" s="127"/>
      <c r="HL1728" s="126"/>
      <c r="HM1728" s="91"/>
      <c r="HN1728" s="91"/>
      <c r="HO1728" s="91"/>
      <c r="HP1728" s="91"/>
      <c r="HQ1728" s="91"/>
      <c r="HR1728" s="91"/>
      <c r="HS1728" s="91"/>
      <c r="HT1728" s="91"/>
      <c r="HU1728" s="91"/>
      <c r="HV1728" s="91"/>
      <c r="HW1728" s="91"/>
      <c r="HX1728" s="91"/>
      <c r="HY1728" s="91"/>
      <c r="HZ1728" s="91"/>
      <c r="IA1728" s="91"/>
      <c r="IB1728" s="91"/>
      <c r="IC1728" s="91"/>
      <c r="ID1728" s="91"/>
      <c r="IE1728" s="91"/>
      <c r="IF1728" s="91"/>
      <c r="IG1728" s="91"/>
      <c r="IH1728" s="91"/>
      <c r="II1728" s="91"/>
      <c r="IJ1728" s="91"/>
      <c r="IK1728" s="127"/>
    </row>
    <row r="1729" spans="2:245" ht="13.5" thickBot="1" x14ac:dyDescent="0.25">
      <c r="B1729" s="43"/>
      <c r="C1729" s="73"/>
      <c r="D1729" s="64"/>
      <c r="E1729" s="64"/>
      <c r="F1729" s="55"/>
      <c r="G1729" s="102"/>
      <c r="H1729" s="55"/>
      <c r="I1729" s="55"/>
      <c r="J1729" s="55"/>
      <c r="K1729" s="55"/>
      <c r="L1729" s="55"/>
      <c r="M1729" s="55"/>
      <c r="N1729" s="55"/>
      <c r="O1729" s="55"/>
      <c r="P1729" s="55"/>
      <c r="Q1729" s="55"/>
      <c r="R1729" s="55"/>
      <c r="S1729" s="55"/>
      <c r="T1729" s="55"/>
      <c r="U1729" s="55"/>
      <c r="V1729" s="55"/>
      <c r="W1729" s="55"/>
      <c r="X1729" s="55"/>
      <c r="Y1729" s="55"/>
      <c r="Z1729" s="55"/>
      <c r="AA1729" s="55"/>
      <c r="AB1729" s="55"/>
      <c r="AC1729" s="55"/>
      <c r="AD1729" s="55"/>
      <c r="AE1729" s="55"/>
      <c r="AF1729" s="55"/>
      <c r="AG1729" s="55"/>
      <c r="AY1729" s="162"/>
      <c r="AZ1729" s="162"/>
      <c r="BA1729" s="162"/>
      <c r="BB1729" s="162"/>
      <c r="BC1729" s="162"/>
      <c r="BD1729" s="162"/>
      <c r="BE1729" s="162"/>
      <c r="BF1729" s="162"/>
      <c r="BG1729" s="162"/>
      <c r="BH1729" s="162"/>
      <c r="BI1729" s="162"/>
      <c r="BJ1729" s="162"/>
      <c r="BK1729" s="162"/>
      <c r="BL1729" s="162"/>
      <c r="BM1729" s="162"/>
      <c r="BN1729" s="162"/>
      <c r="BO1729" s="162"/>
      <c r="BP1729" s="162"/>
      <c r="BQ1729" s="162"/>
      <c r="BR1729" s="162"/>
      <c r="BS1729" s="162"/>
      <c r="BT1729" s="162"/>
      <c r="BU1729" s="162"/>
      <c r="BV1729" s="162"/>
      <c r="BW1729" s="162"/>
      <c r="BX1729" s="162"/>
      <c r="BY1729" s="162"/>
      <c r="BZ1729" s="162"/>
      <c r="CA1729" s="162"/>
      <c r="CB1729" s="162"/>
      <c r="CC1729" s="162"/>
      <c r="CD1729" s="162"/>
      <c r="CE1729" s="162"/>
      <c r="CF1729" s="162"/>
      <c r="CG1729" s="162"/>
      <c r="CH1729" s="162"/>
      <c r="CI1729" s="162"/>
      <c r="CJ1729" s="162"/>
      <c r="CK1729" s="162"/>
      <c r="CX1729" s="98"/>
      <c r="DL1729" s="97"/>
      <c r="DX1729" s="98"/>
      <c r="EL1729" s="97"/>
      <c r="EX1729" s="98"/>
      <c r="EY1729" s="97"/>
      <c r="FL1729" s="126"/>
      <c r="FM1729" s="91"/>
      <c r="FN1729" s="91"/>
      <c r="FO1729" s="91"/>
      <c r="FP1729" s="91"/>
      <c r="FQ1729" s="91"/>
      <c r="FR1729" s="91"/>
      <c r="FS1729" s="91"/>
      <c r="FT1729" s="91"/>
      <c r="FU1729" s="91"/>
      <c r="FV1729" s="91"/>
      <c r="FW1729" s="91"/>
      <c r="FX1729" s="91"/>
      <c r="FY1729" s="91"/>
      <c r="FZ1729" s="91"/>
      <c r="GA1729" s="91"/>
      <c r="GB1729" s="91"/>
      <c r="GC1729" s="91"/>
      <c r="GD1729" s="91"/>
      <c r="GE1729" s="91"/>
      <c r="GF1729" s="91"/>
      <c r="GG1729" s="91"/>
      <c r="GH1729" s="91"/>
      <c r="GI1729" s="91"/>
      <c r="GJ1729" s="91"/>
      <c r="GK1729" s="127"/>
      <c r="GL1729" s="126"/>
      <c r="GM1729" s="91"/>
      <c r="GN1729" s="91"/>
      <c r="GO1729" s="91"/>
      <c r="GP1729" s="91"/>
      <c r="GQ1729" s="91"/>
      <c r="GR1729" s="91"/>
      <c r="GS1729" s="91"/>
      <c r="GT1729" s="91"/>
      <c r="GU1729" s="91"/>
      <c r="GV1729" s="91"/>
      <c r="GW1729" s="91"/>
      <c r="GX1729" s="91"/>
      <c r="GY1729" s="91"/>
      <c r="GZ1729" s="91"/>
      <c r="HA1729" s="91"/>
      <c r="HB1729" s="91"/>
      <c r="HC1729" s="91"/>
      <c r="HD1729" s="91"/>
      <c r="HE1729" s="91"/>
      <c r="HF1729" s="91"/>
      <c r="HG1729" s="91"/>
      <c r="HH1729" s="91"/>
      <c r="HI1729" s="91"/>
      <c r="HJ1729" s="91"/>
      <c r="HK1729" s="127"/>
      <c r="HL1729" s="126"/>
      <c r="HM1729" s="91"/>
      <c r="HN1729" s="91"/>
      <c r="HO1729" s="91"/>
      <c r="HP1729" s="91"/>
      <c r="HQ1729" s="91"/>
      <c r="HR1729" s="91"/>
      <c r="HS1729" s="91"/>
      <c r="HT1729" s="91"/>
      <c r="HU1729" s="91"/>
      <c r="HV1729" s="91"/>
      <c r="HW1729" s="91"/>
      <c r="HX1729" s="91"/>
      <c r="HY1729" s="91"/>
      <c r="HZ1729" s="91"/>
      <c r="IA1729" s="91"/>
      <c r="IB1729" s="91"/>
      <c r="IC1729" s="91"/>
      <c r="ID1729" s="91"/>
      <c r="IE1729" s="91"/>
      <c r="IF1729" s="91"/>
      <c r="IG1729" s="91"/>
      <c r="IH1729" s="91"/>
      <c r="II1729" s="91"/>
      <c r="IJ1729" s="91"/>
      <c r="IK1729" s="127"/>
    </row>
    <row r="1730" spans="2:245" x14ac:dyDescent="0.2">
      <c r="B1730" s="43"/>
      <c r="C1730" s="73"/>
      <c r="D1730" s="64"/>
      <c r="E1730" s="64"/>
      <c r="F1730" s="55"/>
      <c r="G1730" s="102"/>
      <c r="H1730" s="55"/>
      <c r="I1730" s="55"/>
      <c r="J1730" s="55"/>
      <c r="K1730" s="55"/>
      <c r="L1730" s="55"/>
      <c r="M1730" s="55"/>
      <c r="N1730" s="55"/>
      <c r="O1730" s="55"/>
      <c r="P1730" s="55"/>
      <c r="Q1730" s="55"/>
      <c r="R1730" s="55"/>
      <c r="S1730" s="55"/>
      <c r="T1730" s="55"/>
      <c r="U1730" s="55"/>
      <c r="V1730" s="55"/>
      <c r="W1730" s="55"/>
      <c r="X1730" s="55"/>
      <c r="Y1730" s="55"/>
      <c r="Z1730" s="55"/>
      <c r="AA1730" s="55"/>
      <c r="AB1730" s="55"/>
      <c r="AC1730" s="55"/>
      <c r="AD1730" s="55"/>
      <c r="AE1730" s="55"/>
      <c r="AF1730" s="55"/>
      <c r="AG1730" s="55"/>
      <c r="AY1730" s="162"/>
      <c r="AZ1730" s="162"/>
      <c r="BA1730" s="162"/>
      <c r="BB1730" s="162"/>
      <c r="BC1730" s="162"/>
      <c r="BD1730" s="162"/>
      <c r="BE1730" s="162"/>
      <c r="BF1730" s="162"/>
      <c r="BG1730" s="162"/>
      <c r="BH1730" s="162"/>
      <c r="BI1730" s="162"/>
      <c r="BJ1730" s="162"/>
      <c r="BK1730" s="162"/>
      <c r="BL1730" s="162"/>
      <c r="BM1730" s="162"/>
      <c r="BN1730" s="162"/>
      <c r="BO1730" s="162"/>
      <c r="BP1730" s="162"/>
      <c r="BQ1730" s="162"/>
      <c r="BR1730" s="162"/>
      <c r="BS1730" s="162"/>
      <c r="BT1730" s="162"/>
      <c r="BU1730" s="162"/>
      <c r="BV1730" s="162"/>
      <c r="BW1730" s="162"/>
      <c r="BX1730" s="162"/>
      <c r="BY1730" s="162"/>
      <c r="BZ1730" s="162"/>
      <c r="CA1730" s="162"/>
      <c r="CB1730" s="162"/>
      <c r="CC1730" s="162"/>
      <c r="CD1730" s="162"/>
      <c r="CE1730" s="162"/>
      <c r="CF1730" s="162"/>
      <c r="CG1730" s="162"/>
      <c r="CH1730" s="162"/>
      <c r="CI1730" s="162"/>
      <c r="CJ1730" s="162"/>
      <c r="CK1730" s="162"/>
      <c r="CL1730" s="163"/>
      <c r="CM1730" s="163"/>
      <c r="CN1730" s="163"/>
      <c r="CO1730" s="163"/>
      <c r="CP1730" s="163"/>
      <c r="CQ1730" s="163"/>
      <c r="CR1730" s="163"/>
      <c r="CS1730" s="163"/>
      <c r="CT1730" s="163"/>
      <c r="CU1730" s="163"/>
      <c r="CV1730" s="163"/>
      <c r="CW1730" s="163"/>
      <c r="CX1730" s="173"/>
      <c r="CY1730" s="163"/>
      <c r="CZ1730" s="163"/>
      <c r="DA1730" s="163"/>
      <c r="DB1730" s="163"/>
      <c r="DC1730" s="163"/>
      <c r="DD1730" s="163"/>
      <c r="DE1730" s="163"/>
      <c r="DF1730" s="163"/>
      <c r="DG1730" s="163"/>
      <c r="DH1730" s="163"/>
      <c r="DI1730" s="163"/>
      <c r="DJ1730" s="163"/>
      <c r="DK1730" s="163"/>
      <c r="DL1730" s="172"/>
      <c r="DM1730" s="163"/>
      <c r="DN1730" s="163"/>
      <c r="DO1730" s="163"/>
      <c r="DP1730" s="163"/>
      <c r="DQ1730" s="163"/>
      <c r="DR1730" s="163"/>
      <c r="DS1730" s="163"/>
      <c r="DT1730" s="163"/>
      <c r="DU1730" s="163"/>
      <c r="DV1730" s="163"/>
      <c r="DW1730" s="163"/>
      <c r="DX1730" s="173"/>
      <c r="DY1730" s="163"/>
      <c r="DZ1730" s="163"/>
      <c r="EA1730" s="163"/>
      <c r="EB1730" s="163"/>
      <c r="EC1730" s="163"/>
      <c r="ED1730" s="163"/>
      <c r="EE1730" s="163"/>
      <c r="EF1730" s="163"/>
      <c r="EG1730" s="163"/>
      <c r="EH1730" s="163"/>
      <c r="EI1730" s="163"/>
      <c r="EJ1730" s="163"/>
      <c r="EK1730" s="163"/>
      <c r="EL1730" s="172"/>
      <c r="EM1730" s="163"/>
      <c r="EN1730" s="163"/>
      <c r="EO1730" s="163"/>
      <c r="EP1730" s="163"/>
      <c r="EQ1730" s="163"/>
      <c r="ER1730" s="163"/>
      <c r="ES1730" s="163"/>
      <c r="ET1730" s="163"/>
      <c r="EU1730" s="163"/>
      <c r="EV1730" s="163"/>
      <c r="EW1730" s="163"/>
      <c r="EX1730" s="173"/>
      <c r="EY1730" s="172"/>
      <c r="EZ1730" s="163"/>
      <c r="FA1730" s="163"/>
      <c r="FB1730" s="163"/>
      <c r="FC1730" s="163"/>
      <c r="FD1730" s="163"/>
      <c r="FE1730" s="163"/>
      <c r="FF1730" s="163"/>
      <c r="FG1730" s="163"/>
      <c r="FH1730" s="163"/>
      <c r="FI1730" s="163"/>
      <c r="FJ1730" s="163"/>
      <c r="FK1730" s="163"/>
      <c r="FL1730" s="126"/>
      <c r="FM1730" s="91"/>
      <c r="FN1730" s="91"/>
      <c r="FO1730" s="91"/>
      <c r="FP1730" s="91"/>
      <c r="FQ1730" s="91"/>
      <c r="FR1730" s="91"/>
      <c r="FS1730" s="91"/>
      <c r="FT1730" s="91"/>
      <c r="FU1730" s="91"/>
      <c r="FV1730" s="91"/>
      <c r="FW1730" s="91"/>
      <c r="FX1730" s="91"/>
      <c r="FY1730" s="91"/>
      <c r="FZ1730" s="91"/>
      <c r="GA1730" s="91"/>
      <c r="GB1730" s="91"/>
      <c r="GC1730" s="91"/>
      <c r="GD1730" s="91"/>
      <c r="GE1730" s="91"/>
      <c r="GF1730" s="91"/>
      <c r="GG1730" s="91"/>
      <c r="GH1730" s="91"/>
      <c r="GI1730" s="91"/>
      <c r="GJ1730" s="91"/>
      <c r="GK1730" s="127"/>
      <c r="GL1730" s="126"/>
      <c r="GM1730" s="91"/>
      <c r="GN1730" s="91"/>
      <c r="GO1730" s="91"/>
      <c r="GP1730" s="91"/>
      <c r="GQ1730" s="91"/>
      <c r="GR1730" s="91"/>
      <c r="GS1730" s="91"/>
      <c r="GT1730" s="91"/>
      <c r="GU1730" s="91"/>
      <c r="GV1730" s="91"/>
      <c r="GW1730" s="91"/>
      <c r="GX1730" s="91"/>
      <c r="GY1730" s="91"/>
      <c r="GZ1730" s="91"/>
      <c r="HA1730" s="91"/>
      <c r="HB1730" s="91"/>
      <c r="HC1730" s="91"/>
      <c r="HD1730" s="91"/>
      <c r="HE1730" s="91"/>
      <c r="HF1730" s="91"/>
      <c r="HG1730" s="91"/>
      <c r="HH1730" s="91"/>
      <c r="HI1730" s="91"/>
      <c r="HJ1730" s="91"/>
      <c r="HK1730" s="127"/>
      <c r="HL1730" s="126"/>
      <c r="HM1730" s="91"/>
      <c r="HN1730" s="91"/>
      <c r="HO1730" s="91"/>
      <c r="HP1730" s="91"/>
      <c r="HQ1730" s="91"/>
      <c r="HR1730" s="91"/>
      <c r="HS1730" s="91"/>
      <c r="HT1730" s="91"/>
      <c r="HU1730" s="91"/>
      <c r="HV1730" s="91"/>
      <c r="HW1730" s="91"/>
      <c r="HX1730" s="91"/>
      <c r="HY1730" s="91"/>
      <c r="HZ1730" s="91"/>
      <c r="IA1730" s="91"/>
      <c r="IB1730" s="91"/>
      <c r="IC1730" s="91"/>
      <c r="ID1730" s="91"/>
      <c r="IE1730" s="91"/>
      <c r="IF1730" s="91"/>
      <c r="IG1730" s="91"/>
      <c r="IH1730" s="91"/>
      <c r="II1730" s="91"/>
      <c r="IJ1730" s="91"/>
      <c r="IK1730" s="127"/>
    </row>
    <row r="1731" spans="2:245" x14ac:dyDescent="0.2">
      <c r="B1731" s="43"/>
      <c r="C1731" s="73"/>
      <c r="D1731" s="64"/>
      <c r="E1731" s="64"/>
      <c r="F1731" s="55"/>
      <c r="G1731" s="102"/>
      <c r="H1731" s="55"/>
      <c r="I1731" s="55"/>
      <c r="J1731" s="55"/>
      <c r="K1731" s="55"/>
      <c r="L1731" s="55"/>
      <c r="M1731" s="55"/>
      <c r="N1731" s="55"/>
      <c r="O1731" s="55"/>
      <c r="P1731" s="55"/>
      <c r="Q1731" s="55"/>
      <c r="R1731" s="55"/>
      <c r="S1731" s="55"/>
      <c r="T1731" s="55"/>
      <c r="U1731" s="55"/>
      <c r="V1731" s="55"/>
      <c r="W1731" s="55"/>
      <c r="X1731" s="55"/>
      <c r="Y1731" s="55"/>
      <c r="Z1731" s="55"/>
      <c r="AA1731" s="55"/>
      <c r="AB1731" s="55"/>
      <c r="AC1731" s="55"/>
      <c r="AD1731" s="55"/>
      <c r="AE1731" s="55"/>
      <c r="AF1731" s="55"/>
      <c r="AG1731" s="55"/>
      <c r="AY1731" s="162"/>
      <c r="AZ1731" s="162"/>
      <c r="BA1731" s="162"/>
      <c r="BB1731" s="162"/>
      <c r="BC1731" s="162"/>
      <c r="BD1731" s="162"/>
      <c r="BE1731" s="162"/>
      <c r="BF1731" s="162"/>
      <c r="BG1731" s="162"/>
      <c r="BH1731" s="162"/>
      <c r="BI1731" s="162"/>
      <c r="BJ1731" s="162"/>
      <c r="BK1731" s="162"/>
      <c r="BL1731" s="162"/>
      <c r="BM1731" s="162"/>
      <c r="BN1731" s="162"/>
      <c r="BO1731" s="162"/>
      <c r="BP1731" s="162"/>
      <c r="BQ1731" s="162"/>
      <c r="BR1731" s="162"/>
      <c r="BS1731" s="162"/>
      <c r="BT1731" s="162"/>
      <c r="BU1731" s="162"/>
      <c r="BV1731" s="162"/>
      <c r="BW1731" s="162"/>
      <c r="BX1731" s="162"/>
      <c r="BY1731" s="162"/>
      <c r="BZ1731" s="162"/>
      <c r="CA1731" s="162"/>
      <c r="CB1731" s="162"/>
      <c r="CC1731" s="162"/>
      <c r="CD1731" s="162"/>
      <c r="CE1731" s="162"/>
      <c r="CF1731" s="162"/>
      <c r="CG1731" s="162"/>
      <c r="CH1731" s="162"/>
      <c r="CI1731" s="162"/>
      <c r="CJ1731" s="162"/>
      <c r="CK1731" s="162"/>
      <c r="CX1731" s="98"/>
      <c r="DL1731" s="97"/>
      <c r="DX1731" s="98"/>
      <c r="EL1731" s="97"/>
      <c r="EX1731" s="98"/>
      <c r="EY1731" s="97"/>
      <c r="FL1731" s="126"/>
      <c r="FM1731" s="91"/>
      <c r="FN1731" s="91"/>
      <c r="FO1731" s="91"/>
      <c r="FP1731" s="91"/>
      <c r="FQ1731" s="91"/>
      <c r="FR1731" s="91"/>
      <c r="FS1731" s="91"/>
      <c r="FT1731" s="91"/>
      <c r="FU1731" s="91"/>
      <c r="FV1731" s="91"/>
      <c r="FW1731" s="91"/>
      <c r="FX1731" s="91"/>
      <c r="FY1731" s="91"/>
      <c r="FZ1731" s="91"/>
      <c r="GA1731" s="91"/>
      <c r="GB1731" s="91"/>
      <c r="GC1731" s="91"/>
      <c r="GD1731" s="91"/>
      <c r="GE1731" s="91"/>
      <c r="GF1731" s="91"/>
      <c r="GG1731" s="91"/>
      <c r="GH1731" s="91"/>
      <c r="GI1731" s="91"/>
      <c r="GJ1731" s="91"/>
      <c r="GK1731" s="127"/>
      <c r="GL1731" s="126"/>
      <c r="GM1731" s="91"/>
      <c r="GN1731" s="91"/>
      <c r="GO1731" s="91"/>
      <c r="GP1731" s="91"/>
      <c r="GQ1731" s="91"/>
      <c r="GR1731" s="91"/>
      <c r="GS1731" s="91"/>
      <c r="GT1731" s="91"/>
      <c r="GU1731" s="91"/>
      <c r="GV1731" s="91"/>
      <c r="GW1731" s="91"/>
      <c r="GX1731" s="91"/>
      <c r="GY1731" s="91"/>
      <c r="GZ1731" s="91"/>
      <c r="HA1731" s="91"/>
      <c r="HB1731" s="91"/>
      <c r="HC1731" s="91"/>
      <c r="HD1731" s="91"/>
      <c r="HE1731" s="91"/>
      <c r="HF1731" s="91"/>
      <c r="HG1731" s="91"/>
      <c r="HH1731" s="91"/>
      <c r="HI1731" s="91"/>
      <c r="HJ1731" s="91"/>
      <c r="HK1731" s="127"/>
      <c r="HL1731" s="126"/>
      <c r="HM1731" s="91"/>
      <c r="HN1731" s="91"/>
      <c r="HO1731" s="91"/>
      <c r="HP1731" s="91"/>
      <c r="HQ1731" s="91"/>
      <c r="HR1731" s="91"/>
      <c r="HS1731" s="91"/>
      <c r="HT1731" s="91"/>
      <c r="HU1731" s="91"/>
      <c r="HV1731" s="91"/>
      <c r="HW1731" s="91"/>
      <c r="HX1731" s="91"/>
      <c r="HY1731" s="91"/>
      <c r="HZ1731" s="91"/>
      <c r="IA1731" s="91"/>
      <c r="IB1731" s="91"/>
      <c r="IC1731" s="91"/>
      <c r="ID1731" s="91"/>
      <c r="IE1731" s="91"/>
      <c r="IF1731" s="91"/>
      <c r="IG1731" s="91"/>
      <c r="IH1731" s="91"/>
      <c r="II1731" s="91"/>
      <c r="IJ1731" s="91"/>
      <c r="IK1731" s="127"/>
    </row>
    <row r="1732" spans="2:245" x14ac:dyDescent="0.2">
      <c r="B1732" s="43"/>
      <c r="C1732" s="73"/>
      <c r="D1732" s="64"/>
      <c r="E1732" s="64"/>
      <c r="F1732" s="55"/>
      <c r="G1732" s="102"/>
      <c r="H1732" s="55"/>
      <c r="I1732" s="55"/>
      <c r="J1732" s="55"/>
      <c r="K1732" s="55"/>
      <c r="L1732" s="55"/>
      <c r="M1732" s="55"/>
      <c r="N1732" s="55"/>
      <c r="O1732" s="55"/>
      <c r="P1732" s="55"/>
      <c r="Q1732" s="55"/>
      <c r="R1732" s="55"/>
      <c r="S1732" s="55"/>
      <c r="T1732" s="55"/>
      <c r="U1732" s="55"/>
      <c r="V1732" s="55"/>
      <c r="W1732" s="55"/>
      <c r="X1732" s="55"/>
      <c r="Y1732" s="55"/>
      <c r="Z1732" s="55"/>
      <c r="AA1732" s="55"/>
      <c r="AB1732" s="55"/>
      <c r="AC1732" s="55"/>
      <c r="AD1732" s="55"/>
      <c r="AE1732" s="55"/>
      <c r="AF1732" s="55"/>
      <c r="AG1732" s="55"/>
      <c r="AY1732" s="162"/>
      <c r="AZ1732" s="162"/>
      <c r="BA1732" s="162"/>
      <c r="BB1732" s="162"/>
      <c r="BC1732" s="162"/>
      <c r="BD1732" s="162"/>
      <c r="BE1732" s="162"/>
      <c r="BF1732" s="162"/>
      <c r="BG1732" s="162"/>
      <c r="BH1732" s="162"/>
      <c r="BI1732" s="162"/>
      <c r="BJ1732" s="162"/>
      <c r="BK1732" s="162"/>
      <c r="BL1732" s="162"/>
      <c r="BM1732" s="162"/>
      <c r="BN1732" s="162"/>
      <c r="BO1732" s="162"/>
      <c r="BP1732" s="162"/>
      <c r="BQ1732" s="162"/>
      <c r="BR1732" s="162"/>
      <c r="BS1732" s="162"/>
      <c r="BT1732" s="162"/>
      <c r="BU1732" s="162"/>
      <c r="BV1732" s="162"/>
      <c r="BW1732" s="162"/>
      <c r="BX1732" s="162"/>
      <c r="BY1732" s="162"/>
      <c r="BZ1732" s="162"/>
      <c r="CA1732" s="162"/>
      <c r="CB1732" s="162"/>
      <c r="CC1732" s="162"/>
      <c r="CD1732" s="162"/>
      <c r="CE1732" s="162"/>
      <c r="CF1732" s="162"/>
      <c r="CG1732" s="162"/>
      <c r="CH1732" s="162"/>
      <c r="CI1732" s="162"/>
      <c r="CJ1732" s="162"/>
      <c r="CK1732" s="162"/>
      <c r="CX1732" s="98"/>
      <c r="DL1732" s="97"/>
      <c r="DX1732" s="98"/>
      <c r="EL1732" s="97"/>
      <c r="EX1732" s="98"/>
      <c r="EY1732" s="97"/>
      <c r="FL1732" s="126"/>
      <c r="FM1732" s="91"/>
      <c r="FN1732" s="91"/>
      <c r="FO1732" s="91"/>
      <c r="FP1732" s="91"/>
      <c r="FQ1732" s="91"/>
      <c r="FR1732" s="91"/>
      <c r="FS1732" s="91"/>
      <c r="FT1732" s="91"/>
      <c r="FU1732" s="91"/>
      <c r="FV1732" s="91"/>
      <c r="FW1732" s="91"/>
      <c r="FX1732" s="91"/>
      <c r="FY1732" s="91"/>
      <c r="FZ1732" s="91"/>
      <c r="GA1732" s="91"/>
      <c r="GB1732" s="91"/>
      <c r="GC1732" s="91"/>
      <c r="GD1732" s="91"/>
      <c r="GE1732" s="91"/>
      <c r="GF1732" s="91"/>
      <c r="GG1732" s="91"/>
      <c r="GH1732" s="91"/>
      <c r="GI1732" s="91"/>
      <c r="GJ1732" s="91"/>
      <c r="GK1732" s="127"/>
      <c r="GL1732" s="126"/>
      <c r="GM1732" s="91"/>
      <c r="GN1732" s="91"/>
      <c r="GO1732" s="91"/>
      <c r="GP1732" s="91"/>
      <c r="GQ1732" s="91"/>
      <c r="GR1732" s="91"/>
      <c r="GS1732" s="91"/>
      <c r="GT1732" s="91"/>
      <c r="GU1732" s="91"/>
      <c r="GV1732" s="91"/>
      <c r="GW1732" s="91"/>
      <c r="GX1732" s="91"/>
      <c r="GY1732" s="91"/>
      <c r="GZ1732" s="91"/>
      <c r="HA1732" s="91"/>
      <c r="HB1732" s="91"/>
      <c r="HC1732" s="91"/>
      <c r="HD1732" s="91"/>
      <c r="HE1732" s="91"/>
      <c r="HF1732" s="91"/>
      <c r="HG1732" s="91"/>
      <c r="HH1732" s="91"/>
      <c r="HI1732" s="91"/>
      <c r="HJ1732" s="91"/>
      <c r="HK1732" s="127"/>
      <c r="HL1732" s="126"/>
      <c r="HM1732" s="91"/>
      <c r="HN1732" s="91"/>
      <c r="HO1732" s="91"/>
      <c r="HP1732" s="91"/>
      <c r="HQ1732" s="91"/>
      <c r="HR1732" s="91"/>
      <c r="HS1732" s="91"/>
      <c r="HT1732" s="91"/>
      <c r="HU1732" s="91"/>
      <c r="HV1732" s="91"/>
      <c r="HW1732" s="91"/>
      <c r="HX1732" s="91"/>
      <c r="HY1732" s="91"/>
      <c r="HZ1732" s="91"/>
      <c r="IA1732" s="91"/>
      <c r="IB1732" s="91"/>
      <c r="IC1732" s="91"/>
      <c r="ID1732" s="91"/>
      <c r="IE1732" s="91"/>
      <c r="IF1732" s="91"/>
      <c r="IG1732" s="91"/>
      <c r="IH1732" s="91"/>
      <c r="II1732" s="91"/>
      <c r="IJ1732" s="91"/>
      <c r="IK1732" s="127"/>
    </row>
    <row r="1733" spans="2:245" x14ac:dyDescent="0.2">
      <c r="B1733" s="43"/>
      <c r="C1733" s="73"/>
      <c r="D1733" s="64"/>
      <c r="E1733" s="64"/>
      <c r="F1733" s="55"/>
      <c r="G1733" s="102"/>
      <c r="H1733" s="55"/>
      <c r="I1733" s="55"/>
      <c r="J1733" s="55"/>
      <c r="K1733" s="55"/>
      <c r="L1733" s="55"/>
      <c r="M1733" s="55"/>
      <c r="N1733" s="55"/>
      <c r="O1733" s="55"/>
      <c r="P1733" s="55"/>
      <c r="Q1733" s="55"/>
      <c r="R1733" s="55"/>
      <c r="S1733" s="55"/>
      <c r="T1733" s="55"/>
      <c r="U1733" s="55"/>
      <c r="V1733" s="55"/>
      <c r="W1733" s="55"/>
      <c r="X1733" s="55"/>
      <c r="Y1733" s="55"/>
      <c r="Z1733" s="55"/>
      <c r="AA1733" s="55"/>
      <c r="AB1733" s="55"/>
      <c r="AC1733" s="55"/>
      <c r="AD1733" s="55"/>
      <c r="AE1733" s="55"/>
      <c r="AF1733" s="55"/>
      <c r="AG1733" s="55"/>
      <c r="AY1733" s="162"/>
      <c r="AZ1733" s="162"/>
      <c r="BA1733" s="162"/>
      <c r="BB1733" s="162"/>
      <c r="BC1733" s="162"/>
      <c r="BD1733" s="162"/>
      <c r="BE1733" s="162"/>
      <c r="BF1733" s="162"/>
      <c r="BG1733" s="162"/>
      <c r="BH1733" s="162"/>
      <c r="BI1733" s="162"/>
      <c r="BJ1733" s="162"/>
      <c r="BK1733" s="162"/>
      <c r="BL1733" s="162"/>
      <c r="BM1733" s="162"/>
      <c r="BN1733" s="162"/>
      <c r="BO1733" s="162"/>
      <c r="BP1733" s="162"/>
      <c r="BQ1733" s="162"/>
      <c r="BR1733" s="162"/>
      <c r="BS1733" s="162"/>
      <c r="BT1733" s="162"/>
      <c r="BU1733" s="162"/>
      <c r="BV1733" s="162"/>
      <c r="BW1733" s="162"/>
      <c r="BX1733" s="162"/>
      <c r="BY1733" s="162"/>
      <c r="BZ1733" s="162"/>
      <c r="CA1733" s="162"/>
      <c r="CB1733" s="162"/>
      <c r="CC1733" s="162"/>
      <c r="CD1733" s="162"/>
      <c r="CE1733" s="162"/>
      <c r="CF1733" s="162"/>
      <c r="CG1733" s="162"/>
      <c r="CH1733" s="162"/>
      <c r="CI1733" s="162"/>
      <c r="CJ1733" s="162"/>
      <c r="CK1733" s="162"/>
      <c r="CX1733" s="98"/>
      <c r="DL1733" s="97"/>
      <c r="DX1733" s="98"/>
      <c r="EL1733" s="97"/>
      <c r="EX1733" s="98"/>
      <c r="EY1733" s="97"/>
      <c r="FL1733" s="126"/>
      <c r="FM1733" s="91"/>
      <c r="FN1733" s="91"/>
      <c r="FO1733" s="91"/>
      <c r="FP1733" s="91"/>
      <c r="FQ1733" s="91"/>
      <c r="FR1733" s="91"/>
      <c r="FS1733" s="91"/>
      <c r="FT1733" s="91"/>
      <c r="FU1733" s="91"/>
      <c r="FV1733" s="91"/>
      <c r="FW1733" s="91"/>
      <c r="FX1733" s="91"/>
      <c r="FY1733" s="91"/>
      <c r="FZ1733" s="91"/>
      <c r="GA1733" s="91"/>
      <c r="GB1733" s="91"/>
      <c r="GC1733" s="91"/>
      <c r="GD1733" s="91"/>
      <c r="GE1733" s="91"/>
      <c r="GF1733" s="91"/>
      <c r="GG1733" s="91"/>
      <c r="GH1733" s="91"/>
      <c r="GI1733" s="91"/>
      <c r="GJ1733" s="91"/>
      <c r="GK1733" s="127"/>
      <c r="GL1733" s="126"/>
      <c r="GM1733" s="91"/>
      <c r="GN1733" s="91"/>
      <c r="GO1733" s="91"/>
      <c r="GP1733" s="91"/>
      <c r="GQ1733" s="91"/>
      <c r="GR1733" s="91"/>
      <c r="GS1733" s="91"/>
      <c r="GT1733" s="91"/>
      <c r="GU1733" s="91"/>
      <c r="GV1733" s="91"/>
      <c r="GW1733" s="91"/>
      <c r="GX1733" s="91"/>
      <c r="GY1733" s="91"/>
      <c r="GZ1733" s="91"/>
      <c r="HA1733" s="91"/>
      <c r="HB1733" s="91"/>
      <c r="HC1733" s="91"/>
      <c r="HD1733" s="91"/>
      <c r="HE1733" s="91"/>
      <c r="HF1733" s="91"/>
      <c r="HG1733" s="91"/>
      <c r="HH1733" s="91"/>
      <c r="HI1733" s="91"/>
      <c r="HJ1733" s="91"/>
      <c r="HK1733" s="127"/>
      <c r="HL1733" s="126"/>
      <c r="HM1733" s="91"/>
      <c r="HN1733" s="91"/>
      <c r="HO1733" s="91"/>
      <c r="HP1733" s="91"/>
      <c r="HQ1733" s="91"/>
      <c r="HR1733" s="91"/>
      <c r="HS1733" s="91"/>
      <c r="HT1733" s="91"/>
      <c r="HU1733" s="91"/>
      <c r="HV1733" s="91"/>
      <c r="HW1733" s="91"/>
      <c r="HX1733" s="91"/>
      <c r="HY1733" s="91"/>
      <c r="HZ1733" s="91"/>
      <c r="IA1733" s="91"/>
      <c r="IB1733" s="91"/>
      <c r="IC1733" s="91"/>
      <c r="ID1733" s="91"/>
      <c r="IE1733" s="91"/>
      <c r="IF1733" s="91"/>
      <c r="IG1733" s="91"/>
      <c r="IH1733" s="91"/>
      <c r="II1733" s="91"/>
      <c r="IJ1733" s="91"/>
      <c r="IK1733" s="127"/>
    </row>
    <row r="1734" spans="2:245" x14ac:dyDescent="0.2">
      <c r="B1734" s="43"/>
      <c r="C1734" s="73"/>
      <c r="D1734" s="64"/>
      <c r="E1734" s="64"/>
      <c r="F1734" s="55"/>
      <c r="G1734" s="102"/>
      <c r="H1734" s="55"/>
      <c r="I1734" s="55"/>
      <c r="J1734" s="55"/>
      <c r="K1734" s="55"/>
      <c r="L1734" s="55"/>
      <c r="M1734" s="55"/>
      <c r="N1734" s="55"/>
      <c r="O1734" s="55"/>
      <c r="P1734" s="55"/>
      <c r="Q1734" s="55"/>
      <c r="R1734" s="55"/>
      <c r="S1734" s="55"/>
      <c r="T1734" s="55"/>
      <c r="U1734" s="55"/>
      <c r="V1734" s="55"/>
      <c r="W1734" s="55"/>
      <c r="X1734" s="55"/>
      <c r="Y1734" s="55"/>
      <c r="Z1734" s="55"/>
      <c r="AA1734" s="55"/>
      <c r="AB1734" s="55"/>
      <c r="AC1734" s="55"/>
      <c r="AD1734" s="55"/>
      <c r="AE1734" s="55"/>
      <c r="AF1734" s="55"/>
      <c r="AG1734" s="55"/>
      <c r="AY1734" s="162"/>
      <c r="AZ1734" s="162"/>
      <c r="BA1734" s="162"/>
      <c r="BB1734" s="162"/>
      <c r="BC1734" s="162"/>
      <c r="BD1734" s="162"/>
      <c r="BE1734" s="162"/>
      <c r="BF1734" s="162"/>
      <c r="BG1734" s="162"/>
      <c r="BH1734" s="162"/>
      <c r="BI1734" s="162"/>
      <c r="BJ1734" s="162"/>
      <c r="BK1734" s="162"/>
      <c r="BL1734" s="162"/>
      <c r="BM1734" s="162"/>
      <c r="BN1734" s="162"/>
      <c r="BO1734" s="162"/>
      <c r="BP1734" s="162"/>
      <c r="BQ1734" s="162"/>
      <c r="BR1734" s="162"/>
      <c r="BS1734" s="162"/>
      <c r="BT1734" s="162"/>
      <c r="BU1734" s="162"/>
      <c r="BV1734" s="162"/>
      <c r="BW1734" s="162"/>
      <c r="BX1734" s="162"/>
      <c r="BY1734" s="162"/>
      <c r="BZ1734" s="162"/>
      <c r="CA1734" s="162"/>
      <c r="CB1734" s="162"/>
      <c r="CC1734" s="162"/>
      <c r="CD1734" s="162"/>
      <c r="CE1734" s="162"/>
      <c r="CF1734" s="162"/>
      <c r="CG1734" s="162"/>
      <c r="CH1734" s="162"/>
      <c r="CI1734" s="162"/>
      <c r="CJ1734" s="162"/>
      <c r="CK1734" s="162"/>
      <c r="CX1734" s="98"/>
      <c r="DL1734" s="97"/>
      <c r="DX1734" s="98"/>
      <c r="EL1734" s="97"/>
      <c r="EX1734" s="98"/>
      <c r="EY1734" s="97"/>
      <c r="FL1734" s="126"/>
      <c r="FM1734" s="91"/>
      <c r="FN1734" s="91"/>
      <c r="FO1734" s="91"/>
      <c r="FP1734" s="91"/>
      <c r="FQ1734" s="91"/>
      <c r="FR1734" s="91"/>
      <c r="FS1734" s="91"/>
      <c r="FT1734" s="91"/>
      <c r="FU1734" s="91"/>
      <c r="FV1734" s="91"/>
      <c r="FW1734" s="91"/>
      <c r="FX1734" s="91"/>
      <c r="FY1734" s="91"/>
      <c r="FZ1734" s="91"/>
      <c r="GA1734" s="91"/>
      <c r="GB1734" s="91"/>
      <c r="GC1734" s="91"/>
      <c r="GD1734" s="91"/>
      <c r="GE1734" s="91"/>
      <c r="GF1734" s="91"/>
      <c r="GG1734" s="91"/>
      <c r="GH1734" s="91"/>
      <c r="GI1734" s="91"/>
      <c r="GJ1734" s="91"/>
      <c r="GK1734" s="127"/>
      <c r="GL1734" s="126"/>
      <c r="GM1734" s="91"/>
      <c r="GN1734" s="91"/>
      <c r="GO1734" s="91"/>
      <c r="GP1734" s="91"/>
      <c r="GQ1734" s="91"/>
      <c r="GR1734" s="91"/>
      <c r="GS1734" s="91"/>
      <c r="GT1734" s="91"/>
      <c r="GU1734" s="91"/>
      <c r="GV1734" s="91"/>
      <c r="GW1734" s="91"/>
      <c r="GX1734" s="91"/>
      <c r="GY1734" s="91"/>
      <c r="GZ1734" s="91"/>
      <c r="HA1734" s="91"/>
      <c r="HB1734" s="91"/>
      <c r="HC1734" s="91"/>
      <c r="HD1734" s="91"/>
      <c r="HE1734" s="91"/>
      <c r="HF1734" s="91"/>
      <c r="HG1734" s="91"/>
      <c r="HH1734" s="91"/>
      <c r="HI1734" s="91"/>
      <c r="HJ1734" s="91"/>
      <c r="HK1734" s="127"/>
      <c r="HL1734" s="126"/>
      <c r="HM1734" s="91"/>
      <c r="HN1734" s="91"/>
      <c r="HO1734" s="91"/>
      <c r="HP1734" s="91"/>
      <c r="HQ1734" s="91"/>
      <c r="HR1734" s="91"/>
      <c r="HS1734" s="91"/>
      <c r="HT1734" s="91"/>
      <c r="HU1734" s="91"/>
      <c r="HV1734" s="91"/>
      <c r="HW1734" s="91"/>
      <c r="HX1734" s="91"/>
      <c r="HY1734" s="91"/>
      <c r="HZ1734" s="91"/>
      <c r="IA1734" s="91"/>
      <c r="IB1734" s="91"/>
      <c r="IC1734" s="91"/>
      <c r="ID1734" s="91"/>
      <c r="IE1734" s="91"/>
      <c r="IF1734" s="91"/>
      <c r="IG1734" s="91"/>
      <c r="IH1734" s="91"/>
      <c r="II1734" s="91"/>
      <c r="IJ1734" s="91"/>
      <c r="IK1734" s="127"/>
    </row>
    <row r="1735" spans="2:245" x14ac:dyDescent="0.2">
      <c r="B1735" s="43"/>
      <c r="C1735" s="73"/>
      <c r="D1735" s="64"/>
      <c r="E1735" s="64"/>
      <c r="F1735" s="55"/>
      <c r="G1735" s="102"/>
      <c r="H1735" s="55"/>
      <c r="I1735" s="55"/>
      <c r="J1735" s="55"/>
      <c r="K1735" s="55"/>
      <c r="L1735" s="55"/>
      <c r="M1735" s="55"/>
      <c r="N1735" s="55"/>
      <c r="O1735" s="55"/>
      <c r="P1735" s="55"/>
      <c r="Q1735" s="55"/>
      <c r="R1735" s="55"/>
      <c r="S1735" s="55"/>
      <c r="T1735" s="55"/>
      <c r="U1735" s="55"/>
      <c r="V1735" s="55"/>
      <c r="W1735" s="55"/>
      <c r="X1735" s="55"/>
      <c r="Y1735" s="55"/>
      <c r="Z1735" s="55"/>
      <c r="AA1735" s="55"/>
      <c r="AB1735" s="55"/>
      <c r="AC1735" s="55"/>
      <c r="AD1735" s="55"/>
      <c r="AE1735" s="55"/>
      <c r="AF1735" s="55"/>
      <c r="AG1735" s="55"/>
      <c r="AY1735" s="162"/>
      <c r="AZ1735" s="162"/>
      <c r="BA1735" s="162"/>
      <c r="BB1735" s="162"/>
      <c r="BC1735" s="162"/>
      <c r="BD1735" s="162"/>
      <c r="BE1735" s="162"/>
      <c r="BF1735" s="162"/>
      <c r="BG1735" s="162"/>
      <c r="BH1735" s="162"/>
      <c r="BI1735" s="162"/>
      <c r="BJ1735" s="162"/>
      <c r="BK1735" s="162"/>
      <c r="BL1735" s="162"/>
      <c r="BM1735" s="162"/>
      <c r="BN1735" s="162"/>
      <c r="BO1735" s="162"/>
      <c r="BP1735" s="162"/>
      <c r="BQ1735" s="162"/>
      <c r="BR1735" s="162"/>
      <c r="BS1735" s="162"/>
      <c r="BT1735" s="162"/>
      <c r="BU1735" s="162"/>
      <c r="BV1735" s="162"/>
      <c r="BW1735" s="162"/>
      <c r="BX1735" s="162"/>
      <c r="BY1735" s="162"/>
      <c r="BZ1735" s="162"/>
      <c r="CA1735" s="162"/>
      <c r="CB1735" s="162"/>
      <c r="CC1735" s="162"/>
      <c r="CD1735" s="162"/>
      <c r="CE1735" s="162"/>
      <c r="CF1735" s="162"/>
      <c r="CG1735" s="162"/>
      <c r="CH1735" s="162"/>
      <c r="CI1735" s="162"/>
      <c r="CJ1735" s="162"/>
      <c r="CK1735" s="162"/>
      <c r="CX1735" s="98"/>
      <c r="DL1735" s="97"/>
      <c r="DX1735" s="98"/>
      <c r="EL1735" s="97"/>
      <c r="EX1735" s="98"/>
      <c r="EY1735" s="97"/>
      <c r="FL1735" s="126"/>
      <c r="FM1735" s="91"/>
      <c r="FN1735" s="91"/>
      <c r="FO1735" s="91"/>
      <c r="FP1735" s="91"/>
      <c r="FQ1735" s="91"/>
      <c r="FR1735" s="91"/>
      <c r="FS1735" s="91"/>
      <c r="FT1735" s="91"/>
      <c r="FU1735" s="91"/>
      <c r="FV1735" s="91"/>
      <c r="FW1735" s="91"/>
      <c r="FX1735" s="91"/>
      <c r="FY1735" s="91"/>
      <c r="FZ1735" s="91"/>
      <c r="GA1735" s="91"/>
      <c r="GB1735" s="91"/>
      <c r="GC1735" s="91"/>
      <c r="GD1735" s="91"/>
      <c r="GE1735" s="91"/>
      <c r="GF1735" s="91"/>
      <c r="GG1735" s="91"/>
      <c r="GH1735" s="91"/>
      <c r="GI1735" s="91"/>
      <c r="GJ1735" s="91"/>
      <c r="GK1735" s="127"/>
      <c r="GL1735" s="126"/>
      <c r="GM1735" s="91"/>
      <c r="GN1735" s="91"/>
      <c r="GO1735" s="91"/>
      <c r="GP1735" s="91"/>
      <c r="GQ1735" s="91"/>
      <c r="GR1735" s="91"/>
      <c r="GS1735" s="91"/>
      <c r="GT1735" s="91"/>
      <c r="GU1735" s="91"/>
      <c r="GV1735" s="91"/>
      <c r="GW1735" s="91"/>
      <c r="GX1735" s="91"/>
      <c r="GY1735" s="91"/>
      <c r="GZ1735" s="91"/>
      <c r="HA1735" s="91"/>
      <c r="HB1735" s="91"/>
      <c r="HC1735" s="91"/>
      <c r="HD1735" s="91"/>
      <c r="HE1735" s="91"/>
      <c r="HF1735" s="91"/>
      <c r="HG1735" s="91"/>
      <c r="HH1735" s="91"/>
      <c r="HI1735" s="91"/>
      <c r="HJ1735" s="91"/>
      <c r="HK1735" s="127"/>
      <c r="HL1735" s="126"/>
      <c r="HM1735" s="91"/>
      <c r="HN1735" s="91"/>
      <c r="HO1735" s="91"/>
      <c r="HP1735" s="91"/>
      <c r="HQ1735" s="91"/>
      <c r="HR1735" s="91"/>
      <c r="HS1735" s="91"/>
      <c r="HT1735" s="91"/>
      <c r="HU1735" s="91"/>
      <c r="HV1735" s="91"/>
      <c r="HW1735" s="91"/>
      <c r="HX1735" s="91"/>
      <c r="HY1735" s="91"/>
      <c r="HZ1735" s="91"/>
      <c r="IA1735" s="91"/>
      <c r="IB1735" s="91"/>
      <c r="IC1735" s="91"/>
      <c r="ID1735" s="91"/>
      <c r="IE1735" s="91"/>
      <c r="IF1735" s="91"/>
      <c r="IG1735" s="91"/>
      <c r="IH1735" s="91"/>
      <c r="II1735" s="91"/>
      <c r="IJ1735" s="91"/>
      <c r="IK1735" s="127"/>
    </row>
    <row r="1736" spans="2:245" x14ac:dyDescent="0.2">
      <c r="B1736" s="43"/>
      <c r="C1736" s="73"/>
      <c r="D1736" s="64"/>
      <c r="E1736" s="64"/>
      <c r="F1736" s="55"/>
      <c r="G1736" s="102"/>
      <c r="H1736" s="55"/>
      <c r="I1736" s="55"/>
      <c r="J1736" s="55"/>
      <c r="K1736" s="55"/>
      <c r="L1736" s="55"/>
      <c r="M1736" s="55"/>
      <c r="N1736" s="55"/>
      <c r="O1736" s="55"/>
      <c r="P1736" s="55"/>
      <c r="Q1736" s="55"/>
      <c r="R1736" s="55"/>
      <c r="S1736" s="55"/>
      <c r="T1736" s="55"/>
      <c r="U1736" s="55"/>
      <c r="V1736" s="55"/>
      <c r="W1736" s="55"/>
      <c r="X1736" s="55"/>
      <c r="Y1736" s="55"/>
      <c r="Z1736" s="55"/>
      <c r="AA1736" s="55"/>
      <c r="AB1736" s="55"/>
      <c r="AC1736" s="55"/>
      <c r="AD1736" s="55"/>
      <c r="AE1736" s="55"/>
      <c r="AF1736" s="55"/>
      <c r="AG1736" s="55"/>
      <c r="AY1736" s="162"/>
      <c r="AZ1736" s="162"/>
      <c r="BA1736" s="162"/>
      <c r="BB1736" s="162"/>
      <c r="BC1736" s="162"/>
      <c r="BD1736" s="162"/>
      <c r="BE1736" s="162"/>
      <c r="BF1736" s="162"/>
      <c r="BG1736" s="162"/>
      <c r="BH1736" s="162"/>
      <c r="BI1736" s="162"/>
      <c r="BJ1736" s="162"/>
      <c r="BK1736" s="162"/>
      <c r="BL1736" s="162"/>
      <c r="BM1736" s="162"/>
      <c r="BN1736" s="162"/>
      <c r="BO1736" s="162"/>
      <c r="BP1736" s="162"/>
      <c r="BQ1736" s="162"/>
      <c r="BR1736" s="162"/>
      <c r="BS1736" s="162"/>
      <c r="BT1736" s="162"/>
      <c r="BU1736" s="162"/>
      <c r="BV1736" s="162"/>
      <c r="BW1736" s="162"/>
      <c r="BX1736" s="162"/>
      <c r="BY1736" s="162"/>
      <c r="BZ1736" s="162"/>
      <c r="CA1736" s="162"/>
      <c r="CB1736" s="162"/>
      <c r="CC1736" s="162"/>
      <c r="CD1736" s="162"/>
      <c r="CE1736" s="162"/>
      <c r="CF1736" s="162"/>
      <c r="CG1736" s="162"/>
      <c r="CH1736" s="162"/>
      <c r="CI1736" s="162"/>
      <c r="CJ1736" s="162"/>
      <c r="CK1736" s="162"/>
      <c r="CX1736" s="98"/>
      <c r="DL1736" s="97"/>
      <c r="DX1736" s="98"/>
      <c r="EL1736" s="97"/>
      <c r="EX1736" s="98"/>
      <c r="EY1736" s="97"/>
      <c r="FL1736" s="126"/>
      <c r="FM1736" s="91"/>
      <c r="FN1736" s="91"/>
      <c r="FO1736" s="91"/>
      <c r="FP1736" s="91"/>
      <c r="FQ1736" s="91"/>
      <c r="FR1736" s="91"/>
      <c r="FS1736" s="91"/>
      <c r="FT1736" s="91"/>
      <c r="FU1736" s="91"/>
      <c r="FV1736" s="91"/>
      <c r="FW1736" s="91"/>
      <c r="FX1736" s="91"/>
      <c r="FY1736" s="91"/>
      <c r="FZ1736" s="91"/>
      <c r="GA1736" s="91"/>
      <c r="GB1736" s="91"/>
      <c r="GC1736" s="91"/>
      <c r="GD1736" s="91"/>
      <c r="GE1736" s="91"/>
      <c r="GF1736" s="91"/>
      <c r="GG1736" s="91"/>
      <c r="GH1736" s="91"/>
      <c r="GI1736" s="91"/>
      <c r="GJ1736" s="91"/>
      <c r="GK1736" s="127"/>
      <c r="GL1736" s="126"/>
      <c r="GM1736" s="91"/>
      <c r="GN1736" s="91"/>
      <c r="GO1736" s="91"/>
      <c r="GP1736" s="91"/>
      <c r="GQ1736" s="91"/>
      <c r="GR1736" s="91"/>
      <c r="GS1736" s="91"/>
      <c r="GT1736" s="91"/>
      <c r="GU1736" s="91"/>
      <c r="GV1736" s="91"/>
      <c r="GW1736" s="91"/>
      <c r="GX1736" s="91"/>
      <c r="GY1736" s="91"/>
      <c r="GZ1736" s="91"/>
      <c r="HA1736" s="91"/>
      <c r="HB1736" s="91"/>
      <c r="HC1736" s="91"/>
      <c r="HD1736" s="91"/>
      <c r="HE1736" s="91"/>
      <c r="HF1736" s="91"/>
      <c r="HG1736" s="91"/>
      <c r="HH1736" s="91"/>
      <c r="HI1736" s="91"/>
      <c r="HJ1736" s="91"/>
      <c r="HK1736" s="127"/>
      <c r="HL1736" s="126"/>
      <c r="HM1736" s="91"/>
      <c r="HN1736" s="91"/>
      <c r="HO1736" s="91"/>
      <c r="HP1736" s="91"/>
      <c r="HQ1736" s="91"/>
      <c r="HR1736" s="91"/>
      <c r="HS1736" s="91"/>
      <c r="HT1736" s="91"/>
      <c r="HU1736" s="91"/>
      <c r="HV1736" s="91"/>
      <c r="HW1736" s="91"/>
      <c r="HX1736" s="91"/>
      <c r="HY1736" s="91"/>
      <c r="HZ1736" s="91"/>
      <c r="IA1736" s="91"/>
      <c r="IB1736" s="91"/>
      <c r="IC1736" s="91"/>
      <c r="ID1736" s="91"/>
      <c r="IE1736" s="91"/>
      <c r="IF1736" s="91"/>
      <c r="IG1736" s="91"/>
      <c r="IH1736" s="91"/>
      <c r="II1736" s="91"/>
      <c r="IJ1736" s="91"/>
      <c r="IK1736" s="127"/>
    </row>
    <row r="1737" spans="2:245" ht="13.5" thickBot="1" x14ac:dyDescent="0.25">
      <c r="B1737" s="43"/>
      <c r="C1737" s="73"/>
      <c r="D1737" s="64"/>
      <c r="E1737" s="64"/>
      <c r="F1737" s="55"/>
      <c r="G1737" s="102"/>
      <c r="H1737" s="55"/>
      <c r="I1737" s="55"/>
      <c r="J1737" s="55"/>
      <c r="K1737" s="55"/>
      <c r="L1737" s="55"/>
      <c r="M1737" s="55"/>
      <c r="N1737" s="55"/>
      <c r="O1737" s="55"/>
      <c r="P1737" s="55"/>
      <c r="Q1737" s="55"/>
      <c r="R1737" s="55"/>
      <c r="S1737" s="55"/>
      <c r="T1737" s="55"/>
      <c r="U1737" s="55"/>
      <c r="V1737" s="55"/>
      <c r="W1737" s="55"/>
      <c r="X1737" s="55"/>
      <c r="Y1737" s="55"/>
      <c r="Z1737" s="55"/>
      <c r="AA1737" s="55"/>
      <c r="AB1737" s="55"/>
      <c r="AC1737" s="55"/>
      <c r="AD1737" s="55"/>
      <c r="AE1737" s="55"/>
      <c r="AF1737" s="55"/>
      <c r="AG1737" s="55"/>
      <c r="AY1737" s="162"/>
      <c r="AZ1737" s="162"/>
      <c r="BA1737" s="162"/>
      <c r="BB1737" s="162"/>
      <c r="BC1737" s="162"/>
      <c r="BD1737" s="162"/>
      <c r="BE1737" s="162"/>
      <c r="BF1737" s="162"/>
      <c r="BG1737" s="162"/>
      <c r="BH1737" s="162"/>
      <c r="BI1737" s="162"/>
      <c r="BJ1737" s="162"/>
      <c r="BK1737" s="162"/>
      <c r="BL1737" s="162"/>
      <c r="BM1737" s="162"/>
      <c r="BN1737" s="162"/>
      <c r="BO1737" s="162"/>
      <c r="BP1737" s="162"/>
      <c r="BQ1737" s="162"/>
      <c r="BR1737" s="162"/>
      <c r="BS1737" s="162"/>
      <c r="BT1737" s="162"/>
      <c r="BU1737" s="162"/>
      <c r="BV1737" s="162"/>
      <c r="BW1737" s="162"/>
      <c r="BX1737" s="162"/>
      <c r="BY1737" s="162"/>
      <c r="BZ1737" s="162"/>
      <c r="CA1737" s="162"/>
      <c r="CB1737" s="162"/>
      <c r="CC1737" s="162"/>
      <c r="CD1737" s="162"/>
      <c r="CE1737" s="162"/>
      <c r="CF1737" s="162"/>
      <c r="CG1737" s="162"/>
      <c r="CH1737" s="162"/>
      <c r="CI1737" s="162"/>
      <c r="CJ1737" s="162"/>
      <c r="CK1737" s="162"/>
      <c r="CL1737" s="166"/>
      <c r="CM1737" s="166"/>
      <c r="CN1737" s="166"/>
      <c r="CO1737" s="166"/>
      <c r="CP1737" s="166"/>
      <c r="CQ1737" s="166"/>
      <c r="CR1737" s="166"/>
      <c r="CS1737" s="166"/>
      <c r="CT1737" s="166"/>
      <c r="CU1737" s="166"/>
      <c r="CV1737" s="166"/>
      <c r="CW1737" s="166"/>
      <c r="CX1737" s="176"/>
      <c r="CY1737" s="166"/>
      <c r="CZ1737" s="166"/>
      <c r="DA1737" s="166"/>
      <c r="DB1737" s="166"/>
      <c r="DC1737" s="166"/>
      <c r="DD1737" s="166"/>
      <c r="DE1737" s="166"/>
      <c r="DF1737" s="166"/>
      <c r="DG1737" s="166"/>
      <c r="DH1737" s="166"/>
      <c r="DI1737" s="166"/>
      <c r="DJ1737" s="166"/>
      <c r="DK1737" s="166"/>
      <c r="DL1737" s="175"/>
      <c r="DM1737" s="166"/>
      <c r="DN1737" s="166"/>
      <c r="DO1737" s="166"/>
      <c r="DP1737" s="166"/>
      <c r="DQ1737" s="166"/>
      <c r="DR1737" s="166"/>
      <c r="DS1737" s="166"/>
      <c r="DT1737" s="166"/>
      <c r="DU1737" s="166"/>
      <c r="DV1737" s="166"/>
      <c r="DW1737" s="166"/>
      <c r="DX1737" s="176"/>
      <c r="DY1737" s="166"/>
      <c r="DZ1737" s="166"/>
      <c r="EA1737" s="166"/>
      <c r="EB1737" s="166"/>
      <c r="EC1737" s="166"/>
      <c r="ED1737" s="166"/>
      <c r="EE1737" s="166"/>
      <c r="EF1737" s="166"/>
      <c r="EG1737" s="166"/>
      <c r="EH1737" s="166"/>
      <c r="EI1737" s="166"/>
      <c r="EJ1737" s="166"/>
      <c r="EK1737" s="166"/>
      <c r="EL1737" s="175"/>
      <c r="EM1737" s="166"/>
      <c r="EN1737" s="166"/>
      <c r="EO1737" s="166"/>
      <c r="EP1737" s="166"/>
      <c r="EQ1737" s="166"/>
      <c r="ER1737" s="166"/>
      <c r="ES1737" s="166"/>
      <c r="ET1737" s="166"/>
      <c r="EU1737" s="166"/>
      <c r="EV1737" s="166"/>
      <c r="EW1737" s="166"/>
      <c r="EX1737" s="176"/>
      <c r="EY1737" s="175"/>
      <c r="EZ1737" s="166"/>
      <c r="FA1737" s="166"/>
      <c r="FB1737" s="166"/>
      <c r="FC1737" s="166"/>
      <c r="FD1737" s="166"/>
      <c r="FE1737" s="166"/>
      <c r="FF1737" s="166"/>
      <c r="FG1737" s="166"/>
      <c r="FH1737" s="166"/>
      <c r="FI1737" s="166"/>
      <c r="FJ1737" s="166"/>
      <c r="FK1737" s="166"/>
      <c r="FL1737" s="126"/>
      <c r="FM1737" s="91"/>
      <c r="FN1737" s="91"/>
      <c r="FO1737" s="91"/>
      <c r="FP1737" s="91"/>
      <c r="FQ1737" s="91"/>
      <c r="FR1737" s="91"/>
      <c r="FS1737" s="91"/>
      <c r="FT1737" s="91"/>
      <c r="FU1737" s="91"/>
      <c r="FV1737" s="91"/>
      <c r="FW1737" s="91"/>
      <c r="FX1737" s="91"/>
      <c r="FY1737" s="91"/>
      <c r="FZ1737" s="91"/>
      <c r="GA1737" s="91"/>
      <c r="GB1737" s="91"/>
      <c r="GC1737" s="91"/>
      <c r="GD1737" s="91"/>
      <c r="GE1737" s="91"/>
      <c r="GF1737" s="91"/>
      <c r="GG1737" s="91"/>
      <c r="GH1737" s="91"/>
      <c r="GI1737" s="91"/>
      <c r="GJ1737" s="91"/>
      <c r="GK1737" s="127"/>
      <c r="GL1737" s="126"/>
      <c r="GM1737" s="91"/>
      <c r="GN1737" s="91"/>
      <c r="GO1737" s="91"/>
      <c r="GP1737" s="91"/>
      <c r="GQ1737" s="91"/>
      <c r="GR1737" s="91"/>
      <c r="GS1737" s="91"/>
      <c r="GT1737" s="91"/>
      <c r="GU1737" s="91"/>
      <c r="GV1737" s="91"/>
      <c r="GW1737" s="91"/>
      <c r="GX1737" s="91"/>
      <c r="GY1737" s="91"/>
      <c r="GZ1737" s="91"/>
      <c r="HA1737" s="91"/>
      <c r="HB1737" s="91"/>
      <c r="HC1737" s="91"/>
      <c r="HD1737" s="91"/>
      <c r="HE1737" s="91"/>
      <c r="HF1737" s="91"/>
      <c r="HG1737" s="91"/>
      <c r="HH1737" s="91"/>
      <c r="HI1737" s="91"/>
      <c r="HJ1737" s="91"/>
      <c r="HK1737" s="127"/>
      <c r="HL1737" s="126"/>
      <c r="HM1737" s="91"/>
      <c r="HN1737" s="91"/>
      <c r="HO1737" s="91"/>
      <c r="HP1737" s="91"/>
      <c r="HQ1737" s="91"/>
      <c r="HR1737" s="91"/>
      <c r="HS1737" s="91"/>
      <c r="HT1737" s="91"/>
      <c r="HU1737" s="91"/>
      <c r="HV1737" s="91"/>
      <c r="HW1737" s="91"/>
      <c r="HX1737" s="91"/>
      <c r="HY1737" s="91"/>
      <c r="HZ1737" s="91"/>
      <c r="IA1737" s="91"/>
      <c r="IB1737" s="91"/>
      <c r="IC1737" s="91"/>
      <c r="ID1737" s="91"/>
      <c r="IE1737" s="91"/>
      <c r="IF1737" s="91"/>
      <c r="IG1737" s="91"/>
      <c r="IH1737" s="91"/>
      <c r="II1737" s="91"/>
      <c r="IJ1737" s="91"/>
      <c r="IK1737" s="127"/>
    </row>
    <row r="1738" spans="2:245" x14ac:dyDescent="0.2">
      <c r="B1738" s="43"/>
      <c r="C1738" s="73"/>
      <c r="D1738" s="64"/>
      <c r="E1738" s="64"/>
      <c r="F1738" s="55"/>
      <c r="G1738" s="102"/>
      <c r="H1738" s="55"/>
      <c r="I1738" s="55"/>
      <c r="J1738" s="55"/>
      <c r="K1738" s="55"/>
      <c r="L1738" s="55"/>
      <c r="M1738" s="55"/>
      <c r="N1738" s="55"/>
      <c r="O1738" s="55"/>
      <c r="P1738" s="55"/>
      <c r="Q1738" s="55"/>
      <c r="R1738" s="55"/>
      <c r="S1738" s="55"/>
      <c r="T1738" s="55"/>
      <c r="U1738" s="55"/>
      <c r="V1738" s="55"/>
      <c r="W1738" s="55"/>
      <c r="X1738" s="55"/>
      <c r="Y1738" s="55"/>
      <c r="Z1738" s="55"/>
      <c r="AA1738" s="55"/>
      <c r="AB1738" s="55"/>
      <c r="AC1738" s="55"/>
      <c r="AD1738" s="55"/>
      <c r="AE1738" s="55"/>
      <c r="AF1738" s="55"/>
      <c r="AG1738" s="55"/>
      <c r="AY1738" s="162"/>
      <c r="AZ1738" s="162"/>
      <c r="BA1738" s="162"/>
      <c r="BB1738" s="162"/>
      <c r="BC1738" s="162"/>
      <c r="BD1738" s="162"/>
      <c r="BE1738" s="162"/>
      <c r="BF1738" s="162"/>
      <c r="BG1738" s="162"/>
      <c r="BH1738" s="162"/>
      <c r="BI1738" s="162"/>
      <c r="BJ1738" s="162"/>
      <c r="BK1738" s="162"/>
      <c r="BL1738" s="162"/>
      <c r="BM1738" s="162"/>
      <c r="BN1738" s="162"/>
      <c r="BO1738" s="162"/>
      <c r="BP1738" s="162"/>
      <c r="BQ1738" s="162"/>
      <c r="BR1738" s="162"/>
      <c r="BS1738" s="162"/>
      <c r="BT1738" s="162"/>
      <c r="BU1738" s="162"/>
      <c r="BV1738" s="162"/>
      <c r="BW1738" s="162"/>
      <c r="BX1738" s="162"/>
      <c r="BY1738" s="162"/>
      <c r="BZ1738" s="162"/>
      <c r="CA1738" s="162"/>
      <c r="CB1738" s="162"/>
      <c r="CC1738" s="162"/>
      <c r="CD1738" s="162"/>
      <c r="CE1738" s="162"/>
      <c r="CF1738" s="162"/>
      <c r="CG1738" s="162"/>
      <c r="CH1738" s="162"/>
      <c r="CI1738" s="162"/>
      <c r="CJ1738" s="162"/>
      <c r="CK1738" s="162"/>
      <c r="CX1738" s="98"/>
      <c r="DL1738" s="97"/>
      <c r="DX1738" s="98"/>
      <c r="EL1738" s="97"/>
      <c r="EX1738" s="98"/>
      <c r="EY1738" s="97"/>
      <c r="FL1738" s="126"/>
      <c r="FM1738" s="91"/>
      <c r="FN1738" s="91"/>
      <c r="FO1738" s="91"/>
      <c r="FP1738" s="91"/>
      <c r="FQ1738" s="91"/>
      <c r="FR1738" s="91"/>
      <c r="FS1738" s="91"/>
      <c r="FT1738" s="91"/>
      <c r="FU1738" s="91"/>
      <c r="FV1738" s="91"/>
      <c r="FW1738" s="91"/>
      <c r="FX1738" s="91"/>
      <c r="FY1738" s="91"/>
      <c r="FZ1738" s="91"/>
      <c r="GA1738" s="91"/>
      <c r="GB1738" s="91"/>
      <c r="GC1738" s="91"/>
      <c r="GD1738" s="91"/>
      <c r="GE1738" s="91"/>
      <c r="GF1738" s="91"/>
      <c r="GG1738" s="91"/>
      <c r="GH1738" s="91"/>
      <c r="GI1738" s="91"/>
      <c r="GJ1738" s="91"/>
      <c r="GK1738" s="127"/>
      <c r="GL1738" s="126"/>
      <c r="GM1738" s="91"/>
      <c r="GN1738" s="91"/>
      <c r="GO1738" s="91"/>
      <c r="GP1738" s="91"/>
      <c r="GQ1738" s="91"/>
      <c r="GR1738" s="91"/>
      <c r="GS1738" s="91"/>
      <c r="GT1738" s="91"/>
      <c r="GU1738" s="91"/>
      <c r="GV1738" s="91"/>
      <c r="GW1738" s="91"/>
      <c r="GX1738" s="91"/>
      <c r="GY1738" s="91"/>
      <c r="GZ1738" s="91"/>
      <c r="HA1738" s="91"/>
      <c r="HB1738" s="91"/>
      <c r="HC1738" s="91"/>
      <c r="HD1738" s="91"/>
      <c r="HE1738" s="91"/>
      <c r="HF1738" s="91"/>
      <c r="HG1738" s="91"/>
      <c r="HH1738" s="91"/>
      <c r="HI1738" s="91"/>
      <c r="HJ1738" s="91"/>
      <c r="HK1738" s="127"/>
      <c r="HL1738" s="126"/>
      <c r="HM1738" s="91"/>
      <c r="HN1738" s="91"/>
      <c r="HO1738" s="91"/>
      <c r="HP1738" s="91"/>
      <c r="HQ1738" s="91"/>
      <c r="HR1738" s="91"/>
      <c r="HS1738" s="91"/>
      <c r="HT1738" s="91"/>
      <c r="HU1738" s="91"/>
      <c r="HV1738" s="91"/>
      <c r="HW1738" s="91"/>
      <c r="HX1738" s="91"/>
      <c r="HY1738" s="91"/>
      <c r="HZ1738" s="91"/>
      <c r="IA1738" s="91"/>
      <c r="IB1738" s="91"/>
      <c r="IC1738" s="91"/>
      <c r="ID1738" s="91"/>
      <c r="IE1738" s="91"/>
      <c r="IF1738" s="91"/>
      <c r="IG1738" s="91"/>
      <c r="IH1738" s="91"/>
      <c r="II1738" s="91"/>
      <c r="IJ1738" s="91"/>
      <c r="IK1738" s="127"/>
    </row>
    <row r="1739" spans="2:245" x14ac:dyDescent="0.2">
      <c r="B1739" s="43"/>
      <c r="C1739" s="73"/>
      <c r="D1739" s="64"/>
      <c r="E1739" s="64"/>
      <c r="F1739" s="55"/>
      <c r="G1739" s="102"/>
      <c r="H1739" s="55"/>
      <c r="I1739" s="55"/>
      <c r="J1739" s="55"/>
      <c r="K1739" s="55"/>
      <c r="L1739" s="55"/>
      <c r="M1739" s="55"/>
      <c r="N1739" s="55"/>
      <c r="O1739" s="55"/>
      <c r="P1739" s="55"/>
      <c r="Q1739" s="55"/>
      <c r="R1739" s="55"/>
      <c r="S1739" s="55"/>
      <c r="T1739" s="55"/>
      <c r="U1739" s="55"/>
      <c r="V1739" s="55"/>
      <c r="W1739" s="55"/>
      <c r="X1739" s="55"/>
      <c r="Y1739" s="55"/>
      <c r="Z1739" s="55"/>
      <c r="AA1739" s="55"/>
      <c r="AB1739" s="55"/>
      <c r="AC1739" s="55"/>
      <c r="AD1739" s="55"/>
      <c r="AE1739" s="55"/>
      <c r="AF1739" s="55"/>
      <c r="AG1739" s="55"/>
      <c r="AY1739" s="162"/>
      <c r="AZ1739" s="162"/>
      <c r="BA1739" s="162"/>
      <c r="BB1739" s="162"/>
      <c r="BC1739" s="162"/>
      <c r="BD1739" s="162"/>
      <c r="BE1739" s="162"/>
      <c r="BF1739" s="162"/>
      <c r="BG1739" s="162"/>
      <c r="BH1739" s="162"/>
      <c r="BI1739" s="162"/>
      <c r="BJ1739" s="162"/>
      <c r="BK1739" s="162"/>
      <c r="BL1739" s="162"/>
      <c r="BM1739" s="162"/>
      <c r="BN1739" s="162"/>
      <c r="BO1739" s="162"/>
      <c r="BP1739" s="162"/>
      <c r="BQ1739" s="162"/>
      <c r="BR1739" s="162"/>
      <c r="BS1739" s="162"/>
      <c r="BT1739" s="162"/>
      <c r="BU1739" s="162"/>
      <c r="BV1739" s="162"/>
      <c r="BW1739" s="162"/>
      <c r="BX1739" s="162"/>
      <c r="BY1739" s="162"/>
      <c r="BZ1739" s="162"/>
      <c r="CA1739" s="162"/>
      <c r="CB1739" s="162"/>
      <c r="CC1739" s="162"/>
      <c r="CD1739" s="162"/>
      <c r="CE1739" s="162"/>
      <c r="CF1739" s="162"/>
      <c r="CG1739" s="162"/>
      <c r="CH1739" s="162"/>
      <c r="CI1739" s="162"/>
      <c r="CJ1739" s="162"/>
      <c r="CK1739" s="162"/>
      <c r="CX1739" s="98"/>
      <c r="DL1739" s="97"/>
      <c r="DX1739" s="98"/>
      <c r="EL1739" s="97"/>
      <c r="EX1739" s="98"/>
      <c r="EY1739" s="97"/>
      <c r="FL1739" s="126"/>
      <c r="FM1739" s="91"/>
      <c r="FN1739" s="91"/>
      <c r="FO1739" s="91"/>
      <c r="FP1739" s="91"/>
      <c r="FQ1739" s="91"/>
      <c r="FR1739" s="91"/>
      <c r="FS1739" s="91"/>
      <c r="FT1739" s="91"/>
      <c r="FU1739" s="91"/>
      <c r="FV1739" s="91"/>
      <c r="FW1739" s="91"/>
      <c r="FX1739" s="91"/>
      <c r="FY1739" s="91"/>
      <c r="FZ1739" s="91"/>
      <c r="GA1739" s="91"/>
      <c r="GB1739" s="91"/>
      <c r="GC1739" s="91"/>
      <c r="GD1739" s="91"/>
      <c r="GE1739" s="91"/>
      <c r="GF1739" s="91"/>
      <c r="GG1739" s="91"/>
      <c r="GH1739" s="91"/>
      <c r="GI1739" s="91"/>
      <c r="GJ1739" s="91"/>
      <c r="GK1739" s="127"/>
      <c r="GL1739" s="126"/>
      <c r="GM1739" s="91"/>
      <c r="GN1739" s="91"/>
      <c r="GO1739" s="91"/>
      <c r="GP1739" s="91"/>
      <c r="GQ1739" s="91"/>
      <c r="GR1739" s="91"/>
      <c r="GS1739" s="91"/>
      <c r="GT1739" s="91"/>
      <c r="GU1739" s="91"/>
      <c r="GV1739" s="91"/>
      <c r="GW1739" s="91"/>
      <c r="GX1739" s="91"/>
      <c r="GY1739" s="91"/>
      <c r="GZ1739" s="91"/>
      <c r="HA1739" s="91"/>
      <c r="HB1739" s="91"/>
      <c r="HC1739" s="91"/>
      <c r="HD1739" s="91"/>
      <c r="HE1739" s="91"/>
      <c r="HF1739" s="91"/>
      <c r="HG1739" s="91"/>
      <c r="HH1739" s="91"/>
      <c r="HI1739" s="91"/>
      <c r="HJ1739" s="91"/>
      <c r="HK1739" s="127"/>
      <c r="HL1739" s="126"/>
      <c r="HM1739" s="91"/>
      <c r="HN1739" s="91"/>
      <c r="HO1739" s="91"/>
      <c r="HP1739" s="91"/>
      <c r="HQ1739" s="91"/>
      <c r="HR1739" s="91"/>
      <c r="HS1739" s="91"/>
      <c r="HT1739" s="91"/>
      <c r="HU1739" s="91"/>
      <c r="HV1739" s="91"/>
      <c r="HW1739" s="91"/>
      <c r="HX1739" s="91"/>
      <c r="HY1739" s="91"/>
      <c r="HZ1739" s="91"/>
      <c r="IA1739" s="91"/>
      <c r="IB1739" s="91"/>
      <c r="IC1739" s="91"/>
      <c r="ID1739" s="91"/>
      <c r="IE1739" s="91"/>
      <c r="IF1739" s="91"/>
      <c r="IG1739" s="91"/>
      <c r="IH1739" s="91"/>
      <c r="II1739" s="91"/>
      <c r="IJ1739" s="91"/>
      <c r="IK1739" s="127"/>
    </row>
    <row r="1740" spans="2:245" x14ac:dyDescent="0.2">
      <c r="B1740" s="43"/>
      <c r="C1740" s="73"/>
      <c r="D1740" s="64"/>
      <c r="E1740" s="64"/>
      <c r="F1740" s="55"/>
      <c r="G1740" s="102"/>
      <c r="H1740" s="55"/>
      <c r="I1740" s="55"/>
      <c r="J1740" s="55"/>
      <c r="K1740" s="55"/>
      <c r="L1740" s="55"/>
      <c r="M1740" s="55"/>
      <c r="N1740" s="55"/>
      <c r="O1740" s="55"/>
      <c r="P1740" s="55"/>
      <c r="Q1740" s="55"/>
      <c r="R1740" s="55"/>
      <c r="S1740" s="55"/>
      <c r="T1740" s="55"/>
      <c r="U1740" s="55"/>
      <c r="V1740" s="55"/>
      <c r="W1740" s="55"/>
      <c r="X1740" s="55"/>
      <c r="Y1740" s="55"/>
      <c r="Z1740" s="55"/>
      <c r="AA1740" s="55"/>
      <c r="AB1740" s="55"/>
      <c r="AC1740" s="55"/>
      <c r="AD1740" s="55"/>
      <c r="AE1740" s="55"/>
      <c r="AF1740" s="55"/>
      <c r="AG1740" s="55"/>
      <c r="AY1740" s="162"/>
      <c r="AZ1740" s="162"/>
      <c r="BA1740" s="162"/>
      <c r="BB1740" s="162"/>
      <c r="BC1740" s="162"/>
      <c r="BD1740" s="162"/>
      <c r="BE1740" s="162"/>
      <c r="BF1740" s="162"/>
      <c r="BG1740" s="162"/>
      <c r="BH1740" s="162"/>
      <c r="BI1740" s="162"/>
      <c r="BJ1740" s="162"/>
      <c r="BK1740" s="162"/>
      <c r="BL1740" s="162"/>
      <c r="BM1740" s="162"/>
      <c r="BN1740" s="162"/>
      <c r="BO1740" s="162"/>
      <c r="BP1740" s="162"/>
      <c r="BQ1740" s="162"/>
      <c r="BR1740" s="162"/>
      <c r="BS1740" s="162"/>
      <c r="BT1740" s="162"/>
      <c r="BU1740" s="162"/>
      <c r="BV1740" s="162"/>
      <c r="BW1740" s="162"/>
      <c r="BX1740" s="162"/>
      <c r="BY1740" s="162"/>
      <c r="BZ1740" s="162"/>
      <c r="CA1740" s="162"/>
      <c r="CB1740" s="162"/>
      <c r="CC1740" s="162"/>
      <c r="CD1740" s="162"/>
      <c r="CE1740" s="162"/>
      <c r="CF1740" s="162"/>
      <c r="CG1740" s="162"/>
      <c r="CH1740" s="162"/>
      <c r="CI1740" s="162"/>
      <c r="CJ1740" s="162"/>
      <c r="CK1740" s="162"/>
      <c r="CX1740" s="98"/>
      <c r="DL1740" s="97"/>
      <c r="DX1740" s="98"/>
      <c r="EL1740" s="97"/>
      <c r="EX1740" s="98"/>
      <c r="EY1740" s="97"/>
      <c r="FL1740" s="126"/>
      <c r="FM1740" s="91"/>
      <c r="FN1740" s="91"/>
      <c r="FO1740" s="91"/>
      <c r="FP1740" s="91"/>
      <c r="FQ1740" s="91"/>
      <c r="FR1740" s="91"/>
      <c r="FS1740" s="91"/>
      <c r="FT1740" s="91"/>
      <c r="FU1740" s="91"/>
      <c r="FV1740" s="91"/>
      <c r="FW1740" s="91"/>
      <c r="FX1740" s="91"/>
      <c r="FY1740" s="91"/>
      <c r="FZ1740" s="91"/>
      <c r="GA1740" s="91"/>
      <c r="GB1740" s="91"/>
      <c r="GC1740" s="91"/>
      <c r="GD1740" s="91"/>
      <c r="GE1740" s="91"/>
      <c r="GF1740" s="91"/>
      <c r="GG1740" s="91"/>
      <c r="GH1740" s="91"/>
      <c r="GI1740" s="91"/>
      <c r="GJ1740" s="91"/>
      <c r="GK1740" s="127"/>
      <c r="GL1740" s="126"/>
      <c r="GM1740" s="91"/>
      <c r="GN1740" s="91"/>
      <c r="GO1740" s="91"/>
      <c r="GP1740" s="91"/>
      <c r="GQ1740" s="91"/>
      <c r="GR1740" s="91"/>
      <c r="GS1740" s="91"/>
      <c r="GT1740" s="91"/>
      <c r="GU1740" s="91"/>
      <c r="GV1740" s="91"/>
      <c r="GW1740" s="91"/>
      <c r="GX1740" s="91"/>
      <c r="GY1740" s="91"/>
      <c r="GZ1740" s="91"/>
      <c r="HA1740" s="91"/>
      <c r="HB1740" s="91"/>
      <c r="HC1740" s="91"/>
      <c r="HD1740" s="91"/>
      <c r="HE1740" s="91"/>
      <c r="HF1740" s="91"/>
      <c r="HG1740" s="91"/>
      <c r="HH1740" s="91"/>
      <c r="HI1740" s="91"/>
      <c r="HJ1740" s="91"/>
      <c r="HK1740" s="127"/>
      <c r="HL1740" s="126"/>
      <c r="HM1740" s="91"/>
      <c r="HN1740" s="91"/>
      <c r="HO1740" s="91"/>
      <c r="HP1740" s="91"/>
      <c r="HQ1740" s="91"/>
      <c r="HR1740" s="91"/>
      <c r="HS1740" s="91"/>
      <c r="HT1740" s="91"/>
      <c r="HU1740" s="91"/>
      <c r="HV1740" s="91"/>
      <c r="HW1740" s="91"/>
      <c r="HX1740" s="91"/>
      <c r="HY1740" s="91"/>
      <c r="HZ1740" s="91"/>
      <c r="IA1740" s="91"/>
      <c r="IB1740" s="91"/>
      <c r="IC1740" s="91"/>
      <c r="ID1740" s="91"/>
      <c r="IE1740" s="91"/>
      <c r="IF1740" s="91"/>
      <c r="IG1740" s="91"/>
      <c r="IH1740" s="91"/>
      <c r="II1740" s="91"/>
      <c r="IJ1740" s="91"/>
      <c r="IK1740" s="127"/>
    </row>
    <row r="1741" spans="2:245" x14ac:dyDescent="0.2">
      <c r="B1741" s="43"/>
      <c r="C1741" s="73"/>
      <c r="D1741" s="64"/>
      <c r="E1741" s="64"/>
      <c r="F1741" s="55"/>
      <c r="G1741" s="102"/>
      <c r="H1741" s="55"/>
      <c r="I1741" s="55"/>
      <c r="J1741" s="55"/>
      <c r="K1741" s="55"/>
      <c r="L1741" s="55"/>
      <c r="M1741" s="55"/>
      <c r="N1741" s="55"/>
      <c r="O1741" s="55"/>
      <c r="P1741" s="55"/>
      <c r="Q1741" s="55"/>
      <c r="R1741" s="55"/>
      <c r="S1741" s="55"/>
      <c r="T1741" s="55"/>
      <c r="U1741" s="55"/>
      <c r="V1741" s="55"/>
      <c r="W1741" s="55"/>
      <c r="X1741" s="55"/>
      <c r="Y1741" s="55"/>
      <c r="Z1741" s="55"/>
      <c r="AA1741" s="55"/>
      <c r="AB1741" s="55"/>
      <c r="AC1741" s="55"/>
      <c r="AD1741" s="55"/>
      <c r="AE1741" s="55"/>
      <c r="AF1741" s="55"/>
      <c r="AG1741" s="55"/>
      <c r="AY1741" s="162"/>
      <c r="AZ1741" s="162"/>
      <c r="BA1741" s="162"/>
      <c r="BB1741" s="162"/>
      <c r="BC1741" s="162"/>
      <c r="BD1741" s="162"/>
      <c r="BE1741" s="162"/>
      <c r="BF1741" s="162"/>
      <c r="BG1741" s="162"/>
      <c r="BH1741" s="162"/>
      <c r="BI1741" s="162"/>
      <c r="BJ1741" s="162"/>
      <c r="BK1741" s="162"/>
      <c r="BL1741" s="162"/>
      <c r="BM1741" s="162"/>
      <c r="BN1741" s="162"/>
      <c r="BO1741" s="162"/>
      <c r="BP1741" s="162"/>
      <c r="BQ1741" s="162"/>
      <c r="BR1741" s="162"/>
      <c r="BS1741" s="162"/>
      <c r="BT1741" s="162"/>
      <c r="BU1741" s="162"/>
      <c r="BV1741" s="162"/>
      <c r="BW1741" s="162"/>
      <c r="BX1741" s="162"/>
      <c r="BY1741" s="162"/>
      <c r="BZ1741" s="162"/>
      <c r="CA1741" s="162"/>
      <c r="CB1741" s="162"/>
      <c r="CC1741" s="162"/>
      <c r="CD1741" s="162"/>
      <c r="CE1741" s="162"/>
      <c r="CF1741" s="162"/>
      <c r="CG1741" s="162"/>
      <c r="CH1741" s="162"/>
      <c r="CI1741" s="162"/>
      <c r="CJ1741" s="162"/>
      <c r="CK1741" s="162"/>
      <c r="CX1741" s="98"/>
      <c r="DL1741" s="97"/>
      <c r="DX1741" s="98"/>
      <c r="EL1741" s="97"/>
      <c r="EX1741" s="98"/>
      <c r="EY1741" s="97"/>
      <c r="FL1741" s="126"/>
      <c r="FM1741" s="91"/>
      <c r="FN1741" s="91"/>
      <c r="FO1741" s="91"/>
      <c r="FP1741" s="91"/>
      <c r="FQ1741" s="91"/>
      <c r="FR1741" s="91"/>
      <c r="FS1741" s="91"/>
      <c r="FT1741" s="91"/>
      <c r="FU1741" s="91"/>
      <c r="FV1741" s="91"/>
      <c r="FW1741" s="91"/>
      <c r="FX1741" s="91"/>
      <c r="FY1741" s="91"/>
      <c r="FZ1741" s="91"/>
      <c r="GA1741" s="91"/>
      <c r="GB1741" s="91"/>
      <c r="GC1741" s="91"/>
      <c r="GD1741" s="91"/>
      <c r="GE1741" s="91"/>
      <c r="GF1741" s="91"/>
      <c r="GG1741" s="91"/>
      <c r="GH1741" s="91"/>
      <c r="GI1741" s="91"/>
      <c r="GJ1741" s="91"/>
      <c r="GK1741" s="127"/>
      <c r="GL1741" s="126"/>
      <c r="GM1741" s="91"/>
      <c r="GN1741" s="91"/>
      <c r="GO1741" s="91"/>
      <c r="GP1741" s="91"/>
      <c r="GQ1741" s="91"/>
      <c r="GR1741" s="91"/>
      <c r="GS1741" s="91"/>
      <c r="GT1741" s="91"/>
      <c r="GU1741" s="91"/>
      <c r="GV1741" s="91"/>
      <c r="GW1741" s="91"/>
      <c r="GX1741" s="91"/>
      <c r="GY1741" s="91"/>
      <c r="GZ1741" s="91"/>
      <c r="HA1741" s="91"/>
      <c r="HB1741" s="91"/>
      <c r="HC1741" s="91"/>
      <c r="HD1741" s="91"/>
      <c r="HE1741" s="91"/>
      <c r="HF1741" s="91"/>
      <c r="HG1741" s="91"/>
      <c r="HH1741" s="91"/>
      <c r="HI1741" s="91"/>
      <c r="HJ1741" s="91"/>
      <c r="HK1741" s="127"/>
      <c r="HL1741" s="126"/>
      <c r="HM1741" s="91"/>
      <c r="HN1741" s="91"/>
      <c r="HO1741" s="91"/>
      <c r="HP1741" s="91"/>
      <c r="HQ1741" s="91"/>
      <c r="HR1741" s="91"/>
      <c r="HS1741" s="91"/>
      <c r="HT1741" s="91"/>
      <c r="HU1741" s="91"/>
      <c r="HV1741" s="91"/>
      <c r="HW1741" s="91"/>
      <c r="HX1741" s="91"/>
      <c r="HY1741" s="91"/>
      <c r="HZ1741" s="91"/>
      <c r="IA1741" s="91"/>
      <c r="IB1741" s="91"/>
      <c r="IC1741" s="91"/>
      <c r="ID1741" s="91"/>
      <c r="IE1741" s="91"/>
      <c r="IF1741" s="91"/>
      <c r="IG1741" s="91"/>
      <c r="IH1741" s="91"/>
      <c r="II1741" s="91"/>
      <c r="IJ1741" s="91"/>
      <c r="IK1741" s="127"/>
    </row>
    <row r="1742" spans="2:245" x14ac:dyDescent="0.2">
      <c r="B1742" s="43"/>
      <c r="C1742" s="73"/>
      <c r="D1742" s="64"/>
      <c r="E1742" s="64"/>
      <c r="F1742" s="55"/>
      <c r="G1742" s="102"/>
      <c r="H1742" s="55"/>
      <c r="I1742" s="55"/>
      <c r="J1742" s="55"/>
      <c r="K1742" s="55"/>
      <c r="L1742" s="55"/>
      <c r="M1742" s="55"/>
      <c r="N1742" s="55"/>
      <c r="O1742" s="55"/>
      <c r="P1742" s="55"/>
      <c r="Q1742" s="55"/>
      <c r="R1742" s="55"/>
      <c r="S1742" s="55"/>
      <c r="T1742" s="55"/>
      <c r="U1742" s="55"/>
      <c r="V1742" s="55"/>
      <c r="W1742" s="55"/>
      <c r="X1742" s="55"/>
      <c r="Y1742" s="55"/>
      <c r="Z1742" s="55"/>
      <c r="AA1742" s="55"/>
      <c r="AB1742" s="55"/>
      <c r="AC1742" s="55"/>
      <c r="AD1742" s="55"/>
      <c r="AE1742" s="55"/>
      <c r="AF1742" s="55"/>
      <c r="AG1742" s="55"/>
      <c r="AY1742" s="162"/>
      <c r="AZ1742" s="162"/>
      <c r="BA1742" s="162"/>
      <c r="BB1742" s="162"/>
      <c r="BC1742" s="162"/>
      <c r="BD1742" s="162"/>
      <c r="BE1742" s="162"/>
      <c r="BF1742" s="162"/>
      <c r="BG1742" s="162"/>
      <c r="BH1742" s="162"/>
      <c r="BI1742" s="162"/>
      <c r="BJ1742" s="162"/>
      <c r="BK1742" s="162"/>
      <c r="BL1742" s="162"/>
      <c r="BM1742" s="162"/>
      <c r="BN1742" s="162"/>
      <c r="BO1742" s="162"/>
      <c r="BP1742" s="162"/>
      <c r="BQ1742" s="162"/>
      <c r="BR1742" s="162"/>
      <c r="BS1742" s="162"/>
      <c r="BT1742" s="162"/>
      <c r="BU1742" s="162"/>
      <c r="BV1742" s="162"/>
      <c r="BW1742" s="162"/>
      <c r="BX1742" s="162"/>
      <c r="BY1742" s="162"/>
      <c r="BZ1742" s="162"/>
      <c r="CA1742" s="162"/>
      <c r="CB1742" s="162"/>
      <c r="CC1742" s="162"/>
      <c r="CD1742" s="162"/>
      <c r="CE1742" s="162"/>
      <c r="CF1742" s="162"/>
      <c r="CG1742" s="162"/>
      <c r="CH1742" s="162"/>
      <c r="CI1742" s="162"/>
      <c r="CJ1742" s="162"/>
      <c r="CK1742" s="162"/>
      <c r="CX1742" s="98"/>
      <c r="DL1742" s="97"/>
      <c r="DX1742" s="98"/>
      <c r="EL1742" s="97"/>
      <c r="EX1742" s="98"/>
      <c r="EY1742" s="97"/>
      <c r="FL1742" s="126"/>
      <c r="FM1742" s="91"/>
      <c r="FN1742" s="91"/>
      <c r="FO1742" s="91"/>
      <c r="FP1742" s="91"/>
      <c r="FQ1742" s="91"/>
      <c r="FR1742" s="91"/>
      <c r="FS1742" s="91"/>
      <c r="FT1742" s="91"/>
      <c r="FU1742" s="91"/>
      <c r="FV1742" s="91"/>
      <c r="FW1742" s="91"/>
      <c r="FX1742" s="91"/>
      <c r="FY1742" s="91"/>
      <c r="FZ1742" s="91"/>
      <c r="GA1742" s="91"/>
      <c r="GB1742" s="91"/>
      <c r="GC1742" s="91"/>
      <c r="GD1742" s="91"/>
      <c r="GE1742" s="91"/>
      <c r="GF1742" s="91"/>
      <c r="GG1742" s="91"/>
      <c r="GH1742" s="91"/>
      <c r="GI1742" s="91"/>
      <c r="GJ1742" s="91"/>
      <c r="GK1742" s="127"/>
      <c r="GL1742" s="126"/>
      <c r="GM1742" s="91"/>
      <c r="GN1742" s="91"/>
      <c r="GO1742" s="91"/>
      <c r="GP1742" s="91"/>
      <c r="GQ1742" s="91"/>
      <c r="GR1742" s="91"/>
      <c r="GS1742" s="91"/>
      <c r="GT1742" s="91"/>
      <c r="GU1742" s="91"/>
      <c r="GV1742" s="91"/>
      <c r="GW1742" s="91"/>
      <c r="GX1742" s="91"/>
      <c r="GY1742" s="91"/>
      <c r="GZ1742" s="91"/>
      <c r="HA1742" s="91"/>
      <c r="HB1742" s="91"/>
      <c r="HC1742" s="91"/>
      <c r="HD1742" s="91"/>
      <c r="HE1742" s="91"/>
      <c r="HF1742" s="91"/>
      <c r="HG1742" s="91"/>
      <c r="HH1742" s="91"/>
      <c r="HI1742" s="91"/>
      <c r="HJ1742" s="91"/>
      <c r="HK1742" s="127"/>
      <c r="HL1742" s="126"/>
      <c r="HM1742" s="91"/>
      <c r="HN1742" s="91"/>
      <c r="HO1742" s="91"/>
      <c r="HP1742" s="91"/>
      <c r="HQ1742" s="91"/>
      <c r="HR1742" s="91"/>
      <c r="HS1742" s="91"/>
      <c r="HT1742" s="91"/>
      <c r="HU1742" s="91"/>
      <c r="HV1742" s="91"/>
      <c r="HW1742" s="91"/>
      <c r="HX1742" s="91"/>
      <c r="HY1742" s="91"/>
      <c r="HZ1742" s="91"/>
      <c r="IA1742" s="91"/>
      <c r="IB1742" s="91"/>
      <c r="IC1742" s="91"/>
      <c r="ID1742" s="91"/>
      <c r="IE1742" s="91"/>
      <c r="IF1742" s="91"/>
      <c r="IG1742" s="91"/>
      <c r="IH1742" s="91"/>
      <c r="II1742" s="91"/>
      <c r="IJ1742" s="91"/>
      <c r="IK1742" s="127"/>
    </row>
    <row r="1743" spans="2:245" x14ac:dyDescent="0.2">
      <c r="B1743" s="43"/>
      <c r="C1743" s="73"/>
      <c r="D1743" s="64"/>
      <c r="E1743" s="64"/>
      <c r="F1743" s="55"/>
      <c r="G1743" s="102"/>
      <c r="H1743" s="55"/>
      <c r="I1743" s="55"/>
      <c r="J1743" s="55"/>
      <c r="K1743" s="55"/>
      <c r="L1743" s="55"/>
      <c r="M1743" s="55"/>
      <c r="N1743" s="55"/>
      <c r="O1743" s="55"/>
      <c r="P1743" s="55"/>
      <c r="Q1743" s="55"/>
      <c r="R1743" s="55"/>
      <c r="S1743" s="55"/>
      <c r="T1743" s="55"/>
      <c r="U1743" s="55"/>
      <c r="V1743" s="55"/>
      <c r="W1743" s="55"/>
      <c r="X1743" s="55"/>
      <c r="Y1743" s="55"/>
      <c r="Z1743" s="55"/>
      <c r="AA1743" s="55"/>
      <c r="AB1743" s="55"/>
      <c r="AC1743" s="55"/>
      <c r="AD1743" s="55"/>
      <c r="AE1743" s="55"/>
      <c r="AF1743" s="55"/>
      <c r="AG1743" s="55"/>
      <c r="AY1743" s="162"/>
      <c r="AZ1743" s="162"/>
      <c r="BA1743" s="162"/>
      <c r="BB1743" s="162"/>
      <c r="BC1743" s="162"/>
      <c r="BD1743" s="162"/>
      <c r="BE1743" s="162"/>
      <c r="BF1743" s="162"/>
      <c r="BG1743" s="162"/>
      <c r="BH1743" s="162"/>
      <c r="BI1743" s="162"/>
      <c r="BJ1743" s="162"/>
      <c r="BK1743" s="162"/>
      <c r="BL1743" s="162"/>
      <c r="BM1743" s="162"/>
      <c r="BN1743" s="162"/>
      <c r="BO1743" s="162"/>
      <c r="BP1743" s="162"/>
      <c r="BQ1743" s="162"/>
      <c r="BR1743" s="162"/>
      <c r="BS1743" s="162"/>
      <c r="BT1743" s="162"/>
      <c r="BU1743" s="162"/>
      <c r="BV1743" s="162"/>
      <c r="BW1743" s="162"/>
      <c r="BX1743" s="162"/>
      <c r="BY1743" s="162"/>
      <c r="BZ1743" s="162"/>
      <c r="CA1743" s="162"/>
      <c r="CB1743" s="162"/>
      <c r="CC1743" s="162"/>
      <c r="CD1743" s="162"/>
      <c r="CE1743" s="162"/>
      <c r="CF1743" s="162"/>
      <c r="CG1743" s="162"/>
      <c r="CH1743" s="162"/>
      <c r="CI1743" s="162"/>
      <c r="CJ1743" s="162"/>
      <c r="CK1743" s="162"/>
      <c r="CX1743" s="98"/>
      <c r="DL1743" s="97"/>
      <c r="DX1743" s="98"/>
      <c r="EL1743" s="97"/>
      <c r="EX1743" s="98"/>
      <c r="EY1743" s="97"/>
      <c r="FL1743" s="126"/>
      <c r="FM1743" s="91"/>
      <c r="FN1743" s="91"/>
      <c r="FO1743" s="91"/>
      <c r="FP1743" s="91"/>
      <c r="FQ1743" s="91"/>
      <c r="FR1743" s="91"/>
      <c r="FS1743" s="91"/>
      <c r="FT1743" s="91"/>
      <c r="FU1743" s="91"/>
      <c r="FV1743" s="91"/>
      <c r="FW1743" s="91"/>
      <c r="FX1743" s="91"/>
      <c r="FY1743" s="91"/>
      <c r="FZ1743" s="91"/>
      <c r="GA1743" s="91"/>
      <c r="GB1743" s="91"/>
      <c r="GC1743" s="91"/>
      <c r="GD1743" s="91"/>
      <c r="GE1743" s="91"/>
      <c r="GF1743" s="91"/>
      <c r="GG1743" s="91"/>
      <c r="GH1743" s="91"/>
      <c r="GI1743" s="91"/>
      <c r="GJ1743" s="91"/>
      <c r="GK1743" s="127"/>
      <c r="GL1743" s="126"/>
      <c r="GM1743" s="91"/>
      <c r="GN1743" s="91"/>
      <c r="GO1743" s="91"/>
      <c r="GP1743" s="91"/>
      <c r="GQ1743" s="91"/>
      <c r="GR1743" s="91"/>
      <c r="GS1743" s="91"/>
      <c r="GT1743" s="91"/>
      <c r="GU1743" s="91"/>
      <c r="GV1743" s="91"/>
      <c r="GW1743" s="91"/>
      <c r="GX1743" s="91"/>
      <c r="GY1743" s="91"/>
      <c r="GZ1743" s="91"/>
      <c r="HA1743" s="91"/>
      <c r="HB1743" s="91"/>
      <c r="HC1743" s="91"/>
      <c r="HD1743" s="91"/>
      <c r="HE1743" s="91"/>
      <c r="HF1743" s="91"/>
      <c r="HG1743" s="91"/>
      <c r="HH1743" s="91"/>
      <c r="HI1743" s="91"/>
      <c r="HJ1743" s="91"/>
      <c r="HK1743" s="127"/>
      <c r="HL1743" s="126"/>
      <c r="HM1743" s="91"/>
      <c r="HN1743" s="91"/>
      <c r="HO1743" s="91"/>
      <c r="HP1743" s="91"/>
      <c r="HQ1743" s="91"/>
      <c r="HR1743" s="91"/>
      <c r="HS1743" s="91"/>
      <c r="HT1743" s="91"/>
      <c r="HU1743" s="91"/>
      <c r="HV1743" s="91"/>
      <c r="HW1743" s="91"/>
      <c r="HX1743" s="91"/>
      <c r="HY1743" s="91"/>
      <c r="HZ1743" s="91"/>
      <c r="IA1743" s="91"/>
      <c r="IB1743" s="91"/>
      <c r="IC1743" s="91"/>
      <c r="ID1743" s="91"/>
      <c r="IE1743" s="91"/>
      <c r="IF1743" s="91"/>
      <c r="IG1743" s="91"/>
      <c r="IH1743" s="91"/>
      <c r="II1743" s="91"/>
      <c r="IJ1743" s="91"/>
      <c r="IK1743" s="127"/>
    </row>
    <row r="1744" spans="2:245" x14ac:dyDescent="0.2">
      <c r="B1744" s="43"/>
      <c r="C1744" s="73"/>
      <c r="D1744" s="64"/>
      <c r="E1744" s="64"/>
      <c r="F1744" s="55"/>
      <c r="G1744" s="102"/>
      <c r="H1744" s="55"/>
      <c r="I1744" s="55"/>
      <c r="J1744" s="55"/>
      <c r="K1744" s="55"/>
      <c r="L1744" s="55"/>
      <c r="M1744" s="55"/>
      <c r="N1744" s="55"/>
      <c r="O1744" s="55"/>
      <c r="P1744" s="55"/>
      <c r="Q1744" s="55"/>
      <c r="R1744" s="55"/>
      <c r="S1744" s="55"/>
      <c r="T1744" s="55"/>
      <c r="U1744" s="55"/>
      <c r="V1744" s="55"/>
      <c r="W1744" s="55"/>
      <c r="X1744" s="55"/>
      <c r="Y1744" s="55"/>
      <c r="Z1744" s="55"/>
      <c r="AA1744" s="55"/>
      <c r="AB1744" s="55"/>
      <c r="AC1744" s="55"/>
      <c r="AD1744" s="55"/>
      <c r="AE1744" s="55"/>
      <c r="AF1744" s="55"/>
      <c r="AG1744" s="55"/>
      <c r="AY1744" s="162"/>
      <c r="AZ1744" s="162"/>
      <c r="BA1744" s="162"/>
      <c r="BB1744" s="162"/>
      <c r="BC1744" s="162"/>
      <c r="BD1744" s="162"/>
      <c r="BE1744" s="162"/>
      <c r="BF1744" s="162"/>
      <c r="BG1744" s="162"/>
      <c r="BH1744" s="162"/>
      <c r="BI1744" s="162"/>
      <c r="BJ1744" s="162"/>
      <c r="BK1744" s="162"/>
      <c r="BL1744" s="162"/>
      <c r="BM1744" s="162"/>
      <c r="BN1744" s="162"/>
      <c r="BO1744" s="162"/>
      <c r="BP1744" s="162"/>
      <c r="BQ1744" s="162"/>
      <c r="BR1744" s="162"/>
      <c r="BS1744" s="162"/>
      <c r="BT1744" s="162"/>
      <c r="BU1744" s="162"/>
      <c r="BV1744" s="162"/>
      <c r="BW1744" s="162"/>
      <c r="BX1744" s="162"/>
      <c r="BY1744" s="162"/>
      <c r="BZ1744" s="162"/>
      <c r="CA1744" s="162"/>
      <c r="CB1744" s="162"/>
      <c r="CC1744" s="162"/>
      <c r="CD1744" s="162"/>
      <c r="CE1744" s="162"/>
      <c r="CF1744" s="162"/>
      <c r="CG1744" s="162"/>
      <c r="CH1744" s="162"/>
      <c r="CI1744" s="162"/>
      <c r="CJ1744" s="162"/>
      <c r="CK1744" s="162"/>
      <c r="CX1744" s="98"/>
      <c r="DL1744" s="97"/>
      <c r="DX1744" s="98"/>
      <c r="EL1744" s="97"/>
      <c r="EX1744" s="98"/>
      <c r="EY1744" s="97"/>
      <c r="FL1744" s="126"/>
      <c r="FM1744" s="91"/>
      <c r="FN1744" s="91"/>
      <c r="FO1744" s="91"/>
      <c r="FP1744" s="91"/>
      <c r="FQ1744" s="91"/>
      <c r="FR1744" s="91"/>
      <c r="FS1744" s="91"/>
      <c r="FT1744" s="91"/>
      <c r="FU1744" s="91"/>
      <c r="FV1744" s="91"/>
      <c r="FW1744" s="91"/>
      <c r="FX1744" s="91"/>
      <c r="FY1744" s="91"/>
      <c r="FZ1744" s="91"/>
      <c r="GA1744" s="91"/>
      <c r="GB1744" s="91"/>
      <c r="GC1744" s="91"/>
      <c r="GD1744" s="91"/>
      <c r="GE1744" s="91"/>
      <c r="GF1744" s="91"/>
      <c r="GG1744" s="91"/>
      <c r="GH1744" s="91"/>
      <c r="GI1744" s="91"/>
      <c r="GJ1744" s="91"/>
      <c r="GK1744" s="127"/>
      <c r="GL1744" s="126"/>
      <c r="GM1744" s="91"/>
      <c r="GN1744" s="91"/>
      <c r="GO1744" s="91"/>
      <c r="GP1744" s="91"/>
      <c r="GQ1744" s="91"/>
      <c r="GR1744" s="91"/>
      <c r="GS1744" s="91"/>
      <c r="GT1744" s="91"/>
      <c r="GU1744" s="91"/>
      <c r="GV1744" s="91"/>
      <c r="GW1744" s="91"/>
      <c r="GX1744" s="91"/>
      <c r="GY1744" s="91"/>
      <c r="GZ1744" s="91"/>
      <c r="HA1744" s="91"/>
      <c r="HB1744" s="91"/>
      <c r="HC1744" s="91"/>
      <c r="HD1744" s="91"/>
      <c r="HE1744" s="91"/>
      <c r="HF1744" s="91"/>
      <c r="HG1744" s="91"/>
      <c r="HH1744" s="91"/>
      <c r="HI1744" s="91"/>
      <c r="HJ1744" s="91"/>
      <c r="HK1744" s="127"/>
      <c r="HL1744" s="126"/>
      <c r="HM1744" s="91"/>
      <c r="HN1744" s="91"/>
      <c r="HO1744" s="91"/>
      <c r="HP1744" s="91"/>
      <c r="HQ1744" s="91"/>
      <c r="HR1744" s="91"/>
      <c r="HS1744" s="91"/>
      <c r="HT1744" s="91"/>
      <c r="HU1744" s="91"/>
      <c r="HV1744" s="91"/>
      <c r="HW1744" s="91"/>
      <c r="HX1744" s="91"/>
      <c r="HY1744" s="91"/>
      <c r="HZ1744" s="91"/>
      <c r="IA1744" s="91"/>
      <c r="IB1744" s="91"/>
      <c r="IC1744" s="91"/>
      <c r="ID1744" s="91"/>
      <c r="IE1744" s="91"/>
      <c r="IF1744" s="91"/>
      <c r="IG1744" s="91"/>
      <c r="IH1744" s="91"/>
      <c r="II1744" s="91"/>
      <c r="IJ1744" s="91"/>
      <c r="IK1744" s="127"/>
    </row>
    <row r="1745" spans="2:245" x14ac:dyDescent="0.2">
      <c r="B1745" s="43"/>
      <c r="C1745" s="73"/>
      <c r="D1745" s="64"/>
      <c r="E1745" s="64"/>
      <c r="F1745" s="55"/>
      <c r="G1745" s="102"/>
      <c r="H1745" s="55"/>
      <c r="I1745" s="55"/>
      <c r="J1745" s="55"/>
      <c r="K1745" s="55"/>
      <c r="L1745" s="55"/>
      <c r="M1745" s="55"/>
      <c r="N1745" s="55"/>
      <c r="O1745" s="55"/>
      <c r="P1745" s="55"/>
      <c r="Q1745" s="55"/>
      <c r="R1745" s="55"/>
      <c r="S1745" s="55"/>
      <c r="T1745" s="55"/>
      <c r="U1745" s="55"/>
      <c r="V1745" s="55"/>
      <c r="W1745" s="55"/>
      <c r="X1745" s="55"/>
      <c r="Y1745" s="55"/>
      <c r="Z1745" s="55"/>
      <c r="AA1745" s="55"/>
      <c r="AB1745" s="55"/>
      <c r="AC1745" s="55"/>
      <c r="AD1745" s="55"/>
      <c r="AE1745" s="55"/>
      <c r="AF1745" s="55"/>
      <c r="AG1745" s="55"/>
      <c r="AY1745" s="162"/>
      <c r="AZ1745" s="162"/>
      <c r="BA1745" s="162"/>
      <c r="BB1745" s="162"/>
      <c r="BC1745" s="162"/>
      <c r="BD1745" s="162"/>
      <c r="BE1745" s="162"/>
      <c r="BF1745" s="162"/>
      <c r="BG1745" s="162"/>
      <c r="BH1745" s="162"/>
      <c r="BI1745" s="162"/>
      <c r="BJ1745" s="162"/>
      <c r="BK1745" s="162"/>
      <c r="BL1745" s="162"/>
      <c r="BM1745" s="162"/>
      <c r="BN1745" s="162"/>
      <c r="BO1745" s="162"/>
      <c r="BP1745" s="162"/>
      <c r="BQ1745" s="162"/>
      <c r="BR1745" s="162"/>
      <c r="BS1745" s="162"/>
      <c r="BT1745" s="162"/>
      <c r="BU1745" s="162"/>
      <c r="BV1745" s="162"/>
      <c r="BW1745" s="162"/>
      <c r="BX1745" s="162"/>
      <c r="BY1745" s="162"/>
      <c r="BZ1745" s="162"/>
      <c r="CA1745" s="162"/>
      <c r="CB1745" s="162"/>
      <c r="CC1745" s="162"/>
      <c r="CD1745" s="162"/>
      <c r="CE1745" s="162"/>
      <c r="CF1745" s="162"/>
      <c r="CG1745" s="162"/>
      <c r="CH1745" s="162"/>
      <c r="CI1745" s="162"/>
      <c r="CJ1745" s="162"/>
      <c r="CK1745" s="162"/>
      <c r="CX1745" s="98"/>
      <c r="DL1745" s="97"/>
      <c r="DX1745" s="98"/>
      <c r="EL1745" s="97"/>
      <c r="EX1745" s="98"/>
      <c r="EY1745" s="97"/>
      <c r="FL1745" s="126"/>
      <c r="FM1745" s="91"/>
      <c r="FN1745" s="91"/>
      <c r="FO1745" s="91"/>
      <c r="FP1745" s="91"/>
      <c r="FQ1745" s="91"/>
      <c r="FR1745" s="91"/>
      <c r="FS1745" s="91"/>
      <c r="FT1745" s="91"/>
      <c r="FU1745" s="91"/>
      <c r="FV1745" s="91"/>
      <c r="FW1745" s="91"/>
      <c r="FX1745" s="91"/>
      <c r="FY1745" s="91"/>
      <c r="FZ1745" s="91"/>
      <c r="GA1745" s="91"/>
      <c r="GB1745" s="91"/>
      <c r="GC1745" s="91"/>
      <c r="GD1745" s="91"/>
      <c r="GE1745" s="91"/>
      <c r="GF1745" s="91"/>
      <c r="GG1745" s="91"/>
      <c r="GH1745" s="91"/>
      <c r="GI1745" s="91"/>
      <c r="GJ1745" s="91"/>
      <c r="GK1745" s="127"/>
      <c r="GL1745" s="126"/>
      <c r="GM1745" s="91"/>
      <c r="GN1745" s="91"/>
      <c r="GO1745" s="91"/>
      <c r="GP1745" s="91"/>
      <c r="GQ1745" s="91"/>
      <c r="GR1745" s="91"/>
      <c r="GS1745" s="91"/>
      <c r="GT1745" s="91"/>
      <c r="GU1745" s="91"/>
      <c r="GV1745" s="91"/>
      <c r="GW1745" s="91"/>
      <c r="GX1745" s="91"/>
      <c r="GY1745" s="91"/>
      <c r="GZ1745" s="91"/>
      <c r="HA1745" s="91"/>
      <c r="HB1745" s="91"/>
      <c r="HC1745" s="91"/>
      <c r="HD1745" s="91"/>
      <c r="HE1745" s="91"/>
      <c r="HF1745" s="91"/>
      <c r="HG1745" s="91"/>
      <c r="HH1745" s="91"/>
      <c r="HI1745" s="91"/>
      <c r="HJ1745" s="91"/>
      <c r="HK1745" s="127"/>
      <c r="HL1745" s="126"/>
      <c r="HM1745" s="91"/>
      <c r="HN1745" s="91"/>
      <c r="HO1745" s="91"/>
      <c r="HP1745" s="91"/>
      <c r="HQ1745" s="91"/>
      <c r="HR1745" s="91"/>
      <c r="HS1745" s="91"/>
      <c r="HT1745" s="91"/>
      <c r="HU1745" s="91"/>
      <c r="HV1745" s="91"/>
      <c r="HW1745" s="91"/>
      <c r="HX1745" s="91"/>
      <c r="HY1745" s="91"/>
      <c r="HZ1745" s="91"/>
      <c r="IA1745" s="91"/>
      <c r="IB1745" s="91"/>
      <c r="IC1745" s="91"/>
      <c r="ID1745" s="91"/>
      <c r="IE1745" s="91"/>
      <c r="IF1745" s="91"/>
      <c r="IG1745" s="91"/>
      <c r="IH1745" s="91"/>
      <c r="II1745" s="91"/>
      <c r="IJ1745" s="91"/>
      <c r="IK1745" s="127"/>
    </row>
    <row r="1746" spans="2:245" x14ac:dyDescent="0.2">
      <c r="B1746" s="43"/>
      <c r="C1746" s="73"/>
      <c r="D1746" s="64"/>
      <c r="E1746" s="64"/>
      <c r="F1746" s="55"/>
      <c r="G1746" s="102"/>
      <c r="H1746" s="55"/>
      <c r="I1746" s="55"/>
      <c r="J1746" s="55"/>
      <c r="K1746" s="55"/>
      <c r="L1746" s="55"/>
      <c r="M1746" s="55"/>
      <c r="N1746" s="55"/>
      <c r="O1746" s="55"/>
      <c r="P1746" s="55"/>
      <c r="Q1746" s="55"/>
      <c r="R1746" s="55"/>
      <c r="S1746" s="55"/>
      <c r="T1746" s="55"/>
      <c r="U1746" s="55"/>
      <c r="V1746" s="55"/>
      <c r="W1746" s="55"/>
      <c r="X1746" s="55"/>
      <c r="Y1746" s="55"/>
      <c r="Z1746" s="55"/>
      <c r="AA1746" s="55"/>
      <c r="AB1746" s="55"/>
      <c r="AC1746" s="55"/>
      <c r="AD1746" s="55"/>
      <c r="AE1746" s="55"/>
      <c r="AF1746" s="55"/>
      <c r="AG1746" s="55"/>
      <c r="AY1746" s="162"/>
      <c r="AZ1746" s="162"/>
      <c r="BA1746" s="162"/>
      <c r="BB1746" s="162"/>
      <c r="BC1746" s="162"/>
      <c r="BD1746" s="162"/>
      <c r="BE1746" s="162"/>
      <c r="BF1746" s="162"/>
      <c r="BG1746" s="162"/>
      <c r="BH1746" s="162"/>
      <c r="BI1746" s="162"/>
      <c r="BJ1746" s="162"/>
      <c r="BK1746" s="162"/>
      <c r="BL1746" s="162"/>
      <c r="BM1746" s="162"/>
      <c r="BN1746" s="162"/>
      <c r="BO1746" s="162"/>
      <c r="BP1746" s="162"/>
      <c r="BQ1746" s="162"/>
      <c r="BR1746" s="162"/>
      <c r="BS1746" s="162"/>
      <c r="BT1746" s="162"/>
      <c r="BU1746" s="162"/>
      <c r="BV1746" s="162"/>
      <c r="BW1746" s="162"/>
      <c r="BX1746" s="162"/>
      <c r="BY1746" s="162"/>
      <c r="BZ1746" s="162"/>
      <c r="CA1746" s="162"/>
      <c r="CB1746" s="162"/>
      <c r="CC1746" s="162"/>
      <c r="CD1746" s="162"/>
      <c r="CE1746" s="162"/>
      <c r="CF1746" s="162"/>
      <c r="CG1746" s="162"/>
      <c r="CH1746" s="162"/>
      <c r="CI1746" s="162"/>
      <c r="CJ1746" s="162"/>
      <c r="CK1746" s="162"/>
      <c r="CX1746" s="98"/>
      <c r="DL1746" s="97"/>
      <c r="DX1746" s="98"/>
      <c r="EL1746" s="97"/>
      <c r="EX1746" s="98"/>
      <c r="EY1746" s="97"/>
      <c r="FL1746" s="126"/>
      <c r="FM1746" s="91"/>
      <c r="FN1746" s="91"/>
      <c r="FO1746" s="91"/>
      <c r="FP1746" s="91"/>
      <c r="FQ1746" s="91"/>
      <c r="FR1746" s="91"/>
      <c r="FS1746" s="91"/>
      <c r="FT1746" s="91"/>
      <c r="FU1746" s="91"/>
      <c r="FV1746" s="91"/>
      <c r="FW1746" s="91"/>
      <c r="FX1746" s="91"/>
      <c r="FY1746" s="91"/>
      <c r="FZ1746" s="91"/>
      <c r="GA1746" s="91"/>
      <c r="GB1746" s="91"/>
      <c r="GC1746" s="91"/>
      <c r="GD1746" s="91"/>
      <c r="GE1746" s="91"/>
      <c r="GF1746" s="91"/>
      <c r="GG1746" s="91"/>
      <c r="GH1746" s="91"/>
      <c r="GI1746" s="91"/>
      <c r="GJ1746" s="91"/>
      <c r="GK1746" s="127"/>
      <c r="GL1746" s="126"/>
      <c r="GM1746" s="91"/>
      <c r="GN1746" s="91"/>
      <c r="GO1746" s="91"/>
      <c r="GP1746" s="91"/>
      <c r="GQ1746" s="91"/>
      <c r="GR1746" s="91"/>
      <c r="GS1746" s="91"/>
      <c r="GT1746" s="91"/>
      <c r="GU1746" s="91"/>
      <c r="GV1746" s="91"/>
      <c r="GW1746" s="91"/>
      <c r="GX1746" s="91"/>
      <c r="GY1746" s="91"/>
      <c r="GZ1746" s="91"/>
      <c r="HA1746" s="91"/>
      <c r="HB1746" s="91"/>
      <c r="HC1746" s="91"/>
      <c r="HD1746" s="91"/>
      <c r="HE1746" s="91"/>
      <c r="HF1746" s="91"/>
      <c r="HG1746" s="91"/>
      <c r="HH1746" s="91"/>
      <c r="HI1746" s="91"/>
      <c r="HJ1746" s="91"/>
      <c r="HK1746" s="127"/>
      <c r="HL1746" s="126"/>
      <c r="HM1746" s="91"/>
      <c r="HN1746" s="91"/>
      <c r="HO1746" s="91"/>
      <c r="HP1746" s="91"/>
      <c r="HQ1746" s="91"/>
      <c r="HR1746" s="91"/>
      <c r="HS1746" s="91"/>
      <c r="HT1746" s="91"/>
      <c r="HU1746" s="91"/>
      <c r="HV1746" s="91"/>
      <c r="HW1746" s="91"/>
      <c r="HX1746" s="91"/>
      <c r="HY1746" s="91"/>
      <c r="HZ1746" s="91"/>
      <c r="IA1746" s="91"/>
      <c r="IB1746" s="91"/>
      <c r="IC1746" s="91"/>
      <c r="ID1746" s="91"/>
      <c r="IE1746" s="91"/>
      <c r="IF1746" s="91"/>
      <c r="IG1746" s="91"/>
      <c r="IH1746" s="91"/>
      <c r="II1746" s="91"/>
      <c r="IJ1746" s="91"/>
      <c r="IK1746" s="127"/>
    </row>
    <row r="1747" spans="2:245" x14ac:dyDescent="0.2">
      <c r="B1747" s="43"/>
      <c r="C1747" s="73"/>
      <c r="D1747" s="64"/>
      <c r="E1747" s="64"/>
      <c r="F1747" s="55"/>
      <c r="G1747" s="102"/>
      <c r="H1747" s="55"/>
      <c r="I1747" s="55"/>
      <c r="J1747" s="55"/>
      <c r="K1747" s="55"/>
      <c r="L1747" s="55"/>
      <c r="M1747" s="55"/>
      <c r="N1747" s="55"/>
      <c r="O1747" s="55"/>
      <c r="P1747" s="55"/>
      <c r="Q1747" s="55"/>
      <c r="R1747" s="55"/>
      <c r="S1747" s="55"/>
      <c r="T1747" s="55"/>
      <c r="U1747" s="55"/>
      <c r="V1747" s="55"/>
      <c r="W1747" s="55"/>
      <c r="X1747" s="55"/>
      <c r="Y1747" s="55"/>
      <c r="Z1747" s="55"/>
      <c r="AA1747" s="55"/>
      <c r="AB1747" s="55"/>
      <c r="AC1747" s="55"/>
      <c r="AD1747" s="55"/>
      <c r="AE1747" s="55"/>
      <c r="AF1747" s="55"/>
      <c r="AG1747" s="55"/>
      <c r="AY1747" s="162"/>
      <c r="AZ1747" s="162"/>
      <c r="BA1747" s="162"/>
      <c r="BB1747" s="162"/>
      <c r="BC1747" s="162"/>
      <c r="BD1747" s="162"/>
      <c r="BE1747" s="162"/>
      <c r="BF1747" s="162"/>
      <c r="BG1747" s="162"/>
      <c r="BH1747" s="162"/>
      <c r="BI1747" s="162"/>
      <c r="BJ1747" s="162"/>
      <c r="BK1747" s="162"/>
      <c r="BL1747" s="162"/>
      <c r="BM1747" s="162"/>
      <c r="BN1747" s="162"/>
      <c r="BO1747" s="162"/>
      <c r="BP1747" s="162"/>
      <c r="BQ1747" s="162"/>
      <c r="BR1747" s="162"/>
      <c r="BS1747" s="162"/>
      <c r="BT1747" s="162"/>
      <c r="BU1747" s="162"/>
      <c r="BV1747" s="162"/>
      <c r="BW1747" s="162"/>
      <c r="BX1747" s="162"/>
      <c r="BY1747" s="162"/>
      <c r="BZ1747" s="162"/>
      <c r="CA1747" s="162"/>
      <c r="CB1747" s="162"/>
      <c r="CC1747" s="162"/>
      <c r="CD1747" s="162"/>
      <c r="CE1747" s="162"/>
      <c r="CF1747" s="162"/>
      <c r="CG1747" s="162"/>
      <c r="CH1747" s="162"/>
      <c r="CI1747" s="162"/>
      <c r="CJ1747" s="162"/>
      <c r="CK1747" s="162"/>
      <c r="CX1747" s="98"/>
      <c r="DL1747" s="97"/>
      <c r="DX1747" s="98"/>
      <c r="EL1747" s="97"/>
      <c r="EX1747" s="98"/>
      <c r="EY1747" s="97"/>
      <c r="FL1747" s="126"/>
      <c r="FM1747" s="91"/>
      <c r="FN1747" s="91"/>
      <c r="FO1747" s="91"/>
      <c r="FP1747" s="91"/>
      <c r="FQ1747" s="91"/>
      <c r="FR1747" s="91"/>
      <c r="FS1747" s="91"/>
      <c r="FT1747" s="91"/>
      <c r="FU1747" s="91"/>
      <c r="FV1747" s="91"/>
      <c r="FW1747" s="91"/>
      <c r="FX1747" s="91"/>
      <c r="FY1747" s="91"/>
      <c r="FZ1747" s="91"/>
      <c r="GA1747" s="91"/>
      <c r="GB1747" s="91"/>
      <c r="GC1747" s="91"/>
      <c r="GD1747" s="91"/>
      <c r="GE1747" s="91"/>
      <c r="GF1747" s="91"/>
      <c r="GG1747" s="91"/>
      <c r="GH1747" s="91"/>
      <c r="GI1747" s="91"/>
      <c r="GJ1747" s="91"/>
      <c r="GK1747" s="127"/>
      <c r="GL1747" s="126"/>
      <c r="GM1747" s="91"/>
      <c r="GN1747" s="91"/>
      <c r="GO1747" s="91"/>
      <c r="GP1747" s="91"/>
      <c r="GQ1747" s="91"/>
      <c r="GR1747" s="91"/>
      <c r="GS1747" s="91"/>
      <c r="GT1747" s="91"/>
      <c r="GU1747" s="91"/>
      <c r="GV1747" s="91"/>
      <c r="GW1747" s="91"/>
      <c r="GX1747" s="91"/>
      <c r="GY1747" s="91"/>
      <c r="GZ1747" s="91"/>
      <c r="HA1747" s="91"/>
      <c r="HB1747" s="91"/>
      <c r="HC1747" s="91"/>
      <c r="HD1747" s="91"/>
      <c r="HE1747" s="91"/>
      <c r="HF1747" s="91"/>
      <c r="HG1747" s="91"/>
      <c r="HH1747" s="91"/>
      <c r="HI1747" s="91"/>
      <c r="HJ1747" s="91"/>
      <c r="HK1747" s="127"/>
      <c r="HL1747" s="126"/>
      <c r="HM1747" s="91"/>
      <c r="HN1747" s="91"/>
      <c r="HO1747" s="91"/>
      <c r="HP1747" s="91"/>
      <c r="HQ1747" s="91"/>
      <c r="HR1747" s="91"/>
      <c r="HS1747" s="91"/>
      <c r="HT1747" s="91"/>
      <c r="HU1747" s="91"/>
      <c r="HV1747" s="91"/>
      <c r="HW1747" s="91"/>
      <c r="HX1747" s="91"/>
      <c r="HY1747" s="91"/>
      <c r="HZ1747" s="91"/>
      <c r="IA1747" s="91"/>
      <c r="IB1747" s="91"/>
      <c r="IC1747" s="91"/>
      <c r="ID1747" s="91"/>
      <c r="IE1747" s="91"/>
      <c r="IF1747" s="91"/>
      <c r="IG1747" s="91"/>
      <c r="IH1747" s="91"/>
      <c r="II1747" s="91"/>
      <c r="IJ1747" s="91"/>
      <c r="IK1747" s="127"/>
    </row>
    <row r="1748" spans="2:245" x14ac:dyDescent="0.2">
      <c r="B1748" s="43"/>
      <c r="C1748" s="73"/>
      <c r="D1748" s="64"/>
      <c r="E1748" s="64"/>
      <c r="F1748" s="55"/>
      <c r="G1748" s="102"/>
      <c r="H1748" s="55"/>
      <c r="I1748" s="55"/>
      <c r="J1748" s="55"/>
      <c r="K1748" s="55"/>
      <c r="L1748" s="55"/>
      <c r="M1748" s="55"/>
      <c r="N1748" s="55"/>
      <c r="O1748" s="55"/>
      <c r="P1748" s="55"/>
      <c r="Q1748" s="55"/>
      <c r="R1748" s="55"/>
      <c r="S1748" s="55"/>
      <c r="T1748" s="55"/>
      <c r="U1748" s="55"/>
      <c r="V1748" s="55"/>
      <c r="W1748" s="55"/>
      <c r="X1748" s="55"/>
      <c r="Y1748" s="55"/>
      <c r="Z1748" s="55"/>
      <c r="AA1748" s="55"/>
      <c r="AB1748" s="55"/>
      <c r="AC1748" s="55"/>
      <c r="AD1748" s="55"/>
      <c r="AE1748" s="55"/>
      <c r="AF1748" s="55"/>
      <c r="AG1748" s="55"/>
      <c r="AY1748" s="162"/>
      <c r="AZ1748" s="162"/>
      <c r="BA1748" s="162"/>
      <c r="BB1748" s="162"/>
      <c r="BC1748" s="162"/>
      <c r="BD1748" s="162"/>
      <c r="BE1748" s="162"/>
      <c r="BF1748" s="162"/>
      <c r="BG1748" s="162"/>
      <c r="BH1748" s="162"/>
      <c r="BI1748" s="162"/>
      <c r="BJ1748" s="162"/>
      <c r="BK1748" s="162"/>
      <c r="BL1748" s="162"/>
      <c r="BM1748" s="162"/>
      <c r="BN1748" s="162"/>
      <c r="BO1748" s="162"/>
      <c r="BP1748" s="162"/>
      <c r="BQ1748" s="162"/>
      <c r="BR1748" s="162"/>
      <c r="BS1748" s="162"/>
      <c r="BT1748" s="162"/>
      <c r="BU1748" s="162"/>
      <c r="BV1748" s="162"/>
      <c r="BW1748" s="162"/>
      <c r="BX1748" s="162"/>
      <c r="BY1748" s="162"/>
      <c r="BZ1748" s="162"/>
      <c r="CA1748" s="162"/>
      <c r="CB1748" s="162"/>
      <c r="CC1748" s="162"/>
      <c r="CD1748" s="162"/>
      <c r="CE1748" s="162"/>
      <c r="CF1748" s="162"/>
      <c r="CG1748" s="162"/>
      <c r="CH1748" s="162"/>
      <c r="CI1748" s="162"/>
      <c r="CJ1748" s="162"/>
      <c r="CK1748" s="162"/>
      <c r="CX1748" s="98"/>
      <c r="DL1748" s="97"/>
      <c r="DX1748" s="98"/>
      <c r="EL1748" s="97"/>
      <c r="EX1748" s="98"/>
      <c r="EY1748" s="97"/>
      <c r="FL1748" s="126"/>
      <c r="FM1748" s="91"/>
      <c r="FN1748" s="91"/>
      <c r="FO1748" s="91"/>
      <c r="FP1748" s="91"/>
      <c r="FQ1748" s="91"/>
      <c r="FR1748" s="91"/>
      <c r="FS1748" s="91"/>
      <c r="FT1748" s="91"/>
      <c r="FU1748" s="91"/>
      <c r="FV1748" s="91"/>
      <c r="FW1748" s="91"/>
      <c r="FX1748" s="91"/>
      <c r="FY1748" s="91"/>
      <c r="FZ1748" s="91"/>
      <c r="GA1748" s="91"/>
      <c r="GB1748" s="91"/>
      <c r="GC1748" s="91"/>
      <c r="GD1748" s="91"/>
      <c r="GE1748" s="91"/>
      <c r="GF1748" s="91"/>
      <c r="GG1748" s="91"/>
      <c r="GH1748" s="91"/>
      <c r="GI1748" s="91"/>
      <c r="GJ1748" s="91"/>
      <c r="GK1748" s="127"/>
      <c r="GL1748" s="126"/>
      <c r="GM1748" s="91"/>
      <c r="GN1748" s="91"/>
      <c r="GO1748" s="91"/>
      <c r="GP1748" s="91"/>
      <c r="GQ1748" s="91"/>
      <c r="GR1748" s="91"/>
      <c r="GS1748" s="91"/>
      <c r="GT1748" s="91"/>
      <c r="GU1748" s="91"/>
      <c r="GV1748" s="91"/>
      <c r="GW1748" s="91"/>
      <c r="GX1748" s="91"/>
      <c r="GY1748" s="91"/>
      <c r="GZ1748" s="91"/>
      <c r="HA1748" s="91"/>
      <c r="HB1748" s="91"/>
      <c r="HC1748" s="91"/>
      <c r="HD1748" s="91"/>
      <c r="HE1748" s="91"/>
      <c r="HF1748" s="91"/>
      <c r="HG1748" s="91"/>
      <c r="HH1748" s="91"/>
      <c r="HI1748" s="91"/>
      <c r="HJ1748" s="91"/>
      <c r="HK1748" s="127"/>
      <c r="HL1748" s="126"/>
      <c r="HM1748" s="91"/>
      <c r="HN1748" s="91"/>
      <c r="HO1748" s="91"/>
      <c r="HP1748" s="91"/>
      <c r="HQ1748" s="91"/>
      <c r="HR1748" s="91"/>
      <c r="HS1748" s="91"/>
      <c r="HT1748" s="91"/>
      <c r="HU1748" s="91"/>
      <c r="HV1748" s="91"/>
      <c r="HW1748" s="91"/>
      <c r="HX1748" s="91"/>
      <c r="HY1748" s="91"/>
      <c r="HZ1748" s="91"/>
      <c r="IA1748" s="91"/>
      <c r="IB1748" s="91"/>
      <c r="IC1748" s="91"/>
      <c r="ID1748" s="91"/>
      <c r="IE1748" s="91"/>
      <c r="IF1748" s="91"/>
      <c r="IG1748" s="91"/>
      <c r="IH1748" s="91"/>
      <c r="II1748" s="91"/>
      <c r="IJ1748" s="91"/>
      <c r="IK1748" s="127"/>
    </row>
    <row r="1749" spans="2:245" x14ac:dyDescent="0.2">
      <c r="B1749" s="43"/>
      <c r="C1749" s="73"/>
      <c r="D1749" s="64"/>
      <c r="E1749" s="64"/>
      <c r="F1749" s="55"/>
      <c r="G1749" s="102"/>
      <c r="H1749" s="55"/>
      <c r="I1749" s="55"/>
      <c r="J1749" s="55"/>
      <c r="K1749" s="55"/>
      <c r="L1749" s="55"/>
      <c r="M1749" s="55"/>
      <c r="N1749" s="55"/>
      <c r="O1749" s="55"/>
      <c r="P1749" s="55"/>
      <c r="Q1749" s="55"/>
      <c r="R1749" s="55"/>
      <c r="S1749" s="55"/>
      <c r="T1749" s="55"/>
      <c r="U1749" s="55"/>
      <c r="V1749" s="55"/>
      <c r="W1749" s="55"/>
      <c r="X1749" s="55"/>
      <c r="Y1749" s="55"/>
      <c r="Z1749" s="55"/>
      <c r="AA1749" s="55"/>
      <c r="AB1749" s="55"/>
      <c r="AC1749" s="55"/>
      <c r="AD1749" s="55"/>
      <c r="AE1749" s="55"/>
      <c r="AF1749" s="55"/>
      <c r="AG1749" s="55"/>
      <c r="AY1749" s="162"/>
      <c r="AZ1749" s="162"/>
      <c r="BA1749" s="162"/>
      <c r="BB1749" s="162"/>
      <c r="BC1749" s="162"/>
      <c r="BD1749" s="162"/>
      <c r="BE1749" s="162"/>
      <c r="BF1749" s="162"/>
      <c r="BG1749" s="162"/>
      <c r="BH1749" s="162"/>
      <c r="BI1749" s="162"/>
      <c r="BJ1749" s="162"/>
      <c r="BK1749" s="162"/>
      <c r="BL1749" s="162"/>
      <c r="BM1749" s="162"/>
      <c r="BN1749" s="162"/>
      <c r="BO1749" s="162"/>
      <c r="BP1749" s="162"/>
      <c r="BQ1749" s="162"/>
      <c r="BR1749" s="162"/>
      <c r="BS1749" s="162"/>
      <c r="BT1749" s="162"/>
      <c r="BU1749" s="162"/>
      <c r="BV1749" s="162"/>
      <c r="BW1749" s="162"/>
      <c r="BX1749" s="162"/>
      <c r="BY1749" s="162"/>
      <c r="BZ1749" s="162"/>
      <c r="CA1749" s="162"/>
      <c r="CB1749" s="162"/>
      <c r="CC1749" s="162"/>
      <c r="CD1749" s="162"/>
      <c r="CE1749" s="162"/>
      <c r="CF1749" s="162"/>
      <c r="CG1749" s="162"/>
      <c r="CH1749" s="162"/>
      <c r="CI1749" s="162"/>
      <c r="CJ1749" s="162"/>
      <c r="CK1749" s="162"/>
      <c r="CX1749" s="98"/>
      <c r="DL1749" s="97"/>
      <c r="DX1749" s="98"/>
      <c r="EL1749" s="97"/>
      <c r="EX1749" s="98"/>
      <c r="EY1749" s="97"/>
      <c r="FL1749" s="126"/>
      <c r="FM1749" s="91"/>
      <c r="FN1749" s="91"/>
      <c r="FO1749" s="91"/>
      <c r="FP1749" s="91"/>
      <c r="FQ1749" s="91"/>
      <c r="FR1749" s="91"/>
      <c r="FS1749" s="91"/>
      <c r="FT1749" s="91"/>
      <c r="FU1749" s="91"/>
      <c r="FV1749" s="91"/>
      <c r="FW1749" s="91"/>
      <c r="FX1749" s="91"/>
      <c r="FY1749" s="91"/>
      <c r="FZ1749" s="91"/>
      <c r="GA1749" s="91"/>
      <c r="GB1749" s="91"/>
      <c r="GC1749" s="91"/>
      <c r="GD1749" s="91"/>
      <c r="GE1749" s="91"/>
      <c r="GF1749" s="91"/>
      <c r="GG1749" s="91"/>
      <c r="GH1749" s="91"/>
      <c r="GI1749" s="91"/>
      <c r="GJ1749" s="91"/>
      <c r="GK1749" s="127"/>
      <c r="GL1749" s="126"/>
      <c r="GM1749" s="91"/>
      <c r="GN1749" s="91"/>
      <c r="GO1749" s="91"/>
      <c r="GP1749" s="91"/>
      <c r="GQ1749" s="91"/>
      <c r="GR1749" s="91"/>
      <c r="GS1749" s="91"/>
      <c r="GT1749" s="91"/>
      <c r="GU1749" s="91"/>
      <c r="GV1749" s="91"/>
      <c r="GW1749" s="91"/>
      <c r="GX1749" s="91"/>
      <c r="GY1749" s="91"/>
      <c r="GZ1749" s="91"/>
      <c r="HA1749" s="91"/>
      <c r="HB1749" s="91"/>
      <c r="HC1749" s="91"/>
      <c r="HD1749" s="91"/>
      <c r="HE1749" s="91"/>
      <c r="HF1749" s="91"/>
      <c r="HG1749" s="91"/>
      <c r="HH1749" s="91"/>
      <c r="HI1749" s="91"/>
      <c r="HJ1749" s="91"/>
      <c r="HK1749" s="127"/>
      <c r="HL1749" s="126"/>
      <c r="HM1749" s="91"/>
      <c r="HN1749" s="91"/>
      <c r="HO1749" s="91"/>
      <c r="HP1749" s="91"/>
      <c r="HQ1749" s="91"/>
      <c r="HR1749" s="91"/>
      <c r="HS1749" s="91"/>
      <c r="HT1749" s="91"/>
      <c r="HU1749" s="91"/>
      <c r="HV1749" s="91"/>
      <c r="HW1749" s="91"/>
      <c r="HX1749" s="91"/>
      <c r="HY1749" s="91"/>
      <c r="HZ1749" s="91"/>
      <c r="IA1749" s="91"/>
      <c r="IB1749" s="91"/>
      <c r="IC1749" s="91"/>
      <c r="ID1749" s="91"/>
      <c r="IE1749" s="91"/>
      <c r="IF1749" s="91"/>
      <c r="IG1749" s="91"/>
      <c r="IH1749" s="91"/>
      <c r="II1749" s="91"/>
      <c r="IJ1749" s="91"/>
      <c r="IK1749" s="127"/>
    </row>
    <row r="1750" spans="2:245" x14ac:dyDescent="0.2">
      <c r="B1750" s="43"/>
      <c r="C1750" s="73"/>
      <c r="D1750" s="64"/>
      <c r="E1750" s="64"/>
      <c r="F1750" s="55"/>
      <c r="G1750" s="102"/>
      <c r="H1750" s="55"/>
      <c r="I1750" s="55"/>
      <c r="J1750" s="55"/>
      <c r="K1750" s="55"/>
      <c r="L1750" s="55"/>
      <c r="M1750" s="55"/>
      <c r="N1750" s="55"/>
      <c r="O1750" s="55"/>
      <c r="P1750" s="55"/>
      <c r="Q1750" s="55"/>
      <c r="R1750" s="55"/>
      <c r="S1750" s="55"/>
      <c r="T1750" s="55"/>
      <c r="U1750" s="55"/>
      <c r="V1750" s="55"/>
      <c r="W1750" s="55"/>
      <c r="X1750" s="55"/>
      <c r="Y1750" s="55"/>
      <c r="Z1750" s="55"/>
      <c r="AA1750" s="55"/>
      <c r="AB1750" s="55"/>
      <c r="AC1750" s="55"/>
      <c r="AD1750" s="55"/>
      <c r="AE1750" s="55"/>
      <c r="AF1750" s="55"/>
      <c r="AG1750" s="55"/>
      <c r="AY1750" s="162"/>
      <c r="AZ1750" s="162"/>
      <c r="BA1750" s="162"/>
      <c r="BB1750" s="162"/>
      <c r="BC1750" s="162"/>
      <c r="BD1750" s="162"/>
      <c r="BE1750" s="162"/>
      <c r="BF1750" s="162"/>
      <c r="BG1750" s="162"/>
      <c r="BH1750" s="162"/>
      <c r="BI1750" s="162"/>
      <c r="BJ1750" s="162"/>
      <c r="BK1750" s="162"/>
      <c r="BL1750" s="162"/>
      <c r="BM1750" s="162"/>
      <c r="BN1750" s="162"/>
      <c r="BO1750" s="162"/>
      <c r="BP1750" s="162"/>
      <c r="BQ1750" s="162"/>
      <c r="BR1750" s="162"/>
      <c r="BS1750" s="162"/>
      <c r="BT1750" s="162"/>
      <c r="BU1750" s="162"/>
      <c r="BV1750" s="162"/>
      <c r="BW1750" s="162"/>
      <c r="BX1750" s="162"/>
      <c r="BY1750" s="162"/>
      <c r="BZ1750" s="162"/>
      <c r="CA1750" s="162"/>
      <c r="CB1750" s="162"/>
      <c r="CC1750" s="162"/>
      <c r="CD1750" s="162"/>
      <c r="CE1750" s="162"/>
      <c r="CF1750" s="162"/>
      <c r="CG1750" s="162"/>
      <c r="CH1750" s="162"/>
      <c r="CI1750" s="162"/>
      <c r="CJ1750" s="162"/>
      <c r="CK1750" s="162"/>
      <c r="CX1750" s="98"/>
      <c r="DL1750" s="97"/>
      <c r="DX1750" s="98"/>
      <c r="EL1750" s="97"/>
      <c r="EX1750" s="98"/>
      <c r="EY1750" s="97"/>
      <c r="FL1750" s="126"/>
      <c r="FM1750" s="91"/>
      <c r="FN1750" s="91"/>
      <c r="FO1750" s="91"/>
      <c r="FP1750" s="91"/>
      <c r="FQ1750" s="91"/>
      <c r="FR1750" s="91"/>
      <c r="FS1750" s="91"/>
      <c r="FT1750" s="91"/>
      <c r="FU1750" s="91"/>
      <c r="FV1750" s="91"/>
      <c r="FW1750" s="91"/>
      <c r="FX1750" s="91"/>
      <c r="FY1750" s="91"/>
      <c r="FZ1750" s="91"/>
      <c r="GA1750" s="91"/>
      <c r="GB1750" s="91"/>
      <c r="GC1750" s="91"/>
      <c r="GD1750" s="91"/>
      <c r="GE1750" s="91"/>
      <c r="GF1750" s="91"/>
      <c r="GG1750" s="91"/>
      <c r="GH1750" s="91"/>
      <c r="GI1750" s="91"/>
      <c r="GJ1750" s="91"/>
      <c r="GK1750" s="127"/>
      <c r="GL1750" s="126"/>
      <c r="GM1750" s="91"/>
      <c r="GN1750" s="91"/>
      <c r="GO1750" s="91"/>
      <c r="GP1750" s="91"/>
      <c r="GQ1750" s="91"/>
      <c r="GR1750" s="91"/>
      <c r="GS1750" s="91"/>
      <c r="GT1750" s="91"/>
      <c r="GU1750" s="91"/>
      <c r="GV1750" s="91"/>
      <c r="GW1750" s="91"/>
      <c r="GX1750" s="91"/>
      <c r="GY1750" s="91"/>
      <c r="GZ1750" s="91"/>
      <c r="HA1750" s="91"/>
      <c r="HB1750" s="91"/>
      <c r="HC1750" s="91"/>
      <c r="HD1750" s="91"/>
      <c r="HE1750" s="91"/>
      <c r="HF1750" s="91"/>
      <c r="HG1750" s="91"/>
      <c r="HH1750" s="91"/>
      <c r="HI1750" s="91"/>
      <c r="HJ1750" s="91"/>
      <c r="HK1750" s="127"/>
      <c r="HL1750" s="126"/>
      <c r="HM1750" s="91"/>
      <c r="HN1750" s="91"/>
      <c r="HO1750" s="91"/>
      <c r="HP1750" s="91"/>
      <c r="HQ1750" s="91"/>
      <c r="HR1750" s="91"/>
      <c r="HS1750" s="91"/>
      <c r="HT1750" s="91"/>
      <c r="HU1750" s="91"/>
      <c r="HV1750" s="91"/>
      <c r="HW1750" s="91"/>
      <c r="HX1750" s="91"/>
      <c r="HY1750" s="91"/>
      <c r="HZ1750" s="91"/>
      <c r="IA1750" s="91"/>
      <c r="IB1750" s="91"/>
      <c r="IC1750" s="91"/>
      <c r="ID1750" s="91"/>
      <c r="IE1750" s="91"/>
      <c r="IF1750" s="91"/>
      <c r="IG1750" s="91"/>
      <c r="IH1750" s="91"/>
      <c r="II1750" s="91"/>
      <c r="IJ1750" s="91"/>
      <c r="IK1750" s="127"/>
    </row>
    <row r="1751" spans="2:245" x14ac:dyDescent="0.2">
      <c r="B1751" s="43"/>
      <c r="C1751" s="73"/>
      <c r="D1751" s="64"/>
      <c r="E1751" s="64"/>
      <c r="F1751" s="55"/>
      <c r="G1751" s="102"/>
      <c r="H1751" s="55"/>
      <c r="I1751" s="55"/>
      <c r="J1751" s="55"/>
      <c r="K1751" s="55"/>
      <c r="L1751" s="55"/>
      <c r="M1751" s="55"/>
      <c r="N1751" s="55"/>
      <c r="O1751" s="55"/>
      <c r="P1751" s="55"/>
      <c r="Q1751" s="55"/>
      <c r="R1751" s="55"/>
      <c r="S1751" s="55"/>
      <c r="T1751" s="55"/>
      <c r="U1751" s="55"/>
      <c r="V1751" s="55"/>
      <c r="W1751" s="55"/>
      <c r="X1751" s="55"/>
      <c r="Y1751" s="55"/>
      <c r="Z1751" s="55"/>
      <c r="AA1751" s="55"/>
      <c r="AB1751" s="55"/>
      <c r="AC1751" s="55"/>
      <c r="AD1751" s="55"/>
      <c r="AE1751" s="55"/>
      <c r="AF1751" s="55"/>
      <c r="AG1751" s="55"/>
      <c r="AY1751" s="162"/>
      <c r="AZ1751" s="162"/>
      <c r="BA1751" s="162"/>
      <c r="BB1751" s="162"/>
      <c r="BC1751" s="162"/>
      <c r="BD1751" s="162"/>
      <c r="BE1751" s="162"/>
      <c r="BF1751" s="162"/>
      <c r="BG1751" s="162"/>
      <c r="BH1751" s="162"/>
      <c r="BI1751" s="162"/>
      <c r="BJ1751" s="162"/>
      <c r="BK1751" s="162"/>
      <c r="BL1751" s="162"/>
      <c r="BM1751" s="162"/>
      <c r="BN1751" s="162"/>
      <c r="BO1751" s="162"/>
      <c r="BP1751" s="162"/>
      <c r="BQ1751" s="162"/>
      <c r="BR1751" s="162"/>
      <c r="BS1751" s="162"/>
      <c r="BT1751" s="162"/>
      <c r="BU1751" s="162"/>
      <c r="BV1751" s="162"/>
      <c r="BW1751" s="162"/>
      <c r="BX1751" s="162"/>
      <c r="BY1751" s="162"/>
      <c r="BZ1751" s="162"/>
      <c r="CA1751" s="162"/>
      <c r="CB1751" s="162"/>
      <c r="CC1751" s="162"/>
      <c r="CD1751" s="162"/>
      <c r="CE1751" s="162"/>
      <c r="CF1751" s="162"/>
      <c r="CG1751" s="162"/>
      <c r="CH1751" s="162"/>
      <c r="CI1751" s="162"/>
      <c r="CJ1751" s="162"/>
      <c r="CK1751" s="162"/>
      <c r="CX1751" s="98"/>
      <c r="DL1751" s="97"/>
      <c r="DX1751" s="98"/>
      <c r="EL1751" s="97"/>
      <c r="EX1751" s="98"/>
      <c r="EY1751" s="97"/>
      <c r="FL1751" s="126"/>
      <c r="FM1751" s="91"/>
      <c r="FN1751" s="91"/>
      <c r="FO1751" s="91"/>
      <c r="FP1751" s="91"/>
      <c r="FQ1751" s="91"/>
      <c r="FR1751" s="91"/>
      <c r="FS1751" s="91"/>
      <c r="FT1751" s="91"/>
      <c r="FU1751" s="91"/>
      <c r="FV1751" s="91"/>
      <c r="FW1751" s="91"/>
      <c r="FX1751" s="91"/>
      <c r="FY1751" s="91"/>
      <c r="FZ1751" s="91"/>
      <c r="GA1751" s="91"/>
      <c r="GB1751" s="91"/>
      <c r="GC1751" s="91"/>
      <c r="GD1751" s="91"/>
      <c r="GE1751" s="91"/>
      <c r="GF1751" s="91"/>
      <c r="GG1751" s="91"/>
      <c r="GH1751" s="91"/>
      <c r="GI1751" s="91"/>
      <c r="GJ1751" s="91"/>
      <c r="GK1751" s="127"/>
      <c r="GL1751" s="126"/>
      <c r="GM1751" s="91"/>
      <c r="GN1751" s="91"/>
      <c r="GO1751" s="91"/>
      <c r="GP1751" s="91"/>
      <c r="GQ1751" s="91"/>
      <c r="GR1751" s="91"/>
      <c r="GS1751" s="91"/>
      <c r="GT1751" s="91"/>
      <c r="GU1751" s="91"/>
      <c r="GV1751" s="91"/>
      <c r="GW1751" s="91"/>
      <c r="GX1751" s="91"/>
      <c r="GY1751" s="91"/>
      <c r="GZ1751" s="91"/>
      <c r="HA1751" s="91"/>
      <c r="HB1751" s="91"/>
      <c r="HC1751" s="91"/>
      <c r="HD1751" s="91"/>
      <c r="HE1751" s="91"/>
      <c r="HF1751" s="91"/>
      <c r="HG1751" s="91"/>
      <c r="HH1751" s="91"/>
      <c r="HI1751" s="91"/>
      <c r="HJ1751" s="91"/>
      <c r="HK1751" s="127"/>
      <c r="HL1751" s="126"/>
      <c r="HM1751" s="91"/>
      <c r="HN1751" s="91"/>
      <c r="HO1751" s="91"/>
      <c r="HP1751" s="91"/>
      <c r="HQ1751" s="91"/>
      <c r="HR1751" s="91"/>
      <c r="HS1751" s="91"/>
      <c r="HT1751" s="91"/>
      <c r="HU1751" s="91"/>
      <c r="HV1751" s="91"/>
      <c r="HW1751" s="91"/>
      <c r="HX1751" s="91"/>
      <c r="HY1751" s="91"/>
      <c r="HZ1751" s="91"/>
      <c r="IA1751" s="91"/>
      <c r="IB1751" s="91"/>
      <c r="IC1751" s="91"/>
      <c r="ID1751" s="91"/>
      <c r="IE1751" s="91"/>
      <c r="IF1751" s="91"/>
      <c r="IG1751" s="91"/>
      <c r="IH1751" s="91"/>
      <c r="II1751" s="91"/>
      <c r="IJ1751" s="91"/>
      <c r="IK1751" s="127"/>
    </row>
    <row r="1752" spans="2:245" x14ac:dyDescent="0.2">
      <c r="B1752" s="43"/>
      <c r="C1752" s="73"/>
      <c r="D1752" s="64"/>
      <c r="E1752" s="64"/>
      <c r="F1752" s="55"/>
      <c r="G1752" s="102"/>
      <c r="H1752" s="55"/>
      <c r="I1752" s="55"/>
      <c r="J1752" s="55"/>
      <c r="K1752" s="55"/>
      <c r="L1752" s="55"/>
      <c r="M1752" s="55"/>
      <c r="N1752" s="55"/>
      <c r="O1752" s="55"/>
      <c r="P1752" s="55"/>
      <c r="Q1752" s="55"/>
      <c r="R1752" s="55"/>
      <c r="S1752" s="55"/>
      <c r="T1752" s="55"/>
      <c r="U1752" s="55"/>
      <c r="V1752" s="55"/>
      <c r="W1752" s="55"/>
      <c r="X1752" s="55"/>
      <c r="Y1752" s="55"/>
      <c r="Z1752" s="55"/>
      <c r="AA1752" s="55"/>
      <c r="AB1752" s="55"/>
      <c r="AC1752" s="55"/>
      <c r="AD1752" s="55"/>
      <c r="AE1752" s="55"/>
      <c r="AF1752" s="55"/>
      <c r="AG1752" s="55"/>
      <c r="AY1752" s="162"/>
      <c r="AZ1752" s="162"/>
      <c r="BA1752" s="162"/>
      <c r="BB1752" s="162"/>
      <c r="BC1752" s="162"/>
      <c r="BD1752" s="162"/>
      <c r="BE1752" s="162"/>
      <c r="BF1752" s="162"/>
      <c r="BG1752" s="162"/>
      <c r="BH1752" s="162"/>
      <c r="BI1752" s="162"/>
      <c r="BJ1752" s="162"/>
      <c r="BK1752" s="162"/>
      <c r="BL1752" s="162"/>
      <c r="BM1752" s="162"/>
      <c r="BN1752" s="162"/>
      <c r="BO1752" s="162"/>
      <c r="BP1752" s="162"/>
      <c r="BQ1752" s="162"/>
      <c r="BR1752" s="162"/>
      <c r="BS1752" s="162"/>
      <c r="BT1752" s="162"/>
      <c r="BU1752" s="162"/>
      <c r="BV1752" s="162"/>
      <c r="BW1752" s="162"/>
      <c r="BX1752" s="162"/>
      <c r="BY1752" s="162"/>
      <c r="BZ1752" s="162"/>
      <c r="CA1752" s="162"/>
      <c r="CB1752" s="162"/>
      <c r="CC1752" s="162"/>
      <c r="CD1752" s="162"/>
      <c r="CE1752" s="162"/>
      <c r="CF1752" s="162"/>
      <c r="CG1752" s="162"/>
      <c r="CH1752" s="162"/>
      <c r="CI1752" s="162"/>
      <c r="CJ1752" s="162"/>
      <c r="CK1752" s="162"/>
      <c r="CX1752" s="98"/>
      <c r="DL1752" s="97"/>
      <c r="DX1752" s="98"/>
      <c r="EL1752" s="97"/>
      <c r="EX1752" s="98"/>
      <c r="EY1752" s="97"/>
      <c r="FL1752" s="126"/>
      <c r="FM1752" s="91"/>
      <c r="FN1752" s="91"/>
      <c r="FO1752" s="91"/>
      <c r="FP1752" s="91"/>
      <c r="FQ1752" s="91"/>
      <c r="FR1752" s="91"/>
      <c r="FS1752" s="91"/>
      <c r="FT1752" s="91"/>
      <c r="FU1752" s="91"/>
      <c r="FV1752" s="91"/>
      <c r="FW1752" s="91"/>
      <c r="FX1752" s="91"/>
      <c r="FY1752" s="91"/>
      <c r="FZ1752" s="91"/>
      <c r="GA1752" s="91"/>
      <c r="GB1752" s="91"/>
      <c r="GC1752" s="91"/>
      <c r="GD1752" s="91"/>
      <c r="GE1752" s="91"/>
      <c r="GF1752" s="91"/>
      <c r="GG1752" s="91"/>
      <c r="GH1752" s="91"/>
      <c r="GI1752" s="91"/>
      <c r="GJ1752" s="91"/>
      <c r="GK1752" s="127"/>
      <c r="GL1752" s="126"/>
      <c r="GM1752" s="91"/>
      <c r="GN1752" s="91"/>
      <c r="GO1752" s="91"/>
      <c r="GP1752" s="91"/>
      <c r="GQ1752" s="91"/>
      <c r="GR1752" s="91"/>
      <c r="GS1752" s="91"/>
      <c r="GT1752" s="91"/>
      <c r="GU1752" s="91"/>
      <c r="GV1752" s="91"/>
      <c r="GW1752" s="91"/>
      <c r="GX1752" s="91"/>
      <c r="GY1752" s="91"/>
      <c r="GZ1752" s="91"/>
      <c r="HA1752" s="91"/>
      <c r="HB1752" s="91"/>
      <c r="HC1752" s="91"/>
      <c r="HD1752" s="91"/>
      <c r="HE1752" s="91"/>
      <c r="HF1752" s="91"/>
      <c r="HG1752" s="91"/>
      <c r="HH1752" s="91"/>
      <c r="HI1752" s="91"/>
      <c r="HJ1752" s="91"/>
      <c r="HK1752" s="127"/>
      <c r="HL1752" s="126"/>
      <c r="HM1752" s="91"/>
      <c r="HN1752" s="91"/>
      <c r="HO1752" s="91"/>
      <c r="HP1752" s="91"/>
      <c r="HQ1752" s="91"/>
      <c r="HR1752" s="91"/>
      <c r="HS1752" s="91"/>
      <c r="HT1752" s="91"/>
      <c r="HU1752" s="91"/>
      <c r="HV1752" s="91"/>
      <c r="HW1752" s="91"/>
      <c r="HX1752" s="91"/>
      <c r="HY1752" s="91"/>
      <c r="HZ1752" s="91"/>
      <c r="IA1752" s="91"/>
      <c r="IB1752" s="91"/>
      <c r="IC1752" s="91"/>
      <c r="ID1752" s="91"/>
      <c r="IE1752" s="91"/>
      <c r="IF1752" s="91"/>
      <c r="IG1752" s="91"/>
      <c r="IH1752" s="91"/>
      <c r="II1752" s="91"/>
      <c r="IJ1752" s="91"/>
      <c r="IK1752" s="127"/>
    </row>
    <row r="1753" spans="2:245" x14ac:dyDescent="0.2">
      <c r="B1753" s="43"/>
      <c r="C1753" s="73"/>
      <c r="D1753" s="64"/>
      <c r="E1753" s="64"/>
      <c r="F1753" s="55"/>
      <c r="G1753" s="102"/>
      <c r="H1753" s="55"/>
      <c r="I1753" s="55"/>
      <c r="J1753" s="55"/>
      <c r="K1753" s="55"/>
      <c r="L1753" s="55"/>
      <c r="M1753" s="55"/>
      <c r="N1753" s="55"/>
      <c r="O1753" s="55"/>
      <c r="P1753" s="55"/>
      <c r="Q1753" s="55"/>
      <c r="R1753" s="55"/>
      <c r="S1753" s="55"/>
      <c r="T1753" s="55"/>
      <c r="U1753" s="55"/>
      <c r="V1753" s="55"/>
      <c r="W1753" s="55"/>
      <c r="X1753" s="55"/>
      <c r="Y1753" s="55"/>
      <c r="Z1753" s="55"/>
      <c r="AA1753" s="55"/>
      <c r="AB1753" s="55"/>
      <c r="AC1753" s="55"/>
      <c r="AD1753" s="55"/>
      <c r="AE1753" s="55"/>
      <c r="AF1753" s="55"/>
      <c r="AG1753" s="55"/>
      <c r="AY1753" s="162"/>
      <c r="AZ1753" s="162"/>
      <c r="BA1753" s="162"/>
      <c r="BB1753" s="162"/>
      <c r="BC1753" s="162"/>
      <c r="BD1753" s="162"/>
      <c r="BE1753" s="162"/>
      <c r="BF1753" s="162"/>
      <c r="BG1753" s="162"/>
      <c r="BH1753" s="162"/>
      <c r="BI1753" s="162"/>
      <c r="BJ1753" s="162"/>
      <c r="BK1753" s="162"/>
      <c r="BL1753" s="162"/>
      <c r="BM1753" s="162"/>
      <c r="BN1753" s="162"/>
      <c r="BO1753" s="162"/>
      <c r="BP1753" s="162"/>
      <c r="BQ1753" s="162"/>
      <c r="BR1753" s="162"/>
      <c r="BS1753" s="162"/>
      <c r="BT1753" s="162"/>
      <c r="BU1753" s="162"/>
      <c r="BV1753" s="162"/>
      <c r="BW1753" s="162"/>
      <c r="BX1753" s="162"/>
      <c r="BY1753" s="162"/>
      <c r="BZ1753" s="162"/>
      <c r="CA1753" s="162"/>
      <c r="CB1753" s="162"/>
      <c r="CC1753" s="162"/>
      <c r="CD1753" s="162"/>
      <c r="CE1753" s="162"/>
      <c r="CF1753" s="162"/>
      <c r="CG1753" s="162"/>
      <c r="CH1753" s="162"/>
      <c r="CI1753" s="162"/>
      <c r="CJ1753" s="162"/>
      <c r="CK1753" s="162"/>
      <c r="CX1753" s="98"/>
      <c r="DL1753" s="97"/>
      <c r="DX1753" s="98"/>
      <c r="EL1753" s="97"/>
      <c r="EX1753" s="98"/>
      <c r="EY1753" s="97"/>
      <c r="FL1753" s="126"/>
      <c r="FM1753" s="91"/>
      <c r="FN1753" s="91"/>
      <c r="FO1753" s="91"/>
      <c r="FP1753" s="91"/>
      <c r="FQ1753" s="91"/>
      <c r="FR1753" s="91"/>
      <c r="FS1753" s="91"/>
      <c r="FT1753" s="91"/>
      <c r="FU1753" s="91"/>
      <c r="FV1753" s="91"/>
      <c r="FW1753" s="91"/>
      <c r="FX1753" s="91"/>
      <c r="FY1753" s="91"/>
      <c r="FZ1753" s="91"/>
      <c r="GA1753" s="91"/>
      <c r="GB1753" s="91"/>
      <c r="GC1753" s="91"/>
      <c r="GD1753" s="91"/>
      <c r="GE1753" s="91"/>
      <c r="GF1753" s="91"/>
      <c r="GG1753" s="91"/>
      <c r="GH1753" s="91"/>
      <c r="GI1753" s="91"/>
      <c r="GJ1753" s="91"/>
      <c r="GK1753" s="127"/>
      <c r="GL1753" s="126"/>
      <c r="GM1753" s="91"/>
      <c r="GN1753" s="91"/>
      <c r="GO1753" s="91"/>
      <c r="GP1753" s="91"/>
      <c r="GQ1753" s="91"/>
      <c r="GR1753" s="91"/>
      <c r="GS1753" s="91"/>
      <c r="GT1753" s="91"/>
      <c r="GU1753" s="91"/>
      <c r="GV1753" s="91"/>
      <c r="GW1753" s="91"/>
      <c r="GX1753" s="91"/>
      <c r="GY1753" s="91"/>
      <c r="GZ1753" s="91"/>
      <c r="HA1753" s="91"/>
      <c r="HB1753" s="91"/>
      <c r="HC1753" s="91"/>
      <c r="HD1753" s="91"/>
      <c r="HE1753" s="91"/>
      <c r="HF1753" s="91"/>
      <c r="HG1753" s="91"/>
      <c r="HH1753" s="91"/>
      <c r="HI1753" s="91"/>
      <c r="HJ1753" s="91"/>
      <c r="HK1753" s="127"/>
      <c r="HL1753" s="126"/>
      <c r="HM1753" s="91"/>
      <c r="HN1753" s="91"/>
      <c r="HO1753" s="91"/>
      <c r="HP1753" s="91"/>
      <c r="HQ1753" s="91"/>
      <c r="HR1753" s="91"/>
      <c r="HS1753" s="91"/>
      <c r="HT1753" s="91"/>
      <c r="HU1753" s="91"/>
      <c r="HV1753" s="91"/>
      <c r="HW1753" s="91"/>
      <c r="HX1753" s="91"/>
      <c r="HY1753" s="91"/>
      <c r="HZ1753" s="91"/>
      <c r="IA1753" s="91"/>
      <c r="IB1753" s="91"/>
      <c r="IC1753" s="91"/>
      <c r="ID1753" s="91"/>
      <c r="IE1753" s="91"/>
      <c r="IF1753" s="91"/>
      <c r="IG1753" s="91"/>
      <c r="IH1753" s="91"/>
      <c r="II1753" s="91"/>
      <c r="IJ1753" s="91"/>
      <c r="IK1753" s="127"/>
    </row>
    <row r="1754" spans="2:245" x14ac:dyDescent="0.2">
      <c r="B1754" s="43"/>
      <c r="C1754" s="73"/>
      <c r="D1754" s="64"/>
      <c r="E1754" s="64"/>
      <c r="F1754" s="55"/>
      <c r="G1754" s="102"/>
      <c r="H1754" s="55"/>
      <c r="I1754" s="55"/>
      <c r="J1754" s="55"/>
      <c r="K1754" s="55"/>
      <c r="L1754" s="55"/>
      <c r="M1754" s="55"/>
      <c r="N1754" s="55"/>
      <c r="O1754" s="55"/>
      <c r="P1754" s="55"/>
      <c r="Q1754" s="55"/>
      <c r="R1754" s="55"/>
      <c r="S1754" s="55"/>
      <c r="T1754" s="55"/>
      <c r="U1754" s="55"/>
      <c r="V1754" s="55"/>
      <c r="W1754" s="55"/>
      <c r="X1754" s="55"/>
      <c r="Y1754" s="55"/>
      <c r="Z1754" s="55"/>
      <c r="AA1754" s="55"/>
      <c r="AB1754" s="55"/>
      <c r="AC1754" s="55"/>
      <c r="AD1754" s="55"/>
      <c r="AE1754" s="55"/>
      <c r="AF1754" s="55"/>
      <c r="AG1754" s="55"/>
      <c r="AY1754" s="162"/>
      <c r="AZ1754" s="162"/>
      <c r="BA1754" s="162"/>
      <c r="BB1754" s="162"/>
      <c r="BC1754" s="162"/>
      <c r="BD1754" s="162"/>
      <c r="BE1754" s="162"/>
      <c r="BF1754" s="162"/>
      <c r="BG1754" s="162"/>
      <c r="BH1754" s="162"/>
      <c r="BI1754" s="162"/>
      <c r="BJ1754" s="162"/>
      <c r="BK1754" s="162"/>
      <c r="BL1754" s="162"/>
      <c r="BM1754" s="162"/>
      <c r="BN1754" s="162"/>
      <c r="BO1754" s="162"/>
      <c r="BP1754" s="162"/>
      <c r="BQ1754" s="162"/>
      <c r="BR1754" s="162"/>
      <c r="BS1754" s="162"/>
      <c r="BT1754" s="162"/>
      <c r="BU1754" s="162"/>
      <c r="BV1754" s="162"/>
      <c r="BW1754" s="162"/>
      <c r="BX1754" s="162"/>
      <c r="BY1754" s="162"/>
      <c r="BZ1754" s="162"/>
      <c r="CA1754" s="162"/>
      <c r="CB1754" s="162"/>
      <c r="CC1754" s="162"/>
      <c r="CD1754" s="162"/>
      <c r="CE1754" s="162"/>
      <c r="CF1754" s="162"/>
      <c r="CG1754" s="162"/>
      <c r="CH1754" s="162"/>
      <c r="CI1754" s="162"/>
      <c r="CJ1754" s="162"/>
      <c r="CK1754" s="162"/>
      <c r="CX1754" s="98"/>
      <c r="DL1754" s="97"/>
      <c r="DX1754" s="98"/>
      <c r="EL1754" s="97"/>
      <c r="EX1754" s="98"/>
      <c r="EY1754" s="97"/>
      <c r="FL1754" s="126"/>
      <c r="FM1754" s="91"/>
      <c r="FN1754" s="91"/>
      <c r="FO1754" s="91"/>
      <c r="FP1754" s="91"/>
      <c r="FQ1754" s="91"/>
      <c r="FR1754" s="91"/>
      <c r="FS1754" s="91"/>
      <c r="FT1754" s="91"/>
      <c r="FU1754" s="91"/>
      <c r="FV1754" s="91"/>
      <c r="FW1754" s="91"/>
      <c r="FX1754" s="91"/>
      <c r="FY1754" s="91"/>
      <c r="FZ1754" s="91"/>
      <c r="GA1754" s="91"/>
      <c r="GB1754" s="91"/>
      <c r="GC1754" s="91"/>
      <c r="GD1754" s="91"/>
      <c r="GE1754" s="91"/>
      <c r="GF1754" s="91"/>
      <c r="GG1754" s="91"/>
      <c r="GH1754" s="91"/>
      <c r="GI1754" s="91"/>
      <c r="GJ1754" s="91"/>
      <c r="GK1754" s="127"/>
      <c r="GL1754" s="126"/>
      <c r="GM1754" s="91"/>
      <c r="GN1754" s="91"/>
      <c r="GO1754" s="91"/>
      <c r="GP1754" s="91"/>
      <c r="GQ1754" s="91"/>
      <c r="GR1754" s="91"/>
      <c r="GS1754" s="91"/>
      <c r="GT1754" s="91"/>
      <c r="GU1754" s="91"/>
      <c r="GV1754" s="91"/>
      <c r="GW1754" s="91"/>
      <c r="GX1754" s="91"/>
      <c r="GY1754" s="91"/>
      <c r="GZ1754" s="91"/>
      <c r="HA1754" s="91"/>
      <c r="HB1754" s="91"/>
      <c r="HC1754" s="91"/>
      <c r="HD1754" s="91"/>
      <c r="HE1754" s="91"/>
      <c r="HF1754" s="91"/>
      <c r="HG1754" s="91"/>
      <c r="HH1754" s="91"/>
      <c r="HI1754" s="91"/>
      <c r="HJ1754" s="91"/>
      <c r="HK1754" s="127"/>
      <c r="HL1754" s="126"/>
      <c r="HM1754" s="91"/>
      <c r="HN1754" s="91"/>
      <c r="HO1754" s="91"/>
      <c r="HP1754" s="91"/>
      <c r="HQ1754" s="91"/>
      <c r="HR1754" s="91"/>
      <c r="HS1754" s="91"/>
      <c r="HT1754" s="91"/>
      <c r="HU1754" s="91"/>
      <c r="HV1754" s="91"/>
      <c r="HW1754" s="91"/>
      <c r="HX1754" s="91"/>
      <c r="HY1754" s="91"/>
      <c r="HZ1754" s="91"/>
      <c r="IA1754" s="91"/>
      <c r="IB1754" s="91"/>
      <c r="IC1754" s="91"/>
      <c r="ID1754" s="91"/>
      <c r="IE1754" s="91"/>
      <c r="IF1754" s="91"/>
      <c r="IG1754" s="91"/>
      <c r="IH1754" s="91"/>
      <c r="II1754" s="91"/>
      <c r="IJ1754" s="91"/>
      <c r="IK1754" s="127"/>
    </row>
    <row r="1755" spans="2:245" x14ac:dyDescent="0.2">
      <c r="B1755" s="43"/>
      <c r="C1755" s="73"/>
      <c r="D1755" s="64"/>
      <c r="E1755" s="64"/>
      <c r="F1755" s="55"/>
      <c r="G1755" s="102"/>
      <c r="H1755" s="55"/>
      <c r="I1755" s="55"/>
      <c r="J1755" s="55"/>
      <c r="K1755" s="55"/>
      <c r="L1755" s="55"/>
      <c r="M1755" s="55"/>
      <c r="N1755" s="55"/>
      <c r="O1755" s="55"/>
      <c r="P1755" s="55"/>
      <c r="Q1755" s="55"/>
      <c r="R1755" s="55"/>
      <c r="S1755" s="55"/>
      <c r="T1755" s="55"/>
      <c r="U1755" s="55"/>
      <c r="V1755" s="55"/>
      <c r="W1755" s="55"/>
      <c r="X1755" s="55"/>
      <c r="Y1755" s="55"/>
      <c r="Z1755" s="55"/>
      <c r="AA1755" s="55"/>
      <c r="AB1755" s="55"/>
      <c r="AC1755" s="55"/>
      <c r="AD1755" s="55"/>
      <c r="AE1755" s="55"/>
      <c r="AF1755" s="55"/>
      <c r="AG1755" s="55"/>
      <c r="AY1755" s="162"/>
      <c r="AZ1755" s="162"/>
      <c r="BA1755" s="162"/>
      <c r="BB1755" s="162"/>
      <c r="BC1755" s="162"/>
      <c r="BD1755" s="162"/>
      <c r="BE1755" s="162"/>
      <c r="BF1755" s="162"/>
      <c r="BG1755" s="162"/>
      <c r="BH1755" s="162"/>
      <c r="BI1755" s="162"/>
      <c r="BJ1755" s="162"/>
      <c r="BK1755" s="162"/>
      <c r="BL1755" s="162"/>
      <c r="BM1755" s="162"/>
      <c r="BN1755" s="162"/>
      <c r="BO1755" s="162"/>
      <c r="BP1755" s="162"/>
      <c r="BQ1755" s="162"/>
      <c r="BR1755" s="162"/>
      <c r="BS1755" s="162"/>
      <c r="BT1755" s="162"/>
      <c r="BU1755" s="162"/>
      <c r="BV1755" s="162"/>
      <c r="BW1755" s="162"/>
      <c r="BX1755" s="162"/>
      <c r="BY1755" s="162"/>
      <c r="BZ1755" s="162"/>
      <c r="CA1755" s="162"/>
      <c r="CB1755" s="162"/>
      <c r="CC1755" s="162"/>
      <c r="CD1755" s="162"/>
      <c r="CE1755" s="162"/>
      <c r="CF1755" s="162"/>
      <c r="CG1755" s="162"/>
      <c r="CH1755" s="162"/>
      <c r="CI1755" s="162"/>
      <c r="CJ1755" s="162"/>
      <c r="CK1755" s="162"/>
      <c r="CX1755" s="98"/>
      <c r="DL1755" s="97"/>
      <c r="DX1755" s="98"/>
      <c r="EL1755" s="97"/>
      <c r="EX1755" s="98"/>
      <c r="EY1755" s="97"/>
      <c r="FL1755" s="126"/>
      <c r="FM1755" s="91"/>
      <c r="FN1755" s="91"/>
      <c r="FO1755" s="91"/>
      <c r="FP1755" s="91"/>
      <c r="FQ1755" s="91"/>
      <c r="FR1755" s="91"/>
      <c r="FS1755" s="91"/>
      <c r="FT1755" s="91"/>
      <c r="FU1755" s="91"/>
      <c r="FV1755" s="91"/>
      <c r="FW1755" s="91"/>
      <c r="FX1755" s="91"/>
      <c r="FY1755" s="91"/>
      <c r="FZ1755" s="91"/>
      <c r="GA1755" s="91"/>
      <c r="GB1755" s="91"/>
      <c r="GC1755" s="91"/>
      <c r="GD1755" s="91"/>
      <c r="GE1755" s="91"/>
      <c r="GF1755" s="91"/>
      <c r="GG1755" s="91"/>
      <c r="GH1755" s="91"/>
      <c r="GI1755" s="91"/>
      <c r="GJ1755" s="91"/>
      <c r="GK1755" s="127"/>
      <c r="GL1755" s="126"/>
      <c r="GM1755" s="91"/>
      <c r="GN1755" s="91"/>
      <c r="GO1755" s="91"/>
      <c r="GP1755" s="91"/>
      <c r="GQ1755" s="91"/>
      <c r="GR1755" s="91"/>
      <c r="GS1755" s="91"/>
      <c r="GT1755" s="91"/>
      <c r="GU1755" s="91"/>
      <c r="GV1755" s="91"/>
      <c r="GW1755" s="91"/>
      <c r="GX1755" s="91"/>
      <c r="GY1755" s="91"/>
      <c r="GZ1755" s="91"/>
      <c r="HA1755" s="91"/>
      <c r="HB1755" s="91"/>
      <c r="HC1755" s="91"/>
      <c r="HD1755" s="91"/>
      <c r="HE1755" s="91"/>
      <c r="HF1755" s="91"/>
      <c r="HG1755" s="91"/>
      <c r="HH1755" s="91"/>
      <c r="HI1755" s="91"/>
      <c r="HJ1755" s="91"/>
      <c r="HK1755" s="127"/>
      <c r="HL1755" s="126"/>
      <c r="HM1755" s="91"/>
      <c r="HN1755" s="91"/>
      <c r="HO1755" s="91"/>
      <c r="HP1755" s="91"/>
      <c r="HQ1755" s="91"/>
      <c r="HR1755" s="91"/>
      <c r="HS1755" s="91"/>
      <c r="HT1755" s="91"/>
      <c r="HU1755" s="91"/>
      <c r="HV1755" s="91"/>
      <c r="HW1755" s="91"/>
      <c r="HX1755" s="91"/>
      <c r="HY1755" s="91"/>
      <c r="HZ1755" s="91"/>
      <c r="IA1755" s="91"/>
      <c r="IB1755" s="91"/>
      <c r="IC1755" s="91"/>
      <c r="ID1755" s="91"/>
      <c r="IE1755" s="91"/>
      <c r="IF1755" s="91"/>
      <c r="IG1755" s="91"/>
      <c r="IH1755" s="91"/>
      <c r="II1755" s="91"/>
      <c r="IJ1755" s="91"/>
      <c r="IK1755" s="127"/>
    </row>
    <row r="1756" spans="2:245" x14ac:dyDescent="0.2">
      <c r="B1756" s="43"/>
      <c r="C1756" s="73"/>
      <c r="D1756" s="64"/>
      <c r="E1756" s="64"/>
      <c r="F1756" s="55"/>
      <c r="G1756" s="102"/>
      <c r="H1756" s="55"/>
      <c r="I1756" s="55"/>
      <c r="J1756" s="55"/>
      <c r="K1756" s="55"/>
      <c r="L1756" s="55"/>
      <c r="M1756" s="55"/>
      <c r="N1756" s="55"/>
      <c r="O1756" s="55"/>
      <c r="P1756" s="55"/>
      <c r="Q1756" s="55"/>
      <c r="R1756" s="55"/>
      <c r="S1756" s="55"/>
      <c r="T1756" s="55"/>
      <c r="U1756" s="55"/>
      <c r="V1756" s="55"/>
      <c r="W1756" s="55"/>
      <c r="X1756" s="55"/>
      <c r="Y1756" s="55"/>
      <c r="Z1756" s="55"/>
      <c r="AA1756" s="55"/>
      <c r="AB1756" s="55"/>
      <c r="AC1756" s="55"/>
      <c r="AD1756" s="55"/>
      <c r="AE1756" s="55"/>
      <c r="AF1756" s="55"/>
      <c r="AG1756" s="55"/>
      <c r="AY1756" s="162"/>
      <c r="AZ1756" s="162"/>
      <c r="BA1756" s="162"/>
      <c r="BB1756" s="162"/>
      <c r="BC1756" s="162"/>
      <c r="BD1756" s="162"/>
      <c r="BE1756" s="162"/>
      <c r="BF1756" s="162"/>
      <c r="BG1756" s="162"/>
      <c r="BH1756" s="162"/>
      <c r="BI1756" s="162"/>
      <c r="BJ1756" s="162"/>
      <c r="BK1756" s="162"/>
      <c r="BL1756" s="162"/>
      <c r="BM1756" s="162"/>
      <c r="BN1756" s="162"/>
      <c r="BO1756" s="162"/>
      <c r="BP1756" s="162"/>
      <c r="BQ1756" s="162"/>
      <c r="BR1756" s="162"/>
      <c r="BS1756" s="162"/>
      <c r="BT1756" s="162"/>
      <c r="BU1756" s="162"/>
      <c r="BV1756" s="162"/>
      <c r="BW1756" s="162"/>
      <c r="BX1756" s="162"/>
      <c r="BY1756" s="162"/>
      <c r="BZ1756" s="162"/>
      <c r="CA1756" s="162"/>
      <c r="CB1756" s="162"/>
      <c r="CC1756" s="162"/>
      <c r="CD1756" s="162"/>
      <c r="CE1756" s="162"/>
      <c r="CF1756" s="162"/>
      <c r="CG1756" s="162"/>
      <c r="CH1756" s="162"/>
      <c r="CI1756" s="162"/>
      <c r="CJ1756" s="162"/>
      <c r="CK1756" s="162"/>
      <c r="CX1756" s="98"/>
      <c r="DL1756" s="97"/>
      <c r="DX1756" s="98"/>
      <c r="EL1756" s="97"/>
      <c r="EX1756" s="98"/>
      <c r="EY1756" s="97"/>
      <c r="FL1756" s="126"/>
      <c r="FM1756" s="91"/>
      <c r="FN1756" s="91"/>
      <c r="FO1756" s="91"/>
      <c r="FP1756" s="91"/>
      <c r="FQ1756" s="91"/>
      <c r="FR1756" s="91"/>
      <c r="FS1756" s="91"/>
      <c r="FT1756" s="91"/>
      <c r="FU1756" s="91"/>
      <c r="FV1756" s="91"/>
      <c r="FW1756" s="91"/>
      <c r="FX1756" s="91"/>
      <c r="FY1756" s="91"/>
      <c r="FZ1756" s="91"/>
      <c r="GA1756" s="91"/>
      <c r="GB1756" s="91"/>
      <c r="GC1756" s="91"/>
      <c r="GD1756" s="91"/>
      <c r="GE1756" s="91"/>
      <c r="GF1756" s="91"/>
      <c r="GG1756" s="91"/>
      <c r="GH1756" s="91"/>
      <c r="GI1756" s="91"/>
      <c r="GJ1756" s="91"/>
      <c r="GK1756" s="127"/>
      <c r="GL1756" s="126"/>
      <c r="GM1756" s="91"/>
      <c r="GN1756" s="91"/>
      <c r="GO1756" s="91"/>
      <c r="GP1756" s="91"/>
      <c r="GQ1756" s="91"/>
      <c r="GR1756" s="91"/>
      <c r="GS1756" s="91"/>
      <c r="GT1756" s="91"/>
      <c r="GU1756" s="91"/>
      <c r="GV1756" s="91"/>
      <c r="GW1756" s="91"/>
      <c r="GX1756" s="91"/>
      <c r="GY1756" s="91"/>
      <c r="GZ1756" s="91"/>
      <c r="HA1756" s="91"/>
      <c r="HB1756" s="91"/>
      <c r="HC1756" s="91"/>
      <c r="HD1756" s="91"/>
      <c r="HE1756" s="91"/>
      <c r="HF1756" s="91"/>
      <c r="HG1756" s="91"/>
      <c r="HH1756" s="91"/>
      <c r="HI1756" s="91"/>
      <c r="HJ1756" s="91"/>
      <c r="HK1756" s="127"/>
      <c r="HL1756" s="126"/>
      <c r="HM1756" s="91"/>
      <c r="HN1756" s="91"/>
      <c r="HO1756" s="91"/>
      <c r="HP1756" s="91"/>
      <c r="HQ1756" s="91"/>
      <c r="HR1756" s="91"/>
      <c r="HS1756" s="91"/>
      <c r="HT1756" s="91"/>
      <c r="HU1756" s="91"/>
      <c r="HV1756" s="91"/>
      <c r="HW1756" s="91"/>
      <c r="HX1756" s="91"/>
      <c r="HY1756" s="91"/>
      <c r="HZ1756" s="91"/>
      <c r="IA1756" s="91"/>
      <c r="IB1756" s="91"/>
      <c r="IC1756" s="91"/>
      <c r="ID1756" s="91"/>
      <c r="IE1756" s="91"/>
      <c r="IF1756" s="91"/>
      <c r="IG1756" s="91"/>
      <c r="IH1756" s="91"/>
      <c r="II1756" s="91"/>
      <c r="IJ1756" s="91"/>
      <c r="IK1756" s="127"/>
    </row>
    <row r="1757" spans="2:245" x14ac:dyDescent="0.2">
      <c r="B1757" s="43"/>
      <c r="C1757" s="73"/>
      <c r="D1757" s="64"/>
      <c r="E1757" s="64"/>
      <c r="F1757" s="55"/>
      <c r="G1757" s="102"/>
      <c r="H1757" s="55"/>
      <c r="I1757" s="55"/>
      <c r="J1757" s="55"/>
      <c r="K1757" s="55"/>
      <c r="L1757" s="55"/>
      <c r="M1757" s="55"/>
      <c r="N1757" s="55"/>
      <c r="O1757" s="55"/>
      <c r="P1757" s="55"/>
      <c r="Q1757" s="55"/>
      <c r="R1757" s="55"/>
      <c r="S1757" s="55"/>
      <c r="T1757" s="55"/>
      <c r="U1757" s="55"/>
      <c r="V1757" s="55"/>
      <c r="W1757" s="55"/>
      <c r="X1757" s="55"/>
      <c r="Y1757" s="55"/>
      <c r="Z1757" s="55"/>
      <c r="AA1757" s="55"/>
      <c r="AB1757" s="55"/>
      <c r="AC1757" s="55"/>
      <c r="AD1757" s="55"/>
      <c r="AE1757" s="55"/>
      <c r="AF1757" s="55"/>
      <c r="AG1757" s="55"/>
      <c r="AY1757" s="162"/>
      <c r="AZ1757" s="162"/>
      <c r="BA1757" s="162"/>
      <c r="BB1757" s="162"/>
      <c r="BC1757" s="162"/>
      <c r="BD1757" s="162"/>
      <c r="BE1757" s="162"/>
      <c r="BF1757" s="162"/>
      <c r="BG1757" s="162"/>
      <c r="BH1757" s="162"/>
      <c r="BI1757" s="162"/>
      <c r="BJ1757" s="162"/>
      <c r="BK1757" s="162"/>
      <c r="BL1757" s="162"/>
      <c r="BM1757" s="162"/>
      <c r="BN1757" s="162"/>
      <c r="BO1757" s="162"/>
      <c r="BP1757" s="162"/>
      <c r="BQ1757" s="162"/>
      <c r="BR1757" s="162"/>
      <c r="BS1757" s="162"/>
      <c r="BT1757" s="162"/>
      <c r="BU1757" s="162"/>
      <c r="BV1757" s="162"/>
      <c r="BW1757" s="162"/>
      <c r="BX1757" s="162"/>
      <c r="BY1757" s="162"/>
      <c r="BZ1757" s="162"/>
      <c r="CA1757" s="162"/>
      <c r="CB1757" s="162"/>
      <c r="CC1757" s="162"/>
      <c r="CD1757" s="162"/>
      <c r="CE1757" s="162"/>
      <c r="CF1757" s="162"/>
      <c r="CG1757" s="162"/>
      <c r="CH1757" s="162"/>
      <c r="CI1757" s="162"/>
      <c r="CJ1757" s="162"/>
      <c r="CK1757" s="162"/>
      <c r="CX1757" s="98"/>
      <c r="DL1757" s="97"/>
      <c r="DX1757" s="98"/>
      <c r="EL1757" s="97"/>
      <c r="EX1757" s="98"/>
      <c r="EY1757" s="97"/>
      <c r="FL1757" s="126"/>
      <c r="FM1757" s="91"/>
      <c r="FN1757" s="91"/>
      <c r="FO1757" s="91"/>
      <c r="FP1757" s="91"/>
      <c r="FQ1757" s="91"/>
      <c r="FR1757" s="91"/>
      <c r="FS1757" s="91"/>
      <c r="FT1757" s="91"/>
      <c r="FU1757" s="91"/>
      <c r="FV1757" s="91"/>
      <c r="FW1757" s="91"/>
      <c r="FX1757" s="91"/>
      <c r="FY1757" s="91"/>
      <c r="FZ1757" s="91"/>
      <c r="GA1757" s="91"/>
      <c r="GB1757" s="91"/>
      <c r="GC1757" s="91"/>
      <c r="GD1757" s="91"/>
      <c r="GE1757" s="91"/>
      <c r="GF1757" s="91"/>
      <c r="GG1757" s="91"/>
      <c r="GH1757" s="91"/>
      <c r="GI1757" s="91"/>
      <c r="GJ1757" s="91"/>
      <c r="GK1757" s="127"/>
      <c r="GL1757" s="126"/>
      <c r="GM1757" s="91"/>
      <c r="GN1757" s="91"/>
      <c r="GO1757" s="91"/>
      <c r="GP1757" s="91"/>
      <c r="GQ1757" s="91"/>
      <c r="GR1757" s="91"/>
      <c r="GS1757" s="91"/>
      <c r="GT1757" s="91"/>
      <c r="GU1757" s="91"/>
      <c r="GV1757" s="91"/>
      <c r="GW1757" s="91"/>
      <c r="GX1757" s="91"/>
      <c r="GY1757" s="91"/>
      <c r="GZ1757" s="91"/>
      <c r="HA1757" s="91"/>
      <c r="HB1757" s="91"/>
      <c r="HC1757" s="91"/>
      <c r="HD1757" s="91"/>
      <c r="HE1757" s="91"/>
      <c r="HF1757" s="91"/>
      <c r="HG1757" s="91"/>
      <c r="HH1757" s="91"/>
      <c r="HI1757" s="91"/>
      <c r="HJ1757" s="91"/>
      <c r="HK1757" s="127"/>
      <c r="HL1757" s="126"/>
      <c r="HM1757" s="91"/>
      <c r="HN1757" s="91"/>
      <c r="HO1757" s="91"/>
      <c r="HP1757" s="91"/>
      <c r="HQ1757" s="91"/>
      <c r="HR1757" s="91"/>
      <c r="HS1757" s="91"/>
      <c r="HT1757" s="91"/>
      <c r="HU1757" s="91"/>
      <c r="HV1757" s="91"/>
      <c r="HW1757" s="91"/>
      <c r="HX1757" s="91"/>
      <c r="HY1757" s="91"/>
      <c r="HZ1757" s="91"/>
      <c r="IA1757" s="91"/>
      <c r="IB1757" s="91"/>
      <c r="IC1757" s="91"/>
      <c r="ID1757" s="91"/>
      <c r="IE1757" s="91"/>
      <c r="IF1757" s="91"/>
      <c r="IG1757" s="91"/>
      <c r="IH1757" s="91"/>
      <c r="II1757" s="91"/>
      <c r="IJ1757" s="91"/>
      <c r="IK1757" s="127"/>
    </row>
    <row r="1758" spans="2:245" ht="13.5" thickBot="1" x14ac:dyDescent="0.25">
      <c r="B1758" s="43"/>
      <c r="C1758" s="73"/>
      <c r="D1758" s="64"/>
      <c r="E1758" s="64"/>
      <c r="F1758" s="55"/>
      <c r="G1758" s="102"/>
      <c r="H1758" s="55"/>
      <c r="I1758" s="55"/>
      <c r="J1758" s="55"/>
      <c r="K1758" s="55"/>
      <c r="L1758" s="55"/>
      <c r="M1758" s="55"/>
      <c r="N1758" s="55"/>
      <c r="O1758" s="55"/>
      <c r="P1758" s="55"/>
      <c r="Q1758" s="55"/>
      <c r="R1758" s="55"/>
      <c r="S1758" s="55"/>
      <c r="T1758" s="55"/>
      <c r="U1758" s="55"/>
      <c r="V1758" s="55"/>
      <c r="W1758" s="55"/>
      <c r="X1758" s="55"/>
      <c r="Y1758" s="55"/>
      <c r="Z1758" s="55"/>
      <c r="AA1758" s="55"/>
      <c r="AB1758" s="55"/>
      <c r="AC1758" s="55"/>
      <c r="AD1758" s="55"/>
      <c r="AE1758" s="55"/>
      <c r="AF1758" s="55"/>
      <c r="AG1758" s="55"/>
      <c r="AY1758" s="162"/>
      <c r="AZ1758" s="162"/>
      <c r="BA1758" s="162"/>
      <c r="BB1758" s="162"/>
      <c r="BC1758" s="162"/>
      <c r="BD1758" s="162"/>
      <c r="BE1758" s="162"/>
      <c r="BF1758" s="162"/>
      <c r="BG1758" s="162"/>
      <c r="BH1758" s="162"/>
      <c r="BI1758" s="162"/>
      <c r="BJ1758" s="162"/>
      <c r="BK1758" s="162"/>
      <c r="BL1758" s="162"/>
      <c r="BM1758" s="162"/>
      <c r="BN1758" s="162"/>
      <c r="BO1758" s="162"/>
      <c r="BP1758" s="162"/>
      <c r="BQ1758" s="162"/>
      <c r="BR1758" s="162"/>
      <c r="BS1758" s="162"/>
      <c r="BT1758" s="162"/>
      <c r="BU1758" s="162"/>
      <c r="BV1758" s="162"/>
      <c r="BW1758" s="162"/>
      <c r="BX1758" s="162"/>
      <c r="BY1758" s="162"/>
      <c r="BZ1758" s="162"/>
      <c r="CA1758" s="162"/>
      <c r="CB1758" s="162"/>
      <c r="CC1758" s="162"/>
      <c r="CD1758" s="162"/>
      <c r="CE1758" s="162"/>
      <c r="CF1758" s="162"/>
      <c r="CG1758" s="162"/>
      <c r="CH1758" s="162"/>
      <c r="CI1758" s="162"/>
      <c r="CJ1758" s="162"/>
      <c r="CK1758" s="162"/>
      <c r="CX1758" s="98"/>
      <c r="DL1758" s="97"/>
      <c r="DX1758" s="98"/>
      <c r="EL1758" s="97"/>
      <c r="EX1758" s="98"/>
      <c r="EY1758" s="97"/>
      <c r="FL1758" s="126"/>
      <c r="FM1758" s="91"/>
      <c r="FN1758" s="91"/>
      <c r="FO1758" s="91"/>
      <c r="FP1758" s="91"/>
      <c r="FQ1758" s="91"/>
      <c r="FR1758" s="91"/>
      <c r="FS1758" s="91"/>
      <c r="FT1758" s="91"/>
      <c r="FU1758" s="91"/>
      <c r="FV1758" s="91"/>
      <c r="FW1758" s="91"/>
      <c r="FX1758" s="91"/>
      <c r="FY1758" s="91"/>
      <c r="FZ1758" s="91"/>
      <c r="GA1758" s="91"/>
      <c r="GB1758" s="91"/>
      <c r="GC1758" s="91"/>
      <c r="GD1758" s="91"/>
      <c r="GE1758" s="91"/>
      <c r="GF1758" s="91"/>
      <c r="GG1758" s="91"/>
      <c r="GH1758" s="91"/>
      <c r="GI1758" s="91"/>
      <c r="GJ1758" s="91"/>
      <c r="GK1758" s="127"/>
      <c r="GL1758" s="126"/>
      <c r="GM1758" s="91"/>
      <c r="GN1758" s="91"/>
      <c r="GO1758" s="91"/>
      <c r="GP1758" s="91"/>
      <c r="GQ1758" s="91"/>
      <c r="GR1758" s="91"/>
      <c r="GS1758" s="91"/>
      <c r="GT1758" s="91"/>
      <c r="GU1758" s="91"/>
      <c r="GV1758" s="91"/>
      <c r="GW1758" s="91"/>
      <c r="GX1758" s="91"/>
      <c r="GY1758" s="91"/>
      <c r="GZ1758" s="91"/>
      <c r="HA1758" s="91"/>
      <c r="HB1758" s="91"/>
      <c r="HC1758" s="91"/>
      <c r="HD1758" s="91"/>
      <c r="HE1758" s="91"/>
      <c r="HF1758" s="91"/>
      <c r="HG1758" s="91"/>
      <c r="HH1758" s="91"/>
      <c r="HI1758" s="91"/>
      <c r="HJ1758" s="91"/>
      <c r="HK1758" s="127"/>
      <c r="HL1758" s="126"/>
      <c r="HM1758" s="91"/>
      <c r="HN1758" s="91"/>
      <c r="HO1758" s="91"/>
      <c r="HP1758" s="91"/>
      <c r="HQ1758" s="91"/>
      <c r="HR1758" s="91"/>
      <c r="HS1758" s="91"/>
      <c r="HT1758" s="91"/>
      <c r="HU1758" s="91"/>
      <c r="HV1758" s="91"/>
      <c r="HW1758" s="91"/>
      <c r="HX1758" s="91"/>
      <c r="HY1758" s="91"/>
      <c r="HZ1758" s="91"/>
      <c r="IA1758" s="91"/>
      <c r="IB1758" s="91"/>
      <c r="IC1758" s="91"/>
      <c r="ID1758" s="91"/>
      <c r="IE1758" s="91"/>
      <c r="IF1758" s="91"/>
      <c r="IG1758" s="91"/>
      <c r="IH1758" s="91"/>
      <c r="II1758" s="91"/>
      <c r="IJ1758" s="91"/>
      <c r="IK1758" s="127"/>
    </row>
    <row r="1759" spans="2:245" x14ac:dyDescent="0.2">
      <c r="B1759" s="43"/>
      <c r="C1759" s="73"/>
      <c r="D1759" s="64"/>
      <c r="E1759" s="64"/>
      <c r="F1759" s="55"/>
      <c r="G1759" s="102"/>
      <c r="H1759" s="55"/>
      <c r="I1759" s="55"/>
      <c r="J1759" s="55"/>
      <c r="K1759" s="55"/>
      <c r="L1759" s="55"/>
      <c r="M1759" s="55"/>
      <c r="N1759" s="55"/>
      <c r="O1759" s="55"/>
      <c r="P1759" s="55"/>
      <c r="Q1759" s="55"/>
      <c r="R1759" s="55"/>
      <c r="S1759" s="55"/>
      <c r="T1759" s="55"/>
      <c r="U1759" s="55"/>
      <c r="V1759" s="55"/>
      <c r="W1759" s="55"/>
      <c r="X1759" s="55"/>
      <c r="Y1759" s="55"/>
      <c r="Z1759" s="55"/>
      <c r="AA1759" s="55"/>
      <c r="AB1759" s="55"/>
      <c r="AC1759" s="55"/>
      <c r="AD1759" s="55"/>
      <c r="AE1759" s="55"/>
      <c r="AF1759" s="55"/>
      <c r="AG1759" s="55"/>
      <c r="AY1759" s="162"/>
      <c r="AZ1759" s="162"/>
      <c r="BA1759" s="162"/>
      <c r="BB1759" s="162"/>
      <c r="BC1759" s="162"/>
      <c r="BD1759" s="162"/>
      <c r="BE1759" s="162"/>
      <c r="BF1759" s="162"/>
      <c r="BG1759" s="162"/>
      <c r="BH1759" s="162"/>
      <c r="BI1759" s="162"/>
      <c r="BJ1759" s="162"/>
      <c r="BK1759" s="162"/>
      <c r="BL1759" s="162"/>
      <c r="BM1759" s="162"/>
      <c r="BN1759" s="162"/>
      <c r="BO1759" s="162"/>
      <c r="BP1759" s="162"/>
      <c r="BQ1759" s="162"/>
      <c r="BR1759" s="162"/>
      <c r="BS1759" s="162"/>
      <c r="BT1759" s="162"/>
      <c r="BU1759" s="162"/>
      <c r="BV1759" s="162"/>
      <c r="BW1759" s="162"/>
      <c r="BX1759" s="162"/>
      <c r="BY1759" s="162"/>
      <c r="BZ1759" s="162"/>
      <c r="CA1759" s="162"/>
      <c r="CB1759" s="162"/>
      <c r="CC1759" s="162"/>
      <c r="CD1759" s="162"/>
      <c r="CE1759" s="162"/>
      <c r="CF1759" s="162"/>
      <c r="CG1759" s="162"/>
      <c r="CH1759" s="162"/>
      <c r="CI1759" s="162"/>
      <c r="CJ1759" s="162"/>
      <c r="CK1759" s="162"/>
      <c r="CL1759" s="163"/>
      <c r="CM1759" s="163"/>
      <c r="CN1759" s="163"/>
      <c r="CO1759" s="163"/>
      <c r="CP1759" s="163"/>
      <c r="CQ1759" s="163"/>
      <c r="CR1759" s="163"/>
      <c r="CS1759" s="163"/>
      <c r="CT1759" s="163"/>
      <c r="CU1759" s="163"/>
      <c r="CV1759" s="163"/>
      <c r="CW1759" s="163"/>
      <c r="CX1759" s="173"/>
      <c r="CY1759" s="163"/>
      <c r="CZ1759" s="163"/>
      <c r="DA1759" s="163"/>
      <c r="DB1759" s="163"/>
      <c r="DC1759" s="163"/>
      <c r="DD1759" s="163"/>
      <c r="DE1759" s="163"/>
      <c r="DF1759" s="163"/>
      <c r="DG1759" s="163"/>
      <c r="DH1759" s="163"/>
      <c r="DI1759" s="163"/>
      <c r="DJ1759" s="163"/>
      <c r="DK1759" s="163"/>
      <c r="DL1759" s="172"/>
      <c r="DM1759" s="163"/>
      <c r="DN1759" s="163"/>
      <c r="DO1759" s="163"/>
      <c r="DP1759" s="163"/>
      <c r="DQ1759" s="163"/>
      <c r="DR1759" s="163"/>
      <c r="DS1759" s="163"/>
      <c r="DT1759" s="163"/>
      <c r="DU1759" s="163"/>
      <c r="DV1759" s="163"/>
      <c r="DW1759" s="163"/>
      <c r="DX1759" s="173"/>
      <c r="DY1759" s="163"/>
      <c r="DZ1759" s="163"/>
      <c r="EA1759" s="163"/>
      <c r="EB1759" s="163"/>
      <c r="EC1759" s="163"/>
      <c r="ED1759" s="163"/>
      <c r="EE1759" s="163"/>
      <c r="EF1759" s="163"/>
      <c r="EG1759" s="163"/>
      <c r="EH1759" s="163"/>
      <c r="EI1759" s="163"/>
      <c r="EJ1759" s="163"/>
      <c r="EK1759" s="163"/>
      <c r="EL1759" s="172"/>
      <c r="EM1759" s="163"/>
      <c r="EN1759" s="163"/>
      <c r="EO1759" s="163"/>
      <c r="EP1759" s="163"/>
      <c r="EQ1759" s="163"/>
      <c r="ER1759" s="163"/>
      <c r="ES1759" s="163"/>
      <c r="ET1759" s="163"/>
      <c r="EU1759" s="163"/>
      <c r="EV1759" s="163"/>
      <c r="EW1759" s="163"/>
      <c r="EX1759" s="173"/>
      <c r="EY1759" s="172"/>
      <c r="EZ1759" s="163"/>
      <c r="FA1759" s="163"/>
      <c r="FB1759" s="163"/>
      <c r="FC1759" s="163"/>
      <c r="FD1759" s="163"/>
      <c r="FE1759" s="163"/>
      <c r="FF1759" s="163"/>
      <c r="FG1759" s="163"/>
      <c r="FH1759" s="163"/>
      <c r="FI1759" s="163"/>
      <c r="FJ1759" s="163"/>
      <c r="FK1759" s="163"/>
      <c r="FL1759" s="126"/>
      <c r="FM1759" s="91"/>
      <c r="FN1759" s="91"/>
      <c r="FO1759" s="91"/>
      <c r="FP1759" s="91"/>
      <c r="FQ1759" s="91"/>
      <c r="FR1759" s="91"/>
      <c r="FS1759" s="91"/>
      <c r="FT1759" s="91"/>
      <c r="FU1759" s="91"/>
      <c r="FV1759" s="91"/>
      <c r="FW1759" s="91"/>
      <c r="FX1759" s="91"/>
      <c r="FY1759" s="91"/>
      <c r="FZ1759" s="91"/>
      <c r="GA1759" s="91"/>
      <c r="GB1759" s="91"/>
      <c r="GC1759" s="91"/>
      <c r="GD1759" s="91"/>
      <c r="GE1759" s="91"/>
      <c r="GF1759" s="91"/>
      <c r="GG1759" s="91"/>
      <c r="GH1759" s="91"/>
      <c r="GI1759" s="91"/>
      <c r="GJ1759" s="91"/>
      <c r="GK1759" s="127"/>
      <c r="GL1759" s="126"/>
      <c r="GM1759" s="91"/>
      <c r="GN1759" s="91"/>
      <c r="GO1759" s="91"/>
      <c r="GP1759" s="91"/>
      <c r="GQ1759" s="91"/>
      <c r="GR1759" s="91"/>
      <c r="GS1759" s="91"/>
      <c r="GT1759" s="91"/>
      <c r="GU1759" s="91"/>
      <c r="GV1759" s="91"/>
      <c r="GW1759" s="91"/>
      <c r="GX1759" s="91"/>
      <c r="GY1759" s="91"/>
      <c r="GZ1759" s="91"/>
      <c r="HA1759" s="91"/>
      <c r="HB1759" s="91"/>
      <c r="HC1759" s="91"/>
      <c r="HD1759" s="91"/>
      <c r="HE1759" s="91"/>
      <c r="HF1759" s="91"/>
      <c r="HG1759" s="91"/>
      <c r="HH1759" s="91"/>
      <c r="HI1759" s="91"/>
      <c r="HJ1759" s="91"/>
      <c r="HK1759" s="127"/>
      <c r="HL1759" s="126"/>
      <c r="HM1759" s="91"/>
      <c r="HN1759" s="91"/>
      <c r="HO1759" s="91"/>
      <c r="HP1759" s="91"/>
      <c r="HQ1759" s="91"/>
      <c r="HR1759" s="91"/>
      <c r="HS1759" s="91"/>
      <c r="HT1759" s="91"/>
      <c r="HU1759" s="91"/>
      <c r="HV1759" s="91"/>
      <c r="HW1759" s="91"/>
      <c r="HX1759" s="91"/>
      <c r="HY1759" s="91"/>
      <c r="HZ1759" s="91"/>
      <c r="IA1759" s="91"/>
      <c r="IB1759" s="91"/>
      <c r="IC1759" s="91"/>
      <c r="ID1759" s="91"/>
      <c r="IE1759" s="91"/>
      <c r="IF1759" s="91"/>
      <c r="IG1759" s="91"/>
      <c r="IH1759" s="91"/>
      <c r="II1759" s="91"/>
      <c r="IJ1759" s="91"/>
      <c r="IK1759" s="127"/>
    </row>
    <row r="1760" spans="2:245" x14ac:dyDescent="0.2">
      <c r="B1760" s="43"/>
      <c r="C1760" s="73"/>
      <c r="D1760" s="64"/>
      <c r="E1760" s="64"/>
      <c r="F1760" s="55"/>
      <c r="G1760" s="102"/>
      <c r="H1760" s="55"/>
      <c r="I1760" s="55"/>
      <c r="J1760" s="55"/>
      <c r="K1760" s="55"/>
      <c r="L1760" s="55"/>
      <c r="M1760" s="55"/>
      <c r="N1760" s="55"/>
      <c r="O1760" s="55"/>
      <c r="P1760" s="55"/>
      <c r="Q1760" s="55"/>
      <c r="R1760" s="55"/>
      <c r="S1760" s="55"/>
      <c r="T1760" s="55"/>
      <c r="U1760" s="55"/>
      <c r="V1760" s="55"/>
      <c r="W1760" s="55"/>
      <c r="X1760" s="55"/>
      <c r="Y1760" s="55"/>
      <c r="Z1760" s="55"/>
      <c r="AA1760" s="55"/>
      <c r="AB1760" s="55"/>
      <c r="AC1760" s="55"/>
      <c r="AD1760" s="55"/>
      <c r="AE1760" s="55"/>
      <c r="AF1760" s="55"/>
      <c r="AG1760" s="55"/>
      <c r="AY1760" s="162"/>
      <c r="AZ1760" s="162"/>
      <c r="BA1760" s="162"/>
      <c r="BB1760" s="162"/>
      <c r="BC1760" s="162"/>
      <c r="BD1760" s="162"/>
      <c r="BE1760" s="162"/>
      <c r="BF1760" s="162"/>
      <c r="BG1760" s="162"/>
      <c r="BH1760" s="162"/>
      <c r="BI1760" s="162"/>
      <c r="BJ1760" s="162"/>
      <c r="BK1760" s="162"/>
      <c r="BL1760" s="162"/>
      <c r="BM1760" s="162"/>
      <c r="BN1760" s="162"/>
      <c r="BO1760" s="162"/>
      <c r="BP1760" s="162"/>
      <c r="BQ1760" s="162"/>
      <c r="BR1760" s="162"/>
      <c r="BS1760" s="162"/>
      <c r="BT1760" s="162"/>
      <c r="BU1760" s="162"/>
      <c r="BV1760" s="162"/>
      <c r="BW1760" s="162"/>
      <c r="BX1760" s="162"/>
      <c r="BY1760" s="162"/>
      <c r="BZ1760" s="162"/>
      <c r="CA1760" s="162"/>
      <c r="CB1760" s="162"/>
      <c r="CC1760" s="162"/>
      <c r="CD1760" s="162"/>
      <c r="CE1760" s="162"/>
      <c r="CF1760" s="162"/>
      <c r="CG1760" s="162"/>
      <c r="CH1760" s="162"/>
      <c r="CI1760" s="162"/>
      <c r="CJ1760" s="162"/>
      <c r="CK1760" s="162"/>
      <c r="CX1760" s="98"/>
      <c r="DL1760" s="97"/>
      <c r="DX1760" s="98"/>
      <c r="EL1760" s="97"/>
      <c r="EX1760" s="98"/>
      <c r="EY1760" s="97"/>
      <c r="FL1760" s="126"/>
      <c r="FM1760" s="91"/>
      <c r="FN1760" s="91"/>
      <c r="FO1760" s="91"/>
      <c r="FP1760" s="91"/>
      <c r="FQ1760" s="91"/>
      <c r="FR1760" s="91"/>
      <c r="FS1760" s="91"/>
      <c r="FT1760" s="91"/>
      <c r="FU1760" s="91"/>
      <c r="FV1760" s="91"/>
      <c r="FW1760" s="91"/>
      <c r="FX1760" s="91"/>
      <c r="FY1760" s="91"/>
      <c r="FZ1760" s="91"/>
      <c r="GA1760" s="91"/>
      <c r="GB1760" s="91"/>
      <c r="GC1760" s="91"/>
      <c r="GD1760" s="91"/>
      <c r="GE1760" s="91"/>
      <c r="GF1760" s="91"/>
      <c r="GG1760" s="91"/>
      <c r="GH1760" s="91"/>
      <c r="GI1760" s="91"/>
      <c r="GJ1760" s="91"/>
      <c r="GK1760" s="127"/>
      <c r="GL1760" s="126"/>
      <c r="GM1760" s="91"/>
      <c r="GN1760" s="91"/>
      <c r="GO1760" s="91"/>
      <c r="GP1760" s="91"/>
      <c r="GQ1760" s="91"/>
      <c r="GR1760" s="91"/>
      <c r="GS1760" s="91"/>
      <c r="GT1760" s="91"/>
      <c r="GU1760" s="91"/>
      <c r="GV1760" s="91"/>
      <c r="GW1760" s="91"/>
      <c r="GX1760" s="91"/>
      <c r="GY1760" s="91"/>
      <c r="GZ1760" s="91"/>
      <c r="HA1760" s="91"/>
      <c r="HB1760" s="91"/>
      <c r="HC1760" s="91"/>
      <c r="HD1760" s="91"/>
      <c r="HE1760" s="91"/>
      <c r="HF1760" s="91"/>
      <c r="HG1760" s="91"/>
      <c r="HH1760" s="91"/>
      <c r="HI1760" s="91"/>
      <c r="HJ1760" s="91"/>
      <c r="HK1760" s="127"/>
      <c r="HL1760" s="126"/>
      <c r="HM1760" s="91"/>
      <c r="HN1760" s="91"/>
      <c r="HO1760" s="91"/>
      <c r="HP1760" s="91"/>
      <c r="HQ1760" s="91"/>
      <c r="HR1760" s="91"/>
      <c r="HS1760" s="91"/>
      <c r="HT1760" s="91"/>
      <c r="HU1760" s="91"/>
      <c r="HV1760" s="91"/>
      <c r="HW1760" s="91"/>
      <c r="HX1760" s="91"/>
      <c r="HY1760" s="91"/>
      <c r="HZ1760" s="91"/>
      <c r="IA1760" s="91"/>
      <c r="IB1760" s="91"/>
      <c r="IC1760" s="91"/>
      <c r="ID1760" s="91"/>
      <c r="IE1760" s="91"/>
      <c r="IF1760" s="91"/>
      <c r="IG1760" s="91"/>
      <c r="IH1760" s="91"/>
      <c r="II1760" s="91"/>
      <c r="IJ1760" s="91"/>
      <c r="IK1760" s="127"/>
    </row>
    <row r="1761" spans="2:245" x14ac:dyDescent="0.2">
      <c r="B1761" s="43"/>
      <c r="C1761" s="73"/>
      <c r="D1761" s="64"/>
      <c r="E1761" s="64"/>
      <c r="F1761" s="55"/>
      <c r="G1761" s="102"/>
      <c r="H1761" s="55"/>
      <c r="I1761" s="55"/>
      <c r="J1761" s="55"/>
      <c r="K1761" s="55"/>
      <c r="L1761" s="55"/>
      <c r="M1761" s="55"/>
      <c r="N1761" s="55"/>
      <c r="O1761" s="55"/>
      <c r="P1761" s="55"/>
      <c r="Q1761" s="55"/>
      <c r="R1761" s="55"/>
      <c r="S1761" s="55"/>
      <c r="T1761" s="55"/>
      <c r="U1761" s="55"/>
      <c r="V1761" s="55"/>
      <c r="W1761" s="55"/>
      <c r="X1761" s="55"/>
      <c r="Y1761" s="55"/>
      <c r="Z1761" s="55"/>
      <c r="AA1761" s="55"/>
      <c r="AB1761" s="55"/>
      <c r="AC1761" s="55"/>
      <c r="AD1761" s="55"/>
      <c r="AE1761" s="55"/>
      <c r="AF1761" s="55"/>
      <c r="AG1761" s="55"/>
      <c r="AY1761" s="162"/>
      <c r="AZ1761" s="162"/>
      <c r="BA1761" s="162"/>
      <c r="BB1761" s="162"/>
      <c r="BC1761" s="162"/>
      <c r="BD1761" s="162"/>
      <c r="BE1761" s="162"/>
      <c r="BF1761" s="162"/>
      <c r="BG1761" s="162"/>
      <c r="BH1761" s="162"/>
      <c r="BI1761" s="162"/>
      <c r="BJ1761" s="162"/>
      <c r="BK1761" s="162"/>
      <c r="BL1761" s="162"/>
      <c r="BM1761" s="162"/>
      <c r="BN1761" s="162"/>
      <c r="BO1761" s="162"/>
      <c r="BP1761" s="162"/>
      <c r="BQ1761" s="162"/>
      <c r="BR1761" s="162"/>
      <c r="BS1761" s="162"/>
      <c r="BT1761" s="162"/>
      <c r="BU1761" s="162"/>
      <c r="BV1761" s="162"/>
      <c r="BW1761" s="162"/>
      <c r="BX1761" s="162"/>
      <c r="BY1761" s="162"/>
      <c r="BZ1761" s="162"/>
      <c r="CA1761" s="162"/>
      <c r="CB1761" s="162"/>
      <c r="CC1761" s="162"/>
      <c r="CD1761" s="162"/>
      <c r="CE1761" s="162"/>
      <c r="CF1761" s="162"/>
      <c r="CG1761" s="162"/>
      <c r="CH1761" s="162"/>
      <c r="CI1761" s="162"/>
      <c r="CJ1761" s="162"/>
      <c r="CK1761" s="162"/>
      <c r="CX1761" s="98"/>
      <c r="DL1761" s="97"/>
      <c r="DX1761" s="98"/>
      <c r="EL1761" s="97"/>
      <c r="EX1761" s="98"/>
      <c r="EY1761" s="97"/>
      <c r="FL1761" s="126"/>
      <c r="FM1761" s="91"/>
      <c r="FN1761" s="91"/>
      <c r="FO1761" s="91"/>
      <c r="FP1761" s="91"/>
      <c r="FQ1761" s="91"/>
      <c r="FR1761" s="91"/>
      <c r="FS1761" s="91"/>
      <c r="FT1761" s="91"/>
      <c r="FU1761" s="91"/>
      <c r="FV1761" s="91"/>
      <c r="FW1761" s="91"/>
      <c r="FX1761" s="91"/>
      <c r="FY1761" s="91"/>
      <c r="FZ1761" s="91"/>
      <c r="GA1761" s="91"/>
      <c r="GB1761" s="91"/>
      <c r="GC1761" s="91"/>
      <c r="GD1761" s="91"/>
      <c r="GE1761" s="91"/>
      <c r="GF1761" s="91"/>
      <c r="GG1761" s="91"/>
      <c r="GH1761" s="91"/>
      <c r="GI1761" s="91"/>
      <c r="GJ1761" s="91"/>
      <c r="GK1761" s="127"/>
      <c r="GL1761" s="126"/>
      <c r="GM1761" s="91"/>
      <c r="GN1761" s="91"/>
      <c r="GO1761" s="91"/>
      <c r="GP1761" s="91"/>
      <c r="GQ1761" s="91"/>
      <c r="GR1761" s="91"/>
      <c r="GS1761" s="91"/>
      <c r="GT1761" s="91"/>
      <c r="GU1761" s="91"/>
      <c r="GV1761" s="91"/>
      <c r="GW1761" s="91"/>
      <c r="GX1761" s="91"/>
      <c r="GY1761" s="91"/>
      <c r="GZ1761" s="91"/>
      <c r="HA1761" s="91"/>
      <c r="HB1761" s="91"/>
      <c r="HC1761" s="91"/>
      <c r="HD1761" s="91"/>
      <c r="HE1761" s="91"/>
      <c r="HF1761" s="91"/>
      <c r="HG1761" s="91"/>
      <c r="HH1761" s="91"/>
      <c r="HI1761" s="91"/>
      <c r="HJ1761" s="91"/>
      <c r="HK1761" s="127"/>
      <c r="HL1761" s="126"/>
      <c r="HM1761" s="91"/>
      <c r="HN1761" s="91"/>
      <c r="HO1761" s="91"/>
      <c r="HP1761" s="91"/>
      <c r="HQ1761" s="91"/>
      <c r="HR1761" s="91"/>
      <c r="HS1761" s="91"/>
      <c r="HT1761" s="91"/>
      <c r="HU1761" s="91"/>
      <c r="HV1761" s="91"/>
      <c r="HW1761" s="91"/>
      <c r="HX1761" s="91"/>
      <c r="HY1761" s="91"/>
      <c r="HZ1761" s="91"/>
      <c r="IA1761" s="91"/>
      <c r="IB1761" s="91"/>
      <c r="IC1761" s="91"/>
      <c r="ID1761" s="91"/>
      <c r="IE1761" s="91"/>
      <c r="IF1761" s="91"/>
      <c r="IG1761" s="91"/>
      <c r="IH1761" s="91"/>
      <c r="II1761" s="91"/>
      <c r="IJ1761" s="91"/>
      <c r="IK1761" s="127"/>
    </row>
    <row r="1762" spans="2:245" x14ac:dyDescent="0.2">
      <c r="B1762" s="43"/>
      <c r="C1762" s="73"/>
      <c r="D1762" s="64"/>
      <c r="E1762" s="64"/>
      <c r="F1762" s="55"/>
      <c r="G1762" s="102"/>
      <c r="H1762" s="55"/>
      <c r="I1762" s="55"/>
      <c r="J1762" s="55"/>
      <c r="K1762" s="55"/>
      <c r="L1762" s="55"/>
      <c r="M1762" s="55"/>
      <c r="N1762" s="55"/>
      <c r="O1762" s="55"/>
      <c r="P1762" s="55"/>
      <c r="Q1762" s="55"/>
      <c r="R1762" s="55"/>
      <c r="S1762" s="55"/>
      <c r="T1762" s="55"/>
      <c r="U1762" s="55"/>
      <c r="V1762" s="55"/>
      <c r="W1762" s="55"/>
      <c r="X1762" s="55"/>
      <c r="Y1762" s="55"/>
      <c r="Z1762" s="55"/>
      <c r="AA1762" s="55"/>
      <c r="AB1762" s="55"/>
      <c r="AC1762" s="55"/>
      <c r="AD1762" s="55"/>
      <c r="AE1762" s="55"/>
      <c r="AF1762" s="55"/>
      <c r="AG1762" s="55"/>
      <c r="AY1762" s="162"/>
      <c r="AZ1762" s="162"/>
      <c r="BA1762" s="162"/>
      <c r="BB1762" s="162"/>
      <c r="BC1762" s="162"/>
      <c r="BD1762" s="162"/>
      <c r="BE1762" s="162"/>
      <c r="BF1762" s="162"/>
      <c r="BG1762" s="162"/>
      <c r="BH1762" s="162"/>
      <c r="BI1762" s="162"/>
      <c r="BJ1762" s="162"/>
      <c r="BK1762" s="162"/>
      <c r="BL1762" s="162"/>
      <c r="BM1762" s="162"/>
      <c r="BN1762" s="162"/>
      <c r="BO1762" s="162"/>
      <c r="BP1762" s="162"/>
      <c r="BQ1762" s="162"/>
      <c r="BR1762" s="162"/>
      <c r="BS1762" s="162"/>
      <c r="BT1762" s="162"/>
      <c r="BU1762" s="162"/>
      <c r="BV1762" s="162"/>
      <c r="BW1762" s="162"/>
      <c r="BX1762" s="162"/>
      <c r="BY1762" s="162"/>
      <c r="BZ1762" s="162"/>
      <c r="CA1762" s="162"/>
      <c r="CB1762" s="162"/>
      <c r="CC1762" s="162"/>
      <c r="CD1762" s="162"/>
      <c r="CE1762" s="162"/>
      <c r="CF1762" s="162"/>
      <c r="CG1762" s="162"/>
      <c r="CH1762" s="162"/>
      <c r="CI1762" s="162"/>
      <c r="CJ1762" s="162"/>
      <c r="CK1762" s="162"/>
      <c r="CX1762" s="98"/>
      <c r="DL1762" s="97"/>
      <c r="DX1762" s="98"/>
      <c r="EL1762" s="97"/>
      <c r="EX1762" s="98"/>
      <c r="EY1762" s="97"/>
      <c r="FL1762" s="126"/>
      <c r="FM1762" s="91"/>
      <c r="FN1762" s="91"/>
      <c r="FO1762" s="91"/>
      <c r="FP1762" s="91"/>
      <c r="FQ1762" s="91"/>
      <c r="FR1762" s="91"/>
      <c r="FS1762" s="91"/>
      <c r="FT1762" s="91"/>
      <c r="FU1762" s="91"/>
      <c r="FV1762" s="91"/>
      <c r="FW1762" s="91"/>
      <c r="FX1762" s="91"/>
      <c r="FY1762" s="91"/>
      <c r="FZ1762" s="91"/>
      <c r="GA1762" s="91"/>
      <c r="GB1762" s="91"/>
      <c r="GC1762" s="91"/>
      <c r="GD1762" s="91"/>
      <c r="GE1762" s="91"/>
      <c r="GF1762" s="91"/>
      <c r="GG1762" s="91"/>
      <c r="GH1762" s="91"/>
      <c r="GI1762" s="91"/>
      <c r="GJ1762" s="91"/>
      <c r="GK1762" s="127"/>
      <c r="GL1762" s="126"/>
      <c r="GM1762" s="91"/>
      <c r="GN1762" s="91"/>
      <c r="GO1762" s="91"/>
      <c r="GP1762" s="91"/>
      <c r="GQ1762" s="91"/>
      <c r="GR1762" s="91"/>
      <c r="GS1762" s="91"/>
      <c r="GT1762" s="91"/>
      <c r="GU1762" s="91"/>
      <c r="GV1762" s="91"/>
      <c r="GW1762" s="91"/>
      <c r="GX1762" s="91"/>
      <c r="GY1762" s="91"/>
      <c r="GZ1762" s="91"/>
      <c r="HA1762" s="91"/>
      <c r="HB1762" s="91"/>
      <c r="HC1762" s="91"/>
      <c r="HD1762" s="91"/>
      <c r="HE1762" s="91"/>
      <c r="HF1762" s="91"/>
      <c r="HG1762" s="91"/>
      <c r="HH1762" s="91"/>
      <c r="HI1762" s="91"/>
      <c r="HJ1762" s="91"/>
      <c r="HK1762" s="127"/>
      <c r="HL1762" s="126"/>
      <c r="HM1762" s="91"/>
      <c r="HN1762" s="91"/>
      <c r="HO1762" s="91"/>
      <c r="HP1762" s="91"/>
      <c r="HQ1762" s="91"/>
      <c r="HR1762" s="91"/>
      <c r="HS1762" s="91"/>
      <c r="HT1762" s="91"/>
      <c r="HU1762" s="91"/>
      <c r="HV1762" s="91"/>
      <c r="HW1762" s="91"/>
      <c r="HX1762" s="91"/>
      <c r="HY1762" s="91"/>
      <c r="HZ1762" s="91"/>
      <c r="IA1762" s="91"/>
      <c r="IB1762" s="91"/>
      <c r="IC1762" s="91"/>
      <c r="ID1762" s="91"/>
      <c r="IE1762" s="91"/>
      <c r="IF1762" s="91"/>
      <c r="IG1762" s="91"/>
      <c r="IH1762" s="91"/>
      <c r="II1762" s="91"/>
      <c r="IJ1762" s="91"/>
      <c r="IK1762" s="127"/>
    </row>
    <row r="1763" spans="2:245" x14ac:dyDescent="0.2">
      <c r="B1763" s="43"/>
      <c r="C1763" s="73"/>
      <c r="D1763" s="64"/>
      <c r="E1763" s="64"/>
      <c r="F1763" s="55"/>
      <c r="G1763" s="102"/>
      <c r="H1763" s="55"/>
      <c r="I1763" s="55"/>
      <c r="J1763" s="55"/>
      <c r="K1763" s="55"/>
      <c r="L1763" s="55"/>
      <c r="M1763" s="55"/>
      <c r="N1763" s="55"/>
      <c r="O1763" s="55"/>
      <c r="P1763" s="55"/>
      <c r="Q1763" s="55"/>
      <c r="R1763" s="55"/>
      <c r="S1763" s="55"/>
      <c r="T1763" s="55"/>
      <c r="U1763" s="55"/>
      <c r="V1763" s="55"/>
      <c r="W1763" s="55"/>
      <c r="X1763" s="55"/>
      <c r="Y1763" s="55"/>
      <c r="Z1763" s="55"/>
      <c r="AA1763" s="55"/>
      <c r="AB1763" s="55"/>
      <c r="AC1763" s="55"/>
      <c r="AD1763" s="55"/>
      <c r="AE1763" s="55"/>
      <c r="AF1763" s="55"/>
      <c r="AG1763" s="55"/>
      <c r="AY1763" s="162"/>
      <c r="AZ1763" s="162"/>
      <c r="BA1763" s="162"/>
      <c r="BB1763" s="162"/>
      <c r="BC1763" s="162"/>
      <c r="BD1763" s="162"/>
      <c r="BE1763" s="162"/>
      <c r="BF1763" s="162"/>
      <c r="BG1763" s="162"/>
      <c r="BH1763" s="162"/>
      <c r="BI1763" s="162"/>
      <c r="BJ1763" s="162"/>
      <c r="BK1763" s="162"/>
      <c r="BL1763" s="162"/>
      <c r="BM1763" s="162"/>
      <c r="BN1763" s="162"/>
      <c r="BO1763" s="162"/>
      <c r="BP1763" s="162"/>
      <c r="BQ1763" s="162"/>
      <c r="BR1763" s="162"/>
      <c r="BS1763" s="162"/>
      <c r="BT1763" s="162"/>
      <c r="BU1763" s="162"/>
      <c r="BV1763" s="162"/>
      <c r="BW1763" s="162"/>
      <c r="BX1763" s="162"/>
      <c r="BY1763" s="162"/>
      <c r="BZ1763" s="162"/>
      <c r="CA1763" s="162"/>
      <c r="CB1763" s="162"/>
      <c r="CC1763" s="162"/>
      <c r="CD1763" s="162"/>
      <c r="CE1763" s="162"/>
      <c r="CF1763" s="162"/>
      <c r="CG1763" s="162"/>
      <c r="CH1763" s="162"/>
      <c r="CI1763" s="162"/>
      <c r="CJ1763" s="162"/>
      <c r="CK1763" s="162"/>
      <c r="CX1763" s="98"/>
      <c r="DL1763" s="97"/>
      <c r="DX1763" s="98"/>
      <c r="EL1763" s="97"/>
      <c r="EX1763" s="98"/>
      <c r="EY1763" s="97"/>
      <c r="FL1763" s="126"/>
      <c r="FM1763" s="91"/>
      <c r="FN1763" s="91"/>
      <c r="FO1763" s="91"/>
      <c r="FP1763" s="91"/>
      <c r="FQ1763" s="91"/>
      <c r="FR1763" s="91"/>
      <c r="FS1763" s="91"/>
      <c r="FT1763" s="91"/>
      <c r="FU1763" s="91"/>
      <c r="FV1763" s="91"/>
      <c r="FW1763" s="91"/>
      <c r="FX1763" s="91"/>
      <c r="FY1763" s="91"/>
      <c r="FZ1763" s="91"/>
      <c r="GA1763" s="91"/>
      <c r="GB1763" s="91"/>
      <c r="GC1763" s="91"/>
      <c r="GD1763" s="91"/>
      <c r="GE1763" s="91"/>
      <c r="GF1763" s="91"/>
      <c r="GG1763" s="91"/>
      <c r="GH1763" s="91"/>
      <c r="GI1763" s="91"/>
      <c r="GJ1763" s="91"/>
      <c r="GK1763" s="127"/>
      <c r="GL1763" s="126"/>
      <c r="GM1763" s="91"/>
      <c r="GN1763" s="91"/>
      <c r="GO1763" s="91"/>
      <c r="GP1763" s="91"/>
      <c r="GQ1763" s="91"/>
      <c r="GR1763" s="91"/>
      <c r="GS1763" s="91"/>
      <c r="GT1763" s="91"/>
      <c r="GU1763" s="91"/>
      <c r="GV1763" s="91"/>
      <c r="GW1763" s="91"/>
      <c r="GX1763" s="91"/>
      <c r="GY1763" s="91"/>
      <c r="GZ1763" s="91"/>
      <c r="HA1763" s="91"/>
      <c r="HB1763" s="91"/>
      <c r="HC1763" s="91"/>
      <c r="HD1763" s="91"/>
      <c r="HE1763" s="91"/>
      <c r="HF1763" s="91"/>
      <c r="HG1763" s="91"/>
      <c r="HH1763" s="91"/>
      <c r="HI1763" s="91"/>
      <c r="HJ1763" s="91"/>
      <c r="HK1763" s="127"/>
      <c r="HL1763" s="126"/>
      <c r="HM1763" s="91"/>
      <c r="HN1763" s="91"/>
      <c r="HO1763" s="91"/>
      <c r="HP1763" s="91"/>
      <c r="HQ1763" s="91"/>
      <c r="HR1763" s="91"/>
      <c r="HS1763" s="91"/>
      <c r="HT1763" s="91"/>
      <c r="HU1763" s="91"/>
      <c r="HV1763" s="91"/>
      <c r="HW1763" s="91"/>
      <c r="HX1763" s="91"/>
      <c r="HY1763" s="91"/>
      <c r="HZ1763" s="91"/>
      <c r="IA1763" s="91"/>
      <c r="IB1763" s="91"/>
      <c r="IC1763" s="91"/>
      <c r="ID1763" s="91"/>
      <c r="IE1763" s="91"/>
      <c r="IF1763" s="91"/>
      <c r="IG1763" s="91"/>
      <c r="IH1763" s="91"/>
      <c r="II1763" s="91"/>
      <c r="IJ1763" s="91"/>
      <c r="IK1763" s="127"/>
    </row>
    <row r="1764" spans="2:245" x14ac:dyDescent="0.2">
      <c r="B1764" s="43"/>
      <c r="C1764" s="73"/>
      <c r="D1764" s="64"/>
      <c r="E1764" s="64"/>
      <c r="F1764" s="55"/>
      <c r="G1764" s="102"/>
      <c r="H1764" s="55"/>
      <c r="I1764" s="55"/>
      <c r="J1764" s="55"/>
      <c r="K1764" s="55"/>
      <c r="L1764" s="55"/>
      <c r="M1764" s="55"/>
      <c r="N1764" s="55"/>
      <c r="O1764" s="55"/>
      <c r="P1764" s="55"/>
      <c r="Q1764" s="55"/>
      <c r="R1764" s="55"/>
      <c r="S1764" s="55"/>
      <c r="T1764" s="55"/>
      <c r="U1764" s="55"/>
      <c r="V1764" s="55"/>
      <c r="W1764" s="55"/>
      <c r="X1764" s="55"/>
      <c r="Y1764" s="55"/>
      <c r="Z1764" s="55"/>
      <c r="AA1764" s="55"/>
      <c r="AB1764" s="55"/>
      <c r="AC1764" s="55"/>
      <c r="AD1764" s="55"/>
      <c r="AE1764" s="55"/>
      <c r="AF1764" s="55"/>
      <c r="AG1764" s="55"/>
      <c r="AY1764" s="162"/>
      <c r="AZ1764" s="162"/>
      <c r="BA1764" s="162"/>
      <c r="BB1764" s="162"/>
      <c r="BC1764" s="162"/>
      <c r="BD1764" s="162"/>
      <c r="BE1764" s="162"/>
      <c r="BF1764" s="162"/>
      <c r="BG1764" s="162"/>
      <c r="BH1764" s="162"/>
      <c r="BI1764" s="162"/>
      <c r="BJ1764" s="162"/>
      <c r="BK1764" s="162"/>
      <c r="BL1764" s="162"/>
      <c r="BM1764" s="162"/>
      <c r="BN1764" s="162"/>
      <c r="BO1764" s="162"/>
      <c r="BP1764" s="162"/>
      <c r="BQ1764" s="162"/>
      <c r="BR1764" s="162"/>
      <c r="BS1764" s="162"/>
      <c r="BT1764" s="162"/>
      <c r="BU1764" s="162"/>
      <c r="BV1764" s="162"/>
      <c r="BW1764" s="162"/>
      <c r="BX1764" s="162"/>
      <c r="BY1764" s="162"/>
      <c r="BZ1764" s="162"/>
      <c r="CA1764" s="162"/>
      <c r="CB1764" s="162"/>
      <c r="CC1764" s="162"/>
      <c r="CD1764" s="162"/>
      <c r="CE1764" s="162"/>
      <c r="CF1764" s="162"/>
      <c r="CG1764" s="162"/>
      <c r="CH1764" s="162"/>
      <c r="CI1764" s="162"/>
      <c r="CJ1764" s="162"/>
      <c r="CK1764" s="162"/>
      <c r="CX1764" s="98"/>
      <c r="DL1764" s="97"/>
      <c r="DX1764" s="98"/>
      <c r="EL1764" s="97"/>
      <c r="EX1764" s="98"/>
      <c r="EY1764" s="97"/>
      <c r="FL1764" s="126"/>
      <c r="FM1764" s="91"/>
      <c r="FN1764" s="91"/>
      <c r="FO1764" s="91"/>
      <c r="FP1764" s="91"/>
      <c r="FQ1764" s="91"/>
      <c r="FR1764" s="91"/>
      <c r="FS1764" s="91"/>
      <c r="FT1764" s="91"/>
      <c r="FU1764" s="91"/>
      <c r="FV1764" s="91"/>
      <c r="FW1764" s="91"/>
      <c r="FX1764" s="91"/>
      <c r="FY1764" s="91"/>
      <c r="FZ1764" s="91"/>
      <c r="GA1764" s="91"/>
      <c r="GB1764" s="91"/>
      <c r="GC1764" s="91"/>
      <c r="GD1764" s="91"/>
      <c r="GE1764" s="91"/>
      <c r="GF1764" s="91"/>
      <c r="GG1764" s="91"/>
      <c r="GH1764" s="91"/>
      <c r="GI1764" s="91"/>
      <c r="GJ1764" s="91"/>
      <c r="GK1764" s="127"/>
      <c r="GL1764" s="126"/>
      <c r="GM1764" s="91"/>
      <c r="GN1764" s="91"/>
      <c r="GO1764" s="91"/>
      <c r="GP1764" s="91"/>
      <c r="GQ1764" s="91"/>
      <c r="GR1764" s="91"/>
      <c r="GS1764" s="91"/>
      <c r="GT1764" s="91"/>
      <c r="GU1764" s="91"/>
      <c r="GV1764" s="91"/>
      <c r="GW1764" s="91"/>
      <c r="GX1764" s="91"/>
      <c r="GY1764" s="91"/>
      <c r="GZ1764" s="91"/>
      <c r="HA1764" s="91"/>
      <c r="HB1764" s="91"/>
      <c r="HC1764" s="91"/>
      <c r="HD1764" s="91"/>
      <c r="HE1764" s="91"/>
      <c r="HF1764" s="91"/>
      <c r="HG1764" s="91"/>
      <c r="HH1764" s="91"/>
      <c r="HI1764" s="91"/>
      <c r="HJ1764" s="91"/>
      <c r="HK1764" s="127"/>
      <c r="HL1764" s="126"/>
      <c r="HM1764" s="91"/>
      <c r="HN1764" s="91"/>
      <c r="HO1764" s="91"/>
      <c r="HP1764" s="91"/>
      <c r="HQ1764" s="91"/>
      <c r="HR1764" s="91"/>
      <c r="HS1764" s="91"/>
      <c r="HT1764" s="91"/>
      <c r="HU1764" s="91"/>
      <c r="HV1764" s="91"/>
      <c r="HW1764" s="91"/>
      <c r="HX1764" s="91"/>
      <c r="HY1764" s="91"/>
      <c r="HZ1764" s="91"/>
      <c r="IA1764" s="91"/>
      <c r="IB1764" s="91"/>
      <c r="IC1764" s="91"/>
      <c r="ID1764" s="91"/>
      <c r="IE1764" s="91"/>
      <c r="IF1764" s="91"/>
      <c r="IG1764" s="91"/>
      <c r="IH1764" s="91"/>
      <c r="II1764" s="91"/>
      <c r="IJ1764" s="91"/>
      <c r="IK1764" s="127"/>
    </row>
    <row r="1765" spans="2:245" x14ac:dyDescent="0.2">
      <c r="B1765" s="43"/>
      <c r="C1765" s="73"/>
      <c r="D1765" s="64"/>
      <c r="E1765" s="64"/>
      <c r="F1765" s="55"/>
      <c r="G1765" s="102"/>
      <c r="H1765" s="55"/>
      <c r="I1765" s="55"/>
      <c r="J1765" s="55"/>
      <c r="K1765" s="55"/>
      <c r="L1765" s="55"/>
      <c r="M1765" s="55"/>
      <c r="N1765" s="55"/>
      <c r="O1765" s="55"/>
      <c r="P1765" s="55"/>
      <c r="Q1765" s="55"/>
      <c r="R1765" s="55"/>
      <c r="S1765" s="55"/>
      <c r="T1765" s="55"/>
      <c r="U1765" s="55"/>
      <c r="V1765" s="55"/>
      <c r="W1765" s="55"/>
      <c r="X1765" s="55"/>
      <c r="Y1765" s="55"/>
      <c r="Z1765" s="55"/>
      <c r="AA1765" s="55"/>
      <c r="AB1765" s="55"/>
      <c r="AC1765" s="55"/>
      <c r="AD1765" s="55"/>
      <c r="AE1765" s="55"/>
      <c r="AF1765" s="55"/>
      <c r="AG1765" s="55"/>
      <c r="AY1765" s="162"/>
      <c r="AZ1765" s="162"/>
      <c r="BA1765" s="162"/>
      <c r="BB1765" s="162"/>
      <c r="BC1765" s="162"/>
      <c r="BD1765" s="162"/>
      <c r="BE1765" s="162"/>
      <c r="BF1765" s="162"/>
      <c r="BG1765" s="162"/>
      <c r="BH1765" s="162"/>
      <c r="BI1765" s="162"/>
      <c r="BJ1765" s="162"/>
      <c r="BK1765" s="162"/>
      <c r="BL1765" s="162"/>
      <c r="BM1765" s="162"/>
      <c r="BN1765" s="162"/>
      <c r="BO1765" s="162"/>
      <c r="BP1765" s="162"/>
      <c r="BQ1765" s="162"/>
      <c r="BR1765" s="162"/>
      <c r="BS1765" s="162"/>
      <c r="BT1765" s="162"/>
      <c r="BU1765" s="162"/>
      <c r="BV1765" s="162"/>
      <c r="BW1765" s="162"/>
      <c r="BX1765" s="162"/>
      <c r="BY1765" s="162"/>
      <c r="BZ1765" s="162"/>
      <c r="CA1765" s="162"/>
      <c r="CB1765" s="162"/>
      <c r="CC1765" s="162"/>
      <c r="CD1765" s="162"/>
      <c r="CE1765" s="162"/>
      <c r="CF1765" s="162"/>
      <c r="CG1765" s="162"/>
      <c r="CH1765" s="162"/>
      <c r="CI1765" s="162"/>
      <c r="CJ1765" s="162"/>
      <c r="CK1765" s="162"/>
      <c r="CX1765" s="98"/>
      <c r="DL1765" s="97"/>
      <c r="DX1765" s="98"/>
      <c r="EL1765" s="97"/>
      <c r="EX1765" s="98"/>
      <c r="EY1765" s="97"/>
      <c r="FL1765" s="126"/>
      <c r="FM1765" s="91"/>
      <c r="FN1765" s="91"/>
      <c r="FO1765" s="91"/>
      <c r="FP1765" s="91"/>
      <c r="FQ1765" s="91"/>
      <c r="FR1765" s="91"/>
      <c r="FS1765" s="91"/>
      <c r="FT1765" s="91"/>
      <c r="FU1765" s="91"/>
      <c r="FV1765" s="91"/>
      <c r="FW1765" s="91"/>
      <c r="FX1765" s="91"/>
      <c r="FY1765" s="91"/>
      <c r="FZ1765" s="91"/>
      <c r="GA1765" s="91"/>
      <c r="GB1765" s="91"/>
      <c r="GC1765" s="91"/>
      <c r="GD1765" s="91"/>
      <c r="GE1765" s="91"/>
      <c r="GF1765" s="91"/>
      <c r="GG1765" s="91"/>
      <c r="GH1765" s="91"/>
      <c r="GI1765" s="91"/>
      <c r="GJ1765" s="91"/>
      <c r="GK1765" s="127"/>
      <c r="GL1765" s="126"/>
      <c r="GM1765" s="91"/>
      <c r="GN1765" s="91"/>
      <c r="GO1765" s="91"/>
      <c r="GP1765" s="91"/>
      <c r="GQ1765" s="91"/>
      <c r="GR1765" s="91"/>
      <c r="GS1765" s="91"/>
      <c r="GT1765" s="91"/>
      <c r="GU1765" s="91"/>
      <c r="GV1765" s="91"/>
      <c r="GW1765" s="91"/>
      <c r="GX1765" s="91"/>
      <c r="GY1765" s="91"/>
      <c r="GZ1765" s="91"/>
      <c r="HA1765" s="91"/>
      <c r="HB1765" s="91"/>
      <c r="HC1765" s="91"/>
      <c r="HD1765" s="91"/>
      <c r="HE1765" s="91"/>
      <c r="HF1765" s="91"/>
      <c r="HG1765" s="91"/>
      <c r="HH1765" s="91"/>
      <c r="HI1765" s="91"/>
      <c r="HJ1765" s="91"/>
      <c r="HK1765" s="127"/>
      <c r="HL1765" s="126"/>
      <c r="HM1765" s="91"/>
      <c r="HN1765" s="91"/>
      <c r="HO1765" s="91"/>
      <c r="HP1765" s="91"/>
      <c r="HQ1765" s="91"/>
      <c r="HR1765" s="91"/>
      <c r="HS1765" s="91"/>
      <c r="HT1765" s="91"/>
      <c r="HU1765" s="91"/>
      <c r="HV1765" s="91"/>
      <c r="HW1765" s="91"/>
      <c r="HX1765" s="91"/>
      <c r="HY1765" s="91"/>
      <c r="HZ1765" s="91"/>
      <c r="IA1765" s="91"/>
      <c r="IB1765" s="91"/>
      <c r="IC1765" s="91"/>
      <c r="ID1765" s="91"/>
      <c r="IE1765" s="91"/>
      <c r="IF1765" s="91"/>
      <c r="IG1765" s="91"/>
      <c r="IH1765" s="91"/>
      <c r="II1765" s="91"/>
      <c r="IJ1765" s="91"/>
      <c r="IK1765" s="127"/>
    </row>
    <row r="1766" spans="2:245" x14ac:dyDescent="0.2">
      <c r="B1766" s="43"/>
      <c r="C1766" s="73"/>
      <c r="D1766" s="64"/>
      <c r="E1766" s="64"/>
      <c r="F1766" s="55"/>
      <c r="G1766" s="102"/>
      <c r="H1766" s="55"/>
      <c r="I1766" s="55"/>
      <c r="J1766" s="55"/>
      <c r="K1766" s="55"/>
      <c r="L1766" s="55"/>
      <c r="M1766" s="55"/>
      <c r="N1766" s="55"/>
      <c r="O1766" s="55"/>
      <c r="P1766" s="55"/>
      <c r="Q1766" s="55"/>
      <c r="R1766" s="55"/>
      <c r="S1766" s="55"/>
      <c r="T1766" s="55"/>
      <c r="U1766" s="55"/>
      <c r="V1766" s="55"/>
      <c r="W1766" s="55"/>
      <c r="X1766" s="55"/>
      <c r="Y1766" s="55"/>
      <c r="Z1766" s="55"/>
      <c r="AA1766" s="55"/>
      <c r="AB1766" s="55"/>
      <c r="AC1766" s="55"/>
      <c r="AD1766" s="55"/>
      <c r="AE1766" s="55"/>
      <c r="AF1766" s="55"/>
      <c r="AG1766" s="55"/>
      <c r="AY1766" s="162"/>
      <c r="AZ1766" s="162"/>
      <c r="BA1766" s="162"/>
      <c r="BB1766" s="162"/>
      <c r="BC1766" s="162"/>
      <c r="BD1766" s="162"/>
      <c r="BE1766" s="162"/>
      <c r="BF1766" s="162"/>
      <c r="BG1766" s="162"/>
      <c r="BH1766" s="162"/>
      <c r="BI1766" s="162"/>
      <c r="BJ1766" s="162"/>
      <c r="BK1766" s="162"/>
      <c r="BL1766" s="162"/>
      <c r="BM1766" s="162"/>
      <c r="BN1766" s="162"/>
      <c r="BO1766" s="162"/>
      <c r="BP1766" s="162"/>
      <c r="BQ1766" s="162"/>
      <c r="BR1766" s="162"/>
      <c r="BS1766" s="162"/>
      <c r="BT1766" s="162"/>
      <c r="BU1766" s="162"/>
      <c r="BV1766" s="162"/>
      <c r="BW1766" s="162"/>
      <c r="BX1766" s="162"/>
      <c r="BY1766" s="162"/>
      <c r="BZ1766" s="162"/>
      <c r="CA1766" s="162"/>
      <c r="CB1766" s="162"/>
      <c r="CC1766" s="162"/>
      <c r="CD1766" s="162"/>
      <c r="CE1766" s="162"/>
      <c r="CF1766" s="162"/>
      <c r="CG1766" s="162"/>
      <c r="CH1766" s="162"/>
      <c r="CI1766" s="162"/>
      <c r="CJ1766" s="162"/>
      <c r="CK1766" s="162"/>
      <c r="CX1766" s="98"/>
      <c r="DL1766" s="97"/>
      <c r="DX1766" s="98"/>
      <c r="EL1766" s="97"/>
      <c r="EX1766" s="98"/>
      <c r="EY1766" s="97"/>
      <c r="FL1766" s="126"/>
      <c r="FM1766" s="91"/>
      <c r="FN1766" s="91"/>
      <c r="FO1766" s="91"/>
      <c r="FP1766" s="91"/>
      <c r="FQ1766" s="91"/>
      <c r="FR1766" s="91"/>
      <c r="FS1766" s="91"/>
      <c r="FT1766" s="91"/>
      <c r="FU1766" s="91"/>
      <c r="FV1766" s="91"/>
      <c r="FW1766" s="91"/>
      <c r="FX1766" s="91"/>
      <c r="FY1766" s="91"/>
      <c r="FZ1766" s="91"/>
      <c r="GA1766" s="91"/>
      <c r="GB1766" s="91"/>
      <c r="GC1766" s="91"/>
      <c r="GD1766" s="91"/>
      <c r="GE1766" s="91"/>
      <c r="GF1766" s="91"/>
      <c r="GG1766" s="91"/>
      <c r="GH1766" s="91"/>
      <c r="GI1766" s="91"/>
      <c r="GJ1766" s="91"/>
      <c r="GK1766" s="127"/>
      <c r="GL1766" s="126"/>
      <c r="GM1766" s="91"/>
      <c r="GN1766" s="91"/>
      <c r="GO1766" s="91"/>
      <c r="GP1766" s="91"/>
      <c r="GQ1766" s="91"/>
      <c r="GR1766" s="91"/>
      <c r="GS1766" s="91"/>
      <c r="GT1766" s="91"/>
      <c r="GU1766" s="91"/>
      <c r="GV1766" s="91"/>
      <c r="GW1766" s="91"/>
      <c r="GX1766" s="91"/>
      <c r="GY1766" s="91"/>
      <c r="GZ1766" s="91"/>
      <c r="HA1766" s="91"/>
      <c r="HB1766" s="91"/>
      <c r="HC1766" s="91"/>
      <c r="HD1766" s="91"/>
      <c r="HE1766" s="91"/>
      <c r="HF1766" s="91"/>
      <c r="HG1766" s="91"/>
      <c r="HH1766" s="91"/>
      <c r="HI1766" s="91"/>
      <c r="HJ1766" s="91"/>
      <c r="HK1766" s="127"/>
      <c r="HL1766" s="126"/>
      <c r="HM1766" s="91"/>
      <c r="HN1766" s="91"/>
      <c r="HO1766" s="91"/>
      <c r="HP1766" s="91"/>
      <c r="HQ1766" s="91"/>
      <c r="HR1766" s="91"/>
      <c r="HS1766" s="91"/>
      <c r="HT1766" s="91"/>
      <c r="HU1766" s="91"/>
      <c r="HV1766" s="91"/>
      <c r="HW1766" s="91"/>
      <c r="HX1766" s="91"/>
      <c r="HY1766" s="91"/>
      <c r="HZ1766" s="91"/>
      <c r="IA1766" s="91"/>
      <c r="IB1766" s="91"/>
      <c r="IC1766" s="91"/>
      <c r="ID1766" s="91"/>
      <c r="IE1766" s="91"/>
      <c r="IF1766" s="91"/>
      <c r="IG1766" s="91"/>
      <c r="IH1766" s="91"/>
      <c r="II1766" s="91"/>
      <c r="IJ1766" s="91"/>
      <c r="IK1766" s="127"/>
    </row>
    <row r="1767" spans="2:245" x14ac:dyDescent="0.2">
      <c r="B1767" s="43"/>
      <c r="C1767" s="73"/>
      <c r="D1767" s="64"/>
      <c r="E1767" s="64"/>
      <c r="F1767" s="55"/>
      <c r="G1767" s="102"/>
      <c r="H1767" s="55"/>
      <c r="I1767" s="55"/>
      <c r="J1767" s="55"/>
      <c r="K1767" s="55"/>
      <c r="L1767" s="55"/>
      <c r="M1767" s="55"/>
      <c r="N1767" s="55"/>
      <c r="O1767" s="55"/>
      <c r="P1767" s="55"/>
      <c r="Q1767" s="55"/>
      <c r="R1767" s="55"/>
      <c r="S1767" s="55"/>
      <c r="T1767" s="55"/>
      <c r="U1767" s="55"/>
      <c r="V1767" s="55"/>
      <c r="W1767" s="55"/>
      <c r="X1767" s="55"/>
      <c r="Y1767" s="55"/>
      <c r="Z1767" s="55"/>
      <c r="AA1767" s="55"/>
      <c r="AB1767" s="55"/>
      <c r="AC1767" s="55"/>
      <c r="AD1767" s="55"/>
      <c r="AE1767" s="55"/>
      <c r="AF1767" s="55"/>
      <c r="AG1767" s="55"/>
      <c r="AY1767" s="162"/>
      <c r="AZ1767" s="162"/>
      <c r="BA1767" s="162"/>
      <c r="BB1767" s="162"/>
      <c r="BC1767" s="162"/>
      <c r="BD1767" s="162"/>
      <c r="BE1767" s="162"/>
      <c r="BF1767" s="162"/>
      <c r="BG1767" s="162"/>
      <c r="BH1767" s="162"/>
      <c r="BI1767" s="162"/>
      <c r="BJ1767" s="162"/>
      <c r="BK1767" s="162"/>
      <c r="BL1767" s="162"/>
      <c r="BM1767" s="162"/>
      <c r="BN1767" s="162"/>
      <c r="BO1767" s="162"/>
      <c r="BP1767" s="162"/>
      <c r="BQ1767" s="162"/>
      <c r="BR1767" s="162"/>
      <c r="BS1767" s="162"/>
      <c r="BT1767" s="162"/>
      <c r="BU1767" s="162"/>
      <c r="BV1767" s="162"/>
      <c r="BW1767" s="162"/>
      <c r="BX1767" s="162"/>
      <c r="BY1767" s="162"/>
      <c r="BZ1767" s="162"/>
      <c r="CA1767" s="162"/>
      <c r="CB1767" s="162"/>
      <c r="CC1767" s="162"/>
      <c r="CD1767" s="162"/>
      <c r="CE1767" s="162"/>
      <c r="CF1767" s="162"/>
      <c r="CG1767" s="162"/>
      <c r="CH1767" s="162"/>
      <c r="CI1767" s="162"/>
      <c r="CJ1767" s="162"/>
      <c r="CK1767" s="162"/>
      <c r="CX1767" s="98"/>
      <c r="DL1767" s="97"/>
      <c r="DX1767" s="98"/>
      <c r="EL1767" s="97"/>
      <c r="EX1767" s="98"/>
      <c r="EY1767" s="97"/>
      <c r="FL1767" s="126"/>
      <c r="FM1767" s="91"/>
      <c r="FN1767" s="91"/>
      <c r="FO1767" s="91"/>
      <c r="FP1767" s="91"/>
      <c r="FQ1767" s="91"/>
      <c r="FR1767" s="91"/>
      <c r="FS1767" s="91"/>
      <c r="FT1767" s="91"/>
      <c r="FU1767" s="91"/>
      <c r="FV1767" s="91"/>
      <c r="FW1767" s="91"/>
      <c r="FX1767" s="91"/>
      <c r="FY1767" s="91"/>
      <c r="FZ1767" s="91"/>
      <c r="GA1767" s="91"/>
      <c r="GB1767" s="91"/>
      <c r="GC1767" s="91"/>
      <c r="GD1767" s="91"/>
      <c r="GE1767" s="91"/>
      <c r="GF1767" s="91"/>
      <c r="GG1767" s="91"/>
      <c r="GH1767" s="91"/>
      <c r="GI1767" s="91"/>
      <c r="GJ1767" s="91"/>
      <c r="GK1767" s="127"/>
      <c r="GL1767" s="126"/>
      <c r="GM1767" s="91"/>
      <c r="GN1767" s="91"/>
      <c r="GO1767" s="91"/>
      <c r="GP1767" s="91"/>
      <c r="GQ1767" s="91"/>
      <c r="GR1767" s="91"/>
      <c r="GS1767" s="91"/>
      <c r="GT1767" s="91"/>
      <c r="GU1767" s="91"/>
      <c r="GV1767" s="91"/>
      <c r="GW1767" s="91"/>
      <c r="GX1767" s="91"/>
      <c r="GY1767" s="91"/>
      <c r="GZ1767" s="91"/>
      <c r="HA1767" s="91"/>
      <c r="HB1767" s="91"/>
      <c r="HC1767" s="91"/>
      <c r="HD1767" s="91"/>
      <c r="HE1767" s="91"/>
      <c r="HF1767" s="91"/>
      <c r="HG1767" s="91"/>
      <c r="HH1767" s="91"/>
      <c r="HI1767" s="91"/>
      <c r="HJ1767" s="91"/>
      <c r="HK1767" s="127"/>
      <c r="HL1767" s="126"/>
      <c r="HM1767" s="91"/>
      <c r="HN1767" s="91"/>
      <c r="HO1767" s="91"/>
      <c r="HP1767" s="91"/>
      <c r="HQ1767" s="91"/>
      <c r="HR1767" s="91"/>
      <c r="HS1767" s="91"/>
      <c r="HT1767" s="91"/>
      <c r="HU1767" s="91"/>
      <c r="HV1767" s="91"/>
      <c r="HW1767" s="91"/>
      <c r="HX1767" s="91"/>
      <c r="HY1767" s="91"/>
      <c r="HZ1767" s="91"/>
      <c r="IA1767" s="91"/>
      <c r="IB1767" s="91"/>
      <c r="IC1767" s="91"/>
      <c r="ID1767" s="91"/>
      <c r="IE1767" s="91"/>
      <c r="IF1767" s="91"/>
      <c r="IG1767" s="91"/>
      <c r="IH1767" s="91"/>
      <c r="II1767" s="91"/>
      <c r="IJ1767" s="91"/>
      <c r="IK1767" s="127"/>
    </row>
    <row r="1768" spans="2:245" x14ac:dyDescent="0.2">
      <c r="B1768" s="43"/>
      <c r="C1768" s="73"/>
      <c r="D1768" s="64"/>
      <c r="E1768" s="64"/>
      <c r="F1768" s="55"/>
      <c r="G1768" s="102"/>
      <c r="H1768" s="55"/>
      <c r="I1768" s="55"/>
      <c r="J1768" s="55"/>
      <c r="K1768" s="55"/>
      <c r="L1768" s="55"/>
      <c r="M1768" s="55"/>
      <c r="N1768" s="55"/>
      <c r="O1768" s="55"/>
      <c r="P1768" s="55"/>
      <c r="Q1768" s="55"/>
      <c r="R1768" s="55"/>
      <c r="S1768" s="55"/>
      <c r="T1768" s="55"/>
      <c r="U1768" s="55"/>
      <c r="V1768" s="55"/>
      <c r="W1768" s="55"/>
      <c r="X1768" s="55"/>
      <c r="Y1768" s="55"/>
      <c r="Z1768" s="55"/>
      <c r="AA1768" s="55"/>
      <c r="AB1768" s="55"/>
      <c r="AC1768" s="55"/>
      <c r="AD1768" s="55"/>
      <c r="AE1768" s="55"/>
      <c r="AF1768" s="55"/>
      <c r="AG1768" s="55"/>
      <c r="AY1768" s="162"/>
      <c r="AZ1768" s="162"/>
      <c r="BA1768" s="162"/>
      <c r="BB1768" s="162"/>
      <c r="BC1768" s="162"/>
      <c r="BD1768" s="162"/>
      <c r="BE1768" s="162"/>
      <c r="BF1768" s="162"/>
      <c r="BG1768" s="162"/>
      <c r="BH1768" s="162"/>
      <c r="BI1768" s="162"/>
      <c r="BJ1768" s="162"/>
      <c r="BK1768" s="162"/>
      <c r="BL1768" s="162"/>
      <c r="BM1768" s="162"/>
      <c r="BN1768" s="162"/>
      <c r="BO1768" s="162"/>
      <c r="BP1768" s="162"/>
      <c r="BQ1768" s="162"/>
      <c r="BR1768" s="162"/>
      <c r="BS1768" s="162"/>
      <c r="BT1768" s="162"/>
      <c r="BU1768" s="162"/>
      <c r="BV1768" s="162"/>
      <c r="BW1768" s="162"/>
      <c r="BX1768" s="162"/>
      <c r="BY1768" s="162"/>
      <c r="BZ1768" s="162"/>
      <c r="CA1768" s="162"/>
      <c r="CB1768" s="162"/>
      <c r="CC1768" s="162"/>
      <c r="CD1768" s="162"/>
      <c r="CE1768" s="162"/>
      <c r="CF1768" s="162"/>
      <c r="CG1768" s="162"/>
      <c r="CH1768" s="162"/>
      <c r="CI1768" s="162"/>
      <c r="CJ1768" s="162"/>
      <c r="CK1768" s="162"/>
      <c r="CX1768" s="98"/>
      <c r="DL1768" s="97"/>
      <c r="DX1768" s="98"/>
      <c r="EL1768" s="97"/>
      <c r="EX1768" s="98"/>
      <c r="EY1768" s="97"/>
      <c r="FL1768" s="126"/>
      <c r="FM1768" s="91"/>
      <c r="FN1768" s="91"/>
      <c r="FO1768" s="91"/>
      <c r="FP1768" s="91"/>
      <c r="FQ1768" s="91"/>
      <c r="FR1768" s="91"/>
      <c r="FS1768" s="91"/>
      <c r="FT1768" s="91"/>
      <c r="FU1768" s="91"/>
      <c r="FV1768" s="91"/>
      <c r="FW1768" s="91"/>
      <c r="FX1768" s="91"/>
      <c r="FY1768" s="91"/>
      <c r="FZ1768" s="91"/>
      <c r="GA1768" s="91"/>
      <c r="GB1768" s="91"/>
      <c r="GC1768" s="91"/>
      <c r="GD1768" s="91"/>
      <c r="GE1768" s="91"/>
      <c r="GF1768" s="91"/>
      <c r="GG1768" s="91"/>
      <c r="GH1768" s="91"/>
      <c r="GI1768" s="91"/>
      <c r="GJ1768" s="91"/>
      <c r="GK1768" s="127"/>
      <c r="GL1768" s="126"/>
      <c r="GM1768" s="91"/>
      <c r="GN1768" s="91"/>
      <c r="GO1768" s="91"/>
      <c r="GP1768" s="91"/>
      <c r="GQ1768" s="91"/>
      <c r="GR1768" s="91"/>
      <c r="GS1768" s="91"/>
      <c r="GT1768" s="91"/>
      <c r="GU1768" s="91"/>
      <c r="GV1768" s="91"/>
      <c r="GW1768" s="91"/>
      <c r="GX1768" s="91"/>
      <c r="GY1768" s="91"/>
      <c r="GZ1768" s="91"/>
      <c r="HA1768" s="91"/>
      <c r="HB1768" s="91"/>
      <c r="HC1768" s="91"/>
      <c r="HD1768" s="91"/>
      <c r="HE1768" s="91"/>
      <c r="HF1768" s="91"/>
      <c r="HG1768" s="91"/>
      <c r="HH1768" s="91"/>
      <c r="HI1768" s="91"/>
      <c r="HJ1768" s="91"/>
      <c r="HK1768" s="127"/>
      <c r="HL1768" s="126"/>
      <c r="HM1768" s="91"/>
      <c r="HN1768" s="91"/>
      <c r="HO1768" s="91"/>
      <c r="HP1768" s="91"/>
      <c r="HQ1768" s="91"/>
      <c r="HR1768" s="91"/>
      <c r="HS1768" s="91"/>
      <c r="HT1768" s="91"/>
      <c r="HU1768" s="91"/>
      <c r="HV1768" s="91"/>
      <c r="HW1768" s="91"/>
      <c r="HX1768" s="91"/>
      <c r="HY1768" s="91"/>
      <c r="HZ1768" s="91"/>
      <c r="IA1768" s="91"/>
      <c r="IB1768" s="91"/>
      <c r="IC1768" s="91"/>
      <c r="ID1768" s="91"/>
      <c r="IE1768" s="91"/>
      <c r="IF1768" s="91"/>
      <c r="IG1768" s="91"/>
      <c r="IH1768" s="91"/>
      <c r="II1768" s="91"/>
      <c r="IJ1768" s="91"/>
      <c r="IK1768" s="127"/>
    </row>
    <row r="1769" spans="2:245" x14ac:dyDescent="0.2">
      <c r="B1769" s="43"/>
      <c r="C1769" s="73"/>
      <c r="D1769" s="64"/>
      <c r="E1769" s="64"/>
      <c r="F1769" s="55"/>
      <c r="G1769" s="102"/>
      <c r="H1769" s="55"/>
      <c r="I1769" s="55"/>
      <c r="J1769" s="55"/>
      <c r="K1769" s="55"/>
      <c r="L1769" s="55"/>
      <c r="M1769" s="55"/>
      <c r="N1769" s="55"/>
      <c r="O1769" s="55"/>
      <c r="P1769" s="55"/>
      <c r="Q1769" s="55"/>
      <c r="R1769" s="55"/>
      <c r="S1769" s="55"/>
      <c r="T1769" s="55"/>
      <c r="U1769" s="55"/>
      <c r="V1769" s="55"/>
      <c r="W1769" s="55"/>
      <c r="X1769" s="55"/>
      <c r="Y1769" s="55"/>
      <c r="Z1769" s="55"/>
      <c r="AA1769" s="55"/>
      <c r="AB1769" s="55"/>
      <c r="AC1769" s="55"/>
      <c r="AD1769" s="55"/>
      <c r="AE1769" s="55"/>
      <c r="AF1769" s="55"/>
      <c r="AG1769" s="55"/>
      <c r="AY1769" s="162"/>
      <c r="AZ1769" s="162"/>
      <c r="BA1769" s="162"/>
      <c r="BB1769" s="162"/>
      <c r="BC1769" s="162"/>
      <c r="BD1769" s="162"/>
      <c r="BE1769" s="162"/>
      <c r="BF1769" s="162"/>
      <c r="BG1769" s="162"/>
      <c r="BH1769" s="162"/>
      <c r="BI1769" s="162"/>
      <c r="BJ1769" s="162"/>
      <c r="BK1769" s="162"/>
      <c r="BL1769" s="162"/>
      <c r="BM1769" s="162"/>
      <c r="BN1769" s="162"/>
      <c r="BO1769" s="162"/>
      <c r="BP1769" s="162"/>
      <c r="BQ1769" s="162"/>
      <c r="BR1769" s="162"/>
      <c r="BS1769" s="162"/>
      <c r="BT1769" s="162"/>
      <c r="BU1769" s="162"/>
      <c r="BV1769" s="162"/>
      <c r="BW1769" s="162"/>
      <c r="BX1769" s="162"/>
      <c r="BY1769" s="162"/>
      <c r="BZ1769" s="162"/>
      <c r="CA1769" s="162"/>
      <c r="CB1769" s="162"/>
      <c r="CC1769" s="162"/>
      <c r="CD1769" s="162"/>
      <c r="CE1769" s="162"/>
      <c r="CF1769" s="162"/>
      <c r="CG1769" s="162"/>
      <c r="CH1769" s="162"/>
      <c r="CI1769" s="162"/>
      <c r="CJ1769" s="162"/>
      <c r="CK1769" s="162"/>
      <c r="CX1769" s="98"/>
      <c r="DL1769" s="97"/>
      <c r="DX1769" s="98"/>
      <c r="EL1769" s="97"/>
      <c r="EX1769" s="98"/>
      <c r="EY1769" s="97"/>
      <c r="FL1769" s="126"/>
      <c r="FM1769" s="91"/>
      <c r="FN1769" s="91"/>
      <c r="FO1769" s="91"/>
      <c r="FP1769" s="91"/>
      <c r="FQ1769" s="91"/>
      <c r="FR1769" s="91"/>
      <c r="FS1769" s="91"/>
      <c r="FT1769" s="91"/>
      <c r="FU1769" s="91"/>
      <c r="FV1769" s="91"/>
      <c r="FW1769" s="91"/>
      <c r="FX1769" s="91"/>
      <c r="FY1769" s="91"/>
      <c r="FZ1769" s="91"/>
      <c r="GA1769" s="91"/>
      <c r="GB1769" s="91"/>
      <c r="GC1769" s="91"/>
      <c r="GD1769" s="91"/>
      <c r="GE1769" s="91"/>
      <c r="GF1769" s="91"/>
      <c r="GG1769" s="91"/>
      <c r="GH1769" s="91"/>
      <c r="GI1769" s="91"/>
      <c r="GJ1769" s="91"/>
      <c r="GK1769" s="127"/>
      <c r="GL1769" s="126"/>
      <c r="GM1769" s="91"/>
      <c r="GN1769" s="91"/>
      <c r="GO1769" s="91"/>
      <c r="GP1769" s="91"/>
      <c r="GQ1769" s="91"/>
      <c r="GR1769" s="91"/>
      <c r="GS1769" s="91"/>
      <c r="GT1769" s="91"/>
      <c r="GU1769" s="91"/>
      <c r="GV1769" s="91"/>
      <c r="GW1769" s="91"/>
      <c r="GX1769" s="91"/>
      <c r="GY1769" s="91"/>
      <c r="GZ1769" s="91"/>
      <c r="HA1769" s="91"/>
      <c r="HB1769" s="91"/>
      <c r="HC1769" s="91"/>
      <c r="HD1769" s="91"/>
      <c r="HE1769" s="91"/>
      <c r="HF1769" s="91"/>
      <c r="HG1769" s="91"/>
      <c r="HH1769" s="91"/>
      <c r="HI1769" s="91"/>
      <c r="HJ1769" s="91"/>
      <c r="HK1769" s="127"/>
      <c r="HL1769" s="126"/>
      <c r="HM1769" s="91"/>
      <c r="HN1769" s="91"/>
      <c r="HO1769" s="91"/>
      <c r="HP1769" s="91"/>
      <c r="HQ1769" s="91"/>
      <c r="HR1769" s="91"/>
      <c r="HS1769" s="91"/>
      <c r="HT1769" s="91"/>
      <c r="HU1769" s="91"/>
      <c r="HV1769" s="91"/>
      <c r="HW1769" s="91"/>
      <c r="HX1769" s="91"/>
      <c r="HY1769" s="91"/>
      <c r="HZ1769" s="91"/>
      <c r="IA1769" s="91"/>
      <c r="IB1769" s="91"/>
      <c r="IC1769" s="91"/>
      <c r="ID1769" s="91"/>
      <c r="IE1769" s="91"/>
      <c r="IF1769" s="91"/>
      <c r="IG1769" s="91"/>
      <c r="IH1769" s="91"/>
      <c r="II1769" s="91"/>
      <c r="IJ1769" s="91"/>
      <c r="IK1769" s="127"/>
    </row>
    <row r="1770" spans="2:245" x14ac:dyDescent="0.2">
      <c r="B1770" s="43"/>
      <c r="C1770" s="73"/>
      <c r="D1770" s="64"/>
      <c r="E1770" s="64"/>
      <c r="F1770" s="55"/>
      <c r="G1770" s="102"/>
      <c r="H1770" s="55"/>
      <c r="I1770" s="55"/>
      <c r="J1770" s="55"/>
      <c r="K1770" s="55"/>
      <c r="L1770" s="55"/>
      <c r="M1770" s="55"/>
      <c r="N1770" s="55"/>
      <c r="O1770" s="55"/>
      <c r="P1770" s="55"/>
      <c r="Q1770" s="55"/>
      <c r="R1770" s="55"/>
      <c r="S1770" s="55"/>
      <c r="T1770" s="55"/>
      <c r="U1770" s="55"/>
      <c r="V1770" s="55"/>
      <c r="W1770" s="55"/>
      <c r="X1770" s="55"/>
      <c r="Y1770" s="55"/>
      <c r="Z1770" s="55"/>
      <c r="AA1770" s="55"/>
      <c r="AB1770" s="55"/>
      <c r="AC1770" s="55"/>
      <c r="AD1770" s="55"/>
      <c r="AE1770" s="55"/>
      <c r="AF1770" s="55"/>
      <c r="AG1770" s="55"/>
      <c r="AY1770" s="162"/>
      <c r="AZ1770" s="162"/>
      <c r="BA1770" s="162"/>
      <c r="BB1770" s="162"/>
      <c r="BC1770" s="162"/>
      <c r="BD1770" s="162"/>
      <c r="BE1770" s="162"/>
      <c r="BF1770" s="162"/>
      <c r="BG1770" s="162"/>
      <c r="BH1770" s="162"/>
      <c r="BI1770" s="162"/>
      <c r="BJ1770" s="162"/>
      <c r="BK1770" s="162"/>
      <c r="BL1770" s="162"/>
      <c r="BM1770" s="162"/>
      <c r="BN1770" s="162"/>
      <c r="BO1770" s="162"/>
      <c r="BP1770" s="162"/>
      <c r="BQ1770" s="162"/>
      <c r="BR1770" s="162"/>
      <c r="BS1770" s="162"/>
      <c r="BT1770" s="162"/>
      <c r="BU1770" s="162"/>
      <c r="BV1770" s="162"/>
      <c r="BW1770" s="162"/>
      <c r="BX1770" s="162"/>
      <c r="BY1770" s="162"/>
      <c r="BZ1770" s="162"/>
      <c r="CA1770" s="162"/>
      <c r="CB1770" s="162"/>
      <c r="CC1770" s="162"/>
      <c r="CD1770" s="162"/>
      <c r="CE1770" s="162"/>
      <c r="CF1770" s="162"/>
      <c r="CG1770" s="162"/>
      <c r="CH1770" s="162"/>
      <c r="CI1770" s="162"/>
      <c r="CJ1770" s="162"/>
      <c r="CK1770" s="162"/>
      <c r="CX1770" s="98"/>
      <c r="DL1770" s="97"/>
      <c r="DX1770" s="98"/>
      <c r="EL1770" s="97"/>
      <c r="EX1770" s="98"/>
      <c r="EY1770" s="97"/>
      <c r="FL1770" s="126"/>
      <c r="FM1770" s="91"/>
      <c r="FN1770" s="91"/>
      <c r="FO1770" s="91"/>
      <c r="FP1770" s="91"/>
      <c r="FQ1770" s="91"/>
      <c r="FR1770" s="91"/>
      <c r="FS1770" s="91"/>
      <c r="FT1770" s="91"/>
      <c r="FU1770" s="91"/>
      <c r="FV1770" s="91"/>
      <c r="FW1770" s="91"/>
      <c r="FX1770" s="91"/>
      <c r="FY1770" s="91"/>
      <c r="FZ1770" s="91"/>
      <c r="GA1770" s="91"/>
      <c r="GB1770" s="91"/>
      <c r="GC1770" s="91"/>
      <c r="GD1770" s="91"/>
      <c r="GE1770" s="91"/>
      <c r="GF1770" s="91"/>
      <c r="GG1770" s="91"/>
      <c r="GH1770" s="91"/>
      <c r="GI1770" s="91"/>
      <c r="GJ1770" s="91"/>
      <c r="GK1770" s="127"/>
      <c r="GL1770" s="126"/>
      <c r="GM1770" s="91"/>
      <c r="GN1770" s="91"/>
      <c r="GO1770" s="91"/>
      <c r="GP1770" s="91"/>
      <c r="GQ1770" s="91"/>
      <c r="GR1770" s="91"/>
      <c r="GS1770" s="91"/>
      <c r="GT1770" s="91"/>
      <c r="GU1770" s="91"/>
      <c r="GV1770" s="91"/>
      <c r="GW1770" s="91"/>
      <c r="GX1770" s="91"/>
      <c r="GY1770" s="91"/>
      <c r="GZ1770" s="91"/>
      <c r="HA1770" s="91"/>
      <c r="HB1770" s="91"/>
      <c r="HC1770" s="91"/>
      <c r="HD1770" s="91"/>
      <c r="HE1770" s="91"/>
      <c r="HF1770" s="91"/>
      <c r="HG1770" s="91"/>
      <c r="HH1770" s="91"/>
      <c r="HI1770" s="91"/>
      <c r="HJ1770" s="91"/>
      <c r="HK1770" s="127"/>
      <c r="HL1770" s="126"/>
      <c r="HM1770" s="91"/>
      <c r="HN1770" s="91"/>
      <c r="HO1770" s="91"/>
      <c r="HP1770" s="91"/>
      <c r="HQ1770" s="91"/>
      <c r="HR1770" s="91"/>
      <c r="HS1770" s="91"/>
      <c r="HT1770" s="91"/>
      <c r="HU1770" s="91"/>
      <c r="HV1770" s="91"/>
      <c r="HW1770" s="91"/>
      <c r="HX1770" s="91"/>
      <c r="HY1770" s="91"/>
      <c r="HZ1770" s="91"/>
      <c r="IA1770" s="91"/>
      <c r="IB1770" s="91"/>
      <c r="IC1770" s="91"/>
      <c r="ID1770" s="91"/>
      <c r="IE1770" s="91"/>
      <c r="IF1770" s="91"/>
      <c r="IG1770" s="91"/>
      <c r="IH1770" s="91"/>
      <c r="II1770" s="91"/>
      <c r="IJ1770" s="91"/>
      <c r="IK1770" s="127"/>
    </row>
    <row r="1771" spans="2:245" x14ac:dyDescent="0.2">
      <c r="B1771" s="43"/>
      <c r="C1771" s="73"/>
      <c r="D1771" s="64"/>
      <c r="E1771" s="64"/>
      <c r="F1771" s="55"/>
      <c r="G1771" s="102"/>
      <c r="H1771" s="55"/>
      <c r="I1771" s="55"/>
      <c r="J1771" s="55"/>
      <c r="K1771" s="55"/>
      <c r="L1771" s="55"/>
      <c r="M1771" s="55"/>
      <c r="N1771" s="55"/>
      <c r="O1771" s="55"/>
      <c r="P1771" s="55"/>
      <c r="Q1771" s="55"/>
      <c r="R1771" s="55"/>
      <c r="S1771" s="55"/>
      <c r="T1771" s="55"/>
      <c r="U1771" s="55"/>
      <c r="V1771" s="55"/>
      <c r="W1771" s="55"/>
      <c r="X1771" s="55"/>
      <c r="Y1771" s="55"/>
      <c r="Z1771" s="55"/>
      <c r="AA1771" s="55"/>
      <c r="AB1771" s="55"/>
      <c r="AC1771" s="55"/>
      <c r="AD1771" s="55"/>
      <c r="AE1771" s="55"/>
      <c r="AF1771" s="55"/>
      <c r="AG1771" s="55"/>
      <c r="AY1771" s="162"/>
      <c r="AZ1771" s="162"/>
      <c r="BA1771" s="162"/>
      <c r="BB1771" s="162"/>
      <c r="BC1771" s="162"/>
      <c r="BD1771" s="162"/>
      <c r="BE1771" s="162"/>
      <c r="BF1771" s="162"/>
      <c r="BG1771" s="162"/>
      <c r="BH1771" s="162"/>
      <c r="BI1771" s="162"/>
      <c r="BJ1771" s="162"/>
      <c r="BK1771" s="162"/>
      <c r="BL1771" s="162"/>
      <c r="BM1771" s="162"/>
      <c r="BN1771" s="162"/>
      <c r="BO1771" s="162"/>
      <c r="BP1771" s="162"/>
      <c r="BQ1771" s="162"/>
      <c r="BR1771" s="162"/>
      <c r="BS1771" s="162"/>
      <c r="BT1771" s="162"/>
      <c r="BU1771" s="162"/>
      <c r="BV1771" s="162"/>
      <c r="BW1771" s="162"/>
      <c r="BX1771" s="162"/>
      <c r="BY1771" s="162"/>
      <c r="BZ1771" s="162"/>
      <c r="CA1771" s="162"/>
      <c r="CB1771" s="162"/>
      <c r="CC1771" s="162"/>
      <c r="CD1771" s="162"/>
      <c r="CE1771" s="162"/>
      <c r="CF1771" s="162"/>
      <c r="CG1771" s="162"/>
      <c r="CH1771" s="162"/>
      <c r="CI1771" s="162"/>
      <c r="CJ1771" s="162"/>
      <c r="CK1771" s="162"/>
      <c r="CX1771" s="98"/>
      <c r="DL1771" s="97"/>
      <c r="DX1771" s="98"/>
      <c r="EL1771" s="97"/>
      <c r="EX1771" s="98"/>
      <c r="EY1771" s="97"/>
      <c r="FL1771" s="126"/>
      <c r="FM1771" s="91"/>
      <c r="FN1771" s="91"/>
      <c r="FO1771" s="91"/>
      <c r="FP1771" s="91"/>
      <c r="FQ1771" s="91"/>
      <c r="FR1771" s="91"/>
      <c r="FS1771" s="91"/>
      <c r="FT1771" s="91"/>
      <c r="FU1771" s="91"/>
      <c r="FV1771" s="91"/>
      <c r="FW1771" s="91"/>
      <c r="FX1771" s="91"/>
      <c r="FY1771" s="91"/>
      <c r="FZ1771" s="91"/>
      <c r="GA1771" s="91"/>
      <c r="GB1771" s="91"/>
      <c r="GC1771" s="91"/>
      <c r="GD1771" s="91"/>
      <c r="GE1771" s="91"/>
      <c r="GF1771" s="91"/>
      <c r="GG1771" s="91"/>
      <c r="GH1771" s="91"/>
      <c r="GI1771" s="91"/>
      <c r="GJ1771" s="91"/>
      <c r="GK1771" s="127"/>
      <c r="GL1771" s="126"/>
      <c r="GM1771" s="91"/>
      <c r="GN1771" s="91"/>
      <c r="GO1771" s="91"/>
      <c r="GP1771" s="91"/>
      <c r="GQ1771" s="91"/>
      <c r="GR1771" s="91"/>
      <c r="GS1771" s="91"/>
      <c r="GT1771" s="91"/>
      <c r="GU1771" s="91"/>
      <c r="GV1771" s="91"/>
      <c r="GW1771" s="91"/>
      <c r="GX1771" s="91"/>
      <c r="GY1771" s="91"/>
      <c r="GZ1771" s="91"/>
      <c r="HA1771" s="91"/>
      <c r="HB1771" s="91"/>
      <c r="HC1771" s="91"/>
      <c r="HD1771" s="91"/>
      <c r="HE1771" s="91"/>
      <c r="HF1771" s="91"/>
      <c r="HG1771" s="91"/>
      <c r="HH1771" s="91"/>
      <c r="HI1771" s="91"/>
      <c r="HJ1771" s="91"/>
      <c r="HK1771" s="127"/>
      <c r="HL1771" s="126"/>
      <c r="HM1771" s="91"/>
      <c r="HN1771" s="91"/>
      <c r="HO1771" s="91"/>
      <c r="HP1771" s="91"/>
      <c r="HQ1771" s="91"/>
      <c r="HR1771" s="91"/>
      <c r="HS1771" s="91"/>
      <c r="HT1771" s="91"/>
      <c r="HU1771" s="91"/>
      <c r="HV1771" s="91"/>
      <c r="HW1771" s="91"/>
      <c r="HX1771" s="91"/>
      <c r="HY1771" s="91"/>
      <c r="HZ1771" s="91"/>
      <c r="IA1771" s="91"/>
      <c r="IB1771" s="91"/>
      <c r="IC1771" s="91"/>
      <c r="ID1771" s="91"/>
      <c r="IE1771" s="91"/>
      <c r="IF1771" s="91"/>
      <c r="IG1771" s="91"/>
      <c r="IH1771" s="91"/>
      <c r="II1771" s="91"/>
      <c r="IJ1771" s="91"/>
      <c r="IK1771" s="127"/>
    </row>
    <row r="1772" spans="2:245" x14ac:dyDescent="0.2">
      <c r="B1772" s="43"/>
      <c r="C1772" s="73"/>
      <c r="D1772" s="64"/>
      <c r="E1772" s="64"/>
      <c r="F1772" s="55"/>
      <c r="G1772" s="102"/>
      <c r="H1772" s="55"/>
      <c r="I1772" s="55"/>
      <c r="J1772" s="55"/>
      <c r="K1772" s="55"/>
      <c r="L1772" s="55"/>
      <c r="M1772" s="55"/>
      <c r="N1772" s="55"/>
      <c r="O1772" s="55"/>
      <c r="P1772" s="55"/>
      <c r="Q1772" s="55"/>
      <c r="R1772" s="55"/>
      <c r="S1772" s="55"/>
      <c r="T1772" s="55"/>
      <c r="U1772" s="55"/>
      <c r="V1772" s="55"/>
      <c r="W1772" s="55"/>
      <c r="X1772" s="55"/>
      <c r="Y1772" s="55"/>
      <c r="Z1772" s="55"/>
      <c r="AA1772" s="55"/>
      <c r="AB1772" s="55"/>
      <c r="AC1772" s="55"/>
      <c r="AD1772" s="55"/>
      <c r="AE1772" s="55"/>
      <c r="AF1772" s="55"/>
      <c r="AG1772" s="55"/>
      <c r="AY1772" s="162"/>
      <c r="AZ1772" s="162"/>
      <c r="BA1772" s="162"/>
      <c r="BB1772" s="162"/>
      <c r="BC1772" s="162"/>
      <c r="BD1772" s="162"/>
      <c r="BE1772" s="162"/>
      <c r="BF1772" s="162"/>
      <c r="BG1772" s="162"/>
      <c r="BH1772" s="162"/>
      <c r="BI1772" s="162"/>
      <c r="BJ1772" s="162"/>
      <c r="BK1772" s="162"/>
      <c r="BL1772" s="162"/>
      <c r="BM1772" s="162"/>
      <c r="BN1772" s="162"/>
      <c r="BO1772" s="162"/>
      <c r="BP1772" s="162"/>
      <c r="BQ1772" s="162"/>
      <c r="BR1772" s="162"/>
      <c r="BS1772" s="162"/>
      <c r="BT1772" s="162"/>
      <c r="BU1772" s="162"/>
      <c r="BV1772" s="162"/>
      <c r="BW1772" s="162"/>
      <c r="BX1772" s="162"/>
      <c r="BY1772" s="162"/>
      <c r="BZ1772" s="162"/>
      <c r="CA1772" s="162"/>
      <c r="CB1772" s="162"/>
      <c r="CC1772" s="162"/>
      <c r="CD1772" s="162"/>
      <c r="CE1772" s="162"/>
      <c r="CF1772" s="162"/>
      <c r="CG1772" s="162"/>
      <c r="CH1772" s="162"/>
      <c r="CI1772" s="162"/>
      <c r="CJ1772" s="162"/>
      <c r="CK1772" s="162"/>
      <c r="CX1772" s="98"/>
      <c r="DL1772" s="97"/>
      <c r="DX1772" s="98"/>
      <c r="EL1772" s="97"/>
      <c r="EX1772" s="98"/>
      <c r="EY1772" s="97"/>
      <c r="FL1772" s="126"/>
      <c r="FM1772" s="91"/>
      <c r="FN1772" s="91"/>
      <c r="FO1772" s="91"/>
      <c r="FP1772" s="91"/>
      <c r="FQ1772" s="91"/>
      <c r="FR1772" s="91"/>
      <c r="FS1772" s="91"/>
      <c r="FT1772" s="91"/>
      <c r="FU1772" s="91"/>
      <c r="FV1772" s="91"/>
      <c r="FW1772" s="91"/>
      <c r="FX1772" s="91"/>
      <c r="FY1772" s="91"/>
      <c r="FZ1772" s="91"/>
      <c r="GA1772" s="91"/>
      <c r="GB1772" s="91"/>
      <c r="GC1772" s="91"/>
      <c r="GD1772" s="91"/>
      <c r="GE1772" s="91"/>
      <c r="GF1772" s="91"/>
      <c r="GG1772" s="91"/>
      <c r="GH1772" s="91"/>
      <c r="GI1772" s="91"/>
      <c r="GJ1772" s="91"/>
      <c r="GK1772" s="127"/>
      <c r="GL1772" s="126"/>
      <c r="GM1772" s="91"/>
      <c r="GN1772" s="91"/>
      <c r="GO1772" s="91"/>
      <c r="GP1772" s="91"/>
      <c r="GQ1772" s="91"/>
      <c r="GR1772" s="91"/>
      <c r="GS1772" s="91"/>
      <c r="GT1772" s="91"/>
      <c r="GU1772" s="91"/>
      <c r="GV1772" s="91"/>
      <c r="GW1772" s="91"/>
      <c r="GX1772" s="91"/>
      <c r="GY1772" s="91"/>
      <c r="GZ1772" s="91"/>
      <c r="HA1772" s="91"/>
      <c r="HB1772" s="91"/>
      <c r="HC1772" s="91"/>
      <c r="HD1772" s="91"/>
      <c r="HE1772" s="91"/>
      <c r="HF1772" s="91"/>
      <c r="HG1772" s="91"/>
      <c r="HH1772" s="91"/>
      <c r="HI1772" s="91"/>
      <c r="HJ1772" s="91"/>
      <c r="HK1772" s="127"/>
      <c r="HL1772" s="126"/>
      <c r="HM1772" s="91"/>
      <c r="HN1772" s="91"/>
      <c r="HO1772" s="91"/>
      <c r="HP1772" s="91"/>
      <c r="HQ1772" s="91"/>
      <c r="HR1772" s="91"/>
      <c r="HS1772" s="91"/>
      <c r="HT1772" s="91"/>
      <c r="HU1772" s="91"/>
      <c r="HV1772" s="91"/>
      <c r="HW1772" s="91"/>
      <c r="HX1772" s="91"/>
      <c r="HY1772" s="91"/>
      <c r="HZ1772" s="91"/>
      <c r="IA1772" s="91"/>
      <c r="IB1772" s="91"/>
      <c r="IC1772" s="91"/>
      <c r="ID1772" s="91"/>
      <c r="IE1772" s="91"/>
      <c r="IF1772" s="91"/>
      <c r="IG1772" s="91"/>
      <c r="IH1772" s="91"/>
      <c r="II1772" s="91"/>
      <c r="IJ1772" s="91"/>
      <c r="IK1772" s="127"/>
    </row>
    <row r="1773" spans="2:245" x14ac:dyDescent="0.2">
      <c r="B1773" s="43"/>
      <c r="C1773" s="73"/>
      <c r="D1773" s="64"/>
      <c r="E1773" s="64"/>
      <c r="F1773" s="55"/>
      <c r="G1773" s="102"/>
      <c r="H1773" s="55"/>
      <c r="I1773" s="55"/>
      <c r="J1773" s="55"/>
      <c r="K1773" s="55"/>
      <c r="L1773" s="55"/>
      <c r="M1773" s="55"/>
      <c r="N1773" s="55"/>
      <c r="O1773" s="55"/>
      <c r="P1773" s="55"/>
      <c r="Q1773" s="55"/>
      <c r="R1773" s="55"/>
      <c r="S1773" s="55"/>
      <c r="T1773" s="55"/>
      <c r="U1773" s="55"/>
      <c r="V1773" s="55"/>
      <c r="W1773" s="55"/>
      <c r="X1773" s="55"/>
      <c r="Y1773" s="55"/>
      <c r="Z1773" s="55"/>
      <c r="AA1773" s="55"/>
      <c r="AB1773" s="55"/>
      <c r="AC1773" s="55"/>
      <c r="AD1773" s="55"/>
      <c r="AE1773" s="55"/>
      <c r="AF1773" s="55"/>
      <c r="AG1773" s="55"/>
      <c r="AY1773" s="162"/>
      <c r="AZ1773" s="162"/>
      <c r="BA1773" s="162"/>
      <c r="BB1773" s="162"/>
      <c r="BC1773" s="162"/>
      <c r="BD1773" s="162"/>
      <c r="BE1773" s="162"/>
      <c r="BF1773" s="162"/>
      <c r="BG1773" s="162"/>
      <c r="BH1773" s="162"/>
      <c r="BI1773" s="162"/>
      <c r="BJ1773" s="162"/>
      <c r="BK1773" s="162"/>
      <c r="BL1773" s="162"/>
      <c r="BM1773" s="162"/>
      <c r="BN1773" s="162"/>
      <c r="BO1773" s="162"/>
      <c r="BP1773" s="162"/>
      <c r="BQ1773" s="162"/>
      <c r="BR1773" s="162"/>
      <c r="BS1773" s="162"/>
      <c r="BT1773" s="162"/>
      <c r="BU1773" s="162"/>
      <c r="BV1773" s="162"/>
      <c r="BW1773" s="162"/>
      <c r="BX1773" s="162"/>
      <c r="BY1773" s="162"/>
      <c r="BZ1773" s="162"/>
      <c r="CA1773" s="162"/>
      <c r="CB1773" s="162"/>
      <c r="CC1773" s="162"/>
      <c r="CD1773" s="162"/>
      <c r="CE1773" s="162"/>
      <c r="CF1773" s="162"/>
      <c r="CG1773" s="162"/>
      <c r="CH1773" s="162"/>
      <c r="CI1773" s="162"/>
      <c r="CJ1773" s="162"/>
      <c r="CK1773" s="162"/>
      <c r="CX1773" s="98"/>
      <c r="DL1773" s="97"/>
      <c r="DX1773" s="98"/>
      <c r="EL1773" s="97"/>
      <c r="EX1773" s="98"/>
      <c r="EY1773" s="97"/>
      <c r="FL1773" s="126"/>
      <c r="FM1773" s="91"/>
      <c r="FN1773" s="91"/>
      <c r="FO1773" s="91"/>
      <c r="FP1773" s="91"/>
      <c r="FQ1773" s="91"/>
      <c r="FR1773" s="91"/>
      <c r="FS1773" s="91"/>
      <c r="FT1773" s="91"/>
      <c r="FU1773" s="91"/>
      <c r="FV1773" s="91"/>
      <c r="FW1773" s="91"/>
      <c r="FX1773" s="91"/>
      <c r="FY1773" s="91"/>
      <c r="FZ1773" s="91"/>
      <c r="GA1773" s="91"/>
      <c r="GB1773" s="91"/>
      <c r="GC1773" s="91"/>
      <c r="GD1773" s="91"/>
      <c r="GE1773" s="91"/>
      <c r="GF1773" s="91"/>
      <c r="GG1773" s="91"/>
      <c r="GH1773" s="91"/>
      <c r="GI1773" s="91"/>
      <c r="GJ1773" s="91"/>
      <c r="GK1773" s="127"/>
      <c r="GL1773" s="126"/>
      <c r="GM1773" s="91"/>
      <c r="GN1773" s="91"/>
      <c r="GO1773" s="91"/>
      <c r="GP1773" s="91"/>
      <c r="GQ1773" s="91"/>
      <c r="GR1773" s="91"/>
      <c r="GS1773" s="91"/>
      <c r="GT1773" s="91"/>
      <c r="GU1773" s="91"/>
      <c r="GV1773" s="91"/>
      <c r="GW1773" s="91"/>
      <c r="GX1773" s="91"/>
      <c r="GY1773" s="91"/>
      <c r="GZ1773" s="91"/>
      <c r="HA1773" s="91"/>
      <c r="HB1773" s="91"/>
      <c r="HC1773" s="91"/>
      <c r="HD1773" s="91"/>
      <c r="HE1773" s="91"/>
      <c r="HF1773" s="91"/>
      <c r="HG1773" s="91"/>
      <c r="HH1773" s="91"/>
      <c r="HI1773" s="91"/>
      <c r="HJ1773" s="91"/>
      <c r="HK1773" s="127"/>
      <c r="HL1773" s="126"/>
      <c r="HM1773" s="91"/>
      <c r="HN1773" s="91"/>
      <c r="HO1773" s="91"/>
      <c r="HP1773" s="91"/>
      <c r="HQ1773" s="91"/>
      <c r="HR1773" s="91"/>
      <c r="HS1773" s="91"/>
      <c r="HT1773" s="91"/>
      <c r="HU1773" s="91"/>
      <c r="HV1773" s="91"/>
      <c r="HW1773" s="91"/>
      <c r="HX1773" s="91"/>
      <c r="HY1773" s="91"/>
      <c r="HZ1773" s="91"/>
      <c r="IA1773" s="91"/>
      <c r="IB1773" s="91"/>
      <c r="IC1773" s="91"/>
      <c r="ID1773" s="91"/>
      <c r="IE1773" s="91"/>
      <c r="IF1773" s="91"/>
      <c r="IG1773" s="91"/>
      <c r="IH1773" s="91"/>
      <c r="II1773" s="91"/>
      <c r="IJ1773" s="91"/>
      <c r="IK1773" s="127"/>
    </row>
    <row r="1774" spans="2:245" x14ac:dyDescent="0.2">
      <c r="B1774" s="43"/>
      <c r="C1774" s="73"/>
      <c r="D1774" s="64"/>
      <c r="E1774" s="64"/>
      <c r="F1774" s="55"/>
      <c r="G1774" s="102"/>
      <c r="H1774" s="55"/>
      <c r="I1774" s="55"/>
      <c r="J1774" s="55"/>
      <c r="K1774" s="55"/>
      <c r="L1774" s="55"/>
      <c r="M1774" s="55"/>
      <c r="N1774" s="55"/>
      <c r="O1774" s="55"/>
      <c r="P1774" s="55"/>
      <c r="Q1774" s="55"/>
      <c r="R1774" s="55"/>
      <c r="S1774" s="55"/>
      <c r="T1774" s="55"/>
      <c r="U1774" s="55"/>
      <c r="V1774" s="55"/>
      <c r="W1774" s="55"/>
      <c r="X1774" s="55"/>
      <c r="Y1774" s="55"/>
      <c r="Z1774" s="55"/>
      <c r="AA1774" s="55"/>
      <c r="AB1774" s="55"/>
      <c r="AC1774" s="55"/>
      <c r="AD1774" s="55"/>
      <c r="AE1774" s="55"/>
      <c r="AF1774" s="55"/>
      <c r="AG1774" s="55"/>
      <c r="AY1774" s="162"/>
      <c r="AZ1774" s="162"/>
      <c r="BA1774" s="162"/>
      <c r="BB1774" s="162"/>
      <c r="BC1774" s="162"/>
      <c r="BD1774" s="162"/>
      <c r="BE1774" s="162"/>
      <c r="BF1774" s="162"/>
      <c r="BG1774" s="162"/>
      <c r="BH1774" s="162"/>
      <c r="BI1774" s="162"/>
      <c r="BJ1774" s="162"/>
      <c r="BK1774" s="162"/>
      <c r="BL1774" s="162"/>
      <c r="BM1774" s="162"/>
      <c r="BN1774" s="162"/>
      <c r="BO1774" s="162"/>
      <c r="BP1774" s="162"/>
      <c r="BQ1774" s="162"/>
      <c r="BR1774" s="162"/>
      <c r="BS1774" s="162"/>
      <c r="BT1774" s="162"/>
      <c r="BU1774" s="162"/>
      <c r="BV1774" s="162"/>
      <c r="BW1774" s="162"/>
      <c r="BX1774" s="162"/>
      <c r="BY1774" s="162"/>
      <c r="BZ1774" s="162"/>
      <c r="CA1774" s="162"/>
      <c r="CB1774" s="162"/>
      <c r="CC1774" s="162"/>
      <c r="CD1774" s="162"/>
      <c r="CE1774" s="162"/>
      <c r="CF1774" s="162"/>
      <c r="CG1774" s="162"/>
      <c r="CH1774" s="162"/>
      <c r="CI1774" s="162"/>
      <c r="CJ1774" s="162"/>
      <c r="CK1774" s="162"/>
      <c r="CX1774" s="98"/>
      <c r="DL1774" s="97"/>
      <c r="DX1774" s="98"/>
      <c r="EL1774" s="97"/>
      <c r="EX1774" s="98"/>
      <c r="EY1774" s="97"/>
      <c r="FL1774" s="126"/>
      <c r="FM1774" s="91"/>
      <c r="FN1774" s="91"/>
      <c r="FO1774" s="91"/>
      <c r="FP1774" s="91"/>
      <c r="FQ1774" s="91"/>
      <c r="FR1774" s="91"/>
      <c r="FS1774" s="91"/>
      <c r="FT1774" s="91"/>
      <c r="FU1774" s="91"/>
      <c r="FV1774" s="91"/>
      <c r="FW1774" s="91"/>
      <c r="FX1774" s="91"/>
      <c r="FY1774" s="91"/>
      <c r="FZ1774" s="91"/>
      <c r="GA1774" s="91"/>
      <c r="GB1774" s="91"/>
      <c r="GC1774" s="91"/>
      <c r="GD1774" s="91"/>
      <c r="GE1774" s="91"/>
      <c r="GF1774" s="91"/>
      <c r="GG1774" s="91"/>
      <c r="GH1774" s="91"/>
      <c r="GI1774" s="91"/>
      <c r="GJ1774" s="91"/>
      <c r="GK1774" s="127"/>
      <c r="GL1774" s="126"/>
      <c r="GM1774" s="91"/>
      <c r="GN1774" s="91"/>
      <c r="GO1774" s="91"/>
      <c r="GP1774" s="91"/>
      <c r="GQ1774" s="91"/>
      <c r="GR1774" s="91"/>
      <c r="GS1774" s="91"/>
      <c r="GT1774" s="91"/>
      <c r="GU1774" s="91"/>
      <c r="GV1774" s="91"/>
      <c r="GW1774" s="91"/>
      <c r="GX1774" s="91"/>
      <c r="GY1774" s="91"/>
      <c r="GZ1774" s="91"/>
      <c r="HA1774" s="91"/>
      <c r="HB1774" s="91"/>
      <c r="HC1774" s="91"/>
      <c r="HD1774" s="91"/>
      <c r="HE1774" s="91"/>
      <c r="HF1774" s="91"/>
      <c r="HG1774" s="91"/>
      <c r="HH1774" s="91"/>
      <c r="HI1774" s="91"/>
      <c r="HJ1774" s="91"/>
      <c r="HK1774" s="127"/>
      <c r="HL1774" s="126"/>
      <c r="HM1774" s="91"/>
      <c r="HN1774" s="91"/>
      <c r="HO1774" s="91"/>
      <c r="HP1774" s="91"/>
      <c r="HQ1774" s="91"/>
      <c r="HR1774" s="91"/>
      <c r="HS1774" s="91"/>
      <c r="HT1774" s="91"/>
      <c r="HU1774" s="91"/>
      <c r="HV1774" s="91"/>
      <c r="HW1774" s="91"/>
      <c r="HX1774" s="91"/>
      <c r="HY1774" s="91"/>
      <c r="HZ1774" s="91"/>
      <c r="IA1774" s="91"/>
      <c r="IB1774" s="91"/>
      <c r="IC1774" s="91"/>
      <c r="ID1774" s="91"/>
      <c r="IE1774" s="91"/>
      <c r="IF1774" s="91"/>
      <c r="IG1774" s="91"/>
      <c r="IH1774" s="91"/>
      <c r="II1774" s="91"/>
      <c r="IJ1774" s="91"/>
      <c r="IK1774" s="127"/>
    </row>
    <row r="1775" spans="2:245" x14ac:dyDescent="0.2">
      <c r="B1775" s="43"/>
      <c r="C1775" s="73"/>
      <c r="D1775" s="64"/>
      <c r="E1775" s="64"/>
      <c r="F1775" s="55"/>
      <c r="G1775" s="102"/>
      <c r="H1775" s="55"/>
      <c r="I1775" s="55"/>
      <c r="J1775" s="55"/>
      <c r="K1775" s="55"/>
      <c r="L1775" s="55"/>
      <c r="M1775" s="55"/>
      <c r="N1775" s="55"/>
      <c r="O1775" s="55"/>
      <c r="P1775" s="55"/>
      <c r="Q1775" s="55"/>
      <c r="R1775" s="55"/>
      <c r="S1775" s="55"/>
      <c r="T1775" s="55"/>
      <c r="U1775" s="55"/>
      <c r="V1775" s="55"/>
      <c r="W1775" s="55"/>
      <c r="X1775" s="55"/>
      <c r="Y1775" s="55"/>
      <c r="Z1775" s="55"/>
      <c r="AA1775" s="55"/>
      <c r="AB1775" s="55"/>
      <c r="AC1775" s="55"/>
      <c r="AD1775" s="55"/>
      <c r="AE1775" s="55"/>
      <c r="AF1775" s="55"/>
      <c r="AG1775" s="55"/>
      <c r="AY1775" s="162"/>
      <c r="AZ1775" s="162"/>
      <c r="BA1775" s="162"/>
      <c r="BB1775" s="162"/>
      <c r="BC1775" s="162"/>
      <c r="BD1775" s="162"/>
      <c r="BE1775" s="162"/>
      <c r="BF1775" s="162"/>
      <c r="BG1775" s="162"/>
      <c r="BH1775" s="162"/>
      <c r="BI1775" s="162"/>
      <c r="BJ1775" s="162"/>
      <c r="BK1775" s="162"/>
      <c r="BL1775" s="162"/>
      <c r="BM1775" s="162"/>
      <c r="BN1775" s="162"/>
      <c r="BO1775" s="162"/>
      <c r="BP1775" s="162"/>
      <c r="BQ1775" s="162"/>
      <c r="BR1775" s="162"/>
      <c r="BS1775" s="162"/>
      <c r="BT1775" s="162"/>
      <c r="BU1775" s="162"/>
      <c r="BV1775" s="162"/>
      <c r="BW1775" s="162"/>
      <c r="BX1775" s="162"/>
      <c r="BY1775" s="162"/>
      <c r="BZ1775" s="162"/>
      <c r="CA1775" s="162"/>
      <c r="CB1775" s="162"/>
      <c r="CC1775" s="162"/>
      <c r="CD1775" s="162"/>
      <c r="CE1775" s="162"/>
      <c r="CF1775" s="162"/>
      <c r="CG1775" s="162"/>
      <c r="CH1775" s="162"/>
      <c r="CI1775" s="162"/>
      <c r="CJ1775" s="162"/>
      <c r="CK1775" s="162"/>
      <c r="CX1775" s="98"/>
      <c r="DL1775" s="97"/>
      <c r="DX1775" s="98"/>
      <c r="EL1775" s="97"/>
      <c r="EX1775" s="98"/>
      <c r="EY1775" s="97"/>
      <c r="FL1775" s="126"/>
      <c r="FM1775" s="91"/>
      <c r="FN1775" s="91"/>
      <c r="FO1775" s="91"/>
      <c r="FP1775" s="91"/>
      <c r="FQ1775" s="91"/>
      <c r="FR1775" s="91"/>
      <c r="FS1775" s="91"/>
      <c r="FT1775" s="91"/>
      <c r="FU1775" s="91"/>
      <c r="FV1775" s="91"/>
      <c r="FW1775" s="91"/>
      <c r="FX1775" s="91"/>
      <c r="FY1775" s="91"/>
      <c r="FZ1775" s="91"/>
      <c r="GA1775" s="91"/>
      <c r="GB1775" s="91"/>
      <c r="GC1775" s="91"/>
      <c r="GD1775" s="91"/>
      <c r="GE1775" s="91"/>
      <c r="GF1775" s="91"/>
      <c r="GG1775" s="91"/>
      <c r="GH1775" s="91"/>
      <c r="GI1775" s="91"/>
      <c r="GJ1775" s="91"/>
      <c r="GK1775" s="127"/>
      <c r="GL1775" s="126"/>
      <c r="GM1775" s="91"/>
      <c r="GN1775" s="91"/>
      <c r="GO1775" s="91"/>
      <c r="GP1775" s="91"/>
      <c r="GQ1775" s="91"/>
      <c r="GR1775" s="91"/>
      <c r="GS1775" s="91"/>
      <c r="GT1775" s="91"/>
      <c r="GU1775" s="91"/>
      <c r="GV1775" s="91"/>
      <c r="GW1775" s="91"/>
      <c r="GX1775" s="91"/>
      <c r="GY1775" s="91"/>
      <c r="GZ1775" s="91"/>
      <c r="HA1775" s="91"/>
      <c r="HB1775" s="91"/>
      <c r="HC1775" s="91"/>
      <c r="HD1775" s="91"/>
      <c r="HE1775" s="91"/>
      <c r="HF1775" s="91"/>
      <c r="HG1775" s="91"/>
      <c r="HH1775" s="91"/>
      <c r="HI1775" s="91"/>
      <c r="HJ1775" s="91"/>
      <c r="HK1775" s="127"/>
      <c r="HL1775" s="126"/>
      <c r="HM1775" s="91"/>
      <c r="HN1775" s="91"/>
      <c r="HO1775" s="91"/>
      <c r="HP1775" s="91"/>
      <c r="HQ1775" s="91"/>
      <c r="HR1775" s="91"/>
      <c r="HS1775" s="91"/>
      <c r="HT1775" s="91"/>
      <c r="HU1775" s="91"/>
      <c r="HV1775" s="91"/>
      <c r="HW1775" s="91"/>
      <c r="HX1775" s="91"/>
      <c r="HY1775" s="91"/>
      <c r="HZ1775" s="91"/>
      <c r="IA1775" s="91"/>
      <c r="IB1775" s="91"/>
      <c r="IC1775" s="91"/>
      <c r="ID1775" s="91"/>
      <c r="IE1775" s="91"/>
      <c r="IF1775" s="91"/>
      <c r="IG1775" s="91"/>
      <c r="IH1775" s="91"/>
      <c r="II1775" s="91"/>
      <c r="IJ1775" s="91"/>
      <c r="IK1775" s="127"/>
    </row>
    <row r="1776" spans="2:245" ht="13.5" thickBot="1" x14ac:dyDescent="0.25">
      <c r="B1776" s="43"/>
      <c r="C1776" s="73"/>
      <c r="D1776" s="64"/>
      <c r="E1776" s="64"/>
      <c r="F1776" s="55"/>
      <c r="G1776" s="102"/>
      <c r="H1776" s="55"/>
      <c r="I1776" s="55"/>
      <c r="J1776" s="55"/>
      <c r="K1776" s="55"/>
      <c r="L1776" s="55"/>
      <c r="M1776" s="55"/>
      <c r="N1776" s="55"/>
      <c r="O1776" s="55"/>
      <c r="P1776" s="55"/>
      <c r="Q1776" s="55"/>
      <c r="R1776" s="55"/>
      <c r="S1776" s="55"/>
      <c r="T1776" s="55"/>
      <c r="U1776" s="55"/>
      <c r="V1776" s="55"/>
      <c r="W1776" s="55"/>
      <c r="X1776" s="55"/>
      <c r="Y1776" s="55"/>
      <c r="Z1776" s="55"/>
      <c r="AA1776" s="55"/>
      <c r="AB1776" s="55"/>
      <c r="AC1776" s="55"/>
      <c r="AD1776" s="55"/>
      <c r="AE1776" s="55"/>
      <c r="AF1776" s="55"/>
      <c r="AG1776" s="55"/>
      <c r="AY1776" s="162"/>
      <c r="AZ1776" s="162"/>
      <c r="BA1776" s="162"/>
      <c r="BB1776" s="162"/>
      <c r="BC1776" s="162"/>
      <c r="BD1776" s="162"/>
      <c r="BE1776" s="162"/>
      <c r="BF1776" s="162"/>
      <c r="BG1776" s="162"/>
      <c r="BH1776" s="162"/>
      <c r="BI1776" s="162"/>
      <c r="BJ1776" s="162"/>
      <c r="BK1776" s="162"/>
      <c r="BL1776" s="162"/>
      <c r="BM1776" s="162"/>
      <c r="BN1776" s="162"/>
      <c r="BO1776" s="162"/>
      <c r="BP1776" s="162"/>
      <c r="BQ1776" s="162"/>
      <c r="BR1776" s="162"/>
      <c r="BS1776" s="162"/>
      <c r="BT1776" s="162"/>
      <c r="BU1776" s="162"/>
      <c r="BV1776" s="162"/>
      <c r="BW1776" s="162"/>
      <c r="BX1776" s="162"/>
      <c r="BY1776" s="162"/>
      <c r="BZ1776" s="162"/>
      <c r="CA1776" s="162"/>
      <c r="CB1776" s="162"/>
      <c r="CC1776" s="162"/>
      <c r="CD1776" s="162"/>
      <c r="CE1776" s="162"/>
      <c r="CF1776" s="162"/>
      <c r="CG1776" s="162"/>
      <c r="CH1776" s="162"/>
      <c r="CI1776" s="162"/>
      <c r="CJ1776" s="162"/>
      <c r="CK1776" s="162"/>
      <c r="CL1776" s="166"/>
      <c r="CM1776" s="166"/>
      <c r="CN1776" s="166"/>
      <c r="CO1776" s="166"/>
      <c r="CP1776" s="166"/>
      <c r="CQ1776" s="166"/>
      <c r="CR1776" s="166"/>
      <c r="CS1776" s="166"/>
      <c r="CT1776" s="166"/>
      <c r="CU1776" s="166"/>
      <c r="CV1776" s="166"/>
      <c r="CW1776" s="166"/>
      <c r="CX1776" s="176"/>
      <c r="CY1776" s="166"/>
      <c r="CZ1776" s="166"/>
      <c r="DA1776" s="166"/>
      <c r="DB1776" s="166"/>
      <c r="DC1776" s="166"/>
      <c r="DD1776" s="166"/>
      <c r="DE1776" s="166"/>
      <c r="DF1776" s="166"/>
      <c r="DG1776" s="166"/>
      <c r="DH1776" s="166"/>
      <c r="DI1776" s="166"/>
      <c r="DJ1776" s="166"/>
      <c r="DK1776" s="166"/>
      <c r="DL1776" s="175"/>
      <c r="DM1776" s="166"/>
      <c r="DN1776" s="166"/>
      <c r="DO1776" s="166"/>
      <c r="DP1776" s="166"/>
      <c r="DQ1776" s="166"/>
      <c r="DR1776" s="166"/>
      <c r="DS1776" s="166"/>
      <c r="DT1776" s="166"/>
      <c r="DU1776" s="166"/>
      <c r="DV1776" s="166"/>
      <c r="DW1776" s="166"/>
      <c r="DX1776" s="176"/>
      <c r="DY1776" s="166"/>
      <c r="DZ1776" s="166"/>
      <c r="EA1776" s="166"/>
      <c r="EB1776" s="166"/>
      <c r="EC1776" s="166"/>
      <c r="ED1776" s="166"/>
      <c r="EE1776" s="166"/>
      <c r="EF1776" s="166"/>
      <c r="EG1776" s="166"/>
      <c r="EH1776" s="166"/>
      <c r="EI1776" s="166"/>
      <c r="EJ1776" s="166"/>
      <c r="EK1776" s="166"/>
      <c r="EL1776" s="175"/>
      <c r="EM1776" s="166"/>
      <c r="EN1776" s="166"/>
      <c r="EO1776" s="166"/>
      <c r="EP1776" s="166"/>
      <c r="EQ1776" s="166"/>
      <c r="ER1776" s="166"/>
      <c r="ES1776" s="166"/>
      <c r="ET1776" s="166"/>
      <c r="EU1776" s="166"/>
      <c r="EV1776" s="166"/>
      <c r="EW1776" s="166"/>
      <c r="EX1776" s="176"/>
      <c r="EY1776" s="175"/>
      <c r="EZ1776" s="166"/>
      <c r="FA1776" s="166"/>
      <c r="FB1776" s="166"/>
      <c r="FC1776" s="166"/>
      <c r="FD1776" s="166"/>
      <c r="FE1776" s="166"/>
      <c r="FF1776" s="166"/>
      <c r="FG1776" s="166"/>
      <c r="FH1776" s="166"/>
      <c r="FI1776" s="166"/>
      <c r="FJ1776" s="166"/>
      <c r="FK1776" s="166"/>
      <c r="FL1776" s="126"/>
      <c r="FM1776" s="91"/>
      <c r="FN1776" s="91"/>
      <c r="FO1776" s="91"/>
      <c r="FP1776" s="91"/>
      <c r="FQ1776" s="91"/>
      <c r="FR1776" s="91"/>
      <c r="FS1776" s="91"/>
      <c r="FT1776" s="91"/>
      <c r="FU1776" s="91"/>
      <c r="FV1776" s="91"/>
      <c r="FW1776" s="91"/>
      <c r="FX1776" s="91"/>
      <c r="FY1776" s="91"/>
      <c r="FZ1776" s="91"/>
      <c r="GA1776" s="91"/>
      <c r="GB1776" s="91"/>
      <c r="GC1776" s="91"/>
      <c r="GD1776" s="91"/>
      <c r="GE1776" s="91"/>
      <c r="GF1776" s="91"/>
      <c r="GG1776" s="91"/>
      <c r="GH1776" s="91"/>
      <c r="GI1776" s="91"/>
      <c r="GJ1776" s="91"/>
      <c r="GK1776" s="127"/>
      <c r="GL1776" s="126"/>
      <c r="GM1776" s="91"/>
      <c r="GN1776" s="91"/>
      <c r="GO1776" s="91"/>
      <c r="GP1776" s="91"/>
      <c r="GQ1776" s="91"/>
      <c r="GR1776" s="91"/>
      <c r="GS1776" s="91"/>
      <c r="GT1776" s="91"/>
      <c r="GU1776" s="91"/>
      <c r="GV1776" s="91"/>
      <c r="GW1776" s="91"/>
      <c r="GX1776" s="91"/>
      <c r="GY1776" s="91"/>
      <c r="GZ1776" s="91"/>
      <c r="HA1776" s="91"/>
      <c r="HB1776" s="91"/>
      <c r="HC1776" s="91"/>
      <c r="HD1776" s="91"/>
      <c r="HE1776" s="91"/>
      <c r="HF1776" s="91"/>
      <c r="HG1776" s="91"/>
      <c r="HH1776" s="91"/>
      <c r="HI1776" s="91"/>
      <c r="HJ1776" s="91"/>
      <c r="HK1776" s="127"/>
      <c r="HL1776" s="126"/>
      <c r="HM1776" s="91"/>
      <c r="HN1776" s="91"/>
      <c r="HO1776" s="91"/>
      <c r="HP1776" s="91"/>
      <c r="HQ1776" s="91"/>
      <c r="HR1776" s="91"/>
      <c r="HS1776" s="91"/>
      <c r="HT1776" s="91"/>
      <c r="HU1776" s="91"/>
      <c r="HV1776" s="91"/>
      <c r="HW1776" s="91"/>
      <c r="HX1776" s="91"/>
      <c r="HY1776" s="91"/>
      <c r="HZ1776" s="91"/>
      <c r="IA1776" s="91"/>
      <c r="IB1776" s="91"/>
      <c r="IC1776" s="91"/>
      <c r="ID1776" s="91"/>
      <c r="IE1776" s="91"/>
      <c r="IF1776" s="91"/>
      <c r="IG1776" s="91"/>
      <c r="IH1776" s="91"/>
      <c r="II1776" s="91"/>
      <c r="IJ1776" s="91"/>
      <c r="IK1776" s="127"/>
    </row>
    <row r="1777" spans="2:245" x14ac:dyDescent="0.2">
      <c r="B1777" s="43"/>
      <c r="C1777" s="73"/>
      <c r="D1777" s="64"/>
      <c r="E1777" s="64"/>
      <c r="F1777" s="55"/>
      <c r="G1777" s="102"/>
      <c r="H1777" s="55"/>
      <c r="I1777" s="55"/>
      <c r="J1777" s="55"/>
      <c r="K1777" s="55"/>
      <c r="L1777" s="55"/>
      <c r="M1777" s="55"/>
      <c r="N1777" s="55"/>
      <c r="O1777" s="55"/>
      <c r="P1777" s="55"/>
      <c r="Q1777" s="55"/>
      <c r="R1777" s="55"/>
      <c r="S1777" s="55"/>
      <c r="T1777" s="55"/>
      <c r="U1777" s="55"/>
      <c r="V1777" s="55"/>
      <c r="W1777" s="55"/>
      <c r="X1777" s="55"/>
      <c r="Y1777" s="55"/>
      <c r="Z1777" s="55"/>
      <c r="AA1777" s="55"/>
      <c r="AB1777" s="55"/>
      <c r="AC1777" s="55"/>
      <c r="AD1777" s="55"/>
      <c r="AE1777" s="55"/>
      <c r="AF1777" s="55"/>
      <c r="AG1777" s="55"/>
      <c r="AY1777" s="162"/>
      <c r="AZ1777" s="162"/>
      <c r="BA1777" s="162"/>
      <c r="BB1777" s="162"/>
      <c r="BC1777" s="162"/>
      <c r="BD1777" s="162"/>
      <c r="BE1777" s="162"/>
      <c r="BF1777" s="162"/>
      <c r="BG1777" s="162"/>
      <c r="BH1777" s="162"/>
      <c r="BI1777" s="162"/>
      <c r="BJ1777" s="162"/>
      <c r="BK1777" s="162"/>
      <c r="BL1777" s="162"/>
      <c r="BM1777" s="162"/>
      <c r="BN1777" s="162"/>
      <c r="BO1777" s="162"/>
      <c r="BP1777" s="162"/>
      <c r="BQ1777" s="162"/>
      <c r="BR1777" s="162"/>
      <c r="BS1777" s="162"/>
      <c r="BT1777" s="162"/>
      <c r="BU1777" s="162"/>
      <c r="BV1777" s="162"/>
      <c r="BW1777" s="162"/>
      <c r="BX1777" s="162"/>
      <c r="BY1777" s="162"/>
      <c r="BZ1777" s="162"/>
      <c r="CA1777" s="162"/>
      <c r="CB1777" s="162"/>
      <c r="CC1777" s="162"/>
      <c r="CD1777" s="162"/>
      <c r="CE1777" s="162"/>
      <c r="CF1777" s="162"/>
      <c r="CG1777" s="162"/>
      <c r="CH1777" s="162"/>
      <c r="CI1777" s="162"/>
      <c r="CJ1777" s="162"/>
      <c r="CK1777" s="162"/>
      <c r="CX1777" s="98"/>
      <c r="DL1777" s="97"/>
      <c r="DX1777" s="98"/>
      <c r="EL1777" s="97"/>
      <c r="EX1777" s="98"/>
      <c r="EY1777" s="97"/>
      <c r="FL1777" s="126"/>
      <c r="FM1777" s="91"/>
      <c r="FN1777" s="91"/>
      <c r="FO1777" s="91"/>
      <c r="FP1777" s="91"/>
      <c r="FQ1777" s="91"/>
      <c r="FR1777" s="91"/>
      <c r="FS1777" s="91"/>
      <c r="FT1777" s="91"/>
      <c r="FU1777" s="91"/>
      <c r="FV1777" s="91"/>
      <c r="FW1777" s="91"/>
      <c r="FX1777" s="91"/>
      <c r="FY1777" s="91"/>
      <c r="FZ1777" s="91"/>
      <c r="GA1777" s="91"/>
      <c r="GB1777" s="91"/>
      <c r="GC1777" s="91"/>
      <c r="GD1777" s="91"/>
      <c r="GE1777" s="91"/>
      <c r="GF1777" s="91"/>
      <c r="GG1777" s="91"/>
      <c r="GH1777" s="91"/>
      <c r="GI1777" s="91"/>
      <c r="GJ1777" s="91"/>
      <c r="GK1777" s="127"/>
      <c r="GL1777" s="126"/>
      <c r="GM1777" s="91"/>
      <c r="GN1777" s="91"/>
      <c r="GO1777" s="91"/>
      <c r="GP1777" s="91"/>
      <c r="GQ1777" s="91"/>
      <c r="GR1777" s="91"/>
      <c r="GS1777" s="91"/>
      <c r="GT1777" s="91"/>
      <c r="GU1777" s="91"/>
      <c r="GV1777" s="91"/>
      <c r="GW1777" s="91"/>
      <c r="GX1777" s="91"/>
      <c r="GY1777" s="91"/>
      <c r="GZ1777" s="91"/>
      <c r="HA1777" s="91"/>
      <c r="HB1777" s="91"/>
      <c r="HC1777" s="91"/>
      <c r="HD1777" s="91"/>
      <c r="HE1777" s="91"/>
      <c r="HF1777" s="91"/>
      <c r="HG1777" s="91"/>
      <c r="HH1777" s="91"/>
      <c r="HI1777" s="91"/>
      <c r="HJ1777" s="91"/>
      <c r="HK1777" s="127"/>
      <c r="HL1777" s="126"/>
      <c r="HM1777" s="91"/>
      <c r="HN1777" s="91"/>
      <c r="HO1777" s="91"/>
      <c r="HP1777" s="91"/>
      <c r="HQ1777" s="91"/>
      <c r="HR1777" s="91"/>
      <c r="HS1777" s="91"/>
      <c r="HT1777" s="91"/>
      <c r="HU1777" s="91"/>
      <c r="HV1777" s="91"/>
      <c r="HW1777" s="91"/>
      <c r="HX1777" s="91"/>
      <c r="HY1777" s="91"/>
      <c r="HZ1777" s="91"/>
      <c r="IA1777" s="91"/>
      <c r="IB1777" s="91"/>
      <c r="IC1777" s="91"/>
      <c r="ID1777" s="91"/>
      <c r="IE1777" s="91"/>
      <c r="IF1777" s="91"/>
      <c r="IG1777" s="91"/>
      <c r="IH1777" s="91"/>
      <c r="II1777" s="91"/>
      <c r="IJ1777" s="91"/>
      <c r="IK1777" s="127"/>
    </row>
    <row r="1778" spans="2:245" x14ac:dyDescent="0.2">
      <c r="B1778" s="43"/>
      <c r="C1778" s="73"/>
      <c r="D1778" s="64"/>
      <c r="E1778" s="64"/>
      <c r="F1778" s="55"/>
      <c r="G1778" s="102"/>
      <c r="H1778" s="55"/>
      <c r="I1778" s="55"/>
      <c r="J1778" s="55"/>
      <c r="K1778" s="55"/>
      <c r="L1778" s="55"/>
      <c r="M1778" s="55"/>
      <c r="N1778" s="55"/>
      <c r="O1778" s="55"/>
      <c r="P1778" s="55"/>
      <c r="Q1778" s="55"/>
      <c r="R1778" s="55"/>
      <c r="S1778" s="55"/>
      <c r="T1778" s="55"/>
      <c r="U1778" s="55"/>
      <c r="V1778" s="55"/>
      <c r="W1778" s="55"/>
      <c r="X1778" s="55"/>
      <c r="Y1778" s="55"/>
      <c r="Z1778" s="55"/>
      <c r="AA1778" s="55"/>
      <c r="AB1778" s="55"/>
      <c r="AC1778" s="55"/>
      <c r="AD1778" s="55"/>
      <c r="AE1778" s="55"/>
      <c r="AF1778" s="55"/>
      <c r="AG1778" s="55"/>
      <c r="AY1778" s="162"/>
      <c r="AZ1778" s="162"/>
      <c r="BA1778" s="162"/>
      <c r="BB1778" s="162"/>
      <c r="BC1778" s="162"/>
      <c r="BD1778" s="162"/>
      <c r="BE1778" s="162"/>
      <c r="BF1778" s="162"/>
      <c r="BG1778" s="162"/>
      <c r="BH1778" s="162"/>
      <c r="BI1778" s="162"/>
      <c r="BJ1778" s="162"/>
      <c r="BK1778" s="162"/>
      <c r="BL1778" s="162"/>
      <c r="BM1778" s="162"/>
      <c r="BN1778" s="162"/>
      <c r="BO1778" s="162"/>
      <c r="BP1778" s="162"/>
      <c r="BQ1778" s="162"/>
      <c r="BR1778" s="162"/>
      <c r="BS1778" s="162"/>
      <c r="BT1778" s="162"/>
      <c r="BU1778" s="162"/>
      <c r="BV1778" s="162"/>
      <c r="BW1778" s="162"/>
      <c r="BX1778" s="162"/>
      <c r="BY1778" s="162"/>
      <c r="BZ1778" s="162"/>
      <c r="CA1778" s="162"/>
      <c r="CB1778" s="162"/>
      <c r="CC1778" s="162"/>
      <c r="CD1778" s="162"/>
      <c r="CE1778" s="162"/>
      <c r="CF1778" s="162"/>
      <c r="CG1778" s="162"/>
      <c r="CH1778" s="162"/>
      <c r="CI1778" s="162"/>
      <c r="CJ1778" s="162"/>
      <c r="CK1778" s="162"/>
      <c r="CX1778" s="98"/>
      <c r="DL1778" s="97"/>
      <c r="DX1778" s="98"/>
      <c r="EL1778" s="97"/>
      <c r="EX1778" s="98"/>
      <c r="EY1778" s="97"/>
      <c r="FL1778" s="126"/>
      <c r="FM1778" s="91"/>
      <c r="FN1778" s="91"/>
      <c r="FO1778" s="91"/>
      <c r="FP1778" s="91"/>
      <c r="FQ1778" s="91"/>
      <c r="FR1778" s="91"/>
      <c r="FS1778" s="91"/>
      <c r="FT1778" s="91"/>
      <c r="FU1778" s="91"/>
      <c r="FV1778" s="91"/>
      <c r="FW1778" s="91"/>
      <c r="FX1778" s="91"/>
      <c r="FY1778" s="91"/>
      <c r="FZ1778" s="91"/>
      <c r="GA1778" s="91"/>
      <c r="GB1778" s="91"/>
      <c r="GC1778" s="91"/>
      <c r="GD1778" s="91"/>
      <c r="GE1778" s="91"/>
      <c r="GF1778" s="91"/>
      <c r="GG1778" s="91"/>
      <c r="GH1778" s="91"/>
      <c r="GI1778" s="91"/>
      <c r="GJ1778" s="91"/>
      <c r="GK1778" s="127"/>
      <c r="GL1778" s="126"/>
      <c r="GM1778" s="91"/>
      <c r="GN1778" s="91"/>
      <c r="GO1778" s="91"/>
      <c r="GP1778" s="91"/>
      <c r="GQ1778" s="91"/>
      <c r="GR1778" s="91"/>
      <c r="GS1778" s="91"/>
      <c r="GT1778" s="91"/>
      <c r="GU1778" s="91"/>
      <c r="GV1778" s="91"/>
      <c r="GW1778" s="91"/>
      <c r="GX1778" s="91"/>
      <c r="GY1778" s="91"/>
      <c r="GZ1778" s="91"/>
      <c r="HA1778" s="91"/>
      <c r="HB1778" s="91"/>
      <c r="HC1778" s="91"/>
      <c r="HD1778" s="91"/>
      <c r="HE1778" s="91"/>
      <c r="HF1778" s="91"/>
      <c r="HG1778" s="91"/>
      <c r="HH1778" s="91"/>
      <c r="HI1778" s="91"/>
      <c r="HJ1778" s="91"/>
      <c r="HK1778" s="127"/>
      <c r="HL1778" s="126"/>
      <c r="HM1778" s="91"/>
      <c r="HN1778" s="91"/>
      <c r="HO1778" s="91"/>
      <c r="HP1778" s="91"/>
      <c r="HQ1778" s="91"/>
      <c r="HR1778" s="91"/>
      <c r="HS1778" s="91"/>
      <c r="HT1778" s="91"/>
      <c r="HU1778" s="91"/>
      <c r="HV1778" s="91"/>
      <c r="HW1778" s="91"/>
      <c r="HX1778" s="91"/>
      <c r="HY1778" s="91"/>
      <c r="HZ1778" s="91"/>
      <c r="IA1778" s="91"/>
      <c r="IB1778" s="91"/>
      <c r="IC1778" s="91"/>
      <c r="ID1778" s="91"/>
      <c r="IE1778" s="91"/>
      <c r="IF1778" s="91"/>
      <c r="IG1778" s="91"/>
      <c r="IH1778" s="91"/>
      <c r="II1778" s="91"/>
      <c r="IJ1778" s="91"/>
      <c r="IK1778" s="127"/>
    </row>
    <row r="1779" spans="2:245" x14ac:dyDescent="0.2">
      <c r="B1779" s="43"/>
      <c r="C1779" s="73"/>
      <c r="D1779" s="64"/>
      <c r="E1779" s="64"/>
      <c r="F1779" s="55"/>
      <c r="G1779" s="102"/>
      <c r="H1779" s="55"/>
      <c r="I1779" s="55"/>
      <c r="J1779" s="55"/>
      <c r="K1779" s="55"/>
      <c r="L1779" s="55"/>
      <c r="M1779" s="55"/>
      <c r="N1779" s="55"/>
      <c r="O1779" s="55"/>
      <c r="P1779" s="55"/>
      <c r="Q1779" s="55"/>
      <c r="R1779" s="55"/>
      <c r="S1779" s="55"/>
      <c r="T1779" s="55"/>
      <c r="U1779" s="55"/>
      <c r="V1779" s="55"/>
      <c r="W1779" s="55"/>
      <c r="X1779" s="55"/>
      <c r="Y1779" s="55"/>
      <c r="Z1779" s="55"/>
      <c r="AA1779" s="55"/>
      <c r="AB1779" s="55"/>
      <c r="AC1779" s="55"/>
      <c r="AD1779" s="55"/>
      <c r="AE1779" s="55"/>
      <c r="AF1779" s="55"/>
      <c r="AG1779" s="55"/>
      <c r="AY1779" s="162"/>
      <c r="AZ1779" s="162"/>
      <c r="BA1779" s="162"/>
      <c r="BB1779" s="162"/>
      <c r="BC1779" s="162"/>
      <c r="BD1779" s="162"/>
      <c r="BE1779" s="162"/>
      <c r="BF1779" s="162"/>
      <c r="BG1779" s="162"/>
      <c r="BH1779" s="162"/>
      <c r="BI1779" s="162"/>
      <c r="BJ1779" s="162"/>
      <c r="BK1779" s="162"/>
      <c r="BL1779" s="162"/>
      <c r="BM1779" s="162"/>
      <c r="BN1779" s="162"/>
      <c r="BO1779" s="162"/>
      <c r="BP1779" s="162"/>
      <c r="BQ1779" s="162"/>
      <c r="BR1779" s="162"/>
      <c r="BS1779" s="162"/>
      <c r="BT1779" s="162"/>
      <c r="BU1779" s="162"/>
      <c r="BV1779" s="162"/>
      <c r="BW1779" s="162"/>
      <c r="BX1779" s="162"/>
      <c r="BY1779" s="162"/>
      <c r="BZ1779" s="162"/>
      <c r="CA1779" s="162"/>
      <c r="CB1779" s="162"/>
      <c r="CC1779" s="162"/>
      <c r="CD1779" s="162"/>
      <c r="CE1779" s="162"/>
      <c r="CF1779" s="162"/>
      <c r="CG1779" s="162"/>
      <c r="CH1779" s="162"/>
      <c r="CI1779" s="162"/>
      <c r="CJ1779" s="162"/>
      <c r="CK1779" s="162"/>
      <c r="CX1779" s="98"/>
      <c r="DL1779" s="97"/>
      <c r="DX1779" s="98"/>
      <c r="EL1779" s="97"/>
      <c r="EX1779" s="98"/>
      <c r="EY1779" s="97"/>
      <c r="FL1779" s="126"/>
      <c r="FM1779" s="91"/>
      <c r="FN1779" s="91"/>
      <c r="FO1779" s="91"/>
      <c r="FP1779" s="91"/>
      <c r="FQ1779" s="91"/>
      <c r="FR1779" s="91"/>
      <c r="FS1779" s="91"/>
      <c r="FT1779" s="91"/>
      <c r="FU1779" s="91"/>
      <c r="FV1779" s="91"/>
      <c r="FW1779" s="91"/>
      <c r="FX1779" s="91"/>
      <c r="FY1779" s="91"/>
      <c r="FZ1779" s="91"/>
      <c r="GA1779" s="91"/>
      <c r="GB1779" s="91"/>
      <c r="GC1779" s="91"/>
      <c r="GD1779" s="91"/>
      <c r="GE1779" s="91"/>
      <c r="GF1779" s="91"/>
      <c r="GG1779" s="91"/>
      <c r="GH1779" s="91"/>
      <c r="GI1779" s="91"/>
      <c r="GJ1779" s="91"/>
      <c r="GK1779" s="127"/>
      <c r="GL1779" s="126"/>
      <c r="GM1779" s="91"/>
      <c r="GN1779" s="91"/>
      <c r="GO1779" s="91"/>
      <c r="GP1779" s="91"/>
      <c r="GQ1779" s="91"/>
      <c r="GR1779" s="91"/>
      <c r="GS1779" s="91"/>
      <c r="GT1779" s="91"/>
      <c r="GU1779" s="91"/>
      <c r="GV1779" s="91"/>
      <c r="GW1779" s="91"/>
      <c r="GX1779" s="91"/>
      <c r="GY1779" s="91"/>
      <c r="GZ1779" s="91"/>
      <c r="HA1779" s="91"/>
      <c r="HB1779" s="91"/>
      <c r="HC1779" s="91"/>
      <c r="HD1779" s="91"/>
      <c r="HE1779" s="91"/>
      <c r="HF1779" s="91"/>
      <c r="HG1779" s="91"/>
      <c r="HH1779" s="91"/>
      <c r="HI1779" s="91"/>
      <c r="HJ1779" s="91"/>
      <c r="HK1779" s="127"/>
      <c r="HL1779" s="126"/>
      <c r="HM1779" s="91"/>
      <c r="HN1779" s="91"/>
      <c r="HO1779" s="91"/>
      <c r="HP1779" s="91"/>
      <c r="HQ1779" s="91"/>
      <c r="HR1779" s="91"/>
      <c r="HS1779" s="91"/>
      <c r="HT1779" s="91"/>
      <c r="HU1779" s="91"/>
      <c r="HV1779" s="91"/>
      <c r="HW1779" s="91"/>
      <c r="HX1779" s="91"/>
      <c r="HY1779" s="91"/>
      <c r="HZ1779" s="91"/>
      <c r="IA1779" s="91"/>
      <c r="IB1779" s="91"/>
      <c r="IC1779" s="91"/>
      <c r="ID1779" s="91"/>
      <c r="IE1779" s="91"/>
      <c r="IF1779" s="91"/>
      <c r="IG1779" s="91"/>
      <c r="IH1779" s="91"/>
      <c r="II1779" s="91"/>
      <c r="IJ1779" s="91"/>
      <c r="IK1779" s="127"/>
    </row>
    <row r="1780" spans="2:245" x14ac:dyDescent="0.2">
      <c r="B1780" s="43"/>
      <c r="C1780" s="73"/>
      <c r="D1780" s="64"/>
      <c r="E1780" s="64"/>
      <c r="F1780" s="55"/>
      <c r="G1780" s="102"/>
      <c r="H1780" s="55"/>
      <c r="I1780" s="55"/>
      <c r="J1780" s="55"/>
      <c r="K1780" s="55"/>
      <c r="L1780" s="55"/>
      <c r="M1780" s="55"/>
      <c r="N1780" s="55"/>
      <c r="O1780" s="55"/>
      <c r="P1780" s="55"/>
      <c r="Q1780" s="55"/>
      <c r="R1780" s="55"/>
      <c r="S1780" s="55"/>
      <c r="T1780" s="55"/>
      <c r="U1780" s="55"/>
      <c r="V1780" s="55"/>
      <c r="W1780" s="55"/>
      <c r="X1780" s="55"/>
      <c r="Y1780" s="55"/>
      <c r="Z1780" s="55"/>
      <c r="AA1780" s="55"/>
      <c r="AB1780" s="55"/>
      <c r="AC1780" s="55"/>
      <c r="AD1780" s="55"/>
      <c r="AE1780" s="55"/>
      <c r="AF1780" s="55"/>
      <c r="AG1780" s="55"/>
      <c r="AY1780" s="162"/>
      <c r="AZ1780" s="162"/>
      <c r="BA1780" s="162"/>
      <c r="BB1780" s="162"/>
      <c r="BC1780" s="162"/>
      <c r="BD1780" s="162"/>
      <c r="BE1780" s="162"/>
      <c r="BF1780" s="162"/>
      <c r="BG1780" s="162"/>
      <c r="BH1780" s="162"/>
      <c r="BI1780" s="162"/>
      <c r="BJ1780" s="162"/>
      <c r="BK1780" s="162"/>
      <c r="BL1780" s="162"/>
      <c r="BM1780" s="162"/>
      <c r="BN1780" s="162"/>
      <c r="BO1780" s="162"/>
      <c r="BP1780" s="162"/>
      <c r="BQ1780" s="162"/>
      <c r="BR1780" s="162"/>
      <c r="BS1780" s="162"/>
      <c r="BT1780" s="162"/>
      <c r="BU1780" s="162"/>
      <c r="BV1780" s="162"/>
      <c r="BW1780" s="162"/>
      <c r="BX1780" s="162"/>
      <c r="BY1780" s="162"/>
      <c r="BZ1780" s="162"/>
      <c r="CA1780" s="162"/>
      <c r="CB1780" s="162"/>
      <c r="CC1780" s="162"/>
      <c r="CD1780" s="162"/>
      <c r="CE1780" s="162"/>
      <c r="CF1780" s="162"/>
      <c r="CG1780" s="162"/>
      <c r="CH1780" s="162"/>
      <c r="CI1780" s="162"/>
      <c r="CJ1780" s="162"/>
      <c r="CK1780" s="162"/>
      <c r="CX1780" s="98"/>
      <c r="DL1780" s="97"/>
      <c r="DX1780" s="98"/>
      <c r="EL1780" s="97"/>
      <c r="EX1780" s="98"/>
      <c r="EY1780" s="97"/>
      <c r="FL1780" s="126"/>
      <c r="FM1780" s="91"/>
      <c r="FN1780" s="91"/>
      <c r="FO1780" s="91"/>
      <c r="FP1780" s="91"/>
      <c r="FQ1780" s="91"/>
      <c r="FR1780" s="91"/>
      <c r="FS1780" s="91"/>
      <c r="FT1780" s="91"/>
      <c r="FU1780" s="91"/>
      <c r="FV1780" s="91"/>
      <c r="FW1780" s="91"/>
      <c r="FX1780" s="91"/>
      <c r="FY1780" s="91"/>
      <c r="FZ1780" s="91"/>
      <c r="GA1780" s="91"/>
      <c r="GB1780" s="91"/>
      <c r="GC1780" s="91"/>
      <c r="GD1780" s="91"/>
      <c r="GE1780" s="91"/>
      <c r="GF1780" s="91"/>
      <c r="GG1780" s="91"/>
      <c r="GH1780" s="91"/>
      <c r="GI1780" s="91"/>
      <c r="GJ1780" s="91"/>
      <c r="GK1780" s="127"/>
      <c r="GL1780" s="126"/>
      <c r="GM1780" s="91"/>
      <c r="GN1780" s="91"/>
      <c r="GO1780" s="91"/>
      <c r="GP1780" s="91"/>
      <c r="GQ1780" s="91"/>
      <c r="GR1780" s="91"/>
      <c r="GS1780" s="91"/>
      <c r="GT1780" s="91"/>
      <c r="GU1780" s="91"/>
      <c r="GV1780" s="91"/>
      <c r="GW1780" s="91"/>
      <c r="GX1780" s="91"/>
      <c r="GY1780" s="91"/>
      <c r="GZ1780" s="91"/>
      <c r="HA1780" s="91"/>
      <c r="HB1780" s="91"/>
      <c r="HC1780" s="91"/>
      <c r="HD1780" s="91"/>
      <c r="HE1780" s="91"/>
      <c r="HF1780" s="91"/>
      <c r="HG1780" s="91"/>
      <c r="HH1780" s="91"/>
      <c r="HI1780" s="91"/>
      <c r="HJ1780" s="91"/>
      <c r="HK1780" s="127"/>
      <c r="HL1780" s="126"/>
      <c r="HM1780" s="91"/>
      <c r="HN1780" s="91"/>
      <c r="HO1780" s="91"/>
      <c r="HP1780" s="91"/>
      <c r="HQ1780" s="91"/>
      <c r="HR1780" s="91"/>
      <c r="HS1780" s="91"/>
      <c r="HT1780" s="91"/>
      <c r="HU1780" s="91"/>
      <c r="HV1780" s="91"/>
      <c r="HW1780" s="91"/>
      <c r="HX1780" s="91"/>
      <c r="HY1780" s="91"/>
      <c r="HZ1780" s="91"/>
      <c r="IA1780" s="91"/>
      <c r="IB1780" s="91"/>
      <c r="IC1780" s="91"/>
      <c r="ID1780" s="91"/>
      <c r="IE1780" s="91"/>
      <c r="IF1780" s="91"/>
      <c r="IG1780" s="91"/>
      <c r="IH1780" s="91"/>
      <c r="II1780" s="91"/>
      <c r="IJ1780" s="91"/>
      <c r="IK1780" s="127"/>
    </row>
    <row r="1781" spans="2:245" x14ac:dyDescent="0.2">
      <c r="B1781" s="43"/>
      <c r="C1781" s="73"/>
      <c r="D1781" s="64"/>
      <c r="E1781" s="64"/>
      <c r="F1781" s="55"/>
      <c r="G1781" s="102"/>
      <c r="H1781" s="55"/>
      <c r="I1781" s="55"/>
      <c r="J1781" s="55"/>
      <c r="K1781" s="55"/>
      <c r="L1781" s="55"/>
      <c r="M1781" s="55"/>
      <c r="N1781" s="55"/>
      <c r="O1781" s="55"/>
      <c r="P1781" s="55"/>
      <c r="Q1781" s="55"/>
      <c r="R1781" s="55"/>
      <c r="S1781" s="55"/>
      <c r="T1781" s="55"/>
      <c r="U1781" s="55"/>
      <c r="V1781" s="55"/>
      <c r="W1781" s="55"/>
      <c r="X1781" s="55"/>
      <c r="Y1781" s="55"/>
      <c r="Z1781" s="55"/>
      <c r="AA1781" s="55"/>
      <c r="AB1781" s="55"/>
      <c r="AC1781" s="55"/>
      <c r="AD1781" s="55"/>
      <c r="AE1781" s="55"/>
      <c r="AF1781" s="55"/>
      <c r="AG1781" s="55"/>
      <c r="AY1781" s="162"/>
      <c r="AZ1781" s="162"/>
      <c r="BA1781" s="162"/>
      <c r="BB1781" s="162"/>
      <c r="BC1781" s="162"/>
      <c r="BD1781" s="162"/>
      <c r="BE1781" s="162"/>
      <c r="BF1781" s="162"/>
      <c r="BG1781" s="162"/>
      <c r="BH1781" s="162"/>
      <c r="BI1781" s="162"/>
      <c r="BJ1781" s="162"/>
      <c r="BK1781" s="162"/>
      <c r="BL1781" s="162"/>
      <c r="BM1781" s="162"/>
      <c r="BN1781" s="162"/>
      <c r="BO1781" s="162"/>
      <c r="BP1781" s="162"/>
      <c r="BQ1781" s="162"/>
      <c r="BR1781" s="162"/>
      <c r="BS1781" s="162"/>
      <c r="BT1781" s="162"/>
      <c r="BU1781" s="162"/>
      <c r="BV1781" s="162"/>
      <c r="BW1781" s="162"/>
      <c r="BX1781" s="162"/>
      <c r="BY1781" s="162"/>
      <c r="BZ1781" s="162"/>
      <c r="CA1781" s="162"/>
      <c r="CB1781" s="162"/>
      <c r="CC1781" s="162"/>
      <c r="CD1781" s="162"/>
      <c r="CE1781" s="162"/>
      <c r="CF1781" s="162"/>
      <c r="CG1781" s="162"/>
      <c r="CH1781" s="162"/>
      <c r="CI1781" s="162"/>
      <c r="CJ1781" s="162"/>
      <c r="CK1781" s="162"/>
      <c r="CX1781" s="98"/>
      <c r="DL1781" s="97"/>
      <c r="DX1781" s="98"/>
      <c r="EL1781" s="97"/>
      <c r="EX1781" s="98"/>
      <c r="EY1781" s="97"/>
      <c r="FL1781" s="126"/>
      <c r="FM1781" s="91"/>
      <c r="FN1781" s="91"/>
      <c r="FO1781" s="91"/>
      <c r="FP1781" s="91"/>
      <c r="FQ1781" s="91"/>
      <c r="FR1781" s="91"/>
      <c r="FS1781" s="91"/>
      <c r="FT1781" s="91"/>
      <c r="FU1781" s="91"/>
      <c r="FV1781" s="91"/>
      <c r="FW1781" s="91"/>
      <c r="FX1781" s="91"/>
      <c r="FY1781" s="91"/>
      <c r="FZ1781" s="91"/>
      <c r="GA1781" s="91"/>
      <c r="GB1781" s="91"/>
      <c r="GC1781" s="91"/>
      <c r="GD1781" s="91"/>
      <c r="GE1781" s="91"/>
      <c r="GF1781" s="91"/>
      <c r="GG1781" s="91"/>
      <c r="GH1781" s="91"/>
      <c r="GI1781" s="91"/>
      <c r="GJ1781" s="91"/>
      <c r="GK1781" s="127"/>
      <c r="GL1781" s="126"/>
      <c r="GM1781" s="91"/>
      <c r="GN1781" s="91"/>
      <c r="GO1781" s="91"/>
      <c r="GP1781" s="91"/>
      <c r="GQ1781" s="91"/>
      <c r="GR1781" s="91"/>
      <c r="GS1781" s="91"/>
      <c r="GT1781" s="91"/>
      <c r="GU1781" s="91"/>
      <c r="GV1781" s="91"/>
      <c r="GW1781" s="91"/>
      <c r="GX1781" s="91"/>
      <c r="GY1781" s="91"/>
      <c r="GZ1781" s="91"/>
      <c r="HA1781" s="91"/>
      <c r="HB1781" s="91"/>
      <c r="HC1781" s="91"/>
      <c r="HD1781" s="91"/>
      <c r="HE1781" s="91"/>
      <c r="HF1781" s="91"/>
      <c r="HG1781" s="91"/>
      <c r="HH1781" s="91"/>
      <c r="HI1781" s="91"/>
      <c r="HJ1781" s="91"/>
      <c r="HK1781" s="127"/>
      <c r="HL1781" s="126"/>
      <c r="HM1781" s="91"/>
      <c r="HN1781" s="91"/>
      <c r="HO1781" s="91"/>
      <c r="HP1781" s="91"/>
      <c r="HQ1781" s="91"/>
      <c r="HR1781" s="91"/>
      <c r="HS1781" s="91"/>
      <c r="HT1781" s="91"/>
      <c r="HU1781" s="91"/>
      <c r="HV1781" s="91"/>
      <c r="HW1781" s="91"/>
      <c r="HX1781" s="91"/>
      <c r="HY1781" s="91"/>
      <c r="HZ1781" s="91"/>
      <c r="IA1781" s="91"/>
      <c r="IB1781" s="91"/>
      <c r="IC1781" s="91"/>
      <c r="ID1781" s="91"/>
      <c r="IE1781" s="91"/>
      <c r="IF1781" s="91"/>
      <c r="IG1781" s="91"/>
      <c r="IH1781" s="91"/>
      <c r="II1781" s="91"/>
      <c r="IJ1781" s="91"/>
      <c r="IK1781" s="127"/>
    </row>
    <row r="1782" spans="2:245" x14ac:dyDescent="0.2">
      <c r="B1782" s="43"/>
      <c r="C1782" s="73"/>
      <c r="D1782" s="64"/>
      <c r="E1782" s="64"/>
      <c r="F1782" s="55"/>
      <c r="G1782" s="102"/>
      <c r="H1782" s="55"/>
      <c r="I1782" s="55"/>
      <c r="J1782" s="55"/>
      <c r="K1782" s="55"/>
      <c r="L1782" s="55"/>
      <c r="M1782" s="55"/>
      <c r="N1782" s="55"/>
      <c r="O1782" s="55"/>
      <c r="P1782" s="55"/>
      <c r="Q1782" s="55"/>
      <c r="R1782" s="55"/>
      <c r="S1782" s="55"/>
      <c r="T1782" s="55"/>
      <c r="U1782" s="55"/>
      <c r="V1782" s="55"/>
      <c r="W1782" s="55"/>
      <c r="X1782" s="55"/>
      <c r="Y1782" s="55"/>
      <c r="Z1782" s="55"/>
      <c r="AA1782" s="55"/>
      <c r="AB1782" s="55"/>
      <c r="AC1782" s="55"/>
      <c r="AD1782" s="55"/>
      <c r="AE1782" s="55"/>
      <c r="AF1782" s="55"/>
      <c r="AG1782" s="55"/>
      <c r="AY1782" s="162"/>
      <c r="AZ1782" s="162"/>
      <c r="BA1782" s="162"/>
      <c r="BB1782" s="162"/>
      <c r="BC1782" s="162"/>
      <c r="BD1782" s="162"/>
      <c r="BE1782" s="162"/>
      <c r="BF1782" s="162"/>
      <c r="BG1782" s="162"/>
      <c r="BH1782" s="162"/>
      <c r="BI1782" s="162"/>
      <c r="BJ1782" s="162"/>
      <c r="BK1782" s="162"/>
      <c r="BL1782" s="162"/>
      <c r="BM1782" s="162"/>
      <c r="BN1782" s="162"/>
      <c r="BO1782" s="162"/>
      <c r="BP1782" s="162"/>
      <c r="BQ1782" s="162"/>
      <c r="BR1782" s="162"/>
      <c r="BS1782" s="162"/>
      <c r="BT1782" s="162"/>
      <c r="BU1782" s="162"/>
      <c r="BV1782" s="162"/>
      <c r="BW1782" s="162"/>
      <c r="BX1782" s="162"/>
      <c r="BY1782" s="162"/>
      <c r="BZ1782" s="162"/>
      <c r="CA1782" s="162"/>
      <c r="CB1782" s="162"/>
      <c r="CC1782" s="162"/>
      <c r="CD1782" s="162"/>
      <c r="CE1782" s="162"/>
      <c r="CF1782" s="162"/>
      <c r="CG1782" s="162"/>
      <c r="CH1782" s="162"/>
      <c r="CI1782" s="162"/>
      <c r="CJ1782" s="162"/>
      <c r="CK1782" s="162"/>
      <c r="CX1782" s="98"/>
      <c r="DL1782" s="97"/>
      <c r="DX1782" s="98"/>
      <c r="EL1782" s="97"/>
      <c r="EX1782" s="98"/>
      <c r="EY1782" s="97"/>
      <c r="FL1782" s="126"/>
      <c r="FM1782" s="91"/>
      <c r="FN1782" s="91"/>
      <c r="FO1782" s="91"/>
      <c r="FP1782" s="91"/>
      <c r="FQ1782" s="91"/>
      <c r="FR1782" s="91"/>
      <c r="FS1782" s="91"/>
      <c r="FT1782" s="91"/>
      <c r="FU1782" s="91"/>
      <c r="FV1782" s="91"/>
      <c r="FW1782" s="91"/>
      <c r="FX1782" s="91"/>
      <c r="FY1782" s="91"/>
      <c r="FZ1782" s="91"/>
      <c r="GA1782" s="91"/>
      <c r="GB1782" s="91"/>
      <c r="GC1782" s="91"/>
      <c r="GD1782" s="91"/>
      <c r="GE1782" s="91"/>
      <c r="GF1782" s="91"/>
      <c r="GG1782" s="91"/>
      <c r="GH1782" s="91"/>
      <c r="GI1782" s="91"/>
      <c r="GJ1782" s="91"/>
      <c r="GK1782" s="127"/>
      <c r="GL1782" s="126"/>
      <c r="GM1782" s="91"/>
      <c r="GN1782" s="91"/>
      <c r="GO1782" s="91"/>
      <c r="GP1782" s="91"/>
      <c r="GQ1782" s="91"/>
      <c r="GR1782" s="91"/>
      <c r="GS1782" s="91"/>
      <c r="GT1782" s="91"/>
      <c r="GU1782" s="91"/>
      <c r="GV1782" s="91"/>
      <c r="GW1782" s="91"/>
      <c r="GX1782" s="91"/>
      <c r="GY1782" s="91"/>
      <c r="GZ1782" s="91"/>
      <c r="HA1782" s="91"/>
      <c r="HB1782" s="91"/>
      <c r="HC1782" s="91"/>
      <c r="HD1782" s="91"/>
      <c r="HE1782" s="91"/>
      <c r="HF1782" s="91"/>
      <c r="HG1782" s="91"/>
      <c r="HH1782" s="91"/>
      <c r="HI1782" s="91"/>
      <c r="HJ1782" s="91"/>
      <c r="HK1782" s="127"/>
      <c r="HL1782" s="126"/>
      <c r="HM1782" s="91"/>
      <c r="HN1782" s="91"/>
      <c r="HO1782" s="91"/>
      <c r="HP1782" s="91"/>
      <c r="HQ1782" s="91"/>
      <c r="HR1782" s="91"/>
      <c r="HS1782" s="91"/>
      <c r="HT1782" s="91"/>
      <c r="HU1782" s="91"/>
      <c r="HV1782" s="91"/>
      <c r="HW1782" s="91"/>
      <c r="HX1782" s="91"/>
      <c r="HY1782" s="91"/>
      <c r="HZ1782" s="91"/>
      <c r="IA1782" s="91"/>
      <c r="IB1782" s="91"/>
      <c r="IC1782" s="91"/>
      <c r="ID1782" s="91"/>
      <c r="IE1782" s="91"/>
      <c r="IF1782" s="91"/>
      <c r="IG1782" s="91"/>
      <c r="IH1782" s="91"/>
      <c r="II1782" s="91"/>
      <c r="IJ1782" s="91"/>
      <c r="IK1782" s="127"/>
    </row>
    <row r="1783" spans="2:245" x14ac:dyDescent="0.2">
      <c r="B1783" s="43"/>
      <c r="C1783" s="73"/>
      <c r="D1783" s="64"/>
      <c r="E1783" s="64"/>
      <c r="F1783" s="55"/>
      <c r="G1783" s="102"/>
      <c r="H1783" s="55"/>
      <c r="I1783" s="55"/>
      <c r="J1783" s="55"/>
      <c r="K1783" s="55"/>
      <c r="L1783" s="55"/>
      <c r="M1783" s="55"/>
      <c r="N1783" s="55"/>
      <c r="O1783" s="55"/>
      <c r="P1783" s="55"/>
      <c r="Q1783" s="55"/>
      <c r="R1783" s="55"/>
      <c r="S1783" s="55"/>
      <c r="T1783" s="55"/>
      <c r="U1783" s="55"/>
      <c r="V1783" s="55"/>
      <c r="W1783" s="55"/>
      <c r="X1783" s="55"/>
      <c r="Y1783" s="55"/>
      <c r="Z1783" s="55"/>
      <c r="AA1783" s="55"/>
      <c r="AB1783" s="55"/>
      <c r="AC1783" s="55"/>
      <c r="AD1783" s="55"/>
      <c r="AE1783" s="55"/>
      <c r="AF1783" s="55"/>
      <c r="AG1783" s="55"/>
      <c r="AY1783" s="162"/>
      <c r="AZ1783" s="162"/>
      <c r="BA1783" s="162"/>
      <c r="BB1783" s="162"/>
      <c r="BC1783" s="162"/>
      <c r="BD1783" s="162"/>
      <c r="BE1783" s="162"/>
      <c r="BF1783" s="162"/>
      <c r="BG1783" s="162"/>
      <c r="BH1783" s="162"/>
      <c r="BI1783" s="162"/>
      <c r="BJ1783" s="162"/>
      <c r="BK1783" s="162"/>
      <c r="BL1783" s="162"/>
      <c r="BM1783" s="162"/>
      <c r="BN1783" s="162"/>
      <c r="BO1783" s="162"/>
      <c r="BP1783" s="162"/>
      <c r="BQ1783" s="162"/>
      <c r="BR1783" s="162"/>
      <c r="BS1783" s="162"/>
      <c r="BT1783" s="162"/>
      <c r="BU1783" s="162"/>
      <c r="BV1783" s="162"/>
      <c r="BW1783" s="162"/>
      <c r="BX1783" s="162"/>
      <c r="BY1783" s="162"/>
      <c r="BZ1783" s="162"/>
      <c r="CA1783" s="162"/>
      <c r="CB1783" s="162"/>
      <c r="CC1783" s="162"/>
      <c r="CD1783" s="162"/>
      <c r="CE1783" s="162"/>
      <c r="CF1783" s="162"/>
      <c r="CG1783" s="162"/>
      <c r="CH1783" s="162"/>
      <c r="CI1783" s="162"/>
      <c r="CJ1783" s="162"/>
      <c r="CK1783" s="162"/>
      <c r="CX1783" s="98"/>
      <c r="DL1783" s="97"/>
      <c r="DX1783" s="98"/>
      <c r="EL1783" s="97"/>
      <c r="EX1783" s="98"/>
      <c r="EY1783" s="97"/>
      <c r="FL1783" s="126"/>
      <c r="FM1783" s="91"/>
      <c r="FN1783" s="91"/>
      <c r="FO1783" s="91"/>
      <c r="FP1783" s="91"/>
      <c r="FQ1783" s="91"/>
      <c r="FR1783" s="91"/>
      <c r="FS1783" s="91"/>
      <c r="FT1783" s="91"/>
      <c r="FU1783" s="91"/>
      <c r="FV1783" s="91"/>
      <c r="FW1783" s="91"/>
      <c r="FX1783" s="91"/>
      <c r="FY1783" s="91"/>
      <c r="FZ1783" s="91"/>
      <c r="GA1783" s="91"/>
      <c r="GB1783" s="91"/>
      <c r="GC1783" s="91"/>
      <c r="GD1783" s="91"/>
      <c r="GE1783" s="91"/>
      <c r="GF1783" s="91"/>
      <c r="GG1783" s="91"/>
      <c r="GH1783" s="91"/>
      <c r="GI1783" s="91"/>
      <c r="GJ1783" s="91"/>
      <c r="GK1783" s="127"/>
      <c r="GL1783" s="126"/>
      <c r="GM1783" s="91"/>
      <c r="GN1783" s="91"/>
      <c r="GO1783" s="91"/>
      <c r="GP1783" s="91"/>
      <c r="GQ1783" s="91"/>
      <c r="GR1783" s="91"/>
      <c r="GS1783" s="91"/>
      <c r="GT1783" s="91"/>
      <c r="GU1783" s="91"/>
      <c r="GV1783" s="91"/>
      <c r="GW1783" s="91"/>
      <c r="GX1783" s="91"/>
      <c r="GY1783" s="91"/>
      <c r="GZ1783" s="91"/>
      <c r="HA1783" s="91"/>
      <c r="HB1783" s="91"/>
      <c r="HC1783" s="91"/>
      <c r="HD1783" s="91"/>
      <c r="HE1783" s="91"/>
      <c r="HF1783" s="91"/>
      <c r="HG1783" s="91"/>
      <c r="HH1783" s="91"/>
      <c r="HI1783" s="91"/>
      <c r="HJ1783" s="91"/>
      <c r="HK1783" s="127"/>
      <c r="HL1783" s="126"/>
      <c r="HM1783" s="91"/>
      <c r="HN1783" s="91"/>
      <c r="HO1783" s="91"/>
      <c r="HP1783" s="91"/>
      <c r="HQ1783" s="91"/>
      <c r="HR1783" s="91"/>
      <c r="HS1783" s="91"/>
      <c r="HT1783" s="91"/>
      <c r="HU1783" s="91"/>
      <c r="HV1783" s="91"/>
      <c r="HW1783" s="91"/>
      <c r="HX1783" s="91"/>
      <c r="HY1783" s="91"/>
      <c r="HZ1783" s="91"/>
      <c r="IA1783" s="91"/>
      <c r="IB1783" s="91"/>
      <c r="IC1783" s="91"/>
      <c r="ID1783" s="91"/>
      <c r="IE1783" s="91"/>
      <c r="IF1783" s="91"/>
      <c r="IG1783" s="91"/>
      <c r="IH1783" s="91"/>
      <c r="II1783" s="91"/>
      <c r="IJ1783" s="91"/>
      <c r="IK1783" s="127"/>
    </row>
    <row r="1784" spans="2:245" x14ac:dyDescent="0.2">
      <c r="B1784" s="43"/>
      <c r="C1784" s="73"/>
      <c r="D1784" s="64"/>
      <c r="E1784" s="64"/>
      <c r="F1784" s="55"/>
      <c r="G1784" s="102"/>
      <c r="H1784" s="55"/>
      <c r="I1784" s="55"/>
      <c r="J1784" s="55"/>
      <c r="K1784" s="55"/>
      <c r="L1784" s="55"/>
      <c r="M1784" s="55"/>
      <c r="N1784" s="55"/>
      <c r="O1784" s="55"/>
      <c r="P1784" s="55"/>
      <c r="Q1784" s="55"/>
      <c r="R1784" s="55"/>
      <c r="S1784" s="55"/>
      <c r="T1784" s="55"/>
      <c r="U1784" s="55"/>
      <c r="V1784" s="55"/>
      <c r="W1784" s="55"/>
      <c r="X1784" s="55"/>
      <c r="Y1784" s="55"/>
      <c r="Z1784" s="55"/>
      <c r="AA1784" s="55"/>
      <c r="AB1784" s="55"/>
      <c r="AC1784" s="55"/>
      <c r="AD1784" s="55"/>
      <c r="AE1784" s="55"/>
      <c r="AF1784" s="55"/>
      <c r="AG1784" s="55"/>
      <c r="AY1784" s="162"/>
      <c r="AZ1784" s="162"/>
      <c r="BA1784" s="162"/>
      <c r="BB1784" s="162"/>
      <c r="BC1784" s="162"/>
      <c r="BD1784" s="162"/>
      <c r="BE1784" s="162"/>
      <c r="BF1784" s="162"/>
      <c r="BG1784" s="162"/>
      <c r="BH1784" s="162"/>
      <c r="BI1784" s="162"/>
      <c r="BJ1784" s="162"/>
      <c r="BK1784" s="162"/>
      <c r="BL1784" s="162"/>
      <c r="BM1784" s="162"/>
      <c r="BN1784" s="162"/>
      <c r="BO1784" s="162"/>
      <c r="BP1784" s="162"/>
      <c r="BQ1784" s="162"/>
      <c r="BR1784" s="162"/>
      <c r="BS1784" s="162"/>
      <c r="BT1784" s="162"/>
      <c r="BU1784" s="162"/>
      <c r="BV1784" s="162"/>
      <c r="BW1784" s="162"/>
      <c r="BX1784" s="162"/>
      <c r="BY1784" s="162"/>
      <c r="BZ1784" s="162"/>
      <c r="CA1784" s="162"/>
      <c r="CB1784" s="162"/>
      <c r="CC1784" s="162"/>
      <c r="CD1784" s="162"/>
      <c r="CE1784" s="162"/>
      <c r="CF1784" s="162"/>
      <c r="CG1784" s="162"/>
      <c r="CH1784" s="162"/>
      <c r="CI1784" s="162"/>
      <c r="CJ1784" s="162"/>
      <c r="CK1784" s="162"/>
      <c r="CX1784" s="98"/>
      <c r="DL1784" s="97"/>
      <c r="DX1784" s="98"/>
      <c r="EL1784" s="97"/>
      <c r="EX1784" s="98"/>
      <c r="EY1784" s="97"/>
      <c r="FL1784" s="126"/>
      <c r="FM1784" s="91"/>
      <c r="FN1784" s="91"/>
      <c r="FO1784" s="91"/>
      <c r="FP1784" s="91"/>
      <c r="FQ1784" s="91"/>
      <c r="FR1784" s="91"/>
      <c r="FS1784" s="91"/>
      <c r="FT1784" s="91"/>
      <c r="FU1784" s="91"/>
      <c r="FV1784" s="91"/>
      <c r="FW1784" s="91"/>
      <c r="FX1784" s="91"/>
      <c r="FY1784" s="91"/>
      <c r="FZ1784" s="91"/>
      <c r="GA1784" s="91"/>
      <c r="GB1784" s="91"/>
      <c r="GC1784" s="91"/>
      <c r="GD1784" s="91"/>
      <c r="GE1784" s="91"/>
      <c r="GF1784" s="91"/>
      <c r="GG1784" s="91"/>
      <c r="GH1784" s="91"/>
      <c r="GI1784" s="91"/>
      <c r="GJ1784" s="91"/>
      <c r="GK1784" s="127"/>
      <c r="GL1784" s="126"/>
      <c r="GM1784" s="91"/>
      <c r="GN1784" s="91"/>
      <c r="GO1784" s="91"/>
      <c r="GP1784" s="91"/>
      <c r="GQ1784" s="91"/>
      <c r="GR1784" s="91"/>
      <c r="GS1784" s="91"/>
      <c r="GT1784" s="91"/>
      <c r="GU1784" s="91"/>
      <c r="GV1784" s="91"/>
      <c r="GW1784" s="91"/>
      <c r="GX1784" s="91"/>
      <c r="GY1784" s="91"/>
      <c r="GZ1784" s="91"/>
      <c r="HA1784" s="91"/>
      <c r="HB1784" s="91"/>
      <c r="HC1784" s="91"/>
      <c r="HD1784" s="91"/>
      <c r="HE1784" s="91"/>
      <c r="HF1784" s="91"/>
      <c r="HG1784" s="91"/>
      <c r="HH1784" s="91"/>
      <c r="HI1784" s="91"/>
      <c r="HJ1784" s="91"/>
      <c r="HK1784" s="127"/>
      <c r="HL1784" s="126"/>
      <c r="HM1784" s="91"/>
      <c r="HN1784" s="91"/>
      <c r="HO1784" s="91"/>
      <c r="HP1784" s="91"/>
      <c r="HQ1784" s="91"/>
      <c r="HR1784" s="91"/>
      <c r="HS1784" s="91"/>
      <c r="HT1784" s="91"/>
      <c r="HU1784" s="91"/>
      <c r="HV1784" s="91"/>
      <c r="HW1784" s="91"/>
      <c r="HX1784" s="91"/>
      <c r="HY1784" s="91"/>
      <c r="HZ1784" s="91"/>
      <c r="IA1784" s="91"/>
      <c r="IB1784" s="91"/>
      <c r="IC1784" s="91"/>
      <c r="ID1784" s="91"/>
      <c r="IE1784" s="91"/>
      <c r="IF1784" s="91"/>
      <c r="IG1784" s="91"/>
      <c r="IH1784" s="91"/>
      <c r="II1784" s="91"/>
      <c r="IJ1784" s="91"/>
      <c r="IK1784" s="127"/>
    </row>
    <row r="1785" spans="2:245" x14ac:dyDescent="0.2">
      <c r="B1785" s="43"/>
      <c r="C1785" s="73"/>
      <c r="D1785" s="64"/>
      <c r="E1785" s="64"/>
      <c r="F1785" s="55"/>
      <c r="G1785" s="102"/>
      <c r="H1785" s="55"/>
      <c r="I1785" s="55"/>
      <c r="J1785" s="55"/>
      <c r="K1785" s="55"/>
      <c r="L1785" s="55"/>
      <c r="M1785" s="55"/>
      <c r="N1785" s="55"/>
      <c r="O1785" s="55"/>
      <c r="P1785" s="55"/>
      <c r="Q1785" s="55"/>
      <c r="R1785" s="55"/>
      <c r="S1785" s="55"/>
      <c r="T1785" s="55"/>
      <c r="U1785" s="55"/>
      <c r="V1785" s="55"/>
      <c r="W1785" s="55"/>
      <c r="X1785" s="55"/>
      <c r="Y1785" s="55"/>
      <c r="Z1785" s="55"/>
      <c r="AA1785" s="55"/>
      <c r="AB1785" s="55"/>
      <c r="AC1785" s="55"/>
      <c r="AD1785" s="55"/>
      <c r="AE1785" s="55"/>
      <c r="AF1785" s="55"/>
      <c r="AG1785" s="55"/>
      <c r="AY1785" s="162"/>
      <c r="AZ1785" s="162"/>
      <c r="BA1785" s="162"/>
      <c r="BB1785" s="162"/>
      <c r="BC1785" s="162"/>
      <c r="BD1785" s="162"/>
      <c r="BE1785" s="162"/>
      <c r="BF1785" s="162"/>
      <c r="BG1785" s="162"/>
      <c r="BH1785" s="162"/>
      <c r="BI1785" s="162"/>
      <c r="BJ1785" s="162"/>
      <c r="BK1785" s="162"/>
      <c r="BL1785" s="162"/>
      <c r="BM1785" s="162"/>
      <c r="BN1785" s="162"/>
      <c r="BO1785" s="162"/>
      <c r="BP1785" s="162"/>
      <c r="BQ1785" s="162"/>
      <c r="BR1785" s="162"/>
      <c r="BS1785" s="162"/>
      <c r="BT1785" s="162"/>
      <c r="BU1785" s="162"/>
      <c r="BV1785" s="162"/>
      <c r="BW1785" s="162"/>
      <c r="BX1785" s="162"/>
      <c r="BY1785" s="162"/>
      <c r="BZ1785" s="162"/>
      <c r="CA1785" s="162"/>
      <c r="CB1785" s="162"/>
      <c r="CC1785" s="162"/>
      <c r="CD1785" s="162"/>
      <c r="CE1785" s="162"/>
      <c r="CF1785" s="162"/>
      <c r="CG1785" s="162"/>
      <c r="CH1785" s="162"/>
      <c r="CI1785" s="162"/>
      <c r="CJ1785" s="162"/>
      <c r="CK1785" s="162"/>
      <c r="CX1785" s="98"/>
      <c r="DL1785" s="97"/>
      <c r="DX1785" s="98"/>
      <c r="EL1785" s="97"/>
      <c r="EX1785" s="98"/>
      <c r="EY1785" s="97"/>
      <c r="FL1785" s="126"/>
      <c r="FM1785" s="91"/>
      <c r="FN1785" s="91"/>
      <c r="FO1785" s="91"/>
      <c r="FP1785" s="91"/>
      <c r="FQ1785" s="91"/>
      <c r="FR1785" s="91"/>
      <c r="FS1785" s="91"/>
      <c r="FT1785" s="91"/>
      <c r="FU1785" s="91"/>
      <c r="FV1785" s="91"/>
      <c r="FW1785" s="91"/>
      <c r="FX1785" s="91"/>
      <c r="FY1785" s="91"/>
      <c r="FZ1785" s="91"/>
      <c r="GA1785" s="91"/>
      <c r="GB1785" s="91"/>
      <c r="GC1785" s="91"/>
      <c r="GD1785" s="91"/>
      <c r="GE1785" s="91"/>
      <c r="GF1785" s="91"/>
      <c r="GG1785" s="91"/>
      <c r="GH1785" s="91"/>
      <c r="GI1785" s="91"/>
      <c r="GJ1785" s="91"/>
      <c r="GK1785" s="127"/>
      <c r="GL1785" s="126"/>
      <c r="GM1785" s="91"/>
      <c r="GN1785" s="91"/>
      <c r="GO1785" s="91"/>
      <c r="GP1785" s="91"/>
      <c r="GQ1785" s="91"/>
      <c r="GR1785" s="91"/>
      <c r="GS1785" s="91"/>
      <c r="GT1785" s="91"/>
      <c r="GU1785" s="91"/>
      <c r="GV1785" s="91"/>
      <c r="GW1785" s="91"/>
      <c r="GX1785" s="91"/>
      <c r="GY1785" s="91"/>
      <c r="GZ1785" s="91"/>
      <c r="HA1785" s="91"/>
      <c r="HB1785" s="91"/>
      <c r="HC1785" s="91"/>
      <c r="HD1785" s="91"/>
      <c r="HE1785" s="91"/>
      <c r="HF1785" s="91"/>
      <c r="HG1785" s="91"/>
      <c r="HH1785" s="91"/>
      <c r="HI1785" s="91"/>
      <c r="HJ1785" s="91"/>
      <c r="HK1785" s="127"/>
      <c r="HL1785" s="126"/>
      <c r="HM1785" s="91"/>
      <c r="HN1785" s="91"/>
      <c r="HO1785" s="91"/>
      <c r="HP1785" s="91"/>
      <c r="HQ1785" s="91"/>
      <c r="HR1785" s="91"/>
      <c r="HS1785" s="91"/>
      <c r="HT1785" s="91"/>
      <c r="HU1785" s="91"/>
      <c r="HV1785" s="91"/>
      <c r="HW1785" s="91"/>
      <c r="HX1785" s="91"/>
      <c r="HY1785" s="91"/>
      <c r="HZ1785" s="91"/>
      <c r="IA1785" s="91"/>
      <c r="IB1785" s="91"/>
      <c r="IC1785" s="91"/>
      <c r="ID1785" s="91"/>
      <c r="IE1785" s="91"/>
      <c r="IF1785" s="91"/>
      <c r="IG1785" s="91"/>
      <c r="IH1785" s="91"/>
      <c r="II1785" s="91"/>
      <c r="IJ1785" s="91"/>
      <c r="IK1785" s="127"/>
    </row>
    <row r="1786" spans="2:245" x14ac:dyDescent="0.2">
      <c r="B1786" s="43"/>
      <c r="C1786" s="73"/>
      <c r="D1786" s="64"/>
      <c r="E1786" s="64"/>
      <c r="F1786" s="55"/>
      <c r="G1786" s="102"/>
      <c r="H1786" s="55"/>
      <c r="I1786" s="55"/>
      <c r="J1786" s="55"/>
      <c r="K1786" s="55"/>
      <c r="L1786" s="55"/>
      <c r="M1786" s="55"/>
      <c r="N1786" s="55"/>
      <c r="O1786" s="55"/>
      <c r="P1786" s="55"/>
      <c r="Q1786" s="55"/>
      <c r="R1786" s="55"/>
      <c r="S1786" s="55"/>
      <c r="T1786" s="55"/>
      <c r="U1786" s="55"/>
      <c r="V1786" s="55"/>
      <c r="W1786" s="55"/>
      <c r="X1786" s="55"/>
      <c r="Y1786" s="55"/>
      <c r="Z1786" s="55"/>
      <c r="AA1786" s="55"/>
      <c r="AB1786" s="55"/>
      <c r="AC1786" s="55"/>
      <c r="AD1786" s="55"/>
      <c r="AE1786" s="55"/>
      <c r="AF1786" s="55"/>
      <c r="AG1786" s="55"/>
      <c r="AY1786" s="162"/>
      <c r="AZ1786" s="162"/>
      <c r="BA1786" s="162"/>
      <c r="BB1786" s="162"/>
      <c r="BC1786" s="162"/>
      <c r="BD1786" s="162"/>
      <c r="BE1786" s="162"/>
      <c r="BF1786" s="162"/>
      <c r="BG1786" s="162"/>
      <c r="BH1786" s="162"/>
      <c r="BI1786" s="162"/>
      <c r="BJ1786" s="162"/>
      <c r="BK1786" s="162"/>
      <c r="BL1786" s="162"/>
      <c r="BM1786" s="162"/>
      <c r="BN1786" s="162"/>
      <c r="BO1786" s="162"/>
      <c r="BP1786" s="162"/>
      <c r="BQ1786" s="162"/>
      <c r="BR1786" s="162"/>
      <c r="BS1786" s="162"/>
      <c r="BT1786" s="162"/>
      <c r="BU1786" s="162"/>
      <c r="BV1786" s="162"/>
      <c r="BW1786" s="162"/>
      <c r="BX1786" s="162"/>
      <c r="BY1786" s="162"/>
      <c r="BZ1786" s="162"/>
      <c r="CA1786" s="162"/>
      <c r="CB1786" s="162"/>
      <c r="CC1786" s="162"/>
      <c r="CD1786" s="162"/>
      <c r="CE1786" s="162"/>
      <c r="CF1786" s="162"/>
      <c r="CG1786" s="162"/>
      <c r="CH1786" s="162"/>
      <c r="CI1786" s="162"/>
      <c r="CJ1786" s="162"/>
      <c r="CK1786" s="162"/>
      <c r="CX1786" s="98"/>
      <c r="DL1786" s="97"/>
      <c r="DX1786" s="98"/>
      <c r="EL1786" s="97"/>
      <c r="EX1786" s="98"/>
      <c r="EY1786" s="97"/>
      <c r="FL1786" s="126"/>
      <c r="FM1786" s="91"/>
      <c r="FN1786" s="91"/>
      <c r="FO1786" s="91"/>
      <c r="FP1786" s="91"/>
      <c r="FQ1786" s="91"/>
      <c r="FR1786" s="91"/>
      <c r="FS1786" s="91"/>
      <c r="FT1786" s="91"/>
      <c r="FU1786" s="91"/>
      <c r="FV1786" s="91"/>
      <c r="FW1786" s="91"/>
      <c r="FX1786" s="91"/>
      <c r="FY1786" s="91"/>
      <c r="FZ1786" s="91"/>
      <c r="GA1786" s="91"/>
      <c r="GB1786" s="91"/>
      <c r="GC1786" s="91"/>
      <c r="GD1786" s="91"/>
      <c r="GE1786" s="91"/>
      <c r="GF1786" s="91"/>
      <c r="GG1786" s="91"/>
      <c r="GH1786" s="91"/>
      <c r="GI1786" s="91"/>
      <c r="GJ1786" s="91"/>
      <c r="GK1786" s="127"/>
      <c r="GL1786" s="126"/>
      <c r="GM1786" s="91"/>
      <c r="GN1786" s="91"/>
      <c r="GO1786" s="91"/>
      <c r="GP1786" s="91"/>
      <c r="GQ1786" s="91"/>
      <c r="GR1786" s="91"/>
      <c r="GS1786" s="91"/>
      <c r="GT1786" s="91"/>
      <c r="GU1786" s="91"/>
      <c r="GV1786" s="91"/>
      <c r="GW1786" s="91"/>
      <c r="GX1786" s="91"/>
      <c r="GY1786" s="91"/>
      <c r="GZ1786" s="91"/>
      <c r="HA1786" s="91"/>
      <c r="HB1786" s="91"/>
      <c r="HC1786" s="91"/>
      <c r="HD1786" s="91"/>
      <c r="HE1786" s="91"/>
      <c r="HF1786" s="91"/>
      <c r="HG1786" s="91"/>
      <c r="HH1786" s="91"/>
      <c r="HI1786" s="91"/>
      <c r="HJ1786" s="91"/>
      <c r="HK1786" s="127"/>
      <c r="HL1786" s="126"/>
      <c r="HM1786" s="91"/>
      <c r="HN1786" s="91"/>
      <c r="HO1786" s="91"/>
      <c r="HP1786" s="91"/>
      <c r="HQ1786" s="91"/>
      <c r="HR1786" s="91"/>
      <c r="HS1786" s="91"/>
      <c r="HT1786" s="91"/>
      <c r="HU1786" s="91"/>
      <c r="HV1786" s="91"/>
      <c r="HW1786" s="91"/>
      <c r="HX1786" s="91"/>
      <c r="HY1786" s="91"/>
      <c r="HZ1786" s="91"/>
      <c r="IA1786" s="91"/>
      <c r="IB1786" s="91"/>
      <c r="IC1786" s="91"/>
      <c r="ID1786" s="91"/>
      <c r="IE1786" s="91"/>
      <c r="IF1786" s="91"/>
      <c r="IG1786" s="91"/>
      <c r="IH1786" s="91"/>
      <c r="II1786" s="91"/>
      <c r="IJ1786" s="91"/>
      <c r="IK1786" s="127"/>
    </row>
    <row r="1787" spans="2:245" x14ac:dyDescent="0.2">
      <c r="B1787" s="43"/>
      <c r="C1787" s="73"/>
      <c r="D1787" s="64"/>
      <c r="E1787" s="64"/>
      <c r="F1787" s="55"/>
      <c r="G1787" s="102"/>
      <c r="H1787" s="55"/>
      <c r="I1787" s="55"/>
      <c r="J1787" s="55"/>
      <c r="K1787" s="55"/>
      <c r="L1787" s="55"/>
      <c r="M1787" s="55"/>
      <c r="N1787" s="55"/>
      <c r="O1787" s="55"/>
      <c r="P1787" s="55"/>
      <c r="Q1787" s="55"/>
      <c r="R1787" s="55"/>
      <c r="S1787" s="55"/>
      <c r="T1787" s="55"/>
      <c r="U1787" s="55"/>
      <c r="V1787" s="55"/>
      <c r="W1787" s="55"/>
      <c r="X1787" s="55"/>
      <c r="Y1787" s="55"/>
      <c r="Z1787" s="55"/>
      <c r="AA1787" s="55"/>
      <c r="AB1787" s="55"/>
      <c r="AC1787" s="55"/>
      <c r="AD1787" s="55"/>
      <c r="AE1787" s="55"/>
      <c r="AF1787" s="55"/>
      <c r="AG1787" s="55"/>
      <c r="AY1787" s="162"/>
      <c r="AZ1787" s="162"/>
      <c r="BA1787" s="162"/>
      <c r="BB1787" s="162"/>
      <c r="BC1787" s="162"/>
      <c r="BD1787" s="162"/>
      <c r="BE1787" s="162"/>
      <c r="BF1787" s="162"/>
      <c r="BG1787" s="162"/>
      <c r="BH1787" s="162"/>
      <c r="BI1787" s="162"/>
      <c r="BJ1787" s="162"/>
      <c r="BK1787" s="162"/>
      <c r="BL1787" s="162"/>
      <c r="BM1787" s="162"/>
      <c r="BN1787" s="162"/>
      <c r="BO1787" s="162"/>
      <c r="BP1787" s="162"/>
      <c r="BQ1787" s="162"/>
      <c r="BR1787" s="162"/>
      <c r="BS1787" s="162"/>
      <c r="BT1787" s="162"/>
      <c r="BU1787" s="162"/>
      <c r="BV1787" s="162"/>
      <c r="BW1787" s="162"/>
      <c r="BX1787" s="162"/>
      <c r="BY1787" s="162"/>
      <c r="BZ1787" s="162"/>
      <c r="CA1787" s="162"/>
      <c r="CB1787" s="162"/>
      <c r="CC1787" s="162"/>
      <c r="CD1787" s="162"/>
      <c r="CE1787" s="162"/>
      <c r="CF1787" s="162"/>
      <c r="CG1787" s="162"/>
      <c r="CH1787" s="162"/>
      <c r="CI1787" s="162"/>
      <c r="CJ1787" s="162"/>
      <c r="CK1787" s="162"/>
      <c r="CX1787" s="98"/>
      <c r="DL1787" s="97"/>
      <c r="DX1787" s="98"/>
      <c r="EL1787" s="97"/>
      <c r="EX1787" s="98"/>
      <c r="EY1787" s="97"/>
      <c r="FL1787" s="126"/>
      <c r="FM1787" s="91"/>
      <c r="FN1787" s="91"/>
      <c r="FO1787" s="91"/>
      <c r="FP1787" s="91"/>
      <c r="FQ1787" s="91"/>
      <c r="FR1787" s="91"/>
      <c r="FS1787" s="91"/>
      <c r="FT1787" s="91"/>
      <c r="FU1787" s="91"/>
      <c r="FV1787" s="91"/>
      <c r="FW1787" s="91"/>
      <c r="FX1787" s="91"/>
      <c r="FY1787" s="91"/>
      <c r="FZ1787" s="91"/>
      <c r="GA1787" s="91"/>
      <c r="GB1787" s="91"/>
      <c r="GC1787" s="91"/>
      <c r="GD1787" s="91"/>
      <c r="GE1787" s="91"/>
      <c r="GF1787" s="91"/>
      <c r="GG1787" s="91"/>
      <c r="GH1787" s="91"/>
      <c r="GI1787" s="91"/>
      <c r="GJ1787" s="91"/>
      <c r="GK1787" s="127"/>
      <c r="GL1787" s="126"/>
      <c r="GM1787" s="91"/>
      <c r="GN1787" s="91"/>
      <c r="GO1787" s="91"/>
      <c r="GP1787" s="91"/>
      <c r="GQ1787" s="91"/>
      <c r="GR1787" s="91"/>
      <c r="GS1787" s="91"/>
      <c r="GT1787" s="91"/>
      <c r="GU1787" s="91"/>
      <c r="GV1787" s="91"/>
      <c r="GW1787" s="91"/>
      <c r="GX1787" s="91"/>
      <c r="GY1787" s="91"/>
      <c r="GZ1787" s="91"/>
      <c r="HA1787" s="91"/>
      <c r="HB1787" s="91"/>
      <c r="HC1787" s="91"/>
      <c r="HD1787" s="91"/>
      <c r="HE1787" s="91"/>
      <c r="HF1787" s="91"/>
      <c r="HG1787" s="91"/>
      <c r="HH1787" s="91"/>
      <c r="HI1787" s="91"/>
      <c r="HJ1787" s="91"/>
      <c r="HK1787" s="127"/>
      <c r="HL1787" s="126"/>
      <c r="HM1787" s="91"/>
      <c r="HN1787" s="91"/>
      <c r="HO1787" s="91"/>
      <c r="HP1787" s="91"/>
      <c r="HQ1787" s="91"/>
      <c r="HR1787" s="91"/>
      <c r="HS1787" s="91"/>
      <c r="HT1787" s="91"/>
      <c r="HU1787" s="91"/>
      <c r="HV1787" s="91"/>
      <c r="HW1787" s="91"/>
      <c r="HX1787" s="91"/>
      <c r="HY1787" s="91"/>
      <c r="HZ1787" s="91"/>
      <c r="IA1787" s="91"/>
      <c r="IB1787" s="91"/>
      <c r="IC1787" s="91"/>
      <c r="ID1787" s="91"/>
      <c r="IE1787" s="91"/>
      <c r="IF1787" s="91"/>
      <c r="IG1787" s="91"/>
      <c r="IH1787" s="91"/>
      <c r="II1787" s="91"/>
      <c r="IJ1787" s="91"/>
      <c r="IK1787" s="127"/>
    </row>
    <row r="1788" spans="2:245" ht="13.5" thickBot="1" x14ac:dyDescent="0.25">
      <c r="B1788" s="43"/>
      <c r="C1788" s="73"/>
      <c r="D1788" s="64"/>
      <c r="E1788" s="64"/>
      <c r="F1788" s="55"/>
      <c r="G1788" s="102"/>
      <c r="H1788" s="55"/>
      <c r="I1788" s="55"/>
      <c r="J1788" s="55"/>
      <c r="K1788" s="55"/>
      <c r="L1788" s="55"/>
      <c r="M1788" s="55"/>
      <c r="N1788" s="55"/>
      <c r="O1788" s="55"/>
      <c r="P1788" s="55"/>
      <c r="Q1788" s="55"/>
      <c r="R1788" s="55"/>
      <c r="S1788" s="55"/>
      <c r="T1788" s="55"/>
      <c r="U1788" s="55"/>
      <c r="V1788" s="55"/>
      <c r="W1788" s="55"/>
      <c r="X1788" s="55"/>
      <c r="Y1788" s="55"/>
      <c r="Z1788" s="55"/>
      <c r="AA1788" s="55"/>
      <c r="AB1788" s="55"/>
      <c r="AC1788" s="55"/>
      <c r="AD1788" s="55"/>
      <c r="AE1788" s="55"/>
      <c r="AF1788" s="55"/>
      <c r="AG1788" s="55"/>
      <c r="AY1788" s="162"/>
      <c r="AZ1788" s="162"/>
      <c r="BA1788" s="162"/>
      <c r="BB1788" s="162"/>
      <c r="BC1788" s="162"/>
      <c r="BD1788" s="162"/>
      <c r="BE1788" s="162"/>
      <c r="BF1788" s="162"/>
      <c r="BG1788" s="162"/>
      <c r="BH1788" s="162"/>
      <c r="BI1788" s="162"/>
      <c r="BJ1788" s="162"/>
      <c r="BK1788" s="162"/>
      <c r="BL1788" s="162"/>
      <c r="BM1788" s="162"/>
      <c r="BN1788" s="162"/>
      <c r="BO1788" s="162"/>
      <c r="BP1788" s="162"/>
      <c r="BQ1788" s="162"/>
      <c r="BR1788" s="162"/>
      <c r="BS1788" s="162"/>
      <c r="BT1788" s="162"/>
      <c r="BU1788" s="162"/>
      <c r="BV1788" s="162"/>
      <c r="BW1788" s="162"/>
      <c r="BX1788" s="162"/>
      <c r="BY1788" s="162"/>
      <c r="BZ1788" s="162"/>
      <c r="CA1788" s="162"/>
      <c r="CB1788" s="162"/>
      <c r="CC1788" s="162"/>
      <c r="CD1788" s="162"/>
      <c r="CE1788" s="162"/>
      <c r="CF1788" s="162"/>
      <c r="CG1788" s="162"/>
      <c r="CH1788" s="162"/>
      <c r="CI1788" s="162"/>
      <c r="CJ1788" s="162"/>
      <c r="CK1788" s="162"/>
      <c r="CX1788" s="98"/>
      <c r="DL1788" s="97"/>
      <c r="DX1788" s="98"/>
      <c r="EL1788" s="97"/>
      <c r="EX1788" s="98"/>
      <c r="EY1788" s="97"/>
      <c r="FL1788" s="126"/>
      <c r="FM1788" s="91"/>
      <c r="FN1788" s="91"/>
      <c r="FO1788" s="91"/>
      <c r="FP1788" s="91"/>
      <c r="FQ1788" s="91"/>
      <c r="FR1788" s="91"/>
      <c r="FS1788" s="91"/>
      <c r="FT1788" s="91"/>
      <c r="FU1788" s="91"/>
      <c r="FV1788" s="91"/>
      <c r="FW1788" s="91"/>
      <c r="FX1788" s="91"/>
      <c r="FY1788" s="91"/>
      <c r="FZ1788" s="91"/>
      <c r="GA1788" s="91"/>
      <c r="GB1788" s="91"/>
      <c r="GC1788" s="91"/>
      <c r="GD1788" s="91"/>
      <c r="GE1788" s="91"/>
      <c r="GF1788" s="91"/>
      <c r="GG1788" s="91"/>
      <c r="GH1788" s="91"/>
      <c r="GI1788" s="91"/>
      <c r="GJ1788" s="91"/>
      <c r="GK1788" s="127"/>
      <c r="GL1788" s="126"/>
      <c r="GM1788" s="91"/>
      <c r="GN1788" s="91"/>
      <c r="GO1788" s="91"/>
      <c r="GP1788" s="91"/>
      <c r="GQ1788" s="91"/>
      <c r="GR1788" s="91"/>
      <c r="GS1788" s="91"/>
      <c r="GT1788" s="91"/>
      <c r="GU1788" s="91"/>
      <c r="GV1788" s="91"/>
      <c r="GW1788" s="91"/>
      <c r="GX1788" s="91"/>
      <c r="GY1788" s="91"/>
      <c r="GZ1788" s="91"/>
      <c r="HA1788" s="91"/>
      <c r="HB1788" s="91"/>
      <c r="HC1788" s="91"/>
      <c r="HD1788" s="91"/>
      <c r="HE1788" s="91"/>
      <c r="HF1788" s="91"/>
      <c r="HG1788" s="91"/>
      <c r="HH1788" s="91"/>
      <c r="HI1788" s="91"/>
      <c r="HJ1788" s="91"/>
      <c r="HK1788" s="127"/>
      <c r="HL1788" s="126"/>
      <c r="HM1788" s="91"/>
      <c r="HN1788" s="91"/>
      <c r="HO1788" s="91"/>
      <c r="HP1788" s="91"/>
      <c r="HQ1788" s="91"/>
      <c r="HR1788" s="91"/>
      <c r="HS1788" s="91"/>
      <c r="HT1788" s="91"/>
      <c r="HU1788" s="91"/>
      <c r="HV1788" s="91"/>
      <c r="HW1788" s="91"/>
      <c r="HX1788" s="91"/>
      <c r="HY1788" s="91"/>
      <c r="HZ1788" s="91"/>
      <c r="IA1788" s="91"/>
      <c r="IB1788" s="91"/>
      <c r="IC1788" s="91"/>
      <c r="ID1788" s="91"/>
      <c r="IE1788" s="91"/>
      <c r="IF1788" s="91"/>
      <c r="IG1788" s="91"/>
      <c r="IH1788" s="91"/>
      <c r="II1788" s="91"/>
      <c r="IJ1788" s="91"/>
      <c r="IK1788" s="127"/>
    </row>
    <row r="1789" spans="2:245" x14ac:dyDescent="0.2">
      <c r="B1789" s="43"/>
      <c r="C1789" s="73"/>
      <c r="D1789" s="64"/>
      <c r="E1789" s="64"/>
      <c r="F1789" s="55"/>
      <c r="G1789" s="102"/>
      <c r="H1789" s="55"/>
      <c r="I1789" s="55"/>
      <c r="J1789" s="55"/>
      <c r="K1789" s="55"/>
      <c r="L1789" s="55"/>
      <c r="M1789" s="55"/>
      <c r="N1789" s="55"/>
      <c r="O1789" s="55"/>
      <c r="P1789" s="55"/>
      <c r="Q1789" s="55"/>
      <c r="R1789" s="55"/>
      <c r="S1789" s="55"/>
      <c r="T1789" s="55"/>
      <c r="U1789" s="55"/>
      <c r="V1789" s="55"/>
      <c r="W1789" s="55"/>
      <c r="X1789" s="55"/>
      <c r="Y1789" s="55"/>
      <c r="Z1789" s="55"/>
      <c r="AA1789" s="55"/>
      <c r="AB1789" s="55"/>
      <c r="AC1789" s="55"/>
      <c r="AD1789" s="55"/>
      <c r="AE1789" s="55"/>
      <c r="AF1789" s="55"/>
      <c r="AG1789" s="55"/>
      <c r="AY1789" s="162"/>
      <c r="AZ1789" s="162"/>
      <c r="BA1789" s="162"/>
      <c r="BB1789" s="162"/>
      <c r="BC1789" s="162"/>
      <c r="BD1789" s="162"/>
      <c r="BE1789" s="162"/>
      <c r="BF1789" s="162"/>
      <c r="BG1789" s="162"/>
      <c r="BH1789" s="162"/>
      <c r="BI1789" s="162"/>
      <c r="BJ1789" s="162"/>
      <c r="BK1789" s="162"/>
      <c r="BL1789" s="162"/>
      <c r="BM1789" s="162"/>
      <c r="BN1789" s="162"/>
      <c r="BO1789" s="162"/>
      <c r="BP1789" s="162"/>
      <c r="BQ1789" s="162"/>
      <c r="BR1789" s="162"/>
      <c r="BS1789" s="162"/>
      <c r="BT1789" s="162"/>
      <c r="BU1789" s="162"/>
      <c r="BV1789" s="162"/>
      <c r="BW1789" s="162"/>
      <c r="BX1789" s="162"/>
      <c r="BY1789" s="162"/>
      <c r="BZ1789" s="162"/>
      <c r="CA1789" s="162"/>
      <c r="CB1789" s="162"/>
      <c r="CC1789" s="162"/>
      <c r="CD1789" s="162"/>
      <c r="CE1789" s="162"/>
      <c r="CF1789" s="162"/>
      <c r="CG1789" s="162"/>
      <c r="CH1789" s="162"/>
      <c r="CI1789" s="162"/>
      <c r="CJ1789" s="162"/>
      <c r="CK1789" s="162"/>
      <c r="CL1789" s="163"/>
      <c r="CM1789" s="163"/>
      <c r="CN1789" s="163"/>
      <c r="CO1789" s="163"/>
      <c r="CP1789" s="163"/>
      <c r="CQ1789" s="163"/>
      <c r="CR1789" s="163"/>
      <c r="CS1789" s="163"/>
      <c r="CT1789" s="163"/>
      <c r="CU1789" s="163"/>
      <c r="CV1789" s="163"/>
      <c r="CW1789" s="163"/>
      <c r="CX1789" s="173"/>
      <c r="CY1789" s="163"/>
      <c r="CZ1789" s="163"/>
      <c r="DA1789" s="163"/>
      <c r="DB1789" s="163"/>
      <c r="DC1789" s="163"/>
      <c r="DD1789" s="163"/>
      <c r="DE1789" s="163"/>
      <c r="DF1789" s="163"/>
      <c r="DG1789" s="163"/>
      <c r="DH1789" s="163"/>
      <c r="DI1789" s="163"/>
      <c r="DJ1789" s="163"/>
      <c r="DK1789" s="163"/>
      <c r="DL1789" s="172"/>
      <c r="DM1789" s="163"/>
      <c r="DN1789" s="163"/>
      <c r="DO1789" s="163"/>
      <c r="DP1789" s="163"/>
      <c r="DQ1789" s="163"/>
      <c r="DR1789" s="163"/>
      <c r="DS1789" s="163"/>
      <c r="DT1789" s="163"/>
      <c r="DU1789" s="163"/>
      <c r="DV1789" s="163"/>
      <c r="DW1789" s="163"/>
      <c r="DX1789" s="173"/>
      <c r="DY1789" s="163"/>
      <c r="DZ1789" s="163"/>
      <c r="EA1789" s="163"/>
      <c r="EB1789" s="163"/>
      <c r="EC1789" s="163"/>
      <c r="ED1789" s="163"/>
      <c r="EE1789" s="163"/>
      <c r="EF1789" s="163"/>
      <c r="EG1789" s="163"/>
      <c r="EH1789" s="163"/>
      <c r="EI1789" s="163"/>
      <c r="EJ1789" s="163"/>
      <c r="EK1789" s="163"/>
      <c r="EL1789" s="172"/>
      <c r="EM1789" s="163"/>
      <c r="EN1789" s="163"/>
      <c r="EO1789" s="163"/>
      <c r="EP1789" s="163"/>
      <c r="EQ1789" s="163"/>
      <c r="ER1789" s="163"/>
      <c r="ES1789" s="163"/>
      <c r="ET1789" s="163"/>
      <c r="EU1789" s="163"/>
      <c r="EV1789" s="163"/>
      <c r="EW1789" s="163"/>
      <c r="EX1789" s="173"/>
      <c r="EY1789" s="172"/>
      <c r="EZ1789" s="163"/>
      <c r="FA1789" s="163"/>
      <c r="FB1789" s="163"/>
      <c r="FC1789" s="163"/>
      <c r="FD1789" s="163"/>
      <c r="FE1789" s="163"/>
      <c r="FF1789" s="163"/>
      <c r="FG1789" s="163"/>
      <c r="FH1789" s="163"/>
      <c r="FI1789" s="163"/>
      <c r="FJ1789" s="163"/>
      <c r="FK1789" s="163"/>
      <c r="FL1789" s="126"/>
      <c r="FM1789" s="91"/>
      <c r="FN1789" s="91"/>
      <c r="FO1789" s="91"/>
      <c r="FP1789" s="91"/>
      <c r="FQ1789" s="91"/>
      <c r="FR1789" s="91"/>
      <c r="FS1789" s="91"/>
      <c r="FT1789" s="91"/>
      <c r="FU1789" s="91"/>
      <c r="FV1789" s="91"/>
      <c r="FW1789" s="91"/>
      <c r="FX1789" s="91"/>
      <c r="FY1789" s="91"/>
      <c r="FZ1789" s="91"/>
      <c r="GA1789" s="91"/>
      <c r="GB1789" s="91"/>
      <c r="GC1789" s="91"/>
      <c r="GD1789" s="91"/>
      <c r="GE1789" s="91"/>
      <c r="GF1789" s="91"/>
      <c r="GG1789" s="91"/>
      <c r="GH1789" s="91"/>
      <c r="GI1789" s="91"/>
      <c r="GJ1789" s="91"/>
      <c r="GK1789" s="127"/>
      <c r="GL1789" s="126"/>
      <c r="GM1789" s="91"/>
      <c r="GN1789" s="91"/>
      <c r="GO1789" s="91"/>
      <c r="GP1789" s="91"/>
      <c r="GQ1789" s="91"/>
      <c r="GR1789" s="91"/>
      <c r="GS1789" s="91"/>
      <c r="GT1789" s="91"/>
      <c r="GU1789" s="91"/>
      <c r="GV1789" s="91"/>
      <c r="GW1789" s="91"/>
      <c r="GX1789" s="91"/>
      <c r="GY1789" s="91"/>
      <c r="GZ1789" s="91"/>
      <c r="HA1789" s="91"/>
      <c r="HB1789" s="91"/>
      <c r="HC1789" s="91"/>
      <c r="HD1789" s="91"/>
      <c r="HE1789" s="91"/>
      <c r="HF1789" s="91"/>
      <c r="HG1789" s="91"/>
      <c r="HH1789" s="91"/>
      <c r="HI1789" s="91"/>
      <c r="HJ1789" s="91"/>
      <c r="HK1789" s="127"/>
      <c r="HL1789" s="126"/>
      <c r="HM1789" s="91"/>
      <c r="HN1789" s="91"/>
      <c r="HO1789" s="91"/>
      <c r="HP1789" s="91"/>
      <c r="HQ1789" s="91"/>
      <c r="HR1789" s="91"/>
      <c r="HS1789" s="91"/>
      <c r="HT1789" s="91"/>
      <c r="HU1789" s="91"/>
      <c r="HV1789" s="91"/>
      <c r="HW1789" s="91"/>
      <c r="HX1789" s="91"/>
      <c r="HY1789" s="91"/>
      <c r="HZ1789" s="91"/>
      <c r="IA1789" s="91"/>
      <c r="IB1789" s="91"/>
      <c r="IC1789" s="91"/>
      <c r="ID1789" s="91"/>
      <c r="IE1789" s="91"/>
      <c r="IF1789" s="91"/>
      <c r="IG1789" s="91"/>
      <c r="IH1789" s="91"/>
      <c r="II1789" s="91"/>
      <c r="IJ1789" s="91"/>
      <c r="IK1789" s="127"/>
    </row>
    <row r="1790" spans="2:245" x14ac:dyDescent="0.2">
      <c r="B1790" s="43"/>
      <c r="C1790" s="73"/>
      <c r="D1790" s="64"/>
      <c r="E1790" s="64"/>
      <c r="F1790" s="55"/>
      <c r="G1790" s="102"/>
      <c r="H1790" s="55"/>
      <c r="I1790" s="55"/>
      <c r="J1790" s="55"/>
      <c r="K1790" s="55"/>
      <c r="L1790" s="55"/>
      <c r="M1790" s="55"/>
      <c r="N1790" s="55"/>
      <c r="O1790" s="55"/>
      <c r="P1790" s="55"/>
      <c r="Q1790" s="55"/>
      <c r="R1790" s="55"/>
      <c r="S1790" s="55"/>
      <c r="T1790" s="55"/>
      <c r="U1790" s="55"/>
      <c r="V1790" s="55"/>
      <c r="W1790" s="55"/>
      <c r="X1790" s="55"/>
      <c r="Y1790" s="55"/>
      <c r="Z1790" s="55"/>
      <c r="AA1790" s="55"/>
      <c r="AB1790" s="55"/>
      <c r="AC1790" s="55"/>
      <c r="AD1790" s="55"/>
      <c r="AE1790" s="55"/>
      <c r="AF1790" s="55"/>
      <c r="AG1790" s="55"/>
      <c r="AY1790" s="162"/>
      <c r="AZ1790" s="162"/>
      <c r="BA1790" s="162"/>
      <c r="BB1790" s="162"/>
      <c r="BC1790" s="162"/>
      <c r="BD1790" s="162"/>
      <c r="BE1790" s="162"/>
      <c r="BF1790" s="162"/>
      <c r="BG1790" s="162"/>
      <c r="BH1790" s="162"/>
      <c r="BI1790" s="162"/>
      <c r="BJ1790" s="162"/>
      <c r="BK1790" s="162"/>
      <c r="BL1790" s="162"/>
      <c r="BM1790" s="162"/>
      <c r="BN1790" s="162"/>
      <c r="BO1790" s="162"/>
      <c r="BP1790" s="162"/>
      <c r="BQ1790" s="162"/>
      <c r="BR1790" s="162"/>
      <c r="BS1790" s="162"/>
      <c r="BT1790" s="162"/>
      <c r="BU1790" s="162"/>
      <c r="BV1790" s="162"/>
      <c r="BW1790" s="162"/>
      <c r="BX1790" s="162"/>
      <c r="BY1790" s="162"/>
      <c r="BZ1790" s="162"/>
      <c r="CA1790" s="162"/>
      <c r="CB1790" s="162"/>
      <c r="CC1790" s="162"/>
      <c r="CD1790" s="162"/>
      <c r="CE1790" s="162"/>
      <c r="CF1790" s="162"/>
      <c r="CG1790" s="162"/>
      <c r="CH1790" s="162"/>
      <c r="CI1790" s="162"/>
      <c r="CJ1790" s="162"/>
      <c r="CK1790" s="162"/>
      <c r="CX1790" s="98"/>
      <c r="DL1790" s="97"/>
      <c r="DX1790" s="98"/>
      <c r="EL1790" s="97"/>
      <c r="EX1790" s="98"/>
      <c r="EY1790" s="97"/>
      <c r="FL1790" s="126"/>
      <c r="FM1790" s="91"/>
      <c r="FN1790" s="91"/>
      <c r="FO1790" s="91"/>
      <c r="FP1790" s="91"/>
      <c r="FQ1790" s="91"/>
      <c r="FR1790" s="91"/>
      <c r="FS1790" s="91"/>
      <c r="FT1790" s="91"/>
      <c r="FU1790" s="91"/>
      <c r="FV1790" s="91"/>
      <c r="FW1790" s="91"/>
      <c r="FX1790" s="91"/>
      <c r="FY1790" s="91"/>
      <c r="FZ1790" s="91"/>
      <c r="GA1790" s="91"/>
      <c r="GB1790" s="91"/>
      <c r="GC1790" s="91"/>
      <c r="GD1790" s="91"/>
      <c r="GE1790" s="91"/>
      <c r="GF1790" s="91"/>
      <c r="GG1790" s="91"/>
      <c r="GH1790" s="91"/>
      <c r="GI1790" s="91"/>
      <c r="GJ1790" s="91"/>
      <c r="GK1790" s="127"/>
      <c r="GL1790" s="126"/>
      <c r="GM1790" s="91"/>
      <c r="GN1790" s="91"/>
      <c r="GO1790" s="91"/>
      <c r="GP1790" s="91"/>
      <c r="GQ1790" s="91"/>
      <c r="GR1790" s="91"/>
      <c r="GS1790" s="91"/>
      <c r="GT1790" s="91"/>
      <c r="GU1790" s="91"/>
      <c r="GV1790" s="91"/>
      <c r="GW1790" s="91"/>
      <c r="GX1790" s="91"/>
      <c r="GY1790" s="91"/>
      <c r="GZ1790" s="91"/>
      <c r="HA1790" s="91"/>
      <c r="HB1790" s="91"/>
      <c r="HC1790" s="91"/>
      <c r="HD1790" s="91"/>
      <c r="HE1790" s="91"/>
      <c r="HF1790" s="91"/>
      <c r="HG1790" s="91"/>
      <c r="HH1790" s="91"/>
      <c r="HI1790" s="91"/>
      <c r="HJ1790" s="91"/>
      <c r="HK1790" s="127"/>
      <c r="HL1790" s="126"/>
      <c r="HM1790" s="91"/>
      <c r="HN1790" s="91"/>
      <c r="HO1790" s="91"/>
      <c r="HP1790" s="91"/>
      <c r="HQ1790" s="91"/>
      <c r="HR1790" s="91"/>
      <c r="HS1790" s="91"/>
      <c r="HT1790" s="91"/>
      <c r="HU1790" s="91"/>
      <c r="HV1790" s="91"/>
      <c r="HW1790" s="91"/>
      <c r="HX1790" s="91"/>
      <c r="HY1790" s="91"/>
      <c r="HZ1790" s="91"/>
      <c r="IA1790" s="91"/>
      <c r="IB1790" s="91"/>
      <c r="IC1790" s="91"/>
      <c r="ID1790" s="91"/>
      <c r="IE1790" s="91"/>
      <c r="IF1790" s="91"/>
      <c r="IG1790" s="91"/>
      <c r="IH1790" s="91"/>
      <c r="II1790" s="91"/>
      <c r="IJ1790" s="91"/>
      <c r="IK1790" s="127"/>
    </row>
    <row r="1791" spans="2:245" x14ac:dyDescent="0.2">
      <c r="B1791" s="43"/>
      <c r="C1791" s="73"/>
      <c r="D1791" s="64"/>
      <c r="E1791" s="64"/>
      <c r="F1791" s="55"/>
      <c r="G1791" s="102"/>
      <c r="H1791" s="55"/>
      <c r="I1791" s="55"/>
      <c r="J1791" s="55"/>
      <c r="K1791" s="55"/>
      <c r="L1791" s="55"/>
      <c r="M1791" s="55"/>
      <c r="N1791" s="55"/>
      <c r="O1791" s="55"/>
      <c r="P1791" s="55"/>
      <c r="Q1791" s="55"/>
      <c r="R1791" s="55"/>
      <c r="S1791" s="55"/>
      <c r="T1791" s="55"/>
      <c r="U1791" s="55"/>
      <c r="V1791" s="55"/>
      <c r="W1791" s="55"/>
      <c r="X1791" s="55"/>
      <c r="Y1791" s="55"/>
      <c r="Z1791" s="55"/>
      <c r="AA1791" s="55"/>
      <c r="AB1791" s="55"/>
      <c r="AC1791" s="55"/>
      <c r="AD1791" s="55"/>
      <c r="AE1791" s="55"/>
      <c r="AF1791" s="55"/>
      <c r="AG1791" s="55"/>
      <c r="AY1791" s="162"/>
      <c r="AZ1791" s="162"/>
      <c r="BA1791" s="162"/>
      <c r="BB1791" s="162"/>
      <c r="BC1791" s="162"/>
      <c r="BD1791" s="162"/>
      <c r="BE1791" s="162"/>
      <c r="BF1791" s="162"/>
      <c r="BG1791" s="162"/>
      <c r="BH1791" s="162"/>
      <c r="BI1791" s="162"/>
      <c r="BJ1791" s="162"/>
      <c r="BK1791" s="162"/>
      <c r="BL1791" s="162"/>
      <c r="BM1791" s="162"/>
      <c r="BN1791" s="162"/>
      <c r="BO1791" s="162"/>
      <c r="BP1791" s="162"/>
      <c r="BQ1791" s="162"/>
      <c r="BR1791" s="162"/>
      <c r="BS1791" s="162"/>
      <c r="BT1791" s="162"/>
      <c r="BU1791" s="162"/>
      <c r="BV1791" s="162"/>
      <c r="BW1791" s="162"/>
      <c r="BX1791" s="162"/>
      <c r="BY1791" s="162"/>
      <c r="BZ1791" s="162"/>
      <c r="CA1791" s="162"/>
      <c r="CB1791" s="162"/>
      <c r="CC1791" s="162"/>
      <c r="CD1791" s="162"/>
      <c r="CE1791" s="162"/>
      <c r="CF1791" s="162"/>
      <c r="CG1791" s="162"/>
      <c r="CH1791" s="162"/>
      <c r="CI1791" s="162"/>
      <c r="CJ1791" s="162"/>
      <c r="CK1791" s="162"/>
      <c r="CX1791" s="98"/>
      <c r="DL1791" s="97"/>
      <c r="DX1791" s="98"/>
      <c r="EL1791" s="97"/>
      <c r="EX1791" s="98"/>
      <c r="EY1791" s="97"/>
      <c r="FL1791" s="126"/>
      <c r="FM1791" s="91"/>
      <c r="FN1791" s="91"/>
      <c r="FO1791" s="91"/>
      <c r="FP1791" s="91"/>
      <c r="FQ1791" s="91"/>
      <c r="FR1791" s="91"/>
      <c r="FS1791" s="91"/>
      <c r="FT1791" s="91"/>
      <c r="FU1791" s="91"/>
      <c r="FV1791" s="91"/>
      <c r="FW1791" s="91"/>
      <c r="FX1791" s="91"/>
      <c r="FY1791" s="91"/>
      <c r="FZ1791" s="91"/>
      <c r="GA1791" s="91"/>
      <c r="GB1791" s="91"/>
      <c r="GC1791" s="91"/>
      <c r="GD1791" s="91"/>
      <c r="GE1791" s="91"/>
      <c r="GF1791" s="91"/>
      <c r="GG1791" s="91"/>
      <c r="GH1791" s="91"/>
      <c r="GI1791" s="91"/>
      <c r="GJ1791" s="91"/>
      <c r="GK1791" s="127"/>
      <c r="GL1791" s="126"/>
      <c r="GM1791" s="91"/>
      <c r="GN1791" s="91"/>
      <c r="GO1791" s="91"/>
      <c r="GP1791" s="91"/>
      <c r="GQ1791" s="91"/>
      <c r="GR1791" s="91"/>
      <c r="GS1791" s="91"/>
      <c r="GT1791" s="91"/>
      <c r="GU1791" s="91"/>
      <c r="GV1791" s="91"/>
      <c r="GW1791" s="91"/>
      <c r="GX1791" s="91"/>
      <c r="GY1791" s="91"/>
      <c r="GZ1791" s="91"/>
      <c r="HA1791" s="91"/>
      <c r="HB1791" s="91"/>
      <c r="HC1791" s="91"/>
      <c r="HD1791" s="91"/>
      <c r="HE1791" s="91"/>
      <c r="HF1791" s="91"/>
      <c r="HG1791" s="91"/>
      <c r="HH1791" s="91"/>
      <c r="HI1791" s="91"/>
      <c r="HJ1791" s="91"/>
      <c r="HK1791" s="127"/>
      <c r="HL1791" s="126"/>
      <c r="HM1791" s="91"/>
      <c r="HN1791" s="91"/>
      <c r="HO1791" s="91"/>
      <c r="HP1791" s="91"/>
      <c r="HQ1791" s="91"/>
      <c r="HR1791" s="91"/>
      <c r="HS1791" s="91"/>
      <c r="HT1791" s="91"/>
      <c r="HU1791" s="91"/>
      <c r="HV1791" s="91"/>
      <c r="HW1791" s="91"/>
      <c r="HX1791" s="91"/>
      <c r="HY1791" s="91"/>
      <c r="HZ1791" s="91"/>
      <c r="IA1791" s="91"/>
      <c r="IB1791" s="91"/>
      <c r="IC1791" s="91"/>
      <c r="ID1791" s="91"/>
      <c r="IE1791" s="91"/>
      <c r="IF1791" s="91"/>
      <c r="IG1791" s="91"/>
      <c r="IH1791" s="91"/>
      <c r="II1791" s="91"/>
      <c r="IJ1791" s="91"/>
      <c r="IK1791" s="127"/>
    </row>
    <row r="1792" spans="2:245" x14ac:dyDescent="0.2">
      <c r="B1792" s="43"/>
      <c r="C1792" s="73"/>
      <c r="D1792" s="64"/>
      <c r="E1792" s="64"/>
      <c r="F1792" s="55"/>
      <c r="G1792" s="102"/>
      <c r="H1792" s="55"/>
      <c r="I1792" s="55"/>
      <c r="J1792" s="55"/>
      <c r="K1792" s="55"/>
      <c r="L1792" s="55"/>
      <c r="M1792" s="55"/>
      <c r="N1792" s="55"/>
      <c r="O1792" s="55"/>
      <c r="P1792" s="55"/>
      <c r="Q1792" s="55"/>
      <c r="R1792" s="55"/>
      <c r="S1792" s="55"/>
      <c r="T1792" s="55"/>
      <c r="U1792" s="55"/>
      <c r="V1792" s="55"/>
      <c r="W1792" s="55"/>
      <c r="X1792" s="55"/>
      <c r="Y1792" s="55"/>
      <c r="Z1792" s="55"/>
      <c r="AA1792" s="55"/>
      <c r="AB1792" s="55"/>
      <c r="AC1792" s="55"/>
      <c r="AD1792" s="55"/>
      <c r="AE1792" s="55"/>
      <c r="AF1792" s="55"/>
      <c r="AG1792" s="55"/>
      <c r="AY1792" s="162"/>
      <c r="AZ1792" s="162"/>
      <c r="BA1792" s="162"/>
      <c r="BB1792" s="162"/>
      <c r="BC1792" s="162"/>
      <c r="BD1792" s="162"/>
      <c r="BE1792" s="162"/>
      <c r="BF1792" s="162"/>
      <c r="BG1792" s="162"/>
      <c r="BH1792" s="162"/>
      <c r="BI1792" s="162"/>
      <c r="BJ1792" s="162"/>
      <c r="BK1792" s="162"/>
      <c r="BL1792" s="162"/>
      <c r="BM1792" s="162"/>
      <c r="BN1792" s="162"/>
      <c r="BO1792" s="162"/>
      <c r="BP1792" s="162"/>
      <c r="BQ1792" s="162"/>
      <c r="BR1792" s="162"/>
      <c r="BS1792" s="162"/>
      <c r="BT1792" s="162"/>
      <c r="BU1792" s="162"/>
      <c r="BV1792" s="162"/>
      <c r="BW1792" s="162"/>
      <c r="BX1792" s="162"/>
      <c r="BY1792" s="162"/>
      <c r="BZ1792" s="162"/>
      <c r="CA1792" s="162"/>
      <c r="CB1792" s="162"/>
      <c r="CC1792" s="162"/>
      <c r="CD1792" s="162"/>
      <c r="CE1792" s="162"/>
      <c r="CF1792" s="162"/>
      <c r="CG1792" s="162"/>
      <c r="CH1792" s="162"/>
      <c r="CI1792" s="162"/>
      <c r="CJ1792" s="162"/>
      <c r="CK1792" s="162"/>
      <c r="CX1792" s="98"/>
      <c r="DL1792" s="97"/>
      <c r="DX1792" s="98"/>
      <c r="EL1792" s="97"/>
      <c r="EX1792" s="98"/>
      <c r="EY1792" s="97"/>
      <c r="FL1792" s="126"/>
      <c r="FM1792" s="91"/>
      <c r="FN1792" s="91"/>
      <c r="FO1792" s="91"/>
      <c r="FP1792" s="91"/>
      <c r="FQ1792" s="91"/>
      <c r="FR1792" s="91"/>
      <c r="FS1792" s="91"/>
      <c r="FT1792" s="91"/>
      <c r="FU1792" s="91"/>
      <c r="FV1792" s="91"/>
      <c r="FW1792" s="91"/>
      <c r="FX1792" s="91"/>
      <c r="FY1792" s="91"/>
      <c r="FZ1792" s="91"/>
      <c r="GA1792" s="91"/>
      <c r="GB1792" s="91"/>
      <c r="GC1792" s="91"/>
      <c r="GD1792" s="91"/>
      <c r="GE1792" s="91"/>
      <c r="GF1792" s="91"/>
      <c r="GG1792" s="91"/>
      <c r="GH1792" s="91"/>
      <c r="GI1792" s="91"/>
      <c r="GJ1792" s="91"/>
      <c r="GK1792" s="127"/>
      <c r="GL1792" s="126"/>
      <c r="GM1792" s="91"/>
      <c r="GN1792" s="91"/>
      <c r="GO1792" s="91"/>
      <c r="GP1792" s="91"/>
      <c r="GQ1792" s="91"/>
      <c r="GR1792" s="91"/>
      <c r="GS1792" s="91"/>
      <c r="GT1792" s="91"/>
      <c r="GU1792" s="91"/>
      <c r="GV1792" s="91"/>
      <c r="GW1792" s="91"/>
      <c r="GX1792" s="91"/>
      <c r="GY1792" s="91"/>
      <c r="GZ1792" s="91"/>
      <c r="HA1792" s="91"/>
      <c r="HB1792" s="91"/>
      <c r="HC1792" s="91"/>
      <c r="HD1792" s="91"/>
      <c r="HE1792" s="91"/>
      <c r="HF1792" s="91"/>
      <c r="HG1792" s="91"/>
      <c r="HH1792" s="91"/>
      <c r="HI1792" s="91"/>
      <c r="HJ1792" s="91"/>
      <c r="HK1792" s="127"/>
      <c r="HL1792" s="126"/>
      <c r="HM1792" s="91"/>
      <c r="HN1792" s="91"/>
      <c r="HO1792" s="91"/>
      <c r="HP1792" s="91"/>
      <c r="HQ1792" s="91"/>
      <c r="HR1792" s="91"/>
      <c r="HS1792" s="91"/>
      <c r="HT1792" s="91"/>
      <c r="HU1792" s="91"/>
      <c r="HV1792" s="91"/>
      <c r="HW1792" s="91"/>
      <c r="HX1792" s="91"/>
      <c r="HY1792" s="91"/>
      <c r="HZ1792" s="91"/>
      <c r="IA1792" s="91"/>
      <c r="IB1792" s="91"/>
      <c r="IC1792" s="91"/>
      <c r="ID1792" s="91"/>
      <c r="IE1792" s="91"/>
      <c r="IF1792" s="91"/>
      <c r="IG1792" s="91"/>
      <c r="IH1792" s="91"/>
      <c r="II1792" s="91"/>
      <c r="IJ1792" s="91"/>
      <c r="IK1792" s="127"/>
    </row>
    <row r="1793" spans="2:245" x14ac:dyDescent="0.2">
      <c r="B1793" s="43"/>
      <c r="C1793" s="73"/>
      <c r="D1793" s="64"/>
      <c r="E1793" s="64"/>
      <c r="F1793" s="55"/>
      <c r="G1793" s="102"/>
      <c r="H1793" s="55"/>
      <c r="I1793" s="55"/>
      <c r="J1793" s="55"/>
      <c r="K1793" s="55"/>
      <c r="L1793" s="55"/>
      <c r="M1793" s="55"/>
      <c r="N1793" s="55"/>
      <c r="O1793" s="55"/>
      <c r="P1793" s="55"/>
      <c r="Q1793" s="55"/>
      <c r="R1793" s="55"/>
      <c r="S1793" s="55"/>
      <c r="T1793" s="55"/>
      <c r="U1793" s="55"/>
      <c r="V1793" s="55"/>
      <c r="W1793" s="55"/>
      <c r="X1793" s="55"/>
      <c r="Y1793" s="55"/>
      <c r="Z1793" s="55"/>
      <c r="AA1793" s="55"/>
      <c r="AB1793" s="55"/>
      <c r="AC1793" s="55"/>
      <c r="AD1793" s="55"/>
      <c r="AE1793" s="55"/>
      <c r="AF1793" s="55"/>
      <c r="AG1793" s="55"/>
      <c r="AY1793" s="162"/>
      <c r="AZ1793" s="162"/>
      <c r="BA1793" s="162"/>
      <c r="BB1793" s="162"/>
      <c r="BC1793" s="162"/>
      <c r="BD1793" s="162"/>
      <c r="BE1793" s="162"/>
      <c r="BF1793" s="162"/>
      <c r="BG1793" s="162"/>
      <c r="BH1793" s="162"/>
      <c r="BI1793" s="162"/>
      <c r="BJ1793" s="162"/>
      <c r="BK1793" s="162"/>
      <c r="BL1793" s="162"/>
      <c r="BM1793" s="162"/>
      <c r="BN1793" s="162"/>
      <c r="BO1793" s="162"/>
      <c r="BP1793" s="162"/>
      <c r="BQ1793" s="162"/>
      <c r="BR1793" s="162"/>
      <c r="BS1793" s="162"/>
      <c r="BT1793" s="162"/>
      <c r="BU1793" s="162"/>
      <c r="BV1793" s="162"/>
      <c r="BW1793" s="162"/>
      <c r="BX1793" s="162"/>
      <c r="BY1793" s="162"/>
      <c r="BZ1793" s="162"/>
      <c r="CA1793" s="162"/>
      <c r="CB1793" s="162"/>
      <c r="CC1793" s="162"/>
      <c r="CD1793" s="162"/>
      <c r="CE1793" s="162"/>
      <c r="CF1793" s="162"/>
      <c r="CG1793" s="162"/>
      <c r="CH1793" s="162"/>
      <c r="CI1793" s="162"/>
      <c r="CJ1793" s="162"/>
      <c r="CK1793" s="162"/>
      <c r="CX1793" s="98"/>
      <c r="DL1793" s="97"/>
      <c r="DX1793" s="98"/>
      <c r="EL1793" s="97"/>
      <c r="EX1793" s="98"/>
      <c r="EY1793" s="97"/>
      <c r="FL1793" s="126"/>
      <c r="FM1793" s="91"/>
      <c r="FN1793" s="91"/>
      <c r="FO1793" s="91"/>
      <c r="FP1793" s="91"/>
      <c r="FQ1793" s="91"/>
      <c r="FR1793" s="91"/>
      <c r="FS1793" s="91"/>
      <c r="FT1793" s="91"/>
      <c r="FU1793" s="91"/>
      <c r="FV1793" s="91"/>
      <c r="FW1793" s="91"/>
      <c r="FX1793" s="91"/>
      <c r="FY1793" s="91"/>
      <c r="FZ1793" s="91"/>
      <c r="GA1793" s="91"/>
      <c r="GB1793" s="91"/>
      <c r="GC1793" s="91"/>
      <c r="GD1793" s="91"/>
      <c r="GE1793" s="91"/>
      <c r="GF1793" s="91"/>
      <c r="GG1793" s="91"/>
      <c r="GH1793" s="91"/>
      <c r="GI1793" s="91"/>
      <c r="GJ1793" s="91"/>
      <c r="GK1793" s="127"/>
      <c r="GL1793" s="126"/>
      <c r="GM1793" s="91"/>
      <c r="GN1793" s="91"/>
      <c r="GO1793" s="91"/>
      <c r="GP1793" s="91"/>
      <c r="GQ1793" s="91"/>
      <c r="GR1793" s="91"/>
      <c r="GS1793" s="91"/>
      <c r="GT1793" s="91"/>
      <c r="GU1793" s="91"/>
      <c r="GV1793" s="91"/>
      <c r="GW1793" s="91"/>
      <c r="GX1793" s="91"/>
      <c r="GY1793" s="91"/>
      <c r="GZ1793" s="91"/>
      <c r="HA1793" s="91"/>
      <c r="HB1793" s="91"/>
      <c r="HC1793" s="91"/>
      <c r="HD1793" s="91"/>
      <c r="HE1793" s="91"/>
      <c r="HF1793" s="91"/>
      <c r="HG1793" s="91"/>
      <c r="HH1793" s="91"/>
      <c r="HI1793" s="91"/>
      <c r="HJ1793" s="91"/>
      <c r="HK1793" s="127"/>
      <c r="HL1793" s="126"/>
      <c r="HM1793" s="91"/>
      <c r="HN1793" s="91"/>
      <c r="HO1793" s="91"/>
      <c r="HP1793" s="91"/>
      <c r="HQ1793" s="91"/>
      <c r="HR1793" s="91"/>
      <c r="HS1793" s="91"/>
      <c r="HT1793" s="91"/>
      <c r="HU1793" s="91"/>
      <c r="HV1793" s="91"/>
      <c r="HW1793" s="91"/>
      <c r="HX1793" s="91"/>
      <c r="HY1793" s="91"/>
      <c r="HZ1793" s="91"/>
      <c r="IA1793" s="91"/>
      <c r="IB1793" s="91"/>
      <c r="IC1793" s="91"/>
      <c r="ID1793" s="91"/>
      <c r="IE1793" s="91"/>
      <c r="IF1793" s="91"/>
      <c r="IG1793" s="91"/>
      <c r="IH1793" s="91"/>
      <c r="II1793" s="91"/>
      <c r="IJ1793" s="91"/>
      <c r="IK1793" s="127"/>
    </row>
    <row r="1794" spans="2:245" x14ac:dyDescent="0.2">
      <c r="B1794" s="43"/>
      <c r="C1794" s="73"/>
      <c r="D1794" s="64"/>
      <c r="E1794" s="64"/>
      <c r="F1794" s="55"/>
      <c r="G1794" s="102"/>
      <c r="H1794" s="55"/>
      <c r="I1794" s="55"/>
      <c r="J1794" s="55"/>
      <c r="K1794" s="55"/>
      <c r="L1794" s="55"/>
      <c r="M1794" s="55"/>
      <c r="N1794" s="55"/>
      <c r="O1794" s="55"/>
      <c r="P1794" s="55"/>
      <c r="Q1794" s="55"/>
      <c r="R1794" s="55"/>
      <c r="S1794" s="55"/>
      <c r="T1794" s="55"/>
      <c r="U1794" s="55"/>
      <c r="V1794" s="55"/>
      <c r="W1794" s="55"/>
      <c r="X1794" s="55"/>
      <c r="Y1794" s="55"/>
      <c r="Z1794" s="55"/>
      <c r="AA1794" s="55"/>
      <c r="AB1794" s="55"/>
      <c r="AC1794" s="55"/>
      <c r="AD1794" s="55"/>
      <c r="AE1794" s="55"/>
      <c r="AF1794" s="55"/>
      <c r="AG1794" s="55"/>
      <c r="AY1794" s="162"/>
      <c r="AZ1794" s="162"/>
      <c r="BA1794" s="162"/>
      <c r="BB1794" s="162"/>
      <c r="BC1794" s="162"/>
      <c r="BD1794" s="162"/>
      <c r="BE1794" s="162"/>
      <c r="BF1794" s="162"/>
      <c r="BG1794" s="162"/>
      <c r="BH1794" s="162"/>
      <c r="BI1794" s="162"/>
      <c r="BJ1794" s="162"/>
      <c r="BK1794" s="162"/>
      <c r="BL1794" s="162"/>
      <c r="BM1794" s="162"/>
      <c r="BN1794" s="162"/>
      <c r="BO1794" s="162"/>
      <c r="BP1794" s="162"/>
      <c r="BQ1794" s="162"/>
      <c r="BR1794" s="162"/>
      <c r="BS1794" s="162"/>
      <c r="BT1794" s="162"/>
      <c r="BU1794" s="162"/>
      <c r="BV1794" s="162"/>
      <c r="BW1794" s="162"/>
      <c r="BX1794" s="162"/>
      <c r="BY1794" s="162"/>
      <c r="BZ1794" s="162"/>
      <c r="CA1794" s="162"/>
      <c r="CB1794" s="162"/>
      <c r="CC1794" s="162"/>
      <c r="CD1794" s="162"/>
      <c r="CE1794" s="162"/>
      <c r="CF1794" s="162"/>
      <c r="CG1794" s="162"/>
      <c r="CH1794" s="162"/>
      <c r="CI1794" s="162"/>
      <c r="CJ1794" s="162"/>
      <c r="CK1794" s="162"/>
      <c r="CX1794" s="98"/>
      <c r="DL1794" s="97"/>
      <c r="DX1794" s="98"/>
      <c r="EL1794" s="97"/>
      <c r="EX1794" s="98"/>
      <c r="EY1794" s="97"/>
      <c r="FL1794" s="126"/>
      <c r="FM1794" s="91"/>
      <c r="FN1794" s="91"/>
      <c r="FO1794" s="91"/>
      <c r="FP1794" s="91"/>
      <c r="FQ1794" s="91"/>
      <c r="FR1794" s="91"/>
      <c r="FS1794" s="91"/>
      <c r="FT1794" s="91"/>
      <c r="FU1794" s="91"/>
      <c r="FV1794" s="91"/>
      <c r="FW1794" s="91"/>
      <c r="FX1794" s="91"/>
      <c r="FY1794" s="91"/>
      <c r="FZ1794" s="91"/>
      <c r="GA1794" s="91"/>
      <c r="GB1794" s="91"/>
      <c r="GC1794" s="91"/>
      <c r="GD1794" s="91"/>
      <c r="GE1794" s="91"/>
      <c r="GF1794" s="91"/>
      <c r="GG1794" s="91"/>
      <c r="GH1794" s="91"/>
      <c r="GI1794" s="91"/>
      <c r="GJ1794" s="91"/>
      <c r="GK1794" s="127"/>
      <c r="GL1794" s="126"/>
      <c r="GM1794" s="91"/>
      <c r="GN1794" s="91"/>
      <c r="GO1794" s="91"/>
      <c r="GP1794" s="91"/>
      <c r="GQ1794" s="91"/>
      <c r="GR1794" s="91"/>
      <c r="GS1794" s="91"/>
      <c r="GT1794" s="91"/>
      <c r="GU1794" s="91"/>
      <c r="GV1794" s="91"/>
      <c r="GW1794" s="91"/>
      <c r="GX1794" s="91"/>
      <c r="GY1794" s="91"/>
      <c r="GZ1794" s="91"/>
      <c r="HA1794" s="91"/>
      <c r="HB1794" s="91"/>
      <c r="HC1794" s="91"/>
      <c r="HD1794" s="91"/>
      <c r="HE1794" s="91"/>
      <c r="HF1794" s="91"/>
      <c r="HG1794" s="91"/>
      <c r="HH1794" s="91"/>
      <c r="HI1794" s="91"/>
      <c r="HJ1794" s="91"/>
      <c r="HK1794" s="127"/>
      <c r="HL1794" s="126"/>
      <c r="HM1794" s="91"/>
      <c r="HN1794" s="91"/>
      <c r="HO1794" s="91"/>
      <c r="HP1794" s="91"/>
      <c r="HQ1794" s="91"/>
      <c r="HR1794" s="91"/>
      <c r="HS1794" s="91"/>
      <c r="HT1794" s="91"/>
      <c r="HU1794" s="91"/>
      <c r="HV1794" s="91"/>
      <c r="HW1794" s="91"/>
      <c r="HX1794" s="91"/>
      <c r="HY1794" s="91"/>
      <c r="HZ1794" s="91"/>
      <c r="IA1794" s="91"/>
      <c r="IB1794" s="91"/>
      <c r="IC1794" s="91"/>
      <c r="ID1794" s="91"/>
      <c r="IE1794" s="91"/>
      <c r="IF1794" s="91"/>
      <c r="IG1794" s="91"/>
      <c r="IH1794" s="91"/>
      <c r="II1794" s="91"/>
      <c r="IJ1794" s="91"/>
      <c r="IK1794" s="127"/>
    </row>
    <row r="1795" spans="2:245" x14ac:dyDescent="0.2">
      <c r="B1795" s="43"/>
      <c r="C1795" s="73"/>
      <c r="D1795" s="64"/>
      <c r="E1795" s="64"/>
      <c r="F1795" s="55"/>
      <c r="G1795" s="102"/>
      <c r="H1795" s="55"/>
      <c r="I1795" s="55"/>
      <c r="J1795" s="55"/>
      <c r="K1795" s="55"/>
      <c r="L1795" s="55"/>
      <c r="M1795" s="55"/>
      <c r="N1795" s="55"/>
      <c r="O1795" s="55"/>
      <c r="P1795" s="55"/>
      <c r="Q1795" s="55"/>
      <c r="R1795" s="55"/>
      <c r="S1795" s="55"/>
      <c r="T1795" s="55"/>
      <c r="U1795" s="55"/>
      <c r="V1795" s="55"/>
      <c r="W1795" s="55"/>
      <c r="X1795" s="55"/>
      <c r="Y1795" s="55"/>
      <c r="Z1795" s="55"/>
      <c r="AA1795" s="55"/>
      <c r="AB1795" s="55"/>
      <c r="AC1795" s="55"/>
      <c r="AD1795" s="55"/>
      <c r="AE1795" s="55"/>
      <c r="AF1795" s="55"/>
      <c r="AG1795" s="55"/>
      <c r="AY1795" s="162"/>
      <c r="AZ1795" s="162"/>
      <c r="BA1795" s="162"/>
      <c r="BB1795" s="162"/>
      <c r="BC1795" s="162"/>
      <c r="BD1795" s="162"/>
      <c r="BE1795" s="162"/>
      <c r="BF1795" s="162"/>
      <c r="BG1795" s="162"/>
      <c r="BH1795" s="162"/>
      <c r="BI1795" s="162"/>
      <c r="BJ1795" s="162"/>
      <c r="BK1795" s="162"/>
      <c r="BL1795" s="162"/>
      <c r="BM1795" s="162"/>
      <c r="BN1795" s="162"/>
      <c r="BO1795" s="162"/>
      <c r="BP1795" s="162"/>
      <c r="BQ1795" s="162"/>
      <c r="BR1795" s="162"/>
      <c r="BS1795" s="162"/>
      <c r="BT1795" s="162"/>
      <c r="BU1795" s="162"/>
      <c r="BV1795" s="162"/>
      <c r="BW1795" s="162"/>
      <c r="BX1795" s="162"/>
      <c r="BY1795" s="162"/>
      <c r="BZ1795" s="162"/>
      <c r="CA1795" s="162"/>
      <c r="CB1795" s="162"/>
      <c r="CC1795" s="162"/>
      <c r="CD1795" s="162"/>
      <c r="CE1795" s="162"/>
      <c r="CF1795" s="162"/>
      <c r="CG1795" s="162"/>
      <c r="CH1795" s="162"/>
      <c r="CI1795" s="162"/>
      <c r="CJ1795" s="162"/>
      <c r="CK1795" s="162"/>
      <c r="CX1795" s="98"/>
      <c r="DL1795" s="97"/>
      <c r="DX1795" s="98"/>
      <c r="EL1795" s="97"/>
      <c r="EX1795" s="98"/>
      <c r="EY1795" s="97"/>
      <c r="FL1795" s="126"/>
      <c r="FM1795" s="91"/>
      <c r="FN1795" s="91"/>
      <c r="FO1795" s="91"/>
      <c r="FP1795" s="91"/>
      <c r="FQ1795" s="91"/>
      <c r="FR1795" s="91"/>
      <c r="FS1795" s="91"/>
      <c r="FT1795" s="91"/>
      <c r="FU1795" s="91"/>
      <c r="FV1795" s="91"/>
      <c r="FW1795" s="91"/>
      <c r="FX1795" s="91"/>
      <c r="FY1795" s="91"/>
      <c r="FZ1795" s="91"/>
      <c r="GA1795" s="91"/>
      <c r="GB1795" s="91"/>
      <c r="GC1795" s="91"/>
      <c r="GD1795" s="91"/>
      <c r="GE1795" s="91"/>
      <c r="GF1795" s="91"/>
      <c r="GG1795" s="91"/>
      <c r="GH1795" s="91"/>
      <c r="GI1795" s="91"/>
      <c r="GJ1795" s="91"/>
      <c r="GK1795" s="127"/>
      <c r="GL1795" s="126"/>
      <c r="GM1795" s="91"/>
      <c r="GN1795" s="91"/>
      <c r="GO1795" s="91"/>
      <c r="GP1795" s="91"/>
      <c r="GQ1795" s="91"/>
      <c r="GR1795" s="91"/>
      <c r="GS1795" s="91"/>
      <c r="GT1795" s="91"/>
      <c r="GU1795" s="91"/>
      <c r="GV1795" s="91"/>
      <c r="GW1795" s="91"/>
      <c r="GX1795" s="91"/>
      <c r="GY1795" s="91"/>
      <c r="GZ1795" s="91"/>
      <c r="HA1795" s="91"/>
      <c r="HB1795" s="91"/>
      <c r="HC1795" s="91"/>
      <c r="HD1795" s="91"/>
      <c r="HE1795" s="91"/>
      <c r="HF1795" s="91"/>
      <c r="HG1795" s="91"/>
      <c r="HH1795" s="91"/>
      <c r="HI1795" s="91"/>
      <c r="HJ1795" s="91"/>
      <c r="HK1795" s="127"/>
      <c r="HL1795" s="126"/>
      <c r="HM1795" s="91"/>
      <c r="HN1795" s="91"/>
      <c r="HO1795" s="91"/>
      <c r="HP1795" s="91"/>
      <c r="HQ1795" s="91"/>
      <c r="HR1795" s="91"/>
      <c r="HS1795" s="91"/>
      <c r="HT1795" s="91"/>
      <c r="HU1795" s="91"/>
      <c r="HV1795" s="91"/>
      <c r="HW1795" s="91"/>
      <c r="HX1795" s="91"/>
      <c r="HY1795" s="91"/>
      <c r="HZ1795" s="91"/>
      <c r="IA1795" s="91"/>
      <c r="IB1795" s="91"/>
      <c r="IC1795" s="91"/>
      <c r="ID1795" s="91"/>
      <c r="IE1795" s="91"/>
      <c r="IF1795" s="91"/>
      <c r="IG1795" s="91"/>
      <c r="IH1795" s="91"/>
      <c r="II1795" s="91"/>
      <c r="IJ1795" s="91"/>
      <c r="IK1795" s="127"/>
    </row>
    <row r="1796" spans="2:245" x14ac:dyDescent="0.2">
      <c r="B1796" s="43"/>
      <c r="C1796" s="73"/>
      <c r="D1796" s="64"/>
      <c r="E1796" s="64"/>
      <c r="F1796" s="55"/>
      <c r="G1796" s="102"/>
      <c r="H1796" s="55"/>
      <c r="I1796" s="55"/>
      <c r="J1796" s="55"/>
      <c r="K1796" s="55"/>
      <c r="L1796" s="55"/>
      <c r="M1796" s="55"/>
      <c r="N1796" s="55"/>
      <c r="O1796" s="55"/>
      <c r="P1796" s="55"/>
      <c r="Q1796" s="55"/>
      <c r="R1796" s="55"/>
      <c r="S1796" s="55"/>
      <c r="T1796" s="55"/>
      <c r="U1796" s="55"/>
      <c r="V1796" s="55"/>
      <c r="W1796" s="55"/>
      <c r="X1796" s="55"/>
      <c r="Y1796" s="55"/>
      <c r="Z1796" s="55"/>
      <c r="AA1796" s="55"/>
      <c r="AB1796" s="55"/>
      <c r="AC1796" s="55"/>
      <c r="AD1796" s="55"/>
      <c r="AE1796" s="55"/>
      <c r="AF1796" s="55"/>
      <c r="AG1796" s="55"/>
      <c r="AY1796" s="162"/>
      <c r="AZ1796" s="162"/>
      <c r="BA1796" s="162"/>
      <c r="BB1796" s="162"/>
      <c r="BC1796" s="162"/>
      <c r="BD1796" s="162"/>
      <c r="BE1796" s="162"/>
      <c r="BF1796" s="162"/>
      <c r="BG1796" s="162"/>
      <c r="BH1796" s="162"/>
      <c r="BI1796" s="162"/>
      <c r="BJ1796" s="162"/>
      <c r="BK1796" s="162"/>
      <c r="BL1796" s="162"/>
      <c r="BM1796" s="162"/>
      <c r="BN1796" s="162"/>
      <c r="BO1796" s="162"/>
      <c r="BP1796" s="162"/>
      <c r="BQ1796" s="162"/>
      <c r="BR1796" s="162"/>
      <c r="BS1796" s="162"/>
      <c r="BT1796" s="162"/>
      <c r="BU1796" s="162"/>
      <c r="BV1796" s="162"/>
      <c r="BW1796" s="162"/>
      <c r="BX1796" s="162"/>
      <c r="BY1796" s="162"/>
      <c r="BZ1796" s="162"/>
      <c r="CA1796" s="162"/>
      <c r="CB1796" s="162"/>
      <c r="CC1796" s="162"/>
      <c r="CD1796" s="162"/>
      <c r="CE1796" s="162"/>
      <c r="CF1796" s="162"/>
      <c r="CG1796" s="162"/>
      <c r="CH1796" s="162"/>
      <c r="CI1796" s="162"/>
      <c r="CJ1796" s="162"/>
      <c r="CK1796" s="162"/>
      <c r="CX1796" s="98"/>
      <c r="DL1796" s="97"/>
      <c r="DX1796" s="98"/>
      <c r="EL1796" s="97"/>
      <c r="EX1796" s="98"/>
      <c r="EY1796" s="97"/>
      <c r="FL1796" s="126"/>
      <c r="FM1796" s="91"/>
      <c r="FN1796" s="91"/>
      <c r="FO1796" s="91"/>
      <c r="FP1796" s="91"/>
      <c r="FQ1796" s="91"/>
      <c r="FR1796" s="91"/>
      <c r="FS1796" s="91"/>
      <c r="FT1796" s="91"/>
      <c r="FU1796" s="91"/>
      <c r="FV1796" s="91"/>
      <c r="FW1796" s="91"/>
      <c r="FX1796" s="91"/>
      <c r="FY1796" s="91"/>
      <c r="FZ1796" s="91"/>
      <c r="GA1796" s="91"/>
      <c r="GB1796" s="91"/>
      <c r="GC1796" s="91"/>
      <c r="GD1796" s="91"/>
      <c r="GE1796" s="91"/>
      <c r="GF1796" s="91"/>
      <c r="GG1796" s="91"/>
      <c r="GH1796" s="91"/>
      <c r="GI1796" s="91"/>
      <c r="GJ1796" s="91"/>
      <c r="GK1796" s="127"/>
      <c r="GL1796" s="126"/>
      <c r="GM1796" s="91"/>
      <c r="GN1796" s="91"/>
      <c r="GO1796" s="91"/>
      <c r="GP1796" s="91"/>
      <c r="GQ1796" s="91"/>
      <c r="GR1796" s="91"/>
      <c r="GS1796" s="91"/>
      <c r="GT1796" s="91"/>
      <c r="GU1796" s="91"/>
      <c r="GV1796" s="91"/>
      <c r="GW1796" s="91"/>
      <c r="GX1796" s="91"/>
      <c r="GY1796" s="91"/>
      <c r="GZ1796" s="91"/>
      <c r="HA1796" s="91"/>
      <c r="HB1796" s="91"/>
      <c r="HC1796" s="91"/>
      <c r="HD1796" s="91"/>
      <c r="HE1796" s="91"/>
      <c r="HF1796" s="91"/>
      <c r="HG1796" s="91"/>
      <c r="HH1796" s="91"/>
      <c r="HI1796" s="91"/>
      <c r="HJ1796" s="91"/>
      <c r="HK1796" s="127"/>
      <c r="HL1796" s="126"/>
      <c r="HM1796" s="91"/>
      <c r="HN1796" s="91"/>
      <c r="HO1796" s="91"/>
      <c r="HP1796" s="91"/>
      <c r="HQ1796" s="91"/>
      <c r="HR1796" s="91"/>
      <c r="HS1796" s="91"/>
      <c r="HT1796" s="91"/>
      <c r="HU1796" s="91"/>
      <c r="HV1796" s="91"/>
      <c r="HW1796" s="91"/>
      <c r="HX1796" s="91"/>
      <c r="HY1796" s="91"/>
      <c r="HZ1796" s="91"/>
      <c r="IA1796" s="91"/>
      <c r="IB1796" s="91"/>
      <c r="IC1796" s="91"/>
      <c r="ID1796" s="91"/>
      <c r="IE1796" s="91"/>
      <c r="IF1796" s="91"/>
      <c r="IG1796" s="91"/>
      <c r="IH1796" s="91"/>
      <c r="II1796" s="91"/>
      <c r="IJ1796" s="91"/>
      <c r="IK1796" s="127"/>
    </row>
    <row r="1797" spans="2:245" x14ac:dyDescent="0.2">
      <c r="B1797" s="43"/>
      <c r="C1797" s="73"/>
      <c r="D1797" s="64"/>
      <c r="E1797" s="64"/>
      <c r="F1797" s="55"/>
      <c r="G1797" s="102"/>
      <c r="H1797" s="55"/>
      <c r="I1797" s="55"/>
      <c r="J1797" s="55"/>
      <c r="K1797" s="55"/>
      <c r="L1797" s="55"/>
      <c r="M1797" s="55"/>
      <c r="N1797" s="55"/>
      <c r="O1797" s="55"/>
      <c r="P1797" s="55"/>
      <c r="Q1797" s="55"/>
      <c r="R1797" s="55"/>
      <c r="S1797" s="55"/>
      <c r="T1797" s="55"/>
      <c r="U1797" s="55"/>
      <c r="V1797" s="55"/>
      <c r="W1797" s="55"/>
      <c r="X1797" s="55"/>
      <c r="Y1797" s="55"/>
      <c r="Z1797" s="55"/>
      <c r="AA1797" s="55"/>
      <c r="AB1797" s="55"/>
      <c r="AC1797" s="55"/>
      <c r="AD1797" s="55"/>
      <c r="AE1797" s="55"/>
      <c r="AF1797" s="55"/>
      <c r="AG1797" s="55"/>
      <c r="AY1797" s="162"/>
      <c r="AZ1797" s="162"/>
      <c r="BA1797" s="162"/>
      <c r="BB1797" s="162"/>
      <c r="BC1797" s="162"/>
      <c r="BD1797" s="162"/>
      <c r="BE1797" s="162"/>
      <c r="BF1797" s="162"/>
      <c r="BG1797" s="162"/>
      <c r="BH1797" s="162"/>
      <c r="BI1797" s="162"/>
      <c r="BJ1797" s="162"/>
      <c r="BK1797" s="162"/>
      <c r="BL1797" s="162"/>
      <c r="BM1797" s="162"/>
      <c r="BN1797" s="162"/>
      <c r="BO1797" s="162"/>
      <c r="BP1797" s="162"/>
      <c r="BQ1797" s="162"/>
      <c r="BR1797" s="162"/>
      <c r="BS1797" s="162"/>
      <c r="BT1797" s="162"/>
      <c r="BU1797" s="162"/>
      <c r="BV1797" s="162"/>
      <c r="BW1797" s="162"/>
      <c r="BX1797" s="162"/>
      <c r="BY1797" s="162"/>
      <c r="BZ1797" s="162"/>
      <c r="CA1797" s="162"/>
      <c r="CB1797" s="162"/>
      <c r="CC1797" s="162"/>
      <c r="CD1797" s="162"/>
      <c r="CE1797" s="162"/>
      <c r="CF1797" s="162"/>
      <c r="CG1797" s="162"/>
      <c r="CH1797" s="162"/>
      <c r="CI1797" s="162"/>
      <c r="CJ1797" s="162"/>
      <c r="CK1797" s="162"/>
      <c r="CX1797" s="98"/>
      <c r="DL1797" s="97"/>
      <c r="DX1797" s="98"/>
      <c r="EL1797" s="97"/>
      <c r="EX1797" s="98"/>
      <c r="EY1797" s="97"/>
      <c r="FL1797" s="126"/>
      <c r="FM1797" s="91"/>
      <c r="FN1797" s="91"/>
      <c r="FO1797" s="91"/>
      <c r="FP1797" s="91"/>
      <c r="FQ1797" s="91"/>
      <c r="FR1797" s="91"/>
      <c r="FS1797" s="91"/>
      <c r="FT1797" s="91"/>
      <c r="FU1797" s="91"/>
      <c r="FV1797" s="91"/>
      <c r="FW1797" s="91"/>
      <c r="FX1797" s="91"/>
      <c r="FY1797" s="91"/>
      <c r="FZ1797" s="91"/>
      <c r="GA1797" s="91"/>
      <c r="GB1797" s="91"/>
      <c r="GC1797" s="91"/>
      <c r="GD1797" s="91"/>
      <c r="GE1797" s="91"/>
      <c r="GF1797" s="91"/>
      <c r="GG1797" s="91"/>
      <c r="GH1797" s="91"/>
      <c r="GI1797" s="91"/>
      <c r="GJ1797" s="91"/>
      <c r="GK1797" s="127"/>
      <c r="GL1797" s="126"/>
      <c r="GM1797" s="91"/>
      <c r="GN1797" s="91"/>
      <c r="GO1797" s="91"/>
      <c r="GP1797" s="91"/>
      <c r="GQ1797" s="91"/>
      <c r="GR1797" s="91"/>
      <c r="GS1797" s="91"/>
      <c r="GT1797" s="91"/>
      <c r="GU1797" s="91"/>
      <c r="GV1797" s="91"/>
      <c r="GW1797" s="91"/>
      <c r="GX1797" s="91"/>
      <c r="GY1797" s="91"/>
      <c r="GZ1797" s="91"/>
      <c r="HA1797" s="91"/>
      <c r="HB1797" s="91"/>
      <c r="HC1797" s="91"/>
      <c r="HD1797" s="91"/>
      <c r="HE1797" s="91"/>
      <c r="HF1797" s="91"/>
      <c r="HG1797" s="91"/>
      <c r="HH1797" s="91"/>
      <c r="HI1797" s="91"/>
      <c r="HJ1797" s="91"/>
      <c r="HK1797" s="127"/>
      <c r="HL1797" s="126"/>
      <c r="HM1797" s="91"/>
      <c r="HN1797" s="91"/>
      <c r="HO1797" s="91"/>
      <c r="HP1797" s="91"/>
      <c r="HQ1797" s="91"/>
      <c r="HR1797" s="91"/>
      <c r="HS1797" s="91"/>
      <c r="HT1797" s="91"/>
      <c r="HU1797" s="91"/>
      <c r="HV1797" s="91"/>
      <c r="HW1797" s="91"/>
      <c r="HX1797" s="91"/>
      <c r="HY1797" s="91"/>
      <c r="HZ1797" s="91"/>
      <c r="IA1797" s="91"/>
      <c r="IB1797" s="91"/>
      <c r="IC1797" s="91"/>
      <c r="ID1797" s="91"/>
      <c r="IE1797" s="91"/>
      <c r="IF1797" s="91"/>
      <c r="IG1797" s="91"/>
      <c r="IH1797" s="91"/>
      <c r="II1797" s="91"/>
      <c r="IJ1797" s="91"/>
      <c r="IK1797" s="127"/>
    </row>
    <row r="1798" spans="2:245" x14ac:dyDescent="0.2">
      <c r="B1798" s="43"/>
      <c r="C1798" s="73"/>
      <c r="D1798" s="64"/>
      <c r="E1798" s="64"/>
      <c r="F1798" s="55"/>
      <c r="G1798" s="102"/>
      <c r="H1798" s="55"/>
      <c r="I1798" s="55"/>
      <c r="J1798" s="55"/>
      <c r="K1798" s="55"/>
      <c r="L1798" s="55"/>
      <c r="M1798" s="55"/>
      <c r="N1798" s="55"/>
      <c r="O1798" s="55"/>
      <c r="P1798" s="55"/>
      <c r="Q1798" s="55"/>
      <c r="R1798" s="55"/>
      <c r="S1798" s="55"/>
      <c r="T1798" s="55"/>
      <c r="U1798" s="55"/>
      <c r="V1798" s="55"/>
      <c r="W1798" s="55"/>
      <c r="X1798" s="55"/>
      <c r="Y1798" s="55"/>
      <c r="Z1798" s="55"/>
      <c r="AA1798" s="55"/>
      <c r="AB1798" s="55"/>
      <c r="AC1798" s="55"/>
      <c r="AD1798" s="55"/>
      <c r="AE1798" s="55"/>
      <c r="AF1798" s="55"/>
      <c r="AG1798" s="55"/>
      <c r="AY1798" s="162"/>
      <c r="AZ1798" s="162"/>
      <c r="BA1798" s="162"/>
      <c r="BB1798" s="162"/>
      <c r="BC1798" s="162"/>
      <c r="BD1798" s="162"/>
      <c r="BE1798" s="162"/>
      <c r="BF1798" s="162"/>
      <c r="BG1798" s="162"/>
      <c r="BH1798" s="162"/>
      <c r="BI1798" s="162"/>
      <c r="BJ1798" s="162"/>
      <c r="BK1798" s="162"/>
      <c r="BL1798" s="162"/>
      <c r="BM1798" s="162"/>
      <c r="BN1798" s="162"/>
      <c r="BO1798" s="162"/>
      <c r="BP1798" s="162"/>
      <c r="BQ1798" s="162"/>
      <c r="BR1798" s="162"/>
      <c r="BS1798" s="162"/>
      <c r="BT1798" s="162"/>
      <c r="BU1798" s="162"/>
      <c r="BV1798" s="162"/>
      <c r="BW1798" s="162"/>
      <c r="BX1798" s="162"/>
      <c r="BY1798" s="162"/>
      <c r="BZ1798" s="162"/>
      <c r="CA1798" s="162"/>
      <c r="CB1798" s="162"/>
      <c r="CC1798" s="162"/>
      <c r="CD1798" s="162"/>
      <c r="CE1798" s="162"/>
      <c r="CF1798" s="162"/>
      <c r="CG1798" s="162"/>
      <c r="CH1798" s="162"/>
      <c r="CI1798" s="162"/>
      <c r="CJ1798" s="162"/>
      <c r="CK1798" s="162"/>
      <c r="CX1798" s="98"/>
      <c r="DL1798" s="97"/>
      <c r="DX1798" s="98"/>
      <c r="EL1798" s="97"/>
      <c r="EX1798" s="98"/>
      <c r="EY1798" s="97"/>
      <c r="FL1798" s="126"/>
      <c r="FM1798" s="91"/>
      <c r="FN1798" s="91"/>
      <c r="FO1798" s="91"/>
      <c r="FP1798" s="91"/>
      <c r="FQ1798" s="91"/>
      <c r="FR1798" s="91"/>
      <c r="FS1798" s="91"/>
      <c r="FT1798" s="91"/>
      <c r="FU1798" s="91"/>
      <c r="FV1798" s="91"/>
      <c r="FW1798" s="91"/>
      <c r="FX1798" s="91"/>
      <c r="FY1798" s="91"/>
      <c r="FZ1798" s="91"/>
      <c r="GA1798" s="91"/>
      <c r="GB1798" s="91"/>
      <c r="GC1798" s="91"/>
      <c r="GD1798" s="91"/>
      <c r="GE1798" s="91"/>
      <c r="GF1798" s="91"/>
      <c r="GG1798" s="91"/>
      <c r="GH1798" s="91"/>
      <c r="GI1798" s="91"/>
      <c r="GJ1798" s="91"/>
      <c r="GK1798" s="127"/>
      <c r="GL1798" s="126"/>
      <c r="GM1798" s="91"/>
      <c r="GN1798" s="91"/>
      <c r="GO1798" s="91"/>
      <c r="GP1798" s="91"/>
      <c r="GQ1798" s="91"/>
      <c r="GR1798" s="91"/>
      <c r="GS1798" s="91"/>
      <c r="GT1798" s="91"/>
      <c r="GU1798" s="91"/>
      <c r="GV1798" s="91"/>
      <c r="GW1798" s="91"/>
      <c r="GX1798" s="91"/>
      <c r="GY1798" s="91"/>
      <c r="GZ1798" s="91"/>
      <c r="HA1798" s="91"/>
      <c r="HB1798" s="91"/>
      <c r="HC1798" s="91"/>
      <c r="HD1798" s="91"/>
      <c r="HE1798" s="91"/>
      <c r="HF1798" s="91"/>
      <c r="HG1798" s="91"/>
      <c r="HH1798" s="91"/>
      <c r="HI1798" s="91"/>
      <c r="HJ1798" s="91"/>
      <c r="HK1798" s="127"/>
      <c r="HL1798" s="126"/>
      <c r="HM1798" s="91"/>
      <c r="HN1798" s="91"/>
      <c r="HO1798" s="91"/>
      <c r="HP1798" s="91"/>
      <c r="HQ1798" s="91"/>
      <c r="HR1798" s="91"/>
      <c r="HS1798" s="91"/>
      <c r="HT1798" s="91"/>
      <c r="HU1798" s="91"/>
      <c r="HV1798" s="91"/>
      <c r="HW1798" s="91"/>
      <c r="HX1798" s="91"/>
      <c r="HY1798" s="91"/>
      <c r="HZ1798" s="91"/>
      <c r="IA1798" s="91"/>
      <c r="IB1798" s="91"/>
      <c r="IC1798" s="91"/>
      <c r="ID1798" s="91"/>
      <c r="IE1798" s="91"/>
      <c r="IF1798" s="91"/>
      <c r="IG1798" s="91"/>
      <c r="IH1798" s="91"/>
      <c r="II1798" s="91"/>
      <c r="IJ1798" s="91"/>
      <c r="IK1798" s="127"/>
    </row>
    <row r="1799" spans="2:245" x14ac:dyDescent="0.2">
      <c r="B1799" s="43"/>
      <c r="C1799" s="73"/>
      <c r="D1799" s="64"/>
      <c r="E1799" s="64"/>
      <c r="F1799" s="55"/>
      <c r="G1799" s="102"/>
      <c r="H1799" s="55"/>
      <c r="I1799" s="55"/>
      <c r="J1799" s="55"/>
      <c r="K1799" s="55"/>
      <c r="L1799" s="55"/>
      <c r="M1799" s="55"/>
      <c r="N1799" s="55"/>
      <c r="O1799" s="55"/>
      <c r="P1799" s="55"/>
      <c r="Q1799" s="55"/>
      <c r="R1799" s="55"/>
      <c r="S1799" s="55"/>
      <c r="T1799" s="55"/>
      <c r="U1799" s="55"/>
      <c r="V1799" s="55"/>
      <c r="W1799" s="55"/>
      <c r="X1799" s="55"/>
      <c r="Y1799" s="55"/>
      <c r="Z1799" s="55"/>
      <c r="AA1799" s="55"/>
      <c r="AB1799" s="55"/>
      <c r="AC1799" s="55"/>
      <c r="AD1799" s="55"/>
      <c r="AE1799" s="55"/>
      <c r="AF1799" s="55"/>
      <c r="AG1799" s="55"/>
      <c r="AY1799" s="162"/>
      <c r="AZ1799" s="162"/>
      <c r="BA1799" s="162"/>
      <c r="BB1799" s="162"/>
      <c r="BC1799" s="162"/>
      <c r="BD1799" s="162"/>
      <c r="BE1799" s="162"/>
      <c r="BF1799" s="162"/>
      <c r="BG1799" s="162"/>
      <c r="BH1799" s="162"/>
      <c r="BI1799" s="162"/>
      <c r="BJ1799" s="162"/>
      <c r="BK1799" s="162"/>
      <c r="BL1799" s="162"/>
      <c r="BM1799" s="162"/>
      <c r="BN1799" s="162"/>
      <c r="BO1799" s="162"/>
      <c r="BP1799" s="162"/>
      <c r="BQ1799" s="162"/>
      <c r="BR1799" s="162"/>
      <c r="BS1799" s="162"/>
      <c r="BT1799" s="162"/>
      <c r="BU1799" s="162"/>
      <c r="BV1799" s="162"/>
      <c r="BW1799" s="162"/>
      <c r="BX1799" s="162"/>
      <c r="BY1799" s="162"/>
      <c r="BZ1799" s="162"/>
      <c r="CA1799" s="162"/>
      <c r="CB1799" s="162"/>
      <c r="CC1799" s="162"/>
      <c r="CD1799" s="162"/>
      <c r="CE1799" s="162"/>
      <c r="CF1799" s="162"/>
      <c r="CG1799" s="162"/>
      <c r="CH1799" s="162"/>
      <c r="CI1799" s="162"/>
      <c r="CJ1799" s="162"/>
      <c r="CK1799" s="162"/>
      <c r="CX1799" s="98"/>
      <c r="DL1799" s="97"/>
      <c r="DX1799" s="98"/>
      <c r="EL1799" s="97"/>
      <c r="EX1799" s="98"/>
      <c r="EY1799" s="97"/>
      <c r="FL1799" s="126"/>
      <c r="FM1799" s="91"/>
      <c r="FN1799" s="91"/>
      <c r="FO1799" s="91"/>
      <c r="FP1799" s="91"/>
      <c r="FQ1799" s="91"/>
      <c r="FR1799" s="91"/>
      <c r="FS1799" s="91"/>
      <c r="FT1799" s="91"/>
      <c r="FU1799" s="91"/>
      <c r="FV1799" s="91"/>
      <c r="FW1799" s="91"/>
      <c r="FX1799" s="91"/>
      <c r="FY1799" s="91"/>
      <c r="FZ1799" s="91"/>
      <c r="GA1799" s="91"/>
      <c r="GB1799" s="91"/>
      <c r="GC1799" s="91"/>
      <c r="GD1799" s="91"/>
      <c r="GE1799" s="91"/>
      <c r="GF1799" s="91"/>
      <c r="GG1799" s="91"/>
      <c r="GH1799" s="91"/>
      <c r="GI1799" s="91"/>
      <c r="GJ1799" s="91"/>
      <c r="GK1799" s="127"/>
      <c r="GL1799" s="126"/>
      <c r="GM1799" s="91"/>
      <c r="GN1799" s="91"/>
      <c r="GO1799" s="91"/>
      <c r="GP1799" s="91"/>
      <c r="GQ1799" s="91"/>
      <c r="GR1799" s="91"/>
      <c r="GS1799" s="91"/>
      <c r="GT1799" s="91"/>
      <c r="GU1799" s="91"/>
      <c r="GV1799" s="91"/>
      <c r="GW1799" s="91"/>
      <c r="GX1799" s="91"/>
      <c r="GY1799" s="91"/>
      <c r="GZ1799" s="91"/>
      <c r="HA1799" s="91"/>
      <c r="HB1799" s="91"/>
      <c r="HC1799" s="91"/>
      <c r="HD1799" s="91"/>
      <c r="HE1799" s="91"/>
      <c r="HF1799" s="91"/>
      <c r="HG1799" s="91"/>
      <c r="HH1799" s="91"/>
      <c r="HI1799" s="91"/>
      <c r="HJ1799" s="91"/>
      <c r="HK1799" s="127"/>
      <c r="HL1799" s="126"/>
      <c r="HM1799" s="91"/>
      <c r="HN1799" s="91"/>
      <c r="HO1799" s="91"/>
      <c r="HP1799" s="91"/>
      <c r="HQ1799" s="91"/>
      <c r="HR1799" s="91"/>
      <c r="HS1799" s="91"/>
      <c r="HT1799" s="91"/>
      <c r="HU1799" s="91"/>
      <c r="HV1799" s="91"/>
      <c r="HW1799" s="91"/>
      <c r="HX1799" s="91"/>
      <c r="HY1799" s="91"/>
      <c r="HZ1799" s="91"/>
      <c r="IA1799" s="91"/>
      <c r="IB1799" s="91"/>
      <c r="IC1799" s="91"/>
      <c r="ID1799" s="91"/>
      <c r="IE1799" s="91"/>
      <c r="IF1799" s="91"/>
      <c r="IG1799" s="91"/>
      <c r="IH1799" s="91"/>
      <c r="II1799" s="91"/>
      <c r="IJ1799" s="91"/>
      <c r="IK1799" s="127"/>
    </row>
    <row r="1800" spans="2:245" x14ac:dyDescent="0.2">
      <c r="B1800" s="43"/>
      <c r="C1800" s="73"/>
      <c r="D1800" s="64"/>
      <c r="E1800" s="64"/>
      <c r="F1800" s="55"/>
      <c r="G1800" s="102"/>
      <c r="H1800" s="55"/>
      <c r="I1800" s="55"/>
      <c r="J1800" s="55"/>
      <c r="K1800" s="55"/>
      <c r="L1800" s="55"/>
      <c r="M1800" s="55"/>
      <c r="N1800" s="55"/>
      <c r="O1800" s="55"/>
      <c r="P1800" s="55"/>
      <c r="Q1800" s="55"/>
      <c r="R1800" s="55"/>
      <c r="S1800" s="55"/>
      <c r="T1800" s="55"/>
      <c r="U1800" s="55"/>
      <c r="V1800" s="55"/>
      <c r="W1800" s="55"/>
      <c r="X1800" s="55"/>
      <c r="Y1800" s="55"/>
      <c r="Z1800" s="55"/>
      <c r="AA1800" s="55"/>
      <c r="AB1800" s="55"/>
      <c r="AC1800" s="55"/>
      <c r="AD1800" s="55"/>
      <c r="AE1800" s="55"/>
      <c r="AF1800" s="55"/>
      <c r="AG1800" s="55"/>
      <c r="AY1800" s="162"/>
      <c r="AZ1800" s="162"/>
      <c r="BA1800" s="162"/>
      <c r="BB1800" s="162"/>
      <c r="BC1800" s="162"/>
      <c r="BD1800" s="162"/>
      <c r="BE1800" s="162"/>
      <c r="BF1800" s="162"/>
      <c r="BG1800" s="162"/>
      <c r="BH1800" s="162"/>
      <c r="BI1800" s="162"/>
      <c r="BJ1800" s="162"/>
      <c r="BK1800" s="162"/>
      <c r="BL1800" s="162"/>
      <c r="BM1800" s="162"/>
      <c r="BN1800" s="162"/>
      <c r="BO1800" s="162"/>
      <c r="BP1800" s="162"/>
      <c r="BQ1800" s="162"/>
      <c r="BR1800" s="162"/>
      <c r="BS1800" s="162"/>
      <c r="BT1800" s="162"/>
      <c r="BU1800" s="162"/>
      <c r="BV1800" s="162"/>
      <c r="BW1800" s="162"/>
      <c r="BX1800" s="162"/>
      <c r="BY1800" s="162"/>
      <c r="BZ1800" s="162"/>
      <c r="CA1800" s="162"/>
      <c r="CB1800" s="162"/>
      <c r="CC1800" s="162"/>
      <c r="CD1800" s="162"/>
      <c r="CE1800" s="162"/>
      <c r="CF1800" s="162"/>
      <c r="CG1800" s="162"/>
      <c r="CH1800" s="162"/>
      <c r="CI1800" s="162"/>
      <c r="CJ1800" s="162"/>
      <c r="CK1800" s="162"/>
      <c r="CX1800" s="98"/>
      <c r="DL1800" s="97"/>
      <c r="DX1800" s="98"/>
      <c r="EL1800" s="97"/>
      <c r="EX1800" s="98"/>
      <c r="EY1800" s="97"/>
      <c r="FL1800" s="126"/>
      <c r="FM1800" s="91"/>
      <c r="FN1800" s="91"/>
      <c r="FO1800" s="91"/>
      <c r="FP1800" s="91"/>
      <c r="FQ1800" s="91"/>
      <c r="FR1800" s="91"/>
      <c r="FS1800" s="91"/>
      <c r="FT1800" s="91"/>
      <c r="FU1800" s="91"/>
      <c r="FV1800" s="91"/>
      <c r="FW1800" s="91"/>
      <c r="FX1800" s="91"/>
      <c r="FY1800" s="91"/>
      <c r="FZ1800" s="91"/>
      <c r="GA1800" s="91"/>
      <c r="GB1800" s="91"/>
      <c r="GC1800" s="91"/>
      <c r="GD1800" s="91"/>
      <c r="GE1800" s="91"/>
      <c r="GF1800" s="91"/>
      <c r="GG1800" s="91"/>
      <c r="GH1800" s="91"/>
      <c r="GI1800" s="91"/>
      <c r="GJ1800" s="91"/>
      <c r="GK1800" s="127"/>
      <c r="GL1800" s="126"/>
      <c r="GM1800" s="91"/>
      <c r="GN1800" s="91"/>
      <c r="GO1800" s="91"/>
      <c r="GP1800" s="91"/>
      <c r="GQ1800" s="91"/>
      <c r="GR1800" s="91"/>
      <c r="GS1800" s="91"/>
      <c r="GT1800" s="91"/>
      <c r="GU1800" s="91"/>
      <c r="GV1800" s="91"/>
      <c r="GW1800" s="91"/>
      <c r="GX1800" s="91"/>
      <c r="GY1800" s="91"/>
      <c r="GZ1800" s="91"/>
      <c r="HA1800" s="91"/>
      <c r="HB1800" s="91"/>
      <c r="HC1800" s="91"/>
      <c r="HD1800" s="91"/>
      <c r="HE1800" s="91"/>
      <c r="HF1800" s="91"/>
      <c r="HG1800" s="91"/>
      <c r="HH1800" s="91"/>
      <c r="HI1800" s="91"/>
      <c r="HJ1800" s="91"/>
      <c r="HK1800" s="127"/>
      <c r="HL1800" s="126"/>
      <c r="HM1800" s="91"/>
      <c r="HN1800" s="91"/>
      <c r="HO1800" s="91"/>
      <c r="HP1800" s="91"/>
      <c r="HQ1800" s="91"/>
      <c r="HR1800" s="91"/>
      <c r="HS1800" s="91"/>
      <c r="HT1800" s="91"/>
      <c r="HU1800" s="91"/>
      <c r="HV1800" s="91"/>
      <c r="HW1800" s="91"/>
      <c r="HX1800" s="91"/>
      <c r="HY1800" s="91"/>
      <c r="HZ1800" s="91"/>
      <c r="IA1800" s="91"/>
      <c r="IB1800" s="91"/>
      <c r="IC1800" s="91"/>
      <c r="ID1800" s="91"/>
      <c r="IE1800" s="91"/>
      <c r="IF1800" s="91"/>
      <c r="IG1800" s="91"/>
      <c r="IH1800" s="91"/>
      <c r="II1800" s="91"/>
      <c r="IJ1800" s="91"/>
      <c r="IK1800" s="127"/>
    </row>
    <row r="1801" spans="2:245" x14ac:dyDescent="0.2">
      <c r="B1801" s="43"/>
      <c r="C1801" s="73"/>
      <c r="D1801" s="64"/>
      <c r="E1801" s="64"/>
      <c r="F1801" s="55"/>
      <c r="G1801" s="102"/>
      <c r="H1801" s="55"/>
      <c r="I1801" s="55"/>
      <c r="J1801" s="55"/>
      <c r="K1801" s="55"/>
      <c r="L1801" s="55"/>
      <c r="M1801" s="55"/>
      <c r="N1801" s="55"/>
      <c r="O1801" s="55"/>
      <c r="P1801" s="55"/>
      <c r="Q1801" s="55"/>
      <c r="R1801" s="55"/>
      <c r="S1801" s="55"/>
      <c r="T1801" s="55"/>
      <c r="U1801" s="55"/>
      <c r="V1801" s="55"/>
      <c r="W1801" s="55"/>
      <c r="X1801" s="55"/>
      <c r="Y1801" s="55"/>
      <c r="Z1801" s="55"/>
      <c r="AA1801" s="55"/>
      <c r="AB1801" s="55"/>
      <c r="AC1801" s="55"/>
      <c r="AD1801" s="55"/>
      <c r="AE1801" s="55"/>
      <c r="AF1801" s="55"/>
      <c r="AG1801" s="55"/>
      <c r="AY1801" s="162"/>
      <c r="AZ1801" s="162"/>
      <c r="BA1801" s="162"/>
      <c r="BB1801" s="162"/>
      <c r="BC1801" s="162"/>
      <c r="BD1801" s="162"/>
      <c r="BE1801" s="162"/>
      <c r="BF1801" s="162"/>
      <c r="BG1801" s="162"/>
      <c r="BH1801" s="162"/>
      <c r="BI1801" s="162"/>
      <c r="BJ1801" s="162"/>
      <c r="BK1801" s="162"/>
      <c r="BL1801" s="162"/>
      <c r="BM1801" s="162"/>
      <c r="BN1801" s="162"/>
      <c r="BO1801" s="162"/>
      <c r="BP1801" s="162"/>
      <c r="BQ1801" s="162"/>
      <c r="BR1801" s="162"/>
      <c r="BS1801" s="162"/>
      <c r="BT1801" s="162"/>
      <c r="BU1801" s="162"/>
      <c r="BV1801" s="162"/>
      <c r="BW1801" s="162"/>
      <c r="BX1801" s="162"/>
      <c r="BY1801" s="162"/>
      <c r="BZ1801" s="162"/>
      <c r="CA1801" s="162"/>
      <c r="CB1801" s="162"/>
      <c r="CC1801" s="162"/>
      <c r="CD1801" s="162"/>
      <c r="CE1801" s="162"/>
      <c r="CF1801" s="162"/>
      <c r="CG1801" s="162"/>
      <c r="CH1801" s="162"/>
      <c r="CI1801" s="162"/>
      <c r="CJ1801" s="162"/>
      <c r="CK1801" s="162"/>
      <c r="CX1801" s="98"/>
      <c r="DL1801" s="97"/>
      <c r="DX1801" s="98"/>
      <c r="EL1801" s="97"/>
      <c r="EX1801" s="98"/>
      <c r="EY1801" s="97"/>
      <c r="FL1801" s="126"/>
      <c r="FM1801" s="91"/>
      <c r="FN1801" s="91"/>
      <c r="FO1801" s="91"/>
      <c r="FP1801" s="91"/>
      <c r="FQ1801" s="91"/>
      <c r="FR1801" s="91"/>
      <c r="FS1801" s="91"/>
      <c r="FT1801" s="91"/>
      <c r="FU1801" s="91"/>
      <c r="FV1801" s="91"/>
      <c r="FW1801" s="91"/>
      <c r="FX1801" s="91"/>
      <c r="FY1801" s="91"/>
      <c r="FZ1801" s="91"/>
      <c r="GA1801" s="91"/>
      <c r="GB1801" s="91"/>
      <c r="GC1801" s="91"/>
      <c r="GD1801" s="91"/>
      <c r="GE1801" s="91"/>
      <c r="GF1801" s="91"/>
      <c r="GG1801" s="91"/>
      <c r="GH1801" s="91"/>
      <c r="GI1801" s="91"/>
      <c r="GJ1801" s="91"/>
      <c r="GK1801" s="127"/>
      <c r="GL1801" s="126"/>
      <c r="GM1801" s="91"/>
      <c r="GN1801" s="91"/>
      <c r="GO1801" s="91"/>
      <c r="GP1801" s="91"/>
      <c r="GQ1801" s="91"/>
      <c r="GR1801" s="91"/>
      <c r="GS1801" s="91"/>
      <c r="GT1801" s="91"/>
      <c r="GU1801" s="91"/>
      <c r="GV1801" s="91"/>
      <c r="GW1801" s="91"/>
      <c r="GX1801" s="91"/>
      <c r="GY1801" s="91"/>
      <c r="GZ1801" s="91"/>
      <c r="HA1801" s="91"/>
      <c r="HB1801" s="91"/>
      <c r="HC1801" s="91"/>
      <c r="HD1801" s="91"/>
      <c r="HE1801" s="91"/>
      <c r="HF1801" s="91"/>
      <c r="HG1801" s="91"/>
      <c r="HH1801" s="91"/>
      <c r="HI1801" s="91"/>
      <c r="HJ1801" s="91"/>
      <c r="HK1801" s="127"/>
      <c r="HL1801" s="126"/>
      <c r="HM1801" s="91"/>
      <c r="HN1801" s="91"/>
      <c r="HO1801" s="91"/>
      <c r="HP1801" s="91"/>
      <c r="HQ1801" s="91"/>
      <c r="HR1801" s="91"/>
      <c r="HS1801" s="91"/>
      <c r="HT1801" s="91"/>
      <c r="HU1801" s="91"/>
      <c r="HV1801" s="91"/>
      <c r="HW1801" s="91"/>
      <c r="HX1801" s="91"/>
      <c r="HY1801" s="91"/>
      <c r="HZ1801" s="91"/>
      <c r="IA1801" s="91"/>
      <c r="IB1801" s="91"/>
      <c r="IC1801" s="91"/>
      <c r="ID1801" s="91"/>
      <c r="IE1801" s="91"/>
      <c r="IF1801" s="91"/>
      <c r="IG1801" s="91"/>
      <c r="IH1801" s="91"/>
      <c r="II1801" s="91"/>
      <c r="IJ1801" s="91"/>
      <c r="IK1801" s="127"/>
    </row>
    <row r="1802" spans="2:245" x14ac:dyDescent="0.2">
      <c r="B1802" s="43"/>
      <c r="C1802" s="73"/>
      <c r="D1802" s="64"/>
      <c r="E1802" s="64"/>
      <c r="F1802" s="55"/>
      <c r="G1802" s="102"/>
      <c r="H1802" s="55"/>
      <c r="I1802" s="55"/>
      <c r="J1802" s="55"/>
      <c r="K1802" s="55"/>
      <c r="L1802" s="55"/>
      <c r="M1802" s="55"/>
      <c r="N1802" s="55"/>
      <c r="O1802" s="55"/>
      <c r="P1802" s="55"/>
      <c r="Q1802" s="55"/>
      <c r="R1802" s="55"/>
      <c r="S1802" s="55"/>
      <c r="T1802" s="55"/>
      <c r="U1802" s="55"/>
      <c r="V1802" s="55"/>
      <c r="W1802" s="55"/>
      <c r="X1802" s="55"/>
      <c r="Y1802" s="55"/>
      <c r="Z1802" s="55"/>
      <c r="AA1802" s="55"/>
      <c r="AB1802" s="55"/>
      <c r="AC1802" s="55"/>
      <c r="AD1802" s="55"/>
      <c r="AE1802" s="55"/>
      <c r="AF1802" s="55"/>
      <c r="AG1802" s="55"/>
      <c r="AY1802" s="162"/>
      <c r="AZ1802" s="162"/>
      <c r="BA1802" s="162"/>
      <c r="BB1802" s="162"/>
      <c r="BC1802" s="162"/>
      <c r="BD1802" s="162"/>
      <c r="BE1802" s="162"/>
      <c r="BF1802" s="162"/>
      <c r="BG1802" s="162"/>
      <c r="BH1802" s="162"/>
      <c r="BI1802" s="162"/>
      <c r="BJ1802" s="162"/>
      <c r="BK1802" s="162"/>
      <c r="BL1802" s="162"/>
      <c r="BM1802" s="162"/>
      <c r="BN1802" s="162"/>
      <c r="BO1802" s="162"/>
      <c r="BP1802" s="162"/>
      <c r="BQ1802" s="162"/>
      <c r="BR1802" s="162"/>
      <c r="BS1802" s="162"/>
      <c r="BT1802" s="162"/>
      <c r="BU1802" s="162"/>
      <c r="BV1802" s="162"/>
      <c r="BW1802" s="162"/>
      <c r="BX1802" s="162"/>
      <c r="BY1802" s="162"/>
      <c r="BZ1802" s="162"/>
      <c r="CA1802" s="162"/>
      <c r="CB1802" s="162"/>
      <c r="CC1802" s="162"/>
      <c r="CD1802" s="162"/>
      <c r="CE1802" s="162"/>
      <c r="CF1802" s="162"/>
      <c r="CG1802" s="162"/>
      <c r="CH1802" s="162"/>
      <c r="CI1802" s="162"/>
      <c r="CJ1802" s="162"/>
      <c r="CK1802" s="162"/>
      <c r="CX1802" s="98"/>
      <c r="DL1802" s="97"/>
      <c r="DX1802" s="98"/>
      <c r="EL1802" s="97"/>
      <c r="EX1802" s="98"/>
      <c r="EY1802" s="97"/>
      <c r="FL1802" s="126"/>
      <c r="FM1802" s="91"/>
      <c r="FN1802" s="91"/>
      <c r="FO1802" s="91"/>
      <c r="FP1802" s="91"/>
      <c r="FQ1802" s="91"/>
      <c r="FR1802" s="91"/>
      <c r="FS1802" s="91"/>
      <c r="FT1802" s="91"/>
      <c r="FU1802" s="91"/>
      <c r="FV1802" s="91"/>
      <c r="FW1802" s="91"/>
      <c r="FX1802" s="91"/>
      <c r="FY1802" s="91"/>
      <c r="FZ1802" s="91"/>
      <c r="GA1802" s="91"/>
      <c r="GB1802" s="91"/>
      <c r="GC1802" s="91"/>
      <c r="GD1802" s="91"/>
      <c r="GE1802" s="91"/>
      <c r="GF1802" s="91"/>
      <c r="GG1802" s="91"/>
      <c r="GH1802" s="91"/>
      <c r="GI1802" s="91"/>
      <c r="GJ1802" s="91"/>
      <c r="GK1802" s="127"/>
      <c r="GL1802" s="126"/>
      <c r="GM1802" s="91"/>
      <c r="GN1802" s="91"/>
      <c r="GO1802" s="91"/>
      <c r="GP1802" s="91"/>
      <c r="GQ1802" s="91"/>
      <c r="GR1802" s="91"/>
      <c r="GS1802" s="91"/>
      <c r="GT1802" s="91"/>
      <c r="GU1802" s="91"/>
      <c r="GV1802" s="91"/>
      <c r="GW1802" s="91"/>
      <c r="GX1802" s="91"/>
      <c r="GY1802" s="91"/>
      <c r="GZ1802" s="91"/>
      <c r="HA1802" s="91"/>
      <c r="HB1802" s="91"/>
      <c r="HC1802" s="91"/>
      <c r="HD1802" s="91"/>
      <c r="HE1802" s="91"/>
      <c r="HF1802" s="91"/>
      <c r="HG1802" s="91"/>
      <c r="HH1802" s="91"/>
      <c r="HI1802" s="91"/>
      <c r="HJ1802" s="91"/>
      <c r="HK1802" s="127"/>
      <c r="HL1802" s="126"/>
      <c r="HM1802" s="91"/>
      <c r="HN1802" s="91"/>
      <c r="HO1802" s="91"/>
      <c r="HP1802" s="91"/>
      <c r="HQ1802" s="91"/>
      <c r="HR1802" s="91"/>
      <c r="HS1802" s="91"/>
      <c r="HT1802" s="91"/>
      <c r="HU1802" s="91"/>
      <c r="HV1802" s="91"/>
      <c r="HW1802" s="91"/>
      <c r="HX1802" s="91"/>
      <c r="HY1802" s="91"/>
      <c r="HZ1802" s="91"/>
      <c r="IA1802" s="91"/>
      <c r="IB1802" s="91"/>
      <c r="IC1802" s="91"/>
      <c r="ID1802" s="91"/>
      <c r="IE1802" s="91"/>
      <c r="IF1802" s="91"/>
      <c r="IG1802" s="91"/>
      <c r="IH1802" s="91"/>
      <c r="II1802" s="91"/>
      <c r="IJ1802" s="91"/>
      <c r="IK1802" s="127"/>
    </row>
    <row r="1803" spans="2:245" x14ac:dyDescent="0.2">
      <c r="B1803" s="43"/>
      <c r="C1803" s="73"/>
      <c r="D1803" s="64"/>
      <c r="E1803" s="64"/>
      <c r="F1803" s="55"/>
      <c r="G1803" s="102"/>
      <c r="H1803" s="55"/>
      <c r="I1803" s="55"/>
      <c r="J1803" s="55"/>
      <c r="K1803" s="55"/>
      <c r="L1803" s="55"/>
      <c r="M1803" s="55"/>
      <c r="N1803" s="55"/>
      <c r="O1803" s="55"/>
      <c r="P1803" s="55"/>
      <c r="Q1803" s="55"/>
      <c r="R1803" s="55"/>
      <c r="S1803" s="55"/>
      <c r="T1803" s="55"/>
      <c r="U1803" s="55"/>
      <c r="V1803" s="55"/>
      <c r="W1803" s="55"/>
      <c r="X1803" s="55"/>
      <c r="Y1803" s="55"/>
      <c r="Z1803" s="55"/>
      <c r="AA1803" s="55"/>
      <c r="AB1803" s="55"/>
      <c r="AC1803" s="55"/>
      <c r="AD1803" s="55"/>
      <c r="AE1803" s="55"/>
      <c r="AF1803" s="55"/>
      <c r="AG1803" s="55"/>
      <c r="AY1803" s="162"/>
      <c r="AZ1803" s="162"/>
      <c r="BA1803" s="162"/>
      <c r="BB1803" s="162"/>
      <c r="BC1803" s="162"/>
      <c r="BD1803" s="162"/>
      <c r="BE1803" s="162"/>
      <c r="BF1803" s="162"/>
      <c r="BG1803" s="162"/>
      <c r="BH1803" s="162"/>
      <c r="BI1803" s="162"/>
      <c r="BJ1803" s="162"/>
      <c r="BK1803" s="162"/>
      <c r="BL1803" s="162"/>
      <c r="BM1803" s="162"/>
      <c r="BN1803" s="162"/>
      <c r="BO1803" s="162"/>
      <c r="BP1803" s="162"/>
      <c r="BQ1803" s="162"/>
      <c r="BR1803" s="162"/>
      <c r="BS1803" s="162"/>
      <c r="BT1803" s="162"/>
      <c r="BU1803" s="162"/>
      <c r="BV1803" s="162"/>
      <c r="BW1803" s="162"/>
      <c r="BX1803" s="162"/>
      <c r="BY1803" s="162"/>
      <c r="BZ1803" s="162"/>
      <c r="CA1803" s="162"/>
      <c r="CB1803" s="162"/>
      <c r="CC1803" s="162"/>
      <c r="CD1803" s="162"/>
      <c r="CE1803" s="162"/>
      <c r="CF1803" s="162"/>
      <c r="CG1803" s="162"/>
      <c r="CH1803" s="162"/>
      <c r="CI1803" s="162"/>
      <c r="CJ1803" s="162"/>
      <c r="CK1803" s="162"/>
      <c r="CX1803" s="98"/>
      <c r="DL1803" s="97"/>
      <c r="DX1803" s="98"/>
      <c r="EL1803" s="97"/>
      <c r="EX1803" s="98"/>
      <c r="EY1803" s="97"/>
      <c r="FL1803" s="126"/>
      <c r="FM1803" s="91"/>
      <c r="FN1803" s="91"/>
      <c r="FO1803" s="91"/>
      <c r="FP1803" s="91"/>
      <c r="FQ1803" s="91"/>
      <c r="FR1803" s="91"/>
      <c r="FS1803" s="91"/>
      <c r="FT1803" s="91"/>
      <c r="FU1803" s="91"/>
      <c r="FV1803" s="91"/>
      <c r="FW1803" s="91"/>
      <c r="FX1803" s="91"/>
      <c r="FY1803" s="91"/>
      <c r="FZ1803" s="91"/>
      <c r="GA1803" s="91"/>
      <c r="GB1803" s="91"/>
      <c r="GC1803" s="91"/>
      <c r="GD1803" s="91"/>
      <c r="GE1803" s="91"/>
      <c r="GF1803" s="91"/>
      <c r="GG1803" s="91"/>
      <c r="GH1803" s="91"/>
      <c r="GI1803" s="91"/>
      <c r="GJ1803" s="91"/>
      <c r="GK1803" s="127"/>
      <c r="GL1803" s="126"/>
      <c r="GM1803" s="91"/>
      <c r="GN1803" s="91"/>
      <c r="GO1803" s="91"/>
      <c r="GP1803" s="91"/>
      <c r="GQ1803" s="91"/>
      <c r="GR1803" s="91"/>
      <c r="GS1803" s="91"/>
      <c r="GT1803" s="91"/>
      <c r="GU1803" s="91"/>
      <c r="GV1803" s="91"/>
      <c r="GW1803" s="91"/>
      <c r="GX1803" s="91"/>
      <c r="GY1803" s="91"/>
      <c r="GZ1803" s="91"/>
      <c r="HA1803" s="91"/>
      <c r="HB1803" s="91"/>
      <c r="HC1803" s="91"/>
      <c r="HD1803" s="91"/>
      <c r="HE1803" s="91"/>
      <c r="HF1803" s="91"/>
      <c r="HG1803" s="91"/>
      <c r="HH1803" s="91"/>
      <c r="HI1803" s="91"/>
      <c r="HJ1803" s="91"/>
      <c r="HK1803" s="127"/>
      <c r="HL1803" s="126"/>
      <c r="HM1803" s="91"/>
      <c r="HN1803" s="91"/>
      <c r="HO1803" s="91"/>
      <c r="HP1803" s="91"/>
      <c r="HQ1803" s="91"/>
      <c r="HR1803" s="91"/>
      <c r="HS1803" s="91"/>
      <c r="HT1803" s="91"/>
      <c r="HU1803" s="91"/>
      <c r="HV1803" s="91"/>
      <c r="HW1803" s="91"/>
      <c r="HX1803" s="91"/>
      <c r="HY1803" s="91"/>
      <c r="HZ1803" s="91"/>
      <c r="IA1803" s="91"/>
      <c r="IB1803" s="91"/>
      <c r="IC1803" s="91"/>
      <c r="ID1803" s="91"/>
      <c r="IE1803" s="91"/>
      <c r="IF1803" s="91"/>
      <c r="IG1803" s="91"/>
      <c r="IH1803" s="91"/>
      <c r="II1803" s="91"/>
      <c r="IJ1803" s="91"/>
      <c r="IK1803" s="127"/>
    </row>
    <row r="1804" spans="2:245" x14ac:dyDescent="0.2">
      <c r="B1804" s="43"/>
      <c r="C1804" s="73"/>
      <c r="D1804" s="64"/>
      <c r="E1804" s="64"/>
      <c r="F1804" s="55"/>
      <c r="G1804" s="102"/>
      <c r="H1804" s="55"/>
      <c r="I1804" s="55"/>
      <c r="J1804" s="55"/>
      <c r="K1804" s="55"/>
      <c r="L1804" s="55"/>
      <c r="M1804" s="55"/>
      <c r="N1804" s="55"/>
      <c r="O1804" s="55"/>
      <c r="P1804" s="55"/>
      <c r="Q1804" s="55"/>
      <c r="R1804" s="55"/>
      <c r="S1804" s="55"/>
      <c r="T1804" s="55"/>
      <c r="U1804" s="55"/>
      <c r="V1804" s="55"/>
      <c r="W1804" s="55"/>
      <c r="X1804" s="55"/>
      <c r="Y1804" s="55"/>
      <c r="Z1804" s="55"/>
      <c r="AA1804" s="55"/>
      <c r="AB1804" s="55"/>
      <c r="AC1804" s="55"/>
      <c r="AD1804" s="55"/>
      <c r="AE1804" s="55"/>
      <c r="AF1804" s="55"/>
      <c r="AG1804" s="55"/>
      <c r="AY1804" s="162"/>
      <c r="AZ1804" s="162"/>
      <c r="BA1804" s="162"/>
      <c r="BB1804" s="162"/>
      <c r="BC1804" s="162"/>
      <c r="BD1804" s="162"/>
      <c r="BE1804" s="162"/>
      <c r="BF1804" s="162"/>
      <c r="BG1804" s="162"/>
      <c r="BH1804" s="162"/>
      <c r="BI1804" s="162"/>
      <c r="BJ1804" s="162"/>
      <c r="BK1804" s="162"/>
      <c r="BL1804" s="162"/>
      <c r="BM1804" s="162"/>
      <c r="BN1804" s="162"/>
      <c r="BO1804" s="162"/>
      <c r="BP1804" s="162"/>
      <c r="BQ1804" s="162"/>
      <c r="BR1804" s="162"/>
      <c r="BS1804" s="162"/>
      <c r="BT1804" s="162"/>
      <c r="BU1804" s="162"/>
      <c r="BV1804" s="162"/>
      <c r="BW1804" s="162"/>
      <c r="BX1804" s="162"/>
      <c r="BY1804" s="162"/>
      <c r="BZ1804" s="162"/>
      <c r="CA1804" s="162"/>
      <c r="CB1804" s="162"/>
      <c r="CC1804" s="162"/>
      <c r="CD1804" s="162"/>
      <c r="CE1804" s="162"/>
      <c r="CF1804" s="162"/>
      <c r="CG1804" s="162"/>
      <c r="CH1804" s="162"/>
      <c r="CI1804" s="162"/>
      <c r="CJ1804" s="162"/>
      <c r="CK1804" s="162"/>
      <c r="CX1804" s="98"/>
      <c r="DL1804" s="97"/>
      <c r="DX1804" s="98"/>
      <c r="EL1804" s="97"/>
      <c r="EX1804" s="98"/>
      <c r="EY1804" s="97"/>
      <c r="FL1804" s="126"/>
      <c r="FM1804" s="91"/>
      <c r="FN1804" s="91"/>
      <c r="FO1804" s="91"/>
      <c r="FP1804" s="91"/>
      <c r="FQ1804" s="91"/>
      <c r="FR1804" s="91"/>
      <c r="FS1804" s="91"/>
      <c r="FT1804" s="91"/>
      <c r="FU1804" s="91"/>
      <c r="FV1804" s="91"/>
      <c r="FW1804" s="91"/>
      <c r="FX1804" s="91"/>
      <c r="FY1804" s="91"/>
      <c r="FZ1804" s="91"/>
      <c r="GA1804" s="91"/>
      <c r="GB1804" s="91"/>
      <c r="GC1804" s="91"/>
      <c r="GD1804" s="91"/>
      <c r="GE1804" s="91"/>
      <c r="GF1804" s="91"/>
      <c r="GG1804" s="91"/>
      <c r="GH1804" s="91"/>
      <c r="GI1804" s="91"/>
      <c r="GJ1804" s="91"/>
      <c r="GK1804" s="127"/>
      <c r="GL1804" s="126"/>
      <c r="GM1804" s="91"/>
      <c r="GN1804" s="91"/>
      <c r="GO1804" s="91"/>
      <c r="GP1804" s="91"/>
      <c r="GQ1804" s="91"/>
      <c r="GR1804" s="91"/>
      <c r="GS1804" s="91"/>
      <c r="GT1804" s="91"/>
      <c r="GU1804" s="91"/>
      <c r="GV1804" s="91"/>
      <c r="GW1804" s="91"/>
      <c r="GX1804" s="91"/>
      <c r="GY1804" s="91"/>
      <c r="GZ1804" s="91"/>
      <c r="HA1804" s="91"/>
      <c r="HB1804" s="91"/>
      <c r="HC1804" s="91"/>
      <c r="HD1804" s="91"/>
      <c r="HE1804" s="91"/>
      <c r="HF1804" s="91"/>
      <c r="HG1804" s="91"/>
      <c r="HH1804" s="91"/>
      <c r="HI1804" s="91"/>
      <c r="HJ1804" s="91"/>
      <c r="HK1804" s="127"/>
      <c r="HL1804" s="126"/>
      <c r="HM1804" s="91"/>
      <c r="HN1804" s="91"/>
      <c r="HO1804" s="91"/>
      <c r="HP1804" s="91"/>
      <c r="HQ1804" s="91"/>
      <c r="HR1804" s="91"/>
      <c r="HS1804" s="91"/>
      <c r="HT1804" s="91"/>
      <c r="HU1804" s="91"/>
      <c r="HV1804" s="91"/>
      <c r="HW1804" s="91"/>
      <c r="HX1804" s="91"/>
      <c r="HY1804" s="91"/>
      <c r="HZ1804" s="91"/>
      <c r="IA1804" s="91"/>
      <c r="IB1804" s="91"/>
      <c r="IC1804" s="91"/>
      <c r="ID1804" s="91"/>
      <c r="IE1804" s="91"/>
      <c r="IF1804" s="91"/>
      <c r="IG1804" s="91"/>
      <c r="IH1804" s="91"/>
      <c r="II1804" s="91"/>
      <c r="IJ1804" s="91"/>
      <c r="IK1804" s="127"/>
    </row>
    <row r="1805" spans="2:245" x14ac:dyDescent="0.2">
      <c r="B1805" s="43"/>
      <c r="C1805" s="73"/>
      <c r="D1805" s="64"/>
      <c r="E1805" s="64"/>
      <c r="F1805" s="55"/>
      <c r="G1805" s="102"/>
      <c r="H1805" s="55"/>
      <c r="I1805" s="55"/>
      <c r="J1805" s="55"/>
      <c r="K1805" s="55"/>
      <c r="L1805" s="55"/>
      <c r="M1805" s="55"/>
      <c r="N1805" s="55"/>
      <c r="O1805" s="55"/>
      <c r="P1805" s="55"/>
      <c r="Q1805" s="55"/>
      <c r="R1805" s="55"/>
      <c r="S1805" s="55"/>
      <c r="T1805" s="55"/>
      <c r="U1805" s="55"/>
      <c r="V1805" s="55"/>
      <c r="W1805" s="55"/>
      <c r="X1805" s="55"/>
      <c r="Y1805" s="55"/>
      <c r="Z1805" s="55"/>
      <c r="AA1805" s="55"/>
      <c r="AB1805" s="55"/>
      <c r="AC1805" s="55"/>
      <c r="AD1805" s="55"/>
      <c r="AE1805" s="55"/>
      <c r="AF1805" s="55"/>
      <c r="AG1805" s="55"/>
      <c r="AY1805" s="162"/>
      <c r="AZ1805" s="162"/>
      <c r="BA1805" s="162"/>
      <c r="BB1805" s="162"/>
      <c r="BC1805" s="162"/>
      <c r="BD1805" s="162"/>
      <c r="BE1805" s="162"/>
      <c r="BF1805" s="162"/>
      <c r="BG1805" s="162"/>
      <c r="BH1805" s="162"/>
      <c r="BI1805" s="162"/>
      <c r="BJ1805" s="162"/>
      <c r="BK1805" s="162"/>
      <c r="BL1805" s="162"/>
      <c r="BM1805" s="162"/>
      <c r="BN1805" s="162"/>
      <c r="BO1805" s="162"/>
      <c r="BP1805" s="162"/>
      <c r="BQ1805" s="162"/>
      <c r="BR1805" s="162"/>
      <c r="BS1805" s="162"/>
      <c r="BT1805" s="162"/>
      <c r="BU1805" s="162"/>
      <c r="BV1805" s="162"/>
      <c r="BW1805" s="162"/>
      <c r="BX1805" s="162"/>
      <c r="BY1805" s="162"/>
      <c r="BZ1805" s="162"/>
      <c r="CA1805" s="162"/>
      <c r="CB1805" s="162"/>
      <c r="CC1805" s="162"/>
      <c r="CD1805" s="162"/>
      <c r="CE1805" s="162"/>
      <c r="CF1805" s="162"/>
      <c r="CG1805" s="162"/>
      <c r="CH1805" s="162"/>
      <c r="CI1805" s="162"/>
      <c r="CJ1805" s="162"/>
      <c r="CK1805" s="162"/>
      <c r="CX1805" s="98"/>
      <c r="DL1805" s="97"/>
      <c r="DX1805" s="98"/>
      <c r="EL1805" s="97"/>
      <c r="EX1805" s="98"/>
      <c r="EY1805" s="97"/>
      <c r="FL1805" s="126"/>
      <c r="FM1805" s="91"/>
      <c r="FN1805" s="91"/>
      <c r="FO1805" s="91"/>
      <c r="FP1805" s="91"/>
      <c r="FQ1805" s="91"/>
      <c r="FR1805" s="91"/>
      <c r="FS1805" s="91"/>
      <c r="FT1805" s="91"/>
      <c r="FU1805" s="91"/>
      <c r="FV1805" s="91"/>
      <c r="FW1805" s="91"/>
      <c r="FX1805" s="91"/>
      <c r="FY1805" s="91"/>
      <c r="FZ1805" s="91"/>
      <c r="GA1805" s="91"/>
      <c r="GB1805" s="91"/>
      <c r="GC1805" s="91"/>
      <c r="GD1805" s="91"/>
      <c r="GE1805" s="91"/>
      <c r="GF1805" s="91"/>
      <c r="GG1805" s="91"/>
      <c r="GH1805" s="91"/>
      <c r="GI1805" s="91"/>
      <c r="GJ1805" s="91"/>
      <c r="GK1805" s="127"/>
      <c r="GL1805" s="126"/>
      <c r="GM1805" s="91"/>
      <c r="GN1805" s="91"/>
      <c r="GO1805" s="91"/>
      <c r="GP1805" s="91"/>
      <c r="GQ1805" s="91"/>
      <c r="GR1805" s="91"/>
      <c r="GS1805" s="91"/>
      <c r="GT1805" s="91"/>
      <c r="GU1805" s="91"/>
      <c r="GV1805" s="91"/>
      <c r="GW1805" s="91"/>
      <c r="GX1805" s="91"/>
      <c r="GY1805" s="91"/>
      <c r="GZ1805" s="91"/>
      <c r="HA1805" s="91"/>
      <c r="HB1805" s="91"/>
      <c r="HC1805" s="91"/>
      <c r="HD1805" s="91"/>
      <c r="HE1805" s="91"/>
      <c r="HF1805" s="91"/>
      <c r="HG1805" s="91"/>
      <c r="HH1805" s="91"/>
      <c r="HI1805" s="91"/>
      <c r="HJ1805" s="91"/>
      <c r="HK1805" s="127"/>
      <c r="HL1805" s="126"/>
      <c r="HM1805" s="91"/>
      <c r="HN1805" s="91"/>
      <c r="HO1805" s="91"/>
      <c r="HP1805" s="91"/>
      <c r="HQ1805" s="91"/>
      <c r="HR1805" s="91"/>
      <c r="HS1805" s="91"/>
      <c r="HT1805" s="91"/>
      <c r="HU1805" s="91"/>
      <c r="HV1805" s="91"/>
      <c r="HW1805" s="91"/>
      <c r="HX1805" s="91"/>
      <c r="HY1805" s="91"/>
      <c r="HZ1805" s="91"/>
      <c r="IA1805" s="91"/>
      <c r="IB1805" s="91"/>
      <c r="IC1805" s="91"/>
      <c r="ID1805" s="91"/>
      <c r="IE1805" s="91"/>
      <c r="IF1805" s="91"/>
      <c r="IG1805" s="91"/>
      <c r="IH1805" s="91"/>
      <c r="II1805" s="91"/>
      <c r="IJ1805" s="91"/>
      <c r="IK1805" s="127"/>
    </row>
    <row r="1806" spans="2:245" x14ac:dyDescent="0.2">
      <c r="B1806" s="43"/>
      <c r="C1806" s="73"/>
      <c r="D1806" s="64"/>
      <c r="E1806" s="64"/>
      <c r="F1806" s="55"/>
      <c r="G1806" s="102"/>
      <c r="H1806" s="55"/>
      <c r="I1806" s="55"/>
      <c r="J1806" s="55"/>
      <c r="K1806" s="55"/>
      <c r="L1806" s="55"/>
      <c r="M1806" s="55"/>
      <c r="N1806" s="55"/>
      <c r="O1806" s="55"/>
      <c r="P1806" s="55"/>
      <c r="Q1806" s="55"/>
      <c r="R1806" s="55"/>
      <c r="S1806" s="55"/>
      <c r="T1806" s="55"/>
      <c r="U1806" s="55"/>
      <c r="V1806" s="55"/>
      <c r="W1806" s="55"/>
      <c r="X1806" s="55"/>
      <c r="Y1806" s="55"/>
      <c r="Z1806" s="55"/>
      <c r="AA1806" s="55"/>
      <c r="AB1806" s="55"/>
      <c r="AC1806" s="55"/>
      <c r="AD1806" s="55"/>
      <c r="AE1806" s="55"/>
      <c r="AF1806" s="55"/>
      <c r="AG1806" s="55"/>
      <c r="AY1806" s="162"/>
      <c r="AZ1806" s="162"/>
      <c r="BA1806" s="162"/>
      <c r="BB1806" s="162"/>
      <c r="BC1806" s="162"/>
      <c r="BD1806" s="162"/>
      <c r="BE1806" s="162"/>
      <c r="BF1806" s="162"/>
      <c r="BG1806" s="162"/>
      <c r="BH1806" s="162"/>
      <c r="BI1806" s="162"/>
      <c r="BJ1806" s="162"/>
      <c r="BK1806" s="162"/>
      <c r="BL1806" s="162"/>
      <c r="BM1806" s="162"/>
      <c r="BN1806" s="162"/>
      <c r="BO1806" s="162"/>
      <c r="BP1806" s="162"/>
      <c r="BQ1806" s="162"/>
      <c r="BR1806" s="162"/>
      <c r="BS1806" s="162"/>
      <c r="BT1806" s="162"/>
      <c r="BU1806" s="162"/>
      <c r="BV1806" s="162"/>
      <c r="BW1806" s="162"/>
      <c r="BX1806" s="162"/>
      <c r="BY1806" s="162"/>
      <c r="BZ1806" s="162"/>
      <c r="CA1806" s="162"/>
      <c r="CB1806" s="162"/>
      <c r="CC1806" s="162"/>
      <c r="CD1806" s="162"/>
      <c r="CE1806" s="162"/>
      <c r="CF1806" s="162"/>
      <c r="CG1806" s="162"/>
      <c r="CH1806" s="162"/>
      <c r="CI1806" s="162"/>
      <c r="CJ1806" s="162"/>
      <c r="CK1806" s="162"/>
      <c r="CX1806" s="98"/>
      <c r="DL1806" s="97"/>
      <c r="DX1806" s="98"/>
      <c r="EL1806" s="97"/>
      <c r="EX1806" s="98"/>
      <c r="EY1806" s="97"/>
      <c r="FL1806" s="126"/>
      <c r="FM1806" s="91"/>
      <c r="FN1806" s="91"/>
      <c r="FO1806" s="91"/>
      <c r="FP1806" s="91"/>
      <c r="FQ1806" s="91"/>
      <c r="FR1806" s="91"/>
      <c r="FS1806" s="91"/>
      <c r="FT1806" s="91"/>
      <c r="FU1806" s="91"/>
      <c r="FV1806" s="91"/>
      <c r="FW1806" s="91"/>
      <c r="FX1806" s="91"/>
      <c r="FY1806" s="91"/>
      <c r="FZ1806" s="91"/>
      <c r="GA1806" s="91"/>
      <c r="GB1806" s="91"/>
      <c r="GC1806" s="91"/>
      <c r="GD1806" s="91"/>
      <c r="GE1806" s="91"/>
      <c r="GF1806" s="91"/>
      <c r="GG1806" s="91"/>
      <c r="GH1806" s="91"/>
      <c r="GI1806" s="91"/>
      <c r="GJ1806" s="91"/>
      <c r="GK1806" s="127"/>
      <c r="GL1806" s="126"/>
      <c r="GM1806" s="91"/>
      <c r="GN1806" s="91"/>
      <c r="GO1806" s="91"/>
      <c r="GP1806" s="91"/>
      <c r="GQ1806" s="91"/>
      <c r="GR1806" s="91"/>
      <c r="GS1806" s="91"/>
      <c r="GT1806" s="91"/>
      <c r="GU1806" s="91"/>
      <c r="GV1806" s="91"/>
      <c r="GW1806" s="91"/>
      <c r="GX1806" s="91"/>
      <c r="GY1806" s="91"/>
      <c r="GZ1806" s="91"/>
      <c r="HA1806" s="91"/>
      <c r="HB1806" s="91"/>
      <c r="HC1806" s="91"/>
      <c r="HD1806" s="91"/>
      <c r="HE1806" s="91"/>
      <c r="HF1806" s="91"/>
      <c r="HG1806" s="91"/>
      <c r="HH1806" s="91"/>
      <c r="HI1806" s="91"/>
      <c r="HJ1806" s="91"/>
      <c r="HK1806" s="127"/>
      <c r="HL1806" s="126"/>
      <c r="HM1806" s="91"/>
      <c r="HN1806" s="91"/>
      <c r="HO1806" s="91"/>
      <c r="HP1806" s="91"/>
      <c r="HQ1806" s="91"/>
      <c r="HR1806" s="91"/>
      <c r="HS1806" s="91"/>
      <c r="HT1806" s="91"/>
      <c r="HU1806" s="91"/>
      <c r="HV1806" s="91"/>
      <c r="HW1806" s="91"/>
      <c r="HX1806" s="91"/>
      <c r="HY1806" s="91"/>
      <c r="HZ1806" s="91"/>
      <c r="IA1806" s="91"/>
      <c r="IB1806" s="91"/>
      <c r="IC1806" s="91"/>
      <c r="ID1806" s="91"/>
      <c r="IE1806" s="91"/>
      <c r="IF1806" s="91"/>
      <c r="IG1806" s="91"/>
      <c r="IH1806" s="91"/>
      <c r="II1806" s="91"/>
      <c r="IJ1806" s="91"/>
      <c r="IK1806" s="127"/>
    </row>
    <row r="1807" spans="2:245" x14ac:dyDescent="0.2">
      <c r="B1807" s="43"/>
      <c r="C1807" s="73"/>
      <c r="D1807" s="64"/>
      <c r="E1807" s="64"/>
      <c r="F1807" s="55"/>
      <c r="G1807" s="102"/>
      <c r="H1807" s="55"/>
      <c r="I1807" s="55"/>
      <c r="J1807" s="55"/>
      <c r="K1807" s="55"/>
      <c r="L1807" s="55"/>
      <c r="M1807" s="55"/>
      <c r="N1807" s="55"/>
      <c r="O1807" s="55"/>
      <c r="P1807" s="55"/>
      <c r="Q1807" s="55"/>
      <c r="R1807" s="55"/>
      <c r="S1807" s="55"/>
      <c r="T1807" s="55"/>
      <c r="U1807" s="55"/>
      <c r="V1807" s="55"/>
      <c r="W1807" s="55"/>
      <c r="X1807" s="55"/>
      <c r="Y1807" s="55"/>
      <c r="Z1807" s="55"/>
      <c r="AA1807" s="55"/>
      <c r="AB1807" s="55"/>
      <c r="AC1807" s="55"/>
      <c r="AD1807" s="55"/>
      <c r="AE1807" s="55"/>
      <c r="AF1807" s="55"/>
      <c r="AG1807" s="55"/>
      <c r="AY1807" s="162"/>
      <c r="AZ1807" s="162"/>
      <c r="BA1807" s="162"/>
      <c r="BB1807" s="162"/>
      <c r="BC1807" s="162"/>
      <c r="BD1807" s="162"/>
      <c r="BE1807" s="162"/>
      <c r="BF1807" s="162"/>
      <c r="BG1807" s="162"/>
      <c r="BH1807" s="162"/>
      <c r="BI1807" s="162"/>
      <c r="BJ1807" s="162"/>
      <c r="BK1807" s="162"/>
      <c r="BL1807" s="162"/>
      <c r="BM1807" s="162"/>
      <c r="BN1807" s="162"/>
      <c r="BO1807" s="162"/>
      <c r="BP1807" s="162"/>
      <c r="BQ1807" s="162"/>
      <c r="BR1807" s="162"/>
      <c r="BS1807" s="162"/>
      <c r="BT1807" s="162"/>
      <c r="BU1807" s="162"/>
      <c r="BV1807" s="162"/>
      <c r="BW1807" s="162"/>
      <c r="BX1807" s="162"/>
      <c r="BY1807" s="162"/>
      <c r="BZ1807" s="162"/>
      <c r="CA1807" s="162"/>
      <c r="CB1807" s="162"/>
      <c r="CC1807" s="162"/>
      <c r="CD1807" s="162"/>
      <c r="CE1807" s="162"/>
      <c r="CF1807" s="162"/>
      <c r="CG1807" s="162"/>
      <c r="CH1807" s="162"/>
      <c r="CI1807" s="162"/>
      <c r="CJ1807" s="162"/>
      <c r="CK1807" s="162"/>
      <c r="CX1807" s="98"/>
      <c r="DL1807" s="97"/>
      <c r="DX1807" s="98"/>
      <c r="EL1807" s="97"/>
      <c r="EX1807" s="98"/>
      <c r="EY1807" s="97"/>
      <c r="FL1807" s="126"/>
      <c r="FM1807" s="91"/>
      <c r="FN1807" s="91"/>
      <c r="FO1807" s="91"/>
      <c r="FP1807" s="91"/>
      <c r="FQ1807" s="91"/>
      <c r="FR1807" s="91"/>
      <c r="FS1807" s="91"/>
      <c r="FT1807" s="91"/>
      <c r="FU1807" s="91"/>
      <c r="FV1807" s="91"/>
      <c r="FW1807" s="91"/>
      <c r="FX1807" s="91"/>
      <c r="FY1807" s="91"/>
      <c r="FZ1807" s="91"/>
      <c r="GA1807" s="91"/>
      <c r="GB1807" s="91"/>
      <c r="GC1807" s="91"/>
      <c r="GD1807" s="91"/>
      <c r="GE1807" s="91"/>
      <c r="GF1807" s="91"/>
      <c r="GG1807" s="91"/>
      <c r="GH1807" s="91"/>
      <c r="GI1807" s="91"/>
      <c r="GJ1807" s="91"/>
      <c r="GK1807" s="127"/>
      <c r="GL1807" s="126"/>
      <c r="GM1807" s="91"/>
      <c r="GN1807" s="91"/>
      <c r="GO1807" s="91"/>
      <c r="GP1807" s="91"/>
      <c r="GQ1807" s="91"/>
      <c r="GR1807" s="91"/>
      <c r="GS1807" s="91"/>
      <c r="GT1807" s="91"/>
      <c r="GU1807" s="91"/>
      <c r="GV1807" s="91"/>
      <c r="GW1807" s="91"/>
      <c r="GX1807" s="91"/>
      <c r="GY1807" s="91"/>
      <c r="GZ1807" s="91"/>
      <c r="HA1807" s="91"/>
      <c r="HB1807" s="91"/>
      <c r="HC1807" s="91"/>
      <c r="HD1807" s="91"/>
      <c r="HE1807" s="91"/>
      <c r="HF1807" s="91"/>
      <c r="HG1807" s="91"/>
      <c r="HH1807" s="91"/>
      <c r="HI1807" s="91"/>
      <c r="HJ1807" s="91"/>
      <c r="HK1807" s="127"/>
      <c r="HL1807" s="126"/>
      <c r="HM1807" s="91"/>
      <c r="HN1807" s="91"/>
      <c r="HO1807" s="91"/>
      <c r="HP1807" s="91"/>
      <c r="HQ1807" s="91"/>
      <c r="HR1807" s="91"/>
      <c r="HS1807" s="91"/>
      <c r="HT1807" s="91"/>
      <c r="HU1807" s="91"/>
      <c r="HV1807" s="91"/>
      <c r="HW1807" s="91"/>
      <c r="HX1807" s="91"/>
      <c r="HY1807" s="91"/>
      <c r="HZ1807" s="91"/>
      <c r="IA1807" s="91"/>
      <c r="IB1807" s="91"/>
      <c r="IC1807" s="91"/>
      <c r="ID1807" s="91"/>
      <c r="IE1807" s="91"/>
      <c r="IF1807" s="91"/>
      <c r="IG1807" s="91"/>
      <c r="IH1807" s="91"/>
      <c r="II1807" s="91"/>
      <c r="IJ1807" s="91"/>
      <c r="IK1807" s="127"/>
    </row>
    <row r="1808" spans="2:245" ht="13.5" thickBot="1" x14ac:dyDescent="0.25">
      <c r="B1808" s="43"/>
      <c r="C1808" s="73"/>
      <c r="D1808" s="64"/>
      <c r="E1808" s="64"/>
      <c r="F1808" s="55"/>
      <c r="G1808" s="102"/>
      <c r="H1808" s="55"/>
      <c r="I1808" s="55"/>
      <c r="J1808" s="55"/>
      <c r="K1808" s="55"/>
      <c r="L1808" s="55"/>
      <c r="M1808" s="55"/>
      <c r="N1808" s="55"/>
      <c r="O1808" s="55"/>
      <c r="P1808" s="55"/>
      <c r="Q1808" s="55"/>
      <c r="R1808" s="55"/>
      <c r="S1808" s="55"/>
      <c r="T1808" s="55"/>
      <c r="U1808" s="55"/>
      <c r="V1808" s="55"/>
      <c r="W1808" s="55"/>
      <c r="X1808" s="55"/>
      <c r="Y1808" s="55"/>
      <c r="Z1808" s="55"/>
      <c r="AA1808" s="55"/>
      <c r="AB1808" s="55"/>
      <c r="AC1808" s="55"/>
      <c r="AD1808" s="55"/>
      <c r="AE1808" s="55"/>
      <c r="AF1808" s="55"/>
      <c r="AG1808" s="55"/>
      <c r="AY1808" s="162"/>
      <c r="AZ1808" s="162"/>
      <c r="BA1808" s="162"/>
      <c r="BB1808" s="162"/>
      <c r="BC1808" s="162"/>
      <c r="BD1808" s="162"/>
      <c r="BE1808" s="162"/>
      <c r="BF1808" s="162"/>
      <c r="BG1808" s="162"/>
      <c r="BH1808" s="162"/>
      <c r="BI1808" s="162"/>
      <c r="BJ1808" s="162"/>
      <c r="BK1808" s="162"/>
      <c r="BL1808" s="162"/>
      <c r="BM1808" s="162"/>
      <c r="BN1808" s="162"/>
      <c r="BO1808" s="162"/>
      <c r="BP1808" s="162"/>
      <c r="BQ1808" s="162"/>
      <c r="BR1808" s="162"/>
      <c r="BS1808" s="162"/>
      <c r="BT1808" s="162"/>
      <c r="BU1808" s="162"/>
      <c r="BV1808" s="162"/>
      <c r="BW1808" s="162"/>
      <c r="BX1808" s="162"/>
      <c r="BY1808" s="162"/>
      <c r="BZ1808" s="162"/>
      <c r="CA1808" s="162"/>
      <c r="CB1808" s="162"/>
      <c r="CC1808" s="162"/>
      <c r="CD1808" s="162"/>
      <c r="CE1808" s="162"/>
      <c r="CF1808" s="162"/>
      <c r="CG1808" s="162"/>
      <c r="CH1808" s="162"/>
      <c r="CI1808" s="162"/>
      <c r="CJ1808" s="162"/>
      <c r="CK1808" s="162"/>
      <c r="CL1808" s="166"/>
      <c r="CM1808" s="166"/>
      <c r="CN1808" s="166"/>
      <c r="CO1808" s="166"/>
      <c r="CP1808" s="166"/>
      <c r="CQ1808" s="166"/>
      <c r="CR1808" s="166"/>
      <c r="CS1808" s="166"/>
      <c r="CT1808" s="166"/>
      <c r="CU1808" s="166"/>
      <c r="CV1808" s="166"/>
      <c r="CW1808" s="166"/>
      <c r="CX1808" s="176"/>
      <c r="CY1808" s="166"/>
      <c r="CZ1808" s="166"/>
      <c r="DA1808" s="166"/>
      <c r="DB1808" s="166"/>
      <c r="DC1808" s="166"/>
      <c r="DD1808" s="166"/>
      <c r="DE1808" s="166"/>
      <c r="DF1808" s="166"/>
      <c r="DG1808" s="166"/>
      <c r="DH1808" s="166"/>
      <c r="DI1808" s="166"/>
      <c r="DJ1808" s="166"/>
      <c r="DK1808" s="166"/>
      <c r="DL1808" s="175"/>
      <c r="DM1808" s="166"/>
      <c r="DN1808" s="166"/>
      <c r="DO1808" s="166"/>
      <c r="DP1808" s="166"/>
      <c r="DQ1808" s="166"/>
      <c r="DR1808" s="166"/>
      <c r="DS1808" s="166"/>
      <c r="DT1808" s="166"/>
      <c r="DU1808" s="166"/>
      <c r="DV1808" s="166"/>
      <c r="DW1808" s="166"/>
      <c r="DX1808" s="176"/>
      <c r="DY1808" s="166"/>
      <c r="DZ1808" s="166"/>
      <c r="EA1808" s="166"/>
      <c r="EB1808" s="166"/>
      <c r="EC1808" s="166"/>
      <c r="ED1808" s="166"/>
      <c r="EE1808" s="166"/>
      <c r="EF1808" s="166"/>
      <c r="EG1808" s="166"/>
      <c r="EH1808" s="166"/>
      <c r="EI1808" s="166"/>
      <c r="EJ1808" s="166"/>
      <c r="EK1808" s="166"/>
      <c r="EL1808" s="175"/>
      <c r="EM1808" s="166"/>
      <c r="EN1808" s="166"/>
      <c r="EO1808" s="166"/>
      <c r="EP1808" s="166"/>
      <c r="EQ1808" s="166"/>
      <c r="ER1808" s="166"/>
      <c r="ES1808" s="166"/>
      <c r="ET1808" s="166"/>
      <c r="EU1808" s="166"/>
      <c r="EV1808" s="166"/>
      <c r="EW1808" s="166"/>
      <c r="EX1808" s="176"/>
      <c r="EY1808" s="175"/>
      <c r="EZ1808" s="166"/>
      <c r="FA1808" s="166"/>
      <c r="FB1808" s="166"/>
      <c r="FC1808" s="166"/>
      <c r="FD1808" s="166"/>
      <c r="FE1808" s="166"/>
      <c r="FF1808" s="166"/>
      <c r="FG1808" s="166"/>
      <c r="FH1808" s="166"/>
      <c r="FI1808" s="166"/>
      <c r="FJ1808" s="166"/>
      <c r="FK1808" s="166"/>
      <c r="FL1808" s="126"/>
      <c r="FM1808" s="91"/>
      <c r="FN1808" s="91"/>
      <c r="FO1808" s="91"/>
      <c r="FP1808" s="91"/>
      <c r="FQ1808" s="91"/>
      <c r="FR1808" s="91"/>
      <c r="FS1808" s="91"/>
      <c r="FT1808" s="91"/>
      <c r="FU1808" s="91"/>
      <c r="FV1808" s="91"/>
      <c r="FW1808" s="91"/>
      <c r="FX1808" s="91"/>
      <c r="FY1808" s="91"/>
      <c r="FZ1808" s="91"/>
      <c r="GA1808" s="91"/>
      <c r="GB1808" s="91"/>
      <c r="GC1808" s="91"/>
      <c r="GD1808" s="91"/>
      <c r="GE1808" s="91"/>
      <c r="GF1808" s="91"/>
      <c r="GG1808" s="91"/>
      <c r="GH1808" s="91"/>
      <c r="GI1808" s="91"/>
      <c r="GJ1808" s="91"/>
      <c r="GK1808" s="127"/>
      <c r="GL1808" s="126"/>
      <c r="GM1808" s="91"/>
      <c r="GN1808" s="91"/>
      <c r="GO1808" s="91"/>
      <c r="GP1808" s="91"/>
      <c r="GQ1808" s="91"/>
      <c r="GR1808" s="91"/>
      <c r="GS1808" s="91"/>
      <c r="GT1808" s="91"/>
      <c r="GU1808" s="91"/>
      <c r="GV1808" s="91"/>
      <c r="GW1808" s="91"/>
      <c r="GX1808" s="91"/>
      <c r="GY1808" s="91"/>
      <c r="GZ1808" s="91"/>
      <c r="HA1808" s="91"/>
      <c r="HB1808" s="91"/>
      <c r="HC1808" s="91"/>
      <c r="HD1808" s="91"/>
      <c r="HE1808" s="91"/>
      <c r="HF1808" s="91"/>
      <c r="HG1808" s="91"/>
      <c r="HH1808" s="91"/>
      <c r="HI1808" s="91"/>
      <c r="HJ1808" s="91"/>
      <c r="HK1808" s="127"/>
      <c r="HL1808" s="126"/>
      <c r="HM1808" s="91"/>
      <c r="HN1808" s="91"/>
      <c r="HO1808" s="91"/>
      <c r="HP1808" s="91"/>
      <c r="HQ1808" s="91"/>
      <c r="HR1808" s="91"/>
      <c r="HS1808" s="91"/>
      <c r="HT1808" s="91"/>
      <c r="HU1808" s="91"/>
      <c r="HV1808" s="91"/>
      <c r="HW1808" s="91"/>
      <c r="HX1808" s="91"/>
      <c r="HY1808" s="91"/>
      <c r="HZ1808" s="91"/>
      <c r="IA1808" s="91"/>
      <c r="IB1808" s="91"/>
      <c r="IC1808" s="91"/>
      <c r="ID1808" s="91"/>
      <c r="IE1808" s="91"/>
      <c r="IF1808" s="91"/>
      <c r="IG1808" s="91"/>
      <c r="IH1808" s="91"/>
      <c r="II1808" s="91"/>
      <c r="IJ1808" s="91"/>
      <c r="IK1808" s="127"/>
    </row>
    <row r="1809" spans="2:245" x14ac:dyDescent="0.2">
      <c r="B1809" s="43"/>
      <c r="C1809" s="73"/>
      <c r="D1809" s="64"/>
      <c r="E1809" s="64"/>
      <c r="F1809" s="55"/>
      <c r="G1809" s="102"/>
      <c r="H1809" s="55"/>
      <c r="I1809" s="55"/>
      <c r="J1809" s="55"/>
      <c r="K1809" s="55"/>
      <c r="L1809" s="55"/>
      <c r="M1809" s="55"/>
      <c r="N1809" s="55"/>
      <c r="O1809" s="55"/>
      <c r="P1809" s="55"/>
      <c r="Q1809" s="55"/>
      <c r="R1809" s="55"/>
      <c r="S1809" s="55"/>
      <c r="T1809" s="55"/>
      <c r="U1809" s="55"/>
      <c r="V1809" s="55"/>
      <c r="W1809" s="55"/>
      <c r="X1809" s="55"/>
      <c r="Y1809" s="55"/>
      <c r="Z1809" s="55"/>
      <c r="AA1809" s="55"/>
      <c r="AB1809" s="55"/>
      <c r="AC1809" s="55"/>
      <c r="AD1809" s="55"/>
      <c r="AE1809" s="55"/>
      <c r="AF1809" s="55"/>
      <c r="AG1809" s="55"/>
      <c r="AY1809" s="162"/>
      <c r="AZ1809" s="162"/>
      <c r="BA1809" s="162"/>
      <c r="BB1809" s="162"/>
      <c r="BC1809" s="162"/>
      <c r="BD1809" s="162"/>
      <c r="BE1809" s="162"/>
      <c r="BF1809" s="162"/>
      <c r="BG1809" s="162"/>
      <c r="BH1809" s="162"/>
      <c r="BI1809" s="162"/>
      <c r="BJ1809" s="162"/>
      <c r="BK1809" s="162"/>
      <c r="BL1809" s="162"/>
      <c r="BM1809" s="162"/>
      <c r="BN1809" s="162"/>
      <c r="BO1809" s="162"/>
      <c r="BP1809" s="162"/>
      <c r="BQ1809" s="162"/>
      <c r="BR1809" s="162"/>
      <c r="BS1809" s="162"/>
      <c r="BT1809" s="162"/>
      <c r="BU1809" s="162"/>
      <c r="BV1809" s="162"/>
      <c r="BW1809" s="162"/>
      <c r="BX1809" s="162"/>
      <c r="BY1809" s="162"/>
      <c r="BZ1809" s="162"/>
      <c r="CA1809" s="162"/>
      <c r="CB1809" s="162"/>
      <c r="CC1809" s="162"/>
      <c r="CD1809" s="162"/>
      <c r="CE1809" s="162"/>
      <c r="CF1809" s="162"/>
      <c r="CG1809" s="162"/>
      <c r="CH1809" s="162"/>
      <c r="CI1809" s="162"/>
      <c r="CJ1809" s="162"/>
      <c r="CK1809" s="162"/>
      <c r="CX1809" s="98"/>
      <c r="DL1809" s="97"/>
      <c r="DX1809" s="98"/>
      <c r="EL1809" s="97"/>
      <c r="EX1809" s="98"/>
      <c r="EY1809" s="97"/>
      <c r="FL1809" s="126"/>
      <c r="FM1809" s="91"/>
      <c r="FN1809" s="91"/>
      <c r="FO1809" s="91"/>
      <c r="FP1809" s="91"/>
      <c r="FQ1809" s="91"/>
      <c r="FR1809" s="91"/>
      <c r="FS1809" s="91"/>
      <c r="FT1809" s="91"/>
      <c r="FU1809" s="91"/>
      <c r="FV1809" s="91"/>
      <c r="FW1809" s="91"/>
      <c r="FX1809" s="91"/>
      <c r="FY1809" s="91"/>
      <c r="FZ1809" s="91"/>
      <c r="GA1809" s="91"/>
      <c r="GB1809" s="91"/>
      <c r="GC1809" s="91"/>
      <c r="GD1809" s="91"/>
      <c r="GE1809" s="91"/>
      <c r="GF1809" s="91"/>
      <c r="GG1809" s="91"/>
      <c r="GH1809" s="91"/>
      <c r="GI1809" s="91"/>
      <c r="GJ1809" s="91"/>
      <c r="GK1809" s="127"/>
      <c r="GL1809" s="126"/>
      <c r="GM1809" s="91"/>
      <c r="GN1809" s="91"/>
      <c r="GO1809" s="91"/>
      <c r="GP1809" s="91"/>
      <c r="GQ1809" s="91"/>
      <c r="GR1809" s="91"/>
      <c r="GS1809" s="91"/>
      <c r="GT1809" s="91"/>
      <c r="GU1809" s="91"/>
      <c r="GV1809" s="91"/>
      <c r="GW1809" s="91"/>
      <c r="GX1809" s="91"/>
      <c r="GY1809" s="91"/>
      <c r="GZ1809" s="91"/>
      <c r="HA1809" s="91"/>
      <c r="HB1809" s="91"/>
      <c r="HC1809" s="91"/>
      <c r="HD1809" s="91"/>
      <c r="HE1809" s="91"/>
      <c r="HF1809" s="91"/>
      <c r="HG1809" s="91"/>
      <c r="HH1809" s="91"/>
      <c r="HI1809" s="91"/>
      <c r="HJ1809" s="91"/>
      <c r="HK1809" s="127"/>
      <c r="HL1809" s="126"/>
      <c r="HM1809" s="91"/>
      <c r="HN1809" s="91"/>
      <c r="HO1809" s="91"/>
      <c r="HP1809" s="91"/>
      <c r="HQ1809" s="91"/>
      <c r="HR1809" s="91"/>
      <c r="HS1809" s="91"/>
      <c r="HT1809" s="91"/>
      <c r="HU1809" s="91"/>
      <c r="HV1809" s="91"/>
      <c r="HW1809" s="91"/>
      <c r="HX1809" s="91"/>
      <c r="HY1809" s="91"/>
      <c r="HZ1809" s="91"/>
      <c r="IA1809" s="91"/>
      <c r="IB1809" s="91"/>
      <c r="IC1809" s="91"/>
      <c r="ID1809" s="91"/>
      <c r="IE1809" s="91"/>
      <c r="IF1809" s="91"/>
      <c r="IG1809" s="91"/>
      <c r="IH1809" s="91"/>
      <c r="II1809" s="91"/>
      <c r="IJ1809" s="91"/>
      <c r="IK1809" s="127"/>
    </row>
    <row r="1810" spans="2:245" x14ac:dyDescent="0.2">
      <c r="B1810" s="43"/>
      <c r="C1810" s="73"/>
      <c r="D1810" s="64"/>
      <c r="E1810" s="64"/>
      <c r="F1810" s="55"/>
      <c r="G1810" s="102"/>
      <c r="H1810" s="55"/>
      <c r="I1810" s="55"/>
      <c r="J1810" s="55"/>
      <c r="K1810" s="55"/>
      <c r="L1810" s="55"/>
      <c r="M1810" s="55"/>
      <c r="N1810" s="55"/>
      <c r="O1810" s="55"/>
      <c r="P1810" s="55"/>
      <c r="Q1810" s="55"/>
      <c r="R1810" s="55"/>
      <c r="S1810" s="55"/>
      <c r="T1810" s="55"/>
      <c r="U1810" s="55"/>
      <c r="V1810" s="55"/>
      <c r="W1810" s="55"/>
      <c r="X1810" s="55"/>
      <c r="Y1810" s="55"/>
      <c r="Z1810" s="55"/>
      <c r="AA1810" s="55"/>
      <c r="AB1810" s="55"/>
      <c r="AC1810" s="55"/>
      <c r="AD1810" s="55"/>
      <c r="AE1810" s="55"/>
      <c r="AF1810" s="55"/>
      <c r="AG1810" s="55"/>
      <c r="AY1810" s="162"/>
      <c r="AZ1810" s="162"/>
      <c r="BA1810" s="162"/>
      <c r="BB1810" s="162"/>
      <c r="BC1810" s="162"/>
      <c r="BD1810" s="162"/>
      <c r="BE1810" s="162"/>
      <c r="BF1810" s="162"/>
      <c r="BG1810" s="162"/>
      <c r="BH1810" s="162"/>
      <c r="BI1810" s="162"/>
      <c r="BJ1810" s="162"/>
      <c r="BK1810" s="162"/>
      <c r="BL1810" s="162"/>
      <c r="BM1810" s="162"/>
      <c r="BN1810" s="162"/>
      <c r="BO1810" s="162"/>
      <c r="BP1810" s="162"/>
      <c r="BQ1810" s="162"/>
      <c r="BR1810" s="162"/>
      <c r="BS1810" s="162"/>
      <c r="BT1810" s="162"/>
      <c r="BU1810" s="162"/>
      <c r="BV1810" s="162"/>
      <c r="BW1810" s="162"/>
      <c r="BX1810" s="162"/>
      <c r="BY1810" s="162"/>
      <c r="BZ1810" s="162"/>
      <c r="CA1810" s="162"/>
      <c r="CB1810" s="162"/>
      <c r="CC1810" s="162"/>
      <c r="CD1810" s="162"/>
      <c r="CE1810" s="162"/>
      <c r="CF1810" s="162"/>
      <c r="CG1810" s="162"/>
      <c r="CH1810" s="162"/>
      <c r="CI1810" s="162"/>
      <c r="CJ1810" s="162"/>
      <c r="CK1810" s="162"/>
      <c r="CX1810" s="98"/>
      <c r="DL1810" s="97"/>
      <c r="DX1810" s="98"/>
      <c r="EL1810" s="97"/>
      <c r="EX1810" s="98"/>
      <c r="EY1810" s="97"/>
      <c r="FL1810" s="126"/>
      <c r="FM1810" s="91"/>
      <c r="FN1810" s="91"/>
      <c r="FO1810" s="91"/>
      <c r="FP1810" s="91"/>
      <c r="FQ1810" s="91"/>
      <c r="FR1810" s="91"/>
      <c r="FS1810" s="91"/>
      <c r="FT1810" s="91"/>
      <c r="FU1810" s="91"/>
      <c r="FV1810" s="91"/>
      <c r="FW1810" s="91"/>
      <c r="FX1810" s="91"/>
      <c r="FY1810" s="91"/>
      <c r="FZ1810" s="91"/>
      <c r="GA1810" s="91"/>
      <c r="GB1810" s="91"/>
      <c r="GC1810" s="91"/>
      <c r="GD1810" s="91"/>
      <c r="GE1810" s="91"/>
      <c r="GF1810" s="91"/>
      <c r="GG1810" s="91"/>
      <c r="GH1810" s="91"/>
      <c r="GI1810" s="91"/>
      <c r="GJ1810" s="91"/>
      <c r="GK1810" s="127"/>
      <c r="GL1810" s="126"/>
      <c r="GM1810" s="91"/>
      <c r="GN1810" s="91"/>
      <c r="GO1810" s="91"/>
      <c r="GP1810" s="91"/>
      <c r="GQ1810" s="91"/>
      <c r="GR1810" s="91"/>
      <c r="GS1810" s="91"/>
      <c r="GT1810" s="91"/>
      <c r="GU1810" s="91"/>
      <c r="GV1810" s="91"/>
      <c r="GW1810" s="91"/>
      <c r="GX1810" s="91"/>
      <c r="GY1810" s="91"/>
      <c r="GZ1810" s="91"/>
      <c r="HA1810" s="91"/>
      <c r="HB1810" s="91"/>
      <c r="HC1810" s="91"/>
      <c r="HD1810" s="91"/>
      <c r="HE1810" s="91"/>
      <c r="HF1810" s="91"/>
      <c r="HG1810" s="91"/>
      <c r="HH1810" s="91"/>
      <c r="HI1810" s="91"/>
      <c r="HJ1810" s="91"/>
      <c r="HK1810" s="127"/>
      <c r="HL1810" s="126"/>
      <c r="HM1810" s="91"/>
      <c r="HN1810" s="91"/>
      <c r="HO1810" s="91"/>
      <c r="HP1810" s="91"/>
      <c r="HQ1810" s="91"/>
      <c r="HR1810" s="91"/>
      <c r="HS1810" s="91"/>
      <c r="HT1810" s="91"/>
      <c r="HU1810" s="91"/>
      <c r="HV1810" s="91"/>
      <c r="HW1810" s="91"/>
      <c r="HX1810" s="91"/>
      <c r="HY1810" s="91"/>
      <c r="HZ1810" s="91"/>
      <c r="IA1810" s="91"/>
      <c r="IB1810" s="91"/>
      <c r="IC1810" s="91"/>
      <c r="ID1810" s="91"/>
      <c r="IE1810" s="91"/>
      <c r="IF1810" s="91"/>
      <c r="IG1810" s="91"/>
      <c r="IH1810" s="91"/>
      <c r="II1810" s="91"/>
      <c r="IJ1810" s="91"/>
      <c r="IK1810" s="127"/>
    </row>
    <row r="1811" spans="2:245" x14ac:dyDescent="0.2">
      <c r="B1811" s="43"/>
      <c r="C1811" s="73"/>
      <c r="D1811" s="64"/>
      <c r="E1811" s="64"/>
      <c r="F1811" s="55"/>
      <c r="G1811" s="102"/>
      <c r="H1811" s="55"/>
      <c r="I1811" s="55"/>
      <c r="J1811" s="55"/>
      <c r="K1811" s="55"/>
      <c r="L1811" s="55"/>
      <c r="M1811" s="55"/>
      <c r="N1811" s="55"/>
      <c r="O1811" s="55"/>
      <c r="P1811" s="55"/>
      <c r="Q1811" s="55"/>
      <c r="R1811" s="55"/>
      <c r="S1811" s="55"/>
      <c r="T1811" s="55"/>
      <c r="U1811" s="55"/>
      <c r="V1811" s="55"/>
      <c r="W1811" s="55"/>
      <c r="X1811" s="55"/>
      <c r="Y1811" s="55"/>
      <c r="Z1811" s="55"/>
      <c r="AA1811" s="55"/>
      <c r="AB1811" s="55"/>
      <c r="AC1811" s="55"/>
      <c r="AD1811" s="55"/>
      <c r="AE1811" s="55"/>
      <c r="AF1811" s="55"/>
      <c r="AG1811" s="55"/>
      <c r="AY1811" s="162"/>
      <c r="AZ1811" s="162"/>
      <c r="BA1811" s="162"/>
      <c r="BB1811" s="162"/>
      <c r="BC1811" s="162"/>
      <c r="BD1811" s="162"/>
      <c r="BE1811" s="162"/>
      <c r="BF1811" s="162"/>
      <c r="BG1811" s="162"/>
      <c r="BH1811" s="162"/>
      <c r="BI1811" s="162"/>
      <c r="BJ1811" s="162"/>
      <c r="BK1811" s="162"/>
      <c r="BL1811" s="162"/>
      <c r="BM1811" s="162"/>
      <c r="BN1811" s="162"/>
      <c r="BO1811" s="162"/>
      <c r="BP1811" s="162"/>
      <c r="BQ1811" s="162"/>
      <c r="BR1811" s="162"/>
      <c r="BS1811" s="162"/>
      <c r="BT1811" s="162"/>
      <c r="BU1811" s="162"/>
      <c r="BV1811" s="162"/>
      <c r="BW1811" s="162"/>
      <c r="BX1811" s="162"/>
      <c r="BY1811" s="162"/>
      <c r="BZ1811" s="162"/>
      <c r="CA1811" s="162"/>
      <c r="CB1811" s="162"/>
      <c r="CC1811" s="162"/>
      <c r="CD1811" s="162"/>
      <c r="CE1811" s="162"/>
      <c r="CF1811" s="162"/>
      <c r="CG1811" s="162"/>
      <c r="CH1811" s="162"/>
      <c r="CI1811" s="162"/>
      <c r="CJ1811" s="162"/>
      <c r="CK1811" s="162"/>
      <c r="CX1811" s="98"/>
      <c r="DL1811" s="97"/>
      <c r="DX1811" s="98"/>
      <c r="EL1811" s="97"/>
      <c r="EX1811" s="98"/>
      <c r="EY1811" s="97"/>
      <c r="FL1811" s="126"/>
      <c r="FM1811" s="91"/>
      <c r="FN1811" s="91"/>
      <c r="FO1811" s="91"/>
      <c r="FP1811" s="91"/>
      <c r="FQ1811" s="91"/>
      <c r="FR1811" s="91"/>
      <c r="FS1811" s="91"/>
      <c r="FT1811" s="91"/>
      <c r="FU1811" s="91"/>
      <c r="FV1811" s="91"/>
      <c r="FW1811" s="91"/>
      <c r="FX1811" s="91"/>
      <c r="FY1811" s="91"/>
      <c r="FZ1811" s="91"/>
      <c r="GA1811" s="91"/>
      <c r="GB1811" s="91"/>
      <c r="GC1811" s="91"/>
      <c r="GD1811" s="91"/>
      <c r="GE1811" s="91"/>
      <c r="GF1811" s="91"/>
      <c r="GG1811" s="91"/>
      <c r="GH1811" s="91"/>
      <c r="GI1811" s="91"/>
      <c r="GJ1811" s="91"/>
      <c r="GK1811" s="127"/>
      <c r="GL1811" s="126"/>
      <c r="GM1811" s="91"/>
      <c r="GN1811" s="91"/>
      <c r="GO1811" s="91"/>
      <c r="GP1811" s="91"/>
      <c r="GQ1811" s="91"/>
      <c r="GR1811" s="91"/>
      <c r="GS1811" s="91"/>
      <c r="GT1811" s="91"/>
      <c r="GU1811" s="91"/>
      <c r="GV1811" s="91"/>
      <c r="GW1811" s="91"/>
      <c r="GX1811" s="91"/>
      <c r="GY1811" s="91"/>
      <c r="GZ1811" s="91"/>
      <c r="HA1811" s="91"/>
      <c r="HB1811" s="91"/>
      <c r="HC1811" s="91"/>
      <c r="HD1811" s="91"/>
      <c r="HE1811" s="91"/>
      <c r="HF1811" s="91"/>
      <c r="HG1811" s="91"/>
      <c r="HH1811" s="91"/>
      <c r="HI1811" s="91"/>
      <c r="HJ1811" s="91"/>
      <c r="HK1811" s="127"/>
      <c r="HL1811" s="126"/>
      <c r="HM1811" s="91"/>
      <c r="HN1811" s="91"/>
      <c r="HO1811" s="91"/>
      <c r="HP1811" s="91"/>
      <c r="HQ1811" s="91"/>
      <c r="HR1811" s="91"/>
      <c r="HS1811" s="91"/>
      <c r="HT1811" s="91"/>
      <c r="HU1811" s="91"/>
      <c r="HV1811" s="91"/>
      <c r="HW1811" s="91"/>
      <c r="HX1811" s="91"/>
      <c r="HY1811" s="91"/>
      <c r="HZ1811" s="91"/>
      <c r="IA1811" s="91"/>
      <c r="IB1811" s="91"/>
      <c r="IC1811" s="91"/>
      <c r="ID1811" s="91"/>
      <c r="IE1811" s="91"/>
      <c r="IF1811" s="91"/>
      <c r="IG1811" s="91"/>
      <c r="IH1811" s="91"/>
      <c r="II1811" s="91"/>
      <c r="IJ1811" s="91"/>
      <c r="IK1811" s="127"/>
    </row>
    <row r="1812" spans="2:245" x14ac:dyDescent="0.2">
      <c r="B1812" s="43"/>
      <c r="C1812" s="73"/>
      <c r="D1812" s="64"/>
      <c r="E1812" s="64"/>
      <c r="F1812" s="55"/>
      <c r="G1812" s="102"/>
      <c r="H1812" s="55"/>
      <c r="I1812" s="55"/>
      <c r="J1812" s="55"/>
      <c r="K1812" s="55"/>
      <c r="L1812" s="55"/>
      <c r="M1812" s="55"/>
      <c r="N1812" s="55"/>
      <c r="O1812" s="55"/>
      <c r="P1812" s="55"/>
      <c r="Q1812" s="55"/>
      <c r="R1812" s="55"/>
      <c r="S1812" s="55"/>
      <c r="T1812" s="55"/>
      <c r="U1812" s="55"/>
      <c r="V1812" s="55"/>
      <c r="W1812" s="55"/>
      <c r="X1812" s="55"/>
      <c r="Y1812" s="55"/>
      <c r="Z1812" s="55"/>
      <c r="AA1812" s="55"/>
      <c r="AB1812" s="55"/>
      <c r="AC1812" s="55"/>
      <c r="AD1812" s="55"/>
      <c r="AE1812" s="55"/>
      <c r="AF1812" s="55"/>
      <c r="AG1812" s="55"/>
      <c r="AY1812" s="162"/>
      <c r="AZ1812" s="162"/>
      <c r="BA1812" s="162"/>
      <c r="BB1812" s="162"/>
      <c r="BC1812" s="162"/>
      <c r="BD1812" s="162"/>
      <c r="BE1812" s="162"/>
      <c r="BF1812" s="162"/>
      <c r="BG1812" s="162"/>
      <c r="BH1812" s="162"/>
      <c r="BI1812" s="162"/>
      <c r="BJ1812" s="162"/>
      <c r="BK1812" s="162"/>
      <c r="BL1812" s="162"/>
      <c r="BM1812" s="162"/>
      <c r="BN1812" s="162"/>
      <c r="BO1812" s="162"/>
      <c r="BP1812" s="162"/>
      <c r="BQ1812" s="162"/>
      <c r="BR1812" s="162"/>
      <c r="BS1812" s="162"/>
      <c r="BT1812" s="162"/>
      <c r="BU1812" s="162"/>
      <c r="BV1812" s="162"/>
      <c r="BW1812" s="162"/>
      <c r="BX1812" s="162"/>
      <c r="BY1812" s="162"/>
      <c r="BZ1812" s="162"/>
      <c r="CA1812" s="162"/>
      <c r="CB1812" s="162"/>
      <c r="CC1812" s="162"/>
      <c r="CD1812" s="162"/>
      <c r="CE1812" s="162"/>
      <c r="CF1812" s="162"/>
      <c r="CG1812" s="162"/>
      <c r="CH1812" s="162"/>
      <c r="CI1812" s="162"/>
      <c r="CJ1812" s="162"/>
      <c r="CK1812" s="162"/>
      <c r="CX1812" s="98"/>
      <c r="DL1812" s="97"/>
      <c r="DX1812" s="98"/>
      <c r="EL1812" s="97"/>
      <c r="EX1812" s="98"/>
      <c r="EY1812" s="97"/>
      <c r="FL1812" s="126"/>
      <c r="FM1812" s="91"/>
      <c r="FN1812" s="91"/>
      <c r="FO1812" s="91"/>
      <c r="FP1812" s="91"/>
      <c r="FQ1812" s="91"/>
      <c r="FR1812" s="91"/>
      <c r="FS1812" s="91"/>
      <c r="FT1812" s="91"/>
      <c r="FU1812" s="91"/>
      <c r="FV1812" s="91"/>
      <c r="FW1812" s="91"/>
      <c r="FX1812" s="91"/>
      <c r="FY1812" s="91"/>
      <c r="FZ1812" s="91"/>
      <c r="GA1812" s="91"/>
      <c r="GB1812" s="91"/>
      <c r="GC1812" s="91"/>
      <c r="GD1812" s="91"/>
      <c r="GE1812" s="91"/>
      <c r="GF1812" s="91"/>
      <c r="GG1812" s="91"/>
      <c r="GH1812" s="91"/>
      <c r="GI1812" s="91"/>
      <c r="GJ1812" s="91"/>
      <c r="GK1812" s="127"/>
      <c r="GL1812" s="126"/>
      <c r="GM1812" s="91"/>
      <c r="GN1812" s="91"/>
      <c r="GO1812" s="91"/>
      <c r="GP1812" s="91"/>
      <c r="GQ1812" s="91"/>
      <c r="GR1812" s="91"/>
      <c r="GS1812" s="91"/>
      <c r="GT1812" s="91"/>
      <c r="GU1812" s="91"/>
      <c r="GV1812" s="91"/>
      <c r="GW1812" s="91"/>
      <c r="GX1812" s="91"/>
      <c r="GY1812" s="91"/>
      <c r="GZ1812" s="91"/>
      <c r="HA1812" s="91"/>
      <c r="HB1812" s="91"/>
      <c r="HC1812" s="91"/>
      <c r="HD1812" s="91"/>
      <c r="HE1812" s="91"/>
      <c r="HF1812" s="91"/>
      <c r="HG1812" s="91"/>
      <c r="HH1812" s="91"/>
      <c r="HI1812" s="91"/>
      <c r="HJ1812" s="91"/>
      <c r="HK1812" s="127"/>
      <c r="HL1812" s="126"/>
      <c r="HM1812" s="91"/>
      <c r="HN1812" s="91"/>
      <c r="HO1812" s="91"/>
      <c r="HP1812" s="91"/>
      <c r="HQ1812" s="91"/>
      <c r="HR1812" s="91"/>
      <c r="HS1812" s="91"/>
      <c r="HT1812" s="91"/>
      <c r="HU1812" s="91"/>
      <c r="HV1812" s="91"/>
      <c r="HW1812" s="91"/>
      <c r="HX1812" s="91"/>
      <c r="HY1812" s="91"/>
      <c r="HZ1812" s="91"/>
      <c r="IA1812" s="91"/>
      <c r="IB1812" s="91"/>
      <c r="IC1812" s="91"/>
      <c r="ID1812" s="91"/>
      <c r="IE1812" s="91"/>
      <c r="IF1812" s="91"/>
      <c r="IG1812" s="91"/>
      <c r="IH1812" s="91"/>
      <c r="II1812" s="91"/>
      <c r="IJ1812" s="91"/>
      <c r="IK1812" s="127"/>
    </row>
    <row r="1813" spans="2:245" x14ac:dyDescent="0.2">
      <c r="B1813" s="43"/>
      <c r="C1813" s="73"/>
      <c r="D1813" s="64"/>
      <c r="E1813" s="64"/>
      <c r="F1813" s="55"/>
      <c r="G1813" s="102"/>
      <c r="H1813" s="55"/>
      <c r="I1813" s="55"/>
      <c r="J1813" s="55"/>
      <c r="K1813" s="55"/>
      <c r="L1813" s="55"/>
      <c r="M1813" s="55"/>
      <c r="N1813" s="55"/>
      <c r="O1813" s="55"/>
      <c r="P1813" s="55"/>
      <c r="Q1813" s="55"/>
      <c r="R1813" s="55"/>
      <c r="S1813" s="55"/>
      <c r="T1813" s="55"/>
      <c r="U1813" s="55"/>
      <c r="V1813" s="55"/>
      <c r="W1813" s="55"/>
      <c r="X1813" s="55"/>
      <c r="Y1813" s="55"/>
      <c r="Z1813" s="55"/>
      <c r="AA1813" s="55"/>
      <c r="AB1813" s="55"/>
      <c r="AC1813" s="55"/>
      <c r="AD1813" s="55"/>
      <c r="AE1813" s="55"/>
      <c r="AF1813" s="55"/>
      <c r="AG1813" s="55"/>
      <c r="AY1813" s="162"/>
      <c r="AZ1813" s="162"/>
      <c r="BA1813" s="162"/>
      <c r="BB1813" s="162"/>
      <c r="BC1813" s="162"/>
      <c r="BD1813" s="162"/>
      <c r="BE1813" s="162"/>
      <c r="BF1813" s="162"/>
      <c r="BG1813" s="162"/>
      <c r="BH1813" s="162"/>
      <c r="BI1813" s="162"/>
      <c r="BJ1813" s="162"/>
      <c r="BK1813" s="162"/>
      <c r="BL1813" s="162"/>
      <c r="BM1813" s="162"/>
      <c r="BN1813" s="162"/>
      <c r="BO1813" s="162"/>
      <c r="BP1813" s="162"/>
      <c r="BQ1813" s="162"/>
      <c r="BR1813" s="162"/>
      <c r="BS1813" s="162"/>
      <c r="BT1813" s="162"/>
      <c r="BU1813" s="162"/>
      <c r="BV1813" s="162"/>
      <c r="BW1813" s="162"/>
      <c r="BX1813" s="162"/>
      <c r="BY1813" s="162"/>
      <c r="BZ1813" s="162"/>
      <c r="CA1813" s="162"/>
      <c r="CB1813" s="162"/>
      <c r="CC1813" s="162"/>
      <c r="CD1813" s="162"/>
      <c r="CE1813" s="162"/>
      <c r="CF1813" s="162"/>
      <c r="CG1813" s="162"/>
      <c r="CH1813" s="162"/>
      <c r="CI1813" s="162"/>
      <c r="CJ1813" s="162"/>
      <c r="CK1813" s="162"/>
      <c r="CX1813" s="98"/>
      <c r="DL1813" s="97"/>
      <c r="DX1813" s="98"/>
      <c r="EL1813" s="97"/>
      <c r="EX1813" s="98"/>
      <c r="EY1813" s="97"/>
      <c r="FL1813" s="126"/>
      <c r="FM1813" s="91"/>
      <c r="FN1813" s="91"/>
      <c r="FO1813" s="91"/>
      <c r="FP1813" s="91"/>
      <c r="FQ1813" s="91"/>
      <c r="FR1813" s="91"/>
      <c r="FS1813" s="91"/>
      <c r="FT1813" s="91"/>
      <c r="FU1813" s="91"/>
      <c r="FV1813" s="91"/>
      <c r="FW1813" s="91"/>
      <c r="FX1813" s="91"/>
      <c r="FY1813" s="91"/>
      <c r="FZ1813" s="91"/>
      <c r="GA1813" s="91"/>
      <c r="GB1813" s="91"/>
      <c r="GC1813" s="91"/>
      <c r="GD1813" s="91"/>
      <c r="GE1813" s="91"/>
      <c r="GF1813" s="91"/>
      <c r="GG1813" s="91"/>
      <c r="GH1813" s="91"/>
      <c r="GI1813" s="91"/>
      <c r="GJ1813" s="91"/>
      <c r="GK1813" s="127"/>
      <c r="GL1813" s="126"/>
      <c r="GM1813" s="91"/>
      <c r="GN1813" s="91"/>
      <c r="GO1813" s="91"/>
      <c r="GP1813" s="91"/>
      <c r="GQ1813" s="91"/>
      <c r="GR1813" s="91"/>
      <c r="GS1813" s="91"/>
      <c r="GT1813" s="91"/>
      <c r="GU1813" s="91"/>
      <c r="GV1813" s="91"/>
      <c r="GW1813" s="91"/>
      <c r="GX1813" s="91"/>
      <c r="GY1813" s="91"/>
      <c r="GZ1813" s="91"/>
      <c r="HA1813" s="91"/>
      <c r="HB1813" s="91"/>
      <c r="HC1813" s="91"/>
      <c r="HD1813" s="91"/>
      <c r="HE1813" s="91"/>
      <c r="HF1813" s="91"/>
      <c r="HG1813" s="91"/>
      <c r="HH1813" s="91"/>
      <c r="HI1813" s="91"/>
      <c r="HJ1813" s="91"/>
      <c r="HK1813" s="127"/>
      <c r="HL1813" s="126"/>
      <c r="HM1813" s="91"/>
      <c r="HN1813" s="91"/>
      <c r="HO1813" s="91"/>
      <c r="HP1813" s="91"/>
      <c r="HQ1813" s="91"/>
      <c r="HR1813" s="91"/>
      <c r="HS1813" s="91"/>
      <c r="HT1813" s="91"/>
      <c r="HU1813" s="91"/>
      <c r="HV1813" s="91"/>
      <c r="HW1813" s="91"/>
      <c r="HX1813" s="91"/>
      <c r="HY1813" s="91"/>
      <c r="HZ1813" s="91"/>
      <c r="IA1813" s="91"/>
      <c r="IB1813" s="91"/>
      <c r="IC1813" s="91"/>
      <c r="ID1813" s="91"/>
      <c r="IE1813" s="91"/>
      <c r="IF1813" s="91"/>
      <c r="IG1813" s="91"/>
      <c r="IH1813" s="91"/>
      <c r="II1813" s="91"/>
      <c r="IJ1813" s="91"/>
      <c r="IK1813" s="127"/>
    </row>
    <row r="1814" spans="2:245" ht="13.5" thickBot="1" x14ac:dyDescent="0.25">
      <c r="B1814" s="43"/>
      <c r="C1814" s="73"/>
      <c r="D1814" s="64"/>
      <c r="E1814" s="64"/>
      <c r="F1814" s="55"/>
      <c r="G1814" s="102"/>
      <c r="H1814" s="55"/>
      <c r="I1814" s="55"/>
      <c r="J1814" s="55"/>
      <c r="K1814" s="55"/>
      <c r="L1814" s="55"/>
      <c r="M1814" s="55"/>
      <c r="N1814" s="55"/>
      <c r="O1814" s="55"/>
      <c r="P1814" s="55"/>
      <c r="Q1814" s="55"/>
      <c r="R1814" s="55"/>
      <c r="S1814" s="55"/>
      <c r="T1814" s="55"/>
      <c r="U1814" s="55"/>
      <c r="V1814" s="55"/>
      <c r="W1814" s="55"/>
      <c r="X1814" s="55"/>
      <c r="Y1814" s="55"/>
      <c r="Z1814" s="55"/>
      <c r="AA1814" s="55"/>
      <c r="AB1814" s="55"/>
      <c r="AC1814" s="55"/>
      <c r="AD1814" s="55"/>
      <c r="AE1814" s="55"/>
      <c r="AF1814" s="55"/>
      <c r="AG1814" s="55"/>
      <c r="AY1814" s="162"/>
      <c r="AZ1814" s="162"/>
      <c r="BA1814" s="162"/>
      <c r="BB1814" s="162"/>
      <c r="BC1814" s="162"/>
      <c r="BD1814" s="162"/>
      <c r="BE1814" s="162"/>
      <c r="BF1814" s="162"/>
      <c r="BG1814" s="162"/>
      <c r="BH1814" s="162"/>
      <c r="BI1814" s="162"/>
      <c r="BJ1814" s="162"/>
      <c r="BK1814" s="162"/>
      <c r="BL1814" s="162"/>
      <c r="BM1814" s="162"/>
      <c r="BN1814" s="162"/>
      <c r="BO1814" s="162"/>
      <c r="BP1814" s="162"/>
      <c r="BQ1814" s="162"/>
      <c r="BR1814" s="162"/>
      <c r="BS1814" s="162"/>
      <c r="BT1814" s="162"/>
      <c r="BU1814" s="162"/>
      <c r="BV1814" s="162"/>
      <c r="BW1814" s="162"/>
      <c r="BX1814" s="162"/>
      <c r="BY1814" s="162"/>
      <c r="BZ1814" s="162"/>
      <c r="CA1814" s="162"/>
      <c r="CB1814" s="162"/>
      <c r="CC1814" s="162"/>
      <c r="CD1814" s="162"/>
      <c r="CE1814" s="162"/>
      <c r="CF1814" s="162"/>
      <c r="CG1814" s="162"/>
      <c r="CH1814" s="162"/>
      <c r="CI1814" s="162"/>
      <c r="CJ1814" s="162"/>
      <c r="CK1814" s="162"/>
      <c r="CX1814" s="98"/>
      <c r="DL1814" s="97"/>
      <c r="DX1814" s="98"/>
      <c r="EL1814" s="97"/>
      <c r="EX1814" s="98"/>
      <c r="EY1814" s="97"/>
      <c r="FL1814" s="126"/>
      <c r="FM1814" s="91"/>
      <c r="FN1814" s="91"/>
      <c r="FO1814" s="91"/>
      <c r="FP1814" s="91"/>
      <c r="FQ1814" s="91"/>
      <c r="FR1814" s="91"/>
      <c r="FS1814" s="91"/>
      <c r="FT1814" s="91"/>
      <c r="FU1814" s="91"/>
      <c r="FV1814" s="91"/>
      <c r="FW1814" s="91"/>
      <c r="FX1814" s="91"/>
      <c r="FY1814" s="91"/>
      <c r="FZ1814" s="91"/>
      <c r="GA1814" s="91"/>
      <c r="GB1814" s="91"/>
      <c r="GC1814" s="91"/>
      <c r="GD1814" s="91"/>
      <c r="GE1814" s="91"/>
      <c r="GF1814" s="91"/>
      <c r="GG1814" s="91"/>
      <c r="GH1814" s="91"/>
      <c r="GI1814" s="91"/>
      <c r="GJ1814" s="91"/>
      <c r="GK1814" s="127"/>
      <c r="GL1814" s="126"/>
      <c r="GM1814" s="91"/>
      <c r="GN1814" s="91"/>
      <c r="GO1814" s="91"/>
      <c r="GP1814" s="91"/>
      <c r="GQ1814" s="91"/>
      <c r="GR1814" s="91"/>
      <c r="GS1814" s="91"/>
      <c r="GT1814" s="91"/>
      <c r="GU1814" s="91"/>
      <c r="GV1814" s="91"/>
      <c r="GW1814" s="91"/>
      <c r="GX1814" s="91"/>
      <c r="GY1814" s="91"/>
      <c r="GZ1814" s="91"/>
      <c r="HA1814" s="91"/>
      <c r="HB1814" s="91"/>
      <c r="HC1814" s="91"/>
      <c r="HD1814" s="91"/>
      <c r="HE1814" s="91"/>
      <c r="HF1814" s="91"/>
      <c r="HG1814" s="91"/>
      <c r="HH1814" s="91"/>
      <c r="HI1814" s="91"/>
      <c r="HJ1814" s="91"/>
      <c r="HK1814" s="127"/>
      <c r="HL1814" s="126"/>
      <c r="HM1814" s="91"/>
      <c r="HN1814" s="91"/>
      <c r="HO1814" s="91"/>
      <c r="HP1814" s="91"/>
      <c r="HQ1814" s="91"/>
      <c r="HR1814" s="91"/>
      <c r="HS1814" s="91"/>
      <c r="HT1814" s="91"/>
      <c r="HU1814" s="91"/>
      <c r="HV1814" s="91"/>
      <c r="HW1814" s="91"/>
      <c r="HX1814" s="91"/>
      <c r="HY1814" s="91"/>
      <c r="HZ1814" s="91"/>
      <c r="IA1814" s="91"/>
      <c r="IB1814" s="91"/>
      <c r="IC1814" s="91"/>
      <c r="ID1814" s="91"/>
      <c r="IE1814" s="91"/>
      <c r="IF1814" s="91"/>
      <c r="IG1814" s="91"/>
      <c r="IH1814" s="91"/>
      <c r="II1814" s="91"/>
      <c r="IJ1814" s="91"/>
      <c r="IK1814" s="127"/>
    </row>
    <row r="1815" spans="2:245" x14ac:dyDescent="0.2">
      <c r="B1815" s="43"/>
      <c r="C1815" s="73"/>
      <c r="D1815" s="64"/>
      <c r="E1815" s="64"/>
      <c r="F1815" s="55"/>
      <c r="G1815" s="102"/>
      <c r="H1815" s="55"/>
      <c r="I1815" s="55"/>
      <c r="J1815" s="55"/>
      <c r="K1815" s="55"/>
      <c r="L1815" s="55"/>
      <c r="M1815" s="55"/>
      <c r="N1815" s="55"/>
      <c r="O1815" s="55"/>
      <c r="P1815" s="55"/>
      <c r="Q1815" s="55"/>
      <c r="R1815" s="55"/>
      <c r="S1815" s="55"/>
      <c r="T1815" s="55"/>
      <c r="U1815" s="55"/>
      <c r="V1815" s="55"/>
      <c r="W1815" s="55"/>
      <c r="X1815" s="55"/>
      <c r="Y1815" s="55"/>
      <c r="Z1815" s="55"/>
      <c r="AA1815" s="55"/>
      <c r="AB1815" s="55"/>
      <c r="AC1815" s="55"/>
      <c r="AD1815" s="55"/>
      <c r="AE1815" s="55"/>
      <c r="AF1815" s="55"/>
      <c r="AG1815" s="55"/>
      <c r="AY1815" s="162"/>
      <c r="AZ1815" s="162"/>
      <c r="BA1815" s="162"/>
      <c r="BB1815" s="162"/>
      <c r="BC1815" s="162"/>
      <c r="BD1815" s="162"/>
      <c r="BE1815" s="162"/>
      <c r="BF1815" s="162"/>
      <c r="BG1815" s="162"/>
      <c r="BH1815" s="162"/>
      <c r="BI1815" s="162"/>
      <c r="BJ1815" s="162"/>
      <c r="BK1815" s="162"/>
      <c r="BL1815" s="162"/>
      <c r="BM1815" s="162"/>
      <c r="BN1815" s="162"/>
      <c r="BO1815" s="162"/>
      <c r="BP1815" s="162"/>
      <c r="BQ1815" s="162"/>
      <c r="BR1815" s="162"/>
      <c r="BS1815" s="162"/>
      <c r="BT1815" s="162"/>
      <c r="BU1815" s="162"/>
      <c r="BV1815" s="162"/>
      <c r="BW1815" s="162"/>
      <c r="BX1815" s="162"/>
      <c r="BY1815" s="162"/>
      <c r="BZ1815" s="162"/>
      <c r="CA1815" s="162"/>
      <c r="CB1815" s="162"/>
      <c r="CC1815" s="162"/>
      <c r="CD1815" s="162"/>
      <c r="CE1815" s="162"/>
      <c r="CF1815" s="162"/>
      <c r="CG1815" s="162"/>
      <c r="CH1815" s="162"/>
      <c r="CI1815" s="162"/>
      <c r="CJ1815" s="162"/>
      <c r="CK1815" s="162"/>
      <c r="CL1815" s="163"/>
      <c r="CM1815" s="163"/>
      <c r="CN1815" s="163"/>
      <c r="CO1815" s="163"/>
      <c r="CP1815" s="163"/>
      <c r="CQ1815" s="163"/>
      <c r="CR1815" s="163"/>
      <c r="CS1815" s="163"/>
      <c r="CT1815" s="163"/>
      <c r="CU1815" s="163"/>
      <c r="CV1815" s="163"/>
      <c r="CW1815" s="163"/>
      <c r="CX1815" s="173"/>
      <c r="CY1815" s="163"/>
      <c r="CZ1815" s="163"/>
      <c r="DA1815" s="163"/>
      <c r="DB1815" s="163"/>
      <c r="DC1815" s="163"/>
      <c r="DD1815" s="163"/>
      <c r="DE1815" s="163"/>
      <c r="DF1815" s="163"/>
      <c r="DG1815" s="163"/>
      <c r="DH1815" s="163"/>
      <c r="DI1815" s="163"/>
      <c r="DJ1815" s="163"/>
      <c r="DK1815" s="163"/>
      <c r="DL1815" s="172"/>
      <c r="DM1815" s="163"/>
      <c r="DN1815" s="163"/>
      <c r="DO1815" s="163"/>
      <c r="DP1815" s="163"/>
      <c r="DQ1815" s="163"/>
      <c r="DR1815" s="163"/>
      <c r="DS1815" s="163"/>
      <c r="DT1815" s="163"/>
      <c r="DU1815" s="163"/>
      <c r="DV1815" s="163"/>
      <c r="DW1815" s="163"/>
      <c r="DX1815" s="173"/>
      <c r="DY1815" s="163"/>
      <c r="DZ1815" s="163"/>
      <c r="EA1815" s="163"/>
      <c r="EB1815" s="163"/>
      <c r="EC1815" s="163"/>
      <c r="ED1815" s="163"/>
      <c r="EE1815" s="163"/>
      <c r="EF1815" s="163"/>
      <c r="EG1815" s="163"/>
      <c r="EH1815" s="163"/>
      <c r="EI1815" s="163"/>
      <c r="EJ1815" s="163"/>
      <c r="EK1815" s="163"/>
      <c r="EL1815" s="172"/>
      <c r="EM1815" s="163"/>
      <c r="EN1815" s="163"/>
      <c r="EO1815" s="163"/>
      <c r="EP1815" s="163"/>
      <c r="EQ1815" s="163"/>
      <c r="ER1815" s="163"/>
      <c r="ES1815" s="163"/>
      <c r="ET1815" s="163"/>
      <c r="EU1815" s="163"/>
      <c r="EV1815" s="163"/>
      <c r="EW1815" s="163"/>
      <c r="EX1815" s="173"/>
      <c r="EY1815" s="172"/>
      <c r="EZ1815" s="163"/>
      <c r="FA1815" s="163"/>
      <c r="FB1815" s="163"/>
      <c r="FC1815" s="163"/>
      <c r="FD1815" s="163"/>
      <c r="FE1815" s="163"/>
      <c r="FF1815" s="163"/>
      <c r="FG1815" s="163"/>
      <c r="FH1815" s="163"/>
      <c r="FI1815" s="163"/>
      <c r="FJ1815" s="163"/>
      <c r="FK1815" s="163"/>
      <c r="FL1815" s="126"/>
      <c r="FM1815" s="91"/>
      <c r="FN1815" s="91"/>
      <c r="FO1815" s="91"/>
      <c r="FP1815" s="91"/>
      <c r="FQ1815" s="91"/>
      <c r="FR1815" s="91"/>
      <c r="FS1815" s="91"/>
      <c r="FT1815" s="91"/>
      <c r="FU1815" s="91"/>
      <c r="FV1815" s="91"/>
      <c r="FW1815" s="91"/>
      <c r="FX1815" s="91"/>
      <c r="FY1815" s="91"/>
      <c r="FZ1815" s="91"/>
      <c r="GA1815" s="91"/>
      <c r="GB1815" s="91"/>
      <c r="GC1815" s="91"/>
      <c r="GD1815" s="91"/>
      <c r="GE1815" s="91"/>
      <c r="GF1815" s="91"/>
      <c r="GG1815" s="91"/>
      <c r="GH1815" s="91"/>
      <c r="GI1815" s="91"/>
      <c r="GJ1815" s="91"/>
      <c r="GK1815" s="127"/>
      <c r="GL1815" s="126"/>
      <c r="GM1815" s="91"/>
      <c r="GN1815" s="91"/>
      <c r="GO1815" s="91"/>
      <c r="GP1815" s="91"/>
      <c r="GQ1815" s="91"/>
      <c r="GR1815" s="91"/>
      <c r="GS1815" s="91"/>
      <c r="GT1815" s="91"/>
      <c r="GU1815" s="91"/>
      <c r="GV1815" s="91"/>
      <c r="GW1815" s="91"/>
      <c r="GX1815" s="91"/>
      <c r="GY1815" s="91"/>
      <c r="GZ1815" s="91"/>
      <c r="HA1815" s="91"/>
      <c r="HB1815" s="91"/>
      <c r="HC1815" s="91"/>
      <c r="HD1815" s="91"/>
      <c r="HE1815" s="91"/>
      <c r="HF1815" s="91"/>
      <c r="HG1815" s="91"/>
      <c r="HH1815" s="91"/>
      <c r="HI1815" s="91"/>
      <c r="HJ1815" s="91"/>
      <c r="HK1815" s="127"/>
      <c r="HL1815" s="126"/>
      <c r="HM1815" s="91"/>
      <c r="HN1815" s="91"/>
      <c r="HO1815" s="91"/>
      <c r="HP1815" s="91"/>
      <c r="HQ1815" s="91"/>
      <c r="HR1815" s="91"/>
      <c r="HS1815" s="91"/>
      <c r="HT1815" s="91"/>
      <c r="HU1815" s="91"/>
      <c r="HV1815" s="91"/>
      <c r="HW1815" s="91"/>
      <c r="HX1815" s="91"/>
      <c r="HY1815" s="91"/>
      <c r="HZ1815" s="91"/>
      <c r="IA1815" s="91"/>
      <c r="IB1815" s="91"/>
      <c r="IC1815" s="91"/>
      <c r="ID1815" s="91"/>
      <c r="IE1815" s="91"/>
      <c r="IF1815" s="91"/>
      <c r="IG1815" s="91"/>
      <c r="IH1815" s="91"/>
      <c r="II1815" s="91"/>
      <c r="IJ1815" s="91"/>
      <c r="IK1815" s="127"/>
    </row>
    <row r="1816" spans="2:245" ht="13.5" thickBot="1" x14ac:dyDescent="0.25">
      <c r="B1816" s="43"/>
      <c r="C1816" s="73"/>
      <c r="D1816" s="64"/>
      <c r="E1816" s="64"/>
      <c r="F1816" s="55"/>
      <c r="G1816" s="102"/>
      <c r="H1816" s="55"/>
      <c r="I1816" s="55"/>
      <c r="J1816" s="55"/>
      <c r="K1816" s="55"/>
      <c r="L1816" s="55"/>
      <c r="M1816" s="55"/>
      <c r="N1816" s="55"/>
      <c r="O1816" s="55"/>
      <c r="P1816" s="55"/>
      <c r="Q1816" s="55"/>
      <c r="R1816" s="55"/>
      <c r="S1816" s="55"/>
      <c r="T1816" s="55"/>
      <c r="U1816" s="55"/>
      <c r="V1816" s="55"/>
      <c r="W1816" s="55"/>
      <c r="X1816" s="55"/>
      <c r="Y1816" s="55"/>
      <c r="Z1816" s="55"/>
      <c r="AA1816" s="55"/>
      <c r="AB1816" s="55"/>
      <c r="AC1816" s="55"/>
      <c r="AD1816" s="55"/>
      <c r="AE1816" s="55"/>
      <c r="AF1816" s="55"/>
      <c r="AG1816" s="55"/>
      <c r="AY1816" s="162"/>
      <c r="AZ1816" s="162"/>
      <c r="BA1816" s="162"/>
      <c r="BB1816" s="162"/>
      <c r="BC1816" s="162"/>
      <c r="BD1816" s="162"/>
      <c r="BE1816" s="162"/>
      <c r="BF1816" s="162"/>
      <c r="BG1816" s="162"/>
      <c r="BH1816" s="162"/>
      <c r="BI1816" s="162"/>
      <c r="BJ1816" s="162"/>
      <c r="BK1816" s="162"/>
      <c r="BL1816" s="162"/>
      <c r="BM1816" s="162"/>
      <c r="BN1816" s="162"/>
      <c r="BO1816" s="162"/>
      <c r="BP1816" s="162"/>
      <c r="BQ1816" s="162"/>
      <c r="BR1816" s="162"/>
      <c r="BS1816" s="162"/>
      <c r="BT1816" s="162"/>
      <c r="BU1816" s="162"/>
      <c r="BV1816" s="162"/>
      <c r="BW1816" s="162"/>
      <c r="BX1816" s="162"/>
      <c r="BY1816" s="162"/>
      <c r="BZ1816" s="162"/>
      <c r="CA1816" s="162"/>
      <c r="CB1816" s="162"/>
      <c r="CC1816" s="162"/>
      <c r="CD1816" s="162"/>
      <c r="CE1816" s="162"/>
      <c r="CF1816" s="162"/>
      <c r="CG1816" s="162"/>
      <c r="CH1816" s="162"/>
      <c r="CI1816" s="162"/>
      <c r="CJ1816" s="162"/>
      <c r="CK1816" s="162"/>
      <c r="CL1816" s="166"/>
      <c r="CM1816" s="166"/>
      <c r="CN1816" s="166"/>
      <c r="CO1816" s="166"/>
      <c r="CP1816" s="166"/>
      <c r="CQ1816" s="166"/>
      <c r="CR1816" s="166"/>
      <c r="CS1816" s="166"/>
      <c r="CT1816" s="166"/>
      <c r="CU1816" s="166"/>
      <c r="CV1816" s="166"/>
      <c r="CW1816" s="166"/>
      <c r="CX1816" s="176"/>
      <c r="CY1816" s="166"/>
      <c r="CZ1816" s="166"/>
      <c r="DA1816" s="166"/>
      <c r="DB1816" s="166"/>
      <c r="DC1816" s="166"/>
      <c r="DD1816" s="166"/>
      <c r="DE1816" s="166"/>
      <c r="DF1816" s="166"/>
      <c r="DG1816" s="166"/>
      <c r="DH1816" s="166"/>
      <c r="DI1816" s="166"/>
      <c r="DJ1816" s="166"/>
      <c r="DK1816" s="166"/>
      <c r="DL1816" s="175"/>
      <c r="DM1816" s="166"/>
      <c r="DN1816" s="166"/>
      <c r="DO1816" s="166"/>
      <c r="DP1816" s="166"/>
      <c r="DQ1816" s="166"/>
      <c r="DR1816" s="166"/>
      <c r="DS1816" s="166"/>
      <c r="DT1816" s="166"/>
      <c r="DU1816" s="166"/>
      <c r="DV1816" s="166"/>
      <c r="DW1816" s="166"/>
      <c r="DX1816" s="176"/>
      <c r="DY1816" s="166"/>
      <c r="DZ1816" s="166"/>
      <c r="EA1816" s="166"/>
      <c r="EB1816" s="166"/>
      <c r="EC1816" s="166"/>
      <c r="ED1816" s="166"/>
      <c r="EE1816" s="166"/>
      <c r="EF1816" s="166"/>
      <c r="EG1816" s="166"/>
      <c r="EH1816" s="166"/>
      <c r="EI1816" s="166"/>
      <c r="EJ1816" s="166"/>
      <c r="EK1816" s="166"/>
      <c r="EL1816" s="175"/>
      <c r="EM1816" s="166"/>
      <c r="EN1816" s="166"/>
      <c r="EO1816" s="166"/>
      <c r="EP1816" s="166"/>
      <c r="EQ1816" s="166"/>
      <c r="ER1816" s="166"/>
      <c r="ES1816" s="166"/>
      <c r="ET1816" s="166"/>
      <c r="EU1816" s="166"/>
      <c r="EV1816" s="166"/>
      <c r="EW1816" s="166"/>
      <c r="EX1816" s="176"/>
      <c r="EY1816" s="175"/>
      <c r="EZ1816" s="166"/>
      <c r="FA1816" s="166"/>
      <c r="FB1816" s="166"/>
      <c r="FC1816" s="166"/>
      <c r="FD1816" s="166"/>
      <c r="FE1816" s="166"/>
      <c r="FF1816" s="166"/>
      <c r="FG1816" s="166"/>
      <c r="FH1816" s="166"/>
      <c r="FI1816" s="166"/>
      <c r="FJ1816" s="166"/>
      <c r="FK1816" s="166"/>
      <c r="FL1816" s="126"/>
      <c r="FM1816" s="91"/>
      <c r="FN1816" s="91"/>
      <c r="FO1816" s="91"/>
      <c r="FP1816" s="91"/>
      <c r="FQ1816" s="91"/>
      <c r="FR1816" s="91"/>
      <c r="FS1816" s="91"/>
      <c r="FT1816" s="91"/>
      <c r="FU1816" s="91"/>
      <c r="FV1816" s="91"/>
      <c r="FW1816" s="91"/>
      <c r="FX1816" s="91"/>
      <c r="FY1816" s="91"/>
      <c r="FZ1816" s="91"/>
      <c r="GA1816" s="91"/>
      <c r="GB1816" s="91"/>
      <c r="GC1816" s="91"/>
      <c r="GD1816" s="91"/>
      <c r="GE1816" s="91"/>
      <c r="GF1816" s="91"/>
      <c r="GG1816" s="91"/>
      <c r="GH1816" s="91"/>
      <c r="GI1816" s="91"/>
      <c r="GJ1816" s="91"/>
      <c r="GK1816" s="127"/>
      <c r="GL1816" s="126"/>
      <c r="GM1816" s="91"/>
      <c r="GN1816" s="91"/>
      <c r="GO1816" s="91"/>
      <c r="GP1816" s="91"/>
      <c r="GQ1816" s="91"/>
      <c r="GR1816" s="91"/>
      <c r="GS1816" s="91"/>
      <c r="GT1816" s="91"/>
      <c r="GU1816" s="91"/>
      <c r="GV1816" s="91"/>
      <c r="GW1816" s="91"/>
      <c r="GX1816" s="91"/>
      <c r="GY1816" s="91"/>
      <c r="GZ1816" s="91"/>
      <c r="HA1816" s="91"/>
      <c r="HB1816" s="91"/>
      <c r="HC1816" s="91"/>
      <c r="HD1816" s="91"/>
      <c r="HE1816" s="91"/>
      <c r="HF1816" s="91"/>
      <c r="HG1816" s="91"/>
      <c r="HH1816" s="91"/>
      <c r="HI1816" s="91"/>
      <c r="HJ1816" s="91"/>
      <c r="HK1816" s="127"/>
      <c r="HL1816" s="126"/>
      <c r="HM1816" s="91"/>
      <c r="HN1816" s="91"/>
      <c r="HO1816" s="91"/>
      <c r="HP1816" s="91"/>
      <c r="HQ1816" s="91"/>
      <c r="HR1816" s="91"/>
      <c r="HS1816" s="91"/>
      <c r="HT1816" s="91"/>
      <c r="HU1816" s="91"/>
      <c r="HV1816" s="91"/>
      <c r="HW1816" s="91"/>
      <c r="HX1816" s="91"/>
      <c r="HY1816" s="91"/>
      <c r="HZ1816" s="91"/>
      <c r="IA1816" s="91"/>
      <c r="IB1816" s="91"/>
      <c r="IC1816" s="91"/>
      <c r="ID1816" s="91"/>
      <c r="IE1816" s="91"/>
      <c r="IF1816" s="91"/>
      <c r="IG1816" s="91"/>
      <c r="IH1816" s="91"/>
      <c r="II1816" s="91"/>
      <c r="IJ1816" s="91"/>
      <c r="IK1816" s="127"/>
    </row>
    <row r="1817" spans="2:245" x14ac:dyDescent="0.2">
      <c r="B1817" s="43"/>
      <c r="C1817" s="73"/>
      <c r="D1817" s="64"/>
      <c r="E1817" s="64"/>
      <c r="F1817" s="55"/>
      <c r="G1817" s="102"/>
      <c r="H1817" s="55"/>
      <c r="I1817" s="55"/>
      <c r="J1817" s="55"/>
      <c r="K1817" s="55"/>
      <c r="L1817" s="55"/>
      <c r="M1817" s="55"/>
      <c r="N1817" s="55"/>
      <c r="O1817" s="55"/>
      <c r="P1817" s="55"/>
      <c r="Q1817" s="55"/>
      <c r="R1817" s="55"/>
      <c r="S1817" s="55"/>
      <c r="T1817" s="55"/>
      <c r="U1817" s="55"/>
      <c r="V1817" s="55"/>
      <c r="W1817" s="55"/>
      <c r="X1817" s="55"/>
      <c r="Y1817" s="55"/>
      <c r="Z1817" s="55"/>
      <c r="AA1817" s="55"/>
      <c r="AB1817" s="55"/>
      <c r="AC1817" s="55"/>
      <c r="AD1817" s="55"/>
      <c r="AE1817" s="55"/>
      <c r="AF1817" s="55"/>
      <c r="AG1817" s="55"/>
      <c r="AY1817" s="162"/>
      <c r="AZ1817" s="162"/>
      <c r="BA1817" s="162"/>
      <c r="BB1817" s="162"/>
      <c r="BC1817" s="162"/>
      <c r="BD1817" s="162"/>
      <c r="BE1817" s="162"/>
      <c r="BF1817" s="162"/>
      <c r="BG1817" s="162"/>
      <c r="BH1817" s="162"/>
      <c r="BI1817" s="162"/>
      <c r="BJ1817" s="162"/>
      <c r="BK1817" s="162"/>
      <c r="BL1817" s="162"/>
      <c r="BM1817" s="162"/>
      <c r="BN1817" s="162"/>
      <c r="BO1817" s="162"/>
      <c r="BP1817" s="162"/>
      <c r="BQ1817" s="162"/>
      <c r="BR1817" s="162"/>
      <c r="BS1817" s="162"/>
      <c r="BT1817" s="162"/>
      <c r="BU1817" s="162"/>
      <c r="BV1817" s="162"/>
      <c r="BW1817" s="162"/>
      <c r="BX1817" s="162"/>
      <c r="BY1817" s="162"/>
      <c r="BZ1817" s="162"/>
      <c r="CA1817" s="162"/>
      <c r="CB1817" s="162"/>
      <c r="CC1817" s="162"/>
      <c r="CD1817" s="162"/>
      <c r="CE1817" s="162"/>
      <c r="CF1817" s="162"/>
      <c r="CG1817" s="162"/>
      <c r="CH1817" s="162"/>
      <c r="CI1817" s="162"/>
      <c r="CJ1817" s="162"/>
      <c r="CK1817" s="162"/>
      <c r="CX1817" s="98"/>
      <c r="DL1817" s="97"/>
      <c r="DX1817" s="98"/>
      <c r="EL1817" s="97"/>
      <c r="EX1817" s="98"/>
      <c r="EY1817" s="97"/>
      <c r="FL1817" s="126"/>
      <c r="FM1817" s="91"/>
      <c r="FN1817" s="91"/>
      <c r="FO1817" s="91"/>
      <c r="FP1817" s="91"/>
      <c r="FQ1817" s="91"/>
      <c r="FR1817" s="91"/>
      <c r="FS1817" s="91"/>
      <c r="FT1817" s="91"/>
      <c r="FU1817" s="91"/>
      <c r="FV1817" s="91"/>
      <c r="FW1817" s="91"/>
      <c r="FX1817" s="91"/>
      <c r="FY1817" s="91"/>
      <c r="FZ1817" s="91"/>
      <c r="GA1817" s="91"/>
      <c r="GB1817" s="91"/>
      <c r="GC1817" s="91"/>
      <c r="GD1817" s="91"/>
      <c r="GE1817" s="91"/>
      <c r="GF1817" s="91"/>
      <c r="GG1817" s="91"/>
      <c r="GH1817" s="91"/>
      <c r="GI1817" s="91"/>
      <c r="GJ1817" s="91"/>
      <c r="GK1817" s="127"/>
      <c r="GL1817" s="126"/>
      <c r="GM1817" s="91"/>
      <c r="GN1817" s="91"/>
      <c r="GO1817" s="91"/>
      <c r="GP1817" s="91"/>
      <c r="GQ1817" s="91"/>
      <c r="GR1817" s="91"/>
      <c r="GS1817" s="91"/>
      <c r="GT1817" s="91"/>
      <c r="GU1817" s="91"/>
      <c r="GV1817" s="91"/>
      <c r="GW1817" s="91"/>
      <c r="GX1817" s="91"/>
      <c r="GY1817" s="91"/>
      <c r="GZ1817" s="91"/>
      <c r="HA1817" s="91"/>
      <c r="HB1817" s="91"/>
      <c r="HC1817" s="91"/>
      <c r="HD1817" s="91"/>
      <c r="HE1817" s="91"/>
      <c r="HF1817" s="91"/>
      <c r="HG1817" s="91"/>
      <c r="HH1817" s="91"/>
      <c r="HI1817" s="91"/>
      <c r="HJ1817" s="91"/>
      <c r="HK1817" s="127"/>
      <c r="HL1817" s="126"/>
      <c r="HM1817" s="91"/>
      <c r="HN1817" s="91"/>
      <c r="HO1817" s="91"/>
      <c r="HP1817" s="91"/>
      <c r="HQ1817" s="91"/>
      <c r="HR1817" s="91"/>
      <c r="HS1817" s="91"/>
      <c r="HT1817" s="91"/>
      <c r="HU1817" s="91"/>
      <c r="HV1817" s="91"/>
      <c r="HW1817" s="91"/>
      <c r="HX1817" s="91"/>
      <c r="HY1817" s="91"/>
      <c r="HZ1817" s="91"/>
      <c r="IA1817" s="91"/>
      <c r="IB1817" s="91"/>
      <c r="IC1817" s="91"/>
      <c r="ID1817" s="91"/>
      <c r="IE1817" s="91"/>
      <c r="IF1817" s="91"/>
      <c r="IG1817" s="91"/>
      <c r="IH1817" s="91"/>
      <c r="II1817" s="91"/>
      <c r="IJ1817" s="91"/>
      <c r="IK1817" s="127"/>
    </row>
    <row r="1818" spans="2:245" ht="13.5" thickBot="1" x14ac:dyDescent="0.25">
      <c r="B1818" s="43"/>
      <c r="C1818" s="73"/>
      <c r="D1818" s="64"/>
      <c r="E1818" s="64"/>
      <c r="F1818" s="55"/>
      <c r="G1818" s="102"/>
      <c r="H1818" s="55"/>
      <c r="I1818" s="55"/>
      <c r="J1818" s="55"/>
      <c r="K1818" s="55"/>
      <c r="L1818" s="55"/>
      <c r="M1818" s="55"/>
      <c r="N1818" s="55"/>
      <c r="O1818" s="55"/>
      <c r="P1818" s="55"/>
      <c r="Q1818" s="55"/>
      <c r="R1818" s="55"/>
      <c r="S1818" s="55"/>
      <c r="T1818" s="55"/>
      <c r="U1818" s="55"/>
      <c r="V1818" s="55"/>
      <c r="W1818" s="55"/>
      <c r="X1818" s="55"/>
      <c r="Y1818" s="55"/>
      <c r="Z1818" s="55"/>
      <c r="AA1818" s="55"/>
      <c r="AB1818" s="55"/>
      <c r="AC1818" s="55"/>
      <c r="AD1818" s="55"/>
      <c r="AE1818" s="55"/>
      <c r="AF1818" s="55"/>
      <c r="AG1818" s="55"/>
      <c r="AY1818" s="162"/>
      <c r="AZ1818" s="162"/>
      <c r="BA1818" s="162"/>
      <c r="BB1818" s="162"/>
      <c r="BC1818" s="162"/>
      <c r="BD1818" s="162"/>
      <c r="BE1818" s="162"/>
      <c r="BF1818" s="162"/>
      <c r="BG1818" s="162"/>
      <c r="BH1818" s="162"/>
      <c r="BI1818" s="162"/>
      <c r="BJ1818" s="162"/>
      <c r="BK1818" s="162"/>
      <c r="BL1818" s="162"/>
      <c r="BM1818" s="162"/>
      <c r="BN1818" s="162"/>
      <c r="BO1818" s="162"/>
      <c r="BP1818" s="162"/>
      <c r="BQ1818" s="162"/>
      <c r="BR1818" s="162"/>
      <c r="BS1818" s="162"/>
      <c r="BT1818" s="162"/>
      <c r="BU1818" s="162"/>
      <c r="BV1818" s="162"/>
      <c r="BW1818" s="162"/>
      <c r="BX1818" s="162"/>
      <c r="BY1818" s="162"/>
      <c r="BZ1818" s="162"/>
      <c r="CA1818" s="162"/>
      <c r="CB1818" s="162"/>
      <c r="CC1818" s="162"/>
      <c r="CD1818" s="162"/>
      <c r="CE1818" s="162"/>
      <c r="CF1818" s="162"/>
      <c r="CG1818" s="162"/>
      <c r="CH1818" s="162"/>
      <c r="CI1818" s="162"/>
      <c r="CJ1818" s="162"/>
      <c r="CK1818" s="162"/>
      <c r="CX1818" s="98"/>
      <c r="DL1818" s="97"/>
      <c r="DX1818" s="98"/>
      <c r="EL1818" s="97"/>
      <c r="EX1818" s="98"/>
      <c r="EY1818" s="97"/>
      <c r="FL1818" s="126"/>
      <c r="FM1818" s="91"/>
      <c r="FN1818" s="91"/>
      <c r="FO1818" s="91"/>
      <c r="FP1818" s="91"/>
      <c r="FQ1818" s="91"/>
      <c r="FR1818" s="91"/>
      <c r="FS1818" s="91"/>
      <c r="FT1818" s="91"/>
      <c r="FU1818" s="91"/>
      <c r="FV1818" s="91"/>
      <c r="FW1818" s="91"/>
      <c r="FX1818" s="91"/>
      <c r="FY1818" s="91"/>
      <c r="FZ1818" s="91"/>
      <c r="GA1818" s="91"/>
      <c r="GB1818" s="91"/>
      <c r="GC1818" s="91"/>
      <c r="GD1818" s="91"/>
      <c r="GE1818" s="91"/>
      <c r="GF1818" s="91"/>
      <c r="GG1818" s="91"/>
      <c r="GH1818" s="91"/>
      <c r="GI1818" s="91"/>
      <c r="GJ1818" s="91"/>
      <c r="GK1818" s="127"/>
      <c r="GL1818" s="126"/>
      <c r="GM1818" s="91"/>
      <c r="GN1818" s="91"/>
      <c r="GO1818" s="91"/>
      <c r="GP1818" s="91"/>
      <c r="GQ1818" s="91"/>
      <c r="GR1818" s="91"/>
      <c r="GS1818" s="91"/>
      <c r="GT1818" s="91"/>
      <c r="GU1818" s="91"/>
      <c r="GV1818" s="91"/>
      <c r="GW1818" s="91"/>
      <c r="GX1818" s="91"/>
      <c r="GY1818" s="91"/>
      <c r="GZ1818" s="91"/>
      <c r="HA1818" s="91"/>
      <c r="HB1818" s="91"/>
      <c r="HC1818" s="91"/>
      <c r="HD1818" s="91"/>
      <c r="HE1818" s="91"/>
      <c r="HF1818" s="91"/>
      <c r="HG1818" s="91"/>
      <c r="HH1818" s="91"/>
      <c r="HI1818" s="91"/>
      <c r="HJ1818" s="91"/>
      <c r="HK1818" s="127"/>
      <c r="HL1818" s="126"/>
      <c r="HM1818" s="91"/>
      <c r="HN1818" s="91"/>
      <c r="HO1818" s="91"/>
      <c r="HP1818" s="91"/>
      <c r="HQ1818" s="91"/>
      <c r="HR1818" s="91"/>
      <c r="HS1818" s="91"/>
      <c r="HT1818" s="91"/>
      <c r="HU1818" s="91"/>
      <c r="HV1818" s="91"/>
      <c r="HW1818" s="91"/>
      <c r="HX1818" s="91"/>
      <c r="HY1818" s="91"/>
      <c r="HZ1818" s="91"/>
      <c r="IA1818" s="91"/>
      <c r="IB1818" s="91"/>
      <c r="IC1818" s="91"/>
      <c r="ID1818" s="91"/>
      <c r="IE1818" s="91"/>
      <c r="IF1818" s="91"/>
      <c r="IG1818" s="91"/>
      <c r="IH1818" s="91"/>
      <c r="II1818" s="91"/>
      <c r="IJ1818" s="91"/>
      <c r="IK1818" s="127"/>
    </row>
    <row r="1819" spans="2:245" x14ac:dyDescent="0.2">
      <c r="B1819" s="43"/>
      <c r="C1819" s="73"/>
      <c r="D1819" s="64"/>
      <c r="E1819" s="64"/>
      <c r="F1819" s="55"/>
      <c r="G1819" s="102"/>
      <c r="H1819" s="55"/>
      <c r="I1819" s="55"/>
      <c r="J1819" s="55"/>
      <c r="K1819" s="55"/>
      <c r="L1819" s="55"/>
      <c r="M1819" s="55"/>
      <c r="N1819" s="55"/>
      <c r="O1819" s="55"/>
      <c r="P1819" s="55"/>
      <c r="Q1819" s="55"/>
      <c r="R1819" s="55"/>
      <c r="S1819" s="55"/>
      <c r="T1819" s="55"/>
      <c r="U1819" s="55"/>
      <c r="V1819" s="55"/>
      <c r="W1819" s="55"/>
      <c r="X1819" s="55"/>
      <c r="Y1819" s="55"/>
      <c r="Z1819" s="55"/>
      <c r="AA1819" s="55"/>
      <c r="AB1819" s="55"/>
      <c r="AC1819" s="55"/>
      <c r="AD1819" s="55"/>
      <c r="AE1819" s="55"/>
      <c r="AF1819" s="55"/>
      <c r="AG1819" s="55"/>
      <c r="AY1819" s="162"/>
      <c r="AZ1819" s="162"/>
      <c r="BA1819" s="162"/>
      <c r="BB1819" s="162"/>
      <c r="BC1819" s="162"/>
      <c r="BD1819" s="162"/>
      <c r="BE1819" s="162"/>
      <c r="BF1819" s="162"/>
      <c r="BG1819" s="162"/>
      <c r="BH1819" s="162"/>
      <c r="BI1819" s="162"/>
      <c r="BJ1819" s="162"/>
      <c r="BK1819" s="162"/>
      <c r="BL1819" s="162"/>
      <c r="BM1819" s="162"/>
      <c r="BN1819" s="162"/>
      <c r="BO1819" s="162"/>
      <c r="BP1819" s="162"/>
      <c r="BQ1819" s="162"/>
      <c r="BR1819" s="162"/>
      <c r="BS1819" s="162"/>
      <c r="BT1819" s="162"/>
      <c r="BU1819" s="162"/>
      <c r="BV1819" s="162"/>
      <c r="BW1819" s="162"/>
      <c r="BX1819" s="162"/>
      <c r="BY1819" s="162"/>
      <c r="BZ1819" s="162"/>
      <c r="CA1819" s="162"/>
      <c r="CB1819" s="162"/>
      <c r="CC1819" s="162"/>
      <c r="CD1819" s="162"/>
      <c r="CE1819" s="162"/>
      <c r="CF1819" s="162"/>
      <c r="CG1819" s="162"/>
      <c r="CH1819" s="162"/>
      <c r="CI1819" s="162"/>
      <c r="CJ1819" s="162"/>
      <c r="CK1819" s="162"/>
      <c r="CL1819" s="163"/>
      <c r="CM1819" s="163"/>
      <c r="CN1819" s="163"/>
      <c r="CO1819" s="163"/>
      <c r="CP1819" s="163"/>
      <c r="CQ1819" s="163"/>
      <c r="CR1819" s="163"/>
      <c r="CS1819" s="163"/>
      <c r="CT1819" s="163"/>
      <c r="CU1819" s="163"/>
      <c r="CV1819" s="163"/>
      <c r="CW1819" s="163"/>
      <c r="CX1819" s="173"/>
      <c r="CY1819" s="163"/>
      <c r="CZ1819" s="163"/>
      <c r="DA1819" s="163"/>
      <c r="DB1819" s="163"/>
      <c r="DC1819" s="163"/>
      <c r="DD1819" s="163"/>
      <c r="DE1819" s="163"/>
      <c r="DF1819" s="163"/>
      <c r="DG1819" s="163"/>
      <c r="DH1819" s="163"/>
      <c r="DI1819" s="163"/>
      <c r="DJ1819" s="163"/>
      <c r="DK1819" s="163"/>
      <c r="DL1819" s="172"/>
      <c r="DM1819" s="163"/>
      <c r="DN1819" s="163"/>
      <c r="DO1819" s="163"/>
      <c r="DP1819" s="163"/>
      <c r="DQ1819" s="163"/>
      <c r="DR1819" s="163"/>
      <c r="DS1819" s="163"/>
      <c r="DT1819" s="163"/>
      <c r="DU1819" s="163"/>
      <c r="DV1819" s="163"/>
      <c r="DW1819" s="163"/>
      <c r="DX1819" s="173"/>
      <c r="DY1819" s="163"/>
      <c r="DZ1819" s="163"/>
      <c r="EA1819" s="163"/>
      <c r="EB1819" s="163"/>
      <c r="EC1819" s="163"/>
      <c r="ED1819" s="163"/>
      <c r="EE1819" s="163"/>
      <c r="EF1819" s="163"/>
      <c r="EG1819" s="163"/>
      <c r="EH1819" s="163"/>
      <c r="EI1819" s="163"/>
      <c r="EJ1819" s="163"/>
      <c r="EK1819" s="163"/>
      <c r="EL1819" s="172"/>
      <c r="EM1819" s="163"/>
      <c r="EN1819" s="163"/>
      <c r="EO1819" s="163"/>
      <c r="EP1819" s="163"/>
      <c r="EQ1819" s="163"/>
      <c r="ER1819" s="163"/>
      <c r="ES1819" s="163"/>
      <c r="ET1819" s="163"/>
      <c r="EU1819" s="163"/>
      <c r="EV1819" s="163"/>
      <c r="EW1819" s="163"/>
      <c r="EX1819" s="173"/>
      <c r="EY1819" s="172"/>
      <c r="EZ1819" s="163"/>
      <c r="FA1819" s="163"/>
      <c r="FB1819" s="163"/>
      <c r="FC1819" s="163"/>
      <c r="FD1819" s="163"/>
      <c r="FE1819" s="163"/>
      <c r="FF1819" s="163"/>
      <c r="FG1819" s="163"/>
      <c r="FH1819" s="163"/>
      <c r="FI1819" s="163"/>
      <c r="FJ1819" s="163"/>
      <c r="FK1819" s="163"/>
      <c r="FL1819" s="126"/>
      <c r="FM1819" s="91"/>
      <c r="FN1819" s="91"/>
      <c r="FO1819" s="91"/>
      <c r="FP1819" s="91"/>
      <c r="FQ1819" s="91"/>
      <c r="FR1819" s="91"/>
      <c r="FS1819" s="91"/>
      <c r="FT1819" s="91"/>
      <c r="FU1819" s="91"/>
      <c r="FV1819" s="91"/>
      <c r="FW1819" s="91"/>
      <c r="FX1819" s="91"/>
      <c r="FY1819" s="91"/>
      <c r="FZ1819" s="91"/>
      <c r="GA1819" s="91"/>
      <c r="GB1819" s="91"/>
      <c r="GC1819" s="91"/>
      <c r="GD1819" s="91"/>
      <c r="GE1819" s="91"/>
      <c r="GF1819" s="91"/>
      <c r="GG1819" s="91"/>
      <c r="GH1819" s="91"/>
      <c r="GI1819" s="91"/>
      <c r="GJ1819" s="91"/>
      <c r="GK1819" s="127"/>
      <c r="GL1819" s="126"/>
      <c r="GM1819" s="91"/>
      <c r="GN1819" s="91"/>
      <c r="GO1819" s="91"/>
      <c r="GP1819" s="91"/>
      <c r="GQ1819" s="91"/>
      <c r="GR1819" s="91"/>
      <c r="GS1819" s="91"/>
      <c r="GT1819" s="91"/>
      <c r="GU1819" s="91"/>
      <c r="GV1819" s="91"/>
      <c r="GW1819" s="91"/>
      <c r="GX1819" s="91"/>
      <c r="GY1819" s="91"/>
      <c r="GZ1819" s="91"/>
      <c r="HA1819" s="91"/>
      <c r="HB1819" s="91"/>
      <c r="HC1819" s="91"/>
      <c r="HD1819" s="91"/>
      <c r="HE1819" s="91"/>
      <c r="HF1819" s="91"/>
      <c r="HG1819" s="91"/>
      <c r="HH1819" s="91"/>
      <c r="HI1819" s="91"/>
      <c r="HJ1819" s="91"/>
      <c r="HK1819" s="127"/>
      <c r="HL1819" s="126"/>
      <c r="HM1819" s="91"/>
      <c r="HN1819" s="91"/>
      <c r="HO1819" s="91"/>
      <c r="HP1819" s="91"/>
      <c r="HQ1819" s="91"/>
      <c r="HR1819" s="91"/>
      <c r="HS1819" s="91"/>
      <c r="HT1819" s="91"/>
      <c r="HU1819" s="91"/>
      <c r="HV1819" s="91"/>
      <c r="HW1819" s="91"/>
      <c r="HX1819" s="91"/>
      <c r="HY1819" s="91"/>
      <c r="HZ1819" s="91"/>
      <c r="IA1819" s="91"/>
      <c r="IB1819" s="91"/>
      <c r="IC1819" s="91"/>
      <c r="ID1819" s="91"/>
      <c r="IE1819" s="91"/>
      <c r="IF1819" s="91"/>
      <c r="IG1819" s="91"/>
      <c r="IH1819" s="91"/>
      <c r="II1819" s="91"/>
      <c r="IJ1819" s="91"/>
      <c r="IK1819" s="127"/>
    </row>
    <row r="1820" spans="2:245" x14ac:dyDescent="0.2">
      <c r="B1820" s="43"/>
      <c r="C1820" s="73"/>
      <c r="D1820" s="64"/>
      <c r="E1820" s="64"/>
      <c r="F1820" s="55"/>
      <c r="G1820" s="102"/>
      <c r="H1820" s="55"/>
      <c r="I1820" s="55"/>
      <c r="J1820" s="55"/>
      <c r="K1820" s="55"/>
      <c r="L1820" s="55"/>
      <c r="M1820" s="55"/>
      <c r="N1820" s="55"/>
      <c r="O1820" s="55"/>
      <c r="P1820" s="55"/>
      <c r="Q1820" s="55"/>
      <c r="R1820" s="55"/>
      <c r="S1820" s="55"/>
      <c r="T1820" s="55"/>
      <c r="U1820" s="55"/>
      <c r="V1820" s="55"/>
      <c r="W1820" s="55"/>
      <c r="X1820" s="55"/>
      <c r="Y1820" s="55"/>
      <c r="Z1820" s="55"/>
      <c r="AA1820" s="55"/>
      <c r="AB1820" s="55"/>
      <c r="AC1820" s="55"/>
      <c r="AD1820" s="55"/>
      <c r="AE1820" s="55"/>
      <c r="AF1820" s="55"/>
      <c r="AG1820" s="55"/>
      <c r="AY1820" s="162"/>
      <c r="AZ1820" s="162"/>
      <c r="BA1820" s="162"/>
      <c r="BB1820" s="162"/>
      <c r="BC1820" s="162"/>
      <c r="BD1820" s="162"/>
      <c r="BE1820" s="162"/>
      <c r="BF1820" s="162"/>
      <c r="BG1820" s="162"/>
      <c r="BH1820" s="162"/>
      <c r="BI1820" s="162"/>
      <c r="BJ1820" s="162"/>
      <c r="BK1820" s="162"/>
      <c r="BL1820" s="162"/>
      <c r="BM1820" s="162"/>
      <c r="BN1820" s="162"/>
      <c r="BO1820" s="162"/>
      <c r="BP1820" s="162"/>
      <c r="BQ1820" s="162"/>
      <c r="BR1820" s="162"/>
      <c r="BS1820" s="162"/>
      <c r="BT1820" s="162"/>
      <c r="BU1820" s="162"/>
      <c r="BV1820" s="162"/>
      <c r="BW1820" s="162"/>
      <c r="BX1820" s="162"/>
      <c r="BY1820" s="162"/>
      <c r="BZ1820" s="162"/>
      <c r="CA1820" s="162"/>
      <c r="CB1820" s="162"/>
      <c r="CC1820" s="162"/>
      <c r="CD1820" s="162"/>
      <c r="CE1820" s="162"/>
      <c r="CF1820" s="162"/>
      <c r="CG1820" s="162"/>
      <c r="CH1820" s="162"/>
      <c r="CI1820" s="162"/>
      <c r="CJ1820" s="162"/>
      <c r="CK1820" s="162"/>
      <c r="CX1820" s="98"/>
      <c r="DL1820" s="97"/>
      <c r="DX1820" s="98"/>
      <c r="EL1820" s="97"/>
      <c r="EX1820" s="98"/>
      <c r="EY1820" s="97"/>
      <c r="FL1820" s="126"/>
      <c r="FM1820" s="91"/>
      <c r="FN1820" s="91"/>
      <c r="FO1820" s="91"/>
      <c r="FP1820" s="91"/>
      <c r="FQ1820" s="91"/>
      <c r="FR1820" s="91"/>
      <c r="FS1820" s="91"/>
      <c r="FT1820" s="91"/>
      <c r="FU1820" s="91"/>
      <c r="FV1820" s="91"/>
      <c r="FW1820" s="91"/>
      <c r="FX1820" s="91"/>
      <c r="FY1820" s="91"/>
      <c r="FZ1820" s="91"/>
      <c r="GA1820" s="91"/>
      <c r="GB1820" s="91"/>
      <c r="GC1820" s="91"/>
      <c r="GD1820" s="91"/>
      <c r="GE1820" s="91"/>
      <c r="GF1820" s="91"/>
      <c r="GG1820" s="91"/>
      <c r="GH1820" s="91"/>
      <c r="GI1820" s="91"/>
      <c r="GJ1820" s="91"/>
      <c r="GK1820" s="127"/>
      <c r="GL1820" s="126"/>
      <c r="GM1820" s="91"/>
      <c r="GN1820" s="91"/>
      <c r="GO1820" s="91"/>
      <c r="GP1820" s="91"/>
      <c r="GQ1820" s="91"/>
      <c r="GR1820" s="91"/>
      <c r="GS1820" s="91"/>
      <c r="GT1820" s="91"/>
      <c r="GU1820" s="91"/>
      <c r="GV1820" s="91"/>
      <c r="GW1820" s="91"/>
      <c r="GX1820" s="91"/>
      <c r="GY1820" s="91"/>
      <c r="GZ1820" s="91"/>
      <c r="HA1820" s="91"/>
      <c r="HB1820" s="91"/>
      <c r="HC1820" s="91"/>
      <c r="HD1820" s="91"/>
      <c r="HE1820" s="91"/>
      <c r="HF1820" s="91"/>
      <c r="HG1820" s="91"/>
      <c r="HH1820" s="91"/>
      <c r="HI1820" s="91"/>
      <c r="HJ1820" s="91"/>
      <c r="HK1820" s="127"/>
      <c r="HL1820" s="126"/>
      <c r="HM1820" s="91"/>
      <c r="HN1820" s="91"/>
      <c r="HO1820" s="91"/>
      <c r="HP1820" s="91"/>
      <c r="HQ1820" s="91"/>
      <c r="HR1820" s="91"/>
      <c r="HS1820" s="91"/>
      <c r="HT1820" s="91"/>
      <c r="HU1820" s="91"/>
      <c r="HV1820" s="91"/>
      <c r="HW1820" s="91"/>
      <c r="HX1820" s="91"/>
      <c r="HY1820" s="91"/>
      <c r="HZ1820" s="91"/>
      <c r="IA1820" s="91"/>
      <c r="IB1820" s="91"/>
      <c r="IC1820" s="91"/>
      <c r="ID1820" s="91"/>
      <c r="IE1820" s="91"/>
      <c r="IF1820" s="91"/>
      <c r="IG1820" s="91"/>
      <c r="IH1820" s="91"/>
      <c r="II1820" s="91"/>
      <c r="IJ1820" s="91"/>
      <c r="IK1820" s="127"/>
    </row>
    <row r="1821" spans="2:245" x14ac:dyDescent="0.2">
      <c r="B1821" s="43"/>
      <c r="C1821" s="73"/>
      <c r="D1821" s="64"/>
      <c r="E1821" s="64"/>
      <c r="F1821" s="55"/>
      <c r="G1821" s="102"/>
      <c r="H1821" s="55"/>
      <c r="I1821" s="55"/>
      <c r="J1821" s="55"/>
      <c r="K1821" s="55"/>
      <c r="L1821" s="55"/>
      <c r="M1821" s="55"/>
      <c r="N1821" s="55"/>
      <c r="O1821" s="55"/>
      <c r="P1821" s="55"/>
      <c r="Q1821" s="55"/>
      <c r="R1821" s="55"/>
      <c r="S1821" s="55"/>
      <c r="T1821" s="55"/>
      <c r="U1821" s="55"/>
      <c r="V1821" s="55"/>
      <c r="W1821" s="55"/>
      <c r="X1821" s="55"/>
      <c r="Y1821" s="55"/>
      <c r="Z1821" s="55"/>
      <c r="AA1821" s="55"/>
      <c r="AB1821" s="55"/>
      <c r="AC1821" s="55"/>
      <c r="AD1821" s="55"/>
      <c r="AE1821" s="55"/>
      <c r="AF1821" s="55"/>
      <c r="AG1821" s="55"/>
      <c r="AY1821" s="162"/>
      <c r="AZ1821" s="162"/>
      <c r="BA1821" s="162"/>
      <c r="BB1821" s="162"/>
      <c r="BC1821" s="162"/>
      <c r="BD1821" s="162"/>
      <c r="BE1821" s="162"/>
      <c r="BF1821" s="162"/>
      <c r="BG1821" s="162"/>
      <c r="BH1821" s="162"/>
      <c r="BI1821" s="162"/>
      <c r="BJ1821" s="162"/>
      <c r="BK1821" s="162"/>
      <c r="BL1821" s="162"/>
      <c r="BM1821" s="162"/>
      <c r="BN1821" s="162"/>
      <c r="BO1821" s="162"/>
      <c r="BP1821" s="162"/>
      <c r="BQ1821" s="162"/>
      <c r="BR1821" s="162"/>
      <c r="BS1821" s="162"/>
      <c r="BT1821" s="162"/>
      <c r="BU1821" s="162"/>
      <c r="BV1821" s="162"/>
      <c r="BW1821" s="162"/>
      <c r="BX1821" s="162"/>
      <c r="BY1821" s="162"/>
      <c r="BZ1821" s="162"/>
      <c r="CA1821" s="162"/>
      <c r="CB1821" s="162"/>
      <c r="CC1821" s="162"/>
      <c r="CD1821" s="162"/>
      <c r="CE1821" s="162"/>
      <c r="CF1821" s="162"/>
      <c r="CG1821" s="162"/>
      <c r="CH1821" s="162"/>
      <c r="CI1821" s="162"/>
      <c r="CJ1821" s="162"/>
      <c r="CK1821" s="162"/>
      <c r="CX1821" s="98"/>
      <c r="DL1821" s="97"/>
      <c r="DX1821" s="98"/>
      <c r="EL1821" s="97"/>
      <c r="EX1821" s="98"/>
      <c r="EY1821" s="97"/>
      <c r="FL1821" s="126"/>
      <c r="FM1821" s="91"/>
      <c r="FN1821" s="91"/>
      <c r="FO1821" s="91"/>
      <c r="FP1821" s="91"/>
      <c r="FQ1821" s="91"/>
      <c r="FR1821" s="91"/>
      <c r="FS1821" s="91"/>
      <c r="FT1821" s="91"/>
      <c r="FU1821" s="91"/>
      <c r="FV1821" s="91"/>
      <c r="FW1821" s="91"/>
      <c r="FX1821" s="91"/>
      <c r="FY1821" s="91"/>
      <c r="FZ1821" s="91"/>
      <c r="GA1821" s="91"/>
      <c r="GB1821" s="91"/>
      <c r="GC1821" s="91"/>
      <c r="GD1821" s="91"/>
      <c r="GE1821" s="91"/>
      <c r="GF1821" s="91"/>
      <c r="GG1821" s="91"/>
      <c r="GH1821" s="91"/>
      <c r="GI1821" s="91"/>
      <c r="GJ1821" s="91"/>
      <c r="GK1821" s="127"/>
      <c r="GL1821" s="126"/>
      <c r="GM1821" s="91"/>
      <c r="GN1821" s="91"/>
      <c r="GO1821" s="91"/>
      <c r="GP1821" s="91"/>
      <c r="GQ1821" s="91"/>
      <c r="GR1821" s="91"/>
      <c r="GS1821" s="91"/>
      <c r="GT1821" s="91"/>
      <c r="GU1821" s="91"/>
      <c r="GV1821" s="91"/>
      <c r="GW1821" s="91"/>
      <c r="GX1821" s="91"/>
      <c r="GY1821" s="91"/>
      <c r="GZ1821" s="91"/>
      <c r="HA1821" s="91"/>
      <c r="HB1821" s="91"/>
      <c r="HC1821" s="91"/>
      <c r="HD1821" s="91"/>
      <c r="HE1821" s="91"/>
      <c r="HF1821" s="91"/>
      <c r="HG1821" s="91"/>
      <c r="HH1821" s="91"/>
      <c r="HI1821" s="91"/>
      <c r="HJ1821" s="91"/>
      <c r="HK1821" s="127"/>
      <c r="HL1821" s="126"/>
      <c r="HM1821" s="91"/>
      <c r="HN1821" s="91"/>
      <c r="HO1821" s="91"/>
      <c r="HP1821" s="91"/>
      <c r="HQ1821" s="91"/>
      <c r="HR1821" s="91"/>
      <c r="HS1821" s="91"/>
      <c r="HT1821" s="91"/>
      <c r="HU1821" s="91"/>
      <c r="HV1821" s="91"/>
      <c r="HW1821" s="91"/>
      <c r="HX1821" s="91"/>
      <c r="HY1821" s="91"/>
      <c r="HZ1821" s="91"/>
      <c r="IA1821" s="91"/>
      <c r="IB1821" s="91"/>
      <c r="IC1821" s="91"/>
      <c r="ID1821" s="91"/>
      <c r="IE1821" s="91"/>
      <c r="IF1821" s="91"/>
      <c r="IG1821" s="91"/>
      <c r="IH1821" s="91"/>
      <c r="II1821" s="91"/>
      <c r="IJ1821" s="91"/>
      <c r="IK1821" s="127"/>
    </row>
    <row r="1822" spans="2:245" x14ac:dyDescent="0.2">
      <c r="B1822" s="43"/>
      <c r="C1822" s="73"/>
      <c r="D1822" s="64"/>
      <c r="E1822" s="64"/>
      <c r="F1822" s="55"/>
      <c r="G1822" s="102"/>
      <c r="H1822" s="55"/>
      <c r="I1822" s="55"/>
      <c r="J1822" s="55"/>
      <c r="K1822" s="55"/>
      <c r="L1822" s="55"/>
      <c r="M1822" s="55"/>
      <c r="N1822" s="55"/>
      <c r="O1822" s="55"/>
      <c r="P1822" s="55"/>
      <c r="Q1822" s="55"/>
      <c r="R1822" s="55"/>
      <c r="S1822" s="55"/>
      <c r="T1822" s="55"/>
      <c r="U1822" s="55"/>
      <c r="V1822" s="55"/>
      <c r="W1822" s="55"/>
      <c r="X1822" s="55"/>
      <c r="Y1822" s="55"/>
      <c r="Z1822" s="55"/>
      <c r="AA1822" s="55"/>
      <c r="AB1822" s="55"/>
      <c r="AC1822" s="55"/>
      <c r="AD1822" s="55"/>
      <c r="AE1822" s="55"/>
      <c r="AF1822" s="55"/>
      <c r="AG1822" s="55"/>
      <c r="AY1822" s="162"/>
      <c r="AZ1822" s="162"/>
      <c r="BA1822" s="162"/>
      <c r="BB1822" s="162"/>
      <c r="BC1822" s="162"/>
      <c r="BD1822" s="162"/>
      <c r="BE1822" s="162"/>
      <c r="BF1822" s="162"/>
      <c r="BG1822" s="162"/>
      <c r="BH1822" s="162"/>
      <c r="BI1822" s="162"/>
      <c r="BJ1822" s="162"/>
      <c r="BK1822" s="162"/>
      <c r="BL1822" s="162"/>
      <c r="BM1822" s="162"/>
      <c r="BN1822" s="162"/>
      <c r="BO1822" s="162"/>
      <c r="BP1822" s="162"/>
      <c r="BQ1822" s="162"/>
      <c r="BR1822" s="162"/>
      <c r="BS1822" s="162"/>
      <c r="BT1822" s="162"/>
      <c r="BU1822" s="162"/>
      <c r="BV1822" s="162"/>
      <c r="BW1822" s="162"/>
      <c r="BX1822" s="162"/>
      <c r="BY1822" s="162"/>
      <c r="BZ1822" s="162"/>
      <c r="CA1822" s="162"/>
      <c r="CB1822" s="162"/>
      <c r="CC1822" s="162"/>
      <c r="CD1822" s="162"/>
      <c r="CE1822" s="162"/>
      <c r="CF1822" s="162"/>
      <c r="CG1822" s="162"/>
      <c r="CH1822" s="162"/>
      <c r="CI1822" s="162"/>
      <c r="CJ1822" s="162"/>
      <c r="CK1822" s="162"/>
      <c r="CX1822" s="98"/>
      <c r="DL1822" s="97"/>
      <c r="DX1822" s="98"/>
      <c r="EL1822" s="97"/>
      <c r="EX1822" s="98"/>
      <c r="EY1822" s="97"/>
      <c r="FL1822" s="126"/>
      <c r="FM1822" s="91"/>
      <c r="FN1822" s="91"/>
      <c r="FO1822" s="91"/>
      <c r="FP1822" s="91"/>
      <c r="FQ1822" s="91"/>
      <c r="FR1822" s="91"/>
      <c r="FS1822" s="91"/>
      <c r="FT1822" s="91"/>
      <c r="FU1822" s="91"/>
      <c r="FV1822" s="91"/>
      <c r="FW1822" s="91"/>
      <c r="FX1822" s="91"/>
      <c r="FY1822" s="91"/>
      <c r="FZ1822" s="91"/>
      <c r="GA1822" s="91"/>
      <c r="GB1822" s="91"/>
      <c r="GC1822" s="91"/>
      <c r="GD1822" s="91"/>
      <c r="GE1822" s="91"/>
      <c r="GF1822" s="91"/>
      <c r="GG1822" s="91"/>
      <c r="GH1822" s="91"/>
      <c r="GI1822" s="91"/>
      <c r="GJ1822" s="91"/>
      <c r="GK1822" s="127"/>
      <c r="GL1822" s="126"/>
      <c r="GM1822" s="91"/>
      <c r="GN1822" s="91"/>
      <c r="GO1822" s="91"/>
      <c r="GP1822" s="91"/>
      <c r="GQ1822" s="91"/>
      <c r="GR1822" s="91"/>
      <c r="GS1822" s="91"/>
      <c r="GT1822" s="91"/>
      <c r="GU1822" s="91"/>
      <c r="GV1822" s="91"/>
      <c r="GW1822" s="91"/>
      <c r="GX1822" s="91"/>
      <c r="GY1822" s="91"/>
      <c r="GZ1822" s="91"/>
      <c r="HA1822" s="91"/>
      <c r="HB1822" s="91"/>
      <c r="HC1822" s="91"/>
      <c r="HD1822" s="91"/>
      <c r="HE1822" s="91"/>
      <c r="HF1822" s="91"/>
      <c r="HG1822" s="91"/>
      <c r="HH1822" s="91"/>
      <c r="HI1822" s="91"/>
      <c r="HJ1822" s="91"/>
      <c r="HK1822" s="127"/>
      <c r="HL1822" s="126"/>
      <c r="HM1822" s="91"/>
      <c r="HN1822" s="91"/>
      <c r="HO1822" s="91"/>
      <c r="HP1822" s="91"/>
      <c r="HQ1822" s="91"/>
      <c r="HR1822" s="91"/>
      <c r="HS1822" s="91"/>
      <c r="HT1822" s="91"/>
      <c r="HU1822" s="91"/>
      <c r="HV1822" s="91"/>
      <c r="HW1822" s="91"/>
      <c r="HX1822" s="91"/>
      <c r="HY1822" s="91"/>
      <c r="HZ1822" s="91"/>
      <c r="IA1822" s="91"/>
      <c r="IB1822" s="91"/>
      <c r="IC1822" s="91"/>
      <c r="ID1822" s="91"/>
      <c r="IE1822" s="91"/>
      <c r="IF1822" s="91"/>
      <c r="IG1822" s="91"/>
      <c r="IH1822" s="91"/>
      <c r="II1822" s="91"/>
      <c r="IJ1822" s="91"/>
      <c r="IK1822" s="127"/>
    </row>
    <row r="1823" spans="2:245" x14ac:dyDescent="0.2">
      <c r="B1823" s="43"/>
      <c r="C1823" s="73"/>
      <c r="D1823" s="64"/>
      <c r="E1823" s="64"/>
      <c r="F1823" s="55"/>
      <c r="G1823" s="102"/>
      <c r="H1823" s="55"/>
      <c r="I1823" s="55"/>
      <c r="J1823" s="55"/>
      <c r="K1823" s="55"/>
      <c r="L1823" s="55"/>
      <c r="M1823" s="55"/>
      <c r="N1823" s="55"/>
      <c r="O1823" s="55"/>
      <c r="P1823" s="55"/>
      <c r="Q1823" s="55"/>
      <c r="R1823" s="55"/>
      <c r="S1823" s="55"/>
      <c r="T1823" s="55"/>
      <c r="U1823" s="55"/>
      <c r="V1823" s="55"/>
      <c r="W1823" s="55"/>
      <c r="X1823" s="55"/>
      <c r="Y1823" s="55"/>
      <c r="Z1823" s="55"/>
      <c r="AA1823" s="55"/>
      <c r="AB1823" s="55"/>
      <c r="AC1823" s="55"/>
      <c r="AD1823" s="55"/>
      <c r="AE1823" s="55"/>
      <c r="AF1823" s="55"/>
      <c r="AG1823" s="55"/>
      <c r="AY1823" s="162"/>
      <c r="AZ1823" s="162"/>
      <c r="BA1823" s="162"/>
      <c r="BB1823" s="162"/>
      <c r="BC1823" s="162"/>
      <c r="BD1823" s="162"/>
      <c r="BE1823" s="162"/>
      <c r="BF1823" s="162"/>
      <c r="BG1823" s="162"/>
      <c r="BH1823" s="162"/>
      <c r="BI1823" s="162"/>
      <c r="BJ1823" s="162"/>
      <c r="BK1823" s="162"/>
      <c r="BL1823" s="162"/>
      <c r="BM1823" s="162"/>
      <c r="BN1823" s="162"/>
      <c r="BO1823" s="162"/>
      <c r="BP1823" s="162"/>
      <c r="BQ1823" s="162"/>
      <c r="BR1823" s="162"/>
      <c r="BS1823" s="162"/>
      <c r="BT1823" s="162"/>
      <c r="BU1823" s="162"/>
      <c r="BV1823" s="162"/>
      <c r="BW1823" s="162"/>
      <c r="BX1823" s="162"/>
      <c r="BY1823" s="162"/>
      <c r="BZ1823" s="162"/>
      <c r="CA1823" s="162"/>
      <c r="CB1823" s="162"/>
      <c r="CC1823" s="162"/>
      <c r="CD1823" s="162"/>
      <c r="CE1823" s="162"/>
      <c r="CF1823" s="162"/>
      <c r="CG1823" s="162"/>
      <c r="CH1823" s="162"/>
      <c r="CI1823" s="162"/>
      <c r="CJ1823" s="162"/>
      <c r="CK1823" s="162"/>
      <c r="CX1823" s="98"/>
      <c r="DL1823" s="97"/>
      <c r="DX1823" s="98"/>
      <c r="EL1823" s="97"/>
      <c r="EX1823" s="98"/>
      <c r="EY1823" s="97"/>
      <c r="FL1823" s="126"/>
      <c r="FM1823" s="91"/>
      <c r="FN1823" s="91"/>
      <c r="FO1823" s="91"/>
      <c r="FP1823" s="91"/>
      <c r="FQ1823" s="91"/>
      <c r="FR1823" s="91"/>
      <c r="FS1823" s="91"/>
      <c r="FT1823" s="91"/>
      <c r="FU1823" s="91"/>
      <c r="FV1823" s="91"/>
      <c r="FW1823" s="91"/>
      <c r="FX1823" s="91"/>
      <c r="FY1823" s="91"/>
      <c r="FZ1823" s="91"/>
      <c r="GA1823" s="91"/>
      <c r="GB1823" s="91"/>
      <c r="GC1823" s="91"/>
      <c r="GD1823" s="91"/>
      <c r="GE1823" s="91"/>
      <c r="GF1823" s="91"/>
      <c r="GG1823" s="91"/>
      <c r="GH1823" s="91"/>
      <c r="GI1823" s="91"/>
      <c r="GJ1823" s="91"/>
      <c r="GK1823" s="127"/>
      <c r="GL1823" s="126"/>
      <c r="GM1823" s="91"/>
      <c r="GN1823" s="91"/>
      <c r="GO1823" s="91"/>
      <c r="GP1823" s="91"/>
      <c r="GQ1823" s="91"/>
      <c r="GR1823" s="91"/>
      <c r="GS1823" s="91"/>
      <c r="GT1823" s="91"/>
      <c r="GU1823" s="91"/>
      <c r="GV1823" s="91"/>
      <c r="GW1823" s="91"/>
      <c r="GX1823" s="91"/>
      <c r="GY1823" s="91"/>
      <c r="GZ1823" s="91"/>
      <c r="HA1823" s="91"/>
      <c r="HB1823" s="91"/>
      <c r="HC1823" s="91"/>
      <c r="HD1823" s="91"/>
      <c r="HE1823" s="91"/>
      <c r="HF1823" s="91"/>
      <c r="HG1823" s="91"/>
      <c r="HH1823" s="91"/>
      <c r="HI1823" s="91"/>
      <c r="HJ1823" s="91"/>
      <c r="HK1823" s="127"/>
      <c r="HL1823" s="126"/>
      <c r="HM1823" s="91"/>
      <c r="HN1823" s="91"/>
      <c r="HO1823" s="91"/>
      <c r="HP1823" s="91"/>
      <c r="HQ1823" s="91"/>
      <c r="HR1823" s="91"/>
      <c r="HS1823" s="91"/>
      <c r="HT1823" s="91"/>
      <c r="HU1823" s="91"/>
      <c r="HV1823" s="91"/>
      <c r="HW1823" s="91"/>
      <c r="HX1823" s="91"/>
      <c r="HY1823" s="91"/>
      <c r="HZ1823" s="91"/>
      <c r="IA1823" s="91"/>
      <c r="IB1823" s="91"/>
      <c r="IC1823" s="91"/>
      <c r="ID1823" s="91"/>
      <c r="IE1823" s="91"/>
      <c r="IF1823" s="91"/>
      <c r="IG1823" s="91"/>
      <c r="IH1823" s="91"/>
      <c r="II1823" s="91"/>
      <c r="IJ1823" s="91"/>
      <c r="IK1823" s="127"/>
    </row>
    <row r="1824" spans="2:245" x14ac:dyDescent="0.2">
      <c r="B1824" s="43"/>
      <c r="C1824" s="73"/>
      <c r="D1824" s="64"/>
      <c r="E1824" s="64"/>
      <c r="F1824" s="55"/>
      <c r="G1824" s="102"/>
      <c r="H1824" s="55"/>
      <c r="I1824" s="55"/>
      <c r="J1824" s="55"/>
      <c r="K1824" s="55"/>
      <c r="L1824" s="55"/>
      <c r="M1824" s="55"/>
      <c r="N1824" s="55"/>
      <c r="O1824" s="55"/>
      <c r="P1824" s="55"/>
      <c r="Q1824" s="55"/>
      <c r="R1824" s="55"/>
      <c r="S1824" s="55"/>
      <c r="T1824" s="55"/>
      <c r="U1824" s="55"/>
      <c r="V1824" s="55"/>
      <c r="W1824" s="55"/>
      <c r="X1824" s="55"/>
      <c r="Y1824" s="55"/>
      <c r="Z1824" s="55"/>
      <c r="AA1824" s="55"/>
      <c r="AB1824" s="55"/>
      <c r="AC1824" s="55"/>
      <c r="AD1824" s="55"/>
      <c r="AE1824" s="55"/>
      <c r="AF1824" s="55"/>
      <c r="AG1824" s="55"/>
      <c r="AY1824" s="162"/>
      <c r="AZ1824" s="162"/>
      <c r="BA1824" s="162"/>
      <c r="BB1824" s="162"/>
      <c r="BC1824" s="162"/>
      <c r="BD1824" s="162"/>
      <c r="BE1824" s="162"/>
      <c r="BF1824" s="162"/>
      <c r="BG1824" s="162"/>
      <c r="BH1824" s="162"/>
      <c r="BI1824" s="162"/>
      <c r="BJ1824" s="162"/>
      <c r="BK1824" s="162"/>
      <c r="BL1824" s="162"/>
      <c r="BM1824" s="162"/>
      <c r="BN1824" s="162"/>
      <c r="BO1824" s="162"/>
      <c r="BP1824" s="162"/>
      <c r="BQ1824" s="162"/>
      <c r="BR1824" s="162"/>
      <c r="BS1824" s="162"/>
      <c r="BT1824" s="162"/>
      <c r="BU1824" s="162"/>
      <c r="BV1824" s="162"/>
      <c r="BW1824" s="162"/>
      <c r="BX1824" s="162"/>
      <c r="BY1824" s="162"/>
      <c r="BZ1824" s="162"/>
      <c r="CA1824" s="162"/>
      <c r="CB1824" s="162"/>
      <c r="CC1824" s="162"/>
      <c r="CD1824" s="162"/>
      <c r="CE1824" s="162"/>
      <c r="CF1824" s="162"/>
      <c r="CG1824" s="162"/>
      <c r="CH1824" s="162"/>
      <c r="CI1824" s="162"/>
      <c r="CJ1824" s="162"/>
      <c r="CK1824" s="162"/>
      <c r="CX1824" s="98"/>
      <c r="DL1824" s="97"/>
      <c r="DX1824" s="98"/>
      <c r="EL1824" s="97"/>
      <c r="EX1824" s="98"/>
      <c r="EY1824" s="97"/>
      <c r="FL1824" s="126"/>
      <c r="FM1824" s="91"/>
      <c r="FN1824" s="91"/>
      <c r="FO1824" s="91"/>
      <c r="FP1824" s="91"/>
      <c r="FQ1824" s="91"/>
      <c r="FR1824" s="91"/>
      <c r="FS1824" s="91"/>
      <c r="FT1824" s="91"/>
      <c r="FU1824" s="91"/>
      <c r="FV1824" s="91"/>
      <c r="FW1824" s="91"/>
      <c r="FX1824" s="91"/>
      <c r="FY1824" s="91"/>
      <c r="FZ1824" s="91"/>
      <c r="GA1824" s="91"/>
      <c r="GB1824" s="91"/>
      <c r="GC1824" s="91"/>
      <c r="GD1824" s="91"/>
      <c r="GE1824" s="91"/>
      <c r="GF1824" s="91"/>
      <c r="GG1824" s="91"/>
      <c r="GH1824" s="91"/>
      <c r="GI1824" s="91"/>
      <c r="GJ1824" s="91"/>
      <c r="GK1824" s="127"/>
      <c r="GL1824" s="126"/>
      <c r="GM1824" s="91"/>
      <c r="GN1824" s="91"/>
      <c r="GO1824" s="91"/>
      <c r="GP1824" s="91"/>
      <c r="GQ1824" s="91"/>
      <c r="GR1824" s="91"/>
      <c r="GS1824" s="91"/>
      <c r="GT1824" s="91"/>
      <c r="GU1824" s="91"/>
      <c r="GV1824" s="91"/>
      <c r="GW1824" s="91"/>
      <c r="GX1824" s="91"/>
      <c r="GY1824" s="91"/>
      <c r="GZ1824" s="91"/>
      <c r="HA1824" s="91"/>
      <c r="HB1824" s="91"/>
      <c r="HC1824" s="91"/>
      <c r="HD1824" s="91"/>
      <c r="HE1824" s="91"/>
      <c r="HF1824" s="91"/>
      <c r="HG1824" s="91"/>
      <c r="HH1824" s="91"/>
      <c r="HI1824" s="91"/>
      <c r="HJ1824" s="91"/>
      <c r="HK1824" s="127"/>
      <c r="HL1824" s="126"/>
      <c r="HM1824" s="91"/>
      <c r="HN1824" s="91"/>
      <c r="HO1824" s="91"/>
      <c r="HP1824" s="91"/>
      <c r="HQ1824" s="91"/>
      <c r="HR1824" s="91"/>
      <c r="HS1824" s="91"/>
      <c r="HT1824" s="91"/>
      <c r="HU1824" s="91"/>
      <c r="HV1824" s="91"/>
      <c r="HW1824" s="91"/>
      <c r="HX1824" s="91"/>
      <c r="HY1824" s="91"/>
      <c r="HZ1824" s="91"/>
      <c r="IA1824" s="91"/>
      <c r="IB1824" s="91"/>
      <c r="IC1824" s="91"/>
      <c r="ID1824" s="91"/>
      <c r="IE1824" s="91"/>
      <c r="IF1824" s="91"/>
      <c r="IG1824" s="91"/>
      <c r="IH1824" s="91"/>
      <c r="II1824" s="91"/>
      <c r="IJ1824" s="91"/>
      <c r="IK1824" s="127"/>
    </row>
    <row r="1825" spans="2:245" x14ac:dyDescent="0.2">
      <c r="B1825" s="43"/>
      <c r="C1825" s="73"/>
      <c r="D1825" s="64"/>
      <c r="E1825" s="64"/>
      <c r="F1825" s="55"/>
      <c r="G1825" s="102"/>
      <c r="H1825" s="55"/>
      <c r="I1825" s="55"/>
      <c r="J1825" s="55"/>
      <c r="K1825" s="55"/>
      <c r="L1825" s="55"/>
      <c r="M1825" s="55"/>
      <c r="N1825" s="55"/>
      <c r="O1825" s="55"/>
      <c r="P1825" s="55"/>
      <c r="Q1825" s="55"/>
      <c r="R1825" s="55"/>
      <c r="S1825" s="55"/>
      <c r="T1825" s="55"/>
      <c r="U1825" s="55"/>
      <c r="V1825" s="55"/>
      <c r="W1825" s="55"/>
      <c r="X1825" s="55"/>
      <c r="Y1825" s="55"/>
      <c r="Z1825" s="55"/>
      <c r="AA1825" s="55"/>
      <c r="AB1825" s="55"/>
      <c r="AC1825" s="55"/>
      <c r="AD1825" s="55"/>
      <c r="AE1825" s="55"/>
      <c r="AF1825" s="55"/>
      <c r="AG1825" s="55"/>
      <c r="AY1825" s="162"/>
      <c r="AZ1825" s="162"/>
      <c r="BA1825" s="162"/>
      <c r="BB1825" s="162"/>
      <c r="BC1825" s="162"/>
      <c r="BD1825" s="162"/>
      <c r="BE1825" s="162"/>
      <c r="BF1825" s="162"/>
      <c r="BG1825" s="162"/>
      <c r="BH1825" s="162"/>
      <c r="BI1825" s="162"/>
      <c r="BJ1825" s="162"/>
      <c r="BK1825" s="162"/>
      <c r="BL1825" s="162"/>
      <c r="BM1825" s="162"/>
      <c r="BN1825" s="162"/>
      <c r="BO1825" s="162"/>
      <c r="BP1825" s="162"/>
      <c r="BQ1825" s="162"/>
      <c r="BR1825" s="162"/>
      <c r="BS1825" s="162"/>
      <c r="BT1825" s="162"/>
      <c r="BU1825" s="162"/>
      <c r="BV1825" s="162"/>
      <c r="BW1825" s="162"/>
      <c r="BX1825" s="162"/>
      <c r="BY1825" s="162"/>
      <c r="BZ1825" s="162"/>
      <c r="CA1825" s="162"/>
      <c r="CB1825" s="162"/>
      <c r="CC1825" s="162"/>
      <c r="CD1825" s="162"/>
      <c r="CE1825" s="162"/>
      <c r="CF1825" s="162"/>
      <c r="CG1825" s="162"/>
      <c r="CH1825" s="162"/>
      <c r="CI1825" s="162"/>
      <c r="CJ1825" s="162"/>
      <c r="CK1825" s="162"/>
      <c r="CX1825" s="98"/>
      <c r="DL1825" s="97"/>
      <c r="DX1825" s="98"/>
      <c r="EL1825" s="97"/>
      <c r="EX1825" s="98"/>
      <c r="EY1825" s="97"/>
      <c r="FL1825" s="126"/>
      <c r="FM1825" s="91"/>
      <c r="FN1825" s="91"/>
      <c r="FO1825" s="91"/>
      <c r="FP1825" s="91"/>
      <c r="FQ1825" s="91"/>
      <c r="FR1825" s="91"/>
      <c r="FS1825" s="91"/>
      <c r="FT1825" s="91"/>
      <c r="FU1825" s="91"/>
      <c r="FV1825" s="91"/>
      <c r="FW1825" s="91"/>
      <c r="FX1825" s="91"/>
      <c r="FY1825" s="91"/>
      <c r="FZ1825" s="91"/>
      <c r="GA1825" s="91"/>
      <c r="GB1825" s="91"/>
      <c r="GC1825" s="91"/>
      <c r="GD1825" s="91"/>
      <c r="GE1825" s="91"/>
      <c r="GF1825" s="91"/>
      <c r="GG1825" s="91"/>
      <c r="GH1825" s="91"/>
      <c r="GI1825" s="91"/>
      <c r="GJ1825" s="91"/>
      <c r="GK1825" s="127"/>
      <c r="GL1825" s="126"/>
      <c r="GM1825" s="91"/>
      <c r="GN1825" s="91"/>
      <c r="GO1825" s="91"/>
      <c r="GP1825" s="91"/>
      <c r="GQ1825" s="91"/>
      <c r="GR1825" s="91"/>
      <c r="GS1825" s="91"/>
      <c r="GT1825" s="91"/>
      <c r="GU1825" s="91"/>
      <c r="GV1825" s="91"/>
      <c r="GW1825" s="91"/>
      <c r="GX1825" s="91"/>
      <c r="GY1825" s="91"/>
      <c r="GZ1825" s="91"/>
      <c r="HA1825" s="91"/>
      <c r="HB1825" s="91"/>
      <c r="HC1825" s="91"/>
      <c r="HD1825" s="91"/>
      <c r="HE1825" s="91"/>
      <c r="HF1825" s="91"/>
      <c r="HG1825" s="91"/>
      <c r="HH1825" s="91"/>
      <c r="HI1825" s="91"/>
      <c r="HJ1825" s="91"/>
      <c r="HK1825" s="127"/>
      <c r="HL1825" s="126"/>
      <c r="HM1825" s="91"/>
      <c r="HN1825" s="91"/>
      <c r="HO1825" s="91"/>
      <c r="HP1825" s="91"/>
      <c r="HQ1825" s="91"/>
      <c r="HR1825" s="91"/>
      <c r="HS1825" s="91"/>
      <c r="HT1825" s="91"/>
      <c r="HU1825" s="91"/>
      <c r="HV1825" s="91"/>
      <c r="HW1825" s="91"/>
      <c r="HX1825" s="91"/>
      <c r="HY1825" s="91"/>
      <c r="HZ1825" s="91"/>
      <c r="IA1825" s="91"/>
      <c r="IB1825" s="91"/>
      <c r="IC1825" s="91"/>
      <c r="ID1825" s="91"/>
      <c r="IE1825" s="91"/>
      <c r="IF1825" s="91"/>
      <c r="IG1825" s="91"/>
      <c r="IH1825" s="91"/>
      <c r="II1825" s="91"/>
      <c r="IJ1825" s="91"/>
      <c r="IK1825" s="127"/>
    </row>
    <row r="1826" spans="2:245" x14ac:dyDescent="0.2">
      <c r="B1826" s="43"/>
      <c r="C1826" s="73"/>
      <c r="D1826" s="64"/>
      <c r="E1826" s="64"/>
      <c r="F1826" s="55"/>
      <c r="G1826" s="102"/>
      <c r="H1826" s="55"/>
      <c r="I1826" s="55"/>
      <c r="J1826" s="55"/>
      <c r="K1826" s="55"/>
      <c r="L1826" s="55"/>
      <c r="M1826" s="55"/>
      <c r="N1826" s="55"/>
      <c r="O1826" s="55"/>
      <c r="P1826" s="55"/>
      <c r="Q1826" s="55"/>
      <c r="R1826" s="55"/>
      <c r="S1826" s="55"/>
      <c r="T1826" s="55"/>
      <c r="U1826" s="55"/>
      <c r="V1826" s="55"/>
      <c r="W1826" s="55"/>
      <c r="X1826" s="55"/>
      <c r="Y1826" s="55"/>
      <c r="Z1826" s="55"/>
      <c r="AA1826" s="55"/>
      <c r="AB1826" s="55"/>
      <c r="AC1826" s="55"/>
      <c r="AD1826" s="55"/>
      <c r="AE1826" s="55"/>
      <c r="AF1826" s="55"/>
      <c r="AG1826" s="55"/>
      <c r="AY1826" s="162"/>
      <c r="AZ1826" s="162"/>
      <c r="BA1826" s="162"/>
      <c r="BB1826" s="162"/>
      <c r="BC1826" s="162"/>
      <c r="BD1826" s="162"/>
      <c r="BE1826" s="162"/>
      <c r="BF1826" s="162"/>
      <c r="BG1826" s="162"/>
      <c r="BH1826" s="162"/>
      <c r="BI1826" s="162"/>
      <c r="BJ1826" s="162"/>
      <c r="BK1826" s="162"/>
      <c r="BL1826" s="162"/>
      <c r="BM1826" s="162"/>
      <c r="BN1826" s="162"/>
      <c r="BO1826" s="162"/>
      <c r="BP1826" s="162"/>
      <c r="BQ1826" s="162"/>
      <c r="BR1826" s="162"/>
      <c r="BS1826" s="162"/>
      <c r="BT1826" s="162"/>
      <c r="BU1826" s="162"/>
      <c r="BV1826" s="162"/>
      <c r="BW1826" s="162"/>
      <c r="BX1826" s="162"/>
      <c r="BY1826" s="162"/>
      <c r="BZ1826" s="162"/>
      <c r="CA1826" s="162"/>
      <c r="CB1826" s="162"/>
      <c r="CC1826" s="162"/>
      <c r="CD1826" s="162"/>
      <c r="CE1826" s="162"/>
      <c r="CF1826" s="162"/>
      <c r="CG1826" s="162"/>
      <c r="CH1826" s="162"/>
      <c r="CI1826" s="162"/>
      <c r="CJ1826" s="162"/>
      <c r="CK1826" s="162"/>
      <c r="CX1826" s="98"/>
      <c r="DL1826" s="97"/>
      <c r="DX1826" s="98"/>
      <c r="EL1826" s="97"/>
      <c r="EX1826" s="98"/>
      <c r="EY1826" s="97"/>
      <c r="FL1826" s="126"/>
      <c r="FM1826" s="91"/>
      <c r="FN1826" s="91"/>
      <c r="FO1826" s="91"/>
      <c r="FP1826" s="91"/>
      <c r="FQ1826" s="91"/>
      <c r="FR1826" s="91"/>
      <c r="FS1826" s="91"/>
      <c r="FT1826" s="91"/>
      <c r="FU1826" s="91"/>
      <c r="FV1826" s="91"/>
      <c r="FW1826" s="91"/>
      <c r="FX1826" s="91"/>
      <c r="FY1826" s="91"/>
      <c r="FZ1826" s="91"/>
      <c r="GA1826" s="91"/>
      <c r="GB1826" s="91"/>
      <c r="GC1826" s="91"/>
      <c r="GD1826" s="91"/>
      <c r="GE1826" s="91"/>
      <c r="GF1826" s="91"/>
      <c r="GG1826" s="91"/>
      <c r="GH1826" s="91"/>
      <c r="GI1826" s="91"/>
      <c r="GJ1826" s="91"/>
      <c r="GK1826" s="127"/>
      <c r="GL1826" s="126"/>
      <c r="GM1826" s="91"/>
      <c r="GN1826" s="91"/>
      <c r="GO1826" s="91"/>
      <c r="GP1826" s="91"/>
      <c r="GQ1826" s="91"/>
      <c r="GR1826" s="91"/>
      <c r="GS1826" s="91"/>
      <c r="GT1826" s="91"/>
      <c r="GU1826" s="91"/>
      <c r="GV1826" s="91"/>
      <c r="GW1826" s="91"/>
      <c r="GX1826" s="91"/>
      <c r="GY1826" s="91"/>
      <c r="GZ1826" s="91"/>
      <c r="HA1826" s="91"/>
      <c r="HB1826" s="91"/>
      <c r="HC1826" s="91"/>
      <c r="HD1826" s="91"/>
      <c r="HE1826" s="91"/>
      <c r="HF1826" s="91"/>
      <c r="HG1826" s="91"/>
      <c r="HH1826" s="91"/>
      <c r="HI1826" s="91"/>
      <c r="HJ1826" s="91"/>
      <c r="HK1826" s="127"/>
      <c r="HL1826" s="126"/>
      <c r="HM1826" s="91"/>
      <c r="HN1826" s="91"/>
      <c r="HO1826" s="91"/>
      <c r="HP1826" s="91"/>
      <c r="HQ1826" s="91"/>
      <c r="HR1826" s="91"/>
      <c r="HS1826" s="91"/>
      <c r="HT1826" s="91"/>
      <c r="HU1826" s="91"/>
      <c r="HV1826" s="91"/>
      <c r="HW1826" s="91"/>
      <c r="HX1826" s="91"/>
      <c r="HY1826" s="91"/>
      <c r="HZ1826" s="91"/>
      <c r="IA1826" s="91"/>
      <c r="IB1826" s="91"/>
      <c r="IC1826" s="91"/>
      <c r="ID1826" s="91"/>
      <c r="IE1826" s="91"/>
      <c r="IF1826" s="91"/>
      <c r="IG1826" s="91"/>
      <c r="IH1826" s="91"/>
      <c r="II1826" s="91"/>
      <c r="IJ1826" s="91"/>
      <c r="IK1826" s="127"/>
    </row>
    <row r="1827" spans="2:245" x14ac:dyDescent="0.2">
      <c r="B1827" s="43"/>
      <c r="C1827" s="73"/>
      <c r="D1827" s="64"/>
      <c r="E1827" s="64"/>
      <c r="F1827" s="55"/>
      <c r="G1827" s="102"/>
      <c r="H1827" s="55"/>
      <c r="I1827" s="55"/>
      <c r="J1827" s="55"/>
      <c r="K1827" s="55"/>
      <c r="L1827" s="55"/>
      <c r="M1827" s="55"/>
      <c r="N1827" s="55"/>
      <c r="O1827" s="55"/>
      <c r="P1827" s="55"/>
      <c r="Q1827" s="55"/>
      <c r="R1827" s="55"/>
      <c r="S1827" s="55"/>
      <c r="T1827" s="55"/>
      <c r="U1827" s="55"/>
      <c r="V1827" s="55"/>
      <c r="W1827" s="55"/>
      <c r="X1827" s="55"/>
      <c r="Y1827" s="55"/>
      <c r="Z1827" s="55"/>
      <c r="AA1827" s="55"/>
      <c r="AB1827" s="55"/>
      <c r="AC1827" s="55"/>
      <c r="AD1827" s="55"/>
      <c r="AE1827" s="55"/>
      <c r="AF1827" s="55"/>
      <c r="AG1827" s="55"/>
      <c r="AY1827" s="162"/>
      <c r="AZ1827" s="162"/>
      <c r="BA1827" s="162"/>
      <c r="BB1827" s="162"/>
      <c r="BC1827" s="162"/>
      <c r="BD1827" s="162"/>
      <c r="BE1827" s="162"/>
      <c r="BF1827" s="162"/>
      <c r="BG1827" s="162"/>
      <c r="BH1827" s="162"/>
      <c r="BI1827" s="162"/>
      <c r="BJ1827" s="162"/>
      <c r="BK1827" s="162"/>
      <c r="BL1827" s="162"/>
      <c r="BM1827" s="162"/>
      <c r="BN1827" s="162"/>
      <c r="BO1827" s="162"/>
      <c r="BP1827" s="162"/>
      <c r="BQ1827" s="162"/>
      <c r="BR1827" s="162"/>
      <c r="BS1827" s="162"/>
      <c r="BT1827" s="162"/>
      <c r="BU1827" s="162"/>
      <c r="BV1827" s="162"/>
      <c r="BW1827" s="162"/>
      <c r="BX1827" s="162"/>
      <c r="BY1827" s="162"/>
      <c r="BZ1827" s="162"/>
      <c r="CA1827" s="162"/>
      <c r="CB1827" s="162"/>
      <c r="CC1827" s="162"/>
      <c r="CD1827" s="162"/>
      <c r="CE1827" s="162"/>
      <c r="CF1827" s="162"/>
      <c r="CG1827" s="162"/>
      <c r="CH1827" s="162"/>
      <c r="CI1827" s="162"/>
      <c r="CJ1827" s="162"/>
      <c r="CK1827" s="162"/>
      <c r="CX1827" s="98"/>
      <c r="DL1827" s="97"/>
      <c r="DX1827" s="98"/>
      <c r="EL1827" s="97"/>
      <c r="EX1827" s="98"/>
      <c r="EY1827" s="97"/>
      <c r="FL1827" s="126"/>
      <c r="FM1827" s="91"/>
      <c r="FN1827" s="91"/>
      <c r="FO1827" s="91"/>
      <c r="FP1827" s="91"/>
      <c r="FQ1827" s="91"/>
      <c r="FR1827" s="91"/>
      <c r="FS1827" s="91"/>
      <c r="FT1827" s="91"/>
      <c r="FU1827" s="91"/>
      <c r="FV1827" s="91"/>
      <c r="FW1827" s="91"/>
      <c r="FX1827" s="91"/>
      <c r="FY1827" s="91"/>
      <c r="FZ1827" s="91"/>
      <c r="GA1827" s="91"/>
      <c r="GB1827" s="91"/>
      <c r="GC1827" s="91"/>
      <c r="GD1827" s="91"/>
      <c r="GE1827" s="91"/>
      <c r="GF1827" s="91"/>
      <c r="GG1827" s="91"/>
      <c r="GH1827" s="91"/>
      <c r="GI1827" s="91"/>
      <c r="GJ1827" s="91"/>
      <c r="GK1827" s="127"/>
      <c r="GL1827" s="126"/>
      <c r="GM1827" s="91"/>
      <c r="GN1827" s="91"/>
      <c r="GO1827" s="91"/>
      <c r="GP1827" s="91"/>
      <c r="GQ1827" s="91"/>
      <c r="GR1827" s="91"/>
      <c r="GS1827" s="91"/>
      <c r="GT1827" s="91"/>
      <c r="GU1827" s="91"/>
      <c r="GV1827" s="91"/>
      <c r="GW1827" s="91"/>
      <c r="GX1827" s="91"/>
      <c r="GY1827" s="91"/>
      <c r="GZ1827" s="91"/>
      <c r="HA1827" s="91"/>
      <c r="HB1827" s="91"/>
      <c r="HC1827" s="91"/>
      <c r="HD1827" s="91"/>
      <c r="HE1827" s="91"/>
      <c r="HF1827" s="91"/>
      <c r="HG1827" s="91"/>
      <c r="HH1827" s="91"/>
      <c r="HI1827" s="91"/>
      <c r="HJ1827" s="91"/>
      <c r="HK1827" s="127"/>
      <c r="HL1827" s="126"/>
      <c r="HM1827" s="91"/>
      <c r="HN1827" s="91"/>
      <c r="HO1827" s="91"/>
      <c r="HP1827" s="91"/>
      <c r="HQ1827" s="91"/>
      <c r="HR1827" s="91"/>
      <c r="HS1827" s="91"/>
      <c r="HT1827" s="91"/>
      <c r="HU1827" s="91"/>
      <c r="HV1827" s="91"/>
      <c r="HW1827" s="91"/>
      <c r="HX1827" s="91"/>
      <c r="HY1827" s="91"/>
      <c r="HZ1827" s="91"/>
      <c r="IA1827" s="91"/>
      <c r="IB1827" s="91"/>
      <c r="IC1827" s="91"/>
      <c r="ID1827" s="91"/>
      <c r="IE1827" s="91"/>
      <c r="IF1827" s="91"/>
      <c r="IG1827" s="91"/>
      <c r="IH1827" s="91"/>
      <c r="II1827" s="91"/>
      <c r="IJ1827" s="91"/>
      <c r="IK1827" s="127"/>
    </row>
    <row r="1828" spans="2:245" x14ac:dyDescent="0.2">
      <c r="B1828" s="43"/>
      <c r="C1828" s="73"/>
      <c r="D1828" s="64"/>
      <c r="E1828" s="64"/>
      <c r="F1828" s="55"/>
      <c r="G1828" s="102"/>
      <c r="H1828" s="55"/>
      <c r="I1828" s="55"/>
      <c r="J1828" s="55"/>
      <c r="K1828" s="55"/>
      <c r="L1828" s="55"/>
      <c r="M1828" s="55"/>
      <c r="N1828" s="55"/>
      <c r="O1828" s="55"/>
      <c r="P1828" s="55"/>
      <c r="Q1828" s="55"/>
      <c r="R1828" s="55"/>
      <c r="S1828" s="55"/>
      <c r="T1828" s="55"/>
      <c r="U1828" s="55"/>
      <c r="V1828" s="55"/>
      <c r="W1828" s="55"/>
      <c r="X1828" s="55"/>
      <c r="Y1828" s="55"/>
      <c r="Z1828" s="55"/>
      <c r="AA1828" s="55"/>
      <c r="AB1828" s="55"/>
      <c r="AC1828" s="55"/>
      <c r="AD1828" s="55"/>
      <c r="AE1828" s="55"/>
      <c r="AF1828" s="55"/>
      <c r="AG1828" s="55"/>
      <c r="AY1828" s="162"/>
      <c r="AZ1828" s="162"/>
      <c r="BA1828" s="162"/>
      <c r="BB1828" s="162"/>
      <c r="BC1828" s="162"/>
      <c r="BD1828" s="162"/>
      <c r="BE1828" s="162"/>
      <c r="BF1828" s="162"/>
      <c r="BG1828" s="162"/>
      <c r="BH1828" s="162"/>
      <c r="BI1828" s="162"/>
      <c r="BJ1828" s="162"/>
      <c r="BK1828" s="162"/>
      <c r="BL1828" s="162"/>
      <c r="BM1828" s="162"/>
      <c r="BN1828" s="162"/>
      <c r="BO1828" s="162"/>
      <c r="BP1828" s="162"/>
      <c r="BQ1828" s="162"/>
      <c r="BR1828" s="162"/>
      <c r="BS1828" s="162"/>
      <c r="BT1828" s="162"/>
      <c r="BU1828" s="162"/>
      <c r="BV1828" s="162"/>
      <c r="BW1828" s="162"/>
      <c r="BX1828" s="162"/>
      <c r="BY1828" s="162"/>
      <c r="BZ1828" s="162"/>
      <c r="CA1828" s="162"/>
      <c r="CB1828" s="162"/>
      <c r="CC1828" s="162"/>
      <c r="CD1828" s="162"/>
      <c r="CE1828" s="162"/>
      <c r="CF1828" s="162"/>
      <c r="CG1828" s="162"/>
      <c r="CH1828" s="162"/>
      <c r="CI1828" s="162"/>
      <c r="CJ1828" s="162"/>
      <c r="CK1828" s="162"/>
      <c r="CX1828" s="98"/>
      <c r="DL1828" s="97"/>
      <c r="DX1828" s="98"/>
      <c r="EL1828" s="97"/>
      <c r="EX1828" s="98"/>
      <c r="EY1828" s="97"/>
      <c r="FL1828" s="126"/>
      <c r="FM1828" s="91"/>
      <c r="FN1828" s="91"/>
      <c r="FO1828" s="91"/>
      <c r="FP1828" s="91"/>
      <c r="FQ1828" s="91"/>
      <c r="FR1828" s="91"/>
      <c r="FS1828" s="91"/>
      <c r="FT1828" s="91"/>
      <c r="FU1828" s="91"/>
      <c r="FV1828" s="91"/>
      <c r="FW1828" s="91"/>
      <c r="FX1828" s="91"/>
      <c r="FY1828" s="91"/>
      <c r="FZ1828" s="91"/>
      <c r="GA1828" s="91"/>
      <c r="GB1828" s="91"/>
      <c r="GC1828" s="91"/>
      <c r="GD1828" s="91"/>
      <c r="GE1828" s="91"/>
      <c r="GF1828" s="91"/>
      <c r="GG1828" s="91"/>
      <c r="GH1828" s="91"/>
      <c r="GI1828" s="91"/>
      <c r="GJ1828" s="91"/>
      <c r="GK1828" s="127"/>
      <c r="GL1828" s="126"/>
      <c r="GM1828" s="91"/>
      <c r="GN1828" s="91"/>
      <c r="GO1828" s="91"/>
      <c r="GP1828" s="91"/>
      <c r="GQ1828" s="91"/>
      <c r="GR1828" s="91"/>
      <c r="GS1828" s="91"/>
      <c r="GT1828" s="91"/>
      <c r="GU1828" s="91"/>
      <c r="GV1828" s="91"/>
      <c r="GW1828" s="91"/>
      <c r="GX1828" s="91"/>
      <c r="GY1828" s="91"/>
      <c r="GZ1828" s="91"/>
      <c r="HA1828" s="91"/>
      <c r="HB1828" s="91"/>
      <c r="HC1828" s="91"/>
      <c r="HD1828" s="91"/>
      <c r="HE1828" s="91"/>
      <c r="HF1828" s="91"/>
      <c r="HG1828" s="91"/>
      <c r="HH1828" s="91"/>
      <c r="HI1828" s="91"/>
      <c r="HJ1828" s="91"/>
      <c r="HK1828" s="127"/>
      <c r="HL1828" s="126"/>
      <c r="HM1828" s="91"/>
      <c r="HN1828" s="91"/>
      <c r="HO1828" s="91"/>
      <c r="HP1828" s="91"/>
      <c r="HQ1828" s="91"/>
      <c r="HR1828" s="91"/>
      <c r="HS1828" s="91"/>
      <c r="HT1828" s="91"/>
      <c r="HU1828" s="91"/>
      <c r="HV1828" s="91"/>
      <c r="HW1828" s="91"/>
      <c r="HX1828" s="91"/>
      <c r="HY1828" s="91"/>
      <c r="HZ1828" s="91"/>
      <c r="IA1828" s="91"/>
      <c r="IB1828" s="91"/>
      <c r="IC1828" s="91"/>
      <c r="ID1828" s="91"/>
      <c r="IE1828" s="91"/>
      <c r="IF1828" s="91"/>
      <c r="IG1828" s="91"/>
      <c r="IH1828" s="91"/>
      <c r="II1828" s="91"/>
      <c r="IJ1828" s="91"/>
      <c r="IK1828" s="127"/>
    </row>
    <row r="1829" spans="2:245" x14ac:dyDescent="0.2">
      <c r="B1829" s="43"/>
      <c r="C1829" s="73"/>
      <c r="D1829" s="64"/>
      <c r="E1829" s="64"/>
      <c r="F1829" s="55"/>
      <c r="G1829" s="102"/>
      <c r="H1829" s="55"/>
      <c r="I1829" s="55"/>
      <c r="J1829" s="55"/>
      <c r="K1829" s="55"/>
      <c r="L1829" s="55"/>
      <c r="M1829" s="55"/>
      <c r="N1829" s="55"/>
      <c r="O1829" s="55"/>
      <c r="P1829" s="55"/>
      <c r="Q1829" s="55"/>
      <c r="R1829" s="55"/>
      <c r="S1829" s="55"/>
      <c r="T1829" s="55"/>
      <c r="U1829" s="55"/>
      <c r="V1829" s="55"/>
      <c r="W1829" s="55"/>
      <c r="X1829" s="55"/>
      <c r="Y1829" s="55"/>
      <c r="Z1829" s="55"/>
      <c r="AA1829" s="55"/>
      <c r="AB1829" s="55"/>
      <c r="AC1829" s="55"/>
      <c r="AD1829" s="55"/>
      <c r="AE1829" s="55"/>
      <c r="AF1829" s="55"/>
      <c r="AG1829" s="55"/>
      <c r="AY1829" s="162"/>
      <c r="AZ1829" s="162"/>
      <c r="BA1829" s="162"/>
      <c r="BB1829" s="162"/>
      <c r="BC1829" s="162"/>
      <c r="BD1829" s="162"/>
      <c r="BE1829" s="162"/>
      <c r="BF1829" s="162"/>
      <c r="BG1829" s="162"/>
      <c r="BH1829" s="162"/>
      <c r="BI1829" s="162"/>
      <c r="BJ1829" s="162"/>
      <c r="BK1829" s="162"/>
      <c r="BL1829" s="162"/>
      <c r="BM1829" s="162"/>
      <c r="BN1829" s="162"/>
      <c r="BO1829" s="162"/>
      <c r="BP1829" s="162"/>
      <c r="BQ1829" s="162"/>
      <c r="BR1829" s="162"/>
      <c r="BS1829" s="162"/>
      <c r="BT1829" s="162"/>
      <c r="BU1829" s="162"/>
      <c r="BV1829" s="162"/>
      <c r="BW1829" s="162"/>
      <c r="BX1829" s="162"/>
      <c r="BY1829" s="162"/>
      <c r="BZ1829" s="162"/>
      <c r="CA1829" s="162"/>
      <c r="CB1829" s="162"/>
      <c r="CC1829" s="162"/>
      <c r="CD1829" s="162"/>
      <c r="CE1829" s="162"/>
      <c r="CF1829" s="162"/>
      <c r="CG1829" s="162"/>
      <c r="CH1829" s="162"/>
      <c r="CI1829" s="162"/>
      <c r="CJ1829" s="162"/>
      <c r="CK1829" s="162"/>
      <c r="CX1829" s="98"/>
      <c r="DL1829" s="97"/>
      <c r="DX1829" s="98"/>
      <c r="EL1829" s="97"/>
      <c r="EX1829" s="98"/>
      <c r="EY1829" s="97"/>
      <c r="FL1829" s="126"/>
      <c r="FM1829" s="91"/>
      <c r="FN1829" s="91"/>
      <c r="FO1829" s="91"/>
      <c r="FP1829" s="91"/>
      <c r="FQ1829" s="91"/>
      <c r="FR1829" s="91"/>
      <c r="FS1829" s="91"/>
      <c r="FT1829" s="91"/>
      <c r="FU1829" s="91"/>
      <c r="FV1829" s="91"/>
      <c r="FW1829" s="91"/>
      <c r="FX1829" s="91"/>
      <c r="FY1829" s="91"/>
      <c r="FZ1829" s="91"/>
      <c r="GA1829" s="91"/>
      <c r="GB1829" s="91"/>
      <c r="GC1829" s="91"/>
      <c r="GD1829" s="91"/>
      <c r="GE1829" s="91"/>
      <c r="GF1829" s="91"/>
      <c r="GG1829" s="91"/>
      <c r="GH1829" s="91"/>
      <c r="GI1829" s="91"/>
      <c r="GJ1829" s="91"/>
      <c r="GK1829" s="127"/>
      <c r="GL1829" s="126"/>
      <c r="GM1829" s="91"/>
      <c r="GN1829" s="91"/>
      <c r="GO1829" s="91"/>
      <c r="GP1829" s="91"/>
      <c r="GQ1829" s="91"/>
      <c r="GR1829" s="91"/>
      <c r="GS1829" s="91"/>
      <c r="GT1829" s="91"/>
      <c r="GU1829" s="91"/>
      <c r="GV1829" s="91"/>
      <c r="GW1829" s="91"/>
      <c r="GX1829" s="91"/>
      <c r="GY1829" s="91"/>
      <c r="GZ1829" s="91"/>
      <c r="HA1829" s="91"/>
      <c r="HB1829" s="91"/>
      <c r="HC1829" s="91"/>
      <c r="HD1829" s="91"/>
      <c r="HE1829" s="91"/>
      <c r="HF1829" s="91"/>
      <c r="HG1829" s="91"/>
      <c r="HH1829" s="91"/>
      <c r="HI1829" s="91"/>
      <c r="HJ1829" s="91"/>
      <c r="HK1829" s="127"/>
      <c r="HL1829" s="126"/>
      <c r="HM1829" s="91"/>
      <c r="HN1829" s="91"/>
      <c r="HO1829" s="91"/>
      <c r="HP1829" s="91"/>
      <c r="HQ1829" s="91"/>
      <c r="HR1829" s="91"/>
      <c r="HS1829" s="91"/>
      <c r="HT1829" s="91"/>
      <c r="HU1829" s="91"/>
      <c r="HV1829" s="91"/>
      <c r="HW1829" s="91"/>
      <c r="HX1829" s="91"/>
      <c r="HY1829" s="91"/>
      <c r="HZ1829" s="91"/>
      <c r="IA1829" s="91"/>
      <c r="IB1829" s="91"/>
      <c r="IC1829" s="91"/>
      <c r="ID1829" s="91"/>
      <c r="IE1829" s="91"/>
      <c r="IF1829" s="91"/>
      <c r="IG1829" s="91"/>
      <c r="IH1829" s="91"/>
      <c r="II1829" s="91"/>
      <c r="IJ1829" s="91"/>
      <c r="IK1829" s="127"/>
    </row>
    <row r="1830" spans="2:245" x14ac:dyDescent="0.2">
      <c r="B1830" s="43"/>
      <c r="C1830" s="73"/>
      <c r="D1830" s="64"/>
      <c r="E1830" s="64"/>
      <c r="F1830" s="55"/>
      <c r="G1830" s="102"/>
      <c r="H1830" s="55"/>
      <c r="I1830" s="55"/>
      <c r="J1830" s="55"/>
      <c r="K1830" s="55"/>
      <c r="L1830" s="55"/>
      <c r="M1830" s="55"/>
      <c r="N1830" s="55"/>
      <c r="O1830" s="55"/>
      <c r="P1830" s="55"/>
      <c r="Q1830" s="55"/>
      <c r="R1830" s="55"/>
      <c r="S1830" s="55"/>
      <c r="T1830" s="55"/>
      <c r="U1830" s="55"/>
      <c r="V1830" s="55"/>
      <c r="W1830" s="55"/>
      <c r="X1830" s="55"/>
      <c r="Y1830" s="55"/>
      <c r="Z1830" s="55"/>
      <c r="AA1830" s="55"/>
      <c r="AB1830" s="55"/>
      <c r="AC1830" s="55"/>
      <c r="AD1830" s="55"/>
      <c r="AE1830" s="55"/>
      <c r="AF1830" s="55"/>
      <c r="AG1830" s="55"/>
      <c r="AY1830" s="162"/>
      <c r="AZ1830" s="162"/>
      <c r="BA1830" s="162"/>
      <c r="BB1830" s="162"/>
      <c r="BC1830" s="162"/>
      <c r="BD1830" s="162"/>
      <c r="BE1830" s="162"/>
      <c r="BF1830" s="162"/>
      <c r="BG1830" s="162"/>
      <c r="BH1830" s="162"/>
      <c r="BI1830" s="162"/>
      <c r="BJ1830" s="162"/>
      <c r="BK1830" s="162"/>
      <c r="BL1830" s="162"/>
      <c r="BM1830" s="162"/>
      <c r="BN1830" s="162"/>
      <c r="BO1830" s="162"/>
      <c r="BP1830" s="162"/>
      <c r="BQ1830" s="162"/>
      <c r="BR1830" s="162"/>
      <c r="BS1830" s="162"/>
      <c r="BT1830" s="162"/>
      <c r="BU1830" s="162"/>
      <c r="BV1830" s="162"/>
      <c r="BW1830" s="162"/>
      <c r="BX1830" s="162"/>
      <c r="BY1830" s="162"/>
      <c r="BZ1830" s="162"/>
      <c r="CA1830" s="162"/>
      <c r="CB1830" s="162"/>
      <c r="CC1830" s="162"/>
      <c r="CD1830" s="162"/>
      <c r="CE1830" s="162"/>
      <c r="CF1830" s="162"/>
      <c r="CG1830" s="162"/>
      <c r="CH1830" s="162"/>
      <c r="CI1830" s="162"/>
      <c r="CJ1830" s="162"/>
      <c r="CK1830" s="162"/>
      <c r="CX1830" s="98"/>
      <c r="DL1830" s="97"/>
      <c r="DX1830" s="98"/>
      <c r="EL1830" s="97"/>
      <c r="EX1830" s="98"/>
      <c r="EY1830" s="97"/>
      <c r="FL1830" s="126"/>
      <c r="FM1830" s="91"/>
      <c r="FN1830" s="91"/>
      <c r="FO1830" s="91"/>
      <c r="FP1830" s="91"/>
      <c r="FQ1830" s="91"/>
      <c r="FR1830" s="91"/>
      <c r="FS1830" s="91"/>
      <c r="FT1830" s="91"/>
      <c r="FU1830" s="91"/>
      <c r="FV1830" s="91"/>
      <c r="FW1830" s="91"/>
      <c r="FX1830" s="91"/>
      <c r="FY1830" s="91"/>
      <c r="FZ1830" s="91"/>
      <c r="GA1830" s="91"/>
      <c r="GB1830" s="91"/>
      <c r="GC1830" s="91"/>
      <c r="GD1830" s="91"/>
      <c r="GE1830" s="91"/>
      <c r="GF1830" s="91"/>
      <c r="GG1830" s="91"/>
      <c r="GH1830" s="91"/>
      <c r="GI1830" s="91"/>
      <c r="GJ1830" s="91"/>
      <c r="GK1830" s="127"/>
      <c r="GL1830" s="126"/>
      <c r="GM1830" s="91"/>
      <c r="GN1830" s="91"/>
      <c r="GO1830" s="91"/>
      <c r="GP1830" s="91"/>
      <c r="GQ1830" s="91"/>
      <c r="GR1830" s="91"/>
      <c r="GS1830" s="91"/>
      <c r="GT1830" s="91"/>
      <c r="GU1830" s="91"/>
      <c r="GV1830" s="91"/>
      <c r="GW1830" s="91"/>
      <c r="GX1830" s="91"/>
      <c r="GY1830" s="91"/>
      <c r="GZ1830" s="91"/>
      <c r="HA1830" s="91"/>
      <c r="HB1830" s="91"/>
      <c r="HC1830" s="91"/>
      <c r="HD1830" s="91"/>
      <c r="HE1830" s="91"/>
      <c r="HF1830" s="91"/>
      <c r="HG1830" s="91"/>
      <c r="HH1830" s="91"/>
      <c r="HI1830" s="91"/>
      <c r="HJ1830" s="91"/>
      <c r="HK1830" s="127"/>
      <c r="HL1830" s="126"/>
      <c r="HM1830" s="91"/>
      <c r="HN1830" s="91"/>
      <c r="HO1830" s="91"/>
      <c r="HP1830" s="91"/>
      <c r="HQ1830" s="91"/>
      <c r="HR1830" s="91"/>
      <c r="HS1830" s="91"/>
      <c r="HT1830" s="91"/>
      <c r="HU1830" s="91"/>
      <c r="HV1830" s="91"/>
      <c r="HW1830" s="91"/>
      <c r="HX1830" s="91"/>
      <c r="HY1830" s="91"/>
      <c r="HZ1830" s="91"/>
      <c r="IA1830" s="91"/>
      <c r="IB1830" s="91"/>
      <c r="IC1830" s="91"/>
      <c r="ID1830" s="91"/>
      <c r="IE1830" s="91"/>
      <c r="IF1830" s="91"/>
      <c r="IG1830" s="91"/>
      <c r="IH1830" s="91"/>
      <c r="II1830" s="91"/>
      <c r="IJ1830" s="91"/>
      <c r="IK1830" s="127"/>
    </row>
    <row r="1831" spans="2:245" x14ac:dyDescent="0.2">
      <c r="B1831" s="43"/>
      <c r="C1831" s="73"/>
      <c r="D1831" s="64"/>
      <c r="E1831" s="64"/>
      <c r="F1831" s="55"/>
      <c r="G1831" s="102"/>
      <c r="H1831" s="55"/>
      <c r="I1831" s="55"/>
      <c r="J1831" s="55"/>
      <c r="K1831" s="55"/>
      <c r="L1831" s="55"/>
      <c r="M1831" s="55"/>
      <c r="N1831" s="55"/>
      <c r="O1831" s="55"/>
      <c r="P1831" s="55"/>
      <c r="Q1831" s="55"/>
      <c r="R1831" s="55"/>
      <c r="S1831" s="55"/>
      <c r="T1831" s="55"/>
      <c r="U1831" s="55"/>
      <c r="V1831" s="55"/>
      <c r="W1831" s="55"/>
      <c r="X1831" s="55"/>
      <c r="Y1831" s="55"/>
      <c r="Z1831" s="55"/>
      <c r="AA1831" s="55"/>
      <c r="AB1831" s="55"/>
      <c r="AC1831" s="55"/>
      <c r="AD1831" s="55"/>
      <c r="AE1831" s="55"/>
      <c r="AF1831" s="55"/>
      <c r="AG1831" s="55"/>
      <c r="AY1831" s="162"/>
      <c r="AZ1831" s="162"/>
      <c r="BA1831" s="162"/>
      <c r="BB1831" s="162"/>
      <c r="BC1831" s="162"/>
      <c r="BD1831" s="162"/>
      <c r="BE1831" s="162"/>
      <c r="BF1831" s="162"/>
      <c r="BG1831" s="162"/>
      <c r="BH1831" s="162"/>
      <c r="BI1831" s="162"/>
      <c r="BJ1831" s="162"/>
      <c r="BK1831" s="162"/>
      <c r="BL1831" s="162"/>
      <c r="BM1831" s="162"/>
      <c r="BN1831" s="162"/>
      <c r="BO1831" s="162"/>
      <c r="BP1831" s="162"/>
      <c r="BQ1831" s="162"/>
      <c r="BR1831" s="162"/>
      <c r="BS1831" s="162"/>
      <c r="BT1831" s="162"/>
      <c r="BU1831" s="162"/>
      <c r="BV1831" s="162"/>
      <c r="BW1831" s="162"/>
      <c r="BX1831" s="162"/>
      <c r="BY1831" s="162"/>
      <c r="BZ1831" s="162"/>
      <c r="CA1831" s="162"/>
      <c r="CB1831" s="162"/>
      <c r="CC1831" s="162"/>
      <c r="CD1831" s="162"/>
      <c r="CE1831" s="162"/>
      <c r="CF1831" s="162"/>
      <c r="CG1831" s="162"/>
      <c r="CH1831" s="162"/>
      <c r="CI1831" s="162"/>
      <c r="CJ1831" s="162"/>
      <c r="CK1831" s="162"/>
      <c r="CX1831" s="98"/>
      <c r="DL1831" s="97"/>
      <c r="DX1831" s="98"/>
      <c r="EL1831" s="97"/>
      <c r="EX1831" s="98"/>
      <c r="EY1831" s="97"/>
      <c r="FL1831" s="126"/>
      <c r="FM1831" s="91"/>
      <c r="FN1831" s="91"/>
      <c r="FO1831" s="91"/>
      <c r="FP1831" s="91"/>
      <c r="FQ1831" s="91"/>
      <c r="FR1831" s="91"/>
      <c r="FS1831" s="91"/>
      <c r="FT1831" s="91"/>
      <c r="FU1831" s="91"/>
      <c r="FV1831" s="91"/>
      <c r="FW1831" s="91"/>
      <c r="FX1831" s="91"/>
      <c r="FY1831" s="91"/>
      <c r="FZ1831" s="91"/>
      <c r="GA1831" s="91"/>
      <c r="GB1831" s="91"/>
      <c r="GC1831" s="91"/>
      <c r="GD1831" s="91"/>
      <c r="GE1831" s="91"/>
      <c r="GF1831" s="91"/>
      <c r="GG1831" s="91"/>
      <c r="GH1831" s="91"/>
      <c r="GI1831" s="91"/>
      <c r="GJ1831" s="91"/>
      <c r="GK1831" s="127"/>
      <c r="GL1831" s="126"/>
      <c r="GM1831" s="91"/>
      <c r="GN1831" s="91"/>
      <c r="GO1831" s="91"/>
      <c r="GP1831" s="91"/>
      <c r="GQ1831" s="91"/>
      <c r="GR1831" s="91"/>
      <c r="GS1831" s="91"/>
      <c r="GT1831" s="91"/>
      <c r="GU1831" s="91"/>
      <c r="GV1831" s="91"/>
      <c r="GW1831" s="91"/>
      <c r="GX1831" s="91"/>
      <c r="GY1831" s="91"/>
      <c r="GZ1831" s="91"/>
      <c r="HA1831" s="91"/>
      <c r="HB1831" s="91"/>
      <c r="HC1831" s="91"/>
      <c r="HD1831" s="91"/>
      <c r="HE1831" s="91"/>
      <c r="HF1831" s="91"/>
      <c r="HG1831" s="91"/>
      <c r="HH1831" s="91"/>
      <c r="HI1831" s="91"/>
      <c r="HJ1831" s="91"/>
      <c r="HK1831" s="127"/>
      <c r="HL1831" s="126"/>
      <c r="HM1831" s="91"/>
      <c r="HN1831" s="91"/>
      <c r="HO1831" s="91"/>
      <c r="HP1831" s="91"/>
      <c r="HQ1831" s="91"/>
      <c r="HR1831" s="91"/>
      <c r="HS1831" s="91"/>
      <c r="HT1831" s="91"/>
      <c r="HU1831" s="91"/>
      <c r="HV1831" s="91"/>
      <c r="HW1831" s="91"/>
      <c r="HX1831" s="91"/>
      <c r="HY1831" s="91"/>
      <c r="HZ1831" s="91"/>
      <c r="IA1831" s="91"/>
      <c r="IB1831" s="91"/>
      <c r="IC1831" s="91"/>
      <c r="ID1831" s="91"/>
      <c r="IE1831" s="91"/>
      <c r="IF1831" s="91"/>
      <c r="IG1831" s="91"/>
      <c r="IH1831" s="91"/>
      <c r="II1831" s="91"/>
      <c r="IJ1831" s="91"/>
      <c r="IK1831" s="127"/>
    </row>
    <row r="1832" spans="2:245" x14ac:dyDescent="0.2">
      <c r="B1832" s="43"/>
      <c r="C1832" s="73"/>
      <c r="D1832" s="64"/>
      <c r="E1832" s="64"/>
      <c r="F1832" s="55"/>
      <c r="G1832" s="102"/>
      <c r="H1832" s="55"/>
      <c r="I1832" s="55"/>
      <c r="J1832" s="55"/>
      <c r="K1832" s="55"/>
      <c r="L1832" s="55"/>
      <c r="M1832" s="55"/>
      <c r="N1832" s="55"/>
      <c r="O1832" s="55"/>
      <c r="P1832" s="55"/>
      <c r="Q1832" s="55"/>
      <c r="R1832" s="55"/>
      <c r="S1832" s="55"/>
      <c r="T1832" s="55"/>
      <c r="U1832" s="55"/>
      <c r="V1832" s="55"/>
      <c r="W1832" s="55"/>
      <c r="X1832" s="55"/>
      <c r="Y1832" s="55"/>
      <c r="Z1832" s="55"/>
      <c r="AA1832" s="55"/>
      <c r="AB1832" s="55"/>
      <c r="AC1832" s="55"/>
      <c r="AD1832" s="55"/>
      <c r="AE1832" s="55"/>
      <c r="AF1832" s="55"/>
      <c r="AG1832" s="55"/>
      <c r="AY1832" s="162"/>
      <c r="AZ1832" s="162"/>
      <c r="BA1832" s="162"/>
      <c r="BB1832" s="162"/>
      <c r="BC1832" s="162"/>
      <c r="BD1832" s="162"/>
      <c r="BE1832" s="162"/>
      <c r="BF1832" s="162"/>
      <c r="BG1832" s="162"/>
      <c r="BH1832" s="162"/>
      <c r="BI1832" s="162"/>
      <c r="BJ1832" s="162"/>
      <c r="BK1832" s="162"/>
      <c r="BL1832" s="162"/>
      <c r="BM1832" s="162"/>
      <c r="BN1832" s="162"/>
      <c r="BO1832" s="162"/>
      <c r="BP1832" s="162"/>
      <c r="BQ1832" s="162"/>
      <c r="BR1832" s="162"/>
      <c r="BS1832" s="162"/>
      <c r="BT1832" s="162"/>
      <c r="BU1832" s="162"/>
      <c r="BV1832" s="162"/>
      <c r="BW1832" s="162"/>
      <c r="BX1832" s="162"/>
      <c r="BY1832" s="162"/>
      <c r="BZ1832" s="162"/>
      <c r="CA1832" s="162"/>
      <c r="CB1832" s="162"/>
      <c r="CC1832" s="162"/>
      <c r="CD1832" s="162"/>
      <c r="CE1832" s="162"/>
      <c r="CF1832" s="162"/>
      <c r="CG1832" s="162"/>
      <c r="CH1832" s="162"/>
      <c r="CI1832" s="162"/>
      <c r="CJ1832" s="162"/>
      <c r="CK1832" s="162"/>
      <c r="CX1832" s="98"/>
      <c r="DL1832" s="97"/>
      <c r="DX1832" s="98"/>
      <c r="EL1832" s="97"/>
      <c r="EX1832" s="98"/>
      <c r="EY1832" s="97"/>
      <c r="FL1832" s="126"/>
      <c r="FM1832" s="91"/>
      <c r="FN1832" s="91"/>
      <c r="FO1832" s="91"/>
      <c r="FP1832" s="91"/>
      <c r="FQ1832" s="91"/>
      <c r="FR1832" s="91"/>
      <c r="FS1832" s="91"/>
      <c r="FT1832" s="91"/>
      <c r="FU1832" s="91"/>
      <c r="FV1832" s="91"/>
      <c r="FW1832" s="91"/>
      <c r="FX1832" s="91"/>
      <c r="FY1832" s="91"/>
      <c r="FZ1832" s="91"/>
      <c r="GA1832" s="91"/>
      <c r="GB1832" s="91"/>
      <c r="GC1832" s="91"/>
      <c r="GD1832" s="91"/>
      <c r="GE1832" s="91"/>
      <c r="GF1832" s="91"/>
      <c r="GG1832" s="91"/>
      <c r="GH1832" s="91"/>
      <c r="GI1832" s="91"/>
      <c r="GJ1832" s="91"/>
      <c r="GK1832" s="127"/>
      <c r="GL1832" s="126"/>
      <c r="GM1832" s="91"/>
      <c r="GN1832" s="91"/>
      <c r="GO1832" s="91"/>
      <c r="GP1832" s="91"/>
      <c r="GQ1832" s="91"/>
      <c r="GR1832" s="91"/>
      <c r="GS1832" s="91"/>
      <c r="GT1832" s="91"/>
      <c r="GU1832" s="91"/>
      <c r="GV1832" s="91"/>
      <c r="GW1832" s="91"/>
      <c r="GX1832" s="91"/>
      <c r="GY1832" s="91"/>
      <c r="GZ1832" s="91"/>
      <c r="HA1832" s="91"/>
      <c r="HB1832" s="91"/>
      <c r="HC1832" s="91"/>
      <c r="HD1832" s="91"/>
      <c r="HE1832" s="91"/>
      <c r="HF1832" s="91"/>
      <c r="HG1832" s="91"/>
      <c r="HH1832" s="91"/>
      <c r="HI1832" s="91"/>
      <c r="HJ1832" s="91"/>
      <c r="HK1832" s="127"/>
      <c r="HL1832" s="126"/>
      <c r="HM1832" s="91"/>
      <c r="HN1832" s="91"/>
      <c r="HO1832" s="91"/>
      <c r="HP1832" s="91"/>
      <c r="HQ1832" s="91"/>
      <c r="HR1832" s="91"/>
      <c r="HS1832" s="91"/>
      <c r="HT1832" s="91"/>
      <c r="HU1832" s="91"/>
      <c r="HV1832" s="91"/>
      <c r="HW1832" s="91"/>
      <c r="HX1832" s="91"/>
      <c r="HY1832" s="91"/>
      <c r="HZ1832" s="91"/>
      <c r="IA1832" s="91"/>
      <c r="IB1832" s="91"/>
      <c r="IC1832" s="91"/>
      <c r="ID1832" s="91"/>
      <c r="IE1832" s="91"/>
      <c r="IF1832" s="91"/>
      <c r="IG1832" s="91"/>
      <c r="IH1832" s="91"/>
      <c r="II1832" s="91"/>
      <c r="IJ1832" s="91"/>
      <c r="IK1832" s="127"/>
    </row>
    <row r="1833" spans="2:245" x14ac:dyDescent="0.2">
      <c r="B1833" s="43"/>
      <c r="C1833" s="73"/>
      <c r="D1833" s="64"/>
      <c r="E1833" s="64"/>
      <c r="F1833" s="55"/>
      <c r="G1833" s="102"/>
      <c r="H1833" s="55"/>
      <c r="I1833" s="55"/>
      <c r="J1833" s="55"/>
      <c r="K1833" s="55"/>
      <c r="L1833" s="55"/>
      <c r="M1833" s="55"/>
      <c r="N1833" s="55"/>
      <c r="O1833" s="55"/>
      <c r="P1833" s="55"/>
      <c r="Q1833" s="55"/>
      <c r="R1833" s="55"/>
      <c r="S1833" s="55"/>
      <c r="T1833" s="55"/>
      <c r="U1833" s="55"/>
      <c r="V1833" s="55"/>
      <c r="W1833" s="55"/>
      <c r="X1833" s="55"/>
      <c r="Y1833" s="55"/>
      <c r="Z1833" s="55"/>
      <c r="AA1833" s="55"/>
      <c r="AB1833" s="55"/>
      <c r="AC1833" s="55"/>
      <c r="AD1833" s="55"/>
      <c r="AE1833" s="55"/>
      <c r="AF1833" s="55"/>
      <c r="AG1833" s="55"/>
      <c r="AY1833" s="162"/>
      <c r="AZ1833" s="162"/>
      <c r="BA1833" s="162"/>
      <c r="BB1833" s="162"/>
      <c r="BC1833" s="162"/>
      <c r="BD1833" s="162"/>
      <c r="BE1833" s="162"/>
      <c r="BF1833" s="162"/>
      <c r="BG1833" s="162"/>
      <c r="BH1833" s="162"/>
      <c r="BI1833" s="162"/>
      <c r="BJ1833" s="162"/>
      <c r="BK1833" s="162"/>
      <c r="BL1833" s="162"/>
      <c r="BM1833" s="162"/>
      <c r="BN1833" s="162"/>
      <c r="BO1833" s="162"/>
      <c r="BP1833" s="162"/>
      <c r="BQ1833" s="162"/>
      <c r="BR1833" s="162"/>
      <c r="BS1833" s="162"/>
      <c r="BT1833" s="162"/>
      <c r="BU1833" s="162"/>
      <c r="BV1833" s="162"/>
      <c r="BW1833" s="162"/>
      <c r="BX1833" s="162"/>
      <c r="BY1833" s="162"/>
      <c r="BZ1833" s="162"/>
      <c r="CA1833" s="162"/>
      <c r="CB1833" s="162"/>
      <c r="CC1833" s="162"/>
      <c r="CD1833" s="162"/>
      <c r="CE1833" s="162"/>
      <c r="CF1833" s="162"/>
      <c r="CG1833" s="162"/>
      <c r="CH1833" s="162"/>
      <c r="CI1833" s="162"/>
      <c r="CJ1833" s="162"/>
      <c r="CK1833" s="162"/>
      <c r="CX1833" s="98"/>
      <c r="DL1833" s="97"/>
      <c r="DX1833" s="98"/>
      <c r="EL1833" s="97"/>
      <c r="EX1833" s="98"/>
      <c r="EY1833" s="97"/>
      <c r="FL1833" s="126"/>
      <c r="FM1833" s="91"/>
      <c r="FN1833" s="91"/>
      <c r="FO1833" s="91"/>
      <c r="FP1833" s="91"/>
      <c r="FQ1833" s="91"/>
      <c r="FR1833" s="91"/>
      <c r="FS1833" s="91"/>
      <c r="FT1833" s="91"/>
      <c r="FU1833" s="91"/>
      <c r="FV1833" s="91"/>
      <c r="FW1833" s="91"/>
      <c r="FX1833" s="91"/>
      <c r="FY1833" s="91"/>
      <c r="FZ1833" s="91"/>
      <c r="GA1833" s="91"/>
      <c r="GB1833" s="91"/>
      <c r="GC1833" s="91"/>
      <c r="GD1833" s="91"/>
      <c r="GE1833" s="91"/>
      <c r="GF1833" s="91"/>
      <c r="GG1833" s="91"/>
      <c r="GH1833" s="91"/>
      <c r="GI1833" s="91"/>
      <c r="GJ1833" s="91"/>
      <c r="GK1833" s="127"/>
      <c r="GL1833" s="126"/>
      <c r="GM1833" s="91"/>
      <c r="GN1833" s="91"/>
      <c r="GO1833" s="91"/>
      <c r="GP1833" s="91"/>
      <c r="GQ1833" s="91"/>
      <c r="GR1833" s="91"/>
      <c r="GS1833" s="91"/>
      <c r="GT1833" s="91"/>
      <c r="GU1833" s="91"/>
      <c r="GV1833" s="91"/>
      <c r="GW1833" s="91"/>
      <c r="GX1833" s="91"/>
      <c r="GY1833" s="91"/>
      <c r="GZ1833" s="91"/>
      <c r="HA1833" s="91"/>
      <c r="HB1833" s="91"/>
      <c r="HC1833" s="91"/>
      <c r="HD1833" s="91"/>
      <c r="HE1833" s="91"/>
      <c r="HF1833" s="91"/>
      <c r="HG1833" s="91"/>
      <c r="HH1833" s="91"/>
      <c r="HI1833" s="91"/>
      <c r="HJ1833" s="91"/>
      <c r="HK1833" s="127"/>
      <c r="HL1833" s="126"/>
      <c r="HM1833" s="91"/>
      <c r="HN1833" s="91"/>
      <c r="HO1833" s="91"/>
      <c r="HP1833" s="91"/>
      <c r="HQ1833" s="91"/>
      <c r="HR1833" s="91"/>
      <c r="HS1833" s="91"/>
      <c r="HT1833" s="91"/>
      <c r="HU1833" s="91"/>
      <c r="HV1833" s="91"/>
      <c r="HW1833" s="91"/>
      <c r="HX1833" s="91"/>
      <c r="HY1833" s="91"/>
      <c r="HZ1833" s="91"/>
      <c r="IA1833" s="91"/>
      <c r="IB1833" s="91"/>
      <c r="IC1833" s="91"/>
      <c r="ID1833" s="91"/>
      <c r="IE1833" s="91"/>
      <c r="IF1833" s="91"/>
      <c r="IG1833" s="91"/>
      <c r="IH1833" s="91"/>
      <c r="II1833" s="91"/>
      <c r="IJ1833" s="91"/>
      <c r="IK1833" s="127"/>
    </row>
    <row r="1834" spans="2:245" x14ac:dyDescent="0.2">
      <c r="B1834" s="43"/>
      <c r="C1834" s="73"/>
      <c r="D1834" s="64"/>
      <c r="E1834" s="64"/>
      <c r="F1834" s="55"/>
      <c r="G1834" s="102"/>
      <c r="H1834" s="55"/>
      <c r="I1834" s="55"/>
      <c r="J1834" s="55"/>
      <c r="K1834" s="55"/>
      <c r="L1834" s="55"/>
      <c r="M1834" s="55"/>
      <c r="N1834" s="55"/>
      <c r="O1834" s="55"/>
      <c r="P1834" s="55"/>
      <c r="Q1834" s="55"/>
      <c r="R1834" s="55"/>
      <c r="S1834" s="55"/>
      <c r="T1834" s="55"/>
      <c r="U1834" s="55"/>
      <c r="V1834" s="55"/>
      <c r="W1834" s="55"/>
      <c r="X1834" s="55"/>
      <c r="Y1834" s="55"/>
      <c r="Z1834" s="55"/>
      <c r="AA1834" s="55"/>
      <c r="AB1834" s="55"/>
      <c r="AC1834" s="55"/>
      <c r="AD1834" s="55"/>
      <c r="AE1834" s="55"/>
      <c r="AF1834" s="55"/>
      <c r="AG1834" s="55"/>
      <c r="AY1834" s="162"/>
      <c r="AZ1834" s="162"/>
      <c r="BA1834" s="162"/>
      <c r="BB1834" s="162"/>
      <c r="BC1834" s="162"/>
      <c r="BD1834" s="162"/>
      <c r="BE1834" s="162"/>
      <c r="BF1834" s="162"/>
      <c r="BG1834" s="162"/>
      <c r="BH1834" s="162"/>
      <c r="BI1834" s="162"/>
      <c r="BJ1834" s="162"/>
      <c r="BK1834" s="162"/>
      <c r="BL1834" s="162"/>
      <c r="BM1834" s="162"/>
      <c r="BN1834" s="162"/>
      <c r="BO1834" s="162"/>
      <c r="BP1834" s="162"/>
      <c r="BQ1834" s="162"/>
      <c r="BR1834" s="162"/>
      <c r="BS1834" s="162"/>
      <c r="BT1834" s="162"/>
      <c r="BU1834" s="162"/>
      <c r="BV1834" s="162"/>
      <c r="BW1834" s="162"/>
      <c r="BX1834" s="162"/>
      <c r="BY1834" s="162"/>
      <c r="BZ1834" s="162"/>
      <c r="CA1834" s="162"/>
      <c r="CB1834" s="162"/>
      <c r="CC1834" s="162"/>
      <c r="CD1834" s="162"/>
      <c r="CE1834" s="162"/>
      <c r="CF1834" s="162"/>
      <c r="CG1834" s="162"/>
      <c r="CH1834" s="162"/>
      <c r="CI1834" s="162"/>
      <c r="CJ1834" s="162"/>
      <c r="CK1834" s="162"/>
      <c r="CX1834" s="98"/>
      <c r="DL1834" s="97"/>
      <c r="DX1834" s="98"/>
      <c r="EL1834" s="97"/>
      <c r="EX1834" s="98"/>
      <c r="EY1834" s="97"/>
      <c r="FL1834" s="126"/>
      <c r="FM1834" s="91"/>
      <c r="FN1834" s="91"/>
      <c r="FO1834" s="91"/>
      <c r="FP1834" s="91"/>
      <c r="FQ1834" s="91"/>
      <c r="FR1834" s="91"/>
      <c r="FS1834" s="91"/>
      <c r="FT1834" s="91"/>
      <c r="FU1834" s="91"/>
      <c r="FV1834" s="91"/>
      <c r="FW1834" s="91"/>
      <c r="FX1834" s="91"/>
      <c r="FY1834" s="91"/>
      <c r="FZ1834" s="91"/>
      <c r="GA1834" s="91"/>
      <c r="GB1834" s="91"/>
      <c r="GC1834" s="91"/>
      <c r="GD1834" s="91"/>
      <c r="GE1834" s="91"/>
      <c r="GF1834" s="91"/>
      <c r="GG1834" s="91"/>
      <c r="GH1834" s="91"/>
      <c r="GI1834" s="91"/>
      <c r="GJ1834" s="91"/>
      <c r="GK1834" s="127"/>
      <c r="GL1834" s="126"/>
      <c r="GM1834" s="91"/>
      <c r="GN1834" s="91"/>
      <c r="GO1834" s="91"/>
      <c r="GP1834" s="91"/>
      <c r="GQ1834" s="91"/>
      <c r="GR1834" s="91"/>
      <c r="GS1834" s="91"/>
      <c r="GT1834" s="91"/>
      <c r="GU1834" s="91"/>
      <c r="GV1834" s="91"/>
      <c r="GW1834" s="91"/>
      <c r="GX1834" s="91"/>
      <c r="GY1834" s="91"/>
      <c r="GZ1834" s="91"/>
      <c r="HA1834" s="91"/>
      <c r="HB1834" s="91"/>
      <c r="HC1834" s="91"/>
      <c r="HD1834" s="91"/>
      <c r="HE1834" s="91"/>
      <c r="HF1834" s="91"/>
      <c r="HG1834" s="91"/>
      <c r="HH1834" s="91"/>
      <c r="HI1834" s="91"/>
      <c r="HJ1834" s="91"/>
      <c r="HK1834" s="127"/>
      <c r="HL1834" s="126"/>
      <c r="HM1834" s="91"/>
      <c r="HN1834" s="91"/>
      <c r="HO1834" s="91"/>
      <c r="HP1834" s="91"/>
      <c r="HQ1834" s="91"/>
      <c r="HR1834" s="91"/>
      <c r="HS1834" s="91"/>
      <c r="HT1834" s="91"/>
      <c r="HU1834" s="91"/>
      <c r="HV1834" s="91"/>
      <c r="HW1834" s="91"/>
      <c r="HX1834" s="91"/>
      <c r="HY1834" s="91"/>
      <c r="HZ1834" s="91"/>
      <c r="IA1834" s="91"/>
      <c r="IB1834" s="91"/>
      <c r="IC1834" s="91"/>
      <c r="ID1834" s="91"/>
      <c r="IE1834" s="91"/>
      <c r="IF1834" s="91"/>
      <c r="IG1834" s="91"/>
      <c r="IH1834" s="91"/>
      <c r="II1834" s="91"/>
      <c r="IJ1834" s="91"/>
      <c r="IK1834" s="127"/>
    </row>
    <row r="1835" spans="2:245" x14ac:dyDescent="0.2">
      <c r="B1835" s="43"/>
      <c r="C1835" s="73"/>
      <c r="D1835" s="64"/>
      <c r="E1835" s="64"/>
      <c r="F1835" s="55"/>
      <c r="G1835" s="102"/>
      <c r="H1835" s="55"/>
      <c r="I1835" s="55"/>
      <c r="J1835" s="55"/>
      <c r="K1835" s="55"/>
      <c r="L1835" s="55"/>
      <c r="M1835" s="55"/>
      <c r="N1835" s="55"/>
      <c r="O1835" s="55"/>
      <c r="P1835" s="55"/>
      <c r="Q1835" s="55"/>
      <c r="R1835" s="55"/>
      <c r="S1835" s="55"/>
      <c r="T1835" s="55"/>
      <c r="U1835" s="55"/>
      <c r="V1835" s="55"/>
      <c r="W1835" s="55"/>
      <c r="X1835" s="55"/>
      <c r="Y1835" s="55"/>
      <c r="Z1835" s="55"/>
      <c r="AA1835" s="55"/>
      <c r="AB1835" s="55"/>
      <c r="AC1835" s="55"/>
      <c r="AD1835" s="55"/>
      <c r="AE1835" s="55"/>
      <c r="AF1835" s="55"/>
      <c r="AG1835" s="55"/>
      <c r="AY1835" s="162"/>
      <c r="AZ1835" s="162"/>
      <c r="BA1835" s="162"/>
      <c r="BB1835" s="162"/>
      <c r="BC1835" s="162"/>
      <c r="BD1835" s="162"/>
      <c r="BE1835" s="162"/>
      <c r="BF1835" s="162"/>
      <c r="BG1835" s="162"/>
      <c r="BH1835" s="162"/>
      <c r="BI1835" s="162"/>
      <c r="BJ1835" s="162"/>
      <c r="BK1835" s="162"/>
      <c r="BL1835" s="162"/>
      <c r="BM1835" s="162"/>
      <c r="BN1835" s="162"/>
      <c r="BO1835" s="162"/>
      <c r="BP1835" s="162"/>
      <c r="BQ1835" s="162"/>
      <c r="BR1835" s="162"/>
      <c r="BS1835" s="162"/>
      <c r="BT1835" s="162"/>
      <c r="BU1835" s="162"/>
      <c r="BV1835" s="162"/>
      <c r="BW1835" s="162"/>
      <c r="BX1835" s="162"/>
      <c r="BY1835" s="162"/>
      <c r="BZ1835" s="162"/>
      <c r="CA1835" s="162"/>
      <c r="CB1835" s="162"/>
      <c r="CC1835" s="162"/>
      <c r="CD1835" s="162"/>
      <c r="CE1835" s="162"/>
      <c r="CF1835" s="162"/>
      <c r="CG1835" s="162"/>
      <c r="CH1835" s="162"/>
      <c r="CI1835" s="162"/>
      <c r="CJ1835" s="162"/>
      <c r="CK1835" s="162"/>
      <c r="CX1835" s="98"/>
      <c r="DL1835" s="97"/>
      <c r="DX1835" s="98"/>
      <c r="EL1835" s="97"/>
      <c r="EX1835" s="98"/>
      <c r="EY1835" s="97"/>
      <c r="FL1835" s="126"/>
      <c r="FM1835" s="91"/>
      <c r="FN1835" s="91"/>
      <c r="FO1835" s="91"/>
      <c r="FP1835" s="91"/>
      <c r="FQ1835" s="91"/>
      <c r="FR1835" s="91"/>
      <c r="FS1835" s="91"/>
      <c r="FT1835" s="91"/>
      <c r="FU1835" s="91"/>
      <c r="FV1835" s="91"/>
      <c r="FW1835" s="91"/>
      <c r="FX1835" s="91"/>
      <c r="FY1835" s="91"/>
      <c r="FZ1835" s="91"/>
      <c r="GA1835" s="91"/>
      <c r="GB1835" s="91"/>
      <c r="GC1835" s="91"/>
      <c r="GD1835" s="91"/>
      <c r="GE1835" s="91"/>
      <c r="GF1835" s="91"/>
      <c r="GG1835" s="91"/>
      <c r="GH1835" s="91"/>
      <c r="GI1835" s="91"/>
      <c r="GJ1835" s="91"/>
      <c r="GK1835" s="127"/>
      <c r="GL1835" s="126"/>
      <c r="GM1835" s="91"/>
      <c r="GN1835" s="91"/>
      <c r="GO1835" s="91"/>
      <c r="GP1835" s="91"/>
      <c r="GQ1835" s="91"/>
      <c r="GR1835" s="91"/>
      <c r="GS1835" s="91"/>
      <c r="GT1835" s="91"/>
      <c r="GU1835" s="91"/>
      <c r="GV1835" s="91"/>
      <c r="GW1835" s="91"/>
      <c r="GX1835" s="91"/>
      <c r="GY1835" s="91"/>
      <c r="GZ1835" s="91"/>
      <c r="HA1835" s="91"/>
      <c r="HB1835" s="91"/>
      <c r="HC1835" s="91"/>
      <c r="HD1835" s="91"/>
      <c r="HE1835" s="91"/>
      <c r="HF1835" s="91"/>
      <c r="HG1835" s="91"/>
      <c r="HH1835" s="91"/>
      <c r="HI1835" s="91"/>
      <c r="HJ1835" s="91"/>
      <c r="HK1835" s="127"/>
      <c r="HL1835" s="126"/>
      <c r="HM1835" s="91"/>
      <c r="HN1835" s="91"/>
      <c r="HO1835" s="91"/>
      <c r="HP1835" s="91"/>
      <c r="HQ1835" s="91"/>
      <c r="HR1835" s="91"/>
      <c r="HS1835" s="91"/>
      <c r="HT1835" s="91"/>
      <c r="HU1835" s="91"/>
      <c r="HV1835" s="91"/>
      <c r="HW1835" s="91"/>
      <c r="HX1835" s="91"/>
      <c r="HY1835" s="91"/>
      <c r="HZ1835" s="91"/>
      <c r="IA1835" s="91"/>
      <c r="IB1835" s="91"/>
      <c r="IC1835" s="91"/>
      <c r="ID1835" s="91"/>
      <c r="IE1835" s="91"/>
      <c r="IF1835" s="91"/>
      <c r="IG1835" s="91"/>
      <c r="IH1835" s="91"/>
      <c r="II1835" s="91"/>
      <c r="IJ1835" s="91"/>
      <c r="IK1835" s="127"/>
    </row>
    <row r="1836" spans="2:245" x14ac:dyDescent="0.2">
      <c r="B1836" s="43"/>
      <c r="C1836" s="73"/>
      <c r="D1836" s="64"/>
      <c r="E1836" s="64"/>
      <c r="F1836" s="55"/>
      <c r="G1836" s="102"/>
      <c r="H1836" s="55"/>
      <c r="I1836" s="55"/>
      <c r="J1836" s="55"/>
      <c r="K1836" s="55"/>
      <c r="L1836" s="55"/>
      <c r="M1836" s="55"/>
      <c r="N1836" s="55"/>
      <c r="O1836" s="55"/>
      <c r="P1836" s="55"/>
      <c r="Q1836" s="55"/>
      <c r="R1836" s="55"/>
      <c r="S1836" s="55"/>
      <c r="T1836" s="55"/>
      <c r="U1836" s="55"/>
      <c r="V1836" s="55"/>
      <c r="W1836" s="55"/>
      <c r="X1836" s="55"/>
      <c r="Y1836" s="55"/>
      <c r="Z1836" s="55"/>
      <c r="AA1836" s="55"/>
      <c r="AB1836" s="55"/>
      <c r="AC1836" s="55"/>
      <c r="AD1836" s="55"/>
      <c r="AE1836" s="55"/>
      <c r="AF1836" s="55"/>
      <c r="AG1836" s="55"/>
      <c r="AY1836" s="162"/>
      <c r="AZ1836" s="162"/>
      <c r="BA1836" s="162"/>
      <c r="BB1836" s="162"/>
      <c r="BC1836" s="162"/>
      <c r="BD1836" s="162"/>
      <c r="BE1836" s="162"/>
      <c r="BF1836" s="162"/>
      <c r="BG1836" s="162"/>
      <c r="BH1836" s="162"/>
      <c r="BI1836" s="162"/>
      <c r="BJ1836" s="162"/>
      <c r="BK1836" s="162"/>
      <c r="BL1836" s="162"/>
      <c r="BM1836" s="162"/>
      <c r="BN1836" s="162"/>
      <c r="BO1836" s="162"/>
      <c r="BP1836" s="162"/>
      <c r="BQ1836" s="162"/>
      <c r="BR1836" s="162"/>
      <c r="BS1836" s="162"/>
      <c r="BT1836" s="162"/>
      <c r="BU1836" s="162"/>
      <c r="BV1836" s="162"/>
      <c r="BW1836" s="162"/>
      <c r="BX1836" s="162"/>
      <c r="BY1836" s="162"/>
      <c r="BZ1836" s="162"/>
      <c r="CA1836" s="162"/>
      <c r="CB1836" s="162"/>
      <c r="CC1836" s="162"/>
      <c r="CD1836" s="162"/>
      <c r="CE1836" s="162"/>
      <c r="CF1836" s="162"/>
      <c r="CG1836" s="162"/>
      <c r="CH1836" s="162"/>
      <c r="CI1836" s="162"/>
      <c r="CJ1836" s="162"/>
      <c r="CK1836" s="162"/>
      <c r="CX1836" s="98"/>
      <c r="DL1836" s="97"/>
      <c r="DX1836" s="98"/>
      <c r="EL1836" s="97"/>
      <c r="EX1836" s="98"/>
      <c r="EY1836" s="97"/>
      <c r="FL1836" s="126"/>
      <c r="FM1836" s="91"/>
      <c r="FN1836" s="91"/>
      <c r="FO1836" s="91"/>
      <c r="FP1836" s="91"/>
      <c r="FQ1836" s="91"/>
      <c r="FR1836" s="91"/>
      <c r="FS1836" s="91"/>
      <c r="FT1836" s="91"/>
      <c r="FU1836" s="91"/>
      <c r="FV1836" s="91"/>
      <c r="FW1836" s="91"/>
      <c r="FX1836" s="91"/>
      <c r="FY1836" s="91"/>
      <c r="FZ1836" s="91"/>
      <c r="GA1836" s="91"/>
      <c r="GB1836" s="91"/>
      <c r="GC1836" s="91"/>
      <c r="GD1836" s="91"/>
      <c r="GE1836" s="91"/>
      <c r="GF1836" s="91"/>
      <c r="GG1836" s="91"/>
      <c r="GH1836" s="91"/>
      <c r="GI1836" s="91"/>
      <c r="GJ1836" s="91"/>
      <c r="GK1836" s="127"/>
      <c r="GL1836" s="126"/>
      <c r="GM1836" s="91"/>
      <c r="GN1836" s="91"/>
      <c r="GO1836" s="91"/>
      <c r="GP1836" s="91"/>
      <c r="GQ1836" s="91"/>
      <c r="GR1836" s="91"/>
      <c r="GS1836" s="91"/>
      <c r="GT1836" s="91"/>
      <c r="GU1836" s="91"/>
      <c r="GV1836" s="91"/>
      <c r="GW1836" s="91"/>
      <c r="GX1836" s="91"/>
      <c r="GY1836" s="91"/>
      <c r="GZ1836" s="91"/>
      <c r="HA1836" s="91"/>
      <c r="HB1836" s="91"/>
      <c r="HC1836" s="91"/>
      <c r="HD1836" s="91"/>
      <c r="HE1836" s="91"/>
      <c r="HF1836" s="91"/>
      <c r="HG1836" s="91"/>
      <c r="HH1836" s="91"/>
      <c r="HI1836" s="91"/>
      <c r="HJ1836" s="91"/>
      <c r="HK1836" s="127"/>
      <c r="HL1836" s="126"/>
      <c r="HM1836" s="91"/>
      <c r="HN1836" s="91"/>
      <c r="HO1836" s="91"/>
      <c r="HP1836" s="91"/>
      <c r="HQ1836" s="91"/>
      <c r="HR1836" s="91"/>
      <c r="HS1836" s="91"/>
      <c r="HT1836" s="91"/>
      <c r="HU1836" s="91"/>
      <c r="HV1836" s="91"/>
      <c r="HW1836" s="91"/>
      <c r="HX1836" s="91"/>
      <c r="HY1836" s="91"/>
      <c r="HZ1836" s="91"/>
      <c r="IA1836" s="91"/>
      <c r="IB1836" s="91"/>
      <c r="IC1836" s="91"/>
      <c r="ID1836" s="91"/>
      <c r="IE1836" s="91"/>
      <c r="IF1836" s="91"/>
      <c r="IG1836" s="91"/>
      <c r="IH1836" s="91"/>
      <c r="II1836" s="91"/>
      <c r="IJ1836" s="91"/>
      <c r="IK1836" s="127"/>
    </row>
    <row r="1837" spans="2:245" x14ac:dyDescent="0.2">
      <c r="B1837" s="43"/>
      <c r="C1837" s="73"/>
      <c r="D1837" s="64"/>
      <c r="E1837" s="64"/>
      <c r="F1837" s="55"/>
      <c r="G1837" s="102"/>
      <c r="H1837" s="55"/>
      <c r="I1837" s="55"/>
      <c r="J1837" s="55"/>
      <c r="K1837" s="55"/>
      <c r="L1837" s="55"/>
      <c r="M1837" s="55"/>
      <c r="N1837" s="55"/>
      <c r="O1837" s="55"/>
      <c r="P1837" s="55"/>
      <c r="Q1837" s="55"/>
      <c r="R1837" s="55"/>
      <c r="S1837" s="55"/>
      <c r="T1837" s="55"/>
      <c r="U1837" s="55"/>
      <c r="V1837" s="55"/>
      <c r="W1837" s="55"/>
      <c r="X1837" s="55"/>
      <c r="Y1837" s="55"/>
      <c r="Z1837" s="55"/>
      <c r="AA1837" s="55"/>
      <c r="AB1837" s="55"/>
      <c r="AC1837" s="55"/>
      <c r="AD1837" s="55"/>
      <c r="AE1837" s="55"/>
      <c r="AF1837" s="55"/>
      <c r="AG1837" s="55"/>
      <c r="AY1837" s="162"/>
      <c r="AZ1837" s="162"/>
      <c r="BA1837" s="162"/>
      <c r="BB1837" s="162"/>
      <c r="BC1837" s="162"/>
      <c r="BD1837" s="162"/>
      <c r="BE1837" s="162"/>
      <c r="BF1837" s="162"/>
      <c r="BG1837" s="162"/>
      <c r="BH1837" s="162"/>
      <c r="BI1837" s="162"/>
      <c r="BJ1837" s="162"/>
      <c r="BK1837" s="162"/>
      <c r="BL1837" s="162"/>
      <c r="BM1837" s="162"/>
      <c r="BN1837" s="162"/>
      <c r="BO1837" s="162"/>
      <c r="BP1837" s="162"/>
      <c r="BQ1837" s="162"/>
      <c r="BR1837" s="162"/>
      <c r="BS1837" s="162"/>
      <c r="BT1837" s="162"/>
      <c r="BU1837" s="162"/>
      <c r="BV1837" s="162"/>
      <c r="BW1837" s="162"/>
      <c r="BX1837" s="162"/>
      <c r="BY1837" s="162"/>
      <c r="BZ1837" s="162"/>
      <c r="CA1837" s="162"/>
      <c r="CB1837" s="162"/>
      <c r="CC1837" s="162"/>
      <c r="CD1837" s="162"/>
      <c r="CE1837" s="162"/>
      <c r="CF1837" s="162"/>
      <c r="CG1837" s="162"/>
      <c r="CH1837" s="162"/>
      <c r="CI1837" s="162"/>
      <c r="CJ1837" s="162"/>
      <c r="CK1837" s="162"/>
      <c r="CX1837" s="98"/>
      <c r="DL1837" s="97"/>
      <c r="DX1837" s="98"/>
      <c r="EL1837" s="97"/>
      <c r="EX1837" s="98"/>
      <c r="EY1837" s="97"/>
      <c r="FL1837" s="126"/>
      <c r="FM1837" s="91"/>
      <c r="FN1837" s="91"/>
      <c r="FO1837" s="91"/>
      <c r="FP1837" s="91"/>
      <c r="FQ1837" s="91"/>
      <c r="FR1837" s="91"/>
      <c r="FS1837" s="91"/>
      <c r="FT1837" s="91"/>
      <c r="FU1837" s="91"/>
      <c r="FV1837" s="91"/>
      <c r="FW1837" s="91"/>
      <c r="FX1837" s="91"/>
      <c r="FY1837" s="91"/>
      <c r="FZ1837" s="91"/>
      <c r="GA1837" s="91"/>
      <c r="GB1837" s="91"/>
      <c r="GC1837" s="91"/>
      <c r="GD1837" s="91"/>
      <c r="GE1837" s="91"/>
      <c r="GF1837" s="91"/>
      <c r="GG1837" s="91"/>
      <c r="GH1837" s="91"/>
      <c r="GI1837" s="91"/>
      <c r="GJ1837" s="91"/>
      <c r="GK1837" s="127"/>
      <c r="GL1837" s="126"/>
      <c r="GM1837" s="91"/>
      <c r="GN1837" s="91"/>
      <c r="GO1837" s="91"/>
      <c r="GP1837" s="91"/>
      <c r="GQ1837" s="91"/>
      <c r="GR1837" s="91"/>
      <c r="GS1837" s="91"/>
      <c r="GT1837" s="91"/>
      <c r="GU1837" s="91"/>
      <c r="GV1837" s="91"/>
      <c r="GW1837" s="91"/>
      <c r="GX1837" s="91"/>
      <c r="GY1837" s="91"/>
      <c r="GZ1837" s="91"/>
      <c r="HA1837" s="91"/>
      <c r="HB1837" s="91"/>
      <c r="HC1837" s="91"/>
      <c r="HD1837" s="91"/>
      <c r="HE1837" s="91"/>
      <c r="HF1837" s="91"/>
      <c r="HG1837" s="91"/>
      <c r="HH1837" s="91"/>
      <c r="HI1837" s="91"/>
      <c r="HJ1837" s="91"/>
      <c r="HK1837" s="127"/>
      <c r="HL1837" s="126"/>
      <c r="HM1837" s="91"/>
      <c r="HN1837" s="91"/>
      <c r="HO1837" s="91"/>
      <c r="HP1837" s="91"/>
      <c r="HQ1837" s="91"/>
      <c r="HR1837" s="91"/>
      <c r="HS1837" s="91"/>
      <c r="HT1837" s="91"/>
      <c r="HU1837" s="91"/>
      <c r="HV1837" s="91"/>
      <c r="HW1837" s="91"/>
      <c r="HX1837" s="91"/>
      <c r="HY1837" s="91"/>
      <c r="HZ1837" s="91"/>
      <c r="IA1837" s="91"/>
      <c r="IB1837" s="91"/>
      <c r="IC1837" s="91"/>
      <c r="ID1837" s="91"/>
      <c r="IE1837" s="91"/>
      <c r="IF1837" s="91"/>
      <c r="IG1837" s="91"/>
      <c r="IH1837" s="91"/>
      <c r="II1837" s="91"/>
      <c r="IJ1837" s="91"/>
      <c r="IK1837" s="127"/>
    </row>
    <row r="1838" spans="2:245" x14ac:dyDescent="0.2">
      <c r="B1838" s="43"/>
      <c r="C1838" s="73"/>
      <c r="D1838" s="64"/>
      <c r="E1838" s="64"/>
      <c r="F1838" s="55"/>
      <c r="G1838" s="102"/>
      <c r="H1838" s="55"/>
      <c r="I1838" s="55"/>
      <c r="J1838" s="55"/>
      <c r="K1838" s="55"/>
      <c r="L1838" s="55"/>
      <c r="M1838" s="55"/>
      <c r="N1838" s="55"/>
      <c r="O1838" s="55"/>
      <c r="P1838" s="55"/>
      <c r="Q1838" s="55"/>
      <c r="R1838" s="55"/>
      <c r="S1838" s="55"/>
      <c r="T1838" s="55"/>
      <c r="U1838" s="55"/>
      <c r="V1838" s="55"/>
      <c r="W1838" s="55"/>
      <c r="X1838" s="55"/>
      <c r="Y1838" s="55"/>
      <c r="Z1838" s="55"/>
      <c r="AA1838" s="55"/>
      <c r="AB1838" s="55"/>
      <c r="AC1838" s="55"/>
      <c r="AD1838" s="55"/>
      <c r="AE1838" s="55"/>
      <c r="AF1838" s="55"/>
      <c r="AG1838" s="55"/>
      <c r="AY1838" s="162"/>
      <c r="AZ1838" s="162"/>
      <c r="BA1838" s="162"/>
      <c r="BB1838" s="162"/>
      <c r="BC1838" s="162"/>
      <c r="BD1838" s="162"/>
      <c r="BE1838" s="162"/>
      <c r="BF1838" s="162"/>
      <c r="BG1838" s="162"/>
      <c r="BH1838" s="162"/>
      <c r="BI1838" s="162"/>
      <c r="BJ1838" s="162"/>
      <c r="BK1838" s="162"/>
      <c r="BL1838" s="162"/>
      <c r="BM1838" s="162"/>
      <c r="BN1838" s="162"/>
      <c r="BO1838" s="162"/>
      <c r="BP1838" s="162"/>
      <c r="BQ1838" s="162"/>
      <c r="BR1838" s="162"/>
      <c r="BS1838" s="162"/>
      <c r="BT1838" s="162"/>
      <c r="BU1838" s="162"/>
      <c r="BV1838" s="162"/>
      <c r="BW1838" s="162"/>
      <c r="BX1838" s="162"/>
      <c r="BY1838" s="162"/>
      <c r="BZ1838" s="162"/>
      <c r="CA1838" s="162"/>
      <c r="CB1838" s="162"/>
      <c r="CC1838" s="162"/>
      <c r="CD1838" s="162"/>
      <c r="CE1838" s="162"/>
      <c r="CF1838" s="162"/>
      <c r="CG1838" s="162"/>
      <c r="CH1838" s="162"/>
      <c r="CI1838" s="162"/>
      <c r="CJ1838" s="162"/>
      <c r="CK1838" s="162"/>
      <c r="CX1838" s="98"/>
      <c r="DL1838" s="97"/>
      <c r="DX1838" s="98"/>
      <c r="EL1838" s="97"/>
      <c r="EX1838" s="98"/>
      <c r="EY1838" s="97"/>
      <c r="FL1838" s="126"/>
      <c r="FM1838" s="91"/>
      <c r="FN1838" s="91"/>
      <c r="FO1838" s="91"/>
      <c r="FP1838" s="91"/>
      <c r="FQ1838" s="91"/>
      <c r="FR1838" s="91"/>
      <c r="FS1838" s="91"/>
      <c r="FT1838" s="91"/>
      <c r="FU1838" s="91"/>
      <c r="FV1838" s="91"/>
      <c r="FW1838" s="91"/>
      <c r="FX1838" s="91"/>
      <c r="FY1838" s="91"/>
      <c r="FZ1838" s="91"/>
      <c r="GA1838" s="91"/>
      <c r="GB1838" s="91"/>
      <c r="GC1838" s="91"/>
      <c r="GD1838" s="91"/>
      <c r="GE1838" s="91"/>
      <c r="GF1838" s="91"/>
      <c r="GG1838" s="91"/>
      <c r="GH1838" s="91"/>
      <c r="GI1838" s="91"/>
      <c r="GJ1838" s="91"/>
      <c r="GK1838" s="127"/>
      <c r="GL1838" s="126"/>
      <c r="GM1838" s="91"/>
      <c r="GN1838" s="91"/>
      <c r="GO1838" s="91"/>
      <c r="GP1838" s="91"/>
      <c r="GQ1838" s="91"/>
      <c r="GR1838" s="91"/>
      <c r="GS1838" s="91"/>
      <c r="GT1838" s="91"/>
      <c r="GU1838" s="91"/>
      <c r="GV1838" s="91"/>
      <c r="GW1838" s="91"/>
      <c r="GX1838" s="91"/>
      <c r="GY1838" s="91"/>
      <c r="GZ1838" s="91"/>
      <c r="HA1838" s="91"/>
      <c r="HB1838" s="91"/>
      <c r="HC1838" s="91"/>
      <c r="HD1838" s="91"/>
      <c r="HE1838" s="91"/>
      <c r="HF1838" s="91"/>
      <c r="HG1838" s="91"/>
      <c r="HH1838" s="91"/>
      <c r="HI1838" s="91"/>
      <c r="HJ1838" s="91"/>
      <c r="HK1838" s="127"/>
      <c r="HL1838" s="126"/>
      <c r="HM1838" s="91"/>
      <c r="HN1838" s="91"/>
      <c r="HO1838" s="91"/>
      <c r="HP1838" s="91"/>
      <c r="HQ1838" s="91"/>
      <c r="HR1838" s="91"/>
      <c r="HS1838" s="91"/>
      <c r="HT1838" s="91"/>
      <c r="HU1838" s="91"/>
      <c r="HV1838" s="91"/>
      <c r="HW1838" s="91"/>
      <c r="HX1838" s="91"/>
      <c r="HY1838" s="91"/>
      <c r="HZ1838" s="91"/>
      <c r="IA1838" s="91"/>
      <c r="IB1838" s="91"/>
      <c r="IC1838" s="91"/>
      <c r="ID1838" s="91"/>
      <c r="IE1838" s="91"/>
      <c r="IF1838" s="91"/>
      <c r="IG1838" s="91"/>
      <c r="IH1838" s="91"/>
      <c r="II1838" s="91"/>
      <c r="IJ1838" s="91"/>
      <c r="IK1838" s="127"/>
    </row>
    <row r="1839" spans="2:245" x14ac:dyDescent="0.2">
      <c r="B1839" s="43"/>
      <c r="C1839" s="73"/>
      <c r="D1839" s="64"/>
      <c r="E1839" s="64"/>
      <c r="F1839" s="55"/>
      <c r="G1839" s="102"/>
      <c r="H1839" s="55"/>
      <c r="I1839" s="55"/>
      <c r="J1839" s="55"/>
      <c r="K1839" s="55"/>
      <c r="L1839" s="55"/>
      <c r="M1839" s="55"/>
      <c r="N1839" s="55"/>
      <c r="O1839" s="55"/>
      <c r="P1839" s="55"/>
      <c r="Q1839" s="55"/>
      <c r="R1839" s="55"/>
      <c r="S1839" s="55"/>
      <c r="T1839" s="55"/>
      <c r="U1839" s="55"/>
      <c r="V1839" s="55"/>
      <c r="W1839" s="55"/>
      <c r="X1839" s="55"/>
      <c r="Y1839" s="55"/>
      <c r="Z1839" s="55"/>
      <c r="AA1839" s="55"/>
      <c r="AB1839" s="55"/>
      <c r="AC1839" s="55"/>
      <c r="AD1839" s="55"/>
      <c r="AE1839" s="55"/>
      <c r="AF1839" s="55"/>
      <c r="AG1839" s="55"/>
      <c r="AY1839" s="162"/>
      <c r="AZ1839" s="162"/>
      <c r="BA1839" s="162"/>
      <c r="BB1839" s="162"/>
      <c r="BC1839" s="162"/>
      <c r="BD1839" s="162"/>
      <c r="BE1839" s="162"/>
      <c r="BF1839" s="162"/>
      <c r="BG1839" s="162"/>
      <c r="BH1839" s="162"/>
      <c r="BI1839" s="162"/>
      <c r="BJ1839" s="162"/>
      <c r="BK1839" s="162"/>
      <c r="BL1839" s="162"/>
      <c r="BM1839" s="162"/>
      <c r="BN1839" s="162"/>
      <c r="BO1839" s="162"/>
      <c r="BP1839" s="162"/>
      <c r="BQ1839" s="162"/>
      <c r="BR1839" s="162"/>
      <c r="BS1839" s="162"/>
      <c r="BT1839" s="162"/>
      <c r="BU1839" s="162"/>
      <c r="BV1839" s="162"/>
      <c r="BW1839" s="162"/>
      <c r="BX1839" s="162"/>
      <c r="BY1839" s="162"/>
      <c r="BZ1839" s="162"/>
      <c r="CA1839" s="162"/>
      <c r="CB1839" s="162"/>
      <c r="CC1839" s="162"/>
      <c r="CD1839" s="162"/>
      <c r="CE1839" s="162"/>
      <c r="CF1839" s="162"/>
      <c r="CG1839" s="162"/>
      <c r="CH1839" s="162"/>
      <c r="CI1839" s="162"/>
      <c r="CJ1839" s="162"/>
      <c r="CK1839" s="162"/>
      <c r="CX1839" s="98"/>
      <c r="DL1839" s="97"/>
      <c r="DX1839" s="98"/>
      <c r="EL1839" s="97"/>
      <c r="EX1839" s="98"/>
      <c r="EY1839" s="97"/>
      <c r="FL1839" s="126"/>
      <c r="FM1839" s="91"/>
      <c r="FN1839" s="91"/>
      <c r="FO1839" s="91"/>
      <c r="FP1839" s="91"/>
      <c r="FQ1839" s="91"/>
      <c r="FR1839" s="91"/>
      <c r="FS1839" s="91"/>
      <c r="FT1839" s="91"/>
      <c r="FU1839" s="91"/>
      <c r="FV1839" s="91"/>
      <c r="FW1839" s="91"/>
      <c r="FX1839" s="91"/>
      <c r="FY1839" s="91"/>
      <c r="FZ1839" s="91"/>
      <c r="GA1839" s="91"/>
      <c r="GB1839" s="91"/>
      <c r="GC1839" s="91"/>
      <c r="GD1839" s="91"/>
      <c r="GE1839" s="91"/>
      <c r="GF1839" s="91"/>
      <c r="GG1839" s="91"/>
      <c r="GH1839" s="91"/>
      <c r="GI1839" s="91"/>
      <c r="GJ1839" s="91"/>
      <c r="GK1839" s="127"/>
      <c r="GL1839" s="126"/>
      <c r="GM1839" s="91"/>
      <c r="GN1839" s="91"/>
      <c r="GO1839" s="91"/>
      <c r="GP1839" s="91"/>
      <c r="GQ1839" s="91"/>
      <c r="GR1839" s="91"/>
      <c r="GS1839" s="91"/>
      <c r="GT1839" s="91"/>
      <c r="GU1839" s="91"/>
      <c r="GV1839" s="91"/>
      <c r="GW1839" s="91"/>
      <c r="GX1839" s="91"/>
      <c r="GY1839" s="91"/>
      <c r="GZ1839" s="91"/>
      <c r="HA1839" s="91"/>
      <c r="HB1839" s="91"/>
      <c r="HC1839" s="91"/>
      <c r="HD1839" s="91"/>
      <c r="HE1839" s="91"/>
      <c r="HF1839" s="91"/>
      <c r="HG1839" s="91"/>
      <c r="HH1839" s="91"/>
      <c r="HI1839" s="91"/>
      <c r="HJ1839" s="91"/>
      <c r="HK1839" s="127"/>
      <c r="HL1839" s="126"/>
      <c r="HM1839" s="91"/>
      <c r="HN1839" s="91"/>
      <c r="HO1839" s="91"/>
      <c r="HP1839" s="91"/>
      <c r="HQ1839" s="91"/>
      <c r="HR1839" s="91"/>
      <c r="HS1839" s="91"/>
      <c r="HT1839" s="91"/>
      <c r="HU1839" s="91"/>
      <c r="HV1839" s="91"/>
      <c r="HW1839" s="91"/>
      <c r="HX1839" s="91"/>
      <c r="HY1839" s="91"/>
      <c r="HZ1839" s="91"/>
      <c r="IA1839" s="91"/>
      <c r="IB1839" s="91"/>
      <c r="IC1839" s="91"/>
      <c r="ID1839" s="91"/>
      <c r="IE1839" s="91"/>
      <c r="IF1839" s="91"/>
      <c r="IG1839" s="91"/>
      <c r="IH1839" s="91"/>
      <c r="II1839" s="91"/>
      <c r="IJ1839" s="91"/>
      <c r="IK1839" s="127"/>
    </row>
    <row r="1840" spans="2:245" x14ac:dyDescent="0.2">
      <c r="B1840" s="43"/>
      <c r="C1840" s="73"/>
      <c r="D1840" s="64"/>
      <c r="E1840" s="64"/>
      <c r="F1840" s="55"/>
      <c r="G1840" s="102"/>
      <c r="H1840" s="55"/>
      <c r="I1840" s="55"/>
      <c r="J1840" s="55"/>
      <c r="K1840" s="55"/>
      <c r="L1840" s="55"/>
      <c r="M1840" s="55"/>
      <c r="N1840" s="55"/>
      <c r="O1840" s="55"/>
      <c r="P1840" s="55"/>
      <c r="Q1840" s="55"/>
      <c r="R1840" s="55"/>
      <c r="S1840" s="55"/>
      <c r="T1840" s="55"/>
      <c r="U1840" s="55"/>
      <c r="V1840" s="55"/>
      <c r="W1840" s="55"/>
      <c r="X1840" s="55"/>
      <c r="Y1840" s="55"/>
      <c r="Z1840" s="55"/>
      <c r="AA1840" s="55"/>
      <c r="AB1840" s="55"/>
      <c r="AC1840" s="55"/>
      <c r="AD1840" s="55"/>
      <c r="AE1840" s="55"/>
      <c r="AF1840" s="55"/>
      <c r="AG1840" s="55"/>
      <c r="AY1840" s="162"/>
      <c r="AZ1840" s="162"/>
      <c r="BA1840" s="162"/>
      <c r="BB1840" s="162"/>
      <c r="BC1840" s="162"/>
      <c r="BD1840" s="162"/>
      <c r="BE1840" s="162"/>
      <c r="BF1840" s="162"/>
      <c r="BG1840" s="162"/>
      <c r="BH1840" s="162"/>
      <c r="BI1840" s="162"/>
      <c r="BJ1840" s="162"/>
      <c r="BK1840" s="162"/>
      <c r="BL1840" s="162"/>
      <c r="BM1840" s="162"/>
      <c r="BN1840" s="162"/>
      <c r="BO1840" s="162"/>
      <c r="BP1840" s="162"/>
      <c r="BQ1840" s="162"/>
      <c r="BR1840" s="162"/>
      <c r="BS1840" s="162"/>
      <c r="BT1840" s="162"/>
      <c r="BU1840" s="162"/>
      <c r="BV1840" s="162"/>
      <c r="BW1840" s="162"/>
      <c r="BX1840" s="162"/>
      <c r="BY1840" s="162"/>
      <c r="BZ1840" s="162"/>
      <c r="CA1840" s="162"/>
      <c r="CB1840" s="162"/>
      <c r="CC1840" s="162"/>
      <c r="CD1840" s="162"/>
      <c r="CE1840" s="162"/>
      <c r="CF1840" s="162"/>
      <c r="CG1840" s="162"/>
      <c r="CH1840" s="162"/>
      <c r="CI1840" s="162"/>
      <c r="CJ1840" s="162"/>
      <c r="CK1840" s="162"/>
      <c r="CX1840" s="98"/>
      <c r="DL1840" s="97"/>
      <c r="DX1840" s="98"/>
      <c r="EL1840" s="97"/>
      <c r="EX1840" s="98"/>
      <c r="EY1840" s="97"/>
      <c r="FL1840" s="126"/>
      <c r="FM1840" s="91"/>
      <c r="FN1840" s="91"/>
      <c r="FO1840" s="91"/>
      <c r="FP1840" s="91"/>
      <c r="FQ1840" s="91"/>
      <c r="FR1840" s="91"/>
      <c r="FS1840" s="91"/>
      <c r="FT1840" s="91"/>
      <c r="FU1840" s="91"/>
      <c r="FV1840" s="91"/>
      <c r="FW1840" s="91"/>
      <c r="FX1840" s="91"/>
      <c r="FY1840" s="91"/>
      <c r="FZ1840" s="91"/>
      <c r="GA1840" s="91"/>
      <c r="GB1840" s="91"/>
      <c r="GC1840" s="91"/>
      <c r="GD1840" s="91"/>
      <c r="GE1840" s="91"/>
      <c r="GF1840" s="91"/>
      <c r="GG1840" s="91"/>
      <c r="GH1840" s="91"/>
      <c r="GI1840" s="91"/>
      <c r="GJ1840" s="91"/>
      <c r="GK1840" s="127"/>
      <c r="GL1840" s="126"/>
      <c r="GM1840" s="91"/>
      <c r="GN1840" s="91"/>
      <c r="GO1840" s="91"/>
      <c r="GP1840" s="91"/>
      <c r="GQ1840" s="91"/>
      <c r="GR1840" s="91"/>
      <c r="GS1840" s="91"/>
      <c r="GT1840" s="91"/>
      <c r="GU1840" s="91"/>
      <c r="GV1840" s="91"/>
      <c r="GW1840" s="91"/>
      <c r="GX1840" s="91"/>
      <c r="GY1840" s="91"/>
      <c r="GZ1840" s="91"/>
      <c r="HA1840" s="91"/>
      <c r="HB1840" s="91"/>
      <c r="HC1840" s="91"/>
      <c r="HD1840" s="91"/>
      <c r="HE1840" s="91"/>
      <c r="HF1840" s="91"/>
      <c r="HG1840" s="91"/>
      <c r="HH1840" s="91"/>
      <c r="HI1840" s="91"/>
      <c r="HJ1840" s="91"/>
      <c r="HK1840" s="127"/>
      <c r="HL1840" s="126"/>
      <c r="HM1840" s="91"/>
      <c r="HN1840" s="91"/>
      <c r="HO1840" s="91"/>
      <c r="HP1840" s="91"/>
      <c r="HQ1840" s="91"/>
      <c r="HR1840" s="91"/>
      <c r="HS1840" s="91"/>
      <c r="HT1840" s="91"/>
      <c r="HU1840" s="91"/>
      <c r="HV1840" s="91"/>
      <c r="HW1840" s="91"/>
      <c r="HX1840" s="91"/>
      <c r="HY1840" s="91"/>
      <c r="HZ1840" s="91"/>
      <c r="IA1840" s="91"/>
      <c r="IB1840" s="91"/>
      <c r="IC1840" s="91"/>
      <c r="ID1840" s="91"/>
      <c r="IE1840" s="91"/>
      <c r="IF1840" s="91"/>
      <c r="IG1840" s="91"/>
      <c r="IH1840" s="91"/>
      <c r="II1840" s="91"/>
      <c r="IJ1840" s="91"/>
      <c r="IK1840" s="127"/>
    </row>
    <row r="1841" spans="2:245" x14ac:dyDescent="0.2">
      <c r="B1841" s="43"/>
      <c r="C1841" s="73"/>
      <c r="D1841" s="64"/>
      <c r="E1841" s="64"/>
      <c r="F1841" s="55"/>
      <c r="G1841" s="102"/>
      <c r="H1841" s="55"/>
      <c r="I1841" s="55"/>
      <c r="J1841" s="55"/>
      <c r="K1841" s="55"/>
      <c r="L1841" s="55"/>
      <c r="M1841" s="55"/>
      <c r="N1841" s="55"/>
      <c r="O1841" s="55"/>
      <c r="P1841" s="55"/>
      <c r="Q1841" s="55"/>
      <c r="R1841" s="55"/>
      <c r="S1841" s="55"/>
      <c r="T1841" s="55"/>
      <c r="U1841" s="55"/>
      <c r="V1841" s="55"/>
      <c r="W1841" s="55"/>
      <c r="X1841" s="55"/>
      <c r="Y1841" s="55"/>
      <c r="Z1841" s="55"/>
      <c r="AA1841" s="55"/>
      <c r="AB1841" s="55"/>
      <c r="AC1841" s="55"/>
      <c r="AD1841" s="55"/>
      <c r="AE1841" s="55"/>
      <c r="AF1841" s="55"/>
      <c r="AG1841" s="55"/>
      <c r="AY1841" s="162"/>
      <c r="AZ1841" s="162"/>
      <c r="BA1841" s="162"/>
      <c r="BB1841" s="162"/>
      <c r="BC1841" s="162"/>
      <c r="BD1841" s="162"/>
      <c r="BE1841" s="162"/>
      <c r="BF1841" s="162"/>
      <c r="BG1841" s="162"/>
      <c r="BH1841" s="162"/>
      <c r="BI1841" s="162"/>
      <c r="BJ1841" s="162"/>
      <c r="BK1841" s="162"/>
      <c r="BL1841" s="162"/>
      <c r="BM1841" s="162"/>
      <c r="BN1841" s="162"/>
      <c r="BO1841" s="162"/>
      <c r="BP1841" s="162"/>
      <c r="BQ1841" s="162"/>
      <c r="BR1841" s="162"/>
      <c r="BS1841" s="162"/>
      <c r="BT1841" s="162"/>
      <c r="BU1841" s="162"/>
      <c r="BV1841" s="162"/>
      <c r="BW1841" s="162"/>
      <c r="BX1841" s="162"/>
      <c r="BY1841" s="162"/>
      <c r="BZ1841" s="162"/>
      <c r="CA1841" s="162"/>
      <c r="CB1841" s="162"/>
      <c r="CC1841" s="162"/>
      <c r="CD1841" s="162"/>
      <c r="CE1841" s="162"/>
      <c r="CF1841" s="162"/>
      <c r="CG1841" s="162"/>
      <c r="CH1841" s="162"/>
      <c r="CI1841" s="162"/>
      <c r="CJ1841" s="162"/>
      <c r="CK1841" s="162"/>
      <c r="CX1841" s="98"/>
      <c r="DL1841" s="97"/>
      <c r="DX1841" s="98"/>
      <c r="EL1841" s="97"/>
      <c r="EX1841" s="98"/>
      <c r="EY1841" s="97"/>
      <c r="FL1841" s="126"/>
      <c r="FM1841" s="91"/>
      <c r="FN1841" s="91"/>
      <c r="FO1841" s="91"/>
      <c r="FP1841" s="91"/>
      <c r="FQ1841" s="91"/>
      <c r="FR1841" s="91"/>
      <c r="FS1841" s="91"/>
      <c r="FT1841" s="91"/>
      <c r="FU1841" s="91"/>
      <c r="FV1841" s="91"/>
      <c r="FW1841" s="91"/>
      <c r="FX1841" s="91"/>
      <c r="FY1841" s="91"/>
      <c r="FZ1841" s="91"/>
      <c r="GA1841" s="91"/>
      <c r="GB1841" s="91"/>
      <c r="GC1841" s="91"/>
      <c r="GD1841" s="91"/>
      <c r="GE1841" s="91"/>
      <c r="GF1841" s="91"/>
      <c r="GG1841" s="91"/>
      <c r="GH1841" s="91"/>
      <c r="GI1841" s="91"/>
      <c r="GJ1841" s="91"/>
      <c r="GK1841" s="127"/>
      <c r="GL1841" s="126"/>
      <c r="GM1841" s="91"/>
      <c r="GN1841" s="91"/>
      <c r="GO1841" s="91"/>
      <c r="GP1841" s="91"/>
      <c r="GQ1841" s="91"/>
      <c r="GR1841" s="91"/>
      <c r="GS1841" s="91"/>
      <c r="GT1841" s="91"/>
      <c r="GU1841" s="91"/>
      <c r="GV1841" s="91"/>
      <c r="GW1841" s="91"/>
      <c r="GX1841" s="91"/>
      <c r="GY1841" s="91"/>
      <c r="GZ1841" s="91"/>
      <c r="HA1841" s="91"/>
      <c r="HB1841" s="91"/>
      <c r="HC1841" s="91"/>
      <c r="HD1841" s="91"/>
      <c r="HE1841" s="91"/>
      <c r="HF1841" s="91"/>
      <c r="HG1841" s="91"/>
      <c r="HH1841" s="91"/>
      <c r="HI1841" s="91"/>
      <c r="HJ1841" s="91"/>
      <c r="HK1841" s="127"/>
      <c r="HL1841" s="126"/>
      <c r="HM1841" s="91"/>
      <c r="HN1841" s="91"/>
      <c r="HO1841" s="91"/>
      <c r="HP1841" s="91"/>
      <c r="HQ1841" s="91"/>
      <c r="HR1841" s="91"/>
      <c r="HS1841" s="91"/>
      <c r="HT1841" s="91"/>
      <c r="HU1841" s="91"/>
      <c r="HV1841" s="91"/>
      <c r="HW1841" s="91"/>
      <c r="HX1841" s="91"/>
      <c r="HY1841" s="91"/>
      <c r="HZ1841" s="91"/>
      <c r="IA1841" s="91"/>
      <c r="IB1841" s="91"/>
      <c r="IC1841" s="91"/>
      <c r="ID1841" s="91"/>
      <c r="IE1841" s="91"/>
      <c r="IF1841" s="91"/>
      <c r="IG1841" s="91"/>
      <c r="IH1841" s="91"/>
      <c r="II1841" s="91"/>
      <c r="IJ1841" s="91"/>
      <c r="IK1841" s="127"/>
    </row>
    <row r="1842" spans="2:245" x14ac:dyDescent="0.2">
      <c r="B1842" s="43"/>
      <c r="C1842" s="73"/>
      <c r="D1842" s="64"/>
      <c r="E1842" s="64"/>
      <c r="F1842" s="55"/>
      <c r="G1842" s="102"/>
      <c r="H1842" s="55"/>
      <c r="I1842" s="55"/>
      <c r="J1842" s="55"/>
      <c r="K1842" s="55"/>
      <c r="L1842" s="55"/>
      <c r="M1842" s="55"/>
      <c r="N1842" s="55"/>
      <c r="O1842" s="55"/>
      <c r="P1842" s="55"/>
      <c r="Q1842" s="55"/>
      <c r="R1842" s="55"/>
      <c r="S1842" s="55"/>
      <c r="T1842" s="55"/>
      <c r="U1842" s="55"/>
      <c r="V1842" s="55"/>
      <c r="W1842" s="55"/>
      <c r="X1842" s="55"/>
      <c r="Y1842" s="55"/>
      <c r="Z1842" s="55"/>
      <c r="AA1842" s="55"/>
      <c r="AB1842" s="55"/>
      <c r="AC1842" s="55"/>
      <c r="AD1842" s="55"/>
      <c r="AE1842" s="55"/>
      <c r="AF1842" s="55"/>
      <c r="AG1842" s="55"/>
      <c r="AY1842" s="162"/>
      <c r="AZ1842" s="162"/>
      <c r="BA1842" s="162"/>
      <c r="BB1842" s="162"/>
      <c r="BC1842" s="162"/>
      <c r="BD1842" s="162"/>
      <c r="BE1842" s="162"/>
      <c r="BF1842" s="162"/>
      <c r="BG1842" s="162"/>
      <c r="BH1842" s="162"/>
      <c r="BI1842" s="162"/>
      <c r="BJ1842" s="162"/>
      <c r="BK1842" s="162"/>
      <c r="BL1842" s="162"/>
      <c r="BM1842" s="162"/>
      <c r="BN1842" s="162"/>
      <c r="BO1842" s="162"/>
      <c r="BP1842" s="162"/>
      <c r="BQ1842" s="162"/>
      <c r="BR1842" s="162"/>
      <c r="BS1842" s="162"/>
      <c r="BT1842" s="162"/>
      <c r="BU1842" s="162"/>
      <c r="BV1842" s="162"/>
      <c r="BW1842" s="162"/>
      <c r="BX1842" s="162"/>
      <c r="BY1842" s="162"/>
      <c r="BZ1842" s="162"/>
      <c r="CA1842" s="162"/>
      <c r="CB1842" s="162"/>
      <c r="CC1842" s="162"/>
      <c r="CD1842" s="162"/>
      <c r="CE1842" s="162"/>
      <c r="CF1842" s="162"/>
      <c r="CG1842" s="162"/>
      <c r="CH1842" s="162"/>
      <c r="CI1842" s="162"/>
      <c r="CJ1842" s="162"/>
      <c r="CK1842" s="162"/>
      <c r="CX1842" s="98"/>
      <c r="DL1842" s="97"/>
      <c r="DX1842" s="98"/>
      <c r="EL1842" s="97"/>
      <c r="EX1842" s="98"/>
      <c r="EY1842" s="97"/>
      <c r="FL1842" s="126"/>
      <c r="FM1842" s="91"/>
      <c r="FN1842" s="91"/>
      <c r="FO1842" s="91"/>
      <c r="FP1842" s="91"/>
      <c r="FQ1842" s="91"/>
      <c r="FR1842" s="91"/>
      <c r="FS1842" s="91"/>
      <c r="FT1842" s="91"/>
      <c r="FU1842" s="91"/>
      <c r="FV1842" s="91"/>
      <c r="FW1842" s="91"/>
      <c r="FX1842" s="91"/>
      <c r="FY1842" s="91"/>
      <c r="FZ1842" s="91"/>
      <c r="GA1842" s="91"/>
      <c r="GB1842" s="91"/>
      <c r="GC1842" s="91"/>
      <c r="GD1842" s="91"/>
      <c r="GE1842" s="91"/>
      <c r="GF1842" s="91"/>
      <c r="GG1842" s="91"/>
      <c r="GH1842" s="91"/>
      <c r="GI1842" s="91"/>
      <c r="GJ1842" s="91"/>
      <c r="GK1842" s="127"/>
      <c r="GL1842" s="126"/>
      <c r="GM1842" s="91"/>
      <c r="GN1842" s="91"/>
      <c r="GO1842" s="91"/>
      <c r="GP1842" s="91"/>
      <c r="GQ1842" s="91"/>
      <c r="GR1842" s="91"/>
      <c r="GS1842" s="91"/>
      <c r="GT1842" s="91"/>
      <c r="GU1842" s="91"/>
      <c r="GV1842" s="91"/>
      <c r="GW1842" s="91"/>
      <c r="GX1842" s="91"/>
      <c r="GY1842" s="91"/>
      <c r="GZ1842" s="91"/>
      <c r="HA1842" s="91"/>
      <c r="HB1842" s="91"/>
      <c r="HC1842" s="91"/>
      <c r="HD1842" s="91"/>
      <c r="HE1842" s="91"/>
      <c r="HF1842" s="91"/>
      <c r="HG1842" s="91"/>
      <c r="HH1842" s="91"/>
      <c r="HI1842" s="91"/>
      <c r="HJ1842" s="91"/>
      <c r="HK1842" s="127"/>
      <c r="HL1842" s="126"/>
      <c r="HM1842" s="91"/>
      <c r="HN1842" s="91"/>
      <c r="HO1842" s="91"/>
      <c r="HP1842" s="91"/>
      <c r="HQ1842" s="91"/>
      <c r="HR1842" s="91"/>
      <c r="HS1842" s="91"/>
      <c r="HT1842" s="91"/>
      <c r="HU1842" s="91"/>
      <c r="HV1842" s="91"/>
      <c r="HW1842" s="91"/>
      <c r="HX1842" s="91"/>
      <c r="HY1842" s="91"/>
      <c r="HZ1842" s="91"/>
      <c r="IA1842" s="91"/>
      <c r="IB1842" s="91"/>
      <c r="IC1842" s="91"/>
      <c r="ID1842" s="91"/>
      <c r="IE1842" s="91"/>
      <c r="IF1842" s="91"/>
      <c r="IG1842" s="91"/>
      <c r="IH1842" s="91"/>
      <c r="II1842" s="91"/>
      <c r="IJ1842" s="91"/>
      <c r="IK1842" s="127"/>
    </row>
    <row r="1843" spans="2:245" x14ac:dyDescent="0.2">
      <c r="B1843" s="43"/>
      <c r="C1843" s="73"/>
      <c r="D1843" s="64"/>
      <c r="E1843" s="64"/>
      <c r="F1843" s="55"/>
      <c r="G1843" s="102"/>
      <c r="H1843" s="55"/>
      <c r="I1843" s="55"/>
      <c r="J1843" s="55"/>
      <c r="K1843" s="55"/>
      <c r="L1843" s="55"/>
      <c r="M1843" s="55"/>
      <c r="N1843" s="55"/>
      <c r="O1843" s="55"/>
      <c r="P1843" s="55"/>
      <c r="Q1843" s="55"/>
      <c r="R1843" s="55"/>
      <c r="S1843" s="55"/>
      <c r="T1843" s="55"/>
      <c r="U1843" s="55"/>
      <c r="V1843" s="55"/>
      <c r="W1843" s="55"/>
      <c r="X1843" s="55"/>
      <c r="Y1843" s="55"/>
      <c r="Z1843" s="55"/>
      <c r="AA1843" s="55"/>
      <c r="AB1843" s="55"/>
      <c r="AC1843" s="55"/>
      <c r="AD1843" s="55"/>
      <c r="AE1843" s="55"/>
      <c r="AF1843" s="55"/>
      <c r="AG1843" s="55"/>
      <c r="AY1843" s="162"/>
      <c r="AZ1843" s="162"/>
      <c r="BA1843" s="162"/>
      <c r="BB1843" s="162"/>
      <c r="BC1843" s="162"/>
      <c r="BD1843" s="162"/>
      <c r="BE1843" s="162"/>
      <c r="BF1843" s="162"/>
      <c r="BG1843" s="162"/>
      <c r="BH1843" s="162"/>
      <c r="BI1843" s="162"/>
      <c r="BJ1843" s="162"/>
      <c r="BK1843" s="162"/>
      <c r="BL1843" s="162"/>
      <c r="BM1843" s="162"/>
      <c r="BN1843" s="162"/>
      <c r="BO1843" s="162"/>
      <c r="BP1843" s="162"/>
      <c r="BQ1843" s="162"/>
      <c r="BR1843" s="162"/>
      <c r="BS1843" s="162"/>
      <c r="BT1843" s="162"/>
      <c r="BU1843" s="162"/>
      <c r="BV1843" s="162"/>
      <c r="BW1843" s="162"/>
      <c r="BX1843" s="162"/>
      <c r="BY1843" s="162"/>
      <c r="BZ1843" s="162"/>
      <c r="CA1843" s="162"/>
      <c r="CB1843" s="162"/>
      <c r="CC1843" s="162"/>
      <c r="CD1843" s="162"/>
      <c r="CE1843" s="162"/>
      <c r="CF1843" s="162"/>
      <c r="CG1843" s="162"/>
      <c r="CH1843" s="162"/>
      <c r="CI1843" s="162"/>
      <c r="CJ1843" s="162"/>
      <c r="CK1843" s="162"/>
      <c r="CX1843" s="98"/>
      <c r="DL1843" s="97"/>
      <c r="DX1843" s="98"/>
      <c r="EL1843" s="97"/>
      <c r="EX1843" s="98"/>
      <c r="EY1843" s="97"/>
      <c r="FL1843" s="126"/>
      <c r="FM1843" s="91"/>
      <c r="FN1843" s="91"/>
      <c r="FO1843" s="91"/>
      <c r="FP1843" s="91"/>
      <c r="FQ1843" s="91"/>
      <c r="FR1843" s="91"/>
      <c r="FS1843" s="91"/>
      <c r="FT1843" s="91"/>
      <c r="FU1843" s="91"/>
      <c r="FV1843" s="91"/>
      <c r="FW1843" s="91"/>
      <c r="FX1843" s="91"/>
      <c r="FY1843" s="91"/>
      <c r="FZ1843" s="91"/>
      <c r="GA1843" s="91"/>
      <c r="GB1843" s="91"/>
      <c r="GC1843" s="91"/>
      <c r="GD1843" s="91"/>
      <c r="GE1843" s="91"/>
      <c r="GF1843" s="91"/>
      <c r="GG1843" s="91"/>
      <c r="GH1843" s="91"/>
      <c r="GI1843" s="91"/>
      <c r="GJ1843" s="91"/>
      <c r="GK1843" s="127"/>
      <c r="GL1843" s="126"/>
      <c r="GM1843" s="91"/>
      <c r="GN1843" s="91"/>
      <c r="GO1843" s="91"/>
      <c r="GP1843" s="91"/>
      <c r="GQ1843" s="91"/>
      <c r="GR1843" s="91"/>
      <c r="GS1843" s="91"/>
      <c r="GT1843" s="91"/>
      <c r="GU1843" s="91"/>
      <c r="GV1843" s="91"/>
      <c r="GW1843" s="91"/>
      <c r="GX1843" s="91"/>
      <c r="GY1843" s="91"/>
      <c r="GZ1843" s="91"/>
      <c r="HA1843" s="91"/>
      <c r="HB1843" s="91"/>
      <c r="HC1843" s="91"/>
      <c r="HD1843" s="91"/>
      <c r="HE1843" s="91"/>
      <c r="HF1843" s="91"/>
      <c r="HG1843" s="91"/>
      <c r="HH1843" s="91"/>
      <c r="HI1843" s="91"/>
      <c r="HJ1843" s="91"/>
      <c r="HK1843" s="127"/>
      <c r="HL1843" s="126"/>
      <c r="HM1843" s="91"/>
      <c r="HN1843" s="91"/>
      <c r="HO1843" s="91"/>
      <c r="HP1843" s="91"/>
      <c r="HQ1843" s="91"/>
      <c r="HR1843" s="91"/>
      <c r="HS1843" s="91"/>
      <c r="HT1843" s="91"/>
      <c r="HU1843" s="91"/>
      <c r="HV1843" s="91"/>
      <c r="HW1843" s="91"/>
      <c r="HX1843" s="91"/>
      <c r="HY1843" s="91"/>
      <c r="HZ1843" s="91"/>
      <c r="IA1843" s="91"/>
      <c r="IB1843" s="91"/>
      <c r="IC1843" s="91"/>
      <c r="ID1843" s="91"/>
      <c r="IE1843" s="91"/>
      <c r="IF1843" s="91"/>
      <c r="IG1843" s="91"/>
      <c r="IH1843" s="91"/>
      <c r="II1843" s="91"/>
      <c r="IJ1843" s="91"/>
      <c r="IK1843" s="127"/>
    </row>
    <row r="1844" spans="2:245" x14ac:dyDescent="0.2">
      <c r="B1844" s="43"/>
      <c r="C1844" s="73"/>
      <c r="D1844" s="64"/>
      <c r="E1844" s="64"/>
      <c r="F1844" s="55"/>
      <c r="G1844" s="102"/>
      <c r="H1844" s="55"/>
      <c r="I1844" s="55"/>
      <c r="J1844" s="55"/>
      <c r="K1844" s="55"/>
      <c r="L1844" s="55"/>
      <c r="M1844" s="55"/>
      <c r="N1844" s="55"/>
      <c r="O1844" s="55"/>
      <c r="P1844" s="55"/>
      <c r="Q1844" s="55"/>
      <c r="R1844" s="55"/>
      <c r="S1844" s="55"/>
      <c r="T1844" s="55"/>
      <c r="U1844" s="55"/>
      <c r="V1844" s="55"/>
      <c r="W1844" s="55"/>
      <c r="X1844" s="55"/>
      <c r="Y1844" s="55"/>
      <c r="Z1844" s="55"/>
      <c r="AA1844" s="55"/>
      <c r="AB1844" s="55"/>
      <c r="AC1844" s="55"/>
      <c r="AD1844" s="55"/>
      <c r="AE1844" s="55"/>
      <c r="AF1844" s="55"/>
      <c r="AG1844" s="55"/>
      <c r="AY1844" s="162"/>
      <c r="AZ1844" s="162"/>
      <c r="BA1844" s="162"/>
      <c r="BB1844" s="162"/>
      <c r="BC1844" s="162"/>
      <c r="BD1844" s="162"/>
      <c r="BE1844" s="162"/>
      <c r="BF1844" s="162"/>
      <c r="BG1844" s="162"/>
      <c r="BH1844" s="162"/>
      <c r="BI1844" s="162"/>
      <c r="BJ1844" s="162"/>
      <c r="BK1844" s="162"/>
      <c r="BL1844" s="162"/>
      <c r="BM1844" s="162"/>
      <c r="BN1844" s="162"/>
      <c r="BO1844" s="162"/>
      <c r="BP1844" s="162"/>
      <c r="BQ1844" s="162"/>
      <c r="BR1844" s="162"/>
      <c r="BS1844" s="162"/>
      <c r="BT1844" s="162"/>
      <c r="BU1844" s="162"/>
      <c r="BV1844" s="162"/>
      <c r="BW1844" s="162"/>
      <c r="BX1844" s="162"/>
      <c r="BY1844" s="162"/>
      <c r="BZ1844" s="162"/>
      <c r="CA1844" s="162"/>
      <c r="CB1844" s="162"/>
      <c r="CC1844" s="162"/>
      <c r="CD1844" s="162"/>
      <c r="CE1844" s="162"/>
      <c r="CF1844" s="162"/>
      <c r="CG1844" s="162"/>
      <c r="CH1844" s="162"/>
      <c r="CI1844" s="162"/>
      <c r="CJ1844" s="162"/>
      <c r="CK1844" s="162"/>
      <c r="CX1844" s="98"/>
      <c r="DL1844" s="97"/>
      <c r="DX1844" s="98"/>
      <c r="EL1844" s="97"/>
      <c r="EX1844" s="98"/>
      <c r="EY1844" s="97"/>
      <c r="FL1844" s="126"/>
      <c r="FM1844" s="91"/>
      <c r="FN1844" s="91"/>
      <c r="FO1844" s="91"/>
      <c r="FP1844" s="91"/>
      <c r="FQ1844" s="91"/>
      <c r="FR1844" s="91"/>
      <c r="FS1844" s="91"/>
      <c r="FT1844" s="91"/>
      <c r="FU1844" s="91"/>
      <c r="FV1844" s="91"/>
      <c r="FW1844" s="91"/>
      <c r="FX1844" s="91"/>
      <c r="FY1844" s="91"/>
      <c r="FZ1844" s="91"/>
      <c r="GA1844" s="91"/>
      <c r="GB1844" s="91"/>
      <c r="GC1844" s="91"/>
      <c r="GD1844" s="91"/>
      <c r="GE1844" s="91"/>
      <c r="GF1844" s="91"/>
      <c r="GG1844" s="91"/>
      <c r="GH1844" s="91"/>
      <c r="GI1844" s="91"/>
      <c r="GJ1844" s="91"/>
      <c r="GK1844" s="127"/>
      <c r="GL1844" s="126"/>
      <c r="GM1844" s="91"/>
      <c r="GN1844" s="91"/>
      <c r="GO1844" s="91"/>
      <c r="GP1844" s="91"/>
      <c r="GQ1844" s="91"/>
      <c r="GR1844" s="91"/>
      <c r="GS1844" s="91"/>
      <c r="GT1844" s="91"/>
      <c r="GU1844" s="91"/>
      <c r="GV1844" s="91"/>
      <c r="GW1844" s="91"/>
      <c r="GX1844" s="91"/>
      <c r="GY1844" s="91"/>
      <c r="GZ1844" s="91"/>
      <c r="HA1844" s="91"/>
      <c r="HB1844" s="91"/>
      <c r="HC1844" s="91"/>
      <c r="HD1844" s="91"/>
      <c r="HE1844" s="91"/>
      <c r="HF1844" s="91"/>
      <c r="HG1844" s="91"/>
      <c r="HH1844" s="91"/>
      <c r="HI1844" s="91"/>
      <c r="HJ1844" s="91"/>
      <c r="HK1844" s="127"/>
      <c r="HL1844" s="126"/>
      <c r="HM1844" s="91"/>
      <c r="HN1844" s="91"/>
      <c r="HO1844" s="91"/>
      <c r="HP1844" s="91"/>
      <c r="HQ1844" s="91"/>
      <c r="HR1844" s="91"/>
      <c r="HS1844" s="91"/>
      <c r="HT1844" s="91"/>
      <c r="HU1844" s="91"/>
      <c r="HV1844" s="91"/>
      <c r="HW1844" s="91"/>
      <c r="HX1844" s="91"/>
      <c r="HY1844" s="91"/>
      <c r="HZ1844" s="91"/>
      <c r="IA1844" s="91"/>
      <c r="IB1844" s="91"/>
      <c r="IC1844" s="91"/>
      <c r="ID1844" s="91"/>
      <c r="IE1844" s="91"/>
      <c r="IF1844" s="91"/>
      <c r="IG1844" s="91"/>
      <c r="IH1844" s="91"/>
      <c r="II1844" s="91"/>
      <c r="IJ1844" s="91"/>
      <c r="IK1844" s="127"/>
    </row>
    <row r="1845" spans="2:245" x14ac:dyDescent="0.2">
      <c r="B1845" s="43"/>
      <c r="C1845" s="73"/>
      <c r="D1845" s="64"/>
      <c r="E1845" s="64"/>
      <c r="F1845" s="55"/>
      <c r="G1845" s="102"/>
      <c r="H1845" s="55"/>
      <c r="I1845" s="55"/>
      <c r="J1845" s="55"/>
      <c r="K1845" s="55"/>
      <c r="L1845" s="55"/>
      <c r="M1845" s="55"/>
      <c r="N1845" s="55"/>
      <c r="O1845" s="55"/>
      <c r="P1845" s="55"/>
      <c r="Q1845" s="55"/>
      <c r="R1845" s="55"/>
      <c r="S1845" s="55"/>
      <c r="T1845" s="55"/>
      <c r="U1845" s="55"/>
      <c r="V1845" s="55"/>
      <c r="W1845" s="55"/>
      <c r="X1845" s="55"/>
      <c r="Y1845" s="55"/>
      <c r="Z1845" s="55"/>
      <c r="AA1845" s="55"/>
      <c r="AB1845" s="55"/>
      <c r="AC1845" s="55"/>
      <c r="AD1845" s="55"/>
      <c r="AE1845" s="55"/>
      <c r="AF1845" s="55"/>
      <c r="AG1845" s="55"/>
      <c r="AY1845" s="162"/>
      <c r="AZ1845" s="162"/>
      <c r="BA1845" s="162"/>
      <c r="BB1845" s="162"/>
      <c r="BC1845" s="162"/>
      <c r="BD1845" s="162"/>
      <c r="BE1845" s="162"/>
      <c r="BF1845" s="162"/>
      <c r="BG1845" s="162"/>
      <c r="BH1845" s="162"/>
      <c r="BI1845" s="162"/>
      <c r="BJ1845" s="162"/>
      <c r="BK1845" s="162"/>
      <c r="BL1845" s="162"/>
      <c r="BM1845" s="162"/>
      <c r="BN1845" s="162"/>
      <c r="BO1845" s="162"/>
      <c r="BP1845" s="162"/>
      <c r="BQ1845" s="162"/>
      <c r="BR1845" s="162"/>
      <c r="BS1845" s="162"/>
      <c r="BT1845" s="162"/>
      <c r="BU1845" s="162"/>
      <c r="BV1845" s="162"/>
      <c r="BW1845" s="162"/>
      <c r="BX1845" s="162"/>
      <c r="BY1845" s="162"/>
      <c r="BZ1845" s="162"/>
      <c r="CA1845" s="162"/>
      <c r="CB1845" s="162"/>
      <c r="CC1845" s="162"/>
      <c r="CD1845" s="162"/>
      <c r="CE1845" s="162"/>
      <c r="CF1845" s="162"/>
      <c r="CG1845" s="162"/>
      <c r="CH1845" s="162"/>
      <c r="CI1845" s="162"/>
      <c r="CJ1845" s="162"/>
      <c r="CK1845" s="162"/>
      <c r="CX1845" s="98"/>
      <c r="DL1845" s="97"/>
      <c r="DX1845" s="98"/>
      <c r="EL1845" s="97"/>
      <c r="EX1845" s="98"/>
      <c r="EY1845" s="97"/>
      <c r="FL1845" s="126"/>
      <c r="FM1845" s="91"/>
      <c r="FN1845" s="91"/>
      <c r="FO1845" s="91"/>
      <c r="FP1845" s="91"/>
      <c r="FQ1845" s="91"/>
      <c r="FR1845" s="91"/>
      <c r="FS1845" s="91"/>
      <c r="FT1845" s="91"/>
      <c r="FU1845" s="91"/>
      <c r="FV1845" s="91"/>
      <c r="FW1845" s="91"/>
      <c r="FX1845" s="91"/>
      <c r="FY1845" s="91"/>
      <c r="FZ1845" s="91"/>
      <c r="GA1845" s="91"/>
      <c r="GB1845" s="91"/>
      <c r="GC1845" s="91"/>
      <c r="GD1845" s="91"/>
      <c r="GE1845" s="91"/>
      <c r="GF1845" s="91"/>
      <c r="GG1845" s="91"/>
      <c r="GH1845" s="91"/>
      <c r="GI1845" s="91"/>
      <c r="GJ1845" s="91"/>
      <c r="GK1845" s="127"/>
      <c r="GL1845" s="126"/>
      <c r="GM1845" s="91"/>
      <c r="GN1845" s="91"/>
      <c r="GO1845" s="91"/>
      <c r="GP1845" s="91"/>
      <c r="GQ1845" s="91"/>
      <c r="GR1845" s="91"/>
      <c r="GS1845" s="91"/>
      <c r="GT1845" s="91"/>
      <c r="GU1845" s="91"/>
      <c r="GV1845" s="91"/>
      <c r="GW1845" s="91"/>
      <c r="GX1845" s="91"/>
      <c r="GY1845" s="91"/>
      <c r="GZ1845" s="91"/>
      <c r="HA1845" s="91"/>
      <c r="HB1845" s="91"/>
      <c r="HC1845" s="91"/>
      <c r="HD1845" s="91"/>
      <c r="HE1845" s="91"/>
      <c r="HF1845" s="91"/>
      <c r="HG1845" s="91"/>
      <c r="HH1845" s="91"/>
      <c r="HI1845" s="91"/>
      <c r="HJ1845" s="91"/>
      <c r="HK1845" s="127"/>
      <c r="HL1845" s="126"/>
      <c r="HM1845" s="91"/>
      <c r="HN1845" s="91"/>
      <c r="HO1845" s="91"/>
      <c r="HP1845" s="91"/>
      <c r="HQ1845" s="91"/>
      <c r="HR1845" s="91"/>
      <c r="HS1845" s="91"/>
      <c r="HT1845" s="91"/>
      <c r="HU1845" s="91"/>
      <c r="HV1845" s="91"/>
      <c r="HW1845" s="91"/>
      <c r="HX1845" s="91"/>
      <c r="HY1845" s="91"/>
      <c r="HZ1845" s="91"/>
      <c r="IA1845" s="91"/>
      <c r="IB1845" s="91"/>
      <c r="IC1845" s="91"/>
      <c r="ID1845" s="91"/>
      <c r="IE1845" s="91"/>
      <c r="IF1845" s="91"/>
      <c r="IG1845" s="91"/>
      <c r="IH1845" s="91"/>
      <c r="II1845" s="91"/>
      <c r="IJ1845" s="91"/>
      <c r="IK1845" s="127"/>
    </row>
    <row r="1846" spans="2:245" x14ac:dyDescent="0.2">
      <c r="B1846" s="43"/>
      <c r="C1846" s="73"/>
      <c r="D1846" s="64"/>
      <c r="E1846" s="64"/>
      <c r="F1846" s="55"/>
      <c r="G1846" s="102"/>
      <c r="H1846" s="55"/>
      <c r="I1846" s="55"/>
      <c r="J1846" s="55"/>
      <c r="K1846" s="55"/>
      <c r="L1846" s="55"/>
      <c r="M1846" s="55"/>
      <c r="N1846" s="55"/>
      <c r="O1846" s="55"/>
      <c r="P1846" s="55"/>
      <c r="Q1846" s="55"/>
      <c r="R1846" s="55"/>
      <c r="S1846" s="55"/>
      <c r="T1846" s="55"/>
      <c r="U1846" s="55"/>
      <c r="V1846" s="55"/>
      <c r="W1846" s="55"/>
      <c r="X1846" s="55"/>
      <c r="Y1846" s="55"/>
      <c r="Z1846" s="55"/>
      <c r="AA1846" s="55"/>
      <c r="AB1846" s="55"/>
      <c r="AC1846" s="55"/>
      <c r="AD1846" s="55"/>
      <c r="AE1846" s="55"/>
      <c r="AF1846" s="55"/>
      <c r="AG1846" s="55"/>
      <c r="AY1846" s="162"/>
      <c r="AZ1846" s="162"/>
      <c r="BA1846" s="162"/>
      <c r="BB1846" s="162"/>
      <c r="BC1846" s="162"/>
      <c r="BD1846" s="162"/>
      <c r="BE1846" s="162"/>
      <c r="BF1846" s="162"/>
      <c r="BG1846" s="162"/>
      <c r="BH1846" s="162"/>
      <c r="BI1846" s="162"/>
      <c r="BJ1846" s="162"/>
      <c r="BK1846" s="162"/>
      <c r="BL1846" s="162"/>
      <c r="BM1846" s="162"/>
      <c r="BN1846" s="162"/>
      <c r="BO1846" s="162"/>
      <c r="BP1846" s="162"/>
      <c r="BQ1846" s="162"/>
      <c r="BR1846" s="162"/>
      <c r="BS1846" s="162"/>
      <c r="BT1846" s="162"/>
      <c r="BU1846" s="162"/>
      <c r="BV1846" s="162"/>
      <c r="BW1846" s="162"/>
      <c r="BX1846" s="162"/>
      <c r="BY1846" s="162"/>
      <c r="BZ1846" s="162"/>
      <c r="CA1846" s="162"/>
      <c r="CB1846" s="162"/>
      <c r="CC1846" s="162"/>
      <c r="CD1846" s="162"/>
      <c r="CE1846" s="162"/>
      <c r="CF1846" s="162"/>
      <c r="CG1846" s="162"/>
      <c r="CH1846" s="162"/>
      <c r="CI1846" s="162"/>
      <c r="CJ1846" s="162"/>
      <c r="CK1846" s="162"/>
      <c r="CX1846" s="98"/>
      <c r="DL1846" s="97"/>
      <c r="DX1846" s="98"/>
      <c r="EL1846" s="97"/>
      <c r="EX1846" s="98"/>
      <c r="EY1846" s="97"/>
      <c r="FL1846" s="126"/>
      <c r="FM1846" s="91"/>
      <c r="FN1846" s="91"/>
      <c r="FO1846" s="91"/>
      <c r="FP1846" s="91"/>
      <c r="FQ1846" s="91"/>
      <c r="FR1846" s="91"/>
      <c r="FS1846" s="91"/>
      <c r="FT1846" s="91"/>
      <c r="FU1846" s="91"/>
      <c r="FV1846" s="91"/>
      <c r="FW1846" s="91"/>
      <c r="FX1846" s="91"/>
      <c r="FY1846" s="91"/>
      <c r="FZ1846" s="91"/>
      <c r="GA1846" s="91"/>
      <c r="GB1846" s="91"/>
      <c r="GC1846" s="91"/>
      <c r="GD1846" s="91"/>
      <c r="GE1846" s="91"/>
      <c r="GF1846" s="91"/>
      <c r="GG1846" s="91"/>
      <c r="GH1846" s="91"/>
      <c r="GI1846" s="91"/>
      <c r="GJ1846" s="91"/>
      <c r="GK1846" s="127"/>
      <c r="GL1846" s="126"/>
      <c r="GM1846" s="91"/>
      <c r="GN1846" s="91"/>
      <c r="GO1846" s="91"/>
      <c r="GP1846" s="91"/>
      <c r="GQ1846" s="91"/>
      <c r="GR1846" s="91"/>
      <c r="GS1846" s="91"/>
      <c r="GT1846" s="91"/>
      <c r="GU1846" s="91"/>
      <c r="GV1846" s="91"/>
      <c r="GW1846" s="91"/>
      <c r="GX1846" s="91"/>
      <c r="GY1846" s="91"/>
      <c r="GZ1846" s="91"/>
      <c r="HA1846" s="91"/>
      <c r="HB1846" s="91"/>
      <c r="HC1846" s="91"/>
      <c r="HD1846" s="91"/>
      <c r="HE1846" s="91"/>
      <c r="HF1846" s="91"/>
      <c r="HG1846" s="91"/>
      <c r="HH1846" s="91"/>
      <c r="HI1846" s="91"/>
      <c r="HJ1846" s="91"/>
      <c r="HK1846" s="127"/>
      <c r="HL1846" s="126"/>
      <c r="HM1846" s="91"/>
      <c r="HN1846" s="91"/>
      <c r="HO1846" s="91"/>
      <c r="HP1846" s="91"/>
      <c r="HQ1846" s="91"/>
      <c r="HR1846" s="91"/>
      <c r="HS1846" s="91"/>
      <c r="HT1846" s="91"/>
      <c r="HU1846" s="91"/>
      <c r="HV1846" s="91"/>
      <c r="HW1846" s="91"/>
      <c r="HX1846" s="91"/>
      <c r="HY1846" s="91"/>
      <c r="HZ1846" s="91"/>
      <c r="IA1846" s="91"/>
      <c r="IB1846" s="91"/>
      <c r="IC1846" s="91"/>
      <c r="ID1846" s="91"/>
      <c r="IE1846" s="91"/>
      <c r="IF1846" s="91"/>
      <c r="IG1846" s="91"/>
      <c r="IH1846" s="91"/>
      <c r="II1846" s="91"/>
      <c r="IJ1846" s="91"/>
      <c r="IK1846" s="127"/>
    </row>
    <row r="1847" spans="2:245" x14ac:dyDescent="0.2">
      <c r="B1847" s="43"/>
      <c r="C1847" s="73"/>
      <c r="D1847" s="64"/>
      <c r="E1847" s="64"/>
      <c r="F1847" s="55"/>
      <c r="G1847" s="102"/>
      <c r="H1847" s="55"/>
      <c r="I1847" s="55"/>
      <c r="J1847" s="55"/>
      <c r="K1847" s="55"/>
      <c r="L1847" s="55"/>
      <c r="M1847" s="55"/>
      <c r="N1847" s="55"/>
      <c r="O1847" s="55"/>
      <c r="P1847" s="55"/>
      <c r="Q1847" s="55"/>
      <c r="R1847" s="55"/>
      <c r="S1847" s="55"/>
      <c r="T1847" s="55"/>
      <c r="U1847" s="55"/>
      <c r="V1847" s="55"/>
      <c r="W1847" s="55"/>
      <c r="X1847" s="55"/>
      <c r="Y1847" s="55"/>
      <c r="Z1847" s="55"/>
      <c r="AA1847" s="55"/>
      <c r="AB1847" s="55"/>
      <c r="AC1847" s="55"/>
      <c r="AD1847" s="55"/>
      <c r="AE1847" s="55"/>
      <c r="AF1847" s="55"/>
      <c r="AG1847" s="55"/>
      <c r="AY1847" s="162"/>
      <c r="AZ1847" s="162"/>
      <c r="BA1847" s="162"/>
      <c r="BB1847" s="162"/>
      <c r="BC1847" s="162"/>
      <c r="BD1847" s="162"/>
      <c r="BE1847" s="162"/>
      <c r="BF1847" s="162"/>
      <c r="BG1847" s="162"/>
      <c r="BH1847" s="162"/>
      <c r="BI1847" s="162"/>
      <c r="BJ1847" s="162"/>
      <c r="BK1847" s="162"/>
      <c r="BL1847" s="162"/>
      <c r="BM1847" s="162"/>
      <c r="BN1847" s="162"/>
      <c r="BO1847" s="162"/>
      <c r="BP1847" s="162"/>
      <c r="BQ1847" s="162"/>
      <c r="BR1847" s="162"/>
      <c r="BS1847" s="162"/>
      <c r="BT1847" s="162"/>
      <c r="BU1847" s="162"/>
      <c r="BV1847" s="162"/>
      <c r="BW1847" s="162"/>
      <c r="BX1847" s="162"/>
      <c r="BY1847" s="162"/>
      <c r="BZ1847" s="162"/>
      <c r="CA1847" s="162"/>
      <c r="CB1847" s="162"/>
      <c r="CC1847" s="162"/>
      <c r="CD1847" s="162"/>
      <c r="CE1847" s="162"/>
      <c r="CF1847" s="162"/>
      <c r="CG1847" s="162"/>
      <c r="CH1847" s="162"/>
      <c r="CI1847" s="162"/>
      <c r="CJ1847" s="162"/>
      <c r="CK1847" s="162"/>
      <c r="CX1847" s="98"/>
      <c r="DL1847" s="97"/>
      <c r="DX1847" s="98"/>
      <c r="EL1847" s="97"/>
      <c r="EX1847" s="98"/>
      <c r="EY1847" s="97"/>
      <c r="FL1847" s="126"/>
      <c r="FM1847" s="91"/>
      <c r="FN1847" s="91"/>
      <c r="FO1847" s="91"/>
      <c r="FP1847" s="91"/>
      <c r="FQ1847" s="91"/>
      <c r="FR1847" s="91"/>
      <c r="FS1847" s="91"/>
      <c r="FT1847" s="91"/>
      <c r="FU1847" s="91"/>
      <c r="FV1847" s="91"/>
      <c r="FW1847" s="91"/>
      <c r="FX1847" s="91"/>
      <c r="FY1847" s="91"/>
      <c r="FZ1847" s="91"/>
      <c r="GA1847" s="91"/>
      <c r="GB1847" s="91"/>
      <c r="GC1847" s="91"/>
      <c r="GD1847" s="91"/>
      <c r="GE1847" s="91"/>
      <c r="GF1847" s="91"/>
      <c r="GG1847" s="91"/>
      <c r="GH1847" s="91"/>
      <c r="GI1847" s="91"/>
      <c r="GJ1847" s="91"/>
      <c r="GK1847" s="127"/>
      <c r="GL1847" s="126"/>
      <c r="GM1847" s="91"/>
      <c r="GN1847" s="91"/>
      <c r="GO1847" s="91"/>
      <c r="GP1847" s="91"/>
      <c r="GQ1847" s="91"/>
      <c r="GR1847" s="91"/>
      <c r="GS1847" s="91"/>
      <c r="GT1847" s="91"/>
      <c r="GU1847" s="91"/>
      <c r="GV1847" s="91"/>
      <c r="GW1847" s="91"/>
      <c r="GX1847" s="91"/>
      <c r="GY1847" s="91"/>
      <c r="GZ1847" s="91"/>
      <c r="HA1847" s="91"/>
      <c r="HB1847" s="91"/>
      <c r="HC1847" s="91"/>
      <c r="HD1847" s="91"/>
      <c r="HE1847" s="91"/>
      <c r="HF1847" s="91"/>
      <c r="HG1847" s="91"/>
      <c r="HH1847" s="91"/>
      <c r="HI1847" s="91"/>
      <c r="HJ1847" s="91"/>
      <c r="HK1847" s="127"/>
      <c r="HL1847" s="126"/>
      <c r="HM1847" s="91"/>
      <c r="HN1847" s="91"/>
      <c r="HO1847" s="91"/>
      <c r="HP1847" s="91"/>
      <c r="HQ1847" s="91"/>
      <c r="HR1847" s="91"/>
      <c r="HS1847" s="91"/>
      <c r="HT1847" s="91"/>
      <c r="HU1847" s="91"/>
      <c r="HV1847" s="91"/>
      <c r="HW1847" s="91"/>
      <c r="HX1847" s="91"/>
      <c r="HY1847" s="91"/>
      <c r="HZ1847" s="91"/>
      <c r="IA1847" s="91"/>
      <c r="IB1847" s="91"/>
      <c r="IC1847" s="91"/>
      <c r="ID1847" s="91"/>
      <c r="IE1847" s="91"/>
      <c r="IF1847" s="91"/>
      <c r="IG1847" s="91"/>
      <c r="IH1847" s="91"/>
      <c r="II1847" s="91"/>
      <c r="IJ1847" s="91"/>
      <c r="IK1847" s="127"/>
    </row>
    <row r="1848" spans="2:245" x14ac:dyDescent="0.2">
      <c r="B1848" s="43"/>
      <c r="C1848" s="73"/>
      <c r="D1848" s="64"/>
      <c r="E1848" s="64"/>
      <c r="F1848" s="55"/>
      <c r="G1848" s="102"/>
      <c r="H1848" s="55"/>
      <c r="I1848" s="55"/>
      <c r="J1848" s="55"/>
      <c r="K1848" s="55"/>
      <c r="L1848" s="55"/>
      <c r="M1848" s="55"/>
      <c r="N1848" s="55"/>
      <c r="O1848" s="55"/>
      <c r="P1848" s="55"/>
      <c r="Q1848" s="55"/>
      <c r="R1848" s="55"/>
      <c r="S1848" s="55"/>
      <c r="T1848" s="55"/>
      <c r="U1848" s="55"/>
      <c r="V1848" s="55"/>
      <c r="W1848" s="55"/>
      <c r="X1848" s="55"/>
      <c r="Y1848" s="55"/>
      <c r="Z1848" s="55"/>
      <c r="AA1848" s="55"/>
      <c r="AB1848" s="55"/>
      <c r="AC1848" s="55"/>
      <c r="AD1848" s="55"/>
      <c r="AE1848" s="55"/>
      <c r="AF1848" s="55"/>
      <c r="AG1848" s="55"/>
      <c r="AY1848" s="162"/>
      <c r="AZ1848" s="162"/>
      <c r="BA1848" s="162"/>
      <c r="BB1848" s="162"/>
      <c r="BC1848" s="162"/>
      <c r="BD1848" s="162"/>
      <c r="BE1848" s="162"/>
      <c r="BF1848" s="162"/>
      <c r="BG1848" s="162"/>
      <c r="BH1848" s="162"/>
      <c r="BI1848" s="162"/>
      <c r="BJ1848" s="162"/>
      <c r="BK1848" s="162"/>
      <c r="BL1848" s="162"/>
      <c r="BM1848" s="162"/>
      <c r="BN1848" s="162"/>
      <c r="BO1848" s="162"/>
      <c r="BP1848" s="162"/>
      <c r="BQ1848" s="162"/>
      <c r="BR1848" s="162"/>
      <c r="BS1848" s="162"/>
      <c r="BT1848" s="162"/>
      <c r="BU1848" s="162"/>
      <c r="BV1848" s="162"/>
      <c r="BW1848" s="162"/>
      <c r="BX1848" s="162"/>
      <c r="BY1848" s="162"/>
      <c r="BZ1848" s="162"/>
      <c r="CA1848" s="162"/>
      <c r="CB1848" s="162"/>
      <c r="CC1848" s="162"/>
      <c r="CD1848" s="162"/>
      <c r="CE1848" s="162"/>
      <c r="CF1848" s="162"/>
      <c r="CG1848" s="162"/>
      <c r="CH1848" s="162"/>
      <c r="CI1848" s="162"/>
      <c r="CJ1848" s="162"/>
      <c r="CK1848" s="162"/>
      <c r="CX1848" s="98"/>
      <c r="DL1848" s="97"/>
      <c r="DX1848" s="98"/>
      <c r="EL1848" s="97"/>
      <c r="EX1848" s="98"/>
      <c r="EY1848" s="97"/>
      <c r="FL1848" s="126"/>
      <c r="FM1848" s="91"/>
      <c r="FN1848" s="91"/>
      <c r="FO1848" s="91"/>
      <c r="FP1848" s="91"/>
      <c r="FQ1848" s="91"/>
      <c r="FR1848" s="91"/>
      <c r="FS1848" s="91"/>
      <c r="FT1848" s="91"/>
      <c r="FU1848" s="91"/>
      <c r="FV1848" s="91"/>
      <c r="FW1848" s="91"/>
      <c r="FX1848" s="91"/>
      <c r="FY1848" s="91"/>
      <c r="FZ1848" s="91"/>
      <c r="GA1848" s="91"/>
      <c r="GB1848" s="91"/>
      <c r="GC1848" s="91"/>
      <c r="GD1848" s="91"/>
      <c r="GE1848" s="91"/>
      <c r="GF1848" s="91"/>
      <c r="GG1848" s="91"/>
      <c r="GH1848" s="91"/>
      <c r="GI1848" s="91"/>
      <c r="GJ1848" s="91"/>
      <c r="GK1848" s="127"/>
      <c r="GL1848" s="126"/>
      <c r="GM1848" s="91"/>
      <c r="GN1848" s="91"/>
      <c r="GO1848" s="91"/>
      <c r="GP1848" s="91"/>
      <c r="GQ1848" s="91"/>
      <c r="GR1848" s="91"/>
      <c r="GS1848" s="91"/>
      <c r="GT1848" s="91"/>
      <c r="GU1848" s="91"/>
      <c r="GV1848" s="91"/>
      <c r="GW1848" s="91"/>
      <c r="GX1848" s="91"/>
      <c r="GY1848" s="91"/>
      <c r="GZ1848" s="91"/>
      <c r="HA1848" s="91"/>
      <c r="HB1848" s="91"/>
      <c r="HC1848" s="91"/>
      <c r="HD1848" s="91"/>
      <c r="HE1848" s="91"/>
      <c r="HF1848" s="91"/>
      <c r="HG1848" s="91"/>
      <c r="HH1848" s="91"/>
      <c r="HI1848" s="91"/>
      <c r="HJ1848" s="91"/>
      <c r="HK1848" s="127"/>
      <c r="HL1848" s="126"/>
      <c r="HM1848" s="91"/>
      <c r="HN1848" s="91"/>
      <c r="HO1848" s="91"/>
      <c r="HP1848" s="91"/>
      <c r="HQ1848" s="91"/>
      <c r="HR1848" s="91"/>
      <c r="HS1848" s="91"/>
      <c r="HT1848" s="91"/>
      <c r="HU1848" s="91"/>
      <c r="HV1848" s="91"/>
      <c r="HW1848" s="91"/>
      <c r="HX1848" s="91"/>
      <c r="HY1848" s="91"/>
      <c r="HZ1848" s="91"/>
      <c r="IA1848" s="91"/>
      <c r="IB1848" s="91"/>
      <c r="IC1848" s="91"/>
      <c r="ID1848" s="91"/>
      <c r="IE1848" s="91"/>
      <c r="IF1848" s="91"/>
      <c r="IG1848" s="91"/>
      <c r="IH1848" s="91"/>
      <c r="II1848" s="91"/>
      <c r="IJ1848" s="91"/>
      <c r="IK1848" s="127"/>
    </row>
    <row r="1849" spans="2:245" x14ac:dyDescent="0.2">
      <c r="B1849" s="43"/>
      <c r="C1849" s="73"/>
      <c r="D1849" s="64"/>
      <c r="E1849" s="64"/>
      <c r="F1849" s="55"/>
      <c r="G1849" s="102"/>
      <c r="H1849" s="55"/>
      <c r="I1849" s="55"/>
      <c r="J1849" s="55"/>
      <c r="K1849" s="55"/>
      <c r="L1849" s="55"/>
      <c r="M1849" s="55"/>
      <c r="N1849" s="55"/>
      <c r="O1849" s="55"/>
      <c r="P1849" s="55"/>
      <c r="Q1849" s="55"/>
      <c r="R1849" s="55"/>
      <c r="S1849" s="55"/>
      <c r="T1849" s="55"/>
      <c r="U1849" s="55"/>
      <c r="V1849" s="55"/>
      <c r="W1849" s="55"/>
      <c r="X1849" s="55"/>
      <c r="Y1849" s="55"/>
      <c r="Z1849" s="55"/>
      <c r="AA1849" s="55"/>
      <c r="AB1849" s="55"/>
      <c r="AC1849" s="55"/>
      <c r="AD1849" s="55"/>
      <c r="AE1849" s="55"/>
      <c r="AF1849" s="55"/>
      <c r="AG1849" s="55"/>
      <c r="AY1849" s="162"/>
      <c r="AZ1849" s="162"/>
      <c r="BA1849" s="162"/>
      <c r="BB1849" s="162"/>
      <c r="BC1849" s="162"/>
      <c r="BD1849" s="162"/>
      <c r="BE1849" s="162"/>
      <c r="BF1849" s="162"/>
      <c r="BG1849" s="162"/>
      <c r="BH1849" s="162"/>
      <c r="BI1849" s="162"/>
      <c r="BJ1849" s="162"/>
      <c r="BK1849" s="162"/>
      <c r="BL1849" s="162"/>
      <c r="BM1849" s="162"/>
      <c r="BN1849" s="162"/>
      <c r="BO1849" s="162"/>
      <c r="BP1849" s="162"/>
      <c r="BQ1849" s="162"/>
      <c r="BR1849" s="162"/>
      <c r="BS1849" s="162"/>
      <c r="BT1849" s="162"/>
      <c r="BU1849" s="162"/>
      <c r="BV1849" s="162"/>
      <c r="BW1849" s="162"/>
      <c r="BX1849" s="162"/>
      <c r="BY1849" s="162"/>
      <c r="BZ1849" s="162"/>
      <c r="CA1849" s="162"/>
      <c r="CB1849" s="162"/>
      <c r="CC1849" s="162"/>
      <c r="CD1849" s="162"/>
      <c r="CE1849" s="162"/>
      <c r="CF1849" s="162"/>
      <c r="CG1849" s="162"/>
      <c r="CH1849" s="162"/>
      <c r="CI1849" s="162"/>
      <c r="CJ1849" s="162"/>
      <c r="CK1849" s="162"/>
      <c r="CX1849" s="98"/>
      <c r="DL1849" s="97"/>
      <c r="DX1849" s="98"/>
      <c r="EL1849" s="97"/>
      <c r="EX1849" s="98"/>
      <c r="EY1849" s="97"/>
      <c r="FL1849" s="126"/>
      <c r="FM1849" s="91"/>
      <c r="FN1849" s="91"/>
      <c r="FO1849" s="91"/>
      <c r="FP1849" s="91"/>
      <c r="FQ1849" s="91"/>
      <c r="FR1849" s="91"/>
      <c r="FS1849" s="91"/>
      <c r="FT1849" s="91"/>
      <c r="FU1849" s="91"/>
      <c r="FV1849" s="91"/>
      <c r="FW1849" s="91"/>
      <c r="FX1849" s="91"/>
      <c r="FY1849" s="91"/>
      <c r="FZ1849" s="91"/>
      <c r="GA1849" s="91"/>
      <c r="GB1849" s="91"/>
      <c r="GC1849" s="91"/>
      <c r="GD1849" s="91"/>
      <c r="GE1849" s="91"/>
      <c r="GF1849" s="91"/>
      <c r="GG1849" s="91"/>
      <c r="GH1849" s="91"/>
      <c r="GI1849" s="91"/>
      <c r="GJ1849" s="91"/>
      <c r="GK1849" s="127"/>
      <c r="GL1849" s="126"/>
      <c r="GM1849" s="91"/>
      <c r="GN1849" s="91"/>
      <c r="GO1849" s="91"/>
      <c r="GP1849" s="91"/>
      <c r="GQ1849" s="91"/>
      <c r="GR1849" s="91"/>
      <c r="GS1849" s="91"/>
      <c r="GT1849" s="91"/>
      <c r="GU1849" s="91"/>
      <c r="GV1849" s="91"/>
      <c r="GW1849" s="91"/>
      <c r="GX1849" s="91"/>
      <c r="GY1849" s="91"/>
      <c r="GZ1849" s="91"/>
      <c r="HA1849" s="91"/>
      <c r="HB1849" s="91"/>
      <c r="HC1849" s="91"/>
      <c r="HD1849" s="91"/>
      <c r="HE1849" s="91"/>
      <c r="HF1849" s="91"/>
      <c r="HG1849" s="91"/>
      <c r="HH1849" s="91"/>
      <c r="HI1849" s="91"/>
      <c r="HJ1849" s="91"/>
      <c r="HK1849" s="127"/>
      <c r="HL1849" s="126"/>
      <c r="HM1849" s="91"/>
      <c r="HN1849" s="91"/>
      <c r="HO1849" s="91"/>
      <c r="HP1849" s="91"/>
      <c r="HQ1849" s="91"/>
      <c r="HR1849" s="91"/>
      <c r="HS1849" s="91"/>
      <c r="HT1849" s="91"/>
      <c r="HU1849" s="91"/>
      <c r="HV1849" s="91"/>
      <c r="HW1849" s="91"/>
      <c r="HX1849" s="91"/>
      <c r="HY1849" s="91"/>
      <c r="HZ1849" s="91"/>
      <c r="IA1849" s="91"/>
      <c r="IB1849" s="91"/>
      <c r="IC1849" s="91"/>
      <c r="ID1849" s="91"/>
      <c r="IE1849" s="91"/>
      <c r="IF1849" s="91"/>
      <c r="IG1849" s="91"/>
      <c r="IH1849" s="91"/>
      <c r="II1849" s="91"/>
      <c r="IJ1849" s="91"/>
      <c r="IK1849" s="127"/>
    </row>
    <row r="1850" spans="2:245" x14ac:dyDescent="0.2">
      <c r="B1850" s="43"/>
      <c r="C1850" s="73"/>
      <c r="D1850" s="64"/>
      <c r="E1850" s="64"/>
      <c r="F1850" s="55"/>
      <c r="G1850" s="102"/>
      <c r="H1850" s="55"/>
      <c r="I1850" s="55"/>
      <c r="J1850" s="55"/>
      <c r="K1850" s="55"/>
      <c r="L1850" s="55"/>
      <c r="M1850" s="55"/>
      <c r="N1850" s="55"/>
      <c r="O1850" s="55"/>
      <c r="P1850" s="55"/>
      <c r="Q1850" s="55"/>
      <c r="R1850" s="55"/>
      <c r="S1850" s="55"/>
      <c r="T1850" s="55"/>
      <c r="U1850" s="55"/>
      <c r="V1850" s="55"/>
      <c r="W1850" s="55"/>
      <c r="X1850" s="55"/>
      <c r="Y1850" s="55"/>
      <c r="Z1850" s="55"/>
      <c r="AA1850" s="55"/>
      <c r="AB1850" s="55"/>
      <c r="AC1850" s="55"/>
      <c r="AD1850" s="55"/>
      <c r="AE1850" s="55"/>
      <c r="AF1850" s="55"/>
      <c r="AG1850" s="55"/>
      <c r="AY1850" s="162"/>
      <c r="AZ1850" s="162"/>
      <c r="BA1850" s="162"/>
      <c r="BB1850" s="162"/>
      <c r="BC1850" s="162"/>
      <c r="BD1850" s="162"/>
      <c r="BE1850" s="162"/>
      <c r="BF1850" s="162"/>
      <c r="BG1850" s="162"/>
      <c r="BH1850" s="162"/>
      <c r="BI1850" s="162"/>
      <c r="BJ1850" s="162"/>
      <c r="BK1850" s="162"/>
      <c r="BL1850" s="162"/>
      <c r="BM1850" s="162"/>
      <c r="BN1850" s="162"/>
      <c r="BO1850" s="162"/>
      <c r="BP1850" s="162"/>
      <c r="BQ1850" s="162"/>
      <c r="BR1850" s="162"/>
      <c r="BS1850" s="162"/>
      <c r="BT1850" s="162"/>
      <c r="BU1850" s="162"/>
      <c r="BV1850" s="162"/>
      <c r="BW1850" s="162"/>
      <c r="BX1850" s="162"/>
      <c r="BY1850" s="162"/>
      <c r="BZ1850" s="162"/>
      <c r="CA1850" s="162"/>
      <c r="CB1850" s="162"/>
      <c r="CC1850" s="162"/>
      <c r="CD1850" s="162"/>
      <c r="CE1850" s="162"/>
      <c r="CF1850" s="162"/>
      <c r="CG1850" s="162"/>
      <c r="CH1850" s="162"/>
      <c r="CI1850" s="162"/>
      <c r="CJ1850" s="162"/>
      <c r="CK1850" s="162"/>
      <c r="CX1850" s="98"/>
      <c r="DL1850" s="97"/>
      <c r="DX1850" s="98"/>
      <c r="EL1850" s="97"/>
      <c r="EX1850" s="98"/>
      <c r="EY1850" s="97"/>
      <c r="FL1850" s="126"/>
      <c r="FM1850" s="91"/>
      <c r="FN1850" s="91"/>
      <c r="FO1850" s="91"/>
      <c r="FP1850" s="91"/>
      <c r="FQ1850" s="91"/>
      <c r="FR1850" s="91"/>
      <c r="FS1850" s="91"/>
      <c r="FT1850" s="91"/>
      <c r="FU1850" s="91"/>
      <c r="FV1850" s="91"/>
      <c r="FW1850" s="91"/>
      <c r="FX1850" s="91"/>
      <c r="FY1850" s="91"/>
      <c r="FZ1850" s="91"/>
      <c r="GA1850" s="91"/>
      <c r="GB1850" s="91"/>
      <c r="GC1850" s="91"/>
      <c r="GD1850" s="91"/>
      <c r="GE1850" s="91"/>
      <c r="GF1850" s="91"/>
      <c r="GG1850" s="91"/>
      <c r="GH1850" s="91"/>
      <c r="GI1850" s="91"/>
      <c r="GJ1850" s="91"/>
      <c r="GK1850" s="127"/>
      <c r="GL1850" s="126"/>
      <c r="GM1850" s="91"/>
      <c r="GN1850" s="91"/>
      <c r="GO1850" s="91"/>
      <c r="GP1850" s="91"/>
      <c r="GQ1850" s="91"/>
      <c r="GR1850" s="91"/>
      <c r="GS1850" s="91"/>
      <c r="GT1850" s="91"/>
      <c r="GU1850" s="91"/>
      <c r="GV1850" s="91"/>
      <c r="GW1850" s="91"/>
      <c r="GX1850" s="91"/>
      <c r="GY1850" s="91"/>
      <c r="GZ1850" s="91"/>
      <c r="HA1850" s="91"/>
      <c r="HB1850" s="91"/>
      <c r="HC1850" s="91"/>
      <c r="HD1850" s="91"/>
      <c r="HE1850" s="91"/>
      <c r="HF1850" s="91"/>
      <c r="HG1850" s="91"/>
      <c r="HH1850" s="91"/>
      <c r="HI1850" s="91"/>
      <c r="HJ1850" s="91"/>
      <c r="HK1850" s="127"/>
      <c r="HL1850" s="126"/>
      <c r="HM1850" s="91"/>
      <c r="HN1850" s="91"/>
      <c r="HO1850" s="91"/>
      <c r="HP1850" s="91"/>
      <c r="HQ1850" s="91"/>
      <c r="HR1850" s="91"/>
      <c r="HS1850" s="91"/>
      <c r="HT1850" s="91"/>
      <c r="HU1850" s="91"/>
      <c r="HV1850" s="91"/>
      <c r="HW1850" s="91"/>
      <c r="HX1850" s="91"/>
      <c r="HY1850" s="91"/>
      <c r="HZ1850" s="91"/>
      <c r="IA1850" s="91"/>
      <c r="IB1850" s="91"/>
      <c r="IC1850" s="91"/>
      <c r="ID1850" s="91"/>
      <c r="IE1850" s="91"/>
      <c r="IF1850" s="91"/>
      <c r="IG1850" s="91"/>
      <c r="IH1850" s="91"/>
      <c r="II1850" s="91"/>
      <c r="IJ1850" s="91"/>
      <c r="IK1850" s="127"/>
    </row>
    <row r="1851" spans="2:245" x14ac:dyDescent="0.2">
      <c r="B1851" s="43"/>
      <c r="C1851" s="73"/>
      <c r="D1851" s="64"/>
      <c r="E1851" s="64"/>
      <c r="F1851" s="55"/>
      <c r="G1851" s="102"/>
      <c r="H1851" s="55"/>
      <c r="I1851" s="55"/>
      <c r="J1851" s="55"/>
      <c r="K1851" s="55"/>
      <c r="L1851" s="55"/>
      <c r="M1851" s="55"/>
      <c r="N1851" s="55"/>
      <c r="O1851" s="55"/>
      <c r="P1851" s="55"/>
      <c r="Q1851" s="55"/>
      <c r="R1851" s="55"/>
      <c r="S1851" s="55"/>
      <c r="T1851" s="55"/>
      <c r="U1851" s="55"/>
      <c r="V1851" s="55"/>
      <c r="W1851" s="55"/>
      <c r="X1851" s="55"/>
      <c r="Y1851" s="55"/>
      <c r="Z1851" s="55"/>
      <c r="AA1851" s="55"/>
      <c r="AB1851" s="55"/>
      <c r="AC1851" s="55"/>
      <c r="AD1851" s="55"/>
      <c r="AE1851" s="55"/>
      <c r="AF1851" s="55"/>
      <c r="AG1851" s="55"/>
      <c r="AY1851" s="162"/>
      <c r="AZ1851" s="162"/>
      <c r="BA1851" s="162"/>
      <c r="BB1851" s="162"/>
      <c r="BC1851" s="162"/>
      <c r="BD1851" s="162"/>
      <c r="BE1851" s="162"/>
      <c r="BF1851" s="162"/>
      <c r="BG1851" s="162"/>
      <c r="BH1851" s="162"/>
      <c r="BI1851" s="162"/>
      <c r="BJ1851" s="162"/>
      <c r="BK1851" s="162"/>
      <c r="BL1851" s="162"/>
      <c r="BM1851" s="162"/>
      <c r="BN1851" s="162"/>
      <c r="BO1851" s="162"/>
      <c r="BP1851" s="162"/>
      <c r="BQ1851" s="162"/>
      <c r="BR1851" s="162"/>
      <c r="BS1851" s="162"/>
      <c r="BT1851" s="162"/>
      <c r="BU1851" s="162"/>
      <c r="BV1851" s="162"/>
      <c r="BW1851" s="162"/>
      <c r="BX1851" s="162"/>
      <c r="BY1851" s="162"/>
      <c r="BZ1851" s="162"/>
      <c r="CA1851" s="162"/>
      <c r="CB1851" s="162"/>
      <c r="CC1851" s="162"/>
      <c r="CD1851" s="162"/>
      <c r="CE1851" s="162"/>
      <c r="CF1851" s="162"/>
      <c r="CG1851" s="162"/>
      <c r="CH1851" s="162"/>
      <c r="CI1851" s="162"/>
      <c r="CJ1851" s="162"/>
      <c r="CK1851" s="162"/>
      <c r="CX1851" s="98"/>
      <c r="DL1851" s="97"/>
      <c r="DX1851" s="98"/>
      <c r="EL1851" s="97"/>
      <c r="EX1851" s="98"/>
      <c r="EY1851" s="97"/>
      <c r="FL1851" s="126"/>
      <c r="FM1851" s="91"/>
      <c r="FN1851" s="91"/>
      <c r="FO1851" s="91"/>
      <c r="FP1851" s="91"/>
      <c r="FQ1851" s="91"/>
      <c r="FR1851" s="91"/>
      <c r="FS1851" s="91"/>
      <c r="FT1851" s="91"/>
      <c r="FU1851" s="91"/>
      <c r="FV1851" s="91"/>
      <c r="FW1851" s="91"/>
      <c r="FX1851" s="91"/>
      <c r="FY1851" s="91"/>
      <c r="FZ1851" s="91"/>
      <c r="GA1851" s="91"/>
      <c r="GB1851" s="91"/>
      <c r="GC1851" s="91"/>
      <c r="GD1851" s="91"/>
      <c r="GE1851" s="91"/>
      <c r="GF1851" s="91"/>
      <c r="GG1851" s="91"/>
      <c r="GH1851" s="91"/>
      <c r="GI1851" s="91"/>
      <c r="GJ1851" s="91"/>
      <c r="GK1851" s="127"/>
      <c r="GL1851" s="126"/>
      <c r="GM1851" s="91"/>
      <c r="GN1851" s="91"/>
      <c r="GO1851" s="91"/>
      <c r="GP1851" s="91"/>
      <c r="GQ1851" s="91"/>
      <c r="GR1851" s="91"/>
      <c r="GS1851" s="91"/>
      <c r="GT1851" s="91"/>
      <c r="GU1851" s="91"/>
      <c r="GV1851" s="91"/>
      <c r="GW1851" s="91"/>
      <c r="GX1851" s="91"/>
      <c r="GY1851" s="91"/>
      <c r="GZ1851" s="91"/>
      <c r="HA1851" s="91"/>
      <c r="HB1851" s="91"/>
      <c r="HC1851" s="91"/>
      <c r="HD1851" s="91"/>
      <c r="HE1851" s="91"/>
      <c r="HF1851" s="91"/>
      <c r="HG1851" s="91"/>
      <c r="HH1851" s="91"/>
      <c r="HI1851" s="91"/>
      <c r="HJ1851" s="91"/>
      <c r="HK1851" s="127"/>
      <c r="HL1851" s="126"/>
      <c r="HM1851" s="91"/>
      <c r="HN1851" s="91"/>
      <c r="HO1851" s="91"/>
      <c r="HP1851" s="91"/>
      <c r="HQ1851" s="91"/>
      <c r="HR1851" s="91"/>
      <c r="HS1851" s="91"/>
      <c r="HT1851" s="91"/>
      <c r="HU1851" s="91"/>
      <c r="HV1851" s="91"/>
      <c r="HW1851" s="91"/>
      <c r="HX1851" s="91"/>
      <c r="HY1851" s="91"/>
      <c r="HZ1851" s="91"/>
      <c r="IA1851" s="91"/>
      <c r="IB1851" s="91"/>
      <c r="IC1851" s="91"/>
      <c r="ID1851" s="91"/>
      <c r="IE1851" s="91"/>
      <c r="IF1851" s="91"/>
      <c r="IG1851" s="91"/>
      <c r="IH1851" s="91"/>
      <c r="II1851" s="91"/>
      <c r="IJ1851" s="91"/>
      <c r="IK1851" s="127"/>
    </row>
    <row r="1852" spans="2:245" x14ac:dyDescent="0.2">
      <c r="B1852" s="43"/>
      <c r="C1852" s="73"/>
      <c r="D1852" s="64"/>
      <c r="E1852" s="64"/>
      <c r="F1852" s="55"/>
      <c r="G1852" s="102"/>
      <c r="H1852" s="55"/>
      <c r="I1852" s="55"/>
      <c r="J1852" s="55"/>
      <c r="K1852" s="55"/>
      <c r="L1852" s="55"/>
      <c r="M1852" s="55"/>
      <c r="N1852" s="55"/>
      <c r="O1852" s="55"/>
      <c r="P1852" s="55"/>
      <c r="Q1852" s="55"/>
      <c r="R1852" s="55"/>
      <c r="S1852" s="55"/>
      <c r="T1852" s="55"/>
      <c r="U1852" s="55"/>
      <c r="V1852" s="55"/>
      <c r="W1852" s="55"/>
      <c r="X1852" s="55"/>
      <c r="Y1852" s="55"/>
      <c r="Z1852" s="55"/>
      <c r="AA1852" s="55"/>
      <c r="AB1852" s="55"/>
      <c r="AC1852" s="55"/>
      <c r="AD1852" s="55"/>
      <c r="AE1852" s="55"/>
      <c r="AF1852" s="55"/>
      <c r="AG1852" s="55"/>
      <c r="AY1852" s="162"/>
      <c r="AZ1852" s="162"/>
      <c r="BA1852" s="162"/>
      <c r="BB1852" s="162"/>
      <c r="BC1852" s="162"/>
      <c r="BD1852" s="162"/>
      <c r="BE1852" s="162"/>
      <c r="BF1852" s="162"/>
      <c r="BG1852" s="162"/>
      <c r="BH1852" s="162"/>
      <c r="BI1852" s="162"/>
      <c r="BJ1852" s="162"/>
      <c r="BK1852" s="162"/>
      <c r="BL1852" s="162"/>
      <c r="BM1852" s="162"/>
      <c r="BN1852" s="162"/>
      <c r="BO1852" s="162"/>
      <c r="BP1852" s="162"/>
      <c r="BQ1852" s="162"/>
      <c r="BR1852" s="162"/>
      <c r="BS1852" s="162"/>
      <c r="BT1852" s="162"/>
      <c r="BU1852" s="162"/>
      <c r="BV1852" s="162"/>
      <c r="BW1852" s="162"/>
      <c r="BX1852" s="162"/>
      <c r="BY1852" s="162"/>
      <c r="BZ1852" s="162"/>
      <c r="CA1852" s="162"/>
      <c r="CB1852" s="162"/>
      <c r="CC1852" s="162"/>
      <c r="CD1852" s="162"/>
      <c r="CE1852" s="162"/>
      <c r="CF1852" s="162"/>
      <c r="CG1852" s="162"/>
      <c r="CH1852" s="162"/>
      <c r="CI1852" s="162"/>
      <c r="CJ1852" s="162"/>
      <c r="CK1852" s="162"/>
      <c r="CX1852" s="98"/>
      <c r="DL1852" s="97"/>
      <c r="DX1852" s="98"/>
      <c r="EL1852" s="97"/>
      <c r="EX1852" s="98"/>
      <c r="EY1852" s="97"/>
      <c r="FL1852" s="126"/>
      <c r="FM1852" s="91"/>
      <c r="FN1852" s="91"/>
      <c r="FO1852" s="91"/>
      <c r="FP1852" s="91"/>
      <c r="FQ1852" s="91"/>
      <c r="FR1852" s="91"/>
      <c r="FS1852" s="91"/>
      <c r="FT1852" s="91"/>
      <c r="FU1852" s="91"/>
      <c r="FV1852" s="91"/>
      <c r="FW1852" s="91"/>
      <c r="FX1852" s="91"/>
      <c r="FY1852" s="91"/>
      <c r="FZ1852" s="91"/>
      <c r="GA1852" s="91"/>
      <c r="GB1852" s="91"/>
      <c r="GC1852" s="91"/>
      <c r="GD1852" s="91"/>
      <c r="GE1852" s="91"/>
      <c r="GF1852" s="91"/>
      <c r="GG1852" s="91"/>
      <c r="GH1852" s="91"/>
      <c r="GI1852" s="91"/>
      <c r="GJ1852" s="91"/>
      <c r="GK1852" s="127"/>
      <c r="GL1852" s="126"/>
      <c r="GM1852" s="91"/>
      <c r="GN1852" s="91"/>
      <c r="GO1852" s="91"/>
      <c r="GP1852" s="91"/>
      <c r="GQ1852" s="91"/>
      <c r="GR1852" s="91"/>
      <c r="GS1852" s="91"/>
      <c r="GT1852" s="91"/>
      <c r="GU1852" s="91"/>
      <c r="GV1852" s="91"/>
      <c r="GW1852" s="91"/>
      <c r="GX1852" s="91"/>
      <c r="GY1852" s="91"/>
      <c r="GZ1852" s="91"/>
      <c r="HA1852" s="91"/>
      <c r="HB1852" s="91"/>
      <c r="HC1852" s="91"/>
      <c r="HD1852" s="91"/>
      <c r="HE1852" s="91"/>
      <c r="HF1852" s="91"/>
      <c r="HG1852" s="91"/>
      <c r="HH1852" s="91"/>
      <c r="HI1852" s="91"/>
      <c r="HJ1852" s="91"/>
      <c r="HK1852" s="127"/>
      <c r="HL1852" s="126"/>
      <c r="HM1852" s="91"/>
      <c r="HN1852" s="91"/>
      <c r="HO1852" s="91"/>
      <c r="HP1852" s="91"/>
      <c r="HQ1852" s="91"/>
      <c r="HR1852" s="91"/>
      <c r="HS1852" s="91"/>
      <c r="HT1852" s="91"/>
      <c r="HU1852" s="91"/>
      <c r="HV1852" s="91"/>
      <c r="HW1852" s="91"/>
      <c r="HX1852" s="91"/>
      <c r="HY1852" s="91"/>
      <c r="HZ1852" s="91"/>
      <c r="IA1852" s="91"/>
      <c r="IB1852" s="91"/>
      <c r="IC1852" s="91"/>
      <c r="ID1852" s="91"/>
      <c r="IE1852" s="91"/>
      <c r="IF1852" s="91"/>
      <c r="IG1852" s="91"/>
      <c r="IH1852" s="91"/>
      <c r="II1852" s="91"/>
      <c r="IJ1852" s="91"/>
      <c r="IK1852" s="127"/>
    </row>
    <row r="1853" spans="2:245" x14ac:dyDescent="0.2">
      <c r="B1853" s="43"/>
      <c r="C1853" s="73"/>
      <c r="D1853" s="64"/>
      <c r="E1853" s="64"/>
      <c r="F1853" s="55"/>
      <c r="G1853" s="102"/>
      <c r="H1853" s="55"/>
      <c r="I1853" s="55"/>
      <c r="J1853" s="55"/>
      <c r="K1853" s="55"/>
      <c r="L1853" s="55"/>
      <c r="M1853" s="55"/>
      <c r="N1853" s="55"/>
      <c r="O1853" s="55"/>
      <c r="P1853" s="55"/>
      <c r="Q1853" s="55"/>
      <c r="R1853" s="55"/>
      <c r="S1853" s="55"/>
      <c r="T1853" s="55"/>
      <c r="U1853" s="55"/>
      <c r="V1853" s="55"/>
      <c r="W1853" s="55"/>
      <c r="X1853" s="55"/>
      <c r="Y1853" s="55"/>
      <c r="Z1853" s="55"/>
      <c r="AA1853" s="55"/>
      <c r="AB1853" s="55"/>
      <c r="AC1853" s="55"/>
      <c r="AD1853" s="55"/>
      <c r="AE1853" s="55"/>
      <c r="AF1853" s="55"/>
      <c r="AG1853" s="55"/>
      <c r="AY1853" s="162"/>
      <c r="AZ1853" s="162"/>
      <c r="BA1853" s="162"/>
      <c r="BB1853" s="162"/>
      <c r="BC1853" s="162"/>
      <c r="BD1853" s="162"/>
      <c r="BE1853" s="162"/>
      <c r="BF1853" s="162"/>
      <c r="BG1853" s="162"/>
      <c r="BH1853" s="162"/>
      <c r="BI1853" s="162"/>
      <c r="BJ1853" s="162"/>
      <c r="BK1853" s="162"/>
      <c r="BL1853" s="162"/>
      <c r="BM1853" s="162"/>
      <c r="BN1853" s="162"/>
      <c r="BO1853" s="162"/>
      <c r="BP1853" s="162"/>
      <c r="BQ1853" s="162"/>
      <c r="BR1853" s="162"/>
      <c r="BS1853" s="162"/>
      <c r="BT1853" s="162"/>
      <c r="BU1853" s="162"/>
      <c r="BV1853" s="162"/>
      <c r="BW1853" s="162"/>
      <c r="BX1853" s="162"/>
      <c r="BY1853" s="162"/>
      <c r="BZ1853" s="162"/>
      <c r="CA1853" s="162"/>
      <c r="CB1853" s="162"/>
      <c r="CC1853" s="162"/>
      <c r="CD1853" s="162"/>
      <c r="CE1853" s="162"/>
      <c r="CF1853" s="162"/>
      <c r="CG1853" s="162"/>
      <c r="CH1853" s="162"/>
      <c r="CI1853" s="162"/>
      <c r="CJ1853" s="162"/>
      <c r="CK1853" s="162"/>
      <c r="CX1853" s="98"/>
      <c r="DL1853" s="97"/>
      <c r="DX1853" s="98"/>
      <c r="EL1853" s="97"/>
      <c r="EX1853" s="98"/>
      <c r="EY1853" s="97"/>
      <c r="FL1853" s="126"/>
      <c r="FM1853" s="91"/>
      <c r="FN1853" s="91"/>
      <c r="FO1853" s="91"/>
      <c r="FP1853" s="91"/>
      <c r="FQ1853" s="91"/>
      <c r="FR1853" s="91"/>
      <c r="FS1853" s="91"/>
      <c r="FT1853" s="91"/>
      <c r="FU1853" s="91"/>
      <c r="FV1853" s="91"/>
      <c r="FW1853" s="91"/>
      <c r="FX1853" s="91"/>
      <c r="FY1853" s="91"/>
      <c r="FZ1853" s="91"/>
      <c r="GA1853" s="91"/>
      <c r="GB1853" s="91"/>
      <c r="GC1853" s="91"/>
      <c r="GD1853" s="91"/>
      <c r="GE1853" s="91"/>
      <c r="GF1853" s="91"/>
      <c r="GG1853" s="91"/>
      <c r="GH1853" s="91"/>
      <c r="GI1853" s="91"/>
      <c r="GJ1853" s="91"/>
      <c r="GK1853" s="127"/>
      <c r="GL1853" s="126"/>
      <c r="GM1853" s="91"/>
      <c r="GN1853" s="91"/>
      <c r="GO1853" s="91"/>
      <c r="GP1853" s="91"/>
      <c r="GQ1853" s="91"/>
      <c r="GR1853" s="91"/>
      <c r="GS1853" s="91"/>
      <c r="GT1853" s="91"/>
      <c r="GU1853" s="91"/>
      <c r="GV1853" s="91"/>
      <c r="GW1853" s="91"/>
      <c r="GX1853" s="91"/>
      <c r="GY1853" s="91"/>
      <c r="GZ1853" s="91"/>
      <c r="HA1853" s="91"/>
      <c r="HB1853" s="91"/>
      <c r="HC1853" s="91"/>
      <c r="HD1853" s="91"/>
      <c r="HE1853" s="91"/>
      <c r="HF1853" s="91"/>
      <c r="HG1853" s="91"/>
      <c r="HH1853" s="91"/>
      <c r="HI1853" s="91"/>
      <c r="HJ1853" s="91"/>
      <c r="HK1853" s="127"/>
      <c r="HL1853" s="126"/>
      <c r="HM1853" s="91"/>
      <c r="HN1853" s="91"/>
      <c r="HO1853" s="91"/>
      <c r="HP1853" s="91"/>
      <c r="HQ1853" s="91"/>
      <c r="HR1853" s="91"/>
      <c r="HS1853" s="91"/>
      <c r="HT1853" s="91"/>
      <c r="HU1853" s="91"/>
      <c r="HV1853" s="91"/>
      <c r="HW1853" s="91"/>
      <c r="HX1853" s="91"/>
      <c r="HY1853" s="91"/>
      <c r="HZ1853" s="91"/>
      <c r="IA1853" s="91"/>
      <c r="IB1853" s="91"/>
      <c r="IC1853" s="91"/>
      <c r="ID1853" s="91"/>
      <c r="IE1853" s="91"/>
      <c r="IF1853" s="91"/>
      <c r="IG1853" s="91"/>
      <c r="IH1853" s="91"/>
      <c r="II1853" s="91"/>
      <c r="IJ1853" s="91"/>
      <c r="IK1853" s="127"/>
    </row>
    <row r="1854" spans="2:245" x14ac:dyDescent="0.2">
      <c r="B1854" s="43"/>
      <c r="C1854" s="73"/>
      <c r="D1854" s="64"/>
      <c r="E1854" s="64"/>
      <c r="F1854" s="55"/>
      <c r="G1854" s="102"/>
      <c r="H1854" s="55"/>
      <c r="I1854" s="55"/>
      <c r="J1854" s="55"/>
      <c r="K1854" s="55"/>
      <c r="L1854" s="55"/>
      <c r="M1854" s="55"/>
      <c r="N1854" s="55"/>
      <c r="O1854" s="55"/>
      <c r="P1854" s="55"/>
      <c r="Q1854" s="55"/>
      <c r="R1854" s="55"/>
      <c r="S1854" s="55"/>
      <c r="T1854" s="55"/>
      <c r="U1854" s="55"/>
      <c r="V1854" s="55"/>
      <c r="W1854" s="55"/>
      <c r="X1854" s="55"/>
      <c r="Y1854" s="55"/>
      <c r="Z1854" s="55"/>
      <c r="AA1854" s="55"/>
      <c r="AB1854" s="55"/>
      <c r="AC1854" s="55"/>
      <c r="AD1854" s="55"/>
      <c r="AE1854" s="55"/>
      <c r="AF1854" s="55"/>
      <c r="AG1854" s="55"/>
      <c r="AY1854" s="162"/>
      <c r="AZ1854" s="162"/>
      <c r="BA1854" s="162"/>
      <c r="BB1854" s="162"/>
      <c r="BC1854" s="162"/>
      <c r="BD1854" s="162"/>
      <c r="BE1854" s="162"/>
      <c r="BF1854" s="162"/>
      <c r="BG1854" s="162"/>
      <c r="BH1854" s="162"/>
      <c r="BI1854" s="162"/>
      <c r="BJ1854" s="162"/>
      <c r="BK1854" s="162"/>
      <c r="BL1854" s="162"/>
      <c r="BM1854" s="162"/>
      <c r="BN1854" s="162"/>
      <c r="BO1854" s="162"/>
      <c r="BP1854" s="162"/>
      <c r="BQ1854" s="162"/>
      <c r="BR1854" s="162"/>
      <c r="BS1854" s="162"/>
      <c r="BT1854" s="162"/>
      <c r="BU1854" s="162"/>
      <c r="BV1854" s="162"/>
      <c r="BW1854" s="162"/>
      <c r="BX1854" s="162"/>
      <c r="BY1854" s="162"/>
      <c r="BZ1854" s="162"/>
      <c r="CA1854" s="162"/>
      <c r="CB1854" s="162"/>
      <c r="CC1854" s="162"/>
      <c r="CD1854" s="162"/>
      <c r="CE1854" s="162"/>
      <c r="CF1854" s="162"/>
      <c r="CG1854" s="162"/>
      <c r="CH1854" s="162"/>
      <c r="CI1854" s="162"/>
      <c r="CJ1854" s="162"/>
      <c r="CK1854" s="162"/>
      <c r="CX1854" s="98"/>
      <c r="DL1854" s="97"/>
      <c r="DX1854" s="98"/>
      <c r="EL1854" s="97"/>
      <c r="EX1854" s="98"/>
      <c r="EY1854" s="97"/>
      <c r="FL1854" s="126"/>
      <c r="FM1854" s="91"/>
      <c r="FN1854" s="91"/>
      <c r="FO1854" s="91"/>
      <c r="FP1854" s="91"/>
      <c r="FQ1854" s="91"/>
      <c r="FR1854" s="91"/>
      <c r="FS1854" s="91"/>
      <c r="FT1854" s="91"/>
      <c r="FU1854" s="91"/>
      <c r="FV1854" s="91"/>
      <c r="FW1854" s="91"/>
      <c r="FX1854" s="91"/>
      <c r="FY1854" s="91"/>
      <c r="FZ1854" s="91"/>
      <c r="GA1854" s="91"/>
      <c r="GB1854" s="91"/>
      <c r="GC1854" s="91"/>
      <c r="GD1854" s="91"/>
      <c r="GE1854" s="91"/>
      <c r="GF1854" s="91"/>
      <c r="GG1854" s="91"/>
      <c r="GH1854" s="91"/>
      <c r="GI1854" s="91"/>
      <c r="GJ1854" s="91"/>
      <c r="GK1854" s="127"/>
      <c r="GL1854" s="126"/>
      <c r="GM1854" s="91"/>
      <c r="GN1854" s="91"/>
      <c r="GO1854" s="91"/>
      <c r="GP1854" s="91"/>
      <c r="GQ1854" s="91"/>
      <c r="GR1854" s="91"/>
      <c r="GS1854" s="91"/>
      <c r="GT1854" s="91"/>
      <c r="GU1854" s="91"/>
      <c r="GV1854" s="91"/>
      <c r="GW1854" s="91"/>
      <c r="GX1854" s="91"/>
      <c r="GY1854" s="91"/>
      <c r="GZ1854" s="91"/>
      <c r="HA1854" s="91"/>
      <c r="HB1854" s="91"/>
      <c r="HC1854" s="91"/>
      <c r="HD1854" s="91"/>
      <c r="HE1854" s="91"/>
      <c r="HF1854" s="91"/>
      <c r="HG1854" s="91"/>
      <c r="HH1854" s="91"/>
      <c r="HI1854" s="91"/>
      <c r="HJ1854" s="91"/>
      <c r="HK1854" s="127"/>
      <c r="HL1854" s="126"/>
      <c r="HM1854" s="91"/>
      <c r="HN1854" s="91"/>
      <c r="HO1854" s="91"/>
      <c r="HP1854" s="91"/>
      <c r="HQ1854" s="91"/>
      <c r="HR1854" s="91"/>
      <c r="HS1854" s="91"/>
      <c r="HT1854" s="91"/>
      <c r="HU1854" s="91"/>
      <c r="HV1854" s="91"/>
      <c r="HW1854" s="91"/>
      <c r="HX1854" s="91"/>
      <c r="HY1854" s="91"/>
      <c r="HZ1854" s="91"/>
      <c r="IA1854" s="91"/>
      <c r="IB1854" s="91"/>
      <c r="IC1854" s="91"/>
      <c r="ID1854" s="91"/>
      <c r="IE1854" s="91"/>
      <c r="IF1854" s="91"/>
      <c r="IG1854" s="91"/>
      <c r="IH1854" s="91"/>
      <c r="II1854" s="91"/>
      <c r="IJ1854" s="91"/>
      <c r="IK1854" s="127"/>
    </row>
    <row r="1855" spans="2:245" x14ac:dyDescent="0.2">
      <c r="B1855" s="43"/>
      <c r="C1855" s="73"/>
      <c r="D1855" s="64"/>
      <c r="E1855" s="64"/>
      <c r="F1855" s="55"/>
      <c r="G1855" s="102"/>
      <c r="H1855" s="55"/>
      <c r="I1855" s="55"/>
      <c r="J1855" s="55"/>
      <c r="K1855" s="55"/>
      <c r="L1855" s="55"/>
      <c r="M1855" s="55"/>
      <c r="N1855" s="55"/>
      <c r="O1855" s="55"/>
      <c r="P1855" s="55"/>
      <c r="Q1855" s="55"/>
      <c r="R1855" s="55"/>
      <c r="S1855" s="55"/>
      <c r="T1855" s="55"/>
      <c r="U1855" s="55"/>
      <c r="V1855" s="55"/>
      <c r="W1855" s="55"/>
      <c r="X1855" s="55"/>
      <c r="Y1855" s="55"/>
      <c r="Z1855" s="55"/>
      <c r="AA1855" s="55"/>
      <c r="AB1855" s="55"/>
      <c r="AC1855" s="55"/>
      <c r="AD1855" s="55"/>
      <c r="AE1855" s="55"/>
      <c r="AF1855" s="55"/>
      <c r="AG1855" s="55"/>
      <c r="AY1855" s="162"/>
      <c r="AZ1855" s="162"/>
      <c r="BA1855" s="162"/>
      <c r="BB1855" s="162"/>
      <c r="BC1855" s="162"/>
      <c r="BD1855" s="162"/>
      <c r="BE1855" s="162"/>
      <c r="BF1855" s="162"/>
      <c r="BG1855" s="162"/>
      <c r="BH1855" s="162"/>
      <c r="BI1855" s="162"/>
      <c r="BJ1855" s="162"/>
      <c r="BK1855" s="162"/>
      <c r="BL1855" s="162"/>
      <c r="BM1855" s="162"/>
      <c r="BN1855" s="162"/>
      <c r="BO1855" s="162"/>
      <c r="BP1855" s="162"/>
      <c r="BQ1855" s="162"/>
      <c r="BR1855" s="162"/>
      <c r="BS1855" s="162"/>
      <c r="BT1855" s="162"/>
      <c r="BU1855" s="162"/>
      <c r="BV1855" s="162"/>
      <c r="BW1855" s="162"/>
      <c r="BX1855" s="162"/>
      <c r="BY1855" s="162"/>
      <c r="BZ1855" s="162"/>
      <c r="CA1855" s="162"/>
      <c r="CB1855" s="162"/>
      <c r="CC1855" s="162"/>
      <c r="CD1855" s="162"/>
      <c r="CE1855" s="162"/>
      <c r="CF1855" s="162"/>
      <c r="CG1855" s="162"/>
      <c r="CH1855" s="162"/>
      <c r="CI1855" s="162"/>
      <c r="CJ1855" s="162"/>
      <c r="CK1855" s="162"/>
      <c r="CX1855" s="98"/>
      <c r="DL1855" s="97"/>
      <c r="DX1855" s="98"/>
      <c r="EL1855" s="97"/>
      <c r="EX1855" s="98"/>
      <c r="EY1855" s="97"/>
      <c r="FL1855" s="126"/>
      <c r="FM1855" s="91"/>
      <c r="FN1855" s="91"/>
      <c r="FO1855" s="91"/>
      <c r="FP1855" s="91"/>
      <c r="FQ1855" s="91"/>
      <c r="FR1855" s="91"/>
      <c r="FS1855" s="91"/>
      <c r="FT1855" s="91"/>
      <c r="FU1855" s="91"/>
      <c r="FV1855" s="91"/>
      <c r="FW1855" s="91"/>
      <c r="FX1855" s="91"/>
      <c r="FY1855" s="91"/>
      <c r="FZ1855" s="91"/>
      <c r="GA1855" s="91"/>
      <c r="GB1855" s="91"/>
      <c r="GC1855" s="91"/>
      <c r="GD1855" s="91"/>
      <c r="GE1855" s="91"/>
      <c r="GF1855" s="91"/>
      <c r="GG1855" s="91"/>
      <c r="GH1855" s="91"/>
      <c r="GI1855" s="91"/>
      <c r="GJ1855" s="91"/>
      <c r="GK1855" s="127"/>
      <c r="GL1855" s="126"/>
      <c r="GM1855" s="91"/>
      <c r="GN1855" s="91"/>
      <c r="GO1855" s="91"/>
      <c r="GP1855" s="91"/>
      <c r="GQ1855" s="91"/>
      <c r="GR1855" s="91"/>
      <c r="GS1855" s="91"/>
      <c r="GT1855" s="91"/>
      <c r="GU1855" s="91"/>
      <c r="GV1855" s="91"/>
      <c r="GW1855" s="91"/>
      <c r="GX1855" s="91"/>
      <c r="GY1855" s="91"/>
      <c r="GZ1855" s="91"/>
      <c r="HA1855" s="91"/>
      <c r="HB1855" s="91"/>
      <c r="HC1855" s="91"/>
      <c r="HD1855" s="91"/>
      <c r="HE1855" s="91"/>
      <c r="HF1855" s="91"/>
      <c r="HG1855" s="91"/>
      <c r="HH1855" s="91"/>
      <c r="HI1855" s="91"/>
      <c r="HJ1855" s="91"/>
      <c r="HK1855" s="127"/>
      <c r="HL1855" s="126"/>
      <c r="HM1855" s="91"/>
      <c r="HN1855" s="91"/>
      <c r="HO1855" s="91"/>
      <c r="HP1855" s="91"/>
      <c r="HQ1855" s="91"/>
      <c r="HR1855" s="91"/>
      <c r="HS1855" s="91"/>
      <c r="HT1855" s="91"/>
      <c r="HU1855" s="91"/>
      <c r="HV1855" s="91"/>
      <c r="HW1855" s="91"/>
      <c r="HX1855" s="91"/>
      <c r="HY1855" s="91"/>
      <c r="HZ1855" s="91"/>
      <c r="IA1855" s="91"/>
      <c r="IB1855" s="91"/>
      <c r="IC1855" s="91"/>
      <c r="ID1855" s="91"/>
      <c r="IE1855" s="91"/>
      <c r="IF1855" s="91"/>
      <c r="IG1855" s="91"/>
      <c r="IH1855" s="91"/>
      <c r="II1855" s="91"/>
      <c r="IJ1855" s="91"/>
      <c r="IK1855" s="127"/>
    </row>
    <row r="1856" spans="2:245" x14ac:dyDescent="0.2">
      <c r="B1856" s="43"/>
      <c r="C1856" s="73"/>
      <c r="D1856" s="64"/>
      <c r="E1856" s="64"/>
      <c r="F1856" s="55"/>
      <c r="G1856" s="102"/>
      <c r="H1856" s="55"/>
      <c r="I1856" s="55"/>
      <c r="J1856" s="55"/>
      <c r="K1856" s="55"/>
      <c r="L1856" s="55"/>
      <c r="M1856" s="55"/>
      <c r="N1856" s="55"/>
      <c r="O1856" s="55"/>
      <c r="P1856" s="55"/>
      <c r="Q1856" s="55"/>
      <c r="R1856" s="55"/>
      <c r="S1856" s="55"/>
      <c r="T1856" s="55"/>
      <c r="U1856" s="55"/>
      <c r="V1856" s="55"/>
      <c r="W1856" s="55"/>
      <c r="X1856" s="55"/>
      <c r="Y1856" s="55"/>
      <c r="Z1856" s="55"/>
      <c r="AA1856" s="55"/>
      <c r="AB1856" s="55"/>
      <c r="AC1856" s="55"/>
      <c r="AD1856" s="55"/>
      <c r="AE1856" s="55"/>
      <c r="AF1856" s="55"/>
      <c r="AG1856" s="55"/>
      <c r="AY1856" s="162"/>
      <c r="AZ1856" s="162"/>
      <c r="BA1856" s="162"/>
      <c r="BB1856" s="162"/>
      <c r="BC1856" s="162"/>
      <c r="BD1856" s="162"/>
      <c r="BE1856" s="162"/>
      <c r="BF1856" s="162"/>
      <c r="BG1856" s="162"/>
      <c r="BH1856" s="162"/>
      <c r="BI1856" s="162"/>
      <c r="BJ1856" s="162"/>
      <c r="BK1856" s="162"/>
      <c r="BL1856" s="162"/>
      <c r="BM1856" s="162"/>
      <c r="BN1856" s="162"/>
      <c r="BO1856" s="162"/>
      <c r="BP1856" s="162"/>
      <c r="BQ1856" s="162"/>
      <c r="BR1856" s="162"/>
      <c r="BS1856" s="162"/>
      <c r="BT1856" s="162"/>
      <c r="BU1856" s="162"/>
      <c r="BV1856" s="162"/>
      <c r="BW1856" s="162"/>
      <c r="BX1856" s="162"/>
      <c r="BY1856" s="162"/>
      <c r="BZ1856" s="162"/>
      <c r="CA1856" s="162"/>
      <c r="CB1856" s="162"/>
      <c r="CC1856" s="162"/>
      <c r="CD1856" s="162"/>
      <c r="CE1856" s="162"/>
      <c r="CF1856" s="162"/>
      <c r="CG1856" s="162"/>
      <c r="CH1856" s="162"/>
      <c r="CI1856" s="162"/>
      <c r="CJ1856" s="162"/>
      <c r="CK1856" s="162"/>
      <c r="CX1856" s="98"/>
      <c r="DL1856" s="97"/>
      <c r="DX1856" s="98"/>
      <c r="EL1856" s="97"/>
      <c r="EX1856" s="98"/>
      <c r="EY1856" s="97"/>
      <c r="FL1856" s="126"/>
      <c r="FM1856" s="91"/>
      <c r="FN1856" s="91"/>
      <c r="FO1856" s="91"/>
      <c r="FP1856" s="91"/>
      <c r="FQ1856" s="91"/>
      <c r="FR1856" s="91"/>
      <c r="FS1856" s="91"/>
      <c r="FT1856" s="91"/>
      <c r="FU1856" s="91"/>
      <c r="FV1856" s="91"/>
      <c r="FW1856" s="91"/>
      <c r="FX1856" s="91"/>
      <c r="FY1856" s="91"/>
      <c r="FZ1856" s="91"/>
      <c r="GA1856" s="91"/>
      <c r="GB1856" s="91"/>
      <c r="GC1856" s="91"/>
      <c r="GD1856" s="91"/>
      <c r="GE1856" s="91"/>
      <c r="GF1856" s="91"/>
      <c r="GG1856" s="91"/>
      <c r="GH1856" s="91"/>
      <c r="GI1856" s="91"/>
      <c r="GJ1856" s="91"/>
      <c r="GK1856" s="127"/>
      <c r="GL1856" s="126"/>
      <c r="GM1856" s="91"/>
      <c r="GN1856" s="91"/>
      <c r="GO1856" s="91"/>
      <c r="GP1856" s="91"/>
      <c r="GQ1856" s="91"/>
      <c r="GR1856" s="91"/>
      <c r="GS1856" s="91"/>
      <c r="GT1856" s="91"/>
      <c r="GU1856" s="91"/>
      <c r="GV1856" s="91"/>
      <c r="GW1856" s="91"/>
      <c r="GX1856" s="91"/>
      <c r="GY1856" s="91"/>
      <c r="GZ1856" s="91"/>
      <c r="HA1856" s="91"/>
      <c r="HB1856" s="91"/>
      <c r="HC1856" s="91"/>
      <c r="HD1856" s="91"/>
      <c r="HE1856" s="91"/>
      <c r="HF1856" s="91"/>
      <c r="HG1856" s="91"/>
      <c r="HH1856" s="91"/>
      <c r="HI1856" s="91"/>
      <c r="HJ1856" s="91"/>
      <c r="HK1856" s="127"/>
      <c r="HL1856" s="126"/>
      <c r="HM1856" s="91"/>
      <c r="HN1856" s="91"/>
      <c r="HO1856" s="91"/>
      <c r="HP1856" s="91"/>
      <c r="HQ1856" s="91"/>
      <c r="HR1856" s="91"/>
      <c r="HS1856" s="91"/>
      <c r="HT1856" s="91"/>
      <c r="HU1856" s="91"/>
      <c r="HV1856" s="91"/>
      <c r="HW1856" s="91"/>
      <c r="HX1856" s="91"/>
      <c r="HY1856" s="91"/>
      <c r="HZ1856" s="91"/>
      <c r="IA1856" s="91"/>
      <c r="IB1856" s="91"/>
      <c r="IC1856" s="91"/>
      <c r="ID1856" s="91"/>
      <c r="IE1856" s="91"/>
      <c r="IF1856" s="91"/>
      <c r="IG1856" s="91"/>
      <c r="IH1856" s="91"/>
      <c r="II1856" s="91"/>
      <c r="IJ1856" s="91"/>
      <c r="IK1856" s="127"/>
    </row>
    <row r="1857" spans="2:245" x14ac:dyDescent="0.2">
      <c r="B1857" s="43"/>
      <c r="C1857" s="73"/>
      <c r="D1857" s="64"/>
      <c r="E1857" s="64"/>
      <c r="F1857" s="55"/>
      <c r="G1857" s="102"/>
      <c r="H1857" s="55"/>
      <c r="I1857" s="55"/>
      <c r="J1857" s="55"/>
      <c r="K1857" s="55"/>
      <c r="L1857" s="55"/>
      <c r="M1857" s="55"/>
      <c r="N1857" s="55"/>
      <c r="O1857" s="55"/>
      <c r="P1857" s="55"/>
      <c r="Q1857" s="55"/>
      <c r="R1857" s="55"/>
      <c r="S1857" s="55"/>
      <c r="T1857" s="55"/>
      <c r="U1857" s="55"/>
      <c r="V1857" s="55"/>
      <c r="W1857" s="55"/>
      <c r="X1857" s="55"/>
      <c r="Y1857" s="55"/>
      <c r="Z1857" s="55"/>
      <c r="AA1857" s="55"/>
      <c r="AB1857" s="55"/>
      <c r="AC1857" s="55"/>
      <c r="AD1857" s="55"/>
      <c r="AE1857" s="55"/>
      <c r="AF1857" s="55"/>
      <c r="AG1857" s="55"/>
      <c r="AY1857" s="162"/>
      <c r="AZ1857" s="162"/>
      <c r="BA1857" s="162"/>
      <c r="BB1857" s="162"/>
      <c r="BC1857" s="162"/>
      <c r="BD1857" s="162"/>
      <c r="BE1857" s="162"/>
      <c r="BF1857" s="162"/>
      <c r="BG1857" s="162"/>
      <c r="BH1857" s="162"/>
      <c r="BI1857" s="162"/>
      <c r="BJ1857" s="162"/>
      <c r="BK1857" s="162"/>
      <c r="BL1857" s="162"/>
      <c r="BM1857" s="162"/>
      <c r="BN1857" s="162"/>
      <c r="BO1857" s="162"/>
      <c r="BP1857" s="162"/>
      <c r="BQ1857" s="162"/>
      <c r="BR1857" s="162"/>
      <c r="BS1857" s="162"/>
      <c r="BT1857" s="162"/>
      <c r="BU1857" s="162"/>
      <c r="BV1857" s="162"/>
      <c r="BW1857" s="162"/>
      <c r="BX1857" s="162"/>
      <c r="BY1857" s="162"/>
      <c r="BZ1857" s="162"/>
      <c r="CA1857" s="162"/>
      <c r="CB1857" s="162"/>
      <c r="CC1857" s="162"/>
      <c r="CD1857" s="162"/>
      <c r="CE1857" s="162"/>
      <c r="CF1857" s="162"/>
      <c r="CG1857" s="162"/>
      <c r="CH1857" s="162"/>
      <c r="CI1857" s="162"/>
      <c r="CJ1857" s="162"/>
      <c r="CK1857" s="162"/>
      <c r="CX1857" s="98"/>
      <c r="DL1857" s="97"/>
      <c r="DX1857" s="98"/>
      <c r="EL1857" s="97"/>
      <c r="EX1857" s="98"/>
      <c r="EY1857" s="97"/>
      <c r="FL1857" s="126"/>
      <c r="FM1857" s="91"/>
      <c r="FN1857" s="91"/>
      <c r="FO1857" s="91"/>
      <c r="FP1857" s="91"/>
      <c r="FQ1857" s="91"/>
      <c r="FR1857" s="91"/>
      <c r="FS1857" s="91"/>
      <c r="FT1857" s="91"/>
      <c r="FU1857" s="91"/>
      <c r="FV1857" s="91"/>
      <c r="FW1857" s="91"/>
      <c r="FX1857" s="91"/>
      <c r="FY1857" s="91"/>
      <c r="FZ1857" s="91"/>
      <c r="GA1857" s="91"/>
      <c r="GB1857" s="91"/>
      <c r="GC1857" s="91"/>
      <c r="GD1857" s="91"/>
      <c r="GE1857" s="91"/>
      <c r="GF1857" s="91"/>
      <c r="GG1857" s="91"/>
      <c r="GH1857" s="91"/>
      <c r="GI1857" s="91"/>
      <c r="GJ1857" s="91"/>
      <c r="GK1857" s="127"/>
      <c r="GL1857" s="126"/>
      <c r="GM1857" s="91"/>
      <c r="GN1857" s="91"/>
      <c r="GO1857" s="91"/>
      <c r="GP1857" s="91"/>
      <c r="GQ1857" s="91"/>
      <c r="GR1857" s="91"/>
      <c r="GS1857" s="91"/>
      <c r="GT1857" s="91"/>
      <c r="GU1857" s="91"/>
      <c r="GV1857" s="91"/>
      <c r="GW1857" s="91"/>
      <c r="GX1857" s="91"/>
      <c r="GY1857" s="91"/>
      <c r="GZ1857" s="91"/>
      <c r="HA1857" s="91"/>
      <c r="HB1857" s="91"/>
      <c r="HC1857" s="91"/>
      <c r="HD1857" s="91"/>
      <c r="HE1857" s="91"/>
      <c r="HF1857" s="91"/>
      <c r="HG1857" s="91"/>
      <c r="HH1857" s="91"/>
      <c r="HI1857" s="91"/>
      <c r="HJ1857" s="91"/>
      <c r="HK1857" s="127"/>
      <c r="HL1857" s="126"/>
      <c r="HM1857" s="91"/>
      <c r="HN1857" s="91"/>
      <c r="HO1857" s="91"/>
      <c r="HP1857" s="91"/>
      <c r="HQ1857" s="91"/>
      <c r="HR1857" s="91"/>
      <c r="HS1857" s="91"/>
      <c r="HT1857" s="91"/>
      <c r="HU1857" s="91"/>
      <c r="HV1857" s="91"/>
      <c r="HW1857" s="91"/>
      <c r="HX1857" s="91"/>
      <c r="HY1857" s="91"/>
      <c r="HZ1857" s="91"/>
      <c r="IA1857" s="91"/>
      <c r="IB1857" s="91"/>
      <c r="IC1857" s="91"/>
      <c r="ID1857" s="91"/>
      <c r="IE1857" s="91"/>
      <c r="IF1857" s="91"/>
      <c r="IG1857" s="91"/>
      <c r="IH1857" s="91"/>
      <c r="II1857" s="91"/>
      <c r="IJ1857" s="91"/>
      <c r="IK1857" s="127"/>
    </row>
    <row r="1858" spans="2:245" x14ac:dyDescent="0.2">
      <c r="B1858" s="43"/>
      <c r="C1858" s="73"/>
      <c r="D1858" s="64"/>
      <c r="E1858" s="64"/>
      <c r="F1858" s="55"/>
      <c r="G1858" s="102"/>
      <c r="H1858" s="55"/>
      <c r="I1858" s="55"/>
      <c r="J1858" s="55"/>
      <c r="K1858" s="55"/>
      <c r="L1858" s="55"/>
      <c r="M1858" s="55"/>
      <c r="N1858" s="55"/>
      <c r="O1858" s="55"/>
      <c r="P1858" s="55"/>
      <c r="Q1858" s="55"/>
      <c r="R1858" s="55"/>
      <c r="S1858" s="55"/>
      <c r="T1858" s="55"/>
      <c r="U1858" s="55"/>
      <c r="V1858" s="55"/>
      <c r="W1858" s="55"/>
      <c r="X1858" s="55"/>
      <c r="Y1858" s="55"/>
      <c r="Z1858" s="55"/>
      <c r="AA1858" s="55"/>
      <c r="AB1858" s="55"/>
      <c r="AC1858" s="55"/>
      <c r="AD1858" s="55"/>
      <c r="AE1858" s="55"/>
      <c r="AF1858" s="55"/>
      <c r="AG1858" s="55"/>
      <c r="AY1858" s="162"/>
      <c r="AZ1858" s="162"/>
      <c r="BA1858" s="162"/>
      <c r="BB1858" s="162"/>
      <c r="BC1858" s="162"/>
      <c r="BD1858" s="162"/>
      <c r="BE1858" s="162"/>
      <c r="BF1858" s="162"/>
      <c r="BG1858" s="162"/>
      <c r="BH1858" s="162"/>
      <c r="BI1858" s="162"/>
      <c r="BJ1858" s="162"/>
      <c r="BK1858" s="162"/>
      <c r="BL1858" s="162"/>
      <c r="BM1858" s="162"/>
      <c r="BN1858" s="162"/>
      <c r="BO1858" s="162"/>
      <c r="BP1858" s="162"/>
      <c r="BQ1858" s="162"/>
      <c r="BR1858" s="162"/>
      <c r="BS1858" s="162"/>
      <c r="BT1858" s="162"/>
      <c r="BU1858" s="162"/>
      <c r="BV1858" s="162"/>
      <c r="BW1858" s="162"/>
      <c r="BX1858" s="162"/>
      <c r="BY1858" s="162"/>
      <c r="BZ1858" s="162"/>
      <c r="CA1858" s="162"/>
      <c r="CB1858" s="162"/>
      <c r="CC1858" s="162"/>
      <c r="CD1858" s="162"/>
      <c r="CE1858" s="162"/>
      <c r="CF1858" s="162"/>
      <c r="CG1858" s="162"/>
      <c r="CH1858" s="162"/>
      <c r="CI1858" s="162"/>
      <c r="CJ1858" s="162"/>
      <c r="CK1858" s="162"/>
      <c r="CX1858" s="98"/>
      <c r="DL1858" s="97"/>
      <c r="DX1858" s="98"/>
      <c r="EL1858" s="97"/>
      <c r="EX1858" s="98"/>
      <c r="EY1858" s="97"/>
      <c r="FL1858" s="126"/>
      <c r="FM1858" s="91"/>
      <c r="FN1858" s="91"/>
      <c r="FO1858" s="91"/>
      <c r="FP1858" s="91"/>
      <c r="FQ1858" s="91"/>
      <c r="FR1858" s="91"/>
      <c r="FS1858" s="91"/>
      <c r="FT1858" s="91"/>
      <c r="FU1858" s="91"/>
      <c r="FV1858" s="91"/>
      <c r="FW1858" s="91"/>
      <c r="FX1858" s="91"/>
      <c r="FY1858" s="91"/>
      <c r="FZ1858" s="91"/>
      <c r="GA1858" s="91"/>
      <c r="GB1858" s="91"/>
      <c r="GC1858" s="91"/>
      <c r="GD1858" s="91"/>
      <c r="GE1858" s="91"/>
      <c r="GF1858" s="91"/>
      <c r="GG1858" s="91"/>
      <c r="GH1858" s="91"/>
      <c r="GI1858" s="91"/>
      <c r="GJ1858" s="91"/>
      <c r="GK1858" s="127"/>
      <c r="GL1858" s="126"/>
      <c r="GM1858" s="91"/>
      <c r="GN1858" s="91"/>
      <c r="GO1858" s="91"/>
      <c r="GP1858" s="91"/>
      <c r="GQ1858" s="91"/>
      <c r="GR1858" s="91"/>
      <c r="GS1858" s="91"/>
      <c r="GT1858" s="91"/>
      <c r="GU1858" s="91"/>
      <c r="GV1858" s="91"/>
      <c r="GW1858" s="91"/>
      <c r="GX1858" s="91"/>
      <c r="GY1858" s="91"/>
      <c r="GZ1858" s="91"/>
      <c r="HA1858" s="91"/>
      <c r="HB1858" s="91"/>
      <c r="HC1858" s="91"/>
      <c r="HD1858" s="91"/>
      <c r="HE1858" s="91"/>
      <c r="HF1858" s="91"/>
      <c r="HG1858" s="91"/>
      <c r="HH1858" s="91"/>
      <c r="HI1858" s="91"/>
      <c r="HJ1858" s="91"/>
      <c r="HK1858" s="127"/>
      <c r="HL1858" s="126"/>
      <c r="HM1858" s="91"/>
      <c r="HN1858" s="91"/>
      <c r="HO1858" s="91"/>
      <c r="HP1858" s="91"/>
      <c r="HQ1858" s="91"/>
      <c r="HR1858" s="91"/>
      <c r="HS1858" s="91"/>
      <c r="HT1858" s="91"/>
      <c r="HU1858" s="91"/>
      <c r="HV1858" s="91"/>
      <c r="HW1858" s="91"/>
      <c r="HX1858" s="91"/>
      <c r="HY1858" s="91"/>
      <c r="HZ1858" s="91"/>
      <c r="IA1858" s="91"/>
      <c r="IB1858" s="91"/>
      <c r="IC1858" s="91"/>
      <c r="ID1858" s="91"/>
      <c r="IE1858" s="91"/>
      <c r="IF1858" s="91"/>
      <c r="IG1858" s="91"/>
      <c r="IH1858" s="91"/>
      <c r="II1858" s="91"/>
      <c r="IJ1858" s="91"/>
      <c r="IK1858" s="127"/>
    </row>
    <row r="1859" spans="2:245" x14ac:dyDescent="0.2">
      <c r="B1859" s="43"/>
      <c r="C1859" s="73"/>
      <c r="D1859" s="64"/>
      <c r="E1859" s="64"/>
      <c r="F1859" s="55"/>
      <c r="G1859" s="102"/>
      <c r="H1859" s="55"/>
      <c r="I1859" s="55"/>
      <c r="J1859" s="55"/>
      <c r="K1859" s="55"/>
      <c r="L1859" s="55"/>
      <c r="M1859" s="55"/>
      <c r="N1859" s="55"/>
      <c r="O1859" s="55"/>
      <c r="P1859" s="55"/>
      <c r="Q1859" s="55"/>
      <c r="R1859" s="55"/>
      <c r="S1859" s="55"/>
      <c r="T1859" s="55"/>
      <c r="U1859" s="55"/>
      <c r="V1859" s="55"/>
      <c r="W1859" s="55"/>
      <c r="X1859" s="55"/>
      <c r="Y1859" s="55"/>
      <c r="Z1859" s="55"/>
      <c r="AA1859" s="55"/>
      <c r="AB1859" s="55"/>
      <c r="AC1859" s="55"/>
      <c r="AD1859" s="55"/>
      <c r="AE1859" s="55"/>
      <c r="AF1859" s="55"/>
      <c r="AG1859" s="55"/>
      <c r="AY1859" s="162"/>
      <c r="AZ1859" s="162"/>
      <c r="BA1859" s="162"/>
      <c r="BB1859" s="162"/>
      <c r="BC1859" s="162"/>
      <c r="BD1859" s="162"/>
      <c r="BE1859" s="162"/>
      <c r="BF1859" s="162"/>
      <c r="BG1859" s="162"/>
      <c r="BH1859" s="162"/>
      <c r="BI1859" s="162"/>
      <c r="BJ1859" s="162"/>
      <c r="BK1859" s="162"/>
      <c r="BL1859" s="162"/>
      <c r="BM1859" s="162"/>
      <c r="BN1859" s="162"/>
      <c r="BO1859" s="162"/>
      <c r="BP1859" s="162"/>
      <c r="BQ1859" s="162"/>
      <c r="BR1859" s="162"/>
      <c r="BS1859" s="162"/>
      <c r="BT1859" s="162"/>
      <c r="BU1859" s="162"/>
      <c r="BV1859" s="162"/>
      <c r="BW1859" s="162"/>
      <c r="BX1859" s="162"/>
      <c r="BY1859" s="162"/>
      <c r="BZ1859" s="162"/>
      <c r="CA1859" s="162"/>
      <c r="CB1859" s="162"/>
      <c r="CC1859" s="162"/>
      <c r="CD1859" s="162"/>
      <c r="CE1859" s="162"/>
      <c r="CF1859" s="162"/>
      <c r="CG1859" s="162"/>
      <c r="CH1859" s="162"/>
      <c r="CI1859" s="162"/>
      <c r="CJ1859" s="162"/>
      <c r="CK1859" s="162"/>
      <c r="CX1859" s="98"/>
      <c r="DL1859" s="97"/>
      <c r="DX1859" s="98"/>
      <c r="EL1859" s="97"/>
      <c r="EX1859" s="98"/>
      <c r="EY1859" s="97"/>
      <c r="FL1859" s="126"/>
      <c r="FM1859" s="91"/>
      <c r="FN1859" s="91"/>
      <c r="FO1859" s="91"/>
      <c r="FP1859" s="91"/>
      <c r="FQ1859" s="91"/>
      <c r="FR1859" s="91"/>
      <c r="FS1859" s="91"/>
      <c r="FT1859" s="91"/>
      <c r="FU1859" s="91"/>
      <c r="FV1859" s="91"/>
      <c r="FW1859" s="91"/>
      <c r="FX1859" s="91"/>
      <c r="FY1859" s="91"/>
      <c r="FZ1859" s="91"/>
      <c r="GA1859" s="91"/>
      <c r="GB1859" s="91"/>
      <c r="GC1859" s="91"/>
      <c r="GD1859" s="91"/>
      <c r="GE1859" s="91"/>
      <c r="GF1859" s="91"/>
      <c r="GG1859" s="91"/>
      <c r="GH1859" s="91"/>
      <c r="GI1859" s="91"/>
      <c r="GJ1859" s="91"/>
      <c r="GK1859" s="127"/>
      <c r="GL1859" s="126"/>
      <c r="GM1859" s="91"/>
      <c r="GN1859" s="91"/>
      <c r="GO1859" s="91"/>
      <c r="GP1859" s="91"/>
      <c r="GQ1859" s="91"/>
      <c r="GR1859" s="91"/>
      <c r="GS1859" s="91"/>
      <c r="GT1859" s="91"/>
      <c r="GU1859" s="91"/>
      <c r="GV1859" s="91"/>
      <c r="GW1859" s="91"/>
      <c r="GX1859" s="91"/>
      <c r="GY1859" s="91"/>
      <c r="GZ1859" s="91"/>
      <c r="HA1859" s="91"/>
      <c r="HB1859" s="91"/>
      <c r="HC1859" s="91"/>
      <c r="HD1859" s="91"/>
      <c r="HE1859" s="91"/>
      <c r="HF1859" s="91"/>
      <c r="HG1859" s="91"/>
      <c r="HH1859" s="91"/>
      <c r="HI1859" s="91"/>
      <c r="HJ1859" s="91"/>
      <c r="HK1859" s="127"/>
      <c r="HL1859" s="126"/>
      <c r="HM1859" s="91"/>
      <c r="HN1859" s="91"/>
      <c r="HO1859" s="91"/>
      <c r="HP1859" s="91"/>
      <c r="HQ1859" s="91"/>
      <c r="HR1859" s="91"/>
      <c r="HS1859" s="91"/>
      <c r="HT1859" s="91"/>
      <c r="HU1859" s="91"/>
      <c r="HV1859" s="91"/>
      <c r="HW1859" s="91"/>
      <c r="HX1859" s="91"/>
      <c r="HY1859" s="91"/>
      <c r="HZ1859" s="91"/>
      <c r="IA1859" s="91"/>
      <c r="IB1859" s="91"/>
      <c r="IC1859" s="91"/>
      <c r="ID1859" s="91"/>
      <c r="IE1859" s="91"/>
      <c r="IF1859" s="91"/>
      <c r="IG1859" s="91"/>
      <c r="IH1859" s="91"/>
      <c r="II1859" s="91"/>
      <c r="IJ1859" s="91"/>
      <c r="IK1859" s="127"/>
    </row>
    <row r="1860" spans="2:245" x14ac:dyDescent="0.2">
      <c r="B1860" s="43"/>
      <c r="C1860" s="73"/>
      <c r="D1860" s="64"/>
      <c r="E1860" s="64"/>
      <c r="F1860" s="55"/>
      <c r="G1860" s="102"/>
      <c r="H1860" s="55"/>
      <c r="I1860" s="55"/>
      <c r="J1860" s="55"/>
      <c r="K1860" s="55"/>
      <c r="L1860" s="55"/>
      <c r="M1860" s="55"/>
      <c r="N1860" s="55"/>
      <c r="O1860" s="55"/>
      <c r="P1860" s="55"/>
      <c r="Q1860" s="55"/>
      <c r="R1860" s="55"/>
      <c r="S1860" s="55"/>
      <c r="T1860" s="55"/>
      <c r="U1860" s="55"/>
      <c r="V1860" s="55"/>
      <c r="W1860" s="55"/>
      <c r="X1860" s="55"/>
      <c r="Y1860" s="55"/>
      <c r="Z1860" s="55"/>
      <c r="AA1860" s="55"/>
      <c r="AB1860" s="55"/>
      <c r="AC1860" s="55"/>
      <c r="AD1860" s="55"/>
      <c r="AE1860" s="55"/>
      <c r="AF1860" s="55"/>
      <c r="AG1860" s="55"/>
      <c r="AY1860" s="162"/>
      <c r="AZ1860" s="162"/>
      <c r="BA1860" s="162"/>
      <c r="BB1860" s="162"/>
      <c r="BC1860" s="162"/>
      <c r="BD1860" s="162"/>
      <c r="BE1860" s="162"/>
      <c r="BF1860" s="162"/>
      <c r="BG1860" s="162"/>
      <c r="BH1860" s="162"/>
      <c r="BI1860" s="162"/>
      <c r="BJ1860" s="162"/>
      <c r="BK1860" s="162"/>
      <c r="BL1860" s="162"/>
      <c r="BM1860" s="162"/>
      <c r="BN1860" s="162"/>
      <c r="BO1860" s="162"/>
      <c r="BP1860" s="162"/>
      <c r="BQ1860" s="162"/>
      <c r="BR1860" s="162"/>
      <c r="BS1860" s="162"/>
      <c r="BT1860" s="162"/>
      <c r="BU1860" s="162"/>
      <c r="BV1860" s="162"/>
      <c r="BW1860" s="162"/>
      <c r="BX1860" s="162"/>
      <c r="BY1860" s="162"/>
      <c r="BZ1860" s="162"/>
      <c r="CA1860" s="162"/>
      <c r="CB1860" s="162"/>
      <c r="CC1860" s="162"/>
      <c r="CD1860" s="162"/>
      <c r="CE1860" s="162"/>
      <c r="CF1860" s="162"/>
      <c r="CG1860" s="162"/>
      <c r="CH1860" s="162"/>
      <c r="CI1860" s="162"/>
      <c r="CJ1860" s="162"/>
      <c r="CK1860" s="162"/>
      <c r="CX1860" s="98"/>
      <c r="DL1860" s="97"/>
      <c r="DX1860" s="98"/>
      <c r="EL1860" s="97"/>
      <c r="EX1860" s="98"/>
      <c r="EY1860" s="97"/>
      <c r="FL1860" s="126"/>
      <c r="FM1860" s="91"/>
      <c r="FN1860" s="91"/>
      <c r="FO1860" s="91"/>
      <c r="FP1860" s="91"/>
      <c r="FQ1860" s="91"/>
      <c r="FR1860" s="91"/>
      <c r="FS1860" s="91"/>
      <c r="FT1860" s="91"/>
      <c r="FU1860" s="91"/>
      <c r="FV1860" s="91"/>
      <c r="FW1860" s="91"/>
      <c r="FX1860" s="91"/>
      <c r="FY1860" s="91"/>
      <c r="FZ1860" s="91"/>
      <c r="GA1860" s="91"/>
      <c r="GB1860" s="91"/>
      <c r="GC1860" s="91"/>
      <c r="GD1860" s="91"/>
      <c r="GE1860" s="91"/>
      <c r="GF1860" s="91"/>
      <c r="GG1860" s="91"/>
      <c r="GH1860" s="91"/>
      <c r="GI1860" s="91"/>
      <c r="GJ1860" s="91"/>
      <c r="GK1860" s="127"/>
      <c r="GL1860" s="126"/>
      <c r="GM1860" s="91"/>
      <c r="GN1860" s="91"/>
      <c r="GO1860" s="91"/>
      <c r="GP1860" s="91"/>
      <c r="GQ1860" s="91"/>
      <c r="GR1860" s="91"/>
      <c r="GS1860" s="91"/>
      <c r="GT1860" s="91"/>
      <c r="GU1860" s="91"/>
      <c r="GV1860" s="91"/>
      <c r="GW1860" s="91"/>
      <c r="GX1860" s="91"/>
      <c r="GY1860" s="91"/>
      <c r="GZ1860" s="91"/>
      <c r="HA1860" s="91"/>
      <c r="HB1860" s="91"/>
      <c r="HC1860" s="91"/>
      <c r="HD1860" s="91"/>
      <c r="HE1860" s="91"/>
      <c r="HF1860" s="91"/>
      <c r="HG1860" s="91"/>
      <c r="HH1860" s="91"/>
      <c r="HI1860" s="91"/>
      <c r="HJ1860" s="91"/>
      <c r="HK1860" s="127"/>
      <c r="HL1860" s="126"/>
      <c r="HM1860" s="91"/>
      <c r="HN1860" s="91"/>
      <c r="HO1860" s="91"/>
      <c r="HP1860" s="91"/>
      <c r="HQ1860" s="91"/>
      <c r="HR1860" s="91"/>
      <c r="HS1860" s="91"/>
      <c r="HT1860" s="91"/>
      <c r="HU1860" s="91"/>
      <c r="HV1860" s="91"/>
      <c r="HW1860" s="91"/>
      <c r="HX1860" s="91"/>
      <c r="HY1860" s="91"/>
      <c r="HZ1860" s="91"/>
      <c r="IA1860" s="91"/>
      <c r="IB1860" s="91"/>
      <c r="IC1860" s="91"/>
      <c r="ID1860" s="91"/>
      <c r="IE1860" s="91"/>
      <c r="IF1860" s="91"/>
      <c r="IG1860" s="91"/>
      <c r="IH1860" s="91"/>
      <c r="II1860" s="91"/>
      <c r="IJ1860" s="91"/>
      <c r="IK1860" s="127"/>
    </row>
    <row r="1861" spans="2:245" x14ac:dyDescent="0.2">
      <c r="B1861" s="43"/>
      <c r="C1861" s="73"/>
      <c r="D1861" s="64"/>
      <c r="E1861" s="64"/>
      <c r="F1861" s="55"/>
      <c r="G1861" s="102"/>
      <c r="H1861" s="55"/>
      <c r="I1861" s="55"/>
      <c r="J1861" s="55"/>
      <c r="K1861" s="55"/>
      <c r="L1861" s="55"/>
      <c r="M1861" s="55"/>
      <c r="N1861" s="55"/>
      <c r="O1861" s="55"/>
      <c r="P1861" s="55"/>
      <c r="Q1861" s="55"/>
      <c r="R1861" s="55"/>
      <c r="S1861" s="55"/>
      <c r="T1861" s="55"/>
      <c r="U1861" s="55"/>
      <c r="V1861" s="55"/>
      <c r="W1861" s="55"/>
      <c r="X1861" s="55"/>
      <c r="Y1861" s="55"/>
      <c r="Z1861" s="55"/>
      <c r="AA1861" s="55"/>
      <c r="AB1861" s="55"/>
      <c r="AC1861" s="55"/>
      <c r="AD1861" s="55"/>
      <c r="AE1861" s="55"/>
      <c r="AF1861" s="55"/>
      <c r="AG1861" s="55"/>
      <c r="AY1861" s="162"/>
      <c r="AZ1861" s="162"/>
      <c r="BA1861" s="162"/>
      <c r="BB1861" s="162"/>
      <c r="BC1861" s="162"/>
      <c r="BD1861" s="162"/>
      <c r="BE1861" s="162"/>
      <c r="BF1861" s="162"/>
      <c r="BG1861" s="162"/>
      <c r="BH1861" s="162"/>
      <c r="BI1861" s="162"/>
      <c r="BJ1861" s="162"/>
      <c r="BK1861" s="162"/>
      <c r="BL1861" s="162"/>
      <c r="BM1861" s="162"/>
      <c r="BN1861" s="162"/>
      <c r="BO1861" s="162"/>
      <c r="BP1861" s="162"/>
      <c r="BQ1861" s="162"/>
      <c r="BR1861" s="162"/>
      <c r="BS1861" s="162"/>
      <c r="BT1861" s="162"/>
      <c r="BU1861" s="162"/>
      <c r="BV1861" s="162"/>
      <c r="BW1861" s="162"/>
      <c r="BX1861" s="162"/>
      <c r="BY1861" s="162"/>
      <c r="BZ1861" s="162"/>
      <c r="CA1861" s="162"/>
      <c r="CB1861" s="162"/>
      <c r="CC1861" s="162"/>
      <c r="CD1861" s="162"/>
      <c r="CE1861" s="162"/>
      <c r="CF1861" s="162"/>
      <c r="CG1861" s="162"/>
      <c r="CH1861" s="162"/>
      <c r="CI1861" s="162"/>
      <c r="CJ1861" s="162"/>
      <c r="CK1861" s="162"/>
      <c r="CX1861" s="98"/>
      <c r="DL1861" s="97"/>
      <c r="DX1861" s="98"/>
      <c r="EL1861" s="97"/>
      <c r="EX1861" s="98"/>
      <c r="EY1861" s="97"/>
      <c r="FL1861" s="126"/>
      <c r="FM1861" s="91"/>
      <c r="FN1861" s="91"/>
      <c r="FO1861" s="91"/>
      <c r="FP1861" s="91"/>
      <c r="FQ1861" s="91"/>
      <c r="FR1861" s="91"/>
      <c r="FS1861" s="91"/>
      <c r="FT1861" s="91"/>
      <c r="FU1861" s="91"/>
      <c r="FV1861" s="91"/>
      <c r="FW1861" s="91"/>
      <c r="FX1861" s="91"/>
      <c r="FY1861" s="91"/>
      <c r="FZ1861" s="91"/>
      <c r="GA1861" s="91"/>
      <c r="GB1861" s="91"/>
      <c r="GC1861" s="91"/>
      <c r="GD1861" s="91"/>
      <c r="GE1861" s="91"/>
      <c r="GF1861" s="91"/>
      <c r="GG1861" s="91"/>
      <c r="GH1861" s="91"/>
      <c r="GI1861" s="91"/>
      <c r="GJ1861" s="91"/>
      <c r="GK1861" s="127"/>
      <c r="GL1861" s="126"/>
      <c r="GM1861" s="91"/>
      <c r="GN1861" s="91"/>
      <c r="GO1861" s="91"/>
      <c r="GP1861" s="91"/>
      <c r="GQ1861" s="91"/>
      <c r="GR1861" s="91"/>
      <c r="GS1861" s="91"/>
      <c r="GT1861" s="91"/>
      <c r="GU1861" s="91"/>
      <c r="GV1861" s="91"/>
      <c r="GW1861" s="91"/>
      <c r="GX1861" s="91"/>
      <c r="GY1861" s="91"/>
      <c r="GZ1861" s="91"/>
      <c r="HA1861" s="91"/>
      <c r="HB1861" s="91"/>
      <c r="HC1861" s="91"/>
      <c r="HD1861" s="91"/>
      <c r="HE1861" s="91"/>
      <c r="HF1861" s="91"/>
      <c r="HG1861" s="91"/>
      <c r="HH1861" s="91"/>
      <c r="HI1861" s="91"/>
      <c r="HJ1861" s="91"/>
      <c r="HK1861" s="127"/>
      <c r="HL1861" s="126"/>
      <c r="HM1861" s="91"/>
      <c r="HN1861" s="91"/>
      <c r="HO1861" s="91"/>
      <c r="HP1861" s="91"/>
      <c r="HQ1861" s="91"/>
      <c r="HR1861" s="91"/>
      <c r="HS1861" s="91"/>
      <c r="HT1861" s="91"/>
      <c r="HU1861" s="91"/>
      <c r="HV1861" s="91"/>
      <c r="HW1861" s="91"/>
      <c r="HX1861" s="91"/>
      <c r="HY1861" s="91"/>
      <c r="HZ1861" s="91"/>
      <c r="IA1861" s="91"/>
      <c r="IB1861" s="91"/>
      <c r="IC1861" s="91"/>
      <c r="ID1861" s="91"/>
      <c r="IE1861" s="91"/>
      <c r="IF1861" s="91"/>
      <c r="IG1861" s="91"/>
      <c r="IH1861" s="91"/>
      <c r="II1861" s="91"/>
      <c r="IJ1861" s="91"/>
      <c r="IK1861" s="127"/>
    </row>
    <row r="1862" spans="2:245" x14ac:dyDescent="0.2">
      <c r="B1862" s="43"/>
      <c r="C1862" s="73"/>
      <c r="D1862" s="64"/>
      <c r="E1862" s="64"/>
      <c r="F1862" s="55"/>
      <c r="G1862" s="102"/>
      <c r="H1862" s="55"/>
      <c r="I1862" s="55"/>
      <c r="J1862" s="55"/>
      <c r="K1862" s="55"/>
      <c r="L1862" s="55"/>
      <c r="M1862" s="55"/>
      <c r="N1862" s="55"/>
      <c r="O1862" s="55"/>
      <c r="P1862" s="55"/>
      <c r="Q1862" s="55"/>
      <c r="R1862" s="55"/>
      <c r="S1862" s="55"/>
      <c r="T1862" s="55"/>
      <c r="U1862" s="55"/>
      <c r="V1862" s="55"/>
      <c r="W1862" s="55"/>
      <c r="X1862" s="55"/>
      <c r="Y1862" s="55"/>
      <c r="Z1862" s="55"/>
      <c r="AA1862" s="55"/>
      <c r="AB1862" s="55"/>
      <c r="AC1862" s="55"/>
      <c r="AD1862" s="55"/>
      <c r="AE1862" s="55"/>
      <c r="AF1862" s="55"/>
      <c r="AG1862" s="55"/>
      <c r="AY1862" s="162"/>
      <c r="AZ1862" s="162"/>
      <c r="BA1862" s="162"/>
      <c r="BB1862" s="162"/>
      <c r="BC1862" s="162"/>
      <c r="BD1862" s="162"/>
      <c r="BE1862" s="162"/>
      <c r="BF1862" s="162"/>
      <c r="BG1862" s="162"/>
      <c r="BH1862" s="162"/>
      <c r="BI1862" s="162"/>
      <c r="BJ1862" s="162"/>
      <c r="BK1862" s="162"/>
      <c r="BL1862" s="162"/>
      <c r="BM1862" s="162"/>
      <c r="BN1862" s="162"/>
      <c r="BO1862" s="162"/>
      <c r="BP1862" s="162"/>
      <c r="BQ1862" s="162"/>
      <c r="BR1862" s="162"/>
      <c r="BS1862" s="162"/>
      <c r="BT1862" s="162"/>
      <c r="BU1862" s="162"/>
      <c r="BV1862" s="162"/>
      <c r="BW1862" s="162"/>
      <c r="BX1862" s="162"/>
      <c r="BY1862" s="162"/>
      <c r="BZ1862" s="162"/>
      <c r="CA1862" s="162"/>
      <c r="CB1862" s="162"/>
      <c r="CC1862" s="162"/>
      <c r="CD1862" s="162"/>
      <c r="CE1862" s="162"/>
      <c r="CF1862" s="162"/>
      <c r="CG1862" s="162"/>
      <c r="CH1862" s="162"/>
      <c r="CI1862" s="162"/>
      <c r="CJ1862" s="162"/>
      <c r="CK1862" s="162"/>
      <c r="CX1862" s="98"/>
      <c r="DL1862" s="97"/>
      <c r="DX1862" s="98"/>
      <c r="EL1862" s="97"/>
      <c r="EX1862" s="98"/>
      <c r="EY1862" s="97"/>
      <c r="FL1862" s="126"/>
      <c r="FM1862" s="91"/>
      <c r="FN1862" s="91"/>
      <c r="FO1862" s="91"/>
      <c r="FP1862" s="91"/>
      <c r="FQ1862" s="91"/>
      <c r="FR1862" s="91"/>
      <c r="FS1862" s="91"/>
      <c r="FT1862" s="91"/>
      <c r="FU1862" s="91"/>
      <c r="FV1862" s="91"/>
      <c r="FW1862" s="91"/>
      <c r="FX1862" s="91"/>
      <c r="FY1862" s="91"/>
      <c r="FZ1862" s="91"/>
      <c r="GA1862" s="91"/>
      <c r="GB1862" s="91"/>
      <c r="GC1862" s="91"/>
      <c r="GD1862" s="91"/>
      <c r="GE1862" s="91"/>
      <c r="GF1862" s="91"/>
      <c r="GG1862" s="91"/>
      <c r="GH1862" s="91"/>
      <c r="GI1862" s="91"/>
      <c r="GJ1862" s="91"/>
      <c r="GK1862" s="127"/>
      <c r="GL1862" s="126"/>
      <c r="GM1862" s="91"/>
      <c r="GN1862" s="91"/>
      <c r="GO1862" s="91"/>
      <c r="GP1862" s="91"/>
      <c r="GQ1862" s="91"/>
      <c r="GR1862" s="91"/>
      <c r="GS1862" s="91"/>
      <c r="GT1862" s="91"/>
      <c r="GU1862" s="91"/>
      <c r="GV1862" s="91"/>
      <c r="GW1862" s="91"/>
      <c r="GX1862" s="91"/>
      <c r="GY1862" s="91"/>
      <c r="GZ1862" s="91"/>
      <c r="HA1862" s="91"/>
      <c r="HB1862" s="91"/>
      <c r="HC1862" s="91"/>
      <c r="HD1862" s="91"/>
      <c r="HE1862" s="91"/>
      <c r="HF1862" s="91"/>
      <c r="HG1862" s="91"/>
      <c r="HH1862" s="91"/>
      <c r="HI1862" s="91"/>
      <c r="HJ1862" s="91"/>
      <c r="HK1862" s="127"/>
      <c r="HL1862" s="126"/>
      <c r="HM1862" s="91"/>
      <c r="HN1862" s="91"/>
      <c r="HO1862" s="91"/>
      <c r="HP1862" s="91"/>
      <c r="HQ1862" s="91"/>
      <c r="HR1862" s="91"/>
      <c r="HS1862" s="91"/>
      <c r="HT1862" s="91"/>
      <c r="HU1862" s="91"/>
      <c r="HV1862" s="91"/>
      <c r="HW1862" s="91"/>
      <c r="HX1862" s="91"/>
      <c r="HY1862" s="91"/>
      <c r="HZ1862" s="91"/>
      <c r="IA1862" s="91"/>
      <c r="IB1862" s="91"/>
      <c r="IC1862" s="91"/>
      <c r="ID1862" s="91"/>
      <c r="IE1862" s="91"/>
      <c r="IF1862" s="91"/>
      <c r="IG1862" s="91"/>
      <c r="IH1862" s="91"/>
      <c r="II1862" s="91"/>
      <c r="IJ1862" s="91"/>
      <c r="IK1862" s="127"/>
    </row>
    <row r="1863" spans="2:245" x14ac:dyDescent="0.2">
      <c r="B1863" s="43"/>
      <c r="C1863" s="73"/>
      <c r="D1863" s="64"/>
      <c r="E1863" s="64"/>
      <c r="F1863" s="55"/>
      <c r="G1863" s="102"/>
      <c r="H1863" s="55"/>
      <c r="I1863" s="55"/>
      <c r="J1863" s="55"/>
      <c r="K1863" s="55"/>
      <c r="L1863" s="55"/>
      <c r="M1863" s="55"/>
      <c r="N1863" s="55"/>
      <c r="O1863" s="55"/>
      <c r="P1863" s="55"/>
      <c r="Q1863" s="55"/>
      <c r="R1863" s="55"/>
      <c r="S1863" s="55"/>
      <c r="T1863" s="55"/>
      <c r="U1863" s="55"/>
      <c r="V1863" s="55"/>
      <c r="W1863" s="55"/>
      <c r="X1863" s="55"/>
      <c r="Y1863" s="55"/>
      <c r="Z1863" s="55"/>
      <c r="AA1863" s="55"/>
      <c r="AB1863" s="55"/>
      <c r="AC1863" s="55"/>
      <c r="AD1863" s="55"/>
      <c r="AE1863" s="55"/>
      <c r="AF1863" s="55"/>
      <c r="AG1863" s="55"/>
      <c r="AY1863" s="162"/>
      <c r="AZ1863" s="162"/>
      <c r="BA1863" s="162"/>
      <c r="BB1863" s="162"/>
      <c r="BC1863" s="162"/>
      <c r="BD1863" s="162"/>
      <c r="BE1863" s="162"/>
      <c r="BF1863" s="162"/>
      <c r="BG1863" s="162"/>
      <c r="BH1863" s="162"/>
      <c r="BI1863" s="162"/>
      <c r="BJ1863" s="162"/>
      <c r="BK1863" s="162"/>
      <c r="BL1863" s="162"/>
      <c r="BM1863" s="162"/>
      <c r="BN1863" s="162"/>
      <c r="BO1863" s="162"/>
      <c r="BP1863" s="162"/>
      <c r="BQ1863" s="162"/>
      <c r="BR1863" s="162"/>
      <c r="BS1863" s="162"/>
      <c r="BT1863" s="162"/>
      <c r="BU1863" s="162"/>
      <c r="BV1863" s="162"/>
      <c r="BW1863" s="162"/>
      <c r="BX1863" s="162"/>
      <c r="BY1863" s="162"/>
      <c r="BZ1863" s="162"/>
      <c r="CA1863" s="162"/>
      <c r="CB1863" s="162"/>
      <c r="CC1863" s="162"/>
      <c r="CD1863" s="162"/>
      <c r="CE1863" s="162"/>
      <c r="CF1863" s="162"/>
      <c r="CG1863" s="162"/>
      <c r="CH1863" s="162"/>
      <c r="CI1863" s="162"/>
      <c r="CJ1863" s="162"/>
      <c r="CK1863" s="162"/>
      <c r="CX1863" s="98"/>
      <c r="DL1863" s="97"/>
      <c r="DX1863" s="98"/>
      <c r="EL1863" s="97"/>
      <c r="EX1863" s="98"/>
      <c r="EY1863" s="97"/>
      <c r="FL1863" s="126"/>
      <c r="FM1863" s="91"/>
      <c r="FN1863" s="91"/>
      <c r="FO1863" s="91"/>
      <c r="FP1863" s="91"/>
      <c r="FQ1863" s="91"/>
      <c r="FR1863" s="91"/>
      <c r="FS1863" s="91"/>
      <c r="FT1863" s="91"/>
      <c r="FU1863" s="91"/>
      <c r="FV1863" s="91"/>
      <c r="FW1863" s="91"/>
      <c r="FX1863" s="91"/>
      <c r="FY1863" s="91"/>
      <c r="FZ1863" s="91"/>
      <c r="GA1863" s="91"/>
      <c r="GB1863" s="91"/>
      <c r="GC1863" s="91"/>
      <c r="GD1863" s="91"/>
      <c r="GE1863" s="91"/>
      <c r="GF1863" s="91"/>
      <c r="GG1863" s="91"/>
      <c r="GH1863" s="91"/>
      <c r="GI1863" s="91"/>
      <c r="GJ1863" s="91"/>
      <c r="GK1863" s="127"/>
      <c r="GL1863" s="126"/>
      <c r="GM1863" s="91"/>
      <c r="GN1863" s="91"/>
      <c r="GO1863" s="91"/>
      <c r="GP1863" s="91"/>
      <c r="GQ1863" s="91"/>
      <c r="GR1863" s="91"/>
      <c r="GS1863" s="91"/>
      <c r="GT1863" s="91"/>
      <c r="GU1863" s="91"/>
      <c r="GV1863" s="91"/>
      <c r="GW1863" s="91"/>
      <c r="GX1863" s="91"/>
      <c r="GY1863" s="91"/>
      <c r="GZ1863" s="91"/>
      <c r="HA1863" s="91"/>
      <c r="HB1863" s="91"/>
      <c r="HC1863" s="91"/>
      <c r="HD1863" s="91"/>
      <c r="HE1863" s="91"/>
      <c r="HF1863" s="91"/>
      <c r="HG1863" s="91"/>
      <c r="HH1863" s="91"/>
      <c r="HI1863" s="91"/>
      <c r="HJ1863" s="91"/>
      <c r="HK1863" s="127"/>
      <c r="HL1863" s="126"/>
      <c r="HM1863" s="91"/>
      <c r="HN1863" s="91"/>
      <c r="HO1863" s="91"/>
      <c r="HP1863" s="91"/>
      <c r="HQ1863" s="91"/>
      <c r="HR1863" s="91"/>
      <c r="HS1863" s="91"/>
      <c r="HT1863" s="91"/>
      <c r="HU1863" s="91"/>
      <c r="HV1863" s="91"/>
      <c r="HW1863" s="91"/>
      <c r="HX1863" s="91"/>
      <c r="HY1863" s="91"/>
      <c r="HZ1863" s="91"/>
      <c r="IA1863" s="91"/>
      <c r="IB1863" s="91"/>
      <c r="IC1863" s="91"/>
      <c r="ID1863" s="91"/>
      <c r="IE1863" s="91"/>
      <c r="IF1863" s="91"/>
      <c r="IG1863" s="91"/>
      <c r="IH1863" s="91"/>
      <c r="II1863" s="91"/>
      <c r="IJ1863" s="91"/>
      <c r="IK1863" s="127"/>
    </row>
    <row r="1864" spans="2:245" x14ac:dyDescent="0.2">
      <c r="B1864" s="43"/>
      <c r="C1864" s="73"/>
      <c r="D1864" s="64"/>
      <c r="E1864" s="64"/>
      <c r="F1864" s="55"/>
      <c r="G1864" s="102"/>
      <c r="H1864" s="55"/>
      <c r="I1864" s="55"/>
      <c r="J1864" s="55"/>
      <c r="K1864" s="55"/>
      <c r="L1864" s="55"/>
      <c r="M1864" s="55"/>
      <c r="N1864" s="55"/>
      <c r="O1864" s="55"/>
      <c r="P1864" s="55"/>
      <c r="Q1864" s="55"/>
      <c r="R1864" s="55"/>
      <c r="S1864" s="55"/>
      <c r="T1864" s="55"/>
      <c r="U1864" s="55"/>
      <c r="V1864" s="55"/>
      <c r="W1864" s="55"/>
      <c r="X1864" s="55"/>
      <c r="Y1864" s="55"/>
      <c r="Z1864" s="55"/>
      <c r="AA1864" s="55"/>
      <c r="AB1864" s="55"/>
      <c r="AC1864" s="55"/>
      <c r="AD1864" s="55"/>
      <c r="AE1864" s="55"/>
      <c r="AF1864" s="55"/>
      <c r="AG1864" s="55"/>
      <c r="AY1864" s="162"/>
      <c r="AZ1864" s="162"/>
      <c r="BA1864" s="162"/>
      <c r="BB1864" s="162"/>
      <c r="BC1864" s="162"/>
      <c r="BD1864" s="162"/>
      <c r="BE1864" s="162"/>
      <c r="BF1864" s="162"/>
      <c r="BG1864" s="162"/>
      <c r="BH1864" s="162"/>
      <c r="BI1864" s="162"/>
      <c r="BJ1864" s="162"/>
      <c r="BK1864" s="162"/>
      <c r="BL1864" s="162"/>
      <c r="BM1864" s="162"/>
      <c r="BN1864" s="162"/>
      <c r="BO1864" s="162"/>
      <c r="BP1864" s="162"/>
      <c r="BQ1864" s="162"/>
      <c r="BR1864" s="162"/>
      <c r="BS1864" s="162"/>
      <c r="BT1864" s="162"/>
      <c r="BU1864" s="162"/>
      <c r="BV1864" s="162"/>
      <c r="BW1864" s="162"/>
      <c r="BX1864" s="162"/>
      <c r="BY1864" s="162"/>
      <c r="BZ1864" s="162"/>
      <c r="CA1864" s="162"/>
      <c r="CB1864" s="162"/>
      <c r="CC1864" s="162"/>
      <c r="CD1864" s="162"/>
      <c r="CE1864" s="162"/>
      <c r="CF1864" s="162"/>
      <c r="CG1864" s="162"/>
      <c r="CH1864" s="162"/>
      <c r="CI1864" s="162"/>
      <c r="CJ1864" s="162"/>
      <c r="CK1864" s="162"/>
      <c r="CX1864" s="98"/>
      <c r="DL1864" s="97"/>
      <c r="DX1864" s="98"/>
      <c r="EL1864" s="97"/>
      <c r="EX1864" s="98"/>
      <c r="EY1864" s="97"/>
      <c r="FL1864" s="126"/>
      <c r="FM1864" s="91"/>
      <c r="FN1864" s="91"/>
      <c r="FO1864" s="91"/>
      <c r="FP1864" s="91"/>
      <c r="FQ1864" s="91"/>
      <c r="FR1864" s="91"/>
      <c r="FS1864" s="91"/>
      <c r="FT1864" s="91"/>
      <c r="FU1864" s="91"/>
      <c r="FV1864" s="91"/>
      <c r="FW1864" s="91"/>
      <c r="FX1864" s="91"/>
      <c r="FY1864" s="91"/>
      <c r="FZ1864" s="91"/>
      <c r="GA1864" s="91"/>
      <c r="GB1864" s="91"/>
      <c r="GC1864" s="91"/>
      <c r="GD1864" s="91"/>
      <c r="GE1864" s="91"/>
      <c r="GF1864" s="91"/>
      <c r="GG1864" s="91"/>
      <c r="GH1864" s="91"/>
      <c r="GI1864" s="91"/>
      <c r="GJ1864" s="91"/>
      <c r="GK1864" s="127"/>
      <c r="GL1864" s="126"/>
      <c r="GM1864" s="91"/>
      <c r="GN1864" s="91"/>
      <c r="GO1864" s="91"/>
      <c r="GP1864" s="91"/>
      <c r="GQ1864" s="91"/>
      <c r="GR1864" s="91"/>
      <c r="GS1864" s="91"/>
      <c r="GT1864" s="91"/>
      <c r="GU1864" s="91"/>
      <c r="GV1864" s="91"/>
      <c r="GW1864" s="91"/>
      <c r="GX1864" s="91"/>
      <c r="GY1864" s="91"/>
      <c r="GZ1864" s="91"/>
      <c r="HA1864" s="91"/>
      <c r="HB1864" s="91"/>
      <c r="HC1864" s="91"/>
      <c r="HD1864" s="91"/>
      <c r="HE1864" s="91"/>
      <c r="HF1864" s="91"/>
      <c r="HG1864" s="91"/>
      <c r="HH1864" s="91"/>
      <c r="HI1864" s="91"/>
      <c r="HJ1864" s="91"/>
      <c r="HK1864" s="127"/>
      <c r="HL1864" s="126"/>
      <c r="HM1864" s="91"/>
      <c r="HN1864" s="91"/>
      <c r="HO1864" s="91"/>
      <c r="HP1864" s="91"/>
      <c r="HQ1864" s="91"/>
      <c r="HR1864" s="91"/>
      <c r="HS1864" s="91"/>
      <c r="HT1864" s="91"/>
      <c r="HU1864" s="91"/>
      <c r="HV1864" s="91"/>
      <c r="HW1864" s="91"/>
      <c r="HX1864" s="91"/>
      <c r="HY1864" s="91"/>
      <c r="HZ1864" s="91"/>
      <c r="IA1864" s="91"/>
      <c r="IB1864" s="91"/>
      <c r="IC1864" s="91"/>
      <c r="ID1864" s="91"/>
      <c r="IE1864" s="91"/>
      <c r="IF1864" s="91"/>
      <c r="IG1864" s="91"/>
      <c r="IH1864" s="91"/>
      <c r="II1864" s="91"/>
      <c r="IJ1864" s="91"/>
      <c r="IK1864" s="127"/>
    </row>
    <row r="1865" spans="2:245" x14ac:dyDescent="0.2">
      <c r="B1865" s="43"/>
      <c r="C1865" s="73"/>
      <c r="D1865" s="64"/>
      <c r="E1865" s="64"/>
      <c r="F1865" s="55"/>
      <c r="G1865" s="102"/>
      <c r="H1865" s="55"/>
      <c r="I1865" s="55"/>
      <c r="J1865" s="55"/>
      <c r="K1865" s="55"/>
      <c r="L1865" s="55"/>
      <c r="M1865" s="55"/>
      <c r="N1865" s="55"/>
      <c r="O1865" s="55"/>
      <c r="P1865" s="55"/>
      <c r="Q1865" s="55"/>
      <c r="R1865" s="55"/>
      <c r="S1865" s="55"/>
      <c r="T1865" s="55"/>
      <c r="U1865" s="55"/>
      <c r="V1865" s="55"/>
      <c r="W1865" s="55"/>
      <c r="X1865" s="55"/>
      <c r="Y1865" s="55"/>
      <c r="Z1865" s="55"/>
      <c r="AA1865" s="55"/>
      <c r="AB1865" s="55"/>
      <c r="AC1865" s="55"/>
      <c r="AD1865" s="55"/>
      <c r="AE1865" s="55"/>
      <c r="AF1865" s="55"/>
      <c r="AG1865" s="55"/>
      <c r="AY1865" s="162"/>
      <c r="AZ1865" s="162"/>
      <c r="BA1865" s="162"/>
      <c r="BB1865" s="162"/>
      <c r="BC1865" s="162"/>
      <c r="BD1865" s="162"/>
      <c r="BE1865" s="162"/>
      <c r="BF1865" s="162"/>
      <c r="BG1865" s="162"/>
      <c r="BH1865" s="162"/>
      <c r="BI1865" s="162"/>
      <c r="BJ1865" s="162"/>
      <c r="BK1865" s="162"/>
      <c r="BL1865" s="162"/>
      <c r="BM1865" s="162"/>
      <c r="BN1865" s="162"/>
      <c r="BO1865" s="162"/>
      <c r="BP1865" s="162"/>
      <c r="BQ1865" s="162"/>
      <c r="BR1865" s="162"/>
      <c r="BS1865" s="162"/>
      <c r="BT1865" s="162"/>
      <c r="BU1865" s="162"/>
      <c r="BV1865" s="162"/>
      <c r="BW1865" s="162"/>
      <c r="BX1865" s="162"/>
      <c r="BY1865" s="162"/>
      <c r="BZ1865" s="162"/>
      <c r="CA1865" s="162"/>
      <c r="CB1865" s="162"/>
      <c r="CC1865" s="162"/>
      <c r="CD1865" s="162"/>
      <c r="CE1865" s="162"/>
      <c r="CF1865" s="162"/>
      <c r="CG1865" s="162"/>
      <c r="CH1865" s="162"/>
      <c r="CI1865" s="162"/>
      <c r="CJ1865" s="162"/>
      <c r="CK1865" s="162"/>
      <c r="CX1865" s="98"/>
      <c r="DL1865" s="97"/>
      <c r="DX1865" s="98"/>
      <c r="EL1865" s="97"/>
      <c r="EX1865" s="98"/>
      <c r="EY1865" s="97"/>
      <c r="FL1865" s="126"/>
      <c r="FM1865" s="91"/>
      <c r="FN1865" s="91"/>
      <c r="FO1865" s="91"/>
      <c r="FP1865" s="91"/>
      <c r="FQ1865" s="91"/>
      <c r="FR1865" s="91"/>
      <c r="FS1865" s="91"/>
      <c r="FT1865" s="91"/>
      <c r="FU1865" s="91"/>
      <c r="FV1865" s="91"/>
      <c r="FW1865" s="91"/>
      <c r="FX1865" s="91"/>
      <c r="FY1865" s="91"/>
      <c r="FZ1865" s="91"/>
      <c r="GA1865" s="91"/>
      <c r="GB1865" s="91"/>
      <c r="GC1865" s="91"/>
      <c r="GD1865" s="91"/>
      <c r="GE1865" s="91"/>
      <c r="GF1865" s="91"/>
      <c r="GG1865" s="91"/>
      <c r="GH1865" s="91"/>
      <c r="GI1865" s="91"/>
      <c r="GJ1865" s="91"/>
      <c r="GK1865" s="127"/>
      <c r="GL1865" s="126"/>
      <c r="GM1865" s="91"/>
      <c r="GN1865" s="91"/>
      <c r="GO1865" s="91"/>
      <c r="GP1865" s="91"/>
      <c r="GQ1865" s="91"/>
      <c r="GR1865" s="91"/>
      <c r="GS1865" s="91"/>
      <c r="GT1865" s="91"/>
      <c r="GU1865" s="91"/>
      <c r="GV1865" s="91"/>
      <c r="GW1865" s="91"/>
      <c r="GX1865" s="91"/>
      <c r="GY1865" s="91"/>
      <c r="GZ1865" s="91"/>
      <c r="HA1865" s="91"/>
      <c r="HB1865" s="91"/>
      <c r="HC1865" s="91"/>
      <c r="HD1865" s="91"/>
      <c r="HE1865" s="91"/>
      <c r="HF1865" s="91"/>
      <c r="HG1865" s="91"/>
      <c r="HH1865" s="91"/>
      <c r="HI1865" s="91"/>
      <c r="HJ1865" s="91"/>
      <c r="HK1865" s="127"/>
      <c r="HL1865" s="126"/>
      <c r="HM1865" s="91"/>
      <c r="HN1865" s="91"/>
      <c r="HO1865" s="91"/>
      <c r="HP1865" s="91"/>
      <c r="HQ1865" s="91"/>
      <c r="HR1865" s="91"/>
      <c r="HS1865" s="91"/>
      <c r="HT1865" s="91"/>
      <c r="HU1865" s="91"/>
      <c r="HV1865" s="91"/>
      <c r="HW1865" s="91"/>
      <c r="HX1865" s="91"/>
      <c r="HY1865" s="91"/>
      <c r="HZ1865" s="91"/>
      <c r="IA1865" s="91"/>
      <c r="IB1865" s="91"/>
      <c r="IC1865" s="91"/>
      <c r="ID1865" s="91"/>
      <c r="IE1865" s="91"/>
      <c r="IF1865" s="91"/>
      <c r="IG1865" s="91"/>
      <c r="IH1865" s="91"/>
      <c r="II1865" s="91"/>
      <c r="IJ1865" s="91"/>
      <c r="IK1865" s="127"/>
    </row>
    <row r="1866" spans="2:245" ht="13.5" thickBot="1" x14ac:dyDescent="0.25">
      <c r="B1866" s="43"/>
      <c r="C1866" s="73"/>
      <c r="D1866" s="64"/>
      <c r="E1866" s="64"/>
      <c r="F1866" s="55"/>
      <c r="G1866" s="102"/>
      <c r="H1866" s="55"/>
      <c r="I1866" s="55"/>
      <c r="J1866" s="55"/>
      <c r="K1866" s="55"/>
      <c r="L1866" s="55"/>
      <c r="M1866" s="55"/>
      <c r="N1866" s="55"/>
      <c r="O1866" s="55"/>
      <c r="P1866" s="55"/>
      <c r="Q1866" s="55"/>
      <c r="R1866" s="55"/>
      <c r="S1866" s="55"/>
      <c r="T1866" s="55"/>
      <c r="U1866" s="55"/>
      <c r="V1866" s="55"/>
      <c r="W1866" s="55"/>
      <c r="X1866" s="55"/>
      <c r="Y1866" s="55"/>
      <c r="Z1866" s="55"/>
      <c r="AA1866" s="55"/>
      <c r="AB1866" s="55"/>
      <c r="AC1866" s="55"/>
      <c r="AD1866" s="55"/>
      <c r="AE1866" s="55"/>
      <c r="AF1866" s="55"/>
      <c r="AG1866" s="55"/>
      <c r="AY1866" s="162"/>
      <c r="AZ1866" s="162"/>
      <c r="BA1866" s="162"/>
      <c r="BB1866" s="162"/>
      <c r="BC1866" s="162"/>
      <c r="BD1866" s="162"/>
      <c r="BE1866" s="162"/>
      <c r="BF1866" s="162"/>
      <c r="BG1866" s="162"/>
      <c r="BH1866" s="162"/>
      <c r="BI1866" s="162"/>
      <c r="BJ1866" s="162"/>
      <c r="BK1866" s="162"/>
      <c r="BL1866" s="162"/>
      <c r="BM1866" s="162"/>
      <c r="BN1866" s="162"/>
      <c r="BO1866" s="162"/>
      <c r="BP1866" s="162"/>
      <c r="BQ1866" s="162"/>
      <c r="BR1866" s="162"/>
      <c r="BS1866" s="162"/>
      <c r="BT1866" s="162"/>
      <c r="BU1866" s="162"/>
      <c r="BV1866" s="162"/>
      <c r="BW1866" s="162"/>
      <c r="BX1866" s="162"/>
      <c r="BY1866" s="162"/>
      <c r="BZ1866" s="162"/>
      <c r="CA1866" s="162"/>
      <c r="CB1866" s="162"/>
      <c r="CC1866" s="162"/>
      <c r="CD1866" s="162"/>
      <c r="CE1866" s="162"/>
      <c r="CF1866" s="162"/>
      <c r="CG1866" s="162"/>
      <c r="CH1866" s="162"/>
      <c r="CI1866" s="162"/>
      <c r="CJ1866" s="162"/>
      <c r="CK1866" s="162"/>
      <c r="CL1866" s="166"/>
      <c r="CM1866" s="166"/>
      <c r="CN1866" s="166"/>
      <c r="CO1866" s="166"/>
      <c r="CP1866" s="166"/>
      <c r="CQ1866" s="166"/>
      <c r="CR1866" s="166"/>
      <c r="CS1866" s="166"/>
      <c r="CT1866" s="166"/>
      <c r="CU1866" s="166"/>
      <c r="CV1866" s="166"/>
      <c r="CW1866" s="166"/>
      <c r="CX1866" s="176"/>
      <c r="CY1866" s="166"/>
      <c r="CZ1866" s="166"/>
      <c r="DA1866" s="166"/>
      <c r="DB1866" s="166"/>
      <c r="DC1866" s="166"/>
      <c r="DD1866" s="166"/>
      <c r="DE1866" s="166"/>
      <c r="DF1866" s="166"/>
      <c r="DG1866" s="166"/>
      <c r="DH1866" s="166"/>
      <c r="DI1866" s="166"/>
      <c r="DJ1866" s="166"/>
      <c r="DK1866" s="166"/>
      <c r="DL1866" s="175"/>
      <c r="DM1866" s="166"/>
      <c r="DN1866" s="166"/>
      <c r="DO1866" s="166"/>
      <c r="DP1866" s="166"/>
      <c r="DQ1866" s="166"/>
      <c r="DR1866" s="166"/>
      <c r="DS1866" s="166"/>
      <c r="DT1866" s="166"/>
      <c r="DU1866" s="166"/>
      <c r="DV1866" s="166"/>
      <c r="DW1866" s="166"/>
      <c r="DX1866" s="176"/>
      <c r="DY1866" s="166"/>
      <c r="DZ1866" s="166"/>
      <c r="EA1866" s="166"/>
      <c r="EB1866" s="166"/>
      <c r="EC1866" s="166"/>
      <c r="ED1866" s="166"/>
      <c r="EE1866" s="166"/>
      <c r="EF1866" s="166"/>
      <c r="EG1866" s="166"/>
      <c r="EH1866" s="166"/>
      <c r="EI1866" s="166"/>
      <c r="EJ1866" s="166"/>
      <c r="EK1866" s="166"/>
      <c r="EL1866" s="175"/>
      <c r="EM1866" s="166"/>
      <c r="EN1866" s="166"/>
      <c r="EO1866" s="166"/>
      <c r="EP1866" s="166"/>
      <c r="EQ1866" s="166"/>
      <c r="ER1866" s="166"/>
      <c r="ES1866" s="166"/>
      <c r="ET1866" s="166"/>
      <c r="EU1866" s="166"/>
      <c r="EV1866" s="166"/>
      <c r="EW1866" s="166"/>
      <c r="EX1866" s="176"/>
      <c r="EY1866" s="175"/>
      <c r="EZ1866" s="166"/>
      <c r="FA1866" s="166"/>
      <c r="FB1866" s="166"/>
      <c r="FC1866" s="166"/>
      <c r="FD1866" s="166"/>
      <c r="FE1866" s="166"/>
      <c r="FF1866" s="166"/>
      <c r="FG1866" s="166"/>
      <c r="FH1866" s="166"/>
      <c r="FI1866" s="166"/>
      <c r="FJ1866" s="166"/>
      <c r="FK1866" s="166"/>
      <c r="FL1866" s="126"/>
      <c r="FM1866" s="91"/>
      <c r="FN1866" s="91"/>
      <c r="FO1866" s="91"/>
      <c r="FP1866" s="91"/>
      <c r="FQ1866" s="91"/>
      <c r="FR1866" s="91"/>
      <c r="FS1866" s="91"/>
      <c r="FT1866" s="91"/>
      <c r="FU1866" s="91"/>
      <c r="FV1866" s="91"/>
      <c r="FW1866" s="91"/>
      <c r="FX1866" s="91"/>
      <c r="FY1866" s="91"/>
      <c r="FZ1866" s="91"/>
      <c r="GA1866" s="91"/>
      <c r="GB1866" s="91"/>
      <c r="GC1866" s="91"/>
      <c r="GD1866" s="91"/>
      <c r="GE1866" s="91"/>
      <c r="GF1866" s="91"/>
      <c r="GG1866" s="91"/>
      <c r="GH1866" s="91"/>
      <c r="GI1866" s="91"/>
      <c r="GJ1866" s="91"/>
      <c r="GK1866" s="127"/>
      <c r="GL1866" s="126"/>
      <c r="GM1866" s="91"/>
      <c r="GN1866" s="91"/>
      <c r="GO1866" s="91"/>
      <c r="GP1866" s="91"/>
      <c r="GQ1866" s="91"/>
      <c r="GR1866" s="91"/>
      <c r="GS1866" s="91"/>
      <c r="GT1866" s="91"/>
      <c r="GU1866" s="91"/>
      <c r="GV1866" s="91"/>
      <c r="GW1866" s="91"/>
      <c r="GX1866" s="91"/>
      <c r="GY1866" s="91"/>
      <c r="GZ1866" s="91"/>
      <c r="HA1866" s="91"/>
      <c r="HB1866" s="91"/>
      <c r="HC1866" s="91"/>
      <c r="HD1866" s="91"/>
      <c r="HE1866" s="91"/>
      <c r="HF1866" s="91"/>
      <c r="HG1866" s="91"/>
      <c r="HH1866" s="91"/>
      <c r="HI1866" s="91"/>
      <c r="HJ1866" s="91"/>
      <c r="HK1866" s="127"/>
      <c r="HL1866" s="126"/>
      <c r="HM1866" s="91"/>
      <c r="HN1866" s="91"/>
      <c r="HO1866" s="91"/>
      <c r="HP1866" s="91"/>
      <c r="HQ1866" s="91"/>
      <c r="HR1866" s="91"/>
      <c r="HS1866" s="91"/>
      <c r="HT1866" s="91"/>
      <c r="HU1866" s="91"/>
      <c r="HV1866" s="91"/>
      <c r="HW1866" s="91"/>
      <c r="HX1866" s="91"/>
      <c r="HY1866" s="91"/>
      <c r="HZ1866" s="91"/>
      <c r="IA1866" s="91"/>
      <c r="IB1866" s="91"/>
      <c r="IC1866" s="91"/>
      <c r="ID1866" s="91"/>
      <c r="IE1866" s="91"/>
      <c r="IF1866" s="91"/>
      <c r="IG1866" s="91"/>
      <c r="IH1866" s="91"/>
      <c r="II1866" s="91"/>
      <c r="IJ1866" s="91"/>
      <c r="IK1866" s="127"/>
    </row>
    <row r="1867" spans="2:245" x14ac:dyDescent="0.2">
      <c r="B1867" s="43"/>
      <c r="C1867" s="73"/>
      <c r="D1867" s="64"/>
      <c r="E1867" s="64"/>
      <c r="F1867" s="55"/>
      <c r="G1867" s="102"/>
      <c r="H1867" s="55"/>
      <c r="I1867" s="55"/>
      <c r="J1867" s="55"/>
      <c r="K1867" s="55"/>
      <c r="L1867" s="55"/>
      <c r="M1867" s="55"/>
      <c r="N1867" s="55"/>
      <c r="O1867" s="55"/>
      <c r="P1867" s="55"/>
      <c r="Q1867" s="55"/>
      <c r="R1867" s="55"/>
      <c r="S1867" s="55"/>
      <c r="T1867" s="55"/>
      <c r="U1867" s="55"/>
      <c r="V1867" s="55"/>
      <c r="W1867" s="55"/>
      <c r="X1867" s="55"/>
      <c r="Y1867" s="55"/>
      <c r="Z1867" s="55"/>
      <c r="AA1867" s="55"/>
      <c r="AB1867" s="55"/>
      <c r="AC1867" s="55"/>
      <c r="AD1867" s="55"/>
      <c r="AE1867" s="55"/>
      <c r="AF1867" s="55"/>
      <c r="AG1867" s="55"/>
      <c r="AY1867" s="162"/>
      <c r="AZ1867" s="162"/>
      <c r="BA1867" s="162"/>
      <c r="BB1867" s="162"/>
      <c r="BC1867" s="162"/>
      <c r="BD1867" s="162"/>
      <c r="BE1867" s="162"/>
      <c r="BF1867" s="162"/>
      <c r="BG1867" s="162"/>
      <c r="BH1867" s="162"/>
      <c r="BI1867" s="162"/>
      <c r="BJ1867" s="162"/>
      <c r="BK1867" s="162"/>
      <c r="BL1867" s="162"/>
      <c r="BM1867" s="162"/>
      <c r="BN1867" s="162"/>
      <c r="BO1867" s="162"/>
      <c r="BP1867" s="162"/>
      <c r="BQ1867" s="162"/>
      <c r="BR1867" s="162"/>
      <c r="BS1867" s="162"/>
      <c r="BT1867" s="162"/>
      <c r="BU1867" s="162"/>
      <c r="BV1867" s="162"/>
      <c r="BW1867" s="162"/>
      <c r="BX1867" s="162"/>
      <c r="BY1867" s="162"/>
      <c r="BZ1867" s="162"/>
      <c r="CA1867" s="162"/>
      <c r="CB1867" s="162"/>
      <c r="CC1867" s="162"/>
      <c r="CD1867" s="162"/>
      <c r="CE1867" s="162"/>
      <c r="CF1867" s="162"/>
      <c r="CG1867" s="162"/>
      <c r="CH1867" s="162"/>
      <c r="CI1867" s="162"/>
      <c r="CJ1867" s="162"/>
      <c r="CK1867" s="162"/>
      <c r="CX1867" s="98"/>
      <c r="DL1867" s="97"/>
      <c r="DX1867" s="98"/>
      <c r="EL1867" s="97"/>
      <c r="EX1867" s="98"/>
      <c r="EY1867" s="97"/>
      <c r="FL1867" s="126"/>
      <c r="FM1867" s="91"/>
      <c r="FN1867" s="91"/>
      <c r="FO1867" s="91"/>
      <c r="FP1867" s="91"/>
      <c r="FQ1867" s="91"/>
      <c r="FR1867" s="91"/>
      <c r="FS1867" s="91"/>
      <c r="FT1867" s="91"/>
      <c r="FU1867" s="91"/>
      <c r="FV1867" s="91"/>
      <c r="FW1867" s="91"/>
      <c r="FX1867" s="91"/>
      <c r="FY1867" s="91"/>
      <c r="FZ1867" s="91"/>
      <c r="GA1867" s="91"/>
      <c r="GB1867" s="91"/>
      <c r="GC1867" s="91"/>
      <c r="GD1867" s="91"/>
      <c r="GE1867" s="91"/>
      <c r="GF1867" s="91"/>
      <c r="GG1867" s="91"/>
      <c r="GH1867" s="91"/>
      <c r="GI1867" s="91"/>
      <c r="GJ1867" s="91"/>
      <c r="GK1867" s="127"/>
      <c r="GL1867" s="126"/>
      <c r="GM1867" s="91"/>
      <c r="GN1867" s="91"/>
      <c r="GO1867" s="91"/>
      <c r="GP1867" s="91"/>
      <c r="GQ1867" s="91"/>
      <c r="GR1867" s="91"/>
      <c r="GS1867" s="91"/>
      <c r="GT1867" s="91"/>
      <c r="GU1867" s="91"/>
      <c r="GV1867" s="91"/>
      <c r="GW1867" s="91"/>
      <c r="GX1867" s="91"/>
      <c r="GY1867" s="91"/>
      <c r="GZ1867" s="91"/>
      <c r="HA1867" s="91"/>
      <c r="HB1867" s="91"/>
      <c r="HC1867" s="91"/>
      <c r="HD1867" s="91"/>
      <c r="HE1867" s="91"/>
      <c r="HF1867" s="91"/>
      <c r="HG1867" s="91"/>
      <c r="HH1867" s="91"/>
      <c r="HI1867" s="91"/>
      <c r="HJ1867" s="91"/>
      <c r="HK1867" s="127"/>
      <c r="HL1867" s="126"/>
      <c r="HM1867" s="91"/>
      <c r="HN1867" s="91"/>
      <c r="HO1867" s="91"/>
      <c r="HP1867" s="91"/>
      <c r="HQ1867" s="91"/>
      <c r="HR1867" s="91"/>
      <c r="HS1867" s="91"/>
      <c r="HT1867" s="91"/>
      <c r="HU1867" s="91"/>
      <c r="HV1867" s="91"/>
      <c r="HW1867" s="91"/>
      <c r="HX1867" s="91"/>
      <c r="HY1867" s="91"/>
      <c r="HZ1867" s="91"/>
      <c r="IA1867" s="91"/>
      <c r="IB1867" s="91"/>
      <c r="IC1867" s="91"/>
      <c r="ID1867" s="91"/>
      <c r="IE1867" s="91"/>
      <c r="IF1867" s="91"/>
      <c r="IG1867" s="91"/>
      <c r="IH1867" s="91"/>
      <c r="II1867" s="91"/>
      <c r="IJ1867" s="91"/>
      <c r="IK1867" s="127"/>
    </row>
    <row r="1868" spans="2:245" x14ac:dyDescent="0.2">
      <c r="B1868" s="43"/>
      <c r="C1868" s="73"/>
      <c r="D1868" s="64"/>
      <c r="E1868" s="64"/>
      <c r="F1868" s="55"/>
      <c r="G1868" s="102"/>
      <c r="H1868" s="55"/>
      <c r="I1868" s="55"/>
      <c r="J1868" s="55"/>
      <c r="K1868" s="55"/>
      <c r="L1868" s="55"/>
      <c r="M1868" s="55"/>
      <c r="N1868" s="55"/>
      <c r="O1868" s="55"/>
      <c r="P1868" s="55"/>
      <c r="Q1868" s="55"/>
      <c r="R1868" s="55"/>
      <c r="S1868" s="55"/>
      <c r="T1868" s="55"/>
      <c r="U1868" s="55"/>
      <c r="V1868" s="55"/>
      <c r="W1868" s="55"/>
      <c r="X1868" s="55"/>
      <c r="Y1868" s="55"/>
      <c r="Z1868" s="55"/>
      <c r="AA1868" s="55"/>
      <c r="AB1868" s="55"/>
      <c r="AC1868" s="55"/>
      <c r="AD1868" s="55"/>
      <c r="AE1868" s="55"/>
      <c r="AF1868" s="55"/>
      <c r="AG1868" s="55"/>
      <c r="AY1868" s="162"/>
      <c r="AZ1868" s="162"/>
      <c r="BA1868" s="162"/>
      <c r="BB1868" s="162"/>
      <c r="BC1868" s="162"/>
      <c r="BD1868" s="162"/>
      <c r="BE1868" s="162"/>
      <c r="BF1868" s="162"/>
      <c r="BG1868" s="162"/>
      <c r="BH1868" s="162"/>
      <c r="BI1868" s="162"/>
      <c r="BJ1868" s="162"/>
      <c r="BK1868" s="162"/>
      <c r="BL1868" s="162"/>
      <c r="BM1868" s="162"/>
      <c r="BN1868" s="162"/>
      <c r="BO1868" s="162"/>
      <c r="BP1868" s="162"/>
      <c r="BQ1868" s="162"/>
      <c r="BR1868" s="162"/>
      <c r="BS1868" s="162"/>
      <c r="BT1868" s="162"/>
      <c r="BU1868" s="162"/>
      <c r="BV1868" s="162"/>
      <c r="BW1868" s="162"/>
      <c r="BX1868" s="162"/>
      <c r="BY1868" s="162"/>
      <c r="BZ1868" s="162"/>
      <c r="CA1868" s="162"/>
      <c r="CB1868" s="162"/>
      <c r="CC1868" s="162"/>
      <c r="CD1868" s="162"/>
      <c r="CE1868" s="162"/>
      <c r="CF1868" s="162"/>
      <c r="CG1868" s="162"/>
      <c r="CH1868" s="162"/>
      <c r="CI1868" s="162"/>
      <c r="CJ1868" s="162"/>
      <c r="CK1868" s="162"/>
      <c r="CX1868" s="98"/>
      <c r="DL1868" s="97"/>
      <c r="DX1868" s="98"/>
      <c r="EL1868" s="97"/>
      <c r="EX1868" s="98"/>
      <c r="EY1868" s="97"/>
      <c r="FL1868" s="126"/>
      <c r="FM1868" s="91"/>
      <c r="FN1868" s="91"/>
      <c r="FO1868" s="91"/>
      <c r="FP1868" s="91"/>
      <c r="FQ1868" s="91"/>
      <c r="FR1868" s="91"/>
      <c r="FS1868" s="91"/>
      <c r="FT1868" s="91"/>
      <c r="FU1868" s="91"/>
      <c r="FV1868" s="91"/>
      <c r="FW1868" s="91"/>
      <c r="FX1868" s="91"/>
      <c r="FY1868" s="91"/>
      <c r="FZ1868" s="91"/>
      <c r="GA1868" s="91"/>
      <c r="GB1868" s="91"/>
      <c r="GC1868" s="91"/>
      <c r="GD1868" s="91"/>
      <c r="GE1868" s="91"/>
      <c r="GF1868" s="91"/>
      <c r="GG1868" s="91"/>
      <c r="GH1868" s="91"/>
      <c r="GI1868" s="91"/>
      <c r="GJ1868" s="91"/>
      <c r="GK1868" s="127"/>
      <c r="GL1868" s="126"/>
      <c r="GM1868" s="91"/>
      <c r="GN1868" s="91"/>
      <c r="GO1868" s="91"/>
      <c r="GP1868" s="91"/>
      <c r="GQ1868" s="91"/>
      <c r="GR1868" s="91"/>
      <c r="GS1868" s="91"/>
      <c r="GT1868" s="91"/>
      <c r="GU1868" s="91"/>
      <c r="GV1868" s="91"/>
      <c r="GW1868" s="91"/>
      <c r="GX1868" s="91"/>
      <c r="GY1868" s="91"/>
      <c r="GZ1868" s="91"/>
      <c r="HA1868" s="91"/>
      <c r="HB1868" s="91"/>
      <c r="HC1868" s="91"/>
      <c r="HD1868" s="91"/>
      <c r="HE1868" s="91"/>
      <c r="HF1868" s="91"/>
      <c r="HG1868" s="91"/>
      <c r="HH1868" s="91"/>
      <c r="HI1868" s="91"/>
      <c r="HJ1868" s="91"/>
      <c r="HK1868" s="127"/>
      <c r="HL1868" s="126"/>
      <c r="HM1868" s="91"/>
      <c r="HN1868" s="91"/>
      <c r="HO1868" s="91"/>
      <c r="HP1868" s="91"/>
      <c r="HQ1868" s="91"/>
      <c r="HR1868" s="91"/>
      <c r="HS1868" s="91"/>
      <c r="HT1868" s="91"/>
      <c r="HU1868" s="91"/>
      <c r="HV1868" s="91"/>
      <c r="HW1868" s="91"/>
      <c r="HX1868" s="91"/>
      <c r="HY1868" s="91"/>
      <c r="HZ1868" s="91"/>
      <c r="IA1868" s="91"/>
      <c r="IB1868" s="91"/>
      <c r="IC1868" s="91"/>
      <c r="ID1868" s="91"/>
      <c r="IE1868" s="91"/>
      <c r="IF1868" s="91"/>
      <c r="IG1868" s="91"/>
      <c r="IH1868" s="91"/>
      <c r="II1868" s="91"/>
      <c r="IJ1868" s="91"/>
      <c r="IK1868" s="127"/>
    </row>
    <row r="1869" spans="2:245" x14ac:dyDescent="0.2">
      <c r="B1869" s="43"/>
      <c r="C1869" s="73"/>
      <c r="D1869" s="64"/>
      <c r="E1869" s="64"/>
      <c r="F1869" s="55"/>
      <c r="G1869" s="102"/>
      <c r="H1869" s="55"/>
      <c r="I1869" s="55"/>
      <c r="J1869" s="55"/>
      <c r="K1869" s="55"/>
      <c r="L1869" s="55"/>
      <c r="M1869" s="55"/>
      <c r="N1869" s="55"/>
      <c r="O1869" s="55"/>
      <c r="P1869" s="55"/>
      <c r="Q1869" s="55"/>
      <c r="R1869" s="55"/>
      <c r="S1869" s="55"/>
      <c r="T1869" s="55"/>
      <c r="U1869" s="55"/>
      <c r="V1869" s="55"/>
      <c r="W1869" s="55"/>
      <c r="X1869" s="55"/>
      <c r="Y1869" s="55"/>
      <c r="Z1869" s="55"/>
      <c r="AA1869" s="55"/>
      <c r="AB1869" s="55"/>
      <c r="AC1869" s="55"/>
      <c r="AD1869" s="55"/>
      <c r="AE1869" s="55"/>
      <c r="AF1869" s="55"/>
      <c r="AG1869" s="55"/>
      <c r="AY1869" s="162"/>
      <c r="AZ1869" s="162"/>
      <c r="BA1869" s="162"/>
      <c r="BB1869" s="162"/>
      <c r="BC1869" s="162"/>
      <c r="BD1869" s="162"/>
      <c r="BE1869" s="162"/>
      <c r="BF1869" s="162"/>
      <c r="BG1869" s="162"/>
      <c r="BH1869" s="162"/>
      <c r="BI1869" s="162"/>
      <c r="BJ1869" s="162"/>
      <c r="BK1869" s="162"/>
      <c r="BL1869" s="162"/>
      <c r="BM1869" s="162"/>
      <c r="BN1869" s="162"/>
      <c r="BO1869" s="162"/>
      <c r="BP1869" s="162"/>
      <c r="BQ1869" s="162"/>
      <c r="BR1869" s="162"/>
      <c r="BS1869" s="162"/>
      <c r="BT1869" s="162"/>
      <c r="BU1869" s="162"/>
      <c r="BV1869" s="162"/>
      <c r="BW1869" s="162"/>
      <c r="BX1869" s="162"/>
      <c r="BY1869" s="162"/>
      <c r="BZ1869" s="162"/>
      <c r="CA1869" s="162"/>
      <c r="CB1869" s="162"/>
      <c r="CC1869" s="162"/>
      <c r="CD1869" s="162"/>
      <c r="CE1869" s="162"/>
      <c r="CF1869" s="162"/>
      <c r="CG1869" s="162"/>
      <c r="CH1869" s="162"/>
      <c r="CI1869" s="162"/>
      <c r="CJ1869" s="162"/>
      <c r="CK1869" s="162"/>
      <c r="CX1869" s="98"/>
      <c r="DL1869" s="97"/>
      <c r="DX1869" s="98"/>
      <c r="EL1869" s="97"/>
      <c r="EX1869" s="98"/>
      <c r="EY1869" s="97"/>
      <c r="FL1869" s="126"/>
      <c r="FM1869" s="91"/>
      <c r="FN1869" s="91"/>
      <c r="FO1869" s="91"/>
      <c r="FP1869" s="91"/>
      <c r="FQ1869" s="91"/>
      <c r="FR1869" s="91"/>
      <c r="FS1869" s="91"/>
      <c r="FT1869" s="91"/>
      <c r="FU1869" s="91"/>
      <c r="FV1869" s="91"/>
      <c r="FW1869" s="91"/>
      <c r="FX1869" s="91"/>
      <c r="FY1869" s="91"/>
      <c r="FZ1869" s="91"/>
      <c r="GA1869" s="91"/>
      <c r="GB1869" s="91"/>
      <c r="GC1869" s="91"/>
      <c r="GD1869" s="91"/>
      <c r="GE1869" s="91"/>
      <c r="GF1869" s="91"/>
      <c r="GG1869" s="91"/>
      <c r="GH1869" s="91"/>
      <c r="GI1869" s="91"/>
      <c r="GJ1869" s="91"/>
      <c r="GK1869" s="127"/>
      <c r="GL1869" s="126"/>
      <c r="GM1869" s="91"/>
      <c r="GN1869" s="91"/>
      <c r="GO1869" s="91"/>
      <c r="GP1869" s="91"/>
      <c r="GQ1869" s="91"/>
      <c r="GR1869" s="91"/>
      <c r="GS1869" s="91"/>
      <c r="GT1869" s="91"/>
      <c r="GU1869" s="91"/>
      <c r="GV1869" s="91"/>
      <c r="GW1869" s="91"/>
      <c r="GX1869" s="91"/>
      <c r="GY1869" s="91"/>
      <c r="GZ1869" s="91"/>
      <c r="HA1869" s="91"/>
      <c r="HB1869" s="91"/>
      <c r="HC1869" s="91"/>
      <c r="HD1869" s="91"/>
      <c r="HE1869" s="91"/>
      <c r="HF1869" s="91"/>
      <c r="HG1869" s="91"/>
      <c r="HH1869" s="91"/>
      <c r="HI1869" s="91"/>
      <c r="HJ1869" s="91"/>
      <c r="HK1869" s="127"/>
      <c r="HL1869" s="126"/>
      <c r="HM1869" s="91"/>
      <c r="HN1869" s="91"/>
      <c r="HO1869" s="91"/>
      <c r="HP1869" s="91"/>
      <c r="HQ1869" s="91"/>
      <c r="HR1869" s="91"/>
      <c r="HS1869" s="91"/>
      <c r="HT1869" s="91"/>
      <c r="HU1869" s="91"/>
      <c r="HV1869" s="91"/>
      <c r="HW1869" s="91"/>
      <c r="HX1869" s="91"/>
      <c r="HY1869" s="91"/>
      <c r="HZ1869" s="91"/>
      <c r="IA1869" s="91"/>
      <c r="IB1869" s="91"/>
      <c r="IC1869" s="91"/>
      <c r="ID1869" s="91"/>
      <c r="IE1869" s="91"/>
      <c r="IF1869" s="91"/>
      <c r="IG1869" s="91"/>
      <c r="IH1869" s="91"/>
      <c r="II1869" s="91"/>
      <c r="IJ1869" s="91"/>
      <c r="IK1869" s="127"/>
    </row>
    <row r="1870" spans="2:245" x14ac:dyDescent="0.2">
      <c r="B1870" s="43"/>
      <c r="C1870" s="73"/>
      <c r="D1870" s="64"/>
      <c r="E1870" s="64"/>
      <c r="F1870" s="55"/>
      <c r="G1870" s="102"/>
      <c r="H1870" s="55"/>
      <c r="I1870" s="55"/>
      <c r="J1870" s="55"/>
      <c r="K1870" s="55"/>
      <c r="L1870" s="55"/>
      <c r="M1870" s="55"/>
      <c r="N1870" s="55"/>
      <c r="O1870" s="55"/>
      <c r="P1870" s="55"/>
      <c r="Q1870" s="55"/>
      <c r="R1870" s="55"/>
      <c r="S1870" s="55"/>
      <c r="T1870" s="55"/>
      <c r="U1870" s="55"/>
      <c r="V1870" s="55"/>
      <c r="W1870" s="55"/>
      <c r="X1870" s="55"/>
      <c r="Y1870" s="55"/>
      <c r="Z1870" s="55"/>
      <c r="AA1870" s="55"/>
      <c r="AB1870" s="55"/>
      <c r="AC1870" s="55"/>
      <c r="AD1870" s="55"/>
      <c r="AE1870" s="55"/>
      <c r="AF1870" s="55"/>
      <c r="AG1870" s="55"/>
      <c r="AY1870" s="162"/>
      <c r="AZ1870" s="162"/>
      <c r="BA1870" s="162"/>
      <c r="BB1870" s="162"/>
      <c r="BC1870" s="162"/>
      <c r="BD1870" s="162"/>
      <c r="BE1870" s="162"/>
      <c r="BF1870" s="162"/>
      <c r="BG1870" s="162"/>
      <c r="BH1870" s="162"/>
      <c r="BI1870" s="162"/>
      <c r="BJ1870" s="162"/>
      <c r="BK1870" s="162"/>
      <c r="BL1870" s="162"/>
      <c r="BM1870" s="162"/>
      <c r="BN1870" s="162"/>
      <c r="BO1870" s="162"/>
      <c r="BP1870" s="162"/>
      <c r="BQ1870" s="162"/>
      <c r="BR1870" s="162"/>
      <c r="BS1870" s="162"/>
      <c r="BT1870" s="162"/>
      <c r="BU1870" s="162"/>
      <c r="BV1870" s="162"/>
      <c r="BW1870" s="162"/>
      <c r="BX1870" s="162"/>
      <c r="BY1870" s="162"/>
      <c r="BZ1870" s="162"/>
      <c r="CA1870" s="162"/>
      <c r="CB1870" s="162"/>
      <c r="CC1870" s="162"/>
      <c r="CD1870" s="162"/>
      <c r="CE1870" s="162"/>
      <c r="CF1870" s="162"/>
      <c r="CG1870" s="162"/>
      <c r="CH1870" s="162"/>
      <c r="CI1870" s="162"/>
      <c r="CJ1870" s="162"/>
      <c r="CK1870" s="162"/>
      <c r="CX1870" s="98"/>
      <c r="DL1870" s="97"/>
      <c r="DX1870" s="98"/>
      <c r="EL1870" s="97"/>
      <c r="EX1870" s="98"/>
      <c r="EY1870" s="97"/>
      <c r="FL1870" s="126"/>
      <c r="FM1870" s="91"/>
      <c r="FN1870" s="91"/>
      <c r="FO1870" s="91"/>
      <c r="FP1870" s="91"/>
      <c r="FQ1870" s="91"/>
      <c r="FR1870" s="91"/>
      <c r="FS1870" s="91"/>
      <c r="FT1870" s="91"/>
      <c r="FU1870" s="91"/>
      <c r="FV1870" s="91"/>
      <c r="FW1870" s="91"/>
      <c r="FX1870" s="91"/>
      <c r="FY1870" s="91"/>
      <c r="FZ1870" s="91"/>
      <c r="GA1870" s="91"/>
      <c r="GB1870" s="91"/>
      <c r="GC1870" s="91"/>
      <c r="GD1870" s="91"/>
      <c r="GE1870" s="91"/>
      <c r="GF1870" s="91"/>
      <c r="GG1870" s="91"/>
      <c r="GH1870" s="91"/>
      <c r="GI1870" s="91"/>
      <c r="GJ1870" s="91"/>
      <c r="GK1870" s="127"/>
      <c r="GL1870" s="126"/>
      <c r="GM1870" s="91"/>
      <c r="GN1870" s="91"/>
      <c r="GO1870" s="91"/>
      <c r="GP1870" s="91"/>
      <c r="GQ1870" s="91"/>
      <c r="GR1870" s="91"/>
      <c r="GS1870" s="91"/>
      <c r="GT1870" s="91"/>
      <c r="GU1870" s="91"/>
      <c r="GV1870" s="91"/>
      <c r="GW1870" s="91"/>
      <c r="GX1870" s="91"/>
      <c r="GY1870" s="91"/>
      <c r="GZ1870" s="91"/>
      <c r="HA1870" s="91"/>
      <c r="HB1870" s="91"/>
      <c r="HC1870" s="91"/>
      <c r="HD1870" s="91"/>
      <c r="HE1870" s="91"/>
      <c r="HF1870" s="91"/>
      <c r="HG1870" s="91"/>
      <c r="HH1870" s="91"/>
      <c r="HI1870" s="91"/>
      <c r="HJ1870" s="91"/>
      <c r="HK1870" s="127"/>
      <c r="HL1870" s="126"/>
      <c r="HM1870" s="91"/>
      <c r="HN1870" s="91"/>
      <c r="HO1870" s="91"/>
      <c r="HP1870" s="91"/>
      <c r="HQ1870" s="91"/>
      <c r="HR1870" s="91"/>
      <c r="HS1870" s="91"/>
      <c r="HT1870" s="91"/>
      <c r="HU1870" s="91"/>
      <c r="HV1870" s="91"/>
      <c r="HW1870" s="91"/>
      <c r="HX1870" s="91"/>
      <c r="HY1870" s="91"/>
      <c r="HZ1870" s="91"/>
      <c r="IA1870" s="91"/>
      <c r="IB1870" s="91"/>
      <c r="IC1870" s="91"/>
      <c r="ID1870" s="91"/>
      <c r="IE1870" s="91"/>
      <c r="IF1870" s="91"/>
      <c r="IG1870" s="91"/>
      <c r="IH1870" s="91"/>
      <c r="II1870" s="91"/>
      <c r="IJ1870" s="91"/>
      <c r="IK1870" s="127"/>
    </row>
    <row r="1871" spans="2:245" x14ac:dyDescent="0.2">
      <c r="B1871" s="43"/>
      <c r="C1871" s="73"/>
      <c r="D1871" s="64"/>
      <c r="E1871" s="64"/>
      <c r="F1871" s="55"/>
      <c r="G1871" s="102"/>
      <c r="H1871" s="55"/>
      <c r="I1871" s="55"/>
      <c r="J1871" s="55"/>
      <c r="K1871" s="55"/>
      <c r="L1871" s="55"/>
      <c r="M1871" s="55"/>
      <c r="N1871" s="55"/>
      <c r="O1871" s="55"/>
      <c r="P1871" s="55"/>
      <c r="Q1871" s="55"/>
      <c r="R1871" s="55"/>
      <c r="S1871" s="55"/>
      <c r="T1871" s="55"/>
      <c r="U1871" s="55"/>
      <c r="V1871" s="55"/>
      <c r="W1871" s="55"/>
      <c r="X1871" s="55"/>
      <c r="Y1871" s="55"/>
      <c r="Z1871" s="55"/>
      <c r="AA1871" s="55"/>
      <c r="AB1871" s="55"/>
      <c r="AC1871" s="55"/>
      <c r="AD1871" s="55"/>
      <c r="AE1871" s="55"/>
      <c r="AF1871" s="55"/>
      <c r="AG1871" s="55"/>
      <c r="AY1871" s="162"/>
      <c r="AZ1871" s="162"/>
      <c r="BA1871" s="162"/>
      <c r="BB1871" s="162"/>
      <c r="BC1871" s="162"/>
      <c r="BD1871" s="162"/>
      <c r="BE1871" s="162"/>
      <c r="BF1871" s="162"/>
      <c r="BG1871" s="162"/>
      <c r="BH1871" s="162"/>
      <c r="BI1871" s="162"/>
      <c r="BJ1871" s="162"/>
      <c r="BK1871" s="162"/>
      <c r="BL1871" s="162"/>
      <c r="BM1871" s="162"/>
      <c r="BN1871" s="162"/>
      <c r="BO1871" s="162"/>
      <c r="BP1871" s="162"/>
      <c r="BQ1871" s="162"/>
      <c r="BR1871" s="162"/>
      <c r="BS1871" s="162"/>
      <c r="BT1871" s="162"/>
      <c r="BU1871" s="162"/>
      <c r="BV1871" s="162"/>
      <c r="BW1871" s="162"/>
      <c r="BX1871" s="162"/>
      <c r="BY1871" s="162"/>
      <c r="BZ1871" s="162"/>
      <c r="CA1871" s="162"/>
      <c r="CB1871" s="162"/>
      <c r="CC1871" s="162"/>
      <c r="CD1871" s="162"/>
      <c r="CE1871" s="162"/>
      <c r="CF1871" s="162"/>
      <c r="CG1871" s="162"/>
      <c r="CH1871" s="162"/>
      <c r="CI1871" s="162"/>
      <c r="CJ1871" s="162"/>
      <c r="CK1871" s="162"/>
      <c r="CX1871" s="98"/>
      <c r="DL1871" s="97"/>
      <c r="DX1871" s="98"/>
      <c r="EL1871" s="97"/>
      <c r="EX1871" s="98"/>
      <c r="EY1871" s="97"/>
      <c r="FL1871" s="126"/>
      <c r="FM1871" s="91"/>
      <c r="FN1871" s="91"/>
      <c r="FO1871" s="91"/>
      <c r="FP1871" s="91"/>
      <c r="FQ1871" s="91"/>
      <c r="FR1871" s="91"/>
      <c r="FS1871" s="91"/>
      <c r="FT1871" s="91"/>
      <c r="FU1871" s="91"/>
      <c r="FV1871" s="91"/>
      <c r="FW1871" s="91"/>
      <c r="FX1871" s="91"/>
      <c r="FY1871" s="91"/>
      <c r="FZ1871" s="91"/>
      <c r="GA1871" s="91"/>
      <c r="GB1871" s="91"/>
      <c r="GC1871" s="91"/>
      <c r="GD1871" s="91"/>
      <c r="GE1871" s="91"/>
      <c r="GF1871" s="91"/>
      <c r="GG1871" s="91"/>
      <c r="GH1871" s="91"/>
      <c r="GI1871" s="91"/>
      <c r="GJ1871" s="91"/>
      <c r="GK1871" s="127"/>
      <c r="GL1871" s="126"/>
      <c r="GM1871" s="91"/>
      <c r="GN1871" s="91"/>
      <c r="GO1871" s="91"/>
      <c r="GP1871" s="91"/>
      <c r="GQ1871" s="91"/>
      <c r="GR1871" s="91"/>
      <c r="GS1871" s="91"/>
      <c r="GT1871" s="91"/>
      <c r="GU1871" s="91"/>
      <c r="GV1871" s="91"/>
      <c r="GW1871" s="91"/>
      <c r="GX1871" s="91"/>
      <c r="GY1871" s="91"/>
      <c r="GZ1871" s="91"/>
      <c r="HA1871" s="91"/>
      <c r="HB1871" s="91"/>
      <c r="HC1871" s="91"/>
      <c r="HD1871" s="91"/>
      <c r="HE1871" s="91"/>
      <c r="HF1871" s="91"/>
      <c r="HG1871" s="91"/>
      <c r="HH1871" s="91"/>
      <c r="HI1871" s="91"/>
      <c r="HJ1871" s="91"/>
      <c r="HK1871" s="127"/>
      <c r="HL1871" s="126"/>
      <c r="HM1871" s="91"/>
      <c r="HN1871" s="91"/>
      <c r="HO1871" s="91"/>
      <c r="HP1871" s="91"/>
      <c r="HQ1871" s="91"/>
      <c r="HR1871" s="91"/>
      <c r="HS1871" s="91"/>
      <c r="HT1871" s="91"/>
      <c r="HU1871" s="91"/>
      <c r="HV1871" s="91"/>
      <c r="HW1871" s="91"/>
      <c r="HX1871" s="91"/>
      <c r="HY1871" s="91"/>
      <c r="HZ1871" s="91"/>
      <c r="IA1871" s="91"/>
      <c r="IB1871" s="91"/>
      <c r="IC1871" s="91"/>
      <c r="ID1871" s="91"/>
      <c r="IE1871" s="91"/>
      <c r="IF1871" s="91"/>
      <c r="IG1871" s="91"/>
      <c r="IH1871" s="91"/>
      <c r="II1871" s="91"/>
      <c r="IJ1871" s="91"/>
      <c r="IK1871" s="127"/>
    </row>
    <row r="1872" spans="2:245" x14ac:dyDescent="0.2">
      <c r="B1872" s="43"/>
      <c r="C1872" s="73"/>
      <c r="D1872" s="64"/>
      <c r="E1872" s="64"/>
      <c r="F1872" s="55"/>
      <c r="G1872" s="102"/>
      <c r="H1872" s="55"/>
      <c r="I1872" s="55"/>
      <c r="J1872" s="55"/>
      <c r="K1872" s="55"/>
      <c r="L1872" s="55"/>
      <c r="M1872" s="55"/>
      <c r="N1872" s="55"/>
      <c r="O1872" s="55"/>
      <c r="P1872" s="55"/>
      <c r="Q1872" s="55"/>
      <c r="R1872" s="55"/>
      <c r="S1872" s="55"/>
      <c r="T1872" s="55"/>
      <c r="U1872" s="55"/>
      <c r="V1872" s="55"/>
      <c r="W1872" s="55"/>
      <c r="X1872" s="55"/>
      <c r="Y1872" s="55"/>
      <c r="Z1872" s="55"/>
      <c r="AA1872" s="55"/>
      <c r="AB1872" s="55"/>
      <c r="AC1872" s="55"/>
      <c r="AD1872" s="55"/>
      <c r="AE1872" s="55"/>
      <c r="AF1872" s="55"/>
      <c r="AG1872" s="55"/>
      <c r="AY1872" s="162"/>
      <c r="AZ1872" s="162"/>
      <c r="BA1872" s="162"/>
      <c r="BB1872" s="162"/>
      <c r="BC1872" s="162"/>
      <c r="BD1872" s="162"/>
      <c r="BE1872" s="162"/>
      <c r="BF1872" s="162"/>
      <c r="BG1872" s="162"/>
      <c r="BH1872" s="162"/>
      <c r="BI1872" s="162"/>
      <c r="BJ1872" s="162"/>
      <c r="BK1872" s="162"/>
      <c r="BL1872" s="162"/>
      <c r="BM1872" s="162"/>
      <c r="BN1872" s="162"/>
      <c r="BO1872" s="162"/>
      <c r="BP1872" s="162"/>
      <c r="BQ1872" s="162"/>
      <c r="BR1872" s="162"/>
      <c r="BS1872" s="162"/>
      <c r="BT1872" s="162"/>
      <c r="BU1872" s="162"/>
      <c r="BV1872" s="162"/>
      <c r="BW1872" s="162"/>
      <c r="BX1872" s="162"/>
      <c r="BY1872" s="162"/>
      <c r="BZ1872" s="162"/>
      <c r="CA1872" s="162"/>
      <c r="CB1872" s="162"/>
      <c r="CC1872" s="162"/>
      <c r="CD1872" s="162"/>
      <c r="CE1872" s="162"/>
      <c r="CF1872" s="162"/>
      <c r="CG1872" s="162"/>
      <c r="CH1872" s="162"/>
      <c r="CI1872" s="162"/>
      <c r="CJ1872" s="162"/>
      <c r="CK1872" s="162"/>
      <c r="CX1872" s="98"/>
      <c r="DL1872" s="97"/>
      <c r="DX1872" s="98"/>
      <c r="EL1872" s="97"/>
      <c r="EX1872" s="98"/>
      <c r="EY1872" s="97"/>
      <c r="FL1872" s="126"/>
      <c r="FM1872" s="91"/>
      <c r="FN1872" s="91"/>
      <c r="FO1872" s="91"/>
      <c r="FP1872" s="91"/>
      <c r="FQ1872" s="91"/>
      <c r="FR1872" s="91"/>
      <c r="FS1872" s="91"/>
      <c r="FT1872" s="91"/>
      <c r="FU1872" s="91"/>
      <c r="FV1872" s="91"/>
      <c r="FW1872" s="91"/>
      <c r="FX1872" s="91"/>
      <c r="FY1872" s="91"/>
      <c r="FZ1872" s="91"/>
      <c r="GA1872" s="91"/>
      <c r="GB1872" s="91"/>
      <c r="GC1872" s="91"/>
      <c r="GD1872" s="91"/>
      <c r="GE1872" s="91"/>
      <c r="GF1872" s="91"/>
      <c r="GG1872" s="91"/>
      <c r="GH1872" s="91"/>
      <c r="GI1872" s="91"/>
      <c r="GJ1872" s="91"/>
      <c r="GK1872" s="127"/>
      <c r="GL1872" s="126"/>
      <c r="GM1872" s="91"/>
      <c r="GN1872" s="91"/>
      <c r="GO1872" s="91"/>
      <c r="GP1872" s="91"/>
      <c r="GQ1872" s="91"/>
      <c r="GR1872" s="91"/>
      <c r="GS1872" s="91"/>
      <c r="GT1872" s="91"/>
      <c r="GU1872" s="91"/>
      <c r="GV1872" s="91"/>
      <c r="GW1872" s="91"/>
      <c r="GX1872" s="91"/>
      <c r="GY1872" s="91"/>
      <c r="GZ1872" s="91"/>
      <c r="HA1872" s="91"/>
      <c r="HB1872" s="91"/>
      <c r="HC1872" s="91"/>
      <c r="HD1872" s="91"/>
      <c r="HE1872" s="91"/>
      <c r="HF1872" s="91"/>
      <c r="HG1872" s="91"/>
      <c r="HH1872" s="91"/>
      <c r="HI1872" s="91"/>
      <c r="HJ1872" s="91"/>
      <c r="HK1872" s="127"/>
      <c r="HL1872" s="126"/>
      <c r="HM1872" s="91"/>
      <c r="HN1872" s="91"/>
      <c r="HO1872" s="91"/>
      <c r="HP1872" s="91"/>
      <c r="HQ1872" s="91"/>
      <c r="HR1872" s="91"/>
      <c r="HS1872" s="91"/>
      <c r="HT1872" s="91"/>
      <c r="HU1872" s="91"/>
      <c r="HV1872" s="91"/>
      <c r="HW1872" s="91"/>
      <c r="HX1872" s="91"/>
      <c r="HY1872" s="91"/>
      <c r="HZ1872" s="91"/>
      <c r="IA1872" s="91"/>
      <c r="IB1872" s="91"/>
      <c r="IC1872" s="91"/>
      <c r="ID1872" s="91"/>
      <c r="IE1872" s="91"/>
      <c r="IF1872" s="91"/>
      <c r="IG1872" s="91"/>
      <c r="IH1872" s="91"/>
      <c r="II1872" s="91"/>
      <c r="IJ1872" s="91"/>
      <c r="IK1872" s="127"/>
    </row>
    <row r="1873" spans="2:245" ht="13.5" thickBot="1" x14ac:dyDescent="0.25">
      <c r="B1873" s="43"/>
      <c r="C1873" s="73"/>
      <c r="D1873" s="64"/>
      <c r="E1873" s="64"/>
      <c r="F1873" s="55"/>
      <c r="G1873" s="102"/>
      <c r="H1873" s="55"/>
      <c r="I1873" s="55"/>
      <c r="J1873" s="55"/>
      <c r="K1873" s="55"/>
      <c r="L1873" s="55"/>
      <c r="M1873" s="55"/>
      <c r="N1873" s="55"/>
      <c r="O1873" s="55"/>
      <c r="P1873" s="55"/>
      <c r="Q1873" s="55"/>
      <c r="R1873" s="55"/>
      <c r="S1873" s="55"/>
      <c r="T1873" s="55"/>
      <c r="U1873" s="55"/>
      <c r="V1873" s="55"/>
      <c r="W1873" s="55"/>
      <c r="X1873" s="55"/>
      <c r="Y1873" s="55"/>
      <c r="Z1873" s="55"/>
      <c r="AA1873" s="55"/>
      <c r="AB1873" s="55"/>
      <c r="AC1873" s="55"/>
      <c r="AD1873" s="55"/>
      <c r="AE1873" s="55"/>
      <c r="AF1873" s="55"/>
      <c r="AG1873" s="55"/>
      <c r="AY1873" s="162"/>
      <c r="AZ1873" s="162"/>
      <c r="BA1873" s="162"/>
      <c r="BB1873" s="162"/>
      <c r="BC1873" s="162"/>
      <c r="BD1873" s="162"/>
      <c r="BE1873" s="162"/>
      <c r="BF1873" s="162"/>
      <c r="BG1873" s="162"/>
      <c r="BH1873" s="162"/>
      <c r="BI1873" s="162"/>
      <c r="BJ1873" s="162"/>
      <c r="BK1873" s="162"/>
      <c r="BL1873" s="162"/>
      <c r="BM1873" s="162"/>
      <c r="BN1873" s="162"/>
      <c r="BO1873" s="162"/>
      <c r="BP1873" s="162"/>
      <c r="BQ1873" s="162"/>
      <c r="BR1873" s="162"/>
      <c r="BS1873" s="162"/>
      <c r="BT1873" s="162"/>
      <c r="BU1873" s="162"/>
      <c r="BV1873" s="162"/>
      <c r="BW1873" s="162"/>
      <c r="BX1873" s="162"/>
      <c r="BY1873" s="162"/>
      <c r="BZ1873" s="162"/>
      <c r="CA1873" s="162"/>
      <c r="CB1873" s="162"/>
      <c r="CC1873" s="162"/>
      <c r="CD1873" s="162"/>
      <c r="CE1873" s="162"/>
      <c r="CF1873" s="162"/>
      <c r="CG1873" s="162"/>
      <c r="CH1873" s="162"/>
      <c r="CI1873" s="162"/>
      <c r="CJ1873" s="162"/>
      <c r="CK1873" s="162"/>
      <c r="CX1873" s="98"/>
      <c r="DL1873" s="97"/>
      <c r="DX1873" s="98"/>
      <c r="EL1873" s="97"/>
      <c r="EX1873" s="98"/>
      <c r="EY1873" s="97"/>
      <c r="FL1873" s="126"/>
      <c r="FM1873" s="91"/>
      <c r="FN1873" s="91"/>
      <c r="FO1873" s="91"/>
      <c r="FP1873" s="91"/>
      <c r="FQ1873" s="91"/>
      <c r="FR1873" s="91"/>
      <c r="FS1873" s="91"/>
      <c r="FT1873" s="91"/>
      <c r="FU1873" s="91"/>
      <c r="FV1873" s="91"/>
      <c r="FW1873" s="91"/>
      <c r="FX1873" s="91"/>
      <c r="FY1873" s="91"/>
      <c r="FZ1873" s="91"/>
      <c r="GA1873" s="91"/>
      <c r="GB1873" s="91"/>
      <c r="GC1873" s="91"/>
      <c r="GD1873" s="91"/>
      <c r="GE1873" s="91"/>
      <c r="GF1873" s="91"/>
      <c r="GG1873" s="91"/>
      <c r="GH1873" s="91"/>
      <c r="GI1873" s="91"/>
      <c r="GJ1873" s="91"/>
      <c r="GK1873" s="127"/>
      <c r="GL1873" s="126"/>
      <c r="GM1873" s="91"/>
      <c r="GN1873" s="91"/>
      <c r="GO1873" s="91"/>
      <c r="GP1873" s="91"/>
      <c r="GQ1873" s="91"/>
      <c r="GR1873" s="91"/>
      <c r="GS1873" s="91"/>
      <c r="GT1873" s="91"/>
      <c r="GU1873" s="91"/>
      <c r="GV1873" s="91"/>
      <c r="GW1873" s="91"/>
      <c r="GX1873" s="91"/>
      <c r="GY1873" s="91"/>
      <c r="GZ1873" s="91"/>
      <c r="HA1873" s="91"/>
      <c r="HB1873" s="91"/>
      <c r="HC1873" s="91"/>
      <c r="HD1873" s="91"/>
      <c r="HE1873" s="91"/>
      <c r="HF1873" s="91"/>
      <c r="HG1873" s="91"/>
      <c r="HH1873" s="91"/>
      <c r="HI1873" s="91"/>
      <c r="HJ1873" s="91"/>
      <c r="HK1873" s="127"/>
      <c r="HL1873" s="126"/>
      <c r="HM1873" s="91"/>
      <c r="HN1873" s="91"/>
      <c r="HO1873" s="91"/>
      <c r="HP1873" s="91"/>
      <c r="HQ1873" s="91"/>
      <c r="HR1873" s="91"/>
      <c r="HS1873" s="91"/>
      <c r="HT1873" s="91"/>
      <c r="HU1873" s="91"/>
      <c r="HV1873" s="91"/>
      <c r="HW1873" s="91"/>
      <c r="HX1873" s="91"/>
      <c r="HY1873" s="91"/>
      <c r="HZ1873" s="91"/>
      <c r="IA1873" s="91"/>
      <c r="IB1873" s="91"/>
      <c r="IC1873" s="91"/>
      <c r="ID1873" s="91"/>
      <c r="IE1873" s="91"/>
      <c r="IF1873" s="91"/>
      <c r="IG1873" s="91"/>
      <c r="IH1873" s="91"/>
      <c r="II1873" s="91"/>
      <c r="IJ1873" s="91"/>
      <c r="IK1873" s="127"/>
    </row>
    <row r="1874" spans="2:245" x14ac:dyDescent="0.2">
      <c r="B1874" s="43"/>
      <c r="C1874" s="73"/>
      <c r="D1874" s="64"/>
      <c r="E1874" s="64"/>
      <c r="F1874" s="55"/>
      <c r="G1874" s="102"/>
      <c r="H1874" s="55"/>
      <c r="I1874" s="55"/>
      <c r="J1874" s="55"/>
      <c r="K1874" s="55"/>
      <c r="L1874" s="55"/>
      <c r="M1874" s="55"/>
      <c r="N1874" s="55"/>
      <c r="O1874" s="55"/>
      <c r="P1874" s="55"/>
      <c r="Q1874" s="55"/>
      <c r="R1874" s="55"/>
      <c r="S1874" s="55"/>
      <c r="T1874" s="55"/>
      <c r="U1874" s="55"/>
      <c r="V1874" s="55"/>
      <c r="W1874" s="55"/>
      <c r="X1874" s="55"/>
      <c r="Y1874" s="55"/>
      <c r="Z1874" s="55"/>
      <c r="AA1874" s="55"/>
      <c r="AB1874" s="55"/>
      <c r="AC1874" s="55"/>
      <c r="AD1874" s="55"/>
      <c r="AE1874" s="55"/>
      <c r="AF1874" s="55"/>
      <c r="AG1874" s="55"/>
      <c r="AY1874" s="162"/>
      <c r="AZ1874" s="162"/>
      <c r="BA1874" s="162"/>
      <c r="BB1874" s="162"/>
      <c r="BC1874" s="162"/>
      <c r="BD1874" s="162"/>
      <c r="BE1874" s="162"/>
      <c r="BF1874" s="162"/>
      <c r="BG1874" s="162"/>
      <c r="BH1874" s="162"/>
      <c r="BI1874" s="162"/>
      <c r="BJ1874" s="162"/>
      <c r="BK1874" s="162"/>
      <c r="BL1874" s="162"/>
      <c r="BM1874" s="162"/>
      <c r="BN1874" s="162"/>
      <c r="BO1874" s="162"/>
      <c r="BP1874" s="162"/>
      <c r="BQ1874" s="162"/>
      <c r="BR1874" s="162"/>
      <c r="BS1874" s="162"/>
      <c r="BT1874" s="162"/>
      <c r="BU1874" s="162"/>
      <c r="BV1874" s="162"/>
      <c r="BW1874" s="162"/>
      <c r="BX1874" s="162"/>
      <c r="BY1874" s="162"/>
      <c r="BZ1874" s="162"/>
      <c r="CA1874" s="162"/>
      <c r="CB1874" s="162"/>
      <c r="CC1874" s="162"/>
      <c r="CD1874" s="162"/>
      <c r="CE1874" s="162"/>
      <c r="CF1874" s="162"/>
      <c r="CG1874" s="162"/>
      <c r="CH1874" s="162"/>
      <c r="CI1874" s="162"/>
      <c r="CJ1874" s="162"/>
      <c r="CK1874" s="162"/>
      <c r="CL1874" s="163"/>
      <c r="CM1874" s="163"/>
      <c r="CN1874" s="163"/>
      <c r="CO1874" s="163"/>
      <c r="CP1874" s="163"/>
      <c r="CQ1874" s="163"/>
      <c r="CR1874" s="163"/>
      <c r="CS1874" s="163"/>
      <c r="CT1874" s="163"/>
      <c r="CU1874" s="163"/>
      <c r="CV1874" s="163"/>
      <c r="CW1874" s="163"/>
      <c r="CX1874" s="173"/>
      <c r="CY1874" s="163"/>
      <c r="CZ1874" s="163"/>
      <c r="DA1874" s="163"/>
      <c r="DB1874" s="163"/>
      <c r="DC1874" s="163"/>
      <c r="DD1874" s="163"/>
      <c r="DE1874" s="163"/>
      <c r="DF1874" s="163"/>
      <c r="DG1874" s="163"/>
      <c r="DH1874" s="163"/>
      <c r="DI1874" s="163"/>
      <c r="DJ1874" s="163"/>
      <c r="DK1874" s="163"/>
      <c r="DL1874" s="172"/>
      <c r="DM1874" s="163"/>
      <c r="DN1874" s="163"/>
      <c r="DO1874" s="163"/>
      <c r="DP1874" s="163"/>
      <c r="DQ1874" s="163"/>
      <c r="DR1874" s="163"/>
      <c r="DS1874" s="163"/>
      <c r="DT1874" s="163"/>
      <c r="DU1874" s="163"/>
      <c r="DV1874" s="163"/>
      <c r="DW1874" s="163"/>
      <c r="DX1874" s="173"/>
      <c r="DY1874" s="163"/>
      <c r="DZ1874" s="163"/>
      <c r="EA1874" s="163"/>
      <c r="EB1874" s="163"/>
      <c r="EC1874" s="163"/>
      <c r="ED1874" s="163"/>
      <c r="EE1874" s="163"/>
      <c r="EF1874" s="163"/>
      <c r="EG1874" s="163"/>
      <c r="EH1874" s="163"/>
      <c r="EI1874" s="163"/>
      <c r="EJ1874" s="163"/>
      <c r="EK1874" s="163"/>
      <c r="EL1874" s="172"/>
      <c r="EM1874" s="163"/>
      <c r="EN1874" s="163"/>
      <c r="EO1874" s="163"/>
      <c r="EP1874" s="163"/>
      <c r="EQ1874" s="163"/>
      <c r="ER1874" s="163"/>
      <c r="ES1874" s="163"/>
      <c r="ET1874" s="163"/>
      <c r="EU1874" s="163"/>
      <c r="EV1874" s="163"/>
      <c r="EW1874" s="163"/>
      <c r="EX1874" s="173"/>
      <c r="EY1874" s="172"/>
      <c r="EZ1874" s="163"/>
      <c r="FA1874" s="163"/>
      <c r="FB1874" s="163"/>
      <c r="FC1874" s="163"/>
      <c r="FD1874" s="163"/>
      <c r="FE1874" s="163"/>
      <c r="FF1874" s="163"/>
      <c r="FG1874" s="163"/>
      <c r="FH1874" s="163"/>
      <c r="FI1874" s="163"/>
      <c r="FJ1874" s="163"/>
      <c r="FK1874" s="163"/>
      <c r="FL1874" s="126"/>
      <c r="FM1874" s="91"/>
      <c r="FN1874" s="91"/>
      <c r="FO1874" s="91"/>
      <c r="FP1874" s="91"/>
      <c r="FQ1874" s="91"/>
      <c r="FR1874" s="91"/>
      <c r="FS1874" s="91"/>
      <c r="FT1874" s="91"/>
      <c r="FU1874" s="91"/>
      <c r="FV1874" s="91"/>
      <c r="FW1874" s="91"/>
      <c r="FX1874" s="91"/>
      <c r="FY1874" s="91"/>
      <c r="FZ1874" s="91"/>
      <c r="GA1874" s="91"/>
      <c r="GB1874" s="91"/>
      <c r="GC1874" s="91"/>
      <c r="GD1874" s="91"/>
      <c r="GE1874" s="91"/>
      <c r="GF1874" s="91"/>
      <c r="GG1874" s="91"/>
      <c r="GH1874" s="91"/>
      <c r="GI1874" s="91"/>
      <c r="GJ1874" s="91"/>
      <c r="GK1874" s="127"/>
      <c r="GL1874" s="126"/>
      <c r="GM1874" s="91"/>
      <c r="GN1874" s="91"/>
      <c r="GO1874" s="91"/>
      <c r="GP1874" s="91"/>
      <c r="GQ1874" s="91"/>
      <c r="GR1874" s="91"/>
      <c r="GS1874" s="91"/>
      <c r="GT1874" s="91"/>
      <c r="GU1874" s="91"/>
      <c r="GV1874" s="91"/>
      <c r="GW1874" s="91"/>
      <c r="GX1874" s="91"/>
      <c r="GY1874" s="91"/>
      <c r="GZ1874" s="91"/>
      <c r="HA1874" s="91"/>
      <c r="HB1874" s="91"/>
      <c r="HC1874" s="91"/>
      <c r="HD1874" s="91"/>
      <c r="HE1874" s="91"/>
      <c r="HF1874" s="91"/>
      <c r="HG1874" s="91"/>
      <c r="HH1874" s="91"/>
      <c r="HI1874" s="91"/>
      <c r="HJ1874" s="91"/>
      <c r="HK1874" s="127"/>
      <c r="HL1874" s="126"/>
      <c r="HM1874" s="91"/>
      <c r="HN1874" s="91"/>
      <c r="HO1874" s="91"/>
      <c r="HP1874" s="91"/>
      <c r="HQ1874" s="91"/>
      <c r="HR1874" s="91"/>
      <c r="HS1874" s="91"/>
      <c r="HT1874" s="91"/>
      <c r="HU1874" s="91"/>
      <c r="HV1874" s="91"/>
      <c r="HW1874" s="91"/>
      <c r="HX1874" s="91"/>
      <c r="HY1874" s="91"/>
      <c r="HZ1874" s="91"/>
      <c r="IA1874" s="91"/>
      <c r="IB1874" s="91"/>
      <c r="IC1874" s="91"/>
      <c r="ID1874" s="91"/>
      <c r="IE1874" s="91"/>
      <c r="IF1874" s="91"/>
      <c r="IG1874" s="91"/>
      <c r="IH1874" s="91"/>
      <c r="II1874" s="91"/>
      <c r="IJ1874" s="91"/>
      <c r="IK1874" s="127"/>
    </row>
    <row r="1875" spans="2:245" x14ac:dyDescent="0.2">
      <c r="B1875" s="43"/>
      <c r="C1875" s="73"/>
      <c r="D1875" s="64"/>
      <c r="E1875" s="64"/>
      <c r="F1875" s="55"/>
      <c r="G1875" s="102"/>
      <c r="H1875" s="55"/>
      <c r="I1875" s="55"/>
      <c r="J1875" s="55"/>
      <c r="K1875" s="55"/>
      <c r="L1875" s="55"/>
      <c r="M1875" s="55"/>
      <c r="N1875" s="55"/>
      <c r="O1875" s="55"/>
      <c r="P1875" s="55"/>
      <c r="Q1875" s="55"/>
      <c r="R1875" s="55"/>
      <c r="S1875" s="55"/>
      <c r="T1875" s="55"/>
      <c r="U1875" s="55"/>
      <c r="V1875" s="55"/>
      <c r="W1875" s="55"/>
      <c r="X1875" s="55"/>
      <c r="Y1875" s="55"/>
      <c r="Z1875" s="55"/>
      <c r="AA1875" s="55"/>
      <c r="AB1875" s="55"/>
      <c r="AC1875" s="55"/>
      <c r="AD1875" s="55"/>
      <c r="AE1875" s="55"/>
      <c r="AF1875" s="55"/>
      <c r="AG1875" s="55"/>
      <c r="AY1875" s="162"/>
      <c r="AZ1875" s="162"/>
      <c r="BA1875" s="162"/>
      <c r="BB1875" s="162"/>
      <c r="BC1875" s="162"/>
      <c r="BD1875" s="162"/>
      <c r="BE1875" s="162"/>
      <c r="BF1875" s="162"/>
      <c r="BG1875" s="162"/>
      <c r="BH1875" s="162"/>
      <c r="BI1875" s="162"/>
      <c r="BJ1875" s="162"/>
      <c r="BK1875" s="162"/>
      <c r="BL1875" s="162"/>
      <c r="BM1875" s="162"/>
      <c r="BN1875" s="162"/>
      <c r="BO1875" s="162"/>
      <c r="BP1875" s="162"/>
      <c r="BQ1875" s="162"/>
      <c r="BR1875" s="162"/>
      <c r="BS1875" s="162"/>
      <c r="BT1875" s="162"/>
      <c r="BU1875" s="162"/>
      <c r="BV1875" s="162"/>
      <c r="BW1875" s="162"/>
      <c r="BX1875" s="162"/>
      <c r="BY1875" s="162"/>
      <c r="BZ1875" s="162"/>
      <c r="CA1875" s="162"/>
      <c r="CB1875" s="162"/>
      <c r="CC1875" s="162"/>
      <c r="CD1875" s="162"/>
      <c r="CE1875" s="162"/>
      <c r="CF1875" s="162"/>
      <c r="CG1875" s="162"/>
      <c r="CH1875" s="162"/>
      <c r="CI1875" s="162"/>
      <c r="CJ1875" s="162"/>
      <c r="CK1875" s="162"/>
      <c r="CX1875" s="98"/>
      <c r="DL1875" s="97"/>
      <c r="DX1875" s="98"/>
      <c r="EL1875" s="97"/>
      <c r="EX1875" s="98"/>
      <c r="EY1875" s="97"/>
      <c r="FL1875" s="126"/>
      <c r="FM1875" s="91"/>
      <c r="FN1875" s="91"/>
      <c r="FO1875" s="91"/>
      <c r="FP1875" s="91"/>
      <c r="FQ1875" s="91"/>
      <c r="FR1875" s="91"/>
      <c r="FS1875" s="91"/>
      <c r="FT1875" s="91"/>
      <c r="FU1875" s="91"/>
      <c r="FV1875" s="91"/>
      <c r="FW1875" s="91"/>
      <c r="FX1875" s="91"/>
      <c r="FY1875" s="91"/>
      <c r="FZ1875" s="91"/>
      <c r="GA1875" s="91"/>
      <c r="GB1875" s="91"/>
      <c r="GC1875" s="91"/>
      <c r="GD1875" s="91"/>
      <c r="GE1875" s="91"/>
      <c r="GF1875" s="91"/>
      <c r="GG1875" s="91"/>
      <c r="GH1875" s="91"/>
      <c r="GI1875" s="91"/>
      <c r="GJ1875" s="91"/>
      <c r="GK1875" s="127"/>
      <c r="GL1875" s="126"/>
      <c r="GM1875" s="91"/>
      <c r="GN1875" s="91"/>
      <c r="GO1875" s="91"/>
      <c r="GP1875" s="91"/>
      <c r="GQ1875" s="91"/>
      <c r="GR1875" s="91"/>
      <c r="GS1875" s="91"/>
      <c r="GT1875" s="91"/>
      <c r="GU1875" s="91"/>
      <c r="GV1875" s="91"/>
      <c r="GW1875" s="91"/>
      <c r="GX1875" s="91"/>
      <c r="GY1875" s="91"/>
      <c r="GZ1875" s="91"/>
      <c r="HA1875" s="91"/>
      <c r="HB1875" s="91"/>
      <c r="HC1875" s="91"/>
      <c r="HD1875" s="91"/>
      <c r="HE1875" s="91"/>
      <c r="HF1875" s="91"/>
      <c r="HG1875" s="91"/>
      <c r="HH1875" s="91"/>
      <c r="HI1875" s="91"/>
      <c r="HJ1875" s="91"/>
      <c r="HK1875" s="127"/>
      <c r="HL1875" s="126"/>
      <c r="HM1875" s="91"/>
      <c r="HN1875" s="91"/>
      <c r="HO1875" s="91"/>
      <c r="HP1875" s="91"/>
      <c r="HQ1875" s="91"/>
      <c r="HR1875" s="91"/>
      <c r="HS1875" s="91"/>
      <c r="HT1875" s="91"/>
      <c r="HU1875" s="91"/>
      <c r="HV1875" s="91"/>
      <c r="HW1875" s="91"/>
      <c r="HX1875" s="91"/>
      <c r="HY1875" s="91"/>
      <c r="HZ1875" s="91"/>
      <c r="IA1875" s="91"/>
      <c r="IB1875" s="91"/>
      <c r="IC1875" s="91"/>
      <c r="ID1875" s="91"/>
      <c r="IE1875" s="91"/>
      <c r="IF1875" s="91"/>
      <c r="IG1875" s="91"/>
      <c r="IH1875" s="91"/>
      <c r="II1875" s="91"/>
      <c r="IJ1875" s="91"/>
      <c r="IK1875" s="127"/>
    </row>
    <row r="1876" spans="2:245" x14ac:dyDescent="0.2">
      <c r="B1876" s="43"/>
      <c r="C1876" s="73"/>
      <c r="D1876" s="64"/>
      <c r="E1876" s="64"/>
      <c r="F1876" s="55"/>
      <c r="G1876" s="102"/>
      <c r="H1876" s="55"/>
      <c r="I1876" s="55"/>
      <c r="J1876" s="55"/>
      <c r="K1876" s="55"/>
      <c r="L1876" s="55"/>
      <c r="M1876" s="55"/>
      <c r="N1876" s="55"/>
      <c r="O1876" s="55"/>
      <c r="P1876" s="55"/>
      <c r="Q1876" s="55"/>
      <c r="R1876" s="55"/>
      <c r="S1876" s="55"/>
      <c r="T1876" s="55"/>
      <c r="U1876" s="55"/>
      <c r="V1876" s="55"/>
      <c r="W1876" s="55"/>
      <c r="X1876" s="55"/>
      <c r="Y1876" s="55"/>
      <c r="Z1876" s="55"/>
      <c r="AA1876" s="55"/>
      <c r="AB1876" s="55"/>
      <c r="AC1876" s="55"/>
      <c r="AD1876" s="55"/>
      <c r="AE1876" s="55"/>
      <c r="AF1876" s="55"/>
      <c r="AG1876" s="55"/>
      <c r="AY1876" s="162"/>
      <c r="AZ1876" s="162"/>
      <c r="BA1876" s="162"/>
      <c r="BB1876" s="162"/>
      <c r="BC1876" s="162"/>
      <c r="BD1876" s="162"/>
      <c r="BE1876" s="162"/>
      <c r="BF1876" s="162"/>
      <c r="BG1876" s="162"/>
      <c r="BH1876" s="162"/>
      <c r="BI1876" s="162"/>
      <c r="BJ1876" s="162"/>
      <c r="BK1876" s="162"/>
      <c r="BL1876" s="162"/>
      <c r="BM1876" s="162"/>
      <c r="BN1876" s="162"/>
      <c r="BO1876" s="162"/>
      <c r="BP1876" s="162"/>
      <c r="BQ1876" s="162"/>
      <c r="BR1876" s="162"/>
      <c r="BS1876" s="162"/>
      <c r="BT1876" s="162"/>
      <c r="BU1876" s="162"/>
      <c r="BV1876" s="162"/>
      <c r="BW1876" s="162"/>
      <c r="BX1876" s="162"/>
      <c r="BY1876" s="162"/>
      <c r="BZ1876" s="162"/>
      <c r="CA1876" s="162"/>
      <c r="CB1876" s="162"/>
      <c r="CC1876" s="162"/>
      <c r="CD1876" s="162"/>
      <c r="CE1876" s="162"/>
      <c r="CF1876" s="162"/>
      <c r="CG1876" s="162"/>
      <c r="CH1876" s="162"/>
      <c r="CI1876" s="162"/>
      <c r="CJ1876" s="162"/>
      <c r="CK1876" s="162"/>
      <c r="CX1876" s="98"/>
      <c r="DL1876" s="97"/>
      <c r="DX1876" s="98"/>
      <c r="EL1876" s="97"/>
      <c r="EX1876" s="98"/>
      <c r="EY1876" s="97"/>
      <c r="FL1876" s="126"/>
      <c r="FM1876" s="91"/>
      <c r="FN1876" s="91"/>
      <c r="FO1876" s="91"/>
      <c r="FP1876" s="91"/>
      <c r="FQ1876" s="91"/>
      <c r="FR1876" s="91"/>
      <c r="FS1876" s="91"/>
      <c r="FT1876" s="91"/>
      <c r="FU1876" s="91"/>
      <c r="FV1876" s="91"/>
      <c r="FW1876" s="91"/>
      <c r="FX1876" s="91"/>
      <c r="FY1876" s="91"/>
      <c r="FZ1876" s="91"/>
      <c r="GA1876" s="91"/>
      <c r="GB1876" s="91"/>
      <c r="GC1876" s="91"/>
      <c r="GD1876" s="91"/>
      <c r="GE1876" s="91"/>
      <c r="GF1876" s="91"/>
      <c r="GG1876" s="91"/>
      <c r="GH1876" s="91"/>
      <c r="GI1876" s="91"/>
      <c r="GJ1876" s="91"/>
      <c r="GK1876" s="127"/>
      <c r="GL1876" s="126"/>
      <c r="GM1876" s="91"/>
      <c r="GN1876" s="91"/>
      <c r="GO1876" s="91"/>
      <c r="GP1876" s="91"/>
      <c r="GQ1876" s="91"/>
      <c r="GR1876" s="91"/>
      <c r="GS1876" s="91"/>
      <c r="GT1876" s="91"/>
      <c r="GU1876" s="91"/>
      <c r="GV1876" s="91"/>
      <c r="GW1876" s="91"/>
      <c r="GX1876" s="91"/>
      <c r="GY1876" s="91"/>
      <c r="GZ1876" s="91"/>
      <c r="HA1876" s="91"/>
      <c r="HB1876" s="91"/>
      <c r="HC1876" s="91"/>
      <c r="HD1876" s="91"/>
      <c r="HE1876" s="91"/>
      <c r="HF1876" s="91"/>
      <c r="HG1876" s="91"/>
      <c r="HH1876" s="91"/>
      <c r="HI1876" s="91"/>
      <c r="HJ1876" s="91"/>
      <c r="HK1876" s="127"/>
      <c r="HL1876" s="126"/>
      <c r="HM1876" s="91"/>
      <c r="HN1876" s="91"/>
      <c r="HO1876" s="91"/>
      <c r="HP1876" s="91"/>
      <c r="HQ1876" s="91"/>
      <c r="HR1876" s="91"/>
      <c r="HS1876" s="91"/>
      <c r="HT1876" s="91"/>
      <c r="HU1876" s="91"/>
      <c r="HV1876" s="91"/>
      <c r="HW1876" s="91"/>
      <c r="HX1876" s="91"/>
      <c r="HY1876" s="91"/>
      <c r="HZ1876" s="91"/>
      <c r="IA1876" s="91"/>
      <c r="IB1876" s="91"/>
      <c r="IC1876" s="91"/>
      <c r="ID1876" s="91"/>
      <c r="IE1876" s="91"/>
      <c r="IF1876" s="91"/>
      <c r="IG1876" s="91"/>
      <c r="IH1876" s="91"/>
      <c r="II1876" s="91"/>
      <c r="IJ1876" s="91"/>
      <c r="IK1876" s="127"/>
    </row>
    <row r="1877" spans="2:245" x14ac:dyDescent="0.2">
      <c r="B1877" s="43"/>
      <c r="C1877" s="73"/>
      <c r="D1877" s="64"/>
      <c r="E1877" s="64"/>
      <c r="F1877" s="55"/>
      <c r="G1877" s="102"/>
      <c r="H1877" s="55"/>
      <c r="I1877" s="55"/>
      <c r="J1877" s="55"/>
      <c r="K1877" s="55"/>
      <c r="L1877" s="55"/>
      <c r="M1877" s="55"/>
      <c r="N1877" s="55"/>
      <c r="O1877" s="55"/>
      <c r="P1877" s="55"/>
      <c r="Q1877" s="55"/>
      <c r="R1877" s="55"/>
      <c r="S1877" s="55"/>
      <c r="T1877" s="55"/>
      <c r="U1877" s="55"/>
      <c r="V1877" s="55"/>
      <c r="W1877" s="55"/>
      <c r="X1877" s="55"/>
      <c r="Y1877" s="55"/>
      <c r="Z1877" s="55"/>
      <c r="AA1877" s="55"/>
      <c r="AB1877" s="55"/>
      <c r="AC1877" s="55"/>
      <c r="AD1877" s="55"/>
      <c r="AE1877" s="55"/>
      <c r="AF1877" s="55"/>
      <c r="AG1877" s="55"/>
      <c r="AY1877" s="162"/>
      <c r="AZ1877" s="162"/>
      <c r="BA1877" s="162"/>
      <c r="BB1877" s="162"/>
      <c r="BC1877" s="162"/>
      <c r="BD1877" s="162"/>
      <c r="BE1877" s="162"/>
      <c r="BF1877" s="162"/>
      <c r="BG1877" s="162"/>
      <c r="BH1877" s="162"/>
      <c r="BI1877" s="162"/>
      <c r="BJ1877" s="162"/>
      <c r="BK1877" s="162"/>
      <c r="BL1877" s="162"/>
      <c r="BM1877" s="162"/>
      <c r="BN1877" s="162"/>
      <c r="BO1877" s="162"/>
      <c r="BP1877" s="162"/>
      <c r="BQ1877" s="162"/>
      <c r="BR1877" s="162"/>
      <c r="BS1877" s="162"/>
      <c r="BT1877" s="162"/>
      <c r="BU1877" s="162"/>
      <c r="BV1877" s="162"/>
      <c r="BW1877" s="162"/>
      <c r="BX1877" s="162"/>
      <c r="BY1877" s="162"/>
      <c r="BZ1877" s="162"/>
      <c r="CA1877" s="162"/>
      <c r="CB1877" s="162"/>
      <c r="CC1877" s="162"/>
      <c r="CD1877" s="162"/>
      <c r="CE1877" s="162"/>
      <c r="CF1877" s="162"/>
      <c r="CG1877" s="162"/>
      <c r="CH1877" s="162"/>
      <c r="CI1877" s="162"/>
      <c r="CJ1877" s="162"/>
      <c r="CK1877" s="162"/>
      <c r="CX1877" s="98"/>
      <c r="DL1877" s="97"/>
      <c r="DX1877" s="98"/>
      <c r="EL1877" s="97"/>
      <c r="EX1877" s="98"/>
      <c r="EY1877" s="97"/>
      <c r="FL1877" s="126"/>
      <c r="FM1877" s="91"/>
      <c r="FN1877" s="91"/>
      <c r="FO1877" s="91"/>
      <c r="FP1877" s="91"/>
      <c r="FQ1877" s="91"/>
      <c r="FR1877" s="91"/>
      <c r="FS1877" s="91"/>
      <c r="FT1877" s="91"/>
      <c r="FU1877" s="91"/>
      <c r="FV1877" s="91"/>
      <c r="FW1877" s="91"/>
      <c r="FX1877" s="91"/>
      <c r="FY1877" s="91"/>
      <c r="FZ1877" s="91"/>
      <c r="GA1877" s="91"/>
      <c r="GB1877" s="91"/>
      <c r="GC1877" s="91"/>
      <c r="GD1877" s="91"/>
      <c r="GE1877" s="91"/>
      <c r="GF1877" s="91"/>
      <c r="GG1877" s="91"/>
      <c r="GH1877" s="91"/>
      <c r="GI1877" s="91"/>
      <c r="GJ1877" s="91"/>
      <c r="GK1877" s="127"/>
      <c r="GL1877" s="126"/>
      <c r="GM1877" s="91"/>
      <c r="GN1877" s="91"/>
      <c r="GO1877" s="91"/>
      <c r="GP1877" s="91"/>
      <c r="GQ1877" s="91"/>
      <c r="GR1877" s="91"/>
      <c r="GS1877" s="91"/>
      <c r="GT1877" s="91"/>
      <c r="GU1877" s="91"/>
      <c r="GV1877" s="91"/>
      <c r="GW1877" s="91"/>
      <c r="GX1877" s="91"/>
      <c r="GY1877" s="91"/>
      <c r="GZ1877" s="91"/>
      <c r="HA1877" s="91"/>
      <c r="HB1877" s="91"/>
      <c r="HC1877" s="91"/>
      <c r="HD1877" s="91"/>
      <c r="HE1877" s="91"/>
      <c r="HF1877" s="91"/>
      <c r="HG1877" s="91"/>
      <c r="HH1877" s="91"/>
      <c r="HI1877" s="91"/>
      <c r="HJ1877" s="91"/>
      <c r="HK1877" s="127"/>
      <c r="HL1877" s="126"/>
      <c r="HM1877" s="91"/>
      <c r="HN1877" s="91"/>
      <c r="HO1877" s="91"/>
      <c r="HP1877" s="91"/>
      <c r="HQ1877" s="91"/>
      <c r="HR1877" s="91"/>
      <c r="HS1877" s="91"/>
      <c r="HT1877" s="91"/>
      <c r="HU1877" s="91"/>
      <c r="HV1877" s="91"/>
      <c r="HW1877" s="91"/>
      <c r="HX1877" s="91"/>
      <c r="HY1877" s="91"/>
      <c r="HZ1877" s="91"/>
      <c r="IA1877" s="91"/>
      <c r="IB1877" s="91"/>
      <c r="IC1877" s="91"/>
      <c r="ID1877" s="91"/>
      <c r="IE1877" s="91"/>
      <c r="IF1877" s="91"/>
      <c r="IG1877" s="91"/>
      <c r="IH1877" s="91"/>
      <c r="II1877" s="91"/>
      <c r="IJ1877" s="91"/>
      <c r="IK1877" s="127"/>
    </row>
    <row r="1878" spans="2:245" x14ac:dyDescent="0.2">
      <c r="B1878" s="43"/>
      <c r="C1878" s="73"/>
      <c r="D1878" s="64"/>
      <c r="E1878" s="64"/>
      <c r="F1878" s="55"/>
      <c r="G1878" s="102"/>
      <c r="H1878" s="55"/>
      <c r="I1878" s="55"/>
      <c r="J1878" s="55"/>
      <c r="K1878" s="55"/>
      <c r="L1878" s="55"/>
      <c r="M1878" s="55"/>
      <c r="N1878" s="55"/>
      <c r="O1878" s="55"/>
      <c r="P1878" s="55"/>
      <c r="Q1878" s="55"/>
      <c r="R1878" s="55"/>
      <c r="S1878" s="55"/>
      <c r="T1878" s="55"/>
      <c r="U1878" s="55"/>
      <c r="V1878" s="55"/>
      <c r="W1878" s="55"/>
      <c r="X1878" s="55"/>
      <c r="Y1878" s="55"/>
      <c r="Z1878" s="55"/>
      <c r="AA1878" s="55"/>
      <c r="AB1878" s="55"/>
      <c r="AC1878" s="55"/>
      <c r="AD1878" s="55"/>
      <c r="AE1878" s="55"/>
      <c r="AF1878" s="55"/>
      <c r="AG1878" s="55"/>
      <c r="AY1878" s="162"/>
      <c r="AZ1878" s="162"/>
      <c r="BA1878" s="162"/>
      <c r="BB1878" s="162"/>
      <c r="BC1878" s="162"/>
      <c r="BD1878" s="162"/>
      <c r="BE1878" s="162"/>
      <c r="BF1878" s="162"/>
      <c r="BG1878" s="162"/>
      <c r="BH1878" s="162"/>
      <c r="BI1878" s="162"/>
      <c r="BJ1878" s="162"/>
      <c r="BK1878" s="162"/>
      <c r="BL1878" s="162"/>
      <c r="BM1878" s="162"/>
      <c r="BN1878" s="162"/>
      <c r="BO1878" s="162"/>
      <c r="BP1878" s="162"/>
      <c r="BQ1878" s="162"/>
      <c r="BR1878" s="162"/>
      <c r="BS1878" s="162"/>
      <c r="BT1878" s="162"/>
      <c r="BU1878" s="162"/>
      <c r="BV1878" s="162"/>
      <c r="BW1878" s="162"/>
      <c r="BX1878" s="162"/>
      <c r="BY1878" s="162"/>
      <c r="BZ1878" s="162"/>
      <c r="CA1878" s="162"/>
      <c r="CB1878" s="162"/>
      <c r="CC1878" s="162"/>
      <c r="CD1878" s="162"/>
      <c r="CE1878" s="162"/>
      <c r="CF1878" s="162"/>
      <c r="CG1878" s="162"/>
      <c r="CH1878" s="162"/>
      <c r="CI1878" s="162"/>
      <c r="CJ1878" s="162"/>
      <c r="CK1878" s="162"/>
      <c r="CX1878" s="98"/>
      <c r="DL1878" s="97"/>
      <c r="DX1878" s="98"/>
      <c r="EL1878" s="97"/>
      <c r="EX1878" s="98"/>
      <c r="EY1878" s="97"/>
      <c r="FL1878" s="126"/>
      <c r="FM1878" s="91"/>
      <c r="FN1878" s="91"/>
      <c r="FO1878" s="91"/>
      <c r="FP1878" s="91"/>
      <c r="FQ1878" s="91"/>
      <c r="FR1878" s="91"/>
      <c r="FS1878" s="91"/>
      <c r="FT1878" s="91"/>
      <c r="FU1878" s="91"/>
      <c r="FV1878" s="91"/>
      <c r="FW1878" s="91"/>
      <c r="FX1878" s="91"/>
      <c r="FY1878" s="91"/>
      <c r="FZ1878" s="91"/>
      <c r="GA1878" s="91"/>
      <c r="GB1878" s="91"/>
      <c r="GC1878" s="91"/>
      <c r="GD1878" s="91"/>
      <c r="GE1878" s="91"/>
      <c r="GF1878" s="91"/>
      <c r="GG1878" s="91"/>
      <c r="GH1878" s="91"/>
      <c r="GI1878" s="91"/>
      <c r="GJ1878" s="91"/>
      <c r="GK1878" s="127"/>
      <c r="GL1878" s="126"/>
      <c r="GM1878" s="91"/>
      <c r="GN1878" s="91"/>
      <c r="GO1878" s="91"/>
      <c r="GP1878" s="91"/>
      <c r="GQ1878" s="91"/>
      <c r="GR1878" s="91"/>
      <c r="GS1878" s="91"/>
      <c r="GT1878" s="91"/>
      <c r="GU1878" s="91"/>
      <c r="GV1878" s="91"/>
      <c r="GW1878" s="91"/>
      <c r="GX1878" s="91"/>
      <c r="GY1878" s="91"/>
      <c r="GZ1878" s="91"/>
      <c r="HA1878" s="91"/>
      <c r="HB1878" s="91"/>
      <c r="HC1878" s="91"/>
      <c r="HD1878" s="91"/>
      <c r="HE1878" s="91"/>
      <c r="HF1878" s="91"/>
      <c r="HG1878" s="91"/>
      <c r="HH1878" s="91"/>
      <c r="HI1878" s="91"/>
      <c r="HJ1878" s="91"/>
      <c r="HK1878" s="127"/>
      <c r="HL1878" s="126"/>
      <c r="HM1878" s="91"/>
      <c r="HN1878" s="91"/>
      <c r="HO1878" s="91"/>
      <c r="HP1878" s="91"/>
      <c r="HQ1878" s="91"/>
      <c r="HR1878" s="91"/>
      <c r="HS1878" s="91"/>
      <c r="HT1878" s="91"/>
      <c r="HU1878" s="91"/>
      <c r="HV1878" s="91"/>
      <c r="HW1878" s="91"/>
      <c r="HX1878" s="91"/>
      <c r="HY1878" s="91"/>
      <c r="HZ1878" s="91"/>
      <c r="IA1878" s="91"/>
      <c r="IB1878" s="91"/>
      <c r="IC1878" s="91"/>
      <c r="ID1878" s="91"/>
      <c r="IE1878" s="91"/>
      <c r="IF1878" s="91"/>
      <c r="IG1878" s="91"/>
      <c r="IH1878" s="91"/>
      <c r="II1878" s="91"/>
      <c r="IJ1878" s="91"/>
      <c r="IK1878" s="127"/>
    </row>
    <row r="1879" spans="2:245" x14ac:dyDescent="0.2">
      <c r="B1879" s="43"/>
      <c r="C1879" s="73"/>
      <c r="D1879" s="64"/>
      <c r="E1879" s="64"/>
      <c r="F1879" s="55"/>
      <c r="G1879" s="102"/>
      <c r="H1879" s="55"/>
      <c r="I1879" s="55"/>
      <c r="J1879" s="55"/>
      <c r="K1879" s="55"/>
      <c r="L1879" s="55"/>
      <c r="M1879" s="55"/>
      <c r="N1879" s="55"/>
      <c r="O1879" s="55"/>
      <c r="P1879" s="55"/>
      <c r="Q1879" s="55"/>
      <c r="R1879" s="55"/>
      <c r="S1879" s="55"/>
      <c r="T1879" s="55"/>
      <c r="U1879" s="55"/>
      <c r="V1879" s="55"/>
      <c r="W1879" s="55"/>
      <c r="X1879" s="55"/>
      <c r="Y1879" s="55"/>
      <c r="Z1879" s="55"/>
      <c r="AA1879" s="55"/>
      <c r="AB1879" s="55"/>
      <c r="AC1879" s="55"/>
      <c r="AD1879" s="55"/>
      <c r="AE1879" s="55"/>
      <c r="AF1879" s="55"/>
      <c r="AG1879" s="55"/>
      <c r="AY1879" s="162"/>
      <c r="AZ1879" s="162"/>
      <c r="BA1879" s="162"/>
      <c r="BB1879" s="162"/>
      <c r="BC1879" s="162"/>
      <c r="BD1879" s="162"/>
      <c r="BE1879" s="162"/>
      <c r="BF1879" s="162"/>
      <c r="BG1879" s="162"/>
      <c r="BH1879" s="162"/>
      <c r="BI1879" s="162"/>
      <c r="BJ1879" s="162"/>
      <c r="BK1879" s="162"/>
      <c r="BL1879" s="162"/>
      <c r="BM1879" s="162"/>
      <c r="BN1879" s="162"/>
      <c r="BO1879" s="162"/>
      <c r="BP1879" s="162"/>
      <c r="BQ1879" s="162"/>
      <c r="BR1879" s="162"/>
      <c r="BS1879" s="162"/>
      <c r="BT1879" s="162"/>
      <c r="BU1879" s="162"/>
      <c r="BV1879" s="162"/>
      <c r="BW1879" s="162"/>
      <c r="BX1879" s="162"/>
      <c r="BY1879" s="162"/>
      <c r="BZ1879" s="162"/>
      <c r="CA1879" s="162"/>
      <c r="CB1879" s="162"/>
      <c r="CC1879" s="162"/>
      <c r="CD1879" s="162"/>
      <c r="CE1879" s="162"/>
      <c r="CF1879" s="162"/>
      <c r="CG1879" s="162"/>
      <c r="CH1879" s="162"/>
      <c r="CI1879" s="162"/>
      <c r="CJ1879" s="162"/>
      <c r="CK1879" s="162"/>
      <c r="CX1879" s="98"/>
      <c r="DL1879" s="97"/>
      <c r="DX1879" s="98"/>
      <c r="EL1879" s="97"/>
      <c r="EX1879" s="98"/>
      <c r="EY1879" s="97"/>
      <c r="FL1879" s="126"/>
      <c r="FM1879" s="91"/>
      <c r="FN1879" s="91"/>
      <c r="FO1879" s="91"/>
      <c r="FP1879" s="91"/>
      <c r="FQ1879" s="91"/>
      <c r="FR1879" s="91"/>
      <c r="FS1879" s="91"/>
      <c r="FT1879" s="91"/>
      <c r="FU1879" s="91"/>
      <c r="FV1879" s="91"/>
      <c r="FW1879" s="91"/>
      <c r="FX1879" s="91"/>
      <c r="FY1879" s="91"/>
      <c r="FZ1879" s="91"/>
      <c r="GA1879" s="91"/>
      <c r="GB1879" s="91"/>
      <c r="GC1879" s="91"/>
      <c r="GD1879" s="91"/>
      <c r="GE1879" s="91"/>
      <c r="GF1879" s="91"/>
      <c r="GG1879" s="91"/>
      <c r="GH1879" s="91"/>
      <c r="GI1879" s="91"/>
      <c r="GJ1879" s="91"/>
      <c r="GK1879" s="127"/>
      <c r="GL1879" s="126"/>
      <c r="GM1879" s="91"/>
      <c r="GN1879" s="91"/>
      <c r="GO1879" s="91"/>
      <c r="GP1879" s="91"/>
      <c r="GQ1879" s="91"/>
      <c r="GR1879" s="91"/>
      <c r="GS1879" s="91"/>
      <c r="GT1879" s="91"/>
      <c r="GU1879" s="91"/>
      <c r="GV1879" s="91"/>
      <c r="GW1879" s="91"/>
      <c r="GX1879" s="91"/>
      <c r="GY1879" s="91"/>
      <c r="GZ1879" s="91"/>
      <c r="HA1879" s="91"/>
      <c r="HB1879" s="91"/>
      <c r="HC1879" s="91"/>
      <c r="HD1879" s="91"/>
      <c r="HE1879" s="91"/>
      <c r="HF1879" s="91"/>
      <c r="HG1879" s="91"/>
      <c r="HH1879" s="91"/>
      <c r="HI1879" s="91"/>
      <c r="HJ1879" s="91"/>
      <c r="HK1879" s="127"/>
      <c r="HL1879" s="126"/>
      <c r="HM1879" s="91"/>
      <c r="HN1879" s="91"/>
      <c r="HO1879" s="91"/>
      <c r="HP1879" s="91"/>
      <c r="HQ1879" s="91"/>
      <c r="HR1879" s="91"/>
      <c r="HS1879" s="91"/>
      <c r="HT1879" s="91"/>
      <c r="HU1879" s="91"/>
      <c r="HV1879" s="91"/>
      <c r="HW1879" s="91"/>
      <c r="HX1879" s="91"/>
      <c r="HY1879" s="91"/>
      <c r="HZ1879" s="91"/>
      <c r="IA1879" s="91"/>
      <c r="IB1879" s="91"/>
      <c r="IC1879" s="91"/>
      <c r="ID1879" s="91"/>
      <c r="IE1879" s="91"/>
      <c r="IF1879" s="91"/>
      <c r="IG1879" s="91"/>
      <c r="IH1879" s="91"/>
      <c r="II1879" s="91"/>
      <c r="IJ1879" s="91"/>
      <c r="IK1879" s="127"/>
    </row>
    <row r="1880" spans="2:245" x14ac:dyDescent="0.2">
      <c r="B1880" s="43"/>
      <c r="C1880" s="73"/>
      <c r="D1880" s="64"/>
      <c r="E1880" s="64"/>
      <c r="F1880" s="55"/>
      <c r="G1880" s="102"/>
      <c r="H1880" s="55"/>
      <c r="I1880" s="55"/>
      <c r="J1880" s="55"/>
      <c r="K1880" s="55"/>
      <c r="L1880" s="55"/>
      <c r="M1880" s="55"/>
      <c r="N1880" s="55"/>
      <c r="O1880" s="55"/>
      <c r="P1880" s="55"/>
      <c r="Q1880" s="55"/>
      <c r="R1880" s="55"/>
      <c r="S1880" s="55"/>
      <c r="T1880" s="55"/>
      <c r="U1880" s="55"/>
      <c r="V1880" s="55"/>
      <c r="W1880" s="55"/>
      <c r="X1880" s="55"/>
      <c r="Y1880" s="55"/>
      <c r="Z1880" s="55"/>
      <c r="AA1880" s="55"/>
      <c r="AB1880" s="55"/>
      <c r="AC1880" s="55"/>
      <c r="AD1880" s="55"/>
      <c r="AE1880" s="55"/>
      <c r="AF1880" s="55"/>
      <c r="AG1880" s="55"/>
      <c r="AY1880" s="162"/>
      <c r="AZ1880" s="162"/>
      <c r="BA1880" s="162"/>
      <c r="BB1880" s="162"/>
      <c r="BC1880" s="162"/>
      <c r="BD1880" s="162"/>
      <c r="BE1880" s="162"/>
      <c r="BF1880" s="162"/>
      <c r="BG1880" s="162"/>
      <c r="BH1880" s="162"/>
      <c r="BI1880" s="162"/>
      <c r="BJ1880" s="162"/>
      <c r="BK1880" s="162"/>
      <c r="BL1880" s="162"/>
      <c r="BM1880" s="162"/>
      <c r="BN1880" s="162"/>
      <c r="BO1880" s="162"/>
      <c r="BP1880" s="162"/>
      <c r="BQ1880" s="162"/>
      <c r="BR1880" s="162"/>
      <c r="BS1880" s="162"/>
      <c r="BT1880" s="162"/>
      <c r="BU1880" s="162"/>
      <c r="BV1880" s="162"/>
      <c r="BW1880" s="162"/>
      <c r="BX1880" s="162"/>
      <c r="BY1880" s="162"/>
      <c r="BZ1880" s="162"/>
      <c r="CA1880" s="162"/>
      <c r="CB1880" s="162"/>
      <c r="CC1880" s="162"/>
      <c r="CD1880" s="162"/>
      <c r="CE1880" s="162"/>
      <c r="CF1880" s="162"/>
      <c r="CG1880" s="162"/>
      <c r="CH1880" s="162"/>
      <c r="CI1880" s="162"/>
      <c r="CJ1880" s="162"/>
      <c r="CK1880" s="162"/>
      <c r="CX1880" s="98"/>
      <c r="DL1880" s="97"/>
      <c r="DX1880" s="98"/>
      <c r="EL1880" s="97"/>
      <c r="EX1880" s="98"/>
      <c r="EY1880" s="97"/>
      <c r="FL1880" s="126"/>
      <c r="FM1880" s="91"/>
      <c r="FN1880" s="91"/>
      <c r="FO1880" s="91"/>
      <c r="FP1880" s="91"/>
      <c r="FQ1880" s="91"/>
      <c r="FR1880" s="91"/>
      <c r="FS1880" s="91"/>
      <c r="FT1880" s="91"/>
      <c r="FU1880" s="91"/>
      <c r="FV1880" s="91"/>
      <c r="FW1880" s="91"/>
      <c r="FX1880" s="91"/>
      <c r="FY1880" s="91"/>
      <c r="FZ1880" s="91"/>
      <c r="GA1880" s="91"/>
      <c r="GB1880" s="91"/>
      <c r="GC1880" s="91"/>
      <c r="GD1880" s="91"/>
      <c r="GE1880" s="91"/>
      <c r="GF1880" s="91"/>
      <c r="GG1880" s="91"/>
      <c r="GH1880" s="91"/>
      <c r="GI1880" s="91"/>
      <c r="GJ1880" s="91"/>
      <c r="GK1880" s="127"/>
      <c r="GL1880" s="126"/>
      <c r="GM1880" s="91"/>
      <c r="GN1880" s="91"/>
      <c r="GO1880" s="91"/>
      <c r="GP1880" s="91"/>
      <c r="GQ1880" s="91"/>
      <c r="GR1880" s="91"/>
      <c r="GS1880" s="91"/>
      <c r="GT1880" s="91"/>
      <c r="GU1880" s="91"/>
      <c r="GV1880" s="91"/>
      <c r="GW1880" s="91"/>
      <c r="GX1880" s="91"/>
      <c r="GY1880" s="91"/>
      <c r="GZ1880" s="91"/>
      <c r="HA1880" s="91"/>
      <c r="HB1880" s="91"/>
      <c r="HC1880" s="91"/>
      <c r="HD1880" s="91"/>
      <c r="HE1880" s="91"/>
      <c r="HF1880" s="91"/>
      <c r="HG1880" s="91"/>
      <c r="HH1880" s="91"/>
      <c r="HI1880" s="91"/>
      <c r="HJ1880" s="91"/>
      <c r="HK1880" s="127"/>
      <c r="HL1880" s="126"/>
      <c r="HM1880" s="91"/>
      <c r="HN1880" s="91"/>
      <c r="HO1880" s="91"/>
      <c r="HP1880" s="91"/>
      <c r="HQ1880" s="91"/>
      <c r="HR1880" s="91"/>
      <c r="HS1880" s="91"/>
      <c r="HT1880" s="91"/>
      <c r="HU1880" s="91"/>
      <c r="HV1880" s="91"/>
      <c r="HW1880" s="91"/>
      <c r="HX1880" s="91"/>
      <c r="HY1880" s="91"/>
      <c r="HZ1880" s="91"/>
      <c r="IA1880" s="91"/>
      <c r="IB1880" s="91"/>
      <c r="IC1880" s="91"/>
      <c r="ID1880" s="91"/>
      <c r="IE1880" s="91"/>
      <c r="IF1880" s="91"/>
      <c r="IG1880" s="91"/>
      <c r="IH1880" s="91"/>
      <c r="II1880" s="91"/>
      <c r="IJ1880" s="91"/>
      <c r="IK1880" s="127"/>
    </row>
    <row r="1881" spans="2:245" x14ac:dyDescent="0.2">
      <c r="B1881" s="43"/>
      <c r="C1881" s="73"/>
      <c r="D1881" s="64"/>
      <c r="E1881" s="64"/>
      <c r="F1881" s="55"/>
      <c r="G1881" s="102"/>
      <c r="H1881" s="55"/>
      <c r="I1881" s="55"/>
      <c r="J1881" s="55"/>
      <c r="K1881" s="55"/>
      <c r="L1881" s="55"/>
      <c r="M1881" s="55"/>
      <c r="N1881" s="55"/>
      <c r="O1881" s="55"/>
      <c r="P1881" s="55"/>
      <c r="Q1881" s="55"/>
      <c r="R1881" s="55"/>
      <c r="S1881" s="55"/>
      <c r="T1881" s="55"/>
      <c r="U1881" s="55"/>
      <c r="V1881" s="55"/>
      <c r="W1881" s="55"/>
      <c r="X1881" s="55"/>
      <c r="Y1881" s="55"/>
      <c r="Z1881" s="55"/>
      <c r="AA1881" s="55"/>
      <c r="AB1881" s="55"/>
      <c r="AC1881" s="55"/>
      <c r="AD1881" s="55"/>
      <c r="AE1881" s="55"/>
      <c r="AF1881" s="55"/>
      <c r="AG1881" s="55"/>
      <c r="AY1881" s="162"/>
      <c r="AZ1881" s="162"/>
      <c r="BA1881" s="162"/>
      <c r="BB1881" s="162"/>
      <c r="BC1881" s="162"/>
      <c r="BD1881" s="162"/>
      <c r="BE1881" s="162"/>
      <c r="BF1881" s="162"/>
      <c r="BG1881" s="162"/>
      <c r="BH1881" s="162"/>
      <c r="BI1881" s="162"/>
      <c r="BJ1881" s="162"/>
      <c r="BK1881" s="162"/>
      <c r="BL1881" s="162"/>
      <c r="BM1881" s="162"/>
      <c r="BN1881" s="162"/>
      <c r="BO1881" s="162"/>
      <c r="BP1881" s="162"/>
      <c r="BQ1881" s="162"/>
      <c r="BR1881" s="162"/>
      <c r="BS1881" s="162"/>
      <c r="BT1881" s="162"/>
      <c r="BU1881" s="162"/>
      <c r="BV1881" s="162"/>
      <c r="BW1881" s="162"/>
      <c r="BX1881" s="162"/>
      <c r="BY1881" s="162"/>
      <c r="BZ1881" s="162"/>
      <c r="CA1881" s="162"/>
      <c r="CB1881" s="162"/>
      <c r="CC1881" s="162"/>
      <c r="CD1881" s="162"/>
      <c r="CE1881" s="162"/>
      <c r="CF1881" s="162"/>
      <c r="CG1881" s="162"/>
      <c r="CH1881" s="162"/>
      <c r="CI1881" s="162"/>
      <c r="CJ1881" s="162"/>
      <c r="CK1881" s="162"/>
      <c r="CX1881" s="98"/>
      <c r="DL1881" s="97"/>
      <c r="DX1881" s="98"/>
      <c r="EL1881" s="97"/>
      <c r="EX1881" s="98"/>
      <c r="EY1881" s="97"/>
      <c r="FL1881" s="126"/>
      <c r="FM1881" s="91"/>
      <c r="FN1881" s="91"/>
      <c r="FO1881" s="91"/>
      <c r="FP1881" s="91"/>
      <c r="FQ1881" s="91"/>
      <c r="FR1881" s="91"/>
      <c r="FS1881" s="91"/>
      <c r="FT1881" s="91"/>
      <c r="FU1881" s="91"/>
      <c r="FV1881" s="91"/>
      <c r="FW1881" s="91"/>
      <c r="FX1881" s="91"/>
      <c r="FY1881" s="91"/>
      <c r="FZ1881" s="91"/>
      <c r="GA1881" s="91"/>
      <c r="GB1881" s="91"/>
      <c r="GC1881" s="91"/>
      <c r="GD1881" s="91"/>
      <c r="GE1881" s="91"/>
      <c r="GF1881" s="91"/>
      <c r="GG1881" s="91"/>
      <c r="GH1881" s="91"/>
      <c r="GI1881" s="91"/>
      <c r="GJ1881" s="91"/>
      <c r="GK1881" s="127"/>
      <c r="GL1881" s="126"/>
      <c r="GM1881" s="91"/>
      <c r="GN1881" s="91"/>
      <c r="GO1881" s="91"/>
      <c r="GP1881" s="91"/>
      <c r="GQ1881" s="91"/>
      <c r="GR1881" s="91"/>
      <c r="GS1881" s="91"/>
      <c r="GT1881" s="91"/>
      <c r="GU1881" s="91"/>
      <c r="GV1881" s="91"/>
      <c r="GW1881" s="91"/>
      <c r="GX1881" s="91"/>
      <c r="GY1881" s="91"/>
      <c r="GZ1881" s="91"/>
      <c r="HA1881" s="91"/>
      <c r="HB1881" s="91"/>
      <c r="HC1881" s="91"/>
      <c r="HD1881" s="91"/>
      <c r="HE1881" s="91"/>
      <c r="HF1881" s="91"/>
      <c r="HG1881" s="91"/>
      <c r="HH1881" s="91"/>
      <c r="HI1881" s="91"/>
      <c r="HJ1881" s="91"/>
      <c r="HK1881" s="127"/>
      <c r="HL1881" s="126"/>
      <c r="HM1881" s="91"/>
      <c r="HN1881" s="91"/>
      <c r="HO1881" s="91"/>
      <c r="HP1881" s="91"/>
      <c r="HQ1881" s="91"/>
      <c r="HR1881" s="91"/>
      <c r="HS1881" s="91"/>
      <c r="HT1881" s="91"/>
      <c r="HU1881" s="91"/>
      <c r="HV1881" s="91"/>
      <c r="HW1881" s="91"/>
      <c r="HX1881" s="91"/>
      <c r="HY1881" s="91"/>
      <c r="HZ1881" s="91"/>
      <c r="IA1881" s="91"/>
      <c r="IB1881" s="91"/>
      <c r="IC1881" s="91"/>
      <c r="ID1881" s="91"/>
      <c r="IE1881" s="91"/>
      <c r="IF1881" s="91"/>
      <c r="IG1881" s="91"/>
      <c r="IH1881" s="91"/>
      <c r="II1881" s="91"/>
      <c r="IJ1881" s="91"/>
      <c r="IK1881" s="127"/>
    </row>
    <row r="1882" spans="2:245" x14ac:dyDescent="0.2">
      <c r="B1882" s="43"/>
      <c r="C1882" s="73"/>
      <c r="D1882" s="64"/>
      <c r="E1882" s="64"/>
      <c r="F1882" s="55"/>
      <c r="G1882" s="102"/>
      <c r="H1882" s="55"/>
      <c r="I1882" s="55"/>
      <c r="J1882" s="55"/>
      <c r="K1882" s="55"/>
      <c r="L1882" s="55"/>
      <c r="M1882" s="55"/>
      <c r="N1882" s="55"/>
      <c r="O1882" s="55"/>
      <c r="P1882" s="55"/>
      <c r="Q1882" s="55"/>
      <c r="R1882" s="55"/>
      <c r="S1882" s="55"/>
      <c r="T1882" s="55"/>
      <c r="U1882" s="55"/>
      <c r="V1882" s="55"/>
      <c r="W1882" s="55"/>
      <c r="X1882" s="55"/>
      <c r="Y1882" s="55"/>
      <c r="Z1882" s="55"/>
      <c r="AA1882" s="55"/>
      <c r="AB1882" s="55"/>
      <c r="AC1882" s="55"/>
      <c r="AD1882" s="55"/>
      <c r="AE1882" s="55"/>
      <c r="AF1882" s="55"/>
      <c r="AG1882" s="55"/>
      <c r="AY1882" s="162"/>
      <c r="AZ1882" s="162"/>
      <c r="BA1882" s="162"/>
      <c r="BB1882" s="162"/>
      <c r="BC1882" s="162"/>
      <c r="BD1882" s="162"/>
      <c r="BE1882" s="162"/>
      <c r="BF1882" s="162"/>
      <c r="BG1882" s="162"/>
      <c r="BH1882" s="162"/>
      <c r="BI1882" s="162"/>
      <c r="BJ1882" s="162"/>
      <c r="BK1882" s="162"/>
      <c r="BL1882" s="162"/>
      <c r="BM1882" s="162"/>
      <c r="BN1882" s="162"/>
      <c r="BO1882" s="162"/>
      <c r="BP1882" s="162"/>
      <c r="BQ1882" s="162"/>
      <c r="BR1882" s="162"/>
      <c r="BS1882" s="162"/>
      <c r="BT1882" s="162"/>
      <c r="BU1882" s="162"/>
      <c r="BV1882" s="162"/>
      <c r="BW1882" s="162"/>
      <c r="BX1882" s="162"/>
      <c r="BY1882" s="162"/>
      <c r="BZ1882" s="162"/>
      <c r="CA1882" s="162"/>
      <c r="CB1882" s="162"/>
      <c r="CC1882" s="162"/>
      <c r="CD1882" s="162"/>
      <c r="CE1882" s="162"/>
      <c r="CF1882" s="162"/>
      <c r="CG1882" s="162"/>
      <c r="CH1882" s="162"/>
      <c r="CI1882" s="162"/>
      <c r="CJ1882" s="162"/>
      <c r="CK1882" s="162"/>
      <c r="CX1882" s="98"/>
      <c r="DL1882" s="97"/>
      <c r="DX1882" s="98"/>
      <c r="EL1882" s="97"/>
      <c r="EX1882" s="98"/>
      <c r="EY1882" s="97"/>
      <c r="FL1882" s="126"/>
      <c r="FM1882" s="91"/>
      <c r="FN1882" s="91"/>
      <c r="FO1882" s="91"/>
      <c r="FP1882" s="91"/>
      <c r="FQ1882" s="91"/>
      <c r="FR1882" s="91"/>
      <c r="FS1882" s="91"/>
      <c r="FT1882" s="91"/>
      <c r="FU1882" s="91"/>
      <c r="FV1882" s="91"/>
      <c r="FW1882" s="91"/>
      <c r="FX1882" s="91"/>
      <c r="FY1882" s="91"/>
      <c r="FZ1882" s="91"/>
      <c r="GA1882" s="91"/>
      <c r="GB1882" s="91"/>
      <c r="GC1882" s="91"/>
      <c r="GD1882" s="91"/>
      <c r="GE1882" s="91"/>
      <c r="GF1882" s="91"/>
      <c r="GG1882" s="91"/>
      <c r="GH1882" s="91"/>
      <c r="GI1882" s="91"/>
      <c r="GJ1882" s="91"/>
      <c r="GK1882" s="127"/>
      <c r="GL1882" s="126"/>
      <c r="GM1882" s="91"/>
      <c r="GN1882" s="91"/>
      <c r="GO1882" s="91"/>
      <c r="GP1882" s="91"/>
      <c r="GQ1882" s="91"/>
      <c r="GR1882" s="91"/>
      <c r="GS1882" s="91"/>
      <c r="GT1882" s="91"/>
      <c r="GU1882" s="91"/>
      <c r="GV1882" s="91"/>
      <c r="GW1882" s="91"/>
      <c r="GX1882" s="91"/>
      <c r="GY1882" s="91"/>
      <c r="GZ1882" s="91"/>
      <c r="HA1882" s="91"/>
      <c r="HB1882" s="91"/>
      <c r="HC1882" s="91"/>
      <c r="HD1882" s="91"/>
      <c r="HE1882" s="91"/>
      <c r="HF1882" s="91"/>
      <c r="HG1882" s="91"/>
      <c r="HH1882" s="91"/>
      <c r="HI1882" s="91"/>
      <c r="HJ1882" s="91"/>
      <c r="HK1882" s="127"/>
      <c r="HL1882" s="126"/>
      <c r="HM1882" s="91"/>
      <c r="HN1882" s="91"/>
      <c r="HO1882" s="91"/>
      <c r="HP1882" s="91"/>
      <c r="HQ1882" s="91"/>
      <c r="HR1882" s="91"/>
      <c r="HS1882" s="91"/>
      <c r="HT1882" s="91"/>
      <c r="HU1882" s="91"/>
      <c r="HV1882" s="91"/>
      <c r="HW1882" s="91"/>
      <c r="HX1882" s="91"/>
      <c r="HY1882" s="91"/>
      <c r="HZ1882" s="91"/>
      <c r="IA1882" s="91"/>
      <c r="IB1882" s="91"/>
      <c r="IC1882" s="91"/>
      <c r="ID1882" s="91"/>
      <c r="IE1882" s="91"/>
      <c r="IF1882" s="91"/>
      <c r="IG1882" s="91"/>
      <c r="IH1882" s="91"/>
      <c r="II1882" s="91"/>
      <c r="IJ1882" s="91"/>
      <c r="IK1882" s="127"/>
    </row>
    <row r="1883" spans="2:245" x14ac:dyDescent="0.2">
      <c r="B1883" s="43"/>
      <c r="C1883" s="73"/>
      <c r="D1883" s="64"/>
      <c r="E1883" s="64"/>
      <c r="F1883" s="55"/>
      <c r="G1883" s="102"/>
      <c r="H1883" s="55"/>
      <c r="I1883" s="55"/>
      <c r="J1883" s="55"/>
      <c r="K1883" s="55"/>
      <c r="L1883" s="55"/>
      <c r="M1883" s="55"/>
      <c r="N1883" s="55"/>
      <c r="O1883" s="55"/>
      <c r="P1883" s="55"/>
      <c r="Q1883" s="55"/>
      <c r="R1883" s="55"/>
      <c r="S1883" s="55"/>
      <c r="T1883" s="55"/>
      <c r="U1883" s="55"/>
      <c r="V1883" s="55"/>
      <c r="W1883" s="55"/>
      <c r="X1883" s="55"/>
      <c r="Y1883" s="55"/>
      <c r="Z1883" s="55"/>
      <c r="AA1883" s="55"/>
      <c r="AB1883" s="55"/>
      <c r="AC1883" s="55"/>
      <c r="AD1883" s="55"/>
      <c r="AE1883" s="55"/>
      <c r="AF1883" s="55"/>
      <c r="AG1883" s="55"/>
      <c r="AY1883" s="162"/>
      <c r="AZ1883" s="162"/>
      <c r="BA1883" s="162"/>
      <c r="BB1883" s="162"/>
      <c r="BC1883" s="162"/>
      <c r="BD1883" s="162"/>
      <c r="BE1883" s="162"/>
      <c r="BF1883" s="162"/>
      <c r="BG1883" s="162"/>
      <c r="BH1883" s="162"/>
      <c r="BI1883" s="162"/>
      <c r="BJ1883" s="162"/>
      <c r="BK1883" s="162"/>
      <c r="BL1883" s="162"/>
      <c r="BM1883" s="162"/>
      <c r="BN1883" s="162"/>
      <c r="BO1883" s="162"/>
      <c r="BP1883" s="162"/>
      <c r="BQ1883" s="162"/>
      <c r="BR1883" s="162"/>
      <c r="BS1883" s="162"/>
      <c r="BT1883" s="162"/>
      <c r="BU1883" s="162"/>
      <c r="BV1883" s="162"/>
      <c r="BW1883" s="162"/>
      <c r="BX1883" s="162"/>
      <c r="BY1883" s="162"/>
      <c r="BZ1883" s="162"/>
      <c r="CA1883" s="162"/>
      <c r="CB1883" s="162"/>
      <c r="CC1883" s="162"/>
      <c r="CD1883" s="162"/>
      <c r="CE1883" s="162"/>
      <c r="CF1883" s="162"/>
      <c r="CG1883" s="162"/>
      <c r="CH1883" s="162"/>
      <c r="CI1883" s="162"/>
      <c r="CJ1883" s="162"/>
      <c r="CK1883" s="162"/>
      <c r="CX1883" s="98"/>
      <c r="DL1883" s="97"/>
      <c r="DX1883" s="98"/>
      <c r="EL1883" s="97"/>
      <c r="EX1883" s="98"/>
      <c r="EY1883" s="97"/>
      <c r="FL1883" s="126"/>
      <c r="FM1883" s="91"/>
      <c r="FN1883" s="91"/>
      <c r="FO1883" s="91"/>
      <c r="FP1883" s="91"/>
      <c r="FQ1883" s="91"/>
      <c r="FR1883" s="91"/>
      <c r="FS1883" s="91"/>
      <c r="FT1883" s="91"/>
      <c r="FU1883" s="91"/>
      <c r="FV1883" s="91"/>
      <c r="FW1883" s="91"/>
      <c r="FX1883" s="91"/>
      <c r="FY1883" s="91"/>
      <c r="FZ1883" s="91"/>
      <c r="GA1883" s="91"/>
      <c r="GB1883" s="91"/>
      <c r="GC1883" s="91"/>
      <c r="GD1883" s="91"/>
      <c r="GE1883" s="91"/>
      <c r="GF1883" s="91"/>
      <c r="GG1883" s="91"/>
      <c r="GH1883" s="91"/>
      <c r="GI1883" s="91"/>
      <c r="GJ1883" s="91"/>
      <c r="GK1883" s="127"/>
      <c r="GL1883" s="126"/>
      <c r="GM1883" s="91"/>
      <c r="GN1883" s="91"/>
      <c r="GO1883" s="91"/>
      <c r="GP1883" s="91"/>
      <c r="GQ1883" s="91"/>
      <c r="GR1883" s="91"/>
      <c r="GS1883" s="91"/>
      <c r="GT1883" s="91"/>
      <c r="GU1883" s="91"/>
      <c r="GV1883" s="91"/>
      <c r="GW1883" s="91"/>
      <c r="GX1883" s="91"/>
      <c r="GY1883" s="91"/>
      <c r="GZ1883" s="91"/>
      <c r="HA1883" s="91"/>
      <c r="HB1883" s="91"/>
      <c r="HC1883" s="91"/>
      <c r="HD1883" s="91"/>
      <c r="HE1883" s="91"/>
      <c r="HF1883" s="91"/>
      <c r="HG1883" s="91"/>
      <c r="HH1883" s="91"/>
      <c r="HI1883" s="91"/>
      <c r="HJ1883" s="91"/>
      <c r="HK1883" s="127"/>
      <c r="HL1883" s="126"/>
      <c r="HM1883" s="91"/>
      <c r="HN1883" s="91"/>
      <c r="HO1883" s="91"/>
      <c r="HP1883" s="91"/>
      <c r="HQ1883" s="91"/>
      <c r="HR1883" s="91"/>
      <c r="HS1883" s="91"/>
      <c r="HT1883" s="91"/>
      <c r="HU1883" s="91"/>
      <c r="HV1883" s="91"/>
      <c r="HW1883" s="91"/>
      <c r="HX1883" s="91"/>
      <c r="HY1883" s="91"/>
      <c r="HZ1883" s="91"/>
      <c r="IA1883" s="91"/>
      <c r="IB1883" s="91"/>
      <c r="IC1883" s="91"/>
      <c r="ID1883" s="91"/>
      <c r="IE1883" s="91"/>
      <c r="IF1883" s="91"/>
      <c r="IG1883" s="91"/>
      <c r="IH1883" s="91"/>
      <c r="II1883" s="91"/>
      <c r="IJ1883" s="91"/>
      <c r="IK1883" s="127"/>
    </row>
    <row r="1884" spans="2:245" x14ac:dyDescent="0.2">
      <c r="B1884" s="43"/>
      <c r="C1884" s="73"/>
      <c r="D1884" s="64"/>
      <c r="E1884" s="64"/>
      <c r="F1884" s="55"/>
      <c r="G1884" s="102"/>
      <c r="H1884" s="55"/>
      <c r="I1884" s="55"/>
      <c r="J1884" s="55"/>
      <c r="K1884" s="55"/>
      <c r="L1884" s="55"/>
      <c r="M1884" s="55"/>
      <c r="N1884" s="55"/>
      <c r="O1884" s="55"/>
      <c r="P1884" s="55"/>
      <c r="Q1884" s="55"/>
      <c r="R1884" s="55"/>
      <c r="S1884" s="55"/>
      <c r="T1884" s="55"/>
      <c r="U1884" s="55"/>
      <c r="V1884" s="55"/>
      <c r="W1884" s="55"/>
      <c r="X1884" s="55"/>
      <c r="Y1884" s="55"/>
      <c r="Z1884" s="55"/>
      <c r="AA1884" s="55"/>
      <c r="AB1884" s="55"/>
      <c r="AC1884" s="55"/>
      <c r="AD1884" s="55"/>
      <c r="AE1884" s="55"/>
      <c r="AF1884" s="55"/>
      <c r="AG1884" s="55"/>
      <c r="AY1884" s="162"/>
      <c r="AZ1884" s="162"/>
      <c r="BA1884" s="162"/>
      <c r="BB1884" s="162"/>
      <c r="BC1884" s="162"/>
      <c r="BD1884" s="162"/>
      <c r="BE1884" s="162"/>
      <c r="BF1884" s="162"/>
      <c r="BG1884" s="162"/>
      <c r="BH1884" s="162"/>
      <c r="BI1884" s="162"/>
      <c r="BJ1884" s="162"/>
      <c r="BK1884" s="162"/>
      <c r="BL1884" s="162"/>
      <c r="BM1884" s="162"/>
      <c r="BN1884" s="162"/>
      <c r="BO1884" s="162"/>
      <c r="BP1884" s="162"/>
      <c r="BQ1884" s="162"/>
      <c r="BR1884" s="162"/>
      <c r="BS1884" s="162"/>
      <c r="BT1884" s="162"/>
      <c r="BU1884" s="162"/>
      <c r="BV1884" s="162"/>
      <c r="BW1884" s="162"/>
      <c r="BX1884" s="162"/>
      <c r="BY1884" s="162"/>
      <c r="BZ1884" s="162"/>
      <c r="CA1884" s="162"/>
      <c r="CB1884" s="162"/>
      <c r="CC1884" s="162"/>
      <c r="CD1884" s="162"/>
      <c r="CE1884" s="162"/>
      <c r="CF1884" s="162"/>
      <c r="CG1884" s="162"/>
      <c r="CH1884" s="162"/>
      <c r="CI1884" s="162"/>
      <c r="CJ1884" s="162"/>
      <c r="CK1884" s="162"/>
      <c r="CX1884" s="98"/>
      <c r="DL1884" s="97"/>
      <c r="DX1884" s="98"/>
      <c r="EL1884" s="97"/>
      <c r="EX1884" s="98"/>
      <c r="EY1884" s="97"/>
      <c r="FL1884" s="126"/>
      <c r="FM1884" s="91"/>
      <c r="FN1884" s="91"/>
      <c r="FO1884" s="91"/>
      <c r="FP1884" s="91"/>
      <c r="FQ1884" s="91"/>
      <c r="FR1884" s="91"/>
      <c r="FS1884" s="91"/>
      <c r="FT1884" s="91"/>
      <c r="FU1884" s="91"/>
      <c r="FV1884" s="91"/>
      <c r="FW1884" s="91"/>
      <c r="FX1884" s="91"/>
      <c r="FY1884" s="91"/>
      <c r="FZ1884" s="91"/>
      <c r="GA1884" s="91"/>
      <c r="GB1884" s="91"/>
      <c r="GC1884" s="91"/>
      <c r="GD1884" s="91"/>
      <c r="GE1884" s="91"/>
      <c r="GF1884" s="91"/>
      <c r="GG1884" s="91"/>
      <c r="GH1884" s="91"/>
      <c r="GI1884" s="91"/>
      <c r="GJ1884" s="91"/>
      <c r="GK1884" s="127"/>
      <c r="GL1884" s="126"/>
      <c r="GM1884" s="91"/>
      <c r="GN1884" s="91"/>
      <c r="GO1884" s="91"/>
      <c r="GP1884" s="91"/>
      <c r="GQ1884" s="91"/>
      <c r="GR1884" s="91"/>
      <c r="GS1884" s="91"/>
      <c r="GT1884" s="91"/>
      <c r="GU1884" s="91"/>
      <c r="GV1884" s="91"/>
      <c r="GW1884" s="91"/>
      <c r="GX1884" s="91"/>
      <c r="GY1884" s="91"/>
      <c r="GZ1884" s="91"/>
      <c r="HA1884" s="91"/>
      <c r="HB1884" s="91"/>
      <c r="HC1884" s="91"/>
      <c r="HD1884" s="91"/>
      <c r="HE1884" s="91"/>
      <c r="HF1884" s="91"/>
      <c r="HG1884" s="91"/>
      <c r="HH1884" s="91"/>
      <c r="HI1884" s="91"/>
      <c r="HJ1884" s="91"/>
      <c r="HK1884" s="127"/>
      <c r="HL1884" s="126"/>
      <c r="HM1884" s="91"/>
      <c r="HN1884" s="91"/>
      <c r="HO1884" s="91"/>
      <c r="HP1884" s="91"/>
      <c r="HQ1884" s="91"/>
      <c r="HR1884" s="91"/>
      <c r="HS1884" s="91"/>
      <c r="HT1884" s="91"/>
      <c r="HU1884" s="91"/>
      <c r="HV1884" s="91"/>
      <c r="HW1884" s="91"/>
      <c r="HX1884" s="91"/>
      <c r="HY1884" s="91"/>
      <c r="HZ1884" s="91"/>
      <c r="IA1884" s="91"/>
      <c r="IB1884" s="91"/>
      <c r="IC1884" s="91"/>
      <c r="ID1884" s="91"/>
      <c r="IE1884" s="91"/>
      <c r="IF1884" s="91"/>
      <c r="IG1884" s="91"/>
      <c r="IH1884" s="91"/>
      <c r="II1884" s="91"/>
      <c r="IJ1884" s="91"/>
      <c r="IK1884" s="127"/>
    </row>
    <row r="1885" spans="2:245" x14ac:dyDescent="0.2">
      <c r="B1885" s="43"/>
      <c r="C1885" s="73"/>
      <c r="D1885" s="64"/>
      <c r="E1885" s="64"/>
      <c r="F1885" s="55"/>
      <c r="G1885" s="102"/>
      <c r="H1885" s="55"/>
      <c r="I1885" s="55"/>
      <c r="J1885" s="55"/>
      <c r="K1885" s="55"/>
      <c r="L1885" s="55"/>
      <c r="M1885" s="55"/>
      <c r="N1885" s="55"/>
      <c r="O1885" s="55"/>
      <c r="P1885" s="55"/>
      <c r="Q1885" s="55"/>
      <c r="R1885" s="55"/>
      <c r="S1885" s="55"/>
      <c r="T1885" s="55"/>
      <c r="U1885" s="55"/>
      <c r="V1885" s="55"/>
      <c r="W1885" s="55"/>
      <c r="X1885" s="55"/>
      <c r="Y1885" s="55"/>
      <c r="Z1885" s="55"/>
      <c r="AA1885" s="55"/>
      <c r="AB1885" s="55"/>
      <c r="AC1885" s="55"/>
      <c r="AD1885" s="55"/>
      <c r="AE1885" s="55"/>
      <c r="AF1885" s="55"/>
      <c r="AG1885" s="55"/>
      <c r="AY1885" s="162"/>
      <c r="AZ1885" s="162"/>
      <c r="BA1885" s="162"/>
      <c r="BB1885" s="162"/>
      <c r="BC1885" s="162"/>
      <c r="BD1885" s="162"/>
      <c r="BE1885" s="162"/>
      <c r="BF1885" s="162"/>
      <c r="BG1885" s="162"/>
      <c r="BH1885" s="162"/>
      <c r="BI1885" s="162"/>
      <c r="BJ1885" s="162"/>
      <c r="BK1885" s="162"/>
      <c r="BL1885" s="162"/>
      <c r="BM1885" s="162"/>
      <c r="BN1885" s="162"/>
      <c r="BO1885" s="162"/>
      <c r="BP1885" s="162"/>
      <c r="BQ1885" s="162"/>
      <c r="BR1885" s="162"/>
      <c r="BS1885" s="162"/>
      <c r="BT1885" s="162"/>
      <c r="BU1885" s="162"/>
      <c r="BV1885" s="162"/>
      <c r="BW1885" s="162"/>
      <c r="BX1885" s="162"/>
      <c r="BY1885" s="162"/>
      <c r="BZ1885" s="162"/>
      <c r="CA1885" s="162"/>
      <c r="CB1885" s="162"/>
      <c r="CC1885" s="162"/>
      <c r="CD1885" s="162"/>
      <c r="CE1885" s="162"/>
      <c r="CF1885" s="162"/>
      <c r="CG1885" s="162"/>
      <c r="CH1885" s="162"/>
      <c r="CI1885" s="162"/>
      <c r="CJ1885" s="162"/>
      <c r="CK1885" s="162"/>
      <c r="CX1885" s="98"/>
      <c r="DL1885" s="97"/>
      <c r="DX1885" s="98"/>
      <c r="EL1885" s="97"/>
      <c r="EX1885" s="98"/>
      <c r="EY1885" s="97"/>
      <c r="FL1885" s="126"/>
      <c r="FM1885" s="91"/>
      <c r="FN1885" s="91"/>
      <c r="FO1885" s="91"/>
      <c r="FP1885" s="91"/>
      <c r="FQ1885" s="91"/>
      <c r="FR1885" s="91"/>
      <c r="FS1885" s="91"/>
      <c r="FT1885" s="91"/>
      <c r="FU1885" s="91"/>
      <c r="FV1885" s="91"/>
      <c r="FW1885" s="91"/>
      <c r="FX1885" s="91"/>
      <c r="FY1885" s="91"/>
      <c r="FZ1885" s="91"/>
      <c r="GA1885" s="91"/>
      <c r="GB1885" s="91"/>
      <c r="GC1885" s="91"/>
      <c r="GD1885" s="91"/>
      <c r="GE1885" s="91"/>
      <c r="GF1885" s="91"/>
      <c r="GG1885" s="91"/>
      <c r="GH1885" s="91"/>
      <c r="GI1885" s="91"/>
      <c r="GJ1885" s="91"/>
      <c r="GK1885" s="127"/>
      <c r="GL1885" s="126"/>
      <c r="GM1885" s="91"/>
      <c r="GN1885" s="91"/>
      <c r="GO1885" s="91"/>
      <c r="GP1885" s="91"/>
      <c r="GQ1885" s="91"/>
      <c r="GR1885" s="91"/>
      <c r="GS1885" s="91"/>
      <c r="GT1885" s="91"/>
      <c r="GU1885" s="91"/>
      <c r="GV1885" s="91"/>
      <c r="GW1885" s="91"/>
      <c r="GX1885" s="91"/>
      <c r="GY1885" s="91"/>
      <c r="GZ1885" s="91"/>
      <c r="HA1885" s="91"/>
      <c r="HB1885" s="91"/>
      <c r="HC1885" s="91"/>
      <c r="HD1885" s="91"/>
      <c r="HE1885" s="91"/>
      <c r="HF1885" s="91"/>
      <c r="HG1885" s="91"/>
      <c r="HH1885" s="91"/>
      <c r="HI1885" s="91"/>
      <c r="HJ1885" s="91"/>
      <c r="HK1885" s="127"/>
      <c r="HL1885" s="126"/>
      <c r="HM1885" s="91"/>
      <c r="HN1885" s="91"/>
      <c r="HO1885" s="91"/>
      <c r="HP1885" s="91"/>
      <c r="HQ1885" s="91"/>
      <c r="HR1885" s="91"/>
      <c r="HS1885" s="91"/>
      <c r="HT1885" s="91"/>
      <c r="HU1885" s="91"/>
      <c r="HV1885" s="91"/>
      <c r="HW1885" s="91"/>
      <c r="HX1885" s="91"/>
      <c r="HY1885" s="91"/>
      <c r="HZ1885" s="91"/>
      <c r="IA1885" s="91"/>
      <c r="IB1885" s="91"/>
      <c r="IC1885" s="91"/>
      <c r="ID1885" s="91"/>
      <c r="IE1885" s="91"/>
      <c r="IF1885" s="91"/>
      <c r="IG1885" s="91"/>
      <c r="IH1885" s="91"/>
      <c r="II1885" s="91"/>
      <c r="IJ1885" s="91"/>
      <c r="IK1885" s="127"/>
    </row>
    <row r="1886" spans="2:245" x14ac:dyDescent="0.2">
      <c r="B1886" s="43"/>
      <c r="C1886" s="73"/>
      <c r="D1886" s="64"/>
      <c r="E1886" s="64"/>
      <c r="F1886" s="55"/>
      <c r="G1886" s="102"/>
      <c r="H1886" s="55"/>
      <c r="I1886" s="55"/>
      <c r="J1886" s="55"/>
      <c r="K1886" s="55"/>
      <c r="L1886" s="55"/>
      <c r="M1886" s="55"/>
      <c r="N1886" s="55"/>
      <c r="O1886" s="55"/>
      <c r="P1886" s="55"/>
      <c r="Q1886" s="55"/>
      <c r="R1886" s="55"/>
      <c r="S1886" s="55"/>
      <c r="T1886" s="55"/>
      <c r="U1886" s="55"/>
      <c r="V1886" s="55"/>
      <c r="W1886" s="55"/>
      <c r="X1886" s="55"/>
      <c r="Y1886" s="55"/>
      <c r="Z1886" s="55"/>
      <c r="AA1886" s="55"/>
      <c r="AB1886" s="55"/>
      <c r="AC1886" s="55"/>
      <c r="AD1886" s="55"/>
      <c r="AE1886" s="55"/>
      <c r="AF1886" s="55"/>
      <c r="AG1886" s="55"/>
      <c r="AY1886" s="162"/>
      <c r="AZ1886" s="162"/>
      <c r="BA1886" s="162"/>
      <c r="BB1886" s="162"/>
      <c r="BC1886" s="162"/>
      <c r="BD1886" s="162"/>
      <c r="BE1886" s="162"/>
      <c r="BF1886" s="162"/>
      <c r="BG1886" s="162"/>
      <c r="BH1886" s="162"/>
      <c r="BI1886" s="162"/>
      <c r="BJ1886" s="162"/>
      <c r="BK1886" s="162"/>
      <c r="BL1886" s="162"/>
      <c r="BM1886" s="162"/>
      <c r="BN1886" s="162"/>
      <c r="BO1886" s="162"/>
      <c r="BP1886" s="162"/>
      <c r="BQ1886" s="162"/>
      <c r="BR1886" s="162"/>
      <c r="BS1886" s="162"/>
      <c r="BT1886" s="162"/>
      <c r="BU1886" s="162"/>
      <c r="BV1886" s="162"/>
      <c r="BW1886" s="162"/>
      <c r="BX1886" s="162"/>
      <c r="BY1886" s="162"/>
      <c r="BZ1886" s="162"/>
      <c r="CA1886" s="162"/>
      <c r="CB1886" s="162"/>
      <c r="CC1886" s="162"/>
      <c r="CD1886" s="162"/>
      <c r="CE1886" s="162"/>
      <c r="CF1886" s="162"/>
      <c r="CG1886" s="162"/>
      <c r="CH1886" s="162"/>
      <c r="CI1886" s="162"/>
      <c r="CJ1886" s="162"/>
      <c r="CK1886" s="162"/>
      <c r="CX1886" s="98"/>
      <c r="DL1886" s="97"/>
      <c r="DX1886" s="98"/>
      <c r="EL1886" s="97"/>
      <c r="EX1886" s="98"/>
      <c r="EY1886" s="97"/>
      <c r="FL1886" s="126"/>
      <c r="FM1886" s="91"/>
      <c r="FN1886" s="91"/>
      <c r="FO1886" s="91"/>
      <c r="FP1886" s="91"/>
      <c r="FQ1886" s="91"/>
      <c r="FR1886" s="91"/>
      <c r="FS1886" s="91"/>
      <c r="FT1886" s="91"/>
      <c r="FU1886" s="91"/>
      <c r="FV1886" s="91"/>
      <c r="FW1886" s="91"/>
      <c r="FX1886" s="91"/>
      <c r="FY1886" s="91"/>
      <c r="FZ1886" s="91"/>
      <c r="GA1886" s="91"/>
      <c r="GB1886" s="91"/>
      <c r="GC1886" s="91"/>
      <c r="GD1886" s="91"/>
      <c r="GE1886" s="91"/>
      <c r="GF1886" s="91"/>
      <c r="GG1886" s="91"/>
      <c r="GH1886" s="91"/>
      <c r="GI1886" s="91"/>
      <c r="GJ1886" s="91"/>
      <c r="GK1886" s="127"/>
      <c r="GL1886" s="126"/>
      <c r="GM1886" s="91"/>
      <c r="GN1886" s="91"/>
      <c r="GO1886" s="91"/>
      <c r="GP1886" s="91"/>
      <c r="GQ1886" s="91"/>
      <c r="GR1886" s="91"/>
      <c r="GS1886" s="91"/>
      <c r="GT1886" s="91"/>
      <c r="GU1886" s="91"/>
      <c r="GV1886" s="91"/>
      <c r="GW1886" s="91"/>
      <c r="GX1886" s="91"/>
      <c r="GY1886" s="91"/>
      <c r="GZ1886" s="91"/>
      <c r="HA1886" s="91"/>
      <c r="HB1886" s="91"/>
      <c r="HC1886" s="91"/>
      <c r="HD1886" s="91"/>
      <c r="HE1886" s="91"/>
      <c r="HF1886" s="91"/>
      <c r="HG1886" s="91"/>
      <c r="HH1886" s="91"/>
      <c r="HI1886" s="91"/>
      <c r="HJ1886" s="91"/>
      <c r="HK1886" s="127"/>
      <c r="HL1886" s="126"/>
      <c r="HM1886" s="91"/>
      <c r="HN1886" s="91"/>
      <c r="HO1886" s="91"/>
      <c r="HP1886" s="91"/>
      <c r="HQ1886" s="91"/>
      <c r="HR1886" s="91"/>
      <c r="HS1886" s="91"/>
      <c r="HT1886" s="91"/>
      <c r="HU1886" s="91"/>
      <c r="HV1886" s="91"/>
      <c r="HW1886" s="91"/>
      <c r="HX1886" s="91"/>
      <c r="HY1886" s="91"/>
      <c r="HZ1886" s="91"/>
      <c r="IA1886" s="91"/>
      <c r="IB1886" s="91"/>
      <c r="IC1886" s="91"/>
      <c r="ID1886" s="91"/>
      <c r="IE1886" s="91"/>
      <c r="IF1886" s="91"/>
      <c r="IG1886" s="91"/>
      <c r="IH1886" s="91"/>
      <c r="II1886" s="91"/>
      <c r="IJ1886" s="91"/>
      <c r="IK1886" s="127"/>
    </row>
    <row r="1887" spans="2:245" x14ac:dyDescent="0.2">
      <c r="B1887" s="43"/>
      <c r="C1887" s="73"/>
      <c r="D1887" s="64"/>
      <c r="E1887" s="64"/>
      <c r="F1887" s="55"/>
      <c r="G1887" s="102"/>
      <c r="H1887" s="55"/>
      <c r="I1887" s="55"/>
      <c r="J1887" s="55"/>
      <c r="K1887" s="55"/>
      <c r="L1887" s="55"/>
      <c r="M1887" s="55"/>
      <c r="N1887" s="55"/>
      <c r="O1887" s="55"/>
      <c r="P1887" s="55"/>
      <c r="Q1887" s="55"/>
      <c r="R1887" s="55"/>
      <c r="S1887" s="55"/>
      <c r="T1887" s="55"/>
      <c r="U1887" s="55"/>
      <c r="V1887" s="55"/>
      <c r="W1887" s="55"/>
      <c r="X1887" s="55"/>
      <c r="Y1887" s="55"/>
      <c r="Z1887" s="55"/>
      <c r="AA1887" s="55"/>
      <c r="AB1887" s="55"/>
      <c r="AC1887" s="55"/>
      <c r="AD1887" s="55"/>
      <c r="AE1887" s="55"/>
      <c r="AF1887" s="55"/>
      <c r="AG1887" s="55"/>
      <c r="AY1887" s="162"/>
      <c r="AZ1887" s="162"/>
      <c r="BA1887" s="162"/>
      <c r="BB1887" s="162"/>
      <c r="BC1887" s="162"/>
      <c r="BD1887" s="162"/>
      <c r="BE1887" s="162"/>
      <c r="BF1887" s="162"/>
      <c r="BG1887" s="162"/>
      <c r="BH1887" s="162"/>
      <c r="BI1887" s="162"/>
      <c r="BJ1887" s="162"/>
      <c r="BK1887" s="162"/>
      <c r="BL1887" s="162"/>
      <c r="BM1887" s="162"/>
      <c r="BN1887" s="162"/>
      <c r="BO1887" s="162"/>
      <c r="BP1887" s="162"/>
      <c r="BQ1887" s="162"/>
      <c r="BR1887" s="162"/>
      <c r="BS1887" s="162"/>
      <c r="BT1887" s="162"/>
      <c r="BU1887" s="162"/>
      <c r="BV1887" s="162"/>
      <c r="BW1887" s="162"/>
      <c r="BX1887" s="162"/>
      <c r="BY1887" s="162"/>
      <c r="BZ1887" s="162"/>
      <c r="CA1887" s="162"/>
      <c r="CB1887" s="162"/>
      <c r="CC1887" s="162"/>
      <c r="CD1887" s="162"/>
      <c r="CE1887" s="162"/>
      <c r="CF1887" s="162"/>
      <c r="CG1887" s="162"/>
      <c r="CH1887" s="162"/>
      <c r="CI1887" s="162"/>
      <c r="CJ1887" s="162"/>
      <c r="CK1887" s="162"/>
      <c r="CX1887" s="98"/>
      <c r="DL1887" s="97"/>
      <c r="DX1887" s="98"/>
      <c r="EL1887" s="97"/>
      <c r="EX1887" s="98"/>
      <c r="EY1887" s="97"/>
      <c r="FL1887" s="126"/>
      <c r="FM1887" s="91"/>
      <c r="FN1887" s="91"/>
      <c r="FO1887" s="91"/>
      <c r="FP1887" s="91"/>
      <c r="FQ1887" s="91"/>
      <c r="FR1887" s="91"/>
      <c r="FS1887" s="91"/>
      <c r="FT1887" s="91"/>
      <c r="FU1887" s="91"/>
      <c r="FV1887" s="91"/>
      <c r="FW1887" s="91"/>
      <c r="FX1887" s="91"/>
      <c r="FY1887" s="91"/>
      <c r="FZ1887" s="91"/>
      <c r="GA1887" s="91"/>
      <c r="GB1887" s="91"/>
      <c r="GC1887" s="91"/>
      <c r="GD1887" s="91"/>
      <c r="GE1887" s="91"/>
      <c r="GF1887" s="91"/>
      <c r="GG1887" s="91"/>
      <c r="GH1887" s="91"/>
      <c r="GI1887" s="91"/>
      <c r="GJ1887" s="91"/>
      <c r="GK1887" s="127"/>
      <c r="GL1887" s="126"/>
      <c r="GM1887" s="91"/>
      <c r="GN1887" s="91"/>
      <c r="GO1887" s="91"/>
      <c r="GP1887" s="91"/>
      <c r="GQ1887" s="91"/>
      <c r="GR1887" s="91"/>
      <c r="GS1887" s="91"/>
      <c r="GT1887" s="91"/>
      <c r="GU1887" s="91"/>
      <c r="GV1887" s="91"/>
      <c r="GW1887" s="91"/>
      <c r="GX1887" s="91"/>
      <c r="GY1887" s="91"/>
      <c r="GZ1887" s="91"/>
      <c r="HA1887" s="91"/>
      <c r="HB1887" s="91"/>
      <c r="HC1887" s="91"/>
      <c r="HD1887" s="91"/>
      <c r="HE1887" s="91"/>
      <c r="HF1887" s="91"/>
      <c r="HG1887" s="91"/>
      <c r="HH1887" s="91"/>
      <c r="HI1887" s="91"/>
      <c r="HJ1887" s="91"/>
      <c r="HK1887" s="127"/>
      <c r="HL1887" s="126"/>
      <c r="HM1887" s="91"/>
      <c r="HN1887" s="91"/>
      <c r="HO1887" s="91"/>
      <c r="HP1887" s="91"/>
      <c r="HQ1887" s="91"/>
      <c r="HR1887" s="91"/>
      <c r="HS1887" s="91"/>
      <c r="HT1887" s="91"/>
      <c r="HU1887" s="91"/>
      <c r="HV1887" s="91"/>
      <c r="HW1887" s="91"/>
      <c r="HX1887" s="91"/>
      <c r="HY1887" s="91"/>
      <c r="HZ1887" s="91"/>
      <c r="IA1887" s="91"/>
      <c r="IB1887" s="91"/>
      <c r="IC1887" s="91"/>
      <c r="ID1887" s="91"/>
      <c r="IE1887" s="91"/>
      <c r="IF1887" s="91"/>
      <c r="IG1887" s="91"/>
      <c r="IH1887" s="91"/>
      <c r="II1887" s="91"/>
      <c r="IJ1887" s="91"/>
      <c r="IK1887" s="127"/>
    </row>
    <row r="1888" spans="2:245" x14ac:dyDescent="0.2">
      <c r="B1888" s="43"/>
      <c r="C1888" s="73"/>
      <c r="D1888" s="64"/>
      <c r="E1888" s="64"/>
      <c r="F1888" s="55"/>
      <c r="G1888" s="102"/>
      <c r="H1888" s="55"/>
      <c r="I1888" s="55"/>
      <c r="J1888" s="55"/>
      <c r="K1888" s="55"/>
      <c r="L1888" s="55"/>
      <c r="M1888" s="55"/>
      <c r="N1888" s="55"/>
      <c r="O1888" s="55"/>
      <c r="P1888" s="55"/>
      <c r="Q1888" s="55"/>
      <c r="R1888" s="55"/>
      <c r="S1888" s="55"/>
      <c r="T1888" s="55"/>
      <c r="U1888" s="55"/>
      <c r="V1888" s="55"/>
      <c r="W1888" s="55"/>
      <c r="X1888" s="55"/>
      <c r="Y1888" s="55"/>
      <c r="Z1888" s="55"/>
      <c r="AA1888" s="55"/>
      <c r="AB1888" s="55"/>
      <c r="AC1888" s="55"/>
      <c r="AD1888" s="55"/>
      <c r="AE1888" s="55"/>
      <c r="AF1888" s="55"/>
      <c r="AG1888" s="55"/>
      <c r="AY1888" s="162"/>
      <c r="AZ1888" s="162"/>
      <c r="BA1888" s="162"/>
      <c r="BB1888" s="162"/>
      <c r="BC1888" s="162"/>
      <c r="BD1888" s="162"/>
      <c r="BE1888" s="162"/>
      <c r="BF1888" s="162"/>
      <c r="BG1888" s="162"/>
      <c r="BH1888" s="162"/>
      <c r="BI1888" s="162"/>
      <c r="BJ1888" s="162"/>
      <c r="BK1888" s="162"/>
      <c r="BL1888" s="162"/>
      <c r="BM1888" s="162"/>
      <c r="BN1888" s="162"/>
      <c r="BO1888" s="162"/>
      <c r="BP1888" s="162"/>
      <c r="BQ1888" s="162"/>
      <c r="BR1888" s="162"/>
      <c r="BS1888" s="162"/>
      <c r="BT1888" s="162"/>
      <c r="BU1888" s="162"/>
      <c r="BV1888" s="162"/>
      <c r="BW1888" s="162"/>
      <c r="BX1888" s="162"/>
      <c r="BY1888" s="162"/>
      <c r="BZ1888" s="162"/>
      <c r="CA1888" s="162"/>
      <c r="CB1888" s="162"/>
      <c r="CC1888" s="162"/>
      <c r="CD1888" s="162"/>
      <c r="CE1888" s="162"/>
      <c r="CF1888" s="162"/>
      <c r="CG1888" s="162"/>
      <c r="CH1888" s="162"/>
      <c r="CI1888" s="162"/>
      <c r="CJ1888" s="162"/>
      <c r="CK1888" s="162"/>
      <c r="CX1888" s="98"/>
      <c r="DL1888" s="97"/>
      <c r="DX1888" s="98"/>
      <c r="EL1888" s="97"/>
      <c r="EX1888" s="98"/>
      <c r="EY1888" s="97"/>
      <c r="FL1888" s="126"/>
      <c r="FM1888" s="91"/>
      <c r="FN1888" s="91"/>
      <c r="FO1888" s="91"/>
      <c r="FP1888" s="91"/>
      <c r="FQ1888" s="91"/>
      <c r="FR1888" s="91"/>
      <c r="FS1888" s="91"/>
      <c r="FT1888" s="91"/>
      <c r="FU1888" s="91"/>
      <c r="FV1888" s="91"/>
      <c r="FW1888" s="91"/>
      <c r="FX1888" s="91"/>
      <c r="FY1888" s="91"/>
      <c r="FZ1888" s="91"/>
      <c r="GA1888" s="91"/>
      <c r="GB1888" s="91"/>
      <c r="GC1888" s="91"/>
      <c r="GD1888" s="91"/>
      <c r="GE1888" s="91"/>
      <c r="GF1888" s="91"/>
      <c r="GG1888" s="91"/>
      <c r="GH1888" s="91"/>
      <c r="GI1888" s="91"/>
      <c r="GJ1888" s="91"/>
      <c r="GK1888" s="127"/>
      <c r="GL1888" s="126"/>
      <c r="GM1888" s="91"/>
      <c r="GN1888" s="91"/>
      <c r="GO1888" s="91"/>
      <c r="GP1888" s="91"/>
      <c r="GQ1888" s="91"/>
      <c r="GR1888" s="91"/>
      <c r="GS1888" s="91"/>
      <c r="GT1888" s="91"/>
      <c r="GU1888" s="91"/>
      <c r="GV1888" s="91"/>
      <c r="GW1888" s="91"/>
      <c r="GX1888" s="91"/>
      <c r="GY1888" s="91"/>
      <c r="GZ1888" s="91"/>
      <c r="HA1888" s="91"/>
      <c r="HB1888" s="91"/>
      <c r="HC1888" s="91"/>
      <c r="HD1888" s="91"/>
      <c r="HE1888" s="91"/>
      <c r="HF1888" s="91"/>
      <c r="HG1888" s="91"/>
      <c r="HH1888" s="91"/>
      <c r="HI1888" s="91"/>
      <c r="HJ1888" s="91"/>
      <c r="HK1888" s="127"/>
      <c r="HL1888" s="126"/>
      <c r="HM1888" s="91"/>
      <c r="HN1888" s="91"/>
      <c r="HO1888" s="91"/>
      <c r="HP1888" s="91"/>
      <c r="HQ1888" s="91"/>
      <c r="HR1888" s="91"/>
      <c r="HS1888" s="91"/>
      <c r="HT1888" s="91"/>
      <c r="HU1888" s="91"/>
      <c r="HV1888" s="91"/>
      <c r="HW1888" s="91"/>
      <c r="HX1888" s="91"/>
      <c r="HY1888" s="91"/>
      <c r="HZ1888" s="91"/>
      <c r="IA1888" s="91"/>
      <c r="IB1888" s="91"/>
      <c r="IC1888" s="91"/>
      <c r="ID1888" s="91"/>
      <c r="IE1888" s="91"/>
      <c r="IF1888" s="91"/>
      <c r="IG1888" s="91"/>
      <c r="IH1888" s="91"/>
      <c r="II1888" s="91"/>
      <c r="IJ1888" s="91"/>
      <c r="IK1888" s="127"/>
    </row>
    <row r="1889" spans="2:245" x14ac:dyDescent="0.2">
      <c r="B1889" s="43"/>
      <c r="C1889" s="73"/>
      <c r="D1889" s="64"/>
      <c r="E1889" s="64"/>
      <c r="F1889" s="55"/>
      <c r="G1889" s="102"/>
      <c r="H1889" s="55"/>
      <c r="I1889" s="55"/>
      <c r="J1889" s="55"/>
      <c r="K1889" s="55"/>
      <c r="L1889" s="55"/>
      <c r="M1889" s="55"/>
      <c r="N1889" s="55"/>
      <c r="O1889" s="55"/>
      <c r="P1889" s="55"/>
      <c r="Q1889" s="55"/>
      <c r="R1889" s="55"/>
      <c r="S1889" s="55"/>
      <c r="T1889" s="55"/>
      <c r="U1889" s="55"/>
      <c r="V1889" s="55"/>
      <c r="W1889" s="55"/>
      <c r="X1889" s="55"/>
      <c r="Y1889" s="55"/>
      <c r="Z1889" s="55"/>
      <c r="AA1889" s="55"/>
      <c r="AB1889" s="55"/>
      <c r="AC1889" s="55"/>
      <c r="AD1889" s="55"/>
      <c r="AE1889" s="55"/>
      <c r="AF1889" s="55"/>
      <c r="AG1889" s="55"/>
      <c r="AY1889" s="162"/>
      <c r="AZ1889" s="162"/>
      <c r="BA1889" s="162"/>
      <c r="BB1889" s="162"/>
      <c r="BC1889" s="162"/>
      <c r="BD1889" s="162"/>
      <c r="BE1889" s="162"/>
      <c r="BF1889" s="162"/>
      <c r="BG1889" s="162"/>
      <c r="BH1889" s="162"/>
      <c r="BI1889" s="162"/>
      <c r="BJ1889" s="162"/>
      <c r="BK1889" s="162"/>
      <c r="BL1889" s="162"/>
      <c r="BM1889" s="162"/>
      <c r="BN1889" s="162"/>
      <c r="BO1889" s="162"/>
      <c r="BP1889" s="162"/>
      <c r="BQ1889" s="162"/>
      <c r="BR1889" s="162"/>
      <c r="BS1889" s="162"/>
      <c r="BT1889" s="162"/>
      <c r="BU1889" s="162"/>
      <c r="BV1889" s="162"/>
      <c r="BW1889" s="162"/>
      <c r="BX1889" s="162"/>
      <c r="BY1889" s="162"/>
      <c r="BZ1889" s="162"/>
      <c r="CA1889" s="162"/>
      <c r="CB1889" s="162"/>
      <c r="CC1889" s="162"/>
      <c r="CD1889" s="162"/>
      <c r="CE1889" s="162"/>
      <c r="CF1889" s="162"/>
      <c r="CG1889" s="162"/>
      <c r="CH1889" s="162"/>
      <c r="CI1889" s="162"/>
      <c r="CJ1889" s="162"/>
      <c r="CK1889" s="162"/>
      <c r="CX1889" s="98"/>
      <c r="DL1889" s="97"/>
      <c r="DX1889" s="98"/>
      <c r="EL1889" s="97"/>
      <c r="EX1889" s="98"/>
      <c r="EY1889" s="97"/>
      <c r="FL1889" s="126"/>
      <c r="FM1889" s="91"/>
      <c r="FN1889" s="91"/>
      <c r="FO1889" s="91"/>
      <c r="FP1889" s="91"/>
      <c r="FQ1889" s="91"/>
      <c r="FR1889" s="91"/>
      <c r="FS1889" s="91"/>
      <c r="FT1889" s="91"/>
      <c r="FU1889" s="91"/>
      <c r="FV1889" s="91"/>
      <c r="FW1889" s="91"/>
      <c r="FX1889" s="91"/>
      <c r="FY1889" s="91"/>
      <c r="FZ1889" s="91"/>
      <c r="GA1889" s="91"/>
      <c r="GB1889" s="91"/>
      <c r="GC1889" s="91"/>
      <c r="GD1889" s="91"/>
      <c r="GE1889" s="91"/>
      <c r="GF1889" s="91"/>
      <c r="GG1889" s="91"/>
      <c r="GH1889" s="91"/>
      <c r="GI1889" s="91"/>
      <c r="GJ1889" s="91"/>
      <c r="GK1889" s="127"/>
      <c r="GL1889" s="126"/>
      <c r="GM1889" s="91"/>
      <c r="GN1889" s="91"/>
      <c r="GO1889" s="91"/>
      <c r="GP1889" s="91"/>
      <c r="GQ1889" s="91"/>
      <c r="GR1889" s="91"/>
      <c r="GS1889" s="91"/>
      <c r="GT1889" s="91"/>
      <c r="GU1889" s="91"/>
      <c r="GV1889" s="91"/>
      <c r="GW1889" s="91"/>
      <c r="GX1889" s="91"/>
      <c r="GY1889" s="91"/>
      <c r="GZ1889" s="91"/>
      <c r="HA1889" s="91"/>
      <c r="HB1889" s="91"/>
      <c r="HC1889" s="91"/>
      <c r="HD1889" s="91"/>
      <c r="HE1889" s="91"/>
      <c r="HF1889" s="91"/>
      <c r="HG1889" s="91"/>
      <c r="HH1889" s="91"/>
      <c r="HI1889" s="91"/>
      <c r="HJ1889" s="91"/>
      <c r="HK1889" s="127"/>
      <c r="HL1889" s="126"/>
      <c r="HM1889" s="91"/>
      <c r="HN1889" s="91"/>
      <c r="HO1889" s="91"/>
      <c r="HP1889" s="91"/>
      <c r="HQ1889" s="91"/>
      <c r="HR1889" s="91"/>
      <c r="HS1889" s="91"/>
      <c r="HT1889" s="91"/>
      <c r="HU1889" s="91"/>
      <c r="HV1889" s="91"/>
      <c r="HW1889" s="91"/>
      <c r="HX1889" s="91"/>
      <c r="HY1889" s="91"/>
      <c r="HZ1889" s="91"/>
      <c r="IA1889" s="91"/>
      <c r="IB1889" s="91"/>
      <c r="IC1889" s="91"/>
      <c r="ID1889" s="91"/>
      <c r="IE1889" s="91"/>
      <c r="IF1889" s="91"/>
      <c r="IG1889" s="91"/>
      <c r="IH1889" s="91"/>
      <c r="II1889" s="91"/>
      <c r="IJ1889" s="91"/>
      <c r="IK1889" s="127"/>
    </row>
    <row r="1890" spans="2:245" ht="13.5" thickBot="1" x14ac:dyDescent="0.25">
      <c r="B1890" s="43"/>
      <c r="C1890" s="73"/>
      <c r="D1890" s="64"/>
      <c r="E1890" s="64"/>
      <c r="F1890" s="55"/>
      <c r="G1890" s="102"/>
      <c r="H1890" s="55"/>
      <c r="I1890" s="55"/>
      <c r="J1890" s="55"/>
      <c r="K1890" s="55"/>
      <c r="L1890" s="55"/>
      <c r="M1890" s="55"/>
      <c r="N1890" s="55"/>
      <c r="O1890" s="55"/>
      <c r="P1890" s="55"/>
      <c r="Q1890" s="55"/>
      <c r="R1890" s="55"/>
      <c r="S1890" s="55"/>
      <c r="T1890" s="55"/>
      <c r="U1890" s="55"/>
      <c r="V1890" s="55"/>
      <c r="W1890" s="55"/>
      <c r="X1890" s="55"/>
      <c r="Y1890" s="55"/>
      <c r="Z1890" s="55"/>
      <c r="AA1890" s="55"/>
      <c r="AB1890" s="55"/>
      <c r="AC1890" s="55"/>
      <c r="AD1890" s="55"/>
      <c r="AE1890" s="55"/>
      <c r="AF1890" s="55"/>
      <c r="AG1890" s="55"/>
      <c r="AY1890" s="162"/>
      <c r="AZ1890" s="162"/>
      <c r="BA1890" s="162"/>
      <c r="BB1890" s="162"/>
      <c r="BC1890" s="162"/>
      <c r="BD1890" s="162"/>
      <c r="BE1890" s="162"/>
      <c r="BF1890" s="162"/>
      <c r="BG1890" s="162"/>
      <c r="BH1890" s="162"/>
      <c r="BI1890" s="162"/>
      <c r="BJ1890" s="162"/>
      <c r="BK1890" s="162"/>
      <c r="BL1890" s="162"/>
      <c r="BM1890" s="162"/>
      <c r="BN1890" s="162"/>
      <c r="BO1890" s="162"/>
      <c r="BP1890" s="162"/>
      <c r="BQ1890" s="162"/>
      <c r="BR1890" s="162"/>
      <c r="BS1890" s="162"/>
      <c r="BT1890" s="162"/>
      <c r="BU1890" s="162"/>
      <c r="BV1890" s="162"/>
      <c r="BW1890" s="162"/>
      <c r="BX1890" s="162"/>
      <c r="BY1890" s="162"/>
      <c r="BZ1890" s="162"/>
      <c r="CA1890" s="162"/>
      <c r="CB1890" s="162"/>
      <c r="CC1890" s="162"/>
      <c r="CD1890" s="162"/>
      <c r="CE1890" s="162"/>
      <c r="CF1890" s="162"/>
      <c r="CG1890" s="162"/>
      <c r="CH1890" s="162"/>
      <c r="CI1890" s="162"/>
      <c r="CJ1890" s="162"/>
      <c r="CK1890" s="162"/>
      <c r="CL1890" s="166"/>
      <c r="CM1890" s="166"/>
      <c r="CN1890" s="166"/>
      <c r="CO1890" s="166"/>
      <c r="CP1890" s="166"/>
      <c r="CQ1890" s="166"/>
      <c r="CR1890" s="166"/>
      <c r="CS1890" s="166"/>
      <c r="CT1890" s="166"/>
      <c r="CU1890" s="166"/>
      <c r="CV1890" s="166"/>
      <c r="CW1890" s="166"/>
      <c r="CX1890" s="176"/>
      <c r="CY1890" s="166"/>
      <c r="CZ1890" s="166"/>
      <c r="DA1890" s="166"/>
      <c r="DB1890" s="166"/>
      <c r="DC1890" s="166"/>
      <c r="DD1890" s="166"/>
      <c r="DE1890" s="166"/>
      <c r="DF1890" s="166"/>
      <c r="DG1890" s="166"/>
      <c r="DH1890" s="166"/>
      <c r="DI1890" s="166"/>
      <c r="DJ1890" s="166"/>
      <c r="DK1890" s="166"/>
      <c r="DL1890" s="175"/>
      <c r="DM1890" s="166"/>
      <c r="DN1890" s="166"/>
      <c r="DO1890" s="166"/>
      <c r="DP1890" s="166"/>
      <c r="DQ1890" s="166"/>
      <c r="DR1890" s="166"/>
      <c r="DS1890" s="166"/>
      <c r="DT1890" s="166"/>
      <c r="DU1890" s="166"/>
      <c r="DV1890" s="166"/>
      <c r="DW1890" s="166"/>
      <c r="DX1890" s="176"/>
      <c r="DY1890" s="166"/>
      <c r="DZ1890" s="166"/>
      <c r="EA1890" s="166"/>
      <c r="EB1890" s="166"/>
      <c r="EC1890" s="166"/>
      <c r="ED1890" s="166"/>
      <c r="EE1890" s="166"/>
      <c r="EF1890" s="166"/>
      <c r="EG1890" s="166"/>
      <c r="EH1890" s="166"/>
      <c r="EI1890" s="166"/>
      <c r="EJ1890" s="166"/>
      <c r="EK1890" s="166"/>
      <c r="EL1890" s="175"/>
      <c r="EM1890" s="166"/>
      <c r="EN1890" s="166"/>
      <c r="EO1890" s="166"/>
      <c r="EP1890" s="166"/>
      <c r="EQ1890" s="166"/>
      <c r="ER1890" s="166"/>
      <c r="ES1890" s="166"/>
      <c r="ET1890" s="166"/>
      <c r="EU1890" s="166"/>
      <c r="EV1890" s="166"/>
      <c r="EW1890" s="166"/>
      <c r="EX1890" s="176"/>
      <c r="EY1890" s="175"/>
      <c r="EZ1890" s="166"/>
      <c r="FA1890" s="166"/>
      <c r="FB1890" s="166"/>
      <c r="FC1890" s="166"/>
      <c r="FD1890" s="166"/>
      <c r="FE1890" s="166"/>
      <c r="FF1890" s="166"/>
      <c r="FG1890" s="166"/>
      <c r="FH1890" s="166"/>
      <c r="FI1890" s="166"/>
      <c r="FJ1890" s="166"/>
      <c r="FK1890" s="166"/>
      <c r="FL1890" s="126"/>
      <c r="FM1890" s="91"/>
      <c r="FN1890" s="91"/>
      <c r="FO1890" s="91"/>
      <c r="FP1890" s="91"/>
      <c r="FQ1890" s="91"/>
      <c r="FR1890" s="91"/>
      <c r="FS1890" s="91"/>
      <c r="FT1890" s="91"/>
      <c r="FU1890" s="91"/>
      <c r="FV1890" s="91"/>
      <c r="FW1890" s="91"/>
      <c r="FX1890" s="91"/>
      <c r="FY1890" s="91"/>
      <c r="FZ1890" s="91"/>
      <c r="GA1890" s="91"/>
      <c r="GB1890" s="91"/>
      <c r="GC1890" s="91"/>
      <c r="GD1890" s="91"/>
      <c r="GE1890" s="91"/>
      <c r="GF1890" s="91"/>
      <c r="GG1890" s="91"/>
      <c r="GH1890" s="91"/>
      <c r="GI1890" s="91"/>
      <c r="GJ1890" s="91"/>
      <c r="GK1890" s="127"/>
      <c r="GL1890" s="126"/>
      <c r="GM1890" s="91"/>
      <c r="GN1890" s="91"/>
      <c r="GO1890" s="91"/>
      <c r="GP1890" s="91"/>
      <c r="GQ1890" s="91"/>
      <c r="GR1890" s="91"/>
      <c r="GS1890" s="91"/>
      <c r="GT1890" s="91"/>
      <c r="GU1890" s="91"/>
      <c r="GV1890" s="91"/>
      <c r="GW1890" s="91"/>
      <c r="GX1890" s="91"/>
      <c r="GY1890" s="91"/>
      <c r="GZ1890" s="91"/>
      <c r="HA1890" s="91"/>
      <c r="HB1890" s="91"/>
      <c r="HC1890" s="91"/>
      <c r="HD1890" s="91"/>
      <c r="HE1890" s="91"/>
      <c r="HF1890" s="91"/>
      <c r="HG1890" s="91"/>
      <c r="HH1890" s="91"/>
      <c r="HI1890" s="91"/>
      <c r="HJ1890" s="91"/>
      <c r="HK1890" s="127"/>
      <c r="HL1890" s="126"/>
      <c r="HM1890" s="91"/>
      <c r="HN1890" s="91"/>
      <c r="HO1890" s="91"/>
      <c r="HP1890" s="91"/>
      <c r="HQ1890" s="91"/>
      <c r="HR1890" s="91"/>
      <c r="HS1890" s="91"/>
      <c r="HT1890" s="91"/>
      <c r="HU1890" s="91"/>
      <c r="HV1890" s="91"/>
      <c r="HW1890" s="91"/>
      <c r="HX1890" s="91"/>
      <c r="HY1890" s="91"/>
      <c r="HZ1890" s="91"/>
      <c r="IA1890" s="91"/>
      <c r="IB1890" s="91"/>
      <c r="IC1890" s="91"/>
      <c r="ID1890" s="91"/>
      <c r="IE1890" s="91"/>
      <c r="IF1890" s="91"/>
      <c r="IG1890" s="91"/>
      <c r="IH1890" s="91"/>
      <c r="II1890" s="91"/>
      <c r="IJ1890" s="91"/>
      <c r="IK1890" s="127"/>
    </row>
    <row r="1891" spans="2:245" x14ac:dyDescent="0.2">
      <c r="B1891" s="43"/>
      <c r="C1891" s="73"/>
      <c r="D1891" s="64"/>
      <c r="E1891" s="64"/>
      <c r="F1891" s="55"/>
      <c r="G1891" s="102"/>
      <c r="H1891" s="55"/>
      <c r="I1891" s="55"/>
      <c r="J1891" s="55"/>
      <c r="K1891" s="55"/>
      <c r="L1891" s="55"/>
      <c r="M1891" s="55"/>
      <c r="N1891" s="55"/>
      <c r="O1891" s="55"/>
      <c r="P1891" s="55"/>
      <c r="Q1891" s="55"/>
      <c r="R1891" s="55"/>
      <c r="S1891" s="55"/>
      <c r="T1891" s="55"/>
      <c r="U1891" s="55"/>
      <c r="V1891" s="55"/>
      <c r="W1891" s="55"/>
      <c r="X1891" s="55"/>
      <c r="Y1891" s="55"/>
      <c r="Z1891" s="55"/>
      <c r="AA1891" s="55"/>
      <c r="AB1891" s="55"/>
      <c r="AC1891" s="55"/>
      <c r="AD1891" s="55"/>
      <c r="AE1891" s="55"/>
      <c r="AF1891" s="55"/>
      <c r="AG1891" s="55"/>
      <c r="AY1891" s="162"/>
      <c r="AZ1891" s="162"/>
      <c r="BA1891" s="162"/>
      <c r="BB1891" s="162"/>
      <c r="BC1891" s="162"/>
      <c r="BD1891" s="162"/>
      <c r="BE1891" s="162"/>
      <c r="BF1891" s="162"/>
      <c r="BG1891" s="162"/>
      <c r="BH1891" s="162"/>
      <c r="BI1891" s="162"/>
      <c r="BJ1891" s="162"/>
      <c r="BK1891" s="162"/>
      <c r="BL1891" s="162"/>
      <c r="BM1891" s="162"/>
      <c r="BN1891" s="162"/>
      <c r="BO1891" s="162"/>
      <c r="BP1891" s="162"/>
      <c r="BQ1891" s="162"/>
      <c r="BR1891" s="162"/>
      <c r="BS1891" s="162"/>
      <c r="BT1891" s="162"/>
      <c r="BU1891" s="162"/>
      <c r="BV1891" s="162"/>
      <c r="BW1891" s="162"/>
      <c r="BX1891" s="162"/>
      <c r="BY1891" s="162"/>
      <c r="BZ1891" s="162"/>
      <c r="CA1891" s="162"/>
      <c r="CB1891" s="162"/>
      <c r="CC1891" s="162"/>
      <c r="CD1891" s="162"/>
      <c r="CE1891" s="162"/>
      <c r="CF1891" s="162"/>
      <c r="CG1891" s="162"/>
      <c r="CH1891" s="162"/>
      <c r="CI1891" s="162"/>
      <c r="CJ1891" s="162"/>
      <c r="CK1891" s="162"/>
      <c r="CX1891" s="98"/>
      <c r="DL1891" s="97"/>
      <c r="DX1891" s="98"/>
      <c r="EL1891" s="97"/>
      <c r="EX1891" s="98"/>
      <c r="EY1891" s="97"/>
      <c r="FL1891" s="126"/>
      <c r="FM1891" s="91"/>
      <c r="FN1891" s="91"/>
      <c r="FO1891" s="91"/>
      <c r="FP1891" s="91"/>
      <c r="FQ1891" s="91"/>
      <c r="FR1891" s="91"/>
      <c r="FS1891" s="91"/>
      <c r="FT1891" s="91"/>
      <c r="FU1891" s="91"/>
      <c r="FV1891" s="91"/>
      <c r="FW1891" s="91"/>
      <c r="FX1891" s="91"/>
      <c r="FY1891" s="91"/>
      <c r="FZ1891" s="91"/>
      <c r="GA1891" s="91"/>
      <c r="GB1891" s="91"/>
      <c r="GC1891" s="91"/>
      <c r="GD1891" s="91"/>
      <c r="GE1891" s="91"/>
      <c r="GF1891" s="91"/>
      <c r="GG1891" s="91"/>
      <c r="GH1891" s="91"/>
      <c r="GI1891" s="91"/>
      <c r="GJ1891" s="91"/>
      <c r="GK1891" s="127"/>
      <c r="GL1891" s="126"/>
      <c r="GM1891" s="91"/>
      <c r="GN1891" s="91"/>
      <c r="GO1891" s="91"/>
      <c r="GP1891" s="91"/>
      <c r="GQ1891" s="91"/>
      <c r="GR1891" s="91"/>
      <c r="GS1891" s="91"/>
      <c r="GT1891" s="91"/>
      <c r="GU1891" s="91"/>
      <c r="GV1891" s="91"/>
      <c r="GW1891" s="91"/>
      <c r="GX1891" s="91"/>
      <c r="GY1891" s="91"/>
      <c r="GZ1891" s="91"/>
      <c r="HA1891" s="91"/>
      <c r="HB1891" s="91"/>
      <c r="HC1891" s="91"/>
      <c r="HD1891" s="91"/>
      <c r="HE1891" s="91"/>
      <c r="HF1891" s="91"/>
      <c r="HG1891" s="91"/>
      <c r="HH1891" s="91"/>
      <c r="HI1891" s="91"/>
      <c r="HJ1891" s="91"/>
      <c r="HK1891" s="127"/>
      <c r="HL1891" s="126"/>
      <c r="HM1891" s="91"/>
      <c r="HN1891" s="91"/>
      <c r="HO1891" s="91"/>
      <c r="HP1891" s="91"/>
      <c r="HQ1891" s="91"/>
      <c r="HR1891" s="91"/>
      <c r="HS1891" s="91"/>
      <c r="HT1891" s="91"/>
      <c r="HU1891" s="91"/>
      <c r="HV1891" s="91"/>
      <c r="HW1891" s="91"/>
      <c r="HX1891" s="91"/>
      <c r="HY1891" s="91"/>
      <c r="HZ1891" s="91"/>
      <c r="IA1891" s="91"/>
      <c r="IB1891" s="91"/>
      <c r="IC1891" s="91"/>
      <c r="ID1891" s="91"/>
      <c r="IE1891" s="91"/>
      <c r="IF1891" s="91"/>
      <c r="IG1891" s="91"/>
      <c r="IH1891" s="91"/>
      <c r="II1891" s="91"/>
      <c r="IJ1891" s="91"/>
      <c r="IK1891" s="127"/>
    </row>
    <row r="1892" spans="2:245" x14ac:dyDescent="0.2">
      <c r="B1892" s="43"/>
      <c r="C1892" s="73"/>
      <c r="D1892" s="64"/>
      <c r="E1892" s="64"/>
      <c r="F1892" s="55"/>
      <c r="G1892" s="102"/>
      <c r="H1892" s="55"/>
      <c r="I1892" s="55"/>
      <c r="J1892" s="55"/>
      <c r="K1892" s="55"/>
      <c r="L1892" s="55"/>
      <c r="M1892" s="55"/>
      <c r="N1892" s="55"/>
      <c r="O1892" s="55"/>
      <c r="P1892" s="55"/>
      <c r="Q1892" s="55"/>
      <c r="R1892" s="55"/>
      <c r="S1892" s="55"/>
      <c r="T1892" s="55"/>
      <c r="U1892" s="55"/>
      <c r="V1892" s="55"/>
      <c r="W1892" s="55"/>
      <c r="X1892" s="55"/>
      <c r="Y1892" s="55"/>
      <c r="Z1892" s="55"/>
      <c r="AA1892" s="55"/>
      <c r="AB1892" s="55"/>
      <c r="AC1892" s="55"/>
      <c r="AD1892" s="55"/>
      <c r="AE1892" s="55"/>
      <c r="AF1892" s="55"/>
      <c r="AG1892" s="55"/>
      <c r="AY1892" s="162"/>
      <c r="AZ1892" s="162"/>
      <c r="BA1892" s="162"/>
      <c r="BB1892" s="162"/>
      <c r="BC1892" s="162"/>
      <c r="BD1892" s="162"/>
      <c r="BE1892" s="162"/>
      <c r="BF1892" s="162"/>
      <c r="BG1892" s="162"/>
      <c r="BH1892" s="162"/>
      <c r="BI1892" s="162"/>
      <c r="BJ1892" s="162"/>
      <c r="BK1892" s="162"/>
      <c r="BL1892" s="162"/>
      <c r="BM1892" s="162"/>
      <c r="BN1892" s="162"/>
      <c r="BO1892" s="162"/>
      <c r="BP1892" s="162"/>
      <c r="BQ1892" s="162"/>
      <c r="BR1892" s="162"/>
      <c r="BS1892" s="162"/>
      <c r="BT1892" s="162"/>
      <c r="BU1892" s="162"/>
      <c r="BV1892" s="162"/>
      <c r="BW1892" s="162"/>
      <c r="BX1892" s="162"/>
      <c r="BY1892" s="162"/>
      <c r="BZ1892" s="162"/>
      <c r="CA1892" s="162"/>
      <c r="CB1892" s="162"/>
      <c r="CC1892" s="162"/>
      <c r="CD1892" s="162"/>
      <c r="CE1892" s="162"/>
      <c r="CF1892" s="162"/>
      <c r="CG1892" s="162"/>
      <c r="CH1892" s="162"/>
      <c r="CI1892" s="162"/>
      <c r="CJ1892" s="162"/>
      <c r="CK1892" s="162"/>
      <c r="CX1892" s="98"/>
      <c r="DL1892" s="97"/>
      <c r="DX1892" s="98"/>
      <c r="EL1892" s="97"/>
      <c r="EX1892" s="98"/>
      <c r="EY1892" s="97"/>
      <c r="FL1892" s="126"/>
      <c r="FM1892" s="91"/>
      <c r="FN1892" s="91"/>
      <c r="FO1892" s="91"/>
      <c r="FP1892" s="91"/>
      <c r="FQ1892" s="91"/>
      <c r="FR1892" s="91"/>
      <c r="FS1892" s="91"/>
      <c r="FT1892" s="91"/>
      <c r="FU1892" s="91"/>
      <c r="FV1892" s="91"/>
      <c r="FW1892" s="91"/>
      <c r="FX1892" s="91"/>
      <c r="FY1892" s="91"/>
      <c r="FZ1892" s="91"/>
      <c r="GA1892" s="91"/>
      <c r="GB1892" s="91"/>
      <c r="GC1892" s="91"/>
      <c r="GD1892" s="91"/>
      <c r="GE1892" s="91"/>
      <c r="GF1892" s="91"/>
      <c r="GG1892" s="91"/>
      <c r="GH1892" s="91"/>
      <c r="GI1892" s="91"/>
      <c r="GJ1892" s="91"/>
      <c r="GK1892" s="127"/>
      <c r="GL1892" s="126"/>
      <c r="GM1892" s="91"/>
      <c r="GN1892" s="91"/>
      <c r="GO1892" s="91"/>
      <c r="GP1892" s="91"/>
      <c r="GQ1892" s="91"/>
      <c r="GR1892" s="91"/>
      <c r="GS1892" s="91"/>
      <c r="GT1892" s="91"/>
      <c r="GU1892" s="91"/>
      <c r="GV1892" s="91"/>
      <c r="GW1892" s="91"/>
      <c r="GX1892" s="91"/>
      <c r="GY1892" s="91"/>
      <c r="GZ1892" s="91"/>
      <c r="HA1892" s="91"/>
      <c r="HB1892" s="91"/>
      <c r="HC1892" s="91"/>
      <c r="HD1892" s="91"/>
      <c r="HE1892" s="91"/>
      <c r="HF1892" s="91"/>
      <c r="HG1892" s="91"/>
      <c r="HH1892" s="91"/>
      <c r="HI1892" s="91"/>
      <c r="HJ1892" s="91"/>
      <c r="HK1892" s="127"/>
      <c r="HL1892" s="126"/>
      <c r="HM1892" s="91"/>
      <c r="HN1892" s="91"/>
      <c r="HO1892" s="91"/>
      <c r="HP1892" s="91"/>
      <c r="HQ1892" s="91"/>
      <c r="HR1892" s="91"/>
      <c r="HS1892" s="91"/>
      <c r="HT1892" s="91"/>
      <c r="HU1892" s="91"/>
      <c r="HV1892" s="91"/>
      <c r="HW1892" s="91"/>
      <c r="HX1892" s="91"/>
      <c r="HY1892" s="91"/>
      <c r="HZ1892" s="91"/>
      <c r="IA1892" s="91"/>
      <c r="IB1892" s="91"/>
      <c r="IC1892" s="91"/>
      <c r="ID1892" s="91"/>
      <c r="IE1892" s="91"/>
      <c r="IF1892" s="91"/>
      <c r="IG1892" s="91"/>
      <c r="IH1892" s="91"/>
      <c r="II1892" s="91"/>
      <c r="IJ1892" s="91"/>
      <c r="IK1892" s="127"/>
    </row>
    <row r="1893" spans="2:245" x14ac:dyDescent="0.2">
      <c r="B1893" s="43"/>
      <c r="C1893" s="73"/>
      <c r="D1893" s="64"/>
      <c r="E1893" s="64"/>
      <c r="F1893" s="55"/>
      <c r="G1893" s="102"/>
      <c r="H1893" s="55"/>
      <c r="I1893" s="55"/>
      <c r="J1893" s="55"/>
      <c r="K1893" s="55"/>
      <c r="L1893" s="55"/>
      <c r="M1893" s="55"/>
      <c r="N1893" s="55"/>
      <c r="O1893" s="55"/>
      <c r="P1893" s="55"/>
      <c r="Q1893" s="55"/>
      <c r="R1893" s="55"/>
      <c r="S1893" s="55"/>
      <c r="T1893" s="55"/>
      <c r="U1893" s="55"/>
      <c r="V1893" s="55"/>
      <c r="W1893" s="55"/>
      <c r="X1893" s="55"/>
      <c r="Y1893" s="55"/>
      <c r="Z1893" s="55"/>
      <c r="AA1893" s="55"/>
      <c r="AB1893" s="55"/>
      <c r="AC1893" s="55"/>
      <c r="AD1893" s="55"/>
      <c r="AE1893" s="55"/>
      <c r="AF1893" s="55"/>
      <c r="AG1893" s="55"/>
      <c r="AY1893" s="162"/>
      <c r="AZ1893" s="162"/>
      <c r="BA1893" s="162"/>
      <c r="BB1893" s="162"/>
      <c r="BC1893" s="162"/>
      <c r="BD1893" s="162"/>
      <c r="BE1893" s="162"/>
      <c r="BF1893" s="162"/>
      <c r="BG1893" s="162"/>
      <c r="BH1893" s="162"/>
      <c r="BI1893" s="162"/>
      <c r="BJ1893" s="162"/>
      <c r="BK1893" s="162"/>
      <c r="BL1893" s="162"/>
      <c r="BM1893" s="162"/>
      <c r="BN1893" s="162"/>
      <c r="BO1893" s="162"/>
      <c r="BP1893" s="162"/>
      <c r="BQ1893" s="162"/>
      <c r="BR1893" s="162"/>
      <c r="BS1893" s="162"/>
      <c r="BT1893" s="162"/>
      <c r="BU1893" s="162"/>
      <c r="BV1893" s="162"/>
      <c r="BW1893" s="162"/>
      <c r="BX1893" s="162"/>
      <c r="BY1893" s="162"/>
      <c r="BZ1893" s="162"/>
      <c r="CA1893" s="162"/>
      <c r="CB1893" s="162"/>
      <c r="CC1893" s="162"/>
      <c r="CD1893" s="162"/>
      <c r="CE1893" s="162"/>
      <c r="CF1893" s="162"/>
      <c r="CG1893" s="162"/>
      <c r="CH1893" s="162"/>
      <c r="CI1893" s="162"/>
      <c r="CJ1893" s="162"/>
      <c r="CK1893" s="162"/>
      <c r="CX1893" s="98"/>
      <c r="DL1893" s="97"/>
      <c r="DX1893" s="98"/>
      <c r="EL1893" s="97"/>
      <c r="EX1893" s="98"/>
      <c r="EY1893" s="97"/>
      <c r="FL1893" s="126"/>
      <c r="FM1893" s="91"/>
      <c r="FN1893" s="91"/>
      <c r="FO1893" s="91"/>
      <c r="FP1893" s="91"/>
      <c r="FQ1893" s="91"/>
      <c r="FR1893" s="91"/>
      <c r="FS1893" s="91"/>
      <c r="FT1893" s="91"/>
      <c r="FU1893" s="91"/>
      <c r="FV1893" s="91"/>
      <c r="FW1893" s="91"/>
      <c r="FX1893" s="91"/>
      <c r="FY1893" s="91"/>
      <c r="FZ1893" s="91"/>
      <c r="GA1893" s="91"/>
      <c r="GB1893" s="91"/>
      <c r="GC1893" s="91"/>
      <c r="GD1893" s="91"/>
      <c r="GE1893" s="91"/>
      <c r="GF1893" s="91"/>
      <c r="GG1893" s="91"/>
      <c r="GH1893" s="91"/>
      <c r="GI1893" s="91"/>
      <c r="GJ1893" s="91"/>
      <c r="GK1893" s="127"/>
      <c r="GL1893" s="126"/>
      <c r="GM1893" s="91"/>
      <c r="GN1893" s="91"/>
      <c r="GO1893" s="91"/>
      <c r="GP1893" s="91"/>
      <c r="GQ1893" s="91"/>
      <c r="GR1893" s="91"/>
      <c r="GS1893" s="91"/>
      <c r="GT1893" s="91"/>
      <c r="GU1893" s="91"/>
      <c r="GV1893" s="91"/>
      <c r="GW1893" s="91"/>
      <c r="GX1893" s="91"/>
      <c r="GY1893" s="91"/>
      <c r="GZ1893" s="91"/>
      <c r="HA1893" s="91"/>
      <c r="HB1893" s="91"/>
      <c r="HC1893" s="91"/>
      <c r="HD1893" s="91"/>
      <c r="HE1893" s="91"/>
      <c r="HF1893" s="91"/>
      <c r="HG1893" s="91"/>
      <c r="HH1893" s="91"/>
      <c r="HI1893" s="91"/>
      <c r="HJ1893" s="91"/>
      <c r="HK1893" s="127"/>
      <c r="HL1893" s="126"/>
      <c r="HM1893" s="91"/>
      <c r="HN1893" s="91"/>
      <c r="HO1893" s="91"/>
      <c r="HP1893" s="91"/>
      <c r="HQ1893" s="91"/>
      <c r="HR1893" s="91"/>
      <c r="HS1893" s="91"/>
      <c r="HT1893" s="91"/>
      <c r="HU1893" s="91"/>
      <c r="HV1893" s="91"/>
      <c r="HW1893" s="91"/>
      <c r="HX1893" s="91"/>
      <c r="HY1893" s="91"/>
      <c r="HZ1893" s="91"/>
      <c r="IA1893" s="91"/>
      <c r="IB1893" s="91"/>
      <c r="IC1893" s="91"/>
      <c r="ID1893" s="91"/>
      <c r="IE1893" s="91"/>
      <c r="IF1893" s="91"/>
      <c r="IG1893" s="91"/>
      <c r="IH1893" s="91"/>
      <c r="II1893" s="91"/>
      <c r="IJ1893" s="91"/>
      <c r="IK1893" s="127"/>
    </row>
    <row r="1894" spans="2:245" x14ac:dyDescent="0.2">
      <c r="B1894" s="43"/>
      <c r="C1894" s="73"/>
      <c r="D1894" s="64"/>
      <c r="E1894" s="64"/>
      <c r="F1894" s="55"/>
      <c r="G1894" s="102"/>
      <c r="H1894" s="55"/>
      <c r="I1894" s="55"/>
      <c r="J1894" s="55"/>
      <c r="K1894" s="55"/>
      <c r="L1894" s="55"/>
      <c r="M1894" s="55"/>
      <c r="N1894" s="55"/>
      <c r="O1894" s="55"/>
      <c r="P1894" s="55"/>
      <c r="Q1894" s="55"/>
      <c r="R1894" s="55"/>
      <c r="S1894" s="55"/>
      <c r="T1894" s="55"/>
      <c r="U1894" s="55"/>
      <c r="V1894" s="55"/>
      <c r="W1894" s="55"/>
      <c r="X1894" s="55"/>
      <c r="Y1894" s="55"/>
      <c r="Z1894" s="55"/>
      <c r="AA1894" s="55"/>
      <c r="AB1894" s="55"/>
      <c r="AC1894" s="55"/>
      <c r="AD1894" s="55"/>
      <c r="AE1894" s="55"/>
      <c r="AF1894" s="55"/>
      <c r="AG1894" s="55"/>
      <c r="AY1894" s="162"/>
      <c r="AZ1894" s="162"/>
      <c r="BA1894" s="162"/>
      <c r="BB1894" s="162"/>
      <c r="BC1894" s="162"/>
      <c r="BD1894" s="162"/>
      <c r="BE1894" s="162"/>
      <c r="BF1894" s="162"/>
      <c r="BG1894" s="162"/>
      <c r="BH1894" s="162"/>
      <c r="BI1894" s="162"/>
      <c r="BJ1894" s="162"/>
      <c r="BK1894" s="162"/>
      <c r="BL1894" s="162"/>
      <c r="BM1894" s="162"/>
      <c r="BN1894" s="162"/>
      <c r="BO1894" s="162"/>
      <c r="BP1894" s="162"/>
      <c r="BQ1894" s="162"/>
      <c r="BR1894" s="162"/>
      <c r="BS1894" s="162"/>
      <c r="BT1894" s="162"/>
      <c r="BU1894" s="162"/>
      <c r="BV1894" s="162"/>
      <c r="BW1894" s="162"/>
      <c r="BX1894" s="162"/>
      <c r="BY1894" s="162"/>
      <c r="BZ1894" s="162"/>
      <c r="CA1894" s="162"/>
      <c r="CB1894" s="162"/>
      <c r="CC1894" s="162"/>
      <c r="CD1894" s="162"/>
      <c r="CE1894" s="162"/>
      <c r="CF1894" s="162"/>
      <c r="CG1894" s="162"/>
      <c r="CH1894" s="162"/>
      <c r="CI1894" s="162"/>
      <c r="CJ1894" s="162"/>
      <c r="CK1894" s="162"/>
      <c r="CX1894" s="98"/>
      <c r="DL1894" s="97"/>
      <c r="DX1894" s="98"/>
      <c r="EL1894" s="97"/>
      <c r="EX1894" s="98"/>
      <c r="EY1894" s="97"/>
      <c r="FL1894" s="126"/>
      <c r="FM1894" s="91"/>
      <c r="FN1894" s="91"/>
      <c r="FO1894" s="91"/>
      <c r="FP1894" s="91"/>
      <c r="FQ1894" s="91"/>
      <c r="FR1894" s="91"/>
      <c r="FS1894" s="91"/>
      <c r="FT1894" s="91"/>
      <c r="FU1894" s="91"/>
      <c r="FV1894" s="91"/>
      <c r="FW1894" s="91"/>
      <c r="FX1894" s="91"/>
      <c r="FY1894" s="91"/>
      <c r="FZ1894" s="91"/>
      <c r="GA1894" s="91"/>
      <c r="GB1894" s="91"/>
      <c r="GC1894" s="91"/>
      <c r="GD1894" s="91"/>
      <c r="GE1894" s="91"/>
      <c r="GF1894" s="91"/>
      <c r="GG1894" s="91"/>
      <c r="GH1894" s="91"/>
      <c r="GI1894" s="91"/>
      <c r="GJ1894" s="91"/>
      <c r="GK1894" s="127"/>
      <c r="GL1894" s="126"/>
      <c r="GM1894" s="91"/>
      <c r="GN1894" s="91"/>
      <c r="GO1894" s="91"/>
      <c r="GP1894" s="91"/>
      <c r="GQ1894" s="91"/>
      <c r="GR1894" s="91"/>
      <c r="GS1894" s="91"/>
      <c r="GT1894" s="91"/>
      <c r="GU1894" s="91"/>
      <c r="GV1894" s="91"/>
      <c r="GW1894" s="91"/>
      <c r="GX1894" s="91"/>
      <c r="GY1894" s="91"/>
      <c r="GZ1894" s="91"/>
      <c r="HA1894" s="91"/>
      <c r="HB1894" s="91"/>
      <c r="HC1894" s="91"/>
      <c r="HD1894" s="91"/>
      <c r="HE1894" s="91"/>
      <c r="HF1894" s="91"/>
      <c r="HG1894" s="91"/>
      <c r="HH1894" s="91"/>
      <c r="HI1894" s="91"/>
      <c r="HJ1894" s="91"/>
      <c r="HK1894" s="127"/>
      <c r="HL1894" s="126"/>
      <c r="HM1894" s="91"/>
      <c r="HN1894" s="91"/>
      <c r="HO1894" s="91"/>
      <c r="HP1894" s="91"/>
      <c r="HQ1894" s="91"/>
      <c r="HR1894" s="91"/>
      <c r="HS1894" s="91"/>
      <c r="HT1894" s="91"/>
      <c r="HU1894" s="91"/>
      <c r="HV1894" s="91"/>
      <c r="HW1894" s="91"/>
      <c r="HX1894" s="91"/>
      <c r="HY1894" s="91"/>
      <c r="HZ1894" s="91"/>
      <c r="IA1894" s="91"/>
      <c r="IB1894" s="91"/>
      <c r="IC1894" s="91"/>
      <c r="ID1894" s="91"/>
      <c r="IE1894" s="91"/>
      <c r="IF1894" s="91"/>
      <c r="IG1894" s="91"/>
      <c r="IH1894" s="91"/>
      <c r="II1894" s="91"/>
      <c r="IJ1894" s="91"/>
      <c r="IK1894" s="127"/>
    </row>
    <row r="1895" spans="2:245" x14ac:dyDescent="0.2">
      <c r="B1895" s="43"/>
      <c r="C1895" s="73"/>
      <c r="D1895" s="64"/>
      <c r="E1895" s="64"/>
      <c r="F1895" s="55"/>
      <c r="G1895" s="102"/>
      <c r="H1895" s="55"/>
      <c r="I1895" s="55"/>
      <c r="J1895" s="55"/>
      <c r="K1895" s="55"/>
      <c r="L1895" s="55"/>
      <c r="M1895" s="55"/>
      <c r="N1895" s="55"/>
      <c r="O1895" s="55"/>
      <c r="P1895" s="55"/>
      <c r="Q1895" s="55"/>
      <c r="R1895" s="55"/>
      <c r="S1895" s="55"/>
      <c r="T1895" s="55"/>
      <c r="U1895" s="55"/>
      <c r="V1895" s="55"/>
      <c r="W1895" s="55"/>
      <c r="X1895" s="55"/>
      <c r="Y1895" s="55"/>
      <c r="Z1895" s="55"/>
      <c r="AA1895" s="55"/>
      <c r="AB1895" s="55"/>
      <c r="AC1895" s="55"/>
      <c r="AD1895" s="55"/>
      <c r="AE1895" s="55"/>
      <c r="AF1895" s="55"/>
      <c r="AG1895" s="55"/>
      <c r="AY1895" s="162"/>
      <c r="AZ1895" s="162"/>
      <c r="BA1895" s="162"/>
      <c r="BB1895" s="162"/>
      <c r="BC1895" s="162"/>
      <c r="BD1895" s="162"/>
      <c r="BE1895" s="162"/>
      <c r="BF1895" s="162"/>
      <c r="BG1895" s="162"/>
      <c r="BH1895" s="162"/>
      <c r="BI1895" s="162"/>
      <c r="BJ1895" s="162"/>
      <c r="BK1895" s="162"/>
      <c r="BL1895" s="162"/>
      <c r="BM1895" s="162"/>
      <c r="BN1895" s="162"/>
      <c r="BO1895" s="162"/>
      <c r="BP1895" s="162"/>
      <c r="BQ1895" s="162"/>
      <c r="BR1895" s="162"/>
      <c r="BS1895" s="162"/>
      <c r="BT1895" s="162"/>
      <c r="BU1895" s="162"/>
      <c r="BV1895" s="162"/>
      <c r="BW1895" s="162"/>
      <c r="BX1895" s="162"/>
      <c r="BY1895" s="162"/>
      <c r="BZ1895" s="162"/>
      <c r="CA1895" s="162"/>
      <c r="CB1895" s="162"/>
      <c r="CC1895" s="162"/>
      <c r="CD1895" s="162"/>
      <c r="CE1895" s="162"/>
      <c r="CF1895" s="162"/>
      <c r="CG1895" s="162"/>
      <c r="CH1895" s="162"/>
      <c r="CI1895" s="162"/>
      <c r="CJ1895" s="162"/>
      <c r="CK1895" s="162"/>
      <c r="CX1895" s="98"/>
      <c r="DL1895" s="97"/>
      <c r="DX1895" s="98"/>
      <c r="EL1895" s="97"/>
      <c r="EX1895" s="98"/>
      <c r="EY1895" s="97"/>
      <c r="FL1895" s="126"/>
      <c r="FM1895" s="91"/>
      <c r="FN1895" s="91"/>
      <c r="FO1895" s="91"/>
      <c r="FP1895" s="91"/>
      <c r="FQ1895" s="91"/>
      <c r="FR1895" s="91"/>
      <c r="FS1895" s="91"/>
      <c r="FT1895" s="91"/>
      <c r="FU1895" s="91"/>
      <c r="FV1895" s="91"/>
      <c r="FW1895" s="91"/>
      <c r="FX1895" s="91"/>
      <c r="FY1895" s="91"/>
      <c r="FZ1895" s="91"/>
      <c r="GA1895" s="91"/>
      <c r="GB1895" s="91"/>
      <c r="GC1895" s="91"/>
      <c r="GD1895" s="91"/>
      <c r="GE1895" s="91"/>
      <c r="GF1895" s="91"/>
      <c r="GG1895" s="91"/>
      <c r="GH1895" s="91"/>
      <c r="GI1895" s="91"/>
      <c r="GJ1895" s="91"/>
      <c r="GK1895" s="127"/>
      <c r="GL1895" s="126"/>
      <c r="GM1895" s="91"/>
      <c r="GN1895" s="91"/>
      <c r="GO1895" s="91"/>
      <c r="GP1895" s="91"/>
      <c r="GQ1895" s="91"/>
      <c r="GR1895" s="91"/>
      <c r="GS1895" s="91"/>
      <c r="GT1895" s="91"/>
      <c r="GU1895" s="91"/>
      <c r="GV1895" s="91"/>
      <c r="GW1895" s="91"/>
      <c r="GX1895" s="91"/>
      <c r="GY1895" s="91"/>
      <c r="GZ1895" s="91"/>
      <c r="HA1895" s="91"/>
      <c r="HB1895" s="91"/>
      <c r="HC1895" s="91"/>
      <c r="HD1895" s="91"/>
      <c r="HE1895" s="91"/>
      <c r="HF1895" s="91"/>
      <c r="HG1895" s="91"/>
      <c r="HH1895" s="91"/>
      <c r="HI1895" s="91"/>
      <c r="HJ1895" s="91"/>
      <c r="HK1895" s="127"/>
      <c r="HL1895" s="126"/>
      <c r="HM1895" s="91"/>
      <c r="HN1895" s="91"/>
      <c r="HO1895" s="91"/>
      <c r="HP1895" s="91"/>
      <c r="HQ1895" s="91"/>
      <c r="HR1895" s="91"/>
      <c r="HS1895" s="91"/>
      <c r="HT1895" s="91"/>
      <c r="HU1895" s="91"/>
      <c r="HV1895" s="91"/>
      <c r="HW1895" s="91"/>
      <c r="HX1895" s="91"/>
      <c r="HY1895" s="91"/>
      <c r="HZ1895" s="91"/>
      <c r="IA1895" s="91"/>
      <c r="IB1895" s="91"/>
      <c r="IC1895" s="91"/>
      <c r="ID1895" s="91"/>
      <c r="IE1895" s="91"/>
      <c r="IF1895" s="91"/>
      <c r="IG1895" s="91"/>
      <c r="IH1895" s="91"/>
      <c r="II1895" s="91"/>
      <c r="IJ1895" s="91"/>
      <c r="IK1895" s="127"/>
    </row>
    <row r="1896" spans="2:245" x14ac:dyDescent="0.2">
      <c r="B1896" s="43"/>
      <c r="C1896" s="73"/>
      <c r="D1896" s="64"/>
      <c r="E1896" s="64"/>
      <c r="F1896" s="55"/>
      <c r="G1896" s="102"/>
      <c r="H1896" s="55"/>
      <c r="I1896" s="55"/>
      <c r="J1896" s="55"/>
      <c r="K1896" s="55"/>
      <c r="L1896" s="55"/>
      <c r="M1896" s="55"/>
      <c r="N1896" s="55"/>
      <c r="O1896" s="55"/>
      <c r="P1896" s="55"/>
      <c r="Q1896" s="55"/>
      <c r="R1896" s="55"/>
      <c r="S1896" s="55"/>
      <c r="T1896" s="55"/>
      <c r="U1896" s="55"/>
      <c r="V1896" s="55"/>
      <c r="W1896" s="55"/>
      <c r="X1896" s="55"/>
      <c r="Y1896" s="55"/>
      <c r="Z1896" s="55"/>
      <c r="AA1896" s="55"/>
      <c r="AB1896" s="55"/>
      <c r="AC1896" s="55"/>
      <c r="AD1896" s="55"/>
      <c r="AE1896" s="55"/>
      <c r="AF1896" s="55"/>
      <c r="AG1896" s="55"/>
      <c r="AY1896" s="162"/>
      <c r="AZ1896" s="162"/>
      <c r="BA1896" s="162"/>
      <c r="BB1896" s="162"/>
      <c r="BC1896" s="162"/>
      <c r="BD1896" s="162"/>
      <c r="BE1896" s="162"/>
      <c r="BF1896" s="162"/>
      <c r="BG1896" s="162"/>
      <c r="BH1896" s="162"/>
      <c r="BI1896" s="162"/>
      <c r="BJ1896" s="162"/>
      <c r="BK1896" s="162"/>
      <c r="BL1896" s="162"/>
      <c r="BM1896" s="162"/>
      <c r="BN1896" s="162"/>
      <c r="BO1896" s="162"/>
      <c r="BP1896" s="162"/>
      <c r="BQ1896" s="162"/>
      <c r="BR1896" s="162"/>
      <c r="BS1896" s="162"/>
      <c r="BT1896" s="162"/>
      <c r="BU1896" s="162"/>
      <c r="BV1896" s="162"/>
      <c r="BW1896" s="162"/>
      <c r="BX1896" s="162"/>
      <c r="BY1896" s="162"/>
      <c r="BZ1896" s="162"/>
      <c r="CA1896" s="162"/>
      <c r="CB1896" s="162"/>
      <c r="CC1896" s="162"/>
      <c r="CD1896" s="162"/>
      <c r="CE1896" s="162"/>
      <c r="CF1896" s="162"/>
      <c r="CG1896" s="162"/>
      <c r="CH1896" s="162"/>
      <c r="CI1896" s="162"/>
      <c r="CJ1896" s="162"/>
      <c r="CK1896" s="162"/>
      <c r="CX1896" s="98"/>
      <c r="DL1896" s="97"/>
      <c r="DX1896" s="98"/>
      <c r="EL1896" s="97"/>
      <c r="EX1896" s="98"/>
      <c r="EY1896" s="97"/>
      <c r="FL1896" s="126"/>
      <c r="FM1896" s="91"/>
      <c r="FN1896" s="91"/>
      <c r="FO1896" s="91"/>
      <c r="FP1896" s="91"/>
      <c r="FQ1896" s="91"/>
      <c r="FR1896" s="91"/>
      <c r="FS1896" s="91"/>
      <c r="FT1896" s="91"/>
      <c r="FU1896" s="91"/>
      <c r="FV1896" s="91"/>
      <c r="FW1896" s="91"/>
      <c r="FX1896" s="91"/>
      <c r="FY1896" s="91"/>
      <c r="FZ1896" s="91"/>
      <c r="GA1896" s="91"/>
      <c r="GB1896" s="91"/>
      <c r="GC1896" s="91"/>
      <c r="GD1896" s="91"/>
      <c r="GE1896" s="91"/>
      <c r="GF1896" s="91"/>
      <c r="GG1896" s="91"/>
      <c r="GH1896" s="91"/>
      <c r="GI1896" s="91"/>
      <c r="GJ1896" s="91"/>
      <c r="GK1896" s="127"/>
      <c r="GL1896" s="126"/>
      <c r="GM1896" s="91"/>
      <c r="GN1896" s="91"/>
      <c r="GO1896" s="91"/>
      <c r="GP1896" s="91"/>
      <c r="GQ1896" s="91"/>
      <c r="GR1896" s="91"/>
      <c r="GS1896" s="91"/>
      <c r="GT1896" s="91"/>
      <c r="GU1896" s="91"/>
      <c r="GV1896" s="91"/>
      <c r="GW1896" s="91"/>
      <c r="GX1896" s="91"/>
      <c r="GY1896" s="91"/>
      <c r="GZ1896" s="91"/>
      <c r="HA1896" s="91"/>
      <c r="HB1896" s="91"/>
      <c r="HC1896" s="91"/>
      <c r="HD1896" s="91"/>
      <c r="HE1896" s="91"/>
      <c r="HF1896" s="91"/>
      <c r="HG1896" s="91"/>
      <c r="HH1896" s="91"/>
      <c r="HI1896" s="91"/>
      <c r="HJ1896" s="91"/>
      <c r="HK1896" s="127"/>
      <c r="HL1896" s="126"/>
      <c r="HM1896" s="91"/>
      <c r="HN1896" s="91"/>
      <c r="HO1896" s="91"/>
      <c r="HP1896" s="91"/>
      <c r="HQ1896" s="91"/>
      <c r="HR1896" s="91"/>
      <c r="HS1896" s="91"/>
      <c r="HT1896" s="91"/>
      <c r="HU1896" s="91"/>
      <c r="HV1896" s="91"/>
      <c r="HW1896" s="91"/>
      <c r="HX1896" s="91"/>
      <c r="HY1896" s="91"/>
      <c r="HZ1896" s="91"/>
      <c r="IA1896" s="91"/>
      <c r="IB1896" s="91"/>
      <c r="IC1896" s="91"/>
      <c r="ID1896" s="91"/>
      <c r="IE1896" s="91"/>
      <c r="IF1896" s="91"/>
      <c r="IG1896" s="91"/>
      <c r="IH1896" s="91"/>
      <c r="II1896" s="91"/>
      <c r="IJ1896" s="91"/>
      <c r="IK1896" s="127"/>
    </row>
    <row r="1897" spans="2:245" x14ac:dyDescent="0.2">
      <c r="B1897" s="43"/>
      <c r="C1897" s="73"/>
      <c r="D1897" s="64"/>
      <c r="E1897" s="64"/>
      <c r="F1897" s="55"/>
      <c r="G1897" s="102"/>
      <c r="H1897" s="55"/>
      <c r="I1897" s="55"/>
      <c r="J1897" s="55"/>
      <c r="K1897" s="55"/>
      <c r="L1897" s="55"/>
      <c r="M1897" s="55"/>
      <c r="N1897" s="55"/>
      <c r="O1897" s="55"/>
      <c r="P1897" s="55"/>
      <c r="Q1897" s="55"/>
      <c r="R1897" s="55"/>
      <c r="S1897" s="55"/>
      <c r="T1897" s="55"/>
      <c r="U1897" s="55"/>
      <c r="V1897" s="55"/>
      <c r="W1897" s="55"/>
      <c r="X1897" s="55"/>
      <c r="Y1897" s="55"/>
      <c r="Z1897" s="55"/>
      <c r="AA1897" s="55"/>
      <c r="AB1897" s="55"/>
      <c r="AC1897" s="55"/>
      <c r="AD1897" s="55"/>
      <c r="AE1897" s="55"/>
      <c r="AF1897" s="55"/>
      <c r="AG1897" s="55"/>
      <c r="AY1897" s="162"/>
      <c r="AZ1897" s="162"/>
      <c r="BA1897" s="162"/>
      <c r="BB1897" s="162"/>
      <c r="BC1897" s="162"/>
      <c r="BD1897" s="162"/>
      <c r="BE1897" s="162"/>
      <c r="BF1897" s="162"/>
      <c r="BG1897" s="162"/>
      <c r="BH1897" s="162"/>
      <c r="BI1897" s="162"/>
      <c r="BJ1897" s="162"/>
      <c r="BK1897" s="162"/>
      <c r="BL1897" s="162"/>
      <c r="BM1897" s="162"/>
      <c r="BN1897" s="162"/>
      <c r="BO1897" s="162"/>
      <c r="BP1897" s="162"/>
      <c r="BQ1897" s="162"/>
      <c r="BR1897" s="162"/>
      <c r="BS1897" s="162"/>
      <c r="BT1897" s="162"/>
      <c r="BU1897" s="162"/>
      <c r="BV1897" s="162"/>
      <c r="BW1897" s="162"/>
      <c r="BX1897" s="162"/>
      <c r="BY1897" s="162"/>
      <c r="BZ1897" s="162"/>
      <c r="CA1897" s="162"/>
      <c r="CB1897" s="162"/>
      <c r="CC1897" s="162"/>
      <c r="CD1897" s="162"/>
      <c r="CE1897" s="162"/>
      <c r="CF1897" s="162"/>
      <c r="CG1897" s="162"/>
      <c r="CH1897" s="162"/>
      <c r="CI1897" s="162"/>
      <c r="CJ1897" s="162"/>
      <c r="CK1897" s="162"/>
      <c r="CX1897" s="98"/>
      <c r="DL1897" s="97"/>
      <c r="DX1897" s="98"/>
      <c r="EL1897" s="97"/>
      <c r="EX1897" s="98"/>
      <c r="EY1897" s="97"/>
      <c r="FL1897" s="126"/>
      <c r="FM1897" s="91"/>
      <c r="FN1897" s="91"/>
      <c r="FO1897" s="91"/>
      <c r="FP1897" s="91"/>
      <c r="FQ1897" s="91"/>
      <c r="FR1897" s="91"/>
      <c r="FS1897" s="91"/>
      <c r="FT1897" s="91"/>
      <c r="FU1897" s="91"/>
      <c r="FV1897" s="91"/>
      <c r="FW1897" s="91"/>
      <c r="FX1897" s="91"/>
      <c r="FY1897" s="91"/>
      <c r="FZ1897" s="91"/>
      <c r="GA1897" s="91"/>
      <c r="GB1897" s="91"/>
      <c r="GC1897" s="91"/>
      <c r="GD1897" s="91"/>
      <c r="GE1897" s="91"/>
      <c r="GF1897" s="91"/>
      <c r="GG1897" s="91"/>
      <c r="GH1897" s="91"/>
      <c r="GI1897" s="91"/>
      <c r="GJ1897" s="91"/>
      <c r="GK1897" s="127"/>
      <c r="GL1897" s="126"/>
      <c r="GM1897" s="91"/>
      <c r="GN1897" s="91"/>
      <c r="GO1897" s="91"/>
      <c r="GP1897" s="91"/>
      <c r="GQ1897" s="91"/>
      <c r="GR1897" s="91"/>
      <c r="GS1897" s="91"/>
      <c r="GT1897" s="91"/>
      <c r="GU1897" s="91"/>
      <c r="GV1897" s="91"/>
      <c r="GW1897" s="91"/>
      <c r="GX1897" s="91"/>
      <c r="GY1897" s="91"/>
      <c r="GZ1897" s="91"/>
      <c r="HA1897" s="91"/>
      <c r="HB1897" s="91"/>
      <c r="HC1897" s="91"/>
      <c r="HD1897" s="91"/>
      <c r="HE1897" s="91"/>
      <c r="HF1897" s="91"/>
      <c r="HG1897" s="91"/>
      <c r="HH1897" s="91"/>
      <c r="HI1897" s="91"/>
      <c r="HJ1897" s="91"/>
      <c r="HK1897" s="127"/>
      <c r="HL1897" s="126"/>
      <c r="HM1897" s="91"/>
      <c r="HN1897" s="91"/>
      <c r="HO1897" s="91"/>
      <c r="HP1897" s="91"/>
      <c r="HQ1897" s="91"/>
      <c r="HR1897" s="91"/>
      <c r="HS1897" s="91"/>
      <c r="HT1897" s="91"/>
      <c r="HU1897" s="91"/>
      <c r="HV1897" s="91"/>
      <c r="HW1897" s="91"/>
      <c r="HX1897" s="91"/>
      <c r="HY1897" s="91"/>
      <c r="HZ1897" s="91"/>
      <c r="IA1897" s="91"/>
      <c r="IB1897" s="91"/>
      <c r="IC1897" s="91"/>
      <c r="ID1897" s="91"/>
      <c r="IE1897" s="91"/>
      <c r="IF1897" s="91"/>
      <c r="IG1897" s="91"/>
      <c r="IH1897" s="91"/>
      <c r="II1897" s="91"/>
      <c r="IJ1897" s="91"/>
      <c r="IK1897" s="127"/>
    </row>
    <row r="1898" spans="2:245" x14ac:dyDescent="0.2">
      <c r="B1898" s="43"/>
      <c r="C1898" s="73"/>
      <c r="D1898" s="64"/>
      <c r="E1898" s="64"/>
      <c r="F1898" s="55"/>
      <c r="G1898" s="102"/>
      <c r="H1898" s="55"/>
      <c r="I1898" s="55"/>
      <c r="J1898" s="55"/>
      <c r="K1898" s="55"/>
      <c r="L1898" s="55"/>
      <c r="M1898" s="55"/>
      <c r="N1898" s="55"/>
      <c r="O1898" s="55"/>
      <c r="P1898" s="55"/>
      <c r="Q1898" s="55"/>
      <c r="R1898" s="55"/>
      <c r="S1898" s="55"/>
      <c r="T1898" s="55"/>
      <c r="U1898" s="55"/>
      <c r="V1898" s="55"/>
      <c r="W1898" s="55"/>
      <c r="X1898" s="55"/>
      <c r="Y1898" s="55"/>
      <c r="Z1898" s="55"/>
      <c r="AA1898" s="55"/>
      <c r="AB1898" s="55"/>
      <c r="AC1898" s="55"/>
      <c r="AD1898" s="55"/>
      <c r="AE1898" s="55"/>
      <c r="AF1898" s="55"/>
      <c r="AG1898" s="55"/>
      <c r="AY1898" s="162"/>
      <c r="AZ1898" s="162"/>
      <c r="BA1898" s="162"/>
      <c r="BB1898" s="162"/>
      <c r="BC1898" s="162"/>
      <c r="BD1898" s="162"/>
      <c r="BE1898" s="162"/>
      <c r="BF1898" s="162"/>
      <c r="BG1898" s="162"/>
      <c r="BH1898" s="162"/>
      <c r="BI1898" s="162"/>
      <c r="BJ1898" s="162"/>
      <c r="BK1898" s="162"/>
      <c r="BL1898" s="162"/>
      <c r="BM1898" s="162"/>
      <c r="BN1898" s="162"/>
      <c r="BO1898" s="162"/>
      <c r="BP1898" s="162"/>
      <c r="BQ1898" s="162"/>
      <c r="BR1898" s="162"/>
      <c r="BS1898" s="162"/>
      <c r="BT1898" s="162"/>
      <c r="BU1898" s="162"/>
      <c r="BV1898" s="162"/>
      <c r="BW1898" s="162"/>
      <c r="BX1898" s="162"/>
      <c r="BY1898" s="162"/>
      <c r="BZ1898" s="162"/>
      <c r="CA1898" s="162"/>
      <c r="CB1898" s="162"/>
      <c r="CC1898" s="162"/>
      <c r="CD1898" s="162"/>
      <c r="CE1898" s="162"/>
      <c r="CF1898" s="162"/>
      <c r="CG1898" s="162"/>
      <c r="CH1898" s="162"/>
      <c r="CI1898" s="162"/>
      <c r="CJ1898" s="162"/>
      <c r="CK1898" s="162"/>
      <c r="CX1898" s="98"/>
      <c r="DL1898" s="97"/>
      <c r="DX1898" s="98"/>
      <c r="EL1898" s="97"/>
      <c r="EX1898" s="98"/>
      <c r="EY1898" s="97"/>
      <c r="FL1898" s="126"/>
      <c r="FM1898" s="91"/>
      <c r="FN1898" s="91"/>
      <c r="FO1898" s="91"/>
      <c r="FP1898" s="91"/>
      <c r="FQ1898" s="91"/>
      <c r="FR1898" s="91"/>
      <c r="FS1898" s="91"/>
      <c r="FT1898" s="91"/>
      <c r="FU1898" s="91"/>
      <c r="FV1898" s="91"/>
      <c r="FW1898" s="91"/>
      <c r="FX1898" s="91"/>
      <c r="FY1898" s="91"/>
      <c r="FZ1898" s="91"/>
      <c r="GA1898" s="91"/>
      <c r="GB1898" s="91"/>
      <c r="GC1898" s="91"/>
      <c r="GD1898" s="91"/>
      <c r="GE1898" s="91"/>
      <c r="GF1898" s="91"/>
      <c r="GG1898" s="91"/>
      <c r="GH1898" s="91"/>
      <c r="GI1898" s="91"/>
      <c r="GJ1898" s="91"/>
      <c r="GK1898" s="127"/>
      <c r="GL1898" s="126"/>
      <c r="GM1898" s="91"/>
      <c r="GN1898" s="91"/>
      <c r="GO1898" s="91"/>
      <c r="GP1898" s="91"/>
      <c r="GQ1898" s="91"/>
      <c r="GR1898" s="91"/>
      <c r="GS1898" s="91"/>
      <c r="GT1898" s="91"/>
      <c r="GU1898" s="91"/>
      <c r="GV1898" s="91"/>
      <c r="GW1898" s="91"/>
      <c r="GX1898" s="91"/>
      <c r="GY1898" s="91"/>
      <c r="GZ1898" s="91"/>
      <c r="HA1898" s="91"/>
      <c r="HB1898" s="91"/>
      <c r="HC1898" s="91"/>
      <c r="HD1898" s="91"/>
      <c r="HE1898" s="91"/>
      <c r="HF1898" s="91"/>
      <c r="HG1898" s="91"/>
      <c r="HH1898" s="91"/>
      <c r="HI1898" s="91"/>
      <c r="HJ1898" s="91"/>
      <c r="HK1898" s="127"/>
      <c r="HL1898" s="126"/>
      <c r="HM1898" s="91"/>
      <c r="HN1898" s="91"/>
      <c r="HO1898" s="91"/>
      <c r="HP1898" s="91"/>
      <c r="HQ1898" s="91"/>
      <c r="HR1898" s="91"/>
      <c r="HS1898" s="91"/>
      <c r="HT1898" s="91"/>
      <c r="HU1898" s="91"/>
      <c r="HV1898" s="91"/>
      <c r="HW1898" s="91"/>
      <c r="HX1898" s="91"/>
      <c r="HY1898" s="91"/>
      <c r="HZ1898" s="91"/>
      <c r="IA1898" s="91"/>
      <c r="IB1898" s="91"/>
      <c r="IC1898" s="91"/>
      <c r="ID1898" s="91"/>
      <c r="IE1898" s="91"/>
      <c r="IF1898" s="91"/>
      <c r="IG1898" s="91"/>
      <c r="IH1898" s="91"/>
      <c r="II1898" s="91"/>
      <c r="IJ1898" s="91"/>
      <c r="IK1898" s="127"/>
    </row>
    <row r="1899" spans="2:245" x14ac:dyDescent="0.2">
      <c r="B1899" s="43"/>
      <c r="C1899" s="73"/>
      <c r="D1899" s="64"/>
      <c r="E1899" s="64"/>
      <c r="F1899" s="55"/>
      <c r="G1899" s="102"/>
      <c r="H1899" s="55"/>
      <c r="I1899" s="55"/>
      <c r="J1899" s="55"/>
      <c r="K1899" s="55"/>
      <c r="L1899" s="55"/>
      <c r="M1899" s="55"/>
      <c r="N1899" s="55"/>
      <c r="O1899" s="55"/>
      <c r="P1899" s="55"/>
      <c r="Q1899" s="55"/>
      <c r="R1899" s="55"/>
      <c r="S1899" s="55"/>
      <c r="T1899" s="55"/>
      <c r="U1899" s="55"/>
      <c r="V1899" s="55"/>
      <c r="W1899" s="55"/>
      <c r="X1899" s="55"/>
      <c r="Y1899" s="55"/>
      <c r="Z1899" s="55"/>
      <c r="AA1899" s="55"/>
      <c r="AB1899" s="55"/>
      <c r="AC1899" s="55"/>
      <c r="AD1899" s="55"/>
      <c r="AE1899" s="55"/>
      <c r="AF1899" s="55"/>
      <c r="AG1899" s="55"/>
      <c r="AY1899" s="162"/>
      <c r="AZ1899" s="162"/>
      <c r="BA1899" s="162"/>
      <c r="BB1899" s="162"/>
      <c r="BC1899" s="162"/>
      <c r="BD1899" s="162"/>
      <c r="BE1899" s="162"/>
      <c r="BF1899" s="162"/>
      <c r="BG1899" s="162"/>
      <c r="BH1899" s="162"/>
      <c r="BI1899" s="162"/>
      <c r="BJ1899" s="162"/>
      <c r="BK1899" s="162"/>
      <c r="BL1899" s="162"/>
      <c r="BM1899" s="162"/>
      <c r="BN1899" s="162"/>
      <c r="BO1899" s="162"/>
      <c r="BP1899" s="162"/>
      <c r="BQ1899" s="162"/>
      <c r="BR1899" s="162"/>
      <c r="BS1899" s="162"/>
      <c r="BT1899" s="162"/>
      <c r="BU1899" s="162"/>
      <c r="BV1899" s="162"/>
      <c r="BW1899" s="162"/>
      <c r="BX1899" s="162"/>
      <c r="BY1899" s="162"/>
      <c r="BZ1899" s="162"/>
      <c r="CA1899" s="162"/>
      <c r="CB1899" s="162"/>
      <c r="CC1899" s="162"/>
      <c r="CD1899" s="162"/>
      <c r="CE1899" s="162"/>
      <c r="CF1899" s="162"/>
      <c r="CG1899" s="162"/>
      <c r="CH1899" s="162"/>
      <c r="CI1899" s="162"/>
      <c r="CJ1899" s="162"/>
      <c r="CK1899" s="162"/>
      <c r="CX1899" s="98"/>
      <c r="DL1899" s="97"/>
      <c r="DX1899" s="98"/>
      <c r="EL1899" s="97"/>
      <c r="EX1899" s="98"/>
      <c r="EY1899" s="97"/>
      <c r="FL1899" s="126"/>
      <c r="FM1899" s="91"/>
      <c r="FN1899" s="91"/>
      <c r="FO1899" s="91"/>
      <c r="FP1899" s="91"/>
      <c r="FQ1899" s="91"/>
      <c r="FR1899" s="91"/>
      <c r="FS1899" s="91"/>
      <c r="FT1899" s="91"/>
      <c r="FU1899" s="91"/>
      <c r="FV1899" s="91"/>
      <c r="FW1899" s="91"/>
      <c r="FX1899" s="91"/>
      <c r="FY1899" s="91"/>
      <c r="FZ1899" s="91"/>
      <c r="GA1899" s="91"/>
      <c r="GB1899" s="91"/>
      <c r="GC1899" s="91"/>
      <c r="GD1899" s="91"/>
      <c r="GE1899" s="91"/>
      <c r="GF1899" s="91"/>
      <c r="GG1899" s="91"/>
      <c r="GH1899" s="91"/>
      <c r="GI1899" s="91"/>
      <c r="GJ1899" s="91"/>
      <c r="GK1899" s="127"/>
      <c r="GL1899" s="126"/>
      <c r="GM1899" s="91"/>
      <c r="GN1899" s="91"/>
      <c r="GO1899" s="91"/>
      <c r="GP1899" s="91"/>
      <c r="GQ1899" s="91"/>
      <c r="GR1899" s="91"/>
      <c r="GS1899" s="91"/>
      <c r="GT1899" s="91"/>
      <c r="GU1899" s="91"/>
      <c r="GV1899" s="91"/>
      <c r="GW1899" s="91"/>
      <c r="GX1899" s="91"/>
      <c r="GY1899" s="91"/>
      <c r="GZ1899" s="91"/>
      <c r="HA1899" s="91"/>
      <c r="HB1899" s="91"/>
      <c r="HC1899" s="91"/>
      <c r="HD1899" s="91"/>
      <c r="HE1899" s="91"/>
      <c r="HF1899" s="91"/>
      <c r="HG1899" s="91"/>
      <c r="HH1899" s="91"/>
      <c r="HI1899" s="91"/>
      <c r="HJ1899" s="91"/>
      <c r="HK1899" s="127"/>
      <c r="HL1899" s="126"/>
      <c r="HM1899" s="91"/>
      <c r="HN1899" s="91"/>
      <c r="HO1899" s="91"/>
      <c r="HP1899" s="91"/>
      <c r="HQ1899" s="91"/>
      <c r="HR1899" s="91"/>
      <c r="HS1899" s="91"/>
      <c r="HT1899" s="91"/>
      <c r="HU1899" s="91"/>
      <c r="HV1899" s="91"/>
      <c r="HW1899" s="91"/>
      <c r="HX1899" s="91"/>
      <c r="HY1899" s="91"/>
      <c r="HZ1899" s="91"/>
      <c r="IA1899" s="91"/>
      <c r="IB1899" s="91"/>
      <c r="IC1899" s="91"/>
      <c r="ID1899" s="91"/>
      <c r="IE1899" s="91"/>
      <c r="IF1899" s="91"/>
      <c r="IG1899" s="91"/>
      <c r="IH1899" s="91"/>
      <c r="II1899" s="91"/>
      <c r="IJ1899" s="91"/>
      <c r="IK1899" s="127"/>
    </row>
    <row r="1900" spans="2:245" x14ac:dyDescent="0.2">
      <c r="B1900" s="43"/>
      <c r="C1900" s="73"/>
      <c r="D1900" s="64"/>
      <c r="E1900" s="64"/>
      <c r="F1900" s="55"/>
      <c r="G1900" s="102"/>
      <c r="H1900" s="55"/>
      <c r="I1900" s="55"/>
      <c r="J1900" s="55"/>
      <c r="K1900" s="55"/>
      <c r="L1900" s="55"/>
      <c r="M1900" s="55"/>
      <c r="N1900" s="55"/>
      <c r="O1900" s="55"/>
      <c r="P1900" s="55"/>
      <c r="Q1900" s="55"/>
      <c r="R1900" s="55"/>
      <c r="S1900" s="55"/>
      <c r="T1900" s="55"/>
      <c r="U1900" s="55"/>
      <c r="V1900" s="55"/>
      <c r="W1900" s="55"/>
      <c r="X1900" s="55"/>
      <c r="Y1900" s="55"/>
      <c r="Z1900" s="55"/>
      <c r="AA1900" s="55"/>
      <c r="AB1900" s="55"/>
      <c r="AC1900" s="55"/>
      <c r="AD1900" s="55"/>
      <c r="AE1900" s="55"/>
      <c r="AF1900" s="55"/>
      <c r="AG1900" s="55"/>
      <c r="AY1900" s="162"/>
      <c r="AZ1900" s="162"/>
      <c r="BA1900" s="162"/>
      <c r="BB1900" s="162"/>
      <c r="BC1900" s="162"/>
      <c r="BD1900" s="162"/>
      <c r="BE1900" s="162"/>
      <c r="BF1900" s="162"/>
      <c r="BG1900" s="162"/>
      <c r="BH1900" s="162"/>
      <c r="BI1900" s="162"/>
      <c r="BJ1900" s="162"/>
      <c r="BK1900" s="162"/>
      <c r="BL1900" s="162"/>
      <c r="BM1900" s="162"/>
      <c r="BN1900" s="162"/>
      <c r="BO1900" s="162"/>
      <c r="BP1900" s="162"/>
      <c r="BQ1900" s="162"/>
      <c r="BR1900" s="162"/>
      <c r="BS1900" s="162"/>
      <c r="BT1900" s="162"/>
      <c r="BU1900" s="162"/>
      <c r="BV1900" s="162"/>
      <c r="BW1900" s="162"/>
      <c r="BX1900" s="162"/>
      <c r="BY1900" s="162"/>
      <c r="BZ1900" s="162"/>
      <c r="CA1900" s="162"/>
      <c r="CB1900" s="162"/>
      <c r="CC1900" s="162"/>
      <c r="CD1900" s="162"/>
      <c r="CE1900" s="162"/>
      <c r="CF1900" s="162"/>
      <c r="CG1900" s="162"/>
      <c r="CH1900" s="162"/>
      <c r="CI1900" s="162"/>
      <c r="CJ1900" s="162"/>
      <c r="CK1900" s="162"/>
      <c r="CX1900" s="98"/>
      <c r="DL1900" s="97"/>
      <c r="DX1900" s="98"/>
      <c r="EL1900" s="97"/>
      <c r="EX1900" s="98"/>
      <c r="EY1900" s="97"/>
      <c r="FL1900" s="126"/>
      <c r="FM1900" s="91"/>
      <c r="FN1900" s="91"/>
      <c r="FO1900" s="91"/>
      <c r="FP1900" s="91"/>
      <c r="FQ1900" s="91"/>
      <c r="FR1900" s="91"/>
      <c r="FS1900" s="91"/>
      <c r="FT1900" s="91"/>
      <c r="FU1900" s="91"/>
      <c r="FV1900" s="91"/>
      <c r="FW1900" s="91"/>
      <c r="FX1900" s="91"/>
      <c r="FY1900" s="91"/>
      <c r="FZ1900" s="91"/>
      <c r="GA1900" s="91"/>
      <c r="GB1900" s="91"/>
      <c r="GC1900" s="91"/>
      <c r="GD1900" s="91"/>
      <c r="GE1900" s="91"/>
      <c r="GF1900" s="91"/>
      <c r="GG1900" s="91"/>
      <c r="GH1900" s="91"/>
      <c r="GI1900" s="91"/>
      <c r="GJ1900" s="91"/>
      <c r="GK1900" s="127"/>
      <c r="GL1900" s="126"/>
      <c r="GM1900" s="91"/>
      <c r="GN1900" s="91"/>
      <c r="GO1900" s="91"/>
      <c r="GP1900" s="91"/>
      <c r="GQ1900" s="91"/>
      <c r="GR1900" s="91"/>
      <c r="GS1900" s="91"/>
      <c r="GT1900" s="91"/>
      <c r="GU1900" s="91"/>
      <c r="GV1900" s="91"/>
      <c r="GW1900" s="91"/>
      <c r="GX1900" s="91"/>
      <c r="GY1900" s="91"/>
      <c r="GZ1900" s="91"/>
      <c r="HA1900" s="91"/>
      <c r="HB1900" s="91"/>
      <c r="HC1900" s="91"/>
      <c r="HD1900" s="91"/>
      <c r="HE1900" s="91"/>
      <c r="HF1900" s="91"/>
      <c r="HG1900" s="91"/>
      <c r="HH1900" s="91"/>
      <c r="HI1900" s="91"/>
      <c r="HJ1900" s="91"/>
      <c r="HK1900" s="127"/>
      <c r="HL1900" s="126"/>
      <c r="HM1900" s="91"/>
      <c r="HN1900" s="91"/>
      <c r="HO1900" s="91"/>
      <c r="HP1900" s="91"/>
      <c r="HQ1900" s="91"/>
      <c r="HR1900" s="91"/>
      <c r="HS1900" s="91"/>
      <c r="HT1900" s="91"/>
      <c r="HU1900" s="91"/>
      <c r="HV1900" s="91"/>
      <c r="HW1900" s="91"/>
      <c r="HX1900" s="91"/>
      <c r="HY1900" s="91"/>
      <c r="HZ1900" s="91"/>
      <c r="IA1900" s="91"/>
      <c r="IB1900" s="91"/>
      <c r="IC1900" s="91"/>
      <c r="ID1900" s="91"/>
      <c r="IE1900" s="91"/>
      <c r="IF1900" s="91"/>
      <c r="IG1900" s="91"/>
      <c r="IH1900" s="91"/>
      <c r="II1900" s="91"/>
      <c r="IJ1900" s="91"/>
      <c r="IK1900" s="127"/>
    </row>
    <row r="1901" spans="2:245" x14ac:dyDescent="0.2">
      <c r="B1901" s="43"/>
      <c r="C1901" s="73"/>
      <c r="D1901" s="64"/>
      <c r="E1901" s="64"/>
      <c r="F1901" s="55"/>
      <c r="G1901" s="102"/>
      <c r="H1901" s="55"/>
      <c r="I1901" s="55"/>
      <c r="J1901" s="55"/>
      <c r="K1901" s="55"/>
      <c r="L1901" s="55"/>
      <c r="M1901" s="55"/>
      <c r="N1901" s="55"/>
      <c r="O1901" s="55"/>
      <c r="P1901" s="55"/>
      <c r="Q1901" s="55"/>
      <c r="R1901" s="55"/>
      <c r="S1901" s="55"/>
      <c r="T1901" s="55"/>
      <c r="U1901" s="55"/>
      <c r="V1901" s="55"/>
      <c r="W1901" s="55"/>
      <c r="X1901" s="55"/>
      <c r="Y1901" s="55"/>
      <c r="Z1901" s="55"/>
      <c r="AA1901" s="55"/>
      <c r="AB1901" s="55"/>
      <c r="AC1901" s="55"/>
      <c r="AD1901" s="55"/>
      <c r="AE1901" s="55"/>
      <c r="AF1901" s="55"/>
      <c r="AG1901" s="55"/>
      <c r="AY1901" s="162"/>
      <c r="AZ1901" s="162"/>
      <c r="BA1901" s="162"/>
      <c r="BB1901" s="162"/>
      <c r="BC1901" s="162"/>
      <c r="BD1901" s="162"/>
      <c r="BE1901" s="162"/>
      <c r="BF1901" s="162"/>
      <c r="BG1901" s="162"/>
      <c r="BH1901" s="162"/>
      <c r="BI1901" s="162"/>
      <c r="BJ1901" s="162"/>
      <c r="BK1901" s="162"/>
      <c r="BL1901" s="162"/>
      <c r="BM1901" s="162"/>
      <c r="BN1901" s="162"/>
      <c r="BO1901" s="162"/>
      <c r="BP1901" s="162"/>
      <c r="BQ1901" s="162"/>
      <c r="BR1901" s="162"/>
      <c r="BS1901" s="162"/>
      <c r="BT1901" s="162"/>
      <c r="BU1901" s="162"/>
      <c r="BV1901" s="162"/>
      <c r="BW1901" s="162"/>
      <c r="BX1901" s="162"/>
      <c r="BY1901" s="162"/>
      <c r="BZ1901" s="162"/>
      <c r="CA1901" s="162"/>
      <c r="CB1901" s="162"/>
      <c r="CC1901" s="162"/>
      <c r="CD1901" s="162"/>
      <c r="CE1901" s="162"/>
      <c r="CF1901" s="162"/>
      <c r="CG1901" s="162"/>
      <c r="CH1901" s="162"/>
      <c r="CI1901" s="162"/>
      <c r="CJ1901" s="162"/>
      <c r="CK1901" s="162"/>
      <c r="CX1901" s="98"/>
      <c r="DL1901" s="97"/>
      <c r="DX1901" s="98"/>
      <c r="EL1901" s="97"/>
      <c r="EX1901" s="98"/>
      <c r="EY1901" s="97"/>
      <c r="FL1901" s="126"/>
      <c r="FM1901" s="91"/>
      <c r="FN1901" s="91"/>
      <c r="FO1901" s="91"/>
      <c r="FP1901" s="91"/>
      <c r="FQ1901" s="91"/>
      <c r="FR1901" s="91"/>
      <c r="FS1901" s="91"/>
      <c r="FT1901" s="91"/>
      <c r="FU1901" s="91"/>
      <c r="FV1901" s="91"/>
      <c r="FW1901" s="91"/>
      <c r="FX1901" s="91"/>
      <c r="FY1901" s="91"/>
      <c r="FZ1901" s="91"/>
      <c r="GA1901" s="91"/>
      <c r="GB1901" s="91"/>
      <c r="GC1901" s="91"/>
      <c r="GD1901" s="91"/>
      <c r="GE1901" s="91"/>
      <c r="GF1901" s="91"/>
      <c r="GG1901" s="91"/>
      <c r="GH1901" s="91"/>
      <c r="GI1901" s="91"/>
      <c r="GJ1901" s="91"/>
      <c r="GK1901" s="127"/>
      <c r="GL1901" s="126"/>
      <c r="GM1901" s="91"/>
      <c r="GN1901" s="91"/>
      <c r="GO1901" s="91"/>
      <c r="GP1901" s="91"/>
      <c r="GQ1901" s="91"/>
      <c r="GR1901" s="91"/>
      <c r="GS1901" s="91"/>
      <c r="GT1901" s="91"/>
      <c r="GU1901" s="91"/>
      <c r="GV1901" s="91"/>
      <c r="GW1901" s="91"/>
      <c r="GX1901" s="91"/>
      <c r="GY1901" s="91"/>
      <c r="GZ1901" s="91"/>
      <c r="HA1901" s="91"/>
      <c r="HB1901" s="91"/>
      <c r="HC1901" s="91"/>
      <c r="HD1901" s="91"/>
      <c r="HE1901" s="91"/>
      <c r="HF1901" s="91"/>
      <c r="HG1901" s="91"/>
      <c r="HH1901" s="91"/>
      <c r="HI1901" s="91"/>
      <c r="HJ1901" s="91"/>
      <c r="HK1901" s="127"/>
      <c r="HL1901" s="126"/>
      <c r="HM1901" s="91"/>
      <c r="HN1901" s="91"/>
      <c r="HO1901" s="91"/>
      <c r="HP1901" s="91"/>
      <c r="HQ1901" s="91"/>
      <c r="HR1901" s="91"/>
      <c r="HS1901" s="91"/>
      <c r="HT1901" s="91"/>
      <c r="HU1901" s="91"/>
      <c r="HV1901" s="91"/>
      <c r="HW1901" s="91"/>
      <c r="HX1901" s="91"/>
      <c r="HY1901" s="91"/>
      <c r="HZ1901" s="91"/>
      <c r="IA1901" s="91"/>
      <c r="IB1901" s="91"/>
      <c r="IC1901" s="91"/>
      <c r="ID1901" s="91"/>
      <c r="IE1901" s="91"/>
      <c r="IF1901" s="91"/>
      <c r="IG1901" s="91"/>
      <c r="IH1901" s="91"/>
      <c r="II1901" s="91"/>
      <c r="IJ1901" s="91"/>
      <c r="IK1901" s="127"/>
    </row>
    <row r="1902" spans="2:245" x14ac:dyDescent="0.2">
      <c r="B1902" s="43"/>
      <c r="C1902" s="73"/>
      <c r="D1902" s="64"/>
      <c r="E1902" s="64"/>
      <c r="F1902" s="55"/>
      <c r="G1902" s="102"/>
      <c r="H1902" s="55"/>
      <c r="I1902" s="55"/>
      <c r="J1902" s="55"/>
      <c r="K1902" s="55"/>
      <c r="L1902" s="55"/>
      <c r="M1902" s="55"/>
      <c r="N1902" s="55"/>
      <c r="O1902" s="55"/>
      <c r="P1902" s="55"/>
      <c r="Q1902" s="55"/>
      <c r="R1902" s="55"/>
      <c r="S1902" s="55"/>
      <c r="T1902" s="55"/>
      <c r="U1902" s="55"/>
      <c r="V1902" s="55"/>
      <c r="W1902" s="55"/>
      <c r="X1902" s="55"/>
      <c r="Y1902" s="55"/>
      <c r="Z1902" s="55"/>
      <c r="AA1902" s="55"/>
      <c r="AB1902" s="55"/>
      <c r="AC1902" s="55"/>
      <c r="AD1902" s="55"/>
      <c r="AE1902" s="55"/>
      <c r="AF1902" s="55"/>
      <c r="AG1902" s="55"/>
      <c r="AY1902" s="162"/>
      <c r="AZ1902" s="162"/>
      <c r="BA1902" s="162"/>
      <c r="BB1902" s="162"/>
      <c r="BC1902" s="162"/>
      <c r="BD1902" s="162"/>
      <c r="BE1902" s="162"/>
      <c r="BF1902" s="162"/>
      <c r="BG1902" s="162"/>
      <c r="BH1902" s="162"/>
      <c r="BI1902" s="162"/>
      <c r="BJ1902" s="162"/>
      <c r="BK1902" s="162"/>
      <c r="BL1902" s="162"/>
      <c r="BM1902" s="162"/>
      <c r="BN1902" s="162"/>
      <c r="BO1902" s="162"/>
      <c r="BP1902" s="162"/>
      <c r="BQ1902" s="162"/>
      <c r="BR1902" s="162"/>
      <c r="BS1902" s="162"/>
      <c r="BT1902" s="162"/>
      <c r="BU1902" s="162"/>
      <c r="BV1902" s="162"/>
      <c r="BW1902" s="162"/>
      <c r="BX1902" s="162"/>
      <c r="BY1902" s="162"/>
      <c r="BZ1902" s="162"/>
      <c r="CA1902" s="162"/>
      <c r="CB1902" s="162"/>
      <c r="CC1902" s="162"/>
      <c r="CD1902" s="162"/>
      <c r="CE1902" s="162"/>
      <c r="CF1902" s="162"/>
      <c r="CG1902" s="162"/>
      <c r="CH1902" s="162"/>
      <c r="CI1902" s="162"/>
      <c r="CJ1902" s="162"/>
      <c r="CK1902" s="162"/>
      <c r="CX1902" s="98"/>
      <c r="DL1902" s="97"/>
      <c r="DX1902" s="98"/>
      <c r="EL1902" s="97"/>
      <c r="EX1902" s="98"/>
      <c r="EY1902" s="97"/>
      <c r="FL1902" s="126"/>
      <c r="FM1902" s="91"/>
      <c r="FN1902" s="91"/>
      <c r="FO1902" s="91"/>
      <c r="FP1902" s="91"/>
      <c r="FQ1902" s="91"/>
      <c r="FR1902" s="91"/>
      <c r="FS1902" s="91"/>
      <c r="FT1902" s="91"/>
      <c r="FU1902" s="91"/>
      <c r="FV1902" s="91"/>
      <c r="FW1902" s="91"/>
      <c r="FX1902" s="91"/>
      <c r="FY1902" s="91"/>
      <c r="FZ1902" s="91"/>
      <c r="GA1902" s="91"/>
      <c r="GB1902" s="91"/>
      <c r="GC1902" s="91"/>
      <c r="GD1902" s="91"/>
      <c r="GE1902" s="91"/>
      <c r="GF1902" s="91"/>
      <c r="GG1902" s="91"/>
      <c r="GH1902" s="91"/>
      <c r="GI1902" s="91"/>
      <c r="GJ1902" s="91"/>
      <c r="GK1902" s="127"/>
      <c r="GL1902" s="126"/>
      <c r="GM1902" s="91"/>
      <c r="GN1902" s="91"/>
      <c r="GO1902" s="91"/>
      <c r="GP1902" s="91"/>
      <c r="GQ1902" s="91"/>
      <c r="GR1902" s="91"/>
      <c r="GS1902" s="91"/>
      <c r="GT1902" s="91"/>
      <c r="GU1902" s="91"/>
      <c r="GV1902" s="91"/>
      <c r="GW1902" s="91"/>
      <c r="GX1902" s="91"/>
      <c r="GY1902" s="91"/>
      <c r="GZ1902" s="91"/>
      <c r="HA1902" s="91"/>
      <c r="HB1902" s="91"/>
      <c r="HC1902" s="91"/>
      <c r="HD1902" s="91"/>
      <c r="HE1902" s="91"/>
      <c r="HF1902" s="91"/>
      <c r="HG1902" s="91"/>
      <c r="HH1902" s="91"/>
      <c r="HI1902" s="91"/>
      <c r="HJ1902" s="91"/>
      <c r="HK1902" s="127"/>
      <c r="HL1902" s="126"/>
      <c r="HM1902" s="91"/>
      <c r="HN1902" s="91"/>
      <c r="HO1902" s="91"/>
      <c r="HP1902" s="91"/>
      <c r="HQ1902" s="91"/>
      <c r="HR1902" s="91"/>
      <c r="HS1902" s="91"/>
      <c r="HT1902" s="91"/>
      <c r="HU1902" s="91"/>
      <c r="HV1902" s="91"/>
      <c r="HW1902" s="91"/>
      <c r="HX1902" s="91"/>
      <c r="HY1902" s="91"/>
      <c r="HZ1902" s="91"/>
      <c r="IA1902" s="91"/>
      <c r="IB1902" s="91"/>
      <c r="IC1902" s="91"/>
      <c r="ID1902" s="91"/>
      <c r="IE1902" s="91"/>
      <c r="IF1902" s="91"/>
      <c r="IG1902" s="91"/>
      <c r="IH1902" s="91"/>
      <c r="II1902" s="91"/>
      <c r="IJ1902" s="91"/>
      <c r="IK1902" s="127"/>
    </row>
    <row r="1903" spans="2:245" x14ac:dyDescent="0.2">
      <c r="B1903" s="43"/>
      <c r="C1903" s="73"/>
      <c r="D1903" s="64"/>
      <c r="E1903" s="64"/>
      <c r="F1903" s="55"/>
      <c r="G1903" s="102"/>
      <c r="H1903" s="55"/>
      <c r="I1903" s="55"/>
      <c r="J1903" s="55"/>
      <c r="K1903" s="55"/>
      <c r="L1903" s="55"/>
      <c r="M1903" s="55"/>
      <c r="N1903" s="55"/>
      <c r="O1903" s="55"/>
      <c r="P1903" s="55"/>
      <c r="Q1903" s="55"/>
      <c r="R1903" s="55"/>
      <c r="S1903" s="55"/>
      <c r="T1903" s="55"/>
      <c r="U1903" s="55"/>
      <c r="V1903" s="55"/>
      <c r="W1903" s="55"/>
      <c r="X1903" s="55"/>
      <c r="Y1903" s="55"/>
      <c r="Z1903" s="55"/>
      <c r="AA1903" s="55"/>
      <c r="AB1903" s="55"/>
      <c r="AC1903" s="55"/>
      <c r="AD1903" s="55"/>
      <c r="AE1903" s="55"/>
      <c r="AF1903" s="55"/>
      <c r="AG1903" s="55"/>
      <c r="AY1903" s="162"/>
      <c r="AZ1903" s="162"/>
      <c r="BA1903" s="162"/>
      <c r="BB1903" s="162"/>
      <c r="BC1903" s="162"/>
      <c r="BD1903" s="162"/>
      <c r="BE1903" s="162"/>
      <c r="BF1903" s="162"/>
      <c r="BG1903" s="162"/>
      <c r="BH1903" s="162"/>
      <c r="BI1903" s="162"/>
      <c r="BJ1903" s="162"/>
      <c r="BK1903" s="162"/>
      <c r="BL1903" s="162"/>
      <c r="BM1903" s="162"/>
      <c r="BN1903" s="162"/>
      <c r="BO1903" s="162"/>
      <c r="BP1903" s="162"/>
      <c r="BQ1903" s="162"/>
      <c r="BR1903" s="162"/>
      <c r="BS1903" s="162"/>
      <c r="BT1903" s="162"/>
      <c r="BU1903" s="162"/>
      <c r="BV1903" s="162"/>
      <c r="BW1903" s="162"/>
      <c r="BX1903" s="162"/>
      <c r="BY1903" s="162"/>
      <c r="BZ1903" s="162"/>
      <c r="CA1903" s="162"/>
      <c r="CB1903" s="162"/>
      <c r="CC1903" s="162"/>
      <c r="CD1903" s="162"/>
      <c r="CE1903" s="162"/>
      <c r="CF1903" s="162"/>
      <c r="CG1903" s="162"/>
      <c r="CH1903" s="162"/>
      <c r="CI1903" s="162"/>
      <c r="CJ1903" s="162"/>
      <c r="CK1903" s="162"/>
      <c r="CX1903" s="98"/>
      <c r="DL1903" s="97"/>
      <c r="DX1903" s="98"/>
      <c r="EL1903" s="97"/>
      <c r="EX1903" s="98"/>
      <c r="EY1903" s="97"/>
      <c r="FL1903" s="126"/>
      <c r="FM1903" s="91"/>
      <c r="FN1903" s="91"/>
      <c r="FO1903" s="91"/>
      <c r="FP1903" s="91"/>
      <c r="FQ1903" s="91"/>
      <c r="FR1903" s="91"/>
      <c r="FS1903" s="91"/>
      <c r="FT1903" s="91"/>
      <c r="FU1903" s="91"/>
      <c r="FV1903" s="91"/>
      <c r="FW1903" s="91"/>
      <c r="FX1903" s="91"/>
      <c r="FY1903" s="91"/>
      <c r="FZ1903" s="91"/>
      <c r="GA1903" s="91"/>
      <c r="GB1903" s="91"/>
      <c r="GC1903" s="91"/>
      <c r="GD1903" s="91"/>
      <c r="GE1903" s="91"/>
      <c r="GF1903" s="91"/>
      <c r="GG1903" s="91"/>
      <c r="GH1903" s="91"/>
      <c r="GI1903" s="91"/>
      <c r="GJ1903" s="91"/>
      <c r="GK1903" s="127"/>
      <c r="GL1903" s="126"/>
      <c r="GM1903" s="91"/>
      <c r="GN1903" s="91"/>
      <c r="GO1903" s="91"/>
      <c r="GP1903" s="91"/>
      <c r="GQ1903" s="91"/>
      <c r="GR1903" s="91"/>
      <c r="GS1903" s="91"/>
      <c r="GT1903" s="91"/>
      <c r="GU1903" s="91"/>
      <c r="GV1903" s="91"/>
      <c r="GW1903" s="91"/>
      <c r="GX1903" s="91"/>
      <c r="GY1903" s="91"/>
      <c r="GZ1903" s="91"/>
      <c r="HA1903" s="91"/>
      <c r="HB1903" s="91"/>
      <c r="HC1903" s="91"/>
      <c r="HD1903" s="91"/>
      <c r="HE1903" s="91"/>
      <c r="HF1903" s="91"/>
      <c r="HG1903" s="91"/>
      <c r="HH1903" s="91"/>
      <c r="HI1903" s="91"/>
      <c r="HJ1903" s="91"/>
      <c r="HK1903" s="127"/>
      <c r="HL1903" s="126"/>
      <c r="HM1903" s="91"/>
      <c r="HN1903" s="91"/>
      <c r="HO1903" s="91"/>
      <c r="HP1903" s="91"/>
      <c r="HQ1903" s="91"/>
      <c r="HR1903" s="91"/>
      <c r="HS1903" s="91"/>
      <c r="HT1903" s="91"/>
      <c r="HU1903" s="91"/>
      <c r="HV1903" s="91"/>
      <c r="HW1903" s="91"/>
      <c r="HX1903" s="91"/>
      <c r="HY1903" s="91"/>
      <c r="HZ1903" s="91"/>
      <c r="IA1903" s="91"/>
      <c r="IB1903" s="91"/>
      <c r="IC1903" s="91"/>
      <c r="ID1903" s="91"/>
      <c r="IE1903" s="91"/>
      <c r="IF1903" s="91"/>
      <c r="IG1903" s="91"/>
      <c r="IH1903" s="91"/>
      <c r="II1903" s="91"/>
      <c r="IJ1903" s="91"/>
      <c r="IK1903" s="127"/>
    </row>
    <row r="1904" spans="2:245" x14ac:dyDescent="0.2">
      <c r="B1904" s="43"/>
      <c r="C1904" s="73"/>
      <c r="D1904" s="64"/>
      <c r="E1904" s="64"/>
      <c r="F1904" s="55"/>
      <c r="G1904" s="102"/>
      <c r="H1904" s="55"/>
      <c r="I1904" s="55"/>
      <c r="J1904" s="55"/>
      <c r="K1904" s="55"/>
      <c r="L1904" s="55"/>
      <c r="M1904" s="55"/>
      <c r="N1904" s="55"/>
      <c r="O1904" s="55"/>
      <c r="P1904" s="55"/>
      <c r="Q1904" s="55"/>
      <c r="R1904" s="55"/>
      <c r="S1904" s="55"/>
      <c r="T1904" s="55"/>
      <c r="U1904" s="55"/>
      <c r="V1904" s="55"/>
      <c r="W1904" s="55"/>
      <c r="X1904" s="55"/>
      <c r="Y1904" s="55"/>
      <c r="Z1904" s="55"/>
      <c r="AA1904" s="55"/>
      <c r="AB1904" s="55"/>
      <c r="AC1904" s="55"/>
      <c r="AD1904" s="55"/>
      <c r="AE1904" s="55"/>
      <c r="AF1904" s="55"/>
      <c r="AG1904" s="55"/>
      <c r="AY1904" s="162"/>
      <c r="AZ1904" s="162"/>
      <c r="BA1904" s="162"/>
      <c r="BB1904" s="162"/>
      <c r="BC1904" s="162"/>
      <c r="BD1904" s="162"/>
      <c r="BE1904" s="162"/>
      <c r="BF1904" s="162"/>
      <c r="BG1904" s="162"/>
      <c r="BH1904" s="162"/>
      <c r="BI1904" s="162"/>
      <c r="BJ1904" s="162"/>
      <c r="BK1904" s="162"/>
      <c r="BL1904" s="162"/>
      <c r="BM1904" s="162"/>
      <c r="BN1904" s="162"/>
      <c r="BO1904" s="162"/>
      <c r="BP1904" s="162"/>
      <c r="BQ1904" s="162"/>
      <c r="BR1904" s="162"/>
      <c r="BS1904" s="162"/>
      <c r="BT1904" s="162"/>
      <c r="BU1904" s="162"/>
      <c r="BV1904" s="162"/>
      <c r="BW1904" s="162"/>
      <c r="BX1904" s="162"/>
      <c r="BY1904" s="162"/>
      <c r="BZ1904" s="162"/>
      <c r="CA1904" s="162"/>
      <c r="CB1904" s="162"/>
      <c r="CC1904" s="162"/>
      <c r="CD1904" s="162"/>
      <c r="CE1904" s="162"/>
      <c r="CF1904" s="162"/>
      <c r="CG1904" s="162"/>
      <c r="CH1904" s="162"/>
      <c r="CI1904" s="162"/>
      <c r="CJ1904" s="162"/>
      <c r="CK1904" s="162"/>
      <c r="CX1904" s="98"/>
      <c r="DL1904" s="97"/>
      <c r="DX1904" s="98"/>
      <c r="EL1904" s="97"/>
      <c r="EX1904" s="98"/>
      <c r="EY1904" s="97"/>
      <c r="FL1904" s="126"/>
      <c r="FM1904" s="91"/>
      <c r="FN1904" s="91"/>
      <c r="FO1904" s="91"/>
      <c r="FP1904" s="91"/>
      <c r="FQ1904" s="91"/>
      <c r="FR1904" s="91"/>
      <c r="FS1904" s="91"/>
      <c r="FT1904" s="91"/>
      <c r="FU1904" s="91"/>
      <c r="FV1904" s="91"/>
      <c r="FW1904" s="91"/>
      <c r="FX1904" s="91"/>
      <c r="FY1904" s="91"/>
      <c r="FZ1904" s="91"/>
      <c r="GA1904" s="91"/>
      <c r="GB1904" s="91"/>
      <c r="GC1904" s="91"/>
      <c r="GD1904" s="91"/>
      <c r="GE1904" s="91"/>
      <c r="GF1904" s="91"/>
      <c r="GG1904" s="91"/>
      <c r="GH1904" s="91"/>
      <c r="GI1904" s="91"/>
      <c r="GJ1904" s="91"/>
      <c r="GK1904" s="127"/>
      <c r="GL1904" s="126"/>
      <c r="GM1904" s="91"/>
      <c r="GN1904" s="91"/>
      <c r="GO1904" s="91"/>
      <c r="GP1904" s="91"/>
      <c r="GQ1904" s="91"/>
      <c r="GR1904" s="91"/>
      <c r="GS1904" s="91"/>
      <c r="GT1904" s="91"/>
      <c r="GU1904" s="91"/>
      <c r="GV1904" s="91"/>
      <c r="GW1904" s="91"/>
      <c r="GX1904" s="91"/>
      <c r="GY1904" s="91"/>
      <c r="GZ1904" s="91"/>
      <c r="HA1904" s="91"/>
      <c r="HB1904" s="91"/>
      <c r="HC1904" s="91"/>
      <c r="HD1904" s="91"/>
      <c r="HE1904" s="91"/>
      <c r="HF1904" s="91"/>
      <c r="HG1904" s="91"/>
      <c r="HH1904" s="91"/>
      <c r="HI1904" s="91"/>
      <c r="HJ1904" s="91"/>
      <c r="HK1904" s="127"/>
      <c r="HL1904" s="126"/>
      <c r="HM1904" s="91"/>
      <c r="HN1904" s="91"/>
      <c r="HO1904" s="91"/>
      <c r="HP1904" s="91"/>
      <c r="HQ1904" s="91"/>
      <c r="HR1904" s="91"/>
      <c r="HS1904" s="91"/>
      <c r="HT1904" s="91"/>
      <c r="HU1904" s="91"/>
      <c r="HV1904" s="91"/>
      <c r="HW1904" s="91"/>
      <c r="HX1904" s="91"/>
      <c r="HY1904" s="91"/>
      <c r="HZ1904" s="91"/>
      <c r="IA1904" s="91"/>
      <c r="IB1904" s="91"/>
      <c r="IC1904" s="91"/>
      <c r="ID1904" s="91"/>
      <c r="IE1904" s="91"/>
      <c r="IF1904" s="91"/>
      <c r="IG1904" s="91"/>
      <c r="IH1904" s="91"/>
      <c r="II1904" s="91"/>
      <c r="IJ1904" s="91"/>
      <c r="IK1904" s="127"/>
    </row>
    <row r="1905" spans="2:245" x14ac:dyDescent="0.2">
      <c r="B1905" s="43"/>
      <c r="C1905" s="73"/>
      <c r="D1905" s="64"/>
      <c r="E1905" s="64"/>
      <c r="F1905" s="55"/>
      <c r="G1905" s="102"/>
      <c r="H1905" s="55"/>
      <c r="I1905" s="55"/>
      <c r="J1905" s="55"/>
      <c r="K1905" s="55"/>
      <c r="L1905" s="55"/>
      <c r="M1905" s="55"/>
      <c r="N1905" s="55"/>
      <c r="O1905" s="55"/>
      <c r="P1905" s="55"/>
      <c r="Q1905" s="55"/>
      <c r="R1905" s="55"/>
      <c r="S1905" s="55"/>
      <c r="T1905" s="55"/>
      <c r="U1905" s="55"/>
      <c r="V1905" s="55"/>
      <c r="W1905" s="55"/>
      <c r="X1905" s="55"/>
      <c r="Y1905" s="55"/>
      <c r="Z1905" s="55"/>
      <c r="AA1905" s="55"/>
      <c r="AB1905" s="55"/>
      <c r="AC1905" s="55"/>
      <c r="AD1905" s="55"/>
      <c r="AE1905" s="55"/>
      <c r="AF1905" s="55"/>
      <c r="AG1905" s="55"/>
      <c r="AY1905" s="162"/>
      <c r="AZ1905" s="162"/>
      <c r="BA1905" s="162"/>
      <c r="BB1905" s="162"/>
      <c r="BC1905" s="162"/>
      <c r="BD1905" s="162"/>
      <c r="BE1905" s="162"/>
      <c r="BF1905" s="162"/>
      <c r="BG1905" s="162"/>
      <c r="BH1905" s="162"/>
      <c r="BI1905" s="162"/>
      <c r="BJ1905" s="162"/>
      <c r="BK1905" s="162"/>
      <c r="BL1905" s="162"/>
      <c r="BM1905" s="162"/>
      <c r="BN1905" s="162"/>
      <c r="BO1905" s="162"/>
      <c r="BP1905" s="162"/>
      <c r="BQ1905" s="162"/>
      <c r="BR1905" s="162"/>
      <c r="BS1905" s="162"/>
      <c r="BT1905" s="162"/>
      <c r="BU1905" s="162"/>
      <c r="BV1905" s="162"/>
      <c r="BW1905" s="162"/>
      <c r="BX1905" s="162"/>
      <c r="BY1905" s="162"/>
      <c r="BZ1905" s="162"/>
      <c r="CA1905" s="162"/>
      <c r="CB1905" s="162"/>
      <c r="CC1905" s="162"/>
      <c r="CD1905" s="162"/>
      <c r="CE1905" s="162"/>
      <c r="CF1905" s="162"/>
      <c r="CG1905" s="162"/>
      <c r="CH1905" s="162"/>
      <c r="CI1905" s="162"/>
      <c r="CJ1905" s="162"/>
      <c r="CK1905" s="162"/>
      <c r="CX1905" s="98"/>
      <c r="DL1905" s="97"/>
      <c r="DX1905" s="98"/>
      <c r="EL1905" s="97"/>
      <c r="EX1905" s="98"/>
      <c r="EY1905" s="97"/>
      <c r="FL1905" s="126"/>
      <c r="FM1905" s="91"/>
      <c r="FN1905" s="91"/>
      <c r="FO1905" s="91"/>
      <c r="FP1905" s="91"/>
      <c r="FQ1905" s="91"/>
      <c r="FR1905" s="91"/>
      <c r="FS1905" s="91"/>
      <c r="FT1905" s="91"/>
      <c r="FU1905" s="91"/>
      <c r="FV1905" s="91"/>
      <c r="FW1905" s="91"/>
      <c r="FX1905" s="91"/>
      <c r="FY1905" s="91"/>
      <c r="FZ1905" s="91"/>
      <c r="GA1905" s="91"/>
      <c r="GB1905" s="91"/>
      <c r="GC1905" s="91"/>
      <c r="GD1905" s="91"/>
      <c r="GE1905" s="91"/>
      <c r="GF1905" s="91"/>
      <c r="GG1905" s="91"/>
      <c r="GH1905" s="91"/>
      <c r="GI1905" s="91"/>
      <c r="GJ1905" s="91"/>
      <c r="GK1905" s="127"/>
      <c r="GL1905" s="126"/>
      <c r="GM1905" s="91"/>
      <c r="GN1905" s="91"/>
      <c r="GO1905" s="91"/>
      <c r="GP1905" s="91"/>
      <c r="GQ1905" s="91"/>
      <c r="GR1905" s="91"/>
      <c r="GS1905" s="91"/>
      <c r="GT1905" s="91"/>
      <c r="GU1905" s="91"/>
      <c r="GV1905" s="91"/>
      <c r="GW1905" s="91"/>
      <c r="GX1905" s="91"/>
      <c r="GY1905" s="91"/>
      <c r="GZ1905" s="91"/>
      <c r="HA1905" s="91"/>
      <c r="HB1905" s="91"/>
      <c r="HC1905" s="91"/>
      <c r="HD1905" s="91"/>
      <c r="HE1905" s="91"/>
      <c r="HF1905" s="91"/>
      <c r="HG1905" s="91"/>
      <c r="HH1905" s="91"/>
      <c r="HI1905" s="91"/>
      <c r="HJ1905" s="91"/>
      <c r="HK1905" s="127"/>
      <c r="HL1905" s="126"/>
      <c r="HM1905" s="91"/>
      <c r="HN1905" s="91"/>
      <c r="HO1905" s="91"/>
      <c r="HP1905" s="91"/>
      <c r="HQ1905" s="91"/>
      <c r="HR1905" s="91"/>
      <c r="HS1905" s="91"/>
      <c r="HT1905" s="91"/>
      <c r="HU1905" s="91"/>
      <c r="HV1905" s="91"/>
      <c r="HW1905" s="91"/>
      <c r="HX1905" s="91"/>
      <c r="HY1905" s="91"/>
      <c r="HZ1905" s="91"/>
      <c r="IA1905" s="91"/>
      <c r="IB1905" s="91"/>
      <c r="IC1905" s="91"/>
      <c r="ID1905" s="91"/>
      <c r="IE1905" s="91"/>
      <c r="IF1905" s="91"/>
      <c r="IG1905" s="91"/>
      <c r="IH1905" s="91"/>
      <c r="II1905" s="91"/>
      <c r="IJ1905" s="91"/>
      <c r="IK1905" s="127"/>
    </row>
    <row r="1906" spans="2:245" x14ac:dyDescent="0.2">
      <c r="B1906" s="43"/>
      <c r="C1906" s="73"/>
      <c r="D1906" s="64"/>
      <c r="E1906" s="64"/>
      <c r="F1906" s="55"/>
      <c r="G1906" s="102"/>
      <c r="H1906" s="55"/>
      <c r="I1906" s="55"/>
      <c r="J1906" s="55"/>
      <c r="K1906" s="55"/>
      <c r="L1906" s="55"/>
      <c r="M1906" s="55"/>
      <c r="N1906" s="55"/>
      <c r="O1906" s="55"/>
      <c r="P1906" s="55"/>
      <c r="Q1906" s="55"/>
      <c r="R1906" s="55"/>
      <c r="S1906" s="55"/>
      <c r="T1906" s="55"/>
      <c r="U1906" s="55"/>
      <c r="V1906" s="55"/>
      <c r="W1906" s="55"/>
      <c r="X1906" s="55"/>
      <c r="Y1906" s="55"/>
      <c r="Z1906" s="55"/>
      <c r="AA1906" s="55"/>
      <c r="AB1906" s="55"/>
      <c r="AC1906" s="55"/>
      <c r="AD1906" s="55"/>
      <c r="AE1906" s="55"/>
      <c r="AF1906" s="55"/>
      <c r="AG1906" s="55"/>
      <c r="AY1906" s="162"/>
      <c r="AZ1906" s="162"/>
      <c r="BA1906" s="162"/>
      <c r="BB1906" s="162"/>
      <c r="BC1906" s="162"/>
      <c r="BD1906" s="162"/>
      <c r="BE1906" s="162"/>
      <c r="BF1906" s="162"/>
      <c r="BG1906" s="162"/>
      <c r="BH1906" s="162"/>
      <c r="BI1906" s="162"/>
      <c r="BJ1906" s="162"/>
      <c r="BK1906" s="162"/>
      <c r="BL1906" s="162"/>
      <c r="BM1906" s="162"/>
      <c r="BN1906" s="162"/>
      <c r="BO1906" s="162"/>
      <c r="BP1906" s="162"/>
      <c r="BQ1906" s="162"/>
      <c r="BR1906" s="162"/>
      <c r="BS1906" s="162"/>
      <c r="BT1906" s="162"/>
      <c r="BU1906" s="162"/>
      <c r="BV1906" s="162"/>
      <c r="BW1906" s="162"/>
      <c r="BX1906" s="162"/>
      <c r="BY1906" s="162"/>
      <c r="BZ1906" s="162"/>
      <c r="CA1906" s="162"/>
      <c r="CB1906" s="162"/>
      <c r="CC1906" s="162"/>
      <c r="CD1906" s="162"/>
      <c r="CE1906" s="162"/>
      <c r="CF1906" s="162"/>
      <c r="CG1906" s="162"/>
      <c r="CH1906" s="162"/>
      <c r="CI1906" s="162"/>
      <c r="CJ1906" s="162"/>
      <c r="CK1906" s="162"/>
      <c r="CX1906" s="98"/>
      <c r="DL1906" s="97"/>
      <c r="DX1906" s="98"/>
      <c r="EL1906" s="97"/>
      <c r="EX1906" s="98"/>
      <c r="EY1906" s="97"/>
      <c r="FL1906" s="126"/>
      <c r="FM1906" s="91"/>
      <c r="FN1906" s="91"/>
      <c r="FO1906" s="91"/>
      <c r="FP1906" s="91"/>
      <c r="FQ1906" s="91"/>
      <c r="FR1906" s="91"/>
      <c r="FS1906" s="91"/>
      <c r="FT1906" s="91"/>
      <c r="FU1906" s="91"/>
      <c r="FV1906" s="91"/>
      <c r="FW1906" s="91"/>
      <c r="FX1906" s="91"/>
      <c r="FY1906" s="91"/>
      <c r="FZ1906" s="91"/>
      <c r="GA1906" s="91"/>
      <c r="GB1906" s="91"/>
      <c r="GC1906" s="91"/>
      <c r="GD1906" s="91"/>
      <c r="GE1906" s="91"/>
      <c r="GF1906" s="91"/>
      <c r="GG1906" s="91"/>
      <c r="GH1906" s="91"/>
      <c r="GI1906" s="91"/>
      <c r="GJ1906" s="91"/>
      <c r="GK1906" s="127"/>
      <c r="GL1906" s="126"/>
      <c r="GM1906" s="91"/>
      <c r="GN1906" s="91"/>
      <c r="GO1906" s="91"/>
      <c r="GP1906" s="91"/>
      <c r="GQ1906" s="91"/>
      <c r="GR1906" s="91"/>
      <c r="GS1906" s="91"/>
      <c r="GT1906" s="91"/>
      <c r="GU1906" s="91"/>
      <c r="GV1906" s="91"/>
      <c r="GW1906" s="91"/>
      <c r="GX1906" s="91"/>
      <c r="GY1906" s="91"/>
      <c r="GZ1906" s="91"/>
      <c r="HA1906" s="91"/>
      <c r="HB1906" s="91"/>
      <c r="HC1906" s="91"/>
      <c r="HD1906" s="91"/>
      <c r="HE1906" s="91"/>
      <c r="HF1906" s="91"/>
      <c r="HG1906" s="91"/>
      <c r="HH1906" s="91"/>
      <c r="HI1906" s="91"/>
      <c r="HJ1906" s="91"/>
      <c r="HK1906" s="127"/>
      <c r="HL1906" s="126"/>
      <c r="HM1906" s="91"/>
      <c r="HN1906" s="91"/>
      <c r="HO1906" s="91"/>
      <c r="HP1906" s="91"/>
      <c r="HQ1906" s="91"/>
      <c r="HR1906" s="91"/>
      <c r="HS1906" s="91"/>
      <c r="HT1906" s="91"/>
      <c r="HU1906" s="91"/>
      <c r="HV1906" s="91"/>
      <c r="HW1906" s="91"/>
      <c r="HX1906" s="91"/>
      <c r="HY1906" s="91"/>
      <c r="HZ1906" s="91"/>
      <c r="IA1906" s="91"/>
      <c r="IB1906" s="91"/>
      <c r="IC1906" s="91"/>
      <c r="ID1906" s="91"/>
      <c r="IE1906" s="91"/>
      <c r="IF1906" s="91"/>
      <c r="IG1906" s="91"/>
      <c r="IH1906" s="91"/>
      <c r="II1906" s="91"/>
      <c r="IJ1906" s="91"/>
      <c r="IK1906" s="127"/>
    </row>
    <row r="1907" spans="2:245" x14ac:dyDescent="0.2">
      <c r="B1907" s="43"/>
      <c r="C1907" s="73"/>
      <c r="D1907" s="64"/>
      <c r="E1907" s="64"/>
      <c r="F1907" s="55"/>
      <c r="G1907" s="102"/>
      <c r="H1907" s="55"/>
      <c r="I1907" s="55"/>
      <c r="J1907" s="55"/>
      <c r="K1907" s="55"/>
      <c r="L1907" s="55"/>
      <c r="M1907" s="55"/>
      <c r="N1907" s="55"/>
      <c r="O1907" s="55"/>
      <c r="P1907" s="55"/>
      <c r="Q1907" s="55"/>
      <c r="R1907" s="55"/>
      <c r="S1907" s="55"/>
      <c r="T1907" s="55"/>
      <c r="U1907" s="55"/>
      <c r="V1907" s="55"/>
      <c r="W1907" s="55"/>
      <c r="X1907" s="55"/>
      <c r="Y1907" s="55"/>
      <c r="Z1907" s="55"/>
      <c r="AA1907" s="55"/>
      <c r="AB1907" s="55"/>
      <c r="AC1907" s="55"/>
      <c r="AD1907" s="55"/>
      <c r="AE1907" s="55"/>
      <c r="AF1907" s="55"/>
      <c r="AG1907" s="55"/>
      <c r="AY1907" s="162"/>
      <c r="AZ1907" s="162"/>
      <c r="BA1907" s="162"/>
      <c r="BB1907" s="162"/>
      <c r="BC1907" s="162"/>
      <c r="BD1907" s="162"/>
      <c r="BE1907" s="162"/>
      <c r="BF1907" s="162"/>
      <c r="BG1907" s="162"/>
      <c r="BH1907" s="162"/>
      <c r="BI1907" s="162"/>
      <c r="BJ1907" s="162"/>
      <c r="BK1907" s="162"/>
      <c r="BL1907" s="162"/>
      <c r="BM1907" s="162"/>
      <c r="BN1907" s="162"/>
      <c r="BO1907" s="162"/>
      <c r="BP1907" s="162"/>
      <c r="BQ1907" s="162"/>
      <c r="BR1907" s="162"/>
      <c r="BS1907" s="162"/>
      <c r="BT1907" s="162"/>
      <c r="BU1907" s="162"/>
      <c r="BV1907" s="162"/>
      <c r="BW1907" s="162"/>
      <c r="BX1907" s="162"/>
      <c r="BY1907" s="162"/>
      <c r="BZ1907" s="162"/>
      <c r="CA1907" s="162"/>
      <c r="CB1907" s="162"/>
      <c r="CC1907" s="162"/>
      <c r="CD1907" s="162"/>
      <c r="CE1907" s="162"/>
      <c r="CF1907" s="162"/>
      <c r="CG1907" s="162"/>
      <c r="CH1907" s="162"/>
      <c r="CI1907" s="162"/>
      <c r="CJ1907" s="162"/>
      <c r="CK1907" s="162"/>
      <c r="CX1907" s="98"/>
      <c r="DL1907" s="97"/>
      <c r="DX1907" s="98"/>
      <c r="EL1907" s="97"/>
      <c r="EX1907" s="98"/>
      <c r="EY1907" s="97"/>
      <c r="FL1907" s="126"/>
      <c r="FM1907" s="91"/>
      <c r="FN1907" s="91"/>
      <c r="FO1907" s="91"/>
      <c r="FP1907" s="91"/>
      <c r="FQ1907" s="91"/>
      <c r="FR1907" s="91"/>
      <c r="FS1907" s="91"/>
      <c r="FT1907" s="91"/>
      <c r="FU1907" s="91"/>
      <c r="FV1907" s="91"/>
      <c r="FW1907" s="91"/>
      <c r="FX1907" s="91"/>
      <c r="FY1907" s="91"/>
      <c r="FZ1907" s="91"/>
      <c r="GA1907" s="91"/>
      <c r="GB1907" s="91"/>
      <c r="GC1907" s="91"/>
      <c r="GD1907" s="91"/>
      <c r="GE1907" s="91"/>
      <c r="GF1907" s="91"/>
      <c r="GG1907" s="91"/>
      <c r="GH1907" s="91"/>
      <c r="GI1907" s="91"/>
      <c r="GJ1907" s="91"/>
      <c r="GK1907" s="127"/>
      <c r="GL1907" s="126"/>
      <c r="GM1907" s="91"/>
      <c r="GN1907" s="91"/>
      <c r="GO1907" s="91"/>
      <c r="GP1907" s="91"/>
      <c r="GQ1907" s="91"/>
      <c r="GR1907" s="91"/>
      <c r="GS1907" s="91"/>
      <c r="GT1907" s="91"/>
      <c r="GU1907" s="91"/>
      <c r="GV1907" s="91"/>
      <c r="GW1907" s="91"/>
      <c r="GX1907" s="91"/>
      <c r="GY1907" s="91"/>
      <c r="GZ1907" s="91"/>
      <c r="HA1907" s="91"/>
      <c r="HB1907" s="91"/>
      <c r="HC1907" s="91"/>
      <c r="HD1907" s="91"/>
      <c r="HE1907" s="91"/>
      <c r="HF1907" s="91"/>
      <c r="HG1907" s="91"/>
      <c r="HH1907" s="91"/>
      <c r="HI1907" s="91"/>
      <c r="HJ1907" s="91"/>
      <c r="HK1907" s="127"/>
      <c r="HL1907" s="126"/>
      <c r="HM1907" s="91"/>
      <c r="HN1907" s="91"/>
      <c r="HO1907" s="91"/>
      <c r="HP1907" s="91"/>
      <c r="HQ1907" s="91"/>
      <c r="HR1907" s="91"/>
      <c r="HS1907" s="91"/>
      <c r="HT1907" s="91"/>
      <c r="HU1907" s="91"/>
      <c r="HV1907" s="91"/>
      <c r="HW1907" s="91"/>
      <c r="HX1907" s="91"/>
      <c r="HY1907" s="91"/>
      <c r="HZ1907" s="91"/>
      <c r="IA1907" s="91"/>
      <c r="IB1907" s="91"/>
      <c r="IC1907" s="91"/>
      <c r="ID1907" s="91"/>
      <c r="IE1907" s="91"/>
      <c r="IF1907" s="91"/>
      <c r="IG1907" s="91"/>
      <c r="IH1907" s="91"/>
      <c r="II1907" s="91"/>
      <c r="IJ1907" s="91"/>
      <c r="IK1907" s="127"/>
    </row>
    <row r="1908" spans="2:245" ht="13.5" thickBot="1" x14ac:dyDescent="0.25">
      <c r="B1908" s="43"/>
      <c r="C1908" s="73"/>
      <c r="D1908" s="64"/>
      <c r="E1908" s="64"/>
      <c r="F1908" s="55"/>
      <c r="G1908" s="102"/>
      <c r="H1908" s="55"/>
      <c r="I1908" s="55"/>
      <c r="J1908" s="55"/>
      <c r="K1908" s="55"/>
      <c r="L1908" s="55"/>
      <c r="M1908" s="55"/>
      <c r="N1908" s="55"/>
      <c r="O1908" s="55"/>
      <c r="P1908" s="55"/>
      <c r="Q1908" s="55"/>
      <c r="R1908" s="55"/>
      <c r="S1908" s="55"/>
      <c r="T1908" s="55"/>
      <c r="U1908" s="55"/>
      <c r="V1908" s="55"/>
      <c r="W1908" s="55"/>
      <c r="X1908" s="55"/>
      <c r="Y1908" s="55"/>
      <c r="Z1908" s="55"/>
      <c r="AA1908" s="55"/>
      <c r="AB1908" s="55"/>
      <c r="AC1908" s="55"/>
      <c r="AD1908" s="55"/>
      <c r="AE1908" s="55"/>
      <c r="AF1908" s="55"/>
      <c r="AG1908" s="55"/>
      <c r="AY1908" s="162"/>
      <c r="AZ1908" s="162"/>
      <c r="BA1908" s="162"/>
      <c r="BB1908" s="162"/>
      <c r="BC1908" s="162"/>
      <c r="BD1908" s="162"/>
      <c r="BE1908" s="162"/>
      <c r="BF1908" s="162"/>
      <c r="BG1908" s="162"/>
      <c r="BH1908" s="162"/>
      <c r="BI1908" s="162"/>
      <c r="BJ1908" s="162"/>
      <c r="BK1908" s="162"/>
      <c r="BL1908" s="162"/>
      <c r="BM1908" s="162"/>
      <c r="BN1908" s="162"/>
      <c r="BO1908" s="162"/>
      <c r="BP1908" s="162"/>
      <c r="BQ1908" s="162"/>
      <c r="BR1908" s="162"/>
      <c r="BS1908" s="162"/>
      <c r="BT1908" s="162"/>
      <c r="BU1908" s="162"/>
      <c r="BV1908" s="162"/>
      <c r="BW1908" s="162"/>
      <c r="BX1908" s="162"/>
      <c r="BY1908" s="162"/>
      <c r="BZ1908" s="162"/>
      <c r="CA1908" s="162"/>
      <c r="CB1908" s="162"/>
      <c r="CC1908" s="162"/>
      <c r="CD1908" s="162"/>
      <c r="CE1908" s="162"/>
      <c r="CF1908" s="162"/>
      <c r="CG1908" s="162"/>
      <c r="CH1908" s="162"/>
      <c r="CI1908" s="162"/>
      <c r="CJ1908" s="162"/>
      <c r="CK1908" s="162"/>
      <c r="CX1908" s="98"/>
      <c r="DL1908" s="97"/>
      <c r="DX1908" s="98"/>
      <c r="EL1908" s="97"/>
      <c r="EX1908" s="98"/>
      <c r="EY1908" s="97"/>
      <c r="FL1908" s="126"/>
      <c r="FM1908" s="91"/>
      <c r="FN1908" s="91"/>
      <c r="FO1908" s="91"/>
      <c r="FP1908" s="91"/>
      <c r="FQ1908" s="91"/>
      <c r="FR1908" s="91"/>
      <c r="FS1908" s="91"/>
      <c r="FT1908" s="91"/>
      <c r="FU1908" s="91"/>
      <c r="FV1908" s="91"/>
      <c r="FW1908" s="91"/>
      <c r="FX1908" s="91"/>
      <c r="FY1908" s="91"/>
      <c r="FZ1908" s="91"/>
      <c r="GA1908" s="91"/>
      <c r="GB1908" s="91"/>
      <c r="GC1908" s="91"/>
      <c r="GD1908" s="91"/>
      <c r="GE1908" s="91"/>
      <c r="GF1908" s="91"/>
      <c r="GG1908" s="91"/>
      <c r="GH1908" s="91"/>
      <c r="GI1908" s="91"/>
      <c r="GJ1908" s="91"/>
      <c r="GK1908" s="127"/>
      <c r="GL1908" s="126"/>
      <c r="GM1908" s="91"/>
      <c r="GN1908" s="91"/>
      <c r="GO1908" s="91"/>
      <c r="GP1908" s="91"/>
      <c r="GQ1908" s="91"/>
      <c r="GR1908" s="91"/>
      <c r="GS1908" s="91"/>
      <c r="GT1908" s="91"/>
      <c r="GU1908" s="91"/>
      <c r="GV1908" s="91"/>
      <c r="GW1908" s="91"/>
      <c r="GX1908" s="91"/>
      <c r="GY1908" s="91"/>
      <c r="GZ1908" s="91"/>
      <c r="HA1908" s="91"/>
      <c r="HB1908" s="91"/>
      <c r="HC1908" s="91"/>
      <c r="HD1908" s="91"/>
      <c r="HE1908" s="91"/>
      <c r="HF1908" s="91"/>
      <c r="HG1908" s="91"/>
      <c r="HH1908" s="91"/>
      <c r="HI1908" s="91"/>
      <c r="HJ1908" s="91"/>
      <c r="HK1908" s="127"/>
      <c r="HL1908" s="126"/>
      <c r="HM1908" s="91"/>
      <c r="HN1908" s="91"/>
      <c r="HO1908" s="91"/>
      <c r="HP1908" s="91"/>
      <c r="HQ1908" s="91"/>
      <c r="HR1908" s="91"/>
      <c r="HS1908" s="91"/>
      <c r="HT1908" s="91"/>
      <c r="HU1908" s="91"/>
      <c r="HV1908" s="91"/>
      <c r="HW1908" s="91"/>
      <c r="HX1908" s="91"/>
      <c r="HY1908" s="91"/>
      <c r="HZ1908" s="91"/>
      <c r="IA1908" s="91"/>
      <c r="IB1908" s="91"/>
      <c r="IC1908" s="91"/>
      <c r="ID1908" s="91"/>
      <c r="IE1908" s="91"/>
      <c r="IF1908" s="91"/>
      <c r="IG1908" s="91"/>
      <c r="IH1908" s="91"/>
      <c r="II1908" s="91"/>
      <c r="IJ1908" s="91"/>
      <c r="IK1908" s="127"/>
    </row>
    <row r="1909" spans="2:245" x14ac:dyDescent="0.2">
      <c r="B1909" s="43"/>
      <c r="C1909" s="73"/>
      <c r="D1909" s="64"/>
      <c r="E1909" s="64"/>
      <c r="F1909" s="55"/>
      <c r="G1909" s="102"/>
      <c r="H1909" s="55"/>
      <c r="I1909" s="55"/>
      <c r="J1909" s="55"/>
      <c r="K1909" s="55"/>
      <c r="L1909" s="55"/>
      <c r="M1909" s="55"/>
      <c r="N1909" s="55"/>
      <c r="O1909" s="55"/>
      <c r="P1909" s="55"/>
      <c r="Q1909" s="55"/>
      <c r="R1909" s="55"/>
      <c r="S1909" s="55"/>
      <c r="T1909" s="55"/>
      <c r="U1909" s="55"/>
      <c r="V1909" s="55"/>
      <c r="W1909" s="55"/>
      <c r="X1909" s="55"/>
      <c r="Y1909" s="55"/>
      <c r="Z1909" s="55"/>
      <c r="AA1909" s="55"/>
      <c r="AB1909" s="55"/>
      <c r="AC1909" s="55"/>
      <c r="AD1909" s="55"/>
      <c r="AE1909" s="55"/>
      <c r="AF1909" s="55"/>
      <c r="AG1909" s="55"/>
      <c r="AY1909" s="162"/>
      <c r="AZ1909" s="162"/>
      <c r="BA1909" s="162"/>
      <c r="BB1909" s="162"/>
      <c r="BC1909" s="162"/>
      <c r="BD1909" s="162"/>
      <c r="BE1909" s="162"/>
      <c r="BF1909" s="162"/>
      <c r="BG1909" s="162"/>
      <c r="BH1909" s="162"/>
      <c r="BI1909" s="162"/>
      <c r="BJ1909" s="162"/>
      <c r="BK1909" s="162"/>
      <c r="BL1909" s="162"/>
      <c r="BM1909" s="162"/>
      <c r="BN1909" s="162"/>
      <c r="BO1909" s="162"/>
      <c r="BP1909" s="162"/>
      <c r="BQ1909" s="162"/>
      <c r="BR1909" s="162"/>
      <c r="BS1909" s="162"/>
      <c r="BT1909" s="162"/>
      <c r="BU1909" s="162"/>
      <c r="BV1909" s="162"/>
      <c r="BW1909" s="162"/>
      <c r="BX1909" s="162"/>
      <c r="BY1909" s="162"/>
      <c r="BZ1909" s="162"/>
      <c r="CA1909" s="162"/>
      <c r="CB1909" s="162"/>
      <c r="CC1909" s="162"/>
      <c r="CD1909" s="162"/>
      <c r="CE1909" s="162"/>
      <c r="CF1909" s="162"/>
      <c r="CG1909" s="162"/>
      <c r="CH1909" s="162"/>
      <c r="CI1909" s="162"/>
      <c r="CJ1909" s="162"/>
      <c r="CK1909" s="162"/>
      <c r="CL1909" s="163"/>
      <c r="CM1909" s="163"/>
      <c r="CN1909" s="163"/>
      <c r="CO1909" s="163"/>
      <c r="CP1909" s="163"/>
      <c r="CQ1909" s="163"/>
      <c r="CR1909" s="163"/>
      <c r="CS1909" s="163"/>
      <c r="CT1909" s="163"/>
      <c r="CU1909" s="163"/>
      <c r="CV1909" s="163"/>
      <c r="CW1909" s="163"/>
      <c r="CX1909" s="173"/>
      <c r="CY1909" s="163"/>
      <c r="CZ1909" s="163"/>
      <c r="DA1909" s="163"/>
      <c r="DB1909" s="163"/>
      <c r="DC1909" s="163"/>
      <c r="DD1909" s="163"/>
      <c r="DE1909" s="163"/>
      <c r="DF1909" s="163"/>
      <c r="DG1909" s="163"/>
      <c r="DH1909" s="163"/>
      <c r="DI1909" s="163"/>
      <c r="DJ1909" s="163"/>
      <c r="DK1909" s="163"/>
      <c r="DL1909" s="172"/>
      <c r="DM1909" s="163"/>
      <c r="DN1909" s="163"/>
      <c r="DO1909" s="163"/>
      <c r="DP1909" s="163"/>
      <c r="DQ1909" s="163"/>
      <c r="DR1909" s="163"/>
      <c r="DS1909" s="163"/>
      <c r="DT1909" s="163"/>
      <c r="DU1909" s="163"/>
      <c r="DV1909" s="163"/>
      <c r="DW1909" s="163"/>
      <c r="DX1909" s="173"/>
      <c r="DY1909" s="163"/>
      <c r="DZ1909" s="163"/>
      <c r="EA1909" s="163"/>
      <c r="EB1909" s="163"/>
      <c r="EC1909" s="163"/>
      <c r="ED1909" s="163"/>
      <c r="EE1909" s="163"/>
      <c r="EF1909" s="163"/>
      <c r="EG1909" s="163"/>
      <c r="EH1909" s="163"/>
      <c r="EI1909" s="163"/>
      <c r="EJ1909" s="163"/>
      <c r="EK1909" s="163"/>
      <c r="EL1909" s="172"/>
      <c r="EM1909" s="163"/>
      <c r="EN1909" s="163"/>
      <c r="EO1909" s="163"/>
      <c r="EP1909" s="163"/>
      <c r="EQ1909" s="163"/>
      <c r="ER1909" s="163"/>
      <c r="ES1909" s="163"/>
      <c r="ET1909" s="163"/>
      <c r="EU1909" s="163"/>
      <c r="EV1909" s="163"/>
      <c r="EW1909" s="163"/>
      <c r="EX1909" s="173"/>
      <c r="EY1909" s="172"/>
      <c r="EZ1909" s="163"/>
      <c r="FA1909" s="163"/>
      <c r="FB1909" s="163"/>
      <c r="FC1909" s="163"/>
      <c r="FD1909" s="163"/>
      <c r="FE1909" s="163"/>
      <c r="FF1909" s="163"/>
      <c r="FG1909" s="163"/>
      <c r="FH1909" s="163"/>
      <c r="FI1909" s="163"/>
      <c r="FJ1909" s="163"/>
      <c r="FK1909" s="163"/>
      <c r="FL1909" s="126"/>
      <c r="FM1909" s="91"/>
      <c r="FN1909" s="91"/>
      <c r="FO1909" s="91"/>
      <c r="FP1909" s="91"/>
      <c r="FQ1909" s="91"/>
      <c r="FR1909" s="91"/>
      <c r="FS1909" s="91"/>
      <c r="FT1909" s="91"/>
      <c r="FU1909" s="91"/>
      <c r="FV1909" s="91"/>
      <c r="FW1909" s="91"/>
      <c r="FX1909" s="91"/>
      <c r="FY1909" s="91"/>
      <c r="FZ1909" s="91"/>
      <c r="GA1909" s="91"/>
      <c r="GB1909" s="91"/>
      <c r="GC1909" s="91"/>
      <c r="GD1909" s="91"/>
      <c r="GE1909" s="91"/>
      <c r="GF1909" s="91"/>
      <c r="GG1909" s="91"/>
      <c r="GH1909" s="91"/>
      <c r="GI1909" s="91"/>
      <c r="GJ1909" s="91"/>
      <c r="GK1909" s="127"/>
      <c r="GL1909" s="126"/>
      <c r="GM1909" s="91"/>
      <c r="GN1909" s="91"/>
      <c r="GO1909" s="91"/>
      <c r="GP1909" s="91"/>
      <c r="GQ1909" s="91"/>
      <c r="GR1909" s="91"/>
      <c r="GS1909" s="91"/>
      <c r="GT1909" s="91"/>
      <c r="GU1909" s="91"/>
      <c r="GV1909" s="91"/>
      <c r="GW1909" s="91"/>
      <c r="GX1909" s="91"/>
      <c r="GY1909" s="91"/>
      <c r="GZ1909" s="91"/>
      <c r="HA1909" s="91"/>
      <c r="HB1909" s="91"/>
      <c r="HC1909" s="91"/>
      <c r="HD1909" s="91"/>
      <c r="HE1909" s="91"/>
      <c r="HF1909" s="91"/>
      <c r="HG1909" s="91"/>
      <c r="HH1909" s="91"/>
      <c r="HI1909" s="91"/>
      <c r="HJ1909" s="91"/>
      <c r="HK1909" s="127"/>
      <c r="HL1909" s="126"/>
      <c r="HM1909" s="91"/>
      <c r="HN1909" s="91"/>
      <c r="HO1909" s="91"/>
      <c r="HP1909" s="91"/>
      <c r="HQ1909" s="91"/>
      <c r="HR1909" s="91"/>
      <c r="HS1909" s="91"/>
      <c r="HT1909" s="91"/>
      <c r="HU1909" s="91"/>
      <c r="HV1909" s="91"/>
      <c r="HW1909" s="91"/>
      <c r="HX1909" s="91"/>
      <c r="HY1909" s="91"/>
      <c r="HZ1909" s="91"/>
      <c r="IA1909" s="91"/>
      <c r="IB1909" s="91"/>
      <c r="IC1909" s="91"/>
      <c r="ID1909" s="91"/>
      <c r="IE1909" s="91"/>
      <c r="IF1909" s="91"/>
      <c r="IG1909" s="91"/>
      <c r="IH1909" s="91"/>
      <c r="II1909" s="91"/>
      <c r="IJ1909" s="91"/>
      <c r="IK1909" s="127"/>
    </row>
    <row r="1910" spans="2:245" x14ac:dyDescent="0.2">
      <c r="B1910" s="43"/>
      <c r="C1910" s="73"/>
      <c r="D1910" s="64"/>
      <c r="E1910" s="64"/>
      <c r="F1910" s="55"/>
      <c r="G1910" s="102"/>
      <c r="H1910" s="55"/>
      <c r="I1910" s="55"/>
      <c r="J1910" s="55"/>
      <c r="K1910" s="55"/>
      <c r="L1910" s="55"/>
      <c r="M1910" s="55"/>
      <c r="N1910" s="55"/>
      <c r="O1910" s="55"/>
      <c r="P1910" s="55"/>
      <c r="Q1910" s="55"/>
      <c r="R1910" s="55"/>
      <c r="S1910" s="55"/>
      <c r="T1910" s="55"/>
      <c r="U1910" s="55"/>
      <c r="V1910" s="55"/>
      <c r="W1910" s="55"/>
      <c r="X1910" s="55"/>
      <c r="Y1910" s="55"/>
      <c r="Z1910" s="55"/>
      <c r="AA1910" s="55"/>
      <c r="AB1910" s="55"/>
      <c r="AC1910" s="55"/>
      <c r="AD1910" s="55"/>
      <c r="AE1910" s="55"/>
      <c r="AF1910" s="55"/>
      <c r="AG1910" s="55"/>
      <c r="AY1910" s="162"/>
      <c r="AZ1910" s="162"/>
      <c r="BA1910" s="162"/>
      <c r="BB1910" s="162"/>
      <c r="BC1910" s="162"/>
      <c r="BD1910" s="162"/>
      <c r="BE1910" s="162"/>
      <c r="BF1910" s="162"/>
      <c r="BG1910" s="162"/>
      <c r="BH1910" s="162"/>
      <c r="BI1910" s="162"/>
      <c r="BJ1910" s="162"/>
      <c r="BK1910" s="162"/>
      <c r="BL1910" s="162"/>
      <c r="BM1910" s="162"/>
      <c r="BN1910" s="162"/>
      <c r="BO1910" s="162"/>
      <c r="BP1910" s="162"/>
      <c r="BQ1910" s="162"/>
      <c r="BR1910" s="162"/>
      <c r="BS1910" s="162"/>
      <c r="BT1910" s="162"/>
      <c r="BU1910" s="162"/>
      <c r="BV1910" s="162"/>
      <c r="BW1910" s="162"/>
      <c r="BX1910" s="162"/>
      <c r="BY1910" s="162"/>
      <c r="BZ1910" s="162"/>
      <c r="CA1910" s="162"/>
      <c r="CB1910" s="162"/>
      <c r="CC1910" s="162"/>
      <c r="CD1910" s="162"/>
      <c r="CE1910" s="162"/>
      <c r="CF1910" s="162"/>
      <c r="CG1910" s="162"/>
      <c r="CH1910" s="162"/>
      <c r="CI1910" s="162"/>
      <c r="CJ1910" s="162"/>
      <c r="CK1910" s="162"/>
      <c r="CX1910" s="98"/>
      <c r="DL1910" s="97"/>
      <c r="DX1910" s="98"/>
      <c r="EL1910" s="97"/>
      <c r="EX1910" s="98"/>
      <c r="EY1910" s="97"/>
      <c r="FL1910" s="126"/>
      <c r="FM1910" s="91"/>
      <c r="FN1910" s="91"/>
      <c r="FO1910" s="91"/>
      <c r="FP1910" s="91"/>
      <c r="FQ1910" s="91"/>
      <c r="FR1910" s="91"/>
      <c r="FS1910" s="91"/>
      <c r="FT1910" s="91"/>
      <c r="FU1910" s="91"/>
      <c r="FV1910" s="91"/>
      <c r="FW1910" s="91"/>
      <c r="FX1910" s="91"/>
      <c r="FY1910" s="91"/>
      <c r="FZ1910" s="91"/>
      <c r="GA1910" s="91"/>
      <c r="GB1910" s="91"/>
      <c r="GC1910" s="91"/>
      <c r="GD1910" s="91"/>
      <c r="GE1910" s="91"/>
      <c r="GF1910" s="91"/>
      <c r="GG1910" s="91"/>
      <c r="GH1910" s="91"/>
      <c r="GI1910" s="91"/>
      <c r="GJ1910" s="91"/>
      <c r="GK1910" s="127"/>
      <c r="GL1910" s="126"/>
      <c r="GM1910" s="91"/>
      <c r="GN1910" s="91"/>
      <c r="GO1910" s="91"/>
      <c r="GP1910" s="91"/>
      <c r="GQ1910" s="91"/>
      <c r="GR1910" s="91"/>
      <c r="GS1910" s="91"/>
      <c r="GT1910" s="91"/>
      <c r="GU1910" s="91"/>
      <c r="GV1910" s="91"/>
      <c r="GW1910" s="91"/>
      <c r="GX1910" s="91"/>
      <c r="GY1910" s="91"/>
      <c r="GZ1910" s="91"/>
      <c r="HA1910" s="91"/>
      <c r="HB1910" s="91"/>
      <c r="HC1910" s="91"/>
      <c r="HD1910" s="91"/>
      <c r="HE1910" s="91"/>
      <c r="HF1910" s="91"/>
      <c r="HG1910" s="91"/>
      <c r="HH1910" s="91"/>
      <c r="HI1910" s="91"/>
      <c r="HJ1910" s="91"/>
      <c r="HK1910" s="127"/>
      <c r="HL1910" s="126"/>
      <c r="HM1910" s="91"/>
      <c r="HN1910" s="91"/>
      <c r="HO1910" s="91"/>
      <c r="HP1910" s="91"/>
      <c r="HQ1910" s="91"/>
      <c r="HR1910" s="91"/>
      <c r="HS1910" s="91"/>
      <c r="HT1910" s="91"/>
      <c r="HU1910" s="91"/>
      <c r="HV1910" s="91"/>
      <c r="HW1910" s="91"/>
      <c r="HX1910" s="91"/>
      <c r="HY1910" s="91"/>
      <c r="HZ1910" s="91"/>
      <c r="IA1910" s="91"/>
      <c r="IB1910" s="91"/>
      <c r="IC1910" s="91"/>
      <c r="ID1910" s="91"/>
      <c r="IE1910" s="91"/>
      <c r="IF1910" s="91"/>
      <c r="IG1910" s="91"/>
      <c r="IH1910" s="91"/>
      <c r="II1910" s="91"/>
      <c r="IJ1910" s="91"/>
      <c r="IK1910" s="127"/>
    </row>
    <row r="1911" spans="2:245" x14ac:dyDescent="0.2">
      <c r="B1911" s="43"/>
      <c r="C1911" s="73"/>
      <c r="D1911" s="64"/>
      <c r="E1911" s="64"/>
      <c r="F1911" s="55"/>
      <c r="G1911" s="102"/>
      <c r="H1911" s="55"/>
      <c r="I1911" s="55"/>
      <c r="J1911" s="55"/>
      <c r="K1911" s="55"/>
      <c r="L1911" s="55"/>
      <c r="M1911" s="55"/>
      <c r="N1911" s="55"/>
      <c r="O1911" s="55"/>
      <c r="P1911" s="55"/>
      <c r="Q1911" s="55"/>
      <c r="R1911" s="55"/>
      <c r="S1911" s="55"/>
      <c r="T1911" s="55"/>
      <c r="U1911" s="55"/>
      <c r="V1911" s="55"/>
      <c r="W1911" s="55"/>
      <c r="X1911" s="55"/>
      <c r="Y1911" s="55"/>
      <c r="Z1911" s="55"/>
      <c r="AA1911" s="55"/>
      <c r="AB1911" s="55"/>
      <c r="AC1911" s="55"/>
      <c r="AD1911" s="55"/>
      <c r="AE1911" s="55"/>
      <c r="AF1911" s="55"/>
      <c r="AG1911" s="55"/>
      <c r="AY1911" s="162"/>
      <c r="AZ1911" s="162"/>
      <c r="BA1911" s="162"/>
      <c r="BB1911" s="162"/>
      <c r="BC1911" s="162"/>
      <c r="BD1911" s="162"/>
      <c r="BE1911" s="162"/>
      <c r="BF1911" s="162"/>
      <c r="BG1911" s="162"/>
      <c r="BH1911" s="162"/>
      <c r="BI1911" s="162"/>
      <c r="BJ1911" s="162"/>
      <c r="BK1911" s="162"/>
      <c r="BL1911" s="162"/>
      <c r="BM1911" s="162"/>
      <c r="BN1911" s="162"/>
      <c r="BO1911" s="162"/>
      <c r="BP1911" s="162"/>
      <c r="BQ1911" s="162"/>
      <c r="BR1911" s="162"/>
      <c r="BS1911" s="162"/>
      <c r="BT1911" s="162"/>
      <c r="BU1911" s="162"/>
      <c r="BV1911" s="162"/>
      <c r="BW1911" s="162"/>
      <c r="BX1911" s="162"/>
      <c r="BY1911" s="162"/>
      <c r="BZ1911" s="162"/>
      <c r="CA1911" s="162"/>
      <c r="CB1911" s="162"/>
      <c r="CC1911" s="162"/>
      <c r="CD1911" s="162"/>
      <c r="CE1911" s="162"/>
      <c r="CF1911" s="162"/>
      <c r="CG1911" s="162"/>
      <c r="CH1911" s="162"/>
      <c r="CI1911" s="162"/>
      <c r="CJ1911" s="162"/>
      <c r="CK1911" s="162"/>
      <c r="CX1911" s="98"/>
      <c r="DL1911" s="97"/>
      <c r="DX1911" s="98"/>
      <c r="EL1911" s="97"/>
      <c r="EX1911" s="98"/>
      <c r="EY1911" s="97"/>
      <c r="FL1911" s="126"/>
      <c r="FM1911" s="91"/>
      <c r="FN1911" s="91"/>
      <c r="FO1911" s="91"/>
      <c r="FP1911" s="91"/>
      <c r="FQ1911" s="91"/>
      <c r="FR1911" s="91"/>
      <c r="FS1911" s="91"/>
      <c r="FT1911" s="91"/>
      <c r="FU1911" s="91"/>
      <c r="FV1911" s="91"/>
      <c r="FW1911" s="91"/>
      <c r="FX1911" s="91"/>
      <c r="FY1911" s="91"/>
      <c r="FZ1911" s="91"/>
      <c r="GA1911" s="91"/>
      <c r="GB1911" s="91"/>
      <c r="GC1911" s="91"/>
      <c r="GD1911" s="91"/>
      <c r="GE1911" s="91"/>
      <c r="GF1911" s="91"/>
      <c r="GG1911" s="91"/>
      <c r="GH1911" s="91"/>
      <c r="GI1911" s="91"/>
      <c r="GJ1911" s="91"/>
      <c r="GK1911" s="127"/>
      <c r="GL1911" s="126"/>
      <c r="GM1911" s="91"/>
      <c r="GN1911" s="91"/>
      <c r="GO1911" s="91"/>
      <c r="GP1911" s="91"/>
      <c r="GQ1911" s="91"/>
      <c r="GR1911" s="91"/>
      <c r="GS1911" s="91"/>
      <c r="GT1911" s="91"/>
      <c r="GU1911" s="91"/>
      <c r="GV1911" s="91"/>
      <c r="GW1911" s="91"/>
      <c r="GX1911" s="91"/>
      <c r="GY1911" s="91"/>
      <c r="GZ1911" s="91"/>
      <c r="HA1911" s="91"/>
      <c r="HB1911" s="91"/>
      <c r="HC1911" s="91"/>
      <c r="HD1911" s="91"/>
      <c r="HE1911" s="91"/>
      <c r="HF1911" s="91"/>
      <c r="HG1911" s="91"/>
      <c r="HH1911" s="91"/>
      <c r="HI1911" s="91"/>
      <c r="HJ1911" s="91"/>
      <c r="HK1911" s="127"/>
      <c r="HL1911" s="126"/>
      <c r="HM1911" s="91"/>
      <c r="HN1911" s="91"/>
      <c r="HO1911" s="91"/>
      <c r="HP1911" s="91"/>
      <c r="HQ1911" s="91"/>
      <c r="HR1911" s="91"/>
      <c r="HS1911" s="91"/>
      <c r="HT1911" s="91"/>
      <c r="HU1911" s="91"/>
      <c r="HV1911" s="91"/>
      <c r="HW1911" s="91"/>
      <c r="HX1911" s="91"/>
      <c r="HY1911" s="91"/>
      <c r="HZ1911" s="91"/>
      <c r="IA1911" s="91"/>
      <c r="IB1911" s="91"/>
      <c r="IC1911" s="91"/>
      <c r="ID1911" s="91"/>
      <c r="IE1911" s="91"/>
      <c r="IF1911" s="91"/>
      <c r="IG1911" s="91"/>
      <c r="IH1911" s="91"/>
      <c r="II1911" s="91"/>
      <c r="IJ1911" s="91"/>
      <c r="IK1911" s="127"/>
    </row>
    <row r="1912" spans="2:245" x14ac:dyDescent="0.2">
      <c r="B1912" s="43"/>
      <c r="C1912" s="73"/>
      <c r="D1912" s="64"/>
      <c r="E1912" s="64"/>
      <c r="F1912" s="55"/>
      <c r="G1912" s="102"/>
      <c r="H1912" s="55"/>
      <c r="I1912" s="55"/>
      <c r="J1912" s="55"/>
      <c r="K1912" s="55"/>
      <c r="L1912" s="55"/>
      <c r="M1912" s="55"/>
      <c r="N1912" s="55"/>
      <c r="O1912" s="55"/>
      <c r="P1912" s="55"/>
      <c r="Q1912" s="55"/>
      <c r="R1912" s="55"/>
      <c r="S1912" s="55"/>
      <c r="T1912" s="55"/>
      <c r="U1912" s="55"/>
      <c r="V1912" s="55"/>
      <c r="W1912" s="55"/>
      <c r="X1912" s="55"/>
      <c r="Y1912" s="55"/>
      <c r="Z1912" s="55"/>
      <c r="AA1912" s="55"/>
      <c r="AB1912" s="55"/>
      <c r="AC1912" s="55"/>
      <c r="AD1912" s="55"/>
      <c r="AE1912" s="55"/>
      <c r="AF1912" s="55"/>
      <c r="AG1912" s="55"/>
      <c r="AY1912" s="162"/>
      <c r="AZ1912" s="162"/>
      <c r="BA1912" s="162"/>
      <c r="BB1912" s="162"/>
      <c r="BC1912" s="162"/>
      <c r="BD1912" s="162"/>
      <c r="BE1912" s="162"/>
      <c r="BF1912" s="162"/>
      <c r="BG1912" s="162"/>
      <c r="BH1912" s="162"/>
      <c r="BI1912" s="162"/>
      <c r="BJ1912" s="162"/>
      <c r="BK1912" s="162"/>
      <c r="BL1912" s="162"/>
      <c r="BM1912" s="162"/>
      <c r="BN1912" s="162"/>
      <c r="BO1912" s="162"/>
      <c r="BP1912" s="162"/>
      <c r="BQ1912" s="162"/>
      <c r="BR1912" s="162"/>
      <c r="BS1912" s="162"/>
      <c r="BT1912" s="162"/>
      <c r="BU1912" s="162"/>
      <c r="BV1912" s="162"/>
      <c r="BW1912" s="162"/>
      <c r="BX1912" s="162"/>
      <c r="BY1912" s="162"/>
      <c r="BZ1912" s="162"/>
      <c r="CA1912" s="162"/>
      <c r="CB1912" s="162"/>
      <c r="CC1912" s="162"/>
      <c r="CD1912" s="162"/>
      <c r="CE1912" s="162"/>
      <c r="CF1912" s="162"/>
      <c r="CG1912" s="162"/>
      <c r="CH1912" s="162"/>
      <c r="CI1912" s="162"/>
      <c r="CJ1912" s="162"/>
      <c r="CK1912" s="162"/>
      <c r="CX1912" s="98"/>
      <c r="DL1912" s="97"/>
      <c r="DX1912" s="98"/>
      <c r="EL1912" s="97"/>
      <c r="EX1912" s="98"/>
      <c r="EY1912" s="97"/>
      <c r="FL1912" s="126"/>
      <c r="FM1912" s="91"/>
      <c r="FN1912" s="91"/>
      <c r="FO1912" s="91"/>
      <c r="FP1912" s="91"/>
      <c r="FQ1912" s="91"/>
      <c r="FR1912" s="91"/>
      <c r="FS1912" s="91"/>
      <c r="FT1912" s="91"/>
      <c r="FU1912" s="91"/>
      <c r="FV1912" s="91"/>
      <c r="FW1912" s="91"/>
      <c r="FX1912" s="91"/>
      <c r="FY1912" s="91"/>
      <c r="FZ1912" s="91"/>
      <c r="GA1912" s="91"/>
      <c r="GB1912" s="91"/>
      <c r="GC1912" s="91"/>
      <c r="GD1912" s="91"/>
      <c r="GE1912" s="91"/>
      <c r="GF1912" s="91"/>
      <c r="GG1912" s="91"/>
      <c r="GH1912" s="91"/>
      <c r="GI1912" s="91"/>
      <c r="GJ1912" s="91"/>
      <c r="GK1912" s="127"/>
      <c r="GL1912" s="126"/>
      <c r="GM1912" s="91"/>
      <c r="GN1912" s="91"/>
      <c r="GO1912" s="91"/>
      <c r="GP1912" s="91"/>
      <c r="GQ1912" s="91"/>
      <c r="GR1912" s="91"/>
      <c r="GS1912" s="91"/>
      <c r="GT1912" s="91"/>
      <c r="GU1912" s="91"/>
      <c r="GV1912" s="91"/>
      <c r="GW1912" s="91"/>
      <c r="GX1912" s="91"/>
      <c r="GY1912" s="91"/>
      <c r="GZ1912" s="91"/>
      <c r="HA1912" s="91"/>
      <c r="HB1912" s="91"/>
      <c r="HC1912" s="91"/>
      <c r="HD1912" s="91"/>
      <c r="HE1912" s="91"/>
      <c r="HF1912" s="91"/>
      <c r="HG1912" s="91"/>
      <c r="HH1912" s="91"/>
      <c r="HI1912" s="91"/>
      <c r="HJ1912" s="91"/>
      <c r="HK1912" s="127"/>
      <c r="HL1912" s="126"/>
      <c r="HM1912" s="91"/>
      <c r="HN1912" s="91"/>
      <c r="HO1912" s="91"/>
      <c r="HP1912" s="91"/>
      <c r="HQ1912" s="91"/>
      <c r="HR1912" s="91"/>
      <c r="HS1912" s="91"/>
      <c r="HT1912" s="91"/>
      <c r="HU1912" s="91"/>
      <c r="HV1912" s="91"/>
      <c r="HW1912" s="91"/>
      <c r="HX1912" s="91"/>
      <c r="HY1912" s="91"/>
      <c r="HZ1912" s="91"/>
      <c r="IA1912" s="91"/>
      <c r="IB1912" s="91"/>
      <c r="IC1912" s="91"/>
      <c r="ID1912" s="91"/>
      <c r="IE1912" s="91"/>
      <c r="IF1912" s="91"/>
      <c r="IG1912" s="91"/>
      <c r="IH1912" s="91"/>
      <c r="II1912" s="91"/>
      <c r="IJ1912" s="91"/>
      <c r="IK1912" s="127"/>
    </row>
    <row r="1913" spans="2:245" x14ac:dyDescent="0.2">
      <c r="B1913" s="43"/>
      <c r="C1913" s="73"/>
      <c r="D1913" s="64"/>
      <c r="E1913" s="64"/>
      <c r="F1913" s="55"/>
      <c r="G1913" s="102"/>
      <c r="H1913" s="55"/>
      <c r="I1913" s="55"/>
      <c r="J1913" s="55"/>
      <c r="K1913" s="55"/>
      <c r="L1913" s="55"/>
      <c r="M1913" s="55"/>
      <c r="N1913" s="55"/>
      <c r="O1913" s="55"/>
      <c r="P1913" s="55"/>
      <c r="Q1913" s="55"/>
      <c r="R1913" s="55"/>
      <c r="S1913" s="55"/>
      <c r="T1913" s="55"/>
      <c r="U1913" s="55"/>
      <c r="V1913" s="55"/>
      <c r="W1913" s="55"/>
      <c r="X1913" s="55"/>
      <c r="Y1913" s="55"/>
      <c r="Z1913" s="55"/>
      <c r="AA1913" s="55"/>
      <c r="AB1913" s="55"/>
      <c r="AC1913" s="55"/>
      <c r="AD1913" s="55"/>
      <c r="AE1913" s="55"/>
      <c r="AF1913" s="55"/>
      <c r="AG1913" s="55"/>
      <c r="AY1913" s="162"/>
      <c r="AZ1913" s="162"/>
      <c r="BA1913" s="162"/>
      <c r="BB1913" s="162"/>
      <c r="BC1913" s="162"/>
      <c r="BD1913" s="162"/>
      <c r="BE1913" s="162"/>
      <c r="BF1913" s="162"/>
      <c r="BG1913" s="162"/>
      <c r="BH1913" s="162"/>
      <c r="BI1913" s="162"/>
      <c r="BJ1913" s="162"/>
      <c r="BK1913" s="162"/>
      <c r="BL1913" s="162"/>
      <c r="BM1913" s="162"/>
      <c r="BN1913" s="162"/>
      <c r="BO1913" s="162"/>
      <c r="BP1913" s="162"/>
      <c r="BQ1913" s="162"/>
      <c r="BR1913" s="162"/>
      <c r="BS1913" s="162"/>
      <c r="BT1913" s="162"/>
      <c r="BU1913" s="162"/>
      <c r="BV1913" s="162"/>
      <c r="BW1913" s="162"/>
      <c r="BX1913" s="162"/>
      <c r="BY1913" s="162"/>
      <c r="BZ1913" s="162"/>
      <c r="CA1913" s="162"/>
      <c r="CB1913" s="162"/>
      <c r="CC1913" s="162"/>
      <c r="CD1913" s="162"/>
      <c r="CE1913" s="162"/>
      <c r="CF1913" s="162"/>
      <c r="CG1913" s="162"/>
      <c r="CH1913" s="162"/>
      <c r="CI1913" s="162"/>
      <c r="CJ1913" s="162"/>
      <c r="CK1913" s="162"/>
      <c r="CX1913" s="98"/>
      <c r="DL1913" s="97"/>
      <c r="DX1913" s="98"/>
      <c r="EL1913" s="97"/>
      <c r="EX1913" s="98"/>
      <c r="EY1913" s="97"/>
      <c r="FL1913" s="126"/>
      <c r="FM1913" s="91"/>
      <c r="FN1913" s="91"/>
      <c r="FO1913" s="91"/>
      <c r="FP1913" s="91"/>
      <c r="FQ1913" s="91"/>
      <c r="FR1913" s="91"/>
      <c r="FS1913" s="91"/>
      <c r="FT1913" s="91"/>
      <c r="FU1913" s="91"/>
      <c r="FV1913" s="91"/>
      <c r="FW1913" s="91"/>
      <c r="FX1913" s="91"/>
      <c r="FY1913" s="91"/>
      <c r="FZ1913" s="91"/>
      <c r="GA1913" s="91"/>
      <c r="GB1913" s="91"/>
      <c r="GC1913" s="91"/>
      <c r="GD1913" s="91"/>
      <c r="GE1913" s="91"/>
      <c r="GF1913" s="91"/>
      <c r="GG1913" s="91"/>
      <c r="GH1913" s="91"/>
      <c r="GI1913" s="91"/>
      <c r="GJ1913" s="91"/>
      <c r="GK1913" s="127"/>
      <c r="GL1913" s="126"/>
      <c r="GM1913" s="91"/>
      <c r="GN1913" s="91"/>
      <c r="GO1913" s="91"/>
      <c r="GP1913" s="91"/>
      <c r="GQ1913" s="91"/>
      <c r="GR1913" s="91"/>
      <c r="GS1913" s="91"/>
      <c r="GT1913" s="91"/>
      <c r="GU1913" s="91"/>
      <c r="GV1913" s="91"/>
      <c r="GW1913" s="91"/>
      <c r="GX1913" s="91"/>
      <c r="GY1913" s="91"/>
      <c r="GZ1913" s="91"/>
      <c r="HA1913" s="91"/>
      <c r="HB1913" s="91"/>
      <c r="HC1913" s="91"/>
      <c r="HD1913" s="91"/>
      <c r="HE1913" s="91"/>
      <c r="HF1913" s="91"/>
      <c r="HG1913" s="91"/>
      <c r="HH1913" s="91"/>
      <c r="HI1913" s="91"/>
      <c r="HJ1913" s="91"/>
      <c r="HK1913" s="127"/>
      <c r="HL1913" s="126"/>
      <c r="HM1913" s="91"/>
      <c r="HN1913" s="91"/>
      <c r="HO1913" s="91"/>
      <c r="HP1913" s="91"/>
      <c r="HQ1913" s="91"/>
      <c r="HR1913" s="91"/>
      <c r="HS1913" s="91"/>
      <c r="HT1913" s="91"/>
      <c r="HU1913" s="91"/>
      <c r="HV1913" s="91"/>
      <c r="HW1913" s="91"/>
      <c r="HX1913" s="91"/>
      <c r="HY1913" s="91"/>
      <c r="HZ1913" s="91"/>
      <c r="IA1913" s="91"/>
      <c r="IB1913" s="91"/>
      <c r="IC1913" s="91"/>
      <c r="ID1913" s="91"/>
      <c r="IE1913" s="91"/>
      <c r="IF1913" s="91"/>
      <c r="IG1913" s="91"/>
      <c r="IH1913" s="91"/>
      <c r="II1913" s="91"/>
      <c r="IJ1913" s="91"/>
      <c r="IK1913" s="127"/>
    </row>
    <row r="1914" spans="2:245" x14ac:dyDescent="0.2">
      <c r="B1914" s="43"/>
      <c r="C1914" s="73"/>
      <c r="D1914" s="64"/>
      <c r="E1914" s="64"/>
      <c r="F1914" s="55"/>
      <c r="G1914" s="102"/>
      <c r="H1914" s="55"/>
      <c r="I1914" s="55"/>
      <c r="J1914" s="55"/>
      <c r="K1914" s="55"/>
      <c r="L1914" s="55"/>
      <c r="M1914" s="55"/>
      <c r="N1914" s="55"/>
      <c r="O1914" s="55"/>
      <c r="P1914" s="55"/>
      <c r="Q1914" s="55"/>
      <c r="R1914" s="55"/>
      <c r="S1914" s="55"/>
      <c r="T1914" s="55"/>
      <c r="U1914" s="55"/>
      <c r="V1914" s="55"/>
      <c r="W1914" s="55"/>
      <c r="X1914" s="55"/>
      <c r="Y1914" s="55"/>
      <c r="Z1914" s="55"/>
      <c r="AA1914" s="55"/>
      <c r="AB1914" s="55"/>
      <c r="AC1914" s="55"/>
      <c r="AD1914" s="55"/>
      <c r="AE1914" s="55"/>
      <c r="AF1914" s="55"/>
      <c r="AG1914" s="55"/>
      <c r="AY1914" s="162"/>
      <c r="AZ1914" s="162"/>
      <c r="BA1914" s="162"/>
      <c r="BB1914" s="162"/>
      <c r="BC1914" s="162"/>
      <c r="BD1914" s="162"/>
      <c r="BE1914" s="162"/>
      <c r="BF1914" s="162"/>
      <c r="BG1914" s="162"/>
      <c r="BH1914" s="162"/>
      <c r="BI1914" s="162"/>
      <c r="BJ1914" s="162"/>
      <c r="BK1914" s="162"/>
      <c r="BL1914" s="162"/>
      <c r="BM1914" s="162"/>
      <c r="BN1914" s="162"/>
      <c r="BO1914" s="162"/>
      <c r="BP1914" s="162"/>
      <c r="BQ1914" s="162"/>
      <c r="BR1914" s="162"/>
      <c r="BS1914" s="162"/>
      <c r="BT1914" s="162"/>
      <c r="BU1914" s="162"/>
      <c r="BV1914" s="162"/>
      <c r="BW1914" s="162"/>
      <c r="BX1914" s="162"/>
      <c r="BY1914" s="162"/>
      <c r="BZ1914" s="162"/>
      <c r="CA1914" s="162"/>
      <c r="CB1914" s="162"/>
      <c r="CC1914" s="162"/>
      <c r="CD1914" s="162"/>
      <c r="CE1914" s="162"/>
      <c r="CF1914" s="162"/>
      <c r="CG1914" s="162"/>
      <c r="CH1914" s="162"/>
      <c r="CI1914" s="162"/>
      <c r="CJ1914" s="162"/>
      <c r="CK1914" s="162"/>
      <c r="CX1914" s="98"/>
      <c r="DL1914" s="97"/>
      <c r="DX1914" s="98"/>
      <c r="EL1914" s="97"/>
      <c r="EX1914" s="98"/>
      <c r="EY1914" s="97"/>
      <c r="FL1914" s="126"/>
      <c r="FM1914" s="91"/>
      <c r="FN1914" s="91"/>
      <c r="FO1914" s="91"/>
      <c r="FP1914" s="91"/>
      <c r="FQ1914" s="91"/>
      <c r="FR1914" s="91"/>
      <c r="FS1914" s="91"/>
      <c r="FT1914" s="91"/>
      <c r="FU1914" s="91"/>
      <c r="FV1914" s="91"/>
      <c r="FW1914" s="91"/>
      <c r="FX1914" s="91"/>
      <c r="FY1914" s="91"/>
      <c r="FZ1914" s="91"/>
      <c r="GA1914" s="91"/>
      <c r="GB1914" s="91"/>
      <c r="GC1914" s="91"/>
      <c r="GD1914" s="91"/>
      <c r="GE1914" s="91"/>
      <c r="GF1914" s="91"/>
      <c r="GG1914" s="91"/>
      <c r="GH1914" s="91"/>
      <c r="GI1914" s="91"/>
      <c r="GJ1914" s="91"/>
      <c r="GK1914" s="127"/>
      <c r="GL1914" s="126"/>
      <c r="GM1914" s="91"/>
      <c r="GN1914" s="91"/>
      <c r="GO1914" s="91"/>
      <c r="GP1914" s="91"/>
      <c r="GQ1914" s="91"/>
      <c r="GR1914" s="91"/>
      <c r="GS1914" s="91"/>
      <c r="GT1914" s="91"/>
      <c r="GU1914" s="91"/>
      <c r="GV1914" s="91"/>
      <c r="GW1914" s="91"/>
      <c r="GX1914" s="91"/>
      <c r="GY1914" s="91"/>
      <c r="GZ1914" s="91"/>
      <c r="HA1914" s="91"/>
      <c r="HB1914" s="91"/>
      <c r="HC1914" s="91"/>
      <c r="HD1914" s="91"/>
      <c r="HE1914" s="91"/>
      <c r="HF1914" s="91"/>
      <c r="HG1914" s="91"/>
      <c r="HH1914" s="91"/>
      <c r="HI1914" s="91"/>
      <c r="HJ1914" s="91"/>
      <c r="HK1914" s="127"/>
      <c r="HL1914" s="126"/>
      <c r="HM1914" s="91"/>
      <c r="HN1914" s="91"/>
      <c r="HO1914" s="91"/>
      <c r="HP1914" s="91"/>
      <c r="HQ1914" s="91"/>
      <c r="HR1914" s="91"/>
      <c r="HS1914" s="91"/>
      <c r="HT1914" s="91"/>
      <c r="HU1914" s="91"/>
      <c r="HV1914" s="91"/>
      <c r="HW1914" s="91"/>
      <c r="HX1914" s="91"/>
      <c r="HY1914" s="91"/>
      <c r="HZ1914" s="91"/>
      <c r="IA1914" s="91"/>
      <c r="IB1914" s="91"/>
      <c r="IC1914" s="91"/>
      <c r="ID1914" s="91"/>
      <c r="IE1914" s="91"/>
      <c r="IF1914" s="91"/>
      <c r="IG1914" s="91"/>
      <c r="IH1914" s="91"/>
      <c r="II1914" s="91"/>
      <c r="IJ1914" s="91"/>
      <c r="IK1914" s="127"/>
    </row>
    <row r="1915" spans="2:245" x14ac:dyDescent="0.2">
      <c r="B1915" s="43"/>
      <c r="C1915" s="73"/>
      <c r="D1915" s="64"/>
      <c r="E1915" s="64"/>
      <c r="F1915" s="55"/>
      <c r="G1915" s="102"/>
      <c r="H1915" s="55"/>
      <c r="I1915" s="55"/>
      <c r="J1915" s="55"/>
      <c r="K1915" s="55"/>
      <c r="L1915" s="55"/>
      <c r="M1915" s="55"/>
      <c r="N1915" s="55"/>
      <c r="O1915" s="55"/>
      <c r="P1915" s="55"/>
      <c r="Q1915" s="55"/>
      <c r="R1915" s="55"/>
      <c r="S1915" s="55"/>
      <c r="T1915" s="55"/>
      <c r="U1915" s="55"/>
      <c r="V1915" s="55"/>
      <c r="W1915" s="55"/>
      <c r="X1915" s="55"/>
      <c r="Y1915" s="55"/>
      <c r="Z1915" s="55"/>
      <c r="AA1915" s="55"/>
      <c r="AB1915" s="55"/>
      <c r="AC1915" s="55"/>
      <c r="AD1915" s="55"/>
      <c r="AE1915" s="55"/>
      <c r="AF1915" s="55"/>
      <c r="AG1915" s="55"/>
      <c r="AY1915" s="162"/>
      <c r="AZ1915" s="162"/>
      <c r="BA1915" s="162"/>
      <c r="BB1915" s="162"/>
      <c r="BC1915" s="162"/>
      <c r="BD1915" s="162"/>
      <c r="BE1915" s="162"/>
      <c r="BF1915" s="162"/>
      <c r="BG1915" s="162"/>
      <c r="BH1915" s="162"/>
      <c r="BI1915" s="162"/>
      <c r="BJ1915" s="162"/>
      <c r="BK1915" s="162"/>
      <c r="BL1915" s="162"/>
      <c r="BM1915" s="162"/>
      <c r="BN1915" s="162"/>
      <c r="BO1915" s="162"/>
      <c r="BP1915" s="162"/>
      <c r="BQ1915" s="162"/>
      <c r="BR1915" s="162"/>
      <c r="BS1915" s="162"/>
      <c r="BT1915" s="162"/>
      <c r="BU1915" s="162"/>
      <c r="BV1915" s="162"/>
      <c r="BW1915" s="162"/>
      <c r="BX1915" s="162"/>
      <c r="BY1915" s="162"/>
      <c r="BZ1915" s="162"/>
      <c r="CA1915" s="162"/>
      <c r="CB1915" s="162"/>
      <c r="CC1915" s="162"/>
      <c r="CD1915" s="162"/>
      <c r="CE1915" s="162"/>
      <c r="CF1915" s="162"/>
      <c r="CG1915" s="162"/>
      <c r="CH1915" s="162"/>
      <c r="CI1915" s="162"/>
      <c r="CJ1915" s="162"/>
      <c r="CK1915" s="162"/>
      <c r="CX1915" s="98"/>
      <c r="DL1915" s="97"/>
      <c r="DX1915" s="98"/>
      <c r="EL1915" s="97"/>
      <c r="EX1915" s="98"/>
      <c r="EY1915" s="97"/>
      <c r="FL1915" s="126"/>
      <c r="FM1915" s="91"/>
      <c r="FN1915" s="91"/>
      <c r="FO1915" s="91"/>
      <c r="FP1915" s="91"/>
      <c r="FQ1915" s="91"/>
      <c r="FR1915" s="91"/>
      <c r="FS1915" s="91"/>
      <c r="FT1915" s="91"/>
      <c r="FU1915" s="91"/>
      <c r="FV1915" s="91"/>
      <c r="FW1915" s="91"/>
      <c r="FX1915" s="91"/>
      <c r="FY1915" s="91"/>
      <c r="FZ1915" s="91"/>
      <c r="GA1915" s="91"/>
      <c r="GB1915" s="91"/>
      <c r="GC1915" s="91"/>
      <c r="GD1915" s="91"/>
      <c r="GE1915" s="91"/>
      <c r="GF1915" s="91"/>
      <c r="GG1915" s="91"/>
      <c r="GH1915" s="91"/>
      <c r="GI1915" s="91"/>
      <c r="GJ1915" s="91"/>
      <c r="GK1915" s="127"/>
      <c r="GL1915" s="126"/>
      <c r="GM1915" s="91"/>
      <c r="GN1915" s="91"/>
      <c r="GO1915" s="91"/>
      <c r="GP1915" s="91"/>
      <c r="GQ1915" s="91"/>
      <c r="GR1915" s="91"/>
      <c r="GS1915" s="91"/>
      <c r="GT1915" s="91"/>
      <c r="GU1915" s="91"/>
      <c r="GV1915" s="91"/>
      <c r="GW1915" s="91"/>
      <c r="GX1915" s="91"/>
      <c r="GY1915" s="91"/>
      <c r="GZ1915" s="91"/>
      <c r="HA1915" s="91"/>
      <c r="HB1915" s="91"/>
      <c r="HC1915" s="91"/>
      <c r="HD1915" s="91"/>
      <c r="HE1915" s="91"/>
      <c r="HF1915" s="91"/>
      <c r="HG1915" s="91"/>
      <c r="HH1915" s="91"/>
      <c r="HI1915" s="91"/>
      <c r="HJ1915" s="91"/>
      <c r="HK1915" s="127"/>
      <c r="HL1915" s="126"/>
      <c r="HM1915" s="91"/>
      <c r="HN1915" s="91"/>
      <c r="HO1915" s="91"/>
      <c r="HP1915" s="91"/>
      <c r="HQ1915" s="91"/>
      <c r="HR1915" s="91"/>
      <c r="HS1915" s="91"/>
      <c r="HT1915" s="91"/>
      <c r="HU1915" s="91"/>
      <c r="HV1915" s="91"/>
      <c r="HW1915" s="91"/>
      <c r="HX1915" s="91"/>
      <c r="HY1915" s="91"/>
      <c r="HZ1915" s="91"/>
      <c r="IA1915" s="91"/>
      <c r="IB1915" s="91"/>
      <c r="IC1915" s="91"/>
      <c r="ID1915" s="91"/>
      <c r="IE1915" s="91"/>
      <c r="IF1915" s="91"/>
      <c r="IG1915" s="91"/>
      <c r="IH1915" s="91"/>
      <c r="II1915" s="91"/>
      <c r="IJ1915" s="91"/>
      <c r="IK1915" s="127"/>
    </row>
    <row r="1916" spans="2:245" ht="13.5" thickBot="1" x14ac:dyDescent="0.25">
      <c r="B1916" s="43"/>
      <c r="C1916" s="73"/>
      <c r="D1916" s="64"/>
      <c r="E1916" s="64"/>
      <c r="F1916" s="55"/>
      <c r="G1916" s="102"/>
      <c r="H1916" s="55"/>
      <c r="I1916" s="55"/>
      <c r="J1916" s="55"/>
      <c r="K1916" s="55"/>
      <c r="L1916" s="55"/>
      <c r="M1916" s="55"/>
      <c r="N1916" s="55"/>
      <c r="O1916" s="55"/>
      <c r="P1916" s="55"/>
      <c r="Q1916" s="55"/>
      <c r="R1916" s="55"/>
      <c r="S1916" s="55"/>
      <c r="T1916" s="55"/>
      <c r="U1916" s="55"/>
      <c r="V1916" s="55"/>
      <c r="W1916" s="55"/>
      <c r="X1916" s="55"/>
      <c r="Y1916" s="55"/>
      <c r="Z1916" s="55"/>
      <c r="AA1916" s="55"/>
      <c r="AB1916" s="55"/>
      <c r="AC1916" s="55"/>
      <c r="AD1916" s="55"/>
      <c r="AE1916" s="55"/>
      <c r="AF1916" s="55"/>
      <c r="AG1916" s="55"/>
      <c r="AY1916" s="162"/>
      <c r="AZ1916" s="162"/>
      <c r="BA1916" s="162"/>
      <c r="BB1916" s="162"/>
      <c r="BC1916" s="162"/>
      <c r="BD1916" s="162"/>
      <c r="BE1916" s="162"/>
      <c r="BF1916" s="162"/>
      <c r="BG1916" s="162"/>
      <c r="BH1916" s="162"/>
      <c r="BI1916" s="162"/>
      <c r="BJ1916" s="162"/>
      <c r="BK1916" s="162"/>
      <c r="BL1916" s="162"/>
      <c r="BM1916" s="162"/>
      <c r="BN1916" s="162"/>
      <c r="BO1916" s="162"/>
      <c r="BP1916" s="162"/>
      <c r="BQ1916" s="162"/>
      <c r="BR1916" s="162"/>
      <c r="BS1916" s="162"/>
      <c r="BT1916" s="162"/>
      <c r="BU1916" s="162"/>
      <c r="BV1916" s="162"/>
      <c r="BW1916" s="162"/>
      <c r="BX1916" s="162"/>
      <c r="BY1916" s="162"/>
      <c r="BZ1916" s="162"/>
      <c r="CA1916" s="162"/>
      <c r="CB1916" s="162"/>
      <c r="CC1916" s="162"/>
      <c r="CD1916" s="162"/>
      <c r="CE1916" s="162"/>
      <c r="CF1916" s="162"/>
      <c r="CG1916" s="162"/>
      <c r="CH1916" s="162"/>
      <c r="CI1916" s="162"/>
      <c r="CJ1916" s="162"/>
      <c r="CK1916" s="162"/>
      <c r="CL1916" s="166"/>
      <c r="CM1916" s="166"/>
      <c r="CN1916" s="166"/>
      <c r="CO1916" s="166"/>
      <c r="CP1916" s="166"/>
      <c r="CQ1916" s="166"/>
      <c r="CR1916" s="166"/>
      <c r="CS1916" s="166"/>
      <c r="CT1916" s="166"/>
      <c r="CU1916" s="166"/>
      <c r="CV1916" s="166"/>
      <c r="CW1916" s="166"/>
      <c r="CX1916" s="176"/>
      <c r="CY1916" s="166"/>
      <c r="CZ1916" s="166"/>
      <c r="DA1916" s="166"/>
      <c r="DB1916" s="166"/>
      <c r="DC1916" s="166"/>
      <c r="DD1916" s="166"/>
      <c r="DE1916" s="166"/>
      <c r="DF1916" s="166"/>
      <c r="DG1916" s="166"/>
      <c r="DH1916" s="166"/>
      <c r="DI1916" s="166"/>
      <c r="DJ1916" s="166"/>
      <c r="DK1916" s="166"/>
      <c r="DL1916" s="175"/>
      <c r="DM1916" s="166"/>
      <c r="DN1916" s="166"/>
      <c r="DO1916" s="166"/>
      <c r="DP1916" s="166"/>
      <c r="DQ1916" s="166"/>
      <c r="DR1916" s="166"/>
      <c r="DS1916" s="166"/>
      <c r="DT1916" s="166"/>
      <c r="DU1916" s="166"/>
      <c r="DV1916" s="166"/>
      <c r="DW1916" s="166"/>
      <c r="DX1916" s="176"/>
      <c r="DY1916" s="166"/>
      <c r="DZ1916" s="166"/>
      <c r="EA1916" s="166"/>
      <c r="EB1916" s="166"/>
      <c r="EC1916" s="166"/>
      <c r="ED1916" s="166"/>
      <c r="EE1916" s="166"/>
      <c r="EF1916" s="166"/>
      <c r="EG1916" s="166"/>
      <c r="EH1916" s="166"/>
      <c r="EI1916" s="166"/>
      <c r="EJ1916" s="166"/>
      <c r="EK1916" s="166"/>
      <c r="EL1916" s="175"/>
      <c r="EM1916" s="166"/>
      <c r="EN1916" s="166"/>
      <c r="EO1916" s="166"/>
      <c r="EP1916" s="166"/>
      <c r="EQ1916" s="166"/>
      <c r="ER1916" s="166"/>
      <c r="ES1916" s="166"/>
      <c r="ET1916" s="166"/>
      <c r="EU1916" s="166"/>
      <c r="EV1916" s="166"/>
      <c r="EW1916" s="166"/>
      <c r="EX1916" s="176"/>
      <c r="EY1916" s="175"/>
      <c r="EZ1916" s="166"/>
      <c r="FA1916" s="166"/>
      <c r="FB1916" s="166"/>
      <c r="FC1916" s="166"/>
      <c r="FD1916" s="166"/>
      <c r="FE1916" s="166"/>
      <c r="FF1916" s="166"/>
      <c r="FG1916" s="166"/>
      <c r="FH1916" s="166"/>
      <c r="FI1916" s="166"/>
      <c r="FJ1916" s="166"/>
      <c r="FK1916" s="166"/>
      <c r="FL1916" s="126"/>
      <c r="FM1916" s="91"/>
      <c r="FN1916" s="91"/>
      <c r="FO1916" s="91"/>
      <c r="FP1916" s="91"/>
      <c r="FQ1916" s="91"/>
      <c r="FR1916" s="91"/>
      <c r="FS1916" s="91"/>
      <c r="FT1916" s="91"/>
      <c r="FU1916" s="91"/>
      <c r="FV1916" s="91"/>
      <c r="FW1916" s="91"/>
      <c r="FX1916" s="91"/>
      <c r="FY1916" s="91"/>
      <c r="FZ1916" s="91"/>
      <c r="GA1916" s="91"/>
      <c r="GB1916" s="91"/>
      <c r="GC1916" s="91"/>
      <c r="GD1916" s="91"/>
      <c r="GE1916" s="91"/>
      <c r="GF1916" s="91"/>
      <c r="GG1916" s="91"/>
      <c r="GH1916" s="91"/>
      <c r="GI1916" s="91"/>
      <c r="GJ1916" s="91"/>
      <c r="GK1916" s="127"/>
      <c r="GL1916" s="126"/>
      <c r="GM1916" s="91"/>
      <c r="GN1916" s="91"/>
      <c r="GO1916" s="91"/>
      <c r="GP1916" s="91"/>
      <c r="GQ1916" s="91"/>
      <c r="GR1916" s="91"/>
      <c r="GS1916" s="91"/>
      <c r="GT1916" s="91"/>
      <c r="GU1916" s="91"/>
      <c r="GV1916" s="91"/>
      <c r="GW1916" s="91"/>
      <c r="GX1916" s="91"/>
      <c r="GY1916" s="91"/>
      <c r="GZ1916" s="91"/>
      <c r="HA1916" s="91"/>
      <c r="HB1916" s="91"/>
      <c r="HC1916" s="91"/>
      <c r="HD1916" s="91"/>
      <c r="HE1916" s="91"/>
      <c r="HF1916" s="91"/>
      <c r="HG1916" s="91"/>
      <c r="HH1916" s="91"/>
      <c r="HI1916" s="91"/>
      <c r="HJ1916" s="91"/>
      <c r="HK1916" s="127"/>
      <c r="HL1916" s="126"/>
      <c r="HM1916" s="91"/>
      <c r="HN1916" s="91"/>
      <c r="HO1916" s="91"/>
      <c r="HP1916" s="91"/>
      <c r="HQ1916" s="91"/>
      <c r="HR1916" s="91"/>
      <c r="HS1916" s="91"/>
      <c r="HT1916" s="91"/>
      <c r="HU1916" s="91"/>
      <c r="HV1916" s="91"/>
      <c r="HW1916" s="91"/>
      <c r="HX1916" s="91"/>
      <c r="HY1916" s="91"/>
      <c r="HZ1916" s="91"/>
      <c r="IA1916" s="91"/>
      <c r="IB1916" s="91"/>
      <c r="IC1916" s="91"/>
      <c r="ID1916" s="91"/>
      <c r="IE1916" s="91"/>
      <c r="IF1916" s="91"/>
      <c r="IG1916" s="91"/>
      <c r="IH1916" s="91"/>
      <c r="II1916" s="91"/>
      <c r="IJ1916" s="91"/>
      <c r="IK1916" s="127"/>
    </row>
    <row r="1917" spans="2:245" x14ac:dyDescent="0.2">
      <c r="B1917" s="43"/>
      <c r="C1917" s="73"/>
      <c r="D1917" s="64"/>
      <c r="E1917" s="64"/>
      <c r="F1917" s="55"/>
      <c r="G1917" s="102"/>
      <c r="H1917" s="55"/>
      <c r="I1917" s="55"/>
      <c r="J1917" s="55"/>
      <c r="K1917" s="55"/>
      <c r="L1917" s="55"/>
      <c r="M1917" s="55"/>
      <c r="N1917" s="55"/>
      <c r="O1917" s="55"/>
      <c r="P1917" s="55"/>
      <c r="Q1917" s="55"/>
      <c r="R1917" s="55"/>
      <c r="S1917" s="55"/>
      <c r="T1917" s="55"/>
      <c r="U1917" s="55"/>
      <c r="V1917" s="55"/>
      <c r="W1917" s="55"/>
      <c r="X1917" s="55"/>
      <c r="Y1917" s="55"/>
      <c r="Z1917" s="55"/>
      <c r="AA1917" s="55"/>
      <c r="AB1917" s="55"/>
      <c r="AC1917" s="55"/>
      <c r="AD1917" s="55"/>
      <c r="AE1917" s="55"/>
      <c r="AF1917" s="55"/>
      <c r="AG1917" s="55"/>
      <c r="AY1917" s="162"/>
      <c r="AZ1917" s="162"/>
      <c r="BA1917" s="162"/>
      <c r="BB1917" s="162"/>
      <c r="BC1917" s="162"/>
      <c r="BD1917" s="162"/>
      <c r="BE1917" s="162"/>
      <c r="BF1917" s="162"/>
      <c r="BG1917" s="162"/>
      <c r="BH1917" s="162"/>
      <c r="BI1917" s="162"/>
      <c r="BJ1917" s="162"/>
      <c r="BK1917" s="162"/>
      <c r="BL1917" s="162"/>
      <c r="BM1917" s="162"/>
      <c r="BN1917" s="162"/>
      <c r="BO1917" s="162"/>
      <c r="BP1917" s="162"/>
      <c r="BQ1917" s="162"/>
      <c r="BR1917" s="162"/>
      <c r="BS1917" s="162"/>
      <c r="BT1917" s="162"/>
      <c r="BU1917" s="162"/>
      <c r="BV1917" s="162"/>
      <c r="BW1917" s="162"/>
      <c r="BX1917" s="162"/>
      <c r="BY1917" s="162"/>
      <c r="BZ1917" s="162"/>
      <c r="CA1917" s="162"/>
      <c r="CB1917" s="162"/>
      <c r="CC1917" s="162"/>
      <c r="CD1917" s="162"/>
      <c r="CE1917" s="162"/>
      <c r="CF1917" s="162"/>
      <c r="CG1917" s="162"/>
      <c r="CH1917" s="162"/>
      <c r="CI1917" s="162"/>
      <c r="CJ1917" s="162"/>
      <c r="CK1917" s="162"/>
      <c r="CX1917" s="98"/>
      <c r="DL1917" s="97"/>
      <c r="DX1917" s="98"/>
      <c r="EL1917" s="97"/>
      <c r="EX1917" s="98"/>
      <c r="EY1917" s="97"/>
      <c r="FL1917" s="126"/>
      <c r="FM1917" s="91"/>
      <c r="FN1917" s="91"/>
      <c r="FO1917" s="91"/>
      <c r="FP1917" s="91"/>
      <c r="FQ1917" s="91"/>
      <c r="FR1917" s="91"/>
      <c r="FS1917" s="91"/>
      <c r="FT1917" s="91"/>
      <c r="FU1917" s="91"/>
      <c r="FV1917" s="91"/>
      <c r="FW1917" s="91"/>
      <c r="FX1917" s="91"/>
      <c r="FY1917" s="91"/>
      <c r="FZ1917" s="91"/>
      <c r="GA1917" s="91"/>
      <c r="GB1917" s="91"/>
      <c r="GC1917" s="91"/>
      <c r="GD1917" s="91"/>
      <c r="GE1917" s="91"/>
      <c r="GF1917" s="91"/>
      <c r="GG1917" s="91"/>
      <c r="GH1917" s="91"/>
      <c r="GI1917" s="91"/>
      <c r="GJ1917" s="91"/>
      <c r="GK1917" s="127"/>
      <c r="GL1917" s="126"/>
      <c r="GM1917" s="91"/>
      <c r="GN1917" s="91"/>
      <c r="GO1917" s="91"/>
      <c r="GP1917" s="91"/>
      <c r="GQ1917" s="91"/>
      <c r="GR1917" s="91"/>
      <c r="GS1917" s="91"/>
      <c r="GT1917" s="91"/>
      <c r="GU1917" s="91"/>
      <c r="GV1917" s="91"/>
      <c r="GW1917" s="91"/>
      <c r="GX1917" s="91"/>
      <c r="GY1917" s="91"/>
      <c r="GZ1917" s="91"/>
      <c r="HA1917" s="91"/>
      <c r="HB1917" s="91"/>
      <c r="HC1917" s="91"/>
      <c r="HD1917" s="91"/>
      <c r="HE1917" s="91"/>
      <c r="HF1917" s="91"/>
      <c r="HG1917" s="91"/>
      <c r="HH1917" s="91"/>
      <c r="HI1917" s="91"/>
      <c r="HJ1917" s="91"/>
      <c r="HK1917" s="127"/>
      <c r="HL1917" s="126"/>
      <c r="HM1917" s="91"/>
      <c r="HN1917" s="91"/>
      <c r="HO1917" s="91"/>
      <c r="HP1917" s="91"/>
      <c r="HQ1917" s="91"/>
      <c r="HR1917" s="91"/>
      <c r="HS1917" s="91"/>
      <c r="HT1917" s="91"/>
      <c r="HU1917" s="91"/>
      <c r="HV1917" s="91"/>
      <c r="HW1917" s="91"/>
      <c r="HX1917" s="91"/>
      <c r="HY1917" s="91"/>
      <c r="HZ1917" s="91"/>
      <c r="IA1917" s="91"/>
      <c r="IB1917" s="91"/>
      <c r="IC1917" s="91"/>
      <c r="ID1917" s="91"/>
      <c r="IE1917" s="91"/>
      <c r="IF1917" s="91"/>
      <c r="IG1917" s="91"/>
      <c r="IH1917" s="91"/>
      <c r="II1917" s="91"/>
      <c r="IJ1917" s="91"/>
      <c r="IK1917" s="127"/>
    </row>
    <row r="1918" spans="2:245" x14ac:dyDescent="0.2">
      <c r="B1918" s="43"/>
      <c r="C1918" s="73"/>
      <c r="D1918" s="64"/>
      <c r="E1918" s="64"/>
      <c r="F1918" s="55"/>
      <c r="G1918" s="102"/>
      <c r="H1918" s="55"/>
      <c r="I1918" s="55"/>
      <c r="J1918" s="55"/>
      <c r="K1918" s="55"/>
      <c r="L1918" s="55"/>
      <c r="M1918" s="55"/>
      <c r="N1918" s="55"/>
      <c r="O1918" s="55"/>
      <c r="P1918" s="55"/>
      <c r="Q1918" s="55"/>
      <c r="R1918" s="55"/>
      <c r="S1918" s="55"/>
      <c r="T1918" s="55"/>
      <c r="U1918" s="55"/>
      <c r="V1918" s="55"/>
      <c r="W1918" s="55"/>
      <c r="X1918" s="55"/>
      <c r="Y1918" s="55"/>
      <c r="Z1918" s="55"/>
      <c r="AA1918" s="55"/>
      <c r="AB1918" s="55"/>
      <c r="AC1918" s="55"/>
      <c r="AD1918" s="55"/>
      <c r="AE1918" s="55"/>
      <c r="AF1918" s="55"/>
      <c r="AG1918" s="55"/>
      <c r="AY1918" s="162"/>
      <c r="AZ1918" s="162"/>
      <c r="BA1918" s="162"/>
      <c r="BB1918" s="162"/>
      <c r="BC1918" s="162"/>
      <c r="BD1918" s="162"/>
      <c r="BE1918" s="162"/>
      <c r="BF1918" s="162"/>
      <c r="BG1918" s="162"/>
      <c r="BH1918" s="162"/>
      <c r="BI1918" s="162"/>
      <c r="BJ1918" s="162"/>
      <c r="BK1918" s="162"/>
      <c r="BL1918" s="162"/>
      <c r="BM1918" s="162"/>
      <c r="BN1918" s="162"/>
      <c r="BO1918" s="162"/>
      <c r="BP1918" s="162"/>
      <c r="BQ1918" s="162"/>
      <c r="BR1918" s="162"/>
      <c r="BS1918" s="162"/>
      <c r="BT1918" s="162"/>
      <c r="BU1918" s="162"/>
      <c r="BV1918" s="162"/>
      <c r="BW1918" s="162"/>
      <c r="BX1918" s="162"/>
      <c r="BY1918" s="162"/>
      <c r="BZ1918" s="162"/>
      <c r="CA1918" s="162"/>
      <c r="CB1918" s="162"/>
      <c r="CC1918" s="162"/>
      <c r="CD1918" s="162"/>
      <c r="CE1918" s="162"/>
      <c r="CF1918" s="162"/>
      <c r="CG1918" s="162"/>
      <c r="CH1918" s="162"/>
      <c r="CI1918" s="162"/>
      <c r="CJ1918" s="162"/>
      <c r="CK1918" s="162"/>
      <c r="CX1918" s="98"/>
      <c r="DL1918" s="97"/>
      <c r="DX1918" s="98"/>
      <c r="EL1918" s="97"/>
      <c r="EX1918" s="98"/>
      <c r="EY1918" s="97"/>
      <c r="FL1918" s="126"/>
      <c r="FM1918" s="91"/>
      <c r="FN1918" s="91"/>
      <c r="FO1918" s="91"/>
      <c r="FP1918" s="91"/>
      <c r="FQ1918" s="91"/>
      <c r="FR1918" s="91"/>
      <c r="FS1918" s="91"/>
      <c r="FT1918" s="91"/>
      <c r="FU1918" s="91"/>
      <c r="FV1918" s="91"/>
      <c r="FW1918" s="91"/>
      <c r="FX1918" s="91"/>
      <c r="FY1918" s="91"/>
      <c r="FZ1918" s="91"/>
      <c r="GA1918" s="91"/>
      <c r="GB1918" s="91"/>
      <c r="GC1918" s="91"/>
      <c r="GD1918" s="91"/>
      <c r="GE1918" s="91"/>
      <c r="GF1918" s="91"/>
      <c r="GG1918" s="91"/>
      <c r="GH1918" s="91"/>
      <c r="GI1918" s="91"/>
      <c r="GJ1918" s="91"/>
      <c r="GK1918" s="127"/>
      <c r="GL1918" s="126"/>
      <c r="GM1918" s="91"/>
      <c r="GN1918" s="91"/>
      <c r="GO1918" s="91"/>
      <c r="GP1918" s="91"/>
      <c r="GQ1918" s="91"/>
      <c r="GR1918" s="91"/>
      <c r="GS1918" s="91"/>
      <c r="GT1918" s="91"/>
      <c r="GU1918" s="91"/>
      <c r="GV1918" s="91"/>
      <c r="GW1918" s="91"/>
      <c r="GX1918" s="91"/>
      <c r="GY1918" s="91"/>
      <c r="GZ1918" s="91"/>
      <c r="HA1918" s="91"/>
      <c r="HB1918" s="91"/>
      <c r="HC1918" s="91"/>
      <c r="HD1918" s="91"/>
      <c r="HE1918" s="91"/>
      <c r="HF1918" s="91"/>
      <c r="HG1918" s="91"/>
      <c r="HH1918" s="91"/>
      <c r="HI1918" s="91"/>
      <c r="HJ1918" s="91"/>
      <c r="HK1918" s="127"/>
      <c r="HL1918" s="126"/>
      <c r="HM1918" s="91"/>
      <c r="HN1918" s="91"/>
      <c r="HO1918" s="91"/>
      <c r="HP1918" s="91"/>
      <c r="HQ1918" s="91"/>
      <c r="HR1918" s="91"/>
      <c r="HS1918" s="91"/>
      <c r="HT1918" s="91"/>
      <c r="HU1918" s="91"/>
      <c r="HV1918" s="91"/>
      <c r="HW1918" s="91"/>
      <c r="HX1918" s="91"/>
      <c r="HY1918" s="91"/>
      <c r="HZ1918" s="91"/>
      <c r="IA1918" s="91"/>
      <c r="IB1918" s="91"/>
      <c r="IC1918" s="91"/>
      <c r="ID1918" s="91"/>
      <c r="IE1918" s="91"/>
      <c r="IF1918" s="91"/>
      <c r="IG1918" s="91"/>
      <c r="IH1918" s="91"/>
      <c r="II1918" s="91"/>
      <c r="IJ1918" s="91"/>
      <c r="IK1918" s="127"/>
    </row>
    <row r="1919" spans="2:245" x14ac:dyDescent="0.2">
      <c r="B1919" s="43"/>
      <c r="C1919" s="73"/>
      <c r="D1919" s="64"/>
      <c r="E1919" s="64"/>
      <c r="F1919" s="55"/>
      <c r="G1919" s="102"/>
      <c r="H1919" s="55"/>
      <c r="I1919" s="55"/>
      <c r="J1919" s="55"/>
      <c r="K1919" s="55"/>
      <c r="L1919" s="55"/>
      <c r="M1919" s="55"/>
      <c r="N1919" s="55"/>
      <c r="O1919" s="55"/>
      <c r="P1919" s="55"/>
      <c r="Q1919" s="55"/>
      <c r="R1919" s="55"/>
      <c r="S1919" s="55"/>
      <c r="T1919" s="55"/>
      <c r="U1919" s="55"/>
      <c r="V1919" s="55"/>
      <c r="W1919" s="55"/>
      <c r="X1919" s="55"/>
      <c r="Y1919" s="55"/>
      <c r="Z1919" s="55"/>
      <c r="AA1919" s="55"/>
      <c r="AB1919" s="55"/>
      <c r="AC1919" s="55"/>
      <c r="AD1919" s="55"/>
      <c r="AE1919" s="55"/>
      <c r="AF1919" s="55"/>
      <c r="AG1919" s="55"/>
      <c r="AY1919" s="162"/>
      <c r="AZ1919" s="162"/>
      <c r="BA1919" s="162"/>
      <c r="BB1919" s="162"/>
      <c r="BC1919" s="162"/>
      <c r="BD1919" s="162"/>
      <c r="BE1919" s="162"/>
      <c r="BF1919" s="162"/>
      <c r="BG1919" s="162"/>
      <c r="BH1919" s="162"/>
      <c r="BI1919" s="162"/>
      <c r="BJ1919" s="162"/>
      <c r="BK1919" s="162"/>
      <c r="BL1919" s="162"/>
      <c r="BM1919" s="162"/>
      <c r="BN1919" s="162"/>
      <c r="BO1919" s="162"/>
      <c r="BP1919" s="162"/>
      <c r="BQ1919" s="162"/>
      <c r="BR1919" s="162"/>
      <c r="BS1919" s="162"/>
      <c r="BT1919" s="162"/>
      <c r="BU1919" s="162"/>
      <c r="BV1919" s="162"/>
      <c r="BW1919" s="162"/>
      <c r="BX1919" s="162"/>
      <c r="BY1919" s="162"/>
      <c r="BZ1919" s="162"/>
      <c r="CA1919" s="162"/>
      <c r="CB1919" s="162"/>
      <c r="CC1919" s="162"/>
      <c r="CD1919" s="162"/>
      <c r="CE1919" s="162"/>
      <c r="CF1919" s="162"/>
      <c r="CG1919" s="162"/>
      <c r="CH1919" s="162"/>
      <c r="CI1919" s="162"/>
      <c r="CJ1919" s="162"/>
      <c r="CK1919" s="162"/>
      <c r="CX1919" s="98"/>
      <c r="DL1919" s="97"/>
      <c r="DX1919" s="98"/>
      <c r="EL1919" s="97"/>
      <c r="EX1919" s="98"/>
      <c r="EY1919" s="97"/>
      <c r="FL1919" s="126"/>
      <c r="FM1919" s="91"/>
      <c r="FN1919" s="91"/>
      <c r="FO1919" s="91"/>
      <c r="FP1919" s="91"/>
      <c r="FQ1919" s="91"/>
      <c r="FR1919" s="91"/>
      <c r="FS1919" s="91"/>
      <c r="FT1919" s="91"/>
      <c r="FU1919" s="91"/>
      <c r="FV1919" s="91"/>
      <c r="FW1919" s="91"/>
      <c r="FX1919" s="91"/>
      <c r="FY1919" s="91"/>
      <c r="FZ1919" s="91"/>
      <c r="GA1919" s="91"/>
      <c r="GB1919" s="91"/>
      <c r="GC1919" s="91"/>
      <c r="GD1919" s="91"/>
      <c r="GE1919" s="91"/>
      <c r="GF1919" s="91"/>
      <c r="GG1919" s="91"/>
      <c r="GH1919" s="91"/>
      <c r="GI1919" s="91"/>
      <c r="GJ1919" s="91"/>
      <c r="GK1919" s="127"/>
      <c r="GL1919" s="126"/>
      <c r="GM1919" s="91"/>
      <c r="GN1919" s="91"/>
      <c r="GO1919" s="91"/>
      <c r="GP1919" s="91"/>
      <c r="GQ1919" s="91"/>
      <c r="GR1919" s="91"/>
      <c r="GS1919" s="91"/>
      <c r="GT1919" s="91"/>
      <c r="GU1919" s="91"/>
      <c r="GV1919" s="91"/>
      <c r="GW1919" s="91"/>
      <c r="GX1919" s="91"/>
      <c r="GY1919" s="91"/>
      <c r="GZ1919" s="91"/>
      <c r="HA1919" s="91"/>
      <c r="HB1919" s="91"/>
      <c r="HC1919" s="91"/>
      <c r="HD1919" s="91"/>
      <c r="HE1919" s="91"/>
      <c r="HF1919" s="91"/>
      <c r="HG1919" s="91"/>
      <c r="HH1919" s="91"/>
      <c r="HI1919" s="91"/>
      <c r="HJ1919" s="91"/>
      <c r="HK1919" s="127"/>
      <c r="HL1919" s="126"/>
      <c r="HM1919" s="91"/>
      <c r="HN1919" s="91"/>
      <c r="HO1919" s="91"/>
      <c r="HP1919" s="91"/>
      <c r="HQ1919" s="91"/>
      <c r="HR1919" s="91"/>
      <c r="HS1919" s="91"/>
      <c r="HT1919" s="91"/>
      <c r="HU1919" s="91"/>
      <c r="HV1919" s="91"/>
      <c r="HW1919" s="91"/>
      <c r="HX1919" s="91"/>
      <c r="HY1919" s="91"/>
      <c r="HZ1919" s="91"/>
      <c r="IA1919" s="91"/>
      <c r="IB1919" s="91"/>
      <c r="IC1919" s="91"/>
      <c r="ID1919" s="91"/>
      <c r="IE1919" s="91"/>
      <c r="IF1919" s="91"/>
      <c r="IG1919" s="91"/>
      <c r="IH1919" s="91"/>
      <c r="II1919" s="91"/>
      <c r="IJ1919" s="91"/>
      <c r="IK1919" s="127"/>
    </row>
    <row r="1920" spans="2:245" x14ac:dyDescent="0.2">
      <c r="B1920" s="43"/>
      <c r="C1920" s="73"/>
      <c r="D1920" s="64"/>
      <c r="E1920" s="64"/>
      <c r="F1920" s="55"/>
      <c r="G1920" s="102"/>
      <c r="H1920" s="55"/>
      <c r="I1920" s="55"/>
      <c r="J1920" s="55"/>
      <c r="K1920" s="55"/>
      <c r="L1920" s="55"/>
      <c r="M1920" s="55"/>
      <c r="N1920" s="55"/>
      <c r="O1920" s="55"/>
      <c r="P1920" s="55"/>
      <c r="Q1920" s="55"/>
      <c r="R1920" s="55"/>
      <c r="S1920" s="55"/>
      <c r="T1920" s="55"/>
      <c r="U1920" s="55"/>
      <c r="V1920" s="55"/>
      <c r="W1920" s="55"/>
      <c r="X1920" s="55"/>
      <c r="Y1920" s="55"/>
      <c r="Z1920" s="55"/>
      <c r="AA1920" s="55"/>
      <c r="AB1920" s="55"/>
      <c r="AC1920" s="55"/>
      <c r="AD1920" s="55"/>
      <c r="AE1920" s="55"/>
      <c r="AF1920" s="55"/>
      <c r="AG1920" s="55"/>
      <c r="AY1920" s="162"/>
      <c r="AZ1920" s="162"/>
      <c r="BA1920" s="162"/>
      <c r="BB1920" s="162"/>
      <c r="BC1920" s="162"/>
      <c r="BD1920" s="162"/>
      <c r="BE1920" s="162"/>
      <c r="BF1920" s="162"/>
      <c r="BG1920" s="162"/>
      <c r="BH1920" s="162"/>
      <c r="BI1920" s="162"/>
      <c r="BJ1920" s="162"/>
      <c r="BK1920" s="162"/>
      <c r="BL1920" s="162"/>
      <c r="BM1920" s="162"/>
      <c r="BN1920" s="162"/>
      <c r="BO1920" s="162"/>
      <c r="BP1920" s="162"/>
      <c r="BQ1920" s="162"/>
      <c r="BR1920" s="162"/>
      <c r="BS1920" s="162"/>
      <c r="BT1920" s="162"/>
      <c r="BU1920" s="162"/>
      <c r="BV1920" s="162"/>
      <c r="BW1920" s="162"/>
      <c r="BX1920" s="162"/>
      <c r="BY1920" s="162"/>
      <c r="BZ1920" s="162"/>
      <c r="CA1920" s="162"/>
      <c r="CB1920" s="162"/>
      <c r="CC1920" s="162"/>
      <c r="CD1920" s="162"/>
      <c r="CE1920" s="162"/>
      <c r="CF1920" s="162"/>
      <c r="CG1920" s="162"/>
      <c r="CH1920" s="162"/>
      <c r="CI1920" s="162"/>
      <c r="CJ1920" s="162"/>
      <c r="CK1920" s="162"/>
      <c r="CX1920" s="98"/>
      <c r="DL1920" s="97"/>
      <c r="DX1920" s="98"/>
      <c r="EL1920" s="97"/>
      <c r="EX1920" s="98"/>
      <c r="EY1920" s="97"/>
      <c r="FL1920" s="126"/>
      <c r="FM1920" s="91"/>
      <c r="FN1920" s="91"/>
      <c r="FO1920" s="91"/>
      <c r="FP1920" s="91"/>
      <c r="FQ1920" s="91"/>
      <c r="FR1920" s="91"/>
      <c r="FS1920" s="91"/>
      <c r="FT1920" s="91"/>
      <c r="FU1920" s="91"/>
      <c r="FV1920" s="91"/>
      <c r="FW1920" s="91"/>
      <c r="FX1920" s="91"/>
      <c r="FY1920" s="91"/>
      <c r="FZ1920" s="91"/>
      <c r="GA1920" s="91"/>
      <c r="GB1920" s="91"/>
      <c r="GC1920" s="91"/>
      <c r="GD1920" s="91"/>
      <c r="GE1920" s="91"/>
      <c r="GF1920" s="91"/>
      <c r="GG1920" s="91"/>
      <c r="GH1920" s="91"/>
      <c r="GI1920" s="91"/>
      <c r="GJ1920" s="91"/>
      <c r="GK1920" s="127"/>
      <c r="GL1920" s="126"/>
      <c r="GM1920" s="91"/>
      <c r="GN1920" s="91"/>
      <c r="GO1920" s="91"/>
      <c r="GP1920" s="91"/>
      <c r="GQ1920" s="91"/>
      <c r="GR1920" s="91"/>
      <c r="GS1920" s="91"/>
      <c r="GT1920" s="91"/>
      <c r="GU1920" s="91"/>
      <c r="GV1920" s="91"/>
      <c r="GW1920" s="91"/>
      <c r="GX1920" s="91"/>
      <c r="GY1920" s="91"/>
      <c r="GZ1920" s="91"/>
      <c r="HA1920" s="91"/>
      <c r="HB1920" s="91"/>
      <c r="HC1920" s="91"/>
      <c r="HD1920" s="91"/>
      <c r="HE1920" s="91"/>
      <c r="HF1920" s="91"/>
      <c r="HG1920" s="91"/>
      <c r="HH1920" s="91"/>
      <c r="HI1920" s="91"/>
      <c r="HJ1920" s="91"/>
      <c r="HK1920" s="127"/>
      <c r="HL1920" s="126"/>
      <c r="HM1920" s="91"/>
      <c r="HN1920" s="91"/>
      <c r="HO1920" s="91"/>
      <c r="HP1920" s="91"/>
      <c r="HQ1920" s="91"/>
      <c r="HR1920" s="91"/>
      <c r="HS1920" s="91"/>
      <c r="HT1920" s="91"/>
      <c r="HU1920" s="91"/>
      <c r="HV1920" s="91"/>
      <c r="HW1920" s="91"/>
      <c r="HX1920" s="91"/>
      <c r="HY1920" s="91"/>
      <c r="HZ1920" s="91"/>
      <c r="IA1920" s="91"/>
      <c r="IB1920" s="91"/>
      <c r="IC1920" s="91"/>
      <c r="ID1920" s="91"/>
      <c r="IE1920" s="91"/>
      <c r="IF1920" s="91"/>
      <c r="IG1920" s="91"/>
      <c r="IH1920" s="91"/>
      <c r="II1920" s="91"/>
      <c r="IJ1920" s="91"/>
      <c r="IK1920" s="127"/>
    </row>
    <row r="1921" spans="2:245" x14ac:dyDescent="0.2">
      <c r="B1921" s="43"/>
      <c r="C1921" s="73"/>
      <c r="D1921" s="64"/>
      <c r="E1921" s="64"/>
      <c r="F1921" s="55"/>
      <c r="G1921" s="102"/>
      <c r="H1921" s="55"/>
      <c r="I1921" s="55"/>
      <c r="J1921" s="55"/>
      <c r="K1921" s="55"/>
      <c r="L1921" s="55"/>
      <c r="M1921" s="55"/>
      <c r="N1921" s="55"/>
      <c r="O1921" s="55"/>
      <c r="P1921" s="55"/>
      <c r="Q1921" s="55"/>
      <c r="R1921" s="55"/>
      <c r="S1921" s="55"/>
      <c r="T1921" s="55"/>
      <c r="U1921" s="55"/>
      <c r="V1921" s="55"/>
      <c r="W1921" s="55"/>
      <c r="X1921" s="55"/>
      <c r="Y1921" s="55"/>
      <c r="Z1921" s="55"/>
      <c r="AA1921" s="55"/>
      <c r="AB1921" s="55"/>
      <c r="AC1921" s="55"/>
      <c r="AD1921" s="55"/>
      <c r="AE1921" s="55"/>
      <c r="AF1921" s="55"/>
      <c r="AG1921" s="55"/>
      <c r="AY1921" s="162"/>
      <c r="AZ1921" s="162"/>
      <c r="BA1921" s="162"/>
      <c r="BB1921" s="162"/>
      <c r="BC1921" s="162"/>
      <c r="BD1921" s="162"/>
      <c r="BE1921" s="162"/>
      <c r="BF1921" s="162"/>
      <c r="BG1921" s="162"/>
      <c r="BH1921" s="162"/>
      <c r="BI1921" s="162"/>
      <c r="BJ1921" s="162"/>
      <c r="BK1921" s="162"/>
      <c r="BL1921" s="162"/>
      <c r="BM1921" s="162"/>
      <c r="BN1921" s="162"/>
      <c r="BO1921" s="162"/>
      <c r="BP1921" s="162"/>
      <c r="BQ1921" s="162"/>
      <c r="BR1921" s="162"/>
      <c r="BS1921" s="162"/>
      <c r="BT1921" s="162"/>
      <c r="BU1921" s="162"/>
      <c r="BV1921" s="162"/>
      <c r="BW1921" s="162"/>
      <c r="BX1921" s="162"/>
      <c r="BY1921" s="162"/>
      <c r="BZ1921" s="162"/>
      <c r="CA1921" s="162"/>
      <c r="CB1921" s="162"/>
      <c r="CC1921" s="162"/>
      <c r="CD1921" s="162"/>
      <c r="CE1921" s="162"/>
      <c r="CF1921" s="162"/>
      <c r="CG1921" s="162"/>
      <c r="CH1921" s="162"/>
      <c r="CI1921" s="162"/>
      <c r="CJ1921" s="162"/>
      <c r="CK1921" s="162"/>
      <c r="CX1921" s="98"/>
      <c r="DL1921" s="97"/>
      <c r="DX1921" s="98"/>
      <c r="EL1921" s="97"/>
      <c r="EX1921" s="98"/>
      <c r="EY1921" s="97"/>
      <c r="FL1921" s="126"/>
      <c r="FM1921" s="91"/>
      <c r="FN1921" s="91"/>
      <c r="FO1921" s="91"/>
      <c r="FP1921" s="91"/>
      <c r="FQ1921" s="91"/>
      <c r="FR1921" s="91"/>
      <c r="FS1921" s="91"/>
      <c r="FT1921" s="91"/>
      <c r="FU1921" s="91"/>
      <c r="FV1921" s="91"/>
      <c r="FW1921" s="91"/>
      <c r="FX1921" s="91"/>
      <c r="FY1921" s="91"/>
      <c r="FZ1921" s="91"/>
      <c r="GA1921" s="91"/>
      <c r="GB1921" s="91"/>
      <c r="GC1921" s="91"/>
      <c r="GD1921" s="91"/>
      <c r="GE1921" s="91"/>
      <c r="GF1921" s="91"/>
      <c r="GG1921" s="91"/>
      <c r="GH1921" s="91"/>
      <c r="GI1921" s="91"/>
      <c r="GJ1921" s="91"/>
      <c r="GK1921" s="127"/>
      <c r="GL1921" s="126"/>
      <c r="GM1921" s="91"/>
      <c r="GN1921" s="91"/>
      <c r="GO1921" s="91"/>
      <c r="GP1921" s="91"/>
      <c r="GQ1921" s="91"/>
      <c r="GR1921" s="91"/>
      <c r="GS1921" s="91"/>
      <c r="GT1921" s="91"/>
      <c r="GU1921" s="91"/>
      <c r="GV1921" s="91"/>
      <c r="GW1921" s="91"/>
      <c r="GX1921" s="91"/>
      <c r="GY1921" s="91"/>
      <c r="GZ1921" s="91"/>
      <c r="HA1921" s="91"/>
      <c r="HB1921" s="91"/>
      <c r="HC1921" s="91"/>
      <c r="HD1921" s="91"/>
      <c r="HE1921" s="91"/>
      <c r="HF1921" s="91"/>
      <c r="HG1921" s="91"/>
      <c r="HH1921" s="91"/>
      <c r="HI1921" s="91"/>
      <c r="HJ1921" s="91"/>
      <c r="HK1921" s="127"/>
      <c r="HL1921" s="126"/>
      <c r="HM1921" s="91"/>
      <c r="HN1921" s="91"/>
      <c r="HO1921" s="91"/>
      <c r="HP1921" s="91"/>
      <c r="HQ1921" s="91"/>
      <c r="HR1921" s="91"/>
      <c r="HS1921" s="91"/>
      <c r="HT1921" s="91"/>
      <c r="HU1921" s="91"/>
      <c r="HV1921" s="91"/>
      <c r="HW1921" s="91"/>
      <c r="HX1921" s="91"/>
      <c r="HY1921" s="91"/>
      <c r="HZ1921" s="91"/>
      <c r="IA1921" s="91"/>
      <c r="IB1921" s="91"/>
      <c r="IC1921" s="91"/>
      <c r="ID1921" s="91"/>
      <c r="IE1921" s="91"/>
      <c r="IF1921" s="91"/>
      <c r="IG1921" s="91"/>
      <c r="IH1921" s="91"/>
      <c r="II1921" s="91"/>
      <c r="IJ1921" s="91"/>
      <c r="IK1921" s="127"/>
    </row>
    <row r="1922" spans="2:245" x14ac:dyDescent="0.2">
      <c r="B1922" s="43"/>
      <c r="C1922" s="73"/>
      <c r="D1922" s="64"/>
      <c r="E1922" s="64"/>
      <c r="F1922" s="55"/>
      <c r="G1922" s="102"/>
      <c r="H1922" s="55"/>
      <c r="I1922" s="55"/>
      <c r="J1922" s="55"/>
      <c r="K1922" s="55"/>
      <c r="L1922" s="55"/>
      <c r="M1922" s="55"/>
      <c r="N1922" s="55"/>
      <c r="O1922" s="55"/>
      <c r="P1922" s="55"/>
      <c r="Q1922" s="55"/>
      <c r="R1922" s="55"/>
      <c r="S1922" s="55"/>
      <c r="T1922" s="55"/>
      <c r="U1922" s="55"/>
      <c r="V1922" s="55"/>
      <c r="W1922" s="55"/>
      <c r="X1922" s="55"/>
      <c r="Y1922" s="55"/>
      <c r="Z1922" s="55"/>
      <c r="AA1922" s="55"/>
      <c r="AB1922" s="55"/>
      <c r="AC1922" s="55"/>
      <c r="AD1922" s="55"/>
      <c r="AE1922" s="55"/>
      <c r="AF1922" s="55"/>
      <c r="AG1922" s="55"/>
      <c r="AY1922" s="162"/>
      <c r="AZ1922" s="162"/>
      <c r="BA1922" s="162"/>
      <c r="BB1922" s="162"/>
      <c r="BC1922" s="162"/>
      <c r="BD1922" s="162"/>
      <c r="BE1922" s="162"/>
      <c r="BF1922" s="162"/>
      <c r="BG1922" s="162"/>
      <c r="BH1922" s="162"/>
      <c r="BI1922" s="162"/>
      <c r="BJ1922" s="162"/>
      <c r="BK1922" s="162"/>
      <c r="BL1922" s="162"/>
      <c r="BM1922" s="162"/>
      <c r="BN1922" s="162"/>
      <c r="BO1922" s="162"/>
      <c r="BP1922" s="162"/>
      <c r="BQ1922" s="162"/>
      <c r="BR1922" s="162"/>
      <c r="BS1922" s="162"/>
      <c r="BT1922" s="162"/>
      <c r="BU1922" s="162"/>
      <c r="BV1922" s="162"/>
      <c r="BW1922" s="162"/>
      <c r="BX1922" s="162"/>
      <c r="BY1922" s="162"/>
      <c r="BZ1922" s="162"/>
      <c r="CA1922" s="162"/>
      <c r="CB1922" s="162"/>
      <c r="CC1922" s="162"/>
      <c r="CD1922" s="162"/>
      <c r="CE1922" s="162"/>
      <c r="CF1922" s="162"/>
      <c r="CG1922" s="162"/>
      <c r="CH1922" s="162"/>
      <c r="CI1922" s="162"/>
      <c r="CJ1922" s="162"/>
      <c r="CK1922" s="162"/>
      <c r="CX1922" s="98"/>
      <c r="DL1922" s="97"/>
      <c r="DX1922" s="98"/>
      <c r="EL1922" s="97"/>
      <c r="EX1922" s="98"/>
      <c r="EY1922" s="97"/>
      <c r="FL1922" s="126"/>
      <c r="FM1922" s="91"/>
      <c r="FN1922" s="91"/>
      <c r="FO1922" s="91"/>
      <c r="FP1922" s="91"/>
      <c r="FQ1922" s="91"/>
      <c r="FR1922" s="91"/>
      <c r="FS1922" s="91"/>
      <c r="FT1922" s="91"/>
      <c r="FU1922" s="91"/>
      <c r="FV1922" s="91"/>
      <c r="FW1922" s="91"/>
      <c r="FX1922" s="91"/>
      <c r="FY1922" s="91"/>
      <c r="FZ1922" s="91"/>
      <c r="GA1922" s="91"/>
      <c r="GB1922" s="91"/>
      <c r="GC1922" s="91"/>
      <c r="GD1922" s="91"/>
      <c r="GE1922" s="91"/>
      <c r="GF1922" s="91"/>
      <c r="GG1922" s="91"/>
      <c r="GH1922" s="91"/>
      <c r="GI1922" s="91"/>
      <c r="GJ1922" s="91"/>
      <c r="GK1922" s="127"/>
      <c r="GL1922" s="126"/>
      <c r="GM1922" s="91"/>
      <c r="GN1922" s="91"/>
      <c r="GO1922" s="91"/>
      <c r="GP1922" s="91"/>
      <c r="GQ1922" s="91"/>
      <c r="GR1922" s="91"/>
      <c r="GS1922" s="91"/>
      <c r="GT1922" s="91"/>
      <c r="GU1922" s="91"/>
      <c r="GV1922" s="91"/>
      <c r="GW1922" s="91"/>
      <c r="GX1922" s="91"/>
      <c r="GY1922" s="91"/>
      <c r="GZ1922" s="91"/>
      <c r="HA1922" s="91"/>
      <c r="HB1922" s="91"/>
      <c r="HC1922" s="91"/>
      <c r="HD1922" s="91"/>
      <c r="HE1922" s="91"/>
      <c r="HF1922" s="91"/>
      <c r="HG1922" s="91"/>
      <c r="HH1922" s="91"/>
      <c r="HI1922" s="91"/>
      <c r="HJ1922" s="91"/>
      <c r="HK1922" s="127"/>
      <c r="HL1922" s="126"/>
      <c r="HM1922" s="91"/>
      <c r="HN1922" s="91"/>
      <c r="HO1922" s="91"/>
      <c r="HP1922" s="91"/>
      <c r="HQ1922" s="91"/>
      <c r="HR1922" s="91"/>
      <c r="HS1922" s="91"/>
      <c r="HT1922" s="91"/>
      <c r="HU1922" s="91"/>
      <c r="HV1922" s="91"/>
      <c r="HW1922" s="91"/>
      <c r="HX1922" s="91"/>
      <c r="HY1922" s="91"/>
      <c r="HZ1922" s="91"/>
      <c r="IA1922" s="91"/>
      <c r="IB1922" s="91"/>
      <c r="IC1922" s="91"/>
      <c r="ID1922" s="91"/>
      <c r="IE1922" s="91"/>
      <c r="IF1922" s="91"/>
      <c r="IG1922" s="91"/>
      <c r="IH1922" s="91"/>
      <c r="II1922" s="91"/>
      <c r="IJ1922" s="91"/>
      <c r="IK1922" s="127"/>
    </row>
    <row r="1923" spans="2:245" x14ac:dyDescent="0.2">
      <c r="B1923" s="43"/>
      <c r="C1923" s="73"/>
      <c r="D1923" s="64"/>
      <c r="E1923" s="64"/>
      <c r="F1923" s="55"/>
      <c r="G1923" s="102"/>
      <c r="H1923" s="55"/>
      <c r="I1923" s="55"/>
      <c r="J1923" s="55"/>
      <c r="K1923" s="55"/>
      <c r="L1923" s="55"/>
      <c r="M1923" s="55"/>
      <c r="N1923" s="55"/>
      <c r="O1923" s="55"/>
      <c r="P1923" s="55"/>
      <c r="Q1923" s="55"/>
      <c r="R1923" s="55"/>
      <c r="S1923" s="55"/>
      <c r="T1923" s="55"/>
      <c r="U1923" s="55"/>
      <c r="V1923" s="55"/>
      <c r="W1923" s="55"/>
      <c r="X1923" s="55"/>
      <c r="Y1923" s="55"/>
      <c r="Z1923" s="55"/>
      <c r="AA1923" s="55"/>
      <c r="AB1923" s="55"/>
      <c r="AC1923" s="55"/>
      <c r="AD1923" s="55"/>
      <c r="AE1923" s="55"/>
      <c r="AF1923" s="55"/>
      <c r="AG1923" s="55"/>
      <c r="AY1923" s="162"/>
      <c r="AZ1923" s="162"/>
      <c r="BA1923" s="162"/>
      <c r="BB1923" s="162"/>
      <c r="BC1923" s="162"/>
      <c r="BD1923" s="162"/>
      <c r="BE1923" s="162"/>
      <c r="BF1923" s="162"/>
      <c r="BG1923" s="162"/>
      <c r="BH1923" s="162"/>
      <c r="BI1923" s="162"/>
      <c r="BJ1923" s="162"/>
      <c r="BK1923" s="162"/>
      <c r="BL1923" s="162"/>
      <c r="BM1923" s="162"/>
      <c r="BN1923" s="162"/>
      <c r="BO1923" s="162"/>
      <c r="BP1923" s="162"/>
      <c r="BQ1923" s="162"/>
      <c r="BR1923" s="162"/>
      <c r="BS1923" s="162"/>
      <c r="BT1923" s="162"/>
      <c r="BU1923" s="162"/>
      <c r="BV1923" s="162"/>
      <c r="BW1923" s="162"/>
      <c r="BX1923" s="162"/>
      <c r="BY1923" s="162"/>
      <c r="BZ1923" s="162"/>
      <c r="CA1923" s="162"/>
      <c r="CB1923" s="162"/>
      <c r="CC1923" s="162"/>
      <c r="CD1923" s="162"/>
      <c r="CE1923" s="162"/>
      <c r="CF1923" s="162"/>
      <c r="CG1923" s="162"/>
      <c r="CH1923" s="162"/>
      <c r="CI1923" s="162"/>
      <c r="CJ1923" s="162"/>
      <c r="CK1923" s="162"/>
      <c r="CX1923" s="98"/>
      <c r="DL1923" s="97"/>
      <c r="DX1923" s="98"/>
      <c r="EL1923" s="97"/>
      <c r="EX1923" s="98"/>
      <c r="EY1923" s="97"/>
      <c r="FL1923" s="126"/>
      <c r="FM1923" s="91"/>
      <c r="FN1923" s="91"/>
      <c r="FO1923" s="91"/>
      <c r="FP1923" s="91"/>
      <c r="FQ1923" s="91"/>
      <c r="FR1923" s="91"/>
      <c r="FS1923" s="91"/>
      <c r="FT1923" s="91"/>
      <c r="FU1923" s="91"/>
      <c r="FV1923" s="91"/>
      <c r="FW1923" s="91"/>
      <c r="FX1923" s="91"/>
      <c r="FY1923" s="91"/>
      <c r="FZ1923" s="91"/>
      <c r="GA1923" s="91"/>
      <c r="GB1923" s="91"/>
      <c r="GC1923" s="91"/>
      <c r="GD1923" s="91"/>
      <c r="GE1923" s="91"/>
      <c r="GF1923" s="91"/>
      <c r="GG1923" s="91"/>
      <c r="GH1923" s="91"/>
      <c r="GI1923" s="91"/>
      <c r="GJ1923" s="91"/>
      <c r="GK1923" s="127"/>
      <c r="GL1923" s="126"/>
      <c r="GM1923" s="91"/>
      <c r="GN1923" s="91"/>
      <c r="GO1923" s="91"/>
      <c r="GP1923" s="91"/>
      <c r="GQ1923" s="91"/>
      <c r="GR1923" s="91"/>
      <c r="GS1923" s="91"/>
      <c r="GT1923" s="91"/>
      <c r="GU1923" s="91"/>
      <c r="GV1923" s="91"/>
      <c r="GW1923" s="91"/>
      <c r="GX1923" s="91"/>
      <c r="GY1923" s="91"/>
      <c r="GZ1923" s="91"/>
      <c r="HA1923" s="91"/>
      <c r="HB1923" s="91"/>
      <c r="HC1923" s="91"/>
      <c r="HD1923" s="91"/>
      <c r="HE1923" s="91"/>
      <c r="HF1923" s="91"/>
      <c r="HG1923" s="91"/>
      <c r="HH1923" s="91"/>
      <c r="HI1923" s="91"/>
      <c r="HJ1923" s="91"/>
      <c r="HK1923" s="127"/>
      <c r="HL1923" s="126"/>
      <c r="HM1923" s="91"/>
      <c r="HN1923" s="91"/>
      <c r="HO1923" s="91"/>
      <c r="HP1923" s="91"/>
      <c r="HQ1923" s="91"/>
      <c r="HR1923" s="91"/>
      <c r="HS1923" s="91"/>
      <c r="HT1923" s="91"/>
      <c r="HU1923" s="91"/>
      <c r="HV1923" s="91"/>
      <c r="HW1923" s="91"/>
      <c r="HX1923" s="91"/>
      <c r="HY1923" s="91"/>
      <c r="HZ1923" s="91"/>
      <c r="IA1923" s="91"/>
      <c r="IB1923" s="91"/>
      <c r="IC1923" s="91"/>
      <c r="ID1923" s="91"/>
      <c r="IE1923" s="91"/>
      <c r="IF1923" s="91"/>
      <c r="IG1923" s="91"/>
      <c r="IH1923" s="91"/>
      <c r="II1923" s="91"/>
      <c r="IJ1923" s="91"/>
      <c r="IK1923" s="127"/>
    </row>
    <row r="1924" spans="2:245" x14ac:dyDescent="0.2">
      <c r="B1924" s="43"/>
      <c r="C1924" s="73"/>
      <c r="D1924" s="64"/>
      <c r="E1924" s="64"/>
      <c r="F1924" s="55"/>
      <c r="G1924" s="102"/>
      <c r="H1924" s="55"/>
      <c r="I1924" s="55"/>
      <c r="J1924" s="55"/>
      <c r="K1924" s="55"/>
      <c r="L1924" s="55"/>
      <c r="M1924" s="55"/>
      <c r="N1924" s="55"/>
      <c r="O1924" s="55"/>
      <c r="P1924" s="55"/>
      <c r="Q1924" s="55"/>
      <c r="R1924" s="55"/>
      <c r="S1924" s="55"/>
      <c r="T1924" s="55"/>
      <c r="U1924" s="55"/>
      <c r="V1924" s="55"/>
      <c r="W1924" s="55"/>
      <c r="X1924" s="55"/>
      <c r="Y1924" s="55"/>
      <c r="Z1924" s="55"/>
      <c r="AA1924" s="55"/>
      <c r="AB1924" s="55"/>
      <c r="AC1924" s="55"/>
      <c r="AD1924" s="55"/>
      <c r="AE1924" s="55"/>
      <c r="AF1924" s="55"/>
      <c r="AG1924" s="55"/>
      <c r="AY1924" s="162"/>
      <c r="AZ1924" s="162"/>
      <c r="BA1924" s="162"/>
      <c r="BB1924" s="162"/>
      <c r="BC1924" s="162"/>
      <c r="BD1924" s="162"/>
      <c r="BE1924" s="162"/>
      <c r="BF1924" s="162"/>
      <c r="BG1924" s="162"/>
      <c r="BH1924" s="162"/>
      <c r="BI1924" s="162"/>
      <c r="BJ1924" s="162"/>
      <c r="BK1924" s="162"/>
      <c r="BL1924" s="162"/>
      <c r="BM1924" s="162"/>
      <c r="BN1924" s="162"/>
      <c r="BO1924" s="162"/>
      <c r="BP1924" s="162"/>
      <c r="BQ1924" s="162"/>
      <c r="BR1924" s="162"/>
      <c r="BS1924" s="162"/>
      <c r="BT1924" s="162"/>
      <c r="BU1924" s="162"/>
      <c r="BV1924" s="162"/>
      <c r="BW1924" s="162"/>
      <c r="BX1924" s="162"/>
      <c r="BY1924" s="162"/>
      <c r="BZ1924" s="162"/>
      <c r="CA1924" s="162"/>
      <c r="CB1924" s="162"/>
      <c r="CC1924" s="162"/>
      <c r="CD1924" s="162"/>
      <c r="CE1924" s="162"/>
      <c r="CF1924" s="162"/>
      <c r="CG1924" s="162"/>
      <c r="CH1924" s="162"/>
      <c r="CI1924" s="162"/>
      <c r="CJ1924" s="162"/>
      <c r="CK1924" s="162"/>
      <c r="CX1924" s="98"/>
      <c r="DL1924" s="97"/>
      <c r="DX1924" s="98"/>
      <c r="EL1924" s="97"/>
      <c r="EX1924" s="98"/>
      <c r="EY1924" s="97"/>
      <c r="FL1924" s="126"/>
      <c r="FM1924" s="91"/>
      <c r="FN1924" s="91"/>
      <c r="FO1924" s="91"/>
      <c r="FP1924" s="91"/>
      <c r="FQ1924" s="91"/>
      <c r="FR1924" s="91"/>
      <c r="FS1924" s="91"/>
      <c r="FT1924" s="91"/>
      <c r="FU1924" s="91"/>
      <c r="FV1924" s="91"/>
      <c r="FW1924" s="91"/>
      <c r="FX1924" s="91"/>
      <c r="FY1924" s="91"/>
      <c r="FZ1924" s="91"/>
      <c r="GA1924" s="91"/>
      <c r="GB1924" s="91"/>
      <c r="GC1924" s="91"/>
      <c r="GD1924" s="91"/>
      <c r="GE1924" s="91"/>
      <c r="GF1924" s="91"/>
      <c r="GG1924" s="91"/>
      <c r="GH1924" s="91"/>
      <c r="GI1924" s="91"/>
      <c r="GJ1924" s="91"/>
      <c r="GK1924" s="127"/>
      <c r="GL1924" s="126"/>
      <c r="GM1924" s="91"/>
      <c r="GN1924" s="91"/>
      <c r="GO1924" s="91"/>
      <c r="GP1924" s="91"/>
      <c r="GQ1924" s="91"/>
      <c r="GR1924" s="91"/>
      <c r="GS1924" s="91"/>
      <c r="GT1924" s="91"/>
      <c r="GU1924" s="91"/>
      <c r="GV1924" s="91"/>
      <c r="GW1924" s="91"/>
      <c r="GX1924" s="91"/>
      <c r="GY1924" s="91"/>
      <c r="GZ1924" s="91"/>
      <c r="HA1924" s="91"/>
      <c r="HB1924" s="91"/>
      <c r="HC1924" s="91"/>
      <c r="HD1924" s="91"/>
      <c r="HE1924" s="91"/>
      <c r="HF1924" s="91"/>
      <c r="HG1924" s="91"/>
      <c r="HH1924" s="91"/>
      <c r="HI1924" s="91"/>
      <c r="HJ1924" s="91"/>
      <c r="HK1924" s="127"/>
      <c r="HL1924" s="126"/>
      <c r="HM1924" s="91"/>
      <c r="HN1924" s="91"/>
      <c r="HO1924" s="91"/>
      <c r="HP1924" s="91"/>
      <c r="HQ1924" s="91"/>
      <c r="HR1924" s="91"/>
      <c r="HS1924" s="91"/>
      <c r="HT1924" s="91"/>
      <c r="HU1924" s="91"/>
      <c r="HV1924" s="91"/>
      <c r="HW1924" s="91"/>
      <c r="HX1924" s="91"/>
      <c r="HY1924" s="91"/>
      <c r="HZ1924" s="91"/>
      <c r="IA1924" s="91"/>
      <c r="IB1924" s="91"/>
      <c r="IC1924" s="91"/>
      <c r="ID1924" s="91"/>
      <c r="IE1924" s="91"/>
      <c r="IF1924" s="91"/>
      <c r="IG1924" s="91"/>
      <c r="IH1924" s="91"/>
      <c r="II1924" s="91"/>
      <c r="IJ1924" s="91"/>
      <c r="IK1924" s="127"/>
    </row>
    <row r="1925" spans="2:245" x14ac:dyDescent="0.2">
      <c r="B1925" s="43"/>
      <c r="C1925" s="73"/>
      <c r="D1925" s="64"/>
      <c r="E1925" s="64"/>
      <c r="F1925" s="55"/>
      <c r="G1925" s="102"/>
      <c r="H1925" s="55"/>
      <c r="I1925" s="55"/>
      <c r="J1925" s="55"/>
      <c r="K1925" s="55"/>
      <c r="L1925" s="55"/>
      <c r="M1925" s="55"/>
      <c r="N1925" s="55"/>
      <c r="O1925" s="55"/>
      <c r="P1925" s="55"/>
      <c r="Q1925" s="55"/>
      <c r="R1925" s="55"/>
      <c r="S1925" s="55"/>
      <c r="T1925" s="55"/>
      <c r="U1925" s="55"/>
      <c r="V1925" s="55"/>
      <c r="W1925" s="55"/>
      <c r="X1925" s="55"/>
      <c r="Y1925" s="55"/>
      <c r="Z1925" s="55"/>
      <c r="AA1925" s="55"/>
      <c r="AB1925" s="55"/>
      <c r="AC1925" s="55"/>
      <c r="AD1925" s="55"/>
      <c r="AE1925" s="55"/>
      <c r="AF1925" s="55"/>
      <c r="AG1925" s="55"/>
      <c r="AY1925" s="162"/>
      <c r="AZ1925" s="162"/>
      <c r="BA1925" s="162"/>
      <c r="BB1925" s="162"/>
      <c r="BC1925" s="162"/>
      <c r="BD1925" s="162"/>
      <c r="BE1925" s="162"/>
      <c r="BF1925" s="162"/>
      <c r="BG1925" s="162"/>
      <c r="BH1925" s="162"/>
      <c r="BI1925" s="162"/>
      <c r="BJ1925" s="162"/>
      <c r="BK1925" s="162"/>
      <c r="BL1925" s="162"/>
      <c r="BM1925" s="162"/>
      <c r="BN1925" s="162"/>
      <c r="BO1925" s="162"/>
      <c r="BP1925" s="162"/>
      <c r="BQ1925" s="162"/>
      <c r="BR1925" s="162"/>
      <c r="BS1925" s="162"/>
      <c r="BT1925" s="162"/>
      <c r="BU1925" s="162"/>
      <c r="BV1925" s="162"/>
      <c r="BW1925" s="162"/>
      <c r="BX1925" s="162"/>
      <c r="BY1925" s="162"/>
      <c r="BZ1925" s="162"/>
      <c r="CA1925" s="162"/>
      <c r="CB1925" s="162"/>
      <c r="CC1925" s="162"/>
      <c r="CD1925" s="162"/>
      <c r="CE1925" s="162"/>
      <c r="CF1925" s="162"/>
      <c r="CG1925" s="162"/>
      <c r="CH1925" s="162"/>
      <c r="CI1925" s="162"/>
      <c r="CJ1925" s="162"/>
      <c r="CK1925" s="162"/>
      <c r="CX1925" s="98"/>
      <c r="DL1925" s="97"/>
      <c r="DX1925" s="98"/>
      <c r="EL1925" s="97"/>
      <c r="EX1925" s="98"/>
      <c r="EY1925" s="97"/>
      <c r="FL1925" s="126"/>
      <c r="FM1925" s="91"/>
      <c r="FN1925" s="91"/>
      <c r="FO1925" s="91"/>
      <c r="FP1925" s="91"/>
      <c r="FQ1925" s="91"/>
      <c r="FR1925" s="91"/>
      <c r="FS1925" s="91"/>
      <c r="FT1925" s="91"/>
      <c r="FU1925" s="91"/>
      <c r="FV1925" s="91"/>
      <c r="FW1925" s="91"/>
      <c r="FX1925" s="91"/>
      <c r="FY1925" s="91"/>
      <c r="FZ1925" s="91"/>
      <c r="GA1925" s="91"/>
      <c r="GB1925" s="91"/>
      <c r="GC1925" s="91"/>
      <c r="GD1925" s="91"/>
      <c r="GE1925" s="91"/>
      <c r="GF1925" s="91"/>
      <c r="GG1925" s="91"/>
      <c r="GH1925" s="91"/>
      <c r="GI1925" s="91"/>
      <c r="GJ1925" s="91"/>
      <c r="GK1925" s="127"/>
      <c r="GL1925" s="126"/>
      <c r="GM1925" s="91"/>
      <c r="GN1925" s="91"/>
      <c r="GO1925" s="91"/>
      <c r="GP1925" s="91"/>
      <c r="GQ1925" s="91"/>
      <c r="GR1925" s="91"/>
      <c r="GS1925" s="91"/>
      <c r="GT1925" s="91"/>
      <c r="GU1925" s="91"/>
      <c r="GV1925" s="91"/>
      <c r="GW1925" s="91"/>
      <c r="GX1925" s="91"/>
      <c r="GY1925" s="91"/>
      <c r="GZ1925" s="91"/>
      <c r="HA1925" s="91"/>
      <c r="HB1925" s="91"/>
      <c r="HC1925" s="91"/>
      <c r="HD1925" s="91"/>
      <c r="HE1925" s="91"/>
      <c r="HF1925" s="91"/>
      <c r="HG1925" s="91"/>
      <c r="HH1925" s="91"/>
      <c r="HI1925" s="91"/>
      <c r="HJ1925" s="91"/>
      <c r="HK1925" s="127"/>
      <c r="HL1925" s="126"/>
      <c r="HM1925" s="91"/>
      <c r="HN1925" s="91"/>
      <c r="HO1925" s="91"/>
      <c r="HP1925" s="91"/>
      <c r="HQ1925" s="91"/>
      <c r="HR1925" s="91"/>
      <c r="HS1925" s="91"/>
      <c r="HT1925" s="91"/>
      <c r="HU1925" s="91"/>
      <c r="HV1925" s="91"/>
      <c r="HW1925" s="91"/>
      <c r="HX1925" s="91"/>
      <c r="HY1925" s="91"/>
      <c r="HZ1925" s="91"/>
      <c r="IA1925" s="91"/>
      <c r="IB1925" s="91"/>
      <c r="IC1925" s="91"/>
      <c r="ID1925" s="91"/>
      <c r="IE1925" s="91"/>
      <c r="IF1925" s="91"/>
      <c r="IG1925" s="91"/>
      <c r="IH1925" s="91"/>
      <c r="II1925" s="91"/>
      <c r="IJ1925" s="91"/>
      <c r="IK1925" s="127"/>
    </row>
    <row r="1926" spans="2:245" x14ac:dyDescent="0.2">
      <c r="B1926" s="43"/>
      <c r="C1926" s="73"/>
      <c r="D1926" s="64"/>
      <c r="E1926" s="64"/>
      <c r="F1926" s="55"/>
      <c r="G1926" s="102"/>
      <c r="H1926" s="55"/>
      <c r="I1926" s="55"/>
      <c r="J1926" s="55"/>
      <c r="K1926" s="55"/>
      <c r="L1926" s="55"/>
      <c r="M1926" s="55"/>
      <c r="N1926" s="55"/>
      <c r="O1926" s="55"/>
      <c r="P1926" s="55"/>
      <c r="Q1926" s="55"/>
      <c r="R1926" s="55"/>
      <c r="S1926" s="55"/>
      <c r="T1926" s="55"/>
      <c r="U1926" s="55"/>
      <c r="V1926" s="55"/>
      <c r="W1926" s="55"/>
      <c r="X1926" s="55"/>
      <c r="Y1926" s="55"/>
      <c r="Z1926" s="55"/>
      <c r="AA1926" s="55"/>
      <c r="AB1926" s="55"/>
      <c r="AC1926" s="55"/>
      <c r="AD1926" s="55"/>
      <c r="AE1926" s="55"/>
      <c r="AF1926" s="55"/>
      <c r="AG1926" s="55"/>
      <c r="AY1926" s="162"/>
      <c r="AZ1926" s="162"/>
      <c r="BA1926" s="162"/>
      <c r="BB1926" s="162"/>
      <c r="BC1926" s="162"/>
      <c r="BD1926" s="162"/>
      <c r="BE1926" s="162"/>
      <c r="BF1926" s="162"/>
      <c r="BG1926" s="162"/>
      <c r="BH1926" s="162"/>
      <c r="BI1926" s="162"/>
      <c r="BJ1926" s="162"/>
      <c r="BK1926" s="162"/>
      <c r="BL1926" s="162"/>
      <c r="BM1926" s="162"/>
      <c r="BN1926" s="162"/>
      <c r="BO1926" s="162"/>
      <c r="BP1926" s="162"/>
      <c r="BQ1926" s="162"/>
      <c r="BR1926" s="162"/>
      <c r="BS1926" s="162"/>
      <c r="BT1926" s="162"/>
      <c r="BU1926" s="162"/>
      <c r="BV1926" s="162"/>
      <c r="BW1926" s="162"/>
      <c r="BX1926" s="162"/>
      <c r="BY1926" s="162"/>
      <c r="BZ1926" s="162"/>
      <c r="CA1926" s="162"/>
      <c r="CB1926" s="162"/>
      <c r="CC1926" s="162"/>
      <c r="CD1926" s="162"/>
      <c r="CE1926" s="162"/>
      <c r="CF1926" s="162"/>
      <c r="CG1926" s="162"/>
      <c r="CH1926" s="162"/>
      <c r="CI1926" s="162"/>
      <c r="CJ1926" s="162"/>
      <c r="CK1926" s="162"/>
      <c r="CX1926" s="98"/>
      <c r="DL1926" s="97"/>
      <c r="DX1926" s="98"/>
      <c r="EL1926" s="97"/>
      <c r="EX1926" s="98"/>
      <c r="EY1926" s="97"/>
      <c r="FL1926" s="126"/>
      <c r="FM1926" s="91"/>
      <c r="FN1926" s="91"/>
      <c r="FO1926" s="91"/>
      <c r="FP1926" s="91"/>
      <c r="FQ1926" s="91"/>
      <c r="FR1926" s="91"/>
      <c r="FS1926" s="91"/>
      <c r="FT1926" s="91"/>
      <c r="FU1926" s="91"/>
      <c r="FV1926" s="91"/>
      <c r="FW1926" s="91"/>
      <c r="FX1926" s="91"/>
      <c r="FY1926" s="91"/>
      <c r="FZ1926" s="91"/>
      <c r="GA1926" s="91"/>
      <c r="GB1926" s="91"/>
      <c r="GC1926" s="91"/>
      <c r="GD1926" s="91"/>
      <c r="GE1926" s="91"/>
      <c r="GF1926" s="91"/>
      <c r="GG1926" s="91"/>
      <c r="GH1926" s="91"/>
      <c r="GI1926" s="91"/>
      <c r="GJ1926" s="91"/>
      <c r="GK1926" s="127"/>
      <c r="GL1926" s="126"/>
      <c r="GM1926" s="91"/>
      <c r="GN1926" s="91"/>
      <c r="GO1926" s="91"/>
      <c r="GP1926" s="91"/>
      <c r="GQ1926" s="91"/>
      <c r="GR1926" s="91"/>
      <c r="GS1926" s="91"/>
      <c r="GT1926" s="91"/>
      <c r="GU1926" s="91"/>
      <c r="GV1926" s="91"/>
      <c r="GW1926" s="91"/>
      <c r="GX1926" s="91"/>
      <c r="GY1926" s="91"/>
      <c r="GZ1926" s="91"/>
      <c r="HA1926" s="91"/>
      <c r="HB1926" s="91"/>
      <c r="HC1926" s="91"/>
      <c r="HD1926" s="91"/>
      <c r="HE1926" s="91"/>
      <c r="HF1926" s="91"/>
      <c r="HG1926" s="91"/>
      <c r="HH1926" s="91"/>
      <c r="HI1926" s="91"/>
      <c r="HJ1926" s="91"/>
      <c r="HK1926" s="127"/>
      <c r="HL1926" s="126"/>
      <c r="HM1926" s="91"/>
      <c r="HN1926" s="91"/>
      <c r="HO1926" s="91"/>
      <c r="HP1926" s="91"/>
      <c r="HQ1926" s="91"/>
      <c r="HR1926" s="91"/>
      <c r="HS1926" s="91"/>
      <c r="HT1926" s="91"/>
      <c r="HU1926" s="91"/>
      <c r="HV1926" s="91"/>
      <c r="HW1926" s="91"/>
      <c r="HX1926" s="91"/>
      <c r="HY1926" s="91"/>
      <c r="HZ1926" s="91"/>
      <c r="IA1926" s="91"/>
      <c r="IB1926" s="91"/>
      <c r="IC1926" s="91"/>
      <c r="ID1926" s="91"/>
      <c r="IE1926" s="91"/>
      <c r="IF1926" s="91"/>
      <c r="IG1926" s="91"/>
      <c r="IH1926" s="91"/>
      <c r="II1926" s="91"/>
      <c r="IJ1926" s="91"/>
      <c r="IK1926" s="127"/>
    </row>
    <row r="1927" spans="2:245" x14ac:dyDescent="0.2">
      <c r="B1927" s="43"/>
      <c r="C1927" s="73"/>
      <c r="D1927" s="64"/>
      <c r="E1927" s="64"/>
      <c r="F1927" s="55"/>
      <c r="G1927" s="102"/>
      <c r="H1927" s="55"/>
      <c r="I1927" s="55"/>
      <c r="J1927" s="55"/>
      <c r="K1927" s="55"/>
      <c r="L1927" s="55"/>
      <c r="M1927" s="55"/>
      <c r="N1927" s="55"/>
      <c r="O1927" s="55"/>
      <c r="P1927" s="55"/>
      <c r="Q1927" s="55"/>
      <c r="R1927" s="55"/>
      <c r="S1927" s="55"/>
      <c r="T1927" s="55"/>
      <c r="U1927" s="55"/>
      <c r="V1927" s="55"/>
      <c r="W1927" s="55"/>
      <c r="X1927" s="55"/>
      <c r="Y1927" s="55"/>
      <c r="Z1927" s="55"/>
      <c r="AA1927" s="55"/>
      <c r="AB1927" s="55"/>
      <c r="AC1927" s="55"/>
      <c r="AD1927" s="55"/>
      <c r="AE1927" s="55"/>
      <c r="AF1927" s="55"/>
      <c r="AG1927" s="55"/>
      <c r="AY1927" s="162"/>
      <c r="AZ1927" s="162"/>
      <c r="BA1927" s="162"/>
      <c r="BB1927" s="162"/>
      <c r="BC1927" s="162"/>
      <c r="BD1927" s="162"/>
      <c r="BE1927" s="162"/>
      <c r="BF1927" s="162"/>
      <c r="BG1927" s="162"/>
      <c r="BH1927" s="162"/>
      <c r="BI1927" s="162"/>
      <c r="BJ1927" s="162"/>
      <c r="BK1927" s="162"/>
      <c r="BL1927" s="162"/>
      <c r="BM1927" s="162"/>
      <c r="BN1927" s="162"/>
      <c r="BO1927" s="162"/>
      <c r="BP1927" s="162"/>
      <c r="BQ1927" s="162"/>
      <c r="BR1927" s="162"/>
      <c r="BS1927" s="162"/>
      <c r="BT1927" s="162"/>
      <c r="BU1927" s="162"/>
      <c r="BV1927" s="162"/>
      <c r="BW1927" s="162"/>
      <c r="BX1927" s="162"/>
      <c r="BY1927" s="162"/>
      <c r="BZ1927" s="162"/>
      <c r="CA1927" s="162"/>
      <c r="CB1927" s="162"/>
      <c r="CC1927" s="162"/>
      <c r="CD1927" s="162"/>
      <c r="CE1927" s="162"/>
      <c r="CF1927" s="162"/>
      <c r="CG1927" s="162"/>
      <c r="CH1927" s="162"/>
      <c r="CI1927" s="162"/>
      <c r="CJ1927" s="162"/>
      <c r="CK1927" s="162"/>
      <c r="CX1927" s="98"/>
      <c r="DL1927" s="97"/>
      <c r="DX1927" s="98"/>
      <c r="EL1927" s="97"/>
      <c r="EX1927" s="98"/>
      <c r="EY1927" s="97"/>
      <c r="FL1927" s="126"/>
      <c r="FM1927" s="91"/>
      <c r="FN1927" s="91"/>
      <c r="FO1927" s="91"/>
      <c r="FP1927" s="91"/>
      <c r="FQ1927" s="91"/>
      <c r="FR1927" s="91"/>
      <c r="FS1927" s="91"/>
      <c r="FT1927" s="91"/>
      <c r="FU1927" s="91"/>
      <c r="FV1927" s="91"/>
      <c r="FW1927" s="91"/>
      <c r="FX1927" s="91"/>
      <c r="FY1927" s="91"/>
      <c r="FZ1927" s="91"/>
      <c r="GA1927" s="91"/>
      <c r="GB1927" s="91"/>
      <c r="GC1927" s="91"/>
      <c r="GD1927" s="91"/>
      <c r="GE1927" s="91"/>
      <c r="GF1927" s="91"/>
      <c r="GG1927" s="91"/>
      <c r="GH1927" s="91"/>
      <c r="GI1927" s="91"/>
      <c r="GJ1927" s="91"/>
      <c r="GK1927" s="127"/>
      <c r="GL1927" s="126"/>
      <c r="GM1927" s="91"/>
      <c r="GN1927" s="91"/>
      <c r="GO1927" s="91"/>
      <c r="GP1927" s="91"/>
      <c r="GQ1927" s="91"/>
      <c r="GR1927" s="91"/>
      <c r="GS1927" s="91"/>
      <c r="GT1927" s="91"/>
      <c r="GU1927" s="91"/>
      <c r="GV1927" s="91"/>
      <c r="GW1927" s="91"/>
      <c r="GX1927" s="91"/>
      <c r="GY1927" s="91"/>
      <c r="GZ1927" s="91"/>
      <c r="HA1927" s="91"/>
      <c r="HB1927" s="91"/>
      <c r="HC1927" s="91"/>
      <c r="HD1927" s="91"/>
      <c r="HE1927" s="91"/>
      <c r="HF1927" s="91"/>
      <c r="HG1927" s="91"/>
      <c r="HH1927" s="91"/>
      <c r="HI1927" s="91"/>
      <c r="HJ1927" s="91"/>
      <c r="HK1927" s="127"/>
      <c r="HL1927" s="126"/>
      <c r="HM1927" s="91"/>
      <c r="HN1927" s="91"/>
      <c r="HO1927" s="91"/>
      <c r="HP1927" s="91"/>
      <c r="HQ1927" s="91"/>
      <c r="HR1927" s="91"/>
      <c r="HS1927" s="91"/>
      <c r="HT1927" s="91"/>
      <c r="HU1927" s="91"/>
      <c r="HV1927" s="91"/>
      <c r="HW1927" s="91"/>
      <c r="HX1927" s="91"/>
      <c r="HY1927" s="91"/>
      <c r="HZ1927" s="91"/>
      <c r="IA1927" s="91"/>
      <c r="IB1927" s="91"/>
      <c r="IC1927" s="91"/>
      <c r="ID1927" s="91"/>
      <c r="IE1927" s="91"/>
      <c r="IF1927" s="91"/>
      <c r="IG1927" s="91"/>
      <c r="IH1927" s="91"/>
      <c r="II1927" s="91"/>
      <c r="IJ1927" s="91"/>
      <c r="IK1927" s="127"/>
    </row>
    <row r="1928" spans="2:245" x14ac:dyDescent="0.2">
      <c r="B1928" s="43"/>
      <c r="C1928" s="73"/>
      <c r="D1928" s="64"/>
      <c r="E1928" s="64"/>
      <c r="F1928" s="55"/>
      <c r="G1928" s="102"/>
      <c r="H1928" s="55"/>
      <c r="I1928" s="55"/>
      <c r="J1928" s="55"/>
      <c r="K1928" s="55"/>
      <c r="L1928" s="55"/>
      <c r="M1928" s="55"/>
      <c r="N1928" s="55"/>
      <c r="O1928" s="55"/>
      <c r="P1928" s="55"/>
      <c r="Q1928" s="55"/>
      <c r="R1928" s="55"/>
      <c r="S1928" s="55"/>
      <c r="T1928" s="55"/>
      <c r="U1928" s="55"/>
      <c r="V1928" s="55"/>
      <c r="W1928" s="55"/>
      <c r="X1928" s="55"/>
      <c r="Y1928" s="55"/>
      <c r="Z1928" s="55"/>
      <c r="AA1928" s="55"/>
      <c r="AB1928" s="55"/>
      <c r="AC1928" s="55"/>
      <c r="AD1928" s="55"/>
      <c r="AE1928" s="55"/>
      <c r="AF1928" s="55"/>
      <c r="AG1928" s="55"/>
      <c r="AY1928" s="162"/>
      <c r="AZ1928" s="162"/>
      <c r="BA1928" s="162"/>
      <c r="BB1928" s="162"/>
      <c r="BC1928" s="162"/>
      <c r="BD1928" s="162"/>
      <c r="BE1928" s="162"/>
      <c r="BF1928" s="162"/>
      <c r="BG1928" s="162"/>
      <c r="BH1928" s="162"/>
      <c r="BI1928" s="162"/>
      <c r="BJ1928" s="162"/>
      <c r="BK1928" s="162"/>
      <c r="BL1928" s="162"/>
      <c r="BM1928" s="162"/>
      <c r="BN1928" s="162"/>
      <c r="BO1928" s="162"/>
      <c r="BP1928" s="162"/>
      <c r="BQ1928" s="162"/>
      <c r="BR1928" s="162"/>
      <c r="BS1928" s="162"/>
      <c r="BT1928" s="162"/>
      <c r="BU1928" s="162"/>
      <c r="BV1928" s="162"/>
      <c r="BW1928" s="162"/>
      <c r="BX1928" s="162"/>
      <c r="BY1928" s="162"/>
      <c r="BZ1928" s="162"/>
      <c r="CA1928" s="162"/>
      <c r="CB1928" s="162"/>
      <c r="CC1928" s="162"/>
      <c r="CD1928" s="162"/>
      <c r="CE1928" s="162"/>
      <c r="CF1928" s="162"/>
      <c r="CG1928" s="162"/>
      <c r="CH1928" s="162"/>
      <c r="CI1928" s="162"/>
      <c r="CJ1928" s="162"/>
      <c r="CK1928" s="162"/>
      <c r="CX1928" s="98"/>
      <c r="DL1928" s="97"/>
      <c r="DX1928" s="98"/>
      <c r="EL1928" s="97"/>
      <c r="EX1928" s="98"/>
      <c r="EY1928" s="97"/>
      <c r="FL1928" s="126"/>
      <c r="FM1928" s="91"/>
      <c r="FN1928" s="91"/>
      <c r="FO1928" s="91"/>
      <c r="FP1928" s="91"/>
      <c r="FQ1928" s="91"/>
      <c r="FR1928" s="91"/>
      <c r="FS1928" s="91"/>
      <c r="FT1928" s="91"/>
      <c r="FU1928" s="91"/>
      <c r="FV1928" s="91"/>
      <c r="FW1928" s="91"/>
      <c r="FX1928" s="91"/>
      <c r="FY1928" s="91"/>
      <c r="FZ1928" s="91"/>
      <c r="GA1928" s="91"/>
      <c r="GB1928" s="91"/>
      <c r="GC1928" s="91"/>
      <c r="GD1928" s="91"/>
      <c r="GE1928" s="91"/>
      <c r="GF1928" s="91"/>
      <c r="GG1928" s="91"/>
      <c r="GH1928" s="91"/>
      <c r="GI1928" s="91"/>
      <c r="GJ1928" s="91"/>
      <c r="GK1928" s="127"/>
      <c r="GL1928" s="126"/>
      <c r="GM1928" s="91"/>
      <c r="GN1928" s="91"/>
      <c r="GO1928" s="91"/>
      <c r="GP1928" s="91"/>
      <c r="GQ1928" s="91"/>
      <c r="GR1928" s="91"/>
      <c r="GS1928" s="91"/>
      <c r="GT1928" s="91"/>
      <c r="GU1928" s="91"/>
      <c r="GV1928" s="91"/>
      <c r="GW1928" s="91"/>
      <c r="GX1928" s="91"/>
      <c r="GY1928" s="91"/>
      <c r="GZ1928" s="91"/>
      <c r="HA1928" s="91"/>
      <c r="HB1928" s="91"/>
      <c r="HC1928" s="91"/>
      <c r="HD1928" s="91"/>
      <c r="HE1928" s="91"/>
      <c r="HF1928" s="91"/>
      <c r="HG1928" s="91"/>
      <c r="HH1928" s="91"/>
      <c r="HI1928" s="91"/>
      <c r="HJ1928" s="91"/>
      <c r="HK1928" s="127"/>
      <c r="HL1928" s="126"/>
      <c r="HM1928" s="91"/>
      <c r="HN1928" s="91"/>
      <c r="HO1928" s="91"/>
      <c r="HP1928" s="91"/>
      <c r="HQ1928" s="91"/>
      <c r="HR1928" s="91"/>
      <c r="HS1928" s="91"/>
      <c r="HT1928" s="91"/>
      <c r="HU1928" s="91"/>
      <c r="HV1928" s="91"/>
      <c r="HW1928" s="91"/>
      <c r="HX1928" s="91"/>
      <c r="HY1928" s="91"/>
      <c r="HZ1928" s="91"/>
      <c r="IA1928" s="91"/>
      <c r="IB1928" s="91"/>
      <c r="IC1928" s="91"/>
      <c r="ID1928" s="91"/>
      <c r="IE1928" s="91"/>
      <c r="IF1928" s="91"/>
      <c r="IG1928" s="91"/>
      <c r="IH1928" s="91"/>
      <c r="II1928" s="91"/>
      <c r="IJ1928" s="91"/>
      <c r="IK1928" s="127"/>
    </row>
    <row r="1929" spans="2:245" x14ac:dyDescent="0.2">
      <c r="B1929" s="43"/>
      <c r="C1929" s="73"/>
      <c r="D1929" s="64"/>
      <c r="E1929" s="64"/>
      <c r="F1929" s="55"/>
      <c r="G1929" s="102"/>
      <c r="H1929" s="55"/>
      <c r="I1929" s="55"/>
      <c r="J1929" s="55"/>
      <c r="K1929" s="55"/>
      <c r="L1929" s="55"/>
      <c r="M1929" s="55"/>
      <c r="N1929" s="55"/>
      <c r="O1929" s="55"/>
      <c r="P1929" s="55"/>
      <c r="Q1929" s="55"/>
      <c r="R1929" s="55"/>
      <c r="S1929" s="55"/>
      <c r="T1929" s="55"/>
      <c r="U1929" s="55"/>
      <c r="V1929" s="55"/>
      <c r="W1929" s="55"/>
      <c r="X1929" s="55"/>
      <c r="Y1929" s="55"/>
      <c r="Z1929" s="55"/>
      <c r="AA1929" s="55"/>
      <c r="AB1929" s="55"/>
      <c r="AC1929" s="55"/>
      <c r="AD1929" s="55"/>
      <c r="AE1929" s="55"/>
      <c r="AF1929" s="55"/>
      <c r="AG1929" s="55"/>
      <c r="AY1929" s="162"/>
      <c r="AZ1929" s="162"/>
      <c r="BA1929" s="162"/>
      <c r="BB1929" s="162"/>
      <c r="BC1929" s="162"/>
      <c r="BD1929" s="162"/>
      <c r="BE1929" s="162"/>
      <c r="BF1929" s="162"/>
      <c r="BG1929" s="162"/>
      <c r="BH1929" s="162"/>
      <c r="BI1929" s="162"/>
      <c r="BJ1929" s="162"/>
      <c r="BK1929" s="162"/>
      <c r="BL1929" s="162"/>
      <c r="BM1929" s="162"/>
      <c r="BN1929" s="162"/>
      <c r="BO1929" s="162"/>
      <c r="BP1929" s="162"/>
      <c r="BQ1929" s="162"/>
      <c r="BR1929" s="162"/>
      <c r="BS1929" s="162"/>
      <c r="BT1929" s="162"/>
      <c r="BU1929" s="162"/>
      <c r="BV1929" s="162"/>
      <c r="BW1929" s="162"/>
      <c r="BX1929" s="162"/>
      <c r="BY1929" s="162"/>
      <c r="BZ1929" s="162"/>
      <c r="CA1929" s="162"/>
      <c r="CB1929" s="162"/>
      <c r="CC1929" s="162"/>
      <c r="CD1929" s="162"/>
      <c r="CE1929" s="162"/>
      <c r="CF1929" s="162"/>
      <c r="CG1929" s="162"/>
      <c r="CH1929" s="162"/>
      <c r="CI1929" s="162"/>
      <c r="CJ1929" s="162"/>
      <c r="CK1929" s="162"/>
      <c r="CX1929" s="98"/>
      <c r="DL1929" s="97"/>
      <c r="DX1929" s="98"/>
      <c r="EL1929" s="97"/>
      <c r="EX1929" s="98"/>
      <c r="EY1929" s="97"/>
      <c r="FL1929" s="126"/>
      <c r="FM1929" s="91"/>
      <c r="FN1929" s="91"/>
      <c r="FO1929" s="91"/>
      <c r="FP1929" s="91"/>
      <c r="FQ1929" s="91"/>
      <c r="FR1929" s="91"/>
      <c r="FS1929" s="91"/>
      <c r="FT1929" s="91"/>
      <c r="FU1929" s="91"/>
      <c r="FV1929" s="91"/>
      <c r="FW1929" s="91"/>
      <c r="FX1929" s="91"/>
      <c r="FY1929" s="91"/>
      <c r="FZ1929" s="91"/>
      <c r="GA1929" s="91"/>
      <c r="GB1929" s="91"/>
      <c r="GC1929" s="91"/>
      <c r="GD1929" s="91"/>
      <c r="GE1929" s="91"/>
      <c r="GF1929" s="91"/>
      <c r="GG1929" s="91"/>
      <c r="GH1929" s="91"/>
      <c r="GI1929" s="91"/>
      <c r="GJ1929" s="91"/>
      <c r="GK1929" s="127"/>
      <c r="GL1929" s="126"/>
      <c r="GM1929" s="91"/>
      <c r="GN1929" s="91"/>
      <c r="GO1929" s="91"/>
      <c r="GP1929" s="91"/>
      <c r="GQ1929" s="91"/>
      <c r="GR1929" s="91"/>
      <c r="GS1929" s="91"/>
      <c r="GT1929" s="91"/>
      <c r="GU1929" s="91"/>
      <c r="GV1929" s="91"/>
      <c r="GW1929" s="91"/>
      <c r="GX1929" s="91"/>
      <c r="GY1929" s="91"/>
      <c r="GZ1929" s="91"/>
      <c r="HA1929" s="91"/>
      <c r="HB1929" s="91"/>
      <c r="HC1929" s="91"/>
      <c r="HD1929" s="91"/>
      <c r="HE1929" s="91"/>
      <c r="HF1929" s="91"/>
      <c r="HG1929" s="91"/>
      <c r="HH1929" s="91"/>
      <c r="HI1929" s="91"/>
      <c r="HJ1929" s="91"/>
      <c r="HK1929" s="127"/>
      <c r="HL1929" s="126"/>
      <c r="HM1929" s="91"/>
      <c r="HN1929" s="91"/>
      <c r="HO1929" s="91"/>
      <c r="HP1929" s="91"/>
      <c r="HQ1929" s="91"/>
      <c r="HR1929" s="91"/>
      <c r="HS1929" s="91"/>
      <c r="HT1929" s="91"/>
      <c r="HU1929" s="91"/>
      <c r="HV1929" s="91"/>
      <c r="HW1929" s="91"/>
      <c r="HX1929" s="91"/>
      <c r="HY1929" s="91"/>
      <c r="HZ1929" s="91"/>
      <c r="IA1929" s="91"/>
      <c r="IB1929" s="91"/>
      <c r="IC1929" s="91"/>
      <c r="ID1929" s="91"/>
      <c r="IE1929" s="91"/>
      <c r="IF1929" s="91"/>
      <c r="IG1929" s="91"/>
      <c r="IH1929" s="91"/>
      <c r="II1929" s="91"/>
      <c r="IJ1929" s="91"/>
      <c r="IK1929" s="127"/>
    </row>
    <row r="1930" spans="2:245" x14ac:dyDescent="0.2">
      <c r="B1930" s="43"/>
      <c r="C1930" s="73"/>
      <c r="D1930" s="64"/>
      <c r="E1930" s="64"/>
      <c r="F1930" s="55"/>
      <c r="G1930" s="102"/>
      <c r="H1930" s="55"/>
      <c r="I1930" s="55"/>
      <c r="J1930" s="55"/>
      <c r="K1930" s="55"/>
      <c r="L1930" s="55"/>
      <c r="M1930" s="55"/>
      <c r="N1930" s="55"/>
      <c r="O1930" s="55"/>
      <c r="P1930" s="55"/>
      <c r="Q1930" s="55"/>
      <c r="R1930" s="55"/>
      <c r="S1930" s="55"/>
      <c r="T1930" s="55"/>
      <c r="U1930" s="55"/>
      <c r="V1930" s="55"/>
      <c r="W1930" s="55"/>
      <c r="X1930" s="55"/>
      <c r="Y1930" s="55"/>
      <c r="Z1930" s="55"/>
      <c r="AA1930" s="55"/>
      <c r="AB1930" s="55"/>
      <c r="AC1930" s="55"/>
      <c r="AD1930" s="55"/>
      <c r="AE1930" s="55"/>
      <c r="AF1930" s="55"/>
      <c r="AG1930" s="55"/>
      <c r="AY1930" s="162"/>
      <c r="AZ1930" s="162"/>
      <c r="BA1930" s="162"/>
      <c r="BB1930" s="162"/>
      <c r="BC1930" s="162"/>
      <c r="BD1930" s="162"/>
      <c r="BE1930" s="162"/>
      <c r="BF1930" s="162"/>
      <c r="BG1930" s="162"/>
      <c r="BH1930" s="162"/>
      <c r="BI1930" s="162"/>
      <c r="BJ1930" s="162"/>
      <c r="BK1930" s="162"/>
      <c r="BL1930" s="162"/>
      <c r="BM1930" s="162"/>
      <c r="BN1930" s="162"/>
      <c r="BO1930" s="162"/>
      <c r="BP1930" s="162"/>
      <c r="BQ1930" s="162"/>
      <c r="BR1930" s="162"/>
      <c r="BS1930" s="162"/>
      <c r="BT1930" s="162"/>
      <c r="BU1930" s="162"/>
      <c r="BV1930" s="162"/>
      <c r="BW1930" s="162"/>
      <c r="BX1930" s="162"/>
      <c r="BY1930" s="162"/>
      <c r="BZ1930" s="162"/>
      <c r="CA1930" s="162"/>
      <c r="CB1930" s="162"/>
      <c r="CC1930" s="162"/>
      <c r="CD1930" s="162"/>
      <c r="CE1930" s="162"/>
      <c r="CF1930" s="162"/>
      <c r="CG1930" s="162"/>
      <c r="CH1930" s="162"/>
      <c r="CI1930" s="162"/>
      <c r="CJ1930" s="162"/>
      <c r="CK1930" s="162"/>
      <c r="CX1930" s="98"/>
      <c r="DL1930" s="97"/>
      <c r="DX1930" s="98"/>
      <c r="EL1930" s="97"/>
      <c r="EX1930" s="98"/>
      <c r="EY1930" s="97"/>
      <c r="FL1930" s="126"/>
      <c r="FM1930" s="91"/>
      <c r="FN1930" s="91"/>
      <c r="FO1930" s="91"/>
      <c r="FP1930" s="91"/>
      <c r="FQ1930" s="91"/>
      <c r="FR1930" s="91"/>
      <c r="FS1930" s="91"/>
      <c r="FT1930" s="91"/>
      <c r="FU1930" s="91"/>
      <c r="FV1930" s="91"/>
      <c r="FW1930" s="91"/>
      <c r="FX1930" s="91"/>
      <c r="FY1930" s="91"/>
      <c r="FZ1930" s="91"/>
      <c r="GA1930" s="91"/>
      <c r="GB1930" s="91"/>
      <c r="GC1930" s="91"/>
      <c r="GD1930" s="91"/>
      <c r="GE1930" s="91"/>
      <c r="GF1930" s="91"/>
      <c r="GG1930" s="91"/>
      <c r="GH1930" s="91"/>
      <c r="GI1930" s="91"/>
      <c r="GJ1930" s="91"/>
      <c r="GK1930" s="127"/>
      <c r="GL1930" s="126"/>
      <c r="GM1930" s="91"/>
      <c r="GN1930" s="91"/>
      <c r="GO1930" s="91"/>
      <c r="GP1930" s="91"/>
      <c r="GQ1930" s="91"/>
      <c r="GR1930" s="91"/>
      <c r="GS1930" s="91"/>
      <c r="GT1930" s="91"/>
      <c r="GU1930" s="91"/>
      <c r="GV1930" s="91"/>
      <c r="GW1930" s="91"/>
      <c r="GX1930" s="91"/>
      <c r="GY1930" s="91"/>
      <c r="GZ1930" s="91"/>
      <c r="HA1930" s="91"/>
      <c r="HB1930" s="91"/>
      <c r="HC1930" s="91"/>
      <c r="HD1930" s="91"/>
      <c r="HE1930" s="91"/>
      <c r="HF1930" s="91"/>
      <c r="HG1930" s="91"/>
      <c r="HH1930" s="91"/>
      <c r="HI1930" s="91"/>
      <c r="HJ1930" s="91"/>
      <c r="HK1930" s="127"/>
      <c r="HL1930" s="126"/>
      <c r="HM1930" s="91"/>
      <c r="HN1930" s="91"/>
      <c r="HO1930" s="91"/>
      <c r="HP1930" s="91"/>
      <c r="HQ1930" s="91"/>
      <c r="HR1930" s="91"/>
      <c r="HS1930" s="91"/>
      <c r="HT1930" s="91"/>
      <c r="HU1930" s="91"/>
      <c r="HV1930" s="91"/>
      <c r="HW1930" s="91"/>
      <c r="HX1930" s="91"/>
      <c r="HY1930" s="91"/>
      <c r="HZ1930" s="91"/>
      <c r="IA1930" s="91"/>
      <c r="IB1930" s="91"/>
      <c r="IC1930" s="91"/>
      <c r="ID1930" s="91"/>
      <c r="IE1930" s="91"/>
      <c r="IF1930" s="91"/>
      <c r="IG1930" s="91"/>
      <c r="IH1930" s="91"/>
      <c r="II1930" s="91"/>
      <c r="IJ1930" s="91"/>
      <c r="IK1930" s="127"/>
    </row>
    <row r="1931" spans="2:245" x14ac:dyDescent="0.2">
      <c r="B1931" s="43"/>
      <c r="C1931" s="73"/>
      <c r="D1931" s="64"/>
      <c r="E1931" s="64"/>
      <c r="F1931" s="55"/>
      <c r="G1931" s="102"/>
      <c r="H1931" s="55"/>
      <c r="I1931" s="55"/>
      <c r="J1931" s="55"/>
      <c r="K1931" s="55"/>
      <c r="L1931" s="55"/>
      <c r="M1931" s="55"/>
      <c r="N1931" s="55"/>
      <c r="O1931" s="55"/>
      <c r="P1931" s="55"/>
      <c r="Q1931" s="55"/>
      <c r="R1931" s="55"/>
      <c r="S1931" s="55"/>
      <c r="T1931" s="55"/>
      <c r="U1931" s="55"/>
      <c r="V1931" s="55"/>
      <c r="W1931" s="55"/>
      <c r="X1931" s="55"/>
      <c r="Y1931" s="55"/>
      <c r="Z1931" s="55"/>
      <c r="AA1931" s="55"/>
      <c r="AB1931" s="55"/>
      <c r="AC1931" s="55"/>
      <c r="AD1931" s="55"/>
      <c r="AE1931" s="55"/>
      <c r="AF1931" s="55"/>
      <c r="AG1931" s="55"/>
      <c r="AY1931" s="162"/>
      <c r="AZ1931" s="162"/>
      <c r="BA1931" s="162"/>
      <c r="BB1931" s="162"/>
      <c r="BC1931" s="162"/>
      <c r="BD1931" s="162"/>
      <c r="BE1931" s="162"/>
      <c r="BF1931" s="162"/>
      <c r="BG1931" s="162"/>
      <c r="BH1931" s="162"/>
      <c r="BI1931" s="162"/>
      <c r="BJ1931" s="162"/>
      <c r="BK1931" s="162"/>
      <c r="BL1931" s="162"/>
      <c r="BM1931" s="162"/>
      <c r="BN1931" s="162"/>
      <c r="BO1931" s="162"/>
      <c r="BP1931" s="162"/>
      <c r="BQ1931" s="162"/>
      <c r="BR1931" s="162"/>
      <c r="BS1931" s="162"/>
      <c r="BT1931" s="162"/>
      <c r="BU1931" s="162"/>
      <c r="BV1931" s="162"/>
      <c r="BW1931" s="162"/>
      <c r="BX1931" s="162"/>
      <c r="BY1931" s="162"/>
      <c r="BZ1931" s="162"/>
      <c r="CA1931" s="162"/>
      <c r="CB1931" s="162"/>
      <c r="CC1931" s="162"/>
      <c r="CD1931" s="162"/>
      <c r="CE1931" s="162"/>
      <c r="CF1931" s="162"/>
      <c r="CG1931" s="162"/>
      <c r="CH1931" s="162"/>
      <c r="CI1931" s="162"/>
      <c r="CJ1931" s="162"/>
      <c r="CK1931" s="162"/>
      <c r="CX1931" s="98"/>
      <c r="DL1931" s="97"/>
      <c r="DX1931" s="98"/>
      <c r="EL1931" s="97"/>
      <c r="EX1931" s="98"/>
      <c r="EY1931" s="97"/>
      <c r="FL1931" s="126"/>
      <c r="FM1931" s="91"/>
      <c r="FN1931" s="91"/>
      <c r="FO1931" s="91"/>
      <c r="FP1931" s="91"/>
      <c r="FQ1931" s="91"/>
      <c r="FR1931" s="91"/>
      <c r="FS1931" s="91"/>
      <c r="FT1931" s="91"/>
      <c r="FU1931" s="91"/>
      <c r="FV1931" s="91"/>
      <c r="FW1931" s="91"/>
      <c r="FX1931" s="91"/>
      <c r="FY1931" s="91"/>
      <c r="FZ1931" s="91"/>
      <c r="GA1931" s="91"/>
      <c r="GB1931" s="91"/>
      <c r="GC1931" s="91"/>
      <c r="GD1931" s="91"/>
      <c r="GE1931" s="91"/>
      <c r="GF1931" s="91"/>
      <c r="GG1931" s="91"/>
      <c r="GH1931" s="91"/>
      <c r="GI1931" s="91"/>
      <c r="GJ1931" s="91"/>
      <c r="GK1931" s="127"/>
      <c r="GL1931" s="126"/>
      <c r="GM1931" s="91"/>
      <c r="GN1931" s="91"/>
      <c r="GO1931" s="91"/>
      <c r="GP1931" s="91"/>
      <c r="GQ1931" s="91"/>
      <c r="GR1931" s="91"/>
      <c r="GS1931" s="91"/>
      <c r="GT1931" s="91"/>
      <c r="GU1931" s="91"/>
      <c r="GV1931" s="91"/>
      <c r="GW1931" s="91"/>
      <c r="GX1931" s="91"/>
      <c r="GY1931" s="91"/>
      <c r="GZ1931" s="91"/>
      <c r="HA1931" s="91"/>
      <c r="HB1931" s="91"/>
      <c r="HC1931" s="91"/>
      <c r="HD1931" s="91"/>
      <c r="HE1931" s="91"/>
      <c r="HF1931" s="91"/>
      <c r="HG1931" s="91"/>
      <c r="HH1931" s="91"/>
      <c r="HI1931" s="91"/>
      <c r="HJ1931" s="91"/>
      <c r="HK1931" s="127"/>
      <c r="HL1931" s="126"/>
      <c r="HM1931" s="91"/>
      <c r="HN1931" s="91"/>
      <c r="HO1931" s="91"/>
      <c r="HP1931" s="91"/>
      <c r="HQ1931" s="91"/>
      <c r="HR1931" s="91"/>
      <c r="HS1931" s="91"/>
      <c r="HT1931" s="91"/>
      <c r="HU1931" s="91"/>
      <c r="HV1931" s="91"/>
      <c r="HW1931" s="91"/>
      <c r="HX1931" s="91"/>
      <c r="HY1931" s="91"/>
      <c r="HZ1931" s="91"/>
      <c r="IA1931" s="91"/>
      <c r="IB1931" s="91"/>
      <c r="IC1931" s="91"/>
      <c r="ID1931" s="91"/>
      <c r="IE1931" s="91"/>
      <c r="IF1931" s="91"/>
      <c r="IG1931" s="91"/>
      <c r="IH1931" s="91"/>
      <c r="II1931" s="91"/>
      <c r="IJ1931" s="91"/>
      <c r="IK1931" s="127"/>
    </row>
    <row r="1932" spans="2:245" x14ac:dyDescent="0.2">
      <c r="B1932" s="43"/>
      <c r="C1932" s="73"/>
      <c r="D1932" s="64"/>
      <c r="E1932" s="64"/>
      <c r="F1932" s="55"/>
      <c r="G1932" s="102"/>
      <c r="H1932" s="55"/>
      <c r="I1932" s="55"/>
      <c r="J1932" s="55"/>
      <c r="K1932" s="55"/>
      <c r="L1932" s="55"/>
      <c r="M1932" s="55"/>
      <c r="N1932" s="55"/>
      <c r="O1932" s="55"/>
      <c r="P1932" s="55"/>
      <c r="Q1932" s="55"/>
      <c r="R1932" s="55"/>
      <c r="S1932" s="55"/>
      <c r="T1932" s="55"/>
      <c r="U1932" s="55"/>
      <c r="V1932" s="55"/>
      <c r="W1932" s="55"/>
      <c r="X1932" s="55"/>
      <c r="Y1932" s="55"/>
      <c r="Z1932" s="55"/>
      <c r="AA1932" s="55"/>
      <c r="AB1932" s="55"/>
      <c r="AC1932" s="55"/>
      <c r="AD1932" s="55"/>
      <c r="AE1932" s="55"/>
      <c r="AF1932" s="55"/>
      <c r="AG1932" s="55"/>
      <c r="AY1932" s="162"/>
      <c r="AZ1932" s="162"/>
      <c r="BA1932" s="162"/>
      <c r="BB1932" s="162"/>
      <c r="BC1932" s="162"/>
      <c r="BD1932" s="162"/>
      <c r="BE1932" s="162"/>
      <c r="BF1932" s="162"/>
      <c r="BG1932" s="162"/>
      <c r="BH1932" s="162"/>
      <c r="BI1932" s="162"/>
      <c r="BJ1932" s="162"/>
      <c r="BK1932" s="162"/>
      <c r="BL1932" s="162"/>
      <c r="BM1932" s="162"/>
      <c r="BN1932" s="162"/>
      <c r="BO1932" s="162"/>
      <c r="BP1932" s="162"/>
      <c r="BQ1932" s="162"/>
      <c r="BR1932" s="162"/>
      <c r="BS1932" s="162"/>
      <c r="BT1932" s="162"/>
      <c r="BU1932" s="162"/>
      <c r="BV1932" s="162"/>
      <c r="BW1932" s="162"/>
      <c r="BX1932" s="162"/>
      <c r="BY1932" s="162"/>
      <c r="BZ1932" s="162"/>
      <c r="CA1932" s="162"/>
      <c r="CB1932" s="162"/>
      <c r="CC1932" s="162"/>
      <c r="CD1932" s="162"/>
      <c r="CE1932" s="162"/>
      <c r="CF1932" s="162"/>
      <c r="CG1932" s="162"/>
      <c r="CH1932" s="162"/>
      <c r="CI1932" s="162"/>
      <c r="CJ1932" s="162"/>
      <c r="CK1932" s="162"/>
      <c r="CX1932" s="98"/>
      <c r="DL1932" s="97"/>
      <c r="DX1932" s="98"/>
      <c r="EL1932" s="97"/>
      <c r="EX1932" s="98"/>
      <c r="EY1932" s="97"/>
      <c r="FL1932" s="126"/>
      <c r="FM1932" s="91"/>
      <c r="FN1932" s="91"/>
      <c r="FO1932" s="91"/>
      <c r="FP1932" s="91"/>
      <c r="FQ1932" s="91"/>
      <c r="FR1932" s="91"/>
      <c r="FS1932" s="91"/>
      <c r="FT1932" s="91"/>
      <c r="FU1932" s="91"/>
      <c r="FV1932" s="91"/>
      <c r="FW1932" s="91"/>
      <c r="FX1932" s="91"/>
      <c r="FY1932" s="91"/>
      <c r="FZ1932" s="91"/>
      <c r="GA1932" s="91"/>
      <c r="GB1932" s="91"/>
      <c r="GC1932" s="91"/>
      <c r="GD1932" s="91"/>
      <c r="GE1932" s="91"/>
      <c r="GF1932" s="91"/>
      <c r="GG1932" s="91"/>
      <c r="GH1932" s="91"/>
      <c r="GI1932" s="91"/>
      <c r="GJ1932" s="91"/>
      <c r="GK1932" s="127"/>
      <c r="GL1932" s="126"/>
      <c r="GM1932" s="91"/>
      <c r="GN1932" s="91"/>
      <c r="GO1932" s="91"/>
      <c r="GP1932" s="91"/>
      <c r="GQ1932" s="91"/>
      <c r="GR1932" s="91"/>
      <c r="GS1932" s="91"/>
      <c r="GT1932" s="91"/>
      <c r="GU1932" s="91"/>
      <c r="GV1932" s="91"/>
      <c r="GW1932" s="91"/>
      <c r="GX1932" s="91"/>
      <c r="GY1932" s="91"/>
      <c r="GZ1932" s="91"/>
      <c r="HA1932" s="91"/>
      <c r="HB1932" s="91"/>
      <c r="HC1932" s="91"/>
      <c r="HD1932" s="91"/>
      <c r="HE1932" s="91"/>
      <c r="HF1932" s="91"/>
      <c r="HG1932" s="91"/>
      <c r="HH1932" s="91"/>
      <c r="HI1932" s="91"/>
      <c r="HJ1932" s="91"/>
      <c r="HK1932" s="127"/>
      <c r="HL1932" s="126"/>
      <c r="HM1932" s="91"/>
      <c r="HN1932" s="91"/>
      <c r="HO1932" s="91"/>
      <c r="HP1932" s="91"/>
      <c r="HQ1932" s="91"/>
      <c r="HR1932" s="91"/>
      <c r="HS1932" s="91"/>
      <c r="HT1932" s="91"/>
      <c r="HU1932" s="91"/>
      <c r="HV1932" s="91"/>
      <c r="HW1932" s="91"/>
      <c r="HX1932" s="91"/>
      <c r="HY1932" s="91"/>
      <c r="HZ1932" s="91"/>
      <c r="IA1932" s="91"/>
      <c r="IB1932" s="91"/>
      <c r="IC1932" s="91"/>
      <c r="ID1932" s="91"/>
      <c r="IE1932" s="91"/>
      <c r="IF1932" s="91"/>
      <c r="IG1932" s="91"/>
      <c r="IH1932" s="91"/>
      <c r="II1932" s="91"/>
      <c r="IJ1932" s="91"/>
      <c r="IK1932" s="127"/>
    </row>
    <row r="1933" spans="2:245" x14ac:dyDescent="0.2">
      <c r="B1933" s="43"/>
      <c r="C1933" s="73"/>
      <c r="D1933" s="64"/>
      <c r="E1933" s="64"/>
      <c r="F1933" s="55"/>
      <c r="G1933" s="102"/>
      <c r="H1933" s="55"/>
      <c r="I1933" s="55"/>
      <c r="J1933" s="55"/>
      <c r="K1933" s="55"/>
      <c r="L1933" s="55"/>
      <c r="M1933" s="55"/>
      <c r="N1933" s="55"/>
      <c r="O1933" s="55"/>
      <c r="P1933" s="55"/>
      <c r="Q1933" s="55"/>
      <c r="R1933" s="55"/>
      <c r="S1933" s="55"/>
      <c r="T1933" s="55"/>
      <c r="U1933" s="55"/>
      <c r="V1933" s="55"/>
      <c r="W1933" s="55"/>
      <c r="X1933" s="55"/>
      <c r="Y1933" s="55"/>
      <c r="Z1933" s="55"/>
      <c r="AA1933" s="55"/>
      <c r="AB1933" s="55"/>
      <c r="AC1933" s="55"/>
      <c r="AD1933" s="55"/>
      <c r="AE1933" s="55"/>
      <c r="AF1933" s="55"/>
      <c r="AG1933" s="55"/>
      <c r="AY1933" s="162"/>
      <c r="AZ1933" s="162"/>
      <c r="BA1933" s="162"/>
      <c r="BB1933" s="162"/>
      <c r="BC1933" s="162"/>
      <c r="BD1933" s="162"/>
      <c r="BE1933" s="162"/>
      <c r="BF1933" s="162"/>
      <c r="BG1933" s="162"/>
      <c r="BH1933" s="162"/>
      <c r="BI1933" s="162"/>
      <c r="BJ1933" s="162"/>
      <c r="BK1933" s="162"/>
      <c r="BL1933" s="162"/>
      <c r="BM1933" s="162"/>
      <c r="BN1933" s="162"/>
      <c r="BO1933" s="162"/>
      <c r="BP1933" s="162"/>
      <c r="BQ1933" s="162"/>
      <c r="BR1933" s="162"/>
      <c r="BS1933" s="162"/>
      <c r="BT1933" s="162"/>
      <c r="BU1933" s="162"/>
      <c r="BV1933" s="162"/>
      <c r="BW1933" s="162"/>
      <c r="BX1933" s="162"/>
      <c r="BY1933" s="162"/>
      <c r="BZ1933" s="162"/>
      <c r="CA1933" s="162"/>
      <c r="CB1933" s="162"/>
      <c r="CC1933" s="162"/>
      <c r="CD1933" s="162"/>
      <c r="CE1933" s="162"/>
      <c r="CF1933" s="162"/>
      <c r="CG1933" s="162"/>
      <c r="CH1933" s="162"/>
      <c r="CI1933" s="162"/>
      <c r="CJ1933" s="162"/>
      <c r="CK1933" s="162"/>
      <c r="CX1933" s="98"/>
      <c r="DL1933" s="97"/>
      <c r="DX1933" s="98"/>
      <c r="EL1933" s="97"/>
      <c r="EX1933" s="98"/>
      <c r="EY1933" s="97"/>
      <c r="FL1933" s="126"/>
      <c r="FM1933" s="91"/>
      <c r="FN1933" s="91"/>
      <c r="FO1933" s="91"/>
      <c r="FP1933" s="91"/>
      <c r="FQ1933" s="91"/>
      <c r="FR1933" s="91"/>
      <c r="FS1933" s="91"/>
      <c r="FT1933" s="91"/>
      <c r="FU1933" s="91"/>
      <c r="FV1933" s="91"/>
      <c r="FW1933" s="91"/>
      <c r="FX1933" s="91"/>
      <c r="FY1933" s="91"/>
      <c r="FZ1933" s="91"/>
      <c r="GA1933" s="91"/>
      <c r="GB1933" s="91"/>
      <c r="GC1933" s="91"/>
      <c r="GD1933" s="91"/>
      <c r="GE1933" s="91"/>
      <c r="GF1933" s="91"/>
      <c r="GG1933" s="91"/>
      <c r="GH1933" s="91"/>
      <c r="GI1933" s="91"/>
      <c r="GJ1933" s="91"/>
      <c r="GK1933" s="127"/>
      <c r="GL1933" s="126"/>
      <c r="GM1933" s="91"/>
      <c r="GN1933" s="91"/>
      <c r="GO1933" s="91"/>
      <c r="GP1933" s="91"/>
      <c r="GQ1933" s="91"/>
      <c r="GR1933" s="91"/>
      <c r="GS1933" s="91"/>
      <c r="GT1933" s="91"/>
      <c r="GU1933" s="91"/>
      <c r="GV1933" s="91"/>
      <c r="GW1933" s="91"/>
      <c r="GX1933" s="91"/>
      <c r="GY1933" s="91"/>
      <c r="GZ1933" s="91"/>
      <c r="HA1933" s="91"/>
      <c r="HB1933" s="91"/>
      <c r="HC1933" s="91"/>
      <c r="HD1933" s="91"/>
      <c r="HE1933" s="91"/>
      <c r="HF1933" s="91"/>
      <c r="HG1933" s="91"/>
      <c r="HH1933" s="91"/>
      <c r="HI1933" s="91"/>
      <c r="HJ1933" s="91"/>
      <c r="HK1933" s="127"/>
      <c r="HL1933" s="126"/>
      <c r="HM1933" s="91"/>
      <c r="HN1933" s="91"/>
      <c r="HO1933" s="91"/>
      <c r="HP1933" s="91"/>
      <c r="HQ1933" s="91"/>
      <c r="HR1933" s="91"/>
      <c r="HS1933" s="91"/>
      <c r="HT1933" s="91"/>
      <c r="HU1933" s="91"/>
      <c r="HV1933" s="91"/>
      <c r="HW1933" s="91"/>
      <c r="HX1933" s="91"/>
      <c r="HY1933" s="91"/>
      <c r="HZ1933" s="91"/>
      <c r="IA1933" s="91"/>
      <c r="IB1933" s="91"/>
      <c r="IC1933" s="91"/>
      <c r="ID1933" s="91"/>
      <c r="IE1933" s="91"/>
      <c r="IF1933" s="91"/>
      <c r="IG1933" s="91"/>
      <c r="IH1933" s="91"/>
      <c r="II1933" s="91"/>
      <c r="IJ1933" s="91"/>
      <c r="IK1933" s="127"/>
    </row>
    <row r="1934" spans="2:245" x14ac:dyDescent="0.2">
      <c r="B1934" s="43"/>
      <c r="C1934" s="73"/>
      <c r="D1934" s="64"/>
      <c r="E1934" s="64"/>
      <c r="F1934" s="55"/>
      <c r="G1934" s="102"/>
      <c r="H1934" s="55"/>
      <c r="I1934" s="55"/>
      <c r="J1934" s="55"/>
      <c r="K1934" s="55"/>
      <c r="L1934" s="55"/>
      <c r="M1934" s="55"/>
      <c r="N1934" s="55"/>
      <c r="O1934" s="55"/>
      <c r="P1934" s="55"/>
      <c r="Q1934" s="55"/>
      <c r="R1934" s="55"/>
      <c r="S1934" s="55"/>
      <c r="T1934" s="55"/>
      <c r="U1934" s="55"/>
      <c r="V1934" s="55"/>
      <c r="W1934" s="55"/>
      <c r="X1934" s="55"/>
      <c r="Y1934" s="55"/>
      <c r="Z1934" s="55"/>
      <c r="AA1934" s="55"/>
      <c r="AB1934" s="55"/>
      <c r="AC1934" s="55"/>
      <c r="AD1934" s="55"/>
      <c r="AE1934" s="55"/>
      <c r="AF1934" s="55"/>
      <c r="AG1934" s="55"/>
      <c r="AY1934" s="162"/>
      <c r="AZ1934" s="162"/>
      <c r="BA1934" s="162"/>
      <c r="BB1934" s="162"/>
      <c r="BC1934" s="162"/>
      <c r="BD1934" s="162"/>
      <c r="BE1934" s="162"/>
      <c r="BF1934" s="162"/>
      <c r="BG1934" s="162"/>
      <c r="BH1934" s="162"/>
      <c r="BI1934" s="162"/>
      <c r="BJ1934" s="162"/>
      <c r="BK1934" s="162"/>
      <c r="BL1934" s="162"/>
      <c r="BM1934" s="162"/>
      <c r="BN1934" s="162"/>
      <c r="BO1934" s="162"/>
      <c r="BP1934" s="162"/>
      <c r="BQ1934" s="162"/>
      <c r="BR1934" s="162"/>
      <c r="BS1934" s="162"/>
      <c r="BT1934" s="162"/>
      <c r="BU1934" s="162"/>
      <c r="BV1934" s="162"/>
      <c r="BW1934" s="162"/>
      <c r="BX1934" s="162"/>
      <c r="BY1934" s="162"/>
      <c r="BZ1934" s="162"/>
      <c r="CA1934" s="162"/>
      <c r="CB1934" s="162"/>
      <c r="CC1934" s="162"/>
      <c r="CD1934" s="162"/>
      <c r="CE1934" s="162"/>
      <c r="CF1934" s="162"/>
      <c r="CG1934" s="162"/>
      <c r="CH1934" s="162"/>
      <c r="CI1934" s="162"/>
      <c r="CJ1934" s="162"/>
      <c r="CK1934" s="162"/>
      <c r="CX1934" s="98"/>
      <c r="DL1934" s="97"/>
      <c r="DX1934" s="98"/>
      <c r="EL1934" s="97"/>
      <c r="EX1934" s="98"/>
      <c r="EY1934" s="97"/>
      <c r="FL1934" s="126"/>
      <c r="FM1934" s="91"/>
      <c r="FN1934" s="91"/>
      <c r="FO1934" s="91"/>
      <c r="FP1934" s="91"/>
      <c r="FQ1934" s="91"/>
      <c r="FR1934" s="91"/>
      <c r="FS1934" s="91"/>
      <c r="FT1934" s="91"/>
      <c r="FU1934" s="91"/>
      <c r="FV1934" s="91"/>
      <c r="FW1934" s="91"/>
      <c r="FX1934" s="91"/>
      <c r="FY1934" s="91"/>
      <c r="FZ1934" s="91"/>
      <c r="GA1934" s="91"/>
      <c r="GB1934" s="91"/>
      <c r="GC1934" s="91"/>
      <c r="GD1934" s="91"/>
      <c r="GE1934" s="91"/>
      <c r="GF1934" s="91"/>
      <c r="GG1934" s="91"/>
      <c r="GH1934" s="91"/>
      <c r="GI1934" s="91"/>
      <c r="GJ1934" s="91"/>
      <c r="GK1934" s="127"/>
      <c r="GL1934" s="126"/>
      <c r="GM1934" s="91"/>
      <c r="GN1934" s="91"/>
      <c r="GO1934" s="91"/>
      <c r="GP1934" s="91"/>
      <c r="GQ1934" s="91"/>
      <c r="GR1934" s="91"/>
      <c r="GS1934" s="91"/>
      <c r="GT1934" s="91"/>
      <c r="GU1934" s="91"/>
      <c r="GV1934" s="91"/>
      <c r="GW1934" s="91"/>
      <c r="GX1934" s="91"/>
      <c r="GY1934" s="91"/>
      <c r="GZ1934" s="91"/>
      <c r="HA1934" s="91"/>
      <c r="HB1934" s="91"/>
      <c r="HC1934" s="91"/>
      <c r="HD1934" s="91"/>
      <c r="HE1934" s="91"/>
      <c r="HF1934" s="91"/>
      <c r="HG1934" s="91"/>
      <c r="HH1934" s="91"/>
      <c r="HI1934" s="91"/>
      <c r="HJ1934" s="91"/>
      <c r="HK1934" s="127"/>
      <c r="HL1934" s="126"/>
      <c r="HM1934" s="91"/>
      <c r="HN1934" s="91"/>
      <c r="HO1934" s="91"/>
      <c r="HP1934" s="91"/>
      <c r="HQ1934" s="91"/>
      <c r="HR1934" s="91"/>
      <c r="HS1934" s="91"/>
      <c r="HT1934" s="91"/>
      <c r="HU1934" s="91"/>
      <c r="HV1934" s="91"/>
      <c r="HW1934" s="91"/>
      <c r="HX1934" s="91"/>
      <c r="HY1934" s="91"/>
      <c r="HZ1934" s="91"/>
      <c r="IA1934" s="91"/>
      <c r="IB1934" s="91"/>
      <c r="IC1934" s="91"/>
      <c r="ID1934" s="91"/>
      <c r="IE1934" s="91"/>
      <c r="IF1934" s="91"/>
      <c r="IG1934" s="91"/>
      <c r="IH1934" s="91"/>
      <c r="II1934" s="91"/>
      <c r="IJ1934" s="91"/>
      <c r="IK1934" s="127"/>
    </row>
    <row r="1935" spans="2:245" x14ac:dyDescent="0.2">
      <c r="B1935" s="43"/>
      <c r="C1935" s="73"/>
      <c r="D1935" s="64"/>
      <c r="E1935" s="64"/>
      <c r="F1935" s="55"/>
      <c r="G1935" s="102"/>
      <c r="H1935" s="55"/>
      <c r="I1935" s="55"/>
      <c r="J1935" s="55"/>
      <c r="K1935" s="55"/>
      <c r="L1935" s="55"/>
      <c r="M1935" s="55"/>
      <c r="N1935" s="55"/>
      <c r="O1935" s="55"/>
      <c r="P1935" s="55"/>
      <c r="Q1935" s="55"/>
      <c r="R1935" s="55"/>
      <c r="S1935" s="55"/>
      <c r="T1935" s="55"/>
      <c r="U1935" s="55"/>
      <c r="V1935" s="55"/>
      <c r="W1935" s="55"/>
      <c r="X1935" s="55"/>
      <c r="Y1935" s="55"/>
      <c r="Z1935" s="55"/>
      <c r="AA1935" s="55"/>
      <c r="AB1935" s="55"/>
      <c r="AC1935" s="55"/>
      <c r="AD1935" s="55"/>
      <c r="AE1935" s="55"/>
      <c r="AF1935" s="55"/>
      <c r="AG1935" s="55"/>
      <c r="AY1935" s="162"/>
      <c r="AZ1935" s="162"/>
      <c r="BA1935" s="162"/>
      <c r="BB1935" s="162"/>
      <c r="BC1935" s="162"/>
      <c r="BD1935" s="162"/>
      <c r="BE1935" s="162"/>
      <c r="BF1935" s="162"/>
      <c r="BG1935" s="162"/>
      <c r="BH1935" s="162"/>
      <c r="BI1935" s="162"/>
      <c r="BJ1935" s="162"/>
      <c r="BK1935" s="162"/>
      <c r="BL1935" s="162"/>
      <c r="BM1935" s="162"/>
      <c r="BN1935" s="162"/>
      <c r="BO1935" s="162"/>
      <c r="BP1935" s="162"/>
      <c r="BQ1935" s="162"/>
      <c r="BR1935" s="162"/>
      <c r="BS1935" s="162"/>
      <c r="BT1935" s="162"/>
      <c r="BU1935" s="162"/>
      <c r="BV1935" s="162"/>
      <c r="BW1935" s="162"/>
      <c r="BX1935" s="162"/>
      <c r="BY1935" s="162"/>
      <c r="BZ1935" s="162"/>
      <c r="CA1935" s="162"/>
      <c r="CB1935" s="162"/>
      <c r="CC1935" s="162"/>
      <c r="CD1935" s="162"/>
      <c r="CE1935" s="162"/>
      <c r="CF1935" s="162"/>
      <c r="CG1935" s="162"/>
      <c r="CH1935" s="162"/>
      <c r="CI1935" s="162"/>
      <c r="CJ1935" s="162"/>
      <c r="CK1935" s="162"/>
      <c r="CX1935" s="98"/>
      <c r="DL1935" s="97"/>
      <c r="DX1935" s="98"/>
      <c r="EL1935" s="97"/>
      <c r="EX1935" s="98"/>
      <c r="EY1935" s="97"/>
      <c r="FL1935" s="126"/>
      <c r="FM1935" s="91"/>
      <c r="FN1935" s="91"/>
      <c r="FO1935" s="91"/>
      <c r="FP1935" s="91"/>
      <c r="FQ1935" s="91"/>
      <c r="FR1935" s="91"/>
      <c r="FS1935" s="91"/>
      <c r="FT1935" s="91"/>
      <c r="FU1935" s="91"/>
      <c r="FV1935" s="91"/>
      <c r="FW1935" s="91"/>
      <c r="FX1935" s="91"/>
      <c r="FY1935" s="91"/>
      <c r="FZ1935" s="91"/>
      <c r="GA1935" s="91"/>
      <c r="GB1935" s="91"/>
      <c r="GC1935" s="91"/>
      <c r="GD1935" s="91"/>
      <c r="GE1935" s="91"/>
      <c r="GF1935" s="91"/>
      <c r="GG1935" s="91"/>
      <c r="GH1935" s="91"/>
      <c r="GI1935" s="91"/>
      <c r="GJ1935" s="91"/>
      <c r="GK1935" s="127"/>
      <c r="GL1935" s="126"/>
      <c r="GM1935" s="91"/>
      <c r="GN1935" s="91"/>
      <c r="GO1935" s="91"/>
      <c r="GP1935" s="91"/>
      <c r="GQ1935" s="91"/>
      <c r="GR1935" s="91"/>
      <c r="GS1935" s="91"/>
      <c r="GT1935" s="91"/>
      <c r="GU1935" s="91"/>
      <c r="GV1935" s="91"/>
      <c r="GW1935" s="91"/>
      <c r="GX1935" s="91"/>
      <c r="GY1935" s="91"/>
      <c r="GZ1935" s="91"/>
      <c r="HA1935" s="91"/>
      <c r="HB1935" s="91"/>
      <c r="HC1935" s="91"/>
      <c r="HD1935" s="91"/>
      <c r="HE1935" s="91"/>
      <c r="HF1935" s="91"/>
      <c r="HG1935" s="91"/>
      <c r="HH1935" s="91"/>
      <c r="HI1935" s="91"/>
      <c r="HJ1935" s="91"/>
      <c r="HK1935" s="127"/>
      <c r="HL1935" s="126"/>
      <c r="HM1935" s="91"/>
      <c r="HN1935" s="91"/>
      <c r="HO1935" s="91"/>
      <c r="HP1935" s="91"/>
      <c r="HQ1935" s="91"/>
      <c r="HR1935" s="91"/>
      <c r="HS1935" s="91"/>
      <c r="HT1935" s="91"/>
      <c r="HU1935" s="91"/>
      <c r="HV1935" s="91"/>
      <c r="HW1935" s="91"/>
      <c r="HX1935" s="91"/>
      <c r="HY1935" s="91"/>
      <c r="HZ1935" s="91"/>
      <c r="IA1935" s="91"/>
      <c r="IB1935" s="91"/>
      <c r="IC1935" s="91"/>
      <c r="ID1935" s="91"/>
      <c r="IE1935" s="91"/>
      <c r="IF1935" s="91"/>
      <c r="IG1935" s="91"/>
      <c r="IH1935" s="91"/>
      <c r="II1935" s="91"/>
      <c r="IJ1935" s="91"/>
      <c r="IK1935" s="127"/>
    </row>
    <row r="1936" spans="2:245" x14ac:dyDescent="0.2">
      <c r="B1936" s="43"/>
      <c r="C1936" s="73"/>
      <c r="D1936" s="64"/>
      <c r="E1936" s="64"/>
      <c r="F1936" s="55"/>
      <c r="G1936" s="102"/>
      <c r="H1936" s="55"/>
      <c r="I1936" s="55"/>
      <c r="J1936" s="55"/>
      <c r="K1936" s="55"/>
      <c r="L1936" s="55"/>
      <c r="M1936" s="55"/>
      <c r="N1936" s="55"/>
      <c r="O1936" s="55"/>
      <c r="P1936" s="55"/>
      <c r="Q1936" s="55"/>
      <c r="R1936" s="55"/>
      <c r="S1936" s="55"/>
      <c r="T1936" s="55"/>
      <c r="U1936" s="55"/>
      <c r="V1936" s="55"/>
      <c r="W1936" s="55"/>
      <c r="X1936" s="55"/>
      <c r="Y1936" s="55"/>
      <c r="Z1936" s="55"/>
      <c r="AA1936" s="55"/>
      <c r="AB1936" s="55"/>
      <c r="AC1936" s="55"/>
      <c r="AD1936" s="55"/>
      <c r="AE1936" s="55"/>
      <c r="AF1936" s="55"/>
      <c r="AG1936" s="55"/>
      <c r="AY1936" s="162"/>
      <c r="AZ1936" s="162"/>
      <c r="BA1936" s="162"/>
      <c r="BB1936" s="162"/>
      <c r="BC1936" s="162"/>
      <c r="BD1936" s="162"/>
      <c r="BE1936" s="162"/>
      <c r="BF1936" s="162"/>
      <c r="BG1936" s="162"/>
      <c r="BH1936" s="162"/>
      <c r="BI1936" s="162"/>
      <c r="BJ1936" s="162"/>
      <c r="BK1936" s="162"/>
      <c r="BL1936" s="162"/>
      <c r="BM1936" s="162"/>
      <c r="BN1936" s="162"/>
      <c r="BO1936" s="162"/>
      <c r="BP1936" s="162"/>
      <c r="BQ1936" s="162"/>
      <c r="BR1936" s="162"/>
      <c r="BS1936" s="162"/>
      <c r="BT1936" s="162"/>
      <c r="BU1936" s="162"/>
      <c r="BV1936" s="162"/>
      <c r="BW1936" s="162"/>
      <c r="BX1936" s="162"/>
      <c r="BY1936" s="162"/>
      <c r="BZ1936" s="162"/>
      <c r="CA1936" s="162"/>
      <c r="CB1936" s="162"/>
      <c r="CC1936" s="162"/>
      <c r="CD1936" s="162"/>
      <c r="CE1936" s="162"/>
      <c r="CF1936" s="162"/>
      <c r="CG1936" s="162"/>
      <c r="CH1936" s="162"/>
      <c r="CI1936" s="162"/>
      <c r="CJ1936" s="162"/>
      <c r="CK1936" s="162"/>
      <c r="CX1936" s="98"/>
      <c r="DL1936" s="97"/>
      <c r="DX1936" s="98"/>
      <c r="EL1936" s="97"/>
      <c r="EX1936" s="98"/>
      <c r="EY1936" s="97"/>
      <c r="FL1936" s="126"/>
      <c r="FM1936" s="91"/>
      <c r="FN1936" s="91"/>
      <c r="FO1936" s="91"/>
      <c r="FP1936" s="91"/>
      <c r="FQ1936" s="91"/>
      <c r="FR1936" s="91"/>
      <c r="FS1936" s="91"/>
      <c r="FT1936" s="91"/>
      <c r="FU1936" s="91"/>
      <c r="FV1936" s="91"/>
      <c r="FW1936" s="91"/>
      <c r="FX1936" s="91"/>
      <c r="FY1936" s="91"/>
      <c r="FZ1936" s="91"/>
      <c r="GA1936" s="91"/>
      <c r="GB1936" s="91"/>
      <c r="GC1936" s="91"/>
      <c r="GD1936" s="91"/>
      <c r="GE1936" s="91"/>
      <c r="GF1936" s="91"/>
      <c r="GG1936" s="91"/>
      <c r="GH1936" s="91"/>
      <c r="GI1936" s="91"/>
      <c r="GJ1936" s="91"/>
      <c r="GK1936" s="127"/>
      <c r="GL1936" s="126"/>
      <c r="GM1936" s="91"/>
      <c r="GN1936" s="91"/>
      <c r="GO1936" s="91"/>
      <c r="GP1936" s="91"/>
      <c r="GQ1936" s="91"/>
      <c r="GR1936" s="91"/>
      <c r="GS1936" s="91"/>
      <c r="GT1936" s="91"/>
      <c r="GU1936" s="91"/>
      <c r="GV1936" s="91"/>
      <c r="GW1936" s="91"/>
      <c r="GX1936" s="91"/>
      <c r="GY1936" s="91"/>
      <c r="GZ1936" s="91"/>
      <c r="HA1936" s="91"/>
      <c r="HB1936" s="91"/>
      <c r="HC1936" s="91"/>
      <c r="HD1936" s="91"/>
      <c r="HE1936" s="91"/>
      <c r="HF1936" s="91"/>
      <c r="HG1936" s="91"/>
      <c r="HH1936" s="91"/>
      <c r="HI1936" s="91"/>
      <c r="HJ1936" s="91"/>
      <c r="HK1936" s="127"/>
      <c r="HL1936" s="126"/>
      <c r="HM1936" s="91"/>
      <c r="HN1936" s="91"/>
      <c r="HO1936" s="91"/>
      <c r="HP1936" s="91"/>
      <c r="HQ1936" s="91"/>
      <c r="HR1936" s="91"/>
      <c r="HS1936" s="91"/>
      <c r="HT1936" s="91"/>
      <c r="HU1936" s="91"/>
      <c r="HV1936" s="91"/>
      <c r="HW1936" s="91"/>
      <c r="HX1936" s="91"/>
      <c r="HY1936" s="91"/>
      <c r="HZ1936" s="91"/>
      <c r="IA1936" s="91"/>
      <c r="IB1936" s="91"/>
      <c r="IC1936" s="91"/>
      <c r="ID1936" s="91"/>
      <c r="IE1936" s="91"/>
      <c r="IF1936" s="91"/>
      <c r="IG1936" s="91"/>
      <c r="IH1936" s="91"/>
      <c r="II1936" s="91"/>
      <c r="IJ1936" s="91"/>
      <c r="IK1936" s="127"/>
    </row>
    <row r="1937" spans="2:245" x14ac:dyDescent="0.2">
      <c r="B1937" s="43"/>
      <c r="C1937" s="73"/>
      <c r="D1937" s="64"/>
      <c r="E1937" s="64"/>
      <c r="F1937" s="55"/>
      <c r="G1937" s="102"/>
      <c r="H1937" s="55"/>
      <c r="I1937" s="55"/>
      <c r="J1937" s="55"/>
      <c r="K1937" s="55"/>
      <c r="L1937" s="55"/>
      <c r="M1937" s="55"/>
      <c r="N1937" s="55"/>
      <c r="O1937" s="55"/>
      <c r="P1937" s="55"/>
      <c r="Q1937" s="55"/>
      <c r="R1937" s="55"/>
      <c r="S1937" s="55"/>
      <c r="T1937" s="55"/>
      <c r="U1937" s="55"/>
      <c r="V1937" s="55"/>
      <c r="W1937" s="55"/>
      <c r="X1937" s="55"/>
      <c r="Y1937" s="55"/>
      <c r="Z1937" s="55"/>
      <c r="AA1937" s="55"/>
      <c r="AB1937" s="55"/>
      <c r="AC1937" s="55"/>
      <c r="AD1937" s="55"/>
      <c r="AE1937" s="55"/>
      <c r="AF1937" s="55"/>
      <c r="AG1937" s="55"/>
      <c r="AY1937" s="162"/>
      <c r="AZ1937" s="162"/>
      <c r="BA1937" s="162"/>
      <c r="BB1937" s="162"/>
      <c r="BC1937" s="162"/>
      <c r="BD1937" s="162"/>
      <c r="BE1937" s="162"/>
      <c r="BF1937" s="162"/>
      <c r="BG1937" s="162"/>
      <c r="BH1937" s="162"/>
      <c r="BI1937" s="162"/>
      <c r="BJ1937" s="162"/>
      <c r="BK1937" s="162"/>
      <c r="BL1937" s="162"/>
      <c r="BM1937" s="162"/>
      <c r="BN1937" s="162"/>
      <c r="BO1937" s="162"/>
      <c r="BP1937" s="162"/>
      <c r="BQ1937" s="162"/>
      <c r="BR1937" s="162"/>
      <c r="BS1937" s="162"/>
      <c r="BT1937" s="162"/>
      <c r="BU1937" s="162"/>
      <c r="BV1937" s="162"/>
      <c r="BW1937" s="162"/>
      <c r="BX1937" s="162"/>
      <c r="BY1937" s="162"/>
      <c r="BZ1937" s="162"/>
      <c r="CA1937" s="162"/>
      <c r="CB1937" s="162"/>
      <c r="CC1937" s="162"/>
      <c r="CD1937" s="162"/>
      <c r="CE1937" s="162"/>
      <c r="CF1937" s="162"/>
      <c r="CG1937" s="162"/>
      <c r="CH1937" s="162"/>
      <c r="CI1937" s="162"/>
      <c r="CJ1937" s="162"/>
      <c r="CK1937" s="162"/>
      <c r="CX1937" s="98"/>
      <c r="DL1937" s="97"/>
      <c r="DX1937" s="98"/>
      <c r="EL1937" s="97"/>
      <c r="EX1937" s="98"/>
      <c r="EY1937" s="97"/>
      <c r="FL1937" s="126"/>
      <c r="FM1937" s="91"/>
      <c r="FN1937" s="91"/>
      <c r="FO1937" s="91"/>
      <c r="FP1937" s="91"/>
      <c r="FQ1937" s="91"/>
      <c r="FR1937" s="91"/>
      <c r="FS1937" s="91"/>
      <c r="FT1937" s="91"/>
      <c r="FU1937" s="91"/>
      <c r="FV1937" s="91"/>
      <c r="FW1937" s="91"/>
      <c r="FX1937" s="91"/>
      <c r="FY1937" s="91"/>
      <c r="FZ1937" s="91"/>
      <c r="GA1937" s="91"/>
      <c r="GB1937" s="91"/>
      <c r="GC1937" s="91"/>
      <c r="GD1937" s="91"/>
      <c r="GE1937" s="91"/>
      <c r="GF1937" s="91"/>
      <c r="GG1937" s="91"/>
      <c r="GH1937" s="91"/>
      <c r="GI1937" s="91"/>
      <c r="GJ1937" s="91"/>
      <c r="GK1937" s="127"/>
      <c r="GL1937" s="126"/>
      <c r="GM1937" s="91"/>
      <c r="GN1937" s="91"/>
      <c r="GO1937" s="91"/>
      <c r="GP1937" s="91"/>
      <c r="GQ1937" s="91"/>
      <c r="GR1937" s="91"/>
      <c r="GS1937" s="91"/>
      <c r="GT1937" s="91"/>
      <c r="GU1937" s="91"/>
      <c r="GV1937" s="91"/>
      <c r="GW1937" s="91"/>
      <c r="GX1937" s="91"/>
      <c r="GY1937" s="91"/>
      <c r="GZ1937" s="91"/>
      <c r="HA1937" s="91"/>
      <c r="HB1937" s="91"/>
      <c r="HC1937" s="91"/>
      <c r="HD1937" s="91"/>
      <c r="HE1937" s="91"/>
      <c r="HF1937" s="91"/>
      <c r="HG1937" s="91"/>
      <c r="HH1937" s="91"/>
      <c r="HI1937" s="91"/>
      <c r="HJ1937" s="91"/>
      <c r="HK1937" s="127"/>
      <c r="HL1937" s="126"/>
      <c r="HM1937" s="91"/>
      <c r="HN1937" s="91"/>
      <c r="HO1937" s="91"/>
      <c r="HP1937" s="91"/>
      <c r="HQ1937" s="91"/>
      <c r="HR1937" s="91"/>
      <c r="HS1937" s="91"/>
      <c r="HT1937" s="91"/>
      <c r="HU1937" s="91"/>
      <c r="HV1937" s="91"/>
      <c r="HW1937" s="91"/>
      <c r="HX1937" s="91"/>
      <c r="HY1937" s="91"/>
      <c r="HZ1937" s="91"/>
      <c r="IA1937" s="91"/>
      <c r="IB1937" s="91"/>
      <c r="IC1937" s="91"/>
      <c r="ID1937" s="91"/>
      <c r="IE1937" s="91"/>
      <c r="IF1937" s="91"/>
      <c r="IG1937" s="91"/>
      <c r="IH1937" s="91"/>
      <c r="II1937" s="91"/>
      <c r="IJ1937" s="91"/>
      <c r="IK1937" s="127"/>
    </row>
    <row r="1938" spans="2:245" x14ac:dyDescent="0.2">
      <c r="B1938" s="43"/>
      <c r="C1938" s="73"/>
      <c r="D1938" s="64"/>
      <c r="E1938" s="64"/>
      <c r="F1938" s="55"/>
      <c r="G1938" s="102"/>
      <c r="H1938" s="55"/>
      <c r="I1938" s="55"/>
      <c r="J1938" s="55"/>
      <c r="K1938" s="55"/>
      <c r="L1938" s="55"/>
      <c r="M1938" s="55"/>
      <c r="N1938" s="55"/>
      <c r="O1938" s="55"/>
      <c r="P1938" s="55"/>
      <c r="Q1938" s="55"/>
      <c r="R1938" s="55"/>
      <c r="S1938" s="55"/>
      <c r="T1938" s="55"/>
      <c r="U1938" s="55"/>
      <c r="V1938" s="55"/>
      <c r="W1938" s="55"/>
      <c r="X1938" s="55"/>
      <c r="Y1938" s="55"/>
      <c r="Z1938" s="55"/>
      <c r="AA1938" s="55"/>
      <c r="AB1938" s="55"/>
      <c r="AC1938" s="55"/>
      <c r="AD1938" s="55"/>
      <c r="AE1938" s="55"/>
      <c r="AF1938" s="55"/>
      <c r="AG1938" s="55"/>
      <c r="AY1938" s="162"/>
      <c r="AZ1938" s="162"/>
      <c r="BA1938" s="162"/>
      <c r="BB1938" s="162"/>
      <c r="BC1938" s="162"/>
      <c r="BD1938" s="162"/>
      <c r="BE1938" s="162"/>
      <c r="BF1938" s="162"/>
      <c r="BG1938" s="162"/>
      <c r="BH1938" s="162"/>
      <c r="BI1938" s="162"/>
      <c r="BJ1938" s="162"/>
      <c r="BK1938" s="162"/>
      <c r="BL1938" s="162"/>
      <c r="BM1938" s="162"/>
      <c r="BN1938" s="162"/>
      <c r="BO1938" s="162"/>
      <c r="BP1938" s="162"/>
      <c r="BQ1938" s="162"/>
      <c r="BR1938" s="162"/>
      <c r="BS1938" s="162"/>
      <c r="BT1938" s="162"/>
      <c r="BU1938" s="162"/>
      <c r="BV1938" s="162"/>
      <c r="BW1938" s="162"/>
      <c r="BX1938" s="162"/>
      <c r="BY1938" s="162"/>
      <c r="BZ1938" s="162"/>
      <c r="CA1938" s="162"/>
      <c r="CB1938" s="162"/>
      <c r="CC1938" s="162"/>
      <c r="CD1938" s="162"/>
      <c r="CE1938" s="162"/>
      <c r="CF1938" s="162"/>
      <c r="CG1938" s="162"/>
      <c r="CH1938" s="162"/>
      <c r="CI1938" s="162"/>
      <c r="CJ1938" s="162"/>
      <c r="CK1938" s="162"/>
      <c r="CX1938" s="98"/>
      <c r="DL1938" s="97"/>
      <c r="DX1938" s="98"/>
      <c r="EL1938" s="97"/>
      <c r="EX1938" s="98"/>
      <c r="EY1938" s="97"/>
      <c r="FL1938" s="126"/>
      <c r="FM1938" s="91"/>
      <c r="FN1938" s="91"/>
      <c r="FO1938" s="91"/>
      <c r="FP1938" s="91"/>
      <c r="FQ1938" s="91"/>
      <c r="FR1938" s="91"/>
      <c r="FS1938" s="91"/>
      <c r="FT1938" s="91"/>
      <c r="FU1938" s="91"/>
      <c r="FV1938" s="91"/>
      <c r="FW1938" s="91"/>
      <c r="FX1938" s="91"/>
      <c r="FY1938" s="91"/>
      <c r="FZ1938" s="91"/>
      <c r="GA1938" s="91"/>
      <c r="GB1938" s="91"/>
      <c r="GC1938" s="91"/>
      <c r="GD1938" s="91"/>
      <c r="GE1938" s="91"/>
      <c r="GF1938" s="91"/>
      <c r="GG1938" s="91"/>
      <c r="GH1938" s="91"/>
      <c r="GI1938" s="91"/>
      <c r="GJ1938" s="91"/>
      <c r="GK1938" s="127"/>
      <c r="GL1938" s="126"/>
      <c r="GM1938" s="91"/>
      <c r="GN1938" s="91"/>
      <c r="GO1938" s="91"/>
      <c r="GP1938" s="91"/>
      <c r="GQ1938" s="91"/>
      <c r="GR1938" s="91"/>
      <c r="GS1938" s="91"/>
      <c r="GT1938" s="91"/>
      <c r="GU1938" s="91"/>
      <c r="GV1938" s="91"/>
      <c r="GW1938" s="91"/>
      <c r="GX1938" s="91"/>
      <c r="GY1938" s="91"/>
      <c r="GZ1938" s="91"/>
      <c r="HA1938" s="91"/>
      <c r="HB1938" s="91"/>
      <c r="HC1938" s="91"/>
      <c r="HD1938" s="91"/>
      <c r="HE1938" s="91"/>
      <c r="HF1938" s="91"/>
      <c r="HG1938" s="91"/>
      <c r="HH1938" s="91"/>
      <c r="HI1938" s="91"/>
      <c r="HJ1938" s="91"/>
      <c r="HK1938" s="127"/>
      <c r="HL1938" s="126"/>
      <c r="HM1938" s="91"/>
      <c r="HN1938" s="91"/>
      <c r="HO1938" s="91"/>
      <c r="HP1938" s="91"/>
      <c r="HQ1938" s="91"/>
      <c r="HR1938" s="91"/>
      <c r="HS1938" s="91"/>
      <c r="HT1938" s="91"/>
      <c r="HU1938" s="91"/>
      <c r="HV1938" s="91"/>
      <c r="HW1938" s="91"/>
      <c r="HX1938" s="91"/>
      <c r="HY1938" s="91"/>
      <c r="HZ1938" s="91"/>
      <c r="IA1938" s="91"/>
      <c r="IB1938" s="91"/>
      <c r="IC1938" s="91"/>
      <c r="ID1938" s="91"/>
      <c r="IE1938" s="91"/>
      <c r="IF1938" s="91"/>
      <c r="IG1938" s="91"/>
      <c r="IH1938" s="91"/>
      <c r="II1938" s="91"/>
      <c r="IJ1938" s="91"/>
      <c r="IK1938" s="127"/>
    </row>
    <row r="1939" spans="2:245" x14ac:dyDescent="0.2">
      <c r="B1939" s="43"/>
      <c r="C1939" s="73"/>
      <c r="D1939" s="64"/>
      <c r="E1939" s="64"/>
      <c r="F1939" s="55"/>
      <c r="G1939" s="102"/>
      <c r="H1939" s="55"/>
      <c r="I1939" s="55"/>
      <c r="J1939" s="55"/>
      <c r="K1939" s="55"/>
      <c r="L1939" s="55"/>
      <c r="M1939" s="55"/>
      <c r="N1939" s="55"/>
      <c r="O1939" s="55"/>
      <c r="P1939" s="55"/>
      <c r="Q1939" s="55"/>
      <c r="R1939" s="55"/>
      <c r="S1939" s="55"/>
      <c r="T1939" s="55"/>
      <c r="U1939" s="55"/>
      <c r="V1939" s="55"/>
      <c r="W1939" s="55"/>
      <c r="X1939" s="55"/>
      <c r="Y1939" s="55"/>
      <c r="Z1939" s="55"/>
      <c r="AA1939" s="55"/>
      <c r="AB1939" s="55"/>
      <c r="AC1939" s="55"/>
      <c r="AD1939" s="55"/>
      <c r="AE1939" s="55"/>
      <c r="AF1939" s="55"/>
      <c r="AG1939" s="55"/>
      <c r="AY1939" s="162"/>
      <c r="AZ1939" s="162"/>
      <c r="BA1939" s="162"/>
      <c r="BB1939" s="162"/>
      <c r="BC1939" s="162"/>
      <c r="BD1939" s="162"/>
      <c r="BE1939" s="162"/>
      <c r="BF1939" s="162"/>
      <c r="BG1939" s="162"/>
      <c r="BH1939" s="162"/>
      <c r="BI1939" s="162"/>
      <c r="BJ1939" s="162"/>
      <c r="BK1939" s="162"/>
      <c r="BL1939" s="162"/>
      <c r="BM1939" s="162"/>
      <c r="BN1939" s="162"/>
      <c r="BO1939" s="162"/>
      <c r="BP1939" s="162"/>
      <c r="BQ1939" s="162"/>
      <c r="BR1939" s="162"/>
      <c r="BS1939" s="162"/>
      <c r="BT1939" s="162"/>
      <c r="BU1939" s="162"/>
      <c r="BV1939" s="162"/>
      <c r="BW1939" s="162"/>
      <c r="BX1939" s="162"/>
      <c r="BY1939" s="162"/>
      <c r="BZ1939" s="162"/>
      <c r="CA1939" s="162"/>
      <c r="CB1939" s="162"/>
      <c r="CC1939" s="162"/>
      <c r="CD1939" s="162"/>
      <c r="CE1939" s="162"/>
      <c r="CF1939" s="162"/>
      <c r="CG1939" s="162"/>
      <c r="CH1939" s="162"/>
      <c r="CI1939" s="162"/>
      <c r="CJ1939" s="162"/>
      <c r="CK1939" s="162"/>
      <c r="CX1939" s="98"/>
      <c r="DL1939" s="97"/>
      <c r="DX1939" s="98"/>
      <c r="EL1939" s="97"/>
      <c r="EX1939" s="98"/>
      <c r="EY1939" s="97"/>
      <c r="FL1939" s="126"/>
      <c r="FM1939" s="91"/>
      <c r="FN1939" s="91"/>
      <c r="FO1939" s="91"/>
      <c r="FP1939" s="91"/>
      <c r="FQ1939" s="91"/>
      <c r="FR1939" s="91"/>
      <c r="FS1939" s="91"/>
      <c r="FT1939" s="91"/>
      <c r="FU1939" s="91"/>
      <c r="FV1939" s="91"/>
      <c r="FW1939" s="91"/>
      <c r="FX1939" s="91"/>
      <c r="FY1939" s="91"/>
      <c r="FZ1939" s="91"/>
      <c r="GA1939" s="91"/>
      <c r="GB1939" s="91"/>
      <c r="GC1939" s="91"/>
      <c r="GD1939" s="91"/>
      <c r="GE1939" s="91"/>
      <c r="GF1939" s="91"/>
      <c r="GG1939" s="91"/>
      <c r="GH1939" s="91"/>
      <c r="GI1939" s="91"/>
      <c r="GJ1939" s="91"/>
      <c r="GK1939" s="127"/>
      <c r="GL1939" s="126"/>
      <c r="GM1939" s="91"/>
      <c r="GN1939" s="91"/>
      <c r="GO1939" s="91"/>
      <c r="GP1939" s="91"/>
      <c r="GQ1939" s="91"/>
      <c r="GR1939" s="91"/>
      <c r="GS1939" s="91"/>
      <c r="GT1939" s="91"/>
      <c r="GU1939" s="91"/>
      <c r="GV1939" s="91"/>
      <c r="GW1939" s="91"/>
      <c r="GX1939" s="91"/>
      <c r="GY1939" s="91"/>
      <c r="GZ1939" s="91"/>
      <c r="HA1939" s="91"/>
      <c r="HB1939" s="91"/>
      <c r="HC1939" s="91"/>
      <c r="HD1939" s="91"/>
      <c r="HE1939" s="91"/>
      <c r="HF1939" s="91"/>
      <c r="HG1939" s="91"/>
      <c r="HH1939" s="91"/>
      <c r="HI1939" s="91"/>
      <c r="HJ1939" s="91"/>
      <c r="HK1939" s="127"/>
      <c r="HL1939" s="126"/>
      <c r="HM1939" s="91"/>
      <c r="HN1939" s="91"/>
      <c r="HO1939" s="91"/>
      <c r="HP1939" s="91"/>
      <c r="HQ1939" s="91"/>
      <c r="HR1939" s="91"/>
      <c r="HS1939" s="91"/>
      <c r="HT1939" s="91"/>
      <c r="HU1939" s="91"/>
      <c r="HV1939" s="91"/>
      <c r="HW1939" s="91"/>
      <c r="HX1939" s="91"/>
      <c r="HY1939" s="91"/>
      <c r="HZ1939" s="91"/>
      <c r="IA1939" s="91"/>
      <c r="IB1939" s="91"/>
      <c r="IC1939" s="91"/>
      <c r="ID1939" s="91"/>
      <c r="IE1939" s="91"/>
      <c r="IF1939" s="91"/>
      <c r="IG1939" s="91"/>
      <c r="IH1939" s="91"/>
      <c r="II1939" s="91"/>
      <c r="IJ1939" s="91"/>
      <c r="IK1939" s="127"/>
    </row>
    <row r="1940" spans="2:245" x14ac:dyDescent="0.2">
      <c r="B1940" s="43"/>
      <c r="C1940" s="73"/>
      <c r="D1940" s="64"/>
      <c r="E1940" s="64"/>
      <c r="F1940" s="55"/>
      <c r="G1940" s="102"/>
      <c r="H1940" s="55"/>
      <c r="I1940" s="55"/>
      <c r="J1940" s="55"/>
      <c r="K1940" s="55"/>
      <c r="L1940" s="55"/>
      <c r="M1940" s="55"/>
      <c r="N1940" s="55"/>
      <c r="O1940" s="55"/>
      <c r="P1940" s="55"/>
      <c r="Q1940" s="55"/>
      <c r="R1940" s="55"/>
      <c r="S1940" s="55"/>
      <c r="T1940" s="55"/>
      <c r="U1940" s="55"/>
      <c r="V1940" s="55"/>
      <c r="W1940" s="55"/>
      <c r="X1940" s="55"/>
      <c r="Y1940" s="55"/>
      <c r="Z1940" s="55"/>
      <c r="AA1940" s="55"/>
      <c r="AB1940" s="55"/>
      <c r="AC1940" s="55"/>
      <c r="AD1940" s="55"/>
      <c r="AE1940" s="55"/>
      <c r="AF1940" s="55"/>
      <c r="AG1940" s="55"/>
      <c r="AY1940" s="162"/>
      <c r="AZ1940" s="162"/>
      <c r="BA1940" s="162"/>
      <c r="BB1940" s="162"/>
      <c r="BC1940" s="162"/>
      <c r="BD1940" s="162"/>
      <c r="BE1940" s="162"/>
      <c r="BF1940" s="162"/>
      <c r="BG1940" s="162"/>
      <c r="BH1940" s="162"/>
      <c r="BI1940" s="162"/>
      <c r="BJ1940" s="162"/>
      <c r="BK1940" s="162"/>
      <c r="BL1940" s="162"/>
      <c r="BM1940" s="162"/>
      <c r="BN1940" s="162"/>
      <c r="BO1940" s="162"/>
      <c r="BP1940" s="162"/>
      <c r="BQ1940" s="162"/>
      <c r="BR1940" s="162"/>
      <c r="BS1940" s="162"/>
      <c r="BT1940" s="162"/>
      <c r="BU1940" s="162"/>
      <c r="BV1940" s="162"/>
      <c r="BW1940" s="162"/>
      <c r="BX1940" s="162"/>
      <c r="BY1940" s="162"/>
      <c r="BZ1940" s="162"/>
      <c r="CA1940" s="162"/>
      <c r="CB1940" s="162"/>
      <c r="CC1940" s="162"/>
      <c r="CD1940" s="162"/>
      <c r="CE1940" s="162"/>
      <c r="CF1940" s="162"/>
      <c r="CG1940" s="162"/>
      <c r="CH1940" s="162"/>
      <c r="CI1940" s="162"/>
      <c r="CJ1940" s="162"/>
      <c r="CK1940" s="162"/>
      <c r="CX1940" s="98"/>
      <c r="DL1940" s="97"/>
      <c r="DX1940" s="98"/>
      <c r="EL1940" s="97"/>
      <c r="EX1940" s="98"/>
      <c r="EY1940" s="97"/>
      <c r="FL1940" s="126"/>
      <c r="FM1940" s="91"/>
      <c r="FN1940" s="91"/>
      <c r="FO1940" s="91"/>
      <c r="FP1940" s="91"/>
      <c r="FQ1940" s="91"/>
      <c r="FR1940" s="91"/>
      <c r="FS1940" s="91"/>
      <c r="FT1940" s="91"/>
      <c r="FU1940" s="91"/>
      <c r="FV1940" s="91"/>
      <c r="FW1940" s="91"/>
      <c r="FX1940" s="91"/>
      <c r="FY1940" s="91"/>
      <c r="FZ1940" s="91"/>
      <c r="GA1940" s="91"/>
      <c r="GB1940" s="91"/>
      <c r="GC1940" s="91"/>
      <c r="GD1940" s="91"/>
      <c r="GE1940" s="91"/>
      <c r="GF1940" s="91"/>
      <c r="GG1940" s="91"/>
      <c r="GH1940" s="91"/>
      <c r="GI1940" s="91"/>
      <c r="GJ1940" s="91"/>
      <c r="GK1940" s="127"/>
      <c r="GL1940" s="126"/>
      <c r="GM1940" s="91"/>
      <c r="GN1940" s="91"/>
      <c r="GO1940" s="91"/>
      <c r="GP1940" s="91"/>
      <c r="GQ1940" s="91"/>
      <c r="GR1940" s="91"/>
      <c r="GS1940" s="91"/>
      <c r="GT1940" s="91"/>
      <c r="GU1940" s="91"/>
      <c r="GV1940" s="91"/>
      <c r="GW1940" s="91"/>
      <c r="GX1940" s="91"/>
      <c r="GY1940" s="91"/>
      <c r="GZ1940" s="91"/>
      <c r="HA1940" s="91"/>
      <c r="HB1940" s="91"/>
      <c r="HC1940" s="91"/>
      <c r="HD1940" s="91"/>
      <c r="HE1940" s="91"/>
      <c r="HF1940" s="91"/>
      <c r="HG1940" s="91"/>
      <c r="HH1940" s="91"/>
      <c r="HI1940" s="91"/>
      <c r="HJ1940" s="91"/>
      <c r="HK1940" s="127"/>
      <c r="HL1940" s="126"/>
      <c r="HM1940" s="91"/>
      <c r="HN1940" s="91"/>
      <c r="HO1940" s="91"/>
      <c r="HP1940" s="91"/>
      <c r="HQ1940" s="91"/>
      <c r="HR1940" s="91"/>
      <c r="HS1940" s="91"/>
      <c r="HT1940" s="91"/>
      <c r="HU1940" s="91"/>
      <c r="HV1940" s="91"/>
      <c r="HW1940" s="91"/>
      <c r="HX1940" s="91"/>
      <c r="HY1940" s="91"/>
      <c r="HZ1940" s="91"/>
      <c r="IA1940" s="91"/>
      <c r="IB1940" s="91"/>
      <c r="IC1940" s="91"/>
      <c r="ID1940" s="91"/>
      <c r="IE1940" s="91"/>
      <c r="IF1940" s="91"/>
      <c r="IG1940" s="91"/>
      <c r="IH1940" s="91"/>
      <c r="II1940" s="91"/>
      <c r="IJ1940" s="91"/>
      <c r="IK1940" s="127"/>
    </row>
    <row r="1941" spans="2:245" x14ac:dyDescent="0.2">
      <c r="B1941" s="43"/>
      <c r="C1941" s="73"/>
      <c r="D1941" s="64"/>
      <c r="E1941" s="64"/>
      <c r="F1941" s="55"/>
      <c r="G1941" s="102"/>
      <c r="H1941" s="55"/>
      <c r="I1941" s="55"/>
      <c r="J1941" s="55"/>
      <c r="K1941" s="55"/>
      <c r="L1941" s="55"/>
      <c r="M1941" s="55"/>
      <c r="N1941" s="55"/>
      <c r="O1941" s="55"/>
      <c r="P1941" s="55"/>
      <c r="Q1941" s="55"/>
      <c r="R1941" s="55"/>
      <c r="S1941" s="55"/>
      <c r="T1941" s="55"/>
      <c r="U1941" s="55"/>
      <c r="V1941" s="55"/>
      <c r="W1941" s="55"/>
      <c r="X1941" s="55"/>
      <c r="Y1941" s="55"/>
      <c r="Z1941" s="55"/>
      <c r="AA1941" s="55"/>
      <c r="AB1941" s="55"/>
      <c r="AC1941" s="55"/>
      <c r="AD1941" s="55"/>
      <c r="AE1941" s="55"/>
      <c r="AF1941" s="55"/>
      <c r="AG1941" s="55"/>
      <c r="AY1941" s="162"/>
      <c r="AZ1941" s="162"/>
      <c r="BA1941" s="162"/>
      <c r="BB1941" s="162"/>
      <c r="BC1941" s="162"/>
      <c r="BD1941" s="162"/>
      <c r="BE1941" s="162"/>
      <c r="BF1941" s="162"/>
      <c r="BG1941" s="162"/>
      <c r="BH1941" s="162"/>
      <c r="BI1941" s="162"/>
      <c r="BJ1941" s="162"/>
      <c r="BK1941" s="162"/>
      <c r="BL1941" s="162"/>
      <c r="BM1941" s="162"/>
      <c r="BN1941" s="162"/>
      <c r="BO1941" s="162"/>
      <c r="BP1941" s="162"/>
      <c r="BQ1941" s="162"/>
      <c r="BR1941" s="162"/>
      <c r="BS1941" s="162"/>
      <c r="BT1941" s="162"/>
      <c r="BU1941" s="162"/>
      <c r="BV1941" s="162"/>
      <c r="BW1941" s="162"/>
      <c r="BX1941" s="162"/>
      <c r="BY1941" s="162"/>
      <c r="BZ1941" s="162"/>
      <c r="CA1941" s="162"/>
      <c r="CB1941" s="162"/>
      <c r="CC1941" s="162"/>
      <c r="CD1941" s="162"/>
      <c r="CE1941" s="162"/>
      <c r="CF1941" s="162"/>
      <c r="CG1941" s="162"/>
      <c r="CH1941" s="162"/>
      <c r="CI1941" s="162"/>
      <c r="CJ1941" s="162"/>
      <c r="CK1941" s="162"/>
      <c r="CX1941" s="98"/>
      <c r="DL1941" s="97"/>
      <c r="DX1941" s="98"/>
      <c r="EL1941" s="97"/>
      <c r="EX1941" s="98"/>
      <c r="EY1941" s="97"/>
      <c r="FL1941" s="126"/>
      <c r="FM1941" s="91"/>
      <c r="FN1941" s="91"/>
      <c r="FO1941" s="91"/>
      <c r="FP1941" s="91"/>
      <c r="FQ1941" s="91"/>
      <c r="FR1941" s="91"/>
      <c r="FS1941" s="91"/>
      <c r="FT1941" s="91"/>
      <c r="FU1941" s="91"/>
      <c r="FV1941" s="91"/>
      <c r="FW1941" s="91"/>
      <c r="FX1941" s="91"/>
      <c r="FY1941" s="91"/>
      <c r="FZ1941" s="91"/>
      <c r="GA1941" s="91"/>
      <c r="GB1941" s="91"/>
      <c r="GC1941" s="91"/>
      <c r="GD1941" s="91"/>
      <c r="GE1941" s="91"/>
      <c r="GF1941" s="91"/>
      <c r="GG1941" s="91"/>
      <c r="GH1941" s="91"/>
      <c r="GI1941" s="91"/>
      <c r="GJ1941" s="91"/>
      <c r="GK1941" s="127"/>
      <c r="GL1941" s="126"/>
      <c r="GM1941" s="91"/>
      <c r="GN1941" s="91"/>
      <c r="GO1941" s="91"/>
      <c r="GP1941" s="91"/>
      <c r="GQ1941" s="91"/>
      <c r="GR1941" s="91"/>
      <c r="GS1941" s="91"/>
      <c r="GT1941" s="91"/>
      <c r="GU1941" s="91"/>
      <c r="GV1941" s="91"/>
      <c r="GW1941" s="91"/>
      <c r="GX1941" s="91"/>
      <c r="GY1941" s="91"/>
      <c r="GZ1941" s="91"/>
      <c r="HA1941" s="91"/>
      <c r="HB1941" s="91"/>
      <c r="HC1941" s="91"/>
      <c r="HD1941" s="91"/>
      <c r="HE1941" s="91"/>
      <c r="HF1941" s="91"/>
      <c r="HG1941" s="91"/>
      <c r="HH1941" s="91"/>
      <c r="HI1941" s="91"/>
      <c r="HJ1941" s="91"/>
      <c r="HK1941" s="127"/>
      <c r="HL1941" s="126"/>
      <c r="HM1941" s="91"/>
      <c r="HN1941" s="91"/>
      <c r="HO1941" s="91"/>
      <c r="HP1941" s="91"/>
      <c r="HQ1941" s="91"/>
      <c r="HR1941" s="91"/>
      <c r="HS1941" s="91"/>
      <c r="HT1941" s="91"/>
      <c r="HU1941" s="91"/>
      <c r="HV1941" s="91"/>
      <c r="HW1941" s="91"/>
      <c r="HX1941" s="91"/>
      <c r="HY1941" s="91"/>
      <c r="HZ1941" s="91"/>
      <c r="IA1941" s="91"/>
      <c r="IB1941" s="91"/>
      <c r="IC1941" s="91"/>
      <c r="ID1941" s="91"/>
      <c r="IE1941" s="91"/>
      <c r="IF1941" s="91"/>
      <c r="IG1941" s="91"/>
      <c r="IH1941" s="91"/>
      <c r="II1941" s="91"/>
      <c r="IJ1941" s="91"/>
      <c r="IK1941" s="127"/>
    </row>
    <row r="1942" spans="2:245" x14ac:dyDescent="0.2">
      <c r="B1942" s="43"/>
      <c r="C1942" s="73"/>
      <c r="D1942" s="64"/>
      <c r="E1942" s="64"/>
      <c r="F1942" s="55"/>
      <c r="G1942" s="102"/>
      <c r="H1942" s="55"/>
      <c r="I1942" s="55"/>
      <c r="J1942" s="55"/>
      <c r="K1942" s="55"/>
      <c r="L1942" s="55"/>
      <c r="M1942" s="55"/>
      <c r="N1942" s="55"/>
      <c r="O1942" s="55"/>
      <c r="P1942" s="55"/>
      <c r="Q1942" s="55"/>
      <c r="R1942" s="55"/>
      <c r="S1942" s="55"/>
      <c r="T1942" s="55"/>
      <c r="U1942" s="55"/>
      <c r="V1942" s="55"/>
      <c r="W1942" s="55"/>
      <c r="X1942" s="55"/>
      <c r="Y1942" s="55"/>
      <c r="Z1942" s="55"/>
      <c r="AA1942" s="55"/>
      <c r="AB1942" s="55"/>
      <c r="AC1942" s="55"/>
      <c r="AD1942" s="55"/>
      <c r="AE1942" s="55"/>
      <c r="AF1942" s="55"/>
      <c r="AG1942" s="55"/>
      <c r="AY1942" s="162"/>
      <c r="AZ1942" s="162"/>
      <c r="BA1942" s="162"/>
      <c r="BB1942" s="162"/>
      <c r="BC1942" s="162"/>
      <c r="BD1942" s="162"/>
      <c r="BE1942" s="162"/>
      <c r="BF1942" s="162"/>
      <c r="BG1942" s="162"/>
      <c r="BH1942" s="162"/>
      <c r="BI1942" s="162"/>
      <c r="BJ1942" s="162"/>
      <c r="BK1942" s="162"/>
      <c r="BL1942" s="162"/>
      <c r="BM1942" s="162"/>
      <c r="BN1942" s="162"/>
      <c r="BO1942" s="162"/>
      <c r="BP1942" s="162"/>
      <c r="BQ1942" s="162"/>
      <c r="BR1942" s="162"/>
      <c r="BS1942" s="162"/>
      <c r="BT1942" s="162"/>
      <c r="BU1942" s="162"/>
      <c r="BV1942" s="162"/>
      <c r="BW1942" s="162"/>
      <c r="BX1942" s="162"/>
      <c r="BY1942" s="162"/>
      <c r="BZ1942" s="162"/>
      <c r="CA1942" s="162"/>
      <c r="CB1942" s="162"/>
      <c r="CC1942" s="162"/>
      <c r="CD1942" s="162"/>
      <c r="CE1942" s="162"/>
      <c r="CF1942" s="162"/>
      <c r="CG1942" s="162"/>
      <c r="CH1942" s="162"/>
      <c r="CI1942" s="162"/>
      <c r="CJ1942" s="162"/>
      <c r="CK1942" s="162"/>
      <c r="CX1942" s="98"/>
      <c r="DL1942" s="97"/>
      <c r="DX1942" s="98"/>
      <c r="EL1942" s="97"/>
      <c r="EX1942" s="98"/>
      <c r="EY1942" s="97"/>
      <c r="FL1942" s="126"/>
      <c r="FM1942" s="91"/>
      <c r="FN1942" s="91"/>
      <c r="FO1942" s="91"/>
      <c r="FP1942" s="91"/>
      <c r="FQ1942" s="91"/>
      <c r="FR1942" s="91"/>
      <c r="FS1942" s="91"/>
      <c r="FT1942" s="91"/>
      <c r="FU1942" s="91"/>
      <c r="FV1942" s="91"/>
      <c r="FW1942" s="91"/>
      <c r="FX1942" s="91"/>
      <c r="FY1942" s="91"/>
      <c r="FZ1942" s="91"/>
      <c r="GA1942" s="91"/>
      <c r="GB1942" s="91"/>
      <c r="GC1942" s="91"/>
      <c r="GD1942" s="91"/>
      <c r="GE1942" s="91"/>
      <c r="GF1942" s="91"/>
      <c r="GG1942" s="91"/>
      <c r="GH1942" s="91"/>
      <c r="GI1942" s="91"/>
      <c r="GJ1942" s="91"/>
      <c r="GK1942" s="127"/>
      <c r="GL1942" s="126"/>
      <c r="GM1942" s="91"/>
      <c r="GN1942" s="91"/>
      <c r="GO1942" s="91"/>
      <c r="GP1942" s="91"/>
      <c r="GQ1942" s="91"/>
      <c r="GR1942" s="91"/>
      <c r="GS1942" s="91"/>
      <c r="GT1942" s="91"/>
      <c r="GU1942" s="91"/>
      <c r="GV1942" s="91"/>
      <c r="GW1942" s="91"/>
      <c r="GX1942" s="91"/>
      <c r="GY1942" s="91"/>
      <c r="GZ1942" s="91"/>
      <c r="HA1942" s="91"/>
      <c r="HB1942" s="91"/>
      <c r="HC1942" s="91"/>
      <c r="HD1942" s="91"/>
      <c r="HE1942" s="91"/>
      <c r="HF1942" s="91"/>
      <c r="HG1942" s="91"/>
      <c r="HH1942" s="91"/>
      <c r="HI1942" s="91"/>
      <c r="HJ1942" s="91"/>
      <c r="HK1942" s="127"/>
      <c r="HL1942" s="126"/>
      <c r="HM1942" s="91"/>
      <c r="HN1942" s="91"/>
      <c r="HO1942" s="91"/>
      <c r="HP1942" s="91"/>
      <c r="HQ1942" s="91"/>
      <c r="HR1942" s="91"/>
      <c r="HS1942" s="91"/>
      <c r="HT1942" s="91"/>
      <c r="HU1942" s="91"/>
      <c r="HV1942" s="91"/>
      <c r="HW1942" s="91"/>
      <c r="HX1942" s="91"/>
      <c r="HY1942" s="91"/>
      <c r="HZ1942" s="91"/>
      <c r="IA1942" s="91"/>
      <c r="IB1942" s="91"/>
      <c r="IC1942" s="91"/>
      <c r="ID1942" s="91"/>
      <c r="IE1942" s="91"/>
      <c r="IF1942" s="91"/>
      <c r="IG1942" s="91"/>
      <c r="IH1942" s="91"/>
      <c r="II1942" s="91"/>
      <c r="IJ1942" s="91"/>
      <c r="IK1942" s="127"/>
    </row>
    <row r="1943" spans="2:245" x14ac:dyDescent="0.2">
      <c r="B1943" s="43"/>
      <c r="C1943" s="73"/>
      <c r="D1943" s="64"/>
      <c r="E1943" s="64"/>
      <c r="F1943" s="55"/>
      <c r="G1943" s="102"/>
      <c r="H1943" s="55"/>
      <c r="I1943" s="55"/>
      <c r="J1943" s="55"/>
      <c r="K1943" s="55"/>
      <c r="L1943" s="55"/>
      <c r="M1943" s="55"/>
      <c r="N1943" s="55"/>
      <c r="O1943" s="55"/>
      <c r="P1943" s="55"/>
      <c r="Q1943" s="55"/>
      <c r="R1943" s="55"/>
      <c r="S1943" s="55"/>
      <c r="T1943" s="55"/>
      <c r="U1943" s="55"/>
      <c r="V1943" s="55"/>
      <c r="W1943" s="55"/>
      <c r="X1943" s="55"/>
      <c r="Y1943" s="55"/>
      <c r="Z1943" s="55"/>
      <c r="AA1943" s="55"/>
      <c r="AB1943" s="55"/>
      <c r="AC1943" s="55"/>
      <c r="AD1943" s="55"/>
      <c r="AE1943" s="55"/>
      <c r="AF1943" s="55"/>
      <c r="AG1943" s="55"/>
      <c r="AY1943" s="162"/>
      <c r="AZ1943" s="162"/>
      <c r="BA1943" s="162"/>
      <c r="BB1943" s="162"/>
      <c r="BC1943" s="162"/>
      <c r="BD1943" s="162"/>
      <c r="BE1943" s="162"/>
      <c r="BF1943" s="162"/>
      <c r="BG1943" s="162"/>
      <c r="BH1943" s="162"/>
      <c r="BI1943" s="162"/>
      <c r="BJ1943" s="162"/>
      <c r="BK1943" s="162"/>
      <c r="BL1943" s="162"/>
      <c r="BM1943" s="162"/>
      <c r="BN1943" s="162"/>
      <c r="BO1943" s="162"/>
      <c r="BP1943" s="162"/>
      <c r="BQ1943" s="162"/>
      <c r="BR1943" s="162"/>
      <c r="BS1943" s="162"/>
      <c r="BT1943" s="162"/>
      <c r="BU1943" s="162"/>
      <c r="BV1943" s="162"/>
      <c r="BW1943" s="162"/>
      <c r="BX1943" s="162"/>
      <c r="BY1943" s="162"/>
      <c r="BZ1943" s="162"/>
      <c r="CA1943" s="162"/>
      <c r="CB1943" s="162"/>
      <c r="CC1943" s="162"/>
      <c r="CD1943" s="162"/>
      <c r="CE1943" s="162"/>
      <c r="CF1943" s="162"/>
      <c r="CG1943" s="162"/>
      <c r="CH1943" s="162"/>
      <c r="CI1943" s="162"/>
      <c r="CJ1943" s="162"/>
      <c r="CK1943" s="162"/>
      <c r="CX1943" s="98"/>
      <c r="DL1943" s="97"/>
      <c r="DX1943" s="98"/>
      <c r="EL1943" s="97"/>
      <c r="EX1943" s="98"/>
      <c r="EY1943" s="97"/>
      <c r="FL1943" s="126"/>
      <c r="FM1943" s="91"/>
      <c r="FN1943" s="91"/>
      <c r="FO1943" s="91"/>
      <c r="FP1943" s="91"/>
      <c r="FQ1943" s="91"/>
      <c r="FR1943" s="91"/>
      <c r="FS1943" s="91"/>
      <c r="FT1943" s="91"/>
      <c r="FU1943" s="91"/>
      <c r="FV1943" s="91"/>
      <c r="FW1943" s="91"/>
      <c r="FX1943" s="91"/>
      <c r="FY1943" s="91"/>
      <c r="FZ1943" s="91"/>
      <c r="GA1943" s="91"/>
      <c r="GB1943" s="91"/>
      <c r="GC1943" s="91"/>
      <c r="GD1943" s="91"/>
      <c r="GE1943" s="91"/>
      <c r="GF1943" s="91"/>
      <c r="GG1943" s="91"/>
      <c r="GH1943" s="91"/>
      <c r="GI1943" s="91"/>
      <c r="GJ1943" s="91"/>
      <c r="GK1943" s="127"/>
      <c r="GL1943" s="126"/>
      <c r="GM1943" s="91"/>
      <c r="GN1943" s="91"/>
      <c r="GO1943" s="91"/>
      <c r="GP1943" s="91"/>
      <c r="GQ1943" s="91"/>
      <c r="GR1943" s="91"/>
      <c r="GS1943" s="91"/>
      <c r="GT1943" s="91"/>
      <c r="GU1943" s="91"/>
      <c r="GV1943" s="91"/>
      <c r="GW1943" s="91"/>
      <c r="GX1943" s="91"/>
      <c r="GY1943" s="91"/>
      <c r="GZ1943" s="91"/>
      <c r="HA1943" s="91"/>
      <c r="HB1943" s="91"/>
      <c r="HC1943" s="91"/>
      <c r="HD1943" s="91"/>
      <c r="HE1943" s="91"/>
      <c r="HF1943" s="91"/>
      <c r="HG1943" s="91"/>
      <c r="HH1943" s="91"/>
      <c r="HI1943" s="91"/>
      <c r="HJ1943" s="91"/>
      <c r="HK1943" s="127"/>
      <c r="HL1943" s="126"/>
      <c r="HM1943" s="91"/>
      <c r="HN1943" s="91"/>
      <c r="HO1943" s="91"/>
      <c r="HP1943" s="91"/>
      <c r="HQ1943" s="91"/>
      <c r="HR1943" s="91"/>
      <c r="HS1943" s="91"/>
      <c r="HT1943" s="91"/>
      <c r="HU1943" s="91"/>
      <c r="HV1943" s="91"/>
      <c r="HW1943" s="91"/>
      <c r="HX1943" s="91"/>
      <c r="HY1943" s="91"/>
      <c r="HZ1943" s="91"/>
      <c r="IA1943" s="91"/>
      <c r="IB1943" s="91"/>
      <c r="IC1943" s="91"/>
      <c r="ID1943" s="91"/>
      <c r="IE1943" s="91"/>
      <c r="IF1943" s="91"/>
      <c r="IG1943" s="91"/>
      <c r="IH1943" s="91"/>
      <c r="II1943" s="91"/>
      <c r="IJ1943" s="91"/>
      <c r="IK1943" s="127"/>
    </row>
    <row r="1944" spans="2:245" x14ac:dyDescent="0.2">
      <c r="B1944" s="43"/>
      <c r="C1944" s="73"/>
      <c r="D1944" s="64"/>
      <c r="E1944" s="64"/>
      <c r="F1944" s="55"/>
      <c r="G1944" s="102"/>
      <c r="H1944" s="55"/>
      <c r="I1944" s="55"/>
      <c r="J1944" s="55"/>
      <c r="K1944" s="55"/>
      <c r="L1944" s="55"/>
      <c r="M1944" s="55"/>
      <c r="N1944" s="55"/>
      <c r="O1944" s="55"/>
      <c r="P1944" s="55"/>
      <c r="Q1944" s="55"/>
      <c r="R1944" s="55"/>
      <c r="S1944" s="55"/>
      <c r="T1944" s="55"/>
      <c r="U1944" s="55"/>
      <c r="V1944" s="55"/>
      <c r="W1944" s="55"/>
      <c r="X1944" s="55"/>
      <c r="Y1944" s="55"/>
      <c r="Z1944" s="55"/>
      <c r="AA1944" s="55"/>
      <c r="AB1944" s="55"/>
      <c r="AC1944" s="55"/>
      <c r="AD1944" s="55"/>
      <c r="AE1944" s="55"/>
      <c r="AF1944" s="55"/>
      <c r="AG1944" s="55"/>
      <c r="AY1944" s="162"/>
      <c r="AZ1944" s="162"/>
      <c r="BA1944" s="162"/>
      <c r="BB1944" s="162"/>
      <c r="BC1944" s="162"/>
      <c r="BD1944" s="162"/>
      <c r="BE1944" s="162"/>
      <c r="BF1944" s="162"/>
      <c r="BG1944" s="162"/>
      <c r="BH1944" s="162"/>
      <c r="BI1944" s="162"/>
      <c r="BJ1944" s="162"/>
      <c r="BK1944" s="162"/>
      <c r="BL1944" s="162"/>
      <c r="BM1944" s="162"/>
      <c r="BN1944" s="162"/>
      <c r="BO1944" s="162"/>
      <c r="BP1944" s="162"/>
      <c r="BQ1944" s="162"/>
      <c r="BR1944" s="162"/>
      <c r="BS1944" s="162"/>
      <c r="BT1944" s="162"/>
      <c r="BU1944" s="162"/>
      <c r="BV1944" s="162"/>
      <c r="BW1944" s="162"/>
      <c r="BX1944" s="162"/>
      <c r="BY1944" s="162"/>
      <c r="BZ1944" s="162"/>
      <c r="CA1944" s="162"/>
      <c r="CB1944" s="162"/>
      <c r="CC1944" s="162"/>
      <c r="CD1944" s="162"/>
      <c r="CE1944" s="162"/>
      <c r="CF1944" s="162"/>
      <c r="CG1944" s="162"/>
      <c r="CH1944" s="162"/>
      <c r="CI1944" s="162"/>
      <c r="CJ1944" s="162"/>
      <c r="CK1944" s="162"/>
      <c r="CX1944" s="98"/>
      <c r="DL1944" s="97"/>
      <c r="DX1944" s="98"/>
      <c r="EL1944" s="97"/>
      <c r="EX1944" s="98"/>
      <c r="EY1944" s="97"/>
      <c r="FL1944" s="126"/>
      <c r="FM1944" s="91"/>
      <c r="FN1944" s="91"/>
      <c r="FO1944" s="91"/>
      <c r="FP1944" s="91"/>
      <c r="FQ1944" s="91"/>
      <c r="FR1944" s="91"/>
      <c r="FS1944" s="91"/>
      <c r="FT1944" s="91"/>
      <c r="FU1944" s="91"/>
      <c r="FV1944" s="91"/>
      <c r="FW1944" s="91"/>
      <c r="FX1944" s="91"/>
      <c r="FY1944" s="91"/>
      <c r="FZ1944" s="91"/>
      <c r="GA1944" s="91"/>
      <c r="GB1944" s="91"/>
      <c r="GC1944" s="91"/>
      <c r="GD1944" s="91"/>
      <c r="GE1944" s="91"/>
      <c r="GF1944" s="91"/>
      <c r="GG1944" s="91"/>
      <c r="GH1944" s="91"/>
      <c r="GI1944" s="91"/>
      <c r="GJ1944" s="91"/>
      <c r="GK1944" s="127"/>
      <c r="GL1944" s="126"/>
      <c r="GM1944" s="91"/>
      <c r="GN1944" s="91"/>
      <c r="GO1944" s="91"/>
      <c r="GP1944" s="91"/>
      <c r="GQ1944" s="91"/>
      <c r="GR1944" s="91"/>
      <c r="GS1944" s="91"/>
      <c r="GT1944" s="91"/>
      <c r="GU1944" s="91"/>
      <c r="GV1944" s="91"/>
      <c r="GW1944" s="91"/>
      <c r="GX1944" s="91"/>
      <c r="GY1944" s="91"/>
      <c r="GZ1944" s="91"/>
      <c r="HA1944" s="91"/>
      <c r="HB1944" s="91"/>
      <c r="HC1944" s="91"/>
      <c r="HD1944" s="91"/>
      <c r="HE1944" s="91"/>
      <c r="HF1944" s="91"/>
      <c r="HG1944" s="91"/>
      <c r="HH1944" s="91"/>
      <c r="HI1944" s="91"/>
      <c r="HJ1944" s="91"/>
      <c r="HK1944" s="127"/>
      <c r="HL1944" s="126"/>
      <c r="HM1944" s="91"/>
      <c r="HN1944" s="91"/>
      <c r="HO1944" s="91"/>
      <c r="HP1944" s="91"/>
      <c r="HQ1944" s="91"/>
      <c r="HR1944" s="91"/>
      <c r="HS1944" s="91"/>
      <c r="HT1944" s="91"/>
      <c r="HU1944" s="91"/>
      <c r="HV1944" s="91"/>
      <c r="HW1944" s="91"/>
      <c r="HX1944" s="91"/>
      <c r="HY1944" s="91"/>
      <c r="HZ1944" s="91"/>
      <c r="IA1944" s="91"/>
      <c r="IB1944" s="91"/>
      <c r="IC1944" s="91"/>
      <c r="ID1944" s="91"/>
      <c r="IE1944" s="91"/>
      <c r="IF1944" s="91"/>
      <c r="IG1944" s="91"/>
      <c r="IH1944" s="91"/>
      <c r="II1944" s="91"/>
      <c r="IJ1944" s="91"/>
      <c r="IK1944" s="127"/>
    </row>
    <row r="1945" spans="2:245" x14ac:dyDescent="0.2">
      <c r="B1945" s="43"/>
      <c r="C1945" s="73"/>
      <c r="D1945" s="64"/>
      <c r="E1945" s="64"/>
      <c r="F1945" s="55"/>
      <c r="G1945" s="102"/>
      <c r="H1945" s="55"/>
      <c r="I1945" s="55"/>
      <c r="J1945" s="55"/>
      <c r="K1945" s="55"/>
      <c r="L1945" s="55"/>
      <c r="M1945" s="55"/>
      <c r="N1945" s="55"/>
      <c r="O1945" s="55"/>
      <c r="P1945" s="55"/>
      <c r="Q1945" s="55"/>
      <c r="R1945" s="55"/>
      <c r="S1945" s="55"/>
      <c r="T1945" s="55"/>
      <c r="U1945" s="55"/>
      <c r="V1945" s="55"/>
      <c r="W1945" s="55"/>
      <c r="X1945" s="55"/>
      <c r="Y1945" s="55"/>
      <c r="Z1945" s="55"/>
      <c r="AA1945" s="55"/>
      <c r="AB1945" s="55"/>
      <c r="AC1945" s="55"/>
      <c r="AD1945" s="55"/>
      <c r="AE1945" s="55"/>
      <c r="AF1945" s="55"/>
      <c r="AG1945" s="55"/>
      <c r="AY1945" s="162"/>
      <c r="AZ1945" s="162"/>
      <c r="BA1945" s="162"/>
      <c r="BB1945" s="162"/>
      <c r="BC1945" s="162"/>
      <c r="BD1945" s="162"/>
      <c r="BE1945" s="162"/>
      <c r="BF1945" s="162"/>
      <c r="BG1945" s="162"/>
      <c r="BH1945" s="162"/>
      <c r="BI1945" s="162"/>
      <c r="BJ1945" s="162"/>
      <c r="BK1945" s="162"/>
      <c r="BL1945" s="162"/>
      <c r="BM1945" s="162"/>
      <c r="BN1945" s="162"/>
      <c r="BO1945" s="162"/>
      <c r="BP1945" s="162"/>
      <c r="BQ1945" s="162"/>
      <c r="BR1945" s="162"/>
      <c r="BS1945" s="162"/>
      <c r="BT1945" s="162"/>
      <c r="BU1945" s="162"/>
      <c r="BV1945" s="162"/>
      <c r="BW1945" s="162"/>
      <c r="BX1945" s="162"/>
      <c r="BY1945" s="162"/>
      <c r="BZ1945" s="162"/>
      <c r="CA1945" s="162"/>
      <c r="CB1945" s="162"/>
      <c r="CC1945" s="162"/>
      <c r="CD1945" s="162"/>
      <c r="CE1945" s="162"/>
      <c r="CF1945" s="162"/>
      <c r="CG1945" s="162"/>
      <c r="CH1945" s="162"/>
      <c r="CI1945" s="162"/>
      <c r="CJ1945" s="162"/>
      <c r="CK1945" s="162"/>
      <c r="CX1945" s="98"/>
      <c r="DL1945" s="97"/>
      <c r="DX1945" s="98"/>
      <c r="EL1945" s="97"/>
      <c r="EX1945" s="98"/>
      <c r="EY1945" s="97"/>
      <c r="FL1945" s="126"/>
      <c r="FM1945" s="91"/>
      <c r="FN1945" s="91"/>
      <c r="FO1945" s="91"/>
      <c r="FP1945" s="91"/>
      <c r="FQ1945" s="91"/>
      <c r="FR1945" s="91"/>
      <c r="FS1945" s="91"/>
      <c r="FT1945" s="91"/>
      <c r="FU1945" s="91"/>
      <c r="FV1945" s="91"/>
      <c r="FW1945" s="91"/>
      <c r="FX1945" s="91"/>
      <c r="FY1945" s="91"/>
      <c r="FZ1945" s="91"/>
      <c r="GA1945" s="91"/>
      <c r="GB1945" s="91"/>
      <c r="GC1945" s="91"/>
      <c r="GD1945" s="91"/>
      <c r="GE1945" s="91"/>
      <c r="GF1945" s="91"/>
      <c r="GG1945" s="91"/>
      <c r="GH1945" s="91"/>
      <c r="GI1945" s="91"/>
      <c r="GJ1945" s="91"/>
      <c r="GK1945" s="127"/>
      <c r="GL1945" s="126"/>
      <c r="GM1945" s="91"/>
      <c r="GN1945" s="91"/>
      <c r="GO1945" s="91"/>
      <c r="GP1945" s="91"/>
      <c r="GQ1945" s="91"/>
      <c r="GR1945" s="91"/>
      <c r="GS1945" s="91"/>
      <c r="GT1945" s="91"/>
      <c r="GU1945" s="91"/>
      <c r="GV1945" s="91"/>
      <c r="GW1945" s="91"/>
      <c r="GX1945" s="91"/>
      <c r="GY1945" s="91"/>
      <c r="GZ1945" s="91"/>
      <c r="HA1945" s="91"/>
      <c r="HB1945" s="91"/>
      <c r="HC1945" s="91"/>
      <c r="HD1945" s="91"/>
      <c r="HE1945" s="91"/>
      <c r="HF1945" s="91"/>
      <c r="HG1945" s="91"/>
      <c r="HH1945" s="91"/>
      <c r="HI1945" s="91"/>
      <c r="HJ1945" s="91"/>
      <c r="HK1945" s="127"/>
      <c r="HL1945" s="126"/>
      <c r="HM1945" s="91"/>
      <c r="HN1945" s="91"/>
      <c r="HO1945" s="91"/>
      <c r="HP1945" s="91"/>
      <c r="HQ1945" s="91"/>
      <c r="HR1945" s="91"/>
      <c r="HS1945" s="91"/>
      <c r="HT1945" s="91"/>
      <c r="HU1945" s="91"/>
      <c r="HV1945" s="91"/>
      <c r="HW1945" s="91"/>
      <c r="HX1945" s="91"/>
      <c r="HY1945" s="91"/>
      <c r="HZ1945" s="91"/>
      <c r="IA1945" s="91"/>
      <c r="IB1945" s="91"/>
      <c r="IC1945" s="91"/>
      <c r="ID1945" s="91"/>
      <c r="IE1945" s="91"/>
      <c r="IF1945" s="91"/>
      <c r="IG1945" s="91"/>
      <c r="IH1945" s="91"/>
      <c r="II1945" s="91"/>
      <c r="IJ1945" s="91"/>
      <c r="IK1945" s="127"/>
    </row>
    <row r="1946" spans="2:245" x14ac:dyDescent="0.2">
      <c r="B1946" s="43"/>
      <c r="C1946" s="73"/>
      <c r="D1946" s="64"/>
      <c r="E1946" s="64"/>
      <c r="F1946" s="55"/>
      <c r="G1946" s="102"/>
      <c r="H1946" s="55"/>
      <c r="I1946" s="55"/>
      <c r="J1946" s="55"/>
      <c r="K1946" s="55"/>
      <c r="L1946" s="55"/>
      <c r="M1946" s="55"/>
      <c r="N1946" s="55"/>
      <c r="O1946" s="55"/>
      <c r="P1946" s="55"/>
      <c r="Q1946" s="55"/>
      <c r="R1946" s="55"/>
      <c r="S1946" s="55"/>
      <c r="T1946" s="55"/>
      <c r="U1946" s="55"/>
      <c r="V1946" s="55"/>
      <c r="W1946" s="55"/>
      <c r="X1946" s="55"/>
      <c r="Y1946" s="55"/>
      <c r="Z1946" s="55"/>
      <c r="AA1946" s="55"/>
      <c r="AB1946" s="55"/>
      <c r="AC1946" s="55"/>
      <c r="AD1946" s="55"/>
      <c r="AE1946" s="55"/>
      <c r="AF1946" s="55"/>
      <c r="AG1946" s="55"/>
      <c r="AY1946" s="162"/>
      <c r="AZ1946" s="162"/>
      <c r="BA1946" s="162"/>
      <c r="BB1946" s="162"/>
      <c r="BC1946" s="162"/>
      <c r="BD1946" s="162"/>
      <c r="BE1946" s="162"/>
      <c r="BF1946" s="162"/>
      <c r="BG1946" s="162"/>
      <c r="BH1946" s="162"/>
      <c r="BI1946" s="162"/>
      <c r="BJ1946" s="162"/>
      <c r="BK1946" s="162"/>
      <c r="BL1946" s="162"/>
      <c r="BM1946" s="162"/>
      <c r="BN1946" s="162"/>
      <c r="BO1946" s="162"/>
      <c r="BP1946" s="162"/>
      <c r="BQ1946" s="162"/>
      <c r="BR1946" s="162"/>
      <c r="BS1946" s="162"/>
      <c r="BT1946" s="162"/>
      <c r="BU1946" s="162"/>
      <c r="BV1946" s="162"/>
      <c r="BW1946" s="162"/>
      <c r="BX1946" s="162"/>
      <c r="BY1946" s="162"/>
      <c r="BZ1946" s="162"/>
      <c r="CA1946" s="162"/>
      <c r="CB1946" s="162"/>
      <c r="CC1946" s="162"/>
      <c r="CD1946" s="162"/>
      <c r="CE1946" s="162"/>
      <c r="CF1946" s="162"/>
      <c r="CG1946" s="162"/>
      <c r="CH1946" s="162"/>
      <c r="CI1946" s="162"/>
      <c r="CJ1946" s="162"/>
      <c r="CK1946" s="162"/>
      <c r="CX1946" s="98"/>
      <c r="DL1946" s="97"/>
      <c r="DX1946" s="98"/>
      <c r="EL1946" s="97"/>
      <c r="EX1946" s="98"/>
      <c r="EY1946" s="97"/>
      <c r="FL1946" s="126"/>
      <c r="FM1946" s="91"/>
      <c r="FN1946" s="91"/>
      <c r="FO1946" s="91"/>
      <c r="FP1946" s="91"/>
      <c r="FQ1946" s="91"/>
      <c r="FR1946" s="91"/>
      <c r="FS1946" s="91"/>
      <c r="FT1946" s="91"/>
      <c r="FU1946" s="91"/>
      <c r="FV1946" s="91"/>
      <c r="FW1946" s="91"/>
      <c r="FX1946" s="91"/>
      <c r="FY1946" s="91"/>
      <c r="FZ1946" s="91"/>
      <c r="GA1946" s="91"/>
      <c r="GB1946" s="91"/>
      <c r="GC1946" s="91"/>
      <c r="GD1946" s="91"/>
      <c r="GE1946" s="91"/>
      <c r="GF1946" s="91"/>
      <c r="GG1946" s="91"/>
      <c r="GH1946" s="91"/>
      <c r="GI1946" s="91"/>
      <c r="GJ1946" s="91"/>
      <c r="GK1946" s="127"/>
      <c r="GL1946" s="126"/>
      <c r="GM1946" s="91"/>
      <c r="GN1946" s="91"/>
      <c r="GO1946" s="91"/>
      <c r="GP1946" s="91"/>
      <c r="GQ1946" s="91"/>
      <c r="GR1946" s="91"/>
      <c r="GS1946" s="91"/>
      <c r="GT1946" s="91"/>
      <c r="GU1946" s="91"/>
      <c r="GV1946" s="91"/>
      <c r="GW1946" s="91"/>
      <c r="GX1946" s="91"/>
      <c r="GY1946" s="91"/>
      <c r="GZ1946" s="91"/>
      <c r="HA1946" s="91"/>
      <c r="HB1946" s="91"/>
      <c r="HC1946" s="91"/>
      <c r="HD1946" s="91"/>
      <c r="HE1946" s="91"/>
      <c r="HF1946" s="91"/>
      <c r="HG1946" s="91"/>
      <c r="HH1946" s="91"/>
      <c r="HI1946" s="91"/>
      <c r="HJ1946" s="91"/>
      <c r="HK1946" s="127"/>
      <c r="HL1946" s="126"/>
      <c r="HM1946" s="91"/>
      <c r="HN1946" s="91"/>
      <c r="HO1946" s="91"/>
      <c r="HP1946" s="91"/>
      <c r="HQ1946" s="91"/>
      <c r="HR1946" s="91"/>
      <c r="HS1946" s="91"/>
      <c r="HT1946" s="91"/>
      <c r="HU1946" s="91"/>
      <c r="HV1946" s="91"/>
      <c r="HW1946" s="91"/>
      <c r="HX1946" s="91"/>
      <c r="HY1946" s="91"/>
      <c r="HZ1946" s="91"/>
      <c r="IA1946" s="91"/>
      <c r="IB1946" s="91"/>
      <c r="IC1946" s="91"/>
      <c r="ID1946" s="91"/>
      <c r="IE1946" s="91"/>
      <c r="IF1946" s="91"/>
      <c r="IG1946" s="91"/>
      <c r="IH1946" s="91"/>
      <c r="II1946" s="91"/>
      <c r="IJ1946" s="91"/>
      <c r="IK1946" s="127"/>
    </row>
    <row r="1947" spans="2:245" x14ac:dyDescent="0.2">
      <c r="B1947" s="43"/>
      <c r="C1947" s="73"/>
      <c r="D1947" s="64"/>
      <c r="E1947" s="64"/>
      <c r="F1947" s="55"/>
      <c r="G1947" s="102"/>
      <c r="H1947" s="55"/>
      <c r="I1947" s="55"/>
      <c r="J1947" s="55"/>
      <c r="K1947" s="55"/>
      <c r="L1947" s="55"/>
      <c r="M1947" s="55"/>
      <c r="N1947" s="55"/>
      <c r="O1947" s="55"/>
      <c r="P1947" s="55"/>
      <c r="Q1947" s="55"/>
      <c r="R1947" s="55"/>
      <c r="S1947" s="55"/>
      <c r="T1947" s="55"/>
      <c r="U1947" s="55"/>
      <c r="V1947" s="55"/>
      <c r="W1947" s="55"/>
      <c r="X1947" s="55"/>
      <c r="Y1947" s="55"/>
      <c r="Z1947" s="55"/>
      <c r="AA1947" s="55"/>
      <c r="AB1947" s="55"/>
      <c r="AC1947" s="55"/>
      <c r="AD1947" s="55"/>
      <c r="AE1947" s="55"/>
      <c r="AF1947" s="55"/>
      <c r="AG1947" s="55"/>
      <c r="AY1947" s="162"/>
      <c r="AZ1947" s="162"/>
      <c r="BA1947" s="162"/>
      <c r="BB1947" s="162"/>
      <c r="BC1947" s="162"/>
      <c r="BD1947" s="162"/>
      <c r="BE1947" s="162"/>
      <c r="BF1947" s="162"/>
      <c r="BG1947" s="162"/>
      <c r="BH1947" s="162"/>
      <c r="BI1947" s="162"/>
      <c r="BJ1947" s="162"/>
      <c r="BK1947" s="162"/>
      <c r="BL1947" s="162"/>
      <c r="BM1947" s="162"/>
      <c r="BN1947" s="162"/>
      <c r="BO1947" s="162"/>
      <c r="BP1947" s="162"/>
      <c r="BQ1947" s="162"/>
      <c r="BR1947" s="162"/>
      <c r="BS1947" s="162"/>
      <c r="BT1947" s="162"/>
      <c r="BU1947" s="162"/>
      <c r="BV1947" s="162"/>
      <c r="BW1947" s="162"/>
      <c r="BX1947" s="162"/>
      <c r="BY1947" s="162"/>
      <c r="BZ1947" s="162"/>
      <c r="CA1947" s="162"/>
      <c r="CB1947" s="162"/>
      <c r="CC1947" s="162"/>
      <c r="CD1947" s="162"/>
      <c r="CE1947" s="162"/>
      <c r="CF1947" s="162"/>
      <c r="CG1947" s="162"/>
      <c r="CH1947" s="162"/>
      <c r="CI1947" s="162"/>
      <c r="CJ1947" s="162"/>
      <c r="CK1947" s="162"/>
      <c r="CX1947" s="98"/>
      <c r="DL1947" s="97"/>
      <c r="DX1947" s="98"/>
      <c r="EL1947" s="97"/>
      <c r="EX1947" s="98"/>
      <c r="EY1947" s="97"/>
      <c r="FL1947" s="126"/>
      <c r="FM1947" s="91"/>
      <c r="FN1947" s="91"/>
      <c r="FO1947" s="91"/>
      <c r="FP1947" s="91"/>
      <c r="FQ1947" s="91"/>
      <c r="FR1947" s="91"/>
      <c r="FS1947" s="91"/>
      <c r="FT1947" s="91"/>
      <c r="FU1947" s="91"/>
      <c r="FV1947" s="91"/>
      <c r="FW1947" s="91"/>
      <c r="FX1947" s="91"/>
      <c r="FY1947" s="91"/>
      <c r="FZ1947" s="91"/>
      <c r="GA1947" s="91"/>
      <c r="GB1947" s="91"/>
      <c r="GC1947" s="91"/>
      <c r="GD1947" s="91"/>
      <c r="GE1947" s="91"/>
      <c r="GF1947" s="91"/>
      <c r="GG1947" s="91"/>
      <c r="GH1947" s="91"/>
      <c r="GI1947" s="91"/>
      <c r="GJ1947" s="91"/>
      <c r="GK1947" s="127"/>
      <c r="GL1947" s="126"/>
      <c r="GM1947" s="91"/>
      <c r="GN1947" s="91"/>
      <c r="GO1947" s="91"/>
      <c r="GP1947" s="91"/>
      <c r="GQ1947" s="91"/>
      <c r="GR1947" s="91"/>
      <c r="GS1947" s="91"/>
      <c r="GT1947" s="91"/>
      <c r="GU1947" s="91"/>
      <c r="GV1947" s="91"/>
      <c r="GW1947" s="91"/>
      <c r="GX1947" s="91"/>
      <c r="GY1947" s="91"/>
      <c r="GZ1947" s="91"/>
      <c r="HA1947" s="91"/>
      <c r="HB1947" s="91"/>
      <c r="HC1947" s="91"/>
      <c r="HD1947" s="91"/>
      <c r="HE1947" s="91"/>
      <c r="HF1947" s="91"/>
      <c r="HG1947" s="91"/>
      <c r="HH1947" s="91"/>
      <c r="HI1947" s="91"/>
      <c r="HJ1947" s="91"/>
      <c r="HK1947" s="127"/>
      <c r="HL1947" s="126"/>
      <c r="HM1947" s="91"/>
      <c r="HN1947" s="91"/>
      <c r="HO1947" s="91"/>
      <c r="HP1947" s="91"/>
      <c r="HQ1947" s="91"/>
      <c r="HR1947" s="91"/>
      <c r="HS1947" s="91"/>
      <c r="HT1947" s="91"/>
      <c r="HU1947" s="91"/>
      <c r="HV1947" s="91"/>
      <c r="HW1947" s="91"/>
      <c r="HX1947" s="91"/>
      <c r="HY1947" s="91"/>
      <c r="HZ1947" s="91"/>
      <c r="IA1947" s="91"/>
      <c r="IB1947" s="91"/>
      <c r="IC1947" s="91"/>
      <c r="ID1947" s="91"/>
      <c r="IE1947" s="91"/>
      <c r="IF1947" s="91"/>
      <c r="IG1947" s="91"/>
      <c r="IH1947" s="91"/>
      <c r="II1947" s="91"/>
      <c r="IJ1947" s="91"/>
      <c r="IK1947" s="127"/>
    </row>
    <row r="1948" spans="2:245" x14ac:dyDescent="0.2">
      <c r="B1948" s="43"/>
      <c r="C1948" s="73"/>
      <c r="D1948" s="64"/>
      <c r="E1948" s="64"/>
      <c r="F1948" s="55"/>
      <c r="G1948" s="102"/>
      <c r="H1948" s="55"/>
      <c r="I1948" s="55"/>
      <c r="J1948" s="55"/>
      <c r="K1948" s="55"/>
      <c r="L1948" s="55"/>
      <c r="M1948" s="55"/>
      <c r="N1948" s="55"/>
      <c r="O1948" s="55"/>
      <c r="P1948" s="55"/>
      <c r="Q1948" s="55"/>
      <c r="R1948" s="55"/>
      <c r="S1948" s="55"/>
      <c r="T1948" s="55"/>
      <c r="U1948" s="55"/>
      <c r="V1948" s="55"/>
      <c r="W1948" s="55"/>
      <c r="X1948" s="55"/>
      <c r="Y1948" s="55"/>
      <c r="Z1948" s="55"/>
      <c r="AA1948" s="55"/>
      <c r="AB1948" s="55"/>
      <c r="AC1948" s="55"/>
      <c r="AD1948" s="55"/>
      <c r="AE1948" s="55"/>
      <c r="AF1948" s="55"/>
      <c r="AG1948" s="55"/>
      <c r="AY1948" s="162"/>
      <c r="AZ1948" s="162"/>
      <c r="BA1948" s="162"/>
      <c r="BB1948" s="162"/>
      <c r="BC1948" s="162"/>
      <c r="BD1948" s="162"/>
      <c r="BE1948" s="162"/>
      <c r="BF1948" s="162"/>
      <c r="BG1948" s="162"/>
      <c r="BH1948" s="162"/>
      <c r="BI1948" s="162"/>
      <c r="BJ1948" s="162"/>
      <c r="BK1948" s="162"/>
      <c r="BL1948" s="162"/>
      <c r="BM1948" s="162"/>
      <c r="BN1948" s="162"/>
      <c r="BO1948" s="162"/>
      <c r="BP1948" s="162"/>
      <c r="BQ1948" s="162"/>
      <c r="BR1948" s="162"/>
      <c r="BS1948" s="162"/>
      <c r="BT1948" s="162"/>
      <c r="BU1948" s="162"/>
      <c r="BV1948" s="162"/>
      <c r="BW1948" s="162"/>
      <c r="BX1948" s="162"/>
      <c r="BY1948" s="162"/>
      <c r="BZ1948" s="162"/>
      <c r="CA1948" s="162"/>
      <c r="CB1948" s="162"/>
      <c r="CC1948" s="162"/>
      <c r="CD1948" s="162"/>
      <c r="CE1948" s="162"/>
      <c r="CF1948" s="162"/>
      <c r="CG1948" s="162"/>
      <c r="CH1948" s="162"/>
      <c r="CI1948" s="162"/>
      <c r="CJ1948" s="162"/>
      <c r="CK1948" s="162"/>
      <c r="CX1948" s="98"/>
      <c r="DL1948" s="97"/>
      <c r="DX1948" s="98"/>
      <c r="EL1948" s="97"/>
      <c r="EX1948" s="98"/>
      <c r="EY1948" s="97"/>
      <c r="FL1948" s="126"/>
      <c r="FM1948" s="91"/>
      <c r="FN1948" s="91"/>
      <c r="FO1948" s="91"/>
      <c r="FP1948" s="91"/>
      <c r="FQ1948" s="91"/>
      <c r="FR1948" s="91"/>
      <c r="FS1948" s="91"/>
      <c r="FT1948" s="91"/>
      <c r="FU1948" s="91"/>
      <c r="FV1948" s="91"/>
      <c r="FW1948" s="91"/>
      <c r="FX1948" s="91"/>
      <c r="FY1948" s="91"/>
      <c r="FZ1948" s="91"/>
      <c r="GA1948" s="91"/>
      <c r="GB1948" s="91"/>
      <c r="GC1948" s="91"/>
      <c r="GD1948" s="91"/>
      <c r="GE1948" s="91"/>
      <c r="GF1948" s="91"/>
      <c r="GG1948" s="91"/>
      <c r="GH1948" s="91"/>
      <c r="GI1948" s="91"/>
      <c r="GJ1948" s="91"/>
      <c r="GK1948" s="127"/>
      <c r="GL1948" s="126"/>
      <c r="GM1948" s="91"/>
      <c r="GN1948" s="91"/>
      <c r="GO1948" s="91"/>
      <c r="GP1948" s="91"/>
      <c r="GQ1948" s="91"/>
      <c r="GR1948" s="91"/>
      <c r="GS1948" s="91"/>
      <c r="GT1948" s="91"/>
      <c r="GU1948" s="91"/>
      <c r="GV1948" s="91"/>
      <c r="GW1948" s="91"/>
      <c r="GX1948" s="91"/>
      <c r="GY1948" s="91"/>
      <c r="GZ1948" s="91"/>
      <c r="HA1948" s="91"/>
      <c r="HB1948" s="91"/>
      <c r="HC1948" s="91"/>
      <c r="HD1948" s="91"/>
      <c r="HE1948" s="91"/>
      <c r="HF1948" s="91"/>
      <c r="HG1948" s="91"/>
      <c r="HH1948" s="91"/>
      <c r="HI1948" s="91"/>
      <c r="HJ1948" s="91"/>
      <c r="HK1948" s="127"/>
      <c r="HL1948" s="126"/>
      <c r="HM1948" s="91"/>
      <c r="HN1948" s="91"/>
      <c r="HO1948" s="91"/>
      <c r="HP1948" s="91"/>
      <c r="HQ1948" s="91"/>
      <c r="HR1948" s="91"/>
      <c r="HS1948" s="91"/>
      <c r="HT1948" s="91"/>
      <c r="HU1948" s="91"/>
      <c r="HV1948" s="91"/>
      <c r="HW1948" s="91"/>
      <c r="HX1948" s="91"/>
      <c r="HY1948" s="91"/>
      <c r="HZ1948" s="91"/>
      <c r="IA1948" s="91"/>
      <c r="IB1948" s="91"/>
      <c r="IC1948" s="91"/>
      <c r="ID1948" s="91"/>
      <c r="IE1948" s="91"/>
      <c r="IF1948" s="91"/>
      <c r="IG1948" s="91"/>
      <c r="IH1948" s="91"/>
      <c r="II1948" s="91"/>
      <c r="IJ1948" s="91"/>
      <c r="IK1948" s="127"/>
    </row>
    <row r="1949" spans="2:245" x14ac:dyDescent="0.2">
      <c r="B1949" s="43"/>
      <c r="C1949" s="73"/>
      <c r="D1949" s="64"/>
      <c r="E1949" s="64"/>
      <c r="F1949" s="55"/>
      <c r="G1949" s="102"/>
      <c r="H1949" s="55"/>
      <c r="I1949" s="55"/>
      <c r="J1949" s="55"/>
      <c r="K1949" s="55"/>
      <c r="L1949" s="55"/>
      <c r="M1949" s="55"/>
      <c r="N1949" s="55"/>
      <c r="O1949" s="55"/>
      <c r="P1949" s="55"/>
      <c r="Q1949" s="55"/>
      <c r="R1949" s="55"/>
      <c r="S1949" s="55"/>
      <c r="T1949" s="55"/>
      <c r="U1949" s="55"/>
      <c r="V1949" s="55"/>
      <c r="W1949" s="55"/>
      <c r="X1949" s="55"/>
      <c r="Y1949" s="55"/>
      <c r="Z1949" s="55"/>
      <c r="AA1949" s="55"/>
      <c r="AB1949" s="55"/>
      <c r="AC1949" s="55"/>
      <c r="AD1949" s="55"/>
      <c r="AE1949" s="55"/>
      <c r="AF1949" s="55"/>
      <c r="AG1949" s="55"/>
      <c r="AY1949" s="162"/>
      <c r="AZ1949" s="162"/>
      <c r="BA1949" s="162"/>
      <c r="BB1949" s="162"/>
      <c r="BC1949" s="162"/>
      <c r="BD1949" s="162"/>
      <c r="BE1949" s="162"/>
      <c r="BF1949" s="162"/>
      <c r="BG1949" s="162"/>
      <c r="BH1949" s="162"/>
      <c r="BI1949" s="162"/>
      <c r="BJ1949" s="162"/>
      <c r="BK1949" s="162"/>
      <c r="BL1949" s="162"/>
      <c r="BM1949" s="162"/>
      <c r="BN1949" s="162"/>
      <c r="BO1949" s="162"/>
      <c r="BP1949" s="162"/>
      <c r="BQ1949" s="162"/>
      <c r="BR1949" s="162"/>
      <c r="BS1949" s="162"/>
      <c r="BT1949" s="162"/>
      <c r="BU1949" s="162"/>
      <c r="BV1949" s="162"/>
      <c r="BW1949" s="162"/>
      <c r="BX1949" s="162"/>
      <c r="BY1949" s="162"/>
      <c r="BZ1949" s="162"/>
      <c r="CA1949" s="162"/>
      <c r="CB1949" s="162"/>
      <c r="CC1949" s="162"/>
      <c r="CD1949" s="162"/>
      <c r="CE1949" s="162"/>
      <c r="CF1949" s="162"/>
      <c r="CG1949" s="162"/>
      <c r="CH1949" s="162"/>
      <c r="CI1949" s="162"/>
      <c r="CJ1949" s="162"/>
      <c r="CK1949" s="162"/>
      <c r="CX1949" s="98"/>
      <c r="DL1949" s="97"/>
      <c r="DX1949" s="98"/>
      <c r="EL1949" s="97"/>
      <c r="EX1949" s="98"/>
      <c r="EY1949" s="97"/>
      <c r="FL1949" s="126"/>
      <c r="FM1949" s="91"/>
      <c r="FN1949" s="91"/>
      <c r="FO1949" s="91"/>
      <c r="FP1949" s="91"/>
      <c r="FQ1949" s="91"/>
      <c r="FR1949" s="91"/>
      <c r="FS1949" s="91"/>
      <c r="FT1949" s="91"/>
      <c r="FU1949" s="91"/>
      <c r="FV1949" s="91"/>
      <c r="FW1949" s="91"/>
      <c r="FX1949" s="91"/>
      <c r="FY1949" s="91"/>
      <c r="FZ1949" s="91"/>
      <c r="GA1949" s="91"/>
      <c r="GB1949" s="91"/>
      <c r="GC1949" s="91"/>
      <c r="GD1949" s="91"/>
      <c r="GE1949" s="91"/>
      <c r="GF1949" s="91"/>
      <c r="GG1949" s="91"/>
      <c r="GH1949" s="91"/>
      <c r="GI1949" s="91"/>
      <c r="GJ1949" s="91"/>
      <c r="GK1949" s="127"/>
      <c r="GL1949" s="126"/>
      <c r="GM1949" s="91"/>
      <c r="GN1949" s="91"/>
      <c r="GO1949" s="91"/>
      <c r="GP1949" s="91"/>
      <c r="GQ1949" s="91"/>
      <c r="GR1949" s="91"/>
      <c r="GS1949" s="91"/>
      <c r="GT1949" s="91"/>
      <c r="GU1949" s="91"/>
      <c r="GV1949" s="91"/>
      <c r="GW1949" s="91"/>
      <c r="GX1949" s="91"/>
      <c r="GY1949" s="91"/>
      <c r="GZ1949" s="91"/>
      <c r="HA1949" s="91"/>
      <c r="HB1949" s="91"/>
      <c r="HC1949" s="91"/>
      <c r="HD1949" s="91"/>
      <c r="HE1949" s="91"/>
      <c r="HF1949" s="91"/>
      <c r="HG1949" s="91"/>
      <c r="HH1949" s="91"/>
      <c r="HI1949" s="91"/>
      <c r="HJ1949" s="91"/>
      <c r="HK1949" s="127"/>
      <c r="HL1949" s="126"/>
      <c r="HM1949" s="91"/>
      <c r="HN1949" s="91"/>
      <c r="HO1949" s="91"/>
      <c r="HP1949" s="91"/>
      <c r="HQ1949" s="91"/>
      <c r="HR1949" s="91"/>
      <c r="HS1949" s="91"/>
      <c r="HT1949" s="91"/>
      <c r="HU1949" s="91"/>
      <c r="HV1949" s="91"/>
      <c r="HW1949" s="91"/>
      <c r="HX1949" s="91"/>
      <c r="HY1949" s="91"/>
      <c r="HZ1949" s="91"/>
      <c r="IA1949" s="91"/>
      <c r="IB1949" s="91"/>
      <c r="IC1949" s="91"/>
      <c r="ID1949" s="91"/>
      <c r="IE1949" s="91"/>
      <c r="IF1949" s="91"/>
      <c r="IG1949" s="91"/>
      <c r="IH1949" s="91"/>
      <c r="II1949" s="91"/>
      <c r="IJ1949" s="91"/>
      <c r="IK1949" s="127"/>
    </row>
    <row r="1950" spans="2:245" x14ac:dyDescent="0.2">
      <c r="B1950" s="43"/>
      <c r="C1950" s="73"/>
      <c r="D1950" s="64"/>
      <c r="E1950" s="64"/>
      <c r="F1950" s="55"/>
      <c r="G1950" s="102"/>
      <c r="H1950" s="55"/>
      <c r="I1950" s="55"/>
      <c r="J1950" s="55"/>
      <c r="K1950" s="55"/>
      <c r="L1950" s="55"/>
      <c r="M1950" s="55"/>
      <c r="N1950" s="55"/>
      <c r="O1950" s="55"/>
      <c r="P1950" s="55"/>
      <c r="Q1950" s="55"/>
      <c r="R1950" s="55"/>
      <c r="S1950" s="55"/>
      <c r="T1950" s="55"/>
      <c r="U1950" s="55"/>
      <c r="V1950" s="55"/>
      <c r="W1950" s="55"/>
      <c r="X1950" s="55"/>
      <c r="Y1950" s="55"/>
      <c r="Z1950" s="55"/>
      <c r="AA1950" s="55"/>
      <c r="AB1950" s="55"/>
      <c r="AC1950" s="55"/>
      <c r="AD1950" s="55"/>
      <c r="AE1950" s="55"/>
      <c r="AF1950" s="55"/>
      <c r="AG1950" s="55"/>
      <c r="AY1950" s="162"/>
      <c r="AZ1950" s="162"/>
      <c r="BA1950" s="162"/>
      <c r="BB1950" s="162"/>
      <c r="BC1950" s="162"/>
      <c r="BD1950" s="162"/>
      <c r="BE1950" s="162"/>
      <c r="BF1950" s="162"/>
      <c r="BG1950" s="162"/>
      <c r="BH1950" s="162"/>
      <c r="BI1950" s="162"/>
      <c r="BJ1950" s="162"/>
      <c r="BK1950" s="162"/>
      <c r="BL1950" s="162"/>
      <c r="BM1950" s="162"/>
      <c r="BN1950" s="162"/>
      <c r="BO1950" s="162"/>
      <c r="BP1950" s="162"/>
      <c r="BQ1950" s="162"/>
      <c r="BR1950" s="162"/>
      <c r="BS1950" s="162"/>
      <c r="BT1950" s="162"/>
      <c r="BU1950" s="162"/>
      <c r="BV1950" s="162"/>
      <c r="BW1950" s="162"/>
      <c r="BX1950" s="162"/>
      <c r="BY1950" s="162"/>
      <c r="BZ1950" s="162"/>
      <c r="CA1950" s="162"/>
      <c r="CB1950" s="162"/>
      <c r="CC1950" s="162"/>
      <c r="CD1950" s="162"/>
      <c r="CE1950" s="162"/>
      <c r="CF1950" s="162"/>
      <c r="CG1950" s="162"/>
      <c r="CH1950" s="162"/>
      <c r="CI1950" s="162"/>
      <c r="CJ1950" s="162"/>
      <c r="CK1950" s="162"/>
      <c r="CX1950" s="98"/>
      <c r="DL1950" s="97"/>
      <c r="DX1950" s="98"/>
      <c r="EL1950" s="97"/>
      <c r="EX1950" s="98"/>
      <c r="EY1950" s="97"/>
      <c r="FL1950" s="126"/>
      <c r="FM1950" s="91"/>
      <c r="FN1950" s="91"/>
      <c r="FO1950" s="91"/>
      <c r="FP1950" s="91"/>
      <c r="FQ1950" s="91"/>
      <c r="FR1950" s="91"/>
      <c r="FS1950" s="91"/>
      <c r="FT1950" s="91"/>
      <c r="FU1950" s="91"/>
      <c r="FV1950" s="91"/>
      <c r="FW1950" s="91"/>
      <c r="FX1950" s="91"/>
      <c r="FY1950" s="91"/>
      <c r="FZ1950" s="91"/>
      <c r="GA1950" s="91"/>
      <c r="GB1950" s="91"/>
      <c r="GC1950" s="91"/>
      <c r="GD1950" s="91"/>
      <c r="GE1950" s="91"/>
      <c r="GF1950" s="91"/>
      <c r="GG1950" s="91"/>
      <c r="GH1950" s="91"/>
      <c r="GI1950" s="91"/>
      <c r="GJ1950" s="91"/>
      <c r="GK1950" s="127"/>
      <c r="GL1950" s="126"/>
      <c r="GM1950" s="91"/>
      <c r="GN1950" s="91"/>
      <c r="GO1950" s="91"/>
      <c r="GP1950" s="91"/>
      <c r="GQ1950" s="91"/>
      <c r="GR1950" s="91"/>
      <c r="GS1950" s="91"/>
      <c r="GT1950" s="91"/>
      <c r="GU1950" s="91"/>
      <c r="GV1950" s="91"/>
      <c r="GW1950" s="91"/>
      <c r="GX1950" s="91"/>
      <c r="GY1950" s="91"/>
      <c r="GZ1950" s="91"/>
      <c r="HA1950" s="91"/>
      <c r="HB1950" s="91"/>
      <c r="HC1950" s="91"/>
      <c r="HD1950" s="91"/>
      <c r="HE1950" s="91"/>
      <c r="HF1950" s="91"/>
      <c r="HG1950" s="91"/>
      <c r="HH1950" s="91"/>
      <c r="HI1950" s="91"/>
      <c r="HJ1950" s="91"/>
      <c r="HK1950" s="127"/>
      <c r="HL1950" s="126"/>
      <c r="HM1950" s="91"/>
      <c r="HN1950" s="91"/>
      <c r="HO1950" s="91"/>
      <c r="HP1950" s="91"/>
      <c r="HQ1950" s="91"/>
      <c r="HR1950" s="91"/>
      <c r="HS1950" s="91"/>
      <c r="HT1950" s="91"/>
      <c r="HU1950" s="91"/>
      <c r="HV1950" s="91"/>
      <c r="HW1950" s="91"/>
      <c r="HX1950" s="91"/>
      <c r="HY1950" s="91"/>
      <c r="HZ1950" s="91"/>
      <c r="IA1950" s="91"/>
      <c r="IB1950" s="91"/>
      <c r="IC1950" s="91"/>
      <c r="ID1950" s="91"/>
      <c r="IE1950" s="91"/>
      <c r="IF1950" s="91"/>
      <c r="IG1950" s="91"/>
      <c r="IH1950" s="91"/>
      <c r="II1950" s="91"/>
      <c r="IJ1950" s="91"/>
      <c r="IK1950" s="127"/>
    </row>
    <row r="1951" spans="2:245" x14ac:dyDescent="0.2">
      <c r="B1951" s="43"/>
      <c r="C1951" s="73"/>
      <c r="D1951" s="64"/>
      <c r="E1951" s="64"/>
      <c r="F1951" s="55"/>
      <c r="G1951" s="102"/>
      <c r="H1951" s="55"/>
      <c r="I1951" s="55"/>
      <c r="J1951" s="55"/>
      <c r="K1951" s="55"/>
      <c r="L1951" s="55"/>
      <c r="M1951" s="55"/>
      <c r="N1951" s="55"/>
      <c r="O1951" s="55"/>
      <c r="P1951" s="55"/>
      <c r="Q1951" s="55"/>
      <c r="R1951" s="55"/>
      <c r="S1951" s="55"/>
      <c r="T1951" s="55"/>
      <c r="U1951" s="55"/>
      <c r="V1951" s="55"/>
      <c r="W1951" s="55"/>
      <c r="X1951" s="55"/>
      <c r="Y1951" s="55"/>
      <c r="Z1951" s="55"/>
      <c r="AA1951" s="55"/>
      <c r="AB1951" s="55"/>
      <c r="AC1951" s="55"/>
      <c r="AD1951" s="55"/>
      <c r="AE1951" s="55"/>
      <c r="AF1951" s="55"/>
      <c r="AG1951" s="55"/>
      <c r="AY1951" s="162"/>
      <c r="AZ1951" s="162"/>
      <c r="BA1951" s="162"/>
      <c r="BB1951" s="162"/>
      <c r="BC1951" s="162"/>
      <c r="BD1951" s="162"/>
      <c r="BE1951" s="162"/>
      <c r="BF1951" s="162"/>
      <c r="BG1951" s="162"/>
      <c r="BH1951" s="162"/>
      <c r="BI1951" s="162"/>
      <c r="BJ1951" s="162"/>
      <c r="BK1951" s="162"/>
      <c r="BL1951" s="162"/>
      <c r="BM1951" s="162"/>
      <c r="BN1951" s="162"/>
      <c r="BO1951" s="162"/>
      <c r="BP1951" s="162"/>
      <c r="BQ1951" s="162"/>
      <c r="BR1951" s="162"/>
      <c r="BS1951" s="162"/>
      <c r="BT1951" s="162"/>
      <c r="BU1951" s="162"/>
      <c r="BV1951" s="162"/>
      <c r="BW1951" s="162"/>
      <c r="BX1951" s="162"/>
      <c r="BY1951" s="162"/>
      <c r="BZ1951" s="162"/>
      <c r="CA1951" s="162"/>
      <c r="CB1951" s="162"/>
      <c r="CC1951" s="162"/>
      <c r="CD1951" s="162"/>
      <c r="CE1951" s="162"/>
      <c r="CF1951" s="162"/>
      <c r="CG1951" s="162"/>
      <c r="CH1951" s="162"/>
      <c r="CI1951" s="162"/>
      <c r="CJ1951" s="162"/>
      <c r="CK1951" s="162"/>
      <c r="CX1951" s="98"/>
      <c r="DL1951" s="97"/>
      <c r="DX1951" s="98"/>
      <c r="EL1951" s="97"/>
      <c r="EX1951" s="98"/>
      <c r="EY1951" s="97"/>
      <c r="FL1951" s="126"/>
      <c r="FM1951" s="91"/>
      <c r="FN1951" s="91"/>
      <c r="FO1951" s="91"/>
      <c r="FP1951" s="91"/>
      <c r="FQ1951" s="91"/>
      <c r="FR1951" s="91"/>
      <c r="FS1951" s="91"/>
      <c r="FT1951" s="91"/>
      <c r="FU1951" s="91"/>
      <c r="FV1951" s="91"/>
      <c r="FW1951" s="91"/>
      <c r="FX1951" s="91"/>
      <c r="FY1951" s="91"/>
      <c r="FZ1951" s="91"/>
      <c r="GA1951" s="91"/>
      <c r="GB1951" s="91"/>
      <c r="GC1951" s="91"/>
      <c r="GD1951" s="91"/>
      <c r="GE1951" s="91"/>
      <c r="GF1951" s="91"/>
      <c r="GG1951" s="91"/>
      <c r="GH1951" s="91"/>
      <c r="GI1951" s="91"/>
      <c r="GJ1951" s="91"/>
      <c r="GK1951" s="127"/>
      <c r="GL1951" s="126"/>
      <c r="GM1951" s="91"/>
      <c r="GN1951" s="91"/>
      <c r="GO1951" s="91"/>
      <c r="GP1951" s="91"/>
      <c r="GQ1951" s="91"/>
      <c r="GR1951" s="91"/>
      <c r="GS1951" s="91"/>
      <c r="GT1951" s="91"/>
      <c r="GU1951" s="91"/>
      <c r="GV1951" s="91"/>
      <c r="GW1951" s="91"/>
      <c r="GX1951" s="91"/>
      <c r="GY1951" s="91"/>
      <c r="GZ1951" s="91"/>
      <c r="HA1951" s="91"/>
      <c r="HB1951" s="91"/>
      <c r="HC1951" s="91"/>
      <c r="HD1951" s="91"/>
      <c r="HE1951" s="91"/>
      <c r="HF1951" s="91"/>
      <c r="HG1951" s="91"/>
      <c r="HH1951" s="91"/>
      <c r="HI1951" s="91"/>
      <c r="HJ1951" s="91"/>
      <c r="HK1951" s="127"/>
      <c r="HL1951" s="126"/>
      <c r="HM1951" s="91"/>
      <c r="HN1951" s="91"/>
      <c r="HO1951" s="91"/>
      <c r="HP1951" s="91"/>
      <c r="HQ1951" s="91"/>
      <c r="HR1951" s="91"/>
      <c r="HS1951" s="91"/>
      <c r="HT1951" s="91"/>
      <c r="HU1951" s="91"/>
      <c r="HV1951" s="91"/>
      <c r="HW1951" s="91"/>
      <c r="HX1951" s="91"/>
      <c r="HY1951" s="91"/>
      <c r="HZ1951" s="91"/>
      <c r="IA1951" s="91"/>
      <c r="IB1951" s="91"/>
      <c r="IC1951" s="91"/>
      <c r="ID1951" s="91"/>
      <c r="IE1951" s="91"/>
      <c r="IF1951" s="91"/>
      <c r="IG1951" s="91"/>
      <c r="IH1951" s="91"/>
      <c r="II1951" s="91"/>
      <c r="IJ1951" s="91"/>
      <c r="IK1951" s="127"/>
    </row>
    <row r="1952" spans="2:245" x14ac:dyDescent="0.2">
      <c r="B1952" s="43"/>
      <c r="C1952" s="73"/>
      <c r="D1952" s="64"/>
      <c r="E1952" s="64"/>
      <c r="F1952" s="55"/>
      <c r="G1952" s="102"/>
      <c r="H1952" s="55"/>
      <c r="I1952" s="55"/>
      <c r="J1952" s="55"/>
      <c r="K1952" s="55"/>
      <c r="L1952" s="55"/>
      <c r="M1952" s="55"/>
      <c r="N1952" s="55"/>
      <c r="O1952" s="55"/>
      <c r="P1952" s="55"/>
      <c r="Q1952" s="55"/>
      <c r="R1952" s="55"/>
      <c r="S1952" s="55"/>
      <c r="T1952" s="55"/>
      <c r="U1952" s="55"/>
      <c r="V1952" s="55"/>
      <c r="W1952" s="55"/>
      <c r="X1952" s="55"/>
      <c r="Y1952" s="55"/>
      <c r="Z1952" s="55"/>
      <c r="AA1952" s="55"/>
      <c r="AB1952" s="55"/>
      <c r="AC1952" s="55"/>
      <c r="AD1952" s="55"/>
      <c r="AE1952" s="55"/>
      <c r="AF1952" s="55"/>
      <c r="AG1952" s="55"/>
      <c r="AY1952" s="162"/>
      <c r="AZ1952" s="162"/>
      <c r="BA1952" s="162"/>
      <c r="BB1952" s="162"/>
      <c r="BC1952" s="162"/>
      <c r="BD1952" s="162"/>
      <c r="BE1952" s="162"/>
      <c r="BF1952" s="162"/>
      <c r="BG1952" s="162"/>
      <c r="BH1952" s="162"/>
      <c r="BI1952" s="162"/>
      <c r="BJ1952" s="162"/>
      <c r="BK1952" s="162"/>
      <c r="BL1952" s="162"/>
      <c r="BM1952" s="162"/>
      <c r="BN1952" s="162"/>
      <c r="BO1952" s="162"/>
      <c r="BP1952" s="162"/>
      <c r="BQ1952" s="162"/>
      <c r="BR1952" s="162"/>
      <c r="BS1952" s="162"/>
      <c r="BT1952" s="162"/>
      <c r="BU1952" s="162"/>
      <c r="BV1952" s="162"/>
      <c r="BW1952" s="162"/>
      <c r="BX1952" s="162"/>
      <c r="BY1952" s="162"/>
      <c r="BZ1952" s="162"/>
      <c r="CA1952" s="162"/>
      <c r="CB1952" s="162"/>
      <c r="CC1952" s="162"/>
      <c r="CD1952" s="162"/>
      <c r="CE1952" s="162"/>
      <c r="CF1952" s="162"/>
      <c r="CG1952" s="162"/>
      <c r="CH1952" s="162"/>
      <c r="CI1952" s="162"/>
      <c r="CJ1952" s="162"/>
      <c r="CK1952" s="162"/>
      <c r="CX1952" s="98"/>
      <c r="DL1952" s="97"/>
      <c r="DX1952" s="98"/>
      <c r="EL1952" s="97"/>
      <c r="EX1952" s="98"/>
      <c r="EY1952" s="97"/>
      <c r="FL1952" s="126"/>
      <c r="FM1952" s="91"/>
      <c r="FN1952" s="91"/>
      <c r="FO1952" s="91"/>
      <c r="FP1952" s="91"/>
      <c r="FQ1952" s="91"/>
      <c r="FR1952" s="91"/>
      <c r="FS1952" s="91"/>
      <c r="FT1952" s="91"/>
      <c r="FU1952" s="91"/>
      <c r="FV1952" s="91"/>
      <c r="FW1952" s="91"/>
      <c r="FX1952" s="91"/>
      <c r="FY1952" s="91"/>
      <c r="FZ1952" s="91"/>
      <c r="GA1952" s="91"/>
      <c r="GB1952" s="91"/>
      <c r="GC1952" s="91"/>
      <c r="GD1952" s="91"/>
      <c r="GE1952" s="91"/>
      <c r="GF1952" s="91"/>
      <c r="GG1952" s="91"/>
      <c r="GH1952" s="91"/>
      <c r="GI1952" s="91"/>
      <c r="GJ1952" s="91"/>
      <c r="GK1952" s="127"/>
      <c r="GL1952" s="126"/>
      <c r="GM1952" s="91"/>
      <c r="GN1952" s="91"/>
      <c r="GO1952" s="91"/>
      <c r="GP1952" s="91"/>
      <c r="GQ1952" s="91"/>
      <c r="GR1952" s="91"/>
      <c r="GS1952" s="91"/>
      <c r="GT1952" s="91"/>
      <c r="GU1952" s="91"/>
      <c r="GV1952" s="91"/>
      <c r="GW1952" s="91"/>
      <c r="GX1952" s="91"/>
      <c r="GY1952" s="91"/>
      <c r="GZ1952" s="91"/>
      <c r="HA1952" s="91"/>
      <c r="HB1952" s="91"/>
      <c r="HC1952" s="91"/>
      <c r="HD1952" s="91"/>
      <c r="HE1952" s="91"/>
      <c r="HF1952" s="91"/>
      <c r="HG1952" s="91"/>
      <c r="HH1952" s="91"/>
      <c r="HI1952" s="91"/>
      <c r="HJ1952" s="91"/>
      <c r="HK1952" s="127"/>
      <c r="HL1952" s="126"/>
      <c r="HM1952" s="91"/>
      <c r="HN1952" s="91"/>
      <c r="HO1952" s="91"/>
      <c r="HP1952" s="91"/>
      <c r="HQ1952" s="91"/>
      <c r="HR1952" s="91"/>
      <c r="HS1952" s="91"/>
      <c r="HT1952" s="91"/>
      <c r="HU1952" s="91"/>
      <c r="HV1952" s="91"/>
      <c r="HW1952" s="91"/>
      <c r="HX1952" s="91"/>
      <c r="HY1952" s="91"/>
      <c r="HZ1952" s="91"/>
      <c r="IA1952" s="91"/>
      <c r="IB1952" s="91"/>
      <c r="IC1952" s="91"/>
      <c r="ID1952" s="91"/>
      <c r="IE1952" s="91"/>
      <c r="IF1952" s="91"/>
      <c r="IG1952" s="91"/>
      <c r="IH1952" s="91"/>
      <c r="II1952" s="91"/>
      <c r="IJ1952" s="91"/>
      <c r="IK1952" s="127"/>
    </row>
    <row r="1953" spans="2:245" x14ac:dyDescent="0.2">
      <c r="B1953" s="43"/>
      <c r="C1953" s="73"/>
      <c r="D1953" s="64"/>
      <c r="E1953" s="64"/>
      <c r="F1953" s="55"/>
      <c r="G1953" s="102"/>
      <c r="H1953" s="55"/>
      <c r="I1953" s="55"/>
      <c r="J1953" s="55"/>
      <c r="K1953" s="55"/>
      <c r="L1953" s="55"/>
      <c r="M1953" s="55"/>
      <c r="N1953" s="55"/>
      <c r="O1953" s="55"/>
      <c r="P1953" s="55"/>
      <c r="Q1953" s="55"/>
      <c r="R1953" s="55"/>
      <c r="S1953" s="55"/>
      <c r="T1953" s="55"/>
      <c r="U1953" s="55"/>
      <c r="V1953" s="55"/>
      <c r="W1953" s="55"/>
      <c r="X1953" s="55"/>
      <c r="Y1953" s="55"/>
      <c r="Z1953" s="55"/>
      <c r="AA1953" s="55"/>
      <c r="AB1953" s="55"/>
      <c r="AC1953" s="55"/>
      <c r="AD1953" s="55"/>
      <c r="AE1953" s="55"/>
      <c r="AF1953" s="55"/>
      <c r="AG1953" s="55"/>
      <c r="AY1953" s="162"/>
      <c r="AZ1953" s="162"/>
      <c r="BA1953" s="162"/>
      <c r="BB1953" s="162"/>
      <c r="BC1953" s="162"/>
      <c r="BD1953" s="162"/>
      <c r="BE1953" s="162"/>
      <c r="BF1953" s="162"/>
      <c r="BG1953" s="162"/>
      <c r="BH1953" s="162"/>
      <c r="BI1953" s="162"/>
      <c r="BJ1953" s="162"/>
      <c r="BK1953" s="162"/>
      <c r="BL1953" s="162"/>
      <c r="BM1953" s="162"/>
      <c r="BN1953" s="162"/>
      <c r="BO1953" s="162"/>
      <c r="BP1953" s="162"/>
      <c r="BQ1953" s="162"/>
      <c r="BR1953" s="162"/>
      <c r="BS1953" s="162"/>
      <c r="BT1953" s="162"/>
      <c r="BU1953" s="162"/>
      <c r="BV1953" s="162"/>
      <c r="BW1953" s="162"/>
      <c r="BX1953" s="162"/>
      <c r="BY1953" s="162"/>
      <c r="BZ1953" s="162"/>
      <c r="CA1953" s="162"/>
      <c r="CB1953" s="162"/>
      <c r="CC1953" s="162"/>
      <c r="CD1953" s="162"/>
      <c r="CE1953" s="162"/>
      <c r="CF1953" s="162"/>
      <c r="CG1953" s="162"/>
      <c r="CH1953" s="162"/>
      <c r="CI1953" s="162"/>
      <c r="CJ1953" s="162"/>
      <c r="CK1953" s="162"/>
      <c r="CX1953" s="98"/>
      <c r="DL1953" s="97"/>
      <c r="DX1953" s="98"/>
      <c r="EL1953" s="97"/>
      <c r="EX1953" s="98"/>
      <c r="EY1953" s="97"/>
      <c r="FL1953" s="126"/>
      <c r="FM1953" s="91"/>
      <c r="FN1953" s="91"/>
      <c r="FO1953" s="91"/>
      <c r="FP1953" s="91"/>
      <c r="FQ1953" s="91"/>
      <c r="FR1953" s="91"/>
      <c r="FS1953" s="91"/>
      <c r="FT1953" s="91"/>
      <c r="FU1953" s="91"/>
      <c r="FV1953" s="91"/>
      <c r="FW1953" s="91"/>
      <c r="FX1953" s="91"/>
      <c r="FY1953" s="91"/>
      <c r="FZ1953" s="91"/>
      <c r="GA1953" s="91"/>
      <c r="GB1953" s="91"/>
      <c r="GC1953" s="91"/>
      <c r="GD1953" s="91"/>
      <c r="GE1953" s="91"/>
      <c r="GF1953" s="91"/>
      <c r="GG1953" s="91"/>
      <c r="GH1953" s="91"/>
      <c r="GI1953" s="91"/>
      <c r="GJ1953" s="91"/>
      <c r="GK1953" s="127"/>
      <c r="GL1953" s="126"/>
      <c r="GM1953" s="91"/>
      <c r="GN1953" s="91"/>
      <c r="GO1953" s="91"/>
      <c r="GP1953" s="91"/>
      <c r="GQ1953" s="91"/>
      <c r="GR1953" s="91"/>
      <c r="GS1953" s="91"/>
      <c r="GT1953" s="91"/>
      <c r="GU1953" s="91"/>
      <c r="GV1953" s="91"/>
      <c r="GW1953" s="91"/>
      <c r="GX1953" s="91"/>
      <c r="GY1953" s="91"/>
      <c r="GZ1953" s="91"/>
      <c r="HA1953" s="91"/>
      <c r="HB1953" s="91"/>
      <c r="HC1953" s="91"/>
      <c r="HD1953" s="91"/>
      <c r="HE1953" s="91"/>
      <c r="HF1953" s="91"/>
      <c r="HG1953" s="91"/>
      <c r="HH1953" s="91"/>
      <c r="HI1953" s="91"/>
      <c r="HJ1953" s="91"/>
      <c r="HK1953" s="127"/>
      <c r="HL1953" s="126"/>
      <c r="HM1953" s="91"/>
      <c r="HN1953" s="91"/>
      <c r="HO1953" s="91"/>
      <c r="HP1953" s="91"/>
      <c r="HQ1953" s="91"/>
      <c r="HR1953" s="91"/>
      <c r="HS1953" s="91"/>
      <c r="HT1953" s="91"/>
      <c r="HU1953" s="91"/>
      <c r="HV1953" s="91"/>
      <c r="HW1953" s="91"/>
      <c r="HX1953" s="91"/>
      <c r="HY1953" s="91"/>
      <c r="HZ1953" s="91"/>
      <c r="IA1953" s="91"/>
      <c r="IB1953" s="91"/>
      <c r="IC1953" s="91"/>
      <c r="ID1953" s="91"/>
      <c r="IE1953" s="91"/>
      <c r="IF1953" s="91"/>
      <c r="IG1953" s="91"/>
      <c r="IH1953" s="91"/>
      <c r="II1953" s="91"/>
      <c r="IJ1953" s="91"/>
      <c r="IK1953" s="127"/>
    </row>
    <row r="1954" spans="2:245" ht="13.5" thickBot="1" x14ac:dyDescent="0.25">
      <c r="B1954" s="43"/>
      <c r="C1954" s="73"/>
      <c r="D1954" s="64"/>
      <c r="E1954" s="64"/>
      <c r="F1954" s="55"/>
      <c r="G1954" s="102"/>
      <c r="H1954" s="55"/>
      <c r="I1954" s="55"/>
      <c r="J1954" s="55"/>
      <c r="K1954" s="55"/>
      <c r="L1954" s="55"/>
      <c r="M1954" s="55"/>
      <c r="N1954" s="55"/>
      <c r="O1954" s="55"/>
      <c r="P1954" s="55"/>
      <c r="Q1954" s="55"/>
      <c r="R1954" s="55"/>
      <c r="S1954" s="55"/>
      <c r="T1954" s="55"/>
      <c r="U1954" s="55"/>
      <c r="V1954" s="55"/>
      <c r="W1954" s="55"/>
      <c r="X1954" s="55"/>
      <c r="Y1954" s="55"/>
      <c r="Z1954" s="55"/>
      <c r="AA1954" s="55"/>
      <c r="AB1954" s="55"/>
      <c r="AC1954" s="55"/>
      <c r="AD1954" s="55"/>
      <c r="AE1954" s="55"/>
      <c r="AF1954" s="55"/>
      <c r="AG1954" s="55"/>
      <c r="AY1954" s="162"/>
      <c r="AZ1954" s="162"/>
      <c r="BA1954" s="162"/>
      <c r="BB1954" s="162"/>
      <c r="BC1954" s="162"/>
      <c r="BD1954" s="162"/>
      <c r="BE1954" s="162"/>
      <c r="BF1954" s="162"/>
      <c r="BG1954" s="162"/>
      <c r="BH1954" s="162"/>
      <c r="BI1954" s="162"/>
      <c r="BJ1954" s="162"/>
      <c r="BK1954" s="162"/>
      <c r="BL1954" s="162"/>
      <c r="BM1954" s="162"/>
      <c r="BN1954" s="162"/>
      <c r="BO1954" s="162"/>
      <c r="BP1954" s="162"/>
      <c r="BQ1954" s="162"/>
      <c r="BR1954" s="162"/>
      <c r="BS1954" s="162"/>
      <c r="BT1954" s="162"/>
      <c r="BU1954" s="162"/>
      <c r="BV1954" s="162"/>
      <c r="BW1954" s="162"/>
      <c r="BX1954" s="162"/>
      <c r="BY1954" s="162"/>
      <c r="BZ1954" s="162"/>
      <c r="CA1954" s="162"/>
      <c r="CB1954" s="162"/>
      <c r="CC1954" s="162"/>
      <c r="CD1954" s="162"/>
      <c r="CE1954" s="162"/>
      <c r="CF1954" s="162"/>
      <c r="CG1954" s="162"/>
      <c r="CH1954" s="162"/>
      <c r="CI1954" s="162"/>
      <c r="CJ1954" s="162"/>
      <c r="CK1954" s="162"/>
      <c r="CX1954" s="98"/>
      <c r="DL1954" s="97"/>
      <c r="DX1954" s="98"/>
      <c r="EL1954" s="97"/>
      <c r="EX1954" s="98"/>
      <c r="EY1954" s="97"/>
      <c r="FL1954" s="126"/>
      <c r="FM1954" s="91"/>
      <c r="FN1954" s="91"/>
      <c r="FO1954" s="91"/>
      <c r="FP1954" s="91"/>
      <c r="FQ1954" s="91"/>
      <c r="FR1954" s="91"/>
      <c r="FS1954" s="91"/>
      <c r="FT1954" s="91"/>
      <c r="FU1954" s="91"/>
      <c r="FV1954" s="91"/>
      <c r="FW1954" s="91"/>
      <c r="FX1954" s="91"/>
      <c r="FY1954" s="91"/>
      <c r="FZ1954" s="91"/>
      <c r="GA1954" s="91"/>
      <c r="GB1954" s="91"/>
      <c r="GC1954" s="91"/>
      <c r="GD1954" s="91"/>
      <c r="GE1954" s="91"/>
      <c r="GF1954" s="91"/>
      <c r="GG1954" s="91"/>
      <c r="GH1954" s="91"/>
      <c r="GI1954" s="91"/>
      <c r="GJ1954" s="91"/>
      <c r="GK1954" s="127"/>
      <c r="GL1954" s="126"/>
      <c r="GM1954" s="91"/>
      <c r="GN1954" s="91"/>
      <c r="GO1954" s="91"/>
      <c r="GP1954" s="91"/>
      <c r="GQ1954" s="91"/>
      <c r="GR1954" s="91"/>
      <c r="GS1954" s="91"/>
      <c r="GT1954" s="91"/>
      <c r="GU1954" s="91"/>
      <c r="GV1954" s="91"/>
      <c r="GW1954" s="91"/>
      <c r="GX1954" s="91"/>
      <c r="GY1954" s="91"/>
      <c r="GZ1954" s="91"/>
      <c r="HA1954" s="91"/>
      <c r="HB1954" s="91"/>
      <c r="HC1954" s="91"/>
      <c r="HD1954" s="91"/>
      <c r="HE1954" s="91"/>
      <c r="HF1954" s="91"/>
      <c r="HG1954" s="91"/>
      <c r="HH1954" s="91"/>
      <c r="HI1954" s="91"/>
      <c r="HJ1954" s="91"/>
      <c r="HK1954" s="127"/>
      <c r="HL1954" s="126"/>
      <c r="HM1954" s="91"/>
      <c r="HN1954" s="91"/>
      <c r="HO1954" s="91"/>
      <c r="HP1954" s="91"/>
      <c r="HQ1954" s="91"/>
      <c r="HR1954" s="91"/>
      <c r="HS1954" s="91"/>
      <c r="HT1954" s="91"/>
      <c r="HU1954" s="91"/>
      <c r="HV1954" s="91"/>
      <c r="HW1954" s="91"/>
      <c r="HX1954" s="91"/>
      <c r="HY1954" s="91"/>
      <c r="HZ1954" s="91"/>
      <c r="IA1954" s="91"/>
      <c r="IB1954" s="91"/>
      <c r="IC1954" s="91"/>
      <c r="ID1954" s="91"/>
      <c r="IE1954" s="91"/>
      <c r="IF1954" s="91"/>
      <c r="IG1954" s="91"/>
      <c r="IH1954" s="91"/>
      <c r="II1954" s="91"/>
      <c r="IJ1954" s="91"/>
      <c r="IK1954" s="127"/>
    </row>
    <row r="1955" spans="2:245" x14ac:dyDescent="0.2">
      <c r="B1955" s="43"/>
      <c r="C1955" s="73"/>
      <c r="D1955" s="64"/>
      <c r="E1955" s="64"/>
      <c r="F1955" s="55"/>
      <c r="G1955" s="102"/>
      <c r="H1955" s="55"/>
      <c r="I1955" s="55"/>
      <c r="J1955" s="55"/>
      <c r="K1955" s="55"/>
      <c r="L1955" s="55"/>
      <c r="M1955" s="55"/>
      <c r="N1955" s="55"/>
      <c r="O1955" s="55"/>
      <c r="P1955" s="55"/>
      <c r="Q1955" s="55"/>
      <c r="R1955" s="55"/>
      <c r="S1955" s="55"/>
      <c r="T1955" s="55"/>
      <c r="U1955" s="55"/>
      <c r="V1955" s="55"/>
      <c r="W1955" s="55"/>
      <c r="X1955" s="55"/>
      <c r="Y1955" s="55"/>
      <c r="Z1955" s="55"/>
      <c r="AA1955" s="55"/>
      <c r="AB1955" s="55"/>
      <c r="AC1955" s="55"/>
      <c r="AD1955" s="55"/>
      <c r="AE1955" s="55"/>
      <c r="AF1955" s="55"/>
      <c r="AG1955" s="55"/>
      <c r="AY1955" s="162"/>
      <c r="AZ1955" s="162"/>
      <c r="BA1955" s="162"/>
      <c r="BB1955" s="162"/>
      <c r="BC1955" s="162"/>
      <c r="BD1955" s="162"/>
      <c r="BE1955" s="162"/>
      <c r="BF1955" s="162"/>
      <c r="BG1955" s="162"/>
      <c r="BH1955" s="162"/>
      <c r="BI1955" s="162"/>
      <c r="BJ1955" s="162"/>
      <c r="BK1955" s="162"/>
      <c r="BL1955" s="162"/>
      <c r="BM1955" s="162"/>
      <c r="BN1955" s="162"/>
      <c r="BO1955" s="162"/>
      <c r="BP1955" s="162"/>
      <c r="BQ1955" s="162"/>
      <c r="BR1955" s="162"/>
      <c r="BS1955" s="162"/>
      <c r="BT1955" s="162"/>
      <c r="BU1955" s="162"/>
      <c r="BV1955" s="162"/>
      <c r="BW1955" s="162"/>
      <c r="BX1955" s="162"/>
      <c r="BY1955" s="162"/>
      <c r="BZ1955" s="162"/>
      <c r="CA1955" s="162"/>
      <c r="CB1955" s="162"/>
      <c r="CC1955" s="162"/>
      <c r="CD1955" s="162"/>
      <c r="CE1955" s="162"/>
      <c r="CF1955" s="162"/>
      <c r="CG1955" s="162"/>
      <c r="CH1955" s="162"/>
      <c r="CI1955" s="162"/>
      <c r="CJ1955" s="162"/>
      <c r="CK1955" s="162"/>
      <c r="CL1955" s="163"/>
      <c r="CM1955" s="163"/>
      <c r="CN1955" s="163"/>
      <c r="CO1955" s="163"/>
      <c r="CP1955" s="163"/>
      <c r="CQ1955" s="163"/>
      <c r="CR1955" s="163"/>
      <c r="CS1955" s="163"/>
      <c r="CT1955" s="163"/>
      <c r="CU1955" s="163"/>
      <c r="CV1955" s="163"/>
      <c r="CW1955" s="163"/>
      <c r="CX1955" s="173"/>
      <c r="CY1955" s="163"/>
      <c r="CZ1955" s="163"/>
      <c r="DA1955" s="163"/>
      <c r="DB1955" s="163"/>
      <c r="DC1955" s="163"/>
      <c r="DD1955" s="163"/>
      <c r="DE1955" s="163"/>
      <c r="DF1955" s="163"/>
      <c r="DG1955" s="163"/>
      <c r="DH1955" s="163"/>
      <c r="DI1955" s="163"/>
      <c r="DJ1955" s="163"/>
      <c r="DK1955" s="163"/>
      <c r="DL1955" s="172"/>
      <c r="DM1955" s="163"/>
      <c r="DN1955" s="163"/>
      <c r="DO1955" s="163"/>
      <c r="DP1955" s="163"/>
      <c r="DQ1955" s="163"/>
      <c r="DR1955" s="163"/>
      <c r="DS1955" s="163"/>
      <c r="DT1955" s="163"/>
      <c r="DU1955" s="163"/>
      <c r="DV1955" s="163"/>
      <c r="DW1955" s="163"/>
      <c r="DX1955" s="173"/>
      <c r="DY1955" s="163"/>
      <c r="DZ1955" s="163"/>
      <c r="EA1955" s="163"/>
      <c r="EB1955" s="163"/>
      <c r="EC1955" s="163"/>
      <c r="ED1955" s="163"/>
      <c r="EE1955" s="163"/>
      <c r="EF1955" s="163"/>
      <c r="EG1955" s="163"/>
      <c r="EH1955" s="163"/>
      <c r="EI1955" s="163"/>
      <c r="EJ1955" s="163"/>
      <c r="EK1955" s="163"/>
      <c r="EL1955" s="172"/>
      <c r="EM1955" s="163"/>
      <c r="EN1955" s="163"/>
      <c r="EO1955" s="163"/>
      <c r="EP1955" s="163"/>
      <c r="EQ1955" s="163"/>
      <c r="ER1955" s="163"/>
      <c r="ES1955" s="163"/>
      <c r="ET1955" s="163"/>
      <c r="EU1955" s="163"/>
      <c r="EV1955" s="163"/>
      <c r="EW1955" s="163"/>
      <c r="EX1955" s="173"/>
      <c r="EY1955" s="172"/>
      <c r="EZ1955" s="163"/>
      <c r="FA1955" s="163"/>
      <c r="FB1955" s="163"/>
      <c r="FC1955" s="163"/>
      <c r="FD1955" s="163"/>
      <c r="FE1955" s="163"/>
      <c r="FF1955" s="163"/>
      <c r="FG1955" s="163"/>
      <c r="FH1955" s="163"/>
      <c r="FI1955" s="163"/>
      <c r="FJ1955" s="163"/>
      <c r="FK1955" s="163"/>
      <c r="FL1955" s="126"/>
      <c r="FM1955" s="91"/>
      <c r="FN1955" s="91"/>
      <c r="FO1955" s="91"/>
      <c r="FP1955" s="91"/>
      <c r="FQ1955" s="91"/>
      <c r="FR1955" s="91"/>
      <c r="FS1955" s="91"/>
      <c r="FT1955" s="91"/>
      <c r="FU1955" s="91"/>
      <c r="FV1955" s="91"/>
      <c r="FW1955" s="91"/>
      <c r="FX1955" s="91"/>
      <c r="FY1955" s="91"/>
      <c r="FZ1955" s="91"/>
      <c r="GA1955" s="91"/>
      <c r="GB1955" s="91"/>
      <c r="GC1955" s="91"/>
      <c r="GD1955" s="91"/>
      <c r="GE1955" s="91"/>
      <c r="GF1955" s="91"/>
      <c r="GG1955" s="91"/>
      <c r="GH1955" s="91"/>
      <c r="GI1955" s="91"/>
      <c r="GJ1955" s="91"/>
      <c r="GK1955" s="127"/>
      <c r="GL1955" s="126"/>
      <c r="GM1955" s="91"/>
      <c r="GN1955" s="91"/>
      <c r="GO1955" s="91"/>
      <c r="GP1955" s="91"/>
      <c r="GQ1955" s="91"/>
      <c r="GR1955" s="91"/>
      <c r="GS1955" s="91"/>
      <c r="GT1955" s="91"/>
      <c r="GU1955" s="91"/>
      <c r="GV1955" s="91"/>
      <c r="GW1955" s="91"/>
      <c r="GX1955" s="91"/>
      <c r="GY1955" s="91"/>
      <c r="GZ1955" s="91"/>
      <c r="HA1955" s="91"/>
      <c r="HB1955" s="91"/>
      <c r="HC1955" s="91"/>
      <c r="HD1955" s="91"/>
      <c r="HE1955" s="91"/>
      <c r="HF1955" s="91"/>
      <c r="HG1955" s="91"/>
      <c r="HH1955" s="91"/>
      <c r="HI1955" s="91"/>
      <c r="HJ1955" s="91"/>
      <c r="HK1955" s="127"/>
      <c r="HL1955" s="126"/>
      <c r="HM1955" s="91"/>
      <c r="HN1955" s="91"/>
      <c r="HO1955" s="91"/>
      <c r="HP1955" s="91"/>
      <c r="HQ1955" s="91"/>
      <c r="HR1955" s="91"/>
      <c r="HS1955" s="91"/>
      <c r="HT1955" s="91"/>
      <c r="HU1955" s="91"/>
      <c r="HV1955" s="91"/>
      <c r="HW1955" s="91"/>
      <c r="HX1955" s="91"/>
      <c r="HY1955" s="91"/>
      <c r="HZ1955" s="91"/>
      <c r="IA1955" s="91"/>
      <c r="IB1955" s="91"/>
      <c r="IC1955" s="91"/>
      <c r="ID1955" s="91"/>
      <c r="IE1955" s="91"/>
      <c r="IF1955" s="91"/>
      <c r="IG1955" s="91"/>
      <c r="IH1955" s="91"/>
      <c r="II1955" s="91"/>
      <c r="IJ1955" s="91"/>
      <c r="IK1955" s="127"/>
    </row>
    <row r="1956" spans="2:245" x14ac:dyDescent="0.2">
      <c r="B1956" s="43"/>
      <c r="C1956" s="73"/>
      <c r="D1956" s="64"/>
      <c r="E1956" s="64"/>
      <c r="F1956" s="55"/>
      <c r="G1956" s="102"/>
      <c r="H1956" s="55"/>
      <c r="I1956" s="55"/>
      <c r="J1956" s="55"/>
      <c r="K1956" s="55"/>
      <c r="L1956" s="55"/>
      <c r="M1956" s="55"/>
      <c r="N1956" s="55"/>
      <c r="O1956" s="55"/>
      <c r="P1956" s="55"/>
      <c r="Q1956" s="55"/>
      <c r="R1956" s="55"/>
      <c r="S1956" s="55"/>
      <c r="T1956" s="55"/>
      <c r="U1956" s="55"/>
      <c r="V1956" s="55"/>
      <c r="W1956" s="55"/>
      <c r="X1956" s="55"/>
      <c r="Y1956" s="55"/>
      <c r="Z1956" s="55"/>
      <c r="AA1956" s="55"/>
      <c r="AB1956" s="55"/>
      <c r="AC1956" s="55"/>
      <c r="AD1956" s="55"/>
      <c r="AE1956" s="55"/>
      <c r="AF1956" s="55"/>
      <c r="AG1956" s="55"/>
      <c r="AY1956" s="162"/>
      <c r="AZ1956" s="162"/>
      <c r="BA1956" s="162"/>
      <c r="BB1956" s="162"/>
      <c r="BC1956" s="162"/>
      <c r="BD1956" s="162"/>
      <c r="BE1956" s="162"/>
      <c r="BF1956" s="162"/>
      <c r="BG1956" s="162"/>
      <c r="BH1956" s="162"/>
      <c r="BI1956" s="162"/>
      <c r="BJ1956" s="162"/>
      <c r="BK1956" s="162"/>
      <c r="BL1956" s="162"/>
      <c r="BM1956" s="162"/>
      <c r="BN1956" s="162"/>
      <c r="BO1956" s="162"/>
      <c r="BP1956" s="162"/>
      <c r="BQ1956" s="162"/>
      <c r="BR1956" s="162"/>
      <c r="BS1956" s="162"/>
      <c r="BT1956" s="162"/>
      <c r="BU1956" s="162"/>
      <c r="BV1956" s="162"/>
      <c r="BW1956" s="162"/>
      <c r="BX1956" s="162"/>
      <c r="BY1956" s="162"/>
      <c r="BZ1956" s="162"/>
      <c r="CA1956" s="162"/>
      <c r="CB1956" s="162"/>
      <c r="CC1956" s="162"/>
      <c r="CD1956" s="162"/>
      <c r="CE1956" s="162"/>
      <c r="CF1956" s="162"/>
      <c r="CG1956" s="162"/>
      <c r="CH1956" s="162"/>
      <c r="CI1956" s="162"/>
      <c r="CJ1956" s="162"/>
      <c r="CK1956" s="162"/>
      <c r="CX1956" s="98"/>
      <c r="DL1956" s="97"/>
      <c r="DX1956" s="98"/>
      <c r="EL1956" s="97"/>
      <c r="EX1956" s="98"/>
      <c r="EY1956" s="97"/>
      <c r="FL1956" s="126"/>
      <c r="FM1956" s="91"/>
      <c r="FN1956" s="91"/>
      <c r="FO1956" s="91"/>
      <c r="FP1956" s="91"/>
      <c r="FQ1956" s="91"/>
      <c r="FR1956" s="91"/>
      <c r="FS1956" s="91"/>
      <c r="FT1956" s="91"/>
      <c r="FU1956" s="91"/>
      <c r="FV1956" s="91"/>
      <c r="FW1956" s="91"/>
      <c r="FX1956" s="91"/>
      <c r="FY1956" s="91"/>
      <c r="FZ1956" s="91"/>
      <c r="GA1956" s="91"/>
      <c r="GB1956" s="91"/>
      <c r="GC1956" s="91"/>
      <c r="GD1956" s="91"/>
      <c r="GE1956" s="91"/>
      <c r="GF1956" s="91"/>
      <c r="GG1956" s="91"/>
      <c r="GH1956" s="91"/>
      <c r="GI1956" s="91"/>
      <c r="GJ1956" s="91"/>
      <c r="GK1956" s="127"/>
      <c r="GL1956" s="126"/>
      <c r="GM1956" s="91"/>
      <c r="GN1956" s="91"/>
      <c r="GO1956" s="91"/>
      <c r="GP1956" s="91"/>
      <c r="GQ1956" s="91"/>
      <c r="GR1956" s="91"/>
      <c r="GS1956" s="91"/>
      <c r="GT1956" s="91"/>
      <c r="GU1956" s="91"/>
      <c r="GV1956" s="91"/>
      <c r="GW1956" s="91"/>
      <c r="GX1956" s="91"/>
      <c r="GY1956" s="91"/>
      <c r="GZ1956" s="91"/>
      <c r="HA1956" s="91"/>
      <c r="HB1956" s="91"/>
      <c r="HC1956" s="91"/>
      <c r="HD1956" s="91"/>
      <c r="HE1956" s="91"/>
      <c r="HF1956" s="91"/>
      <c r="HG1956" s="91"/>
      <c r="HH1956" s="91"/>
      <c r="HI1956" s="91"/>
      <c r="HJ1956" s="91"/>
      <c r="HK1956" s="127"/>
      <c r="HL1956" s="126"/>
      <c r="HM1956" s="91"/>
      <c r="HN1956" s="91"/>
      <c r="HO1956" s="91"/>
      <c r="HP1956" s="91"/>
      <c r="HQ1956" s="91"/>
      <c r="HR1956" s="91"/>
      <c r="HS1956" s="91"/>
      <c r="HT1956" s="91"/>
      <c r="HU1956" s="91"/>
      <c r="HV1956" s="91"/>
      <c r="HW1956" s="91"/>
      <c r="HX1956" s="91"/>
      <c r="HY1956" s="91"/>
      <c r="HZ1956" s="91"/>
      <c r="IA1956" s="91"/>
      <c r="IB1956" s="91"/>
      <c r="IC1956" s="91"/>
      <c r="ID1956" s="91"/>
      <c r="IE1956" s="91"/>
      <c r="IF1956" s="91"/>
      <c r="IG1956" s="91"/>
      <c r="IH1956" s="91"/>
      <c r="II1956" s="91"/>
      <c r="IJ1956" s="91"/>
      <c r="IK1956" s="127"/>
    </row>
    <row r="1957" spans="2:245" ht="13.5" thickBot="1" x14ac:dyDescent="0.25">
      <c r="B1957" s="43"/>
      <c r="C1957" s="73"/>
      <c r="D1957" s="64"/>
      <c r="E1957" s="64"/>
      <c r="F1957" s="55"/>
      <c r="G1957" s="102"/>
      <c r="H1957" s="55"/>
      <c r="I1957" s="55"/>
      <c r="J1957" s="55"/>
      <c r="K1957" s="55"/>
      <c r="L1957" s="55"/>
      <c r="M1957" s="55"/>
      <c r="N1957" s="55"/>
      <c r="O1957" s="55"/>
      <c r="P1957" s="55"/>
      <c r="Q1957" s="55"/>
      <c r="R1957" s="55"/>
      <c r="S1957" s="55"/>
      <c r="T1957" s="55"/>
      <c r="U1957" s="55"/>
      <c r="V1957" s="55"/>
      <c r="W1957" s="55"/>
      <c r="X1957" s="55"/>
      <c r="Y1957" s="55"/>
      <c r="Z1957" s="55"/>
      <c r="AA1957" s="55"/>
      <c r="AB1957" s="55"/>
      <c r="AC1957" s="55"/>
      <c r="AD1957" s="55"/>
      <c r="AE1957" s="55"/>
      <c r="AF1957" s="55"/>
      <c r="AG1957" s="55"/>
      <c r="AY1957" s="162"/>
      <c r="AZ1957" s="162"/>
      <c r="BA1957" s="162"/>
      <c r="BB1957" s="162"/>
      <c r="BC1957" s="162"/>
      <c r="BD1957" s="162"/>
      <c r="BE1957" s="162"/>
      <c r="BF1957" s="162"/>
      <c r="BG1957" s="162"/>
      <c r="BH1957" s="162"/>
      <c r="BI1957" s="162"/>
      <c r="BJ1957" s="162"/>
      <c r="BK1957" s="162"/>
      <c r="BL1957" s="162"/>
      <c r="BM1957" s="162"/>
      <c r="BN1957" s="162"/>
      <c r="BO1957" s="162"/>
      <c r="BP1957" s="162"/>
      <c r="BQ1957" s="162"/>
      <c r="BR1957" s="162"/>
      <c r="BS1957" s="162"/>
      <c r="BT1957" s="162"/>
      <c r="BU1957" s="162"/>
      <c r="BV1957" s="162"/>
      <c r="BW1957" s="162"/>
      <c r="BX1957" s="162"/>
      <c r="BY1957" s="162"/>
      <c r="BZ1957" s="162"/>
      <c r="CA1957" s="162"/>
      <c r="CB1957" s="162"/>
      <c r="CC1957" s="162"/>
      <c r="CD1957" s="162"/>
      <c r="CE1957" s="162"/>
      <c r="CF1957" s="162"/>
      <c r="CG1957" s="162"/>
      <c r="CH1957" s="162"/>
      <c r="CI1957" s="162"/>
      <c r="CJ1957" s="162"/>
      <c r="CK1957" s="162"/>
      <c r="CL1957" s="166"/>
      <c r="CM1957" s="166"/>
      <c r="CN1957" s="166"/>
      <c r="CO1957" s="166"/>
      <c r="CP1957" s="166"/>
      <c r="CQ1957" s="166"/>
      <c r="CR1957" s="166"/>
      <c r="CS1957" s="166"/>
      <c r="CT1957" s="166"/>
      <c r="CU1957" s="166"/>
      <c r="CV1957" s="166"/>
      <c r="CW1957" s="166"/>
      <c r="CX1957" s="176"/>
      <c r="CY1957" s="166"/>
      <c r="CZ1957" s="166"/>
      <c r="DA1957" s="166"/>
      <c r="DB1957" s="166"/>
      <c r="DC1957" s="166"/>
      <c r="DD1957" s="166"/>
      <c r="DE1957" s="166"/>
      <c r="DF1957" s="166"/>
      <c r="DG1957" s="166"/>
      <c r="DH1957" s="166"/>
      <c r="DI1957" s="166"/>
      <c r="DJ1957" s="166"/>
      <c r="DK1957" s="166"/>
      <c r="DL1957" s="175"/>
      <c r="DM1957" s="166"/>
      <c r="DN1957" s="166"/>
      <c r="DO1957" s="166"/>
      <c r="DP1957" s="166"/>
      <c r="DQ1957" s="166"/>
      <c r="DR1957" s="166"/>
      <c r="DS1957" s="166"/>
      <c r="DT1957" s="166"/>
      <c r="DU1957" s="166"/>
      <c r="DV1957" s="166"/>
      <c r="DW1957" s="166"/>
      <c r="DX1957" s="176"/>
      <c r="DY1957" s="166"/>
      <c r="DZ1957" s="166"/>
      <c r="EA1957" s="166"/>
      <c r="EB1957" s="166"/>
      <c r="EC1957" s="166"/>
      <c r="ED1957" s="166"/>
      <c r="EE1957" s="166"/>
      <c r="EF1957" s="166"/>
      <c r="EG1957" s="166"/>
      <c r="EH1957" s="166"/>
      <c r="EI1957" s="166"/>
      <c r="EJ1957" s="166"/>
      <c r="EK1957" s="166"/>
      <c r="EL1957" s="175"/>
      <c r="EM1957" s="166"/>
      <c r="EN1957" s="166"/>
      <c r="EO1957" s="166"/>
      <c r="EP1957" s="166"/>
      <c r="EQ1957" s="166"/>
      <c r="ER1957" s="166"/>
      <c r="ES1957" s="166"/>
      <c r="ET1957" s="166"/>
      <c r="EU1957" s="166"/>
      <c r="EV1957" s="166"/>
      <c r="EW1957" s="166"/>
      <c r="EX1957" s="176"/>
      <c r="EY1957" s="175"/>
      <c r="EZ1957" s="166"/>
      <c r="FA1957" s="166"/>
      <c r="FB1957" s="166"/>
      <c r="FC1957" s="166"/>
      <c r="FD1957" s="166"/>
      <c r="FE1957" s="166"/>
      <c r="FF1957" s="166"/>
      <c r="FG1957" s="166"/>
      <c r="FH1957" s="166"/>
      <c r="FI1957" s="166"/>
      <c r="FJ1957" s="166"/>
      <c r="FK1957" s="166"/>
      <c r="FL1957" s="126"/>
      <c r="FM1957" s="91"/>
      <c r="FN1957" s="91"/>
      <c r="FO1957" s="91"/>
      <c r="FP1957" s="91"/>
      <c r="FQ1957" s="91"/>
      <c r="FR1957" s="91"/>
      <c r="FS1957" s="91"/>
      <c r="FT1957" s="91"/>
      <c r="FU1957" s="91"/>
      <c r="FV1957" s="91"/>
      <c r="FW1957" s="91"/>
      <c r="FX1957" s="91"/>
      <c r="FY1957" s="91"/>
      <c r="FZ1957" s="91"/>
      <c r="GA1957" s="91"/>
      <c r="GB1957" s="91"/>
      <c r="GC1957" s="91"/>
      <c r="GD1957" s="91"/>
      <c r="GE1957" s="91"/>
      <c r="GF1957" s="91"/>
      <c r="GG1957" s="91"/>
      <c r="GH1957" s="91"/>
      <c r="GI1957" s="91"/>
      <c r="GJ1957" s="91"/>
      <c r="GK1957" s="127"/>
      <c r="GL1957" s="126"/>
      <c r="GM1957" s="91"/>
      <c r="GN1957" s="91"/>
      <c r="GO1957" s="91"/>
      <c r="GP1957" s="91"/>
      <c r="GQ1957" s="91"/>
      <c r="GR1957" s="91"/>
      <c r="GS1957" s="91"/>
      <c r="GT1957" s="91"/>
      <c r="GU1957" s="91"/>
      <c r="GV1957" s="91"/>
      <c r="GW1957" s="91"/>
      <c r="GX1957" s="91"/>
      <c r="GY1957" s="91"/>
      <c r="GZ1957" s="91"/>
      <c r="HA1957" s="91"/>
      <c r="HB1957" s="91"/>
      <c r="HC1957" s="91"/>
      <c r="HD1957" s="91"/>
      <c r="HE1957" s="91"/>
      <c r="HF1957" s="91"/>
      <c r="HG1957" s="91"/>
      <c r="HH1957" s="91"/>
      <c r="HI1957" s="91"/>
      <c r="HJ1957" s="91"/>
      <c r="HK1957" s="127"/>
      <c r="HL1957" s="126"/>
      <c r="HM1957" s="91"/>
      <c r="HN1957" s="91"/>
      <c r="HO1957" s="91"/>
      <c r="HP1957" s="91"/>
      <c r="HQ1957" s="91"/>
      <c r="HR1957" s="91"/>
      <c r="HS1957" s="91"/>
      <c r="HT1957" s="91"/>
      <c r="HU1957" s="91"/>
      <c r="HV1957" s="91"/>
      <c r="HW1957" s="91"/>
      <c r="HX1957" s="91"/>
      <c r="HY1957" s="91"/>
      <c r="HZ1957" s="91"/>
      <c r="IA1957" s="91"/>
      <c r="IB1957" s="91"/>
      <c r="IC1957" s="91"/>
      <c r="ID1957" s="91"/>
      <c r="IE1957" s="91"/>
      <c r="IF1957" s="91"/>
      <c r="IG1957" s="91"/>
      <c r="IH1957" s="91"/>
      <c r="II1957" s="91"/>
      <c r="IJ1957" s="91"/>
      <c r="IK1957" s="127"/>
    </row>
    <row r="1958" spans="2:245" x14ac:dyDescent="0.2">
      <c r="B1958" s="43"/>
      <c r="C1958" s="73"/>
      <c r="D1958" s="64"/>
      <c r="E1958" s="64"/>
      <c r="F1958" s="55"/>
      <c r="G1958" s="102"/>
      <c r="H1958" s="55"/>
      <c r="I1958" s="55"/>
      <c r="J1958" s="55"/>
      <c r="K1958" s="55"/>
      <c r="L1958" s="55"/>
      <c r="M1958" s="55"/>
      <c r="N1958" s="55"/>
      <c r="O1958" s="55"/>
      <c r="P1958" s="55"/>
      <c r="Q1958" s="55"/>
      <c r="R1958" s="55"/>
      <c r="S1958" s="55"/>
      <c r="T1958" s="55"/>
      <c r="U1958" s="55"/>
      <c r="V1958" s="55"/>
      <c r="W1958" s="55"/>
      <c r="X1958" s="55"/>
      <c r="Y1958" s="55"/>
      <c r="Z1958" s="55"/>
      <c r="AA1958" s="55"/>
      <c r="AB1958" s="55"/>
      <c r="AC1958" s="55"/>
      <c r="AD1958" s="55"/>
      <c r="AE1958" s="55"/>
      <c r="AF1958" s="55"/>
      <c r="AG1958" s="55"/>
      <c r="AY1958" s="162"/>
      <c r="AZ1958" s="162"/>
      <c r="BA1958" s="162"/>
      <c r="BB1958" s="162"/>
      <c r="BC1958" s="162"/>
      <c r="BD1958" s="162"/>
      <c r="BE1958" s="162"/>
      <c r="BF1958" s="162"/>
      <c r="BG1958" s="162"/>
      <c r="BH1958" s="162"/>
      <c r="BI1958" s="162"/>
      <c r="BJ1958" s="162"/>
      <c r="BK1958" s="162"/>
      <c r="BL1958" s="162"/>
      <c r="BM1958" s="162"/>
      <c r="BN1958" s="162"/>
      <c r="BO1958" s="162"/>
      <c r="BP1958" s="162"/>
      <c r="BQ1958" s="162"/>
      <c r="BR1958" s="162"/>
      <c r="BS1958" s="162"/>
      <c r="BT1958" s="162"/>
      <c r="BU1958" s="162"/>
      <c r="BV1958" s="162"/>
      <c r="BW1958" s="162"/>
      <c r="BX1958" s="162"/>
      <c r="BY1958" s="162"/>
      <c r="BZ1958" s="162"/>
      <c r="CA1958" s="162"/>
      <c r="CB1958" s="162"/>
      <c r="CC1958" s="162"/>
      <c r="CD1958" s="162"/>
      <c r="CE1958" s="162"/>
      <c r="CF1958" s="162"/>
      <c r="CG1958" s="162"/>
      <c r="CH1958" s="162"/>
      <c r="CI1958" s="162"/>
      <c r="CJ1958" s="162"/>
      <c r="CK1958" s="162"/>
      <c r="CX1958" s="98"/>
      <c r="DL1958" s="97"/>
      <c r="DX1958" s="98"/>
      <c r="EL1958" s="97"/>
      <c r="EX1958" s="98"/>
      <c r="EY1958" s="97"/>
      <c r="FL1958" s="126"/>
      <c r="FM1958" s="91"/>
      <c r="FN1958" s="91"/>
      <c r="FO1958" s="91"/>
      <c r="FP1958" s="91"/>
      <c r="FQ1958" s="91"/>
      <c r="FR1958" s="91"/>
      <c r="FS1958" s="91"/>
      <c r="FT1958" s="91"/>
      <c r="FU1958" s="91"/>
      <c r="FV1958" s="91"/>
      <c r="FW1958" s="91"/>
      <c r="FX1958" s="91"/>
      <c r="FY1958" s="91"/>
      <c r="FZ1958" s="91"/>
      <c r="GA1958" s="91"/>
      <c r="GB1958" s="91"/>
      <c r="GC1958" s="91"/>
      <c r="GD1958" s="91"/>
      <c r="GE1958" s="91"/>
      <c r="GF1958" s="91"/>
      <c r="GG1958" s="91"/>
      <c r="GH1958" s="91"/>
      <c r="GI1958" s="91"/>
      <c r="GJ1958" s="91"/>
      <c r="GK1958" s="127"/>
      <c r="GL1958" s="126"/>
      <c r="GM1958" s="91"/>
      <c r="GN1958" s="91"/>
      <c r="GO1958" s="91"/>
      <c r="GP1958" s="91"/>
      <c r="GQ1958" s="91"/>
      <c r="GR1958" s="91"/>
      <c r="GS1958" s="91"/>
      <c r="GT1958" s="91"/>
      <c r="GU1958" s="91"/>
      <c r="GV1958" s="91"/>
      <c r="GW1958" s="91"/>
      <c r="GX1958" s="91"/>
      <c r="GY1958" s="91"/>
      <c r="GZ1958" s="91"/>
      <c r="HA1958" s="91"/>
      <c r="HB1958" s="91"/>
      <c r="HC1958" s="91"/>
      <c r="HD1958" s="91"/>
      <c r="HE1958" s="91"/>
      <c r="HF1958" s="91"/>
      <c r="HG1958" s="91"/>
      <c r="HH1958" s="91"/>
      <c r="HI1958" s="91"/>
      <c r="HJ1958" s="91"/>
      <c r="HK1958" s="127"/>
      <c r="HL1958" s="126"/>
      <c r="HM1958" s="91"/>
      <c r="HN1958" s="91"/>
      <c r="HO1958" s="91"/>
      <c r="HP1958" s="91"/>
      <c r="HQ1958" s="91"/>
      <c r="HR1958" s="91"/>
      <c r="HS1958" s="91"/>
      <c r="HT1958" s="91"/>
      <c r="HU1958" s="91"/>
      <c r="HV1958" s="91"/>
      <c r="HW1958" s="91"/>
      <c r="HX1958" s="91"/>
      <c r="HY1958" s="91"/>
      <c r="HZ1958" s="91"/>
      <c r="IA1958" s="91"/>
      <c r="IB1958" s="91"/>
      <c r="IC1958" s="91"/>
      <c r="ID1958" s="91"/>
      <c r="IE1958" s="91"/>
      <c r="IF1958" s="91"/>
      <c r="IG1958" s="91"/>
      <c r="IH1958" s="91"/>
      <c r="II1958" s="91"/>
      <c r="IJ1958" s="91"/>
      <c r="IK1958" s="127"/>
    </row>
    <row r="1959" spans="2:245" x14ac:dyDescent="0.2">
      <c r="B1959" s="43"/>
      <c r="C1959" s="73"/>
      <c r="D1959" s="64"/>
      <c r="E1959" s="64"/>
      <c r="F1959" s="55"/>
      <c r="G1959" s="102"/>
      <c r="H1959" s="55"/>
      <c r="I1959" s="55"/>
      <c r="J1959" s="55"/>
      <c r="K1959" s="55"/>
      <c r="L1959" s="55"/>
      <c r="M1959" s="55"/>
      <c r="N1959" s="55"/>
      <c r="O1959" s="55"/>
      <c r="P1959" s="55"/>
      <c r="Q1959" s="55"/>
      <c r="R1959" s="55"/>
      <c r="S1959" s="55"/>
      <c r="T1959" s="55"/>
      <c r="U1959" s="55"/>
      <c r="V1959" s="55"/>
      <c r="W1959" s="55"/>
      <c r="X1959" s="55"/>
      <c r="Y1959" s="55"/>
      <c r="Z1959" s="55"/>
      <c r="AA1959" s="55"/>
      <c r="AB1959" s="55"/>
      <c r="AC1959" s="55"/>
      <c r="AD1959" s="55"/>
      <c r="AE1959" s="55"/>
      <c r="AF1959" s="55"/>
      <c r="AG1959" s="55"/>
      <c r="AY1959" s="162"/>
      <c r="AZ1959" s="162"/>
      <c r="BA1959" s="162"/>
      <c r="BB1959" s="162"/>
      <c r="BC1959" s="162"/>
      <c r="BD1959" s="162"/>
      <c r="BE1959" s="162"/>
      <c r="BF1959" s="162"/>
      <c r="BG1959" s="162"/>
      <c r="BH1959" s="162"/>
      <c r="BI1959" s="162"/>
      <c r="BJ1959" s="162"/>
      <c r="BK1959" s="162"/>
      <c r="BL1959" s="162"/>
      <c r="BM1959" s="162"/>
      <c r="BN1959" s="162"/>
      <c r="BO1959" s="162"/>
      <c r="BP1959" s="162"/>
      <c r="BQ1959" s="162"/>
      <c r="BR1959" s="162"/>
      <c r="BS1959" s="162"/>
      <c r="BT1959" s="162"/>
      <c r="BU1959" s="162"/>
      <c r="BV1959" s="162"/>
      <c r="BW1959" s="162"/>
      <c r="BX1959" s="162"/>
      <c r="BY1959" s="162"/>
      <c r="BZ1959" s="162"/>
      <c r="CA1959" s="162"/>
      <c r="CB1959" s="162"/>
      <c r="CC1959" s="162"/>
      <c r="CD1959" s="162"/>
      <c r="CE1959" s="162"/>
      <c r="CF1959" s="162"/>
      <c r="CG1959" s="162"/>
      <c r="CH1959" s="162"/>
      <c r="CI1959" s="162"/>
      <c r="CJ1959" s="162"/>
      <c r="CK1959" s="162"/>
      <c r="CX1959" s="98"/>
      <c r="DL1959" s="97"/>
      <c r="DX1959" s="98"/>
      <c r="EL1959" s="97"/>
      <c r="EX1959" s="98"/>
      <c r="EY1959" s="97"/>
      <c r="FL1959" s="126"/>
      <c r="FM1959" s="91"/>
      <c r="FN1959" s="91"/>
      <c r="FO1959" s="91"/>
      <c r="FP1959" s="91"/>
      <c r="FQ1959" s="91"/>
      <c r="FR1959" s="91"/>
      <c r="FS1959" s="91"/>
      <c r="FT1959" s="91"/>
      <c r="FU1959" s="91"/>
      <c r="FV1959" s="91"/>
      <c r="FW1959" s="91"/>
      <c r="FX1959" s="91"/>
      <c r="FY1959" s="91"/>
      <c r="FZ1959" s="91"/>
      <c r="GA1959" s="91"/>
      <c r="GB1959" s="91"/>
      <c r="GC1959" s="91"/>
      <c r="GD1959" s="91"/>
      <c r="GE1959" s="91"/>
      <c r="GF1959" s="91"/>
      <c r="GG1959" s="91"/>
      <c r="GH1959" s="91"/>
      <c r="GI1959" s="91"/>
      <c r="GJ1959" s="91"/>
      <c r="GK1959" s="127"/>
      <c r="GL1959" s="126"/>
      <c r="GM1959" s="91"/>
      <c r="GN1959" s="91"/>
      <c r="GO1959" s="91"/>
      <c r="GP1959" s="91"/>
      <c r="GQ1959" s="91"/>
      <c r="GR1959" s="91"/>
      <c r="GS1959" s="91"/>
      <c r="GT1959" s="91"/>
      <c r="GU1959" s="91"/>
      <c r="GV1959" s="91"/>
      <c r="GW1959" s="91"/>
      <c r="GX1959" s="91"/>
      <c r="GY1959" s="91"/>
      <c r="GZ1959" s="91"/>
      <c r="HA1959" s="91"/>
      <c r="HB1959" s="91"/>
      <c r="HC1959" s="91"/>
      <c r="HD1959" s="91"/>
      <c r="HE1959" s="91"/>
      <c r="HF1959" s="91"/>
      <c r="HG1959" s="91"/>
      <c r="HH1959" s="91"/>
      <c r="HI1959" s="91"/>
      <c r="HJ1959" s="91"/>
      <c r="HK1959" s="127"/>
      <c r="HL1959" s="126"/>
      <c r="HM1959" s="91"/>
      <c r="HN1959" s="91"/>
      <c r="HO1959" s="91"/>
      <c r="HP1959" s="91"/>
      <c r="HQ1959" s="91"/>
      <c r="HR1959" s="91"/>
      <c r="HS1959" s="91"/>
      <c r="HT1959" s="91"/>
      <c r="HU1959" s="91"/>
      <c r="HV1959" s="91"/>
      <c r="HW1959" s="91"/>
      <c r="HX1959" s="91"/>
      <c r="HY1959" s="91"/>
      <c r="HZ1959" s="91"/>
      <c r="IA1959" s="91"/>
      <c r="IB1959" s="91"/>
      <c r="IC1959" s="91"/>
      <c r="ID1959" s="91"/>
      <c r="IE1959" s="91"/>
      <c r="IF1959" s="91"/>
      <c r="IG1959" s="91"/>
      <c r="IH1959" s="91"/>
      <c r="II1959" s="91"/>
      <c r="IJ1959" s="91"/>
      <c r="IK1959" s="127"/>
    </row>
    <row r="1960" spans="2:245" x14ac:dyDescent="0.2">
      <c r="B1960" s="43"/>
      <c r="C1960" s="73"/>
      <c r="D1960" s="64"/>
      <c r="E1960" s="64"/>
      <c r="F1960" s="55"/>
      <c r="G1960" s="102"/>
      <c r="H1960" s="55"/>
      <c r="I1960" s="55"/>
      <c r="J1960" s="55"/>
      <c r="K1960" s="55"/>
      <c r="L1960" s="55"/>
      <c r="M1960" s="55"/>
      <c r="N1960" s="55"/>
      <c r="O1960" s="55"/>
      <c r="P1960" s="55"/>
      <c r="Q1960" s="55"/>
      <c r="R1960" s="55"/>
      <c r="S1960" s="55"/>
      <c r="T1960" s="55"/>
      <c r="U1960" s="55"/>
      <c r="V1960" s="55"/>
      <c r="W1960" s="55"/>
      <c r="X1960" s="55"/>
      <c r="Y1960" s="55"/>
      <c r="Z1960" s="55"/>
      <c r="AA1960" s="55"/>
      <c r="AB1960" s="55"/>
      <c r="AC1960" s="55"/>
      <c r="AD1960" s="55"/>
      <c r="AE1960" s="55"/>
      <c r="AF1960" s="55"/>
      <c r="AG1960" s="55"/>
      <c r="AY1960" s="162"/>
      <c r="AZ1960" s="162"/>
      <c r="BA1960" s="162"/>
      <c r="BB1960" s="162"/>
      <c r="BC1960" s="162"/>
      <c r="BD1960" s="162"/>
      <c r="BE1960" s="162"/>
      <c r="BF1960" s="162"/>
      <c r="BG1960" s="162"/>
      <c r="BH1960" s="162"/>
      <c r="BI1960" s="162"/>
      <c r="BJ1960" s="162"/>
      <c r="BK1960" s="162"/>
      <c r="BL1960" s="162"/>
      <c r="BM1960" s="162"/>
      <c r="BN1960" s="162"/>
      <c r="BO1960" s="162"/>
      <c r="BP1960" s="162"/>
      <c r="BQ1960" s="162"/>
      <c r="BR1960" s="162"/>
      <c r="BS1960" s="162"/>
      <c r="BT1960" s="162"/>
      <c r="BU1960" s="162"/>
      <c r="BV1960" s="162"/>
      <c r="BW1960" s="162"/>
      <c r="BX1960" s="162"/>
      <c r="BY1960" s="162"/>
      <c r="BZ1960" s="162"/>
      <c r="CA1960" s="162"/>
      <c r="CB1960" s="162"/>
      <c r="CC1960" s="162"/>
      <c r="CD1960" s="162"/>
      <c r="CE1960" s="162"/>
      <c r="CF1960" s="162"/>
      <c r="CG1960" s="162"/>
      <c r="CH1960" s="162"/>
      <c r="CI1960" s="162"/>
      <c r="CJ1960" s="162"/>
      <c r="CK1960" s="162"/>
      <c r="CX1960" s="98"/>
      <c r="DL1960" s="97"/>
      <c r="DX1960" s="98"/>
      <c r="EL1960" s="97"/>
      <c r="EX1960" s="98"/>
      <c r="EY1960" s="97"/>
      <c r="FL1960" s="126"/>
      <c r="FM1960" s="91"/>
      <c r="FN1960" s="91"/>
      <c r="FO1960" s="91"/>
      <c r="FP1960" s="91"/>
      <c r="FQ1960" s="91"/>
      <c r="FR1960" s="91"/>
      <c r="FS1960" s="91"/>
      <c r="FT1960" s="91"/>
      <c r="FU1960" s="91"/>
      <c r="FV1960" s="91"/>
      <c r="FW1960" s="91"/>
      <c r="FX1960" s="91"/>
      <c r="FY1960" s="91"/>
      <c r="FZ1960" s="91"/>
      <c r="GA1960" s="91"/>
      <c r="GB1960" s="91"/>
      <c r="GC1960" s="91"/>
      <c r="GD1960" s="91"/>
      <c r="GE1960" s="91"/>
      <c r="GF1960" s="91"/>
      <c r="GG1960" s="91"/>
      <c r="GH1960" s="91"/>
      <c r="GI1960" s="91"/>
      <c r="GJ1960" s="91"/>
      <c r="GK1960" s="127"/>
      <c r="GL1960" s="126"/>
      <c r="GM1960" s="91"/>
      <c r="GN1960" s="91"/>
      <c r="GO1960" s="91"/>
      <c r="GP1960" s="91"/>
      <c r="GQ1960" s="91"/>
      <c r="GR1960" s="91"/>
      <c r="GS1960" s="91"/>
      <c r="GT1960" s="91"/>
      <c r="GU1960" s="91"/>
      <c r="GV1960" s="91"/>
      <c r="GW1960" s="91"/>
      <c r="GX1960" s="91"/>
      <c r="GY1960" s="91"/>
      <c r="GZ1960" s="91"/>
      <c r="HA1960" s="91"/>
      <c r="HB1960" s="91"/>
      <c r="HC1960" s="91"/>
      <c r="HD1960" s="91"/>
      <c r="HE1960" s="91"/>
      <c r="HF1960" s="91"/>
      <c r="HG1960" s="91"/>
      <c r="HH1960" s="91"/>
      <c r="HI1960" s="91"/>
      <c r="HJ1960" s="91"/>
      <c r="HK1960" s="127"/>
      <c r="HL1960" s="126"/>
      <c r="HM1960" s="91"/>
      <c r="HN1960" s="91"/>
      <c r="HO1960" s="91"/>
      <c r="HP1960" s="91"/>
      <c r="HQ1960" s="91"/>
      <c r="HR1960" s="91"/>
      <c r="HS1960" s="91"/>
      <c r="HT1960" s="91"/>
      <c r="HU1960" s="91"/>
      <c r="HV1960" s="91"/>
      <c r="HW1960" s="91"/>
      <c r="HX1960" s="91"/>
      <c r="HY1960" s="91"/>
      <c r="HZ1960" s="91"/>
      <c r="IA1960" s="91"/>
      <c r="IB1960" s="91"/>
      <c r="IC1960" s="91"/>
      <c r="ID1960" s="91"/>
      <c r="IE1960" s="91"/>
      <c r="IF1960" s="91"/>
      <c r="IG1960" s="91"/>
      <c r="IH1960" s="91"/>
      <c r="II1960" s="91"/>
      <c r="IJ1960" s="91"/>
      <c r="IK1960" s="127"/>
    </row>
    <row r="1961" spans="2:245" x14ac:dyDescent="0.2">
      <c r="B1961" s="43"/>
      <c r="C1961" s="73"/>
      <c r="D1961" s="64"/>
      <c r="E1961" s="64"/>
      <c r="F1961" s="55"/>
      <c r="G1961" s="102"/>
      <c r="H1961" s="55"/>
      <c r="I1961" s="55"/>
      <c r="J1961" s="55"/>
      <c r="K1961" s="55"/>
      <c r="L1961" s="55"/>
      <c r="M1961" s="55"/>
      <c r="N1961" s="55"/>
      <c r="O1961" s="55"/>
      <c r="P1961" s="55"/>
      <c r="Q1961" s="55"/>
      <c r="R1961" s="55"/>
      <c r="S1961" s="55"/>
      <c r="T1961" s="55"/>
      <c r="U1961" s="55"/>
      <c r="V1961" s="55"/>
      <c r="W1961" s="55"/>
      <c r="X1961" s="55"/>
      <c r="Y1961" s="55"/>
      <c r="Z1961" s="55"/>
      <c r="AA1961" s="55"/>
      <c r="AB1961" s="55"/>
      <c r="AC1961" s="55"/>
      <c r="AD1961" s="55"/>
      <c r="AE1961" s="55"/>
      <c r="AF1961" s="55"/>
      <c r="AG1961" s="55"/>
      <c r="AY1961" s="162"/>
      <c r="AZ1961" s="162"/>
      <c r="BA1961" s="162"/>
      <c r="BB1961" s="162"/>
      <c r="BC1961" s="162"/>
      <c r="BD1961" s="162"/>
      <c r="BE1961" s="162"/>
      <c r="BF1961" s="162"/>
      <c r="BG1961" s="162"/>
      <c r="BH1961" s="162"/>
      <c r="BI1961" s="162"/>
      <c r="BJ1961" s="162"/>
      <c r="BK1961" s="162"/>
      <c r="BL1961" s="162"/>
      <c r="BM1961" s="162"/>
      <c r="BN1961" s="162"/>
      <c r="BO1961" s="162"/>
      <c r="BP1961" s="162"/>
      <c r="BQ1961" s="162"/>
      <c r="BR1961" s="162"/>
      <c r="BS1961" s="162"/>
      <c r="BT1961" s="162"/>
      <c r="BU1961" s="162"/>
      <c r="BV1961" s="162"/>
      <c r="BW1961" s="162"/>
      <c r="BX1961" s="162"/>
      <c r="BY1961" s="162"/>
      <c r="BZ1961" s="162"/>
      <c r="CA1961" s="162"/>
      <c r="CB1961" s="162"/>
      <c r="CC1961" s="162"/>
      <c r="CD1961" s="162"/>
      <c r="CE1961" s="162"/>
      <c r="CF1961" s="162"/>
      <c r="CG1961" s="162"/>
      <c r="CH1961" s="162"/>
      <c r="CI1961" s="162"/>
      <c r="CJ1961" s="162"/>
      <c r="CK1961" s="162"/>
      <c r="CX1961" s="98"/>
      <c r="DL1961" s="97"/>
      <c r="DX1961" s="98"/>
      <c r="EL1961" s="97"/>
      <c r="EX1961" s="98"/>
      <c r="EY1961" s="97"/>
      <c r="FL1961" s="126"/>
      <c r="FM1961" s="91"/>
      <c r="FN1961" s="91"/>
      <c r="FO1961" s="91"/>
      <c r="FP1961" s="91"/>
      <c r="FQ1961" s="91"/>
      <c r="FR1961" s="91"/>
      <c r="FS1961" s="91"/>
      <c r="FT1961" s="91"/>
      <c r="FU1961" s="91"/>
      <c r="FV1961" s="91"/>
      <c r="FW1961" s="91"/>
      <c r="FX1961" s="91"/>
      <c r="FY1961" s="91"/>
      <c r="FZ1961" s="91"/>
      <c r="GA1961" s="91"/>
      <c r="GB1961" s="91"/>
      <c r="GC1961" s="91"/>
      <c r="GD1961" s="91"/>
      <c r="GE1961" s="91"/>
      <c r="GF1961" s="91"/>
      <c r="GG1961" s="91"/>
      <c r="GH1961" s="91"/>
      <c r="GI1961" s="91"/>
      <c r="GJ1961" s="91"/>
      <c r="GK1961" s="127"/>
      <c r="GL1961" s="126"/>
      <c r="GM1961" s="91"/>
      <c r="GN1961" s="91"/>
      <c r="GO1961" s="91"/>
      <c r="GP1961" s="91"/>
      <c r="GQ1961" s="91"/>
      <c r="GR1961" s="91"/>
      <c r="GS1961" s="91"/>
      <c r="GT1961" s="91"/>
      <c r="GU1961" s="91"/>
      <c r="GV1961" s="91"/>
      <c r="GW1961" s="91"/>
      <c r="GX1961" s="91"/>
      <c r="GY1961" s="91"/>
      <c r="GZ1961" s="91"/>
      <c r="HA1961" s="91"/>
      <c r="HB1961" s="91"/>
      <c r="HC1961" s="91"/>
      <c r="HD1961" s="91"/>
      <c r="HE1961" s="91"/>
      <c r="HF1961" s="91"/>
      <c r="HG1961" s="91"/>
      <c r="HH1961" s="91"/>
      <c r="HI1961" s="91"/>
      <c r="HJ1961" s="91"/>
      <c r="HK1961" s="127"/>
      <c r="HL1961" s="126"/>
      <c r="HM1961" s="91"/>
      <c r="HN1961" s="91"/>
      <c r="HO1961" s="91"/>
      <c r="HP1961" s="91"/>
      <c r="HQ1961" s="91"/>
      <c r="HR1961" s="91"/>
      <c r="HS1961" s="91"/>
      <c r="HT1961" s="91"/>
      <c r="HU1961" s="91"/>
      <c r="HV1961" s="91"/>
      <c r="HW1961" s="91"/>
      <c r="HX1961" s="91"/>
      <c r="HY1961" s="91"/>
      <c r="HZ1961" s="91"/>
      <c r="IA1961" s="91"/>
      <c r="IB1961" s="91"/>
      <c r="IC1961" s="91"/>
      <c r="ID1961" s="91"/>
      <c r="IE1961" s="91"/>
      <c r="IF1961" s="91"/>
      <c r="IG1961" s="91"/>
      <c r="IH1961" s="91"/>
      <c r="II1961" s="91"/>
      <c r="IJ1961" s="91"/>
      <c r="IK1961" s="127"/>
    </row>
    <row r="1962" spans="2:245" x14ac:dyDescent="0.2">
      <c r="B1962" s="43"/>
      <c r="C1962" s="73"/>
      <c r="D1962" s="64"/>
      <c r="E1962" s="64"/>
      <c r="F1962" s="55"/>
      <c r="G1962" s="102"/>
      <c r="H1962" s="55"/>
      <c r="I1962" s="55"/>
      <c r="J1962" s="55"/>
      <c r="K1962" s="55"/>
      <c r="L1962" s="55"/>
      <c r="M1962" s="55"/>
      <c r="N1962" s="55"/>
      <c r="O1962" s="55"/>
      <c r="P1962" s="55"/>
      <c r="Q1962" s="55"/>
      <c r="R1962" s="55"/>
      <c r="S1962" s="55"/>
      <c r="T1962" s="55"/>
      <c r="U1962" s="55"/>
      <c r="V1962" s="55"/>
      <c r="W1962" s="55"/>
      <c r="X1962" s="55"/>
      <c r="Y1962" s="55"/>
      <c r="Z1962" s="55"/>
      <c r="AA1962" s="55"/>
      <c r="AB1962" s="55"/>
      <c r="AC1962" s="55"/>
      <c r="AD1962" s="55"/>
      <c r="AE1962" s="55"/>
      <c r="AF1962" s="55"/>
      <c r="AG1962" s="55"/>
      <c r="AY1962" s="162"/>
      <c r="AZ1962" s="162"/>
      <c r="BA1962" s="162"/>
      <c r="BB1962" s="162"/>
      <c r="BC1962" s="162"/>
      <c r="BD1962" s="162"/>
      <c r="BE1962" s="162"/>
      <c r="BF1962" s="162"/>
      <c r="BG1962" s="162"/>
      <c r="BH1962" s="162"/>
      <c r="BI1962" s="162"/>
      <c r="BJ1962" s="162"/>
      <c r="BK1962" s="162"/>
      <c r="BL1962" s="162"/>
      <c r="BM1962" s="162"/>
      <c r="BN1962" s="162"/>
      <c r="BO1962" s="162"/>
      <c r="BP1962" s="162"/>
      <c r="BQ1962" s="162"/>
      <c r="BR1962" s="162"/>
      <c r="BS1962" s="162"/>
      <c r="BT1962" s="162"/>
      <c r="BU1962" s="162"/>
      <c r="BV1962" s="162"/>
      <c r="BW1962" s="162"/>
      <c r="BX1962" s="162"/>
      <c r="BY1962" s="162"/>
      <c r="BZ1962" s="162"/>
      <c r="CA1962" s="162"/>
      <c r="CB1962" s="162"/>
      <c r="CC1962" s="162"/>
      <c r="CD1962" s="162"/>
      <c r="CE1962" s="162"/>
      <c r="CF1962" s="162"/>
      <c r="CG1962" s="162"/>
      <c r="CH1962" s="162"/>
      <c r="CI1962" s="162"/>
      <c r="CJ1962" s="162"/>
      <c r="CK1962" s="162"/>
      <c r="CX1962" s="98"/>
      <c r="DL1962" s="97"/>
      <c r="DX1962" s="98"/>
      <c r="EL1962" s="97"/>
      <c r="EX1962" s="98"/>
      <c r="EY1962" s="97"/>
      <c r="FL1962" s="126"/>
      <c r="FM1962" s="91"/>
      <c r="FN1962" s="91"/>
      <c r="FO1962" s="91"/>
      <c r="FP1962" s="91"/>
      <c r="FQ1962" s="91"/>
      <c r="FR1962" s="91"/>
      <c r="FS1962" s="91"/>
      <c r="FT1962" s="91"/>
      <c r="FU1962" s="91"/>
      <c r="FV1962" s="91"/>
      <c r="FW1962" s="91"/>
      <c r="FX1962" s="91"/>
      <c r="FY1962" s="91"/>
      <c r="FZ1962" s="91"/>
      <c r="GA1962" s="91"/>
      <c r="GB1962" s="91"/>
      <c r="GC1962" s="91"/>
      <c r="GD1962" s="91"/>
      <c r="GE1962" s="91"/>
      <c r="GF1962" s="91"/>
      <c r="GG1962" s="91"/>
      <c r="GH1962" s="91"/>
      <c r="GI1962" s="91"/>
      <c r="GJ1962" s="91"/>
      <c r="GK1962" s="127"/>
      <c r="GL1962" s="126"/>
      <c r="GM1962" s="91"/>
      <c r="GN1962" s="91"/>
      <c r="GO1962" s="91"/>
      <c r="GP1962" s="91"/>
      <c r="GQ1962" s="91"/>
      <c r="GR1962" s="91"/>
      <c r="GS1962" s="91"/>
      <c r="GT1962" s="91"/>
      <c r="GU1962" s="91"/>
      <c r="GV1962" s="91"/>
      <c r="GW1962" s="91"/>
      <c r="GX1962" s="91"/>
      <c r="GY1962" s="91"/>
      <c r="GZ1962" s="91"/>
      <c r="HA1962" s="91"/>
      <c r="HB1962" s="91"/>
      <c r="HC1962" s="91"/>
      <c r="HD1962" s="91"/>
      <c r="HE1962" s="91"/>
      <c r="HF1962" s="91"/>
      <c r="HG1962" s="91"/>
      <c r="HH1962" s="91"/>
      <c r="HI1962" s="91"/>
      <c r="HJ1962" s="91"/>
      <c r="HK1962" s="127"/>
      <c r="HL1962" s="126"/>
      <c r="HM1962" s="91"/>
      <c r="HN1962" s="91"/>
      <c r="HO1962" s="91"/>
      <c r="HP1962" s="91"/>
      <c r="HQ1962" s="91"/>
      <c r="HR1962" s="91"/>
      <c r="HS1962" s="91"/>
      <c r="HT1962" s="91"/>
      <c r="HU1962" s="91"/>
      <c r="HV1962" s="91"/>
      <c r="HW1962" s="91"/>
      <c r="HX1962" s="91"/>
      <c r="HY1962" s="91"/>
      <c r="HZ1962" s="91"/>
      <c r="IA1962" s="91"/>
      <c r="IB1962" s="91"/>
      <c r="IC1962" s="91"/>
      <c r="ID1962" s="91"/>
      <c r="IE1962" s="91"/>
      <c r="IF1962" s="91"/>
      <c r="IG1962" s="91"/>
      <c r="IH1962" s="91"/>
      <c r="II1962" s="91"/>
      <c r="IJ1962" s="91"/>
      <c r="IK1962" s="127"/>
    </row>
    <row r="1963" spans="2:245" x14ac:dyDescent="0.2">
      <c r="B1963" s="43"/>
      <c r="C1963" s="73"/>
      <c r="D1963" s="64"/>
      <c r="E1963" s="64"/>
      <c r="F1963" s="55"/>
      <c r="G1963" s="102"/>
      <c r="H1963" s="55"/>
      <c r="I1963" s="55"/>
      <c r="J1963" s="55"/>
      <c r="K1963" s="55"/>
      <c r="L1963" s="55"/>
      <c r="M1963" s="55"/>
      <c r="N1963" s="55"/>
      <c r="O1963" s="55"/>
      <c r="P1963" s="55"/>
      <c r="Q1963" s="55"/>
      <c r="R1963" s="55"/>
      <c r="S1963" s="55"/>
      <c r="T1963" s="55"/>
      <c r="U1963" s="55"/>
      <c r="V1963" s="55"/>
      <c r="W1963" s="55"/>
      <c r="X1963" s="55"/>
      <c r="Y1963" s="55"/>
      <c r="Z1963" s="55"/>
      <c r="AA1963" s="55"/>
      <c r="AB1963" s="55"/>
      <c r="AC1963" s="55"/>
      <c r="AD1963" s="55"/>
      <c r="AE1963" s="55"/>
      <c r="AF1963" s="55"/>
      <c r="AG1963" s="55"/>
      <c r="AY1963" s="162"/>
      <c r="AZ1963" s="162"/>
      <c r="BA1963" s="162"/>
      <c r="BB1963" s="162"/>
      <c r="BC1963" s="162"/>
      <c r="BD1963" s="162"/>
      <c r="BE1963" s="162"/>
      <c r="BF1963" s="162"/>
      <c r="BG1963" s="162"/>
      <c r="BH1963" s="162"/>
      <c r="BI1963" s="162"/>
      <c r="BJ1963" s="162"/>
      <c r="BK1963" s="162"/>
      <c r="BL1963" s="162"/>
      <c r="BM1963" s="162"/>
      <c r="BN1963" s="162"/>
      <c r="BO1963" s="162"/>
      <c r="BP1963" s="162"/>
      <c r="BQ1963" s="162"/>
      <c r="BR1963" s="162"/>
      <c r="BS1963" s="162"/>
      <c r="BT1963" s="162"/>
      <c r="BU1963" s="162"/>
      <c r="BV1963" s="162"/>
      <c r="BW1963" s="162"/>
      <c r="BX1963" s="162"/>
      <c r="BY1963" s="162"/>
      <c r="BZ1963" s="162"/>
      <c r="CA1963" s="162"/>
      <c r="CB1963" s="162"/>
      <c r="CC1963" s="162"/>
      <c r="CD1963" s="162"/>
      <c r="CE1963" s="162"/>
      <c r="CF1963" s="162"/>
      <c r="CG1963" s="162"/>
      <c r="CH1963" s="162"/>
      <c r="CI1963" s="162"/>
      <c r="CJ1963" s="162"/>
      <c r="CK1963" s="162"/>
      <c r="CX1963" s="98"/>
      <c r="DL1963" s="97"/>
      <c r="DX1963" s="98"/>
      <c r="EL1963" s="97"/>
      <c r="EX1963" s="98"/>
      <c r="EY1963" s="97"/>
      <c r="FL1963" s="126"/>
      <c r="FM1963" s="91"/>
      <c r="FN1963" s="91"/>
      <c r="FO1963" s="91"/>
      <c r="FP1963" s="91"/>
      <c r="FQ1963" s="91"/>
      <c r="FR1963" s="91"/>
      <c r="FS1963" s="91"/>
      <c r="FT1963" s="91"/>
      <c r="FU1963" s="91"/>
      <c r="FV1963" s="91"/>
      <c r="FW1963" s="91"/>
      <c r="FX1963" s="91"/>
      <c r="FY1963" s="91"/>
      <c r="FZ1963" s="91"/>
      <c r="GA1963" s="91"/>
      <c r="GB1963" s="91"/>
      <c r="GC1963" s="91"/>
      <c r="GD1963" s="91"/>
      <c r="GE1963" s="91"/>
      <c r="GF1963" s="91"/>
      <c r="GG1963" s="91"/>
      <c r="GH1963" s="91"/>
      <c r="GI1963" s="91"/>
      <c r="GJ1963" s="91"/>
      <c r="GK1963" s="127"/>
      <c r="GL1963" s="126"/>
      <c r="GM1963" s="91"/>
      <c r="GN1963" s="91"/>
      <c r="GO1963" s="91"/>
      <c r="GP1963" s="91"/>
      <c r="GQ1963" s="91"/>
      <c r="GR1963" s="91"/>
      <c r="GS1963" s="91"/>
      <c r="GT1963" s="91"/>
      <c r="GU1963" s="91"/>
      <c r="GV1963" s="91"/>
      <c r="GW1963" s="91"/>
      <c r="GX1963" s="91"/>
      <c r="GY1963" s="91"/>
      <c r="GZ1963" s="91"/>
      <c r="HA1963" s="91"/>
      <c r="HB1963" s="91"/>
      <c r="HC1963" s="91"/>
      <c r="HD1963" s="91"/>
      <c r="HE1963" s="91"/>
      <c r="HF1963" s="91"/>
      <c r="HG1963" s="91"/>
      <c r="HH1963" s="91"/>
      <c r="HI1963" s="91"/>
      <c r="HJ1963" s="91"/>
      <c r="HK1963" s="127"/>
      <c r="HL1963" s="126"/>
      <c r="HM1963" s="91"/>
      <c r="HN1963" s="91"/>
      <c r="HO1963" s="91"/>
      <c r="HP1963" s="91"/>
      <c r="HQ1963" s="91"/>
      <c r="HR1963" s="91"/>
      <c r="HS1963" s="91"/>
      <c r="HT1963" s="91"/>
      <c r="HU1963" s="91"/>
      <c r="HV1963" s="91"/>
      <c r="HW1963" s="91"/>
      <c r="HX1963" s="91"/>
      <c r="HY1963" s="91"/>
      <c r="HZ1963" s="91"/>
      <c r="IA1963" s="91"/>
      <c r="IB1963" s="91"/>
      <c r="IC1963" s="91"/>
      <c r="ID1963" s="91"/>
      <c r="IE1963" s="91"/>
      <c r="IF1963" s="91"/>
      <c r="IG1963" s="91"/>
      <c r="IH1963" s="91"/>
      <c r="II1963" s="91"/>
      <c r="IJ1963" s="91"/>
      <c r="IK1963" s="127"/>
    </row>
    <row r="1964" spans="2:245" x14ac:dyDescent="0.2">
      <c r="B1964" s="43"/>
      <c r="C1964" s="73"/>
      <c r="D1964" s="64"/>
      <c r="E1964" s="64"/>
      <c r="F1964" s="55"/>
      <c r="G1964" s="102"/>
      <c r="H1964" s="55"/>
      <c r="I1964" s="55"/>
      <c r="J1964" s="55"/>
      <c r="K1964" s="55"/>
      <c r="L1964" s="55"/>
      <c r="M1964" s="55"/>
      <c r="N1964" s="55"/>
      <c r="O1964" s="55"/>
      <c r="P1964" s="55"/>
      <c r="Q1964" s="55"/>
      <c r="R1964" s="55"/>
      <c r="S1964" s="55"/>
      <c r="T1964" s="55"/>
      <c r="U1964" s="55"/>
      <c r="V1964" s="55"/>
      <c r="W1964" s="55"/>
      <c r="X1964" s="55"/>
      <c r="Y1964" s="55"/>
      <c r="Z1964" s="55"/>
      <c r="AA1964" s="55"/>
      <c r="AB1964" s="55"/>
      <c r="AC1964" s="55"/>
      <c r="AD1964" s="55"/>
      <c r="AE1964" s="55"/>
      <c r="AF1964" s="55"/>
      <c r="AG1964" s="55"/>
      <c r="AY1964" s="162"/>
      <c r="AZ1964" s="162"/>
      <c r="BA1964" s="162"/>
      <c r="BB1964" s="162"/>
      <c r="BC1964" s="162"/>
      <c r="BD1964" s="162"/>
      <c r="BE1964" s="162"/>
      <c r="BF1964" s="162"/>
      <c r="BG1964" s="162"/>
      <c r="BH1964" s="162"/>
      <c r="BI1964" s="162"/>
      <c r="BJ1964" s="162"/>
      <c r="BK1964" s="162"/>
      <c r="BL1964" s="162"/>
      <c r="BM1964" s="162"/>
      <c r="BN1964" s="162"/>
      <c r="BO1964" s="162"/>
      <c r="BP1964" s="162"/>
      <c r="BQ1964" s="162"/>
      <c r="BR1964" s="162"/>
      <c r="BS1964" s="162"/>
      <c r="BT1964" s="162"/>
      <c r="BU1964" s="162"/>
      <c r="BV1964" s="162"/>
      <c r="BW1964" s="162"/>
      <c r="BX1964" s="162"/>
      <c r="BY1964" s="162"/>
      <c r="BZ1964" s="162"/>
      <c r="CA1964" s="162"/>
      <c r="CB1964" s="162"/>
      <c r="CC1964" s="162"/>
      <c r="CD1964" s="162"/>
      <c r="CE1964" s="162"/>
      <c r="CF1964" s="162"/>
      <c r="CG1964" s="162"/>
      <c r="CH1964" s="162"/>
      <c r="CI1964" s="162"/>
      <c r="CJ1964" s="162"/>
      <c r="CK1964" s="162"/>
      <c r="CX1964" s="98"/>
      <c r="DL1964" s="97"/>
      <c r="DX1964" s="98"/>
      <c r="EL1964" s="97"/>
      <c r="EX1964" s="98"/>
      <c r="EY1964" s="97"/>
      <c r="FL1964" s="126"/>
      <c r="FM1964" s="91"/>
      <c r="FN1964" s="91"/>
      <c r="FO1964" s="91"/>
      <c r="FP1964" s="91"/>
      <c r="FQ1964" s="91"/>
      <c r="FR1964" s="91"/>
      <c r="FS1964" s="91"/>
      <c r="FT1964" s="91"/>
      <c r="FU1964" s="91"/>
      <c r="FV1964" s="91"/>
      <c r="FW1964" s="91"/>
      <c r="FX1964" s="91"/>
      <c r="FY1964" s="91"/>
      <c r="FZ1964" s="91"/>
      <c r="GA1964" s="91"/>
      <c r="GB1964" s="91"/>
      <c r="GC1964" s="91"/>
      <c r="GD1964" s="91"/>
      <c r="GE1964" s="91"/>
      <c r="GF1964" s="91"/>
      <c r="GG1964" s="91"/>
      <c r="GH1964" s="91"/>
      <c r="GI1964" s="91"/>
      <c r="GJ1964" s="91"/>
      <c r="GK1964" s="127"/>
      <c r="GL1964" s="126"/>
      <c r="GM1964" s="91"/>
      <c r="GN1964" s="91"/>
      <c r="GO1964" s="91"/>
      <c r="GP1964" s="91"/>
      <c r="GQ1964" s="91"/>
      <c r="GR1964" s="91"/>
      <c r="GS1964" s="91"/>
      <c r="GT1964" s="91"/>
      <c r="GU1964" s="91"/>
      <c r="GV1964" s="91"/>
      <c r="GW1964" s="91"/>
      <c r="GX1964" s="91"/>
      <c r="GY1964" s="91"/>
      <c r="GZ1964" s="91"/>
      <c r="HA1964" s="91"/>
      <c r="HB1964" s="91"/>
      <c r="HC1964" s="91"/>
      <c r="HD1964" s="91"/>
      <c r="HE1964" s="91"/>
      <c r="HF1964" s="91"/>
      <c r="HG1964" s="91"/>
      <c r="HH1964" s="91"/>
      <c r="HI1964" s="91"/>
      <c r="HJ1964" s="91"/>
      <c r="HK1964" s="127"/>
      <c r="HL1964" s="126"/>
      <c r="HM1964" s="91"/>
      <c r="HN1964" s="91"/>
      <c r="HO1964" s="91"/>
      <c r="HP1964" s="91"/>
      <c r="HQ1964" s="91"/>
      <c r="HR1964" s="91"/>
      <c r="HS1964" s="91"/>
      <c r="HT1964" s="91"/>
      <c r="HU1964" s="91"/>
      <c r="HV1964" s="91"/>
      <c r="HW1964" s="91"/>
      <c r="HX1964" s="91"/>
      <c r="HY1964" s="91"/>
      <c r="HZ1964" s="91"/>
      <c r="IA1964" s="91"/>
      <c r="IB1964" s="91"/>
      <c r="IC1964" s="91"/>
      <c r="ID1964" s="91"/>
      <c r="IE1964" s="91"/>
      <c r="IF1964" s="91"/>
      <c r="IG1964" s="91"/>
      <c r="IH1964" s="91"/>
      <c r="II1964" s="91"/>
      <c r="IJ1964" s="91"/>
      <c r="IK1964" s="127"/>
    </row>
    <row r="1965" spans="2:245" x14ac:dyDescent="0.2">
      <c r="B1965" s="43"/>
      <c r="C1965" s="73"/>
      <c r="D1965" s="64"/>
      <c r="E1965" s="64"/>
      <c r="F1965" s="55"/>
      <c r="G1965" s="102"/>
      <c r="H1965" s="55"/>
      <c r="I1965" s="55"/>
      <c r="J1965" s="55"/>
      <c r="K1965" s="55"/>
      <c r="L1965" s="55"/>
      <c r="M1965" s="55"/>
      <c r="N1965" s="55"/>
      <c r="O1965" s="55"/>
      <c r="P1965" s="55"/>
      <c r="Q1965" s="55"/>
      <c r="R1965" s="55"/>
      <c r="S1965" s="55"/>
      <c r="T1965" s="55"/>
      <c r="U1965" s="55"/>
      <c r="V1965" s="55"/>
      <c r="W1965" s="55"/>
      <c r="X1965" s="55"/>
      <c r="Y1965" s="55"/>
      <c r="Z1965" s="55"/>
      <c r="AA1965" s="55"/>
      <c r="AB1965" s="55"/>
      <c r="AC1965" s="55"/>
      <c r="AD1965" s="55"/>
      <c r="AE1965" s="55"/>
      <c r="AF1965" s="55"/>
      <c r="AG1965" s="55"/>
      <c r="AY1965" s="162"/>
      <c r="AZ1965" s="162"/>
      <c r="BA1965" s="162"/>
      <c r="BB1965" s="162"/>
      <c r="BC1965" s="162"/>
      <c r="BD1965" s="162"/>
      <c r="BE1965" s="162"/>
      <c r="BF1965" s="162"/>
      <c r="BG1965" s="162"/>
      <c r="BH1965" s="162"/>
      <c r="BI1965" s="162"/>
      <c r="BJ1965" s="162"/>
      <c r="BK1965" s="162"/>
      <c r="BL1965" s="162"/>
      <c r="BM1965" s="162"/>
      <c r="BN1965" s="162"/>
      <c r="BO1965" s="162"/>
      <c r="BP1965" s="162"/>
      <c r="BQ1965" s="162"/>
      <c r="BR1965" s="162"/>
      <c r="BS1965" s="162"/>
      <c r="BT1965" s="162"/>
      <c r="BU1965" s="162"/>
      <c r="BV1965" s="162"/>
      <c r="BW1965" s="162"/>
      <c r="BX1965" s="162"/>
      <c r="BY1965" s="162"/>
      <c r="BZ1965" s="162"/>
      <c r="CA1965" s="162"/>
      <c r="CB1965" s="162"/>
      <c r="CC1965" s="162"/>
      <c r="CD1965" s="162"/>
      <c r="CE1965" s="162"/>
      <c r="CF1965" s="162"/>
      <c r="CG1965" s="162"/>
      <c r="CH1965" s="162"/>
      <c r="CI1965" s="162"/>
      <c r="CJ1965" s="162"/>
      <c r="CK1965" s="162"/>
      <c r="CX1965" s="98"/>
      <c r="DL1965" s="97"/>
      <c r="DX1965" s="98"/>
      <c r="EL1965" s="97"/>
      <c r="EX1965" s="98"/>
      <c r="EY1965" s="97"/>
      <c r="FL1965" s="126"/>
      <c r="FM1965" s="91"/>
      <c r="FN1965" s="91"/>
      <c r="FO1965" s="91"/>
      <c r="FP1965" s="91"/>
      <c r="FQ1965" s="91"/>
      <c r="FR1965" s="91"/>
      <c r="FS1965" s="91"/>
      <c r="FT1965" s="91"/>
      <c r="FU1965" s="91"/>
      <c r="FV1965" s="91"/>
      <c r="FW1965" s="91"/>
      <c r="FX1965" s="91"/>
      <c r="FY1965" s="91"/>
      <c r="FZ1965" s="91"/>
      <c r="GA1965" s="91"/>
      <c r="GB1965" s="91"/>
      <c r="GC1965" s="91"/>
      <c r="GD1965" s="91"/>
      <c r="GE1965" s="91"/>
      <c r="GF1965" s="91"/>
      <c r="GG1965" s="91"/>
      <c r="GH1965" s="91"/>
      <c r="GI1965" s="91"/>
      <c r="GJ1965" s="91"/>
      <c r="GK1965" s="127"/>
      <c r="GL1965" s="126"/>
      <c r="GM1965" s="91"/>
      <c r="GN1965" s="91"/>
      <c r="GO1965" s="91"/>
      <c r="GP1965" s="91"/>
      <c r="GQ1965" s="91"/>
      <c r="GR1965" s="91"/>
      <c r="GS1965" s="91"/>
      <c r="GT1965" s="91"/>
      <c r="GU1965" s="91"/>
      <c r="GV1965" s="91"/>
      <c r="GW1965" s="91"/>
      <c r="GX1965" s="91"/>
      <c r="GY1965" s="91"/>
      <c r="GZ1965" s="91"/>
      <c r="HA1965" s="91"/>
      <c r="HB1965" s="91"/>
      <c r="HC1965" s="91"/>
      <c r="HD1965" s="91"/>
      <c r="HE1965" s="91"/>
      <c r="HF1965" s="91"/>
      <c r="HG1965" s="91"/>
      <c r="HH1965" s="91"/>
      <c r="HI1965" s="91"/>
      <c r="HJ1965" s="91"/>
      <c r="HK1965" s="127"/>
      <c r="HL1965" s="126"/>
      <c r="HM1965" s="91"/>
      <c r="HN1965" s="91"/>
      <c r="HO1965" s="91"/>
      <c r="HP1965" s="91"/>
      <c r="HQ1965" s="91"/>
      <c r="HR1965" s="91"/>
      <c r="HS1965" s="91"/>
      <c r="HT1965" s="91"/>
      <c r="HU1965" s="91"/>
      <c r="HV1965" s="91"/>
      <c r="HW1965" s="91"/>
      <c r="HX1965" s="91"/>
      <c r="HY1965" s="91"/>
      <c r="HZ1965" s="91"/>
      <c r="IA1965" s="91"/>
      <c r="IB1965" s="91"/>
      <c r="IC1965" s="91"/>
      <c r="ID1965" s="91"/>
      <c r="IE1965" s="91"/>
      <c r="IF1965" s="91"/>
      <c r="IG1965" s="91"/>
      <c r="IH1965" s="91"/>
      <c r="II1965" s="91"/>
      <c r="IJ1965" s="91"/>
      <c r="IK1965" s="127"/>
    </row>
    <row r="1966" spans="2:245" x14ac:dyDescent="0.2">
      <c r="B1966" s="43"/>
      <c r="C1966" s="73"/>
      <c r="D1966" s="64"/>
      <c r="E1966" s="64"/>
      <c r="F1966" s="55"/>
      <c r="G1966" s="102"/>
      <c r="H1966" s="55"/>
      <c r="I1966" s="55"/>
      <c r="J1966" s="55"/>
      <c r="K1966" s="55"/>
      <c r="L1966" s="55"/>
      <c r="M1966" s="55"/>
      <c r="N1966" s="55"/>
      <c r="O1966" s="55"/>
      <c r="P1966" s="55"/>
      <c r="Q1966" s="55"/>
      <c r="R1966" s="55"/>
      <c r="S1966" s="55"/>
      <c r="T1966" s="55"/>
      <c r="U1966" s="55"/>
      <c r="V1966" s="55"/>
      <c r="W1966" s="55"/>
      <c r="X1966" s="55"/>
      <c r="Y1966" s="55"/>
      <c r="Z1966" s="55"/>
      <c r="AA1966" s="55"/>
      <c r="AB1966" s="55"/>
      <c r="AC1966" s="55"/>
      <c r="AD1966" s="55"/>
      <c r="AE1966" s="55"/>
      <c r="AF1966" s="55"/>
      <c r="AG1966" s="55"/>
      <c r="AY1966" s="162"/>
      <c r="AZ1966" s="162"/>
      <c r="BA1966" s="162"/>
      <c r="BB1966" s="162"/>
      <c r="BC1966" s="162"/>
      <c r="BD1966" s="162"/>
      <c r="BE1966" s="162"/>
      <c r="BF1966" s="162"/>
      <c r="BG1966" s="162"/>
      <c r="BH1966" s="162"/>
      <c r="BI1966" s="162"/>
      <c r="BJ1966" s="162"/>
      <c r="BK1966" s="162"/>
      <c r="BL1966" s="162"/>
      <c r="BM1966" s="162"/>
      <c r="BN1966" s="162"/>
      <c r="BO1966" s="162"/>
      <c r="BP1966" s="162"/>
      <c r="BQ1966" s="162"/>
      <c r="BR1966" s="162"/>
      <c r="BS1966" s="162"/>
      <c r="BT1966" s="162"/>
      <c r="BU1966" s="162"/>
      <c r="BV1966" s="162"/>
      <c r="BW1966" s="162"/>
      <c r="BX1966" s="162"/>
      <c r="BY1966" s="162"/>
      <c r="BZ1966" s="162"/>
      <c r="CA1966" s="162"/>
      <c r="CB1966" s="162"/>
      <c r="CC1966" s="162"/>
      <c r="CD1966" s="162"/>
      <c r="CE1966" s="162"/>
      <c r="CF1966" s="162"/>
      <c r="CG1966" s="162"/>
      <c r="CH1966" s="162"/>
      <c r="CI1966" s="162"/>
      <c r="CJ1966" s="162"/>
      <c r="CK1966" s="162"/>
      <c r="CX1966" s="98"/>
      <c r="DL1966" s="97"/>
      <c r="DX1966" s="98"/>
      <c r="EL1966" s="97"/>
      <c r="EX1966" s="98"/>
      <c r="EY1966" s="97"/>
      <c r="FL1966" s="126"/>
      <c r="FM1966" s="91"/>
      <c r="FN1966" s="91"/>
      <c r="FO1966" s="91"/>
      <c r="FP1966" s="91"/>
      <c r="FQ1966" s="91"/>
      <c r="FR1966" s="91"/>
      <c r="FS1966" s="91"/>
      <c r="FT1966" s="91"/>
      <c r="FU1966" s="91"/>
      <c r="FV1966" s="91"/>
      <c r="FW1966" s="91"/>
      <c r="FX1966" s="91"/>
      <c r="FY1966" s="91"/>
      <c r="FZ1966" s="91"/>
      <c r="GA1966" s="91"/>
      <c r="GB1966" s="91"/>
      <c r="GC1966" s="91"/>
      <c r="GD1966" s="91"/>
      <c r="GE1966" s="91"/>
      <c r="GF1966" s="91"/>
      <c r="GG1966" s="91"/>
      <c r="GH1966" s="91"/>
      <c r="GI1966" s="91"/>
      <c r="GJ1966" s="91"/>
      <c r="GK1966" s="127"/>
      <c r="GL1966" s="126"/>
      <c r="GM1966" s="91"/>
      <c r="GN1966" s="91"/>
      <c r="GO1966" s="91"/>
      <c r="GP1966" s="91"/>
      <c r="GQ1966" s="91"/>
      <c r="GR1966" s="91"/>
      <c r="GS1966" s="91"/>
      <c r="GT1966" s="91"/>
      <c r="GU1966" s="91"/>
      <c r="GV1966" s="91"/>
      <c r="GW1966" s="91"/>
      <c r="GX1966" s="91"/>
      <c r="GY1966" s="91"/>
      <c r="GZ1966" s="91"/>
      <c r="HA1966" s="91"/>
      <c r="HB1966" s="91"/>
      <c r="HC1966" s="91"/>
      <c r="HD1966" s="91"/>
      <c r="HE1966" s="91"/>
      <c r="HF1966" s="91"/>
      <c r="HG1966" s="91"/>
      <c r="HH1966" s="91"/>
      <c r="HI1966" s="91"/>
      <c r="HJ1966" s="91"/>
      <c r="HK1966" s="127"/>
      <c r="HL1966" s="126"/>
      <c r="HM1966" s="91"/>
      <c r="HN1966" s="91"/>
      <c r="HO1966" s="91"/>
      <c r="HP1966" s="91"/>
      <c r="HQ1966" s="91"/>
      <c r="HR1966" s="91"/>
      <c r="HS1966" s="91"/>
      <c r="HT1966" s="91"/>
      <c r="HU1966" s="91"/>
      <c r="HV1966" s="91"/>
      <c r="HW1966" s="91"/>
      <c r="HX1966" s="91"/>
      <c r="HY1966" s="91"/>
      <c r="HZ1966" s="91"/>
      <c r="IA1966" s="91"/>
      <c r="IB1966" s="91"/>
      <c r="IC1966" s="91"/>
      <c r="ID1966" s="91"/>
      <c r="IE1966" s="91"/>
      <c r="IF1966" s="91"/>
      <c r="IG1966" s="91"/>
      <c r="IH1966" s="91"/>
      <c r="II1966" s="91"/>
      <c r="IJ1966" s="91"/>
      <c r="IK1966" s="127"/>
    </row>
    <row r="1967" spans="2:245" x14ac:dyDescent="0.2">
      <c r="B1967" s="43"/>
      <c r="C1967" s="73"/>
      <c r="D1967" s="64"/>
      <c r="E1967" s="64"/>
      <c r="F1967" s="55"/>
      <c r="G1967" s="102"/>
      <c r="H1967" s="55"/>
      <c r="I1967" s="55"/>
      <c r="J1967" s="55"/>
      <c r="K1967" s="55"/>
      <c r="L1967" s="55"/>
      <c r="M1967" s="55"/>
      <c r="N1967" s="55"/>
      <c r="O1967" s="55"/>
      <c r="P1967" s="55"/>
      <c r="Q1967" s="55"/>
      <c r="R1967" s="55"/>
      <c r="S1967" s="55"/>
      <c r="T1967" s="55"/>
      <c r="U1967" s="55"/>
      <c r="V1967" s="55"/>
      <c r="W1967" s="55"/>
      <c r="X1967" s="55"/>
      <c r="Y1967" s="55"/>
      <c r="Z1967" s="55"/>
      <c r="AA1967" s="55"/>
      <c r="AB1967" s="55"/>
      <c r="AC1967" s="55"/>
      <c r="AD1967" s="55"/>
      <c r="AE1967" s="55"/>
      <c r="AF1967" s="55"/>
      <c r="AG1967" s="55"/>
      <c r="AY1967" s="162"/>
      <c r="AZ1967" s="162"/>
      <c r="BA1967" s="162"/>
      <c r="BB1967" s="162"/>
      <c r="BC1967" s="162"/>
      <c r="BD1967" s="162"/>
      <c r="BE1967" s="162"/>
      <c r="BF1967" s="162"/>
      <c r="BG1967" s="162"/>
      <c r="BH1967" s="162"/>
      <c r="BI1967" s="162"/>
      <c r="BJ1967" s="162"/>
      <c r="BK1967" s="162"/>
      <c r="BL1967" s="162"/>
      <c r="BM1967" s="162"/>
      <c r="BN1967" s="162"/>
      <c r="BO1967" s="162"/>
      <c r="BP1967" s="162"/>
      <c r="BQ1967" s="162"/>
      <c r="BR1967" s="162"/>
      <c r="BS1967" s="162"/>
      <c r="BT1967" s="162"/>
      <c r="BU1967" s="162"/>
      <c r="BV1967" s="162"/>
      <c r="BW1967" s="162"/>
      <c r="BX1967" s="162"/>
      <c r="BY1967" s="162"/>
      <c r="BZ1967" s="162"/>
      <c r="CA1967" s="162"/>
      <c r="CB1967" s="162"/>
      <c r="CC1967" s="162"/>
      <c r="CD1967" s="162"/>
      <c r="CE1967" s="162"/>
      <c r="CF1967" s="162"/>
      <c r="CG1967" s="162"/>
      <c r="CH1967" s="162"/>
      <c r="CI1967" s="162"/>
      <c r="CJ1967" s="162"/>
      <c r="CK1967" s="162"/>
      <c r="CX1967" s="98"/>
      <c r="DL1967" s="97"/>
      <c r="DX1967" s="98"/>
      <c r="EL1967" s="97"/>
      <c r="EX1967" s="98"/>
      <c r="EY1967" s="97"/>
      <c r="FL1967" s="126"/>
      <c r="FM1967" s="91"/>
      <c r="FN1967" s="91"/>
      <c r="FO1967" s="91"/>
      <c r="FP1967" s="91"/>
      <c r="FQ1967" s="91"/>
      <c r="FR1967" s="91"/>
      <c r="FS1967" s="91"/>
      <c r="FT1967" s="91"/>
      <c r="FU1967" s="91"/>
      <c r="FV1967" s="91"/>
      <c r="FW1967" s="91"/>
      <c r="FX1967" s="91"/>
      <c r="FY1967" s="91"/>
      <c r="FZ1967" s="91"/>
      <c r="GA1967" s="91"/>
      <c r="GB1967" s="91"/>
      <c r="GC1967" s="91"/>
      <c r="GD1967" s="91"/>
      <c r="GE1967" s="91"/>
      <c r="GF1967" s="91"/>
      <c r="GG1967" s="91"/>
      <c r="GH1967" s="91"/>
      <c r="GI1967" s="91"/>
      <c r="GJ1967" s="91"/>
      <c r="GK1967" s="127"/>
      <c r="GL1967" s="126"/>
      <c r="GM1967" s="91"/>
      <c r="GN1967" s="91"/>
      <c r="GO1967" s="91"/>
      <c r="GP1967" s="91"/>
      <c r="GQ1967" s="91"/>
      <c r="GR1967" s="91"/>
      <c r="GS1967" s="91"/>
      <c r="GT1967" s="91"/>
      <c r="GU1967" s="91"/>
      <c r="GV1967" s="91"/>
      <c r="GW1967" s="91"/>
      <c r="GX1967" s="91"/>
      <c r="GY1967" s="91"/>
      <c r="GZ1967" s="91"/>
      <c r="HA1967" s="91"/>
      <c r="HB1967" s="91"/>
      <c r="HC1967" s="91"/>
      <c r="HD1967" s="91"/>
      <c r="HE1967" s="91"/>
      <c r="HF1967" s="91"/>
      <c r="HG1967" s="91"/>
      <c r="HH1967" s="91"/>
      <c r="HI1967" s="91"/>
      <c r="HJ1967" s="91"/>
      <c r="HK1967" s="127"/>
      <c r="HL1967" s="126"/>
      <c r="HM1967" s="91"/>
      <c r="HN1967" s="91"/>
      <c r="HO1967" s="91"/>
      <c r="HP1967" s="91"/>
      <c r="HQ1967" s="91"/>
      <c r="HR1967" s="91"/>
      <c r="HS1967" s="91"/>
      <c r="HT1967" s="91"/>
      <c r="HU1967" s="91"/>
      <c r="HV1967" s="91"/>
      <c r="HW1967" s="91"/>
      <c r="HX1967" s="91"/>
      <c r="HY1967" s="91"/>
      <c r="HZ1967" s="91"/>
      <c r="IA1967" s="91"/>
      <c r="IB1967" s="91"/>
      <c r="IC1967" s="91"/>
      <c r="ID1967" s="91"/>
      <c r="IE1967" s="91"/>
      <c r="IF1967" s="91"/>
      <c r="IG1967" s="91"/>
      <c r="IH1967" s="91"/>
      <c r="II1967" s="91"/>
      <c r="IJ1967" s="91"/>
      <c r="IK1967" s="127"/>
    </row>
    <row r="1968" spans="2:245" x14ac:dyDescent="0.2">
      <c r="B1968" s="43"/>
      <c r="C1968" s="73"/>
      <c r="D1968" s="64"/>
      <c r="E1968" s="64"/>
      <c r="F1968" s="55"/>
      <c r="G1968" s="102"/>
      <c r="H1968" s="55"/>
      <c r="I1968" s="55"/>
      <c r="J1968" s="55"/>
      <c r="K1968" s="55"/>
      <c r="L1968" s="55"/>
      <c r="M1968" s="55"/>
      <c r="N1968" s="55"/>
      <c r="O1968" s="55"/>
      <c r="P1968" s="55"/>
      <c r="Q1968" s="55"/>
      <c r="R1968" s="55"/>
      <c r="S1968" s="55"/>
      <c r="T1968" s="55"/>
      <c r="U1968" s="55"/>
      <c r="V1968" s="55"/>
      <c r="W1968" s="55"/>
      <c r="X1968" s="55"/>
      <c r="Y1968" s="55"/>
      <c r="Z1968" s="55"/>
      <c r="AA1968" s="55"/>
      <c r="AB1968" s="55"/>
      <c r="AC1968" s="55"/>
      <c r="AD1968" s="55"/>
      <c r="AE1968" s="55"/>
      <c r="AF1968" s="55"/>
      <c r="AG1968" s="55"/>
      <c r="AY1968" s="162"/>
      <c r="AZ1968" s="162"/>
      <c r="BA1968" s="162"/>
      <c r="BB1968" s="162"/>
      <c r="BC1968" s="162"/>
      <c r="BD1968" s="162"/>
      <c r="BE1968" s="162"/>
      <c r="BF1968" s="162"/>
      <c r="BG1968" s="162"/>
      <c r="BH1968" s="162"/>
      <c r="BI1968" s="162"/>
      <c r="BJ1968" s="162"/>
      <c r="BK1968" s="162"/>
      <c r="BL1968" s="162"/>
      <c r="BM1968" s="162"/>
      <c r="BN1968" s="162"/>
      <c r="BO1968" s="162"/>
      <c r="BP1968" s="162"/>
      <c r="BQ1968" s="162"/>
      <c r="BR1968" s="162"/>
      <c r="BS1968" s="162"/>
      <c r="BT1968" s="162"/>
      <c r="BU1968" s="162"/>
      <c r="BV1968" s="162"/>
      <c r="BW1968" s="162"/>
      <c r="BX1968" s="162"/>
      <c r="BY1968" s="162"/>
      <c r="BZ1968" s="162"/>
      <c r="CA1968" s="162"/>
      <c r="CB1968" s="162"/>
      <c r="CC1968" s="162"/>
      <c r="CD1968" s="162"/>
      <c r="CE1968" s="162"/>
      <c r="CF1968" s="162"/>
      <c r="CG1968" s="162"/>
      <c r="CH1968" s="162"/>
      <c r="CI1968" s="162"/>
      <c r="CJ1968" s="162"/>
      <c r="CK1968" s="162"/>
      <c r="CX1968" s="98"/>
      <c r="DL1968" s="97"/>
      <c r="DX1968" s="98"/>
      <c r="EL1968" s="97"/>
      <c r="EX1968" s="98"/>
      <c r="EY1968" s="97"/>
      <c r="FL1968" s="126"/>
      <c r="FM1968" s="91"/>
      <c r="FN1968" s="91"/>
      <c r="FO1968" s="91"/>
      <c r="FP1968" s="91"/>
      <c r="FQ1968" s="91"/>
      <c r="FR1968" s="91"/>
      <c r="FS1968" s="91"/>
      <c r="FT1968" s="91"/>
      <c r="FU1968" s="91"/>
      <c r="FV1968" s="91"/>
      <c r="FW1968" s="91"/>
      <c r="FX1968" s="91"/>
      <c r="FY1968" s="91"/>
      <c r="FZ1968" s="91"/>
      <c r="GA1968" s="91"/>
      <c r="GB1968" s="91"/>
      <c r="GC1968" s="91"/>
      <c r="GD1968" s="91"/>
      <c r="GE1968" s="91"/>
      <c r="GF1968" s="91"/>
      <c r="GG1968" s="91"/>
      <c r="GH1968" s="91"/>
      <c r="GI1968" s="91"/>
      <c r="GJ1968" s="91"/>
      <c r="GK1968" s="127"/>
      <c r="GL1968" s="126"/>
      <c r="GM1968" s="91"/>
      <c r="GN1968" s="91"/>
      <c r="GO1968" s="91"/>
      <c r="GP1968" s="91"/>
      <c r="GQ1968" s="91"/>
      <c r="GR1968" s="91"/>
      <c r="GS1968" s="91"/>
      <c r="GT1968" s="91"/>
      <c r="GU1968" s="91"/>
      <c r="GV1968" s="91"/>
      <c r="GW1968" s="91"/>
      <c r="GX1968" s="91"/>
      <c r="GY1968" s="91"/>
      <c r="GZ1968" s="91"/>
      <c r="HA1968" s="91"/>
      <c r="HB1968" s="91"/>
      <c r="HC1968" s="91"/>
      <c r="HD1968" s="91"/>
      <c r="HE1968" s="91"/>
      <c r="HF1968" s="91"/>
      <c r="HG1968" s="91"/>
      <c r="HH1968" s="91"/>
      <c r="HI1968" s="91"/>
      <c r="HJ1968" s="91"/>
      <c r="HK1968" s="127"/>
      <c r="HL1968" s="126"/>
      <c r="HM1968" s="91"/>
      <c r="HN1968" s="91"/>
      <c r="HO1968" s="91"/>
      <c r="HP1968" s="91"/>
      <c r="HQ1968" s="91"/>
      <c r="HR1968" s="91"/>
      <c r="HS1968" s="91"/>
      <c r="HT1968" s="91"/>
      <c r="HU1968" s="91"/>
      <c r="HV1968" s="91"/>
      <c r="HW1968" s="91"/>
      <c r="HX1968" s="91"/>
      <c r="HY1968" s="91"/>
      <c r="HZ1968" s="91"/>
      <c r="IA1968" s="91"/>
      <c r="IB1968" s="91"/>
      <c r="IC1968" s="91"/>
      <c r="ID1968" s="91"/>
      <c r="IE1968" s="91"/>
      <c r="IF1968" s="91"/>
      <c r="IG1968" s="91"/>
      <c r="IH1968" s="91"/>
      <c r="II1968" s="91"/>
      <c r="IJ1968" s="91"/>
      <c r="IK1968" s="127"/>
    </row>
    <row r="1969" spans="2:245" x14ac:dyDescent="0.2">
      <c r="B1969" s="43"/>
      <c r="C1969" s="73"/>
      <c r="D1969" s="64"/>
      <c r="E1969" s="64"/>
      <c r="F1969" s="55"/>
      <c r="G1969" s="102"/>
      <c r="H1969" s="55"/>
      <c r="I1969" s="55"/>
      <c r="J1969" s="55"/>
      <c r="K1969" s="55"/>
      <c r="L1969" s="55"/>
      <c r="M1969" s="55"/>
      <c r="N1969" s="55"/>
      <c r="O1969" s="55"/>
      <c r="P1969" s="55"/>
      <c r="Q1969" s="55"/>
      <c r="R1969" s="55"/>
      <c r="S1969" s="55"/>
      <c r="T1969" s="55"/>
      <c r="U1969" s="55"/>
      <c r="V1969" s="55"/>
      <c r="W1969" s="55"/>
      <c r="X1969" s="55"/>
      <c r="Y1969" s="55"/>
      <c r="Z1969" s="55"/>
      <c r="AA1969" s="55"/>
      <c r="AB1969" s="55"/>
      <c r="AC1969" s="55"/>
      <c r="AD1969" s="55"/>
      <c r="AE1969" s="55"/>
      <c r="AF1969" s="55"/>
      <c r="AG1969" s="55"/>
      <c r="AY1969" s="162"/>
      <c r="AZ1969" s="162"/>
      <c r="BA1969" s="162"/>
      <c r="BB1969" s="162"/>
      <c r="BC1969" s="162"/>
      <c r="BD1969" s="162"/>
      <c r="BE1969" s="162"/>
      <c r="BF1969" s="162"/>
      <c r="BG1969" s="162"/>
      <c r="BH1969" s="162"/>
      <c r="BI1969" s="162"/>
      <c r="BJ1969" s="162"/>
      <c r="BK1969" s="162"/>
      <c r="BL1969" s="162"/>
      <c r="BM1969" s="162"/>
      <c r="BN1969" s="162"/>
      <c r="BO1969" s="162"/>
      <c r="BP1969" s="162"/>
      <c r="BQ1969" s="162"/>
      <c r="BR1969" s="162"/>
      <c r="BS1969" s="162"/>
      <c r="BT1969" s="162"/>
      <c r="BU1969" s="162"/>
      <c r="BV1969" s="162"/>
      <c r="BW1969" s="162"/>
      <c r="BX1969" s="162"/>
      <c r="BY1969" s="162"/>
      <c r="BZ1969" s="162"/>
      <c r="CA1969" s="162"/>
      <c r="CB1969" s="162"/>
      <c r="CC1969" s="162"/>
      <c r="CD1969" s="162"/>
      <c r="CE1969" s="162"/>
      <c r="CF1969" s="162"/>
      <c r="CG1969" s="162"/>
      <c r="CH1969" s="162"/>
      <c r="CI1969" s="162"/>
      <c r="CJ1969" s="162"/>
      <c r="CK1969" s="162"/>
      <c r="CX1969" s="98"/>
      <c r="DL1969" s="97"/>
      <c r="DX1969" s="98"/>
      <c r="EL1969" s="97"/>
      <c r="EX1969" s="98"/>
      <c r="EY1969" s="97"/>
      <c r="FL1969" s="126"/>
      <c r="FM1969" s="91"/>
      <c r="FN1969" s="91"/>
      <c r="FO1969" s="91"/>
      <c r="FP1969" s="91"/>
      <c r="FQ1969" s="91"/>
      <c r="FR1969" s="91"/>
      <c r="FS1969" s="91"/>
      <c r="FT1969" s="91"/>
      <c r="FU1969" s="91"/>
      <c r="FV1969" s="91"/>
      <c r="FW1969" s="91"/>
      <c r="FX1969" s="91"/>
      <c r="FY1969" s="91"/>
      <c r="FZ1969" s="91"/>
      <c r="GA1969" s="91"/>
      <c r="GB1969" s="91"/>
      <c r="GC1969" s="91"/>
      <c r="GD1969" s="91"/>
      <c r="GE1969" s="91"/>
      <c r="GF1969" s="91"/>
      <c r="GG1969" s="91"/>
      <c r="GH1969" s="91"/>
      <c r="GI1969" s="91"/>
      <c r="GJ1969" s="91"/>
      <c r="GK1969" s="127"/>
      <c r="GL1969" s="126"/>
      <c r="GM1969" s="91"/>
      <c r="GN1969" s="91"/>
      <c r="GO1969" s="91"/>
      <c r="GP1969" s="91"/>
      <c r="GQ1969" s="91"/>
      <c r="GR1969" s="91"/>
      <c r="GS1969" s="91"/>
      <c r="GT1969" s="91"/>
      <c r="GU1969" s="91"/>
      <c r="GV1969" s="91"/>
      <c r="GW1969" s="91"/>
      <c r="GX1969" s="91"/>
      <c r="GY1969" s="91"/>
      <c r="GZ1969" s="91"/>
      <c r="HA1969" s="91"/>
      <c r="HB1969" s="91"/>
      <c r="HC1969" s="91"/>
      <c r="HD1969" s="91"/>
      <c r="HE1969" s="91"/>
      <c r="HF1969" s="91"/>
      <c r="HG1969" s="91"/>
      <c r="HH1969" s="91"/>
      <c r="HI1969" s="91"/>
      <c r="HJ1969" s="91"/>
      <c r="HK1969" s="127"/>
      <c r="HL1969" s="126"/>
      <c r="HM1969" s="91"/>
      <c r="HN1969" s="91"/>
      <c r="HO1969" s="91"/>
      <c r="HP1969" s="91"/>
      <c r="HQ1969" s="91"/>
      <c r="HR1969" s="91"/>
      <c r="HS1969" s="91"/>
      <c r="HT1969" s="91"/>
      <c r="HU1969" s="91"/>
      <c r="HV1969" s="91"/>
      <c r="HW1969" s="91"/>
      <c r="HX1969" s="91"/>
      <c r="HY1969" s="91"/>
      <c r="HZ1969" s="91"/>
      <c r="IA1969" s="91"/>
      <c r="IB1969" s="91"/>
      <c r="IC1969" s="91"/>
      <c r="ID1969" s="91"/>
      <c r="IE1969" s="91"/>
      <c r="IF1969" s="91"/>
      <c r="IG1969" s="91"/>
      <c r="IH1969" s="91"/>
      <c r="II1969" s="91"/>
      <c r="IJ1969" s="91"/>
      <c r="IK1969" s="127"/>
    </row>
    <row r="1970" spans="2:245" x14ac:dyDescent="0.2">
      <c r="B1970" s="43"/>
      <c r="C1970" s="73"/>
      <c r="D1970" s="64"/>
      <c r="E1970" s="64"/>
      <c r="F1970" s="55"/>
      <c r="G1970" s="102"/>
      <c r="H1970" s="55"/>
      <c r="I1970" s="55"/>
      <c r="J1970" s="55"/>
      <c r="K1970" s="55"/>
      <c r="L1970" s="55"/>
      <c r="M1970" s="55"/>
      <c r="N1970" s="55"/>
      <c r="O1970" s="55"/>
      <c r="P1970" s="55"/>
      <c r="Q1970" s="55"/>
      <c r="R1970" s="55"/>
      <c r="S1970" s="55"/>
      <c r="T1970" s="55"/>
      <c r="U1970" s="55"/>
      <c r="V1970" s="55"/>
      <c r="W1970" s="55"/>
      <c r="X1970" s="55"/>
      <c r="Y1970" s="55"/>
      <c r="Z1970" s="55"/>
      <c r="AA1970" s="55"/>
      <c r="AB1970" s="55"/>
      <c r="AC1970" s="55"/>
      <c r="AD1970" s="55"/>
      <c r="AE1970" s="55"/>
      <c r="AF1970" s="55"/>
      <c r="AG1970" s="55"/>
      <c r="AY1970" s="162"/>
      <c r="AZ1970" s="162"/>
      <c r="BA1970" s="162"/>
      <c r="BB1970" s="162"/>
      <c r="BC1970" s="162"/>
      <c r="BD1970" s="162"/>
      <c r="BE1970" s="162"/>
      <c r="BF1970" s="162"/>
      <c r="BG1970" s="162"/>
      <c r="BH1970" s="162"/>
      <c r="BI1970" s="162"/>
      <c r="BJ1970" s="162"/>
      <c r="BK1970" s="162"/>
      <c r="BL1970" s="162"/>
      <c r="BM1970" s="162"/>
      <c r="BN1970" s="162"/>
      <c r="BO1970" s="162"/>
      <c r="BP1970" s="162"/>
      <c r="BQ1970" s="162"/>
      <c r="BR1970" s="162"/>
      <c r="BS1970" s="162"/>
      <c r="BT1970" s="162"/>
      <c r="BU1970" s="162"/>
      <c r="BV1970" s="162"/>
      <c r="BW1970" s="162"/>
      <c r="BX1970" s="162"/>
      <c r="BY1970" s="162"/>
      <c r="BZ1970" s="162"/>
      <c r="CA1970" s="162"/>
      <c r="CB1970" s="162"/>
      <c r="CC1970" s="162"/>
      <c r="CD1970" s="162"/>
      <c r="CE1970" s="162"/>
      <c r="CF1970" s="162"/>
      <c r="CG1970" s="162"/>
      <c r="CH1970" s="162"/>
      <c r="CI1970" s="162"/>
      <c r="CJ1970" s="162"/>
      <c r="CK1970" s="162"/>
      <c r="CX1970" s="98"/>
      <c r="DL1970" s="97"/>
      <c r="DX1970" s="98"/>
      <c r="EL1970" s="97"/>
      <c r="EX1970" s="98"/>
      <c r="EY1970" s="97"/>
      <c r="FL1970" s="126"/>
      <c r="FM1970" s="91"/>
      <c r="FN1970" s="91"/>
      <c r="FO1970" s="91"/>
      <c r="FP1970" s="91"/>
      <c r="FQ1970" s="91"/>
      <c r="FR1970" s="91"/>
      <c r="FS1970" s="91"/>
      <c r="FT1970" s="91"/>
      <c r="FU1970" s="91"/>
      <c r="FV1970" s="91"/>
      <c r="FW1970" s="91"/>
      <c r="FX1970" s="91"/>
      <c r="FY1970" s="91"/>
      <c r="FZ1970" s="91"/>
      <c r="GA1970" s="91"/>
      <c r="GB1970" s="91"/>
      <c r="GC1970" s="91"/>
      <c r="GD1970" s="91"/>
      <c r="GE1970" s="91"/>
      <c r="GF1970" s="91"/>
      <c r="GG1970" s="91"/>
      <c r="GH1970" s="91"/>
      <c r="GI1970" s="91"/>
      <c r="GJ1970" s="91"/>
      <c r="GK1970" s="127"/>
      <c r="GL1970" s="126"/>
      <c r="GM1970" s="91"/>
      <c r="GN1970" s="91"/>
      <c r="GO1970" s="91"/>
      <c r="GP1970" s="91"/>
      <c r="GQ1970" s="91"/>
      <c r="GR1970" s="91"/>
      <c r="GS1970" s="91"/>
      <c r="GT1970" s="91"/>
      <c r="GU1970" s="91"/>
      <c r="GV1970" s="91"/>
      <c r="GW1970" s="91"/>
      <c r="GX1970" s="91"/>
      <c r="GY1970" s="91"/>
      <c r="GZ1970" s="91"/>
      <c r="HA1970" s="91"/>
      <c r="HB1970" s="91"/>
      <c r="HC1970" s="91"/>
      <c r="HD1970" s="91"/>
      <c r="HE1970" s="91"/>
      <c r="HF1970" s="91"/>
      <c r="HG1970" s="91"/>
      <c r="HH1970" s="91"/>
      <c r="HI1970" s="91"/>
      <c r="HJ1970" s="91"/>
      <c r="HK1970" s="127"/>
      <c r="HL1970" s="126"/>
      <c r="HM1970" s="91"/>
      <c r="HN1970" s="91"/>
      <c r="HO1970" s="91"/>
      <c r="HP1970" s="91"/>
      <c r="HQ1970" s="91"/>
      <c r="HR1970" s="91"/>
      <c r="HS1970" s="91"/>
      <c r="HT1970" s="91"/>
      <c r="HU1970" s="91"/>
      <c r="HV1970" s="91"/>
      <c r="HW1970" s="91"/>
      <c r="HX1970" s="91"/>
      <c r="HY1970" s="91"/>
      <c r="HZ1970" s="91"/>
      <c r="IA1970" s="91"/>
      <c r="IB1970" s="91"/>
      <c r="IC1970" s="91"/>
      <c r="ID1970" s="91"/>
      <c r="IE1970" s="91"/>
      <c r="IF1970" s="91"/>
      <c r="IG1970" s="91"/>
      <c r="IH1970" s="91"/>
      <c r="II1970" s="91"/>
      <c r="IJ1970" s="91"/>
      <c r="IK1970" s="127"/>
    </row>
    <row r="1971" spans="2:245" x14ac:dyDescent="0.2">
      <c r="B1971" s="43"/>
      <c r="C1971" s="73"/>
      <c r="D1971" s="64"/>
      <c r="E1971" s="64"/>
      <c r="F1971" s="55"/>
      <c r="G1971" s="102"/>
      <c r="H1971" s="55"/>
      <c r="I1971" s="55"/>
      <c r="J1971" s="55"/>
      <c r="K1971" s="55"/>
      <c r="L1971" s="55"/>
      <c r="M1971" s="55"/>
      <c r="N1971" s="55"/>
      <c r="O1971" s="55"/>
      <c r="P1971" s="55"/>
      <c r="Q1971" s="55"/>
      <c r="R1971" s="55"/>
      <c r="S1971" s="55"/>
      <c r="T1971" s="55"/>
      <c r="U1971" s="55"/>
      <c r="V1971" s="55"/>
      <c r="W1971" s="55"/>
      <c r="X1971" s="55"/>
      <c r="Y1971" s="55"/>
      <c r="Z1971" s="55"/>
      <c r="AA1971" s="55"/>
      <c r="AB1971" s="55"/>
      <c r="AC1971" s="55"/>
      <c r="AD1971" s="55"/>
      <c r="AE1971" s="55"/>
      <c r="AF1971" s="55"/>
      <c r="AG1971" s="55"/>
      <c r="AY1971" s="162"/>
      <c r="AZ1971" s="162"/>
      <c r="BA1971" s="162"/>
      <c r="BB1971" s="162"/>
      <c r="BC1971" s="162"/>
      <c r="BD1971" s="162"/>
      <c r="BE1971" s="162"/>
      <c r="BF1971" s="162"/>
      <c r="BG1971" s="162"/>
      <c r="BH1971" s="162"/>
      <c r="BI1971" s="162"/>
      <c r="BJ1971" s="162"/>
      <c r="BK1971" s="162"/>
      <c r="BL1971" s="162"/>
      <c r="BM1971" s="162"/>
      <c r="BN1971" s="162"/>
      <c r="BO1971" s="162"/>
      <c r="BP1971" s="162"/>
      <c r="BQ1971" s="162"/>
      <c r="BR1971" s="162"/>
      <c r="BS1971" s="162"/>
      <c r="BT1971" s="162"/>
      <c r="BU1971" s="162"/>
      <c r="BV1971" s="162"/>
      <c r="BW1971" s="162"/>
      <c r="BX1971" s="162"/>
      <c r="BY1971" s="162"/>
      <c r="BZ1971" s="162"/>
      <c r="CA1971" s="162"/>
      <c r="CB1971" s="162"/>
      <c r="CC1971" s="162"/>
      <c r="CD1971" s="162"/>
      <c r="CE1971" s="162"/>
      <c r="CF1971" s="162"/>
      <c r="CG1971" s="162"/>
      <c r="CH1971" s="162"/>
      <c r="CI1971" s="162"/>
      <c r="CJ1971" s="162"/>
      <c r="CK1971" s="162"/>
      <c r="CX1971" s="98"/>
      <c r="DL1971" s="97"/>
      <c r="DX1971" s="98"/>
      <c r="EL1971" s="97"/>
      <c r="EX1971" s="98"/>
      <c r="EY1971" s="97"/>
      <c r="FL1971" s="126"/>
      <c r="FM1971" s="91"/>
      <c r="FN1971" s="91"/>
      <c r="FO1971" s="91"/>
      <c r="FP1971" s="91"/>
      <c r="FQ1971" s="91"/>
      <c r="FR1971" s="91"/>
      <c r="FS1971" s="91"/>
      <c r="FT1971" s="91"/>
      <c r="FU1971" s="91"/>
      <c r="FV1971" s="91"/>
      <c r="FW1971" s="91"/>
      <c r="FX1971" s="91"/>
      <c r="FY1971" s="91"/>
      <c r="FZ1971" s="91"/>
      <c r="GA1971" s="91"/>
      <c r="GB1971" s="91"/>
      <c r="GC1971" s="91"/>
      <c r="GD1971" s="91"/>
      <c r="GE1971" s="91"/>
      <c r="GF1971" s="91"/>
      <c r="GG1971" s="91"/>
      <c r="GH1971" s="91"/>
      <c r="GI1971" s="91"/>
      <c r="GJ1971" s="91"/>
      <c r="GK1971" s="127"/>
      <c r="GL1971" s="126"/>
      <c r="GM1971" s="91"/>
      <c r="GN1971" s="91"/>
      <c r="GO1971" s="91"/>
      <c r="GP1971" s="91"/>
      <c r="GQ1971" s="91"/>
      <c r="GR1971" s="91"/>
      <c r="GS1971" s="91"/>
      <c r="GT1971" s="91"/>
      <c r="GU1971" s="91"/>
      <c r="GV1971" s="91"/>
      <c r="GW1971" s="91"/>
      <c r="GX1971" s="91"/>
      <c r="GY1971" s="91"/>
      <c r="GZ1971" s="91"/>
      <c r="HA1971" s="91"/>
      <c r="HB1971" s="91"/>
      <c r="HC1971" s="91"/>
      <c r="HD1971" s="91"/>
      <c r="HE1971" s="91"/>
      <c r="HF1971" s="91"/>
      <c r="HG1971" s="91"/>
      <c r="HH1971" s="91"/>
      <c r="HI1971" s="91"/>
      <c r="HJ1971" s="91"/>
      <c r="HK1971" s="127"/>
      <c r="HL1971" s="126"/>
      <c r="HM1971" s="91"/>
      <c r="HN1971" s="91"/>
      <c r="HO1971" s="91"/>
      <c r="HP1971" s="91"/>
      <c r="HQ1971" s="91"/>
      <c r="HR1971" s="91"/>
      <c r="HS1971" s="91"/>
      <c r="HT1971" s="91"/>
      <c r="HU1971" s="91"/>
      <c r="HV1971" s="91"/>
      <c r="HW1971" s="91"/>
      <c r="HX1971" s="91"/>
      <c r="HY1971" s="91"/>
      <c r="HZ1971" s="91"/>
      <c r="IA1971" s="91"/>
      <c r="IB1971" s="91"/>
      <c r="IC1971" s="91"/>
      <c r="ID1971" s="91"/>
      <c r="IE1971" s="91"/>
      <c r="IF1971" s="91"/>
      <c r="IG1971" s="91"/>
      <c r="IH1971" s="91"/>
      <c r="II1971" s="91"/>
      <c r="IJ1971" s="91"/>
      <c r="IK1971" s="127"/>
    </row>
    <row r="1972" spans="2:245" x14ac:dyDescent="0.2">
      <c r="B1972" s="43"/>
      <c r="C1972" s="73"/>
      <c r="D1972" s="64"/>
      <c r="E1972" s="64"/>
      <c r="F1972" s="55"/>
      <c r="G1972" s="102"/>
      <c r="H1972" s="55"/>
      <c r="I1972" s="55"/>
      <c r="J1972" s="55"/>
      <c r="K1972" s="55"/>
      <c r="L1972" s="55"/>
      <c r="M1972" s="55"/>
      <c r="N1972" s="55"/>
      <c r="O1972" s="55"/>
      <c r="P1972" s="55"/>
      <c r="Q1972" s="55"/>
      <c r="R1972" s="55"/>
      <c r="S1972" s="55"/>
      <c r="T1972" s="55"/>
      <c r="U1972" s="55"/>
      <c r="V1972" s="55"/>
      <c r="W1972" s="55"/>
      <c r="X1972" s="55"/>
      <c r="Y1972" s="55"/>
      <c r="Z1972" s="55"/>
      <c r="AA1972" s="55"/>
      <c r="AB1972" s="55"/>
      <c r="AC1972" s="55"/>
      <c r="AD1972" s="55"/>
      <c r="AE1972" s="55"/>
      <c r="AF1972" s="55"/>
      <c r="AG1972" s="55"/>
      <c r="AY1972" s="162"/>
      <c r="AZ1972" s="162"/>
      <c r="BA1972" s="162"/>
      <c r="BB1972" s="162"/>
      <c r="BC1972" s="162"/>
      <c r="BD1972" s="162"/>
      <c r="BE1972" s="162"/>
      <c r="BF1972" s="162"/>
      <c r="BG1972" s="162"/>
      <c r="BH1972" s="162"/>
      <c r="BI1972" s="162"/>
      <c r="BJ1972" s="162"/>
      <c r="BK1972" s="162"/>
      <c r="BL1972" s="162"/>
      <c r="BM1972" s="162"/>
      <c r="BN1972" s="162"/>
      <c r="BO1972" s="162"/>
      <c r="BP1972" s="162"/>
      <c r="BQ1972" s="162"/>
      <c r="BR1972" s="162"/>
      <c r="BS1972" s="162"/>
      <c r="BT1972" s="162"/>
      <c r="BU1972" s="162"/>
      <c r="BV1972" s="162"/>
      <c r="BW1972" s="162"/>
      <c r="BX1972" s="162"/>
      <c r="BY1972" s="162"/>
      <c r="BZ1972" s="162"/>
      <c r="CA1972" s="162"/>
      <c r="CB1972" s="162"/>
      <c r="CC1972" s="162"/>
      <c r="CD1972" s="162"/>
      <c r="CE1972" s="162"/>
      <c r="CF1972" s="162"/>
      <c r="CG1972" s="162"/>
      <c r="CH1972" s="162"/>
      <c r="CI1972" s="162"/>
      <c r="CJ1972" s="162"/>
      <c r="CK1972" s="162"/>
      <c r="CX1972" s="98"/>
      <c r="DL1972" s="97"/>
      <c r="DX1972" s="98"/>
      <c r="EL1972" s="97"/>
      <c r="EX1972" s="98"/>
      <c r="EY1972" s="97"/>
      <c r="FL1972" s="126"/>
      <c r="FM1972" s="91"/>
      <c r="FN1972" s="91"/>
      <c r="FO1972" s="91"/>
      <c r="FP1972" s="91"/>
      <c r="FQ1972" s="91"/>
      <c r="FR1972" s="91"/>
      <c r="FS1972" s="91"/>
      <c r="FT1972" s="91"/>
      <c r="FU1972" s="91"/>
      <c r="FV1972" s="91"/>
      <c r="FW1972" s="91"/>
      <c r="FX1972" s="91"/>
      <c r="FY1972" s="91"/>
      <c r="FZ1972" s="91"/>
      <c r="GA1972" s="91"/>
      <c r="GB1972" s="91"/>
      <c r="GC1972" s="91"/>
      <c r="GD1972" s="91"/>
      <c r="GE1972" s="91"/>
      <c r="GF1972" s="91"/>
      <c r="GG1972" s="91"/>
      <c r="GH1972" s="91"/>
      <c r="GI1972" s="91"/>
      <c r="GJ1972" s="91"/>
      <c r="GK1972" s="127"/>
      <c r="GL1972" s="126"/>
      <c r="GM1972" s="91"/>
      <c r="GN1972" s="91"/>
      <c r="GO1972" s="91"/>
      <c r="GP1972" s="91"/>
      <c r="GQ1972" s="91"/>
      <c r="GR1972" s="91"/>
      <c r="GS1972" s="91"/>
      <c r="GT1972" s="91"/>
      <c r="GU1972" s="91"/>
      <c r="GV1972" s="91"/>
      <c r="GW1972" s="91"/>
      <c r="GX1972" s="91"/>
      <c r="GY1972" s="91"/>
      <c r="GZ1972" s="91"/>
      <c r="HA1972" s="91"/>
      <c r="HB1972" s="91"/>
      <c r="HC1972" s="91"/>
      <c r="HD1972" s="91"/>
      <c r="HE1972" s="91"/>
      <c r="HF1972" s="91"/>
      <c r="HG1972" s="91"/>
      <c r="HH1972" s="91"/>
      <c r="HI1972" s="91"/>
      <c r="HJ1972" s="91"/>
      <c r="HK1972" s="127"/>
      <c r="HL1972" s="126"/>
      <c r="HM1972" s="91"/>
      <c r="HN1972" s="91"/>
      <c r="HO1972" s="91"/>
      <c r="HP1972" s="91"/>
      <c r="HQ1972" s="91"/>
      <c r="HR1972" s="91"/>
      <c r="HS1972" s="91"/>
      <c r="HT1972" s="91"/>
      <c r="HU1972" s="91"/>
      <c r="HV1972" s="91"/>
      <c r="HW1972" s="91"/>
      <c r="HX1972" s="91"/>
      <c r="HY1972" s="91"/>
      <c r="HZ1972" s="91"/>
      <c r="IA1972" s="91"/>
      <c r="IB1972" s="91"/>
      <c r="IC1972" s="91"/>
      <c r="ID1972" s="91"/>
      <c r="IE1972" s="91"/>
      <c r="IF1972" s="91"/>
      <c r="IG1972" s="91"/>
      <c r="IH1972" s="91"/>
      <c r="II1972" s="91"/>
      <c r="IJ1972" s="91"/>
      <c r="IK1972" s="127"/>
    </row>
    <row r="1973" spans="2:245" x14ac:dyDescent="0.2">
      <c r="B1973" s="43"/>
      <c r="C1973" s="73"/>
      <c r="D1973" s="64"/>
      <c r="E1973" s="64"/>
      <c r="F1973" s="55"/>
      <c r="G1973" s="102"/>
      <c r="H1973" s="55"/>
      <c r="I1973" s="55"/>
      <c r="J1973" s="55"/>
      <c r="K1973" s="55"/>
      <c r="L1973" s="55"/>
      <c r="M1973" s="55"/>
      <c r="N1973" s="55"/>
      <c r="O1973" s="55"/>
      <c r="P1973" s="55"/>
      <c r="Q1973" s="55"/>
      <c r="R1973" s="55"/>
      <c r="S1973" s="55"/>
      <c r="T1973" s="55"/>
      <c r="U1973" s="55"/>
      <c r="V1973" s="55"/>
      <c r="W1973" s="55"/>
      <c r="X1973" s="55"/>
      <c r="Y1973" s="55"/>
      <c r="Z1973" s="55"/>
      <c r="AA1973" s="55"/>
      <c r="AB1973" s="55"/>
      <c r="AC1973" s="55"/>
      <c r="AD1973" s="55"/>
      <c r="AE1973" s="55"/>
      <c r="AF1973" s="55"/>
      <c r="AG1973" s="55"/>
      <c r="AY1973" s="162"/>
      <c r="AZ1973" s="162"/>
      <c r="BA1973" s="162"/>
      <c r="BB1973" s="162"/>
      <c r="BC1973" s="162"/>
      <c r="BD1973" s="162"/>
      <c r="BE1973" s="162"/>
      <c r="BF1973" s="162"/>
      <c r="BG1973" s="162"/>
      <c r="BH1973" s="162"/>
      <c r="BI1973" s="162"/>
      <c r="BJ1973" s="162"/>
      <c r="BK1973" s="162"/>
      <c r="BL1973" s="162"/>
      <c r="BM1973" s="162"/>
      <c r="BN1973" s="162"/>
      <c r="BO1973" s="162"/>
      <c r="BP1973" s="162"/>
      <c r="BQ1973" s="162"/>
      <c r="BR1973" s="162"/>
      <c r="BS1973" s="162"/>
      <c r="BT1973" s="162"/>
      <c r="BU1973" s="162"/>
      <c r="BV1973" s="162"/>
      <c r="BW1973" s="162"/>
      <c r="BX1973" s="162"/>
      <c r="BY1973" s="162"/>
      <c r="BZ1973" s="162"/>
      <c r="CA1973" s="162"/>
      <c r="CB1973" s="162"/>
      <c r="CC1973" s="162"/>
      <c r="CD1973" s="162"/>
      <c r="CE1973" s="162"/>
      <c r="CF1973" s="162"/>
      <c r="CG1973" s="162"/>
      <c r="CH1973" s="162"/>
      <c r="CI1973" s="162"/>
      <c r="CJ1973" s="162"/>
      <c r="CK1973" s="162"/>
      <c r="CX1973" s="98"/>
      <c r="DL1973" s="97"/>
      <c r="DX1973" s="98"/>
      <c r="EL1973" s="97"/>
      <c r="EX1973" s="98"/>
      <c r="EY1973" s="97"/>
      <c r="FL1973" s="126"/>
      <c r="FM1973" s="91"/>
      <c r="FN1973" s="91"/>
      <c r="FO1973" s="91"/>
      <c r="FP1973" s="91"/>
      <c r="FQ1973" s="91"/>
      <c r="FR1973" s="91"/>
      <c r="FS1973" s="91"/>
      <c r="FT1973" s="91"/>
      <c r="FU1973" s="91"/>
      <c r="FV1973" s="91"/>
      <c r="FW1973" s="91"/>
      <c r="FX1973" s="91"/>
      <c r="FY1973" s="91"/>
      <c r="FZ1973" s="91"/>
      <c r="GA1973" s="91"/>
      <c r="GB1973" s="91"/>
      <c r="GC1973" s="91"/>
      <c r="GD1973" s="91"/>
      <c r="GE1973" s="91"/>
      <c r="GF1973" s="91"/>
      <c r="GG1973" s="91"/>
      <c r="GH1973" s="91"/>
      <c r="GI1973" s="91"/>
      <c r="GJ1973" s="91"/>
      <c r="GK1973" s="127"/>
      <c r="GL1973" s="126"/>
      <c r="GM1973" s="91"/>
      <c r="GN1973" s="91"/>
      <c r="GO1973" s="91"/>
      <c r="GP1973" s="91"/>
      <c r="GQ1973" s="91"/>
      <c r="GR1973" s="91"/>
      <c r="GS1973" s="91"/>
      <c r="GT1973" s="91"/>
      <c r="GU1973" s="91"/>
      <c r="GV1973" s="91"/>
      <c r="GW1973" s="91"/>
      <c r="GX1973" s="91"/>
      <c r="GY1973" s="91"/>
      <c r="GZ1973" s="91"/>
      <c r="HA1973" s="91"/>
      <c r="HB1973" s="91"/>
      <c r="HC1973" s="91"/>
      <c r="HD1973" s="91"/>
      <c r="HE1973" s="91"/>
      <c r="HF1973" s="91"/>
      <c r="HG1973" s="91"/>
      <c r="HH1973" s="91"/>
      <c r="HI1973" s="91"/>
      <c r="HJ1973" s="91"/>
      <c r="HK1973" s="127"/>
      <c r="HL1973" s="126"/>
      <c r="HM1973" s="91"/>
      <c r="HN1973" s="91"/>
      <c r="HO1973" s="91"/>
      <c r="HP1973" s="91"/>
      <c r="HQ1973" s="91"/>
      <c r="HR1973" s="91"/>
      <c r="HS1973" s="91"/>
      <c r="HT1973" s="91"/>
      <c r="HU1973" s="91"/>
      <c r="HV1973" s="91"/>
      <c r="HW1973" s="91"/>
      <c r="HX1973" s="91"/>
      <c r="HY1973" s="91"/>
      <c r="HZ1973" s="91"/>
      <c r="IA1973" s="91"/>
      <c r="IB1973" s="91"/>
      <c r="IC1973" s="91"/>
      <c r="ID1973" s="91"/>
      <c r="IE1973" s="91"/>
      <c r="IF1973" s="91"/>
      <c r="IG1973" s="91"/>
      <c r="IH1973" s="91"/>
      <c r="II1973" s="91"/>
      <c r="IJ1973" s="91"/>
      <c r="IK1973" s="127"/>
    </row>
    <row r="1974" spans="2:245" x14ac:dyDescent="0.2">
      <c r="B1974" s="43"/>
      <c r="C1974" s="73"/>
      <c r="D1974" s="64"/>
      <c r="E1974" s="64"/>
      <c r="F1974" s="55"/>
      <c r="G1974" s="102"/>
      <c r="H1974" s="55"/>
      <c r="I1974" s="55"/>
      <c r="J1974" s="55"/>
      <c r="K1974" s="55"/>
      <c r="L1974" s="55"/>
      <c r="M1974" s="55"/>
      <c r="N1974" s="55"/>
      <c r="O1974" s="55"/>
      <c r="P1974" s="55"/>
      <c r="Q1974" s="55"/>
      <c r="R1974" s="55"/>
      <c r="S1974" s="55"/>
      <c r="T1974" s="55"/>
      <c r="U1974" s="55"/>
      <c r="V1974" s="55"/>
      <c r="W1974" s="55"/>
      <c r="X1974" s="55"/>
      <c r="Y1974" s="55"/>
      <c r="Z1974" s="55"/>
      <c r="AA1974" s="55"/>
      <c r="AB1974" s="55"/>
      <c r="AC1974" s="55"/>
      <c r="AD1974" s="55"/>
      <c r="AE1974" s="55"/>
      <c r="AF1974" s="55"/>
      <c r="AG1974" s="55"/>
      <c r="AY1974" s="162"/>
      <c r="AZ1974" s="162"/>
      <c r="BA1974" s="162"/>
      <c r="BB1974" s="162"/>
      <c r="BC1974" s="162"/>
      <c r="BD1974" s="162"/>
      <c r="BE1974" s="162"/>
      <c r="BF1974" s="162"/>
      <c r="BG1974" s="162"/>
      <c r="BH1974" s="162"/>
      <c r="BI1974" s="162"/>
      <c r="BJ1974" s="162"/>
      <c r="BK1974" s="162"/>
      <c r="BL1974" s="162"/>
      <c r="BM1974" s="162"/>
      <c r="BN1974" s="162"/>
      <c r="BO1974" s="162"/>
      <c r="BP1974" s="162"/>
      <c r="BQ1974" s="162"/>
      <c r="BR1974" s="162"/>
      <c r="BS1974" s="162"/>
      <c r="BT1974" s="162"/>
      <c r="BU1974" s="162"/>
      <c r="BV1974" s="162"/>
      <c r="BW1974" s="162"/>
      <c r="BX1974" s="162"/>
      <c r="BY1974" s="162"/>
      <c r="BZ1974" s="162"/>
      <c r="CA1974" s="162"/>
      <c r="CB1974" s="162"/>
      <c r="CC1974" s="162"/>
      <c r="CD1974" s="162"/>
      <c r="CE1974" s="162"/>
      <c r="CF1974" s="162"/>
      <c r="CG1974" s="162"/>
      <c r="CH1974" s="162"/>
      <c r="CI1974" s="162"/>
      <c r="CJ1974" s="162"/>
      <c r="CK1974" s="162"/>
      <c r="CX1974" s="98"/>
      <c r="DL1974" s="97"/>
      <c r="DX1974" s="98"/>
      <c r="EL1974" s="97"/>
      <c r="EX1974" s="98"/>
      <c r="EY1974" s="97"/>
      <c r="FL1974" s="126"/>
      <c r="FM1974" s="91"/>
      <c r="FN1974" s="91"/>
      <c r="FO1974" s="91"/>
      <c r="FP1974" s="91"/>
      <c r="FQ1974" s="91"/>
      <c r="FR1974" s="91"/>
      <c r="FS1974" s="91"/>
      <c r="FT1974" s="91"/>
      <c r="FU1974" s="91"/>
      <c r="FV1974" s="91"/>
      <c r="FW1974" s="91"/>
      <c r="FX1974" s="91"/>
      <c r="FY1974" s="91"/>
      <c r="FZ1974" s="91"/>
      <c r="GA1974" s="91"/>
      <c r="GB1974" s="91"/>
      <c r="GC1974" s="91"/>
      <c r="GD1974" s="91"/>
      <c r="GE1974" s="91"/>
      <c r="GF1974" s="91"/>
      <c r="GG1974" s="91"/>
      <c r="GH1974" s="91"/>
      <c r="GI1974" s="91"/>
      <c r="GJ1974" s="91"/>
      <c r="GK1974" s="127"/>
      <c r="GL1974" s="126"/>
      <c r="GM1974" s="91"/>
      <c r="GN1974" s="91"/>
      <c r="GO1974" s="91"/>
      <c r="GP1974" s="91"/>
      <c r="GQ1974" s="91"/>
      <c r="GR1974" s="91"/>
      <c r="GS1974" s="91"/>
      <c r="GT1974" s="91"/>
      <c r="GU1974" s="91"/>
      <c r="GV1974" s="91"/>
      <c r="GW1974" s="91"/>
      <c r="GX1974" s="91"/>
      <c r="GY1974" s="91"/>
      <c r="GZ1974" s="91"/>
      <c r="HA1974" s="91"/>
      <c r="HB1974" s="91"/>
      <c r="HC1974" s="91"/>
      <c r="HD1974" s="91"/>
      <c r="HE1974" s="91"/>
      <c r="HF1974" s="91"/>
      <c r="HG1974" s="91"/>
      <c r="HH1974" s="91"/>
      <c r="HI1974" s="91"/>
      <c r="HJ1974" s="91"/>
      <c r="HK1974" s="127"/>
      <c r="HL1974" s="126"/>
      <c r="HM1974" s="91"/>
      <c r="HN1974" s="91"/>
      <c r="HO1974" s="91"/>
      <c r="HP1974" s="91"/>
      <c r="HQ1974" s="91"/>
      <c r="HR1974" s="91"/>
      <c r="HS1974" s="91"/>
      <c r="HT1974" s="91"/>
      <c r="HU1974" s="91"/>
      <c r="HV1974" s="91"/>
      <c r="HW1974" s="91"/>
      <c r="HX1974" s="91"/>
      <c r="HY1974" s="91"/>
      <c r="HZ1974" s="91"/>
      <c r="IA1974" s="91"/>
      <c r="IB1974" s="91"/>
      <c r="IC1974" s="91"/>
      <c r="ID1974" s="91"/>
      <c r="IE1974" s="91"/>
      <c r="IF1974" s="91"/>
      <c r="IG1974" s="91"/>
      <c r="IH1974" s="91"/>
      <c r="II1974" s="91"/>
      <c r="IJ1974" s="91"/>
      <c r="IK1974" s="127"/>
    </row>
    <row r="1975" spans="2:245" x14ac:dyDescent="0.2">
      <c r="B1975" s="43"/>
      <c r="C1975" s="73"/>
      <c r="D1975" s="64"/>
      <c r="E1975" s="64"/>
      <c r="F1975" s="55"/>
      <c r="G1975" s="102"/>
      <c r="H1975" s="55"/>
      <c r="I1975" s="55"/>
      <c r="J1975" s="55"/>
      <c r="K1975" s="55"/>
      <c r="L1975" s="55"/>
      <c r="M1975" s="55"/>
      <c r="N1975" s="55"/>
      <c r="O1975" s="55"/>
      <c r="P1975" s="55"/>
      <c r="Q1975" s="55"/>
      <c r="R1975" s="55"/>
      <c r="S1975" s="55"/>
      <c r="T1975" s="55"/>
      <c r="U1975" s="55"/>
      <c r="V1975" s="55"/>
      <c r="W1975" s="55"/>
      <c r="X1975" s="55"/>
      <c r="Y1975" s="55"/>
      <c r="Z1975" s="55"/>
      <c r="AA1975" s="55"/>
      <c r="AB1975" s="55"/>
      <c r="AC1975" s="55"/>
      <c r="AD1975" s="55"/>
      <c r="AE1975" s="55"/>
      <c r="AF1975" s="55"/>
      <c r="AG1975" s="55"/>
      <c r="AY1975" s="162"/>
      <c r="AZ1975" s="162"/>
      <c r="BA1975" s="162"/>
      <c r="BB1975" s="162"/>
      <c r="BC1975" s="162"/>
      <c r="BD1975" s="162"/>
      <c r="BE1975" s="162"/>
      <c r="BF1975" s="162"/>
      <c r="BG1975" s="162"/>
      <c r="BH1975" s="162"/>
      <c r="BI1975" s="162"/>
      <c r="BJ1975" s="162"/>
      <c r="BK1975" s="162"/>
      <c r="BL1975" s="162"/>
      <c r="BM1975" s="162"/>
      <c r="BN1975" s="162"/>
      <c r="BO1975" s="162"/>
      <c r="BP1975" s="162"/>
      <c r="BQ1975" s="162"/>
      <c r="BR1975" s="162"/>
      <c r="BS1975" s="162"/>
      <c r="BT1975" s="162"/>
      <c r="BU1975" s="162"/>
      <c r="BV1975" s="162"/>
      <c r="BW1975" s="162"/>
      <c r="BX1975" s="162"/>
      <c r="BY1975" s="162"/>
      <c r="BZ1975" s="162"/>
      <c r="CA1975" s="162"/>
      <c r="CB1975" s="162"/>
      <c r="CC1975" s="162"/>
      <c r="CD1975" s="162"/>
      <c r="CE1975" s="162"/>
      <c r="CF1975" s="162"/>
      <c r="CG1975" s="162"/>
      <c r="CH1975" s="162"/>
      <c r="CI1975" s="162"/>
      <c r="CJ1975" s="162"/>
      <c r="CK1975" s="162"/>
      <c r="CX1975" s="98"/>
      <c r="DL1975" s="97"/>
      <c r="DX1975" s="98"/>
      <c r="EL1975" s="97"/>
      <c r="EX1975" s="98"/>
      <c r="EY1975" s="97"/>
      <c r="FL1975" s="126"/>
      <c r="FM1975" s="91"/>
      <c r="FN1975" s="91"/>
      <c r="FO1975" s="91"/>
      <c r="FP1975" s="91"/>
      <c r="FQ1975" s="91"/>
      <c r="FR1975" s="91"/>
      <c r="FS1975" s="91"/>
      <c r="FT1975" s="91"/>
      <c r="FU1975" s="91"/>
      <c r="FV1975" s="91"/>
      <c r="FW1975" s="91"/>
      <c r="FX1975" s="91"/>
      <c r="FY1975" s="91"/>
      <c r="FZ1975" s="91"/>
      <c r="GA1975" s="91"/>
      <c r="GB1975" s="91"/>
      <c r="GC1975" s="91"/>
      <c r="GD1975" s="91"/>
      <c r="GE1975" s="91"/>
      <c r="GF1975" s="91"/>
      <c r="GG1975" s="91"/>
      <c r="GH1975" s="91"/>
      <c r="GI1975" s="91"/>
      <c r="GJ1975" s="91"/>
      <c r="GK1975" s="127"/>
      <c r="GL1975" s="126"/>
      <c r="GM1975" s="91"/>
      <c r="GN1975" s="91"/>
      <c r="GO1975" s="91"/>
      <c r="GP1975" s="91"/>
      <c r="GQ1975" s="91"/>
      <c r="GR1975" s="91"/>
      <c r="GS1975" s="91"/>
      <c r="GT1975" s="91"/>
      <c r="GU1975" s="91"/>
      <c r="GV1975" s="91"/>
      <c r="GW1975" s="91"/>
      <c r="GX1975" s="91"/>
      <c r="GY1975" s="91"/>
      <c r="GZ1975" s="91"/>
      <c r="HA1975" s="91"/>
      <c r="HB1975" s="91"/>
      <c r="HC1975" s="91"/>
      <c r="HD1975" s="91"/>
      <c r="HE1975" s="91"/>
      <c r="HF1975" s="91"/>
      <c r="HG1975" s="91"/>
      <c r="HH1975" s="91"/>
      <c r="HI1975" s="91"/>
      <c r="HJ1975" s="91"/>
      <c r="HK1975" s="127"/>
      <c r="HL1975" s="126"/>
      <c r="HM1975" s="91"/>
      <c r="HN1975" s="91"/>
      <c r="HO1975" s="91"/>
      <c r="HP1975" s="91"/>
      <c r="HQ1975" s="91"/>
      <c r="HR1975" s="91"/>
      <c r="HS1975" s="91"/>
      <c r="HT1975" s="91"/>
      <c r="HU1975" s="91"/>
      <c r="HV1975" s="91"/>
      <c r="HW1975" s="91"/>
      <c r="HX1975" s="91"/>
      <c r="HY1975" s="91"/>
      <c r="HZ1975" s="91"/>
      <c r="IA1975" s="91"/>
      <c r="IB1975" s="91"/>
      <c r="IC1975" s="91"/>
      <c r="ID1975" s="91"/>
      <c r="IE1975" s="91"/>
      <c r="IF1975" s="91"/>
      <c r="IG1975" s="91"/>
      <c r="IH1975" s="91"/>
      <c r="II1975" s="91"/>
      <c r="IJ1975" s="91"/>
      <c r="IK1975" s="127"/>
    </row>
    <row r="1976" spans="2:245" x14ac:dyDescent="0.2">
      <c r="B1976" s="43"/>
      <c r="C1976" s="73"/>
      <c r="D1976" s="64"/>
      <c r="E1976" s="64"/>
      <c r="F1976" s="55"/>
      <c r="G1976" s="102"/>
      <c r="H1976" s="55"/>
      <c r="I1976" s="55"/>
      <c r="J1976" s="55"/>
      <c r="K1976" s="55"/>
      <c r="L1976" s="55"/>
      <c r="M1976" s="55"/>
      <c r="N1976" s="55"/>
      <c r="O1976" s="55"/>
      <c r="P1976" s="55"/>
      <c r="Q1976" s="55"/>
      <c r="R1976" s="55"/>
      <c r="S1976" s="55"/>
      <c r="T1976" s="55"/>
      <c r="U1976" s="55"/>
      <c r="V1976" s="55"/>
      <c r="W1976" s="55"/>
      <c r="X1976" s="55"/>
      <c r="Y1976" s="55"/>
      <c r="Z1976" s="55"/>
      <c r="AA1976" s="55"/>
      <c r="AB1976" s="55"/>
      <c r="AC1976" s="55"/>
      <c r="AD1976" s="55"/>
      <c r="AE1976" s="55"/>
      <c r="AF1976" s="55"/>
      <c r="AG1976" s="55"/>
      <c r="AY1976" s="162"/>
      <c r="AZ1976" s="162"/>
      <c r="BA1976" s="162"/>
      <c r="BB1976" s="162"/>
      <c r="BC1976" s="162"/>
      <c r="BD1976" s="162"/>
      <c r="BE1976" s="162"/>
      <c r="BF1976" s="162"/>
      <c r="BG1976" s="162"/>
      <c r="BH1976" s="162"/>
      <c r="BI1976" s="162"/>
      <c r="BJ1976" s="162"/>
      <c r="BK1976" s="162"/>
      <c r="BL1976" s="162"/>
      <c r="BM1976" s="162"/>
      <c r="BN1976" s="162"/>
      <c r="BO1976" s="162"/>
      <c r="BP1976" s="162"/>
      <c r="BQ1976" s="162"/>
      <c r="BR1976" s="162"/>
      <c r="BS1976" s="162"/>
      <c r="BT1976" s="162"/>
      <c r="BU1976" s="162"/>
      <c r="BV1976" s="162"/>
      <c r="BW1976" s="162"/>
      <c r="BX1976" s="162"/>
      <c r="BY1976" s="162"/>
      <c r="BZ1976" s="162"/>
      <c r="CA1976" s="162"/>
      <c r="CB1976" s="162"/>
      <c r="CC1976" s="162"/>
      <c r="CD1976" s="162"/>
      <c r="CE1976" s="162"/>
      <c r="CF1976" s="162"/>
      <c r="CG1976" s="162"/>
      <c r="CH1976" s="162"/>
      <c r="CI1976" s="162"/>
      <c r="CJ1976" s="162"/>
      <c r="CK1976" s="162"/>
      <c r="CX1976" s="98"/>
      <c r="DL1976" s="97"/>
      <c r="DX1976" s="98"/>
      <c r="EL1976" s="97"/>
      <c r="EX1976" s="98"/>
      <c r="EY1976" s="97"/>
      <c r="FL1976" s="126"/>
      <c r="FM1976" s="91"/>
      <c r="FN1976" s="91"/>
      <c r="FO1976" s="91"/>
      <c r="FP1976" s="91"/>
      <c r="FQ1976" s="91"/>
      <c r="FR1976" s="91"/>
      <c r="FS1976" s="91"/>
      <c r="FT1976" s="91"/>
      <c r="FU1976" s="91"/>
      <c r="FV1976" s="91"/>
      <c r="FW1976" s="91"/>
      <c r="FX1976" s="91"/>
      <c r="FY1976" s="91"/>
      <c r="FZ1976" s="91"/>
      <c r="GA1976" s="91"/>
      <c r="GB1976" s="91"/>
      <c r="GC1976" s="91"/>
      <c r="GD1976" s="91"/>
      <c r="GE1976" s="91"/>
      <c r="GF1976" s="91"/>
      <c r="GG1976" s="91"/>
      <c r="GH1976" s="91"/>
      <c r="GI1976" s="91"/>
      <c r="GJ1976" s="91"/>
      <c r="GK1976" s="127"/>
      <c r="GL1976" s="126"/>
      <c r="GM1976" s="91"/>
      <c r="GN1976" s="91"/>
      <c r="GO1976" s="91"/>
      <c r="GP1976" s="91"/>
      <c r="GQ1976" s="91"/>
      <c r="GR1976" s="91"/>
      <c r="GS1976" s="91"/>
      <c r="GT1976" s="91"/>
      <c r="GU1976" s="91"/>
      <c r="GV1976" s="91"/>
      <c r="GW1976" s="91"/>
      <c r="GX1976" s="91"/>
      <c r="GY1976" s="91"/>
      <c r="GZ1976" s="91"/>
      <c r="HA1976" s="91"/>
      <c r="HB1976" s="91"/>
      <c r="HC1976" s="91"/>
      <c r="HD1976" s="91"/>
      <c r="HE1976" s="91"/>
      <c r="HF1976" s="91"/>
      <c r="HG1976" s="91"/>
      <c r="HH1976" s="91"/>
      <c r="HI1976" s="91"/>
      <c r="HJ1976" s="91"/>
      <c r="HK1976" s="127"/>
      <c r="HL1976" s="126"/>
      <c r="HM1976" s="91"/>
      <c r="HN1976" s="91"/>
      <c r="HO1976" s="91"/>
      <c r="HP1976" s="91"/>
      <c r="HQ1976" s="91"/>
      <c r="HR1976" s="91"/>
      <c r="HS1976" s="91"/>
      <c r="HT1976" s="91"/>
      <c r="HU1976" s="91"/>
      <c r="HV1976" s="91"/>
      <c r="HW1976" s="91"/>
      <c r="HX1976" s="91"/>
      <c r="HY1976" s="91"/>
      <c r="HZ1976" s="91"/>
      <c r="IA1976" s="91"/>
      <c r="IB1976" s="91"/>
      <c r="IC1976" s="91"/>
      <c r="ID1976" s="91"/>
      <c r="IE1976" s="91"/>
      <c r="IF1976" s="91"/>
      <c r="IG1976" s="91"/>
      <c r="IH1976" s="91"/>
      <c r="II1976" s="91"/>
      <c r="IJ1976" s="91"/>
      <c r="IK1976" s="127"/>
    </row>
    <row r="1977" spans="2:245" x14ac:dyDescent="0.2">
      <c r="B1977" s="43"/>
      <c r="C1977" s="73"/>
      <c r="D1977" s="64"/>
      <c r="E1977" s="64"/>
      <c r="F1977" s="55"/>
      <c r="G1977" s="102"/>
      <c r="H1977" s="55"/>
      <c r="I1977" s="55"/>
      <c r="J1977" s="55"/>
      <c r="K1977" s="55"/>
      <c r="L1977" s="55"/>
      <c r="M1977" s="55"/>
      <c r="N1977" s="55"/>
      <c r="O1977" s="55"/>
      <c r="P1977" s="55"/>
      <c r="Q1977" s="55"/>
      <c r="R1977" s="55"/>
      <c r="S1977" s="55"/>
      <c r="T1977" s="55"/>
      <c r="U1977" s="55"/>
      <c r="V1977" s="55"/>
      <c r="W1977" s="55"/>
      <c r="X1977" s="55"/>
      <c r="Y1977" s="55"/>
      <c r="Z1977" s="55"/>
      <c r="AA1977" s="55"/>
      <c r="AB1977" s="55"/>
      <c r="AC1977" s="55"/>
      <c r="AD1977" s="55"/>
      <c r="AE1977" s="55"/>
      <c r="AF1977" s="55"/>
      <c r="AG1977" s="55"/>
      <c r="AY1977" s="162"/>
      <c r="AZ1977" s="162"/>
      <c r="BA1977" s="162"/>
      <c r="BB1977" s="162"/>
      <c r="BC1977" s="162"/>
      <c r="BD1977" s="162"/>
      <c r="BE1977" s="162"/>
      <c r="BF1977" s="162"/>
      <c r="BG1977" s="162"/>
      <c r="BH1977" s="162"/>
      <c r="BI1977" s="162"/>
      <c r="BJ1977" s="162"/>
      <c r="BK1977" s="162"/>
      <c r="BL1977" s="162"/>
      <c r="BM1977" s="162"/>
      <c r="BN1977" s="162"/>
      <c r="BO1977" s="162"/>
      <c r="BP1977" s="162"/>
      <c r="BQ1977" s="162"/>
      <c r="BR1977" s="162"/>
      <c r="BS1977" s="162"/>
      <c r="BT1977" s="162"/>
      <c r="BU1977" s="162"/>
      <c r="BV1977" s="162"/>
      <c r="BW1977" s="162"/>
      <c r="BX1977" s="162"/>
      <c r="BY1977" s="162"/>
      <c r="BZ1977" s="162"/>
      <c r="CA1977" s="162"/>
      <c r="CB1977" s="162"/>
      <c r="CC1977" s="162"/>
      <c r="CD1977" s="162"/>
      <c r="CE1977" s="162"/>
      <c r="CF1977" s="162"/>
      <c r="CG1977" s="162"/>
      <c r="CH1977" s="162"/>
      <c r="CI1977" s="162"/>
      <c r="CJ1977" s="162"/>
      <c r="CK1977" s="162"/>
      <c r="CX1977" s="98"/>
      <c r="DL1977" s="97"/>
      <c r="DX1977" s="98"/>
      <c r="EL1977" s="97"/>
      <c r="EX1977" s="98"/>
      <c r="EY1977" s="97"/>
      <c r="FL1977" s="126"/>
      <c r="FM1977" s="91"/>
      <c r="FN1977" s="91"/>
      <c r="FO1977" s="91"/>
      <c r="FP1977" s="91"/>
      <c r="FQ1977" s="91"/>
      <c r="FR1977" s="91"/>
      <c r="FS1977" s="91"/>
      <c r="FT1977" s="91"/>
      <c r="FU1977" s="91"/>
      <c r="FV1977" s="91"/>
      <c r="FW1977" s="91"/>
      <c r="FX1977" s="91"/>
      <c r="FY1977" s="91"/>
      <c r="FZ1977" s="91"/>
      <c r="GA1977" s="91"/>
      <c r="GB1977" s="91"/>
      <c r="GC1977" s="91"/>
      <c r="GD1977" s="91"/>
      <c r="GE1977" s="91"/>
      <c r="GF1977" s="91"/>
      <c r="GG1977" s="91"/>
      <c r="GH1977" s="91"/>
      <c r="GI1977" s="91"/>
      <c r="GJ1977" s="91"/>
      <c r="GK1977" s="127"/>
      <c r="GL1977" s="126"/>
      <c r="GM1977" s="91"/>
      <c r="GN1977" s="91"/>
      <c r="GO1977" s="91"/>
      <c r="GP1977" s="91"/>
      <c r="GQ1977" s="91"/>
      <c r="GR1977" s="91"/>
      <c r="GS1977" s="91"/>
      <c r="GT1977" s="91"/>
      <c r="GU1977" s="91"/>
      <c r="GV1977" s="91"/>
      <c r="GW1977" s="91"/>
      <c r="GX1977" s="91"/>
      <c r="GY1977" s="91"/>
      <c r="GZ1977" s="91"/>
      <c r="HA1977" s="91"/>
      <c r="HB1977" s="91"/>
      <c r="HC1977" s="91"/>
      <c r="HD1977" s="91"/>
      <c r="HE1977" s="91"/>
      <c r="HF1977" s="91"/>
      <c r="HG1977" s="91"/>
      <c r="HH1977" s="91"/>
      <c r="HI1977" s="91"/>
      <c r="HJ1977" s="91"/>
      <c r="HK1977" s="127"/>
      <c r="HL1977" s="126"/>
      <c r="HM1977" s="91"/>
      <c r="HN1977" s="91"/>
      <c r="HO1977" s="91"/>
      <c r="HP1977" s="91"/>
      <c r="HQ1977" s="91"/>
      <c r="HR1977" s="91"/>
      <c r="HS1977" s="91"/>
      <c r="HT1977" s="91"/>
      <c r="HU1977" s="91"/>
      <c r="HV1977" s="91"/>
      <c r="HW1977" s="91"/>
      <c r="HX1977" s="91"/>
      <c r="HY1977" s="91"/>
      <c r="HZ1977" s="91"/>
      <c r="IA1977" s="91"/>
      <c r="IB1977" s="91"/>
      <c r="IC1977" s="91"/>
      <c r="ID1977" s="91"/>
      <c r="IE1977" s="91"/>
      <c r="IF1977" s="91"/>
      <c r="IG1977" s="91"/>
      <c r="IH1977" s="91"/>
      <c r="II1977" s="91"/>
      <c r="IJ1977" s="91"/>
      <c r="IK1977" s="127"/>
    </row>
    <row r="1978" spans="2:245" x14ac:dyDescent="0.2">
      <c r="B1978" s="43"/>
      <c r="C1978" s="73"/>
      <c r="D1978" s="64"/>
      <c r="E1978" s="64"/>
      <c r="F1978" s="55"/>
      <c r="G1978" s="102"/>
      <c r="H1978" s="55"/>
      <c r="I1978" s="55"/>
      <c r="J1978" s="55"/>
      <c r="K1978" s="55"/>
      <c r="L1978" s="55"/>
      <c r="M1978" s="55"/>
      <c r="N1978" s="55"/>
      <c r="O1978" s="55"/>
      <c r="P1978" s="55"/>
      <c r="Q1978" s="55"/>
      <c r="R1978" s="55"/>
      <c r="S1978" s="55"/>
      <c r="T1978" s="55"/>
      <c r="U1978" s="55"/>
      <c r="V1978" s="55"/>
      <c r="W1978" s="55"/>
      <c r="X1978" s="55"/>
      <c r="Y1978" s="55"/>
      <c r="Z1978" s="55"/>
      <c r="AA1978" s="55"/>
      <c r="AB1978" s="55"/>
      <c r="AC1978" s="55"/>
      <c r="AD1978" s="55"/>
      <c r="AE1978" s="55"/>
      <c r="AF1978" s="55"/>
      <c r="AG1978" s="55"/>
      <c r="AY1978" s="162"/>
      <c r="AZ1978" s="162"/>
      <c r="BA1978" s="162"/>
      <c r="BB1978" s="162"/>
      <c r="BC1978" s="162"/>
      <c r="BD1978" s="162"/>
      <c r="BE1978" s="162"/>
      <c r="BF1978" s="162"/>
      <c r="BG1978" s="162"/>
      <c r="BH1978" s="162"/>
      <c r="BI1978" s="162"/>
      <c r="BJ1978" s="162"/>
      <c r="BK1978" s="162"/>
      <c r="BL1978" s="162"/>
      <c r="BM1978" s="162"/>
      <c r="BN1978" s="162"/>
      <c r="BO1978" s="162"/>
      <c r="BP1978" s="162"/>
      <c r="BQ1978" s="162"/>
      <c r="BR1978" s="162"/>
      <c r="BS1978" s="162"/>
      <c r="BT1978" s="162"/>
      <c r="BU1978" s="162"/>
      <c r="BV1978" s="162"/>
      <c r="BW1978" s="162"/>
      <c r="BX1978" s="162"/>
      <c r="BY1978" s="162"/>
      <c r="BZ1978" s="162"/>
      <c r="CA1978" s="162"/>
      <c r="CB1978" s="162"/>
      <c r="CC1978" s="162"/>
      <c r="CD1978" s="162"/>
      <c r="CE1978" s="162"/>
      <c r="CF1978" s="162"/>
      <c r="CG1978" s="162"/>
      <c r="CH1978" s="162"/>
      <c r="CI1978" s="162"/>
      <c r="CJ1978" s="162"/>
      <c r="CK1978" s="162"/>
      <c r="CX1978" s="98"/>
      <c r="DL1978" s="97"/>
      <c r="DX1978" s="98"/>
      <c r="EL1978" s="97"/>
      <c r="EX1978" s="98"/>
      <c r="EY1978" s="97"/>
      <c r="FL1978" s="126"/>
      <c r="FM1978" s="91"/>
      <c r="FN1978" s="91"/>
      <c r="FO1978" s="91"/>
      <c r="FP1978" s="91"/>
      <c r="FQ1978" s="91"/>
      <c r="FR1978" s="91"/>
      <c r="FS1978" s="91"/>
      <c r="FT1978" s="91"/>
      <c r="FU1978" s="91"/>
      <c r="FV1978" s="91"/>
      <c r="FW1978" s="91"/>
      <c r="FX1978" s="91"/>
      <c r="FY1978" s="91"/>
      <c r="FZ1978" s="91"/>
      <c r="GA1978" s="91"/>
      <c r="GB1978" s="91"/>
      <c r="GC1978" s="91"/>
      <c r="GD1978" s="91"/>
      <c r="GE1978" s="91"/>
      <c r="GF1978" s="91"/>
      <c r="GG1978" s="91"/>
      <c r="GH1978" s="91"/>
      <c r="GI1978" s="91"/>
      <c r="GJ1978" s="91"/>
      <c r="GK1978" s="127"/>
      <c r="GL1978" s="126"/>
      <c r="GM1978" s="91"/>
      <c r="GN1978" s="91"/>
      <c r="GO1978" s="91"/>
      <c r="GP1978" s="91"/>
      <c r="GQ1978" s="91"/>
      <c r="GR1978" s="91"/>
      <c r="GS1978" s="91"/>
      <c r="GT1978" s="91"/>
      <c r="GU1978" s="91"/>
      <c r="GV1978" s="91"/>
      <c r="GW1978" s="91"/>
      <c r="GX1978" s="91"/>
      <c r="GY1978" s="91"/>
      <c r="GZ1978" s="91"/>
      <c r="HA1978" s="91"/>
      <c r="HB1978" s="91"/>
      <c r="HC1978" s="91"/>
      <c r="HD1978" s="91"/>
      <c r="HE1978" s="91"/>
      <c r="HF1978" s="91"/>
      <c r="HG1978" s="91"/>
      <c r="HH1978" s="91"/>
      <c r="HI1978" s="91"/>
      <c r="HJ1978" s="91"/>
      <c r="HK1978" s="127"/>
      <c r="HL1978" s="126"/>
      <c r="HM1978" s="91"/>
      <c r="HN1978" s="91"/>
      <c r="HO1978" s="91"/>
      <c r="HP1978" s="91"/>
      <c r="HQ1978" s="91"/>
      <c r="HR1978" s="91"/>
      <c r="HS1978" s="91"/>
      <c r="HT1978" s="91"/>
      <c r="HU1978" s="91"/>
      <c r="HV1978" s="91"/>
      <c r="HW1978" s="91"/>
      <c r="HX1978" s="91"/>
      <c r="HY1978" s="91"/>
      <c r="HZ1978" s="91"/>
      <c r="IA1978" s="91"/>
      <c r="IB1978" s="91"/>
      <c r="IC1978" s="91"/>
      <c r="ID1978" s="91"/>
      <c r="IE1978" s="91"/>
      <c r="IF1978" s="91"/>
      <c r="IG1978" s="91"/>
      <c r="IH1978" s="91"/>
      <c r="II1978" s="91"/>
      <c r="IJ1978" s="91"/>
      <c r="IK1978" s="127"/>
    </row>
    <row r="1979" spans="2:245" x14ac:dyDescent="0.2">
      <c r="B1979" s="43"/>
      <c r="C1979" s="73"/>
      <c r="D1979" s="64"/>
      <c r="E1979" s="64"/>
      <c r="F1979" s="55"/>
      <c r="G1979" s="102"/>
      <c r="H1979" s="55"/>
      <c r="I1979" s="55"/>
      <c r="J1979" s="55"/>
      <c r="K1979" s="55"/>
      <c r="L1979" s="55"/>
      <c r="M1979" s="55"/>
      <c r="N1979" s="55"/>
      <c r="O1979" s="55"/>
      <c r="P1979" s="55"/>
      <c r="Q1979" s="55"/>
      <c r="R1979" s="55"/>
      <c r="S1979" s="55"/>
      <c r="T1979" s="55"/>
      <c r="U1979" s="55"/>
      <c r="V1979" s="55"/>
      <c r="W1979" s="55"/>
      <c r="X1979" s="55"/>
      <c r="Y1979" s="55"/>
      <c r="Z1979" s="55"/>
      <c r="AA1979" s="55"/>
      <c r="AB1979" s="55"/>
      <c r="AC1979" s="55"/>
      <c r="AD1979" s="55"/>
      <c r="AE1979" s="55"/>
      <c r="AF1979" s="55"/>
      <c r="AG1979" s="55"/>
      <c r="AY1979" s="162"/>
      <c r="AZ1979" s="162"/>
      <c r="BA1979" s="162"/>
      <c r="BB1979" s="162"/>
      <c r="BC1979" s="162"/>
      <c r="BD1979" s="162"/>
      <c r="BE1979" s="162"/>
      <c r="BF1979" s="162"/>
      <c r="BG1979" s="162"/>
      <c r="BH1979" s="162"/>
      <c r="BI1979" s="162"/>
      <c r="BJ1979" s="162"/>
      <c r="BK1979" s="162"/>
      <c r="BL1979" s="162"/>
      <c r="BM1979" s="162"/>
      <c r="BN1979" s="162"/>
      <c r="BO1979" s="162"/>
      <c r="BP1979" s="162"/>
      <c r="BQ1979" s="162"/>
      <c r="BR1979" s="162"/>
      <c r="BS1979" s="162"/>
      <c r="BT1979" s="162"/>
      <c r="BU1979" s="162"/>
      <c r="BV1979" s="162"/>
      <c r="BW1979" s="162"/>
      <c r="BX1979" s="162"/>
      <c r="BY1979" s="162"/>
      <c r="BZ1979" s="162"/>
      <c r="CA1979" s="162"/>
      <c r="CB1979" s="162"/>
      <c r="CC1979" s="162"/>
      <c r="CD1979" s="162"/>
      <c r="CE1979" s="162"/>
      <c r="CF1979" s="162"/>
      <c r="CG1979" s="162"/>
      <c r="CH1979" s="162"/>
      <c r="CI1979" s="162"/>
      <c r="CJ1979" s="162"/>
      <c r="CK1979" s="162"/>
      <c r="CX1979" s="98"/>
      <c r="DL1979" s="97"/>
      <c r="DX1979" s="98"/>
      <c r="EL1979" s="97"/>
      <c r="EX1979" s="98"/>
      <c r="EY1979" s="97"/>
      <c r="FL1979" s="126"/>
      <c r="FM1979" s="91"/>
      <c r="FN1979" s="91"/>
      <c r="FO1979" s="91"/>
      <c r="FP1979" s="91"/>
      <c r="FQ1979" s="91"/>
      <c r="FR1979" s="91"/>
      <c r="FS1979" s="91"/>
      <c r="FT1979" s="91"/>
      <c r="FU1979" s="91"/>
      <c r="FV1979" s="91"/>
      <c r="FW1979" s="91"/>
      <c r="FX1979" s="91"/>
      <c r="FY1979" s="91"/>
      <c r="FZ1979" s="91"/>
      <c r="GA1979" s="91"/>
      <c r="GB1979" s="91"/>
      <c r="GC1979" s="91"/>
      <c r="GD1979" s="91"/>
      <c r="GE1979" s="91"/>
      <c r="GF1979" s="91"/>
      <c r="GG1979" s="91"/>
      <c r="GH1979" s="91"/>
      <c r="GI1979" s="91"/>
      <c r="GJ1979" s="91"/>
      <c r="GK1979" s="127"/>
      <c r="GL1979" s="126"/>
      <c r="GM1979" s="91"/>
      <c r="GN1979" s="91"/>
      <c r="GO1979" s="91"/>
      <c r="GP1979" s="91"/>
      <c r="GQ1979" s="91"/>
      <c r="GR1979" s="91"/>
      <c r="GS1979" s="91"/>
      <c r="GT1979" s="91"/>
      <c r="GU1979" s="91"/>
      <c r="GV1979" s="91"/>
      <c r="GW1979" s="91"/>
      <c r="GX1979" s="91"/>
      <c r="GY1979" s="91"/>
      <c r="GZ1979" s="91"/>
      <c r="HA1979" s="91"/>
      <c r="HB1979" s="91"/>
      <c r="HC1979" s="91"/>
      <c r="HD1979" s="91"/>
      <c r="HE1979" s="91"/>
      <c r="HF1979" s="91"/>
      <c r="HG1979" s="91"/>
      <c r="HH1979" s="91"/>
      <c r="HI1979" s="91"/>
      <c r="HJ1979" s="91"/>
      <c r="HK1979" s="127"/>
      <c r="HL1979" s="126"/>
      <c r="HM1979" s="91"/>
      <c r="HN1979" s="91"/>
      <c r="HO1979" s="91"/>
      <c r="HP1979" s="91"/>
      <c r="HQ1979" s="91"/>
      <c r="HR1979" s="91"/>
      <c r="HS1979" s="91"/>
      <c r="HT1979" s="91"/>
      <c r="HU1979" s="91"/>
      <c r="HV1979" s="91"/>
      <c r="HW1979" s="91"/>
      <c r="HX1979" s="91"/>
      <c r="HY1979" s="91"/>
      <c r="HZ1979" s="91"/>
      <c r="IA1979" s="91"/>
      <c r="IB1979" s="91"/>
      <c r="IC1979" s="91"/>
      <c r="ID1979" s="91"/>
      <c r="IE1979" s="91"/>
      <c r="IF1979" s="91"/>
      <c r="IG1979" s="91"/>
      <c r="IH1979" s="91"/>
      <c r="II1979" s="91"/>
      <c r="IJ1979" s="91"/>
      <c r="IK1979" s="127"/>
    </row>
    <row r="1980" spans="2:245" x14ac:dyDescent="0.2">
      <c r="B1980" s="43"/>
      <c r="C1980" s="73"/>
      <c r="D1980" s="64"/>
      <c r="E1980" s="64"/>
      <c r="F1980" s="55"/>
      <c r="G1980" s="102"/>
      <c r="H1980" s="55"/>
      <c r="I1980" s="55"/>
      <c r="J1980" s="55"/>
      <c r="K1980" s="55"/>
      <c r="L1980" s="55"/>
      <c r="M1980" s="55"/>
      <c r="N1980" s="55"/>
      <c r="O1980" s="55"/>
      <c r="P1980" s="55"/>
      <c r="Q1980" s="55"/>
      <c r="R1980" s="55"/>
      <c r="S1980" s="55"/>
      <c r="T1980" s="55"/>
      <c r="U1980" s="55"/>
      <c r="V1980" s="55"/>
      <c r="W1980" s="55"/>
      <c r="X1980" s="55"/>
      <c r="Y1980" s="55"/>
      <c r="Z1980" s="55"/>
      <c r="AA1980" s="55"/>
      <c r="AB1980" s="55"/>
      <c r="AC1980" s="55"/>
      <c r="AD1980" s="55"/>
      <c r="AE1980" s="55"/>
      <c r="AF1980" s="55"/>
      <c r="AG1980" s="55"/>
      <c r="AY1980" s="162"/>
      <c r="AZ1980" s="162"/>
      <c r="BA1980" s="162"/>
      <c r="BB1980" s="162"/>
      <c r="BC1980" s="162"/>
      <c r="BD1980" s="162"/>
      <c r="BE1980" s="162"/>
      <c r="BF1980" s="162"/>
      <c r="BG1980" s="162"/>
      <c r="BH1980" s="162"/>
      <c r="BI1980" s="162"/>
      <c r="BJ1980" s="162"/>
      <c r="BK1980" s="162"/>
      <c r="BL1980" s="162"/>
      <c r="BM1980" s="162"/>
      <c r="BN1980" s="162"/>
      <c r="BO1980" s="162"/>
      <c r="BP1980" s="162"/>
      <c r="BQ1980" s="162"/>
      <c r="BR1980" s="162"/>
      <c r="BS1980" s="162"/>
      <c r="BT1980" s="162"/>
      <c r="BU1980" s="162"/>
      <c r="BV1980" s="162"/>
      <c r="BW1980" s="162"/>
      <c r="BX1980" s="162"/>
      <c r="BY1980" s="162"/>
      <c r="BZ1980" s="162"/>
      <c r="CA1980" s="162"/>
      <c r="CB1980" s="162"/>
      <c r="CC1980" s="162"/>
      <c r="CD1980" s="162"/>
      <c r="CE1980" s="162"/>
      <c r="CF1980" s="162"/>
      <c r="CG1980" s="162"/>
      <c r="CH1980" s="162"/>
      <c r="CI1980" s="162"/>
      <c r="CJ1980" s="162"/>
      <c r="CK1980" s="162"/>
      <c r="CX1980" s="98"/>
      <c r="DL1980" s="97"/>
      <c r="DX1980" s="98"/>
      <c r="EL1980" s="97"/>
      <c r="EX1980" s="98"/>
      <c r="EY1980" s="97"/>
      <c r="FL1980" s="126"/>
      <c r="FM1980" s="91"/>
      <c r="FN1980" s="91"/>
      <c r="FO1980" s="91"/>
      <c r="FP1980" s="91"/>
      <c r="FQ1980" s="91"/>
      <c r="FR1980" s="91"/>
      <c r="FS1980" s="91"/>
      <c r="FT1980" s="91"/>
      <c r="FU1980" s="91"/>
      <c r="FV1980" s="91"/>
      <c r="FW1980" s="91"/>
      <c r="FX1980" s="91"/>
      <c r="FY1980" s="91"/>
      <c r="FZ1980" s="91"/>
      <c r="GA1980" s="91"/>
      <c r="GB1980" s="91"/>
      <c r="GC1980" s="91"/>
      <c r="GD1980" s="91"/>
      <c r="GE1980" s="91"/>
      <c r="GF1980" s="91"/>
      <c r="GG1980" s="91"/>
      <c r="GH1980" s="91"/>
      <c r="GI1980" s="91"/>
      <c r="GJ1980" s="91"/>
      <c r="GK1980" s="127"/>
      <c r="GL1980" s="126"/>
      <c r="GM1980" s="91"/>
      <c r="GN1980" s="91"/>
      <c r="GO1980" s="91"/>
      <c r="GP1980" s="91"/>
      <c r="GQ1980" s="91"/>
      <c r="GR1980" s="91"/>
      <c r="GS1980" s="91"/>
      <c r="GT1980" s="91"/>
      <c r="GU1980" s="91"/>
      <c r="GV1980" s="91"/>
      <c r="GW1980" s="91"/>
      <c r="GX1980" s="91"/>
      <c r="GY1980" s="91"/>
      <c r="GZ1980" s="91"/>
      <c r="HA1980" s="91"/>
      <c r="HB1980" s="91"/>
      <c r="HC1980" s="91"/>
      <c r="HD1980" s="91"/>
      <c r="HE1980" s="91"/>
      <c r="HF1980" s="91"/>
      <c r="HG1980" s="91"/>
      <c r="HH1980" s="91"/>
      <c r="HI1980" s="91"/>
      <c r="HJ1980" s="91"/>
      <c r="HK1980" s="127"/>
      <c r="HL1980" s="126"/>
      <c r="HM1980" s="91"/>
      <c r="HN1980" s="91"/>
      <c r="HO1980" s="91"/>
      <c r="HP1980" s="91"/>
      <c r="HQ1980" s="91"/>
      <c r="HR1980" s="91"/>
      <c r="HS1980" s="91"/>
      <c r="HT1980" s="91"/>
      <c r="HU1980" s="91"/>
      <c r="HV1980" s="91"/>
      <c r="HW1980" s="91"/>
      <c r="HX1980" s="91"/>
      <c r="HY1980" s="91"/>
      <c r="HZ1980" s="91"/>
      <c r="IA1980" s="91"/>
      <c r="IB1980" s="91"/>
      <c r="IC1980" s="91"/>
      <c r="ID1980" s="91"/>
      <c r="IE1980" s="91"/>
      <c r="IF1980" s="91"/>
      <c r="IG1980" s="91"/>
      <c r="IH1980" s="91"/>
      <c r="II1980" s="91"/>
      <c r="IJ1980" s="91"/>
      <c r="IK1980" s="127"/>
    </row>
    <row r="1981" spans="2:245" x14ac:dyDescent="0.2">
      <c r="B1981" s="43"/>
      <c r="C1981" s="73"/>
      <c r="D1981" s="64"/>
      <c r="E1981" s="64"/>
      <c r="F1981" s="55"/>
      <c r="G1981" s="102"/>
      <c r="H1981" s="55"/>
      <c r="I1981" s="55"/>
      <c r="J1981" s="55"/>
      <c r="K1981" s="55"/>
      <c r="L1981" s="55"/>
      <c r="M1981" s="55"/>
      <c r="N1981" s="55"/>
      <c r="O1981" s="55"/>
      <c r="P1981" s="55"/>
      <c r="Q1981" s="55"/>
      <c r="R1981" s="55"/>
      <c r="S1981" s="55"/>
      <c r="T1981" s="55"/>
      <c r="U1981" s="55"/>
      <c r="V1981" s="55"/>
      <c r="W1981" s="55"/>
      <c r="X1981" s="55"/>
      <c r="Y1981" s="55"/>
      <c r="Z1981" s="55"/>
      <c r="AA1981" s="55"/>
      <c r="AB1981" s="55"/>
      <c r="AC1981" s="55"/>
      <c r="AD1981" s="55"/>
      <c r="AE1981" s="55"/>
      <c r="AF1981" s="55"/>
      <c r="AG1981" s="55"/>
      <c r="AY1981" s="162"/>
      <c r="AZ1981" s="162"/>
      <c r="BA1981" s="162"/>
      <c r="BB1981" s="162"/>
      <c r="BC1981" s="162"/>
      <c r="BD1981" s="162"/>
      <c r="BE1981" s="162"/>
      <c r="BF1981" s="162"/>
      <c r="BG1981" s="162"/>
      <c r="BH1981" s="162"/>
      <c r="BI1981" s="162"/>
      <c r="BJ1981" s="162"/>
      <c r="BK1981" s="162"/>
      <c r="BL1981" s="162"/>
      <c r="BM1981" s="162"/>
      <c r="BN1981" s="162"/>
      <c r="BO1981" s="162"/>
      <c r="BP1981" s="162"/>
      <c r="BQ1981" s="162"/>
      <c r="BR1981" s="162"/>
      <c r="BS1981" s="162"/>
      <c r="BT1981" s="162"/>
      <c r="BU1981" s="162"/>
      <c r="BV1981" s="162"/>
      <c r="BW1981" s="162"/>
      <c r="BX1981" s="162"/>
      <c r="BY1981" s="162"/>
      <c r="BZ1981" s="162"/>
      <c r="CA1981" s="162"/>
      <c r="CB1981" s="162"/>
      <c r="CC1981" s="162"/>
      <c r="CD1981" s="162"/>
      <c r="CE1981" s="162"/>
      <c r="CF1981" s="162"/>
      <c r="CG1981" s="162"/>
      <c r="CH1981" s="162"/>
      <c r="CI1981" s="162"/>
      <c r="CJ1981" s="162"/>
      <c r="CK1981" s="162"/>
      <c r="CX1981" s="98"/>
      <c r="DL1981" s="97"/>
      <c r="DX1981" s="98"/>
      <c r="EL1981" s="97"/>
      <c r="EX1981" s="98"/>
      <c r="EY1981" s="97"/>
      <c r="FL1981" s="126"/>
      <c r="FM1981" s="91"/>
      <c r="FN1981" s="91"/>
      <c r="FO1981" s="91"/>
      <c r="FP1981" s="91"/>
      <c r="FQ1981" s="91"/>
      <c r="FR1981" s="91"/>
      <c r="FS1981" s="91"/>
      <c r="FT1981" s="91"/>
      <c r="FU1981" s="91"/>
      <c r="FV1981" s="91"/>
      <c r="FW1981" s="91"/>
      <c r="FX1981" s="91"/>
      <c r="FY1981" s="91"/>
      <c r="FZ1981" s="91"/>
      <c r="GA1981" s="91"/>
      <c r="GB1981" s="91"/>
      <c r="GC1981" s="91"/>
      <c r="GD1981" s="91"/>
      <c r="GE1981" s="91"/>
      <c r="GF1981" s="91"/>
      <c r="GG1981" s="91"/>
      <c r="GH1981" s="91"/>
      <c r="GI1981" s="91"/>
      <c r="GJ1981" s="91"/>
      <c r="GK1981" s="127"/>
      <c r="GL1981" s="126"/>
      <c r="GM1981" s="91"/>
      <c r="GN1981" s="91"/>
      <c r="GO1981" s="91"/>
      <c r="GP1981" s="91"/>
      <c r="GQ1981" s="91"/>
      <c r="GR1981" s="91"/>
      <c r="GS1981" s="91"/>
      <c r="GT1981" s="91"/>
      <c r="GU1981" s="91"/>
      <c r="GV1981" s="91"/>
      <c r="GW1981" s="91"/>
      <c r="GX1981" s="91"/>
      <c r="GY1981" s="91"/>
      <c r="GZ1981" s="91"/>
      <c r="HA1981" s="91"/>
      <c r="HB1981" s="91"/>
      <c r="HC1981" s="91"/>
      <c r="HD1981" s="91"/>
      <c r="HE1981" s="91"/>
      <c r="HF1981" s="91"/>
      <c r="HG1981" s="91"/>
      <c r="HH1981" s="91"/>
      <c r="HI1981" s="91"/>
      <c r="HJ1981" s="91"/>
      <c r="HK1981" s="127"/>
      <c r="HL1981" s="126"/>
      <c r="HM1981" s="91"/>
      <c r="HN1981" s="91"/>
      <c r="HO1981" s="91"/>
      <c r="HP1981" s="91"/>
      <c r="HQ1981" s="91"/>
      <c r="HR1981" s="91"/>
      <c r="HS1981" s="91"/>
      <c r="HT1981" s="91"/>
      <c r="HU1981" s="91"/>
      <c r="HV1981" s="91"/>
      <c r="HW1981" s="91"/>
      <c r="HX1981" s="91"/>
      <c r="HY1981" s="91"/>
      <c r="HZ1981" s="91"/>
      <c r="IA1981" s="91"/>
      <c r="IB1981" s="91"/>
      <c r="IC1981" s="91"/>
      <c r="ID1981" s="91"/>
      <c r="IE1981" s="91"/>
      <c r="IF1981" s="91"/>
      <c r="IG1981" s="91"/>
      <c r="IH1981" s="91"/>
      <c r="II1981" s="91"/>
      <c r="IJ1981" s="91"/>
      <c r="IK1981" s="127"/>
    </row>
    <row r="1982" spans="2:245" x14ac:dyDescent="0.2">
      <c r="B1982" s="43"/>
      <c r="C1982" s="73"/>
      <c r="D1982" s="64"/>
      <c r="E1982" s="64"/>
      <c r="F1982" s="55"/>
      <c r="G1982" s="102"/>
      <c r="H1982" s="55"/>
      <c r="I1982" s="55"/>
      <c r="J1982" s="55"/>
      <c r="K1982" s="55"/>
      <c r="L1982" s="55"/>
      <c r="M1982" s="55"/>
      <c r="N1982" s="55"/>
      <c r="O1982" s="55"/>
      <c r="P1982" s="55"/>
      <c r="Q1982" s="55"/>
      <c r="R1982" s="55"/>
      <c r="S1982" s="55"/>
      <c r="T1982" s="55"/>
      <c r="U1982" s="55"/>
      <c r="V1982" s="55"/>
      <c r="W1982" s="55"/>
      <c r="X1982" s="55"/>
      <c r="Y1982" s="55"/>
      <c r="Z1982" s="55"/>
      <c r="AA1982" s="55"/>
      <c r="AB1982" s="55"/>
      <c r="AC1982" s="55"/>
      <c r="AD1982" s="55"/>
      <c r="AE1982" s="55"/>
      <c r="AF1982" s="55"/>
      <c r="AG1982" s="55"/>
      <c r="AY1982" s="162"/>
      <c r="AZ1982" s="162"/>
      <c r="BA1982" s="162"/>
      <c r="BB1982" s="162"/>
      <c r="BC1982" s="162"/>
      <c r="BD1982" s="162"/>
      <c r="BE1982" s="162"/>
      <c r="BF1982" s="162"/>
      <c r="BG1982" s="162"/>
      <c r="BH1982" s="162"/>
      <c r="BI1982" s="162"/>
      <c r="BJ1982" s="162"/>
      <c r="BK1982" s="162"/>
      <c r="BL1982" s="162"/>
      <c r="BM1982" s="162"/>
      <c r="BN1982" s="162"/>
      <c r="BO1982" s="162"/>
      <c r="BP1982" s="162"/>
      <c r="BQ1982" s="162"/>
      <c r="BR1982" s="162"/>
      <c r="BS1982" s="162"/>
      <c r="BT1982" s="162"/>
      <c r="BU1982" s="162"/>
      <c r="BV1982" s="162"/>
      <c r="BW1982" s="162"/>
      <c r="BX1982" s="162"/>
      <c r="BY1982" s="162"/>
      <c r="BZ1982" s="162"/>
      <c r="CA1982" s="162"/>
      <c r="CB1982" s="162"/>
      <c r="CC1982" s="162"/>
      <c r="CD1982" s="162"/>
      <c r="CE1982" s="162"/>
      <c r="CF1982" s="162"/>
      <c r="CG1982" s="162"/>
      <c r="CH1982" s="162"/>
      <c r="CI1982" s="162"/>
      <c r="CJ1982" s="162"/>
      <c r="CK1982" s="162"/>
      <c r="CX1982" s="98"/>
      <c r="DL1982" s="97"/>
      <c r="DX1982" s="98"/>
      <c r="EL1982" s="97"/>
      <c r="EX1982" s="98"/>
      <c r="EY1982" s="97"/>
      <c r="FL1982" s="126"/>
      <c r="FM1982" s="91"/>
      <c r="FN1982" s="91"/>
      <c r="FO1982" s="91"/>
      <c r="FP1982" s="91"/>
      <c r="FQ1982" s="91"/>
      <c r="FR1982" s="91"/>
      <c r="FS1982" s="91"/>
      <c r="FT1982" s="91"/>
      <c r="FU1982" s="91"/>
      <c r="FV1982" s="91"/>
      <c r="FW1982" s="91"/>
      <c r="FX1982" s="91"/>
      <c r="FY1982" s="91"/>
      <c r="FZ1982" s="91"/>
      <c r="GA1982" s="91"/>
      <c r="GB1982" s="91"/>
      <c r="GC1982" s="91"/>
      <c r="GD1982" s="91"/>
      <c r="GE1982" s="91"/>
      <c r="GF1982" s="91"/>
      <c r="GG1982" s="91"/>
      <c r="GH1982" s="91"/>
      <c r="GI1982" s="91"/>
      <c r="GJ1982" s="91"/>
      <c r="GK1982" s="127"/>
      <c r="GL1982" s="126"/>
      <c r="GM1982" s="91"/>
      <c r="GN1982" s="91"/>
      <c r="GO1982" s="91"/>
      <c r="GP1982" s="91"/>
      <c r="GQ1982" s="91"/>
      <c r="GR1982" s="91"/>
      <c r="GS1982" s="91"/>
      <c r="GT1982" s="91"/>
      <c r="GU1982" s="91"/>
      <c r="GV1982" s="91"/>
      <c r="GW1982" s="91"/>
      <c r="GX1982" s="91"/>
      <c r="GY1982" s="91"/>
      <c r="GZ1982" s="91"/>
      <c r="HA1982" s="91"/>
      <c r="HB1982" s="91"/>
      <c r="HC1982" s="91"/>
      <c r="HD1982" s="91"/>
      <c r="HE1982" s="91"/>
      <c r="HF1982" s="91"/>
      <c r="HG1982" s="91"/>
      <c r="HH1982" s="91"/>
      <c r="HI1982" s="91"/>
      <c r="HJ1982" s="91"/>
      <c r="HK1982" s="127"/>
      <c r="HL1982" s="126"/>
      <c r="HM1982" s="91"/>
      <c r="HN1982" s="91"/>
      <c r="HO1982" s="91"/>
      <c r="HP1982" s="91"/>
      <c r="HQ1982" s="91"/>
      <c r="HR1982" s="91"/>
      <c r="HS1982" s="91"/>
      <c r="HT1982" s="91"/>
      <c r="HU1982" s="91"/>
      <c r="HV1982" s="91"/>
      <c r="HW1982" s="91"/>
      <c r="HX1982" s="91"/>
      <c r="HY1982" s="91"/>
      <c r="HZ1982" s="91"/>
      <c r="IA1982" s="91"/>
      <c r="IB1982" s="91"/>
      <c r="IC1982" s="91"/>
      <c r="ID1982" s="91"/>
      <c r="IE1982" s="91"/>
      <c r="IF1982" s="91"/>
      <c r="IG1982" s="91"/>
      <c r="IH1982" s="91"/>
      <c r="II1982" s="91"/>
      <c r="IJ1982" s="91"/>
      <c r="IK1982" s="127"/>
    </row>
    <row r="1983" spans="2:245" x14ac:dyDescent="0.2">
      <c r="B1983" s="43"/>
      <c r="C1983" s="73"/>
      <c r="D1983" s="64"/>
      <c r="E1983" s="64"/>
      <c r="F1983" s="55"/>
      <c r="G1983" s="102"/>
      <c r="H1983" s="55"/>
      <c r="I1983" s="55"/>
      <c r="J1983" s="55"/>
      <c r="K1983" s="55"/>
      <c r="L1983" s="55"/>
      <c r="M1983" s="55"/>
      <c r="N1983" s="55"/>
      <c r="O1983" s="55"/>
      <c r="P1983" s="55"/>
      <c r="Q1983" s="55"/>
      <c r="R1983" s="55"/>
      <c r="S1983" s="55"/>
      <c r="T1983" s="55"/>
      <c r="U1983" s="55"/>
      <c r="V1983" s="55"/>
      <c r="W1983" s="55"/>
      <c r="X1983" s="55"/>
      <c r="Y1983" s="55"/>
      <c r="Z1983" s="55"/>
      <c r="AA1983" s="55"/>
      <c r="AB1983" s="55"/>
      <c r="AC1983" s="55"/>
      <c r="AD1983" s="55"/>
      <c r="AE1983" s="55"/>
      <c r="AF1983" s="55"/>
      <c r="AG1983" s="55"/>
      <c r="AY1983" s="162"/>
      <c r="AZ1983" s="162"/>
      <c r="BA1983" s="162"/>
      <c r="BB1983" s="162"/>
      <c r="BC1983" s="162"/>
      <c r="BD1983" s="162"/>
      <c r="BE1983" s="162"/>
      <c r="BF1983" s="162"/>
      <c r="BG1983" s="162"/>
      <c r="BH1983" s="162"/>
      <c r="BI1983" s="162"/>
      <c r="BJ1983" s="162"/>
      <c r="BK1983" s="162"/>
      <c r="BL1983" s="162"/>
      <c r="BM1983" s="162"/>
      <c r="BN1983" s="162"/>
      <c r="BO1983" s="162"/>
      <c r="BP1983" s="162"/>
      <c r="BQ1983" s="162"/>
      <c r="BR1983" s="162"/>
      <c r="BS1983" s="162"/>
      <c r="BT1983" s="162"/>
      <c r="BU1983" s="162"/>
      <c r="BV1983" s="162"/>
      <c r="BW1983" s="162"/>
      <c r="BX1983" s="162"/>
      <c r="BY1983" s="162"/>
      <c r="BZ1983" s="162"/>
      <c r="CA1983" s="162"/>
      <c r="CB1983" s="162"/>
      <c r="CC1983" s="162"/>
      <c r="CD1983" s="162"/>
      <c r="CE1983" s="162"/>
      <c r="CF1983" s="162"/>
      <c r="CG1983" s="162"/>
      <c r="CH1983" s="162"/>
      <c r="CI1983" s="162"/>
      <c r="CJ1983" s="162"/>
      <c r="CK1983" s="162"/>
      <c r="CX1983" s="98"/>
      <c r="DL1983" s="97"/>
      <c r="DX1983" s="98"/>
      <c r="EL1983" s="97"/>
      <c r="EX1983" s="98"/>
      <c r="EY1983" s="97"/>
      <c r="FL1983" s="126"/>
      <c r="FM1983" s="91"/>
      <c r="FN1983" s="91"/>
      <c r="FO1983" s="91"/>
      <c r="FP1983" s="91"/>
      <c r="FQ1983" s="91"/>
      <c r="FR1983" s="91"/>
      <c r="FS1983" s="91"/>
      <c r="FT1983" s="91"/>
      <c r="FU1983" s="91"/>
      <c r="FV1983" s="91"/>
      <c r="FW1983" s="91"/>
      <c r="FX1983" s="91"/>
      <c r="FY1983" s="91"/>
      <c r="FZ1983" s="91"/>
      <c r="GA1983" s="91"/>
      <c r="GB1983" s="91"/>
      <c r="GC1983" s="91"/>
      <c r="GD1983" s="91"/>
      <c r="GE1983" s="91"/>
      <c r="GF1983" s="91"/>
      <c r="GG1983" s="91"/>
      <c r="GH1983" s="91"/>
      <c r="GI1983" s="91"/>
      <c r="GJ1983" s="91"/>
      <c r="GK1983" s="127"/>
      <c r="GL1983" s="126"/>
      <c r="GM1983" s="91"/>
      <c r="GN1983" s="91"/>
      <c r="GO1983" s="91"/>
      <c r="GP1983" s="91"/>
      <c r="GQ1983" s="91"/>
      <c r="GR1983" s="91"/>
      <c r="GS1983" s="91"/>
      <c r="GT1983" s="91"/>
      <c r="GU1983" s="91"/>
      <c r="GV1983" s="91"/>
      <c r="GW1983" s="91"/>
      <c r="GX1983" s="91"/>
      <c r="GY1983" s="91"/>
      <c r="GZ1983" s="91"/>
      <c r="HA1983" s="91"/>
      <c r="HB1983" s="91"/>
      <c r="HC1983" s="91"/>
      <c r="HD1983" s="91"/>
      <c r="HE1983" s="91"/>
      <c r="HF1983" s="91"/>
      <c r="HG1983" s="91"/>
      <c r="HH1983" s="91"/>
      <c r="HI1983" s="91"/>
      <c r="HJ1983" s="91"/>
      <c r="HK1983" s="127"/>
      <c r="HL1983" s="126"/>
      <c r="HM1983" s="91"/>
      <c r="HN1983" s="91"/>
      <c r="HO1983" s="91"/>
      <c r="HP1983" s="91"/>
      <c r="HQ1983" s="91"/>
      <c r="HR1983" s="91"/>
      <c r="HS1983" s="91"/>
      <c r="HT1983" s="91"/>
      <c r="HU1983" s="91"/>
      <c r="HV1983" s="91"/>
      <c r="HW1983" s="91"/>
      <c r="HX1983" s="91"/>
      <c r="HY1983" s="91"/>
      <c r="HZ1983" s="91"/>
      <c r="IA1983" s="91"/>
      <c r="IB1983" s="91"/>
      <c r="IC1983" s="91"/>
      <c r="ID1983" s="91"/>
      <c r="IE1983" s="91"/>
      <c r="IF1983" s="91"/>
      <c r="IG1983" s="91"/>
      <c r="IH1983" s="91"/>
      <c r="II1983" s="91"/>
      <c r="IJ1983" s="91"/>
      <c r="IK1983" s="127"/>
    </row>
    <row r="1984" spans="2:245" x14ac:dyDescent="0.2">
      <c r="B1984" s="43"/>
      <c r="C1984" s="73"/>
      <c r="D1984" s="64"/>
      <c r="E1984" s="64"/>
      <c r="F1984" s="55"/>
      <c r="G1984" s="102"/>
      <c r="H1984" s="55"/>
      <c r="I1984" s="55"/>
      <c r="J1984" s="55"/>
      <c r="K1984" s="55"/>
      <c r="L1984" s="55"/>
      <c r="M1984" s="55"/>
      <c r="N1984" s="55"/>
      <c r="O1984" s="55"/>
      <c r="P1984" s="55"/>
      <c r="Q1984" s="55"/>
      <c r="R1984" s="55"/>
      <c r="S1984" s="55"/>
      <c r="T1984" s="55"/>
      <c r="U1984" s="55"/>
      <c r="V1984" s="55"/>
      <c r="W1984" s="55"/>
      <c r="X1984" s="55"/>
      <c r="Y1984" s="55"/>
      <c r="Z1984" s="55"/>
      <c r="AA1984" s="55"/>
      <c r="AB1984" s="55"/>
      <c r="AC1984" s="55"/>
      <c r="AD1984" s="55"/>
      <c r="AE1984" s="55"/>
      <c r="AF1984" s="55"/>
      <c r="AG1984" s="55"/>
      <c r="AY1984" s="162"/>
      <c r="AZ1984" s="162"/>
      <c r="BA1984" s="162"/>
      <c r="BB1984" s="162"/>
      <c r="BC1984" s="162"/>
      <c r="BD1984" s="162"/>
      <c r="BE1984" s="162"/>
      <c r="BF1984" s="162"/>
      <c r="BG1984" s="162"/>
      <c r="BH1984" s="162"/>
      <c r="BI1984" s="162"/>
      <c r="BJ1984" s="162"/>
      <c r="BK1984" s="162"/>
      <c r="BL1984" s="162"/>
      <c r="BM1984" s="162"/>
      <c r="BN1984" s="162"/>
      <c r="BO1984" s="162"/>
      <c r="BP1984" s="162"/>
      <c r="BQ1984" s="162"/>
      <c r="BR1984" s="162"/>
      <c r="BS1984" s="162"/>
      <c r="BT1984" s="162"/>
      <c r="BU1984" s="162"/>
      <c r="BV1984" s="162"/>
      <c r="BW1984" s="162"/>
      <c r="BX1984" s="162"/>
      <c r="BY1984" s="162"/>
      <c r="BZ1984" s="162"/>
      <c r="CA1984" s="162"/>
      <c r="CB1984" s="162"/>
      <c r="CC1984" s="162"/>
      <c r="CD1984" s="162"/>
      <c r="CE1984" s="162"/>
      <c r="CF1984" s="162"/>
      <c r="CG1984" s="162"/>
      <c r="CH1984" s="162"/>
      <c r="CI1984" s="162"/>
      <c r="CJ1984" s="162"/>
      <c r="CK1984" s="162"/>
      <c r="CX1984" s="98"/>
      <c r="DL1984" s="97"/>
      <c r="DX1984" s="98"/>
      <c r="EL1984" s="97"/>
      <c r="EX1984" s="98"/>
      <c r="EY1984" s="97"/>
      <c r="FL1984" s="126"/>
      <c r="FM1984" s="91"/>
      <c r="FN1984" s="91"/>
      <c r="FO1984" s="91"/>
      <c r="FP1984" s="91"/>
      <c r="FQ1984" s="91"/>
      <c r="FR1984" s="91"/>
      <c r="FS1984" s="91"/>
      <c r="FT1984" s="91"/>
      <c r="FU1984" s="91"/>
      <c r="FV1984" s="91"/>
      <c r="FW1984" s="91"/>
      <c r="FX1984" s="91"/>
      <c r="FY1984" s="91"/>
      <c r="FZ1984" s="91"/>
      <c r="GA1984" s="91"/>
      <c r="GB1984" s="91"/>
      <c r="GC1984" s="91"/>
      <c r="GD1984" s="91"/>
      <c r="GE1984" s="91"/>
      <c r="GF1984" s="91"/>
      <c r="GG1984" s="91"/>
      <c r="GH1984" s="91"/>
      <c r="GI1984" s="91"/>
      <c r="GJ1984" s="91"/>
      <c r="GK1984" s="127"/>
      <c r="GL1984" s="126"/>
      <c r="GM1984" s="91"/>
      <c r="GN1984" s="91"/>
      <c r="GO1984" s="91"/>
      <c r="GP1984" s="91"/>
      <c r="GQ1984" s="91"/>
      <c r="GR1984" s="91"/>
      <c r="GS1984" s="91"/>
      <c r="GT1984" s="91"/>
      <c r="GU1984" s="91"/>
      <c r="GV1984" s="91"/>
      <c r="GW1984" s="91"/>
      <c r="GX1984" s="91"/>
      <c r="GY1984" s="91"/>
      <c r="GZ1984" s="91"/>
      <c r="HA1984" s="91"/>
      <c r="HB1984" s="91"/>
      <c r="HC1984" s="91"/>
      <c r="HD1984" s="91"/>
      <c r="HE1984" s="91"/>
      <c r="HF1984" s="91"/>
      <c r="HG1984" s="91"/>
      <c r="HH1984" s="91"/>
      <c r="HI1984" s="91"/>
      <c r="HJ1984" s="91"/>
      <c r="HK1984" s="127"/>
      <c r="HL1984" s="126"/>
      <c r="HM1984" s="91"/>
      <c r="HN1984" s="91"/>
      <c r="HO1984" s="91"/>
      <c r="HP1984" s="91"/>
      <c r="HQ1984" s="91"/>
      <c r="HR1984" s="91"/>
      <c r="HS1984" s="91"/>
      <c r="HT1984" s="91"/>
      <c r="HU1984" s="91"/>
      <c r="HV1984" s="91"/>
      <c r="HW1984" s="91"/>
      <c r="HX1984" s="91"/>
      <c r="HY1984" s="91"/>
      <c r="HZ1984" s="91"/>
      <c r="IA1984" s="91"/>
      <c r="IB1984" s="91"/>
      <c r="IC1984" s="91"/>
      <c r="ID1984" s="91"/>
      <c r="IE1984" s="91"/>
      <c r="IF1984" s="91"/>
      <c r="IG1984" s="91"/>
      <c r="IH1984" s="91"/>
      <c r="II1984" s="91"/>
      <c r="IJ1984" s="91"/>
      <c r="IK1984" s="127"/>
    </row>
    <row r="1985" spans="2:245" x14ac:dyDescent="0.2">
      <c r="B1985" s="43"/>
      <c r="C1985" s="73"/>
      <c r="D1985" s="64"/>
      <c r="E1985" s="64"/>
      <c r="F1985" s="55"/>
      <c r="G1985" s="102"/>
      <c r="H1985" s="55"/>
      <c r="I1985" s="55"/>
      <c r="J1985" s="55"/>
      <c r="K1985" s="55"/>
      <c r="L1985" s="55"/>
      <c r="M1985" s="55"/>
      <c r="N1985" s="55"/>
      <c r="O1985" s="55"/>
      <c r="P1985" s="55"/>
      <c r="Q1985" s="55"/>
      <c r="R1985" s="55"/>
      <c r="S1985" s="55"/>
      <c r="T1985" s="55"/>
      <c r="U1985" s="55"/>
      <c r="V1985" s="55"/>
      <c r="W1985" s="55"/>
      <c r="X1985" s="55"/>
      <c r="Y1985" s="55"/>
      <c r="Z1985" s="55"/>
      <c r="AA1985" s="55"/>
      <c r="AB1985" s="55"/>
      <c r="AC1985" s="55"/>
      <c r="AD1985" s="55"/>
      <c r="AE1985" s="55"/>
      <c r="AF1985" s="55"/>
      <c r="AG1985" s="55"/>
      <c r="AY1985" s="162"/>
      <c r="AZ1985" s="162"/>
      <c r="BA1985" s="162"/>
      <c r="BB1985" s="162"/>
      <c r="BC1985" s="162"/>
      <c r="BD1985" s="162"/>
      <c r="BE1985" s="162"/>
      <c r="BF1985" s="162"/>
      <c r="BG1985" s="162"/>
      <c r="BH1985" s="162"/>
      <c r="BI1985" s="162"/>
      <c r="BJ1985" s="162"/>
      <c r="BK1985" s="162"/>
      <c r="BL1985" s="162"/>
      <c r="BM1985" s="162"/>
      <c r="BN1985" s="162"/>
      <c r="BO1985" s="162"/>
      <c r="BP1985" s="162"/>
      <c r="BQ1985" s="162"/>
      <c r="BR1985" s="162"/>
      <c r="BS1985" s="162"/>
      <c r="BT1985" s="162"/>
      <c r="BU1985" s="162"/>
      <c r="BV1985" s="162"/>
      <c r="BW1985" s="162"/>
      <c r="BX1985" s="162"/>
      <c r="BY1985" s="162"/>
      <c r="BZ1985" s="162"/>
      <c r="CA1985" s="162"/>
      <c r="CB1985" s="162"/>
      <c r="CC1985" s="162"/>
      <c r="CD1985" s="162"/>
      <c r="CE1985" s="162"/>
      <c r="CF1985" s="162"/>
      <c r="CG1985" s="162"/>
      <c r="CH1985" s="162"/>
      <c r="CI1985" s="162"/>
      <c r="CJ1985" s="162"/>
      <c r="CK1985" s="162"/>
      <c r="CX1985" s="98"/>
      <c r="DL1985" s="97"/>
      <c r="DX1985" s="98"/>
      <c r="EL1985" s="97"/>
      <c r="EX1985" s="98"/>
      <c r="EY1985" s="97"/>
      <c r="FL1985" s="126"/>
      <c r="FM1985" s="91"/>
      <c r="FN1985" s="91"/>
      <c r="FO1985" s="91"/>
      <c r="FP1985" s="91"/>
      <c r="FQ1985" s="91"/>
      <c r="FR1985" s="91"/>
      <c r="FS1985" s="91"/>
      <c r="FT1985" s="91"/>
      <c r="FU1985" s="91"/>
      <c r="FV1985" s="91"/>
      <c r="FW1985" s="91"/>
      <c r="FX1985" s="91"/>
      <c r="FY1985" s="91"/>
      <c r="FZ1985" s="91"/>
      <c r="GA1985" s="91"/>
      <c r="GB1985" s="91"/>
      <c r="GC1985" s="91"/>
      <c r="GD1985" s="91"/>
      <c r="GE1985" s="91"/>
      <c r="GF1985" s="91"/>
      <c r="GG1985" s="91"/>
      <c r="GH1985" s="91"/>
      <c r="GI1985" s="91"/>
      <c r="GJ1985" s="91"/>
      <c r="GK1985" s="127"/>
      <c r="GL1985" s="126"/>
      <c r="GM1985" s="91"/>
      <c r="GN1985" s="91"/>
      <c r="GO1985" s="91"/>
      <c r="GP1985" s="91"/>
      <c r="GQ1985" s="91"/>
      <c r="GR1985" s="91"/>
      <c r="GS1985" s="91"/>
      <c r="GT1985" s="91"/>
      <c r="GU1985" s="91"/>
      <c r="GV1985" s="91"/>
      <c r="GW1985" s="91"/>
      <c r="GX1985" s="91"/>
      <c r="GY1985" s="91"/>
      <c r="GZ1985" s="91"/>
      <c r="HA1985" s="91"/>
      <c r="HB1985" s="91"/>
      <c r="HC1985" s="91"/>
      <c r="HD1985" s="91"/>
      <c r="HE1985" s="91"/>
      <c r="HF1985" s="91"/>
      <c r="HG1985" s="91"/>
      <c r="HH1985" s="91"/>
      <c r="HI1985" s="91"/>
      <c r="HJ1985" s="91"/>
      <c r="HK1985" s="127"/>
      <c r="HL1985" s="126"/>
      <c r="HM1985" s="91"/>
      <c r="HN1985" s="91"/>
      <c r="HO1985" s="91"/>
      <c r="HP1985" s="91"/>
      <c r="HQ1985" s="91"/>
      <c r="HR1985" s="91"/>
      <c r="HS1985" s="91"/>
      <c r="HT1985" s="91"/>
      <c r="HU1985" s="91"/>
      <c r="HV1985" s="91"/>
      <c r="HW1985" s="91"/>
      <c r="HX1985" s="91"/>
      <c r="HY1985" s="91"/>
      <c r="HZ1985" s="91"/>
      <c r="IA1985" s="91"/>
      <c r="IB1985" s="91"/>
      <c r="IC1985" s="91"/>
      <c r="ID1985" s="91"/>
      <c r="IE1985" s="91"/>
      <c r="IF1985" s="91"/>
      <c r="IG1985" s="91"/>
      <c r="IH1985" s="91"/>
      <c r="II1985" s="91"/>
      <c r="IJ1985" s="91"/>
      <c r="IK1985" s="127"/>
    </row>
    <row r="1986" spans="2:245" x14ac:dyDescent="0.2">
      <c r="B1986" s="43"/>
      <c r="C1986" s="73"/>
      <c r="D1986" s="64"/>
      <c r="E1986" s="64"/>
      <c r="F1986" s="55"/>
      <c r="G1986" s="102"/>
      <c r="H1986" s="55"/>
      <c r="I1986" s="55"/>
      <c r="J1986" s="55"/>
      <c r="K1986" s="55"/>
      <c r="L1986" s="55"/>
      <c r="M1986" s="55"/>
      <c r="N1986" s="55"/>
      <c r="O1986" s="55"/>
      <c r="P1986" s="55"/>
      <c r="Q1986" s="55"/>
      <c r="R1986" s="55"/>
      <c r="S1986" s="55"/>
      <c r="T1986" s="55"/>
      <c r="U1986" s="55"/>
      <c r="V1986" s="55"/>
      <c r="W1986" s="55"/>
      <c r="X1986" s="55"/>
      <c r="Y1986" s="55"/>
      <c r="Z1986" s="55"/>
      <c r="AA1986" s="55"/>
      <c r="AB1986" s="55"/>
      <c r="AC1986" s="55"/>
      <c r="AD1986" s="55"/>
      <c r="AE1986" s="55"/>
      <c r="AF1986" s="55"/>
      <c r="AG1986" s="55"/>
      <c r="AY1986" s="162"/>
      <c r="AZ1986" s="162"/>
      <c r="BA1986" s="162"/>
      <c r="BB1986" s="162"/>
      <c r="BC1986" s="162"/>
      <c r="BD1986" s="162"/>
      <c r="BE1986" s="162"/>
      <c r="BF1986" s="162"/>
      <c r="BG1986" s="162"/>
      <c r="BH1986" s="162"/>
      <c r="BI1986" s="162"/>
      <c r="BJ1986" s="162"/>
      <c r="BK1986" s="162"/>
      <c r="BL1986" s="162"/>
      <c r="BM1986" s="162"/>
      <c r="BN1986" s="162"/>
      <c r="BO1986" s="162"/>
      <c r="BP1986" s="162"/>
      <c r="BQ1986" s="162"/>
      <c r="BR1986" s="162"/>
      <c r="BS1986" s="162"/>
      <c r="BT1986" s="162"/>
      <c r="BU1986" s="162"/>
      <c r="BV1986" s="162"/>
      <c r="BW1986" s="162"/>
      <c r="BX1986" s="162"/>
      <c r="BY1986" s="162"/>
      <c r="BZ1986" s="162"/>
      <c r="CA1986" s="162"/>
      <c r="CB1986" s="162"/>
      <c r="CC1986" s="162"/>
      <c r="CD1986" s="162"/>
      <c r="CE1986" s="162"/>
      <c r="CF1986" s="162"/>
      <c r="CG1986" s="162"/>
      <c r="CH1986" s="162"/>
      <c r="CI1986" s="162"/>
      <c r="CJ1986" s="162"/>
      <c r="CK1986" s="162"/>
      <c r="CX1986" s="98"/>
      <c r="DL1986" s="97"/>
      <c r="DX1986" s="98"/>
      <c r="EL1986" s="97"/>
      <c r="EX1986" s="98"/>
      <c r="EY1986" s="97"/>
      <c r="FL1986" s="126"/>
      <c r="FM1986" s="91"/>
      <c r="FN1986" s="91"/>
      <c r="FO1986" s="91"/>
      <c r="FP1986" s="91"/>
      <c r="FQ1986" s="91"/>
      <c r="FR1986" s="91"/>
      <c r="FS1986" s="91"/>
      <c r="FT1986" s="91"/>
      <c r="FU1986" s="91"/>
      <c r="FV1986" s="91"/>
      <c r="FW1986" s="91"/>
      <c r="FX1986" s="91"/>
      <c r="FY1986" s="91"/>
      <c r="FZ1986" s="91"/>
      <c r="GA1986" s="91"/>
      <c r="GB1986" s="91"/>
      <c r="GC1986" s="91"/>
      <c r="GD1986" s="91"/>
      <c r="GE1986" s="91"/>
      <c r="GF1986" s="91"/>
      <c r="GG1986" s="91"/>
      <c r="GH1986" s="91"/>
      <c r="GI1986" s="91"/>
      <c r="GJ1986" s="91"/>
      <c r="GK1986" s="127"/>
      <c r="GL1986" s="126"/>
      <c r="GM1986" s="91"/>
      <c r="GN1986" s="91"/>
      <c r="GO1986" s="91"/>
      <c r="GP1986" s="91"/>
      <c r="GQ1986" s="91"/>
      <c r="GR1986" s="91"/>
      <c r="GS1986" s="91"/>
      <c r="GT1986" s="91"/>
      <c r="GU1986" s="91"/>
      <c r="GV1986" s="91"/>
      <c r="GW1986" s="91"/>
      <c r="GX1986" s="91"/>
      <c r="GY1986" s="91"/>
      <c r="GZ1986" s="91"/>
      <c r="HA1986" s="91"/>
      <c r="HB1986" s="91"/>
      <c r="HC1986" s="91"/>
      <c r="HD1986" s="91"/>
      <c r="HE1986" s="91"/>
      <c r="HF1986" s="91"/>
      <c r="HG1986" s="91"/>
      <c r="HH1986" s="91"/>
      <c r="HI1986" s="91"/>
      <c r="HJ1986" s="91"/>
      <c r="HK1986" s="127"/>
      <c r="HL1986" s="126"/>
      <c r="HM1986" s="91"/>
      <c r="HN1986" s="91"/>
      <c r="HO1986" s="91"/>
      <c r="HP1986" s="91"/>
      <c r="HQ1986" s="91"/>
      <c r="HR1986" s="91"/>
      <c r="HS1986" s="91"/>
      <c r="HT1986" s="91"/>
      <c r="HU1986" s="91"/>
      <c r="HV1986" s="91"/>
      <c r="HW1986" s="91"/>
      <c r="HX1986" s="91"/>
      <c r="HY1986" s="91"/>
      <c r="HZ1986" s="91"/>
      <c r="IA1986" s="91"/>
      <c r="IB1986" s="91"/>
      <c r="IC1986" s="91"/>
      <c r="ID1986" s="91"/>
      <c r="IE1986" s="91"/>
      <c r="IF1986" s="91"/>
      <c r="IG1986" s="91"/>
      <c r="IH1986" s="91"/>
      <c r="II1986" s="91"/>
      <c r="IJ1986" s="91"/>
      <c r="IK1986" s="127"/>
    </row>
    <row r="1987" spans="2:245" x14ac:dyDescent="0.2">
      <c r="B1987" s="43"/>
      <c r="C1987" s="73"/>
      <c r="D1987" s="64"/>
      <c r="E1987" s="64"/>
      <c r="F1987" s="55"/>
      <c r="G1987" s="102"/>
      <c r="H1987" s="55"/>
      <c r="I1987" s="55"/>
      <c r="J1987" s="55"/>
      <c r="K1987" s="55"/>
      <c r="L1987" s="55"/>
      <c r="M1987" s="55"/>
      <c r="N1987" s="55"/>
      <c r="O1987" s="55"/>
      <c r="P1987" s="55"/>
      <c r="Q1987" s="55"/>
      <c r="R1987" s="55"/>
      <c r="S1987" s="55"/>
      <c r="T1987" s="55"/>
      <c r="U1987" s="55"/>
      <c r="V1987" s="55"/>
      <c r="W1987" s="55"/>
      <c r="X1987" s="55"/>
      <c r="Y1987" s="55"/>
      <c r="Z1987" s="55"/>
      <c r="AA1987" s="55"/>
      <c r="AB1987" s="55"/>
      <c r="AC1987" s="55"/>
      <c r="AD1987" s="55"/>
      <c r="AE1987" s="55"/>
      <c r="AF1987" s="55"/>
      <c r="AG1987" s="55"/>
      <c r="AY1987" s="162"/>
      <c r="AZ1987" s="162"/>
      <c r="BA1987" s="162"/>
      <c r="BB1987" s="162"/>
      <c r="BC1987" s="162"/>
      <c r="BD1987" s="162"/>
      <c r="BE1987" s="162"/>
      <c r="BF1987" s="162"/>
      <c r="BG1987" s="162"/>
      <c r="BH1987" s="162"/>
      <c r="BI1987" s="162"/>
      <c r="BJ1987" s="162"/>
      <c r="BK1987" s="162"/>
      <c r="BL1987" s="162"/>
      <c r="BM1987" s="162"/>
      <c r="BN1987" s="162"/>
      <c r="BO1987" s="162"/>
      <c r="BP1987" s="162"/>
      <c r="BQ1987" s="162"/>
      <c r="BR1987" s="162"/>
      <c r="BS1987" s="162"/>
      <c r="BT1987" s="162"/>
      <c r="BU1987" s="162"/>
      <c r="BV1987" s="162"/>
      <c r="BW1987" s="162"/>
      <c r="BX1987" s="162"/>
      <c r="BY1987" s="162"/>
      <c r="BZ1987" s="162"/>
      <c r="CA1987" s="162"/>
      <c r="CB1987" s="162"/>
      <c r="CC1987" s="162"/>
      <c r="CD1987" s="162"/>
      <c r="CE1987" s="162"/>
      <c r="CF1987" s="162"/>
      <c r="CG1987" s="162"/>
      <c r="CH1987" s="162"/>
      <c r="CI1987" s="162"/>
      <c r="CJ1987" s="162"/>
      <c r="CK1987" s="162"/>
      <c r="CX1987" s="98"/>
      <c r="DL1987" s="97"/>
      <c r="DX1987" s="98"/>
      <c r="EL1987" s="97"/>
      <c r="EX1987" s="98"/>
      <c r="EY1987" s="97"/>
      <c r="FL1987" s="126"/>
      <c r="FM1987" s="91"/>
      <c r="FN1987" s="91"/>
      <c r="FO1987" s="91"/>
      <c r="FP1987" s="91"/>
      <c r="FQ1987" s="91"/>
      <c r="FR1987" s="91"/>
      <c r="FS1987" s="91"/>
      <c r="FT1987" s="91"/>
      <c r="FU1987" s="91"/>
      <c r="FV1987" s="91"/>
      <c r="FW1987" s="91"/>
      <c r="FX1987" s="91"/>
      <c r="FY1987" s="91"/>
      <c r="FZ1987" s="91"/>
      <c r="GA1987" s="91"/>
      <c r="GB1987" s="91"/>
      <c r="GC1987" s="91"/>
      <c r="GD1987" s="91"/>
      <c r="GE1987" s="91"/>
      <c r="GF1987" s="91"/>
      <c r="GG1987" s="91"/>
      <c r="GH1987" s="91"/>
      <c r="GI1987" s="91"/>
      <c r="GJ1987" s="91"/>
      <c r="GK1987" s="127"/>
      <c r="GL1987" s="126"/>
      <c r="GM1987" s="91"/>
      <c r="GN1987" s="91"/>
      <c r="GO1987" s="91"/>
      <c r="GP1987" s="91"/>
      <c r="GQ1987" s="91"/>
      <c r="GR1987" s="91"/>
      <c r="GS1987" s="91"/>
      <c r="GT1987" s="91"/>
      <c r="GU1987" s="91"/>
      <c r="GV1987" s="91"/>
      <c r="GW1987" s="91"/>
      <c r="GX1987" s="91"/>
      <c r="GY1987" s="91"/>
      <c r="GZ1987" s="91"/>
      <c r="HA1987" s="91"/>
      <c r="HB1987" s="91"/>
      <c r="HC1987" s="91"/>
      <c r="HD1987" s="91"/>
      <c r="HE1987" s="91"/>
      <c r="HF1987" s="91"/>
      <c r="HG1987" s="91"/>
      <c r="HH1987" s="91"/>
      <c r="HI1987" s="91"/>
      <c r="HJ1987" s="91"/>
      <c r="HK1987" s="127"/>
      <c r="HL1987" s="126"/>
      <c r="HM1987" s="91"/>
      <c r="HN1987" s="91"/>
      <c r="HO1987" s="91"/>
      <c r="HP1987" s="91"/>
      <c r="HQ1987" s="91"/>
      <c r="HR1987" s="91"/>
      <c r="HS1987" s="91"/>
      <c r="HT1987" s="91"/>
      <c r="HU1987" s="91"/>
      <c r="HV1987" s="91"/>
      <c r="HW1987" s="91"/>
      <c r="HX1987" s="91"/>
      <c r="HY1987" s="91"/>
      <c r="HZ1987" s="91"/>
      <c r="IA1987" s="91"/>
      <c r="IB1987" s="91"/>
      <c r="IC1987" s="91"/>
      <c r="ID1987" s="91"/>
      <c r="IE1987" s="91"/>
      <c r="IF1987" s="91"/>
      <c r="IG1987" s="91"/>
      <c r="IH1987" s="91"/>
      <c r="II1987" s="91"/>
      <c r="IJ1987" s="91"/>
      <c r="IK1987" s="127"/>
    </row>
    <row r="1988" spans="2:245" x14ac:dyDescent="0.2">
      <c r="B1988" s="43"/>
      <c r="C1988" s="73"/>
      <c r="D1988" s="64"/>
      <c r="E1988" s="64"/>
      <c r="F1988" s="55"/>
      <c r="G1988" s="102"/>
      <c r="H1988" s="55"/>
      <c r="I1988" s="55"/>
      <c r="J1988" s="55"/>
      <c r="K1988" s="55"/>
      <c r="L1988" s="55"/>
      <c r="M1988" s="55"/>
      <c r="N1988" s="55"/>
      <c r="O1988" s="55"/>
      <c r="P1988" s="55"/>
      <c r="Q1988" s="55"/>
      <c r="R1988" s="55"/>
      <c r="S1988" s="55"/>
      <c r="T1988" s="55"/>
      <c r="U1988" s="55"/>
      <c r="V1988" s="55"/>
      <c r="W1988" s="55"/>
      <c r="X1988" s="55"/>
      <c r="Y1988" s="55"/>
      <c r="Z1988" s="55"/>
      <c r="AA1988" s="55"/>
      <c r="AB1988" s="55"/>
      <c r="AC1988" s="55"/>
      <c r="AD1988" s="55"/>
      <c r="AE1988" s="55"/>
      <c r="AF1988" s="55"/>
      <c r="AG1988" s="55"/>
      <c r="AY1988" s="162"/>
      <c r="AZ1988" s="162"/>
      <c r="BA1988" s="162"/>
      <c r="BB1988" s="162"/>
      <c r="BC1988" s="162"/>
      <c r="BD1988" s="162"/>
      <c r="BE1988" s="162"/>
      <c r="BF1988" s="162"/>
      <c r="BG1988" s="162"/>
      <c r="BH1988" s="162"/>
      <c r="BI1988" s="162"/>
      <c r="BJ1988" s="162"/>
      <c r="BK1988" s="162"/>
      <c r="BL1988" s="162"/>
      <c r="BM1988" s="162"/>
      <c r="BN1988" s="162"/>
      <c r="BO1988" s="162"/>
      <c r="BP1988" s="162"/>
      <c r="BQ1988" s="162"/>
      <c r="BR1988" s="162"/>
      <c r="BS1988" s="162"/>
      <c r="BT1988" s="162"/>
      <c r="BU1988" s="162"/>
      <c r="BV1988" s="162"/>
      <c r="BW1988" s="162"/>
      <c r="BX1988" s="162"/>
      <c r="BY1988" s="162"/>
      <c r="BZ1988" s="162"/>
      <c r="CA1988" s="162"/>
      <c r="CB1988" s="162"/>
      <c r="CC1988" s="162"/>
      <c r="CD1988" s="162"/>
      <c r="CE1988" s="162"/>
      <c r="CF1988" s="162"/>
      <c r="CG1988" s="162"/>
      <c r="CH1988" s="162"/>
      <c r="CI1988" s="162"/>
      <c r="CJ1988" s="162"/>
      <c r="CK1988" s="162"/>
      <c r="CX1988" s="98"/>
      <c r="DL1988" s="97"/>
      <c r="DX1988" s="98"/>
      <c r="EL1988" s="97"/>
      <c r="EX1988" s="98"/>
      <c r="EY1988" s="97"/>
      <c r="FL1988" s="126"/>
      <c r="FM1988" s="91"/>
      <c r="FN1988" s="91"/>
      <c r="FO1988" s="91"/>
      <c r="FP1988" s="91"/>
      <c r="FQ1988" s="91"/>
      <c r="FR1988" s="91"/>
      <c r="FS1988" s="91"/>
      <c r="FT1988" s="91"/>
      <c r="FU1988" s="91"/>
      <c r="FV1988" s="91"/>
      <c r="FW1988" s="91"/>
      <c r="FX1988" s="91"/>
      <c r="FY1988" s="91"/>
      <c r="FZ1988" s="91"/>
      <c r="GA1988" s="91"/>
      <c r="GB1988" s="91"/>
      <c r="GC1988" s="91"/>
      <c r="GD1988" s="91"/>
      <c r="GE1988" s="91"/>
      <c r="GF1988" s="91"/>
      <c r="GG1988" s="91"/>
      <c r="GH1988" s="91"/>
      <c r="GI1988" s="91"/>
      <c r="GJ1988" s="91"/>
      <c r="GK1988" s="127"/>
      <c r="GL1988" s="126"/>
      <c r="GM1988" s="91"/>
      <c r="GN1988" s="91"/>
      <c r="GO1988" s="91"/>
      <c r="GP1988" s="91"/>
      <c r="GQ1988" s="91"/>
      <c r="GR1988" s="91"/>
      <c r="GS1988" s="91"/>
      <c r="GT1988" s="91"/>
      <c r="GU1988" s="91"/>
      <c r="GV1988" s="91"/>
      <c r="GW1988" s="91"/>
      <c r="GX1988" s="91"/>
      <c r="GY1988" s="91"/>
      <c r="GZ1988" s="91"/>
      <c r="HA1988" s="91"/>
      <c r="HB1988" s="91"/>
      <c r="HC1988" s="91"/>
      <c r="HD1988" s="91"/>
      <c r="HE1988" s="91"/>
      <c r="HF1988" s="91"/>
      <c r="HG1988" s="91"/>
      <c r="HH1988" s="91"/>
      <c r="HI1988" s="91"/>
      <c r="HJ1988" s="91"/>
      <c r="HK1988" s="127"/>
      <c r="HL1988" s="126"/>
      <c r="HM1988" s="91"/>
      <c r="HN1988" s="91"/>
      <c r="HO1988" s="91"/>
      <c r="HP1988" s="91"/>
      <c r="HQ1988" s="91"/>
      <c r="HR1988" s="91"/>
      <c r="HS1988" s="91"/>
      <c r="HT1988" s="91"/>
      <c r="HU1988" s="91"/>
      <c r="HV1988" s="91"/>
      <c r="HW1988" s="91"/>
      <c r="HX1988" s="91"/>
      <c r="HY1988" s="91"/>
      <c r="HZ1988" s="91"/>
      <c r="IA1988" s="91"/>
      <c r="IB1988" s="91"/>
      <c r="IC1988" s="91"/>
      <c r="ID1988" s="91"/>
      <c r="IE1988" s="91"/>
      <c r="IF1988" s="91"/>
      <c r="IG1988" s="91"/>
      <c r="IH1988" s="91"/>
      <c r="II1988" s="91"/>
      <c r="IJ1988" s="91"/>
      <c r="IK1988" s="127"/>
    </row>
    <row r="1989" spans="2:245" x14ac:dyDescent="0.2">
      <c r="B1989" s="43"/>
      <c r="C1989" s="73"/>
      <c r="D1989" s="64"/>
      <c r="E1989" s="64"/>
      <c r="F1989" s="55"/>
      <c r="G1989" s="102"/>
      <c r="H1989" s="55"/>
      <c r="I1989" s="55"/>
      <c r="J1989" s="55"/>
      <c r="K1989" s="55"/>
      <c r="L1989" s="55"/>
      <c r="M1989" s="55"/>
      <c r="N1989" s="55"/>
      <c r="O1989" s="55"/>
      <c r="P1989" s="55"/>
      <c r="Q1989" s="55"/>
      <c r="R1989" s="55"/>
      <c r="S1989" s="55"/>
      <c r="T1989" s="55"/>
      <c r="U1989" s="55"/>
      <c r="V1989" s="55"/>
      <c r="W1989" s="55"/>
      <c r="X1989" s="55"/>
      <c r="Y1989" s="55"/>
      <c r="Z1989" s="55"/>
      <c r="AA1989" s="55"/>
      <c r="AB1989" s="55"/>
      <c r="AC1989" s="55"/>
      <c r="AD1989" s="55"/>
      <c r="AE1989" s="55"/>
      <c r="AF1989" s="55"/>
      <c r="AG1989" s="55"/>
      <c r="AY1989" s="162"/>
      <c r="AZ1989" s="162"/>
      <c r="BA1989" s="162"/>
      <c r="BB1989" s="162"/>
      <c r="BC1989" s="162"/>
      <c r="BD1989" s="162"/>
      <c r="BE1989" s="162"/>
      <c r="BF1989" s="162"/>
      <c r="BG1989" s="162"/>
      <c r="BH1989" s="162"/>
      <c r="BI1989" s="162"/>
      <c r="BJ1989" s="162"/>
      <c r="BK1989" s="162"/>
      <c r="BL1989" s="162"/>
      <c r="BM1989" s="162"/>
      <c r="BN1989" s="162"/>
      <c r="BO1989" s="162"/>
      <c r="BP1989" s="162"/>
      <c r="BQ1989" s="162"/>
      <c r="BR1989" s="162"/>
      <c r="BS1989" s="162"/>
      <c r="BT1989" s="162"/>
      <c r="BU1989" s="162"/>
      <c r="BV1989" s="162"/>
      <c r="BW1989" s="162"/>
      <c r="BX1989" s="162"/>
      <c r="BY1989" s="162"/>
      <c r="BZ1989" s="162"/>
      <c r="CA1989" s="162"/>
      <c r="CB1989" s="162"/>
      <c r="CC1989" s="162"/>
      <c r="CD1989" s="162"/>
      <c r="CE1989" s="162"/>
      <c r="CF1989" s="162"/>
      <c r="CG1989" s="162"/>
      <c r="CH1989" s="162"/>
      <c r="CI1989" s="162"/>
      <c r="CJ1989" s="162"/>
      <c r="CK1989" s="162"/>
      <c r="CX1989" s="98"/>
      <c r="DL1989" s="97"/>
      <c r="DX1989" s="98"/>
      <c r="EL1989" s="97"/>
      <c r="EX1989" s="98"/>
      <c r="EY1989" s="97"/>
      <c r="FL1989" s="126"/>
      <c r="FM1989" s="91"/>
      <c r="FN1989" s="91"/>
      <c r="FO1989" s="91"/>
      <c r="FP1989" s="91"/>
      <c r="FQ1989" s="91"/>
      <c r="FR1989" s="91"/>
      <c r="FS1989" s="91"/>
      <c r="FT1989" s="91"/>
      <c r="FU1989" s="91"/>
      <c r="FV1989" s="91"/>
      <c r="FW1989" s="91"/>
      <c r="FX1989" s="91"/>
      <c r="FY1989" s="91"/>
      <c r="FZ1989" s="91"/>
      <c r="GA1989" s="91"/>
      <c r="GB1989" s="91"/>
      <c r="GC1989" s="91"/>
      <c r="GD1989" s="91"/>
      <c r="GE1989" s="91"/>
      <c r="GF1989" s="91"/>
      <c r="GG1989" s="91"/>
      <c r="GH1989" s="91"/>
      <c r="GI1989" s="91"/>
      <c r="GJ1989" s="91"/>
      <c r="GK1989" s="127"/>
      <c r="GL1989" s="126"/>
      <c r="GM1989" s="91"/>
      <c r="GN1989" s="91"/>
      <c r="GO1989" s="91"/>
      <c r="GP1989" s="91"/>
      <c r="GQ1989" s="91"/>
      <c r="GR1989" s="91"/>
      <c r="GS1989" s="91"/>
      <c r="GT1989" s="91"/>
      <c r="GU1989" s="91"/>
      <c r="GV1989" s="91"/>
      <c r="GW1989" s="91"/>
      <c r="GX1989" s="91"/>
      <c r="GY1989" s="91"/>
      <c r="GZ1989" s="91"/>
      <c r="HA1989" s="91"/>
      <c r="HB1989" s="91"/>
      <c r="HC1989" s="91"/>
      <c r="HD1989" s="91"/>
      <c r="HE1989" s="91"/>
      <c r="HF1989" s="91"/>
      <c r="HG1989" s="91"/>
      <c r="HH1989" s="91"/>
      <c r="HI1989" s="91"/>
      <c r="HJ1989" s="91"/>
      <c r="HK1989" s="127"/>
      <c r="HL1989" s="126"/>
      <c r="HM1989" s="91"/>
      <c r="HN1989" s="91"/>
      <c r="HO1989" s="91"/>
      <c r="HP1989" s="91"/>
      <c r="HQ1989" s="91"/>
      <c r="HR1989" s="91"/>
      <c r="HS1989" s="91"/>
      <c r="HT1989" s="91"/>
      <c r="HU1989" s="91"/>
      <c r="HV1989" s="91"/>
      <c r="HW1989" s="91"/>
      <c r="HX1989" s="91"/>
      <c r="HY1989" s="91"/>
      <c r="HZ1989" s="91"/>
      <c r="IA1989" s="91"/>
      <c r="IB1989" s="91"/>
      <c r="IC1989" s="91"/>
      <c r="ID1989" s="91"/>
      <c r="IE1989" s="91"/>
      <c r="IF1989" s="91"/>
      <c r="IG1989" s="91"/>
      <c r="IH1989" s="91"/>
      <c r="II1989" s="91"/>
      <c r="IJ1989" s="91"/>
      <c r="IK1989" s="127"/>
    </row>
    <row r="1990" spans="2:245" x14ac:dyDescent="0.2">
      <c r="B1990" s="43"/>
      <c r="C1990" s="73"/>
      <c r="D1990" s="64"/>
      <c r="E1990" s="64"/>
      <c r="F1990" s="55"/>
      <c r="G1990" s="102"/>
      <c r="H1990" s="55"/>
      <c r="I1990" s="55"/>
      <c r="J1990" s="55"/>
      <c r="K1990" s="55"/>
      <c r="L1990" s="55"/>
      <c r="M1990" s="55"/>
      <c r="N1990" s="55"/>
      <c r="O1990" s="55"/>
      <c r="P1990" s="55"/>
      <c r="Q1990" s="55"/>
      <c r="R1990" s="55"/>
      <c r="S1990" s="55"/>
      <c r="T1990" s="55"/>
      <c r="U1990" s="55"/>
      <c r="V1990" s="55"/>
      <c r="W1990" s="55"/>
      <c r="X1990" s="55"/>
      <c r="Y1990" s="55"/>
      <c r="Z1990" s="55"/>
      <c r="AA1990" s="55"/>
      <c r="AB1990" s="55"/>
      <c r="AC1990" s="55"/>
      <c r="AD1990" s="55"/>
      <c r="AE1990" s="55"/>
      <c r="AF1990" s="55"/>
      <c r="AG1990" s="55"/>
      <c r="AY1990" s="162"/>
      <c r="AZ1990" s="162"/>
      <c r="BA1990" s="162"/>
      <c r="BB1990" s="162"/>
      <c r="BC1990" s="162"/>
      <c r="BD1990" s="162"/>
      <c r="BE1990" s="162"/>
      <c r="BF1990" s="162"/>
      <c r="BG1990" s="162"/>
      <c r="BH1990" s="162"/>
      <c r="BI1990" s="162"/>
      <c r="BJ1990" s="162"/>
      <c r="BK1990" s="162"/>
      <c r="BL1990" s="162"/>
      <c r="BM1990" s="162"/>
      <c r="BN1990" s="162"/>
      <c r="BO1990" s="162"/>
      <c r="BP1990" s="162"/>
      <c r="BQ1990" s="162"/>
      <c r="BR1990" s="162"/>
      <c r="BS1990" s="162"/>
      <c r="BT1990" s="162"/>
      <c r="BU1990" s="162"/>
      <c r="BV1990" s="162"/>
      <c r="BW1990" s="162"/>
      <c r="BX1990" s="162"/>
      <c r="BY1990" s="162"/>
      <c r="BZ1990" s="162"/>
      <c r="CA1990" s="162"/>
      <c r="CB1990" s="162"/>
      <c r="CC1990" s="162"/>
      <c r="CD1990" s="162"/>
      <c r="CE1990" s="162"/>
      <c r="CF1990" s="162"/>
      <c r="CG1990" s="162"/>
      <c r="CH1990" s="162"/>
      <c r="CI1990" s="162"/>
      <c r="CJ1990" s="162"/>
      <c r="CK1990" s="162"/>
      <c r="CX1990" s="98"/>
      <c r="DL1990" s="97"/>
      <c r="DX1990" s="98"/>
      <c r="EL1990" s="97"/>
      <c r="EX1990" s="98"/>
      <c r="EY1990" s="97"/>
      <c r="FL1990" s="126"/>
      <c r="FM1990" s="91"/>
      <c r="FN1990" s="91"/>
      <c r="FO1990" s="91"/>
      <c r="FP1990" s="91"/>
      <c r="FQ1990" s="91"/>
      <c r="FR1990" s="91"/>
      <c r="FS1990" s="91"/>
      <c r="FT1990" s="91"/>
      <c r="FU1990" s="91"/>
      <c r="FV1990" s="91"/>
      <c r="FW1990" s="91"/>
      <c r="FX1990" s="91"/>
      <c r="FY1990" s="91"/>
      <c r="FZ1990" s="91"/>
      <c r="GA1990" s="91"/>
      <c r="GB1990" s="91"/>
      <c r="GC1990" s="91"/>
      <c r="GD1990" s="91"/>
      <c r="GE1990" s="91"/>
      <c r="GF1990" s="91"/>
      <c r="GG1990" s="91"/>
      <c r="GH1990" s="91"/>
      <c r="GI1990" s="91"/>
      <c r="GJ1990" s="91"/>
      <c r="GK1990" s="127"/>
      <c r="GL1990" s="126"/>
      <c r="GM1990" s="91"/>
      <c r="GN1990" s="91"/>
      <c r="GO1990" s="91"/>
      <c r="GP1990" s="91"/>
      <c r="GQ1990" s="91"/>
      <c r="GR1990" s="91"/>
      <c r="GS1990" s="91"/>
      <c r="GT1990" s="91"/>
      <c r="GU1990" s="91"/>
      <c r="GV1990" s="91"/>
      <c r="GW1990" s="91"/>
      <c r="GX1990" s="91"/>
      <c r="GY1990" s="91"/>
      <c r="GZ1990" s="91"/>
      <c r="HA1990" s="91"/>
      <c r="HB1990" s="91"/>
      <c r="HC1990" s="91"/>
      <c r="HD1990" s="91"/>
      <c r="HE1990" s="91"/>
      <c r="HF1990" s="91"/>
      <c r="HG1990" s="91"/>
      <c r="HH1990" s="91"/>
      <c r="HI1990" s="91"/>
      <c r="HJ1990" s="91"/>
      <c r="HK1990" s="127"/>
      <c r="HL1990" s="126"/>
      <c r="HM1990" s="91"/>
      <c r="HN1990" s="91"/>
      <c r="HO1990" s="91"/>
      <c r="HP1990" s="91"/>
      <c r="HQ1990" s="91"/>
      <c r="HR1990" s="91"/>
      <c r="HS1990" s="91"/>
      <c r="HT1990" s="91"/>
      <c r="HU1990" s="91"/>
      <c r="HV1990" s="91"/>
      <c r="HW1990" s="91"/>
      <c r="HX1990" s="91"/>
      <c r="HY1990" s="91"/>
      <c r="HZ1990" s="91"/>
      <c r="IA1990" s="91"/>
      <c r="IB1990" s="91"/>
      <c r="IC1990" s="91"/>
      <c r="ID1990" s="91"/>
      <c r="IE1990" s="91"/>
      <c r="IF1990" s="91"/>
      <c r="IG1990" s="91"/>
      <c r="IH1990" s="91"/>
      <c r="II1990" s="91"/>
      <c r="IJ1990" s="91"/>
      <c r="IK1990" s="127"/>
    </row>
    <row r="1991" spans="2:245" x14ac:dyDescent="0.2">
      <c r="B1991" s="43"/>
      <c r="C1991" s="73"/>
      <c r="D1991" s="64"/>
      <c r="E1991" s="64"/>
      <c r="F1991" s="55"/>
      <c r="G1991" s="102"/>
      <c r="H1991" s="55"/>
      <c r="I1991" s="55"/>
      <c r="J1991" s="55"/>
      <c r="K1991" s="55"/>
      <c r="L1991" s="55"/>
      <c r="M1991" s="55"/>
      <c r="N1991" s="55"/>
      <c r="O1991" s="55"/>
      <c r="P1991" s="55"/>
      <c r="Q1991" s="55"/>
      <c r="R1991" s="55"/>
      <c r="S1991" s="55"/>
      <c r="T1991" s="55"/>
      <c r="U1991" s="55"/>
      <c r="V1991" s="55"/>
      <c r="W1991" s="55"/>
      <c r="X1991" s="55"/>
      <c r="Y1991" s="55"/>
      <c r="Z1991" s="55"/>
      <c r="AA1991" s="55"/>
      <c r="AB1991" s="55"/>
      <c r="AC1991" s="55"/>
      <c r="AD1991" s="55"/>
      <c r="AE1991" s="55"/>
      <c r="AF1991" s="55"/>
      <c r="AG1991" s="55"/>
      <c r="AY1991" s="162"/>
      <c r="AZ1991" s="162"/>
      <c r="BA1991" s="162"/>
      <c r="BB1991" s="162"/>
      <c r="BC1991" s="162"/>
      <c r="BD1991" s="162"/>
      <c r="BE1991" s="162"/>
      <c r="BF1991" s="162"/>
      <c r="BG1991" s="162"/>
      <c r="BH1991" s="162"/>
      <c r="BI1991" s="162"/>
      <c r="BJ1991" s="162"/>
      <c r="BK1991" s="162"/>
      <c r="BL1991" s="162"/>
      <c r="BM1991" s="162"/>
      <c r="BN1991" s="162"/>
      <c r="BO1991" s="162"/>
      <c r="BP1991" s="162"/>
      <c r="BQ1991" s="162"/>
      <c r="BR1991" s="162"/>
      <c r="BS1991" s="162"/>
      <c r="BT1991" s="162"/>
      <c r="BU1991" s="162"/>
      <c r="BV1991" s="162"/>
      <c r="BW1991" s="162"/>
      <c r="BX1991" s="162"/>
      <c r="BY1991" s="162"/>
      <c r="BZ1991" s="162"/>
      <c r="CA1991" s="162"/>
      <c r="CB1991" s="162"/>
      <c r="CC1991" s="162"/>
      <c r="CD1991" s="162"/>
      <c r="CE1991" s="162"/>
      <c r="CF1991" s="162"/>
      <c r="CG1991" s="162"/>
      <c r="CH1991" s="162"/>
      <c r="CI1991" s="162"/>
      <c r="CJ1991" s="162"/>
      <c r="CK1991" s="162"/>
      <c r="CX1991" s="98"/>
      <c r="DL1991" s="97"/>
      <c r="DX1991" s="98"/>
      <c r="EL1991" s="97"/>
      <c r="EX1991" s="98"/>
      <c r="EY1991" s="97"/>
      <c r="FL1991" s="126"/>
      <c r="FM1991" s="91"/>
      <c r="FN1991" s="91"/>
      <c r="FO1991" s="91"/>
      <c r="FP1991" s="91"/>
      <c r="FQ1991" s="91"/>
      <c r="FR1991" s="91"/>
      <c r="FS1991" s="91"/>
      <c r="FT1991" s="91"/>
      <c r="FU1991" s="91"/>
      <c r="FV1991" s="91"/>
      <c r="FW1991" s="91"/>
      <c r="FX1991" s="91"/>
      <c r="FY1991" s="91"/>
      <c r="FZ1991" s="91"/>
      <c r="GA1991" s="91"/>
      <c r="GB1991" s="91"/>
      <c r="GC1991" s="91"/>
      <c r="GD1991" s="91"/>
      <c r="GE1991" s="91"/>
      <c r="GF1991" s="91"/>
      <c r="GG1991" s="91"/>
      <c r="GH1991" s="91"/>
      <c r="GI1991" s="91"/>
      <c r="GJ1991" s="91"/>
      <c r="GK1991" s="127"/>
      <c r="GL1991" s="126"/>
      <c r="GM1991" s="91"/>
      <c r="GN1991" s="91"/>
      <c r="GO1991" s="91"/>
      <c r="GP1991" s="91"/>
      <c r="GQ1991" s="91"/>
      <c r="GR1991" s="91"/>
      <c r="GS1991" s="91"/>
      <c r="GT1991" s="91"/>
      <c r="GU1991" s="91"/>
      <c r="GV1991" s="91"/>
      <c r="GW1991" s="91"/>
      <c r="GX1991" s="91"/>
      <c r="GY1991" s="91"/>
      <c r="GZ1991" s="91"/>
      <c r="HA1991" s="91"/>
      <c r="HB1991" s="91"/>
      <c r="HC1991" s="91"/>
      <c r="HD1991" s="91"/>
      <c r="HE1991" s="91"/>
      <c r="HF1991" s="91"/>
      <c r="HG1991" s="91"/>
      <c r="HH1991" s="91"/>
      <c r="HI1991" s="91"/>
      <c r="HJ1991" s="91"/>
      <c r="HK1991" s="127"/>
      <c r="HL1991" s="126"/>
      <c r="HM1991" s="91"/>
      <c r="HN1991" s="91"/>
      <c r="HO1991" s="91"/>
      <c r="HP1991" s="91"/>
      <c r="HQ1991" s="91"/>
      <c r="HR1991" s="91"/>
      <c r="HS1991" s="91"/>
      <c r="HT1991" s="91"/>
      <c r="HU1991" s="91"/>
      <c r="HV1991" s="91"/>
      <c r="HW1991" s="91"/>
      <c r="HX1991" s="91"/>
      <c r="HY1991" s="91"/>
      <c r="HZ1991" s="91"/>
      <c r="IA1991" s="91"/>
      <c r="IB1991" s="91"/>
      <c r="IC1991" s="91"/>
      <c r="ID1991" s="91"/>
      <c r="IE1991" s="91"/>
      <c r="IF1991" s="91"/>
      <c r="IG1991" s="91"/>
      <c r="IH1991" s="91"/>
      <c r="II1991" s="91"/>
      <c r="IJ1991" s="91"/>
      <c r="IK1991" s="127"/>
    </row>
    <row r="1992" spans="2:245" x14ac:dyDescent="0.2">
      <c r="B1992" s="43"/>
      <c r="C1992" s="73"/>
      <c r="D1992" s="64"/>
      <c r="E1992" s="64"/>
      <c r="F1992" s="55"/>
      <c r="G1992" s="102"/>
      <c r="H1992" s="55"/>
      <c r="I1992" s="55"/>
      <c r="J1992" s="55"/>
      <c r="K1992" s="55"/>
      <c r="L1992" s="55"/>
      <c r="M1992" s="55"/>
      <c r="N1992" s="55"/>
      <c r="O1992" s="55"/>
      <c r="P1992" s="55"/>
      <c r="Q1992" s="55"/>
      <c r="R1992" s="55"/>
      <c r="S1992" s="55"/>
      <c r="T1992" s="55"/>
      <c r="U1992" s="55"/>
      <c r="V1992" s="55"/>
      <c r="W1992" s="55"/>
      <c r="X1992" s="55"/>
      <c r="Y1992" s="55"/>
      <c r="Z1992" s="55"/>
      <c r="AA1992" s="55"/>
      <c r="AB1992" s="55"/>
      <c r="AC1992" s="55"/>
      <c r="AD1992" s="55"/>
      <c r="AE1992" s="55"/>
      <c r="AF1992" s="55"/>
      <c r="AG1992" s="55"/>
      <c r="AY1992" s="162"/>
      <c r="AZ1992" s="162"/>
      <c r="BA1992" s="162"/>
      <c r="BB1992" s="162"/>
      <c r="BC1992" s="162"/>
      <c r="BD1992" s="162"/>
      <c r="BE1992" s="162"/>
      <c r="BF1992" s="162"/>
      <c r="BG1992" s="162"/>
      <c r="BH1992" s="162"/>
      <c r="BI1992" s="162"/>
      <c r="BJ1992" s="162"/>
      <c r="BK1992" s="162"/>
      <c r="BL1992" s="162"/>
      <c r="BM1992" s="162"/>
      <c r="BN1992" s="162"/>
      <c r="BO1992" s="162"/>
      <c r="BP1992" s="162"/>
      <c r="BQ1992" s="162"/>
      <c r="BR1992" s="162"/>
      <c r="BS1992" s="162"/>
      <c r="BT1992" s="162"/>
      <c r="BU1992" s="162"/>
      <c r="BV1992" s="162"/>
      <c r="BW1992" s="162"/>
      <c r="BX1992" s="162"/>
      <c r="BY1992" s="162"/>
      <c r="BZ1992" s="162"/>
      <c r="CA1992" s="162"/>
      <c r="CB1992" s="162"/>
      <c r="CC1992" s="162"/>
      <c r="CD1992" s="162"/>
      <c r="CE1992" s="162"/>
      <c r="CF1992" s="162"/>
      <c r="CG1992" s="162"/>
      <c r="CH1992" s="162"/>
      <c r="CI1992" s="162"/>
      <c r="CJ1992" s="162"/>
      <c r="CK1992" s="162"/>
      <c r="CX1992" s="98"/>
      <c r="DL1992" s="97"/>
      <c r="DX1992" s="98"/>
      <c r="EL1992" s="97"/>
      <c r="EX1992" s="98"/>
      <c r="EY1992" s="97"/>
      <c r="FL1992" s="126"/>
      <c r="FM1992" s="91"/>
      <c r="FN1992" s="91"/>
      <c r="FO1992" s="91"/>
      <c r="FP1992" s="91"/>
      <c r="FQ1992" s="91"/>
      <c r="FR1992" s="91"/>
      <c r="FS1992" s="91"/>
      <c r="FT1992" s="91"/>
      <c r="FU1992" s="91"/>
      <c r="FV1992" s="91"/>
      <c r="FW1992" s="91"/>
      <c r="FX1992" s="91"/>
      <c r="FY1992" s="91"/>
      <c r="FZ1992" s="91"/>
      <c r="GA1992" s="91"/>
      <c r="GB1992" s="91"/>
      <c r="GC1992" s="91"/>
      <c r="GD1992" s="91"/>
      <c r="GE1992" s="91"/>
      <c r="GF1992" s="91"/>
      <c r="GG1992" s="91"/>
      <c r="GH1992" s="91"/>
      <c r="GI1992" s="91"/>
      <c r="GJ1992" s="91"/>
      <c r="GK1992" s="127"/>
      <c r="GL1992" s="126"/>
      <c r="GM1992" s="91"/>
      <c r="GN1992" s="91"/>
      <c r="GO1992" s="91"/>
      <c r="GP1992" s="91"/>
      <c r="GQ1992" s="91"/>
      <c r="GR1992" s="91"/>
      <c r="GS1992" s="91"/>
      <c r="GT1992" s="91"/>
      <c r="GU1992" s="91"/>
      <c r="GV1992" s="91"/>
      <c r="GW1992" s="91"/>
      <c r="GX1992" s="91"/>
      <c r="GY1992" s="91"/>
      <c r="GZ1992" s="91"/>
      <c r="HA1992" s="91"/>
      <c r="HB1992" s="91"/>
      <c r="HC1992" s="91"/>
      <c r="HD1992" s="91"/>
      <c r="HE1992" s="91"/>
      <c r="HF1992" s="91"/>
      <c r="HG1992" s="91"/>
      <c r="HH1992" s="91"/>
      <c r="HI1992" s="91"/>
      <c r="HJ1992" s="91"/>
      <c r="HK1992" s="127"/>
      <c r="HL1992" s="126"/>
      <c r="HM1992" s="91"/>
      <c r="HN1992" s="91"/>
      <c r="HO1992" s="91"/>
      <c r="HP1992" s="91"/>
      <c r="HQ1992" s="91"/>
      <c r="HR1992" s="91"/>
      <c r="HS1992" s="91"/>
      <c r="HT1992" s="91"/>
      <c r="HU1992" s="91"/>
      <c r="HV1992" s="91"/>
      <c r="HW1992" s="91"/>
      <c r="HX1992" s="91"/>
      <c r="HY1992" s="91"/>
      <c r="HZ1992" s="91"/>
      <c r="IA1992" s="91"/>
      <c r="IB1992" s="91"/>
      <c r="IC1992" s="91"/>
      <c r="ID1992" s="91"/>
      <c r="IE1992" s="91"/>
      <c r="IF1992" s="91"/>
      <c r="IG1992" s="91"/>
      <c r="IH1992" s="91"/>
      <c r="II1992" s="91"/>
      <c r="IJ1992" s="91"/>
      <c r="IK1992" s="127"/>
    </row>
    <row r="1993" spans="2:245" x14ac:dyDescent="0.2">
      <c r="B1993" s="43"/>
      <c r="C1993" s="73"/>
      <c r="D1993" s="64"/>
      <c r="E1993" s="64"/>
      <c r="F1993" s="55"/>
      <c r="G1993" s="102"/>
      <c r="H1993" s="55"/>
      <c r="I1993" s="55"/>
      <c r="J1993" s="55"/>
      <c r="K1993" s="55"/>
      <c r="L1993" s="55"/>
      <c r="M1993" s="55"/>
      <c r="N1993" s="55"/>
      <c r="O1993" s="55"/>
      <c r="P1993" s="55"/>
      <c r="Q1993" s="55"/>
      <c r="R1993" s="55"/>
      <c r="S1993" s="55"/>
      <c r="T1993" s="55"/>
      <c r="U1993" s="55"/>
      <c r="V1993" s="55"/>
      <c r="W1993" s="55"/>
      <c r="X1993" s="55"/>
      <c r="Y1993" s="55"/>
      <c r="Z1993" s="55"/>
      <c r="AA1993" s="55"/>
      <c r="AB1993" s="55"/>
      <c r="AC1993" s="55"/>
      <c r="AD1993" s="55"/>
      <c r="AE1993" s="55"/>
      <c r="AF1993" s="55"/>
      <c r="AG1993" s="55"/>
      <c r="AY1993" s="162"/>
      <c r="AZ1993" s="162"/>
      <c r="BA1993" s="162"/>
      <c r="BB1993" s="162"/>
      <c r="BC1993" s="162"/>
      <c r="BD1993" s="162"/>
      <c r="BE1993" s="162"/>
      <c r="BF1993" s="162"/>
      <c r="BG1993" s="162"/>
      <c r="BH1993" s="162"/>
      <c r="BI1993" s="162"/>
      <c r="BJ1993" s="162"/>
      <c r="BK1993" s="162"/>
      <c r="BL1993" s="162"/>
      <c r="BM1993" s="162"/>
      <c r="BN1993" s="162"/>
      <c r="BO1993" s="162"/>
      <c r="BP1993" s="162"/>
      <c r="BQ1993" s="162"/>
      <c r="BR1993" s="162"/>
      <c r="BS1993" s="162"/>
      <c r="BT1993" s="162"/>
      <c r="BU1993" s="162"/>
      <c r="BV1993" s="162"/>
      <c r="BW1993" s="162"/>
      <c r="BX1993" s="162"/>
      <c r="BY1993" s="162"/>
      <c r="BZ1993" s="162"/>
      <c r="CA1993" s="162"/>
      <c r="CB1993" s="162"/>
      <c r="CC1993" s="162"/>
      <c r="CD1993" s="162"/>
      <c r="CE1993" s="162"/>
      <c r="CF1993" s="162"/>
      <c r="CG1993" s="162"/>
      <c r="CH1993" s="162"/>
      <c r="CI1993" s="162"/>
      <c r="CJ1993" s="162"/>
      <c r="CK1993" s="162"/>
      <c r="CX1993" s="98"/>
      <c r="DL1993" s="97"/>
      <c r="DX1993" s="98"/>
      <c r="EL1993" s="97"/>
      <c r="EX1993" s="98"/>
      <c r="EY1993" s="97"/>
      <c r="FL1993" s="126"/>
      <c r="FM1993" s="91"/>
      <c r="FN1993" s="91"/>
      <c r="FO1993" s="91"/>
      <c r="FP1993" s="91"/>
      <c r="FQ1993" s="91"/>
      <c r="FR1993" s="91"/>
      <c r="FS1993" s="91"/>
      <c r="FT1993" s="91"/>
      <c r="FU1993" s="91"/>
      <c r="FV1993" s="91"/>
      <c r="FW1993" s="91"/>
      <c r="FX1993" s="91"/>
      <c r="FY1993" s="91"/>
      <c r="FZ1993" s="91"/>
      <c r="GA1993" s="91"/>
      <c r="GB1993" s="91"/>
      <c r="GC1993" s="91"/>
      <c r="GD1993" s="91"/>
      <c r="GE1993" s="91"/>
      <c r="GF1993" s="91"/>
      <c r="GG1993" s="91"/>
      <c r="GH1993" s="91"/>
      <c r="GI1993" s="91"/>
      <c r="GJ1993" s="91"/>
      <c r="GK1993" s="127"/>
      <c r="GL1993" s="126"/>
      <c r="GM1993" s="91"/>
      <c r="GN1993" s="91"/>
      <c r="GO1993" s="91"/>
      <c r="GP1993" s="91"/>
      <c r="GQ1993" s="91"/>
      <c r="GR1993" s="91"/>
      <c r="GS1993" s="91"/>
      <c r="GT1993" s="91"/>
      <c r="GU1993" s="91"/>
      <c r="GV1993" s="91"/>
      <c r="GW1993" s="91"/>
      <c r="GX1993" s="91"/>
      <c r="GY1993" s="91"/>
      <c r="GZ1993" s="91"/>
      <c r="HA1993" s="91"/>
      <c r="HB1993" s="91"/>
      <c r="HC1993" s="91"/>
      <c r="HD1993" s="91"/>
      <c r="HE1993" s="91"/>
      <c r="HF1993" s="91"/>
      <c r="HG1993" s="91"/>
      <c r="HH1993" s="91"/>
      <c r="HI1993" s="91"/>
      <c r="HJ1993" s="91"/>
      <c r="HK1993" s="127"/>
      <c r="HL1993" s="126"/>
      <c r="HM1993" s="91"/>
      <c r="HN1993" s="91"/>
      <c r="HO1993" s="91"/>
      <c r="HP1993" s="91"/>
      <c r="HQ1993" s="91"/>
      <c r="HR1993" s="91"/>
      <c r="HS1993" s="91"/>
      <c r="HT1993" s="91"/>
      <c r="HU1993" s="91"/>
      <c r="HV1993" s="91"/>
      <c r="HW1993" s="91"/>
      <c r="HX1993" s="91"/>
      <c r="HY1993" s="91"/>
      <c r="HZ1993" s="91"/>
      <c r="IA1993" s="91"/>
      <c r="IB1993" s="91"/>
      <c r="IC1993" s="91"/>
      <c r="ID1993" s="91"/>
      <c r="IE1993" s="91"/>
      <c r="IF1993" s="91"/>
      <c r="IG1993" s="91"/>
      <c r="IH1993" s="91"/>
      <c r="II1993" s="91"/>
      <c r="IJ1993" s="91"/>
      <c r="IK1993" s="127"/>
    </row>
    <row r="1994" spans="2:245" x14ac:dyDescent="0.2">
      <c r="B1994" s="43"/>
      <c r="C1994" s="73"/>
      <c r="D1994" s="64"/>
      <c r="E1994" s="64"/>
      <c r="F1994" s="55"/>
      <c r="G1994" s="102"/>
      <c r="H1994" s="55"/>
      <c r="I1994" s="55"/>
      <c r="J1994" s="55"/>
      <c r="K1994" s="55"/>
      <c r="L1994" s="55"/>
      <c r="M1994" s="55"/>
      <c r="N1994" s="55"/>
      <c r="O1994" s="55"/>
      <c r="P1994" s="55"/>
      <c r="Q1994" s="55"/>
      <c r="R1994" s="55"/>
      <c r="S1994" s="55"/>
      <c r="T1994" s="55"/>
      <c r="U1994" s="55"/>
      <c r="V1994" s="55"/>
      <c r="W1994" s="55"/>
      <c r="X1994" s="55"/>
      <c r="Y1994" s="55"/>
      <c r="Z1994" s="55"/>
      <c r="AA1994" s="55"/>
      <c r="AB1994" s="55"/>
      <c r="AC1994" s="55"/>
      <c r="AD1994" s="55"/>
      <c r="AE1994" s="55"/>
      <c r="AF1994" s="55"/>
      <c r="AG1994" s="55"/>
      <c r="AY1994" s="162"/>
      <c r="AZ1994" s="162"/>
      <c r="BA1994" s="162"/>
      <c r="BB1994" s="162"/>
      <c r="BC1994" s="162"/>
      <c r="BD1994" s="162"/>
      <c r="BE1994" s="162"/>
      <c r="BF1994" s="162"/>
      <c r="BG1994" s="162"/>
      <c r="BH1994" s="162"/>
      <c r="BI1994" s="162"/>
      <c r="BJ1994" s="162"/>
      <c r="BK1994" s="162"/>
      <c r="BL1994" s="162"/>
      <c r="BM1994" s="162"/>
      <c r="BN1994" s="162"/>
      <c r="BO1994" s="162"/>
      <c r="BP1994" s="162"/>
      <c r="BQ1994" s="162"/>
      <c r="BR1994" s="162"/>
      <c r="BS1994" s="162"/>
      <c r="BT1994" s="162"/>
      <c r="BU1994" s="162"/>
      <c r="BV1994" s="162"/>
      <c r="BW1994" s="162"/>
      <c r="BX1994" s="162"/>
      <c r="BY1994" s="162"/>
      <c r="BZ1994" s="162"/>
      <c r="CA1994" s="162"/>
      <c r="CB1994" s="162"/>
      <c r="CC1994" s="162"/>
      <c r="CD1994" s="162"/>
      <c r="CE1994" s="162"/>
      <c r="CF1994" s="162"/>
      <c r="CG1994" s="162"/>
      <c r="CH1994" s="162"/>
      <c r="CI1994" s="162"/>
      <c r="CJ1994" s="162"/>
      <c r="CK1994" s="162"/>
      <c r="CX1994" s="98"/>
      <c r="DL1994" s="97"/>
      <c r="DX1994" s="98"/>
      <c r="EL1994" s="97"/>
      <c r="EX1994" s="98"/>
      <c r="EY1994" s="97"/>
      <c r="FL1994" s="126"/>
      <c r="FM1994" s="91"/>
      <c r="FN1994" s="91"/>
      <c r="FO1994" s="91"/>
      <c r="FP1994" s="91"/>
      <c r="FQ1994" s="91"/>
      <c r="FR1994" s="91"/>
      <c r="FS1994" s="91"/>
      <c r="FT1994" s="91"/>
      <c r="FU1994" s="91"/>
      <c r="FV1994" s="91"/>
      <c r="FW1994" s="91"/>
      <c r="FX1994" s="91"/>
      <c r="FY1994" s="91"/>
      <c r="FZ1994" s="91"/>
      <c r="GA1994" s="91"/>
      <c r="GB1994" s="91"/>
      <c r="GC1994" s="91"/>
      <c r="GD1994" s="91"/>
      <c r="GE1994" s="91"/>
      <c r="GF1994" s="91"/>
      <c r="GG1994" s="91"/>
      <c r="GH1994" s="91"/>
      <c r="GI1994" s="91"/>
      <c r="GJ1994" s="91"/>
      <c r="GK1994" s="127"/>
      <c r="GL1994" s="126"/>
      <c r="GM1994" s="91"/>
      <c r="GN1994" s="91"/>
      <c r="GO1994" s="91"/>
      <c r="GP1994" s="91"/>
      <c r="GQ1994" s="91"/>
      <c r="GR1994" s="91"/>
      <c r="GS1994" s="91"/>
      <c r="GT1994" s="91"/>
      <c r="GU1994" s="91"/>
      <c r="GV1994" s="91"/>
      <c r="GW1994" s="91"/>
      <c r="GX1994" s="91"/>
      <c r="GY1994" s="91"/>
      <c r="GZ1994" s="91"/>
      <c r="HA1994" s="91"/>
      <c r="HB1994" s="91"/>
      <c r="HC1994" s="91"/>
      <c r="HD1994" s="91"/>
      <c r="HE1994" s="91"/>
      <c r="HF1994" s="91"/>
      <c r="HG1994" s="91"/>
      <c r="HH1994" s="91"/>
      <c r="HI1994" s="91"/>
      <c r="HJ1994" s="91"/>
      <c r="HK1994" s="127"/>
      <c r="HL1994" s="126"/>
      <c r="HM1994" s="91"/>
      <c r="HN1994" s="91"/>
      <c r="HO1994" s="91"/>
      <c r="HP1994" s="91"/>
      <c r="HQ1994" s="91"/>
      <c r="HR1994" s="91"/>
      <c r="HS1994" s="91"/>
      <c r="HT1994" s="91"/>
      <c r="HU1994" s="91"/>
      <c r="HV1994" s="91"/>
      <c r="HW1994" s="91"/>
      <c r="HX1994" s="91"/>
      <c r="HY1994" s="91"/>
      <c r="HZ1994" s="91"/>
      <c r="IA1994" s="91"/>
      <c r="IB1994" s="91"/>
      <c r="IC1994" s="91"/>
      <c r="ID1994" s="91"/>
      <c r="IE1994" s="91"/>
      <c r="IF1994" s="91"/>
      <c r="IG1994" s="91"/>
      <c r="IH1994" s="91"/>
      <c r="II1994" s="91"/>
      <c r="IJ1994" s="91"/>
      <c r="IK1994" s="127"/>
    </row>
    <row r="1995" spans="2:245" x14ac:dyDescent="0.2">
      <c r="B1995" s="43"/>
      <c r="C1995" s="73"/>
      <c r="D1995" s="64"/>
      <c r="E1995" s="64"/>
      <c r="F1995" s="55"/>
      <c r="G1995" s="102"/>
      <c r="H1995" s="55"/>
      <c r="I1995" s="55"/>
      <c r="J1995" s="55"/>
      <c r="K1995" s="55"/>
      <c r="L1995" s="55"/>
      <c r="M1995" s="55"/>
      <c r="N1995" s="55"/>
      <c r="O1995" s="55"/>
      <c r="P1995" s="55"/>
      <c r="Q1995" s="55"/>
      <c r="R1995" s="55"/>
      <c r="S1995" s="55"/>
      <c r="T1995" s="55"/>
      <c r="U1995" s="55"/>
      <c r="V1995" s="55"/>
      <c r="W1995" s="55"/>
      <c r="X1995" s="55"/>
      <c r="Y1995" s="55"/>
      <c r="Z1995" s="55"/>
      <c r="AA1995" s="55"/>
      <c r="AB1995" s="55"/>
      <c r="AC1995" s="55"/>
      <c r="AD1995" s="55"/>
      <c r="AE1995" s="55"/>
      <c r="AF1995" s="55"/>
      <c r="AG1995" s="55"/>
      <c r="AY1995" s="162"/>
      <c r="AZ1995" s="162"/>
      <c r="BA1995" s="162"/>
      <c r="BB1995" s="162"/>
      <c r="BC1995" s="162"/>
      <c r="BD1995" s="162"/>
      <c r="BE1995" s="162"/>
      <c r="BF1995" s="162"/>
      <c r="BG1995" s="162"/>
      <c r="BH1995" s="162"/>
      <c r="BI1995" s="162"/>
      <c r="BJ1995" s="162"/>
      <c r="BK1995" s="162"/>
      <c r="BL1995" s="162"/>
      <c r="BM1995" s="162"/>
      <c r="BN1995" s="162"/>
      <c r="BO1995" s="162"/>
      <c r="BP1995" s="162"/>
      <c r="BQ1995" s="162"/>
      <c r="BR1995" s="162"/>
      <c r="BS1995" s="162"/>
      <c r="BT1995" s="162"/>
      <c r="BU1995" s="162"/>
      <c r="BV1995" s="162"/>
      <c r="BW1995" s="162"/>
      <c r="BX1995" s="162"/>
      <c r="BY1995" s="162"/>
      <c r="BZ1995" s="162"/>
      <c r="CA1995" s="162"/>
      <c r="CB1995" s="162"/>
      <c r="CC1995" s="162"/>
      <c r="CD1995" s="162"/>
      <c r="CE1995" s="162"/>
      <c r="CF1995" s="162"/>
      <c r="CG1995" s="162"/>
      <c r="CH1995" s="162"/>
      <c r="CI1995" s="162"/>
      <c r="CJ1995" s="162"/>
      <c r="CK1995" s="162"/>
      <c r="CX1995" s="98"/>
      <c r="DL1995" s="97"/>
      <c r="DX1995" s="98"/>
      <c r="EL1995" s="97"/>
      <c r="EX1995" s="98"/>
      <c r="EY1995" s="97"/>
      <c r="FL1995" s="126"/>
      <c r="FM1995" s="91"/>
      <c r="FN1995" s="91"/>
      <c r="FO1995" s="91"/>
      <c r="FP1995" s="91"/>
      <c r="FQ1995" s="91"/>
      <c r="FR1995" s="91"/>
      <c r="FS1995" s="91"/>
      <c r="FT1995" s="91"/>
      <c r="FU1995" s="91"/>
      <c r="FV1995" s="91"/>
      <c r="FW1995" s="91"/>
      <c r="FX1995" s="91"/>
      <c r="FY1995" s="91"/>
      <c r="FZ1995" s="91"/>
      <c r="GA1995" s="91"/>
      <c r="GB1995" s="91"/>
      <c r="GC1995" s="91"/>
      <c r="GD1995" s="91"/>
      <c r="GE1995" s="91"/>
      <c r="GF1995" s="91"/>
      <c r="GG1995" s="91"/>
      <c r="GH1995" s="91"/>
      <c r="GI1995" s="91"/>
      <c r="GJ1995" s="91"/>
      <c r="GK1995" s="127"/>
      <c r="GL1995" s="126"/>
      <c r="GM1995" s="91"/>
      <c r="GN1995" s="91"/>
      <c r="GO1995" s="91"/>
      <c r="GP1995" s="91"/>
      <c r="GQ1995" s="91"/>
      <c r="GR1995" s="91"/>
      <c r="GS1995" s="91"/>
      <c r="GT1995" s="91"/>
      <c r="GU1995" s="91"/>
      <c r="GV1995" s="91"/>
      <c r="GW1995" s="91"/>
      <c r="GX1995" s="91"/>
      <c r="GY1995" s="91"/>
      <c r="GZ1995" s="91"/>
      <c r="HA1995" s="91"/>
      <c r="HB1995" s="91"/>
      <c r="HC1995" s="91"/>
      <c r="HD1995" s="91"/>
      <c r="HE1995" s="91"/>
      <c r="HF1995" s="91"/>
      <c r="HG1995" s="91"/>
      <c r="HH1995" s="91"/>
      <c r="HI1995" s="91"/>
      <c r="HJ1995" s="91"/>
      <c r="HK1995" s="127"/>
      <c r="HL1995" s="126"/>
      <c r="HM1995" s="91"/>
      <c r="HN1995" s="91"/>
      <c r="HO1995" s="91"/>
      <c r="HP1995" s="91"/>
      <c r="HQ1995" s="91"/>
      <c r="HR1995" s="91"/>
      <c r="HS1995" s="91"/>
      <c r="HT1995" s="91"/>
      <c r="HU1995" s="91"/>
      <c r="HV1995" s="91"/>
      <c r="HW1995" s="91"/>
      <c r="HX1995" s="91"/>
      <c r="HY1995" s="91"/>
      <c r="HZ1995" s="91"/>
      <c r="IA1995" s="91"/>
      <c r="IB1995" s="91"/>
      <c r="IC1995" s="91"/>
      <c r="ID1995" s="91"/>
      <c r="IE1995" s="91"/>
      <c r="IF1995" s="91"/>
      <c r="IG1995" s="91"/>
      <c r="IH1995" s="91"/>
      <c r="II1995" s="91"/>
      <c r="IJ1995" s="91"/>
      <c r="IK1995" s="127"/>
    </row>
    <row r="1996" spans="2:245" x14ac:dyDescent="0.2">
      <c r="B1996" s="43"/>
      <c r="C1996" s="73"/>
      <c r="D1996" s="64"/>
      <c r="E1996" s="64"/>
      <c r="F1996" s="55"/>
      <c r="G1996" s="102"/>
      <c r="H1996" s="55"/>
      <c r="I1996" s="55"/>
      <c r="J1996" s="55"/>
      <c r="K1996" s="55"/>
      <c r="L1996" s="55"/>
      <c r="M1996" s="55"/>
      <c r="N1996" s="55"/>
      <c r="O1996" s="55"/>
      <c r="P1996" s="55"/>
      <c r="Q1996" s="55"/>
      <c r="R1996" s="55"/>
      <c r="S1996" s="55"/>
      <c r="T1996" s="55"/>
      <c r="U1996" s="55"/>
      <c r="V1996" s="55"/>
      <c r="W1996" s="55"/>
      <c r="X1996" s="55"/>
      <c r="Y1996" s="55"/>
      <c r="Z1996" s="55"/>
      <c r="AA1996" s="55"/>
      <c r="AB1996" s="55"/>
      <c r="AC1996" s="55"/>
      <c r="AD1996" s="55"/>
      <c r="AE1996" s="55"/>
      <c r="AF1996" s="55"/>
      <c r="AG1996" s="55"/>
      <c r="AY1996" s="162"/>
      <c r="AZ1996" s="162"/>
      <c r="BA1996" s="162"/>
      <c r="BB1996" s="162"/>
      <c r="BC1996" s="162"/>
      <c r="BD1996" s="162"/>
      <c r="BE1996" s="162"/>
      <c r="BF1996" s="162"/>
      <c r="BG1996" s="162"/>
      <c r="BH1996" s="162"/>
      <c r="BI1996" s="162"/>
      <c r="BJ1996" s="162"/>
      <c r="BK1996" s="162"/>
      <c r="BL1996" s="162"/>
      <c r="BM1996" s="162"/>
      <c r="BN1996" s="162"/>
      <c r="BO1996" s="162"/>
      <c r="BP1996" s="162"/>
      <c r="BQ1996" s="162"/>
      <c r="BR1996" s="162"/>
      <c r="BS1996" s="162"/>
      <c r="BT1996" s="162"/>
      <c r="BU1996" s="162"/>
      <c r="BV1996" s="162"/>
      <c r="BW1996" s="162"/>
      <c r="BX1996" s="162"/>
      <c r="BY1996" s="162"/>
      <c r="BZ1996" s="162"/>
      <c r="CA1996" s="162"/>
      <c r="CB1996" s="162"/>
      <c r="CC1996" s="162"/>
      <c r="CD1996" s="162"/>
      <c r="CE1996" s="162"/>
      <c r="CF1996" s="162"/>
      <c r="CG1996" s="162"/>
      <c r="CH1996" s="162"/>
      <c r="CI1996" s="162"/>
      <c r="CJ1996" s="162"/>
      <c r="CK1996" s="162"/>
      <c r="CX1996" s="98"/>
      <c r="DL1996" s="97"/>
      <c r="DX1996" s="98"/>
      <c r="EL1996" s="97"/>
      <c r="EX1996" s="98"/>
      <c r="EY1996" s="97"/>
      <c r="FL1996" s="126"/>
      <c r="FM1996" s="91"/>
      <c r="FN1996" s="91"/>
      <c r="FO1996" s="91"/>
      <c r="FP1996" s="91"/>
      <c r="FQ1996" s="91"/>
      <c r="FR1996" s="91"/>
      <c r="FS1996" s="91"/>
      <c r="FT1996" s="91"/>
      <c r="FU1996" s="91"/>
      <c r="FV1996" s="91"/>
      <c r="FW1996" s="91"/>
      <c r="FX1996" s="91"/>
      <c r="FY1996" s="91"/>
      <c r="FZ1996" s="91"/>
      <c r="GA1996" s="91"/>
      <c r="GB1996" s="91"/>
      <c r="GC1996" s="91"/>
      <c r="GD1996" s="91"/>
      <c r="GE1996" s="91"/>
      <c r="GF1996" s="91"/>
      <c r="GG1996" s="91"/>
      <c r="GH1996" s="91"/>
      <c r="GI1996" s="91"/>
      <c r="GJ1996" s="91"/>
      <c r="GK1996" s="127"/>
      <c r="GL1996" s="126"/>
      <c r="GM1996" s="91"/>
      <c r="GN1996" s="91"/>
      <c r="GO1996" s="91"/>
      <c r="GP1996" s="91"/>
      <c r="GQ1996" s="91"/>
      <c r="GR1996" s="91"/>
      <c r="GS1996" s="91"/>
      <c r="GT1996" s="91"/>
      <c r="GU1996" s="91"/>
      <c r="GV1996" s="91"/>
      <c r="GW1996" s="91"/>
      <c r="GX1996" s="91"/>
      <c r="GY1996" s="91"/>
      <c r="GZ1996" s="91"/>
      <c r="HA1996" s="91"/>
      <c r="HB1996" s="91"/>
      <c r="HC1996" s="91"/>
      <c r="HD1996" s="91"/>
      <c r="HE1996" s="91"/>
      <c r="HF1996" s="91"/>
      <c r="HG1996" s="91"/>
      <c r="HH1996" s="91"/>
      <c r="HI1996" s="91"/>
      <c r="HJ1996" s="91"/>
      <c r="HK1996" s="127"/>
      <c r="HL1996" s="126"/>
      <c r="HM1996" s="91"/>
      <c r="HN1996" s="91"/>
      <c r="HO1996" s="91"/>
      <c r="HP1996" s="91"/>
      <c r="HQ1996" s="91"/>
      <c r="HR1996" s="91"/>
      <c r="HS1996" s="91"/>
      <c r="HT1996" s="91"/>
      <c r="HU1996" s="91"/>
      <c r="HV1996" s="91"/>
      <c r="HW1996" s="91"/>
      <c r="HX1996" s="91"/>
      <c r="HY1996" s="91"/>
      <c r="HZ1996" s="91"/>
      <c r="IA1996" s="91"/>
      <c r="IB1996" s="91"/>
      <c r="IC1996" s="91"/>
      <c r="ID1996" s="91"/>
      <c r="IE1996" s="91"/>
      <c r="IF1996" s="91"/>
      <c r="IG1996" s="91"/>
      <c r="IH1996" s="91"/>
      <c r="II1996" s="91"/>
      <c r="IJ1996" s="91"/>
      <c r="IK1996" s="127"/>
    </row>
    <row r="1997" spans="2:245" x14ac:dyDescent="0.2">
      <c r="B1997" s="43"/>
      <c r="C1997" s="73"/>
      <c r="D1997" s="64"/>
      <c r="E1997" s="64"/>
      <c r="F1997" s="55"/>
      <c r="G1997" s="102"/>
      <c r="H1997" s="55"/>
      <c r="I1997" s="55"/>
      <c r="J1997" s="55"/>
      <c r="K1997" s="55"/>
      <c r="L1997" s="55"/>
      <c r="M1997" s="55"/>
      <c r="N1997" s="55"/>
      <c r="O1997" s="55"/>
      <c r="P1997" s="55"/>
      <c r="Q1997" s="55"/>
      <c r="R1997" s="55"/>
      <c r="S1997" s="55"/>
      <c r="T1997" s="55"/>
      <c r="U1997" s="55"/>
      <c r="V1997" s="55"/>
      <c r="W1997" s="55"/>
      <c r="X1997" s="55"/>
      <c r="Y1997" s="55"/>
      <c r="Z1997" s="55"/>
      <c r="AA1997" s="55"/>
      <c r="AB1997" s="55"/>
      <c r="AC1997" s="55"/>
      <c r="AD1997" s="55"/>
      <c r="AE1997" s="55"/>
      <c r="AF1997" s="55"/>
      <c r="AG1997" s="55"/>
      <c r="AY1997" s="162"/>
      <c r="AZ1997" s="162"/>
      <c r="BA1997" s="162"/>
      <c r="BB1997" s="162"/>
      <c r="BC1997" s="162"/>
      <c r="BD1997" s="162"/>
      <c r="BE1997" s="162"/>
      <c r="BF1997" s="162"/>
      <c r="BG1997" s="162"/>
      <c r="BH1997" s="162"/>
      <c r="BI1997" s="162"/>
      <c r="BJ1997" s="162"/>
      <c r="BK1997" s="162"/>
      <c r="BL1997" s="162"/>
      <c r="BM1997" s="162"/>
      <c r="BN1997" s="162"/>
      <c r="BO1997" s="162"/>
      <c r="BP1997" s="162"/>
      <c r="BQ1997" s="162"/>
      <c r="BR1997" s="162"/>
      <c r="BS1997" s="162"/>
      <c r="BT1997" s="162"/>
      <c r="BU1997" s="162"/>
      <c r="BV1997" s="162"/>
      <c r="BW1997" s="162"/>
      <c r="BX1997" s="162"/>
      <c r="BY1997" s="162"/>
      <c r="BZ1997" s="162"/>
      <c r="CA1997" s="162"/>
      <c r="CB1997" s="162"/>
      <c r="CC1997" s="162"/>
      <c r="CD1997" s="162"/>
      <c r="CE1997" s="162"/>
      <c r="CF1997" s="162"/>
      <c r="CG1997" s="162"/>
      <c r="CH1997" s="162"/>
      <c r="CI1997" s="162"/>
      <c r="CJ1997" s="162"/>
      <c r="CK1997" s="162"/>
      <c r="CX1997" s="98"/>
      <c r="DL1997" s="97"/>
      <c r="DX1997" s="98"/>
      <c r="EL1997" s="97"/>
      <c r="EX1997" s="98"/>
      <c r="EY1997" s="97"/>
      <c r="FL1997" s="126"/>
      <c r="FM1997" s="91"/>
      <c r="FN1997" s="91"/>
      <c r="FO1997" s="91"/>
      <c r="FP1997" s="91"/>
      <c r="FQ1997" s="91"/>
      <c r="FR1997" s="91"/>
      <c r="FS1997" s="91"/>
      <c r="FT1997" s="91"/>
      <c r="FU1997" s="91"/>
      <c r="FV1997" s="91"/>
      <c r="FW1997" s="91"/>
      <c r="FX1997" s="91"/>
      <c r="FY1997" s="91"/>
      <c r="FZ1997" s="91"/>
      <c r="GA1997" s="91"/>
      <c r="GB1997" s="91"/>
      <c r="GC1997" s="91"/>
      <c r="GD1997" s="91"/>
      <c r="GE1997" s="91"/>
      <c r="GF1997" s="91"/>
      <c r="GG1997" s="91"/>
      <c r="GH1997" s="91"/>
      <c r="GI1997" s="91"/>
      <c r="GJ1997" s="91"/>
      <c r="GK1997" s="127"/>
      <c r="GL1997" s="126"/>
      <c r="GM1997" s="91"/>
      <c r="GN1997" s="91"/>
      <c r="GO1997" s="91"/>
      <c r="GP1997" s="91"/>
      <c r="GQ1997" s="91"/>
      <c r="GR1997" s="91"/>
      <c r="GS1997" s="91"/>
      <c r="GT1997" s="91"/>
      <c r="GU1997" s="91"/>
      <c r="GV1997" s="91"/>
      <c r="GW1997" s="91"/>
      <c r="GX1997" s="91"/>
      <c r="GY1997" s="91"/>
      <c r="GZ1997" s="91"/>
      <c r="HA1997" s="91"/>
      <c r="HB1997" s="91"/>
      <c r="HC1997" s="91"/>
      <c r="HD1997" s="91"/>
      <c r="HE1997" s="91"/>
      <c r="HF1997" s="91"/>
      <c r="HG1997" s="91"/>
      <c r="HH1997" s="91"/>
      <c r="HI1997" s="91"/>
      <c r="HJ1997" s="91"/>
      <c r="HK1997" s="127"/>
      <c r="HL1997" s="126"/>
      <c r="HM1997" s="91"/>
      <c r="HN1997" s="91"/>
      <c r="HO1997" s="91"/>
      <c r="HP1997" s="91"/>
      <c r="HQ1997" s="91"/>
      <c r="HR1997" s="91"/>
      <c r="HS1997" s="91"/>
      <c r="HT1997" s="91"/>
      <c r="HU1997" s="91"/>
      <c r="HV1997" s="91"/>
      <c r="HW1997" s="91"/>
      <c r="HX1997" s="91"/>
      <c r="HY1997" s="91"/>
      <c r="HZ1997" s="91"/>
      <c r="IA1997" s="91"/>
      <c r="IB1997" s="91"/>
      <c r="IC1997" s="91"/>
      <c r="ID1997" s="91"/>
      <c r="IE1997" s="91"/>
      <c r="IF1997" s="91"/>
      <c r="IG1997" s="91"/>
      <c r="IH1997" s="91"/>
      <c r="II1997" s="91"/>
      <c r="IJ1997" s="91"/>
      <c r="IK1997" s="127"/>
    </row>
    <row r="1998" spans="2:245" x14ac:dyDescent="0.2">
      <c r="B1998" s="43"/>
      <c r="C1998" s="73"/>
      <c r="D1998" s="64"/>
      <c r="E1998" s="64"/>
      <c r="F1998" s="55"/>
      <c r="G1998" s="102"/>
      <c r="H1998" s="55"/>
      <c r="I1998" s="55"/>
      <c r="J1998" s="55"/>
      <c r="K1998" s="55"/>
      <c r="L1998" s="55"/>
      <c r="M1998" s="55"/>
      <c r="N1998" s="55"/>
      <c r="O1998" s="55"/>
      <c r="P1998" s="55"/>
      <c r="Q1998" s="55"/>
      <c r="R1998" s="55"/>
      <c r="S1998" s="55"/>
      <c r="T1998" s="55"/>
      <c r="U1998" s="55"/>
      <c r="V1998" s="55"/>
      <c r="W1998" s="55"/>
      <c r="X1998" s="55"/>
      <c r="Y1998" s="55"/>
      <c r="Z1998" s="55"/>
      <c r="AA1998" s="55"/>
      <c r="AB1998" s="55"/>
      <c r="AC1998" s="55"/>
      <c r="AD1998" s="55"/>
      <c r="AE1998" s="55"/>
      <c r="AF1998" s="55"/>
      <c r="AG1998" s="55"/>
      <c r="AY1998" s="162"/>
      <c r="AZ1998" s="162"/>
      <c r="BA1998" s="162"/>
      <c r="BB1998" s="162"/>
      <c r="BC1998" s="162"/>
      <c r="BD1998" s="162"/>
      <c r="BE1998" s="162"/>
      <c r="BF1998" s="162"/>
      <c r="BG1998" s="162"/>
      <c r="BH1998" s="162"/>
      <c r="BI1998" s="162"/>
      <c r="BJ1998" s="162"/>
      <c r="BK1998" s="162"/>
      <c r="BL1998" s="162"/>
      <c r="BM1998" s="162"/>
      <c r="BN1998" s="162"/>
      <c r="BO1998" s="162"/>
      <c r="BP1998" s="162"/>
      <c r="BQ1998" s="162"/>
      <c r="BR1998" s="162"/>
      <c r="BS1998" s="162"/>
      <c r="BT1998" s="162"/>
      <c r="BU1998" s="162"/>
      <c r="BV1998" s="162"/>
      <c r="BW1998" s="162"/>
      <c r="BX1998" s="162"/>
      <c r="BY1998" s="162"/>
      <c r="BZ1998" s="162"/>
      <c r="CA1998" s="162"/>
      <c r="CB1998" s="162"/>
      <c r="CC1998" s="162"/>
      <c r="CD1998" s="162"/>
      <c r="CE1998" s="162"/>
      <c r="CF1998" s="162"/>
      <c r="CG1998" s="162"/>
      <c r="CH1998" s="162"/>
      <c r="CI1998" s="162"/>
      <c r="CJ1998" s="162"/>
      <c r="CK1998" s="162"/>
      <c r="CX1998" s="98"/>
      <c r="DL1998" s="97"/>
      <c r="DX1998" s="98"/>
      <c r="EL1998" s="97"/>
      <c r="EX1998" s="98"/>
      <c r="EY1998" s="97"/>
      <c r="FL1998" s="126"/>
      <c r="FM1998" s="91"/>
      <c r="FN1998" s="91"/>
      <c r="FO1998" s="91"/>
      <c r="FP1998" s="91"/>
      <c r="FQ1998" s="91"/>
      <c r="FR1998" s="91"/>
      <c r="FS1998" s="91"/>
      <c r="FT1998" s="91"/>
      <c r="FU1998" s="91"/>
      <c r="FV1998" s="91"/>
      <c r="FW1998" s="91"/>
      <c r="FX1998" s="91"/>
      <c r="FY1998" s="91"/>
      <c r="FZ1998" s="91"/>
      <c r="GA1998" s="91"/>
      <c r="GB1998" s="91"/>
      <c r="GC1998" s="91"/>
      <c r="GD1998" s="91"/>
      <c r="GE1998" s="91"/>
      <c r="GF1998" s="91"/>
      <c r="GG1998" s="91"/>
      <c r="GH1998" s="91"/>
      <c r="GI1998" s="91"/>
      <c r="GJ1998" s="91"/>
      <c r="GK1998" s="127"/>
      <c r="GL1998" s="126"/>
      <c r="GM1998" s="91"/>
      <c r="GN1998" s="91"/>
      <c r="GO1998" s="91"/>
      <c r="GP1998" s="91"/>
      <c r="GQ1998" s="91"/>
      <c r="GR1998" s="91"/>
      <c r="GS1998" s="91"/>
      <c r="GT1998" s="91"/>
      <c r="GU1998" s="91"/>
      <c r="GV1998" s="91"/>
      <c r="GW1998" s="91"/>
      <c r="GX1998" s="91"/>
      <c r="GY1998" s="91"/>
      <c r="GZ1998" s="91"/>
      <c r="HA1998" s="91"/>
      <c r="HB1998" s="91"/>
      <c r="HC1998" s="91"/>
      <c r="HD1998" s="91"/>
      <c r="HE1998" s="91"/>
      <c r="HF1998" s="91"/>
      <c r="HG1998" s="91"/>
      <c r="HH1998" s="91"/>
      <c r="HI1998" s="91"/>
      <c r="HJ1998" s="91"/>
      <c r="HK1998" s="127"/>
      <c r="HL1998" s="126"/>
      <c r="HM1998" s="91"/>
      <c r="HN1998" s="91"/>
      <c r="HO1998" s="91"/>
      <c r="HP1998" s="91"/>
      <c r="HQ1998" s="91"/>
      <c r="HR1998" s="91"/>
      <c r="HS1998" s="91"/>
      <c r="HT1998" s="91"/>
      <c r="HU1998" s="91"/>
      <c r="HV1998" s="91"/>
      <c r="HW1998" s="91"/>
      <c r="HX1998" s="91"/>
      <c r="HY1998" s="91"/>
      <c r="HZ1998" s="91"/>
      <c r="IA1998" s="91"/>
      <c r="IB1998" s="91"/>
      <c r="IC1998" s="91"/>
      <c r="ID1998" s="91"/>
      <c r="IE1998" s="91"/>
      <c r="IF1998" s="91"/>
      <c r="IG1998" s="91"/>
      <c r="IH1998" s="91"/>
      <c r="II1998" s="91"/>
      <c r="IJ1998" s="91"/>
      <c r="IK1998" s="127"/>
    </row>
    <row r="1999" spans="2:245" x14ac:dyDescent="0.2">
      <c r="B1999" s="43"/>
      <c r="C1999" s="73"/>
      <c r="D1999" s="64"/>
      <c r="E1999" s="64"/>
      <c r="F1999" s="55"/>
      <c r="G1999" s="102"/>
      <c r="H1999" s="55"/>
      <c r="I1999" s="55"/>
      <c r="J1999" s="55"/>
      <c r="K1999" s="55"/>
      <c r="L1999" s="55"/>
      <c r="M1999" s="55"/>
      <c r="N1999" s="55"/>
      <c r="O1999" s="55"/>
      <c r="P1999" s="55"/>
      <c r="Q1999" s="55"/>
      <c r="R1999" s="55"/>
      <c r="S1999" s="55"/>
      <c r="T1999" s="55"/>
      <c r="U1999" s="55"/>
      <c r="V1999" s="55"/>
      <c r="W1999" s="55"/>
      <c r="X1999" s="55"/>
      <c r="Y1999" s="55"/>
      <c r="Z1999" s="55"/>
      <c r="AA1999" s="55"/>
      <c r="AB1999" s="55"/>
      <c r="AC1999" s="55"/>
      <c r="AD1999" s="55"/>
      <c r="AE1999" s="55"/>
      <c r="AF1999" s="55"/>
      <c r="AG1999" s="55"/>
      <c r="AY1999" s="162"/>
      <c r="AZ1999" s="162"/>
      <c r="BA1999" s="162"/>
      <c r="BB1999" s="162"/>
      <c r="BC1999" s="162"/>
      <c r="BD1999" s="162"/>
      <c r="BE1999" s="162"/>
      <c r="BF1999" s="162"/>
      <c r="BG1999" s="162"/>
      <c r="BH1999" s="162"/>
      <c r="BI1999" s="162"/>
      <c r="BJ1999" s="162"/>
      <c r="BK1999" s="162"/>
      <c r="BL1999" s="162"/>
      <c r="BM1999" s="162"/>
      <c r="BN1999" s="162"/>
      <c r="BO1999" s="162"/>
      <c r="BP1999" s="162"/>
      <c r="BQ1999" s="162"/>
      <c r="BR1999" s="162"/>
      <c r="BS1999" s="162"/>
      <c r="BT1999" s="162"/>
      <c r="BU1999" s="162"/>
      <c r="BV1999" s="162"/>
      <c r="BW1999" s="162"/>
      <c r="BX1999" s="162"/>
      <c r="BY1999" s="162"/>
      <c r="BZ1999" s="162"/>
      <c r="CA1999" s="162"/>
      <c r="CB1999" s="162"/>
      <c r="CC1999" s="162"/>
      <c r="CD1999" s="162"/>
      <c r="CE1999" s="162"/>
      <c r="CF1999" s="162"/>
      <c r="CG1999" s="162"/>
      <c r="CH1999" s="162"/>
      <c r="CI1999" s="162"/>
      <c r="CJ1999" s="162"/>
      <c r="CK1999" s="162"/>
      <c r="CX1999" s="98"/>
      <c r="DL1999" s="97"/>
      <c r="DX1999" s="98"/>
      <c r="EL1999" s="97"/>
      <c r="EX1999" s="98"/>
      <c r="EY1999" s="97"/>
      <c r="FL1999" s="126"/>
      <c r="FM1999" s="91"/>
      <c r="FN1999" s="91"/>
      <c r="FO1999" s="91"/>
      <c r="FP1999" s="91"/>
      <c r="FQ1999" s="91"/>
      <c r="FR1999" s="91"/>
      <c r="FS1999" s="91"/>
      <c r="FT1999" s="91"/>
      <c r="FU1999" s="91"/>
      <c r="FV1999" s="91"/>
      <c r="FW1999" s="91"/>
      <c r="FX1999" s="91"/>
      <c r="FY1999" s="91"/>
      <c r="FZ1999" s="91"/>
      <c r="GA1999" s="91"/>
      <c r="GB1999" s="91"/>
      <c r="GC1999" s="91"/>
      <c r="GD1999" s="91"/>
      <c r="GE1999" s="91"/>
      <c r="GF1999" s="91"/>
      <c r="GG1999" s="91"/>
      <c r="GH1999" s="91"/>
      <c r="GI1999" s="91"/>
      <c r="GJ1999" s="91"/>
      <c r="GK1999" s="127"/>
      <c r="GL1999" s="126"/>
      <c r="GM1999" s="91"/>
      <c r="GN1999" s="91"/>
      <c r="GO1999" s="91"/>
      <c r="GP1999" s="91"/>
      <c r="GQ1999" s="91"/>
      <c r="GR1999" s="91"/>
      <c r="GS1999" s="91"/>
      <c r="GT1999" s="91"/>
      <c r="GU1999" s="91"/>
      <c r="GV1999" s="91"/>
      <c r="GW1999" s="91"/>
      <c r="GX1999" s="91"/>
      <c r="GY1999" s="91"/>
      <c r="GZ1999" s="91"/>
      <c r="HA1999" s="91"/>
      <c r="HB1999" s="91"/>
      <c r="HC1999" s="91"/>
      <c r="HD1999" s="91"/>
      <c r="HE1999" s="91"/>
      <c r="HF1999" s="91"/>
      <c r="HG1999" s="91"/>
      <c r="HH1999" s="91"/>
      <c r="HI1999" s="91"/>
      <c r="HJ1999" s="91"/>
      <c r="HK1999" s="127"/>
      <c r="HL1999" s="126"/>
      <c r="HM1999" s="91"/>
      <c r="HN1999" s="91"/>
      <c r="HO1999" s="91"/>
      <c r="HP1999" s="91"/>
      <c r="HQ1999" s="91"/>
      <c r="HR1999" s="91"/>
      <c r="HS1999" s="91"/>
      <c r="HT1999" s="91"/>
      <c r="HU1999" s="91"/>
      <c r="HV1999" s="91"/>
      <c r="HW1999" s="91"/>
      <c r="HX1999" s="91"/>
      <c r="HY1999" s="91"/>
      <c r="HZ1999" s="91"/>
      <c r="IA1999" s="91"/>
      <c r="IB1999" s="91"/>
      <c r="IC1999" s="91"/>
      <c r="ID1999" s="91"/>
      <c r="IE1999" s="91"/>
      <c r="IF1999" s="91"/>
      <c r="IG1999" s="91"/>
      <c r="IH1999" s="91"/>
      <c r="II1999" s="91"/>
      <c r="IJ1999" s="91"/>
      <c r="IK1999" s="127"/>
    </row>
    <row r="2000" spans="2:245" x14ac:dyDescent="0.2">
      <c r="B2000" s="43"/>
      <c r="C2000" s="73"/>
      <c r="D2000" s="64"/>
      <c r="E2000" s="64"/>
      <c r="F2000" s="55"/>
      <c r="G2000" s="102"/>
      <c r="H2000" s="55"/>
      <c r="I2000" s="55"/>
      <c r="J2000" s="55"/>
      <c r="K2000" s="55"/>
      <c r="L2000" s="55"/>
      <c r="M2000" s="55"/>
      <c r="N2000" s="55"/>
      <c r="O2000" s="55"/>
      <c r="P2000" s="55"/>
      <c r="Q2000" s="55"/>
      <c r="R2000" s="55"/>
      <c r="S2000" s="55"/>
      <c r="T2000" s="55"/>
      <c r="U2000" s="55"/>
      <c r="V2000" s="55"/>
      <c r="W2000" s="55"/>
      <c r="X2000" s="55"/>
      <c r="Y2000" s="55"/>
      <c r="Z2000" s="55"/>
      <c r="AA2000" s="55"/>
      <c r="AB2000" s="55"/>
      <c r="AC2000" s="55"/>
      <c r="AD2000" s="55"/>
      <c r="AE2000" s="55"/>
      <c r="AF2000" s="55"/>
      <c r="AG2000" s="55"/>
      <c r="AY2000" s="162"/>
      <c r="AZ2000" s="162"/>
      <c r="BA2000" s="162"/>
      <c r="BB2000" s="162"/>
      <c r="BC2000" s="162"/>
      <c r="BD2000" s="162"/>
      <c r="BE2000" s="162"/>
      <c r="BF2000" s="162"/>
      <c r="BG2000" s="162"/>
      <c r="BH2000" s="162"/>
      <c r="BI2000" s="162"/>
      <c r="BJ2000" s="162"/>
      <c r="BK2000" s="162"/>
      <c r="BL2000" s="162"/>
      <c r="BM2000" s="162"/>
      <c r="BN2000" s="162"/>
      <c r="BO2000" s="162"/>
      <c r="BP2000" s="162"/>
      <c r="BQ2000" s="162"/>
      <c r="BR2000" s="162"/>
      <c r="BS2000" s="162"/>
      <c r="BT2000" s="162"/>
      <c r="BU2000" s="162"/>
      <c r="BV2000" s="162"/>
      <c r="BW2000" s="162"/>
      <c r="BX2000" s="162"/>
      <c r="BY2000" s="162"/>
      <c r="BZ2000" s="162"/>
      <c r="CA2000" s="162"/>
      <c r="CB2000" s="162"/>
      <c r="CC2000" s="162"/>
      <c r="CD2000" s="162"/>
      <c r="CE2000" s="162"/>
      <c r="CF2000" s="162"/>
      <c r="CG2000" s="162"/>
      <c r="CH2000" s="162"/>
      <c r="CI2000" s="162"/>
      <c r="CJ2000" s="162"/>
      <c r="CK2000" s="162"/>
      <c r="CX2000" s="98"/>
      <c r="DL2000" s="97"/>
      <c r="DX2000" s="98"/>
      <c r="EL2000" s="97"/>
      <c r="EX2000" s="98"/>
      <c r="EY2000" s="97"/>
      <c r="FL2000" s="126"/>
      <c r="FM2000" s="91"/>
      <c r="FN2000" s="91"/>
      <c r="FO2000" s="91"/>
      <c r="FP2000" s="91"/>
      <c r="FQ2000" s="91"/>
      <c r="FR2000" s="91"/>
      <c r="FS2000" s="91"/>
      <c r="FT2000" s="91"/>
      <c r="FU2000" s="91"/>
      <c r="FV2000" s="91"/>
      <c r="FW2000" s="91"/>
      <c r="FX2000" s="91"/>
      <c r="FY2000" s="91"/>
      <c r="FZ2000" s="91"/>
      <c r="GA2000" s="91"/>
      <c r="GB2000" s="91"/>
      <c r="GC2000" s="91"/>
      <c r="GD2000" s="91"/>
      <c r="GE2000" s="91"/>
      <c r="GF2000" s="91"/>
      <c r="GG2000" s="91"/>
      <c r="GH2000" s="91"/>
      <c r="GI2000" s="91"/>
      <c r="GJ2000" s="91"/>
      <c r="GK2000" s="127"/>
      <c r="GL2000" s="126"/>
      <c r="GM2000" s="91"/>
      <c r="GN2000" s="91"/>
      <c r="GO2000" s="91"/>
      <c r="GP2000" s="91"/>
      <c r="GQ2000" s="91"/>
      <c r="GR2000" s="91"/>
      <c r="GS2000" s="91"/>
      <c r="GT2000" s="91"/>
      <c r="GU2000" s="91"/>
      <c r="GV2000" s="91"/>
      <c r="GW2000" s="91"/>
      <c r="GX2000" s="91"/>
      <c r="GY2000" s="91"/>
      <c r="GZ2000" s="91"/>
      <c r="HA2000" s="91"/>
      <c r="HB2000" s="91"/>
      <c r="HC2000" s="91"/>
      <c r="HD2000" s="91"/>
      <c r="HE2000" s="91"/>
      <c r="HF2000" s="91"/>
      <c r="HG2000" s="91"/>
      <c r="HH2000" s="91"/>
      <c r="HI2000" s="91"/>
      <c r="HJ2000" s="91"/>
      <c r="HK2000" s="127"/>
      <c r="HL2000" s="126"/>
      <c r="HM2000" s="91"/>
      <c r="HN2000" s="91"/>
      <c r="HO2000" s="91"/>
      <c r="HP2000" s="91"/>
      <c r="HQ2000" s="91"/>
      <c r="HR2000" s="91"/>
      <c r="HS2000" s="91"/>
      <c r="HT2000" s="91"/>
      <c r="HU2000" s="91"/>
      <c r="HV2000" s="91"/>
      <c r="HW2000" s="91"/>
      <c r="HX2000" s="91"/>
      <c r="HY2000" s="91"/>
      <c r="HZ2000" s="91"/>
      <c r="IA2000" s="91"/>
      <c r="IB2000" s="91"/>
      <c r="IC2000" s="91"/>
      <c r="ID2000" s="91"/>
      <c r="IE2000" s="91"/>
      <c r="IF2000" s="91"/>
      <c r="IG2000" s="91"/>
      <c r="IH2000" s="91"/>
      <c r="II2000" s="91"/>
      <c r="IJ2000" s="91"/>
      <c r="IK2000" s="127"/>
    </row>
    <row r="2001" spans="2:245" x14ac:dyDescent="0.2">
      <c r="B2001" s="43"/>
      <c r="C2001" s="73"/>
      <c r="D2001" s="64"/>
      <c r="E2001" s="64"/>
      <c r="F2001" s="55"/>
      <c r="G2001" s="102"/>
      <c r="H2001" s="55"/>
      <c r="I2001" s="55"/>
      <c r="J2001" s="55"/>
      <c r="K2001" s="55"/>
      <c r="L2001" s="55"/>
      <c r="M2001" s="55"/>
      <c r="N2001" s="55"/>
      <c r="O2001" s="55"/>
      <c r="P2001" s="55"/>
      <c r="Q2001" s="55"/>
      <c r="R2001" s="55"/>
      <c r="S2001" s="55"/>
      <c r="T2001" s="55"/>
      <c r="U2001" s="55"/>
      <c r="V2001" s="55"/>
      <c r="W2001" s="55"/>
      <c r="X2001" s="55"/>
      <c r="Y2001" s="55"/>
      <c r="Z2001" s="55"/>
      <c r="AA2001" s="55"/>
      <c r="AB2001" s="55"/>
      <c r="AC2001" s="55"/>
      <c r="AD2001" s="55"/>
      <c r="AE2001" s="55"/>
      <c r="AF2001" s="55"/>
      <c r="AG2001" s="55"/>
      <c r="AY2001" s="162"/>
      <c r="AZ2001" s="162"/>
      <c r="BA2001" s="162"/>
      <c r="BB2001" s="162"/>
      <c r="BC2001" s="162"/>
      <c r="BD2001" s="162"/>
      <c r="BE2001" s="162"/>
      <c r="BF2001" s="162"/>
      <c r="BG2001" s="162"/>
      <c r="BH2001" s="162"/>
      <c r="BI2001" s="162"/>
      <c r="BJ2001" s="162"/>
      <c r="BK2001" s="162"/>
      <c r="BL2001" s="162"/>
      <c r="BM2001" s="162"/>
      <c r="BN2001" s="162"/>
      <c r="BO2001" s="162"/>
      <c r="BP2001" s="162"/>
      <c r="BQ2001" s="162"/>
      <c r="BR2001" s="162"/>
      <c r="BS2001" s="162"/>
      <c r="BT2001" s="162"/>
      <c r="BU2001" s="162"/>
      <c r="BV2001" s="162"/>
      <c r="BW2001" s="162"/>
      <c r="BX2001" s="162"/>
      <c r="BY2001" s="162"/>
      <c r="BZ2001" s="162"/>
      <c r="CA2001" s="162"/>
      <c r="CB2001" s="162"/>
      <c r="CC2001" s="162"/>
      <c r="CD2001" s="162"/>
      <c r="CE2001" s="162"/>
      <c r="CF2001" s="162"/>
      <c r="CG2001" s="162"/>
      <c r="CH2001" s="162"/>
      <c r="CI2001" s="162"/>
      <c r="CJ2001" s="162"/>
      <c r="CK2001" s="162"/>
      <c r="CX2001" s="98"/>
      <c r="DL2001" s="97"/>
      <c r="DX2001" s="98"/>
      <c r="EL2001" s="97"/>
      <c r="EX2001" s="98"/>
      <c r="EY2001" s="97"/>
      <c r="FL2001" s="126"/>
      <c r="FM2001" s="91"/>
      <c r="FN2001" s="91"/>
      <c r="FO2001" s="91"/>
      <c r="FP2001" s="91"/>
      <c r="FQ2001" s="91"/>
      <c r="FR2001" s="91"/>
      <c r="FS2001" s="91"/>
      <c r="FT2001" s="91"/>
      <c r="FU2001" s="91"/>
      <c r="FV2001" s="91"/>
      <c r="FW2001" s="91"/>
      <c r="FX2001" s="91"/>
      <c r="FY2001" s="91"/>
      <c r="FZ2001" s="91"/>
      <c r="GA2001" s="91"/>
      <c r="GB2001" s="91"/>
      <c r="GC2001" s="91"/>
      <c r="GD2001" s="91"/>
      <c r="GE2001" s="91"/>
      <c r="GF2001" s="91"/>
      <c r="GG2001" s="91"/>
      <c r="GH2001" s="91"/>
      <c r="GI2001" s="91"/>
      <c r="GJ2001" s="91"/>
      <c r="GK2001" s="127"/>
      <c r="GL2001" s="126"/>
      <c r="GM2001" s="91"/>
      <c r="GN2001" s="91"/>
      <c r="GO2001" s="91"/>
      <c r="GP2001" s="91"/>
      <c r="GQ2001" s="91"/>
      <c r="GR2001" s="91"/>
      <c r="GS2001" s="91"/>
      <c r="GT2001" s="91"/>
      <c r="GU2001" s="91"/>
      <c r="GV2001" s="91"/>
      <c r="GW2001" s="91"/>
      <c r="GX2001" s="91"/>
      <c r="GY2001" s="91"/>
      <c r="GZ2001" s="91"/>
      <c r="HA2001" s="91"/>
      <c r="HB2001" s="91"/>
      <c r="HC2001" s="91"/>
      <c r="HD2001" s="91"/>
      <c r="HE2001" s="91"/>
      <c r="HF2001" s="91"/>
      <c r="HG2001" s="91"/>
      <c r="HH2001" s="91"/>
      <c r="HI2001" s="91"/>
      <c r="HJ2001" s="91"/>
      <c r="HK2001" s="127"/>
      <c r="HL2001" s="126"/>
      <c r="HM2001" s="91"/>
      <c r="HN2001" s="91"/>
      <c r="HO2001" s="91"/>
      <c r="HP2001" s="91"/>
      <c r="HQ2001" s="91"/>
      <c r="HR2001" s="91"/>
      <c r="HS2001" s="91"/>
      <c r="HT2001" s="91"/>
      <c r="HU2001" s="91"/>
      <c r="HV2001" s="91"/>
      <c r="HW2001" s="91"/>
      <c r="HX2001" s="91"/>
      <c r="HY2001" s="91"/>
      <c r="HZ2001" s="91"/>
      <c r="IA2001" s="91"/>
      <c r="IB2001" s="91"/>
      <c r="IC2001" s="91"/>
      <c r="ID2001" s="91"/>
      <c r="IE2001" s="91"/>
      <c r="IF2001" s="91"/>
      <c r="IG2001" s="91"/>
      <c r="IH2001" s="91"/>
      <c r="II2001" s="91"/>
      <c r="IJ2001" s="91"/>
      <c r="IK2001" s="127"/>
    </row>
    <row r="2002" spans="2:245" x14ac:dyDescent="0.2">
      <c r="B2002" s="43"/>
      <c r="C2002" s="73"/>
      <c r="D2002" s="64"/>
      <c r="E2002" s="64"/>
      <c r="F2002" s="55"/>
      <c r="G2002" s="102"/>
      <c r="H2002" s="55"/>
      <c r="I2002" s="55"/>
      <c r="J2002" s="55"/>
      <c r="K2002" s="55"/>
      <c r="L2002" s="55"/>
      <c r="M2002" s="55"/>
      <c r="N2002" s="55"/>
      <c r="O2002" s="55"/>
      <c r="P2002" s="55"/>
      <c r="Q2002" s="55"/>
      <c r="R2002" s="55"/>
      <c r="S2002" s="55"/>
      <c r="T2002" s="55"/>
      <c r="U2002" s="55"/>
      <c r="V2002" s="55"/>
      <c r="W2002" s="55"/>
      <c r="X2002" s="55"/>
      <c r="Y2002" s="55"/>
      <c r="Z2002" s="55"/>
      <c r="AA2002" s="55"/>
      <c r="AB2002" s="55"/>
      <c r="AC2002" s="55"/>
      <c r="AD2002" s="55"/>
      <c r="AE2002" s="55"/>
      <c r="AF2002" s="55"/>
      <c r="AG2002" s="55"/>
      <c r="AY2002" s="162"/>
      <c r="AZ2002" s="162"/>
      <c r="BA2002" s="162"/>
      <c r="BB2002" s="162"/>
      <c r="BC2002" s="162"/>
      <c r="BD2002" s="162"/>
      <c r="BE2002" s="162"/>
      <c r="BF2002" s="162"/>
      <c r="BG2002" s="162"/>
      <c r="BH2002" s="162"/>
      <c r="BI2002" s="162"/>
      <c r="BJ2002" s="162"/>
      <c r="BK2002" s="162"/>
      <c r="BL2002" s="162"/>
      <c r="BM2002" s="162"/>
      <c r="BN2002" s="162"/>
      <c r="BO2002" s="162"/>
      <c r="BP2002" s="162"/>
      <c r="BQ2002" s="162"/>
      <c r="BR2002" s="162"/>
      <c r="BS2002" s="162"/>
      <c r="BT2002" s="162"/>
      <c r="BU2002" s="162"/>
      <c r="BV2002" s="162"/>
      <c r="BW2002" s="162"/>
      <c r="BX2002" s="162"/>
      <c r="BY2002" s="162"/>
      <c r="BZ2002" s="162"/>
      <c r="CA2002" s="162"/>
      <c r="CB2002" s="162"/>
      <c r="CC2002" s="162"/>
      <c r="CD2002" s="162"/>
      <c r="CE2002" s="162"/>
      <c r="CF2002" s="162"/>
      <c r="CG2002" s="162"/>
      <c r="CH2002" s="162"/>
      <c r="CI2002" s="162"/>
      <c r="CJ2002" s="162"/>
      <c r="CK2002" s="162"/>
      <c r="CX2002" s="98"/>
      <c r="DL2002" s="97"/>
      <c r="DX2002" s="98"/>
      <c r="EL2002" s="97"/>
      <c r="EX2002" s="98"/>
      <c r="EY2002" s="97"/>
      <c r="FL2002" s="126"/>
      <c r="FM2002" s="91"/>
      <c r="FN2002" s="91"/>
      <c r="FO2002" s="91"/>
      <c r="FP2002" s="91"/>
      <c r="FQ2002" s="91"/>
      <c r="FR2002" s="91"/>
      <c r="FS2002" s="91"/>
      <c r="FT2002" s="91"/>
      <c r="FU2002" s="91"/>
      <c r="FV2002" s="91"/>
      <c r="FW2002" s="91"/>
      <c r="FX2002" s="91"/>
      <c r="FY2002" s="91"/>
      <c r="FZ2002" s="91"/>
      <c r="GA2002" s="91"/>
      <c r="GB2002" s="91"/>
      <c r="GC2002" s="91"/>
      <c r="GD2002" s="91"/>
      <c r="GE2002" s="91"/>
      <c r="GF2002" s="91"/>
      <c r="GG2002" s="91"/>
      <c r="GH2002" s="91"/>
      <c r="GI2002" s="91"/>
      <c r="GJ2002" s="91"/>
      <c r="GK2002" s="127"/>
      <c r="GL2002" s="126"/>
      <c r="GM2002" s="91"/>
      <c r="GN2002" s="91"/>
      <c r="GO2002" s="91"/>
      <c r="GP2002" s="91"/>
      <c r="GQ2002" s="91"/>
      <c r="GR2002" s="91"/>
      <c r="GS2002" s="91"/>
      <c r="GT2002" s="91"/>
      <c r="GU2002" s="91"/>
      <c r="GV2002" s="91"/>
      <c r="GW2002" s="91"/>
      <c r="GX2002" s="91"/>
      <c r="GY2002" s="91"/>
      <c r="GZ2002" s="91"/>
      <c r="HA2002" s="91"/>
      <c r="HB2002" s="91"/>
      <c r="HC2002" s="91"/>
      <c r="HD2002" s="91"/>
      <c r="HE2002" s="91"/>
      <c r="HF2002" s="91"/>
      <c r="HG2002" s="91"/>
      <c r="HH2002" s="91"/>
      <c r="HI2002" s="91"/>
      <c r="HJ2002" s="91"/>
      <c r="HK2002" s="127"/>
      <c r="HL2002" s="126"/>
      <c r="HM2002" s="91"/>
      <c r="HN2002" s="91"/>
      <c r="HO2002" s="91"/>
      <c r="HP2002" s="91"/>
      <c r="HQ2002" s="91"/>
      <c r="HR2002" s="91"/>
      <c r="HS2002" s="91"/>
      <c r="HT2002" s="91"/>
      <c r="HU2002" s="91"/>
      <c r="HV2002" s="91"/>
      <c r="HW2002" s="91"/>
      <c r="HX2002" s="91"/>
      <c r="HY2002" s="91"/>
      <c r="HZ2002" s="91"/>
      <c r="IA2002" s="91"/>
      <c r="IB2002" s="91"/>
      <c r="IC2002" s="91"/>
      <c r="ID2002" s="91"/>
      <c r="IE2002" s="91"/>
      <c r="IF2002" s="91"/>
      <c r="IG2002" s="91"/>
      <c r="IH2002" s="91"/>
      <c r="II2002" s="91"/>
      <c r="IJ2002" s="91"/>
      <c r="IK2002" s="127"/>
    </row>
    <row r="2003" spans="2:245" x14ac:dyDescent="0.2">
      <c r="B2003" s="43"/>
      <c r="C2003" s="73"/>
      <c r="D2003" s="64"/>
      <c r="E2003" s="64"/>
      <c r="F2003" s="55"/>
      <c r="G2003" s="102"/>
      <c r="H2003" s="55"/>
      <c r="I2003" s="55"/>
      <c r="J2003" s="55"/>
      <c r="K2003" s="55"/>
      <c r="L2003" s="55"/>
      <c r="M2003" s="55"/>
      <c r="N2003" s="55"/>
      <c r="O2003" s="55"/>
      <c r="P2003" s="55"/>
      <c r="Q2003" s="55"/>
      <c r="R2003" s="55"/>
      <c r="S2003" s="55"/>
      <c r="T2003" s="55"/>
      <c r="U2003" s="55"/>
      <c r="V2003" s="55"/>
      <c r="W2003" s="55"/>
      <c r="X2003" s="55"/>
      <c r="Y2003" s="55"/>
      <c r="Z2003" s="55"/>
      <c r="AA2003" s="55"/>
      <c r="AB2003" s="55"/>
      <c r="AC2003" s="55"/>
      <c r="AD2003" s="55"/>
      <c r="AE2003" s="55"/>
      <c r="AF2003" s="55"/>
      <c r="AG2003" s="55"/>
      <c r="AY2003" s="162"/>
      <c r="AZ2003" s="162"/>
      <c r="BA2003" s="162"/>
      <c r="BB2003" s="162"/>
      <c r="BC2003" s="162"/>
      <c r="BD2003" s="162"/>
      <c r="BE2003" s="162"/>
      <c r="BF2003" s="162"/>
      <c r="BG2003" s="162"/>
      <c r="BH2003" s="162"/>
      <c r="BI2003" s="162"/>
      <c r="BJ2003" s="162"/>
      <c r="BK2003" s="162"/>
      <c r="BL2003" s="162"/>
      <c r="BM2003" s="162"/>
      <c r="BN2003" s="162"/>
      <c r="BO2003" s="162"/>
      <c r="BP2003" s="162"/>
      <c r="BQ2003" s="162"/>
      <c r="BR2003" s="162"/>
      <c r="BS2003" s="162"/>
      <c r="BT2003" s="162"/>
      <c r="BU2003" s="162"/>
      <c r="BV2003" s="162"/>
      <c r="BW2003" s="162"/>
      <c r="BX2003" s="162"/>
      <c r="BY2003" s="162"/>
      <c r="BZ2003" s="162"/>
      <c r="CA2003" s="162"/>
      <c r="CB2003" s="162"/>
      <c r="CC2003" s="162"/>
      <c r="CD2003" s="162"/>
      <c r="CE2003" s="162"/>
      <c r="CF2003" s="162"/>
      <c r="CG2003" s="162"/>
      <c r="CH2003" s="162"/>
      <c r="CI2003" s="162"/>
      <c r="CJ2003" s="162"/>
      <c r="CK2003" s="162"/>
      <c r="CX2003" s="98"/>
      <c r="DL2003" s="97"/>
      <c r="DX2003" s="98"/>
      <c r="EL2003" s="97"/>
      <c r="EX2003" s="98"/>
      <c r="EY2003" s="97"/>
      <c r="FL2003" s="126"/>
      <c r="FM2003" s="91"/>
      <c r="FN2003" s="91"/>
      <c r="FO2003" s="91"/>
      <c r="FP2003" s="91"/>
      <c r="FQ2003" s="91"/>
      <c r="FR2003" s="91"/>
      <c r="FS2003" s="91"/>
      <c r="FT2003" s="91"/>
      <c r="FU2003" s="91"/>
      <c r="FV2003" s="91"/>
      <c r="FW2003" s="91"/>
      <c r="FX2003" s="91"/>
      <c r="FY2003" s="91"/>
      <c r="FZ2003" s="91"/>
      <c r="GA2003" s="91"/>
      <c r="GB2003" s="91"/>
      <c r="GC2003" s="91"/>
      <c r="GD2003" s="91"/>
      <c r="GE2003" s="91"/>
      <c r="GF2003" s="91"/>
      <c r="GG2003" s="91"/>
      <c r="GH2003" s="91"/>
      <c r="GI2003" s="91"/>
      <c r="GJ2003" s="91"/>
      <c r="GK2003" s="127"/>
      <c r="GL2003" s="126"/>
      <c r="GM2003" s="91"/>
      <c r="GN2003" s="91"/>
      <c r="GO2003" s="91"/>
      <c r="GP2003" s="91"/>
      <c r="GQ2003" s="91"/>
      <c r="GR2003" s="91"/>
      <c r="GS2003" s="91"/>
      <c r="GT2003" s="91"/>
      <c r="GU2003" s="91"/>
      <c r="GV2003" s="91"/>
      <c r="GW2003" s="91"/>
      <c r="GX2003" s="91"/>
      <c r="GY2003" s="91"/>
      <c r="GZ2003" s="91"/>
      <c r="HA2003" s="91"/>
      <c r="HB2003" s="91"/>
      <c r="HC2003" s="91"/>
      <c r="HD2003" s="91"/>
      <c r="HE2003" s="91"/>
      <c r="HF2003" s="91"/>
      <c r="HG2003" s="91"/>
      <c r="HH2003" s="91"/>
      <c r="HI2003" s="91"/>
      <c r="HJ2003" s="91"/>
      <c r="HK2003" s="127"/>
      <c r="HL2003" s="126"/>
      <c r="HM2003" s="91"/>
      <c r="HN2003" s="91"/>
      <c r="HO2003" s="91"/>
      <c r="HP2003" s="91"/>
      <c r="HQ2003" s="91"/>
      <c r="HR2003" s="91"/>
      <c r="HS2003" s="91"/>
      <c r="HT2003" s="91"/>
      <c r="HU2003" s="91"/>
      <c r="HV2003" s="91"/>
      <c r="HW2003" s="91"/>
      <c r="HX2003" s="91"/>
      <c r="HY2003" s="91"/>
      <c r="HZ2003" s="91"/>
      <c r="IA2003" s="91"/>
      <c r="IB2003" s="91"/>
      <c r="IC2003" s="91"/>
      <c r="ID2003" s="91"/>
      <c r="IE2003" s="91"/>
      <c r="IF2003" s="91"/>
      <c r="IG2003" s="91"/>
      <c r="IH2003" s="91"/>
      <c r="II2003" s="91"/>
      <c r="IJ2003" s="91"/>
      <c r="IK2003" s="127"/>
    </row>
    <row r="2004" spans="2:245" x14ac:dyDescent="0.2">
      <c r="B2004" s="43"/>
      <c r="C2004" s="73"/>
      <c r="D2004" s="64"/>
      <c r="E2004" s="64"/>
      <c r="F2004" s="55"/>
      <c r="G2004" s="102"/>
      <c r="H2004" s="55"/>
      <c r="I2004" s="55"/>
      <c r="J2004" s="55"/>
      <c r="K2004" s="55"/>
      <c r="L2004" s="55"/>
      <c r="M2004" s="55"/>
      <c r="N2004" s="55"/>
      <c r="O2004" s="55"/>
      <c r="P2004" s="55"/>
      <c r="Q2004" s="55"/>
      <c r="R2004" s="55"/>
      <c r="S2004" s="55"/>
      <c r="T2004" s="55"/>
      <c r="U2004" s="55"/>
      <c r="V2004" s="55"/>
      <c r="W2004" s="55"/>
      <c r="X2004" s="55"/>
      <c r="Y2004" s="55"/>
      <c r="Z2004" s="55"/>
      <c r="AA2004" s="55"/>
      <c r="AB2004" s="55"/>
      <c r="AC2004" s="55"/>
      <c r="AD2004" s="55"/>
      <c r="AE2004" s="55"/>
      <c r="AF2004" s="55"/>
      <c r="AG2004" s="55"/>
      <c r="AY2004" s="162"/>
      <c r="AZ2004" s="162"/>
      <c r="BA2004" s="162"/>
      <c r="BB2004" s="162"/>
      <c r="BC2004" s="162"/>
      <c r="BD2004" s="162"/>
      <c r="BE2004" s="162"/>
      <c r="BF2004" s="162"/>
      <c r="BG2004" s="162"/>
      <c r="BH2004" s="162"/>
      <c r="BI2004" s="162"/>
      <c r="BJ2004" s="162"/>
      <c r="BK2004" s="162"/>
      <c r="BL2004" s="162"/>
      <c r="BM2004" s="162"/>
      <c r="BN2004" s="162"/>
      <c r="BO2004" s="162"/>
      <c r="BP2004" s="162"/>
      <c r="BQ2004" s="162"/>
      <c r="BR2004" s="162"/>
      <c r="BS2004" s="162"/>
      <c r="BT2004" s="162"/>
      <c r="BU2004" s="162"/>
      <c r="BV2004" s="162"/>
      <c r="BW2004" s="162"/>
      <c r="BX2004" s="162"/>
      <c r="BY2004" s="162"/>
      <c r="BZ2004" s="162"/>
      <c r="CA2004" s="162"/>
      <c r="CB2004" s="162"/>
      <c r="CC2004" s="162"/>
      <c r="CD2004" s="162"/>
      <c r="CE2004" s="162"/>
      <c r="CF2004" s="162"/>
      <c r="CG2004" s="162"/>
      <c r="CH2004" s="162"/>
      <c r="CI2004" s="162"/>
      <c r="CJ2004" s="162"/>
      <c r="CK2004" s="162"/>
      <c r="CX2004" s="98"/>
      <c r="DL2004" s="97"/>
      <c r="DX2004" s="98"/>
      <c r="EL2004" s="97"/>
      <c r="EX2004" s="98"/>
      <c r="EY2004" s="97"/>
      <c r="FL2004" s="126"/>
      <c r="FM2004" s="91"/>
      <c r="FN2004" s="91"/>
      <c r="FO2004" s="91"/>
      <c r="FP2004" s="91"/>
      <c r="FQ2004" s="91"/>
      <c r="FR2004" s="91"/>
      <c r="FS2004" s="91"/>
      <c r="FT2004" s="91"/>
      <c r="FU2004" s="91"/>
      <c r="FV2004" s="91"/>
      <c r="FW2004" s="91"/>
      <c r="FX2004" s="91"/>
      <c r="FY2004" s="91"/>
      <c r="FZ2004" s="91"/>
      <c r="GA2004" s="91"/>
      <c r="GB2004" s="91"/>
      <c r="GC2004" s="91"/>
      <c r="GD2004" s="91"/>
      <c r="GE2004" s="91"/>
      <c r="GF2004" s="91"/>
      <c r="GG2004" s="91"/>
      <c r="GH2004" s="91"/>
      <c r="GI2004" s="91"/>
      <c r="GJ2004" s="91"/>
      <c r="GK2004" s="127"/>
      <c r="GL2004" s="126"/>
      <c r="GM2004" s="91"/>
      <c r="GN2004" s="91"/>
      <c r="GO2004" s="91"/>
      <c r="GP2004" s="91"/>
      <c r="GQ2004" s="91"/>
      <c r="GR2004" s="91"/>
      <c r="GS2004" s="91"/>
      <c r="GT2004" s="91"/>
      <c r="GU2004" s="91"/>
      <c r="GV2004" s="91"/>
      <c r="GW2004" s="91"/>
      <c r="GX2004" s="91"/>
      <c r="GY2004" s="91"/>
      <c r="GZ2004" s="91"/>
      <c r="HA2004" s="91"/>
      <c r="HB2004" s="91"/>
      <c r="HC2004" s="91"/>
      <c r="HD2004" s="91"/>
      <c r="HE2004" s="91"/>
      <c r="HF2004" s="91"/>
      <c r="HG2004" s="91"/>
      <c r="HH2004" s="91"/>
      <c r="HI2004" s="91"/>
      <c r="HJ2004" s="91"/>
      <c r="HK2004" s="127"/>
      <c r="HL2004" s="126"/>
      <c r="HM2004" s="91"/>
      <c r="HN2004" s="91"/>
      <c r="HO2004" s="91"/>
      <c r="HP2004" s="91"/>
      <c r="HQ2004" s="91"/>
      <c r="HR2004" s="91"/>
      <c r="HS2004" s="91"/>
      <c r="HT2004" s="91"/>
      <c r="HU2004" s="91"/>
      <c r="HV2004" s="91"/>
      <c r="HW2004" s="91"/>
      <c r="HX2004" s="91"/>
      <c r="HY2004" s="91"/>
      <c r="HZ2004" s="91"/>
      <c r="IA2004" s="91"/>
      <c r="IB2004" s="91"/>
      <c r="IC2004" s="91"/>
      <c r="ID2004" s="91"/>
      <c r="IE2004" s="91"/>
      <c r="IF2004" s="91"/>
      <c r="IG2004" s="91"/>
      <c r="IH2004" s="91"/>
      <c r="II2004" s="91"/>
      <c r="IJ2004" s="91"/>
      <c r="IK2004" s="127"/>
    </row>
    <row r="2005" spans="2:245" x14ac:dyDescent="0.2">
      <c r="B2005" s="43"/>
      <c r="C2005" s="73"/>
      <c r="D2005" s="64"/>
      <c r="E2005" s="64"/>
      <c r="F2005" s="55"/>
      <c r="G2005" s="102"/>
      <c r="H2005" s="55"/>
      <c r="I2005" s="55"/>
      <c r="J2005" s="55"/>
      <c r="K2005" s="55"/>
      <c r="L2005" s="55"/>
      <c r="M2005" s="55"/>
      <c r="N2005" s="55"/>
      <c r="O2005" s="55"/>
      <c r="P2005" s="55"/>
      <c r="Q2005" s="55"/>
      <c r="R2005" s="55"/>
      <c r="S2005" s="55"/>
      <c r="T2005" s="55"/>
      <c r="U2005" s="55"/>
      <c r="V2005" s="55"/>
      <c r="W2005" s="55"/>
      <c r="X2005" s="55"/>
      <c r="Y2005" s="55"/>
      <c r="Z2005" s="55"/>
      <c r="AA2005" s="55"/>
      <c r="AB2005" s="55"/>
      <c r="AC2005" s="55"/>
      <c r="AD2005" s="55"/>
      <c r="AE2005" s="55"/>
      <c r="AF2005" s="55"/>
      <c r="AG2005" s="55"/>
      <c r="AY2005" s="162"/>
      <c r="AZ2005" s="162"/>
      <c r="BA2005" s="162"/>
      <c r="BB2005" s="162"/>
      <c r="BC2005" s="162"/>
      <c r="BD2005" s="162"/>
      <c r="BE2005" s="162"/>
      <c r="BF2005" s="162"/>
      <c r="BG2005" s="162"/>
      <c r="BH2005" s="162"/>
      <c r="BI2005" s="162"/>
      <c r="BJ2005" s="162"/>
      <c r="BK2005" s="162"/>
      <c r="BL2005" s="162"/>
      <c r="BM2005" s="162"/>
      <c r="BN2005" s="162"/>
      <c r="BO2005" s="162"/>
      <c r="BP2005" s="162"/>
      <c r="BQ2005" s="162"/>
      <c r="BR2005" s="162"/>
      <c r="BS2005" s="162"/>
      <c r="BT2005" s="162"/>
      <c r="BU2005" s="162"/>
      <c r="BV2005" s="162"/>
      <c r="BW2005" s="162"/>
      <c r="BX2005" s="162"/>
      <c r="BY2005" s="162"/>
      <c r="BZ2005" s="162"/>
      <c r="CA2005" s="162"/>
      <c r="CB2005" s="162"/>
      <c r="CC2005" s="162"/>
      <c r="CD2005" s="162"/>
      <c r="CE2005" s="162"/>
      <c r="CF2005" s="162"/>
      <c r="CG2005" s="162"/>
      <c r="CH2005" s="162"/>
      <c r="CI2005" s="162"/>
      <c r="CJ2005" s="162"/>
      <c r="CK2005" s="162"/>
      <c r="CX2005" s="98"/>
      <c r="DL2005" s="97"/>
      <c r="DX2005" s="98"/>
      <c r="EL2005" s="97"/>
      <c r="EX2005" s="98"/>
      <c r="EY2005" s="97"/>
      <c r="FL2005" s="126"/>
      <c r="FM2005" s="91"/>
      <c r="FN2005" s="91"/>
      <c r="FO2005" s="91"/>
      <c r="FP2005" s="91"/>
      <c r="FQ2005" s="91"/>
      <c r="FR2005" s="91"/>
      <c r="FS2005" s="91"/>
      <c r="FT2005" s="91"/>
      <c r="FU2005" s="91"/>
      <c r="FV2005" s="91"/>
      <c r="FW2005" s="91"/>
      <c r="FX2005" s="91"/>
      <c r="FY2005" s="91"/>
      <c r="FZ2005" s="91"/>
      <c r="GA2005" s="91"/>
      <c r="GB2005" s="91"/>
      <c r="GC2005" s="91"/>
      <c r="GD2005" s="91"/>
      <c r="GE2005" s="91"/>
      <c r="GF2005" s="91"/>
      <c r="GG2005" s="91"/>
      <c r="GH2005" s="91"/>
      <c r="GI2005" s="91"/>
      <c r="GJ2005" s="91"/>
      <c r="GK2005" s="127"/>
      <c r="GL2005" s="126"/>
      <c r="GM2005" s="91"/>
      <c r="GN2005" s="91"/>
      <c r="GO2005" s="91"/>
      <c r="GP2005" s="91"/>
      <c r="GQ2005" s="91"/>
      <c r="GR2005" s="91"/>
      <c r="GS2005" s="91"/>
      <c r="GT2005" s="91"/>
      <c r="GU2005" s="91"/>
      <c r="GV2005" s="91"/>
      <c r="GW2005" s="91"/>
      <c r="GX2005" s="91"/>
      <c r="GY2005" s="91"/>
      <c r="GZ2005" s="91"/>
      <c r="HA2005" s="91"/>
      <c r="HB2005" s="91"/>
      <c r="HC2005" s="91"/>
      <c r="HD2005" s="91"/>
      <c r="HE2005" s="91"/>
      <c r="HF2005" s="91"/>
      <c r="HG2005" s="91"/>
      <c r="HH2005" s="91"/>
      <c r="HI2005" s="91"/>
      <c r="HJ2005" s="91"/>
      <c r="HK2005" s="127"/>
      <c r="HL2005" s="126"/>
      <c r="HM2005" s="91"/>
      <c r="HN2005" s="91"/>
      <c r="HO2005" s="91"/>
      <c r="HP2005" s="91"/>
      <c r="HQ2005" s="91"/>
      <c r="HR2005" s="91"/>
      <c r="HS2005" s="91"/>
      <c r="HT2005" s="91"/>
      <c r="HU2005" s="91"/>
      <c r="HV2005" s="91"/>
      <c r="HW2005" s="91"/>
      <c r="HX2005" s="91"/>
      <c r="HY2005" s="91"/>
      <c r="HZ2005" s="91"/>
      <c r="IA2005" s="91"/>
      <c r="IB2005" s="91"/>
      <c r="IC2005" s="91"/>
      <c r="ID2005" s="91"/>
      <c r="IE2005" s="91"/>
      <c r="IF2005" s="91"/>
      <c r="IG2005" s="91"/>
      <c r="IH2005" s="91"/>
      <c r="II2005" s="91"/>
      <c r="IJ2005" s="91"/>
      <c r="IK2005" s="127"/>
    </row>
    <row r="2006" spans="2:245" x14ac:dyDescent="0.2">
      <c r="B2006" s="43"/>
      <c r="C2006" s="73"/>
      <c r="D2006" s="64"/>
      <c r="E2006" s="64"/>
      <c r="F2006" s="55"/>
      <c r="G2006" s="102"/>
      <c r="H2006" s="55"/>
      <c r="I2006" s="55"/>
      <c r="J2006" s="55"/>
      <c r="K2006" s="55"/>
      <c r="L2006" s="55"/>
      <c r="M2006" s="55"/>
      <c r="N2006" s="55"/>
      <c r="O2006" s="55"/>
      <c r="P2006" s="55"/>
      <c r="Q2006" s="55"/>
      <c r="R2006" s="55"/>
      <c r="S2006" s="55"/>
      <c r="T2006" s="55"/>
      <c r="U2006" s="55"/>
      <c r="V2006" s="55"/>
      <c r="W2006" s="55"/>
      <c r="X2006" s="55"/>
      <c r="Y2006" s="55"/>
      <c r="Z2006" s="55"/>
      <c r="AA2006" s="55"/>
      <c r="AB2006" s="55"/>
      <c r="AC2006" s="55"/>
      <c r="AD2006" s="55"/>
      <c r="AE2006" s="55"/>
      <c r="AF2006" s="55"/>
      <c r="AG2006" s="55"/>
      <c r="AY2006" s="162"/>
      <c r="AZ2006" s="162"/>
      <c r="BA2006" s="162"/>
      <c r="BB2006" s="162"/>
      <c r="BC2006" s="162"/>
      <c r="BD2006" s="162"/>
      <c r="BE2006" s="162"/>
      <c r="BF2006" s="162"/>
      <c r="BG2006" s="162"/>
      <c r="BH2006" s="162"/>
      <c r="BI2006" s="162"/>
      <c r="BJ2006" s="162"/>
      <c r="BK2006" s="162"/>
      <c r="BL2006" s="162"/>
      <c r="BM2006" s="162"/>
      <c r="BN2006" s="162"/>
      <c r="BO2006" s="162"/>
      <c r="BP2006" s="162"/>
      <c r="BQ2006" s="162"/>
      <c r="BR2006" s="162"/>
      <c r="BS2006" s="162"/>
      <c r="BT2006" s="162"/>
      <c r="BU2006" s="162"/>
      <c r="BV2006" s="162"/>
      <c r="BW2006" s="162"/>
      <c r="BX2006" s="162"/>
      <c r="BY2006" s="162"/>
      <c r="BZ2006" s="162"/>
      <c r="CA2006" s="162"/>
      <c r="CB2006" s="162"/>
      <c r="CC2006" s="162"/>
      <c r="CD2006" s="162"/>
      <c r="CE2006" s="162"/>
      <c r="CF2006" s="162"/>
      <c r="CG2006" s="162"/>
      <c r="CH2006" s="162"/>
      <c r="CI2006" s="162"/>
      <c r="CJ2006" s="162"/>
      <c r="CK2006" s="162"/>
      <c r="CX2006" s="98"/>
      <c r="DL2006" s="97"/>
      <c r="DX2006" s="98"/>
      <c r="EL2006" s="97"/>
      <c r="EX2006" s="98"/>
      <c r="EY2006" s="97"/>
      <c r="FL2006" s="126"/>
      <c r="FM2006" s="91"/>
      <c r="FN2006" s="91"/>
      <c r="FO2006" s="91"/>
      <c r="FP2006" s="91"/>
      <c r="FQ2006" s="91"/>
      <c r="FR2006" s="91"/>
      <c r="FS2006" s="91"/>
      <c r="FT2006" s="91"/>
      <c r="FU2006" s="91"/>
      <c r="FV2006" s="91"/>
      <c r="FW2006" s="91"/>
      <c r="FX2006" s="91"/>
      <c r="FY2006" s="91"/>
      <c r="FZ2006" s="91"/>
      <c r="GA2006" s="91"/>
      <c r="GB2006" s="91"/>
      <c r="GC2006" s="91"/>
      <c r="GD2006" s="91"/>
      <c r="GE2006" s="91"/>
      <c r="GF2006" s="91"/>
      <c r="GG2006" s="91"/>
      <c r="GH2006" s="91"/>
      <c r="GI2006" s="91"/>
      <c r="GJ2006" s="91"/>
      <c r="GK2006" s="127"/>
      <c r="GL2006" s="126"/>
      <c r="GM2006" s="91"/>
      <c r="GN2006" s="91"/>
      <c r="GO2006" s="91"/>
      <c r="GP2006" s="91"/>
      <c r="GQ2006" s="91"/>
      <c r="GR2006" s="91"/>
      <c r="GS2006" s="91"/>
      <c r="GT2006" s="91"/>
      <c r="GU2006" s="91"/>
      <c r="GV2006" s="91"/>
      <c r="GW2006" s="91"/>
      <c r="GX2006" s="91"/>
      <c r="GY2006" s="91"/>
      <c r="GZ2006" s="91"/>
      <c r="HA2006" s="91"/>
      <c r="HB2006" s="91"/>
      <c r="HC2006" s="91"/>
      <c r="HD2006" s="91"/>
      <c r="HE2006" s="91"/>
      <c r="HF2006" s="91"/>
      <c r="HG2006" s="91"/>
      <c r="HH2006" s="91"/>
      <c r="HI2006" s="91"/>
      <c r="HJ2006" s="91"/>
      <c r="HK2006" s="127"/>
      <c r="HL2006" s="126"/>
      <c r="HM2006" s="91"/>
      <c r="HN2006" s="91"/>
      <c r="HO2006" s="91"/>
      <c r="HP2006" s="91"/>
      <c r="HQ2006" s="91"/>
      <c r="HR2006" s="91"/>
      <c r="HS2006" s="91"/>
      <c r="HT2006" s="91"/>
      <c r="HU2006" s="91"/>
      <c r="HV2006" s="91"/>
      <c r="HW2006" s="91"/>
      <c r="HX2006" s="91"/>
      <c r="HY2006" s="91"/>
      <c r="HZ2006" s="91"/>
      <c r="IA2006" s="91"/>
      <c r="IB2006" s="91"/>
      <c r="IC2006" s="91"/>
      <c r="ID2006" s="91"/>
      <c r="IE2006" s="91"/>
      <c r="IF2006" s="91"/>
      <c r="IG2006" s="91"/>
      <c r="IH2006" s="91"/>
      <c r="II2006" s="91"/>
      <c r="IJ2006" s="91"/>
      <c r="IK2006" s="127"/>
    </row>
    <row r="2007" spans="2:245" x14ac:dyDescent="0.2">
      <c r="B2007" s="43"/>
      <c r="C2007" s="73"/>
      <c r="D2007" s="64"/>
      <c r="E2007" s="64"/>
      <c r="F2007" s="55"/>
      <c r="G2007" s="102"/>
      <c r="H2007" s="55"/>
      <c r="I2007" s="55"/>
      <c r="J2007" s="55"/>
      <c r="K2007" s="55"/>
      <c r="L2007" s="55"/>
      <c r="M2007" s="55"/>
      <c r="N2007" s="55"/>
      <c r="O2007" s="55"/>
      <c r="P2007" s="55"/>
      <c r="Q2007" s="55"/>
      <c r="R2007" s="55"/>
      <c r="S2007" s="55"/>
      <c r="T2007" s="55"/>
      <c r="U2007" s="55"/>
      <c r="V2007" s="55"/>
      <c r="W2007" s="55"/>
      <c r="X2007" s="55"/>
      <c r="Y2007" s="55"/>
      <c r="Z2007" s="55"/>
      <c r="AA2007" s="55"/>
      <c r="AB2007" s="55"/>
      <c r="AC2007" s="55"/>
      <c r="AD2007" s="55"/>
      <c r="AE2007" s="55"/>
      <c r="AF2007" s="55"/>
      <c r="AG2007" s="55"/>
      <c r="AY2007" s="162"/>
      <c r="AZ2007" s="162"/>
      <c r="BA2007" s="162"/>
      <c r="BB2007" s="162"/>
      <c r="BC2007" s="162"/>
      <c r="BD2007" s="162"/>
      <c r="BE2007" s="162"/>
      <c r="BF2007" s="162"/>
      <c r="BG2007" s="162"/>
      <c r="BH2007" s="162"/>
      <c r="BI2007" s="162"/>
      <c r="BJ2007" s="162"/>
      <c r="BK2007" s="162"/>
      <c r="BL2007" s="162"/>
      <c r="BM2007" s="162"/>
      <c r="BN2007" s="162"/>
      <c r="BO2007" s="162"/>
      <c r="BP2007" s="162"/>
      <c r="BQ2007" s="162"/>
      <c r="BR2007" s="162"/>
      <c r="BS2007" s="162"/>
      <c r="BT2007" s="162"/>
      <c r="BU2007" s="162"/>
      <c r="BV2007" s="162"/>
      <c r="BW2007" s="162"/>
      <c r="BX2007" s="162"/>
      <c r="BY2007" s="162"/>
      <c r="BZ2007" s="162"/>
      <c r="CA2007" s="162"/>
      <c r="CB2007" s="162"/>
      <c r="CC2007" s="162"/>
      <c r="CD2007" s="162"/>
      <c r="CE2007" s="162"/>
      <c r="CF2007" s="162"/>
      <c r="CG2007" s="162"/>
      <c r="CH2007" s="162"/>
      <c r="CI2007" s="162"/>
      <c r="CJ2007" s="162"/>
      <c r="CK2007" s="162"/>
      <c r="CX2007" s="98"/>
      <c r="DL2007" s="97"/>
      <c r="DX2007" s="98"/>
      <c r="EL2007" s="97"/>
      <c r="EX2007" s="98"/>
      <c r="EY2007" s="97"/>
      <c r="FL2007" s="126"/>
      <c r="FM2007" s="91"/>
      <c r="FN2007" s="91"/>
      <c r="FO2007" s="91"/>
      <c r="FP2007" s="91"/>
      <c r="FQ2007" s="91"/>
      <c r="FR2007" s="91"/>
      <c r="FS2007" s="91"/>
      <c r="FT2007" s="91"/>
      <c r="FU2007" s="91"/>
      <c r="FV2007" s="91"/>
      <c r="FW2007" s="91"/>
      <c r="FX2007" s="91"/>
      <c r="FY2007" s="91"/>
      <c r="FZ2007" s="91"/>
      <c r="GA2007" s="91"/>
      <c r="GB2007" s="91"/>
      <c r="GC2007" s="91"/>
      <c r="GD2007" s="91"/>
      <c r="GE2007" s="91"/>
      <c r="GF2007" s="91"/>
      <c r="GG2007" s="91"/>
      <c r="GH2007" s="91"/>
      <c r="GI2007" s="91"/>
      <c r="GJ2007" s="91"/>
      <c r="GK2007" s="127"/>
      <c r="GL2007" s="126"/>
      <c r="GM2007" s="91"/>
      <c r="GN2007" s="91"/>
      <c r="GO2007" s="91"/>
      <c r="GP2007" s="91"/>
      <c r="GQ2007" s="91"/>
      <c r="GR2007" s="91"/>
      <c r="GS2007" s="91"/>
      <c r="GT2007" s="91"/>
      <c r="GU2007" s="91"/>
      <c r="GV2007" s="91"/>
      <c r="GW2007" s="91"/>
      <c r="GX2007" s="91"/>
      <c r="GY2007" s="91"/>
      <c r="GZ2007" s="91"/>
      <c r="HA2007" s="91"/>
      <c r="HB2007" s="91"/>
      <c r="HC2007" s="91"/>
      <c r="HD2007" s="91"/>
      <c r="HE2007" s="91"/>
      <c r="HF2007" s="91"/>
      <c r="HG2007" s="91"/>
      <c r="HH2007" s="91"/>
      <c r="HI2007" s="91"/>
      <c r="HJ2007" s="91"/>
      <c r="HK2007" s="127"/>
      <c r="HL2007" s="126"/>
      <c r="HM2007" s="91"/>
      <c r="HN2007" s="91"/>
      <c r="HO2007" s="91"/>
      <c r="HP2007" s="91"/>
      <c r="HQ2007" s="91"/>
      <c r="HR2007" s="91"/>
      <c r="HS2007" s="91"/>
      <c r="HT2007" s="91"/>
      <c r="HU2007" s="91"/>
      <c r="HV2007" s="91"/>
      <c r="HW2007" s="91"/>
      <c r="HX2007" s="91"/>
      <c r="HY2007" s="91"/>
      <c r="HZ2007" s="91"/>
      <c r="IA2007" s="91"/>
      <c r="IB2007" s="91"/>
      <c r="IC2007" s="91"/>
      <c r="ID2007" s="91"/>
      <c r="IE2007" s="91"/>
      <c r="IF2007" s="91"/>
      <c r="IG2007" s="91"/>
      <c r="IH2007" s="91"/>
      <c r="II2007" s="91"/>
      <c r="IJ2007" s="91"/>
      <c r="IK2007" s="127"/>
    </row>
    <row r="2008" spans="2:245" x14ac:dyDescent="0.2">
      <c r="B2008" s="43"/>
      <c r="C2008" s="73"/>
      <c r="D2008" s="64"/>
      <c r="E2008" s="64"/>
      <c r="F2008" s="55"/>
      <c r="G2008" s="102"/>
      <c r="H2008" s="55"/>
      <c r="I2008" s="55"/>
      <c r="J2008" s="55"/>
      <c r="K2008" s="55"/>
      <c r="L2008" s="55"/>
      <c r="M2008" s="55"/>
      <c r="N2008" s="55"/>
      <c r="O2008" s="55"/>
      <c r="P2008" s="55"/>
      <c r="Q2008" s="55"/>
      <c r="R2008" s="55"/>
      <c r="S2008" s="55"/>
      <c r="T2008" s="55"/>
      <c r="U2008" s="55"/>
      <c r="V2008" s="55"/>
      <c r="W2008" s="55"/>
      <c r="X2008" s="55"/>
      <c r="Y2008" s="55"/>
      <c r="Z2008" s="55"/>
      <c r="AA2008" s="55"/>
      <c r="AB2008" s="55"/>
      <c r="AC2008" s="55"/>
      <c r="AD2008" s="55"/>
      <c r="AE2008" s="55"/>
      <c r="AF2008" s="55"/>
      <c r="AG2008" s="55"/>
      <c r="AY2008" s="162"/>
      <c r="AZ2008" s="162"/>
      <c r="BA2008" s="162"/>
      <c r="BB2008" s="162"/>
      <c r="BC2008" s="162"/>
      <c r="BD2008" s="162"/>
      <c r="BE2008" s="162"/>
      <c r="BF2008" s="162"/>
      <c r="BG2008" s="162"/>
      <c r="BH2008" s="162"/>
      <c r="BI2008" s="162"/>
      <c r="BJ2008" s="162"/>
      <c r="BK2008" s="162"/>
      <c r="BL2008" s="162"/>
      <c r="BM2008" s="162"/>
      <c r="BN2008" s="162"/>
      <c r="BO2008" s="162"/>
      <c r="BP2008" s="162"/>
      <c r="BQ2008" s="162"/>
      <c r="BR2008" s="162"/>
      <c r="BS2008" s="162"/>
      <c r="BT2008" s="162"/>
      <c r="BU2008" s="162"/>
      <c r="BV2008" s="162"/>
      <c r="BW2008" s="162"/>
      <c r="BX2008" s="162"/>
      <c r="BY2008" s="162"/>
      <c r="BZ2008" s="162"/>
      <c r="CA2008" s="162"/>
      <c r="CB2008" s="162"/>
      <c r="CC2008" s="162"/>
      <c r="CD2008" s="162"/>
      <c r="CE2008" s="162"/>
      <c r="CF2008" s="162"/>
      <c r="CG2008" s="162"/>
      <c r="CH2008" s="162"/>
      <c r="CI2008" s="162"/>
      <c r="CJ2008" s="162"/>
      <c r="CK2008" s="162"/>
      <c r="CX2008" s="98"/>
      <c r="DL2008" s="97"/>
      <c r="DX2008" s="98"/>
      <c r="EL2008" s="97"/>
      <c r="EX2008" s="98"/>
      <c r="EY2008" s="97"/>
      <c r="FL2008" s="126"/>
      <c r="FM2008" s="91"/>
      <c r="FN2008" s="91"/>
      <c r="FO2008" s="91"/>
      <c r="FP2008" s="91"/>
      <c r="FQ2008" s="91"/>
      <c r="FR2008" s="91"/>
      <c r="FS2008" s="91"/>
      <c r="FT2008" s="91"/>
      <c r="FU2008" s="91"/>
      <c r="FV2008" s="91"/>
      <c r="FW2008" s="91"/>
      <c r="FX2008" s="91"/>
      <c r="FY2008" s="91"/>
      <c r="FZ2008" s="91"/>
      <c r="GA2008" s="91"/>
      <c r="GB2008" s="91"/>
      <c r="GC2008" s="91"/>
      <c r="GD2008" s="91"/>
      <c r="GE2008" s="91"/>
      <c r="GF2008" s="91"/>
      <c r="GG2008" s="91"/>
      <c r="GH2008" s="91"/>
      <c r="GI2008" s="91"/>
      <c r="GJ2008" s="91"/>
      <c r="GK2008" s="127"/>
      <c r="GL2008" s="126"/>
      <c r="GM2008" s="91"/>
      <c r="GN2008" s="91"/>
      <c r="GO2008" s="91"/>
      <c r="GP2008" s="91"/>
      <c r="GQ2008" s="91"/>
      <c r="GR2008" s="91"/>
      <c r="GS2008" s="91"/>
      <c r="GT2008" s="91"/>
      <c r="GU2008" s="91"/>
      <c r="GV2008" s="91"/>
      <c r="GW2008" s="91"/>
      <c r="GX2008" s="91"/>
      <c r="GY2008" s="91"/>
      <c r="GZ2008" s="91"/>
      <c r="HA2008" s="91"/>
      <c r="HB2008" s="91"/>
      <c r="HC2008" s="91"/>
      <c r="HD2008" s="91"/>
      <c r="HE2008" s="91"/>
      <c r="HF2008" s="91"/>
      <c r="HG2008" s="91"/>
      <c r="HH2008" s="91"/>
      <c r="HI2008" s="91"/>
      <c r="HJ2008" s="91"/>
      <c r="HK2008" s="127"/>
      <c r="HL2008" s="126"/>
      <c r="HM2008" s="91"/>
      <c r="HN2008" s="91"/>
      <c r="HO2008" s="91"/>
      <c r="HP2008" s="91"/>
      <c r="HQ2008" s="91"/>
      <c r="HR2008" s="91"/>
      <c r="HS2008" s="91"/>
      <c r="HT2008" s="91"/>
      <c r="HU2008" s="91"/>
      <c r="HV2008" s="91"/>
      <c r="HW2008" s="91"/>
      <c r="HX2008" s="91"/>
      <c r="HY2008" s="91"/>
      <c r="HZ2008" s="91"/>
      <c r="IA2008" s="91"/>
      <c r="IB2008" s="91"/>
      <c r="IC2008" s="91"/>
      <c r="ID2008" s="91"/>
      <c r="IE2008" s="91"/>
      <c r="IF2008" s="91"/>
      <c r="IG2008" s="91"/>
      <c r="IH2008" s="91"/>
      <c r="II2008" s="91"/>
      <c r="IJ2008" s="91"/>
      <c r="IK2008" s="127"/>
    </row>
    <row r="2009" spans="2:245" x14ac:dyDescent="0.2">
      <c r="B2009" s="43"/>
      <c r="C2009" s="73"/>
      <c r="D2009" s="64"/>
      <c r="E2009" s="64"/>
      <c r="F2009" s="55"/>
      <c r="G2009" s="102"/>
      <c r="H2009" s="55"/>
      <c r="I2009" s="55"/>
      <c r="J2009" s="55"/>
      <c r="K2009" s="55"/>
      <c r="L2009" s="55"/>
      <c r="M2009" s="55"/>
      <c r="N2009" s="55"/>
      <c r="O2009" s="55"/>
      <c r="P2009" s="55"/>
      <c r="Q2009" s="55"/>
      <c r="R2009" s="55"/>
      <c r="S2009" s="55"/>
      <c r="T2009" s="55"/>
      <c r="U2009" s="55"/>
      <c r="V2009" s="55"/>
      <c r="W2009" s="55"/>
      <c r="X2009" s="55"/>
      <c r="Y2009" s="55"/>
      <c r="Z2009" s="55"/>
      <c r="AA2009" s="55"/>
      <c r="AB2009" s="55"/>
      <c r="AC2009" s="55"/>
      <c r="AD2009" s="55"/>
      <c r="AE2009" s="55"/>
      <c r="AF2009" s="55"/>
      <c r="AG2009" s="55"/>
      <c r="AY2009" s="162"/>
      <c r="AZ2009" s="162"/>
      <c r="BA2009" s="162"/>
      <c r="BB2009" s="162"/>
      <c r="BC2009" s="162"/>
      <c r="BD2009" s="162"/>
      <c r="BE2009" s="162"/>
      <c r="BF2009" s="162"/>
      <c r="BG2009" s="162"/>
      <c r="BH2009" s="162"/>
      <c r="BI2009" s="162"/>
      <c r="BJ2009" s="162"/>
      <c r="BK2009" s="162"/>
      <c r="BL2009" s="162"/>
      <c r="BM2009" s="162"/>
      <c r="BN2009" s="162"/>
      <c r="BO2009" s="162"/>
      <c r="BP2009" s="162"/>
      <c r="BQ2009" s="162"/>
      <c r="BR2009" s="162"/>
      <c r="BS2009" s="162"/>
      <c r="BT2009" s="162"/>
      <c r="BU2009" s="162"/>
      <c r="BV2009" s="162"/>
      <c r="BW2009" s="162"/>
      <c r="BX2009" s="162"/>
      <c r="BY2009" s="162"/>
      <c r="BZ2009" s="162"/>
      <c r="CA2009" s="162"/>
      <c r="CB2009" s="162"/>
      <c r="CC2009" s="162"/>
      <c r="CD2009" s="162"/>
      <c r="CE2009" s="162"/>
      <c r="CF2009" s="162"/>
      <c r="CG2009" s="162"/>
      <c r="CH2009" s="162"/>
      <c r="CI2009" s="162"/>
      <c r="CJ2009" s="162"/>
      <c r="CK2009" s="162"/>
      <c r="CX2009" s="98"/>
      <c r="DL2009" s="97"/>
      <c r="DX2009" s="98"/>
      <c r="EL2009" s="97"/>
      <c r="EX2009" s="98"/>
      <c r="EY2009" s="97"/>
      <c r="FL2009" s="126"/>
      <c r="FM2009" s="91"/>
      <c r="FN2009" s="91"/>
      <c r="FO2009" s="91"/>
      <c r="FP2009" s="91"/>
      <c r="FQ2009" s="91"/>
      <c r="FR2009" s="91"/>
      <c r="FS2009" s="91"/>
      <c r="FT2009" s="91"/>
      <c r="FU2009" s="91"/>
      <c r="FV2009" s="91"/>
      <c r="FW2009" s="91"/>
      <c r="FX2009" s="91"/>
      <c r="FY2009" s="91"/>
      <c r="FZ2009" s="91"/>
      <c r="GA2009" s="91"/>
      <c r="GB2009" s="91"/>
      <c r="GC2009" s="91"/>
      <c r="GD2009" s="91"/>
      <c r="GE2009" s="91"/>
      <c r="GF2009" s="91"/>
      <c r="GG2009" s="91"/>
      <c r="GH2009" s="91"/>
      <c r="GI2009" s="91"/>
      <c r="GJ2009" s="91"/>
      <c r="GK2009" s="127"/>
      <c r="GL2009" s="126"/>
      <c r="GM2009" s="91"/>
      <c r="GN2009" s="91"/>
      <c r="GO2009" s="91"/>
      <c r="GP2009" s="91"/>
      <c r="GQ2009" s="91"/>
      <c r="GR2009" s="91"/>
      <c r="GS2009" s="91"/>
      <c r="GT2009" s="91"/>
      <c r="GU2009" s="91"/>
      <c r="GV2009" s="91"/>
      <c r="GW2009" s="91"/>
      <c r="GX2009" s="91"/>
      <c r="GY2009" s="91"/>
      <c r="GZ2009" s="91"/>
      <c r="HA2009" s="91"/>
      <c r="HB2009" s="91"/>
      <c r="HC2009" s="91"/>
      <c r="HD2009" s="91"/>
      <c r="HE2009" s="91"/>
      <c r="HF2009" s="91"/>
      <c r="HG2009" s="91"/>
      <c r="HH2009" s="91"/>
      <c r="HI2009" s="91"/>
      <c r="HJ2009" s="91"/>
      <c r="HK2009" s="127"/>
      <c r="HL2009" s="126"/>
      <c r="HM2009" s="91"/>
      <c r="HN2009" s="91"/>
      <c r="HO2009" s="91"/>
      <c r="HP2009" s="91"/>
      <c r="HQ2009" s="91"/>
      <c r="HR2009" s="91"/>
      <c r="HS2009" s="91"/>
      <c r="HT2009" s="91"/>
      <c r="HU2009" s="91"/>
      <c r="HV2009" s="91"/>
      <c r="HW2009" s="91"/>
      <c r="HX2009" s="91"/>
      <c r="HY2009" s="91"/>
      <c r="HZ2009" s="91"/>
      <c r="IA2009" s="91"/>
      <c r="IB2009" s="91"/>
      <c r="IC2009" s="91"/>
      <c r="ID2009" s="91"/>
      <c r="IE2009" s="91"/>
      <c r="IF2009" s="91"/>
      <c r="IG2009" s="91"/>
      <c r="IH2009" s="91"/>
      <c r="II2009" s="91"/>
      <c r="IJ2009" s="91"/>
      <c r="IK2009" s="127"/>
    </row>
    <row r="2010" spans="2:245" x14ac:dyDescent="0.2">
      <c r="B2010" s="43"/>
      <c r="C2010" s="73"/>
      <c r="D2010" s="64"/>
      <c r="E2010" s="64"/>
      <c r="F2010" s="55"/>
      <c r="G2010" s="102"/>
      <c r="H2010" s="55"/>
      <c r="I2010" s="55"/>
      <c r="J2010" s="55"/>
      <c r="K2010" s="55"/>
      <c r="L2010" s="55"/>
      <c r="M2010" s="55"/>
      <c r="N2010" s="55"/>
      <c r="O2010" s="55"/>
      <c r="P2010" s="55"/>
      <c r="Q2010" s="55"/>
      <c r="R2010" s="55"/>
      <c r="S2010" s="55"/>
      <c r="T2010" s="55"/>
      <c r="U2010" s="55"/>
      <c r="V2010" s="55"/>
      <c r="W2010" s="55"/>
      <c r="X2010" s="55"/>
      <c r="Y2010" s="55"/>
      <c r="Z2010" s="55"/>
      <c r="AA2010" s="55"/>
      <c r="AB2010" s="55"/>
      <c r="AC2010" s="55"/>
      <c r="AD2010" s="55"/>
      <c r="AE2010" s="55"/>
      <c r="AF2010" s="55"/>
      <c r="AG2010" s="55"/>
      <c r="AY2010" s="162"/>
      <c r="AZ2010" s="162"/>
      <c r="BA2010" s="162"/>
      <c r="BB2010" s="162"/>
      <c r="BC2010" s="162"/>
      <c r="BD2010" s="162"/>
      <c r="BE2010" s="162"/>
      <c r="BF2010" s="162"/>
      <c r="BG2010" s="162"/>
      <c r="BH2010" s="162"/>
      <c r="BI2010" s="162"/>
      <c r="BJ2010" s="162"/>
      <c r="BK2010" s="162"/>
      <c r="BL2010" s="162"/>
      <c r="BM2010" s="162"/>
      <c r="BN2010" s="162"/>
      <c r="BO2010" s="162"/>
      <c r="BP2010" s="162"/>
      <c r="BQ2010" s="162"/>
      <c r="BR2010" s="162"/>
      <c r="BS2010" s="162"/>
      <c r="BT2010" s="162"/>
      <c r="BU2010" s="162"/>
      <c r="BV2010" s="162"/>
      <c r="BW2010" s="162"/>
      <c r="BX2010" s="162"/>
      <c r="BY2010" s="162"/>
      <c r="BZ2010" s="162"/>
      <c r="CA2010" s="162"/>
      <c r="CB2010" s="162"/>
      <c r="CC2010" s="162"/>
      <c r="CD2010" s="162"/>
      <c r="CE2010" s="162"/>
      <c r="CF2010" s="162"/>
      <c r="CG2010" s="162"/>
      <c r="CH2010" s="162"/>
      <c r="CI2010" s="162"/>
      <c r="CJ2010" s="162"/>
      <c r="CK2010" s="162"/>
      <c r="CX2010" s="98"/>
      <c r="DL2010" s="97"/>
      <c r="DX2010" s="98"/>
      <c r="EL2010" s="97"/>
      <c r="EX2010" s="98"/>
      <c r="EY2010" s="97"/>
      <c r="FL2010" s="126"/>
      <c r="FM2010" s="91"/>
      <c r="FN2010" s="91"/>
      <c r="FO2010" s="91"/>
      <c r="FP2010" s="91"/>
      <c r="FQ2010" s="91"/>
      <c r="FR2010" s="91"/>
      <c r="FS2010" s="91"/>
      <c r="FT2010" s="91"/>
      <c r="FU2010" s="91"/>
      <c r="FV2010" s="91"/>
      <c r="FW2010" s="91"/>
      <c r="FX2010" s="91"/>
      <c r="FY2010" s="91"/>
      <c r="FZ2010" s="91"/>
      <c r="GA2010" s="91"/>
      <c r="GB2010" s="91"/>
      <c r="GC2010" s="91"/>
      <c r="GD2010" s="91"/>
      <c r="GE2010" s="91"/>
      <c r="GF2010" s="91"/>
      <c r="GG2010" s="91"/>
      <c r="GH2010" s="91"/>
      <c r="GI2010" s="91"/>
      <c r="GJ2010" s="91"/>
      <c r="GK2010" s="127"/>
      <c r="GL2010" s="126"/>
      <c r="GM2010" s="91"/>
      <c r="GN2010" s="91"/>
      <c r="GO2010" s="91"/>
      <c r="GP2010" s="91"/>
      <c r="GQ2010" s="91"/>
      <c r="GR2010" s="91"/>
      <c r="GS2010" s="91"/>
      <c r="GT2010" s="91"/>
      <c r="GU2010" s="91"/>
      <c r="GV2010" s="91"/>
      <c r="GW2010" s="91"/>
      <c r="GX2010" s="91"/>
      <c r="GY2010" s="91"/>
      <c r="GZ2010" s="91"/>
      <c r="HA2010" s="91"/>
      <c r="HB2010" s="91"/>
      <c r="HC2010" s="91"/>
      <c r="HD2010" s="91"/>
      <c r="HE2010" s="91"/>
      <c r="HF2010" s="91"/>
      <c r="HG2010" s="91"/>
      <c r="HH2010" s="91"/>
      <c r="HI2010" s="91"/>
      <c r="HJ2010" s="91"/>
      <c r="HK2010" s="127"/>
      <c r="HL2010" s="126"/>
      <c r="HM2010" s="91"/>
      <c r="HN2010" s="91"/>
      <c r="HO2010" s="91"/>
      <c r="HP2010" s="91"/>
      <c r="HQ2010" s="91"/>
      <c r="HR2010" s="91"/>
      <c r="HS2010" s="91"/>
      <c r="HT2010" s="91"/>
      <c r="HU2010" s="91"/>
      <c r="HV2010" s="91"/>
      <c r="HW2010" s="91"/>
      <c r="HX2010" s="91"/>
      <c r="HY2010" s="91"/>
      <c r="HZ2010" s="91"/>
      <c r="IA2010" s="91"/>
      <c r="IB2010" s="91"/>
      <c r="IC2010" s="91"/>
      <c r="ID2010" s="91"/>
      <c r="IE2010" s="91"/>
      <c r="IF2010" s="91"/>
      <c r="IG2010" s="91"/>
      <c r="IH2010" s="91"/>
      <c r="II2010" s="91"/>
      <c r="IJ2010" s="91"/>
      <c r="IK2010" s="127"/>
    </row>
    <row r="2011" spans="2:245" x14ac:dyDescent="0.2">
      <c r="B2011" s="43"/>
      <c r="C2011" s="73"/>
      <c r="D2011" s="64"/>
      <c r="E2011" s="64"/>
      <c r="F2011" s="55"/>
      <c r="G2011" s="102"/>
      <c r="H2011" s="55"/>
      <c r="I2011" s="55"/>
      <c r="J2011" s="55"/>
      <c r="K2011" s="55"/>
      <c r="L2011" s="55"/>
      <c r="M2011" s="55"/>
      <c r="N2011" s="55"/>
      <c r="O2011" s="55"/>
      <c r="P2011" s="55"/>
      <c r="Q2011" s="55"/>
      <c r="R2011" s="55"/>
      <c r="S2011" s="55"/>
      <c r="T2011" s="55"/>
      <c r="U2011" s="55"/>
      <c r="V2011" s="55"/>
      <c r="W2011" s="55"/>
      <c r="X2011" s="55"/>
      <c r="Y2011" s="55"/>
      <c r="Z2011" s="55"/>
      <c r="AA2011" s="55"/>
      <c r="AB2011" s="55"/>
      <c r="AC2011" s="55"/>
      <c r="AD2011" s="55"/>
      <c r="AE2011" s="55"/>
      <c r="AF2011" s="55"/>
      <c r="AG2011" s="55"/>
      <c r="AY2011" s="162"/>
      <c r="AZ2011" s="162"/>
      <c r="BA2011" s="162"/>
      <c r="BB2011" s="162"/>
      <c r="BC2011" s="162"/>
      <c r="BD2011" s="162"/>
      <c r="BE2011" s="162"/>
      <c r="BF2011" s="162"/>
      <c r="BG2011" s="162"/>
      <c r="BH2011" s="162"/>
      <c r="BI2011" s="162"/>
      <c r="BJ2011" s="162"/>
      <c r="BK2011" s="162"/>
      <c r="BL2011" s="162"/>
      <c r="BM2011" s="162"/>
      <c r="BN2011" s="162"/>
      <c r="BO2011" s="162"/>
      <c r="BP2011" s="162"/>
      <c r="BQ2011" s="162"/>
      <c r="BR2011" s="162"/>
      <c r="BS2011" s="162"/>
      <c r="BT2011" s="162"/>
      <c r="BU2011" s="162"/>
      <c r="BV2011" s="162"/>
      <c r="BW2011" s="162"/>
      <c r="BX2011" s="162"/>
      <c r="BY2011" s="162"/>
      <c r="BZ2011" s="162"/>
      <c r="CA2011" s="162"/>
      <c r="CB2011" s="162"/>
      <c r="CC2011" s="162"/>
      <c r="CD2011" s="162"/>
      <c r="CE2011" s="162"/>
      <c r="CF2011" s="162"/>
      <c r="CG2011" s="162"/>
      <c r="CH2011" s="162"/>
      <c r="CI2011" s="162"/>
      <c r="CJ2011" s="162"/>
      <c r="CK2011" s="162"/>
      <c r="CX2011" s="98"/>
      <c r="DL2011" s="97"/>
      <c r="DX2011" s="98"/>
      <c r="EL2011" s="97"/>
      <c r="EX2011" s="98"/>
      <c r="EY2011" s="97"/>
      <c r="FL2011" s="126"/>
      <c r="FM2011" s="91"/>
      <c r="FN2011" s="91"/>
      <c r="FO2011" s="91"/>
      <c r="FP2011" s="91"/>
      <c r="FQ2011" s="91"/>
      <c r="FR2011" s="91"/>
      <c r="FS2011" s="91"/>
      <c r="FT2011" s="91"/>
      <c r="FU2011" s="91"/>
      <c r="FV2011" s="91"/>
      <c r="FW2011" s="91"/>
      <c r="FX2011" s="91"/>
      <c r="FY2011" s="91"/>
      <c r="FZ2011" s="91"/>
      <c r="GA2011" s="91"/>
      <c r="GB2011" s="91"/>
      <c r="GC2011" s="91"/>
      <c r="GD2011" s="91"/>
      <c r="GE2011" s="91"/>
      <c r="GF2011" s="91"/>
      <c r="GG2011" s="91"/>
      <c r="GH2011" s="91"/>
      <c r="GI2011" s="91"/>
      <c r="GJ2011" s="91"/>
      <c r="GK2011" s="127"/>
      <c r="GL2011" s="126"/>
      <c r="GM2011" s="91"/>
      <c r="GN2011" s="91"/>
      <c r="GO2011" s="91"/>
      <c r="GP2011" s="91"/>
      <c r="GQ2011" s="91"/>
      <c r="GR2011" s="91"/>
      <c r="GS2011" s="91"/>
      <c r="GT2011" s="91"/>
      <c r="GU2011" s="91"/>
      <c r="GV2011" s="91"/>
      <c r="GW2011" s="91"/>
      <c r="GX2011" s="91"/>
      <c r="GY2011" s="91"/>
      <c r="GZ2011" s="91"/>
      <c r="HA2011" s="91"/>
      <c r="HB2011" s="91"/>
      <c r="HC2011" s="91"/>
      <c r="HD2011" s="91"/>
      <c r="HE2011" s="91"/>
      <c r="HF2011" s="91"/>
      <c r="HG2011" s="91"/>
      <c r="HH2011" s="91"/>
      <c r="HI2011" s="91"/>
      <c r="HJ2011" s="91"/>
      <c r="HK2011" s="127"/>
      <c r="HL2011" s="126"/>
      <c r="HM2011" s="91"/>
      <c r="HN2011" s="91"/>
      <c r="HO2011" s="91"/>
      <c r="HP2011" s="91"/>
      <c r="HQ2011" s="91"/>
      <c r="HR2011" s="91"/>
      <c r="HS2011" s="91"/>
      <c r="HT2011" s="91"/>
      <c r="HU2011" s="91"/>
      <c r="HV2011" s="91"/>
      <c r="HW2011" s="91"/>
      <c r="HX2011" s="91"/>
      <c r="HY2011" s="91"/>
      <c r="HZ2011" s="91"/>
      <c r="IA2011" s="91"/>
      <c r="IB2011" s="91"/>
      <c r="IC2011" s="91"/>
      <c r="ID2011" s="91"/>
      <c r="IE2011" s="91"/>
      <c r="IF2011" s="91"/>
      <c r="IG2011" s="91"/>
      <c r="IH2011" s="91"/>
      <c r="II2011" s="91"/>
      <c r="IJ2011" s="91"/>
      <c r="IK2011" s="127"/>
    </row>
    <row r="2012" spans="2:245" x14ac:dyDescent="0.2">
      <c r="B2012" s="43"/>
      <c r="C2012" s="73"/>
      <c r="D2012" s="64"/>
      <c r="E2012" s="64"/>
      <c r="F2012" s="55"/>
      <c r="G2012" s="102"/>
      <c r="H2012" s="55"/>
      <c r="I2012" s="55"/>
      <c r="J2012" s="55"/>
      <c r="K2012" s="55"/>
      <c r="L2012" s="55"/>
      <c r="M2012" s="55"/>
      <c r="N2012" s="55"/>
      <c r="O2012" s="55"/>
      <c r="P2012" s="55"/>
      <c r="Q2012" s="55"/>
      <c r="R2012" s="55"/>
      <c r="S2012" s="55"/>
      <c r="T2012" s="55"/>
      <c r="U2012" s="55"/>
      <c r="V2012" s="55"/>
      <c r="W2012" s="55"/>
      <c r="X2012" s="55"/>
      <c r="Y2012" s="55"/>
      <c r="Z2012" s="55"/>
      <c r="AA2012" s="55"/>
      <c r="AB2012" s="55"/>
      <c r="AC2012" s="55"/>
      <c r="AD2012" s="55"/>
      <c r="AE2012" s="55"/>
      <c r="AF2012" s="55"/>
      <c r="AG2012" s="55"/>
      <c r="AY2012" s="162"/>
      <c r="AZ2012" s="162"/>
      <c r="BA2012" s="162"/>
      <c r="BB2012" s="162"/>
      <c r="BC2012" s="162"/>
      <c r="BD2012" s="162"/>
      <c r="BE2012" s="162"/>
      <c r="BF2012" s="162"/>
      <c r="BG2012" s="162"/>
      <c r="BH2012" s="162"/>
      <c r="BI2012" s="162"/>
      <c r="BJ2012" s="162"/>
      <c r="BK2012" s="162"/>
      <c r="BL2012" s="162"/>
      <c r="BM2012" s="162"/>
      <c r="BN2012" s="162"/>
      <c r="BO2012" s="162"/>
      <c r="BP2012" s="162"/>
      <c r="BQ2012" s="162"/>
      <c r="BR2012" s="162"/>
      <c r="BS2012" s="162"/>
      <c r="BT2012" s="162"/>
      <c r="BU2012" s="162"/>
      <c r="BV2012" s="162"/>
      <c r="BW2012" s="162"/>
      <c r="BX2012" s="162"/>
      <c r="BY2012" s="162"/>
      <c r="BZ2012" s="162"/>
      <c r="CA2012" s="162"/>
      <c r="CB2012" s="162"/>
      <c r="CC2012" s="162"/>
      <c r="CD2012" s="162"/>
      <c r="CE2012" s="162"/>
      <c r="CF2012" s="162"/>
      <c r="CG2012" s="162"/>
      <c r="CH2012" s="162"/>
      <c r="CI2012" s="162"/>
      <c r="CJ2012" s="162"/>
      <c r="CK2012" s="162"/>
      <c r="CX2012" s="98"/>
      <c r="DL2012" s="97"/>
      <c r="DX2012" s="98"/>
      <c r="EL2012" s="97"/>
      <c r="EX2012" s="98"/>
      <c r="EY2012" s="97"/>
      <c r="FL2012" s="126"/>
      <c r="FM2012" s="91"/>
      <c r="FN2012" s="91"/>
      <c r="FO2012" s="91"/>
      <c r="FP2012" s="91"/>
      <c r="FQ2012" s="91"/>
      <c r="FR2012" s="91"/>
      <c r="FS2012" s="91"/>
      <c r="FT2012" s="91"/>
      <c r="FU2012" s="91"/>
      <c r="FV2012" s="91"/>
      <c r="FW2012" s="91"/>
      <c r="FX2012" s="91"/>
      <c r="FY2012" s="91"/>
      <c r="FZ2012" s="91"/>
      <c r="GA2012" s="91"/>
      <c r="GB2012" s="91"/>
      <c r="GC2012" s="91"/>
      <c r="GD2012" s="91"/>
      <c r="GE2012" s="91"/>
      <c r="GF2012" s="91"/>
      <c r="GG2012" s="91"/>
      <c r="GH2012" s="91"/>
      <c r="GI2012" s="91"/>
      <c r="GJ2012" s="91"/>
      <c r="GK2012" s="127"/>
      <c r="GL2012" s="126"/>
      <c r="GM2012" s="91"/>
      <c r="GN2012" s="91"/>
      <c r="GO2012" s="91"/>
      <c r="GP2012" s="91"/>
      <c r="GQ2012" s="91"/>
      <c r="GR2012" s="91"/>
      <c r="GS2012" s="91"/>
      <c r="GT2012" s="91"/>
      <c r="GU2012" s="91"/>
      <c r="GV2012" s="91"/>
      <c r="GW2012" s="91"/>
      <c r="GX2012" s="91"/>
      <c r="GY2012" s="91"/>
      <c r="GZ2012" s="91"/>
      <c r="HA2012" s="91"/>
      <c r="HB2012" s="91"/>
      <c r="HC2012" s="91"/>
      <c r="HD2012" s="91"/>
      <c r="HE2012" s="91"/>
      <c r="HF2012" s="91"/>
      <c r="HG2012" s="91"/>
      <c r="HH2012" s="91"/>
      <c r="HI2012" s="91"/>
      <c r="HJ2012" s="91"/>
      <c r="HK2012" s="127"/>
      <c r="HL2012" s="126"/>
      <c r="HM2012" s="91"/>
      <c r="HN2012" s="91"/>
      <c r="HO2012" s="91"/>
      <c r="HP2012" s="91"/>
      <c r="HQ2012" s="91"/>
      <c r="HR2012" s="91"/>
      <c r="HS2012" s="91"/>
      <c r="HT2012" s="91"/>
      <c r="HU2012" s="91"/>
      <c r="HV2012" s="91"/>
      <c r="HW2012" s="91"/>
      <c r="HX2012" s="91"/>
      <c r="HY2012" s="91"/>
      <c r="HZ2012" s="91"/>
      <c r="IA2012" s="91"/>
      <c r="IB2012" s="91"/>
      <c r="IC2012" s="91"/>
      <c r="ID2012" s="91"/>
      <c r="IE2012" s="91"/>
      <c r="IF2012" s="91"/>
      <c r="IG2012" s="91"/>
      <c r="IH2012" s="91"/>
      <c r="II2012" s="91"/>
      <c r="IJ2012" s="91"/>
      <c r="IK2012" s="127"/>
    </row>
    <row r="2013" spans="2:245" x14ac:dyDescent="0.2">
      <c r="B2013" s="43"/>
      <c r="C2013" s="73"/>
      <c r="D2013" s="64"/>
      <c r="E2013" s="64"/>
      <c r="F2013" s="55"/>
      <c r="G2013" s="102"/>
      <c r="H2013" s="55"/>
      <c r="I2013" s="55"/>
      <c r="J2013" s="55"/>
      <c r="K2013" s="55"/>
      <c r="L2013" s="55"/>
      <c r="M2013" s="55"/>
      <c r="N2013" s="55"/>
      <c r="O2013" s="55"/>
      <c r="P2013" s="55"/>
      <c r="Q2013" s="55"/>
      <c r="R2013" s="55"/>
      <c r="S2013" s="55"/>
      <c r="T2013" s="55"/>
      <c r="U2013" s="55"/>
      <c r="V2013" s="55"/>
      <c r="W2013" s="55"/>
      <c r="X2013" s="55"/>
      <c r="Y2013" s="55"/>
      <c r="Z2013" s="55"/>
      <c r="AA2013" s="55"/>
      <c r="AB2013" s="55"/>
      <c r="AC2013" s="55"/>
      <c r="AD2013" s="55"/>
      <c r="AE2013" s="55"/>
      <c r="AF2013" s="55"/>
      <c r="AG2013" s="55"/>
      <c r="AY2013" s="162"/>
      <c r="AZ2013" s="162"/>
      <c r="BA2013" s="162"/>
      <c r="BB2013" s="162"/>
      <c r="BC2013" s="162"/>
      <c r="BD2013" s="162"/>
      <c r="BE2013" s="162"/>
      <c r="BF2013" s="162"/>
      <c r="BG2013" s="162"/>
      <c r="BH2013" s="162"/>
      <c r="BI2013" s="162"/>
      <c r="BJ2013" s="162"/>
      <c r="BK2013" s="162"/>
      <c r="BL2013" s="162"/>
      <c r="BM2013" s="162"/>
      <c r="BN2013" s="162"/>
      <c r="BO2013" s="162"/>
      <c r="BP2013" s="162"/>
      <c r="BQ2013" s="162"/>
      <c r="BR2013" s="162"/>
      <c r="BS2013" s="162"/>
      <c r="BT2013" s="162"/>
      <c r="BU2013" s="162"/>
      <c r="BV2013" s="162"/>
      <c r="BW2013" s="162"/>
      <c r="BX2013" s="162"/>
      <c r="BY2013" s="162"/>
      <c r="BZ2013" s="162"/>
      <c r="CA2013" s="162"/>
      <c r="CB2013" s="162"/>
      <c r="CC2013" s="162"/>
      <c r="CD2013" s="162"/>
      <c r="CE2013" s="162"/>
      <c r="CF2013" s="162"/>
      <c r="CG2013" s="162"/>
      <c r="CH2013" s="162"/>
      <c r="CI2013" s="162"/>
      <c r="CJ2013" s="162"/>
      <c r="CK2013" s="162"/>
      <c r="CX2013" s="98"/>
      <c r="DL2013" s="97"/>
      <c r="DX2013" s="98"/>
      <c r="EL2013" s="97"/>
      <c r="EX2013" s="98"/>
      <c r="EY2013" s="97"/>
      <c r="FL2013" s="126"/>
      <c r="FM2013" s="91"/>
      <c r="FN2013" s="91"/>
      <c r="FO2013" s="91"/>
      <c r="FP2013" s="91"/>
      <c r="FQ2013" s="91"/>
      <c r="FR2013" s="91"/>
      <c r="FS2013" s="91"/>
      <c r="FT2013" s="91"/>
      <c r="FU2013" s="91"/>
      <c r="FV2013" s="91"/>
      <c r="FW2013" s="91"/>
      <c r="FX2013" s="91"/>
      <c r="FY2013" s="91"/>
      <c r="FZ2013" s="91"/>
      <c r="GA2013" s="91"/>
      <c r="GB2013" s="91"/>
      <c r="GC2013" s="91"/>
      <c r="GD2013" s="91"/>
      <c r="GE2013" s="91"/>
      <c r="GF2013" s="91"/>
      <c r="GG2013" s="91"/>
      <c r="GH2013" s="91"/>
      <c r="GI2013" s="91"/>
      <c r="GJ2013" s="91"/>
      <c r="GK2013" s="127"/>
      <c r="GL2013" s="126"/>
      <c r="GM2013" s="91"/>
      <c r="GN2013" s="91"/>
      <c r="GO2013" s="91"/>
      <c r="GP2013" s="91"/>
      <c r="GQ2013" s="91"/>
      <c r="GR2013" s="91"/>
      <c r="GS2013" s="91"/>
      <c r="GT2013" s="91"/>
      <c r="GU2013" s="91"/>
      <c r="GV2013" s="91"/>
      <c r="GW2013" s="91"/>
      <c r="GX2013" s="91"/>
      <c r="GY2013" s="91"/>
      <c r="GZ2013" s="91"/>
      <c r="HA2013" s="91"/>
      <c r="HB2013" s="91"/>
      <c r="HC2013" s="91"/>
      <c r="HD2013" s="91"/>
      <c r="HE2013" s="91"/>
      <c r="HF2013" s="91"/>
      <c r="HG2013" s="91"/>
      <c r="HH2013" s="91"/>
      <c r="HI2013" s="91"/>
      <c r="HJ2013" s="91"/>
      <c r="HK2013" s="127"/>
      <c r="HL2013" s="126"/>
      <c r="HM2013" s="91"/>
      <c r="HN2013" s="91"/>
      <c r="HO2013" s="91"/>
      <c r="HP2013" s="91"/>
      <c r="HQ2013" s="91"/>
      <c r="HR2013" s="91"/>
      <c r="HS2013" s="91"/>
      <c r="HT2013" s="91"/>
      <c r="HU2013" s="91"/>
      <c r="HV2013" s="91"/>
      <c r="HW2013" s="91"/>
      <c r="HX2013" s="91"/>
      <c r="HY2013" s="91"/>
      <c r="HZ2013" s="91"/>
      <c r="IA2013" s="91"/>
      <c r="IB2013" s="91"/>
      <c r="IC2013" s="91"/>
      <c r="ID2013" s="91"/>
      <c r="IE2013" s="91"/>
      <c r="IF2013" s="91"/>
      <c r="IG2013" s="91"/>
      <c r="IH2013" s="91"/>
      <c r="II2013" s="91"/>
      <c r="IJ2013" s="91"/>
      <c r="IK2013" s="127"/>
    </row>
    <row r="2014" spans="2:245" x14ac:dyDescent="0.2">
      <c r="B2014" s="43"/>
      <c r="C2014" s="73"/>
      <c r="D2014" s="64"/>
      <c r="E2014" s="64"/>
      <c r="F2014" s="55"/>
      <c r="G2014" s="102"/>
      <c r="H2014" s="55"/>
      <c r="I2014" s="55"/>
      <c r="J2014" s="55"/>
      <c r="K2014" s="55"/>
      <c r="L2014" s="55"/>
      <c r="M2014" s="55"/>
      <c r="N2014" s="55"/>
      <c r="O2014" s="55"/>
      <c r="P2014" s="55"/>
      <c r="Q2014" s="55"/>
      <c r="R2014" s="55"/>
      <c r="S2014" s="55"/>
      <c r="T2014" s="55"/>
      <c r="U2014" s="55"/>
      <c r="V2014" s="55"/>
      <c r="W2014" s="55"/>
      <c r="X2014" s="55"/>
      <c r="Y2014" s="55"/>
      <c r="Z2014" s="55"/>
      <c r="AA2014" s="55"/>
      <c r="AB2014" s="55"/>
      <c r="AC2014" s="55"/>
      <c r="AD2014" s="55"/>
      <c r="AE2014" s="55"/>
      <c r="AF2014" s="55"/>
      <c r="AG2014" s="55"/>
      <c r="AY2014" s="162"/>
      <c r="AZ2014" s="162"/>
      <c r="BA2014" s="162"/>
      <c r="BB2014" s="162"/>
      <c r="BC2014" s="162"/>
      <c r="BD2014" s="162"/>
      <c r="BE2014" s="162"/>
      <c r="BF2014" s="162"/>
      <c r="BG2014" s="162"/>
      <c r="BH2014" s="162"/>
      <c r="BI2014" s="162"/>
      <c r="BJ2014" s="162"/>
      <c r="BK2014" s="162"/>
      <c r="BL2014" s="162"/>
      <c r="BM2014" s="162"/>
      <c r="BN2014" s="162"/>
      <c r="BO2014" s="162"/>
      <c r="BP2014" s="162"/>
      <c r="BQ2014" s="162"/>
      <c r="BR2014" s="162"/>
      <c r="BS2014" s="162"/>
      <c r="BT2014" s="162"/>
      <c r="BU2014" s="162"/>
      <c r="BV2014" s="162"/>
      <c r="BW2014" s="162"/>
      <c r="BX2014" s="162"/>
      <c r="BY2014" s="162"/>
      <c r="BZ2014" s="162"/>
      <c r="CA2014" s="162"/>
      <c r="CB2014" s="162"/>
      <c r="CC2014" s="162"/>
      <c r="CD2014" s="162"/>
      <c r="CE2014" s="162"/>
      <c r="CF2014" s="162"/>
      <c r="CG2014" s="162"/>
      <c r="CH2014" s="162"/>
      <c r="CI2014" s="162"/>
      <c r="CJ2014" s="162"/>
      <c r="CK2014" s="162"/>
      <c r="CX2014" s="98"/>
      <c r="DL2014" s="97"/>
      <c r="DX2014" s="98"/>
      <c r="EL2014" s="97"/>
      <c r="EX2014" s="98"/>
      <c r="EY2014" s="97"/>
      <c r="FL2014" s="126"/>
      <c r="FM2014" s="91"/>
      <c r="FN2014" s="91"/>
      <c r="FO2014" s="91"/>
      <c r="FP2014" s="91"/>
      <c r="FQ2014" s="91"/>
      <c r="FR2014" s="91"/>
      <c r="FS2014" s="91"/>
      <c r="FT2014" s="91"/>
      <c r="FU2014" s="91"/>
      <c r="FV2014" s="91"/>
      <c r="FW2014" s="91"/>
      <c r="FX2014" s="91"/>
      <c r="FY2014" s="91"/>
      <c r="FZ2014" s="91"/>
      <c r="GA2014" s="91"/>
      <c r="GB2014" s="91"/>
      <c r="GC2014" s="91"/>
      <c r="GD2014" s="91"/>
      <c r="GE2014" s="91"/>
      <c r="GF2014" s="91"/>
      <c r="GG2014" s="91"/>
      <c r="GH2014" s="91"/>
      <c r="GI2014" s="91"/>
      <c r="GJ2014" s="91"/>
      <c r="GK2014" s="127"/>
      <c r="GL2014" s="126"/>
      <c r="GM2014" s="91"/>
      <c r="GN2014" s="91"/>
      <c r="GO2014" s="91"/>
      <c r="GP2014" s="91"/>
      <c r="GQ2014" s="91"/>
      <c r="GR2014" s="91"/>
      <c r="GS2014" s="91"/>
      <c r="GT2014" s="91"/>
      <c r="GU2014" s="91"/>
      <c r="GV2014" s="91"/>
      <c r="GW2014" s="91"/>
      <c r="GX2014" s="91"/>
      <c r="GY2014" s="91"/>
      <c r="GZ2014" s="91"/>
      <c r="HA2014" s="91"/>
      <c r="HB2014" s="91"/>
      <c r="HC2014" s="91"/>
      <c r="HD2014" s="91"/>
      <c r="HE2014" s="91"/>
      <c r="HF2014" s="91"/>
      <c r="HG2014" s="91"/>
      <c r="HH2014" s="91"/>
      <c r="HI2014" s="91"/>
      <c r="HJ2014" s="91"/>
      <c r="HK2014" s="127"/>
      <c r="HL2014" s="126"/>
      <c r="HM2014" s="91"/>
      <c r="HN2014" s="91"/>
      <c r="HO2014" s="91"/>
      <c r="HP2014" s="91"/>
      <c r="HQ2014" s="91"/>
      <c r="HR2014" s="91"/>
      <c r="HS2014" s="91"/>
      <c r="HT2014" s="91"/>
      <c r="HU2014" s="91"/>
      <c r="HV2014" s="91"/>
      <c r="HW2014" s="91"/>
      <c r="HX2014" s="91"/>
      <c r="HY2014" s="91"/>
      <c r="HZ2014" s="91"/>
      <c r="IA2014" s="91"/>
      <c r="IB2014" s="91"/>
      <c r="IC2014" s="91"/>
      <c r="ID2014" s="91"/>
      <c r="IE2014" s="91"/>
      <c r="IF2014" s="91"/>
      <c r="IG2014" s="91"/>
      <c r="IH2014" s="91"/>
      <c r="II2014" s="91"/>
      <c r="IJ2014" s="91"/>
      <c r="IK2014" s="127"/>
    </row>
    <row r="2015" spans="2:245" x14ac:dyDescent="0.2">
      <c r="B2015" s="43"/>
      <c r="C2015" s="73"/>
      <c r="D2015" s="64"/>
      <c r="E2015" s="64"/>
      <c r="F2015" s="55"/>
      <c r="G2015" s="102"/>
      <c r="H2015" s="55"/>
      <c r="I2015" s="55"/>
      <c r="J2015" s="55"/>
      <c r="K2015" s="55"/>
      <c r="L2015" s="55"/>
      <c r="M2015" s="55"/>
      <c r="N2015" s="55"/>
      <c r="O2015" s="55"/>
      <c r="P2015" s="55"/>
      <c r="Q2015" s="55"/>
      <c r="R2015" s="55"/>
      <c r="S2015" s="55"/>
      <c r="T2015" s="55"/>
      <c r="U2015" s="55"/>
      <c r="V2015" s="55"/>
      <c r="W2015" s="55"/>
      <c r="X2015" s="55"/>
      <c r="Y2015" s="55"/>
      <c r="Z2015" s="55"/>
      <c r="AA2015" s="55"/>
      <c r="AB2015" s="55"/>
      <c r="AC2015" s="55"/>
      <c r="AD2015" s="55"/>
      <c r="AE2015" s="55"/>
      <c r="AF2015" s="55"/>
      <c r="AG2015" s="55"/>
      <c r="AY2015" s="162"/>
      <c r="AZ2015" s="162"/>
      <c r="BA2015" s="162"/>
      <c r="BB2015" s="162"/>
      <c r="BC2015" s="162"/>
      <c r="BD2015" s="162"/>
      <c r="BE2015" s="162"/>
      <c r="BF2015" s="162"/>
      <c r="BG2015" s="162"/>
      <c r="BH2015" s="162"/>
      <c r="BI2015" s="162"/>
      <c r="BJ2015" s="162"/>
      <c r="BK2015" s="162"/>
      <c r="BL2015" s="162"/>
      <c r="BM2015" s="162"/>
      <c r="BN2015" s="162"/>
      <c r="BO2015" s="162"/>
      <c r="BP2015" s="162"/>
      <c r="BQ2015" s="162"/>
      <c r="BR2015" s="162"/>
      <c r="BS2015" s="162"/>
      <c r="BT2015" s="162"/>
      <c r="BU2015" s="162"/>
      <c r="BV2015" s="162"/>
      <c r="BW2015" s="162"/>
      <c r="BX2015" s="162"/>
      <c r="BY2015" s="162"/>
      <c r="BZ2015" s="162"/>
      <c r="CA2015" s="162"/>
      <c r="CB2015" s="162"/>
      <c r="CC2015" s="162"/>
      <c r="CD2015" s="162"/>
      <c r="CE2015" s="162"/>
      <c r="CF2015" s="162"/>
      <c r="CG2015" s="162"/>
      <c r="CH2015" s="162"/>
      <c r="CI2015" s="162"/>
      <c r="CJ2015" s="162"/>
      <c r="CK2015" s="162"/>
      <c r="CX2015" s="98"/>
      <c r="DL2015" s="97"/>
      <c r="DX2015" s="98"/>
      <c r="EL2015" s="97"/>
      <c r="EX2015" s="98"/>
      <c r="EY2015" s="97"/>
      <c r="FL2015" s="126"/>
      <c r="FM2015" s="91"/>
      <c r="FN2015" s="91"/>
      <c r="FO2015" s="91"/>
      <c r="FP2015" s="91"/>
      <c r="FQ2015" s="91"/>
      <c r="FR2015" s="91"/>
      <c r="FS2015" s="91"/>
      <c r="FT2015" s="91"/>
      <c r="FU2015" s="91"/>
      <c r="FV2015" s="91"/>
      <c r="FW2015" s="91"/>
      <c r="FX2015" s="91"/>
      <c r="FY2015" s="91"/>
      <c r="FZ2015" s="91"/>
      <c r="GA2015" s="91"/>
      <c r="GB2015" s="91"/>
      <c r="GC2015" s="91"/>
      <c r="GD2015" s="91"/>
      <c r="GE2015" s="91"/>
      <c r="GF2015" s="91"/>
      <c r="GG2015" s="91"/>
      <c r="GH2015" s="91"/>
      <c r="GI2015" s="91"/>
      <c r="GJ2015" s="91"/>
      <c r="GK2015" s="127"/>
      <c r="GL2015" s="126"/>
      <c r="GM2015" s="91"/>
      <c r="GN2015" s="91"/>
      <c r="GO2015" s="91"/>
      <c r="GP2015" s="91"/>
      <c r="GQ2015" s="91"/>
      <c r="GR2015" s="91"/>
      <c r="GS2015" s="91"/>
      <c r="GT2015" s="91"/>
      <c r="GU2015" s="91"/>
      <c r="GV2015" s="91"/>
      <c r="GW2015" s="91"/>
      <c r="GX2015" s="91"/>
      <c r="GY2015" s="91"/>
      <c r="GZ2015" s="91"/>
      <c r="HA2015" s="91"/>
      <c r="HB2015" s="91"/>
      <c r="HC2015" s="91"/>
      <c r="HD2015" s="91"/>
      <c r="HE2015" s="91"/>
      <c r="HF2015" s="91"/>
      <c r="HG2015" s="91"/>
      <c r="HH2015" s="91"/>
      <c r="HI2015" s="91"/>
      <c r="HJ2015" s="91"/>
      <c r="HK2015" s="127"/>
      <c r="HL2015" s="126"/>
      <c r="HM2015" s="91"/>
      <c r="HN2015" s="91"/>
      <c r="HO2015" s="91"/>
      <c r="HP2015" s="91"/>
      <c r="HQ2015" s="91"/>
      <c r="HR2015" s="91"/>
      <c r="HS2015" s="91"/>
      <c r="HT2015" s="91"/>
      <c r="HU2015" s="91"/>
      <c r="HV2015" s="91"/>
      <c r="HW2015" s="91"/>
      <c r="HX2015" s="91"/>
      <c r="HY2015" s="91"/>
      <c r="HZ2015" s="91"/>
      <c r="IA2015" s="91"/>
      <c r="IB2015" s="91"/>
      <c r="IC2015" s="91"/>
      <c r="ID2015" s="91"/>
      <c r="IE2015" s="91"/>
      <c r="IF2015" s="91"/>
      <c r="IG2015" s="91"/>
      <c r="IH2015" s="91"/>
      <c r="II2015" s="91"/>
      <c r="IJ2015" s="91"/>
      <c r="IK2015" s="127"/>
    </row>
    <row r="2016" spans="2:245" x14ac:dyDescent="0.2">
      <c r="B2016" s="43"/>
      <c r="C2016" s="73"/>
      <c r="D2016" s="64"/>
      <c r="E2016" s="64"/>
      <c r="F2016" s="55"/>
      <c r="G2016" s="102"/>
      <c r="H2016" s="55"/>
      <c r="I2016" s="55"/>
      <c r="J2016" s="55"/>
      <c r="K2016" s="55"/>
      <c r="L2016" s="55"/>
      <c r="M2016" s="55"/>
      <c r="N2016" s="55"/>
      <c r="O2016" s="55"/>
      <c r="P2016" s="55"/>
      <c r="Q2016" s="55"/>
      <c r="R2016" s="55"/>
      <c r="S2016" s="55"/>
      <c r="T2016" s="55"/>
      <c r="U2016" s="55"/>
      <c r="V2016" s="55"/>
      <c r="W2016" s="55"/>
      <c r="X2016" s="55"/>
      <c r="Y2016" s="55"/>
      <c r="Z2016" s="55"/>
      <c r="AA2016" s="55"/>
      <c r="AB2016" s="55"/>
      <c r="AC2016" s="55"/>
      <c r="AD2016" s="55"/>
      <c r="AE2016" s="55"/>
      <c r="AF2016" s="55"/>
      <c r="AG2016" s="55"/>
      <c r="AY2016" s="162"/>
      <c r="AZ2016" s="162"/>
      <c r="BA2016" s="162"/>
      <c r="BB2016" s="162"/>
      <c r="BC2016" s="162"/>
      <c r="BD2016" s="162"/>
      <c r="BE2016" s="162"/>
      <c r="BF2016" s="162"/>
      <c r="BG2016" s="162"/>
      <c r="BH2016" s="162"/>
      <c r="BI2016" s="162"/>
      <c r="BJ2016" s="162"/>
      <c r="BK2016" s="162"/>
      <c r="BL2016" s="162"/>
      <c r="BM2016" s="162"/>
      <c r="BN2016" s="162"/>
      <c r="BO2016" s="162"/>
      <c r="BP2016" s="162"/>
      <c r="BQ2016" s="162"/>
      <c r="BR2016" s="162"/>
      <c r="BS2016" s="162"/>
      <c r="BT2016" s="162"/>
      <c r="BU2016" s="162"/>
      <c r="BV2016" s="162"/>
      <c r="BW2016" s="162"/>
      <c r="BX2016" s="162"/>
      <c r="BY2016" s="162"/>
      <c r="BZ2016" s="162"/>
      <c r="CA2016" s="162"/>
      <c r="CB2016" s="162"/>
      <c r="CC2016" s="162"/>
      <c r="CD2016" s="162"/>
      <c r="CE2016" s="162"/>
      <c r="CF2016" s="162"/>
      <c r="CG2016" s="162"/>
      <c r="CH2016" s="162"/>
      <c r="CI2016" s="162"/>
      <c r="CJ2016" s="162"/>
      <c r="CK2016" s="162"/>
      <c r="CX2016" s="98"/>
      <c r="DL2016" s="97"/>
      <c r="DX2016" s="98"/>
      <c r="EL2016" s="97"/>
      <c r="EX2016" s="98"/>
      <c r="EY2016" s="97"/>
      <c r="FL2016" s="126"/>
      <c r="FM2016" s="91"/>
      <c r="FN2016" s="91"/>
      <c r="FO2016" s="91"/>
      <c r="FP2016" s="91"/>
      <c r="FQ2016" s="91"/>
      <c r="FR2016" s="91"/>
      <c r="FS2016" s="91"/>
      <c r="FT2016" s="91"/>
      <c r="FU2016" s="91"/>
      <c r="FV2016" s="91"/>
      <c r="FW2016" s="91"/>
      <c r="FX2016" s="91"/>
      <c r="FY2016" s="91"/>
      <c r="FZ2016" s="91"/>
      <c r="GA2016" s="91"/>
      <c r="GB2016" s="91"/>
      <c r="GC2016" s="91"/>
      <c r="GD2016" s="91"/>
      <c r="GE2016" s="91"/>
      <c r="GF2016" s="91"/>
      <c r="GG2016" s="91"/>
      <c r="GH2016" s="91"/>
      <c r="GI2016" s="91"/>
      <c r="GJ2016" s="91"/>
      <c r="GK2016" s="127"/>
      <c r="GL2016" s="126"/>
      <c r="GM2016" s="91"/>
      <c r="GN2016" s="91"/>
      <c r="GO2016" s="91"/>
      <c r="GP2016" s="91"/>
      <c r="GQ2016" s="91"/>
      <c r="GR2016" s="91"/>
      <c r="GS2016" s="91"/>
      <c r="GT2016" s="91"/>
      <c r="GU2016" s="91"/>
      <c r="GV2016" s="91"/>
      <c r="GW2016" s="91"/>
      <c r="GX2016" s="91"/>
      <c r="GY2016" s="91"/>
      <c r="GZ2016" s="91"/>
      <c r="HA2016" s="91"/>
      <c r="HB2016" s="91"/>
      <c r="HC2016" s="91"/>
      <c r="HD2016" s="91"/>
      <c r="HE2016" s="91"/>
      <c r="HF2016" s="91"/>
      <c r="HG2016" s="91"/>
      <c r="HH2016" s="91"/>
      <c r="HI2016" s="91"/>
      <c r="HJ2016" s="91"/>
      <c r="HK2016" s="127"/>
      <c r="HL2016" s="126"/>
      <c r="HM2016" s="91"/>
      <c r="HN2016" s="91"/>
      <c r="HO2016" s="91"/>
      <c r="HP2016" s="91"/>
      <c r="HQ2016" s="91"/>
      <c r="HR2016" s="91"/>
      <c r="HS2016" s="91"/>
      <c r="HT2016" s="91"/>
      <c r="HU2016" s="91"/>
      <c r="HV2016" s="91"/>
      <c r="HW2016" s="91"/>
      <c r="HX2016" s="91"/>
      <c r="HY2016" s="91"/>
      <c r="HZ2016" s="91"/>
      <c r="IA2016" s="91"/>
      <c r="IB2016" s="91"/>
      <c r="IC2016" s="91"/>
      <c r="ID2016" s="91"/>
      <c r="IE2016" s="91"/>
      <c r="IF2016" s="91"/>
      <c r="IG2016" s="91"/>
      <c r="IH2016" s="91"/>
      <c r="II2016" s="91"/>
      <c r="IJ2016" s="91"/>
      <c r="IK2016" s="127"/>
    </row>
    <row r="2017" spans="2:245" x14ac:dyDescent="0.2">
      <c r="B2017" s="43"/>
      <c r="C2017" s="73"/>
      <c r="D2017" s="64"/>
      <c r="E2017" s="64"/>
      <c r="F2017" s="55"/>
      <c r="G2017" s="102"/>
      <c r="H2017" s="55"/>
      <c r="I2017" s="55"/>
      <c r="J2017" s="55"/>
      <c r="K2017" s="55"/>
      <c r="L2017" s="55"/>
      <c r="M2017" s="55"/>
      <c r="N2017" s="55"/>
      <c r="O2017" s="55"/>
      <c r="P2017" s="55"/>
      <c r="Q2017" s="55"/>
      <c r="R2017" s="55"/>
      <c r="S2017" s="55"/>
      <c r="T2017" s="55"/>
      <c r="U2017" s="55"/>
      <c r="V2017" s="55"/>
      <c r="W2017" s="55"/>
      <c r="X2017" s="55"/>
      <c r="Y2017" s="55"/>
      <c r="Z2017" s="55"/>
      <c r="AA2017" s="55"/>
      <c r="AB2017" s="55"/>
      <c r="AC2017" s="55"/>
      <c r="AD2017" s="55"/>
      <c r="AE2017" s="55"/>
      <c r="AF2017" s="55"/>
      <c r="AG2017" s="55"/>
      <c r="AY2017" s="162"/>
      <c r="AZ2017" s="162"/>
      <c r="BA2017" s="162"/>
      <c r="BB2017" s="162"/>
      <c r="BC2017" s="162"/>
      <c r="BD2017" s="162"/>
      <c r="BE2017" s="162"/>
      <c r="BF2017" s="162"/>
      <c r="BG2017" s="162"/>
      <c r="BH2017" s="162"/>
      <c r="BI2017" s="162"/>
      <c r="BJ2017" s="162"/>
      <c r="BK2017" s="162"/>
      <c r="BL2017" s="162"/>
      <c r="BM2017" s="162"/>
      <c r="BN2017" s="162"/>
      <c r="BO2017" s="162"/>
      <c r="BP2017" s="162"/>
      <c r="BQ2017" s="162"/>
      <c r="BR2017" s="162"/>
      <c r="BS2017" s="162"/>
      <c r="BT2017" s="162"/>
      <c r="BU2017" s="162"/>
      <c r="BV2017" s="162"/>
      <c r="BW2017" s="162"/>
      <c r="BX2017" s="162"/>
      <c r="BY2017" s="162"/>
      <c r="BZ2017" s="162"/>
      <c r="CA2017" s="162"/>
      <c r="CB2017" s="162"/>
      <c r="CC2017" s="162"/>
      <c r="CD2017" s="162"/>
      <c r="CE2017" s="162"/>
      <c r="CF2017" s="162"/>
      <c r="CG2017" s="162"/>
      <c r="CH2017" s="162"/>
      <c r="CI2017" s="162"/>
      <c r="CJ2017" s="162"/>
      <c r="CK2017" s="162"/>
      <c r="CX2017" s="98"/>
      <c r="DL2017" s="97"/>
      <c r="DX2017" s="98"/>
      <c r="EL2017" s="97"/>
      <c r="EX2017" s="98"/>
      <c r="EY2017" s="97"/>
      <c r="FL2017" s="126"/>
      <c r="FM2017" s="91"/>
      <c r="FN2017" s="91"/>
      <c r="FO2017" s="91"/>
      <c r="FP2017" s="91"/>
      <c r="FQ2017" s="91"/>
      <c r="FR2017" s="91"/>
      <c r="FS2017" s="91"/>
      <c r="FT2017" s="91"/>
      <c r="FU2017" s="91"/>
      <c r="FV2017" s="91"/>
      <c r="FW2017" s="91"/>
      <c r="FX2017" s="91"/>
      <c r="FY2017" s="91"/>
      <c r="FZ2017" s="91"/>
      <c r="GA2017" s="91"/>
      <c r="GB2017" s="91"/>
      <c r="GC2017" s="91"/>
      <c r="GD2017" s="91"/>
      <c r="GE2017" s="91"/>
      <c r="GF2017" s="91"/>
      <c r="GG2017" s="91"/>
      <c r="GH2017" s="91"/>
      <c r="GI2017" s="91"/>
      <c r="GJ2017" s="91"/>
      <c r="GK2017" s="127"/>
      <c r="GL2017" s="126"/>
      <c r="GM2017" s="91"/>
      <c r="GN2017" s="91"/>
      <c r="GO2017" s="91"/>
      <c r="GP2017" s="91"/>
      <c r="GQ2017" s="91"/>
      <c r="GR2017" s="91"/>
      <c r="GS2017" s="91"/>
      <c r="GT2017" s="91"/>
      <c r="GU2017" s="91"/>
      <c r="GV2017" s="91"/>
      <c r="GW2017" s="91"/>
      <c r="GX2017" s="91"/>
      <c r="GY2017" s="91"/>
      <c r="GZ2017" s="91"/>
      <c r="HA2017" s="91"/>
      <c r="HB2017" s="91"/>
      <c r="HC2017" s="91"/>
      <c r="HD2017" s="91"/>
      <c r="HE2017" s="91"/>
      <c r="HF2017" s="91"/>
      <c r="HG2017" s="91"/>
      <c r="HH2017" s="91"/>
      <c r="HI2017" s="91"/>
      <c r="HJ2017" s="91"/>
      <c r="HK2017" s="127"/>
      <c r="HL2017" s="126"/>
      <c r="HM2017" s="91"/>
      <c r="HN2017" s="91"/>
      <c r="HO2017" s="91"/>
      <c r="HP2017" s="91"/>
      <c r="HQ2017" s="91"/>
      <c r="HR2017" s="91"/>
      <c r="HS2017" s="91"/>
      <c r="HT2017" s="91"/>
      <c r="HU2017" s="91"/>
      <c r="HV2017" s="91"/>
      <c r="HW2017" s="91"/>
      <c r="HX2017" s="91"/>
      <c r="HY2017" s="91"/>
      <c r="HZ2017" s="91"/>
      <c r="IA2017" s="91"/>
      <c r="IB2017" s="91"/>
      <c r="IC2017" s="91"/>
      <c r="ID2017" s="91"/>
      <c r="IE2017" s="91"/>
      <c r="IF2017" s="91"/>
      <c r="IG2017" s="91"/>
      <c r="IH2017" s="91"/>
      <c r="II2017" s="91"/>
      <c r="IJ2017" s="91"/>
      <c r="IK2017" s="127"/>
    </row>
    <row r="2018" spans="2:245" x14ac:dyDescent="0.2">
      <c r="B2018" s="43"/>
      <c r="C2018" s="73"/>
      <c r="D2018" s="64"/>
      <c r="E2018" s="64"/>
      <c r="F2018" s="55"/>
      <c r="G2018" s="102"/>
      <c r="H2018" s="55"/>
      <c r="I2018" s="55"/>
      <c r="J2018" s="55"/>
      <c r="K2018" s="55"/>
      <c r="L2018" s="55"/>
      <c r="M2018" s="55"/>
      <c r="N2018" s="55"/>
      <c r="O2018" s="55"/>
      <c r="P2018" s="55"/>
      <c r="Q2018" s="55"/>
      <c r="R2018" s="55"/>
      <c r="S2018" s="55"/>
      <c r="T2018" s="55"/>
      <c r="U2018" s="55"/>
      <c r="V2018" s="55"/>
      <c r="W2018" s="55"/>
      <c r="X2018" s="55"/>
      <c r="Y2018" s="55"/>
      <c r="Z2018" s="55"/>
      <c r="AA2018" s="55"/>
      <c r="AB2018" s="55"/>
      <c r="AC2018" s="55"/>
      <c r="AD2018" s="55"/>
      <c r="AE2018" s="55"/>
      <c r="AF2018" s="55"/>
      <c r="AG2018" s="55"/>
      <c r="AY2018" s="162"/>
      <c r="AZ2018" s="162"/>
      <c r="BA2018" s="162"/>
      <c r="BB2018" s="162"/>
      <c r="BC2018" s="162"/>
      <c r="BD2018" s="162"/>
      <c r="BE2018" s="162"/>
      <c r="BF2018" s="162"/>
      <c r="BG2018" s="162"/>
      <c r="BH2018" s="162"/>
      <c r="BI2018" s="162"/>
      <c r="BJ2018" s="162"/>
      <c r="BK2018" s="162"/>
      <c r="BL2018" s="162"/>
      <c r="BM2018" s="162"/>
      <c r="BN2018" s="162"/>
      <c r="BO2018" s="162"/>
      <c r="BP2018" s="162"/>
      <c r="BQ2018" s="162"/>
      <c r="BR2018" s="162"/>
      <c r="BS2018" s="162"/>
      <c r="BT2018" s="162"/>
      <c r="BU2018" s="162"/>
      <c r="BV2018" s="162"/>
      <c r="BW2018" s="162"/>
      <c r="BX2018" s="162"/>
      <c r="BY2018" s="162"/>
      <c r="BZ2018" s="162"/>
      <c r="CA2018" s="162"/>
      <c r="CB2018" s="162"/>
      <c r="CC2018" s="162"/>
      <c r="CD2018" s="162"/>
      <c r="CE2018" s="162"/>
      <c r="CF2018" s="162"/>
      <c r="CG2018" s="162"/>
      <c r="CH2018" s="162"/>
      <c r="CI2018" s="162"/>
      <c r="CJ2018" s="162"/>
      <c r="CK2018" s="162"/>
      <c r="CX2018" s="98"/>
      <c r="DL2018" s="97"/>
      <c r="DX2018" s="98"/>
      <c r="EL2018" s="97"/>
      <c r="EX2018" s="98"/>
      <c r="EY2018" s="97"/>
      <c r="FL2018" s="126"/>
      <c r="FM2018" s="91"/>
      <c r="FN2018" s="91"/>
      <c r="FO2018" s="91"/>
      <c r="FP2018" s="91"/>
      <c r="FQ2018" s="91"/>
      <c r="FR2018" s="91"/>
      <c r="FS2018" s="91"/>
      <c r="FT2018" s="91"/>
      <c r="FU2018" s="91"/>
      <c r="FV2018" s="91"/>
      <c r="FW2018" s="91"/>
      <c r="FX2018" s="91"/>
      <c r="FY2018" s="91"/>
      <c r="FZ2018" s="91"/>
      <c r="GA2018" s="91"/>
      <c r="GB2018" s="91"/>
      <c r="GC2018" s="91"/>
      <c r="GD2018" s="91"/>
      <c r="GE2018" s="91"/>
      <c r="GF2018" s="91"/>
      <c r="GG2018" s="91"/>
      <c r="GH2018" s="91"/>
      <c r="GI2018" s="91"/>
      <c r="GJ2018" s="91"/>
      <c r="GK2018" s="127"/>
      <c r="GL2018" s="126"/>
      <c r="GM2018" s="91"/>
      <c r="GN2018" s="91"/>
      <c r="GO2018" s="91"/>
      <c r="GP2018" s="91"/>
      <c r="GQ2018" s="91"/>
      <c r="GR2018" s="91"/>
      <c r="GS2018" s="91"/>
      <c r="GT2018" s="91"/>
      <c r="GU2018" s="91"/>
      <c r="GV2018" s="91"/>
      <c r="GW2018" s="91"/>
      <c r="GX2018" s="91"/>
      <c r="GY2018" s="91"/>
      <c r="GZ2018" s="91"/>
      <c r="HA2018" s="91"/>
      <c r="HB2018" s="91"/>
      <c r="HC2018" s="91"/>
      <c r="HD2018" s="91"/>
      <c r="HE2018" s="91"/>
      <c r="HF2018" s="91"/>
      <c r="HG2018" s="91"/>
      <c r="HH2018" s="91"/>
      <c r="HI2018" s="91"/>
      <c r="HJ2018" s="91"/>
      <c r="HK2018" s="127"/>
      <c r="HL2018" s="126"/>
      <c r="HM2018" s="91"/>
      <c r="HN2018" s="91"/>
      <c r="HO2018" s="91"/>
      <c r="HP2018" s="91"/>
      <c r="HQ2018" s="91"/>
      <c r="HR2018" s="91"/>
      <c r="HS2018" s="91"/>
      <c r="HT2018" s="91"/>
      <c r="HU2018" s="91"/>
      <c r="HV2018" s="91"/>
      <c r="HW2018" s="91"/>
      <c r="HX2018" s="91"/>
      <c r="HY2018" s="91"/>
      <c r="HZ2018" s="91"/>
      <c r="IA2018" s="91"/>
      <c r="IB2018" s="91"/>
      <c r="IC2018" s="91"/>
      <c r="ID2018" s="91"/>
      <c r="IE2018" s="91"/>
      <c r="IF2018" s="91"/>
      <c r="IG2018" s="91"/>
      <c r="IH2018" s="91"/>
      <c r="II2018" s="91"/>
      <c r="IJ2018" s="91"/>
      <c r="IK2018" s="127"/>
    </row>
    <row r="2019" spans="2:245" x14ac:dyDescent="0.2">
      <c r="B2019" s="43"/>
      <c r="C2019" s="73"/>
      <c r="D2019" s="64"/>
      <c r="E2019" s="64"/>
      <c r="F2019" s="55"/>
      <c r="G2019" s="102"/>
      <c r="H2019" s="55"/>
      <c r="I2019" s="55"/>
      <c r="J2019" s="55"/>
      <c r="K2019" s="55"/>
      <c r="L2019" s="55"/>
      <c r="M2019" s="55"/>
      <c r="N2019" s="55"/>
      <c r="O2019" s="55"/>
      <c r="P2019" s="55"/>
      <c r="Q2019" s="55"/>
      <c r="R2019" s="55"/>
      <c r="S2019" s="55"/>
      <c r="T2019" s="55"/>
      <c r="U2019" s="55"/>
      <c r="V2019" s="55"/>
      <c r="W2019" s="55"/>
      <c r="X2019" s="55"/>
      <c r="Y2019" s="55"/>
      <c r="Z2019" s="55"/>
      <c r="AA2019" s="55"/>
      <c r="AB2019" s="55"/>
      <c r="AC2019" s="55"/>
      <c r="AD2019" s="55"/>
      <c r="AE2019" s="55"/>
      <c r="AF2019" s="55"/>
      <c r="AG2019" s="55"/>
      <c r="AY2019" s="162"/>
      <c r="AZ2019" s="162"/>
      <c r="BA2019" s="162"/>
      <c r="BB2019" s="162"/>
      <c r="BC2019" s="162"/>
      <c r="BD2019" s="162"/>
      <c r="BE2019" s="162"/>
      <c r="BF2019" s="162"/>
      <c r="BG2019" s="162"/>
      <c r="BH2019" s="162"/>
      <c r="BI2019" s="162"/>
      <c r="BJ2019" s="162"/>
      <c r="BK2019" s="162"/>
      <c r="BL2019" s="162"/>
      <c r="BM2019" s="162"/>
      <c r="BN2019" s="162"/>
      <c r="BO2019" s="162"/>
      <c r="BP2019" s="162"/>
      <c r="BQ2019" s="162"/>
      <c r="BR2019" s="162"/>
      <c r="BS2019" s="162"/>
      <c r="BT2019" s="162"/>
      <c r="BU2019" s="162"/>
      <c r="BV2019" s="162"/>
      <c r="BW2019" s="162"/>
      <c r="BX2019" s="162"/>
      <c r="BY2019" s="162"/>
      <c r="BZ2019" s="162"/>
      <c r="CA2019" s="162"/>
      <c r="CB2019" s="162"/>
      <c r="CC2019" s="162"/>
      <c r="CD2019" s="162"/>
      <c r="CE2019" s="162"/>
      <c r="CF2019" s="162"/>
      <c r="CG2019" s="162"/>
      <c r="CH2019" s="162"/>
      <c r="CI2019" s="162"/>
      <c r="CJ2019" s="162"/>
      <c r="CK2019" s="162"/>
      <c r="CX2019" s="98"/>
      <c r="DL2019" s="97"/>
      <c r="DX2019" s="98"/>
      <c r="EL2019" s="97"/>
      <c r="EX2019" s="98"/>
      <c r="EY2019" s="97"/>
      <c r="FL2019" s="126"/>
      <c r="FM2019" s="91"/>
      <c r="FN2019" s="91"/>
      <c r="FO2019" s="91"/>
      <c r="FP2019" s="91"/>
      <c r="FQ2019" s="91"/>
      <c r="FR2019" s="91"/>
      <c r="FS2019" s="91"/>
      <c r="FT2019" s="91"/>
      <c r="FU2019" s="91"/>
      <c r="FV2019" s="91"/>
      <c r="FW2019" s="91"/>
      <c r="FX2019" s="91"/>
      <c r="FY2019" s="91"/>
      <c r="FZ2019" s="91"/>
      <c r="GA2019" s="91"/>
      <c r="GB2019" s="91"/>
      <c r="GC2019" s="91"/>
      <c r="GD2019" s="91"/>
      <c r="GE2019" s="91"/>
      <c r="GF2019" s="91"/>
      <c r="GG2019" s="91"/>
      <c r="GH2019" s="91"/>
      <c r="GI2019" s="91"/>
      <c r="GJ2019" s="91"/>
      <c r="GK2019" s="127"/>
      <c r="GL2019" s="126"/>
      <c r="GM2019" s="91"/>
      <c r="GN2019" s="91"/>
      <c r="GO2019" s="91"/>
      <c r="GP2019" s="91"/>
      <c r="GQ2019" s="91"/>
      <c r="GR2019" s="91"/>
      <c r="GS2019" s="91"/>
      <c r="GT2019" s="91"/>
      <c r="GU2019" s="91"/>
      <c r="GV2019" s="91"/>
      <c r="GW2019" s="91"/>
      <c r="GX2019" s="91"/>
      <c r="GY2019" s="91"/>
      <c r="GZ2019" s="91"/>
      <c r="HA2019" s="91"/>
      <c r="HB2019" s="91"/>
      <c r="HC2019" s="91"/>
      <c r="HD2019" s="91"/>
      <c r="HE2019" s="91"/>
      <c r="HF2019" s="91"/>
      <c r="HG2019" s="91"/>
      <c r="HH2019" s="91"/>
      <c r="HI2019" s="91"/>
      <c r="HJ2019" s="91"/>
      <c r="HK2019" s="127"/>
      <c r="HL2019" s="126"/>
      <c r="HM2019" s="91"/>
      <c r="HN2019" s="91"/>
      <c r="HO2019" s="91"/>
      <c r="HP2019" s="91"/>
      <c r="HQ2019" s="91"/>
      <c r="HR2019" s="91"/>
      <c r="HS2019" s="91"/>
      <c r="HT2019" s="91"/>
      <c r="HU2019" s="91"/>
      <c r="HV2019" s="91"/>
      <c r="HW2019" s="91"/>
      <c r="HX2019" s="91"/>
      <c r="HY2019" s="91"/>
      <c r="HZ2019" s="91"/>
      <c r="IA2019" s="91"/>
      <c r="IB2019" s="91"/>
      <c r="IC2019" s="91"/>
      <c r="ID2019" s="91"/>
      <c r="IE2019" s="91"/>
      <c r="IF2019" s="91"/>
      <c r="IG2019" s="91"/>
      <c r="IH2019" s="91"/>
      <c r="II2019" s="91"/>
      <c r="IJ2019" s="91"/>
      <c r="IK2019" s="127"/>
    </row>
    <row r="2020" spans="2:245" x14ac:dyDescent="0.2">
      <c r="B2020" s="43"/>
      <c r="C2020" s="73"/>
      <c r="D2020" s="64"/>
      <c r="E2020" s="64"/>
      <c r="F2020" s="55"/>
      <c r="G2020" s="102"/>
      <c r="H2020" s="55"/>
      <c r="I2020" s="55"/>
      <c r="J2020" s="55"/>
      <c r="K2020" s="55"/>
      <c r="L2020" s="55"/>
      <c r="M2020" s="55"/>
      <c r="N2020" s="55"/>
      <c r="O2020" s="55"/>
      <c r="P2020" s="55"/>
      <c r="Q2020" s="55"/>
      <c r="R2020" s="55"/>
      <c r="S2020" s="55"/>
      <c r="T2020" s="55"/>
      <c r="U2020" s="55"/>
      <c r="V2020" s="55"/>
      <c r="W2020" s="55"/>
      <c r="X2020" s="55"/>
      <c r="Y2020" s="55"/>
      <c r="Z2020" s="55"/>
      <c r="AA2020" s="55"/>
      <c r="AB2020" s="55"/>
      <c r="AC2020" s="55"/>
      <c r="AD2020" s="55"/>
      <c r="AE2020" s="55"/>
      <c r="AF2020" s="55"/>
      <c r="AG2020" s="55"/>
      <c r="AY2020" s="162"/>
      <c r="AZ2020" s="162"/>
      <c r="BA2020" s="162"/>
      <c r="BB2020" s="162"/>
      <c r="BC2020" s="162"/>
      <c r="BD2020" s="162"/>
      <c r="BE2020" s="162"/>
      <c r="BF2020" s="162"/>
      <c r="BG2020" s="162"/>
      <c r="BH2020" s="162"/>
      <c r="BI2020" s="162"/>
      <c r="BJ2020" s="162"/>
      <c r="BK2020" s="162"/>
      <c r="BL2020" s="162"/>
      <c r="BM2020" s="162"/>
      <c r="BN2020" s="162"/>
      <c r="BO2020" s="162"/>
      <c r="BP2020" s="162"/>
      <c r="BQ2020" s="162"/>
      <c r="BR2020" s="162"/>
      <c r="BS2020" s="162"/>
      <c r="BT2020" s="162"/>
      <c r="BU2020" s="162"/>
      <c r="BV2020" s="162"/>
      <c r="BW2020" s="162"/>
      <c r="BX2020" s="162"/>
      <c r="BY2020" s="162"/>
      <c r="BZ2020" s="162"/>
      <c r="CA2020" s="162"/>
      <c r="CB2020" s="162"/>
      <c r="CC2020" s="162"/>
      <c r="CD2020" s="162"/>
      <c r="CE2020" s="162"/>
      <c r="CF2020" s="162"/>
      <c r="CG2020" s="162"/>
      <c r="CH2020" s="162"/>
      <c r="CI2020" s="162"/>
      <c r="CJ2020" s="162"/>
      <c r="CK2020" s="162"/>
      <c r="CX2020" s="98"/>
      <c r="DL2020" s="97"/>
      <c r="DX2020" s="98"/>
      <c r="EL2020" s="97"/>
      <c r="EX2020" s="98"/>
      <c r="EY2020" s="97"/>
      <c r="FL2020" s="126"/>
      <c r="FM2020" s="91"/>
      <c r="FN2020" s="91"/>
      <c r="FO2020" s="91"/>
      <c r="FP2020" s="91"/>
      <c r="FQ2020" s="91"/>
      <c r="FR2020" s="91"/>
      <c r="FS2020" s="91"/>
      <c r="FT2020" s="91"/>
      <c r="FU2020" s="91"/>
      <c r="FV2020" s="91"/>
      <c r="FW2020" s="91"/>
      <c r="FX2020" s="91"/>
      <c r="FY2020" s="91"/>
      <c r="FZ2020" s="91"/>
      <c r="GA2020" s="91"/>
      <c r="GB2020" s="91"/>
      <c r="GC2020" s="91"/>
      <c r="GD2020" s="91"/>
      <c r="GE2020" s="91"/>
      <c r="GF2020" s="91"/>
      <c r="GG2020" s="91"/>
      <c r="GH2020" s="91"/>
      <c r="GI2020" s="91"/>
      <c r="GJ2020" s="91"/>
      <c r="GK2020" s="127"/>
      <c r="GL2020" s="126"/>
      <c r="GM2020" s="91"/>
      <c r="GN2020" s="91"/>
      <c r="GO2020" s="91"/>
      <c r="GP2020" s="91"/>
      <c r="GQ2020" s="91"/>
      <c r="GR2020" s="91"/>
      <c r="GS2020" s="91"/>
      <c r="GT2020" s="91"/>
      <c r="GU2020" s="91"/>
      <c r="GV2020" s="91"/>
      <c r="GW2020" s="91"/>
      <c r="GX2020" s="91"/>
      <c r="GY2020" s="91"/>
      <c r="GZ2020" s="91"/>
      <c r="HA2020" s="91"/>
      <c r="HB2020" s="91"/>
      <c r="HC2020" s="91"/>
      <c r="HD2020" s="91"/>
      <c r="HE2020" s="91"/>
      <c r="HF2020" s="91"/>
      <c r="HG2020" s="91"/>
      <c r="HH2020" s="91"/>
      <c r="HI2020" s="91"/>
      <c r="HJ2020" s="91"/>
      <c r="HK2020" s="127"/>
      <c r="HL2020" s="126"/>
      <c r="HM2020" s="91"/>
      <c r="HN2020" s="91"/>
      <c r="HO2020" s="91"/>
      <c r="HP2020" s="91"/>
      <c r="HQ2020" s="91"/>
      <c r="HR2020" s="91"/>
      <c r="HS2020" s="91"/>
      <c r="HT2020" s="91"/>
      <c r="HU2020" s="91"/>
      <c r="HV2020" s="91"/>
      <c r="HW2020" s="91"/>
      <c r="HX2020" s="91"/>
      <c r="HY2020" s="91"/>
      <c r="HZ2020" s="91"/>
      <c r="IA2020" s="91"/>
      <c r="IB2020" s="91"/>
      <c r="IC2020" s="91"/>
      <c r="ID2020" s="91"/>
      <c r="IE2020" s="91"/>
      <c r="IF2020" s="91"/>
      <c r="IG2020" s="91"/>
      <c r="IH2020" s="91"/>
      <c r="II2020" s="91"/>
      <c r="IJ2020" s="91"/>
      <c r="IK2020" s="127"/>
    </row>
    <row r="2021" spans="2:245" x14ac:dyDescent="0.2">
      <c r="B2021" s="43"/>
      <c r="C2021" s="73"/>
      <c r="D2021" s="64"/>
      <c r="E2021" s="64"/>
      <c r="F2021" s="55"/>
      <c r="G2021" s="102"/>
      <c r="H2021" s="55"/>
      <c r="I2021" s="55"/>
      <c r="J2021" s="55"/>
      <c r="K2021" s="55"/>
      <c r="L2021" s="55"/>
      <c r="M2021" s="55"/>
      <c r="N2021" s="55"/>
      <c r="O2021" s="55"/>
      <c r="P2021" s="55"/>
      <c r="Q2021" s="55"/>
      <c r="R2021" s="55"/>
      <c r="S2021" s="55"/>
      <c r="T2021" s="55"/>
      <c r="U2021" s="55"/>
      <c r="V2021" s="55"/>
      <c r="W2021" s="55"/>
      <c r="X2021" s="55"/>
      <c r="Y2021" s="55"/>
      <c r="Z2021" s="55"/>
      <c r="AA2021" s="55"/>
      <c r="AB2021" s="55"/>
      <c r="AC2021" s="55"/>
      <c r="AD2021" s="55"/>
      <c r="AE2021" s="55"/>
      <c r="AF2021" s="55"/>
      <c r="AG2021" s="55"/>
      <c r="AY2021" s="162"/>
      <c r="AZ2021" s="162"/>
      <c r="BA2021" s="162"/>
      <c r="BB2021" s="162"/>
      <c r="BC2021" s="162"/>
      <c r="BD2021" s="162"/>
      <c r="BE2021" s="162"/>
      <c r="BF2021" s="162"/>
      <c r="BG2021" s="162"/>
      <c r="BH2021" s="162"/>
      <c r="BI2021" s="162"/>
      <c r="BJ2021" s="162"/>
      <c r="BK2021" s="162"/>
      <c r="BL2021" s="162"/>
      <c r="BM2021" s="162"/>
      <c r="BN2021" s="162"/>
      <c r="BO2021" s="162"/>
      <c r="BP2021" s="162"/>
      <c r="BQ2021" s="162"/>
      <c r="BR2021" s="162"/>
      <c r="BS2021" s="162"/>
      <c r="BT2021" s="162"/>
      <c r="BU2021" s="162"/>
      <c r="BV2021" s="162"/>
      <c r="BW2021" s="162"/>
      <c r="BX2021" s="162"/>
      <c r="BY2021" s="162"/>
      <c r="BZ2021" s="162"/>
      <c r="CA2021" s="162"/>
      <c r="CB2021" s="162"/>
      <c r="CC2021" s="162"/>
      <c r="CD2021" s="162"/>
      <c r="CE2021" s="162"/>
      <c r="CF2021" s="162"/>
      <c r="CG2021" s="162"/>
      <c r="CH2021" s="162"/>
      <c r="CI2021" s="162"/>
      <c r="CJ2021" s="162"/>
      <c r="CK2021" s="162"/>
      <c r="CX2021" s="98"/>
      <c r="DL2021" s="97"/>
      <c r="DX2021" s="98"/>
      <c r="EL2021" s="97"/>
      <c r="EX2021" s="98"/>
      <c r="EY2021" s="97"/>
      <c r="FL2021" s="126"/>
      <c r="FM2021" s="91"/>
      <c r="FN2021" s="91"/>
      <c r="FO2021" s="91"/>
      <c r="FP2021" s="91"/>
      <c r="FQ2021" s="91"/>
      <c r="FR2021" s="91"/>
      <c r="FS2021" s="91"/>
      <c r="FT2021" s="91"/>
      <c r="FU2021" s="91"/>
      <c r="FV2021" s="91"/>
      <c r="FW2021" s="91"/>
      <c r="FX2021" s="91"/>
      <c r="FY2021" s="91"/>
      <c r="FZ2021" s="91"/>
      <c r="GA2021" s="91"/>
      <c r="GB2021" s="91"/>
      <c r="GC2021" s="91"/>
      <c r="GD2021" s="91"/>
      <c r="GE2021" s="91"/>
      <c r="GF2021" s="91"/>
      <c r="GG2021" s="91"/>
      <c r="GH2021" s="91"/>
      <c r="GI2021" s="91"/>
      <c r="GJ2021" s="91"/>
      <c r="GK2021" s="127"/>
      <c r="GL2021" s="126"/>
      <c r="GM2021" s="91"/>
      <c r="GN2021" s="91"/>
      <c r="GO2021" s="91"/>
      <c r="GP2021" s="91"/>
      <c r="GQ2021" s="91"/>
      <c r="GR2021" s="91"/>
      <c r="GS2021" s="91"/>
      <c r="GT2021" s="91"/>
      <c r="GU2021" s="91"/>
      <c r="GV2021" s="91"/>
      <c r="GW2021" s="91"/>
      <c r="GX2021" s="91"/>
      <c r="GY2021" s="91"/>
      <c r="GZ2021" s="91"/>
      <c r="HA2021" s="91"/>
      <c r="HB2021" s="91"/>
      <c r="HC2021" s="91"/>
      <c r="HD2021" s="91"/>
      <c r="HE2021" s="91"/>
      <c r="HF2021" s="91"/>
      <c r="HG2021" s="91"/>
      <c r="HH2021" s="91"/>
      <c r="HI2021" s="91"/>
      <c r="HJ2021" s="91"/>
      <c r="HK2021" s="127"/>
      <c r="HL2021" s="126"/>
      <c r="HM2021" s="91"/>
      <c r="HN2021" s="91"/>
      <c r="HO2021" s="91"/>
      <c r="HP2021" s="91"/>
      <c r="HQ2021" s="91"/>
      <c r="HR2021" s="91"/>
      <c r="HS2021" s="91"/>
      <c r="HT2021" s="91"/>
      <c r="HU2021" s="91"/>
      <c r="HV2021" s="91"/>
      <c r="HW2021" s="91"/>
      <c r="HX2021" s="91"/>
      <c r="HY2021" s="91"/>
      <c r="HZ2021" s="91"/>
      <c r="IA2021" s="91"/>
      <c r="IB2021" s="91"/>
      <c r="IC2021" s="91"/>
      <c r="ID2021" s="91"/>
      <c r="IE2021" s="91"/>
      <c r="IF2021" s="91"/>
      <c r="IG2021" s="91"/>
      <c r="IH2021" s="91"/>
      <c r="II2021" s="91"/>
      <c r="IJ2021" s="91"/>
      <c r="IK2021" s="127"/>
    </row>
    <row r="2022" spans="2:245" x14ac:dyDescent="0.2">
      <c r="B2022" s="43"/>
      <c r="C2022" s="73"/>
      <c r="D2022" s="64"/>
      <c r="E2022" s="64"/>
      <c r="F2022" s="55"/>
      <c r="G2022" s="102"/>
      <c r="H2022" s="55"/>
      <c r="I2022" s="55"/>
      <c r="J2022" s="55"/>
      <c r="K2022" s="55"/>
      <c r="L2022" s="55"/>
      <c r="M2022" s="55"/>
      <c r="N2022" s="55"/>
      <c r="O2022" s="55"/>
      <c r="P2022" s="55"/>
      <c r="Q2022" s="55"/>
      <c r="R2022" s="55"/>
      <c r="S2022" s="55"/>
      <c r="T2022" s="55"/>
      <c r="U2022" s="55"/>
      <c r="V2022" s="55"/>
      <c r="W2022" s="55"/>
      <c r="X2022" s="55"/>
      <c r="Y2022" s="55"/>
      <c r="Z2022" s="55"/>
      <c r="AA2022" s="55"/>
      <c r="AB2022" s="55"/>
      <c r="AC2022" s="55"/>
      <c r="AD2022" s="55"/>
      <c r="AE2022" s="55"/>
      <c r="AF2022" s="55"/>
      <c r="AG2022" s="55"/>
      <c r="AY2022" s="162"/>
      <c r="AZ2022" s="162"/>
      <c r="BA2022" s="162"/>
      <c r="BB2022" s="162"/>
      <c r="BC2022" s="162"/>
      <c r="BD2022" s="162"/>
      <c r="BE2022" s="162"/>
      <c r="BF2022" s="162"/>
      <c r="BG2022" s="162"/>
      <c r="BH2022" s="162"/>
      <c r="BI2022" s="162"/>
      <c r="BJ2022" s="162"/>
      <c r="BK2022" s="162"/>
      <c r="BL2022" s="162"/>
      <c r="BM2022" s="162"/>
      <c r="BN2022" s="162"/>
      <c r="BO2022" s="162"/>
      <c r="BP2022" s="162"/>
      <c r="BQ2022" s="162"/>
      <c r="BR2022" s="162"/>
      <c r="BS2022" s="162"/>
      <c r="BT2022" s="162"/>
      <c r="BU2022" s="162"/>
      <c r="BV2022" s="162"/>
      <c r="BW2022" s="162"/>
      <c r="BX2022" s="162"/>
      <c r="BY2022" s="162"/>
      <c r="BZ2022" s="162"/>
      <c r="CA2022" s="162"/>
      <c r="CB2022" s="162"/>
      <c r="CC2022" s="162"/>
      <c r="CD2022" s="162"/>
      <c r="CE2022" s="162"/>
      <c r="CF2022" s="162"/>
      <c r="CG2022" s="162"/>
      <c r="CH2022" s="162"/>
      <c r="CI2022" s="162"/>
      <c r="CJ2022" s="162"/>
      <c r="CK2022" s="162"/>
      <c r="CX2022" s="98"/>
      <c r="DL2022" s="97"/>
      <c r="DX2022" s="98"/>
      <c r="EL2022" s="97"/>
      <c r="EX2022" s="98"/>
      <c r="EY2022" s="97"/>
      <c r="FL2022" s="126"/>
      <c r="FM2022" s="91"/>
      <c r="FN2022" s="91"/>
      <c r="FO2022" s="91"/>
      <c r="FP2022" s="91"/>
      <c r="FQ2022" s="91"/>
      <c r="FR2022" s="91"/>
      <c r="FS2022" s="91"/>
      <c r="FT2022" s="91"/>
      <c r="FU2022" s="91"/>
      <c r="FV2022" s="91"/>
      <c r="FW2022" s="91"/>
      <c r="FX2022" s="91"/>
      <c r="FY2022" s="91"/>
      <c r="FZ2022" s="91"/>
      <c r="GA2022" s="91"/>
      <c r="GB2022" s="91"/>
      <c r="GC2022" s="91"/>
      <c r="GD2022" s="91"/>
      <c r="GE2022" s="91"/>
      <c r="GF2022" s="91"/>
      <c r="GG2022" s="91"/>
      <c r="GH2022" s="91"/>
      <c r="GI2022" s="91"/>
      <c r="GJ2022" s="91"/>
      <c r="GK2022" s="127"/>
      <c r="GL2022" s="126"/>
      <c r="GM2022" s="91"/>
      <c r="GN2022" s="91"/>
      <c r="GO2022" s="91"/>
      <c r="GP2022" s="91"/>
      <c r="GQ2022" s="91"/>
      <c r="GR2022" s="91"/>
      <c r="GS2022" s="91"/>
      <c r="GT2022" s="91"/>
      <c r="GU2022" s="91"/>
      <c r="GV2022" s="91"/>
      <c r="GW2022" s="91"/>
      <c r="GX2022" s="91"/>
      <c r="GY2022" s="91"/>
      <c r="GZ2022" s="91"/>
      <c r="HA2022" s="91"/>
      <c r="HB2022" s="91"/>
      <c r="HC2022" s="91"/>
      <c r="HD2022" s="91"/>
      <c r="HE2022" s="91"/>
      <c r="HF2022" s="91"/>
      <c r="HG2022" s="91"/>
      <c r="HH2022" s="91"/>
      <c r="HI2022" s="91"/>
      <c r="HJ2022" s="91"/>
      <c r="HK2022" s="127"/>
      <c r="HL2022" s="126"/>
      <c r="HM2022" s="91"/>
      <c r="HN2022" s="91"/>
      <c r="HO2022" s="91"/>
      <c r="HP2022" s="91"/>
      <c r="HQ2022" s="91"/>
      <c r="HR2022" s="91"/>
      <c r="HS2022" s="91"/>
      <c r="HT2022" s="91"/>
      <c r="HU2022" s="91"/>
      <c r="HV2022" s="91"/>
      <c r="HW2022" s="91"/>
      <c r="HX2022" s="91"/>
      <c r="HY2022" s="91"/>
      <c r="HZ2022" s="91"/>
      <c r="IA2022" s="91"/>
      <c r="IB2022" s="91"/>
      <c r="IC2022" s="91"/>
      <c r="ID2022" s="91"/>
      <c r="IE2022" s="91"/>
      <c r="IF2022" s="91"/>
      <c r="IG2022" s="91"/>
      <c r="IH2022" s="91"/>
      <c r="II2022" s="91"/>
      <c r="IJ2022" s="91"/>
      <c r="IK2022" s="127"/>
    </row>
    <row r="2023" spans="2:245" x14ac:dyDescent="0.2">
      <c r="B2023" s="43"/>
      <c r="C2023" s="73"/>
      <c r="D2023" s="64"/>
      <c r="E2023" s="64"/>
      <c r="F2023" s="55"/>
      <c r="G2023" s="102"/>
      <c r="H2023" s="55"/>
      <c r="I2023" s="55"/>
      <c r="J2023" s="55"/>
      <c r="K2023" s="55"/>
      <c r="L2023" s="55"/>
      <c r="M2023" s="55"/>
      <c r="N2023" s="55"/>
      <c r="O2023" s="55"/>
      <c r="P2023" s="55"/>
      <c r="Q2023" s="55"/>
      <c r="R2023" s="55"/>
      <c r="S2023" s="55"/>
      <c r="T2023" s="55"/>
      <c r="U2023" s="55"/>
      <c r="V2023" s="55"/>
      <c r="W2023" s="55"/>
      <c r="X2023" s="55"/>
      <c r="Y2023" s="55"/>
      <c r="Z2023" s="55"/>
      <c r="AA2023" s="55"/>
      <c r="AB2023" s="55"/>
      <c r="AC2023" s="55"/>
      <c r="AD2023" s="55"/>
      <c r="AE2023" s="55"/>
      <c r="AF2023" s="55"/>
      <c r="AG2023" s="55"/>
      <c r="AY2023" s="162"/>
      <c r="AZ2023" s="162"/>
      <c r="BA2023" s="162"/>
      <c r="BB2023" s="162"/>
      <c r="BC2023" s="162"/>
      <c r="BD2023" s="162"/>
      <c r="BE2023" s="162"/>
      <c r="BF2023" s="162"/>
      <c r="BG2023" s="162"/>
      <c r="BH2023" s="162"/>
      <c r="BI2023" s="162"/>
      <c r="BJ2023" s="162"/>
      <c r="BK2023" s="162"/>
      <c r="BL2023" s="162"/>
      <c r="BM2023" s="162"/>
      <c r="BN2023" s="162"/>
      <c r="BO2023" s="162"/>
      <c r="BP2023" s="162"/>
      <c r="BQ2023" s="162"/>
      <c r="BR2023" s="162"/>
      <c r="BS2023" s="162"/>
      <c r="BT2023" s="162"/>
      <c r="BU2023" s="162"/>
      <c r="BV2023" s="162"/>
      <c r="BW2023" s="162"/>
      <c r="BX2023" s="162"/>
      <c r="BY2023" s="162"/>
      <c r="BZ2023" s="162"/>
      <c r="CA2023" s="162"/>
      <c r="CB2023" s="162"/>
      <c r="CC2023" s="162"/>
      <c r="CD2023" s="162"/>
      <c r="CE2023" s="162"/>
      <c r="CF2023" s="162"/>
      <c r="CG2023" s="162"/>
      <c r="CH2023" s="162"/>
      <c r="CI2023" s="162"/>
      <c r="CJ2023" s="162"/>
      <c r="CK2023" s="162"/>
      <c r="CX2023" s="98"/>
      <c r="DL2023" s="97"/>
      <c r="DX2023" s="98"/>
      <c r="EL2023" s="97"/>
      <c r="EX2023" s="98"/>
      <c r="EY2023" s="97"/>
      <c r="FL2023" s="126"/>
      <c r="FM2023" s="91"/>
      <c r="FN2023" s="91"/>
      <c r="FO2023" s="91"/>
      <c r="FP2023" s="91"/>
      <c r="FQ2023" s="91"/>
      <c r="FR2023" s="91"/>
      <c r="FS2023" s="91"/>
      <c r="FT2023" s="91"/>
      <c r="FU2023" s="91"/>
      <c r="FV2023" s="91"/>
      <c r="FW2023" s="91"/>
      <c r="FX2023" s="91"/>
      <c r="FY2023" s="91"/>
      <c r="FZ2023" s="91"/>
      <c r="GA2023" s="91"/>
      <c r="GB2023" s="91"/>
      <c r="GC2023" s="91"/>
      <c r="GD2023" s="91"/>
      <c r="GE2023" s="91"/>
      <c r="GF2023" s="91"/>
      <c r="GG2023" s="91"/>
      <c r="GH2023" s="91"/>
      <c r="GI2023" s="91"/>
      <c r="GJ2023" s="91"/>
      <c r="GK2023" s="127"/>
      <c r="GL2023" s="126"/>
      <c r="GM2023" s="91"/>
      <c r="GN2023" s="91"/>
      <c r="GO2023" s="91"/>
      <c r="GP2023" s="91"/>
      <c r="GQ2023" s="91"/>
      <c r="GR2023" s="91"/>
      <c r="GS2023" s="91"/>
      <c r="GT2023" s="91"/>
      <c r="GU2023" s="91"/>
      <c r="GV2023" s="91"/>
      <c r="GW2023" s="91"/>
      <c r="GX2023" s="91"/>
      <c r="GY2023" s="91"/>
      <c r="GZ2023" s="91"/>
      <c r="HA2023" s="91"/>
      <c r="HB2023" s="91"/>
      <c r="HC2023" s="91"/>
      <c r="HD2023" s="91"/>
      <c r="HE2023" s="91"/>
      <c r="HF2023" s="91"/>
      <c r="HG2023" s="91"/>
      <c r="HH2023" s="91"/>
      <c r="HI2023" s="91"/>
      <c r="HJ2023" s="91"/>
      <c r="HK2023" s="127"/>
      <c r="HL2023" s="126"/>
      <c r="HM2023" s="91"/>
      <c r="HN2023" s="91"/>
      <c r="HO2023" s="91"/>
      <c r="HP2023" s="91"/>
      <c r="HQ2023" s="91"/>
      <c r="HR2023" s="91"/>
      <c r="HS2023" s="91"/>
      <c r="HT2023" s="91"/>
      <c r="HU2023" s="91"/>
      <c r="HV2023" s="91"/>
      <c r="HW2023" s="91"/>
      <c r="HX2023" s="91"/>
      <c r="HY2023" s="91"/>
      <c r="HZ2023" s="91"/>
      <c r="IA2023" s="91"/>
      <c r="IB2023" s="91"/>
      <c r="IC2023" s="91"/>
      <c r="ID2023" s="91"/>
      <c r="IE2023" s="91"/>
      <c r="IF2023" s="91"/>
      <c r="IG2023" s="91"/>
      <c r="IH2023" s="91"/>
      <c r="II2023" s="91"/>
      <c r="IJ2023" s="91"/>
      <c r="IK2023" s="127"/>
    </row>
    <row r="2024" spans="2:245" x14ac:dyDescent="0.2">
      <c r="B2024" s="43"/>
      <c r="C2024" s="73"/>
      <c r="D2024" s="64"/>
      <c r="E2024" s="64"/>
      <c r="F2024" s="55"/>
      <c r="G2024" s="102"/>
      <c r="H2024" s="55"/>
      <c r="I2024" s="55"/>
      <c r="J2024" s="55"/>
      <c r="K2024" s="55"/>
      <c r="L2024" s="55"/>
      <c r="M2024" s="55"/>
      <c r="N2024" s="55"/>
      <c r="O2024" s="55"/>
      <c r="P2024" s="55"/>
      <c r="Q2024" s="55"/>
      <c r="R2024" s="55"/>
      <c r="S2024" s="55"/>
      <c r="T2024" s="55"/>
      <c r="U2024" s="55"/>
      <c r="V2024" s="55"/>
      <c r="W2024" s="55"/>
      <c r="X2024" s="55"/>
      <c r="Y2024" s="55"/>
      <c r="Z2024" s="55"/>
      <c r="AA2024" s="55"/>
      <c r="AB2024" s="55"/>
      <c r="AC2024" s="55"/>
      <c r="AD2024" s="55"/>
      <c r="AE2024" s="55"/>
      <c r="AF2024" s="55"/>
      <c r="AG2024" s="55"/>
      <c r="AY2024" s="162"/>
      <c r="AZ2024" s="162"/>
      <c r="BA2024" s="162"/>
      <c r="BB2024" s="162"/>
      <c r="BC2024" s="162"/>
      <c r="BD2024" s="162"/>
      <c r="BE2024" s="162"/>
      <c r="BF2024" s="162"/>
      <c r="BG2024" s="162"/>
      <c r="BH2024" s="162"/>
      <c r="BI2024" s="162"/>
      <c r="BJ2024" s="162"/>
      <c r="BK2024" s="162"/>
      <c r="BL2024" s="162"/>
      <c r="BM2024" s="162"/>
      <c r="BN2024" s="162"/>
      <c r="BO2024" s="162"/>
      <c r="BP2024" s="162"/>
      <c r="BQ2024" s="162"/>
      <c r="BR2024" s="162"/>
      <c r="BS2024" s="162"/>
      <c r="BT2024" s="162"/>
      <c r="BU2024" s="162"/>
      <c r="BV2024" s="162"/>
      <c r="BW2024" s="162"/>
      <c r="BX2024" s="162"/>
      <c r="BY2024" s="162"/>
      <c r="BZ2024" s="162"/>
      <c r="CA2024" s="162"/>
      <c r="CB2024" s="162"/>
      <c r="CC2024" s="162"/>
      <c r="CD2024" s="162"/>
      <c r="CE2024" s="162"/>
      <c r="CF2024" s="162"/>
      <c r="CG2024" s="162"/>
      <c r="CH2024" s="162"/>
      <c r="CI2024" s="162"/>
      <c r="CJ2024" s="162"/>
      <c r="CK2024" s="162"/>
      <c r="CX2024" s="98"/>
      <c r="DL2024" s="97"/>
      <c r="DX2024" s="98"/>
      <c r="EL2024" s="97"/>
      <c r="EX2024" s="98"/>
      <c r="EY2024" s="97"/>
      <c r="FL2024" s="126"/>
      <c r="FM2024" s="91"/>
      <c r="FN2024" s="91"/>
      <c r="FO2024" s="91"/>
      <c r="FP2024" s="91"/>
      <c r="FQ2024" s="91"/>
      <c r="FR2024" s="91"/>
      <c r="FS2024" s="91"/>
      <c r="FT2024" s="91"/>
      <c r="FU2024" s="91"/>
      <c r="FV2024" s="91"/>
      <c r="FW2024" s="91"/>
      <c r="FX2024" s="91"/>
      <c r="FY2024" s="91"/>
      <c r="FZ2024" s="91"/>
      <c r="GA2024" s="91"/>
      <c r="GB2024" s="91"/>
      <c r="GC2024" s="91"/>
      <c r="GD2024" s="91"/>
      <c r="GE2024" s="91"/>
      <c r="GF2024" s="91"/>
      <c r="GG2024" s="91"/>
      <c r="GH2024" s="91"/>
      <c r="GI2024" s="91"/>
      <c r="GJ2024" s="91"/>
      <c r="GK2024" s="127"/>
      <c r="GL2024" s="126"/>
      <c r="GM2024" s="91"/>
      <c r="GN2024" s="91"/>
      <c r="GO2024" s="91"/>
      <c r="GP2024" s="91"/>
      <c r="GQ2024" s="91"/>
      <c r="GR2024" s="91"/>
      <c r="GS2024" s="91"/>
      <c r="GT2024" s="91"/>
      <c r="GU2024" s="91"/>
      <c r="GV2024" s="91"/>
      <c r="GW2024" s="91"/>
      <c r="GX2024" s="91"/>
      <c r="GY2024" s="91"/>
      <c r="GZ2024" s="91"/>
      <c r="HA2024" s="91"/>
      <c r="HB2024" s="91"/>
      <c r="HC2024" s="91"/>
      <c r="HD2024" s="91"/>
      <c r="HE2024" s="91"/>
      <c r="HF2024" s="91"/>
      <c r="HG2024" s="91"/>
      <c r="HH2024" s="91"/>
      <c r="HI2024" s="91"/>
      <c r="HJ2024" s="91"/>
      <c r="HK2024" s="127"/>
      <c r="HL2024" s="126"/>
      <c r="HM2024" s="91"/>
      <c r="HN2024" s="91"/>
      <c r="HO2024" s="91"/>
      <c r="HP2024" s="91"/>
      <c r="HQ2024" s="91"/>
      <c r="HR2024" s="91"/>
      <c r="HS2024" s="91"/>
      <c r="HT2024" s="91"/>
      <c r="HU2024" s="91"/>
      <c r="HV2024" s="91"/>
      <c r="HW2024" s="91"/>
      <c r="HX2024" s="91"/>
      <c r="HY2024" s="91"/>
      <c r="HZ2024" s="91"/>
      <c r="IA2024" s="91"/>
      <c r="IB2024" s="91"/>
      <c r="IC2024" s="91"/>
      <c r="ID2024" s="91"/>
      <c r="IE2024" s="91"/>
      <c r="IF2024" s="91"/>
      <c r="IG2024" s="91"/>
      <c r="IH2024" s="91"/>
      <c r="II2024" s="91"/>
      <c r="IJ2024" s="91"/>
      <c r="IK2024" s="127"/>
    </row>
    <row r="2025" spans="2:245" x14ac:dyDescent="0.2">
      <c r="B2025" s="43"/>
      <c r="C2025" s="73"/>
      <c r="D2025" s="64"/>
      <c r="E2025" s="64"/>
      <c r="F2025" s="55"/>
      <c r="G2025" s="102"/>
      <c r="H2025" s="55"/>
      <c r="I2025" s="55"/>
      <c r="J2025" s="55"/>
      <c r="K2025" s="55"/>
      <c r="L2025" s="55"/>
      <c r="M2025" s="55"/>
      <c r="N2025" s="55"/>
      <c r="O2025" s="55"/>
      <c r="P2025" s="55"/>
      <c r="Q2025" s="55"/>
      <c r="R2025" s="55"/>
      <c r="S2025" s="55"/>
      <c r="T2025" s="55"/>
      <c r="U2025" s="55"/>
      <c r="V2025" s="55"/>
      <c r="W2025" s="55"/>
      <c r="X2025" s="55"/>
      <c r="Y2025" s="55"/>
      <c r="Z2025" s="55"/>
      <c r="AA2025" s="55"/>
      <c r="AB2025" s="55"/>
      <c r="AC2025" s="55"/>
      <c r="AD2025" s="55"/>
      <c r="AE2025" s="55"/>
      <c r="AF2025" s="55"/>
      <c r="AG2025" s="55"/>
      <c r="AY2025" s="162"/>
      <c r="AZ2025" s="162"/>
      <c r="BA2025" s="162"/>
      <c r="BB2025" s="162"/>
      <c r="BC2025" s="162"/>
      <c r="BD2025" s="162"/>
      <c r="BE2025" s="162"/>
      <c r="BF2025" s="162"/>
      <c r="BG2025" s="162"/>
      <c r="BH2025" s="162"/>
      <c r="BI2025" s="162"/>
      <c r="BJ2025" s="162"/>
      <c r="BK2025" s="162"/>
      <c r="BL2025" s="162"/>
      <c r="BM2025" s="162"/>
      <c r="BN2025" s="162"/>
      <c r="BO2025" s="162"/>
      <c r="BP2025" s="162"/>
      <c r="BQ2025" s="162"/>
      <c r="BR2025" s="162"/>
      <c r="BS2025" s="162"/>
      <c r="BT2025" s="162"/>
      <c r="BU2025" s="162"/>
      <c r="BV2025" s="162"/>
      <c r="BW2025" s="162"/>
      <c r="BX2025" s="162"/>
      <c r="BY2025" s="162"/>
      <c r="BZ2025" s="162"/>
      <c r="CA2025" s="162"/>
      <c r="CB2025" s="162"/>
      <c r="CC2025" s="162"/>
      <c r="CD2025" s="162"/>
      <c r="CE2025" s="162"/>
      <c r="CF2025" s="162"/>
      <c r="CG2025" s="162"/>
      <c r="CH2025" s="162"/>
      <c r="CI2025" s="162"/>
      <c r="CJ2025" s="162"/>
      <c r="CK2025" s="162"/>
      <c r="CX2025" s="98"/>
      <c r="DL2025" s="97"/>
      <c r="DX2025" s="98"/>
      <c r="EL2025" s="97"/>
      <c r="EX2025" s="98"/>
      <c r="EY2025" s="97"/>
      <c r="FL2025" s="126"/>
      <c r="FM2025" s="91"/>
      <c r="FN2025" s="91"/>
      <c r="FO2025" s="91"/>
      <c r="FP2025" s="91"/>
      <c r="FQ2025" s="91"/>
      <c r="FR2025" s="91"/>
      <c r="FS2025" s="91"/>
      <c r="FT2025" s="91"/>
      <c r="FU2025" s="91"/>
      <c r="FV2025" s="91"/>
      <c r="FW2025" s="91"/>
      <c r="FX2025" s="91"/>
      <c r="FY2025" s="91"/>
      <c r="FZ2025" s="91"/>
      <c r="GA2025" s="91"/>
      <c r="GB2025" s="91"/>
      <c r="GC2025" s="91"/>
      <c r="GD2025" s="91"/>
      <c r="GE2025" s="91"/>
      <c r="GF2025" s="91"/>
      <c r="GG2025" s="91"/>
      <c r="GH2025" s="91"/>
      <c r="GI2025" s="91"/>
      <c r="GJ2025" s="91"/>
      <c r="GK2025" s="127"/>
      <c r="GL2025" s="126"/>
      <c r="GM2025" s="91"/>
      <c r="GN2025" s="91"/>
      <c r="GO2025" s="91"/>
      <c r="GP2025" s="91"/>
      <c r="GQ2025" s="91"/>
      <c r="GR2025" s="91"/>
      <c r="GS2025" s="91"/>
      <c r="GT2025" s="91"/>
      <c r="GU2025" s="91"/>
      <c r="GV2025" s="91"/>
      <c r="GW2025" s="91"/>
      <c r="GX2025" s="91"/>
      <c r="GY2025" s="91"/>
      <c r="GZ2025" s="91"/>
      <c r="HA2025" s="91"/>
      <c r="HB2025" s="91"/>
      <c r="HC2025" s="91"/>
      <c r="HD2025" s="91"/>
      <c r="HE2025" s="91"/>
      <c r="HF2025" s="91"/>
      <c r="HG2025" s="91"/>
      <c r="HH2025" s="91"/>
      <c r="HI2025" s="91"/>
      <c r="HJ2025" s="91"/>
      <c r="HK2025" s="127"/>
      <c r="HL2025" s="126"/>
      <c r="HM2025" s="91"/>
      <c r="HN2025" s="91"/>
      <c r="HO2025" s="91"/>
      <c r="HP2025" s="91"/>
      <c r="HQ2025" s="91"/>
      <c r="HR2025" s="91"/>
      <c r="HS2025" s="91"/>
      <c r="HT2025" s="91"/>
      <c r="HU2025" s="91"/>
      <c r="HV2025" s="91"/>
      <c r="HW2025" s="91"/>
      <c r="HX2025" s="91"/>
      <c r="HY2025" s="91"/>
      <c r="HZ2025" s="91"/>
      <c r="IA2025" s="91"/>
      <c r="IB2025" s="91"/>
      <c r="IC2025" s="91"/>
      <c r="ID2025" s="91"/>
      <c r="IE2025" s="91"/>
      <c r="IF2025" s="91"/>
      <c r="IG2025" s="91"/>
      <c r="IH2025" s="91"/>
      <c r="II2025" s="91"/>
      <c r="IJ2025" s="91"/>
      <c r="IK2025" s="127"/>
    </row>
    <row r="2026" spans="2:245" x14ac:dyDescent="0.2">
      <c r="B2026" s="43"/>
      <c r="C2026" s="73"/>
      <c r="D2026" s="64"/>
      <c r="E2026" s="64"/>
      <c r="F2026" s="55"/>
      <c r="G2026" s="102"/>
      <c r="H2026" s="55"/>
      <c r="I2026" s="55"/>
      <c r="J2026" s="55"/>
      <c r="K2026" s="55"/>
      <c r="L2026" s="55"/>
      <c r="M2026" s="55"/>
      <c r="N2026" s="55"/>
      <c r="O2026" s="55"/>
      <c r="P2026" s="55"/>
      <c r="Q2026" s="55"/>
      <c r="R2026" s="55"/>
      <c r="S2026" s="55"/>
      <c r="T2026" s="55"/>
      <c r="U2026" s="55"/>
      <c r="V2026" s="55"/>
      <c r="W2026" s="55"/>
      <c r="X2026" s="55"/>
      <c r="Y2026" s="55"/>
      <c r="Z2026" s="55"/>
      <c r="AA2026" s="55"/>
      <c r="AB2026" s="55"/>
      <c r="AC2026" s="55"/>
      <c r="AD2026" s="55"/>
      <c r="AE2026" s="55"/>
      <c r="AF2026" s="55"/>
      <c r="AG2026" s="55"/>
      <c r="AY2026" s="162"/>
      <c r="AZ2026" s="162"/>
      <c r="BA2026" s="162"/>
      <c r="BB2026" s="162"/>
      <c r="BC2026" s="162"/>
      <c r="BD2026" s="162"/>
      <c r="BE2026" s="162"/>
      <c r="BF2026" s="162"/>
      <c r="BG2026" s="162"/>
      <c r="BH2026" s="162"/>
      <c r="BI2026" s="162"/>
      <c r="BJ2026" s="162"/>
      <c r="BK2026" s="162"/>
      <c r="BL2026" s="162"/>
      <c r="BM2026" s="162"/>
      <c r="BN2026" s="162"/>
      <c r="BO2026" s="162"/>
      <c r="BP2026" s="162"/>
      <c r="BQ2026" s="162"/>
      <c r="BR2026" s="162"/>
      <c r="BS2026" s="162"/>
      <c r="BT2026" s="162"/>
      <c r="BU2026" s="162"/>
      <c r="BV2026" s="162"/>
      <c r="BW2026" s="162"/>
      <c r="BX2026" s="162"/>
      <c r="BY2026" s="162"/>
      <c r="BZ2026" s="162"/>
      <c r="CA2026" s="162"/>
      <c r="CB2026" s="162"/>
      <c r="CC2026" s="162"/>
      <c r="CD2026" s="162"/>
      <c r="CE2026" s="162"/>
      <c r="CF2026" s="162"/>
      <c r="CG2026" s="162"/>
      <c r="CH2026" s="162"/>
      <c r="CI2026" s="162"/>
      <c r="CJ2026" s="162"/>
      <c r="CK2026" s="162"/>
      <c r="CX2026" s="98"/>
      <c r="DL2026" s="97"/>
      <c r="DX2026" s="98"/>
      <c r="EL2026" s="97"/>
      <c r="EX2026" s="98"/>
      <c r="EY2026" s="97"/>
      <c r="FL2026" s="126"/>
      <c r="FM2026" s="91"/>
      <c r="FN2026" s="91"/>
      <c r="FO2026" s="91"/>
      <c r="FP2026" s="91"/>
      <c r="FQ2026" s="91"/>
      <c r="FR2026" s="91"/>
      <c r="FS2026" s="91"/>
      <c r="FT2026" s="91"/>
      <c r="FU2026" s="91"/>
      <c r="FV2026" s="91"/>
      <c r="FW2026" s="91"/>
      <c r="FX2026" s="91"/>
      <c r="FY2026" s="91"/>
      <c r="FZ2026" s="91"/>
      <c r="GA2026" s="91"/>
      <c r="GB2026" s="91"/>
      <c r="GC2026" s="91"/>
      <c r="GD2026" s="91"/>
      <c r="GE2026" s="91"/>
      <c r="GF2026" s="91"/>
      <c r="GG2026" s="91"/>
      <c r="GH2026" s="91"/>
      <c r="GI2026" s="91"/>
      <c r="GJ2026" s="91"/>
      <c r="GK2026" s="127"/>
      <c r="GL2026" s="126"/>
      <c r="GM2026" s="91"/>
      <c r="GN2026" s="91"/>
      <c r="GO2026" s="91"/>
      <c r="GP2026" s="91"/>
      <c r="GQ2026" s="91"/>
      <c r="GR2026" s="91"/>
      <c r="GS2026" s="91"/>
      <c r="GT2026" s="91"/>
      <c r="GU2026" s="91"/>
      <c r="GV2026" s="91"/>
      <c r="GW2026" s="91"/>
      <c r="GX2026" s="91"/>
      <c r="GY2026" s="91"/>
      <c r="GZ2026" s="91"/>
      <c r="HA2026" s="91"/>
      <c r="HB2026" s="91"/>
      <c r="HC2026" s="91"/>
      <c r="HD2026" s="91"/>
      <c r="HE2026" s="91"/>
      <c r="HF2026" s="91"/>
      <c r="HG2026" s="91"/>
      <c r="HH2026" s="91"/>
      <c r="HI2026" s="91"/>
      <c r="HJ2026" s="91"/>
      <c r="HK2026" s="127"/>
      <c r="HL2026" s="126"/>
      <c r="HM2026" s="91"/>
      <c r="HN2026" s="91"/>
      <c r="HO2026" s="91"/>
      <c r="HP2026" s="91"/>
      <c r="HQ2026" s="91"/>
      <c r="HR2026" s="91"/>
      <c r="HS2026" s="91"/>
      <c r="HT2026" s="91"/>
      <c r="HU2026" s="91"/>
      <c r="HV2026" s="91"/>
      <c r="HW2026" s="91"/>
      <c r="HX2026" s="91"/>
      <c r="HY2026" s="91"/>
      <c r="HZ2026" s="91"/>
      <c r="IA2026" s="91"/>
      <c r="IB2026" s="91"/>
      <c r="IC2026" s="91"/>
      <c r="ID2026" s="91"/>
      <c r="IE2026" s="91"/>
      <c r="IF2026" s="91"/>
      <c r="IG2026" s="91"/>
      <c r="IH2026" s="91"/>
      <c r="II2026" s="91"/>
      <c r="IJ2026" s="91"/>
      <c r="IK2026" s="127"/>
    </row>
    <row r="2027" spans="2:245" x14ac:dyDescent="0.2">
      <c r="B2027" s="43"/>
      <c r="C2027" s="73"/>
      <c r="D2027" s="64"/>
      <c r="E2027" s="64"/>
      <c r="F2027" s="55"/>
      <c r="G2027" s="102"/>
      <c r="H2027" s="55"/>
      <c r="I2027" s="55"/>
      <c r="J2027" s="55"/>
      <c r="K2027" s="55"/>
      <c r="L2027" s="55"/>
      <c r="M2027" s="55"/>
      <c r="N2027" s="55"/>
      <c r="O2027" s="55"/>
      <c r="P2027" s="55"/>
      <c r="Q2027" s="55"/>
      <c r="R2027" s="55"/>
      <c r="S2027" s="55"/>
      <c r="T2027" s="55"/>
      <c r="U2027" s="55"/>
      <c r="V2027" s="55"/>
      <c r="W2027" s="55"/>
      <c r="X2027" s="55"/>
      <c r="Y2027" s="55"/>
      <c r="Z2027" s="55"/>
      <c r="AA2027" s="55"/>
      <c r="AB2027" s="55"/>
      <c r="AC2027" s="55"/>
      <c r="AD2027" s="55"/>
      <c r="AE2027" s="55"/>
      <c r="AF2027" s="55"/>
      <c r="AG2027" s="55"/>
      <c r="AY2027" s="162"/>
      <c r="AZ2027" s="162"/>
      <c r="BA2027" s="162"/>
      <c r="BB2027" s="162"/>
      <c r="BC2027" s="162"/>
      <c r="BD2027" s="162"/>
      <c r="BE2027" s="162"/>
      <c r="BF2027" s="162"/>
      <c r="BG2027" s="162"/>
      <c r="BH2027" s="162"/>
      <c r="BI2027" s="162"/>
      <c r="BJ2027" s="162"/>
      <c r="BK2027" s="162"/>
      <c r="BL2027" s="162"/>
      <c r="BM2027" s="162"/>
      <c r="BN2027" s="162"/>
      <c r="BO2027" s="162"/>
      <c r="BP2027" s="162"/>
      <c r="BQ2027" s="162"/>
      <c r="BR2027" s="162"/>
      <c r="BS2027" s="162"/>
      <c r="BT2027" s="162"/>
      <c r="BU2027" s="162"/>
      <c r="BV2027" s="162"/>
      <c r="BW2027" s="162"/>
      <c r="BX2027" s="162"/>
      <c r="BY2027" s="162"/>
      <c r="BZ2027" s="162"/>
      <c r="CA2027" s="162"/>
      <c r="CB2027" s="162"/>
      <c r="CC2027" s="162"/>
      <c r="CD2027" s="162"/>
      <c r="CE2027" s="162"/>
      <c r="CF2027" s="162"/>
      <c r="CG2027" s="162"/>
      <c r="CH2027" s="162"/>
      <c r="CI2027" s="162"/>
      <c r="CJ2027" s="162"/>
      <c r="CK2027" s="162"/>
      <c r="CX2027" s="98"/>
      <c r="DL2027" s="97"/>
      <c r="DX2027" s="98"/>
      <c r="EL2027" s="97"/>
      <c r="EX2027" s="98"/>
      <c r="EY2027" s="97"/>
      <c r="FL2027" s="126"/>
      <c r="FM2027" s="91"/>
      <c r="FN2027" s="91"/>
      <c r="FO2027" s="91"/>
      <c r="FP2027" s="91"/>
      <c r="FQ2027" s="91"/>
      <c r="FR2027" s="91"/>
      <c r="FS2027" s="91"/>
      <c r="FT2027" s="91"/>
      <c r="FU2027" s="91"/>
      <c r="FV2027" s="91"/>
      <c r="FW2027" s="91"/>
      <c r="FX2027" s="91"/>
      <c r="FY2027" s="91"/>
      <c r="FZ2027" s="91"/>
      <c r="GA2027" s="91"/>
      <c r="GB2027" s="91"/>
      <c r="GC2027" s="91"/>
      <c r="GD2027" s="91"/>
      <c r="GE2027" s="91"/>
      <c r="GF2027" s="91"/>
      <c r="GG2027" s="91"/>
      <c r="GH2027" s="91"/>
      <c r="GI2027" s="91"/>
      <c r="GJ2027" s="91"/>
      <c r="GK2027" s="127"/>
      <c r="GL2027" s="126"/>
      <c r="GM2027" s="91"/>
      <c r="GN2027" s="91"/>
      <c r="GO2027" s="91"/>
      <c r="GP2027" s="91"/>
      <c r="GQ2027" s="91"/>
      <c r="GR2027" s="91"/>
      <c r="GS2027" s="91"/>
      <c r="GT2027" s="91"/>
      <c r="GU2027" s="91"/>
      <c r="GV2027" s="91"/>
      <c r="GW2027" s="91"/>
      <c r="GX2027" s="91"/>
      <c r="GY2027" s="91"/>
      <c r="GZ2027" s="91"/>
      <c r="HA2027" s="91"/>
      <c r="HB2027" s="91"/>
      <c r="HC2027" s="91"/>
      <c r="HD2027" s="91"/>
      <c r="HE2027" s="91"/>
      <c r="HF2027" s="91"/>
      <c r="HG2027" s="91"/>
      <c r="HH2027" s="91"/>
      <c r="HI2027" s="91"/>
      <c r="HJ2027" s="91"/>
      <c r="HK2027" s="127"/>
      <c r="HL2027" s="126"/>
      <c r="HM2027" s="91"/>
      <c r="HN2027" s="91"/>
      <c r="HO2027" s="91"/>
      <c r="HP2027" s="91"/>
      <c r="HQ2027" s="91"/>
      <c r="HR2027" s="91"/>
      <c r="HS2027" s="91"/>
      <c r="HT2027" s="91"/>
      <c r="HU2027" s="91"/>
      <c r="HV2027" s="91"/>
      <c r="HW2027" s="91"/>
      <c r="HX2027" s="91"/>
      <c r="HY2027" s="91"/>
      <c r="HZ2027" s="91"/>
      <c r="IA2027" s="91"/>
      <c r="IB2027" s="91"/>
      <c r="IC2027" s="91"/>
      <c r="ID2027" s="91"/>
      <c r="IE2027" s="91"/>
      <c r="IF2027" s="91"/>
      <c r="IG2027" s="91"/>
      <c r="IH2027" s="91"/>
      <c r="II2027" s="91"/>
      <c r="IJ2027" s="91"/>
      <c r="IK2027" s="127"/>
    </row>
    <row r="2028" spans="2:245" x14ac:dyDescent="0.2">
      <c r="B2028" s="43"/>
      <c r="C2028" s="73"/>
      <c r="D2028" s="64"/>
      <c r="E2028" s="64"/>
      <c r="F2028" s="55"/>
      <c r="G2028" s="102"/>
      <c r="H2028" s="55"/>
      <c r="I2028" s="55"/>
      <c r="J2028" s="55"/>
      <c r="K2028" s="55"/>
      <c r="L2028" s="55"/>
      <c r="M2028" s="55"/>
      <c r="N2028" s="55"/>
      <c r="O2028" s="55"/>
      <c r="P2028" s="55"/>
      <c r="Q2028" s="55"/>
      <c r="R2028" s="55"/>
      <c r="S2028" s="55"/>
      <c r="T2028" s="55"/>
      <c r="U2028" s="55"/>
      <c r="V2028" s="55"/>
      <c r="W2028" s="55"/>
      <c r="X2028" s="55"/>
      <c r="Y2028" s="55"/>
      <c r="Z2028" s="55"/>
      <c r="AA2028" s="55"/>
      <c r="AB2028" s="55"/>
      <c r="AC2028" s="55"/>
      <c r="AD2028" s="55"/>
      <c r="AE2028" s="55"/>
      <c r="AF2028" s="55"/>
      <c r="AG2028" s="55"/>
      <c r="AY2028" s="162"/>
      <c r="AZ2028" s="162"/>
      <c r="BA2028" s="162"/>
      <c r="BB2028" s="162"/>
      <c r="BC2028" s="162"/>
      <c r="BD2028" s="162"/>
      <c r="BE2028" s="162"/>
      <c r="BF2028" s="162"/>
      <c r="BG2028" s="162"/>
      <c r="BH2028" s="162"/>
      <c r="BI2028" s="162"/>
      <c r="BJ2028" s="162"/>
      <c r="BK2028" s="162"/>
      <c r="BL2028" s="162"/>
      <c r="BM2028" s="162"/>
      <c r="BN2028" s="162"/>
      <c r="BO2028" s="162"/>
      <c r="BP2028" s="162"/>
      <c r="BQ2028" s="162"/>
      <c r="BR2028" s="162"/>
      <c r="BS2028" s="162"/>
      <c r="BT2028" s="162"/>
      <c r="BU2028" s="162"/>
      <c r="BV2028" s="162"/>
      <c r="BW2028" s="162"/>
      <c r="BX2028" s="162"/>
      <c r="BY2028" s="162"/>
      <c r="BZ2028" s="162"/>
      <c r="CA2028" s="162"/>
      <c r="CB2028" s="162"/>
      <c r="CC2028" s="162"/>
      <c r="CD2028" s="162"/>
      <c r="CE2028" s="162"/>
      <c r="CF2028" s="162"/>
      <c r="CG2028" s="162"/>
      <c r="CH2028" s="162"/>
      <c r="CI2028" s="162"/>
      <c r="CJ2028" s="162"/>
      <c r="CK2028" s="162"/>
      <c r="CX2028" s="98"/>
      <c r="DL2028" s="97"/>
      <c r="DX2028" s="98"/>
      <c r="EL2028" s="97"/>
      <c r="EX2028" s="98"/>
      <c r="EY2028" s="97"/>
      <c r="FL2028" s="126"/>
      <c r="FM2028" s="91"/>
      <c r="FN2028" s="91"/>
      <c r="FO2028" s="91"/>
      <c r="FP2028" s="91"/>
      <c r="FQ2028" s="91"/>
      <c r="FR2028" s="91"/>
      <c r="FS2028" s="91"/>
      <c r="FT2028" s="91"/>
      <c r="FU2028" s="91"/>
      <c r="FV2028" s="91"/>
      <c r="FW2028" s="91"/>
      <c r="FX2028" s="91"/>
      <c r="FY2028" s="91"/>
      <c r="FZ2028" s="91"/>
      <c r="GA2028" s="91"/>
      <c r="GB2028" s="91"/>
      <c r="GC2028" s="91"/>
      <c r="GD2028" s="91"/>
      <c r="GE2028" s="91"/>
      <c r="GF2028" s="91"/>
      <c r="GG2028" s="91"/>
      <c r="GH2028" s="91"/>
      <c r="GI2028" s="91"/>
      <c r="GJ2028" s="91"/>
      <c r="GK2028" s="127"/>
      <c r="GL2028" s="126"/>
      <c r="GM2028" s="91"/>
      <c r="GN2028" s="91"/>
      <c r="GO2028" s="91"/>
      <c r="GP2028" s="91"/>
      <c r="GQ2028" s="91"/>
      <c r="GR2028" s="91"/>
      <c r="GS2028" s="91"/>
      <c r="GT2028" s="91"/>
      <c r="GU2028" s="91"/>
      <c r="GV2028" s="91"/>
      <c r="GW2028" s="91"/>
      <c r="GX2028" s="91"/>
      <c r="GY2028" s="91"/>
      <c r="GZ2028" s="91"/>
      <c r="HA2028" s="91"/>
      <c r="HB2028" s="91"/>
      <c r="HC2028" s="91"/>
      <c r="HD2028" s="91"/>
      <c r="HE2028" s="91"/>
      <c r="HF2028" s="91"/>
      <c r="HG2028" s="91"/>
      <c r="HH2028" s="91"/>
      <c r="HI2028" s="91"/>
      <c r="HJ2028" s="91"/>
      <c r="HK2028" s="127"/>
      <c r="HL2028" s="126"/>
      <c r="HM2028" s="91"/>
      <c r="HN2028" s="91"/>
      <c r="HO2028" s="91"/>
      <c r="HP2028" s="91"/>
      <c r="HQ2028" s="91"/>
      <c r="HR2028" s="91"/>
      <c r="HS2028" s="91"/>
      <c r="HT2028" s="91"/>
      <c r="HU2028" s="91"/>
      <c r="HV2028" s="91"/>
      <c r="HW2028" s="91"/>
      <c r="HX2028" s="91"/>
      <c r="HY2028" s="91"/>
      <c r="HZ2028" s="91"/>
      <c r="IA2028" s="91"/>
      <c r="IB2028" s="91"/>
      <c r="IC2028" s="91"/>
      <c r="ID2028" s="91"/>
      <c r="IE2028" s="91"/>
      <c r="IF2028" s="91"/>
      <c r="IG2028" s="91"/>
      <c r="IH2028" s="91"/>
      <c r="II2028" s="91"/>
      <c r="IJ2028" s="91"/>
      <c r="IK2028" s="127"/>
    </row>
    <row r="2029" spans="2:245" x14ac:dyDescent="0.2">
      <c r="B2029" s="43"/>
      <c r="C2029" s="73"/>
      <c r="D2029" s="64"/>
      <c r="E2029" s="64"/>
      <c r="F2029" s="55"/>
      <c r="G2029" s="102"/>
      <c r="H2029" s="55"/>
      <c r="I2029" s="55"/>
      <c r="J2029" s="55"/>
      <c r="K2029" s="55"/>
      <c r="L2029" s="55"/>
      <c r="M2029" s="55"/>
      <c r="N2029" s="55"/>
      <c r="O2029" s="55"/>
      <c r="P2029" s="55"/>
      <c r="Q2029" s="55"/>
      <c r="R2029" s="55"/>
      <c r="S2029" s="55"/>
      <c r="T2029" s="55"/>
      <c r="U2029" s="55"/>
      <c r="V2029" s="55"/>
      <c r="W2029" s="55"/>
      <c r="X2029" s="55"/>
      <c r="Y2029" s="55"/>
      <c r="Z2029" s="55"/>
      <c r="AA2029" s="55"/>
      <c r="AB2029" s="55"/>
      <c r="AC2029" s="55"/>
      <c r="AD2029" s="55"/>
      <c r="AE2029" s="55"/>
      <c r="AF2029" s="55"/>
      <c r="AG2029" s="55"/>
      <c r="AY2029" s="162"/>
      <c r="AZ2029" s="162"/>
      <c r="BA2029" s="162"/>
      <c r="BB2029" s="162"/>
      <c r="BC2029" s="162"/>
      <c r="BD2029" s="162"/>
      <c r="BE2029" s="162"/>
      <c r="BF2029" s="162"/>
      <c r="BG2029" s="162"/>
      <c r="BH2029" s="162"/>
      <c r="BI2029" s="162"/>
      <c r="BJ2029" s="162"/>
      <c r="BK2029" s="162"/>
      <c r="BL2029" s="162"/>
      <c r="BM2029" s="162"/>
      <c r="BN2029" s="162"/>
      <c r="BO2029" s="162"/>
      <c r="BP2029" s="162"/>
      <c r="BQ2029" s="162"/>
      <c r="BR2029" s="162"/>
      <c r="BS2029" s="162"/>
      <c r="BT2029" s="162"/>
      <c r="BU2029" s="162"/>
      <c r="BV2029" s="162"/>
      <c r="BW2029" s="162"/>
      <c r="BX2029" s="162"/>
      <c r="BY2029" s="162"/>
      <c r="BZ2029" s="162"/>
      <c r="CA2029" s="162"/>
      <c r="CB2029" s="162"/>
      <c r="CC2029" s="162"/>
      <c r="CD2029" s="162"/>
      <c r="CE2029" s="162"/>
      <c r="CF2029" s="162"/>
      <c r="CG2029" s="162"/>
      <c r="CH2029" s="162"/>
      <c r="CI2029" s="162"/>
      <c r="CJ2029" s="162"/>
      <c r="CK2029" s="162"/>
      <c r="CX2029" s="98"/>
      <c r="DL2029" s="97"/>
      <c r="DX2029" s="98"/>
      <c r="EL2029" s="97"/>
      <c r="EX2029" s="98"/>
      <c r="EY2029" s="97"/>
      <c r="FL2029" s="126"/>
      <c r="FM2029" s="91"/>
      <c r="FN2029" s="91"/>
      <c r="FO2029" s="91"/>
      <c r="FP2029" s="91"/>
      <c r="FQ2029" s="91"/>
      <c r="FR2029" s="91"/>
      <c r="FS2029" s="91"/>
      <c r="FT2029" s="91"/>
      <c r="FU2029" s="91"/>
      <c r="FV2029" s="91"/>
      <c r="FW2029" s="91"/>
      <c r="FX2029" s="91"/>
      <c r="FY2029" s="91"/>
      <c r="FZ2029" s="91"/>
      <c r="GA2029" s="91"/>
      <c r="GB2029" s="91"/>
      <c r="GC2029" s="91"/>
      <c r="GD2029" s="91"/>
      <c r="GE2029" s="91"/>
      <c r="GF2029" s="91"/>
      <c r="GG2029" s="91"/>
      <c r="GH2029" s="91"/>
      <c r="GI2029" s="91"/>
      <c r="GJ2029" s="91"/>
      <c r="GK2029" s="127"/>
      <c r="GL2029" s="126"/>
      <c r="GM2029" s="91"/>
      <c r="GN2029" s="91"/>
      <c r="GO2029" s="91"/>
      <c r="GP2029" s="91"/>
      <c r="GQ2029" s="91"/>
      <c r="GR2029" s="91"/>
      <c r="GS2029" s="91"/>
      <c r="GT2029" s="91"/>
      <c r="GU2029" s="91"/>
      <c r="GV2029" s="91"/>
      <c r="GW2029" s="91"/>
      <c r="GX2029" s="91"/>
      <c r="GY2029" s="91"/>
      <c r="GZ2029" s="91"/>
      <c r="HA2029" s="91"/>
      <c r="HB2029" s="91"/>
      <c r="HC2029" s="91"/>
      <c r="HD2029" s="91"/>
      <c r="HE2029" s="91"/>
      <c r="HF2029" s="91"/>
      <c r="HG2029" s="91"/>
      <c r="HH2029" s="91"/>
      <c r="HI2029" s="91"/>
      <c r="HJ2029" s="91"/>
      <c r="HK2029" s="127"/>
      <c r="HL2029" s="126"/>
      <c r="HM2029" s="91"/>
      <c r="HN2029" s="91"/>
      <c r="HO2029" s="91"/>
      <c r="HP2029" s="91"/>
      <c r="HQ2029" s="91"/>
      <c r="HR2029" s="91"/>
      <c r="HS2029" s="91"/>
      <c r="HT2029" s="91"/>
      <c r="HU2029" s="91"/>
      <c r="HV2029" s="91"/>
      <c r="HW2029" s="91"/>
      <c r="HX2029" s="91"/>
      <c r="HY2029" s="91"/>
      <c r="HZ2029" s="91"/>
      <c r="IA2029" s="91"/>
      <c r="IB2029" s="91"/>
      <c r="IC2029" s="91"/>
      <c r="ID2029" s="91"/>
      <c r="IE2029" s="91"/>
      <c r="IF2029" s="91"/>
      <c r="IG2029" s="91"/>
      <c r="IH2029" s="91"/>
      <c r="II2029" s="91"/>
      <c r="IJ2029" s="91"/>
      <c r="IK2029" s="127"/>
    </row>
    <row r="2030" spans="2:245" x14ac:dyDescent="0.2">
      <c r="B2030" s="43"/>
      <c r="C2030" s="73"/>
      <c r="D2030" s="64"/>
      <c r="E2030" s="64"/>
      <c r="F2030" s="55"/>
      <c r="G2030" s="102"/>
      <c r="H2030" s="55"/>
      <c r="I2030" s="55"/>
      <c r="J2030" s="55"/>
      <c r="K2030" s="55"/>
      <c r="L2030" s="55"/>
      <c r="M2030" s="55"/>
      <c r="N2030" s="55"/>
      <c r="O2030" s="55"/>
      <c r="P2030" s="55"/>
      <c r="Q2030" s="55"/>
      <c r="R2030" s="55"/>
      <c r="S2030" s="55"/>
      <c r="T2030" s="55"/>
      <c r="U2030" s="55"/>
      <c r="V2030" s="55"/>
      <c r="W2030" s="55"/>
      <c r="X2030" s="55"/>
      <c r="Y2030" s="55"/>
      <c r="Z2030" s="55"/>
      <c r="AA2030" s="55"/>
      <c r="AB2030" s="55"/>
      <c r="AC2030" s="55"/>
      <c r="AD2030" s="55"/>
      <c r="AE2030" s="55"/>
      <c r="AF2030" s="55"/>
      <c r="AG2030" s="55"/>
      <c r="AY2030" s="162"/>
      <c r="AZ2030" s="162"/>
      <c r="BA2030" s="162"/>
      <c r="BB2030" s="162"/>
      <c r="BC2030" s="162"/>
      <c r="BD2030" s="162"/>
      <c r="BE2030" s="162"/>
      <c r="BF2030" s="162"/>
      <c r="BG2030" s="162"/>
      <c r="BH2030" s="162"/>
      <c r="BI2030" s="162"/>
      <c r="BJ2030" s="162"/>
      <c r="BK2030" s="162"/>
      <c r="BL2030" s="162"/>
      <c r="BM2030" s="162"/>
      <c r="BN2030" s="162"/>
      <c r="BO2030" s="162"/>
      <c r="BP2030" s="162"/>
      <c r="BQ2030" s="162"/>
      <c r="BR2030" s="162"/>
      <c r="BS2030" s="162"/>
      <c r="BT2030" s="162"/>
      <c r="BU2030" s="162"/>
      <c r="BV2030" s="162"/>
      <c r="BW2030" s="162"/>
      <c r="BX2030" s="162"/>
      <c r="BY2030" s="162"/>
      <c r="BZ2030" s="162"/>
      <c r="CA2030" s="162"/>
      <c r="CB2030" s="162"/>
      <c r="CC2030" s="162"/>
      <c r="CD2030" s="162"/>
      <c r="CE2030" s="162"/>
      <c r="CF2030" s="162"/>
      <c r="CG2030" s="162"/>
      <c r="CH2030" s="162"/>
      <c r="CI2030" s="162"/>
      <c r="CJ2030" s="162"/>
      <c r="CK2030" s="162"/>
      <c r="CX2030" s="98"/>
      <c r="DL2030" s="97"/>
      <c r="DX2030" s="98"/>
      <c r="EL2030" s="97"/>
      <c r="EX2030" s="98"/>
      <c r="EY2030" s="97"/>
      <c r="FL2030" s="126"/>
      <c r="FM2030" s="91"/>
      <c r="FN2030" s="91"/>
      <c r="FO2030" s="91"/>
      <c r="FP2030" s="91"/>
      <c r="FQ2030" s="91"/>
      <c r="FR2030" s="91"/>
      <c r="FS2030" s="91"/>
      <c r="FT2030" s="91"/>
      <c r="FU2030" s="91"/>
      <c r="FV2030" s="91"/>
      <c r="FW2030" s="91"/>
      <c r="FX2030" s="91"/>
      <c r="FY2030" s="91"/>
      <c r="FZ2030" s="91"/>
      <c r="GA2030" s="91"/>
      <c r="GB2030" s="91"/>
      <c r="GC2030" s="91"/>
      <c r="GD2030" s="91"/>
      <c r="GE2030" s="91"/>
      <c r="GF2030" s="91"/>
      <c r="GG2030" s="91"/>
      <c r="GH2030" s="91"/>
      <c r="GI2030" s="91"/>
      <c r="GJ2030" s="91"/>
      <c r="GK2030" s="127"/>
      <c r="GL2030" s="126"/>
      <c r="GM2030" s="91"/>
      <c r="GN2030" s="91"/>
      <c r="GO2030" s="91"/>
      <c r="GP2030" s="91"/>
      <c r="GQ2030" s="91"/>
      <c r="GR2030" s="91"/>
      <c r="GS2030" s="91"/>
      <c r="GT2030" s="91"/>
      <c r="GU2030" s="91"/>
      <c r="GV2030" s="91"/>
      <c r="GW2030" s="91"/>
      <c r="GX2030" s="91"/>
      <c r="GY2030" s="91"/>
      <c r="GZ2030" s="91"/>
      <c r="HA2030" s="91"/>
      <c r="HB2030" s="91"/>
      <c r="HC2030" s="91"/>
      <c r="HD2030" s="91"/>
      <c r="HE2030" s="91"/>
      <c r="HF2030" s="91"/>
      <c r="HG2030" s="91"/>
      <c r="HH2030" s="91"/>
      <c r="HI2030" s="91"/>
      <c r="HJ2030" s="91"/>
      <c r="HK2030" s="127"/>
      <c r="HL2030" s="126"/>
      <c r="HM2030" s="91"/>
      <c r="HN2030" s="91"/>
      <c r="HO2030" s="91"/>
      <c r="HP2030" s="91"/>
      <c r="HQ2030" s="91"/>
      <c r="HR2030" s="91"/>
      <c r="HS2030" s="91"/>
      <c r="HT2030" s="91"/>
      <c r="HU2030" s="91"/>
      <c r="HV2030" s="91"/>
      <c r="HW2030" s="91"/>
      <c r="HX2030" s="91"/>
      <c r="HY2030" s="91"/>
      <c r="HZ2030" s="91"/>
      <c r="IA2030" s="91"/>
      <c r="IB2030" s="91"/>
      <c r="IC2030" s="91"/>
      <c r="ID2030" s="91"/>
      <c r="IE2030" s="91"/>
      <c r="IF2030" s="91"/>
      <c r="IG2030" s="91"/>
      <c r="IH2030" s="91"/>
      <c r="II2030" s="91"/>
      <c r="IJ2030" s="91"/>
      <c r="IK2030" s="127"/>
    </row>
    <row r="2031" spans="2:245" x14ac:dyDescent="0.2">
      <c r="B2031" s="43"/>
      <c r="C2031" s="73"/>
      <c r="D2031" s="64"/>
      <c r="E2031" s="64"/>
      <c r="F2031" s="55"/>
      <c r="G2031" s="102"/>
      <c r="H2031" s="55"/>
      <c r="I2031" s="55"/>
      <c r="J2031" s="55"/>
      <c r="K2031" s="55"/>
      <c r="L2031" s="55"/>
      <c r="M2031" s="55"/>
      <c r="N2031" s="55"/>
      <c r="O2031" s="55"/>
      <c r="P2031" s="55"/>
      <c r="Q2031" s="55"/>
      <c r="R2031" s="55"/>
      <c r="S2031" s="55"/>
      <c r="T2031" s="55"/>
      <c r="U2031" s="55"/>
      <c r="V2031" s="55"/>
      <c r="W2031" s="55"/>
      <c r="X2031" s="55"/>
      <c r="Y2031" s="55"/>
      <c r="Z2031" s="55"/>
      <c r="AA2031" s="55"/>
      <c r="AB2031" s="55"/>
      <c r="AC2031" s="55"/>
      <c r="AD2031" s="55"/>
      <c r="AE2031" s="55"/>
      <c r="AF2031" s="55"/>
      <c r="AG2031" s="55"/>
      <c r="AY2031" s="162"/>
      <c r="AZ2031" s="162"/>
      <c r="BA2031" s="162"/>
      <c r="BB2031" s="162"/>
      <c r="BC2031" s="162"/>
      <c r="BD2031" s="162"/>
      <c r="BE2031" s="162"/>
      <c r="BF2031" s="162"/>
      <c r="BG2031" s="162"/>
      <c r="BH2031" s="162"/>
      <c r="BI2031" s="162"/>
      <c r="BJ2031" s="162"/>
      <c r="BK2031" s="162"/>
      <c r="BL2031" s="162"/>
      <c r="BM2031" s="162"/>
      <c r="BN2031" s="162"/>
      <c r="BO2031" s="162"/>
      <c r="BP2031" s="162"/>
      <c r="BQ2031" s="162"/>
      <c r="BR2031" s="162"/>
      <c r="BS2031" s="162"/>
      <c r="BT2031" s="162"/>
      <c r="BU2031" s="162"/>
      <c r="BV2031" s="162"/>
      <c r="BW2031" s="162"/>
      <c r="BX2031" s="162"/>
      <c r="BY2031" s="162"/>
      <c r="BZ2031" s="162"/>
      <c r="CA2031" s="162"/>
      <c r="CB2031" s="162"/>
      <c r="CC2031" s="162"/>
      <c r="CD2031" s="162"/>
      <c r="CE2031" s="162"/>
      <c r="CF2031" s="162"/>
      <c r="CG2031" s="162"/>
      <c r="CH2031" s="162"/>
      <c r="CI2031" s="162"/>
      <c r="CJ2031" s="162"/>
      <c r="CK2031" s="162"/>
      <c r="CX2031" s="98"/>
      <c r="DL2031" s="97"/>
      <c r="DX2031" s="98"/>
      <c r="EL2031" s="97"/>
      <c r="EX2031" s="98"/>
      <c r="EY2031" s="97"/>
      <c r="FL2031" s="126"/>
      <c r="FM2031" s="91"/>
      <c r="FN2031" s="91"/>
      <c r="FO2031" s="91"/>
      <c r="FP2031" s="91"/>
      <c r="FQ2031" s="91"/>
      <c r="FR2031" s="91"/>
      <c r="FS2031" s="91"/>
      <c r="FT2031" s="91"/>
      <c r="FU2031" s="91"/>
      <c r="FV2031" s="91"/>
      <c r="FW2031" s="91"/>
      <c r="FX2031" s="91"/>
      <c r="FY2031" s="91"/>
      <c r="FZ2031" s="91"/>
      <c r="GA2031" s="91"/>
      <c r="GB2031" s="91"/>
      <c r="GC2031" s="91"/>
      <c r="GD2031" s="91"/>
      <c r="GE2031" s="91"/>
      <c r="GF2031" s="91"/>
      <c r="GG2031" s="91"/>
      <c r="GH2031" s="91"/>
      <c r="GI2031" s="91"/>
      <c r="GJ2031" s="91"/>
      <c r="GK2031" s="127"/>
      <c r="GL2031" s="126"/>
      <c r="GM2031" s="91"/>
      <c r="GN2031" s="91"/>
      <c r="GO2031" s="91"/>
      <c r="GP2031" s="91"/>
      <c r="GQ2031" s="91"/>
      <c r="GR2031" s="91"/>
      <c r="GS2031" s="91"/>
      <c r="GT2031" s="91"/>
      <c r="GU2031" s="91"/>
      <c r="GV2031" s="91"/>
      <c r="GW2031" s="91"/>
      <c r="GX2031" s="91"/>
      <c r="GY2031" s="91"/>
      <c r="GZ2031" s="91"/>
      <c r="HA2031" s="91"/>
      <c r="HB2031" s="91"/>
      <c r="HC2031" s="91"/>
      <c r="HD2031" s="91"/>
      <c r="HE2031" s="91"/>
      <c r="HF2031" s="91"/>
      <c r="HG2031" s="91"/>
      <c r="HH2031" s="91"/>
      <c r="HI2031" s="91"/>
      <c r="HJ2031" s="91"/>
      <c r="HK2031" s="127"/>
      <c r="HL2031" s="126"/>
      <c r="HM2031" s="91"/>
      <c r="HN2031" s="91"/>
      <c r="HO2031" s="91"/>
      <c r="HP2031" s="91"/>
      <c r="HQ2031" s="91"/>
      <c r="HR2031" s="91"/>
      <c r="HS2031" s="91"/>
      <c r="HT2031" s="91"/>
      <c r="HU2031" s="91"/>
      <c r="HV2031" s="91"/>
      <c r="HW2031" s="91"/>
      <c r="HX2031" s="91"/>
      <c r="HY2031" s="91"/>
      <c r="HZ2031" s="91"/>
      <c r="IA2031" s="91"/>
      <c r="IB2031" s="91"/>
      <c r="IC2031" s="91"/>
      <c r="ID2031" s="91"/>
      <c r="IE2031" s="91"/>
      <c r="IF2031" s="91"/>
      <c r="IG2031" s="91"/>
      <c r="IH2031" s="91"/>
      <c r="II2031" s="91"/>
      <c r="IJ2031" s="91"/>
      <c r="IK2031" s="127"/>
    </row>
    <row r="2032" spans="2:245" x14ac:dyDescent="0.2">
      <c r="B2032" s="43"/>
      <c r="C2032" s="73"/>
      <c r="D2032" s="64"/>
      <c r="E2032" s="64"/>
      <c r="F2032" s="55"/>
      <c r="G2032" s="102"/>
      <c r="H2032" s="55"/>
      <c r="I2032" s="55"/>
      <c r="J2032" s="55"/>
      <c r="K2032" s="55"/>
      <c r="L2032" s="55"/>
      <c r="M2032" s="55"/>
      <c r="N2032" s="55"/>
      <c r="O2032" s="55"/>
      <c r="P2032" s="55"/>
      <c r="Q2032" s="55"/>
      <c r="R2032" s="55"/>
      <c r="S2032" s="55"/>
      <c r="T2032" s="55"/>
      <c r="U2032" s="55"/>
      <c r="V2032" s="55"/>
      <c r="W2032" s="55"/>
      <c r="X2032" s="55"/>
      <c r="Y2032" s="55"/>
      <c r="Z2032" s="55"/>
      <c r="AA2032" s="55"/>
      <c r="AB2032" s="55"/>
      <c r="AC2032" s="55"/>
      <c r="AD2032" s="55"/>
      <c r="AE2032" s="55"/>
      <c r="AF2032" s="55"/>
      <c r="AG2032" s="55"/>
      <c r="AY2032" s="162"/>
      <c r="AZ2032" s="162"/>
      <c r="BA2032" s="162"/>
      <c r="BB2032" s="162"/>
      <c r="BC2032" s="162"/>
      <c r="BD2032" s="162"/>
      <c r="BE2032" s="162"/>
      <c r="BF2032" s="162"/>
      <c r="BG2032" s="162"/>
      <c r="BH2032" s="162"/>
      <c r="BI2032" s="162"/>
      <c r="BJ2032" s="162"/>
      <c r="BK2032" s="162"/>
      <c r="BL2032" s="162"/>
      <c r="BM2032" s="162"/>
      <c r="BN2032" s="162"/>
      <c r="BO2032" s="162"/>
      <c r="BP2032" s="162"/>
      <c r="BQ2032" s="162"/>
      <c r="BR2032" s="162"/>
      <c r="BS2032" s="162"/>
      <c r="BT2032" s="162"/>
      <c r="BU2032" s="162"/>
      <c r="BV2032" s="162"/>
      <c r="BW2032" s="162"/>
      <c r="BX2032" s="162"/>
      <c r="BY2032" s="162"/>
      <c r="BZ2032" s="162"/>
      <c r="CA2032" s="162"/>
      <c r="CB2032" s="162"/>
      <c r="CC2032" s="162"/>
      <c r="CD2032" s="162"/>
      <c r="CE2032" s="162"/>
      <c r="CF2032" s="162"/>
      <c r="CG2032" s="162"/>
      <c r="CH2032" s="162"/>
      <c r="CI2032" s="162"/>
      <c r="CJ2032" s="162"/>
      <c r="CK2032" s="162"/>
      <c r="CX2032" s="98"/>
      <c r="DL2032" s="97"/>
      <c r="DX2032" s="98"/>
      <c r="EL2032" s="97"/>
      <c r="EX2032" s="98"/>
      <c r="EY2032" s="97"/>
      <c r="FL2032" s="126"/>
      <c r="FM2032" s="91"/>
      <c r="FN2032" s="91"/>
      <c r="FO2032" s="91"/>
      <c r="FP2032" s="91"/>
      <c r="FQ2032" s="91"/>
      <c r="FR2032" s="91"/>
      <c r="FS2032" s="91"/>
      <c r="FT2032" s="91"/>
      <c r="FU2032" s="91"/>
      <c r="FV2032" s="91"/>
      <c r="FW2032" s="91"/>
      <c r="FX2032" s="91"/>
      <c r="FY2032" s="91"/>
      <c r="FZ2032" s="91"/>
      <c r="GA2032" s="91"/>
      <c r="GB2032" s="91"/>
      <c r="GC2032" s="91"/>
      <c r="GD2032" s="91"/>
      <c r="GE2032" s="91"/>
      <c r="GF2032" s="91"/>
      <c r="GG2032" s="91"/>
      <c r="GH2032" s="91"/>
      <c r="GI2032" s="91"/>
      <c r="GJ2032" s="91"/>
      <c r="GK2032" s="127"/>
      <c r="GL2032" s="126"/>
      <c r="GM2032" s="91"/>
      <c r="GN2032" s="91"/>
      <c r="GO2032" s="91"/>
      <c r="GP2032" s="91"/>
      <c r="GQ2032" s="91"/>
      <c r="GR2032" s="91"/>
      <c r="GS2032" s="91"/>
      <c r="GT2032" s="91"/>
      <c r="GU2032" s="91"/>
      <c r="GV2032" s="91"/>
      <c r="GW2032" s="91"/>
      <c r="GX2032" s="91"/>
      <c r="GY2032" s="91"/>
      <c r="GZ2032" s="91"/>
      <c r="HA2032" s="91"/>
      <c r="HB2032" s="91"/>
      <c r="HC2032" s="91"/>
      <c r="HD2032" s="91"/>
      <c r="HE2032" s="91"/>
      <c r="HF2032" s="91"/>
      <c r="HG2032" s="91"/>
      <c r="HH2032" s="91"/>
      <c r="HI2032" s="91"/>
      <c r="HJ2032" s="91"/>
      <c r="HK2032" s="127"/>
      <c r="HL2032" s="126"/>
      <c r="HM2032" s="91"/>
      <c r="HN2032" s="91"/>
      <c r="HO2032" s="91"/>
      <c r="HP2032" s="91"/>
      <c r="HQ2032" s="91"/>
      <c r="HR2032" s="91"/>
      <c r="HS2032" s="91"/>
      <c r="HT2032" s="91"/>
      <c r="HU2032" s="91"/>
      <c r="HV2032" s="91"/>
      <c r="HW2032" s="91"/>
      <c r="HX2032" s="91"/>
      <c r="HY2032" s="91"/>
      <c r="HZ2032" s="91"/>
      <c r="IA2032" s="91"/>
      <c r="IB2032" s="91"/>
      <c r="IC2032" s="91"/>
      <c r="ID2032" s="91"/>
      <c r="IE2032" s="91"/>
      <c r="IF2032" s="91"/>
      <c r="IG2032" s="91"/>
      <c r="IH2032" s="91"/>
      <c r="II2032" s="91"/>
      <c r="IJ2032" s="91"/>
      <c r="IK2032" s="127"/>
    </row>
    <row r="2033" spans="2:245" x14ac:dyDescent="0.2">
      <c r="B2033" s="43"/>
      <c r="C2033" s="73"/>
      <c r="D2033" s="64"/>
      <c r="E2033" s="64"/>
      <c r="F2033" s="55"/>
      <c r="G2033" s="102"/>
      <c r="H2033" s="55"/>
      <c r="I2033" s="55"/>
      <c r="J2033" s="55"/>
      <c r="K2033" s="55"/>
      <c r="L2033" s="55"/>
      <c r="M2033" s="55"/>
      <c r="N2033" s="55"/>
      <c r="O2033" s="55"/>
      <c r="P2033" s="55"/>
      <c r="Q2033" s="55"/>
      <c r="R2033" s="55"/>
      <c r="S2033" s="55"/>
      <c r="T2033" s="55"/>
      <c r="U2033" s="55"/>
      <c r="V2033" s="55"/>
      <c r="W2033" s="55"/>
      <c r="X2033" s="55"/>
      <c r="Y2033" s="55"/>
      <c r="Z2033" s="55"/>
      <c r="AA2033" s="55"/>
      <c r="AB2033" s="55"/>
      <c r="AC2033" s="55"/>
      <c r="AD2033" s="55"/>
      <c r="AE2033" s="55"/>
      <c r="AF2033" s="55"/>
      <c r="AG2033" s="55"/>
      <c r="AY2033" s="162"/>
      <c r="AZ2033" s="162"/>
      <c r="BA2033" s="162"/>
      <c r="BB2033" s="162"/>
      <c r="BC2033" s="162"/>
      <c r="BD2033" s="162"/>
      <c r="BE2033" s="162"/>
      <c r="BF2033" s="162"/>
      <c r="BG2033" s="162"/>
      <c r="BH2033" s="162"/>
      <c r="BI2033" s="162"/>
      <c r="BJ2033" s="162"/>
      <c r="BK2033" s="162"/>
      <c r="BL2033" s="162"/>
      <c r="BM2033" s="162"/>
      <c r="BN2033" s="162"/>
      <c r="BO2033" s="162"/>
      <c r="BP2033" s="162"/>
      <c r="BQ2033" s="162"/>
      <c r="BR2033" s="162"/>
      <c r="BS2033" s="162"/>
      <c r="BT2033" s="162"/>
      <c r="BU2033" s="162"/>
      <c r="BV2033" s="162"/>
      <c r="BW2033" s="162"/>
      <c r="BX2033" s="162"/>
      <c r="BY2033" s="162"/>
      <c r="BZ2033" s="162"/>
      <c r="CA2033" s="162"/>
      <c r="CB2033" s="162"/>
      <c r="CC2033" s="162"/>
      <c r="CD2033" s="162"/>
      <c r="CE2033" s="162"/>
      <c r="CF2033" s="162"/>
      <c r="CG2033" s="162"/>
      <c r="CH2033" s="162"/>
      <c r="CI2033" s="162"/>
      <c r="CJ2033" s="162"/>
      <c r="CK2033" s="162"/>
      <c r="CX2033" s="98"/>
      <c r="DL2033" s="97"/>
      <c r="DX2033" s="98"/>
      <c r="EL2033" s="97"/>
      <c r="EX2033" s="98"/>
      <c r="EY2033" s="97"/>
      <c r="FL2033" s="126"/>
      <c r="FM2033" s="91"/>
      <c r="FN2033" s="91"/>
      <c r="FO2033" s="91"/>
      <c r="FP2033" s="91"/>
      <c r="FQ2033" s="91"/>
      <c r="FR2033" s="91"/>
      <c r="FS2033" s="91"/>
      <c r="FT2033" s="91"/>
      <c r="FU2033" s="91"/>
      <c r="FV2033" s="91"/>
      <c r="FW2033" s="91"/>
      <c r="FX2033" s="91"/>
      <c r="FY2033" s="91"/>
      <c r="FZ2033" s="91"/>
      <c r="GA2033" s="91"/>
      <c r="GB2033" s="91"/>
      <c r="GC2033" s="91"/>
      <c r="GD2033" s="91"/>
      <c r="GE2033" s="91"/>
      <c r="GF2033" s="91"/>
      <c r="GG2033" s="91"/>
      <c r="GH2033" s="91"/>
      <c r="GI2033" s="91"/>
      <c r="GJ2033" s="91"/>
      <c r="GK2033" s="127"/>
      <c r="GL2033" s="126"/>
      <c r="GM2033" s="91"/>
      <c r="GN2033" s="91"/>
      <c r="GO2033" s="91"/>
      <c r="GP2033" s="91"/>
      <c r="GQ2033" s="91"/>
      <c r="GR2033" s="91"/>
      <c r="GS2033" s="91"/>
      <c r="GT2033" s="91"/>
      <c r="GU2033" s="91"/>
      <c r="GV2033" s="91"/>
      <c r="GW2033" s="91"/>
      <c r="GX2033" s="91"/>
      <c r="GY2033" s="91"/>
      <c r="GZ2033" s="91"/>
      <c r="HA2033" s="91"/>
      <c r="HB2033" s="91"/>
      <c r="HC2033" s="91"/>
      <c r="HD2033" s="91"/>
      <c r="HE2033" s="91"/>
      <c r="HF2033" s="91"/>
      <c r="HG2033" s="91"/>
      <c r="HH2033" s="91"/>
      <c r="HI2033" s="91"/>
      <c r="HJ2033" s="91"/>
      <c r="HK2033" s="127"/>
      <c r="HL2033" s="126"/>
      <c r="HM2033" s="91"/>
      <c r="HN2033" s="91"/>
      <c r="HO2033" s="91"/>
      <c r="HP2033" s="91"/>
      <c r="HQ2033" s="91"/>
      <c r="HR2033" s="91"/>
      <c r="HS2033" s="91"/>
      <c r="HT2033" s="91"/>
      <c r="HU2033" s="91"/>
      <c r="HV2033" s="91"/>
      <c r="HW2033" s="91"/>
      <c r="HX2033" s="91"/>
      <c r="HY2033" s="91"/>
      <c r="HZ2033" s="91"/>
      <c r="IA2033" s="91"/>
      <c r="IB2033" s="91"/>
      <c r="IC2033" s="91"/>
      <c r="ID2033" s="91"/>
      <c r="IE2033" s="91"/>
      <c r="IF2033" s="91"/>
      <c r="IG2033" s="91"/>
      <c r="IH2033" s="91"/>
      <c r="II2033" s="91"/>
      <c r="IJ2033" s="91"/>
      <c r="IK2033" s="127"/>
    </row>
    <row r="2034" spans="2:245" x14ac:dyDescent="0.2">
      <c r="B2034" s="43"/>
      <c r="C2034" s="73"/>
      <c r="D2034" s="64"/>
      <c r="E2034" s="64"/>
      <c r="F2034" s="55"/>
      <c r="G2034" s="102"/>
      <c r="H2034" s="55"/>
      <c r="I2034" s="55"/>
      <c r="J2034" s="55"/>
      <c r="K2034" s="55"/>
      <c r="L2034" s="55"/>
      <c r="M2034" s="55"/>
      <c r="N2034" s="55"/>
      <c r="O2034" s="55"/>
      <c r="P2034" s="55"/>
      <c r="Q2034" s="55"/>
      <c r="R2034" s="55"/>
      <c r="S2034" s="55"/>
      <c r="T2034" s="55"/>
      <c r="U2034" s="55"/>
      <c r="V2034" s="55"/>
      <c r="W2034" s="55"/>
      <c r="X2034" s="55"/>
      <c r="Y2034" s="55"/>
      <c r="Z2034" s="55"/>
      <c r="AA2034" s="55"/>
      <c r="AB2034" s="55"/>
      <c r="AC2034" s="55"/>
      <c r="AD2034" s="55"/>
      <c r="AE2034" s="55"/>
      <c r="AF2034" s="55"/>
      <c r="AG2034" s="55"/>
      <c r="AY2034" s="162"/>
      <c r="AZ2034" s="162"/>
      <c r="BA2034" s="162"/>
      <c r="BB2034" s="162"/>
      <c r="BC2034" s="162"/>
      <c r="BD2034" s="162"/>
      <c r="BE2034" s="162"/>
      <c r="BF2034" s="162"/>
      <c r="BG2034" s="162"/>
      <c r="BH2034" s="162"/>
      <c r="BI2034" s="162"/>
      <c r="BJ2034" s="162"/>
      <c r="BK2034" s="162"/>
      <c r="BL2034" s="162"/>
      <c r="BM2034" s="162"/>
      <c r="BN2034" s="162"/>
      <c r="BO2034" s="162"/>
      <c r="BP2034" s="162"/>
      <c r="BQ2034" s="162"/>
      <c r="BR2034" s="162"/>
      <c r="BS2034" s="162"/>
      <c r="BT2034" s="162"/>
      <c r="BU2034" s="162"/>
      <c r="BV2034" s="162"/>
      <c r="BW2034" s="162"/>
      <c r="BX2034" s="162"/>
      <c r="BY2034" s="162"/>
      <c r="BZ2034" s="162"/>
      <c r="CA2034" s="162"/>
      <c r="CB2034" s="162"/>
      <c r="CC2034" s="162"/>
      <c r="CD2034" s="162"/>
      <c r="CE2034" s="162"/>
      <c r="CF2034" s="162"/>
      <c r="CG2034" s="162"/>
      <c r="CH2034" s="162"/>
      <c r="CI2034" s="162"/>
      <c r="CJ2034" s="162"/>
      <c r="CK2034" s="162"/>
      <c r="CX2034" s="98"/>
      <c r="DL2034" s="97"/>
      <c r="DX2034" s="98"/>
      <c r="EL2034" s="97"/>
      <c r="EX2034" s="98"/>
      <c r="EY2034" s="97"/>
      <c r="FL2034" s="126"/>
      <c r="FM2034" s="91"/>
      <c r="FN2034" s="91"/>
      <c r="FO2034" s="91"/>
      <c r="FP2034" s="91"/>
      <c r="FQ2034" s="91"/>
      <c r="FR2034" s="91"/>
      <c r="FS2034" s="91"/>
      <c r="FT2034" s="91"/>
      <c r="FU2034" s="91"/>
      <c r="FV2034" s="91"/>
      <c r="FW2034" s="91"/>
      <c r="FX2034" s="91"/>
      <c r="FY2034" s="91"/>
      <c r="FZ2034" s="91"/>
      <c r="GA2034" s="91"/>
      <c r="GB2034" s="91"/>
      <c r="GC2034" s="91"/>
      <c r="GD2034" s="91"/>
      <c r="GE2034" s="91"/>
      <c r="GF2034" s="91"/>
      <c r="GG2034" s="91"/>
      <c r="GH2034" s="91"/>
      <c r="GI2034" s="91"/>
      <c r="GJ2034" s="91"/>
      <c r="GK2034" s="127"/>
      <c r="GL2034" s="126"/>
      <c r="GM2034" s="91"/>
      <c r="GN2034" s="91"/>
      <c r="GO2034" s="91"/>
      <c r="GP2034" s="91"/>
      <c r="GQ2034" s="91"/>
      <c r="GR2034" s="91"/>
      <c r="GS2034" s="91"/>
      <c r="GT2034" s="91"/>
      <c r="GU2034" s="91"/>
      <c r="GV2034" s="91"/>
      <c r="GW2034" s="91"/>
      <c r="GX2034" s="91"/>
      <c r="GY2034" s="91"/>
      <c r="GZ2034" s="91"/>
      <c r="HA2034" s="91"/>
      <c r="HB2034" s="91"/>
      <c r="HC2034" s="91"/>
      <c r="HD2034" s="91"/>
      <c r="HE2034" s="91"/>
      <c r="HF2034" s="91"/>
      <c r="HG2034" s="91"/>
      <c r="HH2034" s="91"/>
      <c r="HI2034" s="91"/>
      <c r="HJ2034" s="91"/>
      <c r="HK2034" s="127"/>
      <c r="HL2034" s="126"/>
      <c r="HM2034" s="91"/>
      <c r="HN2034" s="91"/>
      <c r="HO2034" s="91"/>
      <c r="HP2034" s="91"/>
      <c r="HQ2034" s="91"/>
      <c r="HR2034" s="91"/>
      <c r="HS2034" s="91"/>
      <c r="HT2034" s="91"/>
      <c r="HU2034" s="91"/>
      <c r="HV2034" s="91"/>
      <c r="HW2034" s="91"/>
      <c r="HX2034" s="91"/>
      <c r="HY2034" s="91"/>
      <c r="HZ2034" s="91"/>
      <c r="IA2034" s="91"/>
      <c r="IB2034" s="91"/>
      <c r="IC2034" s="91"/>
      <c r="ID2034" s="91"/>
      <c r="IE2034" s="91"/>
      <c r="IF2034" s="91"/>
      <c r="IG2034" s="91"/>
      <c r="IH2034" s="91"/>
      <c r="II2034" s="91"/>
      <c r="IJ2034" s="91"/>
      <c r="IK2034" s="127"/>
    </row>
    <row r="2035" spans="2:245" x14ac:dyDescent="0.2">
      <c r="B2035" s="43"/>
      <c r="C2035" s="73"/>
      <c r="D2035" s="64"/>
      <c r="E2035" s="64"/>
      <c r="F2035" s="55"/>
      <c r="G2035" s="102"/>
      <c r="H2035" s="55"/>
      <c r="I2035" s="55"/>
      <c r="J2035" s="55"/>
      <c r="K2035" s="55"/>
      <c r="L2035" s="55"/>
      <c r="M2035" s="55"/>
      <c r="N2035" s="55"/>
      <c r="O2035" s="55"/>
      <c r="P2035" s="55"/>
      <c r="Q2035" s="55"/>
      <c r="R2035" s="55"/>
      <c r="S2035" s="55"/>
      <c r="T2035" s="55"/>
      <c r="U2035" s="55"/>
      <c r="V2035" s="55"/>
      <c r="W2035" s="55"/>
      <c r="X2035" s="55"/>
      <c r="Y2035" s="55"/>
      <c r="Z2035" s="55"/>
      <c r="AA2035" s="55"/>
      <c r="AB2035" s="55"/>
      <c r="AC2035" s="55"/>
      <c r="AD2035" s="55"/>
      <c r="AE2035" s="55"/>
      <c r="AF2035" s="55"/>
      <c r="AG2035" s="55"/>
      <c r="AY2035" s="162"/>
      <c r="AZ2035" s="162"/>
      <c r="BA2035" s="162"/>
      <c r="BB2035" s="162"/>
      <c r="BC2035" s="162"/>
      <c r="BD2035" s="162"/>
      <c r="BE2035" s="162"/>
      <c r="BF2035" s="162"/>
      <c r="BG2035" s="162"/>
      <c r="BH2035" s="162"/>
      <c r="BI2035" s="162"/>
      <c r="BJ2035" s="162"/>
      <c r="BK2035" s="162"/>
      <c r="BL2035" s="162"/>
      <c r="BM2035" s="162"/>
      <c r="BN2035" s="162"/>
      <c r="BO2035" s="162"/>
      <c r="BP2035" s="162"/>
      <c r="BQ2035" s="162"/>
      <c r="BR2035" s="162"/>
      <c r="BS2035" s="162"/>
      <c r="BT2035" s="162"/>
      <c r="BU2035" s="162"/>
      <c r="BV2035" s="162"/>
      <c r="BW2035" s="162"/>
      <c r="BX2035" s="162"/>
      <c r="BY2035" s="162"/>
      <c r="BZ2035" s="162"/>
      <c r="CA2035" s="162"/>
      <c r="CB2035" s="162"/>
      <c r="CC2035" s="162"/>
      <c r="CD2035" s="162"/>
      <c r="CE2035" s="162"/>
      <c r="CF2035" s="162"/>
      <c r="CG2035" s="162"/>
      <c r="CH2035" s="162"/>
      <c r="CI2035" s="162"/>
      <c r="CJ2035" s="162"/>
      <c r="CK2035" s="162"/>
      <c r="CX2035" s="98"/>
      <c r="DL2035" s="97"/>
      <c r="DX2035" s="98"/>
      <c r="EL2035" s="97"/>
      <c r="EX2035" s="98"/>
      <c r="EY2035" s="97"/>
      <c r="FL2035" s="126"/>
      <c r="FM2035" s="91"/>
      <c r="FN2035" s="91"/>
      <c r="FO2035" s="91"/>
      <c r="FP2035" s="91"/>
      <c r="FQ2035" s="91"/>
      <c r="FR2035" s="91"/>
      <c r="FS2035" s="91"/>
      <c r="FT2035" s="91"/>
      <c r="FU2035" s="91"/>
      <c r="FV2035" s="91"/>
      <c r="FW2035" s="91"/>
      <c r="FX2035" s="91"/>
      <c r="FY2035" s="91"/>
      <c r="FZ2035" s="91"/>
      <c r="GA2035" s="91"/>
      <c r="GB2035" s="91"/>
      <c r="GC2035" s="91"/>
      <c r="GD2035" s="91"/>
      <c r="GE2035" s="91"/>
      <c r="GF2035" s="91"/>
      <c r="GG2035" s="91"/>
      <c r="GH2035" s="91"/>
      <c r="GI2035" s="91"/>
      <c r="GJ2035" s="91"/>
      <c r="GK2035" s="127"/>
      <c r="GL2035" s="126"/>
      <c r="GM2035" s="91"/>
      <c r="GN2035" s="91"/>
      <c r="GO2035" s="91"/>
      <c r="GP2035" s="91"/>
      <c r="GQ2035" s="91"/>
      <c r="GR2035" s="91"/>
      <c r="GS2035" s="91"/>
      <c r="GT2035" s="91"/>
      <c r="GU2035" s="91"/>
      <c r="GV2035" s="91"/>
      <c r="GW2035" s="91"/>
      <c r="GX2035" s="91"/>
      <c r="GY2035" s="91"/>
      <c r="GZ2035" s="91"/>
      <c r="HA2035" s="91"/>
      <c r="HB2035" s="91"/>
      <c r="HC2035" s="91"/>
      <c r="HD2035" s="91"/>
      <c r="HE2035" s="91"/>
      <c r="HF2035" s="91"/>
      <c r="HG2035" s="91"/>
      <c r="HH2035" s="91"/>
      <c r="HI2035" s="91"/>
      <c r="HJ2035" s="91"/>
      <c r="HK2035" s="127"/>
      <c r="HL2035" s="126"/>
      <c r="HM2035" s="91"/>
      <c r="HN2035" s="91"/>
      <c r="HO2035" s="91"/>
      <c r="HP2035" s="91"/>
      <c r="HQ2035" s="91"/>
      <c r="HR2035" s="91"/>
      <c r="HS2035" s="91"/>
      <c r="HT2035" s="91"/>
      <c r="HU2035" s="91"/>
      <c r="HV2035" s="91"/>
      <c r="HW2035" s="91"/>
      <c r="HX2035" s="91"/>
      <c r="HY2035" s="91"/>
      <c r="HZ2035" s="91"/>
      <c r="IA2035" s="91"/>
      <c r="IB2035" s="91"/>
      <c r="IC2035" s="91"/>
      <c r="ID2035" s="91"/>
      <c r="IE2035" s="91"/>
      <c r="IF2035" s="91"/>
      <c r="IG2035" s="91"/>
      <c r="IH2035" s="91"/>
      <c r="II2035" s="91"/>
      <c r="IJ2035" s="91"/>
      <c r="IK2035" s="127"/>
    </row>
    <row r="2036" spans="2:245" x14ac:dyDescent="0.2">
      <c r="B2036" s="43"/>
      <c r="C2036" s="73"/>
      <c r="D2036" s="64"/>
      <c r="E2036" s="64"/>
      <c r="F2036" s="55"/>
      <c r="G2036" s="102"/>
      <c r="H2036" s="55"/>
      <c r="I2036" s="55"/>
      <c r="J2036" s="55"/>
      <c r="K2036" s="55"/>
      <c r="L2036" s="55"/>
      <c r="M2036" s="55"/>
      <c r="N2036" s="55"/>
      <c r="O2036" s="55"/>
      <c r="P2036" s="55"/>
      <c r="Q2036" s="55"/>
      <c r="R2036" s="55"/>
      <c r="S2036" s="55"/>
      <c r="T2036" s="55"/>
      <c r="U2036" s="55"/>
      <c r="V2036" s="55"/>
      <c r="W2036" s="55"/>
      <c r="X2036" s="55"/>
      <c r="Y2036" s="55"/>
      <c r="Z2036" s="55"/>
      <c r="AA2036" s="55"/>
      <c r="AB2036" s="55"/>
      <c r="AC2036" s="55"/>
      <c r="AD2036" s="55"/>
      <c r="AE2036" s="55"/>
      <c r="AF2036" s="55"/>
      <c r="AG2036" s="55"/>
      <c r="AY2036" s="162"/>
      <c r="AZ2036" s="162"/>
      <c r="BA2036" s="162"/>
      <c r="BB2036" s="162"/>
      <c r="BC2036" s="162"/>
      <c r="BD2036" s="162"/>
      <c r="BE2036" s="162"/>
      <c r="BF2036" s="162"/>
      <c r="BG2036" s="162"/>
      <c r="BH2036" s="162"/>
      <c r="BI2036" s="162"/>
      <c r="BJ2036" s="162"/>
      <c r="BK2036" s="162"/>
      <c r="BL2036" s="162"/>
      <c r="BM2036" s="162"/>
      <c r="BN2036" s="162"/>
      <c r="BO2036" s="162"/>
      <c r="BP2036" s="162"/>
      <c r="BQ2036" s="162"/>
      <c r="BR2036" s="162"/>
      <c r="BS2036" s="162"/>
      <c r="BT2036" s="162"/>
      <c r="BU2036" s="162"/>
      <c r="BV2036" s="162"/>
      <c r="BW2036" s="162"/>
      <c r="BX2036" s="162"/>
      <c r="BY2036" s="162"/>
      <c r="BZ2036" s="162"/>
      <c r="CA2036" s="162"/>
      <c r="CB2036" s="162"/>
      <c r="CC2036" s="162"/>
      <c r="CD2036" s="162"/>
      <c r="CE2036" s="162"/>
      <c r="CF2036" s="162"/>
      <c r="CG2036" s="162"/>
      <c r="CH2036" s="162"/>
      <c r="CI2036" s="162"/>
      <c r="CJ2036" s="162"/>
      <c r="CK2036" s="162"/>
      <c r="CX2036" s="98"/>
      <c r="DL2036" s="97"/>
      <c r="DX2036" s="98"/>
      <c r="EL2036" s="97"/>
      <c r="EX2036" s="98"/>
      <c r="EY2036" s="97"/>
      <c r="FL2036" s="126"/>
      <c r="FM2036" s="91"/>
      <c r="FN2036" s="91"/>
      <c r="FO2036" s="91"/>
      <c r="FP2036" s="91"/>
      <c r="FQ2036" s="91"/>
      <c r="FR2036" s="91"/>
      <c r="FS2036" s="91"/>
      <c r="FT2036" s="91"/>
      <c r="FU2036" s="91"/>
      <c r="FV2036" s="91"/>
      <c r="FW2036" s="91"/>
      <c r="FX2036" s="91"/>
      <c r="FY2036" s="91"/>
      <c r="FZ2036" s="91"/>
      <c r="GA2036" s="91"/>
      <c r="GB2036" s="91"/>
      <c r="GC2036" s="91"/>
      <c r="GD2036" s="91"/>
      <c r="GE2036" s="91"/>
      <c r="GF2036" s="91"/>
      <c r="GG2036" s="91"/>
      <c r="GH2036" s="91"/>
      <c r="GI2036" s="91"/>
      <c r="GJ2036" s="91"/>
      <c r="GK2036" s="127"/>
      <c r="GL2036" s="126"/>
      <c r="GM2036" s="91"/>
      <c r="GN2036" s="91"/>
      <c r="GO2036" s="91"/>
      <c r="GP2036" s="91"/>
      <c r="GQ2036" s="91"/>
      <c r="GR2036" s="91"/>
      <c r="GS2036" s="91"/>
      <c r="GT2036" s="91"/>
      <c r="GU2036" s="91"/>
      <c r="GV2036" s="91"/>
      <c r="GW2036" s="91"/>
      <c r="GX2036" s="91"/>
      <c r="GY2036" s="91"/>
      <c r="GZ2036" s="91"/>
      <c r="HA2036" s="91"/>
      <c r="HB2036" s="91"/>
      <c r="HC2036" s="91"/>
      <c r="HD2036" s="91"/>
      <c r="HE2036" s="91"/>
      <c r="HF2036" s="91"/>
      <c r="HG2036" s="91"/>
      <c r="HH2036" s="91"/>
      <c r="HI2036" s="91"/>
      <c r="HJ2036" s="91"/>
      <c r="HK2036" s="127"/>
      <c r="HL2036" s="126"/>
      <c r="HM2036" s="91"/>
      <c r="HN2036" s="91"/>
      <c r="HO2036" s="91"/>
      <c r="HP2036" s="91"/>
      <c r="HQ2036" s="91"/>
      <c r="HR2036" s="91"/>
      <c r="HS2036" s="91"/>
      <c r="HT2036" s="91"/>
      <c r="HU2036" s="91"/>
      <c r="HV2036" s="91"/>
      <c r="HW2036" s="91"/>
      <c r="HX2036" s="91"/>
      <c r="HY2036" s="91"/>
      <c r="HZ2036" s="91"/>
      <c r="IA2036" s="91"/>
      <c r="IB2036" s="91"/>
      <c r="IC2036" s="91"/>
      <c r="ID2036" s="91"/>
      <c r="IE2036" s="91"/>
      <c r="IF2036" s="91"/>
      <c r="IG2036" s="91"/>
      <c r="IH2036" s="91"/>
      <c r="II2036" s="91"/>
      <c r="IJ2036" s="91"/>
      <c r="IK2036" s="127"/>
    </row>
    <row r="2037" spans="2:245" x14ac:dyDescent="0.2">
      <c r="B2037" s="43"/>
      <c r="C2037" s="73"/>
      <c r="D2037" s="64"/>
      <c r="E2037" s="64"/>
      <c r="F2037" s="55"/>
      <c r="G2037" s="102"/>
      <c r="H2037" s="55"/>
      <c r="I2037" s="55"/>
      <c r="J2037" s="55"/>
      <c r="K2037" s="55"/>
      <c r="L2037" s="55"/>
      <c r="M2037" s="55"/>
      <c r="N2037" s="55"/>
      <c r="O2037" s="55"/>
      <c r="P2037" s="55"/>
      <c r="Q2037" s="55"/>
      <c r="R2037" s="55"/>
      <c r="S2037" s="55"/>
      <c r="T2037" s="55"/>
      <c r="U2037" s="55"/>
      <c r="V2037" s="55"/>
      <c r="W2037" s="55"/>
      <c r="X2037" s="55"/>
      <c r="Y2037" s="55"/>
      <c r="Z2037" s="55"/>
      <c r="AA2037" s="55"/>
      <c r="AB2037" s="55"/>
      <c r="AC2037" s="55"/>
      <c r="AD2037" s="55"/>
      <c r="AE2037" s="55"/>
      <c r="AF2037" s="55"/>
      <c r="AG2037" s="55"/>
      <c r="AY2037" s="162"/>
      <c r="AZ2037" s="162"/>
      <c r="BA2037" s="162"/>
      <c r="BB2037" s="162"/>
      <c r="BC2037" s="162"/>
      <c r="BD2037" s="162"/>
      <c r="BE2037" s="162"/>
      <c r="BF2037" s="162"/>
      <c r="BG2037" s="162"/>
      <c r="BH2037" s="162"/>
      <c r="BI2037" s="162"/>
      <c r="BJ2037" s="162"/>
      <c r="BK2037" s="162"/>
      <c r="BL2037" s="162"/>
      <c r="BM2037" s="162"/>
      <c r="BN2037" s="162"/>
      <c r="BO2037" s="162"/>
      <c r="BP2037" s="162"/>
      <c r="BQ2037" s="162"/>
      <c r="BR2037" s="162"/>
      <c r="BS2037" s="162"/>
      <c r="BT2037" s="162"/>
      <c r="BU2037" s="162"/>
      <c r="BV2037" s="162"/>
      <c r="BW2037" s="162"/>
      <c r="BX2037" s="162"/>
      <c r="BY2037" s="162"/>
      <c r="BZ2037" s="162"/>
      <c r="CA2037" s="162"/>
      <c r="CB2037" s="162"/>
      <c r="CC2037" s="162"/>
      <c r="CD2037" s="162"/>
      <c r="CE2037" s="162"/>
      <c r="CF2037" s="162"/>
      <c r="CG2037" s="162"/>
      <c r="CH2037" s="162"/>
      <c r="CI2037" s="162"/>
      <c r="CJ2037" s="162"/>
      <c r="CK2037" s="162"/>
      <c r="CX2037" s="98"/>
      <c r="DL2037" s="97"/>
      <c r="DX2037" s="98"/>
      <c r="EL2037" s="97"/>
      <c r="EX2037" s="98"/>
      <c r="EY2037" s="97"/>
      <c r="FL2037" s="126"/>
      <c r="FM2037" s="91"/>
      <c r="FN2037" s="91"/>
      <c r="FO2037" s="91"/>
      <c r="FP2037" s="91"/>
      <c r="FQ2037" s="91"/>
      <c r="FR2037" s="91"/>
      <c r="FS2037" s="91"/>
      <c r="FT2037" s="91"/>
      <c r="FU2037" s="91"/>
      <c r="FV2037" s="91"/>
      <c r="FW2037" s="91"/>
      <c r="FX2037" s="91"/>
      <c r="FY2037" s="91"/>
      <c r="FZ2037" s="91"/>
      <c r="GA2037" s="91"/>
      <c r="GB2037" s="91"/>
      <c r="GC2037" s="91"/>
      <c r="GD2037" s="91"/>
      <c r="GE2037" s="91"/>
      <c r="GF2037" s="91"/>
      <c r="GG2037" s="91"/>
      <c r="GH2037" s="91"/>
      <c r="GI2037" s="91"/>
      <c r="GJ2037" s="91"/>
      <c r="GK2037" s="127"/>
      <c r="GL2037" s="126"/>
      <c r="GM2037" s="91"/>
      <c r="GN2037" s="91"/>
      <c r="GO2037" s="91"/>
      <c r="GP2037" s="91"/>
      <c r="GQ2037" s="91"/>
      <c r="GR2037" s="91"/>
      <c r="GS2037" s="91"/>
      <c r="GT2037" s="91"/>
      <c r="GU2037" s="91"/>
      <c r="GV2037" s="91"/>
      <c r="GW2037" s="91"/>
      <c r="GX2037" s="91"/>
      <c r="GY2037" s="91"/>
      <c r="GZ2037" s="91"/>
      <c r="HA2037" s="91"/>
      <c r="HB2037" s="91"/>
      <c r="HC2037" s="91"/>
      <c r="HD2037" s="91"/>
      <c r="HE2037" s="91"/>
      <c r="HF2037" s="91"/>
      <c r="HG2037" s="91"/>
      <c r="HH2037" s="91"/>
      <c r="HI2037" s="91"/>
      <c r="HJ2037" s="91"/>
      <c r="HK2037" s="127"/>
      <c r="HL2037" s="126"/>
      <c r="HM2037" s="91"/>
      <c r="HN2037" s="91"/>
      <c r="HO2037" s="91"/>
      <c r="HP2037" s="91"/>
      <c r="HQ2037" s="91"/>
      <c r="HR2037" s="91"/>
      <c r="HS2037" s="91"/>
      <c r="HT2037" s="91"/>
      <c r="HU2037" s="91"/>
      <c r="HV2037" s="91"/>
      <c r="HW2037" s="91"/>
      <c r="HX2037" s="91"/>
      <c r="HY2037" s="91"/>
      <c r="HZ2037" s="91"/>
      <c r="IA2037" s="91"/>
      <c r="IB2037" s="91"/>
      <c r="IC2037" s="91"/>
      <c r="ID2037" s="91"/>
      <c r="IE2037" s="91"/>
      <c r="IF2037" s="91"/>
      <c r="IG2037" s="91"/>
      <c r="IH2037" s="91"/>
      <c r="II2037" s="91"/>
      <c r="IJ2037" s="91"/>
      <c r="IK2037" s="127"/>
    </row>
    <row r="2038" spans="2:245" x14ac:dyDescent="0.2">
      <c r="B2038" s="43"/>
      <c r="C2038" s="73"/>
      <c r="D2038" s="64"/>
      <c r="E2038" s="64"/>
      <c r="F2038" s="55"/>
      <c r="G2038" s="102"/>
      <c r="H2038" s="55"/>
      <c r="I2038" s="55"/>
      <c r="J2038" s="55"/>
      <c r="K2038" s="55"/>
      <c r="L2038" s="55"/>
      <c r="M2038" s="55"/>
      <c r="N2038" s="55"/>
      <c r="O2038" s="55"/>
      <c r="P2038" s="55"/>
      <c r="Q2038" s="55"/>
      <c r="R2038" s="55"/>
      <c r="S2038" s="55"/>
      <c r="T2038" s="55"/>
      <c r="U2038" s="55"/>
      <c r="V2038" s="55"/>
      <c r="W2038" s="55"/>
      <c r="X2038" s="55"/>
      <c r="Y2038" s="55"/>
      <c r="Z2038" s="55"/>
      <c r="AA2038" s="55"/>
      <c r="AB2038" s="55"/>
      <c r="AC2038" s="55"/>
      <c r="AD2038" s="55"/>
      <c r="AE2038" s="55"/>
      <c r="AF2038" s="55"/>
      <c r="AG2038" s="55"/>
      <c r="AY2038" s="162"/>
      <c r="AZ2038" s="162"/>
      <c r="BA2038" s="162"/>
      <c r="BB2038" s="162"/>
      <c r="BC2038" s="162"/>
      <c r="BD2038" s="162"/>
      <c r="BE2038" s="162"/>
      <c r="BF2038" s="162"/>
      <c r="BG2038" s="162"/>
      <c r="BH2038" s="162"/>
      <c r="BI2038" s="162"/>
      <c r="BJ2038" s="162"/>
      <c r="BK2038" s="162"/>
      <c r="BL2038" s="162"/>
      <c r="BM2038" s="162"/>
      <c r="BN2038" s="162"/>
      <c r="BO2038" s="162"/>
      <c r="BP2038" s="162"/>
      <c r="BQ2038" s="162"/>
      <c r="BR2038" s="162"/>
      <c r="BS2038" s="162"/>
      <c r="BT2038" s="162"/>
      <c r="BU2038" s="162"/>
      <c r="BV2038" s="162"/>
      <c r="BW2038" s="162"/>
      <c r="BX2038" s="162"/>
      <c r="BY2038" s="162"/>
      <c r="BZ2038" s="162"/>
      <c r="CA2038" s="162"/>
      <c r="CB2038" s="162"/>
      <c r="CC2038" s="162"/>
      <c r="CD2038" s="162"/>
      <c r="CE2038" s="162"/>
      <c r="CF2038" s="162"/>
      <c r="CG2038" s="162"/>
      <c r="CH2038" s="162"/>
      <c r="CI2038" s="162"/>
      <c r="CJ2038" s="162"/>
      <c r="CK2038" s="162"/>
      <c r="CX2038" s="98"/>
      <c r="DL2038" s="97"/>
      <c r="DX2038" s="98"/>
      <c r="EL2038" s="97"/>
      <c r="EX2038" s="98"/>
      <c r="EY2038" s="97"/>
      <c r="FL2038" s="126"/>
      <c r="FM2038" s="91"/>
      <c r="FN2038" s="91"/>
      <c r="FO2038" s="91"/>
      <c r="FP2038" s="91"/>
      <c r="FQ2038" s="91"/>
      <c r="FR2038" s="91"/>
      <c r="FS2038" s="91"/>
      <c r="FT2038" s="91"/>
      <c r="FU2038" s="91"/>
      <c r="FV2038" s="91"/>
      <c r="FW2038" s="91"/>
      <c r="FX2038" s="91"/>
      <c r="FY2038" s="91"/>
      <c r="FZ2038" s="91"/>
      <c r="GA2038" s="91"/>
      <c r="GB2038" s="91"/>
      <c r="GC2038" s="91"/>
      <c r="GD2038" s="91"/>
      <c r="GE2038" s="91"/>
      <c r="GF2038" s="91"/>
      <c r="GG2038" s="91"/>
      <c r="GH2038" s="91"/>
      <c r="GI2038" s="91"/>
      <c r="GJ2038" s="91"/>
      <c r="GK2038" s="127"/>
      <c r="GL2038" s="126"/>
      <c r="GM2038" s="91"/>
      <c r="GN2038" s="91"/>
      <c r="GO2038" s="91"/>
      <c r="GP2038" s="91"/>
      <c r="GQ2038" s="91"/>
      <c r="GR2038" s="91"/>
      <c r="GS2038" s="91"/>
      <c r="GT2038" s="91"/>
      <c r="GU2038" s="91"/>
      <c r="GV2038" s="91"/>
      <c r="GW2038" s="91"/>
      <c r="GX2038" s="91"/>
      <c r="GY2038" s="91"/>
      <c r="GZ2038" s="91"/>
      <c r="HA2038" s="91"/>
      <c r="HB2038" s="91"/>
      <c r="HC2038" s="91"/>
      <c r="HD2038" s="91"/>
      <c r="HE2038" s="91"/>
      <c r="HF2038" s="91"/>
      <c r="HG2038" s="91"/>
      <c r="HH2038" s="91"/>
      <c r="HI2038" s="91"/>
      <c r="HJ2038" s="91"/>
      <c r="HK2038" s="127"/>
      <c r="HL2038" s="126"/>
      <c r="HM2038" s="91"/>
      <c r="HN2038" s="91"/>
      <c r="HO2038" s="91"/>
      <c r="HP2038" s="91"/>
      <c r="HQ2038" s="91"/>
      <c r="HR2038" s="91"/>
      <c r="HS2038" s="91"/>
      <c r="HT2038" s="91"/>
      <c r="HU2038" s="91"/>
      <c r="HV2038" s="91"/>
      <c r="HW2038" s="91"/>
      <c r="HX2038" s="91"/>
      <c r="HY2038" s="91"/>
      <c r="HZ2038" s="91"/>
      <c r="IA2038" s="91"/>
      <c r="IB2038" s="91"/>
      <c r="IC2038" s="91"/>
      <c r="ID2038" s="91"/>
      <c r="IE2038" s="91"/>
      <c r="IF2038" s="91"/>
      <c r="IG2038" s="91"/>
      <c r="IH2038" s="91"/>
      <c r="II2038" s="91"/>
      <c r="IJ2038" s="91"/>
      <c r="IK2038" s="127"/>
    </row>
    <row r="2039" spans="2:245" x14ac:dyDescent="0.2">
      <c r="B2039" s="43"/>
      <c r="C2039" s="73"/>
      <c r="D2039" s="64"/>
      <c r="E2039" s="64"/>
      <c r="F2039" s="55"/>
      <c r="G2039" s="102"/>
      <c r="H2039" s="55"/>
      <c r="I2039" s="55"/>
      <c r="J2039" s="55"/>
      <c r="K2039" s="55"/>
      <c r="L2039" s="55"/>
      <c r="M2039" s="55"/>
      <c r="N2039" s="55"/>
      <c r="O2039" s="55"/>
      <c r="P2039" s="55"/>
      <c r="Q2039" s="55"/>
      <c r="R2039" s="55"/>
      <c r="S2039" s="55"/>
      <c r="T2039" s="55"/>
      <c r="U2039" s="55"/>
      <c r="V2039" s="55"/>
      <c r="W2039" s="55"/>
      <c r="X2039" s="55"/>
      <c r="Y2039" s="55"/>
      <c r="Z2039" s="55"/>
      <c r="AA2039" s="55"/>
      <c r="AB2039" s="55"/>
      <c r="AC2039" s="55"/>
      <c r="AD2039" s="55"/>
      <c r="AE2039" s="55"/>
      <c r="AF2039" s="55"/>
      <c r="AG2039" s="55"/>
      <c r="AY2039" s="162"/>
      <c r="AZ2039" s="162"/>
      <c r="BA2039" s="162"/>
      <c r="BB2039" s="162"/>
      <c r="BC2039" s="162"/>
      <c r="BD2039" s="162"/>
      <c r="BE2039" s="162"/>
      <c r="BF2039" s="162"/>
      <c r="BG2039" s="162"/>
      <c r="BH2039" s="162"/>
      <c r="BI2039" s="162"/>
      <c r="BJ2039" s="162"/>
      <c r="BK2039" s="162"/>
      <c r="BL2039" s="162"/>
      <c r="BM2039" s="162"/>
      <c r="BN2039" s="162"/>
      <c r="BO2039" s="162"/>
      <c r="BP2039" s="162"/>
      <c r="BQ2039" s="162"/>
      <c r="BR2039" s="162"/>
      <c r="BS2039" s="162"/>
      <c r="BT2039" s="162"/>
      <c r="BU2039" s="162"/>
      <c r="BV2039" s="162"/>
      <c r="BW2039" s="162"/>
      <c r="BX2039" s="162"/>
      <c r="BY2039" s="162"/>
      <c r="BZ2039" s="162"/>
      <c r="CA2039" s="162"/>
      <c r="CB2039" s="162"/>
      <c r="CC2039" s="162"/>
      <c r="CD2039" s="162"/>
      <c r="CE2039" s="162"/>
      <c r="CF2039" s="162"/>
      <c r="CG2039" s="162"/>
      <c r="CH2039" s="162"/>
      <c r="CI2039" s="162"/>
      <c r="CJ2039" s="162"/>
      <c r="CK2039" s="162"/>
      <c r="CX2039" s="98"/>
      <c r="DL2039" s="97"/>
      <c r="DX2039" s="98"/>
      <c r="EL2039" s="97"/>
      <c r="EX2039" s="98"/>
      <c r="EY2039" s="97"/>
      <c r="FL2039" s="126"/>
      <c r="FM2039" s="91"/>
      <c r="FN2039" s="91"/>
      <c r="FO2039" s="91"/>
      <c r="FP2039" s="91"/>
      <c r="FQ2039" s="91"/>
      <c r="FR2039" s="91"/>
      <c r="FS2039" s="91"/>
      <c r="FT2039" s="91"/>
      <c r="FU2039" s="91"/>
      <c r="FV2039" s="91"/>
      <c r="FW2039" s="91"/>
      <c r="FX2039" s="91"/>
      <c r="FY2039" s="91"/>
      <c r="FZ2039" s="91"/>
      <c r="GA2039" s="91"/>
      <c r="GB2039" s="91"/>
      <c r="GC2039" s="91"/>
      <c r="GD2039" s="91"/>
      <c r="GE2039" s="91"/>
      <c r="GF2039" s="91"/>
      <c r="GG2039" s="91"/>
      <c r="GH2039" s="91"/>
      <c r="GI2039" s="91"/>
      <c r="GJ2039" s="91"/>
      <c r="GK2039" s="127"/>
      <c r="GL2039" s="126"/>
      <c r="GM2039" s="91"/>
      <c r="GN2039" s="91"/>
      <c r="GO2039" s="91"/>
      <c r="GP2039" s="91"/>
      <c r="GQ2039" s="91"/>
      <c r="GR2039" s="91"/>
      <c r="GS2039" s="91"/>
      <c r="GT2039" s="91"/>
      <c r="GU2039" s="91"/>
      <c r="GV2039" s="91"/>
      <c r="GW2039" s="91"/>
      <c r="GX2039" s="91"/>
      <c r="GY2039" s="91"/>
      <c r="GZ2039" s="91"/>
      <c r="HA2039" s="91"/>
      <c r="HB2039" s="91"/>
      <c r="HC2039" s="91"/>
      <c r="HD2039" s="91"/>
      <c r="HE2039" s="91"/>
      <c r="HF2039" s="91"/>
      <c r="HG2039" s="91"/>
      <c r="HH2039" s="91"/>
      <c r="HI2039" s="91"/>
      <c r="HJ2039" s="91"/>
      <c r="HK2039" s="127"/>
      <c r="HL2039" s="126"/>
      <c r="HM2039" s="91"/>
      <c r="HN2039" s="91"/>
      <c r="HO2039" s="91"/>
      <c r="HP2039" s="91"/>
      <c r="HQ2039" s="91"/>
      <c r="HR2039" s="91"/>
      <c r="HS2039" s="91"/>
      <c r="HT2039" s="91"/>
      <c r="HU2039" s="91"/>
      <c r="HV2039" s="91"/>
      <c r="HW2039" s="91"/>
      <c r="HX2039" s="91"/>
      <c r="HY2039" s="91"/>
      <c r="HZ2039" s="91"/>
      <c r="IA2039" s="91"/>
      <c r="IB2039" s="91"/>
      <c r="IC2039" s="91"/>
      <c r="ID2039" s="91"/>
      <c r="IE2039" s="91"/>
      <c r="IF2039" s="91"/>
      <c r="IG2039" s="91"/>
      <c r="IH2039" s="91"/>
      <c r="II2039" s="91"/>
      <c r="IJ2039" s="91"/>
      <c r="IK2039" s="127"/>
    </row>
    <row r="2040" spans="2:245" x14ac:dyDescent="0.2">
      <c r="B2040" s="43"/>
      <c r="C2040" s="73"/>
      <c r="D2040" s="64"/>
      <c r="E2040" s="64"/>
      <c r="F2040" s="55"/>
      <c r="G2040" s="102"/>
      <c r="H2040" s="55"/>
      <c r="I2040" s="55"/>
      <c r="J2040" s="55"/>
      <c r="K2040" s="55"/>
      <c r="L2040" s="55"/>
      <c r="M2040" s="55"/>
      <c r="N2040" s="55"/>
      <c r="O2040" s="55"/>
      <c r="P2040" s="55"/>
      <c r="Q2040" s="55"/>
      <c r="R2040" s="55"/>
      <c r="S2040" s="55"/>
      <c r="T2040" s="55"/>
      <c r="U2040" s="55"/>
      <c r="V2040" s="55"/>
      <c r="W2040" s="55"/>
      <c r="X2040" s="55"/>
      <c r="Y2040" s="55"/>
      <c r="Z2040" s="55"/>
      <c r="AA2040" s="55"/>
      <c r="AB2040" s="55"/>
      <c r="AC2040" s="55"/>
      <c r="AD2040" s="55"/>
      <c r="AE2040" s="55"/>
      <c r="AF2040" s="55"/>
      <c r="AG2040" s="55"/>
      <c r="AY2040" s="162"/>
      <c r="AZ2040" s="162"/>
      <c r="BA2040" s="162"/>
      <c r="BB2040" s="162"/>
      <c r="BC2040" s="162"/>
      <c r="BD2040" s="162"/>
      <c r="BE2040" s="162"/>
      <c r="BF2040" s="162"/>
      <c r="BG2040" s="162"/>
      <c r="BH2040" s="162"/>
      <c r="BI2040" s="162"/>
      <c r="BJ2040" s="162"/>
      <c r="BK2040" s="162"/>
      <c r="BL2040" s="162"/>
      <c r="BM2040" s="162"/>
      <c r="BN2040" s="162"/>
      <c r="BO2040" s="162"/>
      <c r="BP2040" s="162"/>
      <c r="BQ2040" s="162"/>
      <c r="BR2040" s="162"/>
      <c r="BS2040" s="162"/>
      <c r="BT2040" s="162"/>
      <c r="BU2040" s="162"/>
      <c r="BV2040" s="162"/>
      <c r="BW2040" s="162"/>
      <c r="BX2040" s="162"/>
      <c r="BY2040" s="162"/>
      <c r="BZ2040" s="162"/>
      <c r="CA2040" s="162"/>
      <c r="CB2040" s="162"/>
      <c r="CC2040" s="162"/>
      <c r="CD2040" s="162"/>
      <c r="CE2040" s="162"/>
      <c r="CF2040" s="162"/>
      <c r="CG2040" s="162"/>
      <c r="CH2040" s="162"/>
      <c r="CI2040" s="162"/>
      <c r="CJ2040" s="162"/>
      <c r="CK2040" s="162"/>
      <c r="CX2040" s="98"/>
      <c r="DL2040" s="97"/>
      <c r="DX2040" s="98"/>
      <c r="EL2040" s="97"/>
      <c r="EX2040" s="98"/>
      <c r="EY2040" s="97"/>
      <c r="FL2040" s="126"/>
      <c r="FM2040" s="91"/>
      <c r="FN2040" s="91"/>
      <c r="FO2040" s="91"/>
      <c r="FP2040" s="91"/>
      <c r="FQ2040" s="91"/>
      <c r="FR2040" s="91"/>
      <c r="FS2040" s="91"/>
      <c r="FT2040" s="91"/>
      <c r="FU2040" s="91"/>
      <c r="FV2040" s="91"/>
      <c r="FW2040" s="91"/>
      <c r="FX2040" s="91"/>
      <c r="FY2040" s="91"/>
      <c r="FZ2040" s="91"/>
      <c r="GA2040" s="91"/>
      <c r="GB2040" s="91"/>
      <c r="GC2040" s="91"/>
      <c r="GD2040" s="91"/>
      <c r="GE2040" s="91"/>
      <c r="GF2040" s="91"/>
      <c r="GG2040" s="91"/>
      <c r="GH2040" s="91"/>
      <c r="GI2040" s="91"/>
      <c r="GJ2040" s="91"/>
      <c r="GK2040" s="127"/>
      <c r="GL2040" s="126"/>
      <c r="GM2040" s="91"/>
      <c r="GN2040" s="91"/>
      <c r="GO2040" s="91"/>
      <c r="GP2040" s="91"/>
      <c r="GQ2040" s="91"/>
      <c r="GR2040" s="91"/>
      <c r="GS2040" s="91"/>
      <c r="GT2040" s="91"/>
      <c r="GU2040" s="91"/>
      <c r="GV2040" s="91"/>
      <c r="GW2040" s="91"/>
      <c r="GX2040" s="91"/>
      <c r="GY2040" s="91"/>
      <c r="GZ2040" s="91"/>
      <c r="HA2040" s="91"/>
      <c r="HB2040" s="91"/>
      <c r="HC2040" s="91"/>
      <c r="HD2040" s="91"/>
      <c r="HE2040" s="91"/>
      <c r="HF2040" s="91"/>
      <c r="HG2040" s="91"/>
      <c r="HH2040" s="91"/>
      <c r="HI2040" s="91"/>
      <c r="HJ2040" s="91"/>
      <c r="HK2040" s="127"/>
      <c r="HL2040" s="126"/>
      <c r="HM2040" s="91"/>
      <c r="HN2040" s="91"/>
      <c r="HO2040" s="91"/>
      <c r="HP2040" s="91"/>
      <c r="HQ2040" s="91"/>
      <c r="HR2040" s="91"/>
      <c r="HS2040" s="91"/>
      <c r="HT2040" s="91"/>
      <c r="HU2040" s="91"/>
      <c r="HV2040" s="91"/>
      <c r="HW2040" s="91"/>
      <c r="HX2040" s="91"/>
      <c r="HY2040" s="91"/>
      <c r="HZ2040" s="91"/>
      <c r="IA2040" s="91"/>
      <c r="IB2040" s="91"/>
      <c r="IC2040" s="91"/>
      <c r="ID2040" s="91"/>
      <c r="IE2040" s="91"/>
      <c r="IF2040" s="91"/>
      <c r="IG2040" s="91"/>
      <c r="IH2040" s="91"/>
      <c r="II2040" s="91"/>
      <c r="IJ2040" s="91"/>
      <c r="IK2040" s="127"/>
    </row>
    <row r="2041" spans="2:245" x14ac:dyDescent="0.2">
      <c r="B2041" s="43"/>
      <c r="C2041" s="73"/>
      <c r="D2041" s="64"/>
      <c r="E2041" s="64"/>
      <c r="F2041" s="55"/>
      <c r="G2041" s="102"/>
      <c r="H2041" s="55"/>
      <c r="I2041" s="55"/>
      <c r="J2041" s="55"/>
      <c r="K2041" s="55"/>
      <c r="L2041" s="55"/>
      <c r="M2041" s="55"/>
      <c r="N2041" s="55"/>
      <c r="O2041" s="55"/>
      <c r="P2041" s="55"/>
      <c r="Q2041" s="55"/>
      <c r="R2041" s="55"/>
      <c r="S2041" s="55"/>
      <c r="T2041" s="55"/>
      <c r="U2041" s="55"/>
      <c r="V2041" s="55"/>
      <c r="W2041" s="55"/>
      <c r="X2041" s="55"/>
      <c r="Y2041" s="55"/>
      <c r="Z2041" s="55"/>
      <c r="AA2041" s="55"/>
      <c r="AB2041" s="55"/>
      <c r="AC2041" s="55"/>
      <c r="AD2041" s="55"/>
      <c r="AE2041" s="55"/>
      <c r="AF2041" s="55"/>
      <c r="AG2041" s="55"/>
      <c r="AY2041" s="162"/>
      <c r="AZ2041" s="162"/>
      <c r="BA2041" s="162"/>
      <c r="BB2041" s="162"/>
      <c r="BC2041" s="162"/>
      <c r="BD2041" s="162"/>
      <c r="BE2041" s="162"/>
      <c r="BF2041" s="162"/>
      <c r="BG2041" s="162"/>
      <c r="BH2041" s="162"/>
      <c r="BI2041" s="162"/>
      <c r="BJ2041" s="162"/>
      <c r="BK2041" s="162"/>
      <c r="BL2041" s="162"/>
      <c r="BM2041" s="162"/>
      <c r="BN2041" s="162"/>
      <c r="BO2041" s="162"/>
      <c r="BP2041" s="162"/>
      <c r="BQ2041" s="162"/>
      <c r="BR2041" s="162"/>
      <c r="BS2041" s="162"/>
      <c r="BT2041" s="162"/>
      <c r="BU2041" s="162"/>
      <c r="BV2041" s="162"/>
      <c r="BW2041" s="162"/>
      <c r="BX2041" s="162"/>
      <c r="BY2041" s="162"/>
      <c r="BZ2041" s="162"/>
      <c r="CA2041" s="162"/>
      <c r="CB2041" s="162"/>
      <c r="CC2041" s="162"/>
      <c r="CD2041" s="162"/>
      <c r="CE2041" s="162"/>
      <c r="CF2041" s="162"/>
      <c r="CG2041" s="162"/>
      <c r="CH2041" s="162"/>
      <c r="CI2041" s="162"/>
      <c r="CJ2041" s="162"/>
      <c r="CK2041" s="162"/>
      <c r="CX2041" s="98"/>
      <c r="DL2041" s="97"/>
      <c r="DX2041" s="98"/>
      <c r="EL2041" s="97"/>
      <c r="EX2041" s="98"/>
      <c r="EY2041" s="97"/>
      <c r="FL2041" s="126"/>
      <c r="FM2041" s="91"/>
      <c r="FN2041" s="91"/>
      <c r="FO2041" s="91"/>
      <c r="FP2041" s="91"/>
      <c r="FQ2041" s="91"/>
      <c r="FR2041" s="91"/>
      <c r="FS2041" s="91"/>
      <c r="FT2041" s="91"/>
      <c r="FU2041" s="91"/>
      <c r="FV2041" s="91"/>
      <c r="FW2041" s="91"/>
      <c r="FX2041" s="91"/>
      <c r="FY2041" s="91"/>
      <c r="FZ2041" s="91"/>
      <c r="GA2041" s="91"/>
      <c r="GB2041" s="91"/>
      <c r="GC2041" s="91"/>
      <c r="GD2041" s="91"/>
      <c r="GE2041" s="91"/>
      <c r="GF2041" s="91"/>
      <c r="GG2041" s="91"/>
      <c r="GH2041" s="91"/>
      <c r="GI2041" s="91"/>
      <c r="GJ2041" s="91"/>
      <c r="GK2041" s="127"/>
      <c r="GL2041" s="126"/>
      <c r="GM2041" s="91"/>
      <c r="GN2041" s="91"/>
      <c r="GO2041" s="91"/>
      <c r="GP2041" s="91"/>
      <c r="GQ2041" s="91"/>
      <c r="GR2041" s="91"/>
      <c r="GS2041" s="91"/>
      <c r="GT2041" s="91"/>
      <c r="GU2041" s="91"/>
      <c r="GV2041" s="91"/>
      <c r="GW2041" s="91"/>
      <c r="GX2041" s="91"/>
      <c r="GY2041" s="91"/>
      <c r="GZ2041" s="91"/>
      <c r="HA2041" s="91"/>
      <c r="HB2041" s="91"/>
      <c r="HC2041" s="91"/>
      <c r="HD2041" s="91"/>
      <c r="HE2041" s="91"/>
      <c r="HF2041" s="91"/>
      <c r="HG2041" s="91"/>
      <c r="HH2041" s="91"/>
      <c r="HI2041" s="91"/>
      <c r="HJ2041" s="91"/>
      <c r="HK2041" s="127"/>
      <c r="HL2041" s="126"/>
      <c r="HM2041" s="91"/>
      <c r="HN2041" s="91"/>
      <c r="HO2041" s="91"/>
      <c r="HP2041" s="91"/>
      <c r="HQ2041" s="91"/>
      <c r="HR2041" s="91"/>
      <c r="HS2041" s="91"/>
      <c r="HT2041" s="91"/>
      <c r="HU2041" s="91"/>
      <c r="HV2041" s="91"/>
      <c r="HW2041" s="91"/>
      <c r="HX2041" s="91"/>
      <c r="HY2041" s="91"/>
      <c r="HZ2041" s="91"/>
      <c r="IA2041" s="91"/>
      <c r="IB2041" s="91"/>
      <c r="IC2041" s="91"/>
      <c r="ID2041" s="91"/>
      <c r="IE2041" s="91"/>
      <c r="IF2041" s="91"/>
      <c r="IG2041" s="91"/>
      <c r="IH2041" s="91"/>
      <c r="II2041" s="91"/>
      <c r="IJ2041" s="91"/>
      <c r="IK2041" s="127"/>
    </row>
    <row r="2042" spans="2:245" x14ac:dyDescent="0.2">
      <c r="B2042" s="43"/>
      <c r="C2042" s="73"/>
      <c r="D2042" s="64"/>
      <c r="E2042" s="64"/>
      <c r="F2042" s="55"/>
      <c r="G2042" s="102"/>
      <c r="H2042" s="55"/>
      <c r="I2042" s="55"/>
      <c r="J2042" s="55"/>
      <c r="K2042" s="55"/>
      <c r="L2042" s="55"/>
      <c r="M2042" s="55"/>
      <c r="N2042" s="55"/>
      <c r="O2042" s="55"/>
      <c r="P2042" s="55"/>
      <c r="Q2042" s="55"/>
      <c r="R2042" s="55"/>
      <c r="S2042" s="55"/>
      <c r="T2042" s="55"/>
      <c r="U2042" s="55"/>
      <c r="V2042" s="55"/>
      <c r="W2042" s="55"/>
      <c r="X2042" s="55"/>
      <c r="Y2042" s="55"/>
      <c r="Z2042" s="55"/>
      <c r="AA2042" s="55"/>
      <c r="AB2042" s="55"/>
      <c r="AC2042" s="55"/>
      <c r="AD2042" s="55"/>
      <c r="AE2042" s="55"/>
      <c r="AF2042" s="55"/>
      <c r="AG2042" s="55"/>
      <c r="AY2042" s="162"/>
      <c r="AZ2042" s="162"/>
      <c r="BA2042" s="162"/>
      <c r="BB2042" s="162"/>
      <c r="BC2042" s="162"/>
      <c r="BD2042" s="162"/>
      <c r="BE2042" s="162"/>
      <c r="BF2042" s="162"/>
      <c r="BG2042" s="162"/>
      <c r="BH2042" s="162"/>
      <c r="BI2042" s="162"/>
      <c r="BJ2042" s="162"/>
      <c r="BK2042" s="162"/>
      <c r="BL2042" s="162"/>
      <c r="BM2042" s="162"/>
      <c r="BN2042" s="162"/>
      <c r="BO2042" s="162"/>
      <c r="BP2042" s="162"/>
      <c r="BQ2042" s="162"/>
      <c r="BR2042" s="162"/>
      <c r="BS2042" s="162"/>
      <c r="BT2042" s="162"/>
      <c r="BU2042" s="162"/>
      <c r="BV2042" s="162"/>
      <c r="BW2042" s="162"/>
      <c r="BX2042" s="162"/>
      <c r="BY2042" s="162"/>
      <c r="BZ2042" s="162"/>
      <c r="CA2042" s="162"/>
      <c r="CB2042" s="162"/>
      <c r="CC2042" s="162"/>
      <c r="CD2042" s="162"/>
      <c r="CE2042" s="162"/>
      <c r="CF2042" s="162"/>
      <c r="CG2042" s="162"/>
      <c r="CH2042" s="162"/>
      <c r="CI2042" s="162"/>
      <c r="CJ2042" s="162"/>
      <c r="CK2042" s="162"/>
      <c r="CX2042" s="98"/>
      <c r="DL2042" s="97"/>
      <c r="DX2042" s="98"/>
      <c r="EL2042" s="97"/>
      <c r="EX2042" s="98"/>
      <c r="EY2042" s="97"/>
      <c r="FL2042" s="126"/>
      <c r="FM2042" s="91"/>
      <c r="FN2042" s="91"/>
      <c r="FO2042" s="91"/>
      <c r="FP2042" s="91"/>
      <c r="FQ2042" s="91"/>
      <c r="FR2042" s="91"/>
      <c r="FS2042" s="91"/>
      <c r="FT2042" s="91"/>
      <c r="FU2042" s="91"/>
      <c r="FV2042" s="91"/>
      <c r="FW2042" s="91"/>
      <c r="FX2042" s="91"/>
      <c r="FY2042" s="91"/>
      <c r="FZ2042" s="91"/>
      <c r="GA2042" s="91"/>
      <c r="GB2042" s="91"/>
      <c r="GC2042" s="91"/>
      <c r="GD2042" s="91"/>
      <c r="GE2042" s="91"/>
      <c r="GF2042" s="91"/>
      <c r="GG2042" s="91"/>
      <c r="GH2042" s="91"/>
      <c r="GI2042" s="91"/>
      <c r="GJ2042" s="91"/>
      <c r="GK2042" s="127"/>
      <c r="GL2042" s="126"/>
      <c r="GM2042" s="91"/>
      <c r="GN2042" s="91"/>
      <c r="GO2042" s="91"/>
      <c r="GP2042" s="91"/>
      <c r="GQ2042" s="91"/>
      <c r="GR2042" s="91"/>
      <c r="GS2042" s="91"/>
      <c r="GT2042" s="91"/>
      <c r="GU2042" s="91"/>
      <c r="GV2042" s="91"/>
      <c r="GW2042" s="91"/>
      <c r="GX2042" s="91"/>
      <c r="GY2042" s="91"/>
      <c r="GZ2042" s="91"/>
      <c r="HA2042" s="91"/>
      <c r="HB2042" s="91"/>
      <c r="HC2042" s="91"/>
      <c r="HD2042" s="91"/>
      <c r="HE2042" s="91"/>
      <c r="HF2042" s="91"/>
      <c r="HG2042" s="91"/>
      <c r="HH2042" s="91"/>
      <c r="HI2042" s="91"/>
      <c r="HJ2042" s="91"/>
      <c r="HK2042" s="127"/>
      <c r="HL2042" s="126"/>
      <c r="HM2042" s="91"/>
      <c r="HN2042" s="91"/>
      <c r="HO2042" s="91"/>
      <c r="HP2042" s="91"/>
      <c r="HQ2042" s="91"/>
      <c r="HR2042" s="91"/>
      <c r="HS2042" s="91"/>
      <c r="HT2042" s="91"/>
      <c r="HU2042" s="91"/>
      <c r="HV2042" s="91"/>
      <c r="HW2042" s="91"/>
      <c r="HX2042" s="91"/>
      <c r="HY2042" s="91"/>
      <c r="HZ2042" s="91"/>
      <c r="IA2042" s="91"/>
      <c r="IB2042" s="91"/>
      <c r="IC2042" s="91"/>
      <c r="ID2042" s="91"/>
      <c r="IE2042" s="91"/>
      <c r="IF2042" s="91"/>
      <c r="IG2042" s="91"/>
      <c r="IH2042" s="91"/>
      <c r="II2042" s="91"/>
      <c r="IJ2042" s="91"/>
      <c r="IK2042" s="127"/>
    </row>
    <row r="2043" spans="2:245" x14ac:dyDescent="0.2">
      <c r="B2043" s="43"/>
      <c r="C2043" s="73"/>
      <c r="D2043" s="64"/>
      <c r="E2043" s="64"/>
      <c r="F2043" s="55"/>
      <c r="G2043" s="102"/>
      <c r="H2043" s="55"/>
      <c r="I2043" s="55"/>
      <c r="J2043" s="55"/>
      <c r="K2043" s="55"/>
      <c r="L2043" s="55"/>
      <c r="M2043" s="55"/>
      <c r="N2043" s="55"/>
      <c r="O2043" s="55"/>
      <c r="P2043" s="55"/>
      <c r="Q2043" s="55"/>
      <c r="R2043" s="55"/>
      <c r="S2043" s="55"/>
      <c r="T2043" s="55"/>
      <c r="U2043" s="55"/>
      <c r="V2043" s="55"/>
      <c r="W2043" s="55"/>
      <c r="X2043" s="55"/>
      <c r="Y2043" s="55"/>
      <c r="Z2043" s="55"/>
      <c r="AA2043" s="55"/>
      <c r="AB2043" s="55"/>
      <c r="AC2043" s="55"/>
      <c r="AD2043" s="55"/>
      <c r="AE2043" s="55"/>
      <c r="AF2043" s="55"/>
      <c r="AG2043" s="55"/>
      <c r="AY2043" s="162"/>
      <c r="AZ2043" s="162"/>
      <c r="BA2043" s="162"/>
      <c r="BB2043" s="162"/>
      <c r="BC2043" s="162"/>
      <c r="BD2043" s="162"/>
      <c r="BE2043" s="162"/>
      <c r="BF2043" s="162"/>
      <c r="BG2043" s="162"/>
      <c r="BH2043" s="162"/>
      <c r="BI2043" s="162"/>
      <c r="BJ2043" s="162"/>
      <c r="BK2043" s="162"/>
      <c r="BL2043" s="162"/>
      <c r="BM2043" s="162"/>
      <c r="BN2043" s="162"/>
      <c r="BO2043" s="162"/>
      <c r="BP2043" s="162"/>
      <c r="BQ2043" s="162"/>
      <c r="BR2043" s="162"/>
      <c r="BS2043" s="162"/>
      <c r="BT2043" s="162"/>
      <c r="BU2043" s="162"/>
      <c r="BV2043" s="162"/>
      <c r="BW2043" s="162"/>
      <c r="BX2043" s="162"/>
      <c r="BY2043" s="162"/>
      <c r="BZ2043" s="162"/>
      <c r="CA2043" s="162"/>
      <c r="CB2043" s="162"/>
      <c r="CC2043" s="162"/>
      <c r="CD2043" s="162"/>
      <c r="CE2043" s="162"/>
      <c r="CF2043" s="162"/>
      <c r="CG2043" s="162"/>
      <c r="CH2043" s="162"/>
      <c r="CI2043" s="162"/>
      <c r="CJ2043" s="162"/>
      <c r="CK2043" s="162"/>
      <c r="CX2043" s="98"/>
      <c r="DL2043" s="97"/>
      <c r="DX2043" s="98"/>
      <c r="EL2043" s="97"/>
      <c r="EX2043" s="98"/>
      <c r="EY2043" s="97"/>
      <c r="FL2043" s="126"/>
      <c r="FM2043" s="91"/>
      <c r="FN2043" s="91"/>
      <c r="FO2043" s="91"/>
      <c r="FP2043" s="91"/>
      <c r="FQ2043" s="91"/>
      <c r="FR2043" s="91"/>
      <c r="FS2043" s="91"/>
      <c r="FT2043" s="91"/>
      <c r="FU2043" s="91"/>
      <c r="FV2043" s="91"/>
      <c r="FW2043" s="91"/>
      <c r="FX2043" s="91"/>
      <c r="FY2043" s="91"/>
      <c r="FZ2043" s="91"/>
      <c r="GA2043" s="91"/>
      <c r="GB2043" s="91"/>
      <c r="GC2043" s="91"/>
      <c r="GD2043" s="91"/>
      <c r="GE2043" s="91"/>
      <c r="GF2043" s="91"/>
      <c r="GG2043" s="91"/>
      <c r="GH2043" s="91"/>
      <c r="GI2043" s="91"/>
      <c r="GJ2043" s="91"/>
      <c r="GK2043" s="127"/>
      <c r="GL2043" s="126"/>
      <c r="GM2043" s="91"/>
      <c r="GN2043" s="91"/>
      <c r="GO2043" s="91"/>
      <c r="GP2043" s="91"/>
      <c r="GQ2043" s="91"/>
      <c r="GR2043" s="91"/>
      <c r="GS2043" s="91"/>
      <c r="GT2043" s="91"/>
      <c r="GU2043" s="91"/>
      <c r="GV2043" s="91"/>
      <c r="GW2043" s="91"/>
      <c r="GX2043" s="91"/>
      <c r="GY2043" s="91"/>
      <c r="GZ2043" s="91"/>
      <c r="HA2043" s="91"/>
      <c r="HB2043" s="91"/>
      <c r="HC2043" s="91"/>
      <c r="HD2043" s="91"/>
      <c r="HE2043" s="91"/>
      <c r="HF2043" s="91"/>
      <c r="HG2043" s="91"/>
      <c r="HH2043" s="91"/>
      <c r="HI2043" s="91"/>
      <c r="HJ2043" s="91"/>
      <c r="HK2043" s="127"/>
      <c r="HL2043" s="126"/>
      <c r="HM2043" s="91"/>
      <c r="HN2043" s="91"/>
      <c r="HO2043" s="91"/>
      <c r="HP2043" s="91"/>
      <c r="HQ2043" s="91"/>
      <c r="HR2043" s="91"/>
      <c r="HS2043" s="91"/>
      <c r="HT2043" s="91"/>
      <c r="HU2043" s="91"/>
      <c r="HV2043" s="91"/>
      <c r="HW2043" s="91"/>
      <c r="HX2043" s="91"/>
      <c r="HY2043" s="91"/>
      <c r="HZ2043" s="91"/>
      <c r="IA2043" s="91"/>
      <c r="IB2043" s="91"/>
      <c r="IC2043" s="91"/>
      <c r="ID2043" s="91"/>
      <c r="IE2043" s="91"/>
      <c r="IF2043" s="91"/>
      <c r="IG2043" s="91"/>
      <c r="IH2043" s="91"/>
      <c r="II2043" s="91"/>
      <c r="IJ2043" s="91"/>
      <c r="IK2043" s="127"/>
    </row>
    <row r="2044" spans="2:245" x14ac:dyDescent="0.2">
      <c r="B2044" s="43"/>
      <c r="C2044" s="73"/>
      <c r="D2044" s="64"/>
      <c r="E2044" s="64"/>
      <c r="F2044" s="55"/>
      <c r="G2044" s="102"/>
      <c r="H2044" s="55"/>
      <c r="I2044" s="55"/>
      <c r="J2044" s="55"/>
      <c r="K2044" s="55"/>
      <c r="L2044" s="55"/>
      <c r="M2044" s="55"/>
      <c r="N2044" s="55"/>
      <c r="O2044" s="55"/>
      <c r="P2044" s="55"/>
      <c r="Q2044" s="55"/>
      <c r="R2044" s="55"/>
      <c r="S2044" s="55"/>
      <c r="T2044" s="55"/>
      <c r="U2044" s="55"/>
      <c r="V2044" s="55"/>
      <c r="W2044" s="55"/>
      <c r="X2044" s="55"/>
      <c r="Y2044" s="55"/>
      <c r="Z2044" s="55"/>
      <c r="AA2044" s="55"/>
      <c r="AB2044" s="55"/>
      <c r="AC2044" s="55"/>
      <c r="AD2044" s="55"/>
      <c r="AE2044" s="55"/>
      <c r="AF2044" s="55"/>
      <c r="AG2044" s="55"/>
      <c r="AY2044" s="162"/>
      <c r="AZ2044" s="162"/>
      <c r="BA2044" s="162"/>
      <c r="BB2044" s="162"/>
      <c r="BC2044" s="162"/>
      <c r="BD2044" s="162"/>
      <c r="BE2044" s="162"/>
      <c r="BF2044" s="162"/>
      <c r="BG2044" s="162"/>
      <c r="BH2044" s="162"/>
      <c r="BI2044" s="162"/>
      <c r="BJ2044" s="162"/>
      <c r="BK2044" s="162"/>
      <c r="BL2044" s="162"/>
      <c r="BM2044" s="162"/>
      <c r="BN2044" s="162"/>
      <c r="BO2044" s="162"/>
      <c r="BP2044" s="162"/>
      <c r="BQ2044" s="162"/>
      <c r="BR2044" s="162"/>
      <c r="BS2044" s="162"/>
      <c r="BT2044" s="162"/>
      <c r="BU2044" s="162"/>
      <c r="BV2044" s="162"/>
      <c r="BW2044" s="162"/>
      <c r="BX2044" s="162"/>
      <c r="BY2044" s="162"/>
      <c r="BZ2044" s="162"/>
      <c r="CA2044" s="162"/>
      <c r="CB2044" s="162"/>
      <c r="CC2044" s="162"/>
      <c r="CD2044" s="162"/>
      <c r="CE2044" s="162"/>
      <c r="CF2044" s="162"/>
      <c r="CG2044" s="162"/>
      <c r="CH2044" s="162"/>
      <c r="CI2044" s="162"/>
      <c r="CJ2044" s="162"/>
      <c r="CK2044" s="162"/>
      <c r="CX2044" s="98"/>
      <c r="DL2044" s="97"/>
      <c r="DX2044" s="98"/>
      <c r="EL2044" s="97"/>
      <c r="EX2044" s="98"/>
      <c r="EY2044" s="97"/>
      <c r="FL2044" s="126"/>
      <c r="FM2044" s="91"/>
      <c r="FN2044" s="91"/>
      <c r="FO2044" s="91"/>
      <c r="FP2044" s="91"/>
      <c r="FQ2044" s="91"/>
      <c r="FR2044" s="91"/>
      <c r="FS2044" s="91"/>
      <c r="FT2044" s="91"/>
      <c r="FU2044" s="91"/>
      <c r="FV2044" s="91"/>
      <c r="FW2044" s="91"/>
      <c r="FX2044" s="91"/>
      <c r="FY2044" s="91"/>
      <c r="FZ2044" s="91"/>
      <c r="GA2044" s="91"/>
      <c r="GB2044" s="91"/>
      <c r="GC2044" s="91"/>
      <c r="GD2044" s="91"/>
      <c r="GE2044" s="91"/>
      <c r="GF2044" s="91"/>
      <c r="GG2044" s="91"/>
      <c r="GH2044" s="91"/>
      <c r="GI2044" s="91"/>
      <c r="GJ2044" s="91"/>
      <c r="GK2044" s="127"/>
      <c r="GL2044" s="126"/>
      <c r="GM2044" s="91"/>
      <c r="GN2044" s="91"/>
      <c r="GO2044" s="91"/>
      <c r="GP2044" s="91"/>
      <c r="GQ2044" s="91"/>
      <c r="GR2044" s="91"/>
      <c r="GS2044" s="91"/>
      <c r="GT2044" s="91"/>
      <c r="GU2044" s="91"/>
      <c r="GV2044" s="91"/>
      <c r="GW2044" s="91"/>
      <c r="GX2044" s="91"/>
      <c r="GY2044" s="91"/>
      <c r="GZ2044" s="91"/>
      <c r="HA2044" s="91"/>
      <c r="HB2044" s="91"/>
      <c r="HC2044" s="91"/>
      <c r="HD2044" s="91"/>
      <c r="HE2044" s="91"/>
      <c r="HF2044" s="91"/>
      <c r="HG2044" s="91"/>
      <c r="HH2044" s="91"/>
      <c r="HI2044" s="91"/>
      <c r="HJ2044" s="91"/>
      <c r="HK2044" s="127"/>
      <c r="HL2044" s="126"/>
      <c r="HM2044" s="91"/>
      <c r="HN2044" s="91"/>
      <c r="HO2044" s="91"/>
      <c r="HP2044" s="91"/>
      <c r="HQ2044" s="91"/>
      <c r="HR2044" s="91"/>
      <c r="HS2044" s="91"/>
      <c r="HT2044" s="91"/>
      <c r="HU2044" s="91"/>
      <c r="HV2044" s="91"/>
      <c r="HW2044" s="91"/>
      <c r="HX2044" s="91"/>
      <c r="HY2044" s="91"/>
      <c r="HZ2044" s="91"/>
      <c r="IA2044" s="91"/>
      <c r="IB2044" s="91"/>
      <c r="IC2044" s="91"/>
      <c r="ID2044" s="91"/>
      <c r="IE2044" s="91"/>
      <c r="IF2044" s="91"/>
      <c r="IG2044" s="91"/>
      <c r="IH2044" s="91"/>
      <c r="II2044" s="91"/>
      <c r="IJ2044" s="91"/>
      <c r="IK2044" s="127"/>
    </row>
    <row r="2045" spans="2:245" x14ac:dyDescent="0.2">
      <c r="B2045" s="43"/>
      <c r="C2045" s="73"/>
      <c r="D2045" s="64"/>
      <c r="E2045" s="64"/>
      <c r="F2045" s="55"/>
      <c r="G2045" s="102"/>
      <c r="H2045" s="55"/>
      <c r="I2045" s="55"/>
      <c r="J2045" s="55"/>
      <c r="K2045" s="55"/>
      <c r="L2045" s="55"/>
      <c r="M2045" s="55"/>
      <c r="N2045" s="55"/>
      <c r="O2045" s="55"/>
      <c r="P2045" s="55"/>
      <c r="Q2045" s="55"/>
      <c r="R2045" s="55"/>
      <c r="S2045" s="55"/>
      <c r="T2045" s="55"/>
      <c r="U2045" s="55"/>
      <c r="V2045" s="55"/>
      <c r="W2045" s="55"/>
      <c r="X2045" s="55"/>
      <c r="Y2045" s="55"/>
      <c r="Z2045" s="55"/>
      <c r="AA2045" s="55"/>
      <c r="AB2045" s="55"/>
      <c r="AC2045" s="55"/>
      <c r="AD2045" s="55"/>
      <c r="AE2045" s="55"/>
      <c r="AF2045" s="55"/>
      <c r="AG2045" s="55"/>
      <c r="AY2045" s="162"/>
      <c r="AZ2045" s="162"/>
      <c r="BA2045" s="162"/>
      <c r="BB2045" s="162"/>
      <c r="BC2045" s="162"/>
      <c r="BD2045" s="162"/>
      <c r="BE2045" s="162"/>
      <c r="BF2045" s="162"/>
      <c r="BG2045" s="162"/>
      <c r="BH2045" s="162"/>
      <c r="BI2045" s="162"/>
      <c r="BJ2045" s="162"/>
      <c r="BK2045" s="162"/>
      <c r="BL2045" s="162"/>
      <c r="BM2045" s="162"/>
      <c r="BN2045" s="162"/>
      <c r="BO2045" s="162"/>
      <c r="BP2045" s="162"/>
      <c r="BQ2045" s="162"/>
      <c r="BR2045" s="162"/>
      <c r="BS2045" s="162"/>
      <c r="BT2045" s="162"/>
      <c r="BU2045" s="162"/>
      <c r="BV2045" s="162"/>
      <c r="BW2045" s="162"/>
      <c r="BX2045" s="162"/>
      <c r="BY2045" s="162"/>
      <c r="BZ2045" s="162"/>
      <c r="CA2045" s="162"/>
      <c r="CB2045" s="162"/>
      <c r="CC2045" s="162"/>
      <c r="CD2045" s="162"/>
      <c r="CE2045" s="162"/>
      <c r="CF2045" s="162"/>
      <c r="CG2045" s="162"/>
      <c r="CH2045" s="162"/>
      <c r="CI2045" s="162"/>
      <c r="CJ2045" s="162"/>
      <c r="CK2045" s="162"/>
      <c r="CX2045" s="98"/>
      <c r="DL2045" s="97"/>
      <c r="DX2045" s="98"/>
      <c r="EL2045" s="97"/>
      <c r="EX2045" s="98"/>
      <c r="EY2045" s="97"/>
      <c r="FL2045" s="126"/>
      <c r="FM2045" s="91"/>
      <c r="FN2045" s="91"/>
      <c r="FO2045" s="91"/>
      <c r="FP2045" s="91"/>
      <c r="FQ2045" s="91"/>
      <c r="FR2045" s="91"/>
      <c r="FS2045" s="91"/>
      <c r="FT2045" s="91"/>
      <c r="FU2045" s="91"/>
      <c r="FV2045" s="91"/>
      <c r="FW2045" s="91"/>
      <c r="FX2045" s="91"/>
      <c r="FY2045" s="91"/>
      <c r="FZ2045" s="91"/>
      <c r="GA2045" s="91"/>
      <c r="GB2045" s="91"/>
      <c r="GC2045" s="91"/>
      <c r="GD2045" s="91"/>
      <c r="GE2045" s="91"/>
      <c r="GF2045" s="91"/>
      <c r="GG2045" s="91"/>
      <c r="GH2045" s="91"/>
      <c r="GI2045" s="91"/>
      <c r="GJ2045" s="91"/>
      <c r="GK2045" s="127"/>
      <c r="GL2045" s="126"/>
      <c r="GM2045" s="91"/>
      <c r="GN2045" s="91"/>
      <c r="GO2045" s="91"/>
      <c r="GP2045" s="91"/>
      <c r="GQ2045" s="91"/>
      <c r="GR2045" s="91"/>
      <c r="GS2045" s="91"/>
      <c r="GT2045" s="91"/>
      <c r="GU2045" s="91"/>
      <c r="GV2045" s="91"/>
      <c r="GW2045" s="91"/>
      <c r="GX2045" s="91"/>
      <c r="GY2045" s="91"/>
      <c r="GZ2045" s="91"/>
      <c r="HA2045" s="91"/>
      <c r="HB2045" s="91"/>
      <c r="HC2045" s="91"/>
      <c r="HD2045" s="91"/>
      <c r="HE2045" s="91"/>
      <c r="HF2045" s="91"/>
      <c r="HG2045" s="91"/>
      <c r="HH2045" s="91"/>
      <c r="HI2045" s="91"/>
      <c r="HJ2045" s="91"/>
      <c r="HK2045" s="127"/>
      <c r="HL2045" s="126"/>
      <c r="HM2045" s="91"/>
      <c r="HN2045" s="91"/>
      <c r="HO2045" s="91"/>
      <c r="HP2045" s="91"/>
      <c r="HQ2045" s="91"/>
      <c r="HR2045" s="91"/>
      <c r="HS2045" s="91"/>
      <c r="HT2045" s="91"/>
      <c r="HU2045" s="91"/>
      <c r="HV2045" s="91"/>
      <c r="HW2045" s="91"/>
      <c r="HX2045" s="91"/>
      <c r="HY2045" s="91"/>
      <c r="HZ2045" s="91"/>
      <c r="IA2045" s="91"/>
      <c r="IB2045" s="91"/>
      <c r="IC2045" s="91"/>
      <c r="ID2045" s="91"/>
      <c r="IE2045" s="91"/>
      <c r="IF2045" s="91"/>
      <c r="IG2045" s="91"/>
      <c r="IH2045" s="91"/>
      <c r="II2045" s="91"/>
      <c r="IJ2045" s="91"/>
      <c r="IK2045" s="127"/>
    </row>
    <row r="2046" spans="2:245" x14ac:dyDescent="0.2">
      <c r="B2046" s="43"/>
      <c r="C2046" s="73"/>
      <c r="D2046" s="64"/>
      <c r="E2046" s="64"/>
      <c r="F2046" s="55"/>
      <c r="G2046" s="102"/>
      <c r="H2046" s="55"/>
      <c r="I2046" s="55"/>
      <c r="J2046" s="55"/>
      <c r="K2046" s="55"/>
      <c r="L2046" s="55"/>
      <c r="M2046" s="55"/>
      <c r="N2046" s="55"/>
      <c r="O2046" s="55"/>
      <c r="P2046" s="55"/>
      <c r="Q2046" s="55"/>
      <c r="R2046" s="55"/>
      <c r="S2046" s="55"/>
      <c r="T2046" s="55"/>
      <c r="U2046" s="55"/>
      <c r="V2046" s="55"/>
      <c r="W2046" s="55"/>
      <c r="X2046" s="55"/>
      <c r="Y2046" s="55"/>
      <c r="Z2046" s="55"/>
      <c r="AA2046" s="55"/>
      <c r="AB2046" s="55"/>
      <c r="AC2046" s="55"/>
      <c r="AD2046" s="55"/>
      <c r="AE2046" s="55"/>
      <c r="AF2046" s="55"/>
      <c r="AG2046" s="55"/>
      <c r="AY2046" s="162"/>
      <c r="AZ2046" s="162"/>
      <c r="BA2046" s="162"/>
      <c r="BB2046" s="162"/>
      <c r="BC2046" s="162"/>
      <c r="BD2046" s="162"/>
      <c r="BE2046" s="162"/>
      <c r="BF2046" s="162"/>
      <c r="BG2046" s="162"/>
      <c r="BH2046" s="162"/>
      <c r="BI2046" s="162"/>
      <c r="BJ2046" s="162"/>
      <c r="BK2046" s="162"/>
      <c r="BL2046" s="162"/>
      <c r="BM2046" s="162"/>
      <c r="BN2046" s="162"/>
      <c r="BO2046" s="162"/>
      <c r="BP2046" s="162"/>
      <c r="BQ2046" s="162"/>
      <c r="BR2046" s="162"/>
      <c r="BS2046" s="162"/>
      <c r="BT2046" s="162"/>
      <c r="BU2046" s="162"/>
      <c r="BV2046" s="162"/>
      <c r="BW2046" s="162"/>
      <c r="BX2046" s="162"/>
      <c r="BY2046" s="162"/>
      <c r="BZ2046" s="162"/>
      <c r="CA2046" s="162"/>
      <c r="CB2046" s="162"/>
      <c r="CC2046" s="162"/>
      <c r="CD2046" s="162"/>
      <c r="CE2046" s="162"/>
      <c r="CF2046" s="162"/>
      <c r="CG2046" s="162"/>
      <c r="CH2046" s="162"/>
      <c r="CI2046" s="162"/>
      <c r="CJ2046" s="162"/>
      <c r="CK2046" s="162"/>
      <c r="CX2046" s="98"/>
      <c r="DL2046" s="97"/>
      <c r="DX2046" s="98"/>
      <c r="EL2046" s="97"/>
      <c r="EX2046" s="98"/>
      <c r="EY2046" s="97"/>
      <c r="FL2046" s="126"/>
      <c r="FM2046" s="91"/>
      <c r="FN2046" s="91"/>
      <c r="FO2046" s="91"/>
      <c r="FP2046" s="91"/>
      <c r="FQ2046" s="91"/>
      <c r="FR2046" s="91"/>
      <c r="FS2046" s="91"/>
      <c r="FT2046" s="91"/>
      <c r="FU2046" s="91"/>
      <c r="FV2046" s="91"/>
      <c r="FW2046" s="91"/>
      <c r="FX2046" s="91"/>
      <c r="FY2046" s="91"/>
      <c r="FZ2046" s="91"/>
      <c r="GA2046" s="91"/>
      <c r="GB2046" s="91"/>
      <c r="GC2046" s="91"/>
      <c r="GD2046" s="91"/>
      <c r="GE2046" s="91"/>
      <c r="GF2046" s="91"/>
      <c r="GG2046" s="91"/>
      <c r="GH2046" s="91"/>
      <c r="GI2046" s="91"/>
      <c r="GJ2046" s="91"/>
      <c r="GK2046" s="127"/>
      <c r="GL2046" s="126"/>
      <c r="GM2046" s="91"/>
      <c r="GN2046" s="91"/>
      <c r="GO2046" s="91"/>
      <c r="GP2046" s="91"/>
      <c r="GQ2046" s="91"/>
      <c r="GR2046" s="91"/>
      <c r="GS2046" s="91"/>
      <c r="GT2046" s="91"/>
      <c r="GU2046" s="91"/>
      <c r="GV2046" s="91"/>
      <c r="GW2046" s="91"/>
      <c r="GX2046" s="91"/>
      <c r="GY2046" s="91"/>
      <c r="GZ2046" s="91"/>
      <c r="HA2046" s="91"/>
      <c r="HB2046" s="91"/>
      <c r="HC2046" s="91"/>
      <c r="HD2046" s="91"/>
      <c r="HE2046" s="91"/>
      <c r="HF2046" s="91"/>
      <c r="HG2046" s="91"/>
      <c r="HH2046" s="91"/>
      <c r="HI2046" s="91"/>
      <c r="HJ2046" s="91"/>
      <c r="HK2046" s="127"/>
      <c r="HL2046" s="126"/>
      <c r="HM2046" s="91"/>
      <c r="HN2046" s="91"/>
      <c r="HO2046" s="91"/>
      <c r="HP2046" s="91"/>
      <c r="HQ2046" s="91"/>
      <c r="HR2046" s="91"/>
      <c r="HS2046" s="91"/>
      <c r="HT2046" s="91"/>
      <c r="HU2046" s="91"/>
      <c r="HV2046" s="91"/>
      <c r="HW2046" s="91"/>
      <c r="HX2046" s="91"/>
      <c r="HY2046" s="91"/>
      <c r="HZ2046" s="91"/>
      <c r="IA2046" s="91"/>
      <c r="IB2046" s="91"/>
      <c r="IC2046" s="91"/>
      <c r="ID2046" s="91"/>
      <c r="IE2046" s="91"/>
      <c r="IF2046" s="91"/>
      <c r="IG2046" s="91"/>
      <c r="IH2046" s="91"/>
      <c r="II2046" s="91"/>
      <c r="IJ2046" s="91"/>
      <c r="IK2046" s="127"/>
    </row>
    <row r="2047" spans="2:245" x14ac:dyDescent="0.2">
      <c r="B2047" s="43"/>
      <c r="C2047" s="73"/>
      <c r="D2047" s="64"/>
      <c r="E2047" s="64"/>
      <c r="F2047" s="55"/>
      <c r="G2047" s="102"/>
      <c r="H2047" s="55"/>
      <c r="I2047" s="55"/>
      <c r="J2047" s="55"/>
      <c r="K2047" s="55"/>
      <c r="L2047" s="55"/>
      <c r="M2047" s="55"/>
      <c r="N2047" s="55"/>
      <c r="O2047" s="55"/>
      <c r="P2047" s="55"/>
      <c r="Q2047" s="55"/>
      <c r="R2047" s="55"/>
      <c r="S2047" s="55"/>
      <c r="T2047" s="55"/>
      <c r="U2047" s="55"/>
      <c r="V2047" s="55"/>
      <c r="W2047" s="55"/>
      <c r="X2047" s="55"/>
      <c r="Y2047" s="55"/>
      <c r="Z2047" s="55"/>
      <c r="AA2047" s="55"/>
      <c r="AB2047" s="55"/>
      <c r="AC2047" s="55"/>
      <c r="AD2047" s="55"/>
      <c r="AE2047" s="55"/>
      <c r="AF2047" s="55"/>
      <c r="AG2047" s="55"/>
      <c r="AY2047" s="162"/>
      <c r="AZ2047" s="162"/>
      <c r="BA2047" s="162"/>
      <c r="BB2047" s="162"/>
      <c r="BC2047" s="162"/>
      <c r="BD2047" s="162"/>
      <c r="BE2047" s="162"/>
      <c r="BF2047" s="162"/>
      <c r="BG2047" s="162"/>
      <c r="BH2047" s="162"/>
      <c r="BI2047" s="162"/>
      <c r="BJ2047" s="162"/>
      <c r="BK2047" s="162"/>
      <c r="BL2047" s="162"/>
      <c r="BM2047" s="162"/>
      <c r="BN2047" s="162"/>
      <c r="BO2047" s="162"/>
      <c r="BP2047" s="162"/>
      <c r="BQ2047" s="162"/>
      <c r="BR2047" s="162"/>
      <c r="BS2047" s="162"/>
      <c r="BT2047" s="162"/>
      <c r="BU2047" s="162"/>
      <c r="BV2047" s="162"/>
      <c r="BW2047" s="162"/>
      <c r="BX2047" s="162"/>
      <c r="BY2047" s="162"/>
      <c r="BZ2047" s="162"/>
      <c r="CA2047" s="162"/>
      <c r="CB2047" s="162"/>
      <c r="CC2047" s="162"/>
      <c r="CD2047" s="162"/>
      <c r="CE2047" s="162"/>
      <c r="CF2047" s="162"/>
      <c r="CG2047" s="162"/>
      <c r="CH2047" s="162"/>
      <c r="CI2047" s="162"/>
      <c r="CJ2047" s="162"/>
      <c r="CK2047" s="162"/>
      <c r="CX2047" s="98"/>
      <c r="DL2047" s="97"/>
      <c r="DX2047" s="98"/>
      <c r="EL2047" s="97"/>
      <c r="EX2047" s="98"/>
      <c r="EY2047" s="97"/>
      <c r="FL2047" s="126"/>
      <c r="FM2047" s="91"/>
      <c r="FN2047" s="91"/>
      <c r="FO2047" s="91"/>
      <c r="FP2047" s="91"/>
      <c r="FQ2047" s="91"/>
      <c r="FR2047" s="91"/>
      <c r="FS2047" s="91"/>
      <c r="FT2047" s="91"/>
      <c r="FU2047" s="91"/>
      <c r="FV2047" s="91"/>
      <c r="FW2047" s="91"/>
      <c r="FX2047" s="91"/>
      <c r="FY2047" s="91"/>
      <c r="FZ2047" s="91"/>
      <c r="GA2047" s="91"/>
      <c r="GB2047" s="91"/>
      <c r="GC2047" s="91"/>
      <c r="GD2047" s="91"/>
      <c r="GE2047" s="91"/>
      <c r="GF2047" s="91"/>
      <c r="GG2047" s="91"/>
      <c r="GH2047" s="91"/>
      <c r="GI2047" s="91"/>
      <c r="GJ2047" s="91"/>
      <c r="GK2047" s="127"/>
      <c r="GL2047" s="126"/>
      <c r="GM2047" s="91"/>
      <c r="GN2047" s="91"/>
      <c r="GO2047" s="91"/>
      <c r="GP2047" s="91"/>
      <c r="GQ2047" s="91"/>
      <c r="GR2047" s="91"/>
      <c r="GS2047" s="91"/>
      <c r="GT2047" s="91"/>
      <c r="GU2047" s="91"/>
      <c r="GV2047" s="91"/>
      <c r="GW2047" s="91"/>
      <c r="GX2047" s="91"/>
      <c r="GY2047" s="91"/>
      <c r="GZ2047" s="91"/>
      <c r="HA2047" s="91"/>
      <c r="HB2047" s="91"/>
      <c r="HC2047" s="91"/>
      <c r="HD2047" s="91"/>
      <c r="HE2047" s="91"/>
      <c r="HF2047" s="91"/>
      <c r="HG2047" s="91"/>
      <c r="HH2047" s="91"/>
      <c r="HI2047" s="91"/>
      <c r="HJ2047" s="91"/>
      <c r="HK2047" s="127"/>
      <c r="HL2047" s="126"/>
      <c r="HM2047" s="91"/>
      <c r="HN2047" s="91"/>
      <c r="HO2047" s="91"/>
      <c r="HP2047" s="91"/>
      <c r="HQ2047" s="91"/>
      <c r="HR2047" s="91"/>
      <c r="HS2047" s="91"/>
      <c r="HT2047" s="91"/>
      <c r="HU2047" s="91"/>
      <c r="HV2047" s="91"/>
      <c r="HW2047" s="91"/>
      <c r="HX2047" s="91"/>
      <c r="HY2047" s="91"/>
      <c r="HZ2047" s="91"/>
      <c r="IA2047" s="91"/>
      <c r="IB2047" s="91"/>
      <c r="IC2047" s="91"/>
      <c r="ID2047" s="91"/>
      <c r="IE2047" s="91"/>
      <c r="IF2047" s="91"/>
      <c r="IG2047" s="91"/>
      <c r="IH2047" s="91"/>
      <c r="II2047" s="91"/>
      <c r="IJ2047" s="91"/>
      <c r="IK2047" s="127"/>
    </row>
    <row r="2048" spans="2:245" x14ac:dyDescent="0.2">
      <c r="B2048" s="43"/>
      <c r="C2048" s="73"/>
      <c r="D2048" s="64"/>
      <c r="E2048" s="64"/>
      <c r="F2048" s="55"/>
      <c r="G2048" s="102"/>
      <c r="H2048" s="55"/>
      <c r="I2048" s="55"/>
      <c r="J2048" s="55"/>
      <c r="K2048" s="55"/>
      <c r="L2048" s="55"/>
      <c r="M2048" s="55"/>
      <c r="N2048" s="55"/>
      <c r="O2048" s="55"/>
      <c r="P2048" s="55"/>
      <c r="Q2048" s="55"/>
      <c r="R2048" s="55"/>
      <c r="S2048" s="55"/>
      <c r="T2048" s="55"/>
      <c r="U2048" s="55"/>
      <c r="V2048" s="55"/>
      <c r="W2048" s="55"/>
      <c r="X2048" s="55"/>
      <c r="Y2048" s="55"/>
      <c r="Z2048" s="55"/>
      <c r="AA2048" s="55"/>
      <c r="AB2048" s="55"/>
      <c r="AC2048" s="55"/>
      <c r="AD2048" s="55"/>
      <c r="AE2048" s="55"/>
      <c r="AF2048" s="55"/>
      <c r="AG2048" s="55"/>
      <c r="AY2048" s="162"/>
      <c r="AZ2048" s="162"/>
      <c r="BA2048" s="162"/>
      <c r="BB2048" s="162"/>
      <c r="BC2048" s="162"/>
      <c r="BD2048" s="162"/>
      <c r="BE2048" s="162"/>
      <c r="BF2048" s="162"/>
      <c r="BG2048" s="162"/>
      <c r="BH2048" s="162"/>
      <c r="BI2048" s="162"/>
      <c r="BJ2048" s="162"/>
      <c r="BK2048" s="162"/>
      <c r="BL2048" s="162"/>
      <c r="BM2048" s="162"/>
      <c r="BN2048" s="162"/>
      <c r="BO2048" s="162"/>
      <c r="BP2048" s="162"/>
      <c r="BQ2048" s="162"/>
      <c r="BR2048" s="162"/>
      <c r="BS2048" s="162"/>
      <c r="BT2048" s="162"/>
      <c r="BU2048" s="162"/>
      <c r="BV2048" s="162"/>
      <c r="BW2048" s="162"/>
      <c r="BX2048" s="162"/>
      <c r="BY2048" s="162"/>
      <c r="BZ2048" s="162"/>
      <c r="CA2048" s="162"/>
      <c r="CB2048" s="162"/>
      <c r="CC2048" s="162"/>
      <c r="CD2048" s="162"/>
      <c r="CE2048" s="162"/>
      <c r="CF2048" s="162"/>
      <c r="CG2048" s="162"/>
      <c r="CH2048" s="162"/>
      <c r="CI2048" s="162"/>
      <c r="CJ2048" s="162"/>
      <c r="CK2048" s="162"/>
      <c r="CX2048" s="98"/>
      <c r="DL2048" s="97"/>
      <c r="DX2048" s="98"/>
      <c r="EL2048" s="97"/>
      <c r="EX2048" s="98"/>
      <c r="EY2048" s="97"/>
      <c r="FL2048" s="126"/>
      <c r="FM2048" s="91"/>
      <c r="FN2048" s="91"/>
      <c r="FO2048" s="91"/>
      <c r="FP2048" s="91"/>
      <c r="FQ2048" s="91"/>
      <c r="FR2048" s="91"/>
      <c r="FS2048" s="91"/>
      <c r="FT2048" s="91"/>
      <c r="FU2048" s="91"/>
      <c r="FV2048" s="91"/>
      <c r="FW2048" s="91"/>
      <c r="FX2048" s="91"/>
      <c r="FY2048" s="91"/>
      <c r="FZ2048" s="91"/>
      <c r="GA2048" s="91"/>
      <c r="GB2048" s="91"/>
      <c r="GC2048" s="91"/>
      <c r="GD2048" s="91"/>
      <c r="GE2048" s="91"/>
      <c r="GF2048" s="91"/>
      <c r="GG2048" s="91"/>
      <c r="GH2048" s="91"/>
      <c r="GI2048" s="91"/>
      <c r="GJ2048" s="91"/>
      <c r="GK2048" s="127"/>
      <c r="GL2048" s="126"/>
      <c r="GM2048" s="91"/>
      <c r="GN2048" s="91"/>
      <c r="GO2048" s="91"/>
      <c r="GP2048" s="91"/>
      <c r="GQ2048" s="91"/>
      <c r="GR2048" s="91"/>
      <c r="GS2048" s="91"/>
      <c r="GT2048" s="91"/>
      <c r="GU2048" s="91"/>
      <c r="GV2048" s="91"/>
      <c r="GW2048" s="91"/>
      <c r="GX2048" s="91"/>
      <c r="GY2048" s="91"/>
      <c r="GZ2048" s="91"/>
      <c r="HA2048" s="91"/>
      <c r="HB2048" s="91"/>
      <c r="HC2048" s="91"/>
      <c r="HD2048" s="91"/>
      <c r="HE2048" s="91"/>
      <c r="HF2048" s="91"/>
      <c r="HG2048" s="91"/>
      <c r="HH2048" s="91"/>
      <c r="HI2048" s="91"/>
      <c r="HJ2048" s="91"/>
      <c r="HK2048" s="127"/>
      <c r="HL2048" s="126"/>
      <c r="HM2048" s="91"/>
      <c r="HN2048" s="91"/>
      <c r="HO2048" s="91"/>
      <c r="HP2048" s="91"/>
      <c r="HQ2048" s="91"/>
      <c r="HR2048" s="91"/>
      <c r="HS2048" s="91"/>
      <c r="HT2048" s="91"/>
      <c r="HU2048" s="91"/>
      <c r="HV2048" s="91"/>
      <c r="HW2048" s="91"/>
      <c r="HX2048" s="91"/>
      <c r="HY2048" s="91"/>
      <c r="HZ2048" s="91"/>
      <c r="IA2048" s="91"/>
      <c r="IB2048" s="91"/>
      <c r="IC2048" s="91"/>
      <c r="ID2048" s="91"/>
      <c r="IE2048" s="91"/>
      <c r="IF2048" s="91"/>
      <c r="IG2048" s="91"/>
      <c r="IH2048" s="91"/>
      <c r="II2048" s="91"/>
      <c r="IJ2048" s="91"/>
      <c r="IK2048" s="127"/>
    </row>
    <row r="2049" spans="2:245" x14ac:dyDescent="0.2">
      <c r="B2049" s="43"/>
      <c r="C2049" s="73"/>
      <c r="D2049" s="64"/>
      <c r="E2049" s="64"/>
      <c r="F2049" s="55"/>
      <c r="G2049" s="102"/>
      <c r="H2049" s="55"/>
      <c r="I2049" s="55"/>
      <c r="J2049" s="55"/>
      <c r="K2049" s="55"/>
      <c r="L2049" s="55"/>
      <c r="M2049" s="55"/>
      <c r="N2049" s="55"/>
      <c r="O2049" s="55"/>
      <c r="P2049" s="55"/>
      <c r="Q2049" s="55"/>
      <c r="R2049" s="55"/>
      <c r="S2049" s="55"/>
      <c r="T2049" s="55"/>
      <c r="U2049" s="55"/>
      <c r="V2049" s="55"/>
      <c r="W2049" s="55"/>
      <c r="X2049" s="55"/>
      <c r="Y2049" s="55"/>
      <c r="Z2049" s="55"/>
      <c r="AA2049" s="55"/>
      <c r="AB2049" s="55"/>
      <c r="AC2049" s="55"/>
      <c r="AD2049" s="55"/>
      <c r="AE2049" s="55"/>
      <c r="AF2049" s="55"/>
      <c r="AG2049" s="55"/>
      <c r="AY2049" s="162"/>
      <c r="AZ2049" s="162"/>
      <c r="BA2049" s="162"/>
      <c r="BB2049" s="162"/>
      <c r="BC2049" s="162"/>
      <c r="BD2049" s="162"/>
      <c r="BE2049" s="162"/>
      <c r="BF2049" s="162"/>
      <c r="BG2049" s="162"/>
      <c r="BH2049" s="162"/>
      <c r="BI2049" s="162"/>
      <c r="BJ2049" s="162"/>
      <c r="BK2049" s="162"/>
      <c r="BL2049" s="162"/>
      <c r="BM2049" s="162"/>
      <c r="BN2049" s="162"/>
      <c r="BO2049" s="162"/>
      <c r="BP2049" s="162"/>
      <c r="BQ2049" s="162"/>
      <c r="BR2049" s="162"/>
      <c r="BS2049" s="162"/>
      <c r="BT2049" s="162"/>
      <c r="BU2049" s="162"/>
      <c r="BV2049" s="162"/>
      <c r="BW2049" s="162"/>
      <c r="BX2049" s="162"/>
      <c r="BY2049" s="162"/>
      <c r="BZ2049" s="162"/>
      <c r="CA2049" s="162"/>
      <c r="CB2049" s="162"/>
      <c r="CC2049" s="162"/>
      <c r="CD2049" s="162"/>
      <c r="CE2049" s="162"/>
      <c r="CF2049" s="162"/>
      <c r="CG2049" s="162"/>
      <c r="CH2049" s="162"/>
      <c r="CI2049" s="162"/>
      <c r="CJ2049" s="162"/>
      <c r="CK2049" s="162"/>
      <c r="CX2049" s="98"/>
      <c r="DL2049" s="97"/>
      <c r="DX2049" s="98"/>
      <c r="EL2049" s="97"/>
      <c r="EX2049" s="98"/>
      <c r="EY2049" s="97"/>
      <c r="FL2049" s="126"/>
      <c r="FM2049" s="91"/>
      <c r="FN2049" s="91"/>
      <c r="FO2049" s="91"/>
      <c r="FP2049" s="91"/>
      <c r="FQ2049" s="91"/>
      <c r="FR2049" s="91"/>
      <c r="FS2049" s="91"/>
      <c r="FT2049" s="91"/>
      <c r="FU2049" s="91"/>
      <c r="FV2049" s="91"/>
      <c r="FW2049" s="91"/>
      <c r="FX2049" s="91"/>
      <c r="FY2049" s="91"/>
      <c r="FZ2049" s="91"/>
      <c r="GA2049" s="91"/>
      <c r="GB2049" s="91"/>
      <c r="GC2049" s="91"/>
      <c r="GD2049" s="91"/>
      <c r="GE2049" s="91"/>
      <c r="GF2049" s="91"/>
      <c r="GG2049" s="91"/>
      <c r="GH2049" s="91"/>
      <c r="GI2049" s="91"/>
      <c r="GJ2049" s="91"/>
      <c r="GK2049" s="127"/>
      <c r="GL2049" s="126"/>
      <c r="GM2049" s="91"/>
      <c r="GN2049" s="91"/>
      <c r="GO2049" s="91"/>
      <c r="GP2049" s="91"/>
      <c r="GQ2049" s="91"/>
      <c r="GR2049" s="91"/>
      <c r="GS2049" s="91"/>
      <c r="GT2049" s="91"/>
      <c r="GU2049" s="91"/>
      <c r="GV2049" s="91"/>
      <c r="GW2049" s="91"/>
      <c r="GX2049" s="91"/>
      <c r="GY2049" s="91"/>
      <c r="GZ2049" s="91"/>
      <c r="HA2049" s="91"/>
      <c r="HB2049" s="91"/>
      <c r="HC2049" s="91"/>
      <c r="HD2049" s="91"/>
      <c r="HE2049" s="91"/>
      <c r="HF2049" s="91"/>
      <c r="HG2049" s="91"/>
      <c r="HH2049" s="91"/>
      <c r="HI2049" s="91"/>
      <c r="HJ2049" s="91"/>
      <c r="HK2049" s="127"/>
      <c r="HL2049" s="126"/>
      <c r="HM2049" s="91"/>
      <c r="HN2049" s="91"/>
      <c r="HO2049" s="91"/>
      <c r="HP2049" s="91"/>
      <c r="HQ2049" s="91"/>
      <c r="HR2049" s="91"/>
      <c r="HS2049" s="91"/>
      <c r="HT2049" s="91"/>
      <c r="HU2049" s="91"/>
      <c r="HV2049" s="91"/>
      <c r="HW2049" s="91"/>
      <c r="HX2049" s="91"/>
      <c r="HY2049" s="91"/>
      <c r="HZ2049" s="91"/>
      <c r="IA2049" s="91"/>
      <c r="IB2049" s="91"/>
      <c r="IC2049" s="91"/>
      <c r="ID2049" s="91"/>
      <c r="IE2049" s="91"/>
      <c r="IF2049" s="91"/>
      <c r="IG2049" s="91"/>
      <c r="IH2049" s="91"/>
      <c r="II2049" s="91"/>
      <c r="IJ2049" s="91"/>
      <c r="IK2049" s="127"/>
    </row>
    <row r="2050" spans="2:245" x14ac:dyDescent="0.2">
      <c r="B2050" s="43"/>
      <c r="C2050" s="73"/>
      <c r="D2050" s="64"/>
      <c r="E2050" s="64"/>
      <c r="F2050" s="55"/>
      <c r="G2050" s="102"/>
      <c r="H2050" s="55"/>
      <c r="I2050" s="55"/>
      <c r="J2050" s="55"/>
      <c r="K2050" s="55"/>
      <c r="L2050" s="55"/>
      <c r="M2050" s="55"/>
      <c r="N2050" s="55"/>
      <c r="O2050" s="55"/>
      <c r="P2050" s="55"/>
      <c r="Q2050" s="55"/>
      <c r="R2050" s="55"/>
      <c r="S2050" s="55"/>
      <c r="T2050" s="55"/>
      <c r="U2050" s="55"/>
      <c r="V2050" s="55"/>
      <c r="W2050" s="55"/>
      <c r="X2050" s="55"/>
      <c r="Y2050" s="55"/>
      <c r="Z2050" s="55"/>
      <c r="AA2050" s="55"/>
      <c r="AB2050" s="55"/>
      <c r="AC2050" s="55"/>
      <c r="AD2050" s="55"/>
      <c r="AE2050" s="55"/>
      <c r="AF2050" s="55"/>
      <c r="AG2050" s="55"/>
      <c r="AY2050" s="162"/>
      <c r="AZ2050" s="162"/>
      <c r="BA2050" s="162"/>
      <c r="BB2050" s="162"/>
      <c r="BC2050" s="162"/>
      <c r="BD2050" s="162"/>
      <c r="BE2050" s="162"/>
      <c r="BF2050" s="162"/>
      <c r="BG2050" s="162"/>
      <c r="BH2050" s="162"/>
      <c r="BI2050" s="162"/>
      <c r="BJ2050" s="162"/>
      <c r="BK2050" s="162"/>
      <c r="BL2050" s="162"/>
      <c r="BM2050" s="162"/>
      <c r="BN2050" s="162"/>
      <c r="BO2050" s="162"/>
      <c r="BP2050" s="162"/>
      <c r="BQ2050" s="162"/>
      <c r="BR2050" s="162"/>
      <c r="BS2050" s="162"/>
      <c r="BT2050" s="162"/>
      <c r="BU2050" s="162"/>
      <c r="BV2050" s="162"/>
      <c r="BW2050" s="162"/>
      <c r="BX2050" s="162"/>
      <c r="BY2050" s="162"/>
      <c r="BZ2050" s="162"/>
      <c r="CA2050" s="162"/>
      <c r="CB2050" s="162"/>
      <c r="CC2050" s="162"/>
      <c r="CD2050" s="162"/>
      <c r="CE2050" s="162"/>
      <c r="CF2050" s="162"/>
      <c r="CG2050" s="162"/>
      <c r="CH2050" s="162"/>
      <c r="CI2050" s="162"/>
      <c r="CJ2050" s="162"/>
      <c r="CK2050" s="162"/>
      <c r="CX2050" s="98"/>
      <c r="DL2050" s="97"/>
      <c r="DX2050" s="98"/>
      <c r="EL2050" s="97"/>
      <c r="EX2050" s="98"/>
      <c r="EY2050" s="97"/>
      <c r="FL2050" s="126"/>
      <c r="FM2050" s="91"/>
      <c r="FN2050" s="91"/>
      <c r="FO2050" s="91"/>
      <c r="FP2050" s="91"/>
      <c r="FQ2050" s="91"/>
      <c r="FR2050" s="91"/>
      <c r="FS2050" s="91"/>
      <c r="FT2050" s="91"/>
      <c r="FU2050" s="91"/>
      <c r="FV2050" s="91"/>
      <c r="FW2050" s="91"/>
      <c r="FX2050" s="91"/>
      <c r="FY2050" s="91"/>
      <c r="FZ2050" s="91"/>
      <c r="GA2050" s="91"/>
      <c r="GB2050" s="91"/>
      <c r="GC2050" s="91"/>
      <c r="GD2050" s="91"/>
      <c r="GE2050" s="91"/>
      <c r="GF2050" s="91"/>
      <c r="GG2050" s="91"/>
      <c r="GH2050" s="91"/>
      <c r="GI2050" s="91"/>
      <c r="GJ2050" s="91"/>
      <c r="GK2050" s="127"/>
      <c r="GL2050" s="126"/>
      <c r="GM2050" s="91"/>
      <c r="GN2050" s="91"/>
      <c r="GO2050" s="91"/>
      <c r="GP2050" s="91"/>
      <c r="GQ2050" s="91"/>
      <c r="GR2050" s="91"/>
      <c r="GS2050" s="91"/>
      <c r="GT2050" s="91"/>
      <c r="GU2050" s="91"/>
      <c r="GV2050" s="91"/>
      <c r="GW2050" s="91"/>
      <c r="GX2050" s="91"/>
      <c r="GY2050" s="91"/>
      <c r="GZ2050" s="91"/>
      <c r="HA2050" s="91"/>
      <c r="HB2050" s="91"/>
      <c r="HC2050" s="91"/>
      <c r="HD2050" s="91"/>
      <c r="HE2050" s="91"/>
      <c r="HF2050" s="91"/>
      <c r="HG2050" s="91"/>
      <c r="HH2050" s="91"/>
      <c r="HI2050" s="91"/>
      <c r="HJ2050" s="91"/>
      <c r="HK2050" s="127"/>
      <c r="HL2050" s="126"/>
      <c r="HM2050" s="91"/>
      <c r="HN2050" s="91"/>
      <c r="HO2050" s="91"/>
      <c r="HP2050" s="91"/>
      <c r="HQ2050" s="91"/>
      <c r="HR2050" s="91"/>
      <c r="HS2050" s="91"/>
      <c r="HT2050" s="91"/>
      <c r="HU2050" s="91"/>
      <c r="HV2050" s="91"/>
      <c r="HW2050" s="91"/>
      <c r="HX2050" s="91"/>
      <c r="HY2050" s="91"/>
      <c r="HZ2050" s="91"/>
      <c r="IA2050" s="91"/>
      <c r="IB2050" s="91"/>
      <c r="IC2050" s="91"/>
      <c r="ID2050" s="91"/>
      <c r="IE2050" s="91"/>
      <c r="IF2050" s="91"/>
      <c r="IG2050" s="91"/>
      <c r="IH2050" s="91"/>
      <c r="II2050" s="91"/>
      <c r="IJ2050" s="91"/>
      <c r="IK2050" s="127"/>
    </row>
    <row r="2051" spans="2:245" x14ac:dyDescent="0.2">
      <c r="B2051" s="43"/>
      <c r="C2051" s="73"/>
      <c r="D2051" s="64"/>
      <c r="E2051" s="64"/>
      <c r="F2051" s="55"/>
      <c r="G2051" s="102"/>
      <c r="H2051" s="55"/>
      <c r="I2051" s="55"/>
      <c r="J2051" s="55"/>
      <c r="K2051" s="55"/>
      <c r="L2051" s="55"/>
      <c r="M2051" s="55"/>
      <c r="N2051" s="55"/>
      <c r="O2051" s="55"/>
      <c r="P2051" s="55"/>
      <c r="Q2051" s="55"/>
      <c r="R2051" s="55"/>
      <c r="S2051" s="55"/>
      <c r="T2051" s="55"/>
      <c r="U2051" s="55"/>
      <c r="V2051" s="55"/>
      <c r="W2051" s="55"/>
      <c r="X2051" s="55"/>
      <c r="Y2051" s="55"/>
      <c r="Z2051" s="55"/>
      <c r="AA2051" s="55"/>
      <c r="AB2051" s="55"/>
      <c r="AC2051" s="55"/>
      <c r="AD2051" s="55"/>
      <c r="AE2051" s="55"/>
      <c r="AF2051" s="55"/>
      <c r="AG2051" s="55"/>
      <c r="AY2051" s="162"/>
      <c r="AZ2051" s="162"/>
      <c r="BA2051" s="162"/>
      <c r="BB2051" s="162"/>
      <c r="BC2051" s="162"/>
      <c r="BD2051" s="162"/>
      <c r="BE2051" s="162"/>
      <c r="BF2051" s="162"/>
      <c r="BG2051" s="162"/>
      <c r="BH2051" s="162"/>
      <c r="BI2051" s="162"/>
      <c r="BJ2051" s="162"/>
      <c r="BK2051" s="162"/>
      <c r="BL2051" s="162"/>
      <c r="BM2051" s="162"/>
      <c r="BN2051" s="162"/>
      <c r="BO2051" s="162"/>
      <c r="BP2051" s="162"/>
      <c r="BQ2051" s="162"/>
      <c r="BR2051" s="162"/>
      <c r="BS2051" s="162"/>
      <c r="BT2051" s="162"/>
      <c r="BU2051" s="162"/>
      <c r="BV2051" s="162"/>
      <c r="BW2051" s="162"/>
      <c r="BX2051" s="162"/>
      <c r="BY2051" s="162"/>
      <c r="BZ2051" s="162"/>
      <c r="CA2051" s="162"/>
      <c r="CB2051" s="162"/>
      <c r="CC2051" s="162"/>
      <c r="CD2051" s="162"/>
      <c r="CE2051" s="162"/>
      <c r="CF2051" s="162"/>
      <c r="CG2051" s="162"/>
      <c r="CH2051" s="162"/>
      <c r="CI2051" s="162"/>
      <c r="CJ2051" s="162"/>
      <c r="CK2051" s="162"/>
      <c r="CX2051" s="98"/>
      <c r="DL2051" s="97"/>
      <c r="DX2051" s="98"/>
      <c r="EL2051" s="97"/>
      <c r="EX2051" s="98"/>
      <c r="EY2051" s="97"/>
      <c r="FL2051" s="126"/>
      <c r="FM2051" s="91"/>
      <c r="FN2051" s="91"/>
      <c r="FO2051" s="91"/>
      <c r="FP2051" s="91"/>
      <c r="FQ2051" s="91"/>
      <c r="FR2051" s="91"/>
      <c r="FS2051" s="91"/>
      <c r="FT2051" s="91"/>
      <c r="FU2051" s="91"/>
      <c r="FV2051" s="91"/>
      <c r="FW2051" s="91"/>
      <c r="FX2051" s="91"/>
      <c r="FY2051" s="91"/>
      <c r="FZ2051" s="91"/>
      <c r="GA2051" s="91"/>
      <c r="GB2051" s="91"/>
      <c r="GC2051" s="91"/>
      <c r="GD2051" s="91"/>
      <c r="GE2051" s="91"/>
      <c r="GF2051" s="91"/>
      <c r="GG2051" s="91"/>
      <c r="GH2051" s="91"/>
      <c r="GI2051" s="91"/>
      <c r="GJ2051" s="91"/>
      <c r="GK2051" s="127"/>
      <c r="GL2051" s="126"/>
      <c r="GM2051" s="91"/>
      <c r="GN2051" s="91"/>
      <c r="GO2051" s="91"/>
      <c r="GP2051" s="91"/>
      <c r="GQ2051" s="91"/>
      <c r="GR2051" s="91"/>
      <c r="GS2051" s="91"/>
      <c r="GT2051" s="91"/>
      <c r="GU2051" s="91"/>
      <c r="GV2051" s="91"/>
      <c r="GW2051" s="91"/>
      <c r="GX2051" s="91"/>
      <c r="GY2051" s="91"/>
      <c r="GZ2051" s="91"/>
      <c r="HA2051" s="91"/>
      <c r="HB2051" s="91"/>
      <c r="HC2051" s="91"/>
      <c r="HD2051" s="91"/>
      <c r="HE2051" s="91"/>
      <c r="HF2051" s="91"/>
      <c r="HG2051" s="91"/>
      <c r="HH2051" s="91"/>
      <c r="HI2051" s="91"/>
      <c r="HJ2051" s="91"/>
      <c r="HK2051" s="127"/>
      <c r="HL2051" s="126"/>
      <c r="HM2051" s="91"/>
      <c r="HN2051" s="91"/>
      <c r="HO2051" s="91"/>
      <c r="HP2051" s="91"/>
      <c r="HQ2051" s="91"/>
      <c r="HR2051" s="91"/>
      <c r="HS2051" s="91"/>
      <c r="HT2051" s="91"/>
      <c r="HU2051" s="91"/>
      <c r="HV2051" s="91"/>
      <c r="HW2051" s="91"/>
      <c r="HX2051" s="91"/>
      <c r="HY2051" s="91"/>
      <c r="HZ2051" s="91"/>
      <c r="IA2051" s="91"/>
      <c r="IB2051" s="91"/>
      <c r="IC2051" s="91"/>
      <c r="ID2051" s="91"/>
      <c r="IE2051" s="91"/>
      <c r="IF2051" s="91"/>
      <c r="IG2051" s="91"/>
      <c r="IH2051" s="91"/>
      <c r="II2051" s="91"/>
      <c r="IJ2051" s="91"/>
      <c r="IK2051" s="127"/>
    </row>
    <row r="2052" spans="2:245" x14ac:dyDescent="0.2">
      <c r="B2052" s="43"/>
      <c r="C2052" s="73"/>
      <c r="D2052" s="64"/>
      <c r="E2052" s="64"/>
      <c r="F2052" s="55"/>
      <c r="G2052" s="102"/>
      <c r="H2052" s="55"/>
      <c r="I2052" s="55"/>
      <c r="J2052" s="55"/>
      <c r="K2052" s="55"/>
      <c r="L2052" s="55"/>
      <c r="M2052" s="55"/>
      <c r="N2052" s="55"/>
      <c r="O2052" s="55"/>
      <c r="P2052" s="55"/>
      <c r="Q2052" s="55"/>
      <c r="R2052" s="55"/>
      <c r="S2052" s="55"/>
      <c r="T2052" s="55"/>
      <c r="U2052" s="55"/>
      <c r="V2052" s="55"/>
      <c r="W2052" s="55"/>
      <c r="X2052" s="55"/>
      <c r="Y2052" s="55"/>
      <c r="Z2052" s="55"/>
      <c r="AA2052" s="55"/>
      <c r="AB2052" s="55"/>
      <c r="AC2052" s="55"/>
      <c r="AD2052" s="55"/>
      <c r="AE2052" s="55"/>
      <c r="AF2052" s="55"/>
      <c r="AG2052" s="55"/>
      <c r="AY2052" s="162"/>
      <c r="AZ2052" s="162"/>
      <c r="BA2052" s="162"/>
      <c r="BB2052" s="162"/>
      <c r="BC2052" s="162"/>
      <c r="BD2052" s="162"/>
      <c r="BE2052" s="162"/>
      <c r="BF2052" s="162"/>
      <c r="BG2052" s="162"/>
      <c r="BH2052" s="162"/>
      <c r="BI2052" s="162"/>
      <c r="BJ2052" s="162"/>
      <c r="BK2052" s="162"/>
      <c r="BL2052" s="162"/>
      <c r="BM2052" s="162"/>
      <c r="BN2052" s="162"/>
      <c r="BO2052" s="162"/>
      <c r="BP2052" s="162"/>
      <c r="BQ2052" s="162"/>
      <c r="BR2052" s="162"/>
      <c r="BS2052" s="162"/>
      <c r="BT2052" s="162"/>
      <c r="BU2052" s="162"/>
      <c r="BV2052" s="162"/>
      <c r="BW2052" s="162"/>
      <c r="BX2052" s="162"/>
      <c r="BY2052" s="162"/>
      <c r="BZ2052" s="162"/>
      <c r="CA2052" s="162"/>
      <c r="CB2052" s="162"/>
      <c r="CC2052" s="162"/>
      <c r="CD2052" s="162"/>
      <c r="CE2052" s="162"/>
      <c r="CF2052" s="162"/>
      <c r="CG2052" s="162"/>
      <c r="CH2052" s="162"/>
      <c r="CI2052" s="162"/>
      <c r="CJ2052" s="162"/>
      <c r="CK2052" s="162"/>
      <c r="CX2052" s="98"/>
      <c r="DL2052" s="97"/>
      <c r="DX2052" s="98"/>
      <c r="EL2052" s="97"/>
      <c r="EX2052" s="98"/>
      <c r="EY2052" s="97"/>
      <c r="FL2052" s="126"/>
      <c r="FM2052" s="91"/>
      <c r="FN2052" s="91"/>
      <c r="FO2052" s="91"/>
      <c r="FP2052" s="91"/>
      <c r="FQ2052" s="91"/>
      <c r="FR2052" s="91"/>
      <c r="FS2052" s="91"/>
      <c r="FT2052" s="91"/>
      <c r="FU2052" s="91"/>
      <c r="FV2052" s="91"/>
      <c r="FW2052" s="91"/>
      <c r="FX2052" s="91"/>
      <c r="FY2052" s="91"/>
      <c r="FZ2052" s="91"/>
      <c r="GA2052" s="91"/>
      <c r="GB2052" s="91"/>
      <c r="GC2052" s="91"/>
      <c r="GD2052" s="91"/>
      <c r="GE2052" s="91"/>
      <c r="GF2052" s="91"/>
      <c r="GG2052" s="91"/>
      <c r="GH2052" s="91"/>
      <c r="GI2052" s="91"/>
      <c r="GJ2052" s="91"/>
      <c r="GK2052" s="127"/>
      <c r="GL2052" s="126"/>
      <c r="GM2052" s="91"/>
      <c r="GN2052" s="91"/>
      <c r="GO2052" s="91"/>
      <c r="GP2052" s="91"/>
      <c r="GQ2052" s="91"/>
      <c r="GR2052" s="91"/>
      <c r="GS2052" s="91"/>
      <c r="GT2052" s="91"/>
      <c r="GU2052" s="91"/>
      <c r="GV2052" s="91"/>
      <c r="GW2052" s="91"/>
      <c r="GX2052" s="91"/>
      <c r="GY2052" s="91"/>
      <c r="GZ2052" s="91"/>
      <c r="HA2052" s="91"/>
      <c r="HB2052" s="91"/>
      <c r="HC2052" s="91"/>
      <c r="HD2052" s="91"/>
      <c r="HE2052" s="91"/>
      <c r="HF2052" s="91"/>
      <c r="HG2052" s="91"/>
      <c r="HH2052" s="91"/>
      <c r="HI2052" s="91"/>
      <c r="HJ2052" s="91"/>
      <c r="HK2052" s="127"/>
      <c r="HL2052" s="126"/>
      <c r="HM2052" s="91"/>
      <c r="HN2052" s="91"/>
      <c r="HO2052" s="91"/>
      <c r="HP2052" s="91"/>
      <c r="HQ2052" s="91"/>
      <c r="HR2052" s="91"/>
      <c r="HS2052" s="91"/>
      <c r="HT2052" s="91"/>
      <c r="HU2052" s="91"/>
      <c r="HV2052" s="91"/>
      <c r="HW2052" s="91"/>
      <c r="HX2052" s="91"/>
      <c r="HY2052" s="91"/>
      <c r="HZ2052" s="91"/>
      <c r="IA2052" s="91"/>
      <c r="IB2052" s="91"/>
      <c r="IC2052" s="91"/>
      <c r="ID2052" s="91"/>
      <c r="IE2052" s="91"/>
      <c r="IF2052" s="91"/>
      <c r="IG2052" s="91"/>
      <c r="IH2052" s="91"/>
      <c r="II2052" s="91"/>
      <c r="IJ2052" s="91"/>
      <c r="IK2052" s="127"/>
    </row>
    <row r="2053" spans="2:245" x14ac:dyDescent="0.2">
      <c r="B2053" s="43"/>
      <c r="C2053" s="73"/>
      <c r="D2053" s="64"/>
      <c r="E2053" s="64"/>
      <c r="F2053" s="55"/>
      <c r="G2053" s="102"/>
      <c r="H2053" s="55"/>
      <c r="I2053" s="55"/>
      <c r="J2053" s="55"/>
      <c r="K2053" s="55"/>
      <c r="L2053" s="55"/>
      <c r="M2053" s="55"/>
      <c r="N2053" s="55"/>
      <c r="O2053" s="55"/>
      <c r="P2053" s="55"/>
      <c r="Q2053" s="55"/>
      <c r="R2053" s="55"/>
      <c r="S2053" s="55"/>
      <c r="T2053" s="55"/>
      <c r="U2053" s="55"/>
      <c r="V2053" s="55"/>
      <c r="W2053" s="55"/>
      <c r="X2053" s="55"/>
      <c r="Y2053" s="55"/>
      <c r="Z2053" s="55"/>
      <c r="AA2053" s="55"/>
      <c r="AB2053" s="55"/>
      <c r="AC2053" s="55"/>
      <c r="AD2053" s="55"/>
      <c r="AE2053" s="55"/>
      <c r="AF2053" s="55"/>
      <c r="AG2053" s="55"/>
      <c r="AY2053" s="162"/>
      <c r="AZ2053" s="162"/>
      <c r="BA2053" s="162"/>
      <c r="BB2053" s="162"/>
      <c r="BC2053" s="162"/>
      <c r="BD2053" s="162"/>
      <c r="BE2053" s="162"/>
      <c r="BF2053" s="162"/>
      <c r="BG2053" s="162"/>
      <c r="BH2053" s="162"/>
      <c r="BI2053" s="162"/>
      <c r="BJ2053" s="162"/>
      <c r="BK2053" s="162"/>
      <c r="BL2053" s="162"/>
      <c r="BM2053" s="162"/>
      <c r="BN2053" s="162"/>
      <c r="BO2053" s="162"/>
      <c r="BP2053" s="162"/>
      <c r="BQ2053" s="162"/>
      <c r="BR2053" s="162"/>
      <c r="BS2053" s="162"/>
      <c r="BT2053" s="162"/>
      <c r="BU2053" s="162"/>
      <c r="BV2053" s="162"/>
      <c r="BW2053" s="162"/>
      <c r="BX2053" s="162"/>
      <c r="BY2053" s="162"/>
      <c r="BZ2053" s="162"/>
      <c r="CA2053" s="162"/>
      <c r="CB2053" s="162"/>
      <c r="CC2053" s="162"/>
      <c r="CD2053" s="162"/>
      <c r="CE2053" s="162"/>
      <c r="CF2053" s="162"/>
      <c r="CG2053" s="162"/>
      <c r="CH2053" s="162"/>
      <c r="CI2053" s="162"/>
      <c r="CJ2053" s="162"/>
      <c r="CK2053" s="162"/>
      <c r="CX2053" s="98"/>
      <c r="DL2053" s="97"/>
      <c r="DX2053" s="98"/>
      <c r="EL2053" s="97"/>
      <c r="EX2053" s="98"/>
      <c r="EY2053" s="97"/>
      <c r="FL2053" s="126"/>
      <c r="FM2053" s="91"/>
      <c r="FN2053" s="91"/>
      <c r="FO2053" s="91"/>
      <c r="FP2053" s="91"/>
      <c r="FQ2053" s="91"/>
      <c r="FR2053" s="91"/>
      <c r="FS2053" s="91"/>
      <c r="FT2053" s="91"/>
      <c r="FU2053" s="91"/>
      <c r="FV2053" s="91"/>
      <c r="FW2053" s="91"/>
      <c r="FX2053" s="91"/>
      <c r="FY2053" s="91"/>
      <c r="FZ2053" s="91"/>
      <c r="GA2053" s="91"/>
      <c r="GB2053" s="91"/>
      <c r="GC2053" s="91"/>
      <c r="GD2053" s="91"/>
      <c r="GE2053" s="91"/>
      <c r="GF2053" s="91"/>
      <c r="GG2053" s="91"/>
      <c r="GH2053" s="91"/>
      <c r="GI2053" s="91"/>
      <c r="GJ2053" s="91"/>
      <c r="GK2053" s="127"/>
      <c r="GL2053" s="126"/>
      <c r="GM2053" s="91"/>
      <c r="GN2053" s="91"/>
      <c r="GO2053" s="91"/>
      <c r="GP2053" s="91"/>
      <c r="GQ2053" s="91"/>
      <c r="GR2053" s="91"/>
      <c r="GS2053" s="91"/>
      <c r="GT2053" s="91"/>
      <c r="GU2053" s="91"/>
      <c r="GV2053" s="91"/>
      <c r="GW2053" s="91"/>
      <c r="GX2053" s="91"/>
      <c r="GY2053" s="91"/>
      <c r="GZ2053" s="91"/>
      <c r="HA2053" s="91"/>
      <c r="HB2053" s="91"/>
      <c r="HC2053" s="91"/>
      <c r="HD2053" s="91"/>
      <c r="HE2053" s="91"/>
      <c r="HF2053" s="91"/>
      <c r="HG2053" s="91"/>
      <c r="HH2053" s="91"/>
      <c r="HI2053" s="91"/>
      <c r="HJ2053" s="91"/>
      <c r="HK2053" s="127"/>
      <c r="HL2053" s="126"/>
      <c r="HM2053" s="91"/>
      <c r="HN2053" s="91"/>
      <c r="HO2053" s="91"/>
      <c r="HP2053" s="91"/>
      <c r="HQ2053" s="91"/>
      <c r="HR2053" s="91"/>
      <c r="HS2053" s="91"/>
      <c r="HT2053" s="91"/>
      <c r="HU2053" s="91"/>
      <c r="HV2053" s="91"/>
      <c r="HW2053" s="91"/>
      <c r="HX2053" s="91"/>
      <c r="HY2053" s="91"/>
      <c r="HZ2053" s="91"/>
      <c r="IA2053" s="91"/>
      <c r="IB2053" s="91"/>
      <c r="IC2053" s="91"/>
      <c r="ID2053" s="91"/>
      <c r="IE2053" s="91"/>
      <c r="IF2053" s="91"/>
      <c r="IG2053" s="91"/>
      <c r="IH2053" s="91"/>
      <c r="II2053" s="91"/>
      <c r="IJ2053" s="91"/>
      <c r="IK2053" s="127"/>
    </row>
    <row r="2054" spans="2:245" x14ac:dyDescent="0.2">
      <c r="B2054" s="43"/>
      <c r="C2054" s="73"/>
      <c r="D2054" s="64"/>
      <c r="E2054" s="64"/>
      <c r="F2054" s="55"/>
      <c r="G2054" s="102"/>
      <c r="H2054" s="55"/>
      <c r="I2054" s="55"/>
      <c r="J2054" s="55"/>
      <c r="K2054" s="55"/>
      <c r="L2054" s="55"/>
      <c r="M2054" s="55"/>
      <c r="N2054" s="55"/>
      <c r="O2054" s="55"/>
      <c r="P2054" s="55"/>
      <c r="Q2054" s="55"/>
      <c r="R2054" s="55"/>
      <c r="S2054" s="55"/>
      <c r="T2054" s="55"/>
      <c r="U2054" s="55"/>
      <c r="V2054" s="55"/>
      <c r="W2054" s="55"/>
      <c r="X2054" s="55"/>
      <c r="Y2054" s="55"/>
      <c r="Z2054" s="55"/>
      <c r="AA2054" s="55"/>
      <c r="AB2054" s="55"/>
      <c r="AC2054" s="55"/>
      <c r="AD2054" s="55"/>
      <c r="AE2054" s="55"/>
      <c r="AF2054" s="55"/>
      <c r="AG2054" s="55"/>
      <c r="AY2054" s="162"/>
      <c r="AZ2054" s="162"/>
      <c r="BA2054" s="162"/>
      <c r="BB2054" s="162"/>
      <c r="BC2054" s="162"/>
      <c r="BD2054" s="162"/>
      <c r="BE2054" s="162"/>
      <c r="BF2054" s="162"/>
      <c r="BG2054" s="162"/>
      <c r="BH2054" s="162"/>
      <c r="BI2054" s="162"/>
      <c r="BJ2054" s="162"/>
      <c r="BK2054" s="162"/>
      <c r="BL2054" s="162"/>
      <c r="BM2054" s="162"/>
      <c r="BN2054" s="162"/>
      <c r="BO2054" s="162"/>
      <c r="BP2054" s="162"/>
      <c r="BQ2054" s="162"/>
      <c r="BR2054" s="162"/>
      <c r="BS2054" s="162"/>
      <c r="BT2054" s="162"/>
      <c r="BU2054" s="162"/>
      <c r="BV2054" s="162"/>
      <c r="BW2054" s="162"/>
      <c r="BX2054" s="162"/>
      <c r="BY2054" s="162"/>
      <c r="BZ2054" s="162"/>
      <c r="CA2054" s="162"/>
      <c r="CB2054" s="162"/>
      <c r="CC2054" s="162"/>
      <c r="CD2054" s="162"/>
      <c r="CE2054" s="162"/>
      <c r="CF2054" s="162"/>
      <c r="CG2054" s="162"/>
      <c r="CH2054" s="162"/>
      <c r="CI2054" s="162"/>
      <c r="CJ2054" s="162"/>
      <c r="CK2054" s="162"/>
      <c r="CX2054" s="98"/>
      <c r="DL2054" s="97"/>
      <c r="DX2054" s="98"/>
      <c r="EL2054" s="97"/>
      <c r="EX2054" s="98"/>
      <c r="EY2054" s="97"/>
      <c r="FL2054" s="126"/>
      <c r="FM2054" s="91"/>
      <c r="FN2054" s="91"/>
      <c r="FO2054" s="91"/>
      <c r="FP2054" s="91"/>
      <c r="FQ2054" s="91"/>
      <c r="FR2054" s="91"/>
      <c r="FS2054" s="91"/>
      <c r="FT2054" s="91"/>
      <c r="FU2054" s="91"/>
      <c r="FV2054" s="91"/>
      <c r="FW2054" s="91"/>
      <c r="FX2054" s="91"/>
      <c r="FY2054" s="91"/>
      <c r="FZ2054" s="91"/>
      <c r="GA2054" s="91"/>
      <c r="GB2054" s="91"/>
      <c r="GC2054" s="91"/>
      <c r="GD2054" s="91"/>
      <c r="GE2054" s="91"/>
      <c r="GF2054" s="91"/>
      <c r="GG2054" s="91"/>
      <c r="GH2054" s="91"/>
      <c r="GI2054" s="91"/>
      <c r="GJ2054" s="91"/>
      <c r="GK2054" s="127"/>
      <c r="GL2054" s="126"/>
      <c r="GM2054" s="91"/>
      <c r="GN2054" s="91"/>
      <c r="GO2054" s="91"/>
      <c r="GP2054" s="91"/>
      <c r="GQ2054" s="91"/>
      <c r="GR2054" s="91"/>
      <c r="GS2054" s="91"/>
      <c r="GT2054" s="91"/>
      <c r="GU2054" s="91"/>
      <c r="GV2054" s="91"/>
      <c r="GW2054" s="91"/>
      <c r="GX2054" s="91"/>
      <c r="GY2054" s="91"/>
      <c r="GZ2054" s="91"/>
      <c r="HA2054" s="91"/>
      <c r="HB2054" s="91"/>
      <c r="HC2054" s="91"/>
      <c r="HD2054" s="91"/>
      <c r="HE2054" s="91"/>
      <c r="HF2054" s="91"/>
      <c r="HG2054" s="91"/>
      <c r="HH2054" s="91"/>
      <c r="HI2054" s="91"/>
      <c r="HJ2054" s="91"/>
      <c r="HK2054" s="127"/>
      <c r="HL2054" s="126"/>
      <c r="HM2054" s="91"/>
      <c r="HN2054" s="91"/>
      <c r="HO2054" s="91"/>
      <c r="HP2054" s="91"/>
      <c r="HQ2054" s="91"/>
      <c r="HR2054" s="91"/>
      <c r="HS2054" s="91"/>
      <c r="HT2054" s="91"/>
      <c r="HU2054" s="91"/>
      <c r="HV2054" s="91"/>
      <c r="HW2054" s="91"/>
      <c r="HX2054" s="91"/>
      <c r="HY2054" s="91"/>
      <c r="HZ2054" s="91"/>
      <c r="IA2054" s="91"/>
      <c r="IB2054" s="91"/>
      <c r="IC2054" s="91"/>
      <c r="ID2054" s="91"/>
      <c r="IE2054" s="91"/>
      <c r="IF2054" s="91"/>
      <c r="IG2054" s="91"/>
      <c r="IH2054" s="91"/>
      <c r="II2054" s="91"/>
      <c r="IJ2054" s="91"/>
      <c r="IK2054" s="127"/>
    </row>
    <row r="2055" spans="2:245" x14ac:dyDescent="0.2">
      <c r="B2055" s="43"/>
      <c r="C2055" s="73"/>
      <c r="D2055" s="64"/>
      <c r="E2055" s="64"/>
      <c r="F2055" s="55"/>
      <c r="G2055" s="102"/>
      <c r="H2055" s="55"/>
      <c r="I2055" s="55"/>
      <c r="J2055" s="55"/>
      <c r="K2055" s="55"/>
      <c r="L2055" s="55"/>
      <c r="M2055" s="55"/>
      <c r="N2055" s="55"/>
      <c r="O2055" s="55"/>
      <c r="P2055" s="55"/>
      <c r="Q2055" s="55"/>
      <c r="R2055" s="55"/>
      <c r="S2055" s="55"/>
      <c r="T2055" s="55"/>
      <c r="U2055" s="55"/>
      <c r="V2055" s="55"/>
      <c r="W2055" s="55"/>
      <c r="X2055" s="55"/>
      <c r="Y2055" s="55"/>
      <c r="Z2055" s="55"/>
      <c r="AA2055" s="55"/>
      <c r="AB2055" s="55"/>
      <c r="AC2055" s="55"/>
      <c r="AD2055" s="55"/>
      <c r="AE2055" s="55"/>
      <c r="AF2055" s="55"/>
      <c r="AG2055" s="55"/>
      <c r="AY2055" s="162"/>
      <c r="AZ2055" s="162"/>
      <c r="BA2055" s="162"/>
      <c r="BB2055" s="162"/>
      <c r="BC2055" s="162"/>
      <c r="BD2055" s="162"/>
      <c r="BE2055" s="162"/>
      <c r="BF2055" s="162"/>
      <c r="BG2055" s="162"/>
      <c r="BH2055" s="162"/>
      <c r="BI2055" s="162"/>
      <c r="BJ2055" s="162"/>
      <c r="BK2055" s="162"/>
      <c r="BL2055" s="162"/>
      <c r="BM2055" s="162"/>
      <c r="BN2055" s="162"/>
      <c r="BO2055" s="162"/>
      <c r="BP2055" s="162"/>
      <c r="BQ2055" s="162"/>
      <c r="BR2055" s="162"/>
      <c r="BS2055" s="162"/>
      <c r="BT2055" s="162"/>
      <c r="BU2055" s="162"/>
      <c r="BV2055" s="162"/>
      <c r="BW2055" s="162"/>
      <c r="BX2055" s="162"/>
      <c r="BY2055" s="162"/>
      <c r="BZ2055" s="162"/>
      <c r="CA2055" s="162"/>
      <c r="CB2055" s="162"/>
      <c r="CC2055" s="162"/>
      <c r="CD2055" s="162"/>
      <c r="CE2055" s="162"/>
      <c r="CF2055" s="162"/>
      <c r="CG2055" s="162"/>
      <c r="CH2055" s="162"/>
      <c r="CI2055" s="162"/>
      <c r="CJ2055" s="162"/>
      <c r="CK2055" s="162"/>
      <c r="CX2055" s="98"/>
      <c r="DL2055" s="97"/>
      <c r="DX2055" s="98"/>
      <c r="EL2055" s="97"/>
      <c r="EX2055" s="98"/>
      <c r="EY2055" s="97"/>
      <c r="FL2055" s="126"/>
      <c r="FM2055" s="91"/>
      <c r="FN2055" s="91"/>
      <c r="FO2055" s="91"/>
      <c r="FP2055" s="91"/>
      <c r="FQ2055" s="91"/>
      <c r="FR2055" s="91"/>
      <c r="FS2055" s="91"/>
      <c r="FT2055" s="91"/>
      <c r="FU2055" s="91"/>
      <c r="FV2055" s="91"/>
      <c r="FW2055" s="91"/>
      <c r="FX2055" s="91"/>
      <c r="FY2055" s="91"/>
      <c r="FZ2055" s="91"/>
      <c r="GA2055" s="91"/>
      <c r="GB2055" s="91"/>
      <c r="GC2055" s="91"/>
      <c r="GD2055" s="91"/>
      <c r="GE2055" s="91"/>
      <c r="GF2055" s="91"/>
      <c r="GG2055" s="91"/>
      <c r="GH2055" s="91"/>
      <c r="GI2055" s="91"/>
      <c r="GJ2055" s="91"/>
      <c r="GK2055" s="127"/>
      <c r="GL2055" s="126"/>
      <c r="GM2055" s="91"/>
      <c r="GN2055" s="91"/>
      <c r="GO2055" s="91"/>
      <c r="GP2055" s="91"/>
      <c r="GQ2055" s="91"/>
      <c r="GR2055" s="91"/>
      <c r="GS2055" s="91"/>
      <c r="GT2055" s="91"/>
      <c r="GU2055" s="91"/>
      <c r="GV2055" s="91"/>
      <c r="GW2055" s="91"/>
      <c r="GX2055" s="91"/>
      <c r="GY2055" s="91"/>
      <c r="GZ2055" s="91"/>
      <c r="HA2055" s="91"/>
      <c r="HB2055" s="91"/>
      <c r="HC2055" s="91"/>
      <c r="HD2055" s="91"/>
      <c r="HE2055" s="91"/>
      <c r="HF2055" s="91"/>
      <c r="HG2055" s="91"/>
      <c r="HH2055" s="91"/>
      <c r="HI2055" s="91"/>
      <c r="HJ2055" s="91"/>
      <c r="HK2055" s="127"/>
      <c r="HL2055" s="126"/>
      <c r="HM2055" s="91"/>
      <c r="HN2055" s="91"/>
      <c r="HO2055" s="91"/>
      <c r="HP2055" s="91"/>
      <c r="HQ2055" s="91"/>
      <c r="HR2055" s="91"/>
      <c r="HS2055" s="91"/>
      <c r="HT2055" s="91"/>
      <c r="HU2055" s="91"/>
      <c r="HV2055" s="91"/>
      <c r="HW2055" s="91"/>
      <c r="HX2055" s="91"/>
      <c r="HY2055" s="91"/>
      <c r="HZ2055" s="91"/>
      <c r="IA2055" s="91"/>
      <c r="IB2055" s="91"/>
      <c r="IC2055" s="91"/>
      <c r="ID2055" s="91"/>
      <c r="IE2055" s="91"/>
      <c r="IF2055" s="91"/>
      <c r="IG2055" s="91"/>
      <c r="IH2055" s="91"/>
      <c r="II2055" s="91"/>
      <c r="IJ2055" s="91"/>
      <c r="IK2055" s="127"/>
    </row>
    <row r="2056" spans="2:245" ht="13.5" thickBot="1" x14ac:dyDescent="0.25">
      <c r="B2056" s="43"/>
      <c r="C2056" s="73"/>
      <c r="D2056" s="64"/>
      <c r="E2056" s="64"/>
      <c r="F2056" s="55"/>
      <c r="G2056" s="102"/>
      <c r="H2056" s="55"/>
      <c r="I2056" s="55"/>
      <c r="J2056" s="55"/>
      <c r="K2056" s="55"/>
      <c r="L2056" s="55"/>
      <c r="M2056" s="55"/>
      <c r="N2056" s="55"/>
      <c r="O2056" s="55"/>
      <c r="P2056" s="55"/>
      <c r="Q2056" s="55"/>
      <c r="R2056" s="55"/>
      <c r="S2056" s="55"/>
      <c r="T2056" s="55"/>
      <c r="U2056" s="55"/>
      <c r="V2056" s="55"/>
      <c r="W2056" s="55"/>
      <c r="X2056" s="55"/>
      <c r="Y2056" s="55"/>
      <c r="Z2056" s="55"/>
      <c r="AA2056" s="55"/>
      <c r="AB2056" s="55"/>
      <c r="AC2056" s="55"/>
      <c r="AD2056" s="55"/>
      <c r="AE2056" s="55"/>
      <c r="AF2056" s="55"/>
      <c r="AG2056" s="55"/>
      <c r="AY2056" s="162"/>
      <c r="AZ2056" s="162"/>
      <c r="BA2056" s="162"/>
      <c r="BB2056" s="162"/>
      <c r="BC2056" s="162"/>
      <c r="BD2056" s="162"/>
      <c r="BE2056" s="162"/>
      <c r="BF2056" s="162"/>
      <c r="BG2056" s="162"/>
      <c r="BH2056" s="162"/>
      <c r="BI2056" s="162"/>
      <c r="BJ2056" s="162"/>
      <c r="BK2056" s="162"/>
      <c r="BL2056" s="162"/>
      <c r="BM2056" s="162"/>
      <c r="BN2056" s="162"/>
      <c r="BO2056" s="162"/>
      <c r="BP2056" s="162"/>
      <c r="BQ2056" s="162"/>
      <c r="BR2056" s="162"/>
      <c r="BS2056" s="162"/>
      <c r="BT2056" s="162"/>
      <c r="BU2056" s="162"/>
      <c r="BV2056" s="162"/>
      <c r="BW2056" s="162"/>
      <c r="BX2056" s="162"/>
      <c r="BY2056" s="162"/>
      <c r="BZ2056" s="162"/>
      <c r="CA2056" s="162"/>
      <c r="CB2056" s="162"/>
      <c r="CC2056" s="162"/>
      <c r="CD2056" s="162"/>
      <c r="CE2056" s="162"/>
      <c r="CF2056" s="162"/>
      <c r="CG2056" s="162"/>
      <c r="CH2056" s="162"/>
      <c r="CI2056" s="162"/>
      <c r="CJ2056" s="162"/>
      <c r="CK2056" s="162"/>
      <c r="CX2056" s="98"/>
      <c r="DL2056" s="97"/>
      <c r="DX2056" s="98"/>
      <c r="EL2056" s="97"/>
      <c r="EX2056" s="98"/>
      <c r="EY2056" s="97"/>
      <c r="FL2056" s="126"/>
      <c r="FM2056" s="91"/>
      <c r="FN2056" s="91"/>
      <c r="FO2056" s="91"/>
      <c r="FP2056" s="91"/>
      <c r="FQ2056" s="91"/>
      <c r="FR2056" s="91"/>
      <c r="FS2056" s="91"/>
      <c r="FT2056" s="91"/>
      <c r="FU2056" s="91"/>
      <c r="FV2056" s="91"/>
      <c r="FW2056" s="91"/>
      <c r="FX2056" s="91"/>
      <c r="FY2056" s="91"/>
      <c r="FZ2056" s="91"/>
      <c r="GA2056" s="91"/>
      <c r="GB2056" s="91"/>
      <c r="GC2056" s="91"/>
      <c r="GD2056" s="91"/>
      <c r="GE2056" s="91"/>
      <c r="GF2056" s="91"/>
      <c r="GG2056" s="91"/>
      <c r="GH2056" s="91"/>
      <c r="GI2056" s="91"/>
      <c r="GJ2056" s="91"/>
      <c r="GK2056" s="127"/>
      <c r="GL2056" s="126"/>
      <c r="GM2056" s="91"/>
      <c r="GN2056" s="91"/>
      <c r="GO2056" s="91"/>
      <c r="GP2056" s="91"/>
      <c r="GQ2056" s="91"/>
      <c r="GR2056" s="91"/>
      <c r="GS2056" s="91"/>
      <c r="GT2056" s="91"/>
      <c r="GU2056" s="91"/>
      <c r="GV2056" s="91"/>
      <c r="GW2056" s="91"/>
      <c r="GX2056" s="91"/>
      <c r="GY2056" s="91"/>
      <c r="GZ2056" s="91"/>
      <c r="HA2056" s="91"/>
      <c r="HB2056" s="91"/>
      <c r="HC2056" s="91"/>
      <c r="HD2056" s="91"/>
      <c r="HE2056" s="91"/>
      <c r="HF2056" s="91"/>
      <c r="HG2056" s="91"/>
      <c r="HH2056" s="91"/>
      <c r="HI2056" s="91"/>
      <c r="HJ2056" s="91"/>
      <c r="HK2056" s="127"/>
      <c r="HL2056" s="126"/>
      <c r="HM2056" s="91"/>
      <c r="HN2056" s="91"/>
      <c r="HO2056" s="91"/>
      <c r="HP2056" s="91"/>
      <c r="HQ2056" s="91"/>
      <c r="HR2056" s="91"/>
      <c r="HS2056" s="91"/>
      <c r="HT2056" s="91"/>
      <c r="HU2056" s="91"/>
      <c r="HV2056" s="91"/>
      <c r="HW2056" s="91"/>
      <c r="HX2056" s="91"/>
      <c r="HY2056" s="91"/>
      <c r="HZ2056" s="91"/>
      <c r="IA2056" s="91"/>
      <c r="IB2056" s="91"/>
      <c r="IC2056" s="91"/>
      <c r="ID2056" s="91"/>
      <c r="IE2056" s="91"/>
      <c r="IF2056" s="91"/>
      <c r="IG2056" s="91"/>
      <c r="IH2056" s="91"/>
      <c r="II2056" s="91"/>
      <c r="IJ2056" s="91"/>
      <c r="IK2056" s="127"/>
    </row>
    <row r="2057" spans="2:245" x14ac:dyDescent="0.2">
      <c r="B2057" s="43"/>
      <c r="C2057" s="73"/>
      <c r="D2057" s="64"/>
      <c r="E2057" s="64"/>
      <c r="F2057" s="55"/>
      <c r="G2057" s="102"/>
      <c r="H2057" s="55"/>
      <c r="I2057" s="55"/>
      <c r="J2057" s="55"/>
      <c r="K2057" s="55"/>
      <c r="L2057" s="55"/>
      <c r="M2057" s="55"/>
      <c r="N2057" s="55"/>
      <c r="O2057" s="55"/>
      <c r="P2057" s="55"/>
      <c r="Q2057" s="55"/>
      <c r="R2057" s="55"/>
      <c r="S2057" s="55"/>
      <c r="T2057" s="55"/>
      <c r="U2057" s="55"/>
      <c r="V2057" s="55"/>
      <c r="W2057" s="55"/>
      <c r="X2057" s="55"/>
      <c r="Y2057" s="55"/>
      <c r="Z2057" s="55"/>
      <c r="AA2057" s="55"/>
      <c r="AB2057" s="55"/>
      <c r="AC2057" s="55"/>
      <c r="AD2057" s="55"/>
      <c r="AE2057" s="55"/>
      <c r="AF2057" s="55"/>
      <c r="AG2057" s="55"/>
      <c r="AY2057" s="162"/>
      <c r="AZ2057" s="162"/>
      <c r="BA2057" s="162"/>
      <c r="BB2057" s="162"/>
      <c r="BC2057" s="162"/>
      <c r="BD2057" s="162"/>
      <c r="BE2057" s="162"/>
      <c r="BF2057" s="162"/>
      <c r="BG2057" s="162"/>
      <c r="BH2057" s="162"/>
      <c r="BI2057" s="162"/>
      <c r="BJ2057" s="162"/>
      <c r="BK2057" s="162"/>
      <c r="BL2057" s="162"/>
      <c r="BM2057" s="162"/>
      <c r="BN2057" s="162"/>
      <c r="BO2057" s="162"/>
      <c r="BP2057" s="162"/>
      <c r="BQ2057" s="162"/>
      <c r="BR2057" s="162"/>
      <c r="BS2057" s="162"/>
      <c r="BT2057" s="162"/>
      <c r="BU2057" s="162"/>
      <c r="BV2057" s="162"/>
      <c r="BW2057" s="162"/>
      <c r="BX2057" s="162"/>
      <c r="BY2057" s="162"/>
      <c r="BZ2057" s="162"/>
      <c r="CA2057" s="162"/>
      <c r="CB2057" s="162"/>
      <c r="CC2057" s="162"/>
      <c r="CD2057" s="162"/>
      <c r="CE2057" s="162"/>
      <c r="CF2057" s="162"/>
      <c r="CG2057" s="162"/>
      <c r="CH2057" s="162"/>
      <c r="CI2057" s="162"/>
      <c r="CJ2057" s="162"/>
      <c r="CK2057" s="162"/>
      <c r="CL2057" s="163"/>
      <c r="CM2057" s="163"/>
      <c r="CN2057" s="163"/>
      <c r="CO2057" s="163"/>
      <c r="CP2057" s="163"/>
      <c r="CQ2057" s="163"/>
      <c r="CR2057" s="163"/>
      <c r="CS2057" s="163"/>
      <c r="CT2057" s="163"/>
      <c r="CU2057" s="163"/>
      <c r="CV2057" s="163"/>
      <c r="CW2057" s="163"/>
      <c r="CX2057" s="173"/>
      <c r="CY2057" s="163"/>
      <c r="CZ2057" s="163"/>
      <c r="DA2057" s="163"/>
      <c r="DB2057" s="163"/>
      <c r="DC2057" s="163"/>
      <c r="DD2057" s="163"/>
      <c r="DE2057" s="163"/>
      <c r="DF2057" s="163"/>
      <c r="DG2057" s="163"/>
      <c r="DH2057" s="163"/>
      <c r="DI2057" s="163"/>
      <c r="DJ2057" s="163"/>
      <c r="DK2057" s="163"/>
      <c r="DL2057" s="172"/>
      <c r="DM2057" s="163"/>
      <c r="DN2057" s="163"/>
      <c r="DO2057" s="163"/>
      <c r="DP2057" s="163"/>
      <c r="DQ2057" s="163"/>
      <c r="DR2057" s="163"/>
      <c r="DS2057" s="163"/>
      <c r="DT2057" s="163"/>
      <c r="DU2057" s="163"/>
      <c r="DV2057" s="163"/>
      <c r="DW2057" s="163"/>
      <c r="DX2057" s="173"/>
      <c r="DY2057" s="163"/>
      <c r="DZ2057" s="163"/>
      <c r="EA2057" s="163"/>
      <c r="EB2057" s="163"/>
      <c r="EC2057" s="163"/>
      <c r="ED2057" s="163"/>
      <c r="EE2057" s="163"/>
      <c r="EF2057" s="163"/>
      <c r="EG2057" s="163"/>
      <c r="EH2057" s="163"/>
      <c r="EI2057" s="163"/>
      <c r="EJ2057" s="163"/>
      <c r="EK2057" s="163"/>
      <c r="EL2057" s="172"/>
      <c r="EM2057" s="163"/>
      <c r="EN2057" s="163"/>
      <c r="EO2057" s="163"/>
      <c r="EP2057" s="163"/>
      <c r="EQ2057" s="163"/>
      <c r="ER2057" s="163"/>
      <c r="ES2057" s="163"/>
      <c r="ET2057" s="163"/>
      <c r="EU2057" s="163"/>
      <c r="EV2057" s="163"/>
      <c r="EW2057" s="163"/>
      <c r="EX2057" s="173"/>
      <c r="EY2057" s="172"/>
      <c r="EZ2057" s="163"/>
      <c r="FA2057" s="163"/>
      <c r="FB2057" s="163"/>
      <c r="FC2057" s="163"/>
      <c r="FD2057" s="163"/>
      <c r="FE2057" s="163"/>
      <c r="FF2057" s="163"/>
      <c r="FG2057" s="163"/>
      <c r="FH2057" s="163"/>
      <c r="FI2057" s="163"/>
      <c r="FJ2057" s="163"/>
      <c r="FK2057" s="163"/>
      <c r="FL2057" s="126"/>
      <c r="FM2057" s="91"/>
      <c r="FN2057" s="91"/>
      <c r="FO2057" s="91"/>
      <c r="FP2057" s="91"/>
      <c r="FQ2057" s="91"/>
      <c r="FR2057" s="91"/>
      <c r="FS2057" s="91"/>
      <c r="FT2057" s="91"/>
      <c r="FU2057" s="91"/>
      <c r="FV2057" s="91"/>
      <c r="FW2057" s="91"/>
      <c r="FX2057" s="91"/>
      <c r="FY2057" s="91"/>
      <c r="FZ2057" s="91"/>
      <c r="GA2057" s="91"/>
      <c r="GB2057" s="91"/>
      <c r="GC2057" s="91"/>
      <c r="GD2057" s="91"/>
      <c r="GE2057" s="91"/>
      <c r="GF2057" s="91"/>
      <c r="GG2057" s="91"/>
      <c r="GH2057" s="91"/>
      <c r="GI2057" s="91"/>
      <c r="GJ2057" s="91"/>
      <c r="GK2057" s="127"/>
      <c r="GL2057" s="126"/>
      <c r="GM2057" s="91"/>
      <c r="GN2057" s="91"/>
      <c r="GO2057" s="91"/>
      <c r="GP2057" s="91"/>
      <c r="GQ2057" s="91"/>
      <c r="GR2057" s="91"/>
      <c r="GS2057" s="91"/>
      <c r="GT2057" s="91"/>
      <c r="GU2057" s="91"/>
      <c r="GV2057" s="91"/>
      <c r="GW2057" s="91"/>
      <c r="GX2057" s="91"/>
      <c r="GY2057" s="91"/>
      <c r="GZ2057" s="91"/>
      <c r="HA2057" s="91"/>
      <c r="HB2057" s="91"/>
      <c r="HC2057" s="91"/>
      <c r="HD2057" s="91"/>
      <c r="HE2057" s="91"/>
      <c r="HF2057" s="91"/>
      <c r="HG2057" s="91"/>
      <c r="HH2057" s="91"/>
      <c r="HI2057" s="91"/>
      <c r="HJ2057" s="91"/>
      <c r="HK2057" s="127"/>
      <c r="HL2057" s="126"/>
      <c r="HM2057" s="91"/>
      <c r="HN2057" s="91"/>
      <c r="HO2057" s="91"/>
      <c r="HP2057" s="91"/>
      <c r="HQ2057" s="91"/>
      <c r="HR2057" s="91"/>
      <c r="HS2057" s="91"/>
      <c r="HT2057" s="91"/>
      <c r="HU2057" s="91"/>
      <c r="HV2057" s="91"/>
      <c r="HW2057" s="91"/>
      <c r="HX2057" s="91"/>
      <c r="HY2057" s="91"/>
      <c r="HZ2057" s="91"/>
      <c r="IA2057" s="91"/>
      <c r="IB2057" s="91"/>
      <c r="IC2057" s="91"/>
      <c r="ID2057" s="91"/>
      <c r="IE2057" s="91"/>
      <c r="IF2057" s="91"/>
      <c r="IG2057" s="91"/>
      <c r="IH2057" s="91"/>
      <c r="II2057" s="91"/>
      <c r="IJ2057" s="91"/>
      <c r="IK2057" s="127"/>
    </row>
    <row r="2058" spans="2:245" ht="13.5" thickBot="1" x14ac:dyDescent="0.25">
      <c r="B2058" s="43"/>
      <c r="C2058" s="73"/>
      <c r="D2058" s="64"/>
      <c r="E2058" s="64"/>
      <c r="F2058" s="55"/>
      <c r="G2058" s="102"/>
      <c r="H2058" s="55"/>
      <c r="I2058" s="55"/>
      <c r="J2058" s="55"/>
      <c r="K2058" s="55"/>
      <c r="L2058" s="55"/>
      <c r="M2058" s="55"/>
      <c r="N2058" s="55"/>
      <c r="O2058" s="55"/>
      <c r="P2058" s="55"/>
      <c r="Q2058" s="55"/>
      <c r="R2058" s="55"/>
      <c r="S2058" s="55"/>
      <c r="T2058" s="55"/>
      <c r="U2058" s="55"/>
      <c r="V2058" s="55"/>
      <c r="W2058" s="55"/>
      <c r="X2058" s="55"/>
      <c r="Y2058" s="55"/>
      <c r="Z2058" s="55"/>
      <c r="AA2058" s="55"/>
      <c r="AB2058" s="55"/>
      <c r="AC2058" s="55"/>
      <c r="AD2058" s="55"/>
      <c r="AE2058" s="55"/>
      <c r="AF2058" s="55"/>
      <c r="AG2058" s="55"/>
      <c r="AY2058" s="162"/>
      <c r="AZ2058" s="162"/>
      <c r="BA2058" s="162"/>
      <c r="BB2058" s="162"/>
      <c r="BC2058" s="162"/>
      <c r="BD2058" s="162"/>
      <c r="BE2058" s="162"/>
      <c r="BF2058" s="162"/>
      <c r="BG2058" s="162"/>
      <c r="BH2058" s="162"/>
      <c r="BI2058" s="162"/>
      <c r="BJ2058" s="162"/>
      <c r="BK2058" s="162"/>
      <c r="BL2058" s="162"/>
      <c r="BM2058" s="162"/>
      <c r="BN2058" s="162"/>
      <c r="BO2058" s="162"/>
      <c r="BP2058" s="162"/>
      <c r="BQ2058" s="162"/>
      <c r="BR2058" s="162"/>
      <c r="BS2058" s="162"/>
      <c r="BT2058" s="162"/>
      <c r="BU2058" s="162"/>
      <c r="BV2058" s="162"/>
      <c r="BW2058" s="162"/>
      <c r="BX2058" s="162"/>
      <c r="BY2058" s="162"/>
      <c r="BZ2058" s="162"/>
      <c r="CA2058" s="162"/>
      <c r="CB2058" s="162"/>
      <c r="CC2058" s="162"/>
      <c r="CD2058" s="162"/>
      <c r="CE2058" s="162"/>
      <c r="CF2058" s="162"/>
      <c r="CG2058" s="162"/>
      <c r="CH2058" s="162"/>
      <c r="CI2058" s="162"/>
      <c r="CJ2058" s="162"/>
      <c r="CK2058" s="162"/>
      <c r="CL2058" s="166"/>
      <c r="CM2058" s="166"/>
      <c r="CN2058" s="166"/>
      <c r="CO2058" s="166"/>
      <c r="CP2058" s="166"/>
      <c r="CQ2058" s="166"/>
      <c r="CR2058" s="166"/>
      <c r="CS2058" s="166"/>
      <c r="CT2058" s="166"/>
      <c r="CU2058" s="166"/>
      <c r="CV2058" s="166"/>
      <c r="CW2058" s="166"/>
      <c r="CX2058" s="176"/>
      <c r="CY2058" s="166"/>
      <c r="CZ2058" s="166"/>
      <c r="DA2058" s="166"/>
      <c r="DB2058" s="166"/>
      <c r="DC2058" s="166"/>
      <c r="DD2058" s="166"/>
      <c r="DE2058" s="166"/>
      <c r="DF2058" s="166"/>
      <c r="DG2058" s="166"/>
      <c r="DH2058" s="166"/>
      <c r="DI2058" s="166"/>
      <c r="DJ2058" s="166"/>
      <c r="DK2058" s="166"/>
      <c r="DL2058" s="175"/>
      <c r="DM2058" s="166"/>
      <c r="DN2058" s="166"/>
      <c r="DO2058" s="166"/>
      <c r="DP2058" s="166"/>
      <c r="DQ2058" s="166"/>
      <c r="DR2058" s="166"/>
      <c r="DS2058" s="166"/>
      <c r="DT2058" s="166"/>
      <c r="DU2058" s="166"/>
      <c r="DV2058" s="166"/>
      <c r="DW2058" s="166"/>
      <c r="DX2058" s="176"/>
      <c r="DY2058" s="166"/>
      <c r="DZ2058" s="166"/>
      <c r="EA2058" s="166"/>
      <c r="EB2058" s="166"/>
      <c r="EC2058" s="166"/>
      <c r="ED2058" s="166"/>
      <c r="EE2058" s="166"/>
      <c r="EF2058" s="166"/>
      <c r="EG2058" s="166"/>
      <c r="EH2058" s="166"/>
      <c r="EI2058" s="166"/>
      <c r="EJ2058" s="166"/>
      <c r="EK2058" s="166"/>
      <c r="EL2058" s="175"/>
      <c r="EM2058" s="166"/>
      <c r="EN2058" s="166"/>
      <c r="EO2058" s="166"/>
      <c r="EP2058" s="166"/>
      <c r="EQ2058" s="166"/>
      <c r="ER2058" s="166"/>
      <c r="ES2058" s="166"/>
      <c r="ET2058" s="166"/>
      <c r="EU2058" s="166"/>
      <c r="EV2058" s="166"/>
      <c r="EW2058" s="166"/>
      <c r="EX2058" s="176"/>
      <c r="EY2058" s="175"/>
      <c r="EZ2058" s="166"/>
      <c r="FA2058" s="166"/>
      <c r="FB2058" s="166"/>
      <c r="FC2058" s="166"/>
      <c r="FD2058" s="166"/>
      <c r="FE2058" s="166"/>
      <c r="FF2058" s="166"/>
      <c r="FG2058" s="166"/>
      <c r="FH2058" s="166"/>
      <c r="FI2058" s="166"/>
      <c r="FJ2058" s="166"/>
      <c r="FK2058" s="166"/>
      <c r="FL2058" s="126"/>
      <c r="FM2058" s="91"/>
      <c r="FN2058" s="91"/>
      <c r="FO2058" s="91"/>
      <c r="FP2058" s="91"/>
      <c r="FQ2058" s="91"/>
      <c r="FR2058" s="91"/>
      <c r="FS2058" s="91"/>
      <c r="FT2058" s="91"/>
      <c r="FU2058" s="91"/>
      <c r="FV2058" s="91"/>
      <c r="FW2058" s="91"/>
      <c r="FX2058" s="91"/>
      <c r="FY2058" s="91"/>
      <c r="FZ2058" s="91"/>
      <c r="GA2058" s="91"/>
      <c r="GB2058" s="91"/>
      <c r="GC2058" s="91"/>
      <c r="GD2058" s="91"/>
      <c r="GE2058" s="91"/>
      <c r="GF2058" s="91"/>
      <c r="GG2058" s="91"/>
      <c r="GH2058" s="91"/>
      <c r="GI2058" s="91"/>
      <c r="GJ2058" s="91"/>
      <c r="GK2058" s="127"/>
      <c r="GL2058" s="126"/>
      <c r="GM2058" s="91"/>
      <c r="GN2058" s="91"/>
      <c r="GO2058" s="91"/>
      <c r="GP2058" s="91"/>
      <c r="GQ2058" s="91"/>
      <c r="GR2058" s="91"/>
      <c r="GS2058" s="91"/>
      <c r="GT2058" s="91"/>
      <c r="GU2058" s="91"/>
      <c r="GV2058" s="91"/>
      <c r="GW2058" s="91"/>
      <c r="GX2058" s="91"/>
      <c r="GY2058" s="91"/>
      <c r="GZ2058" s="91"/>
      <c r="HA2058" s="91"/>
      <c r="HB2058" s="91"/>
      <c r="HC2058" s="91"/>
      <c r="HD2058" s="91"/>
      <c r="HE2058" s="91"/>
      <c r="HF2058" s="91"/>
      <c r="HG2058" s="91"/>
      <c r="HH2058" s="91"/>
      <c r="HI2058" s="91"/>
      <c r="HJ2058" s="91"/>
      <c r="HK2058" s="127"/>
      <c r="HL2058" s="126"/>
      <c r="HM2058" s="91"/>
      <c r="HN2058" s="91"/>
      <c r="HO2058" s="91"/>
      <c r="HP2058" s="91"/>
      <c r="HQ2058" s="91"/>
      <c r="HR2058" s="91"/>
      <c r="HS2058" s="91"/>
      <c r="HT2058" s="91"/>
      <c r="HU2058" s="91"/>
      <c r="HV2058" s="91"/>
      <c r="HW2058" s="91"/>
      <c r="HX2058" s="91"/>
      <c r="HY2058" s="91"/>
      <c r="HZ2058" s="91"/>
      <c r="IA2058" s="91"/>
      <c r="IB2058" s="91"/>
      <c r="IC2058" s="91"/>
      <c r="ID2058" s="91"/>
      <c r="IE2058" s="91"/>
      <c r="IF2058" s="91"/>
      <c r="IG2058" s="91"/>
      <c r="IH2058" s="91"/>
      <c r="II2058" s="91"/>
      <c r="IJ2058" s="91"/>
      <c r="IK2058" s="127"/>
    </row>
    <row r="2059" spans="2:245" x14ac:dyDescent="0.2">
      <c r="B2059" s="43"/>
      <c r="C2059" s="73"/>
      <c r="D2059" s="64"/>
      <c r="E2059" s="64"/>
      <c r="F2059" s="55"/>
      <c r="G2059" s="102"/>
      <c r="H2059" s="55"/>
      <c r="I2059" s="55"/>
      <c r="J2059" s="55"/>
      <c r="K2059" s="55"/>
      <c r="L2059" s="55"/>
      <c r="M2059" s="55"/>
      <c r="N2059" s="55"/>
      <c r="O2059" s="55"/>
      <c r="P2059" s="55"/>
      <c r="Q2059" s="55"/>
      <c r="R2059" s="55"/>
      <c r="S2059" s="55"/>
      <c r="T2059" s="55"/>
      <c r="U2059" s="55"/>
      <c r="V2059" s="55"/>
      <c r="W2059" s="55"/>
      <c r="X2059" s="55"/>
      <c r="Y2059" s="55"/>
      <c r="Z2059" s="55"/>
      <c r="AA2059" s="55"/>
      <c r="AB2059" s="55"/>
      <c r="AC2059" s="55"/>
      <c r="AD2059" s="55"/>
      <c r="AE2059" s="55"/>
      <c r="AF2059" s="55"/>
      <c r="AG2059" s="55"/>
      <c r="AY2059" s="162"/>
      <c r="AZ2059" s="162"/>
      <c r="BA2059" s="162"/>
      <c r="BB2059" s="162"/>
      <c r="BC2059" s="162"/>
      <c r="BD2059" s="162"/>
      <c r="BE2059" s="162"/>
      <c r="BF2059" s="162"/>
      <c r="BG2059" s="162"/>
      <c r="BH2059" s="162"/>
      <c r="BI2059" s="162"/>
      <c r="BJ2059" s="162"/>
      <c r="BK2059" s="162"/>
      <c r="BL2059" s="162"/>
      <c r="BM2059" s="162"/>
      <c r="BN2059" s="162"/>
      <c r="BO2059" s="162"/>
      <c r="BP2059" s="162"/>
      <c r="BQ2059" s="162"/>
      <c r="BR2059" s="162"/>
      <c r="BS2059" s="162"/>
      <c r="BT2059" s="162"/>
      <c r="BU2059" s="162"/>
      <c r="BV2059" s="162"/>
      <c r="BW2059" s="162"/>
      <c r="BX2059" s="162"/>
      <c r="BY2059" s="162"/>
      <c r="BZ2059" s="162"/>
      <c r="CA2059" s="162"/>
      <c r="CB2059" s="162"/>
      <c r="CC2059" s="162"/>
      <c r="CD2059" s="162"/>
      <c r="CE2059" s="162"/>
      <c r="CF2059" s="162"/>
      <c r="CG2059" s="162"/>
      <c r="CH2059" s="162"/>
      <c r="CI2059" s="162"/>
      <c r="CJ2059" s="162"/>
      <c r="CK2059" s="162"/>
      <c r="CX2059" s="98"/>
      <c r="DL2059" s="97"/>
      <c r="DX2059" s="98"/>
      <c r="EL2059" s="97"/>
      <c r="EX2059" s="98"/>
      <c r="EY2059" s="97"/>
      <c r="FL2059" s="126"/>
      <c r="FM2059" s="91"/>
      <c r="FN2059" s="91"/>
      <c r="FO2059" s="91"/>
      <c r="FP2059" s="91"/>
      <c r="FQ2059" s="91"/>
      <c r="FR2059" s="91"/>
      <c r="FS2059" s="91"/>
      <c r="FT2059" s="91"/>
      <c r="FU2059" s="91"/>
      <c r="FV2059" s="91"/>
      <c r="FW2059" s="91"/>
      <c r="FX2059" s="91"/>
      <c r="FY2059" s="91"/>
      <c r="FZ2059" s="91"/>
      <c r="GA2059" s="91"/>
      <c r="GB2059" s="91"/>
      <c r="GC2059" s="91"/>
      <c r="GD2059" s="91"/>
      <c r="GE2059" s="91"/>
      <c r="GF2059" s="91"/>
      <c r="GG2059" s="91"/>
      <c r="GH2059" s="91"/>
      <c r="GI2059" s="91"/>
      <c r="GJ2059" s="91"/>
      <c r="GK2059" s="127"/>
      <c r="GL2059" s="126"/>
      <c r="GM2059" s="91"/>
      <c r="GN2059" s="91"/>
      <c r="GO2059" s="91"/>
      <c r="GP2059" s="91"/>
      <c r="GQ2059" s="91"/>
      <c r="GR2059" s="91"/>
      <c r="GS2059" s="91"/>
      <c r="GT2059" s="91"/>
      <c r="GU2059" s="91"/>
      <c r="GV2059" s="91"/>
      <c r="GW2059" s="91"/>
      <c r="GX2059" s="91"/>
      <c r="GY2059" s="91"/>
      <c r="GZ2059" s="91"/>
      <c r="HA2059" s="91"/>
      <c r="HB2059" s="91"/>
      <c r="HC2059" s="91"/>
      <c r="HD2059" s="91"/>
      <c r="HE2059" s="91"/>
      <c r="HF2059" s="91"/>
      <c r="HG2059" s="91"/>
      <c r="HH2059" s="91"/>
      <c r="HI2059" s="91"/>
      <c r="HJ2059" s="91"/>
      <c r="HK2059" s="127"/>
      <c r="HL2059" s="126"/>
      <c r="HM2059" s="91"/>
      <c r="HN2059" s="91"/>
      <c r="HO2059" s="91"/>
      <c r="HP2059" s="91"/>
      <c r="HQ2059" s="91"/>
      <c r="HR2059" s="91"/>
      <c r="HS2059" s="91"/>
      <c r="HT2059" s="91"/>
      <c r="HU2059" s="91"/>
      <c r="HV2059" s="91"/>
      <c r="HW2059" s="91"/>
      <c r="HX2059" s="91"/>
      <c r="HY2059" s="91"/>
      <c r="HZ2059" s="91"/>
      <c r="IA2059" s="91"/>
      <c r="IB2059" s="91"/>
      <c r="IC2059" s="91"/>
      <c r="ID2059" s="91"/>
      <c r="IE2059" s="91"/>
      <c r="IF2059" s="91"/>
      <c r="IG2059" s="91"/>
      <c r="IH2059" s="91"/>
      <c r="II2059" s="91"/>
      <c r="IJ2059" s="91"/>
      <c r="IK2059" s="127"/>
    </row>
    <row r="2060" spans="2:245" ht="13.5" thickBot="1" x14ac:dyDescent="0.25">
      <c r="B2060" s="43"/>
      <c r="C2060" s="73"/>
      <c r="D2060" s="64"/>
      <c r="E2060" s="64"/>
      <c r="F2060" s="55"/>
      <c r="G2060" s="102"/>
      <c r="H2060" s="55"/>
      <c r="I2060" s="55"/>
      <c r="J2060" s="55"/>
      <c r="K2060" s="55"/>
      <c r="L2060" s="55"/>
      <c r="M2060" s="55"/>
      <c r="N2060" s="55"/>
      <c r="O2060" s="55"/>
      <c r="P2060" s="55"/>
      <c r="Q2060" s="55"/>
      <c r="R2060" s="55"/>
      <c r="S2060" s="55"/>
      <c r="T2060" s="55"/>
      <c r="U2060" s="55"/>
      <c r="V2060" s="55"/>
      <c r="W2060" s="55"/>
      <c r="X2060" s="55"/>
      <c r="Y2060" s="55"/>
      <c r="Z2060" s="55"/>
      <c r="AA2060" s="55"/>
      <c r="AB2060" s="55"/>
      <c r="AC2060" s="55"/>
      <c r="AD2060" s="55"/>
      <c r="AE2060" s="55"/>
      <c r="AF2060" s="55"/>
      <c r="AG2060" s="55"/>
      <c r="AY2060" s="162"/>
      <c r="AZ2060" s="162"/>
      <c r="BA2060" s="162"/>
      <c r="BB2060" s="162"/>
      <c r="BC2060" s="162"/>
      <c r="BD2060" s="162"/>
      <c r="BE2060" s="162"/>
      <c r="BF2060" s="162"/>
      <c r="BG2060" s="162"/>
      <c r="BH2060" s="162"/>
      <c r="BI2060" s="162"/>
      <c r="BJ2060" s="162"/>
      <c r="BK2060" s="162"/>
      <c r="BL2060" s="162"/>
      <c r="BM2060" s="162"/>
      <c r="BN2060" s="162"/>
      <c r="BO2060" s="162"/>
      <c r="BP2060" s="162"/>
      <c r="BQ2060" s="162"/>
      <c r="BR2060" s="162"/>
      <c r="BS2060" s="162"/>
      <c r="BT2060" s="162"/>
      <c r="BU2060" s="162"/>
      <c r="BV2060" s="162"/>
      <c r="BW2060" s="162"/>
      <c r="BX2060" s="162"/>
      <c r="BY2060" s="162"/>
      <c r="BZ2060" s="162"/>
      <c r="CA2060" s="162"/>
      <c r="CB2060" s="162"/>
      <c r="CC2060" s="162"/>
      <c r="CD2060" s="162"/>
      <c r="CE2060" s="162"/>
      <c r="CF2060" s="162"/>
      <c r="CG2060" s="162"/>
      <c r="CH2060" s="162"/>
      <c r="CI2060" s="162"/>
      <c r="CJ2060" s="162"/>
      <c r="CK2060" s="162"/>
      <c r="CX2060" s="98"/>
      <c r="DL2060" s="97"/>
      <c r="DX2060" s="98"/>
      <c r="EL2060" s="97"/>
      <c r="EX2060" s="98"/>
      <c r="EY2060" s="97"/>
      <c r="FL2060" s="126"/>
      <c r="FM2060" s="91"/>
      <c r="FN2060" s="91"/>
      <c r="FO2060" s="91"/>
      <c r="FP2060" s="91"/>
      <c r="FQ2060" s="91"/>
      <c r="FR2060" s="91"/>
      <c r="FS2060" s="91"/>
      <c r="FT2060" s="91"/>
      <c r="FU2060" s="91"/>
      <c r="FV2060" s="91"/>
      <c r="FW2060" s="91"/>
      <c r="FX2060" s="91"/>
      <c r="FY2060" s="91"/>
      <c r="FZ2060" s="91"/>
      <c r="GA2060" s="91"/>
      <c r="GB2060" s="91"/>
      <c r="GC2060" s="91"/>
      <c r="GD2060" s="91"/>
      <c r="GE2060" s="91"/>
      <c r="GF2060" s="91"/>
      <c r="GG2060" s="91"/>
      <c r="GH2060" s="91"/>
      <c r="GI2060" s="91"/>
      <c r="GJ2060" s="91"/>
      <c r="GK2060" s="127"/>
      <c r="GL2060" s="126"/>
      <c r="GM2060" s="91"/>
      <c r="GN2060" s="91"/>
      <c r="GO2060" s="91"/>
      <c r="GP2060" s="91"/>
      <c r="GQ2060" s="91"/>
      <c r="GR2060" s="91"/>
      <c r="GS2060" s="91"/>
      <c r="GT2060" s="91"/>
      <c r="GU2060" s="91"/>
      <c r="GV2060" s="91"/>
      <c r="GW2060" s="91"/>
      <c r="GX2060" s="91"/>
      <c r="GY2060" s="91"/>
      <c r="GZ2060" s="91"/>
      <c r="HA2060" s="91"/>
      <c r="HB2060" s="91"/>
      <c r="HC2060" s="91"/>
      <c r="HD2060" s="91"/>
      <c r="HE2060" s="91"/>
      <c r="HF2060" s="91"/>
      <c r="HG2060" s="91"/>
      <c r="HH2060" s="91"/>
      <c r="HI2060" s="91"/>
      <c r="HJ2060" s="91"/>
      <c r="HK2060" s="127"/>
      <c r="HL2060" s="126"/>
      <c r="HM2060" s="91"/>
      <c r="HN2060" s="91"/>
      <c r="HO2060" s="91"/>
      <c r="HP2060" s="91"/>
      <c r="HQ2060" s="91"/>
      <c r="HR2060" s="91"/>
      <c r="HS2060" s="91"/>
      <c r="HT2060" s="91"/>
      <c r="HU2060" s="91"/>
      <c r="HV2060" s="91"/>
      <c r="HW2060" s="91"/>
      <c r="HX2060" s="91"/>
      <c r="HY2060" s="91"/>
      <c r="HZ2060" s="91"/>
      <c r="IA2060" s="91"/>
      <c r="IB2060" s="91"/>
      <c r="IC2060" s="91"/>
      <c r="ID2060" s="91"/>
      <c r="IE2060" s="91"/>
      <c r="IF2060" s="91"/>
      <c r="IG2060" s="91"/>
      <c r="IH2060" s="91"/>
      <c r="II2060" s="91"/>
      <c r="IJ2060" s="91"/>
      <c r="IK2060" s="127"/>
    </row>
    <row r="2061" spans="2:245" x14ac:dyDescent="0.2">
      <c r="B2061" s="43"/>
      <c r="C2061" s="73"/>
      <c r="D2061" s="64"/>
      <c r="E2061" s="64"/>
      <c r="F2061" s="55"/>
      <c r="G2061" s="102"/>
      <c r="H2061" s="55"/>
      <c r="I2061" s="55"/>
      <c r="J2061" s="55"/>
      <c r="K2061" s="55"/>
      <c r="L2061" s="55"/>
      <c r="M2061" s="55"/>
      <c r="N2061" s="55"/>
      <c r="O2061" s="55"/>
      <c r="P2061" s="55"/>
      <c r="Q2061" s="55"/>
      <c r="R2061" s="55"/>
      <c r="S2061" s="55"/>
      <c r="T2061" s="55"/>
      <c r="U2061" s="55"/>
      <c r="V2061" s="55"/>
      <c r="W2061" s="55"/>
      <c r="X2061" s="55"/>
      <c r="Y2061" s="55"/>
      <c r="Z2061" s="55"/>
      <c r="AA2061" s="55"/>
      <c r="AB2061" s="55"/>
      <c r="AC2061" s="55"/>
      <c r="AD2061" s="55"/>
      <c r="AE2061" s="55"/>
      <c r="AF2061" s="55"/>
      <c r="AG2061" s="55"/>
      <c r="AY2061" s="162"/>
      <c r="AZ2061" s="162"/>
      <c r="BA2061" s="162"/>
      <c r="BB2061" s="162"/>
      <c r="BC2061" s="162"/>
      <c r="BD2061" s="162"/>
      <c r="BE2061" s="162"/>
      <c r="BF2061" s="162"/>
      <c r="BG2061" s="162"/>
      <c r="BH2061" s="162"/>
      <c r="BI2061" s="162"/>
      <c r="BJ2061" s="162"/>
      <c r="BK2061" s="162"/>
      <c r="BL2061" s="162"/>
      <c r="BM2061" s="162"/>
      <c r="BN2061" s="162"/>
      <c r="BO2061" s="162"/>
      <c r="BP2061" s="162"/>
      <c r="BQ2061" s="162"/>
      <c r="BR2061" s="162"/>
      <c r="BS2061" s="162"/>
      <c r="BT2061" s="162"/>
      <c r="BU2061" s="162"/>
      <c r="BV2061" s="162"/>
      <c r="BW2061" s="162"/>
      <c r="BX2061" s="162"/>
      <c r="BY2061" s="162"/>
      <c r="BZ2061" s="162"/>
      <c r="CA2061" s="162"/>
      <c r="CB2061" s="162"/>
      <c r="CC2061" s="162"/>
      <c r="CD2061" s="162"/>
      <c r="CE2061" s="162"/>
      <c r="CF2061" s="162"/>
      <c r="CG2061" s="162"/>
      <c r="CH2061" s="162"/>
      <c r="CI2061" s="162"/>
      <c r="CJ2061" s="162"/>
      <c r="CK2061" s="162"/>
      <c r="CL2061" s="163"/>
      <c r="CM2061" s="163"/>
      <c r="CN2061" s="163"/>
      <c r="CO2061" s="163"/>
      <c r="CP2061" s="163"/>
      <c r="CQ2061" s="163"/>
      <c r="CR2061" s="163"/>
      <c r="CS2061" s="163"/>
      <c r="CT2061" s="163"/>
      <c r="CU2061" s="163"/>
      <c r="CV2061" s="163"/>
      <c r="CW2061" s="163"/>
      <c r="CX2061" s="173"/>
      <c r="CY2061" s="163"/>
      <c r="CZ2061" s="163"/>
      <c r="DA2061" s="163"/>
      <c r="DB2061" s="163"/>
      <c r="DC2061" s="163"/>
      <c r="DD2061" s="163"/>
      <c r="DE2061" s="163"/>
      <c r="DF2061" s="163"/>
      <c r="DG2061" s="163"/>
      <c r="DH2061" s="163"/>
      <c r="DI2061" s="163"/>
      <c r="DJ2061" s="163"/>
      <c r="DK2061" s="163"/>
      <c r="DL2061" s="172"/>
      <c r="DM2061" s="163"/>
      <c r="DN2061" s="163"/>
      <c r="DO2061" s="163"/>
      <c r="DP2061" s="163"/>
      <c r="DQ2061" s="163"/>
      <c r="DR2061" s="163"/>
      <c r="DS2061" s="163"/>
      <c r="DT2061" s="163"/>
      <c r="DU2061" s="163"/>
      <c r="DV2061" s="163"/>
      <c r="DW2061" s="163"/>
      <c r="DX2061" s="173"/>
      <c r="DY2061" s="163"/>
      <c r="DZ2061" s="163"/>
      <c r="EA2061" s="163"/>
      <c r="EB2061" s="163"/>
      <c r="EC2061" s="163"/>
      <c r="ED2061" s="163"/>
      <c r="EE2061" s="163"/>
      <c r="EF2061" s="163"/>
      <c r="EG2061" s="163"/>
      <c r="EH2061" s="163"/>
      <c r="EI2061" s="163"/>
      <c r="EJ2061" s="163"/>
      <c r="EK2061" s="163"/>
      <c r="EL2061" s="172"/>
      <c r="EM2061" s="163"/>
      <c r="EN2061" s="163"/>
      <c r="EO2061" s="163"/>
      <c r="EP2061" s="163"/>
      <c r="EQ2061" s="163"/>
      <c r="ER2061" s="163"/>
      <c r="ES2061" s="163"/>
      <c r="ET2061" s="163"/>
      <c r="EU2061" s="163"/>
      <c r="EV2061" s="163"/>
      <c r="EW2061" s="163"/>
      <c r="EX2061" s="173"/>
      <c r="EY2061" s="172"/>
      <c r="EZ2061" s="163"/>
      <c r="FA2061" s="163"/>
      <c r="FB2061" s="163"/>
      <c r="FC2061" s="163"/>
      <c r="FD2061" s="163"/>
      <c r="FE2061" s="163"/>
      <c r="FF2061" s="163"/>
      <c r="FG2061" s="163"/>
      <c r="FH2061" s="163"/>
      <c r="FI2061" s="163"/>
      <c r="FJ2061" s="163"/>
      <c r="FK2061" s="163"/>
      <c r="FL2061" s="126"/>
      <c r="FM2061" s="91"/>
      <c r="FN2061" s="91"/>
      <c r="FO2061" s="91"/>
      <c r="FP2061" s="91"/>
      <c r="FQ2061" s="91"/>
      <c r="FR2061" s="91"/>
      <c r="FS2061" s="91"/>
      <c r="FT2061" s="91"/>
      <c r="FU2061" s="91"/>
      <c r="FV2061" s="91"/>
      <c r="FW2061" s="91"/>
      <c r="FX2061" s="91"/>
      <c r="FY2061" s="91"/>
      <c r="FZ2061" s="91"/>
      <c r="GA2061" s="91"/>
      <c r="GB2061" s="91"/>
      <c r="GC2061" s="91"/>
      <c r="GD2061" s="91"/>
      <c r="GE2061" s="91"/>
      <c r="GF2061" s="91"/>
      <c r="GG2061" s="91"/>
      <c r="GH2061" s="91"/>
      <c r="GI2061" s="91"/>
      <c r="GJ2061" s="91"/>
      <c r="GK2061" s="127"/>
      <c r="GL2061" s="126"/>
      <c r="GM2061" s="91"/>
      <c r="GN2061" s="91"/>
      <c r="GO2061" s="91"/>
      <c r="GP2061" s="91"/>
      <c r="GQ2061" s="91"/>
      <c r="GR2061" s="91"/>
      <c r="GS2061" s="91"/>
      <c r="GT2061" s="91"/>
      <c r="GU2061" s="91"/>
      <c r="GV2061" s="91"/>
      <c r="GW2061" s="91"/>
      <c r="GX2061" s="91"/>
      <c r="GY2061" s="91"/>
      <c r="GZ2061" s="91"/>
      <c r="HA2061" s="91"/>
      <c r="HB2061" s="91"/>
      <c r="HC2061" s="91"/>
      <c r="HD2061" s="91"/>
      <c r="HE2061" s="91"/>
      <c r="HF2061" s="91"/>
      <c r="HG2061" s="91"/>
      <c r="HH2061" s="91"/>
      <c r="HI2061" s="91"/>
      <c r="HJ2061" s="91"/>
      <c r="HK2061" s="127"/>
      <c r="HL2061" s="126"/>
      <c r="HM2061" s="91"/>
      <c r="HN2061" s="91"/>
      <c r="HO2061" s="91"/>
      <c r="HP2061" s="91"/>
      <c r="HQ2061" s="91"/>
      <c r="HR2061" s="91"/>
      <c r="HS2061" s="91"/>
      <c r="HT2061" s="91"/>
      <c r="HU2061" s="91"/>
      <c r="HV2061" s="91"/>
      <c r="HW2061" s="91"/>
      <c r="HX2061" s="91"/>
      <c r="HY2061" s="91"/>
      <c r="HZ2061" s="91"/>
      <c r="IA2061" s="91"/>
      <c r="IB2061" s="91"/>
      <c r="IC2061" s="91"/>
      <c r="ID2061" s="91"/>
      <c r="IE2061" s="91"/>
      <c r="IF2061" s="91"/>
      <c r="IG2061" s="91"/>
      <c r="IH2061" s="91"/>
      <c r="II2061" s="91"/>
      <c r="IJ2061" s="91"/>
      <c r="IK2061" s="127"/>
    </row>
    <row r="2062" spans="2:245" x14ac:dyDescent="0.2">
      <c r="B2062" s="43"/>
      <c r="C2062" s="73"/>
      <c r="D2062" s="64"/>
      <c r="E2062" s="64"/>
      <c r="F2062" s="55"/>
      <c r="G2062" s="102"/>
      <c r="H2062" s="55"/>
      <c r="I2062" s="55"/>
      <c r="J2062" s="55"/>
      <c r="K2062" s="55"/>
      <c r="L2062" s="55"/>
      <c r="M2062" s="55"/>
      <c r="N2062" s="55"/>
      <c r="O2062" s="55"/>
      <c r="P2062" s="55"/>
      <c r="Q2062" s="55"/>
      <c r="R2062" s="55"/>
      <c r="S2062" s="55"/>
      <c r="T2062" s="55"/>
      <c r="U2062" s="55"/>
      <c r="V2062" s="55"/>
      <c r="W2062" s="55"/>
      <c r="X2062" s="55"/>
      <c r="Y2062" s="55"/>
      <c r="Z2062" s="55"/>
      <c r="AA2062" s="55"/>
      <c r="AB2062" s="55"/>
      <c r="AC2062" s="55"/>
      <c r="AD2062" s="55"/>
      <c r="AE2062" s="55"/>
      <c r="AF2062" s="55"/>
      <c r="AG2062" s="55"/>
      <c r="AY2062" s="162"/>
      <c r="AZ2062" s="162"/>
      <c r="BA2062" s="162"/>
      <c r="BB2062" s="162"/>
      <c r="BC2062" s="162"/>
      <c r="BD2062" s="162"/>
      <c r="BE2062" s="162"/>
      <c r="BF2062" s="162"/>
      <c r="BG2062" s="162"/>
      <c r="BH2062" s="162"/>
      <c r="BI2062" s="162"/>
      <c r="BJ2062" s="162"/>
      <c r="BK2062" s="162"/>
      <c r="BL2062" s="162"/>
      <c r="BM2062" s="162"/>
      <c r="BN2062" s="162"/>
      <c r="BO2062" s="162"/>
      <c r="BP2062" s="162"/>
      <c r="BQ2062" s="162"/>
      <c r="BR2062" s="162"/>
      <c r="BS2062" s="162"/>
      <c r="BT2062" s="162"/>
      <c r="BU2062" s="162"/>
      <c r="BV2062" s="162"/>
      <c r="BW2062" s="162"/>
      <c r="BX2062" s="162"/>
      <c r="BY2062" s="162"/>
      <c r="BZ2062" s="162"/>
      <c r="CA2062" s="162"/>
      <c r="CB2062" s="162"/>
      <c r="CC2062" s="162"/>
      <c r="CD2062" s="162"/>
      <c r="CE2062" s="162"/>
      <c r="CF2062" s="162"/>
      <c r="CG2062" s="162"/>
      <c r="CH2062" s="162"/>
      <c r="CI2062" s="162"/>
      <c r="CJ2062" s="162"/>
      <c r="CK2062" s="162"/>
      <c r="CX2062" s="98"/>
      <c r="DL2062" s="97"/>
      <c r="DX2062" s="98"/>
      <c r="EL2062" s="97"/>
      <c r="EX2062" s="98"/>
      <c r="EY2062" s="97"/>
      <c r="FL2062" s="126"/>
      <c r="FM2062" s="91"/>
      <c r="FN2062" s="91"/>
      <c r="FO2062" s="91"/>
      <c r="FP2062" s="91"/>
      <c r="FQ2062" s="91"/>
      <c r="FR2062" s="91"/>
      <c r="FS2062" s="91"/>
      <c r="FT2062" s="91"/>
      <c r="FU2062" s="91"/>
      <c r="FV2062" s="91"/>
      <c r="FW2062" s="91"/>
      <c r="FX2062" s="91"/>
      <c r="FY2062" s="91"/>
      <c r="FZ2062" s="91"/>
      <c r="GA2062" s="91"/>
      <c r="GB2062" s="91"/>
      <c r="GC2062" s="91"/>
      <c r="GD2062" s="91"/>
      <c r="GE2062" s="91"/>
      <c r="GF2062" s="91"/>
      <c r="GG2062" s="91"/>
      <c r="GH2062" s="91"/>
      <c r="GI2062" s="91"/>
      <c r="GJ2062" s="91"/>
      <c r="GK2062" s="127"/>
      <c r="GL2062" s="126"/>
      <c r="GM2062" s="91"/>
      <c r="GN2062" s="91"/>
      <c r="GO2062" s="91"/>
      <c r="GP2062" s="91"/>
      <c r="GQ2062" s="91"/>
      <c r="GR2062" s="91"/>
      <c r="GS2062" s="91"/>
      <c r="GT2062" s="91"/>
      <c r="GU2062" s="91"/>
      <c r="GV2062" s="91"/>
      <c r="GW2062" s="91"/>
      <c r="GX2062" s="91"/>
      <c r="GY2062" s="91"/>
      <c r="GZ2062" s="91"/>
      <c r="HA2062" s="91"/>
      <c r="HB2062" s="91"/>
      <c r="HC2062" s="91"/>
      <c r="HD2062" s="91"/>
      <c r="HE2062" s="91"/>
      <c r="HF2062" s="91"/>
      <c r="HG2062" s="91"/>
      <c r="HH2062" s="91"/>
      <c r="HI2062" s="91"/>
      <c r="HJ2062" s="91"/>
      <c r="HK2062" s="127"/>
      <c r="HL2062" s="126"/>
      <c r="HM2062" s="91"/>
      <c r="HN2062" s="91"/>
      <c r="HO2062" s="91"/>
      <c r="HP2062" s="91"/>
      <c r="HQ2062" s="91"/>
      <c r="HR2062" s="91"/>
      <c r="HS2062" s="91"/>
      <c r="HT2062" s="91"/>
      <c r="HU2062" s="91"/>
      <c r="HV2062" s="91"/>
      <c r="HW2062" s="91"/>
      <c r="HX2062" s="91"/>
      <c r="HY2062" s="91"/>
      <c r="HZ2062" s="91"/>
      <c r="IA2062" s="91"/>
      <c r="IB2062" s="91"/>
      <c r="IC2062" s="91"/>
      <c r="ID2062" s="91"/>
      <c r="IE2062" s="91"/>
      <c r="IF2062" s="91"/>
      <c r="IG2062" s="91"/>
      <c r="IH2062" s="91"/>
      <c r="II2062" s="91"/>
      <c r="IJ2062" s="91"/>
      <c r="IK2062" s="127"/>
    </row>
    <row r="2063" spans="2:245" x14ac:dyDescent="0.2">
      <c r="B2063" s="43"/>
      <c r="C2063" s="73"/>
      <c r="D2063" s="64"/>
      <c r="E2063" s="64"/>
      <c r="F2063" s="55"/>
      <c r="G2063" s="102"/>
      <c r="H2063" s="55"/>
      <c r="I2063" s="55"/>
      <c r="J2063" s="55"/>
      <c r="K2063" s="55"/>
      <c r="L2063" s="55"/>
      <c r="M2063" s="55"/>
      <c r="N2063" s="55"/>
      <c r="O2063" s="55"/>
      <c r="P2063" s="55"/>
      <c r="Q2063" s="55"/>
      <c r="R2063" s="55"/>
      <c r="S2063" s="55"/>
      <c r="T2063" s="55"/>
      <c r="U2063" s="55"/>
      <c r="V2063" s="55"/>
      <c r="W2063" s="55"/>
      <c r="X2063" s="55"/>
      <c r="Y2063" s="55"/>
      <c r="Z2063" s="55"/>
      <c r="AA2063" s="55"/>
      <c r="AB2063" s="55"/>
      <c r="AC2063" s="55"/>
      <c r="AD2063" s="55"/>
      <c r="AE2063" s="55"/>
      <c r="AF2063" s="55"/>
      <c r="AG2063" s="55"/>
      <c r="AY2063" s="162"/>
      <c r="AZ2063" s="162"/>
      <c r="BA2063" s="162"/>
      <c r="BB2063" s="162"/>
      <c r="BC2063" s="162"/>
      <c r="BD2063" s="162"/>
      <c r="BE2063" s="162"/>
      <c r="BF2063" s="162"/>
      <c r="BG2063" s="162"/>
      <c r="BH2063" s="162"/>
      <c r="BI2063" s="162"/>
      <c r="BJ2063" s="162"/>
      <c r="BK2063" s="162"/>
      <c r="BL2063" s="162"/>
      <c r="BM2063" s="162"/>
      <c r="BN2063" s="162"/>
      <c r="BO2063" s="162"/>
      <c r="BP2063" s="162"/>
      <c r="BQ2063" s="162"/>
      <c r="BR2063" s="162"/>
      <c r="BS2063" s="162"/>
      <c r="BT2063" s="162"/>
      <c r="BU2063" s="162"/>
      <c r="BV2063" s="162"/>
      <c r="BW2063" s="162"/>
      <c r="BX2063" s="162"/>
      <c r="BY2063" s="162"/>
      <c r="BZ2063" s="162"/>
      <c r="CA2063" s="162"/>
      <c r="CB2063" s="162"/>
      <c r="CC2063" s="162"/>
      <c r="CD2063" s="162"/>
      <c r="CE2063" s="162"/>
      <c r="CF2063" s="162"/>
      <c r="CG2063" s="162"/>
      <c r="CH2063" s="162"/>
      <c r="CI2063" s="162"/>
      <c r="CJ2063" s="162"/>
      <c r="CK2063" s="162"/>
      <c r="CX2063" s="98"/>
      <c r="DL2063" s="97"/>
      <c r="DX2063" s="98"/>
      <c r="EL2063" s="97"/>
      <c r="EX2063" s="98"/>
      <c r="EY2063" s="97"/>
      <c r="FL2063" s="126"/>
      <c r="FM2063" s="91"/>
      <c r="FN2063" s="91"/>
      <c r="FO2063" s="91"/>
      <c r="FP2063" s="91"/>
      <c r="FQ2063" s="91"/>
      <c r="FR2063" s="91"/>
      <c r="FS2063" s="91"/>
      <c r="FT2063" s="91"/>
      <c r="FU2063" s="91"/>
      <c r="FV2063" s="91"/>
      <c r="FW2063" s="91"/>
      <c r="FX2063" s="91"/>
      <c r="FY2063" s="91"/>
      <c r="FZ2063" s="91"/>
      <c r="GA2063" s="91"/>
      <c r="GB2063" s="91"/>
      <c r="GC2063" s="91"/>
      <c r="GD2063" s="91"/>
      <c r="GE2063" s="91"/>
      <c r="GF2063" s="91"/>
      <c r="GG2063" s="91"/>
      <c r="GH2063" s="91"/>
      <c r="GI2063" s="91"/>
      <c r="GJ2063" s="91"/>
      <c r="GK2063" s="127"/>
      <c r="GL2063" s="126"/>
      <c r="GM2063" s="91"/>
      <c r="GN2063" s="91"/>
      <c r="GO2063" s="91"/>
      <c r="GP2063" s="91"/>
      <c r="GQ2063" s="91"/>
      <c r="GR2063" s="91"/>
      <c r="GS2063" s="91"/>
      <c r="GT2063" s="91"/>
      <c r="GU2063" s="91"/>
      <c r="GV2063" s="91"/>
      <c r="GW2063" s="91"/>
      <c r="GX2063" s="91"/>
      <c r="GY2063" s="91"/>
      <c r="GZ2063" s="91"/>
      <c r="HA2063" s="91"/>
      <c r="HB2063" s="91"/>
      <c r="HC2063" s="91"/>
      <c r="HD2063" s="91"/>
      <c r="HE2063" s="91"/>
      <c r="HF2063" s="91"/>
      <c r="HG2063" s="91"/>
      <c r="HH2063" s="91"/>
      <c r="HI2063" s="91"/>
      <c r="HJ2063" s="91"/>
      <c r="HK2063" s="127"/>
      <c r="HL2063" s="126"/>
      <c r="HM2063" s="91"/>
      <c r="HN2063" s="91"/>
      <c r="HO2063" s="91"/>
      <c r="HP2063" s="91"/>
      <c r="HQ2063" s="91"/>
      <c r="HR2063" s="91"/>
      <c r="HS2063" s="91"/>
      <c r="HT2063" s="91"/>
      <c r="HU2063" s="91"/>
      <c r="HV2063" s="91"/>
      <c r="HW2063" s="91"/>
      <c r="HX2063" s="91"/>
      <c r="HY2063" s="91"/>
      <c r="HZ2063" s="91"/>
      <c r="IA2063" s="91"/>
      <c r="IB2063" s="91"/>
      <c r="IC2063" s="91"/>
      <c r="ID2063" s="91"/>
      <c r="IE2063" s="91"/>
      <c r="IF2063" s="91"/>
      <c r="IG2063" s="91"/>
      <c r="IH2063" s="91"/>
      <c r="II2063" s="91"/>
      <c r="IJ2063" s="91"/>
      <c r="IK2063" s="127"/>
    </row>
    <row r="2064" spans="2:245" x14ac:dyDescent="0.2">
      <c r="B2064" s="43"/>
      <c r="C2064" s="73"/>
      <c r="D2064" s="64"/>
      <c r="E2064" s="64"/>
      <c r="F2064" s="55"/>
      <c r="G2064" s="102"/>
      <c r="H2064" s="55"/>
      <c r="I2064" s="55"/>
      <c r="J2064" s="55"/>
      <c r="K2064" s="55"/>
      <c r="L2064" s="55"/>
      <c r="M2064" s="55"/>
      <c r="N2064" s="55"/>
      <c r="O2064" s="55"/>
      <c r="P2064" s="55"/>
      <c r="Q2064" s="55"/>
      <c r="R2064" s="55"/>
      <c r="S2064" s="55"/>
      <c r="T2064" s="55"/>
      <c r="U2064" s="55"/>
      <c r="V2064" s="55"/>
      <c r="W2064" s="55"/>
      <c r="X2064" s="55"/>
      <c r="Y2064" s="55"/>
      <c r="Z2064" s="55"/>
      <c r="AA2064" s="55"/>
      <c r="AB2064" s="55"/>
      <c r="AC2064" s="55"/>
      <c r="AD2064" s="55"/>
      <c r="AE2064" s="55"/>
      <c r="AF2064" s="55"/>
      <c r="AG2064" s="55"/>
      <c r="AY2064" s="162"/>
      <c r="AZ2064" s="162"/>
      <c r="BA2064" s="162"/>
      <c r="BB2064" s="162"/>
      <c r="BC2064" s="162"/>
      <c r="BD2064" s="162"/>
      <c r="BE2064" s="162"/>
      <c r="BF2064" s="162"/>
      <c r="BG2064" s="162"/>
      <c r="BH2064" s="162"/>
      <c r="BI2064" s="162"/>
      <c r="BJ2064" s="162"/>
      <c r="BK2064" s="162"/>
      <c r="BL2064" s="162"/>
      <c r="BM2064" s="162"/>
      <c r="BN2064" s="162"/>
      <c r="BO2064" s="162"/>
      <c r="BP2064" s="162"/>
      <c r="BQ2064" s="162"/>
      <c r="BR2064" s="162"/>
      <c r="BS2064" s="162"/>
      <c r="BT2064" s="162"/>
      <c r="BU2064" s="162"/>
      <c r="BV2064" s="162"/>
      <c r="BW2064" s="162"/>
      <c r="BX2064" s="162"/>
      <c r="BY2064" s="162"/>
      <c r="BZ2064" s="162"/>
      <c r="CA2064" s="162"/>
      <c r="CB2064" s="162"/>
      <c r="CC2064" s="162"/>
      <c r="CD2064" s="162"/>
      <c r="CE2064" s="162"/>
      <c r="CF2064" s="162"/>
      <c r="CG2064" s="162"/>
      <c r="CH2064" s="162"/>
      <c r="CI2064" s="162"/>
      <c r="CJ2064" s="162"/>
      <c r="CK2064" s="162"/>
      <c r="CX2064" s="98"/>
      <c r="DL2064" s="97"/>
      <c r="DX2064" s="98"/>
      <c r="EL2064" s="97"/>
      <c r="EX2064" s="98"/>
      <c r="EY2064" s="97"/>
      <c r="FL2064" s="126"/>
      <c r="FM2064" s="91"/>
      <c r="FN2064" s="91"/>
      <c r="FO2064" s="91"/>
      <c r="FP2064" s="91"/>
      <c r="FQ2064" s="91"/>
      <c r="FR2064" s="91"/>
      <c r="FS2064" s="91"/>
      <c r="FT2064" s="91"/>
      <c r="FU2064" s="91"/>
      <c r="FV2064" s="91"/>
      <c r="FW2064" s="91"/>
      <c r="FX2064" s="91"/>
      <c r="FY2064" s="91"/>
      <c r="FZ2064" s="91"/>
      <c r="GA2064" s="91"/>
      <c r="GB2064" s="91"/>
      <c r="GC2064" s="91"/>
      <c r="GD2064" s="91"/>
      <c r="GE2064" s="91"/>
      <c r="GF2064" s="91"/>
      <c r="GG2064" s="91"/>
      <c r="GH2064" s="91"/>
      <c r="GI2064" s="91"/>
      <c r="GJ2064" s="91"/>
      <c r="GK2064" s="127"/>
      <c r="GL2064" s="126"/>
      <c r="GM2064" s="91"/>
      <c r="GN2064" s="91"/>
      <c r="GO2064" s="91"/>
      <c r="GP2064" s="91"/>
      <c r="GQ2064" s="91"/>
      <c r="GR2064" s="91"/>
      <c r="GS2064" s="91"/>
      <c r="GT2064" s="91"/>
      <c r="GU2064" s="91"/>
      <c r="GV2064" s="91"/>
      <c r="GW2064" s="91"/>
      <c r="GX2064" s="91"/>
      <c r="GY2064" s="91"/>
      <c r="GZ2064" s="91"/>
      <c r="HA2064" s="91"/>
      <c r="HB2064" s="91"/>
      <c r="HC2064" s="91"/>
      <c r="HD2064" s="91"/>
      <c r="HE2064" s="91"/>
      <c r="HF2064" s="91"/>
      <c r="HG2064" s="91"/>
      <c r="HH2064" s="91"/>
      <c r="HI2064" s="91"/>
      <c r="HJ2064" s="91"/>
      <c r="HK2064" s="127"/>
      <c r="HL2064" s="126"/>
      <c r="HM2064" s="91"/>
      <c r="HN2064" s="91"/>
      <c r="HO2064" s="91"/>
      <c r="HP2064" s="91"/>
      <c r="HQ2064" s="91"/>
      <c r="HR2064" s="91"/>
      <c r="HS2064" s="91"/>
      <c r="HT2064" s="91"/>
      <c r="HU2064" s="91"/>
      <c r="HV2064" s="91"/>
      <c r="HW2064" s="91"/>
      <c r="HX2064" s="91"/>
      <c r="HY2064" s="91"/>
      <c r="HZ2064" s="91"/>
      <c r="IA2064" s="91"/>
      <c r="IB2064" s="91"/>
      <c r="IC2064" s="91"/>
      <c r="ID2064" s="91"/>
      <c r="IE2064" s="91"/>
      <c r="IF2064" s="91"/>
      <c r="IG2064" s="91"/>
      <c r="IH2064" s="91"/>
      <c r="II2064" s="91"/>
      <c r="IJ2064" s="91"/>
      <c r="IK2064" s="127"/>
    </row>
    <row r="2065" spans="2:245" x14ac:dyDescent="0.2">
      <c r="B2065" s="43"/>
      <c r="C2065" s="73"/>
      <c r="D2065" s="64"/>
      <c r="E2065" s="64"/>
      <c r="F2065" s="55"/>
      <c r="G2065" s="102"/>
      <c r="H2065" s="55"/>
      <c r="I2065" s="55"/>
      <c r="J2065" s="55"/>
      <c r="K2065" s="55"/>
      <c r="L2065" s="55"/>
      <c r="M2065" s="55"/>
      <c r="N2065" s="55"/>
      <c r="O2065" s="55"/>
      <c r="P2065" s="55"/>
      <c r="Q2065" s="55"/>
      <c r="R2065" s="55"/>
      <c r="S2065" s="55"/>
      <c r="T2065" s="55"/>
      <c r="U2065" s="55"/>
      <c r="V2065" s="55"/>
      <c r="W2065" s="55"/>
      <c r="X2065" s="55"/>
      <c r="Y2065" s="55"/>
      <c r="Z2065" s="55"/>
      <c r="AA2065" s="55"/>
      <c r="AB2065" s="55"/>
      <c r="AC2065" s="55"/>
      <c r="AD2065" s="55"/>
      <c r="AE2065" s="55"/>
      <c r="AF2065" s="55"/>
      <c r="AG2065" s="55"/>
      <c r="AY2065" s="162"/>
      <c r="AZ2065" s="162"/>
      <c r="BA2065" s="162"/>
      <c r="BB2065" s="162"/>
      <c r="BC2065" s="162"/>
      <c r="BD2065" s="162"/>
      <c r="BE2065" s="162"/>
      <c r="BF2065" s="162"/>
      <c r="BG2065" s="162"/>
      <c r="BH2065" s="162"/>
      <c r="BI2065" s="162"/>
      <c r="BJ2065" s="162"/>
      <c r="BK2065" s="162"/>
      <c r="BL2065" s="162"/>
      <c r="BM2065" s="162"/>
      <c r="BN2065" s="162"/>
      <c r="BO2065" s="162"/>
      <c r="BP2065" s="162"/>
      <c r="BQ2065" s="162"/>
      <c r="BR2065" s="162"/>
      <c r="BS2065" s="162"/>
      <c r="BT2065" s="162"/>
      <c r="BU2065" s="162"/>
      <c r="BV2065" s="162"/>
      <c r="BW2065" s="162"/>
      <c r="BX2065" s="162"/>
      <c r="BY2065" s="162"/>
      <c r="BZ2065" s="162"/>
      <c r="CA2065" s="162"/>
      <c r="CB2065" s="162"/>
      <c r="CC2065" s="162"/>
      <c r="CD2065" s="162"/>
      <c r="CE2065" s="162"/>
      <c r="CF2065" s="162"/>
      <c r="CG2065" s="162"/>
      <c r="CH2065" s="162"/>
      <c r="CI2065" s="162"/>
      <c r="CJ2065" s="162"/>
      <c r="CK2065" s="162"/>
      <c r="CX2065" s="98"/>
      <c r="DL2065" s="97"/>
      <c r="DX2065" s="98"/>
      <c r="EL2065" s="97"/>
      <c r="EX2065" s="98"/>
      <c r="EY2065" s="97"/>
      <c r="FL2065" s="126"/>
      <c r="FM2065" s="91"/>
      <c r="FN2065" s="91"/>
      <c r="FO2065" s="91"/>
      <c r="FP2065" s="91"/>
      <c r="FQ2065" s="91"/>
      <c r="FR2065" s="91"/>
      <c r="FS2065" s="91"/>
      <c r="FT2065" s="91"/>
      <c r="FU2065" s="91"/>
      <c r="FV2065" s="91"/>
      <c r="FW2065" s="91"/>
      <c r="FX2065" s="91"/>
      <c r="FY2065" s="91"/>
      <c r="FZ2065" s="91"/>
      <c r="GA2065" s="91"/>
      <c r="GB2065" s="91"/>
      <c r="GC2065" s="91"/>
      <c r="GD2065" s="91"/>
      <c r="GE2065" s="91"/>
      <c r="GF2065" s="91"/>
      <c r="GG2065" s="91"/>
      <c r="GH2065" s="91"/>
      <c r="GI2065" s="91"/>
      <c r="GJ2065" s="91"/>
      <c r="GK2065" s="127"/>
      <c r="GL2065" s="126"/>
      <c r="GM2065" s="91"/>
      <c r="GN2065" s="91"/>
      <c r="GO2065" s="91"/>
      <c r="GP2065" s="91"/>
      <c r="GQ2065" s="91"/>
      <c r="GR2065" s="91"/>
      <c r="GS2065" s="91"/>
      <c r="GT2065" s="91"/>
      <c r="GU2065" s="91"/>
      <c r="GV2065" s="91"/>
      <c r="GW2065" s="91"/>
      <c r="GX2065" s="91"/>
      <c r="GY2065" s="91"/>
      <c r="GZ2065" s="91"/>
      <c r="HA2065" s="91"/>
      <c r="HB2065" s="91"/>
      <c r="HC2065" s="91"/>
      <c r="HD2065" s="91"/>
      <c r="HE2065" s="91"/>
      <c r="HF2065" s="91"/>
      <c r="HG2065" s="91"/>
      <c r="HH2065" s="91"/>
      <c r="HI2065" s="91"/>
      <c r="HJ2065" s="91"/>
      <c r="HK2065" s="127"/>
      <c r="HL2065" s="126"/>
      <c r="HM2065" s="91"/>
      <c r="HN2065" s="91"/>
      <c r="HO2065" s="91"/>
      <c r="HP2065" s="91"/>
      <c r="HQ2065" s="91"/>
      <c r="HR2065" s="91"/>
      <c r="HS2065" s="91"/>
      <c r="HT2065" s="91"/>
      <c r="HU2065" s="91"/>
      <c r="HV2065" s="91"/>
      <c r="HW2065" s="91"/>
      <c r="HX2065" s="91"/>
      <c r="HY2065" s="91"/>
      <c r="HZ2065" s="91"/>
      <c r="IA2065" s="91"/>
      <c r="IB2065" s="91"/>
      <c r="IC2065" s="91"/>
      <c r="ID2065" s="91"/>
      <c r="IE2065" s="91"/>
      <c r="IF2065" s="91"/>
      <c r="IG2065" s="91"/>
      <c r="IH2065" s="91"/>
      <c r="II2065" s="91"/>
      <c r="IJ2065" s="91"/>
      <c r="IK2065" s="127"/>
    </row>
    <row r="2066" spans="2:245" x14ac:dyDescent="0.2">
      <c r="B2066" s="43"/>
      <c r="C2066" s="73"/>
      <c r="D2066" s="64"/>
      <c r="E2066" s="64"/>
      <c r="F2066" s="55"/>
      <c r="G2066" s="102"/>
      <c r="H2066" s="55"/>
      <c r="I2066" s="55"/>
      <c r="J2066" s="55"/>
      <c r="K2066" s="55"/>
      <c r="L2066" s="55"/>
      <c r="M2066" s="55"/>
      <c r="N2066" s="55"/>
      <c r="O2066" s="55"/>
      <c r="P2066" s="55"/>
      <c r="Q2066" s="55"/>
      <c r="R2066" s="55"/>
      <c r="S2066" s="55"/>
      <c r="T2066" s="55"/>
      <c r="U2066" s="55"/>
      <c r="V2066" s="55"/>
      <c r="W2066" s="55"/>
      <c r="X2066" s="55"/>
      <c r="Y2066" s="55"/>
      <c r="Z2066" s="55"/>
      <c r="AA2066" s="55"/>
      <c r="AB2066" s="55"/>
      <c r="AC2066" s="55"/>
      <c r="AD2066" s="55"/>
      <c r="AE2066" s="55"/>
      <c r="AF2066" s="55"/>
      <c r="AG2066" s="55"/>
      <c r="AY2066" s="162"/>
      <c r="AZ2066" s="162"/>
      <c r="BA2066" s="162"/>
      <c r="BB2066" s="162"/>
      <c r="BC2066" s="162"/>
      <c r="BD2066" s="162"/>
      <c r="BE2066" s="162"/>
      <c r="BF2066" s="162"/>
      <c r="BG2066" s="162"/>
      <c r="BH2066" s="162"/>
      <c r="BI2066" s="162"/>
      <c r="BJ2066" s="162"/>
      <c r="BK2066" s="162"/>
      <c r="BL2066" s="162"/>
      <c r="BM2066" s="162"/>
      <c r="BN2066" s="162"/>
      <c r="BO2066" s="162"/>
      <c r="BP2066" s="162"/>
      <c r="BQ2066" s="162"/>
      <c r="BR2066" s="162"/>
      <c r="BS2066" s="162"/>
      <c r="BT2066" s="162"/>
      <c r="BU2066" s="162"/>
      <c r="BV2066" s="162"/>
      <c r="BW2066" s="162"/>
      <c r="BX2066" s="162"/>
      <c r="BY2066" s="162"/>
      <c r="BZ2066" s="162"/>
      <c r="CA2066" s="162"/>
      <c r="CB2066" s="162"/>
      <c r="CC2066" s="162"/>
      <c r="CD2066" s="162"/>
      <c r="CE2066" s="162"/>
      <c r="CF2066" s="162"/>
      <c r="CG2066" s="162"/>
      <c r="CH2066" s="162"/>
      <c r="CI2066" s="162"/>
      <c r="CJ2066" s="162"/>
      <c r="CK2066" s="162"/>
      <c r="CX2066" s="98"/>
      <c r="DL2066" s="97"/>
      <c r="DX2066" s="98"/>
      <c r="EL2066" s="97"/>
      <c r="EX2066" s="98"/>
      <c r="EY2066" s="97"/>
      <c r="FL2066" s="126"/>
      <c r="FM2066" s="91"/>
      <c r="FN2066" s="91"/>
      <c r="FO2066" s="91"/>
      <c r="FP2066" s="91"/>
      <c r="FQ2066" s="91"/>
      <c r="FR2066" s="91"/>
      <c r="FS2066" s="91"/>
      <c r="FT2066" s="91"/>
      <c r="FU2066" s="91"/>
      <c r="FV2066" s="91"/>
      <c r="FW2066" s="91"/>
      <c r="FX2066" s="91"/>
      <c r="FY2066" s="91"/>
      <c r="FZ2066" s="91"/>
      <c r="GA2066" s="91"/>
      <c r="GB2066" s="91"/>
      <c r="GC2066" s="91"/>
      <c r="GD2066" s="91"/>
      <c r="GE2066" s="91"/>
      <c r="GF2066" s="91"/>
      <c r="GG2066" s="91"/>
      <c r="GH2066" s="91"/>
      <c r="GI2066" s="91"/>
      <c r="GJ2066" s="91"/>
      <c r="GK2066" s="127"/>
      <c r="GL2066" s="126"/>
      <c r="GM2066" s="91"/>
      <c r="GN2066" s="91"/>
      <c r="GO2066" s="91"/>
      <c r="GP2066" s="91"/>
      <c r="GQ2066" s="91"/>
      <c r="GR2066" s="91"/>
      <c r="GS2066" s="91"/>
      <c r="GT2066" s="91"/>
      <c r="GU2066" s="91"/>
      <c r="GV2066" s="91"/>
      <c r="GW2066" s="91"/>
      <c r="GX2066" s="91"/>
      <c r="GY2066" s="91"/>
      <c r="GZ2066" s="91"/>
      <c r="HA2066" s="91"/>
      <c r="HB2066" s="91"/>
      <c r="HC2066" s="91"/>
      <c r="HD2066" s="91"/>
      <c r="HE2066" s="91"/>
      <c r="HF2066" s="91"/>
      <c r="HG2066" s="91"/>
      <c r="HH2066" s="91"/>
      <c r="HI2066" s="91"/>
      <c r="HJ2066" s="91"/>
      <c r="HK2066" s="127"/>
      <c r="HL2066" s="126"/>
      <c r="HM2066" s="91"/>
      <c r="HN2066" s="91"/>
      <c r="HO2066" s="91"/>
      <c r="HP2066" s="91"/>
      <c r="HQ2066" s="91"/>
      <c r="HR2066" s="91"/>
      <c r="HS2066" s="91"/>
      <c r="HT2066" s="91"/>
      <c r="HU2066" s="91"/>
      <c r="HV2066" s="91"/>
      <c r="HW2066" s="91"/>
      <c r="HX2066" s="91"/>
      <c r="HY2066" s="91"/>
      <c r="HZ2066" s="91"/>
      <c r="IA2066" s="91"/>
      <c r="IB2066" s="91"/>
      <c r="IC2066" s="91"/>
      <c r="ID2066" s="91"/>
      <c r="IE2066" s="91"/>
      <c r="IF2066" s="91"/>
      <c r="IG2066" s="91"/>
      <c r="IH2066" s="91"/>
      <c r="II2066" s="91"/>
      <c r="IJ2066" s="91"/>
      <c r="IK2066" s="127"/>
    </row>
    <row r="2067" spans="2:245" x14ac:dyDescent="0.2">
      <c r="B2067" s="43"/>
      <c r="C2067" s="73"/>
      <c r="D2067" s="64"/>
      <c r="E2067" s="64"/>
      <c r="F2067" s="55"/>
      <c r="G2067" s="102"/>
      <c r="H2067" s="55"/>
      <c r="I2067" s="55"/>
      <c r="J2067" s="55"/>
      <c r="K2067" s="55"/>
      <c r="L2067" s="55"/>
      <c r="M2067" s="55"/>
      <c r="N2067" s="55"/>
      <c r="O2067" s="55"/>
      <c r="P2067" s="55"/>
      <c r="Q2067" s="55"/>
      <c r="R2067" s="55"/>
      <c r="S2067" s="55"/>
      <c r="T2067" s="55"/>
      <c r="U2067" s="55"/>
      <c r="V2067" s="55"/>
      <c r="W2067" s="55"/>
      <c r="X2067" s="55"/>
      <c r="Y2067" s="55"/>
      <c r="Z2067" s="55"/>
      <c r="AA2067" s="55"/>
      <c r="AB2067" s="55"/>
      <c r="AC2067" s="55"/>
      <c r="AD2067" s="55"/>
      <c r="AE2067" s="55"/>
      <c r="AF2067" s="55"/>
      <c r="AG2067" s="55"/>
      <c r="AY2067" s="162"/>
      <c r="AZ2067" s="162"/>
      <c r="BA2067" s="162"/>
      <c r="BB2067" s="162"/>
      <c r="BC2067" s="162"/>
      <c r="BD2067" s="162"/>
      <c r="BE2067" s="162"/>
      <c r="BF2067" s="162"/>
      <c r="BG2067" s="162"/>
      <c r="BH2067" s="162"/>
      <c r="BI2067" s="162"/>
      <c r="BJ2067" s="162"/>
      <c r="BK2067" s="162"/>
      <c r="BL2067" s="162"/>
      <c r="BM2067" s="162"/>
      <c r="BN2067" s="162"/>
      <c r="BO2067" s="162"/>
      <c r="BP2067" s="162"/>
      <c r="BQ2067" s="162"/>
      <c r="BR2067" s="162"/>
      <c r="BS2067" s="162"/>
      <c r="BT2067" s="162"/>
      <c r="BU2067" s="162"/>
      <c r="BV2067" s="162"/>
      <c r="BW2067" s="162"/>
      <c r="BX2067" s="162"/>
      <c r="BY2067" s="162"/>
      <c r="BZ2067" s="162"/>
      <c r="CA2067" s="162"/>
      <c r="CB2067" s="162"/>
      <c r="CC2067" s="162"/>
      <c r="CD2067" s="162"/>
      <c r="CE2067" s="162"/>
      <c r="CF2067" s="162"/>
      <c r="CG2067" s="162"/>
      <c r="CH2067" s="162"/>
      <c r="CI2067" s="162"/>
      <c r="CJ2067" s="162"/>
      <c r="CK2067" s="162"/>
      <c r="CX2067" s="98"/>
      <c r="DL2067" s="97"/>
      <c r="DX2067" s="98"/>
      <c r="EL2067" s="97"/>
      <c r="EX2067" s="98"/>
      <c r="EY2067" s="97"/>
      <c r="FL2067" s="126"/>
      <c r="FM2067" s="91"/>
      <c r="FN2067" s="91"/>
      <c r="FO2067" s="91"/>
      <c r="FP2067" s="91"/>
      <c r="FQ2067" s="91"/>
      <c r="FR2067" s="91"/>
      <c r="FS2067" s="91"/>
      <c r="FT2067" s="91"/>
      <c r="FU2067" s="91"/>
      <c r="FV2067" s="91"/>
      <c r="FW2067" s="91"/>
      <c r="FX2067" s="91"/>
      <c r="FY2067" s="91"/>
      <c r="FZ2067" s="91"/>
      <c r="GA2067" s="91"/>
      <c r="GB2067" s="91"/>
      <c r="GC2067" s="91"/>
      <c r="GD2067" s="91"/>
      <c r="GE2067" s="91"/>
      <c r="GF2067" s="91"/>
      <c r="GG2067" s="91"/>
      <c r="GH2067" s="91"/>
      <c r="GI2067" s="91"/>
      <c r="GJ2067" s="91"/>
      <c r="GK2067" s="127"/>
      <c r="GL2067" s="126"/>
      <c r="GM2067" s="91"/>
      <c r="GN2067" s="91"/>
      <c r="GO2067" s="91"/>
      <c r="GP2067" s="91"/>
      <c r="GQ2067" s="91"/>
      <c r="GR2067" s="91"/>
      <c r="GS2067" s="91"/>
      <c r="GT2067" s="91"/>
      <c r="GU2067" s="91"/>
      <c r="GV2067" s="91"/>
      <c r="GW2067" s="91"/>
      <c r="GX2067" s="91"/>
      <c r="GY2067" s="91"/>
      <c r="GZ2067" s="91"/>
      <c r="HA2067" s="91"/>
      <c r="HB2067" s="91"/>
      <c r="HC2067" s="91"/>
      <c r="HD2067" s="91"/>
      <c r="HE2067" s="91"/>
      <c r="HF2067" s="91"/>
      <c r="HG2067" s="91"/>
      <c r="HH2067" s="91"/>
      <c r="HI2067" s="91"/>
      <c r="HJ2067" s="91"/>
      <c r="HK2067" s="127"/>
      <c r="HL2067" s="126"/>
      <c r="HM2067" s="91"/>
      <c r="HN2067" s="91"/>
      <c r="HO2067" s="91"/>
      <c r="HP2067" s="91"/>
      <c r="HQ2067" s="91"/>
      <c r="HR2067" s="91"/>
      <c r="HS2067" s="91"/>
      <c r="HT2067" s="91"/>
      <c r="HU2067" s="91"/>
      <c r="HV2067" s="91"/>
      <c r="HW2067" s="91"/>
      <c r="HX2067" s="91"/>
      <c r="HY2067" s="91"/>
      <c r="HZ2067" s="91"/>
      <c r="IA2067" s="91"/>
      <c r="IB2067" s="91"/>
      <c r="IC2067" s="91"/>
      <c r="ID2067" s="91"/>
      <c r="IE2067" s="91"/>
      <c r="IF2067" s="91"/>
      <c r="IG2067" s="91"/>
      <c r="IH2067" s="91"/>
      <c r="II2067" s="91"/>
      <c r="IJ2067" s="91"/>
      <c r="IK2067" s="127"/>
    </row>
    <row r="2068" spans="2:245" ht="13.5" thickBot="1" x14ac:dyDescent="0.25">
      <c r="B2068" s="43"/>
      <c r="C2068" s="73"/>
      <c r="D2068" s="64"/>
      <c r="E2068" s="64"/>
      <c r="F2068" s="55"/>
      <c r="G2068" s="102"/>
      <c r="H2068" s="55"/>
      <c r="I2068" s="55"/>
      <c r="J2068" s="55"/>
      <c r="K2068" s="55"/>
      <c r="L2068" s="55"/>
      <c r="M2068" s="55"/>
      <c r="N2068" s="55"/>
      <c r="O2068" s="55"/>
      <c r="P2068" s="55"/>
      <c r="Q2068" s="55"/>
      <c r="R2068" s="55"/>
      <c r="S2068" s="55"/>
      <c r="T2068" s="55"/>
      <c r="U2068" s="55"/>
      <c r="V2068" s="55"/>
      <c r="W2068" s="55"/>
      <c r="X2068" s="55"/>
      <c r="Y2068" s="55"/>
      <c r="Z2068" s="55"/>
      <c r="AA2068" s="55"/>
      <c r="AB2068" s="55"/>
      <c r="AC2068" s="55"/>
      <c r="AD2068" s="55"/>
      <c r="AE2068" s="55"/>
      <c r="AF2068" s="55"/>
      <c r="AG2068" s="55"/>
      <c r="AY2068" s="162"/>
      <c r="AZ2068" s="162"/>
      <c r="BA2068" s="162"/>
      <c r="BB2068" s="162"/>
      <c r="BC2068" s="162"/>
      <c r="BD2068" s="162"/>
      <c r="BE2068" s="162"/>
      <c r="BF2068" s="162"/>
      <c r="BG2068" s="162"/>
      <c r="BH2068" s="162"/>
      <c r="BI2068" s="162"/>
      <c r="BJ2068" s="162"/>
      <c r="BK2068" s="162"/>
      <c r="BL2068" s="162"/>
      <c r="BM2068" s="162"/>
      <c r="BN2068" s="162"/>
      <c r="BO2068" s="162"/>
      <c r="BP2068" s="162"/>
      <c r="BQ2068" s="162"/>
      <c r="BR2068" s="162"/>
      <c r="BS2068" s="162"/>
      <c r="BT2068" s="162"/>
      <c r="BU2068" s="162"/>
      <c r="BV2068" s="162"/>
      <c r="BW2068" s="162"/>
      <c r="BX2068" s="162"/>
      <c r="BY2068" s="162"/>
      <c r="BZ2068" s="162"/>
      <c r="CA2068" s="162"/>
      <c r="CB2068" s="162"/>
      <c r="CC2068" s="162"/>
      <c r="CD2068" s="162"/>
      <c r="CE2068" s="162"/>
      <c r="CF2068" s="162"/>
      <c r="CG2068" s="162"/>
      <c r="CH2068" s="162"/>
      <c r="CI2068" s="162"/>
      <c r="CJ2068" s="162"/>
      <c r="CK2068" s="162"/>
      <c r="CL2068" s="166"/>
      <c r="CM2068" s="166"/>
      <c r="CN2068" s="166"/>
      <c r="CO2068" s="166"/>
      <c r="CP2068" s="166"/>
      <c r="CQ2068" s="166"/>
      <c r="CR2068" s="166"/>
      <c r="CS2068" s="166"/>
      <c r="CT2068" s="166"/>
      <c r="CU2068" s="166"/>
      <c r="CV2068" s="166"/>
      <c r="CW2068" s="166"/>
      <c r="CX2068" s="176"/>
      <c r="CY2068" s="166"/>
      <c r="CZ2068" s="166"/>
      <c r="DA2068" s="166"/>
      <c r="DB2068" s="166"/>
      <c r="DC2068" s="166"/>
      <c r="DD2068" s="166"/>
      <c r="DE2068" s="166"/>
      <c r="DF2068" s="166"/>
      <c r="DG2068" s="166"/>
      <c r="DH2068" s="166"/>
      <c r="DI2068" s="166"/>
      <c r="DJ2068" s="166"/>
      <c r="DK2068" s="166"/>
      <c r="DL2068" s="175"/>
      <c r="DM2068" s="166"/>
      <c r="DN2068" s="166"/>
      <c r="DO2068" s="166"/>
      <c r="DP2068" s="166"/>
      <c r="DQ2068" s="166"/>
      <c r="DR2068" s="166"/>
      <c r="DS2068" s="166"/>
      <c r="DT2068" s="166"/>
      <c r="DU2068" s="166"/>
      <c r="DV2068" s="166"/>
      <c r="DW2068" s="166"/>
      <c r="DX2068" s="176"/>
      <c r="DY2068" s="166"/>
      <c r="DZ2068" s="166"/>
      <c r="EA2068" s="166"/>
      <c r="EB2068" s="166"/>
      <c r="EC2068" s="166"/>
      <c r="ED2068" s="166"/>
      <c r="EE2068" s="166"/>
      <c r="EF2068" s="166"/>
      <c r="EG2068" s="166"/>
      <c r="EH2068" s="166"/>
      <c r="EI2068" s="166"/>
      <c r="EJ2068" s="166"/>
      <c r="EK2068" s="166"/>
      <c r="EL2068" s="175"/>
      <c r="EM2068" s="166"/>
      <c r="EN2068" s="166"/>
      <c r="EO2068" s="166"/>
      <c r="EP2068" s="166"/>
      <c r="EQ2068" s="166"/>
      <c r="ER2068" s="166"/>
      <c r="ES2068" s="166"/>
      <c r="ET2068" s="166"/>
      <c r="EU2068" s="166"/>
      <c r="EV2068" s="166"/>
      <c r="EW2068" s="166"/>
      <c r="EX2068" s="176"/>
      <c r="EY2068" s="175"/>
      <c r="EZ2068" s="166"/>
      <c r="FA2068" s="166"/>
      <c r="FB2068" s="166"/>
      <c r="FC2068" s="166"/>
      <c r="FD2068" s="166"/>
      <c r="FE2068" s="166"/>
      <c r="FF2068" s="166"/>
      <c r="FG2068" s="166"/>
      <c r="FH2068" s="166"/>
      <c r="FI2068" s="166"/>
      <c r="FJ2068" s="166"/>
      <c r="FK2068" s="166"/>
      <c r="FL2068" s="126"/>
      <c r="FM2068" s="91"/>
      <c r="FN2068" s="91"/>
      <c r="FO2068" s="91"/>
      <c r="FP2068" s="91"/>
      <c r="FQ2068" s="91"/>
      <c r="FR2068" s="91"/>
      <c r="FS2068" s="91"/>
      <c r="FT2068" s="91"/>
      <c r="FU2068" s="91"/>
      <c r="FV2068" s="91"/>
      <c r="FW2068" s="91"/>
      <c r="FX2068" s="91"/>
      <c r="FY2068" s="91"/>
      <c r="FZ2068" s="91"/>
      <c r="GA2068" s="91"/>
      <c r="GB2068" s="91"/>
      <c r="GC2068" s="91"/>
      <c r="GD2068" s="91"/>
      <c r="GE2068" s="91"/>
      <c r="GF2068" s="91"/>
      <c r="GG2068" s="91"/>
      <c r="GH2068" s="91"/>
      <c r="GI2068" s="91"/>
      <c r="GJ2068" s="91"/>
      <c r="GK2068" s="127"/>
      <c r="GL2068" s="126"/>
      <c r="GM2068" s="91"/>
      <c r="GN2068" s="91"/>
      <c r="GO2068" s="91"/>
      <c r="GP2068" s="91"/>
      <c r="GQ2068" s="91"/>
      <c r="GR2068" s="91"/>
      <c r="GS2068" s="91"/>
      <c r="GT2068" s="91"/>
      <c r="GU2068" s="91"/>
      <c r="GV2068" s="91"/>
      <c r="GW2068" s="91"/>
      <c r="GX2068" s="91"/>
      <c r="GY2068" s="91"/>
      <c r="GZ2068" s="91"/>
      <c r="HA2068" s="91"/>
      <c r="HB2068" s="91"/>
      <c r="HC2068" s="91"/>
      <c r="HD2068" s="91"/>
      <c r="HE2068" s="91"/>
      <c r="HF2068" s="91"/>
      <c r="HG2068" s="91"/>
      <c r="HH2068" s="91"/>
      <c r="HI2068" s="91"/>
      <c r="HJ2068" s="91"/>
      <c r="HK2068" s="127"/>
      <c r="HL2068" s="126"/>
      <c r="HM2068" s="91"/>
      <c r="HN2068" s="91"/>
      <c r="HO2068" s="91"/>
      <c r="HP2068" s="91"/>
      <c r="HQ2068" s="91"/>
      <c r="HR2068" s="91"/>
      <c r="HS2068" s="91"/>
      <c r="HT2068" s="91"/>
      <c r="HU2068" s="91"/>
      <c r="HV2068" s="91"/>
      <c r="HW2068" s="91"/>
      <c r="HX2068" s="91"/>
      <c r="HY2068" s="91"/>
      <c r="HZ2068" s="91"/>
      <c r="IA2068" s="91"/>
      <c r="IB2068" s="91"/>
      <c r="IC2068" s="91"/>
      <c r="ID2068" s="91"/>
      <c r="IE2068" s="91"/>
      <c r="IF2068" s="91"/>
      <c r="IG2068" s="91"/>
      <c r="IH2068" s="91"/>
      <c r="II2068" s="91"/>
      <c r="IJ2068" s="91"/>
      <c r="IK2068" s="127"/>
    </row>
    <row r="2069" spans="2:245" x14ac:dyDescent="0.2">
      <c r="B2069" s="43"/>
      <c r="C2069" s="73"/>
      <c r="D2069" s="64"/>
      <c r="E2069" s="64"/>
      <c r="F2069" s="55"/>
      <c r="G2069" s="102"/>
      <c r="H2069" s="55"/>
      <c r="I2069" s="55"/>
      <c r="J2069" s="55"/>
      <c r="K2069" s="55"/>
      <c r="L2069" s="55"/>
      <c r="M2069" s="55"/>
      <c r="N2069" s="55"/>
      <c r="O2069" s="55"/>
      <c r="P2069" s="55"/>
      <c r="Q2069" s="55"/>
      <c r="R2069" s="55"/>
      <c r="S2069" s="55"/>
      <c r="T2069" s="55"/>
      <c r="U2069" s="55"/>
      <c r="V2069" s="55"/>
      <c r="W2069" s="55"/>
      <c r="X2069" s="55"/>
      <c r="Y2069" s="55"/>
      <c r="Z2069" s="55"/>
      <c r="AA2069" s="55"/>
      <c r="AB2069" s="55"/>
      <c r="AC2069" s="55"/>
      <c r="AD2069" s="55"/>
      <c r="AE2069" s="55"/>
      <c r="AF2069" s="55"/>
      <c r="AG2069" s="55"/>
      <c r="AY2069" s="162"/>
      <c r="AZ2069" s="162"/>
      <c r="BA2069" s="162"/>
      <c r="BB2069" s="162"/>
      <c r="BC2069" s="162"/>
      <c r="BD2069" s="162"/>
      <c r="BE2069" s="162"/>
      <c r="BF2069" s="162"/>
      <c r="BG2069" s="162"/>
      <c r="BH2069" s="162"/>
      <c r="BI2069" s="162"/>
      <c r="BJ2069" s="162"/>
      <c r="BK2069" s="162"/>
      <c r="BL2069" s="162"/>
      <c r="BM2069" s="162"/>
      <c r="BN2069" s="162"/>
      <c r="BO2069" s="162"/>
      <c r="BP2069" s="162"/>
      <c r="BQ2069" s="162"/>
      <c r="BR2069" s="162"/>
      <c r="BS2069" s="162"/>
      <c r="BT2069" s="162"/>
      <c r="BU2069" s="162"/>
      <c r="BV2069" s="162"/>
      <c r="BW2069" s="162"/>
      <c r="BX2069" s="162"/>
      <c r="BY2069" s="162"/>
      <c r="BZ2069" s="162"/>
      <c r="CA2069" s="162"/>
      <c r="CB2069" s="162"/>
      <c r="CC2069" s="162"/>
      <c r="CD2069" s="162"/>
      <c r="CE2069" s="162"/>
      <c r="CF2069" s="162"/>
      <c r="CG2069" s="162"/>
      <c r="CH2069" s="162"/>
      <c r="CI2069" s="162"/>
      <c r="CJ2069" s="162"/>
      <c r="CK2069" s="162"/>
      <c r="CX2069" s="98"/>
      <c r="DL2069" s="97"/>
      <c r="DX2069" s="98"/>
      <c r="EL2069" s="97"/>
      <c r="EX2069" s="98"/>
      <c r="EY2069" s="97"/>
      <c r="FL2069" s="126"/>
      <c r="FM2069" s="91"/>
      <c r="FN2069" s="91"/>
      <c r="FO2069" s="91"/>
      <c r="FP2069" s="91"/>
      <c r="FQ2069" s="91"/>
      <c r="FR2069" s="91"/>
      <c r="FS2069" s="91"/>
      <c r="FT2069" s="91"/>
      <c r="FU2069" s="91"/>
      <c r="FV2069" s="91"/>
      <c r="FW2069" s="91"/>
      <c r="FX2069" s="91"/>
      <c r="FY2069" s="91"/>
      <c r="FZ2069" s="91"/>
      <c r="GA2069" s="91"/>
      <c r="GB2069" s="91"/>
      <c r="GC2069" s="91"/>
      <c r="GD2069" s="91"/>
      <c r="GE2069" s="91"/>
      <c r="GF2069" s="91"/>
      <c r="GG2069" s="91"/>
      <c r="GH2069" s="91"/>
      <c r="GI2069" s="91"/>
      <c r="GJ2069" s="91"/>
      <c r="GK2069" s="127"/>
      <c r="GL2069" s="126"/>
      <c r="GM2069" s="91"/>
      <c r="GN2069" s="91"/>
      <c r="GO2069" s="91"/>
      <c r="GP2069" s="91"/>
      <c r="GQ2069" s="91"/>
      <c r="GR2069" s="91"/>
      <c r="GS2069" s="91"/>
      <c r="GT2069" s="91"/>
      <c r="GU2069" s="91"/>
      <c r="GV2069" s="91"/>
      <c r="GW2069" s="91"/>
      <c r="GX2069" s="91"/>
      <c r="GY2069" s="91"/>
      <c r="GZ2069" s="91"/>
      <c r="HA2069" s="91"/>
      <c r="HB2069" s="91"/>
      <c r="HC2069" s="91"/>
      <c r="HD2069" s="91"/>
      <c r="HE2069" s="91"/>
      <c r="HF2069" s="91"/>
      <c r="HG2069" s="91"/>
      <c r="HH2069" s="91"/>
      <c r="HI2069" s="91"/>
      <c r="HJ2069" s="91"/>
      <c r="HK2069" s="127"/>
      <c r="HL2069" s="126"/>
      <c r="HM2069" s="91"/>
      <c r="HN2069" s="91"/>
      <c r="HO2069" s="91"/>
      <c r="HP2069" s="91"/>
      <c r="HQ2069" s="91"/>
      <c r="HR2069" s="91"/>
      <c r="HS2069" s="91"/>
      <c r="HT2069" s="91"/>
      <c r="HU2069" s="91"/>
      <c r="HV2069" s="91"/>
      <c r="HW2069" s="91"/>
      <c r="HX2069" s="91"/>
      <c r="HY2069" s="91"/>
      <c r="HZ2069" s="91"/>
      <c r="IA2069" s="91"/>
      <c r="IB2069" s="91"/>
      <c r="IC2069" s="91"/>
      <c r="ID2069" s="91"/>
      <c r="IE2069" s="91"/>
      <c r="IF2069" s="91"/>
      <c r="IG2069" s="91"/>
      <c r="IH2069" s="91"/>
      <c r="II2069" s="91"/>
      <c r="IJ2069" s="91"/>
      <c r="IK2069" s="127"/>
    </row>
    <row r="2070" spans="2:245" x14ac:dyDescent="0.2">
      <c r="B2070" s="43"/>
      <c r="C2070" s="73"/>
      <c r="D2070" s="64"/>
      <c r="E2070" s="64"/>
      <c r="F2070" s="55"/>
      <c r="G2070" s="102"/>
      <c r="H2070" s="55"/>
      <c r="I2070" s="55"/>
      <c r="J2070" s="55"/>
      <c r="K2070" s="55"/>
      <c r="L2070" s="55"/>
      <c r="M2070" s="55"/>
      <c r="N2070" s="55"/>
      <c r="O2070" s="55"/>
      <c r="P2070" s="55"/>
      <c r="Q2070" s="55"/>
      <c r="R2070" s="55"/>
      <c r="S2070" s="55"/>
      <c r="T2070" s="55"/>
      <c r="U2070" s="55"/>
      <c r="V2070" s="55"/>
      <c r="W2070" s="55"/>
      <c r="X2070" s="55"/>
      <c r="Y2070" s="55"/>
      <c r="Z2070" s="55"/>
      <c r="AA2070" s="55"/>
      <c r="AB2070" s="55"/>
      <c r="AC2070" s="55"/>
      <c r="AD2070" s="55"/>
      <c r="AE2070" s="55"/>
      <c r="AF2070" s="55"/>
      <c r="AG2070" s="55"/>
      <c r="AY2070" s="162"/>
      <c r="AZ2070" s="162"/>
      <c r="BA2070" s="162"/>
      <c r="BB2070" s="162"/>
      <c r="BC2070" s="162"/>
      <c r="BD2070" s="162"/>
      <c r="BE2070" s="162"/>
      <c r="BF2070" s="162"/>
      <c r="BG2070" s="162"/>
      <c r="BH2070" s="162"/>
      <c r="BI2070" s="162"/>
      <c r="BJ2070" s="162"/>
      <c r="BK2070" s="162"/>
      <c r="BL2070" s="162"/>
      <c r="BM2070" s="162"/>
      <c r="BN2070" s="162"/>
      <c r="BO2070" s="162"/>
      <c r="BP2070" s="162"/>
      <c r="BQ2070" s="162"/>
      <c r="BR2070" s="162"/>
      <c r="BS2070" s="162"/>
      <c r="BT2070" s="162"/>
      <c r="BU2070" s="162"/>
      <c r="BV2070" s="162"/>
      <c r="BW2070" s="162"/>
      <c r="BX2070" s="162"/>
      <c r="BY2070" s="162"/>
      <c r="BZ2070" s="162"/>
      <c r="CA2070" s="162"/>
      <c r="CB2070" s="162"/>
      <c r="CC2070" s="162"/>
      <c r="CD2070" s="162"/>
      <c r="CE2070" s="162"/>
      <c r="CF2070" s="162"/>
      <c r="CG2070" s="162"/>
      <c r="CH2070" s="162"/>
      <c r="CI2070" s="162"/>
      <c r="CJ2070" s="162"/>
      <c r="CK2070" s="162"/>
      <c r="CX2070" s="98"/>
      <c r="DL2070" s="97"/>
      <c r="DX2070" s="98"/>
      <c r="EL2070" s="97"/>
      <c r="EX2070" s="98"/>
      <c r="EY2070" s="97"/>
      <c r="FL2070" s="126"/>
      <c r="FM2070" s="91"/>
      <c r="FN2070" s="91"/>
      <c r="FO2070" s="91"/>
      <c r="FP2070" s="91"/>
      <c r="FQ2070" s="91"/>
      <c r="FR2070" s="91"/>
      <c r="FS2070" s="91"/>
      <c r="FT2070" s="91"/>
      <c r="FU2070" s="91"/>
      <c r="FV2070" s="91"/>
      <c r="FW2070" s="91"/>
      <c r="FX2070" s="91"/>
      <c r="FY2070" s="91"/>
      <c r="FZ2070" s="91"/>
      <c r="GA2070" s="91"/>
      <c r="GB2070" s="91"/>
      <c r="GC2070" s="91"/>
      <c r="GD2070" s="91"/>
      <c r="GE2070" s="91"/>
      <c r="GF2070" s="91"/>
      <c r="GG2070" s="91"/>
      <c r="GH2070" s="91"/>
      <c r="GI2070" s="91"/>
      <c r="GJ2070" s="91"/>
      <c r="GK2070" s="127"/>
      <c r="GL2070" s="126"/>
      <c r="GM2070" s="91"/>
      <c r="GN2070" s="91"/>
      <c r="GO2070" s="91"/>
      <c r="GP2070" s="91"/>
      <c r="GQ2070" s="91"/>
      <c r="GR2070" s="91"/>
      <c r="GS2070" s="91"/>
      <c r="GT2070" s="91"/>
      <c r="GU2070" s="91"/>
      <c r="GV2070" s="91"/>
      <c r="GW2070" s="91"/>
      <c r="GX2070" s="91"/>
      <c r="GY2070" s="91"/>
      <c r="GZ2070" s="91"/>
      <c r="HA2070" s="91"/>
      <c r="HB2070" s="91"/>
      <c r="HC2070" s="91"/>
      <c r="HD2070" s="91"/>
      <c r="HE2070" s="91"/>
      <c r="HF2070" s="91"/>
      <c r="HG2070" s="91"/>
      <c r="HH2070" s="91"/>
      <c r="HI2070" s="91"/>
      <c r="HJ2070" s="91"/>
      <c r="HK2070" s="127"/>
      <c r="HL2070" s="126"/>
      <c r="HM2070" s="91"/>
      <c r="HN2070" s="91"/>
      <c r="HO2070" s="91"/>
      <c r="HP2070" s="91"/>
      <c r="HQ2070" s="91"/>
      <c r="HR2070" s="91"/>
      <c r="HS2070" s="91"/>
      <c r="HT2070" s="91"/>
      <c r="HU2070" s="91"/>
      <c r="HV2070" s="91"/>
      <c r="HW2070" s="91"/>
      <c r="HX2070" s="91"/>
      <c r="HY2070" s="91"/>
      <c r="HZ2070" s="91"/>
      <c r="IA2070" s="91"/>
      <c r="IB2070" s="91"/>
      <c r="IC2070" s="91"/>
      <c r="ID2070" s="91"/>
      <c r="IE2070" s="91"/>
      <c r="IF2070" s="91"/>
      <c r="IG2070" s="91"/>
      <c r="IH2070" s="91"/>
      <c r="II2070" s="91"/>
      <c r="IJ2070" s="91"/>
      <c r="IK2070" s="127"/>
    </row>
    <row r="2071" spans="2:245" x14ac:dyDescent="0.2">
      <c r="B2071" s="43"/>
      <c r="C2071" s="73"/>
      <c r="D2071" s="64"/>
      <c r="E2071" s="64"/>
      <c r="F2071" s="55"/>
      <c r="G2071" s="102"/>
      <c r="H2071" s="55"/>
      <c r="I2071" s="55"/>
      <c r="J2071" s="55"/>
      <c r="K2071" s="55"/>
      <c r="L2071" s="55"/>
      <c r="M2071" s="55"/>
      <c r="N2071" s="55"/>
      <c r="O2071" s="55"/>
      <c r="P2071" s="55"/>
      <c r="Q2071" s="55"/>
      <c r="R2071" s="55"/>
      <c r="S2071" s="55"/>
      <c r="T2071" s="55"/>
      <c r="U2071" s="55"/>
      <c r="V2071" s="55"/>
      <c r="W2071" s="55"/>
      <c r="X2071" s="55"/>
      <c r="Y2071" s="55"/>
      <c r="Z2071" s="55"/>
      <c r="AA2071" s="55"/>
      <c r="AB2071" s="55"/>
      <c r="AC2071" s="55"/>
      <c r="AD2071" s="55"/>
      <c r="AE2071" s="55"/>
      <c r="AF2071" s="55"/>
      <c r="AG2071" s="55"/>
      <c r="AY2071" s="162"/>
      <c r="AZ2071" s="162"/>
      <c r="BA2071" s="162"/>
      <c r="BB2071" s="162"/>
      <c r="BC2071" s="162"/>
      <c r="BD2071" s="162"/>
      <c r="BE2071" s="162"/>
      <c r="BF2071" s="162"/>
      <c r="BG2071" s="162"/>
      <c r="BH2071" s="162"/>
      <c r="BI2071" s="162"/>
      <c r="BJ2071" s="162"/>
      <c r="BK2071" s="162"/>
      <c r="BL2071" s="162"/>
      <c r="BM2071" s="162"/>
      <c r="BN2071" s="162"/>
      <c r="BO2071" s="162"/>
      <c r="BP2071" s="162"/>
      <c r="BQ2071" s="162"/>
      <c r="BR2071" s="162"/>
      <c r="BS2071" s="162"/>
      <c r="BT2071" s="162"/>
      <c r="BU2071" s="162"/>
      <c r="BV2071" s="162"/>
      <c r="BW2071" s="162"/>
      <c r="BX2071" s="162"/>
      <c r="BY2071" s="162"/>
      <c r="BZ2071" s="162"/>
      <c r="CA2071" s="162"/>
      <c r="CB2071" s="162"/>
      <c r="CC2071" s="162"/>
      <c r="CD2071" s="162"/>
      <c r="CE2071" s="162"/>
      <c r="CF2071" s="162"/>
      <c r="CG2071" s="162"/>
      <c r="CH2071" s="162"/>
      <c r="CI2071" s="162"/>
      <c r="CJ2071" s="162"/>
      <c r="CK2071" s="162"/>
      <c r="CX2071" s="98"/>
      <c r="DL2071" s="97"/>
      <c r="DX2071" s="98"/>
      <c r="EL2071" s="97"/>
      <c r="EX2071" s="98"/>
      <c r="EY2071" s="97"/>
      <c r="FL2071" s="126"/>
      <c r="FM2071" s="91"/>
      <c r="FN2071" s="91"/>
      <c r="FO2071" s="91"/>
      <c r="FP2071" s="91"/>
      <c r="FQ2071" s="91"/>
      <c r="FR2071" s="91"/>
      <c r="FS2071" s="91"/>
      <c r="FT2071" s="91"/>
      <c r="FU2071" s="91"/>
      <c r="FV2071" s="91"/>
      <c r="FW2071" s="91"/>
      <c r="FX2071" s="91"/>
      <c r="FY2071" s="91"/>
      <c r="FZ2071" s="91"/>
      <c r="GA2071" s="91"/>
      <c r="GB2071" s="91"/>
      <c r="GC2071" s="91"/>
      <c r="GD2071" s="91"/>
      <c r="GE2071" s="91"/>
      <c r="GF2071" s="91"/>
      <c r="GG2071" s="91"/>
      <c r="GH2071" s="91"/>
      <c r="GI2071" s="91"/>
      <c r="GJ2071" s="91"/>
      <c r="GK2071" s="127"/>
      <c r="GL2071" s="126"/>
      <c r="GM2071" s="91"/>
      <c r="GN2071" s="91"/>
      <c r="GO2071" s="91"/>
      <c r="GP2071" s="91"/>
      <c r="GQ2071" s="91"/>
      <c r="GR2071" s="91"/>
      <c r="GS2071" s="91"/>
      <c r="GT2071" s="91"/>
      <c r="GU2071" s="91"/>
      <c r="GV2071" s="91"/>
      <c r="GW2071" s="91"/>
      <c r="GX2071" s="91"/>
      <c r="GY2071" s="91"/>
      <c r="GZ2071" s="91"/>
      <c r="HA2071" s="91"/>
      <c r="HB2071" s="91"/>
      <c r="HC2071" s="91"/>
      <c r="HD2071" s="91"/>
      <c r="HE2071" s="91"/>
      <c r="HF2071" s="91"/>
      <c r="HG2071" s="91"/>
      <c r="HH2071" s="91"/>
      <c r="HI2071" s="91"/>
      <c r="HJ2071" s="91"/>
      <c r="HK2071" s="127"/>
      <c r="HL2071" s="126"/>
      <c r="HM2071" s="91"/>
      <c r="HN2071" s="91"/>
      <c r="HO2071" s="91"/>
      <c r="HP2071" s="91"/>
      <c r="HQ2071" s="91"/>
      <c r="HR2071" s="91"/>
      <c r="HS2071" s="91"/>
      <c r="HT2071" s="91"/>
      <c r="HU2071" s="91"/>
      <c r="HV2071" s="91"/>
      <c r="HW2071" s="91"/>
      <c r="HX2071" s="91"/>
      <c r="HY2071" s="91"/>
      <c r="HZ2071" s="91"/>
      <c r="IA2071" s="91"/>
      <c r="IB2071" s="91"/>
      <c r="IC2071" s="91"/>
      <c r="ID2071" s="91"/>
      <c r="IE2071" s="91"/>
      <c r="IF2071" s="91"/>
      <c r="IG2071" s="91"/>
      <c r="IH2071" s="91"/>
      <c r="II2071" s="91"/>
      <c r="IJ2071" s="91"/>
      <c r="IK2071" s="127"/>
    </row>
    <row r="2072" spans="2:245" x14ac:dyDescent="0.2">
      <c r="B2072" s="43"/>
      <c r="C2072" s="73"/>
      <c r="D2072" s="64"/>
      <c r="E2072" s="64"/>
      <c r="F2072" s="55"/>
      <c r="G2072" s="102"/>
      <c r="H2072" s="55"/>
      <c r="I2072" s="55"/>
      <c r="J2072" s="55"/>
      <c r="K2072" s="55"/>
      <c r="L2072" s="55"/>
      <c r="M2072" s="55"/>
      <c r="N2072" s="55"/>
      <c r="O2072" s="55"/>
      <c r="P2072" s="55"/>
      <c r="Q2072" s="55"/>
      <c r="R2072" s="55"/>
      <c r="S2072" s="55"/>
      <c r="T2072" s="55"/>
      <c r="U2072" s="55"/>
      <c r="V2072" s="55"/>
      <c r="W2072" s="55"/>
      <c r="X2072" s="55"/>
      <c r="Y2072" s="55"/>
      <c r="Z2072" s="55"/>
      <c r="AA2072" s="55"/>
      <c r="AB2072" s="55"/>
      <c r="AC2072" s="55"/>
      <c r="AD2072" s="55"/>
      <c r="AE2072" s="55"/>
      <c r="AF2072" s="55"/>
      <c r="AG2072" s="55"/>
      <c r="AY2072" s="162"/>
      <c r="AZ2072" s="162"/>
      <c r="BA2072" s="162"/>
      <c r="BB2072" s="162"/>
      <c r="BC2072" s="162"/>
      <c r="BD2072" s="162"/>
      <c r="BE2072" s="162"/>
      <c r="BF2072" s="162"/>
      <c r="BG2072" s="162"/>
      <c r="BH2072" s="162"/>
      <c r="BI2072" s="162"/>
      <c r="BJ2072" s="162"/>
      <c r="BK2072" s="162"/>
      <c r="BL2072" s="162"/>
      <c r="BM2072" s="162"/>
      <c r="BN2072" s="162"/>
      <c r="BO2072" s="162"/>
      <c r="BP2072" s="162"/>
      <c r="BQ2072" s="162"/>
      <c r="BR2072" s="162"/>
      <c r="BS2072" s="162"/>
      <c r="BT2072" s="162"/>
      <c r="BU2072" s="162"/>
      <c r="BV2072" s="162"/>
      <c r="BW2072" s="162"/>
      <c r="BX2072" s="162"/>
      <c r="BY2072" s="162"/>
      <c r="BZ2072" s="162"/>
      <c r="CA2072" s="162"/>
      <c r="CB2072" s="162"/>
      <c r="CC2072" s="162"/>
      <c r="CD2072" s="162"/>
      <c r="CE2072" s="162"/>
      <c r="CF2072" s="162"/>
      <c r="CG2072" s="162"/>
      <c r="CH2072" s="162"/>
      <c r="CI2072" s="162"/>
      <c r="CJ2072" s="162"/>
      <c r="CK2072" s="162"/>
      <c r="CX2072" s="98"/>
      <c r="DL2072" s="97"/>
      <c r="DX2072" s="98"/>
      <c r="EL2072" s="97"/>
      <c r="EX2072" s="98"/>
      <c r="EY2072" s="97"/>
      <c r="FL2072" s="126"/>
      <c r="FM2072" s="91"/>
      <c r="FN2072" s="91"/>
      <c r="FO2072" s="91"/>
      <c r="FP2072" s="91"/>
      <c r="FQ2072" s="91"/>
      <c r="FR2072" s="91"/>
      <c r="FS2072" s="91"/>
      <c r="FT2072" s="91"/>
      <c r="FU2072" s="91"/>
      <c r="FV2072" s="91"/>
      <c r="FW2072" s="91"/>
      <c r="FX2072" s="91"/>
      <c r="FY2072" s="91"/>
      <c r="FZ2072" s="91"/>
      <c r="GA2072" s="91"/>
      <c r="GB2072" s="91"/>
      <c r="GC2072" s="91"/>
      <c r="GD2072" s="91"/>
      <c r="GE2072" s="91"/>
      <c r="GF2072" s="91"/>
      <c r="GG2072" s="91"/>
      <c r="GH2072" s="91"/>
      <c r="GI2072" s="91"/>
      <c r="GJ2072" s="91"/>
      <c r="GK2072" s="127"/>
      <c r="GL2072" s="126"/>
      <c r="GM2072" s="91"/>
      <c r="GN2072" s="91"/>
      <c r="GO2072" s="91"/>
      <c r="GP2072" s="91"/>
      <c r="GQ2072" s="91"/>
      <c r="GR2072" s="91"/>
      <c r="GS2072" s="91"/>
      <c r="GT2072" s="91"/>
      <c r="GU2072" s="91"/>
      <c r="GV2072" s="91"/>
      <c r="GW2072" s="91"/>
      <c r="GX2072" s="91"/>
      <c r="GY2072" s="91"/>
      <c r="GZ2072" s="91"/>
      <c r="HA2072" s="91"/>
      <c r="HB2072" s="91"/>
      <c r="HC2072" s="91"/>
      <c r="HD2072" s="91"/>
      <c r="HE2072" s="91"/>
      <c r="HF2072" s="91"/>
      <c r="HG2072" s="91"/>
      <c r="HH2072" s="91"/>
      <c r="HI2072" s="91"/>
      <c r="HJ2072" s="91"/>
      <c r="HK2072" s="127"/>
      <c r="HL2072" s="126"/>
      <c r="HM2072" s="91"/>
      <c r="HN2072" s="91"/>
      <c r="HO2072" s="91"/>
      <c r="HP2072" s="91"/>
      <c r="HQ2072" s="91"/>
      <c r="HR2072" s="91"/>
      <c r="HS2072" s="91"/>
      <c r="HT2072" s="91"/>
      <c r="HU2072" s="91"/>
      <c r="HV2072" s="91"/>
      <c r="HW2072" s="91"/>
      <c r="HX2072" s="91"/>
      <c r="HY2072" s="91"/>
      <c r="HZ2072" s="91"/>
      <c r="IA2072" s="91"/>
      <c r="IB2072" s="91"/>
      <c r="IC2072" s="91"/>
      <c r="ID2072" s="91"/>
      <c r="IE2072" s="91"/>
      <c r="IF2072" s="91"/>
      <c r="IG2072" s="91"/>
      <c r="IH2072" s="91"/>
      <c r="II2072" s="91"/>
      <c r="IJ2072" s="91"/>
      <c r="IK2072" s="127"/>
    </row>
    <row r="2073" spans="2:245" x14ac:dyDescent="0.2">
      <c r="B2073" s="43"/>
      <c r="C2073" s="73"/>
      <c r="D2073" s="64"/>
      <c r="E2073" s="64"/>
      <c r="F2073" s="55"/>
      <c r="G2073" s="102"/>
      <c r="H2073" s="55"/>
      <c r="I2073" s="55"/>
      <c r="J2073" s="55"/>
      <c r="K2073" s="55"/>
      <c r="L2073" s="55"/>
      <c r="M2073" s="55"/>
      <c r="N2073" s="55"/>
      <c r="O2073" s="55"/>
      <c r="P2073" s="55"/>
      <c r="Q2073" s="55"/>
      <c r="R2073" s="55"/>
      <c r="S2073" s="55"/>
      <c r="T2073" s="55"/>
      <c r="U2073" s="55"/>
      <c r="V2073" s="55"/>
      <c r="W2073" s="55"/>
      <c r="X2073" s="55"/>
      <c r="Y2073" s="55"/>
      <c r="Z2073" s="55"/>
      <c r="AA2073" s="55"/>
      <c r="AB2073" s="55"/>
      <c r="AC2073" s="55"/>
      <c r="AD2073" s="55"/>
      <c r="AE2073" s="55"/>
      <c r="AF2073" s="55"/>
      <c r="AG2073" s="55"/>
      <c r="AY2073" s="162"/>
      <c r="AZ2073" s="162"/>
      <c r="BA2073" s="162"/>
      <c r="BB2073" s="162"/>
      <c r="BC2073" s="162"/>
      <c r="BD2073" s="162"/>
      <c r="BE2073" s="162"/>
      <c r="BF2073" s="162"/>
      <c r="BG2073" s="162"/>
      <c r="BH2073" s="162"/>
      <c r="BI2073" s="162"/>
      <c r="BJ2073" s="162"/>
      <c r="BK2073" s="162"/>
      <c r="BL2073" s="162"/>
      <c r="BM2073" s="162"/>
      <c r="BN2073" s="162"/>
      <c r="BO2073" s="162"/>
      <c r="BP2073" s="162"/>
      <c r="BQ2073" s="162"/>
      <c r="BR2073" s="162"/>
      <c r="BS2073" s="162"/>
      <c r="BT2073" s="162"/>
      <c r="BU2073" s="162"/>
      <c r="BV2073" s="162"/>
      <c r="BW2073" s="162"/>
      <c r="BX2073" s="162"/>
      <c r="BY2073" s="162"/>
      <c r="BZ2073" s="162"/>
      <c r="CA2073" s="162"/>
      <c r="CB2073" s="162"/>
      <c r="CC2073" s="162"/>
      <c r="CD2073" s="162"/>
      <c r="CE2073" s="162"/>
      <c r="CF2073" s="162"/>
      <c r="CG2073" s="162"/>
      <c r="CH2073" s="162"/>
      <c r="CI2073" s="162"/>
      <c r="CJ2073" s="162"/>
      <c r="CK2073" s="162"/>
      <c r="CX2073" s="98"/>
      <c r="DL2073" s="97"/>
      <c r="DX2073" s="98"/>
      <c r="EL2073" s="97"/>
      <c r="EX2073" s="98"/>
      <c r="EY2073" s="97"/>
      <c r="FL2073" s="126"/>
      <c r="FM2073" s="91"/>
      <c r="FN2073" s="91"/>
      <c r="FO2073" s="91"/>
      <c r="FP2073" s="91"/>
      <c r="FQ2073" s="91"/>
      <c r="FR2073" s="91"/>
      <c r="FS2073" s="91"/>
      <c r="FT2073" s="91"/>
      <c r="FU2073" s="91"/>
      <c r="FV2073" s="91"/>
      <c r="FW2073" s="91"/>
      <c r="FX2073" s="91"/>
      <c r="FY2073" s="91"/>
      <c r="FZ2073" s="91"/>
      <c r="GA2073" s="91"/>
      <c r="GB2073" s="91"/>
      <c r="GC2073" s="91"/>
      <c r="GD2073" s="91"/>
      <c r="GE2073" s="91"/>
      <c r="GF2073" s="91"/>
      <c r="GG2073" s="91"/>
      <c r="GH2073" s="91"/>
      <c r="GI2073" s="91"/>
      <c r="GJ2073" s="91"/>
      <c r="GK2073" s="127"/>
      <c r="GL2073" s="126"/>
      <c r="GM2073" s="91"/>
      <c r="GN2073" s="91"/>
      <c r="GO2073" s="91"/>
      <c r="GP2073" s="91"/>
      <c r="GQ2073" s="91"/>
      <c r="GR2073" s="91"/>
      <c r="GS2073" s="91"/>
      <c r="GT2073" s="91"/>
      <c r="GU2073" s="91"/>
      <c r="GV2073" s="91"/>
      <c r="GW2073" s="91"/>
      <c r="GX2073" s="91"/>
      <c r="GY2073" s="91"/>
      <c r="GZ2073" s="91"/>
      <c r="HA2073" s="91"/>
      <c r="HB2073" s="91"/>
      <c r="HC2073" s="91"/>
      <c r="HD2073" s="91"/>
      <c r="HE2073" s="91"/>
      <c r="HF2073" s="91"/>
      <c r="HG2073" s="91"/>
      <c r="HH2073" s="91"/>
      <c r="HI2073" s="91"/>
      <c r="HJ2073" s="91"/>
      <c r="HK2073" s="127"/>
      <c r="HL2073" s="126"/>
      <c r="HM2073" s="91"/>
      <c r="HN2073" s="91"/>
      <c r="HO2073" s="91"/>
      <c r="HP2073" s="91"/>
      <c r="HQ2073" s="91"/>
      <c r="HR2073" s="91"/>
      <c r="HS2073" s="91"/>
      <c r="HT2073" s="91"/>
      <c r="HU2073" s="91"/>
      <c r="HV2073" s="91"/>
      <c r="HW2073" s="91"/>
      <c r="HX2073" s="91"/>
      <c r="HY2073" s="91"/>
      <c r="HZ2073" s="91"/>
      <c r="IA2073" s="91"/>
      <c r="IB2073" s="91"/>
      <c r="IC2073" s="91"/>
      <c r="ID2073" s="91"/>
      <c r="IE2073" s="91"/>
      <c r="IF2073" s="91"/>
      <c r="IG2073" s="91"/>
      <c r="IH2073" s="91"/>
      <c r="II2073" s="91"/>
      <c r="IJ2073" s="91"/>
      <c r="IK2073" s="127"/>
    </row>
    <row r="2074" spans="2:245" x14ac:dyDescent="0.2">
      <c r="B2074" s="43"/>
      <c r="C2074" s="73"/>
      <c r="D2074" s="64"/>
      <c r="E2074" s="64"/>
      <c r="F2074" s="55"/>
      <c r="G2074" s="102"/>
      <c r="H2074" s="55"/>
      <c r="I2074" s="55"/>
      <c r="J2074" s="55"/>
      <c r="K2074" s="55"/>
      <c r="L2074" s="55"/>
      <c r="M2074" s="55"/>
      <c r="N2074" s="55"/>
      <c r="O2074" s="55"/>
      <c r="P2074" s="55"/>
      <c r="Q2074" s="55"/>
      <c r="R2074" s="55"/>
      <c r="S2074" s="55"/>
      <c r="T2074" s="55"/>
      <c r="U2074" s="55"/>
      <c r="V2074" s="55"/>
      <c r="W2074" s="55"/>
      <c r="X2074" s="55"/>
      <c r="Y2074" s="55"/>
      <c r="Z2074" s="55"/>
      <c r="AA2074" s="55"/>
      <c r="AB2074" s="55"/>
      <c r="AC2074" s="55"/>
      <c r="AD2074" s="55"/>
      <c r="AE2074" s="55"/>
      <c r="AF2074" s="55"/>
      <c r="AG2074" s="55"/>
      <c r="AY2074" s="162"/>
      <c r="AZ2074" s="162"/>
      <c r="BA2074" s="162"/>
      <c r="BB2074" s="162"/>
      <c r="BC2074" s="162"/>
      <c r="BD2074" s="162"/>
      <c r="BE2074" s="162"/>
      <c r="BF2074" s="162"/>
      <c r="BG2074" s="162"/>
      <c r="BH2074" s="162"/>
      <c r="BI2074" s="162"/>
      <c r="BJ2074" s="162"/>
      <c r="BK2074" s="162"/>
      <c r="BL2074" s="162"/>
      <c r="BM2074" s="162"/>
      <c r="BN2074" s="162"/>
      <c r="BO2074" s="162"/>
      <c r="BP2074" s="162"/>
      <c r="BQ2074" s="162"/>
      <c r="BR2074" s="162"/>
      <c r="BS2074" s="162"/>
      <c r="BT2074" s="162"/>
      <c r="BU2074" s="162"/>
      <c r="BV2074" s="162"/>
      <c r="BW2074" s="162"/>
      <c r="BX2074" s="162"/>
      <c r="BY2074" s="162"/>
      <c r="BZ2074" s="162"/>
      <c r="CA2074" s="162"/>
      <c r="CB2074" s="162"/>
      <c r="CC2074" s="162"/>
      <c r="CD2074" s="162"/>
      <c r="CE2074" s="162"/>
      <c r="CF2074" s="162"/>
      <c r="CG2074" s="162"/>
      <c r="CH2074" s="162"/>
      <c r="CI2074" s="162"/>
      <c r="CJ2074" s="162"/>
      <c r="CK2074" s="162"/>
      <c r="CX2074" s="98"/>
      <c r="DL2074" s="97"/>
      <c r="DX2074" s="98"/>
      <c r="EL2074" s="97"/>
      <c r="EX2074" s="98"/>
      <c r="EY2074" s="97"/>
      <c r="FL2074" s="126"/>
      <c r="FM2074" s="91"/>
      <c r="FN2074" s="91"/>
      <c r="FO2074" s="91"/>
      <c r="FP2074" s="91"/>
      <c r="FQ2074" s="91"/>
      <c r="FR2074" s="91"/>
      <c r="FS2074" s="91"/>
      <c r="FT2074" s="91"/>
      <c r="FU2074" s="91"/>
      <c r="FV2074" s="91"/>
      <c r="FW2074" s="91"/>
      <c r="FX2074" s="91"/>
      <c r="FY2074" s="91"/>
      <c r="FZ2074" s="91"/>
      <c r="GA2074" s="91"/>
      <c r="GB2074" s="91"/>
      <c r="GC2074" s="91"/>
      <c r="GD2074" s="91"/>
      <c r="GE2074" s="91"/>
      <c r="GF2074" s="91"/>
      <c r="GG2074" s="91"/>
      <c r="GH2074" s="91"/>
      <c r="GI2074" s="91"/>
      <c r="GJ2074" s="91"/>
      <c r="GK2074" s="127"/>
      <c r="GL2074" s="126"/>
      <c r="GM2074" s="91"/>
      <c r="GN2074" s="91"/>
      <c r="GO2074" s="91"/>
      <c r="GP2074" s="91"/>
      <c r="GQ2074" s="91"/>
      <c r="GR2074" s="91"/>
      <c r="GS2074" s="91"/>
      <c r="GT2074" s="91"/>
      <c r="GU2074" s="91"/>
      <c r="GV2074" s="91"/>
      <c r="GW2074" s="91"/>
      <c r="GX2074" s="91"/>
      <c r="GY2074" s="91"/>
      <c r="GZ2074" s="91"/>
      <c r="HA2074" s="91"/>
      <c r="HB2074" s="91"/>
      <c r="HC2074" s="91"/>
      <c r="HD2074" s="91"/>
      <c r="HE2074" s="91"/>
      <c r="HF2074" s="91"/>
      <c r="HG2074" s="91"/>
      <c r="HH2074" s="91"/>
      <c r="HI2074" s="91"/>
      <c r="HJ2074" s="91"/>
      <c r="HK2074" s="127"/>
      <c r="HL2074" s="126"/>
      <c r="HM2074" s="91"/>
      <c r="HN2074" s="91"/>
      <c r="HO2074" s="91"/>
      <c r="HP2074" s="91"/>
      <c r="HQ2074" s="91"/>
      <c r="HR2074" s="91"/>
      <c r="HS2074" s="91"/>
      <c r="HT2074" s="91"/>
      <c r="HU2074" s="91"/>
      <c r="HV2074" s="91"/>
      <c r="HW2074" s="91"/>
      <c r="HX2074" s="91"/>
      <c r="HY2074" s="91"/>
      <c r="HZ2074" s="91"/>
      <c r="IA2074" s="91"/>
      <c r="IB2074" s="91"/>
      <c r="IC2074" s="91"/>
      <c r="ID2074" s="91"/>
      <c r="IE2074" s="91"/>
      <c r="IF2074" s="91"/>
      <c r="IG2074" s="91"/>
      <c r="IH2074" s="91"/>
      <c r="II2074" s="91"/>
      <c r="IJ2074" s="91"/>
      <c r="IK2074" s="127"/>
    </row>
    <row r="2075" spans="2:245" ht="13.5" thickBot="1" x14ac:dyDescent="0.25">
      <c r="B2075" s="43"/>
      <c r="C2075" s="73"/>
      <c r="D2075" s="64"/>
      <c r="E2075" s="64"/>
      <c r="F2075" s="55"/>
      <c r="G2075" s="102"/>
      <c r="H2075" s="55"/>
      <c r="I2075" s="55"/>
      <c r="J2075" s="55"/>
      <c r="K2075" s="55"/>
      <c r="L2075" s="55"/>
      <c r="M2075" s="55"/>
      <c r="N2075" s="55"/>
      <c r="O2075" s="55"/>
      <c r="P2075" s="55"/>
      <c r="Q2075" s="55"/>
      <c r="R2075" s="55"/>
      <c r="S2075" s="55"/>
      <c r="T2075" s="55"/>
      <c r="U2075" s="55"/>
      <c r="V2075" s="55"/>
      <c r="W2075" s="55"/>
      <c r="X2075" s="55"/>
      <c r="Y2075" s="55"/>
      <c r="Z2075" s="55"/>
      <c r="AA2075" s="55"/>
      <c r="AB2075" s="55"/>
      <c r="AC2075" s="55"/>
      <c r="AD2075" s="55"/>
      <c r="AE2075" s="55"/>
      <c r="AF2075" s="55"/>
      <c r="AG2075" s="55"/>
      <c r="AY2075" s="162"/>
      <c r="AZ2075" s="162"/>
      <c r="BA2075" s="162"/>
      <c r="BB2075" s="162"/>
      <c r="BC2075" s="162"/>
      <c r="BD2075" s="162"/>
      <c r="BE2075" s="162"/>
      <c r="BF2075" s="162"/>
      <c r="BG2075" s="162"/>
      <c r="BH2075" s="162"/>
      <c r="BI2075" s="162"/>
      <c r="BJ2075" s="162"/>
      <c r="BK2075" s="162"/>
      <c r="BL2075" s="162"/>
      <c r="BM2075" s="162"/>
      <c r="BN2075" s="162"/>
      <c r="BO2075" s="162"/>
      <c r="BP2075" s="162"/>
      <c r="BQ2075" s="162"/>
      <c r="BR2075" s="162"/>
      <c r="BS2075" s="162"/>
      <c r="BT2075" s="162"/>
      <c r="BU2075" s="162"/>
      <c r="BV2075" s="162"/>
      <c r="BW2075" s="162"/>
      <c r="BX2075" s="162"/>
      <c r="BY2075" s="162"/>
      <c r="BZ2075" s="162"/>
      <c r="CA2075" s="162"/>
      <c r="CB2075" s="162"/>
      <c r="CC2075" s="162"/>
      <c r="CD2075" s="162"/>
      <c r="CE2075" s="162"/>
      <c r="CF2075" s="162"/>
      <c r="CG2075" s="162"/>
      <c r="CH2075" s="162"/>
      <c r="CI2075" s="162"/>
      <c r="CJ2075" s="162"/>
      <c r="CK2075" s="162"/>
      <c r="CX2075" s="98"/>
      <c r="DL2075" s="97"/>
      <c r="DX2075" s="98"/>
      <c r="EL2075" s="97"/>
      <c r="EX2075" s="98"/>
      <c r="EY2075" s="97"/>
      <c r="FL2075" s="126"/>
      <c r="FM2075" s="91"/>
      <c r="FN2075" s="91"/>
      <c r="FO2075" s="91"/>
      <c r="FP2075" s="91"/>
      <c r="FQ2075" s="91"/>
      <c r="FR2075" s="91"/>
      <c r="FS2075" s="91"/>
      <c r="FT2075" s="91"/>
      <c r="FU2075" s="91"/>
      <c r="FV2075" s="91"/>
      <c r="FW2075" s="91"/>
      <c r="FX2075" s="91"/>
      <c r="FY2075" s="91"/>
      <c r="FZ2075" s="91"/>
      <c r="GA2075" s="91"/>
      <c r="GB2075" s="91"/>
      <c r="GC2075" s="91"/>
      <c r="GD2075" s="91"/>
      <c r="GE2075" s="91"/>
      <c r="GF2075" s="91"/>
      <c r="GG2075" s="91"/>
      <c r="GH2075" s="91"/>
      <c r="GI2075" s="91"/>
      <c r="GJ2075" s="91"/>
      <c r="GK2075" s="127"/>
      <c r="GL2075" s="126"/>
      <c r="GM2075" s="91"/>
      <c r="GN2075" s="91"/>
      <c r="GO2075" s="91"/>
      <c r="GP2075" s="91"/>
      <c r="GQ2075" s="91"/>
      <c r="GR2075" s="91"/>
      <c r="GS2075" s="91"/>
      <c r="GT2075" s="91"/>
      <c r="GU2075" s="91"/>
      <c r="GV2075" s="91"/>
      <c r="GW2075" s="91"/>
      <c r="GX2075" s="91"/>
      <c r="GY2075" s="91"/>
      <c r="GZ2075" s="91"/>
      <c r="HA2075" s="91"/>
      <c r="HB2075" s="91"/>
      <c r="HC2075" s="91"/>
      <c r="HD2075" s="91"/>
      <c r="HE2075" s="91"/>
      <c r="HF2075" s="91"/>
      <c r="HG2075" s="91"/>
      <c r="HH2075" s="91"/>
      <c r="HI2075" s="91"/>
      <c r="HJ2075" s="91"/>
      <c r="HK2075" s="127"/>
      <c r="HL2075" s="126"/>
      <c r="HM2075" s="91"/>
      <c r="HN2075" s="91"/>
      <c r="HO2075" s="91"/>
      <c r="HP2075" s="91"/>
      <c r="HQ2075" s="91"/>
      <c r="HR2075" s="91"/>
      <c r="HS2075" s="91"/>
      <c r="HT2075" s="91"/>
      <c r="HU2075" s="91"/>
      <c r="HV2075" s="91"/>
      <c r="HW2075" s="91"/>
      <c r="HX2075" s="91"/>
      <c r="HY2075" s="91"/>
      <c r="HZ2075" s="91"/>
      <c r="IA2075" s="91"/>
      <c r="IB2075" s="91"/>
      <c r="IC2075" s="91"/>
      <c r="ID2075" s="91"/>
      <c r="IE2075" s="91"/>
      <c r="IF2075" s="91"/>
      <c r="IG2075" s="91"/>
      <c r="IH2075" s="91"/>
      <c r="II2075" s="91"/>
      <c r="IJ2075" s="91"/>
      <c r="IK2075" s="127"/>
    </row>
    <row r="2076" spans="2:245" x14ac:dyDescent="0.2">
      <c r="B2076" s="43"/>
      <c r="C2076" s="73"/>
      <c r="D2076" s="64"/>
      <c r="E2076" s="64"/>
      <c r="F2076" s="55"/>
      <c r="G2076" s="102"/>
      <c r="H2076" s="55"/>
      <c r="I2076" s="55"/>
      <c r="J2076" s="55"/>
      <c r="K2076" s="55"/>
      <c r="L2076" s="55"/>
      <c r="M2076" s="55"/>
      <c r="N2076" s="55"/>
      <c r="O2076" s="55"/>
      <c r="P2076" s="55"/>
      <c r="Q2076" s="55"/>
      <c r="R2076" s="55"/>
      <c r="S2076" s="55"/>
      <c r="T2076" s="55"/>
      <c r="U2076" s="55"/>
      <c r="V2076" s="55"/>
      <c r="W2076" s="55"/>
      <c r="X2076" s="55"/>
      <c r="Y2076" s="55"/>
      <c r="Z2076" s="55"/>
      <c r="AA2076" s="55"/>
      <c r="AB2076" s="55"/>
      <c r="AC2076" s="55"/>
      <c r="AD2076" s="55"/>
      <c r="AE2076" s="55"/>
      <c r="AF2076" s="55"/>
      <c r="AG2076" s="55"/>
      <c r="AY2076" s="162"/>
      <c r="AZ2076" s="162"/>
      <c r="BA2076" s="162"/>
      <c r="BB2076" s="162"/>
      <c r="BC2076" s="162"/>
      <c r="BD2076" s="162"/>
      <c r="BE2076" s="162"/>
      <c r="BF2076" s="162"/>
      <c r="BG2076" s="162"/>
      <c r="BH2076" s="162"/>
      <c r="BI2076" s="162"/>
      <c r="BJ2076" s="162"/>
      <c r="BK2076" s="162"/>
      <c r="BL2076" s="162"/>
      <c r="BM2076" s="162"/>
      <c r="BN2076" s="162"/>
      <c r="BO2076" s="162"/>
      <c r="BP2076" s="162"/>
      <c r="BQ2076" s="162"/>
      <c r="BR2076" s="162"/>
      <c r="BS2076" s="162"/>
      <c r="BT2076" s="162"/>
      <c r="BU2076" s="162"/>
      <c r="BV2076" s="162"/>
      <c r="BW2076" s="162"/>
      <c r="BX2076" s="162"/>
      <c r="BY2076" s="162"/>
      <c r="BZ2076" s="162"/>
      <c r="CA2076" s="162"/>
      <c r="CB2076" s="162"/>
      <c r="CC2076" s="162"/>
      <c r="CD2076" s="162"/>
      <c r="CE2076" s="162"/>
      <c r="CF2076" s="162"/>
      <c r="CG2076" s="162"/>
      <c r="CH2076" s="162"/>
      <c r="CI2076" s="162"/>
      <c r="CJ2076" s="162"/>
      <c r="CK2076" s="162"/>
      <c r="CL2076" s="163"/>
      <c r="CM2076" s="163"/>
      <c r="CN2076" s="163"/>
      <c r="CO2076" s="163"/>
      <c r="CP2076" s="163"/>
      <c r="CQ2076" s="163"/>
      <c r="CR2076" s="163"/>
      <c r="CS2076" s="163"/>
      <c r="CT2076" s="163"/>
      <c r="CU2076" s="163"/>
      <c r="CV2076" s="163"/>
      <c r="CW2076" s="163"/>
      <c r="CX2076" s="173"/>
      <c r="CY2076" s="163"/>
      <c r="CZ2076" s="163"/>
      <c r="DA2076" s="163"/>
      <c r="DB2076" s="163"/>
      <c r="DC2076" s="163"/>
      <c r="DD2076" s="163"/>
      <c r="DE2076" s="163"/>
      <c r="DF2076" s="163"/>
      <c r="DG2076" s="163"/>
      <c r="DH2076" s="163"/>
      <c r="DI2076" s="163"/>
      <c r="DJ2076" s="163"/>
      <c r="DK2076" s="163"/>
      <c r="DL2076" s="172"/>
      <c r="DM2076" s="163"/>
      <c r="DN2076" s="163"/>
      <c r="DO2076" s="163"/>
      <c r="DP2076" s="163"/>
      <c r="DQ2076" s="163"/>
      <c r="DR2076" s="163"/>
      <c r="DS2076" s="163"/>
      <c r="DT2076" s="163"/>
      <c r="DU2076" s="163"/>
      <c r="DV2076" s="163"/>
      <c r="DW2076" s="163"/>
      <c r="DX2076" s="173"/>
      <c r="DY2076" s="163"/>
      <c r="DZ2076" s="163"/>
      <c r="EA2076" s="163"/>
      <c r="EB2076" s="163"/>
      <c r="EC2076" s="163"/>
      <c r="ED2076" s="163"/>
      <c r="EE2076" s="163"/>
      <c r="EF2076" s="163"/>
      <c r="EG2076" s="163"/>
      <c r="EH2076" s="163"/>
      <c r="EI2076" s="163"/>
      <c r="EJ2076" s="163"/>
      <c r="EK2076" s="163"/>
      <c r="EL2076" s="172"/>
      <c r="EM2076" s="163"/>
      <c r="EN2076" s="163"/>
      <c r="EO2076" s="163"/>
      <c r="EP2076" s="163"/>
      <c r="EQ2076" s="163"/>
      <c r="ER2076" s="163"/>
      <c r="ES2076" s="163"/>
      <c r="ET2076" s="163"/>
      <c r="EU2076" s="163"/>
      <c r="EV2076" s="163"/>
      <c r="EW2076" s="163"/>
      <c r="EX2076" s="173"/>
      <c r="EY2076" s="172"/>
      <c r="EZ2076" s="163"/>
      <c r="FA2076" s="163"/>
      <c r="FB2076" s="163"/>
      <c r="FC2076" s="163"/>
      <c r="FD2076" s="163"/>
      <c r="FE2076" s="163"/>
      <c r="FF2076" s="163"/>
      <c r="FG2076" s="163"/>
      <c r="FH2076" s="163"/>
      <c r="FI2076" s="163"/>
      <c r="FJ2076" s="163"/>
      <c r="FK2076" s="163"/>
      <c r="FL2076" s="126"/>
      <c r="FM2076" s="91"/>
      <c r="FN2076" s="91"/>
      <c r="FO2076" s="91"/>
      <c r="FP2076" s="91"/>
      <c r="FQ2076" s="91"/>
      <c r="FR2076" s="91"/>
      <c r="FS2076" s="91"/>
      <c r="FT2076" s="91"/>
      <c r="FU2076" s="91"/>
      <c r="FV2076" s="91"/>
      <c r="FW2076" s="91"/>
      <c r="FX2076" s="91"/>
      <c r="FY2076" s="91"/>
      <c r="FZ2076" s="91"/>
      <c r="GA2076" s="91"/>
      <c r="GB2076" s="91"/>
      <c r="GC2076" s="91"/>
      <c r="GD2076" s="91"/>
      <c r="GE2076" s="91"/>
      <c r="GF2076" s="91"/>
      <c r="GG2076" s="91"/>
      <c r="GH2076" s="91"/>
      <c r="GI2076" s="91"/>
      <c r="GJ2076" s="91"/>
      <c r="GK2076" s="127"/>
      <c r="GL2076" s="126"/>
      <c r="GM2076" s="91"/>
      <c r="GN2076" s="91"/>
      <c r="GO2076" s="91"/>
      <c r="GP2076" s="91"/>
      <c r="GQ2076" s="91"/>
      <c r="GR2076" s="91"/>
      <c r="GS2076" s="91"/>
      <c r="GT2076" s="91"/>
      <c r="GU2076" s="91"/>
      <c r="GV2076" s="91"/>
      <c r="GW2076" s="91"/>
      <c r="GX2076" s="91"/>
      <c r="GY2076" s="91"/>
      <c r="GZ2076" s="91"/>
      <c r="HA2076" s="91"/>
      <c r="HB2076" s="91"/>
      <c r="HC2076" s="91"/>
      <c r="HD2076" s="91"/>
      <c r="HE2076" s="91"/>
      <c r="HF2076" s="91"/>
      <c r="HG2076" s="91"/>
      <c r="HH2076" s="91"/>
      <c r="HI2076" s="91"/>
      <c r="HJ2076" s="91"/>
      <c r="HK2076" s="127"/>
      <c r="HL2076" s="126"/>
      <c r="HM2076" s="91"/>
      <c r="HN2076" s="91"/>
      <c r="HO2076" s="91"/>
      <c r="HP2076" s="91"/>
      <c r="HQ2076" s="91"/>
      <c r="HR2076" s="91"/>
      <c r="HS2076" s="91"/>
      <c r="HT2076" s="91"/>
      <c r="HU2076" s="91"/>
      <c r="HV2076" s="91"/>
      <c r="HW2076" s="91"/>
      <c r="HX2076" s="91"/>
      <c r="HY2076" s="91"/>
      <c r="HZ2076" s="91"/>
      <c r="IA2076" s="91"/>
      <c r="IB2076" s="91"/>
      <c r="IC2076" s="91"/>
      <c r="ID2076" s="91"/>
      <c r="IE2076" s="91"/>
      <c r="IF2076" s="91"/>
      <c r="IG2076" s="91"/>
      <c r="IH2076" s="91"/>
      <c r="II2076" s="91"/>
      <c r="IJ2076" s="91"/>
      <c r="IK2076" s="127"/>
    </row>
    <row r="2077" spans="2:245" x14ac:dyDescent="0.2">
      <c r="B2077" s="43"/>
      <c r="C2077" s="73"/>
      <c r="D2077" s="64"/>
      <c r="E2077" s="64"/>
      <c r="F2077" s="55"/>
      <c r="G2077" s="102"/>
      <c r="H2077" s="55"/>
      <c r="I2077" s="55"/>
      <c r="J2077" s="55"/>
      <c r="K2077" s="55"/>
      <c r="L2077" s="55"/>
      <c r="M2077" s="55"/>
      <c r="N2077" s="55"/>
      <c r="O2077" s="55"/>
      <c r="P2077" s="55"/>
      <c r="Q2077" s="55"/>
      <c r="R2077" s="55"/>
      <c r="S2077" s="55"/>
      <c r="T2077" s="55"/>
      <c r="U2077" s="55"/>
      <c r="V2077" s="55"/>
      <c r="W2077" s="55"/>
      <c r="X2077" s="55"/>
      <c r="Y2077" s="55"/>
      <c r="Z2077" s="55"/>
      <c r="AA2077" s="55"/>
      <c r="AB2077" s="55"/>
      <c r="AC2077" s="55"/>
      <c r="AD2077" s="55"/>
      <c r="AE2077" s="55"/>
      <c r="AF2077" s="55"/>
      <c r="AG2077" s="55"/>
      <c r="AY2077" s="162"/>
      <c r="AZ2077" s="162"/>
      <c r="BA2077" s="162"/>
      <c r="BB2077" s="162"/>
      <c r="BC2077" s="162"/>
      <c r="BD2077" s="162"/>
      <c r="BE2077" s="162"/>
      <c r="BF2077" s="162"/>
      <c r="BG2077" s="162"/>
      <c r="BH2077" s="162"/>
      <c r="BI2077" s="162"/>
      <c r="BJ2077" s="162"/>
      <c r="BK2077" s="162"/>
      <c r="BL2077" s="162"/>
      <c r="BM2077" s="162"/>
      <c r="BN2077" s="162"/>
      <c r="BO2077" s="162"/>
      <c r="BP2077" s="162"/>
      <c r="BQ2077" s="162"/>
      <c r="BR2077" s="162"/>
      <c r="BS2077" s="162"/>
      <c r="BT2077" s="162"/>
      <c r="BU2077" s="162"/>
      <c r="BV2077" s="162"/>
      <c r="BW2077" s="162"/>
      <c r="BX2077" s="162"/>
      <c r="BY2077" s="162"/>
      <c r="BZ2077" s="162"/>
      <c r="CA2077" s="162"/>
      <c r="CB2077" s="162"/>
      <c r="CC2077" s="162"/>
      <c r="CD2077" s="162"/>
      <c r="CE2077" s="162"/>
      <c r="CF2077" s="162"/>
      <c r="CG2077" s="162"/>
      <c r="CH2077" s="162"/>
      <c r="CI2077" s="162"/>
      <c r="CJ2077" s="162"/>
      <c r="CK2077" s="162"/>
      <c r="CX2077" s="98"/>
      <c r="DL2077" s="97"/>
      <c r="DX2077" s="98"/>
      <c r="EL2077" s="97"/>
      <c r="EX2077" s="98"/>
      <c r="EY2077" s="97"/>
      <c r="FL2077" s="126"/>
      <c r="FM2077" s="91"/>
      <c r="FN2077" s="91"/>
      <c r="FO2077" s="91"/>
      <c r="FP2077" s="91"/>
      <c r="FQ2077" s="91"/>
      <c r="FR2077" s="91"/>
      <c r="FS2077" s="91"/>
      <c r="FT2077" s="91"/>
      <c r="FU2077" s="91"/>
      <c r="FV2077" s="91"/>
      <c r="FW2077" s="91"/>
      <c r="FX2077" s="91"/>
      <c r="FY2077" s="91"/>
      <c r="FZ2077" s="91"/>
      <c r="GA2077" s="91"/>
      <c r="GB2077" s="91"/>
      <c r="GC2077" s="91"/>
      <c r="GD2077" s="91"/>
      <c r="GE2077" s="91"/>
      <c r="GF2077" s="91"/>
      <c r="GG2077" s="91"/>
      <c r="GH2077" s="91"/>
      <c r="GI2077" s="91"/>
      <c r="GJ2077" s="91"/>
      <c r="GK2077" s="127"/>
      <c r="GL2077" s="126"/>
      <c r="GM2077" s="91"/>
      <c r="GN2077" s="91"/>
      <c r="GO2077" s="91"/>
      <c r="GP2077" s="91"/>
      <c r="GQ2077" s="91"/>
      <c r="GR2077" s="91"/>
      <c r="GS2077" s="91"/>
      <c r="GT2077" s="91"/>
      <c r="GU2077" s="91"/>
      <c r="GV2077" s="91"/>
      <c r="GW2077" s="91"/>
      <c r="GX2077" s="91"/>
      <c r="GY2077" s="91"/>
      <c r="GZ2077" s="91"/>
      <c r="HA2077" s="91"/>
      <c r="HB2077" s="91"/>
      <c r="HC2077" s="91"/>
      <c r="HD2077" s="91"/>
      <c r="HE2077" s="91"/>
      <c r="HF2077" s="91"/>
      <c r="HG2077" s="91"/>
      <c r="HH2077" s="91"/>
      <c r="HI2077" s="91"/>
      <c r="HJ2077" s="91"/>
      <c r="HK2077" s="127"/>
      <c r="HL2077" s="126"/>
      <c r="HM2077" s="91"/>
      <c r="HN2077" s="91"/>
      <c r="HO2077" s="91"/>
      <c r="HP2077" s="91"/>
      <c r="HQ2077" s="91"/>
      <c r="HR2077" s="91"/>
      <c r="HS2077" s="91"/>
      <c r="HT2077" s="91"/>
      <c r="HU2077" s="91"/>
      <c r="HV2077" s="91"/>
      <c r="HW2077" s="91"/>
      <c r="HX2077" s="91"/>
      <c r="HY2077" s="91"/>
      <c r="HZ2077" s="91"/>
      <c r="IA2077" s="91"/>
      <c r="IB2077" s="91"/>
      <c r="IC2077" s="91"/>
      <c r="ID2077" s="91"/>
      <c r="IE2077" s="91"/>
      <c r="IF2077" s="91"/>
      <c r="IG2077" s="91"/>
      <c r="IH2077" s="91"/>
      <c r="II2077" s="91"/>
      <c r="IJ2077" s="91"/>
      <c r="IK2077" s="127"/>
    </row>
    <row r="2078" spans="2:245" x14ac:dyDescent="0.2">
      <c r="B2078" s="43"/>
      <c r="C2078" s="73"/>
      <c r="D2078" s="64"/>
      <c r="E2078" s="64"/>
      <c r="F2078" s="55"/>
      <c r="G2078" s="102"/>
      <c r="H2078" s="55"/>
      <c r="I2078" s="55"/>
      <c r="J2078" s="55"/>
      <c r="K2078" s="55"/>
      <c r="L2078" s="55"/>
      <c r="M2078" s="55"/>
      <c r="N2078" s="55"/>
      <c r="O2078" s="55"/>
      <c r="P2078" s="55"/>
      <c r="Q2078" s="55"/>
      <c r="R2078" s="55"/>
      <c r="S2078" s="55"/>
      <c r="T2078" s="55"/>
      <c r="U2078" s="55"/>
      <c r="V2078" s="55"/>
      <c r="W2078" s="55"/>
      <c r="X2078" s="55"/>
      <c r="Y2078" s="55"/>
      <c r="Z2078" s="55"/>
      <c r="AA2078" s="55"/>
      <c r="AB2078" s="55"/>
      <c r="AC2078" s="55"/>
      <c r="AD2078" s="55"/>
      <c r="AE2078" s="55"/>
      <c r="AF2078" s="55"/>
      <c r="AG2078" s="55"/>
      <c r="AY2078" s="162"/>
      <c r="AZ2078" s="162"/>
      <c r="BA2078" s="162"/>
      <c r="BB2078" s="162"/>
      <c r="BC2078" s="162"/>
      <c r="BD2078" s="162"/>
      <c r="BE2078" s="162"/>
      <c r="BF2078" s="162"/>
      <c r="BG2078" s="162"/>
      <c r="BH2078" s="162"/>
      <c r="BI2078" s="162"/>
      <c r="BJ2078" s="162"/>
      <c r="BK2078" s="162"/>
      <c r="BL2078" s="162"/>
      <c r="BM2078" s="162"/>
      <c r="BN2078" s="162"/>
      <c r="BO2078" s="162"/>
      <c r="BP2078" s="162"/>
      <c r="BQ2078" s="162"/>
      <c r="BR2078" s="162"/>
      <c r="BS2078" s="162"/>
      <c r="BT2078" s="162"/>
      <c r="BU2078" s="162"/>
      <c r="BV2078" s="162"/>
      <c r="BW2078" s="162"/>
      <c r="BX2078" s="162"/>
      <c r="BY2078" s="162"/>
      <c r="BZ2078" s="162"/>
      <c r="CA2078" s="162"/>
      <c r="CB2078" s="162"/>
      <c r="CC2078" s="162"/>
      <c r="CD2078" s="162"/>
      <c r="CE2078" s="162"/>
      <c r="CF2078" s="162"/>
      <c r="CG2078" s="162"/>
      <c r="CH2078" s="162"/>
      <c r="CI2078" s="162"/>
      <c r="CJ2078" s="162"/>
      <c r="CK2078" s="162"/>
      <c r="CX2078" s="98"/>
      <c r="DL2078" s="97"/>
      <c r="DX2078" s="98"/>
      <c r="EL2078" s="97"/>
      <c r="EX2078" s="98"/>
      <c r="EY2078" s="97"/>
      <c r="FL2078" s="126"/>
      <c r="FM2078" s="91"/>
      <c r="FN2078" s="91"/>
      <c r="FO2078" s="91"/>
      <c r="FP2078" s="91"/>
      <c r="FQ2078" s="91"/>
      <c r="FR2078" s="91"/>
      <c r="FS2078" s="91"/>
      <c r="FT2078" s="91"/>
      <c r="FU2078" s="91"/>
      <c r="FV2078" s="91"/>
      <c r="FW2078" s="91"/>
      <c r="FX2078" s="91"/>
      <c r="FY2078" s="91"/>
      <c r="FZ2078" s="91"/>
      <c r="GA2078" s="91"/>
      <c r="GB2078" s="91"/>
      <c r="GC2078" s="91"/>
      <c r="GD2078" s="91"/>
      <c r="GE2078" s="91"/>
      <c r="GF2078" s="91"/>
      <c r="GG2078" s="91"/>
      <c r="GH2078" s="91"/>
      <c r="GI2078" s="91"/>
      <c r="GJ2078" s="91"/>
      <c r="GK2078" s="127"/>
      <c r="GL2078" s="126"/>
      <c r="GM2078" s="91"/>
      <c r="GN2078" s="91"/>
      <c r="GO2078" s="91"/>
      <c r="GP2078" s="91"/>
      <c r="GQ2078" s="91"/>
      <c r="GR2078" s="91"/>
      <c r="GS2078" s="91"/>
      <c r="GT2078" s="91"/>
      <c r="GU2078" s="91"/>
      <c r="GV2078" s="91"/>
      <c r="GW2078" s="91"/>
      <c r="GX2078" s="91"/>
      <c r="GY2078" s="91"/>
      <c r="GZ2078" s="91"/>
      <c r="HA2078" s="91"/>
      <c r="HB2078" s="91"/>
      <c r="HC2078" s="91"/>
      <c r="HD2078" s="91"/>
      <c r="HE2078" s="91"/>
      <c r="HF2078" s="91"/>
      <c r="HG2078" s="91"/>
      <c r="HH2078" s="91"/>
      <c r="HI2078" s="91"/>
      <c r="HJ2078" s="91"/>
      <c r="HK2078" s="127"/>
      <c r="HL2078" s="126"/>
      <c r="HM2078" s="91"/>
      <c r="HN2078" s="91"/>
      <c r="HO2078" s="91"/>
      <c r="HP2078" s="91"/>
      <c r="HQ2078" s="91"/>
      <c r="HR2078" s="91"/>
      <c r="HS2078" s="91"/>
      <c r="HT2078" s="91"/>
      <c r="HU2078" s="91"/>
      <c r="HV2078" s="91"/>
      <c r="HW2078" s="91"/>
      <c r="HX2078" s="91"/>
      <c r="HY2078" s="91"/>
      <c r="HZ2078" s="91"/>
      <c r="IA2078" s="91"/>
      <c r="IB2078" s="91"/>
      <c r="IC2078" s="91"/>
      <c r="ID2078" s="91"/>
      <c r="IE2078" s="91"/>
      <c r="IF2078" s="91"/>
      <c r="IG2078" s="91"/>
      <c r="IH2078" s="91"/>
      <c r="II2078" s="91"/>
      <c r="IJ2078" s="91"/>
      <c r="IK2078" s="127"/>
    </row>
    <row r="2079" spans="2:245" x14ac:dyDescent="0.2">
      <c r="B2079" s="43"/>
      <c r="C2079" s="73"/>
      <c r="D2079" s="64"/>
      <c r="E2079" s="64"/>
      <c r="F2079" s="55"/>
      <c r="G2079" s="102"/>
      <c r="H2079" s="55"/>
      <c r="I2079" s="55"/>
      <c r="J2079" s="55"/>
      <c r="K2079" s="55"/>
      <c r="L2079" s="55"/>
      <c r="M2079" s="55"/>
      <c r="N2079" s="55"/>
      <c r="O2079" s="55"/>
      <c r="P2079" s="55"/>
      <c r="Q2079" s="55"/>
      <c r="R2079" s="55"/>
      <c r="S2079" s="55"/>
      <c r="T2079" s="55"/>
      <c r="U2079" s="55"/>
      <c r="V2079" s="55"/>
      <c r="W2079" s="55"/>
      <c r="X2079" s="55"/>
      <c r="Y2079" s="55"/>
      <c r="Z2079" s="55"/>
      <c r="AA2079" s="55"/>
      <c r="AB2079" s="55"/>
      <c r="AC2079" s="55"/>
      <c r="AD2079" s="55"/>
      <c r="AE2079" s="55"/>
      <c r="AF2079" s="55"/>
      <c r="AG2079" s="55"/>
      <c r="AY2079" s="162"/>
      <c r="AZ2079" s="162"/>
      <c r="BA2079" s="162"/>
      <c r="BB2079" s="162"/>
      <c r="BC2079" s="162"/>
      <c r="BD2079" s="162"/>
      <c r="BE2079" s="162"/>
      <c r="BF2079" s="162"/>
      <c r="BG2079" s="162"/>
      <c r="BH2079" s="162"/>
      <c r="BI2079" s="162"/>
      <c r="BJ2079" s="162"/>
      <c r="BK2079" s="162"/>
      <c r="BL2079" s="162"/>
      <c r="BM2079" s="162"/>
      <c r="BN2079" s="162"/>
      <c r="BO2079" s="162"/>
      <c r="BP2079" s="162"/>
      <c r="BQ2079" s="162"/>
      <c r="BR2079" s="162"/>
      <c r="BS2079" s="162"/>
      <c r="BT2079" s="162"/>
      <c r="BU2079" s="162"/>
      <c r="BV2079" s="162"/>
      <c r="BW2079" s="162"/>
      <c r="BX2079" s="162"/>
      <c r="BY2079" s="162"/>
      <c r="BZ2079" s="162"/>
      <c r="CA2079" s="162"/>
      <c r="CB2079" s="162"/>
      <c r="CC2079" s="162"/>
      <c r="CD2079" s="162"/>
      <c r="CE2079" s="162"/>
      <c r="CF2079" s="162"/>
      <c r="CG2079" s="162"/>
      <c r="CH2079" s="162"/>
      <c r="CI2079" s="162"/>
      <c r="CJ2079" s="162"/>
      <c r="CK2079" s="162"/>
      <c r="CX2079" s="98"/>
      <c r="DL2079" s="97"/>
      <c r="DX2079" s="98"/>
      <c r="EL2079" s="97"/>
      <c r="EX2079" s="98"/>
      <c r="EY2079" s="97"/>
      <c r="FL2079" s="126"/>
      <c r="FM2079" s="91"/>
      <c r="FN2079" s="91"/>
      <c r="FO2079" s="91"/>
      <c r="FP2079" s="91"/>
      <c r="FQ2079" s="91"/>
      <c r="FR2079" s="91"/>
      <c r="FS2079" s="91"/>
      <c r="FT2079" s="91"/>
      <c r="FU2079" s="91"/>
      <c r="FV2079" s="91"/>
      <c r="FW2079" s="91"/>
      <c r="FX2079" s="91"/>
      <c r="FY2079" s="91"/>
      <c r="FZ2079" s="91"/>
      <c r="GA2079" s="91"/>
      <c r="GB2079" s="91"/>
      <c r="GC2079" s="91"/>
      <c r="GD2079" s="91"/>
      <c r="GE2079" s="91"/>
      <c r="GF2079" s="91"/>
      <c r="GG2079" s="91"/>
      <c r="GH2079" s="91"/>
      <c r="GI2079" s="91"/>
      <c r="GJ2079" s="91"/>
      <c r="GK2079" s="127"/>
      <c r="GL2079" s="126"/>
      <c r="GM2079" s="91"/>
      <c r="GN2079" s="91"/>
      <c r="GO2079" s="91"/>
      <c r="GP2079" s="91"/>
      <c r="GQ2079" s="91"/>
      <c r="GR2079" s="91"/>
      <c r="GS2079" s="91"/>
      <c r="GT2079" s="91"/>
      <c r="GU2079" s="91"/>
      <c r="GV2079" s="91"/>
      <c r="GW2079" s="91"/>
      <c r="GX2079" s="91"/>
      <c r="GY2079" s="91"/>
      <c r="GZ2079" s="91"/>
      <c r="HA2079" s="91"/>
      <c r="HB2079" s="91"/>
      <c r="HC2079" s="91"/>
      <c r="HD2079" s="91"/>
      <c r="HE2079" s="91"/>
      <c r="HF2079" s="91"/>
      <c r="HG2079" s="91"/>
      <c r="HH2079" s="91"/>
      <c r="HI2079" s="91"/>
      <c r="HJ2079" s="91"/>
      <c r="HK2079" s="127"/>
      <c r="HL2079" s="126"/>
      <c r="HM2079" s="91"/>
      <c r="HN2079" s="91"/>
      <c r="HO2079" s="91"/>
      <c r="HP2079" s="91"/>
      <c r="HQ2079" s="91"/>
      <c r="HR2079" s="91"/>
      <c r="HS2079" s="91"/>
      <c r="HT2079" s="91"/>
      <c r="HU2079" s="91"/>
      <c r="HV2079" s="91"/>
      <c r="HW2079" s="91"/>
      <c r="HX2079" s="91"/>
      <c r="HY2079" s="91"/>
      <c r="HZ2079" s="91"/>
      <c r="IA2079" s="91"/>
      <c r="IB2079" s="91"/>
      <c r="IC2079" s="91"/>
      <c r="ID2079" s="91"/>
      <c r="IE2079" s="91"/>
      <c r="IF2079" s="91"/>
      <c r="IG2079" s="91"/>
      <c r="IH2079" s="91"/>
      <c r="II2079" s="91"/>
      <c r="IJ2079" s="91"/>
      <c r="IK2079" s="127"/>
    </row>
    <row r="2080" spans="2:245" x14ac:dyDescent="0.2">
      <c r="B2080" s="43"/>
      <c r="C2080" s="73"/>
      <c r="D2080" s="64"/>
      <c r="E2080" s="64"/>
      <c r="F2080" s="55"/>
      <c r="G2080" s="102"/>
      <c r="H2080" s="55"/>
      <c r="I2080" s="55"/>
      <c r="J2080" s="55"/>
      <c r="K2080" s="55"/>
      <c r="L2080" s="55"/>
      <c r="M2080" s="55"/>
      <c r="N2080" s="55"/>
      <c r="O2080" s="55"/>
      <c r="P2080" s="55"/>
      <c r="Q2080" s="55"/>
      <c r="R2080" s="55"/>
      <c r="S2080" s="55"/>
      <c r="T2080" s="55"/>
      <c r="U2080" s="55"/>
      <c r="V2080" s="55"/>
      <c r="W2080" s="55"/>
      <c r="X2080" s="55"/>
      <c r="Y2080" s="55"/>
      <c r="Z2080" s="55"/>
      <c r="AA2080" s="55"/>
      <c r="AB2080" s="55"/>
      <c r="AC2080" s="55"/>
      <c r="AD2080" s="55"/>
      <c r="AE2080" s="55"/>
      <c r="AF2080" s="55"/>
      <c r="AG2080" s="55"/>
      <c r="AY2080" s="162"/>
      <c r="AZ2080" s="162"/>
      <c r="BA2080" s="162"/>
      <c r="BB2080" s="162"/>
      <c r="BC2080" s="162"/>
      <c r="BD2080" s="162"/>
      <c r="BE2080" s="162"/>
      <c r="BF2080" s="162"/>
      <c r="BG2080" s="162"/>
      <c r="BH2080" s="162"/>
      <c r="BI2080" s="162"/>
      <c r="BJ2080" s="162"/>
      <c r="BK2080" s="162"/>
      <c r="BL2080" s="162"/>
      <c r="BM2080" s="162"/>
      <c r="BN2080" s="162"/>
      <c r="BO2080" s="162"/>
      <c r="BP2080" s="162"/>
      <c r="BQ2080" s="162"/>
      <c r="BR2080" s="162"/>
      <c r="BS2080" s="162"/>
      <c r="BT2080" s="162"/>
      <c r="BU2080" s="162"/>
      <c r="BV2080" s="162"/>
      <c r="BW2080" s="162"/>
      <c r="BX2080" s="162"/>
      <c r="BY2080" s="162"/>
      <c r="BZ2080" s="162"/>
      <c r="CA2080" s="162"/>
      <c r="CB2080" s="162"/>
      <c r="CC2080" s="162"/>
      <c r="CD2080" s="162"/>
      <c r="CE2080" s="162"/>
      <c r="CF2080" s="162"/>
      <c r="CG2080" s="162"/>
      <c r="CH2080" s="162"/>
      <c r="CI2080" s="162"/>
      <c r="CJ2080" s="162"/>
      <c r="CK2080" s="162"/>
      <c r="CX2080" s="98"/>
      <c r="DL2080" s="97"/>
      <c r="DX2080" s="98"/>
      <c r="EL2080" s="97"/>
      <c r="EX2080" s="98"/>
      <c r="EY2080" s="97"/>
      <c r="FL2080" s="126"/>
      <c r="FM2080" s="91"/>
      <c r="FN2080" s="91"/>
      <c r="FO2080" s="91"/>
      <c r="FP2080" s="91"/>
      <c r="FQ2080" s="91"/>
      <c r="FR2080" s="91"/>
      <c r="FS2080" s="91"/>
      <c r="FT2080" s="91"/>
      <c r="FU2080" s="91"/>
      <c r="FV2080" s="91"/>
      <c r="FW2080" s="91"/>
      <c r="FX2080" s="91"/>
      <c r="FY2080" s="91"/>
      <c r="FZ2080" s="91"/>
      <c r="GA2080" s="91"/>
      <c r="GB2080" s="91"/>
      <c r="GC2080" s="91"/>
      <c r="GD2080" s="91"/>
      <c r="GE2080" s="91"/>
      <c r="GF2080" s="91"/>
      <c r="GG2080" s="91"/>
      <c r="GH2080" s="91"/>
      <c r="GI2080" s="91"/>
      <c r="GJ2080" s="91"/>
      <c r="GK2080" s="127"/>
      <c r="GL2080" s="126"/>
      <c r="GM2080" s="91"/>
      <c r="GN2080" s="91"/>
      <c r="GO2080" s="91"/>
      <c r="GP2080" s="91"/>
      <c r="GQ2080" s="91"/>
      <c r="GR2080" s="91"/>
      <c r="GS2080" s="91"/>
      <c r="GT2080" s="91"/>
      <c r="GU2080" s="91"/>
      <c r="GV2080" s="91"/>
      <c r="GW2080" s="91"/>
      <c r="GX2080" s="91"/>
      <c r="GY2080" s="91"/>
      <c r="GZ2080" s="91"/>
      <c r="HA2080" s="91"/>
      <c r="HB2080" s="91"/>
      <c r="HC2080" s="91"/>
      <c r="HD2080" s="91"/>
      <c r="HE2080" s="91"/>
      <c r="HF2080" s="91"/>
      <c r="HG2080" s="91"/>
      <c r="HH2080" s="91"/>
      <c r="HI2080" s="91"/>
      <c r="HJ2080" s="91"/>
      <c r="HK2080" s="127"/>
      <c r="HL2080" s="126"/>
      <c r="HM2080" s="91"/>
      <c r="HN2080" s="91"/>
      <c r="HO2080" s="91"/>
      <c r="HP2080" s="91"/>
      <c r="HQ2080" s="91"/>
      <c r="HR2080" s="91"/>
      <c r="HS2080" s="91"/>
      <c r="HT2080" s="91"/>
      <c r="HU2080" s="91"/>
      <c r="HV2080" s="91"/>
      <c r="HW2080" s="91"/>
      <c r="HX2080" s="91"/>
      <c r="HY2080" s="91"/>
      <c r="HZ2080" s="91"/>
      <c r="IA2080" s="91"/>
      <c r="IB2080" s="91"/>
      <c r="IC2080" s="91"/>
      <c r="ID2080" s="91"/>
      <c r="IE2080" s="91"/>
      <c r="IF2080" s="91"/>
      <c r="IG2080" s="91"/>
      <c r="IH2080" s="91"/>
      <c r="II2080" s="91"/>
      <c r="IJ2080" s="91"/>
      <c r="IK2080" s="127"/>
    </row>
    <row r="2081" spans="2:245" x14ac:dyDescent="0.2">
      <c r="B2081" s="43"/>
      <c r="C2081" s="73"/>
      <c r="D2081" s="64"/>
      <c r="E2081" s="64"/>
      <c r="F2081" s="55"/>
      <c r="G2081" s="102"/>
      <c r="H2081" s="55"/>
      <c r="I2081" s="55"/>
      <c r="J2081" s="55"/>
      <c r="K2081" s="55"/>
      <c r="L2081" s="55"/>
      <c r="M2081" s="55"/>
      <c r="N2081" s="55"/>
      <c r="O2081" s="55"/>
      <c r="P2081" s="55"/>
      <c r="Q2081" s="55"/>
      <c r="R2081" s="55"/>
      <c r="S2081" s="55"/>
      <c r="T2081" s="55"/>
      <c r="U2081" s="55"/>
      <c r="V2081" s="55"/>
      <c r="W2081" s="55"/>
      <c r="X2081" s="55"/>
      <c r="Y2081" s="55"/>
      <c r="Z2081" s="55"/>
      <c r="AA2081" s="55"/>
      <c r="AB2081" s="55"/>
      <c r="AC2081" s="55"/>
      <c r="AD2081" s="55"/>
      <c r="AE2081" s="55"/>
      <c r="AF2081" s="55"/>
      <c r="AG2081" s="55"/>
      <c r="AY2081" s="162"/>
      <c r="AZ2081" s="162"/>
      <c r="BA2081" s="162"/>
      <c r="BB2081" s="162"/>
      <c r="BC2081" s="162"/>
      <c r="BD2081" s="162"/>
      <c r="BE2081" s="162"/>
      <c r="BF2081" s="162"/>
      <c r="BG2081" s="162"/>
      <c r="BH2081" s="162"/>
      <c r="BI2081" s="162"/>
      <c r="BJ2081" s="162"/>
      <c r="BK2081" s="162"/>
      <c r="BL2081" s="162"/>
      <c r="BM2081" s="162"/>
      <c r="BN2081" s="162"/>
      <c r="BO2081" s="162"/>
      <c r="BP2081" s="162"/>
      <c r="BQ2081" s="162"/>
      <c r="BR2081" s="162"/>
      <c r="BS2081" s="162"/>
      <c r="BT2081" s="162"/>
      <c r="BU2081" s="162"/>
      <c r="BV2081" s="162"/>
      <c r="BW2081" s="162"/>
      <c r="BX2081" s="162"/>
      <c r="BY2081" s="162"/>
      <c r="BZ2081" s="162"/>
      <c r="CA2081" s="162"/>
      <c r="CB2081" s="162"/>
      <c r="CC2081" s="162"/>
      <c r="CD2081" s="162"/>
      <c r="CE2081" s="162"/>
      <c r="CF2081" s="162"/>
      <c r="CG2081" s="162"/>
      <c r="CH2081" s="162"/>
      <c r="CI2081" s="162"/>
      <c r="CJ2081" s="162"/>
      <c r="CK2081" s="162"/>
      <c r="CX2081" s="98"/>
      <c r="DL2081" s="97"/>
      <c r="DX2081" s="98"/>
      <c r="EL2081" s="97"/>
      <c r="EX2081" s="98"/>
      <c r="EY2081" s="97"/>
      <c r="FL2081" s="126"/>
      <c r="FM2081" s="91"/>
      <c r="FN2081" s="91"/>
      <c r="FO2081" s="91"/>
      <c r="FP2081" s="91"/>
      <c r="FQ2081" s="91"/>
      <c r="FR2081" s="91"/>
      <c r="FS2081" s="91"/>
      <c r="FT2081" s="91"/>
      <c r="FU2081" s="91"/>
      <c r="FV2081" s="91"/>
      <c r="FW2081" s="91"/>
      <c r="FX2081" s="91"/>
      <c r="FY2081" s="91"/>
      <c r="FZ2081" s="91"/>
      <c r="GA2081" s="91"/>
      <c r="GB2081" s="91"/>
      <c r="GC2081" s="91"/>
      <c r="GD2081" s="91"/>
      <c r="GE2081" s="91"/>
      <c r="GF2081" s="91"/>
      <c r="GG2081" s="91"/>
      <c r="GH2081" s="91"/>
      <c r="GI2081" s="91"/>
      <c r="GJ2081" s="91"/>
      <c r="GK2081" s="127"/>
      <c r="GL2081" s="126"/>
      <c r="GM2081" s="91"/>
      <c r="GN2081" s="91"/>
      <c r="GO2081" s="91"/>
      <c r="GP2081" s="91"/>
      <c r="GQ2081" s="91"/>
      <c r="GR2081" s="91"/>
      <c r="GS2081" s="91"/>
      <c r="GT2081" s="91"/>
      <c r="GU2081" s="91"/>
      <c r="GV2081" s="91"/>
      <c r="GW2081" s="91"/>
      <c r="GX2081" s="91"/>
      <c r="GY2081" s="91"/>
      <c r="GZ2081" s="91"/>
      <c r="HA2081" s="91"/>
      <c r="HB2081" s="91"/>
      <c r="HC2081" s="91"/>
      <c r="HD2081" s="91"/>
      <c r="HE2081" s="91"/>
      <c r="HF2081" s="91"/>
      <c r="HG2081" s="91"/>
      <c r="HH2081" s="91"/>
      <c r="HI2081" s="91"/>
      <c r="HJ2081" s="91"/>
      <c r="HK2081" s="127"/>
      <c r="HL2081" s="126"/>
      <c r="HM2081" s="91"/>
      <c r="HN2081" s="91"/>
      <c r="HO2081" s="91"/>
      <c r="HP2081" s="91"/>
      <c r="HQ2081" s="91"/>
      <c r="HR2081" s="91"/>
      <c r="HS2081" s="91"/>
      <c r="HT2081" s="91"/>
      <c r="HU2081" s="91"/>
      <c r="HV2081" s="91"/>
      <c r="HW2081" s="91"/>
      <c r="HX2081" s="91"/>
      <c r="HY2081" s="91"/>
      <c r="HZ2081" s="91"/>
      <c r="IA2081" s="91"/>
      <c r="IB2081" s="91"/>
      <c r="IC2081" s="91"/>
      <c r="ID2081" s="91"/>
      <c r="IE2081" s="91"/>
      <c r="IF2081" s="91"/>
      <c r="IG2081" s="91"/>
      <c r="IH2081" s="91"/>
      <c r="II2081" s="91"/>
      <c r="IJ2081" s="91"/>
      <c r="IK2081" s="127"/>
    </row>
    <row r="2082" spans="2:245" ht="13.5" thickBot="1" x14ac:dyDescent="0.25">
      <c r="B2082" s="43"/>
      <c r="C2082" s="73"/>
      <c r="D2082" s="64"/>
      <c r="E2082" s="64"/>
      <c r="F2082" s="55"/>
      <c r="G2082" s="102"/>
      <c r="H2082" s="55"/>
      <c r="I2082" s="55"/>
      <c r="J2082" s="55"/>
      <c r="K2082" s="55"/>
      <c r="L2082" s="55"/>
      <c r="M2082" s="55"/>
      <c r="N2082" s="55"/>
      <c r="O2082" s="55"/>
      <c r="P2082" s="55"/>
      <c r="Q2082" s="55"/>
      <c r="R2082" s="55"/>
      <c r="S2082" s="55"/>
      <c r="T2082" s="55"/>
      <c r="U2082" s="55"/>
      <c r="V2082" s="55"/>
      <c r="W2082" s="55"/>
      <c r="X2082" s="55"/>
      <c r="Y2082" s="55"/>
      <c r="Z2082" s="55"/>
      <c r="AA2082" s="55"/>
      <c r="AB2082" s="55"/>
      <c r="AC2082" s="55"/>
      <c r="AD2082" s="55"/>
      <c r="AE2082" s="55"/>
      <c r="AF2082" s="55"/>
      <c r="AG2082" s="55"/>
      <c r="AY2082" s="162"/>
      <c r="AZ2082" s="162"/>
      <c r="BA2082" s="162"/>
      <c r="BB2082" s="162"/>
      <c r="BC2082" s="162"/>
      <c r="BD2082" s="162"/>
      <c r="BE2082" s="162"/>
      <c r="BF2082" s="162"/>
      <c r="BG2082" s="162"/>
      <c r="BH2082" s="162"/>
      <c r="BI2082" s="162"/>
      <c r="BJ2082" s="162"/>
      <c r="BK2082" s="162"/>
      <c r="BL2082" s="162"/>
      <c r="BM2082" s="162"/>
      <c r="BN2082" s="162"/>
      <c r="BO2082" s="162"/>
      <c r="BP2082" s="162"/>
      <c r="BQ2082" s="162"/>
      <c r="BR2082" s="162"/>
      <c r="BS2082" s="162"/>
      <c r="BT2082" s="162"/>
      <c r="BU2082" s="162"/>
      <c r="BV2082" s="162"/>
      <c r="BW2082" s="162"/>
      <c r="BX2082" s="162"/>
      <c r="BY2082" s="162"/>
      <c r="BZ2082" s="162"/>
      <c r="CA2082" s="162"/>
      <c r="CB2082" s="162"/>
      <c r="CC2082" s="162"/>
      <c r="CD2082" s="162"/>
      <c r="CE2082" s="162"/>
      <c r="CF2082" s="162"/>
      <c r="CG2082" s="162"/>
      <c r="CH2082" s="162"/>
      <c r="CI2082" s="162"/>
      <c r="CJ2082" s="162"/>
      <c r="CK2082" s="162"/>
      <c r="CL2082" s="166"/>
      <c r="CM2082" s="166"/>
      <c r="CN2082" s="166"/>
      <c r="CO2082" s="166"/>
      <c r="CP2082" s="166"/>
      <c r="CQ2082" s="166"/>
      <c r="CR2082" s="166"/>
      <c r="CS2082" s="166"/>
      <c r="CT2082" s="166"/>
      <c r="CU2082" s="166"/>
      <c r="CV2082" s="166"/>
      <c r="CW2082" s="166"/>
      <c r="CX2082" s="176"/>
      <c r="CY2082" s="166"/>
      <c r="CZ2082" s="166"/>
      <c r="DA2082" s="166"/>
      <c r="DB2082" s="166"/>
      <c r="DC2082" s="166"/>
      <c r="DD2082" s="166"/>
      <c r="DE2082" s="166"/>
      <c r="DF2082" s="166"/>
      <c r="DG2082" s="166"/>
      <c r="DH2082" s="166"/>
      <c r="DI2082" s="166"/>
      <c r="DJ2082" s="166"/>
      <c r="DK2082" s="166"/>
      <c r="DL2082" s="175"/>
      <c r="DM2082" s="166"/>
      <c r="DN2082" s="166"/>
      <c r="DO2082" s="166"/>
      <c r="DP2082" s="166"/>
      <c r="DQ2082" s="166"/>
      <c r="DR2082" s="166"/>
      <c r="DS2082" s="166"/>
      <c r="DT2082" s="166"/>
      <c r="DU2082" s="166"/>
      <c r="DV2082" s="166"/>
      <c r="DW2082" s="166"/>
      <c r="DX2082" s="176"/>
      <c r="DY2082" s="166"/>
      <c r="DZ2082" s="166"/>
      <c r="EA2082" s="166"/>
      <c r="EB2082" s="166"/>
      <c r="EC2082" s="166"/>
      <c r="ED2082" s="166"/>
      <c r="EE2082" s="166"/>
      <c r="EF2082" s="166"/>
      <c r="EG2082" s="166"/>
      <c r="EH2082" s="166"/>
      <c r="EI2082" s="166"/>
      <c r="EJ2082" s="166"/>
      <c r="EK2082" s="166"/>
      <c r="EL2082" s="175"/>
      <c r="EM2082" s="166"/>
      <c r="EN2082" s="166"/>
      <c r="EO2082" s="166"/>
      <c r="EP2082" s="166"/>
      <c r="EQ2082" s="166"/>
      <c r="ER2082" s="166"/>
      <c r="ES2082" s="166"/>
      <c r="ET2082" s="166"/>
      <c r="EU2082" s="166"/>
      <c r="EV2082" s="166"/>
      <c r="EW2082" s="166"/>
      <c r="EX2082" s="176"/>
      <c r="EY2082" s="175"/>
      <c r="EZ2082" s="166"/>
      <c r="FA2082" s="166"/>
      <c r="FB2082" s="166"/>
      <c r="FC2082" s="166"/>
      <c r="FD2082" s="166"/>
      <c r="FE2082" s="166"/>
      <c r="FF2082" s="166"/>
      <c r="FG2082" s="166"/>
      <c r="FH2082" s="166"/>
      <c r="FI2082" s="166"/>
      <c r="FJ2082" s="166"/>
      <c r="FK2082" s="166"/>
      <c r="FL2082" s="126"/>
      <c r="FM2082" s="91"/>
      <c r="FN2082" s="91"/>
      <c r="FO2082" s="91"/>
      <c r="FP2082" s="91"/>
      <c r="FQ2082" s="91"/>
      <c r="FR2082" s="91"/>
      <c r="FS2082" s="91"/>
      <c r="FT2082" s="91"/>
      <c r="FU2082" s="91"/>
      <c r="FV2082" s="91"/>
      <c r="FW2082" s="91"/>
      <c r="FX2082" s="91"/>
      <c r="FY2082" s="91"/>
      <c r="FZ2082" s="91"/>
      <c r="GA2082" s="91"/>
      <c r="GB2082" s="91"/>
      <c r="GC2082" s="91"/>
      <c r="GD2082" s="91"/>
      <c r="GE2082" s="91"/>
      <c r="GF2082" s="91"/>
      <c r="GG2082" s="91"/>
      <c r="GH2082" s="91"/>
      <c r="GI2082" s="91"/>
      <c r="GJ2082" s="91"/>
      <c r="GK2082" s="127"/>
      <c r="GL2082" s="126"/>
      <c r="GM2082" s="91"/>
      <c r="GN2082" s="91"/>
      <c r="GO2082" s="91"/>
      <c r="GP2082" s="91"/>
      <c r="GQ2082" s="91"/>
      <c r="GR2082" s="91"/>
      <c r="GS2082" s="91"/>
      <c r="GT2082" s="91"/>
      <c r="GU2082" s="91"/>
      <c r="GV2082" s="91"/>
      <c r="GW2082" s="91"/>
      <c r="GX2082" s="91"/>
      <c r="GY2082" s="91"/>
      <c r="GZ2082" s="91"/>
      <c r="HA2082" s="91"/>
      <c r="HB2082" s="91"/>
      <c r="HC2082" s="91"/>
      <c r="HD2082" s="91"/>
      <c r="HE2082" s="91"/>
      <c r="HF2082" s="91"/>
      <c r="HG2082" s="91"/>
      <c r="HH2082" s="91"/>
      <c r="HI2082" s="91"/>
      <c r="HJ2082" s="91"/>
      <c r="HK2082" s="127"/>
      <c r="HL2082" s="126"/>
      <c r="HM2082" s="91"/>
      <c r="HN2082" s="91"/>
      <c r="HO2082" s="91"/>
      <c r="HP2082" s="91"/>
      <c r="HQ2082" s="91"/>
      <c r="HR2082" s="91"/>
      <c r="HS2082" s="91"/>
      <c r="HT2082" s="91"/>
      <c r="HU2082" s="91"/>
      <c r="HV2082" s="91"/>
      <c r="HW2082" s="91"/>
      <c r="HX2082" s="91"/>
      <c r="HY2082" s="91"/>
      <c r="HZ2082" s="91"/>
      <c r="IA2082" s="91"/>
      <c r="IB2082" s="91"/>
      <c r="IC2082" s="91"/>
      <c r="ID2082" s="91"/>
      <c r="IE2082" s="91"/>
      <c r="IF2082" s="91"/>
      <c r="IG2082" s="91"/>
      <c r="IH2082" s="91"/>
      <c r="II2082" s="91"/>
      <c r="IJ2082" s="91"/>
      <c r="IK2082" s="127"/>
    </row>
    <row r="2083" spans="2:245" x14ac:dyDescent="0.2">
      <c r="B2083" s="43"/>
      <c r="C2083" s="73"/>
      <c r="D2083" s="64"/>
      <c r="E2083" s="64"/>
      <c r="F2083" s="55"/>
      <c r="G2083" s="102"/>
      <c r="H2083" s="55"/>
      <c r="I2083" s="55"/>
      <c r="J2083" s="55"/>
      <c r="K2083" s="55"/>
      <c r="L2083" s="55"/>
      <c r="M2083" s="55"/>
      <c r="N2083" s="55"/>
      <c r="O2083" s="55"/>
      <c r="P2083" s="55"/>
      <c r="Q2083" s="55"/>
      <c r="R2083" s="55"/>
      <c r="S2083" s="55"/>
      <c r="T2083" s="55"/>
      <c r="U2083" s="55"/>
      <c r="V2083" s="55"/>
      <c r="W2083" s="55"/>
      <c r="X2083" s="55"/>
      <c r="Y2083" s="55"/>
      <c r="Z2083" s="55"/>
      <c r="AA2083" s="55"/>
      <c r="AB2083" s="55"/>
      <c r="AC2083" s="55"/>
      <c r="AD2083" s="55"/>
      <c r="AE2083" s="55"/>
      <c r="AF2083" s="55"/>
      <c r="AG2083" s="55"/>
      <c r="AY2083" s="162"/>
      <c r="AZ2083" s="162"/>
      <c r="BA2083" s="162"/>
      <c r="BB2083" s="162"/>
      <c r="BC2083" s="162"/>
      <c r="BD2083" s="162"/>
      <c r="BE2083" s="162"/>
      <c r="BF2083" s="162"/>
      <c r="BG2083" s="162"/>
      <c r="BH2083" s="162"/>
      <c r="BI2083" s="162"/>
      <c r="BJ2083" s="162"/>
      <c r="BK2083" s="162"/>
      <c r="BL2083" s="162"/>
      <c r="BM2083" s="162"/>
      <c r="BN2083" s="162"/>
      <c r="BO2083" s="162"/>
      <c r="BP2083" s="162"/>
      <c r="BQ2083" s="162"/>
      <c r="BR2083" s="162"/>
      <c r="BS2083" s="162"/>
      <c r="BT2083" s="162"/>
      <c r="BU2083" s="162"/>
      <c r="BV2083" s="162"/>
      <c r="BW2083" s="162"/>
      <c r="BX2083" s="162"/>
      <c r="BY2083" s="162"/>
      <c r="BZ2083" s="162"/>
      <c r="CA2083" s="162"/>
      <c r="CB2083" s="162"/>
      <c r="CC2083" s="162"/>
      <c r="CD2083" s="162"/>
      <c r="CE2083" s="162"/>
      <c r="CF2083" s="162"/>
      <c r="CG2083" s="162"/>
      <c r="CH2083" s="162"/>
      <c r="CI2083" s="162"/>
      <c r="CJ2083" s="162"/>
      <c r="CK2083" s="162"/>
      <c r="CX2083" s="98"/>
      <c r="DL2083" s="97"/>
      <c r="DX2083" s="98"/>
      <c r="EL2083" s="97"/>
      <c r="EX2083" s="98"/>
      <c r="EY2083" s="97"/>
      <c r="FL2083" s="126"/>
      <c r="FM2083" s="91"/>
      <c r="FN2083" s="91"/>
      <c r="FO2083" s="91"/>
      <c r="FP2083" s="91"/>
      <c r="FQ2083" s="91"/>
      <c r="FR2083" s="91"/>
      <c r="FS2083" s="91"/>
      <c r="FT2083" s="91"/>
      <c r="FU2083" s="91"/>
      <c r="FV2083" s="91"/>
      <c r="FW2083" s="91"/>
      <c r="FX2083" s="91"/>
      <c r="FY2083" s="91"/>
      <c r="FZ2083" s="91"/>
      <c r="GA2083" s="91"/>
      <c r="GB2083" s="91"/>
      <c r="GC2083" s="91"/>
      <c r="GD2083" s="91"/>
      <c r="GE2083" s="91"/>
      <c r="GF2083" s="91"/>
      <c r="GG2083" s="91"/>
      <c r="GH2083" s="91"/>
      <c r="GI2083" s="91"/>
      <c r="GJ2083" s="91"/>
      <c r="GK2083" s="127"/>
      <c r="GL2083" s="126"/>
      <c r="GM2083" s="91"/>
      <c r="GN2083" s="91"/>
      <c r="GO2083" s="91"/>
      <c r="GP2083" s="91"/>
      <c r="GQ2083" s="91"/>
      <c r="GR2083" s="91"/>
      <c r="GS2083" s="91"/>
      <c r="GT2083" s="91"/>
      <c r="GU2083" s="91"/>
      <c r="GV2083" s="91"/>
      <c r="GW2083" s="91"/>
      <c r="GX2083" s="91"/>
      <c r="GY2083" s="91"/>
      <c r="GZ2083" s="91"/>
      <c r="HA2083" s="91"/>
      <c r="HB2083" s="91"/>
      <c r="HC2083" s="91"/>
      <c r="HD2083" s="91"/>
      <c r="HE2083" s="91"/>
      <c r="HF2083" s="91"/>
      <c r="HG2083" s="91"/>
      <c r="HH2083" s="91"/>
      <c r="HI2083" s="91"/>
      <c r="HJ2083" s="91"/>
      <c r="HK2083" s="127"/>
      <c r="HL2083" s="126"/>
      <c r="HM2083" s="91"/>
      <c r="HN2083" s="91"/>
      <c r="HO2083" s="91"/>
      <c r="HP2083" s="91"/>
      <c r="HQ2083" s="91"/>
      <c r="HR2083" s="91"/>
      <c r="HS2083" s="91"/>
      <c r="HT2083" s="91"/>
      <c r="HU2083" s="91"/>
      <c r="HV2083" s="91"/>
      <c r="HW2083" s="91"/>
      <c r="HX2083" s="91"/>
      <c r="HY2083" s="91"/>
      <c r="HZ2083" s="91"/>
      <c r="IA2083" s="91"/>
      <c r="IB2083" s="91"/>
      <c r="IC2083" s="91"/>
      <c r="ID2083" s="91"/>
      <c r="IE2083" s="91"/>
      <c r="IF2083" s="91"/>
      <c r="IG2083" s="91"/>
      <c r="IH2083" s="91"/>
      <c r="II2083" s="91"/>
      <c r="IJ2083" s="91"/>
      <c r="IK2083" s="127"/>
    </row>
    <row r="2084" spans="2:245" x14ac:dyDescent="0.2">
      <c r="B2084" s="43"/>
      <c r="C2084" s="73"/>
      <c r="D2084" s="64"/>
      <c r="E2084" s="64"/>
      <c r="F2084" s="55"/>
      <c r="G2084" s="102"/>
      <c r="H2084" s="55"/>
      <c r="I2084" s="55"/>
      <c r="J2084" s="55"/>
      <c r="K2084" s="55"/>
      <c r="L2084" s="55"/>
      <c r="M2084" s="55"/>
      <c r="N2084" s="55"/>
      <c r="O2084" s="55"/>
      <c r="P2084" s="55"/>
      <c r="Q2084" s="55"/>
      <c r="R2084" s="55"/>
      <c r="S2084" s="55"/>
      <c r="T2084" s="55"/>
      <c r="U2084" s="55"/>
      <c r="V2084" s="55"/>
      <c r="W2084" s="55"/>
      <c r="X2084" s="55"/>
      <c r="Y2084" s="55"/>
      <c r="Z2084" s="55"/>
      <c r="AA2084" s="55"/>
      <c r="AB2084" s="55"/>
      <c r="AC2084" s="55"/>
      <c r="AD2084" s="55"/>
      <c r="AE2084" s="55"/>
      <c r="AF2084" s="55"/>
      <c r="AG2084" s="55"/>
      <c r="AY2084" s="162"/>
      <c r="AZ2084" s="162"/>
      <c r="BA2084" s="162"/>
      <c r="BB2084" s="162"/>
      <c r="BC2084" s="162"/>
      <c r="BD2084" s="162"/>
      <c r="BE2084" s="162"/>
      <c r="BF2084" s="162"/>
      <c r="BG2084" s="162"/>
      <c r="BH2084" s="162"/>
      <c r="BI2084" s="162"/>
      <c r="BJ2084" s="162"/>
      <c r="BK2084" s="162"/>
      <c r="BL2084" s="162"/>
      <c r="BM2084" s="162"/>
      <c r="BN2084" s="162"/>
      <c r="BO2084" s="162"/>
      <c r="BP2084" s="162"/>
      <c r="BQ2084" s="162"/>
      <c r="BR2084" s="162"/>
      <c r="BS2084" s="162"/>
      <c r="BT2084" s="162"/>
      <c r="BU2084" s="162"/>
      <c r="BV2084" s="162"/>
      <c r="BW2084" s="162"/>
      <c r="BX2084" s="162"/>
      <c r="BY2084" s="162"/>
      <c r="BZ2084" s="162"/>
      <c r="CA2084" s="162"/>
      <c r="CB2084" s="162"/>
      <c r="CC2084" s="162"/>
      <c r="CD2084" s="162"/>
      <c r="CE2084" s="162"/>
      <c r="CF2084" s="162"/>
      <c r="CG2084" s="162"/>
      <c r="CH2084" s="162"/>
      <c r="CI2084" s="162"/>
      <c r="CJ2084" s="162"/>
      <c r="CK2084" s="162"/>
      <c r="CX2084" s="98"/>
      <c r="DL2084" s="97"/>
      <c r="DX2084" s="98"/>
      <c r="EL2084" s="97"/>
      <c r="EX2084" s="98"/>
      <c r="EY2084" s="97"/>
      <c r="FL2084" s="126"/>
      <c r="FM2084" s="91"/>
      <c r="FN2084" s="91"/>
      <c r="FO2084" s="91"/>
      <c r="FP2084" s="91"/>
      <c r="FQ2084" s="91"/>
      <c r="FR2084" s="91"/>
      <c r="FS2084" s="91"/>
      <c r="FT2084" s="91"/>
      <c r="FU2084" s="91"/>
      <c r="FV2084" s="91"/>
      <c r="FW2084" s="91"/>
      <c r="FX2084" s="91"/>
      <c r="FY2084" s="91"/>
      <c r="FZ2084" s="91"/>
      <c r="GA2084" s="91"/>
      <c r="GB2084" s="91"/>
      <c r="GC2084" s="91"/>
      <c r="GD2084" s="91"/>
      <c r="GE2084" s="91"/>
      <c r="GF2084" s="91"/>
      <c r="GG2084" s="91"/>
      <c r="GH2084" s="91"/>
      <c r="GI2084" s="91"/>
      <c r="GJ2084" s="91"/>
      <c r="GK2084" s="127"/>
      <c r="GL2084" s="126"/>
      <c r="GM2084" s="91"/>
      <c r="GN2084" s="91"/>
      <c r="GO2084" s="91"/>
      <c r="GP2084" s="91"/>
      <c r="GQ2084" s="91"/>
      <c r="GR2084" s="91"/>
      <c r="GS2084" s="91"/>
      <c r="GT2084" s="91"/>
      <c r="GU2084" s="91"/>
      <c r="GV2084" s="91"/>
      <c r="GW2084" s="91"/>
      <c r="GX2084" s="91"/>
      <c r="GY2084" s="91"/>
      <c r="GZ2084" s="91"/>
      <c r="HA2084" s="91"/>
      <c r="HB2084" s="91"/>
      <c r="HC2084" s="91"/>
      <c r="HD2084" s="91"/>
      <c r="HE2084" s="91"/>
      <c r="HF2084" s="91"/>
      <c r="HG2084" s="91"/>
      <c r="HH2084" s="91"/>
      <c r="HI2084" s="91"/>
      <c r="HJ2084" s="91"/>
      <c r="HK2084" s="127"/>
      <c r="HL2084" s="126"/>
      <c r="HM2084" s="91"/>
      <c r="HN2084" s="91"/>
      <c r="HO2084" s="91"/>
      <c r="HP2084" s="91"/>
      <c r="HQ2084" s="91"/>
      <c r="HR2084" s="91"/>
      <c r="HS2084" s="91"/>
      <c r="HT2084" s="91"/>
      <c r="HU2084" s="91"/>
      <c r="HV2084" s="91"/>
      <c r="HW2084" s="91"/>
      <c r="HX2084" s="91"/>
      <c r="HY2084" s="91"/>
      <c r="HZ2084" s="91"/>
      <c r="IA2084" s="91"/>
      <c r="IB2084" s="91"/>
      <c r="IC2084" s="91"/>
      <c r="ID2084" s="91"/>
      <c r="IE2084" s="91"/>
      <c r="IF2084" s="91"/>
      <c r="IG2084" s="91"/>
      <c r="IH2084" s="91"/>
      <c r="II2084" s="91"/>
      <c r="IJ2084" s="91"/>
      <c r="IK2084" s="127"/>
    </row>
    <row r="2085" spans="2:245" x14ac:dyDescent="0.2">
      <c r="B2085" s="43"/>
      <c r="C2085" s="73"/>
      <c r="D2085" s="64"/>
      <c r="E2085" s="64"/>
      <c r="F2085" s="55"/>
      <c r="G2085" s="102"/>
      <c r="H2085" s="55"/>
      <c r="I2085" s="55"/>
      <c r="J2085" s="55"/>
      <c r="K2085" s="55"/>
      <c r="L2085" s="55"/>
      <c r="M2085" s="55"/>
      <c r="N2085" s="55"/>
      <c r="O2085" s="55"/>
      <c r="P2085" s="55"/>
      <c r="Q2085" s="55"/>
      <c r="R2085" s="55"/>
      <c r="S2085" s="55"/>
      <c r="T2085" s="55"/>
      <c r="U2085" s="55"/>
      <c r="V2085" s="55"/>
      <c r="W2085" s="55"/>
      <c r="X2085" s="55"/>
      <c r="Y2085" s="55"/>
      <c r="Z2085" s="55"/>
      <c r="AA2085" s="55"/>
      <c r="AB2085" s="55"/>
      <c r="AC2085" s="55"/>
      <c r="AD2085" s="55"/>
      <c r="AE2085" s="55"/>
      <c r="AF2085" s="55"/>
      <c r="AG2085" s="55"/>
      <c r="AY2085" s="162"/>
      <c r="AZ2085" s="162"/>
      <c r="BA2085" s="162"/>
      <c r="BB2085" s="162"/>
      <c r="BC2085" s="162"/>
      <c r="BD2085" s="162"/>
      <c r="BE2085" s="162"/>
      <c r="BF2085" s="162"/>
      <c r="BG2085" s="162"/>
      <c r="BH2085" s="162"/>
      <c r="BI2085" s="162"/>
      <c r="BJ2085" s="162"/>
      <c r="BK2085" s="162"/>
      <c r="BL2085" s="162"/>
      <c r="BM2085" s="162"/>
      <c r="BN2085" s="162"/>
      <c r="BO2085" s="162"/>
      <c r="BP2085" s="162"/>
      <c r="BQ2085" s="162"/>
      <c r="BR2085" s="162"/>
      <c r="BS2085" s="162"/>
      <c r="BT2085" s="162"/>
      <c r="BU2085" s="162"/>
      <c r="BV2085" s="162"/>
      <c r="BW2085" s="162"/>
      <c r="BX2085" s="162"/>
      <c r="BY2085" s="162"/>
      <c r="BZ2085" s="162"/>
      <c r="CA2085" s="162"/>
      <c r="CB2085" s="162"/>
      <c r="CC2085" s="162"/>
      <c r="CD2085" s="162"/>
      <c r="CE2085" s="162"/>
      <c r="CF2085" s="162"/>
      <c r="CG2085" s="162"/>
      <c r="CH2085" s="162"/>
      <c r="CI2085" s="162"/>
      <c r="CJ2085" s="162"/>
      <c r="CK2085" s="162"/>
      <c r="CX2085" s="98"/>
      <c r="DL2085" s="97"/>
      <c r="DX2085" s="98"/>
      <c r="EL2085" s="97"/>
      <c r="EX2085" s="98"/>
      <c r="EY2085" s="97"/>
      <c r="FL2085" s="126"/>
      <c r="FM2085" s="91"/>
      <c r="FN2085" s="91"/>
      <c r="FO2085" s="91"/>
      <c r="FP2085" s="91"/>
      <c r="FQ2085" s="91"/>
      <c r="FR2085" s="91"/>
      <c r="FS2085" s="91"/>
      <c r="FT2085" s="91"/>
      <c r="FU2085" s="91"/>
      <c r="FV2085" s="91"/>
      <c r="FW2085" s="91"/>
      <c r="FX2085" s="91"/>
      <c r="FY2085" s="91"/>
      <c r="FZ2085" s="91"/>
      <c r="GA2085" s="91"/>
      <c r="GB2085" s="91"/>
      <c r="GC2085" s="91"/>
      <c r="GD2085" s="91"/>
      <c r="GE2085" s="91"/>
      <c r="GF2085" s="91"/>
      <c r="GG2085" s="91"/>
      <c r="GH2085" s="91"/>
      <c r="GI2085" s="91"/>
      <c r="GJ2085" s="91"/>
      <c r="GK2085" s="127"/>
      <c r="GL2085" s="126"/>
      <c r="GM2085" s="91"/>
      <c r="GN2085" s="91"/>
      <c r="GO2085" s="91"/>
      <c r="GP2085" s="91"/>
      <c r="GQ2085" s="91"/>
      <c r="GR2085" s="91"/>
      <c r="GS2085" s="91"/>
      <c r="GT2085" s="91"/>
      <c r="GU2085" s="91"/>
      <c r="GV2085" s="91"/>
      <c r="GW2085" s="91"/>
      <c r="GX2085" s="91"/>
      <c r="GY2085" s="91"/>
      <c r="GZ2085" s="91"/>
      <c r="HA2085" s="91"/>
      <c r="HB2085" s="91"/>
      <c r="HC2085" s="91"/>
      <c r="HD2085" s="91"/>
      <c r="HE2085" s="91"/>
      <c r="HF2085" s="91"/>
      <c r="HG2085" s="91"/>
      <c r="HH2085" s="91"/>
      <c r="HI2085" s="91"/>
      <c r="HJ2085" s="91"/>
      <c r="HK2085" s="127"/>
      <c r="HL2085" s="126"/>
      <c r="HM2085" s="91"/>
      <c r="HN2085" s="91"/>
      <c r="HO2085" s="91"/>
      <c r="HP2085" s="91"/>
      <c r="HQ2085" s="91"/>
      <c r="HR2085" s="91"/>
      <c r="HS2085" s="91"/>
      <c r="HT2085" s="91"/>
      <c r="HU2085" s="91"/>
      <c r="HV2085" s="91"/>
      <c r="HW2085" s="91"/>
      <c r="HX2085" s="91"/>
      <c r="HY2085" s="91"/>
      <c r="HZ2085" s="91"/>
      <c r="IA2085" s="91"/>
      <c r="IB2085" s="91"/>
      <c r="IC2085" s="91"/>
      <c r="ID2085" s="91"/>
      <c r="IE2085" s="91"/>
      <c r="IF2085" s="91"/>
      <c r="IG2085" s="91"/>
      <c r="IH2085" s="91"/>
      <c r="II2085" s="91"/>
      <c r="IJ2085" s="91"/>
      <c r="IK2085" s="127"/>
    </row>
    <row r="2086" spans="2:245" x14ac:dyDescent="0.2">
      <c r="B2086" s="43"/>
      <c r="C2086" s="73"/>
      <c r="D2086" s="64"/>
      <c r="E2086" s="64"/>
      <c r="F2086" s="55"/>
      <c r="G2086" s="102"/>
      <c r="H2086" s="55"/>
      <c r="I2086" s="55"/>
      <c r="J2086" s="55"/>
      <c r="K2086" s="55"/>
      <c r="L2086" s="55"/>
      <c r="M2086" s="55"/>
      <c r="N2086" s="55"/>
      <c r="O2086" s="55"/>
      <c r="P2086" s="55"/>
      <c r="Q2086" s="55"/>
      <c r="R2086" s="55"/>
      <c r="S2086" s="55"/>
      <c r="T2086" s="55"/>
      <c r="U2086" s="55"/>
      <c r="V2086" s="55"/>
      <c r="W2086" s="55"/>
      <c r="X2086" s="55"/>
      <c r="Y2086" s="55"/>
      <c r="Z2086" s="55"/>
      <c r="AA2086" s="55"/>
      <c r="AB2086" s="55"/>
      <c r="AC2086" s="55"/>
      <c r="AD2086" s="55"/>
      <c r="AE2086" s="55"/>
      <c r="AF2086" s="55"/>
      <c r="AG2086" s="55"/>
      <c r="AY2086" s="162"/>
      <c r="AZ2086" s="162"/>
      <c r="BA2086" s="162"/>
      <c r="BB2086" s="162"/>
      <c r="BC2086" s="162"/>
      <c r="BD2086" s="162"/>
      <c r="BE2086" s="162"/>
      <c r="BF2086" s="162"/>
      <c r="BG2086" s="162"/>
      <c r="BH2086" s="162"/>
      <c r="BI2086" s="162"/>
      <c r="BJ2086" s="162"/>
      <c r="BK2086" s="162"/>
      <c r="BL2086" s="162"/>
      <c r="BM2086" s="162"/>
      <c r="BN2086" s="162"/>
      <c r="BO2086" s="162"/>
      <c r="BP2086" s="162"/>
      <c r="BQ2086" s="162"/>
      <c r="BR2086" s="162"/>
      <c r="BS2086" s="162"/>
      <c r="BT2086" s="162"/>
      <c r="BU2086" s="162"/>
      <c r="BV2086" s="162"/>
      <c r="BW2086" s="162"/>
      <c r="BX2086" s="162"/>
      <c r="BY2086" s="162"/>
      <c r="BZ2086" s="162"/>
      <c r="CA2086" s="162"/>
      <c r="CB2086" s="162"/>
      <c r="CC2086" s="162"/>
      <c r="CD2086" s="162"/>
      <c r="CE2086" s="162"/>
      <c r="CF2086" s="162"/>
      <c r="CG2086" s="162"/>
      <c r="CH2086" s="162"/>
      <c r="CI2086" s="162"/>
      <c r="CJ2086" s="162"/>
      <c r="CK2086" s="162"/>
      <c r="CX2086" s="98"/>
      <c r="DL2086" s="97"/>
      <c r="DX2086" s="98"/>
      <c r="EL2086" s="97"/>
      <c r="EX2086" s="98"/>
      <c r="EY2086" s="97"/>
      <c r="FL2086" s="126"/>
      <c r="FM2086" s="91"/>
      <c r="FN2086" s="91"/>
      <c r="FO2086" s="91"/>
      <c r="FP2086" s="91"/>
      <c r="FQ2086" s="91"/>
      <c r="FR2086" s="91"/>
      <c r="FS2086" s="91"/>
      <c r="FT2086" s="91"/>
      <c r="FU2086" s="91"/>
      <c r="FV2086" s="91"/>
      <c r="FW2086" s="91"/>
      <c r="FX2086" s="91"/>
      <c r="FY2086" s="91"/>
      <c r="FZ2086" s="91"/>
      <c r="GA2086" s="91"/>
      <c r="GB2086" s="91"/>
      <c r="GC2086" s="91"/>
      <c r="GD2086" s="91"/>
      <c r="GE2086" s="91"/>
      <c r="GF2086" s="91"/>
      <c r="GG2086" s="91"/>
      <c r="GH2086" s="91"/>
      <c r="GI2086" s="91"/>
      <c r="GJ2086" s="91"/>
      <c r="GK2086" s="127"/>
      <c r="GL2086" s="126"/>
      <c r="GM2086" s="91"/>
      <c r="GN2086" s="91"/>
      <c r="GO2086" s="91"/>
      <c r="GP2086" s="91"/>
      <c r="GQ2086" s="91"/>
      <c r="GR2086" s="91"/>
      <c r="GS2086" s="91"/>
      <c r="GT2086" s="91"/>
      <c r="GU2086" s="91"/>
      <c r="GV2086" s="91"/>
      <c r="GW2086" s="91"/>
      <c r="GX2086" s="91"/>
      <c r="GY2086" s="91"/>
      <c r="GZ2086" s="91"/>
      <c r="HA2086" s="91"/>
      <c r="HB2086" s="91"/>
      <c r="HC2086" s="91"/>
      <c r="HD2086" s="91"/>
      <c r="HE2086" s="91"/>
      <c r="HF2086" s="91"/>
      <c r="HG2086" s="91"/>
      <c r="HH2086" s="91"/>
      <c r="HI2086" s="91"/>
      <c r="HJ2086" s="91"/>
      <c r="HK2086" s="127"/>
      <c r="HL2086" s="126"/>
      <c r="HM2086" s="91"/>
      <c r="HN2086" s="91"/>
      <c r="HO2086" s="91"/>
      <c r="HP2086" s="91"/>
      <c r="HQ2086" s="91"/>
      <c r="HR2086" s="91"/>
      <c r="HS2086" s="91"/>
      <c r="HT2086" s="91"/>
      <c r="HU2086" s="91"/>
      <c r="HV2086" s="91"/>
      <c r="HW2086" s="91"/>
      <c r="HX2086" s="91"/>
      <c r="HY2086" s="91"/>
      <c r="HZ2086" s="91"/>
      <c r="IA2086" s="91"/>
      <c r="IB2086" s="91"/>
      <c r="IC2086" s="91"/>
      <c r="ID2086" s="91"/>
      <c r="IE2086" s="91"/>
      <c r="IF2086" s="91"/>
      <c r="IG2086" s="91"/>
      <c r="IH2086" s="91"/>
      <c r="II2086" s="91"/>
      <c r="IJ2086" s="91"/>
      <c r="IK2086" s="127"/>
    </row>
    <row r="2087" spans="2:245" x14ac:dyDescent="0.2">
      <c r="B2087" s="43"/>
      <c r="C2087" s="73"/>
      <c r="D2087" s="64"/>
      <c r="E2087" s="64"/>
      <c r="F2087" s="55"/>
      <c r="G2087" s="102"/>
      <c r="H2087" s="55"/>
      <c r="I2087" s="55"/>
      <c r="J2087" s="55"/>
      <c r="K2087" s="55"/>
      <c r="L2087" s="55"/>
      <c r="M2087" s="55"/>
      <c r="N2087" s="55"/>
      <c r="O2087" s="55"/>
      <c r="P2087" s="55"/>
      <c r="Q2087" s="55"/>
      <c r="R2087" s="55"/>
      <c r="S2087" s="55"/>
      <c r="T2087" s="55"/>
      <c r="U2087" s="55"/>
      <c r="V2087" s="55"/>
      <c r="W2087" s="55"/>
      <c r="X2087" s="55"/>
      <c r="Y2087" s="55"/>
      <c r="Z2087" s="55"/>
      <c r="AA2087" s="55"/>
      <c r="AB2087" s="55"/>
      <c r="AC2087" s="55"/>
      <c r="AD2087" s="55"/>
      <c r="AE2087" s="55"/>
      <c r="AF2087" s="55"/>
      <c r="AG2087" s="55"/>
      <c r="AY2087" s="162"/>
      <c r="AZ2087" s="162"/>
      <c r="BA2087" s="162"/>
      <c r="BB2087" s="162"/>
      <c r="BC2087" s="162"/>
      <c r="BD2087" s="162"/>
      <c r="BE2087" s="162"/>
      <c r="BF2087" s="162"/>
      <c r="BG2087" s="162"/>
      <c r="BH2087" s="162"/>
      <c r="BI2087" s="162"/>
      <c r="BJ2087" s="162"/>
      <c r="BK2087" s="162"/>
      <c r="BL2087" s="162"/>
      <c r="BM2087" s="162"/>
      <c r="BN2087" s="162"/>
      <c r="BO2087" s="162"/>
      <c r="BP2087" s="162"/>
      <c r="BQ2087" s="162"/>
      <c r="BR2087" s="162"/>
      <c r="BS2087" s="162"/>
      <c r="BT2087" s="162"/>
      <c r="BU2087" s="162"/>
      <c r="BV2087" s="162"/>
      <c r="BW2087" s="162"/>
      <c r="BX2087" s="162"/>
      <c r="BY2087" s="162"/>
      <c r="BZ2087" s="162"/>
      <c r="CA2087" s="162"/>
      <c r="CB2087" s="162"/>
      <c r="CC2087" s="162"/>
      <c r="CD2087" s="162"/>
      <c r="CE2087" s="162"/>
      <c r="CF2087" s="162"/>
      <c r="CG2087" s="162"/>
      <c r="CH2087" s="162"/>
      <c r="CI2087" s="162"/>
      <c r="CJ2087" s="162"/>
      <c r="CK2087" s="162"/>
      <c r="CX2087" s="98"/>
      <c r="DL2087" s="97"/>
      <c r="DX2087" s="98"/>
      <c r="EL2087" s="97"/>
      <c r="EX2087" s="98"/>
      <c r="EY2087" s="97"/>
      <c r="FL2087" s="126"/>
      <c r="FM2087" s="91"/>
      <c r="FN2087" s="91"/>
      <c r="FO2087" s="91"/>
      <c r="FP2087" s="91"/>
      <c r="FQ2087" s="91"/>
      <c r="FR2087" s="91"/>
      <c r="FS2087" s="91"/>
      <c r="FT2087" s="91"/>
      <c r="FU2087" s="91"/>
      <c r="FV2087" s="91"/>
      <c r="FW2087" s="91"/>
      <c r="FX2087" s="91"/>
      <c r="FY2087" s="91"/>
      <c r="FZ2087" s="91"/>
      <c r="GA2087" s="91"/>
      <c r="GB2087" s="91"/>
      <c r="GC2087" s="91"/>
      <c r="GD2087" s="91"/>
      <c r="GE2087" s="91"/>
      <c r="GF2087" s="91"/>
      <c r="GG2087" s="91"/>
      <c r="GH2087" s="91"/>
      <c r="GI2087" s="91"/>
      <c r="GJ2087" s="91"/>
      <c r="GK2087" s="127"/>
      <c r="GL2087" s="126"/>
      <c r="GM2087" s="91"/>
      <c r="GN2087" s="91"/>
      <c r="GO2087" s="91"/>
      <c r="GP2087" s="91"/>
      <c r="GQ2087" s="91"/>
      <c r="GR2087" s="91"/>
      <c r="GS2087" s="91"/>
      <c r="GT2087" s="91"/>
      <c r="GU2087" s="91"/>
      <c r="GV2087" s="91"/>
      <c r="GW2087" s="91"/>
      <c r="GX2087" s="91"/>
      <c r="GY2087" s="91"/>
      <c r="GZ2087" s="91"/>
      <c r="HA2087" s="91"/>
      <c r="HB2087" s="91"/>
      <c r="HC2087" s="91"/>
      <c r="HD2087" s="91"/>
      <c r="HE2087" s="91"/>
      <c r="HF2087" s="91"/>
      <c r="HG2087" s="91"/>
      <c r="HH2087" s="91"/>
      <c r="HI2087" s="91"/>
      <c r="HJ2087" s="91"/>
      <c r="HK2087" s="127"/>
      <c r="HL2087" s="126"/>
      <c r="HM2087" s="91"/>
      <c r="HN2087" s="91"/>
      <c r="HO2087" s="91"/>
      <c r="HP2087" s="91"/>
      <c r="HQ2087" s="91"/>
      <c r="HR2087" s="91"/>
      <c r="HS2087" s="91"/>
      <c r="HT2087" s="91"/>
      <c r="HU2087" s="91"/>
      <c r="HV2087" s="91"/>
      <c r="HW2087" s="91"/>
      <c r="HX2087" s="91"/>
      <c r="HY2087" s="91"/>
      <c r="HZ2087" s="91"/>
      <c r="IA2087" s="91"/>
      <c r="IB2087" s="91"/>
      <c r="IC2087" s="91"/>
      <c r="ID2087" s="91"/>
      <c r="IE2087" s="91"/>
      <c r="IF2087" s="91"/>
      <c r="IG2087" s="91"/>
      <c r="IH2087" s="91"/>
      <c r="II2087" s="91"/>
      <c r="IJ2087" s="91"/>
      <c r="IK2087" s="127"/>
    </row>
    <row r="2088" spans="2:245" x14ac:dyDescent="0.2">
      <c r="B2088" s="43"/>
      <c r="C2088" s="73"/>
      <c r="D2088" s="64"/>
      <c r="E2088" s="64"/>
      <c r="F2088" s="55"/>
      <c r="G2088" s="102"/>
      <c r="H2088" s="55"/>
      <c r="I2088" s="55"/>
      <c r="J2088" s="55"/>
      <c r="K2088" s="55"/>
      <c r="L2088" s="55"/>
      <c r="M2088" s="55"/>
      <c r="N2088" s="55"/>
      <c r="O2088" s="55"/>
      <c r="P2088" s="55"/>
      <c r="Q2088" s="55"/>
      <c r="R2088" s="55"/>
      <c r="S2088" s="55"/>
      <c r="T2088" s="55"/>
      <c r="U2088" s="55"/>
      <c r="V2088" s="55"/>
      <c r="W2088" s="55"/>
      <c r="X2088" s="55"/>
      <c r="Y2088" s="55"/>
      <c r="Z2088" s="55"/>
      <c r="AA2088" s="55"/>
      <c r="AB2088" s="55"/>
      <c r="AC2088" s="55"/>
      <c r="AD2088" s="55"/>
      <c r="AE2088" s="55"/>
      <c r="AF2088" s="55"/>
      <c r="AG2088" s="55"/>
      <c r="AY2088" s="162"/>
      <c r="AZ2088" s="162"/>
      <c r="BA2088" s="162"/>
      <c r="BB2088" s="162"/>
      <c r="BC2088" s="162"/>
      <c r="BD2088" s="162"/>
      <c r="BE2088" s="162"/>
      <c r="BF2088" s="162"/>
      <c r="BG2088" s="162"/>
      <c r="BH2088" s="162"/>
      <c r="BI2088" s="162"/>
      <c r="BJ2088" s="162"/>
      <c r="BK2088" s="162"/>
      <c r="BL2088" s="162"/>
      <c r="BM2088" s="162"/>
      <c r="BN2088" s="162"/>
      <c r="BO2088" s="162"/>
      <c r="BP2088" s="162"/>
      <c r="BQ2088" s="162"/>
      <c r="BR2088" s="162"/>
      <c r="BS2088" s="162"/>
      <c r="BT2088" s="162"/>
      <c r="BU2088" s="162"/>
      <c r="BV2088" s="162"/>
      <c r="BW2088" s="162"/>
      <c r="BX2088" s="162"/>
      <c r="BY2088" s="162"/>
      <c r="BZ2088" s="162"/>
      <c r="CA2088" s="162"/>
      <c r="CB2088" s="162"/>
      <c r="CC2088" s="162"/>
      <c r="CD2088" s="162"/>
      <c r="CE2088" s="162"/>
      <c r="CF2088" s="162"/>
      <c r="CG2088" s="162"/>
      <c r="CH2088" s="162"/>
      <c r="CI2088" s="162"/>
      <c r="CJ2088" s="162"/>
      <c r="CK2088" s="162"/>
      <c r="CX2088" s="98"/>
      <c r="DL2088" s="97"/>
      <c r="DX2088" s="98"/>
      <c r="EL2088" s="97"/>
      <c r="EX2088" s="98"/>
      <c r="EY2088" s="97"/>
      <c r="FL2088" s="126"/>
      <c r="FM2088" s="91"/>
      <c r="FN2088" s="91"/>
      <c r="FO2088" s="91"/>
      <c r="FP2088" s="91"/>
      <c r="FQ2088" s="91"/>
      <c r="FR2088" s="91"/>
      <c r="FS2088" s="91"/>
      <c r="FT2088" s="91"/>
      <c r="FU2088" s="91"/>
      <c r="FV2088" s="91"/>
      <c r="FW2088" s="91"/>
      <c r="FX2088" s="91"/>
      <c r="FY2088" s="91"/>
      <c r="FZ2088" s="91"/>
      <c r="GA2088" s="91"/>
      <c r="GB2088" s="91"/>
      <c r="GC2088" s="91"/>
      <c r="GD2088" s="91"/>
      <c r="GE2088" s="91"/>
      <c r="GF2088" s="91"/>
      <c r="GG2088" s="91"/>
      <c r="GH2088" s="91"/>
      <c r="GI2088" s="91"/>
      <c r="GJ2088" s="91"/>
      <c r="GK2088" s="127"/>
      <c r="GL2088" s="126"/>
      <c r="GM2088" s="91"/>
      <c r="GN2088" s="91"/>
      <c r="GO2088" s="91"/>
      <c r="GP2088" s="91"/>
      <c r="GQ2088" s="91"/>
      <c r="GR2088" s="91"/>
      <c r="GS2088" s="91"/>
      <c r="GT2088" s="91"/>
      <c r="GU2088" s="91"/>
      <c r="GV2088" s="91"/>
      <c r="GW2088" s="91"/>
      <c r="GX2088" s="91"/>
      <c r="GY2088" s="91"/>
      <c r="GZ2088" s="91"/>
      <c r="HA2088" s="91"/>
      <c r="HB2088" s="91"/>
      <c r="HC2088" s="91"/>
      <c r="HD2088" s="91"/>
      <c r="HE2088" s="91"/>
      <c r="HF2088" s="91"/>
      <c r="HG2088" s="91"/>
      <c r="HH2088" s="91"/>
      <c r="HI2088" s="91"/>
      <c r="HJ2088" s="91"/>
      <c r="HK2088" s="127"/>
      <c r="HL2088" s="126"/>
      <c r="HM2088" s="91"/>
      <c r="HN2088" s="91"/>
      <c r="HO2088" s="91"/>
      <c r="HP2088" s="91"/>
      <c r="HQ2088" s="91"/>
      <c r="HR2088" s="91"/>
      <c r="HS2088" s="91"/>
      <c r="HT2088" s="91"/>
      <c r="HU2088" s="91"/>
      <c r="HV2088" s="91"/>
      <c r="HW2088" s="91"/>
      <c r="HX2088" s="91"/>
      <c r="HY2088" s="91"/>
      <c r="HZ2088" s="91"/>
      <c r="IA2088" s="91"/>
      <c r="IB2088" s="91"/>
      <c r="IC2088" s="91"/>
      <c r="ID2088" s="91"/>
      <c r="IE2088" s="91"/>
      <c r="IF2088" s="91"/>
      <c r="IG2088" s="91"/>
      <c r="IH2088" s="91"/>
      <c r="II2088" s="91"/>
      <c r="IJ2088" s="91"/>
      <c r="IK2088" s="127"/>
    </row>
    <row r="2089" spans="2:245" x14ac:dyDescent="0.2">
      <c r="B2089" s="43"/>
      <c r="C2089" s="73"/>
      <c r="D2089" s="64"/>
      <c r="E2089" s="64"/>
      <c r="F2089" s="55"/>
      <c r="G2089" s="102"/>
      <c r="H2089" s="55"/>
      <c r="I2089" s="55"/>
      <c r="J2089" s="55"/>
      <c r="K2089" s="55"/>
      <c r="L2089" s="55"/>
      <c r="M2089" s="55"/>
      <c r="N2089" s="55"/>
      <c r="O2089" s="55"/>
      <c r="P2089" s="55"/>
      <c r="Q2089" s="55"/>
      <c r="R2089" s="55"/>
      <c r="S2089" s="55"/>
      <c r="T2089" s="55"/>
      <c r="U2089" s="55"/>
      <c r="V2089" s="55"/>
      <c r="W2089" s="55"/>
      <c r="X2089" s="55"/>
      <c r="Y2089" s="55"/>
      <c r="Z2089" s="55"/>
      <c r="AA2089" s="55"/>
      <c r="AB2089" s="55"/>
      <c r="AC2089" s="55"/>
      <c r="AD2089" s="55"/>
      <c r="AE2089" s="55"/>
      <c r="AF2089" s="55"/>
      <c r="AG2089" s="55"/>
      <c r="AY2089" s="162"/>
      <c r="AZ2089" s="162"/>
      <c r="BA2089" s="162"/>
      <c r="BB2089" s="162"/>
      <c r="BC2089" s="162"/>
      <c r="BD2089" s="162"/>
      <c r="BE2089" s="162"/>
      <c r="BF2089" s="162"/>
      <c r="BG2089" s="162"/>
      <c r="BH2089" s="162"/>
      <c r="BI2089" s="162"/>
      <c r="BJ2089" s="162"/>
      <c r="BK2089" s="162"/>
      <c r="BL2089" s="162"/>
      <c r="BM2089" s="162"/>
      <c r="BN2089" s="162"/>
      <c r="BO2089" s="162"/>
      <c r="BP2089" s="162"/>
      <c r="BQ2089" s="162"/>
      <c r="BR2089" s="162"/>
      <c r="BS2089" s="162"/>
      <c r="BT2089" s="162"/>
      <c r="BU2089" s="162"/>
      <c r="BV2089" s="162"/>
      <c r="BW2089" s="162"/>
      <c r="BX2089" s="162"/>
      <c r="BY2089" s="162"/>
      <c r="BZ2089" s="162"/>
      <c r="CA2089" s="162"/>
      <c r="CB2089" s="162"/>
      <c r="CC2089" s="162"/>
      <c r="CD2089" s="162"/>
      <c r="CE2089" s="162"/>
      <c r="CF2089" s="162"/>
      <c r="CG2089" s="162"/>
      <c r="CH2089" s="162"/>
      <c r="CI2089" s="162"/>
      <c r="CJ2089" s="162"/>
      <c r="CK2089" s="162"/>
      <c r="CX2089" s="98"/>
      <c r="DL2089" s="97"/>
      <c r="DX2089" s="98"/>
      <c r="EL2089" s="97"/>
      <c r="EX2089" s="98"/>
      <c r="EY2089" s="97"/>
      <c r="FL2089" s="126"/>
      <c r="FM2089" s="91"/>
      <c r="FN2089" s="91"/>
      <c r="FO2089" s="91"/>
      <c r="FP2089" s="91"/>
      <c r="FQ2089" s="91"/>
      <c r="FR2089" s="91"/>
      <c r="FS2089" s="91"/>
      <c r="FT2089" s="91"/>
      <c r="FU2089" s="91"/>
      <c r="FV2089" s="91"/>
      <c r="FW2089" s="91"/>
      <c r="FX2089" s="91"/>
      <c r="FY2089" s="91"/>
      <c r="FZ2089" s="91"/>
      <c r="GA2089" s="91"/>
      <c r="GB2089" s="91"/>
      <c r="GC2089" s="91"/>
      <c r="GD2089" s="91"/>
      <c r="GE2089" s="91"/>
      <c r="GF2089" s="91"/>
      <c r="GG2089" s="91"/>
      <c r="GH2089" s="91"/>
      <c r="GI2089" s="91"/>
      <c r="GJ2089" s="91"/>
      <c r="GK2089" s="127"/>
      <c r="GL2089" s="126"/>
      <c r="GM2089" s="91"/>
      <c r="GN2089" s="91"/>
      <c r="GO2089" s="91"/>
      <c r="GP2089" s="91"/>
      <c r="GQ2089" s="91"/>
      <c r="GR2089" s="91"/>
      <c r="GS2089" s="91"/>
      <c r="GT2089" s="91"/>
      <c r="GU2089" s="91"/>
      <c r="GV2089" s="91"/>
      <c r="GW2089" s="91"/>
      <c r="GX2089" s="91"/>
      <c r="GY2089" s="91"/>
      <c r="GZ2089" s="91"/>
      <c r="HA2089" s="91"/>
      <c r="HB2089" s="91"/>
      <c r="HC2089" s="91"/>
      <c r="HD2089" s="91"/>
      <c r="HE2089" s="91"/>
      <c r="HF2089" s="91"/>
      <c r="HG2089" s="91"/>
      <c r="HH2089" s="91"/>
      <c r="HI2089" s="91"/>
      <c r="HJ2089" s="91"/>
      <c r="HK2089" s="127"/>
      <c r="HL2089" s="126"/>
      <c r="HM2089" s="91"/>
      <c r="HN2089" s="91"/>
      <c r="HO2089" s="91"/>
      <c r="HP2089" s="91"/>
      <c r="HQ2089" s="91"/>
      <c r="HR2089" s="91"/>
      <c r="HS2089" s="91"/>
      <c r="HT2089" s="91"/>
      <c r="HU2089" s="91"/>
      <c r="HV2089" s="91"/>
      <c r="HW2089" s="91"/>
      <c r="HX2089" s="91"/>
      <c r="HY2089" s="91"/>
      <c r="HZ2089" s="91"/>
      <c r="IA2089" s="91"/>
      <c r="IB2089" s="91"/>
      <c r="IC2089" s="91"/>
      <c r="ID2089" s="91"/>
      <c r="IE2089" s="91"/>
      <c r="IF2089" s="91"/>
      <c r="IG2089" s="91"/>
      <c r="IH2089" s="91"/>
      <c r="II2089" s="91"/>
      <c r="IJ2089" s="91"/>
      <c r="IK2089" s="127"/>
    </row>
    <row r="2090" spans="2:245" x14ac:dyDescent="0.2">
      <c r="B2090" s="43"/>
      <c r="C2090" s="73"/>
      <c r="D2090" s="64"/>
      <c r="E2090" s="64"/>
      <c r="F2090" s="55"/>
      <c r="G2090" s="102"/>
      <c r="H2090" s="55"/>
      <c r="I2090" s="55"/>
      <c r="J2090" s="55"/>
      <c r="K2090" s="55"/>
      <c r="L2090" s="55"/>
      <c r="M2090" s="55"/>
      <c r="N2090" s="55"/>
      <c r="O2090" s="55"/>
      <c r="P2090" s="55"/>
      <c r="Q2090" s="55"/>
      <c r="R2090" s="55"/>
      <c r="S2090" s="55"/>
      <c r="T2090" s="55"/>
      <c r="U2090" s="55"/>
      <c r="V2090" s="55"/>
      <c r="W2090" s="55"/>
      <c r="X2090" s="55"/>
      <c r="Y2090" s="55"/>
      <c r="Z2090" s="55"/>
      <c r="AA2090" s="55"/>
      <c r="AB2090" s="55"/>
      <c r="AC2090" s="55"/>
      <c r="AD2090" s="55"/>
      <c r="AE2090" s="55"/>
      <c r="AF2090" s="55"/>
      <c r="AG2090" s="55"/>
      <c r="AY2090" s="162"/>
      <c r="AZ2090" s="162"/>
      <c r="BA2090" s="162"/>
      <c r="BB2090" s="162"/>
      <c r="BC2090" s="162"/>
      <c r="BD2090" s="162"/>
      <c r="BE2090" s="162"/>
      <c r="BF2090" s="162"/>
      <c r="BG2090" s="162"/>
      <c r="BH2090" s="162"/>
      <c r="BI2090" s="162"/>
      <c r="BJ2090" s="162"/>
      <c r="BK2090" s="162"/>
      <c r="BL2090" s="162"/>
      <c r="BM2090" s="162"/>
      <c r="BN2090" s="162"/>
      <c r="BO2090" s="162"/>
      <c r="BP2090" s="162"/>
      <c r="BQ2090" s="162"/>
      <c r="BR2090" s="162"/>
      <c r="BS2090" s="162"/>
      <c r="BT2090" s="162"/>
      <c r="BU2090" s="162"/>
      <c r="BV2090" s="162"/>
      <c r="BW2090" s="162"/>
      <c r="BX2090" s="162"/>
      <c r="BY2090" s="162"/>
      <c r="BZ2090" s="162"/>
      <c r="CA2090" s="162"/>
      <c r="CB2090" s="162"/>
      <c r="CC2090" s="162"/>
      <c r="CD2090" s="162"/>
      <c r="CE2090" s="162"/>
      <c r="CF2090" s="162"/>
      <c r="CG2090" s="162"/>
      <c r="CH2090" s="162"/>
      <c r="CI2090" s="162"/>
      <c r="CJ2090" s="162"/>
      <c r="CK2090" s="162"/>
      <c r="CX2090" s="98"/>
      <c r="DL2090" s="97"/>
      <c r="DX2090" s="98"/>
      <c r="EL2090" s="97"/>
      <c r="EX2090" s="98"/>
      <c r="EY2090" s="97"/>
      <c r="FL2090" s="126"/>
      <c r="FM2090" s="91"/>
      <c r="FN2090" s="91"/>
      <c r="FO2090" s="91"/>
      <c r="FP2090" s="91"/>
      <c r="FQ2090" s="91"/>
      <c r="FR2090" s="91"/>
      <c r="FS2090" s="91"/>
      <c r="FT2090" s="91"/>
      <c r="FU2090" s="91"/>
      <c r="FV2090" s="91"/>
      <c r="FW2090" s="91"/>
      <c r="FX2090" s="91"/>
      <c r="FY2090" s="91"/>
      <c r="FZ2090" s="91"/>
      <c r="GA2090" s="91"/>
      <c r="GB2090" s="91"/>
      <c r="GC2090" s="91"/>
      <c r="GD2090" s="91"/>
      <c r="GE2090" s="91"/>
      <c r="GF2090" s="91"/>
      <c r="GG2090" s="91"/>
      <c r="GH2090" s="91"/>
      <c r="GI2090" s="91"/>
      <c r="GJ2090" s="91"/>
      <c r="GK2090" s="127"/>
      <c r="GL2090" s="126"/>
      <c r="GM2090" s="91"/>
      <c r="GN2090" s="91"/>
      <c r="GO2090" s="91"/>
      <c r="GP2090" s="91"/>
      <c r="GQ2090" s="91"/>
      <c r="GR2090" s="91"/>
      <c r="GS2090" s="91"/>
      <c r="GT2090" s="91"/>
      <c r="GU2090" s="91"/>
      <c r="GV2090" s="91"/>
      <c r="GW2090" s="91"/>
      <c r="GX2090" s="91"/>
      <c r="GY2090" s="91"/>
      <c r="GZ2090" s="91"/>
      <c r="HA2090" s="91"/>
      <c r="HB2090" s="91"/>
      <c r="HC2090" s="91"/>
      <c r="HD2090" s="91"/>
      <c r="HE2090" s="91"/>
      <c r="HF2090" s="91"/>
      <c r="HG2090" s="91"/>
      <c r="HH2090" s="91"/>
      <c r="HI2090" s="91"/>
      <c r="HJ2090" s="91"/>
      <c r="HK2090" s="127"/>
      <c r="HL2090" s="126"/>
      <c r="HM2090" s="91"/>
      <c r="HN2090" s="91"/>
      <c r="HO2090" s="91"/>
      <c r="HP2090" s="91"/>
      <c r="HQ2090" s="91"/>
      <c r="HR2090" s="91"/>
      <c r="HS2090" s="91"/>
      <c r="HT2090" s="91"/>
      <c r="HU2090" s="91"/>
      <c r="HV2090" s="91"/>
      <c r="HW2090" s="91"/>
      <c r="HX2090" s="91"/>
      <c r="HY2090" s="91"/>
      <c r="HZ2090" s="91"/>
      <c r="IA2090" s="91"/>
      <c r="IB2090" s="91"/>
      <c r="IC2090" s="91"/>
      <c r="ID2090" s="91"/>
      <c r="IE2090" s="91"/>
      <c r="IF2090" s="91"/>
      <c r="IG2090" s="91"/>
      <c r="IH2090" s="91"/>
      <c r="II2090" s="91"/>
      <c r="IJ2090" s="91"/>
      <c r="IK2090" s="127"/>
    </row>
    <row r="2091" spans="2:245" x14ac:dyDescent="0.2">
      <c r="B2091" s="43"/>
      <c r="C2091" s="73"/>
      <c r="D2091" s="64"/>
      <c r="E2091" s="64"/>
      <c r="F2091" s="55"/>
      <c r="G2091" s="102"/>
      <c r="H2091" s="55"/>
      <c r="I2091" s="55"/>
      <c r="J2091" s="55"/>
      <c r="K2091" s="55"/>
      <c r="L2091" s="55"/>
      <c r="M2091" s="55"/>
      <c r="N2091" s="55"/>
      <c r="O2091" s="55"/>
      <c r="P2091" s="55"/>
      <c r="Q2091" s="55"/>
      <c r="R2091" s="55"/>
      <c r="S2091" s="55"/>
      <c r="T2091" s="55"/>
      <c r="U2091" s="55"/>
      <c r="V2091" s="55"/>
      <c r="W2091" s="55"/>
      <c r="X2091" s="55"/>
      <c r="Y2091" s="55"/>
      <c r="Z2091" s="55"/>
      <c r="AA2091" s="55"/>
      <c r="AB2091" s="55"/>
      <c r="AC2091" s="55"/>
      <c r="AD2091" s="55"/>
      <c r="AE2091" s="55"/>
      <c r="AF2091" s="55"/>
      <c r="AG2091" s="55"/>
      <c r="AY2091" s="162"/>
      <c r="AZ2091" s="162"/>
      <c r="BA2091" s="162"/>
      <c r="BB2091" s="162"/>
      <c r="BC2091" s="162"/>
      <c r="BD2091" s="162"/>
      <c r="BE2091" s="162"/>
      <c r="BF2091" s="162"/>
      <c r="BG2091" s="162"/>
      <c r="BH2091" s="162"/>
      <c r="BI2091" s="162"/>
      <c r="BJ2091" s="162"/>
      <c r="BK2091" s="162"/>
      <c r="BL2091" s="162"/>
      <c r="BM2091" s="162"/>
      <c r="BN2091" s="162"/>
      <c r="BO2091" s="162"/>
      <c r="BP2091" s="162"/>
      <c r="BQ2091" s="162"/>
      <c r="BR2091" s="162"/>
      <c r="BS2091" s="162"/>
      <c r="BT2091" s="162"/>
      <c r="BU2091" s="162"/>
      <c r="BV2091" s="162"/>
      <c r="BW2091" s="162"/>
      <c r="BX2091" s="162"/>
      <c r="BY2091" s="162"/>
      <c r="BZ2091" s="162"/>
      <c r="CA2091" s="162"/>
      <c r="CB2091" s="162"/>
      <c r="CC2091" s="162"/>
      <c r="CD2091" s="162"/>
      <c r="CE2091" s="162"/>
      <c r="CF2091" s="162"/>
      <c r="CG2091" s="162"/>
      <c r="CH2091" s="162"/>
      <c r="CI2091" s="162"/>
      <c r="CJ2091" s="162"/>
      <c r="CK2091" s="162"/>
      <c r="CX2091" s="98"/>
      <c r="DL2091" s="97"/>
      <c r="DX2091" s="98"/>
      <c r="EL2091" s="97"/>
      <c r="EX2091" s="98"/>
      <c r="EY2091" s="97"/>
      <c r="FL2091" s="126"/>
      <c r="FM2091" s="91"/>
      <c r="FN2091" s="91"/>
      <c r="FO2091" s="91"/>
      <c r="FP2091" s="91"/>
      <c r="FQ2091" s="91"/>
      <c r="FR2091" s="91"/>
      <c r="FS2091" s="91"/>
      <c r="FT2091" s="91"/>
      <c r="FU2091" s="91"/>
      <c r="FV2091" s="91"/>
      <c r="FW2091" s="91"/>
      <c r="FX2091" s="91"/>
      <c r="FY2091" s="91"/>
      <c r="FZ2091" s="91"/>
      <c r="GA2091" s="91"/>
      <c r="GB2091" s="91"/>
      <c r="GC2091" s="91"/>
      <c r="GD2091" s="91"/>
      <c r="GE2091" s="91"/>
      <c r="GF2091" s="91"/>
      <c r="GG2091" s="91"/>
      <c r="GH2091" s="91"/>
      <c r="GI2091" s="91"/>
      <c r="GJ2091" s="91"/>
      <c r="GK2091" s="127"/>
      <c r="GL2091" s="126"/>
      <c r="GM2091" s="91"/>
      <c r="GN2091" s="91"/>
      <c r="GO2091" s="91"/>
      <c r="GP2091" s="91"/>
      <c r="GQ2091" s="91"/>
      <c r="GR2091" s="91"/>
      <c r="GS2091" s="91"/>
      <c r="GT2091" s="91"/>
      <c r="GU2091" s="91"/>
      <c r="GV2091" s="91"/>
      <c r="GW2091" s="91"/>
      <c r="GX2091" s="91"/>
      <c r="GY2091" s="91"/>
      <c r="GZ2091" s="91"/>
      <c r="HA2091" s="91"/>
      <c r="HB2091" s="91"/>
      <c r="HC2091" s="91"/>
      <c r="HD2091" s="91"/>
      <c r="HE2091" s="91"/>
      <c r="HF2091" s="91"/>
      <c r="HG2091" s="91"/>
      <c r="HH2091" s="91"/>
      <c r="HI2091" s="91"/>
      <c r="HJ2091" s="91"/>
      <c r="HK2091" s="127"/>
      <c r="HL2091" s="126"/>
      <c r="HM2091" s="91"/>
      <c r="HN2091" s="91"/>
      <c r="HO2091" s="91"/>
      <c r="HP2091" s="91"/>
      <c r="HQ2091" s="91"/>
      <c r="HR2091" s="91"/>
      <c r="HS2091" s="91"/>
      <c r="HT2091" s="91"/>
      <c r="HU2091" s="91"/>
      <c r="HV2091" s="91"/>
      <c r="HW2091" s="91"/>
      <c r="HX2091" s="91"/>
      <c r="HY2091" s="91"/>
      <c r="HZ2091" s="91"/>
      <c r="IA2091" s="91"/>
      <c r="IB2091" s="91"/>
      <c r="IC2091" s="91"/>
      <c r="ID2091" s="91"/>
      <c r="IE2091" s="91"/>
      <c r="IF2091" s="91"/>
      <c r="IG2091" s="91"/>
      <c r="IH2091" s="91"/>
      <c r="II2091" s="91"/>
      <c r="IJ2091" s="91"/>
      <c r="IK2091" s="127"/>
    </row>
    <row r="2092" spans="2:245" ht="13.5" thickBot="1" x14ac:dyDescent="0.25">
      <c r="B2092" s="43"/>
      <c r="C2092" s="73"/>
      <c r="D2092" s="64"/>
      <c r="E2092" s="64"/>
      <c r="F2092" s="55"/>
      <c r="G2092" s="102"/>
      <c r="H2092" s="55"/>
      <c r="I2092" s="55"/>
      <c r="J2092" s="55"/>
      <c r="K2092" s="55"/>
      <c r="L2092" s="55"/>
      <c r="M2092" s="55"/>
      <c r="N2092" s="55"/>
      <c r="O2092" s="55"/>
      <c r="P2092" s="55"/>
      <c r="Q2092" s="55"/>
      <c r="R2092" s="55"/>
      <c r="S2092" s="55"/>
      <c r="T2092" s="55"/>
      <c r="U2092" s="55"/>
      <c r="V2092" s="55"/>
      <c r="W2092" s="55"/>
      <c r="X2092" s="55"/>
      <c r="Y2092" s="55"/>
      <c r="Z2092" s="55"/>
      <c r="AA2092" s="55"/>
      <c r="AB2092" s="55"/>
      <c r="AC2092" s="55"/>
      <c r="AD2092" s="55"/>
      <c r="AE2092" s="55"/>
      <c r="AF2092" s="55"/>
      <c r="AG2092" s="55"/>
      <c r="AY2092" s="162"/>
      <c r="AZ2092" s="162"/>
      <c r="BA2092" s="162"/>
      <c r="BB2092" s="162"/>
      <c r="BC2092" s="162"/>
      <c r="BD2092" s="162"/>
      <c r="BE2092" s="162"/>
      <c r="BF2092" s="162"/>
      <c r="BG2092" s="162"/>
      <c r="BH2092" s="162"/>
      <c r="BI2092" s="162"/>
      <c r="BJ2092" s="162"/>
      <c r="BK2092" s="162"/>
      <c r="BL2092" s="162"/>
      <c r="BM2092" s="162"/>
      <c r="BN2092" s="162"/>
      <c r="BO2092" s="162"/>
      <c r="BP2092" s="162"/>
      <c r="BQ2092" s="162"/>
      <c r="BR2092" s="162"/>
      <c r="BS2092" s="162"/>
      <c r="BT2092" s="162"/>
      <c r="BU2092" s="162"/>
      <c r="BV2092" s="162"/>
      <c r="BW2092" s="162"/>
      <c r="BX2092" s="162"/>
      <c r="BY2092" s="162"/>
      <c r="BZ2092" s="162"/>
      <c r="CA2092" s="162"/>
      <c r="CB2092" s="162"/>
      <c r="CC2092" s="162"/>
      <c r="CD2092" s="162"/>
      <c r="CE2092" s="162"/>
      <c r="CF2092" s="162"/>
      <c r="CG2092" s="162"/>
      <c r="CH2092" s="162"/>
      <c r="CI2092" s="162"/>
      <c r="CJ2092" s="162"/>
      <c r="CK2092" s="162"/>
      <c r="CX2092" s="98"/>
      <c r="DL2092" s="97"/>
      <c r="DX2092" s="98"/>
      <c r="EL2092" s="97"/>
      <c r="EX2092" s="98"/>
      <c r="EY2092" s="97"/>
      <c r="FL2092" s="126"/>
      <c r="FM2092" s="91"/>
      <c r="FN2092" s="91"/>
      <c r="FO2092" s="91"/>
      <c r="FP2092" s="91"/>
      <c r="FQ2092" s="91"/>
      <c r="FR2092" s="91"/>
      <c r="FS2092" s="91"/>
      <c r="FT2092" s="91"/>
      <c r="FU2092" s="91"/>
      <c r="FV2092" s="91"/>
      <c r="FW2092" s="91"/>
      <c r="FX2092" s="91"/>
      <c r="FY2092" s="91"/>
      <c r="FZ2092" s="91"/>
      <c r="GA2092" s="91"/>
      <c r="GB2092" s="91"/>
      <c r="GC2092" s="91"/>
      <c r="GD2092" s="91"/>
      <c r="GE2092" s="91"/>
      <c r="GF2092" s="91"/>
      <c r="GG2092" s="91"/>
      <c r="GH2092" s="91"/>
      <c r="GI2092" s="91"/>
      <c r="GJ2092" s="91"/>
      <c r="GK2092" s="127"/>
      <c r="GL2092" s="126"/>
      <c r="GM2092" s="91"/>
      <c r="GN2092" s="91"/>
      <c r="GO2092" s="91"/>
      <c r="GP2092" s="91"/>
      <c r="GQ2092" s="91"/>
      <c r="GR2092" s="91"/>
      <c r="GS2092" s="91"/>
      <c r="GT2092" s="91"/>
      <c r="GU2092" s="91"/>
      <c r="GV2092" s="91"/>
      <c r="GW2092" s="91"/>
      <c r="GX2092" s="91"/>
      <c r="GY2092" s="91"/>
      <c r="GZ2092" s="91"/>
      <c r="HA2092" s="91"/>
      <c r="HB2092" s="91"/>
      <c r="HC2092" s="91"/>
      <c r="HD2092" s="91"/>
      <c r="HE2092" s="91"/>
      <c r="HF2092" s="91"/>
      <c r="HG2092" s="91"/>
      <c r="HH2092" s="91"/>
      <c r="HI2092" s="91"/>
      <c r="HJ2092" s="91"/>
      <c r="HK2092" s="127"/>
      <c r="HL2092" s="126"/>
      <c r="HM2092" s="91"/>
      <c r="HN2092" s="91"/>
      <c r="HO2092" s="91"/>
      <c r="HP2092" s="91"/>
      <c r="HQ2092" s="91"/>
      <c r="HR2092" s="91"/>
      <c r="HS2092" s="91"/>
      <c r="HT2092" s="91"/>
      <c r="HU2092" s="91"/>
      <c r="HV2092" s="91"/>
      <c r="HW2092" s="91"/>
      <c r="HX2092" s="91"/>
      <c r="HY2092" s="91"/>
      <c r="HZ2092" s="91"/>
      <c r="IA2092" s="91"/>
      <c r="IB2092" s="91"/>
      <c r="IC2092" s="91"/>
      <c r="ID2092" s="91"/>
      <c r="IE2092" s="91"/>
      <c r="IF2092" s="91"/>
      <c r="IG2092" s="91"/>
      <c r="IH2092" s="91"/>
      <c r="II2092" s="91"/>
      <c r="IJ2092" s="91"/>
      <c r="IK2092" s="127"/>
    </row>
    <row r="2093" spans="2:245" x14ac:dyDescent="0.2">
      <c r="B2093" s="43"/>
      <c r="C2093" s="73"/>
      <c r="D2093" s="64"/>
      <c r="E2093" s="64"/>
      <c r="F2093" s="55"/>
      <c r="G2093" s="102"/>
      <c r="H2093" s="55"/>
      <c r="I2093" s="55"/>
      <c r="J2093" s="55"/>
      <c r="K2093" s="55"/>
      <c r="L2093" s="55"/>
      <c r="M2093" s="55"/>
      <c r="N2093" s="55"/>
      <c r="O2093" s="55"/>
      <c r="P2093" s="55"/>
      <c r="Q2093" s="55"/>
      <c r="R2093" s="55"/>
      <c r="S2093" s="55"/>
      <c r="T2093" s="55"/>
      <c r="U2093" s="55"/>
      <c r="V2093" s="55"/>
      <c r="W2093" s="55"/>
      <c r="X2093" s="55"/>
      <c r="Y2093" s="55"/>
      <c r="Z2093" s="55"/>
      <c r="AA2093" s="55"/>
      <c r="AB2093" s="55"/>
      <c r="AC2093" s="55"/>
      <c r="AD2093" s="55"/>
      <c r="AE2093" s="55"/>
      <c r="AF2093" s="55"/>
      <c r="AG2093" s="55"/>
      <c r="AY2093" s="162"/>
      <c r="AZ2093" s="162"/>
      <c r="BA2093" s="162"/>
      <c r="BB2093" s="162"/>
      <c r="BC2093" s="162"/>
      <c r="BD2093" s="162"/>
      <c r="BE2093" s="162"/>
      <c r="BF2093" s="162"/>
      <c r="BG2093" s="162"/>
      <c r="BH2093" s="162"/>
      <c r="BI2093" s="162"/>
      <c r="BJ2093" s="162"/>
      <c r="BK2093" s="162"/>
      <c r="BL2093" s="162"/>
      <c r="BM2093" s="162"/>
      <c r="BN2093" s="162"/>
      <c r="BO2093" s="162"/>
      <c r="BP2093" s="162"/>
      <c r="BQ2093" s="162"/>
      <c r="BR2093" s="162"/>
      <c r="BS2093" s="162"/>
      <c r="BT2093" s="162"/>
      <c r="BU2093" s="162"/>
      <c r="BV2093" s="162"/>
      <c r="BW2093" s="162"/>
      <c r="BX2093" s="162"/>
      <c r="BY2093" s="162"/>
      <c r="BZ2093" s="162"/>
      <c r="CA2093" s="162"/>
      <c r="CB2093" s="162"/>
      <c r="CC2093" s="162"/>
      <c r="CD2093" s="162"/>
      <c r="CE2093" s="162"/>
      <c r="CF2093" s="162"/>
      <c r="CG2093" s="162"/>
      <c r="CH2093" s="162"/>
      <c r="CI2093" s="162"/>
      <c r="CJ2093" s="162"/>
      <c r="CK2093" s="162"/>
      <c r="CL2093" s="163"/>
      <c r="CM2093" s="163"/>
      <c r="CN2093" s="163"/>
      <c r="CO2093" s="163"/>
      <c r="CP2093" s="163"/>
      <c r="CQ2093" s="163"/>
      <c r="CR2093" s="163"/>
      <c r="CS2093" s="163"/>
      <c r="CT2093" s="163"/>
      <c r="CU2093" s="163"/>
      <c r="CV2093" s="163"/>
      <c r="CW2093" s="163"/>
      <c r="CX2093" s="173"/>
      <c r="CY2093" s="163"/>
      <c r="CZ2093" s="163"/>
      <c r="DA2093" s="163"/>
      <c r="DB2093" s="163"/>
      <c r="DC2093" s="163"/>
      <c r="DD2093" s="163"/>
      <c r="DE2093" s="163"/>
      <c r="DF2093" s="163"/>
      <c r="DG2093" s="163"/>
      <c r="DH2093" s="163"/>
      <c r="DI2093" s="163"/>
      <c r="DJ2093" s="163"/>
      <c r="DK2093" s="163"/>
      <c r="DL2093" s="172"/>
      <c r="DM2093" s="163"/>
      <c r="DN2093" s="163"/>
      <c r="DO2093" s="163"/>
      <c r="DP2093" s="163"/>
      <c r="DQ2093" s="163"/>
      <c r="DR2093" s="163"/>
      <c r="DS2093" s="163"/>
      <c r="DT2093" s="163"/>
      <c r="DU2093" s="163"/>
      <c r="DV2093" s="163"/>
      <c r="DW2093" s="163"/>
      <c r="DX2093" s="173"/>
      <c r="DY2093" s="163"/>
      <c r="DZ2093" s="163"/>
      <c r="EA2093" s="163"/>
      <c r="EB2093" s="163"/>
      <c r="EC2093" s="163"/>
      <c r="ED2093" s="163"/>
      <c r="EE2093" s="163"/>
      <c r="EF2093" s="163"/>
      <c r="EG2093" s="163"/>
      <c r="EH2093" s="163"/>
      <c r="EI2093" s="163"/>
      <c r="EJ2093" s="163"/>
      <c r="EK2093" s="163"/>
      <c r="EL2093" s="172"/>
      <c r="EM2093" s="163"/>
      <c r="EN2093" s="163"/>
      <c r="EO2093" s="163"/>
      <c r="EP2093" s="163"/>
      <c r="EQ2093" s="163"/>
      <c r="ER2093" s="163"/>
      <c r="ES2093" s="163"/>
      <c r="ET2093" s="163"/>
      <c r="EU2093" s="163"/>
      <c r="EV2093" s="163"/>
      <c r="EW2093" s="163"/>
      <c r="EX2093" s="173"/>
      <c r="EY2093" s="172"/>
      <c r="EZ2093" s="163"/>
      <c r="FA2093" s="163"/>
      <c r="FB2093" s="163"/>
      <c r="FC2093" s="163"/>
      <c r="FD2093" s="163"/>
      <c r="FE2093" s="163"/>
      <c r="FF2093" s="163"/>
      <c r="FG2093" s="163"/>
      <c r="FH2093" s="163"/>
      <c r="FI2093" s="163"/>
      <c r="FJ2093" s="163"/>
      <c r="FK2093" s="163"/>
      <c r="FL2093" s="126"/>
      <c r="FM2093" s="91"/>
      <c r="FN2093" s="91"/>
      <c r="FO2093" s="91"/>
      <c r="FP2093" s="91"/>
      <c r="FQ2093" s="91"/>
      <c r="FR2093" s="91"/>
      <c r="FS2093" s="91"/>
      <c r="FT2093" s="91"/>
      <c r="FU2093" s="91"/>
      <c r="FV2093" s="91"/>
      <c r="FW2093" s="91"/>
      <c r="FX2093" s="91"/>
      <c r="FY2093" s="91"/>
      <c r="FZ2093" s="91"/>
      <c r="GA2093" s="91"/>
      <c r="GB2093" s="91"/>
      <c r="GC2093" s="91"/>
      <c r="GD2093" s="91"/>
      <c r="GE2093" s="91"/>
      <c r="GF2093" s="91"/>
      <c r="GG2093" s="91"/>
      <c r="GH2093" s="91"/>
      <c r="GI2093" s="91"/>
      <c r="GJ2093" s="91"/>
      <c r="GK2093" s="127"/>
      <c r="GL2093" s="126"/>
      <c r="GM2093" s="91"/>
      <c r="GN2093" s="91"/>
      <c r="GO2093" s="91"/>
      <c r="GP2093" s="91"/>
      <c r="GQ2093" s="91"/>
      <c r="GR2093" s="91"/>
      <c r="GS2093" s="91"/>
      <c r="GT2093" s="91"/>
      <c r="GU2093" s="91"/>
      <c r="GV2093" s="91"/>
      <c r="GW2093" s="91"/>
      <c r="GX2093" s="91"/>
      <c r="GY2093" s="91"/>
      <c r="GZ2093" s="91"/>
      <c r="HA2093" s="91"/>
      <c r="HB2093" s="91"/>
      <c r="HC2093" s="91"/>
      <c r="HD2093" s="91"/>
      <c r="HE2093" s="91"/>
      <c r="HF2093" s="91"/>
      <c r="HG2093" s="91"/>
      <c r="HH2093" s="91"/>
      <c r="HI2093" s="91"/>
      <c r="HJ2093" s="91"/>
      <c r="HK2093" s="127"/>
      <c r="HL2093" s="126"/>
      <c r="HM2093" s="91"/>
      <c r="HN2093" s="91"/>
      <c r="HO2093" s="91"/>
      <c r="HP2093" s="91"/>
      <c r="HQ2093" s="91"/>
      <c r="HR2093" s="91"/>
      <c r="HS2093" s="91"/>
      <c r="HT2093" s="91"/>
      <c r="HU2093" s="91"/>
      <c r="HV2093" s="91"/>
      <c r="HW2093" s="91"/>
      <c r="HX2093" s="91"/>
      <c r="HY2093" s="91"/>
      <c r="HZ2093" s="91"/>
      <c r="IA2093" s="91"/>
      <c r="IB2093" s="91"/>
      <c r="IC2093" s="91"/>
      <c r="ID2093" s="91"/>
      <c r="IE2093" s="91"/>
      <c r="IF2093" s="91"/>
      <c r="IG2093" s="91"/>
      <c r="IH2093" s="91"/>
      <c r="II2093" s="91"/>
      <c r="IJ2093" s="91"/>
      <c r="IK2093" s="127"/>
    </row>
    <row r="2094" spans="2:245" x14ac:dyDescent="0.2">
      <c r="B2094" s="43"/>
      <c r="C2094" s="73"/>
      <c r="D2094" s="64"/>
      <c r="E2094" s="64"/>
      <c r="F2094" s="55"/>
      <c r="G2094" s="102"/>
      <c r="H2094" s="55"/>
      <c r="I2094" s="55"/>
      <c r="J2094" s="55"/>
      <c r="K2094" s="55"/>
      <c r="L2094" s="55"/>
      <c r="M2094" s="55"/>
      <c r="N2094" s="55"/>
      <c r="O2094" s="55"/>
      <c r="P2094" s="55"/>
      <c r="Q2094" s="55"/>
      <c r="R2094" s="55"/>
      <c r="S2094" s="55"/>
      <c r="T2094" s="55"/>
      <c r="U2094" s="55"/>
      <c r="V2094" s="55"/>
      <c r="W2094" s="55"/>
      <c r="X2094" s="55"/>
      <c r="Y2094" s="55"/>
      <c r="Z2094" s="55"/>
      <c r="AA2094" s="55"/>
      <c r="AB2094" s="55"/>
      <c r="AC2094" s="55"/>
      <c r="AD2094" s="55"/>
      <c r="AE2094" s="55"/>
      <c r="AF2094" s="55"/>
      <c r="AG2094" s="55"/>
      <c r="AY2094" s="162"/>
      <c r="AZ2094" s="162"/>
      <c r="BA2094" s="162"/>
      <c r="BB2094" s="162"/>
      <c r="BC2094" s="162"/>
      <c r="BD2094" s="162"/>
      <c r="BE2094" s="162"/>
      <c r="BF2094" s="162"/>
      <c r="BG2094" s="162"/>
      <c r="BH2094" s="162"/>
      <c r="BI2094" s="162"/>
      <c r="BJ2094" s="162"/>
      <c r="BK2094" s="162"/>
      <c r="BL2094" s="162"/>
      <c r="BM2094" s="162"/>
      <c r="BN2094" s="162"/>
      <c r="BO2094" s="162"/>
      <c r="BP2094" s="162"/>
      <c r="BQ2094" s="162"/>
      <c r="BR2094" s="162"/>
      <c r="BS2094" s="162"/>
      <c r="BT2094" s="162"/>
      <c r="BU2094" s="162"/>
      <c r="BV2094" s="162"/>
      <c r="BW2094" s="162"/>
      <c r="BX2094" s="162"/>
      <c r="BY2094" s="162"/>
      <c r="BZ2094" s="162"/>
      <c r="CA2094" s="162"/>
      <c r="CB2094" s="162"/>
      <c r="CC2094" s="162"/>
      <c r="CD2094" s="162"/>
      <c r="CE2094" s="162"/>
      <c r="CF2094" s="162"/>
      <c r="CG2094" s="162"/>
      <c r="CH2094" s="162"/>
      <c r="CI2094" s="162"/>
      <c r="CJ2094" s="162"/>
      <c r="CK2094" s="162"/>
      <c r="CX2094" s="98"/>
      <c r="DL2094" s="97"/>
      <c r="DX2094" s="98"/>
      <c r="EL2094" s="97"/>
      <c r="EX2094" s="98"/>
      <c r="EY2094" s="97"/>
      <c r="FL2094" s="126"/>
      <c r="FM2094" s="91"/>
      <c r="FN2094" s="91"/>
      <c r="FO2094" s="91"/>
      <c r="FP2094" s="91"/>
      <c r="FQ2094" s="91"/>
      <c r="FR2094" s="91"/>
      <c r="FS2094" s="91"/>
      <c r="FT2094" s="91"/>
      <c r="FU2094" s="91"/>
      <c r="FV2094" s="91"/>
      <c r="FW2094" s="91"/>
      <c r="FX2094" s="91"/>
      <c r="FY2094" s="91"/>
      <c r="FZ2094" s="91"/>
      <c r="GA2094" s="91"/>
      <c r="GB2094" s="91"/>
      <c r="GC2094" s="91"/>
      <c r="GD2094" s="91"/>
      <c r="GE2094" s="91"/>
      <c r="GF2094" s="91"/>
      <c r="GG2094" s="91"/>
      <c r="GH2094" s="91"/>
      <c r="GI2094" s="91"/>
      <c r="GJ2094" s="91"/>
      <c r="GK2094" s="127"/>
      <c r="GL2094" s="126"/>
      <c r="GM2094" s="91"/>
      <c r="GN2094" s="91"/>
      <c r="GO2094" s="91"/>
      <c r="GP2094" s="91"/>
      <c r="GQ2094" s="91"/>
      <c r="GR2094" s="91"/>
      <c r="GS2094" s="91"/>
      <c r="GT2094" s="91"/>
      <c r="GU2094" s="91"/>
      <c r="GV2094" s="91"/>
      <c r="GW2094" s="91"/>
      <c r="GX2094" s="91"/>
      <c r="GY2094" s="91"/>
      <c r="GZ2094" s="91"/>
      <c r="HA2094" s="91"/>
      <c r="HB2094" s="91"/>
      <c r="HC2094" s="91"/>
      <c r="HD2094" s="91"/>
      <c r="HE2094" s="91"/>
      <c r="HF2094" s="91"/>
      <c r="HG2094" s="91"/>
      <c r="HH2094" s="91"/>
      <c r="HI2094" s="91"/>
      <c r="HJ2094" s="91"/>
      <c r="HK2094" s="127"/>
      <c r="HL2094" s="126"/>
      <c r="HM2094" s="91"/>
      <c r="HN2094" s="91"/>
      <c r="HO2094" s="91"/>
      <c r="HP2094" s="91"/>
      <c r="HQ2094" s="91"/>
      <c r="HR2094" s="91"/>
      <c r="HS2094" s="91"/>
      <c r="HT2094" s="91"/>
      <c r="HU2094" s="91"/>
      <c r="HV2094" s="91"/>
      <c r="HW2094" s="91"/>
      <c r="HX2094" s="91"/>
      <c r="HY2094" s="91"/>
      <c r="HZ2094" s="91"/>
      <c r="IA2094" s="91"/>
      <c r="IB2094" s="91"/>
      <c r="IC2094" s="91"/>
      <c r="ID2094" s="91"/>
      <c r="IE2094" s="91"/>
      <c r="IF2094" s="91"/>
      <c r="IG2094" s="91"/>
      <c r="IH2094" s="91"/>
      <c r="II2094" s="91"/>
      <c r="IJ2094" s="91"/>
      <c r="IK2094" s="127"/>
    </row>
    <row r="2095" spans="2:245" x14ac:dyDescent="0.2">
      <c r="B2095" s="43"/>
      <c r="C2095" s="73"/>
      <c r="D2095" s="64"/>
      <c r="E2095" s="64"/>
      <c r="F2095" s="55"/>
      <c r="G2095" s="102"/>
      <c r="H2095" s="55"/>
      <c r="I2095" s="55"/>
      <c r="J2095" s="55"/>
      <c r="K2095" s="55"/>
      <c r="L2095" s="55"/>
      <c r="M2095" s="55"/>
      <c r="N2095" s="55"/>
      <c r="O2095" s="55"/>
      <c r="P2095" s="55"/>
      <c r="Q2095" s="55"/>
      <c r="R2095" s="55"/>
      <c r="S2095" s="55"/>
      <c r="T2095" s="55"/>
      <c r="U2095" s="55"/>
      <c r="V2095" s="55"/>
      <c r="W2095" s="55"/>
      <c r="X2095" s="55"/>
      <c r="Y2095" s="55"/>
      <c r="Z2095" s="55"/>
      <c r="AA2095" s="55"/>
      <c r="AB2095" s="55"/>
      <c r="AC2095" s="55"/>
      <c r="AD2095" s="55"/>
      <c r="AE2095" s="55"/>
      <c r="AF2095" s="55"/>
      <c r="AG2095" s="55"/>
      <c r="AY2095" s="162"/>
      <c r="AZ2095" s="162"/>
      <c r="BA2095" s="162"/>
      <c r="BB2095" s="162"/>
      <c r="BC2095" s="162"/>
      <c r="BD2095" s="162"/>
      <c r="BE2095" s="162"/>
      <c r="BF2095" s="162"/>
      <c r="BG2095" s="162"/>
      <c r="BH2095" s="162"/>
      <c r="BI2095" s="162"/>
      <c r="BJ2095" s="162"/>
      <c r="BK2095" s="162"/>
      <c r="BL2095" s="162"/>
      <c r="BM2095" s="162"/>
      <c r="BN2095" s="162"/>
      <c r="BO2095" s="162"/>
      <c r="BP2095" s="162"/>
      <c r="BQ2095" s="162"/>
      <c r="BR2095" s="162"/>
      <c r="BS2095" s="162"/>
      <c r="BT2095" s="162"/>
      <c r="BU2095" s="162"/>
      <c r="BV2095" s="162"/>
      <c r="BW2095" s="162"/>
      <c r="BX2095" s="162"/>
      <c r="BY2095" s="162"/>
      <c r="BZ2095" s="162"/>
      <c r="CA2095" s="162"/>
      <c r="CB2095" s="162"/>
      <c r="CC2095" s="162"/>
      <c r="CD2095" s="162"/>
      <c r="CE2095" s="162"/>
      <c r="CF2095" s="162"/>
      <c r="CG2095" s="162"/>
      <c r="CH2095" s="162"/>
      <c r="CI2095" s="162"/>
      <c r="CJ2095" s="162"/>
      <c r="CK2095" s="162"/>
      <c r="CX2095" s="98"/>
      <c r="DL2095" s="97"/>
      <c r="DX2095" s="98"/>
      <c r="EL2095" s="97"/>
      <c r="EX2095" s="98"/>
      <c r="EY2095" s="97"/>
      <c r="FL2095" s="126"/>
      <c r="FM2095" s="91"/>
      <c r="FN2095" s="91"/>
      <c r="FO2095" s="91"/>
      <c r="FP2095" s="91"/>
      <c r="FQ2095" s="91"/>
      <c r="FR2095" s="91"/>
      <c r="FS2095" s="91"/>
      <c r="FT2095" s="91"/>
      <c r="FU2095" s="91"/>
      <c r="FV2095" s="91"/>
      <c r="FW2095" s="91"/>
      <c r="FX2095" s="91"/>
      <c r="FY2095" s="91"/>
      <c r="FZ2095" s="91"/>
      <c r="GA2095" s="91"/>
      <c r="GB2095" s="91"/>
      <c r="GC2095" s="91"/>
      <c r="GD2095" s="91"/>
      <c r="GE2095" s="91"/>
      <c r="GF2095" s="91"/>
      <c r="GG2095" s="91"/>
      <c r="GH2095" s="91"/>
      <c r="GI2095" s="91"/>
      <c r="GJ2095" s="91"/>
      <c r="GK2095" s="127"/>
      <c r="GL2095" s="126"/>
      <c r="GM2095" s="91"/>
      <c r="GN2095" s="91"/>
      <c r="GO2095" s="91"/>
      <c r="GP2095" s="91"/>
      <c r="GQ2095" s="91"/>
      <c r="GR2095" s="91"/>
      <c r="GS2095" s="91"/>
      <c r="GT2095" s="91"/>
      <c r="GU2095" s="91"/>
      <c r="GV2095" s="91"/>
      <c r="GW2095" s="91"/>
      <c r="GX2095" s="91"/>
      <c r="GY2095" s="91"/>
      <c r="GZ2095" s="91"/>
      <c r="HA2095" s="91"/>
      <c r="HB2095" s="91"/>
      <c r="HC2095" s="91"/>
      <c r="HD2095" s="91"/>
      <c r="HE2095" s="91"/>
      <c r="HF2095" s="91"/>
      <c r="HG2095" s="91"/>
      <c r="HH2095" s="91"/>
      <c r="HI2095" s="91"/>
      <c r="HJ2095" s="91"/>
      <c r="HK2095" s="127"/>
      <c r="HL2095" s="126"/>
      <c r="HM2095" s="91"/>
      <c r="HN2095" s="91"/>
      <c r="HO2095" s="91"/>
      <c r="HP2095" s="91"/>
      <c r="HQ2095" s="91"/>
      <c r="HR2095" s="91"/>
      <c r="HS2095" s="91"/>
      <c r="HT2095" s="91"/>
      <c r="HU2095" s="91"/>
      <c r="HV2095" s="91"/>
      <c r="HW2095" s="91"/>
      <c r="HX2095" s="91"/>
      <c r="HY2095" s="91"/>
      <c r="HZ2095" s="91"/>
      <c r="IA2095" s="91"/>
      <c r="IB2095" s="91"/>
      <c r="IC2095" s="91"/>
      <c r="ID2095" s="91"/>
      <c r="IE2095" s="91"/>
      <c r="IF2095" s="91"/>
      <c r="IG2095" s="91"/>
      <c r="IH2095" s="91"/>
      <c r="II2095" s="91"/>
      <c r="IJ2095" s="91"/>
      <c r="IK2095" s="127"/>
    </row>
    <row r="2096" spans="2:245" x14ac:dyDescent="0.2">
      <c r="B2096" s="43"/>
      <c r="C2096" s="73"/>
      <c r="D2096" s="64"/>
      <c r="E2096" s="64"/>
      <c r="F2096" s="55"/>
      <c r="G2096" s="102"/>
      <c r="H2096" s="55"/>
      <c r="I2096" s="55"/>
      <c r="J2096" s="55"/>
      <c r="K2096" s="55"/>
      <c r="L2096" s="55"/>
      <c r="M2096" s="55"/>
      <c r="N2096" s="55"/>
      <c r="O2096" s="55"/>
      <c r="P2096" s="55"/>
      <c r="Q2096" s="55"/>
      <c r="R2096" s="55"/>
      <c r="S2096" s="55"/>
      <c r="T2096" s="55"/>
      <c r="U2096" s="55"/>
      <c r="V2096" s="55"/>
      <c r="W2096" s="55"/>
      <c r="X2096" s="55"/>
      <c r="Y2096" s="55"/>
      <c r="Z2096" s="55"/>
      <c r="AA2096" s="55"/>
      <c r="AB2096" s="55"/>
      <c r="AC2096" s="55"/>
      <c r="AD2096" s="55"/>
      <c r="AE2096" s="55"/>
      <c r="AF2096" s="55"/>
      <c r="AG2096" s="55"/>
      <c r="AY2096" s="162"/>
      <c r="AZ2096" s="162"/>
      <c r="BA2096" s="162"/>
      <c r="BB2096" s="162"/>
      <c r="BC2096" s="162"/>
      <c r="BD2096" s="162"/>
      <c r="BE2096" s="162"/>
      <c r="BF2096" s="162"/>
      <c r="BG2096" s="162"/>
      <c r="BH2096" s="162"/>
      <c r="BI2096" s="162"/>
      <c r="BJ2096" s="162"/>
      <c r="BK2096" s="162"/>
      <c r="BL2096" s="162"/>
      <c r="BM2096" s="162"/>
      <c r="BN2096" s="162"/>
      <c r="BO2096" s="162"/>
      <c r="BP2096" s="162"/>
      <c r="BQ2096" s="162"/>
      <c r="BR2096" s="162"/>
      <c r="BS2096" s="162"/>
      <c r="BT2096" s="162"/>
      <c r="BU2096" s="162"/>
      <c r="BV2096" s="162"/>
      <c r="BW2096" s="162"/>
      <c r="BX2096" s="162"/>
      <c r="BY2096" s="162"/>
      <c r="BZ2096" s="162"/>
      <c r="CA2096" s="162"/>
      <c r="CB2096" s="162"/>
      <c r="CC2096" s="162"/>
      <c r="CD2096" s="162"/>
      <c r="CE2096" s="162"/>
      <c r="CF2096" s="162"/>
      <c r="CG2096" s="162"/>
      <c r="CH2096" s="162"/>
      <c r="CI2096" s="162"/>
      <c r="CJ2096" s="162"/>
      <c r="CK2096" s="162"/>
      <c r="CX2096" s="98"/>
      <c r="DL2096" s="97"/>
      <c r="DX2096" s="98"/>
      <c r="EL2096" s="97"/>
      <c r="EX2096" s="98"/>
      <c r="EY2096" s="97"/>
      <c r="FL2096" s="126"/>
      <c r="FM2096" s="91"/>
      <c r="FN2096" s="91"/>
      <c r="FO2096" s="91"/>
      <c r="FP2096" s="91"/>
      <c r="FQ2096" s="91"/>
      <c r="FR2096" s="91"/>
      <c r="FS2096" s="91"/>
      <c r="FT2096" s="91"/>
      <c r="FU2096" s="91"/>
      <c r="FV2096" s="91"/>
      <c r="FW2096" s="91"/>
      <c r="FX2096" s="91"/>
      <c r="FY2096" s="91"/>
      <c r="FZ2096" s="91"/>
      <c r="GA2096" s="91"/>
      <c r="GB2096" s="91"/>
      <c r="GC2096" s="91"/>
      <c r="GD2096" s="91"/>
      <c r="GE2096" s="91"/>
      <c r="GF2096" s="91"/>
      <c r="GG2096" s="91"/>
      <c r="GH2096" s="91"/>
      <c r="GI2096" s="91"/>
      <c r="GJ2096" s="91"/>
      <c r="GK2096" s="127"/>
      <c r="GL2096" s="126"/>
      <c r="GM2096" s="91"/>
      <c r="GN2096" s="91"/>
      <c r="GO2096" s="91"/>
      <c r="GP2096" s="91"/>
      <c r="GQ2096" s="91"/>
      <c r="GR2096" s="91"/>
      <c r="GS2096" s="91"/>
      <c r="GT2096" s="91"/>
      <c r="GU2096" s="91"/>
      <c r="GV2096" s="91"/>
      <c r="GW2096" s="91"/>
      <c r="GX2096" s="91"/>
      <c r="GY2096" s="91"/>
      <c r="GZ2096" s="91"/>
      <c r="HA2096" s="91"/>
      <c r="HB2096" s="91"/>
      <c r="HC2096" s="91"/>
      <c r="HD2096" s="91"/>
      <c r="HE2096" s="91"/>
      <c r="HF2096" s="91"/>
      <c r="HG2096" s="91"/>
      <c r="HH2096" s="91"/>
      <c r="HI2096" s="91"/>
      <c r="HJ2096" s="91"/>
      <c r="HK2096" s="127"/>
      <c r="HL2096" s="126"/>
      <c r="HM2096" s="91"/>
      <c r="HN2096" s="91"/>
      <c r="HO2096" s="91"/>
      <c r="HP2096" s="91"/>
      <c r="HQ2096" s="91"/>
      <c r="HR2096" s="91"/>
      <c r="HS2096" s="91"/>
      <c r="HT2096" s="91"/>
      <c r="HU2096" s="91"/>
      <c r="HV2096" s="91"/>
      <c r="HW2096" s="91"/>
      <c r="HX2096" s="91"/>
      <c r="HY2096" s="91"/>
      <c r="HZ2096" s="91"/>
      <c r="IA2096" s="91"/>
      <c r="IB2096" s="91"/>
      <c r="IC2096" s="91"/>
      <c r="ID2096" s="91"/>
      <c r="IE2096" s="91"/>
      <c r="IF2096" s="91"/>
      <c r="IG2096" s="91"/>
      <c r="IH2096" s="91"/>
      <c r="II2096" s="91"/>
      <c r="IJ2096" s="91"/>
      <c r="IK2096" s="127"/>
    </row>
    <row r="2097" spans="2:245" x14ac:dyDescent="0.2">
      <c r="B2097" s="43"/>
      <c r="C2097" s="73"/>
      <c r="D2097" s="64"/>
      <c r="E2097" s="64"/>
      <c r="F2097" s="55"/>
      <c r="G2097" s="102"/>
      <c r="H2097" s="55"/>
      <c r="I2097" s="55"/>
      <c r="J2097" s="55"/>
      <c r="K2097" s="55"/>
      <c r="L2097" s="55"/>
      <c r="M2097" s="55"/>
      <c r="N2097" s="55"/>
      <c r="O2097" s="55"/>
      <c r="P2097" s="55"/>
      <c r="Q2097" s="55"/>
      <c r="R2097" s="55"/>
      <c r="S2097" s="55"/>
      <c r="T2097" s="55"/>
      <c r="U2097" s="55"/>
      <c r="V2097" s="55"/>
      <c r="W2097" s="55"/>
      <c r="X2097" s="55"/>
      <c r="Y2097" s="55"/>
      <c r="Z2097" s="55"/>
      <c r="AA2097" s="55"/>
      <c r="AB2097" s="55"/>
      <c r="AC2097" s="55"/>
      <c r="AD2097" s="55"/>
      <c r="AE2097" s="55"/>
      <c r="AF2097" s="55"/>
      <c r="AG2097" s="55"/>
      <c r="AY2097" s="162"/>
      <c r="AZ2097" s="162"/>
      <c r="BA2097" s="162"/>
      <c r="BB2097" s="162"/>
      <c r="BC2097" s="162"/>
      <c r="BD2097" s="162"/>
      <c r="BE2097" s="162"/>
      <c r="BF2097" s="162"/>
      <c r="BG2097" s="162"/>
      <c r="BH2097" s="162"/>
      <c r="BI2097" s="162"/>
      <c r="BJ2097" s="162"/>
      <c r="BK2097" s="162"/>
      <c r="BL2097" s="162"/>
      <c r="BM2097" s="162"/>
      <c r="BN2097" s="162"/>
      <c r="BO2097" s="162"/>
      <c r="BP2097" s="162"/>
      <c r="BQ2097" s="162"/>
      <c r="BR2097" s="162"/>
      <c r="BS2097" s="162"/>
      <c r="BT2097" s="162"/>
      <c r="BU2097" s="162"/>
      <c r="BV2097" s="162"/>
      <c r="BW2097" s="162"/>
      <c r="BX2097" s="162"/>
      <c r="BY2097" s="162"/>
      <c r="BZ2097" s="162"/>
      <c r="CA2097" s="162"/>
      <c r="CB2097" s="162"/>
      <c r="CC2097" s="162"/>
      <c r="CD2097" s="162"/>
      <c r="CE2097" s="162"/>
      <c r="CF2097" s="162"/>
      <c r="CG2097" s="162"/>
      <c r="CH2097" s="162"/>
      <c r="CI2097" s="162"/>
      <c r="CJ2097" s="162"/>
      <c r="CK2097" s="162"/>
      <c r="CX2097" s="98"/>
      <c r="DL2097" s="97"/>
      <c r="DX2097" s="98"/>
      <c r="EL2097" s="97"/>
      <c r="EX2097" s="98"/>
      <c r="EY2097" s="97"/>
      <c r="FL2097" s="126"/>
      <c r="FM2097" s="91"/>
      <c r="FN2097" s="91"/>
      <c r="FO2097" s="91"/>
      <c r="FP2097" s="91"/>
      <c r="FQ2097" s="91"/>
      <c r="FR2097" s="91"/>
      <c r="FS2097" s="91"/>
      <c r="FT2097" s="91"/>
      <c r="FU2097" s="91"/>
      <c r="FV2097" s="91"/>
      <c r="FW2097" s="91"/>
      <c r="FX2097" s="91"/>
      <c r="FY2097" s="91"/>
      <c r="FZ2097" s="91"/>
      <c r="GA2097" s="91"/>
      <c r="GB2097" s="91"/>
      <c r="GC2097" s="91"/>
      <c r="GD2097" s="91"/>
      <c r="GE2097" s="91"/>
      <c r="GF2097" s="91"/>
      <c r="GG2097" s="91"/>
      <c r="GH2097" s="91"/>
      <c r="GI2097" s="91"/>
      <c r="GJ2097" s="91"/>
      <c r="GK2097" s="127"/>
      <c r="GL2097" s="126"/>
      <c r="GM2097" s="91"/>
      <c r="GN2097" s="91"/>
      <c r="GO2097" s="91"/>
      <c r="GP2097" s="91"/>
      <c r="GQ2097" s="91"/>
      <c r="GR2097" s="91"/>
      <c r="GS2097" s="91"/>
      <c r="GT2097" s="91"/>
      <c r="GU2097" s="91"/>
      <c r="GV2097" s="91"/>
      <c r="GW2097" s="91"/>
      <c r="GX2097" s="91"/>
      <c r="GY2097" s="91"/>
      <c r="GZ2097" s="91"/>
      <c r="HA2097" s="91"/>
      <c r="HB2097" s="91"/>
      <c r="HC2097" s="91"/>
      <c r="HD2097" s="91"/>
      <c r="HE2097" s="91"/>
      <c r="HF2097" s="91"/>
      <c r="HG2097" s="91"/>
      <c r="HH2097" s="91"/>
      <c r="HI2097" s="91"/>
      <c r="HJ2097" s="91"/>
      <c r="HK2097" s="127"/>
      <c r="HL2097" s="126"/>
      <c r="HM2097" s="91"/>
      <c r="HN2097" s="91"/>
      <c r="HO2097" s="91"/>
      <c r="HP2097" s="91"/>
      <c r="HQ2097" s="91"/>
      <c r="HR2097" s="91"/>
      <c r="HS2097" s="91"/>
      <c r="HT2097" s="91"/>
      <c r="HU2097" s="91"/>
      <c r="HV2097" s="91"/>
      <c r="HW2097" s="91"/>
      <c r="HX2097" s="91"/>
      <c r="HY2097" s="91"/>
      <c r="HZ2097" s="91"/>
      <c r="IA2097" s="91"/>
      <c r="IB2097" s="91"/>
      <c r="IC2097" s="91"/>
      <c r="ID2097" s="91"/>
      <c r="IE2097" s="91"/>
      <c r="IF2097" s="91"/>
      <c r="IG2097" s="91"/>
      <c r="IH2097" s="91"/>
      <c r="II2097" s="91"/>
      <c r="IJ2097" s="91"/>
      <c r="IK2097" s="127"/>
    </row>
    <row r="2098" spans="2:245" x14ac:dyDescent="0.2">
      <c r="B2098" s="43"/>
      <c r="C2098" s="73"/>
      <c r="D2098" s="64"/>
      <c r="E2098" s="64"/>
      <c r="F2098" s="55"/>
      <c r="G2098" s="102"/>
      <c r="H2098" s="55"/>
      <c r="I2098" s="55"/>
      <c r="J2098" s="55"/>
      <c r="K2098" s="55"/>
      <c r="L2098" s="55"/>
      <c r="M2098" s="55"/>
      <c r="N2098" s="55"/>
      <c r="O2098" s="55"/>
      <c r="P2098" s="55"/>
      <c r="Q2098" s="55"/>
      <c r="R2098" s="55"/>
      <c r="S2098" s="55"/>
      <c r="T2098" s="55"/>
      <c r="U2098" s="55"/>
      <c r="V2098" s="55"/>
      <c r="W2098" s="55"/>
      <c r="X2098" s="55"/>
      <c r="Y2098" s="55"/>
      <c r="Z2098" s="55"/>
      <c r="AA2098" s="55"/>
      <c r="AB2098" s="55"/>
      <c r="AC2098" s="55"/>
      <c r="AD2098" s="55"/>
      <c r="AE2098" s="55"/>
      <c r="AF2098" s="55"/>
      <c r="AG2098" s="55"/>
      <c r="AY2098" s="162"/>
      <c r="AZ2098" s="162"/>
      <c r="BA2098" s="162"/>
      <c r="BB2098" s="162"/>
      <c r="BC2098" s="162"/>
      <c r="BD2098" s="162"/>
      <c r="BE2098" s="162"/>
      <c r="BF2098" s="162"/>
      <c r="BG2098" s="162"/>
      <c r="BH2098" s="162"/>
      <c r="BI2098" s="162"/>
      <c r="BJ2098" s="162"/>
      <c r="BK2098" s="162"/>
      <c r="BL2098" s="162"/>
      <c r="BM2098" s="162"/>
      <c r="BN2098" s="162"/>
      <c r="BO2098" s="162"/>
      <c r="BP2098" s="162"/>
      <c r="BQ2098" s="162"/>
      <c r="BR2098" s="162"/>
      <c r="BS2098" s="162"/>
      <c r="BT2098" s="162"/>
      <c r="BU2098" s="162"/>
      <c r="BV2098" s="162"/>
      <c r="BW2098" s="162"/>
      <c r="BX2098" s="162"/>
      <c r="BY2098" s="162"/>
      <c r="BZ2098" s="162"/>
      <c r="CA2098" s="162"/>
      <c r="CB2098" s="162"/>
      <c r="CC2098" s="162"/>
      <c r="CD2098" s="162"/>
      <c r="CE2098" s="162"/>
      <c r="CF2098" s="162"/>
      <c r="CG2098" s="162"/>
      <c r="CH2098" s="162"/>
      <c r="CI2098" s="162"/>
      <c r="CJ2098" s="162"/>
      <c r="CK2098" s="162"/>
      <c r="CX2098" s="98"/>
      <c r="DL2098" s="97"/>
      <c r="DX2098" s="98"/>
      <c r="EL2098" s="97"/>
      <c r="EX2098" s="98"/>
      <c r="EY2098" s="97"/>
      <c r="FL2098" s="126"/>
      <c r="FM2098" s="91"/>
      <c r="FN2098" s="91"/>
      <c r="FO2098" s="91"/>
      <c r="FP2098" s="91"/>
      <c r="FQ2098" s="91"/>
      <c r="FR2098" s="91"/>
      <c r="FS2098" s="91"/>
      <c r="FT2098" s="91"/>
      <c r="FU2098" s="91"/>
      <c r="FV2098" s="91"/>
      <c r="FW2098" s="91"/>
      <c r="FX2098" s="91"/>
      <c r="FY2098" s="91"/>
      <c r="FZ2098" s="91"/>
      <c r="GA2098" s="91"/>
      <c r="GB2098" s="91"/>
      <c r="GC2098" s="91"/>
      <c r="GD2098" s="91"/>
      <c r="GE2098" s="91"/>
      <c r="GF2098" s="91"/>
      <c r="GG2098" s="91"/>
      <c r="GH2098" s="91"/>
      <c r="GI2098" s="91"/>
      <c r="GJ2098" s="91"/>
      <c r="GK2098" s="127"/>
      <c r="GL2098" s="126"/>
      <c r="GM2098" s="91"/>
      <c r="GN2098" s="91"/>
      <c r="GO2098" s="91"/>
      <c r="GP2098" s="91"/>
      <c r="GQ2098" s="91"/>
      <c r="GR2098" s="91"/>
      <c r="GS2098" s="91"/>
      <c r="GT2098" s="91"/>
      <c r="GU2098" s="91"/>
      <c r="GV2098" s="91"/>
      <c r="GW2098" s="91"/>
      <c r="GX2098" s="91"/>
      <c r="GY2098" s="91"/>
      <c r="GZ2098" s="91"/>
      <c r="HA2098" s="91"/>
      <c r="HB2098" s="91"/>
      <c r="HC2098" s="91"/>
      <c r="HD2098" s="91"/>
      <c r="HE2098" s="91"/>
      <c r="HF2098" s="91"/>
      <c r="HG2098" s="91"/>
      <c r="HH2098" s="91"/>
      <c r="HI2098" s="91"/>
      <c r="HJ2098" s="91"/>
      <c r="HK2098" s="127"/>
      <c r="HL2098" s="126"/>
      <c r="HM2098" s="91"/>
      <c r="HN2098" s="91"/>
      <c r="HO2098" s="91"/>
      <c r="HP2098" s="91"/>
      <c r="HQ2098" s="91"/>
      <c r="HR2098" s="91"/>
      <c r="HS2098" s="91"/>
      <c r="HT2098" s="91"/>
      <c r="HU2098" s="91"/>
      <c r="HV2098" s="91"/>
      <c r="HW2098" s="91"/>
      <c r="HX2098" s="91"/>
      <c r="HY2098" s="91"/>
      <c r="HZ2098" s="91"/>
      <c r="IA2098" s="91"/>
      <c r="IB2098" s="91"/>
      <c r="IC2098" s="91"/>
      <c r="ID2098" s="91"/>
      <c r="IE2098" s="91"/>
      <c r="IF2098" s="91"/>
      <c r="IG2098" s="91"/>
      <c r="IH2098" s="91"/>
      <c r="II2098" s="91"/>
      <c r="IJ2098" s="91"/>
      <c r="IK2098" s="127"/>
    </row>
    <row r="2099" spans="2:245" x14ac:dyDescent="0.2">
      <c r="B2099" s="43"/>
      <c r="C2099" s="73"/>
      <c r="D2099" s="64"/>
      <c r="E2099" s="64"/>
      <c r="F2099" s="55"/>
      <c r="G2099" s="102"/>
      <c r="H2099" s="55"/>
      <c r="I2099" s="55"/>
      <c r="J2099" s="55"/>
      <c r="K2099" s="55"/>
      <c r="L2099" s="55"/>
      <c r="M2099" s="55"/>
      <c r="N2099" s="55"/>
      <c r="O2099" s="55"/>
      <c r="P2099" s="55"/>
      <c r="Q2099" s="55"/>
      <c r="R2099" s="55"/>
      <c r="S2099" s="55"/>
      <c r="T2099" s="55"/>
      <c r="U2099" s="55"/>
      <c r="V2099" s="55"/>
      <c r="W2099" s="55"/>
      <c r="X2099" s="55"/>
      <c r="Y2099" s="55"/>
      <c r="Z2099" s="55"/>
      <c r="AA2099" s="55"/>
      <c r="AB2099" s="55"/>
      <c r="AC2099" s="55"/>
      <c r="AD2099" s="55"/>
      <c r="AE2099" s="55"/>
      <c r="AF2099" s="55"/>
      <c r="AG2099" s="55"/>
      <c r="AY2099" s="162"/>
      <c r="AZ2099" s="162"/>
      <c r="BA2099" s="162"/>
      <c r="BB2099" s="162"/>
      <c r="BC2099" s="162"/>
      <c r="BD2099" s="162"/>
      <c r="BE2099" s="162"/>
      <c r="BF2099" s="162"/>
      <c r="BG2099" s="162"/>
      <c r="BH2099" s="162"/>
      <c r="BI2099" s="162"/>
      <c r="BJ2099" s="162"/>
      <c r="BK2099" s="162"/>
      <c r="BL2099" s="162"/>
      <c r="BM2099" s="162"/>
      <c r="BN2099" s="162"/>
      <c r="BO2099" s="162"/>
      <c r="BP2099" s="162"/>
      <c r="BQ2099" s="162"/>
      <c r="BR2099" s="162"/>
      <c r="BS2099" s="162"/>
      <c r="BT2099" s="162"/>
      <c r="BU2099" s="162"/>
      <c r="BV2099" s="162"/>
      <c r="BW2099" s="162"/>
      <c r="BX2099" s="162"/>
      <c r="BY2099" s="162"/>
      <c r="BZ2099" s="162"/>
      <c r="CA2099" s="162"/>
      <c r="CB2099" s="162"/>
      <c r="CC2099" s="162"/>
      <c r="CD2099" s="162"/>
      <c r="CE2099" s="162"/>
      <c r="CF2099" s="162"/>
      <c r="CG2099" s="162"/>
      <c r="CH2099" s="162"/>
      <c r="CI2099" s="162"/>
      <c r="CJ2099" s="162"/>
      <c r="CK2099" s="162"/>
      <c r="CX2099" s="98"/>
      <c r="DL2099" s="97"/>
      <c r="DX2099" s="98"/>
      <c r="EL2099" s="97"/>
      <c r="EX2099" s="98"/>
      <c r="EY2099" s="97"/>
      <c r="FL2099" s="126"/>
      <c r="FM2099" s="91"/>
      <c r="FN2099" s="91"/>
      <c r="FO2099" s="91"/>
      <c r="FP2099" s="91"/>
      <c r="FQ2099" s="91"/>
      <c r="FR2099" s="91"/>
      <c r="FS2099" s="91"/>
      <c r="FT2099" s="91"/>
      <c r="FU2099" s="91"/>
      <c r="FV2099" s="91"/>
      <c r="FW2099" s="91"/>
      <c r="FX2099" s="91"/>
      <c r="FY2099" s="91"/>
      <c r="FZ2099" s="91"/>
      <c r="GA2099" s="91"/>
      <c r="GB2099" s="91"/>
      <c r="GC2099" s="91"/>
      <c r="GD2099" s="91"/>
      <c r="GE2099" s="91"/>
      <c r="GF2099" s="91"/>
      <c r="GG2099" s="91"/>
      <c r="GH2099" s="91"/>
      <c r="GI2099" s="91"/>
      <c r="GJ2099" s="91"/>
      <c r="GK2099" s="127"/>
      <c r="GL2099" s="126"/>
      <c r="GM2099" s="91"/>
      <c r="GN2099" s="91"/>
      <c r="GO2099" s="91"/>
      <c r="GP2099" s="91"/>
      <c r="GQ2099" s="91"/>
      <c r="GR2099" s="91"/>
      <c r="GS2099" s="91"/>
      <c r="GT2099" s="91"/>
      <c r="GU2099" s="91"/>
      <c r="GV2099" s="91"/>
      <c r="GW2099" s="91"/>
      <c r="GX2099" s="91"/>
      <c r="GY2099" s="91"/>
      <c r="GZ2099" s="91"/>
      <c r="HA2099" s="91"/>
      <c r="HB2099" s="91"/>
      <c r="HC2099" s="91"/>
      <c r="HD2099" s="91"/>
      <c r="HE2099" s="91"/>
      <c r="HF2099" s="91"/>
      <c r="HG2099" s="91"/>
      <c r="HH2099" s="91"/>
      <c r="HI2099" s="91"/>
      <c r="HJ2099" s="91"/>
      <c r="HK2099" s="127"/>
      <c r="HL2099" s="126"/>
      <c r="HM2099" s="91"/>
      <c r="HN2099" s="91"/>
      <c r="HO2099" s="91"/>
      <c r="HP2099" s="91"/>
      <c r="HQ2099" s="91"/>
      <c r="HR2099" s="91"/>
      <c r="HS2099" s="91"/>
      <c r="HT2099" s="91"/>
      <c r="HU2099" s="91"/>
      <c r="HV2099" s="91"/>
      <c r="HW2099" s="91"/>
      <c r="HX2099" s="91"/>
      <c r="HY2099" s="91"/>
      <c r="HZ2099" s="91"/>
      <c r="IA2099" s="91"/>
      <c r="IB2099" s="91"/>
      <c r="IC2099" s="91"/>
      <c r="ID2099" s="91"/>
      <c r="IE2099" s="91"/>
      <c r="IF2099" s="91"/>
      <c r="IG2099" s="91"/>
      <c r="IH2099" s="91"/>
      <c r="II2099" s="91"/>
      <c r="IJ2099" s="91"/>
      <c r="IK2099" s="127"/>
    </row>
    <row r="2100" spans="2:245" x14ac:dyDescent="0.2">
      <c r="B2100" s="43"/>
      <c r="C2100" s="73"/>
      <c r="D2100" s="64"/>
      <c r="E2100" s="64"/>
      <c r="F2100" s="55"/>
      <c r="G2100" s="102"/>
      <c r="H2100" s="55"/>
      <c r="I2100" s="55"/>
      <c r="J2100" s="55"/>
      <c r="K2100" s="55"/>
      <c r="L2100" s="55"/>
      <c r="M2100" s="55"/>
      <c r="N2100" s="55"/>
      <c r="O2100" s="55"/>
      <c r="P2100" s="55"/>
      <c r="Q2100" s="55"/>
      <c r="R2100" s="55"/>
      <c r="S2100" s="55"/>
      <c r="T2100" s="55"/>
      <c r="U2100" s="55"/>
      <c r="V2100" s="55"/>
      <c r="W2100" s="55"/>
      <c r="X2100" s="55"/>
      <c r="Y2100" s="55"/>
      <c r="Z2100" s="55"/>
      <c r="AA2100" s="55"/>
      <c r="AB2100" s="55"/>
      <c r="AC2100" s="55"/>
      <c r="AD2100" s="55"/>
      <c r="AE2100" s="55"/>
      <c r="AF2100" s="55"/>
      <c r="AG2100" s="55"/>
      <c r="AY2100" s="162"/>
      <c r="AZ2100" s="162"/>
      <c r="BA2100" s="162"/>
      <c r="BB2100" s="162"/>
      <c r="BC2100" s="162"/>
      <c r="BD2100" s="162"/>
      <c r="BE2100" s="162"/>
      <c r="BF2100" s="162"/>
      <c r="BG2100" s="162"/>
      <c r="BH2100" s="162"/>
      <c r="BI2100" s="162"/>
      <c r="BJ2100" s="162"/>
      <c r="BK2100" s="162"/>
      <c r="BL2100" s="162"/>
      <c r="BM2100" s="162"/>
      <c r="BN2100" s="162"/>
      <c r="BO2100" s="162"/>
      <c r="BP2100" s="162"/>
      <c r="BQ2100" s="162"/>
      <c r="BR2100" s="162"/>
      <c r="BS2100" s="162"/>
      <c r="BT2100" s="162"/>
      <c r="BU2100" s="162"/>
      <c r="BV2100" s="162"/>
      <c r="BW2100" s="162"/>
      <c r="BX2100" s="162"/>
      <c r="BY2100" s="162"/>
      <c r="BZ2100" s="162"/>
      <c r="CA2100" s="162"/>
      <c r="CB2100" s="162"/>
      <c r="CC2100" s="162"/>
      <c r="CD2100" s="162"/>
      <c r="CE2100" s="162"/>
      <c r="CF2100" s="162"/>
      <c r="CG2100" s="162"/>
      <c r="CH2100" s="162"/>
      <c r="CI2100" s="162"/>
      <c r="CJ2100" s="162"/>
      <c r="CK2100" s="162"/>
      <c r="CX2100" s="98"/>
      <c r="DL2100" s="97"/>
      <c r="DX2100" s="98"/>
      <c r="EL2100" s="97"/>
      <c r="EX2100" s="98"/>
      <c r="EY2100" s="97"/>
      <c r="FL2100" s="126"/>
      <c r="FM2100" s="91"/>
      <c r="FN2100" s="91"/>
      <c r="FO2100" s="91"/>
      <c r="FP2100" s="91"/>
      <c r="FQ2100" s="91"/>
      <c r="FR2100" s="91"/>
      <c r="FS2100" s="91"/>
      <c r="FT2100" s="91"/>
      <c r="FU2100" s="91"/>
      <c r="FV2100" s="91"/>
      <c r="FW2100" s="91"/>
      <c r="FX2100" s="91"/>
      <c r="FY2100" s="91"/>
      <c r="FZ2100" s="91"/>
      <c r="GA2100" s="91"/>
      <c r="GB2100" s="91"/>
      <c r="GC2100" s="91"/>
      <c r="GD2100" s="91"/>
      <c r="GE2100" s="91"/>
      <c r="GF2100" s="91"/>
      <c r="GG2100" s="91"/>
      <c r="GH2100" s="91"/>
      <c r="GI2100" s="91"/>
      <c r="GJ2100" s="91"/>
      <c r="GK2100" s="127"/>
      <c r="GL2100" s="126"/>
      <c r="GM2100" s="91"/>
      <c r="GN2100" s="91"/>
      <c r="GO2100" s="91"/>
      <c r="GP2100" s="91"/>
      <c r="GQ2100" s="91"/>
      <c r="GR2100" s="91"/>
      <c r="GS2100" s="91"/>
      <c r="GT2100" s="91"/>
      <c r="GU2100" s="91"/>
      <c r="GV2100" s="91"/>
      <c r="GW2100" s="91"/>
      <c r="GX2100" s="91"/>
      <c r="GY2100" s="91"/>
      <c r="GZ2100" s="91"/>
      <c r="HA2100" s="91"/>
      <c r="HB2100" s="91"/>
      <c r="HC2100" s="91"/>
      <c r="HD2100" s="91"/>
      <c r="HE2100" s="91"/>
      <c r="HF2100" s="91"/>
      <c r="HG2100" s="91"/>
      <c r="HH2100" s="91"/>
      <c r="HI2100" s="91"/>
      <c r="HJ2100" s="91"/>
      <c r="HK2100" s="127"/>
      <c r="HL2100" s="126"/>
      <c r="HM2100" s="91"/>
      <c r="HN2100" s="91"/>
      <c r="HO2100" s="91"/>
      <c r="HP2100" s="91"/>
      <c r="HQ2100" s="91"/>
      <c r="HR2100" s="91"/>
      <c r="HS2100" s="91"/>
      <c r="HT2100" s="91"/>
      <c r="HU2100" s="91"/>
      <c r="HV2100" s="91"/>
      <c r="HW2100" s="91"/>
      <c r="HX2100" s="91"/>
      <c r="HY2100" s="91"/>
      <c r="HZ2100" s="91"/>
      <c r="IA2100" s="91"/>
      <c r="IB2100" s="91"/>
      <c r="IC2100" s="91"/>
      <c r="ID2100" s="91"/>
      <c r="IE2100" s="91"/>
      <c r="IF2100" s="91"/>
      <c r="IG2100" s="91"/>
      <c r="IH2100" s="91"/>
      <c r="II2100" s="91"/>
      <c r="IJ2100" s="91"/>
      <c r="IK2100" s="127"/>
    </row>
    <row r="2101" spans="2:245" x14ac:dyDescent="0.2">
      <c r="B2101" s="43"/>
      <c r="C2101" s="73"/>
      <c r="D2101" s="64"/>
      <c r="E2101" s="64"/>
      <c r="F2101" s="55"/>
      <c r="G2101" s="102"/>
      <c r="H2101" s="55"/>
      <c r="I2101" s="55"/>
      <c r="J2101" s="55"/>
      <c r="K2101" s="55"/>
      <c r="L2101" s="55"/>
      <c r="M2101" s="55"/>
      <c r="N2101" s="55"/>
      <c r="O2101" s="55"/>
      <c r="P2101" s="55"/>
      <c r="Q2101" s="55"/>
      <c r="R2101" s="55"/>
      <c r="S2101" s="55"/>
      <c r="T2101" s="55"/>
      <c r="U2101" s="55"/>
      <c r="V2101" s="55"/>
      <c r="W2101" s="55"/>
      <c r="X2101" s="55"/>
      <c r="Y2101" s="55"/>
      <c r="Z2101" s="55"/>
      <c r="AA2101" s="55"/>
      <c r="AB2101" s="55"/>
      <c r="AC2101" s="55"/>
      <c r="AD2101" s="55"/>
      <c r="AE2101" s="55"/>
      <c r="AF2101" s="55"/>
      <c r="AG2101" s="55"/>
      <c r="AY2101" s="162"/>
      <c r="AZ2101" s="162"/>
      <c r="BA2101" s="162"/>
      <c r="BB2101" s="162"/>
      <c r="BC2101" s="162"/>
      <c r="BD2101" s="162"/>
      <c r="BE2101" s="162"/>
      <c r="BF2101" s="162"/>
      <c r="BG2101" s="162"/>
      <c r="BH2101" s="162"/>
      <c r="BI2101" s="162"/>
      <c r="BJ2101" s="162"/>
      <c r="BK2101" s="162"/>
      <c r="BL2101" s="162"/>
      <c r="BM2101" s="162"/>
      <c r="BN2101" s="162"/>
      <c r="BO2101" s="162"/>
      <c r="BP2101" s="162"/>
      <c r="BQ2101" s="162"/>
      <c r="BR2101" s="162"/>
      <c r="BS2101" s="162"/>
      <c r="BT2101" s="162"/>
      <c r="BU2101" s="162"/>
      <c r="BV2101" s="162"/>
      <c r="BW2101" s="162"/>
      <c r="BX2101" s="162"/>
      <c r="BY2101" s="162"/>
      <c r="BZ2101" s="162"/>
      <c r="CA2101" s="162"/>
      <c r="CB2101" s="162"/>
      <c r="CC2101" s="162"/>
      <c r="CD2101" s="162"/>
      <c r="CE2101" s="162"/>
      <c r="CF2101" s="162"/>
      <c r="CG2101" s="162"/>
      <c r="CH2101" s="162"/>
      <c r="CI2101" s="162"/>
      <c r="CJ2101" s="162"/>
      <c r="CK2101" s="162"/>
      <c r="CX2101" s="98"/>
      <c r="DL2101" s="97"/>
      <c r="DX2101" s="98"/>
      <c r="EL2101" s="97"/>
      <c r="EX2101" s="98"/>
      <c r="EY2101" s="97"/>
      <c r="FL2101" s="126"/>
      <c r="FM2101" s="91"/>
      <c r="FN2101" s="91"/>
      <c r="FO2101" s="91"/>
      <c r="FP2101" s="91"/>
      <c r="FQ2101" s="91"/>
      <c r="FR2101" s="91"/>
      <c r="FS2101" s="91"/>
      <c r="FT2101" s="91"/>
      <c r="FU2101" s="91"/>
      <c r="FV2101" s="91"/>
      <c r="FW2101" s="91"/>
      <c r="FX2101" s="91"/>
      <c r="FY2101" s="91"/>
      <c r="FZ2101" s="91"/>
      <c r="GA2101" s="91"/>
      <c r="GB2101" s="91"/>
      <c r="GC2101" s="91"/>
      <c r="GD2101" s="91"/>
      <c r="GE2101" s="91"/>
      <c r="GF2101" s="91"/>
      <c r="GG2101" s="91"/>
      <c r="GH2101" s="91"/>
      <c r="GI2101" s="91"/>
      <c r="GJ2101" s="91"/>
      <c r="GK2101" s="127"/>
      <c r="GL2101" s="126"/>
      <c r="GM2101" s="91"/>
      <c r="GN2101" s="91"/>
      <c r="GO2101" s="91"/>
      <c r="GP2101" s="91"/>
      <c r="GQ2101" s="91"/>
      <c r="GR2101" s="91"/>
      <c r="GS2101" s="91"/>
      <c r="GT2101" s="91"/>
      <c r="GU2101" s="91"/>
      <c r="GV2101" s="91"/>
      <c r="GW2101" s="91"/>
      <c r="GX2101" s="91"/>
      <c r="GY2101" s="91"/>
      <c r="GZ2101" s="91"/>
      <c r="HA2101" s="91"/>
      <c r="HB2101" s="91"/>
      <c r="HC2101" s="91"/>
      <c r="HD2101" s="91"/>
      <c r="HE2101" s="91"/>
      <c r="HF2101" s="91"/>
      <c r="HG2101" s="91"/>
      <c r="HH2101" s="91"/>
      <c r="HI2101" s="91"/>
      <c r="HJ2101" s="91"/>
      <c r="HK2101" s="127"/>
      <c r="HL2101" s="126"/>
      <c r="HM2101" s="91"/>
      <c r="HN2101" s="91"/>
      <c r="HO2101" s="91"/>
      <c r="HP2101" s="91"/>
      <c r="HQ2101" s="91"/>
      <c r="HR2101" s="91"/>
      <c r="HS2101" s="91"/>
      <c r="HT2101" s="91"/>
      <c r="HU2101" s="91"/>
      <c r="HV2101" s="91"/>
      <c r="HW2101" s="91"/>
      <c r="HX2101" s="91"/>
      <c r="HY2101" s="91"/>
      <c r="HZ2101" s="91"/>
      <c r="IA2101" s="91"/>
      <c r="IB2101" s="91"/>
      <c r="IC2101" s="91"/>
      <c r="ID2101" s="91"/>
      <c r="IE2101" s="91"/>
      <c r="IF2101" s="91"/>
      <c r="IG2101" s="91"/>
      <c r="IH2101" s="91"/>
      <c r="II2101" s="91"/>
      <c r="IJ2101" s="91"/>
      <c r="IK2101" s="127"/>
    </row>
    <row r="2102" spans="2:245" x14ac:dyDescent="0.2">
      <c r="B2102" s="43"/>
      <c r="C2102" s="73"/>
      <c r="D2102" s="64"/>
      <c r="E2102" s="64"/>
      <c r="F2102" s="55"/>
      <c r="G2102" s="102"/>
      <c r="H2102" s="55"/>
      <c r="I2102" s="55"/>
      <c r="J2102" s="55"/>
      <c r="K2102" s="55"/>
      <c r="L2102" s="55"/>
      <c r="M2102" s="55"/>
      <c r="N2102" s="55"/>
      <c r="O2102" s="55"/>
      <c r="P2102" s="55"/>
      <c r="Q2102" s="55"/>
      <c r="R2102" s="55"/>
      <c r="S2102" s="55"/>
      <c r="T2102" s="55"/>
      <c r="U2102" s="55"/>
      <c r="V2102" s="55"/>
      <c r="W2102" s="55"/>
      <c r="X2102" s="55"/>
      <c r="Y2102" s="55"/>
      <c r="Z2102" s="55"/>
      <c r="AA2102" s="55"/>
      <c r="AB2102" s="55"/>
      <c r="AC2102" s="55"/>
      <c r="AD2102" s="55"/>
      <c r="AE2102" s="55"/>
      <c r="AF2102" s="55"/>
      <c r="AG2102" s="55"/>
      <c r="AY2102" s="162"/>
      <c r="AZ2102" s="162"/>
      <c r="BA2102" s="162"/>
      <c r="BB2102" s="162"/>
      <c r="BC2102" s="162"/>
      <c r="BD2102" s="162"/>
      <c r="BE2102" s="162"/>
      <c r="BF2102" s="162"/>
      <c r="BG2102" s="162"/>
      <c r="BH2102" s="162"/>
      <c r="BI2102" s="162"/>
      <c r="BJ2102" s="162"/>
      <c r="BK2102" s="162"/>
      <c r="BL2102" s="162"/>
      <c r="BM2102" s="162"/>
      <c r="BN2102" s="162"/>
      <c r="BO2102" s="162"/>
      <c r="BP2102" s="162"/>
      <c r="BQ2102" s="162"/>
      <c r="BR2102" s="162"/>
      <c r="BS2102" s="162"/>
      <c r="BT2102" s="162"/>
      <c r="BU2102" s="162"/>
      <c r="BV2102" s="162"/>
      <c r="BW2102" s="162"/>
      <c r="BX2102" s="162"/>
      <c r="BY2102" s="162"/>
      <c r="BZ2102" s="162"/>
      <c r="CA2102" s="162"/>
      <c r="CB2102" s="162"/>
      <c r="CC2102" s="162"/>
      <c r="CD2102" s="162"/>
      <c r="CE2102" s="162"/>
      <c r="CF2102" s="162"/>
      <c r="CG2102" s="162"/>
      <c r="CH2102" s="162"/>
      <c r="CI2102" s="162"/>
      <c r="CJ2102" s="162"/>
      <c r="CK2102" s="162"/>
      <c r="CX2102" s="98"/>
      <c r="DL2102" s="97"/>
      <c r="DX2102" s="98"/>
      <c r="EL2102" s="97"/>
      <c r="EX2102" s="98"/>
      <c r="EY2102" s="97"/>
      <c r="FL2102" s="126"/>
      <c r="FM2102" s="91"/>
      <c r="FN2102" s="91"/>
      <c r="FO2102" s="91"/>
      <c r="FP2102" s="91"/>
      <c r="FQ2102" s="91"/>
      <c r="FR2102" s="91"/>
      <c r="FS2102" s="91"/>
      <c r="FT2102" s="91"/>
      <c r="FU2102" s="91"/>
      <c r="FV2102" s="91"/>
      <c r="FW2102" s="91"/>
      <c r="FX2102" s="91"/>
      <c r="FY2102" s="91"/>
      <c r="FZ2102" s="91"/>
      <c r="GA2102" s="91"/>
      <c r="GB2102" s="91"/>
      <c r="GC2102" s="91"/>
      <c r="GD2102" s="91"/>
      <c r="GE2102" s="91"/>
      <c r="GF2102" s="91"/>
      <c r="GG2102" s="91"/>
      <c r="GH2102" s="91"/>
      <c r="GI2102" s="91"/>
      <c r="GJ2102" s="91"/>
      <c r="GK2102" s="127"/>
      <c r="GL2102" s="126"/>
      <c r="GM2102" s="91"/>
      <c r="GN2102" s="91"/>
      <c r="GO2102" s="91"/>
      <c r="GP2102" s="91"/>
      <c r="GQ2102" s="91"/>
      <c r="GR2102" s="91"/>
      <c r="GS2102" s="91"/>
      <c r="GT2102" s="91"/>
      <c r="GU2102" s="91"/>
      <c r="GV2102" s="91"/>
      <c r="GW2102" s="91"/>
      <c r="GX2102" s="91"/>
      <c r="GY2102" s="91"/>
      <c r="GZ2102" s="91"/>
      <c r="HA2102" s="91"/>
      <c r="HB2102" s="91"/>
      <c r="HC2102" s="91"/>
      <c r="HD2102" s="91"/>
      <c r="HE2102" s="91"/>
      <c r="HF2102" s="91"/>
      <c r="HG2102" s="91"/>
      <c r="HH2102" s="91"/>
      <c r="HI2102" s="91"/>
      <c r="HJ2102" s="91"/>
      <c r="HK2102" s="127"/>
      <c r="HL2102" s="126"/>
      <c r="HM2102" s="91"/>
      <c r="HN2102" s="91"/>
      <c r="HO2102" s="91"/>
      <c r="HP2102" s="91"/>
      <c r="HQ2102" s="91"/>
      <c r="HR2102" s="91"/>
      <c r="HS2102" s="91"/>
      <c r="HT2102" s="91"/>
      <c r="HU2102" s="91"/>
      <c r="HV2102" s="91"/>
      <c r="HW2102" s="91"/>
      <c r="HX2102" s="91"/>
      <c r="HY2102" s="91"/>
      <c r="HZ2102" s="91"/>
      <c r="IA2102" s="91"/>
      <c r="IB2102" s="91"/>
      <c r="IC2102" s="91"/>
      <c r="ID2102" s="91"/>
      <c r="IE2102" s="91"/>
      <c r="IF2102" s="91"/>
      <c r="IG2102" s="91"/>
      <c r="IH2102" s="91"/>
      <c r="II2102" s="91"/>
      <c r="IJ2102" s="91"/>
      <c r="IK2102" s="127"/>
    </row>
    <row r="2103" spans="2:245" x14ac:dyDescent="0.2">
      <c r="B2103" s="43"/>
      <c r="C2103" s="73"/>
      <c r="D2103" s="64"/>
      <c r="E2103" s="64"/>
      <c r="F2103" s="55"/>
      <c r="G2103" s="102"/>
      <c r="H2103" s="55"/>
      <c r="I2103" s="55"/>
      <c r="J2103" s="55"/>
      <c r="K2103" s="55"/>
      <c r="L2103" s="55"/>
      <c r="M2103" s="55"/>
      <c r="N2103" s="55"/>
      <c r="O2103" s="55"/>
      <c r="P2103" s="55"/>
      <c r="Q2103" s="55"/>
      <c r="R2103" s="55"/>
      <c r="S2103" s="55"/>
      <c r="T2103" s="55"/>
      <c r="U2103" s="55"/>
      <c r="V2103" s="55"/>
      <c r="W2103" s="55"/>
      <c r="X2103" s="55"/>
      <c r="Y2103" s="55"/>
      <c r="Z2103" s="55"/>
      <c r="AA2103" s="55"/>
      <c r="AB2103" s="55"/>
      <c r="AC2103" s="55"/>
      <c r="AD2103" s="55"/>
      <c r="AE2103" s="55"/>
      <c r="AF2103" s="55"/>
      <c r="AG2103" s="55"/>
      <c r="AY2103" s="162"/>
      <c r="AZ2103" s="162"/>
      <c r="BA2103" s="162"/>
      <c r="BB2103" s="162"/>
      <c r="BC2103" s="162"/>
      <c r="BD2103" s="162"/>
      <c r="BE2103" s="162"/>
      <c r="BF2103" s="162"/>
      <c r="BG2103" s="162"/>
      <c r="BH2103" s="162"/>
      <c r="BI2103" s="162"/>
      <c r="BJ2103" s="162"/>
      <c r="BK2103" s="162"/>
      <c r="BL2103" s="162"/>
      <c r="BM2103" s="162"/>
      <c r="BN2103" s="162"/>
      <c r="BO2103" s="162"/>
      <c r="BP2103" s="162"/>
      <c r="BQ2103" s="162"/>
      <c r="BR2103" s="162"/>
      <c r="BS2103" s="162"/>
      <c r="BT2103" s="162"/>
      <c r="BU2103" s="162"/>
      <c r="BV2103" s="162"/>
      <c r="BW2103" s="162"/>
      <c r="BX2103" s="162"/>
      <c r="BY2103" s="162"/>
      <c r="BZ2103" s="162"/>
      <c r="CA2103" s="162"/>
      <c r="CB2103" s="162"/>
      <c r="CC2103" s="162"/>
      <c r="CD2103" s="162"/>
      <c r="CE2103" s="162"/>
      <c r="CF2103" s="162"/>
      <c r="CG2103" s="162"/>
      <c r="CH2103" s="162"/>
      <c r="CI2103" s="162"/>
      <c r="CJ2103" s="162"/>
      <c r="CK2103" s="162"/>
      <c r="CX2103" s="98"/>
      <c r="DL2103" s="97"/>
      <c r="DX2103" s="98"/>
      <c r="EL2103" s="97"/>
      <c r="EX2103" s="98"/>
      <c r="EY2103" s="97"/>
      <c r="FL2103" s="126"/>
      <c r="FM2103" s="91"/>
      <c r="FN2103" s="91"/>
      <c r="FO2103" s="91"/>
      <c r="FP2103" s="91"/>
      <c r="FQ2103" s="91"/>
      <c r="FR2103" s="91"/>
      <c r="FS2103" s="91"/>
      <c r="FT2103" s="91"/>
      <c r="FU2103" s="91"/>
      <c r="FV2103" s="91"/>
      <c r="FW2103" s="91"/>
      <c r="FX2103" s="91"/>
      <c r="FY2103" s="91"/>
      <c r="FZ2103" s="91"/>
      <c r="GA2103" s="91"/>
      <c r="GB2103" s="91"/>
      <c r="GC2103" s="91"/>
      <c r="GD2103" s="91"/>
      <c r="GE2103" s="91"/>
      <c r="GF2103" s="91"/>
      <c r="GG2103" s="91"/>
      <c r="GH2103" s="91"/>
      <c r="GI2103" s="91"/>
      <c r="GJ2103" s="91"/>
      <c r="GK2103" s="127"/>
      <c r="GL2103" s="126"/>
      <c r="GM2103" s="91"/>
      <c r="GN2103" s="91"/>
      <c r="GO2103" s="91"/>
      <c r="GP2103" s="91"/>
      <c r="GQ2103" s="91"/>
      <c r="GR2103" s="91"/>
      <c r="GS2103" s="91"/>
      <c r="GT2103" s="91"/>
      <c r="GU2103" s="91"/>
      <c r="GV2103" s="91"/>
      <c r="GW2103" s="91"/>
      <c r="GX2103" s="91"/>
      <c r="GY2103" s="91"/>
      <c r="GZ2103" s="91"/>
      <c r="HA2103" s="91"/>
      <c r="HB2103" s="91"/>
      <c r="HC2103" s="91"/>
      <c r="HD2103" s="91"/>
      <c r="HE2103" s="91"/>
      <c r="HF2103" s="91"/>
      <c r="HG2103" s="91"/>
      <c r="HH2103" s="91"/>
      <c r="HI2103" s="91"/>
      <c r="HJ2103" s="91"/>
      <c r="HK2103" s="127"/>
      <c r="HL2103" s="126"/>
      <c r="HM2103" s="91"/>
      <c r="HN2103" s="91"/>
      <c r="HO2103" s="91"/>
      <c r="HP2103" s="91"/>
      <c r="HQ2103" s="91"/>
      <c r="HR2103" s="91"/>
      <c r="HS2103" s="91"/>
      <c r="HT2103" s="91"/>
      <c r="HU2103" s="91"/>
      <c r="HV2103" s="91"/>
      <c r="HW2103" s="91"/>
      <c r="HX2103" s="91"/>
      <c r="HY2103" s="91"/>
      <c r="HZ2103" s="91"/>
      <c r="IA2103" s="91"/>
      <c r="IB2103" s="91"/>
      <c r="IC2103" s="91"/>
      <c r="ID2103" s="91"/>
      <c r="IE2103" s="91"/>
      <c r="IF2103" s="91"/>
      <c r="IG2103" s="91"/>
      <c r="IH2103" s="91"/>
      <c r="II2103" s="91"/>
      <c r="IJ2103" s="91"/>
      <c r="IK2103" s="127"/>
    </row>
    <row r="2104" spans="2:245" x14ac:dyDescent="0.2">
      <c r="B2104" s="43"/>
      <c r="C2104" s="73"/>
      <c r="D2104" s="64"/>
      <c r="E2104" s="64"/>
      <c r="F2104" s="55"/>
      <c r="G2104" s="102"/>
      <c r="H2104" s="55"/>
      <c r="I2104" s="55"/>
      <c r="J2104" s="55"/>
      <c r="K2104" s="55"/>
      <c r="L2104" s="55"/>
      <c r="M2104" s="55"/>
      <c r="N2104" s="55"/>
      <c r="O2104" s="55"/>
      <c r="P2104" s="55"/>
      <c r="Q2104" s="55"/>
      <c r="R2104" s="55"/>
      <c r="S2104" s="55"/>
      <c r="T2104" s="55"/>
      <c r="U2104" s="55"/>
      <c r="V2104" s="55"/>
      <c r="W2104" s="55"/>
      <c r="X2104" s="55"/>
      <c r="Y2104" s="55"/>
      <c r="Z2104" s="55"/>
      <c r="AA2104" s="55"/>
      <c r="AB2104" s="55"/>
      <c r="AC2104" s="55"/>
      <c r="AD2104" s="55"/>
      <c r="AE2104" s="55"/>
      <c r="AF2104" s="55"/>
      <c r="AG2104" s="55"/>
      <c r="AY2104" s="162"/>
      <c r="AZ2104" s="162"/>
      <c r="BA2104" s="162"/>
      <c r="BB2104" s="162"/>
      <c r="BC2104" s="162"/>
      <c r="BD2104" s="162"/>
      <c r="BE2104" s="162"/>
      <c r="BF2104" s="162"/>
      <c r="BG2104" s="162"/>
      <c r="BH2104" s="162"/>
      <c r="BI2104" s="162"/>
      <c r="BJ2104" s="162"/>
      <c r="BK2104" s="162"/>
      <c r="BL2104" s="162"/>
      <c r="BM2104" s="162"/>
      <c r="BN2104" s="162"/>
      <c r="BO2104" s="162"/>
      <c r="BP2104" s="162"/>
      <c r="BQ2104" s="162"/>
      <c r="BR2104" s="162"/>
      <c r="BS2104" s="162"/>
      <c r="BT2104" s="162"/>
      <c r="BU2104" s="162"/>
      <c r="BV2104" s="162"/>
      <c r="BW2104" s="162"/>
      <c r="BX2104" s="162"/>
      <c r="BY2104" s="162"/>
      <c r="BZ2104" s="162"/>
      <c r="CA2104" s="162"/>
      <c r="CB2104" s="162"/>
      <c r="CC2104" s="162"/>
      <c r="CD2104" s="162"/>
      <c r="CE2104" s="162"/>
      <c r="CF2104" s="162"/>
      <c r="CG2104" s="162"/>
      <c r="CH2104" s="162"/>
      <c r="CI2104" s="162"/>
      <c r="CJ2104" s="162"/>
      <c r="CK2104" s="162"/>
      <c r="CX2104" s="98"/>
      <c r="DL2104" s="97"/>
      <c r="DX2104" s="98"/>
      <c r="EL2104" s="97"/>
      <c r="EX2104" s="98"/>
      <c r="EY2104" s="97"/>
      <c r="FL2104" s="126"/>
      <c r="FM2104" s="91"/>
      <c r="FN2104" s="91"/>
      <c r="FO2104" s="91"/>
      <c r="FP2104" s="91"/>
      <c r="FQ2104" s="91"/>
      <c r="FR2104" s="91"/>
      <c r="FS2104" s="91"/>
      <c r="FT2104" s="91"/>
      <c r="FU2104" s="91"/>
      <c r="FV2104" s="91"/>
      <c r="FW2104" s="91"/>
      <c r="FX2104" s="91"/>
      <c r="FY2104" s="91"/>
      <c r="FZ2104" s="91"/>
      <c r="GA2104" s="91"/>
      <c r="GB2104" s="91"/>
      <c r="GC2104" s="91"/>
      <c r="GD2104" s="91"/>
      <c r="GE2104" s="91"/>
      <c r="GF2104" s="91"/>
      <c r="GG2104" s="91"/>
      <c r="GH2104" s="91"/>
      <c r="GI2104" s="91"/>
      <c r="GJ2104" s="91"/>
      <c r="GK2104" s="127"/>
      <c r="GL2104" s="126"/>
      <c r="GM2104" s="91"/>
      <c r="GN2104" s="91"/>
      <c r="GO2104" s="91"/>
      <c r="GP2104" s="91"/>
      <c r="GQ2104" s="91"/>
      <c r="GR2104" s="91"/>
      <c r="GS2104" s="91"/>
      <c r="GT2104" s="91"/>
      <c r="GU2104" s="91"/>
      <c r="GV2104" s="91"/>
      <c r="GW2104" s="91"/>
      <c r="GX2104" s="91"/>
      <c r="GY2104" s="91"/>
      <c r="GZ2104" s="91"/>
      <c r="HA2104" s="91"/>
      <c r="HB2104" s="91"/>
      <c r="HC2104" s="91"/>
      <c r="HD2104" s="91"/>
      <c r="HE2104" s="91"/>
      <c r="HF2104" s="91"/>
      <c r="HG2104" s="91"/>
      <c r="HH2104" s="91"/>
      <c r="HI2104" s="91"/>
      <c r="HJ2104" s="91"/>
      <c r="HK2104" s="127"/>
      <c r="HL2104" s="126"/>
      <c r="HM2104" s="91"/>
      <c r="HN2104" s="91"/>
      <c r="HO2104" s="91"/>
      <c r="HP2104" s="91"/>
      <c r="HQ2104" s="91"/>
      <c r="HR2104" s="91"/>
      <c r="HS2104" s="91"/>
      <c r="HT2104" s="91"/>
      <c r="HU2104" s="91"/>
      <c r="HV2104" s="91"/>
      <c r="HW2104" s="91"/>
      <c r="HX2104" s="91"/>
      <c r="HY2104" s="91"/>
      <c r="HZ2104" s="91"/>
      <c r="IA2104" s="91"/>
      <c r="IB2104" s="91"/>
      <c r="IC2104" s="91"/>
      <c r="ID2104" s="91"/>
      <c r="IE2104" s="91"/>
      <c r="IF2104" s="91"/>
      <c r="IG2104" s="91"/>
      <c r="IH2104" s="91"/>
      <c r="II2104" s="91"/>
      <c r="IJ2104" s="91"/>
      <c r="IK2104" s="127"/>
    </row>
    <row r="2105" spans="2:245" x14ac:dyDescent="0.2">
      <c r="B2105" s="43"/>
      <c r="C2105" s="73"/>
      <c r="D2105" s="64"/>
      <c r="E2105" s="64"/>
      <c r="F2105" s="55"/>
      <c r="G2105" s="102"/>
      <c r="H2105" s="55"/>
      <c r="I2105" s="55"/>
      <c r="J2105" s="55"/>
      <c r="K2105" s="55"/>
      <c r="L2105" s="55"/>
      <c r="M2105" s="55"/>
      <c r="N2105" s="55"/>
      <c r="O2105" s="55"/>
      <c r="P2105" s="55"/>
      <c r="Q2105" s="55"/>
      <c r="R2105" s="55"/>
      <c r="S2105" s="55"/>
      <c r="T2105" s="55"/>
      <c r="U2105" s="55"/>
      <c r="V2105" s="55"/>
      <c r="W2105" s="55"/>
      <c r="X2105" s="55"/>
      <c r="Y2105" s="55"/>
      <c r="Z2105" s="55"/>
      <c r="AA2105" s="55"/>
      <c r="AB2105" s="55"/>
      <c r="AC2105" s="55"/>
      <c r="AD2105" s="55"/>
      <c r="AE2105" s="55"/>
      <c r="AF2105" s="55"/>
      <c r="AG2105" s="55"/>
      <c r="AY2105" s="162"/>
      <c r="AZ2105" s="162"/>
      <c r="BA2105" s="162"/>
      <c r="BB2105" s="162"/>
      <c r="BC2105" s="162"/>
      <c r="BD2105" s="162"/>
      <c r="BE2105" s="162"/>
      <c r="BF2105" s="162"/>
      <c r="BG2105" s="162"/>
      <c r="BH2105" s="162"/>
      <c r="BI2105" s="162"/>
      <c r="BJ2105" s="162"/>
      <c r="BK2105" s="162"/>
      <c r="BL2105" s="162"/>
      <c r="BM2105" s="162"/>
      <c r="BN2105" s="162"/>
      <c r="BO2105" s="162"/>
      <c r="BP2105" s="162"/>
      <c r="BQ2105" s="162"/>
      <c r="BR2105" s="162"/>
      <c r="BS2105" s="162"/>
      <c r="BT2105" s="162"/>
      <c r="BU2105" s="162"/>
      <c r="BV2105" s="162"/>
      <c r="BW2105" s="162"/>
      <c r="BX2105" s="162"/>
      <c r="BY2105" s="162"/>
      <c r="BZ2105" s="162"/>
      <c r="CA2105" s="162"/>
      <c r="CB2105" s="162"/>
      <c r="CC2105" s="162"/>
      <c r="CD2105" s="162"/>
      <c r="CE2105" s="162"/>
      <c r="CF2105" s="162"/>
      <c r="CG2105" s="162"/>
      <c r="CH2105" s="162"/>
      <c r="CI2105" s="162"/>
      <c r="CJ2105" s="162"/>
      <c r="CK2105" s="162"/>
      <c r="CX2105" s="98"/>
      <c r="DL2105" s="97"/>
      <c r="DX2105" s="98"/>
      <c r="EL2105" s="97"/>
      <c r="EX2105" s="98"/>
      <c r="EY2105" s="97"/>
      <c r="FL2105" s="126"/>
      <c r="FM2105" s="91"/>
      <c r="FN2105" s="91"/>
      <c r="FO2105" s="91"/>
      <c r="FP2105" s="91"/>
      <c r="FQ2105" s="91"/>
      <c r="FR2105" s="91"/>
      <c r="FS2105" s="91"/>
      <c r="FT2105" s="91"/>
      <c r="FU2105" s="91"/>
      <c r="FV2105" s="91"/>
      <c r="FW2105" s="91"/>
      <c r="FX2105" s="91"/>
      <c r="FY2105" s="91"/>
      <c r="FZ2105" s="91"/>
      <c r="GA2105" s="91"/>
      <c r="GB2105" s="91"/>
      <c r="GC2105" s="91"/>
      <c r="GD2105" s="91"/>
      <c r="GE2105" s="91"/>
      <c r="GF2105" s="91"/>
      <c r="GG2105" s="91"/>
      <c r="GH2105" s="91"/>
      <c r="GI2105" s="91"/>
      <c r="GJ2105" s="91"/>
      <c r="GK2105" s="127"/>
      <c r="GL2105" s="126"/>
      <c r="GM2105" s="91"/>
      <c r="GN2105" s="91"/>
      <c r="GO2105" s="91"/>
      <c r="GP2105" s="91"/>
      <c r="GQ2105" s="91"/>
      <c r="GR2105" s="91"/>
      <c r="GS2105" s="91"/>
      <c r="GT2105" s="91"/>
      <c r="GU2105" s="91"/>
      <c r="GV2105" s="91"/>
      <c r="GW2105" s="91"/>
      <c r="GX2105" s="91"/>
      <c r="GY2105" s="91"/>
      <c r="GZ2105" s="91"/>
      <c r="HA2105" s="91"/>
      <c r="HB2105" s="91"/>
      <c r="HC2105" s="91"/>
      <c r="HD2105" s="91"/>
      <c r="HE2105" s="91"/>
      <c r="HF2105" s="91"/>
      <c r="HG2105" s="91"/>
      <c r="HH2105" s="91"/>
      <c r="HI2105" s="91"/>
      <c r="HJ2105" s="91"/>
      <c r="HK2105" s="127"/>
      <c r="HL2105" s="126"/>
      <c r="HM2105" s="91"/>
      <c r="HN2105" s="91"/>
      <c r="HO2105" s="91"/>
      <c r="HP2105" s="91"/>
      <c r="HQ2105" s="91"/>
      <c r="HR2105" s="91"/>
      <c r="HS2105" s="91"/>
      <c r="HT2105" s="91"/>
      <c r="HU2105" s="91"/>
      <c r="HV2105" s="91"/>
      <c r="HW2105" s="91"/>
      <c r="HX2105" s="91"/>
      <c r="HY2105" s="91"/>
      <c r="HZ2105" s="91"/>
      <c r="IA2105" s="91"/>
      <c r="IB2105" s="91"/>
      <c r="IC2105" s="91"/>
      <c r="ID2105" s="91"/>
      <c r="IE2105" s="91"/>
      <c r="IF2105" s="91"/>
      <c r="IG2105" s="91"/>
      <c r="IH2105" s="91"/>
      <c r="II2105" s="91"/>
      <c r="IJ2105" s="91"/>
      <c r="IK2105" s="127"/>
    </row>
    <row r="2106" spans="2:245" x14ac:dyDescent="0.2">
      <c r="B2106" s="43"/>
      <c r="C2106" s="73"/>
      <c r="D2106" s="64"/>
      <c r="E2106" s="64"/>
      <c r="F2106" s="55"/>
      <c r="G2106" s="102"/>
      <c r="H2106" s="55"/>
      <c r="I2106" s="55"/>
      <c r="J2106" s="55"/>
      <c r="K2106" s="55"/>
      <c r="L2106" s="55"/>
      <c r="M2106" s="55"/>
      <c r="N2106" s="55"/>
      <c r="O2106" s="55"/>
      <c r="P2106" s="55"/>
      <c r="Q2106" s="55"/>
      <c r="R2106" s="55"/>
      <c r="S2106" s="55"/>
      <c r="T2106" s="55"/>
      <c r="U2106" s="55"/>
      <c r="V2106" s="55"/>
      <c r="W2106" s="55"/>
      <c r="X2106" s="55"/>
      <c r="Y2106" s="55"/>
      <c r="Z2106" s="55"/>
      <c r="AA2106" s="55"/>
      <c r="AB2106" s="55"/>
      <c r="AC2106" s="55"/>
      <c r="AD2106" s="55"/>
      <c r="AE2106" s="55"/>
      <c r="AF2106" s="55"/>
      <c r="AG2106" s="55"/>
      <c r="AY2106" s="162"/>
      <c r="AZ2106" s="162"/>
      <c r="BA2106" s="162"/>
      <c r="BB2106" s="162"/>
      <c r="BC2106" s="162"/>
      <c r="BD2106" s="162"/>
      <c r="BE2106" s="162"/>
      <c r="BF2106" s="162"/>
      <c r="BG2106" s="162"/>
      <c r="BH2106" s="162"/>
      <c r="BI2106" s="162"/>
      <c r="BJ2106" s="162"/>
      <c r="BK2106" s="162"/>
      <c r="BL2106" s="162"/>
      <c r="BM2106" s="162"/>
      <c r="BN2106" s="162"/>
      <c r="BO2106" s="162"/>
      <c r="BP2106" s="162"/>
      <c r="BQ2106" s="162"/>
      <c r="BR2106" s="162"/>
      <c r="BS2106" s="162"/>
      <c r="BT2106" s="162"/>
      <c r="BU2106" s="162"/>
      <c r="BV2106" s="162"/>
      <c r="BW2106" s="162"/>
      <c r="BX2106" s="162"/>
      <c r="BY2106" s="162"/>
      <c r="BZ2106" s="162"/>
      <c r="CA2106" s="162"/>
      <c r="CB2106" s="162"/>
      <c r="CC2106" s="162"/>
      <c r="CD2106" s="162"/>
      <c r="CE2106" s="162"/>
      <c r="CF2106" s="162"/>
      <c r="CG2106" s="162"/>
      <c r="CH2106" s="162"/>
      <c r="CI2106" s="162"/>
      <c r="CJ2106" s="162"/>
      <c r="CK2106" s="162"/>
      <c r="CX2106" s="98"/>
      <c r="DL2106" s="97"/>
      <c r="DX2106" s="98"/>
      <c r="EL2106" s="97"/>
      <c r="EX2106" s="98"/>
      <c r="EY2106" s="97"/>
      <c r="FL2106" s="126"/>
      <c r="FM2106" s="91"/>
      <c r="FN2106" s="91"/>
      <c r="FO2106" s="91"/>
      <c r="FP2106" s="91"/>
      <c r="FQ2106" s="91"/>
      <c r="FR2106" s="91"/>
      <c r="FS2106" s="91"/>
      <c r="FT2106" s="91"/>
      <c r="FU2106" s="91"/>
      <c r="FV2106" s="91"/>
      <c r="FW2106" s="91"/>
      <c r="FX2106" s="91"/>
      <c r="FY2106" s="91"/>
      <c r="FZ2106" s="91"/>
      <c r="GA2106" s="91"/>
      <c r="GB2106" s="91"/>
      <c r="GC2106" s="91"/>
      <c r="GD2106" s="91"/>
      <c r="GE2106" s="91"/>
      <c r="GF2106" s="91"/>
      <c r="GG2106" s="91"/>
      <c r="GH2106" s="91"/>
      <c r="GI2106" s="91"/>
      <c r="GJ2106" s="91"/>
      <c r="GK2106" s="127"/>
      <c r="GL2106" s="126"/>
      <c r="GM2106" s="91"/>
      <c r="GN2106" s="91"/>
      <c r="GO2106" s="91"/>
      <c r="GP2106" s="91"/>
      <c r="GQ2106" s="91"/>
      <c r="GR2106" s="91"/>
      <c r="GS2106" s="91"/>
      <c r="GT2106" s="91"/>
      <c r="GU2106" s="91"/>
      <c r="GV2106" s="91"/>
      <c r="GW2106" s="91"/>
      <c r="GX2106" s="91"/>
      <c r="GY2106" s="91"/>
      <c r="GZ2106" s="91"/>
      <c r="HA2106" s="91"/>
      <c r="HB2106" s="91"/>
      <c r="HC2106" s="91"/>
      <c r="HD2106" s="91"/>
      <c r="HE2106" s="91"/>
      <c r="HF2106" s="91"/>
      <c r="HG2106" s="91"/>
      <c r="HH2106" s="91"/>
      <c r="HI2106" s="91"/>
      <c r="HJ2106" s="91"/>
      <c r="HK2106" s="127"/>
      <c r="HL2106" s="126"/>
      <c r="HM2106" s="91"/>
      <c r="HN2106" s="91"/>
      <c r="HO2106" s="91"/>
      <c r="HP2106" s="91"/>
      <c r="HQ2106" s="91"/>
      <c r="HR2106" s="91"/>
      <c r="HS2106" s="91"/>
      <c r="HT2106" s="91"/>
      <c r="HU2106" s="91"/>
      <c r="HV2106" s="91"/>
      <c r="HW2106" s="91"/>
      <c r="HX2106" s="91"/>
      <c r="HY2106" s="91"/>
      <c r="HZ2106" s="91"/>
      <c r="IA2106" s="91"/>
      <c r="IB2106" s="91"/>
      <c r="IC2106" s="91"/>
      <c r="ID2106" s="91"/>
      <c r="IE2106" s="91"/>
      <c r="IF2106" s="91"/>
      <c r="IG2106" s="91"/>
      <c r="IH2106" s="91"/>
      <c r="II2106" s="91"/>
      <c r="IJ2106" s="91"/>
      <c r="IK2106" s="127"/>
    </row>
    <row r="2107" spans="2:245" x14ac:dyDescent="0.2">
      <c r="B2107" s="43"/>
      <c r="C2107" s="73"/>
      <c r="D2107" s="64"/>
      <c r="E2107" s="64"/>
      <c r="F2107" s="55"/>
      <c r="G2107" s="102"/>
      <c r="H2107" s="55"/>
      <c r="I2107" s="55"/>
      <c r="J2107" s="55"/>
      <c r="K2107" s="55"/>
      <c r="L2107" s="55"/>
      <c r="M2107" s="55"/>
      <c r="N2107" s="55"/>
      <c r="O2107" s="55"/>
      <c r="P2107" s="55"/>
      <c r="Q2107" s="55"/>
      <c r="R2107" s="55"/>
      <c r="S2107" s="55"/>
      <c r="T2107" s="55"/>
      <c r="U2107" s="55"/>
      <c r="V2107" s="55"/>
      <c r="W2107" s="55"/>
      <c r="X2107" s="55"/>
      <c r="Y2107" s="55"/>
      <c r="Z2107" s="55"/>
      <c r="AA2107" s="55"/>
      <c r="AB2107" s="55"/>
      <c r="AC2107" s="55"/>
      <c r="AD2107" s="55"/>
      <c r="AE2107" s="55"/>
      <c r="AF2107" s="55"/>
      <c r="AG2107" s="55"/>
      <c r="AY2107" s="162"/>
      <c r="AZ2107" s="162"/>
      <c r="BA2107" s="162"/>
      <c r="BB2107" s="162"/>
      <c r="BC2107" s="162"/>
      <c r="BD2107" s="162"/>
      <c r="BE2107" s="162"/>
      <c r="BF2107" s="162"/>
      <c r="BG2107" s="162"/>
      <c r="BH2107" s="162"/>
      <c r="BI2107" s="162"/>
      <c r="BJ2107" s="162"/>
      <c r="BK2107" s="162"/>
      <c r="BL2107" s="162"/>
      <c r="BM2107" s="162"/>
      <c r="BN2107" s="162"/>
      <c r="BO2107" s="162"/>
      <c r="BP2107" s="162"/>
      <c r="BQ2107" s="162"/>
      <c r="BR2107" s="162"/>
      <c r="BS2107" s="162"/>
      <c r="BT2107" s="162"/>
      <c r="BU2107" s="162"/>
      <c r="BV2107" s="162"/>
      <c r="BW2107" s="162"/>
      <c r="BX2107" s="162"/>
      <c r="BY2107" s="162"/>
      <c r="BZ2107" s="162"/>
      <c r="CA2107" s="162"/>
      <c r="CB2107" s="162"/>
      <c r="CC2107" s="162"/>
      <c r="CD2107" s="162"/>
      <c r="CE2107" s="162"/>
      <c r="CF2107" s="162"/>
      <c r="CG2107" s="162"/>
      <c r="CH2107" s="162"/>
      <c r="CI2107" s="162"/>
      <c r="CJ2107" s="162"/>
      <c r="CK2107" s="162"/>
      <c r="CX2107" s="98"/>
      <c r="DL2107" s="97"/>
      <c r="DX2107" s="98"/>
      <c r="EL2107" s="97"/>
      <c r="EX2107" s="98"/>
      <c r="EY2107" s="97"/>
      <c r="FL2107" s="126"/>
      <c r="FM2107" s="91"/>
      <c r="FN2107" s="91"/>
      <c r="FO2107" s="91"/>
      <c r="FP2107" s="91"/>
      <c r="FQ2107" s="91"/>
      <c r="FR2107" s="91"/>
      <c r="FS2107" s="91"/>
      <c r="FT2107" s="91"/>
      <c r="FU2107" s="91"/>
      <c r="FV2107" s="91"/>
      <c r="FW2107" s="91"/>
      <c r="FX2107" s="91"/>
      <c r="FY2107" s="91"/>
      <c r="FZ2107" s="91"/>
      <c r="GA2107" s="91"/>
      <c r="GB2107" s="91"/>
      <c r="GC2107" s="91"/>
      <c r="GD2107" s="91"/>
      <c r="GE2107" s="91"/>
      <c r="GF2107" s="91"/>
      <c r="GG2107" s="91"/>
      <c r="GH2107" s="91"/>
      <c r="GI2107" s="91"/>
      <c r="GJ2107" s="91"/>
      <c r="GK2107" s="127"/>
      <c r="GL2107" s="126"/>
      <c r="GM2107" s="91"/>
      <c r="GN2107" s="91"/>
      <c r="GO2107" s="91"/>
      <c r="GP2107" s="91"/>
      <c r="GQ2107" s="91"/>
      <c r="GR2107" s="91"/>
      <c r="GS2107" s="91"/>
      <c r="GT2107" s="91"/>
      <c r="GU2107" s="91"/>
      <c r="GV2107" s="91"/>
      <c r="GW2107" s="91"/>
      <c r="GX2107" s="91"/>
      <c r="GY2107" s="91"/>
      <c r="GZ2107" s="91"/>
      <c r="HA2107" s="91"/>
      <c r="HB2107" s="91"/>
      <c r="HC2107" s="91"/>
      <c r="HD2107" s="91"/>
      <c r="HE2107" s="91"/>
      <c r="HF2107" s="91"/>
      <c r="HG2107" s="91"/>
      <c r="HH2107" s="91"/>
      <c r="HI2107" s="91"/>
      <c r="HJ2107" s="91"/>
      <c r="HK2107" s="127"/>
      <c r="HL2107" s="126"/>
      <c r="HM2107" s="91"/>
      <c r="HN2107" s="91"/>
      <c r="HO2107" s="91"/>
      <c r="HP2107" s="91"/>
      <c r="HQ2107" s="91"/>
      <c r="HR2107" s="91"/>
      <c r="HS2107" s="91"/>
      <c r="HT2107" s="91"/>
      <c r="HU2107" s="91"/>
      <c r="HV2107" s="91"/>
      <c r="HW2107" s="91"/>
      <c r="HX2107" s="91"/>
      <c r="HY2107" s="91"/>
      <c r="HZ2107" s="91"/>
      <c r="IA2107" s="91"/>
      <c r="IB2107" s="91"/>
      <c r="IC2107" s="91"/>
      <c r="ID2107" s="91"/>
      <c r="IE2107" s="91"/>
      <c r="IF2107" s="91"/>
      <c r="IG2107" s="91"/>
      <c r="IH2107" s="91"/>
      <c r="II2107" s="91"/>
      <c r="IJ2107" s="91"/>
      <c r="IK2107" s="127"/>
    </row>
    <row r="2108" spans="2:245" x14ac:dyDescent="0.2">
      <c r="B2108" s="43"/>
      <c r="C2108" s="73"/>
      <c r="D2108" s="64"/>
      <c r="E2108" s="64"/>
      <c r="F2108" s="55"/>
      <c r="G2108" s="102"/>
      <c r="H2108" s="55"/>
      <c r="I2108" s="55"/>
      <c r="J2108" s="55"/>
      <c r="K2108" s="55"/>
      <c r="L2108" s="55"/>
      <c r="M2108" s="55"/>
      <c r="N2108" s="55"/>
      <c r="O2108" s="55"/>
      <c r="P2108" s="55"/>
      <c r="Q2108" s="55"/>
      <c r="R2108" s="55"/>
      <c r="S2108" s="55"/>
      <c r="T2108" s="55"/>
      <c r="U2108" s="55"/>
      <c r="V2108" s="55"/>
      <c r="W2108" s="55"/>
      <c r="X2108" s="55"/>
      <c r="Y2108" s="55"/>
      <c r="Z2108" s="55"/>
      <c r="AA2108" s="55"/>
      <c r="AB2108" s="55"/>
      <c r="AC2108" s="55"/>
      <c r="AD2108" s="55"/>
      <c r="AE2108" s="55"/>
      <c r="AF2108" s="55"/>
      <c r="AG2108" s="55"/>
      <c r="AY2108" s="162"/>
      <c r="AZ2108" s="162"/>
      <c r="BA2108" s="162"/>
      <c r="BB2108" s="162"/>
      <c r="BC2108" s="162"/>
      <c r="BD2108" s="162"/>
      <c r="BE2108" s="162"/>
      <c r="BF2108" s="162"/>
      <c r="BG2108" s="162"/>
      <c r="BH2108" s="162"/>
      <c r="BI2108" s="162"/>
      <c r="BJ2108" s="162"/>
      <c r="BK2108" s="162"/>
      <c r="BL2108" s="162"/>
      <c r="BM2108" s="162"/>
      <c r="BN2108" s="162"/>
      <c r="BO2108" s="162"/>
      <c r="BP2108" s="162"/>
      <c r="BQ2108" s="162"/>
      <c r="BR2108" s="162"/>
      <c r="BS2108" s="162"/>
      <c r="BT2108" s="162"/>
      <c r="BU2108" s="162"/>
      <c r="BV2108" s="162"/>
      <c r="BW2108" s="162"/>
      <c r="BX2108" s="162"/>
      <c r="BY2108" s="162"/>
      <c r="BZ2108" s="162"/>
      <c r="CA2108" s="162"/>
      <c r="CB2108" s="162"/>
      <c r="CC2108" s="162"/>
      <c r="CD2108" s="162"/>
      <c r="CE2108" s="162"/>
      <c r="CF2108" s="162"/>
      <c r="CG2108" s="162"/>
      <c r="CH2108" s="162"/>
      <c r="CI2108" s="162"/>
      <c r="CJ2108" s="162"/>
      <c r="CK2108" s="162"/>
      <c r="CX2108" s="98"/>
      <c r="DL2108" s="97"/>
      <c r="DX2108" s="98"/>
      <c r="EL2108" s="97"/>
      <c r="EX2108" s="98"/>
      <c r="EY2108" s="97"/>
      <c r="FL2108" s="126"/>
      <c r="FM2108" s="91"/>
      <c r="FN2108" s="91"/>
      <c r="FO2108" s="91"/>
      <c r="FP2108" s="91"/>
      <c r="FQ2108" s="91"/>
      <c r="FR2108" s="91"/>
      <c r="FS2108" s="91"/>
      <c r="FT2108" s="91"/>
      <c r="FU2108" s="91"/>
      <c r="FV2108" s="91"/>
      <c r="FW2108" s="91"/>
      <c r="FX2108" s="91"/>
      <c r="FY2108" s="91"/>
      <c r="FZ2108" s="91"/>
      <c r="GA2108" s="91"/>
      <c r="GB2108" s="91"/>
      <c r="GC2108" s="91"/>
      <c r="GD2108" s="91"/>
      <c r="GE2108" s="91"/>
      <c r="GF2108" s="91"/>
      <c r="GG2108" s="91"/>
      <c r="GH2108" s="91"/>
      <c r="GI2108" s="91"/>
      <c r="GJ2108" s="91"/>
      <c r="GK2108" s="127"/>
      <c r="GL2108" s="126"/>
      <c r="GM2108" s="91"/>
      <c r="GN2108" s="91"/>
      <c r="GO2108" s="91"/>
      <c r="GP2108" s="91"/>
      <c r="GQ2108" s="91"/>
      <c r="GR2108" s="91"/>
      <c r="GS2108" s="91"/>
      <c r="GT2108" s="91"/>
      <c r="GU2108" s="91"/>
      <c r="GV2108" s="91"/>
      <c r="GW2108" s="91"/>
      <c r="GX2108" s="91"/>
      <c r="GY2108" s="91"/>
      <c r="GZ2108" s="91"/>
      <c r="HA2108" s="91"/>
      <c r="HB2108" s="91"/>
      <c r="HC2108" s="91"/>
      <c r="HD2108" s="91"/>
      <c r="HE2108" s="91"/>
      <c r="HF2108" s="91"/>
      <c r="HG2108" s="91"/>
      <c r="HH2108" s="91"/>
      <c r="HI2108" s="91"/>
      <c r="HJ2108" s="91"/>
      <c r="HK2108" s="127"/>
      <c r="HL2108" s="126"/>
      <c r="HM2108" s="91"/>
      <c r="HN2108" s="91"/>
      <c r="HO2108" s="91"/>
      <c r="HP2108" s="91"/>
      <c r="HQ2108" s="91"/>
      <c r="HR2108" s="91"/>
      <c r="HS2108" s="91"/>
      <c r="HT2108" s="91"/>
      <c r="HU2108" s="91"/>
      <c r="HV2108" s="91"/>
      <c r="HW2108" s="91"/>
      <c r="HX2108" s="91"/>
      <c r="HY2108" s="91"/>
      <c r="HZ2108" s="91"/>
      <c r="IA2108" s="91"/>
      <c r="IB2108" s="91"/>
      <c r="IC2108" s="91"/>
      <c r="ID2108" s="91"/>
      <c r="IE2108" s="91"/>
      <c r="IF2108" s="91"/>
      <c r="IG2108" s="91"/>
      <c r="IH2108" s="91"/>
      <c r="II2108" s="91"/>
      <c r="IJ2108" s="91"/>
      <c r="IK2108" s="127"/>
    </row>
    <row r="2109" spans="2:245" x14ac:dyDescent="0.2">
      <c r="B2109" s="43"/>
      <c r="C2109" s="73"/>
      <c r="D2109" s="64"/>
      <c r="E2109" s="64"/>
      <c r="F2109" s="55"/>
      <c r="G2109" s="102"/>
      <c r="H2109" s="55"/>
      <c r="I2109" s="55"/>
      <c r="J2109" s="55"/>
      <c r="K2109" s="55"/>
      <c r="L2109" s="55"/>
      <c r="M2109" s="55"/>
      <c r="N2109" s="55"/>
      <c r="O2109" s="55"/>
      <c r="P2109" s="55"/>
      <c r="Q2109" s="55"/>
      <c r="R2109" s="55"/>
      <c r="S2109" s="55"/>
      <c r="T2109" s="55"/>
      <c r="U2109" s="55"/>
      <c r="V2109" s="55"/>
      <c r="W2109" s="55"/>
      <c r="X2109" s="55"/>
      <c r="Y2109" s="55"/>
      <c r="Z2109" s="55"/>
      <c r="AA2109" s="55"/>
      <c r="AB2109" s="55"/>
      <c r="AC2109" s="55"/>
      <c r="AD2109" s="55"/>
      <c r="AE2109" s="55"/>
      <c r="AF2109" s="55"/>
      <c r="AG2109" s="55"/>
      <c r="AY2109" s="162"/>
      <c r="AZ2109" s="162"/>
      <c r="BA2109" s="162"/>
      <c r="BB2109" s="162"/>
      <c r="BC2109" s="162"/>
      <c r="BD2109" s="162"/>
      <c r="BE2109" s="162"/>
      <c r="BF2109" s="162"/>
      <c r="BG2109" s="162"/>
      <c r="BH2109" s="162"/>
      <c r="BI2109" s="162"/>
      <c r="BJ2109" s="162"/>
      <c r="BK2109" s="162"/>
      <c r="BL2109" s="162"/>
      <c r="BM2109" s="162"/>
      <c r="BN2109" s="162"/>
      <c r="BO2109" s="162"/>
      <c r="BP2109" s="162"/>
      <c r="BQ2109" s="162"/>
      <c r="BR2109" s="162"/>
      <c r="BS2109" s="162"/>
      <c r="BT2109" s="162"/>
      <c r="BU2109" s="162"/>
      <c r="BV2109" s="162"/>
      <c r="BW2109" s="162"/>
      <c r="BX2109" s="162"/>
      <c r="BY2109" s="162"/>
      <c r="BZ2109" s="162"/>
      <c r="CA2109" s="162"/>
      <c r="CB2109" s="162"/>
      <c r="CC2109" s="162"/>
      <c r="CD2109" s="162"/>
      <c r="CE2109" s="162"/>
      <c r="CF2109" s="162"/>
      <c r="CG2109" s="162"/>
      <c r="CH2109" s="162"/>
      <c r="CI2109" s="162"/>
      <c r="CJ2109" s="162"/>
      <c r="CK2109" s="162"/>
      <c r="CX2109" s="98"/>
      <c r="DL2109" s="97"/>
      <c r="DX2109" s="98"/>
      <c r="EL2109" s="97"/>
      <c r="EX2109" s="98"/>
      <c r="EY2109" s="97"/>
      <c r="FL2109" s="126"/>
      <c r="FM2109" s="91"/>
      <c r="FN2109" s="91"/>
      <c r="FO2109" s="91"/>
      <c r="FP2109" s="91"/>
      <c r="FQ2109" s="91"/>
      <c r="FR2109" s="91"/>
      <c r="FS2109" s="91"/>
      <c r="FT2109" s="91"/>
      <c r="FU2109" s="91"/>
      <c r="FV2109" s="91"/>
      <c r="FW2109" s="91"/>
      <c r="FX2109" s="91"/>
      <c r="FY2109" s="91"/>
      <c r="FZ2109" s="91"/>
      <c r="GA2109" s="91"/>
      <c r="GB2109" s="91"/>
      <c r="GC2109" s="91"/>
      <c r="GD2109" s="91"/>
      <c r="GE2109" s="91"/>
      <c r="GF2109" s="91"/>
      <c r="GG2109" s="91"/>
      <c r="GH2109" s="91"/>
      <c r="GI2109" s="91"/>
      <c r="GJ2109" s="91"/>
      <c r="GK2109" s="127"/>
      <c r="GL2109" s="126"/>
      <c r="GM2109" s="91"/>
      <c r="GN2109" s="91"/>
      <c r="GO2109" s="91"/>
      <c r="GP2109" s="91"/>
      <c r="GQ2109" s="91"/>
      <c r="GR2109" s="91"/>
      <c r="GS2109" s="91"/>
      <c r="GT2109" s="91"/>
      <c r="GU2109" s="91"/>
      <c r="GV2109" s="91"/>
      <c r="GW2109" s="91"/>
      <c r="GX2109" s="91"/>
      <c r="GY2109" s="91"/>
      <c r="GZ2109" s="91"/>
      <c r="HA2109" s="91"/>
      <c r="HB2109" s="91"/>
      <c r="HC2109" s="91"/>
      <c r="HD2109" s="91"/>
      <c r="HE2109" s="91"/>
      <c r="HF2109" s="91"/>
      <c r="HG2109" s="91"/>
      <c r="HH2109" s="91"/>
      <c r="HI2109" s="91"/>
      <c r="HJ2109" s="91"/>
      <c r="HK2109" s="127"/>
      <c r="HL2109" s="126"/>
      <c r="HM2109" s="91"/>
      <c r="HN2109" s="91"/>
      <c r="HO2109" s="91"/>
      <c r="HP2109" s="91"/>
      <c r="HQ2109" s="91"/>
      <c r="HR2109" s="91"/>
      <c r="HS2109" s="91"/>
      <c r="HT2109" s="91"/>
      <c r="HU2109" s="91"/>
      <c r="HV2109" s="91"/>
      <c r="HW2109" s="91"/>
      <c r="HX2109" s="91"/>
      <c r="HY2109" s="91"/>
      <c r="HZ2109" s="91"/>
      <c r="IA2109" s="91"/>
      <c r="IB2109" s="91"/>
      <c r="IC2109" s="91"/>
      <c r="ID2109" s="91"/>
      <c r="IE2109" s="91"/>
      <c r="IF2109" s="91"/>
      <c r="IG2109" s="91"/>
      <c r="IH2109" s="91"/>
      <c r="II2109" s="91"/>
      <c r="IJ2109" s="91"/>
      <c r="IK2109" s="127"/>
    </row>
    <row r="2110" spans="2:245" ht="13.5" thickBot="1" x14ac:dyDescent="0.25">
      <c r="B2110" s="43"/>
      <c r="C2110" s="73"/>
      <c r="D2110" s="64"/>
      <c r="E2110" s="64"/>
      <c r="F2110" s="55"/>
      <c r="G2110" s="102"/>
      <c r="H2110" s="55"/>
      <c r="I2110" s="55"/>
      <c r="J2110" s="55"/>
      <c r="K2110" s="55"/>
      <c r="L2110" s="55"/>
      <c r="M2110" s="55"/>
      <c r="N2110" s="55"/>
      <c r="O2110" s="55"/>
      <c r="P2110" s="55"/>
      <c r="Q2110" s="55"/>
      <c r="R2110" s="55"/>
      <c r="S2110" s="55"/>
      <c r="T2110" s="55"/>
      <c r="U2110" s="55"/>
      <c r="V2110" s="55"/>
      <c r="W2110" s="55"/>
      <c r="X2110" s="55"/>
      <c r="Y2110" s="55"/>
      <c r="Z2110" s="55"/>
      <c r="AA2110" s="55"/>
      <c r="AB2110" s="55"/>
      <c r="AC2110" s="55"/>
      <c r="AD2110" s="55"/>
      <c r="AE2110" s="55"/>
      <c r="AF2110" s="55"/>
      <c r="AG2110" s="55"/>
      <c r="AY2110" s="162"/>
      <c r="AZ2110" s="162"/>
      <c r="BA2110" s="162"/>
      <c r="BB2110" s="162"/>
      <c r="BC2110" s="162"/>
      <c r="BD2110" s="162"/>
      <c r="BE2110" s="162"/>
      <c r="BF2110" s="162"/>
      <c r="BG2110" s="162"/>
      <c r="BH2110" s="162"/>
      <c r="BI2110" s="162"/>
      <c r="BJ2110" s="162"/>
      <c r="BK2110" s="162"/>
      <c r="BL2110" s="162"/>
      <c r="BM2110" s="162"/>
      <c r="BN2110" s="162"/>
      <c r="BO2110" s="162"/>
      <c r="BP2110" s="162"/>
      <c r="BQ2110" s="162"/>
      <c r="BR2110" s="162"/>
      <c r="BS2110" s="162"/>
      <c r="BT2110" s="162"/>
      <c r="BU2110" s="162"/>
      <c r="BV2110" s="162"/>
      <c r="BW2110" s="162"/>
      <c r="BX2110" s="162"/>
      <c r="BY2110" s="162"/>
      <c r="BZ2110" s="162"/>
      <c r="CA2110" s="162"/>
      <c r="CB2110" s="162"/>
      <c r="CC2110" s="162"/>
      <c r="CD2110" s="162"/>
      <c r="CE2110" s="162"/>
      <c r="CF2110" s="162"/>
      <c r="CG2110" s="162"/>
      <c r="CH2110" s="162"/>
      <c r="CI2110" s="162"/>
      <c r="CJ2110" s="162"/>
      <c r="CK2110" s="162"/>
      <c r="CL2110" s="166"/>
      <c r="CM2110" s="166"/>
      <c r="CN2110" s="166"/>
      <c r="CO2110" s="166"/>
      <c r="CP2110" s="166"/>
      <c r="CQ2110" s="166"/>
      <c r="CR2110" s="166"/>
      <c r="CS2110" s="166"/>
      <c r="CT2110" s="166"/>
      <c r="CU2110" s="166"/>
      <c r="CV2110" s="166"/>
      <c r="CW2110" s="166"/>
      <c r="CX2110" s="176"/>
      <c r="CY2110" s="166"/>
      <c r="CZ2110" s="166"/>
      <c r="DA2110" s="166"/>
      <c r="DB2110" s="166"/>
      <c r="DC2110" s="166"/>
      <c r="DD2110" s="166"/>
      <c r="DE2110" s="166"/>
      <c r="DF2110" s="166"/>
      <c r="DG2110" s="166"/>
      <c r="DH2110" s="166"/>
      <c r="DI2110" s="166"/>
      <c r="DJ2110" s="166"/>
      <c r="DK2110" s="166"/>
      <c r="DL2110" s="175"/>
      <c r="DM2110" s="166"/>
      <c r="DN2110" s="166"/>
      <c r="DO2110" s="166"/>
      <c r="DP2110" s="166"/>
      <c r="DQ2110" s="166"/>
      <c r="DR2110" s="166"/>
      <c r="DS2110" s="166"/>
      <c r="DT2110" s="166"/>
      <c r="DU2110" s="166"/>
      <c r="DV2110" s="166"/>
      <c r="DW2110" s="166"/>
      <c r="DX2110" s="176"/>
      <c r="DY2110" s="166"/>
      <c r="DZ2110" s="166"/>
      <c r="EA2110" s="166"/>
      <c r="EB2110" s="166"/>
      <c r="EC2110" s="166"/>
      <c r="ED2110" s="166"/>
      <c r="EE2110" s="166"/>
      <c r="EF2110" s="166"/>
      <c r="EG2110" s="166"/>
      <c r="EH2110" s="166"/>
      <c r="EI2110" s="166"/>
      <c r="EJ2110" s="166"/>
      <c r="EK2110" s="166"/>
      <c r="EL2110" s="175"/>
      <c r="EM2110" s="166"/>
      <c r="EN2110" s="166"/>
      <c r="EO2110" s="166"/>
      <c r="EP2110" s="166"/>
      <c r="EQ2110" s="166"/>
      <c r="ER2110" s="166"/>
      <c r="ES2110" s="166"/>
      <c r="ET2110" s="166"/>
      <c r="EU2110" s="166"/>
      <c r="EV2110" s="166"/>
      <c r="EW2110" s="166"/>
      <c r="EX2110" s="176"/>
      <c r="EY2110" s="175"/>
      <c r="EZ2110" s="166"/>
      <c r="FA2110" s="166"/>
      <c r="FB2110" s="166"/>
      <c r="FC2110" s="166"/>
      <c r="FD2110" s="166"/>
      <c r="FE2110" s="166"/>
      <c r="FF2110" s="166"/>
      <c r="FG2110" s="166"/>
      <c r="FH2110" s="166"/>
      <c r="FI2110" s="166"/>
      <c r="FJ2110" s="166"/>
      <c r="FK2110" s="166"/>
      <c r="FL2110" s="126"/>
      <c r="FM2110" s="91"/>
      <c r="FN2110" s="91"/>
      <c r="FO2110" s="91"/>
      <c r="FP2110" s="91"/>
      <c r="FQ2110" s="91"/>
      <c r="FR2110" s="91"/>
      <c r="FS2110" s="91"/>
      <c r="FT2110" s="91"/>
      <c r="FU2110" s="91"/>
      <c r="FV2110" s="91"/>
      <c r="FW2110" s="91"/>
      <c r="FX2110" s="91"/>
      <c r="FY2110" s="91"/>
      <c r="FZ2110" s="91"/>
      <c r="GA2110" s="91"/>
      <c r="GB2110" s="91"/>
      <c r="GC2110" s="91"/>
      <c r="GD2110" s="91"/>
      <c r="GE2110" s="91"/>
      <c r="GF2110" s="91"/>
      <c r="GG2110" s="91"/>
      <c r="GH2110" s="91"/>
      <c r="GI2110" s="91"/>
      <c r="GJ2110" s="91"/>
      <c r="GK2110" s="127"/>
      <c r="GL2110" s="126"/>
      <c r="GM2110" s="91"/>
      <c r="GN2110" s="91"/>
      <c r="GO2110" s="91"/>
      <c r="GP2110" s="91"/>
      <c r="GQ2110" s="91"/>
      <c r="GR2110" s="91"/>
      <c r="GS2110" s="91"/>
      <c r="GT2110" s="91"/>
      <c r="GU2110" s="91"/>
      <c r="GV2110" s="91"/>
      <c r="GW2110" s="91"/>
      <c r="GX2110" s="91"/>
      <c r="GY2110" s="91"/>
      <c r="GZ2110" s="91"/>
      <c r="HA2110" s="91"/>
      <c r="HB2110" s="91"/>
      <c r="HC2110" s="91"/>
      <c r="HD2110" s="91"/>
      <c r="HE2110" s="91"/>
      <c r="HF2110" s="91"/>
      <c r="HG2110" s="91"/>
      <c r="HH2110" s="91"/>
      <c r="HI2110" s="91"/>
      <c r="HJ2110" s="91"/>
      <c r="HK2110" s="127"/>
      <c r="HL2110" s="126"/>
      <c r="HM2110" s="91"/>
      <c r="HN2110" s="91"/>
      <c r="HO2110" s="91"/>
      <c r="HP2110" s="91"/>
      <c r="HQ2110" s="91"/>
      <c r="HR2110" s="91"/>
      <c r="HS2110" s="91"/>
      <c r="HT2110" s="91"/>
      <c r="HU2110" s="91"/>
      <c r="HV2110" s="91"/>
      <c r="HW2110" s="91"/>
      <c r="HX2110" s="91"/>
      <c r="HY2110" s="91"/>
      <c r="HZ2110" s="91"/>
      <c r="IA2110" s="91"/>
      <c r="IB2110" s="91"/>
      <c r="IC2110" s="91"/>
      <c r="ID2110" s="91"/>
      <c r="IE2110" s="91"/>
      <c r="IF2110" s="91"/>
      <c r="IG2110" s="91"/>
      <c r="IH2110" s="91"/>
      <c r="II2110" s="91"/>
      <c r="IJ2110" s="91"/>
      <c r="IK2110" s="127"/>
    </row>
    <row r="2111" spans="2:245" x14ac:dyDescent="0.2">
      <c r="B2111" s="43"/>
      <c r="C2111" s="73"/>
      <c r="D2111" s="64"/>
      <c r="E2111" s="64"/>
      <c r="F2111" s="55"/>
      <c r="G2111" s="102"/>
      <c r="H2111" s="55"/>
      <c r="I2111" s="55"/>
      <c r="J2111" s="55"/>
      <c r="K2111" s="55"/>
      <c r="L2111" s="55"/>
      <c r="M2111" s="55"/>
      <c r="N2111" s="55"/>
      <c r="O2111" s="55"/>
      <c r="P2111" s="55"/>
      <c r="Q2111" s="55"/>
      <c r="R2111" s="55"/>
      <c r="S2111" s="55"/>
      <c r="T2111" s="55"/>
      <c r="U2111" s="55"/>
      <c r="V2111" s="55"/>
      <c r="W2111" s="55"/>
      <c r="X2111" s="55"/>
      <c r="Y2111" s="55"/>
      <c r="Z2111" s="55"/>
      <c r="AA2111" s="55"/>
      <c r="AB2111" s="55"/>
      <c r="AC2111" s="55"/>
      <c r="AD2111" s="55"/>
      <c r="AE2111" s="55"/>
      <c r="AF2111" s="55"/>
      <c r="AG2111" s="55"/>
      <c r="AY2111" s="162"/>
      <c r="AZ2111" s="162"/>
      <c r="BA2111" s="162"/>
      <c r="BB2111" s="162"/>
      <c r="BC2111" s="162"/>
      <c r="BD2111" s="162"/>
      <c r="BE2111" s="162"/>
      <c r="BF2111" s="162"/>
      <c r="BG2111" s="162"/>
      <c r="BH2111" s="162"/>
      <c r="BI2111" s="162"/>
      <c r="BJ2111" s="162"/>
      <c r="BK2111" s="162"/>
      <c r="BL2111" s="162"/>
      <c r="BM2111" s="162"/>
      <c r="BN2111" s="162"/>
      <c r="BO2111" s="162"/>
      <c r="BP2111" s="162"/>
      <c r="BQ2111" s="162"/>
      <c r="BR2111" s="162"/>
      <c r="BS2111" s="162"/>
      <c r="BT2111" s="162"/>
      <c r="BU2111" s="162"/>
      <c r="BV2111" s="162"/>
      <c r="BW2111" s="162"/>
      <c r="BX2111" s="162"/>
      <c r="BY2111" s="162"/>
      <c r="BZ2111" s="162"/>
      <c r="CA2111" s="162"/>
      <c r="CB2111" s="162"/>
      <c r="CC2111" s="162"/>
      <c r="CD2111" s="162"/>
      <c r="CE2111" s="162"/>
      <c r="CF2111" s="162"/>
      <c r="CG2111" s="162"/>
      <c r="CH2111" s="162"/>
      <c r="CI2111" s="162"/>
      <c r="CJ2111" s="162"/>
      <c r="CK2111" s="162"/>
      <c r="CX2111" s="98"/>
      <c r="DL2111" s="97"/>
      <c r="DX2111" s="98"/>
      <c r="EL2111" s="97"/>
      <c r="EX2111" s="98"/>
      <c r="EY2111" s="97"/>
      <c r="FL2111" s="126"/>
      <c r="FM2111" s="91"/>
      <c r="FN2111" s="91"/>
      <c r="FO2111" s="91"/>
      <c r="FP2111" s="91"/>
      <c r="FQ2111" s="91"/>
      <c r="FR2111" s="91"/>
      <c r="FS2111" s="91"/>
      <c r="FT2111" s="91"/>
      <c r="FU2111" s="91"/>
      <c r="FV2111" s="91"/>
      <c r="FW2111" s="91"/>
      <c r="FX2111" s="91"/>
      <c r="FY2111" s="91"/>
      <c r="FZ2111" s="91"/>
      <c r="GA2111" s="91"/>
      <c r="GB2111" s="91"/>
      <c r="GC2111" s="91"/>
      <c r="GD2111" s="91"/>
      <c r="GE2111" s="91"/>
      <c r="GF2111" s="91"/>
      <c r="GG2111" s="91"/>
      <c r="GH2111" s="91"/>
      <c r="GI2111" s="91"/>
      <c r="GJ2111" s="91"/>
      <c r="GK2111" s="127"/>
      <c r="GL2111" s="126"/>
      <c r="GM2111" s="91"/>
      <c r="GN2111" s="91"/>
      <c r="GO2111" s="91"/>
      <c r="GP2111" s="91"/>
      <c r="GQ2111" s="91"/>
      <c r="GR2111" s="91"/>
      <c r="GS2111" s="91"/>
      <c r="GT2111" s="91"/>
      <c r="GU2111" s="91"/>
      <c r="GV2111" s="91"/>
      <c r="GW2111" s="91"/>
      <c r="GX2111" s="91"/>
      <c r="GY2111" s="91"/>
      <c r="GZ2111" s="91"/>
      <c r="HA2111" s="91"/>
      <c r="HB2111" s="91"/>
      <c r="HC2111" s="91"/>
      <c r="HD2111" s="91"/>
      <c r="HE2111" s="91"/>
      <c r="HF2111" s="91"/>
      <c r="HG2111" s="91"/>
      <c r="HH2111" s="91"/>
      <c r="HI2111" s="91"/>
      <c r="HJ2111" s="91"/>
      <c r="HK2111" s="127"/>
      <c r="HL2111" s="126"/>
      <c r="HM2111" s="91"/>
      <c r="HN2111" s="91"/>
      <c r="HO2111" s="91"/>
      <c r="HP2111" s="91"/>
      <c r="HQ2111" s="91"/>
      <c r="HR2111" s="91"/>
      <c r="HS2111" s="91"/>
      <c r="HT2111" s="91"/>
      <c r="HU2111" s="91"/>
      <c r="HV2111" s="91"/>
      <c r="HW2111" s="91"/>
      <c r="HX2111" s="91"/>
      <c r="HY2111" s="91"/>
      <c r="HZ2111" s="91"/>
      <c r="IA2111" s="91"/>
      <c r="IB2111" s="91"/>
      <c r="IC2111" s="91"/>
      <c r="ID2111" s="91"/>
      <c r="IE2111" s="91"/>
      <c r="IF2111" s="91"/>
      <c r="IG2111" s="91"/>
      <c r="IH2111" s="91"/>
      <c r="II2111" s="91"/>
      <c r="IJ2111" s="91"/>
      <c r="IK2111" s="127"/>
    </row>
    <row r="2112" spans="2:245" x14ac:dyDescent="0.2">
      <c r="B2112" s="43"/>
      <c r="C2112" s="73"/>
      <c r="D2112" s="64"/>
      <c r="E2112" s="64"/>
      <c r="F2112" s="55"/>
      <c r="G2112" s="102"/>
      <c r="H2112" s="55"/>
      <c r="I2112" s="55"/>
      <c r="J2112" s="55"/>
      <c r="K2112" s="55"/>
      <c r="L2112" s="55"/>
      <c r="M2112" s="55"/>
      <c r="N2112" s="55"/>
      <c r="O2112" s="55"/>
      <c r="P2112" s="55"/>
      <c r="Q2112" s="55"/>
      <c r="R2112" s="55"/>
      <c r="S2112" s="55"/>
      <c r="T2112" s="55"/>
      <c r="U2112" s="55"/>
      <c r="V2112" s="55"/>
      <c r="W2112" s="55"/>
      <c r="X2112" s="55"/>
      <c r="Y2112" s="55"/>
      <c r="Z2112" s="55"/>
      <c r="AA2112" s="55"/>
      <c r="AB2112" s="55"/>
      <c r="AC2112" s="55"/>
      <c r="AD2112" s="55"/>
      <c r="AE2112" s="55"/>
      <c r="AF2112" s="55"/>
      <c r="AG2112" s="55"/>
      <c r="AY2112" s="162"/>
      <c r="AZ2112" s="162"/>
      <c r="BA2112" s="162"/>
      <c r="BB2112" s="162"/>
      <c r="BC2112" s="162"/>
      <c r="BD2112" s="162"/>
      <c r="BE2112" s="162"/>
      <c r="BF2112" s="162"/>
      <c r="BG2112" s="162"/>
      <c r="BH2112" s="162"/>
      <c r="BI2112" s="162"/>
      <c r="BJ2112" s="162"/>
      <c r="BK2112" s="162"/>
      <c r="BL2112" s="162"/>
      <c r="BM2112" s="162"/>
      <c r="BN2112" s="162"/>
      <c r="BO2112" s="162"/>
      <c r="BP2112" s="162"/>
      <c r="BQ2112" s="162"/>
      <c r="BR2112" s="162"/>
      <c r="BS2112" s="162"/>
      <c r="BT2112" s="162"/>
      <c r="BU2112" s="162"/>
      <c r="BV2112" s="162"/>
      <c r="BW2112" s="162"/>
      <c r="BX2112" s="162"/>
      <c r="BY2112" s="162"/>
      <c r="BZ2112" s="162"/>
      <c r="CA2112" s="162"/>
      <c r="CB2112" s="162"/>
      <c r="CC2112" s="162"/>
      <c r="CD2112" s="162"/>
      <c r="CE2112" s="162"/>
      <c r="CF2112" s="162"/>
      <c r="CG2112" s="162"/>
      <c r="CH2112" s="162"/>
      <c r="CI2112" s="162"/>
      <c r="CJ2112" s="162"/>
      <c r="CK2112" s="162"/>
      <c r="CX2112" s="98"/>
      <c r="DL2112" s="97"/>
      <c r="DX2112" s="98"/>
      <c r="EL2112" s="97"/>
      <c r="EX2112" s="98"/>
      <c r="EY2112" s="97"/>
      <c r="FL2112" s="126"/>
      <c r="FM2112" s="91"/>
      <c r="FN2112" s="91"/>
      <c r="FO2112" s="91"/>
      <c r="FP2112" s="91"/>
      <c r="FQ2112" s="91"/>
      <c r="FR2112" s="91"/>
      <c r="FS2112" s="91"/>
      <c r="FT2112" s="91"/>
      <c r="FU2112" s="91"/>
      <c r="FV2112" s="91"/>
      <c r="FW2112" s="91"/>
      <c r="FX2112" s="91"/>
      <c r="FY2112" s="91"/>
      <c r="FZ2112" s="91"/>
      <c r="GA2112" s="91"/>
      <c r="GB2112" s="91"/>
      <c r="GC2112" s="91"/>
      <c r="GD2112" s="91"/>
      <c r="GE2112" s="91"/>
      <c r="GF2112" s="91"/>
      <c r="GG2112" s="91"/>
      <c r="GH2112" s="91"/>
      <c r="GI2112" s="91"/>
      <c r="GJ2112" s="91"/>
      <c r="GK2112" s="127"/>
      <c r="GL2112" s="126"/>
      <c r="GM2112" s="91"/>
      <c r="GN2112" s="91"/>
      <c r="GO2112" s="91"/>
      <c r="GP2112" s="91"/>
      <c r="GQ2112" s="91"/>
      <c r="GR2112" s="91"/>
      <c r="GS2112" s="91"/>
      <c r="GT2112" s="91"/>
      <c r="GU2112" s="91"/>
      <c r="GV2112" s="91"/>
      <c r="GW2112" s="91"/>
      <c r="GX2112" s="91"/>
      <c r="GY2112" s="91"/>
      <c r="GZ2112" s="91"/>
      <c r="HA2112" s="91"/>
      <c r="HB2112" s="91"/>
      <c r="HC2112" s="91"/>
      <c r="HD2112" s="91"/>
      <c r="HE2112" s="91"/>
      <c r="HF2112" s="91"/>
      <c r="HG2112" s="91"/>
      <c r="HH2112" s="91"/>
      <c r="HI2112" s="91"/>
      <c r="HJ2112" s="91"/>
      <c r="HK2112" s="127"/>
      <c r="HL2112" s="126"/>
      <c r="HM2112" s="91"/>
      <c r="HN2112" s="91"/>
      <c r="HO2112" s="91"/>
      <c r="HP2112" s="91"/>
      <c r="HQ2112" s="91"/>
      <c r="HR2112" s="91"/>
      <c r="HS2112" s="91"/>
      <c r="HT2112" s="91"/>
      <c r="HU2112" s="91"/>
      <c r="HV2112" s="91"/>
      <c r="HW2112" s="91"/>
      <c r="HX2112" s="91"/>
      <c r="HY2112" s="91"/>
      <c r="HZ2112" s="91"/>
      <c r="IA2112" s="91"/>
      <c r="IB2112" s="91"/>
      <c r="IC2112" s="91"/>
      <c r="ID2112" s="91"/>
      <c r="IE2112" s="91"/>
      <c r="IF2112" s="91"/>
      <c r="IG2112" s="91"/>
      <c r="IH2112" s="91"/>
      <c r="II2112" s="91"/>
      <c r="IJ2112" s="91"/>
      <c r="IK2112" s="127"/>
    </row>
    <row r="2113" spans="2:245" x14ac:dyDescent="0.2">
      <c r="B2113" s="43"/>
      <c r="C2113" s="73"/>
      <c r="D2113" s="64"/>
      <c r="E2113" s="64"/>
      <c r="F2113" s="55"/>
      <c r="G2113" s="102"/>
      <c r="H2113" s="55"/>
      <c r="I2113" s="55"/>
      <c r="J2113" s="55"/>
      <c r="K2113" s="55"/>
      <c r="L2113" s="55"/>
      <c r="M2113" s="55"/>
      <c r="N2113" s="55"/>
      <c r="O2113" s="55"/>
      <c r="P2113" s="55"/>
      <c r="Q2113" s="55"/>
      <c r="R2113" s="55"/>
      <c r="S2113" s="55"/>
      <c r="T2113" s="55"/>
      <c r="U2113" s="55"/>
      <c r="V2113" s="55"/>
      <c r="W2113" s="55"/>
      <c r="X2113" s="55"/>
      <c r="Y2113" s="55"/>
      <c r="Z2113" s="55"/>
      <c r="AA2113" s="55"/>
      <c r="AB2113" s="55"/>
      <c r="AC2113" s="55"/>
      <c r="AD2113" s="55"/>
      <c r="AE2113" s="55"/>
      <c r="AF2113" s="55"/>
      <c r="AG2113" s="55"/>
      <c r="AY2113" s="162"/>
      <c r="AZ2113" s="162"/>
      <c r="BA2113" s="162"/>
      <c r="BB2113" s="162"/>
      <c r="BC2113" s="162"/>
      <c r="BD2113" s="162"/>
      <c r="BE2113" s="162"/>
      <c r="BF2113" s="162"/>
      <c r="BG2113" s="162"/>
      <c r="BH2113" s="162"/>
      <c r="BI2113" s="162"/>
      <c r="BJ2113" s="162"/>
      <c r="BK2113" s="162"/>
      <c r="BL2113" s="162"/>
      <c r="BM2113" s="162"/>
      <c r="BN2113" s="162"/>
      <c r="BO2113" s="162"/>
      <c r="BP2113" s="162"/>
      <c r="BQ2113" s="162"/>
      <c r="BR2113" s="162"/>
      <c r="BS2113" s="162"/>
      <c r="BT2113" s="162"/>
      <c r="BU2113" s="162"/>
      <c r="BV2113" s="162"/>
      <c r="BW2113" s="162"/>
      <c r="BX2113" s="162"/>
      <c r="BY2113" s="162"/>
      <c r="BZ2113" s="162"/>
      <c r="CA2113" s="162"/>
      <c r="CB2113" s="162"/>
      <c r="CC2113" s="162"/>
      <c r="CD2113" s="162"/>
      <c r="CE2113" s="162"/>
      <c r="CF2113" s="162"/>
      <c r="CG2113" s="162"/>
      <c r="CH2113" s="162"/>
      <c r="CI2113" s="162"/>
      <c r="CJ2113" s="162"/>
      <c r="CK2113" s="162"/>
      <c r="CX2113" s="98"/>
      <c r="DL2113" s="97"/>
      <c r="DX2113" s="98"/>
      <c r="EL2113" s="97"/>
      <c r="EX2113" s="98"/>
      <c r="EY2113" s="97"/>
      <c r="FL2113" s="126"/>
      <c r="FM2113" s="91"/>
      <c r="FN2113" s="91"/>
      <c r="FO2113" s="91"/>
      <c r="FP2113" s="91"/>
      <c r="FQ2113" s="91"/>
      <c r="FR2113" s="91"/>
      <c r="FS2113" s="91"/>
      <c r="FT2113" s="91"/>
      <c r="FU2113" s="91"/>
      <c r="FV2113" s="91"/>
      <c r="FW2113" s="91"/>
      <c r="FX2113" s="91"/>
      <c r="FY2113" s="91"/>
      <c r="FZ2113" s="91"/>
      <c r="GA2113" s="91"/>
      <c r="GB2113" s="91"/>
      <c r="GC2113" s="91"/>
      <c r="GD2113" s="91"/>
      <c r="GE2113" s="91"/>
      <c r="GF2113" s="91"/>
      <c r="GG2113" s="91"/>
      <c r="GH2113" s="91"/>
      <c r="GI2113" s="91"/>
      <c r="GJ2113" s="91"/>
      <c r="GK2113" s="127"/>
      <c r="GL2113" s="126"/>
      <c r="GM2113" s="91"/>
      <c r="GN2113" s="91"/>
      <c r="GO2113" s="91"/>
      <c r="GP2113" s="91"/>
      <c r="GQ2113" s="91"/>
      <c r="GR2113" s="91"/>
      <c r="GS2113" s="91"/>
      <c r="GT2113" s="91"/>
      <c r="GU2113" s="91"/>
      <c r="GV2113" s="91"/>
      <c r="GW2113" s="91"/>
      <c r="GX2113" s="91"/>
      <c r="GY2113" s="91"/>
      <c r="GZ2113" s="91"/>
      <c r="HA2113" s="91"/>
      <c r="HB2113" s="91"/>
      <c r="HC2113" s="91"/>
      <c r="HD2113" s="91"/>
      <c r="HE2113" s="91"/>
      <c r="HF2113" s="91"/>
      <c r="HG2113" s="91"/>
      <c r="HH2113" s="91"/>
      <c r="HI2113" s="91"/>
      <c r="HJ2113" s="91"/>
      <c r="HK2113" s="127"/>
      <c r="HL2113" s="126"/>
      <c r="HM2113" s="91"/>
      <c r="HN2113" s="91"/>
      <c r="HO2113" s="91"/>
      <c r="HP2113" s="91"/>
      <c r="HQ2113" s="91"/>
      <c r="HR2113" s="91"/>
      <c r="HS2113" s="91"/>
      <c r="HT2113" s="91"/>
      <c r="HU2113" s="91"/>
      <c r="HV2113" s="91"/>
      <c r="HW2113" s="91"/>
      <c r="HX2113" s="91"/>
      <c r="HY2113" s="91"/>
      <c r="HZ2113" s="91"/>
      <c r="IA2113" s="91"/>
      <c r="IB2113" s="91"/>
      <c r="IC2113" s="91"/>
      <c r="ID2113" s="91"/>
      <c r="IE2113" s="91"/>
      <c r="IF2113" s="91"/>
      <c r="IG2113" s="91"/>
      <c r="IH2113" s="91"/>
      <c r="II2113" s="91"/>
      <c r="IJ2113" s="91"/>
      <c r="IK2113" s="127"/>
    </row>
    <row r="2114" spans="2:245" x14ac:dyDescent="0.2">
      <c r="B2114" s="43"/>
      <c r="C2114" s="73"/>
      <c r="D2114" s="64"/>
      <c r="E2114" s="64"/>
      <c r="F2114" s="55"/>
      <c r="G2114" s="102"/>
      <c r="H2114" s="55"/>
      <c r="I2114" s="55"/>
      <c r="J2114" s="55"/>
      <c r="K2114" s="55"/>
      <c r="L2114" s="55"/>
      <c r="M2114" s="55"/>
      <c r="N2114" s="55"/>
      <c r="O2114" s="55"/>
      <c r="P2114" s="55"/>
      <c r="Q2114" s="55"/>
      <c r="R2114" s="55"/>
      <c r="S2114" s="55"/>
      <c r="T2114" s="55"/>
      <c r="U2114" s="55"/>
      <c r="V2114" s="55"/>
      <c r="W2114" s="55"/>
      <c r="X2114" s="55"/>
      <c r="Y2114" s="55"/>
      <c r="Z2114" s="55"/>
      <c r="AA2114" s="55"/>
      <c r="AB2114" s="55"/>
      <c r="AC2114" s="55"/>
      <c r="AD2114" s="55"/>
      <c r="AE2114" s="55"/>
      <c r="AF2114" s="55"/>
      <c r="AG2114" s="55"/>
      <c r="AY2114" s="162"/>
      <c r="AZ2114" s="162"/>
      <c r="BA2114" s="162"/>
      <c r="BB2114" s="162"/>
      <c r="BC2114" s="162"/>
      <c r="BD2114" s="162"/>
      <c r="BE2114" s="162"/>
      <c r="BF2114" s="162"/>
      <c r="BG2114" s="162"/>
      <c r="BH2114" s="162"/>
      <c r="BI2114" s="162"/>
      <c r="BJ2114" s="162"/>
      <c r="BK2114" s="162"/>
      <c r="BL2114" s="162"/>
      <c r="BM2114" s="162"/>
      <c r="BN2114" s="162"/>
      <c r="BO2114" s="162"/>
      <c r="BP2114" s="162"/>
      <c r="BQ2114" s="162"/>
      <c r="BR2114" s="162"/>
      <c r="BS2114" s="162"/>
      <c r="BT2114" s="162"/>
      <c r="BU2114" s="162"/>
      <c r="BV2114" s="162"/>
      <c r="BW2114" s="162"/>
      <c r="BX2114" s="162"/>
      <c r="BY2114" s="162"/>
      <c r="BZ2114" s="162"/>
      <c r="CA2114" s="162"/>
      <c r="CB2114" s="162"/>
      <c r="CC2114" s="162"/>
      <c r="CD2114" s="162"/>
      <c r="CE2114" s="162"/>
      <c r="CF2114" s="162"/>
      <c r="CG2114" s="162"/>
      <c r="CH2114" s="162"/>
      <c r="CI2114" s="162"/>
      <c r="CJ2114" s="162"/>
      <c r="CK2114" s="162"/>
      <c r="CX2114" s="98"/>
      <c r="DL2114" s="97"/>
      <c r="DX2114" s="98"/>
      <c r="EL2114" s="97"/>
      <c r="EX2114" s="98"/>
      <c r="EY2114" s="97"/>
      <c r="FL2114" s="126"/>
      <c r="FM2114" s="91"/>
      <c r="FN2114" s="91"/>
      <c r="FO2114" s="91"/>
      <c r="FP2114" s="91"/>
      <c r="FQ2114" s="91"/>
      <c r="FR2114" s="91"/>
      <c r="FS2114" s="91"/>
      <c r="FT2114" s="91"/>
      <c r="FU2114" s="91"/>
      <c r="FV2114" s="91"/>
      <c r="FW2114" s="91"/>
      <c r="FX2114" s="91"/>
      <c r="FY2114" s="91"/>
      <c r="FZ2114" s="91"/>
      <c r="GA2114" s="91"/>
      <c r="GB2114" s="91"/>
      <c r="GC2114" s="91"/>
      <c r="GD2114" s="91"/>
      <c r="GE2114" s="91"/>
      <c r="GF2114" s="91"/>
      <c r="GG2114" s="91"/>
      <c r="GH2114" s="91"/>
      <c r="GI2114" s="91"/>
      <c r="GJ2114" s="91"/>
      <c r="GK2114" s="127"/>
      <c r="GL2114" s="126"/>
      <c r="GM2114" s="91"/>
      <c r="GN2114" s="91"/>
      <c r="GO2114" s="91"/>
      <c r="GP2114" s="91"/>
      <c r="GQ2114" s="91"/>
      <c r="GR2114" s="91"/>
      <c r="GS2114" s="91"/>
      <c r="GT2114" s="91"/>
      <c r="GU2114" s="91"/>
      <c r="GV2114" s="91"/>
      <c r="GW2114" s="91"/>
      <c r="GX2114" s="91"/>
      <c r="GY2114" s="91"/>
      <c r="GZ2114" s="91"/>
      <c r="HA2114" s="91"/>
      <c r="HB2114" s="91"/>
      <c r="HC2114" s="91"/>
      <c r="HD2114" s="91"/>
      <c r="HE2114" s="91"/>
      <c r="HF2114" s="91"/>
      <c r="HG2114" s="91"/>
      <c r="HH2114" s="91"/>
      <c r="HI2114" s="91"/>
      <c r="HJ2114" s="91"/>
      <c r="HK2114" s="127"/>
      <c r="HL2114" s="126"/>
      <c r="HM2114" s="91"/>
      <c r="HN2114" s="91"/>
      <c r="HO2114" s="91"/>
      <c r="HP2114" s="91"/>
      <c r="HQ2114" s="91"/>
      <c r="HR2114" s="91"/>
      <c r="HS2114" s="91"/>
      <c r="HT2114" s="91"/>
      <c r="HU2114" s="91"/>
      <c r="HV2114" s="91"/>
      <c r="HW2114" s="91"/>
      <c r="HX2114" s="91"/>
      <c r="HY2114" s="91"/>
      <c r="HZ2114" s="91"/>
      <c r="IA2114" s="91"/>
      <c r="IB2114" s="91"/>
      <c r="IC2114" s="91"/>
      <c r="ID2114" s="91"/>
      <c r="IE2114" s="91"/>
      <c r="IF2114" s="91"/>
      <c r="IG2114" s="91"/>
      <c r="IH2114" s="91"/>
      <c r="II2114" s="91"/>
      <c r="IJ2114" s="91"/>
      <c r="IK2114" s="127"/>
    </row>
    <row r="2115" spans="2:245" x14ac:dyDescent="0.2">
      <c r="B2115" s="43"/>
      <c r="C2115" s="73"/>
      <c r="D2115" s="64"/>
      <c r="E2115" s="64"/>
      <c r="F2115" s="55"/>
      <c r="G2115" s="102"/>
      <c r="H2115" s="55"/>
      <c r="I2115" s="55"/>
      <c r="J2115" s="55"/>
      <c r="K2115" s="55"/>
      <c r="L2115" s="55"/>
      <c r="M2115" s="55"/>
      <c r="N2115" s="55"/>
      <c r="O2115" s="55"/>
      <c r="P2115" s="55"/>
      <c r="Q2115" s="55"/>
      <c r="R2115" s="55"/>
      <c r="S2115" s="55"/>
      <c r="T2115" s="55"/>
      <c r="U2115" s="55"/>
      <c r="V2115" s="55"/>
      <c r="W2115" s="55"/>
      <c r="X2115" s="55"/>
      <c r="Y2115" s="55"/>
      <c r="Z2115" s="55"/>
      <c r="AA2115" s="55"/>
      <c r="AB2115" s="55"/>
      <c r="AC2115" s="55"/>
      <c r="AD2115" s="55"/>
      <c r="AE2115" s="55"/>
      <c r="AF2115" s="55"/>
      <c r="AG2115" s="55"/>
      <c r="AY2115" s="162"/>
      <c r="AZ2115" s="162"/>
      <c r="BA2115" s="162"/>
      <c r="BB2115" s="162"/>
      <c r="BC2115" s="162"/>
      <c r="BD2115" s="162"/>
      <c r="BE2115" s="162"/>
      <c r="BF2115" s="162"/>
      <c r="BG2115" s="162"/>
      <c r="BH2115" s="162"/>
      <c r="BI2115" s="162"/>
      <c r="BJ2115" s="162"/>
      <c r="BK2115" s="162"/>
      <c r="BL2115" s="162"/>
      <c r="BM2115" s="162"/>
      <c r="BN2115" s="162"/>
      <c r="BO2115" s="162"/>
      <c r="BP2115" s="162"/>
      <c r="BQ2115" s="162"/>
      <c r="BR2115" s="162"/>
      <c r="BS2115" s="162"/>
      <c r="BT2115" s="162"/>
      <c r="BU2115" s="162"/>
      <c r="BV2115" s="162"/>
      <c r="BW2115" s="162"/>
      <c r="BX2115" s="162"/>
      <c r="BY2115" s="162"/>
      <c r="BZ2115" s="162"/>
      <c r="CA2115" s="162"/>
      <c r="CB2115" s="162"/>
      <c r="CC2115" s="162"/>
      <c r="CD2115" s="162"/>
      <c r="CE2115" s="162"/>
      <c r="CF2115" s="162"/>
      <c r="CG2115" s="162"/>
      <c r="CH2115" s="162"/>
      <c r="CI2115" s="162"/>
      <c r="CJ2115" s="162"/>
      <c r="CK2115" s="162"/>
      <c r="CX2115" s="98"/>
      <c r="DL2115" s="97"/>
      <c r="DX2115" s="98"/>
      <c r="EL2115" s="97"/>
      <c r="EX2115" s="98"/>
      <c r="EY2115" s="97"/>
      <c r="FL2115" s="126"/>
      <c r="FM2115" s="91"/>
      <c r="FN2115" s="91"/>
      <c r="FO2115" s="91"/>
      <c r="FP2115" s="91"/>
      <c r="FQ2115" s="91"/>
      <c r="FR2115" s="91"/>
      <c r="FS2115" s="91"/>
      <c r="FT2115" s="91"/>
      <c r="FU2115" s="91"/>
      <c r="FV2115" s="91"/>
      <c r="FW2115" s="91"/>
      <c r="FX2115" s="91"/>
      <c r="FY2115" s="91"/>
      <c r="FZ2115" s="91"/>
      <c r="GA2115" s="91"/>
      <c r="GB2115" s="91"/>
      <c r="GC2115" s="91"/>
      <c r="GD2115" s="91"/>
      <c r="GE2115" s="91"/>
      <c r="GF2115" s="91"/>
      <c r="GG2115" s="91"/>
      <c r="GH2115" s="91"/>
      <c r="GI2115" s="91"/>
      <c r="GJ2115" s="91"/>
      <c r="GK2115" s="127"/>
      <c r="GL2115" s="126"/>
      <c r="GM2115" s="91"/>
      <c r="GN2115" s="91"/>
      <c r="GO2115" s="91"/>
      <c r="GP2115" s="91"/>
      <c r="GQ2115" s="91"/>
      <c r="GR2115" s="91"/>
      <c r="GS2115" s="91"/>
      <c r="GT2115" s="91"/>
      <c r="GU2115" s="91"/>
      <c r="GV2115" s="91"/>
      <c r="GW2115" s="91"/>
      <c r="GX2115" s="91"/>
      <c r="GY2115" s="91"/>
      <c r="GZ2115" s="91"/>
      <c r="HA2115" s="91"/>
      <c r="HB2115" s="91"/>
      <c r="HC2115" s="91"/>
      <c r="HD2115" s="91"/>
      <c r="HE2115" s="91"/>
      <c r="HF2115" s="91"/>
      <c r="HG2115" s="91"/>
      <c r="HH2115" s="91"/>
      <c r="HI2115" s="91"/>
      <c r="HJ2115" s="91"/>
      <c r="HK2115" s="127"/>
      <c r="HL2115" s="126"/>
      <c r="HM2115" s="91"/>
      <c r="HN2115" s="91"/>
      <c r="HO2115" s="91"/>
      <c r="HP2115" s="91"/>
      <c r="HQ2115" s="91"/>
      <c r="HR2115" s="91"/>
      <c r="HS2115" s="91"/>
      <c r="HT2115" s="91"/>
      <c r="HU2115" s="91"/>
      <c r="HV2115" s="91"/>
      <c r="HW2115" s="91"/>
      <c r="HX2115" s="91"/>
      <c r="HY2115" s="91"/>
      <c r="HZ2115" s="91"/>
      <c r="IA2115" s="91"/>
      <c r="IB2115" s="91"/>
      <c r="IC2115" s="91"/>
      <c r="ID2115" s="91"/>
      <c r="IE2115" s="91"/>
      <c r="IF2115" s="91"/>
      <c r="IG2115" s="91"/>
      <c r="IH2115" s="91"/>
      <c r="II2115" s="91"/>
      <c r="IJ2115" s="91"/>
      <c r="IK2115" s="127"/>
    </row>
    <row r="2116" spans="2:245" ht="13.5" thickBot="1" x14ac:dyDescent="0.25">
      <c r="B2116" s="43"/>
      <c r="C2116" s="73"/>
      <c r="D2116" s="64"/>
      <c r="E2116" s="64"/>
      <c r="F2116" s="55"/>
      <c r="G2116" s="102"/>
      <c r="H2116" s="55"/>
      <c r="I2116" s="55"/>
      <c r="J2116" s="55"/>
      <c r="K2116" s="55"/>
      <c r="L2116" s="55"/>
      <c r="M2116" s="55"/>
      <c r="N2116" s="55"/>
      <c r="O2116" s="55"/>
      <c r="P2116" s="55"/>
      <c r="Q2116" s="55"/>
      <c r="R2116" s="55"/>
      <c r="S2116" s="55"/>
      <c r="T2116" s="55"/>
      <c r="U2116" s="55"/>
      <c r="V2116" s="55"/>
      <c r="W2116" s="55"/>
      <c r="X2116" s="55"/>
      <c r="Y2116" s="55"/>
      <c r="Z2116" s="55"/>
      <c r="AA2116" s="55"/>
      <c r="AB2116" s="55"/>
      <c r="AC2116" s="55"/>
      <c r="AD2116" s="55"/>
      <c r="AE2116" s="55"/>
      <c r="AF2116" s="55"/>
      <c r="AG2116" s="55"/>
      <c r="AY2116" s="162"/>
      <c r="AZ2116" s="162"/>
      <c r="BA2116" s="162"/>
      <c r="BB2116" s="162"/>
      <c r="BC2116" s="162"/>
      <c r="BD2116" s="162"/>
      <c r="BE2116" s="162"/>
      <c r="BF2116" s="162"/>
      <c r="BG2116" s="162"/>
      <c r="BH2116" s="162"/>
      <c r="BI2116" s="162"/>
      <c r="BJ2116" s="162"/>
      <c r="BK2116" s="162"/>
      <c r="BL2116" s="162"/>
      <c r="BM2116" s="162"/>
      <c r="BN2116" s="162"/>
      <c r="BO2116" s="162"/>
      <c r="BP2116" s="162"/>
      <c r="BQ2116" s="162"/>
      <c r="BR2116" s="162"/>
      <c r="BS2116" s="162"/>
      <c r="BT2116" s="162"/>
      <c r="BU2116" s="162"/>
      <c r="BV2116" s="162"/>
      <c r="BW2116" s="162"/>
      <c r="BX2116" s="162"/>
      <c r="BY2116" s="162"/>
      <c r="BZ2116" s="162"/>
      <c r="CA2116" s="162"/>
      <c r="CB2116" s="162"/>
      <c r="CC2116" s="162"/>
      <c r="CD2116" s="162"/>
      <c r="CE2116" s="162"/>
      <c r="CF2116" s="162"/>
      <c r="CG2116" s="162"/>
      <c r="CH2116" s="162"/>
      <c r="CI2116" s="162"/>
      <c r="CJ2116" s="162"/>
      <c r="CK2116" s="162"/>
      <c r="CX2116" s="98"/>
      <c r="DL2116" s="97"/>
      <c r="DX2116" s="98"/>
      <c r="EL2116" s="97"/>
      <c r="EX2116" s="98"/>
      <c r="EY2116" s="97"/>
      <c r="FL2116" s="126"/>
      <c r="FM2116" s="91"/>
      <c r="FN2116" s="91"/>
      <c r="FO2116" s="91"/>
      <c r="FP2116" s="91"/>
      <c r="FQ2116" s="91"/>
      <c r="FR2116" s="91"/>
      <c r="FS2116" s="91"/>
      <c r="FT2116" s="91"/>
      <c r="FU2116" s="91"/>
      <c r="FV2116" s="91"/>
      <c r="FW2116" s="91"/>
      <c r="FX2116" s="91"/>
      <c r="FY2116" s="91"/>
      <c r="FZ2116" s="91"/>
      <c r="GA2116" s="91"/>
      <c r="GB2116" s="91"/>
      <c r="GC2116" s="91"/>
      <c r="GD2116" s="91"/>
      <c r="GE2116" s="91"/>
      <c r="GF2116" s="91"/>
      <c r="GG2116" s="91"/>
      <c r="GH2116" s="91"/>
      <c r="GI2116" s="91"/>
      <c r="GJ2116" s="91"/>
      <c r="GK2116" s="127"/>
      <c r="GL2116" s="126"/>
      <c r="GM2116" s="91"/>
      <c r="GN2116" s="91"/>
      <c r="GO2116" s="91"/>
      <c r="GP2116" s="91"/>
      <c r="GQ2116" s="91"/>
      <c r="GR2116" s="91"/>
      <c r="GS2116" s="91"/>
      <c r="GT2116" s="91"/>
      <c r="GU2116" s="91"/>
      <c r="GV2116" s="91"/>
      <c r="GW2116" s="91"/>
      <c r="GX2116" s="91"/>
      <c r="GY2116" s="91"/>
      <c r="GZ2116" s="91"/>
      <c r="HA2116" s="91"/>
      <c r="HB2116" s="91"/>
      <c r="HC2116" s="91"/>
      <c r="HD2116" s="91"/>
      <c r="HE2116" s="91"/>
      <c r="HF2116" s="91"/>
      <c r="HG2116" s="91"/>
      <c r="HH2116" s="91"/>
      <c r="HI2116" s="91"/>
      <c r="HJ2116" s="91"/>
      <c r="HK2116" s="127"/>
      <c r="HL2116" s="126"/>
      <c r="HM2116" s="91"/>
      <c r="HN2116" s="91"/>
      <c r="HO2116" s="91"/>
      <c r="HP2116" s="91"/>
      <c r="HQ2116" s="91"/>
      <c r="HR2116" s="91"/>
      <c r="HS2116" s="91"/>
      <c r="HT2116" s="91"/>
      <c r="HU2116" s="91"/>
      <c r="HV2116" s="91"/>
      <c r="HW2116" s="91"/>
      <c r="HX2116" s="91"/>
      <c r="HY2116" s="91"/>
      <c r="HZ2116" s="91"/>
      <c r="IA2116" s="91"/>
      <c r="IB2116" s="91"/>
      <c r="IC2116" s="91"/>
      <c r="ID2116" s="91"/>
      <c r="IE2116" s="91"/>
      <c r="IF2116" s="91"/>
      <c r="IG2116" s="91"/>
      <c r="IH2116" s="91"/>
      <c r="II2116" s="91"/>
      <c r="IJ2116" s="91"/>
      <c r="IK2116" s="127"/>
    </row>
    <row r="2117" spans="2:245" x14ac:dyDescent="0.2">
      <c r="B2117" s="43"/>
      <c r="C2117" s="73"/>
      <c r="D2117" s="64"/>
      <c r="E2117" s="64"/>
      <c r="F2117" s="55"/>
      <c r="G2117" s="102"/>
      <c r="H2117" s="55"/>
      <c r="I2117" s="55"/>
      <c r="J2117" s="55"/>
      <c r="K2117" s="55"/>
      <c r="L2117" s="55"/>
      <c r="M2117" s="55"/>
      <c r="N2117" s="55"/>
      <c r="O2117" s="55"/>
      <c r="P2117" s="55"/>
      <c r="Q2117" s="55"/>
      <c r="R2117" s="55"/>
      <c r="S2117" s="55"/>
      <c r="T2117" s="55"/>
      <c r="U2117" s="55"/>
      <c r="V2117" s="55"/>
      <c r="W2117" s="55"/>
      <c r="X2117" s="55"/>
      <c r="Y2117" s="55"/>
      <c r="Z2117" s="55"/>
      <c r="AA2117" s="55"/>
      <c r="AB2117" s="55"/>
      <c r="AC2117" s="55"/>
      <c r="AD2117" s="55"/>
      <c r="AE2117" s="55"/>
      <c r="AF2117" s="55"/>
      <c r="AG2117" s="55"/>
      <c r="AY2117" s="162"/>
      <c r="AZ2117" s="162"/>
      <c r="BA2117" s="162"/>
      <c r="BB2117" s="162"/>
      <c r="BC2117" s="162"/>
      <c r="BD2117" s="162"/>
      <c r="BE2117" s="162"/>
      <c r="BF2117" s="162"/>
      <c r="BG2117" s="162"/>
      <c r="BH2117" s="162"/>
      <c r="BI2117" s="162"/>
      <c r="BJ2117" s="162"/>
      <c r="BK2117" s="162"/>
      <c r="BL2117" s="162"/>
      <c r="BM2117" s="162"/>
      <c r="BN2117" s="162"/>
      <c r="BO2117" s="162"/>
      <c r="BP2117" s="162"/>
      <c r="BQ2117" s="162"/>
      <c r="BR2117" s="162"/>
      <c r="BS2117" s="162"/>
      <c r="BT2117" s="162"/>
      <c r="BU2117" s="162"/>
      <c r="BV2117" s="162"/>
      <c r="BW2117" s="162"/>
      <c r="BX2117" s="162"/>
      <c r="BY2117" s="162"/>
      <c r="BZ2117" s="162"/>
      <c r="CA2117" s="162"/>
      <c r="CB2117" s="162"/>
      <c r="CC2117" s="162"/>
      <c r="CD2117" s="162"/>
      <c r="CE2117" s="162"/>
      <c r="CF2117" s="162"/>
      <c r="CG2117" s="162"/>
      <c r="CH2117" s="162"/>
      <c r="CI2117" s="162"/>
      <c r="CJ2117" s="162"/>
      <c r="CK2117" s="162"/>
      <c r="CL2117" s="163"/>
      <c r="CM2117" s="163"/>
      <c r="CN2117" s="163"/>
      <c r="CO2117" s="163"/>
      <c r="CP2117" s="163"/>
      <c r="CQ2117" s="163"/>
      <c r="CR2117" s="163"/>
      <c r="CS2117" s="163"/>
      <c r="CT2117" s="163"/>
      <c r="CU2117" s="163"/>
      <c r="CV2117" s="163"/>
      <c r="CW2117" s="163"/>
      <c r="CX2117" s="173"/>
      <c r="CY2117" s="163"/>
      <c r="CZ2117" s="163"/>
      <c r="DA2117" s="163"/>
      <c r="DB2117" s="163"/>
      <c r="DC2117" s="163"/>
      <c r="DD2117" s="163"/>
      <c r="DE2117" s="163"/>
      <c r="DF2117" s="163"/>
      <c r="DG2117" s="163"/>
      <c r="DH2117" s="163"/>
      <c r="DI2117" s="163"/>
      <c r="DJ2117" s="163"/>
      <c r="DK2117" s="163"/>
      <c r="DL2117" s="172"/>
      <c r="DM2117" s="163"/>
      <c r="DN2117" s="163"/>
      <c r="DO2117" s="163"/>
      <c r="DP2117" s="163"/>
      <c r="DQ2117" s="163"/>
      <c r="DR2117" s="163"/>
      <c r="DS2117" s="163"/>
      <c r="DT2117" s="163"/>
      <c r="DU2117" s="163"/>
      <c r="DV2117" s="163"/>
      <c r="DW2117" s="163"/>
      <c r="DX2117" s="173"/>
      <c r="DY2117" s="163"/>
      <c r="DZ2117" s="163"/>
      <c r="EA2117" s="163"/>
      <c r="EB2117" s="163"/>
      <c r="EC2117" s="163"/>
      <c r="ED2117" s="163"/>
      <c r="EE2117" s="163"/>
      <c r="EF2117" s="163"/>
      <c r="EG2117" s="163"/>
      <c r="EH2117" s="163"/>
      <c r="EI2117" s="163"/>
      <c r="EJ2117" s="163"/>
      <c r="EK2117" s="163"/>
      <c r="EL2117" s="172"/>
      <c r="EM2117" s="163"/>
      <c r="EN2117" s="163"/>
      <c r="EO2117" s="163"/>
      <c r="EP2117" s="163"/>
      <c r="EQ2117" s="163"/>
      <c r="ER2117" s="163"/>
      <c r="ES2117" s="163"/>
      <c r="ET2117" s="163"/>
      <c r="EU2117" s="163"/>
      <c r="EV2117" s="163"/>
      <c r="EW2117" s="163"/>
      <c r="EX2117" s="173"/>
      <c r="EY2117" s="172"/>
      <c r="EZ2117" s="163"/>
      <c r="FA2117" s="163"/>
      <c r="FB2117" s="163"/>
      <c r="FC2117" s="163"/>
      <c r="FD2117" s="163"/>
      <c r="FE2117" s="163"/>
      <c r="FF2117" s="163"/>
      <c r="FG2117" s="163"/>
      <c r="FH2117" s="163"/>
      <c r="FI2117" s="163"/>
      <c r="FJ2117" s="163"/>
      <c r="FK2117" s="163"/>
      <c r="FL2117" s="126"/>
      <c r="FM2117" s="91"/>
      <c r="FN2117" s="91"/>
      <c r="FO2117" s="91"/>
      <c r="FP2117" s="91"/>
      <c r="FQ2117" s="91"/>
      <c r="FR2117" s="91"/>
      <c r="FS2117" s="91"/>
      <c r="FT2117" s="91"/>
      <c r="FU2117" s="91"/>
      <c r="FV2117" s="91"/>
      <c r="FW2117" s="91"/>
      <c r="FX2117" s="91"/>
      <c r="FY2117" s="91"/>
      <c r="FZ2117" s="91"/>
      <c r="GA2117" s="91"/>
      <c r="GB2117" s="91"/>
      <c r="GC2117" s="91"/>
      <c r="GD2117" s="91"/>
      <c r="GE2117" s="91"/>
      <c r="GF2117" s="91"/>
      <c r="GG2117" s="91"/>
      <c r="GH2117" s="91"/>
      <c r="GI2117" s="91"/>
      <c r="GJ2117" s="91"/>
      <c r="GK2117" s="127"/>
      <c r="GL2117" s="126"/>
      <c r="GM2117" s="91"/>
      <c r="GN2117" s="91"/>
      <c r="GO2117" s="91"/>
      <c r="GP2117" s="91"/>
      <c r="GQ2117" s="91"/>
      <c r="GR2117" s="91"/>
      <c r="GS2117" s="91"/>
      <c r="GT2117" s="91"/>
      <c r="GU2117" s="91"/>
      <c r="GV2117" s="91"/>
      <c r="GW2117" s="91"/>
      <c r="GX2117" s="91"/>
      <c r="GY2117" s="91"/>
      <c r="GZ2117" s="91"/>
      <c r="HA2117" s="91"/>
      <c r="HB2117" s="91"/>
      <c r="HC2117" s="91"/>
      <c r="HD2117" s="91"/>
      <c r="HE2117" s="91"/>
      <c r="HF2117" s="91"/>
      <c r="HG2117" s="91"/>
      <c r="HH2117" s="91"/>
      <c r="HI2117" s="91"/>
      <c r="HJ2117" s="91"/>
      <c r="HK2117" s="127"/>
      <c r="HL2117" s="126"/>
      <c r="HM2117" s="91"/>
      <c r="HN2117" s="91"/>
      <c r="HO2117" s="91"/>
      <c r="HP2117" s="91"/>
      <c r="HQ2117" s="91"/>
      <c r="HR2117" s="91"/>
      <c r="HS2117" s="91"/>
      <c r="HT2117" s="91"/>
      <c r="HU2117" s="91"/>
      <c r="HV2117" s="91"/>
      <c r="HW2117" s="91"/>
      <c r="HX2117" s="91"/>
      <c r="HY2117" s="91"/>
      <c r="HZ2117" s="91"/>
      <c r="IA2117" s="91"/>
      <c r="IB2117" s="91"/>
      <c r="IC2117" s="91"/>
      <c r="ID2117" s="91"/>
      <c r="IE2117" s="91"/>
      <c r="IF2117" s="91"/>
      <c r="IG2117" s="91"/>
      <c r="IH2117" s="91"/>
      <c r="II2117" s="91"/>
      <c r="IJ2117" s="91"/>
      <c r="IK2117" s="127"/>
    </row>
    <row r="2118" spans="2:245" x14ac:dyDescent="0.2">
      <c r="B2118" s="43"/>
      <c r="C2118" s="73"/>
      <c r="D2118" s="64"/>
      <c r="E2118" s="64"/>
      <c r="F2118" s="55"/>
      <c r="G2118" s="102"/>
      <c r="H2118" s="55"/>
      <c r="I2118" s="55"/>
      <c r="J2118" s="55"/>
      <c r="K2118" s="55"/>
      <c r="L2118" s="55"/>
      <c r="M2118" s="55"/>
      <c r="N2118" s="55"/>
      <c r="O2118" s="55"/>
      <c r="P2118" s="55"/>
      <c r="Q2118" s="55"/>
      <c r="R2118" s="55"/>
      <c r="S2118" s="55"/>
      <c r="T2118" s="55"/>
      <c r="U2118" s="55"/>
      <c r="V2118" s="55"/>
      <c r="W2118" s="55"/>
      <c r="X2118" s="55"/>
      <c r="Y2118" s="55"/>
      <c r="Z2118" s="55"/>
      <c r="AA2118" s="55"/>
      <c r="AB2118" s="55"/>
      <c r="AC2118" s="55"/>
      <c r="AD2118" s="55"/>
      <c r="AE2118" s="55"/>
      <c r="AF2118" s="55"/>
      <c r="AG2118" s="55"/>
      <c r="AY2118" s="162"/>
      <c r="AZ2118" s="162"/>
      <c r="BA2118" s="162"/>
      <c r="BB2118" s="162"/>
      <c r="BC2118" s="162"/>
      <c r="BD2118" s="162"/>
      <c r="BE2118" s="162"/>
      <c r="BF2118" s="162"/>
      <c r="BG2118" s="162"/>
      <c r="BH2118" s="162"/>
      <c r="BI2118" s="162"/>
      <c r="BJ2118" s="162"/>
      <c r="BK2118" s="162"/>
      <c r="BL2118" s="162"/>
      <c r="BM2118" s="162"/>
      <c r="BN2118" s="162"/>
      <c r="BO2118" s="162"/>
      <c r="BP2118" s="162"/>
      <c r="BQ2118" s="162"/>
      <c r="BR2118" s="162"/>
      <c r="BS2118" s="162"/>
      <c r="BT2118" s="162"/>
      <c r="BU2118" s="162"/>
      <c r="BV2118" s="162"/>
      <c r="BW2118" s="162"/>
      <c r="BX2118" s="162"/>
      <c r="BY2118" s="162"/>
      <c r="BZ2118" s="162"/>
      <c r="CA2118" s="162"/>
      <c r="CB2118" s="162"/>
      <c r="CC2118" s="162"/>
      <c r="CD2118" s="162"/>
      <c r="CE2118" s="162"/>
      <c r="CF2118" s="162"/>
      <c r="CG2118" s="162"/>
      <c r="CH2118" s="162"/>
      <c r="CI2118" s="162"/>
      <c r="CJ2118" s="162"/>
      <c r="CK2118" s="162"/>
      <c r="CX2118" s="98"/>
      <c r="DL2118" s="97"/>
      <c r="DX2118" s="98"/>
      <c r="EL2118" s="97"/>
      <c r="EX2118" s="98"/>
      <c r="EY2118" s="97"/>
      <c r="FL2118" s="126"/>
      <c r="FM2118" s="91"/>
      <c r="FN2118" s="91"/>
      <c r="FO2118" s="91"/>
      <c r="FP2118" s="91"/>
      <c r="FQ2118" s="91"/>
      <c r="FR2118" s="91"/>
      <c r="FS2118" s="91"/>
      <c r="FT2118" s="91"/>
      <c r="FU2118" s="91"/>
      <c r="FV2118" s="91"/>
      <c r="FW2118" s="91"/>
      <c r="FX2118" s="91"/>
      <c r="FY2118" s="91"/>
      <c r="FZ2118" s="91"/>
      <c r="GA2118" s="91"/>
      <c r="GB2118" s="91"/>
      <c r="GC2118" s="91"/>
      <c r="GD2118" s="91"/>
      <c r="GE2118" s="91"/>
      <c r="GF2118" s="91"/>
      <c r="GG2118" s="91"/>
      <c r="GH2118" s="91"/>
      <c r="GI2118" s="91"/>
      <c r="GJ2118" s="91"/>
      <c r="GK2118" s="127"/>
      <c r="GL2118" s="126"/>
      <c r="GM2118" s="91"/>
      <c r="GN2118" s="91"/>
      <c r="GO2118" s="91"/>
      <c r="GP2118" s="91"/>
      <c r="GQ2118" s="91"/>
      <c r="GR2118" s="91"/>
      <c r="GS2118" s="91"/>
      <c r="GT2118" s="91"/>
      <c r="GU2118" s="91"/>
      <c r="GV2118" s="91"/>
      <c r="GW2118" s="91"/>
      <c r="GX2118" s="91"/>
      <c r="GY2118" s="91"/>
      <c r="GZ2118" s="91"/>
      <c r="HA2118" s="91"/>
      <c r="HB2118" s="91"/>
      <c r="HC2118" s="91"/>
      <c r="HD2118" s="91"/>
      <c r="HE2118" s="91"/>
      <c r="HF2118" s="91"/>
      <c r="HG2118" s="91"/>
      <c r="HH2118" s="91"/>
      <c r="HI2118" s="91"/>
      <c r="HJ2118" s="91"/>
      <c r="HK2118" s="127"/>
      <c r="HL2118" s="126"/>
      <c r="HM2118" s="91"/>
      <c r="HN2118" s="91"/>
      <c r="HO2118" s="91"/>
      <c r="HP2118" s="91"/>
      <c r="HQ2118" s="91"/>
      <c r="HR2118" s="91"/>
      <c r="HS2118" s="91"/>
      <c r="HT2118" s="91"/>
      <c r="HU2118" s="91"/>
      <c r="HV2118" s="91"/>
      <c r="HW2118" s="91"/>
      <c r="HX2118" s="91"/>
      <c r="HY2118" s="91"/>
      <c r="HZ2118" s="91"/>
      <c r="IA2118" s="91"/>
      <c r="IB2118" s="91"/>
      <c r="IC2118" s="91"/>
      <c r="ID2118" s="91"/>
      <c r="IE2118" s="91"/>
      <c r="IF2118" s="91"/>
      <c r="IG2118" s="91"/>
      <c r="IH2118" s="91"/>
      <c r="II2118" s="91"/>
      <c r="IJ2118" s="91"/>
      <c r="IK2118" s="127"/>
    </row>
    <row r="2119" spans="2:245" x14ac:dyDescent="0.2">
      <c r="B2119" s="43"/>
      <c r="C2119" s="73"/>
      <c r="D2119" s="64"/>
      <c r="E2119" s="64"/>
      <c r="F2119" s="55"/>
      <c r="G2119" s="102"/>
      <c r="H2119" s="55"/>
      <c r="I2119" s="55"/>
      <c r="J2119" s="55"/>
      <c r="K2119" s="55"/>
      <c r="L2119" s="55"/>
      <c r="M2119" s="55"/>
      <c r="N2119" s="55"/>
      <c r="O2119" s="55"/>
      <c r="P2119" s="55"/>
      <c r="Q2119" s="55"/>
      <c r="R2119" s="55"/>
      <c r="S2119" s="55"/>
      <c r="T2119" s="55"/>
      <c r="U2119" s="55"/>
      <c r="V2119" s="55"/>
      <c r="W2119" s="55"/>
      <c r="X2119" s="55"/>
      <c r="Y2119" s="55"/>
      <c r="Z2119" s="55"/>
      <c r="AA2119" s="55"/>
      <c r="AB2119" s="55"/>
      <c r="AC2119" s="55"/>
      <c r="AD2119" s="55"/>
      <c r="AE2119" s="55"/>
      <c r="AF2119" s="55"/>
      <c r="AG2119" s="55"/>
      <c r="AY2119" s="162"/>
      <c r="AZ2119" s="162"/>
      <c r="BA2119" s="162"/>
      <c r="BB2119" s="162"/>
      <c r="BC2119" s="162"/>
      <c r="BD2119" s="162"/>
      <c r="BE2119" s="162"/>
      <c r="BF2119" s="162"/>
      <c r="BG2119" s="162"/>
      <c r="BH2119" s="162"/>
      <c r="BI2119" s="162"/>
      <c r="BJ2119" s="162"/>
      <c r="BK2119" s="162"/>
      <c r="BL2119" s="162"/>
      <c r="BM2119" s="162"/>
      <c r="BN2119" s="162"/>
      <c r="BO2119" s="162"/>
      <c r="BP2119" s="162"/>
      <c r="BQ2119" s="162"/>
      <c r="BR2119" s="162"/>
      <c r="BS2119" s="162"/>
      <c r="BT2119" s="162"/>
      <c r="BU2119" s="162"/>
      <c r="BV2119" s="162"/>
      <c r="BW2119" s="162"/>
      <c r="BX2119" s="162"/>
      <c r="BY2119" s="162"/>
      <c r="BZ2119" s="162"/>
      <c r="CA2119" s="162"/>
      <c r="CB2119" s="162"/>
      <c r="CC2119" s="162"/>
      <c r="CD2119" s="162"/>
      <c r="CE2119" s="162"/>
      <c r="CF2119" s="162"/>
      <c r="CG2119" s="162"/>
      <c r="CH2119" s="162"/>
      <c r="CI2119" s="162"/>
      <c r="CJ2119" s="162"/>
      <c r="CK2119" s="162"/>
      <c r="CX2119" s="98"/>
      <c r="DL2119" s="97"/>
      <c r="DX2119" s="98"/>
      <c r="EL2119" s="97"/>
      <c r="EX2119" s="98"/>
      <c r="EY2119" s="97"/>
      <c r="FL2119" s="126"/>
      <c r="FM2119" s="91"/>
      <c r="FN2119" s="91"/>
      <c r="FO2119" s="91"/>
      <c r="FP2119" s="91"/>
      <c r="FQ2119" s="91"/>
      <c r="FR2119" s="91"/>
      <c r="FS2119" s="91"/>
      <c r="FT2119" s="91"/>
      <c r="FU2119" s="91"/>
      <c r="FV2119" s="91"/>
      <c r="FW2119" s="91"/>
      <c r="FX2119" s="91"/>
      <c r="FY2119" s="91"/>
      <c r="FZ2119" s="91"/>
      <c r="GA2119" s="91"/>
      <c r="GB2119" s="91"/>
      <c r="GC2119" s="91"/>
      <c r="GD2119" s="91"/>
      <c r="GE2119" s="91"/>
      <c r="GF2119" s="91"/>
      <c r="GG2119" s="91"/>
      <c r="GH2119" s="91"/>
      <c r="GI2119" s="91"/>
      <c r="GJ2119" s="91"/>
      <c r="GK2119" s="127"/>
      <c r="GL2119" s="126"/>
      <c r="GM2119" s="91"/>
      <c r="GN2119" s="91"/>
      <c r="GO2119" s="91"/>
      <c r="GP2119" s="91"/>
      <c r="GQ2119" s="91"/>
      <c r="GR2119" s="91"/>
      <c r="GS2119" s="91"/>
      <c r="GT2119" s="91"/>
      <c r="GU2119" s="91"/>
      <c r="GV2119" s="91"/>
      <c r="GW2119" s="91"/>
      <c r="GX2119" s="91"/>
      <c r="GY2119" s="91"/>
      <c r="GZ2119" s="91"/>
      <c r="HA2119" s="91"/>
      <c r="HB2119" s="91"/>
      <c r="HC2119" s="91"/>
      <c r="HD2119" s="91"/>
      <c r="HE2119" s="91"/>
      <c r="HF2119" s="91"/>
      <c r="HG2119" s="91"/>
      <c r="HH2119" s="91"/>
      <c r="HI2119" s="91"/>
      <c r="HJ2119" s="91"/>
      <c r="HK2119" s="127"/>
      <c r="HL2119" s="126"/>
      <c r="HM2119" s="91"/>
      <c r="HN2119" s="91"/>
      <c r="HO2119" s="91"/>
      <c r="HP2119" s="91"/>
      <c r="HQ2119" s="91"/>
      <c r="HR2119" s="91"/>
      <c r="HS2119" s="91"/>
      <c r="HT2119" s="91"/>
      <c r="HU2119" s="91"/>
      <c r="HV2119" s="91"/>
      <c r="HW2119" s="91"/>
      <c r="HX2119" s="91"/>
      <c r="HY2119" s="91"/>
      <c r="HZ2119" s="91"/>
      <c r="IA2119" s="91"/>
      <c r="IB2119" s="91"/>
      <c r="IC2119" s="91"/>
      <c r="ID2119" s="91"/>
      <c r="IE2119" s="91"/>
      <c r="IF2119" s="91"/>
      <c r="IG2119" s="91"/>
      <c r="IH2119" s="91"/>
      <c r="II2119" s="91"/>
      <c r="IJ2119" s="91"/>
      <c r="IK2119" s="127"/>
    </row>
    <row r="2120" spans="2:245" x14ac:dyDescent="0.2">
      <c r="B2120" s="43"/>
      <c r="C2120" s="73"/>
      <c r="D2120" s="64"/>
      <c r="E2120" s="64"/>
      <c r="F2120" s="55"/>
      <c r="G2120" s="102"/>
      <c r="H2120" s="55"/>
      <c r="I2120" s="55"/>
      <c r="J2120" s="55"/>
      <c r="K2120" s="55"/>
      <c r="L2120" s="55"/>
      <c r="M2120" s="55"/>
      <c r="N2120" s="55"/>
      <c r="O2120" s="55"/>
      <c r="P2120" s="55"/>
      <c r="Q2120" s="55"/>
      <c r="R2120" s="55"/>
      <c r="S2120" s="55"/>
      <c r="T2120" s="55"/>
      <c r="U2120" s="55"/>
      <c r="V2120" s="55"/>
      <c r="W2120" s="55"/>
      <c r="X2120" s="55"/>
      <c r="Y2120" s="55"/>
      <c r="Z2120" s="55"/>
      <c r="AA2120" s="55"/>
      <c r="AB2120" s="55"/>
      <c r="AC2120" s="55"/>
      <c r="AD2120" s="55"/>
      <c r="AE2120" s="55"/>
      <c r="AF2120" s="55"/>
      <c r="AG2120" s="55"/>
      <c r="AY2120" s="162"/>
      <c r="AZ2120" s="162"/>
      <c r="BA2120" s="162"/>
      <c r="BB2120" s="162"/>
      <c r="BC2120" s="162"/>
      <c r="BD2120" s="162"/>
      <c r="BE2120" s="162"/>
      <c r="BF2120" s="162"/>
      <c r="BG2120" s="162"/>
      <c r="BH2120" s="162"/>
      <c r="BI2120" s="162"/>
      <c r="BJ2120" s="162"/>
      <c r="BK2120" s="162"/>
      <c r="BL2120" s="162"/>
      <c r="BM2120" s="162"/>
      <c r="BN2120" s="162"/>
      <c r="BO2120" s="162"/>
      <c r="BP2120" s="162"/>
      <c r="BQ2120" s="162"/>
      <c r="BR2120" s="162"/>
      <c r="BS2120" s="162"/>
      <c r="BT2120" s="162"/>
      <c r="BU2120" s="162"/>
      <c r="BV2120" s="162"/>
      <c r="BW2120" s="162"/>
      <c r="BX2120" s="162"/>
      <c r="BY2120" s="162"/>
      <c r="BZ2120" s="162"/>
      <c r="CA2120" s="162"/>
      <c r="CB2120" s="162"/>
      <c r="CC2120" s="162"/>
      <c r="CD2120" s="162"/>
      <c r="CE2120" s="162"/>
      <c r="CF2120" s="162"/>
      <c r="CG2120" s="162"/>
      <c r="CH2120" s="162"/>
      <c r="CI2120" s="162"/>
      <c r="CJ2120" s="162"/>
      <c r="CK2120" s="162"/>
      <c r="CX2120" s="98"/>
      <c r="DL2120" s="97"/>
      <c r="DX2120" s="98"/>
      <c r="EL2120" s="97"/>
      <c r="EX2120" s="98"/>
      <c r="EY2120" s="97"/>
      <c r="FL2120" s="126"/>
      <c r="FM2120" s="91"/>
      <c r="FN2120" s="91"/>
      <c r="FO2120" s="91"/>
      <c r="FP2120" s="91"/>
      <c r="FQ2120" s="91"/>
      <c r="FR2120" s="91"/>
      <c r="FS2120" s="91"/>
      <c r="FT2120" s="91"/>
      <c r="FU2120" s="91"/>
      <c r="FV2120" s="91"/>
      <c r="FW2120" s="91"/>
      <c r="FX2120" s="91"/>
      <c r="FY2120" s="91"/>
      <c r="FZ2120" s="91"/>
      <c r="GA2120" s="91"/>
      <c r="GB2120" s="91"/>
      <c r="GC2120" s="91"/>
      <c r="GD2120" s="91"/>
      <c r="GE2120" s="91"/>
      <c r="GF2120" s="91"/>
      <c r="GG2120" s="91"/>
      <c r="GH2120" s="91"/>
      <c r="GI2120" s="91"/>
      <c r="GJ2120" s="91"/>
      <c r="GK2120" s="127"/>
      <c r="GL2120" s="126"/>
      <c r="GM2120" s="91"/>
      <c r="GN2120" s="91"/>
      <c r="GO2120" s="91"/>
      <c r="GP2120" s="91"/>
      <c r="GQ2120" s="91"/>
      <c r="GR2120" s="91"/>
      <c r="GS2120" s="91"/>
      <c r="GT2120" s="91"/>
      <c r="GU2120" s="91"/>
      <c r="GV2120" s="91"/>
      <c r="GW2120" s="91"/>
      <c r="GX2120" s="91"/>
      <c r="GY2120" s="91"/>
      <c r="GZ2120" s="91"/>
      <c r="HA2120" s="91"/>
      <c r="HB2120" s="91"/>
      <c r="HC2120" s="91"/>
      <c r="HD2120" s="91"/>
      <c r="HE2120" s="91"/>
      <c r="HF2120" s="91"/>
      <c r="HG2120" s="91"/>
      <c r="HH2120" s="91"/>
      <c r="HI2120" s="91"/>
      <c r="HJ2120" s="91"/>
      <c r="HK2120" s="127"/>
      <c r="HL2120" s="126"/>
      <c r="HM2120" s="91"/>
      <c r="HN2120" s="91"/>
      <c r="HO2120" s="91"/>
      <c r="HP2120" s="91"/>
      <c r="HQ2120" s="91"/>
      <c r="HR2120" s="91"/>
      <c r="HS2120" s="91"/>
      <c r="HT2120" s="91"/>
      <c r="HU2120" s="91"/>
      <c r="HV2120" s="91"/>
      <c r="HW2120" s="91"/>
      <c r="HX2120" s="91"/>
      <c r="HY2120" s="91"/>
      <c r="HZ2120" s="91"/>
      <c r="IA2120" s="91"/>
      <c r="IB2120" s="91"/>
      <c r="IC2120" s="91"/>
      <c r="ID2120" s="91"/>
      <c r="IE2120" s="91"/>
      <c r="IF2120" s="91"/>
      <c r="IG2120" s="91"/>
      <c r="IH2120" s="91"/>
      <c r="II2120" s="91"/>
      <c r="IJ2120" s="91"/>
      <c r="IK2120" s="127"/>
    </row>
    <row r="2121" spans="2:245" x14ac:dyDescent="0.2">
      <c r="B2121" s="43"/>
      <c r="C2121" s="73"/>
      <c r="D2121" s="64"/>
      <c r="E2121" s="64"/>
      <c r="F2121" s="55"/>
      <c r="G2121" s="102"/>
      <c r="H2121" s="55"/>
      <c r="I2121" s="55"/>
      <c r="J2121" s="55"/>
      <c r="K2121" s="55"/>
      <c r="L2121" s="55"/>
      <c r="M2121" s="55"/>
      <c r="N2121" s="55"/>
      <c r="O2121" s="55"/>
      <c r="P2121" s="55"/>
      <c r="Q2121" s="55"/>
      <c r="R2121" s="55"/>
      <c r="S2121" s="55"/>
      <c r="T2121" s="55"/>
      <c r="U2121" s="55"/>
      <c r="V2121" s="55"/>
      <c r="W2121" s="55"/>
      <c r="X2121" s="55"/>
      <c r="Y2121" s="55"/>
      <c r="Z2121" s="55"/>
      <c r="AA2121" s="55"/>
      <c r="AB2121" s="55"/>
      <c r="AC2121" s="55"/>
      <c r="AD2121" s="55"/>
      <c r="AE2121" s="55"/>
      <c r="AF2121" s="55"/>
      <c r="AG2121" s="55"/>
      <c r="AY2121" s="162"/>
      <c r="AZ2121" s="162"/>
      <c r="BA2121" s="162"/>
      <c r="BB2121" s="162"/>
      <c r="BC2121" s="162"/>
      <c r="BD2121" s="162"/>
      <c r="BE2121" s="162"/>
      <c r="BF2121" s="162"/>
      <c r="BG2121" s="162"/>
      <c r="BH2121" s="162"/>
      <c r="BI2121" s="162"/>
      <c r="BJ2121" s="162"/>
      <c r="BK2121" s="162"/>
      <c r="BL2121" s="162"/>
      <c r="BM2121" s="162"/>
      <c r="BN2121" s="162"/>
      <c r="BO2121" s="162"/>
      <c r="BP2121" s="162"/>
      <c r="BQ2121" s="162"/>
      <c r="BR2121" s="162"/>
      <c r="BS2121" s="162"/>
      <c r="BT2121" s="162"/>
      <c r="BU2121" s="162"/>
      <c r="BV2121" s="162"/>
      <c r="BW2121" s="162"/>
      <c r="BX2121" s="162"/>
      <c r="BY2121" s="162"/>
      <c r="BZ2121" s="162"/>
      <c r="CA2121" s="162"/>
      <c r="CB2121" s="162"/>
      <c r="CC2121" s="162"/>
      <c r="CD2121" s="162"/>
      <c r="CE2121" s="162"/>
      <c r="CF2121" s="162"/>
      <c r="CG2121" s="162"/>
      <c r="CH2121" s="162"/>
      <c r="CI2121" s="162"/>
      <c r="CJ2121" s="162"/>
      <c r="CK2121" s="162"/>
      <c r="CX2121" s="98"/>
      <c r="DL2121" s="97"/>
      <c r="DX2121" s="98"/>
      <c r="EL2121" s="97"/>
      <c r="EX2121" s="98"/>
      <c r="EY2121" s="97"/>
      <c r="FL2121" s="126"/>
      <c r="FM2121" s="91"/>
      <c r="FN2121" s="91"/>
      <c r="FO2121" s="91"/>
      <c r="FP2121" s="91"/>
      <c r="FQ2121" s="91"/>
      <c r="FR2121" s="91"/>
      <c r="FS2121" s="91"/>
      <c r="FT2121" s="91"/>
      <c r="FU2121" s="91"/>
      <c r="FV2121" s="91"/>
      <c r="FW2121" s="91"/>
      <c r="FX2121" s="91"/>
      <c r="FY2121" s="91"/>
      <c r="FZ2121" s="91"/>
      <c r="GA2121" s="91"/>
      <c r="GB2121" s="91"/>
      <c r="GC2121" s="91"/>
      <c r="GD2121" s="91"/>
      <c r="GE2121" s="91"/>
      <c r="GF2121" s="91"/>
      <c r="GG2121" s="91"/>
      <c r="GH2121" s="91"/>
      <c r="GI2121" s="91"/>
      <c r="GJ2121" s="91"/>
      <c r="GK2121" s="127"/>
      <c r="GL2121" s="126"/>
      <c r="GM2121" s="91"/>
      <c r="GN2121" s="91"/>
      <c r="GO2121" s="91"/>
      <c r="GP2121" s="91"/>
      <c r="GQ2121" s="91"/>
      <c r="GR2121" s="91"/>
      <c r="GS2121" s="91"/>
      <c r="GT2121" s="91"/>
      <c r="GU2121" s="91"/>
      <c r="GV2121" s="91"/>
      <c r="GW2121" s="91"/>
      <c r="GX2121" s="91"/>
      <c r="GY2121" s="91"/>
      <c r="GZ2121" s="91"/>
      <c r="HA2121" s="91"/>
      <c r="HB2121" s="91"/>
      <c r="HC2121" s="91"/>
      <c r="HD2121" s="91"/>
      <c r="HE2121" s="91"/>
      <c r="HF2121" s="91"/>
      <c r="HG2121" s="91"/>
      <c r="HH2121" s="91"/>
      <c r="HI2121" s="91"/>
      <c r="HJ2121" s="91"/>
      <c r="HK2121" s="127"/>
      <c r="HL2121" s="126"/>
      <c r="HM2121" s="91"/>
      <c r="HN2121" s="91"/>
      <c r="HO2121" s="91"/>
      <c r="HP2121" s="91"/>
      <c r="HQ2121" s="91"/>
      <c r="HR2121" s="91"/>
      <c r="HS2121" s="91"/>
      <c r="HT2121" s="91"/>
      <c r="HU2121" s="91"/>
      <c r="HV2121" s="91"/>
      <c r="HW2121" s="91"/>
      <c r="HX2121" s="91"/>
      <c r="HY2121" s="91"/>
      <c r="HZ2121" s="91"/>
      <c r="IA2121" s="91"/>
      <c r="IB2121" s="91"/>
      <c r="IC2121" s="91"/>
      <c r="ID2121" s="91"/>
      <c r="IE2121" s="91"/>
      <c r="IF2121" s="91"/>
      <c r="IG2121" s="91"/>
      <c r="IH2121" s="91"/>
      <c r="II2121" s="91"/>
      <c r="IJ2121" s="91"/>
      <c r="IK2121" s="127"/>
    </row>
    <row r="2122" spans="2:245" x14ac:dyDescent="0.2">
      <c r="B2122" s="43"/>
      <c r="C2122" s="73"/>
      <c r="D2122" s="64"/>
      <c r="E2122" s="64"/>
      <c r="F2122" s="55"/>
      <c r="G2122" s="102"/>
      <c r="H2122" s="55"/>
      <c r="I2122" s="55"/>
      <c r="J2122" s="55"/>
      <c r="K2122" s="55"/>
      <c r="L2122" s="55"/>
      <c r="M2122" s="55"/>
      <c r="N2122" s="55"/>
      <c r="O2122" s="55"/>
      <c r="P2122" s="55"/>
      <c r="Q2122" s="55"/>
      <c r="R2122" s="55"/>
      <c r="S2122" s="55"/>
      <c r="T2122" s="55"/>
      <c r="U2122" s="55"/>
      <c r="V2122" s="55"/>
      <c r="W2122" s="55"/>
      <c r="X2122" s="55"/>
      <c r="Y2122" s="55"/>
      <c r="Z2122" s="55"/>
      <c r="AA2122" s="55"/>
      <c r="AB2122" s="55"/>
      <c r="AC2122" s="55"/>
      <c r="AD2122" s="55"/>
      <c r="AE2122" s="55"/>
      <c r="AF2122" s="55"/>
      <c r="AG2122" s="55"/>
      <c r="AY2122" s="162"/>
      <c r="AZ2122" s="162"/>
      <c r="BA2122" s="162"/>
      <c r="BB2122" s="162"/>
      <c r="BC2122" s="162"/>
      <c r="BD2122" s="162"/>
      <c r="BE2122" s="162"/>
      <c r="BF2122" s="162"/>
      <c r="BG2122" s="162"/>
      <c r="BH2122" s="162"/>
      <c r="BI2122" s="162"/>
      <c r="BJ2122" s="162"/>
      <c r="BK2122" s="162"/>
      <c r="BL2122" s="162"/>
      <c r="BM2122" s="162"/>
      <c r="BN2122" s="162"/>
      <c r="BO2122" s="162"/>
      <c r="BP2122" s="162"/>
      <c r="BQ2122" s="162"/>
      <c r="BR2122" s="162"/>
      <c r="BS2122" s="162"/>
      <c r="BT2122" s="162"/>
      <c r="BU2122" s="162"/>
      <c r="BV2122" s="162"/>
      <c r="BW2122" s="162"/>
      <c r="BX2122" s="162"/>
      <c r="BY2122" s="162"/>
      <c r="BZ2122" s="162"/>
      <c r="CA2122" s="162"/>
      <c r="CB2122" s="162"/>
      <c r="CC2122" s="162"/>
      <c r="CD2122" s="162"/>
      <c r="CE2122" s="162"/>
      <c r="CF2122" s="162"/>
      <c r="CG2122" s="162"/>
      <c r="CH2122" s="162"/>
      <c r="CI2122" s="162"/>
      <c r="CJ2122" s="162"/>
      <c r="CK2122" s="162"/>
      <c r="CX2122" s="98"/>
      <c r="DL2122" s="97"/>
      <c r="DX2122" s="98"/>
      <c r="EL2122" s="97"/>
      <c r="EX2122" s="98"/>
      <c r="EY2122" s="97"/>
      <c r="FL2122" s="126"/>
      <c r="FM2122" s="91"/>
      <c r="FN2122" s="91"/>
      <c r="FO2122" s="91"/>
      <c r="FP2122" s="91"/>
      <c r="FQ2122" s="91"/>
      <c r="FR2122" s="91"/>
      <c r="FS2122" s="91"/>
      <c r="FT2122" s="91"/>
      <c r="FU2122" s="91"/>
      <c r="FV2122" s="91"/>
      <c r="FW2122" s="91"/>
      <c r="FX2122" s="91"/>
      <c r="FY2122" s="91"/>
      <c r="FZ2122" s="91"/>
      <c r="GA2122" s="91"/>
      <c r="GB2122" s="91"/>
      <c r="GC2122" s="91"/>
      <c r="GD2122" s="91"/>
      <c r="GE2122" s="91"/>
      <c r="GF2122" s="91"/>
      <c r="GG2122" s="91"/>
      <c r="GH2122" s="91"/>
      <c r="GI2122" s="91"/>
      <c r="GJ2122" s="91"/>
      <c r="GK2122" s="127"/>
      <c r="GL2122" s="126"/>
      <c r="GM2122" s="91"/>
      <c r="GN2122" s="91"/>
      <c r="GO2122" s="91"/>
      <c r="GP2122" s="91"/>
      <c r="GQ2122" s="91"/>
      <c r="GR2122" s="91"/>
      <c r="GS2122" s="91"/>
      <c r="GT2122" s="91"/>
      <c r="GU2122" s="91"/>
      <c r="GV2122" s="91"/>
      <c r="GW2122" s="91"/>
      <c r="GX2122" s="91"/>
      <c r="GY2122" s="91"/>
      <c r="GZ2122" s="91"/>
      <c r="HA2122" s="91"/>
      <c r="HB2122" s="91"/>
      <c r="HC2122" s="91"/>
      <c r="HD2122" s="91"/>
      <c r="HE2122" s="91"/>
      <c r="HF2122" s="91"/>
      <c r="HG2122" s="91"/>
      <c r="HH2122" s="91"/>
      <c r="HI2122" s="91"/>
      <c r="HJ2122" s="91"/>
      <c r="HK2122" s="127"/>
      <c r="HL2122" s="126"/>
      <c r="HM2122" s="91"/>
      <c r="HN2122" s="91"/>
      <c r="HO2122" s="91"/>
      <c r="HP2122" s="91"/>
      <c r="HQ2122" s="91"/>
      <c r="HR2122" s="91"/>
      <c r="HS2122" s="91"/>
      <c r="HT2122" s="91"/>
      <c r="HU2122" s="91"/>
      <c r="HV2122" s="91"/>
      <c r="HW2122" s="91"/>
      <c r="HX2122" s="91"/>
      <c r="HY2122" s="91"/>
      <c r="HZ2122" s="91"/>
      <c r="IA2122" s="91"/>
      <c r="IB2122" s="91"/>
      <c r="IC2122" s="91"/>
      <c r="ID2122" s="91"/>
      <c r="IE2122" s="91"/>
      <c r="IF2122" s="91"/>
      <c r="IG2122" s="91"/>
      <c r="IH2122" s="91"/>
      <c r="II2122" s="91"/>
      <c r="IJ2122" s="91"/>
      <c r="IK2122" s="127"/>
    </row>
    <row r="2123" spans="2:245" x14ac:dyDescent="0.2">
      <c r="B2123" s="43"/>
      <c r="C2123" s="73"/>
      <c r="D2123" s="64"/>
      <c r="E2123" s="64"/>
      <c r="F2123" s="55"/>
      <c r="G2123" s="102"/>
      <c r="H2123" s="55"/>
      <c r="I2123" s="55"/>
      <c r="J2123" s="55"/>
      <c r="K2123" s="55"/>
      <c r="L2123" s="55"/>
      <c r="M2123" s="55"/>
      <c r="N2123" s="55"/>
      <c r="O2123" s="55"/>
      <c r="P2123" s="55"/>
      <c r="Q2123" s="55"/>
      <c r="R2123" s="55"/>
      <c r="S2123" s="55"/>
      <c r="T2123" s="55"/>
      <c r="U2123" s="55"/>
      <c r="V2123" s="55"/>
      <c r="W2123" s="55"/>
      <c r="X2123" s="55"/>
      <c r="Y2123" s="55"/>
      <c r="Z2123" s="55"/>
      <c r="AA2123" s="55"/>
      <c r="AB2123" s="55"/>
      <c r="AC2123" s="55"/>
      <c r="AD2123" s="55"/>
      <c r="AE2123" s="55"/>
      <c r="AF2123" s="55"/>
      <c r="AG2123" s="55"/>
      <c r="AY2123" s="162"/>
      <c r="AZ2123" s="162"/>
      <c r="BA2123" s="162"/>
      <c r="BB2123" s="162"/>
      <c r="BC2123" s="162"/>
      <c r="BD2123" s="162"/>
      <c r="BE2123" s="162"/>
      <c r="BF2123" s="162"/>
      <c r="BG2123" s="162"/>
      <c r="BH2123" s="162"/>
      <c r="BI2123" s="162"/>
      <c r="BJ2123" s="162"/>
      <c r="BK2123" s="162"/>
      <c r="BL2123" s="162"/>
      <c r="BM2123" s="162"/>
      <c r="BN2123" s="162"/>
      <c r="BO2123" s="162"/>
      <c r="BP2123" s="162"/>
      <c r="BQ2123" s="162"/>
      <c r="BR2123" s="162"/>
      <c r="BS2123" s="162"/>
      <c r="BT2123" s="162"/>
      <c r="BU2123" s="162"/>
      <c r="BV2123" s="162"/>
      <c r="BW2123" s="162"/>
      <c r="BX2123" s="162"/>
      <c r="BY2123" s="162"/>
      <c r="BZ2123" s="162"/>
      <c r="CA2123" s="162"/>
      <c r="CB2123" s="162"/>
      <c r="CC2123" s="162"/>
      <c r="CD2123" s="162"/>
      <c r="CE2123" s="162"/>
      <c r="CF2123" s="162"/>
      <c r="CG2123" s="162"/>
      <c r="CH2123" s="162"/>
      <c r="CI2123" s="162"/>
      <c r="CJ2123" s="162"/>
      <c r="CK2123" s="162"/>
      <c r="CX2123" s="98"/>
      <c r="DL2123" s="97"/>
      <c r="DX2123" s="98"/>
      <c r="EL2123" s="97"/>
      <c r="EX2123" s="98"/>
      <c r="EY2123" s="97"/>
      <c r="FL2123" s="126"/>
      <c r="FM2123" s="91"/>
      <c r="FN2123" s="91"/>
      <c r="FO2123" s="91"/>
      <c r="FP2123" s="91"/>
      <c r="FQ2123" s="91"/>
      <c r="FR2123" s="91"/>
      <c r="FS2123" s="91"/>
      <c r="FT2123" s="91"/>
      <c r="FU2123" s="91"/>
      <c r="FV2123" s="91"/>
      <c r="FW2123" s="91"/>
      <c r="FX2123" s="91"/>
      <c r="FY2123" s="91"/>
      <c r="FZ2123" s="91"/>
      <c r="GA2123" s="91"/>
      <c r="GB2123" s="91"/>
      <c r="GC2123" s="91"/>
      <c r="GD2123" s="91"/>
      <c r="GE2123" s="91"/>
      <c r="GF2123" s="91"/>
      <c r="GG2123" s="91"/>
      <c r="GH2123" s="91"/>
      <c r="GI2123" s="91"/>
      <c r="GJ2123" s="91"/>
      <c r="GK2123" s="127"/>
      <c r="GL2123" s="126"/>
      <c r="GM2123" s="91"/>
      <c r="GN2123" s="91"/>
      <c r="GO2123" s="91"/>
      <c r="GP2123" s="91"/>
      <c r="GQ2123" s="91"/>
      <c r="GR2123" s="91"/>
      <c r="GS2123" s="91"/>
      <c r="GT2123" s="91"/>
      <c r="GU2123" s="91"/>
      <c r="GV2123" s="91"/>
      <c r="GW2123" s="91"/>
      <c r="GX2123" s="91"/>
      <c r="GY2123" s="91"/>
      <c r="GZ2123" s="91"/>
      <c r="HA2123" s="91"/>
      <c r="HB2123" s="91"/>
      <c r="HC2123" s="91"/>
      <c r="HD2123" s="91"/>
      <c r="HE2123" s="91"/>
      <c r="HF2123" s="91"/>
      <c r="HG2123" s="91"/>
      <c r="HH2123" s="91"/>
      <c r="HI2123" s="91"/>
      <c r="HJ2123" s="91"/>
      <c r="HK2123" s="127"/>
      <c r="HL2123" s="126"/>
      <c r="HM2123" s="91"/>
      <c r="HN2123" s="91"/>
      <c r="HO2123" s="91"/>
      <c r="HP2123" s="91"/>
      <c r="HQ2123" s="91"/>
      <c r="HR2123" s="91"/>
      <c r="HS2123" s="91"/>
      <c r="HT2123" s="91"/>
      <c r="HU2123" s="91"/>
      <c r="HV2123" s="91"/>
      <c r="HW2123" s="91"/>
      <c r="HX2123" s="91"/>
      <c r="HY2123" s="91"/>
      <c r="HZ2123" s="91"/>
      <c r="IA2123" s="91"/>
      <c r="IB2123" s="91"/>
      <c r="IC2123" s="91"/>
      <c r="ID2123" s="91"/>
      <c r="IE2123" s="91"/>
      <c r="IF2123" s="91"/>
      <c r="IG2123" s="91"/>
      <c r="IH2123" s="91"/>
      <c r="II2123" s="91"/>
      <c r="IJ2123" s="91"/>
      <c r="IK2123" s="127"/>
    </row>
    <row r="2124" spans="2:245" ht="13.5" thickBot="1" x14ac:dyDescent="0.25">
      <c r="B2124" s="43"/>
      <c r="C2124" s="73"/>
      <c r="D2124" s="64"/>
      <c r="E2124" s="64"/>
      <c r="F2124" s="55"/>
      <c r="G2124" s="102"/>
      <c r="H2124" s="55"/>
      <c r="I2124" s="55"/>
      <c r="J2124" s="55"/>
      <c r="K2124" s="55"/>
      <c r="L2124" s="55"/>
      <c r="M2124" s="55"/>
      <c r="N2124" s="55"/>
      <c r="O2124" s="55"/>
      <c r="P2124" s="55"/>
      <c r="Q2124" s="55"/>
      <c r="R2124" s="55"/>
      <c r="S2124" s="55"/>
      <c r="T2124" s="55"/>
      <c r="U2124" s="55"/>
      <c r="V2124" s="55"/>
      <c r="W2124" s="55"/>
      <c r="X2124" s="55"/>
      <c r="Y2124" s="55"/>
      <c r="Z2124" s="55"/>
      <c r="AA2124" s="55"/>
      <c r="AB2124" s="55"/>
      <c r="AC2124" s="55"/>
      <c r="AD2124" s="55"/>
      <c r="AE2124" s="55"/>
      <c r="AF2124" s="55"/>
      <c r="AG2124" s="55"/>
      <c r="AY2124" s="162"/>
      <c r="AZ2124" s="162"/>
      <c r="BA2124" s="162"/>
      <c r="BB2124" s="162"/>
      <c r="BC2124" s="162"/>
      <c r="BD2124" s="162"/>
      <c r="BE2124" s="162"/>
      <c r="BF2124" s="162"/>
      <c r="BG2124" s="162"/>
      <c r="BH2124" s="162"/>
      <c r="BI2124" s="162"/>
      <c r="BJ2124" s="162"/>
      <c r="BK2124" s="162"/>
      <c r="BL2124" s="162"/>
      <c r="BM2124" s="162"/>
      <c r="BN2124" s="162"/>
      <c r="BO2124" s="162"/>
      <c r="BP2124" s="162"/>
      <c r="BQ2124" s="162"/>
      <c r="BR2124" s="162"/>
      <c r="BS2124" s="162"/>
      <c r="BT2124" s="162"/>
      <c r="BU2124" s="162"/>
      <c r="BV2124" s="162"/>
      <c r="BW2124" s="162"/>
      <c r="BX2124" s="162"/>
      <c r="BY2124" s="162"/>
      <c r="BZ2124" s="162"/>
      <c r="CA2124" s="162"/>
      <c r="CB2124" s="162"/>
      <c r="CC2124" s="162"/>
      <c r="CD2124" s="162"/>
      <c r="CE2124" s="162"/>
      <c r="CF2124" s="162"/>
      <c r="CG2124" s="162"/>
      <c r="CH2124" s="162"/>
      <c r="CI2124" s="162"/>
      <c r="CJ2124" s="162"/>
      <c r="CK2124" s="162"/>
      <c r="CL2124" s="166"/>
      <c r="CM2124" s="166"/>
      <c r="CN2124" s="166"/>
      <c r="CO2124" s="166"/>
      <c r="CP2124" s="166"/>
      <c r="CQ2124" s="166"/>
      <c r="CR2124" s="166"/>
      <c r="CS2124" s="166"/>
      <c r="CT2124" s="166"/>
      <c r="CU2124" s="166"/>
      <c r="CV2124" s="166"/>
      <c r="CW2124" s="166"/>
      <c r="CX2124" s="176"/>
      <c r="CY2124" s="166"/>
      <c r="CZ2124" s="166"/>
      <c r="DA2124" s="166"/>
      <c r="DB2124" s="166"/>
      <c r="DC2124" s="166"/>
      <c r="DD2124" s="166"/>
      <c r="DE2124" s="166"/>
      <c r="DF2124" s="166"/>
      <c r="DG2124" s="166"/>
      <c r="DH2124" s="166"/>
      <c r="DI2124" s="166"/>
      <c r="DJ2124" s="166"/>
      <c r="DK2124" s="166"/>
      <c r="DL2124" s="175"/>
      <c r="DM2124" s="166"/>
      <c r="DN2124" s="166"/>
      <c r="DO2124" s="166"/>
      <c r="DP2124" s="166"/>
      <c r="DQ2124" s="166"/>
      <c r="DR2124" s="166"/>
      <c r="DS2124" s="166"/>
      <c r="DT2124" s="166"/>
      <c r="DU2124" s="166"/>
      <c r="DV2124" s="166"/>
      <c r="DW2124" s="166"/>
      <c r="DX2124" s="176"/>
      <c r="DY2124" s="166"/>
      <c r="DZ2124" s="166"/>
      <c r="EA2124" s="166"/>
      <c r="EB2124" s="166"/>
      <c r="EC2124" s="166"/>
      <c r="ED2124" s="166"/>
      <c r="EE2124" s="166"/>
      <c r="EF2124" s="166"/>
      <c r="EG2124" s="166"/>
      <c r="EH2124" s="166"/>
      <c r="EI2124" s="166"/>
      <c r="EJ2124" s="166"/>
      <c r="EK2124" s="166"/>
      <c r="EL2124" s="175"/>
      <c r="EM2124" s="166"/>
      <c r="EN2124" s="166"/>
      <c r="EO2124" s="166"/>
      <c r="EP2124" s="166"/>
      <c r="EQ2124" s="166"/>
      <c r="ER2124" s="166"/>
      <c r="ES2124" s="166"/>
      <c r="ET2124" s="166"/>
      <c r="EU2124" s="166"/>
      <c r="EV2124" s="166"/>
      <c r="EW2124" s="166"/>
      <c r="EX2124" s="176"/>
      <c r="EY2124" s="175"/>
      <c r="EZ2124" s="166"/>
      <c r="FA2124" s="166"/>
      <c r="FB2124" s="166"/>
      <c r="FC2124" s="166"/>
      <c r="FD2124" s="166"/>
      <c r="FE2124" s="166"/>
      <c r="FF2124" s="166"/>
      <c r="FG2124" s="166"/>
      <c r="FH2124" s="166"/>
      <c r="FI2124" s="166"/>
      <c r="FJ2124" s="166"/>
      <c r="FK2124" s="166"/>
      <c r="FL2124" s="126"/>
      <c r="FM2124" s="91"/>
      <c r="FN2124" s="91"/>
      <c r="FO2124" s="91"/>
      <c r="FP2124" s="91"/>
      <c r="FQ2124" s="91"/>
      <c r="FR2124" s="91"/>
      <c r="FS2124" s="91"/>
      <c r="FT2124" s="91"/>
      <c r="FU2124" s="91"/>
      <c r="FV2124" s="91"/>
      <c r="FW2124" s="91"/>
      <c r="FX2124" s="91"/>
      <c r="FY2124" s="91"/>
      <c r="FZ2124" s="91"/>
      <c r="GA2124" s="91"/>
      <c r="GB2124" s="91"/>
      <c r="GC2124" s="91"/>
      <c r="GD2124" s="91"/>
      <c r="GE2124" s="91"/>
      <c r="GF2124" s="91"/>
      <c r="GG2124" s="91"/>
      <c r="GH2124" s="91"/>
      <c r="GI2124" s="91"/>
      <c r="GJ2124" s="91"/>
      <c r="GK2124" s="127"/>
      <c r="GL2124" s="126"/>
      <c r="GM2124" s="91"/>
      <c r="GN2124" s="91"/>
      <c r="GO2124" s="91"/>
      <c r="GP2124" s="91"/>
      <c r="GQ2124" s="91"/>
      <c r="GR2124" s="91"/>
      <c r="GS2124" s="91"/>
      <c r="GT2124" s="91"/>
      <c r="GU2124" s="91"/>
      <c r="GV2124" s="91"/>
      <c r="GW2124" s="91"/>
      <c r="GX2124" s="91"/>
      <c r="GY2124" s="91"/>
      <c r="GZ2124" s="91"/>
      <c r="HA2124" s="91"/>
      <c r="HB2124" s="91"/>
      <c r="HC2124" s="91"/>
      <c r="HD2124" s="91"/>
      <c r="HE2124" s="91"/>
      <c r="HF2124" s="91"/>
      <c r="HG2124" s="91"/>
      <c r="HH2124" s="91"/>
      <c r="HI2124" s="91"/>
      <c r="HJ2124" s="91"/>
      <c r="HK2124" s="127"/>
      <c r="HL2124" s="126"/>
      <c r="HM2124" s="91"/>
      <c r="HN2124" s="91"/>
      <c r="HO2124" s="91"/>
      <c r="HP2124" s="91"/>
      <c r="HQ2124" s="91"/>
      <c r="HR2124" s="91"/>
      <c r="HS2124" s="91"/>
      <c r="HT2124" s="91"/>
      <c r="HU2124" s="91"/>
      <c r="HV2124" s="91"/>
      <c r="HW2124" s="91"/>
      <c r="HX2124" s="91"/>
      <c r="HY2124" s="91"/>
      <c r="HZ2124" s="91"/>
      <c r="IA2124" s="91"/>
      <c r="IB2124" s="91"/>
      <c r="IC2124" s="91"/>
      <c r="ID2124" s="91"/>
      <c r="IE2124" s="91"/>
      <c r="IF2124" s="91"/>
      <c r="IG2124" s="91"/>
      <c r="IH2124" s="91"/>
      <c r="II2124" s="91"/>
      <c r="IJ2124" s="91"/>
      <c r="IK2124" s="127"/>
    </row>
    <row r="2125" spans="2:245" x14ac:dyDescent="0.2">
      <c r="B2125" s="43"/>
      <c r="C2125" s="73"/>
      <c r="D2125" s="64"/>
      <c r="E2125" s="64"/>
      <c r="F2125" s="55"/>
      <c r="G2125" s="102"/>
      <c r="H2125" s="55"/>
      <c r="I2125" s="55"/>
      <c r="J2125" s="55"/>
      <c r="K2125" s="55"/>
      <c r="L2125" s="55"/>
      <c r="M2125" s="55"/>
      <c r="N2125" s="55"/>
      <c r="O2125" s="55"/>
      <c r="P2125" s="55"/>
      <c r="Q2125" s="55"/>
      <c r="R2125" s="55"/>
      <c r="S2125" s="55"/>
      <c r="T2125" s="55"/>
      <c r="U2125" s="55"/>
      <c r="V2125" s="55"/>
      <c r="W2125" s="55"/>
      <c r="X2125" s="55"/>
      <c r="Y2125" s="55"/>
      <c r="Z2125" s="55"/>
      <c r="AA2125" s="55"/>
      <c r="AB2125" s="55"/>
      <c r="AC2125" s="55"/>
      <c r="AD2125" s="55"/>
      <c r="AE2125" s="55"/>
      <c r="AF2125" s="55"/>
      <c r="AG2125" s="55"/>
      <c r="AY2125" s="162"/>
      <c r="AZ2125" s="162"/>
      <c r="BA2125" s="162"/>
      <c r="BB2125" s="162"/>
      <c r="BC2125" s="162"/>
      <c r="BD2125" s="162"/>
      <c r="BE2125" s="162"/>
      <c r="BF2125" s="162"/>
      <c r="BG2125" s="162"/>
      <c r="BH2125" s="162"/>
      <c r="BI2125" s="162"/>
      <c r="BJ2125" s="162"/>
      <c r="BK2125" s="162"/>
      <c r="BL2125" s="162"/>
      <c r="BM2125" s="162"/>
      <c r="BN2125" s="162"/>
      <c r="BO2125" s="162"/>
      <c r="BP2125" s="162"/>
      <c r="BQ2125" s="162"/>
      <c r="BR2125" s="162"/>
      <c r="BS2125" s="162"/>
      <c r="BT2125" s="162"/>
      <c r="BU2125" s="162"/>
      <c r="BV2125" s="162"/>
      <c r="BW2125" s="162"/>
      <c r="BX2125" s="162"/>
      <c r="BY2125" s="162"/>
      <c r="BZ2125" s="162"/>
      <c r="CA2125" s="162"/>
      <c r="CB2125" s="162"/>
      <c r="CC2125" s="162"/>
      <c r="CD2125" s="162"/>
      <c r="CE2125" s="162"/>
      <c r="CF2125" s="162"/>
      <c r="CG2125" s="162"/>
      <c r="CH2125" s="162"/>
      <c r="CI2125" s="162"/>
      <c r="CJ2125" s="162"/>
      <c r="CK2125" s="162"/>
      <c r="CX2125" s="98"/>
      <c r="DL2125" s="97"/>
      <c r="DX2125" s="98"/>
      <c r="EL2125" s="97"/>
      <c r="EX2125" s="98"/>
      <c r="EY2125" s="97"/>
      <c r="FL2125" s="126"/>
      <c r="FM2125" s="91"/>
      <c r="FN2125" s="91"/>
      <c r="FO2125" s="91"/>
      <c r="FP2125" s="91"/>
      <c r="FQ2125" s="91"/>
      <c r="FR2125" s="91"/>
      <c r="FS2125" s="91"/>
      <c r="FT2125" s="91"/>
      <c r="FU2125" s="91"/>
      <c r="FV2125" s="91"/>
      <c r="FW2125" s="91"/>
      <c r="FX2125" s="91"/>
      <c r="FY2125" s="91"/>
      <c r="FZ2125" s="91"/>
      <c r="GA2125" s="91"/>
      <c r="GB2125" s="91"/>
      <c r="GC2125" s="91"/>
      <c r="GD2125" s="91"/>
      <c r="GE2125" s="91"/>
      <c r="GF2125" s="91"/>
      <c r="GG2125" s="91"/>
      <c r="GH2125" s="91"/>
      <c r="GI2125" s="91"/>
      <c r="GJ2125" s="91"/>
      <c r="GK2125" s="127"/>
      <c r="GL2125" s="126"/>
      <c r="GM2125" s="91"/>
      <c r="GN2125" s="91"/>
      <c r="GO2125" s="91"/>
      <c r="GP2125" s="91"/>
      <c r="GQ2125" s="91"/>
      <c r="GR2125" s="91"/>
      <c r="GS2125" s="91"/>
      <c r="GT2125" s="91"/>
      <c r="GU2125" s="91"/>
      <c r="GV2125" s="91"/>
      <c r="GW2125" s="91"/>
      <c r="GX2125" s="91"/>
      <c r="GY2125" s="91"/>
      <c r="GZ2125" s="91"/>
      <c r="HA2125" s="91"/>
      <c r="HB2125" s="91"/>
      <c r="HC2125" s="91"/>
      <c r="HD2125" s="91"/>
      <c r="HE2125" s="91"/>
      <c r="HF2125" s="91"/>
      <c r="HG2125" s="91"/>
      <c r="HH2125" s="91"/>
      <c r="HI2125" s="91"/>
      <c r="HJ2125" s="91"/>
      <c r="HK2125" s="127"/>
      <c r="HL2125" s="126"/>
      <c r="HM2125" s="91"/>
      <c r="HN2125" s="91"/>
      <c r="HO2125" s="91"/>
      <c r="HP2125" s="91"/>
      <c r="HQ2125" s="91"/>
      <c r="HR2125" s="91"/>
      <c r="HS2125" s="91"/>
      <c r="HT2125" s="91"/>
      <c r="HU2125" s="91"/>
      <c r="HV2125" s="91"/>
      <c r="HW2125" s="91"/>
      <c r="HX2125" s="91"/>
      <c r="HY2125" s="91"/>
      <c r="HZ2125" s="91"/>
      <c r="IA2125" s="91"/>
      <c r="IB2125" s="91"/>
      <c r="IC2125" s="91"/>
      <c r="ID2125" s="91"/>
      <c r="IE2125" s="91"/>
      <c r="IF2125" s="91"/>
      <c r="IG2125" s="91"/>
      <c r="IH2125" s="91"/>
      <c r="II2125" s="91"/>
      <c r="IJ2125" s="91"/>
      <c r="IK2125" s="127"/>
    </row>
    <row r="2126" spans="2:245" x14ac:dyDescent="0.2">
      <c r="B2126" s="43"/>
      <c r="C2126" s="73"/>
      <c r="D2126" s="64"/>
      <c r="E2126" s="64"/>
      <c r="F2126" s="55"/>
      <c r="G2126" s="102"/>
      <c r="H2126" s="55"/>
      <c r="I2126" s="55"/>
      <c r="J2126" s="55"/>
      <c r="K2126" s="55"/>
      <c r="L2126" s="55"/>
      <c r="M2126" s="55"/>
      <c r="N2126" s="55"/>
      <c r="O2126" s="55"/>
      <c r="P2126" s="55"/>
      <c r="Q2126" s="55"/>
      <c r="R2126" s="55"/>
      <c r="S2126" s="55"/>
      <c r="T2126" s="55"/>
      <c r="U2126" s="55"/>
      <c r="V2126" s="55"/>
      <c r="W2126" s="55"/>
      <c r="X2126" s="55"/>
      <c r="Y2126" s="55"/>
      <c r="Z2126" s="55"/>
      <c r="AA2126" s="55"/>
      <c r="AB2126" s="55"/>
      <c r="AC2126" s="55"/>
      <c r="AD2126" s="55"/>
      <c r="AE2126" s="55"/>
      <c r="AF2126" s="55"/>
      <c r="AG2126" s="55"/>
      <c r="AY2126" s="162"/>
      <c r="AZ2126" s="162"/>
      <c r="BA2126" s="162"/>
      <c r="BB2126" s="162"/>
      <c r="BC2126" s="162"/>
      <c r="BD2126" s="162"/>
      <c r="BE2126" s="162"/>
      <c r="BF2126" s="162"/>
      <c r="BG2126" s="162"/>
      <c r="BH2126" s="162"/>
      <c r="BI2126" s="162"/>
      <c r="BJ2126" s="162"/>
      <c r="BK2126" s="162"/>
      <c r="BL2126" s="162"/>
      <c r="BM2126" s="162"/>
      <c r="BN2126" s="162"/>
      <c r="BO2126" s="162"/>
      <c r="BP2126" s="162"/>
      <c r="BQ2126" s="162"/>
      <c r="BR2126" s="162"/>
      <c r="BS2126" s="162"/>
      <c r="BT2126" s="162"/>
      <c r="BU2126" s="162"/>
      <c r="BV2126" s="162"/>
      <c r="BW2126" s="162"/>
      <c r="BX2126" s="162"/>
      <c r="BY2126" s="162"/>
      <c r="BZ2126" s="162"/>
      <c r="CA2126" s="162"/>
      <c r="CB2126" s="162"/>
      <c r="CC2126" s="162"/>
      <c r="CD2126" s="162"/>
      <c r="CE2126" s="162"/>
      <c r="CF2126" s="162"/>
      <c r="CG2126" s="162"/>
      <c r="CH2126" s="162"/>
      <c r="CI2126" s="162"/>
      <c r="CJ2126" s="162"/>
      <c r="CK2126" s="162"/>
      <c r="CX2126" s="98"/>
      <c r="DL2126" s="97"/>
      <c r="DX2126" s="98"/>
      <c r="EL2126" s="97"/>
      <c r="EX2126" s="98"/>
      <c r="EY2126" s="97"/>
      <c r="FL2126" s="126"/>
      <c r="FM2126" s="91"/>
      <c r="FN2126" s="91"/>
      <c r="FO2126" s="91"/>
      <c r="FP2126" s="91"/>
      <c r="FQ2126" s="91"/>
      <c r="FR2126" s="91"/>
      <c r="FS2126" s="91"/>
      <c r="FT2126" s="91"/>
      <c r="FU2126" s="91"/>
      <c r="FV2126" s="91"/>
      <c r="FW2126" s="91"/>
      <c r="FX2126" s="91"/>
      <c r="FY2126" s="91"/>
      <c r="FZ2126" s="91"/>
      <c r="GA2126" s="91"/>
      <c r="GB2126" s="91"/>
      <c r="GC2126" s="91"/>
      <c r="GD2126" s="91"/>
      <c r="GE2126" s="91"/>
      <c r="GF2126" s="91"/>
      <c r="GG2126" s="91"/>
      <c r="GH2126" s="91"/>
      <c r="GI2126" s="91"/>
      <c r="GJ2126" s="91"/>
      <c r="GK2126" s="127"/>
      <c r="GL2126" s="126"/>
      <c r="GM2126" s="91"/>
      <c r="GN2126" s="91"/>
      <c r="GO2126" s="91"/>
      <c r="GP2126" s="91"/>
      <c r="GQ2126" s="91"/>
      <c r="GR2126" s="91"/>
      <c r="GS2126" s="91"/>
      <c r="GT2126" s="91"/>
      <c r="GU2126" s="91"/>
      <c r="GV2126" s="91"/>
      <c r="GW2126" s="91"/>
      <c r="GX2126" s="91"/>
      <c r="GY2126" s="91"/>
      <c r="GZ2126" s="91"/>
      <c r="HA2126" s="91"/>
      <c r="HB2126" s="91"/>
      <c r="HC2126" s="91"/>
      <c r="HD2126" s="91"/>
      <c r="HE2126" s="91"/>
      <c r="HF2126" s="91"/>
      <c r="HG2126" s="91"/>
      <c r="HH2126" s="91"/>
      <c r="HI2126" s="91"/>
      <c r="HJ2126" s="91"/>
      <c r="HK2126" s="127"/>
      <c r="HL2126" s="126"/>
      <c r="HM2126" s="91"/>
      <c r="HN2126" s="91"/>
      <c r="HO2126" s="91"/>
      <c r="HP2126" s="91"/>
      <c r="HQ2126" s="91"/>
      <c r="HR2126" s="91"/>
      <c r="HS2126" s="91"/>
      <c r="HT2126" s="91"/>
      <c r="HU2126" s="91"/>
      <c r="HV2126" s="91"/>
      <c r="HW2126" s="91"/>
      <c r="HX2126" s="91"/>
      <c r="HY2126" s="91"/>
      <c r="HZ2126" s="91"/>
      <c r="IA2126" s="91"/>
      <c r="IB2126" s="91"/>
      <c r="IC2126" s="91"/>
      <c r="ID2126" s="91"/>
      <c r="IE2126" s="91"/>
      <c r="IF2126" s="91"/>
      <c r="IG2126" s="91"/>
      <c r="IH2126" s="91"/>
      <c r="II2126" s="91"/>
      <c r="IJ2126" s="91"/>
      <c r="IK2126" s="127"/>
    </row>
    <row r="2127" spans="2:245" x14ac:dyDescent="0.2">
      <c r="B2127" s="43"/>
      <c r="C2127" s="73"/>
      <c r="D2127" s="64"/>
      <c r="E2127" s="64"/>
      <c r="F2127" s="55"/>
      <c r="G2127" s="102"/>
      <c r="H2127" s="55"/>
      <c r="I2127" s="55"/>
      <c r="J2127" s="55"/>
      <c r="K2127" s="55"/>
      <c r="L2127" s="55"/>
      <c r="M2127" s="55"/>
      <c r="N2127" s="55"/>
      <c r="O2127" s="55"/>
      <c r="P2127" s="55"/>
      <c r="Q2127" s="55"/>
      <c r="R2127" s="55"/>
      <c r="S2127" s="55"/>
      <c r="T2127" s="55"/>
      <c r="U2127" s="55"/>
      <c r="V2127" s="55"/>
      <c r="W2127" s="55"/>
      <c r="X2127" s="55"/>
      <c r="Y2127" s="55"/>
      <c r="Z2127" s="55"/>
      <c r="AA2127" s="55"/>
      <c r="AB2127" s="55"/>
      <c r="AC2127" s="55"/>
      <c r="AD2127" s="55"/>
      <c r="AE2127" s="55"/>
      <c r="AF2127" s="55"/>
      <c r="AG2127" s="55"/>
      <c r="AY2127" s="162"/>
      <c r="AZ2127" s="162"/>
      <c r="BA2127" s="162"/>
      <c r="BB2127" s="162"/>
      <c r="BC2127" s="162"/>
      <c r="BD2127" s="162"/>
      <c r="BE2127" s="162"/>
      <c r="BF2127" s="162"/>
      <c r="BG2127" s="162"/>
      <c r="BH2127" s="162"/>
      <c r="BI2127" s="162"/>
      <c r="BJ2127" s="162"/>
      <c r="BK2127" s="162"/>
      <c r="BL2127" s="162"/>
      <c r="BM2127" s="162"/>
      <c r="BN2127" s="162"/>
      <c r="BO2127" s="162"/>
      <c r="BP2127" s="162"/>
      <c r="BQ2127" s="162"/>
      <c r="BR2127" s="162"/>
      <c r="BS2127" s="162"/>
      <c r="BT2127" s="162"/>
      <c r="BU2127" s="162"/>
      <c r="BV2127" s="162"/>
      <c r="BW2127" s="162"/>
      <c r="BX2127" s="162"/>
      <c r="BY2127" s="162"/>
      <c r="BZ2127" s="162"/>
      <c r="CA2127" s="162"/>
      <c r="CB2127" s="162"/>
      <c r="CC2127" s="162"/>
      <c r="CD2127" s="162"/>
      <c r="CE2127" s="162"/>
      <c r="CF2127" s="162"/>
      <c r="CG2127" s="162"/>
      <c r="CH2127" s="162"/>
      <c r="CI2127" s="162"/>
      <c r="CJ2127" s="162"/>
      <c r="CK2127" s="162"/>
      <c r="CX2127" s="98"/>
      <c r="DL2127" s="97"/>
      <c r="DX2127" s="98"/>
      <c r="EL2127" s="97"/>
      <c r="EX2127" s="98"/>
      <c r="EY2127" s="97"/>
      <c r="FL2127" s="126"/>
      <c r="FM2127" s="91"/>
      <c r="FN2127" s="91"/>
      <c r="FO2127" s="91"/>
      <c r="FP2127" s="91"/>
      <c r="FQ2127" s="91"/>
      <c r="FR2127" s="91"/>
      <c r="FS2127" s="91"/>
      <c r="FT2127" s="91"/>
      <c r="FU2127" s="91"/>
      <c r="FV2127" s="91"/>
      <c r="FW2127" s="91"/>
      <c r="FX2127" s="91"/>
      <c r="FY2127" s="91"/>
      <c r="FZ2127" s="91"/>
      <c r="GA2127" s="91"/>
      <c r="GB2127" s="91"/>
      <c r="GC2127" s="91"/>
      <c r="GD2127" s="91"/>
      <c r="GE2127" s="91"/>
      <c r="GF2127" s="91"/>
      <c r="GG2127" s="91"/>
      <c r="GH2127" s="91"/>
      <c r="GI2127" s="91"/>
      <c r="GJ2127" s="91"/>
      <c r="GK2127" s="127"/>
      <c r="GL2127" s="126"/>
      <c r="GM2127" s="91"/>
      <c r="GN2127" s="91"/>
      <c r="GO2127" s="91"/>
      <c r="GP2127" s="91"/>
      <c r="GQ2127" s="91"/>
      <c r="GR2127" s="91"/>
      <c r="GS2127" s="91"/>
      <c r="GT2127" s="91"/>
      <c r="GU2127" s="91"/>
      <c r="GV2127" s="91"/>
      <c r="GW2127" s="91"/>
      <c r="GX2127" s="91"/>
      <c r="GY2127" s="91"/>
      <c r="GZ2127" s="91"/>
      <c r="HA2127" s="91"/>
      <c r="HB2127" s="91"/>
      <c r="HC2127" s="91"/>
      <c r="HD2127" s="91"/>
      <c r="HE2127" s="91"/>
      <c r="HF2127" s="91"/>
      <c r="HG2127" s="91"/>
      <c r="HH2127" s="91"/>
      <c r="HI2127" s="91"/>
      <c r="HJ2127" s="91"/>
      <c r="HK2127" s="127"/>
      <c r="HL2127" s="126"/>
      <c r="HM2127" s="91"/>
      <c r="HN2127" s="91"/>
      <c r="HO2127" s="91"/>
      <c r="HP2127" s="91"/>
      <c r="HQ2127" s="91"/>
      <c r="HR2127" s="91"/>
      <c r="HS2127" s="91"/>
      <c r="HT2127" s="91"/>
      <c r="HU2127" s="91"/>
      <c r="HV2127" s="91"/>
      <c r="HW2127" s="91"/>
      <c r="HX2127" s="91"/>
      <c r="HY2127" s="91"/>
      <c r="HZ2127" s="91"/>
      <c r="IA2127" s="91"/>
      <c r="IB2127" s="91"/>
      <c r="IC2127" s="91"/>
      <c r="ID2127" s="91"/>
      <c r="IE2127" s="91"/>
      <c r="IF2127" s="91"/>
      <c r="IG2127" s="91"/>
      <c r="IH2127" s="91"/>
      <c r="II2127" s="91"/>
      <c r="IJ2127" s="91"/>
      <c r="IK2127" s="127"/>
    </row>
    <row r="2128" spans="2:245" x14ac:dyDescent="0.2">
      <c r="B2128" s="43"/>
      <c r="C2128" s="73"/>
      <c r="D2128" s="64"/>
      <c r="E2128" s="64"/>
      <c r="F2128" s="55"/>
      <c r="G2128" s="102"/>
      <c r="H2128" s="55"/>
      <c r="I2128" s="55"/>
      <c r="J2128" s="55"/>
      <c r="K2128" s="55"/>
      <c r="L2128" s="55"/>
      <c r="M2128" s="55"/>
      <c r="N2128" s="55"/>
      <c r="O2128" s="55"/>
      <c r="P2128" s="55"/>
      <c r="Q2128" s="55"/>
      <c r="R2128" s="55"/>
      <c r="S2128" s="55"/>
      <c r="T2128" s="55"/>
      <c r="U2128" s="55"/>
      <c r="V2128" s="55"/>
      <c r="W2128" s="55"/>
      <c r="X2128" s="55"/>
      <c r="Y2128" s="55"/>
      <c r="Z2128" s="55"/>
      <c r="AA2128" s="55"/>
      <c r="AB2128" s="55"/>
      <c r="AC2128" s="55"/>
      <c r="AD2128" s="55"/>
      <c r="AE2128" s="55"/>
      <c r="AF2128" s="55"/>
      <c r="AG2128" s="55"/>
      <c r="AY2128" s="162"/>
      <c r="AZ2128" s="162"/>
      <c r="BA2128" s="162"/>
      <c r="BB2128" s="162"/>
      <c r="BC2128" s="162"/>
      <c r="BD2128" s="162"/>
      <c r="BE2128" s="162"/>
      <c r="BF2128" s="162"/>
      <c r="BG2128" s="162"/>
      <c r="BH2128" s="162"/>
      <c r="BI2128" s="162"/>
      <c r="BJ2128" s="162"/>
      <c r="BK2128" s="162"/>
      <c r="BL2128" s="162"/>
      <c r="BM2128" s="162"/>
      <c r="BN2128" s="162"/>
      <c r="BO2128" s="162"/>
      <c r="BP2128" s="162"/>
      <c r="BQ2128" s="162"/>
      <c r="BR2128" s="162"/>
      <c r="BS2128" s="162"/>
      <c r="BT2128" s="162"/>
      <c r="BU2128" s="162"/>
      <c r="BV2128" s="162"/>
      <c r="BW2128" s="162"/>
      <c r="BX2128" s="162"/>
      <c r="BY2128" s="162"/>
      <c r="BZ2128" s="162"/>
      <c r="CA2128" s="162"/>
      <c r="CB2128" s="162"/>
      <c r="CC2128" s="162"/>
      <c r="CD2128" s="162"/>
      <c r="CE2128" s="162"/>
      <c r="CF2128" s="162"/>
      <c r="CG2128" s="162"/>
      <c r="CH2128" s="162"/>
      <c r="CI2128" s="162"/>
      <c r="CJ2128" s="162"/>
      <c r="CK2128" s="162"/>
      <c r="CX2128" s="98"/>
      <c r="DL2128" s="97"/>
      <c r="DX2128" s="98"/>
      <c r="EL2128" s="97"/>
      <c r="EX2128" s="98"/>
      <c r="EY2128" s="97"/>
      <c r="FL2128" s="126"/>
      <c r="FM2128" s="91"/>
      <c r="FN2128" s="91"/>
      <c r="FO2128" s="91"/>
      <c r="FP2128" s="91"/>
      <c r="FQ2128" s="91"/>
      <c r="FR2128" s="91"/>
      <c r="FS2128" s="91"/>
      <c r="FT2128" s="91"/>
      <c r="FU2128" s="91"/>
      <c r="FV2128" s="91"/>
      <c r="FW2128" s="91"/>
      <c r="FX2128" s="91"/>
      <c r="FY2128" s="91"/>
      <c r="FZ2128" s="91"/>
      <c r="GA2128" s="91"/>
      <c r="GB2128" s="91"/>
      <c r="GC2128" s="91"/>
      <c r="GD2128" s="91"/>
      <c r="GE2128" s="91"/>
      <c r="GF2128" s="91"/>
      <c r="GG2128" s="91"/>
      <c r="GH2128" s="91"/>
      <c r="GI2128" s="91"/>
      <c r="GJ2128" s="91"/>
      <c r="GK2128" s="127"/>
      <c r="GL2128" s="126"/>
      <c r="GM2128" s="91"/>
      <c r="GN2128" s="91"/>
      <c r="GO2128" s="91"/>
      <c r="GP2128" s="91"/>
      <c r="GQ2128" s="91"/>
      <c r="GR2128" s="91"/>
      <c r="GS2128" s="91"/>
      <c r="GT2128" s="91"/>
      <c r="GU2128" s="91"/>
      <c r="GV2128" s="91"/>
      <c r="GW2128" s="91"/>
      <c r="GX2128" s="91"/>
      <c r="GY2128" s="91"/>
      <c r="GZ2128" s="91"/>
      <c r="HA2128" s="91"/>
      <c r="HB2128" s="91"/>
      <c r="HC2128" s="91"/>
      <c r="HD2128" s="91"/>
      <c r="HE2128" s="91"/>
      <c r="HF2128" s="91"/>
      <c r="HG2128" s="91"/>
      <c r="HH2128" s="91"/>
      <c r="HI2128" s="91"/>
      <c r="HJ2128" s="91"/>
      <c r="HK2128" s="127"/>
      <c r="HL2128" s="126"/>
      <c r="HM2128" s="91"/>
      <c r="HN2128" s="91"/>
      <c r="HO2128" s="91"/>
      <c r="HP2128" s="91"/>
      <c r="HQ2128" s="91"/>
      <c r="HR2128" s="91"/>
      <c r="HS2128" s="91"/>
      <c r="HT2128" s="91"/>
      <c r="HU2128" s="91"/>
      <c r="HV2128" s="91"/>
      <c r="HW2128" s="91"/>
      <c r="HX2128" s="91"/>
      <c r="HY2128" s="91"/>
      <c r="HZ2128" s="91"/>
      <c r="IA2128" s="91"/>
      <c r="IB2128" s="91"/>
      <c r="IC2128" s="91"/>
      <c r="ID2128" s="91"/>
      <c r="IE2128" s="91"/>
      <c r="IF2128" s="91"/>
      <c r="IG2128" s="91"/>
      <c r="IH2128" s="91"/>
      <c r="II2128" s="91"/>
      <c r="IJ2128" s="91"/>
      <c r="IK2128" s="127"/>
    </row>
    <row r="2129" spans="2:245" x14ac:dyDescent="0.2">
      <c r="B2129" s="43"/>
      <c r="C2129" s="73"/>
      <c r="D2129" s="64"/>
      <c r="E2129" s="64"/>
      <c r="F2129" s="55"/>
      <c r="G2129" s="102"/>
      <c r="H2129" s="55"/>
      <c r="I2129" s="55"/>
      <c r="J2129" s="55"/>
      <c r="K2129" s="55"/>
      <c r="L2129" s="55"/>
      <c r="M2129" s="55"/>
      <c r="N2129" s="55"/>
      <c r="O2129" s="55"/>
      <c r="P2129" s="55"/>
      <c r="Q2129" s="55"/>
      <c r="R2129" s="55"/>
      <c r="S2129" s="55"/>
      <c r="T2129" s="55"/>
      <c r="U2129" s="55"/>
      <c r="V2129" s="55"/>
      <c r="W2129" s="55"/>
      <c r="X2129" s="55"/>
      <c r="Y2129" s="55"/>
      <c r="Z2129" s="55"/>
      <c r="AA2129" s="55"/>
      <c r="AB2129" s="55"/>
      <c r="AC2129" s="55"/>
      <c r="AD2129" s="55"/>
      <c r="AE2129" s="55"/>
      <c r="AF2129" s="55"/>
      <c r="AG2129" s="55"/>
      <c r="AY2129" s="162"/>
      <c r="AZ2129" s="162"/>
      <c r="BA2129" s="162"/>
      <c r="BB2129" s="162"/>
      <c r="BC2129" s="162"/>
      <c r="BD2129" s="162"/>
      <c r="BE2129" s="162"/>
      <c r="BF2129" s="162"/>
      <c r="BG2129" s="162"/>
      <c r="BH2129" s="162"/>
      <c r="BI2129" s="162"/>
      <c r="BJ2129" s="162"/>
      <c r="BK2129" s="162"/>
      <c r="BL2129" s="162"/>
      <c r="BM2129" s="162"/>
      <c r="BN2129" s="162"/>
      <c r="BO2129" s="162"/>
      <c r="BP2129" s="162"/>
      <c r="BQ2129" s="162"/>
      <c r="BR2129" s="162"/>
      <c r="BS2129" s="162"/>
      <c r="BT2129" s="162"/>
      <c r="BU2129" s="162"/>
      <c r="BV2129" s="162"/>
      <c r="BW2129" s="162"/>
      <c r="BX2129" s="162"/>
      <c r="BY2129" s="162"/>
      <c r="BZ2129" s="162"/>
      <c r="CA2129" s="162"/>
      <c r="CB2129" s="162"/>
      <c r="CC2129" s="162"/>
      <c r="CD2129" s="162"/>
      <c r="CE2129" s="162"/>
      <c r="CF2129" s="162"/>
      <c r="CG2129" s="162"/>
      <c r="CH2129" s="162"/>
      <c r="CI2129" s="162"/>
      <c r="CJ2129" s="162"/>
      <c r="CK2129" s="162"/>
      <c r="CX2129" s="98"/>
      <c r="DL2129" s="97"/>
      <c r="DX2129" s="98"/>
      <c r="EL2129" s="97"/>
      <c r="EX2129" s="98"/>
      <c r="EY2129" s="97"/>
      <c r="FL2129" s="126"/>
      <c r="FM2129" s="91"/>
      <c r="FN2129" s="91"/>
      <c r="FO2129" s="91"/>
      <c r="FP2129" s="91"/>
      <c r="FQ2129" s="91"/>
      <c r="FR2129" s="91"/>
      <c r="FS2129" s="91"/>
      <c r="FT2129" s="91"/>
      <c r="FU2129" s="91"/>
      <c r="FV2129" s="91"/>
      <c r="FW2129" s="91"/>
      <c r="FX2129" s="91"/>
      <c r="FY2129" s="91"/>
      <c r="FZ2129" s="91"/>
      <c r="GA2129" s="91"/>
      <c r="GB2129" s="91"/>
      <c r="GC2129" s="91"/>
      <c r="GD2129" s="91"/>
      <c r="GE2129" s="91"/>
      <c r="GF2129" s="91"/>
      <c r="GG2129" s="91"/>
      <c r="GH2129" s="91"/>
      <c r="GI2129" s="91"/>
      <c r="GJ2129" s="91"/>
      <c r="GK2129" s="127"/>
      <c r="GL2129" s="126"/>
      <c r="GM2129" s="91"/>
      <c r="GN2129" s="91"/>
      <c r="GO2129" s="91"/>
      <c r="GP2129" s="91"/>
      <c r="GQ2129" s="91"/>
      <c r="GR2129" s="91"/>
      <c r="GS2129" s="91"/>
      <c r="GT2129" s="91"/>
      <c r="GU2129" s="91"/>
      <c r="GV2129" s="91"/>
      <c r="GW2129" s="91"/>
      <c r="GX2129" s="91"/>
      <c r="GY2129" s="91"/>
      <c r="GZ2129" s="91"/>
      <c r="HA2129" s="91"/>
      <c r="HB2129" s="91"/>
      <c r="HC2129" s="91"/>
      <c r="HD2129" s="91"/>
      <c r="HE2129" s="91"/>
      <c r="HF2129" s="91"/>
      <c r="HG2129" s="91"/>
      <c r="HH2129" s="91"/>
      <c r="HI2129" s="91"/>
      <c r="HJ2129" s="91"/>
      <c r="HK2129" s="127"/>
      <c r="HL2129" s="126"/>
      <c r="HM2129" s="91"/>
      <c r="HN2129" s="91"/>
      <c r="HO2129" s="91"/>
      <c r="HP2129" s="91"/>
      <c r="HQ2129" s="91"/>
      <c r="HR2129" s="91"/>
      <c r="HS2129" s="91"/>
      <c r="HT2129" s="91"/>
      <c r="HU2129" s="91"/>
      <c r="HV2129" s="91"/>
      <c r="HW2129" s="91"/>
      <c r="HX2129" s="91"/>
      <c r="HY2129" s="91"/>
      <c r="HZ2129" s="91"/>
      <c r="IA2129" s="91"/>
      <c r="IB2129" s="91"/>
      <c r="IC2129" s="91"/>
      <c r="ID2129" s="91"/>
      <c r="IE2129" s="91"/>
      <c r="IF2129" s="91"/>
      <c r="IG2129" s="91"/>
      <c r="IH2129" s="91"/>
      <c r="II2129" s="91"/>
      <c r="IJ2129" s="91"/>
      <c r="IK2129" s="127"/>
    </row>
    <row r="2130" spans="2:245" x14ac:dyDescent="0.2">
      <c r="B2130" s="43"/>
      <c r="C2130" s="73"/>
      <c r="D2130" s="64"/>
      <c r="E2130" s="64"/>
      <c r="F2130" s="55"/>
      <c r="G2130" s="102"/>
      <c r="H2130" s="55"/>
      <c r="I2130" s="55"/>
      <c r="J2130" s="55"/>
      <c r="K2130" s="55"/>
      <c r="L2130" s="55"/>
      <c r="M2130" s="55"/>
      <c r="N2130" s="55"/>
      <c r="O2130" s="55"/>
      <c r="P2130" s="55"/>
      <c r="Q2130" s="55"/>
      <c r="R2130" s="55"/>
      <c r="S2130" s="55"/>
      <c r="T2130" s="55"/>
      <c r="U2130" s="55"/>
      <c r="V2130" s="55"/>
      <c r="W2130" s="55"/>
      <c r="X2130" s="55"/>
      <c r="Y2130" s="55"/>
      <c r="Z2130" s="55"/>
      <c r="AA2130" s="55"/>
      <c r="AB2130" s="55"/>
      <c r="AC2130" s="55"/>
      <c r="AD2130" s="55"/>
      <c r="AE2130" s="55"/>
      <c r="AF2130" s="55"/>
      <c r="AG2130" s="55"/>
      <c r="AY2130" s="162"/>
      <c r="AZ2130" s="162"/>
      <c r="BA2130" s="162"/>
      <c r="BB2130" s="162"/>
      <c r="BC2130" s="162"/>
      <c r="BD2130" s="162"/>
      <c r="BE2130" s="162"/>
      <c r="BF2130" s="162"/>
      <c r="BG2130" s="162"/>
      <c r="BH2130" s="162"/>
      <c r="BI2130" s="162"/>
      <c r="BJ2130" s="162"/>
      <c r="BK2130" s="162"/>
      <c r="BL2130" s="162"/>
      <c r="BM2130" s="162"/>
      <c r="BN2130" s="162"/>
      <c r="BO2130" s="162"/>
      <c r="BP2130" s="162"/>
      <c r="BQ2130" s="162"/>
      <c r="BR2130" s="162"/>
      <c r="BS2130" s="162"/>
      <c r="BT2130" s="162"/>
      <c r="BU2130" s="162"/>
      <c r="BV2130" s="162"/>
      <c r="BW2130" s="162"/>
      <c r="BX2130" s="162"/>
      <c r="BY2130" s="162"/>
      <c r="BZ2130" s="162"/>
      <c r="CA2130" s="162"/>
      <c r="CB2130" s="162"/>
      <c r="CC2130" s="162"/>
      <c r="CD2130" s="162"/>
      <c r="CE2130" s="162"/>
      <c r="CF2130" s="162"/>
      <c r="CG2130" s="162"/>
      <c r="CH2130" s="162"/>
      <c r="CI2130" s="162"/>
      <c r="CJ2130" s="162"/>
      <c r="CK2130" s="162"/>
      <c r="CX2130" s="98"/>
      <c r="DL2130" s="97"/>
      <c r="DX2130" s="98"/>
      <c r="EL2130" s="97"/>
      <c r="EX2130" s="98"/>
      <c r="EY2130" s="97"/>
      <c r="FL2130" s="126"/>
      <c r="FM2130" s="91"/>
      <c r="FN2130" s="91"/>
      <c r="FO2130" s="91"/>
      <c r="FP2130" s="91"/>
      <c r="FQ2130" s="91"/>
      <c r="FR2130" s="91"/>
      <c r="FS2130" s="91"/>
      <c r="FT2130" s="91"/>
      <c r="FU2130" s="91"/>
      <c r="FV2130" s="91"/>
      <c r="FW2130" s="91"/>
      <c r="FX2130" s="91"/>
      <c r="FY2130" s="91"/>
      <c r="FZ2130" s="91"/>
      <c r="GA2130" s="91"/>
      <c r="GB2130" s="91"/>
      <c r="GC2130" s="91"/>
      <c r="GD2130" s="91"/>
      <c r="GE2130" s="91"/>
      <c r="GF2130" s="91"/>
      <c r="GG2130" s="91"/>
      <c r="GH2130" s="91"/>
      <c r="GI2130" s="91"/>
      <c r="GJ2130" s="91"/>
      <c r="GK2130" s="127"/>
      <c r="GL2130" s="126"/>
      <c r="GM2130" s="91"/>
      <c r="GN2130" s="91"/>
      <c r="GO2130" s="91"/>
      <c r="GP2130" s="91"/>
      <c r="GQ2130" s="91"/>
      <c r="GR2130" s="91"/>
      <c r="GS2130" s="91"/>
      <c r="GT2130" s="91"/>
      <c r="GU2130" s="91"/>
      <c r="GV2130" s="91"/>
      <c r="GW2130" s="91"/>
      <c r="GX2130" s="91"/>
      <c r="GY2130" s="91"/>
      <c r="GZ2130" s="91"/>
      <c r="HA2130" s="91"/>
      <c r="HB2130" s="91"/>
      <c r="HC2130" s="91"/>
      <c r="HD2130" s="91"/>
      <c r="HE2130" s="91"/>
      <c r="HF2130" s="91"/>
      <c r="HG2130" s="91"/>
      <c r="HH2130" s="91"/>
      <c r="HI2130" s="91"/>
      <c r="HJ2130" s="91"/>
      <c r="HK2130" s="127"/>
      <c r="HL2130" s="126"/>
      <c r="HM2130" s="91"/>
      <c r="HN2130" s="91"/>
      <c r="HO2130" s="91"/>
      <c r="HP2130" s="91"/>
      <c r="HQ2130" s="91"/>
      <c r="HR2130" s="91"/>
      <c r="HS2130" s="91"/>
      <c r="HT2130" s="91"/>
      <c r="HU2130" s="91"/>
      <c r="HV2130" s="91"/>
      <c r="HW2130" s="91"/>
      <c r="HX2130" s="91"/>
      <c r="HY2130" s="91"/>
      <c r="HZ2130" s="91"/>
      <c r="IA2130" s="91"/>
      <c r="IB2130" s="91"/>
      <c r="IC2130" s="91"/>
      <c r="ID2130" s="91"/>
      <c r="IE2130" s="91"/>
      <c r="IF2130" s="91"/>
      <c r="IG2130" s="91"/>
      <c r="IH2130" s="91"/>
      <c r="II2130" s="91"/>
      <c r="IJ2130" s="91"/>
      <c r="IK2130" s="127"/>
    </row>
    <row r="2131" spans="2:245" x14ac:dyDescent="0.2">
      <c r="B2131" s="43"/>
      <c r="C2131" s="73"/>
      <c r="D2131" s="64"/>
      <c r="E2131" s="64"/>
      <c r="F2131" s="55"/>
      <c r="G2131" s="102"/>
      <c r="H2131" s="55"/>
      <c r="I2131" s="55"/>
      <c r="J2131" s="55"/>
      <c r="K2131" s="55"/>
      <c r="L2131" s="55"/>
      <c r="M2131" s="55"/>
      <c r="N2131" s="55"/>
      <c r="O2131" s="55"/>
      <c r="P2131" s="55"/>
      <c r="Q2131" s="55"/>
      <c r="R2131" s="55"/>
      <c r="S2131" s="55"/>
      <c r="T2131" s="55"/>
      <c r="U2131" s="55"/>
      <c r="V2131" s="55"/>
      <c r="W2131" s="55"/>
      <c r="X2131" s="55"/>
      <c r="Y2131" s="55"/>
      <c r="Z2131" s="55"/>
      <c r="AA2131" s="55"/>
      <c r="AB2131" s="55"/>
      <c r="AC2131" s="55"/>
      <c r="AD2131" s="55"/>
      <c r="AE2131" s="55"/>
      <c r="AF2131" s="55"/>
      <c r="AG2131" s="55"/>
      <c r="AY2131" s="162"/>
      <c r="AZ2131" s="162"/>
      <c r="BA2131" s="162"/>
      <c r="BB2131" s="162"/>
      <c r="BC2131" s="162"/>
      <c r="BD2131" s="162"/>
      <c r="BE2131" s="162"/>
      <c r="BF2131" s="162"/>
      <c r="BG2131" s="162"/>
      <c r="BH2131" s="162"/>
      <c r="BI2131" s="162"/>
      <c r="BJ2131" s="162"/>
      <c r="BK2131" s="162"/>
      <c r="BL2131" s="162"/>
      <c r="BM2131" s="162"/>
      <c r="BN2131" s="162"/>
      <c r="BO2131" s="162"/>
      <c r="BP2131" s="162"/>
      <c r="BQ2131" s="162"/>
      <c r="BR2131" s="162"/>
      <c r="BS2131" s="162"/>
      <c r="BT2131" s="162"/>
      <c r="BU2131" s="162"/>
      <c r="BV2131" s="162"/>
      <c r="BW2131" s="162"/>
      <c r="BX2131" s="162"/>
      <c r="BY2131" s="162"/>
      <c r="BZ2131" s="162"/>
      <c r="CA2131" s="162"/>
      <c r="CB2131" s="162"/>
      <c r="CC2131" s="162"/>
      <c r="CD2131" s="162"/>
      <c r="CE2131" s="162"/>
      <c r="CF2131" s="162"/>
      <c r="CG2131" s="162"/>
      <c r="CH2131" s="162"/>
      <c r="CI2131" s="162"/>
      <c r="CJ2131" s="162"/>
      <c r="CK2131" s="162"/>
      <c r="CX2131" s="98"/>
      <c r="DL2131" s="97"/>
      <c r="DX2131" s="98"/>
      <c r="EL2131" s="97"/>
      <c r="EX2131" s="98"/>
      <c r="EY2131" s="97"/>
      <c r="FL2131" s="126"/>
      <c r="FM2131" s="91"/>
      <c r="FN2131" s="91"/>
      <c r="FO2131" s="91"/>
      <c r="FP2131" s="91"/>
      <c r="FQ2131" s="91"/>
      <c r="FR2131" s="91"/>
      <c r="FS2131" s="91"/>
      <c r="FT2131" s="91"/>
      <c r="FU2131" s="91"/>
      <c r="FV2131" s="91"/>
      <c r="FW2131" s="91"/>
      <c r="FX2131" s="91"/>
      <c r="FY2131" s="91"/>
      <c r="FZ2131" s="91"/>
      <c r="GA2131" s="91"/>
      <c r="GB2131" s="91"/>
      <c r="GC2131" s="91"/>
      <c r="GD2131" s="91"/>
      <c r="GE2131" s="91"/>
      <c r="GF2131" s="91"/>
      <c r="GG2131" s="91"/>
      <c r="GH2131" s="91"/>
      <c r="GI2131" s="91"/>
      <c r="GJ2131" s="91"/>
      <c r="GK2131" s="127"/>
      <c r="GL2131" s="126"/>
      <c r="GM2131" s="91"/>
      <c r="GN2131" s="91"/>
      <c r="GO2131" s="91"/>
      <c r="GP2131" s="91"/>
      <c r="GQ2131" s="91"/>
      <c r="GR2131" s="91"/>
      <c r="GS2131" s="91"/>
      <c r="GT2131" s="91"/>
      <c r="GU2131" s="91"/>
      <c r="GV2131" s="91"/>
      <c r="GW2131" s="91"/>
      <c r="GX2131" s="91"/>
      <c r="GY2131" s="91"/>
      <c r="GZ2131" s="91"/>
      <c r="HA2131" s="91"/>
      <c r="HB2131" s="91"/>
      <c r="HC2131" s="91"/>
      <c r="HD2131" s="91"/>
      <c r="HE2131" s="91"/>
      <c r="HF2131" s="91"/>
      <c r="HG2131" s="91"/>
      <c r="HH2131" s="91"/>
      <c r="HI2131" s="91"/>
      <c r="HJ2131" s="91"/>
      <c r="HK2131" s="127"/>
      <c r="HL2131" s="126"/>
      <c r="HM2131" s="91"/>
      <c r="HN2131" s="91"/>
      <c r="HO2131" s="91"/>
      <c r="HP2131" s="91"/>
      <c r="HQ2131" s="91"/>
      <c r="HR2131" s="91"/>
      <c r="HS2131" s="91"/>
      <c r="HT2131" s="91"/>
      <c r="HU2131" s="91"/>
      <c r="HV2131" s="91"/>
      <c r="HW2131" s="91"/>
      <c r="HX2131" s="91"/>
      <c r="HY2131" s="91"/>
      <c r="HZ2131" s="91"/>
      <c r="IA2131" s="91"/>
      <c r="IB2131" s="91"/>
      <c r="IC2131" s="91"/>
      <c r="ID2131" s="91"/>
      <c r="IE2131" s="91"/>
      <c r="IF2131" s="91"/>
      <c r="IG2131" s="91"/>
      <c r="IH2131" s="91"/>
      <c r="II2131" s="91"/>
      <c r="IJ2131" s="91"/>
      <c r="IK2131" s="127"/>
    </row>
    <row r="2132" spans="2:245" x14ac:dyDescent="0.2">
      <c r="B2132" s="43"/>
      <c r="C2132" s="73"/>
      <c r="D2132" s="64"/>
      <c r="E2132" s="64"/>
      <c r="F2132" s="55"/>
      <c r="G2132" s="102"/>
      <c r="H2132" s="55"/>
      <c r="I2132" s="55"/>
      <c r="J2132" s="55"/>
      <c r="K2132" s="55"/>
      <c r="L2132" s="55"/>
      <c r="M2132" s="55"/>
      <c r="N2132" s="55"/>
      <c r="O2132" s="55"/>
      <c r="P2132" s="55"/>
      <c r="Q2132" s="55"/>
      <c r="R2132" s="55"/>
      <c r="S2132" s="55"/>
      <c r="T2132" s="55"/>
      <c r="U2132" s="55"/>
      <c r="V2132" s="55"/>
      <c r="W2132" s="55"/>
      <c r="X2132" s="55"/>
      <c r="Y2132" s="55"/>
      <c r="Z2132" s="55"/>
      <c r="AA2132" s="55"/>
      <c r="AB2132" s="55"/>
      <c r="AC2132" s="55"/>
      <c r="AD2132" s="55"/>
      <c r="AE2132" s="55"/>
      <c r="AF2132" s="55"/>
      <c r="AG2132" s="55"/>
      <c r="AY2132" s="162"/>
      <c r="AZ2132" s="162"/>
      <c r="BA2132" s="162"/>
      <c r="BB2132" s="162"/>
      <c r="BC2132" s="162"/>
      <c r="BD2132" s="162"/>
      <c r="BE2132" s="162"/>
      <c r="BF2132" s="162"/>
      <c r="BG2132" s="162"/>
      <c r="BH2132" s="162"/>
      <c r="BI2132" s="162"/>
      <c r="BJ2132" s="162"/>
      <c r="BK2132" s="162"/>
      <c r="BL2132" s="162"/>
      <c r="BM2132" s="162"/>
      <c r="BN2132" s="162"/>
      <c r="BO2132" s="162"/>
      <c r="BP2132" s="162"/>
      <c r="BQ2132" s="162"/>
      <c r="BR2132" s="162"/>
      <c r="BS2132" s="162"/>
      <c r="BT2132" s="162"/>
      <c r="BU2132" s="162"/>
      <c r="BV2132" s="162"/>
      <c r="BW2132" s="162"/>
      <c r="BX2132" s="162"/>
      <c r="BY2132" s="162"/>
      <c r="BZ2132" s="162"/>
      <c r="CA2132" s="162"/>
      <c r="CB2132" s="162"/>
      <c r="CC2132" s="162"/>
      <c r="CD2132" s="162"/>
      <c r="CE2132" s="162"/>
      <c r="CF2132" s="162"/>
      <c r="CG2132" s="162"/>
      <c r="CH2132" s="162"/>
      <c r="CI2132" s="162"/>
      <c r="CJ2132" s="162"/>
      <c r="CK2132" s="162"/>
      <c r="CX2132" s="98"/>
      <c r="DL2132" s="97"/>
      <c r="DX2132" s="98"/>
      <c r="EL2132" s="97"/>
      <c r="EX2132" s="98"/>
      <c r="EY2132" s="97"/>
      <c r="FL2132" s="126"/>
      <c r="FM2132" s="91"/>
      <c r="FN2132" s="91"/>
      <c r="FO2132" s="91"/>
      <c r="FP2132" s="91"/>
      <c r="FQ2132" s="91"/>
      <c r="FR2132" s="91"/>
      <c r="FS2132" s="91"/>
      <c r="FT2132" s="91"/>
      <c r="FU2132" s="91"/>
      <c r="FV2132" s="91"/>
      <c r="FW2132" s="91"/>
      <c r="FX2132" s="91"/>
      <c r="FY2132" s="91"/>
      <c r="FZ2132" s="91"/>
      <c r="GA2132" s="91"/>
      <c r="GB2132" s="91"/>
      <c r="GC2132" s="91"/>
      <c r="GD2132" s="91"/>
      <c r="GE2132" s="91"/>
      <c r="GF2132" s="91"/>
      <c r="GG2132" s="91"/>
      <c r="GH2132" s="91"/>
      <c r="GI2132" s="91"/>
      <c r="GJ2132" s="91"/>
      <c r="GK2132" s="127"/>
      <c r="GL2132" s="126"/>
      <c r="GM2132" s="91"/>
      <c r="GN2132" s="91"/>
      <c r="GO2132" s="91"/>
      <c r="GP2132" s="91"/>
      <c r="GQ2132" s="91"/>
      <c r="GR2132" s="91"/>
      <c r="GS2132" s="91"/>
      <c r="GT2132" s="91"/>
      <c r="GU2132" s="91"/>
      <c r="GV2132" s="91"/>
      <c r="GW2132" s="91"/>
      <c r="GX2132" s="91"/>
      <c r="GY2132" s="91"/>
      <c r="GZ2132" s="91"/>
      <c r="HA2132" s="91"/>
      <c r="HB2132" s="91"/>
      <c r="HC2132" s="91"/>
      <c r="HD2132" s="91"/>
      <c r="HE2132" s="91"/>
      <c r="HF2132" s="91"/>
      <c r="HG2132" s="91"/>
      <c r="HH2132" s="91"/>
      <c r="HI2132" s="91"/>
      <c r="HJ2132" s="91"/>
      <c r="HK2132" s="127"/>
      <c r="HL2132" s="126"/>
      <c r="HM2132" s="91"/>
      <c r="HN2132" s="91"/>
      <c r="HO2132" s="91"/>
      <c r="HP2132" s="91"/>
      <c r="HQ2132" s="91"/>
      <c r="HR2132" s="91"/>
      <c r="HS2132" s="91"/>
      <c r="HT2132" s="91"/>
      <c r="HU2132" s="91"/>
      <c r="HV2132" s="91"/>
      <c r="HW2132" s="91"/>
      <c r="HX2132" s="91"/>
      <c r="HY2132" s="91"/>
      <c r="HZ2132" s="91"/>
      <c r="IA2132" s="91"/>
      <c r="IB2132" s="91"/>
      <c r="IC2132" s="91"/>
      <c r="ID2132" s="91"/>
      <c r="IE2132" s="91"/>
      <c r="IF2132" s="91"/>
      <c r="IG2132" s="91"/>
      <c r="IH2132" s="91"/>
      <c r="II2132" s="91"/>
      <c r="IJ2132" s="91"/>
      <c r="IK2132" s="127"/>
    </row>
    <row r="2133" spans="2:245" ht="13.5" thickBot="1" x14ac:dyDescent="0.25">
      <c r="B2133" s="43"/>
      <c r="C2133" s="73"/>
      <c r="D2133" s="64"/>
      <c r="E2133" s="64"/>
      <c r="F2133" s="55"/>
      <c r="G2133" s="102"/>
      <c r="H2133" s="55"/>
      <c r="I2133" s="55"/>
      <c r="J2133" s="55"/>
      <c r="K2133" s="55"/>
      <c r="L2133" s="55"/>
      <c r="M2133" s="55"/>
      <c r="N2133" s="55"/>
      <c r="O2133" s="55"/>
      <c r="P2133" s="55"/>
      <c r="Q2133" s="55"/>
      <c r="R2133" s="55"/>
      <c r="S2133" s="55"/>
      <c r="T2133" s="55"/>
      <c r="U2133" s="55"/>
      <c r="V2133" s="55"/>
      <c r="W2133" s="55"/>
      <c r="X2133" s="55"/>
      <c r="Y2133" s="55"/>
      <c r="Z2133" s="55"/>
      <c r="AA2133" s="55"/>
      <c r="AB2133" s="55"/>
      <c r="AC2133" s="55"/>
      <c r="AD2133" s="55"/>
      <c r="AE2133" s="55"/>
      <c r="AF2133" s="55"/>
      <c r="AG2133" s="55"/>
      <c r="AY2133" s="162"/>
      <c r="AZ2133" s="162"/>
      <c r="BA2133" s="162"/>
      <c r="BB2133" s="162"/>
      <c r="BC2133" s="162"/>
      <c r="BD2133" s="162"/>
      <c r="BE2133" s="162"/>
      <c r="BF2133" s="162"/>
      <c r="BG2133" s="162"/>
      <c r="BH2133" s="162"/>
      <c r="BI2133" s="162"/>
      <c r="BJ2133" s="162"/>
      <c r="BK2133" s="162"/>
      <c r="BL2133" s="162"/>
      <c r="BM2133" s="162"/>
      <c r="BN2133" s="162"/>
      <c r="BO2133" s="162"/>
      <c r="BP2133" s="162"/>
      <c r="BQ2133" s="162"/>
      <c r="BR2133" s="162"/>
      <c r="BS2133" s="162"/>
      <c r="BT2133" s="162"/>
      <c r="BU2133" s="162"/>
      <c r="BV2133" s="162"/>
      <c r="BW2133" s="162"/>
      <c r="BX2133" s="162"/>
      <c r="BY2133" s="162"/>
      <c r="BZ2133" s="162"/>
      <c r="CA2133" s="162"/>
      <c r="CB2133" s="162"/>
      <c r="CC2133" s="162"/>
      <c r="CD2133" s="162"/>
      <c r="CE2133" s="162"/>
      <c r="CF2133" s="162"/>
      <c r="CG2133" s="162"/>
      <c r="CH2133" s="162"/>
      <c r="CI2133" s="162"/>
      <c r="CJ2133" s="162"/>
      <c r="CK2133" s="162"/>
      <c r="CX2133" s="98"/>
      <c r="DL2133" s="97"/>
      <c r="DX2133" s="98"/>
      <c r="EL2133" s="97"/>
      <c r="EX2133" s="98"/>
      <c r="EY2133" s="97"/>
      <c r="FL2133" s="126"/>
      <c r="FM2133" s="91"/>
      <c r="FN2133" s="91"/>
      <c r="FO2133" s="91"/>
      <c r="FP2133" s="91"/>
      <c r="FQ2133" s="91"/>
      <c r="FR2133" s="91"/>
      <c r="FS2133" s="91"/>
      <c r="FT2133" s="91"/>
      <c r="FU2133" s="91"/>
      <c r="FV2133" s="91"/>
      <c r="FW2133" s="91"/>
      <c r="FX2133" s="91"/>
      <c r="FY2133" s="91"/>
      <c r="FZ2133" s="91"/>
      <c r="GA2133" s="91"/>
      <c r="GB2133" s="91"/>
      <c r="GC2133" s="91"/>
      <c r="GD2133" s="91"/>
      <c r="GE2133" s="91"/>
      <c r="GF2133" s="91"/>
      <c r="GG2133" s="91"/>
      <c r="GH2133" s="91"/>
      <c r="GI2133" s="91"/>
      <c r="GJ2133" s="91"/>
      <c r="GK2133" s="127"/>
      <c r="GL2133" s="126"/>
      <c r="GM2133" s="91"/>
      <c r="GN2133" s="91"/>
      <c r="GO2133" s="91"/>
      <c r="GP2133" s="91"/>
      <c r="GQ2133" s="91"/>
      <c r="GR2133" s="91"/>
      <c r="GS2133" s="91"/>
      <c r="GT2133" s="91"/>
      <c r="GU2133" s="91"/>
      <c r="GV2133" s="91"/>
      <c r="GW2133" s="91"/>
      <c r="GX2133" s="91"/>
      <c r="GY2133" s="91"/>
      <c r="GZ2133" s="91"/>
      <c r="HA2133" s="91"/>
      <c r="HB2133" s="91"/>
      <c r="HC2133" s="91"/>
      <c r="HD2133" s="91"/>
      <c r="HE2133" s="91"/>
      <c r="HF2133" s="91"/>
      <c r="HG2133" s="91"/>
      <c r="HH2133" s="91"/>
      <c r="HI2133" s="91"/>
      <c r="HJ2133" s="91"/>
      <c r="HK2133" s="127"/>
      <c r="HL2133" s="126"/>
      <c r="HM2133" s="91"/>
      <c r="HN2133" s="91"/>
      <c r="HO2133" s="91"/>
      <c r="HP2133" s="91"/>
      <c r="HQ2133" s="91"/>
      <c r="HR2133" s="91"/>
      <c r="HS2133" s="91"/>
      <c r="HT2133" s="91"/>
      <c r="HU2133" s="91"/>
      <c r="HV2133" s="91"/>
      <c r="HW2133" s="91"/>
      <c r="HX2133" s="91"/>
      <c r="HY2133" s="91"/>
      <c r="HZ2133" s="91"/>
      <c r="IA2133" s="91"/>
      <c r="IB2133" s="91"/>
      <c r="IC2133" s="91"/>
      <c r="ID2133" s="91"/>
      <c r="IE2133" s="91"/>
      <c r="IF2133" s="91"/>
      <c r="IG2133" s="91"/>
      <c r="IH2133" s="91"/>
      <c r="II2133" s="91"/>
      <c r="IJ2133" s="91"/>
      <c r="IK2133" s="127"/>
    </row>
    <row r="2134" spans="2:245" x14ac:dyDescent="0.2">
      <c r="B2134" s="43"/>
      <c r="C2134" s="73"/>
      <c r="D2134" s="64"/>
      <c r="E2134" s="64"/>
      <c r="F2134" s="55"/>
      <c r="G2134" s="102"/>
      <c r="H2134" s="55"/>
      <c r="I2134" s="55"/>
      <c r="J2134" s="55"/>
      <c r="K2134" s="55"/>
      <c r="L2134" s="55"/>
      <c r="M2134" s="55"/>
      <c r="N2134" s="55"/>
      <c r="O2134" s="55"/>
      <c r="P2134" s="55"/>
      <c r="Q2134" s="55"/>
      <c r="R2134" s="55"/>
      <c r="S2134" s="55"/>
      <c r="T2134" s="55"/>
      <c r="U2134" s="55"/>
      <c r="V2134" s="55"/>
      <c r="W2134" s="55"/>
      <c r="X2134" s="55"/>
      <c r="Y2134" s="55"/>
      <c r="Z2134" s="55"/>
      <c r="AA2134" s="55"/>
      <c r="AB2134" s="55"/>
      <c r="AC2134" s="55"/>
      <c r="AD2134" s="55"/>
      <c r="AE2134" s="55"/>
      <c r="AF2134" s="55"/>
      <c r="AG2134" s="55"/>
      <c r="AY2134" s="162"/>
      <c r="AZ2134" s="162"/>
      <c r="BA2134" s="162"/>
      <c r="BB2134" s="162"/>
      <c r="BC2134" s="162"/>
      <c r="BD2134" s="162"/>
      <c r="BE2134" s="162"/>
      <c r="BF2134" s="162"/>
      <c r="BG2134" s="162"/>
      <c r="BH2134" s="162"/>
      <c r="BI2134" s="162"/>
      <c r="BJ2134" s="162"/>
      <c r="BK2134" s="162"/>
      <c r="BL2134" s="162"/>
      <c r="BM2134" s="162"/>
      <c r="BN2134" s="162"/>
      <c r="BO2134" s="162"/>
      <c r="BP2134" s="162"/>
      <c r="BQ2134" s="162"/>
      <c r="BR2134" s="162"/>
      <c r="BS2134" s="162"/>
      <c r="BT2134" s="162"/>
      <c r="BU2134" s="162"/>
      <c r="BV2134" s="162"/>
      <c r="BW2134" s="162"/>
      <c r="BX2134" s="162"/>
      <c r="BY2134" s="162"/>
      <c r="BZ2134" s="162"/>
      <c r="CA2134" s="162"/>
      <c r="CB2134" s="162"/>
      <c r="CC2134" s="162"/>
      <c r="CD2134" s="162"/>
      <c r="CE2134" s="162"/>
      <c r="CF2134" s="162"/>
      <c r="CG2134" s="162"/>
      <c r="CH2134" s="162"/>
      <c r="CI2134" s="162"/>
      <c r="CJ2134" s="162"/>
      <c r="CK2134" s="162"/>
      <c r="CL2134" s="163"/>
      <c r="CM2134" s="163"/>
      <c r="CN2134" s="163"/>
      <c r="CO2134" s="163"/>
      <c r="CP2134" s="163"/>
      <c r="CQ2134" s="163"/>
      <c r="CR2134" s="163"/>
      <c r="CS2134" s="163"/>
      <c r="CT2134" s="163"/>
      <c r="CU2134" s="163"/>
      <c r="CV2134" s="163"/>
      <c r="CW2134" s="163"/>
      <c r="CX2134" s="173"/>
      <c r="CY2134" s="163"/>
      <c r="CZ2134" s="163"/>
      <c r="DA2134" s="163"/>
      <c r="DB2134" s="163"/>
      <c r="DC2134" s="163"/>
      <c r="DD2134" s="163"/>
      <c r="DE2134" s="163"/>
      <c r="DF2134" s="163"/>
      <c r="DG2134" s="163"/>
      <c r="DH2134" s="163"/>
      <c r="DI2134" s="163"/>
      <c r="DJ2134" s="163"/>
      <c r="DK2134" s="163"/>
      <c r="DL2134" s="172"/>
      <c r="DM2134" s="163"/>
      <c r="DN2134" s="163"/>
      <c r="DO2134" s="163"/>
      <c r="DP2134" s="163"/>
      <c r="DQ2134" s="163"/>
      <c r="DR2134" s="163"/>
      <c r="DS2134" s="163"/>
      <c r="DT2134" s="163"/>
      <c r="DU2134" s="163"/>
      <c r="DV2134" s="163"/>
      <c r="DW2134" s="163"/>
      <c r="DX2134" s="173"/>
      <c r="DY2134" s="163"/>
      <c r="DZ2134" s="163"/>
      <c r="EA2134" s="163"/>
      <c r="EB2134" s="163"/>
      <c r="EC2134" s="163"/>
      <c r="ED2134" s="163"/>
      <c r="EE2134" s="163"/>
      <c r="EF2134" s="163"/>
      <c r="EG2134" s="163"/>
      <c r="EH2134" s="163"/>
      <c r="EI2134" s="163"/>
      <c r="EJ2134" s="163"/>
      <c r="EK2134" s="163"/>
      <c r="EL2134" s="172"/>
      <c r="EM2134" s="163"/>
      <c r="EN2134" s="163"/>
      <c r="EO2134" s="163"/>
      <c r="EP2134" s="163"/>
      <c r="EQ2134" s="163"/>
      <c r="ER2134" s="163"/>
      <c r="ES2134" s="163"/>
      <c r="ET2134" s="163"/>
      <c r="EU2134" s="163"/>
      <c r="EV2134" s="163"/>
      <c r="EW2134" s="163"/>
      <c r="EX2134" s="173"/>
      <c r="EY2134" s="172"/>
      <c r="EZ2134" s="163"/>
      <c r="FA2134" s="163"/>
      <c r="FB2134" s="163"/>
      <c r="FC2134" s="163"/>
      <c r="FD2134" s="163"/>
      <c r="FE2134" s="163"/>
      <c r="FF2134" s="163"/>
      <c r="FG2134" s="163"/>
      <c r="FH2134" s="163"/>
      <c r="FI2134" s="163"/>
      <c r="FJ2134" s="163"/>
      <c r="FK2134" s="163"/>
      <c r="FL2134" s="126"/>
      <c r="FM2134" s="91"/>
      <c r="FN2134" s="91"/>
      <c r="FO2134" s="91"/>
      <c r="FP2134" s="91"/>
      <c r="FQ2134" s="91"/>
      <c r="FR2134" s="91"/>
      <c r="FS2134" s="91"/>
      <c r="FT2134" s="91"/>
      <c r="FU2134" s="91"/>
      <c r="FV2134" s="91"/>
      <c r="FW2134" s="91"/>
      <c r="FX2134" s="91"/>
      <c r="FY2134" s="91"/>
      <c r="FZ2134" s="91"/>
      <c r="GA2134" s="91"/>
      <c r="GB2134" s="91"/>
      <c r="GC2134" s="91"/>
      <c r="GD2134" s="91"/>
      <c r="GE2134" s="91"/>
      <c r="GF2134" s="91"/>
      <c r="GG2134" s="91"/>
      <c r="GH2134" s="91"/>
      <c r="GI2134" s="91"/>
      <c r="GJ2134" s="91"/>
      <c r="GK2134" s="127"/>
      <c r="GL2134" s="126"/>
      <c r="GM2134" s="91"/>
      <c r="GN2134" s="91"/>
      <c r="GO2134" s="91"/>
      <c r="GP2134" s="91"/>
      <c r="GQ2134" s="91"/>
      <c r="GR2134" s="91"/>
      <c r="GS2134" s="91"/>
      <c r="GT2134" s="91"/>
      <c r="GU2134" s="91"/>
      <c r="GV2134" s="91"/>
      <c r="GW2134" s="91"/>
      <c r="GX2134" s="91"/>
      <c r="GY2134" s="91"/>
      <c r="GZ2134" s="91"/>
      <c r="HA2134" s="91"/>
      <c r="HB2134" s="91"/>
      <c r="HC2134" s="91"/>
      <c r="HD2134" s="91"/>
      <c r="HE2134" s="91"/>
      <c r="HF2134" s="91"/>
      <c r="HG2134" s="91"/>
      <c r="HH2134" s="91"/>
      <c r="HI2134" s="91"/>
      <c r="HJ2134" s="91"/>
      <c r="HK2134" s="127"/>
      <c r="HL2134" s="126"/>
      <c r="HM2134" s="91"/>
      <c r="HN2134" s="91"/>
      <c r="HO2134" s="91"/>
      <c r="HP2134" s="91"/>
      <c r="HQ2134" s="91"/>
      <c r="HR2134" s="91"/>
      <c r="HS2134" s="91"/>
      <c r="HT2134" s="91"/>
      <c r="HU2134" s="91"/>
      <c r="HV2134" s="91"/>
      <c r="HW2134" s="91"/>
      <c r="HX2134" s="91"/>
      <c r="HY2134" s="91"/>
      <c r="HZ2134" s="91"/>
      <c r="IA2134" s="91"/>
      <c r="IB2134" s="91"/>
      <c r="IC2134" s="91"/>
      <c r="ID2134" s="91"/>
      <c r="IE2134" s="91"/>
      <c r="IF2134" s="91"/>
      <c r="IG2134" s="91"/>
      <c r="IH2134" s="91"/>
      <c r="II2134" s="91"/>
      <c r="IJ2134" s="91"/>
      <c r="IK2134" s="127"/>
    </row>
    <row r="2135" spans="2:245" x14ac:dyDescent="0.2">
      <c r="B2135" s="43"/>
      <c r="C2135" s="73"/>
      <c r="D2135" s="64"/>
      <c r="E2135" s="64"/>
      <c r="F2135" s="55"/>
      <c r="G2135" s="102"/>
      <c r="H2135" s="55"/>
      <c r="I2135" s="55"/>
      <c r="J2135" s="55"/>
      <c r="K2135" s="55"/>
      <c r="L2135" s="55"/>
      <c r="M2135" s="55"/>
      <c r="N2135" s="55"/>
      <c r="O2135" s="55"/>
      <c r="P2135" s="55"/>
      <c r="Q2135" s="55"/>
      <c r="R2135" s="55"/>
      <c r="S2135" s="55"/>
      <c r="T2135" s="55"/>
      <c r="U2135" s="55"/>
      <c r="V2135" s="55"/>
      <c r="W2135" s="55"/>
      <c r="X2135" s="55"/>
      <c r="Y2135" s="55"/>
      <c r="Z2135" s="55"/>
      <c r="AA2135" s="55"/>
      <c r="AB2135" s="55"/>
      <c r="AC2135" s="55"/>
      <c r="AD2135" s="55"/>
      <c r="AE2135" s="55"/>
      <c r="AF2135" s="55"/>
      <c r="AG2135" s="55"/>
      <c r="AY2135" s="162"/>
      <c r="AZ2135" s="162"/>
      <c r="BA2135" s="162"/>
      <c r="BB2135" s="162"/>
      <c r="BC2135" s="162"/>
      <c r="BD2135" s="162"/>
      <c r="BE2135" s="162"/>
      <c r="BF2135" s="162"/>
      <c r="BG2135" s="162"/>
      <c r="BH2135" s="162"/>
      <c r="BI2135" s="162"/>
      <c r="BJ2135" s="162"/>
      <c r="BK2135" s="162"/>
      <c r="BL2135" s="162"/>
      <c r="BM2135" s="162"/>
      <c r="BN2135" s="162"/>
      <c r="BO2135" s="162"/>
      <c r="BP2135" s="162"/>
      <c r="BQ2135" s="162"/>
      <c r="BR2135" s="162"/>
      <c r="BS2135" s="162"/>
      <c r="BT2135" s="162"/>
      <c r="BU2135" s="162"/>
      <c r="BV2135" s="162"/>
      <c r="BW2135" s="162"/>
      <c r="BX2135" s="162"/>
      <c r="BY2135" s="162"/>
      <c r="BZ2135" s="162"/>
      <c r="CA2135" s="162"/>
      <c r="CB2135" s="162"/>
      <c r="CC2135" s="162"/>
      <c r="CD2135" s="162"/>
      <c r="CE2135" s="162"/>
      <c r="CF2135" s="162"/>
      <c r="CG2135" s="162"/>
      <c r="CH2135" s="162"/>
      <c r="CI2135" s="162"/>
      <c r="CJ2135" s="162"/>
      <c r="CK2135" s="162"/>
      <c r="CX2135" s="98"/>
      <c r="DL2135" s="97"/>
      <c r="DX2135" s="98"/>
      <c r="EL2135" s="97"/>
      <c r="EX2135" s="98"/>
      <c r="EY2135" s="97"/>
      <c r="FL2135" s="126"/>
      <c r="FM2135" s="91"/>
      <c r="FN2135" s="91"/>
      <c r="FO2135" s="91"/>
      <c r="FP2135" s="91"/>
      <c r="FQ2135" s="91"/>
      <c r="FR2135" s="91"/>
      <c r="FS2135" s="91"/>
      <c r="FT2135" s="91"/>
      <c r="FU2135" s="91"/>
      <c r="FV2135" s="91"/>
      <c r="FW2135" s="91"/>
      <c r="FX2135" s="91"/>
      <c r="FY2135" s="91"/>
      <c r="FZ2135" s="91"/>
      <c r="GA2135" s="91"/>
      <c r="GB2135" s="91"/>
      <c r="GC2135" s="91"/>
      <c r="GD2135" s="91"/>
      <c r="GE2135" s="91"/>
      <c r="GF2135" s="91"/>
      <c r="GG2135" s="91"/>
      <c r="GH2135" s="91"/>
      <c r="GI2135" s="91"/>
      <c r="GJ2135" s="91"/>
      <c r="GK2135" s="127"/>
      <c r="GL2135" s="126"/>
      <c r="GM2135" s="91"/>
      <c r="GN2135" s="91"/>
      <c r="GO2135" s="91"/>
      <c r="GP2135" s="91"/>
      <c r="GQ2135" s="91"/>
      <c r="GR2135" s="91"/>
      <c r="GS2135" s="91"/>
      <c r="GT2135" s="91"/>
      <c r="GU2135" s="91"/>
      <c r="GV2135" s="91"/>
      <c r="GW2135" s="91"/>
      <c r="GX2135" s="91"/>
      <c r="GY2135" s="91"/>
      <c r="GZ2135" s="91"/>
      <c r="HA2135" s="91"/>
      <c r="HB2135" s="91"/>
      <c r="HC2135" s="91"/>
      <c r="HD2135" s="91"/>
      <c r="HE2135" s="91"/>
      <c r="HF2135" s="91"/>
      <c r="HG2135" s="91"/>
      <c r="HH2135" s="91"/>
      <c r="HI2135" s="91"/>
      <c r="HJ2135" s="91"/>
      <c r="HK2135" s="127"/>
      <c r="HL2135" s="126"/>
      <c r="HM2135" s="91"/>
      <c r="HN2135" s="91"/>
      <c r="HO2135" s="91"/>
      <c r="HP2135" s="91"/>
      <c r="HQ2135" s="91"/>
      <c r="HR2135" s="91"/>
      <c r="HS2135" s="91"/>
      <c r="HT2135" s="91"/>
      <c r="HU2135" s="91"/>
      <c r="HV2135" s="91"/>
      <c r="HW2135" s="91"/>
      <c r="HX2135" s="91"/>
      <c r="HY2135" s="91"/>
      <c r="HZ2135" s="91"/>
      <c r="IA2135" s="91"/>
      <c r="IB2135" s="91"/>
      <c r="IC2135" s="91"/>
      <c r="ID2135" s="91"/>
      <c r="IE2135" s="91"/>
      <c r="IF2135" s="91"/>
      <c r="IG2135" s="91"/>
      <c r="IH2135" s="91"/>
      <c r="II2135" s="91"/>
      <c r="IJ2135" s="91"/>
      <c r="IK2135" s="127"/>
    </row>
    <row r="2136" spans="2:245" x14ac:dyDescent="0.2">
      <c r="B2136" s="43"/>
      <c r="C2136" s="73"/>
      <c r="D2136" s="64"/>
      <c r="E2136" s="64"/>
      <c r="F2136" s="55"/>
      <c r="G2136" s="102"/>
      <c r="H2136" s="55"/>
      <c r="I2136" s="55"/>
      <c r="J2136" s="55"/>
      <c r="K2136" s="55"/>
      <c r="L2136" s="55"/>
      <c r="M2136" s="55"/>
      <c r="N2136" s="55"/>
      <c r="O2136" s="55"/>
      <c r="P2136" s="55"/>
      <c r="Q2136" s="55"/>
      <c r="R2136" s="55"/>
      <c r="S2136" s="55"/>
      <c r="T2136" s="55"/>
      <c r="U2136" s="55"/>
      <c r="V2136" s="55"/>
      <c r="W2136" s="55"/>
      <c r="X2136" s="55"/>
      <c r="Y2136" s="55"/>
      <c r="Z2136" s="55"/>
      <c r="AA2136" s="55"/>
      <c r="AB2136" s="55"/>
      <c r="AC2136" s="55"/>
      <c r="AD2136" s="55"/>
      <c r="AE2136" s="55"/>
      <c r="AF2136" s="55"/>
      <c r="AG2136" s="55"/>
      <c r="AY2136" s="162"/>
      <c r="AZ2136" s="162"/>
      <c r="BA2136" s="162"/>
      <c r="BB2136" s="162"/>
      <c r="BC2136" s="162"/>
      <c r="BD2136" s="162"/>
      <c r="BE2136" s="162"/>
      <c r="BF2136" s="162"/>
      <c r="BG2136" s="162"/>
      <c r="BH2136" s="162"/>
      <c r="BI2136" s="162"/>
      <c r="BJ2136" s="162"/>
      <c r="BK2136" s="162"/>
      <c r="BL2136" s="162"/>
      <c r="BM2136" s="162"/>
      <c r="BN2136" s="162"/>
      <c r="BO2136" s="162"/>
      <c r="BP2136" s="162"/>
      <c r="BQ2136" s="162"/>
      <c r="BR2136" s="162"/>
      <c r="BS2136" s="162"/>
      <c r="BT2136" s="162"/>
      <c r="BU2136" s="162"/>
      <c r="BV2136" s="162"/>
      <c r="BW2136" s="162"/>
      <c r="BX2136" s="162"/>
      <c r="BY2136" s="162"/>
      <c r="BZ2136" s="162"/>
      <c r="CA2136" s="162"/>
      <c r="CB2136" s="162"/>
      <c r="CC2136" s="162"/>
      <c r="CD2136" s="162"/>
      <c r="CE2136" s="162"/>
      <c r="CF2136" s="162"/>
      <c r="CG2136" s="162"/>
      <c r="CH2136" s="162"/>
      <c r="CI2136" s="162"/>
      <c r="CJ2136" s="162"/>
      <c r="CK2136" s="162"/>
      <c r="CX2136" s="98"/>
      <c r="DL2136" s="97"/>
      <c r="DX2136" s="98"/>
      <c r="EL2136" s="97"/>
      <c r="EX2136" s="98"/>
      <c r="EY2136" s="97"/>
      <c r="FL2136" s="126"/>
      <c r="FM2136" s="91"/>
      <c r="FN2136" s="91"/>
      <c r="FO2136" s="91"/>
      <c r="FP2136" s="91"/>
      <c r="FQ2136" s="91"/>
      <c r="FR2136" s="91"/>
      <c r="FS2136" s="91"/>
      <c r="FT2136" s="91"/>
      <c r="FU2136" s="91"/>
      <c r="FV2136" s="91"/>
      <c r="FW2136" s="91"/>
      <c r="FX2136" s="91"/>
      <c r="FY2136" s="91"/>
      <c r="FZ2136" s="91"/>
      <c r="GA2136" s="91"/>
      <c r="GB2136" s="91"/>
      <c r="GC2136" s="91"/>
      <c r="GD2136" s="91"/>
      <c r="GE2136" s="91"/>
      <c r="GF2136" s="91"/>
      <c r="GG2136" s="91"/>
      <c r="GH2136" s="91"/>
      <c r="GI2136" s="91"/>
      <c r="GJ2136" s="91"/>
      <c r="GK2136" s="127"/>
      <c r="GL2136" s="126"/>
      <c r="GM2136" s="91"/>
      <c r="GN2136" s="91"/>
      <c r="GO2136" s="91"/>
      <c r="GP2136" s="91"/>
      <c r="GQ2136" s="91"/>
      <c r="GR2136" s="91"/>
      <c r="GS2136" s="91"/>
      <c r="GT2136" s="91"/>
      <c r="GU2136" s="91"/>
      <c r="GV2136" s="91"/>
      <c r="GW2136" s="91"/>
      <c r="GX2136" s="91"/>
      <c r="GY2136" s="91"/>
      <c r="GZ2136" s="91"/>
      <c r="HA2136" s="91"/>
      <c r="HB2136" s="91"/>
      <c r="HC2136" s="91"/>
      <c r="HD2136" s="91"/>
      <c r="HE2136" s="91"/>
      <c r="HF2136" s="91"/>
      <c r="HG2136" s="91"/>
      <c r="HH2136" s="91"/>
      <c r="HI2136" s="91"/>
      <c r="HJ2136" s="91"/>
      <c r="HK2136" s="127"/>
      <c r="HL2136" s="126"/>
      <c r="HM2136" s="91"/>
      <c r="HN2136" s="91"/>
      <c r="HO2136" s="91"/>
      <c r="HP2136" s="91"/>
      <c r="HQ2136" s="91"/>
      <c r="HR2136" s="91"/>
      <c r="HS2136" s="91"/>
      <c r="HT2136" s="91"/>
      <c r="HU2136" s="91"/>
      <c r="HV2136" s="91"/>
      <c r="HW2136" s="91"/>
      <c r="HX2136" s="91"/>
      <c r="HY2136" s="91"/>
      <c r="HZ2136" s="91"/>
      <c r="IA2136" s="91"/>
      <c r="IB2136" s="91"/>
      <c r="IC2136" s="91"/>
      <c r="ID2136" s="91"/>
      <c r="IE2136" s="91"/>
      <c r="IF2136" s="91"/>
      <c r="IG2136" s="91"/>
      <c r="IH2136" s="91"/>
      <c r="II2136" s="91"/>
      <c r="IJ2136" s="91"/>
      <c r="IK2136" s="127"/>
    </row>
    <row r="2137" spans="2:245" x14ac:dyDescent="0.2">
      <c r="B2137" s="43"/>
      <c r="C2137" s="73"/>
      <c r="D2137" s="64"/>
      <c r="E2137" s="64"/>
      <c r="F2137" s="55"/>
      <c r="G2137" s="102"/>
      <c r="H2137" s="55"/>
      <c r="I2137" s="55"/>
      <c r="J2137" s="55"/>
      <c r="K2137" s="55"/>
      <c r="L2137" s="55"/>
      <c r="M2137" s="55"/>
      <c r="N2137" s="55"/>
      <c r="O2137" s="55"/>
      <c r="P2137" s="55"/>
      <c r="Q2137" s="55"/>
      <c r="R2137" s="55"/>
      <c r="S2137" s="55"/>
      <c r="T2137" s="55"/>
      <c r="U2137" s="55"/>
      <c r="V2137" s="55"/>
      <c r="W2137" s="55"/>
      <c r="X2137" s="55"/>
      <c r="Y2137" s="55"/>
      <c r="Z2137" s="55"/>
      <c r="AA2137" s="55"/>
      <c r="AB2137" s="55"/>
      <c r="AC2137" s="55"/>
      <c r="AD2137" s="55"/>
      <c r="AE2137" s="55"/>
      <c r="AF2137" s="55"/>
      <c r="AG2137" s="55"/>
      <c r="AY2137" s="162"/>
      <c r="AZ2137" s="162"/>
      <c r="BA2137" s="162"/>
      <c r="BB2137" s="162"/>
      <c r="BC2137" s="162"/>
      <c r="BD2137" s="162"/>
      <c r="BE2137" s="162"/>
      <c r="BF2137" s="162"/>
      <c r="BG2137" s="162"/>
      <c r="BH2137" s="162"/>
      <c r="BI2137" s="162"/>
      <c r="BJ2137" s="162"/>
      <c r="BK2137" s="162"/>
      <c r="BL2137" s="162"/>
      <c r="BM2137" s="162"/>
      <c r="BN2137" s="162"/>
      <c r="BO2137" s="162"/>
      <c r="BP2137" s="162"/>
      <c r="BQ2137" s="162"/>
      <c r="BR2137" s="162"/>
      <c r="BS2137" s="162"/>
      <c r="BT2137" s="162"/>
      <c r="BU2137" s="162"/>
      <c r="BV2137" s="162"/>
      <c r="BW2137" s="162"/>
      <c r="BX2137" s="162"/>
      <c r="BY2137" s="162"/>
      <c r="BZ2137" s="162"/>
      <c r="CA2137" s="162"/>
      <c r="CB2137" s="162"/>
      <c r="CC2137" s="162"/>
      <c r="CD2137" s="162"/>
      <c r="CE2137" s="162"/>
      <c r="CF2137" s="162"/>
      <c r="CG2137" s="162"/>
      <c r="CH2137" s="162"/>
      <c r="CI2137" s="162"/>
      <c r="CJ2137" s="162"/>
      <c r="CK2137" s="162"/>
      <c r="CX2137" s="98"/>
      <c r="DL2137" s="97"/>
      <c r="DX2137" s="98"/>
      <c r="EL2137" s="97"/>
      <c r="EX2137" s="98"/>
      <c r="EY2137" s="97"/>
      <c r="FL2137" s="126"/>
      <c r="FM2137" s="91"/>
      <c r="FN2137" s="91"/>
      <c r="FO2137" s="91"/>
      <c r="FP2137" s="91"/>
      <c r="FQ2137" s="91"/>
      <c r="FR2137" s="91"/>
      <c r="FS2137" s="91"/>
      <c r="FT2137" s="91"/>
      <c r="FU2137" s="91"/>
      <c r="FV2137" s="91"/>
      <c r="FW2137" s="91"/>
      <c r="FX2137" s="91"/>
      <c r="FY2137" s="91"/>
      <c r="FZ2137" s="91"/>
      <c r="GA2137" s="91"/>
      <c r="GB2137" s="91"/>
      <c r="GC2137" s="91"/>
      <c r="GD2137" s="91"/>
      <c r="GE2137" s="91"/>
      <c r="GF2137" s="91"/>
      <c r="GG2137" s="91"/>
      <c r="GH2137" s="91"/>
      <c r="GI2137" s="91"/>
      <c r="GJ2137" s="91"/>
      <c r="GK2137" s="127"/>
      <c r="GL2137" s="126"/>
      <c r="GM2137" s="91"/>
      <c r="GN2137" s="91"/>
      <c r="GO2137" s="91"/>
      <c r="GP2137" s="91"/>
      <c r="GQ2137" s="91"/>
      <c r="GR2137" s="91"/>
      <c r="GS2137" s="91"/>
      <c r="GT2137" s="91"/>
      <c r="GU2137" s="91"/>
      <c r="GV2137" s="91"/>
      <c r="GW2137" s="91"/>
      <c r="GX2137" s="91"/>
      <c r="GY2137" s="91"/>
      <c r="GZ2137" s="91"/>
      <c r="HA2137" s="91"/>
      <c r="HB2137" s="91"/>
      <c r="HC2137" s="91"/>
      <c r="HD2137" s="91"/>
      <c r="HE2137" s="91"/>
      <c r="HF2137" s="91"/>
      <c r="HG2137" s="91"/>
      <c r="HH2137" s="91"/>
      <c r="HI2137" s="91"/>
      <c r="HJ2137" s="91"/>
      <c r="HK2137" s="127"/>
      <c r="HL2137" s="126"/>
      <c r="HM2137" s="91"/>
      <c r="HN2137" s="91"/>
      <c r="HO2137" s="91"/>
      <c r="HP2137" s="91"/>
      <c r="HQ2137" s="91"/>
      <c r="HR2137" s="91"/>
      <c r="HS2137" s="91"/>
      <c r="HT2137" s="91"/>
      <c r="HU2137" s="91"/>
      <c r="HV2137" s="91"/>
      <c r="HW2137" s="91"/>
      <c r="HX2137" s="91"/>
      <c r="HY2137" s="91"/>
      <c r="HZ2137" s="91"/>
      <c r="IA2137" s="91"/>
      <c r="IB2137" s="91"/>
      <c r="IC2137" s="91"/>
      <c r="ID2137" s="91"/>
      <c r="IE2137" s="91"/>
      <c r="IF2137" s="91"/>
      <c r="IG2137" s="91"/>
      <c r="IH2137" s="91"/>
      <c r="II2137" s="91"/>
      <c r="IJ2137" s="91"/>
      <c r="IK2137" s="127"/>
    </row>
    <row r="2138" spans="2:245" x14ac:dyDescent="0.2">
      <c r="B2138" s="43"/>
      <c r="C2138" s="73"/>
      <c r="D2138" s="64"/>
      <c r="E2138" s="64"/>
      <c r="F2138" s="55"/>
      <c r="G2138" s="102"/>
      <c r="H2138" s="55"/>
      <c r="I2138" s="55"/>
      <c r="J2138" s="55"/>
      <c r="K2138" s="55"/>
      <c r="L2138" s="55"/>
      <c r="M2138" s="55"/>
      <c r="N2138" s="55"/>
      <c r="O2138" s="55"/>
      <c r="P2138" s="55"/>
      <c r="Q2138" s="55"/>
      <c r="R2138" s="55"/>
      <c r="S2138" s="55"/>
      <c r="T2138" s="55"/>
      <c r="U2138" s="55"/>
      <c r="V2138" s="55"/>
      <c r="W2138" s="55"/>
      <c r="X2138" s="55"/>
      <c r="Y2138" s="55"/>
      <c r="Z2138" s="55"/>
      <c r="AA2138" s="55"/>
      <c r="AB2138" s="55"/>
      <c r="AC2138" s="55"/>
      <c r="AD2138" s="55"/>
      <c r="AE2138" s="55"/>
      <c r="AF2138" s="55"/>
      <c r="AG2138" s="55"/>
      <c r="AY2138" s="162"/>
      <c r="AZ2138" s="162"/>
      <c r="BA2138" s="162"/>
      <c r="BB2138" s="162"/>
      <c r="BC2138" s="162"/>
      <c r="BD2138" s="162"/>
      <c r="BE2138" s="162"/>
      <c r="BF2138" s="162"/>
      <c r="BG2138" s="162"/>
      <c r="BH2138" s="162"/>
      <c r="BI2138" s="162"/>
      <c r="BJ2138" s="162"/>
      <c r="BK2138" s="162"/>
      <c r="BL2138" s="162"/>
      <c r="BM2138" s="162"/>
      <c r="BN2138" s="162"/>
      <c r="BO2138" s="162"/>
      <c r="BP2138" s="162"/>
      <c r="BQ2138" s="162"/>
      <c r="BR2138" s="162"/>
      <c r="BS2138" s="162"/>
      <c r="BT2138" s="162"/>
      <c r="BU2138" s="162"/>
      <c r="BV2138" s="162"/>
      <c r="BW2138" s="162"/>
      <c r="BX2138" s="162"/>
      <c r="BY2138" s="162"/>
      <c r="BZ2138" s="162"/>
      <c r="CA2138" s="162"/>
      <c r="CB2138" s="162"/>
      <c r="CC2138" s="162"/>
      <c r="CD2138" s="162"/>
      <c r="CE2138" s="162"/>
      <c r="CF2138" s="162"/>
      <c r="CG2138" s="162"/>
      <c r="CH2138" s="162"/>
      <c r="CI2138" s="162"/>
      <c r="CJ2138" s="162"/>
      <c r="CK2138" s="162"/>
      <c r="CX2138" s="98"/>
      <c r="DL2138" s="97"/>
      <c r="DX2138" s="98"/>
      <c r="EL2138" s="97"/>
      <c r="EX2138" s="98"/>
      <c r="EY2138" s="97"/>
      <c r="FL2138" s="126"/>
      <c r="FM2138" s="91"/>
      <c r="FN2138" s="91"/>
      <c r="FO2138" s="91"/>
      <c r="FP2138" s="91"/>
      <c r="FQ2138" s="91"/>
      <c r="FR2138" s="91"/>
      <c r="FS2138" s="91"/>
      <c r="FT2138" s="91"/>
      <c r="FU2138" s="91"/>
      <c r="FV2138" s="91"/>
      <c r="FW2138" s="91"/>
      <c r="FX2138" s="91"/>
      <c r="FY2138" s="91"/>
      <c r="FZ2138" s="91"/>
      <c r="GA2138" s="91"/>
      <c r="GB2138" s="91"/>
      <c r="GC2138" s="91"/>
      <c r="GD2138" s="91"/>
      <c r="GE2138" s="91"/>
      <c r="GF2138" s="91"/>
      <c r="GG2138" s="91"/>
      <c r="GH2138" s="91"/>
      <c r="GI2138" s="91"/>
      <c r="GJ2138" s="91"/>
      <c r="GK2138" s="127"/>
      <c r="GL2138" s="126"/>
      <c r="GM2138" s="91"/>
      <c r="GN2138" s="91"/>
      <c r="GO2138" s="91"/>
      <c r="GP2138" s="91"/>
      <c r="GQ2138" s="91"/>
      <c r="GR2138" s="91"/>
      <c r="GS2138" s="91"/>
      <c r="GT2138" s="91"/>
      <c r="GU2138" s="91"/>
      <c r="GV2138" s="91"/>
      <c r="GW2138" s="91"/>
      <c r="GX2138" s="91"/>
      <c r="GY2138" s="91"/>
      <c r="GZ2138" s="91"/>
      <c r="HA2138" s="91"/>
      <c r="HB2138" s="91"/>
      <c r="HC2138" s="91"/>
      <c r="HD2138" s="91"/>
      <c r="HE2138" s="91"/>
      <c r="HF2138" s="91"/>
      <c r="HG2138" s="91"/>
      <c r="HH2138" s="91"/>
      <c r="HI2138" s="91"/>
      <c r="HJ2138" s="91"/>
      <c r="HK2138" s="127"/>
      <c r="HL2138" s="126"/>
      <c r="HM2138" s="91"/>
      <c r="HN2138" s="91"/>
      <c r="HO2138" s="91"/>
      <c r="HP2138" s="91"/>
      <c r="HQ2138" s="91"/>
      <c r="HR2138" s="91"/>
      <c r="HS2138" s="91"/>
      <c r="HT2138" s="91"/>
      <c r="HU2138" s="91"/>
      <c r="HV2138" s="91"/>
      <c r="HW2138" s="91"/>
      <c r="HX2138" s="91"/>
      <c r="HY2138" s="91"/>
      <c r="HZ2138" s="91"/>
      <c r="IA2138" s="91"/>
      <c r="IB2138" s="91"/>
      <c r="IC2138" s="91"/>
      <c r="ID2138" s="91"/>
      <c r="IE2138" s="91"/>
      <c r="IF2138" s="91"/>
      <c r="IG2138" s="91"/>
      <c r="IH2138" s="91"/>
      <c r="II2138" s="91"/>
      <c r="IJ2138" s="91"/>
      <c r="IK2138" s="127"/>
    </row>
    <row r="2139" spans="2:245" x14ac:dyDescent="0.2">
      <c r="B2139" s="43"/>
      <c r="C2139" s="73"/>
      <c r="D2139" s="64"/>
      <c r="E2139" s="64"/>
      <c r="F2139" s="55"/>
      <c r="G2139" s="102"/>
      <c r="H2139" s="55"/>
      <c r="I2139" s="55"/>
      <c r="J2139" s="55"/>
      <c r="K2139" s="55"/>
      <c r="L2139" s="55"/>
      <c r="M2139" s="55"/>
      <c r="N2139" s="55"/>
      <c r="O2139" s="55"/>
      <c r="P2139" s="55"/>
      <c r="Q2139" s="55"/>
      <c r="R2139" s="55"/>
      <c r="S2139" s="55"/>
      <c r="T2139" s="55"/>
      <c r="U2139" s="55"/>
      <c r="V2139" s="55"/>
      <c r="W2139" s="55"/>
      <c r="X2139" s="55"/>
      <c r="Y2139" s="55"/>
      <c r="Z2139" s="55"/>
      <c r="AA2139" s="55"/>
      <c r="AB2139" s="55"/>
      <c r="AC2139" s="55"/>
      <c r="AD2139" s="55"/>
      <c r="AE2139" s="55"/>
      <c r="AF2139" s="55"/>
      <c r="AG2139" s="55"/>
      <c r="AY2139" s="162"/>
      <c r="AZ2139" s="162"/>
      <c r="BA2139" s="162"/>
      <c r="BB2139" s="162"/>
      <c r="BC2139" s="162"/>
      <c r="BD2139" s="162"/>
      <c r="BE2139" s="162"/>
      <c r="BF2139" s="162"/>
      <c r="BG2139" s="162"/>
      <c r="BH2139" s="162"/>
      <c r="BI2139" s="162"/>
      <c r="BJ2139" s="162"/>
      <c r="BK2139" s="162"/>
      <c r="BL2139" s="162"/>
      <c r="BM2139" s="162"/>
      <c r="BN2139" s="162"/>
      <c r="BO2139" s="162"/>
      <c r="BP2139" s="162"/>
      <c r="BQ2139" s="162"/>
      <c r="BR2139" s="162"/>
      <c r="BS2139" s="162"/>
      <c r="BT2139" s="162"/>
      <c r="BU2139" s="162"/>
      <c r="BV2139" s="162"/>
      <c r="BW2139" s="162"/>
      <c r="BX2139" s="162"/>
      <c r="BY2139" s="162"/>
      <c r="BZ2139" s="162"/>
      <c r="CA2139" s="162"/>
      <c r="CB2139" s="162"/>
      <c r="CC2139" s="162"/>
      <c r="CD2139" s="162"/>
      <c r="CE2139" s="162"/>
      <c r="CF2139" s="162"/>
      <c r="CG2139" s="162"/>
      <c r="CH2139" s="162"/>
      <c r="CI2139" s="162"/>
      <c r="CJ2139" s="162"/>
      <c r="CK2139" s="162"/>
      <c r="CX2139" s="98"/>
      <c r="DL2139" s="97"/>
      <c r="DX2139" s="98"/>
      <c r="EL2139" s="97"/>
      <c r="EX2139" s="98"/>
      <c r="EY2139" s="97"/>
      <c r="FL2139" s="126"/>
      <c r="FM2139" s="91"/>
      <c r="FN2139" s="91"/>
      <c r="FO2139" s="91"/>
      <c r="FP2139" s="91"/>
      <c r="FQ2139" s="91"/>
      <c r="FR2139" s="91"/>
      <c r="FS2139" s="91"/>
      <c r="FT2139" s="91"/>
      <c r="FU2139" s="91"/>
      <c r="FV2139" s="91"/>
      <c r="FW2139" s="91"/>
      <c r="FX2139" s="91"/>
      <c r="FY2139" s="91"/>
      <c r="FZ2139" s="91"/>
      <c r="GA2139" s="91"/>
      <c r="GB2139" s="91"/>
      <c r="GC2139" s="91"/>
      <c r="GD2139" s="91"/>
      <c r="GE2139" s="91"/>
      <c r="GF2139" s="91"/>
      <c r="GG2139" s="91"/>
      <c r="GH2139" s="91"/>
      <c r="GI2139" s="91"/>
      <c r="GJ2139" s="91"/>
      <c r="GK2139" s="127"/>
      <c r="GL2139" s="126"/>
      <c r="GM2139" s="91"/>
      <c r="GN2139" s="91"/>
      <c r="GO2139" s="91"/>
      <c r="GP2139" s="91"/>
      <c r="GQ2139" s="91"/>
      <c r="GR2139" s="91"/>
      <c r="GS2139" s="91"/>
      <c r="GT2139" s="91"/>
      <c r="GU2139" s="91"/>
      <c r="GV2139" s="91"/>
      <c r="GW2139" s="91"/>
      <c r="GX2139" s="91"/>
      <c r="GY2139" s="91"/>
      <c r="GZ2139" s="91"/>
      <c r="HA2139" s="91"/>
      <c r="HB2139" s="91"/>
      <c r="HC2139" s="91"/>
      <c r="HD2139" s="91"/>
      <c r="HE2139" s="91"/>
      <c r="HF2139" s="91"/>
      <c r="HG2139" s="91"/>
      <c r="HH2139" s="91"/>
      <c r="HI2139" s="91"/>
      <c r="HJ2139" s="91"/>
      <c r="HK2139" s="127"/>
      <c r="HL2139" s="126"/>
      <c r="HM2139" s="91"/>
      <c r="HN2139" s="91"/>
      <c r="HO2139" s="91"/>
      <c r="HP2139" s="91"/>
      <c r="HQ2139" s="91"/>
      <c r="HR2139" s="91"/>
      <c r="HS2139" s="91"/>
      <c r="HT2139" s="91"/>
      <c r="HU2139" s="91"/>
      <c r="HV2139" s="91"/>
      <c r="HW2139" s="91"/>
      <c r="HX2139" s="91"/>
      <c r="HY2139" s="91"/>
      <c r="HZ2139" s="91"/>
      <c r="IA2139" s="91"/>
      <c r="IB2139" s="91"/>
      <c r="IC2139" s="91"/>
      <c r="ID2139" s="91"/>
      <c r="IE2139" s="91"/>
      <c r="IF2139" s="91"/>
      <c r="IG2139" s="91"/>
      <c r="IH2139" s="91"/>
      <c r="II2139" s="91"/>
      <c r="IJ2139" s="91"/>
      <c r="IK2139" s="127"/>
    </row>
    <row r="2140" spans="2:245" x14ac:dyDescent="0.2">
      <c r="B2140" s="43"/>
      <c r="C2140" s="73"/>
      <c r="D2140" s="64"/>
      <c r="E2140" s="64"/>
      <c r="F2140" s="55"/>
      <c r="G2140" s="102"/>
      <c r="H2140" s="55"/>
      <c r="I2140" s="55"/>
      <c r="J2140" s="55"/>
      <c r="K2140" s="55"/>
      <c r="L2140" s="55"/>
      <c r="M2140" s="55"/>
      <c r="N2140" s="55"/>
      <c r="O2140" s="55"/>
      <c r="P2140" s="55"/>
      <c r="Q2140" s="55"/>
      <c r="R2140" s="55"/>
      <c r="S2140" s="55"/>
      <c r="T2140" s="55"/>
      <c r="U2140" s="55"/>
      <c r="V2140" s="55"/>
      <c r="W2140" s="55"/>
      <c r="X2140" s="55"/>
      <c r="Y2140" s="55"/>
      <c r="Z2140" s="55"/>
      <c r="AA2140" s="55"/>
      <c r="AB2140" s="55"/>
      <c r="AC2140" s="55"/>
      <c r="AD2140" s="55"/>
      <c r="AE2140" s="55"/>
      <c r="AF2140" s="55"/>
      <c r="AG2140" s="55"/>
      <c r="AY2140" s="162"/>
      <c r="AZ2140" s="162"/>
      <c r="BA2140" s="162"/>
      <c r="BB2140" s="162"/>
      <c r="BC2140" s="162"/>
      <c r="BD2140" s="162"/>
      <c r="BE2140" s="162"/>
      <c r="BF2140" s="162"/>
      <c r="BG2140" s="162"/>
      <c r="BH2140" s="162"/>
      <c r="BI2140" s="162"/>
      <c r="BJ2140" s="162"/>
      <c r="BK2140" s="162"/>
      <c r="BL2140" s="162"/>
      <c r="BM2140" s="162"/>
      <c r="BN2140" s="162"/>
      <c r="BO2140" s="162"/>
      <c r="BP2140" s="162"/>
      <c r="BQ2140" s="162"/>
      <c r="BR2140" s="162"/>
      <c r="BS2140" s="162"/>
      <c r="BT2140" s="162"/>
      <c r="BU2140" s="162"/>
      <c r="BV2140" s="162"/>
      <c r="BW2140" s="162"/>
      <c r="BX2140" s="162"/>
      <c r="BY2140" s="162"/>
      <c r="BZ2140" s="162"/>
      <c r="CA2140" s="162"/>
      <c r="CB2140" s="162"/>
      <c r="CC2140" s="162"/>
      <c r="CD2140" s="162"/>
      <c r="CE2140" s="162"/>
      <c r="CF2140" s="162"/>
      <c r="CG2140" s="162"/>
      <c r="CH2140" s="162"/>
      <c r="CI2140" s="162"/>
      <c r="CJ2140" s="162"/>
      <c r="CK2140" s="162"/>
      <c r="CX2140" s="98"/>
      <c r="DL2140" s="97"/>
      <c r="DX2140" s="98"/>
      <c r="EL2140" s="97"/>
      <c r="EX2140" s="98"/>
      <c r="EY2140" s="97"/>
      <c r="FL2140" s="126"/>
      <c r="FM2140" s="91"/>
      <c r="FN2140" s="91"/>
      <c r="FO2140" s="91"/>
      <c r="FP2140" s="91"/>
      <c r="FQ2140" s="91"/>
      <c r="FR2140" s="91"/>
      <c r="FS2140" s="91"/>
      <c r="FT2140" s="91"/>
      <c r="FU2140" s="91"/>
      <c r="FV2140" s="91"/>
      <c r="FW2140" s="91"/>
      <c r="FX2140" s="91"/>
      <c r="FY2140" s="91"/>
      <c r="FZ2140" s="91"/>
      <c r="GA2140" s="91"/>
      <c r="GB2140" s="91"/>
      <c r="GC2140" s="91"/>
      <c r="GD2140" s="91"/>
      <c r="GE2140" s="91"/>
      <c r="GF2140" s="91"/>
      <c r="GG2140" s="91"/>
      <c r="GH2140" s="91"/>
      <c r="GI2140" s="91"/>
      <c r="GJ2140" s="91"/>
      <c r="GK2140" s="127"/>
      <c r="GL2140" s="126"/>
      <c r="GM2140" s="91"/>
      <c r="GN2140" s="91"/>
      <c r="GO2140" s="91"/>
      <c r="GP2140" s="91"/>
      <c r="GQ2140" s="91"/>
      <c r="GR2140" s="91"/>
      <c r="GS2140" s="91"/>
      <c r="GT2140" s="91"/>
      <c r="GU2140" s="91"/>
      <c r="GV2140" s="91"/>
      <c r="GW2140" s="91"/>
      <c r="GX2140" s="91"/>
      <c r="GY2140" s="91"/>
      <c r="GZ2140" s="91"/>
      <c r="HA2140" s="91"/>
      <c r="HB2140" s="91"/>
      <c r="HC2140" s="91"/>
      <c r="HD2140" s="91"/>
      <c r="HE2140" s="91"/>
      <c r="HF2140" s="91"/>
      <c r="HG2140" s="91"/>
      <c r="HH2140" s="91"/>
      <c r="HI2140" s="91"/>
      <c r="HJ2140" s="91"/>
      <c r="HK2140" s="127"/>
      <c r="HL2140" s="126"/>
      <c r="HM2140" s="91"/>
      <c r="HN2140" s="91"/>
      <c r="HO2140" s="91"/>
      <c r="HP2140" s="91"/>
      <c r="HQ2140" s="91"/>
      <c r="HR2140" s="91"/>
      <c r="HS2140" s="91"/>
      <c r="HT2140" s="91"/>
      <c r="HU2140" s="91"/>
      <c r="HV2140" s="91"/>
      <c r="HW2140" s="91"/>
      <c r="HX2140" s="91"/>
      <c r="HY2140" s="91"/>
      <c r="HZ2140" s="91"/>
      <c r="IA2140" s="91"/>
      <c r="IB2140" s="91"/>
      <c r="IC2140" s="91"/>
      <c r="ID2140" s="91"/>
      <c r="IE2140" s="91"/>
      <c r="IF2140" s="91"/>
      <c r="IG2140" s="91"/>
      <c r="IH2140" s="91"/>
      <c r="II2140" s="91"/>
      <c r="IJ2140" s="91"/>
      <c r="IK2140" s="127"/>
    </row>
    <row r="2141" spans="2:245" x14ac:dyDescent="0.2">
      <c r="B2141" s="43"/>
      <c r="C2141" s="73"/>
      <c r="D2141" s="64"/>
      <c r="E2141" s="64"/>
      <c r="F2141" s="55"/>
      <c r="G2141" s="102"/>
      <c r="H2141" s="55"/>
      <c r="I2141" s="55"/>
      <c r="J2141" s="55"/>
      <c r="K2141" s="55"/>
      <c r="L2141" s="55"/>
      <c r="M2141" s="55"/>
      <c r="N2141" s="55"/>
      <c r="O2141" s="55"/>
      <c r="P2141" s="55"/>
      <c r="Q2141" s="55"/>
      <c r="R2141" s="55"/>
      <c r="S2141" s="55"/>
      <c r="T2141" s="55"/>
      <c r="U2141" s="55"/>
      <c r="V2141" s="55"/>
      <c r="W2141" s="55"/>
      <c r="X2141" s="55"/>
      <c r="Y2141" s="55"/>
      <c r="Z2141" s="55"/>
      <c r="AA2141" s="55"/>
      <c r="AB2141" s="55"/>
      <c r="AC2141" s="55"/>
      <c r="AD2141" s="55"/>
      <c r="AE2141" s="55"/>
      <c r="AF2141" s="55"/>
      <c r="AG2141" s="55"/>
      <c r="AY2141" s="162"/>
      <c r="AZ2141" s="162"/>
      <c r="BA2141" s="162"/>
      <c r="BB2141" s="162"/>
      <c r="BC2141" s="162"/>
      <c r="BD2141" s="162"/>
      <c r="BE2141" s="162"/>
      <c r="BF2141" s="162"/>
      <c r="BG2141" s="162"/>
      <c r="BH2141" s="162"/>
      <c r="BI2141" s="162"/>
      <c r="BJ2141" s="162"/>
      <c r="BK2141" s="162"/>
      <c r="BL2141" s="162"/>
      <c r="BM2141" s="162"/>
      <c r="BN2141" s="162"/>
      <c r="BO2141" s="162"/>
      <c r="BP2141" s="162"/>
      <c r="BQ2141" s="162"/>
      <c r="BR2141" s="162"/>
      <c r="BS2141" s="162"/>
      <c r="BT2141" s="162"/>
      <c r="BU2141" s="162"/>
      <c r="BV2141" s="162"/>
      <c r="BW2141" s="162"/>
      <c r="BX2141" s="162"/>
      <c r="BY2141" s="162"/>
      <c r="BZ2141" s="162"/>
      <c r="CA2141" s="162"/>
      <c r="CB2141" s="162"/>
      <c r="CC2141" s="162"/>
      <c r="CD2141" s="162"/>
      <c r="CE2141" s="162"/>
      <c r="CF2141" s="162"/>
      <c r="CG2141" s="162"/>
      <c r="CH2141" s="162"/>
      <c r="CI2141" s="162"/>
      <c r="CJ2141" s="162"/>
      <c r="CK2141" s="162"/>
      <c r="CX2141" s="98"/>
      <c r="DL2141" s="97"/>
      <c r="DX2141" s="98"/>
      <c r="EL2141" s="97"/>
      <c r="EX2141" s="98"/>
      <c r="EY2141" s="97"/>
      <c r="FL2141" s="126"/>
      <c r="FM2141" s="91"/>
      <c r="FN2141" s="91"/>
      <c r="FO2141" s="91"/>
      <c r="FP2141" s="91"/>
      <c r="FQ2141" s="91"/>
      <c r="FR2141" s="91"/>
      <c r="FS2141" s="91"/>
      <c r="FT2141" s="91"/>
      <c r="FU2141" s="91"/>
      <c r="FV2141" s="91"/>
      <c r="FW2141" s="91"/>
      <c r="FX2141" s="91"/>
      <c r="FY2141" s="91"/>
      <c r="FZ2141" s="91"/>
      <c r="GA2141" s="91"/>
      <c r="GB2141" s="91"/>
      <c r="GC2141" s="91"/>
      <c r="GD2141" s="91"/>
      <c r="GE2141" s="91"/>
      <c r="GF2141" s="91"/>
      <c r="GG2141" s="91"/>
      <c r="GH2141" s="91"/>
      <c r="GI2141" s="91"/>
      <c r="GJ2141" s="91"/>
      <c r="GK2141" s="127"/>
      <c r="GL2141" s="126"/>
      <c r="GM2141" s="91"/>
      <c r="GN2141" s="91"/>
      <c r="GO2141" s="91"/>
      <c r="GP2141" s="91"/>
      <c r="GQ2141" s="91"/>
      <c r="GR2141" s="91"/>
      <c r="GS2141" s="91"/>
      <c r="GT2141" s="91"/>
      <c r="GU2141" s="91"/>
      <c r="GV2141" s="91"/>
      <c r="GW2141" s="91"/>
      <c r="GX2141" s="91"/>
      <c r="GY2141" s="91"/>
      <c r="GZ2141" s="91"/>
      <c r="HA2141" s="91"/>
      <c r="HB2141" s="91"/>
      <c r="HC2141" s="91"/>
      <c r="HD2141" s="91"/>
      <c r="HE2141" s="91"/>
      <c r="HF2141" s="91"/>
      <c r="HG2141" s="91"/>
      <c r="HH2141" s="91"/>
      <c r="HI2141" s="91"/>
      <c r="HJ2141" s="91"/>
      <c r="HK2141" s="127"/>
      <c r="HL2141" s="126"/>
      <c r="HM2141" s="91"/>
      <c r="HN2141" s="91"/>
      <c r="HO2141" s="91"/>
      <c r="HP2141" s="91"/>
      <c r="HQ2141" s="91"/>
      <c r="HR2141" s="91"/>
      <c r="HS2141" s="91"/>
      <c r="HT2141" s="91"/>
      <c r="HU2141" s="91"/>
      <c r="HV2141" s="91"/>
      <c r="HW2141" s="91"/>
      <c r="HX2141" s="91"/>
      <c r="HY2141" s="91"/>
      <c r="HZ2141" s="91"/>
      <c r="IA2141" s="91"/>
      <c r="IB2141" s="91"/>
      <c r="IC2141" s="91"/>
      <c r="ID2141" s="91"/>
      <c r="IE2141" s="91"/>
      <c r="IF2141" s="91"/>
      <c r="IG2141" s="91"/>
      <c r="IH2141" s="91"/>
      <c r="II2141" s="91"/>
      <c r="IJ2141" s="91"/>
      <c r="IK2141" s="127"/>
    </row>
    <row r="2142" spans="2:245" x14ac:dyDescent="0.2">
      <c r="B2142" s="43"/>
      <c r="C2142" s="73"/>
      <c r="D2142" s="64"/>
      <c r="E2142" s="64"/>
      <c r="F2142" s="55"/>
      <c r="G2142" s="102"/>
      <c r="H2142" s="55"/>
      <c r="I2142" s="55"/>
      <c r="J2142" s="55"/>
      <c r="K2142" s="55"/>
      <c r="L2142" s="55"/>
      <c r="M2142" s="55"/>
      <c r="N2142" s="55"/>
      <c r="O2142" s="55"/>
      <c r="P2142" s="55"/>
      <c r="Q2142" s="55"/>
      <c r="R2142" s="55"/>
      <c r="S2142" s="55"/>
      <c r="T2142" s="55"/>
      <c r="U2142" s="55"/>
      <c r="V2142" s="55"/>
      <c r="W2142" s="55"/>
      <c r="X2142" s="55"/>
      <c r="Y2142" s="55"/>
      <c r="Z2142" s="55"/>
      <c r="AA2142" s="55"/>
      <c r="AB2142" s="55"/>
      <c r="AC2142" s="55"/>
      <c r="AD2142" s="55"/>
      <c r="AE2142" s="55"/>
      <c r="AF2142" s="55"/>
      <c r="AG2142" s="55"/>
      <c r="AY2142" s="162"/>
      <c r="AZ2142" s="162"/>
      <c r="BA2142" s="162"/>
      <c r="BB2142" s="162"/>
      <c r="BC2142" s="162"/>
      <c r="BD2142" s="162"/>
      <c r="BE2142" s="162"/>
      <c r="BF2142" s="162"/>
      <c r="BG2142" s="162"/>
      <c r="BH2142" s="162"/>
      <c r="BI2142" s="162"/>
      <c r="BJ2142" s="162"/>
      <c r="BK2142" s="162"/>
      <c r="BL2142" s="162"/>
      <c r="BM2142" s="162"/>
      <c r="BN2142" s="162"/>
      <c r="BO2142" s="162"/>
      <c r="BP2142" s="162"/>
      <c r="BQ2142" s="162"/>
      <c r="BR2142" s="162"/>
      <c r="BS2142" s="162"/>
      <c r="BT2142" s="162"/>
      <c r="BU2142" s="162"/>
      <c r="BV2142" s="162"/>
      <c r="BW2142" s="162"/>
      <c r="BX2142" s="162"/>
      <c r="BY2142" s="162"/>
      <c r="BZ2142" s="162"/>
      <c r="CA2142" s="162"/>
      <c r="CB2142" s="162"/>
      <c r="CC2142" s="162"/>
      <c r="CD2142" s="162"/>
      <c r="CE2142" s="162"/>
      <c r="CF2142" s="162"/>
      <c r="CG2142" s="162"/>
      <c r="CH2142" s="162"/>
      <c r="CI2142" s="162"/>
      <c r="CJ2142" s="162"/>
      <c r="CK2142" s="162"/>
      <c r="CX2142" s="98"/>
      <c r="DL2142" s="97"/>
      <c r="DX2142" s="98"/>
      <c r="EL2142" s="97"/>
      <c r="EX2142" s="98"/>
      <c r="EY2142" s="97"/>
      <c r="FL2142" s="126"/>
      <c r="FM2142" s="91"/>
      <c r="FN2142" s="91"/>
      <c r="FO2142" s="91"/>
      <c r="FP2142" s="91"/>
      <c r="FQ2142" s="91"/>
      <c r="FR2142" s="91"/>
      <c r="FS2142" s="91"/>
      <c r="FT2142" s="91"/>
      <c r="FU2142" s="91"/>
      <c r="FV2142" s="91"/>
      <c r="FW2142" s="91"/>
      <c r="FX2142" s="91"/>
      <c r="FY2142" s="91"/>
      <c r="FZ2142" s="91"/>
      <c r="GA2142" s="91"/>
      <c r="GB2142" s="91"/>
      <c r="GC2142" s="91"/>
      <c r="GD2142" s="91"/>
      <c r="GE2142" s="91"/>
      <c r="GF2142" s="91"/>
      <c r="GG2142" s="91"/>
      <c r="GH2142" s="91"/>
      <c r="GI2142" s="91"/>
      <c r="GJ2142" s="91"/>
      <c r="GK2142" s="127"/>
      <c r="GL2142" s="126"/>
      <c r="GM2142" s="91"/>
      <c r="GN2142" s="91"/>
      <c r="GO2142" s="91"/>
      <c r="GP2142" s="91"/>
      <c r="GQ2142" s="91"/>
      <c r="GR2142" s="91"/>
      <c r="GS2142" s="91"/>
      <c r="GT2142" s="91"/>
      <c r="GU2142" s="91"/>
      <c r="GV2142" s="91"/>
      <c r="GW2142" s="91"/>
      <c r="GX2142" s="91"/>
      <c r="GY2142" s="91"/>
      <c r="GZ2142" s="91"/>
      <c r="HA2142" s="91"/>
      <c r="HB2142" s="91"/>
      <c r="HC2142" s="91"/>
      <c r="HD2142" s="91"/>
      <c r="HE2142" s="91"/>
      <c r="HF2142" s="91"/>
      <c r="HG2142" s="91"/>
      <c r="HH2142" s="91"/>
      <c r="HI2142" s="91"/>
      <c r="HJ2142" s="91"/>
      <c r="HK2142" s="127"/>
      <c r="HL2142" s="126"/>
      <c r="HM2142" s="91"/>
      <c r="HN2142" s="91"/>
      <c r="HO2142" s="91"/>
      <c r="HP2142" s="91"/>
      <c r="HQ2142" s="91"/>
      <c r="HR2142" s="91"/>
      <c r="HS2142" s="91"/>
      <c r="HT2142" s="91"/>
      <c r="HU2142" s="91"/>
      <c r="HV2142" s="91"/>
      <c r="HW2142" s="91"/>
      <c r="HX2142" s="91"/>
      <c r="HY2142" s="91"/>
      <c r="HZ2142" s="91"/>
      <c r="IA2142" s="91"/>
      <c r="IB2142" s="91"/>
      <c r="IC2142" s="91"/>
      <c r="ID2142" s="91"/>
      <c r="IE2142" s="91"/>
      <c r="IF2142" s="91"/>
      <c r="IG2142" s="91"/>
      <c r="IH2142" s="91"/>
      <c r="II2142" s="91"/>
      <c r="IJ2142" s="91"/>
      <c r="IK2142" s="127"/>
    </row>
    <row r="2143" spans="2:245" x14ac:dyDescent="0.2">
      <c r="B2143" s="43"/>
      <c r="C2143" s="73"/>
      <c r="D2143" s="64"/>
      <c r="E2143" s="64"/>
      <c r="F2143" s="55"/>
      <c r="G2143" s="102"/>
      <c r="H2143" s="55"/>
      <c r="I2143" s="55"/>
      <c r="J2143" s="55"/>
      <c r="K2143" s="55"/>
      <c r="L2143" s="55"/>
      <c r="M2143" s="55"/>
      <c r="N2143" s="55"/>
      <c r="O2143" s="55"/>
      <c r="P2143" s="55"/>
      <c r="Q2143" s="55"/>
      <c r="R2143" s="55"/>
      <c r="S2143" s="55"/>
      <c r="T2143" s="55"/>
      <c r="U2143" s="55"/>
      <c r="V2143" s="55"/>
      <c r="W2143" s="55"/>
      <c r="X2143" s="55"/>
      <c r="Y2143" s="55"/>
      <c r="Z2143" s="55"/>
      <c r="AA2143" s="55"/>
      <c r="AB2143" s="55"/>
      <c r="AC2143" s="55"/>
      <c r="AD2143" s="55"/>
      <c r="AE2143" s="55"/>
      <c r="AF2143" s="55"/>
      <c r="AG2143" s="55"/>
      <c r="AY2143" s="162"/>
      <c r="AZ2143" s="162"/>
      <c r="BA2143" s="162"/>
      <c r="BB2143" s="162"/>
      <c r="BC2143" s="162"/>
      <c r="BD2143" s="162"/>
      <c r="BE2143" s="162"/>
      <c r="BF2143" s="162"/>
      <c r="BG2143" s="162"/>
      <c r="BH2143" s="162"/>
      <c r="BI2143" s="162"/>
      <c r="BJ2143" s="162"/>
      <c r="BK2143" s="162"/>
      <c r="BL2143" s="162"/>
      <c r="BM2143" s="162"/>
      <c r="BN2143" s="162"/>
      <c r="BO2143" s="162"/>
      <c r="BP2143" s="162"/>
      <c r="BQ2143" s="162"/>
      <c r="BR2143" s="162"/>
      <c r="BS2143" s="162"/>
      <c r="BT2143" s="162"/>
      <c r="BU2143" s="162"/>
      <c r="BV2143" s="162"/>
      <c r="BW2143" s="162"/>
      <c r="BX2143" s="162"/>
      <c r="BY2143" s="162"/>
      <c r="BZ2143" s="162"/>
      <c r="CA2143" s="162"/>
      <c r="CB2143" s="162"/>
      <c r="CC2143" s="162"/>
      <c r="CD2143" s="162"/>
      <c r="CE2143" s="162"/>
      <c r="CF2143" s="162"/>
      <c r="CG2143" s="162"/>
      <c r="CH2143" s="162"/>
      <c r="CI2143" s="162"/>
      <c r="CJ2143" s="162"/>
      <c r="CK2143" s="162"/>
      <c r="CX2143" s="98"/>
      <c r="DL2143" s="97"/>
      <c r="DX2143" s="98"/>
      <c r="EL2143" s="97"/>
      <c r="EX2143" s="98"/>
      <c r="EY2143" s="97"/>
      <c r="FL2143" s="126"/>
      <c r="FM2143" s="91"/>
      <c r="FN2143" s="91"/>
      <c r="FO2143" s="91"/>
      <c r="FP2143" s="91"/>
      <c r="FQ2143" s="91"/>
      <c r="FR2143" s="91"/>
      <c r="FS2143" s="91"/>
      <c r="FT2143" s="91"/>
      <c r="FU2143" s="91"/>
      <c r="FV2143" s="91"/>
      <c r="FW2143" s="91"/>
      <c r="FX2143" s="91"/>
      <c r="FY2143" s="91"/>
      <c r="FZ2143" s="91"/>
      <c r="GA2143" s="91"/>
      <c r="GB2143" s="91"/>
      <c r="GC2143" s="91"/>
      <c r="GD2143" s="91"/>
      <c r="GE2143" s="91"/>
      <c r="GF2143" s="91"/>
      <c r="GG2143" s="91"/>
      <c r="GH2143" s="91"/>
      <c r="GI2143" s="91"/>
      <c r="GJ2143" s="91"/>
      <c r="GK2143" s="127"/>
      <c r="GL2143" s="126"/>
      <c r="GM2143" s="91"/>
      <c r="GN2143" s="91"/>
      <c r="GO2143" s="91"/>
      <c r="GP2143" s="91"/>
      <c r="GQ2143" s="91"/>
      <c r="GR2143" s="91"/>
      <c r="GS2143" s="91"/>
      <c r="GT2143" s="91"/>
      <c r="GU2143" s="91"/>
      <c r="GV2143" s="91"/>
      <c r="GW2143" s="91"/>
      <c r="GX2143" s="91"/>
      <c r="GY2143" s="91"/>
      <c r="GZ2143" s="91"/>
      <c r="HA2143" s="91"/>
      <c r="HB2143" s="91"/>
      <c r="HC2143" s="91"/>
      <c r="HD2143" s="91"/>
      <c r="HE2143" s="91"/>
      <c r="HF2143" s="91"/>
      <c r="HG2143" s="91"/>
      <c r="HH2143" s="91"/>
      <c r="HI2143" s="91"/>
      <c r="HJ2143" s="91"/>
      <c r="HK2143" s="127"/>
      <c r="HL2143" s="126"/>
      <c r="HM2143" s="91"/>
      <c r="HN2143" s="91"/>
      <c r="HO2143" s="91"/>
      <c r="HP2143" s="91"/>
      <c r="HQ2143" s="91"/>
      <c r="HR2143" s="91"/>
      <c r="HS2143" s="91"/>
      <c r="HT2143" s="91"/>
      <c r="HU2143" s="91"/>
      <c r="HV2143" s="91"/>
      <c r="HW2143" s="91"/>
      <c r="HX2143" s="91"/>
      <c r="HY2143" s="91"/>
      <c r="HZ2143" s="91"/>
      <c r="IA2143" s="91"/>
      <c r="IB2143" s="91"/>
      <c r="IC2143" s="91"/>
      <c r="ID2143" s="91"/>
      <c r="IE2143" s="91"/>
      <c r="IF2143" s="91"/>
      <c r="IG2143" s="91"/>
      <c r="IH2143" s="91"/>
      <c r="II2143" s="91"/>
      <c r="IJ2143" s="91"/>
      <c r="IK2143" s="127"/>
    </row>
    <row r="2144" spans="2:245" x14ac:dyDescent="0.2">
      <c r="B2144" s="43"/>
      <c r="C2144" s="73"/>
      <c r="D2144" s="64"/>
      <c r="E2144" s="64"/>
      <c r="F2144" s="55"/>
      <c r="G2144" s="102"/>
      <c r="H2144" s="55"/>
      <c r="I2144" s="55"/>
      <c r="J2144" s="55"/>
      <c r="K2144" s="55"/>
      <c r="L2144" s="55"/>
      <c r="M2144" s="55"/>
      <c r="N2144" s="55"/>
      <c r="O2144" s="55"/>
      <c r="P2144" s="55"/>
      <c r="Q2144" s="55"/>
      <c r="R2144" s="55"/>
      <c r="S2144" s="55"/>
      <c r="T2144" s="55"/>
      <c r="U2144" s="55"/>
      <c r="V2144" s="55"/>
      <c r="W2144" s="55"/>
      <c r="X2144" s="55"/>
      <c r="Y2144" s="55"/>
      <c r="Z2144" s="55"/>
      <c r="AA2144" s="55"/>
      <c r="AB2144" s="55"/>
      <c r="AC2144" s="55"/>
      <c r="AD2144" s="55"/>
      <c r="AE2144" s="55"/>
      <c r="AF2144" s="55"/>
      <c r="AG2144" s="55"/>
      <c r="AY2144" s="162"/>
      <c r="AZ2144" s="162"/>
      <c r="BA2144" s="162"/>
      <c r="BB2144" s="162"/>
      <c r="BC2144" s="162"/>
      <c r="BD2144" s="162"/>
      <c r="BE2144" s="162"/>
      <c r="BF2144" s="162"/>
      <c r="BG2144" s="162"/>
      <c r="BH2144" s="162"/>
      <c r="BI2144" s="162"/>
      <c r="BJ2144" s="162"/>
      <c r="BK2144" s="162"/>
      <c r="BL2144" s="162"/>
      <c r="BM2144" s="162"/>
      <c r="BN2144" s="162"/>
      <c r="BO2144" s="162"/>
      <c r="BP2144" s="162"/>
      <c r="BQ2144" s="162"/>
      <c r="BR2144" s="162"/>
      <c r="BS2144" s="162"/>
      <c r="BT2144" s="162"/>
      <c r="BU2144" s="162"/>
      <c r="BV2144" s="162"/>
      <c r="BW2144" s="162"/>
      <c r="BX2144" s="162"/>
      <c r="BY2144" s="162"/>
      <c r="BZ2144" s="162"/>
      <c r="CA2144" s="162"/>
      <c r="CB2144" s="162"/>
      <c r="CC2144" s="162"/>
      <c r="CD2144" s="162"/>
      <c r="CE2144" s="162"/>
      <c r="CF2144" s="162"/>
      <c r="CG2144" s="162"/>
      <c r="CH2144" s="162"/>
      <c r="CI2144" s="162"/>
      <c r="CJ2144" s="162"/>
      <c r="CK2144" s="162"/>
      <c r="CX2144" s="98"/>
      <c r="DL2144" s="97"/>
      <c r="DX2144" s="98"/>
      <c r="EL2144" s="97"/>
      <c r="EX2144" s="98"/>
      <c r="EY2144" s="97"/>
      <c r="FL2144" s="126"/>
      <c r="FM2144" s="91"/>
      <c r="FN2144" s="91"/>
      <c r="FO2144" s="91"/>
      <c r="FP2144" s="91"/>
      <c r="FQ2144" s="91"/>
      <c r="FR2144" s="91"/>
      <c r="FS2144" s="91"/>
      <c r="FT2144" s="91"/>
      <c r="FU2144" s="91"/>
      <c r="FV2144" s="91"/>
      <c r="FW2144" s="91"/>
      <c r="FX2144" s="91"/>
      <c r="FY2144" s="91"/>
      <c r="FZ2144" s="91"/>
      <c r="GA2144" s="91"/>
      <c r="GB2144" s="91"/>
      <c r="GC2144" s="91"/>
      <c r="GD2144" s="91"/>
      <c r="GE2144" s="91"/>
      <c r="GF2144" s="91"/>
      <c r="GG2144" s="91"/>
      <c r="GH2144" s="91"/>
      <c r="GI2144" s="91"/>
      <c r="GJ2144" s="91"/>
      <c r="GK2144" s="127"/>
      <c r="GL2144" s="126"/>
      <c r="GM2144" s="91"/>
      <c r="GN2144" s="91"/>
      <c r="GO2144" s="91"/>
      <c r="GP2144" s="91"/>
      <c r="GQ2144" s="91"/>
      <c r="GR2144" s="91"/>
      <c r="GS2144" s="91"/>
      <c r="GT2144" s="91"/>
      <c r="GU2144" s="91"/>
      <c r="GV2144" s="91"/>
      <c r="GW2144" s="91"/>
      <c r="GX2144" s="91"/>
      <c r="GY2144" s="91"/>
      <c r="GZ2144" s="91"/>
      <c r="HA2144" s="91"/>
      <c r="HB2144" s="91"/>
      <c r="HC2144" s="91"/>
      <c r="HD2144" s="91"/>
      <c r="HE2144" s="91"/>
      <c r="HF2144" s="91"/>
      <c r="HG2144" s="91"/>
      <c r="HH2144" s="91"/>
      <c r="HI2144" s="91"/>
      <c r="HJ2144" s="91"/>
      <c r="HK2144" s="127"/>
      <c r="HL2144" s="126"/>
      <c r="HM2144" s="91"/>
      <c r="HN2144" s="91"/>
      <c r="HO2144" s="91"/>
      <c r="HP2144" s="91"/>
      <c r="HQ2144" s="91"/>
      <c r="HR2144" s="91"/>
      <c r="HS2144" s="91"/>
      <c r="HT2144" s="91"/>
      <c r="HU2144" s="91"/>
      <c r="HV2144" s="91"/>
      <c r="HW2144" s="91"/>
      <c r="HX2144" s="91"/>
      <c r="HY2144" s="91"/>
      <c r="HZ2144" s="91"/>
      <c r="IA2144" s="91"/>
      <c r="IB2144" s="91"/>
      <c r="IC2144" s="91"/>
      <c r="ID2144" s="91"/>
      <c r="IE2144" s="91"/>
      <c r="IF2144" s="91"/>
      <c r="IG2144" s="91"/>
      <c r="IH2144" s="91"/>
      <c r="II2144" s="91"/>
      <c r="IJ2144" s="91"/>
      <c r="IK2144" s="127"/>
    </row>
    <row r="2145" spans="2:245" x14ac:dyDescent="0.2">
      <c r="B2145" s="43"/>
      <c r="C2145" s="73"/>
      <c r="D2145" s="64"/>
      <c r="E2145" s="64"/>
      <c r="F2145" s="55"/>
      <c r="G2145" s="102"/>
      <c r="H2145" s="55"/>
      <c r="I2145" s="55"/>
      <c r="J2145" s="55"/>
      <c r="K2145" s="55"/>
      <c r="L2145" s="55"/>
      <c r="M2145" s="55"/>
      <c r="N2145" s="55"/>
      <c r="O2145" s="55"/>
      <c r="P2145" s="55"/>
      <c r="Q2145" s="55"/>
      <c r="R2145" s="55"/>
      <c r="S2145" s="55"/>
      <c r="T2145" s="55"/>
      <c r="U2145" s="55"/>
      <c r="V2145" s="55"/>
      <c r="W2145" s="55"/>
      <c r="X2145" s="55"/>
      <c r="Y2145" s="55"/>
      <c r="Z2145" s="55"/>
      <c r="AA2145" s="55"/>
      <c r="AB2145" s="55"/>
      <c r="AC2145" s="55"/>
      <c r="AD2145" s="55"/>
      <c r="AE2145" s="55"/>
      <c r="AF2145" s="55"/>
      <c r="AG2145" s="55"/>
      <c r="AY2145" s="162"/>
      <c r="AZ2145" s="162"/>
      <c r="BA2145" s="162"/>
      <c r="BB2145" s="162"/>
      <c r="BC2145" s="162"/>
      <c r="BD2145" s="162"/>
      <c r="BE2145" s="162"/>
      <c r="BF2145" s="162"/>
      <c r="BG2145" s="162"/>
      <c r="BH2145" s="162"/>
      <c r="BI2145" s="162"/>
      <c r="BJ2145" s="162"/>
      <c r="BK2145" s="162"/>
      <c r="BL2145" s="162"/>
      <c r="BM2145" s="162"/>
      <c r="BN2145" s="162"/>
      <c r="BO2145" s="162"/>
      <c r="BP2145" s="162"/>
      <c r="BQ2145" s="162"/>
      <c r="BR2145" s="162"/>
      <c r="BS2145" s="162"/>
      <c r="BT2145" s="162"/>
      <c r="BU2145" s="162"/>
      <c r="BV2145" s="162"/>
      <c r="BW2145" s="162"/>
      <c r="BX2145" s="162"/>
      <c r="BY2145" s="162"/>
      <c r="BZ2145" s="162"/>
      <c r="CA2145" s="162"/>
      <c r="CB2145" s="162"/>
      <c r="CC2145" s="162"/>
      <c r="CD2145" s="162"/>
      <c r="CE2145" s="162"/>
      <c r="CF2145" s="162"/>
      <c r="CG2145" s="162"/>
      <c r="CH2145" s="162"/>
      <c r="CI2145" s="162"/>
      <c r="CJ2145" s="162"/>
      <c r="CK2145" s="162"/>
      <c r="CX2145" s="98"/>
      <c r="DL2145" s="97"/>
      <c r="DX2145" s="98"/>
      <c r="EL2145" s="97"/>
      <c r="EX2145" s="98"/>
      <c r="EY2145" s="97"/>
      <c r="FL2145" s="126"/>
      <c r="FM2145" s="91"/>
      <c r="FN2145" s="91"/>
      <c r="FO2145" s="91"/>
      <c r="FP2145" s="91"/>
      <c r="FQ2145" s="91"/>
      <c r="FR2145" s="91"/>
      <c r="FS2145" s="91"/>
      <c r="FT2145" s="91"/>
      <c r="FU2145" s="91"/>
      <c r="FV2145" s="91"/>
      <c r="FW2145" s="91"/>
      <c r="FX2145" s="91"/>
      <c r="FY2145" s="91"/>
      <c r="FZ2145" s="91"/>
      <c r="GA2145" s="91"/>
      <c r="GB2145" s="91"/>
      <c r="GC2145" s="91"/>
      <c r="GD2145" s="91"/>
      <c r="GE2145" s="91"/>
      <c r="GF2145" s="91"/>
      <c r="GG2145" s="91"/>
      <c r="GH2145" s="91"/>
      <c r="GI2145" s="91"/>
      <c r="GJ2145" s="91"/>
      <c r="GK2145" s="127"/>
      <c r="GL2145" s="126"/>
      <c r="GM2145" s="91"/>
      <c r="GN2145" s="91"/>
      <c r="GO2145" s="91"/>
      <c r="GP2145" s="91"/>
      <c r="GQ2145" s="91"/>
      <c r="GR2145" s="91"/>
      <c r="GS2145" s="91"/>
      <c r="GT2145" s="91"/>
      <c r="GU2145" s="91"/>
      <c r="GV2145" s="91"/>
      <c r="GW2145" s="91"/>
      <c r="GX2145" s="91"/>
      <c r="GY2145" s="91"/>
      <c r="GZ2145" s="91"/>
      <c r="HA2145" s="91"/>
      <c r="HB2145" s="91"/>
      <c r="HC2145" s="91"/>
      <c r="HD2145" s="91"/>
      <c r="HE2145" s="91"/>
      <c r="HF2145" s="91"/>
      <c r="HG2145" s="91"/>
      <c r="HH2145" s="91"/>
      <c r="HI2145" s="91"/>
      <c r="HJ2145" s="91"/>
      <c r="HK2145" s="127"/>
      <c r="HL2145" s="126"/>
      <c r="HM2145" s="91"/>
      <c r="HN2145" s="91"/>
      <c r="HO2145" s="91"/>
      <c r="HP2145" s="91"/>
      <c r="HQ2145" s="91"/>
      <c r="HR2145" s="91"/>
      <c r="HS2145" s="91"/>
      <c r="HT2145" s="91"/>
      <c r="HU2145" s="91"/>
      <c r="HV2145" s="91"/>
      <c r="HW2145" s="91"/>
      <c r="HX2145" s="91"/>
      <c r="HY2145" s="91"/>
      <c r="HZ2145" s="91"/>
      <c r="IA2145" s="91"/>
      <c r="IB2145" s="91"/>
      <c r="IC2145" s="91"/>
      <c r="ID2145" s="91"/>
      <c r="IE2145" s="91"/>
      <c r="IF2145" s="91"/>
      <c r="IG2145" s="91"/>
      <c r="IH2145" s="91"/>
      <c r="II2145" s="91"/>
      <c r="IJ2145" s="91"/>
      <c r="IK2145" s="127"/>
    </row>
    <row r="2146" spans="2:245" x14ac:dyDescent="0.2">
      <c r="B2146" s="43"/>
      <c r="C2146" s="73"/>
      <c r="D2146" s="64"/>
      <c r="E2146" s="64"/>
      <c r="F2146" s="55"/>
      <c r="G2146" s="102"/>
      <c r="H2146" s="55"/>
      <c r="I2146" s="55"/>
      <c r="J2146" s="55"/>
      <c r="K2146" s="55"/>
      <c r="L2146" s="55"/>
      <c r="M2146" s="55"/>
      <c r="N2146" s="55"/>
      <c r="O2146" s="55"/>
      <c r="P2146" s="55"/>
      <c r="Q2146" s="55"/>
      <c r="R2146" s="55"/>
      <c r="S2146" s="55"/>
      <c r="T2146" s="55"/>
      <c r="U2146" s="55"/>
      <c r="V2146" s="55"/>
      <c r="W2146" s="55"/>
      <c r="X2146" s="55"/>
      <c r="Y2146" s="55"/>
      <c r="Z2146" s="55"/>
      <c r="AA2146" s="55"/>
      <c r="AB2146" s="55"/>
      <c r="AC2146" s="55"/>
      <c r="AD2146" s="55"/>
      <c r="AE2146" s="55"/>
      <c r="AF2146" s="55"/>
      <c r="AG2146" s="55"/>
      <c r="AY2146" s="162"/>
      <c r="AZ2146" s="162"/>
      <c r="BA2146" s="162"/>
      <c r="BB2146" s="162"/>
      <c r="BC2146" s="162"/>
      <c r="BD2146" s="162"/>
      <c r="BE2146" s="162"/>
      <c r="BF2146" s="162"/>
      <c r="BG2146" s="162"/>
      <c r="BH2146" s="162"/>
      <c r="BI2146" s="162"/>
      <c r="BJ2146" s="162"/>
      <c r="BK2146" s="162"/>
      <c r="BL2146" s="162"/>
      <c r="BM2146" s="162"/>
      <c r="BN2146" s="162"/>
      <c r="BO2146" s="162"/>
      <c r="BP2146" s="162"/>
      <c r="BQ2146" s="162"/>
      <c r="BR2146" s="162"/>
      <c r="BS2146" s="162"/>
      <c r="BT2146" s="162"/>
      <c r="BU2146" s="162"/>
      <c r="BV2146" s="162"/>
      <c r="BW2146" s="162"/>
      <c r="BX2146" s="162"/>
      <c r="BY2146" s="162"/>
      <c r="BZ2146" s="162"/>
      <c r="CA2146" s="162"/>
      <c r="CB2146" s="162"/>
      <c r="CC2146" s="162"/>
      <c r="CD2146" s="162"/>
      <c r="CE2146" s="162"/>
      <c r="CF2146" s="162"/>
      <c r="CG2146" s="162"/>
      <c r="CH2146" s="162"/>
      <c r="CI2146" s="162"/>
      <c r="CJ2146" s="162"/>
      <c r="CK2146" s="162"/>
      <c r="CX2146" s="98"/>
      <c r="DL2146" s="97"/>
      <c r="DX2146" s="98"/>
      <c r="EL2146" s="97"/>
      <c r="EX2146" s="98"/>
      <c r="EY2146" s="97"/>
      <c r="FL2146" s="126"/>
      <c r="FM2146" s="91"/>
      <c r="FN2146" s="91"/>
      <c r="FO2146" s="91"/>
      <c r="FP2146" s="91"/>
      <c r="FQ2146" s="91"/>
      <c r="FR2146" s="91"/>
      <c r="FS2146" s="91"/>
      <c r="FT2146" s="91"/>
      <c r="FU2146" s="91"/>
      <c r="FV2146" s="91"/>
      <c r="FW2146" s="91"/>
      <c r="FX2146" s="91"/>
      <c r="FY2146" s="91"/>
      <c r="FZ2146" s="91"/>
      <c r="GA2146" s="91"/>
      <c r="GB2146" s="91"/>
      <c r="GC2146" s="91"/>
      <c r="GD2146" s="91"/>
      <c r="GE2146" s="91"/>
      <c r="GF2146" s="91"/>
      <c r="GG2146" s="91"/>
      <c r="GH2146" s="91"/>
      <c r="GI2146" s="91"/>
      <c r="GJ2146" s="91"/>
      <c r="GK2146" s="127"/>
      <c r="GL2146" s="126"/>
      <c r="GM2146" s="91"/>
      <c r="GN2146" s="91"/>
      <c r="GO2146" s="91"/>
      <c r="GP2146" s="91"/>
      <c r="GQ2146" s="91"/>
      <c r="GR2146" s="91"/>
      <c r="GS2146" s="91"/>
      <c r="GT2146" s="91"/>
      <c r="GU2146" s="91"/>
      <c r="GV2146" s="91"/>
      <c r="GW2146" s="91"/>
      <c r="GX2146" s="91"/>
      <c r="GY2146" s="91"/>
      <c r="GZ2146" s="91"/>
      <c r="HA2146" s="91"/>
      <c r="HB2146" s="91"/>
      <c r="HC2146" s="91"/>
      <c r="HD2146" s="91"/>
      <c r="HE2146" s="91"/>
      <c r="HF2146" s="91"/>
      <c r="HG2146" s="91"/>
      <c r="HH2146" s="91"/>
      <c r="HI2146" s="91"/>
      <c r="HJ2146" s="91"/>
      <c r="HK2146" s="127"/>
      <c r="HL2146" s="126"/>
      <c r="HM2146" s="91"/>
      <c r="HN2146" s="91"/>
      <c r="HO2146" s="91"/>
      <c r="HP2146" s="91"/>
      <c r="HQ2146" s="91"/>
      <c r="HR2146" s="91"/>
      <c r="HS2146" s="91"/>
      <c r="HT2146" s="91"/>
      <c r="HU2146" s="91"/>
      <c r="HV2146" s="91"/>
      <c r="HW2146" s="91"/>
      <c r="HX2146" s="91"/>
      <c r="HY2146" s="91"/>
      <c r="HZ2146" s="91"/>
      <c r="IA2146" s="91"/>
      <c r="IB2146" s="91"/>
      <c r="IC2146" s="91"/>
      <c r="ID2146" s="91"/>
      <c r="IE2146" s="91"/>
      <c r="IF2146" s="91"/>
      <c r="IG2146" s="91"/>
      <c r="IH2146" s="91"/>
      <c r="II2146" s="91"/>
      <c r="IJ2146" s="91"/>
      <c r="IK2146" s="127"/>
    </row>
    <row r="2147" spans="2:245" x14ac:dyDescent="0.2">
      <c r="B2147" s="43"/>
      <c r="C2147" s="73"/>
      <c r="D2147" s="64"/>
      <c r="E2147" s="64"/>
      <c r="F2147" s="55"/>
      <c r="G2147" s="102"/>
      <c r="H2147" s="55"/>
      <c r="I2147" s="55"/>
      <c r="J2147" s="55"/>
      <c r="K2147" s="55"/>
      <c r="L2147" s="55"/>
      <c r="M2147" s="55"/>
      <c r="N2147" s="55"/>
      <c r="O2147" s="55"/>
      <c r="P2147" s="55"/>
      <c r="Q2147" s="55"/>
      <c r="R2147" s="55"/>
      <c r="S2147" s="55"/>
      <c r="T2147" s="55"/>
      <c r="U2147" s="55"/>
      <c r="V2147" s="55"/>
      <c r="W2147" s="55"/>
      <c r="X2147" s="55"/>
      <c r="Y2147" s="55"/>
      <c r="Z2147" s="55"/>
      <c r="AA2147" s="55"/>
      <c r="AB2147" s="55"/>
      <c r="AC2147" s="55"/>
      <c r="AD2147" s="55"/>
      <c r="AE2147" s="55"/>
      <c r="AF2147" s="55"/>
      <c r="AG2147" s="55"/>
      <c r="AY2147" s="162"/>
      <c r="AZ2147" s="162"/>
      <c r="BA2147" s="162"/>
      <c r="BB2147" s="162"/>
      <c r="BC2147" s="162"/>
      <c r="BD2147" s="162"/>
      <c r="BE2147" s="162"/>
      <c r="BF2147" s="162"/>
      <c r="BG2147" s="162"/>
      <c r="BH2147" s="162"/>
      <c r="BI2147" s="162"/>
      <c r="BJ2147" s="162"/>
      <c r="BK2147" s="162"/>
      <c r="BL2147" s="162"/>
      <c r="BM2147" s="162"/>
      <c r="BN2147" s="162"/>
      <c r="BO2147" s="162"/>
      <c r="BP2147" s="162"/>
      <c r="BQ2147" s="162"/>
      <c r="BR2147" s="162"/>
      <c r="BS2147" s="162"/>
      <c r="BT2147" s="162"/>
      <c r="BU2147" s="162"/>
      <c r="BV2147" s="162"/>
      <c r="BW2147" s="162"/>
      <c r="BX2147" s="162"/>
      <c r="BY2147" s="162"/>
      <c r="BZ2147" s="162"/>
      <c r="CA2147" s="162"/>
      <c r="CB2147" s="162"/>
      <c r="CC2147" s="162"/>
      <c r="CD2147" s="162"/>
      <c r="CE2147" s="162"/>
      <c r="CF2147" s="162"/>
      <c r="CG2147" s="162"/>
      <c r="CH2147" s="162"/>
      <c r="CI2147" s="162"/>
      <c r="CJ2147" s="162"/>
      <c r="CK2147" s="162"/>
      <c r="CX2147" s="98"/>
      <c r="DL2147" s="97"/>
      <c r="DX2147" s="98"/>
      <c r="EL2147" s="97"/>
      <c r="EX2147" s="98"/>
      <c r="EY2147" s="97"/>
      <c r="FL2147" s="126"/>
      <c r="FM2147" s="91"/>
      <c r="FN2147" s="91"/>
      <c r="FO2147" s="91"/>
      <c r="FP2147" s="91"/>
      <c r="FQ2147" s="91"/>
      <c r="FR2147" s="91"/>
      <c r="FS2147" s="91"/>
      <c r="FT2147" s="91"/>
      <c r="FU2147" s="91"/>
      <c r="FV2147" s="91"/>
      <c r="FW2147" s="91"/>
      <c r="FX2147" s="91"/>
      <c r="FY2147" s="91"/>
      <c r="FZ2147" s="91"/>
      <c r="GA2147" s="91"/>
      <c r="GB2147" s="91"/>
      <c r="GC2147" s="91"/>
      <c r="GD2147" s="91"/>
      <c r="GE2147" s="91"/>
      <c r="GF2147" s="91"/>
      <c r="GG2147" s="91"/>
      <c r="GH2147" s="91"/>
      <c r="GI2147" s="91"/>
      <c r="GJ2147" s="91"/>
      <c r="GK2147" s="127"/>
      <c r="GL2147" s="126"/>
      <c r="GM2147" s="91"/>
      <c r="GN2147" s="91"/>
      <c r="GO2147" s="91"/>
      <c r="GP2147" s="91"/>
      <c r="GQ2147" s="91"/>
      <c r="GR2147" s="91"/>
      <c r="GS2147" s="91"/>
      <c r="GT2147" s="91"/>
      <c r="GU2147" s="91"/>
      <c r="GV2147" s="91"/>
      <c r="GW2147" s="91"/>
      <c r="GX2147" s="91"/>
      <c r="GY2147" s="91"/>
      <c r="GZ2147" s="91"/>
      <c r="HA2147" s="91"/>
      <c r="HB2147" s="91"/>
      <c r="HC2147" s="91"/>
      <c r="HD2147" s="91"/>
      <c r="HE2147" s="91"/>
      <c r="HF2147" s="91"/>
      <c r="HG2147" s="91"/>
      <c r="HH2147" s="91"/>
      <c r="HI2147" s="91"/>
      <c r="HJ2147" s="91"/>
      <c r="HK2147" s="127"/>
      <c r="HL2147" s="126"/>
      <c r="HM2147" s="91"/>
      <c r="HN2147" s="91"/>
      <c r="HO2147" s="91"/>
      <c r="HP2147" s="91"/>
      <c r="HQ2147" s="91"/>
      <c r="HR2147" s="91"/>
      <c r="HS2147" s="91"/>
      <c r="HT2147" s="91"/>
      <c r="HU2147" s="91"/>
      <c r="HV2147" s="91"/>
      <c r="HW2147" s="91"/>
      <c r="HX2147" s="91"/>
      <c r="HY2147" s="91"/>
      <c r="HZ2147" s="91"/>
      <c r="IA2147" s="91"/>
      <c r="IB2147" s="91"/>
      <c r="IC2147" s="91"/>
      <c r="ID2147" s="91"/>
      <c r="IE2147" s="91"/>
      <c r="IF2147" s="91"/>
      <c r="IG2147" s="91"/>
      <c r="IH2147" s="91"/>
      <c r="II2147" s="91"/>
      <c r="IJ2147" s="91"/>
      <c r="IK2147" s="127"/>
    </row>
    <row r="2148" spans="2:245" ht="13.5" thickBot="1" x14ac:dyDescent="0.25">
      <c r="B2148" s="43"/>
      <c r="C2148" s="73"/>
      <c r="D2148" s="64"/>
      <c r="E2148" s="64"/>
      <c r="F2148" s="55"/>
      <c r="G2148" s="102"/>
      <c r="H2148" s="55"/>
      <c r="I2148" s="55"/>
      <c r="J2148" s="55"/>
      <c r="K2148" s="55"/>
      <c r="L2148" s="55"/>
      <c r="M2148" s="55"/>
      <c r="N2148" s="55"/>
      <c r="O2148" s="55"/>
      <c r="P2148" s="55"/>
      <c r="Q2148" s="55"/>
      <c r="R2148" s="55"/>
      <c r="S2148" s="55"/>
      <c r="T2148" s="55"/>
      <c r="U2148" s="55"/>
      <c r="V2148" s="55"/>
      <c r="W2148" s="55"/>
      <c r="X2148" s="55"/>
      <c r="Y2148" s="55"/>
      <c r="Z2148" s="55"/>
      <c r="AA2148" s="55"/>
      <c r="AB2148" s="55"/>
      <c r="AC2148" s="55"/>
      <c r="AD2148" s="55"/>
      <c r="AE2148" s="55"/>
      <c r="AF2148" s="55"/>
      <c r="AG2148" s="55"/>
      <c r="AY2148" s="162"/>
      <c r="AZ2148" s="162"/>
      <c r="BA2148" s="162"/>
      <c r="BB2148" s="162"/>
      <c r="BC2148" s="162"/>
      <c r="BD2148" s="162"/>
      <c r="BE2148" s="162"/>
      <c r="BF2148" s="162"/>
      <c r="BG2148" s="162"/>
      <c r="BH2148" s="162"/>
      <c r="BI2148" s="162"/>
      <c r="BJ2148" s="162"/>
      <c r="BK2148" s="162"/>
      <c r="BL2148" s="162"/>
      <c r="BM2148" s="162"/>
      <c r="BN2148" s="162"/>
      <c r="BO2148" s="162"/>
      <c r="BP2148" s="162"/>
      <c r="BQ2148" s="162"/>
      <c r="BR2148" s="162"/>
      <c r="BS2148" s="162"/>
      <c r="BT2148" s="162"/>
      <c r="BU2148" s="162"/>
      <c r="BV2148" s="162"/>
      <c r="BW2148" s="162"/>
      <c r="BX2148" s="162"/>
      <c r="BY2148" s="162"/>
      <c r="BZ2148" s="162"/>
      <c r="CA2148" s="162"/>
      <c r="CB2148" s="162"/>
      <c r="CC2148" s="162"/>
      <c r="CD2148" s="162"/>
      <c r="CE2148" s="162"/>
      <c r="CF2148" s="162"/>
      <c r="CG2148" s="162"/>
      <c r="CH2148" s="162"/>
      <c r="CI2148" s="162"/>
      <c r="CJ2148" s="162"/>
      <c r="CK2148" s="162"/>
      <c r="CL2148" s="166"/>
      <c r="CM2148" s="166"/>
      <c r="CN2148" s="166"/>
      <c r="CO2148" s="166"/>
      <c r="CP2148" s="166"/>
      <c r="CQ2148" s="166"/>
      <c r="CR2148" s="166"/>
      <c r="CS2148" s="166"/>
      <c r="CT2148" s="166"/>
      <c r="CU2148" s="166"/>
      <c r="CV2148" s="166"/>
      <c r="CW2148" s="166"/>
      <c r="CX2148" s="176"/>
      <c r="CY2148" s="166"/>
      <c r="CZ2148" s="166"/>
      <c r="DA2148" s="166"/>
      <c r="DB2148" s="166"/>
      <c r="DC2148" s="166"/>
      <c r="DD2148" s="166"/>
      <c r="DE2148" s="166"/>
      <c r="DF2148" s="166"/>
      <c r="DG2148" s="166"/>
      <c r="DH2148" s="166"/>
      <c r="DI2148" s="166"/>
      <c r="DJ2148" s="166"/>
      <c r="DK2148" s="166"/>
      <c r="DL2148" s="175"/>
      <c r="DM2148" s="166"/>
      <c r="DN2148" s="166"/>
      <c r="DO2148" s="166"/>
      <c r="DP2148" s="166"/>
      <c r="DQ2148" s="166"/>
      <c r="DR2148" s="166"/>
      <c r="DS2148" s="166"/>
      <c r="DT2148" s="166"/>
      <c r="DU2148" s="166"/>
      <c r="DV2148" s="166"/>
      <c r="DW2148" s="166"/>
      <c r="DX2148" s="176"/>
      <c r="DY2148" s="166"/>
      <c r="DZ2148" s="166"/>
      <c r="EA2148" s="166"/>
      <c r="EB2148" s="166"/>
      <c r="EC2148" s="166"/>
      <c r="ED2148" s="166"/>
      <c r="EE2148" s="166"/>
      <c r="EF2148" s="166"/>
      <c r="EG2148" s="166"/>
      <c r="EH2148" s="166"/>
      <c r="EI2148" s="166"/>
      <c r="EJ2148" s="166"/>
      <c r="EK2148" s="166"/>
      <c r="EL2148" s="175"/>
      <c r="EM2148" s="166"/>
      <c r="EN2148" s="166"/>
      <c r="EO2148" s="166"/>
      <c r="EP2148" s="166"/>
      <c r="EQ2148" s="166"/>
      <c r="ER2148" s="166"/>
      <c r="ES2148" s="166"/>
      <c r="ET2148" s="166"/>
      <c r="EU2148" s="166"/>
      <c r="EV2148" s="166"/>
      <c r="EW2148" s="166"/>
      <c r="EX2148" s="176"/>
      <c r="EY2148" s="175"/>
      <c r="EZ2148" s="166"/>
      <c r="FA2148" s="166"/>
      <c r="FB2148" s="166"/>
      <c r="FC2148" s="166"/>
      <c r="FD2148" s="166"/>
      <c r="FE2148" s="166"/>
      <c r="FF2148" s="166"/>
      <c r="FG2148" s="166"/>
      <c r="FH2148" s="166"/>
      <c r="FI2148" s="166"/>
      <c r="FJ2148" s="166"/>
      <c r="FK2148" s="166"/>
      <c r="FL2148" s="126"/>
      <c r="FM2148" s="91"/>
      <c r="FN2148" s="91"/>
      <c r="FO2148" s="91"/>
      <c r="FP2148" s="91"/>
      <c r="FQ2148" s="91"/>
      <c r="FR2148" s="91"/>
      <c r="FS2148" s="91"/>
      <c r="FT2148" s="91"/>
      <c r="FU2148" s="91"/>
      <c r="FV2148" s="91"/>
      <c r="FW2148" s="91"/>
      <c r="FX2148" s="91"/>
      <c r="FY2148" s="91"/>
      <c r="FZ2148" s="91"/>
      <c r="GA2148" s="91"/>
      <c r="GB2148" s="91"/>
      <c r="GC2148" s="91"/>
      <c r="GD2148" s="91"/>
      <c r="GE2148" s="91"/>
      <c r="GF2148" s="91"/>
      <c r="GG2148" s="91"/>
      <c r="GH2148" s="91"/>
      <c r="GI2148" s="91"/>
      <c r="GJ2148" s="91"/>
      <c r="GK2148" s="127"/>
      <c r="GL2148" s="126"/>
      <c r="GM2148" s="91"/>
      <c r="GN2148" s="91"/>
      <c r="GO2148" s="91"/>
      <c r="GP2148" s="91"/>
      <c r="GQ2148" s="91"/>
      <c r="GR2148" s="91"/>
      <c r="GS2148" s="91"/>
      <c r="GT2148" s="91"/>
      <c r="GU2148" s="91"/>
      <c r="GV2148" s="91"/>
      <c r="GW2148" s="91"/>
      <c r="GX2148" s="91"/>
      <c r="GY2148" s="91"/>
      <c r="GZ2148" s="91"/>
      <c r="HA2148" s="91"/>
      <c r="HB2148" s="91"/>
      <c r="HC2148" s="91"/>
      <c r="HD2148" s="91"/>
      <c r="HE2148" s="91"/>
      <c r="HF2148" s="91"/>
      <c r="HG2148" s="91"/>
      <c r="HH2148" s="91"/>
      <c r="HI2148" s="91"/>
      <c r="HJ2148" s="91"/>
      <c r="HK2148" s="127"/>
      <c r="HL2148" s="126"/>
      <c r="HM2148" s="91"/>
      <c r="HN2148" s="91"/>
      <c r="HO2148" s="91"/>
      <c r="HP2148" s="91"/>
      <c r="HQ2148" s="91"/>
      <c r="HR2148" s="91"/>
      <c r="HS2148" s="91"/>
      <c r="HT2148" s="91"/>
      <c r="HU2148" s="91"/>
      <c r="HV2148" s="91"/>
      <c r="HW2148" s="91"/>
      <c r="HX2148" s="91"/>
      <c r="HY2148" s="91"/>
      <c r="HZ2148" s="91"/>
      <c r="IA2148" s="91"/>
      <c r="IB2148" s="91"/>
      <c r="IC2148" s="91"/>
      <c r="ID2148" s="91"/>
      <c r="IE2148" s="91"/>
      <c r="IF2148" s="91"/>
      <c r="IG2148" s="91"/>
      <c r="IH2148" s="91"/>
      <c r="II2148" s="91"/>
      <c r="IJ2148" s="91"/>
      <c r="IK2148" s="127"/>
    </row>
    <row r="2149" spans="2:245" x14ac:dyDescent="0.2">
      <c r="B2149" s="43"/>
      <c r="C2149" s="73"/>
      <c r="D2149" s="64"/>
      <c r="E2149" s="64"/>
      <c r="F2149" s="55"/>
      <c r="G2149" s="102"/>
      <c r="H2149" s="55"/>
      <c r="I2149" s="55"/>
      <c r="J2149" s="55"/>
      <c r="K2149" s="55"/>
      <c r="L2149" s="55"/>
      <c r="M2149" s="55"/>
      <c r="N2149" s="55"/>
      <c r="O2149" s="55"/>
      <c r="P2149" s="55"/>
      <c r="Q2149" s="55"/>
      <c r="R2149" s="55"/>
      <c r="S2149" s="55"/>
      <c r="T2149" s="55"/>
      <c r="U2149" s="55"/>
      <c r="V2149" s="55"/>
      <c r="W2149" s="55"/>
      <c r="X2149" s="55"/>
      <c r="Y2149" s="55"/>
      <c r="Z2149" s="55"/>
      <c r="AA2149" s="55"/>
      <c r="AB2149" s="55"/>
      <c r="AC2149" s="55"/>
      <c r="AD2149" s="55"/>
      <c r="AE2149" s="55"/>
      <c r="AF2149" s="55"/>
      <c r="AG2149" s="55"/>
      <c r="AY2149" s="162"/>
      <c r="AZ2149" s="162"/>
      <c r="BA2149" s="162"/>
      <c r="BB2149" s="162"/>
      <c r="BC2149" s="162"/>
      <c r="BD2149" s="162"/>
      <c r="BE2149" s="162"/>
      <c r="BF2149" s="162"/>
      <c r="BG2149" s="162"/>
      <c r="BH2149" s="162"/>
      <c r="BI2149" s="162"/>
      <c r="BJ2149" s="162"/>
      <c r="BK2149" s="162"/>
      <c r="BL2149" s="162"/>
      <c r="BM2149" s="162"/>
      <c r="BN2149" s="162"/>
      <c r="BO2149" s="162"/>
      <c r="BP2149" s="162"/>
      <c r="BQ2149" s="162"/>
      <c r="BR2149" s="162"/>
      <c r="BS2149" s="162"/>
      <c r="BT2149" s="162"/>
      <c r="BU2149" s="162"/>
      <c r="BV2149" s="162"/>
      <c r="BW2149" s="162"/>
      <c r="BX2149" s="162"/>
      <c r="BY2149" s="162"/>
      <c r="BZ2149" s="162"/>
      <c r="CA2149" s="162"/>
      <c r="CB2149" s="162"/>
      <c r="CC2149" s="162"/>
      <c r="CD2149" s="162"/>
      <c r="CE2149" s="162"/>
      <c r="CF2149" s="162"/>
      <c r="CG2149" s="162"/>
      <c r="CH2149" s="162"/>
      <c r="CI2149" s="162"/>
      <c r="CJ2149" s="162"/>
      <c r="CK2149" s="162"/>
      <c r="CX2149" s="98"/>
      <c r="DL2149" s="97"/>
      <c r="DX2149" s="98"/>
      <c r="EL2149" s="97"/>
      <c r="EX2149" s="98"/>
      <c r="EY2149" s="97"/>
      <c r="FL2149" s="126"/>
      <c r="FM2149" s="91"/>
      <c r="FN2149" s="91"/>
      <c r="FO2149" s="91"/>
      <c r="FP2149" s="91"/>
      <c r="FQ2149" s="91"/>
      <c r="FR2149" s="91"/>
      <c r="FS2149" s="91"/>
      <c r="FT2149" s="91"/>
      <c r="FU2149" s="91"/>
      <c r="FV2149" s="91"/>
      <c r="FW2149" s="91"/>
      <c r="FX2149" s="91"/>
      <c r="FY2149" s="91"/>
      <c r="FZ2149" s="91"/>
      <c r="GA2149" s="91"/>
      <c r="GB2149" s="91"/>
      <c r="GC2149" s="91"/>
      <c r="GD2149" s="91"/>
      <c r="GE2149" s="91"/>
      <c r="GF2149" s="91"/>
      <c r="GG2149" s="91"/>
      <c r="GH2149" s="91"/>
      <c r="GI2149" s="91"/>
      <c r="GJ2149" s="91"/>
      <c r="GK2149" s="127"/>
      <c r="GL2149" s="126"/>
      <c r="GM2149" s="91"/>
      <c r="GN2149" s="91"/>
      <c r="GO2149" s="91"/>
      <c r="GP2149" s="91"/>
      <c r="GQ2149" s="91"/>
      <c r="GR2149" s="91"/>
      <c r="GS2149" s="91"/>
      <c r="GT2149" s="91"/>
      <c r="GU2149" s="91"/>
      <c r="GV2149" s="91"/>
      <c r="GW2149" s="91"/>
      <c r="GX2149" s="91"/>
      <c r="GY2149" s="91"/>
      <c r="GZ2149" s="91"/>
      <c r="HA2149" s="91"/>
      <c r="HB2149" s="91"/>
      <c r="HC2149" s="91"/>
      <c r="HD2149" s="91"/>
      <c r="HE2149" s="91"/>
      <c r="HF2149" s="91"/>
      <c r="HG2149" s="91"/>
      <c r="HH2149" s="91"/>
      <c r="HI2149" s="91"/>
      <c r="HJ2149" s="91"/>
      <c r="HK2149" s="127"/>
      <c r="HL2149" s="126"/>
      <c r="HM2149" s="91"/>
      <c r="HN2149" s="91"/>
      <c r="HO2149" s="91"/>
      <c r="HP2149" s="91"/>
      <c r="HQ2149" s="91"/>
      <c r="HR2149" s="91"/>
      <c r="HS2149" s="91"/>
      <c r="HT2149" s="91"/>
      <c r="HU2149" s="91"/>
      <c r="HV2149" s="91"/>
      <c r="HW2149" s="91"/>
      <c r="HX2149" s="91"/>
      <c r="HY2149" s="91"/>
      <c r="HZ2149" s="91"/>
      <c r="IA2149" s="91"/>
      <c r="IB2149" s="91"/>
      <c r="IC2149" s="91"/>
      <c r="ID2149" s="91"/>
      <c r="IE2149" s="91"/>
      <c r="IF2149" s="91"/>
      <c r="IG2149" s="91"/>
      <c r="IH2149" s="91"/>
      <c r="II2149" s="91"/>
      <c r="IJ2149" s="91"/>
      <c r="IK2149" s="127"/>
    </row>
    <row r="2150" spans="2:245" x14ac:dyDescent="0.2">
      <c r="B2150" s="43"/>
      <c r="C2150" s="73"/>
      <c r="D2150" s="64"/>
      <c r="E2150" s="64"/>
      <c r="F2150" s="55"/>
      <c r="G2150" s="102"/>
      <c r="H2150" s="55"/>
      <c r="I2150" s="55"/>
      <c r="J2150" s="55"/>
      <c r="K2150" s="55"/>
      <c r="L2150" s="55"/>
      <c r="M2150" s="55"/>
      <c r="N2150" s="55"/>
      <c r="O2150" s="55"/>
      <c r="P2150" s="55"/>
      <c r="Q2150" s="55"/>
      <c r="R2150" s="55"/>
      <c r="S2150" s="55"/>
      <c r="T2150" s="55"/>
      <c r="U2150" s="55"/>
      <c r="V2150" s="55"/>
      <c r="W2150" s="55"/>
      <c r="X2150" s="55"/>
      <c r="Y2150" s="55"/>
      <c r="Z2150" s="55"/>
      <c r="AA2150" s="55"/>
      <c r="AB2150" s="55"/>
      <c r="AC2150" s="55"/>
      <c r="AD2150" s="55"/>
      <c r="AE2150" s="55"/>
      <c r="AF2150" s="55"/>
      <c r="AG2150" s="55"/>
      <c r="AY2150" s="162"/>
      <c r="AZ2150" s="162"/>
      <c r="BA2150" s="162"/>
      <c r="BB2150" s="162"/>
      <c r="BC2150" s="162"/>
      <c r="BD2150" s="162"/>
      <c r="BE2150" s="162"/>
      <c r="BF2150" s="162"/>
      <c r="BG2150" s="162"/>
      <c r="BH2150" s="162"/>
      <c r="BI2150" s="162"/>
      <c r="BJ2150" s="162"/>
      <c r="BK2150" s="162"/>
      <c r="BL2150" s="162"/>
      <c r="BM2150" s="162"/>
      <c r="BN2150" s="162"/>
      <c r="BO2150" s="162"/>
      <c r="BP2150" s="162"/>
      <c r="BQ2150" s="162"/>
      <c r="BR2150" s="162"/>
      <c r="BS2150" s="162"/>
      <c r="BT2150" s="162"/>
      <c r="BU2150" s="162"/>
      <c r="BV2150" s="162"/>
      <c r="BW2150" s="162"/>
      <c r="BX2150" s="162"/>
      <c r="BY2150" s="162"/>
      <c r="BZ2150" s="162"/>
      <c r="CA2150" s="162"/>
      <c r="CB2150" s="162"/>
      <c r="CC2150" s="162"/>
      <c r="CD2150" s="162"/>
      <c r="CE2150" s="162"/>
      <c r="CF2150" s="162"/>
      <c r="CG2150" s="162"/>
      <c r="CH2150" s="162"/>
      <c r="CI2150" s="162"/>
      <c r="CJ2150" s="162"/>
      <c r="CK2150" s="162"/>
      <c r="CX2150" s="98"/>
      <c r="DL2150" s="97"/>
      <c r="DX2150" s="98"/>
      <c r="EL2150" s="97"/>
      <c r="EX2150" s="98"/>
      <c r="EY2150" s="97"/>
      <c r="FL2150" s="126"/>
      <c r="FM2150" s="91"/>
      <c r="FN2150" s="91"/>
      <c r="FO2150" s="91"/>
      <c r="FP2150" s="91"/>
      <c r="FQ2150" s="91"/>
      <c r="FR2150" s="91"/>
      <c r="FS2150" s="91"/>
      <c r="FT2150" s="91"/>
      <c r="FU2150" s="91"/>
      <c r="FV2150" s="91"/>
      <c r="FW2150" s="91"/>
      <c r="FX2150" s="91"/>
      <c r="FY2150" s="91"/>
      <c r="FZ2150" s="91"/>
      <c r="GA2150" s="91"/>
      <c r="GB2150" s="91"/>
      <c r="GC2150" s="91"/>
      <c r="GD2150" s="91"/>
      <c r="GE2150" s="91"/>
      <c r="GF2150" s="91"/>
      <c r="GG2150" s="91"/>
      <c r="GH2150" s="91"/>
      <c r="GI2150" s="91"/>
      <c r="GJ2150" s="91"/>
      <c r="GK2150" s="127"/>
      <c r="GL2150" s="126"/>
      <c r="GM2150" s="91"/>
      <c r="GN2150" s="91"/>
      <c r="GO2150" s="91"/>
      <c r="GP2150" s="91"/>
      <c r="GQ2150" s="91"/>
      <c r="GR2150" s="91"/>
      <c r="GS2150" s="91"/>
      <c r="GT2150" s="91"/>
      <c r="GU2150" s="91"/>
      <c r="GV2150" s="91"/>
      <c r="GW2150" s="91"/>
      <c r="GX2150" s="91"/>
      <c r="GY2150" s="91"/>
      <c r="GZ2150" s="91"/>
      <c r="HA2150" s="91"/>
      <c r="HB2150" s="91"/>
      <c r="HC2150" s="91"/>
      <c r="HD2150" s="91"/>
      <c r="HE2150" s="91"/>
      <c r="HF2150" s="91"/>
      <c r="HG2150" s="91"/>
      <c r="HH2150" s="91"/>
      <c r="HI2150" s="91"/>
      <c r="HJ2150" s="91"/>
      <c r="HK2150" s="127"/>
      <c r="HL2150" s="126"/>
      <c r="HM2150" s="91"/>
      <c r="HN2150" s="91"/>
      <c r="HO2150" s="91"/>
      <c r="HP2150" s="91"/>
      <c r="HQ2150" s="91"/>
      <c r="HR2150" s="91"/>
      <c r="HS2150" s="91"/>
      <c r="HT2150" s="91"/>
      <c r="HU2150" s="91"/>
      <c r="HV2150" s="91"/>
      <c r="HW2150" s="91"/>
      <c r="HX2150" s="91"/>
      <c r="HY2150" s="91"/>
      <c r="HZ2150" s="91"/>
      <c r="IA2150" s="91"/>
      <c r="IB2150" s="91"/>
      <c r="IC2150" s="91"/>
      <c r="ID2150" s="91"/>
      <c r="IE2150" s="91"/>
      <c r="IF2150" s="91"/>
      <c r="IG2150" s="91"/>
      <c r="IH2150" s="91"/>
      <c r="II2150" s="91"/>
      <c r="IJ2150" s="91"/>
      <c r="IK2150" s="127"/>
    </row>
    <row r="2151" spans="2:245" ht="13.5" thickBot="1" x14ac:dyDescent="0.25">
      <c r="B2151" s="43"/>
      <c r="C2151" s="73"/>
      <c r="D2151" s="64"/>
      <c r="E2151" s="64"/>
      <c r="F2151" s="55"/>
      <c r="G2151" s="102"/>
      <c r="H2151" s="55"/>
      <c r="I2151" s="55"/>
      <c r="J2151" s="55"/>
      <c r="K2151" s="55"/>
      <c r="L2151" s="55"/>
      <c r="M2151" s="55"/>
      <c r="N2151" s="55"/>
      <c r="O2151" s="55"/>
      <c r="P2151" s="55"/>
      <c r="Q2151" s="55"/>
      <c r="R2151" s="55"/>
      <c r="S2151" s="55"/>
      <c r="T2151" s="55"/>
      <c r="U2151" s="55"/>
      <c r="V2151" s="55"/>
      <c r="W2151" s="55"/>
      <c r="X2151" s="55"/>
      <c r="Y2151" s="55"/>
      <c r="Z2151" s="55"/>
      <c r="AA2151" s="55"/>
      <c r="AB2151" s="55"/>
      <c r="AC2151" s="55"/>
      <c r="AD2151" s="55"/>
      <c r="AE2151" s="55"/>
      <c r="AF2151" s="55"/>
      <c r="AG2151" s="55"/>
      <c r="AY2151" s="162"/>
      <c r="AZ2151" s="162"/>
      <c r="BA2151" s="162"/>
      <c r="BB2151" s="162"/>
      <c r="BC2151" s="162"/>
      <c r="BD2151" s="162"/>
      <c r="BE2151" s="162"/>
      <c r="BF2151" s="162"/>
      <c r="BG2151" s="162"/>
      <c r="BH2151" s="162"/>
      <c r="BI2151" s="162"/>
      <c r="BJ2151" s="162"/>
      <c r="BK2151" s="162"/>
      <c r="BL2151" s="162"/>
      <c r="BM2151" s="162"/>
      <c r="BN2151" s="162"/>
      <c r="BO2151" s="162"/>
      <c r="BP2151" s="162"/>
      <c r="BQ2151" s="162"/>
      <c r="BR2151" s="162"/>
      <c r="BS2151" s="162"/>
      <c r="BT2151" s="162"/>
      <c r="BU2151" s="162"/>
      <c r="BV2151" s="162"/>
      <c r="BW2151" s="162"/>
      <c r="BX2151" s="162"/>
      <c r="BY2151" s="162"/>
      <c r="BZ2151" s="162"/>
      <c r="CA2151" s="162"/>
      <c r="CB2151" s="162"/>
      <c r="CC2151" s="162"/>
      <c r="CD2151" s="162"/>
      <c r="CE2151" s="162"/>
      <c r="CF2151" s="162"/>
      <c r="CG2151" s="162"/>
      <c r="CH2151" s="162"/>
      <c r="CI2151" s="162"/>
      <c r="CJ2151" s="162"/>
      <c r="CK2151" s="162"/>
      <c r="CX2151" s="98"/>
      <c r="DL2151" s="97"/>
      <c r="DX2151" s="98"/>
      <c r="EL2151" s="97"/>
      <c r="EX2151" s="98"/>
      <c r="EY2151" s="97"/>
      <c r="FL2151" s="126"/>
      <c r="FM2151" s="91"/>
      <c r="FN2151" s="91"/>
      <c r="FO2151" s="91"/>
      <c r="FP2151" s="91"/>
      <c r="FQ2151" s="91"/>
      <c r="FR2151" s="91"/>
      <c r="FS2151" s="91"/>
      <c r="FT2151" s="91"/>
      <c r="FU2151" s="91"/>
      <c r="FV2151" s="91"/>
      <c r="FW2151" s="91"/>
      <c r="FX2151" s="91"/>
      <c r="FY2151" s="91"/>
      <c r="FZ2151" s="91"/>
      <c r="GA2151" s="91"/>
      <c r="GB2151" s="91"/>
      <c r="GC2151" s="91"/>
      <c r="GD2151" s="91"/>
      <c r="GE2151" s="91"/>
      <c r="GF2151" s="91"/>
      <c r="GG2151" s="91"/>
      <c r="GH2151" s="91"/>
      <c r="GI2151" s="91"/>
      <c r="GJ2151" s="91"/>
      <c r="GK2151" s="127"/>
      <c r="GL2151" s="126"/>
      <c r="GM2151" s="91"/>
      <c r="GN2151" s="91"/>
      <c r="GO2151" s="91"/>
      <c r="GP2151" s="91"/>
      <c r="GQ2151" s="91"/>
      <c r="GR2151" s="91"/>
      <c r="GS2151" s="91"/>
      <c r="GT2151" s="91"/>
      <c r="GU2151" s="91"/>
      <c r="GV2151" s="91"/>
      <c r="GW2151" s="91"/>
      <c r="GX2151" s="91"/>
      <c r="GY2151" s="91"/>
      <c r="GZ2151" s="91"/>
      <c r="HA2151" s="91"/>
      <c r="HB2151" s="91"/>
      <c r="HC2151" s="91"/>
      <c r="HD2151" s="91"/>
      <c r="HE2151" s="91"/>
      <c r="HF2151" s="91"/>
      <c r="HG2151" s="91"/>
      <c r="HH2151" s="91"/>
      <c r="HI2151" s="91"/>
      <c r="HJ2151" s="91"/>
      <c r="HK2151" s="127"/>
      <c r="HL2151" s="126"/>
      <c r="HM2151" s="91"/>
      <c r="HN2151" s="91"/>
      <c r="HO2151" s="91"/>
      <c r="HP2151" s="91"/>
      <c r="HQ2151" s="91"/>
      <c r="HR2151" s="91"/>
      <c r="HS2151" s="91"/>
      <c r="HT2151" s="91"/>
      <c r="HU2151" s="91"/>
      <c r="HV2151" s="91"/>
      <c r="HW2151" s="91"/>
      <c r="HX2151" s="91"/>
      <c r="HY2151" s="91"/>
      <c r="HZ2151" s="91"/>
      <c r="IA2151" s="91"/>
      <c r="IB2151" s="91"/>
      <c r="IC2151" s="91"/>
      <c r="ID2151" s="91"/>
      <c r="IE2151" s="91"/>
      <c r="IF2151" s="91"/>
      <c r="IG2151" s="91"/>
      <c r="IH2151" s="91"/>
      <c r="II2151" s="91"/>
      <c r="IJ2151" s="91"/>
      <c r="IK2151" s="127"/>
    </row>
    <row r="2152" spans="2:245" x14ac:dyDescent="0.2">
      <c r="B2152" s="43"/>
      <c r="C2152" s="73"/>
      <c r="D2152" s="64"/>
      <c r="E2152" s="64"/>
      <c r="F2152" s="55"/>
      <c r="G2152" s="102"/>
      <c r="H2152" s="55"/>
      <c r="I2152" s="55"/>
      <c r="J2152" s="55"/>
      <c r="K2152" s="55"/>
      <c r="L2152" s="55"/>
      <c r="M2152" s="55"/>
      <c r="N2152" s="55"/>
      <c r="O2152" s="55"/>
      <c r="P2152" s="55"/>
      <c r="Q2152" s="55"/>
      <c r="R2152" s="55"/>
      <c r="S2152" s="55"/>
      <c r="T2152" s="55"/>
      <c r="U2152" s="55"/>
      <c r="V2152" s="55"/>
      <c r="W2152" s="55"/>
      <c r="X2152" s="55"/>
      <c r="Y2152" s="55"/>
      <c r="Z2152" s="55"/>
      <c r="AA2152" s="55"/>
      <c r="AB2152" s="55"/>
      <c r="AC2152" s="55"/>
      <c r="AD2152" s="55"/>
      <c r="AE2152" s="55"/>
      <c r="AF2152" s="55"/>
      <c r="AG2152" s="55"/>
      <c r="AY2152" s="162"/>
      <c r="AZ2152" s="162"/>
      <c r="BA2152" s="162"/>
      <c r="BB2152" s="162"/>
      <c r="BC2152" s="162"/>
      <c r="BD2152" s="162"/>
      <c r="BE2152" s="162"/>
      <c r="BF2152" s="162"/>
      <c r="BG2152" s="162"/>
      <c r="BH2152" s="162"/>
      <c r="BI2152" s="162"/>
      <c r="BJ2152" s="162"/>
      <c r="BK2152" s="162"/>
      <c r="BL2152" s="162"/>
      <c r="BM2152" s="162"/>
      <c r="BN2152" s="162"/>
      <c r="BO2152" s="162"/>
      <c r="BP2152" s="162"/>
      <c r="BQ2152" s="162"/>
      <c r="BR2152" s="162"/>
      <c r="BS2152" s="162"/>
      <c r="BT2152" s="162"/>
      <c r="BU2152" s="162"/>
      <c r="BV2152" s="162"/>
      <c r="BW2152" s="162"/>
      <c r="BX2152" s="162"/>
      <c r="BY2152" s="162"/>
      <c r="BZ2152" s="162"/>
      <c r="CA2152" s="162"/>
      <c r="CB2152" s="162"/>
      <c r="CC2152" s="162"/>
      <c r="CD2152" s="162"/>
      <c r="CE2152" s="162"/>
      <c r="CF2152" s="162"/>
      <c r="CG2152" s="162"/>
      <c r="CH2152" s="162"/>
      <c r="CI2152" s="162"/>
      <c r="CJ2152" s="162"/>
      <c r="CK2152" s="162"/>
      <c r="CL2152" s="163"/>
      <c r="CM2152" s="163"/>
      <c r="CN2152" s="163"/>
      <c r="CO2152" s="163"/>
      <c r="CP2152" s="163"/>
      <c r="CQ2152" s="163"/>
      <c r="CR2152" s="163"/>
      <c r="CS2152" s="163"/>
      <c r="CT2152" s="163"/>
      <c r="CU2152" s="163"/>
      <c r="CV2152" s="163"/>
      <c r="CW2152" s="163"/>
      <c r="CX2152" s="173"/>
      <c r="CY2152" s="163"/>
      <c r="CZ2152" s="163"/>
      <c r="DA2152" s="163"/>
      <c r="DB2152" s="163"/>
      <c r="DC2152" s="163"/>
      <c r="DD2152" s="163"/>
      <c r="DE2152" s="163"/>
      <c r="DF2152" s="163"/>
      <c r="DG2152" s="163"/>
      <c r="DH2152" s="163"/>
      <c r="DI2152" s="163"/>
      <c r="DJ2152" s="163"/>
      <c r="DK2152" s="163"/>
      <c r="DL2152" s="172"/>
      <c r="DM2152" s="163"/>
      <c r="DN2152" s="163"/>
      <c r="DO2152" s="163"/>
      <c r="DP2152" s="163"/>
      <c r="DQ2152" s="163"/>
      <c r="DR2152" s="163"/>
      <c r="DS2152" s="163"/>
      <c r="DT2152" s="163"/>
      <c r="DU2152" s="163"/>
      <c r="DV2152" s="163"/>
      <c r="DW2152" s="163"/>
      <c r="DX2152" s="173"/>
      <c r="DY2152" s="163"/>
      <c r="DZ2152" s="163"/>
      <c r="EA2152" s="163"/>
      <c r="EB2152" s="163"/>
      <c r="EC2152" s="163"/>
      <c r="ED2152" s="163"/>
      <c r="EE2152" s="163"/>
      <c r="EF2152" s="163"/>
      <c r="EG2152" s="163"/>
      <c r="EH2152" s="163"/>
      <c r="EI2152" s="163"/>
      <c r="EJ2152" s="163"/>
      <c r="EK2152" s="163"/>
      <c r="EL2152" s="172"/>
      <c r="EM2152" s="163"/>
      <c r="EN2152" s="163"/>
      <c r="EO2152" s="163"/>
      <c r="EP2152" s="163"/>
      <c r="EQ2152" s="163"/>
      <c r="ER2152" s="163"/>
      <c r="ES2152" s="163"/>
      <c r="ET2152" s="163"/>
      <c r="EU2152" s="163"/>
      <c r="EV2152" s="163"/>
      <c r="EW2152" s="163"/>
      <c r="EX2152" s="173"/>
      <c r="EY2152" s="172"/>
      <c r="EZ2152" s="163"/>
      <c r="FA2152" s="163"/>
      <c r="FB2152" s="163"/>
      <c r="FC2152" s="163"/>
      <c r="FD2152" s="163"/>
      <c r="FE2152" s="163"/>
      <c r="FF2152" s="163"/>
      <c r="FG2152" s="163"/>
      <c r="FH2152" s="163"/>
      <c r="FI2152" s="163"/>
      <c r="FJ2152" s="163"/>
      <c r="FK2152" s="163"/>
      <c r="FL2152" s="126"/>
      <c r="FM2152" s="91"/>
      <c r="FN2152" s="91"/>
      <c r="FO2152" s="91"/>
      <c r="FP2152" s="91"/>
      <c r="FQ2152" s="91"/>
      <c r="FR2152" s="91"/>
      <c r="FS2152" s="91"/>
      <c r="FT2152" s="91"/>
      <c r="FU2152" s="91"/>
      <c r="FV2152" s="91"/>
      <c r="FW2152" s="91"/>
      <c r="FX2152" s="91"/>
      <c r="FY2152" s="91"/>
      <c r="FZ2152" s="91"/>
      <c r="GA2152" s="91"/>
      <c r="GB2152" s="91"/>
      <c r="GC2152" s="91"/>
      <c r="GD2152" s="91"/>
      <c r="GE2152" s="91"/>
      <c r="GF2152" s="91"/>
      <c r="GG2152" s="91"/>
      <c r="GH2152" s="91"/>
      <c r="GI2152" s="91"/>
      <c r="GJ2152" s="91"/>
      <c r="GK2152" s="127"/>
      <c r="GL2152" s="126"/>
      <c r="GM2152" s="91"/>
      <c r="GN2152" s="91"/>
      <c r="GO2152" s="91"/>
      <c r="GP2152" s="91"/>
      <c r="GQ2152" s="91"/>
      <c r="GR2152" s="91"/>
      <c r="GS2152" s="91"/>
      <c r="GT2152" s="91"/>
      <c r="GU2152" s="91"/>
      <c r="GV2152" s="91"/>
      <c r="GW2152" s="91"/>
      <c r="GX2152" s="91"/>
      <c r="GY2152" s="91"/>
      <c r="GZ2152" s="91"/>
      <c r="HA2152" s="91"/>
      <c r="HB2152" s="91"/>
      <c r="HC2152" s="91"/>
      <c r="HD2152" s="91"/>
      <c r="HE2152" s="91"/>
      <c r="HF2152" s="91"/>
      <c r="HG2152" s="91"/>
      <c r="HH2152" s="91"/>
      <c r="HI2152" s="91"/>
      <c r="HJ2152" s="91"/>
      <c r="HK2152" s="127"/>
      <c r="HL2152" s="126"/>
      <c r="HM2152" s="91"/>
      <c r="HN2152" s="91"/>
      <c r="HO2152" s="91"/>
      <c r="HP2152" s="91"/>
      <c r="HQ2152" s="91"/>
      <c r="HR2152" s="91"/>
      <c r="HS2152" s="91"/>
      <c r="HT2152" s="91"/>
      <c r="HU2152" s="91"/>
      <c r="HV2152" s="91"/>
      <c r="HW2152" s="91"/>
      <c r="HX2152" s="91"/>
      <c r="HY2152" s="91"/>
      <c r="HZ2152" s="91"/>
      <c r="IA2152" s="91"/>
      <c r="IB2152" s="91"/>
      <c r="IC2152" s="91"/>
      <c r="ID2152" s="91"/>
      <c r="IE2152" s="91"/>
      <c r="IF2152" s="91"/>
      <c r="IG2152" s="91"/>
      <c r="IH2152" s="91"/>
      <c r="II2152" s="91"/>
      <c r="IJ2152" s="91"/>
      <c r="IK2152" s="127"/>
    </row>
    <row r="2153" spans="2:245" x14ac:dyDescent="0.2">
      <c r="B2153" s="43"/>
      <c r="C2153" s="73"/>
      <c r="D2153" s="64"/>
      <c r="E2153" s="64"/>
      <c r="F2153" s="55"/>
      <c r="G2153" s="102"/>
      <c r="H2153" s="55"/>
      <c r="I2153" s="55"/>
      <c r="J2153" s="55"/>
      <c r="K2153" s="55"/>
      <c r="L2153" s="55"/>
      <c r="M2153" s="55"/>
      <c r="N2153" s="55"/>
      <c r="O2153" s="55"/>
      <c r="P2153" s="55"/>
      <c r="Q2153" s="55"/>
      <c r="R2153" s="55"/>
      <c r="S2153" s="55"/>
      <c r="T2153" s="55"/>
      <c r="U2153" s="55"/>
      <c r="V2153" s="55"/>
      <c r="W2153" s="55"/>
      <c r="X2153" s="55"/>
      <c r="Y2153" s="55"/>
      <c r="Z2153" s="55"/>
      <c r="AA2153" s="55"/>
      <c r="AB2153" s="55"/>
      <c r="AC2153" s="55"/>
      <c r="AD2153" s="55"/>
      <c r="AE2153" s="55"/>
      <c r="AF2153" s="55"/>
      <c r="AG2153" s="55"/>
      <c r="AY2153" s="162"/>
      <c r="AZ2153" s="162"/>
      <c r="BA2153" s="162"/>
      <c r="BB2153" s="162"/>
      <c r="BC2153" s="162"/>
      <c r="BD2153" s="162"/>
      <c r="BE2153" s="162"/>
      <c r="BF2153" s="162"/>
      <c r="BG2153" s="162"/>
      <c r="BH2153" s="162"/>
      <c r="BI2153" s="162"/>
      <c r="BJ2153" s="162"/>
      <c r="BK2153" s="162"/>
      <c r="BL2153" s="162"/>
      <c r="BM2153" s="162"/>
      <c r="BN2153" s="162"/>
      <c r="BO2153" s="162"/>
      <c r="BP2153" s="162"/>
      <c r="BQ2153" s="162"/>
      <c r="BR2153" s="162"/>
      <c r="BS2153" s="162"/>
      <c r="BT2153" s="162"/>
      <c r="BU2153" s="162"/>
      <c r="BV2153" s="162"/>
      <c r="BW2153" s="162"/>
      <c r="BX2153" s="162"/>
      <c r="BY2153" s="162"/>
      <c r="BZ2153" s="162"/>
      <c r="CA2153" s="162"/>
      <c r="CB2153" s="162"/>
      <c r="CC2153" s="162"/>
      <c r="CD2153" s="162"/>
      <c r="CE2153" s="162"/>
      <c r="CF2153" s="162"/>
      <c r="CG2153" s="162"/>
      <c r="CH2153" s="162"/>
      <c r="CI2153" s="162"/>
      <c r="CJ2153" s="162"/>
      <c r="CK2153" s="162"/>
      <c r="CX2153" s="98"/>
      <c r="DL2153" s="97"/>
      <c r="DX2153" s="98"/>
      <c r="EL2153" s="97"/>
      <c r="EX2153" s="98"/>
      <c r="EY2153" s="97"/>
      <c r="FL2153" s="126"/>
      <c r="FM2153" s="91"/>
      <c r="FN2153" s="91"/>
      <c r="FO2153" s="91"/>
      <c r="FP2153" s="91"/>
      <c r="FQ2153" s="91"/>
      <c r="FR2153" s="91"/>
      <c r="FS2153" s="91"/>
      <c r="FT2153" s="91"/>
      <c r="FU2153" s="91"/>
      <c r="FV2153" s="91"/>
      <c r="FW2153" s="91"/>
      <c r="FX2153" s="91"/>
      <c r="FY2153" s="91"/>
      <c r="FZ2153" s="91"/>
      <c r="GA2153" s="91"/>
      <c r="GB2153" s="91"/>
      <c r="GC2153" s="91"/>
      <c r="GD2153" s="91"/>
      <c r="GE2153" s="91"/>
      <c r="GF2153" s="91"/>
      <c r="GG2153" s="91"/>
      <c r="GH2153" s="91"/>
      <c r="GI2153" s="91"/>
      <c r="GJ2153" s="91"/>
      <c r="GK2153" s="127"/>
      <c r="GL2153" s="126"/>
      <c r="GM2153" s="91"/>
      <c r="GN2153" s="91"/>
      <c r="GO2153" s="91"/>
      <c r="GP2153" s="91"/>
      <c r="GQ2153" s="91"/>
      <c r="GR2153" s="91"/>
      <c r="GS2153" s="91"/>
      <c r="GT2153" s="91"/>
      <c r="GU2153" s="91"/>
      <c r="GV2153" s="91"/>
      <c r="GW2153" s="91"/>
      <c r="GX2153" s="91"/>
      <c r="GY2153" s="91"/>
      <c r="GZ2153" s="91"/>
      <c r="HA2153" s="91"/>
      <c r="HB2153" s="91"/>
      <c r="HC2153" s="91"/>
      <c r="HD2153" s="91"/>
      <c r="HE2153" s="91"/>
      <c r="HF2153" s="91"/>
      <c r="HG2153" s="91"/>
      <c r="HH2153" s="91"/>
      <c r="HI2153" s="91"/>
      <c r="HJ2153" s="91"/>
      <c r="HK2153" s="127"/>
      <c r="HL2153" s="126"/>
      <c r="HM2153" s="91"/>
      <c r="HN2153" s="91"/>
      <c r="HO2153" s="91"/>
      <c r="HP2153" s="91"/>
      <c r="HQ2153" s="91"/>
      <c r="HR2153" s="91"/>
      <c r="HS2153" s="91"/>
      <c r="HT2153" s="91"/>
      <c r="HU2153" s="91"/>
      <c r="HV2153" s="91"/>
      <c r="HW2153" s="91"/>
      <c r="HX2153" s="91"/>
      <c r="HY2153" s="91"/>
      <c r="HZ2153" s="91"/>
      <c r="IA2153" s="91"/>
      <c r="IB2153" s="91"/>
      <c r="IC2153" s="91"/>
      <c r="ID2153" s="91"/>
      <c r="IE2153" s="91"/>
      <c r="IF2153" s="91"/>
      <c r="IG2153" s="91"/>
      <c r="IH2153" s="91"/>
      <c r="II2153" s="91"/>
      <c r="IJ2153" s="91"/>
      <c r="IK2153" s="127"/>
    </row>
    <row r="2154" spans="2:245" x14ac:dyDescent="0.2">
      <c r="B2154" s="43"/>
      <c r="C2154" s="73"/>
      <c r="D2154" s="64"/>
      <c r="E2154" s="64"/>
      <c r="F2154" s="55"/>
      <c r="G2154" s="102"/>
      <c r="H2154" s="55"/>
      <c r="I2154" s="55"/>
      <c r="J2154" s="55"/>
      <c r="K2154" s="55"/>
      <c r="L2154" s="55"/>
      <c r="M2154" s="55"/>
      <c r="N2154" s="55"/>
      <c r="O2154" s="55"/>
      <c r="P2154" s="55"/>
      <c r="Q2154" s="55"/>
      <c r="R2154" s="55"/>
      <c r="S2154" s="55"/>
      <c r="T2154" s="55"/>
      <c r="U2154" s="55"/>
      <c r="V2154" s="55"/>
      <c r="W2154" s="55"/>
      <c r="X2154" s="55"/>
      <c r="Y2154" s="55"/>
      <c r="Z2154" s="55"/>
      <c r="AA2154" s="55"/>
      <c r="AB2154" s="55"/>
      <c r="AC2154" s="55"/>
      <c r="AD2154" s="55"/>
      <c r="AE2154" s="55"/>
      <c r="AF2154" s="55"/>
      <c r="AG2154" s="55"/>
      <c r="AY2154" s="162"/>
      <c r="AZ2154" s="162"/>
      <c r="BA2154" s="162"/>
      <c r="BB2154" s="162"/>
      <c r="BC2154" s="162"/>
      <c r="BD2154" s="162"/>
      <c r="BE2154" s="162"/>
      <c r="BF2154" s="162"/>
      <c r="BG2154" s="162"/>
      <c r="BH2154" s="162"/>
      <c r="BI2154" s="162"/>
      <c r="BJ2154" s="162"/>
      <c r="BK2154" s="162"/>
      <c r="BL2154" s="162"/>
      <c r="BM2154" s="162"/>
      <c r="BN2154" s="162"/>
      <c r="BO2154" s="162"/>
      <c r="BP2154" s="162"/>
      <c r="BQ2154" s="162"/>
      <c r="BR2154" s="162"/>
      <c r="BS2154" s="162"/>
      <c r="BT2154" s="162"/>
      <c r="BU2154" s="162"/>
      <c r="BV2154" s="162"/>
      <c r="BW2154" s="162"/>
      <c r="BX2154" s="162"/>
      <c r="BY2154" s="162"/>
      <c r="BZ2154" s="162"/>
      <c r="CA2154" s="162"/>
      <c r="CB2154" s="162"/>
      <c r="CC2154" s="162"/>
      <c r="CD2154" s="162"/>
      <c r="CE2154" s="162"/>
      <c r="CF2154" s="162"/>
      <c r="CG2154" s="162"/>
      <c r="CH2154" s="162"/>
      <c r="CI2154" s="162"/>
      <c r="CJ2154" s="162"/>
      <c r="CK2154" s="162"/>
      <c r="CX2154" s="98"/>
      <c r="DL2154" s="97"/>
      <c r="DX2154" s="98"/>
      <c r="EL2154" s="97"/>
      <c r="EX2154" s="98"/>
      <c r="EY2154" s="97"/>
      <c r="FL2154" s="126"/>
      <c r="FM2154" s="91"/>
      <c r="FN2154" s="91"/>
      <c r="FO2154" s="91"/>
      <c r="FP2154" s="91"/>
      <c r="FQ2154" s="91"/>
      <c r="FR2154" s="91"/>
      <c r="FS2154" s="91"/>
      <c r="FT2154" s="91"/>
      <c r="FU2154" s="91"/>
      <c r="FV2154" s="91"/>
      <c r="FW2154" s="91"/>
      <c r="FX2154" s="91"/>
      <c r="FY2154" s="91"/>
      <c r="FZ2154" s="91"/>
      <c r="GA2154" s="91"/>
      <c r="GB2154" s="91"/>
      <c r="GC2154" s="91"/>
      <c r="GD2154" s="91"/>
      <c r="GE2154" s="91"/>
      <c r="GF2154" s="91"/>
      <c r="GG2154" s="91"/>
      <c r="GH2154" s="91"/>
      <c r="GI2154" s="91"/>
      <c r="GJ2154" s="91"/>
      <c r="GK2154" s="127"/>
      <c r="GL2154" s="126"/>
      <c r="GM2154" s="91"/>
      <c r="GN2154" s="91"/>
      <c r="GO2154" s="91"/>
      <c r="GP2154" s="91"/>
      <c r="GQ2154" s="91"/>
      <c r="GR2154" s="91"/>
      <c r="GS2154" s="91"/>
      <c r="GT2154" s="91"/>
      <c r="GU2154" s="91"/>
      <c r="GV2154" s="91"/>
      <c r="GW2154" s="91"/>
      <c r="GX2154" s="91"/>
      <c r="GY2154" s="91"/>
      <c r="GZ2154" s="91"/>
      <c r="HA2154" s="91"/>
      <c r="HB2154" s="91"/>
      <c r="HC2154" s="91"/>
      <c r="HD2154" s="91"/>
      <c r="HE2154" s="91"/>
      <c r="HF2154" s="91"/>
      <c r="HG2154" s="91"/>
      <c r="HH2154" s="91"/>
      <c r="HI2154" s="91"/>
      <c r="HJ2154" s="91"/>
      <c r="HK2154" s="127"/>
      <c r="HL2154" s="126"/>
      <c r="HM2154" s="91"/>
      <c r="HN2154" s="91"/>
      <c r="HO2154" s="91"/>
      <c r="HP2154" s="91"/>
      <c r="HQ2154" s="91"/>
      <c r="HR2154" s="91"/>
      <c r="HS2154" s="91"/>
      <c r="HT2154" s="91"/>
      <c r="HU2154" s="91"/>
      <c r="HV2154" s="91"/>
      <c r="HW2154" s="91"/>
      <c r="HX2154" s="91"/>
      <c r="HY2154" s="91"/>
      <c r="HZ2154" s="91"/>
      <c r="IA2154" s="91"/>
      <c r="IB2154" s="91"/>
      <c r="IC2154" s="91"/>
      <c r="ID2154" s="91"/>
      <c r="IE2154" s="91"/>
      <c r="IF2154" s="91"/>
      <c r="IG2154" s="91"/>
      <c r="IH2154" s="91"/>
      <c r="II2154" s="91"/>
      <c r="IJ2154" s="91"/>
      <c r="IK2154" s="127"/>
    </row>
    <row r="2155" spans="2:245" x14ac:dyDescent="0.2">
      <c r="B2155" s="43"/>
      <c r="C2155" s="73"/>
      <c r="D2155" s="64"/>
      <c r="E2155" s="64"/>
      <c r="F2155" s="55"/>
      <c r="G2155" s="102"/>
      <c r="H2155" s="55"/>
      <c r="I2155" s="55"/>
      <c r="J2155" s="55"/>
      <c r="K2155" s="55"/>
      <c r="L2155" s="55"/>
      <c r="M2155" s="55"/>
      <c r="N2155" s="55"/>
      <c r="O2155" s="55"/>
      <c r="P2155" s="55"/>
      <c r="Q2155" s="55"/>
      <c r="R2155" s="55"/>
      <c r="S2155" s="55"/>
      <c r="T2155" s="55"/>
      <c r="U2155" s="55"/>
      <c r="V2155" s="55"/>
      <c r="W2155" s="55"/>
      <c r="X2155" s="55"/>
      <c r="Y2155" s="55"/>
      <c r="Z2155" s="55"/>
      <c r="AA2155" s="55"/>
      <c r="AB2155" s="55"/>
      <c r="AC2155" s="55"/>
      <c r="AD2155" s="55"/>
      <c r="AE2155" s="55"/>
      <c r="AF2155" s="55"/>
      <c r="AG2155" s="55"/>
      <c r="AY2155" s="162"/>
      <c r="AZ2155" s="162"/>
      <c r="BA2155" s="162"/>
      <c r="BB2155" s="162"/>
      <c r="BC2155" s="162"/>
      <c r="BD2155" s="162"/>
      <c r="BE2155" s="162"/>
      <c r="BF2155" s="162"/>
      <c r="BG2155" s="162"/>
      <c r="BH2155" s="162"/>
      <c r="BI2155" s="162"/>
      <c r="BJ2155" s="162"/>
      <c r="BK2155" s="162"/>
      <c r="BL2155" s="162"/>
      <c r="BM2155" s="162"/>
      <c r="BN2155" s="162"/>
      <c r="BO2155" s="162"/>
      <c r="BP2155" s="162"/>
      <c r="BQ2155" s="162"/>
      <c r="BR2155" s="162"/>
      <c r="BS2155" s="162"/>
      <c r="BT2155" s="162"/>
      <c r="BU2155" s="162"/>
      <c r="BV2155" s="162"/>
      <c r="BW2155" s="162"/>
      <c r="BX2155" s="162"/>
      <c r="BY2155" s="162"/>
      <c r="BZ2155" s="162"/>
      <c r="CA2155" s="162"/>
      <c r="CB2155" s="162"/>
      <c r="CC2155" s="162"/>
      <c r="CD2155" s="162"/>
      <c r="CE2155" s="162"/>
      <c r="CF2155" s="162"/>
      <c r="CG2155" s="162"/>
      <c r="CH2155" s="162"/>
      <c r="CI2155" s="162"/>
      <c r="CJ2155" s="162"/>
      <c r="CK2155" s="162"/>
      <c r="CX2155" s="98"/>
      <c r="DL2155" s="97"/>
      <c r="DX2155" s="98"/>
      <c r="EL2155" s="97"/>
      <c r="EX2155" s="98"/>
      <c r="EY2155" s="97"/>
      <c r="FL2155" s="126"/>
      <c r="FM2155" s="91"/>
      <c r="FN2155" s="91"/>
      <c r="FO2155" s="91"/>
      <c r="FP2155" s="91"/>
      <c r="FQ2155" s="91"/>
      <c r="FR2155" s="91"/>
      <c r="FS2155" s="91"/>
      <c r="FT2155" s="91"/>
      <c r="FU2155" s="91"/>
      <c r="FV2155" s="91"/>
      <c r="FW2155" s="91"/>
      <c r="FX2155" s="91"/>
      <c r="FY2155" s="91"/>
      <c r="FZ2155" s="91"/>
      <c r="GA2155" s="91"/>
      <c r="GB2155" s="91"/>
      <c r="GC2155" s="91"/>
      <c r="GD2155" s="91"/>
      <c r="GE2155" s="91"/>
      <c r="GF2155" s="91"/>
      <c r="GG2155" s="91"/>
      <c r="GH2155" s="91"/>
      <c r="GI2155" s="91"/>
      <c r="GJ2155" s="91"/>
      <c r="GK2155" s="127"/>
      <c r="GL2155" s="126"/>
      <c r="GM2155" s="91"/>
      <c r="GN2155" s="91"/>
      <c r="GO2155" s="91"/>
      <c r="GP2155" s="91"/>
      <c r="GQ2155" s="91"/>
      <c r="GR2155" s="91"/>
      <c r="GS2155" s="91"/>
      <c r="GT2155" s="91"/>
      <c r="GU2155" s="91"/>
      <c r="GV2155" s="91"/>
      <c r="GW2155" s="91"/>
      <c r="GX2155" s="91"/>
      <c r="GY2155" s="91"/>
      <c r="GZ2155" s="91"/>
      <c r="HA2155" s="91"/>
      <c r="HB2155" s="91"/>
      <c r="HC2155" s="91"/>
      <c r="HD2155" s="91"/>
      <c r="HE2155" s="91"/>
      <c r="HF2155" s="91"/>
      <c r="HG2155" s="91"/>
      <c r="HH2155" s="91"/>
      <c r="HI2155" s="91"/>
      <c r="HJ2155" s="91"/>
      <c r="HK2155" s="127"/>
      <c r="HL2155" s="126"/>
      <c r="HM2155" s="91"/>
      <c r="HN2155" s="91"/>
      <c r="HO2155" s="91"/>
      <c r="HP2155" s="91"/>
      <c r="HQ2155" s="91"/>
      <c r="HR2155" s="91"/>
      <c r="HS2155" s="91"/>
      <c r="HT2155" s="91"/>
      <c r="HU2155" s="91"/>
      <c r="HV2155" s="91"/>
      <c r="HW2155" s="91"/>
      <c r="HX2155" s="91"/>
      <c r="HY2155" s="91"/>
      <c r="HZ2155" s="91"/>
      <c r="IA2155" s="91"/>
      <c r="IB2155" s="91"/>
      <c r="IC2155" s="91"/>
      <c r="ID2155" s="91"/>
      <c r="IE2155" s="91"/>
      <c r="IF2155" s="91"/>
      <c r="IG2155" s="91"/>
      <c r="IH2155" s="91"/>
      <c r="II2155" s="91"/>
      <c r="IJ2155" s="91"/>
      <c r="IK2155" s="127"/>
    </row>
    <row r="2156" spans="2:245" x14ac:dyDescent="0.2">
      <c r="B2156" s="43"/>
      <c r="C2156" s="73"/>
      <c r="D2156" s="64"/>
      <c r="E2156" s="64"/>
      <c r="F2156" s="55"/>
      <c r="G2156" s="102"/>
      <c r="H2156" s="55"/>
      <c r="I2156" s="55"/>
      <c r="J2156" s="55"/>
      <c r="K2156" s="55"/>
      <c r="L2156" s="55"/>
      <c r="M2156" s="55"/>
      <c r="N2156" s="55"/>
      <c r="O2156" s="55"/>
      <c r="P2156" s="55"/>
      <c r="Q2156" s="55"/>
      <c r="R2156" s="55"/>
      <c r="S2156" s="55"/>
      <c r="T2156" s="55"/>
      <c r="U2156" s="55"/>
      <c r="V2156" s="55"/>
      <c r="W2156" s="55"/>
      <c r="X2156" s="55"/>
      <c r="Y2156" s="55"/>
      <c r="Z2156" s="55"/>
      <c r="AA2156" s="55"/>
      <c r="AB2156" s="55"/>
      <c r="AC2156" s="55"/>
      <c r="AD2156" s="55"/>
      <c r="AE2156" s="55"/>
      <c r="AF2156" s="55"/>
      <c r="AG2156" s="55"/>
      <c r="AY2156" s="162"/>
      <c r="AZ2156" s="162"/>
      <c r="BA2156" s="162"/>
      <c r="BB2156" s="162"/>
      <c r="BC2156" s="162"/>
      <c r="BD2156" s="162"/>
      <c r="BE2156" s="162"/>
      <c r="BF2156" s="162"/>
      <c r="BG2156" s="162"/>
      <c r="BH2156" s="162"/>
      <c r="BI2156" s="162"/>
      <c r="BJ2156" s="162"/>
      <c r="BK2156" s="162"/>
      <c r="BL2156" s="162"/>
      <c r="BM2156" s="162"/>
      <c r="BN2156" s="162"/>
      <c r="BO2156" s="162"/>
      <c r="BP2156" s="162"/>
      <c r="BQ2156" s="162"/>
      <c r="BR2156" s="162"/>
      <c r="BS2156" s="162"/>
      <c r="BT2156" s="162"/>
      <c r="BU2156" s="162"/>
      <c r="BV2156" s="162"/>
      <c r="BW2156" s="162"/>
      <c r="BX2156" s="162"/>
      <c r="BY2156" s="162"/>
      <c r="BZ2156" s="162"/>
      <c r="CA2156" s="162"/>
      <c r="CB2156" s="162"/>
      <c r="CC2156" s="162"/>
      <c r="CD2156" s="162"/>
      <c r="CE2156" s="162"/>
      <c r="CF2156" s="162"/>
      <c r="CG2156" s="162"/>
      <c r="CH2156" s="162"/>
      <c r="CI2156" s="162"/>
      <c r="CJ2156" s="162"/>
      <c r="CK2156" s="162"/>
      <c r="CX2156" s="98"/>
      <c r="DL2156" s="97"/>
      <c r="DX2156" s="98"/>
      <c r="EL2156" s="97"/>
      <c r="EX2156" s="98"/>
      <c r="EY2156" s="97"/>
      <c r="FL2156" s="126"/>
      <c r="FM2156" s="91"/>
      <c r="FN2156" s="91"/>
      <c r="FO2156" s="91"/>
      <c r="FP2156" s="91"/>
      <c r="FQ2156" s="91"/>
      <c r="FR2156" s="91"/>
      <c r="FS2156" s="91"/>
      <c r="FT2156" s="91"/>
      <c r="FU2156" s="91"/>
      <c r="FV2156" s="91"/>
      <c r="FW2156" s="91"/>
      <c r="FX2156" s="91"/>
      <c r="FY2156" s="91"/>
      <c r="FZ2156" s="91"/>
      <c r="GA2156" s="91"/>
      <c r="GB2156" s="91"/>
      <c r="GC2156" s="91"/>
      <c r="GD2156" s="91"/>
      <c r="GE2156" s="91"/>
      <c r="GF2156" s="91"/>
      <c r="GG2156" s="91"/>
      <c r="GH2156" s="91"/>
      <c r="GI2156" s="91"/>
      <c r="GJ2156" s="91"/>
      <c r="GK2156" s="127"/>
      <c r="GL2156" s="126"/>
      <c r="GM2156" s="91"/>
      <c r="GN2156" s="91"/>
      <c r="GO2156" s="91"/>
      <c r="GP2156" s="91"/>
      <c r="GQ2156" s="91"/>
      <c r="GR2156" s="91"/>
      <c r="GS2156" s="91"/>
      <c r="GT2156" s="91"/>
      <c r="GU2156" s="91"/>
      <c r="GV2156" s="91"/>
      <c r="GW2156" s="91"/>
      <c r="GX2156" s="91"/>
      <c r="GY2156" s="91"/>
      <c r="GZ2156" s="91"/>
      <c r="HA2156" s="91"/>
      <c r="HB2156" s="91"/>
      <c r="HC2156" s="91"/>
      <c r="HD2156" s="91"/>
      <c r="HE2156" s="91"/>
      <c r="HF2156" s="91"/>
      <c r="HG2156" s="91"/>
      <c r="HH2156" s="91"/>
      <c r="HI2156" s="91"/>
      <c r="HJ2156" s="91"/>
      <c r="HK2156" s="127"/>
      <c r="HL2156" s="126"/>
      <c r="HM2156" s="91"/>
      <c r="HN2156" s="91"/>
      <c r="HO2156" s="91"/>
      <c r="HP2156" s="91"/>
      <c r="HQ2156" s="91"/>
      <c r="HR2156" s="91"/>
      <c r="HS2156" s="91"/>
      <c r="HT2156" s="91"/>
      <c r="HU2156" s="91"/>
      <c r="HV2156" s="91"/>
      <c r="HW2156" s="91"/>
      <c r="HX2156" s="91"/>
      <c r="HY2156" s="91"/>
      <c r="HZ2156" s="91"/>
      <c r="IA2156" s="91"/>
      <c r="IB2156" s="91"/>
      <c r="IC2156" s="91"/>
      <c r="ID2156" s="91"/>
      <c r="IE2156" s="91"/>
      <c r="IF2156" s="91"/>
      <c r="IG2156" s="91"/>
      <c r="IH2156" s="91"/>
      <c r="II2156" s="91"/>
      <c r="IJ2156" s="91"/>
      <c r="IK2156" s="127"/>
    </row>
    <row r="2157" spans="2:245" x14ac:dyDescent="0.2">
      <c r="B2157" s="43"/>
      <c r="C2157" s="73"/>
      <c r="D2157" s="64"/>
      <c r="E2157" s="64"/>
      <c r="F2157" s="55"/>
      <c r="G2157" s="102"/>
      <c r="H2157" s="55"/>
      <c r="I2157" s="55"/>
      <c r="J2157" s="55"/>
      <c r="K2157" s="55"/>
      <c r="L2157" s="55"/>
      <c r="M2157" s="55"/>
      <c r="N2157" s="55"/>
      <c r="O2157" s="55"/>
      <c r="P2157" s="55"/>
      <c r="Q2157" s="55"/>
      <c r="R2157" s="55"/>
      <c r="S2157" s="55"/>
      <c r="T2157" s="55"/>
      <c r="U2157" s="55"/>
      <c r="V2157" s="55"/>
      <c r="W2157" s="55"/>
      <c r="X2157" s="55"/>
      <c r="Y2157" s="55"/>
      <c r="Z2157" s="55"/>
      <c r="AA2157" s="55"/>
      <c r="AB2157" s="55"/>
      <c r="AC2157" s="55"/>
      <c r="AD2157" s="55"/>
      <c r="AE2157" s="55"/>
      <c r="AF2157" s="55"/>
      <c r="AG2157" s="55"/>
      <c r="AY2157" s="162"/>
      <c r="AZ2157" s="162"/>
      <c r="BA2157" s="162"/>
      <c r="BB2157" s="162"/>
      <c r="BC2157" s="162"/>
      <c r="BD2157" s="162"/>
      <c r="BE2157" s="162"/>
      <c r="BF2157" s="162"/>
      <c r="BG2157" s="162"/>
      <c r="BH2157" s="162"/>
      <c r="BI2157" s="162"/>
      <c r="BJ2157" s="162"/>
      <c r="BK2157" s="162"/>
      <c r="BL2157" s="162"/>
      <c r="BM2157" s="162"/>
      <c r="BN2157" s="162"/>
      <c r="BO2157" s="162"/>
      <c r="BP2157" s="162"/>
      <c r="BQ2157" s="162"/>
      <c r="BR2157" s="162"/>
      <c r="BS2157" s="162"/>
      <c r="BT2157" s="162"/>
      <c r="BU2157" s="162"/>
      <c r="BV2157" s="162"/>
      <c r="BW2157" s="162"/>
      <c r="BX2157" s="162"/>
      <c r="BY2157" s="162"/>
      <c r="BZ2157" s="162"/>
      <c r="CA2157" s="162"/>
      <c r="CB2157" s="162"/>
      <c r="CC2157" s="162"/>
      <c r="CD2157" s="162"/>
      <c r="CE2157" s="162"/>
      <c r="CF2157" s="162"/>
      <c r="CG2157" s="162"/>
      <c r="CH2157" s="162"/>
      <c r="CI2157" s="162"/>
      <c r="CJ2157" s="162"/>
      <c r="CK2157" s="162"/>
      <c r="CX2157" s="98"/>
      <c r="DL2157" s="97"/>
      <c r="DX2157" s="98"/>
      <c r="EL2157" s="97"/>
      <c r="EX2157" s="98"/>
      <c r="EY2157" s="97"/>
      <c r="FL2157" s="126"/>
      <c r="FM2157" s="91"/>
      <c r="FN2157" s="91"/>
      <c r="FO2157" s="91"/>
      <c r="FP2157" s="91"/>
      <c r="FQ2157" s="91"/>
      <c r="FR2157" s="91"/>
      <c r="FS2157" s="91"/>
      <c r="FT2157" s="91"/>
      <c r="FU2157" s="91"/>
      <c r="FV2157" s="91"/>
      <c r="FW2157" s="91"/>
      <c r="FX2157" s="91"/>
      <c r="FY2157" s="91"/>
      <c r="FZ2157" s="91"/>
      <c r="GA2157" s="91"/>
      <c r="GB2157" s="91"/>
      <c r="GC2157" s="91"/>
      <c r="GD2157" s="91"/>
      <c r="GE2157" s="91"/>
      <c r="GF2157" s="91"/>
      <c r="GG2157" s="91"/>
      <c r="GH2157" s="91"/>
      <c r="GI2157" s="91"/>
      <c r="GJ2157" s="91"/>
      <c r="GK2157" s="127"/>
      <c r="GL2157" s="126"/>
      <c r="GM2157" s="91"/>
      <c r="GN2157" s="91"/>
      <c r="GO2157" s="91"/>
      <c r="GP2157" s="91"/>
      <c r="GQ2157" s="91"/>
      <c r="GR2157" s="91"/>
      <c r="GS2157" s="91"/>
      <c r="GT2157" s="91"/>
      <c r="GU2157" s="91"/>
      <c r="GV2157" s="91"/>
      <c r="GW2157" s="91"/>
      <c r="GX2157" s="91"/>
      <c r="GY2157" s="91"/>
      <c r="GZ2157" s="91"/>
      <c r="HA2157" s="91"/>
      <c r="HB2157" s="91"/>
      <c r="HC2157" s="91"/>
      <c r="HD2157" s="91"/>
      <c r="HE2157" s="91"/>
      <c r="HF2157" s="91"/>
      <c r="HG2157" s="91"/>
      <c r="HH2157" s="91"/>
      <c r="HI2157" s="91"/>
      <c r="HJ2157" s="91"/>
      <c r="HK2157" s="127"/>
      <c r="HL2157" s="126"/>
      <c r="HM2157" s="91"/>
      <c r="HN2157" s="91"/>
      <c r="HO2157" s="91"/>
      <c r="HP2157" s="91"/>
      <c r="HQ2157" s="91"/>
      <c r="HR2157" s="91"/>
      <c r="HS2157" s="91"/>
      <c r="HT2157" s="91"/>
      <c r="HU2157" s="91"/>
      <c r="HV2157" s="91"/>
      <c r="HW2157" s="91"/>
      <c r="HX2157" s="91"/>
      <c r="HY2157" s="91"/>
      <c r="HZ2157" s="91"/>
      <c r="IA2157" s="91"/>
      <c r="IB2157" s="91"/>
      <c r="IC2157" s="91"/>
      <c r="ID2157" s="91"/>
      <c r="IE2157" s="91"/>
      <c r="IF2157" s="91"/>
      <c r="IG2157" s="91"/>
      <c r="IH2157" s="91"/>
      <c r="II2157" s="91"/>
      <c r="IJ2157" s="91"/>
      <c r="IK2157" s="127"/>
    </row>
    <row r="2158" spans="2:245" x14ac:dyDescent="0.2">
      <c r="B2158" s="43"/>
      <c r="C2158" s="73"/>
      <c r="D2158" s="64"/>
      <c r="E2158" s="64"/>
      <c r="F2158" s="55"/>
      <c r="G2158" s="102"/>
      <c r="H2158" s="55"/>
      <c r="I2158" s="55"/>
      <c r="J2158" s="55"/>
      <c r="K2158" s="55"/>
      <c r="L2158" s="55"/>
      <c r="M2158" s="55"/>
      <c r="N2158" s="55"/>
      <c r="O2158" s="55"/>
      <c r="P2158" s="55"/>
      <c r="Q2158" s="55"/>
      <c r="R2158" s="55"/>
      <c r="S2158" s="55"/>
      <c r="T2158" s="55"/>
      <c r="U2158" s="55"/>
      <c r="V2158" s="55"/>
      <c r="W2158" s="55"/>
      <c r="X2158" s="55"/>
      <c r="Y2158" s="55"/>
      <c r="Z2158" s="55"/>
      <c r="AA2158" s="55"/>
      <c r="AB2158" s="55"/>
      <c r="AC2158" s="55"/>
      <c r="AD2158" s="55"/>
      <c r="AE2158" s="55"/>
      <c r="AF2158" s="55"/>
      <c r="AG2158" s="55"/>
      <c r="AY2158" s="162"/>
      <c r="AZ2158" s="162"/>
      <c r="BA2158" s="162"/>
      <c r="BB2158" s="162"/>
      <c r="BC2158" s="162"/>
      <c r="BD2158" s="162"/>
      <c r="BE2158" s="162"/>
      <c r="BF2158" s="162"/>
      <c r="BG2158" s="162"/>
      <c r="BH2158" s="162"/>
      <c r="BI2158" s="162"/>
      <c r="BJ2158" s="162"/>
      <c r="BK2158" s="162"/>
      <c r="BL2158" s="162"/>
      <c r="BM2158" s="162"/>
      <c r="BN2158" s="162"/>
      <c r="BO2158" s="162"/>
      <c r="BP2158" s="162"/>
      <c r="BQ2158" s="162"/>
      <c r="BR2158" s="162"/>
      <c r="BS2158" s="162"/>
      <c r="BT2158" s="162"/>
      <c r="BU2158" s="162"/>
      <c r="BV2158" s="162"/>
      <c r="BW2158" s="162"/>
      <c r="BX2158" s="162"/>
      <c r="BY2158" s="162"/>
      <c r="BZ2158" s="162"/>
      <c r="CA2158" s="162"/>
      <c r="CB2158" s="162"/>
      <c r="CC2158" s="162"/>
      <c r="CD2158" s="162"/>
      <c r="CE2158" s="162"/>
      <c r="CF2158" s="162"/>
      <c r="CG2158" s="162"/>
      <c r="CH2158" s="162"/>
      <c r="CI2158" s="162"/>
      <c r="CJ2158" s="162"/>
      <c r="CK2158" s="162"/>
      <c r="CX2158" s="98"/>
      <c r="DL2158" s="97"/>
      <c r="DX2158" s="98"/>
      <c r="EL2158" s="97"/>
      <c r="EX2158" s="98"/>
      <c r="EY2158" s="97"/>
      <c r="FL2158" s="126"/>
      <c r="FM2158" s="91"/>
      <c r="FN2158" s="91"/>
      <c r="FO2158" s="91"/>
      <c r="FP2158" s="91"/>
      <c r="FQ2158" s="91"/>
      <c r="FR2158" s="91"/>
      <c r="FS2158" s="91"/>
      <c r="FT2158" s="91"/>
      <c r="FU2158" s="91"/>
      <c r="FV2158" s="91"/>
      <c r="FW2158" s="91"/>
      <c r="FX2158" s="91"/>
      <c r="FY2158" s="91"/>
      <c r="FZ2158" s="91"/>
      <c r="GA2158" s="91"/>
      <c r="GB2158" s="91"/>
      <c r="GC2158" s="91"/>
      <c r="GD2158" s="91"/>
      <c r="GE2158" s="91"/>
      <c r="GF2158" s="91"/>
      <c r="GG2158" s="91"/>
      <c r="GH2158" s="91"/>
      <c r="GI2158" s="91"/>
      <c r="GJ2158" s="91"/>
      <c r="GK2158" s="127"/>
      <c r="GL2158" s="126"/>
      <c r="GM2158" s="91"/>
      <c r="GN2158" s="91"/>
      <c r="GO2158" s="91"/>
      <c r="GP2158" s="91"/>
      <c r="GQ2158" s="91"/>
      <c r="GR2158" s="91"/>
      <c r="GS2158" s="91"/>
      <c r="GT2158" s="91"/>
      <c r="GU2158" s="91"/>
      <c r="GV2158" s="91"/>
      <c r="GW2158" s="91"/>
      <c r="GX2158" s="91"/>
      <c r="GY2158" s="91"/>
      <c r="GZ2158" s="91"/>
      <c r="HA2158" s="91"/>
      <c r="HB2158" s="91"/>
      <c r="HC2158" s="91"/>
      <c r="HD2158" s="91"/>
      <c r="HE2158" s="91"/>
      <c r="HF2158" s="91"/>
      <c r="HG2158" s="91"/>
      <c r="HH2158" s="91"/>
      <c r="HI2158" s="91"/>
      <c r="HJ2158" s="91"/>
      <c r="HK2158" s="127"/>
      <c r="HL2158" s="126"/>
      <c r="HM2158" s="91"/>
      <c r="HN2158" s="91"/>
      <c r="HO2158" s="91"/>
      <c r="HP2158" s="91"/>
      <c r="HQ2158" s="91"/>
      <c r="HR2158" s="91"/>
      <c r="HS2158" s="91"/>
      <c r="HT2158" s="91"/>
      <c r="HU2158" s="91"/>
      <c r="HV2158" s="91"/>
      <c r="HW2158" s="91"/>
      <c r="HX2158" s="91"/>
      <c r="HY2158" s="91"/>
      <c r="HZ2158" s="91"/>
      <c r="IA2158" s="91"/>
      <c r="IB2158" s="91"/>
      <c r="IC2158" s="91"/>
      <c r="ID2158" s="91"/>
      <c r="IE2158" s="91"/>
      <c r="IF2158" s="91"/>
      <c r="IG2158" s="91"/>
      <c r="IH2158" s="91"/>
      <c r="II2158" s="91"/>
      <c r="IJ2158" s="91"/>
      <c r="IK2158" s="127"/>
    </row>
    <row r="2159" spans="2:245" x14ac:dyDescent="0.2">
      <c r="B2159" s="43"/>
      <c r="C2159" s="73"/>
      <c r="D2159" s="64"/>
      <c r="E2159" s="64"/>
      <c r="F2159" s="55"/>
      <c r="G2159" s="102"/>
      <c r="H2159" s="55"/>
      <c r="I2159" s="55"/>
      <c r="J2159" s="55"/>
      <c r="K2159" s="55"/>
      <c r="L2159" s="55"/>
      <c r="M2159" s="55"/>
      <c r="N2159" s="55"/>
      <c r="O2159" s="55"/>
      <c r="P2159" s="55"/>
      <c r="Q2159" s="55"/>
      <c r="R2159" s="55"/>
      <c r="S2159" s="55"/>
      <c r="T2159" s="55"/>
      <c r="U2159" s="55"/>
      <c r="V2159" s="55"/>
      <c r="W2159" s="55"/>
      <c r="X2159" s="55"/>
      <c r="Y2159" s="55"/>
      <c r="Z2159" s="55"/>
      <c r="AA2159" s="55"/>
      <c r="AB2159" s="55"/>
      <c r="AC2159" s="55"/>
      <c r="AD2159" s="55"/>
      <c r="AE2159" s="55"/>
      <c r="AF2159" s="55"/>
      <c r="AG2159" s="55"/>
      <c r="AY2159" s="162"/>
      <c r="AZ2159" s="162"/>
      <c r="BA2159" s="162"/>
      <c r="BB2159" s="162"/>
      <c r="BC2159" s="162"/>
      <c r="BD2159" s="162"/>
      <c r="BE2159" s="162"/>
      <c r="BF2159" s="162"/>
      <c r="BG2159" s="162"/>
      <c r="BH2159" s="162"/>
      <c r="BI2159" s="162"/>
      <c r="BJ2159" s="162"/>
      <c r="BK2159" s="162"/>
      <c r="BL2159" s="162"/>
      <c r="BM2159" s="162"/>
      <c r="BN2159" s="162"/>
      <c r="BO2159" s="162"/>
      <c r="BP2159" s="162"/>
      <c r="BQ2159" s="162"/>
      <c r="BR2159" s="162"/>
      <c r="BS2159" s="162"/>
      <c r="BT2159" s="162"/>
      <c r="BU2159" s="162"/>
      <c r="BV2159" s="162"/>
      <c r="BW2159" s="162"/>
      <c r="BX2159" s="162"/>
      <c r="BY2159" s="162"/>
      <c r="BZ2159" s="162"/>
      <c r="CA2159" s="162"/>
      <c r="CB2159" s="162"/>
      <c r="CC2159" s="162"/>
      <c r="CD2159" s="162"/>
      <c r="CE2159" s="162"/>
      <c r="CF2159" s="162"/>
      <c r="CG2159" s="162"/>
      <c r="CH2159" s="162"/>
      <c r="CI2159" s="162"/>
      <c r="CJ2159" s="162"/>
      <c r="CK2159" s="162"/>
      <c r="CX2159" s="98"/>
      <c r="DL2159" s="97"/>
      <c r="DX2159" s="98"/>
      <c r="EL2159" s="97"/>
      <c r="EX2159" s="98"/>
      <c r="EY2159" s="97"/>
      <c r="FL2159" s="126"/>
      <c r="FM2159" s="91"/>
      <c r="FN2159" s="91"/>
      <c r="FO2159" s="91"/>
      <c r="FP2159" s="91"/>
      <c r="FQ2159" s="91"/>
      <c r="FR2159" s="91"/>
      <c r="FS2159" s="91"/>
      <c r="FT2159" s="91"/>
      <c r="FU2159" s="91"/>
      <c r="FV2159" s="91"/>
      <c r="FW2159" s="91"/>
      <c r="FX2159" s="91"/>
      <c r="FY2159" s="91"/>
      <c r="FZ2159" s="91"/>
      <c r="GA2159" s="91"/>
      <c r="GB2159" s="91"/>
      <c r="GC2159" s="91"/>
      <c r="GD2159" s="91"/>
      <c r="GE2159" s="91"/>
      <c r="GF2159" s="91"/>
      <c r="GG2159" s="91"/>
      <c r="GH2159" s="91"/>
      <c r="GI2159" s="91"/>
      <c r="GJ2159" s="91"/>
      <c r="GK2159" s="127"/>
      <c r="GL2159" s="126"/>
      <c r="GM2159" s="91"/>
      <c r="GN2159" s="91"/>
      <c r="GO2159" s="91"/>
      <c r="GP2159" s="91"/>
      <c r="GQ2159" s="91"/>
      <c r="GR2159" s="91"/>
      <c r="GS2159" s="91"/>
      <c r="GT2159" s="91"/>
      <c r="GU2159" s="91"/>
      <c r="GV2159" s="91"/>
      <c r="GW2159" s="91"/>
      <c r="GX2159" s="91"/>
      <c r="GY2159" s="91"/>
      <c r="GZ2159" s="91"/>
      <c r="HA2159" s="91"/>
      <c r="HB2159" s="91"/>
      <c r="HC2159" s="91"/>
      <c r="HD2159" s="91"/>
      <c r="HE2159" s="91"/>
      <c r="HF2159" s="91"/>
      <c r="HG2159" s="91"/>
      <c r="HH2159" s="91"/>
      <c r="HI2159" s="91"/>
      <c r="HJ2159" s="91"/>
      <c r="HK2159" s="127"/>
      <c r="HL2159" s="126"/>
      <c r="HM2159" s="91"/>
      <c r="HN2159" s="91"/>
      <c r="HO2159" s="91"/>
      <c r="HP2159" s="91"/>
      <c r="HQ2159" s="91"/>
      <c r="HR2159" s="91"/>
      <c r="HS2159" s="91"/>
      <c r="HT2159" s="91"/>
      <c r="HU2159" s="91"/>
      <c r="HV2159" s="91"/>
      <c r="HW2159" s="91"/>
      <c r="HX2159" s="91"/>
      <c r="HY2159" s="91"/>
      <c r="HZ2159" s="91"/>
      <c r="IA2159" s="91"/>
      <c r="IB2159" s="91"/>
      <c r="IC2159" s="91"/>
      <c r="ID2159" s="91"/>
      <c r="IE2159" s="91"/>
      <c r="IF2159" s="91"/>
      <c r="IG2159" s="91"/>
      <c r="IH2159" s="91"/>
      <c r="II2159" s="91"/>
      <c r="IJ2159" s="91"/>
      <c r="IK2159" s="127"/>
    </row>
    <row r="2160" spans="2:245" x14ac:dyDescent="0.2">
      <c r="B2160" s="43"/>
      <c r="C2160" s="73"/>
      <c r="D2160" s="64"/>
      <c r="E2160" s="64"/>
      <c r="F2160" s="55"/>
      <c r="G2160" s="102"/>
      <c r="H2160" s="55"/>
      <c r="I2160" s="55"/>
      <c r="J2160" s="55"/>
      <c r="K2160" s="55"/>
      <c r="L2160" s="55"/>
      <c r="M2160" s="55"/>
      <c r="N2160" s="55"/>
      <c r="O2160" s="55"/>
      <c r="P2160" s="55"/>
      <c r="Q2160" s="55"/>
      <c r="R2160" s="55"/>
      <c r="S2160" s="55"/>
      <c r="T2160" s="55"/>
      <c r="U2160" s="55"/>
      <c r="V2160" s="55"/>
      <c r="W2160" s="55"/>
      <c r="X2160" s="55"/>
      <c r="Y2160" s="55"/>
      <c r="Z2160" s="55"/>
      <c r="AA2160" s="55"/>
      <c r="AB2160" s="55"/>
      <c r="AC2160" s="55"/>
      <c r="AD2160" s="55"/>
      <c r="AE2160" s="55"/>
      <c r="AF2160" s="55"/>
      <c r="AG2160" s="55"/>
      <c r="AY2160" s="162"/>
      <c r="AZ2160" s="162"/>
      <c r="BA2160" s="162"/>
      <c r="BB2160" s="162"/>
      <c r="BC2160" s="162"/>
      <c r="BD2160" s="162"/>
      <c r="BE2160" s="162"/>
      <c r="BF2160" s="162"/>
      <c r="BG2160" s="162"/>
      <c r="BH2160" s="162"/>
      <c r="BI2160" s="162"/>
      <c r="BJ2160" s="162"/>
      <c r="BK2160" s="162"/>
      <c r="BL2160" s="162"/>
      <c r="BM2160" s="162"/>
      <c r="BN2160" s="162"/>
      <c r="BO2160" s="162"/>
      <c r="BP2160" s="162"/>
      <c r="BQ2160" s="162"/>
      <c r="BR2160" s="162"/>
      <c r="BS2160" s="162"/>
      <c r="BT2160" s="162"/>
      <c r="BU2160" s="162"/>
      <c r="BV2160" s="162"/>
      <c r="BW2160" s="162"/>
      <c r="BX2160" s="162"/>
      <c r="BY2160" s="162"/>
      <c r="BZ2160" s="162"/>
      <c r="CA2160" s="162"/>
      <c r="CB2160" s="162"/>
      <c r="CC2160" s="162"/>
      <c r="CD2160" s="162"/>
      <c r="CE2160" s="162"/>
      <c r="CF2160" s="162"/>
      <c r="CG2160" s="162"/>
      <c r="CH2160" s="162"/>
      <c r="CI2160" s="162"/>
      <c r="CJ2160" s="162"/>
      <c r="CK2160" s="162"/>
      <c r="CX2160" s="98"/>
      <c r="DL2160" s="97"/>
      <c r="DX2160" s="98"/>
      <c r="EL2160" s="97"/>
      <c r="EX2160" s="98"/>
      <c r="EY2160" s="97"/>
      <c r="FL2160" s="126"/>
      <c r="FM2160" s="91"/>
      <c r="FN2160" s="91"/>
      <c r="FO2160" s="91"/>
      <c r="FP2160" s="91"/>
      <c r="FQ2160" s="91"/>
      <c r="FR2160" s="91"/>
      <c r="FS2160" s="91"/>
      <c r="FT2160" s="91"/>
      <c r="FU2160" s="91"/>
      <c r="FV2160" s="91"/>
      <c r="FW2160" s="91"/>
      <c r="FX2160" s="91"/>
      <c r="FY2160" s="91"/>
      <c r="FZ2160" s="91"/>
      <c r="GA2160" s="91"/>
      <c r="GB2160" s="91"/>
      <c r="GC2160" s="91"/>
      <c r="GD2160" s="91"/>
      <c r="GE2160" s="91"/>
      <c r="GF2160" s="91"/>
      <c r="GG2160" s="91"/>
      <c r="GH2160" s="91"/>
      <c r="GI2160" s="91"/>
      <c r="GJ2160" s="91"/>
      <c r="GK2160" s="127"/>
      <c r="GL2160" s="126"/>
      <c r="GM2160" s="91"/>
      <c r="GN2160" s="91"/>
      <c r="GO2160" s="91"/>
      <c r="GP2160" s="91"/>
      <c r="GQ2160" s="91"/>
      <c r="GR2160" s="91"/>
      <c r="GS2160" s="91"/>
      <c r="GT2160" s="91"/>
      <c r="GU2160" s="91"/>
      <c r="GV2160" s="91"/>
      <c r="GW2160" s="91"/>
      <c r="GX2160" s="91"/>
      <c r="GY2160" s="91"/>
      <c r="GZ2160" s="91"/>
      <c r="HA2160" s="91"/>
      <c r="HB2160" s="91"/>
      <c r="HC2160" s="91"/>
      <c r="HD2160" s="91"/>
      <c r="HE2160" s="91"/>
      <c r="HF2160" s="91"/>
      <c r="HG2160" s="91"/>
      <c r="HH2160" s="91"/>
      <c r="HI2160" s="91"/>
      <c r="HJ2160" s="91"/>
      <c r="HK2160" s="127"/>
      <c r="HL2160" s="126"/>
      <c r="HM2160" s="91"/>
      <c r="HN2160" s="91"/>
      <c r="HO2160" s="91"/>
      <c r="HP2160" s="91"/>
      <c r="HQ2160" s="91"/>
      <c r="HR2160" s="91"/>
      <c r="HS2160" s="91"/>
      <c r="HT2160" s="91"/>
      <c r="HU2160" s="91"/>
      <c r="HV2160" s="91"/>
      <c r="HW2160" s="91"/>
      <c r="HX2160" s="91"/>
      <c r="HY2160" s="91"/>
      <c r="HZ2160" s="91"/>
      <c r="IA2160" s="91"/>
      <c r="IB2160" s="91"/>
      <c r="IC2160" s="91"/>
      <c r="ID2160" s="91"/>
      <c r="IE2160" s="91"/>
      <c r="IF2160" s="91"/>
      <c r="IG2160" s="91"/>
      <c r="IH2160" s="91"/>
      <c r="II2160" s="91"/>
      <c r="IJ2160" s="91"/>
      <c r="IK2160" s="127"/>
    </row>
    <row r="2161" spans="2:245" x14ac:dyDescent="0.2">
      <c r="B2161" s="43"/>
      <c r="C2161" s="73"/>
      <c r="D2161" s="64"/>
      <c r="E2161" s="64"/>
      <c r="F2161" s="55"/>
      <c r="G2161" s="102"/>
      <c r="H2161" s="55"/>
      <c r="I2161" s="55"/>
      <c r="J2161" s="55"/>
      <c r="K2161" s="55"/>
      <c r="L2161" s="55"/>
      <c r="M2161" s="55"/>
      <c r="N2161" s="55"/>
      <c r="O2161" s="55"/>
      <c r="P2161" s="55"/>
      <c r="Q2161" s="55"/>
      <c r="R2161" s="55"/>
      <c r="S2161" s="55"/>
      <c r="T2161" s="55"/>
      <c r="U2161" s="55"/>
      <c r="V2161" s="55"/>
      <c r="W2161" s="55"/>
      <c r="X2161" s="55"/>
      <c r="Y2161" s="55"/>
      <c r="Z2161" s="55"/>
      <c r="AA2161" s="55"/>
      <c r="AB2161" s="55"/>
      <c r="AC2161" s="55"/>
      <c r="AD2161" s="55"/>
      <c r="AE2161" s="55"/>
      <c r="AF2161" s="55"/>
      <c r="AG2161" s="55"/>
      <c r="AY2161" s="162"/>
      <c r="AZ2161" s="162"/>
      <c r="BA2161" s="162"/>
      <c r="BB2161" s="162"/>
      <c r="BC2161" s="162"/>
      <c r="BD2161" s="162"/>
      <c r="BE2161" s="162"/>
      <c r="BF2161" s="162"/>
      <c r="BG2161" s="162"/>
      <c r="BH2161" s="162"/>
      <c r="BI2161" s="162"/>
      <c r="BJ2161" s="162"/>
      <c r="BK2161" s="162"/>
      <c r="BL2161" s="162"/>
      <c r="BM2161" s="162"/>
      <c r="BN2161" s="162"/>
      <c r="BO2161" s="162"/>
      <c r="BP2161" s="162"/>
      <c r="BQ2161" s="162"/>
      <c r="BR2161" s="162"/>
      <c r="BS2161" s="162"/>
      <c r="BT2161" s="162"/>
      <c r="BU2161" s="162"/>
      <c r="BV2161" s="162"/>
      <c r="BW2161" s="162"/>
      <c r="BX2161" s="162"/>
      <c r="BY2161" s="162"/>
      <c r="BZ2161" s="162"/>
      <c r="CA2161" s="162"/>
      <c r="CB2161" s="162"/>
      <c r="CC2161" s="162"/>
      <c r="CD2161" s="162"/>
      <c r="CE2161" s="162"/>
      <c r="CF2161" s="162"/>
      <c r="CG2161" s="162"/>
      <c r="CH2161" s="162"/>
      <c r="CI2161" s="162"/>
      <c r="CJ2161" s="162"/>
      <c r="CK2161" s="162"/>
      <c r="CX2161" s="98"/>
      <c r="DL2161" s="97"/>
      <c r="DX2161" s="98"/>
      <c r="EL2161" s="97"/>
      <c r="EX2161" s="98"/>
      <c r="EY2161" s="97"/>
      <c r="FL2161" s="126"/>
      <c r="FM2161" s="91"/>
      <c r="FN2161" s="91"/>
      <c r="FO2161" s="91"/>
      <c r="FP2161" s="91"/>
      <c r="FQ2161" s="91"/>
      <c r="FR2161" s="91"/>
      <c r="FS2161" s="91"/>
      <c r="FT2161" s="91"/>
      <c r="FU2161" s="91"/>
      <c r="FV2161" s="91"/>
      <c r="FW2161" s="91"/>
      <c r="FX2161" s="91"/>
      <c r="FY2161" s="91"/>
      <c r="FZ2161" s="91"/>
      <c r="GA2161" s="91"/>
      <c r="GB2161" s="91"/>
      <c r="GC2161" s="91"/>
      <c r="GD2161" s="91"/>
      <c r="GE2161" s="91"/>
      <c r="GF2161" s="91"/>
      <c r="GG2161" s="91"/>
      <c r="GH2161" s="91"/>
      <c r="GI2161" s="91"/>
      <c r="GJ2161" s="91"/>
      <c r="GK2161" s="127"/>
      <c r="GL2161" s="126"/>
      <c r="GM2161" s="91"/>
      <c r="GN2161" s="91"/>
      <c r="GO2161" s="91"/>
      <c r="GP2161" s="91"/>
      <c r="GQ2161" s="91"/>
      <c r="GR2161" s="91"/>
      <c r="GS2161" s="91"/>
      <c r="GT2161" s="91"/>
      <c r="GU2161" s="91"/>
      <c r="GV2161" s="91"/>
      <c r="GW2161" s="91"/>
      <c r="GX2161" s="91"/>
      <c r="GY2161" s="91"/>
      <c r="GZ2161" s="91"/>
      <c r="HA2161" s="91"/>
      <c r="HB2161" s="91"/>
      <c r="HC2161" s="91"/>
      <c r="HD2161" s="91"/>
      <c r="HE2161" s="91"/>
      <c r="HF2161" s="91"/>
      <c r="HG2161" s="91"/>
      <c r="HH2161" s="91"/>
      <c r="HI2161" s="91"/>
      <c r="HJ2161" s="91"/>
      <c r="HK2161" s="127"/>
      <c r="HL2161" s="126"/>
      <c r="HM2161" s="91"/>
      <c r="HN2161" s="91"/>
      <c r="HO2161" s="91"/>
      <c r="HP2161" s="91"/>
      <c r="HQ2161" s="91"/>
      <c r="HR2161" s="91"/>
      <c r="HS2161" s="91"/>
      <c r="HT2161" s="91"/>
      <c r="HU2161" s="91"/>
      <c r="HV2161" s="91"/>
      <c r="HW2161" s="91"/>
      <c r="HX2161" s="91"/>
      <c r="HY2161" s="91"/>
      <c r="HZ2161" s="91"/>
      <c r="IA2161" s="91"/>
      <c r="IB2161" s="91"/>
      <c r="IC2161" s="91"/>
      <c r="ID2161" s="91"/>
      <c r="IE2161" s="91"/>
      <c r="IF2161" s="91"/>
      <c r="IG2161" s="91"/>
      <c r="IH2161" s="91"/>
      <c r="II2161" s="91"/>
      <c r="IJ2161" s="91"/>
      <c r="IK2161" s="127"/>
    </row>
    <row r="2162" spans="2:245" x14ac:dyDescent="0.2">
      <c r="B2162" s="43"/>
      <c r="C2162" s="73"/>
      <c r="D2162" s="64"/>
      <c r="E2162" s="64"/>
      <c r="F2162" s="55"/>
      <c r="G2162" s="102"/>
      <c r="H2162" s="55"/>
      <c r="I2162" s="55"/>
      <c r="J2162" s="55"/>
      <c r="K2162" s="55"/>
      <c r="L2162" s="55"/>
      <c r="M2162" s="55"/>
      <c r="N2162" s="55"/>
      <c r="O2162" s="55"/>
      <c r="P2162" s="55"/>
      <c r="Q2162" s="55"/>
      <c r="R2162" s="55"/>
      <c r="S2162" s="55"/>
      <c r="T2162" s="55"/>
      <c r="U2162" s="55"/>
      <c r="V2162" s="55"/>
      <c r="W2162" s="55"/>
      <c r="X2162" s="55"/>
      <c r="Y2162" s="55"/>
      <c r="Z2162" s="55"/>
      <c r="AA2162" s="55"/>
      <c r="AB2162" s="55"/>
      <c r="AC2162" s="55"/>
      <c r="AD2162" s="55"/>
      <c r="AE2162" s="55"/>
      <c r="AF2162" s="55"/>
      <c r="AG2162" s="55"/>
      <c r="AY2162" s="162"/>
      <c r="AZ2162" s="162"/>
      <c r="BA2162" s="162"/>
      <c r="BB2162" s="162"/>
      <c r="BC2162" s="162"/>
      <c r="BD2162" s="162"/>
      <c r="BE2162" s="162"/>
      <c r="BF2162" s="162"/>
      <c r="BG2162" s="162"/>
      <c r="BH2162" s="162"/>
      <c r="BI2162" s="162"/>
      <c r="BJ2162" s="162"/>
      <c r="BK2162" s="162"/>
      <c r="BL2162" s="162"/>
      <c r="BM2162" s="162"/>
      <c r="BN2162" s="162"/>
      <c r="BO2162" s="162"/>
      <c r="BP2162" s="162"/>
      <c r="BQ2162" s="162"/>
      <c r="BR2162" s="162"/>
      <c r="BS2162" s="162"/>
      <c r="BT2162" s="162"/>
      <c r="BU2162" s="162"/>
      <c r="BV2162" s="162"/>
      <c r="BW2162" s="162"/>
      <c r="BX2162" s="162"/>
      <c r="BY2162" s="162"/>
      <c r="BZ2162" s="162"/>
      <c r="CA2162" s="162"/>
      <c r="CB2162" s="162"/>
      <c r="CC2162" s="162"/>
      <c r="CD2162" s="162"/>
      <c r="CE2162" s="162"/>
      <c r="CF2162" s="162"/>
      <c r="CG2162" s="162"/>
      <c r="CH2162" s="162"/>
      <c r="CI2162" s="162"/>
      <c r="CJ2162" s="162"/>
      <c r="CK2162" s="162"/>
      <c r="CX2162" s="98"/>
      <c r="DL2162" s="97"/>
      <c r="DX2162" s="98"/>
      <c r="EL2162" s="97"/>
      <c r="EX2162" s="98"/>
      <c r="EY2162" s="97"/>
      <c r="FL2162" s="126"/>
      <c r="FM2162" s="91"/>
      <c r="FN2162" s="91"/>
      <c r="FO2162" s="91"/>
      <c r="FP2162" s="91"/>
      <c r="FQ2162" s="91"/>
      <c r="FR2162" s="91"/>
      <c r="FS2162" s="91"/>
      <c r="FT2162" s="91"/>
      <c r="FU2162" s="91"/>
      <c r="FV2162" s="91"/>
      <c r="FW2162" s="91"/>
      <c r="FX2162" s="91"/>
      <c r="FY2162" s="91"/>
      <c r="FZ2162" s="91"/>
      <c r="GA2162" s="91"/>
      <c r="GB2162" s="91"/>
      <c r="GC2162" s="91"/>
      <c r="GD2162" s="91"/>
      <c r="GE2162" s="91"/>
      <c r="GF2162" s="91"/>
      <c r="GG2162" s="91"/>
      <c r="GH2162" s="91"/>
      <c r="GI2162" s="91"/>
      <c r="GJ2162" s="91"/>
      <c r="GK2162" s="127"/>
      <c r="GL2162" s="126"/>
      <c r="GM2162" s="91"/>
      <c r="GN2162" s="91"/>
      <c r="GO2162" s="91"/>
      <c r="GP2162" s="91"/>
      <c r="GQ2162" s="91"/>
      <c r="GR2162" s="91"/>
      <c r="GS2162" s="91"/>
      <c r="GT2162" s="91"/>
      <c r="GU2162" s="91"/>
      <c r="GV2162" s="91"/>
      <c r="GW2162" s="91"/>
      <c r="GX2162" s="91"/>
      <c r="GY2162" s="91"/>
      <c r="GZ2162" s="91"/>
      <c r="HA2162" s="91"/>
      <c r="HB2162" s="91"/>
      <c r="HC2162" s="91"/>
      <c r="HD2162" s="91"/>
      <c r="HE2162" s="91"/>
      <c r="HF2162" s="91"/>
      <c r="HG2162" s="91"/>
      <c r="HH2162" s="91"/>
      <c r="HI2162" s="91"/>
      <c r="HJ2162" s="91"/>
      <c r="HK2162" s="127"/>
      <c r="HL2162" s="126"/>
      <c r="HM2162" s="91"/>
      <c r="HN2162" s="91"/>
      <c r="HO2162" s="91"/>
      <c r="HP2162" s="91"/>
      <c r="HQ2162" s="91"/>
      <c r="HR2162" s="91"/>
      <c r="HS2162" s="91"/>
      <c r="HT2162" s="91"/>
      <c r="HU2162" s="91"/>
      <c r="HV2162" s="91"/>
      <c r="HW2162" s="91"/>
      <c r="HX2162" s="91"/>
      <c r="HY2162" s="91"/>
      <c r="HZ2162" s="91"/>
      <c r="IA2162" s="91"/>
      <c r="IB2162" s="91"/>
      <c r="IC2162" s="91"/>
      <c r="ID2162" s="91"/>
      <c r="IE2162" s="91"/>
      <c r="IF2162" s="91"/>
      <c r="IG2162" s="91"/>
      <c r="IH2162" s="91"/>
      <c r="II2162" s="91"/>
      <c r="IJ2162" s="91"/>
      <c r="IK2162" s="127"/>
    </row>
    <row r="2163" spans="2:245" x14ac:dyDescent="0.2">
      <c r="B2163" s="43"/>
      <c r="C2163" s="73"/>
      <c r="D2163" s="64"/>
      <c r="E2163" s="64"/>
      <c r="F2163" s="55"/>
      <c r="G2163" s="102"/>
      <c r="H2163" s="55"/>
      <c r="I2163" s="55"/>
      <c r="J2163" s="55"/>
      <c r="K2163" s="55"/>
      <c r="L2163" s="55"/>
      <c r="M2163" s="55"/>
      <c r="N2163" s="55"/>
      <c r="O2163" s="55"/>
      <c r="P2163" s="55"/>
      <c r="Q2163" s="55"/>
      <c r="R2163" s="55"/>
      <c r="S2163" s="55"/>
      <c r="T2163" s="55"/>
      <c r="U2163" s="55"/>
      <c r="V2163" s="55"/>
      <c r="W2163" s="55"/>
      <c r="X2163" s="55"/>
      <c r="Y2163" s="55"/>
      <c r="Z2163" s="55"/>
      <c r="AA2163" s="55"/>
      <c r="AB2163" s="55"/>
      <c r="AC2163" s="55"/>
      <c r="AD2163" s="55"/>
      <c r="AE2163" s="55"/>
      <c r="AF2163" s="55"/>
      <c r="AG2163" s="55"/>
      <c r="AY2163" s="162"/>
      <c r="AZ2163" s="162"/>
      <c r="BA2163" s="162"/>
      <c r="BB2163" s="162"/>
      <c r="BC2163" s="162"/>
      <c r="BD2163" s="162"/>
      <c r="BE2163" s="162"/>
      <c r="BF2163" s="162"/>
      <c r="BG2163" s="162"/>
      <c r="BH2163" s="162"/>
      <c r="BI2163" s="162"/>
      <c r="BJ2163" s="162"/>
      <c r="BK2163" s="162"/>
      <c r="BL2163" s="162"/>
      <c r="BM2163" s="162"/>
      <c r="BN2163" s="162"/>
      <c r="BO2163" s="162"/>
      <c r="BP2163" s="162"/>
      <c r="BQ2163" s="162"/>
      <c r="BR2163" s="162"/>
      <c r="BS2163" s="162"/>
      <c r="BT2163" s="162"/>
      <c r="BU2163" s="162"/>
      <c r="BV2163" s="162"/>
      <c r="BW2163" s="162"/>
      <c r="BX2163" s="162"/>
      <c r="BY2163" s="162"/>
      <c r="BZ2163" s="162"/>
      <c r="CA2163" s="162"/>
      <c r="CB2163" s="162"/>
      <c r="CC2163" s="162"/>
      <c r="CD2163" s="162"/>
      <c r="CE2163" s="162"/>
      <c r="CF2163" s="162"/>
      <c r="CG2163" s="162"/>
      <c r="CH2163" s="162"/>
      <c r="CI2163" s="162"/>
      <c r="CJ2163" s="162"/>
      <c r="CK2163" s="162"/>
      <c r="CX2163" s="98"/>
      <c r="DL2163" s="97"/>
      <c r="DX2163" s="98"/>
      <c r="EL2163" s="97"/>
      <c r="EX2163" s="98"/>
      <c r="EY2163" s="97"/>
      <c r="FL2163" s="126"/>
      <c r="FM2163" s="91"/>
      <c r="FN2163" s="91"/>
      <c r="FO2163" s="91"/>
      <c r="FP2163" s="91"/>
      <c r="FQ2163" s="91"/>
      <c r="FR2163" s="91"/>
      <c r="FS2163" s="91"/>
      <c r="FT2163" s="91"/>
      <c r="FU2163" s="91"/>
      <c r="FV2163" s="91"/>
      <c r="FW2163" s="91"/>
      <c r="FX2163" s="91"/>
      <c r="FY2163" s="91"/>
      <c r="FZ2163" s="91"/>
      <c r="GA2163" s="91"/>
      <c r="GB2163" s="91"/>
      <c r="GC2163" s="91"/>
      <c r="GD2163" s="91"/>
      <c r="GE2163" s="91"/>
      <c r="GF2163" s="91"/>
      <c r="GG2163" s="91"/>
      <c r="GH2163" s="91"/>
      <c r="GI2163" s="91"/>
      <c r="GJ2163" s="91"/>
      <c r="GK2163" s="127"/>
      <c r="GL2163" s="126"/>
      <c r="GM2163" s="91"/>
      <c r="GN2163" s="91"/>
      <c r="GO2163" s="91"/>
      <c r="GP2163" s="91"/>
      <c r="GQ2163" s="91"/>
      <c r="GR2163" s="91"/>
      <c r="GS2163" s="91"/>
      <c r="GT2163" s="91"/>
      <c r="GU2163" s="91"/>
      <c r="GV2163" s="91"/>
      <c r="GW2163" s="91"/>
      <c r="GX2163" s="91"/>
      <c r="GY2163" s="91"/>
      <c r="GZ2163" s="91"/>
      <c r="HA2163" s="91"/>
      <c r="HB2163" s="91"/>
      <c r="HC2163" s="91"/>
      <c r="HD2163" s="91"/>
      <c r="HE2163" s="91"/>
      <c r="HF2163" s="91"/>
      <c r="HG2163" s="91"/>
      <c r="HH2163" s="91"/>
      <c r="HI2163" s="91"/>
      <c r="HJ2163" s="91"/>
      <c r="HK2163" s="127"/>
      <c r="HL2163" s="126"/>
      <c r="HM2163" s="91"/>
      <c r="HN2163" s="91"/>
      <c r="HO2163" s="91"/>
      <c r="HP2163" s="91"/>
      <c r="HQ2163" s="91"/>
      <c r="HR2163" s="91"/>
      <c r="HS2163" s="91"/>
      <c r="HT2163" s="91"/>
      <c r="HU2163" s="91"/>
      <c r="HV2163" s="91"/>
      <c r="HW2163" s="91"/>
      <c r="HX2163" s="91"/>
      <c r="HY2163" s="91"/>
      <c r="HZ2163" s="91"/>
      <c r="IA2163" s="91"/>
      <c r="IB2163" s="91"/>
      <c r="IC2163" s="91"/>
      <c r="ID2163" s="91"/>
      <c r="IE2163" s="91"/>
      <c r="IF2163" s="91"/>
      <c r="IG2163" s="91"/>
      <c r="IH2163" s="91"/>
      <c r="II2163" s="91"/>
      <c r="IJ2163" s="91"/>
      <c r="IK2163" s="127"/>
    </row>
    <row r="2164" spans="2:245" ht="13.5" thickBot="1" x14ac:dyDescent="0.25">
      <c r="B2164" s="43"/>
      <c r="C2164" s="73"/>
      <c r="D2164" s="64"/>
      <c r="E2164" s="64"/>
      <c r="F2164" s="55"/>
      <c r="G2164" s="102"/>
      <c r="H2164" s="55"/>
      <c r="I2164" s="55"/>
      <c r="J2164" s="55"/>
      <c r="K2164" s="55"/>
      <c r="L2164" s="55"/>
      <c r="M2164" s="55"/>
      <c r="N2164" s="55"/>
      <c r="O2164" s="55"/>
      <c r="P2164" s="55"/>
      <c r="Q2164" s="55"/>
      <c r="R2164" s="55"/>
      <c r="S2164" s="55"/>
      <c r="T2164" s="55"/>
      <c r="U2164" s="55"/>
      <c r="V2164" s="55"/>
      <c r="W2164" s="55"/>
      <c r="X2164" s="55"/>
      <c r="Y2164" s="55"/>
      <c r="Z2164" s="55"/>
      <c r="AA2164" s="55"/>
      <c r="AB2164" s="55"/>
      <c r="AC2164" s="55"/>
      <c r="AD2164" s="55"/>
      <c r="AE2164" s="55"/>
      <c r="AF2164" s="55"/>
      <c r="AG2164" s="55"/>
      <c r="AY2164" s="162"/>
      <c r="AZ2164" s="162"/>
      <c r="BA2164" s="162"/>
      <c r="BB2164" s="162"/>
      <c r="BC2164" s="162"/>
      <c r="BD2164" s="162"/>
      <c r="BE2164" s="162"/>
      <c r="BF2164" s="162"/>
      <c r="BG2164" s="162"/>
      <c r="BH2164" s="162"/>
      <c r="BI2164" s="162"/>
      <c r="BJ2164" s="162"/>
      <c r="BK2164" s="162"/>
      <c r="BL2164" s="162"/>
      <c r="BM2164" s="162"/>
      <c r="BN2164" s="162"/>
      <c r="BO2164" s="162"/>
      <c r="BP2164" s="162"/>
      <c r="BQ2164" s="162"/>
      <c r="BR2164" s="162"/>
      <c r="BS2164" s="162"/>
      <c r="BT2164" s="162"/>
      <c r="BU2164" s="162"/>
      <c r="BV2164" s="162"/>
      <c r="BW2164" s="162"/>
      <c r="BX2164" s="162"/>
      <c r="BY2164" s="162"/>
      <c r="BZ2164" s="162"/>
      <c r="CA2164" s="162"/>
      <c r="CB2164" s="162"/>
      <c r="CC2164" s="162"/>
      <c r="CD2164" s="162"/>
      <c r="CE2164" s="162"/>
      <c r="CF2164" s="162"/>
      <c r="CG2164" s="162"/>
      <c r="CH2164" s="162"/>
      <c r="CI2164" s="162"/>
      <c r="CJ2164" s="162"/>
      <c r="CK2164" s="162"/>
      <c r="CL2164" s="166"/>
      <c r="CM2164" s="166"/>
      <c r="CN2164" s="166"/>
      <c r="CO2164" s="166"/>
      <c r="CP2164" s="166"/>
      <c r="CQ2164" s="166"/>
      <c r="CR2164" s="166"/>
      <c r="CS2164" s="166"/>
      <c r="CT2164" s="166"/>
      <c r="CU2164" s="166"/>
      <c r="CV2164" s="166"/>
      <c r="CW2164" s="166"/>
      <c r="CX2164" s="176"/>
      <c r="CY2164" s="166"/>
      <c r="CZ2164" s="166"/>
      <c r="DA2164" s="166"/>
      <c r="DB2164" s="166"/>
      <c r="DC2164" s="166"/>
      <c r="DD2164" s="166"/>
      <c r="DE2164" s="166"/>
      <c r="DF2164" s="166"/>
      <c r="DG2164" s="166"/>
      <c r="DH2164" s="166"/>
      <c r="DI2164" s="166"/>
      <c r="DJ2164" s="166"/>
      <c r="DK2164" s="166"/>
      <c r="DL2164" s="175"/>
      <c r="DM2164" s="166"/>
      <c r="DN2164" s="166"/>
      <c r="DO2164" s="166"/>
      <c r="DP2164" s="166"/>
      <c r="DQ2164" s="166"/>
      <c r="DR2164" s="166"/>
      <c r="DS2164" s="166"/>
      <c r="DT2164" s="166"/>
      <c r="DU2164" s="166"/>
      <c r="DV2164" s="166"/>
      <c r="DW2164" s="166"/>
      <c r="DX2164" s="176"/>
      <c r="DY2164" s="166"/>
      <c r="DZ2164" s="166"/>
      <c r="EA2164" s="166"/>
      <c r="EB2164" s="166"/>
      <c r="EC2164" s="166"/>
      <c r="ED2164" s="166"/>
      <c r="EE2164" s="166"/>
      <c r="EF2164" s="166"/>
      <c r="EG2164" s="166"/>
      <c r="EH2164" s="166"/>
      <c r="EI2164" s="166"/>
      <c r="EJ2164" s="166"/>
      <c r="EK2164" s="166"/>
      <c r="EL2164" s="175"/>
      <c r="EM2164" s="166"/>
      <c r="EN2164" s="166"/>
      <c r="EO2164" s="166"/>
      <c r="EP2164" s="166"/>
      <c r="EQ2164" s="166"/>
      <c r="ER2164" s="166"/>
      <c r="ES2164" s="166"/>
      <c r="ET2164" s="166"/>
      <c r="EU2164" s="166"/>
      <c r="EV2164" s="166"/>
      <c r="EW2164" s="166"/>
      <c r="EX2164" s="176"/>
      <c r="EY2164" s="175"/>
      <c r="EZ2164" s="166"/>
      <c r="FA2164" s="166"/>
      <c r="FB2164" s="166"/>
      <c r="FC2164" s="166"/>
      <c r="FD2164" s="166"/>
      <c r="FE2164" s="166"/>
      <c r="FF2164" s="166"/>
      <c r="FG2164" s="166"/>
      <c r="FH2164" s="166"/>
      <c r="FI2164" s="166"/>
      <c r="FJ2164" s="166"/>
      <c r="FK2164" s="166"/>
      <c r="FL2164" s="126"/>
      <c r="FM2164" s="91"/>
      <c r="FN2164" s="91"/>
      <c r="FO2164" s="91"/>
      <c r="FP2164" s="91"/>
      <c r="FQ2164" s="91"/>
      <c r="FR2164" s="91"/>
      <c r="FS2164" s="91"/>
      <c r="FT2164" s="91"/>
      <c r="FU2164" s="91"/>
      <c r="FV2164" s="91"/>
      <c r="FW2164" s="91"/>
      <c r="FX2164" s="91"/>
      <c r="FY2164" s="91"/>
      <c r="FZ2164" s="91"/>
      <c r="GA2164" s="91"/>
      <c r="GB2164" s="91"/>
      <c r="GC2164" s="91"/>
      <c r="GD2164" s="91"/>
      <c r="GE2164" s="91"/>
      <c r="GF2164" s="91"/>
      <c r="GG2164" s="91"/>
      <c r="GH2164" s="91"/>
      <c r="GI2164" s="91"/>
      <c r="GJ2164" s="91"/>
      <c r="GK2164" s="127"/>
      <c r="GL2164" s="126"/>
      <c r="GM2164" s="91"/>
      <c r="GN2164" s="91"/>
      <c r="GO2164" s="91"/>
      <c r="GP2164" s="91"/>
      <c r="GQ2164" s="91"/>
      <c r="GR2164" s="91"/>
      <c r="GS2164" s="91"/>
      <c r="GT2164" s="91"/>
      <c r="GU2164" s="91"/>
      <c r="GV2164" s="91"/>
      <c r="GW2164" s="91"/>
      <c r="GX2164" s="91"/>
      <c r="GY2164" s="91"/>
      <c r="GZ2164" s="91"/>
      <c r="HA2164" s="91"/>
      <c r="HB2164" s="91"/>
      <c r="HC2164" s="91"/>
      <c r="HD2164" s="91"/>
      <c r="HE2164" s="91"/>
      <c r="HF2164" s="91"/>
      <c r="HG2164" s="91"/>
      <c r="HH2164" s="91"/>
      <c r="HI2164" s="91"/>
      <c r="HJ2164" s="91"/>
      <c r="HK2164" s="127"/>
      <c r="HL2164" s="126"/>
      <c r="HM2164" s="91"/>
      <c r="HN2164" s="91"/>
      <c r="HO2164" s="91"/>
      <c r="HP2164" s="91"/>
      <c r="HQ2164" s="91"/>
      <c r="HR2164" s="91"/>
      <c r="HS2164" s="91"/>
      <c r="HT2164" s="91"/>
      <c r="HU2164" s="91"/>
      <c r="HV2164" s="91"/>
      <c r="HW2164" s="91"/>
      <c r="HX2164" s="91"/>
      <c r="HY2164" s="91"/>
      <c r="HZ2164" s="91"/>
      <c r="IA2164" s="91"/>
      <c r="IB2164" s="91"/>
      <c r="IC2164" s="91"/>
      <c r="ID2164" s="91"/>
      <c r="IE2164" s="91"/>
      <c r="IF2164" s="91"/>
      <c r="IG2164" s="91"/>
      <c r="IH2164" s="91"/>
      <c r="II2164" s="91"/>
      <c r="IJ2164" s="91"/>
      <c r="IK2164" s="127"/>
    </row>
    <row r="2165" spans="2:245" x14ac:dyDescent="0.2">
      <c r="B2165" s="43"/>
      <c r="C2165" s="73"/>
      <c r="D2165" s="64"/>
      <c r="E2165" s="64"/>
      <c r="F2165" s="55"/>
      <c r="G2165" s="102"/>
      <c r="H2165" s="55"/>
      <c r="I2165" s="55"/>
      <c r="J2165" s="55"/>
      <c r="K2165" s="55"/>
      <c r="L2165" s="55"/>
      <c r="M2165" s="55"/>
      <c r="N2165" s="55"/>
      <c r="O2165" s="55"/>
      <c r="P2165" s="55"/>
      <c r="Q2165" s="55"/>
      <c r="R2165" s="55"/>
      <c r="S2165" s="55"/>
      <c r="T2165" s="55"/>
      <c r="U2165" s="55"/>
      <c r="V2165" s="55"/>
      <c r="W2165" s="55"/>
      <c r="X2165" s="55"/>
      <c r="Y2165" s="55"/>
      <c r="Z2165" s="55"/>
      <c r="AA2165" s="55"/>
      <c r="AB2165" s="55"/>
      <c r="AC2165" s="55"/>
      <c r="AD2165" s="55"/>
      <c r="AE2165" s="55"/>
      <c r="AF2165" s="55"/>
      <c r="AG2165" s="55"/>
      <c r="AY2165" s="162"/>
      <c r="AZ2165" s="162"/>
      <c r="BA2165" s="162"/>
      <c r="BB2165" s="162"/>
      <c r="BC2165" s="162"/>
      <c r="BD2165" s="162"/>
      <c r="BE2165" s="162"/>
      <c r="BF2165" s="162"/>
      <c r="BG2165" s="162"/>
      <c r="BH2165" s="162"/>
      <c r="BI2165" s="162"/>
      <c r="BJ2165" s="162"/>
      <c r="BK2165" s="162"/>
      <c r="BL2165" s="162"/>
      <c r="BM2165" s="162"/>
      <c r="BN2165" s="162"/>
      <c r="BO2165" s="162"/>
      <c r="BP2165" s="162"/>
      <c r="BQ2165" s="162"/>
      <c r="BR2165" s="162"/>
      <c r="BS2165" s="162"/>
      <c r="BT2165" s="162"/>
      <c r="BU2165" s="162"/>
      <c r="BV2165" s="162"/>
      <c r="BW2165" s="162"/>
      <c r="BX2165" s="162"/>
      <c r="BY2165" s="162"/>
      <c r="BZ2165" s="162"/>
      <c r="CA2165" s="162"/>
      <c r="CB2165" s="162"/>
      <c r="CC2165" s="162"/>
      <c r="CD2165" s="162"/>
      <c r="CE2165" s="162"/>
      <c r="CF2165" s="162"/>
      <c r="CG2165" s="162"/>
      <c r="CH2165" s="162"/>
      <c r="CI2165" s="162"/>
      <c r="CJ2165" s="162"/>
      <c r="CK2165" s="162"/>
      <c r="CX2165" s="98"/>
      <c r="DL2165" s="97"/>
      <c r="DX2165" s="98"/>
      <c r="EL2165" s="97"/>
      <c r="EX2165" s="98"/>
      <c r="EY2165" s="97"/>
      <c r="FL2165" s="126"/>
      <c r="FM2165" s="91"/>
      <c r="FN2165" s="91"/>
      <c r="FO2165" s="91"/>
      <c r="FP2165" s="91"/>
      <c r="FQ2165" s="91"/>
      <c r="FR2165" s="91"/>
      <c r="FS2165" s="91"/>
      <c r="FT2165" s="91"/>
      <c r="FU2165" s="91"/>
      <c r="FV2165" s="91"/>
      <c r="FW2165" s="91"/>
      <c r="FX2165" s="91"/>
      <c r="FY2165" s="91"/>
      <c r="FZ2165" s="91"/>
      <c r="GA2165" s="91"/>
      <c r="GB2165" s="91"/>
      <c r="GC2165" s="91"/>
      <c r="GD2165" s="91"/>
      <c r="GE2165" s="91"/>
      <c r="GF2165" s="91"/>
      <c r="GG2165" s="91"/>
      <c r="GH2165" s="91"/>
      <c r="GI2165" s="91"/>
      <c r="GJ2165" s="91"/>
      <c r="GK2165" s="127"/>
      <c r="GL2165" s="126"/>
      <c r="GM2165" s="91"/>
      <c r="GN2165" s="91"/>
      <c r="GO2165" s="91"/>
      <c r="GP2165" s="91"/>
      <c r="GQ2165" s="91"/>
      <c r="GR2165" s="91"/>
      <c r="GS2165" s="91"/>
      <c r="GT2165" s="91"/>
      <c r="GU2165" s="91"/>
      <c r="GV2165" s="91"/>
      <c r="GW2165" s="91"/>
      <c r="GX2165" s="91"/>
      <c r="GY2165" s="91"/>
      <c r="GZ2165" s="91"/>
      <c r="HA2165" s="91"/>
      <c r="HB2165" s="91"/>
      <c r="HC2165" s="91"/>
      <c r="HD2165" s="91"/>
      <c r="HE2165" s="91"/>
      <c r="HF2165" s="91"/>
      <c r="HG2165" s="91"/>
      <c r="HH2165" s="91"/>
      <c r="HI2165" s="91"/>
      <c r="HJ2165" s="91"/>
      <c r="HK2165" s="127"/>
      <c r="HL2165" s="126"/>
      <c r="HM2165" s="91"/>
      <c r="HN2165" s="91"/>
      <c r="HO2165" s="91"/>
      <c r="HP2165" s="91"/>
      <c r="HQ2165" s="91"/>
      <c r="HR2165" s="91"/>
      <c r="HS2165" s="91"/>
      <c r="HT2165" s="91"/>
      <c r="HU2165" s="91"/>
      <c r="HV2165" s="91"/>
      <c r="HW2165" s="91"/>
      <c r="HX2165" s="91"/>
      <c r="HY2165" s="91"/>
      <c r="HZ2165" s="91"/>
      <c r="IA2165" s="91"/>
      <c r="IB2165" s="91"/>
      <c r="IC2165" s="91"/>
      <c r="ID2165" s="91"/>
      <c r="IE2165" s="91"/>
      <c r="IF2165" s="91"/>
      <c r="IG2165" s="91"/>
      <c r="IH2165" s="91"/>
      <c r="II2165" s="91"/>
      <c r="IJ2165" s="91"/>
      <c r="IK2165" s="127"/>
    </row>
    <row r="2166" spans="2:245" ht="13.5" thickBot="1" x14ac:dyDescent="0.25">
      <c r="B2166" s="43"/>
      <c r="C2166" s="73"/>
      <c r="D2166" s="64"/>
      <c r="E2166" s="64"/>
      <c r="F2166" s="55"/>
      <c r="G2166" s="102"/>
      <c r="H2166" s="55"/>
      <c r="I2166" s="55"/>
      <c r="J2166" s="55"/>
      <c r="K2166" s="55"/>
      <c r="L2166" s="55"/>
      <c r="M2166" s="55"/>
      <c r="N2166" s="55"/>
      <c r="O2166" s="55"/>
      <c r="P2166" s="55"/>
      <c r="Q2166" s="55"/>
      <c r="R2166" s="55"/>
      <c r="S2166" s="55"/>
      <c r="T2166" s="55"/>
      <c r="U2166" s="55"/>
      <c r="V2166" s="55"/>
      <c r="W2166" s="55"/>
      <c r="X2166" s="55"/>
      <c r="Y2166" s="55"/>
      <c r="Z2166" s="55"/>
      <c r="AA2166" s="55"/>
      <c r="AB2166" s="55"/>
      <c r="AC2166" s="55"/>
      <c r="AD2166" s="55"/>
      <c r="AE2166" s="55"/>
      <c r="AF2166" s="55"/>
      <c r="AG2166" s="55"/>
      <c r="AY2166" s="162"/>
      <c r="AZ2166" s="162"/>
      <c r="BA2166" s="162"/>
      <c r="BB2166" s="162"/>
      <c r="BC2166" s="162"/>
      <c r="BD2166" s="162"/>
      <c r="BE2166" s="162"/>
      <c r="BF2166" s="162"/>
      <c r="BG2166" s="162"/>
      <c r="BH2166" s="162"/>
      <c r="BI2166" s="162"/>
      <c r="BJ2166" s="162"/>
      <c r="BK2166" s="162"/>
      <c r="BL2166" s="162"/>
      <c r="BM2166" s="162"/>
      <c r="BN2166" s="162"/>
      <c r="BO2166" s="162"/>
      <c r="BP2166" s="162"/>
      <c r="BQ2166" s="162"/>
      <c r="BR2166" s="162"/>
      <c r="BS2166" s="162"/>
      <c r="BT2166" s="162"/>
      <c r="BU2166" s="162"/>
      <c r="BV2166" s="162"/>
      <c r="BW2166" s="162"/>
      <c r="BX2166" s="162"/>
      <c r="BY2166" s="162"/>
      <c r="BZ2166" s="162"/>
      <c r="CA2166" s="162"/>
      <c r="CB2166" s="162"/>
      <c r="CC2166" s="162"/>
      <c r="CD2166" s="162"/>
      <c r="CE2166" s="162"/>
      <c r="CF2166" s="162"/>
      <c r="CG2166" s="162"/>
      <c r="CH2166" s="162"/>
      <c r="CI2166" s="162"/>
      <c r="CJ2166" s="162"/>
      <c r="CK2166" s="162"/>
      <c r="CX2166" s="98"/>
      <c r="DL2166" s="97"/>
      <c r="DX2166" s="98"/>
      <c r="EL2166" s="97"/>
      <c r="EX2166" s="98"/>
      <c r="EY2166" s="97"/>
      <c r="FL2166" s="126"/>
      <c r="FM2166" s="91"/>
      <c r="FN2166" s="91"/>
      <c r="FO2166" s="91"/>
      <c r="FP2166" s="91"/>
      <c r="FQ2166" s="91"/>
      <c r="FR2166" s="91"/>
      <c r="FS2166" s="91"/>
      <c r="FT2166" s="91"/>
      <c r="FU2166" s="91"/>
      <c r="FV2166" s="91"/>
      <c r="FW2166" s="91"/>
      <c r="FX2166" s="91"/>
      <c r="FY2166" s="91"/>
      <c r="FZ2166" s="91"/>
      <c r="GA2166" s="91"/>
      <c r="GB2166" s="91"/>
      <c r="GC2166" s="91"/>
      <c r="GD2166" s="91"/>
      <c r="GE2166" s="91"/>
      <c r="GF2166" s="91"/>
      <c r="GG2166" s="91"/>
      <c r="GH2166" s="91"/>
      <c r="GI2166" s="91"/>
      <c r="GJ2166" s="91"/>
      <c r="GK2166" s="127"/>
      <c r="GL2166" s="126"/>
      <c r="GM2166" s="91"/>
      <c r="GN2166" s="91"/>
      <c r="GO2166" s="91"/>
      <c r="GP2166" s="91"/>
      <c r="GQ2166" s="91"/>
      <c r="GR2166" s="91"/>
      <c r="GS2166" s="91"/>
      <c r="GT2166" s="91"/>
      <c r="GU2166" s="91"/>
      <c r="GV2166" s="91"/>
      <c r="GW2166" s="91"/>
      <c r="GX2166" s="91"/>
      <c r="GY2166" s="91"/>
      <c r="GZ2166" s="91"/>
      <c r="HA2166" s="91"/>
      <c r="HB2166" s="91"/>
      <c r="HC2166" s="91"/>
      <c r="HD2166" s="91"/>
      <c r="HE2166" s="91"/>
      <c r="HF2166" s="91"/>
      <c r="HG2166" s="91"/>
      <c r="HH2166" s="91"/>
      <c r="HI2166" s="91"/>
      <c r="HJ2166" s="91"/>
      <c r="HK2166" s="127"/>
      <c r="HL2166" s="126"/>
      <c r="HM2166" s="91"/>
      <c r="HN2166" s="91"/>
      <c r="HO2166" s="91"/>
      <c r="HP2166" s="91"/>
      <c r="HQ2166" s="91"/>
      <c r="HR2166" s="91"/>
      <c r="HS2166" s="91"/>
      <c r="HT2166" s="91"/>
      <c r="HU2166" s="91"/>
      <c r="HV2166" s="91"/>
      <c r="HW2166" s="91"/>
      <c r="HX2166" s="91"/>
      <c r="HY2166" s="91"/>
      <c r="HZ2166" s="91"/>
      <c r="IA2166" s="91"/>
      <c r="IB2166" s="91"/>
      <c r="IC2166" s="91"/>
      <c r="ID2166" s="91"/>
      <c r="IE2166" s="91"/>
      <c r="IF2166" s="91"/>
      <c r="IG2166" s="91"/>
      <c r="IH2166" s="91"/>
      <c r="II2166" s="91"/>
      <c r="IJ2166" s="91"/>
      <c r="IK2166" s="127"/>
    </row>
    <row r="2167" spans="2:245" x14ac:dyDescent="0.2">
      <c r="B2167" s="43"/>
      <c r="C2167" s="73"/>
      <c r="D2167" s="64"/>
      <c r="E2167" s="64"/>
      <c r="F2167" s="55"/>
      <c r="G2167" s="102"/>
      <c r="H2167" s="55"/>
      <c r="I2167" s="55"/>
      <c r="J2167" s="55"/>
      <c r="K2167" s="55"/>
      <c r="L2167" s="55"/>
      <c r="M2167" s="55"/>
      <c r="N2167" s="55"/>
      <c r="O2167" s="55"/>
      <c r="P2167" s="55"/>
      <c r="Q2167" s="55"/>
      <c r="R2167" s="55"/>
      <c r="S2167" s="55"/>
      <c r="T2167" s="55"/>
      <c r="U2167" s="55"/>
      <c r="V2167" s="55"/>
      <c r="W2167" s="55"/>
      <c r="X2167" s="55"/>
      <c r="Y2167" s="55"/>
      <c r="Z2167" s="55"/>
      <c r="AA2167" s="55"/>
      <c r="AB2167" s="55"/>
      <c r="AC2167" s="55"/>
      <c r="AD2167" s="55"/>
      <c r="AE2167" s="55"/>
      <c r="AF2167" s="55"/>
      <c r="AG2167" s="55"/>
      <c r="AY2167" s="162"/>
      <c r="AZ2167" s="162"/>
      <c r="BA2167" s="162"/>
      <c r="BB2167" s="162"/>
      <c r="BC2167" s="162"/>
      <c r="BD2167" s="162"/>
      <c r="BE2167" s="162"/>
      <c r="BF2167" s="162"/>
      <c r="BG2167" s="162"/>
      <c r="BH2167" s="162"/>
      <c r="BI2167" s="162"/>
      <c r="BJ2167" s="162"/>
      <c r="BK2167" s="162"/>
      <c r="BL2167" s="162"/>
      <c r="BM2167" s="162"/>
      <c r="BN2167" s="162"/>
      <c r="BO2167" s="162"/>
      <c r="BP2167" s="162"/>
      <c r="BQ2167" s="162"/>
      <c r="BR2167" s="162"/>
      <c r="BS2167" s="162"/>
      <c r="BT2167" s="162"/>
      <c r="BU2167" s="162"/>
      <c r="BV2167" s="162"/>
      <c r="BW2167" s="162"/>
      <c r="BX2167" s="162"/>
      <c r="BY2167" s="162"/>
      <c r="BZ2167" s="162"/>
      <c r="CA2167" s="162"/>
      <c r="CB2167" s="162"/>
      <c r="CC2167" s="162"/>
      <c r="CD2167" s="162"/>
      <c r="CE2167" s="162"/>
      <c r="CF2167" s="162"/>
      <c r="CG2167" s="162"/>
      <c r="CH2167" s="162"/>
      <c r="CI2167" s="162"/>
      <c r="CJ2167" s="162"/>
      <c r="CK2167" s="162"/>
      <c r="CL2167" s="163"/>
      <c r="CM2167" s="163"/>
      <c r="CN2167" s="163"/>
      <c r="CO2167" s="163"/>
      <c r="CP2167" s="163"/>
      <c r="CQ2167" s="163"/>
      <c r="CR2167" s="163"/>
      <c r="CS2167" s="163"/>
      <c r="CT2167" s="163"/>
      <c r="CU2167" s="163"/>
      <c r="CV2167" s="163"/>
      <c r="CW2167" s="163"/>
      <c r="CX2167" s="173"/>
      <c r="CY2167" s="163"/>
      <c r="CZ2167" s="163"/>
      <c r="DA2167" s="163"/>
      <c r="DB2167" s="163"/>
      <c r="DC2167" s="163"/>
      <c r="DD2167" s="163"/>
      <c r="DE2167" s="163"/>
      <c r="DF2167" s="163"/>
      <c r="DG2167" s="163"/>
      <c r="DH2167" s="163"/>
      <c r="DI2167" s="163"/>
      <c r="DJ2167" s="163"/>
      <c r="DK2167" s="163"/>
      <c r="DL2167" s="172"/>
      <c r="DM2167" s="163"/>
      <c r="DN2167" s="163"/>
      <c r="DO2167" s="163"/>
      <c r="DP2167" s="163"/>
      <c r="DQ2167" s="163"/>
      <c r="DR2167" s="163"/>
      <c r="DS2167" s="163"/>
      <c r="DT2167" s="163"/>
      <c r="DU2167" s="163"/>
      <c r="DV2167" s="163"/>
      <c r="DW2167" s="163"/>
      <c r="DX2167" s="173"/>
      <c r="DY2167" s="163"/>
      <c r="DZ2167" s="163"/>
      <c r="EA2167" s="163"/>
      <c r="EB2167" s="163"/>
      <c r="EC2167" s="163"/>
      <c r="ED2167" s="163"/>
      <c r="EE2167" s="163"/>
      <c r="EF2167" s="163"/>
      <c r="EG2167" s="163"/>
      <c r="EH2167" s="163"/>
      <c r="EI2167" s="163"/>
      <c r="EJ2167" s="163"/>
      <c r="EK2167" s="163"/>
      <c r="EL2167" s="172"/>
      <c r="EM2167" s="163"/>
      <c r="EN2167" s="163"/>
      <c r="EO2167" s="163"/>
      <c r="EP2167" s="163"/>
      <c r="EQ2167" s="163"/>
      <c r="ER2167" s="163"/>
      <c r="ES2167" s="163"/>
      <c r="ET2167" s="163"/>
      <c r="EU2167" s="163"/>
      <c r="EV2167" s="163"/>
      <c r="EW2167" s="163"/>
      <c r="EX2167" s="173"/>
      <c r="EY2167" s="172"/>
      <c r="EZ2167" s="163"/>
      <c r="FA2167" s="163"/>
      <c r="FB2167" s="163"/>
      <c r="FC2167" s="163"/>
      <c r="FD2167" s="163"/>
      <c r="FE2167" s="163"/>
      <c r="FF2167" s="163"/>
      <c r="FG2167" s="163"/>
      <c r="FH2167" s="163"/>
      <c r="FI2167" s="163"/>
      <c r="FJ2167" s="163"/>
      <c r="FK2167" s="163"/>
      <c r="FL2167" s="126"/>
      <c r="FM2167" s="91"/>
      <c r="FN2167" s="91"/>
      <c r="FO2167" s="91"/>
      <c r="FP2167" s="91"/>
      <c r="FQ2167" s="91"/>
      <c r="FR2167" s="91"/>
      <c r="FS2167" s="91"/>
      <c r="FT2167" s="91"/>
      <c r="FU2167" s="91"/>
      <c r="FV2167" s="91"/>
      <c r="FW2167" s="91"/>
      <c r="FX2167" s="91"/>
      <c r="FY2167" s="91"/>
      <c r="FZ2167" s="91"/>
      <c r="GA2167" s="91"/>
      <c r="GB2167" s="91"/>
      <c r="GC2167" s="91"/>
      <c r="GD2167" s="91"/>
      <c r="GE2167" s="91"/>
      <c r="GF2167" s="91"/>
      <c r="GG2167" s="91"/>
      <c r="GH2167" s="91"/>
      <c r="GI2167" s="91"/>
      <c r="GJ2167" s="91"/>
      <c r="GK2167" s="127"/>
      <c r="GL2167" s="126"/>
      <c r="GM2167" s="91"/>
      <c r="GN2167" s="91"/>
      <c r="GO2167" s="91"/>
      <c r="GP2167" s="91"/>
      <c r="GQ2167" s="91"/>
      <c r="GR2167" s="91"/>
      <c r="GS2167" s="91"/>
      <c r="GT2167" s="91"/>
      <c r="GU2167" s="91"/>
      <c r="GV2167" s="91"/>
      <c r="GW2167" s="91"/>
      <c r="GX2167" s="91"/>
      <c r="GY2167" s="91"/>
      <c r="GZ2167" s="91"/>
      <c r="HA2167" s="91"/>
      <c r="HB2167" s="91"/>
      <c r="HC2167" s="91"/>
      <c r="HD2167" s="91"/>
      <c r="HE2167" s="91"/>
      <c r="HF2167" s="91"/>
      <c r="HG2167" s="91"/>
      <c r="HH2167" s="91"/>
      <c r="HI2167" s="91"/>
      <c r="HJ2167" s="91"/>
      <c r="HK2167" s="127"/>
      <c r="HL2167" s="126"/>
      <c r="HM2167" s="91"/>
      <c r="HN2167" s="91"/>
      <c r="HO2167" s="91"/>
      <c r="HP2167" s="91"/>
      <c r="HQ2167" s="91"/>
      <c r="HR2167" s="91"/>
      <c r="HS2167" s="91"/>
      <c r="HT2167" s="91"/>
      <c r="HU2167" s="91"/>
      <c r="HV2167" s="91"/>
      <c r="HW2167" s="91"/>
      <c r="HX2167" s="91"/>
      <c r="HY2167" s="91"/>
      <c r="HZ2167" s="91"/>
      <c r="IA2167" s="91"/>
      <c r="IB2167" s="91"/>
      <c r="IC2167" s="91"/>
      <c r="ID2167" s="91"/>
      <c r="IE2167" s="91"/>
      <c r="IF2167" s="91"/>
      <c r="IG2167" s="91"/>
      <c r="IH2167" s="91"/>
      <c r="II2167" s="91"/>
      <c r="IJ2167" s="91"/>
      <c r="IK2167" s="127"/>
    </row>
    <row r="2168" spans="2:245" x14ac:dyDescent="0.2">
      <c r="B2168" s="43"/>
      <c r="C2168" s="73"/>
      <c r="D2168" s="64"/>
      <c r="E2168" s="64"/>
      <c r="F2168" s="55"/>
      <c r="G2168" s="102"/>
      <c r="H2168" s="55"/>
      <c r="I2168" s="55"/>
      <c r="J2168" s="55"/>
      <c r="K2168" s="55"/>
      <c r="L2168" s="55"/>
      <c r="M2168" s="55"/>
      <c r="N2168" s="55"/>
      <c r="O2168" s="55"/>
      <c r="P2168" s="55"/>
      <c r="Q2168" s="55"/>
      <c r="R2168" s="55"/>
      <c r="S2168" s="55"/>
      <c r="T2168" s="55"/>
      <c r="U2168" s="55"/>
      <c r="V2168" s="55"/>
      <c r="W2168" s="55"/>
      <c r="X2168" s="55"/>
      <c r="Y2168" s="55"/>
      <c r="Z2168" s="55"/>
      <c r="AA2168" s="55"/>
      <c r="AB2168" s="55"/>
      <c r="AC2168" s="55"/>
      <c r="AD2168" s="55"/>
      <c r="AE2168" s="55"/>
      <c r="AF2168" s="55"/>
      <c r="AG2168" s="55"/>
      <c r="AY2168" s="162"/>
      <c r="AZ2168" s="162"/>
      <c r="BA2168" s="162"/>
      <c r="BB2168" s="162"/>
      <c r="BC2168" s="162"/>
      <c r="BD2168" s="162"/>
      <c r="BE2168" s="162"/>
      <c r="BF2168" s="162"/>
      <c r="BG2168" s="162"/>
      <c r="BH2168" s="162"/>
      <c r="BI2168" s="162"/>
      <c r="BJ2168" s="162"/>
      <c r="BK2168" s="162"/>
      <c r="BL2168" s="162"/>
      <c r="BM2168" s="162"/>
      <c r="BN2168" s="162"/>
      <c r="BO2168" s="162"/>
      <c r="BP2168" s="162"/>
      <c r="BQ2168" s="162"/>
      <c r="BR2168" s="162"/>
      <c r="BS2168" s="162"/>
      <c r="BT2168" s="162"/>
      <c r="BU2168" s="162"/>
      <c r="BV2168" s="162"/>
      <c r="BW2168" s="162"/>
      <c r="BX2168" s="162"/>
      <c r="BY2168" s="162"/>
      <c r="BZ2168" s="162"/>
      <c r="CA2168" s="162"/>
      <c r="CB2168" s="162"/>
      <c r="CC2168" s="162"/>
      <c r="CD2168" s="162"/>
      <c r="CE2168" s="162"/>
      <c r="CF2168" s="162"/>
      <c r="CG2168" s="162"/>
      <c r="CH2168" s="162"/>
      <c r="CI2168" s="162"/>
      <c r="CJ2168" s="162"/>
      <c r="CK2168" s="162"/>
      <c r="CX2168" s="98"/>
      <c r="DL2168" s="97"/>
      <c r="DX2168" s="98"/>
      <c r="EL2168" s="97"/>
      <c r="EX2168" s="98"/>
      <c r="EY2168" s="97"/>
      <c r="FL2168" s="126"/>
      <c r="FM2168" s="91"/>
      <c r="FN2168" s="91"/>
      <c r="FO2168" s="91"/>
      <c r="FP2168" s="91"/>
      <c r="FQ2168" s="91"/>
      <c r="FR2168" s="91"/>
      <c r="FS2168" s="91"/>
      <c r="FT2168" s="91"/>
      <c r="FU2168" s="91"/>
      <c r="FV2168" s="91"/>
      <c r="FW2168" s="91"/>
      <c r="FX2168" s="91"/>
      <c r="FY2168" s="91"/>
      <c r="FZ2168" s="91"/>
      <c r="GA2168" s="91"/>
      <c r="GB2168" s="91"/>
      <c r="GC2168" s="91"/>
      <c r="GD2168" s="91"/>
      <c r="GE2168" s="91"/>
      <c r="GF2168" s="91"/>
      <c r="GG2168" s="91"/>
      <c r="GH2168" s="91"/>
      <c r="GI2168" s="91"/>
      <c r="GJ2168" s="91"/>
      <c r="GK2168" s="127"/>
      <c r="GL2168" s="126"/>
      <c r="GM2168" s="91"/>
      <c r="GN2168" s="91"/>
      <c r="GO2168" s="91"/>
      <c r="GP2168" s="91"/>
      <c r="GQ2168" s="91"/>
      <c r="GR2168" s="91"/>
      <c r="GS2168" s="91"/>
      <c r="GT2168" s="91"/>
      <c r="GU2168" s="91"/>
      <c r="GV2168" s="91"/>
      <c r="GW2168" s="91"/>
      <c r="GX2168" s="91"/>
      <c r="GY2168" s="91"/>
      <c r="GZ2168" s="91"/>
      <c r="HA2168" s="91"/>
      <c r="HB2168" s="91"/>
      <c r="HC2168" s="91"/>
      <c r="HD2168" s="91"/>
      <c r="HE2168" s="91"/>
      <c r="HF2168" s="91"/>
      <c r="HG2168" s="91"/>
      <c r="HH2168" s="91"/>
      <c r="HI2168" s="91"/>
      <c r="HJ2168" s="91"/>
      <c r="HK2168" s="127"/>
      <c r="HL2168" s="126"/>
      <c r="HM2168" s="91"/>
      <c r="HN2168" s="91"/>
      <c r="HO2168" s="91"/>
      <c r="HP2168" s="91"/>
      <c r="HQ2168" s="91"/>
      <c r="HR2168" s="91"/>
      <c r="HS2168" s="91"/>
      <c r="HT2168" s="91"/>
      <c r="HU2168" s="91"/>
      <c r="HV2168" s="91"/>
      <c r="HW2168" s="91"/>
      <c r="HX2168" s="91"/>
      <c r="HY2168" s="91"/>
      <c r="HZ2168" s="91"/>
      <c r="IA2168" s="91"/>
      <c r="IB2168" s="91"/>
      <c r="IC2168" s="91"/>
      <c r="ID2168" s="91"/>
      <c r="IE2168" s="91"/>
      <c r="IF2168" s="91"/>
      <c r="IG2168" s="91"/>
      <c r="IH2168" s="91"/>
      <c r="II2168" s="91"/>
      <c r="IJ2168" s="91"/>
      <c r="IK2168" s="127"/>
    </row>
    <row r="2169" spans="2:245" x14ac:dyDescent="0.2">
      <c r="B2169" s="43"/>
      <c r="C2169" s="73"/>
      <c r="D2169" s="64"/>
      <c r="E2169" s="64"/>
      <c r="F2169" s="55"/>
      <c r="G2169" s="102"/>
      <c r="H2169" s="55"/>
      <c r="I2169" s="55"/>
      <c r="J2169" s="55"/>
      <c r="K2169" s="55"/>
      <c r="L2169" s="55"/>
      <c r="M2169" s="55"/>
      <c r="N2169" s="55"/>
      <c r="O2169" s="55"/>
      <c r="P2169" s="55"/>
      <c r="Q2169" s="55"/>
      <c r="R2169" s="55"/>
      <c r="S2169" s="55"/>
      <c r="T2169" s="55"/>
      <c r="U2169" s="55"/>
      <c r="V2169" s="55"/>
      <c r="W2169" s="55"/>
      <c r="X2169" s="55"/>
      <c r="Y2169" s="55"/>
      <c r="Z2169" s="55"/>
      <c r="AA2169" s="55"/>
      <c r="AB2169" s="55"/>
      <c r="AC2169" s="55"/>
      <c r="AD2169" s="55"/>
      <c r="AE2169" s="55"/>
      <c r="AF2169" s="55"/>
      <c r="AG2169" s="55"/>
      <c r="AY2169" s="162"/>
      <c r="AZ2169" s="162"/>
      <c r="BA2169" s="162"/>
      <c r="BB2169" s="162"/>
      <c r="BC2169" s="162"/>
      <c r="BD2169" s="162"/>
      <c r="BE2169" s="162"/>
      <c r="BF2169" s="162"/>
      <c r="BG2169" s="162"/>
      <c r="BH2169" s="162"/>
      <c r="BI2169" s="162"/>
      <c r="BJ2169" s="162"/>
      <c r="BK2169" s="162"/>
      <c r="BL2169" s="162"/>
      <c r="BM2169" s="162"/>
      <c r="BN2169" s="162"/>
      <c r="BO2169" s="162"/>
      <c r="BP2169" s="162"/>
      <c r="BQ2169" s="162"/>
      <c r="BR2169" s="162"/>
      <c r="BS2169" s="162"/>
      <c r="BT2169" s="162"/>
      <c r="BU2169" s="162"/>
      <c r="BV2169" s="162"/>
      <c r="BW2169" s="162"/>
      <c r="BX2169" s="162"/>
      <c r="BY2169" s="162"/>
      <c r="BZ2169" s="162"/>
      <c r="CA2169" s="162"/>
      <c r="CB2169" s="162"/>
      <c r="CC2169" s="162"/>
      <c r="CD2169" s="162"/>
      <c r="CE2169" s="162"/>
      <c r="CF2169" s="162"/>
      <c r="CG2169" s="162"/>
      <c r="CH2169" s="162"/>
      <c r="CI2169" s="162"/>
      <c r="CJ2169" s="162"/>
      <c r="CK2169" s="162"/>
      <c r="CX2169" s="98"/>
      <c r="DL2169" s="97"/>
      <c r="DX2169" s="98"/>
      <c r="EL2169" s="97"/>
      <c r="EX2169" s="98"/>
      <c r="EY2169" s="97"/>
      <c r="FL2169" s="126"/>
      <c r="FM2169" s="91"/>
      <c r="FN2169" s="91"/>
      <c r="FO2169" s="91"/>
      <c r="FP2169" s="91"/>
      <c r="FQ2169" s="91"/>
      <c r="FR2169" s="91"/>
      <c r="FS2169" s="91"/>
      <c r="FT2169" s="91"/>
      <c r="FU2169" s="91"/>
      <c r="FV2169" s="91"/>
      <c r="FW2169" s="91"/>
      <c r="FX2169" s="91"/>
      <c r="FY2169" s="91"/>
      <c r="FZ2169" s="91"/>
      <c r="GA2169" s="91"/>
      <c r="GB2169" s="91"/>
      <c r="GC2169" s="91"/>
      <c r="GD2169" s="91"/>
      <c r="GE2169" s="91"/>
      <c r="GF2169" s="91"/>
      <c r="GG2169" s="91"/>
      <c r="GH2169" s="91"/>
      <c r="GI2169" s="91"/>
      <c r="GJ2169" s="91"/>
      <c r="GK2169" s="127"/>
      <c r="GL2169" s="126"/>
      <c r="GM2169" s="91"/>
      <c r="GN2169" s="91"/>
      <c r="GO2169" s="91"/>
      <c r="GP2169" s="91"/>
      <c r="GQ2169" s="91"/>
      <c r="GR2169" s="91"/>
      <c r="GS2169" s="91"/>
      <c r="GT2169" s="91"/>
      <c r="GU2169" s="91"/>
      <c r="GV2169" s="91"/>
      <c r="GW2169" s="91"/>
      <c r="GX2169" s="91"/>
      <c r="GY2169" s="91"/>
      <c r="GZ2169" s="91"/>
      <c r="HA2169" s="91"/>
      <c r="HB2169" s="91"/>
      <c r="HC2169" s="91"/>
      <c r="HD2169" s="91"/>
      <c r="HE2169" s="91"/>
      <c r="HF2169" s="91"/>
      <c r="HG2169" s="91"/>
      <c r="HH2169" s="91"/>
      <c r="HI2169" s="91"/>
      <c r="HJ2169" s="91"/>
      <c r="HK2169" s="127"/>
      <c r="HL2169" s="126"/>
      <c r="HM2169" s="91"/>
      <c r="HN2169" s="91"/>
      <c r="HO2169" s="91"/>
      <c r="HP2169" s="91"/>
      <c r="HQ2169" s="91"/>
      <c r="HR2169" s="91"/>
      <c r="HS2169" s="91"/>
      <c r="HT2169" s="91"/>
      <c r="HU2169" s="91"/>
      <c r="HV2169" s="91"/>
      <c r="HW2169" s="91"/>
      <c r="HX2169" s="91"/>
      <c r="HY2169" s="91"/>
      <c r="HZ2169" s="91"/>
      <c r="IA2169" s="91"/>
      <c r="IB2169" s="91"/>
      <c r="IC2169" s="91"/>
      <c r="ID2169" s="91"/>
      <c r="IE2169" s="91"/>
      <c r="IF2169" s="91"/>
      <c r="IG2169" s="91"/>
      <c r="IH2169" s="91"/>
      <c r="II2169" s="91"/>
      <c r="IJ2169" s="91"/>
      <c r="IK2169" s="127"/>
    </row>
    <row r="2170" spans="2:245" x14ac:dyDescent="0.2">
      <c r="B2170" s="43"/>
      <c r="C2170" s="73"/>
      <c r="D2170" s="64"/>
      <c r="E2170" s="64"/>
      <c r="F2170" s="55"/>
      <c r="G2170" s="102"/>
      <c r="H2170" s="55"/>
      <c r="I2170" s="55"/>
      <c r="J2170" s="55"/>
      <c r="K2170" s="55"/>
      <c r="L2170" s="55"/>
      <c r="M2170" s="55"/>
      <c r="N2170" s="55"/>
      <c r="O2170" s="55"/>
      <c r="P2170" s="55"/>
      <c r="Q2170" s="55"/>
      <c r="R2170" s="55"/>
      <c r="S2170" s="55"/>
      <c r="T2170" s="55"/>
      <c r="U2170" s="55"/>
      <c r="V2170" s="55"/>
      <c r="W2170" s="55"/>
      <c r="X2170" s="55"/>
      <c r="Y2170" s="55"/>
      <c r="Z2170" s="55"/>
      <c r="AA2170" s="55"/>
      <c r="AB2170" s="55"/>
      <c r="AC2170" s="55"/>
      <c r="AD2170" s="55"/>
      <c r="AE2170" s="55"/>
      <c r="AF2170" s="55"/>
      <c r="AG2170" s="55"/>
      <c r="AY2170" s="162"/>
      <c r="AZ2170" s="162"/>
      <c r="BA2170" s="162"/>
      <c r="BB2170" s="162"/>
      <c r="BC2170" s="162"/>
      <c r="BD2170" s="162"/>
      <c r="BE2170" s="162"/>
      <c r="BF2170" s="162"/>
      <c r="BG2170" s="162"/>
      <c r="BH2170" s="162"/>
      <c r="BI2170" s="162"/>
      <c r="BJ2170" s="162"/>
      <c r="BK2170" s="162"/>
      <c r="BL2170" s="162"/>
      <c r="BM2170" s="162"/>
      <c r="BN2170" s="162"/>
      <c r="BO2170" s="162"/>
      <c r="BP2170" s="162"/>
      <c r="BQ2170" s="162"/>
      <c r="BR2170" s="162"/>
      <c r="BS2170" s="162"/>
      <c r="BT2170" s="162"/>
      <c r="BU2170" s="162"/>
      <c r="BV2170" s="162"/>
      <c r="BW2170" s="162"/>
      <c r="BX2170" s="162"/>
      <c r="BY2170" s="162"/>
      <c r="BZ2170" s="162"/>
      <c r="CA2170" s="162"/>
      <c r="CB2170" s="162"/>
      <c r="CC2170" s="162"/>
      <c r="CD2170" s="162"/>
      <c r="CE2170" s="162"/>
      <c r="CF2170" s="162"/>
      <c r="CG2170" s="162"/>
      <c r="CH2170" s="162"/>
      <c r="CI2170" s="162"/>
      <c r="CJ2170" s="162"/>
      <c r="CK2170" s="162"/>
      <c r="CX2170" s="98"/>
      <c r="DL2170" s="97"/>
      <c r="DX2170" s="98"/>
      <c r="EL2170" s="97"/>
      <c r="EX2170" s="98"/>
      <c r="EY2170" s="97"/>
      <c r="FL2170" s="126"/>
      <c r="FM2170" s="91"/>
      <c r="FN2170" s="91"/>
      <c r="FO2170" s="91"/>
      <c r="FP2170" s="91"/>
      <c r="FQ2170" s="91"/>
      <c r="FR2170" s="91"/>
      <c r="FS2170" s="91"/>
      <c r="FT2170" s="91"/>
      <c r="FU2170" s="91"/>
      <c r="FV2170" s="91"/>
      <c r="FW2170" s="91"/>
      <c r="FX2170" s="91"/>
      <c r="FY2170" s="91"/>
      <c r="FZ2170" s="91"/>
      <c r="GA2170" s="91"/>
      <c r="GB2170" s="91"/>
      <c r="GC2170" s="91"/>
      <c r="GD2170" s="91"/>
      <c r="GE2170" s="91"/>
      <c r="GF2170" s="91"/>
      <c r="GG2170" s="91"/>
      <c r="GH2170" s="91"/>
      <c r="GI2170" s="91"/>
      <c r="GJ2170" s="91"/>
      <c r="GK2170" s="127"/>
      <c r="GL2170" s="126"/>
      <c r="GM2170" s="91"/>
      <c r="GN2170" s="91"/>
      <c r="GO2170" s="91"/>
      <c r="GP2170" s="91"/>
      <c r="GQ2170" s="91"/>
      <c r="GR2170" s="91"/>
      <c r="GS2170" s="91"/>
      <c r="GT2170" s="91"/>
      <c r="GU2170" s="91"/>
      <c r="GV2170" s="91"/>
      <c r="GW2170" s="91"/>
      <c r="GX2170" s="91"/>
      <c r="GY2170" s="91"/>
      <c r="GZ2170" s="91"/>
      <c r="HA2170" s="91"/>
      <c r="HB2170" s="91"/>
      <c r="HC2170" s="91"/>
      <c r="HD2170" s="91"/>
      <c r="HE2170" s="91"/>
      <c r="HF2170" s="91"/>
      <c r="HG2170" s="91"/>
      <c r="HH2170" s="91"/>
      <c r="HI2170" s="91"/>
      <c r="HJ2170" s="91"/>
      <c r="HK2170" s="127"/>
      <c r="HL2170" s="126"/>
      <c r="HM2170" s="91"/>
      <c r="HN2170" s="91"/>
      <c r="HO2170" s="91"/>
      <c r="HP2170" s="91"/>
      <c r="HQ2170" s="91"/>
      <c r="HR2170" s="91"/>
      <c r="HS2170" s="91"/>
      <c r="HT2170" s="91"/>
      <c r="HU2170" s="91"/>
      <c r="HV2170" s="91"/>
      <c r="HW2170" s="91"/>
      <c r="HX2170" s="91"/>
      <c r="HY2170" s="91"/>
      <c r="HZ2170" s="91"/>
      <c r="IA2170" s="91"/>
      <c r="IB2170" s="91"/>
      <c r="IC2170" s="91"/>
      <c r="ID2170" s="91"/>
      <c r="IE2170" s="91"/>
      <c r="IF2170" s="91"/>
      <c r="IG2170" s="91"/>
      <c r="IH2170" s="91"/>
      <c r="II2170" s="91"/>
      <c r="IJ2170" s="91"/>
      <c r="IK2170" s="127"/>
    </row>
    <row r="2171" spans="2:245" x14ac:dyDescent="0.2">
      <c r="B2171" s="43"/>
      <c r="C2171" s="73"/>
      <c r="D2171" s="64"/>
      <c r="E2171" s="64"/>
      <c r="F2171" s="55"/>
      <c r="G2171" s="102"/>
      <c r="H2171" s="55"/>
      <c r="I2171" s="55"/>
      <c r="J2171" s="55"/>
      <c r="K2171" s="55"/>
      <c r="L2171" s="55"/>
      <c r="M2171" s="55"/>
      <c r="N2171" s="55"/>
      <c r="O2171" s="55"/>
      <c r="P2171" s="55"/>
      <c r="Q2171" s="55"/>
      <c r="R2171" s="55"/>
      <c r="S2171" s="55"/>
      <c r="T2171" s="55"/>
      <c r="U2171" s="55"/>
      <c r="V2171" s="55"/>
      <c r="W2171" s="55"/>
      <c r="X2171" s="55"/>
      <c r="Y2171" s="55"/>
      <c r="Z2171" s="55"/>
      <c r="AA2171" s="55"/>
      <c r="AB2171" s="55"/>
      <c r="AC2171" s="55"/>
      <c r="AD2171" s="55"/>
      <c r="AE2171" s="55"/>
      <c r="AF2171" s="55"/>
      <c r="AG2171" s="55"/>
      <c r="AY2171" s="162"/>
      <c r="AZ2171" s="162"/>
      <c r="BA2171" s="162"/>
      <c r="BB2171" s="162"/>
      <c r="BC2171" s="162"/>
      <c r="BD2171" s="162"/>
      <c r="BE2171" s="162"/>
      <c r="BF2171" s="162"/>
      <c r="BG2171" s="162"/>
      <c r="BH2171" s="162"/>
      <c r="BI2171" s="162"/>
      <c r="BJ2171" s="162"/>
      <c r="BK2171" s="162"/>
      <c r="BL2171" s="162"/>
      <c r="BM2171" s="162"/>
      <c r="BN2171" s="162"/>
      <c r="BO2171" s="162"/>
      <c r="BP2171" s="162"/>
      <c r="BQ2171" s="162"/>
      <c r="BR2171" s="162"/>
      <c r="BS2171" s="162"/>
      <c r="BT2171" s="162"/>
      <c r="BU2171" s="162"/>
      <c r="BV2171" s="162"/>
      <c r="BW2171" s="162"/>
      <c r="BX2171" s="162"/>
      <c r="BY2171" s="162"/>
      <c r="BZ2171" s="162"/>
      <c r="CA2171" s="162"/>
      <c r="CB2171" s="162"/>
      <c r="CC2171" s="162"/>
      <c r="CD2171" s="162"/>
      <c r="CE2171" s="162"/>
      <c r="CF2171" s="162"/>
      <c r="CG2171" s="162"/>
      <c r="CH2171" s="162"/>
      <c r="CI2171" s="162"/>
      <c r="CJ2171" s="162"/>
      <c r="CK2171" s="162"/>
      <c r="CX2171" s="98"/>
      <c r="DL2171" s="97"/>
      <c r="DX2171" s="98"/>
      <c r="EL2171" s="97"/>
      <c r="EX2171" s="98"/>
      <c r="EY2171" s="97"/>
      <c r="FL2171" s="126"/>
      <c r="FM2171" s="91"/>
      <c r="FN2171" s="91"/>
      <c r="FO2171" s="91"/>
      <c r="FP2171" s="91"/>
      <c r="FQ2171" s="91"/>
      <c r="FR2171" s="91"/>
      <c r="FS2171" s="91"/>
      <c r="FT2171" s="91"/>
      <c r="FU2171" s="91"/>
      <c r="FV2171" s="91"/>
      <c r="FW2171" s="91"/>
      <c r="FX2171" s="91"/>
      <c r="FY2171" s="91"/>
      <c r="FZ2171" s="91"/>
      <c r="GA2171" s="91"/>
      <c r="GB2171" s="91"/>
      <c r="GC2171" s="91"/>
      <c r="GD2171" s="91"/>
      <c r="GE2171" s="91"/>
      <c r="GF2171" s="91"/>
      <c r="GG2171" s="91"/>
      <c r="GH2171" s="91"/>
      <c r="GI2171" s="91"/>
      <c r="GJ2171" s="91"/>
      <c r="GK2171" s="127"/>
      <c r="GL2171" s="126"/>
      <c r="GM2171" s="91"/>
      <c r="GN2171" s="91"/>
      <c r="GO2171" s="91"/>
      <c r="GP2171" s="91"/>
      <c r="GQ2171" s="91"/>
      <c r="GR2171" s="91"/>
      <c r="GS2171" s="91"/>
      <c r="GT2171" s="91"/>
      <c r="GU2171" s="91"/>
      <c r="GV2171" s="91"/>
      <c r="GW2171" s="91"/>
      <c r="GX2171" s="91"/>
      <c r="GY2171" s="91"/>
      <c r="GZ2171" s="91"/>
      <c r="HA2171" s="91"/>
      <c r="HB2171" s="91"/>
      <c r="HC2171" s="91"/>
      <c r="HD2171" s="91"/>
      <c r="HE2171" s="91"/>
      <c r="HF2171" s="91"/>
      <c r="HG2171" s="91"/>
      <c r="HH2171" s="91"/>
      <c r="HI2171" s="91"/>
      <c r="HJ2171" s="91"/>
      <c r="HK2171" s="127"/>
      <c r="HL2171" s="126"/>
      <c r="HM2171" s="91"/>
      <c r="HN2171" s="91"/>
      <c r="HO2171" s="91"/>
      <c r="HP2171" s="91"/>
      <c r="HQ2171" s="91"/>
      <c r="HR2171" s="91"/>
      <c r="HS2171" s="91"/>
      <c r="HT2171" s="91"/>
      <c r="HU2171" s="91"/>
      <c r="HV2171" s="91"/>
      <c r="HW2171" s="91"/>
      <c r="HX2171" s="91"/>
      <c r="HY2171" s="91"/>
      <c r="HZ2171" s="91"/>
      <c r="IA2171" s="91"/>
      <c r="IB2171" s="91"/>
      <c r="IC2171" s="91"/>
      <c r="ID2171" s="91"/>
      <c r="IE2171" s="91"/>
      <c r="IF2171" s="91"/>
      <c r="IG2171" s="91"/>
      <c r="IH2171" s="91"/>
      <c r="II2171" s="91"/>
      <c r="IJ2171" s="91"/>
      <c r="IK2171" s="127"/>
    </row>
    <row r="2172" spans="2:245" x14ac:dyDescent="0.2">
      <c r="B2172" s="43"/>
      <c r="C2172" s="73"/>
      <c r="D2172" s="64"/>
      <c r="E2172" s="64"/>
      <c r="F2172" s="55"/>
      <c r="G2172" s="102"/>
      <c r="H2172" s="55"/>
      <c r="I2172" s="55"/>
      <c r="J2172" s="55"/>
      <c r="K2172" s="55"/>
      <c r="L2172" s="55"/>
      <c r="M2172" s="55"/>
      <c r="N2172" s="55"/>
      <c r="O2172" s="55"/>
      <c r="P2172" s="55"/>
      <c r="Q2172" s="55"/>
      <c r="R2172" s="55"/>
      <c r="S2172" s="55"/>
      <c r="T2172" s="55"/>
      <c r="U2172" s="55"/>
      <c r="V2172" s="55"/>
      <c r="W2172" s="55"/>
      <c r="X2172" s="55"/>
      <c r="Y2172" s="55"/>
      <c r="Z2172" s="55"/>
      <c r="AA2172" s="55"/>
      <c r="AB2172" s="55"/>
      <c r="AC2172" s="55"/>
      <c r="AD2172" s="55"/>
      <c r="AE2172" s="55"/>
      <c r="AF2172" s="55"/>
      <c r="AG2172" s="55"/>
      <c r="AY2172" s="162"/>
      <c r="AZ2172" s="162"/>
      <c r="BA2172" s="162"/>
      <c r="BB2172" s="162"/>
      <c r="BC2172" s="162"/>
      <c r="BD2172" s="162"/>
      <c r="BE2172" s="162"/>
      <c r="BF2172" s="162"/>
      <c r="BG2172" s="162"/>
      <c r="BH2172" s="162"/>
      <c r="BI2172" s="162"/>
      <c r="BJ2172" s="162"/>
      <c r="BK2172" s="162"/>
      <c r="BL2172" s="162"/>
      <c r="BM2172" s="162"/>
      <c r="BN2172" s="162"/>
      <c r="BO2172" s="162"/>
      <c r="BP2172" s="162"/>
      <c r="BQ2172" s="162"/>
      <c r="BR2172" s="162"/>
      <c r="BS2172" s="162"/>
      <c r="BT2172" s="162"/>
      <c r="BU2172" s="162"/>
      <c r="BV2172" s="162"/>
      <c r="BW2172" s="162"/>
      <c r="BX2172" s="162"/>
      <c r="BY2172" s="162"/>
      <c r="BZ2172" s="162"/>
      <c r="CA2172" s="162"/>
      <c r="CB2172" s="162"/>
      <c r="CC2172" s="162"/>
      <c r="CD2172" s="162"/>
      <c r="CE2172" s="162"/>
      <c r="CF2172" s="162"/>
      <c r="CG2172" s="162"/>
      <c r="CH2172" s="162"/>
      <c r="CI2172" s="162"/>
      <c r="CJ2172" s="162"/>
      <c r="CK2172" s="162"/>
      <c r="CX2172" s="98"/>
      <c r="DL2172" s="97"/>
      <c r="DX2172" s="98"/>
      <c r="EL2172" s="97"/>
      <c r="EX2172" s="98"/>
      <c r="EY2172" s="97"/>
      <c r="FL2172" s="126"/>
      <c r="FM2172" s="91"/>
      <c r="FN2172" s="91"/>
      <c r="FO2172" s="91"/>
      <c r="FP2172" s="91"/>
      <c r="FQ2172" s="91"/>
      <c r="FR2172" s="91"/>
      <c r="FS2172" s="91"/>
      <c r="FT2172" s="91"/>
      <c r="FU2172" s="91"/>
      <c r="FV2172" s="91"/>
      <c r="FW2172" s="91"/>
      <c r="FX2172" s="91"/>
      <c r="FY2172" s="91"/>
      <c r="FZ2172" s="91"/>
      <c r="GA2172" s="91"/>
      <c r="GB2172" s="91"/>
      <c r="GC2172" s="91"/>
      <c r="GD2172" s="91"/>
      <c r="GE2172" s="91"/>
      <c r="GF2172" s="91"/>
      <c r="GG2172" s="91"/>
      <c r="GH2172" s="91"/>
      <c r="GI2172" s="91"/>
      <c r="GJ2172" s="91"/>
      <c r="GK2172" s="127"/>
      <c r="GL2172" s="126"/>
      <c r="GM2172" s="91"/>
      <c r="GN2172" s="91"/>
      <c r="GO2172" s="91"/>
      <c r="GP2172" s="91"/>
      <c r="GQ2172" s="91"/>
      <c r="GR2172" s="91"/>
      <c r="GS2172" s="91"/>
      <c r="GT2172" s="91"/>
      <c r="GU2172" s="91"/>
      <c r="GV2172" s="91"/>
      <c r="GW2172" s="91"/>
      <c r="GX2172" s="91"/>
      <c r="GY2172" s="91"/>
      <c r="GZ2172" s="91"/>
      <c r="HA2172" s="91"/>
      <c r="HB2172" s="91"/>
      <c r="HC2172" s="91"/>
      <c r="HD2172" s="91"/>
      <c r="HE2172" s="91"/>
      <c r="HF2172" s="91"/>
      <c r="HG2172" s="91"/>
      <c r="HH2172" s="91"/>
      <c r="HI2172" s="91"/>
      <c r="HJ2172" s="91"/>
      <c r="HK2172" s="127"/>
      <c r="HL2172" s="126"/>
      <c r="HM2172" s="91"/>
      <c r="HN2172" s="91"/>
      <c r="HO2172" s="91"/>
      <c r="HP2172" s="91"/>
      <c r="HQ2172" s="91"/>
      <c r="HR2172" s="91"/>
      <c r="HS2172" s="91"/>
      <c r="HT2172" s="91"/>
      <c r="HU2172" s="91"/>
      <c r="HV2172" s="91"/>
      <c r="HW2172" s="91"/>
      <c r="HX2172" s="91"/>
      <c r="HY2172" s="91"/>
      <c r="HZ2172" s="91"/>
      <c r="IA2172" s="91"/>
      <c r="IB2172" s="91"/>
      <c r="IC2172" s="91"/>
      <c r="ID2172" s="91"/>
      <c r="IE2172" s="91"/>
      <c r="IF2172" s="91"/>
      <c r="IG2172" s="91"/>
      <c r="IH2172" s="91"/>
      <c r="II2172" s="91"/>
      <c r="IJ2172" s="91"/>
      <c r="IK2172" s="127"/>
    </row>
    <row r="2173" spans="2:245" x14ac:dyDescent="0.2">
      <c r="B2173" s="43"/>
      <c r="C2173" s="73"/>
      <c r="D2173" s="64"/>
      <c r="E2173" s="64"/>
      <c r="F2173" s="55"/>
      <c r="G2173" s="102"/>
      <c r="H2173" s="55"/>
      <c r="I2173" s="55"/>
      <c r="J2173" s="55"/>
      <c r="K2173" s="55"/>
      <c r="L2173" s="55"/>
      <c r="M2173" s="55"/>
      <c r="N2173" s="55"/>
      <c r="O2173" s="55"/>
      <c r="P2173" s="55"/>
      <c r="Q2173" s="55"/>
      <c r="R2173" s="55"/>
      <c r="S2173" s="55"/>
      <c r="T2173" s="55"/>
      <c r="U2173" s="55"/>
      <c r="V2173" s="55"/>
      <c r="W2173" s="55"/>
      <c r="X2173" s="55"/>
      <c r="Y2173" s="55"/>
      <c r="Z2173" s="55"/>
      <c r="AA2173" s="55"/>
      <c r="AB2173" s="55"/>
      <c r="AC2173" s="55"/>
      <c r="AD2173" s="55"/>
      <c r="AE2173" s="55"/>
      <c r="AF2173" s="55"/>
      <c r="AG2173" s="55"/>
      <c r="AY2173" s="162"/>
      <c r="AZ2173" s="162"/>
      <c r="BA2173" s="162"/>
      <c r="BB2173" s="162"/>
      <c r="BC2173" s="162"/>
      <c r="BD2173" s="162"/>
      <c r="BE2173" s="162"/>
      <c r="BF2173" s="162"/>
      <c r="BG2173" s="162"/>
      <c r="BH2173" s="162"/>
      <c r="BI2173" s="162"/>
      <c r="BJ2173" s="162"/>
      <c r="BK2173" s="162"/>
      <c r="BL2173" s="162"/>
      <c r="BM2173" s="162"/>
      <c r="BN2173" s="162"/>
      <c r="BO2173" s="162"/>
      <c r="BP2173" s="162"/>
      <c r="BQ2173" s="162"/>
      <c r="BR2173" s="162"/>
      <c r="BS2173" s="162"/>
      <c r="BT2173" s="162"/>
      <c r="BU2173" s="162"/>
      <c r="BV2173" s="162"/>
      <c r="BW2173" s="162"/>
      <c r="BX2173" s="162"/>
      <c r="BY2173" s="162"/>
      <c r="BZ2173" s="162"/>
      <c r="CA2173" s="162"/>
      <c r="CB2173" s="162"/>
      <c r="CC2173" s="162"/>
      <c r="CD2173" s="162"/>
      <c r="CE2173" s="162"/>
      <c r="CF2173" s="162"/>
      <c r="CG2173" s="162"/>
      <c r="CH2173" s="162"/>
      <c r="CI2173" s="162"/>
      <c r="CJ2173" s="162"/>
      <c r="CK2173" s="162"/>
      <c r="CX2173" s="98"/>
      <c r="DL2173" s="97"/>
      <c r="DX2173" s="98"/>
      <c r="EL2173" s="97"/>
      <c r="EX2173" s="98"/>
      <c r="EY2173" s="97"/>
      <c r="FL2173" s="126"/>
      <c r="FM2173" s="91"/>
      <c r="FN2173" s="91"/>
      <c r="FO2173" s="91"/>
      <c r="FP2173" s="91"/>
      <c r="FQ2173" s="91"/>
      <c r="FR2173" s="91"/>
      <c r="FS2173" s="91"/>
      <c r="FT2173" s="91"/>
      <c r="FU2173" s="91"/>
      <c r="FV2173" s="91"/>
      <c r="FW2173" s="91"/>
      <c r="FX2173" s="91"/>
      <c r="FY2173" s="91"/>
      <c r="FZ2173" s="91"/>
      <c r="GA2173" s="91"/>
      <c r="GB2173" s="91"/>
      <c r="GC2173" s="91"/>
      <c r="GD2173" s="91"/>
      <c r="GE2173" s="91"/>
      <c r="GF2173" s="91"/>
      <c r="GG2173" s="91"/>
      <c r="GH2173" s="91"/>
      <c r="GI2173" s="91"/>
      <c r="GJ2173" s="91"/>
      <c r="GK2173" s="127"/>
      <c r="GL2173" s="126"/>
      <c r="GM2173" s="91"/>
      <c r="GN2173" s="91"/>
      <c r="GO2173" s="91"/>
      <c r="GP2173" s="91"/>
      <c r="GQ2173" s="91"/>
      <c r="GR2173" s="91"/>
      <c r="GS2173" s="91"/>
      <c r="GT2173" s="91"/>
      <c r="GU2173" s="91"/>
      <c r="GV2173" s="91"/>
      <c r="GW2173" s="91"/>
      <c r="GX2173" s="91"/>
      <c r="GY2173" s="91"/>
      <c r="GZ2173" s="91"/>
      <c r="HA2173" s="91"/>
      <c r="HB2173" s="91"/>
      <c r="HC2173" s="91"/>
      <c r="HD2173" s="91"/>
      <c r="HE2173" s="91"/>
      <c r="HF2173" s="91"/>
      <c r="HG2173" s="91"/>
      <c r="HH2173" s="91"/>
      <c r="HI2173" s="91"/>
      <c r="HJ2173" s="91"/>
      <c r="HK2173" s="127"/>
      <c r="HL2173" s="126"/>
      <c r="HM2173" s="91"/>
      <c r="HN2173" s="91"/>
      <c r="HO2173" s="91"/>
      <c r="HP2173" s="91"/>
      <c r="HQ2173" s="91"/>
      <c r="HR2173" s="91"/>
      <c r="HS2173" s="91"/>
      <c r="HT2173" s="91"/>
      <c r="HU2173" s="91"/>
      <c r="HV2173" s="91"/>
      <c r="HW2173" s="91"/>
      <c r="HX2173" s="91"/>
      <c r="HY2173" s="91"/>
      <c r="HZ2173" s="91"/>
      <c r="IA2173" s="91"/>
      <c r="IB2173" s="91"/>
      <c r="IC2173" s="91"/>
      <c r="ID2173" s="91"/>
      <c r="IE2173" s="91"/>
      <c r="IF2173" s="91"/>
      <c r="IG2173" s="91"/>
      <c r="IH2173" s="91"/>
      <c r="II2173" s="91"/>
      <c r="IJ2173" s="91"/>
      <c r="IK2173" s="127"/>
    </row>
    <row r="2174" spans="2:245" x14ac:dyDescent="0.2">
      <c r="B2174" s="43"/>
      <c r="C2174" s="73"/>
      <c r="D2174" s="64"/>
      <c r="E2174" s="64"/>
      <c r="F2174" s="55"/>
      <c r="G2174" s="102"/>
      <c r="H2174" s="55"/>
      <c r="I2174" s="55"/>
      <c r="J2174" s="55"/>
      <c r="K2174" s="55"/>
      <c r="L2174" s="55"/>
      <c r="M2174" s="55"/>
      <c r="N2174" s="55"/>
      <c r="O2174" s="55"/>
      <c r="P2174" s="55"/>
      <c r="Q2174" s="55"/>
      <c r="R2174" s="55"/>
      <c r="S2174" s="55"/>
      <c r="T2174" s="55"/>
      <c r="U2174" s="55"/>
      <c r="V2174" s="55"/>
      <c r="W2174" s="55"/>
      <c r="X2174" s="55"/>
      <c r="Y2174" s="55"/>
      <c r="Z2174" s="55"/>
      <c r="AA2174" s="55"/>
      <c r="AB2174" s="55"/>
      <c r="AC2174" s="55"/>
      <c r="AD2174" s="55"/>
      <c r="AE2174" s="55"/>
      <c r="AF2174" s="55"/>
      <c r="AG2174" s="55"/>
      <c r="AY2174" s="162"/>
      <c r="AZ2174" s="162"/>
      <c r="BA2174" s="162"/>
      <c r="BB2174" s="162"/>
      <c r="BC2174" s="162"/>
      <c r="BD2174" s="162"/>
      <c r="BE2174" s="162"/>
      <c r="BF2174" s="162"/>
      <c r="BG2174" s="162"/>
      <c r="BH2174" s="162"/>
      <c r="BI2174" s="162"/>
      <c r="BJ2174" s="162"/>
      <c r="BK2174" s="162"/>
      <c r="BL2174" s="162"/>
      <c r="BM2174" s="162"/>
      <c r="BN2174" s="162"/>
      <c r="BO2174" s="162"/>
      <c r="BP2174" s="162"/>
      <c r="BQ2174" s="162"/>
      <c r="BR2174" s="162"/>
      <c r="BS2174" s="162"/>
      <c r="BT2174" s="162"/>
      <c r="BU2174" s="162"/>
      <c r="BV2174" s="162"/>
      <c r="BW2174" s="162"/>
      <c r="BX2174" s="162"/>
      <c r="BY2174" s="162"/>
      <c r="BZ2174" s="162"/>
      <c r="CA2174" s="162"/>
      <c r="CB2174" s="162"/>
      <c r="CC2174" s="162"/>
      <c r="CD2174" s="162"/>
      <c r="CE2174" s="162"/>
      <c r="CF2174" s="162"/>
      <c r="CG2174" s="162"/>
      <c r="CH2174" s="162"/>
      <c r="CI2174" s="162"/>
      <c r="CJ2174" s="162"/>
      <c r="CK2174" s="162"/>
      <c r="CX2174" s="98"/>
      <c r="DL2174" s="97"/>
      <c r="DX2174" s="98"/>
      <c r="EL2174" s="97"/>
      <c r="EX2174" s="98"/>
      <c r="EY2174" s="97"/>
      <c r="FL2174" s="126"/>
      <c r="FM2174" s="91"/>
      <c r="FN2174" s="91"/>
      <c r="FO2174" s="91"/>
      <c r="FP2174" s="91"/>
      <c r="FQ2174" s="91"/>
      <c r="FR2174" s="91"/>
      <c r="FS2174" s="91"/>
      <c r="FT2174" s="91"/>
      <c r="FU2174" s="91"/>
      <c r="FV2174" s="91"/>
      <c r="FW2174" s="91"/>
      <c r="FX2174" s="91"/>
      <c r="FY2174" s="91"/>
      <c r="FZ2174" s="91"/>
      <c r="GA2174" s="91"/>
      <c r="GB2174" s="91"/>
      <c r="GC2174" s="91"/>
      <c r="GD2174" s="91"/>
      <c r="GE2174" s="91"/>
      <c r="GF2174" s="91"/>
      <c r="GG2174" s="91"/>
      <c r="GH2174" s="91"/>
      <c r="GI2174" s="91"/>
      <c r="GJ2174" s="91"/>
      <c r="GK2174" s="127"/>
      <c r="GL2174" s="126"/>
      <c r="GM2174" s="91"/>
      <c r="GN2174" s="91"/>
      <c r="GO2174" s="91"/>
      <c r="GP2174" s="91"/>
      <c r="GQ2174" s="91"/>
      <c r="GR2174" s="91"/>
      <c r="GS2174" s="91"/>
      <c r="GT2174" s="91"/>
      <c r="GU2174" s="91"/>
      <c r="GV2174" s="91"/>
      <c r="GW2174" s="91"/>
      <c r="GX2174" s="91"/>
      <c r="GY2174" s="91"/>
      <c r="GZ2174" s="91"/>
      <c r="HA2174" s="91"/>
      <c r="HB2174" s="91"/>
      <c r="HC2174" s="91"/>
      <c r="HD2174" s="91"/>
      <c r="HE2174" s="91"/>
      <c r="HF2174" s="91"/>
      <c r="HG2174" s="91"/>
      <c r="HH2174" s="91"/>
      <c r="HI2174" s="91"/>
      <c r="HJ2174" s="91"/>
      <c r="HK2174" s="127"/>
      <c r="HL2174" s="126"/>
      <c r="HM2174" s="91"/>
      <c r="HN2174" s="91"/>
      <c r="HO2174" s="91"/>
      <c r="HP2174" s="91"/>
      <c r="HQ2174" s="91"/>
      <c r="HR2174" s="91"/>
      <c r="HS2174" s="91"/>
      <c r="HT2174" s="91"/>
      <c r="HU2174" s="91"/>
      <c r="HV2174" s="91"/>
      <c r="HW2174" s="91"/>
      <c r="HX2174" s="91"/>
      <c r="HY2174" s="91"/>
      <c r="HZ2174" s="91"/>
      <c r="IA2174" s="91"/>
      <c r="IB2174" s="91"/>
      <c r="IC2174" s="91"/>
      <c r="ID2174" s="91"/>
      <c r="IE2174" s="91"/>
      <c r="IF2174" s="91"/>
      <c r="IG2174" s="91"/>
      <c r="IH2174" s="91"/>
      <c r="II2174" s="91"/>
      <c r="IJ2174" s="91"/>
      <c r="IK2174" s="127"/>
    </row>
    <row r="2175" spans="2:245" x14ac:dyDescent="0.2">
      <c r="B2175" s="43"/>
      <c r="C2175" s="73"/>
      <c r="D2175" s="64"/>
      <c r="E2175" s="64"/>
      <c r="F2175" s="55"/>
      <c r="G2175" s="102"/>
      <c r="H2175" s="55"/>
      <c r="I2175" s="55"/>
      <c r="J2175" s="55"/>
      <c r="K2175" s="55"/>
      <c r="L2175" s="55"/>
      <c r="M2175" s="55"/>
      <c r="N2175" s="55"/>
      <c r="O2175" s="55"/>
      <c r="P2175" s="55"/>
      <c r="Q2175" s="55"/>
      <c r="R2175" s="55"/>
      <c r="S2175" s="55"/>
      <c r="T2175" s="55"/>
      <c r="U2175" s="55"/>
      <c r="V2175" s="55"/>
      <c r="W2175" s="55"/>
      <c r="X2175" s="55"/>
      <c r="Y2175" s="55"/>
      <c r="Z2175" s="55"/>
      <c r="AA2175" s="55"/>
      <c r="AB2175" s="55"/>
      <c r="AC2175" s="55"/>
      <c r="AD2175" s="55"/>
      <c r="AE2175" s="55"/>
      <c r="AF2175" s="55"/>
      <c r="AG2175" s="55"/>
      <c r="AY2175" s="162"/>
      <c r="AZ2175" s="162"/>
      <c r="BA2175" s="162"/>
      <c r="BB2175" s="162"/>
      <c r="BC2175" s="162"/>
      <c r="BD2175" s="162"/>
      <c r="BE2175" s="162"/>
      <c r="BF2175" s="162"/>
      <c r="BG2175" s="162"/>
      <c r="BH2175" s="162"/>
      <c r="BI2175" s="162"/>
      <c r="BJ2175" s="162"/>
      <c r="BK2175" s="162"/>
      <c r="BL2175" s="162"/>
      <c r="BM2175" s="162"/>
      <c r="BN2175" s="162"/>
      <c r="BO2175" s="162"/>
      <c r="BP2175" s="162"/>
      <c r="BQ2175" s="162"/>
      <c r="BR2175" s="162"/>
      <c r="BS2175" s="162"/>
      <c r="BT2175" s="162"/>
      <c r="BU2175" s="162"/>
      <c r="BV2175" s="162"/>
      <c r="BW2175" s="162"/>
      <c r="BX2175" s="162"/>
      <c r="BY2175" s="162"/>
      <c r="BZ2175" s="162"/>
      <c r="CA2175" s="162"/>
      <c r="CB2175" s="162"/>
      <c r="CC2175" s="162"/>
      <c r="CD2175" s="162"/>
      <c r="CE2175" s="162"/>
      <c r="CF2175" s="162"/>
      <c r="CG2175" s="162"/>
      <c r="CH2175" s="162"/>
      <c r="CI2175" s="162"/>
      <c r="CJ2175" s="162"/>
      <c r="CK2175" s="162"/>
      <c r="CX2175" s="98"/>
      <c r="DL2175" s="97"/>
      <c r="DX2175" s="98"/>
      <c r="EL2175" s="97"/>
      <c r="EX2175" s="98"/>
      <c r="EY2175" s="97"/>
      <c r="FL2175" s="126"/>
      <c r="FM2175" s="91"/>
      <c r="FN2175" s="91"/>
      <c r="FO2175" s="91"/>
      <c r="FP2175" s="91"/>
      <c r="FQ2175" s="91"/>
      <c r="FR2175" s="91"/>
      <c r="FS2175" s="91"/>
      <c r="FT2175" s="91"/>
      <c r="FU2175" s="91"/>
      <c r="FV2175" s="91"/>
      <c r="FW2175" s="91"/>
      <c r="FX2175" s="91"/>
      <c r="FY2175" s="91"/>
      <c r="FZ2175" s="91"/>
      <c r="GA2175" s="91"/>
      <c r="GB2175" s="91"/>
      <c r="GC2175" s="91"/>
      <c r="GD2175" s="91"/>
      <c r="GE2175" s="91"/>
      <c r="GF2175" s="91"/>
      <c r="GG2175" s="91"/>
      <c r="GH2175" s="91"/>
      <c r="GI2175" s="91"/>
      <c r="GJ2175" s="91"/>
      <c r="GK2175" s="127"/>
      <c r="GL2175" s="126"/>
      <c r="GM2175" s="91"/>
      <c r="GN2175" s="91"/>
      <c r="GO2175" s="91"/>
      <c r="GP2175" s="91"/>
      <c r="GQ2175" s="91"/>
      <c r="GR2175" s="91"/>
      <c r="GS2175" s="91"/>
      <c r="GT2175" s="91"/>
      <c r="GU2175" s="91"/>
      <c r="GV2175" s="91"/>
      <c r="GW2175" s="91"/>
      <c r="GX2175" s="91"/>
      <c r="GY2175" s="91"/>
      <c r="GZ2175" s="91"/>
      <c r="HA2175" s="91"/>
      <c r="HB2175" s="91"/>
      <c r="HC2175" s="91"/>
      <c r="HD2175" s="91"/>
      <c r="HE2175" s="91"/>
      <c r="HF2175" s="91"/>
      <c r="HG2175" s="91"/>
      <c r="HH2175" s="91"/>
      <c r="HI2175" s="91"/>
      <c r="HJ2175" s="91"/>
      <c r="HK2175" s="127"/>
      <c r="HL2175" s="126"/>
      <c r="HM2175" s="91"/>
      <c r="HN2175" s="91"/>
      <c r="HO2175" s="91"/>
      <c r="HP2175" s="91"/>
      <c r="HQ2175" s="91"/>
      <c r="HR2175" s="91"/>
      <c r="HS2175" s="91"/>
      <c r="HT2175" s="91"/>
      <c r="HU2175" s="91"/>
      <c r="HV2175" s="91"/>
      <c r="HW2175" s="91"/>
      <c r="HX2175" s="91"/>
      <c r="HY2175" s="91"/>
      <c r="HZ2175" s="91"/>
      <c r="IA2175" s="91"/>
      <c r="IB2175" s="91"/>
      <c r="IC2175" s="91"/>
      <c r="ID2175" s="91"/>
      <c r="IE2175" s="91"/>
      <c r="IF2175" s="91"/>
      <c r="IG2175" s="91"/>
      <c r="IH2175" s="91"/>
      <c r="II2175" s="91"/>
      <c r="IJ2175" s="91"/>
      <c r="IK2175" s="127"/>
    </row>
    <row r="2176" spans="2:245" x14ac:dyDescent="0.2">
      <c r="B2176" s="43"/>
      <c r="C2176" s="73"/>
      <c r="D2176" s="64"/>
      <c r="E2176" s="64"/>
      <c r="F2176" s="55"/>
      <c r="G2176" s="102"/>
      <c r="H2176" s="55"/>
      <c r="I2176" s="55"/>
      <c r="J2176" s="55"/>
      <c r="K2176" s="55"/>
      <c r="L2176" s="55"/>
      <c r="M2176" s="55"/>
      <c r="N2176" s="55"/>
      <c r="O2176" s="55"/>
      <c r="P2176" s="55"/>
      <c r="Q2176" s="55"/>
      <c r="R2176" s="55"/>
      <c r="S2176" s="55"/>
      <c r="T2176" s="55"/>
      <c r="U2176" s="55"/>
      <c r="V2176" s="55"/>
      <c r="W2176" s="55"/>
      <c r="X2176" s="55"/>
      <c r="Y2176" s="55"/>
      <c r="Z2176" s="55"/>
      <c r="AA2176" s="55"/>
      <c r="AB2176" s="55"/>
      <c r="AC2176" s="55"/>
      <c r="AD2176" s="55"/>
      <c r="AE2176" s="55"/>
      <c r="AF2176" s="55"/>
      <c r="AG2176" s="55"/>
      <c r="AY2176" s="162"/>
      <c r="AZ2176" s="162"/>
      <c r="BA2176" s="162"/>
      <c r="BB2176" s="162"/>
      <c r="BC2176" s="162"/>
      <c r="BD2176" s="162"/>
      <c r="BE2176" s="162"/>
      <c r="BF2176" s="162"/>
      <c r="BG2176" s="162"/>
      <c r="BH2176" s="162"/>
      <c r="BI2176" s="162"/>
      <c r="BJ2176" s="162"/>
      <c r="BK2176" s="162"/>
      <c r="BL2176" s="162"/>
      <c r="BM2176" s="162"/>
      <c r="BN2176" s="162"/>
      <c r="BO2176" s="162"/>
      <c r="BP2176" s="162"/>
      <c r="BQ2176" s="162"/>
      <c r="BR2176" s="162"/>
      <c r="BS2176" s="162"/>
      <c r="BT2176" s="162"/>
      <c r="BU2176" s="162"/>
      <c r="BV2176" s="162"/>
      <c r="BW2176" s="162"/>
      <c r="BX2176" s="162"/>
      <c r="BY2176" s="162"/>
      <c r="BZ2176" s="162"/>
      <c r="CA2176" s="162"/>
      <c r="CB2176" s="162"/>
      <c r="CC2176" s="162"/>
      <c r="CD2176" s="162"/>
      <c r="CE2176" s="162"/>
      <c r="CF2176" s="162"/>
      <c r="CG2176" s="162"/>
      <c r="CH2176" s="162"/>
      <c r="CI2176" s="162"/>
      <c r="CJ2176" s="162"/>
      <c r="CK2176" s="162"/>
      <c r="CX2176" s="98"/>
      <c r="DL2176" s="97"/>
      <c r="DX2176" s="98"/>
      <c r="EL2176" s="97"/>
      <c r="EX2176" s="98"/>
      <c r="EY2176" s="97"/>
      <c r="FL2176" s="126"/>
      <c r="FM2176" s="91"/>
      <c r="FN2176" s="91"/>
      <c r="FO2176" s="91"/>
      <c r="FP2176" s="91"/>
      <c r="FQ2176" s="91"/>
      <c r="FR2176" s="91"/>
      <c r="FS2176" s="91"/>
      <c r="FT2176" s="91"/>
      <c r="FU2176" s="91"/>
      <c r="FV2176" s="91"/>
      <c r="FW2176" s="91"/>
      <c r="FX2176" s="91"/>
      <c r="FY2176" s="91"/>
      <c r="FZ2176" s="91"/>
      <c r="GA2176" s="91"/>
      <c r="GB2176" s="91"/>
      <c r="GC2176" s="91"/>
      <c r="GD2176" s="91"/>
      <c r="GE2176" s="91"/>
      <c r="GF2176" s="91"/>
      <c r="GG2176" s="91"/>
      <c r="GH2176" s="91"/>
      <c r="GI2176" s="91"/>
      <c r="GJ2176" s="91"/>
      <c r="GK2176" s="127"/>
      <c r="GL2176" s="126"/>
      <c r="GM2176" s="91"/>
      <c r="GN2176" s="91"/>
      <c r="GO2176" s="91"/>
      <c r="GP2176" s="91"/>
      <c r="GQ2176" s="91"/>
      <c r="GR2176" s="91"/>
      <c r="GS2176" s="91"/>
      <c r="GT2176" s="91"/>
      <c r="GU2176" s="91"/>
      <c r="GV2176" s="91"/>
      <c r="GW2176" s="91"/>
      <c r="GX2176" s="91"/>
      <c r="GY2176" s="91"/>
      <c r="GZ2176" s="91"/>
      <c r="HA2176" s="91"/>
      <c r="HB2176" s="91"/>
      <c r="HC2176" s="91"/>
      <c r="HD2176" s="91"/>
      <c r="HE2176" s="91"/>
      <c r="HF2176" s="91"/>
      <c r="HG2176" s="91"/>
      <c r="HH2176" s="91"/>
      <c r="HI2176" s="91"/>
      <c r="HJ2176" s="91"/>
      <c r="HK2176" s="127"/>
      <c r="HL2176" s="126"/>
      <c r="HM2176" s="91"/>
      <c r="HN2176" s="91"/>
      <c r="HO2176" s="91"/>
      <c r="HP2176" s="91"/>
      <c r="HQ2176" s="91"/>
      <c r="HR2176" s="91"/>
      <c r="HS2176" s="91"/>
      <c r="HT2176" s="91"/>
      <c r="HU2176" s="91"/>
      <c r="HV2176" s="91"/>
      <c r="HW2176" s="91"/>
      <c r="HX2176" s="91"/>
      <c r="HY2176" s="91"/>
      <c r="HZ2176" s="91"/>
      <c r="IA2176" s="91"/>
      <c r="IB2176" s="91"/>
      <c r="IC2176" s="91"/>
      <c r="ID2176" s="91"/>
      <c r="IE2176" s="91"/>
      <c r="IF2176" s="91"/>
      <c r="IG2176" s="91"/>
      <c r="IH2176" s="91"/>
      <c r="II2176" s="91"/>
      <c r="IJ2176" s="91"/>
      <c r="IK2176" s="127"/>
    </row>
    <row r="2177" spans="2:245" x14ac:dyDescent="0.2">
      <c r="B2177" s="43"/>
      <c r="C2177" s="73"/>
      <c r="D2177" s="64"/>
      <c r="E2177" s="64"/>
      <c r="F2177" s="55"/>
      <c r="G2177" s="102"/>
      <c r="H2177" s="55"/>
      <c r="I2177" s="55"/>
      <c r="J2177" s="55"/>
      <c r="K2177" s="55"/>
      <c r="L2177" s="55"/>
      <c r="M2177" s="55"/>
      <c r="N2177" s="55"/>
      <c r="O2177" s="55"/>
      <c r="P2177" s="55"/>
      <c r="Q2177" s="55"/>
      <c r="R2177" s="55"/>
      <c r="S2177" s="55"/>
      <c r="T2177" s="55"/>
      <c r="U2177" s="55"/>
      <c r="V2177" s="55"/>
      <c r="W2177" s="55"/>
      <c r="X2177" s="55"/>
      <c r="Y2177" s="55"/>
      <c r="Z2177" s="55"/>
      <c r="AA2177" s="55"/>
      <c r="AB2177" s="55"/>
      <c r="AC2177" s="55"/>
      <c r="AD2177" s="55"/>
      <c r="AE2177" s="55"/>
      <c r="AF2177" s="55"/>
      <c r="AG2177" s="55"/>
      <c r="AY2177" s="162"/>
      <c r="AZ2177" s="162"/>
      <c r="BA2177" s="162"/>
      <c r="BB2177" s="162"/>
      <c r="BC2177" s="162"/>
      <c r="BD2177" s="162"/>
      <c r="BE2177" s="162"/>
      <c r="BF2177" s="162"/>
      <c r="BG2177" s="162"/>
      <c r="BH2177" s="162"/>
      <c r="BI2177" s="162"/>
      <c r="BJ2177" s="162"/>
      <c r="BK2177" s="162"/>
      <c r="BL2177" s="162"/>
      <c r="BM2177" s="162"/>
      <c r="BN2177" s="162"/>
      <c r="BO2177" s="162"/>
      <c r="BP2177" s="162"/>
      <c r="BQ2177" s="162"/>
      <c r="BR2177" s="162"/>
      <c r="BS2177" s="162"/>
      <c r="BT2177" s="162"/>
      <c r="BU2177" s="162"/>
      <c r="BV2177" s="162"/>
      <c r="BW2177" s="162"/>
      <c r="BX2177" s="162"/>
      <c r="BY2177" s="162"/>
      <c r="BZ2177" s="162"/>
      <c r="CA2177" s="162"/>
      <c r="CB2177" s="162"/>
      <c r="CC2177" s="162"/>
      <c r="CD2177" s="162"/>
      <c r="CE2177" s="162"/>
      <c r="CF2177" s="162"/>
      <c r="CG2177" s="162"/>
      <c r="CH2177" s="162"/>
      <c r="CI2177" s="162"/>
      <c r="CJ2177" s="162"/>
      <c r="CK2177" s="162"/>
      <c r="CX2177" s="98"/>
      <c r="DL2177" s="97"/>
      <c r="DX2177" s="98"/>
      <c r="EL2177" s="97"/>
      <c r="EX2177" s="98"/>
      <c r="EY2177" s="97"/>
      <c r="FL2177" s="126"/>
      <c r="FM2177" s="91"/>
      <c r="FN2177" s="91"/>
      <c r="FO2177" s="91"/>
      <c r="FP2177" s="91"/>
      <c r="FQ2177" s="91"/>
      <c r="FR2177" s="91"/>
      <c r="FS2177" s="91"/>
      <c r="FT2177" s="91"/>
      <c r="FU2177" s="91"/>
      <c r="FV2177" s="91"/>
      <c r="FW2177" s="91"/>
      <c r="FX2177" s="91"/>
      <c r="FY2177" s="91"/>
      <c r="FZ2177" s="91"/>
      <c r="GA2177" s="91"/>
      <c r="GB2177" s="91"/>
      <c r="GC2177" s="91"/>
      <c r="GD2177" s="91"/>
      <c r="GE2177" s="91"/>
      <c r="GF2177" s="91"/>
      <c r="GG2177" s="91"/>
      <c r="GH2177" s="91"/>
      <c r="GI2177" s="91"/>
      <c r="GJ2177" s="91"/>
      <c r="GK2177" s="127"/>
      <c r="GL2177" s="126"/>
      <c r="GM2177" s="91"/>
      <c r="GN2177" s="91"/>
      <c r="GO2177" s="91"/>
      <c r="GP2177" s="91"/>
      <c r="GQ2177" s="91"/>
      <c r="GR2177" s="91"/>
      <c r="GS2177" s="91"/>
      <c r="GT2177" s="91"/>
      <c r="GU2177" s="91"/>
      <c r="GV2177" s="91"/>
      <c r="GW2177" s="91"/>
      <c r="GX2177" s="91"/>
      <c r="GY2177" s="91"/>
      <c r="GZ2177" s="91"/>
      <c r="HA2177" s="91"/>
      <c r="HB2177" s="91"/>
      <c r="HC2177" s="91"/>
      <c r="HD2177" s="91"/>
      <c r="HE2177" s="91"/>
      <c r="HF2177" s="91"/>
      <c r="HG2177" s="91"/>
      <c r="HH2177" s="91"/>
      <c r="HI2177" s="91"/>
      <c r="HJ2177" s="91"/>
      <c r="HK2177" s="127"/>
      <c r="HL2177" s="126"/>
      <c r="HM2177" s="91"/>
      <c r="HN2177" s="91"/>
      <c r="HO2177" s="91"/>
      <c r="HP2177" s="91"/>
      <c r="HQ2177" s="91"/>
      <c r="HR2177" s="91"/>
      <c r="HS2177" s="91"/>
      <c r="HT2177" s="91"/>
      <c r="HU2177" s="91"/>
      <c r="HV2177" s="91"/>
      <c r="HW2177" s="91"/>
      <c r="HX2177" s="91"/>
      <c r="HY2177" s="91"/>
      <c r="HZ2177" s="91"/>
      <c r="IA2177" s="91"/>
      <c r="IB2177" s="91"/>
      <c r="IC2177" s="91"/>
      <c r="ID2177" s="91"/>
      <c r="IE2177" s="91"/>
      <c r="IF2177" s="91"/>
      <c r="IG2177" s="91"/>
      <c r="IH2177" s="91"/>
      <c r="II2177" s="91"/>
      <c r="IJ2177" s="91"/>
      <c r="IK2177" s="127"/>
    </row>
    <row r="2178" spans="2:245" x14ac:dyDescent="0.2">
      <c r="B2178" s="43"/>
      <c r="C2178" s="73"/>
      <c r="D2178" s="64"/>
      <c r="E2178" s="64"/>
      <c r="F2178" s="55"/>
      <c r="G2178" s="102"/>
      <c r="H2178" s="55"/>
      <c r="I2178" s="55"/>
      <c r="J2178" s="55"/>
      <c r="K2178" s="55"/>
      <c r="L2178" s="55"/>
      <c r="M2178" s="55"/>
      <c r="N2178" s="55"/>
      <c r="O2178" s="55"/>
      <c r="P2178" s="55"/>
      <c r="Q2178" s="55"/>
      <c r="R2178" s="55"/>
      <c r="S2178" s="55"/>
      <c r="T2178" s="55"/>
      <c r="U2178" s="55"/>
      <c r="V2178" s="55"/>
      <c r="W2178" s="55"/>
      <c r="X2178" s="55"/>
      <c r="Y2178" s="55"/>
      <c r="Z2178" s="55"/>
      <c r="AA2178" s="55"/>
      <c r="AB2178" s="55"/>
      <c r="AC2178" s="55"/>
      <c r="AD2178" s="55"/>
      <c r="AE2178" s="55"/>
      <c r="AF2178" s="55"/>
      <c r="AG2178" s="55"/>
      <c r="AY2178" s="162"/>
      <c r="AZ2178" s="162"/>
      <c r="BA2178" s="162"/>
      <c r="BB2178" s="162"/>
      <c r="BC2178" s="162"/>
      <c r="BD2178" s="162"/>
      <c r="BE2178" s="162"/>
      <c r="BF2178" s="162"/>
      <c r="BG2178" s="162"/>
      <c r="BH2178" s="162"/>
      <c r="BI2178" s="162"/>
      <c r="BJ2178" s="162"/>
      <c r="BK2178" s="162"/>
      <c r="BL2178" s="162"/>
      <c r="BM2178" s="162"/>
      <c r="BN2178" s="162"/>
      <c r="BO2178" s="162"/>
      <c r="BP2178" s="162"/>
      <c r="BQ2178" s="162"/>
      <c r="BR2178" s="162"/>
      <c r="BS2178" s="162"/>
      <c r="BT2178" s="162"/>
      <c r="BU2178" s="162"/>
      <c r="BV2178" s="162"/>
      <c r="BW2178" s="162"/>
      <c r="BX2178" s="162"/>
      <c r="BY2178" s="162"/>
      <c r="BZ2178" s="162"/>
      <c r="CA2178" s="162"/>
      <c r="CB2178" s="162"/>
      <c r="CC2178" s="162"/>
      <c r="CD2178" s="162"/>
      <c r="CE2178" s="162"/>
      <c r="CF2178" s="162"/>
      <c r="CG2178" s="162"/>
      <c r="CH2178" s="162"/>
      <c r="CI2178" s="162"/>
      <c r="CJ2178" s="162"/>
      <c r="CK2178" s="162"/>
      <c r="CX2178" s="98"/>
      <c r="DL2178" s="97"/>
      <c r="DX2178" s="98"/>
      <c r="EL2178" s="97"/>
      <c r="EX2178" s="98"/>
      <c r="EY2178" s="97"/>
      <c r="FL2178" s="126"/>
      <c r="FM2178" s="91"/>
      <c r="FN2178" s="91"/>
      <c r="FO2178" s="91"/>
      <c r="FP2178" s="91"/>
      <c r="FQ2178" s="91"/>
      <c r="FR2178" s="91"/>
      <c r="FS2178" s="91"/>
      <c r="FT2178" s="91"/>
      <c r="FU2178" s="91"/>
      <c r="FV2178" s="91"/>
      <c r="FW2178" s="91"/>
      <c r="FX2178" s="91"/>
      <c r="FY2178" s="91"/>
      <c r="FZ2178" s="91"/>
      <c r="GA2178" s="91"/>
      <c r="GB2178" s="91"/>
      <c r="GC2178" s="91"/>
      <c r="GD2178" s="91"/>
      <c r="GE2178" s="91"/>
      <c r="GF2178" s="91"/>
      <c r="GG2178" s="91"/>
      <c r="GH2178" s="91"/>
      <c r="GI2178" s="91"/>
      <c r="GJ2178" s="91"/>
      <c r="GK2178" s="127"/>
      <c r="GL2178" s="126"/>
      <c r="GM2178" s="91"/>
      <c r="GN2178" s="91"/>
      <c r="GO2178" s="91"/>
      <c r="GP2178" s="91"/>
      <c r="GQ2178" s="91"/>
      <c r="GR2178" s="91"/>
      <c r="GS2178" s="91"/>
      <c r="GT2178" s="91"/>
      <c r="GU2178" s="91"/>
      <c r="GV2178" s="91"/>
      <c r="GW2178" s="91"/>
      <c r="GX2178" s="91"/>
      <c r="GY2178" s="91"/>
      <c r="GZ2178" s="91"/>
      <c r="HA2178" s="91"/>
      <c r="HB2178" s="91"/>
      <c r="HC2178" s="91"/>
      <c r="HD2178" s="91"/>
      <c r="HE2178" s="91"/>
      <c r="HF2178" s="91"/>
      <c r="HG2178" s="91"/>
      <c r="HH2178" s="91"/>
      <c r="HI2178" s="91"/>
      <c r="HJ2178" s="91"/>
      <c r="HK2178" s="127"/>
      <c r="HL2178" s="126"/>
      <c r="HM2178" s="91"/>
      <c r="HN2178" s="91"/>
      <c r="HO2178" s="91"/>
      <c r="HP2178" s="91"/>
      <c r="HQ2178" s="91"/>
      <c r="HR2178" s="91"/>
      <c r="HS2178" s="91"/>
      <c r="HT2178" s="91"/>
      <c r="HU2178" s="91"/>
      <c r="HV2178" s="91"/>
      <c r="HW2178" s="91"/>
      <c r="HX2178" s="91"/>
      <c r="HY2178" s="91"/>
      <c r="HZ2178" s="91"/>
      <c r="IA2178" s="91"/>
      <c r="IB2178" s="91"/>
      <c r="IC2178" s="91"/>
      <c r="ID2178" s="91"/>
      <c r="IE2178" s="91"/>
      <c r="IF2178" s="91"/>
      <c r="IG2178" s="91"/>
      <c r="IH2178" s="91"/>
      <c r="II2178" s="91"/>
      <c r="IJ2178" s="91"/>
      <c r="IK2178" s="127"/>
    </row>
    <row r="2179" spans="2:245" x14ac:dyDescent="0.2">
      <c r="B2179" s="43"/>
      <c r="C2179" s="73"/>
      <c r="D2179" s="64"/>
      <c r="E2179" s="64"/>
      <c r="F2179" s="55"/>
      <c r="G2179" s="102"/>
      <c r="H2179" s="55"/>
      <c r="I2179" s="55"/>
      <c r="J2179" s="55"/>
      <c r="K2179" s="55"/>
      <c r="L2179" s="55"/>
      <c r="M2179" s="55"/>
      <c r="N2179" s="55"/>
      <c r="O2179" s="55"/>
      <c r="P2179" s="55"/>
      <c r="Q2179" s="55"/>
      <c r="R2179" s="55"/>
      <c r="S2179" s="55"/>
      <c r="T2179" s="55"/>
      <c r="U2179" s="55"/>
      <c r="V2179" s="55"/>
      <c r="W2179" s="55"/>
      <c r="X2179" s="55"/>
      <c r="Y2179" s="55"/>
      <c r="Z2179" s="55"/>
      <c r="AA2179" s="55"/>
      <c r="AB2179" s="55"/>
      <c r="AC2179" s="55"/>
      <c r="AD2179" s="55"/>
      <c r="AE2179" s="55"/>
      <c r="AF2179" s="55"/>
      <c r="AG2179" s="55"/>
      <c r="AY2179" s="162"/>
      <c r="AZ2179" s="162"/>
      <c r="BA2179" s="162"/>
      <c r="BB2179" s="162"/>
      <c r="BC2179" s="162"/>
      <c r="BD2179" s="162"/>
      <c r="BE2179" s="162"/>
      <c r="BF2179" s="162"/>
      <c r="BG2179" s="162"/>
      <c r="BH2179" s="162"/>
      <c r="BI2179" s="162"/>
      <c r="BJ2179" s="162"/>
      <c r="BK2179" s="162"/>
      <c r="BL2179" s="162"/>
      <c r="BM2179" s="162"/>
      <c r="BN2179" s="162"/>
      <c r="BO2179" s="162"/>
      <c r="BP2179" s="162"/>
      <c r="BQ2179" s="162"/>
      <c r="BR2179" s="162"/>
      <c r="BS2179" s="162"/>
      <c r="BT2179" s="162"/>
      <c r="BU2179" s="162"/>
      <c r="BV2179" s="162"/>
      <c r="BW2179" s="162"/>
      <c r="BX2179" s="162"/>
      <c r="BY2179" s="162"/>
      <c r="BZ2179" s="162"/>
      <c r="CA2179" s="162"/>
      <c r="CB2179" s="162"/>
      <c r="CC2179" s="162"/>
      <c r="CD2179" s="162"/>
      <c r="CE2179" s="162"/>
      <c r="CF2179" s="162"/>
      <c r="CG2179" s="162"/>
      <c r="CH2179" s="162"/>
      <c r="CI2179" s="162"/>
      <c r="CJ2179" s="162"/>
      <c r="CK2179" s="162"/>
      <c r="CX2179" s="98"/>
      <c r="DL2179" s="97"/>
      <c r="DX2179" s="98"/>
      <c r="EL2179" s="97"/>
      <c r="EX2179" s="98"/>
      <c r="EY2179" s="97"/>
      <c r="FL2179" s="126"/>
      <c r="FM2179" s="91"/>
      <c r="FN2179" s="91"/>
      <c r="FO2179" s="91"/>
      <c r="FP2179" s="91"/>
      <c r="FQ2179" s="91"/>
      <c r="FR2179" s="91"/>
      <c r="FS2179" s="91"/>
      <c r="FT2179" s="91"/>
      <c r="FU2179" s="91"/>
      <c r="FV2179" s="91"/>
      <c r="FW2179" s="91"/>
      <c r="FX2179" s="91"/>
      <c r="FY2179" s="91"/>
      <c r="FZ2179" s="91"/>
      <c r="GA2179" s="91"/>
      <c r="GB2179" s="91"/>
      <c r="GC2179" s="91"/>
      <c r="GD2179" s="91"/>
      <c r="GE2179" s="91"/>
      <c r="GF2179" s="91"/>
      <c r="GG2179" s="91"/>
      <c r="GH2179" s="91"/>
      <c r="GI2179" s="91"/>
      <c r="GJ2179" s="91"/>
      <c r="GK2179" s="127"/>
      <c r="GL2179" s="126"/>
      <c r="GM2179" s="91"/>
      <c r="GN2179" s="91"/>
      <c r="GO2179" s="91"/>
      <c r="GP2179" s="91"/>
      <c r="GQ2179" s="91"/>
      <c r="GR2179" s="91"/>
      <c r="GS2179" s="91"/>
      <c r="GT2179" s="91"/>
      <c r="GU2179" s="91"/>
      <c r="GV2179" s="91"/>
      <c r="GW2179" s="91"/>
      <c r="GX2179" s="91"/>
      <c r="GY2179" s="91"/>
      <c r="GZ2179" s="91"/>
      <c r="HA2179" s="91"/>
      <c r="HB2179" s="91"/>
      <c r="HC2179" s="91"/>
      <c r="HD2179" s="91"/>
      <c r="HE2179" s="91"/>
      <c r="HF2179" s="91"/>
      <c r="HG2179" s="91"/>
      <c r="HH2179" s="91"/>
      <c r="HI2179" s="91"/>
      <c r="HJ2179" s="91"/>
      <c r="HK2179" s="127"/>
      <c r="HL2179" s="126"/>
      <c r="HM2179" s="91"/>
      <c r="HN2179" s="91"/>
      <c r="HO2179" s="91"/>
      <c r="HP2179" s="91"/>
      <c r="HQ2179" s="91"/>
      <c r="HR2179" s="91"/>
      <c r="HS2179" s="91"/>
      <c r="HT2179" s="91"/>
      <c r="HU2179" s="91"/>
      <c r="HV2179" s="91"/>
      <c r="HW2179" s="91"/>
      <c r="HX2179" s="91"/>
      <c r="HY2179" s="91"/>
      <c r="HZ2179" s="91"/>
      <c r="IA2179" s="91"/>
      <c r="IB2179" s="91"/>
      <c r="IC2179" s="91"/>
      <c r="ID2179" s="91"/>
      <c r="IE2179" s="91"/>
      <c r="IF2179" s="91"/>
      <c r="IG2179" s="91"/>
      <c r="IH2179" s="91"/>
      <c r="II2179" s="91"/>
      <c r="IJ2179" s="91"/>
      <c r="IK2179" s="127"/>
    </row>
    <row r="2180" spans="2:245" x14ac:dyDescent="0.2">
      <c r="B2180" s="43"/>
      <c r="C2180" s="73"/>
      <c r="D2180" s="64"/>
      <c r="E2180" s="64"/>
      <c r="F2180" s="55"/>
      <c r="G2180" s="102"/>
      <c r="H2180" s="55"/>
      <c r="I2180" s="55"/>
      <c r="J2180" s="55"/>
      <c r="K2180" s="55"/>
      <c r="L2180" s="55"/>
      <c r="M2180" s="55"/>
      <c r="N2180" s="55"/>
      <c r="O2180" s="55"/>
      <c r="P2180" s="55"/>
      <c r="Q2180" s="55"/>
      <c r="R2180" s="55"/>
      <c r="S2180" s="55"/>
      <c r="T2180" s="55"/>
      <c r="U2180" s="55"/>
      <c r="V2180" s="55"/>
      <c r="W2180" s="55"/>
      <c r="X2180" s="55"/>
      <c r="Y2180" s="55"/>
      <c r="Z2180" s="55"/>
      <c r="AA2180" s="55"/>
      <c r="AB2180" s="55"/>
      <c r="AC2180" s="55"/>
      <c r="AD2180" s="55"/>
      <c r="AE2180" s="55"/>
      <c r="AF2180" s="55"/>
      <c r="AG2180" s="55"/>
      <c r="AY2180" s="162"/>
      <c r="AZ2180" s="162"/>
      <c r="BA2180" s="162"/>
      <c r="BB2180" s="162"/>
      <c r="BC2180" s="162"/>
      <c r="BD2180" s="162"/>
      <c r="BE2180" s="162"/>
      <c r="BF2180" s="162"/>
      <c r="BG2180" s="162"/>
      <c r="BH2180" s="162"/>
      <c r="BI2180" s="162"/>
      <c r="BJ2180" s="162"/>
      <c r="BK2180" s="162"/>
      <c r="BL2180" s="162"/>
      <c r="BM2180" s="162"/>
      <c r="BN2180" s="162"/>
      <c r="BO2180" s="162"/>
      <c r="BP2180" s="162"/>
      <c r="BQ2180" s="162"/>
      <c r="BR2180" s="162"/>
      <c r="BS2180" s="162"/>
      <c r="BT2180" s="162"/>
      <c r="BU2180" s="162"/>
      <c r="BV2180" s="162"/>
      <c r="BW2180" s="162"/>
      <c r="BX2180" s="162"/>
      <c r="BY2180" s="162"/>
      <c r="BZ2180" s="162"/>
      <c r="CA2180" s="162"/>
      <c r="CB2180" s="162"/>
      <c r="CC2180" s="162"/>
      <c r="CD2180" s="162"/>
      <c r="CE2180" s="162"/>
      <c r="CF2180" s="162"/>
      <c r="CG2180" s="162"/>
      <c r="CH2180" s="162"/>
      <c r="CI2180" s="162"/>
      <c r="CJ2180" s="162"/>
      <c r="CK2180" s="162"/>
      <c r="CX2180" s="98"/>
      <c r="DL2180" s="97"/>
      <c r="DX2180" s="98"/>
      <c r="EL2180" s="97"/>
      <c r="EX2180" s="98"/>
      <c r="EY2180" s="97"/>
      <c r="FL2180" s="126"/>
      <c r="FM2180" s="91"/>
      <c r="FN2180" s="91"/>
      <c r="FO2180" s="91"/>
      <c r="FP2180" s="91"/>
      <c r="FQ2180" s="91"/>
      <c r="FR2180" s="91"/>
      <c r="FS2180" s="91"/>
      <c r="FT2180" s="91"/>
      <c r="FU2180" s="91"/>
      <c r="FV2180" s="91"/>
      <c r="FW2180" s="91"/>
      <c r="FX2180" s="91"/>
      <c r="FY2180" s="91"/>
      <c r="FZ2180" s="91"/>
      <c r="GA2180" s="91"/>
      <c r="GB2180" s="91"/>
      <c r="GC2180" s="91"/>
      <c r="GD2180" s="91"/>
      <c r="GE2180" s="91"/>
      <c r="GF2180" s="91"/>
      <c r="GG2180" s="91"/>
      <c r="GH2180" s="91"/>
      <c r="GI2180" s="91"/>
      <c r="GJ2180" s="91"/>
      <c r="GK2180" s="127"/>
      <c r="GL2180" s="126"/>
      <c r="GM2180" s="91"/>
      <c r="GN2180" s="91"/>
      <c r="GO2180" s="91"/>
      <c r="GP2180" s="91"/>
      <c r="GQ2180" s="91"/>
      <c r="GR2180" s="91"/>
      <c r="GS2180" s="91"/>
      <c r="GT2180" s="91"/>
      <c r="GU2180" s="91"/>
      <c r="GV2180" s="91"/>
      <c r="GW2180" s="91"/>
      <c r="GX2180" s="91"/>
      <c r="GY2180" s="91"/>
      <c r="GZ2180" s="91"/>
      <c r="HA2180" s="91"/>
      <c r="HB2180" s="91"/>
      <c r="HC2180" s="91"/>
      <c r="HD2180" s="91"/>
      <c r="HE2180" s="91"/>
      <c r="HF2180" s="91"/>
      <c r="HG2180" s="91"/>
      <c r="HH2180" s="91"/>
      <c r="HI2180" s="91"/>
      <c r="HJ2180" s="91"/>
      <c r="HK2180" s="127"/>
      <c r="HL2180" s="126"/>
      <c r="HM2180" s="91"/>
      <c r="HN2180" s="91"/>
      <c r="HO2180" s="91"/>
      <c r="HP2180" s="91"/>
      <c r="HQ2180" s="91"/>
      <c r="HR2180" s="91"/>
      <c r="HS2180" s="91"/>
      <c r="HT2180" s="91"/>
      <c r="HU2180" s="91"/>
      <c r="HV2180" s="91"/>
      <c r="HW2180" s="91"/>
      <c r="HX2180" s="91"/>
      <c r="HY2180" s="91"/>
      <c r="HZ2180" s="91"/>
      <c r="IA2180" s="91"/>
      <c r="IB2180" s="91"/>
      <c r="IC2180" s="91"/>
      <c r="ID2180" s="91"/>
      <c r="IE2180" s="91"/>
      <c r="IF2180" s="91"/>
      <c r="IG2180" s="91"/>
      <c r="IH2180" s="91"/>
      <c r="II2180" s="91"/>
      <c r="IJ2180" s="91"/>
      <c r="IK2180" s="127"/>
    </row>
    <row r="2181" spans="2:245" ht="13.5" thickBot="1" x14ac:dyDescent="0.25">
      <c r="B2181" s="43"/>
      <c r="C2181" s="73"/>
      <c r="D2181" s="64"/>
      <c r="E2181" s="64"/>
      <c r="F2181" s="55"/>
      <c r="G2181" s="102"/>
      <c r="H2181" s="55"/>
      <c r="I2181" s="55"/>
      <c r="J2181" s="55"/>
      <c r="K2181" s="55"/>
      <c r="L2181" s="55"/>
      <c r="M2181" s="55"/>
      <c r="N2181" s="55"/>
      <c r="O2181" s="55"/>
      <c r="P2181" s="55"/>
      <c r="Q2181" s="55"/>
      <c r="R2181" s="55"/>
      <c r="S2181" s="55"/>
      <c r="T2181" s="55"/>
      <c r="U2181" s="55"/>
      <c r="V2181" s="55"/>
      <c r="W2181" s="55"/>
      <c r="X2181" s="55"/>
      <c r="Y2181" s="55"/>
      <c r="Z2181" s="55"/>
      <c r="AA2181" s="55"/>
      <c r="AB2181" s="55"/>
      <c r="AC2181" s="55"/>
      <c r="AD2181" s="55"/>
      <c r="AE2181" s="55"/>
      <c r="AF2181" s="55"/>
      <c r="AG2181" s="55"/>
      <c r="AY2181" s="162"/>
      <c r="AZ2181" s="162"/>
      <c r="BA2181" s="162"/>
      <c r="BB2181" s="162"/>
      <c r="BC2181" s="162"/>
      <c r="BD2181" s="162"/>
      <c r="BE2181" s="162"/>
      <c r="BF2181" s="162"/>
      <c r="BG2181" s="162"/>
      <c r="BH2181" s="162"/>
      <c r="BI2181" s="162"/>
      <c r="BJ2181" s="162"/>
      <c r="BK2181" s="162"/>
      <c r="BL2181" s="162"/>
      <c r="BM2181" s="162"/>
      <c r="BN2181" s="162"/>
      <c r="BO2181" s="162"/>
      <c r="BP2181" s="162"/>
      <c r="BQ2181" s="162"/>
      <c r="BR2181" s="162"/>
      <c r="BS2181" s="162"/>
      <c r="BT2181" s="162"/>
      <c r="BU2181" s="162"/>
      <c r="BV2181" s="162"/>
      <c r="BW2181" s="162"/>
      <c r="BX2181" s="162"/>
      <c r="BY2181" s="162"/>
      <c r="BZ2181" s="162"/>
      <c r="CA2181" s="162"/>
      <c r="CB2181" s="162"/>
      <c r="CC2181" s="162"/>
      <c r="CD2181" s="162"/>
      <c r="CE2181" s="162"/>
      <c r="CF2181" s="162"/>
      <c r="CG2181" s="162"/>
      <c r="CH2181" s="162"/>
      <c r="CI2181" s="162"/>
      <c r="CJ2181" s="162"/>
      <c r="CK2181" s="162"/>
      <c r="CL2181" s="166"/>
      <c r="CM2181" s="166"/>
      <c r="CN2181" s="166"/>
      <c r="CO2181" s="166"/>
      <c r="CP2181" s="166"/>
      <c r="CQ2181" s="166"/>
      <c r="CR2181" s="166"/>
      <c r="CS2181" s="166"/>
      <c r="CT2181" s="166"/>
      <c r="CU2181" s="166"/>
      <c r="CV2181" s="166"/>
      <c r="CW2181" s="166"/>
      <c r="CX2181" s="176"/>
      <c r="CY2181" s="166"/>
      <c r="CZ2181" s="166"/>
      <c r="DA2181" s="166"/>
      <c r="DB2181" s="166"/>
      <c r="DC2181" s="166"/>
      <c r="DD2181" s="166"/>
      <c r="DE2181" s="166"/>
      <c r="DF2181" s="166"/>
      <c r="DG2181" s="166"/>
      <c r="DH2181" s="166"/>
      <c r="DI2181" s="166"/>
      <c r="DJ2181" s="166"/>
      <c r="DK2181" s="166"/>
      <c r="DL2181" s="175"/>
      <c r="DM2181" s="166"/>
      <c r="DN2181" s="166"/>
      <c r="DO2181" s="166"/>
      <c r="DP2181" s="166"/>
      <c r="DQ2181" s="166"/>
      <c r="DR2181" s="166"/>
      <c r="DS2181" s="166"/>
      <c r="DT2181" s="166"/>
      <c r="DU2181" s="166"/>
      <c r="DV2181" s="166"/>
      <c r="DW2181" s="166"/>
      <c r="DX2181" s="176"/>
      <c r="DY2181" s="166"/>
      <c r="DZ2181" s="166"/>
      <c r="EA2181" s="166"/>
      <c r="EB2181" s="166"/>
      <c r="EC2181" s="166"/>
      <c r="ED2181" s="166"/>
      <c r="EE2181" s="166"/>
      <c r="EF2181" s="166"/>
      <c r="EG2181" s="166"/>
      <c r="EH2181" s="166"/>
      <c r="EI2181" s="166"/>
      <c r="EJ2181" s="166"/>
      <c r="EK2181" s="166"/>
      <c r="EL2181" s="175"/>
      <c r="EM2181" s="166"/>
      <c r="EN2181" s="166"/>
      <c r="EO2181" s="166"/>
      <c r="EP2181" s="166"/>
      <c r="EQ2181" s="166"/>
      <c r="ER2181" s="166"/>
      <c r="ES2181" s="166"/>
      <c r="ET2181" s="166"/>
      <c r="EU2181" s="166"/>
      <c r="EV2181" s="166"/>
      <c r="EW2181" s="166"/>
      <c r="EX2181" s="176"/>
      <c r="EY2181" s="175"/>
      <c r="EZ2181" s="166"/>
      <c r="FA2181" s="166"/>
      <c r="FB2181" s="166"/>
      <c r="FC2181" s="166"/>
      <c r="FD2181" s="166"/>
      <c r="FE2181" s="166"/>
      <c r="FF2181" s="166"/>
      <c r="FG2181" s="166"/>
      <c r="FH2181" s="166"/>
      <c r="FI2181" s="166"/>
      <c r="FJ2181" s="166"/>
      <c r="FK2181" s="166"/>
      <c r="FL2181" s="126"/>
      <c r="FM2181" s="91"/>
      <c r="FN2181" s="91"/>
      <c r="FO2181" s="91"/>
      <c r="FP2181" s="91"/>
      <c r="FQ2181" s="91"/>
      <c r="FR2181" s="91"/>
      <c r="FS2181" s="91"/>
      <c r="FT2181" s="91"/>
      <c r="FU2181" s="91"/>
      <c r="FV2181" s="91"/>
      <c r="FW2181" s="91"/>
      <c r="FX2181" s="91"/>
      <c r="FY2181" s="91"/>
      <c r="FZ2181" s="91"/>
      <c r="GA2181" s="91"/>
      <c r="GB2181" s="91"/>
      <c r="GC2181" s="91"/>
      <c r="GD2181" s="91"/>
      <c r="GE2181" s="91"/>
      <c r="GF2181" s="91"/>
      <c r="GG2181" s="91"/>
      <c r="GH2181" s="91"/>
      <c r="GI2181" s="91"/>
      <c r="GJ2181" s="91"/>
      <c r="GK2181" s="127"/>
      <c r="GL2181" s="126"/>
      <c r="GM2181" s="91"/>
      <c r="GN2181" s="91"/>
      <c r="GO2181" s="91"/>
      <c r="GP2181" s="91"/>
      <c r="GQ2181" s="91"/>
      <c r="GR2181" s="91"/>
      <c r="GS2181" s="91"/>
      <c r="GT2181" s="91"/>
      <c r="GU2181" s="91"/>
      <c r="GV2181" s="91"/>
      <c r="GW2181" s="91"/>
      <c r="GX2181" s="91"/>
      <c r="GY2181" s="91"/>
      <c r="GZ2181" s="91"/>
      <c r="HA2181" s="91"/>
      <c r="HB2181" s="91"/>
      <c r="HC2181" s="91"/>
      <c r="HD2181" s="91"/>
      <c r="HE2181" s="91"/>
      <c r="HF2181" s="91"/>
      <c r="HG2181" s="91"/>
      <c r="HH2181" s="91"/>
      <c r="HI2181" s="91"/>
      <c r="HJ2181" s="91"/>
      <c r="HK2181" s="127"/>
      <c r="HL2181" s="126"/>
      <c r="HM2181" s="91"/>
      <c r="HN2181" s="91"/>
      <c r="HO2181" s="91"/>
      <c r="HP2181" s="91"/>
      <c r="HQ2181" s="91"/>
      <c r="HR2181" s="91"/>
      <c r="HS2181" s="91"/>
      <c r="HT2181" s="91"/>
      <c r="HU2181" s="91"/>
      <c r="HV2181" s="91"/>
      <c r="HW2181" s="91"/>
      <c r="HX2181" s="91"/>
      <c r="HY2181" s="91"/>
      <c r="HZ2181" s="91"/>
      <c r="IA2181" s="91"/>
      <c r="IB2181" s="91"/>
      <c r="IC2181" s="91"/>
      <c r="ID2181" s="91"/>
      <c r="IE2181" s="91"/>
      <c r="IF2181" s="91"/>
      <c r="IG2181" s="91"/>
      <c r="IH2181" s="91"/>
      <c r="II2181" s="91"/>
      <c r="IJ2181" s="91"/>
      <c r="IK2181" s="127"/>
    </row>
    <row r="2182" spans="2:245" x14ac:dyDescent="0.2">
      <c r="B2182" s="43"/>
      <c r="C2182" s="73"/>
      <c r="D2182" s="64"/>
      <c r="E2182" s="64"/>
      <c r="F2182" s="55"/>
      <c r="G2182" s="102"/>
      <c r="H2182" s="55"/>
      <c r="I2182" s="55"/>
      <c r="J2182" s="55"/>
      <c r="K2182" s="55"/>
      <c r="L2182" s="55"/>
      <c r="M2182" s="55"/>
      <c r="N2182" s="55"/>
      <c r="O2182" s="55"/>
      <c r="P2182" s="55"/>
      <c r="Q2182" s="55"/>
      <c r="R2182" s="55"/>
      <c r="S2182" s="55"/>
      <c r="T2182" s="55"/>
      <c r="U2182" s="55"/>
      <c r="V2182" s="55"/>
      <c r="W2182" s="55"/>
      <c r="X2182" s="55"/>
      <c r="Y2182" s="55"/>
      <c r="Z2182" s="55"/>
      <c r="AA2182" s="55"/>
      <c r="AB2182" s="55"/>
      <c r="AC2182" s="55"/>
      <c r="AD2182" s="55"/>
      <c r="AE2182" s="55"/>
      <c r="AF2182" s="55"/>
      <c r="AG2182" s="55"/>
      <c r="AY2182" s="162"/>
      <c r="AZ2182" s="162"/>
      <c r="BA2182" s="162"/>
      <c r="BB2182" s="162"/>
      <c r="BC2182" s="162"/>
      <c r="BD2182" s="162"/>
      <c r="BE2182" s="162"/>
      <c r="BF2182" s="162"/>
      <c r="BG2182" s="162"/>
      <c r="BH2182" s="162"/>
      <c r="BI2182" s="162"/>
      <c r="BJ2182" s="162"/>
      <c r="BK2182" s="162"/>
      <c r="BL2182" s="162"/>
      <c r="BM2182" s="162"/>
      <c r="BN2182" s="162"/>
      <c r="BO2182" s="162"/>
      <c r="BP2182" s="162"/>
      <c r="BQ2182" s="162"/>
      <c r="BR2182" s="162"/>
      <c r="BS2182" s="162"/>
      <c r="BT2182" s="162"/>
      <c r="BU2182" s="162"/>
      <c r="BV2182" s="162"/>
      <c r="BW2182" s="162"/>
      <c r="BX2182" s="162"/>
      <c r="BY2182" s="162"/>
      <c r="BZ2182" s="162"/>
      <c r="CA2182" s="162"/>
      <c r="CB2182" s="162"/>
      <c r="CC2182" s="162"/>
      <c r="CD2182" s="162"/>
      <c r="CE2182" s="162"/>
      <c r="CF2182" s="162"/>
      <c r="CG2182" s="162"/>
      <c r="CH2182" s="162"/>
      <c r="CI2182" s="162"/>
      <c r="CJ2182" s="162"/>
      <c r="CK2182" s="162"/>
      <c r="CX2182" s="98"/>
      <c r="DL2182" s="97"/>
      <c r="DX2182" s="98"/>
      <c r="EL2182" s="97"/>
      <c r="EX2182" s="98"/>
      <c r="EY2182" s="97"/>
      <c r="FL2182" s="126"/>
      <c r="FM2182" s="91"/>
      <c r="FN2182" s="91"/>
      <c r="FO2182" s="91"/>
      <c r="FP2182" s="91"/>
      <c r="FQ2182" s="91"/>
      <c r="FR2182" s="91"/>
      <c r="FS2182" s="91"/>
      <c r="FT2182" s="91"/>
      <c r="FU2182" s="91"/>
      <c r="FV2182" s="91"/>
      <c r="FW2182" s="91"/>
      <c r="FX2182" s="91"/>
      <c r="FY2182" s="91"/>
      <c r="FZ2182" s="91"/>
      <c r="GA2182" s="91"/>
      <c r="GB2182" s="91"/>
      <c r="GC2182" s="91"/>
      <c r="GD2182" s="91"/>
      <c r="GE2182" s="91"/>
      <c r="GF2182" s="91"/>
      <c r="GG2182" s="91"/>
      <c r="GH2182" s="91"/>
      <c r="GI2182" s="91"/>
      <c r="GJ2182" s="91"/>
      <c r="GK2182" s="127"/>
      <c r="GL2182" s="126"/>
      <c r="GM2182" s="91"/>
      <c r="GN2182" s="91"/>
      <c r="GO2182" s="91"/>
      <c r="GP2182" s="91"/>
      <c r="GQ2182" s="91"/>
      <c r="GR2182" s="91"/>
      <c r="GS2182" s="91"/>
      <c r="GT2182" s="91"/>
      <c r="GU2182" s="91"/>
      <c r="GV2182" s="91"/>
      <c r="GW2182" s="91"/>
      <c r="GX2182" s="91"/>
      <c r="GY2182" s="91"/>
      <c r="GZ2182" s="91"/>
      <c r="HA2182" s="91"/>
      <c r="HB2182" s="91"/>
      <c r="HC2182" s="91"/>
      <c r="HD2182" s="91"/>
      <c r="HE2182" s="91"/>
      <c r="HF2182" s="91"/>
      <c r="HG2182" s="91"/>
      <c r="HH2182" s="91"/>
      <c r="HI2182" s="91"/>
      <c r="HJ2182" s="91"/>
      <c r="HK2182" s="127"/>
      <c r="HL2182" s="126"/>
      <c r="HM2182" s="91"/>
      <c r="HN2182" s="91"/>
      <c r="HO2182" s="91"/>
      <c r="HP2182" s="91"/>
      <c r="HQ2182" s="91"/>
      <c r="HR2182" s="91"/>
      <c r="HS2182" s="91"/>
      <c r="HT2182" s="91"/>
      <c r="HU2182" s="91"/>
      <c r="HV2182" s="91"/>
      <c r="HW2182" s="91"/>
      <c r="HX2182" s="91"/>
      <c r="HY2182" s="91"/>
      <c r="HZ2182" s="91"/>
      <c r="IA2182" s="91"/>
      <c r="IB2182" s="91"/>
      <c r="IC2182" s="91"/>
      <c r="ID2182" s="91"/>
      <c r="IE2182" s="91"/>
      <c r="IF2182" s="91"/>
      <c r="IG2182" s="91"/>
      <c r="IH2182" s="91"/>
      <c r="II2182" s="91"/>
      <c r="IJ2182" s="91"/>
      <c r="IK2182" s="127"/>
    </row>
    <row r="2183" spans="2:245" x14ac:dyDescent="0.2">
      <c r="B2183" s="43"/>
      <c r="C2183" s="73"/>
      <c r="D2183" s="64"/>
      <c r="E2183" s="64"/>
      <c r="F2183" s="55"/>
      <c r="G2183" s="102"/>
      <c r="H2183" s="55"/>
      <c r="I2183" s="55"/>
      <c r="J2183" s="55"/>
      <c r="K2183" s="55"/>
      <c r="L2183" s="55"/>
      <c r="M2183" s="55"/>
      <c r="N2183" s="55"/>
      <c r="O2183" s="55"/>
      <c r="P2183" s="55"/>
      <c r="Q2183" s="55"/>
      <c r="R2183" s="55"/>
      <c r="S2183" s="55"/>
      <c r="T2183" s="55"/>
      <c r="U2183" s="55"/>
      <c r="V2183" s="55"/>
      <c r="W2183" s="55"/>
      <c r="X2183" s="55"/>
      <c r="Y2183" s="55"/>
      <c r="Z2183" s="55"/>
      <c r="AA2183" s="55"/>
      <c r="AB2183" s="55"/>
      <c r="AC2183" s="55"/>
      <c r="AD2183" s="55"/>
      <c r="AE2183" s="55"/>
      <c r="AF2183" s="55"/>
      <c r="AG2183" s="55"/>
      <c r="AY2183" s="162"/>
      <c r="AZ2183" s="162"/>
      <c r="BA2183" s="162"/>
      <c r="BB2183" s="162"/>
      <c r="BC2183" s="162"/>
      <c r="BD2183" s="162"/>
      <c r="BE2183" s="162"/>
      <c r="BF2183" s="162"/>
      <c r="BG2183" s="162"/>
      <c r="BH2183" s="162"/>
      <c r="BI2183" s="162"/>
      <c r="BJ2183" s="162"/>
      <c r="BK2183" s="162"/>
      <c r="BL2183" s="162"/>
      <c r="BM2183" s="162"/>
      <c r="BN2183" s="162"/>
      <c r="BO2183" s="162"/>
      <c r="BP2183" s="162"/>
      <c r="BQ2183" s="162"/>
      <c r="BR2183" s="162"/>
      <c r="BS2183" s="162"/>
      <c r="BT2183" s="162"/>
      <c r="BU2183" s="162"/>
      <c r="BV2183" s="162"/>
      <c r="BW2183" s="162"/>
      <c r="BX2183" s="162"/>
      <c r="BY2183" s="162"/>
      <c r="BZ2183" s="162"/>
      <c r="CA2183" s="162"/>
      <c r="CB2183" s="162"/>
      <c r="CC2183" s="162"/>
      <c r="CD2183" s="162"/>
      <c r="CE2183" s="162"/>
      <c r="CF2183" s="162"/>
      <c r="CG2183" s="162"/>
      <c r="CH2183" s="162"/>
      <c r="CI2183" s="162"/>
      <c r="CJ2183" s="162"/>
      <c r="CK2183" s="162"/>
      <c r="CX2183" s="98"/>
      <c r="DL2183" s="97"/>
      <c r="DX2183" s="98"/>
      <c r="EL2183" s="97"/>
      <c r="EX2183" s="98"/>
      <c r="EY2183" s="97"/>
      <c r="FL2183" s="126"/>
      <c r="FM2183" s="91"/>
      <c r="FN2183" s="91"/>
      <c r="FO2183" s="91"/>
      <c r="FP2183" s="91"/>
      <c r="FQ2183" s="91"/>
      <c r="FR2183" s="91"/>
      <c r="FS2183" s="91"/>
      <c r="FT2183" s="91"/>
      <c r="FU2183" s="91"/>
      <c r="FV2183" s="91"/>
      <c r="FW2183" s="91"/>
      <c r="FX2183" s="91"/>
      <c r="FY2183" s="91"/>
      <c r="FZ2183" s="91"/>
      <c r="GA2183" s="91"/>
      <c r="GB2183" s="91"/>
      <c r="GC2183" s="91"/>
      <c r="GD2183" s="91"/>
      <c r="GE2183" s="91"/>
      <c r="GF2183" s="91"/>
      <c r="GG2183" s="91"/>
      <c r="GH2183" s="91"/>
      <c r="GI2183" s="91"/>
      <c r="GJ2183" s="91"/>
      <c r="GK2183" s="127"/>
      <c r="GL2183" s="126"/>
      <c r="GM2183" s="91"/>
      <c r="GN2183" s="91"/>
      <c r="GO2183" s="91"/>
      <c r="GP2183" s="91"/>
      <c r="GQ2183" s="91"/>
      <c r="GR2183" s="91"/>
      <c r="GS2183" s="91"/>
      <c r="GT2183" s="91"/>
      <c r="GU2183" s="91"/>
      <c r="GV2183" s="91"/>
      <c r="GW2183" s="91"/>
      <c r="GX2183" s="91"/>
      <c r="GY2183" s="91"/>
      <c r="GZ2183" s="91"/>
      <c r="HA2183" s="91"/>
      <c r="HB2183" s="91"/>
      <c r="HC2183" s="91"/>
      <c r="HD2183" s="91"/>
      <c r="HE2183" s="91"/>
      <c r="HF2183" s="91"/>
      <c r="HG2183" s="91"/>
      <c r="HH2183" s="91"/>
      <c r="HI2183" s="91"/>
      <c r="HJ2183" s="91"/>
      <c r="HK2183" s="127"/>
      <c r="HL2183" s="126"/>
      <c r="HM2183" s="91"/>
      <c r="HN2183" s="91"/>
      <c r="HO2183" s="91"/>
      <c r="HP2183" s="91"/>
      <c r="HQ2183" s="91"/>
      <c r="HR2183" s="91"/>
      <c r="HS2183" s="91"/>
      <c r="HT2183" s="91"/>
      <c r="HU2183" s="91"/>
      <c r="HV2183" s="91"/>
      <c r="HW2183" s="91"/>
      <c r="HX2183" s="91"/>
      <c r="HY2183" s="91"/>
      <c r="HZ2183" s="91"/>
      <c r="IA2183" s="91"/>
      <c r="IB2183" s="91"/>
      <c r="IC2183" s="91"/>
      <c r="ID2183" s="91"/>
      <c r="IE2183" s="91"/>
      <c r="IF2183" s="91"/>
      <c r="IG2183" s="91"/>
      <c r="IH2183" s="91"/>
      <c r="II2183" s="91"/>
      <c r="IJ2183" s="91"/>
      <c r="IK2183" s="127"/>
    </row>
    <row r="2184" spans="2:245" x14ac:dyDescent="0.2">
      <c r="B2184" s="43"/>
      <c r="C2184" s="73"/>
      <c r="D2184" s="64"/>
      <c r="E2184" s="64"/>
      <c r="F2184" s="55"/>
      <c r="G2184" s="102"/>
      <c r="H2184" s="55"/>
      <c r="I2184" s="55"/>
      <c r="J2184" s="55"/>
      <c r="K2184" s="55"/>
      <c r="L2184" s="55"/>
      <c r="M2184" s="55"/>
      <c r="N2184" s="55"/>
      <c r="O2184" s="55"/>
      <c r="P2184" s="55"/>
      <c r="Q2184" s="55"/>
      <c r="R2184" s="55"/>
      <c r="S2184" s="55"/>
      <c r="T2184" s="55"/>
      <c r="U2184" s="55"/>
      <c r="V2184" s="55"/>
      <c r="W2184" s="55"/>
      <c r="X2184" s="55"/>
      <c r="Y2184" s="55"/>
      <c r="Z2184" s="55"/>
      <c r="AA2184" s="55"/>
      <c r="AB2184" s="55"/>
      <c r="AC2184" s="55"/>
      <c r="AD2184" s="55"/>
      <c r="AE2184" s="55"/>
      <c r="AF2184" s="55"/>
      <c r="AG2184" s="55"/>
      <c r="AY2184" s="162"/>
      <c r="AZ2184" s="162"/>
      <c r="BA2184" s="162"/>
      <c r="BB2184" s="162"/>
      <c r="BC2184" s="162"/>
      <c r="BD2184" s="162"/>
      <c r="BE2184" s="162"/>
      <c r="BF2184" s="162"/>
      <c r="BG2184" s="162"/>
      <c r="BH2184" s="162"/>
      <c r="BI2184" s="162"/>
      <c r="BJ2184" s="162"/>
      <c r="BK2184" s="162"/>
      <c r="BL2184" s="162"/>
      <c r="BM2184" s="162"/>
      <c r="BN2184" s="162"/>
      <c r="BO2184" s="162"/>
      <c r="BP2184" s="162"/>
      <c r="BQ2184" s="162"/>
      <c r="BR2184" s="162"/>
      <c r="BS2184" s="162"/>
      <c r="BT2184" s="162"/>
      <c r="BU2184" s="162"/>
      <c r="BV2184" s="162"/>
      <c r="BW2184" s="162"/>
      <c r="BX2184" s="162"/>
      <c r="BY2184" s="162"/>
      <c r="BZ2184" s="162"/>
      <c r="CA2184" s="162"/>
      <c r="CB2184" s="162"/>
      <c r="CC2184" s="162"/>
      <c r="CD2184" s="162"/>
      <c r="CE2184" s="162"/>
      <c r="CF2184" s="162"/>
      <c r="CG2184" s="162"/>
      <c r="CH2184" s="162"/>
      <c r="CI2184" s="162"/>
      <c r="CJ2184" s="162"/>
      <c r="CK2184" s="162"/>
      <c r="CX2184" s="98"/>
      <c r="DL2184" s="97"/>
      <c r="DX2184" s="98"/>
      <c r="EL2184" s="97"/>
      <c r="EX2184" s="98"/>
      <c r="EY2184" s="97"/>
      <c r="FL2184" s="126"/>
      <c r="FM2184" s="91"/>
      <c r="FN2184" s="91"/>
      <c r="FO2184" s="91"/>
      <c r="FP2184" s="91"/>
      <c r="FQ2184" s="91"/>
      <c r="FR2184" s="91"/>
      <c r="FS2184" s="91"/>
      <c r="FT2184" s="91"/>
      <c r="FU2184" s="91"/>
      <c r="FV2184" s="91"/>
      <c r="FW2184" s="91"/>
      <c r="FX2184" s="91"/>
      <c r="FY2184" s="91"/>
      <c r="FZ2184" s="91"/>
      <c r="GA2184" s="91"/>
      <c r="GB2184" s="91"/>
      <c r="GC2184" s="91"/>
      <c r="GD2184" s="91"/>
      <c r="GE2184" s="91"/>
      <c r="GF2184" s="91"/>
      <c r="GG2184" s="91"/>
      <c r="GH2184" s="91"/>
      <c r="GI2184" s="91"/>
      <c r="GJ2184" s="91"/>
      <c r="GK2184" s="127"/>
      <c r="GL2184" s="126"/>
      <c r="GM2184" s="91"/>
      <c r="GN2184" s="91"/>
      <c r="GO2184" s="91"/>
      <c r="GP2184" s="91"/>
      <c r="GQ2184" s="91"/>
      <c r="GR2184" s="91"/>
      <c r="GS2184" s="91"/>
      <c r="GT2184" s="91"/>
      <c r="GU2184" s="91"/>
      <c r="GV2184" s="91"/>
      <c r="GW2184" s="91"/>
      <c r="GX2184" s="91"/>
      <c r="GY2184" s="91"/>
      <c r="GZ2184" s="91"/>
      <c r="HA2184" s="91"/>
      <c r="HB2184" s="91"/>
      <c r="HC2184" s="91"/>
      <c r="HD2184" s="91"/>
      <c r="HE2184" s="91"/>
      <c r="HF2184" s="91"/>
      <c r="HG2184" s="91"/>
      <c r="HH2184" s="91"/>
      <c r="HI2184" s="91"/>
      <c r="HJ2184" s="91"/>
      <c r="HK2184" s="127"/>
      <c r="HL2184" s="126"/>
      <c r="HM2184" s="91"/>
      <c r="HN2184" s="91"/>
      <c r="HO2184" s="91"/>
      <c r="HP2184" s="91"/>
      <c r="HQ2184" s="91"/>
      <c r="HR2184" s="91"/>
      <c r="HS2184" s="91"/>
      <c r="HT2184" s="91"/>
      <c r="HU2184" s="91"/>
      <c r="HV2184" s="91"/>
      <c r="HW2184" s="91"/>
      <c r="HX2184" s="91"/>
      <c r="HY2184" s="91"/>
      <c r="HZ2184" s="91"/>
      <c r="IA2184" s="91"/>
      <c r="IB2184" s="91"/>
      <c r="IC2184" s="91"/>
      <c r="ID2184" s="91"/>
      <c r="IE2184" s="91"/>
      <c r="IF2184" s="91"/>
      <c r="IG2184" s="91"/>
      <c r="IH2184" s="91"/>
      <c r="II2184" s="91"/>
      <c r="IJ2184" s="91"/>
      <c r="IK2184" s="127"/>
    </row>
    <row r="2185" spans="2:245" ht="13.5" thickBot="1" x14ac:dyDescent="0.25">
      <c r="B2185" s="43"/>
      <c r="C2185" s="73"/>
      <c r="D2185" s="64"/>
      <c r="E2185" s="64"/>
      <c r="F2185" s="55"/>
      <c r="G2185" s="102"/>
      <c r="H2185" s="55"/>
      <c r="I2185" s="55"/>
      <c r="J2185" s="55"/>
      <c r="K2185" s="55"/>
      <c r="L2185" s="55"/>
      <c r="M2185" s="55"/>
      <c r="N2185" s="55"/>
      <c r="O2185" s="55"/>
      <c r="P2185" s="55"/>
      <c r="Q2185" s="55"/>
      <c r="R2185" s="55"/>
      <c r="S2185" s="55"/>
      <c r="T2185" s="55"/>
      <c r="U2185" s="55"/>
      <c r="V2185" s="55"/>
      <c r="W2185" s="55"/>
      <c r="X2185" s="55"/>
      <c r="Y2185" s="55"/>
      <c r="Z2185" s="55"/>
      <c r="AA2185" s="55"/>
      <c r="AB2185" s="55"/>
      <c r="AC2185" s="55"/>
      <c r="AD2185" s="55"/>
      <c r="AE2185" s="55"/>
      <c r="AF2185" s="55"/>
      <c r="AG2185" s="55"/>
      <c r="AY2185" s="162"/>
      <c r="AZ2185" s="162"/>
      <c r="BA2185" s="162"/>
      <c r="BB2185" s="162"/>
      <c r="BC2185" s="162"/>
      <c r="BD2185" s="162"/>
      <c r="BE2185" s="162"/>
      <c r="BF2185" s="162"/>
      <c r="BG2185" s="162"/>
      <c r="BH2185" s="162"/>
      <c r="BI2185" s="162"/>
      <c r="BJ2185" s="162"/>
      <c r="BK2185" s="162"/>
      <c r="BL2185" s="162"/>
      <c r="BM2185" s="162"/>
      <c r="BN2185" s="162"/>
      <c r="BO2185" s="162"/>
      <c r="BP2185" s="162"/>
      <c r="BQ2185" s="162"/>
      <c r="BR2185" s="162"/>
      <c r="BS2185" s="162"/>
      <c r="BT2185" s="162"/>
      <c r="BU2185" s="162"/>
      <c r="BV2185" s="162"/>
      <c r="BW2185" s="162"/>
      <c r="BX2185" s="162"/>
      <c r="BY2185" s="162"/>
      <c r="BZ2185" s="162"/>
      <c r="CA2185" s="162"/>
      <c r="CB2185" s="162"/>
      <c r="CC2185" s="162"/>
      <c r="CD2185" s="162"/>
      <c r="CE2185" s="162"/>
      <c r="CF2185" s="162"/>
      <c r="CG2185" s="162"/>
      <c r="CH2185" s="162"/>
      <c r="CI2185" s="162"/>
      <c r="CJ2185" s="162"/>
      <c r="CK2185" s="162"/>
      <c r="CX2185" s="98"/>
      <c r="DL2185" s="97"/>
      <c r="DX2185" s="98"/>
      <c r="EL2185" s="97"/>
      <c r="EX2185" s="98"/>
      <c r="EY2185" s="97"/>
      <c r="FL2185" s="126"/>
      <c r="FM2185" s="91"/>
      <c r="FN2185" s="91"/>
      <c r="FO2185" s="91"/>
      <c r="FP2185" s="91"/>
      <c r="FQ2185" s="91"/>
      <c r="FR2185" s="91"/>
      <c r="FS2185" s="91"/>
      <c r="FT2185" s="91"/>
      <c r="FU2185" s="91"/>
      <c r="FV2185" s="91"/>
      <c r="FW2185" s="91"/>
      <c r="FX2185" s="91"/>
      <c r="FY2185" s="91"/>
      <c r="FZ2185" s="91"/>
      <c r="GA2185" s="91"/>
      <c r="GB2185" s="91"/>
      <c r="GC2185" s="91"/>
      <c r="GD2185" s="91"/>
      <c r="GE2185" s="91"/>
      <c r="GF2185" s="91"/>
      <c r="GG2185" s="91"/>
      <c r="GH2185" s="91"/>
      <c r="GI2185" s="91"/>
      <c r="GJ2185" s="91"/>
      <c r="GK2185" s="127"/>
      <c r="GL2185" s="126"/>
      <c r="GM2185" s="91"/>
      <c r="GN2185" s="91"/>
      <c r="GO2185" s="91"/>
      <c r="GP2185" s="91"/>
      <c r="GQ2185" s="91"/>
      <c r="GR2185" s="91"/>
      <c r="GS2185" s="91"/>
      <c r="GT2185" s="91"/>
      <c r="GU2185" s="91"/>
      <c r="GV2185" s="91"/>
      <c r="GW2185" s="91"/>
      <c r="GX2185" s="91"/>
      <c r="GY2185" s="91"/>
      <c r="GZ2185" s="91"/>
      <c r="HA2185" s="91"/>
      <c r="HB2185" s="91"/>
      <c r="HC2185" s="91"/>
      <c r="HD2185" s="91"/>
      <c r="HE2185" s="91"/>
      <c r="HF2185" s="91"/>
      <c r="HG2185" s="91"/>
      <c r="HH2185" s="91"/>
      <c r="HI2185" s="91"/>
      <c r="HJ2185" s="91"/>
      <c r="HK2185" s="127"/>
      <c r="HL2185" s="126"/>
      <c r="HM2185" s="91"/>
      <c r="HN2185" s="91"/>
      <c r="HO2185" s="91"/>
      <c r="HP2185" s="91"/>
      <c r="HQ2185" s="91"/>
      <c r="HR2185" s="91"/>
      <c r="HS2185" s="91"/>
      <c r="HT2185" s="91"/>
      <c r="HU2185" s="91"/>
      <c r="HV2185" s="91"/>
      <c r="HW2185" s="91"/>
      <c r="HX2185" s="91"/>
      <c r="HY2185" s="91"/>
      <c r="HZ2185" s="91"/>
      <c r="IA2185" s="91"/>
      <c r="IB2185" s="91"/>
      <c r="IC2185" s="91"/>
      <c r="ID2185" s="91"/>
      <c r="IE2185" s="91"/>
      <c r="IF2185" s="91"/>
      <c r="IG2185" s="91"/>
      <c r="IH2185" s="91"/>
      <c r="II2185" s="91"/>
      <c r="IJ2185" s="91"/>
      <c r="IK2185" s="127"/>
    </row>
    <row r="2186" spans="2:245" x14ac:dyDescent="0.2">
      <c r="B2186" s="43"/>
      <c r="C2186" s="73"/>
      <c r="D2186" s="64"/>
      <c r="E2186" s="64"/>
      <c r="F2186" s="55"/>
      <c r="G2186" s="102"/>
      <c r="H2186" s="55"/>
      <c r="I2186" s="55"/>
      <c r="J2186" s="55"/>
      <c r="K2186" s="55"/>
      <c r="L2186" s="55"/>
      <c r="M2186" s="55"/>
      <c r="N2186" s="55"/>
      <c r="O2186" s="55"/>
      <c r="P2186" s="55"/>
      <c r="Q2186" s="55"/>
      <c r="R2186" s="55"/>
      <c r="S2186" s="55"/>
      <c r="T2186" s="55"/>
      <c r="U2186" s="55"/>
      <c r="V2186" s="55"/>
      <c r="W2186" s="55"/>
      <c r="X2186" s="55"/>
      <c r="Y2186" s="55"/>
      <c r="Z2186" s="55"/>
      <c r="AA2186" s="55"/>
      <c r="AB2186" s="55"/>
      <c r="AC2186" s="55"/>
      <c r="AD2186" s="55"/>
      <c r="AE2186" s="55"/>
      <c r="AF2186" s="55"/>
      <c r="AG2186" s="55"/>
      <c r="AY2186" s="162"/>
      <c r="AZ2186" s="162"/>
      <c r="BA2186" s="162"/>
      <c r="BB2186" s="162"/>
      <c r="BC2186" s="162"/>
      <c r="BD2186" s="162"/>
      <c r="BE2186" s="162"/>
      <c r="BF2186" s="162"/>
      <c r="BG2186" s="162"/>
      <c r="BH2186" s="162"/>
      <c r="BI2186" s="162"/>
      <c r="BJ2186" s="162"/>
      <c r="BK2186" s="162"/>
      <c r="BL2186" s="162"/>
      <c r="BM2186" s="162"/>
      <c r="BN2186" s="162"/>
      <c r="BO2186" s="162"/>
      <c r="BP2186" s="162"/>
      <c r="BQ2186" s="162"/>
      <c r="BR2186" s="162"/>
      <c r="BS2186" s="162"/>
      <c r="BT2186" s="162"/>
      <c r="BU2186" s="162"/>
      <c r="BV2186" s="162"/>
      <c r="BW2186" s="162"/>
      <c r="BX2186" s="162"/>
      <c r="BY2186" s="162"/>
      <c r="BZ2186" s="162"/>
      <c r="CA2186" s="162"/>
      <c r="CB2186" s="162"/>
      <c r="CC2186" s="162"/>
      <c r="CD2186" s="162"/>
      <c r="CE2186" s="162"/>
      <c r="CF2186" s="162"/>
      <c r="CG2186" s="162"/>
      <c r="CH2186" s="162"/>
      <c r="CI2186" s="162"/>
      <c r="CJ2186" s="162"/>
      <c r="CK2186" s="162"/>
      <c r="CL2186" s="163"/>
      <c r="CM2186" s="163"/>
      <c r="CN2186" s="163"/>
      <c r="CO2186" s="163"/>
      <c r="CP2186" s="163"/>
      <c r="CQ2186" s="163"/>
      <c r="CR2186" s="163"/>
      <c r="CS2186" s="163"/>
      <c r="CT2186" s="163"/>
      <c r="CU2186" s="163"/>
      <c r="CV2186" s="163"/>
      <c r="CW2186" s="163"/>
      <c r="CX2186" s="173"/>
      <c r="CY2186" s="163"/>
      <c r="CZ2186" s="163"/>
      <c r="DA2186" s="163"/>
      <c r="DB2186" s="163"/>
      <c r="DC2186" s="163"/>
      <c r="DD2186" s="163"/>
      <c r="DE2186" s="163"/>
      <c r="DF2186" s="163"/>
      <c r="DG2186" s="163"/>
      <c r="DH2186" s="163"/>
      <c r="DI2186" s="163"/>
      <c r="DJ2186" s="163"/>
      <c r="DK2186" s="163"/>
      <c r="DL2186" s="172"/>
      <c r="DM2186" s="163"/>
      <c r="DN2186" s="163"/>
      <c r="DO2186" s="163"/>
      <c r="DP2186" s="163"/>
      <c r="DQ2186" s="163"/>
      <c r="DR2186" s="163"/>
      <c r="DS2186" s="163"/>
      <c r="DT2186" s="163"/>
      <c r="DU2186" s="163"/>
      <c r="DV2186" s="163"/>
      <c r="DW2186" s="163"/>
      <c r="DX2186" s="173"/>
      <c r="DY2186" s="163"/>
      <c r="DZ2186" s="163"/>
      <c r="EA2186" s="163"/>
      <c r="EB2186" s="163"/>
      <c r="EC2186" s="163"/>
      <c r="ED2186" s="163"/>
      <c r="EE2186" s="163"/>
      <c r="EF2186" s="163"/>
      <c r="EG2186" s="163"/>
      <c r="EH2186" s="163"/>
      <c r="EI2186" s="163"/>
      <c r="EJ2186" s="163"/>
      <c r="EK2186" s="163"/>
      <c r="EL2186" s="172"/>
      <c r="EM2186" s="163"/>
      <c r="EN2186" s="163"/>
      <c r="EO2186" s="163"/>
      <c r="EP2186" s="163"/>
      <c r="EQ2186" s="163"/>
      <c r="ER2186" s="163"/>
      <c r="ES2186" s="163"/>
      <c r="ET2186" s="163"/>
      <c r="EU2186" s="163"/>
      <c r="EV2186" s="163"/>
      <c r="EW2186" s="163"/>
      <c r="EX2186" s="173"/>
      <c r="EY2186" s="172"/>
      <c r="EZ2186" s="163"/>
      <c r="FA2186" s="163"/>
      <c r="FB2186" s="163"/>
      <c r="FC2186" s="163"/>
      <c r="FD2186" s="163"/>
      <c r="FE2186" s="163"/>
      <c r="FF2186" s="163"/>
      <c r="FG2186" s="163"/>
      <c r="FH2186" s="163"/>
      <c r="FI2186" s="163"/>
      <c r="FJ2186" s="163"/>
      <c r="FK2186" s="163"/>
      <c r="FL2186" s="126"/>
      <c r="FM2186" s="91"/>
      <c r="FN2186" s="91"/>
      <c r="FO2186" s="91"/>
      <c r="FP2186" s="91"/>
      <c r="FQ2186" s="91"/>
      <c r="FR2186" s="91"/>
      <c r="FS2186" s="91"/>
      <c r="FT2186" s="91"/>
      <c r="FU2186" s="91"/>
      <c r="FV2186" s="91"/>
      <c r="FW2186" s="91"/>
      <c r="FX2186" s="91"/>
      <c r="FY2186" s="91"/>
      <c r="FZ2186" s="91"/>
      <c r="GA2186" s="91"/>
      <c r="GB2186" s="91"/>
      <c r="GC2186" s="91"/>
      <c r="GD2186" s="91"/>
      <c r="GE2186" s="91"/>
      <c r="GF2186" s="91"/>
      <c r="GG2186" s="91"/>
      <c r="GH2186" s="91"/>
      <c r="GI2186" s="91"/>
      <c r="GJ2186" s="91"/>
      <c r="GK2186" s="127"/>
      <c r="GL2186" s="126"/>
      <c r="GM2186" s="91"/>
      <c r="GN2186" s="91"/>
      <c r="GO2186" s="91"/>
      <c r="GP2186" s="91"/>
      <c r="GQ2186" s="91"/>
      <c r="GR2186" s="91"/>
      <c r="GS2186" s="91"/>
      <c r="GT2186" s="91"/>
      <c r="GU2186" s="91"/>
      <c r="GV2186" s="91"/>
      <c r="GW2186" s="91"/>
      <c r="GX2186" s="91"/>
      <c r="GY2186" s="91"/>
      <c r="GZ2186" s="91"/>
      <c r="HA2186" s="91"/>
      <c r="HB2186" s="91"/>
      <c r="HC2186" s="91"/>
      <c r="HD2186" s="91"/>
      <c r="HE2186" s="91"/>
      <c r="HF2186" s="91"/>
      <c r="HG2186" s="91"/>
      <c r="HH2186" s="91"/>
      <c r="HI2186" s="91"/>
      <c r="HJ2186" s="91"/>
      <c r="HK2186" s="127"/>
      <c r="HL2186" s="126"/>
      <c r="HM2186" s="91"/>
      <c r="HN2186" s="91"/>
      <c r="HO2186" s="91"/>
      <c r="HP2186" s="91"/>
      <c r="HQ2186" s="91"/>
      <c r="HR2186" s="91"/>
      <c r="HS2186" s="91"/>
      <c r="HT2186" s="91"/>
      <c r="HU2186" s="91"/>
      <c r="HV2186" s="91"/>
      <c r="HW2186" s="91"/>
      <c r="HX2186" s="91"/>
      <c r="HY2186" s="91"/>
      <c r="HZ2186" s="91"/>
      <c r="IA2186" s="91"/>
      <c r="IB2186" s="91"/>
      <c r="IC2186" s="91"/>
      <c r="ID2186" s="91"/>
      <c r="IE2186" s="91"/>
      <c r="IF2186" s="91"/>
      <c r="IG2186" s="91"/>
      <c r="IH2186" s="91"/>
      <c r="II2186" s="91"/>
      <c r="IJ2186" s="91"/>
      <c r="IK2186" s="127"/>
    </row>
    <row r="2187" spans="2:245" x14ac:dyDescent="0.2">
      <c r="B2187" s="43"/>
      <c r="C2187" s="73"/>
      <c r="D2187" s="64"/>
      <c r="E2187" s="64"/>
      <c r="F2187" s="55"/>
      <c r="G2187" s="102"/>
      <c r="H2187" s="55"/>
      <c r="I2187" s="55"/>
      <c r="J2187" s="55"/>
      <c r="K2187" s="55"/>
      <c r="L2187" s="55"/>
      <c r="M2187" s="55"/>
      <c r="N2187" s="55"/>
      <c r="O2187" s="55"/>
      <c r="P2187" s="55"/>
      <c r="Q2187" s="55"/>
      <c r="R2187" s="55"/>
      <c r="S2187" s="55"/>
      <c r="T2187" s="55"/>
      <c r="U2187" s="55"/>
      <c r="V2187" s="55"/>
      <c r="W2187" s="55"/>
      <c r="X2187" s="55"/>
      <c r="Y2187" s="55"/>
      <c r="Z2187" s="55"/>
      <c r="AA2187" s="55"/>
      <c r="AB2187" s="55"/>
      <c r="AC2187" s="55"/>
      <c r="AD2187" s="55"/>
      <c r="AE2187" s="55"/>
      <c r="AF2187" s="55"/>
      <c r="AG2187" s="55"/>
      <c r="AY2187" s="162"/>
      <c r="AZ2187" s="162"/>
      <c r="BA2187" s="162"/>
      <c r="BB2187" s="162"/>
      <c r="BC2187" s="162"/>
      <c r="BD2187" s="162"/>
      <c r="BE2187" s="162"/>
      <c r="BF2187" s="162"/>
      <c r="BG2187" s="162"/>
      <c r="BH2187" s="162"/>
      <c r="BI2187" s="162"/>
      <c r="BJ2187" s="162"/>
      <c r="BK2187" s="162"/>
      <c r="BL2187" s="162"/>
      <c r="BM2187" s="162"/>
      <c r="BN2187" s="162"/>
      <c r="BO2187" s="162"/>
      <c r="BP2187" s="162"/>
      <c r="BQ2187" s="162"/>
      <c r="BR2187" s="162"/>
      <c r="BS2187" s="162"/>
      <c r="BT2187" s="162"/>
      <c r="BU2187" s="162"/>
      <c r="BV2187" s="162"/>
      <c r="BW2187" s="162"/>
      <c r="BX2187" s="162"/>
      <c r="BY2187" s="162"/>
      <c r="BZ2187" s="162"/>
      <c r="CA2187" s="162"/>
      <c r="CB2187" s="162"/>
      <c r="CC2187" s="162"/>
      <c r="CD2187" s="162"/>
      <c r="CE2187" s="162"/>
      <c r="CF2187" s="162"/>
      <c r="CG2187" s="162"/>
      <c r="CH2187" s="162"/>
      <c r="CI2187" s="162"/>
      <c r="CJ2187" s="162"/>
      <c r="CK2187" s="162"/>
      <c r="CX2187" s="98"/>
      <c r="DL2187" s="97"/>
      <c r="DX2187" s="98"/>
      <c r="EL2187" s="97"/>
      <c r="EX2187" s="98"/>
      <c r="EY2187" s="97"/>
      <c r="FL2187" s="126"/>
      <c r="FM2187" s="91"/>
      <c r="FN2187" s="91"/>
      <c r="FO2187" s="91"/>
      <c r="FP2187" s="91"/>
      <c r="FQ2187" s="91"/>
      <c r="FR2187" s="91"/>
      <c r="FS2187" s="91"/>
      <c r="FT2187" s="91"/>
      <c r="FU2187" s="91"/>
      <c r="FV2187" s="91"/>
      <c r="FW2187" s="91"/>
      <c r="FX2187" s="91"/>
      <c r="FY2187" s="91"/>
      <c r="FZ2187" s="91"/>
      <c r="GA2187" s="91"/>
      <c r="GB2187" s="91"/>
      <c r="GC2187" s="91"/>
      <c r="GD2187" s="91"/>
      <c r="GE2187" s="91"/>
      <c r="GF2187" s="91"/>
      <c r="GG2187" s="91"/>
      <c r="GH2187" s="91"/>
      <c r="GI2187" s="91"/>
      <c r="GJ2187" s="91"/>
      <c r="GK2187" s="127"/>
      <c r="GL2187" s="126"/>
      <c r="GM2187" s="91"/>
      <c r="GN2187" s="91"/>
      <c r="GO2187" s="91"/>
      <c r="GP2187" s="91"/>
      <c r="GQ2187" s="91"/>
      <c r="GR2187" s="91"/>
      <c r="GS2187" s="91"/>
      <c r="GT2187" s="91"/>
      <c r="GU2187" s="91"/>
      <c r="GV2187" s="91"/>
      <c r="GW2187" s="91"/>
      <c r="GX2187" s="91"/>
      <c r="GY2187" s="91"/>
      <c r="GZ2187" s="91"/>
      <c r="HA2187" s="91"/>
      <c r="HB2187" s="91"/>
      <c r="HC2187" s="91"/>
      <c r="HD2187" s="91"/>
      <c r="HE2187" s="91"/>
      <c r="HF2187" s="91"/>
      <c r="HG2187" s="91"/>
      <c r="HH2187" s="91"/>
      <c r="HI2187" s="91"/>
      <c r="HJ2187" s="91"/>
      <c r="HK2187" s="127"/>
      <c r="HL2187" s="126"/>
      <c r="HM2187" s="91"/>
      <c r="HN2187" s="91"/>
      <c r="HO2187" s="91"/>
      <c r="HP2187" s="91"/>
      <c r="HQ2187" s="91"/>
      <c r="HR2187" s="91"/>
      <c r="HS2187" s="91"/>
      <c r="HT2187" s="91"/>
      <c r="HU2187" s="91"/>
      <c r="HV2187" s="91"/>
      <c r="HW2187" s="91"/>
      <c r="HX2187" s="91"/>
      <c r="HY2187" s="91"/>
      <c r="HZ2187" s="91"/>
      <c r="IA2187" s="91"/>
      <c r="IB2187" s="91"/>
      <c r="IC2187" s="91"/>
      <c r="ID2187" s="91"/>
      <c r="IE2187" s="91"/>
      <c r="IF2187" s="91"/>
      <c r="IG2187" s="91"/>
      <c r="IH2187" s="91"/>
      <c r="II2187" s="91"/>
      <c r="IJ2187" s="91"/>
      <c r="IK2187" s="127"/>
    </row>
    <row r="2188" spans="2:245" x14ac:dyDescent="0.2">
      <c r="B2188" s="43"/>
      <c r="C2188" s="73"/>
      <c r="D2188" s="64"/>
      <c r="E2188" s="64"/>
      <c r="F2188" s="55"/>
      <c r="G2188" s="102"/>
      <c r="H2188" s="55"/>
      <c r="I2188" s="55"/>
      <c r="J2188" s="55"/>
      <c r="K2188" s="55"/>
      <c r="L2188" s="55"/>
      <c r="M2188" s="55"/>
      <c r="N2188" s="55"/>
      <c r="O2188" s="55"/>
      <c r="P2188" s="55"/>
      <c r="Q2188" s="55"/>
      <c r="R2188" s="55"/>
      <c r="S2188" s="55"/>
      <c r="T2188" s="55"/>
      <c r="U2188" s="55"/>
      <c r="V2188" s="55"/>
      <c r="W2188" s="55"/>
      <c r="X2188" s="55"/>
      <c r="Y2188" s="55"/>
      <c r="Z2188" s="55"/>
      <c r="AA2188" s="55"/>
      <c r="AB2188" s="55"/>
      <c r="AC2188" s="55"/>
      <c r="AD2188" s="55"/>
      <c r="AE2188" s="55"/>
      <c r="AF2188" s="55"/>
      <c r="AG2188" s="55"/>
      <c r="AY2188" s="162"/>
      <c r="AZ2188" s="162"/>
      <c r="BA2188" s="162"/>
      <c r="BB2188" s="162"/>
      <c r="BC2188" s="162"/>
      <c r="BD2188" s="162"/>
      <c r="BE2188" s="162"/>
      <c r="BF2188" s="162"/>
      <c r="BG2188" s="162"/>
      <c r="BH2188" s="162"/>
      <c r="BI2188" s="162"/>
      <c r="BJ2188" s="162"/>
      <c r="BK2188" s="162"/>
      <c r="BL2188" s="162"/>
      <c r="BM2188" s="162"/>
      <c r="BN2188" s="162"/>
      <c r="BO2188" s="162"/>
      <c r="BP2188" s="162"/>
      <c r="BQ2188" s="162"/>
      <c r="BR2188" s="162"/>
      <c r="BS2188" s="162"/>
      <c r="BT2188" s="162"/>
      <c r="BU2188" s="162"/>
      <c r="BV2188" s="162"/>
      <c r="BW2188" s="162"/>
      <c r="BX2188" s="162"/>
      <c r="BY2188" s="162"/>
      <c r="BZ2188" s="162"/>
      <c r="CA2188" s="162"/>
      <c r="CB2188" s="162"/>
      <c r="CC2188" s="162"/>
      <c r="CD2188" s="162"/>
      <c r="CE2188" s="162"/>
      <c r="CF2188" s="162"/>
      <c r="CG2188" s="162"/>
      <c r="CH2188" s="162"/>
      <c r="CI2188" s="162"/>
      <c r="CJ2188" s="162"/>
      <c r="CK2188" s="162"/>
      <c r="CX2188" s="98"/>
      <c r="DL2188" s="97"/>
      <c r="DX2188" s="98"/>
      <c r="EL2188" s="97"/>
      <c r="EX2188" s="98"/>
      <c r="EY2188" s="97"/>
      <c r="FL2188" s="126"/>
      <c r="FM2188" s="91"/>
      <c r="FN2188" s="91"/>
      <c r="FO2188" s="91"/>
      <c r="FP2188" s="91"/>
      <c r="FQ2188" s="91"/>
      <c r="FR2188" s="91"/>
      <c r="FS2188" s="91"/>
      <c r="FT2188" s="91"/>
      <c r="FU2188" s="91"/>
      <c r="FV2188" s="91"/>
      <c r="FW2188" s="91"/>
      <c r="FX2188" s="91"/>
      <c r="FY2188" s="91"/>
      <c r="FZ2188" s="91"/>
      <c r="GA2188" s="91"/>
      <c r="GB2188" s="91"/>
      <c r="GC2188" s="91"/>
      <c r="GD2188" s="91"/>
      <c r="GE2188" s="91"/>
      <c r="GF2188" s="91"/>
      <c r="GG2188" s="91"/>
      <c r="GH2188" s="91"/>
      <c r="GI2188" s="91"/>
      <c r="GJ2188" s="91"/>
      <c r="GK2188" s="127"/>
      <c r="GL2188" s="126"/>
      <c r="GM2188" s="91"/>
      <c r="GN2188" s="91"/>
      <c r="GO2188" s="91"/>
      <c r="GP2188" s="91"/>
      <c r="GQ2188" s="91"/>
      <c r="GR2188" s="91"/>
      <c r="GS2188" s="91"/>
      <c r="GT2188" s="91"/>
      <c r="GU2188" s="91"/>
      <c r="GV2188" s="91"/>
      <c r="GW2188" s="91"/>
      <c r="GX2188" s="91"/>
      <c r="GY2188" s="91"/>
      <c r="GZ2188" s="91"/>
      <c r="HA2188" s="91"/>
      <c r="HB2188" s="91"/>
      <c r="HC2188" s="91"/>
      <c r="HD2188" s="91"/>
      <c r="HE2188" s="91"/>
      <c r="HF2188" s="91"/>
      <c r="HG2188" s="91"/>
      <c r="HH2188" s="91"/>
      <c r="HI2188" s="91"/>
      <c r="HJ2188" s="91"/>
      <c r="HK2188" s="127"/>
      <c r="HL2188" s="126"/>
      <c r="HM2188" s="91"/>
      <c r="HN2188" s="91"/>
      <c r="HO2188" s="91"/>
      <c r="HP2188" s="91"/>
      <c r="HQ2188" s="91"/>
      <c r="HR2188" s="91"/>
      <c r="HS2188" s="91"/>
      <c r="HT2188" s="91"/>
      <c r="HU2188" s="91"/>
      <c r="HV2188" s="91"/>
      <c r="HW2188" s="91"/>
      <c r="HX2188" s="91"/>
      <c r="HY2188" s="91"/>
      <c r="HZ2188" s="91"/>
      <c r="IA2188" s="91"/>
      <c r="IB2188" s="91"/>
      <c r="IC2188" s="91"/>
      <c r="ID2188" s="91"/>
      <c r="IE2188" s="91"/>
      <c r="IF2188" s="91"/>
      <c r="IG2188" s="91"/>
      <c r="IH2188" s="91"/>
      <c r="II2188" s="91"/>
      <c r="IJ2188" s="91"/>
      <c r="IK2188" s="127"/>
    </row>
    <row r="2189" spans="2:245" x14ac:dyDescent="0.2">
      <c r="B2189" s="43"/>
      <c r="C2189" s="73"/>
      <c r="D2189" s="64"/>
      <c r="E2189" s="64"/>
      <c r="F2189" s="55"/>
      <c r="G2189" s="102"/>
      <c r="H2189" s="55"/>
      <c r="I2189" s="55"/>
      <c r="J2189" s="55"/>
      <c r="K2189" s="55"/>
      <c r="L2189" s="55"/>
      <c r="M2189" s="55"/>
      <c r="N2189" s="55"/>
      <c r="O2189" s="55"/>
      <c r="P2189" s="55"/>
      <c r="Q2189" s="55"/>
      <c r="R2189" s="55"/>
      <c r="S2189" s="55"/>
      <c r="T2189" s="55"/>
      <c r="U2189" s="55"/>
      <c r="V2189" s="55"/>
      <c r="W2189" s="55"/>
      <c r="X2189" s="55"/>
      <c r="Y2189" s="55"/>
      <c r="Z2189" s="55"/>
      <c r="AA2189" s="55"/>
      <c r="AB2189" s="55"/>
      <c r="AC2189" s="55"/>
      <c r="AD2189" s="55"/>
      <c r="AE2189" s="55"/>
      <c r="AF2189" s="55"/>
      <c r="AG2189" s="55"/>
      <c r="AY2189" s="162"/>
      <c r="AZ2189" s="162"/>
      <c r="BA2189" s="162"/>
      <c r="BB2189" s="162"/>
      <c r="BC2189" s="162"/>
      <c r="BD2189" s="162"/>
      <c r="BE2189" s="162"/>
      <c r="BF2189" s="162"/>
      <c r="BG2189" s="162"/>
      <c r="BH2189" s="162"/>
      <c r="BI2189" s="162"/>
      <c r="BJ2189" s="162"/>
      <c r="BK2189" s="162"/>
      <c r="BL2189" s="162"/>
      <c r="BM2189" s="162"/>
      <c r="BN2189" s="162"/>
      <c r="BO2189" s="162"/>
      <c r="BP2189" s="162"/>
      <c r="BQ2189" s="162"/>
      <c r="BR2189" s="162"/>
      <c r="BS2189" s="162"/>
      <c r="BT2189" s="162"/>
      <c r="BU2189" s="162"/>
      <c r="BV2189" s="162"/>
      <c r="BW2189" s="162"/>
      <c r="BX2189" s="162"/>
      <c r="BY2189" s="162"/>
      <c r="BZ2189" s="162"/>
      <c r="CA2189" s="162"/>
      <c r="CB2189" s="162"/>
      <c r="CC2189" s="162"/>
      <c r="CD2189" s="162"/>
      <c r="CE2189" s="162"/>
      <c r="CF2189" s="162"/>
      <c r="CG2189" s="162"/>
      <c r="CH2189" s="162"/>
      <c r="CI2189" s="162"/>
      <c r="CJ2189" s="162"/>
      <c r="CK2189" s="162"/>
      <c r="CX2189" s="98"/>
      <c r="DL2189" s="97"/>
      <c r="DX2189" s="98"/>
      <c r="EL2189" s="97"/>
      <c r="EX2189" s="98"/>
      <c r="EY2189" s="97"/>
      <c r="FL2189" s="126"/>
      <c r="FM2189" s="91"/>
      <c r="FN2189" s="91"/>
      <c r="FO2189" s="91"/>
      <c r="FP2189" s="91"/>
      <c r="FQ2189" s="91"/>
      <c r="FR2189" s="91"/>
      <c r="FS2189" s="91"/>
      <c r="FT2189" s="91"/>
      <c r="FU2189" s="91"/>
      <c r="FV2189" s="91"/>
      <c r="FW2189" s="91"/>
      <c r="FX2189" s="91"/>
      <c r="FY2189" s="91"/>
      <c r="FZ2189" s="91"/>
      <c r="GA2189" s="91"/>
      <c r="GB2189" s="91"/>
      <c r="GC2189" s="91"/>
      <c r="GD2189" s="91"/>
      <c r="GE2189" s="91"/>
      <c r="GF2189" s="91"/>
      <c r="GG2189" s="91"/>
      <c r="GH2189" s="91"/>
      <c r="GI2189" s="91"/>
      <c r="GJ2189" s="91"/>
      <c r="GK2189" s="127"/>
      <c r="GL2189" s="126"/>
      <c r="GM2189" s="91"/>
      <c r="GN2189" s="91"/>
      <c r="GO2189" s="91"/>
      <c r="GP2189" s="91"/>
      <c r="GQ2189" s="91"/>
      <c r="GR2189" s="91"/>
      <c r="GS2189" s="91"/>
      <c r="GT2189" s="91"/>
      <c r="GU2189" s="91"/>
      <c r="GV2189" s="91"/>
      <c r="GW2189" s="91"/>
      <c r="GX2189" s="91"/>
      <c r="GY2189" s="91"/>
      <c r="GZ2189" s="91"/>
      <c r="HA2189" s="91"/>
      <c r="HB2189" s="91"/>
      <c r="HC2189" s="91"/>
      <c r="HD2189" s="91"/>
      <c r="HE2189" s="91"/>
      <c r="HF2189" s="91"/>
      <c r="HG2189" s="91"/>
      <c r="HH2189" s="91"/>
      <c r="HI2189" s="91"/>
      <c r="HJ2189" s="91"/>
      <c r="HK2189" s="127"/>
      <c r="HL2189" s="126"/>
      <c r="HM2189" s="91"/>
      <c r="HN2189" s="91"/>
      <c r="HO2189" s="91"/>
      <c r="HP2189" s="91"/>
      <c r="HQ2189" s="91"/>
      <c r="HR2189" s="91"/>
      <c r="HS2189" s="91"/>
      <c r="HT2189" s="91"/>
      <c r="HU2189" s="91"/>
      <c r="HV2189" s="91"/>
      <c r="HW2189" s="91"/>
      <c r="HX2189" s="91"/>
      <c r="HY2189" s="91"/>
      <c r="HZ2189" s="91"/>
      <c r="IA2189" s="91"/>
      <c r="IB2189" s="91"/>
      <c r="IC2189" s="91"/>
      <c r="ID2189" s="91"/>
      <c r="IE2189" s="91"/>
      <c r="IF2189" s="91"/>
      <c r="IG2189" s="91"/>
      <c r="IH2189" s="91"/>
      <c r="II2189" s="91"/>
      <c r="IJ2189" s="91"/>
      <c r="IK2189" s="127"/>
    </row>
    <row r="2190" spans="2:245" x14ac:dyDescent="0.2">
      <c r="B2190" s="43"/>
      <c r="C2190" s="73"/>
      <c r="D2190" s="64"/>
      <c r="E2190" s="64"/>
      <c r="F2190" s="55"/>
      <c r="G2190" s="102"/>
      <c r="H2190" s="55"/>
      <c r="I2190" s="55"/>
      <c r="J2190" s="55"/>
      <c r="K2190" s="55"/>
      <c r="L2190" s="55"/>
      <c r="M2190" s="55"/>
      <c r="N2190" s="55"/>
      <c r="O2190" s="55"/>
      <c r="P2190" s="55"/>
      <c r="Q2190" s="55"/>
      <c r="R2190" s="55"/>
      <c r="S2190" s="55"/>
      <c r="T2190" s="55"/>
      <c r="U2190" s="55"/>
      <c r="V2190" s="55"/>
      <c r="W2190" s="55"/>
      <c r="X2190" s="55"/>
      <c r="Y2190" s="55"/>
      <c r="Z2190" s="55"/>
      <c r="AA2190" s="55"/>
      <c r="AB2190" s="55"/>
      <c r="AC2190" s="55"/>
      <c r="AD2190" s="55"/>
      <c r="AE2190" s="55"/>
      <c r="AF2190" s="55"/>
      <c r="AG2190" s="55"/>
      <c r="AY2190" s="162"/>
      <c r="AZ2190" s="162"/>
      <c r="BA2190" s="162"/>
      <c r="BB2190" s="162"/>
      <c r="BC2190" s="162"/>
      <c r="BD2190" s="162"/>
      <c r="BE2190" s="162"/>
      <c r="BF2190" s="162"/>
      <c r="BG2190" s="162"/>
      <c r="BH2190" s="162"/>
      <c r="BI2190" s="162"/>
      <c r="BJ2190" s="162"/>
      <c r="BK2190" s="162"/>
      <c r="BL2190" s="162"/>
      <c r="BM2190" s="162"/>
      <c r="BN2190" s="162"/>
      <c r="BO2190" s="162"/>
      <c r="BP2190" s="162"/>
      <c r="BQ2190" s="162"/>
      <c r="BR2190" s="162"/>
      <c r="BS2190" s="162"/>
      <c r="BT2190" s="162"/>
      <c r="BU2190" s="162"/>
      <c r="BV2190" s="162"/>
      <c r="BW2190" s="162"/>
      <c r="BX2190" s="162"/>
      <c r="BY2190" s="162"/>
      <c r="BZ2190" s="162"/>
      <c r="CA2190" s="162"/>
      <c r="CB2190" s="162"/>
      <c r="CC2190" s="162"/>
      <c r="CD2190" s="162"/>
      <c r="CE2190" s="162"/>
      <c r="CF2190" s="162"/>
      <c r="CG2190" s="162"/>
      <c r="CH2190" s="162"/>
      <c r="CI2190" s="162"/>
      <c r="CJ2190" s="162"/>
      <c r="CK2190" s="162"/>
      <c r="CX2190" s="98"/>
      <c r="DL2190" s="97"/>
      <c r="DX2190" s="98"/>
      <c r="EL2190" s="97"/>
      <c r="EX2190" s="98"/>
      <c r="EY2190" s="97"/>
      <c r="FL2190" s="126"/>
      <c r="FM2190" s="91"/>
      <c r="FN2190" s="91"/>
      <c r="FO2190" s="91"/>
      <c r="FP2190" s="91"/>
      <c r="FQ2190" s="91"/>
      <c r="FR2190" s="91"/>
      <c r="FS2190" s="91"/>
      <c r="FT2190" s="91"/>
      <c r="FU2190" s="91"/>
      <c r="FV2190" s="91"/>
      <c r="FW2190" s="91"/>
      <c r="FX2190" s="91"/>
      <c r="FY2190" s="91"/>
      <c r="FZ2190" s="91"/>
      <c r="GA2190" s="91"/>
      <c r="GB2190" s="91"/>
      <c r="GC2190" s="91"/>
      <c r="GD2190" s="91"/>
      <c r="GE2190" s="91"/>
      <c r="GF2190" s="91"/>
      <c r="GG2190" s="91"/>
      <c r="GH2190" s="91"/>
      <c r="GI2190" s="91"/>
      <c r="GJ2190" s="91"/>
      <c r="GK2190" s="127"/>
      <c r="GL2190" s="126"/>
      <c r="GM2190" s="91"/>
      <c r="GN2190" s="91"/>
      <c r="GO2190" s="91"/>
      <c r="GP2190" s="91"/>
      <c r="GQ2190" s="91"/>
      <c r="GR2190" s="91"/>
      <c r="GS2190" s="91"/>
      <c r="GT2190" s="91"/>
      <c r="GU2190" s="91"/>
      <c r="GV2190" s="91"/>
      <c r="GW2190" s="91"/>
      <c r="GX2190" s="91"/>
      <c r="GY2190" s="91"/>
      <c r="GZ2190" s="91"/>
      <c r="HA2190" s="91"/>
      <c r="HB2190" s="91"/>
      <c r="HC2190" s="91"/>
      <c r="HD2190" s="91"/>
      <c r="HE2190" s="91"/>
      <c r="HF2190" s="91"/>
      <c r="HG2190" s="91"/>
      <c r="HH2190" s="91"/>
      <c r="HI2190" s="91"/>
      <c r="HJ2190" s="91"/>
      <c r="HK2190" s="127"/>
      <c r="HL2190" s="126"/>
      <c r="HM2190" s="91"/>
      <c r="HN2190" s="91"/>
      <c r="HO2190" s="91"/>
      <c r="HP2190" s="91"/>
      <c r="HQ2190" s="91"/>
      <c r="HR2190" s="91"/>
      <c r="HS2190" s="91"/>
      <c r="HT2190" s="91"/>
      <c r="HU2190" s="91"/>
      <c r="HV2190" s="91"/>
      <c r="HW2190" s="91"/>
      <c r="HX2190" s="91"/>
      <c r="HY2190" s="91"/>
      <c r="HZ2190" s="91"/>
      <c r="IA2190" s="91"/>
      <c r="IB2190" s="91"/>
      <c r="IC2190" s="91"/>
      <c r="ID2190" s="91"/>
      <c r="IE2190" s="91"/>
      <c r="IF2190" s="91"/>
      <c r="IG2190" s="91"/>
      <c r="IH2190" s="91"/>
      <c r="II2190" s="91"/>
      <c r="IJ2190" s="91"/>
      <c r="IK2190" s="127"/>
    </row>
    <row r="2191" spans="2:245" x14ac:dyDescent="0.2">
      <c r="B2191" s="43"/>
      <c r="C2191" s="73"/>
      <c r="D2191" s="64"/>
      <c r="E2191" s="64"/>
      <c r="F2191" s="55"/>
      <c r="G2191" s="102"/>
      <c r="H2191" s="55"/>
      <c r="I2191" s="55"/>
      <c r="J2191" s="55"/>
      <c r="K2191" s="55"/>
      <c r="L2191" s="55"/>
      <c r="M2191" s="55"/>
      <c r="N2191" s="55"/>
      <c r="O2191" s="55"/>
      <c r="P2191" s="55"/>
      <c r="Q2191" s="55"/>
      <c r="R2191" s="55"/>
      <c r="S2191" s="55"/>
      <c r="T2191" s="55"/>
      <c r="U2191" s="55"/>
      <c r="V2191" s="55"/>
      <c r="W2191" s="55"/>
      <c r="X2191" s="55"/>
      <c r="Y2191" s="55"/>
      <c r="Z2191" s="55"/>
      <c r="AA2191" s="55"/>
      <c r="AB2191" s="55"/>
      <c r="AC2191" s="55"/>
      <c r="AD2191" s="55"/>
      <c r="AE2191" s="55"/>
      <c r="AF2191" s="55"/>
      <c r="AG2191" s="55"/>
      <c r="AY2191" s="162"/>
      <c r="AZ2191" s="162"/>
      <c r="BA2191" s="162"/>
      <c r="BB2191" s="162"/>
      <c r="BC2191" s="162"/>
      <c r="BD2191" s="162"/>
      <c r="BE2191" s="162"/>
      <c r="BF2191" s="162"/>
      <c r="BG2191" s="162"/>
      <c r="BH2191" s="162"/>
      <c r="BI2191" s="162"/>
      <c r="BJ2191" s="162"/>
      <c r="BK2191" s="162"/>
      <c r="BL2191" s="162"/>
      <c r="BM2191" s="162"/>
      <c r="BN2191" s="162"/>
      <c r="BO2191" s="162"/>
      <c r="BP2191" s="162"/>
      <c r="BQ2191" s="162"/>
      <c r="BR2191" s="162"/>
      <c r="BS2191" s="162"/>
      <c r="BT2191" s="162"/>
      <c r="BU2191" s="162"/>
      <c r="BV2191" s="162"/>
      <c r="BW2191" s="162"/>
      <c r="BX2191" s="162"/>
      <c r="BY2191" s="162"/>
      <c r="BZ2191" s="162"/>
      <c r="CA2191" s="162"/>
      <c r="CB2191" s="162"/>
      <c r="CC2191" s="162"/>
      <c r="CD2191" s="162"/>
      <c r="CE2191" s="162"/>
      <c r="CF2191" s="162"/>
      <c r="CG2191" s="162"/>
      <c r="CH2191" s="162"/>
      <c r="CI2191" s="162"/>
      <c r="CJ2191" s="162"/>
      <c r="CK2191" s="162"/>
      <c r="CX2191" s="98"/>
      <c r="DL2191" s="97"/>
      <c r="DX2191" s="98"/>
      <c r="EL2191" s="97"/>
      <c r="EX2191" s="98"/>
      <c r="EY2191" s="97"/>
      <c r="FL2191" s="126"/>
      <c r="FM2191" s="91"/>
      <c r="FN2191" s="91"/>
      <c r="FO2191" s="91"/>
      <c r="FP2191" s="91"/>
      <c r="FQ2191" s="91"/>
      <c r="FR2191" s="91"/>
      <c r="FS2191" s="91"/>
      <c r="FT2191" s="91"/>
      <c r="FU2191" s="91"/>
      <c r="FV2191" s="91"/>
      <c r="FW2191" s="91"/>
      <c r="FX2191" s="91"/>
      <c r="FY2191" s="91"/>
      <c r="FZ2191" s="91"/>
      <c r="GA2191" s="91"/>
      <c r="GB2191" s="91"/>
      <c r="GC2191" s="91"/>
      <c r="GD2191" s="91"/>
      <c r="GE2191" s="91"/>
      <c r="GF2191" s="91"/>
      <c r="GG2191" s="91"/>
      <c r="GH2191" s="91"/>
      <c r="GI2191" s="91"/>
      <c r="GJ2191" s="91"/>
      <c r="GK2191" s="127"/>
      <c r="GL2191" s="126"/>
      <c r="GM2191" s="91"/>
      <c r="GN2191" s="91"/>
      <c r="GO2191" s="91"/>
      <c r="GP2191" s="91"/>
      <c r="GQ2191" s="91"/>
      <c r="GR2191" s="91"/>
      <c r="GS2191" s="91"/>
      <c r="GT2191" s="91"/>
      <c r="GU2191" s="91"/>
      <c r="GV2191" s="91"/>
      <c r="GW2191" s="91"/>
      <c r="GX2191" s="91"/>
      <c r="GY2191" s="91"/>
      <c r="GZ2191" s="91"/>
      <c r="HA2191" s="91"/>
      <c r="HB2191" s="91"/>
      <c r="HC2191" s="91"/>
      <c r="HD2191" s="91"/>
      <c r="HE2191" s="91"/>
      <c r="HF2191" s="91"/>
      <c r="HG2191" s="91"/>
      <c r="HH2191" s="91"/>
      <c r="HI2191" s="91"/>
      <c r="HJ2191" s="91"/>
      <c r="HK2191" s="127"/>
      <c r="HL2191" s="126"/>
      <c r="HM2191" s="91"/>
      <c r="HN2191" s="91"/>
      <c r="HO2191" s="91"/>
      <c r="HP2191" s="91"/>
      <c r="HQ2191" s="91"/>
      <c r="HR2191" s="91"/>
      <c r="HS2191" s="91"/>
      <c r="HT2191" s="91"/>
      <c r="HU2191" s="91"/>
      <c r="HV2191" s="91"/>
      <c r="HW2191" s="91"/>
      <c r="HX2191" s="91"/>
      <c r="HY2191" s="91"/>
      <c r="HZ2191" s="91"/>
      <c r="IA2191" s="91"/>
      <c r="IB2191" s="91"/>
      <c r="IC2191" s="91"/>
      <c r="ID2191" s="91"/>
      <c r="IE2191" s="91"/>
      <c r="IF2191" s="91"/>
      <c r="IG2191" s="91"/>
      <c r="IH2191" s="91"/>
      <c r="II2191" s="91"/>
      <c r="IJ2191" s="91"/>
      <c r="IK2191" s="127"/>
    </row>
    <row r="2192" spans="2:245" x14ac:dyDescent="0.2">
      <c r="B2192" s="43"/>
      <c r="C2192" s="73"/>
      <c r="D2192" s="64"/>
      <c r="E2192" s="64"/>
      <c r="F2192" s="55"/>
      <c r="G2192" s="102"/>
      <c r="H2192" s="55"/>
      <c r="I2192" s="55"/>
      <c r="J2192" s="55"/>
      <c r="K2192" s="55"/>
      <c r="L2192" s="55"/>
      <c r="M2192" s="55"/>
      <c r="N2192" s="55"/>
      <c r="O2192" s="55"/>
      <c r="P2192" s="55"/>
      <c r="Q2192" s="55"/>
      <c r="R2192" s="55"/>
      <c r="S2192" s="55"/>
      <c r="T2192" s="55"/>
      <c r="U2192" s="55"/>
      <c r="V2192" s="55"/>
      <c r="W2192" s="55"/>
      <c r="X2192" s="55"/>
      <c r="Y2192" s="55"/>
      <c r="Z2192" s="55"/>
      <c r="AA2192" s="55"/>
      <c r="AB2192" s="55"/>
      <c r="AC2192" s="55"/>
      <c r="AD2192" s="55"/>
      <c r="AE2192" s="55"/>
      <c r="AF2192" s="55"/>
      <c r="AG2192" s="55"/>
      <c r="AY2192" s="162"/>
      <c r="AZ2192" s="162"/>
      <c r="BA2192" s="162"/>
      <c r="BB2192" s="162"/>
      <c r="BC2192" s="162"/>
      <c r="BD2192" s="162"/>
      <c r="BE2192" s="162"/>
      <c r="BF2192" s="162"/>
      <c r="BG2192" s="162"/>
      <c r="BH2192" s="162"/>
      <c r="BI2192" s="162"/>
      <c r="BJ2192" s="162"/>
      <c r="BK2192" s="162"/>
      <c r="BL2192" s="162"/>
      <c r="BM2192" s="162"/>
      <c r="BN2192" s="162"/>
      <c r="BO2192" s="162"/>
      <c r="BP2192" s="162"/>
      <c r="BQ2192" s="162"/>
      <c r="BR2192" s="162"/>
      <c r="BS2192" s="162"/>
      <c r="BT2192" s="162"/>
      <c r="BU2192" s="162"/>
      <c r="BV2192" s="162"/>
      <c r="BW2192" s="162"/>
      <c r="BX2192" s="162"/>
      <c r="BY2192" s="162"/>
      <c r="BZ2192" s="162"/>
      <c r="CA2192" s="162"/>
      <c r="CB2192" s="162"/>
      <c r="CC2192" s="162"/>
      <c r="CD2192" s="162"/>
      <c r="CE2192" s="162"/>
      <c r="CF2192" s="162"/>
      <c r="CG2192" s="162"/>
      <c r="CH2192" s="162"/>
      <c r="CI2192" s="162"/>
      <c r="CJ2192" s="162"/>
      <c r="CK2192" s="162"/>
      <c r="CX2192" s="98"/>
      <c r="DL2192" s="97"/>
      <c r="DX2192" s="98"/>
      <c r="EL2192" s="97"/>
      <c r="EX2192" s="98"/>
      <c r="EY2192" s="97"/>
      <c r="FL2192" s="126"/>
      <c r="FM2192" s="91"/>
      <c r="FN2192" s="91"/>
      <c r="FO2192" s="91"/>
      <c r="FP2192" s="91"/>
      <c r="FQ2192" s="91"/>
      <c r="FR2192" s="91"/>
      <c r="FS2192" s="91"/>
      <c r="FT2192" s="91"/>
      <c r="FU2192" s="91"/>
      <c r="FV2192" s="91"/>
      <c r="FW2192" s="91"/>
      <c r="FX2192" s="91"/>
      <c r="FY2192" s="91"/>
      <c r="FZ2192" s="91"/>
      <c r="GA2192" s="91"/>
      <c r="GB2192" s="91"/>
      <c r="GC2192" s="91"/>
      <c r="GD2192" s="91"/>
      <c r="GE2192" s="91"/>
      <c r="GF2192" s="91"/>
      <c r="GG2192" s="91"/>
      <c r="GH2192" s="91"/>
      <c r="GI2192" s="91"/>
      <c r="GJ2192" s="91"/>
      <c r="GK2192" s="127"/>
      <c r="GL2192" s="126"/>
      <c r="GM2192" s="91"/>
      <c r="GN2192" s="91"/>
      <c r="GO2192" s="91"/>
      <c r="GP2192" s="91"/>
      <c r="GQ2192" s="91"/>
      <c r="GR2192" s="91"/>
      <c r="GS2192" s="91"/>
      <c r="GT2192" s="91"/>
      <c r="GU2192" s="91"/>
      <c r="GV2192" s="91"/>
      <c r="GW2192" s="91"/>
      <c r="GX2192" s="91"/>
      <c r="GY2192" s="91"/>
      <c r="GZ2192" s="91"/>
      <c r="HA2192" s="91"/>
      <c r="HB2192" s="91"/>
      <c r="HC2192" s="91"/>
      <c r="HD2192" s="91"/>
      <c r="HE2192" s="91"/>
      <c r="HF2192" s="91"/>
      <c r="HG2192" s="91"/>
      <c r="HH2192" s="91"/>
      <c r="HI2192" s="91"/>
      <c r="HJ2192" s="91"/>
      <c r="HK2192" s="127"/>
      <c r="HL2192" s="126"/>
      <c r="HM2192" s="91"/>
      <c r="HN2192" s="91"/>
      <c r="HO2192" s="91"/>
      <c r="HP2192" s="91"/>
      <c r="HQ2192" s="91"/>
      <c r="HR2192" s="91"/>
      <c r="HS2192" s="91"/>
      <c r="HT2192" s="91"/>
      <c r="HU2192" s="91"/>
      <c r="HV2192" s="91"/>
      <c r="HW2192" s="91"/>
      <c r="HX2192" s="91"/>
      <c r="HY2192" s="91"/>
      <c r="HZ2192" s="91"/>
      <c r="IA2192" s="91"/>
      <c r="IB2192" s="91"/>
      <c r="IC2192" s="91"/>
      <c r="ID2192" s="91"/>
      <c r="IE2192" s="91"/>
      <c r="IF2192" s="91"/>
      <c r="IG2192" s="91"/>
      <c r="IH2192" s="91"/>
      <c r="II2192" s="91"/>
      <c r="IJ2192" s="91"/>
      <c r="IK2192" s="127"/>
    </row>
    <row r="2193" spans="2:245" x14ac:dyDescent="0.2">
      <c r="B2193" s="43"/>
      <c r="C2193" s="73"/>
      <c r="D2193" s="64"/>
      <c r="E2193" s="64"/>
      <c r="F2193" s="55"/>
      <c r="G2193" s="102"/>
      <c r="H2193" s="55"/>
      <c r="I2193" s="55"/>
      <c r="J2193" s="55"/>
      <c r="K2193" s="55"/>
      <c r="L2193" s="55"/>
      <c r="M2193" s="55"/>
      <c r="N2193" s="55"/>
      <c r="O2193" s="55"/>
      <c r="P2193" s="55"/>
      <c r="Q2193" s="55"/>
      <c r="R2193" s="55"/>
      <c r="S2193" s="55"/>
      <c r="T2193" s="55"/>
      <c r="U2193" s="55"/>
      <c r="V2193" s="55"/>
      <c r="W2193" s="55"/>
      <c r="X2193" s="55"/>
      <c r="Y2193" s="55"/>
      <c r="Z2193" s="55"/>
      <c r="AA2193" s="55"/>
      <c r="AB2193" s="55"/>
      <c r="AC2193" s="55"/>
      <c r="AD2193" s="55"/>
      <c r="AE2193" s="55"/>
      <c r="AF2193" s="55"/>
      <c r="AG2193" s="55"/>
      <c r="AY2193" s="162"/>
      <c r="AZ2193" s="162"/>
      <c r="BA2193" s="162"/>
      <c r="BB2193" s="162"/>
      <c r="BC2193" s="162"/>
      <c r="BD2193" s="162"/>
      <c r="BE2193" s="162"/>
      <c r="BF2193" s="162"/>
      <c r="BG2193" s="162"/>
      <c r="BH2193" s="162"/>
      <c r="BI2193" s="162"/>
      <c r="BJ2193" s="162"/>
      <c r="BK2193" s="162"/>
      <c r="BL2193" s="162"/>
      <c r="BM2193" s="162"/>
      <c r="BN2193" s="162"/>
      <c r="BO2193" s="162"/>
      <c r="BP2193" s="162"/>
      <c r="BQ2193" s="162"/>
      <c r="BR2193" s="162"/>
      <c r="BS2193" s="162"/>
      <c r="BT2193" s="162"/>
      <c r="BU2193" s="162"/>
      <c r="BV2193" s="162"/>
      <c r="BW2193" s="162"/>
      <c r="BX2193" s="162"/>
      <c r="BY2193" s="162"/>
      <c r="BZ2193" s="162"/>
      <c r="CA2193" s="162"/>
      <c r="CB2193" s="162"/>
      <c r="CC2193" s="162"/>
      <c r="CD2193" s="162"/>
      <c r="CE2193" s="162"/>
      <c r="CF2193" s="162"/>
      <c r="CG2193" s="162"/>
      <c r="CH2193" s="162"/>
      <c r="CI2193" s="162"/>
      <c r="CJ2193" s="162"/>
      <c r="CK2193" s="162"/>
      <c r="CX2193" s="98"/>
      <c r="DL2193" s="97"/>
      <c r="DX2193" s="98"/>
      <c r="EL2193" s="97"/>
      <c r="EX2193" s="98"/>
      <c r="EY2193" s="97"/>
      <c r="FL2193" s="126"/>
      <c r="FM2193" s="91"/>
      <c r="FN2193" s="91"/>
      <c r="FO2193" s="91"/>
      <c r="FP2193" s="91"/>
      <c r="FQ2193" s="91"/>
      <c r="FR2193" s="91"/>
      <c r="FS2193" s="91"/>
      <c r="FT2193" s="91"/>
      <c r="FU2193" s="91"/>
      <c r="FV2193" s="91"/>
      <c r="FW2193" s="91"/>
      <c r="FX2193" s="91"/>
      <c r="FY2193" s="91"/>
      <c r="FZ2193" s="91"/>
      <c r="GA2193" s="91"/>
      <c r="GB2193" s="91"/>
      <c r="GC2193" s="91"/>
      <c r="GD2193" s="91"/>
      <c r="GE2193" s="91"/>
      <c r="GF2193" s="91"/>
      <c r="GG2193" s="91"/>
      <c r="GH2193" s="91"/>
      <c r="GI2193" s="91"/>
      <c r="GJ2193" s="91"/>
      <c r="GK2193" s="127"/>
      <c r="GL2193" s="126"/>
      <c r="GM2193" s="91"/>
      <c r="GN2193" s="91"/>
      <c r="GO2193" s="91"/>
      <c r="GP2193" s="91"/>
      <c r="GQ2193" s="91"/>
      <c r="GR2193" s="91"/>
      <c r="GS2193" s="91"/>
      <c r="GT2193" s="91"/>
      <c r="GU2193" s="91"/>
      <c r="GV2193" s="91"/>
      <c r="GW2193" s="91"/>
      <c r="GX2193" s="91"/>
      <c r="GY2193" s="91"/>
      <c r="GZ2193" s="91"/>
      <c r="HA2193" s="91"/>
      <c r="HB2193" s="91"/>
      <c r="HC2193" s="91"/>
      <c r="HD2193" s="91"/>
      <c r="HE2193" s="91"/>
      <c r="HF2193" s="91"/>
      <c r="HG2193" s="91"/>
      <c r="HH2193" s="91"/>
      <c r="HI2193" s="91"/>
      <c r="HJ2193" s="91"/>
      <c r="HK2193" s="127"/>
      <c r="HL2193" s="126"/>
      <c r="HM2193" s="91"/>
      <c r="HN2193" s="91"/>
      <c r="HO2193" s="91"/>
      <c r="HP2193" s="91"/>
      <c r="HQ2193" s="91"/>
      <c r="HR2193" s="91"/>
      <c r="HS2193" s="91"/>
      <c r="HT2193" s="91"/>
      <c r="HU2193" s="91"/>
      <c r="HV2193" s="91"/>
      <c r="HW2193" s="91"/>
      <c r="HX2193" s="91"/>
      <c r="HY2193" s="91"/>
      <c r="HZ2193" s="91"/>
      <c r="IA2193" s="91"/>
      <c r="IB2193" s="91"/>
      <c r="IC2193" s="91"/>
      <c r="ID2193" s="91"/>
      <c r="IE2193" s="91"/>
      <c r="IF2193" s="91"/>
      <c r="IG2193" s="91"/>
      <c r="IH2193" s="91"/>
      <c r="II2193" s="91"/>
      <c r="IJ2193" s="91"/>
      <c r="IK2193" s="127"/>
    </row>
    <row r="2194" spans="2:245" x14ac:dyDescent="0.2">
      <c r="B2194" s="43"/>
      <c r="C2194" s="73"/>
      <c r="D2194" s="64"/>
      <c r="E2194" s="64"/>
      <c r="F2194" s="55"/>
      <c r="G2194" s="102"/>
      <c r="H2194" s="55"/>
      <c r="I2194" s="55"/>
      <c r="J2194" s="55"/>
      <c r="K2194" s="55"/>
      <c r="L2194" s="55"/>
      <c r="M2194" s="55"/>
      <c r="N2194" s="55"/>
      <c r="O2194" s="55"/>
      <c r="P2194" s="55"/>
      <c r="Q2194" s="55"/>
      <c r="R2194" s="55"/>
      <c r="S2194" s="55"/>
      <c r="T2194" s="55"/>
      <c r="U2194" s="55"/>
      <c r="V2194" s="55"/>
      <c r="W2194" s="55"/>
      <c r="X2194" s="55"/>
      <c r="Y2194" s="55"/>
      <c r="Z2194" s="55"/>
      <c r="AA2194" s="55"/>
      <c r="AB2194" s="55"/>
      <c r="AC2194" s="55"/>
      <c r="AD2194" s="55"/>
      <c r="AE2194" s="55"/>
      <c r="AF2194" s="55"/>
      <c r="AG2194" s="55"/>
      <c r="AY2194" s="162"/>
      <c r="AZ2194" s="162"/>
      <c r="BA2194" s="162"/>
      <c r="BB2194" s="162"/>
      <c r="BC2194" s="162"/>
      <c r="BD2194" s="162"/>
      <c r="BE2194" s="162"/>
      <c r="BF2194" s="162"/>
      <c r="BG2194" s="162"/>
      <c r="BH2194" s="162"/>
      <c r="BI2194" s="162"/>
      <c r="BJ2194" s="162"/>
      <c r="BK2194" s="162"/>
      <c r="BL2194" s="162"/>
      <c r="BM2194" s="162"/>
      <c r="BN2194" s="162"/>
      <c r="BO2194" s="162"/>
      <c r="BP2194" s="162"/>
      <c r="BQ2194" s="162"/>
      <c r="BR2194" s="162"/>
      <c r="BS2194" s="162"/>
      <c r="BT2194" s="162"/>
      <c r="BU2194" s="162"/>
      <c r="BV2194" s="162"/>
      <c r="BW2194" s="162"/>
      <c r="BX2194" s="162"/>
      <c r="BY2194" s="162"/>
      <c r="BZ2194" s="162"/>
      <c r="CA2194" s="162"/>
      <c r="CB2194" s="162"/>
      <c r="CC2194" s="162"/>
      <c r="CD2194" s="162"/>
      <c r="CE2194" s="162"/>
      <c r="CF2194" s="162"/>
      <c r="CG2194" s="162"/>
      <c r="CH2194" s="162"/>
      <c r="CI2194" s="162"/>
      <c r="CJ2194" s="162"/>
      <c r="CK2194" s="162"/>
      <c r="CX2194" s="98"/>
      <c r="DL2194" s="97"/>
      <c r="DX2194" s="98"/>
      <c r="EL2194" s="97"/>
      <c r="EX2194" s="98"/>
      <c r="EY2194" s="97"/>
      <c r="FL2194" s="126"/>
      <c r="FM2194" s="91"/>
      <c r="FN2194" s="91"/>
      <c r="FO2194" s="91"/>
      <c r="FP2194" s="91"/>
      <c r="FQ2194" s="91"/>
      <c r="FR2194" s="91"/>
      <c r="FS2194" s="91"/>
      <c r="FT2194" s="91"/>
      <c r="FU2194" s="91"/>
      <c r="FV2194" s="91"/>
      <c r="FW2194" s="91"/>
      <c r="FX2194" s="91"/>
      <c r="FY2194" s="91"/>
      <c r="FZ2194" s="91"/>
      <c r="GA2194" s="91"/>
      <c r="GB2194" s="91"/>
      <c r="GC2194" s="91"/>
      <c r="GD2194" s="91"/>
      <c r="GE2194" s="91"/>
      <c r="GF2194" s="91"/>
      <c r="GG2194" s="91"/>
      <c r="GH2194" s="91"/>
      <c r="GI2194" s="91"/>
      <c r="GJ2194" s="91"/>
      <c r="GK2194" s="127"/>
      <c r="GL2194" s="126"/>
      <c r="GM2194" s="91"/>
      <c r="GN2194" s="91"/>
      <c r="GO2194" s="91"/>
      <c r="GP2194" s="91"/>
      <c r="GQ2194" s="91"/>
      <c r="GR2194" s="91"/>
      <c r="GS2194" s="91"/>
      <c r="GT2194" s="91"/>
      <c r="GU2194" s="91"/>
      <c r="GV2194" s="91"/>
      <c r="GW2194" s="91"/>
      <c r="GX2194" s="91"/>
      <c r="GY2194" s="91"/>
      <c r="GZ2194" s="91"/>
      <c r="HA2194" s="91"/>
      <c r="HB2194" s="91"/>
      <c r="HC2194" s="91"/>
      <c r="HD2194" s="91"/>
      <c r="HE2194" s="91"/>
      <c r="HF2194" s="91"/>
      <c r="HG2194" s="91"/>
      <c r="HH2194" s="91"/>
      <c r="HI2194" s="91"/>
      <c r="HJ2194" s="91"/>
      <c r="HK2194" s="127"/>
      <c r="HL2194" s="126"/>
      <c r="HM2194" s="91"/>
      <c r="HN2194" s="91"/>
      <c r="HO2194" s="91"/>
      <c r="HP2194" s="91"/>
      <c r="HQ2194" s="91"/>
      <c r="HR2194" s="91"/>
      <c r="HS2194" s="91"/>
      <c r="HT2194" s="91"/>
      <c r="HU2194" s="91"/>
      <c r="HV2194" s="91"/>
      <c r="HW2194" s="91"/>
      <c r="HX2194" s="91"/>
      <c r="HY2194" s="91"/>
      <c r="HZ2194" s="91"/>
      <c r="IA2194" s="91"/>
      <c r="IB2194" s="91"/>
      <c r="IC2194" s="91"/>
      <c r="ID2194" s="91"/>
      <c r="IE2194" s="91"/>
      <c r="IF2194" s="91"/>
      <c r="IG2194" s="91"/>
      <c r="IH2194" s="91"/>
      <c r="II2194" s="91"/>
      <c r="IJ2194" s="91"/>
      <c r="IK2194" s="127"/>
    </row>
    <row r="2195" spans="2:245" x14ac:dyDescent="0.2">
      <c r="B2195" s="43"/>
      <c r="C2195" s="73"/>
      <c r="D2195" s="64"/>
      <c r="E2195" s="64"/>
      <c r="F2195" s="55"/>
      <c r="G2195" s="102"/>
      <c r="H2195" s="55"/>
      <c r="I2195" s="55"/>
      <c r="J2195" s="55"/>
      <c r="K2195" s="55"/>
      <c r="L2195" s="55"/>
      <c r="M2195" s="55"/>
      <c r="N2195" s="55"/>
      <c r="O2195" s="55"/>
      <c r="P2195" s="55"/>
      <c r="Q2195" s="55"/>
      <c r="R2195" s="55"/>
      <c r="S2195" s="55"/>
      <c r="T2195" s="55"/>
      <c r="U2195" s="55"/>
      <c r="V2195" s="55"/>
      <c r="W2195" s="55"/>
      <c r="X2195" s="55"/>
      <c r="Y2195" s="55"/>
      <c r="Z2195" s="55"/>
      <c r="AA2195" s="55"/>
      <c r="AB2195" s="55"/>
      <c r="AC2195" s="55"/>
      <c r="AD2195" s="55"/>
      <c r="AE2195" s="55"/>
      <c r="AF2195" s="55"/>
      <c r="AG2195" s="55"/>
      <c r="AY2195" s="162"/>
      <c r="AZ2195" s="162"/>
      <c r="BA2195" s="162"/>
      <c r="BB2195" s="162"/>
      <c r="BC2195" s="162"/>
      <c r="BD2195" s="162"/>
      <c r="BE2195" s="162"/>
      <c r="BF2195" s="162"/>
      <c r="BG2195" s="162"/>
      <c r="BH2195" s="162"/>
      <c r="BI2195" s="162"/>
      <c r="BJ2195" s="162"/>
      <c r="BK2195" s="162"/>
      <c r="BL2195" s="162"/>
      <c r="BM2195" s="162"/>
      <c r="BN2195" s="162"/>
      <c r="BO2195" s="162"/>
      <c r="BP2195" s="162"/>
      <c r="BQ2195" s="162"/>
      <c r="BR2195" s="162"/>
      <c r="BS2195" s="162"/>
      <c r="BT2195" s="162"/>
      <c r="BU2195" s="162"/>
      <c r="BV2195" s="162"/>
      <c r="BW2195" s="162"/>
      <c r="BX2195" s="162"/>
      <c r="BY2195" s="162"/>
      <c r="BZ2195" s="162"/>
      <c r="CA2195" s="162"/>
      <c r="CB2195" s="162"/>
      <c r="CC2195" s="162"/>
      <c r="CD2195" s="162"/>
      <c r="CE2195" s="162"/>
      <c r="CF2195" s="162"/>
      <c r="CG2195" s="162"/>
      <c r="CH2195" s="162"/>
      <c r="CI2195" s="162"/>
      <c r="CJ2195" s="162"/>
      <c r="CK2195" s="162"/>
      <c r="CX2195" s="98"/>
      <c r="DL2195" s="97"/>
      <c r="DX2195" s="98"/>
      <c r="EL2195" s="97"/>
      <c r="EX2195" s="98"/>
      <c r="EY2195" s="97"/>
      <c r="FL2195" s="126"/>
      <c r="FM2195" s="91"/>
      <c r="FN2195" s="91"/>
      <c r="FO2195" s="91"/>
      <c r="FP2195" s="91"/>
      <c r="FQ2195" s="91"/>
      <c r="FR2195" s="91"/>
      <c r="FS2195" s="91"/>
      <c r="FT2195" s="91"/>
      <c r="FU2195" s="91"/>
      <c r="FV2195" s="91"/>
      <c r="FW2195" s="91"/>
      <c r="FX2195" s="91"/>
      <c r="FY2195" s="91"/>
      <c r="FZ2195" s="91"/>
      <c r="GA2195" s="91"/>
      <c r="GB2195" s="91"/>
      <c r="GC2195" s="91"/>
      <c r="GD2195" s="91"/>
      <c r="GE2195" s="91"/>
      <c r="GF2195" s="91"/>
      <c r="GG2195" s="91"/>
      <c r="GH2195" s="91"/>
      <c r="GI2195" s="91"/>
      <c r="GJ2195" s="91"/>
      <c r="GK2195" s="127"/>
      <c r="GL2195" s="126"/>
      <c r="GM2195" s="91"/>
      <c r="GN2195" s="91"/>
      <c r="GO2195" s="91"/>
      <c r="GP2195" s="91"/>
      <c r="GQ2195" s="91"/>
      <c r="GR2195" s="91"/>
      <c r="GS2195" s="91"/>
      <c r="GT2195" s="91"/>
      <c r="GU2195" s="91"/>
      <c r="GV2195" s="91"/>
      <c r="GW2195" s="91"/>
      <c r="GX2195" s="91"/>
      <c r="GY2195" s="91"/>
      <c r="GZ2195" s="91"/>
      <c r="HA2195" s="91"/>
      <c r="HB2195" s="91"/>
      <c r="HC2195" s="91"/>
      <c r="HD2195" s="91"/>
      <c r="HE2195" s="91"/>
      <c r="HF2195" s="91"/>
      <c r="HG2195" s="91"/>
      <c r="HH2195" s="91"/>
      <c r="HI2195" s="91"/>
      <c r="HJ2195" s="91"/>
      <c r="HK2195" s="127"/>
      <c r="HL2195" s="126"/>
      <c r="HM2195" s="91"/>
      <c r="HN2195" s="91"/>
      <c r="HO2195" s="91"/>
      <c r="HP2195" s="91"/>
      <c r="HQ2195" s="91"/>
      <c r="HR2195" s="91"/>
      <c r="HS2195" s="91"/>
      <c r="HT2195" s="91"/>
      <c r="HU2195" s="91"/>
      <c r="HV2195" s="91"/>
      <c r="HW2195" s="91"/>
      <c r="HX2195" s="91"/>
      <c r="HY2195" s="91"/>
      <c r="HZ2195" s="91"/>
      <c r="IA2195" s="91"/>
      <c r="IB2195" s="91"/>
      <c r="IC2195" s="91"/>
      <c r="ID2195" s="91"/>
      <c r="IE2195" s="91"/>
      <c r="IF2195" s="91"/>
      <c r="IG2195" s="91"/>
      <c r="IH2195" s="91"/>
      <c r="II2195" s="91"/>
      <c r="IJ2195" s="91"/>
      <c r="IK2195" s="127"/>
    </row>
    <row r="2196" spans="2:245" x14ac:dyDescent="0.2">
      <c r="B2196" s="43"/>
      <c r="C2196" s="73"/>
      <c r="D2196" s="64"/>
      <c r="E2196" s="64"/>
      <c r="F2196" s="55"/>
      <c r="G2196" s="102"/>
      <c r="H2196" s="55"/>
      <c r="I2196" s="55"/>
      <c r="J2196" s="55"/>
      <c r="K2196" s="55"/>
      <c r="L2196" s="55"/>
      <c r="M2196" s="55"/>
      <c r="N2196" s="55"/>
      <c r="O2196" s="55"/>
      <c r="P2196" s="55"/>
      <c r="Q2196" s="55"/>
      <c r="R2196" s="55"/>
      <c r="S2196" s="55"/>
      <c r="T2196" s="55"/>
      <c r="U2196" s="55"/>
      <c r="V2196" s="55"/>
      <c r="W2196" s="55"/>
      <c r="X2196" s="55"/>
      <c r="Y2196" s="55"/>
      <c r="Z2196" s="55"/>
      <c r="AA2196" s="55"/>
      <c r="AB2196" s="55"/>
      <c r="AC2196" s="55"/>
      <c r="AD2196" s="55"/>
      <c r="AE2196" s="55"/>
      <c r="AF2196" s="55"/>
      <c r="AG2196" s="55"/>
      <c r="AY2196" s="162"/>
      <c r="AZ2196" s="162"/>
      <c r="BA2196" s="162"/>
      <c r="BB2196" s="162"/>
      <c r="BC2196" s="162"/>
      <c r="BD2196" s="162"/>
      <c r="BE2196" s="162"/>
      <c r="BF2196" s="162"/>
      <c r="BG2196" s="162"/>
      <c r="BH2196" s="162"/>
      <c r="BI2196" s="162"/>
      <c r="BJ2196" s="162"/>
      <c r="BK2196" s="162"/>
      <c r="BL2196" s="162"/>
      <c r="BM2196" s="162"/>
      <c r="BN2196" s="162"/>
      <c r="BO2196" s="162"/>
      <c r="BP2196" s="162"/>
      <c r="BQ2196" s="162"/>
      <c r="BR2196" s="162"/>
      <c r="BS2196" s="162"/>
      <c r="BT2196" s="162"/>
      <c r="BU2196" s="162"/>
      <c r="BV2196" s="162"/>
      <c r="BW2196" s="162"/>
      <c r="BX2196" s="162"/>
      <c r="BY2196" s="162"/>
      <c r="BZ2196" s="162"/>
      <c r="CA2196" s="162"/>
      <c r="CB2196" s="162"/>
      <c r="CC2196" s="162"/>
      <c r="CD2196" s="162"/>
      <c r="CE2196" s="162"/>
      <c r="CF2196" s="162"/>
      <c r="CG2196" s="162"/>
      <c r="CH2196" s="162"/>
      <c r="CI2196" s="162"/>
      <c r="CJ2196" s="162"/>
      <c r="CK2196" s="162"/>
      <c r="CX2196" s="98"/>
      <c r="DL2196" s="97"/>
      <c r="DX2196" s="98"/>
      <c r="EL2196" s="97"/>
      <c r="EX2196" s="98"/>
      <c r="EY2196" s="97"/>
      <c r="FL2196" s="126"/>
      <c r="FM2196" s="91"/>
      <c r="FN2196" s="91"/>
      <c r="FO2196" s="91"/>
      <c r="FP2196" s="91"/>
      <c r="FQ2196" s="91"/>
      <c r="FR2196" s="91"/>
      <c r="FS2196" s="91"/>
      <c r="FT2196" s="91"/>
      <c r="FU2196" s="91"/>
      <c r="FV2196" s="91"/>
      <c r="FW2196" s="91"/>
      <c r="FX2196" s="91"/>
      <c r="FY2196" s="91"/>
      <c r="FZ2196" s="91"/>
      <c r="GA2196" s="91"/>
      <c r="GB2196" s="91"/>
      <c r="GC2196" s="91"/>
      <c r="GD2196" s="91"/>
      <c r="GE2196" s="91"/>
      <c r="GF2196" s="91"/>
      <c r="GG2196" s="91"/>
      <c r="GH2196" s="91"/>
      <c r="GI2196" s="91"/>
      <c r="GJ2196" s="91"/>
      <c r="GK2196" s="127"/>
      <c r="GL2196" s="126"/>
      <c r="GM2196" s="91"/>
      <c r="GN2196" s="91"/>
      <c r="GO2196" s="91"/>
      <c r="GP2196" s="91"/>
      <c r="GQ2196" s="91"/>
      <c r="GR2196" s="91"/>
      <c r="GS2196" s="91"/>
      <c r="GT2196" s="91"/>
      <c r="GU2196" s="91"/>
      <c r="GV2196" s="91"/>
      <c r="GW2196" s="91"/>
      <c r="GX2196" s="91"/>
      <c r="GY2196" s="91"/>
      <c r="GZ2196" s="91"/>
      <c r="HA2196" s="91"/>
      <c r="HB2196" s="91"/>
      <c r="HC2196" s="91"/>
      <c r="HD2196" s="91"/>
      <c r="HE2196" s="91"/>
      <c r="HF2196" s="91"/>
      <c r="HG2196" s="91"/>
      <c r="HH2196" s="91"/>
      <c r="HI2196" s="91"/>
      <c r="HJ2196" s="91"/>
      <c r="HK2196" s="127"/>
      <c r="HL2196" s="126"/>
      <c r="HM2196" s="91"/>
      <c r="HN2196" s="91"/>
      <c r="HO2196" s="91"/>
      <c r="HP2196" s="91"/>
      <c r="HQ2196" s="91"/>
      <c r="HR2196" s="91"/>
      <c r="HS2196" s="91"/>
      <c r="HT2196" s="91"/>
      <c r="HU2196" s="91"/>
      <c r="HV2196" s="91"/>
      <c r="HW2196" s="91"/>
      <c r="HX2196" s="91"/>
      <c r="HY2196" s="91"/>
      <c r="HZ2196" s="91"/>
      <c r="IA2196" s="91"/>
      <c r="IB2196" s="91"/>
      <c r="IC2196" s="91"/>
      <c r="ID2196" s="91"/>
      <c r="IE2196" s="91"/>
      <c r="IF2196" s="91"/>
      <c r="IG2196" s="91"/>
      <c r="IH2196" s="91"/>
      <c r="II2196" s="91"/>
      <c r="IJ2196" s="91"/>
      <c r="IK2196" s="127"/>
    </row>
    <row r="2197" spans="2:245" x14ac:dyDescent="0.2">
      <c r="B2197" s="43"/>
      <c r="C2197" s="73"/>
      <c r="D2197" s="64"/>
      <c r="E2197" s="64"/>
      <c r="F2197" s="55"/>
      <c r="G2197" s="102"/>
      <c r="H2197" s="55"/>
      <c r="I2197" s="55"/>
      <c r="J2197" s="55"/>
      <c r="K2197" s="55"/>
      <c r="L2197" s="55"/>
      <c r="M2197" s="55"/>
      <c r="N2197" s="55"/>
      <c r="O2197" s="55"/>
      <c r="P2197" s="55"/>
      <c r="Q2197" s="55"/>
      <c r="R2197" s="55"/>
      <c r="S2197" s="55"/>
      <c r="T2197" s="55"/>
      <c r="U2197" s="55"/>
      <c r="V2197" s="55"/>
      <c r="W2197" s="55"/>
      <c r="X2197" s="55"/>
      <c r="Y2197" s="55"/>
      <c r="Z2197" s="55"/>
      <c r="AA2197" s="55"/>
      <c r="AB2197" s="55"/>
      <c r="AC2197" s="55"/>
      <c r="AD2197" s="55"/>
      <c r="AE2197" s="55"/>
      <c r="AF2197" s="55"/>
      <c r="AG2197" s="55"/>
      <c r="AY2197" s="162"/>
      <c r="AZ2197" s="162"/>
      <c r="BA2197" s="162"/>
      <c r="BB2197" s="162"/>
      <c r="BC2197" s="162"/>
      <c r="BD2197" s="162"/>
      <c r="BE2197" s="162"/>
      <c r="BF2197" s="162"/>
      <c r="BG2197" s="162"/>
      <c r="BH2197" s="162"/>
      <c r="BI2197" s="162"/>
      <c r="BJ2197" s="162"/>
      <c r="BK2197" s="162"/>
      <c r="BL2197" s="162"/>
      <c r="BM2197" s="162"/>
      <c r="BN2197" s="162"/>
      <c r="BO2197" s="162"/>
      <c r="BP2197" s="162"/>
      <c r="BQ2197" s="162"/>
      <c r="BR2197" s="162"/>
      <c r="BS2197" s="162"/>
      <c r="BT2197" s="162"/>
      <c r="BU2197" s="162"/>
      <c r="BV2197" s="162"/>
      <c r="BW2197" s="162"/>
      <c r="BX2197" s="162"/>
      <c r="BY2197" s="162"/>
      <c r="BZ2197" s="162"/>
      <c r="CA2197" s="162"/>
      <c r="CB2197" s="162"/>
      <c r="CC2197" s="162"/>
      <c r="CD2197" s="162"/>
      <c r="CE2197" s="162"/>
      <c r="CF2197" s="162"/>
      <c r="CG2197" s="162"/>
      <c r="CH2197" s="162"/>
      <c r="CI2197" s="162"/>
      <c r="CJ2197" s="162"/>
      <c r="CK2197" s="162"/>
      <c r="CX2197" s="98"/>
      <c r="DL2197" s="97"/>
      <c r="DX2197" s="98"/>
      <c r="EL2197" s="97"/>
      <c r="EX2197" s="98"/>
      <c r="EY2197" s="97"/>
      <c r="FL2197" s="126"/>
      <c r="FM2197" s="91"/>
      <c r="FN2197" s="91"/>
      <c r="FO2197" s="91"/>
      <c r="FP2197" s="91"/>
      <c r="FQ2197" s="91"/>
      <c r="FR2197" s="91"/>
      <c r="FS2197" s="91"/>
      <c r="FT2197" s="91"/>
      <c r="FU2197" s="91"/>
      <c r="FV2197" s="91"/>
      <c r="FW2197" s="91"/>
      <c r="FX2197" s="91"/>
      <c r="FY2197" s="91"/>
      <c r="FZ2197" s="91"/>
      <c r="GA2197" s="91"/>
      <c r="GB2197" s="91"/>
      <c r="GC2197" s="91"/>
      <c r="GD2197" s="91"/>
      <c r="GE2197" s="91"/>
      <c r="GF2197" s="91"/>
      <c r="GG2197" s="91"/>
      <c r="GH2197" s="91"/>
      <c r="GI2197" s="91"/>
      <c r="GJ2197" s="91"/>
      <c r="GK2197" s="127"/>
      <c r="GL2197" s="126"/>
      <c r="GM2197" s="91"/>
      <c r="GN2197" s="91"/>
      <c r="GO2197" s="91"/>
      <c r="GP2197" s="91"/>
      <c r="GQ2197" s="91"/>
      <c r="GR2197" s="91"/>
      <c r="GS2197" s="91"/>
      <c r="GT2197" s="91"/>
      <c r="GU2197" s="91"/>
      <c r="GV2197" s="91"/>
      <c r="GW2197" s="91"/>
      <c r="GX2197" s="91"/>
      <c r="GY2197" s="91"/>
      <c r="GZ2197" s="91"/>
      <c r="HA2197" s="91"/>
      <c r="HB2197" s="91"/>
      <c r="HC2197" s="91"/>
      <c r="HD2197" s="91"/>
      <c r="HE2197" s="91"/>
      <c r="HF2197" s="91"/>
      <c r="HG2197" s="91"/>
      <c r="HH2197" s="91"/>
      <c r="HI2197" s="91"/>
      <c r="HJ2197" s="91"/>
      <c r="HK2197" s="127"/>
      <c r="HL2197" s="126"/>
      <c r="HM2197" s="91"/>
      <c r="HN2197" s="91"/>
      <c r="HO2197" s="91"/>
      <c r="HP2197" s="91"/>
      <c r="HQ2197" s="91"/>
      <c r="HR2197" s="91"/>
      <c r="HS2197" s="91"/>
      <c r="HT2197" s="91"/>
      <c r="HU2197" s="91"/>
      <c r="HV2197" s="91"/>
      <c r="HW2197" s="91"/>
      <c r="HX2197" s="91"/>
      <c r="HY2197" s="91"/>
      <c r="HZ2197" s="91"/>
      <c r="IA2197" s="91"/>
      <c r="IB2197" s="91"/>
      <c r="IC2197" s="91"/>
      <c r="ID2197" s="91"/>
      <c r="IE2197" s="91"/>
      <c r="IF2197" s="91"/>
      <c r="IG2197" s="91"/>
      <c r="IH2197" s="91"/>
      <c r="II2197" s="91"/>
      <c r="IJ2197" s="91"/>
      <c r="IK2197" s="127"/>
    </row>
    <row r="2198" spans="2:245" x14ac:dyDescent="0.2">
      <c r="B2198" s="43"/>
      <c r="C2198" s="73"/>
      <c r="D2198" s="64"/>
      <c r="E2198" s="64"/>
      <c r="F2198" s="55"/>
      <c r="G2198" s="102"/>
      <c r="H2198" s="55"/>
      <c r="I2198" s="55"/>
      <c r="J2198" s="55"/>
      <c r="K2198" s="55"/>
      <c r="L2198" s="55"/>
      <c r="M2198" s="55"/>
      <c r="N2198" s="55"/>
      <c r="O2198" s="55"/>
      <c r="P2198" s="55"/>
      <c r="Q2198" s="55"/>
      <c r="R2198" s="55"/>
      <c r="S2198" s="55"/>
      <c r="T2198" s="55"/>
      <c r="U2198" s="55"/>
      <c r="V2198" s="55"/>
      <c r="W2198" s="55"/>
      <c r="X2198" s="55"/>
      <c r="Y2198" s="55"/>
      <c r="Z2198" s="55"/>
      <c r="AA2198" s="55"/>
      <c r="AB2198" s="55"/>
      <c r="AC2198" s="55"/>
      <c r="AD2198" s="55"/>
      <c r="AE2198" s="55"/>
      <c r="AF2198" s="55"/>
      <c r="AG2198" s="55"/>
      <c r="AY2198" s="162"/>
      <c r="AZ2198" s="162"/>
      <c r="BA2198" s="162"/>
      <c r="BB2198" s="162"/>
      <c r="BC2198" s="162"/>
      <c r="BD2198" s="162"/>
      <c r="BE2198" s="162"/>
      <c r="BF2198" s="162"/>
      <c r="BG2198" s="162"/>
      <c r="BH2198" s="162"/>
      <c r="BI2198" s="162"/>
      <c r="BJ2198" s="162"/>
      <c r="BK2198" s="162"/>
      <c r="BL2198" s="162"/>
      <c r="BM2198" s="162"/>
      <c r="BN2198" s="162"/>
      <c r="BO2198" s="162"/>
      <c r="BP2198" s="162"/>
      <c r="BQ2198" s="162"/>
      <c r="BR2198" s="162"/>
      <c r="BS2198" s="162"/>
      <c r="BT2198" s="162"/>
      <c r="BU2198" s="162"/>
      <c r="BV2198" s="162"/>
      <c r="BW2198" s="162"/>
      <c r="BX2198" s="162"/>
      <c r="BY2198" s="162"/>
      <c r="BZ2198" s="162"/>
      <c r="CA2198" s="162"/>
      <c r="CB2198" s="162"/>
      <c r="CC2198" s="162"/>
      <c r="CD2198" s="162"/>
      <c r="CE2198" s="162"/>
      <c r="CF2198" s="162"/>
      <c r="CG2198" s="162"/>
      <c r="CH2198" s="162"/>
      <c r="CI2198" s="162"/>
      <c r="CJ2198" s="162"/>
      <c r="CK2198" s="162"/>
      <c r="CX2198" s="98"/>
      <c r="DL2198" s="97"/>
      <c r="DX2198" s="98"/>
      <c r="EL2198" s="97"/>
      <c r="EX2198" s="98"/>
      <c r="EY2198" s="97"/>
      <c r="FL2198" s="126"/>
      <c r="FM2198" s="91"/>
      <c r="FN2198" s="91"/>
      <c r="FO2198" s="91"/>
      <c r="FP2198" s="91"/>
      <c r="FQ2198" s="91"/>
      <c r="FR2198" s="91"/>
      <c r="FS2198" s="91"/>
      <c r="FT2198" s="91"/>
      <c r="FU2198" s="91"/>
      <c r="FV2198" s="91"/>
      <c r="FW2198" s="91"/>
      <c r="FX2198" s="91"/>
      <c r="FY2198" s="91"/>
      <c r="FZ2198" s="91"/>
      <c r="GA2198" s="91"/>
      <c r="GB2198" s="91"/>
      <c r="GC2198" s="91"/>
      <c r="GD2198" s="91"/>
      <c r="GE2198" s="91"/>
      <c r="GF2198" s="91"/>
      <c r="GG2198" s="91"/>
      <c r="GH2198" s="91"/>
      <c r="GI2198" s="91"/>
      <c r="GJ2198" s="91"/>
      <c r="GK2198" s="127"/>
      <c r="GL2198" s="126"/>
      <c r="GM2198" s="91"/>
      <c r="GN2198" s="91"/>
      <c r="GO2198" s="91"/>
      <c r="GP2198" s="91"/>
      <c r="GQ2198" s="91"/>
      <c r="GR2198" s="91"/>
      <c r="GS2198" s="91"/>
      <c r="GT2198" s="91"/>
      <c r="GU2198" s="91"/>
      <c r="GV2198" s="91"/>
      <c r="GW2198" s="91"/>
      <c r="GX2198" s="91"/>
      <c r="GY2198" s="91"/>
      <c r="GZ2198" s="91"/>
      <c r="HA2198" s="91"/>
      <c r="HB2198" s="91"/>
      <c r="HC2198" s="91"/>
      <c r="HD2198" s="91"/>
      <c r="HE2198" s="91"/>
      <c r="HF2198" s="91"/>
      <c r="HG2198" s="91"/>
      <c r="HH2198" s="91"/>
      <c r="HI2198" s="91"/>
      <c r="HJ2198" s="91"/>
      <c r="HK2198" s="127"/>
      <c r="HL2198" s="126"/>
      <c r="HM2198" s="91"/>
      <c r="HN2198" s="91"/>
      <c r="HO2198" s="91"/>
      <c r="HP2198" s="91"/>
      <c r="HQ2198" s="91"/>
      <c r="HR2198" s="91"/>
      <c r="HS2198" s="91"/>
      <c r="HT2198" s="91"/>
      <c r="HU2198" s="91"/>
      <c r="HV2198" s="91"/>
      <c r="HW2198" s="91"/>
      <c r="HX2198" s="91"/>
      <c r="HY2198" s="91"/>
      <c r="HZ2198" s="91"/>
      <c r="IA2198" s="91"/>
      <c r="IB2198" s="91"/>
      <c r="IC2198" s="91"/>
      <c r="ID2198" s="91"/>
      <c r="IE2198" s="91"/>
      <c r="IF2198" s="91"/>
      <c r="IG2198" s="91"/>
      <c r="IH2198" s="91"/>
      <c r="II2198" s="91"/>
      <c r="IJ2198" s="91"/>
      <c r="IK2198" s="127"/>
    </row>
    <row r="2199" spans="2:245" x14ac:dyDescent="0.2">
      <c r="B2199" s="43"/>
      <c r="C2199" s="73"/>
      <c r="D2199" s="64"/>
      <c r="E2199" s="64"/>
      <c r="F2199" s="55"/>
      <c r="G2199" s="102"/>
      <c r="H2199" s="55"/>
      <c r="I2199" s="55"/>
      <c r="J2199" s="55"/>
      <c r="K2199" s="55"/>
      <c r="L2199" s="55"/>
      <c r="M2199" s="55"/>
      <c r="N2199" s="55"/>
      <c r="O2199" s="55"/>
      <c r="P2199" s="55"/>
      <c r="Q2199" s="55"/>
      <c r="R2199" s="55"/>
      <c r="S2199" s="55"/>
      <c r="T2199" s="55"/>
      <c r="U2199" s="55"/>
      <c r="V2199" s="55"/>
      <c r="W2199" s="55"/>
      <c r="X2199" s="55"/>
      <c r="Y2199" s="55"/>
      <c r="Z2199" s="55"/>
      <c r="AA2199" s="55"/>
      <c r="AB2199" s="55"/>
      <c r="AC2199" s="55"/>
      <c r="AD2199" s="55"/>
      <c r="AE2199" s="55"/>
      <c r="AF2199" s="55"/>
      <c r="AG2199" s="55"/>
      <c r="AY2199" s="162"/>
      <c r="AZ2199" s="162"/>
      <c r="BA2199" s="162"/>
      <c r="BB2199" s="162"/>
      <c r="BC2199" s="162"/>
      <c r="BD2199" s="162"/>
      <c r="BE2199" s="162"/>
      <c r="BF2199" s="162"/>
      <c r="BG2199" s="162"/>
      <c r="BH2199" s="162"/>
      <c r="BI2199" s="162"/>
      <c r="BJ2199" s="162"/>
      <c r="BK2199" s="162"/>
      <c r="BL2199" s="162"/>
      <c r="BM2199" s="162"/>
      <c r="BN2199" s="162"/>
      <c r="BO2199" s="162"/>
      <c r="BP2199" s="162"/>
      <c r="BQ2199" s="162"/>
      <c r="BR2199" s="162"/>
      <c r="BS2199" s="162"/>
      <c r="BT2199" s="162"/>
      <c r="BU2199" s="162"/>
      <c r="BV2199" s="162"/>
      <c r="BW2199" s="162"/>
      <c r="BX2199" s="162"/>
      <c r="BY2199" s="162"/>
      <c r="BZ2199" s="162"/>
      <c r="CA2199" s="162"/>
      <c r="CB2199" s="162"/>
      <c r="CC2199" s="162"/>
      <c r="CD2199" s="162"/>
      <c r="CE2199" s="162"/>
      <c r="CF2199" s="162"/>
      <c r="CG2199" s="162"/>
      <c r="CH2199" s="162"/>
      <c r="CI2199" s="162"/>
      <c r="CJ2199" s="162"/>
      <c r="CK2199" s="162"/>
      <c r="CX2199" s="98"/>
      <c r="DL2199" s="97"/>
      <c r="DX2199" s="98"/>
      <c r="EL2199" s="97"/>
      <c r="EX2199" s="98"/>
      <c r="EY2199" s="97"/>
      <c r="FL2199" s="126"/>
      <c r="FM2199" s="91"/>
      <c r="FN2199" s="91"/>
      <c r="FO2199" s="91"/>
      <c r="FP2199" s="91"/>
      <c r="FQ2199" s="91"/>
      <c r="FR2199" s="91"/>
      <c r="FS2199" s="91"/>
      <c r="FT2199" s="91"/>
      <c r="FU2199" s="91"/>
      <c r="FV2199" s="91"/>
      <c r="FW2199" s="91"/>
      <c r="FX2199" s="91"/>
      <c r="FY2199" s="91"/>
      <c r="FZ2199" s="91"/>
      <c r="GA2199" s="91"/>
      <c r="GB2199" s="91"/>
      <c r="GC2199" s="91"/>
      <c r="GD2199" s="91"/>
      <c r="GE2199" s="91"/>
      <c r="GF2199" s="91"/>
      <c r="GG2199" s="91"/>
      <c r="GH2199" s="91"/>
      <c r="GI2199" s="91"/>
      <c r="GJ2199" s="91"/>
      <c r="GK2199" s="127"/>
      <c r="GL2199" s="126"/>
      <c r="GM2199" s="91"/>
      <c r="GN2199" s="91"/>
      <c r="GO2199" s="91"/>
      <c r="GP2199" s="91"/>
      <c r="GQ2199" s="91"/>
      <c r="GR2199" s="91"/>
      <c r="GS2199" s="91"/>
      <c r="GT2199" s="91"/>
      <c r="GU2199" s="91"/>
      <c r="GV2199" s="91"/>
      <c r="GW2199" s="91"/>
      <c r="GX2199" s="91"/>
      <c r="GY2199" s="91"/>
      <c r="GZ2199" s="91"/>
      <c r="HA2199" s="91"/>
      <c r="HB2199" s="91"/>
      <c r="HC2199" s="91"/>
      <c r="HD2199" s="91"/>
      <c r="HE2199" s="91"/>
      <c r="HF2199" s="91"/>
      <c r="HG2199" s="91"/>
      <c r="HH2199" s="91"/>
      <c r="HI2199" s="91"/>
      <c r="HJ2199" s="91"/>
      <c r="HK2199" s="127"/>
      <c r="HL2199" s="126"/>
      <c r="HM2199" s="91"/>
      <c r="HN2199" s="91"/>
      <c r="HO2199" s="91"/>
      <c r="HP2199" s="91"/>
      <c r="HQ2199" s="91"/>
      <c r="HR2199" s="91"/>
      <c r="HS2199" s="91"/>
      <c r="HT2199" s="91"/>
      <c r="HU2199" s="91"/>
      <c r="HV2199" s="91"/>
      <c r="HW2199" s="91"/>
      <c r="HX2199" s="91"/>
      <c r="HY2199" s="91"/>
      <c r="HZ2199" s="91"/>
      <c r="IA2199" s="91"/>
      <c r="IB2199" s="91"/>
      <c r="IC2199" s="91"/>
      <c r="ID2199" s="91"/>
      <c r="IE2199" s="91"/>
      <c r="IF2199" s="91"/>
      <c r="IG2199" s="91"/>
      <c r="IH2199" s="91"/>
      <c r="II2199" s="91"/>
      <c r="IJ2199" s="91"/>
      <c r="IK2199" s="127"/>
    </row>
    <row r="2200" spans="2:245" x14ac:dyDescent="0.2">
      <c r="B2200" s="43"/>
      <c r="C2200" s="73"/>
      <c r="D2200" s="64"/>
      <c r="E2200" s="64"/>
      <c r="F2200" s="55"/>
      <c r="G2200" s="102"/>
      <c r="H2200" s="55"/>
      <c r="I2200" s="55"/>
      <c r="J2200" s="55"/>
      <c r="K2200" s="55"/>
      <c r="L2200" s="55"/>
      <c r="M2200" s="55"/>
      <c r="N2200" s="55"/>
      <c r="O2200" s="55"/>
      <c r="P2200" s="55"/>
      <c r="Q2200" s="55"/>
      <c r="R2200" s="55"/>
      <c r="S2200" s="55"/>
      <c r="T2200" s="55"/>
      <c r="U2200" s="55"/>
      <c r="V2200" s="55"/>
      <c r="W2200" s="55"/>
      <c r="X2200" s="55"/>
      <c r="Y2200" s="55"/>
      <c r="Z2200" s="55"/>
      <c r="AA2200" s="55"/>
      <c r="AB2200" s="55"/>
      <c r="AC2200" s="55"/>
      <c r="AD2200" s="55"/>
      <c r="AE2200" s="55"/>
      <c r="AF2200" s="55"/>
      <c r="AG2200" s="55"/>
      <c r="AY2200" s="162"/>
      <c r="AZ2200" s="162"/>
      <c r="BA2200" s="162"/>
      <c r="BB2200" s="162"/>
      <c r="BC2200" s="162"/>
      <c r="BD2200" s="162"/>
      <c r="BE2200" s="162"/>
      <c r="BF2200" s="162"/>
      <c r="BG2200" s="162"/>
      <c r="BH2200" s="162"/>
      <c r="BI2200" s="162"/>
      <c r="BJ2200" s="162"/>
      <c r="BK2200" s="162"/>
      <c r="BL2200" s="162"/>
      <c r="BM2200" s="162"/>
      <c r="BN2200" s="162"/>
      <c r="BO2200" s="162"/>
      <c r="BP2200" s="162"/>
      <c r="BQ2200" s="162"/>
      <c r="BR2200" s="162"/>
      <c r="BS2200" s="162"/>
      <c r="BT2200" s="162"/>
      <c r="BU2200" s="162"/>
      <c r="BV2200" s="162"/>
      <c r="BW2200" s="162"/>
      <c r="BX2200" s="162"/>
      <c r="BY2200" s="162"/>
      <c r="BZ2200" s="162"/>
      <c r="CA2200" s="162"/>
      <c r="CB2200" s="162"/>
      <c r="CC2200" s="162"/>
      <c r="CD2200" s="162"/>
      <c r="CE2200" s="162"/>
      <c r="CF2200" s="162"/>
      <c r="CG2200" s="162"/>
      <c r="CH2200" s="162"/>
      <c r="CI2200" s="162"/>
      <c r="CJ2200" s="162"/>
      <c r="CK2200" s="162"/>
      <c r="CX2200" s="98"/>
      <c r="DL2200" s="97"/>
      <c r="DX2200" s="98"/>
      <c r="EL2200" s="97"/>
      <c r="EX2200" s="98"/>
      <c r="EY2200" s="97"/>
      <c r="FL2200" s="126"/>
      <c r="FM2200" s="91"/>
      <c r="FN2200" s="91"/>
      <c r="FO2200" s="91"/>
      <c r="FP2200" s="91"/>
      <c r="FQ2200" s="91"/>
      <c r="FR2200" s="91"/>
      <c r="FS2200" s="91"/>
      <c r="FT2200" s="91"/>
      <c r="FU2200" s="91"/>
      <c r="FV2200" s="91"/>
      <c r="FW2200" s="91"/>
      <c r="FX2200" s="91"/>
      <c r="FY2200" s="91"/>
      <c r="FZ2200" s="91"/>
      <c r="GA2200" s="91"/>
      <c r="GB2200" s="91"/>
      <c r="GC2200" s="91"/>
      <c r="GD2200" s="91"/>
      <c r="GE2200" s="91"/>
      <c r="GF2200" s="91"/>
      <c r="GG2200" s="91"/>
      <c r="GH2200" s="91"/>
      <c r="GI2200" s="91"/>
      <c r="GJ2200" s="91"/>
      <c r="GK2200" s="127"/>
      <c r="GL2200" s="126"/>
      <c r="GM2200" s="91"/>
      <c r="GN2200" s="91"/>
      <c r="GO2200" s="91"/>
      <c r="GP2200" s="91"/>
      <c r="GQ2200" s="91"/>
      <c r="GR2200" s="91"/>
      <c r="GS2200" s="91"/>
      <c r="GT2200" s="91"/>
      <c r="GU2200" s="91"/>
      <c r="GV2200" s="91"/>
      <c r="GW2200" s="91"/>
      <c r="GX2200" s="91"/>
      <c r="GY2200" s="91"/>
      <c r="GZ2200" s="91"/>
      <c r="HA2200" s="91"/>
      <c r="HB2200" s="91"/>
      <c r="HC2200" s="91"/>
      <c r="HD2200" s="91"/>
      <c r="HE2200" s="91"/>
      <c r="HF2200" s="91"/>
      <c r="HG2200" s="91"/>
      <c r="HH2200" s="91"/>
      <c r="HI2200" s="91"/>
      <c r="HJ2200" s="91"/>
      <c r="HK2200" s="127"/>
      <c r="HL2200" s="126"/>
      <c r="HM2200" s="91"/>
      <c r="HN2200" s="91"/>
      <c r="HO2200" s="91"/>
      <c r="HP2200" s="91"/>
      <c r="HQ2200" s="91"/>
      <c r="HR2200" s="91"/>
      <c r="HS2200" s="91"/>
      <c r="HT2200" s="91"/>
      <c r="HU2200" s="91"/>
      <c r="HV2200" s="91"/>
      <c r="HW2200" s="91"/>
      <c r="HX2200" s="91"/>
      <c r="HY2200" s="91"/>
      <c r="HZ2200" s="91"/>
      <c r="IA2200" s="91"/>
      <c r="IB2200" s="91"/>
      <c r="IC2200" s="91"/>
      <c r="ID2200" s="91"/>
      <c r="IE2200" s="91"/>
      <c r="IF2200" s="91"/>
      <c r="IG2200" s="91"/>
      <c r="IH2200" s="91"/>
      <c r="II2200" s="91"/>
      <c r="IJ2200" s="91"/>
      <c r="IK2200" s="127"/>
    </row>
    <row r="2201" spans="2:245" x14ac:dyDescent="0.2">
      <c r="B2201" s="43"/>
      <c r="C2201" s="73"/>
      <c r="D2201" s="64"/>
      <c r="E2201" s="64"/>
      <c r="F2201" s="55"/>
      <c r="G2201" s="102"/>
      <c r="H2201" s="55"/>
      <c r="I2201" s="55"/>
      <c r="J2201" s="55"/>
      <c r="K2201" s="55"/>
      <c r="L2201" s="55"/>
      <c r="M2201" s="55"/>
      <c r="N2201" s="55"/>
      <c r="O2201" s="55"/>
      <c r="P2201" s="55"/>
      <c r="Q2201" s="55"/>
      <c r="R2201" s="55"/>
      <c r="S2201" s="55"/>
      <c r="T2201" s="55"/>
      <c r="U2201" s="55"/>
      <c r="V2201" s="55"/>
      <c r="W2201" s="55"/>
      <c r="X2201" s="55"/>
      <c r="Y2201" s="55"/>
      <c r="Z2201" s="55"/>
      <c r="AA2201" s="55"/>
      <c r="AB2201" s="55"/>
      <c r="AC2201" s="55"/>
      <c r="AD2201" s="55"/>
      <c r="AE2201" s="55"/>
      <c r="AF2201" s="55"/>
      <c r="AG2201" s="55"/>
      <c r="AY2201" s="162"/>
      <c r="AZ2201" s="162"/>
      <c r="BA2201" s="162"/>
      <c r="BB2201" s="162"/>
      <c r="BC2201" s="162"/>
      <c r="BD2201" s="162"/>
      <c r="BE2201" s="162"/>
      <c r="BF2201" s="162"/>
      <c r="BG2201" s="162"/>
      <c r="BH2201" s="162"/>
      <c r="BI2201" s="162"/>
      <c r="BJ2201" s="162"/>
      <c r="BK2201" s="162"/>
      <c r="BL2201" s="162"/>
      <c r="BM2201" s="162"/>
      <c r="BN2201" s="162"/>
      <c r="BO2201" s="162"/>
      <c r="BP2201" s="162"/>
      <c r="BQ2201" s="162"/>
      <c r="BR2201" s="162"/>
      <c r="BS2201" s="162"/>
      <c r="BT2201" s="162"/>
      <c r="BU2201" s="162"/>
      <c r="BV2201" s="162"/>
      <c r="BW2201" s="162"/>
      <c r="BX2201" s="162"/>
      <c r="BY2201" s="162"/>
      <c r="BZ2201" s="162"/>
      <c r="CA2201" s="162"/>
      <c r="CB2201" s="162"/>
      <c r="CC2201" s="162"/>
      <c r="CD2201" s="162"/>
      <c r="CE2201" s="162"/>
      <c r="CF2201" s="162"/>
      <c r="CG2201" s="162"/>
      <c r="CH2201" s="162"/>
      <c r="CI2201" s="162"/>
      <c r="CJ2201" s="162"/>
      <c r="CK2201" s="162"/>
      <c r="CX2201" s="98"/>
      <c r="DL2201" s="97"/>
      <c r="DX2201" s="98"/>
      <c r="EL2201" s="97"/>
      <c r="EX2201" s="98"/>
      <c r="EY2201" s="97"/>
      <c r="FL2201" s="126"/>
      <c r="FM2201" s="91"/>
      <c r="FN2201" s="91"/>
      <c r="FO2201" s="91"/>
      <c r="FP2201" s="91"/>
      <c r="FQ2201" s="91"/>
      <c r="FR2201" s="91"/>
      <c r="FS2201" s="91"/>
      <c r="FT2201" s="91"/>
      <c r="FU2201" s="91"/>
      <c r="FV2201" s="91"/>
      <c r="FW2201" s="91"/>
      <c r="FX2201" s="91"/>
      <c r="FY2201" s="91"/>
      <c r="FZ2201" s="91"/>
      <c r="GA2201" s="91"/>
      <c r="GB2201" s="91"/>
      <c r="GC2201" s="91"/>
      <c r="GD2201" s="91"/>
      <c r="GE2201" s="91"/>
      <c r="GF2201" s="91"/>
      <c r="GG2201" s="91"/>
      <c r="GH2201" s="91"/>
      <c r="GI2201" s="91"/>
      <c r="GJ2201" s="91"/>
      <c r="GK2201" s="127"/>
      <c r="GL2201" s="126"/>
      <c r="GM2201" s="91"/>
      <c r="GN2201" s="91"/>
      <c r="GO2201" s="91"/>
      <c r="GP2201" s="91"/>
      <c r="GQ2201" s="91"/>
      <c r="GR2201" s="91"/>
      <c r="GS2201" s="91"/>
      <c r="GT2201" s="91"/>
      <c r="GU2201" s="91"/>
      <c r="GV2201" s="91"/>
      <c r="GW2201" s="91"/>
      <c r="GX2201" s="91"/>
      <c r="GY2201" s="91"/>
      <c r="GZ2201" s="91"/>
      <c r="HA2201" s="91"/>
      <c r="HB2201" s="91"/>
      <c r="HC2201" s="91"/>
      <c r="HD2201" s="91"/>
      <c r="HE2201" s="91"/>
      <c r="HF2201" s="91"/>
      <c r="HG2201" s="91"/>
      <c r="HH2201" s="91"/>
      <c r="HI2201" s="91"/>
      <c r="HJ2201" s="91"/>
      <c r="HK2201" s="127"/>
      <c r="HL2201" s="126"/>
      <c r="HM2201" s="91"/>
      <c r="HN2201" s="91"/>
      <c r="HO2201" s="91"/>
      <c r="HP2201" s="91"/>
      <c r="HQ2201" s="91"/>
      <c r="HR2201" s="91"/>
      <c r="HS2201" s="91"/>
      <c r="HT2201" s="91"/>
      <c r="HU2201" s="91"/>
      <c r="HV2201" s="91"/>
      <c r="HW2201" s="91"/>
      <c r="HX2201" s="91"/>
      <c r="HY2201" s="91"/>
      <c r="HZ2201" s="91"/>
      <c r="IA2201" s="91"/>
      <c r="IB2201" s="91"/>
      <c r="IC2201" s="91"/>
      <c r="ID2201" s="91"/>
      <c r="IE2201" s="91"/>
      <c r="IF2201" s="91"/>
      <c r="IG2201" s="91"/>
      <c r="IH2201" s="91"/>
      <c r="II2201" s="91"/>
      <c r="IJ2201" s="91"/>
      <c r="IK2201" s="127"/>
    </row>
    <row r="2202" spans="2:245" ht="13.5" thickBot="1" x14ac:dyDescent="0.25">
      <c r="B2202" s="43"/>
      <c r="C2202" s="73"/>
      <c r="D2202" s="64"/>
      <c r="E2202" s="64"/>
      <c r="F2202" s="55"/>
      <c r="G2202" s="102"/>
      <c r="H2202" s="55"/>
      <c r="I2202" s="55"/>
      <c r="J2202" s="55"/>
      <c r="K2202" s="55"/>
      <c r="L2202" s="55"/>
      <c r="M2202" s="55"/>
      <c r="N2202" s="55"/>
      <c r="O2202" s="55"/>
      <c r="P2202" s="55"/>
      <c r="Q2202" s="55"/>
      <c r="R2202" s="55"/>
      <c r="S2202" s="55"/>
      <c r="T2202" s="55"/>
      <c r="U2202" s="55"/>
      <c r="V2202" s="55"/>
      <c r="W2202" s="55"/>
      <c r="X2202" s="55"/>
      <c r="Y2202" s="55"/>
      <c r="Z2202" s="55"/>
      <c r="AA2202" s="55"/>
      <c r="AB2202" s="55"/>
      <c r="AC2202" s="55"/>
      <c r="AD2202" s="55"/>
      <c r="AE2202" s="55"/>
      <c r="AF2202" s="55"/>
      <c r="AG2202" s="55"/>
      <c r="AY2202" s="162"/>
      <c r="AZ2202" s="162"/>
      <c r="BA2202" s="162"/>
      <c r="BB2202" s="162"/>
      <c r="BC2202" s="162"/>
      <c r="BD2202" s="162"/>
      <c r="BE2202" s="162"/>
      <c r="BF2202" s="162"/>
      <c r="BG2202" s="162"/>
      <c r="BH2202" s="162"/>
      <c r="BI2202" s="162"/>
      <c r="BJ2202" s="162"/>
      <c r="BK2202" s="162"/>
      <c r="BL2202" s="162"/>
      <c r="BM2202" s="162"/>
      <c r="BN2202" s="162"/>
      <c r="BO2202" s="162"/>
      <c r="BP2202" s="162"/>
      <c r="BQ2202" s="162"/>
      <c r="BR2202" s="162"/>
      <c r="BS2202" s="162"/>
      <c r="BT2202" s="162"/>
      <c r="BU2202" s="162"/>
      <c r="BV2202" s="162"/>
      <c r="BW2202" s="162"/>
      <c r="BX2202" s="162"/>
      <c r="BY2202" s="162"/>
      <c r="BZ2202" s="162"/>
      <c r="CA2202" s="162"/>
      <c r="CB2202" s="162"/>
      <c r="CC2202" s="162"/>
      <c r="CD2202" s="162"/>
      <c r="CE2202" s="162"/>
      <c r="CF2202" s="162"/>
      <c r="CG2202" s="162"/>
      <c r="CH2202" s="162"/>
      <c r="CI2202" s="162"/>
      <c r="CJ2202" s="162"/>
      <c r="CK2202" s="162"/>
      <c r="CL2202" s="166"/>
      <c r="CM2202" s="166"/>
      <c r="CN2202" s="166"/>
      <c r="CO2202" s="166"/>
      <c r="CP2202" s="166"/>
      <c r="CQ2202" s="166"/>
      <c r="CR2202" s="166"/>
      <c r="CS2202" s="166"/>
      <c r="CT2202" s="166"/>
      <c r="CU2202" s="166"/>
      <c r="CV2202" s="166"/>
      <c r="CW2202" s="166"/>
      <c r="CX2202" s="176"/>
      <c r="CY2202" s="166"/>
      <c r="CZ2202" s="166"/>
      <c r="DA2202" s="166"/>
      <c r="DB2202" s="166"/>
      <c r="DC2202" s="166"/>
      <c r="DD2202" s="166"/>
      <c r="DE2202" s="166"/>
      <c r="DF2202" s="166"/>
      <c r="DG2202" s="166"/>
      <c r="DH2202" s="166"/>
      <c r="DI2202" s="166"/>
      <c r="DJ2202" s="166"/>
      <c r="DK2202" s="166"/>
      <c r="DL2202" s="175"/>
      <c r="DM2202" s="166"/>
      <c r="DN2202" s="166"/>
      <c r="DO2202" s="166"/>
      <c r="DP2202" s="166"/>
      <c r="DQ2202" s="166"/>
      <c r="DR2202" s="166"/>
      <c r="DS2202" s="166"/>
      <c r="DT2202" s="166"/>
      <c r="DU2202" s="166"/>
      <c r="DV2202" s="166"/>
      <c r="DW2202" s="166"/>
      <c r="DX2202" s="176"/>
      <c r="DY2202" s="166"/>
      <c r="DZ2202" s="166"/>
      <c r="EA2202" s="166"/>
      <c r="EB2202" s="166"/>
      <c r="EC2202" s="166"/>
      <c r="ED2202" s="166"/>
      <c r="EE2202" s="166"/>
      <c r="EF2202" s="166"/>
      <c r="EG2202" s="166"/>
      <c r="EH2202" s="166"/>
      <c r="EI2202" s="166"/>
      <c r="EJ2202" s="166"/>
      <c r="EK2202" s="166"/>
      <c r="EL2202" s="175"/>
      <c r="EM2202" s="166"/>
      <c r="EN2202" s="166"/>
      <c r="EO2202" s="166"/>
      <c r="EP2202" s="166"/>
      <c r="EQ2202" s="166"/>
      <c r="ER2202" s="166"/>
      <c r="ES2202" s="166"/>
      <c r="ET2202" s="166"/>
      <c r="EU2202" s="166"/>
      <c r="EV2202" s="166"/>
      <c r="EW2202" s="166"/>
      <c r="EX2202" s="176"/>
      <c r="EY2202" s="175"/>
      <c r="EZ2202" s="166"/>
      <c r="FA2202" s="166"/>
      <c r="FB2202" s="166"/>
      <c r="FC2202" s="166"/>
      <c r="FD2202" s="166"/>
      <c r="FE2202" s="166"/>
      <c r="FF2202" s="166"/>
      <c r="FG2202" s="166"/>
      <c r="FH2202" s="166"/>
      <c r="FI2202" s="166"/>
      <c r="FJ2202" s="166"/>
      <c r="FK2202" s="166"/>
      <c r="FL2202" s="126"/>
      <c r="FM2202" s="91"/>
      <c r="FN2202" s="91"/>
      <c r="FO2202" s="91"/>
      <c r="FP2202" s="91"/>
      <c r="FQ2202" s="91"/>
      <c r="FR2202" s="91"/>
      <c r="FS2202" s="91"/>
      <c r="FT2202" s="91"/>
      <c r="FU2202" s="91"/>
      <c r="FV2202" s="91"/>
      <c r="FW2202" s="91"/>
      <c r="FX2202" s="91"/>
      <c r="FY2202" s="91"/>
      <c r="FZ2202" s="91"/>
      <c r="GA2202" s="91"/>
      <c r="GB2202" s="91"/>
      <c r="GC2202" s="91"/>
      <c r="GD2202" s="91"/>
      <c r="GE2202" s="91"/>
      <c r="GF2202" s="91"/>
      <c r="GG2202" s="91"/>
      <c r="GH2202" s="91"/>
      <c r="GI2202" s="91"/>
      <c r="GJ2202" s="91"/>
      <c r="GK2202" s="127"/>
      <c r="GL2202" s="126"/>
      <c r="GM2202" s="91"/>
      <c r="GN2202" s="91"/>
      <c r="GO2202" s="91"/>
      <c r="GP2202" s="91"/>
      <c r="GQ2202" s="91"/>
      <c r="GR2202" s="91"/>
      <c r="GS2202" s="91"/>
      <c r="GT2202" s="91"/>
      <c r="GU2202" s="91"/>
      <c r="GV2202" s="91"/>
      <c r="GW2202" s="91"/>
      <c r="GX2202" s="91"/>
      <c r="GY2202" s="91"/>
      <c r="GZ2202" s="91"/>
      <c r="HA2202" s="91"/>
      <c r="HB2202" s="91"/>
      <c r="HC2202" s="91"/>
      <c r="HD2202" s="91"/>
      <c r="HE2202" s="91"/>
      <c r="HF2202" s="91"/>
      <c r="HG2202" s="91"/>
      <c r="HH2202" s="91"/>
      <c r="HI2202" s="91"/>
      <c r="HJ2202" s="91"/>
      <c r="HK2202" s="127"/>
      <c r="HL2202" s="126"/>
      <c r="HM2202" s="91"/>
      <c r="HN2202" s="91"/>
      <c r="HO2202" s="91"/>
      <c r="HP2202" s="91"/>
      <c r="HQ2202" s="91"/>
      <c r="HR2202" s="91"/>
      <c r="HS2202" s="91"/>
      <c r="HT2202" s="91"/>
      <c r="HU2202" s="91"/>
      <c r="HV2202" s="91"/>
      <c r="HW2202" s="91"/>
      <c r="HX2202" s="91"/>
      <c r="HY2202" s="91"/>
      <c r="HZ2202" s="91"/>
      <c r="IA2202" s="91"/>
      <c r="IB2202" s="91"/>
      <c r="IC2202" s="91"/>
      <c r="ID2202" s="91"/>
      <c r="IE2202" s="91"/>
      <c r="IF2202" s="91"/>
      <c r="IG2202" s="91"/>
      <c r="IH2202" s="91"/>
      <c r="II2202" s="91"/>
      <c r="IJ2202" s="91"/>
      <c r="IK2202" s="127"/>
    </row>
    <row r="2203" spans="2:245" ht="13.5" thickBot="1" x14ac:dyDescent="0.25">
      <c r="B2203" s="43"/>
      <c r="C2203" s="73"/>
      <c r="D2203" s="64"/>
      <c r="E2203" s="64"/>
      <c r="F2203" s="55"/>
      <c r="G2203" s="102"/>
      <c r="H2203" s="55"/>
      <c r="I2203" s="55"/>
      <c r="J2203" s="55"/>
      <c r="K2203" s="55"/>
      <c r="L2203" s="55"/>
      <c r="M2203" s="55"/>
      <c r="N2203" s="55"/>
      <c r="O2203" s="55"/>
      <c r="P2203" s="55"/>
      <c r="Q2203" s="55"/>
      <c r="R2203" s="55"/>
      <c r="S2203" s="55"/>
      <c r="T2203" s="55"/>
      <c r="U2203" s="55"/>
      <c r="V2203" s="55"/>
      <c r="W2203" s="55"/>
      <c r="X2203" s="55"/>
      <c r="Y2203" s="55"/>
      <c r="Z2203" s="55"/>
      <c r="AA2203" s="55"/>
      <c r="AB2203" s="55"/>
      <c r="AC2203" s="55"/>
      <c r="AD2203" s="55"/>
      <c r="AE2203" s="55"/>
      <c r="AF2203" s="55"/>
      <c r="AG2203" s="55"/>
      <c r="AY2203" s="162"/>
      <c r="AZ2203" s="162"/>
      <c r="BA2203" s="162"/>
      <c r="BB2203" s="162"/>
      <c r="BC2203" s="162"/>
      <c r="BD2203" s="162"/>
      <c r="BE2203" s="162"/>
      <c r="BF2203" s="162"/>
      <c r="BG2203" s="162"/>
      <c r="BH2203" s="162"/>
      <c r="BI2203" s="162"/>
      <c r="BJ2203" s="162"/>
      <c r="BK2203" s="162"/>
      <c r="BL2203" s="162"/>
      <c r="BM2203" s="162"/>
      <c r="BN2203" s="162"/>
      <c r="BO2203" s="162"/>
      <c r="BP2203" s="162"/>
      <c r="BQ2203" s="162"/>
      <c r="BR2203" s="162"/>
      <c r="BS2203" s="162"/>
      <c r="BT2203" s="162"/>
      <c r="BU2203" s="162"/>
      <c r="BV2203" s="162"/>
      <c r="BW2203" s="162"/>
      <c r="BX2203" s="162"/>
      <c r="BY2203" s="162"/>
      <c r="BZ2203" s="162"/>
      <c r="CA2203" s="162"/>
      <c r="CB2203" s="162"/>
      <c r="CC2203" s="162"/>
      <c r="CD2203" s="162"/>
      <c r="CE2203" s="162"/>
      <c r="CF2203" s="162"/>
      <c r="CG2203" s="162"/>
      <c r="CH2203" s="162"/>
      <c r="CI2203" s="162"/>
      <c r="CJ2203" s="162"/>
      <c r="CK2203" s="162"/>
      <c r="CX2203" s="98"/>
      <c r="DL2203" s="97"/>
      <c r="DX2203" s="98"/>
      <c r="EL2203" s="97"/>
      <c r="EX2203" s="98"/>
      <c r="EY2203" s="97"/>
      <c r="FL2203" s="126"/>
      <c r="FM2203" s="91"/>
      <c r="FN2203" s="91"/>
      <c r="FO2203" s="91"/>
      <c r="FP2203" s="91"/>
      <c r="FQ2203" s="91"/>
      <c r="FR2203" s="91"/>
      <c r="FS2203" s="91"/>
      <c r="FT2203" s="91"/>
      <c r="FU2203" s="91"/>
      <c r="FV2203" s="91"/>
      <c r="FW2203" s="91"/>
      <c r="FX2203" s="91"/>
      <c r="FY2203" s="91"/>
      <c r="FZ2203" s="91"/>
      <c r="GA2203" s="91"/>
      <c r="GB2203" s="91"/>
      <c r="GC2203" s="91"/>
      <c r="GD2203" s="91"/>
      <c r="GE2203" s="91"/>
      <c r="GF2203" s="91"/>
      <c r="GG2203" s="91"/>
      <c r="GH2203" s="91"/>
      <c r="GI2203" s="91"/>
      <c r="GJ2203" s="91"/>
      <c r="GK2203" s="127"/>
      <c r="GL2203" s="126"/>
      <c r="GM2203" s="91"/>
      <c r="GN2203" s="91"/>
      <c r="GO2203" s="91"/>
      <c r="GP2203" s="91"/>
      <c r="GQ2203" s="91"/>
      <c r="GR2203" s="91"/>
      <c r="GS2203" s="91"/>
      <c r="GT2203" s="91"/>
      <c r="GU2203" s="91"/>
      <c r="GV2203" s="91"/>
      <c r="GW2203" s="91"/>
      <c r="GX2203" s="91"/>
      <c r="GY2203" s="91"/>
      <c r="GZ2203" s="91"/>
      <c r="HA2203" s="91"/>
      <c r="HB2203" s="91"/>
      <c r="HC2203" s="91"/>
      <c r="HD2203" s="91"/>
      <c r="HE2203" s="91"/>
      <c r="HF2203" s="91"/>
      <c r="HG2203" s="91"/>
      <c r="HH2203" s="91"/>
      <c r="HI2203" s="91"/>
      <c r="HJ2203" s="91"/>
      <c r="HK2203" s="127"/>
      <c r="HL2203" s="126"/>
      <c r="HM2203" s="91"/>
      <c r="HN2203" s="91"/>
      <c r="HO2203" s="91"/>
      <c r="HP2203" s="91"/>
      <c r="HQ2203" s="91"/>
      <c r="HR2203" s="91"/>
      <c r="HS2203" s="91"/>
      <c r="HT2203" s="91"/>
      <c r="HU2203" s="91"/>
      <c r="HV2203" s="91"/>
      <c r="HW2203" s="91"/>
      <c r="HX2203" s="91"/>
      <c r="HY2203" s="91"/>
      <c r="HZ2203" s="91"/>
      <c r="IA2203" s="91"/>
      <c r="IB2203" s="91"/>
      <c r="IC2203" s="91"/>
      <c r="ID2203" s="91"/>
      <c r="IE2203" s="91"/>
      <c r="IF2203" s="91"/>
      <c r="IG2203" s="91"/>
      <c r="IH2203" s="91"/>
      <c r="II2203" s="91"/>
      <c r="IJ2203" s="91"/>
      <c r="IK2203" s="127"/>
    </row>
    <row r="2204" spans="2:245" x14ac:dyDescent="0.2">
      <c r="B2204" s="43"/>
      <c r="C2204" s="73"/>
      <c r="D2204" s="64"/>
      <c r="E2204" s="64"/>
      <c r="F2204" s="55"/>
      <c r="G2204" s="102"/>
      <c r="H2204" s="55"/>
      <c r="I2204" s="55"/>
      <c r="J2204" s="55"/>
      <c r="K2204" s="55"/>
      <c r="L2204" s="55"/>
      <c r="M2204" s="55"/>
      <c r="N2204" s="55"/>
      <c r="O2204" s="55"/>
      <c r="P2204" s="55"/>
      <c r="Q2204" s="55"/>
      <c r="R2204" s="55"/>
      <c r="S2204" s="55"/>
      <c r="T2204" s="55"/>
      <c r="U2204" s="55"/>
      <c r="V2204" s="55"/>
      <c r="W2204" s="55"/>
      <c r="X2204" s="55"/>
      <c r="Y2204" s="55"/>
      <c r="Z2204" s="55"/>
      <c r="AA2204" s="55"/>
      <c r="AB2204" s="55"/>
      <c r="AC2204" s="55"/>
      <c r="AD2204" s="55"/>
      <c r="AE2204" s="55"/>
      <c r="AF2204" s="55"/>
      <c r="AG2204" s="55"/>
      <c r="AY2204" s="162"/>
      <c r="AZ2204" s="162"/>
      <c r="BA2204" s="162"/>
      <c r="BB2204" s="162"/>
      <c r="BC2204" s="162"/>
      <c r="BD2204" s="162"/>
      <c r="BE2204" s="162"/>
      <c r="BF2204" s="162"/>
      <c r="BG2204" s="162"/>
      <c r="BH2204" s="162"/>
      <c r="BI2204" s="162"/>
      <c r="BJ2204" s="162"/>
      <c r="BK2204" s="162"/>
      <c r="BL2204" s="162"/>
      <c r="BM2204" s="162"/>
      <c r="BN2204" s="162"/>
      <c r="BO2204" s="162"/>
      <c r="BP2204" s="162"/>
      <c r="BQ2204" s="162"/>
      <c r="BR2204" s="162"/>
      <c r="BS2204" s="162"/>
      <c r="BT2204" s="162"/>
      <c r="BU2204" s="162"/>
      <c r="BV2204" s="162"/>
      <c r="BW2204" s="162"/>
      <c r="BX2204" s="162"/>
      <c r="BY2204" s="162"/>
      <c r="BZ2204" s="162"/>
      <c r="CA2204" s="162"/>
      <c r="CB2204" s="162"/>
      <c r="CC2204" s="162"/>
      <c r="CD2204" s="162"/>
      <c r="CE2204" s="162"/>
      <c r="CF2204" s="162"/>
      <c r="CG2204" s="162"/>
      <c r="CH2204" s="162"/>
      <c r="CI2204" s="162"/>
      <c r="CJ2204" s="162"/>
      <c r="CK2204" s="162"/>
      <c r="CL2204" s="163"/>
      <c r="CM2204" s="163"/>
      <c r="CN2204" s="163"/>
      <c r="CO2204" s="163"/>
      <c r="CP2204" s="163"/>
      <c r="CQ2204" s="163"/>
      <c r="CR2204" s="163"/>
      <c r="CS2204" s="163"/>
      <c r="CT2204" s="163"/>
      <c r="CU2204" s="163"/>
      <c r="CV2204" s="163"/>
      <c r="CW2204" s="163"/>
      <c r="CX2204" s="173"/>
      <c r="CY2204" s="163"/>
      <c r="CZ2204" s="163"/>
      <c r="DA2204" s="163"/>
      <c r="DB2204" s="163"/>
      <c r="DC2204" s="163"/>
      <c r="DD2204" s="163"/>
      <c r="DE2204" s="163"/>
      <c r="DF2204" s="163"/>
      <c r="DG2204" s="163"/>
      <c r="DH2204" s="163"/>
      <c r="DI2204" s="163"/>
      <c r="DJ2204" s="163"/>
      <c r="DK2204" s="163"/>
      <c r="DL2204" s="172"/>
      <c r="DM2204" s="163"/>
      <c r="DN2204" s="163"/>
      <c r="DO2204" s="163"/>
      <c r="DP2204" s="163"/>
      <c r="DQ2204" s="163"/>
      <c r="DR2204" s="163"/>
      <c r="DS2204" s="163"/>
      <c r="DT2204" s="163"/>
      <c r="DU2204" s="163"/>
      <c r="DV2204" s="163"/>
      <c r="DW2204" s="163"/>
      <c r="DX2204" s="173"/>
      <c r="DY2204" s="163"/>
      <c r="DZ2204" s="163"/>
      <c r="EA2204" s="163"/>
      <c r="EB2204" s="163"/>
      <c r="EC2204" s="163"/>
      <c r="ED2204" s="163"/>
      <c r="EE2204" s="163"/>
      <c r="EF2204" s="163"/>
      <c r="EG2204" s="163"/>
      <c r="EH2204" s="163"/>
      <c r="EI2204" s="163"/>
      <c r="EJ2204" s="163"/>
      <c r="EK2204" s="163"/>
      <c r="EL2204" s="172"/>
      <c r="EM2204" s="163"/>
      <c r="EN2204" s="163"/>
      <c r="EO2204" s="163"/>
      <c r="EP2204" s="163"/>
      <c r="EQ2204" s="163"/>
      <c r="ER2204" s="163"/>
      <c r="ES2204" s="163"/>
      <c r="ET2204" s="163"/>
      <c r="EU2204" s="163"/>
      <c r="EV2204" s="163"/>
      <c r="EW2204" s="163"/>
      <c r="EX2204" s="173"/>
      <c r="EY2204" s="172"/>
      <c r="EZ2204" s="163"/>
      <c r="FA2204" s="163"/>
      <c r="FB2204" s="163"/>
      <c r="FC2204" s="163"/>
      <c r="FD2204" s="163"/>
      <c r="FE2204" s="163"/>
      <c r="FF2204" s="163"/>
      <c r="FG2204" s="163"/>
      <c r="FH2204" s="163"/>
      <c r="FI2204" s="163"/>
      <c r="FJ2204" s="163"/>
      <c r="FK2204" s="163"/>
      <c r="FL2204" s="126"/>
      <c r="FM2204" s="91"/>
      <c r="FN2204" s="91"/>
      <c r="FO2204" s="91"/>
      <c r="FP2204" s="91"/>
      <c r="FQ2204" s="91"/>
      <c r="FR2204" s="91"/>
      <c r="FS2204" s="91"/>
      <c r="FT2204" s="91"/>
      <c r="FU2204" s="91"/>
      <c r="FV2204" s="91"/>
      <c r="FW2204" s="91"/>
      <c r="FX2204" s="91"/>
      <c r="FY2204" s="91"/>
      <c r="FZ2204" s="91"/>
      <c r="GA2204" s="91"/>
      <c r="GB2204" s="91"/>
      <c r="GC2204" s="91"/>
      <c r="GD2204" s="91"/>
      <c r="GE2204" s="91"/>
      <c r="GF2204" s="91"/>
      <c r="GG2204" s="91"/>
      <c r="GH2204" s="91"/>
      <c r="GI2204" s="91"/>
      <c r="GJ2204" s="91"/>
      <c r="GK2204" s="127"/>
      <c r="GL2204" s="126"/>
      <c r="GM2204" s="91"/>
      <c r="GN2204" s="91"/>
      <c r="GO2204" s="91"/>
      <c r="GP2204" s="91"/>
      <c r="GQ2204" s="91"/>
      <c r="GR2204" s="91"/>
      <c r="GS2204" s="91"/>
      <c r="GT2204" s="91"/>
      <c r="GU2204" s="91"/>
      <c r="GV2204" s="91"/>
      <c r="GW2204" s="91"/>
      <c r="GX2204" s="91"/>
      <c r="GY2204" s="91"/>
      <c r="GZ2204" s="91"/>
      <c r="HA2204" s="91"/>
      <c r="HB2204" s="91"/>
      <c r="HC2204" s="91"/>
      <c r="HD2204" s="91"/>
      <c r="HE2204" s="91"/>
      <c r="HF2204" s="91"/>
      <c r="HG2204" s="91"/>
      <c r="HH2204" s="91"/>
      <c r="HI2204" s="91"/>
      <c r="HJ2204" s="91"/>
      <c r="HK2204" s="127"/>
      <c r="HL2204" s="126"/>
      <c r="HM2204" s="91"/>
      <c r="HN2204" s="91"/>
      <c r="HO2204" s="91"/>
      <c r="HP2204" s="91"/>
      <c r="HQ2204" s="91"/>
      <c r="HR2204" s="91"/>
      <c r="HS2204" s="91"/>
      <c r="HT2204" s="91"/>
      <c r="HU2204" s="91"/>
      <c r="HV2204" s="91"/>
      <c r="HW2204" s="91"/>
      <c r="HX2204" s="91"/>
      <c r="HY2204" s="91"/>
      <c r="HZ2204" s="91"/>
      <c r="IA2204" s="91"/>
      <c r="IB2204" s="91"/>
      <c r="IC2204" s="91"/>
      <c r="ID2204" s="91"/>
      <c r="IE2204" s="91"/>
      <c r="IF2204" s="91"/>
      <c r="IG2204" s="91"/>
      <c r="IH2204" s="91"/>
      <c r="II2204" s="91"/>
      <c r="IJ2204" s="91"/>
      <c r="IK2204" s="127"/>
    </row>
    <row r="2205" spans="2:245" x14ac:dyDescent="0.2">
      <c r="B2205" s="43"/>
      <c r="C2205" s="73"/>
      <c r="D2205" s="64"/>
      <c r="E2205" s="64"/>
      <c r="F2205" s="55"/>
      <c r="G2205" s="102"/>
      <c r="H2205" s="55"/>
      <c r="I2205" s="55"/>
      <c r="J2205" s="55"/>
      <c r="K2205" s="55"/>
      <c r="L2205" s="55"/>
      <c r="M2205" s="55"/>
      <c r="N2205" s="55"/>
      <c r="O2205" s="55"/>
      <c r="P2205" s="55"/>
      <c r="Q2205" s="55"/>
      <c r="R2205" s="55"/>
      <c r="S2205" s="55"/>
      <c r="T2205" s="55"/>
      <c r="U2205" s="55"/>
      <c r="V2205" s="55"/>
      <c r="W2205" s="55"/>
      <c r="X2205" s="55"/>
      <c r="Y2205" s="55"/>
      <c r="Z2205" s="55"/>
      <c r="AA2205" s="55"/>
      <c r="AB2205" s="55"/>
      <c r="AC2205" s="55"/>
      <c r="AD2205" s="55"/>
      <c r="AE2205" s="55"/>
      <c r="AF2205" s="55"/>
      <c r="AG2205" s="55"/>
      <c r="AY2205" s="162"/>
      <c r="AZ2205" s="162"/>
      <c r="BA2205" s="162"/>
      <c r="BB2205" s="162"/>
      <c r="BC2205" s="162"/>
      <c r="BD2205" s="162"/>
      <c r="BE2205" s="162"/>
      <c r="BF2205" s="162"/>
      <c r="BG2205" s="162"/>
      <c r="BH2205" s="162"/>
      <c r="BI2205" s="162"/>
      <c r="BJ2205" s="162"/>
      <c r="BK2205" s="162"/>
      <c r="BL2205" s="162"/>
      <c r="BM2205" s="162"/>
      <c r="BN2205" s="162"/>
      <c r="BO2205" s="162"/>
      <c r="BP2205" s="162"/>
      <c r="BQ2205" s="162"/>
      <c r="BR2205" s="162"/>
      <c r="BS2205" s="162"/>
      <c r="BT2205" s="162"/>
      <c r="BU2205" s="162"/>
      <c r="BV2205" s="162"/>
      <c r="BW2205" s="162"/>
      <c r="BX2205" s="162"/>
      <c r="BY2205" s="162"/>
      <c r="BZ2205" s="162"/>
      <c r="CA2205" s="162"/>
      <c r="CB2205" s="162"/>
      <c r="CC2205" s="162"/>
      <c r="CD2205" s="162"/>
      <c r="CE2205" s="162"/>
      <c r="CF2205" s="162"/>
      <c r="CG2205" s="162"/>
      <c r="CH2205" s="162"/>
      <c r="CI2205" s="162"/>
      <c r="CJ2205" s="162"/>
      <c r="CK2205" s="162"/>
      <c r="CX2205" s="98"/>
      <c r="DL2205" s="97"/>
      <c r="DX2205" s="98"/>
      <c r="EL2205" s="97"/>
      <c r="EX2205" s="98"/>
      <c r="EY2205" s="97"/>
      <c r="FL2205" s="126"/>
      <c r="FM2205" s="91"/>
      <c r="FN2205" s="91"/>
      <c r="FO2205" s="91"/>
      <c r="FP2205" s="91"/>
      <c r="FQ2205" s="91"/>
      <c r="FR2205" s="91"/>
      <c r="FS2205" s="91"/>
      <c r="FT2205" s="91"/>
      <c r="FU2205" s="91"/>
      <c r="FV2205" s="91"/>
      <c r="FW2205" s="91"/>
      <c r="FX2205" s="91"/>
      <c r="FY2205" s="91"/>
      <c r="FZ2205" s="91"/>
      <c r="GA2205" s="91"/>
      <c r="GB2205" s="91"/>
      <c r="GC2205" s="91"/>
      <c r="GD2205" s="91"/>
      <c r="GE2205" s="91"/>
      <c r="GF2205" s="91"/>
      <c r="GG2205" s="91"/>
      <c r="GH2205" s="91"/>
      <c r="GI2205" s="91"/>
      <c r="GJ2205" s="91"/>
      <c r="GK2205" s="127"/>
      <c r="GL2205" s="126"/>
      <c r="GM2205" s="91"/>
      <c r="GN2205" s="91"/>
      <c r="GO2205" s="91"/>
      <c r="GP2205" s="91"/>
      <c r="GQ2205" s="91"/>
      <c r="GR2205" s="91"/>
      <c r="GS2205" s="91"/>
      <c r="GT2205" s="91"/>
      <c r="GU2205" s="91"/>
      <c r="GV2205" s="91"/>
      <c r="GW2205" s="91"/>
      <c r="GX2205" s="91"/>
      <c r="GY2205" s="91"/>
      <c r="GZ2205" s="91"/>
      <c r="HA2205" s="91"/>
      <c r="HB2205" s="91"/>
      <c r="HC2205" s="91"/>
      <c r="HD2205" s="91"/>
      <c r="HE2205" s="91"/>
      <c r="HF2205" s="91"/>
      <c r="HG2205" s="91"/>
      <c r="HH2205" s="91"/>
      <c r="HI2205" s="91"/>
      <c r="HJ2205" s="91"/>
      <c r="HK2205" s="127"/>
      <c r="HL2205" s="126"/>
      <c r="HM2205" s="91"/>
      <c r="HN2205" s="91"/>
      <c r="HO2205" s="91"/>
      <c r="HP2205" s="91"/>
      <c r="HQ2205" s="91"/>
      <c r="HR2205" s="91"/>
      <c r="HS2205" s="91"/>
      <c r="HT2205" s="91"/>
      <c r="HU2205" s="91"/>
      <c r="HV2205" s="91"/>
      <c r="HW2205" s="91"/>
      <c r="HX2205" s="91"/>
      <c r="HY2205" s="91"/>
      <c r="HZ2205" s="91"/>
      <c r="IA2205" s="91"/>
      <c r="IB2205" s="91"/>
      <c r="IC2205" s="91"/>
      <c r="ID2205" s="91"/>
      <c r="IE2205" s="91"/>
      <c r="IF2205" s="91"/>
      <c r="IG2205" s="91"/>
      <c r="IH2205" s="91"/>
      <c r="II2205" s="91"/>
      <c r="IJ2205" s="91"/>
      <c r="IK2205" s="127"/>
    </row>
    <row r="2206" spans="2:245" x14ac:dyDescent="0.2">
      <c r="B2206" s="43"/>
      <c r="C2206" s="73"/>
      <c r="D2206" s="64"/>
      <c r="E2206" s="64"/>
      <c r="F2206" s="55"/>
      <c r="G2206" s="102"/>
      <c r="H2206" s="55"/>
      <c r="I2206" s="55"/>
      <c r="J2206" s="55"/>
      <c r="K2206" s="55"/>
      <c r="L2206" s="55"/>
      <c r="M2206" s="55"/>
      <c r="N2206" s="55"/>
      <c r="O2206" s="55"/>
      <c r="P2206" s="55"/>
      <c r="Q2206" s="55"/>
      <c r="R2206" s="55"/>
      <c r="S2206" s="55"/>
      <c r="T2206" s="55"/>
      <c r="U2206" s="55"/>
      <c r="V2206" s="55"/>
      <c r="W2206" s="55"/>
      <c r="X2206" s="55"/>
      <c r="Y2206" s="55"/>
      <c r="Z2206" s="55"/>
      <c r="AA2206" s="55"/>
      <c r="AB2206" s="55"/>
      <c r="AC2206" s="55"/>
      <c r="AD2206" s="55"/>
      <c r="AE2206" s="55"/>
      <c r="AF2206" s="55"/>
      <c r="AG2206" s="55"/>
      <c r="AY2206" s="162"/>
      <c r="AZ2206" s="162"/>
      <c r="BA2206" s="162"/>
      <c r="BB2206" s="162"/>
      <c r="BC2206" s="162"/>
      <c r="BD2206" s="162"/>
      <c r="BE2206" s="162"/>
      <c r="BF2206" s="162"/>
      <c r="BG2206" s="162"/>
      <c r="BH2206" s="162"/>
      <c r="BI2206" s="162"/>
      <c r="BJ2206" s="162"/>
      <c r="BK2206" s="162"/>
      <c r="BL2206" s="162"/>
      <c r="BM2206" s="162"/>
      <c r="BN2206" s="162"/>
      <c r="BO2206" s="162"/>
      <c r="BP2206" s="162"/>
      <c r="BQ2206" s="162"/>
      <c r="BR2206" s="162"/>
      <c r="BS2206" s="162"/>
      <c r="BT2206" s="162"/>
      <c r="BU2206" s="162"/>
      <c r="BV2206" s="162"/>
      <c r="BW2206" s="162"/>
      <c r="BX2206" s="162"/>
      <c r="BY2206" s="162"/>
      <c r="BZ2206" s="162"/>
      <c r="CA2206" s="162"/>
      <c r="CB2206" s="162"/>
      <c r="CC2206" s="162"/>
      <c r="CD2206" s="162"/>
      <c r="CE2206" s="162"/>
      <c r="CF2206" s="162"/>
      <c r="CG2206" s="162"/>
      <c r="CH2206" s="162"/>
      <c r="CI2206" s="162"/>
      <c r="CJ2206" s="162"/>
      <c r="CK2206" s="162"/>
      <c r="CX2206" s="98"/>
      <c r="DL2206" s="97"/>
      <c r="DX2206" s="98"/>
      <c r="EL2206" s="97"/>
      <c r="EX2206" s="98"/>
      <c r="EY2206" s="97"/>
      <c r="FL2206" s="126"/>
      <c r="FM2206" s="91"/>
      <c r="FN2206" s="91"/>
      <c r="FO2206" s="91"/>
      <c r="FP2206" s="91"/>
      <c r="FQ2206" s="91"/>
      <c r="FR2206" s="91"/>
      <c r="FS2206" s="91"/>
      <c r="FT2206" s="91"/>
      <c r="FU2206" s="91"/>
      <c r="FV2206" s="91"/>
      <c r="FW2206" s="91"/>
      <c r="FX2206" s="91"/>
      <c r="FY2206" s="91"/>
      <c r="FZ2206" s="91"/>
      <c r="GA2206" s="91"/>
      <c r="GB2206" s="91"/>
      <c r="GC2206" s="91"/>
      <c r="GD2206" s="91"/>
      <c r="GE2206" s="91"/>
      <c r="GF2206" s="91"/>
      <c r="GG2206" s="91"/>
      <c r="GH2206" s="91"/>
      <c r="GI2206" s="91"/>
      <c r="GJ2206" s="91"/>
      <c r="GK2206" s="127"/>
      <c r="GL2206" s="126"/>
      <c r="GM2206" s="91"/>
      <c r="GN2206" s="91"/>
      <c r="GO2206" s="91"/>
      <c r="GP2206" s="91"/>
      <c r="GQ2206" s="91"/>
      <c r="GR2206" s="91"/>
      <c r="GS2206" s="91"/>
      <c r="GT2206" s="91"/>
      <c r="GU2206" s="91"/>
      <c r="GV2206" s="91"/>
      <c r="GW2206" s="91"/>
      <c r="GX2206" s="91"/>
      <c r="GY2206" s="91"/>
      <c r="GZ2206" s="91"/>
      <c r="HA2206" s="91"/>
      <c r="HB2206" s="91"/>
      <c r="HC2206" s="91"/>
      <c r="HD2206" s="91"/>
      <c r="HE2206" s="91"/>
      <c r="HF2206" s="91"/>
      <c r="HG2206" s="91"/>
      <c r="HH2206" s="91"/>
      <c r="HI2206" s="91"/>
      <c r="HJ2206" s="91"/>
      <c r="HK2206" s="127"/>
      <c r="HL2206" s="126"/>
      <c r="HM2206" s="91"/>
      <c r="HN2206" s="91"/>
      <c r="HO2206" s="91"/>
      <c r="HP2206" s="91"/>
      <c r="HQ2206" s="91"/>
      <c r="HR2206" s="91"/>
      <c r="HS2206" s="91"/>
      <c r="HT2206" s="91"/>
      <c r="HU2206" s="91"/>
      <c r="HV2206" s="91"/>
      <c r="HW2206" s="91"/>
      <c r="HX2206" s="91"/>
      <c r="HY2206" s="91"/>
      <c r="HZ2206" s="91"/>
      <c r="IA2206" s="91"/>
      <c r="IB2206" s="91"/>
      <c r="IC2206" s="91"/>
      <c r="ID2206" s="91"/>
      <c r="IE2206" s="91"/>
      <c r="IF2206" s="91"/>
      <c r="IG2206" s="91"/>
      <c r="IH2206" s="91"/>
      <c r="II2206" s="91"/>
      <c r="IJ2206" s="91"/>
      <c r="IK2206" s="127"/>
    </row>
    <row r="2207" spans="2:245" x14ac:dyDescent="0.2">
      <c r="B2207" s="43"/>
      <c r="C2207" s="73"/>
      <c r="D2207" s="64"/>
      <c r="E2207" s="64"/>
      <c r="F2207" s="55"/>
      <c r="G2207" s="102"/>
      <c r="H2207" s="55"/>
      <c r="I2207" s="55"/>
      <c r="J2207" s="55"/>
      <c r="K2207" s="55"/>
      <c r="L2207" s="55"/>
      <c r="M2207" s="55"/>
      <c r="N2207" s="55"/>
      <c r="O2207" s="55"/>
      <c r="P2207" s="55"/>
      <c r="Q2207" s="55"/>
      <c r="R2207" s="55"/>
      <c r="S2207" s="55"/>
      <c r="T2207" s="55"/>
      <c r="U2207" s="55"/>
      <c r="V2207" s="55"/>
      <c r="W2207" s="55"/>
      <c r="X2207" s="55"/>
      <c r="Y2207" s="55"/>
      <c r="Z2207" s="55"/>
      <c r="AA2207" s="55"/>
      <c r="AB2207" s="55"/>
      <c r="AC2207" s="55"/>
      <c r="AD2207" s="55"/>
      <c r="AE2207" s="55"/>
      <c r="AF2207" s="55"/>
      <c r="AG2207" s="55"/>
      <c r="AY2207" s="162"/>
      <c r="AZ2207" s="162"/>
      <c r="BA2207" s="162"/>
      <c r="BB2207" s="162"/>
      <c r="BC2207" s="162"/>
      <c r="BD2207" s="162"/>
      <c r="BE2207" s="162"/>
      <c r="BF2207" s="162"/>
      <c r="BG2207" s="162"/>
      <c r="BH2207" s="162"/>
      <c r="BI2207" s="162"/>
      <c r="BJ2207" s="162"/>
      <c r="BK2207" s="162"/>
      <c r="BL2207" s="162"/>
      <c r="BM2207" s="162"/>
      <c r="BN2207" s="162"/>
      <c r="BO2207" s="162"/>
      <c r="BP2207" s="162"/>
      <c r="BQ2207" s="162"/>
      <c r="BR2207" s="162"/>
      <c r="BS2207" s="162"/>
      <c r="BT2207" s="162"/>
      <c r="BU2207" s="162"/>
      <c r="BV2207" s="162"/>
      <c r="BW2207" s="162"/>
      <c r="BX2207" s="162"/>
      <c r="BY2207" s="162"/>
      <c r="BZ2207" s="162"/>
      <c r="CA2207" s="162"/>
      <c r="CB2207" s="162"/>
      <c r="CC2207" s="162"/>
      <c r="CD2207" s="162"/>
      <c r="CE2207" s="162"/>
      <c r="CF2207" s="162"/>
      <c r="CG2207" s="162"/>
      <c r="CH2207" s="162"/>
      <c r="CI2207" s="162"/>
      <c r="CJ2207" s="162"/>
      <c r="CK2207" s="162"/>
      <c r="CX2207" s="98"/>
      <c r="DL2207" s="97"/>
      <c r="DX2207" s="98"/>
      <c r="EL2207" s="97"/>
      <c r="EX2207" s="98"/>
      <c r="EY2207" s="97"/>
      <c r="FL2207" s="126"/>
      <c r="FM2207" s="91"/>
      <c r="FN2207" s="91"/>
      <c r="FO2207" s="91"/>
      <c r="FP2207" s="91"/>
      <c r="FQ2207" s="91"/>
      <c r="FR2207" s="91"/>
      <c r="FS2207" s="91"/>
      <c r="FT2207" s="91"/>
      <c r="FU2207" s="91"/>
      <c r="FV2207" s="91"/>
      <c r="FW2207" s="91"/>
      <c r="FX2207" s="91"/>
      <c r="FY2207" s="91"/>
      <c r="FZ2207" s="91"/>
      <c r="GA2207" s="91"/>
      <c r="GB2207" s="91"/>
      <c r="GC2207" s="91"/>
      <c r="GD2207" s="91"/>
      <c r="GE2207" s="91"/>
      <c r="GF2207" s="91"/>
      <c r="GG2207" s="91"/>
      <c r="GH2207" s="91"/>
      <c r="GI2207" s="91"/>
      <c r="GJ2207" s="91"/>
      <c r="GK2207" s="127"/>
      <c r="GL2207" s="126"/>
      <c r="GM2207" s="91"/>
      <c r="GN2207" s="91"/>
      <c r="GO2207" s="91"/>
      <c r="GP2207" s="91"/>
      <c r="GQ2207" s="91"/>
      <c r="GR2207" s="91"/>
      <c r="GS2207" s="91"/>
      <c r="GT2207" s="91"/>
      <c r="GU2207" s="91"/>
      <c r="GV2207" s="91"/>
      <c r="GW2207" s="91"/>
      <c r="GX2207" s="91"/>
      <c r="GY2207" s="91"/>
      <c r="GZ2207" s="91"/>
      <c r="HA2207" s="91"/>
      <c r="HB2207" s="91"/>
      <c r="HC2207" s="91"/>
      <c r="HD2207" s="91"/>
      <c r="HE2207" s="91"/>
      <c r="HF2207" s="91"/>
      <c r="HG2207" s="91"/>
      <c r="HH2207" s="91"/>
      <c r="HI2207" s="91"/>
      <c r="HJ2207" s="91"/>
      <c r="HK2207" s="127"/>
      <c r="HL2207" s="126"/>
      <c r="HM2207" s="91"/>
      <c r="HN2207" s="91"/>
      <c r="HO2207" s="91"/>
      <c r="HP2207" s="91"/>
      <c r="HQ2207" s="91"/>
      <c r="HR2207" s="91"/>
      <c r="HS2207" s="91"/>
      <c r="HT2207" s="91"/>
      <c r="HU2207" s="91"/>
      <c r="HV2207" s="91"/>
      <c r="HW2207" s="91"/>
      <c r="HX2207" s="91"/>
      <c r="HY2207" s="91"/>
      <c r="HZ2207" s="91"/>
      <c r="IA2207" s="91"/>
      <c r="IB2207" s="91"/>
      <c r="IC2207" s="91"/>
      <c r="ID2207" s="91"/>
      <c r="IE2207" s="91"/>
      <c r="IF2207" s="91"/>
      <c r="IG2207" s="91"/>
      <c r="IH2207" s="91"/>
      <c r="II2207" s="91"/>
      <c r="IJ2207" s="91"/>
      <c r="IK2207" s="127"/>
    </row>
    <row r="2208" spans="2:245" x14ac:dyDescent="0.2">
      <c r="B2208" s="43"/>
      <c r="C2208" s="73"/>
      <c r="D2208" s="64"/>
      <c r="E2208" s="64"/>
      <c r="F2208" s="55"/>
      <c r="G2208" s="102"/>
      <c r="H2208" s="55"/>
      <c r="I2208" s="55"/>
      <c r="J2208" s="55"/>
      <c r="K2208" s="55"/>
      <c r="L2208" s="55"/>
      <c r="M2208" s="55"/>
      <c r="N2208" s="55"/>
      <c r="O2208" s="55"/>
      <c r="P2208" s="55"/>
      <c r="Q2208" s="55"/>
      <c r="R2208" s="55"/>
      <c r="S2208" s="55"/>
      <c r="T2208" s="55"/>
      <c r="U2208" s="55"/>
      <c r="V2208" s="55"/>
      <c r="W2208" s="55"/>
      <c r="X2208" s="55"/>
      <c r="Y2208" s="55"/>
      <c r="Z2208" s="55"/>
      <c r="AA2208" s="55"/>
      <c r="AB2208" s="55"/>
      <c r="AC2208" s="55"/>
      <c r="AD2208" s="55"/>
      <c r="AE2208" s="55"/>
      <c r="AF2208" s="55"/>
      <c r="AG2208" s="55"/>
      <c r="AY2208" s="162"/>
      <c r="AZ2208" s="162"/>
      <c r="BA2208" s="162"/>
      <c r="BB2208" s="162"/>
      <c r="BC2208" s="162"/>
      <c r="BD2208" s="162"/>
      <c r="BE2208" s="162"/>
      <c r="BF2208" s="162"/>
      <c r="BG2208" s="162"/>
      <c r="BH2208" s="162"/>
      <c r="BI2208" s="162"/>
      <c r="BJ2208" s="162"/>
      <c r="BK2208" s="162"/>
      <c r="BL2208" s="162"/>
      <c r="BM2208" s="162"/>
      <c r="BN2208" s="162"/>
      <c r="BO2208" s="162"/>
      <c r="BP2208" s="162"/>
      <c r="BQ2208" s="162"/>
      <c r="BR2208" s="162"/>
      <c r="BS2208" s="162"/>
      <c r="BT2208" s="162"/>
      <c r="BU2208" s="162"/>
      <c r="BV2208" s="162"/>
      <c r="BW2208" s="162"/>
      <c r="BX2208" s="162"/>
      <c r="BY2208" s="162"/>
      <c r="BZ2208" s="162"/>
      <c r="CA2208" s="162"/>
      <c r="CB2208" s="162"/>
      <c r="CC2208" s="162"/>
      <c r="CD2208" s="162"/>
      <c r="CE2208" s="162"/>
      <c r="CF2208" s="162"/>
      <c r="CG2208" s="162"/>
      <c r="CH2208" s="162"/>
      <c r="CI2208" s="162"/>
      <c r="CJ2208" s="162"/>
      <c r="CK2208" s="162"/>
      <c r="CX2208" s="98"/>
      <c r="DL2208" s="97"/>
      <c r="DX2208" s="98"/>
      <c r="EL2208" s="97"/>
      <c r="EX2208" s="98"/>
      <c r="EY2208" s="97"/>
      <c r="FL2208" s="126"/>
      <c r="FM2208" s="91"/>
      <c r="FN2208" s="91"/>
      <c r="FO2208" s="91"/>
      <c r="FP2208" s="91"/>
      <c r="FQ2208" s="91"/>
      <c r="FR2208" s="91"/>
      <c r="FS2208" s="91"/>
      <c r="FT2208" s="91"/>
      <c r="FU2208" s="91"/>
      <c r="FV2208" s="91"/>
      <c r="FW2208" s="91"/>
      <c r="FX2208" s="91"/>
      <c r="FY2208" s="91"/>
      <c r="FZ2208" s="91"/>
      <c r="GA2208" s="91"/>
      <c r="GB2208" s="91"/>
      <c r="GC2208" s="91"/>
      <c r="GD2208" s="91"/>
      <c r="GE2208" s="91"/>
      <c r="GF2208" s="91"/>
      <c r="GG2208" s="91"/>
      <c r="GH2208" s="91"/>
      <c r="GI2208" s="91"/>
      <c r="GJ2208" s="91"/>
      <c r="GK2208" s="127"/>
      <c r="GL2208" s="126"/>
      <c r="GM2208" s="91"/>
      <c r="GN2208" s="91"/>
      <c r="GO2208" s="91"/>
      <c r="GP2208" s="91"/>
      <c r="GQ2208" s="91"/>
      <c r="GR2208" s="91"/>
      <c r="GS2208" s="91"/>
      <c r="GT2208" s="91"/>
      <c r="GU2208" s="91"/>
      <c r="GV2208" s="91"/>
      <c r="GW2208" s="91"/>
      <c r="GX2208" s="91"/>
      <c r="GY2208" s="91"/>
      <c r="GZ2208" s="91"/>
      <c r="HA2208" s="91"/>
      <c r="HB2208" s="91"/>
      <c r="HC2208" s="91"/>
      <c r="HD2208" s="91"/>
      <c r="HE2208" s="91"/>
      <c r="HF2208" s="91"/>
      <c r="HG2208" s="91"/>
      <c r="HH2208" s="91"/>
      <c r="HI2208" s="91"/>
      <c r="HJ2208" s="91"/>
      <c r="HK2208" s="127"/>
      <c r="HL2208" s="126"/>
      <c r="HM2208" s="91"/>
      <c r="HN2208" s="91"/>
      <c r="HO2208" s="91"/>
      <c r="HP2208" s="91"/>
      <c r="HQ2208" s="91"/>
      <c r="HR2208" s="91"/>
      <c r="HS2208" s="91"/>
      <c r="HT2208" s="91"/>
      <c r="HU2208" s="91"/>
      <c r="HV2208" s="91"/>
      <c r="HW2208" s="91"/>
      <c r="HX2208" s="91"/>
      <c r="HY2208" s="91"/>
      <c r="HZ2208" s="91"/>
      <c r="IA2208" s="91"/>
      <c r="IB2208" s="91"/>
      <c r="IC2208" s="91"/>
      <c r="ID2208" s="91"/>
      <c r="IE2208" s="91"/>
      <c r="IF2208" s="91"/>
      <c r="IG2208" s="91"/>
      <c r="IH2208" s="91"/>
      <c r="II2208" s="91"/>
      <c r="IJ2208" s="91"/>
      <c r="IK2208" s="127"/>
    </row>
    <row r="2209" spans="2:245" x14ac:dyDescent="0.2">
      <c r="B2209" s="43"/>
      <c r="C2209" s="73"/>
      <c r="D2209" s="64"/>
      <c r="E2209" s="64"/>
      <c r="F2209" s="55"/>
      <c r="G2209" s="102"/>
      <c r="H2209" s="55"/>
      <c r="I2209" s="55"/>
      <c r="J2209" s="55"/>
      <c r="K2209" s="55"/>
      <c r="L2209" s="55"/>
      <c r="M2209" s="55"/>
      <c r="N2209" s="55"/>
      <c r="O2209" s="55"/>
      <c r="P2209" s="55"/>
      <c r="Q2209" s="55"/>
      <c r="R2209" s="55"/>
      <c r="S2209" s="55"/>
      <c r="T2209" s="55"/>
      <c r="U2209" s="55"/>
      <c r="V2209" s="55"/>
      <c r="W2209" s="55"/>
      <c r="X2209" s="55"/>
      <c r="Y2209" s="55"/>
      <c r="Z2209" s="55"/>
      <c r="AA2209" s="55"/>
      <c r="AB2209" s="55"/>
      <c r="AC2209" s="55"/>
      <c r="AD2209" s="55"/>
      <c r="AE2209" s="55"/>
      <c r="AF2209" s="55"/>
      <c r="AG2209" s="55"/>
      <c r="AY2209" s="162"/>
      <c r="AZ2209" s="162"/>
      <c r="BA2209" s="162"/>
      <c r="BB2209" s="162"/>
      <c r="BC2209" s="162"/>
      <c r="BD2209" s="162"/>
      <c r="BE2209" s="162"/>
      <c r="BF2209" s="162"/>
      <c r="BG2209" s="162"/>
      <c r="BH2209" s="162"/>
      <c r="BI2209" s="162"/>
      <c r="BJ2209" s="162"/>
      <c r="BK2209" s="162"/>
      <c r="BL2209" s="162"/>
      <c r="BM2209" s="162"/>
      <c r="BN2209" s="162"/>
      <c r="BO2209" s="162"/>
      <c r="BP2209" s="162"/>
      <c r="BQ2209" s="162"/>
      <c r="BR2209" s="162"/>
      <c r="BS2209" s="162"/>
      <c r="BT2209" s="162"/>
      <c r="BU2209" s="162"/>
      <c r="BV2209" s="162"/>
      <c r="BW2209" s="162"/>
      <c r="BX2209" s="162"/>
      <c r="BY2209" s="162"/>
      <c r="BZ2209" s="162"/>
      <c r="CA2209" s="162"/>
      <c r="CB2209" s="162"/>
      <c r="CC2209" s="162"/>
      <c r="CD2209" s="162"/>
      <c r="CE2209" s="162"/>
      <c r="CF2209" s="162"/>
      <c r="CG2209" s="162"/>
      <c r="CH2209" s="162"/>
      <c r="CI2209" s="162"/>
      <c r="CJ2209" s="162"/>
      <c r="CK2209" s="162"/>
      <c r="CX2209" s="98"/>
      <c r="DL2209" s="97"/>
      <c r="DX2209" s="98"/>
      <c r="EL2209" s="97"/>
      <c r="EX2209" s="98"/>
      <c r="EY2209" s="97"/>
      <c r="FL2209" s="126"/>
      <c r="FM2209" s="91"/>
      <c r="FN2209" s="91"/>
      <c r="FO2209" s="91"/>
      <c r="FP2209" s="91"/>
      <c r="FQ2209" s="91"/>
      <c r="FR2209" s="91"/>
      <c r="FS2209" s="91"/>
      <c r="FT2209" s="91"/>
      <c r="FU2209" s="91"/>
      <c r="FV2209" s="91"/>
      <c r="FW2209" s="91"/>
      <c r="FX2209" s="91"/>
      <c r="FY2209" s="91"/>
      <c r="FZ2209" s="91"/>
      <c r="GA2209" s="91"/>
      <c r="GB2209" s="91"/>
      <c r="GC2209" s="91"/>
      <c r="GD2209" s="91"/>
      <c r="GE2209" s="91"/>
      <c r="GF2209" s="91"/>
      <c r="GG2209" s="91"/>
      <c r="GH2209" s="91"/>
      <c r="GI2209" s="91"/>
      <c r="GJ2209" s="91"/>
      <c r="GK2209" s="127"/>
      <c r="GL2209" s="126"/>
      <c r="GM2209" s="91"/>
      <c r="GN2209" s="91"/>
      <c r="GO2209" s="91"/>
      <c r="GP2209" s="91"/>
      <c r="GQ2209" s="91"/>
      <c r="GR2209" s="91"/>
      <c r="GS2209" s="91"/>
      <c r="GT2209" s="91"/>
      <c r="GU2209" s="91"/>
      <c r="GV2209" s="91"/>
      <c r="GW2209" s="91"/>
      <c r="GX2209" s="91"/>
      <c r="GY2209" s="91"/>
      <c r="GZ2209" s="91"/>
      <c r="HA2209" s="91"/>
      <c r="HB2209" s="91"/>
      <c r="HC2209" s="91"/>
      <c r="HD2209" s="91"/>
      <c r="HE2209" s="91"/>
      <c r="HF2209" s="91"/>
      <c r="HG2209" s="91"/>
      <c r="HH2209" s="91"/>
      <c r="HI2209" s="91"/>
      <c r="HJ2209" s="91"/>
      <c r="HK2209" s="127"/>
      <c r="HL2209" s="126"/>
      <c r="HM2209" s="91"/>
      <c r="HN2209" s="91"/>
      <c r="HO2209" s="91"/>
      <c r="HP2209" s="91"/>
      <c r="HQ2209" s="91"/>
      <c r="HR2209" s="91"/>
      <c r="HS2209" s="91"/>
      <c r="HT2209" s="91"/>
      <c r="HU2209" s="91"/>
      <c r="HV2209" s="91"/>
      <c r="HW2209" s="91"/>
      <c r="HX2209" s="91"/>
      <c r="HY2209" s="91"/>
      <c r="HZ2209" s="91"/>
      <c r="IA2209" s="91"/>
      <c r="IB2209" s="91"/>
      <c r="IC2209" s="91"/>
      <c r="ID2209" s="91"/>
      <c r="IE2209" s="91"/>
      <c r="IF2209" s="91"/>
      <c r="IG2209" s="91"/>
      <c r="IH2209" s="91"/>
      <c r="II2209" s="91"/>
      <c r="IJ2209" s="91"/>
      <c r="IK2209" s="127"/>
    </row>
    <row r="2210" spans="2:245" x14ac:dyDescent="0.2">
      <c r="B2210" s="43"/>
      <c r="C2210" s="73"/>
      <c r="D2210" s="64"/>
      <c r="E2210" s="64"/>
      <c r="F2210" s="55"/>
      <c r="G2210" s="102"/>
      <c r="H2210" s="55"/>
      <c r="I2210" s="55"/>
      <c r="J2210" s="55"/>
      <c r="K2210" s="55"/>
      <c r="L2210" s="55"/>
      <c r="M2210" s="55"/>
      <c r="N2210" s="55"/>
      <c r="O2210" s="55"/>
      <c r="P2210" s="55"/>
      <c r="Q2210" s="55"/>
      <c r="R2210" s="55"/>
      <c r="S2210" s="55"/>
      <c r="T2210" s="55"/>
      <c r="U2210" s="55"/>
      <c r="V2210" s="55"/>
      <c r="W2210" s="55"/>
      <c r="X2210" s="55"/>
      <c r="Y2210" s="55"/>
      <c r="Z2210" s="55"/>
      <c r="AA2210" s="55"/>
      <c r="AB2210" s="55"/>
      <c r="AC2210" s="55"/>
      <c r="AD2210" s="55"/>
      <c r="AE2210" s="55"/>
      <c r="AF2210" s="55"/>
      <c r="AG2210" s="55"/>
      <c r="AY2210" s="162"/>
      <c r="AZ2210" s="162"/>
      <c r="BA2210" s="162"/>
      <c r="BB2210" s="162"/>
      <c r="BC2210" s="162"/>
      <c r="BD2210" s="162"/>
      <c r="BE2210" s="162"/>
      <c r="BF2210" s="162"/>
      <c r="BG2210" s="162"/>
      <c r="BH2210" s="162"/>
      <c r="BI2210" s="162"/>
      <c r="BJ2210" s="162"/>
      <c r="BK2210" s="162"/>
      <c r="BL2210" s="162"/>
      <c r="BM2210" s="162"/>
      <c r="BN2210" s="162"/>
      <c r="BO2210" s="162"/>
      <c r="BP2210" s="162"/>
      <c r="BQ2210" s="162"/>
      <c r="BR2210" s="162"/>
      <c r="BS2210" s="162"/>
      <c r="BT2210" s="162"/>
      <c r="BU2210" s="162"/>
      <c r="BV2210" s="162"/>
      <c r="BW2210" s="162"/>
      <c r="BX2210" s="162"/>
      <c r="BY2210" s="162"/>
      <c r="BZ2210" s="162"/>
      <c r="CA2210" s="162"/>
      <c r="CB2210" s="162"/>
      <c r="CC2210" s="162"/>
      <c r="CD2210" s="162"/>
      <c r="CE2210" s="162"/>
      <c r="CF2210" s="162"/>
      <c r="CG2210" s="162"/>
      <c r="CH2210" s="162"/>
      <c r="CI2210" s="162"/>
      <c r="CJ2210" s="162"/>
      <c r="CK2210" s="162"/>
      <c r="CX2210" s="98"/>
      <c r="DL2210" s="97"/>
      <c r="DX2210" s="98"/>
      <c r="EL2210" s="97"/>
      <c r="EX2210" s="98"/>
      <c r="EY2210" s="97"/>
      <c r="FL2210" s="126"/>
      <c r="FM2210" s="91"/>
      <c r="FN2210" s="91"/>
      <c r="FO2210" s="91"/>
      <c r="FP2210" s="91"/>
      <c r="FQ2210" s="91"/>
      <c r="FR2210" s="91"/>
      <c r="FS2210" s="91"/>
      <c r="FT2210" s="91"/>
      <c r="FU2210" s="91"/>
      <c r="FV2210" s="91"/>
      <c r="FW2210" s="91"/>
      <c r="FX2210" s="91"/>
      <c r="FY2210" s="91"/>
      <c r="FZ2210" s="91"/>
      <c r="GA2210" s="91"/>
      <c r="GB2210" s="91"/>
      <c r="GC2210" s="91"/>
      <c r="GD2210" s="91"/>
      <c r="GE2210" s="91"/>
      <c r="GF2210" s="91"/>
      <c r="GG2210" s="91"/>
      <c r="GH2210" s="91"/>
      <c r="GI2210" s="91"/>
      <c r="GJ2210" s="91"/>
      <c r="GK2210" s="127"/>
      <c r="GL2210" s="126"/>
      <c r="GM2210" s="91"/>
      <c r="GN2210" s="91"/>
      <c r="GO2210" s="91"/>
      <c r="GP2210" s="91"/>
      <c r="GQ2210" s="91"/>
      <c r="GR2210" s="91"/>
      <c r="GS2210" s="91"/>
      <c r="GT2210" s="91"/>
      <c r="GU2210" s="91"/>
      <c r="GV2210" s="91"/>
      <c r="GW2210" s="91"/>
      <c r="GX2210" s="91"/>
      <c r="GY2210" s="91"/>
      <c r="GZ2210" s="91"/>
      <c r="HA2210" s="91"/>
      <c r="HB2210" s="91"/>
      <c r="HC2210" s="91"/>
      <c r="HD2210" s="91"/>
      <c r="HE2210" s="91"/>
      <c r="HF2210" s="91"/>
      <c r="HG2210" s="91"/>
      <c r="HH2210" s="91"/>
      <c r="HI2210" s="91"/>
      <c r="HJ2210" s="91"/>
      <c r="HK2210" s="127"/>
      <c r="HL2210" s="126"/>
      <c r="HM2210" s="91"/>
      <c r="HN2210" s="91"/>
      <c r="HO2210" s="91"/>
      <c r="HP2210" s="91"/>
      <c r="HQ2210" s="91"/>
      <c r="HR2210" s="91"/>
      <c r="HS2210" s="91"/>
      <c r="HT2210" s="91"/>
      <c r="HU2210" s="91"/>
      <c r="HV2210" s="91"/>
      <c r="HW2210" s="91"/>
      <c r="HX2210" s="91"/>
      <c r="HY2210" s="91"/>
      <c r="HZ2210" s="91"/>
      <c r="IA2210" s="91"/>
      <c r="IB2210" s="91"/>
      <c r="IC2210" s="91"/>
      <c r="ID2210" s="91"/>
      <c r="IE2210" s="91"/>
      <c r="IF2210" s="91"/>
      <c r="IG2210" s="91"/>
      <c r="IH2210" s="91"/>
      <c r="II2210" s="91"/>
      <c r="IJ2210" s="91"/>
      <c r="IK2210" s="127"/>
    </row>
    <row r="2211" spans="2:245" x14ac:dyDescent="0.2">
      <c r="B2211" s="43"/>
      <c r="C2211" s="73"/>
      <c r="D2211" s="64"/>
      <c r="E2211" s="64"/>
      <c r="F2211" s="55"/>
      <c r="G2211" s="102"/>
      <c r="H2211" s="55"/>
      <c r="I2211" s="55"/>
      <c r="J2211" s="55"/>
      <c r="K2211" s="55"/>
      <c r="L2211" s="55"/>
      <c r="M2211" s="55"/>
      <c r="N2211" s="55"/>
      <c r="O2211" s="55"/>
      <c r="P2211" s="55"/>
      <c r="Q2211" s="55"/>
      <c r="R2211" s="55"/>
      <c r="S2211" s="55"/>
      <c r="T2211" s="55"/>
      <c r="U2211" s="55"/>
      <c r="V2211" s="55"/>
      <c r="W2211" s="55"/>
      <c r="X2211" s="55"/>
      <c r="Y2211" s="55"/>
      <c r="Z2211" s="55"/>
      <c r="AA2211" s="55"/>
      <c r="AB2211" s="55"/>
      <c r="AC2211" s="55"/>
      <c r="AD2211" s="55"/>
      <c r="AE2211" s="55"/>
      <c r="AF2211" s="55"/>
      <c r="AG2211" s="55"/>
      <c r="AY2211" s="162"/>
      <c r="AZ2211" s="162"/>
      <c r="BA2211" s="162"/>
      <c r="BB2211" s="162"/>
      <c r="BC2211" s="162"/>
      <c r="BD2211" s="162"/>
      <c r="BE2211" s="162"/>
      <c r="BF2211" s="162"/>
      <c r="BG2211" s="162"/>
      <c r="BH2211" s="162"/>
      <c r="BI2211" s="162"/>
      <c r="BJ2211" s="162"/>
      <c r="BK2211" s="162"/>
      <c r="BL2211" s="162"/>
      <c r="BM2211" s="162"/>
      <c r="BN2211" s="162"/>
      <c r="BO2211" s="162"/>
      <c r="BP2211" s="162"/>
      <c r="BQ2211" s="162"/>
      <c r="BR2211" s="162"/>
      <c r="BS2211" s="162"/>
      <c r="BT2211" s="162"/>
      <c r="BU2211" s="162"/>
      <c r="BV2211" s="162"/>
      <c r="BW2211" s="162"/>
      <c r="BX2211" s="162"/>
      <c r="BY2211" s="162"/>
      <c r="BZ2211" s="162"/>
      <c r="CA2211" s="162"/>
      <c r="CB2211" s="162"/>
      <c r="CC2211" s="162"/>
      <c r="CD2211" s="162"/>
      <c r="CE2211" s="162"/>
      <c r="CF2211" s="162"/>
      <c r="CG2211" s="162"/>
      <c r="CH2211" s="162"/>
      <c r="CI2211" s="162"/>
      <c r="CJ2211" s="162"/>
      <c r="CK2211" s="162"/>
      <c r="CX2211" s="98"/>
      <c r="DL2211" s="97"/>
      <c r="DX2211" s="98"/>
      <c r="EL2211" s="97"/>
      <c r="EX2211" s="98"/>
      <c r="EY2211" s="97"/>
      <c r="FL2211" s="126"/>
      <c r="FM2211" s="91"/>
      <c r="FN2211" s="91"/>
      <c r="FO2211" s="91"/>
      <c r="FP2211" s="91"/>
      <c r="FQ2211" s="91"/>
      <c r="FR2211" s="91"/>
      <c r="FS2211" s="91"/>
      <c r="FT2211" s="91"/>
      <c r="FU2211" s="91"/>
      <c r="FV2211" s="91"/>
      <c r="FW2211" s="91"/>
      <c r="FX2211" s="91"/>
      <c r="FY2211" s="91"/>
      <c r="FZ2211" s="91"/>
      <c r="GA2211" s="91"/>
      <c r="GB2211" s="91"/>
      <c r="GC2211" s="91"/>
      <c r="GD2211" s="91"/>
      <c r="GE2211" s="91"/>
      <c r="GF2211" s="91"/>
      <c r="GG2211" s="91"/>
      <c r="GH2211" s="91"/>
      <c r="GI2211" s="91"/>
      <c r="GJ2211" s="91"/>
      <c r="GK2211" s="127"/>
      <c r="GL2211" s="126"/>
      <c r="GM2211" s="91"/>
      <c r="GN2211" s="91"/>
      <c r="GO2211" s="91"/>
      <c r="GP2211" s="91"/>
      <c r="GQ2211" s="91"/>
      <c r="GR2211" s="91"/>
      <c r="GS2211" s="91"/>
      <c r="GT2211" s="91"/>
      <c r="GU2211" s="91"/>
      <c r="GV2211" s="91"/>
      <c r="GW2211" s="91"/>
      <c r="GX2211" s="91"/>
      <c r="GY2211" s="91"/>
      <c r="GZ2211" s="91"/>
      <c r="HA2211" s="91"/>
      <c r="HB2211" s="91"/>
      <c r="HC2211" s="91"/>
      <c r="HD2211" s="91"/>
      <c r="HE2211" s="91"/>
      <c r="HF2211" s="91"/>
      <c r="HG2211" s="91"/>
      <c r="HH2211" s="91"/>
      <c r="HI2211" s="91"/>
      <c r="HJ2211" s="91"/>
      <c r="HK2211" s="127"/>
      <c r="HL2211" s="126"/>
      <c r="HM2211" s="91"/>
      <c r="HN2211" s="91"/>
      <c r="HO2211" s="91"/>
      <c r="HP2211" s="91"/>
      <c r="HQ2211" s="91"/>
      <c r="HR2211" s="91"/>
      <c r="HS2211" s="91"/>
      <c r="HT2211" s="91"/>
      <c r="HU2211" s="91"/>
      <c r="HV2211" s="91"/>
      <c r="HW2211" s="91"/>
      <c r="HX2211" s="91"/>
      <c r="HY2211" s="91"/>
      <c r="HZ2211" s="91"/>
      <c r="IA2211" s="91"/>
      <c r="IB2211" s="91"/>
      <c r="IC2211" s="91"/>
      <c r="ID2211" s="91"/>
      <c r="IE2211" s="91"/>
      <c r="IF2211" s="91"/>
      <c r="IG2211" s="91"/>
      <c r="IH2211" s="91"/>
      <c r="II2211" s="91"/>
      <c r="IJ2211" s="91"/>
      <c r="IK2211" s="127"/>
    </row>
    <row r="2212" spans="2:245" x14ac:dyDescent="0.2">
      <c r="B2212" s="43"/>
      <c r="C2212" s="73"/>
      <c r="D2212" s="64"/>
      <c r="E2212" s="64"/>
      <c r="F2212" s="55"/>
      <c r="G2212" s="102"/>
      <c r="H2212" s="55"/>
      <c r="I2212" s="55"/>
      <c r="J2212" s="55"/>
      <c r="K2212" s="55"/>
      <c r="L2212" s="55"/>
      <c r="M2212" s="55"/>
      <c r="N2212" s="55"/>
      <c r="O2212" s="55"/>
      <c r="P2212" s="55"/>
      <c r="Q2212" s="55"/>
      <c r="R2212" s="55"/>
      <c r="S2212" s="55"/>
      <c r="T2212" s="55"/>
      <c r="U2212" s="55"/>
      <c r="V2212" s="55"/>
      <c r="W2212" s="55"/>
      <c r="X2212" s="55"/>
      <c r="Y2212" s="55"/>
      <c r="Z2212" s="55"/>
      <c r="AA2212" s="55"/>
      <c r="AB2212" s="55"/>
      <c r="AC2212" s="55"/>
      <c r="AD2212" s="55"/>
      <c r="AE2212" s="55"/>
      <c r="AF2212" s="55"/>
      <c r="AG2212" s="55"/>
      <c r="AY2212" s="162"/>
      <c r="AZ2212" s="162"/>
      <c r="BA2212" s="162"/>
      <c r="BB2212" s="162"/>
      <c r="BC2212" s="162"/>
      <c r="BD2212" s="162"/>
      <c r="BE2212" s="162"/>
      <c r="BF2212" s="162"/>
      <c r="BG2212" s="162"/>
      <c r="BH2212" s="162"/>
      <c r="BI2212" s="162"/>
      <c r="BJ2212" s="162"/>
      <c r="BK2212" s="162"/>
      <c r="BL2212" s="162"/>
      <c r="BM2212" s="162"/>
      <c r="BN2212" s="162"/>
      <c r="BO2212" s="162"/>
      <c r="BP2212" s="162"/>
      <c r="BQ2212" s="162"/>
      <c r="BR2212" s="162"/>
      <c r="BS2212" s="162"/>
      <c r="BT2212" s="162"/>
      <c r="BU2212" s="162"/>
      <c r="BV2212" s="162"/>
      <c r="BW2212" s="162"/>
      <c r="BX2212" s="162"/>
      <c r="BY2212" s="162"/>
      <c r="BZ2212" s="162"/>
      <c r="CA2212" s="162"/>
      <c r="CB2212" s="162"/>
      <c r="CC2212" s="162"/>
      <c r="CD2212" s="162"/>
      <c r="CE2212" s="162"/>
      <c r="CF2212" s="162"/>
      <c r="CG2212" s="162"/>
      <c r="CH2212" s="162"/>
      <c r="CI2212" s="162"/>
      <c r="CJ2212" s="162"/>
      <c r="CK2212" s="162"/>
      <c r="CX2212" s="98"/>
      <c r="DL2212" s="97"/>
      <c r="DX2212" s="98"/>
      <c r="EL2212" s="97"/>
      <c r="EX2212" s="98"/>
      <c r="EY2212" s="97"/>
      <c r="FL2212" s="126"/>
      <c r="FM2212" s="91"/>
      <c r="FN2212" s="91"/>
      <c r="FO2212" s="91"/>
      <c r="FP2212" s="91"/>
      <c r="FQ2212" s="91"/>
      <c r="FR2212" s="91"/>
      <c r="FS2212" s="91"/>
      <c r="FT2212" s="91"/>
      <c r="FU2212" s="91"/>
      <c r="FV2212" s="91"/>
      <c r="FW2212" s="91"/>
      <c r="FX2212" s="91"/>
      <c r="FY2212" s="91"/>
      <c r="FZ2212" s="91"/>
      <c r="GA2212" s="91"/>
      <c r="GB2212" s="91"/>
      <c r="GC2212" s="91"/>
      <c r="GD2212" s="91"/>
      <c r="GE2212" s="91"/>
      <c r="GF2212" s="91"/>
      <c r="GG2212" s="91"/>
      <c r="GH2212" s="91"/>
      <c r="GI2212" s="91"/>
      <c r="GJ2212" s="91"/>
      <c r="GK2212" s="127"/>
      <c r="GL2212" s="126"/>
      <c r="GM2212" s="91"/>
      <c r="GN2212" s="91"/>
      <c r="GO2212" s="91"/>
      <c r="GP2212" s="91"/>
      <c r="GQ2212" s="91"/>
      <c r="GR2212" s="91"/>
      <c r="GS2212" s="91"/>
      <c r="GT2212" s="91"/>
      <c r="GU2212" s="91"/>
      <c r="GV2212" s="91"/>
      <c r="GW2212" s="91"/>
      <c r="GX2212" s="91"/>
      <c r="GY2212" s="91"/>
      <c r="GZ2212" s="91"/>
      <c r="HA2212" s="91"/>
      <c r="HB2212" s="91"/>
      <c r="HC2212" s="91"/>
      <c r="HD2212" s="91"/>
      <c r="HE2212" s="91"/>
      <c r="HF2212" s="91"/>
      <c r="HG2212" s="91"/>
      <c r="HH2212" s="91"/>
      <c r="HI2212" s="91"/>
      <c r="HJ2212" s="91"/>
      <c r="HK2212" s="127"/>
      <c r="HL2212" s="126"/>
      <c r="HM2212" s="91"/>
      <c r="HN2212" s="91"/>
      <c r="HO2212" s="91"/>
      <c r="HP2212" s="91"/>
      <c r="HQ2212" s="91"/>
      <c r="HR2212" s="91"/>
      <c r="HS2212" s="91"/>
      <c r="HT2212" s="91"/>
      <c r="HU2212" s="91"/>
      <c r="HV2212" s="91"/>
      <c r="HW2212" s="91"/>
      <c r="HX2212" s="91"/>
      <c r="HY2212" s="91"/>
      <c r="HZ2212" s="91"/>
      <c r="IA2212" s="91"/>
      <c r="IB2212" s="91"/>
      <c r="IC2212" s="91"/>
      <c r="ID2212" s="91"/>
      <c r="IE2212" s="91"/>
      <c r="IF2212" s="91"/>
      <c r="IG2212" s="91"/>
      <c r="IH2212" s="91"/>
      <c r="II2212" s="91"/>
      <c r="IJ2212" s="91"/>
      <c r="IK2212" s="127"/>
    </row>
    <row r="2213" spans="2:245" ht="13.5" thickBot="1" x14ac:dyDescent="0.25">
      <c r="B2213" s="43"/>
      <c r="C2213" s="73"/>
      <c r="D2213" s="64"/>
      <c r="E2213" s="64"/>
      <c r="F2213" s="55"/>
      <c r="G2213" s="102"/>
      <c r="H2213" s="55"/>
      <c r="I2213" s="55"/>
      <c r="J2213" s="55"/>
      <c r="K2213" s="55"/>
      <c r="L2213" s="55"/>
      <c r="M2213" s="55"/>
      <c r="N2213" s="55"/>
      <c r="O2213" s="55"/>
      <c r="P2213" s="55"/>
      <c r="Q2213" s="55"/>
      <c r="R2213" s="55"/>
      <c r="S2213" s="55"/>
      <c r="T2213" s="55"/>
      <c r="U2213" s="55"/>
      <c r="V2213" s="55"/>
      <c r="W2213" s="55"/>
      <c r="X2213" s="55"/>
      <c r="Y2213" s="55"/>
      <c r="Z2213" s="55"/>
      <c r="AA2213" s="55"/>
      <c r="AB2213" s="55"/>
      <c r="AC2213" s="55"/>
      <c r="AD2213" s="55"/>
      <c r="AE2213" s="55"/>
      <c r="AF2213" s="55"/>
      <c r="AG2213" s="55"/>
      <c r="AY2213" s="162"/>
      <c r="AZ2213" s="162"/>
      <c r="BA2213" s="162"/>
      <c r="BB2213" s="162"/>
      <c r="BC2213" s="162"/>
      <c r="BD2213" s="162"/>
      <c r="BE2213" s="162"/>
      <c r="BF2213" s="162"/>
      <c r="BG2213" s="162"/>
      <c r="BH2213" s="162"/>
      <c r="BI2213" s="162"/>
      <c r="BJ2213" s="162"/>
      <c r="BK2213" s="162"/>
      <c r="BL2213" s="162"/>
      <c r="BM2213" s="162"/>
      <c r="BN2213" s="162"/>
      <c r="BO2213" s="162"/>
      <c r="BP2213" s="162"/>
      <c r="BQ2213" s="162"/>
      <c r="BR2213" s="162"/>
      <c r="BS2213" s="162"/>
      <c r="BT2213" s="162"/>
      <c r="BU2213" s="162"/>
      <c r="BV2213" s="162"/>
      <c r="BW2213" s="162"/>
      <c r="BX2213" s="162"/>
      <c r="BY2213" s="162"/>
      <c r="BZ2213" s="162"/>
      <c r="CA2213" s="162"/>
      <c r="CB2213" s="162"/>
      <c r="CC2213" s="162"/>
      <c r="CD2213" s="162"/>
      <c r="CE2213" s="162"/>
      <c r="CF2213" s="162"/>
      <c r="CG2213" s="162"/>
      <c r="CH2213" s="162"/>
      <c r="CI2213" s="162"/>
      <c r="CJ2213" s="162"/>
      <c r="CK2213" s="162"/>
      <c r="CL2213" s="166"/>
      <c r="CM2213" s="166"/>
      <c r="CN2213" s="166"/>
      <c r="CO2213" s="166"/>
      <c r="CP2213" s="166"/>
      <c r="CQ2213" s="166"/>
      <c r="CR2213" s="166"/>
      <c r="CS2213" s="166"/>
      <c r="CT2213" s="166"/>
      <c r="CU2213" s="166"/>
      <c r="CV2213" s="166"/>
      <c r="CW2213" s="166"/>
      <c r="CX2213" s="176"/>
      <c r="CY2213" s="166"/>
      <c r="CZ2213" s="166"/>
      <c r="DA2213" s="166"/>
      <c r="DB2213" s="166"/>
      <c r="DC2213" s="166"/>
      <c r="DD2213" s="166"/>
      <c r="DE2213" s="166"/>
      <c r="DF2213" s="166"/>
      <c r="DG2213" s="166"/>
      <c r="DH2213" s="166"/>
      <c r="DI2213" s="166"/>
      <c r="DJ2213" s="166"/>
      <c r="DK2213" s="166"/>
      <c r="DL2213" s="175"/>
      <c r="DM2213" s="166"/>
      <c r="DN2213" s="166"/>
      <c r="DO2213" s="166"/>
      <c r="DP2213" s="166"/>
      <c r="DQ2213" s="166"/>
      <c r="DR2213" s="166"/>
      <c r="DS2213" s="166"/>
      <c r="DT2213" s="166"/>
      <c r="DU2213" s="166"/>
      <c r="DV2213" s="166"/>
      <c r="DW2213" s="166"/>
      <c r="DX2213" s="176"/>
      <c r="DY2213" s="166"/>
      <c r="DZ2213" s="166"/>
      <c r="EA2213" s="166"/>
      <c r="EB2213" s="166"/>
      <c r="EC2213" s="166"/>
      <c r="ED2213" s="166"/>
      <c r="EE2213" s="166"/>
      <c r="EF2213" s="166"/>
      <c r="EG2213" s="166"/>
      <c r="EH2213" s="166"/>
      <c r="EI2213" s="166"/>
      <c r="EJ2213" s="166"/>
      <c r="EK2213" s="166"/>
      <c r="EL2213" s="175"/>
      <c r="EM2213" s="166"/>
      <c r="EN2213" s="166"/>
      <c r="EO2213" s="166"/>
      <c r="EP2213" s="166"/>
      <c r="EQ2213" s="166"/>
      <c r="ER2213" s="166"/>
      <c r="ES2213" s="166"/>
      <c r="ET2213" s="166"/>
      <c r="EU2213" s="166"/>
      <c r="EV2213" s="166"/>
      <c r="EW2213" s="166"/>
      <c r="EX2213" s="176"/>
      <c r="EY2213" s="175"/>
      <c r="EZ2213" s="166"/>
      <c r="FA2213" s="166"/>
      <c r="FB2213" s="166"/>
      <c r="FC2213" s="166"/>
      <c r="FD2213" s="166"/>
      <c r="FE2213" s="166"/>
      <c r="FF2213" s="166"/>
      <c r="FG2213" s="166"/>
      <c r="FH2213" s="166"/>
      <c r="FI2213" s="166"/>
      <c r="FJ2213" s="166"/>
      <c r="FK2213" s="166"/>
      <c r="FL2213" s="126"/>
      <c r="FM2213" s="91"/>
      <c r="FN2213" s="91"/>
      <c r="FO2213" s="91"/>
      <c r="FP2213" s="91"/>
      <c r="FQ2213" s="91"/>
      <c r="FR2213" s="91"/>
      <c r="FS2213" s="91"/>
      <c r="FT2213" s="91"/>
      <c r="FU2213" s="91"/>
      <c r="FV2213" s="91"/>
      <c r="FW2213" s="91"/>
      <c r="FX2213" s="91"/>
      <c r="FY2213" s="91"/>
      <c r="FZ2213" s="91"/>
      <c r="GA2213" s="91"/>
      <c r="GB2213" s="91"/>
      <c r="GC2213" s="91"/>
      <c r="GD2213" s="91"/>
      <c r="GE2213" s="91"/>
      <c r="GF2213" s="91"/>
      <c r="GG2213" s="91"/>
      <c r="GH2213" s="91"/>
      <c r="GI2213" s="91"/>
      <c r="GJ2213" s="91"/>
      <c r="GK2213" s="127"/>
      <c r="GL2213" s="126"/>
      <c r="GM2213" s="91"/>
      <c r="GN2213" s="91"/>
      <c r="GO2213" s="91"/>
      <c r="GP2213" s="91"/>
      <c r="GQ2213" s="91"/>
      <c r="GR2213" s="91"/>
      <c r="GS2213" s="91"/>
      <c r="GT2213" s="91"/>
      <c r="GU2213" s="91"/>
      <c r="GV2213" s="91"/>
      <c r="GW2213" s="91"/>
      <c r="GX2213" s="91"/>
      <c r="GY2213" s="91"/>
      <c r="GZ2213" s="91"/>
      <c r="HA2213" s="91"/>
      <c r="HB2213" s="91"/>
      <c r="HC2213" s="91"/>
      <c r="HD2213" s="91"/>
      <c r="HE2213" s="91"/>
      <c r="HF2213" s="91"/>
      <c r="HG2213" s="91"/>
      <c r="HH2213" s="91"/>
      <c r="HI2213" s="91"/>
      <c r="HJ2213" s="91"/>
      <c r="HK2213" s="127"/>
      <c r="HL2213" s="126"/>
      <c r="HM2213" s="91"/>
      <c r="HN2213" s="91"/>
      <c r="HO2213" s="91"/>
      <c r="HP2213" s="91"/>
      <c r="HQ2213" s="91"/>
      <c r="HR2213" s="91"/>
      <c r="HS2213" s="91"/>
      <c r="HT2213" s="91"/>
      <c r="HU2213" s="91"/>
      <c r="HV2213" s="91"/>
      <c r="HW2213" s="91"/>
      <c r="HX2213" s="91"/>
      <c r="HY2213" s="91"/>
      <c r="HZ2213" s="91"/>
      <c r="IA2213" s="91"/>
      <c r="IB2213" s="91"/>
      <c r="IC2213" s="91"/>
      <c r="ID2213" s="91"/>
      <c r="IE2213" s="91"/>
      <c r="IF2213" s="91"/>
      <c r="IG2213" s="91"/>
      <c r="IH2213" s="91"/>
      <c r="II2213" s="91"/>
      <c r="IJ2213" s="91"/>
      <c r="IK2213" s="127"/>
    </row>
    <row r="2214" spans="2:245" x14ac:dyDescent="0.2">
      <c r="B2214" s="43"/>
      <c r="C2214" s="73"/>
      <c r="D2214" s="64"/>
      <c r="E2214" s="64"/>
      <c r="F2214" s="55"/>
      <c r="G2214" s="102"/>
      <c r="H2214" s="55"/>
      <c r="I2214" s="55"/>
      <c r="J2214" s="55"/>
      <c r="K2214" s="55"/>
      <c r="L2214" s="55"/>
      <c r="M2214" s="55"/>
      <c r="N2214" s="55"/>
      <c r="O2214" s="55"/>
      <c r="P2214" s="55"/>
      <c r="Q2214" s="55"/>
      <c r="R2214" s="55"/>
      <c r="S2214" s="55"/>
      <c r="T2214" s="55"/>
      <c r="U2214" s="55"/>
      <c r="V2214" s="55"/>
      <c r="W2214" s="55"/>
      <c r="X2214" s="55"/>
      <c r="Y2214" s="55"/>
      <c r="Z2214" s="55"/>
      <c r="AA2214" s="55"/>
      <c r="AB2214" s="55"/>
      <c r="AC2214" s="55"/>
      <c r="AD2214" s="55"/>
      <c r="AE2214" s="55"/>
      <c r="AF2214" s="55"/>
      <c r="AG2214" s="55"/>
      <c r="AY2214" s="162"/>
      <c r="AZ2214" s="162"/>
      <c r="BA2214" s="162"/>
      <c r="BB2214" s="162"/>
      <c r="BC2214" s="162"/>
      <c r="BD2214" s="162"/>
      <c r="BE2214" s="162"/>
      <c r="BF2214" s="162"/>
      <c r="BG2214" s="162"/>
      <c r="BH2214" s="162"/>
      <c r="BI2214" s="162"/>
      <c r="BJ2214" s="162"/>
      <c r="BK2214" s="162"/>
      <c r="BL2214" s="162"/>
      <c r="BM2214" s="162"/>
      <c r="BN2214" s="162"/>
      <c r="BO2214" s="162"/>
      <c r="BP2214" s="162"/>
      <c r="BQ2214" s="162"/>
      <c r="BR2214" s="162"/>
      <c r="BS2214" s="162"/>
      <c r="BT2214" s="162"/>
      <c r="BU2214" s="162"/>
      <c r="BV2214" s="162"/>
      <c r="BW2214" s="162"/>
      <c r="BX2214" s="162"/>
      <c r="BY2214" s="162"/>
      <c r="BZ2214" s="162"/>
      <c r="CA2214" s="162"/>
      <c r="CB2214" s="162"/>
      <c r="CC2214" s="162"/>
      <c r="CD2214" s="162"/>
      <c r="CE2214" s="162"/>
      <c r="CF2214" s="162"/>
      <c r="CG2214" s="162"/>
      <c r="CH2214" s="162"/>
      <c r="CI2214" s="162"/>
      <c r="CJ2214" s="162"/>
      <c r="CK2214" s="162"/>
      <c r="CX2214" s="98"/>
      <c r="DL2214" s="97"/>
      <c r="DX2214" s="98"/>
      <c r="EL2214" s="97"/>
      <c r="EX2214" s="98"/>
      <c r="EY2214" s="97"/>
      <c r="FL2214" s="126"/>
      <c r="FM2214" s="91"/>
      <c r="FN2214" s="91"/>
      <c r="FO2214" s="91"/>
      <c r="FP2214" s="91"/>
      <c r="FQ2214" s="91"/>
      <c r="FR2214" s="91"/>
      <c r="FS2214" s="91"/>
      <c r="FT2214" s="91"/>
      <c r="FU2214" s="91"/>
      <c r="FV2214" s="91"/>
      <c r="FW2214" s="91"/>
      <c r="FX2214" s="91"/>
      <c r="FY2214" s="91"/>
      <c r="FZ2214" s="91"/>
      <c r="GA2214" s="91"/>
      <c r="GB2214" s="91"/>
      <c r="GC2214" s="91"/>
      <c r="GD2214" s="91"/>
      <c r="GE2214" s="91"/>
      <c r="GF2214" s="91"/>
      <c r="GG2214" s="91"/>
      <c r="GH2214" s="91"/>
      <c r="GI2214" s="91"/>
      <c r="GJ2214" s="91"/>
      <c r="GK2214" s="127"/>
      <c r="GL2214" s="126"/>
      <c r="GM2214" s="91"/>
      <c r="GN2214" s="91"/>
      <c r="GO2214" s="91"/>
      <c r="GP2214" s="91"/>
      <c r="GQ2214" s="91"/>
      <c r="GR2214" s="91"/>
      <c r="GS2214" s="91"/>
      <c r="GT2214" s="91"/>
      <c r="GU2214" s="91"/>
      <c r="GV2214" s="91"/>
      <c r="GW2214" s="91"/>
      <c r="GX2214" s="91"/>
      <c r="GY2214" s="91"/>
      <c r="GZ2214" s="91"/>
      <c r="HA2214" s="91"/>
      <c r="HB2214" s="91"/>
      <c r="HC2214" s="91"/>
      <c r="HD2214" s="91"/>
      <c r="HE2214" s="91"/>
      <c r="HF2214" s="91"/>
      <c r="HG2214" s="91"/>
      <c r="HH2214" s="91"/>
      <c r="HI2214" s="91"/>
      <c r="HJ2214" s="91"/>
      <c r="HK2214" s="127"/>
      <c r="HL2214" s="126"/>
      <c r="HM2214" s="91"/>
      <c r="HN2214" s="91"/>
      <c r="HO2214" s="91"/>
      <c r="HP2214" s="91"/>
      <c r="HQ2214" s="91"/>
      <c r="HR2214" s="91"/>
      <c r="HS2214" s="91"/>
      <c r="HT2214" s="91"/>
      <c r="HU2214" s="91"/>
      <c r="HV2214" s="91"/>
      <c r="HW2214" s="91"/>
      <c r="HX2214" s="91"/>
      <c r="HY2214" s="91"/>
      <c r="HZ2214" s="91"/>
      <c r="IA2214" s="91"/>
      <c r="IB2214" s="91"/>
      <c r="IC2214" s="91"/>
      <c r="ID2214" s="91"/>
      <c r="IE2214" s="91"/>
      <c r="IF2214" s="91"/>
      <c r="IG2214" s="91"/>
      <c r="IH2214" s="91"/>
      <c r="II2214" s="91"/>
      <c r="IJ2214" s="91"/>
      <c r="IK2214" s="127"/>
    </row>
    <row r="2215" spans="2:245" x14ac:dyDescent="0.2">
      <c r="B2215" s="43"/>
      <c r="C2215" s="73"/>
      <c r="D2215" s="64"/>
      <c r="E2215" s="64"/>
      <c r="F2215" s="55"/>
      <c r="G2215" s="102"/>
      <c r="H2215" s="55"/>
      <c r="I2215" s="55"/>
      <c r="J2215" s="55"/>
      <c r="K2215" s="55"/>
      <c r="L2215" s="55"/>
      <c r="M2215" s="55"/>
      <c r="N2215" s="55"/>
      <c r="O2215" s="55"/>
      <c r="P2215" s="55"/>
      <c r="Q2215" s="55"/>
      <c r="R2215" s="55"/>
      <c r="S2215" s="55"/>
      <c r="T2215" s="55"/>
      <c r="U2215" s="55"/>
      <c r="V2215" s="55"/>
      <c r="W2215" s="55"/>
      <c r="X2215" s="55"/>
      <c r="Y2215" s="55"/>
      <c r="Z2215" s="55"/>
      <c r="AA2215" s="55"/>
      <c r="AB2215" s="55"/>
      <c r="AC2215" s="55"/>
      <c r="AD2215" s="55"/>
      <c r="AE2215" s="55"/>
      <c r="AF2215" s="55"/>
      <c r="AG2215" s="55"/>
      <c r="AY2215" s="162"/>
      <c r="AZ2215" s="162"/>
      <c r="BA2215" s="162"/>
      <c r="BB2215" s="162"/>
      <c r="BC2215" s="162"/>
      <c r="BD2215" s="162"/>
      <c r="BE2215" s="162"/>
      <c r="BF2215" s="162"/>
      <c r="BG2215" s="162"/>
      <c r="BH2215" s="162"/>
      <c r="BI2215" s="162"/>
      <c r="BJ2215" s="162"/>
      <c r="BK2215" s="162"/>
      <c r="BL2215" s="162"/>
      <c r="BM2215" s="162"/>
      <c r="BN2215" s="162"/>
      <c r="BO2215" s="162"/>
      <c r="BP2215" s="162"/>
      <c r="BQ2215" s="162"/>
      <c r="BR2215" s="162"/>
      <c r="BS2215" s="162"/>
      <c r="BT2215" s="162"/>
      <c r="BU2215" s="162"/>
      <c r="BV2215" s="162"/>
      <c r="BW2215" s="162"/>
      <c r="BX2215" s="162"/>
      <c r="BY2215" s="162"/>
      <c r="BZ2215" s="162"/>
      <c r="CA2215" s="162"/>
      <c r="CB2215" s="162"/>
      <c r="CC2215" s="162"/>
      <c r="CD2215" s="162"/>
      <c r="CE2215" s="162"/>
      <c r="CF2215" s="162"/>
      <c r="CG2215" s="162"/>
      <c r="CH2215" s="162"/>
      <c r="CI2215" s="162"/>
      <c r="CJ2215" s="162"/>
      <c r="CK2215" s="162"/>
      <c r="CX2215" s="98"/>
      <c r="DL2215" s="97"/>
      <c r="DX2215" s="98"/>
      <c r="EL2215" s="97"/>
      <c r="EX2215" s="98"/>
      <c r="EY2215" s="97"/>
      <c r="FL2215" s="126"/>
      <c r="FM2215" s="91"/>
      <c r="FN2215" s="91"/>
      <c r="FO2215" s="91"/>
      <c r="FP2215" s="91"/>
      <c r="FQ2215" s="91"/>
      <c r="FR2215" s="91"/>
      <c r="FS2215" s="91"/>
      <c r="FT2215" s="91"/>
      <c r="FU2215" s="91"/>
      <c r="FV2215" s="91"/>
      <c r="FW2215" s="91"/>
      <c r="FX2215" s="91"/>
      <c r="FY2215" s="91"/>
      <c r="FZ2215" s="91"/>
      <c r="GA2215" s="91"/>
      <c r="GB2215" s="91"/>
      <c r="GC2215" s="91"/>
      <c r="GD2215" s="91"/>
      <c r="GE2215" s="91"/>
      <c r="GF2215" s="91"/>
      <c r="GG2215" s="91"/>
      <c r="GH2215" s="91"/>
      <c r="GI2215" s="91"/>
      <c r="GJ2215" s="91"/>
      <c r="GK2215" s="127"/>
      <c r="GL2215" s="126"/>
      <c r="GM2215" s="91"/>
      <c r="GN2215" s="91"/>
      <c r="GO2215" s="91"/>
      <c r="GP2215" s="91"/>
      <c r="GQ2215" s="91"/>
      <c r="GR2215" s="91"/>
      <c r="GS2215" s="91"/>
      <c r="GT2215" s="91"/>
      <c r="GU2215" s="91"/>
      <c r="GV2215" s="91"/>
      <c r="GW2215" s="91"/>
      <c r="GX2215" s="91"/>
      <c r="GY2215" s="91"/>
      <c r="GZ2215" s="91"/>
      <c r="HA2215" s="91"/>
      <c r="HB2215" s="91"/>
      <c r="HC2215" s="91"/>
      <c r="HD2215" s="91"/>
      <c r="HE2215" s="91"/>
      <c r="HF2215" s="91"/>
      <c r="HG2215" s="91"/>
      <c r="HH2215" s="91"/>
      <c r="HI2215" s="91"/>
      <c r="HJ2215" s="91"/>
      <c r="HK2215" s="127"/>
      <c r="HL2215" s="126"/>
      <c r="HM2215" s="91"/>
      <c r="HN2215" s="91"/>
      <c r="HO2215" s="91"/>
      <c r="HP2215" s="91"/>
      <c r="HQ2215" s="91"/>
      <c r="HR2215" s="91"/>
      <c r="HS2215" s="91"/>
      <c r="HT2215" s="91"/>
      <c r="HU2215" s="91"/>
      <c r="HV2215" s="91"/>
      <c r="HW2215" s="91"/>
      <c r="HX2215" s="91"/>
      <c r="HY2215" s="91"/>
      <c r="HZ2215" s="91"/>
      <c r="IA2215" s="91"/>
      <c r="IB2215" s="91"/>
      <c r="IC2215" s="91"/>
      <c r="ID2215" s="91"/>
      <c r="IE2215" s="91"/>
      <c r="IF2215" s="91"/>
      <c r="IG2215" s="91"/>
      <c r="IH2215" s="91"/>
      <c r="II2215" s="91"/>
      <c r="IJ2215" s="91"/>
      <c r="IK2215" s="127"/>
    </row>
    <row r="2216" spans="2:245" x14ac:dyDescent="0.2">
      <c r="B2216" s="43"/>
      <c r="C2216" s="73"/>
      <c r="D2216" s="64"/>
      <c r="E2216" s="64"/>
      <c r="F2216" s="55"/>
      <c r="G2216" s="102"/>
      <c r="H2216" s="55"/>
      <c r="I2216" s="55"/>
      <c r="J2216" s="55"/>
      <c r="K2216" s="55"/>
      <c r="L2216" s="55"/>
      <c r="M2216" s="55"/>
      <c r="N2216" s="55"/>
      <c r="O2216" s="55"/>
      <c r="P2216" s="55"/>
      <c r="Q2216" s="55"/>
      <c r="R2216" s="55"/>
      <c r="S2216" s="55"/>
      <c r="T2216" s="55"/>
      <c r="U2216" s="55"/>
      <c r="V2216" s="55"/>
      <c r="W2216" s="55"/>
      <c r="X2216" s="55"/>
      <c r="Y2216" s="55"/>
      <c r="Z2216" s="55"/>
      <c r="AA2216" s="55"/>
      <c r="AB2216" s="55"/>
      <c r="AC2216" s="55"/>
      <c r="AD2216" s="55"/>
      <c r="AE2216" s="55"/>
      <c r="AF2216" s="55"/>
      <c r="AG2216" s="55"/>
      <c r="AY2216" s="162"/>
      <c r="AZ2216" s="162"/>
      <c r="BA2216" s="162"/>
      <c r="BB2216" s="162"/>
      <c r="BC2216" s="162"/>
      <c r="BD2216" s="162"/>
      <c r="BE2216" s="162"/>
      <c r="BF2216" s="162"/>
      <c r="BG2216" s="162"/>
      <c r="BH2216" s="162"/>
      <c r="BI2216" s="162"/>
      <c r="BJ2216" s="162"/>
      <c r="BK2216" s="162"/>
      <c r="BL2216" s="162"/>
      <c r="BM2216" s="162"/>
      <c r="BN2216" s="162"/>
      <c r="BO2216" s="162"/>
      <c r="BP2216" s="162"/>
      <c r="BQ2216" s="162"/>
      <c r="BR2216" s="162"/>
      <c r="BS2216" s="162"/>
      <c r="BT2216" s="162"/>
      <c r="BU2216" s="162"/>
      <c r="BV2216" s="162"/>
      <c r="BW2216" s="162"/>
      <c r="BX2216" s="162"/>
      <c r="BY2216" s="162"/>
      <c r="BZ2216" s="162"/>
      <c r="CA2216" s="162"/>
      <c r="CB2216" s="162"/>
      <c r="CC2216" s="162"/>
      <c r="CD2216" s="162"/>
      <c r="CE2216" s="162"/>
      <c r="CF2216" s="162"/>
      <c r="CG2216" s="162"/>
      <c r="CH2216" s="162"/>
      <c r="CI2216" s="162"/>
      <c r="CJ2216" s="162"/>
      <c r="CK2216" s="162"/>
      <c r="CX2216" s="98"/>
      <c r="DL2216" s="97"/>
      <c r="DX2216" s="98"/>
      <c r="EL2216" s="97"/>
      <c r="EX2216" s="98"/>
      <c r="EY2216" s="97"/>
      <c r="FL2216" s="126"/>
      <c r="FM2216" s="91"/>
      <c r="FN2216" s="91"/>
      <c r="FO2216" s="91"/>
      <c r="FP2216" s="91"/>
      <c r="FQ2216" s="91"/>
      <c r="FR2216" s="91"/>
      <c r="FS2216" s="91"/>
      <c r="FT2216" s="91"/>
      <c r="FU2216" s="91"/>
      <c r="FV2216" s="91"/>
      <c r="FW2216" s="91"/>
      <c r="FX2216" s="91"/>
      <c r="FY2216" s="91"/>
      <c r="FZ2216" s="91"/>
      <c r="GA2216" s="91"/>
      <c r="GB2216" s="91"/>
      <c r="GC2216" s="91"/>
      <c r="GD2216" s="91"/>
      <c r="GE2216" s="91"/>
      <c r="GF2216" s="91"/>
      <c r="GG2216" s="91"/>
      <c r="GH2216" s="91"/>
      <c r="GI2216" s="91"/>
      <c r="GJ2216" s="91"/>
      <c r="GK2216" s="127"/>
      <c r="GL2216" s="126"/>
      <c r="GM2216" s="91"/>
      <c r="GN2216" s="91"/>
      <c r="GO2216" s="91"/>
      <c r="GP2216" s="91"/>
      <c r="GQ2216" s="91"/>
      <c r="GR2216" s="91"/>
      <c r="GS2216" s="91"/>
      <c r="GT2216" s="91"/>
      <c r="GU2216" s="91"/>
      <c r="GV2216" s="91"/>
      <c r="GW2216" s="91"/>
      <c r="GX2216" s="91"/>
      <c r="GY2216" s="91"/>
      <c r="GZ2216" s="91"/>
      <c r="HA2216" s="91"/>
      <c r="HB2216" s="91"/>
      <c r="HC2216" s="91"/>
      <c r="HD2216" s="91"/>
      <c r="HE2216" s="91"/>
      <c r="HF2216" s="91"/>
      <c r="HG2216" s="91"/>
      <c r="HH2216" s="91"/>
      <c r="HI2216" s="91"/>
      <c r="HJ2216" s="91"/>
      <c r="HK2216" s="127"/>
      <c r="HL2216" s="126"/>
      <c r="HM2216" s="91"/>
      <c r="HN2216" s="91"/>
      <c r="HO2216" s="91"/>
      <c r="HP2216" s="91"/>
      <c r="HQ2216" s="91"/>
      <c r="HR2216" s="91"/>
      <c r="HS2216" s="91"/>
      <c r="HT2216" s="91"/>
      <c r="HU2216" s="91"/>
      <c r="HV2216" s="91"/>
      <c r="HW2216" s="91"/>
      <c r="HX2216" s="91"/>
      <c r="HY2216" s="91"/>
      <c r="HZ2216" s="91"/>
      <c r="IA2216" s="91"/>
      <c r="IB2216" s="91"/>
      <c r="IC2216" s="91"/>
      <c r="ID2216" s="91"/>
      <c r="IE2216" s="91"/>
      <c r="IF2216" s="91"/>
      <c r="IG2216" s="91"/>
      <c r="IH2216" s="91"/>
      <c r="II2216" s="91"/>
      <c r="IJ2216" s="91"/>
      <c r="IK2216" s="127"/>
    </row>
    <row r="2217" spans="2:245" ht="13.5" thickBot="1" x14ac:dyDescent="0.25">
      <c r="B2217" s="43"/>
      <c r="C2217" s="73"/>
      <c r="D2217" s="64"/>
      <c r="E2217" s="64"/>
      <c r="F2217" s="55"/>
      <c r="G2217" s="102"/>
      <c r="H2217" s="55"/>
      <c r="I2217" s="55"/>
      <c r="J2217" s="55"/>
      <c r="K2217" s="55"/>
      <c r="L2217" s="55"/>
      <c r="M2217" s="55"/>
      <c r="N2217" s="55"/>
      <c r="O2217" s="55"/>
      <c r="P2217" s="55"/>
      <c r="Q2217" s="55"/>
      <c r="R2217" s="55"/>
      <c r="S2217" s="55"/>
      <c r="T2217" s="55"/>
      <c r="U2217" s="55"/>
      <c r="V2217" s="55"/>
      <c r="W2217" s="55"/>
      <c r="X2217" s="55"/>
      <c r="Y2217" s="55"/>
      <c r="Z2217" s="55"/>
      <c r="AA2217" s="55"/>
      <c r="AB2217" s="55"/>
      <c r="AC2217" s="55"/>
      <c r="AD2217" s="55"/>
      <c r="AE2217" s="55"/>
      <c r="AF2217" s="55"/>
      <c r="AG2217" s="55"/>
      <c r="AY2217" s="162"/>
      <c r="AZ2217" s="162"/>
      <c r="BA2217" s="162"/>
      <c r="BB2217" s="162"/>
      <c r="BC2217" s="162"/>
      <c r="BD2217" s="162"/>
      <c r="BE2217" s="162"/>
      <c r="BF2217" s="162"/>
      <c r="BG2217" s="162"/>
      <c r="BH2217" s="162"/>
      <c r="BI2217" s="162"/>
      <c r="BJ2217" s="162"/>
      <c r="BK2217" s="162"/>
      <c r="BL2217" s="162"/>
      <c r="BM2217" s="162"/>
      <c r="BN2217" s="162"/>
      <c r="BO2217" s="162"/>
      <c r="BP2217" s="162"/>
      <c r="BQ2217" s="162"/>
      <c r="BR2217" s="162"/>
      <c r="BS2217" s="162"/>
      <c r="BT2217" s="162"/>
      <c r="BU2217" s="162"/>
      <c r="BV2217" s="162"/>
      <c r="BW2217" s="162"/>
      <c r="BX2217" s="162"/>
      <c r="BY2217" s="162"/>
      <c r="BZ2217" s="162"/>
      <c r="CA2217" s="162"/>
      <c r="CB2217" s="162"/>
      <c r="CC2217" s="162"/>
      <c r="CD2217" s="162"/>
      <c r="CE2217" s="162"/>
      <c r="CF2217" s="162"/>
      <c r="CG2217" s="162"/>
      <c r="CH2217" s="162"/>
      <c r="CI2217" s="162"/>
      <c r="CJ2217" s="162"/>
      <c r="CK2217" s="162"/>
      <c r="CX2217" s="98"/>
      <c r="DL2217" s="97"/>
      <c r="DX2217" s="98"/>
      <c r="EL2217" s="97"/>
      <c r="EX2217" s="98"/>
      <c r="EY2217" s="97"/>
      <c r="FL2217" s="126"/>
      <c r="FM2217" s="91"/>
      <c r="FN2217" s="91"/>
      <c r="FO2217" s="91"/>
      <c r="FP2217" s="91"/>
      <c r="FQ2217" s="91"/>
      <c r="FR2217" s="91"/>
      <c r="FS2217" s="91"/>
      <c r="FT2217" s="91"/>
      <c r="FU2217" s="91"/>
      <c r="FV2217" s="91"/>
      <c r="FW2217" s="91"/>
      <c r="FX2217" s="91"/>
      <c r="FY2217" s="91"/>
      <c r="FZ2217" s="91"/>
      <c r="GA2217" s="91"/>
      <c r="GB2217" s="91"/>
      <c r="GC2217" s="91"/>
      <c r="GD2217" s="91"/>
      <c r="GE2217" s="91"/>
      <c r="GF2217" s="91"/>
      <c r="GG2217" s="91"/>
      <c r="GH2217" s="91"/>
      <c r="GI2217" s="91"/>
      <c r="GJ2217" s="91"/>
      <c r="GK2217" s="127"/>
      <c r="GL2217" s="126"/>
      <c r="GM2217" s="91"/>
      <c r="GN2217" s="91"/>
      <c r="GO2217" s="91"/>
      <c r="GP2217" s="91"/>
      <c r="GQ2217" s="91"/>
      <c r="GR2217" s="91"/>
      <c r="GS2217" s="91"/>
      <c r="GT2217" s="91"/>
      <c r="GU2217" s="91"/>
      <c r="GV2217" s="91"/>
      <c r="GW2217" s="91"/>
      <c r="GX2217" s="91"/>
      <c r="GY2217" s="91"/>
      <c r="GZ2217" s="91"/>
      <c r="HA2217" s="91"/>
      <c r="HB2217" s="91"/>
      <c r="HC2217" s="91"/>
      <c r="HD2217" s="91"/>
      <c r="HE2217" s="91"/>
      <c r="HF2217" s="91"/>
      <c r="HG2217" s="91"/>
      <c r="HH2217" s="91"/>
      <c r="HI2217" s="91"/>
      <c r="HJ2217" s="91"/>
      <c r="HK2217" s="127"/>
      <c r="HL2217" s="126"/>
      <c r="HM2217" s="91"/>
      <c r="HN2217" s="91"/>
      <c r="HO2217" s="91"/>
      <c r="HP2217" s="91"/>
      <c r="HQ2217" s="91"/>
      <c r="HR2217" s="91"/>
      <c r="HS2217" s="91"/>
      <c r="HT2217" s="91"/>
      <c r="HU2217" s="91"/>
      <c r="HV2217" s="91"/>
      <c r="HW2217" s="91"/>
      <c r="HX2217" s="91"/>
      <c r="HY2217" s="91"/>
      <c r="HZ2217" s="91"/>
      <c r="IA2217" s="91"/>
      <c r="IB2217" s="91"/>
      <c r="IC2217" s="91"/>
      <c r="ID2217" s="91"/>
      <c r="IE2217" s="91"/>
      <c r="IF2217" s="91"/>
      <c r="IG2217" s="91"/>
      <c r="IH2217" s="91"/>
      <c r="II2217" s="91"/>
      <c r="IJ2217" s="91"/>
      <c r="IK2217" s="127"/>
    </row>
    <row r="2218" spans="2:245" x14ac:dyDescent="0.2">
      <c r="B2218" s="43"/>
      <c r="C2218" s="73"/>
      <c r="D2218" s="64"/>
      <c r="E2218" s="64"/>
      <c r="F2218" s="55"/>
      <c r="G2218" s="102"/>
      <c r="H2218" s="55"/>
      <c r="I2218" s="55"/>
      <c r="J2218" s="55"/>
      <c r="K2218" s="55"/>
      <c r="L2218" s="55"/>
      <c r="M2218" s="55"/>
      <c r="N2218" s="55"/>
      <c r="O2218" s="55"/>
      <c r="P2218" s="55"/>
      <c r="Q2218" s="55"/>
      <c r="R2218" s="55"/>
      <c r="S2218" s="55"/>
      <c r="T2218" s="55"/>
      <c r="U2218" s="55"/>
      <c r="V2218" s="55"/>
      <c r="W2218" s="55"/>
      <c r="X2218" s="55"/>
      <c r="Y2218" s="55"/>
      <c r="Z2218" s="55"/>
      <c r="AA2218" s="55"/>
      <c r="AB2218" s="55"/>
      <c r="AC2218" s="55"/>
      <c r="AD2218" s="55"/>
      <c r="AE2218" s="55"/>
      <c r="AF2218" s="55"/>
      <c r="AG2218" s="55"/>
      <c r="AY2218" s="162"/>
      <c r="AZ2218" s="162"/>
      <c r="BA2218" s="162"/>
      <c r="BB2218" s="162"/>
      <c r="BC2218" s="162"/>
      <c r="BD2218" s="162"/>
      <c r="BE2218" s="162"/>
      <c r="BF2218" s="162"/>
      <c r="BG2218" s="162"/>
      <c r="BH2218" s="162"/>
      <c r="BI2218" s="162"/>
      <c r="BJ2218" s="162"/>
      <c r="BK2218" s="162"/>
      <c r="BL2218" s="162"/>
      <c r="BM2218" s="162"/>
      <c r="BN2218" s="162"/>
      <c r="BO2218" s="162"/>
      <c r="BP2218" s="162"/>
      <c r="BQ2218" s="162"/>
      <c r="BR2218" s="162"/>
      <c r="BS2218" s="162"/>
      <c r="BT2218" s="162"/>
      <c r="BU2218" s="162"/>
      <c r="BV2218" s="162"/>
      <c r="BW2218" s="162"/>
      <c r="BX2218" s="162"/>
      <c r="BY2218" s="162"/>
      <c r="BZ2218" s="162"/>
      <c r="CA2218" s="162"/>
      <c r="CB2218" s="162"/>
      <c r="CC2218" s="162"/>
      <c r="CD2218" s="162"/>
      <c r="CE2218" s="162"/>
      <c r="CF2218" s="162"/>
      <c r="CG2218" s="162"/>
      <c r="CH2218" s="162"/>
      <c r="CI2218" s="162"/>
      <c r="CJ2218" s="162"/>
      <c r="CK2218" s="162"/>
      <c r="CL2218" s="163"/>
      <c r="CM2218" s="163"/>
      <c r="CN2218" s="163"/>
      <c r="CO2218" s="163"/>
      <c r="CP2218" s="163"/>
      <c r="CQ2218" s="163"/>
      <c r="CR2218" s="163"/>
      <c r="CS2218" s="163"/>
      <c r="CT2218" s="163"/>
      <c r="CU2218" s="163"/>
      <c r="CV2218" s="163"/>
      <c r="CW2218" s="163"/>
      <c r="CX2218" s="173"/>
      <c r="CY2218" s="163"/>
      <c r="CZ2218" s="163"/>
      <c r="DA2218" s="163"/>
      <c r="DB2218" s="163"/>
      <c r="DC2218" s="163"/>
      <c r="DD2218" s="163"/>
      <c r="DE2218" s="163"/>
      <c r="DF2218" s="163"/>
      <c r="DG2218" s="163"/>
      <c r="DH2218" s="163"/>
      <c r="DI2218" s="163"/>
      <c r="DJ2218" s="163"/>
      <c r="DK2218" s="163"/>
      <c r="DL2218" s="172"/>
      <c r="DM2218" s="163"/>
      <c r="DN2218" s="163"/>
      <c r="DO2218" s="163"/>
      <c r="DP2218" s="163"/>
      <c r="DQ2218" s="163"/>
      <c r="DR2218" s="163"/>
      <c r="DS2218" s="163"/>
      <c r="DT2218" s="163"/>
      <c r="DU2218" s="163"/>
      <c r="DV2218" s="163"/>
      <c r="DW2218" s="163"/>
      <c r="DX2218" s="173"/>
      <c r="DY2218" s="163"/>
      <c r="DZ2218" s="163"/>
      <c r="EA2218" s="163"/>
      <c r="EB2218" s="163"/>
      <c r="EC2218" s="163"/>
      <c r="ED2218" s="163"/>
      <c r="EE2218" s="163"/>
      <c r="EF2218" s="163"/>
      <c r="EG2218" s="163"/>
      <c r="EH2218" s="163"/>
      <c r="EI2218" s="163"/>
      <c r="EJ2218" s="163"/>
      <c r="EK2218" s="163"/>
      <c r="EL2218" s="172"/>
      <c r="EM2218" s="163"/>
      <c r="EN2218" s="163"/>
      <c r="EO2218" s="163"/>
      <c r="EP2218" s="163"/>
      <c r="EQ2218" s="163"/>
      <c r="ER2218" s="163"/>
      <c r="ES2218" s="163"/>
      <c r="ET2218" s="163"/>
      <c r="EU2218" s="163"/>
      <c r="EV2218" s="163"/>
      <c r="EW2218" s="163"/>
      <c r="EX2218" s="173"/>
      <c r="EY2218" s="172"/>
      <c r="EZ2218" s="163"/>
      <c r="FA2218" s="163"/>
      <c r="FB2218" s="163"/>
      <c r="FC2218" s="163"/>
      <c r="FD2218" s="163"/>
      <c r="FE2218" s="163"/>
      <c r="FF2218" s="163"/>
      <c r="FG2218" s="163"/>
      <c r="FH2218" s="163"/>
      <c r="FI2218" s="163"/>
      <c r="FJ2218" s="163"/>
      <c r="FK2218" s="163"/>
      <c r="FL2218" s="126"/>
      <c r="FM2218" s="91"/>
      <c r="FN2218" s="91"/>
      <c r="FO2218" s="91"/>
      <c r="FP2218" s="91"/>
      <c r="FQ2218" s="91"/>
      <c r="FR2218" s="91"/>
      <c r="FS2218" s="91"/>
      <c r="FT2218" s="91"/>
      <c r="FU2218" s="91"/>
      <c r="FV2218" s="91"/>
      <c r="FW2218" s="91"/>
      <c r="FX2218" s="91"/>
      <c r="FY2218" s="91"/>
      <c r="FZ2218" s="91"/>
      <c r="GA2218" s="91"/>
      <c r="GB2218" s="91"/>
      <c r="GC2218" s="91"/>
      <c r="GD2218" s="91"/>
      <c r="GE2218" s="91"/>
      <c r="GF2218" s="91"/>
      <c r="GG2218" s="91"/>
      <c r="GH2218" s="91"/>
      <c r="GI2218" s="91"/>
      <c r="GJ2218" s="91"/>
      <c r="GK2218" s="127"/>
      <c r="GL2218" s="126"/>
      <c r="GM2218" s="91"/>
      <c r="GN2218" s="91"/>
      <c r="GO2218" s="91"/>
      <c r="GP2218" s="91"/>
      <c r="GQ2218" s="91"/>
      <c r="GR2218" s="91"/>
      <c r="GS2218" s="91"/>
      <c r="GT2218" s="91"/>
      <c r="GU2218" s="91"/>
      <c r="GV2218" s="91"/>
      <c r="GW2218" s="91"/>
      <c r="GX2218" s="91"/>
      <c r="GY2218" s="91"/>
      <c r="GZ2218" s="91"/>
      <c r="HA2218" s="91"/>
      <c r="HB2218" s="91"/>
      <c r="HC2218" s="91"/>
      <c r="HD2218" s="91"/>
      <c r="HE2218" s="91"/>
      <c r="HF2218" s="91"/>
      <c r="HG2218" s="91"/>
      <c r="HH2218" s="91"/>
      <c r="HI2218" s="91"/>
      <c r="HJ2218" s="91"/>
      <c r="HK2218" s="127"/>
      <c r="HL2218" s="126"/>
      <c r="HM2218" s="91"/>
      <c r="HN2218" s="91"/>
      <c r="HO2218" s="91"/>
      <c r="HP2218" s="91"/>
      <c r="HQ2218" s="91"/>
      <c r="HR2218" s="91"/>
      <c r="HS2218" s="91"/>
      <c r="HT2218" s="91"/>
      <c r="HU2218" s="91"/>
      <c r="HV2218" s="91"/>
      <c r="HW2218" s="91"/>
      <c r="HX2218" s="91"/>
      <c r="HY2218" s="91"/>
      <c r="HZ2218" s="91"/>
      <c r="IA2218" s="91"/>
      <c r="IB2218" s="91"/>
      <c r="IC2218" s="91"/>
      <c r="ID2218" s="91"/>
      <c r="IE2218" s="91"/>
      <c r="IF2218" s="91"/>
      <c r="IG2218" s="91"/>
      <c r="IH2218" s="91"/>
      <c r="II2218" s="91"/>
      <c r="IJ2218" s="91"/>
      <c r="IK2218" s="127"/>
    </row>
    <row r="2219" spans="2:245" x14ac:dyDescent="0.2">
      <c r="B2219" s="43"/>
      <c r="C2219" s="73"/>
      <c r="D2219" s="64"/>
      <c r="E2219" s="64"/>
      <c r="F2219" s="55"/>
      <c r="G2219" s="102"/>
      <c r="H2219" s="55"/>
      <c r="I2219" s="55"/>
      <c r="J2219" s="55"/>
      <c r="K2219" s="55"/>
      <c r="L2219" s="55"/>
      <c r="M2219" s="55"/>
      <c r="N2219" s="55"/>
      <c r="O2219" s="55"/>
      <c r="P2219" s="55"/>
      <c r="Q2219" s="55"/>
      <c r="R2219" s="55"/>
      <c r="S2219" s="55"/>
      <c r="T2219" s="55"/>
      <c r="U2219" s="55"/>
      <c r="V2219" s="55"/>
      <c r="W2219" s="55"/>
      <c r="X2219" s="55"/>
      <c r="Y2219" s="55"/>
      <c r="Z2219" s="55"/>
      <c r="AA2219" s="55"/>
      <c r="AB2219" s="55"/>
      <c r="AC2219" s="55"/>
      <c r="AD2219" s="55"/>
      <c r="AE2219" s="55"/>
      <c r="AF2219" s="55"/>
      <c r="AG2219" s="55"/>
      <c r="AY2219" s="162"/>
      <c r="AZ2219" s="162"/>
      <c r="BA2219" s="162"/>
      <c r="BB2219" s="162"/>
      <c r="BC2219" s="162"/>
      <c r="BD2219" s="162"/>
      <c r="BE2219" s="162"/>
      <c r="BF2219" s="162"/>
      <c r="BG2219" s="162"/>
      <c r="BH2219" s="162"/>
      <c r="BI2219" s="162"/>
      <c r="BJ2219" s="162"/>
      <c r="BK2219" s="162"/>
      <c r="BL2219" s="162"/>
      <c r="BM2219" s="162"/>
      <c r="BN2219" s="162"/>
      <c r="BO2219" s="162"/>
      <c r="BP2219" s="162"/>
      <c r="BQ2219" s="162"/>
      <c r="BR2219" s="162"/>
      <c r="BS2219" s="162"/>
      <c r="BT2219" s="162"/>
      <c r="BU2219" s="162"/>
      <c r="BV2219" s="162"/>
      <c r="BW2219" s="162"/>
      <c r="BX2219" s="162"/>
      <c r="BY2219" s="162"/>
      <c r="BZ2219" s="162"/>
      <c r="CA2219" s="162"/>
      <c r="CB2219" s="162"/>
      <c r="CC2219" s="162"/>
      <c r="CD2219" s="162"/>
      <c r="CE2219" s="162"/>
      <c r="CF2219" s="162"/>
      <c r="CG2219" s="162"/>
      <c r="CH2219" s="162"/>
      <c r="CI2219" s="162"/>
      <c r="CJ2219" s="162"/>
      <c r="CK2219" s="162"/>
      <c r="CX2219" s="98"/>
      <c r="DL2219" s="97"/>
      <c r="DX2219" s="98"/>
      <c r="EL2219" s="97"/>
      <c r="EX2219" s="98"/>
      <c r="EY2219" s="97"/>
      <c r="FL2219" s="126"/>
      <c r="FM2219" s="91"/>
      <c r="FN2219" s="91"/>
      <c r="FO2219" s="91"/>
      <c r="FP2219" s="91"/>
      <c r="FQ2219" s="91"/>
      <c r="FR2219" s="91"/>
      <c r="FS2219" s="91"/>
      <c r="FT2219" s="91"/>
      <c r="FU2219" s="91"/>
      <c r="FV2219" s="91"/>
      <c r="FW2219" s="91"/>
      <c r="FX2219" s="91"/>
      <c r="FY2219" s="91"/>
      <c r="FZ2219" s="91"/>
      <c r="GA2219" s="91"/>
      <c r="GB2219" s="91"/>
      <c r="GC2219" s="91"/>
      <c r="GD2219" s="91"/>
      <c r="GE2219" s="91"/>
      <c r="GF2219" s="91"/>
      <c r="GG2219" s="91"/>
      <c r="GH2219" s="91"/>
      <c r="GI2219" s="91"/>
      <c r="GJ2219" s="91"/>
      <c r="GK2219" s="127"/>
      <c r="GL2219" s="126"/>
      <c r="GM2219" s="91"/>
      <c r="GN2219" s="91"/>
      <c r="GO2219" s="91"/>
      <c r="GP2219" s="91"/>
      <c r="GQ2219" s="91"/>
      <c r="GR2219" s="91"/>
      <c r="GS2219" s="91"/>
      <c r="GT2219" s="91"/>
      <c r="GU2219" s="91"/>
      <c r="GV2219" s="91"/>
      <c r="GW2219" s="91"/>
      <c r="GX2219" s="91"/>
      <c r="GY2219" s="91"/>
      <c r="GZ2219" s="91"/>
      <c r="HA2219" s="91"/>
      <c r="HB2219" s="91"/>
      <c r="HC2219" s="91"/>
      <c r="HD2219" s="91"/>
      <c r="HE2219" s="91"/>
      <c r="HF2219" s="91"/>
      <c r="HG2219" s="91"/>
      <c r="HH2219" s="91"/>
      <c r="HI2219" s="91"/>
      <c r="HJ2219" s="91"/>
      <c r="HK2219" s="127"/>
      <c r="HL2219" s="126"/>
      <c r="HM2219" s="91"/>
      <c r="HN2219" s="91"/>
      <c r="HO2219" s="91"/>
      <c r="HP2219" s="91"/>
      <c r="HQ2219" s="91"/>
      <c r="HR2219" s="91"/>
      <c r="HS2219" s="91"/>
      <c r="HT2219" s="91"/>
      <c r="HU2219" s="91"/>
      <c r="HV2219" s="91"/>
      <c r="HW2219" s="91"/>
      <c r="HX2219" s="91"/>
      <c r="HY2219" s="91"/>
      <c r="HZ2219" s="91"/>
      <c r="IA2219" s="91"/>
      <c r="IB2219" s="91"/>
      <c r="IC2219" s="91"/>
      <c r="ID2219" s="91"/>
      <c r="IE2219" s="91"/>
      <c r="IF2219" s="91"/>
      <c r="IG2219" s="91"/>
      <c r="IH2219" s="91"/>
      <c r="II2219" s="91"/>
      <c r="IJ2219" s="91"/>
      <c r="IK2219" s="127"/>
    </row>
    <row r="2220" spans="2:245" x14ac:dyDescent="0.2">
      <c r="B2220" s="43"/>
      <c r="C2220" s="73"/>
      <c r="D2220" s="64"/>
      <c r="E2220" s="64"/>
      <c r="F2220" s="55"/>
      <c r="G2220" s="102"/>
      <c r="H2220" s="55"/>
      <c r="I2220" s="55"/>
      <c r="J2220" s="55"/>
      <c r="K2220" s="55"/>
      <c r="L2220" s="55"/>
      <c r="M2220" s="55"/>
      <c r="N2220" s="55"/>
      <c r="O2220" s="55"/>
      <c r="P2220" s="55"/>
      <c r="Q2220" s="55"/>
      <c r="R2220" s="55"/>
      <c r="S2220" s="55"/>
      <c r="T2220" s="55"/>
      <c r="U2220" s="55"/>
      <c r="V2220" s="55"/>
      <c r="W2220" s="55"/>
      <c r="X2220" s="55"/>
      <c r="Y2220" s="55"/>
      <c r="Z2220" s="55"/>
      <c r="AA2220" s="55"/>
      <c r="AB2220" s="55"/>
      <c r="AC2220" s="55"/>
      <c r="AD2220" s="55"/>
      <c r="AE2220" s="55"/>
      <c r="AF2220" s="55"/>
      <c r="AG2220" s="55"/>
      <c r="AY2220" s="162"/>
      <c r="AZ2220" s="162"/>
      <c r="BA2220" s="162"/>
      <c r="BB2220" s="162"/>
      <c r="BC2220" s="162"/>
      <c r="BD2220" s="162"/>
      <c r="BE2220" s="162"/>
      <c r="BF2220" s="162"/>
      <c r="BG2220" s="162"/>
      <c r="BH2220" s="162"/>
      <c r="BI2220" s="162"/>
      <c r="BJ2220" s="162"/>
      <c r="BK2220" s="162"/>
      <c r="BL2220" s="162"/>
      <c r="BM2220" s="162"/>
      <c r="BN2220" s="162"/>
      <c r="BO2220" s="162"/>
      <c r="BP2220" s="162"/>
      <c r="BQ2220" s="162"/>
      <c r="BR2220" s="162"/>
      <c r="BS2220" s="162"/>
      <c r="BT2220" s="162"/>
      <c r="BU2220" s="162"/>
      <c r="BV2220" s="162"/>
      <c r="BW2220" s="162"/>
      <c r="BX2220" s="162"/>
      <c r="BY2220" s="162"/>
      <c r="BZ2220" s="162"/>
      <c r="CA2220" s="162"/>
      <c r="CB2220" s="162"/>
      <c r="CC2220" s="162"/>
      <c r="CD2220" s="162"/>
      <c r="CE2220" s="162"/>
      <c r="CF2220" s="162"/>
      <c r="CG2220" s="162"/>
      <c r="CH2220" s="162"/>
      <c r="CI2220" s="162"/>
      <c r="CJ2220" s="162"/>
      <c r="CK2220" s="162"/>
      <c r="CX2220" s="98"/>
      <c r="DL2220" s="97"/>
      <c r="DX2220" s="98"/>
      <c r="EL2220" s="97"/>
      <c r="EX2220" s="98"/>
      <c r="EY2220" s="97"/>
      <c r="FL2220" s="126"/>
      <c r="FM2220" s="91"/>
      <c r="FN2220" s="91"/>
      <c r="FO2220" s="91"/>
      <c r="FP2220" s="91"/>
      <c r="FQ2220" s="91"/>
      <c r="FR2220" s="91"/>
      <c r="FS2220" s="91"/>
      <c r="FT2220" s="91"/>
      <c r="FU2220" s="91"/>
      <c r="FV2220" s="91"/>
      <c r="FW2220" s="91"/>
      <c r="FX2220" s="91"/>
      <c r="FY2220" s="91"/>
      <c r="FZ2220" s="91"/>
      <c r="GA2220" s="91"/>
      <c r="GB2220" s="91"/>
      <c r="GC2220" s="91"/>
      <c r="GD2220" s="91"/>
      <c r="GE2220" s="91"/>
      <c r="GF2220" s="91"/>
      <c r="GG2220" s="91"/>
      <c r="GH2220" s="91"/>
      <c r="GI2220" s="91"/>
      <c r="GJ2220" s="91"/>
      <c r="GK2220" s="127"/>
      <c r="GL2220" s="126"/>
      <c r="GM2220" s="91"/>
      <c r="GN2220" s="91"/>
      <c r="GO2220" s="91"/>
      <c r="GP2220" s="91"/>
      <c r="GQ2220" s="91"/>
      <c r="GR2220" s="91"/>
      <c r="GS2220" s="91"/>
      <c r="GT2220" s="91"/>
      <c r="GU2220" s="91"/>
      <c r="GV2220" s="91"/>
      <c r="GW2220" s="91"/>
      <c r="GX2220" s="91"/>
      <c r="GY2220" s="91"/>
      <c r="GZ2220" s="91"/>
      <c r="HA2220" s="91"/>
      <c r="HB2220" s="91"/>
      <c r="HC2220" s="91"/>
      <c r="HD2220" s="91"/>
      <c r="HE2220" s="91"/>
      <c r="HF2220" s="91"/>
      <c r="HG2220" s="91"/>
      <c r="HH2220" s="91"/>
      <c r="HI2220" s="91"/>
      <c r="HJ2220" s="91"/>
      <c r="HK2220" s="127"/>
      <c r="HL2220" s="126"/>
      <c r="HM2220" s="91"/>
      <c r="HN2220" s="91"/>
      <c r="HO2220" s="91"/>
      <c r="HP2220" s="91"/>
      <c r="HQ2220" s="91"/>
      <c r="HR2220" s="91"/>
      <c r="HS2220" s="91"/>
      <c r="HT2220" s="91"/>
      <c r="HU2220" s="91"/>
      <c r="HV2220" s="91"/>
      <c r="HW2220" s="91"/>
      <c r="HX2220" s="91"/>
      <c r="HY2220" s="91"/>
      <c r="HZ2220" s="91"/>
      <c r="IA2220" s="91"/>
      <c r="IB2220" s="91"/>
      <c r="IC2220" s="91"/>
      <c r="ID2220" s="91"/>
      <c r="IE2220" s="91"/>
      <c r="IF2220" s="91"/>
      <c r="IG2220" s="91"/>
      <c r="IH2220" s="91"/>
      <c r="II2220" s="91"/>
      <c r="IJ2220" s="91"/>
      <c r="IK2220" s="127"/>
    </row>
    <row r="2221" spans="2:245" x14ac:dyDescent="0.2">
      <c r="B2221" s="43"/>
      <c r="C2221" s="73"/>
      <c r="D2221" s="64"/>
      <c r="E2221" s="64"/>
      <c r="F2221" s="55"/>
      <c r="G2221" s="102"/>
      <c r="H2221" s="55"/>
      <c r="I2221" s="55"/>
      <c r="J2221" s="55"/>
      <c r="K2221" s="55"/>
      <c r="L2221" s="55"/>
      <c r="M2221" s="55"/>
      <c r="N2221" s="55"/>
      <c r="O2221" s="55"/>
      <c r="P2221" s="55"/>
      <c r="Q2221" s="55"/>
      <c r="R2221" s="55"/>
      <c r="S2221" s="55"/>
      <c r="T2221" s="55"/>
      <c r="U2221" s="55"/>
      <c r="V2221" s="55"/>
      <c r="W2221" s="55"/>
      <c r="X2221" s="55"/>
      <c r="Y2221" s="55"/>
      <c r="Z2221" s="55"/>
      <c r="AA2221" s="55"/>
      <c r="AB2221" s="55"/>
      <c r="AC2221" s="55"/>
      <c r="AD2221" s="55"/>
      <c r="AE2221" s="55"/>
      <c r="AF2221" s="55"/>
      <c r="AG2221" s="55"/>
      <c r="AY2221" s="162"/>
      <c r="AZ2221" s="162"/>
      <c r="BA2221" s="162"/>
      <c r="BB2221" s="162"/>
      <c r="BC2221" s="162"/>
      <c r="BD2221" s="162"/>
      <c r="BE2221" s="162"/>
      <c r="BF2221" s="162"/>
      <c r="BG2221" s="162"/>
      <c r="BH2221" s="162"/>
      <c r="BI2221" s="162"/>
      <c r="BJ2221" s="162"/>
      <c r="BK2221" s="162"/>
      <c r="BL2221" s="162"/>
      <c r="BM2221" s="162"/>
      <c r="BN2221" s="162"/>
      <c r="BO2221" s="162"/>
      <c r="BP2221" s="162"/>
      <c r="BQ2221" s="162"/>
      <c r="BR2221" s="162"/>
      <c r="BS2221" s="162"/>
      <c r="BT2221" s="162"/>
      <c r="BU2221" s="162"/>
      <c r="BV2221" s="162"/>
      <c r="BW2221" s="162"/>
      <c r="BX2221" s="162"/>
      <c r="BY2221" s="162"/>
      <c r="BZ2221" s="162"/>
      <c r="CA2221" s="162"/>
      <c r="CB2221" s="162"/>
      <c r="CC2221" s="162"/>
      <c r="CD2221" s="162"/>
      <c r="CE2221" s="162"/>
      <c r="CF2221" s="162"/>
      <c r="CG2221" s="162"/>
      <c r="CH2221" s="162"/>
      <c r="CI2221" s="162"/>
      <c r="CJ2221" s="162"/>
      <c r="CK2221" s="162"/>
      <c r="CX2221" s="98"/>
      <c r="DL2221" s="97"/>
      <c r="DX2221" s="98"/>
      <c r="EL2221" s="97"/>
      <c r="EX2221" s="98"/>
      <c r="EY2221" s="97"/>
      <c r="FL2221" s="126"/>
      <c r="FM2221" s="91"/>
      <c r="FN2221" s="91"/>
      <c r="FO2221" s="91"/>
      <c r="FP2221" s="91"/>
      <c r="FQ2221" s="91"/>
      <c r="FR2221" s="91"/>
      <c r="FS2221" s="91"/>
      <c r="FT2221" s="91"/>
      <c r="FU2221" s="91"/>
      <c r="FV2221" s="91"/>
      <c r="FW2221" s="91"/>
      <c r="FX2221" s="91"/>
      <c r="FY2221" s="91"/>
      <c r="FZ2221" s="91"/>
      <c r="GA2221" s="91"/>
      <c r="GB2221" s="91"/>
      <c r="GC2221" s="91"/>
      <c r="GD2221" s="91"/>
      <c r="GE2221" s="91"/>
      <c r="GF2221" s="91"/>
      <c r="GG2221" s="91"/>
      <c r="GH2221" s="91"/>
      <c r="GI2221" s="91"/>
      <c r="GJ2221" s="91"/>
      <c r="GK2221" s="127"/>
      <c r="GL2221" s="126"/>
      <c r="GM2221" s="91"/>
      <c r="GN2221" s="91"/>
      <c r="GO2221" s="91"/>
      <c r="GP2221" s="91"/>
      <c r="GQ2221" s="91"/>
      <c r="GR2221" s="91"/>
      <c r="GS2221" s="91"/>
      <c r="GT2221" s="91"/>
      <c r="GU2221" s="91"/>
      <c r="GV2221" s="91"/>
      <c r="GW2221" s="91"/>
      <c r="GX2221" s="91"/>
      <c r="GY2221" s="91"/>
      <c r="GZ2221" s="91"/>
      <c r="HA2221" s="91"/>
      <c r="HB2221" s="91"/>
      <c r="HC2221" s="91"/>
      <c r="HD2221" s="91"/>
      <c r="HE2221" s="91"/>
      <c r="HF2221" s="91"/>
      <c r="HG2221" s="91"/>
      <c r="HH2221" s="91"/>
      <c r="HI2221" s="91"/>
      <c r="HJ2221" s="91"/>
      <c r="HK2221" s="127"/>
      <c r="HL2221" s="126"/>
      <c r="HM2221" s="91"/>
      <c r="HN2221" s="91"/>
      <c r="HO2221" s="91"/>
      <c r="HP2221" s="91"/>
      <c r="HQ2221" s="91"/>
      <c r="HR2221" s="91"/>
      <c r="HS2221" s="91"/>
      <c r="HT2221" s="91"/>
      <c r="HU2221" s="91"/>
      <c r="HV2221" s="91"/>
      <c r="HW2221" s="91"/>
      <c r="HX2221" s="91"/>
      <c r="HY2221" s="91"/>
      <c r="HZ2221" s="91"/>
      <c r="IA2221" s="91"/>
      <c r="IB2221" s="91"/>
      <c r="IC2221" s="91"/>
      <c r="ID2221" s="91"/>
      <c r="IE2221" s="91"/>
      <c r="IF2221" s="91"/>
      <c r="IG2221" s="91"/>
      <c r="IH2221" s="91"/>
      <c r="II2221" s="91"/>
      <c r="IJ2221" s="91"/>
      <c r="IK2221" s="127"/>
    </row>
    <row r="2222" spans="2:245" x14ac:dyDescent="0.2">
      <c r="B2222" s="43"/>
      <c r="C2222" s="73"/>
      <c r="D2222" s="64"/>
      <c r="E2222" s="64"/>
      <c r="F2222" s="55"/>
      <c r="G2222" s="102"/>
      <c r="H2222" s="55"/>
      <c r="I2222" s="55"/>
      <c r="J2222" s="55"/>
      <c r="K2222" s="55"/>
      <c r="L2222" s="55"/>
      <c r="M2222" s="55"/>
      <c r="N2222" s="55"/>
      <c r="O2222" s="55"/>
      <c r="P2222" s="55"/>
      <c r="Q2222" s="55"/>
      <c r="R2222" s="55"/>
      <c r="S2222" s="55"/>
      <c r="T2222" s="55"/>
      <c r="U2222" s="55"/>
      <c r="V2222" s="55"/>
      <c r="W2222" s="55"/>
      <c r="X2222" s="55"/>
      <c r="Y2222" s="55"/>
      <c r="Z2222" s="55"/>
      <c r="AA2222" s="55"/>
      <c r="AB2222" s="55"/>
      <c r="AC2222" s="55"/>
      <c r="AD2222" s="55"/>
      <c r="AE2222" s="55"/>
      <c r="AF2222" s="55"/>
      <c r="AG2222" s="55"/>
      <c r="AY2222" s="162"/>
      <c r="AZ2222" s="162"/>
      <c r="BA2222" s="162"/>
      <c r="BB2222" s="162"/>
      <c r="BC2222" s="162"/>
      <c r="BD2222" s="162"/>
      <c r="BE2222" s="162"/>
      <c r="BF2222" s="162"/>
      <c r="BG2222" s="162"/>
      <c r="BH2222" s="162"/>
      <c r="BI2222" s="162"/>
      <c r="BJ2222" s="162"/>
      <c r="BK2222" s="162"/>
      <c r="BL2222" s="162"/>
      <c r="BM2222" s="162"/>
      <c r="BN2222" s="162"/>
      <c r="BO2222" s="162"/>
      <c r="BP2222" s="162"/>
      <c r="BQ2222" s="162"/>
      <c r="BR2222" s="162"/>
      <c r="BS2222" s="162"/>
      <c r="BT2222" s="162"/>
      <c r="BU2222" s="162"/>
      <c r="BV2222" s="162"/>
      <c r="BW2222" s="162"/>
      <c r="BX2222" s="162"/>
      <c r="BY2222" s="162"/>
      <c r="BZ2222" s="162"/>
      <c r="CA2222" s="162"/>
      <c r="CB2222" s="162"/>
      <c r="CC2222" s="162"/>
      <c r="CD2222" s="162"/>
      <c r="CE2222" s="162"/>
      <c r="CF2222" s="162"/>
      <c r="CG2222" s="162"/>
      <c r="CH2222" s="162"/>
      <c r="CI2222" s="162"/>
      <c r="CJ2222" s="162"/>
      <c r="CK2222" s="162"/>
      <c r="CX2222" s="98"/>
      <c r="DL2222" s="97"/>
      <c r="DX2222" s="98"/>
      <c r="EL2222" s="97"/>
      <c r="EX2222" s="98"/>
      <c r="EY2222" s="97"/>
      <c r="FL2222" s="126"/>
      <c r="FM2222" s="91"/>
      <c r="FN2222" s="91"/>
      <c r="FO2222" s="91"/>
      <c r="FP2222" s="91"/>
      <c r="FQ2222" s="91"/>
      <c r="FR2222" s="91"/>
      <c r="FS2222" s="91"/>
      <c r="FT2222" s="91"/>
      <c r="FU2222" s="91"/>
      <c r="FV2222" s="91"/>
      <c r="FW2222" s="91"/>
      <c r="FX2222" s="91"/>
      <c r="FY2222" s="91"/>
      <c r="FZ2222" s="91"/>
      <c r="GA2222" s="91"/>
      <c r="GB2222" s="91"/>
      <c r="GC2222" s="91"/>
      <c r="GD2222" s="91"/>
      <c r="GE2222" s="91"/>
      <c r="GF2222" s="91"/>
      <c r="GG2222" s="91"/>
      <c r="GH2222" s="91"/>
      <c r="GI2222" s="91"/>
      <c r="GJ2222" s="91"/>
      <c r="GK2222" s="127"/>
      <c r="GL2222" s="126"/>
      <c r="GM2222" s="91"/>
      <c r="GN2222" s="91"/>
      <c r="GO2222" s="91"/>
      <c r="GP2222" s="91"/>
      <c r="GQ2222" s="91"/>
      <c r="GR2222" s="91"/>
      <c r="GS2222" s="91"/>
      <c r="GT2222" s="91"/>
      <c r="GU2222" s="91"/>
      <c r="GV2222" s="91"/>
      <c r="GW2222" s="91"/>
      <c r="GX2222" s="91"/>
      <c r="GY2222" s="91"/>
      <c r="GZ2222" s="91"/>
      <c r="HA2222" s="91"/>
      <c r="HB2222" s="91"/>
      <c r="HC2222" s="91"/>
      <c r="HD2222" s="91"/>
      <c r="HE2222" s="91"/>
      <c r="HF2222" s="91"/>
      <c r="HG2222" s="91"/>
      <c r="HH2222" s="91"/>
      <c r="HI2222" s="91"/>
      <c r="HJ2222" s="91"/>
      <c r="HK2222" s="127"/>
      <c r="HL2222" s="126"/>
      <c r="HM2222" s="91"/>
      <c r="HN2222" s="91"/>
      <c r="HO2222" s="91"/>
      <c r="HP2222" s="91"/>
      <c r="HQ2222" s="91"/>
      <c r="HR2222" s="91"/>
      <c r="HS2222" s="91"/>
      <c r="HT2222" s="91"/>
      <c r="HU2222" s="91"/>
      <c r="HV2222" s="91"/>
      <c r="HW2222" s="91"/>
      <c r="HX2222" s="91"/>
      <c r="HY2222" s="91"/>
      <c r="HZ2222" s="91"/>
      <c r="IA2222" s="91"/>
      <c r="IB2222" s="91"/>
      <c r="IC2222" s="91"/>
      <c r="ID2222" s="91"/>
      <c r="IE2222" s="91"/>
      <c r="IF2222" s="91"/>
      <c r="IG2222" s="91"/>
      <c r="IH2222" s="91"/>
      <c r="II2222" s="91"/>
      <c r="IJ2222" s="91"/>
      <c r="IK2222" s="127"/>
    </row>
    <row r="2223" spans="2:245" x14ac:dyDescent="0.2">
      <c r="B2223" s="43"/>
      <c r="C2223" s="73"/>
      <c r="D2223" s="64"/>
      <c r="E2223" s="64"/>
      <c r="F2223" s="55"/>
      <c r="G2223" s="102"/>
      <c r="H2223" s="55"/>
      <c r="I2223" s="55"/>
      <c r="J2223" s="55"/>
      <c r="K2223" s="55"/>
      <c r="L2223" s="55"/>
      <c r="M2223" s="55"/>
      <c r="N2223" s="55"/>
      <c r="O2223" s="55"/>
      <c r="P2223" s="55"/>
      <c r="Q2223" s="55"/>
      <c r="R2223" s="55"/>
      <c r="S2223" s="55"/>
      <c r="T2223" s="55"/>
      <c r="U2223" s="55"/>
      <c r="V2223" s="55"/>
      <c r="W2223" s="55"/>
      <c r="X2223" s="55"/>
      <c r="Y2223" s="55"/>
      <c r="Z2223" s="55"/>
      <c r="AA2223" s="55"/>
      <c r="AB2223" s="55"/>
      <c r="AC2223" s="55"/>
      <c r="AD2223" s="55"/>
      <c r="AE2223" s="55"/>
      <c r="AF2223" s="55"/>
      <c r="AG2223" s="55"/>
      <c r="AY2223" s="162"/>
      <c r="AZ2223" s="162"/>
      <c r="BA2223" s="162"/>
      <c r="BB2223" s="162"/>
      <c r="BC2223" s="162"/>
      <c r="BD2223" s="162"/>
      <c r="BE2223" s="162"/>
      <c r="BF2223" s="162"/>
      <c r="BG2223" s="162"/>
      <c r="BH2223" s="162"/>
      <c r="BI2223" s="162"/>
      <c r="BJ2223" s="162"/>
      <c r="BK2223" s="162"/>
      <c r="BL2223" s="162"/>
      <c r="BM2223" s="162"/>
      <c r="BN2223" s="162"/>
      <c r="BO2223" s="162"/>
      <c r="BP2223" s="162"/>
      <c r="BQ2223" s="162"/>
      <c r="BR2223" s="162"/>
      <c r="BS2223" s="162"/>
      <c r="BT2223" s="162"/>
      <c r="BU2223" s="162"/>
      <c r="BV2223" s="162"/>
      <c r="BW2223" s="162"/>
      <c r="BX2223" s="162"/>
      <c r="BY2223" s="162"/>
      <c r="BZ2223" s="162"/>
      <c r="CA2223" s="162"/>
      <c r="CB2223" s="162"/>
      <c r="CC2223" s="162"/>
      <c r="CD2223" s="162"/>
      <c r="CE2223" s="162"/>
      <c r="CF2223" s="162"/>
      <c r="CG2223" s="162"/>
      <c r="CH2223" s="162"/>
      <c r="CI2223" s="162"/>
      <c r="CJ2223" s="162"/>
      <c r="CK2223" s="162"/>
      <c r="CX2223" s="98"/>
      <c r="DL2223" s="97"/>
      <c r="DX2223" s="98"/>
      <c r="EL2223" s="97"/>
      <c r="EX2223" s="98"/>
      <c r="EY2223" s="97"/>
      <c r="FL2223" s="126"/>
      <c r="FM2223" s="91"/>
      <c r="FN2223" s="91"/>
      <c r="FO2223" s="91"/>
      <c r="FP2223" s="91"/>
      <c r="FQ2223" s="91"/>
      <c r="FR2223" s="91"/>
      <c r="FS2223" s="91"/>
      <c r="FT2223" s="91"/>
      <c r="FU2223" s="91"/>
      <c r="FV2223" s="91"/>
      <c r="FW2223" s="91"/>
      <c r="FX2223" s="91"/>
      <c r="FY2223" s="91"/>
      <c r="FZ2223" s="91"/>
      <c r="GA2223" s="91"/>
      <c r="GB2223" s="91"/>
      <c r="GC2223" s="91"/>
      <c r="GD2223" s="91"/>
      <c r="GE2223" s="91"/>
      <c r="GF2223" s="91"/>
      <c r="GG2223" s="91"/>
      <c r="GH2223" s="91"/>
      <c r="GI2223" s="91"/>
      <c r="GJ2223" s="91"/>
      <c r="GK2223" s="127"/>
      <c r="GL2223" s="126"/>
      <c r="GM2223" s="91"/>
      <c r="GN2223" s="91"/>
      <c r="GO2223" s="91"/>
      <c r="GP2223" s="91"/>
      <c r="GQ2223" s="91"/>
      <c r="GR2223" s="91"/>
      <c r="GS2223" s="91"/>
      <c r="GT2223" s="91"/>
      <c r="GU2223" s="91"/>
      <c r="GV2223" s="91"/>
      <c r="GW2223" s="91"/>
      <c r="GX2223" s="91"/>
      <c r="GY2223" s="91"/>
      <c r="GZ2223" s="91"/>
      <c r="HA2223" s="91"/>
      <c r="HB2223" s="91"/>
      <c r="HC2223" s="91"/>
      <c r="HD2223" s="91"/>
      <c r="HE2223" s="91"/>
      <c r="HF2223" s="91"/>
      <c r="HG2223" s="91"/>
      <c r="HH2223" s="91"/>
      <c r="HI2223" s="91"/>
      <c r="HJ2223" s="91"/>
      <c r="HK2223" s="127"/>
      <c r="HL2223" s="126"/>
      <c r="HM2223" s="91"/>
      <c r="HN2223" s="91"/>
      <c r="HO2223" s="91"/>
      <c r="HP2223" s="91"/>
      <c r="HQ2223" s="91"/>
      <c r="HR2223" s="91"/>
      <c r="HS2223" s="91"/>
      <c r="HT2223" s="91"/>
      <c r="HU2223" s="91"/>
      <c r="HV2223" s="91"/>
      <c r="HW2223" s="91"/>
      <c r="HX2223" s="91"/>
      <c r="HY2223" s="91"/>
      <c r="HZ2223" s="91"/>
      <c r="IA2223" s="91"/>
      <c r="IB2223" s="91"/>
      <c r="IC2223" s="91"/>
      <c r="ID2223" s="91"/>
      <c r="IE2223" s="91"/>
      <c r="IF2223" s="91"/>
      <c r="IG2223" s="91"/>
      <c r="IH2223" s="91"/>
      <c r="II2223" s="91"/>
      <c r="IJ2223" s="91"/>
      <c r="IK2223" s="127"/>
    </row>
    <row r="2224" spans="2:245" x14ac:dyDescent="0.2">
      <c r="B2224" s="43"/>
      <c r="C2224" s="73"/>
      <c r="D2224" s="64"/>
      <c r="E2224" s="64"/>
      <c r="F2224" s="55"/>
      <c r="G2224" s="102"/>
      <c r="H2224" s="55"/>
      <c r="I2224" s="55"/>
      <c r="J2224" s="55"/>
      <c r="K2224" s="55"/>
      <c r="L2224" s="55"/>
      <c r="M2224" s="55"/>
      <c r="N2224" s="55"/>
      <c r="O2224" s="55"/>
      <c r="P2224" s="55"/>
      <c r="Q2224" s="55"/>
      <c r="R2224" s="55"/>
      <c r="S2224" s="55"/>
      <c r="T2224" s="55"/>
      <c r="U2224" s="55"/>
      <c r="V2224" s="55"/>
      <c r="W2224" s="55"/>
      <c r="X2224" s="55"/>
      <c r="Y2224" s="55"/>
      <c r="Z2224" s="55"/>
      <c r="AA2224" s="55"/>
      <c r="AB2224" s="55"/>
      <c r="AC2224" s="55"/>
      <c r="AD2224" s="55"/>
      <c r="AE2224" s="55"/>
      <c r="AF2224" s="55"/>
      <c r="AG2224" s="55"/>
      <c r="AY2224" s="162"/>
      <c r="AZ2224" s="162"/>
      <c r="BA2224" s="162"/>
      <c r="BB2224" s="162"/>
      <c r="BC2224" s="162"/>
      <c r="BD2224" s="162"/>
      <c r="BE2224" s="162"/>
      <c r="BF2224" s="162"/>
      <c r="BG2224" s="162"/>
      <c r="BH2224" s="162"/>
      <c r="BI2224" s="162"/>
      <c r="BJ2224" s="162"/>
      <c r="BK2224" s="162"/>
      <c r="BL2224" s="162"/>
      <c r="BM2224" s="162"/>
      <c r="BN2224" s="162"/>
      <c r="BO2224" s="162"/>
      <c r="BP2224" s="162"/>
      <c r="BQ2224" s="162"/>
      <c r="BR2224" s="162"/>
      <c r="BS2224" s="162"/>
      <c r="BT2224" s="162"/>
      <c r="BU2224" s="162"/>
      <c r="BV2224" s="162"/>
      <c r="BW2224" s="162"/>
      <c r="BX2224" s="162"/>
      <c r="BY2224" s="162"/>
      <c r="BZ2224" s="162"/>
      <c r="CA2224" s="162"/>
      <c r="CB2224" s="162"/>
      <c r="CC2224" s="162"/>
      <c r="CD2224" s="162"/>
      <c r="CE2224" s="162"/>
      <c r="CF2224" s="162"/>
      <c r="CG2224" s="162"/>
      <c r="CH2224" s="162"/>
      <c r="CI2224" s="162"/>
      <c r="CJ2224" s="162"/>
      <c r="CK2224" s="162"/>
      <c r="CX2224" s="98"/>
      <c r="DL2224" s="97"/>
      <c r="DX2224" s="98"/>
      <c r="EL2224" s="97"/>
      <c r="EX2224" s="98"/>
      <c r="EY2224" s="97"/>
      <c r="FL2224" s="126"/>
      <c r="FM2224" s="91"/>
      <c r="FN2224" s="91"/>
      <c r="FO2224" s="91"/>
      <c r="FP2224" s="91"/>
      <c r="FQ2224" s="91"/>
      <c r="FR2224" s="91"/>
      <c r="FS2224" s="91"/>
      <c r="FT2224" s="91"/>
      <c r="FU2224" s="91"/>
      <c r="FV2224" s="91"/>
      <c r="FW2224" s="91"/>
      <c r="FX2224" s="91"/>
      <c r="FY2224" s="91"/>
      <c r="FZ2224" s="91"/>
      <c r="GA2224" s="91"/>
      <c r="GB2224" s="91"/>
      <c r="GC2224" s="91"/>
      <c r="GD2224" s="91"/>
      <c r="GE2224" s="91"/>
      <c r="GF2224" s="91"/>
      <c r="GG2224" s="91"/>
      <c r="GH2224" s="91"/>
      <c r="GI2224" s="91"/>
      <c r="GJ2224" s="91"/>
      <c r="GK2224" s="127"/>
      <c r="GL2224" s="126"/>
      <c r="GM2224" s="91"/>
      <c r="GN2224" s="91"/>
      <c r="GO2224" s="91"/>
      <c r="GP2224" s="91"/>
      <c r="GQ2224" s="91"/>
      <c r="GR2224" s="91"/>
      <c r="GS2224" s="91"/>
      <c r="GT2224" s="91"/>
      <c r="GU2224" s="91"/>
      <c r="GV2224" s="91"/>
      <c r="GW2224" s="91"/>
      <c r="GX2224" s="91"/>
      <c r="GY2224" s="91"/>
      <c r="GZ2224" s="91"/>
      <c r="HA2224" s="91"/>
      <c r="HB2224" s="91"/>
      <c r="HC2224" s="91"/>
      <c r="HD2224" s="91"/>
      <c r="HE2224" s="91"/>
      <c r="HF2224" s="91"/>
      <c r="HG2224" s="91"/>
      <c r="HH2224" s="91"/>
      <c r="HI2224" s="91"/>
      <c r="HJ2224" s="91"/>
      <c r="HK2224" s="127"/>
      <c r="HL2224" s="126"/>
      <c r="HM2224" s="91"/>
      <c r="HN2224" s="91"/>
      <c r="HO2224" s="91"/>
      <c r="HP2224" s="91"/>
      <c r="HQ2224" s="91"/>
      <c r="HR2224" s="91"/>
      <c r="HS2224" s="91"/>
      <c r="HT2224" s="91"/>
      <c r="HU2224" s="91"/>
      <c r="HV2224" s="91"/>
      <c r="HW2224" s="91"/>
      <c r="HX2224" s="91"/>
      <c r="HY2224" s="91"/>
      <c r="HZ2224" s="91"/>
      <c r="IA2224" s="91"/>
      <c r="IB2224" s="91"/>
      <c r="IC2224" s="91"/>
      <c r="ID2224" s="91"/>
      <c r="IE2224" s="91"/>
      <c r="IF2224" s="91"/>
      <c r="IG2224" s="91"/>
      <c r="IH2224" s="91"/>
      <c r="II2224" s="91"/>
      <c r="IJ2224" s="91"/>
      <c r="IK2224" s="127"/>
    </row>
    <row r="2225" spans="2:245" x14ac:dyDescent="0.2">
      <c r="B2225" s="43"/>
      <c r="C2225" s="73"/>
      <c r="D2225" s="64"/>
      <c r="E2225" s="64"/>
      <c r="F2225" s="55"/>
      <c r="G2225" s="102"/>
      <c r="H2225" s="55"/>
      <c r="I2225" s="55"/>
      <c r="J2225" s="55"/>
      <c r="K2225" s="55"/>
      <c r="L2225" s="55"/>
      <c r="M2225" s="55"/>
      <c r="N2225" s="55"/>
      <c r="O2225" s="55"/>
      <c r="P2225" s="55"/>
      <c r="Q2225" s="55"/>
      <c r="R2225" s="55"/>
      <c r="S2225" s="55"/>
      <c r="T2225" s="55"/>
      <c r="U2225" s="55"/>
      <c r="V2225" s="55"/>
      <c r="W2225" s="55"/>
      <c r="X2225" s="55"/>
      <c r="Y2225" s="55"/>
      <c r="Z2225" s="55"/>
      <c r="AA2225" s="55"/>
      <c r="AB2225" s="55"/>
      <c r="AC2225" s="55"/>
      <c r="AD2225" s="55"/>
      <c r="AE2225" s="55"/>
      <c r="AF2225" s="55"/>
      <c r="AG2225" s="55"/>
      <c r="AY2225" s="162"/>
      <c r="AZ2225" s="162"/>
      <c r="BA2225" s="162"/>
      <c r="BB2225" s="162"/>
      <c r="BC2225" s="162"/>
      <c r="BD2225" s="162"/>
      <c r="BE2225" s="162"/>
      <c r="BF2225" s="162"/>
      <c r="BG2225" s="162"/>
      <c r="BH2225" s="162"/>
      <c r="BI2225" s="162"/>
      <c r="BJ2225" s="162"/>
      <c r="BK2225" s="162"/>
      <c r="BL2225" s="162"/>
      <c r="BM2225" s="162"/>
      <c r="BN2225" s="162"/>
      <c r="BO2225" s="162"/>
      <c r="BP2225" s="162"/>
      <c r="BQ2225" s="162"/>
      <c r="BR2225" s="162"/>
      <c r="BS2225" s="162"/>
      <c r="BT2225" s="162"/>
      <c r="BU2225" s="162"/>
      <c r="BV2225" s="162"/>
      <c r="BW2225" s="162"/>
      <c r="BX2225" s="162"/>
      <c r="BY2225" s="162"/>
      <c r="BZ2225" s="162"/>
      <c r="CA2225" s="162"/>
      <c r="CB2225" s="162"/>
      <c r="CC2225" s="162"/>
      <c r="CD2225" s="162"/>
      <c r="CE2225" s="162"/>
      <c r="CF2225" s="162"/>
      <c r="CG2225" s="162"/>
      <c r="CH2225" s="162"/>
      <c r="CI2225" s="162"/>
      <c r="CJ2225" s="162"/>
      <c r="CK2225" s="162"/>
      <c r="CX2225" s="98"/>
      <c r="DL2225" s="97"/>
      <c r="DX2225" s="98"/>
      <c r="EL2225" s="97"/>
      <c r="EX2225" s="98"/>
      <c r="EY2225" s="97"/>
      <c r="FL2225" s="126"/>
      <c r="FM2225" s="91"/>
      <c r="FN2225" s="91"/>
      <c r="FO2225" s="91"/>
      <c r="FP2225" s="91"/>
      <c r="FQ2225" s="91"/>
      <c r="FR2225" s="91"/>
      <c r="FS2225" s="91"/>
      <c r="FT2225" s="91"/>
      <c r="FU2225" s="91"/>
      <c r="FV2225" s="91"/>
      <c r="FW2225" s="91"/>
      <c r="FX2225" s="91"/>
      <c r="FY2225" s="91"/>
      <c r="FZ2225" s="91"/>
      <c r="GA2225" s="91"/>
      <c r="GB2225" s="91"/>
      <c r="GC2225" s="91"/>
      <c r="GD2225" s="91"/>
      <c r="GE2225" s="91"/>
      <c r="GF2225" s="91"/>
      <c r="GG2225" s="91"/>
      <c r="GH2225" s="91"/>
      <c r="GI2225" s="91"/>
      <c r="GJ2225" s="91"/>
      <c r="GK2225" s="127"/>
      <c r="GL2225" s="126"/>
      <c r="GM2225" s="91"/>
      <c r="GN2225" s="91"/>
      <c r="GO2225" s="91"/>
      <c r="GP2225" s="91"/>
      <c r="GQ2225" s="91"/>
      <c r="GR2225" s="91"/>
      <c r="GS2225" s="91"/>
      <c r="GT2225" s="91"/>
      <c r="GU2225" s="91"/>
      <c r="GV2225" s="91"/>
      <c r="GW2225" s="91"/>
      <c r="GX2225" s="91"/>
      <c r="GY2225" s="91"/>
      <c r="GZ2225" s="91"/>
      <c r="HA2225" s="91"/>
      <c r="HB2225" s="91"/>
      <c r="HC2225" s="91"/>
      <c r="HD2225" s="91"/>
      <c r="HE2225" s="91"/>
      <c r="HF2225" s="91"/>
      <c r="HG2225" s="91"/>
      <c r="HH2225" s="91"/>
      <c r="HI2225" s="91"/>
      <c r="HJ2225" s="91"/>
      <c r="HK2225" s="127"/>
      <c r="HL2225" s="126"/>
      <c r="HM2225" s="91"/>
      <c r="HN2225" s="91"/>
      <c r="HO2225" s="91"/>
      <c r="HP2225" s="91"/>
      <c r="HQ2225" s="91"/>
      <c r="HR2225" s="91"/>
      <c r="HS2225" s="91"/>
      <c r="HT2225" s="91"/>
      <c r="HU2225" s="91"/>
      <c r="HV2225" s="91"/>
      <c r="HW2225" s="91"/>
      <c r="HX2225" s="91"/>
      <c r="HY2225" s="91"/>
      <c r="HZ2225" s="91"/>
      <c r="IA2225" s="91"/>
      <c r="IB2225" s="91"/>
      <c r="IC2225" s="91"/>
      <c r="ID2225" s="91"/>
      <c r="IE2225" s="91"/>
      <c r="IF2225" s="91"/>
      <c r="IG2225" s="91"/>
      <c r="IH2225" s="91"/>
      <c r="II2225" s="91"/>
      <c r="IJ2225" s="91"/>
      <c r="IK2225" s="127"/>
    </row>
    <row r="2226" spans="2:245" x14ac:dyDescent="0.2">
      <c r="B2226" s="43"/>
      <c r="C2226" s="73"/>
      <c r="D2226" s="64"/>
      <c r="E2226" s="64"/>
      <c r="F2226" s="55"/>
      <c r="G2226" s="102"/>
      <c r="H2226" s="55"/>
      <c r="I2226" s="55"/>
      <c r="J2226" s="55"/>
      <c r="K2226" s="55"/>
      <c r="L2226" s="55"/>
      <c r="M2226" s="55"/>
      <c r="N2226" s="55"/>
      <c r="O2226" s="55"/>
      <c r="P2226" s="55"/>
      <c r="Q2226" s="55"/>
      <c r="R2226" s="55"/>
      <c r="S2226" s="55"/>
      <c r="T2226" s="55"/>
      <c r="U2226" s="55"/>
      <c r="V2226" s="55"/>
      <c r="W2226" s="55"/>
      <c r="X2226" s="55"/>
      <c r="Y2226" s="55"/>
      <c r="Z2226" s="55"/>
      <c r="AA2226" s="55"/>
      <c r="AB2226" s="55"/>
      <c r="AC2226" s="55"/>
      <c r="AD2226" s="55"/>
      <c r="AE2226" s="55"/>
      <c r="AF2226" s="55"/>
      <c r="AG2226" s="55"/>
      <c r="AY2226" s="162"/>
      <c r="AZ2226" s="162"/>
      <c r="BA2226" s="162"/>
      <c r="BB2226" s="162"/>
      <c r="BC2226" s="162"/>
      <c r="BD2226" s="162"/>
      <c r="BE2226" s="162"/>
      <c r="BF2226" s="162"/>
      <c r="BG2226" s="162"/>
      <c r="BH2226" s="162"/>
      <c r="BI2226" s="162"/>
      <c r="BJ2226" s="162"/>
      <c r="BK2226" s="162"/>
      <c r="BL2226" s="162"/>
      <c r="BM2226" s="162"/>
      <c r="BN2226" s="162"/>
      <c r="BO2226" s="162"/>
      <c r="BP2226" s="162"/>
      <c r="BQ2226" s="162"/>
      <c r="BR2226" s="162"/>
      <c r="BS2226" s="162"/>
      <c r="BT2226" s="162"/>
      <c r="BU2226" s="162"/>
      <c r="BV2226" s="162"/>
      <c r="BW2226" s="162"/>
      <c r="BX2226" s="162"/>
      <c r="BY2226" s="162"/>
      <c r="BZ2226" s="162"/>
      <c r="CA2226" s="162"/>
      <c r="CB2226" s="162"/>
      <c r="CC2226" s="162"/>
      <c r="CD2226" s="162"/>
      <c r="CE2226" s="162"/>
      <c r="CF2226" s="162"/>
      <c r="CG2226" s="162"/>
      <c r="CH2226" s="162"/>
      <c r="CI2226" s="162"/>
      <c r="CJ2226" s="162"/>
      <c r="CK2226" s="162"/>
      <c r="CX2226" s="98"/>
      <c r="DL2226" s="97"/>
      <c r="DX2226" s="98"/>
      <c r="EL2226" s="97"/>
      <c r="EX2226" s="98"/>
      <c r="EY2226" s="97"/>
      <c r="FL2226" s="126"/>
      <c r="FM2226" s="91"/>
      <c r="FN2226" s="91"/>
      <c r="FO2226" s="91"/>
      <c r="FP2226" s="91"/>
      <c r="FQ2226" s="91"/>
      <c r="FR2226" s="91"/>
      <c r="FS2226" s="91"/>
      <c r="FT2226" s="91"/>
      <c r="FU2226" s="91"/>
      <c r="FV2226" s="91"/>
      <c r="FW2226" s="91"/>
      <c r="FX2226" s="91"/>
      <c r="FY2226" s="91"/>
      <c r="FZ2226" s="91"/>
      <c r="GA2226" s="91"/>
      <c r="GB2226" s="91"/>
      <c r="GC2226" s="91"/>
      <c r="GD2226" s="91"/>
      <c r="GE2226" s="91"/>
      <c r="GF2226" s="91"/>
      <c r="GG2226" s="91"/>
      <c r="GH2226" s="91"/>
      <c r="GI2226" s="91"/>
      <c r="GJ2226" s="91"/>
      <c r="GK2226" s="127"/>
      <c r="GL2226" s="126"/>
      <c r="GM2226" s="91"/>
      <c r="GN2226" s="91"/>
      <c r="GO2226" s="91"/>
      <c r="GP2226" s="91"/>
      <c r="GQ2226" s="91"/>
      <c r="GR2226" s="91"/>
      <c r="GS2226" s="91"/>
      <c r="GT2226" s="91"/>
      <c r="GU2226" s="91"/>
      <c r="GV2226" s="91"/>
      <c r="GW2226" s="91"/>
      <c r="GX2226" s="91"/>
      <c r="GY2226" s="91"/>
      <c r="GZ2226" s="91"/>
      <c r="HA2226" s="91"/>
      <c r="HB2226" s="91"/>
      <c r="HC2226" s="91"/>
      <c r="HD2226" s="91"/>
      <c r="HE2226" s="91"/>
      <c r="HF2226" s="91"/>
      <c r="HG2226" s="91"/>
      <c r="HH2226" s="91"/>
      <c r="HI2226" s="91"/>
      <c r="HJ2226" s="91"/>
      <c r="HK2226" s="127"/>
      <c r="HL2226" s="126"/>
      <c r="HM2226" s="91"/>
      <c r="HN2226" s="91"/>
      <c r="HO2226" s="91"/>
      <c r="HP2226" s="91"/>
      <c r="HQ2226" s="91"/>
      <c r="HR2226" s="91"/>
      <c r="HS2226" s="91"/>
      <c r="HT2226" s="91"/>
      <c r="HU2226" s="91"/>
      <c r="HV2226" s="91"/>
      <c r="HW2226" s="91"/>
      <c r="HX2226" s="91"/>
      <c r="HY2226" s="91"/>
      <c r="HZ2226" s="91"/>
      <c r="IA2226" s="91"/>
      <c r="IB2226" s="91"/>
      <c r="IC2226" s="91"/>
      <c r="ID2226" s="91"/>
      <c r="IE2226" s="91"/>
      <c r="IF2226" s="91"/>
      <c r="IG2226" s="91"/>
      <c r="IH2226" s="91"/>
      <c r="II2226" s="91"/>
      <c r="IJ2226" s="91"/>
      <c r="IK2226" s="127"/>
    </row>
    <row r="2227" spans="2:245" x14ac:dyDescent="0.2">
      <c r="B2227" s="43"/>
      <c r="C2227" s="73"/>
      <c r="D2227" s="64"/>
      <c r="E2227" s="64"/>
      <c r="F2227" s="55"/>
      <c r="G2227" s="102"/>
      <c r="H2227" s="55"/>
      <c r="I2227" s="55"/>
      <c r="J2227" s="55"/>
      <c r="K2227" s="55"/>
      <c r="L2227" s="55"/>
      <c r="M2227" s="55"/>
      <c r="N2227" s="55"/>
      <c r="O2227" s="55"/>
      <c r="P2227" s="55"/>
      <c r="Q2227" s="55"/>
      <c r="R2227" s="55"/>
      <c r="S2227" s="55"/>
      <c r="T2227" s="55"/>
      <c r="U2227" s="55"/>
      <c r="V2227" s="55"/>
      <c r="W2227" s="55"/>
      <c r="X2227" s="55"/>
      <c r="Y2227" s="55"/>
      <c r="Z2227" s="55"/>
      <c r="AA2227" s="55"/>
      <c r="AB2227" s="55"/>
      <c r="AC2227" s="55"/>
      <c r="AD2227" s="55"/>
      <c r="AE2227" s="55"/>
      <c r="AF2227" s="55"/>
      <c r="AG2227" s="55"/>
      <c r="AY2227" s="162"/>
      <c r="AZ2227" s="162"/>
      <c r="BA2227" s="162"/>
      <c r="BB2227" s="162"/>
      <c r="BC2227" s="162"/>
      <c r="BD2227" s="162"/>
      <c r="BE2227" s="162"/>
      <c r="BF2227" s="162"/>
      <c r="BG2227" s="162"/>
      <c r="BH2227" s="162"/>
      <c r="BI2227" s="162"/>
      <c r="BJ2227" s="162"/>
      <c r="BK2227" s="162"/>
      <c r="BL2227" s="162"/>
      <c r="BM2227" s="162"/>
      <c r="BN2227" s="162"/>
      <c r="BO2227" s="162"/>
      <c r="BP2227" s="162"/>
      <c r="BQ2227" s="162"/>
      <c r="BR2227" s="162"/>
      <c r="BS2227" s="162"/>
      <c r="BT2227" s="162"/>
      <c r="BU2227" s="162"/>
      <c r="BV2227" s="162"/>
      <c r="BW2227" s="162"/>
      <c r="BX2227" s="162"/>
      <c r="BY2227" s="162"/>
      <c r="BZ2227" s="162"/>
      <c r="CA2227" s="162"/>
      <c r="CB2227" s="162"/>
      <c r="CC2227" s="162"/>
      <c r="CD2227" s="162"/>
      <c r="CE2227" s="162"/>
      <c r="CF2227" s="162"/>
      <c r="CG2227" s="162"/>
      <c r="CH2227" s="162"/>
      <c r="CI2227" s="162"/>
      <c r="CJ2227" s="162"/>
      <c r="CK2227" s="162"/>
      <c r="CX2227" s="98"/>
      <c r="DL2227" s="97"/>
      <c r="DX2227" s="98"/>
      <c r="EL2227" s="97"/>
      <c r="EX2227" s="98"/>
      <c r="EY2227" s="97"/>
      <c r="FL2227" s="126"/>
      <c r="FM2227" s="91"/>
      <c r="FN2227" s="91"/>
      <c r="FO2227" s="91"/>
      <c r="FP2227" s="91"/>
      <c r="FQ2227" s="91"/>
      <c r="FR2227" s="91"/>
      <c r="FS2227" s="91"/>
      <c r="FT2227" s="91"/>
      <c r="FU2227" s="91"/>
      <c r="FV2227" s="91"/>
      <c r="FW2227" s="91"/>
      <c r="FX2227" s="91"/>
      <c r="FY2227" s="91"/>
      <c r="FZ2227" s="91"/>
      <c r="GA2227" s="91"/>
      <c r="GB2227" s="91"/>
      <c r="GC2227" s="91"/>
      <c r="GD2227" s="91"/>
      <c r="GE2227" s="91"/>
      <c r="GF2227" s="91"/>
      <c r="GG2227" s="91"/>
      <c r="GH2227" s="91"/>
      <c r="GI2227" s="91"/>
      <c r="GJ2227" s="91"/>
      <c r="GK2227" s="127"/>
      <c r="GL2227" s="126"/>
      <c r="GM2227" s="91"/>
      <c r="GN2227" s="91"/>
      <c r="GO2227" s="91"/>
      <c r="GP2227" s="91"/>
      <c r="GQ2227" s="91"/>
      <c r="GR2227" s="91"/>
      <c r="GS2227" s="91"/>
      <c r="GT2227" s="91"/>
      <c r="GU2227" s="91"/>
      <c r="GV2227" s="91"/>
      <c r="GW2227" s="91"/>
      <c r="GX2227" s="91"/>
      <c r="GY2227" s="91"/>
      <c r="GZ2227" s="91"/>
      <c r="HA2227" s="91"/>
      <c r="HB2227" s="91"/>
      <c r="HC2227" s="91"/>
      <c r="HD2227" s="91"/>
      <c r="HE2227" s="91"/>
      <c r="HF2227" s="91"/>
      <c r="HG2227" s="91"/>
      <c r="HH2227" s="91"/>
      <c r="HI2227" s="91"/>
      <c r="HJ2227" s="91"/>
      <c r="HK2227" s="127"/>
      <c r="HL2227" s="126"/>
      <c r="HM2227" s="91"/>
      <c r="HN2227" s="91"/>
      <c r="HO2227" s="91"/>
      <c r="HP2227" s="91"/>
      <c r="HQ2227" s="91"/>
      <c r="HR2227" s="91"/>
      <c r="HS2227" s="91"/>
      <c r="HT2227" s="91"/>
      <c r="HU2227" s="91"/>
      <c r="HV2227" s="91"/>
      <c r="HW2227" s="91"/>
      <c r="HX2227" s="91"/>
      <c r="HY2227" s="91"/>
      <c r="HZ2227" s="91"/>
      <c r="IA2227" s="91"/>
      <c r="IB2227" s="91"/>
      <c r="IC2227" s="91"/>
      <c r="ID2227" s="91"/>
      <c r="IE2227" s="91"/>
      <c r="IF2227" s="91"/>
      <c r="IG2227" s="91"/>
      <c r="IH2227" s="91"/>
      <c r="II2227" s="91"/>
      <c r="IJ2227" s="91"/>
      <c r="IK2227" s="127"/>
    </row>
    <row r="2228" spans="2:245" x14ac:dyDescent="0.2">
      <c r="B2228" s="43"/>
      <c r="C2228" s="73"/>
      <c r="D2228" s="64"/>
      <c r="E2228" s="64"/>
      <c r="F2228" s="55"/>
      <c r="G2228" s="102"/>
      <c r="H2228" s="55"/>
      <c r="I2228" s="55"/>
      <c r="J2228" s="55"/>
      <c r="K2228" s="55"/>
      <c r="L2228" s="55"/>
      <c r="M2228" s="55"/>
      <c r="N2228" s="55"/>
      <c r="O2228" s="55"/>
      <c r="P2228" s="55"/>
      <c r="Q2228" s="55"/>
      <c r="R2228" s="55"/>
      <c r="S2228" s="55"/>
      <c r="T2228" s="55"/>
      <c r="U2228" s="55"/>
      <c r="V2228" s="55"/>
      <c r="W2228" s="55"/>
      <c r="X2228" s="55"/>
      <c r="Y2228" s="55"/>
      <c r="Z2228" s="55"/>
      <c r="AA2228" s="55"/>
      <c r="AB2228" s="55"/>
      <c r="AC2228" s="55"/>
      <c r="AD2228" s="55"/>
      <c r="AE2228" s="55"/>
      <c r="AF2228" s="55"/>
      <c r="AG2228" s="55"/>
      <c r="AY2228" s="162"/>
      <c r="AZ2228" s="162"/>
      <c r="BA2228" s="162"/>
      <c r="BB2228" s="162"/>
      <c r="BC2228" s="162"/>
      <c r="BD2228" s="162"/>
      <c r="BE2228" s="162"/>
      <c r="BF2228" s="162"/>
      <c r="BG2228" s="162"/>
      <c r="BH2228" s="162"/>
      <c r="BI2228" s="162"/>
      <c r="BJ2228" s="162"/>
      <c r="BK2228" s="162"/>
      <c r="BL2228" s="162"/>
      <c r="BM2228" s="162"/>
      <c r="BN2228" s="162"/>
      <c r="BO2228" s="162"/>
      <c r="BP2228" s="162"/>
      <c r="BQ2228" s="162"/>
      <c r="BR2228" s="162"/>
      <c r="BS2228" s="162"/>
      <c r="BT2228" s="162"/>
      <c r="BU2228" s="162"/>
      <c r="BV2228" s="162"/>
      <c r="BW2228" s="162"/>
      <c r="BX2228" s="162"/>
      <c r="BY2228" s="162"/>
      <c r="BZ2228" s="162"/>
      <c r="CA2228" s="162"/>
      <c r="CB2228" s="162"/>
      <c r="CC2228" s="162"/>
      <c r="CD2228" s="162"/>
      <c r="CE2228" s="162"/>
      <c r="CF2228" s="162"/>
      <c r="CG2228" s="162"/>
      <c r="CH2228" s="162"/>
      <c r="CI2228" s="162"/>
      <c r="CJ2228" s="162"/>
      <c r="CK2228" s="162"/>
      <c r="CX2228" s="98"/>
      <c r="DL2228" s="97"/>
      <c r="DX2228" s="98"/>
      <c r="EL2228" s="97"/>
      <c r="EX2228" s="98"/>
      <c r="EY2228" s="97"/>
      <c r="FL2228" s="126"/>
      <c r="FM2228" s="91"/>
      <c r="FN2228" s="91"/>
      <c r="FO2228" s="91"/>
      <c r="FP2228" s="91"/>
      <c r="FQ2228" s="91"/>
      <c r="FR2228" s="91"/>
      <c r="FS2228" s="91"/>
      <c r="FT2228" s="91"/>
      <c r="FU2228" s="91"/>
      <c r="FV2228" s="91"/>
      <c r="FW2228" s="91"/>
      <c r="FX2228" s="91"/>
      <c r="FY2228" s="91"/>
      <c r="FZ2228" s="91"/>
      <c r="GA2228" s="91"/>
      <c r="GB2228" s="91"/>
      <c r="GC2228" s="91"/>
      <c r="GD2228" s="91"/>
      <c r="GE2228" s="91"/>
      <c r="GF2228" s="91"/>
      <c r="GG2228" s="91"/>
      <c r="GH2228" s="91"/>
      <c r="GI2228" s="91"/>
      <c r="GJ2228" s="91"/>
      <c r="GK2228" s="127"/>
      <c r="GL2228" s="126"/>
      <c r="GM2228" s="91"/>
      <c r="GN2228" s="91"/>
      <c r="GO2228" s="91"/>
      <c r="GP2228" s="91"/>
      <c r="GQ2228" s="91"/>
      <c r="GR2228" s="91"/>
      <c r="GS2228" s="91"/>
      <c r="GT2228" s="91"/>
      <c r="GU2228" s="91"/>
      <c r="GV2228" s="91"/>
      <c r="GW2228" s="91"/>
      <c r="GX2228" s="91"/>
      <c r="GY2228" s="91"/>
      <c r="GZ2228" s="91"/>
      <c r="HA2228" s="91"/>
      <c r="HB2228" s="91"/>
      <c r="HC2228" s="91"/>
      <c r="HD2228" s="91"/>
      <c r="HE2228" s="91"/>
      <c r="HF2228" s="91"/>
      <c r="HG2228" s="91"/>
      <c r="HH2228" s="91"/>
      <c r="HI2228" s="91"/>
      <c r="HJ2228" s="91"/>
      <c r="HK2228" s="127"/>
      <c r="HL2228" s="126"/>
      <c r="HM2228" s="91"/>
      <c r="HN2228" s="91"/>
      <c r="HO2228" s="91"/>
      <c r="HP2228" s="91"/>
      <c r="HQ2228" s="91"/>
      <c r="HR2228" s="91"/>
      <c r="HS2228" s="91"/>
      <c r="HT2228" s="91"/>
      <c r="HU2228" s="91"/>
      <c r="HV2228" s="91"/>
      <c r="HW2228" s="91"/>
      <c r="HX2228" s="91"/>
      <c r="HY2228" s="91"/>
      <c r="HZ2228" s="91"/>
      <c r="IA2228" s="91"/>
      <c r="IB2228" s="91"/>
      <c r="IC2228" s="91"/>
      <c r="ID2228" s="91"/>
      <c r="IE2228" s="91"/>
      <c r="IF2228" s="91"/>
      <c r="IG2228" s="91"/>
      <c r="IH2228" s="91"/>
      <c r="II2228" s="91"/>
      <c r="IJ2228" s="91"/>
      <c r="IK2228" s="127"/>
    </row>
    <row r="2229" spans="2:245" x14ac:dyDescent="0.2">
      <c r="B2229" s="43"/>
      <c r="C2229" s="73"/>
      <c r="D2229" s="64"/>
      <c r="E2229" s="64"/>
      <c r="F2229" s="55"/>
      <c r="G2229" s="102"/>
      <c r="H2229" s="55"/>
      <c r="I2229" s="55"/>
      <c r="J2229" s="55"/>
      <c r="K2229" s="55"/>
      <c r="L2229" s="55"/>
      <c r="M2229" s="55"/>
      <c r="N2229" s="55"/>
      <c r="O2229" s="55"/>
      <c r="P2229" s="55"/>
      <c r="Q2229" s="55"/>
      <c r="R2229" s="55"/>
      <c r="S2229" s="55"/>
      <c r="T2229" s="55"/>
      <c r="U2229" s="55"/>
      <c r="V2229" s="55"/>
      <c r="W2229" s="55"/>
      <c r="X2229" s="55"/>
      <c r="Y2229" s="55"/>
      <c r="Z2229" s="55"/>
      <c r="AA2229" s="55"/>
      <c r="AB2229" s="55"/>
      <c r="AC2229" s="55"/>
      <c r="AD2229" s="55"/>
      <c r="AE2229" s="55"/>
      <c r="AF2229" s="55"/>
      <c r="AG2229" s="55"/>
      <c r="AY2229" s="162"/>
      <c r="AZ2229" s="162"/>
      <c r="BA2229" s="162"/>
      <c r="BB2229" s="162"/>
      <c r="BC2229" s="162"/>
      <c r="BD2229" s="162"/>
      <c r="BE2229" s="162"/>
      <c r="BF2229" s="162"/>
      <c r="BG2229" s="162"/>
      <c r="BH2229" s="162"/>
      <c r="BI2229" s="162"/>
      <c r="BJ2229" s="162"/>
      <c r="BK2229" s="162"/>
      <c r="BL2229" s="162"/>
      <c r="BM2229" s="162"/>
      <c r="BN2229" s="162"/>
      <c r="BO2229" s="162"/>
      <c r="BP2229" s="162"/>
      <c r="BQ2229" s="162"/>
      <c r="BR2229" s="162"/>
      <c r="BS2229" s="162"/>
      <c r="BT2229" s="162"/>
      <c r="BU2229" s="162"/>
      <c r="BV2229" s="162"/>
      <c r="BW2229" s="162"/>
      <c r="BX2229" s="162"/>
      <c r="BY2229" s="162"/>
      <c r="BZ2229" s="162"/>
      <c r="CA2229" s="162"/>
      <c r="CB2229" s="162"/>
      <c r="CC2229" s="162"/>
      <c r="CD2229" s="162"/>
      <c r="CE2229" s="162"/>
      <c r="CF2229" s="162"/>
      <c r="CG2229" s="162"/>
      <c r="CH2229" s="162"/>
      <c r="CI2229" s="162"/>
      <c r="CJ2229" s="162"/>
      <c r="CK2229" s="162"/>
      <c r="CX2229" s="98"/>
      <c r="DL2229" s="97"/>
      <c r="DX2229" s="98"/>
      <c r="EL2229" s="97"/>
      <c r="EX2229" s="98"/>
      <c r="EY2229" s="97"/>
      <c r="FL2229" s="126"/>
      <c r="FM2229" s="91"/>
      <c r="FN2229" s="91"/>
      <c r="FO2229" s="91"/>
      <c r="FP2229" s="91"/>
      <c r="FQ2229" s="91"/>
      <c r="FR2229" s="91"/>
      <c r="FS2229" s="91"/>
      <c r="FT2229" s="91"/>
      <c r="FU2229" s="91"/>
      <c r="FV2229" s="91"/>
      <c r="FW2229" s="91"/>
      <c r="FX2229" s="91"/>
      <c r="FY2229" s="91"/>
      <c r="FZ2229" s="91"/>
      <c r="GA2229" s="91"/>
      <c r="GB2229" s="91"/>
      <c r="GC2229" s="91"/>
      <c r="GD2229" s="91"/>
      <c r="GE2229" s="91"/>
      <c r="GF2229" s="91"/>
      <c r="GG2229" s="91"/>
      <c r="GH2229" s="91"/>
      <c r="GI2229" s="91"/>
      <c r="GJ2229" s="91"/>
      <c r="GK2229" s="127"/>
      <c r="GL2229" s="126"/>
      <c r="GM2229" s="91"/>
      <c r="GN2229" s="91"/>
      <c r="GO2229" s="91"/>
      <c r="GP2229" s="91"/>
      <c r="GQ2229" s="91"/>
      <c r="GR2229" s="91"/>
      <c r="GS2229" s="91"/>
      <c r="GT2229" s="91"/>
      <c r="GU2229" s="91"/>
      <c r="GV2229" s="91"/>
      <c r="GW2229" s="91"/>
      <c r="GX2229" s="91"/>
      <c r="GY2229" s="91"/>
      <c r="GZ2229" s="91"/>
      <c r="HA2229" s="91"/>
      <c r="HB2229" s="91"/>
      <c r="HC2229" s="91"/>
      <c r="HD2229" s="91"/>
      <c r="HE2229" s="91"/>
      <c r="HF2229" s="91"/>
      <c r="HG2229" s="91"/>
      <c r="HH2229" s="91"/>
      <c r="HI2229" s="91"/>
      <c r="HJ2229" s="91"/>
      <c r="HK2229" s="127"/>
      <c r="HL2229" s="126"/>
      <c r="HM2229" s="91"/>
      <c r="HN2229" s="91"/>
      <c r="HO2229" s="91"/>
      <c r="HP2229" s="91"/>
      <c r="HQ2229" s="91"/>
      <c r="HR2229" s="91"/>
      <c r="HS2229" s="91"/>
      <c r="HT2229" s="91"/>
      <c r="HU2229" s="91"/>
      <c r="HV2229" s="91"/>
      <c r="HW2229" s="91"/>
      <c r="HX2229" s="91"/>
      <c r="HY2229" s="91"/>
      <c r="HZ2229" s="91"/>
      <c r="IA2229" s="91"/>
      <c r="IB2229" s="91"/>
      <c r="IC2229" s="91"/>
      <c r="ID2229" s="91"/>
      <c r="IE2229" s="91"/>
      <c r="IF2229" s="91"/>
      <c r="IG2229" s="91"/>
      <c r="IH2229" s="91"/>
      <c r="II2229" s="91"/>
      <c r="IJ2229" s="91"/>
      <c r="IK2229" s="127"/>
    </row>
    <row r="2230" spans="2:245" x14ac:dyDescent="0.2">
      <c r="B2230" s="43"/>
      <c r="C2230" s="73"/>
      <c r="D2230" s="64"/>
      <c r="E2230" s="64"/>
      <c r="F2230" s="55"/>
      <c r="G2230" s="102"/>
      <c r="H2230" s="55"/>
      <c r="I2230" s="55"/>
      <c r="J2230" s="55"/>
      <c r="K2230" s="55"/>
      <c r="L2230" s="55"/>
      <c r="M2230" s="55"/>
      <c r="N2230" s="55"/>
      <c r="O2230" s="55"/>
      <c r="P2230" s="55"/>
      <c r="Q2230" s="55"/>
      <c r="R2230" s="55"/>
      <c r="S2230" s="55"/>
      <c r="T2230" s="55"/>
      <c r="U2230" s="55"/>
      <c r="V2230" s="55"/>
      <c r="W2230" s="55"/>
      <c r="X2230" s="55"/>
      <c r="Y2230" s="55"/>
      <c r="Z2230" s="55"/>
      <c r="AA2230" s="55"/>
      <c r="AB2230" s="55"/>
      <c r="AC2230" s="55"/>
      <c r="AD2230" s="55"/>
      <c r="AE2230" s="55"/>
      <c r="AF2230" s="55"/>
      <c r="AG2230" s="55"/>
      <c r="AY2230" s="162"/>
      <c r="AZ2230" s="162"/>
      <c r="BA2230" s="162"/>
      <c r="BB2230" s="162"/>
      <c r="BC2230" s="162"/>
      <c r="BD2230" s="162"/>
      <c r="BE2230" s="162"/>
      <c r="BF2230" s="162"/>
      <c r="BG2230" s="162"/>
      <c r="BH2230" s="162"/>
      <c r="BI2230" s="162"/>
      <c r="BJ2230" s="162"/>
      <c r="BK2230" s="162"/>
      <c r="BL2230" s="162"/>
      <c r="BM2230" s="162"/>
      <c r="BN2230" s="162"/>
      <c r="BO2230" s="162"/>
      <c r="BP2230" s="162"/>
      <c r="BQ2230" s="162"/>
      <c r="BR2230" s="162"/>
      <c r="BS2230" s="162"/>
      <c r="BT2230" s="162"/>
      <c r="BU2230" s="162"/>
      <c r="BV2230" s="162"/>
      <c r="BW2230" s="162"/>
      <c r="BX2230" s="162"/>
      <c r="BY2230" s="162"/>
      <c r="BZ2230" s="162"/>
      <c r="CA2230" s="162"/>
      <c r="CB2230" s="162"/>
      <c r="CC2230" s="162"/>
      <c r="CD2230" s="162"/>
      <c r="CE2230" s="162"/>
      <c r="CF2230" s="162"/>
      <c r="CG2230" s="162"/>
      <c r="CH2230" s="162"/>
      <c r="CI2230" s="162"/>
      <c r="CJ2230" s="162"/>
      <c r="CK2230" s="162"/>
      <c r="CX2230" s="98"/>
      <c r="DL2230" s="97"/>
      <c r="DX2230" s="98"/>
      <c r="EL2230" s="97"/>
      <c r="EX2230" s="98"/>
      <c r="EY2230" s="97"/>
      <c r="FL2230" s="126"/>
      <c r="FM2230" s="91"/>
      <c r="FN2230" s="91"/>
      <c r="FO2230" s="91"/>
      <c r="FP2230" s="91"/>
      <c r="FQ2230" s="91"/>
      <c r="FR2230" s="91"/>
      <c r="FS2230" s="91"/>
      <c r="FT2230" s="91"/>
      <c r="FU2230" s="91"/>
      <c r="FV2230" s="91"/>
      <c r="FW2230" s="91"/>
      <c r="FX2230" s="91"/>
      <c r="FY2230" s="91"/>
      <c r="FZ2230" s="91"/>
      <c r="GA2230" s="91"/>
      <c r="GB2230" s="91"/>
      <c r="GC2230" s="91"/>
      <c r="GD2230" s="91"/>
      <c r="GE2230" s="91"/>
      <c r="GF2230" s="91"/>
      <c r="GG2230" s="91"/>
      <c r="GH2230" s="91"/>
      <c r="GI2230" s="91"/>
      <c r="GJ2230" s="91"/>
      <c r="GK2230" s="127"/>
      <c r="GL2230" s="126"/>
      <c r="GM2230" s="91"/>
      <c r="GN2230" s="91"/>
      <c r="GO2230" s="91"/>
      <c r="GP2230" s="91"/>
      <c r="GQ2230" s="91"/>
      <c r="GR2230" s="91"/>
      <c r="GS2230" s="91"/>
      <c r="GT2230" s="91"/>
      <c r="GU2230" s="91"/>
      <c r="GV2230" s="91"/>
      <c r="GW2230" s="91"/>
      <c r="GX2230" s="91"/>
      <c r="GY2230" s="91"/>
      <c r="GZ2230" s="91"/>
      <c r="HA2230" s="91"/>
      <c r="HB2230" s="91"/>
      <c r="HC2230" s="91"/>
      <c r="HD2230" s="91"/>
      <c r="HE2230" s="91"/>
      <c r="HF2230" s="91"/>
      <c r="HG2230" s="91"/>
      <c r="HH2230" s="91"/>
      <c r="HI2230" s="91"/>
      <c r="HJ2230" s="91"/>
      <c r="HK2230" s="127"/>
      <c r="HL2230" s="126"/>
      <c r="HM2230" s="91"/>
      <c r="HN2230" s="91"/>
      <c r="HO2230" s="91"/>
      <c r="HP2230" s="91"/>
      <c r="HQ2230" s="91"/>
      <c r="HR2230" s="91"/>
      <c r="HS2230" s="91"/>
      <c r="HT2230" s="91"/>
      <c r="HU2230" s="91"/>
      <c r="HV2230" s="91"/>
      <c r="HW2230" s="91"/>
      <c r="HX2230" s="91"/>
      <c r="HY2230" s="91"/>
      <c r="HZ2230" s="91"/>
      <c r="IA2230" s="91"/>
      <c r="IB2230" s="91"/>
      <c r="IC2230" s="91"/>
      <c r="ID2230" s="91"/>
      <c r="IE2230" s="91"/>
      <c r="IF2230" s="91"/>
      <c r="IG2230" s="91"/>
      <c r="IH2230" s="91"/>
      <c r="II2230" s="91"/>
      <c r="IJ2230" s="91"/>
      <c r="IK2230" s="127"/>
    </row>
    <row r="2231" spans="2:245" x14ac:dyDescent="0.2">
      <c r="B2231" s="43"/>
      <c r="C2231" s="73"/>
      <c r="D2231" s="64"/>
      <c r="E2231" s="64"/>
      <c r="F2231" s="55"/>
      <c r="G2231" s="102"/>
      <c r="H2231" s="55"/>
      <c r="I2231" s="55"/>
      <c r="J2231" s="55"/>
      <c r="K2231" s="55"/>
      <c r="L2231" s="55"/>
      <c r="M2231" s="55"/>
      <c r="N2231" s="55"/>
      <c r="O2231" s="55"/>
      <c r="P2231" s="55"/>
      <c r="Q2231" s="55"/>
      <c r="R2231" s="55"/>
      <c r="S2231" s="55"/>
      <c r="T2231" s="55"/>
      <c r="U2231" s="55"/>
      <c r="V2231" s="55"/>
      <c r="W2231" s="55"/>
      <c r="X2231" s="55"/>
      <c r="Y2231" s="55"/>
      <c r="Z2231" s="55"/>
      <c r="AA2231" s="55"/>
      <c r="AB2231" s="55"/>
      <c r="AC2231" s="55"/>
      <c r="AD2231" s="55"/>
      <c r="AE2231" s="55"/>
      <c r="AF2231" s="55"/>
      <c r="AG2231" s="55"/>
      <c r="AY2231" s="162"/>
      <c r="AZ2231" s="162"/>
      <c r="BA2231" s="162"/>
      <c r="BB2231" s="162"/>
      <c r="BC2231" s="162"/>
      <c r="BD2231" s="162"/>
      <c r="BE2231" s="162"/>
      <c r="BF2231" s="162"/>
      <c r="BG2231" s="162"/>
      <c r="BH2231" s="162"/>
      <c r="BI2231" s="162"/>
      <c r="BJ2231" s="162"/>
      <c r="BK2231" s="162"/>
      <c r="BL2231" s="162"/>
      <c r="BM2231" s="162"/>
      <c r="BN2231" s="162"/>
      <c r="BO2231" s="162"/>
      <c r="BP2231" s="162"/>
      <c r="BQ2231" s="162"/>
      <c r="BR2231" s="162"/>
      <c r="BS2231" s="162"/>
      <c r="BT2231" s="162"/>
      <c r="BU2231" s="162"/>
      <c r="BV2231" s="162"/>
      <c r="BW2231" s="162"/>
      <c r="BX2231" s="162"/>
      <c r="BY2231" s="162"/>
      <c r="BZ2231" s="162"/>
      <c r="CA2231" s="162"/>
      <c r="CB2231" s="162"/>
      <c r="CC2231" s="162"/>
      <c r="CD2231" s="162"/>
      <c r="CE2231" s="162"/>
      <c r="CF2231" s="162"/>
      <c r="CG2231" s="162"/>
      <c r="CH2231" s="162"/>
      <c r="CI2231" s="162"/>
      <c r="CJ2231" s="162"/>
      <c r="CK2231" s="162"/>
      <c r="CX2231" s="98"/>
      <c r="DL2231" s="97"/>
      <c r="DX2231" s="98"/>
      <c r="EL2231" s="97"/>
      <c r="EX2231" s="98"/>
      <c r="EY2231" s="97"/>
      <c r="FL2231" s="126"/>
      <c r="FM2231" s="91"/>
      <c r="FN2231" s="91"/>
      <c r="FO2231" s="91"/>
      <c r="FP2231" s="91"/>
      <c r="FQ2231" s="91"/>
      <c r="FR2231" s="91"/>
      <c r="FS2231" s="91"/>
      <c r="FT2231" s="91"/>
      <c r="FU2231" s="91"/>
      <c r="FV2231" s="91"/>
      <c r="FW2231" s="91"/>
      <c r="FX2231" s="91"/>
      <c r="FY2231" s="91"/>
      <c r="FZ2231" s="91"/>
      <c r="GA2231" s="91"/>
      <c r="GB2231" s="91"/>
      <c r="GC2231" s="91"/>
      <c r="GD2231" s="91"/>
      <c r="GE2231" s="91"/>
      <c r="GF2231" s="91"/>
      <c r="GG2231" s="91"/>
      <c r="GH2231" s="91"/>
      <c r="GI2231" s="91"/>
      <c r="GJ2231" s="91"/>
      <c r="GK2231" s="127"/>
      <c r="GL2231" s="126"/>
      <c r="GM2231" s="91"/>
      <c r="GN2231" s="91"/>
      <c r="GO2231" s="91"/>
      <c r="GP2231" s="91"/>
      <c r="GQ2231" s="91"/>
      <c r="GR2231" s="91"/>
      <c r="GS2231" s="91"/>
      <c r="GT2231" s="91"/>
      <c r="GU2231" s="91"/>
      <c r="GV2231" s="91"/>
      <c r="GW2231" s="91"/>
      <c r="GX2231" s="91"/>
      <c r="GY2231" s="91"/>
      <c r="GZ2231" s="91"/>
      <c r="HA2231" s="91"/>
      <c r="HB2231" s="91"/>
      <c r="HC2231" s="91"/>
      <c r="HD2231" s="91"/>
      <c r="HE2231" s="91"/>
      <c r="HF2231" s="91"/>
      <c r="HG2231" s="91"/>
      <c r="HH2231" s="91"/>
      <c r="HI2231" s="91"/>
      <c r="HJ2231" s="91"/>
      <c r="HK2231" s="127"/>
      <c r="HL2231" s="126"/>
      <c r="HM2231" s="91"/>
      <c r="HN2231" s="91"/>
      <c r="HO2231" s="91"/>
      <c r="HP2231" s="91"/>
      <c r="HQ2231" s="91"/>
      <c r="HR2231" s="91"/>
      <c r="HS2231" s="91"/>
      <c r="HT2231" s="91"/>
      <c r="HU2231" s="91"/>
      <c r="HV2231" s="91"/>
      <c r="HW2231" s="91"/>
      <c r="HX2231" s="91"/>
      <c r="HY2231" s="91"/>
      <c r="HZ2231" s="91"/>
      <c r="IA2231" s="91"/>
      <c r="IB2231" s="91"/>
      <c r="IC2231" s="91"/>
      <c r="ID2231" s="91"/>
      <c r="IE2231" s="91"/>
      <c r="IF2231" s="91"/>
      <c r="IG2231" s="91"/>
      <c r="IH2231" s="91"/>
      <c r="II2231" s="91"/>
      <c r="IJ2231" s="91"/>
      <c r="IK2231" s="127"/>
    </row>
    <row r="2232" spans="2:245" ht="13.5" thickBot="1" x14ac:dyDescent="0.25">
      <c r="B2232" s="43"/>
      <c r="C2232" s="73"/>
      <c r="D2232" s="64"/>
      <c r="E2232" s="64"/>
      <c r="F2232" s="55"/>
      <c r="G2232" s="102"/>
      <c r="H2232" s="55"/>
      <c r="I2232" s="55"/>
      <c r="J2232" s="55"/>
      <c r="K2232" s="55"/>
      <c r="L2232" s="55"/>
      <c r="M2232" s="55"/>
      <c r="N2232" s="55"/>
      <c r="O2232" s="55"/>
      <c r="P2232" s="55"/>
      <c r="Q2232" s="55"/>
      <c r="R2232" s="55"/>
      <c r="S2232" s="55"/>
      <c r="T2232" s="55"/>
      <c r="U2232" s="55"/>
      <c r="V2232" s="55"/>
      <c r="W2232" s="55"/>
      <c r="X2232" s="55"/>
      <c r="Y2232" s="55"/>
      <c r="Z2232" s="55"/>
      <c r="AA2232" s="55"/>
      <c r="AB2232" s="55"/>
      <c r="AC2232" s="55"/>
      <c r="AD2232" s="55"/>
      <c r="AE2232" s="55"/>
      <c r="AF2232" s="55"/>
      <c r="AG2232" s="55"/>
      <c r="AY2232" s="162"/>
      <c r="AZ2232" s="162"/>
      <c r="BA2232" s="162"/>
      <c r="BB2232" s="162"/>
      <c r="BC2232" s="162"/>
      <c r="BD2232" s="162"/>
      <c r="BE2232" s="162"/>
      <c r="BF2232" s="162"/>
      <c r="BG2232" s="162"/>
      <c r="BH2232" s="162"/>
      <c r="BI2232" s="162"/>
      <c r="BJ2232" s="162"/>
      <c r="BK2232" s="162"/>
      <c r="BL2232" s="162"/>
      <c r="BM2232" s="162"/>
      <c r="BN2232" s="162"/>
      <c r="BO2232" s="162"/>
      <c r="BP2232" s="162"/>
      <c r="BQ2232" s="162"/>
      <c r="BR2232" s="162"/>
      <c r="BS2232" s="162"/>
      <c r="BT2232" s="162"/>
      <c r="BU2232" s="162"/>
      <c r="BV2232" s="162"/>
      <c r="BW2232" s="162"/>
      <c r="BX2232" s="162"/>
      <c r="BY2232" s="162"/>
      <c r="BZ2232" s="162"/>
      <c r="CA2232" s="162"/>
      <c r="CB2232" s="162"/>
      <c r="CC2232" s="162"/>
      <c r="CD2232" s="162"/>
      <c r="CE2232" s="162"/>
      <c r="CF2232" s="162"/>
      <c r="CG2232" s="162"/>
      <c r="CH2232" s="162"/>
      <c r="CI2232" s="162"/>
      <c r="CJ2232" s="162"/>
      <c r="CK2232" s="162"/>
      <c r="CL2232" s="166"/>
      <c r="CM2232" s="166"/>
      <c r="CN2232" s="166"/>
      <c r="CO2232" s="166"/>
      <c r="CP2232" s="166"/>
      <c r="CQ2232" s="166"/>
      <c r="CR2232" s="166"/>
      <c r="CS2232" s="166"/>
      <c r="CT2232" s="166"/>
      <c r="CU2232" s="166"/>
      <c r="CV2232" s="166"/>
      <c r="CW2232" s="166"/>
      <c r="CX2232" s="176"/>
      <c r="CY2232" s="166"/>
      <c r="CZ2232" s="166"/>
      <c r="DA2232" s="166"/>
      <c r="DB2232" s="166"/>
      <c r="DC2232" s="166"/>
      <c r="DD2232" s="166"/>
      <c r="DE2232" s="166"/>
      <c r="DF2232" s="166"/>
      <c r="DG2232" s="166"/>
      <c r="DH2232" s="166"/>
      <c r="DI2232" s="166"/>
      <c r="DJ2232" s="166"/>
      <c r="DK2232" s="166"/>
      <c r="DL2232" s="175"/>
      <c r="DM2232" s="166"/>
      <c r="DN2232" s="166"/>
      <c r="DO2232" s="166"/>
      <c r="DP2232" s="166"/>
      <c r="DQ2232" s="166"/>
      <c r="DR2232" s="166"/>
      <c r="DS2232" s="166"/>
      <c r="DT2232" s="166"/>
      <c r="DU2232" s="166"/>
      <c r="DV2232" s="166"/>
      <c r="DW2232" s="166"/>
      <c r="DX2232" s="176"/>
      <c r="DY2232" s="166"/>
      <c r="DZ2232" s="166"/>
      <c r="EA2232" s="166"/>
      <c r="EB2232" s="166"/>
      <c r="EC2232" s="166"/>
      <c r="ED2232" s="166"/>
      <c r="EE2232" s="166"/>
      <c r="EF2232" s="166"/>
      <c r="EG2232" s="166"/>
      <c r="EH2232" s="166"/>
      <c r="EI2232" s="166"/>
      <c r="EJ2232" s="166"/>
      <c r="EK2232" s="166"/>
      <c r="EL2232" s="175"/>
      <c r="EM2232" s="166"/>
      <c r="EN2232" s="166"/>
      <c r="EO2232" s="166"/>
      <c r="EP2232" s="166"/>
      <c r="EQ2232" s="166"/>
      <c r="ER2232" s="166"/>
      <c r="ES2232" s="166"/>
      <c r="ET2232" s="166"/>
      <c r="EU2232" s="166"/>
      <c r="EV2232" s="166"/>
      <c r="EW2232" s="166"/>
      <c r="EX2232" s="176"/>
      <c r="EY2232" s="175"/>
      <c r="EZ2232" s="166"/>
      <c r="FA2232" s="166"/>
      <c r="FB2232" s="166"/>
      <c r="FC2232" s="166"/>
      <c r="FD2232" s="166"/>
      <c r="FE2232" s="166"/>
      <c r="FF2232" s="166"/>
      <c r="FG2232" s="166"/>
      <c r="FH2232" s="166"/>
      <c r="FI2232" s="166"/>
      <c r="FJ2232" s="166"/>
      <c r="FK2232" s="166"/>
      <c r="FL2232" s="126"/>
      <c r="FM2232" s="91"/>
      <c r="FN2232" s="91"/>
      <c r="FO2232" s="91"/>
      <c r="FP2232" s="91"/>
      <c r="FQ2232" s="91"/>
      <c r="FR2232" s="91"/>
      <c r="FS2232" s="91"/>
      <c r="FT2232" s="91"/>
      <c r="FU2232" s="91"/>
      <c r="FV2232" s="91"/>
      <c r="FW2232" s="91"/>
      <c r="FX2232" s="91"/>
      <c r="FY2232" s="91"/>
      <c r="FZ2232" s="91"/>
      <c r="GA2232" s="91"/>
      <c r="GB2232" s="91"/>
      <c r="GC2232" s="91"/>
      <c r="GD2232" s="91"/>
      <c r="GE2232" s="91"/>
      <c r="GF2232" s="91"/>
      <c r="GG2232" s="91"/>
      <c r="GH2232" s="91"/>
      <c r="GI2232" s="91"/>
      <c r="GJ2232" s="91"/>
      <c r="GK2232" s="127"/>
      <c r="GL2232" s="126"/>
      <c r="GM2232" s="91"/>
      <c r="GN2232" s="91"/>
      <c r="GO2232" s="91"/>
      <c r="GP2232" s="91"/>
      <c r="GQ2232" s="91"/>
      <c r="GR2232" s="91"/>
      <c r="GS2232" s="91"/>
      <c r="GT2232" s="91"/>
      <c r="GU2232" s="91"/>
      <c r="GV2232" s="91"/>
      <c r="GW2232" s="91"/>
      <c r="GX2232" s="91"/>
      <c r="GY2232" s="91"/>
      <c r="GZ2232" s="91"/>
      <c r="HA2232" s="91"/>
      <c r="HB2232" s="91"/>
      <c r="HC2232" s="91"/>
      <c r="HD2232" s="91"/>
      <c r="HE2232" s="91"/>
      <c r="HF2232" s="91"/>
      <c r="HG2232" s="91"/>
      <c r="HH2232" s="91"/>
      <c r="HI2232" s="91"/>
      <c r="HJ2232" s="91"/>
      <c r="HK2232" s="127"/>
      <c r="HL2232" s="126"/>
      <c r="HM2232" s="91"/>
      <c r="HN2232" s="91"/>
      <c r="HO2232" s="91"/>
      <c r="HP2232" s="91"/>
      <c r="HQ2232" s="91"/>
      <c r="HR2232" s="91"/>
      <c r="HS2232" s="91"/>
      <c r="HT2232" s="91"/>
      <c r="HU2232" s="91"/>
      <c r="HV2232" s="91"/>
      <c r="HW2232" s="91"/>
      <c r="HX2232" s="91"/>
      <c r="HY2232" s="91"/>
      <c r="HZ2232" s="91"/>
      <c r="IA2232" s="91"/>
      <c r="IB2232" s="91"/>
      <c r="IC2232" s="91"/>
      <c r="ID2232" s="91"/>
      <c r="IE2232" s="91"/>
      <c r="IF2232" s="91"/>
      <c r="IG2232" s="91"/>
      <c r="IH2232" s="91"/>
      <c r="II2232" s="91"/>
      <c r="IJ2232" s="91"/>
      <c r="IK2232" s="127"/>
    </row>
    <row r="2233" spans="2:245" x14ac:dyDescent="0.2">
      <c r="B2233" s="43"/>
      <c r="C2233" s="73"/>
      <c r="D2233" s="64"/>
      <c r="E2233" s="64"/>
      <c r="F2233" s="55"/>
      <c r="G2233" s="102"/>
      <c r="H2233" s="55"/>
      <c r="I2233" s="55"/>
      <c r="J2233" s="55"/>
      <c r="K2233" s="55"/>
      <c r="L2233" s="55"/>
      <c r="M2233" s="55"/>
      <c r="N2233" s="55"/>
      <c r="O2233" s="55"/>
      <c r="P2233" s="55"/>
      <c r="Q2233" s="55"/>
      <c r="R2233" s="55"/>
      <c r="S2233" s="55"/>
      <c r="T2233" s="55"/>
      <c r="U2233" s="55"/>
      <c r="V2233" s="55"/>
      <c r="W2233" s="55"/>
      <c r="X2233" s="55"/>
      <c r="Y2233" s="55"/>
      <c r="Z2233" s="55"/>
      <c r="AA2233" s="55"/>
      <c r="AB2233" s="55"/>
      <c r="AC2233" s="55"/>
      <c r="AD2233" s="55"/>
      <c r="AE2233" s="55"/>
      <c r="AF2233" s="55"/>
      <c r="AG2233" s="55"/>
      <c r="AY2233" s="162"/>
      <c r="AZ2233" s="162"/>
      <c r="BA2233" s="162"/>
      <c r="BB2233" s="162"/>
      <c r="BC2233" s="162"/>
      <c r="BD2233" s="162"/>
      <c r="BE2233" s="162"/>
      <c r="BF2233" s="162"/>
      <c r="BG2233" s="162"/>
      <c r="BH2233" s="162"/>
      <c r="BI2233" s="162"/>
      <c r="BJ2233" s="162"/>
      <c r="BK2233" s="162"/>
      <c r="BL2233" s="162"/>
      <c r="BM2233" s="162"/>
      <c r="BN2233" s="162"/>
      <c r="BO2233" s="162"/>
      <c r="BP2233" s="162"/>
      <c r="BQ2233" s="162"/>
      <c r="BR2233" s="162"/>
      <c r="BS2233" s="162"/>
      <c r="BT2233" s="162"/>
      <c r="BU2233" s="162"/>
      <c r="BV2233" s="162"/>
      <c r="BW2233" s="162"/>
      <c r="BX2233" s="162"/>
      <c r="BY2233" s="162"/>
      <c r="BZ2233" s="162"/>
      <c r="CA2233" s="162"/>
      <c r="CB2233" s="162"/>
      <c r="CC2233" s="162"/>
      <c r="CD2233" s="162"/>
      <c r="CE2233" s="162"/>
      <c r="CF2233" s="162"/>
      <c r="CG2233" s="162"/>
      <c r="CH2233" s="162"/>
      <c r="CI2233" s="162"/>
      <c r="CJ2233" s="162"/>
      <c r="CK2233" s="162"/>
      <c r="CX2233" s="98"/>
      <c r="DL2233" s="97"/>
      <c r="DX2233" s="98"/>
      <c r="EL2233" s="97"/>
      <c r="EX2233" s="98"/>
      <c r="EY2233" s="97"/>
      <c r="FL2233" s="126"/>
      <c r="FM2233" s="91"/>
      <c r="FN2233" s="91"/>
      <c r="FO2233" s="91"/>
      <c r="FP2233" s="91"/>
      <c r="FQ2233" s="91"/>
      <c r="FR2233" s="91"/>
      <c r="FS2233" s="91"/>
      <c r="FT2233" s="91"/>
      <c r="FU2233" s="91"/>
      <c r="FV2233" s="91"/>
      <c r="FW2233" s="91"/>
      <c r="FX2233" s="91"/>
      <c r="FY2233" s="91"/>
      <c r="FZ2233" s="91"/>
      <c r="GA2233" s="91"/>
      <c r="GB2233" s="91"/>
      <c r="GC2233" s="91"/>
      <c r="GD2233" s="91"/>
      <c r="GE2233" s="91"/>
      <c r="GF2233" s="91"/>
      <c r="GG2233" s="91"/>
      <c r="GH2233" s="91"/>
      <c r="GI2233" s="91"/>
      <c r="GJ2233" s="91"/>
      <c r="GK2233" s="127"/>
      <c r="GL2233" s="126"/>
      <c r="GM2233" s="91"/>
      <c r="GN2233" s="91"/>
      <c r="GO2233" s="91"/>
      <c r="GP2233" s="91"/>
      <c r="GQ2233" s="91"/>
      <c r="GR2233" s="91"/>
      <c r="GS2233" s="91"/>
      <c r="GT2233" s="91"/>
      <c r="GU2233" s="91"/>
      <c r="GV2233" s="91"/>
      <c r="GW2233" s="91"/>
      <c r="GX2233" s="91"/>
      <c r="GY2233" s="91"/>
      <c r="GZ2233" s="91"/>
      <c r="HA2233" s="91"/>
      <c r="HB2233" s="91"/>
      <c r="HC2233" s="91"/>
      <c r="HD2233" s="91"/>
      <c r="HE2233" s="91"/>
      <c r="HF2233" s="91"/>
      <c r="HG2233" s="91"/>
      <c r="HH2233" s="91"/>
      <c r="HI2233" s="91"/>
      <c r="HJ2233" s="91"/>
      <c r="HK2233" s="127"/>
      <c r="HL2233" s="126"/>
      <c r="HM2233" s="91"/>
      <c r="HN2233" s="91"/>
      <c r="HO2233" s="91"/>
      <c r="HP2233" s="91"/>
      <c r="HQ2233" s="91"/>
      <c r="HR2233" s="91"/>
      <c r="HS2233" s="91"/>
      <c r="HT2233" s="91"/>
      <c r="HU2233" s="91"/>
      <c r="HV2233" s="91"/>
      <c r="HW2233" s="91"/>
      <c r="HX2233" s="91"/>
      <c r="HY2233" s="91"/>
      <c r="HZ2233" s="91"/>
      <c r="IA2233" s="91"/>
      <c r="IB2233" s="91"/>
      <c r="IC2233" s="91"/>
      <c r="ID2233" s="91"/>
      <c r="IE2233" s="91"/>
      <c r="IF2233" s="91"/>
      <c r="IG2233" s="91"/>
      <c r="IH2233" s="91"/>
      <c r="II2233" s="91"/>
      <c r="IJ2233" s="91"/>
      <c r="IK2233" s="127"/>
    </row>
    <row r="2234" spans="2:245" x14ac:dyDescent="0.2">
      <c r="B2234" s="43"/>
      <c r="C2234" s="73"/>
      <c r="D2234" s="64"/>
      <c r="E2234" s="64"/>
      <c r="F2234" s="55"/>
      <c r="G2234" s="102"/>
      <c r="H2234" s="55"/>
      <c r="I2234" s="55"/>
      <c r="J2234" s="55"/>
      <c r="K2234" s="55"/>
      <c r="L2234" s="55"/>
      <c r="M2234" s="55"/>
      <c r="N2234" s="55"/>
      <c r="O2234" s="55"/>
      <c r="P2234" s="55"/>
      <c r="Q2234" s="55"/>
      <c r="R2234" s="55"/>
      <c r="S2234" s="55"/>
      <c r="T2234" s="55"/>
      <c r="U2234" s="55"/>
      <c r="V2234" s="55"/>
      <c r="W2234" s="55"/>
      <c r="X2234" s="55"/>
      <c r="Y2234" s="55"/>
      <c r="Z2234" s="55"/>
      <c r="AA2234" s="55"/>
      <c r="AB2234" s="55"/>
      <c r="AC2234" s="55"/>
      <c r="AD2234" s="55"/>
      <c r="AE2234" s="55"/>
      <c r="AF2234" s="55"/>
      <c r="AG2234" s="55"/>
      <c r="AY2234" s="162"/>
      <c r="AZ2234" s="162"/>
      <c r="BA2234" s="162"/>
      <c r="BB2234" s="162"/>
      <c r="BC2234" s="162"/>
      <c r="BD2234" s="162"/>
      <c r="BE2234" s="162"/>
      <c r="BF2234" s="162"/>
      <c r="BG2234" s="162"/>
      <c r="BH2234" s="162"/>
      <c r="BI2234" s="162"/>
      <c r="BJ2234" s="162"/>
      <c r="BK2234" s="162"/>
      <c r="BL2234" s="162"/>
      <c r="BM2234" s="162"/>
      <c r="BN2234" s="162"/>
      <c r="BO2234" s="162"/>
      <c r="BP2234" s="162"/>
      <c r="BQ2234" s="162"/>
      <c r="BR2234" s="162"/>
      <c r="BS2234" s="162"/>
      <c r="BT2234" s="162"/>
      <c r="BU2234" s="162"/>
      <c r="BV2234" s="162"/>
      <c r="BW2234" s="162"/>
      <c r="BX2234" s="162"/>
      <c r="BY2234" s="162"/>
      <c r="BZ2234" s="162"/>
      <c r="CA2234" s="162"/>
      <c r="CB2234" s="162"/>
      <c r="CC2234" s="162"/>
      <c r="CD2234" s="162"/>
      <c r="CE2234" s="162"/>
      <c r="CF2234" s="162"/>
      <c r="CG2234" s="162"/>
      <c r="CH2234" s="162"/>
      <c r="CI2234" s="162"/>
      <c r="CJ2234" s="162"/>
      <c r="CK2234" s="162"/>
      <c r="CX2234" s="98"/>
      <c r="DL2234" s="97"/>
      <c r="DX2234" s="98"/>
      <c r="EL2234" s="97"/>
      <c r="EX2234" s="98"/>
      <c r="EY2234" s="97"/>
      <c r="FL2234" s="126"/>
      <c r="FM2234" s="91"/>
      <c r="FN2234" s="91"/>
      <c r="FO2234" s="91"/>
      <c r="FP2234" s="91"/>
      <c r="FQ2234" s="91"/>
      <c r="FR2234" s="91"/>
      <c r="FS2234" s="91"/>
      <c r="FT2234" s="91"/>
      <c r="FU2234" s="91"/>
      <c r="FV2234" s="91"/>
      <c r="FW2234" s="91"/>
      <c r="FX2234" s="91"/>
      <c r="FY2234" s="91"/>
      <c r="FZ2234" s="91"/>
      <c r="GA2234" s="91"/>
      <c r="GB2234" s="91"/>
      <c r="GC2234" s="91"/>
      <c r="GD2234" s="91"/>
      <c r="GE2234" s="91"/>
      <c r="GF2234" s="91"/>
      <c r="GG2234" s="91"/>
      <c r="GH2234" s="91"/>
      <c r="GI2234" s="91"/>
      <c r="GJ2234" s="91"/>
      <c r="GK2234" s="127"/>
      <c r="GL2234" s="126"/>
      <c r="GM2234" s="91"/>
      <c r="GN2234" s="91"/>
      <c r="GO2234" s="91"/>
      <c r="GP2234" s="91"/>
      <c r="GQ2234" s="91"/>
      <c r="GR2234" s="91"/>
      <c r="GS2234" s="91"/>
      <c r="GT2234" s="91"/>
      <c r="GU2234" s="91"/>
      <c r="GV2234" s="91"/>
      <c r="GW2234" s="91"/>
      <c r="GX2234" s="91"/>
      <c r="GY2234" s="91"/>
      <c r="GZ2234" s="91"/>
      <c r="HA2234" s="91"/>
      <c r="HB2234" s="91"/>
      <c r="HC2234" s="91"/>
      <c r="HD2234" s="91"/>
      <c r="HE2234" s="91"/>
      <c r="HF2234" s="91"/>
      <c r="HG2234" s="91"/>
      <c r="HH2234" s="91"/>
      <c r="HI2234" s="91"/>
      <c r="HJ2234" s="91"/>
      <c r="HK2234" s="127"/>
      <c r="HL2234" s="126"/>
      <c r="HM2234" s="91"/>
      <c r="HN2234" s="91"/>
      <c r="HO2234" s="91"/>
      <c r="HP2234" s="91"/>
      <c r="HQ2234" s="91"/>
      <c r="HR2234" s="91"/>
      <c r="HS2234" s="91"/>
      <c r="HT2234" s="91"/>
      <c r="HU2234" s="91"/>
      <c r="HV2234" s="91"/>
      <c r="HW2234" s="91"/>
      <c r="HX2234" s="91"/>
      <c r="HY2234" s="91"/>
      <c r="HZ2234" s="91"/>
      <c r="IA2234" s="91"/>
      <c r="IB2234" s="91"/>
      <c r="IC2234" s="91"/>
      <c r="ID2234" s="91"/>
      <c r="IE2234" s="91"/>
      <c r="IF2234" s="91"/>
      <c r="IG2234" s="91"/>
      <c r="IH2234" s="91"/>
      <c r="II2234" s="91"/>
      <c r="IJ2234" s="91"/>
      <c r="IK2234" s="127"/>
    </row>
    <row r="2235" spans="2:245" x14ac:dyDescent="0.2">
      <c r="B2235" s="43"/>
      <c r="C2235" s="73"/>
      <c r="D2235" s="64"/>
      <c r="E2235" s="64"/>
      <c r="F2235" s="55"/>
      <c r="G2235" s="102"/>
      <c r="H2235" s="55"/>
      <c r="I2235" s="55"/>
      <c r="J2235" s="55"/>
      <c r="K2235" s="55"/>
      <c r="L2235" s="55"/>
      <c r="M2235" s="55"/>
      <c r="N2235" s="55"/>
      <c r="O2235" s="55"/>
      <c r="P2235" s="55"/>
      <c r="Q2235" s="55"/>
      <c r="R2235" s="55"/>
      <c r="S2235" s="55"/>
      <c r="T2235" s="55"/>
      <c r="U2235" s="55"/>
      <c r="V2235" s="55"/>
      <c r="W2235" s="55"/>
      <c r="X2235" s="55"/>
      <c r="Y2235" s="55"/>
      <c r="Z2235" s="55"/>
      <c r="AA2235" s="55"/>
      <c r="AB2235" s="55"/>
      <c r="AC2235" s="55"/>
      <c r="AD2235" s="55"/>
      <c r="AE2235" s="55"/>
      <c r="AF2235" s="55"/>
      <c r="AG2235" s="55"/>
      <c r="AY2235" s="162"/>
      <c r="AZ2235" s="162"/>
      <c r="BA2235" s="162"/>
      <c r="BB2235" s="162"/>
      <c r="BC2235" s="162"/>
      <c r="BD2235" s="162"/>
      <c r="BE2235" s="162"/>
      <c r="BF2235" s="162"/>
      <c r="BG2235" s="162"/>
      <c r="BH2235" s="162"/>
      <c r="BI2235" s="162"/>
      <c r="BJ2235" s="162"/>
      <c r="BK2235" s="162"/>
      <c r="BL2235" s="162"/>
      <c r="BM2235" s="162"/>
      <c r="BN2235" s="162"/>
      <c r="BO2235" s="162"/>
      <c r="BP2235" s="162"/>
      <c r="BQ2235" s="162"/>
      <c r="BR2235" s="162"/>
      <c r="BS2235" s="162"/>
      <c r="BT2235" s="162"/>
      <c r="BU2235" s="162"/>
      <c r="BV2235" s="162"/>
      <c r="BW2235" s="162"/>
      <c r="BX2235" s="162"/>
      <c r="BY2235" s="162"/>
      <c r="BZ2235" s="162"/>
      <c r="CA2235" s="162"/>
      <c r="CB2235" s="162"/>
      <c r="CC2235" s="162"/>
      <c r="CD2235" s="162"/>
      <c r="CE2235" s="162"/>
      <c r="CF2235" s="162"/>
      <c r="CG2235" s="162"/>
      <c r="CH2235" s="162"/>
      <c r="CI2235" s="162"/>
      <c r="CJ2235" s="162"/>
      <c r="CK2235" s="162"/>
      <c r="CX2235" s="98"/>
      <c r="DL2235" s="97"/>
      <c r="DX2235" s="98"/>
      <c r="EL2235" s="97"/>
      <c r="EX2235" s="98"/>
      <c r="EY2235" s="97"/>
      <c r="FL2235" s="126"/>
      <c r="FM2235" s="91"/>
      <c r="FN2235" s="91"/>
      <c r="FO2235" s="91"/>
      <c r="FP2235" s="91"/>
      <c r="FQ2235" s="91"/>
      <c r="FR2235" s="91"/>
      <c r="FS2235" s="91"/>
      <c r="FT2235" s="91"/>
      <c r="FU2235" s="91"/>
      <c r="FV2235" s="91"/>
      <c r="FW2235" s="91"/>
      <c r="FX2235" s="91"/>
      <c r="FY2235" s="91"/>
      <c r="FZ2235" s="91"/>
      <c r="GA2235" s="91"/>
      <c r="GB2235" s="91"/>
      <c r="GC2235" s="91"/>
      <c r="GD2235" s="91"/>
      <c r="GE2235" s="91"/>
      <c r="GF2235" s="91"/>
      <c r="GG2235" s="91"/>
      <c r="GH2235" s="91"/>
      <c r="GI2235" s="91"/>
      <c r="GJ2235" s="91"/>
      <c r="GK2235" s="127"/>
      <c r="GL2235" s="126"/>
      <c r="GM2235" s="91"/>
      <c r="GN2235" s="91"/>
      <c r="GO2235" s="91"/>
      <c r="GP2235" s="91"/>
      <c r="GQ2235" s="91"/>
      <c r="GR2235" s="91"/>
      <c r="GS2235" s="91"/>
      <c r="GT2235" s="91"/>
      <c r="GU2235" s="91"/>
      <c r="GV2235" s="91"/>
      <c r="GW2235" s="91"/>
      <c r="GX2235" s="91"/>
      <c r="GY2235" s="91"/>
      <c r="GZ2235" s="91"/>
      <c r="HA2235" s="91"/>
      <c r="HB2235" s="91"/>
      <c r="HC2235" s="91"/>
      <c r="HD2235" s="91"/>
      <c r="HE2235" s="91"/>
      <c r="HF2235" s="91"/>
      <c r="HG2235" s="91"/>
      <c r="HH2235" s="91"/>
      <c r="HI2235" s="91"/>
      <c r="HJ2235" s="91"/>
      <c r="HK2235" s="127"/>
      <c r="HL2235" s="126"/>
      <c r="HM2235" s="91"/>
      <c r="HN2235" s="91"/>
      <c r="HO2235" s="91"/>
      <c r="HP2235" s="91"/>
      <c r="HQ2235" s="91"/>
      <c r="HR2235" s="91"/>
      <c r="HS2235" s="91"/>
      <c r="HT2235" s="91"/>
      <c r="HU2235" s="91"/>
      <c r="HV2235" s="91"/>
      <c r="HW2235" s="91"/>
      <c r="HX2235" s="91"/>
      <c r="HY2235" s="91"/>
      <c r="HZ2235" s="91"/>
      <c r="IA2235" s="91"/>
      <c r="IB2235" s="91"/>
      <c r="IC2235" s="91"/>
      <c r="ID2235" s="91"/>
      <c r="IE2235" s="91"/>
      <c r="IF2235" s="91"/>
      <c r="IG2235" s="91"/>
      <c r="IH2235" s="91"/>
      <c r="II2235" s="91"/>
      <c r="IJ2235" s="91"/>
      <c r="IK2235" s="127"/>
    </row>
    <row r="2236" spans="2:245" x14ac:dyDescent="0.2">
      <c r="B2236" s="43"/>
      <c r="C2236" s="73"/>
      <c r="D2236" s="64"/>
      <c r="E2236" s="64"/>
      <c r="F2236" s="55"/>
      <c r="G2236" s="102"/>
      <c r="H2236" s="55"/>
      <c r="I2236" s="55"/>
      <c r="J2236" s="55"/>
      <c r="K2236" s="55"/>
      <c r="L2236" s="55"/>
      <c r="M2236" s="55"/>
      <c r="N2236" s="55"/>
      <c r="O2236" s="55"/>
      <c r="P2236" s="55"/>
      <c r="Q2236" s="55"/>
      <c r="R2236" s="55"/>
      <c r="S2236" s="55"/>
      <c r="T2236" s="55"/>
      <c r="U2236" s="55"/>
      <c r="V2236" s="55"/>
      <c r="W2236" s="55"/>
      <c r="X2236" s="55"/>
      <c r="Y2236" s="55"/>
      <c r="Z2236" s="55"/>
      <c r="AA2236" s="55"/>
      <c r="AB2236" s="55"/>
      <c r="AC2236" s="55"/>
      <c r="AD2236" s="55"/>
      <c r="AE2236" s="55"/>
      <c r="AF2236" s="55"/>
      <c r="AG2236" s="55"/>
      <c r="AY2236" s="162"/>
      <c r="AZ2236" s="162"/>
      <c r="BA2236" s="162"/>
      <c r="BB2236" s="162"/>
      <c r="BC2236" s="162"/>
      <c r="BD2236" s="162"/>
      <c r="BE2236" s="162"/>
      <c r="BF2236" s="162"/>
      <c r="BG2236" s="162"/>
      <c r="BH2236" s="162"/>
      <c r="BI2236" s="162"/>
      <c r="BJ2236" s="162"/>
      <c r="BK2236" s="162"/>
      <c r="BL2236" s="162"/>
      <c r="BM2236" s="162"/>
      <c r="BN2236" s="162"/>
      <c r="BO2236" s="162"/>
      <c r="BP2236" s="162"/>
      <c r="BQ2236" s="162"/>
      <c r="BR2236" s="162"/>
      <c r="BS2236" s="162"/>
      <c r="BT2236" s="162"/>
      <c r="BU2236" s="162"/>
      <c r="BV2236" s="162"/>
      <c r="BW2236" s="162"/>
      <c r="BX2236" s="162"/>
      <c r="BY2236" s="162"/>
      <c r="BZ2236" s="162"/>
      <c r="CA2236" s="162"/>
      <c r="CB2236" s="162"/>
      <c r="CC2236" s="162"/>
      <c r="CD2236" s="162"/>
      <c r="CE2236" s="162"/>
      <c r="CF2236" s="162"/>
      <c r="CG2236" s="162"/>
      <c r="CH2236" s="162"/>
      <c r="CI2236" s="162"/>
      <c r="CJ2236" s="162"/>
      <c r="CK2236" s="162"/>
      <c r="CX2236" s="98"/>
      <c r="DL2236" s="97"/>
      <c r="DX2236" s="98"/>
      <c r="EL2236" s="97"/>
      <c r="EX2236" s="98"/>
      <c r="EY2236" s="97"/>
      <c r="FL2236" s="126"/>
      <c r="FM2236" s="91"/>
      <c r="FN2236" s="91"/>
      <c r="FO2236" s="91"/>
      <c r="FP2236" s="91"/>
      <c r="FQ2236" s="91"/>
      <c r="FR2236" s="91"/>
      <c r="FS2236" s="91"/>
      <c r="FT2236" s="91"/>
      <c r="FU2236" s="91"/>
      <c r="FV2236" s="91"/>
      <c r="FW2236" s="91"/>
      <c r="FX2236" s="91"/>
      <c r="FY2236" s="91"/>
      <c r="FZ2236" s="91"/>
      <c r="GA2236" s="91"/>
      <c r="GB2236" s="91"/>
      <c r="GC2236" s="91"/>
      <c r="GD2236" s="91"/>
      <c r="GE2236" s="91"/>
      <c r="GF2236" s="91"/>
      <c r="GG2236" s="91"/>
      <c r="GH2236" s="91"/>
      <c r="GI2236" s="91"/>
      <c r="GJ2236" s="91"/>
      <c r="GK2236" s="127"/>
      <c r="GL2236" s="126"/>
      <c r="GM2236" s="91"/>
      <c r="GN2236" s="91"/>
      <c r="GO2236" s="91"/>
      <c r="GP2236" s="91"/>
      <c r="GQ2236" s="91"/>
      <c r="GR2236" s="91"/>
      <c r="GS2236" s="91"/>
      <c r="GT2236" s="91"/>
      <c r="GU2236" s="91"/>
      <c r="GV2236" s="91"/>
      <c r="GW2236" s="91"/>
      <c r="GX2236" s="91"/>
      <c r="GY2236" s="91"/>
      <c r="GZ2236" s="91"/>
      <c r="HA2236" s="91"/>
      <c r="HB2236" s="91"/>
      <c r="HC2236" s="91"/>
      <c r="HD2236" s="91"/>
      <c r="HE2236" s="91"/>
      <c r="HF2236" s="91"/>
      <c r="HG2236" s="91"/>
      <c r="HH2236" s="91"/>
      <c r="HI2236" s="91"/>
      <c r="HJ2236" s="91"/>
      <c r="HK2236" s="127"/>
      <c r="HL2236" s="126"/>
      <c r="HM2236" s="91"/>
      <c r="HN2236" s="91"/>
      <c r="HO2236" s="91"/>
      <c r="HP2236" s="91"/>
      <c r="HQ2236" s="91"/>
      <c r="HR2236" s="91"/>
      <c r="HS2236" s="91"/>
      <c r="HT2236" s="91"/>
      <c r="HU2236" s="91"/>
      <c r="HV2236" s="91"/>
      <c r="HW2236" s="91"/>
      <c r="HX2236" s="91"/>
      <c r="HY2236" s="91"/>
      <c r="HZ2236" s="91"/>
      <c r="IA2236" s="91"/>
      <c r="IB2236" s="91"/>
      <c r="IC2236" s="91"/>
      <c r="ID2236" s="91"/>
      <c r="IE2236" s="91"/>
      <c r="IF2236" s="91"/>
      <c r="IG2236" s="91"/>
      <c r="IH2236" s="91"/>
      <c r="II2236" s="91"/>
      <c r="IJ2236" s="91"/>
      <c r="IK2236" s="127"/>
    </row>
    <row r="2237" spans="2:245" ht="13.5" thickBot="1" x14ac:dyDescent="0.25">
      <c r="B2237" s="43"/>
      <c r="C2237" s="73"/>
      <c r="D2237" s="64"/>
      <c r="E2237" s="64"/>
      <c r="F2237" s="55"/>
      <c r="G2237" s="102"/>
      <c r="H2237" s="55"/>
      <c r="I2237" s="55"/>
      <c r="J2237" s="55"/>
      <c r="K2237" s="55"/>
      <c r="L2237" s="55"/>
      <c r="M2237" s="55"/>
      <c r="N2237" s="55"/>
      <c r="O2237" s="55"/>
      <c r="P2237" s="55"/>
      <c r="Q2237" s="55"/>
      <c r="R2237" s="55"/>
      <c r="S2237" s="55"/>
      <c r="T2237" s="55"/>
      <c r="U2237" s="55"/>
      <c r="V2237" s="55"/>
      <c r="W2237" s="55"/>
      <c r="X2237" s="55"/>
      <c r="Y2237" s="55"/>
      <c r="Z2237" s="55"/>
      <c r="AA2237" s="55"/>
      <c r="AB2237" s="55"/>
      <c r="AC2237" s="55"/>
      <c r="AD2237" s="55"/>
      <c r="AE2237" s="55"/>
      <c r="AF2237" s="55"/>
      <c r="AG2237" s="55"/>
      <c r="AY2237" s="162"/>
      <c r="AZ2237" s="162"/>
      <c r="BA2237" s="162"/>
      <c r="BB2237" s="162"/>
      <c r="BC2237" s="162"/>
      <c r="BD2237" s="162"/>
      <c r="BE2237" s="162"/>
      <c r="BF2237" s="162"/>
      <c r="BG2237" s="162"/>
      <c r="BH2237" s="162"/>
      <c r="BI2237" s="162"/>
      <c r="BJ2237" s="162"/>
      <c r="BK2237" s="162"/>
      <c r="BL2237" s="162"/>
      <c r="BM2237" s="162"/>
      <c r="BN2237" s="162"/>
      <c r="BO2237" s="162"/>
      <c r="BP2237" s="162"/>
      <c r="BQ2237" s="162"/>
      <c r="BR2237" s="162"/>
      <c r="BS2237" s="162"/>
      <c r="BT2237" s="162"/>
      <c r="BU2237" s="162"/>
      <c r="BV2237" s="162"/>
      <c r="BW2237" s="162"/>
      <c r="BX2237" s="162"/>
      <c r="BY2237" s="162"/>
      <c r="BZ2237" s="162"/>
      <c r="CA2237" s="162"/>
      <c r="CB2237" s="162"/>
      <c r="CC2237" s="162"/>
      <c r="CD2237" s="162"/>
      <c r="CE2237" s="162"/>
      <c r="CF2237" s="162"/>
      <c r="CG2237" s="162"/>
      <c r="CH2237" s="162"/>
      <c r="CI2237" s="162"/>
      <c r="CJ2237" s="162"/>
      <c r="CK2237" s="162"/>
      <c r="CX2237" s="98"/>
      <c r="DL2237" s="97"/>
      <c r="DX2237" s="98"/>
      <c r="EL2237" s="97"/>
      <c r="EX2237" s="98"/>
      <c r="EY2237" s="97"/>
      <c r="FL2237" s="126"/>
      <c r="FM2237" s="91"/>
      <c r="FN2237" s="91"/>
      <c r="FO2237" s="91"/>
      <c r="FP2237" s="91"/>
      <c r="FQ2237" s="91"/>
      <c r="FR2237" s="91"/>
      <c r="FS2237" s="91"/>
      <c r="FT2237" s="91"/>
      <c r="FU2237" s="91"/>
      <c r="FV2237" s="91"/>
      <c r="FW2237" s="91"/>
      <c r="FX2237" s="91"/>
      <c r="FY2237" s="91"/>
      <c r="FZ2237" s="91"/>
      <c r="GA2237" s="91"/>
      <c r="GB2237" s="91"/>
      <c r="GC2237" s="91"/>
      <c r="GD2237" s="91"/>
      <c r="GE2237" s="91"/>
      <c r="GF2237" s="91"/>
      <c r="GG2237" s="91"/>
      <c r="GH2237" s="91"/>
      <c r="GI2237" s="91"/>
      <c r="GJ2237" s="91"/>
      <c r="GK2237" s="127"/>
      <c r="GL2237" s="126"/>
      <c r="GM2237" s="91"/>
      <c r="GN2237" s="91"/>
      <c r="GO2237" s="91"/>
      <c r="GP2237" s="91"/>
      <c r="GQ2237" s="91"/>
      <c r="GR2237" s="91"/>
      <c r="GS2237" s="91"/>
      <c r="GT2237" s="91"/>
      <c r="GU2237" s="91"/>
      <c r="GV2237" s="91"/>
      <c r="GW2237" s="91"/>
      <c r="GX2237" s="91"/>
      <c r="GY2237" s="91"/>
      <c r="GZ2237" s="91"/>
      <c r="HA2237" s="91"/>
      <c r="HB2237" s="91"/>
      <c r="HC2237" s="91"/>
      <c r="HD2237" s="91"/>
      <c r="HE2237" s="91"/>
      <c r="HF2237" s="91"/>
      <c r="HG2237" s="91"/>
      <c r="HH2237" s="91"/>
      <c r="HI2237" s="91"/>
      <c r="HJ2237" s="91"/>
      <c r="HK2237" s="127"/>
      <c r="HL2237" s="126"/>
      <c r="HM2237" s="91"/>
      <c r="HN2237" s="91"/>
      <c r="HO2237" s="91"/>
      <c r="HP2237" s="91"/>
      <c r="HQ2237" s="91"/>
      <c r="HR2237" s="91"/>
      <c r="HS2237" s="91"/>
      <c r="HT2237" s="91"/>
      <c r="HU2237" s="91"/>
      <c r="HV2237" s="91"/>
      <c r="HW2237" s="91"/>
      <c r="HX2237" s="91"/>
      <c r="HY2237" s="91"/>
      <c r="HZ2237" s="91"/>
      <c r="IA2237" s="91"/>
      <c r="IB2237" s="91"/>
      <c r="IC2237" s="91"/>
      <c r="ID2237" s="91"/>
      <c r="IE2237" s="91"/>
      <c r="IF2237" s="91"/>
      <c r="IG2237" s="91"/>
      <c r="IH2237" s="91"/>
      <c r="II2237" s="91"/>
      <c r="IJ2237" s="91"/>
      <c r="IK2237" s="127"/>
    </row>
    <row r="2238" spans="2:245" x14ac:dyDescent="0.2">
      <c r="B2238" s="43"/>
      <c r="C2238" s="73"/>
      <c r="D2238" s="64"/>
      <c r="E2238" s="64"/>
      <c r="F2238" s="55"/>
      <c r="G2238" s="102"/>
      <c r="H2238" s="55"/>
      <c r="I2238" s="55"/>
      <c r="J2238" s="55"/>
      <c r="K2238" s="55"/>
      <c r="L2238" s="55"/>
      <c r="M2238" s="55"/>
      <c r="N2238" s="55"/>
      <c r="O2238" s="55"/>
      <c r="P2238" s="55"/>
      <c r="Q2238" s="55"/>
      <c r="R2238" s="55"/>
      <c r="S2238" s="55"/>
      <c r="T2238" s="55"/>
      <c r="U2238" s="55"/>
      <c r="V2238" s="55"/>
      <c r="W2238" s="55"/>
      <c r="X2238" s="55"/>
      <c r="Y2238" s="55"/>
      <c r="Z2238" s="55"/>
      <c r="AA2238" s="55"/>
      <c r="AB2238" s="55"/>
      <c r="AC2238" s="55"/>
      <c r="AD2238" s="55"/>
      <c r="AE2238" s="55"/>
      <c r="AF2238" s="55"/>
      <c r="AG2238" s="55"/>
      <c r="AY2238" s="162"/>
      <c r="AZ2238" s="162"/>
      <c r="BA2238" s="162"/>
      <c r="BB2238" s="162"/>
      <c r="BC2238" s="162"/>
      <c r="BD2238" s="162"/>
      <c r="BE2238" s="162"/>
      <c r="BF2238" s="162"/>
      <c r="BG2238" s="162"/>
      <c r="BH2238" s="162"/>
      <c r="BI2238" s="162"/>
      <c r="BJ2238" s="162"/>
      <c r="BK2238" s="162"/>
      <c r="BL2238" s="162"/>
      <c r="BM2238" s="162"/>
      <c r="BN2238" s="162"/>
      <c r="BO2238" s="162"/>
      <c r="BP2238" s="162"/>
      <c r="BQ2238" s="162"/>
      <c r="BR2238" s="162"/>
      <c r="BS2238" s="162"/>
      <c r="BT2238" s="162"/>
      <c r="BU2238" s="162"/>
      <c r="BV2238" s="162"/>
      <c r="BW2238" s="162"/>
      <c r="BX2238" s="162"/>
      <c r="BY2238" s="162"/>
      <c r="BZ2238" s="162"/>
      <c r="CA2238" s="162"/>
      <c r="CB2238" s="162"/>
      <c r="CC2238" s="162"/>
      <c r="CD2238" s="162"/>
      <c r="CE2238" s="162"/>
      <c r="CF2238" s="162"/>
      <c r="CG2238" s="162"/>
      <c r="CH2238" s="162"/>
      <c r="CI2238" s="162"/>
      <c r="CJ2238" s="162"/>
      <c r="CK2238" s="162"/>
      <c r="CL2238" s="163"/>
      <c r="CM2238" s="163"/>
      <c r="CN2238" s="163"/>
      <c r="CO2238" s="163"/>
      <c r="CP2238" s="163"/>
      <c r="CQ2238" s="163"/>
      <c r="CR2238" s="163"/>
      <c r="CS2238" s="163"/>
      <c r="CT2238" s="163"/>
      <c r="CU2238" s="163"/>
      <c r="CV2238" s="163"/>
      <c r="CW2238" s="163"/>
      <c r="CX2238" s="173"/>
      <c r="CY2238" s="163"/>
      <c r="CZ2238" s="163"/>
      <c r="DA2238" s="163"/>
      <c r="DB2238" s="163"/>
      <c r="DC2238" s="163"/>
      <c r="DD2238" s="163"/>
      <c r="DE2238" s="163"/>
      <c r="DF2238" s="163"/>
      <c r="DG2238" s="163"/>
      <c r="DH2238" s="163"/>
      <c r="DI2238" s="163"/>
      <c r="DJ2238" s="163"/>
      <c r="DK2238" s="163"/>
      <c r="DL2238" s="172"/>
      <c r="DM2238" s="163"/>
      <c r="DN2238" s="163"/>
      <c r="DO2238" s="163"/>
      <c r="DP2238" s="163"/>
      <c r="DQ2238" s="163"/>
      <c r="DR2238" s="163"/>
      <c r="DS2238" s="163"/>
      <c r="DT2238" s="163"/>
      <c r="DU2238" s="163"/>
      <c r="DV2238" s="163"/>
      <c r="DW2238" s="163"/>
      <c r="DX2238" s="173"/>
      <c r="DY2238" s="163"/>
      <c r="DZ2238" s="163"/>
      <c r="EA2238" s="163"/>
      <c r="EB2238" s="163"/>
      <c r="EC2238" s="163"/>
      <c r="ED2238" s="163"/>
      <c r="EE2238" s="163"/>
      <c r="EF2238" s="163"/>
      <c r="EG2238" s="163"/>
      <c r="EH2238" s="163"/>
      <c r="EI2238" s="163"/>
      <c r="EJ2238" s="163"/>
      <c r="EK2238" s="163"/>
      <c r="EL2238" s="172"/>
      <c r="EM2238" s="163"/>
      <c r="EN2238" s="163"/>
      <c r="EO2238" s="163"/>
      <c r="EP2238" s="163"/>
      <c r="EQ2238" s="163"/>
      <c r="ER2238" s="163"/>
      <c r="ES2238" s="163"/>
      <c r="ET2238" s="163"/>
      <c r="EU2238" s="163"/>
      <c r="EV2238" s="163"/>
      <c r="EW2238" s="163"/>
      <c r="EX2238" s="173"/>
      <c r="EY2238" s="172"/>
      <c r="EZ2238" s="163"/>
      <c r="FA2238" s="163"/>
      <c r="FB2238" s="163"/>
      <c r="FC2238" s="163"/>
      <c r="FD2238" s="163"/>
      <c r="FE2238" s="163"/>
      <c r="FF2238" s="163"/>
      <c r="FG2238" s="163"/>
      <c r="FH2238" s="163"/>
      <c r="FI2238" s="163"/>
      <c r="FJ2238" s="163"/>
      <c r="FK2238" s="163"/>
      <c r="FL2238" s="126"/>
      <c r="FM2238" s="91"/>
      <c r="FN2238" s="91"/>
      <c r="FO2238" s="91"/>
      <c r="FP2238" s="91"/>
      <c r="FQ2238" s="91"/>
      <c r="FR2238" s="91"/>
      <c r="FS2238" s="91"/>
      <c r="FT2238" s="91"/>
      <c r="FU2238" s="91"/>
      <c r="FV2238" s="91"/>
      <c r="FW2238" s="91"/>
      <c r="FX2238" s="91"/>
      <c r="FY2238" s="91"/>
      <c r="FZ2238" s="91"/>
      <c r="GA2238" s="91"/>
      <c r="GB2238" s="91"/>
      <c r="GC2238" s="91"/>
      <c r="GD2238" s="91"/>
      <c r="GE2238" s="91"/>
      <c r="GF2238" s="91"/>
      <c r="GG2238" s="91"/>
      <c r="GH2238" s="91"/>
      <c r="GI2238" s="91"/>
      <c r="GJ2238" s="91"/>
      <c r="GK2238" s="127"/>
      <c r="GL2238" s="126"/>
      <c r="GM2238" s="91"/>
      <c r="GN2238" s="91"/>
      <c r="GO2238" s="91"/>
      <c r="GP2238" s="91"/>
      <c r="GQ2238" s="91"/>
      <c r="GR2238" s="91"/>
      <c r="GS2238" s="91"/>
      <c r="GT2238" s="91"/>
      <c r="GU2238" s="91"/>
      <c r="GV2238" s="91"/>
      <c r="GW2238" s="91"/>
      <c r="GX2238" s="91"/>
      <c r="GY2238" s="91"/>
      <c r="GZ2238" s="91"/>
      <c r="HA2238" s="91"/>
      <c r="HB2238" s="91"/>
      <c r="HC2238" s="91"/>
      <c r="HD2238" s="91"/>
      <c r="HE2238" s="91"/>
      <c r="HF2238" s="91"/>
      <c r="HG2238" s="91"/>
      <c r="HH2238" s="91"/>
      <c r="HI2238" s="91"/>
      <c r="HJ2238" s="91"/>
      <c r="HK2238" s="127"/>
      <c r="HL2238" s="126"/>
      <c r="HM2238" s="91"/>
      <c r="HN2238" s="91"/>
      <c r="HO2238" s="91"/>
      <c r="HP2238" s="91"/>
      <c r="HQ2238" s="91"/>
      <c r="HR2238" s="91"/>
      <c r="HS2238" s="91"/>
      <c r="HT2238" s="91"/>
      <c r="HU2238" s="91"/>
      <c r="HV2238" s="91"/>
      <c r="HW2238" s="91"/>
      <c r="HX2238" s="91"/>
      <c r="HY2238" s="91"/>
      <c r="HZ2238" s="91"/>
      <c r="IA2238" s="91"/>
      <c r="IB2238" s="91"/>
      <c r="IC2238" s="91"/>
      <c r="ID2238" s="91"/>
      <c r="IE2238" s="91"/>
      <c r="IF2238" s="91"/>
      <c r="IG2238" s="91"/>
      <c r="IH2238" s="91"/>
      <c r="II2238" s="91"/>
      <c r="IJ2238" s="91"/>
      <c r="IK2238" s="127"/>
    </row>
    <row r="2239" spans="2:245" ht="13.5" thickBot="1" x14ac:dyDescent="0.25">
      <c r="B2239" s="43"/>
      <c r="C2239" s="73"/>
      <c r="D2239" s="64"/>
      <c r="E2239" s="64"/>
      <c r="F2239" s="55"/>
      <c r="G2239" s="102"/>
      <c r="H2239" s="55"/>
      <c r="I2239" s="55"/>
      <c r="J2239" s="55"/>
      <c r="K2239" s="55"/>
      <c r="L2239" s="55"/>
      <c r="M2239" s="55"/>
      <c r="N2239" s="55"/>
      <c r="O2239" s="55"/>
      <c r="P2239" s="55"/>
      <c r="Q2239" s="55"/>
      <c r="R2239" s="55"/>
      <c r="S2239" s="55"/>
      <c r="T2239" s="55"/>
      <c r="U2239" s="55"/>
      <c r="V2239" s="55"/>
      <c r="W2239" s="55"/>
      <c r="X2239" s="55"/>
      <c r="Y2239" s="55"/>
      <c r="Z2239" s="55"/>
      <c r="AA2239" s="55"/>
      <c r="AB2239" s="55"/>
      <c r="AC2239" s="55"/>
      <c r="AD2239" s="55"/>
      <c r="AE2239" s="55"/>
      <c r="AF2239" s="55"/>
      <c r="AG2239" s="55"/>
      <c r="AY2239" s="162"/>
      <c r="AZ2239" s="162"/>
      <c r="BA2239" s="162"/>
      <c r="BB2239" s="162"/>
      <c r="BC2239" s="162"/>
      <c r="BD2239" s="162"/>
      <c r="BE2239" s="162"/>
      <c r="BF2239" s="162"/>
      <c r="BG2239" s="162"/>
      <c r="BH2239" s="162"/>
      <c r="BI2239" s="162"/>
      <c r="BJ2239" s="162"/>
      <c r="BK2239" s="162"/>
      <c r="BL2239" s="162"/>
      <c r="BM2239" s="162"/>
      <c r="BN2239" s="162"/>
      <c r="BO2239" s="162"/>
      <c r="BP2239" s="162"/>
      <c r="BQ2239" s="162"/>
      <c r="BR2239" s="162"/>
      <c r="BS2239" s="162"/>
      <c r="BT2239" s="162"/>
      <c r="BU2239" s="162"/>
      <c r="BV2239" s="162"/>
      <c r="BW2239" s="162"/>
      <c r="BX2239" s="162"/>
      <c r="BY2239" s="162"/>
      <c r="BZ2239" s="162"/>
      <c r="CA2239" s="162"/>
      <c r="CB2239" s="162"/>
      <c r="CC2239" s="162"/>
      <c r="CD2239" s="162"/>
      <c r="CE2239" s="162"/>
      <c r="CF2239" s="162"/>
      <c r="CG2239" s="162"/>
      <c r="CH2239" s="162"/>
      <c r="CI2239" s="162"/>
      <c r="CJ2239" s="162"/>
      <c r="CK2239" s="162"/>
      <c r="CL2239" s="166"/>
      <c r="CM2239" s="166"/>
      <c r="CN2239" s="166"/>
      <c r="CO2239" s="166"/>
      <c r="CP2239" s="166"/>
      <c r="CQ2239" s="166"/>
      <c r="CR2239" s="166"/>
      <c r="CS2239" s="166"/>
      <c r="CT2239" s="166"/>
      <c r="CU2239" s="166"/>
      <c r="CV2239" s="166"/>
      <c r="CW2239" s="166"/>
      <c r="CX2239" s="176"/>
      <c r="CY2239" s="166"/>
      <c r="CZ2239" s="166"/>
      <c r="DA2239" s="166"/>
      <c r="DB2239" s="166"/>
      <c r="DC2239" s="166"/>
      <c r="DD2239" s="166"/>
      <c r="DE2239" s="166"/>
      <c r="DF2239" s="166"/>
      <c r="DG2239" s="166"/>
      <c r="DH2239" s="166"/>
      <c r="DI2239" s="166"/>
      <c r="DJ2239" s="166"/>
      <c r="DK2239" s="166"/>
      <c r="DL2239" s="175"/>
      <c r="DM2239" s="166"/>
      <c r="DN2239" s="166"/>
      <c r="DO2239" s="166"/>
      <c r="DP2239" s="166"/>
      <c r="DQ2239" s="166"/>
      <c r="DR2239" s="166"/>
      <c r="DS2239" s="166"/>
      <c r="DT2239" s="166"/>
      <c r="DU2239" s="166"/>
      <c r="DV2239" s="166"/>
      <c r="DW2239" s="166"/>
      <c r="DX2239" s="176"/>
      <c r="DY2239" s="166"/>
      <c r="DZ2239" s="166"/>
      <c r="EA2239" s="166"/>
      <c r="EB2239" s="166"/>
      <c r="EC2239" s="166"/>
      <c r="ED2239" s="166"/>
      <c r="EE2239" s="166"/>
      <c r="EF2239" s="166"/>
      <c r="EG2239" s="166"/>
      <c r="EH2239" s="166"/>
      <c r="EI2239" s="166"/>
      <c r="EJ2239" s="166"/>
      <c r="EK2239" s="166"/>
      <c r="EL2239" s="175"/>
      <c r="EM2239" s="166"/>
      <c r="EN2239" s="166"/>
      <c r="EO2239" s="166"/>
      <c r="EP2239" s="166"/>
      <c r="EQ2239" s="166"/>
      <c r="ER2239" s="166"/>
      <c r="ES2239" s="166"/>
      <c r="ET2239" s="166"/>
      <c r="EU2239" s="166"/>
      <c r="EV2239" s="166"/>
      <c r="EW2239" s="166"/>
      <c r="EX2239" s="176"/>
      <c r="EY2239" s="175"/>
      <c r="EZ2239" s="166"/>
      <c r="FA2239" s="166"/>
      <c r="FB2239" s="166"/>
      <c r="FC2239" s="166"/>
      <c r="FD2239" s="166"/>
      <c r="FE2239" s="166"/>
      <c r="FF2239" s="166"/>
      <c r="FG2239" s="166"/>
      <c r="FH2239" s="166"/>
      <c r="FI2239" s="166"/>
      <c r="FJ2239" s="166"/>
      <c r="FK2239" s="166"/>
      <c r="FL2239" s="126"/>
      <c r="FM2239" s="91"/>
      <c r="FN2239" s="91"/>
      <c r="FO2239" s="91"/>
      <c r="FP2239" s="91"/>
      <c r="FQ2239" s="91"/>
      <c r="FR2239" s="91"/>
      <c r="FS2239" s="91"/>
      <c r="FT2239" s="91"/>
      <c r="FU2239" s="91"/>
      <c r="FV2239" s="91"/>
      <c r="FW2239" s="91"/>
      <c r="FX2239" s="91"/>
      <c r="FY2239" s="91"/>
      <c r="FZ2239" s="91"/>
      <c r="GA2239" s="91"/>
      <c r="GB2239" s="91"/>
      <c r="GC2239" s="91"/>
      <c r="GD2239" s="91"/>
      <c r="GE2239" s="91"/>
      <c r="GF2239" s="91"/>
      <c r="GG2239" s="91"/>
      <c r="GH2239" s="91"/>
      <c r="GI2239" s="91"/>
      <c r="GJ2239" s="91"/>
      <c r="GK2239" s="127"/>
      <c r="GL2239" s="126"/>
      <c r="GM2239" s="91"/>
      <c r="GN2239" s="91"/>
      <c r="GO2239" s="91"/>
      <c r="GP2239" s="91"/>
      <c r="GQ2239" s="91"/>
      <c r="GR2239" s="91"/>
      <c r="GS2239" s="91"/>
      <c r="GT2239" s="91"/>
      <c r="GU2239" s="91"/>
      <c r="GV2239" s="91"/>
      <c r="GW2239" s="91"/>
      <c r="GX2239" s="91"/>
      <c r="GY2239" s="91"/>
      <c r="GZ2239" s="91"/>
      <c r="HA2239" s="91"/>
      <c r="HB2239" s="91"/>
      <c r="HC2239" s="91"/>
      <c r="HD2239" s="91"/>
      <c r="HE2239" s="91"/>
      <c r="HF2239" s="91"/>
      <c r="HG2239" s="91"/>
      <c r="HH2239" s="91"/>
      <c r="HI2239" s="91"/>
      <c r="HJ2239" s="91"/>
      <c r="HK2239" s="127"/>
      <c r="HL2239" s="126"/>
      <c r="HM2239" s="91"/>
      <c r="HN2239" s="91"/>
      <c r="HO2239" s="91"/>
      <c r="HP2239" s="91"/>
      <c r="HQ2239" s="91"/>
      <c r="HR2239" s="91"/>
      <c r="HS2239" s="91"/>
      <c r="HT2239" s="91"/>
      <c r="HU2239" s="91"/>
      <c r="HV2239" s="91"/>
      <c r="HW2239" s="91"/>
      <c r="HX2239" s="91"/>
      <c r="HY2239" s="91"/>
      <c r="HZ2239" s="91"/>
      <c r="IA2239" s="91"/>
      <c r="IB2239" s="91"/>
      <c r="IC2239" s="91"/>
      <c r="ID2239" s="91"/>
      <c r="IE2239" s="91"/>
      <c r="IF2239" s="91"/>
      <c r="IG2239" s="91"/>
      <c r="IH2239" s="91"/>
      <c r="II2239" s="91"/>
      <c r="IJ2239" s="91"/>
      <c r="IK2239" s="127"/>
    </row>
    <row r="2240" spans="2:245" x14ac:dyDescent="0.2">
      <c r="B2240" s="43"/>
      <c r="C2240" s="73"/>
      <c r="D2240" s="64"/>
      <c r="E2240" s="64"/>
      <c r="F2240" s="55"/>
      <c r="G2240" s="102"/>
      <c r="H2240" s="55"/>
      <c r="I2240" s="55"/>
      <c r="J2240" s="55"/>
      <c r="K2240" s="55"/>
      <c r="L2240" s="55"/>
      <c r="M2240" s="55"/>
      <c r="N2240" s="55"/>
      <c r="O2240" s="55"/>
      <c r="P2240" s="55"/>
      <c r="Q2240" s="55"/>
      <c r="R2240" s="55"/>
      <c r="S2240" s="55"/>
      <c r="T2240" s="55"/>
      <c r="U2240" s="55"/>
      <c r="V2240" s="55"/>
      <c r="W2240" s="55"/>
      <c r="X2240" s="55"/>
      <c r="Y2240" s="55"/>
      <c r="Z2240" s="55"/>
      <c r="AA2240" s="55"/>
      <c r="AB2240" s="55"/>
      <c r="AC2240" s="55"/>
      <c r="AD2240" s="55"/>
      <c r="AE2240" s="55"/>
      <c r="AF2240" s="55"/>
      <c r="AG2240" s="55"/>
      <c r="AY2240" s="162"/>
      <c r="AZ2240" s="162"/>
      <c r="BA2240" s="162"/>
      <c r="BB2240" s="162"/>
      <c r="BC2240" s="162"/>
      <c r="BD2240" s="162"/>
      <c r="BE2240" s="162"/>
      <c r="BF2240" s="162"/>
      <c r="BG2240" s="162"/>
      <c r="BH2240" s="162"/>
      <c r="BI2240" s="162"/>
      <c r="BJ2240" s="162"/>
      <c r="BK2240" s="162"/>
      <c r="BL2240" s="162"/>
      <c r="BM2240" s="162"/>
      <c r="BN2240" s="162"/>
      <c r="BO2240" s="162"/>
      <c r="BP2240" s="162"/>
      <c r="BQ2240" s="162"/>
      <c r="BR2240" s="162"/>
      <c r="BS2240" s="162"/>
      <c r="BT2240" s="162"/>
      <c r="BU2240" s="162"/>
      <c r="BV2240" s="162"/>
      <c r="BW2240" s="162"/>
      <c r="BX2240" s="162"/>
      <c r="BY2240" s="162"/>
      <c r="BZ2240" s="162"/>
      <c r="CA2240" s="162"/>
      <c r="CB2240" s="162"/>
      <c r="CC2240" s="162"/>
      <c r="CD2240" s="162"/>
      <c r="CE2240" s="162"/>
      <c r="CF2240" s="162"/>
      <c r="CG2240" s="162"/>
      <c r="CH2240" s="162"/>
      <c r="CI2240" s="162"/>
      <c r="CJ2240" s="162"/>
      <c r="CK2240" s="162"/>
      <c r="CX2240" s="98"/>
      <c r="DL2240" s="97"/>
      <c r="DX2240" s="98"/>
      <c r="EL2240" s="97"/>
      <c r="EX2240" s="98"/>
      <c r="EY2240" s="97"/>
      <c r="FL2240" s="126"/>
      <c r="FM2240" s="91"/>
      <c r="FN2240" s="91"/>
      <c r="FO2240" s="91"/>
      <c r="FP2240" s="91"/>
      <c r="FQ2240" s="91"/>
      <c r="FR2240" s="91"/>
      <c r="FS2240" s="91"/>
      <c r="FT2240" s="91"/>
      <c r="FU2240" s="91"/>
      <c r="FV2240" s="91"/>
      <c r="FW2240" s="91"/>
      <c r="FX2240" s="91"/>
      <c r="FY2240" s="91"/>
      <c r="FZ2240" s="91"/>
      <c r="GA2240" s="91"/>
      <c r="GB2240" s="91"/>
      <c r="GC2240" s="91"/>
      <c r="GD2240" s="91"/>
      <c r="GE2240" s="91"/>
      <c r="GF2240" s="91"/>
      <c r="GG2240" s="91"/>
      <c r="GH2240" s="91"/>
      <c r="GI2240" s="91"/>
      <c r="GJ2240" s="91"/>
      <c r="GK2240" s="127"/>
      <c r="GL2240" s="126"/>
      <c r="GM2240" s="91"/>
      <c r="GN2240" s="91"/>
      <c r="GO2240" s="91"/>
      <c r="GP2240" s="91"/>
      <c r="GQ2240" s="91"/>
      <c r="GR2240" s="91"/>
      <c r="GS2240" s="91"/>
      <c r="GT2240" s="91"/>
      <c r="GU2240" s="91"/>
      <c r="GV2240" s="91"/>
      <c r="GW2240" s="91"/>
      <c r="GX2240" s="91"/>
      <c r="GY2240" s="91"/>
      <c r="GZ2240" s="91"/>
      <c r="HA2240" s="91"/>
      <c r="HB2240" s="91"/>
      <c r="HC2240" s="91"/>
      <c r="HD2240" s="91"/>
      <c r="HE2240" s="91"/>
      <c r="HF2240" s="91"/>
      <c r="HG2240" s="91"/>
      <c r="HH2240" s="91"/>
      <c r="HI2240" s="91"/>
      <c r="HJ2240" s="91"/>
      <c r="HK2240" s="127"/>
      <c r="HL2240" s="126"/>
      <c r="HM2240" s="91"/>
      <c r="HN2240" s="91"/>
      <c r="HO2240" s="91"/>
      <c r="HP2240" s="91"/>
      <c r="HQ2240" s="91"/>
      <c r="HR2240" s="91"/>
      <c r="HS2240" s="91"/>
      <c r="HT2240" s="91"/>
      <c r="HU2240" s="91"/>
      <c r="HV2240" s="91"/>
      <c r="HW2240" s="91"/>
      <c r="HX2240" s="91"/>
      <c r="HY2240" s="91"/>
      <c r="HZ2240" s="91"/>
      <c r="IA2240" s="91"/>
      <c r="IB2240" s="91"/>
      <c r="IC2240" s="91"/>
      <c r="ID2240" s="91"/>
      <c r="IE2240" s="91"/>
      <c r="IF2240" s="91"/>
      <c r="IG2240" s="91"/>
      <c r="IH2240" s="91"/>
      <c r="II2240" s="91"/>
      <c r="IJ2240" s="91"/>
      <c r="IK2240" s="127"/>
    </row>
    <row r="2241" spans="2:245" x14ac:dyDescent="0.2">
      <c r="B2241" s="43"/>
      <c r="C2241" s="73"/>
      <c r="D2241" s="64"/>
      <c r="E2241" s="64"/>
      <c r="F2241" s="55"/>
      <c r="G2241" s="102"/>
      <c r="H2241" s="55"/>
      <c r="I2241" s="55"/>
      <c r="J2241" s="55"/>
      <c r="K2241" s="55"/>
      <c r="L2241" s="55"/>
      <c r="M2241" s="55"/>
      <c r="N2241" s="55"/>
      <c r="O2241" s="55"/>
      <c r="P2241" s="55"/>
      <c r="Q2241" s="55"/>
      <c r="R2241" s="55"/>
      <c r="S2241" s="55"/>
      <c r="T2241" s="55"/>
      <c r="U2241" s="55"/>
      <c r="V2241" s="55"/>
      <c r="W2241" s="55"/>
      <c r="X2241" s="55"/>
      <c r="Y2241" s="55"/>
      <c r="Z2241" s="55"/>
      <c r="AA2241" s="55"/>
      <c r="AB2241" s="55"/>
      <c r="AC2241" s="55"/>
      <c r="AD2241" s="55"/>
      <c r="AE2241" s="55"/>
      <c r="AF2241" s="55"/>
      <c r="AG2241" s="55"/>
      <c r="AY2241" s="162"/>
      <c r="AZ2241" s="162"/>
      <c r="BA2241" s="162"/>
      <c r="BB2241" s="162"/>
      <c r="BC2241" s="162"/>
      <c r="BD2241" s="162"/>
      <c r="BE2241" s="162"/>
      <c r="BF2241" s="162"/>
      <c r="BG2241" s="162"/>
      <c r="BH2241" s="162"/>
      <c r="BI2241" s="162"/>
      <c r="BJ2241" s="162"/>
      <c r="BK2241" s="162"/>
      <c r="BL2241" s="162"/>
      <c r="BM2241" s="162"/>
      <c r="BN2241" s="162"/>
      <c r="BO2241" s="162"/>
      <c r="BP2241" s="162"/>
      <c r="BQ2241" s="162"/>
      <c r="BR2241" s="162"/>
      <c r="BS2241" s="162"/>
      <c r="BT2241" s="162"/>
      <c r="BU2241" s="162"/>
      <c r="BV2241" s="162"/>
      <c r="BW2241" s="162"/>
      <c r="BX2241" s="162"/>
      <c r="BY2241" s="162"/>
      <c r="BZ2241" s="162"/>
      <c r="CA2241" s="162"/>
      <c r="CB2241" s="162"/>
      <c r="CC2241" s="162"/>
      <c r="CD2241" s="162"/>
      <c r="CE2241" s="162"/>
      <c r="CF2241" s="162"/>
      <c r="CG2241" s="162"/>
      <c r="CH2241" s="162"/>
      <c r="CI2241" s="162"/>
      <c r="CJ2241" s="162"/>
      <c r="CK2241" s="162"/>
      <c r="CX2241" s="98"/>
      <c r="DL2241" s="97"/>
      <c r="DX2241" s="98"/>
      <c r="EL2241" s="97"/>
      <c r="EX2241" s="98"/>
      <c r="EY2241" s="97"/>
      <c r="FL2241" s="126"/>
      <c r="FM2241" s="91"/>
      <c r="FN2241" s="91"/>
      <c r="FO2241" s="91"/>
      <c r="FP2241" s="91"/>
      <c r="FQ2241" s="91"/>
      <c r="FR2241" s="91"/>
      <c r="FS2241" s="91"/>
      <c r="FT2241" s="91"/>
      <c r="FU2241" s="91"/>
      <c r="FV2241" s="91"/>
      <c r="FW2241" s="91"/>
      <c r="FX2241" s="91"/>
      <c r="FY2241" s="91"/>
      <c r="FZ2241" s="91"/>
      <c r="GA2241" s="91"/>
      <c r="GB2241" s="91"/>
      <c r="GC2241" s="91"/>
      <c r="GD2241" s="91"/>
      <c r="GE2241" s="91"/>
      <c r="GF2241" s="91"/>
      <c r="GG2241" s="91"/>
      <c r="GH2241" s="91"/>
      <c r="GI2241" s="91"/>
      <c r="GJ2241" s="91"/>
      <c r="GK2241" s="127"/>
      <c r="GL2241" s="126"/>
      <c r="GM2241" s="91"/>
      <c r="GN2241" s="91"/>
      <c r="GO2241" s="91"/>
      <c r="GP2241" s="91"/>
      <c r="GQ2241" s="91"/>
      <c r="GR2241" s="91"/>
      <c r="GS2241" s="91"/>
      <c r="GT2241" s="91"/>
      <c r="GU2241" s="91"/>
      <c r="GV2241" s="91"/>
      <c r="GW2241" s="91"/>
      <c r="GX2241" s="91"/>
      <c r="GY2241" s="91"/>
      <c r="GZ2241" s="91"/>
      <c r="HA2241" s="91"/>
      <c r="HB2241" s="91"/>
      <c r="HC2241" s="91"/>
      <c r="HD2241" s="91"/>
      <c r="HE2241" s="91"/>
      <c r="HF2241" s="91"/>
      <c r="HG2241" s="91"/>
      <c r="HH2241" s="91"/>
      <c r="HI2241" s="91"/>
      <c r="HJ2241" s="91"/>
      <c r="HK2241" s="127"/>
      <c r="HL2241" s="126"/>
      <c r="HM2241" s="91"/>
      <c r="HN2241" s="91"/>
      <c r="HO2241" s="91"/>
      <c r="HP2241" s="91"/>
      <c r="HQ2241" s="91"/>
      <c r="HR2241" s="91"/>
      <c r="HS2241" s="91"/>
      <c r="HT2241" s="91"/>
      <c r="HU2241" s="91"/>
      <c r="HV2241" s="91"/>
      <c r="HW2241" s="91"/>
      <c r="HX2241" s="91"/>
      <c r="HY2241" s="91"/>
      <c r="HZ2241" s="91"/>
      <c r="IA2241" s="91"/>
      <c r="IB2241" s="91"/>
      <c r="IC2241" s="91"/>
      <c r="ID2241" s="91"/>
      <c r="IE2241" s="91"/>
      <c r="IF2241" s="91"/>
      <c r="IG2241" s="91"/>
      <c r="IH2241" s="91"/>
      <c r="II2241" s="91"/>
      <c r="IJ2241" s="91"/>
      <c r="IK2241" s="127"/>
    </row>
    <row r="2242" spans="2:245" x14ac:dyDescent="0.2">
      <c r="B2242" s="43"/>
      <c r="C2242" s="73"/>
      <c r="D2242" s="64"/>
      <c r="E2242" s="64"/>
      <c r="F2242" s="55"/>
      <c r="G2242" s="102"/>
      <c r="H2242" s="55"/>
      <c r="I2242" s="55"/>
      <c r="J2242" s="55"/>
      <c r="K2242" s="55"/>
      <c r="L2242" s="55"/>
      <c r="M2242" s="55"/>
      <c r="N2242" s="55"/>
      <c r="O2242" s="55"/>
      <c r="P2242" s="55"/>
      <c r="Q2242" s="55"/>
      <c r="R2242" s="55"/>
      <c r="S2242" s="55"/>
      <c r="T2242" s="55"/>
      <c r="U2242" s="55"/>
      <c r="V2242" s="55"/>
      <c r="W2242" s="55"/>
      <c r="X2242" s="55"/>
      <c r="Y2242" s="55"/>
      <c r="Z2242" s="55"/>
      <c r="AA2242" s="55"/>
      <c r="AB2242" s="55"/>
      <c r="AC2242" s="55"/>
      <c r="AD2242" s="55"/>
      <c r="AE2242" s="55"/>
      <c r="AF2242" s="55"/>
      <c r="AG2242" s="55"/>
      <c r="AY2242" s="162"/>
      <c r="AZ2242" s="162"/>
      <c r="BA2242" s="162"/>
      <c r="BB2242" s="162"/>
      <c r="BC2242" s="162"/>
      <c r="BD2242" s="162"/>
      <c r="BE2242" s="162"/>
      <c r="BF2242" s="162"/>
      <c r="BG2242" s="162"/>
      <c r="BH2242" s="162"/>
      <c r="BI2242" s="162"/>
      <c r="BJ2242" s="162"/>
      <c r="BK2242" s="162"/>
      <c r="BL2242" s="162"/>
      <c r="BM2242" s="162"/>
      <c r="BN2242" s="162"/>
      <c r="BO2242" s="162"/>
      <c r="BP2242" s="162"/>
      <c r="BQ2242" s="162"/>
      <c r="BR2242" s="162"/>
      <c r="BS2242" s="162"/>
      <c r="BT2242" s="162"/>
      <c r="BU2242" s="162"/>
      <c r="BV2242" s="162"/>
      <c r="BW2242" s="162"/>
      <c r="BX2242" s="162"/>
      <c r="BY2242" s="162"/>
      <c r="BZ2242" s="162"/>
      <c r="CA2242" s="162"/>
      <c r="CB2242" s="162"/>
      <c r="CC2242" s="162"/>
      <c r="CD2242" s="162"/>
      <c r="CE2242" s="162"/>
      <c r="CF2242" s="162"/>
      <c r="CG2242" s="162"/>
      <c r="CH2242" s="162"/>
      <c r="CI2242" s="162"/>
      <c r="CJ2242" s="162"/>
      <c r="CK2242" s="162"/>
      <c r="CX2242" s="98"/>
      <c r="DL2242" s="97"/>
      <c r="DX2242" s="98"/>
      <c r="EL2242" s="97"/>
      <c r="EX2242" s="98"/>
      <c r="EY2242" s="97"/>
      <c r="FL2242" s="126"/>
      <c r="FM2242" s="91"/>
      <c r="FN2242" s="91"/>
      <c r="FO2242" s="91"/>
      <c r="FP2242" s="91"/>
      <c r="FQ2242" s="91"/>
      <c r="FR2242" s="91"/>
      <c r="FS2242" s="91"/>
      <c r="FT2242" s="91"/>
      <c r="FU2242" s="91"/>
      <c r="FV2242" s="91"/>
      <c r="FW2242" s="91"/>
      <c r="FX2242" s="91"/>
      <c r="FY2242" s="91"/>
      <c r="FZ2242" s="91"/>
      <c r="GA2242" s="91"/>
      <c r="GB2242" s="91"/>
      <c r="GC2242" s="91"/>
      <c r="GD2242" s="91"/>
      <c r="GE2242" s="91"/>
      <c r="GF2242" s="91"/>
      <c r="GG2242" s="91"/>
      <c r="GH2242" s="91"/>
      <c r="GI2242" s="91"/>
      <c r="GJ2242" s="91"/>
      <c r="GK2242" s="127"/>
      <c r="GL2242" s="126"/>
      <c r="GM2242" s="91"/>
      <c r="GN2242" s="91"/>
      <c r="GO2242" s="91"/>
      <c r="GP2242" s="91"/>
      <c r="GQ2242" s="91"/>
      <c r="GR2242" s="91"/>
      <c r="GS2242" s="91"/>
      <c r="GT2242" s="91"/>
      <c r="GU2242" s="91"/>
      <c r="GV2242" s="91"/>
      <c r="GW2242" s="91"/>
      <c r="GX2242" s="91"/>
      <c r="GY2242" s="91"/>
      <c r="GZ2242" s="91"/>
      <c r="HA2242" s="91"/>
      <c r="HB2242" s="91"/>
      <c r="HC2242" s="91"/>
      <c r="HD2242" s="91"/>
      <c r="HE2242" s="91"/>
      <c r="HF2242" s="91"/>
      <c r="HG2242" s="91"/>
      <c r="HH2242" s="91"/>
      <c r="HI2242" s="91"/>
      <c r="HJ2242" s="91"/>
      <c r="HK2242" s="127"/>
      <c r="HL2242" s="126"/>
      <c r="HM2242" s="91"/>
      <c r="HN2242" s="91"/>
      <c r="HO2242" s="91"/>
      <c r="HP2242" s="91"/>
      <c r="HQ2242" s="91"/>
      <c r="HR2242" s="91"/>
      <c r="HS2242" s="91"/>
      <c r="HT2242" s="91"/>
      <c r="HU2242" s="91"/>
      <c r="HV2242" s="91"/>
      <c r="HW2242" s="91"/>
      <c r="HX2242" s="91"/>
      <c r="HY2242" s="91"/>
      <c r="HZ2242" s="91"/>
      <c r="IA2242" s="91"/>
      <c r="IB2242" s="91"/>
      <c r="IC2242" s="91"/>
      <c r="ID2242" s="91"/>
      <c r="IE2242" s="91"/>
      <c r="IF2242" s="91"/>
      <c r="IG2242" s="91"/>
      <c r="IH2242" s="91"/>
      <c r="II2242" s="91"/>
      <c r="IJ2242" s="91"/>
      <c r="IK2242" s="127"/>
    </row>
    <row r="2243" spans="2:245" x14ac:dyDescent="0.2">
      <c r="B2243" s="43"/>
      <c r="C2243" s="73"/>
      <c r="D2243" s="64"/>
      <c r="E2243" s="64"/>
      <c r="F2243" s="55"/>
      <c r="G2243" s="102"/>
      <c r="H2243" s="55"/>
      <c r="I2243" s="55"/>
      <c r="J2243" s="55"/>
      <c r="K2243" s="55"/>
      <c r="L2243" s="55"/>
      <c r="M2243" s="55"/>
      <c r="N2243" s="55"/>
      <c r="O2243" s="55"/>
      <c r="P2243" s="55"/>
      <c r="Q2243" s="55"/>
      <c r="R2243" s="55"/>
      <c r="S2243" s="55"/>
      <c r="T2243" s="55"/>
      <c r="U2243" s="55"/>
      <c r="V2243" s="55"/>
      <c r="W2243" s="55"/>
      <c r="X2243" s="55"/>
      <c r="Y2243" s="55"/>
      <c r="Z2243" s="55"/>
      <c r="AA2243" s="55"/>
      <c r="AB2243" s="55"/>
      <c r="AC2243" s="55"/>
      <c r="AD2243" s="55"/>
      <c r="AE2243" s="55"/>
      <c r="AF2243" s="55"/>
      <c r="AG2243" s="55"/>
      <c r="AY2243" s="162"/>
      <c r="AZ2243" s="162"/>
      <c r="BA2243" s="162"/>
      <c r="BB2243" s="162"/>
      <c r="BC2243" s="162"/>
      <c r="BD2243" s="162"/>
      <c r="BE2243" s="162"/>
      <c r="BF2243" s="162"/>
      <c r="BG2243" s="162"/>
      <c r="BH2243" s="162"/>
      <c r="BI2243" s="162"/>
      <c r="BJ2243" s="162"/>
      <c r="BK2243" s="162"/>
      <c r="BL2243" s="162"/>
      <c r="BM2243" s="162"/>
      <c r="BN2243" s="162"/>
      <c r="BO2243" s="162"/>
      <c r="BP2243" s="162"/>
      <c r="BQ2243" s="162"/>
      <c r="BR2243" s="162"/>
      <c r="BS2243" s="162"/>
      <c r="BT2243" s="162"/>
      <c r="BU2243" s="162"/>
      <c r="BV2243" s="162"/>
      <c r="BW2243" s="162"/>
      <c r="BX2243" s="162"/>
      <c r="BY2243" s="162"/>
      <c r="BZ2243" s="162"/>
      <c r="CA2243" s="162"/>
      <c r="CB2243" s="162"/>
      <c r="CC2243" s="162"/>
      <c r="CD2243" s="162"/>
      <c r="CE2243" s="162"/>
      <c r="CF2243" s="162"/>
      <c r="CG2243" s="162"/>
      <c r="CH2243" s="162"/>
      <c r="CI2243" s="162"/>
      <c r="CJ2243" s="162"/>
      <c r="CK2243" s="162"/>
      <c r="CX2243" s="98"/>
      <c r="DL2243" s="97"/>
      <c r="DX2243" s="98"/>
      <c r="EL2243" s="97"/>
      <c r="EX2243" s="98"/>
      <c r="EY2243" s="97"/>
      <c r="FL2243" s="126"/>
      <c r="FM2243" s="91"/>
      <c r="FN2243" s="91"/>
      <c r="FO2243" s="91"/>
      <c r="FP2243" s="91"/>
      <c r="FQ2243" s="91"/>
      <c r="FR2243" s="91"/>
      <c r="FS2243" s="91"/>
      <c r="FT2243" s="91"/>
      <c r="FU2243" s="91"/>
      <c r="FV2243" s="91"/>
      <c r="FW2243" s="91"/>
      <c r="FX2243" s="91"/>
      <c r="FY2243" s="91"/>
      <c r="FZ2243" s="91"/>
      <c r="GA2243" s="91"/>
      <c r="GB2243" s="91"/>
      <c r="GC2243" s="91"/>
      <c r="GD2243" s="91"/>
      <c r="GE2243" s="91"/>
      <c r="GF2243" s="91"/>
      <c r="GG2243" s="91"/>
      <c r="GH2243" s="91"/>
      <c r="GI2243" s="91"/>
      <c r="GJ2243" s="91"/>
      <c r="GK2243" s="127"/>
      <c r="GL2243" s="126"/>
      <c r="GM2243" s="91"/>
      <c r="GN2243" s="91"/>
      <c r="GO2243" s="91"/>
      <c r="GP2243" s="91"/>
      <c r="GQ2243" s="91"/>
      <c r="GR2243" s="91"/>
      <c r="GS2243" s="91"/>
      <c r="GT2243" s="91"/>
      <c r="GU2243" s="91"/>
      <c r="GV2243" s="91"/>
      <c r="GW2243" s="91"/>
      <c r="GX2243" s="91"/>
      <c r="GY2243" s="91"/>
      <c r="GZ2243" s="91"/>
      <c r="HA2243" s="91"/>
      <c r="HB2243" s="91"/>
      <c r="HC2243" s="91"/>
      <c r="HD2243" s="91"/>
      <c r="HE2243" s="91"/>
      <c r="HF2243" s="91"/>
      <c r="HG2243" s="91"/>
      <c r="HH2243" s="91"/>
      <c r="HI2243" s="91"/>
      <c r="HJ2243" s="91"/>
      <c r="HK2243" s="127"/>
      <c r="HL2243" s="126"/>
      <c r="HM2243" s="91"/>
      <c r="HN2243" s="91"/>
      <c r="HO2243" s="91"/>
      <c r="HP2243" s="91"/>
      <c r="HQ2243" s="91"/>
      <c r="HR2243" s="91"/>
      <c r="HS2243" s="91"/>
      <c r="HT2243" s="91"/>
      <c r="HU2243" s="91"/>
      <c r="HV2243" s="91"/>
      <c r="HW2243" s="91"/>
      <c r="HX2243" s="91"/>
      <c r="HY2243" s="91"/>
      <c r="HZ2243" s="91"/>
      <c r="IA2243" s="91"/>
      <c r="IB2243" s="91"/>
      <c r="IC2243" s="91"/>
      <c r="ID2243" s="91"/>
      <c r="IE2243" s="91"/>
      <c r="IF2243" s="91"/>
      <c r="IG2243" s="91"/>
      <c r="IH2243" s="91"/>
      <c r="II2243" s="91"/>
      <c r="IJ2243" s="91"/>
      <c r="IK2243" s="127"/>
    </row>
    <row r="2244" spans="2:245" x14ac:dyDescent="0.2">
      <c r="B2244" s="43"/>
      <c r="C2244" s="73"/>
      <c r="D2244" s="64"/>
      <c r="E2244" s="64"/>
      <c r="F2244" s="55"/>
      <c r="G2244" s="102"/>
      <c r="H2244" s="55"/>
      <c r="I2244" s="55"/>
      <c r="J2244" s="55"/>
      <c r="K2244" s="55"/>
      <c r="L2244" s="55"/>
      <c r="M2244" s="55"/>
      <c r="N2244" s="55"/>
      <c r="O2244" s="55"/>
      <c r="P2244" s="55"/>
      <c r="Q2244" s="55"/>
      <c r="R2244" s="55"/>
      <c r="S2244" s="55"/>
      <c r="T2244" s="55"/>
      <c r="U2244" s="55"/>
      <c r="V2244" s="55"/>
      <c r="W2244" s="55"/>
      <c r="X2244" s="55"/>
      <c r="Y2244" s="55"/>
      <c r="Z2244" s="55"/>
      <c r="AA2244" s="55"/>
      <c r="AB2244" s="55"/>
      <c r="AC2244" s="55"/>
      <c r="AD2244" s="55"/>
      <c r="AE2244" s="55"/>
      <c r="AF2244" s="55"/>
      <c r="AG2244" s="55"/>
      <c r="AY2244" s="162"/>
      <c r="AZ2244" s="162"/>
      <c r="BA2244" s="162"/>
      <c r="BB2244" s="162"/>
      <c r="BC2244" s="162"/>
      <c r="BD2244" s="162"/>
      <c r="BE2244" s="162"/>
      <c r="BF2244" s="162"/>
      <c r="BG2244" s="162"/>
      <c r="BH2244" s="162"/>
      <c r="BI2244" s="162"/>
      <c r="BJ2244" s="162"/>
      <c r="BK2244" s="162"/>
      <c r="BL2244" s="162"/>
      <c r="BM2244" s="162"/>
      <c r="BN2244" s="162"/>
      <c r="BO2244" s="162"/>
      <c r="BP2244" s="162"/>
      <c r="BQ2244" s="162"/>
      <c r="BR2244" s="162"/>
      <c r="BS2244" s="162"/>
      <c r="BT2244" s="162"/>
      <c r="BU2244" s="162"/>
      <c r="BV2244" s="162"/>
      <c r="BW2244" s="162"/>
      <c r="BX2244" s="162"/>
      <c r="BY2244" s="162"/>
      <c r="BZ2244" s="162"/>
      <c r="CA2244" s="162"/>
      <c r="CB2244" s="162"/>
      <c r="CC2244" s="162"/>
      <c r="CD2244" s="162"/>
      <c r="CE2244" s="162"/>
      <c r="CF2244" s="162"/>
      <c r="CG2244" s="162"/>
      <c r="CH2244" s="162"/>
      <c r="CI2244" s="162"/>
      <c r="CJ2244" s="162"/>
      <c r="CK2244" s="162"/>
      <c r="CX2244" s="98"/>
      <c r="DL2244" s="97"/>
      <c r="DX2244" s="98"/>
      <c r="EL2244" s="97"/>
      <c r="EX2244" s="98"/>
      <c r="EY2244" s="97"/>
      <c r="FL2244" s="126"/>
      <c r="FM2244" s="91"/>
      <c r="FN2244" s="91"/>
      <c r="FO2244" s="91"/>
      <c r="FP2244" s="91"/>
      <c r="FQ2244" s="91"/>
      <c r="FR2244" s="91"/>
      <c r="FS2244" s="91"/>
      <c r="FT2244" s="91"/>
      <c r="FU2244" s="91"/>
      <c r="FV2244" s="91"/>
      <c r="FW2244" s="91"/>
      <c r="FX2244" s="91"/>
      <c r="FY2244" s="91"/>
      <c r="FZ2244" s="91"/>
      <c r="GA2244" s="91"/>
      <c r="GB2244" s="91"/>
      <c r="GC2244" s="91"/>
      <c r="GD2244" s="91"/>
      <c r="GE2244" s="91"/>
      <c r="GF2244" s="91"/>
      <c r="GG2244" s="91"/>
      <c r="GH2244" s="91"/>
      <c r="GI2244" s="91"/>
      <c r="GJ2244" s="91"/>
      <c r="GK2244" s="127"/>
      <c r="GL2244" s="126"/>
      <c r="GM2244" s="91"/>
      <c r="GN2244" s="91"/>
      <c r="GO2244" s="91"/>
      <c r="GP2244" s="91"/>
      <c r="GQ2244" s="91"/>
      <c r="GR2244" s="91"/>
      <c r="GS2244" s="91"/>
      <c r="GT2244" s="91"/>
      <c r="GU2244" s="91"/>
      <c r="GV2244" s="91"/>
      <c r="GW2244" s="91"/>
      <c r="GX2244" s="91"/>
      <c r="GY2244" s="91"/>
      <c r="GZ2244" s="91"/>
      <c r="HA2244" s="91"/>
      <c r="HB2244" s="91"/>
      <c r="HC2244" s="91"/>
      <c r="HD2244" s="91"/>
      <c r="HE2244" s="91"/>
      <c r="HF2244" s="91"/>
      <c r="HG2244" s="91"/>
      <c r="HH2244" s="91"/>
      <c r="HI2244" s="91"/>
      <c r="HJ2244" s="91"/>
      <c r="HK2244" s="127"/>
      <c r="HL2244" s="126"/>
      <c r="HM2244" s="91"/>
      <c r="HN2244" s="91"/>
      <c r="HO2244" s="91"/>
      <c r="HP2244" s="91"/>
      <c r="HQ2244" s="91"/>
      <c r="HR2244" s="91"/>
      <c r="HS2244" s="91"/>
      <c r="HT2244" s="91"/>
      <c r="HU2244" s="91"/>
      <c r="HV2244" s="91"/>
      <c r="HW2244" s="91"/>
      <c r="HX2244" s="91"/>
      <c r="HY2244" s="91"/>
      <c r="HZ2244" s="91"/>
      <c r="IA2244" s="91"/>
      <c r="IB2244" s="91"/>
      <c r="IC2244" s="91"/>
      <c r="ID2244" s="91"/>
      <c r="IE2244" s="91"/>
      <c r="IF2244" s="91"/>
      <c r="IG2244" s="91"/>
      <c r="IH2244" s="91"/>
      <c r="II2244" s="91"/>
      <c r="IJ2244" s="91"/>
      <c r="IK2244" s="127"/>
    </row>
    <row r="2245" spans="2:245" x14ac:dyDescent="0.2">
      <c r="B2245" s="43"/>
      <c r="C2245" s="73"/>
      <c r="D2245" s="64"/>
      <c r="E2245" s="64"/>
      <c r="F2245" s="55"/>
      <c r="G2245" s="102"/>
      <c r="H2245" s="55"/>
      <c r="I2245" s="55"/>
      <c r="J2245" s="55"/>
      <c r="K2245" s="55"/>
      <c r="L2245" s="55"/>
      <c r="M2245" s="55"/>
      <c r="N2245" s="55"/>
      <c r="O2245" s="55"/>
      <c r="P2245" s="55"/>
      <c r="Q2245" s="55"/>
      <c r="R2245" s="55"/>
      <c r="S2245" s="55"/>
      <c r="T2245" s="55"/>
      <c r="U2245" s="55"/>
      <c r="V2245" s="55"/>
      <c r="W2245" s="55"/>
      <c r="X2245" s="55"/>
      <c r="Y2245" s="55"/>
      <c r="Z2245" s="55"/>
      <c r="AA2245" s="55"/>
      <c r="AB2245" s="55"/>
      <c r="AC2245" s="55"/>
      <c r="AD2245" s="55"/>
      <c r="AE2245" s="55"/>
      <c r="AF2245" s="55"/>
      <c r="AG2245" s="55"/>
      <c r="AY2245" s="162"/>
      <c r="AZ2245" s="162"/>
      <c r="BA2245" s="162"/>
      <c r="BB2245" s="162"/>
      <c r="BC2245" s="162"/>
      <c r="BD2245" s="162"/>
      <c r="BE2245" s="162"/>
      <c r="BF2245" s="162"/>
      <c r="BG2245" s="162"/>
      <c r="BH2245" s="162"/>
      <c r="BI2245" s="162"/>
      <c r="BJ2245" s="162"/>
      <c r="BK2245" s="162"/>
      <c r="BL2245" s="162"/>
      <c r="BM2245" s="162"/>
      <c r="BN2245" s="162"/>
      <c r="BO2245" s="162"/>
      <c r="BP2245" s="162"/>
      <c r="BQ2245" s="162"/>
      <c r="BR2245" s="162"/>
      <c r="BS2245" s="162"/>
      <c r="BT2245" s="162"/>
      <c r="BU2245" s="162"/>
      <c r="BV2245" s="162"/>
      <c r="BW2245" s="162"/>
      <c r="BX2245" s="162"/>
      <c r="BY2245" s="162"/>
      <c r="BZ2245" s="162"/>
      <c r="CA2245" s="162"/>
      <c r="CB2245" s="162"/>
      <c r="CC2245" s="162"/>
      <c r="CD2245" s="162"/>
      <c r="CE2245" s="162"/>
      <c r="CF2245" s="162"/>
      <c r="CG2245" s="162"/>
      <c r="CH2245" s="162"/>
      <c r="CI2245" s="162"/>
      <c r="CJ2245" s="162"/>
      <c r="CK2245" s="162"/>
      <c r="CX2245" s="98"/>
      <c r="DL2245" s="97"/>
      <c r="DX2245" s="98"/>
      <c r="EL2245" s="97"/>
      <c r="EX2245" s="98"/>
      <c r="EY2245" s="97"/>
      <c r="FL2245" s="126"/>
      <c r="FM2245" s="91"/>
      <c r="FN2245" s="91"/>
      <c r="FO2245" s="91"/>
      <c r="FP2245" s="91"/>
      <c r="FQ2245" s="91"/>
      <c r="FR2245" s="91"/>
      <c r="FS2245" s="91"/>
      <c r="FT2245" s="91"/>
      <c r="FU2245" s="91"/>
      <c r="FV2245" s="91"/>
      <c r="FW2245" s="91"/>
      <c r="FX2245" s="91"/>
      <c r="FY2245" s="91"/>
      <c r="FZ2245" s="91"/>
      <c r="GA2245" s="91"/>
      <c r="GB2245" s="91"/>
      <c r="GC2245" s="91"/>
      <c r="GD2245" s="91"/>
      <c r="GE2245" s="91"/>
      <c r="GF2245" s="91"/>
      <c r="GG2245" s="91"/>
      <c r="GH2245" s="91"/>
      <c r="GI2245" s="91"/>
      <c r="GJ2245" s="91"/>
      <c r="GK2245" s="127"/>
      <c r="GL2245" s="126"/>
      <c r="GM2245" s="91"/>
      <c r="GN2245" s="91"/>
      <c r="GO2245" s="91"/>
      <c r="GP2245" s="91"/>
      <c r="GQ2245" s="91"/>
      <c r="GR2245" s="91"/>
      <c r="GS2245" s="91"/>
      <c r="GT2245" s="91"/>
      <c r="GU2245" s="91"/>
      <c r="GV2245" s="91"/>
      <c r="GW2245" s="91"/>
      <c r="GX2245" s="91"/>
      <c r="GY2245" s="91"/>
      <c r="GZ2245" s="91"/>
      <c r="HA2245" s="91"/>
      <c r="HB2245" s="91"/>
      <c r="HC2245" s="91"/>
      <c r="HD2245" s="91"/>
      <c r="HE2245" s="91"/>
      <c r="HF2245" s="91"/>
      <c r="HG2245" s="91"/>
      <c r="HH2245" s="91"/>
      <c r="HI2245" s="91"/>
      <c r="HJ2245" s="91"/>
      <c r="HK2245" s="127"/>
      <c r="HL2245" s="126"/>
      <c r="HM2245" s="91"/>
      <c r="HN2245" s="91"/>
      <c r="HO2245" s="91"/>
      <c r="HP2245" s="91"/>
      <c r="HQ2245" s="91"/>
      <c r="HR2245" s="91"/>
      <c r="HS2245" s="91"/>
      <c r="HT2245" s="91"/>
      <c r="HU2245" s="91"/>
      <c r="HV2245" s="91"/>
      <c r="HW2245" s="91"/>
      <c r="HX2245" s="91"/>
      <c r="HY2245" s="91"/>
      <c r="HZ2245" s="91"/>
      <c r="IA2245" s="91"/>
      <c r="IB2245" s="91"/>
      <c r="IC2245" s="91"/>
      <c r="ID2245" s="91"/>
      <c r="IE2245" s="91"/>
      <c r="IF2245" s="91"/>
      <c r="IG2245" s="91"/>
      <c r="IH2245" s="91"/>
      <c r="II2245" s="91"/>
      <c r="IJ2245" s="91"/>
      <c r="IK2245" s="127"/>
    </row>
    <row r="2246" spans="2:245" x14ac:dyDescent="0.2">
      <c r="B2246" s="43"/>
      <c r="C2246" s="73"/>
      <c r="D2246" s="64"/>
      <c r="E2246" s="64"/>
      <c r="F2246" s="55"/>
      <c r="G2246" s="102"/>
      <c r="H2246" s="55"/>
      <c r="I2246" s="55"/>
      <c r="J2246" s="55"/>
      <c r="K2246" s="55"/>
      <c r="L2246" s="55"/>
      <c r="M2246" s="55"/>
      <c r="N2246" s="55"/>
      <c r="O2246" s="55"/>
      <c r="P2246" s="55"/>
      <c r="Q2246" s="55"/>
      <c r="R2246" s="55"/>
      <c r="S2246" s="55"/>
      <c r="T2246" s="55"/>
      <c r="U2246" s="55"/>
      <c r="V2246" s="55"/>
      <c r="W2246" s="55"/>
      <c r="X2246" s="55"/>
      <c r="Y2246" s="55"/>
      <c r="Z2246" s="55"/>
      <c r="AA2246" s="55"/>
      <c r="AB2246" s="55"/>
      <c r="AC2246" s="55"/>
      <c r="AD2246" s="55"/>
      <c r="AE2246" s="55"/>
      <c r="AF2246" s="55"/>
      <c r="AG2246" s="55"/>
      <c r="AY2246" s="162"/>
      <c r="AZ2246" s="162"/>
      <c r="BA2246" s="162"/>
      <c r="BB2246" s="162"/>
      <c r="BC2246" s="162"/>
      <c r="BD2246" s="162"/>
      <c r="BE2246" s="162"/>
      <c r="BF2246" s="162"/>
      <c r="BG2246" s="162"/>
      <c r="BH2246" s="162"/>
      <c r="BI2246" s="162"/>
      <c r="BJ2246" s="162"/>
      <c r="BK2246" s="162"/>
      <c r="BL2246" s="162"/>
      <c r="BM2246" s="162"/>
      <c r="BN2246" s="162"/>
      <c r="BO2246" s="162"/>
      <c r="BP2246" s="162"/>
      <c r="BQ2246" s="162"/>
      <c r="BR2246" s="162"/>
      <c r="BS2246" s="162"/>
      <c r="BT2246" s="162"/>
      <c r="BU2246" s="162"/>
      <c r="BV2246" s="162"/>
      <c r="BW2246" s="162"/>
      <c r="BX2246" s="162"/>
      <c r="BY2246" s="162"/>
      <c r="BZ2246" s="162"/>
      <c r="CA2246" s="162"/>
      <c r="CB2246" s="162"/>
      <c r="CC2246" s="162"/>
      <c r="CD2246" s="162"/>
      <c r="CE2246" s="162"/>
      <c r="CF2246" s="162"/>
      <c r="CG2246" s="162"/>
      <c r="CH2246" s="162"/>
      <c r="CI2246" s="162"/>
      <c r="CJ2246" s="162"/>
      <c r="CK2246" s="162"/>
      <c r="CX2246" s="98"/>
      <c r="DL2246" s="97"/>
      <c r="DX2246" s="98"/>
      <c r="EL2246" s="97"/>
      <c r="EX2246" s="98"/>
      <c r="EY2246" s="97"/>
      <c r="FL2246" s="126"/>
      <c r="FM2246" s="91"/>
      <c r="FN2246" s="91"/>
      <c r="FO2246" s="91"/>
      <c r="FP2246" s="91"/>
      <c r="FQ2246" s="91"/>
      <c r="FR2246" s="91"/>
      <c r="FS2246" s="91"/>
      <c r="FT2246" s="91"/>
      <c r="FU2246" s="91"/>
      <c r="FV2246" s="91"/>
      <c r="FW2246" s="91"/>
      <c r="FX2246" s="91"/>
      <c r="FY2246" s="91"/>
      <c r="FZ2246" s="91"/>
      <c r="GA2246" s="91"/>
      <c r="GB2246" s="91"/>
      <c r="GC2246" s="91"/>
      <c r="GD2246" s="91"/>
      <c r="GE2246" s="91"/>
      <c r="GF2246" s="91"/>
      <c r="GG2246" s="91"/>
      <c r="GH2246" s="91"/>
      <c r="GI2246" s="91"/>
      <c r="GJ2246" s="91"/>
      <c r="GK2246" s="127"/>
      <c r="GL2246" s="126"/>
      <c r="GM2246" s="91"/>
      <c r="GN2246" s="91"/>
      <c r="GO2246" s="91"/>
      <c r="GP2246" s="91"/>
      <c r="GQ2246" s="91"/>
      <c r="GR2246" s="91"/>
      <c r="GS2246" s="91"/>
      <c r="GT2246" s="91"/>
      <c r="GU2246" s="91"/>
      <c r="GV2246" s="91"/>
      <c r="GW2246" s="91"/>
      <c r="GX2246" s="91"/>
      <c r="GY2246" s="91"/>
      <c r="GZ2246" s="91"/>
      <c r="HA2246" s="91"/>
      <c r="HB2246" s="91"/>
      <c r="HC2246" s="91"/>
      <c r="HD2246" s="91"/>
      <c r="HE2246" s="91"/>
      <c r="HF2246" s="91"/>
      <c r="HG2246" s="91"/>
      <c r="HH2246" s="91"/>
      <c r="HI2246" s="91"/>
      <c r="HJ2246" s="91"/>
      <c r="HK2246" s="127"/>
      <c r="HL2246" s="126"/>
      <c r="HM2246" s="91"/>
      <c r="HN2246" s="91"/>
      <c r="HO2246" s="91"/>
      <c r="HP2246" s="91"/>
      <c r="HQ2246" s="91"/>
      <c r="HR2246" s="91"/>
      <c r="HS2246" s="91"/>
      <c r="HT2246" s="91"/>
      <c r="HU2246" s="91"/>
      <c r="HV2246" s="91"/>
      <c r="HW2246" s="91"/>
      <c r="HX2246" s="91"/>
      <c r="HY2246" s="91"/>
      <c r="HZ2246" s="91"/>
      <c r="IA2246" s="91"/>
      <c r="IB2246" s="91"/>
      <c r="IC2246" s="91"/>
      <c r="ID2246" s="91"/>
      <c r="IE2246" s="91"/>
      <c r="IF2246" s="91"/>
      <c r="IG2246" s="91"/>
      <c r="IH2246" s="91"/>
      <c r="II2246" s="91"/>
      <c r="IJ2246" s="91"/>
      <c r="IK2246" s="127"/>
    </row>
    <row r="2247" spans="2:245" x14ac:dyDescent="0.2">
      <c r="B2247" s="43"/>
      <c r="C2247" s="73"/>
      <c r="D2247" s="64"/>
      <c r="E2247" s="64"/>
      <c r="F2247" s="55"/>
      <c r="G2247" s="102"/>
      <c r="H2247" s="55"/>
      <c r="I2247" s="55"/>
      <c r="J2247" s="55"/>
      <c r="K2247" s="55"/>
      <c r="L2247" s="55"/>
      <c r="M2247" s="55"/>
      <c r="N2247" s="55"/>
      <c r="O2247" s="55"/>
      <c r="P2247" s="55"/>
      <c r="Q2247" s="55"/>
      <c r="R2247" s="55"/>
      <c r="S2247" s="55"/>
      <c r="T2247" s="55"/>
      <c r="U2247" s="55"/>
      <c r="V2247" s="55"/>
      <c r="W2247" s="55"/>
      <c r="X2247" s="55"/>
      <c r="Y2247" s="55"/>
      <c r="Z2247" s="55"/>
      <c r="AA2247" s="55"/>
      <c r="AB2247" s="55"/>
      <c r="AC2247" s="55"/>
      <c r="AD2247" s="55"/>
      <c r="AE2247" s="55"/>
      <c r="AF2247" s="55"/>
      <c r="AG2247" s="55"/>
      <c r="AY2247" s="162"/>
      <c r="AZ2247" s="162"/>
      <c r="BA2247" s="162"/>
      <c r="BB2247" s="162"/>
      <c r="BC2247" s="162"/>
      <c r="BD2247" s="162"/>
      <c r="BE2247" s="162"/>
      <c r="BF2247" s="162"/>
      <c r="BG2247" s="162"/>
      <c r="BH2247" s="162"/>
      <c r="BI2247" s="162"/>
      <c r="BJ2247" s="162"/>
      <c r="BK2247" s="162"/>
      <c r="BL2247" s="162"/>
      <c r="BM2247" s="162"/>
      <c r="BN2247" s="162"/>
      <c r="BO2247" s="162"/>
      <c r="BP2247" s="162"/>
      <c r="BQ2247" s="162"/>
      <c r="BR2247" s="162"/>
      <c r="BS2247" s="162"/>
      <c r="BT2247" s="162"/>
      <c r="BU2247" s="162"/>
      <c r="BV2247" s="162"/>
      <c r="BW2247" s="162"/>
      <c r="BX2247" s="162"/>
      <c r="BY2247" s="162"/>
      <c r="BZ2247" s="162"/>
      <c r="CA2247" s="162"/>
      <c r="CB2247" s="162"/>
      <c r="CC2247" s="162"/>
      <c r="CD2247" s="162"/>
      <c r="CE2247" s="162"/>
      <c r="CF2247" s="162"/>
      <c r="CG2247" s="162"/>
      <c r="CH2247" s="162"/>
      <c r="CI2247" s="162"/>
      <c r="CJ2247" s="162"/>
      <c r="CK2247" s="162"/>
      <c r="CX2247" s="98"/>
      <c r="DL2247" s="97"/>
      <c r="DX2247" s="98"/>
      <c r="EL2247" s="97"/>
      <c r="EX2247" s="98"/>
      <c r="EY2247" s="97"/>
      <c r="FL2247" s="126"/>
      <c r="FM2247" s="91"/>
      <c r="FN2247" s="91"/>
      <c r="FO2247" s="91"/>
      <c r="FP2247" s="91"/>
      <c r="FQ2247" s="91"/>
      <c r="FR2247" s="91"/>
      <c r="FS2247" s="91"/>
      <c r="FT2247" s="91"/>
      <c r="FU2247" s="91"/>
      <c r="FV2247" s="91"/>
      <c r="FW2247" s="91"/>
      <c r="FX2247" s="91"/>
      <c r="FY2247" s="91"/>
      <c r="FZ2247" s="91"/>
      <c r="GA2247" s="91"/>
      <c r="GB2247" s="91"/>
      <c r="GC2247" s="91"/>
      <c r="GD2247" s="91"/>
      <c r="GE2247" s="91"/>
      <c r="GF2247" s="91"/>
      <c r="GG2247" s="91"/>
      <c r="GH2247" s="91"/>
      <c r="GI2247" s="91"/>
      <c r="GJ2247" s="91"/>
      <c r="GK2247" s="127"/>
      <c r="GL2247" s="126"/>
      <c r="GM2247" s="91"/>
      <c r="GN2247" s="91"/>
      <c r="GO2247" s="91"/>
      <c r="GP2247" s="91"/>
      <c r="GQ2247" s="91"/>
      <c r="GR2247" s="91"/>
      <c r="GS2247" s="91"/>
      <c r="GT2247" s="91"/>
      <c r="GU2247" s="91"/>
      <c r="GV2247" s="91"/>
      <c r="GW2247" s="91"/>
      <c r="GX2247" s="91"/>
      <c r="GY2247" s="91"/>
      <c r="GZ2247" s="91"/>
      <c r="HA2247" s="91"/>
      <c r="HB2247" s="91"/>
      <c r="HC2247" s="91"/>
      <c r="HD2247" s="91"/>
      <c r="HE2247" s="91"/>
      <c r="HF2247" s="91"/>
      <c r="HG2247" s="91"/>
      <c r="HH2247" s="91"/>
      <c r="HI2247" s="91"/>
      <c r="HJ2247" s="91"/>
      <c r="HK2247" s="127"/>
      <c r="HL2247" s="126"/>
      <c r="HM2247" s="91"/>
      <c r="HN2247" s="91"/>
      <c r="HO2247" s="91"/>
      <c r="HP2247" s="91"/>
      <c r="HQ2247" s="91"/>
      <c r="HR2247" s="91"/>
      <c r="HS2247" s="91"/>
      <c r="HT2247" s="91"/>
      <c r="HU2247" s="91"/>
      <c r="HV2247" s="91"/>
      <c r="HW2247" s="91"/>
      <c r="HX2247" s="91"/>
      <c r="HY2247" s="91"/>
      <c r="HZ2247" s="91"/>
      <c r="IA2247" s="91"/>
      <c r="IB2247" s="91"/>
      <c r="IC2247" s="91"/>
      <c r="ID2247" s="91"/>
      <c r="IE2247" s="91"/>
      <c r="IF2247" s="91"/>
      <c r="IG2247" s="91"/>
      <c r="IH2247" s="91"/>
      <c r="II2247" s="91"/>
      <c r="IJ2247" s="91"/>
      <c r="IK2247" s="127"/>
    </row>
    <row r="2248" spans="2:245" x14ac:dyDescent="0.2">
      <c r="B2248" s="43"/>
      <c r="C2248" s="73"/>
      <c r="D2248" s="64"/>
      <c r="E2248" s="64"/>
      <c r="F2248" s="55"/>
      <c r="G2248" s="102"/>
      <c r="H2248" s="55"/>
      <c r="I2248" s="55"/>
      <c r="J2248" s="55"/>
      <c r="K2248" s="55"/>
      <c r="L2248" s="55"/>
      <c r="M2248" s="55"/>
      <c r="N2248" s="55"/>
      <c r="O2248" s="55"/>
      <c r="P2248" s="55"/>
      <c r="Q2248" s="55"/>
      <c r="R2248" s="55"/>
      <c r="S2248" s="55"/>
      <c r="T2248" s="55"/>
      <c r="U2248" s="55"/>
      <c r="V2248" s="55"/>
      <c r="W2248" s="55"/>
      <c r="X2248" s="55"/>
      <c r="Y2248" s="55"/>
      <c r="Z2248" s="55"/>
      <c r="AA2248" s="55"/>
      <c r="AB2248" s="55"/>
      <c r="AC2248" s="55"/>
      <c r="AD2248" s="55"/>
      <c r="AE2248" s="55"/>
      <c r="AF2248" s="55"/>
      <c r="AG2248" s="55"/>
      <c r="AY2248" s="162"/>
      <c r="AZ2248" s="162"/>
      <c r="BA2248" s="162"/>
      <c r="BB2248" s="162"/>
      <c r="BC2248" s="162"/>
      <c r="BD2248" s="162"/>
      <c r="BE2248" s="162"/>
      <c r="BF2248" s="162"/>
      <c r="BG2248" s="162"/>
      <c r="BH2248" s="162"/>
      <c r="BI2248" s="162"/>
      <c r="BJ2248" s="162"/>
      <c r="BK2248" s="162"/>
      <c r="BL2248" s="162"/>
      <c r="BM2248" s="162"/>
      <c r="BN2248" s="162"/>
      <c r="BO2248" s="162"/>
      <c r="BP2248" s="162"/>
      <c r="BQ2248" s="162"/>
      <c r="BR2248" s="162"/>
      <c r="BS2248" s="162"/>
      <c r="BT2248" s="162"/>
      <c r="BU2248" s="162"/>
      <c r="BV2248" s="162"/>
      <c r="BW2248" s="162"/>
      <c r="BX2248" s="162"/>
      <c r="BY2248" s="162"/>
      <c r="BZ2248" s="162"/>
      <c r="CA2248" s="162"/>
      <c r="CB2248" s="162"/>
      <c r="CC2248" s="162"/>
      <c r="CD2248" s="162"/>
      <c r="CE2248" s="162"/>
      <c r="CF2248" s="162"/>
      <c r="CG2248" s="162"/>
      <c r="CH2248" s="162"/>
      <c r="CI2248" s="162"/>
      <c r="CJ2248" s="162"/>
      <c r="CK2248" s="162"/>
      <c r="CX2248" s="98"/>
      <c r="DL2248" s="97"/>
      <c r="DX2248" s="98"/>
      <c r="EL2248" s="97"/>
      <c r="EX2248" s="98"/>
      <c r="EY2248" s="97"/>
      <c r="FL2248" s="126"/>
      <c r="FM2248" s="91"/>
      <c r="FN2248" s="91"/>
      <c r="FO2248" s="91"/>
      <c r="FP2248" s="91"/>
      <c r="FQ2248" s="91"/>
      <c r="FR2248" s="91"/>
      <c r="FS2248" s="91"/>
      <c r="FT2248" s="91"/>
      <c r="FU2248" s="91"/>
      <c r="FV2248" s="91"/>
      <c r="FW2248" s="91"/>
      <c r="FX2248" s="91"/>
      <c r="FY2248" s="91"/>
      <c r="FZ2248" s="91"/>
      <c r="GA2248" s="91"/>
      <c r="GB2248" s="91"/>
      <c r="GC2248" s="91"/>
      <c r="GD2248" s="91"/>
      <c r="GE2248" s="91"/>
      <c r="GF2248" s="91"/>
      <c r="GG2248" s="91"/>
      <c r="GH2248" s="91"/>
      <c r="GI2248" s="91"/>
      <c r="GJ2248" s="91"/>
      <c r="GK2248" s="127"/>
      <c r="GL2248" s="126"/>
      <c r="GM2248" s="91"/>
      <c r="GN2248" s="91"/>
      <c r="GO2248" s="91"/>
      <c r="GP2248" s="91"/>
      <c r="GQ2248" s="91"/>
      <c r="GR2248" s="91"/>
      <c r="GS2248" s="91"/>
      <c r="GT2248" s="91"/>
      <c r="GU2248" s="91"/>
      <c r="GV2248" s="91"/>
      <c r="GW2248" s="91"/>
      <c r="GX2248" s="91"/>
      <c r="GY2248" s="91"/>
      <c r="GZ2248" s="91"/>
      <c r="HA2248" s="91"/>
      <c r="HB2248" s="91"/>
      <c r="HC2248" s="91"/>
      <c r="HD2248" s="91"/>
      <c r="HE2248" s="91"/>
      <c r="HF2248" s="91"/>
      <c r="HG2248" s="91"/>
      <c r="HH2248" s="91"/>
      <c r="HI2248" s="91"/>
      <c r="HJ2248" s="91"/>
      <c r="HK2248" s="127"/>
      <c r="HL2248" s="126"/>
      <c r="HM2248" s="91"/>
      <c r="HN2248" s="91"/>
      <c r="HO2248" s="91"/>
      <c r="HP2248" s="91"/>
      <c r="HQ2248" s="91"/>
      <c r="HR2248" s="91"/>
      <c r="HS2248" s="91"/>
      <c r="HT2248" s="91"/>
      <c r="HU2248" s="91"/>
      <c r="HV2248" s="91"/>
      <c r="HW2248" s="91"/>
      <c r="HX2248" s="91"/>
      <c r="HY2248" s="91"/>
      <c r="HZ2248" s="91"/>
      <c r="IA2248" s="91"/>
      <c r="IB2248" s="91"/>
      <c r="IC2248" s="91"/>
      <c r="ID2248" s="91"/>
      <c r="IE2248" s="91"/>
      <c r="IF2248" s="91"/>
      <c r="IG2248" s="91"/>
      <c r="IH2248" s="91"/>
      <c r="II2248" s="91"/>
      <c r="IJ2248" s="91"/>
      <c r="IK2248" s="127"/>
    </row>
    <row r="2249" spans="2:245" x14ac:dyDescent="0.2">
      <c r="B2249" s="43"/>
      <c r="C2249" s="73"/>
      <c r="D2249" s="64"/>
      <c r="E2249" s="64"/>
      <c r="F2249" s="55"/>
      <c r="G2249" s="102"/>
      <c r="H2249" s="55"/>
      <c r="I2249" s="55"/>
      <c r="J2249" s="55"/>
      <c r="K2249" s="55"/>
      <c r="L2249" s="55"/>
      <c r="M2249" s="55"/>
      <c r="N2249" s="55"/>
      <c r="O2249" s="55"/>
      <c r="P2249" s="55"/>
      <c r="Q2249" s="55"/>
      <c r="R2249" s="55"/>
      <c r="S2249" s="55"/>
      <c r="T2249" s="55"/>
      <c r="U2249" s="55"/>
      <c r="V2249" s="55"/>
      <c r="W2249" s="55"/>
      <c r="X2249" s="55"/>
      <c r="Y2249" s="55"/>
      <c r="Z2249" s="55"/>
      <c r="AA2249" s="55"/>
      <c r="AB2249" s="55"/>
      <c r="AC2249" s="55"/>
      <c r="AD2249" s="55"/>
      <c r="AE2249" s="55"/>
      <c r="AF2249" s="55"/>
      <c r="AG2249" s="55"/>
      <c r="AY2249" s="162"/>
      <c r="AZ2249" s="162"/>
      <c r="BA2249" s="162"/>
      <c r="BB2249" s="162"/>
      <c r="BC2249" s="162"/>
      <c r="BD2249" s="162"/>
      <c r="BE2249" s="162"/>
      <c r="BF2249" s="162"/>
      <c r="BG2249" s="162"/>
      <c r="BH2249" s="162"/>
      <c r="BI2249" s="162"/>
      <c r="BJ2249" s="162"/>
      <c r="BK2249" s="162"/>
      <c r="BL2249" s="162"/>
      <c r="BM2249" s="162"/>
      <c r="BN2249" s="162"/>
      <c r="BO2249" s="162"/>
      <c r="BP2249" s="162"/>
      <c r="BQ2249" s="162"/>
      <c r="BR2249" s="162"/>
      <c r="BS2249" s="162"/>
      <c r="BT2249" s="162"/>
      <c r="BU2249" s="162"/>
      <c r="BV2249" s="162"/>
      <c r="BW2249" s="162"/>
      <c r="BX2249" s="162"/>
      <c r="BY2249" s="162"/>
      <c r="BZ2249" s="162"/>
      <c r="CA2249" s="162"/>
      <c r="CB2249" s="162"/>
      <c r="CC2249" s="162"/>
      <c r="CD2249" s="162"/>
      <c r="CE2249" s="162"/>
      <c r="CF2249" s="162"/>
      <c r="CG2249" s="162"/>
      <c r="CH2249" s="162"/>
      <c r="CI2249" s="162"/>
      <c r="CJ2249" s="162"/>
      <c r="CK2249" s="162"/>
      <c r="CX2249" s="98"/>
      <c r="DL2249" s="97"/>
      <c r="DX2249" s="98"/>
      <c r="EL2249" s="97"/>
      <c r="EX2249" s="98"/>
      <c r="EY2249" s="97"/>
      <c r="FL2249" s="126"/>
      <c r="FM2249" s="91"/>
      <c r="FN2249" s="91"/>
      <c r="FO2249" s="91"/>
      <c r="FP2249" s="91"/>
      <c r="FQ2249" s="91"/>
      <c r="FR2249" s="91"/>
      <c r="FS2249" s="91"/>
      <c r="FT2249" s="91"/>
      <c r="FU2249" s="91"/>
      <c r="FV2249" s="91"/>
      <c r="FW2249" s="91"/>
      <c r="FX2249" s="91"/>
      <c r="FY2249" s="91"/>
      <c r="FZ2249" s="91"/>
      <c r="GA2249" s="91"/>
      <c r="GB2249" s="91"/>
      <c r="GC2249" s="91"/>
      <c r="GD2249" s="91"/>
      <c r="GE2249" s="91"/>
      <c r="GF2249" s="91"/>
      <c r="GG2249" s="91"/>
      <c r="GH2249" s="91"/>
      <c r="GI2249" s="91"/>
      <c r="GJ2249" s="91"/>
      <c r="GK2249" s="127"/>
      <c r="GL2249" s="126"/>
      <c r="GM2249" s="91"/>
      <c r="GN2249" s="91"/>
      <c r="GO2249" s="91"/>
      <c r="GP2249" s="91"/>
      <c r="GQ2249" s="91"/>
      <c r="GR2249" s="91"/>
      <c r="GS2249" s="91"/>
      <c r="GT2249" s="91"/>
      <c r="GU2249" s="91"/>
      <c r="GV2249" s="91"/>
      <c r="GW2249" s="91"/>
      <c r="GX2249" s="91"/>
      <c r="GY2249" s="91"/>
      <c r="GZ2249" s="91"/>
      <c r="HA2249" s="91"/>
      <c r="HB2249" s="91"/>
      <c r="HC2249" s="91"/>
      <c r="HD2249" s="91"/>
      <c r="HE2249" s="91"/>
      <c r="HF2249" s="91"/>
      <c r="HG2249" s="91"/>
      <c r="HH2249" s="91"/>
      <c r="HI2249" s="91"/>
      <c r="HJ2249" s="91"/>
      <c r="HK2249" s="127"/>
      <c r="HL2249" s="126"/>
      <c r="HM2249" s="91"/>
      <c r="HN2249" s="91"/>
      <c r="HO2249" s="91"/>
      <c r="HP2249" s="91"/>
      <c r="HQ2249" s="91"/>
      <c r="HR2249" s="91"/>
      <c r="HS2249" s="91"/>
      <c r="HT2249" s="91"/>
      <c r="HU2249" s="91"/>
      <c r="HV2249" s="91"/>
      <c r="HW2249" s="91"/>
      <c r="HX2249" s="91"/>
      <c r="HY2249" s="91"/>
      <c r="HZ2249" s="91"/>
      <c r="IA2249" s="91"/>
      <c r="IB2249" s="91"/>
      <c r="IC2249" s="91"/>
      <c r="ID2249" s="91"/>
      <c r="IE2249" s="91"/>
      <c r="IF2249" s="91"/>
      <c r="IG2249" s="91"/>
      <c r="IH2249" s="91"/>
      <c r="II2249" s="91"/>
      <c r="IJ2249" s="91"/>
      <c r="IK2249" s="127"/>
    </row>
    <row r="2250" spans="2:245" x14ac:dyDescent="0.2">
      <c r="B2250" s="43"/>
      <c r="C2250" s="73"/>
      <c r="D2250" s="64"/>
      <c r="E2250" s="64"/>
      <c r="F2250" s="55"/>
      <c r="G2250" s="102"/>
      <c r="H2250" s="55"/>
      <c r="I2250" s="55"/>
      <c r="J2250" s="55"/>
      <c r="K2250" s="55"/>
      <c r="L2250" s="55"/>
      <c r="M2250" s="55"/>
      <c r="N2250" s="55"/>
      <c r="O2250" s="55"/>
      <c r="P2250" s="55"/>
      <c r="Q2250" s="55"/>
      <c r="R2250" s="55"/>
      <c r="S2250" s="55"/>
      <c r="T2250" s="55"/>
      <c r="U2250" s="55"/>
      <c r="V2250" s="55"/>
      <c r="W2250" s="55"/>
      <c r="X2250" s="55"/>
      <c r="Y2250" s="55"/>
      <c r="Z2250" s="55"/>
      <c r="AA2250" s="55"/>
      <c r="AB2250" s="55"/>
      <c r="AC2250" s="55"/>
      <c r="AD2250" s="55"/>
      <c r="AE2250" s="55"/>
      <c r="AF2250" s="55"/>
      <c r="AG2250" s="55"/>
      <c r="AY2250" s="162"/>
      <c r="AZ2250" s="162"/>
      <c r="BA2250" s="162"/>
      <c r="BB2250" s="162"/>
      <c r="BC2250" s="162"/>
      <c r="BD2250" s="162"/>
      <c r="BE2250" s="162"/>
      <c r="BF2250" s="162"/>
      <c r="BG2250" s="162"/>
      <c r="BH2250" s="162"/>
      <c r="BI2250" s="162"/>
      <c r="BJ2250" s="162"/>
      <c r="BK2250" s="162"/>
      <c r="BL2250" s="162"/>
      <c r="BM2250" s="162"/>
      <c r="BN2250" s="162"/>
      <c r="BO2250" s="162"/>
      <c r="BP2250" s="162"/>
      <c r="BQ2250" s="162"/>
      <c r="BR2250" s="162"/>
      <c r="BS2250" s="162"/>
      <c r="BT2250" s="162"/>
      <c r="BU2250" s="162"/>
      <c r="BV2250" s="162"/>
      <c r="BW2250" s="162"/>
      <c r="BX2250" s="162"/>
      <c r="BY2250" s="162"/>
      <c r="BZ2250" s="162"/>
      <c r="CA2250" s="162"/>
      <c r="CB2250" s="162"/>
      <c r="CC2250" s="162"/>
      <c r="CD2250" s="162"/>
      <c r="CE2250" s="162"/>
      <c r="CF2250" s="162"/>
      <c r="CG2250" s="162"/>
      <c r="CH2250" s="162"/>
      <c r="CI2250" s="162"/>
      <c r="CJ2250" s="162"/>
      <c r="CK2250" s="162"/>
      <c r="CX2250" s="98"/>
      <c r="DL2250" s="97"/>
      <c r="DX2250" s="98"/>
      <c r="EL2250" s="97"/>
      <c r="EX2250" s="98"/>
      <c r="EY2250" s="97"/>
      <c r="FL2250" s="126"/>
      <c r="FM2250" s="91"/>
      <c r="FN2250" s="91"/>
      <c r="FO2250" s="91"/>
      <c r="FP2250" s="91"/>
      <c r="FQ2250" s="91"/>
      <c r="FR2250" s="91"/>
      <c r="FS2250" s="91"/>
      <c r="FT2250" s="91"/>
      <c r="FU2250" s="91"/>
      <c r="FV2250" s="91"/>
      <c r="FW2250" s="91"/>
      <c r="FX2250" s="91"/>
      <c r="FY2250" s="91"/>
      <c r="FZ2250" s="91"/>
      <c r="GA2250" s="91"/>
      <c r="GB2250" s="91"/>
      <c r="GC2250" s="91"/>
      <c r="GD2250" s="91"/>
      <c r="GE2250" s="91"/>
      <c r="GF2250" s="91"/>
      <c r="GG2250" s="91"/>
      <c r="GH2250" s="91"/>
      <c r="GI2250" s="91"/>
      <c r="GJ2250" s="91"/>
      <c r="GK2250" s="127"/>
      <c r="GL2250" s="126"/>
      <c r="GM2250" s="91"/>
      <c r="GN2250" s="91"/>
      <c r="GO2250" s="91"/>
      <c r="GP2250" s="91"/>
      <c r="GQ2250" s="91"/>
      <c r="GR2250" s="91"/>
      <c r="GS2250" s="91"/>
      <c r="GT2250" s="91"/>
      <c r="GU2250" s="91"/>
      <c r="GV2250" s="91"/>
      <c r="GW2250" s="91"/>
      <c r="GX2250" s="91"/>
      <c r="GY2250" s="91"/>
      <c r="GZ2250" s="91"/>
      <c r="HA2250" s="91"/>
      <c r="HB2250" s="91"/>
      <c r="HC2250" s="91"/>
      <c r="HD2250" s="91"/>
      <c r="HE2250" s="91"/>
      <c r="HF2250" s="91"/>
      <c r="HG2250" s="91"/>
      <c r="HH2250" s="91"/>
      <c r="HI2250" s="91"/>
      <c r="HJ2250" s="91"/>
      <c r="HK2250" s="127"/>
      <c r="HL2250" s="126"/>
      <c r="HM2250" s="91"/>
      <c r="HN2250" s="91"/>
      <c r="HO2250" s="91"/>
      <c r="HP2250" s="91"/>
      <c r="HQ2250" s="91"/>
      <c r="HR2250" s="91"/>
      <c r="HS2250" s="91"/>
      <c r="HT2250" s="91"/>
      <c r="HU2250" s="91"/>
      <c r="HV2250" s="91"/>
      <c r="HW2250" s="91"/>
      <c r="HX2250" s="91"/>
      <c r="HY2250" s="91"/>
      <c r="HZ2250" s="91"/>
      <c r="IA2250" s="91"/>
      <c r="IB2250" s="91"/>
      <c r="IC2250" s="91"/>
      <c r="ID2250" s="91"/>
      <c r="IE2250" s="91"/>
      <c r="IF2250" s="91"/>
      <c r="IG2250" s="91"/>
      <c r="IH2250" s="91"/>
      <c r="II2250" s="91"/>
      <c r="IJ2250" s="91"/>
      <c r="IK2250" s="127"/>
    </row>
    <row r="2251" spans="2:245" x14ac:dyDescent="0.2">
      <c r="B2251" s="43"/>
      <c r="C2251" s="73"/>
      <c r="D2251" s="64"/>
      <c r="E2251" s="64"/>
      <c r="F2251" s="55"/>
      <c r="G2251" s="102"/>
      <c r="H2251" s="55"/>
      <c r="I2251" s="55"/>
      <c r="J2251" s="55"/>
      <c r="K2251" s="55"/>
      <c r="L2251" s="55"/>
      <c r="M2251" s="55"/>
      <c r="N2251" s="55"/>
      <c r="O2251" s="55"/>
      <c r="P2251" s="55"/>
      <c r="Q2251" s="55"/>
      <c r="R2251" s="55"/>
      <c r="S2251" s="55"/>
      <c r="T2251" s="55"/>
      <c r="U2251" s="55"/>
      <c r="V2251" s="55"/>
      <c r="W2251" s="55"/>
      <c r="X2251" s="55"/>
      <c r="Y2251" s="55"/>
      <c r="Z2251" s="55"/>
      <c r="AA2251" s="55"/>
      <c r="AB2251" s="55"/>
      <c r="AC2251" s="55"/>
      <c r="AD2251" s="55"/>
      <c r="AE2251" s="55"/>
      <c r="AF2251" s="55"/>
      <c r="AG2251" s="55"/>
      <c r="AY2251" s="162"/>
      <c r="AZ2251" s="162"/>
      <c r="BA2251" s="162"/>
      <c r="BB2251" s="162"/>
      <c r="BC2251" s="162"/>
      <c r="BD2251" s="162"/>
      <c r="BE2251" s="162"/>
      <c r="BF2251" s="162"/>
      <c r="BG2251" s="162"/>
      <c r="BH2251" s="162"/>
      <c r="BI2251" s="162"/>
      <c r="BJ2251" s="162"/>
      <c r="BK2251" s="162"/>
      <c r="BL2251" s="162"/>
      <c r="BM2251" s="162"/>
      <c r="BN2251" s="162"/>
      <c r="BO2251" s="162"/>
      <c r="BP2251" s="162"/>
      <c r="BQ2251" s="162"/>
      <c r="BR2251" s="162"/>
      <c r="BS2251" s="162"/>
      <c r="BT2251" s="162"/>
      <c r="BU2251" s="162"/>
      <c r="BV2251" s="162"/>
      <c r="BW2251" s="162"/>
      <c r="BX2251" s="162"/>
      <c r="BY2251" s="162"/>
      <c r="BZ2251" s="162"/>
      <c r="CA2251" s="162"/>
      <c r="CB2251" s="162"/>
      <c r="CC2251" s="162"/>
      <c r="CD2251" s="162"/>
      <c r="CE2251" s="162"/>
      <c r="CF2251" s="162"/>
      <c r="CG2251" s="162"/>
      <c r="CH2251" s="162"/>
      <c r="CI2251" s="162"/>
      <c r="CJ2251" s="162"/>
      <c r="CK2251" s="162"/>
      <c r="CX2251" s="98"/>
      <c r="DL2251" s="97"/>
      <c r="DX2251" s="98"/>
      <c r="EL2251" s="97"/>
      <c r="EX2251" s="98"/>
      <c r="EY2251" s="97"/>
      <c r="FL2251" s="126"/>
      <c r="FM2251" s="91"/>
      <c r="FN2251" s="91"/>
      <c r="FO2251" s="91"/>
      <c r="FP2251" s="91"/>
      <c r="FQ2251" s="91"/>
      <c r="FR2251" s="91"/>
      <c r="FS2251" s="91"/>
      <c r="FT2251" s="91"/>
      <c r="FU2251" s="91"/>
      <c r="FV2251" s="91"/>
      <c r="FW2251" s="91"/>
      <c r="FX2251" s="91"/>
      <c r="FY2251" s="91"/>
      <c r="FZ2251" s="91"/>
      <c r="GA2251" s="91"/>
      <c r="GB2251" s="91"/>
      <c r="GC2251" s="91"/>
      <c r="GD2251" s="91"/>
      <c r="GE2251" s="91"/>
      <c r="GF2251" s="91"/>
      <c r="GG2251" s="91"/>
      <c r="GH2251" s="91"/>
      <c r="GI2251" s="91"/>
      <c r="GJ2251" s="91"/>
      <c r="GK2251" s="127"/>
      <c r="GL2251" s="126"/>
      <c r="GM2251" s="91"/>
      <c r="GN2251" s="91"/>
      <c r="GO2251" s="91"/>
      <c r="GP2251" s="91"/>
      <c r="GQ2251" s="91"/>
      <c r="GR2251" s="91"/>
      <c r="GS2251" s="91"/>
      <c r="GT2251" s="91"/>
      <c r="GU2251" s="91"/>
      <c r="GV2251" s="91"/>
      <c r="GW2251" s="91"/>
      <c r="GX2251" s="91"/>
      <c r="GY2251" s="91"/>
      <c r="GZ2251" s="91"/>
      <c r="HA2251" s="91"/>
      <c r="HB2251" s="91"/>
      <c r="HC2251" s="91"/>
      <c r="HD2251" s="91"/>
      <c r="HE2251" s="91"/>
      <c r="HF2251" s="91"/>
      <c r="HG2251" s="91"/>
      <c r="HH2251" s="91"/>
      <c r="HI2251" s="91"/>
      <c r="HJ2251" s="91"/>
      <c r="HK2251" s="127"/>
      <c r="HL2251" s="126"/>
      <c r="HM2251" s="91"/>
      <c r="HN2251" s="91"/>
      <c r="HO2251" s="91"/>
      <c r="HP2251" s="91"/>
      <c r="HQ2251" s="91"/>
      <c r="HR2251" s="91"/>
      <c r="HS2251" s="91"/>
      <c r="HT2251" s="91"/>
      <c r="HU2251" s="91"/>
      <c r="HV2251" s="91"/>
      <c r="HW2251" s="91"/>
      <c r="HX2251" s="91"/>
      <c r="HY2251" s="91"/>
      <c r="HZ2251" s="91"/>
      <c r="IA2251" s="91"/>
      <c r="IB2251" s="91"/>
      <c r="IC2251" s="91"/>
      <c r="ID2251" s="91"/>
      <c r="IE2251" s="91"/>
      <c r="IF2251" s="91"/>
      <c r="IG2251" s="91"/>
      <c r="IH2251" s="91"/>
      <c r="II2251" s="91"/>
      <c r="IJ2251" s="91"/>
      <c r="IK2251" s="127"/>
    </row>
    <row r="2252" spans="2:245" x14ac:dyDescent="0.2">
      <c r="B2252" s="43"/>
      <c r="C2252" s="73"/>
      <c r="D2252" s="64"/>
      <c r="E2252" s="64"/>
      <c r="F2252" s="55"/>
      <c r="G2252" s="102"/>
      <c r="H2252" s="55"/>
      <c r="I2252" s="55"/>
      <c r="J2252" s="55"/>
      <c r="K2252" s="55"/>
      <c r="L2252" s="55"/>
      <c r="M2252" s="55"/>
      <c r="N2252" s="55"/>
      <c r="O2252" s="55"/>
      <c r="P2252" s="55"/>
      <c r="Q2252" s="55"/>
      <c r="R2252" s="55"/>
      <c r="S2252" s="55"/>
      <c r="T2252" s="55"/>
      <c r="U2252" s="55"/>
      <c r="V2252" s="55"/>
      <c r="W2252" s="55"/>
      <c r="X2252" s="55"/>
      <c r="Y2252" s="55"/>
      <c r="Z2252" s="55"/>
      <c r="AA2252" s="55"/>
      <c r="AB2252" s="55"/>
      <c r="AC2252" s="55"/>
      <c r="AD2252" s="55"/>
      <c r="AE2252" s="55"/>
      <c r="AF2252" s="55"/>
      <c r="AG2252" s="55"/>
      <c r="AY2252" s="162"/>
      <c r="AZ2252" s="162"/>
      <c r="BA2252" s="162"/>
      <c r="BB2252" s="162"/>
      <c r="BC2252" s="162"/>
      <c r="BD2252" s="162"/>
      <c r="BE2252" s="162"/>
      <c r="BF2252" s="162"/>
      <c r="BG2252" s="162"/>
      <c r="BH2252" s="162"/>
      <c r="BI2252" s="162"/>
      <c r="BJ2252" s="162"/>
      <c r="BK2252" s="162"/>
      <c r="BL2252" s="162"/>
      <c r="BM2252" s="162"/>
      <c r="BN2252" s="162"/>
      <c r="BO2252" s="162"/>
      <c r="BP2252" s="162"/>
      <c r="BQ2252" s="162"/>
      <c r="BR2252" s="162"/>
      <c r="BS2252" s="162"/>
      <c r="BT2252" s="162"/>
      <c r="BU2252" s="162"/>
      <c r="BV2252" s="162"/>
      <c r="BW2252" s="162"/>
      <c r="BX2252" s="162"/>
      <c r="BY2252" s="162"/>
      <c r="BZ2252" s="162"/>
      <c r="CA2252" s="162"/>
      <c r="CB2252" s="162"/>
      <c r="CC2252" s="162"/>
      <c r="CD2252" s="162"/>
      <c r="CE2252" s="162"/>
      <c r="CF2252" s="162"/>
      <c r="CG2252" s="162"/>
      <c r="CH2252" s="162"/>
      <c r="CI2252" s="162"/>
      <c r="CJ2252" s="162"/>
      <c r="CK2252" s="162"/>
      <c r="CX2252" s="98"/>
      <c r="DL2252" s="97"/>
      <c r="DX2252" s="98"/>
      <c r="EL2252" s="97"/>
      <c r="EX2252" s="98"/>
      <c r="EY2252" s="97"/>
      <c r="FL2252" s="126"/>
      <c r="FM2252" s="91"/>
      <c r="FN2252" s="91"/>
      <c r="FO2252" s="91"/>
      <c r="FP2252" s="91"/>
      <c r="FQ2252" s="91"/>
      <c r="FR2252" s="91"/>
      <c r="FS2252" s="91"/>
      <c r="FT2252" s="91"/>
      <c r="FU2252" s="91"/>
      <c r="FV2252" s="91"/>
      <c r="FW2252" s="91"/>
      <c r="FX2252" s="91"/>
      <c r="FY2252" s="91"/>
      <c r="FZ2252" s="91"/>
      <c r="GA2252" s="91"/>
      <c r="GB2252" s="91"/>
      <c r="GC2252" s="91"/>
      <c r="GD2252" s="91"/>
      <c r="GE2252" s="91"/>
      <c r="GF2252" s="91"/>
      <c r="GG2252" s="91"/>
      <c r="GH2252" s="91"/>
      <c r="GI2252" s="91"/>
      <c r="GJ2252" s="91"/>
      <c r="GK2252" s="127"/>
      <c r="GL2252" s="126"/>
      <c r="GM2252" s="91"/>
      <c r="GN2252" s="91"/>
      <c r="GO2252" s="91"/>
      <c r="GP2252" s="91"/>
      <c r="GQ2252" s="91"/>
      <c r="GR2252" s="91"/>
      <c r="GS2252" s="91"/>
      <c r="GT2252" s="91"/>
      <c r="GU2252" s="91"/>
      <c r="GV2252" s="91"/>
      <c r="GW2252" s="91"/>
      <c r="GX2252" s="91"/>
      <c r="GY2252" s="91"/>
      <c r="GZ2252" s="91"/>
      <c r="HA2252" s="91"/>
      <c r="HB2252" s="91"/>
      <c r="HC2252" s="91"/>
      <c r="HD2252" s="91"/>
      <c r="HE2252" s="91"/>
      <c r="HF2252" s="91"/>
      <c r="HG2252" s="91"/>
      <c r="HH2252" s="91"/>
      <c r="HI2252" s="91"/>
      <c r="HJ2252" s="91"/>
      <c r="HK2252" s="127"/>
      <c r="HL2252" s="126"/>
      <c r="HM2252" s="91"/>
      <c r="HN2252" s="91"/>
      <c r="HO2252" s="91"/>
      <c r="HP2252" s="91"/>
      <c r="HQ2252" s="91"/>
      <c r="HR2252" s="91"/>
      <c r="HS2252" s="91"/>
      <c r="HT2252" s="91"/>
      <c r="HU2252" s="91"/>
      <c r="HV2252" s="91"/>
      <c r="HW2252" s="91"/>
      <c r="HX2252" s="91"/>
      <c r="HY2252" s="91"/>
      <c r="HZ2252" s="91"/>
      <c r="IA2252" s="91"/>
      <c r="IB2252" s="91"/>
      <c r="IC2252" s="91"/>
      <c r="ID2252" s="91"/>
      <c r="IE2252" s="91"/>
      <c r="IF2252" s="91"/>
      <c r="IG2252" s="91"/>
      <c r="IH2252" s="91"/>
      <c r="II2252" s="91"/>
      <c r="IJ2252" s="91"/>
      <c r="IK2252" s="127"/>
    </row>
    <row r="2253" spans="2:245" x14ac:dyDescent="0.2">
      <c r="B2253" s="43"/>
      <c r="C2253" s="73"/>
      <c r="D2253" s="64"/>
      <c r="E2253" s="64"/>
      <c r="F2253" s="55"/>
      <c r="G2253" s="102"/>
      <c r="H2253" s="55"/>
      <c r="I2253" s="55"/>
      <c r="J2253" s="55"/>
      <c r="K2253" s="55"/>
      <c r="L2253" s="55"/>
      <c r="M2253" s="55"/>
      <c r="N2253" s="55"/>
      <c r="O2253" s="55"/>
      <c r="P2253" s="55"/>
      <c r="Q2253" s="55"/>
      <c r="R2253" s="55"/>
      <c r="S2253" s="55"/>
      <c r="T2253" s="55"/>
      <c r="U2253" s="55"/>
      <c r="V2253" s="55"/>
      <c r="W2253" s="55"/>
      <c r="X2253" s="55"/>
      <c r="Y2253" s="55"/>
      <c r="Z2253" s="55"/>
      <c r="AA2253" s="55"/>
      <c r="AB2253" s="55"/>
      <c r="AC2253" s="55"/>
      <c r="AD2253" s="55"/>
      <c r="AE2253" s="55"/>
      <c r="AF2253" s="55"/>
      <c r="AG2253" s="55"/>
      <c r="AY2253" s="162"/>
      <c r="AZ2253" s="162"/>
      <c r="BA2253" s="162"/>
      <c r="BB2253" s="162"/>
      <c r="BC2253" s="162"/>
      <c r="BD2253" s="162"/>
      <c r="BE2253" s="162"/>
      <c r="BF2253" s="162"/>
      <c r="BG2253" s="162"/>
      <c r="BH2253" s="162"/>
      <c r="BI2253" s="162"/>
      <c r="BJ2253" s="162"/>
      <c r="BK2253" s="162"/>
      <c r="BL2253" s="162"/>
      <c r="BM2253" s="162"/>
      <c r="BN2253" s="162"/>
      <c r="BO2253" s="162"/>
      <c r="BP2253" s="162"/>
      <c r="BQ2253" s="162"/>
      <c r="BR2253" s="162"/>
      <c r="BS2253" s="162"/>
      <c r="BT2253" s="162"/>
      <c r="BU2253" s="162"/>
      <c r="BV2253" s="162"/>
      <c r="BW2253" s="162"/>
      <c r="BX2253" s="162"/>
      <c r="BY2253" s="162"/>
      <c r="BZ2253" s="162"/>
      <c r="CA2253" s="162"/>
      <c r="CB2253" s="162"/>
      <c r="CC2253" s="162"/>
      <c r="CD2253" s="162"/>
      <c r="CE2253" s="162"/>
      <c r="CF2253" s="162"/>
      <c r="CG2253" s="162"/>
      <c r="CH2253" s="162"/>
      <c r="CI2253" s="162"/>
      <c r="CJ2253" s="162"/>
      <c r="CK2253" s="162"/>
      <c r="CX2253" s="98"/>
      <c r="DL2253" s="97"/>
      <c r="DX2253" s="98"/>
      <c r="EL2253" s="97"/>
      <c r="EX2253" s="98"/>
      <c r="EY2253" s="97"/>
      <c r="FL2253" s="126"/>
      <c r="FM2253" s="91"/>
      <c r="FN2253" s="91"/>
      <c r="FO2253" s="91"/>
      <c r="FP2253" s="91"/>
      <c r="FQ2253" s="91"/>
      <c r="FR2253" s="91"/>
      <c r="FS2253" s="91"/>
      <c r="FT2253" s="91"/>
      <c r="FU2253" s="91"/>
      <c r="FV2253" s="91"/>
      <c r="FW2253" s="91"/>
      <c r="FX2253" s="91"/>
      <c r="FY2253" s="91"/>
      <c r="FZ2253" s="91"/>
      <c r="GA2253" s="91"/>
      <c r="GB2253" s="91"/>
      <c r="GC2253" s="91"/>
      <c r="GD2253" s="91"/>
      <c r="GE2253" s="91"/>
      <c r="GF2253" s="91"/>
      <c r="GG2253" s="91"/>
      <c r="GH2253" s="91"/>
      <c r="GI2253" s="91"/>
      <c r="GJ2253" s="91"/>
      <c r="GK2253" s="127"/>
      <c r="GL2253" s="126"/>
      <c r="GM2253" s="91"/>
      <c r="GN2253" s="91"/>
      <c r="GO2253" s="91"/>
      <c r="GP2253" s="91"/>
      <c r="GQ2253" s="91"/>
      <c r="GR2253" s="91"/>
      <c r="GS2253" s="91"/>
      <c r="GT2253" s="91"/>
      <c r="GU2253" s="91"/>
      <c r="GV2253" s="91"/>
      <c r="GW2253" s="91"/>
      <c r="GX2253" s="91"/>
      <c r="GY2253" s="91"/>
      <c r="GZ2253" s="91"/>
      <c r="HA2253" s="91"/>
      <c r="HB2253" s="91"/>
      <c r="HC2253" s="91"/>
      <c r="HD2253" s="91"/>
      <c r="HE2253" s="91"/>
      <c r="HF2253" s="91"/>
      <c r="HG2253" s="91"/>
      <c r="HH2253" s="91"/>
      <c r="HI2253" s="91"/>
      <c r="HJ2253" s="91"/>
      <c r="HK2253" s="127"/>
      <c r="HL2253" s="126"/>
      <c r="HM2253" s="91"/>
      <c r="HN2253" s="91"/>
      <c r="HO2253" s="91"/>
      <c r="HP2253" s="91"/>
      <c r="HQ2253" s="91"/>
      <c r="HR2253" s="91"/>
      <c r="HS2253" s="91"/>
      <c r="HT2253" s="91"/>
      <c r="HU2253" s="91"/>
      <c r="HV2253" s="91"/>
      <c r="HW2253" s="91"/>
      <c r="HX2253" s="91"/>
      <c r="HY2253" s="91"/>
      <c r="HZ2253" s="91"/>
      <c r="IA2253" s="91"/>
      <c r="IB2253" s="91"/>
      <c r="IC2253" s="91"/>
      <c r="ID2253" s="91"/>
      <c r="IE2253" s="91"/>
      <c r="IF2253" s="91"/>
      <c r="IG2253" s="91"/>
      <c r="IH2253" s="91"/>
      <c r="II2253" s="91"/>
      <c r="IJ2253" s="91"/>
      <c r="IK2253" s="127"/>
    </row>
    <row r="2254" spans="2:245" x14ac:dyDescent="0.2">
      <c r="B2254" s="43"/>
      <c r="C2254" s="73"/>
      <c r="D2254" s="64"/>
      <c r="E2254" s="64"/>
      <c r="F2254" s="55"/>
      <c r="G2254" s="102"/>
      <c r="H2254" s="55"/>
      <c r="I2254" s="55"/>
      <c r="J2254" s="55"/>
      <c r="K2254" s="55"/>
      <c r="L2254" s="55"/>
      <c r="M2254" s="55"/>
      <c r="N2254" s="55"/>
      <c r="O2254" s="55"/>
      <c r="P2254" s="55"/>
      <c r="Q2254" s="55"/>
      <c r="R2254" s="55"/>
      <c r="S2254" s="55"/>
      <c r="T2254" s="55"/>
      <c r="U2254" s="55"/>
      <c r="V2254" s="55"/>
      <c r="W2254" s="55"/>
      <c r="X2254" s="55"/>
      <c r="Y2254" s="55"/>
      <c r="Z2254" s="55"/>
      <c r="AA2254" s="55"/>
      <c r="AB2254" s="55"/>
      <c r="AC2254" s="55"/>
      <c r="AD2254" s="55"/>
      <c r="AE2254" s="55"/>
      <c r="AF2254" s="55"/>
      <c r="AG2254" s="55"/>
      <c r="AY2254" s="162"/>
      <c r="AZ2254" s="162"/>
      <c r="BA2254" s="162"/>
      <c r="BB2254" s="162"/>
      <c r="BC2254" s="162"/>
      <c r="BD2254" s="162"/>
      <c r="BE2254" s="162"/>
      <c r="BF2254" s="162"/>
      <c r="BG2254" s="162"/>
      <c r="BH2254" s="162"/>
      <c r="BI2254" s="162"/>
      <c r="BJ2254" s="162"/>
      <c r="BK2254" s="162"/>
      <c r="BL2254" s="162"/>
      <c r="BM2254" s="162"/>
      <c r="BN2254" s="162"/>
      <c r="BO2254" s="162"/>
      <c r="BP2254" s="162"/>
      <c r="BQ2254" s="162"/>
      <c r="BR2254" s="162"/>
      <c r="BS2254" s="162"/>
      <c r="BT2254" s="162"/>
      <c r="BU2254" s="162"/>
      <c r="BV2254" s="162"/>
      <c r="BW2254" s="162"/>
      <c r="BX2254" s="162"/>
      <c r="BY2254" s="162"/>
      <c r="BZ2254" s="162"/>
      <c r="CA2254" s="162"/>
      <c r="CB2254" s="162"/>
      <c r="CC2254" s="162"/>
      <c r="CD2254" s="162"/>
      <c r="CE2254" s="162"/>
      <c r="CF2254" s="162"/>
      <c r="CG2254" s="162"/>
      <c r="CH2254" s="162"/>
      <c r="CI2254" s="162"/>
      <c r="CJ2254" s="162"/>
      <c r="CK2254" s="162"/>
      <c r="CX2254" s="98"/>
      <c r="DL2254" s="97"/>
      <c r="DX2254" s="98"/>
      <c r="EL2254" s="97"/>
      <c r="EX2254" s="98"/>
      <c r="EY2254" s="97"/>
      <c r="FL2254" s="126"/>
      <c r="FM2254" s="91"/>
      <c r="FN2254" s="91"/>
      <c r="FO2254" s="91"/>
      <c r="FP2254" s="91"/>
      <c r="FQ2254" s="91"/>
      <c r="FR2254" s="91"/>
      <c r="FS2254" s="91"/>
      <c r="FT2254" s="91"/>
      <c r="FU2254" s="91"/>
      <c r="FV2254" s="91"/>
      <c r="FW2254" s="91"/>
      <c r="FX2254" s="91"/>
      <c r="FY2254" s="91"/>
      <c r="FZ2254" s="91"/>
      <c r="GA2254" s="91"/>
      <c r="GB2254" s="91"/>
      <c r="GC2254" s="91"/>
      <c r="GD2254" s="91"/>
      <c r="GE2254" s="91"/>
      <c r="GF2254" s="91"/>
      <c r="GG2254" s="91"/>
      <c r="GH2254" s="91"/>
      <c r="GI2254" s="91"/>
      <c r="GJ2254" s="91"/>
      <c r="GK2254" s="127"/>
      <c r="GL2254" s="126"/>
      <c r="GM2254" s="91"/>
      <c r="GN2254" s="91"/>
      <c r="GO2254" s="91"/>
      <c r="GP2254" s="91"/>
      <c r="GQ2254" s="91"/>
      <c r="GR2254" s="91"/>
      <c r="GS2254" s="91"/>
      <c r="GT2254" s="91"/>
      <c r="GU2254" s="91"/>
      <c r="GV2254" s="91"/>
      <c r="GW2254" s="91"/>
      <c r="GX2254" s="91"/>
      <c r="GY2254" s="91"/>
      <c r="GZ2254" s="91"/>
      <c r="HA2254" s="91"/>
      <c r="HB2254" s="91"/>
      <c r="HC2254" s="91"/>
      <c r="HD2254" s="91"/>
      <c r="HE2254" s="91"/>
      <c r="HF2254" s="91"/>
      <c r="HG2254" s="91"/>
      <c r="HH2254" s="91"/>
      <c r="HI2254" s="91"/>
      <c r="HJ2254" s="91"/>
      <c r="HK2254" s="127"/>
      <c r="HL2254" s="126"/>
      <c r="HM2254" s="91"/>
      <c r="HN2254" s="91"/>
      <c r="HO2254" s="91"/>
      <c r="HP2254" s="91"/>
      <c r="HQ2254" s="91"/>
      <c r="HR2254" s="91"/>
      <c r="HS2254" s="91"/>
      <c r="HT2254" s="91"/>
      <c r="HU2254" s="91"/>
      <c r="HV2254" s="91"/>
      <c r="HW2254" s="91"/>
      <c r="HX2254" s="91"/>
      <c r="HY2254" s="91"/>
      <c r="HZ2254" s="91"/>
      <c r="IA2254" s="91"/>
      <c r="IB2254" s="91"/>
      <c r="IC2254" s="91"/>
      <c r="ID2254" s="91"/>
      <c r="IE2254" s="91"/>
      <c r="IF2254" s="91"/>
      <c r="IG2254" s="91"/>
      <c r="IH2254" s="91"/>
      <c r="II2254" s="91"/>
      <c r="IJ2254" s="91"/>
      <c r="IK2254" s="127"/>
    </row>
    <row r="2255" spans="2:245" x14ac:dyDescent="0.2">
      <c r="B2255" s="43"/>
      <c r="C2255" s="73"/>
      <c r="D2255" s="64"/>
      <c r="E2255" s="64"/>
      <c r="F2255" s="55"/>
      <c r="G2255" s="102"/>
      <c r="H2255" s="55"/>
      <c r="I2255" s="55"/>
      <c r="J2255" s="55"/>
      <c r="K2255" s="55"/>
      <c r="L2255" s="55"/>
      <c r="M2255" s="55"/>
      <c r="N2255" s="55"/>
      <c r="O2255" s="55"/>
      <c r="P2255" s="55"/>
      <c r="Q2255" s="55"/>
      <c r="R2255" s="55"/>
      <c r="S2255" s="55"/>
      <c r="T2255" s="55"/>
      <c r="U2255" s="55"/>
      <c r="V2255" s="55"/>
      <c r="W2255" s="55"/>
      <c r="X2255" s="55"/>
      <c r="Y2255" s="55"/>
      <c r="Z2255" s="55"/>
      <c r="AA2255" s="55"/>
      <c r="AB2255" s="55"/>
      <c r="AC2255" s="55"/>
      <c r="AD2255" s="55"/>
      <c r="AE2255" s="55"/>
      <c r="AF2255" s="55"/>
      <c r="AG2255" s="55"/>
      <c r="AY2255" s="162"/>
      <c r="AZ2255" s="162"/>
      <c r="BA2255" s="162"/>
      <c r="BB2255" s="162"/>
      <c r="BC2255" s="162"/>
      <c r="BD2255" s="162"/>
      <c r="BE2255" s="162"/>
      <c r="BF2255" s="162"/>
      <c r="BG2255" s="162"/>
      <c r="BH2255" s="162"/>
      <c r="BI2255" s="162"/>
      <c r="BJ2255" s="162"/>
      <c r="BK2255" s="162"/>
      <c r="BL2255" s="162"/>
      <c r="BM2255" s="162"/>
      <c r="BN2255" s="162"/>
      <c r="BO2255" s="162"/>
      <c r="BP2255" s="162"/>
      <c r="BQ2255" s="162"/>
      <c r="BR2255" s="162"/>
      <c r="BS2255" s="162"/>
      <c r="BT2255" s="162"/>
      <c r="BU2255" s="162"/>
      <c r="BV2255" s="162"/>
      <c r="BW2255" s="162"/>
      <c r="BX2255" s="162"/>
      <c r="BY2255" s="162"/>
      <c r="BZ2255" s="162"/>
      <c r="CA2255" s="162"/>
      <c r="CB2255" s="162"/>
      <c r="CC2255" s="162"/>
      <c r="CD2255" s="162"/>
      <c r="CE2255" s="162"/>
      <c r="CF2255" s="162"/>
      <c r="CG2255" s="162"/>
      <c r="CH2255" s="162"/>
      <c r="CI2255" s="162"/>
      <c r="CJ2255" s="162"/>
      <c r="CK2255" s="162"/>
      <c r="CX2255" s="98"/>
      <c r="DL2255" s="97"/>
      <c r="DX2255" s="98"/>
      <c r="EL2255" s="97"/>
      <c r="EX2255" s="98"/>
      <c r="EY2255" s="97"/>
      <c r="FL2255" s="126"/>
      <c r="FM2255" s="91"/>
      <c r="FN2255" s="91"/>
      <c r="FO2255" s="91"/>
      <c r="FP2255" s="91"/>
      <c r="FQ2255" s="91"/>
      <c r="FR2255" s="91"/>
      <c r="FS2255" s="91"/>
      <c r="FT2255" s="91"/>
      <c r="FU2255" s="91"/>
      <c r="FV2255" s="91"/>
      <c r="FW2255" s="91"/>
      <c r="FX2255" s="91"/>
      <c r="FY2255" s="91"/>
      <c r="FZ2255" s="91"/>
      <c r="GA2255" s="91"/>
      <c r="GB2255" s="91"/>
      <c r="GC2255" s="91"/>
      <c r="GD2255" s="91"/>
      <c r="GE2255" s="91"/>
      <c r="GF2255" s="91"/>
      <c r="GG2255" s="91"/>
      <c r="GH2255" s="91"/>
      <c r="GI2255" s="91"/>
      <c r="GJ2255" s="91"/>
      <c r="GK2255" s="127"/>
      <c r="GL2255" s="126"/>
      <c r="GM2255" s="91"/>
      <c r="GN2255" s="91"/>
      <c r="GO2255" s="91"/>
      <c r="GP2255" s="91"/>
      <c r="GQ2255" s="91"/>
      <c r="GR2255" s="91"/>
      <c r="GS2255" s="91"/>
      <c r="GT2255" s="91"/>
      <c r="GU2255" s="91"/>
      <c r="GV2255" s="91"/>
      <c r="GW2255" s="91"/>
      <c r="GX2255" s="91"/>
      <c r="GY2255" s="91"/>
      <c r="GZ2255" s="91"/>
      <c r="HA2255" s="91"/>
      <c r="HB2255" s="91"/>
      <c r="HC2255" s="91"/>
      <c r="HD2255" s="91"/>
      <c r="HE2255" s="91"/>
      <c r="HF2255" s="91"/>
      <c r="HG2255" s="91"/>
      <c r="HH2255" s="91"/>
      <c r="HI2255" s="91"/>
      <c r="HJ2255" s="91"/>
      <c r="HK2255" s="127"/>
      <c r="HL2255" s="126"/>
      <c r="HM2255" s="91"/>
      <c r="HN2255" s="91"/>
      <c r="HO2255" s="91"/>
      <c r="HP2255" s="91"/>
      <c r="HQ2255" s="91"/>
      <c r="HR2255" s="91"/>
      <c r="HS2255" s="91"/>
      <c r="HT2255" s="91"/>
      <c r="HU2255" s="91"/>
      <c r="HV2255" s="91"/>
      <c r="HW2255" s="91"/>
      <c r="HX2255" s="91"/>
      <c r="HY2255" s="91"/>
      <c r="HZ2255" s="91"/>
      <c r="IA2255" s="91"/>
      <c r="IB2255" s="91"/>
      <c r="IC2255" s="91"/>
      <c r="ID2255" s="91"/>
      <c r="IE2255" s="91"/>
      <c r="IF2255" s="91"/>
      <c r="IG2255" s="91"/>
      <c r="IH2255" s="91"/>
      <c r="II2255" s="91"/>
      <c r="IJ2255" s="91"/>
      <c r="IK2255" s="127"/>
    </row>
    <row r="2256" spans="2:245" x14ac:dyDescent="0.2">
      <c r="B2256" s="43"/>
      <c r="C2256" s="73"/>
      <c r="D2256" s="64"/>
      <c r="E2256" s="64"/>
      <c r="F2256" s="55"/>
      <c r="G2256" s="102"/>
      <c r="H2256" s="55"/>
      <c r="I2256" s="55"/>
      <c r="J2256" s="55"/>
      <c r="K2256" s="55"/>
      <c r="L2256" s="55"/>
      <c r="M2256" s="55"/>
      <c r="N2256" s="55"/>
      <c r="O2256" s="55"/>
      <c r="P2256" s="55"/>
      <c r="Q2256" s="55"/>
      <c r="R2256" s="55"/>
      <c r="S2256" s="55"/>
      <c r="T2256" s="55"/>
      <c r="U2256" s="55"/>
      <c r="V2256" s="55"/>
      <c r="W2256" s="55"/>
      <c r="X2256" s="55"/>
      <c r="Y2256" s="55"/>
      <c r="Z2256" s="55"/>
      <c r="AA2256" s="55"/>
      <c r="AB2256" s="55"/>
      <c r="AC2256" s="55"/>
      <c r="AD2256" s="55"/>
      <c r="AE2256" s="55"/>
      <c r="AF2256" s="55"/>
      <c r="AG2256" s="55"/>
      <c r="AY2256" s="162"/>
      <c r="AZ2256" s="162"/>
      <c r="BA2256" s="162"/>
      <c r="BB2256" s="162"/>
      <c r="BC2256" s="162"/>
      <c r="BD2256" s="162"/>
      <c r="BE2256" s="162"/>
      <c r="BF2256" s="162"/>
      <c r="BG2256" s="162"/>
      <c r="BH2256" s="162"/>
      <c r="BI2256" s="162"/>
      <c r="BJ2256" s="162"/>
      <c r="BK2256" s="162"/>
      <c r="BL2256" s="162"/>
      <c r="BM2256" s="162"/>
      <c r="BN2256" s="162"/>
      <c r="BO2256" s="162"/>
      <c r="BP2256" s="162"/>
      <c r="BQ2256" s="162"/>
      <c r="BR2256" s="162"/>
      <c r="BS2256" s="162"/>
      <c r="BT2256" s="162"/>
      <c r="BU2256" s="162"/>
      <c r="BV2256" s="162"/>
      <c r="BW2256" s="162"/>
      <c r="BX2256" s="162"/>
      <c r="BY2256" s="162"/>
      <c r="BZ2256" s="162"/>
      <c r="CA2256" s="162"/>
      <c r="CB2256" s="162"/>
      <c r="CC2256" s="162"/>
      <c r="CD2256" s="162"/>
      <c r="CE2256" s="162"/>
      <c r="CF2256" s="162"/>
      <c r="CG2256" s="162"/>
      <c r="CH2256" s="162"/>
      <c r="CI2256" s="162"/>
      <c r="CJ2256" s="162"/>
      <c r="CK2256" s="162"/>
      <c r="CX2256" s="98"/>
      <c r="DL2256" s="97"/>
      <c r="DX2256" s="98"/>
      <c r="EL2256" s="97"/>
      <c r="EX2256" s="98"/>
      <c r="EY2256" s="97"/>
      <c r="FL2256" s="126"/>
      <c r="FM2256" s="91"/>
      <c r="FN2256" s="91"/>
      <c r="FO2256" s="91"/>
      <c r="FP2256" s="91"/>
      <c r="FQ2256" s="91"/>
      <c r="FR2256" s="91"/>
      <c r="FS2256" s="91"/>
      <c r="FT2256" s="91"/>
      <c r="FU2256" s="91"/>
      <c r="FV2256" s="91"/>
      <c r="FW2256" s="91"/>
      <c r="FX2256" s="91"/>
      <c r="FY2256" s="91"/>
      <c r="FZ2256" s="91"/>
      <c r="GA2256" s="91"/>
      <c r="GB2256" s="91"/>
      <c r="GC2256" s="91"/>
      <c r="GD2256" s="91"/>
      <c r="GE2256" s="91"/>
      <c r="GF2256" s="91"/>
      <c r="GG2256" s="91"/>
      <c r="GH2256" s="91"/>
      <c r="GI2256" s="91"/>
      <c r="GJ2256" s="91"/>
      <c r="GK2256" s="127"/>
      <c r="GL2256" s="126"/>
      <c r="GM2256" s="91"/>
      <c r="GN2256" s="91"/>
      <c r="GO2256" s="91"/>
      <c r="GP2256" s="91"/>
      <c r="GQ2256" s="91"/>
      <c r="GR2256" s="91"/>
      <c r="GS2256" s="91"/>
      <c r="GT2256" s="91"/>
      <c r="GU2256" s="91"/>
      <c r="GV2256" s="91"/>
      <c r="GW2256" s="91"/>
      <c r="GX2256" s="91"/>
      <c r="GY2256" s="91"/>
      <c r="GZ2256" s="91"/>
      <c r="HA2256" s="91"/>
      <c r="HB2256" s="91"/>
      <c r="HC2256" s="91"/>
      <c r="HD2256" s="91"/>
      <c r="HE2256" s="91"/>
      <c r="HF2256" s="91"/>
      <c r="HG2256" s="91"/>
      <c r="HH2256" s="91"/>
      <c r="HI2256" s="91"/>
      <c r="HJ2256" s="91"/>
      <c r="HK2256" s="127"/>
      <c r="HL2256" s="126"/>
      <c r="HM2256" s="91"/>
      <c r="HN2256" s="91"/>
      <c r="HO2256" s="91"/>
      <c r="HP2256" s="91"/>
      <c r="HQ2256" s="91"/>
      <c r="HR2256" s="91"/>
      <c r="HS2256" s="91"/>
      <c r="HT2256" s="91"/>
      <c r="HU2256" s="91"/>
      <c r="HV2256" s="91"/>
      <c r="HW2256" s="91"/>
      <c r="HX2256" s="91"/>
      <c r="HY2256" s="91"/>
      <c r="HZ2256" s="91"/>
      <c r="IA2256" s="91"/>
      <c r="IB2256" s="91"/>
      <c r="IC2256" s="91"/>
      <c r="ID2256" s="91"/>
      <c r="IE2256" s="91"/>
      <c r="IF2256" s="91"/>
      <c r="IG2256" s="91"/>
      <c r="IH2256" s="91"/>
      <c r="II2256" s="91"/>
      <c r="IJ2256" s="91"/>
      <c r="IK2256" s="127"/>
    </row>
    <row r="2257" spans="2:245" x14ac:dyDescent="0.2">
      <c r="B2257" s="43"/>
      <c r="C2257" s="73"/>
      <c r="D2257" s="64"/>
      <c r="E2257" s="64"/>
      <c r="F2257" s="55"/>
      <c r="G2257" s="102"/>
      <c r="H2257" s="55"/>
      <c r="I2257" s="55"/>
      <c r="J2257" s="55"/>
      <c r="K2257" s="55"/>
      <c r="L2257" s="55"/>
      <c r="M2257" s="55"/>
      <c r="N2257" s="55"/>
      <c r="O2257" s="55"/>
      <c r="P2257" s="55"/>
      <c r="Q2257" s="55"/>
      <c r="R2257" s="55"/>
      <c r="S2257" s="55"/>
      <c r="T2257" s="55"/>
      <c r="U2257" s="55"/>
      <c r="V2257" s="55"/>
      <c r="W2257" s="55"/>
      <c r="X2257" s="55"/>
      <c r="Y2257" s="55"/>
      <c r="Z2257" s="55"/>
      <c r="AA2257" s="55"/>
      <c r="AB2257" s="55"/>
      <c r="AC2257" s="55"/>
      <c r="AD2257" s="55"/>
      <c r="AE2257" s="55"/>
      <c r="AF2257" s="55"/>
      <c r="AG2257" s="55"/>
      <c r="AY2257" s="162"/>
      <c r="AZ2257" s="162"/>
      <c r="BA2257" s="162"/>
      <c r="BB2257" s="162"/>
      <c r="BC2257" s="162"/>
      <c r="BD2257" s="162"/>
      <c r="BE2257" s="162"/>
      <c r="BF2257" s="162"/>
      <c r="BG2257" s="162"/>
      <c r="BH2257" s="162"/>
      <c r="BI2257" s="162"/>
      <c r="BJ2257" s="162"/>
      <c r="BK2257" s="162"/>
      <c r="BL2257" s="162"/>
      <c r="BM2257" s="162"/>
      <c r="BN2257" s="162"/>
      <c r="BO2257" s="162"/>
      <c r="BP2257" s="162"/>
      <c r="BQ2257" s="162"/>
      <c r="BR2257" s="162"/>
      <c r="BS2257" s="162"/>
      <c r="BT2257" s="162"/>
      <c r="BU2257" s="162"/>
      <c r="BV2257" s="162"/>
      <c r="BW2257" s="162"/>
      <c r="BX2257" s="162"/>
      <c r="BY2257" s="162"/>
      <c r="BZ2257" s="162"/>
      <c r="CA2257" s="162"/>
      <c r="CB2257" s="162"/>
      <c r="CC2257" s="162"/>
      <c r="CD2257" s="162"/>
      <c r="CE2257" s="162"/>
      <c r="CF2257" s="162"/>
      <c r="CG2257" s="162"/>
      <c r="CH2257" s="162"/>
      <c r="CI2257" s="162"/>
      <c r="CJ2257" s="162"/>
      <c r="CK2257" s="162"/>
      <c r="CX2257" s="98"/>
      <c r="DL2257" s="97"/>
      <c r="DX2257" s="98"/>
      <c r="EL2257" s="97"/>
      <c r="EX2257" s="98"/>
      <c r="EY2257" s="97"/>
      <c r="FL2257" s="126"/>
      <c r="FM2257" s="91"/>
      <c r="FN2257" s="91"/>
      <c r="FO2257" s="91"/>
      <c r="FP2257" s="91"/>
      <c r="FQ2257" s="91"/>
      <c r="FR2257" s="91"/>
      <c r="FS2257" s="91"/>
      <c r="FT2257" s="91"/>
      <c r="FU2257" s="91"/>
      <c r="FV2257" s="91"/>
      <c r="FW2257" s="91"/>
      <c r="FX2257" s="91"/>
      <c r="FY2257" s="91"/>
      <c r="FZ2257" s="91"/>
      <c r="GA2257" s="91"/>
      <c r="GB2257" s="91"/>
      <c r="GC2257" s="91"/>
      <c r="GD2257" s="91"/>
      <c r="GE2257" s="91"/>
      <c r="GF2257" s="91"/>
      <c r="GG2257" s="91"/>
      <c r="GH2257" s="91"/>
      <c r="GI2257" s="91"/>
      <c r="GJ2257" s="91"/>
      <c r="GK2257" s="127"/>
      <c r="GL2257" s="126"/>
      <c r="GM2257" s="91"/>
      <c r="GN2257" s="91"/>
      <c r="GO2257" s="91"/>
      <c r="GP2257" s="91"/>
      <c r="GQ2257" s="91"/>
      <c r="GR2257" s="91"/>
      <c r="GS2257" s="91"/>
      <c r="GT2257" s="91"/>
      <c r="GU2257" s="91"/>
      <c r="GV2257" s="91"/>
      <c r="GW2257" s="91"/>
      <c r="GX2257" s="91"/>
      <c r="GY2257" s="91"/>
      <c r="GZ2257" s="91"/>
      <c r="HA2257" s="91"/>
      <c r="HB2257" s="91"/>
      <c r="HC2257" s="91"/>
      <c r="HD2257" s="91"/>
      <c r="HE2257" s="91"/>
      <c r="HF2257" s="91"/>
      <c r="HG2257" s="91"/>
      <c r="HH2257" s="91"/>
      <c r="HI2257" s="91"/>
      <c r="HJ2257" s="91"/>
      <c r="HK2257" s="127"/>
      <c r="HL2257" s="126"/>
      <c r="HM2257" s="91"/>
      <c r="HN2257" s="91"/>
      <c r="HO2257" s="91"/>
      <c r="HP2257" s="91"/>
      <c r="HQ2257" s="91"/>
      <c r="HR2257" s="91"/>
      <c r="HS2257" s="91"/>
      <c r="HT2257" s="91"/>
      <c r="HU2257" s="91"/>
      <c r="HV2257" s="91"/>
      <c r="HW2257" s="91"/>
      <c r="HX2257" s="91"/>
      <c r="HY2257" s="91"/>
      <c r="HZ2257" s="91"/>
      <c r="IA2257" s="91"/>
      <c r="IB2257" s="91"/>
      <c r="IC2257" s="91"/>
      <c r="ID2257" s="91"/>
      <c r="IE2257" s="91"/>
      <c r="IF2257" s="91"/>
      <c r="IG2257" s="91"/>
      <c r="IH2257" s="91"/>
      <c r="II2257" s="91"/>
      <c r="IJ2257" s="91"/>
      <c r="IK2257" s="127"/>
    </row>
    <row r="2258" spans="2:245" x14ac:dyDescent="0.2">
      <c r="B2258" s="43"/>
      <c r="C2258" s="73"/>
      <c r="D2258" s="64"/>
      <c r="E2258" s="64"/>
      <c r="F2258" s="55"/>
      <c r="G2258" s="102"/>
      <c r="H2258" s="55"/>
      <c r="I2258" s="55"/>
      <c r="J2258" s="55"/>
      <c r="K2258" s="55"/>
      <c r="L2258" s="55"/>
      <c r="M2258" s="55"/>
      <c r="N2258" s="55"/>
      <c r="O2258" s="55"/>
      <c r="P2258" s="55"/>
      <c r="Q2258" s="55"/>
      <c r="R2258" s="55"/>
      <c r="S2258" s="55"/>
      <c r="T2258" s="55"/>
      <c r="U2258" s="55"/>
      <c r="V2258" s="55"/>
      <c r="W2258" s="55"/>
      <c r="X2258" s="55"/>
      <c r="Y2258" s="55"/>
      <c r="Z2258" s="55"/>
      <c r="AA2258" s="55"/>
      <c r="AB2258" s="55"/>
      <c r="AC2258" s="55"/>
      <c r="AD2258" s="55"/>
      <c r="AE2258" s="55"/>
      <c r="AF2258" s="55"/>
      <c r="AG2258" s="55"/>
      <c r="AY2258" s="162"/>
      <c r="AZ2258" s="162"/>
      <c r="BA2258" s="162"/>
      <c r="BB2258" s="162"/>
      <c r="BC2258" s="162"/>
      <c r="BD2258" s="162"/>
      <c r="BE2258" s="162"/>
      <c r="BF2258" s="162"/>
      <c r="BG2258" s="162"/>
      <c r="BH2258" s="162"/>
      <c r="BI2258" s="162"/>
      <c r="BJ2258" s="162"/>
      <c r="BK2258" s="162"/>
      <c r="BL2258" s="162"/>
      <c r="BM2258" s="162"/>
      <c r="BN2258" s="162"/>
      <c r="BO2258" s="162"/>
      <c r="BP2258" s="162"/>
      <c r="BQ2258" s="162"/>
      <c r="BR2258" s="162"/>
      <c r="BS2258" s="162"/>
      <c r="BT2258" s="162"/>
      <c r="BU2258" s="162"/>
      <c r="BV2258" s="162"/>
      <c r="BW2258" s="162"/>
      <c r="BX2258" s="162"/>
      <c r="BY2258" s="162"/>
      <c r="BZ2258" s="162"/>
      <c r="CA2258" s="162"/>
      <c r="CB2258" s="162"/>
      <c r="CC2258" s="162"/>
      <c r="CD2258" s="162"/>
      <c r="CE2258" s="162"/>
      <c r="CF2258" s="162"/>
      <c r="CG2258" s="162"/>
      <c r="CH2258" s="162"/>
      <c r="CI2258" s="162"/>
      <c r="CJ2258" s="162"/>
      <c r="CK2258" s="162"/>
      <c r="CX2258" s="98"/>
      <c r="DL2258" s="97"/>
      <c r="DX2258" s="98"/>
      <c r="EL2258" s="97"/>
      <c r="EX2258" s="98"/>
      <c r="EY2258" s="97"/>
      <c r="FL2258" s="126"/>
      <c r="FM2258" s="91"/>
      <c r="FN2258" s="91"/>
      <c r="FO2258" s="91"/>
      <c r="FP2258" s="91"/>
      <c r="FQ2258" s="91"/>
      <c r="FR2258" s="91"/>
      <c r="FS2258" s="91"/>
      <c r="FT2258" s="91"/>
      <c r="FU2258" s="91"/>
      <c r="FV2258" s="91"/>
      <c r="FW2258" s="91"/>
      <c r="FX2258" s="91"/>
      <c r="FY2258" s="91"/>
      <c r="FZ2258" s="91"/>
      <c r="GA2258" s="91"/>
      <c r="GB2258" s="91"/>
      <c r="GC2258" s="91"/>
      <c r="GD2258" s="91"/>
      <c r="GE2258" s="91"/>
      <c r="GF2258" s="91"/>
      <c r="GG2258" s="91"/>
      <c r="GH2258" s="91"/>
      <c r="GI2258" s="91"/>
      <c r="GJ2258" s="91"/>
      <c r="GK2258" s="127"/>
      <c r="GL2258" s="126"/>
      <c r="GM2258" s="91"/>
      <c r="GN2258" s="91"/>
      <c r="GO2258" s="91"/>
      <c r="GP2258" s="91"/>
      <c r="GQ2258" s="91"/>
      <c r="GR2258" s="91"/>
      <c r="GS2258" s="91"/>
      <c r="GT2258" s="91"/>
      <c r="GU2258" s="91"/>
      <c r="GV2258" s="91"/>
      <c r="GW2258" s="91"/>
      <c r="GX2258" s="91"/>
      <c r="GY2258" s="91"/>
      <c r="GZ2258" s="91"/>
      <c r="HA2258" s="91"/>
      <c r="HB2258" s="91"/>
      <c r="HC2258" s="91"/>
      <c r="HD2258" s="91"/>
      <c r="HE2258" s="91"/>
      <c r="HF2258" s="91"/>
      <c r="HG2258" s="91"/>
      <c r="HH2258" s="91"/>
      <c r="HI2258" s="91"/>
      <c r="HJ2258" s="91"/>
      <c r="HK2258" s="127"/>
      <c r="HL2258" s="126"/>
      <c r="HM2258" s="91"/>
      <c r="HN2258" s="91"/>
      <c r="HO2258" s="91"/>
      <c r="HP2258" s="91"/>
      <c r="HQ2258" s="91"/>
      <c r="HR2258" s="91"/>
      <c r="HS2258" s="91"/>
      <c r="HT2258" s="91"/>
      <c r="HU2258" s="91"/>
      <c r="HV2258" s="91"/>
      <c r="HW2258" s="91"/>
      <c r="HX2258" s="91"/>
      <c r="HY2258" s="91"/>
      <c r="HZ2258" s="91"/>
      <c r="IA2258" s="91"/>
      <c r="IB2258" s="91"/>
      <c r="IC2258" s="91"/>
      <c r="ID2258" s="91"/>
      <c r="IE2258" s="91"/>
      <c r="IF2258" s="91"/>
      <c r="IG2258" s="91"/>
      <c r="IH2258" s="91"/>
      <c r="II2258" s="91"/>
      <c r="IJ2258" s="91"/>
      <c r="IK2258" s="127"/>
    </row>
    <row r="2259" spans="2:245" x14ac:dyDescent="0.2">
      <c r="B2259" s="43"/>
      <c r="C2259" s="73"/>
      <c r="D2259" s="64"/>
      <c r="E2259" s="64"/>
      <c r="F2259" s="55"/>
      <c r="G2259" s="102"/>
      <c r="H2259" s="55"/>
      <c r="I2259" s="55"/>
      <c r="J2259" s="55"/>
      <c r="K2259" s="55"/>
      <c r="L2259" s="55"/>
      <c r="M2259" s="55"/>
      <c r="N2259" s="55"/>
      <c r="O2259" s="55"/>
      <c r="P2259" s="55"/>
      <c r="Q2259" s="55"/>
      <c r="R2259" s="55"/>
      <c r="S2259" s="55"/>
      <c r="T2259" s="55"/>
      <c r="U2259" s="55"/>
      <c r="V2259" s="55"/>
      <c r="W2259" s="55"/>
      <c r="X2259" s="55"/>
      <c r="Y2259" s="55"/>
      <c r="Z2259" s="55"/>
      <c r="AA2259" s="55"/>
      <c r="AB2259" s="55"/>
      <c r="AC2259" s="55"/>
      <c r="AD2259" s="55"/>
      <c r="AE2259" s="55"/>
      <c r="AF2259" s="55"/>
      <c r="AG2259" s="55"/>
      <c r="AY2259" s="162"/>
      <c r="AZ2259" s="162"/>
      <c r="BA2259" s="162"/>
      <c r="BB2259" s="162"/>
      <c r="BC2259" s="162"/>
      <c r="BD2259" s="162"/>
      <c r="BE2259" s="162"/>
      <c r="BF2259" s="162"/>
      <c r="BG2259" s="162"/>
      <c r="BH2259" s="162"/>
      <c r="BI2259" s="162"/>
      <c r="BJ2259" s="162"/>
      <c r="BK2259" s="162"/>
      <c r="BL2259" s="162"/>
      <c r="BM2259" s="162"/>
      <c r="BN2259" s="162"/>
      <c r="BO2259" s="162"/>
      <c r="BP2259" s="162"/>
      <c r="BQ2259" s="162"/>
      <c r="BR2259" s="162"/>
      <c r="BS2259" s="162"/>
      <c r="BT2259" s="162"/>
      <c r="BU2259" s="162"/>
      <c r="BV2259" s="162"/>
      <c r="BW2259" s="162"/>
      <c r="BX2259" s="162"/>
      <c r="BY2259" s="162"/>
      <c r="BZ2259" s="162"/>
      <c r="CA2259" s="162"/>
      <c r="CB2259" s="162"/>
      <c r="CC2259" s="162"/>
      <c r="CD2259" s="162"/>
      <c r="CE2259" s="162"/>
      <c r="CF2259" s="162"/>
      <c r="CG2259" s="162"/>
      <c r="CH2259" s="162"/>
      <c r="CI2259" s="162"/>
      <c r="CJ2259" s="162"/>
      <c r="CK2259" s="162"/>
      <c r="CX2259" s="98"/>
      <c r="DL2259" s="97"/>
      <c r="DX2259" s="98"/>
      <c r="EL2259" s="97"/>
      <c r="EX2259" s="98"/>
      <c r="EY2259" s="97"/>
      <c r="FL2259" s="126"/>
      <c r="FM2259" s="91"/>
      <c r="FN2259" s="91"/>
      <c r="FO2259" s="91"/>
      <c r="FP2259" s="91"/>
      <c r="FQ2259" s="91"/>
      <c r="FR2259" s="91"/>
      <c r="FS2259" s="91"/>
      <c r="FT2259" s="91"/>
      <c r="FU2259" s="91"/>
      <c r="FV2259" s="91"/>
      <c r="FW2259" s="91"/>
      <c r="FX2259" s="91"/>
      <c r="FY2259" s="91"/>
      <c r="FZ2259" s="91"/>
      <c r="GA2259" s="91"/>
      <c r="GB2259" s="91"/>
      <c r="GC2259" s="91"/>
      <c r="GD2259" s="91"/>
      <c r="GE2259" s="91"/>
      <c r="GF2259" s="91"/>
      <c r="GG2259" s="91"/>
      <c r="GH2259" s="91"/>
      <c r="GI2259" s="91"/>
      <c r="GJ2259" s="91"/>
      <c r="GK2259" s="127"/>
      <c r="GL2259" s="126"/>
      <c r="GM2259" s="91"/>
      <c r="GN2259" s="91"/>
      <c r="GO2259" s="91"/>
      <c r="GP2259" s="91"/>
      <c r="GQ2259" s="91"/>
      <c r="GR2259" s="91"/>
      <c r="GS2259" s="91"/>
      <c r="GT2259" s="91"/>
      <c r="GU2259" s="91"/>
      <c r="GV2259" s="91"/>
      <c r="GW2259" s="91"/>
      <c r="GX2259" s="91"/>
      <c r="GY2259" s="91"/>
      <c r="GZ2259" s="91"/>
      <c r="HA2259" s="91"/>
      <c r="HB2259" s="91"/>
      <c r="HC2259" s="91"/>
      <c r="HD2259" s="91"/>
      <c r="HE2259" s="91"/>
      <c r="HF2259" s="91"/>
      <c r="HG2259" s="91"/>
      <c r="HH2259" s="91"/>
      <c r="HI2259" s="91"/>
      <c r="HJ2259" s="91"/>
      <c r="HK2259" s="127"/>
      <c r="HL2259" s="126"/>
      <c r="HM2259" s="91"/>
      <c r="HN2259" s="91"/>
      <c r="HO2259" s="91"/>
      <c r="HP2259" s="91"/>
      <c r="HQ2259" s="91"/>
      <c r="HR2259" s="91"/>
      <c r="HS2259" s="91"/>
      <c r="HT2259" s="91"/>
      <c r="HU2259" s="91"/>
      <c r="HV2259" s="91"/>
      <c r="HW2259" s="91"/>
      <c r="HX2259" s="91"/>
      <c r="HY2259" s="91"/>
      <c r="HZ2259" s="91"/>
      <c r="IA2259" s="91"/>
      <c r="IB2259" s="91"/>
      <c r="IC2259" s="91"/>
      <c r="ID2259" s="91"/>
      <c r="IE2259" s="91"/>
      <c r="IF2259" s="91"/>
      <c r="IG2259" s="91"/>
      <c r="IH2259" s="91"/>
      <c r="II2259" s="91"/>
      <c r="IJ2259" s="91"/>
      <c r="IK2259" s="127"/>
    </row>
    <row r="2260" spans="2:245" ht="13.5" thickBot="1" x14ac:dyDescent="0.25">
      <c r="B2260" s="43"/>
      <c r="C2260" s="73"/>
      <c r="D2260" s="64"/>
      <c r="E2260" s="64"/>
      <c r="F2260" s="55"/>
      <c r="G2260" s="102"/>
      <c r="H2260" s="55"/>
      <c r="I2260" s="55"/>
      <c r="J2260" s="55"/>
      <c r="K2260" s="55"/>
      <c r="L2260" s="55"/>
      <c r="M2260" s="55"/>
      <c r="N2260" s="55"/>
      <c r="O2260" s="55"/>
      <c r="P2260" s="55"/>
      <c r="Q2260" s="55"/>
      <c r="R2260" s="55"/>
      <c r="S2260" s="55"/>
      <c r="T2260" s="55"/>
      <c r="U2260" s="55"/>
      <c r="V2260" s="55"/>
      <c r="W2260" s="55"/>
      <c r="X2260" s="55"/>
      <c r="Y2260" s="55"/>
      <c r="Z2260" s="55"/>
      <c r="AA2260" s="55"/>
      <c r="AB2260" s="55"/>
      <c r="AC2260" s="55"/>
      <c r="AD2260" s="55"/>
      <c r="AE2260" s="55"/>
      <c r="AF2260" s="55"/>
      <c r="AG2260" s="55"/>
      <c r="AY2260" s="162"/>
      <c r="AZ2260" s="162"/>
      <c r="BA2260" s="162"/>
      <c r="BB2260" s="162"/>
      <c r="BC2260" s="162"/>
      <c r="BD2260" s="162"/>
      <c r="BE2260" s="162"/>
      <c r="BF2260" s="162"/>
      <c r="BG2260" s="162"/>
      <c r="BH2260" s="162"/>
      <c r="BI2260" s="162"/>
      <c r="BJ2260" s="162"/>
      <c r="BK2260" s="162"/>
      <c r="BL2260" s="162"/>
      <c r="BM2260" s="162"/>
      <c r="BN2260" s="162"/>
      <c r="BO2260" s="162"/>
      <c r="BP2260" s="162"/>
      <c r="BQ2260" s="162"/>
      <c r="BR2260" s="162"/>
      <c r="BS2260" s="162"/>
      <c r="BT2260" s="162"/>
      <c r="BU2260" s="162"/>
      <c r="BV2260" s="162"/>
      <c r="BW2260" s="162"/>
      <c r="BX2260" s="162"/>
      <c r="BY2260" s="162"/>
      <c r="BZ2260" s="162"/>
      <c r="CA2260" s="162"/>
      <c r="CB2260" s="162"/>
      <c r="CC2260" s="162"/>
      <c r="CD2260" s="162"/>
      <c r="CE2260" s="162"/>
      <c r="CF2260" s="162"/>
      <c r="CG2260" s="162"/>
      <c r="CH2260" s="162"/>
      <c r="CI2260" s="162"/>
      <c r="CJ2260" s="162"/>
      <c r="CK2260" s="162"/>
      <c r="CX2260" s="98"/>
      <c r="DL2260" s="97"/>
      <c r="DX2260" s="98"/>
      <c r="EL2260" s="97"/>
      <c r="EX2260" s="98"/>
      <c r="EY2260" s="97"/>
      <c r="FL2260" s="126"/>
      <c r="FM2260" s="91"/>
      <c r="FN2260" s="91"/>
      <c r="FO2260" s="91"/>
      <c r="FP2260" s="91"/>
      <c r="FQ2260" s="91"/>
      <c r="FR2260" s="91"/>
      <c r="FS2260" s="91"/>
      <c r="FT2260" s="91"/>
      <c r="FU2260" s="91"/>
      <c r="FV2260" s="91"/>
      <c r="FW2260" s="91"/>
      <c r="FX2260" s="91"/>
      <c r="FY2260" s="91"/>
      <c r="FZ2260" s="91"/>
      <c r="GA2260" s="91"/>
      <c r="GB2260" s="91"/>
      <c r="GC2260" s="91"/>
      <c r="GD2260" s="91"/>
      <c r="GE2260" s="91"/>
      <c r="GF2260" s="91"/>
      <c r="GG2260" s="91"/>
      <c r="GH2260" s="91"/>
      <c r="GI2260" s="91"/>
      <c r="GJ2260" s="91"/>
      <c r="GK2260" s="127"/>
      <c r="GL2260" s="126"/>
      <c r="GM2260" s="91"/>
      <c r="GN2260" s="91"/>
      <c r="GO2260" s="91"/>
      <c r="GP2260" s="91"/>
      <c r="GQ2260" s="91"/>
      <c r="GR2260" s="91"/>
      <c r="GS2260" s="91"/>
      <c r="GT2260" s="91"/>
      <c r="GU2260" s="91"/>
      <c r="GV2260" s="91"/>
      <c r="GW2260" s="91"/>
      <c r="GX2260" s="91"/>
      <c r="GY2260" s="91"/>
      <c r="GZ2260" s="91"/>
      <c r="HA2260" s="91"/>
      <c r="HB2260" s="91"/>
      <c r="HC2260" s="91"/>
      <c r="HD2260" s="91"/>
      <c r="HE2260" s="91"/>
      <c r="HF2260" s="91"/>
      <c r="HG2260" s="91"/>
      <c r="HH2260" s="91"/>
      <c r="HI2260" s="91"/>
      <c r="HJ2260" s="91"/>
      <c r="HK2260" s="127"/>
      <c r="HL2260" s="126"/>
      <c r="HM2260" s="91"/>
      <c r="HN2260" s="91"/>
      <c r="HO2260" s="91"/>
      <c r="HP2260" s="91"/>
      <c r="HQ2260" s="91"/>
      <c r="HR2260" s="91"/>
      <c r="HS2260" s="91"/>
      <c r="HT2260" s="91"/>
      <c r="HU2260" s="91"/>
      <c r="HV2260" s="91"/>
      <c r="HW2260" s="91"/>
      <c r="HX2260" s="91"/>
      <c r="HY2260" s="91"/>
      <c r="HZ2260" s="91"/>
      <c r="IA2260" s="91"/>
      <c r="IB2260" s="91"/>
      <c r="IC2260" s="91"/>
      <c r="ID2260" s="91"/>
      <c r="IE2260" s="91"/>
      <c r="IF2260" s="91"/>
      <c r="IG2260" s="91"/>
      <c r="IH2260" s="91"/>
      <c r="II2260" s="91"/>
      <c r="IJ2260" s="91"/>
      <c r="IK2260" s="127"/>
    </row>
    <row r="2261" spans="2:245" x14ac:dyDescent="0.2">
      <c r="B2261" s="43"/>
      <c r="C2261" s="73"/>
      <c r="D2261" s="64"/>
      <c r="E2261" s="64"/>
      <c r="F2261" s="55"/>
      <c r="G2261" s="102"/>
      <c r="H2261" s="55"/>
      <c r="I2261" s="55"/>
      <c r="J2261" s="55"/>
      <c r="K2261" s="55"/>
      <c r="L2261" s="55"/>
      <c r="M2261" s="55"/>
      <c r="N2261" s="55"/>
      <c r="O2261" s="55"/>
      <c r="P2261" s="55"/>
      <c r="Q2261" s="55"/>
      <c r="R2261" s="55"/>
      <c r="S2261" s="55"/>
      <c r="T2261" s="55"/>
      <c r="U2261" s="55"/>
      <c r="V2261" s="55"/>
      <c r="W2261" s="55"/>
      <c r="X2261" s="55"/>
      <c r="Y2261" s="55"/>
      <c r="Z2261" s="55"/>
      <c r="AA2261" s="55"/>
      <c r="AB2261" s="55"/>
      <c r="AC2261" s="55"/>
      <c r="AD2261" s="55"/>
      <c r="AE2261" s="55"/>
      <c r="AF2261" s="55"/>
      <c r="AG2261" s="55"/>
      <c r="AY2261" s="162"/>
      <c r="AZ2261" s="162"/>
      <c r="BA2261" s="162"/>
      <c r="BB2261" s="162"/>
      <c r="BC2261" s="162"/>
      <c r="BD2261" s="162"/>
      <c r="BE2261" s="162"/>
      <c r="BF2261" s="162"/>
      <c r="BG2261" s="162"/>
      <c r="BH2261" s="162"/>
      <c r="BI2261" s="162"/>
      <c r="BJ2261" s="162"/>
      <c r="BK2261" s="162"/>
      <c r="BL2261" s="162"/>
      <c r="BM2261" s="162"/>
      <c r="BN2261" s="162"/>
      <c r="BO2261" s="162"/>
      <c r="BP2261" s="162"/>
      <c r="BQ2261" s="162"/>
      <c r="BR2261" s="162"/>
      <c r="BS2261" s="162"/>
      <c r="BT2261" s="162"/>
      <c r="BU2261" s="162"/>
      <c r="BV2261" s="162"/>
      <c r="BW2261" s="162"/>
      <c r="BX2261" s="162"/>
      <c r="BY2261" s="162"/>
      <c r="BZ2261" s="162"/>
      <c r="CA2261" s="162"/>
      <c r="CB2261" s="162"/>
      <c r="CC2261" s="162"/>
      <c r="CD2261" s="162"/>
      <c r="CE2261" s="162"/>
      <c r="CF2261" s="162"/>
      <c r="CG2261" s="162"/>
      <c r="CH2261" s="162"/>
      <c r="CI2261" s="162"/>
      <c r="CJ2261" s="162"/>
      <c r="CK2261" s="162"/>
      <c r="CL2261" s="163"/>
      <c r="CM2261" s="163"/>
      <c r="CN2261" s="163"/>
      <c r="CO2261" s="163"/>
      <c r="CP2261" s="163"/>
      <c r="CQ2261" s="163"/>
      <c r="CR2261" s="163"/>
      <c r="CS2261" s="163"/>
      <c r="CT2261" s="163"/>
      <c r="CU2261" s="163"/>
      <c r="CV2261" s="163"/>
      <c r="CW2261" s="163"/>
      <c r="CX2261" s="173"/>
      <c r="CY2261" s="163"/>
      <c r="CZ2261" s="163"/>
      <c r="DA2261" s="163"/>
      <c r="DB2261" s="163"/>
      <c r="DC2261" s="163"/>
      <c r="DD2261" s="163"/>
      <c r="DE2261" s="163"/>
      <c r="DF2261" s="163"/>
      <c r="DG2261" s="163"/>
      <c r="DH2261" s="163"/>
      <c r="DI2261" s="163"/>
      <c r="DJ2261" s="163"/>
      <c r="DK2261" s="163"/>
      <c r="DL2261" s="172"/>
      <c r="DM2261" s="163"/>
      <c r="DN2261" s="163"/>
      <c r="DO2261" s="163"/>
      <c r="DP2261" s="163"/>
      <c r="DQ2261" s="163"/>
      <c r="DR2261" s="163"/>
      <c r="DS2261" s="163"/>
      <c r="DT2261" s="163"/>
      <c r="DU2261" s="163"/>
      <c r="DV2261" s="163"/>
      <c r="DW2261" s="163"/>
      <c r="DX2261" s="173"/>
      <c r="DY2261" s="163"/>
      <c r="DZ2261" s="163"/>
      <c r="EA2261" s="163"/>
      <c r="EB2261" s="163"/>
      <c r="EC2261" s="163"/>
      <c r="ED2261" s="163"/>
      <c r="EE2261" s="163"/>
      <c r="EF2261" s="163"/>
      <c r="EG2261" s="163"/>
      <c r="EH2261" s="163"/>
      <c r="EI2261" s="163"/>
      <c r="EJ2261" s="163"/>
      <c r="EK2261" s="163"/>
      <c r="EL2261" s="172"/>
      <c r="EM2261" s="163"/>
      <c r="EN2261" s="163"/>
      <c r="EO2261" s="163"/>
      <c r="EP2261" s="163"/>
      <c r="EQ2261" s="163"/>
      <c r="ER2261" s="163"/>
      <c r="ES2261" s="163"/>
      <c r="ET2261" s="163"/>
      <c r="EU2261" s="163"/>
      <c r="EV2261" s="163"/>
      <c r="EW2261" s="163"/>
      <c r="EX2261" s="173"/>
      <c r="EY2261" s="172"/>
      <c r="EZ2261" s="163"/>
      <c r="FA2261" s="163"/>
      <c r="FB2261" s="163"/>
      <c r="FC2261" s="163"/>
      <c r="FD2261" s="163"/>
      <c r="FE2261" s="163"/>
      <c r="FF2261" s="163"/>
      <c r="FG2261" s="163"/>
      <c r="FH2261" s="163"/>
      <c r="FI2261" s="163"/>
      <c r="FJ2261" s="163"/>
      <c r="FK2261" s="163"/>
      <c r="FL2261" s="126"/>
      <c r="FM2261" s="91"/>
      <c r="FN2261" s="91"/>
      <c r="FO2261" s="91"/>
      <c r="FP2261" s="91"/>
      <c r="FQ2261" s="91"/>
      <c r="FR2261" s="91"/>
      <c r="FS2261" s="91"/>
      <c r="FT2261" s="91"/>
      <c r="FU2261" s="91"/>
      <c r="FV2261" s="91"/>
      <c r="FW2261" s="91"/>
      <c r="FX2261" s="91"/>
      <c r="FY2261" s="91"/>
      <c r="FZ2261" s="91"/>
      <c r="GA2261" s="91"/>
      <c r="GB2261" s="91"/>
      <c r="GC2261" s="91"/>
      <c r="GD2261" s="91"/>
      <c r="GE2261" s="91"/>
      <c r="GF2261" s="91"/>
      <c r="GG2261" s="91"/>
      <c r="GH2261" s="91"/>
      <c r="GI2261" s="91"/>
      <c r="GJ2261" s="91"/>
      <c r="GK2261" s="127"/>
      <c r="GL2261" s="126"/>
      <c r="GM2261" s="91"/>
      <c r="GN2261" s="91"/>
      <c r="GO2261" s="91"/>
      <c r="GP2261" s="91"/>
      <c r="GQ2261" s="91"/>
      <c r="GR2261" s="91"/>
      <c r="GS2261" s="91"/>
      <c r="GT2261" s="91"/>
      <c r="GU2261" s="91"/>
      <c r="GV2261" s="91"/>
      <c r="GW2261" s="91"/>
      <c r="GX2261" s="91"/>
      <c r="GY2261" s="91"/>
      <c r="GZ2261" s="91"/>
      <c r="HA2261" s="91"/>
      <c r="HB2261" s="91"/>
      <c r="HC2261" s="91"/>
      <c r="HD2261" s="91"/>
      <c r="HE2261" s="91"/>
      <c r="HF2261" s="91"/>
      <c r="HG2261" s="91"/>
      <c r="HH2261" s="91"/>
      <c r="HI2261" s="91"/>
      <c r="HJ2261" s="91"/>
      <c r="HK2261" s="127"/>
      <c r="HL2261" s="126"/>
      <c r="HM2261" s="91"/>
      <c r="HN2261" s="91"/>
      <c r="HO2261" s="91"/>
      <c r="HP2261" s="91"/>
      <c r="HQ2261" s="91"/>
      <c r="HR2261" s="91"/>
      <c r="HS2261" s="91"/>
      <c r="HT2261" s="91"/>
      <c r="HU2261" s="91"/>
      <c r="HV2261" s="91"/>
      <c r="HW2261" s="91"/>
      <c r="HX2261" s="91"/>
      <c r="HY2261" s="91"/>
      <c r="HZ2261" s="91"/>
      <c r="IA2261" s="91"/>
      <c r="IB2261" s="91"/>
      <c r="IC2261" s="91"/>
      <c r="ID2261" s="91"/>
      <c r="IE2261" s="91"/>
      <c r="IF2261" s="91"/>
      <c r="IG2261" s="91"/>
      <c r="IH2261" s="91"/>
      <c r="II2261" s="91"/>
      <c r="IJ2261" s="91"/>
      <c r="IK2261" s="127"/>
    </row>
    <row r="2262" spans="2:245" x14ac:dyDescent="0.2">
      <c r="B2262" s="43"/>
      <c r="C2262" s="73"/>
      <c r="D2262" s="64"/>
      <c r="E2262" s="64"/>
      <c r="F2262" s="55"/>
      <c r="G2262" s="102"/>
      <c r="H2262" s="55"/>
      <c r="I2262" s="55"/>
      <c r="J2262" s="55"/>
      <c r="K2262" s="55"/>
      <c r="L2262" s="55"/>
      <c r="M2262" s="55"/>
      <c r="N2262" s="55"/>
      <c r="O2262" s="55"/>
      <c r="P2262" s="55"/>
      <c r="Q2262" s="55"/>
      <c r="R2262" s="55"/>
      <c r="S2262" s="55"/>
      <c r="T2262" s="55"/>
      <c r="U2262" s="55"/>
      <c r="V2262" s="55"/>
      <c r="W2262" s="55"/>
      <c r="X2262" s="55"/>
      <c r="Y2262" s="55"/>
      <c r="Z2262" s="55"/>
      <c r="AA2262" s="55"/>
      <c r="AB2262" s="55"/>
      <c r="AC2262" s="55"/>
      <c r="AD2262" s="55"/>
      <c r="AE2262" s="55"/>
      <c r="AF2262" s="55"/>
      <c r="AG2262" s="55"/>
      <c r="AY2262" s="162"/>
      <c r="AZ2262" s="162"/>
      <c r="BA2262" s="162"/>
      <c r="BB2262" s="162"/>
      <c r="BC2262" s="162"/>
      <c r="BD2262" s="162"/>
      <c r="BE2262" s="162"/>
      <c r="BF2262" s="162"/>
      <c r="BG2262" s="162"/>
      <c r="BH2262" s="162"/>
      <c r="BI2262" s="162"/>
      <c r="BJ2262" s="162"/>
      <c r="BK2262" s="162"/>
      <c r="BL2262" s="162"/>
      <c r="BM2262" s="162"/>
      <c r="BN2262" s="162"/>
      <c r="BO2262" s="162"/>
      <c r="BP2262" s="162"/>
      <c r="BQ2262" s="162"/>
      <c r="BR2262" s="162"/>
      <c r="BS2262" s="162"/>
      <c r="BT2262" s="162"/>
      <c r="BU2262" s="162"/>
      <c r="BV2262" s="162"/>
      <c r="BW2262" s="162"/>
      <c r="BX2262" s="162"/>
      <c r="BY2262" s="162"/>
      <c r="BZ2262" s="162"/>
      <c r="CA2262" s="162"/>
      <c r="CB2262" s="162"/>
      <c r="CC2262" s="162"/>
      <c r="CD2262" s="162"/>
      <c r="CE2262" s="162"/>
      <c r="CF2262" s="162"/>
      <c r="CG2262" s="162"/>
      <c r="CH2262" s="162"/>
      <c r="CI2262" s="162"/>
      <c r="CJ2262" s="162"/>
      <c r="CK2262" s="162"/>
      <c r="CX2262" s="98"/>
      <c r="DL2262" s="97"/>
      <c r="DX2262" s="98"/>
      <c r="EL2262" s="97"/>
      <c r="EX2262" s="98"/>
      <c r="EY2262" s="97"/>
      <c r="FL2262" s="126"/>
      <c r="FM2262" s="91"/>
      <c r="FN2262" s="91"/>
      <c r="FO2262" s="91"/>
      <c r="FP2262" s="91"/>
      <c r="FQ2262" s="91"/>
      <c r="FR2262" s="91"/>
      <c r="FS2262" s="91"/>
      <c r="FT2262" s="91"/>
      <c r="FU2262" s="91"/>
      <c r="FV2262" s="91"/>
      <c r="FW2262" s="91"/>
      <c r="FX2262" s="91"/>
      <c r="FY2262" s="91"/>
      <c r="FZ2262" s="91"/>
      <c r="GA2262" s="91"/>
      <c r="GB2262" s="91"/>
      <c r="GC2262" s="91"/>
      <c r="GD2262" s="91"/>
      <c r="GE2262" s="91"/>
      <c r="GF2262" s="91"/>
      <c r="GG2262" s="91"/>
      <c r="GH2262" s="91"/>
      <c r="GI2262" s="91"/>
      <c r="GJ2262" s="91"/>
      <c r="GK2262" s="127"/>
      <c r="GL2262" s="126"/>
      <c r="GM2262" s="91"/>
      <c r="GN2262" s="91"/>
      <c r="GO2262" s="91"/>
      <c r="GP2262" s="91"/>
      <c r="GQ2262" s="91"/>
      <c r="GR2262" s="91"/>
      <c r="GS2262" s="91"/>
      <c r="GT2262" s="91"/>
      <c r="GU2262" s="91"/>
      <c r="GV2262" s="91"/>
      <c r="GW2262" s="91"/>
      <c r="GX2262" s="91"/>
      <c r="GY2262" s="91"/>
      <c r="GZ2262" s="91"/>
      <c r="HA2262" s="91"/>
      <c r="HB2262" s="91"/>
      <c r="HC2262" s="91"/>
      <c r="HD2262" s="91"/>
      <c r="HE2262" s="91"/>
      <c r="HF2262" s="91"/>
      <c r="HG2262" s="91"/>
      <c r="HH2262" s="91"/>
      <c r="HI2262" s="91"/>
      <c r="HJ2262" s="91"/>
      <c r="HK2262" s="127"/>
      <c r="HL2262" s="126"/>
      <c r="HM2262" s="91"/>
      <c r="HN2262" s="91"/>
      <c r="HO2262" s="91"/>
      <c r="HP2262" s="91"/>
      <c r="HQ2262" s="91"/>
      <c r="HR2262" s="91"/>
      <c r="HS2262" s="91"/>
      <c r="HT2262" s="91"/>
      <c r="HU2262" s="91"/>
      <c r="HV2262" s="91"/>
      <c r="HW2262" s="91"/>
      <c r="HX2262" s="91"/>
      <c r="HY2262" s="91"/>
      <c r="HZ2262" s="91"/>
      <c r="IA2262" s="91"/>
      <c r="IB2262" s="91"/>
      <c r="IC2262" s="91"/>
      <c r="ID2262" s="91"/>
      <c r="IE2262" s="91"/>
      <c r="IF2262" s="91"/>
      <c r="IG2262" s="91"/>
      <c r="IH2262" s="91"/>
      <c r="II2262" s="91"/>
      <c r="IJ2262" s="91"/>
      <c r="IK2262" s="127"/>
    </row>
    <row r="2263" spans="2:245" ht="13.5" thickBot="1" x14ac:dyDescent="0.25">
      <c r="B2263" s="43"/>
      <c r="C2263" s="73"/>
      <c r="D2263" s="64"/>
      <c r="E2263" s="64"/>
      <c r="F2263" s="55"/>
      <c r="G2263" s="102"/>
      <c r="H2263" s="55"/>
      <c r="I2263" s="55"/>
      <c r="J2263" s="55"/>
      <c r="K2263" s="55"/>
      <c r="L2263" s="55"/>
      <c r="M2263" s="55"/>
      <c r="N2263" s="55"/>
      <c r="O2263" s="55"/>
      <c r="P2263" s="55"/>
      <c r="Q2263" s="55"/>
      <c r="R2263" s="55"/>
      <c r="S2263" s="55"/>
      <c r="T2263" s="55"/>
      <c r="U2263" s="55"/>
      <c r="V2263" s="55"/>
      <c r="W2263" s="55"/>
      <c r="X2263" s="55"/>
      <c r="Y2263" s="55"/>
      <c r="Z2263" s="55"/>
      <c r="AA2263" s="55"/>
      <c r="AB2263" s="55"/>
      <c r="AC2263" s="55"/>
      <c r="AD2263" s="55"/>
      <c r="AE2263" s="55"/>
      <c r="AF2263" s="55"/>
      <c r="AG2263" s="55"/>
      <c r="AY2263" s="162"/>
      <c r="AZ2263" s="162"/>
      <c r="BA2263" s="162"/>
      <c r="BB2263" s="162"/>
      <c r="BC2263" s="162"/>
      <c r="BD2263" s="162"/>
      <c r="BE2263" s="162"/>
      <c r="BF2263" s="162"/>
      <c r="BG2263" s="162"/>
      <c r="BH2263" s="162"/>
      <c r="BI2263" s="162"/>
      <c r="BJ2263" s="162"/>
      <c r="BK2263" s="162"/>
      <c r="BL2263" s="162"/>
      <c r="BM2263" s="162"/>
      <c r="BN2263" s="162"/>
      <c r="BO2263" s="162"/>
      <c r="BP2263" s="162"/>
      <c r="BQ2263" s="162"/>
      <c r="BR2263" s="162"/>
      <c r="BS2263" s="162"/>
      <c r="BT2263" s="162"/>
      <c r="BU2263" s="162"/>
      <c r="BV2263" s="162"/>
      <c r="BW2263" s="162"/>
      <c r="BX2263" s="162"/>
      <c r="BY2263" s="162"/>
      <c r="BZ2263" s="162"/>
      <c r="CA2263" s="162"/>
      <c r="CB2263" s="162"/>
      <c r="CC2263" s="162"/>
      <c r="CD2263" s="162"/>
      <c r="CE2263" s="162"/>
      <c r="CF2263" s="162"/>
      <c r="CG2263" s="162"/>
      <c r="CH2263" s="162"/>
      <c r="CI2263" s="162"/>
      <c r="CJ2263" s="162"/>
      <c r="CK2263" s="162"/>
      <c r="CL2263" s="166"/>
      <c r="CM2263" s="166"/>
      <c r="CN2263" s="166"/>
      <c r="CO2263" s="166"/>
      <c r="CP2263" s="166"/>
      <c r="CQ2263" s="166"/>
      <c r="CR2263" s="166"/>
      <c r="CS2263" s="166"/>
      <c r="CT2263" s="166"/>
      <c r="CU2263" s="166"/>
      <c r="CV2263" s="166"/>
      <c r="CW2263" s="166"/>
      <c r="CX2263" s="176"/>
      <c r="CY2263" s="166"/>
      <c r="CZ2263" s="166"/>
      <c r="DA2263" s="166"/>
      <c r="DB2263" s="166"/>
      <c r="DC2263" s="166"/>
      <c r="DD2263" s="166"/>
      <c r="DE2263" s="166"/>
      <c r="DF2263" s="166"/>
      <c r="DG2263" s="166"/>
      <c r="DH2263" s="166"/>
      <c r="DI2263" s="166"/>
      <c r="DJ2263" s="166"/>
      <c r="DK2263" s="166"/>
      <c r="DL2263" s="175"/>
      <c r="DM2263" s="166"/>
      <c r="DN2263" s="166"/>
      <c r="DO2263" s="166"/>
      <c r="DP2263" s="166"/>
      <c r="DQ2263" s="166"/>
      <c r="DR2263" s="166"/>
      <c r="DS2263" s="166"/>
      <c r="DT2263" s="166"/>
      <c r="DU2263" s="166"/>
      <c r="DV2263" s="166"/>
      <c r="DW2263" s="166"/>
      <c r="DX2263" s="176"/>
      <c r="DY2263" s="166"/>
      <c r="DZ2263" s="166"/>
      <c r="EA2263" s="166"/>
      <c r="EB2263" s="166"/>
      <c r="EC2263" s="166"/>
      <c r="ED2263" s="166"/>
      <c r="EE2263" s="166"/>
      <c r="EF2263" s="166"/>
      <c r="EG2263" s="166"/>
      <c r="EH2263" s="166"/>
      <c r="EI2263" s="166"/>
      <c r="EJ2263" s="166"/>
      <c r="EK2263" s="166"/>
      <c r="EL2263" s="175"/>
      <c r="EM2263" s="166"/>
      <c r="EN2263" s="166"/>
      <c r="EO2263" s="166"/>
      <c r="EP2263" s="166"/>
      <c r="EQ2263" s="166"/>
      <c r="ER2263" s="166"/>
      <c r="ES2263" s="166"/>
      <c r="ET2263" s="166"/>
      <c r="EU2263" s="166"/>
      <c r="EV2263" s="166"/>
      <c r="EW2263" s="166"/>
      <c r="EX2263" s="176"/>
      <c r="EY2263" s="175"/>
      <c r="EZ2263" s="166"/>
      <c r="FA2263" s="166"/>
      <c r="FB2263" s="166"/>
      <c r="FC2263" s="166"/>
      <c r="FD2263" s="166"/>
      <c r="FE2263" s="166"/>
      <c r="FF2263" s="166"/>
      <c r="FG2263" s="166"/>
      <c r="FH2263" s="166"/>
      <c r="FI2263" s="166"/>
      <c r="FJ2263" s="166"/>
      <c r="FK2263" s="166"/>
      <c r="FL2263" s="126"/>
      <c r="FM2263" s="91"/>
      <c r="FN2263" s="91"/>
      <c r="FO2263" s="91"/>
      <c r="FP2263" s="91"/>
      <c r="FQ2263" s="91"/>
      <c r="FR2263" s="91"/>
      <c r="FS2263" s="91"/>
      <c r="FT2263" s="91"/>
      <c r="FU2263" s="91"/>
      <c r="FV2263" s="91"/>
      <c r="FW2263" s="91"/>
      <c r="FX2263" s="91"/>
      <c r="FY2263" s="91"/>
      <c r="FZ2263" s="91"/>
      <c r="GA2263" s="91"/>
      <c r="GB2263" s="91"/>
      <c r="GC2263" s="91"/>
      <c r="GD2263" s="91"/>
      <c r="GE2263" s="91"/>
      <c r="GF2263" s="91"/>
      <c r="GG2263" s="91"/>
      <c r="GH2263" s="91"/>
      <c r="GI2263" s="91"/>
      <c r="GJ2263" s="91"/>
      <c r="GK2263" s="127"/>
      <c r="GL2263" s="126"/>
      <c r="GM2263" s="91"/>
      <c r="GN2263" s="91"/>
      <c r="GO2263" s="91"/>
      <c r="GP2263" s="91"/>
      <c r="GQ2263" s="91"/>
      <c r="GR2263" s="91"/>
      <c r="GS2263" s="91"/>
      <c r="GT2263" s="91"/>
      <c r="GU2263" s="91"/>
      <c r="GV2263" s="91"/>
      <c r="GW2263" s="91"/>
      <c r="GX2263" s="91"/>
      <c r="GY2263" s="91"/>
      <c r="GZ2263" s="91"/>
      <c r="HA2263" s="91"/>
      <c r="HB2263" s="91"/>
      <c r="HC2263" s="91"/>
      <c r="HD2263" s="91"/>
      <c r="HE2263" s="91"/>
      <c r="HF2263" s="91"/>
      <c r="HG2263" s="91"/>
      <c r="HH2263" s="91"/>
      <c r="HI2263" s="91"/>
      <c r="HJ2263" s="91"/>
      <c r="HK2263" s="127"/>
      <c r="HL2263" s="126"/>
      <c r="HM2263" s="91"/>
      <c r="HN2263" s="91"/>
      <c r="HO2263" s="91"/>
      <c r="HP2263" s="91"/>
      <c r="HQ2263" s="91"/>
      <c r="HR2263" s="91"/>
      <c r="HS2263" s="91"/>
      <c r="HT2263" s="91"/>
      <c r="HU2263" s="91"/>
      <c r="HV2263" s="91"/>
      <c r="HW2263" s="91"/>
      <c r="HX2263" s="91"/>
      <c r="HY2263" s="91"/>
      <c r="HZ2263" s="91"/>
      <c r="IA2263" s="91"/>
      <c r="IB2263" s="91"/>
      <c r="IC2263" s="91"/>
      <c r="ID2263" s="91"/>
      <c r="IE2263" s="91"/>
      <c r="IF2263" s="91"/>
      <c r="IG2263" s="91"/>
      <c r="IH2263" s="91"/>
      <c r="II2263" s="91"/>
      <c r="IJ2263" s="91"/>
      <c r="IK2263" s="127"/>
    </row>
    <row r="2264" spans="2:245" ht="13.5" thickBot="1" x14ac:dyDescent="0.25">
      <c r="B2264" s="43"/>
      <c r="C2264" s="73"/>
      <c r="D2264" s="64"/>
      <c r="E2264" s="64"/>
      <c r="F2264" s="55"/>
      <c r="G2264" s="102"/>
      <c r="H2264" s="55"/>
      <c r="I2264" s="55"/>
      <c r="J2264" s="55"/>
      <c r="K2264" s="55"/>
      <c r="L2264" s="55"/>
      <c r="M2264" s="55"/>
      <c r="N2264" s="55"/>
      <c r="O2264" s="55"/>
      <c r="P2264" s="55"/>
      <c r="Q2264" s="55"/>
      <c r="R2264" s="55"/>
      <c r="S2264" s="55"/>
      <c r="T2264" s="55"/>
      <c r="U2264" s="55"/>
      <c r="V2264" s="55"/>
      <c r="W2264" s="55"/>
      <c r="X2264" s="55"/>
      <c r="Y2264" s="55"/>
      <c r="Z2264" s="55"/>
      <c r="AA2264" s="55"/>
      <c r="AB2264" s="55"/>
      <c r="AC2264" s="55"/>
      <c r="AD2264" s="55"/>
      <c r="AE2264" s="55"/>
      <c r="AF2264" s="55"/>
      <c r="AG2264" s="55"/>
      <c r="AY2264" s="162"/>
      <c r="AZ2264" s="162"/>
      <c r="BA2264" s="162"/>
      <c r="BB2264" s="162"/>
      <c r="BC2264" s="162"/>
      <c r="BD2264" s="162"/>
      <c r="BE2264" s="162"/>
      <c r="BF2264" s="162"/>
      <c r="BG2264" s="162"/>
      <c r="BH2264" s="162"/>
      <c r="BI2264" s="162"/>
      <c r="BJ2264" s="162"/>
      <c r="BK2264" s="162"/>
      <c r="BL2264" s="162"/>
      <c r="BM2264" s="162"/>
      <c r="BN2264" s="162"/>
      <c r="BO2264" s="162"/>
      <c r="BP2264" s="162"/>
      <c r="BQ2264" s="162"/>
      <c r="BR2264" s="162"/>
      <c r="BS2264" s="162"/>
      <c r="BT2264" s="162"/>
      <c r="BU2264" s="162"/>
      <c r="BV2264" s="162"/>
      <c r="BW2264" s="162"/>
      <c r="BX2264" s="162"/>
      <c r="BY2264" s="162"/>
      <c r="BZ2264" s="162"/>
      <c r="CA2264" s="162"/>
      <c r="CB2264" s="162"/>
      <c r="CC2264" s="162"/>
      <c r="CD2264" s="162"/>
      <c r="CE2264" s="162"/>
      <c r="CF2264" s="162"/>
      <c r="CG2264" s="162"/>
      <c r="CH2264" s="162"/>
      <c r="CI2264" s="162"/>
      <c r="CJ2264" s="162"/>
      <c r="CK2264" s="162"/>
      <c r="CX2264" s="98"/>
      <c r="DL2264" s="97"/>
      <c r="DX2264" s="98"/>
      <c r="EL2264" s="97"/>
      <c r="EX2264" s="98"/>
      <c r="EY2264" s="97"/>
      <c r="FL2264" s="126"/>
      <c r="FM2264" s="91"/>
      <c r="FN2264" s="91"/>
      <c r="FO2264" s="91"/>
      <c r="FP2264" s="91"/>
      <c r="FQ2264" s="91"/>
      <c r="FR2264" s="91"/>
      <c r="FS2264" s="91"/>
      <c r="FT2264" s="91"/>
      <c r="FU2264" s="91"/>
      <c r="FV2264" s="91"/>
      <c r="FW2264" s="91"/>
      <c r="FX2264" s="91"/>
      <c r="FY2264" s="91"/>
      <c r="FZ2264" s="91"/>
      <c r="GA2264" s="91"/>
      <c r="GB2264" s="91"/>
      <c r="GC2264" s="91"/>
      <c r="GD2264" s="91"/>
      <c r="GE2264" s="91"/>
      <c r="GF2264" s="91"/>
      <c r="GG2264" s="91"/>
      <c r="GH2264" s="91"/>
      <c r="GI2264" s="91"/>
      <c r="GJ2264" s="91"/>
      <c r="GK2264" s="127"/>
      <c r="GL2264" s="126"/>
      <c r="GM2264" s="91"/>
      <c r="GN2264" s="91"/>
      <c r="GO2264" s="91"/>
      <c r="GP2264" s="91"/>
      <c r="GQ2264" s="91"/>
      <c r="GR2264" s="91"/>
      <c r="GS2264" s="91"/>
      <c r="GT2264" s="91"/>
      <c r="GU2264" s="91"/>
      <c r="GV2264" s="91"/>
      <c r="GW2264" s="91"/>
      <c r="GX2264" s="91"/>
      <c r="GY2264" s="91"/>
      <c r="GZ2264" s="91"/>
      <c r="HA2264" s="91"/>
      <c r="HB2264" s="91"/>
      <c r="HC2264" s="91"/>
      <c r="HD2264" s="91"/>
      <c r="HE2264" s="91"/>
      <c r="HF2264" s="91"/>
      <c r="HG2264" s="91"/>
      <c r="HH2264" s="91"/>
      <c r="HI2264" s="91"/>
      <c r="HJ2264" s="91"/>
      <c r="HK2264" s="127"/>
      <c r="HL2264" s="126"/>
      <c r="HM2264" s="91"/>
      <c r="HN2264" s="91"/>
      <c r="HO2264" s="91"/>
      <c r="HP2264" s="91"/>
      <c r="HQ2264" s="91"/>
      <c r="HR2264" s="91"/>
      <c r="HS2264" s="91"/>
      <c r="HT2264" s="91"/>
      <c r="HU2264" s="91"/>
      <c r="HV2264" s="91"/>
      <c r="HW2264" s="91"/>
      <c r="HX2264" s="91"/>
      <c r="HY2264" s="91"/>
      <c r="HZ2264" s="91"/>
      <c r="IA2264" s="91"/>
      <c r="IB2264" s="91"/>
      <c r="IC2264" s="91"/>
      <c r="ID2264" s="91"/>
      <c r="IE2264" s="91"/>
      <c r="IF2264" s="91"/>
      <c r="IG2264" s="91"/>
      <c r="IH2264" s="91"/>
      <c r="II2264" s="91"/>
      <c r="IJ2264" s="91"/>
      <c r="IK2264" s="127"/>
    </row>
    <row r="2265" spans="2:245" x14ac:dyDescent="0.2">
      <c r="B2265" s="43"/>
      <c r="C2265" s="73"/>
      <c r="D2265" s="64"/>
      <c r="E2265" s="64"/>
      <c r="F2265" s="55"/>
      <c r="G2265" s="102"/>
      <c r="H2265" s="55"/>
      <c r="I2265" s="55"/>
      <c r="J2265" s="55"/>
      <c r="K2265" s="55"/>
      <c r="L2265" s="55"/>
      <c r="M2265" s="55"/>
      <c r="N2265" s="55"/>
      <c r="O2265" s="55"/>
      <c r="P2265" s="55"/>
      <c r="Q2265" s="55"/>
      <c r="R2265" s="55"/>
      <c r="S2265" s="55"/>
      <c r="T2265" s="55"/>
      <c r="U2265" s="55"/>
      <c r="V2265" s="55"/>
      <c r="W2265" s="55"/>
      <c r="X2265" s="55"/>
      <c r="Y2265" s="55"/>
      <c r="Z2265" s="55"/>
      <c r="AA2265" s="55"/>
      <c r="AB2265" s="55"/>
      <c r="AC2265" s="55"/>
      <c r="AD2265" s="55"/>
      <c r="AE2265" s="55"/>
      <c r="AF2265" s="55"/>
      <c r="AG2265" s="55"/>
      <c r="AY2265" s="162"/>
      <c r="AZ2265" s="162"/>
      <c r="BA2265" s="162"/>
      <c r="BB2265" s="162"/>
      <c r="BC2265" s="162"/>
      <c r="BD2265" s="162"/>
      <c r="BE2265" s="162"/>
      <c r="BF2265" s="162"/>
      <c r="BG2265" s="162"/>
      <c r="BH2265" s="162"/>
      <c r="BI2265" s="162"/>
      <c r="BJ2265" s="162"/>
      <c r="BK2265" s="162"/>
      <c r="BL2265" s="162"/>
      <c r="BM2265" s="162"/>
      <c r="BN2265" s="162"/>
      <c r="BO2265" s="162"/>
      <c r="BP2265" s="162"/>
      <c r="BQ2265" s="162"/>
      <c r="BR2265" s="162"/>
      <c r="BS2265" s="162"/>
      <c r="BT2265" s="162"/>
      <c r="BU2265" s="162"/>
      <c r="BV2265" s="162"/>
      <c r="BW2265" s="162"/>
      <c r="BX2265" s="162"/>
      <c r="BY2265" s="162"/>
      <c r="BZ2265" s="162"/>
      <c r="CA2265" s="162"/>
      <c r="CB2265" s="162"/>
      <c r="CC2265" s="162"/>
      <c r="CD2265" s="162"/>
      <c r="CE2265" s="162"/>
      <c r="CF2265" s="162"/>
      <c r="CG2265" s="162"/>
      <c r="CH2265" s="162"/>
      <c r="CI2265" s="162"/>
      <c r="CJ2265" s="162"/>
      <c r="CK2265" s="162"/>
      <c r="CL2265" s="163"/>
      <c r="CM2265" s="163"/>
      <c r="CN2265" s="163"/>
      <c r="CO2265" s="163"/>
      <c r="CP2265" s="163"/>
      <c r="CQ2265" s="163"/>
      <c r="CR2265" s="163"/>
      <c r="CS2265" s="163"/>
      <c r="CT2265" s="163"/>
      <c r="CU2265" s="163"/>
      <c r="CV2265" s="163"/>
      <c r="CW2265" s="163"/>
      <c r="CX2265" s="173"/>
      <c r="CY2265" s="163"/>
      <c r="CZ2265" s="163"/>
      <c r="DA2265" s="163"/>
      <c r="DB2265" s="163"/>
      <c r="DC2265" s="163"/>
      <c r="DD2265" s="163"/>
      <c r="DE2265" s="163"/>
      <c r="DF2265" s="163"/>
      <c r="DG2265" s="163"/>
      <c r="DH2265" s="163"/>
      <c r="DI2265" s="163"/>
      <c r="DJ2265" s="163"/>
      <c r="DK2265" s="163"/>
      <c r="DL2265" s="172"/>
      <c r="DM2265" s="163"/>
      <c r="DN2265" s="163"/>
      <c r="DO2265" s="163"/>
      <c r="DP2265" s="163"/>
      <c r="DQ2265" s="163"/>
      <c r="DR2265" s="163"/>
      <c r="DS2265" s="163"/>
      <c r="DT2265" s="163"/>
      <c r="DU2265" s="163"/>
      <c r="DV2265" s="163"/>
      <c r="DW2265" s="163"/>
      <c r="DX2265" s="173"/>
      <c r="DY2265" s="163"/>
      <c r="DZ2265" s="163"/>
      <c r="EA2265" s="163"/>
      <c r="EB2265" s="163"/>
      <c r="EC2265" s="163"/>
      <c r="ED2265" s="163"/>
      <c r="EE2265" s="163"/>
      <c r="EF2265" s="163"/>
      <c r="EG2265" s="163"/>
      <c r="EH2265" s="163"/>
      <c r="EI2265" s="163"/>
      <c r="EJ2265" s="163"/>
      <c r="EK2265" s="163"/>
      <c r="EL2265" s="172"/>
      <c r="EM2265" s="163"/>
      <c r="EN2265" s="163"/>
      <c r="EO2265" s="163"/>
      <c r="EP2265" s="163"/>
      <c r="EQ2265" s="163"/>
      <c r="ER2265" s="163"/>
      <c r="ES2265" s="163"/>
      <c r="ET2265" s="163"/>
      <c r="EU2265" s="163"/>
      <c r="EV2265" s="163"/>
      <c r="EW2265" s="163"/>
      <c r="EX2265" s="173"/>
      <c r="EY2265" s="172"/>
      <c r="EZ2265" s="163"/>
      <c r="FA2265" s="163"/>
      <c r="FB2265" s="163"/>
      <c r="FC2265" s="163"/>
      <c r="FD2265" s="163"/>
      <c r="FE2265" s="163"/>
      <c r="FF2265" s="163"/>
      <c r="FG2265" s="163"/>
      <c r="FH2265" s="163"/>
      <c r="FI2265" s="163"/>
      <c r="FJ2265" s="163"/>
      <c r="FK2265" s="163"/>
      <c r="FL2265" s="126"/>
      <c r="FM2265" s="91"/>
      <c r="FN2265" s="91"/>
      <c r="FO2265" s="91"/>
      <c r="FP2265" s="91"/>
      <c r="FQ2265" s="91"/>
      <c r="FR2265" s="91"/>
      <c r="FS2265" s="91"/>
      <c r="FT2265" s="91"/>
      <c r="FU2265" s="91"/>
      <c r="FV2265" s="91"/>
      <c r="FW2265" s="91"/>
      <c r="FX2265" s="91"/>
      <c r="FY2265" s="91"/>
      <c r="FZ2265" s="91"/>
      <c r="GA2265" s="91"/>
      <c r="GB2265" s="91"/>
      <c r="GC2265" s="91"/>
      <c r="GD2265" s="91"/>
      <c r="GE2265" s="91"/>
      <c r="GF2265" s="91"/>
      <c r="GG2265" s="91"/>
      <c r="GH2265" s="91"/>
      <c r="GI2265" s="91"/>
      <c r="GJ2265" s="91"/>
      <c r="GK2265" s="127"/>
      <c r="GL2265" s="126"/>
      <c r="GM2265" s="91"/>
      <c r="GN2265" s="91"/>
      <c r="GO2265" s="91"/>
      <c r="GP2265" s="91"/>
      <c r="GQ2265" s="91"/>
      <c r="GR2265" s="91"/>
      <c r="GS2265" s="91"/>
      <c r="GT2265" s="91"/>
      <c r="GU2265" s="91"/>
      <c r="GV2265" s="91"/>
      <c r="GW2265" s="91"/>
      <c r="GX2265" s="91"/>
      <c r="GY2265" s="91"/>
      <c r="GZ2265" s="91"/>
      <c r="HA2265" s="91"/>
      <c r="HB2265" s="91"/>
      <c r="HC2265" s="91"/>
      <c r="HD2265" s="91"/>
      <c r="HE2265" s="91"/>
      <c r="HF2265" s="91"/>
      <c r="HG2265" s="91"/>
      <c r="HH2265" s="91"/>
      <c r="HI2265" s="91"/>
      <c r="HJ2265" s="91"/>
      <c r="HK2265" s="127"/>
      <c r="HL2265" s="126"/>
      <c r="HM2265" s="91"/>
      <c r="HN2265" s="91"/>
      <c r="HO2265" s="91"/>
      <c r="HP2265" s="91"/>
      <c r="HQ2265" s="91"/>
      <c r="HR2265" s="91"/>
      <c r="HS2265" s="91"/>
      <c r="HT2265" s="91"/>
      <c r="HU2265" s="91"/>
      <c r="HV2265" s="91"/>
      <c r="HW2265" s="91"/>
      <c r="HX2265" s="91"/>
      <c r="HY2265" s="91"/>
      <c r="HZ2265" s="91"/>
      <c r="IA2265" s="91"/>
      <c r="IB2265" s="91"/>
      <c r="IC2265" s="91"/>
      <c r="ID2265" s="91"/>
      <c r="IE2265" s="91"/>
      <c r="IF2265" s="91"/>
      <c r="IG2265" s="91"/>
      <c r="IH2265" s="91"/>
      <c r="II2265" s="91"/>
      <c r="IJ2265" s="91"/>
      <c r="IK2265" s="127"/>
    </row>
    <row r="2266" spans="2:245" x14ac:dyDescent="0.2">
      <c r="B2266" s="43"/>
      <c r="C2266" s="73"/>
      <c r="D2266" s="64"/>
      <c r="E2266" s="64"/>
      <c r="F2266" s="55"/>
      <c r="G2266" s="102"/>
      <c r="H2266" s="55"/>
      <c r="I2266" s="55"/>
      <c r="J2266" s="55"/>
      <c r="K2266" s="55"/>
      <c r="L2266" s="55"/>
      <c r="M2266" s="55"/>
      <c r="N2266" s="55"/>
      <c r="O2266" s="55"/>
      <c r="P2266" s="55"/>
      <c r="Q2266" s="55"/>
      <c r="R2266" s="55"/>
      <c r="S2266" s="55"/>
      <c r="T2266" s="55"/>
      <c r="U2266" s="55"/>
      <c r="V2266" s="55"/>
      <c r="W2266" s="55"/>
      <c r="X2266" s="55"/>
      <c r="Y2266" s="55"/>
      <c r="Z2266" s="55"/>
      <c r="AA2266" s="55"/>
      <c r="AB2266" s="55"/>
      <c r="AC2266" s="55"/>
      <c r="AD2266" s="55"/>
      <c r="AE2266" s="55"/>
      <c r="AF2266" s="55"/>
      <c r="AG2266" s="55"/>
      <c r="AY2266" s="162"/>
      <c r="AZ2266" s="162"/>
      <c r="BA2266" s="162"/>
      <c r="BB2266" s="162"/>
      <c r="BC2266" s="162"/>
      <c r="BD2266" s="162"/>
      <c r="BE2266" s="162"/>
      <c r="BF2266" s="162"/>
      <c r="BG2266" s="162"/>
      <c r="BH2266" s="162"/>
      <c r="BI2266" s="162"/>
      <c r="BJ2266" s="162"/>
      <c r="BK2266" s="162"/>
      <c r="BL2266" s="162"/>
      <c r="BM2266" s="162"/>
      <c r="BN2266" s="162"/>
      <c r="BO2266" s="162"/>
      <c r="BP2266" s="162"/>
      <c r="BQ2266" s="162"/>
      <c r="BR2266" s="162"/>
      <c r="BS2266" s="162"/>
      <c r="BT2266" s="162"/>
      <c r="BU2266" s="162"/>
      <c r="BV2266" s="162"/>
      <c r="BW2266" s="162"/>
      <c r="BX2266" s="162"/>
      <c r="BY2266" s="162"/>
      <c r="BZ2266" s="162"/>
      <c r="CA2266" s="162"/>
      <c r="CB2266" s="162"/>
      <c r="CC2266" s="162"/>
      <c r="CD2266" s="162"/>
      <c r="CE2266" s="162"/>
      <c r="CF2266" s="162"/>
      <c r="CG2266" s="162"/>
      <c r="CH2266" s="162"/>
      <c r="CI2266" s="162"/>
      <c r="CJ2266" s="162"/>
      <c r="CK2266" s="162"/>
      <c r="CX2266" s="98"/>
      <c r="DL2266" s="97"/>
      <c r="DX2266" s="98"/>
      <c r="EL2266" s="97"/>
      <c r="EX2266" s="98"/>
      <c r="EY2266" s="97"/>
      <c r="FL2266" s="126"/>
      <c r="FM2266" s="91"/>
      <c r="FN2266" s="91"/>
      <c r="FO2266" s="91"/>
      <c r="FP2266" s="91"/>
      <c r="FQ2266" s="91"/>
      <c r="FR2266" s="91"/>
      <c r="FS2266" s="91"/>
      <c r="FT2266" s="91"/>
      <c r="FU2266" s="91"/>
      <c r="FV2266" s="91"/>
      <c r="FW2266" s="91"/>
      <c r="FX2266" s="91"/>
      <c r="FY2266" s="91"/>
      <c r="FZ2266" s="91"/>
      <c r="GA2266" s="91"/>
      <c r="GB2266" s="91"/>
      <c r="GC2266" s="91"/>
      <c r="GD2266" s="91"/>
      <c r="GE2266" s="91"/>
      <c r="GF2266" s="91"/>
      <c r="GG2266" s="91"/>
      <c r="GH2266" s="91"/>
      <c r="GI2266" s="91"/>
      <c r="GJ2266" s="91"/>
      <c r="GK2266" s="127"/>
      <c r="GL2266" s="126"/>
      <c r="GM2266" s="91"/>
      <c r="GN2266" s="91"/>
      <c r="GO2266" s="91"/>
      <c r="GP2266" s="91"/>
      <c r="GQ2266" s="91"/>
      <c r="GR2266" s="91"/>
      <c r="GS2266" s="91"/>
      <c r="GT2266" s="91"/>
      <c r="GU2266" s="91"/>
      <c r="GV2266" s="91"/>
      <c r="GW2266" s="91"/>
      <c r="GX2266" s="91"/>
      <c r="GY2266" s="91"/>
      <c r="GZ2266" s="91"/>
      <c r="HA2266" s="91"/>
      <c r="HB2266" s="91"/>
      <c r="HC2266" s="91"/>
      <c r="HD2266" s="91"/>
      <c r="HE2266" s="91"/>
      <c r="HF2266" s="91"/>
      <c r="HG2266" s="91"/>
      <c r="HH2266" s="91"/>
      <c r="HI2266" s="91"/>
      <c r="HJ2266" s="91"/>
      <c r="HK2266" s="127"/>
      <c r="HL2266" s="126"/>
      <c r="HM2266" s="91"/>
      <c r="HN2266" s="91"/>
      <c r="HO2266" s="91"/>
      <c r="HP2266" s="91"/>
      <c r="HQ2266" s="91"/>
      <c r="HR2266" s="91"/>
      <c r="HS2266" s="91"/>
      <c r="HT2266" s="91"/>
      <c r="HU2266" s="91"/>
      <c r="HV2266" s="91"/>
      <c r="HW2266" s="91"/>
      <c r="HX2266" s="91"/>
      <c r="HY2266" s="91"/>
      <c r="HZ2266" s="91"/>
      <c r="IA2266" s="91"/>
      <c r="IB2266" s="91"/>
      <c r="IC2266" s="91"/>
      <c r="ID2266" s="91"/>
      <c r="IE2266" s="91"/>
      <c r="IF2266" s="91"/>
      <c r="IG2266" s="91"/>
      <c r="IH2266" s="91"/>
      <c r="II2266" s="91"/>
      <c r="IJ2266" s="91"/>
      <c r="IK2266" s="127"/>
    </row>
    <row r="2267" spans="2:245" x14ac:dyDescent="0.2">
      <c r="B2267" s="43"/>
      <c r="C2267" s="73"/>
      <c r="D2267" s="64"/>
      <c r="E2267" s="64"/>
      <c r="F2267" s="55"/>
      <c r="G2267" s="102"/>
      <c r="H2267" s="55"/>
      <c r="I2267" s="55"/>
      <c r="J2267" s="55"/>
      <c r="K2267" s="55"/>
      <c r="L2267" s="55"/>
      <c r="M2267" s="55"/>
      <c r="N2267" s="55"/>
      <c r="O2267" s="55"/>
      <c r="P2267" s="55"/>
      <c r="Q2267" s="55"/>
      <c r="R2267" s="55"/>
      <c r="S2267" s="55"/>
      <c r="T2267" s="55"/>
      <c r="U2267" s="55"/>
      <c r="V2267" s="55"/>
      <c r="W2267" s="55"/>
      <c r="X2267" s="55"/>
      <c r="Y2267" s="55"/>
      <c r="Z2267" s="55"/>
      <c r="AA2267" s="55"/>
      <c r="AB2267" s="55"/>
      <c r="AC2267" s="55"/>
      <c r="AD2267" s="55"/>
      <c r="AE2267" s="55"/>
      <c r="AF2267" s="55"/>
      <c r="AG2267" s="55"/>
      <c r="AY2267" s="162"/>
      <c r="AZ2267" s="162"/>
      <c r="BA2267" s="162"/>
      <c r="BB2267" s="162"/>
      <c r="BC2267" s="162"/>
      <c r="BD2267" s="162"/>
      <c r="BE2267" s="162"/>
      <c r="BF2267" s="162"/>
      <c r="BG2267" s="162"/>
      <c r="BH2267" s="162"/>
      <c r="BI2267" s="162"/>
      <c r="BJ2267" s="162"/>
      <c r="BK2267" s="162"/>
      <c r="BL2267" s="162"/>
      <c r="BM2267" s="162"/>
      <c r="BN2267" s="162"/>
      <c r="BO2267" s="162"/>
      <c r="BP2267" s="162"/>
      <c r="BQ2267" s="162"/>
      <c r="BR2267" s="162"/>
      <c r="BS2267" s="162"/>
      <c r="BT2267" s="162"/>
      <c r="BU2267" s="162"/>
      <c r="BV2267" s="162"/>
      <c r="BW2267" s="162"/>
      <c r="BX2267" s="162"/>
      <c r="BY2267" s="162"/>
      <c r="BZ2267" s="162"/>
      <c r="CA2267" s="162"/>
      <c r="CB2267" s="162"/>
      <c r="CC2267" s="162"/>
      <c r="CD2267" s="162"/>
      <c r="CE2267" s="162"/>
      <c r="CF2267" s="162"/>
      <c r="CG2267" s="162"/>
      <c r="CH2267" s="162"/>
      <c r="CI2267" s="162"/>
      <c r="CJ2267" s="162"/>
      <c r="CK2267" s="162"/>
      <c r="CX2267" s="98"/>
      <c r="DL2267" s="97"/>
      <c r="DX2267" s="98"/>
      <c r="EL2267" s="97"/>
      <c r="EX2267" s="98"/>
      <c r="EY2267" s="97"/>
      <c r="FL2267" s="126"/>
      <c r="FM2267" s="91"/>
      <c r="FN2267" s="91"/>
      <c r="FO2267" s="91"/>
      <c r="FP2267" s="91"/>
      <c r="FQ2267" s="91"/>
      <c r="FR2267" s="91"/>
      <c r="FS2267" s="91"/>
      <c r="FT2267" s="91"/>
      <c r="FU2267" s="91"/>
      <c r="FV2267" s="91"/>
      <c r="FW2267" s="91"/>
      <c r="FX2267" s="91"/>
      <c r="FY2267" s="91"/>
      <c r="FZ2267" s="91"/>
      <c r="GA2267" s="91"/>
      <c r="GB2267" s="91"/>
      <c r="GC2267" s="91"/>
      <c r="GD2267" s="91"/>
      <c r="GE2267" s="91"/>
      <c r="GF2267" s="91"/>
      <c r="GG2267" s="91"/>
      <c r="GH2267" s="91"/>
      <c r="GI2267" s="91"/>
      <c r="GJ2267" s="91"/>
      <c r="GK2267" s="127"/>
      <c r="GL2267" s="126"/>
      <c r="GM2267" s="91"/>
      <c r="GN2267" s="91"/>
      <c r="GO2267" s="91"/>
      <c r="GP2267" s="91"/>
      <c r="GQ2267" s="91"/>
      <c r="GR2267" s="91"/>
      <c r="GS2267" s="91"/>
      <c r="GT2267" s="91"/>
      <c r="GU2267" s="91"/>
      <c r="GV2267" s="91"/>
      <c r="GW2267" s="91"/>
      <c r="GX2267" s="91"/>
      <c r="GY2267" s="91"/>
      <c r="GZ2267" s="91"/>
      <c r="HA2267" s="91"/>
      <c r="HB2267" s="91"/>
      <c r="HC2267" s="91"/>
      <c r="HD2267" s="91"/>
      <c r="HE2267" s="91"/>
      <c r="HF2267" s="91"/>
      <c r="HG2267" s="91"/>
      <c r="HH2267" s="91"/>
      <c r="HI2267" s="91"/>
      <c r="HJ2267" s="91"/>
      <c r="HK2267" s="127"/>
      <c r="HL2267" s="126"/>
      <c r="HM2267" s="91"/>
      <c r="HN2267" s="91"/>
      <c r="HO2267" s="91"/>
      <c r="HP2267" s="91"/>
      <c r="HQ2267" s="91"/>
      <c r="HR2267" s="91"/>
      <c r="HS2267" s="91"/>
      <c r="HT2267" s="91"/>
      <c r="HU2267" s="91"/>
      <c r="HV2267" s="91"/>
      <c r="HW2267" s="91"/>
      <c r="HX2267" s="91"/>
      <c r="HY2267" s="91"/>
      <c r="HZ2267" s="91"/>
      <c r="IA2267" s="91"/>
      <c r="IB2267" s="91"/>
      <c r="IC2267" s="91"/>
      <c r="ID2267" s="91"/>
      <c r="IE2267" s="91"/>
      <c r="IF2267" s="91"/>
      <c r="IG2267" s="91"/>
      <c r="IH2267" s="91"/>
      <c r="II2267" s="91"/>
      <c r="IJ2267" s="91"/>
      <c r="IK2267" s="127"/>
    </row>
    <row r="2268" spans="2:245" x14ac:dyDescent="0.2">
      <c r="B2268" s="43"/>
      <c r="C2268" s="73"/>
      <c r="D2268" s="64"/>
      <c r="E2268" s="64"/>
      <c r="F2268" s="55"/>
      <c r="G2268" s="102"/>
      <c r="H2268" s="55"/>
      <c r="I2268" s="55"/>
      <c r="J2268" s="55"/>
      <c r="K2268" s="55"/>
      <c r="L2268" s="55"/>
      <c r="M2268" s="55"/>
      <c r="N2268" s="55"/>
      <c r="O2268" s="55"/>
      <c r="P2268" s="55"/>
      <c r="Q2268" s="55"/>
      <c r="R2268" s="55"/>
      <c r="S2268" s="55"/>
      <c r="T2268" s="55"/>
      <c r="U2268" s="55"/>
      <c r="V2268" s="55"/>
      <c r="W2268" s="55"/>
      <c r="X2268" s="55"/>
      <c r="Y2268" s="55"/>
      <c r="Z2268" s="55"/>
      <c r="AA2268" s="55"/>
      <c r="AB2268" s="55"/>
      <c r="AC2268" s="55"/>
      <c r="AD2268" s="55"/>
      <c r="AE2268" s="55"/>
      <c r="AF2268" s="55"/>
      <c r="AG2268" s="55"/>
      <c r="AY2268" s="162"/>
      <c r="AZ2268" s="162"/>
      <c r="BA2268" s="162"/>
      <c r="BB2268" s="162"/>
      <c r="BC2268" s="162"/>
      <c r="BD2268" s="162"/>
      <c r="BE2268" s="162"/>
      <c r="BF2268" s="162"/>
      <c r="BG2268" s="162"/>
      <c r="BH2268" s="162"/>
      <c r="BI2268" s="162"/>
      <c r="BJ2268" s="162"/>
      <c r="BK2268" s="162"/>
      <c r="BL2268" s="162"/>
      <c r="BM2268" s="162"/>
      <c r="BN2268" s="162"/>
      <c r="BO2268" s="162"/>
      <c r="BP2268" s="162"/>
      <c r="BQ2268" s="162"/>
      <c r="BR2268" s="162"/>
      <c r="BS2268" s="162"/>
      <c r="BT2268" s="162"/>
      <c r="BU2268" s="162"/>
      <c r="BV2268" s="162"/>
      <c r="BW2268" s="162"/>
      <c r="BX2268" s="162"/>
      <c r="BY2268" s="162"/>
      <c r="BZ2268" s="162"/>
      <c r="CA2268" s="162"/>
      <c r="CB2268" s="162"/>
      <c r="CC2268" s="162"/>
      <c r="CD2268" s="162"/>
      <c r="CE2268" s="162"/>
      <c r="CF2268" s="162"/>
      <c r="CG2268" s="162"/>
      <c r="CH2268" s="162"/>
      <c r="CI2268" s="162"/>
      <c r="CJ2268" s="162"/>
      <c r="CK2268" s="162"/>
      <c r="CX2268" s="98"/>
      <c r="DL2268" s="97"/>
      <c r="DX2268" s="98"/>
      <c r="EL2268" s="97"/>
      <c r="EX2268" s="98"/>
      <c r="EY2268" s="97"/>
      <c r="FL2268" s="126"/>
      <c r="FM2268" s="91"/>
      <c r="FN2268" s="91"/>
      <c r="FO2268" s="91"/>
      <c r="FP2268" s="91"/>
      <c r="FQ2268" s="91"/>
      <c r="FR2268" s="91"/>
      <c r="FS2268" s="91"/>
      <c r="FT2268" s="91"/>
      <c r="FU2268" s="91"/>
      <c r="FV2268" s="91"/>
      <c r="FW2268" s="91"/>
      <c r="FX2268" s="91"/>
      <c r="FY2268" s="91"/>
      <c r="FZ2268" s="91"/>
      <c r="GA2268" s="91"/>
      <c r="GB2268" s="91"/>
      <c r="GC2268" s="91"/>
      <c r="GD2268" s="91"/>
      <c r="GE2268" s="91"/>
      <c r="GF2268" s="91"/>
      <c r="GG2268" s="91"/>
      <c r="GH2268" s="91"/>
      <c r="GI2268" s="91"/>
      <c r="GJ2268" s="91"/>
      <c r="GK2268" s="127"/>
      <c r="GL2268" s="126"/>
      <c r="GM2268" s="91"/>
      <c r="GN2268" s="91"/>
      <c r="GO2268" s="91"/>
      <c r="GP2268" s="91"/>
      <c r="GQ2268" s="91"/>
      <c r="GR2268" s="91"/>
      <c r="GS2268" s="91"/>
      <c r="GT2268" s="91"/>
      <c r="GU2268" s="91"/>
      <c r="GV2268" s="91"/>
      <c r="GW2268" s="91"/>
      <c r="GX2268" s="91"/>
      <c r="GY2268" s="91"/>
      <c r="GZ2268" s="91"/>
      <c r="HA2268" s="91"/>
      <c r="HB2268" s="91"/>
      <c r="HC2268" s="91"/>
      <c r="HD2268" s="91"/>
      <c r="HE2268" s="91"/>
      <c r="HF2268" s="91"/>
      <c r="HG2268" s="91"/>
      <c r="HH2268" s="91"/>
      <c r="HI2268" s="91"/>
      <c r="HJ2268" s="91"/>
      <c r="HK2268" s="127"/>
      <c r="HL2268" s="126"/>
      <c r="HM2268" s="91"/>
      <c r="HN2268" s="91"/>
      <c r="HO2268" s="91"/>
      <c r="HP2268" s="91"/>
      <c r="HQ2268" s="91"/>
      <c r="HR2268" s="91"/>
      <c r="HS2268" s="91"/>
      <c r="HT2268" s="91"/>
      <c r="HU2268" s="91"/>
      <c r="HV2268" s="91"/>
      <c r="HW2268" s="91"/>
      <c r="HX2268" s="91"/>
      <c r="HY2268" s="91"/>
      <c r="HZ2268" s="91"/>
      <c r="IA2268" s="91"/>
      <c r="IB2268" s="91"/>
      <c r="IC2268" s="91"/>
      <c r="ID2268" s="91"/>
      <c r="IE2268" s="91"/>
      <c r="IF2268" s="91"/>
      <c r="IG2268" s="91"/>
      <c r="IH2268" s="91"/>
      <c r="II2268" s="91"/>
      <c r="IJ2268" s="91"/>
      <c r="IK2268" s="127"/>
    </row>
    <row r="2269" spans="2:245" x14ac:dyDescent="0.2">
      <c r="B2269" s="43"/>
      <c r="C2269" s="73"/>
      <c r="D2269" s="64"/>
      <c r="E2269" s="64"/>
      <c r="F2269" s="55"/>
      <c r="G2269" s="102"/>
      <c r="H2269" s="55"/>
      <c r="I2269" s="55"/>
      <c r="J2269" s="55"/>
      <c r="K2269" s="55"/>
      <c r="L2269" s="55"/>
      <c r="M2269" s="55"/>
      <c r="N2269" s="55"/>
      <c r="O2269" s="55"/>
      <c r="P2269" s="55"/>
      <c r="Q2269" s="55"/>
      <c r="R2269" s="55"/>
      <c r="S2269" s="55"/>
      <c r="T2269" s="55"/>
      <c r="U2269" s="55"/>
      <c r="V2269" s="55"/>
      <c r="W2269" s="55"/>
      <c r="X2269" s="55"/>
      <c r="Y2269" s="55"/>
      <c r="Z2269" s="55"/>
      <c r="AA2269" s="55"/>
      <c r="AB2269" s="55"/>
      <c r="AC2269" s="55"/>
      <c r="AD2269" s="55"/>
      <c r="AE2269" s="55"/>
      <c r="AF2269" s="55"/>
      <c r="AG2269" s="55"/>
      <c r="AY2269" s="162"/>
      <c r="AZ2269" s="162"/>
      <c r="BA2269" s="162"/>
      <c r="BB2269" s="162"/>
      <c r="BC2269" s="162"/>
      <c r="BD2269" s="162"/>
      <c r="BE2269" s="162"/>
      <c r="BF2269" s="162"/>
      <c r="BG2269" s="162"/>
      <c r="BH2269" s="162"/>
      <c r="BI2269" s="162"/>
      <c r="BJ2269" s="162"/>
      <c r="BK2269" s="162"/>
      <c r="BL2269" s="162"/>
      <c r="BM2269" s="162"/>
      <c r="BN2269" s="162"/>
      <c r="BO2269" s="162"/>
      <c r="BP2269" s="162"/>
      <c r="BQ2269" s="162"/>
      <c r="BR2269" s="162"/>
      <c r="BS2269" s="162"/>
      <c r="BT2269" s="162"/>
      <c r="BU2269" s="162"/>
      <c r="BV2269" s="162"/>
      <c r="BW2269" s="162"/>
      <c r="BX2269" s="162"/>
      <c r="BY2269" s="162"/>
      <c r="BZ2269" s="162"/>
      <c r="CA2269" s="162"/>
      <c r="CB2269" s="162"/>
      <c r="CC2269" s="162"/>
      <c r="CD2269" s="162"/>
      <c r="CE2269" s="162"/>
      <c r="CF2269" s="162"/>
      <c r="CG2269" s="162"/>
      <c r="CH2269" s="162"/>
      <c r="CI2269" s="162"/>
      <c r="CJ2269" s="162"/>
      <c r="CK2269" s="162"/>
      <c r="CX2269" s="98"/>
      <c r="DL2269" s="97"/>
      <c r="DX2269" s="98"/>
      <c r="EL2269" s="97"/>
      <c r="EX2269" s="98"/>
      <c r="EY2269" s="97"/>
      <c r="FL2269" s="126"/>
      <c r="FM2269" s="91"/>
      <c r="FN2269" s="91"/>
      <c r="FO2269" s="91"/>
      <c r="FP2269" s="91"/>
      <c r="FQ2269" s="91"/>
      <c r="FR2269" s="91"/>
      <c r="FS2269" s="91"/>
      <c r="FT2269" s="91"/>
      <c r="FU2269" s="91"/>
      <c r="FV2269" s="91"/>
      <c r="FW2269" s="91"/>
      <c r="FX2269" s="91"/>
      <c r="FY2269" s="91"/>
      <c r="FZ2269" s="91"/>
      <c r="GA2269" s="91"/>
      <c r="GB2269" s="91"/>
      <c r="GC2269" s="91"/>
      <c r="GD2269" s="91"/>
      <c r="GE2269" s="91"/>
      <c r="GF2269" s="91"/>
      <c r="GG2269" s="91"/>
      <c r="GH2269" s="91"/>
      <c r="GI2269" s="91"/>
      <c r="GJ2269" s="91"/>
      <c r="GK2269" s="127"/>
      <c r="GL2269" s="126"/>
      <c r="GM2269" s="91"/>
      <c r="GN2269" s="91"/>
      <c r="GO2269" s="91"/>
      <c r="GP2269" s="91"/>
      <c r="GQ2269" s="91"/>
      <c r="GR2269" s="91"/>
      <c r="GS2269" s="91"/>
      <c r="GT2269" s="91"/>
      <c r="GU2269" s="91"/>
      <c r="GV2269" s="91"/>
      <c r="GW2269" s="91"/>
      <c r="GX2269" s="91"/>
      <c r="GY2269" s="91"/>
      <c r="GZ2269" s="91"/>
      <c r="HA2269" s="91"/>
      <c r="HB2269" s="91"/>
      <c r="HC2269" s="91"/>
      <c r="HD2269" s="91"/>
      <c r="HE2269" s="91"/>
      <c r="HF2269" s="91"/>
      <c r="HG2269" s="91"/>
      <c r="HH2269" s="91"/>
      <c r="HI2269" s="91"/>
      <c r="HJ2269" s="91"/>
      <c r="HK2269" s="127"/>
      <c r="HL2269" s="126"/>
      <c r="HM2269" s="91"/>
      <c r="HN2269" s="91"/>
      <c r="HO2269" s="91"/>
      <c r="HP2269" s="91"/>
      <c r="HQ2269" s="91"/>
      <c r="HR2269" s="91"/>
      <c r="HS2269" s="91"/>
      <c r="HT2269" s="91"/>
      <c r="HU2269" s="91"/>
      <c r="HV2269" s="91"/>
      <c r="HW2269" s="91"/>
      <c r="HX2269" s="91"/>
      <c r="HY2269" s="91"/>
      <c r="HZ2269" s="91"/>
      <c r="IA2269" s="91"/>
      <c r="IB2269" s="91"/>
      <c r="IC2269" s="91"/>
      <c r="ID2269" s="91"/>
      <c r="IE2269" s="91"/>
      <c r="IF2269" s="91"/>
      <c r="IG2269" s="91"/>
      <c r="IH2269" s="91"/>
      <c r="II2269" s="91"/>
      <c r="IJ2269" s="91"/>
      <c r="IK2269" s="127"/>
    </row>
    <row r="2270" spans="2:245" ht="13.5" thickBot="1" x14ac:dyDescent="0.25">
      <c r="B2270" s="43"/>
      <c r="C2270" s="73"/>
      <c r="D2270" s="64"/>
      <c r="E2270" s="64"/>
      <c r="F2270" s="55"/>
      <c r="G2270" s="102"/>
      <c r="H2270" s="55"/>
      <c r="I2270" s="55"/>
      <c r="J2270" s="55"/>
      <c r="K2270" s="55"/>
      <c r="L2270" s="55"/>
      <c r="M2270" s="55"/>
      <c r="N2270" s="55"/>
      <c r="O2270" s="55"/>
      <c r="P2270" s="55"/>
      <c r="Q2270" s="55"/>
      <c r="R2270" s="55"/>
      <c r="S2270" s="55"/>
      <c r="T2270" s="55"/>
      <c r="U2270" s="55"/>
      <c r="V2270" s="55"/>
      <c r="W2270" s="55"/>
      <c r="X2270" s="55"/>
      <c r="Y2270" s="55"/>
      <c r="Z2270" s="55"/>
      <c r="AA2270" s="55"/>
      <c r="AB2270" s="55"/>
      <c r="AC2270" s="55"/>
      <c r="AD2270" s="55"/>
      <c r="AE2270" s="55"/>
      <c r="AF2270" s="55"/>
      <c r="AG2270" s="55"/>
      <c r="AY2270" s="162"/>
      <c r="AZ2270" s="162"/>
      <c r="BA2270" s="162"/>
      <c r="BB2270" s="162"/>
      <c r="BC2270" s="162"/>
      <c r="BD2270" s="162"/>
      <c r="BE2270" s="162"/>
      <c r="BF2270" s="162"/>
      <c r="BG2270" s="162"/>
      <c r="BH2270" s="162"/>
      <c r="BI2270" s="162"/>
      <c r="BJ2270" s="162"/>
      <c r="BK2270" s="162"/>
      <c r="BL2270" s="162"/>
      <c r="BM2270" s="162"/>
      <c r="BN2270" s="162"/>
      <c r="BO2270" s="162"/>
      <c r="BP2270" s="162"/>
      <c r="BQ2270" s="162"/>
      <c r="BR2270" s="162"/>
      <c r="BS2270" s="162"/>
      <c r="BT2270" s="162"/>
      <c r="BU2270" s="162"/>
      <c r="BV2270" s="162"/>
      <c r="BW2270" s="162"/>
      <c r="BX2270" s="162"/>
      <c r="BY2270" s="162"/>
      <c r="BZ2270" s="162"/>
      <c r="CA2270" s="162"/>
      <c r="CB2270" s="162"/>
      <c r="CC2270" s="162"/>
      <c r="CD2270" s="162"/>
      <c r="CE2270" s="162"/>
      <c r="CF2270" s="162"/>
      <c r="CG2270" s="162"/>
      <c r="CH2270" s="162"/>
      <c r="CI2270" s="162"/>
      <c r="CJ2270" s="162"/>
      <c r="CK2270" s="162"/>
      <c r="CL2270" s="166"/>
      <c r="CM2270" s="166"/>
      <c r="CN2270" s="166"/>
      <c r="CO2270" s="166"/>
      <c r="CP2270" s="166"/>
      <c r="CQ2270" s="166"/>
      <c r="CR2270" s="166"/>
      <c r="CS2270" s="166"/>
      <c r="CT2270" s="166"/>
      <c r="CU2270" s="166"/>
      <c r="CV2270" s="166"/>
      <c r="CW2270" s="166"/>
      <c r="CX2270" s="176"/>
      <c r="CY2270" s="166"/>
      <c r="CZ2270" s="166"/>
      <c r="DA2270" s="166"/>
      <c r="DB2270" s="166"/>
      <c r="DC2270" s="166"/>
      <c r="DD2270" s="166"/>
      <c r="DE2270" s="166"/>
      <c r="DF2270" s="166"/>
      <c r="DG2270" s="166"/>
      <c r="DH2270" s="166"/>
      <c r="DI2270" s="166"/>
      <c r="DJ2270" s="166"/>
      <c r="DK2270" s="166"/>
      <c r="DL2270" s="175"/>
      <c r="DM2270" s="166"/>
      <c r="DN2270" s="166"/>
      <c r="DO2270" s="166"/>
      <c r="DP2270" s="166"/>
      <c r="DQ2270" s="166"/>
      <c r="DR2270" s="166"/>
      <c r="DS2270" s="166"/>
      <c r="DT2270" s="166"/>
      <c r="DU2270" s="166"/>
      <c r="DV2270" s="166"/>
      <c r="DW2270" s="166"/>
      <c r="DX2270" s="176"/>
      <c r="DY2270" s="166"/>
      <c r="DZ2270" s="166"/>
      <c r="EA2270" s="166"/>
      <c r="EB2270" s="166"/>
      <c r="EC2270" s="166"/>
      <c r="ED2270" s="166"/>
      <c r="EE2270" s="166"/>
      <c r="EF2270" s="166"/>
      <c r="EG2270" s="166"/>
      <c r="EH2270" s="166"/>
      <c r="EI2270" s="166"/>
      <c r="EJ2270" s="166"/>
      <c r="EK2270" s="166"/>
      <c r="EL2270" s="175"/>
      <c r="EM2270" s="166"/>
      <c r="EN2270" s="166"/>
      <c r="EO2270" s="166"/>
      <c r="EP2270" s="166"/>
      <c r="EQ2270" s="166"/>
      <c r="ER2270" s="166"/>
      <c r="ES2270" s="166"/>
      <c r="ET2270" s="166"/>
      <c r="EU2270" s="166"/>
      <c r="EV2270" s="166"/>
      <c r="EW2270" s="166"/>
      <c r="EX2270" s="176"/>
      <c r="EY2270" s="175"/>
      <c r="EZ2270" s="166"/>
      <c r="FA2270" s="166"/>
      <c r="FB2270" s="166"/>
      <c r="FC2270" s="166"/>
      <c r="FD2270" s="166"/>
      <c r="FE2270" s="166"/>
      <c r="FF2270" s="166"/>
      <c r="FG2270" s="166"/>
      <c r="FH2270" s="166"/>
      <c r="FI2270" s="166"/>
      <c r="FJ2270" s="166"/>
      <c r="FK2270" s="166"/>
      <c r="FL2270" s="126"/>
      <c r="FM2270" s="91"/>
      <c r="FN2270" s="91"/>
      <c r="FO2270" s="91"/>
      <c r="FP2270" s="91"/>
      <c r="FQ2270" s="91"/>
      <c r="FR2270" s="91"/>
      <c r="FS2270" s="91"/>
      <c r="FT2270" s="91"/>
      <c r="FU2270" s="91"/>
      <c r="FV2270" s="91"/>
      <c r="FW2270" s="91"/>
      <c r="FX2270" s="91"/>
      <c r="FY2270" s="91"/>
      <c r="FZ2270" s="91"/>
      <c r="GA2270" s="91"/>
      <c r="GB2270" s="91"/>
      <c r="GC2270" s="91"/>
      <c r="GD2270" s="91"/>
      <c r="GE2270" s="91"/>
      <c r="GF2270" s="91"/>
      <c r="GG2270" s="91"/>
      <c r="GH2270" s="91"/>
      <c r="GI2270" s="91"/>
      <c r="GJ2270" s="91"/>
      <c r="GK2270" s="127"/>
      <c r="GL2270" s="126"/>
      <c r="GM2270" s="91"/>
      <c r="GN2270" s="91"/>
      <c r="GO2270" s="91"/>
      <c r="GP2270" s="91"/>
      <c r="GQ2270" s="91"/>
      <c r="GR2270" s="91"/>
      <c r="GS2270" s="91"/>
      <c r="GT2270" s="91"/>
      <c r="GU2270" s="91"/>
      <c r="GV2270" s="91"/>
      <c r="GW2270" s="91"/>
      <c r="GX2270" s="91"/>
      <c r="GY2270" s="91"/>
      <c r="GZ2270" s="91"/>
      <c r="HA2270" s="91"/>
      <c r="HB2270" s="91"/>
      <c r="HC2270" s="91"/>
      <c r="HD2270" s="91"/>
      <c r="HE2270" s="91"/>
      <c r="HF2270" s="91"/>
      <c r="HG2270" s="91"/>
      <c r="HH2270" s="91"/>
      <c r="HI2270" s="91"/>
      <c r="HJ2270" s="91"/>
      <c r="HK2270" s="127"/>
      <c r="HL2270" s="126"/>
      <c r="HM2270" s="91"/>
      <c r="HN2270" s="91"/>
      <c r="HO2270" s="91"/>
      <c r="HP2270" s="91"/>
      <c r="HQ2270" s="91"/>
      <c r="HR2270" s="91"/>
      <c r="HS2270" s="91"/>
      <c r="HT2270" s="91"/>
      <c r="HU2270" s="91"/>
      <c r="HV2270" s="91"/>
      <c r="HW2270" s="91"/>
      <c r="HX2270" s="91"/>
      <c r="HY2270" s="91"/>
      <c r="HZ2270" s="91"/>
      <c r="IA2270" s="91"/>
      <c r="IB2270" s="91"/>
      <c r="IC2270" s="91"/>
      <c r="ID2270" s="91"/>
      <c r="IE2270" s="91"/>
      <c r="IF2270" s="91"/>
      <c r="IG2270" s="91"/>
      <c r="IH2270" s="91"/>
      <c r="II2270" s="91"/>
      <c r="IJ2270" s="91"/>
      <c r="IK2270" s="127"/>
    </row>
    <row r="2271" spans="2:245" x14ac:dyDescent="0.2">
      <c r="B2271" s="43"/>
      <c r="C2271" s="73"/>
      <c r="D2271" s="64"/>
      <c r="E2271" s="64"/>
      <c r="F2271" s="55"/>
      <c r="G2271" s="102"/>
      <c r="H2271" s="55"/>
      <c r="I2271" s="55"/>
      <c r="J2271" s="55"/>
      <c r="K2271" s="55"/>
      <c r="L2271" s="55"/>
      <c r="M2271" s="55"/>
      <c r="N2271" s="55"/>
      <c r="O2271" s="55"/>
      <c r="P2271" s="55"/>
      <c r="Q2271" s="55"/>
      <c r="R2271" s="55"/>
      <c r="S2271" s="55"/>
      <c r="T2271" s="55"/>
      <c r="U2271" s="55"/>
      <c r="V2271" s="55"/>
      <c r="W2271" s="55"/>
      <c r="X2271" s="55"/>
      <c r="Y2271" s="55"/>
      <c r="Z2271" s="55"/>
      <c r="AA2271" s="55"/>
      <c r="AB2271" s="55"/>
      <c r="AC2271" s="55"/>
      <c r="AD2271" s="55"/>
      <c r="AE2271" s="55"/>
      <c r="AF2271" s="55"/>
      <c r="AG2271" s="55"/>
      <c r="AY2271" s="162"/>
      <c r="AZ2271" s="162"/>
      <c r="BA2271" s="162"/>
      <c r="BB2271" s="162"/>
      <c r="BC2271" s="162"/>
      <c r="BD2271" s="162"/>
      <c r="BE2271" s="162"/>
      <c r="BF2271" s="162"/>
      <c r="BG2271" s="162"/>
      <c r="BH2271" s="162"/>
      <c r="BI2271" s="162"/>
      <c r="BJ2271" s="162"/>
      <c r="BK2271" s="162"/>
      <c r="BL2271" s="162"/>
      <c r="BM2271" s="162"/>
      <c r="BN2271" s="162"/>
      <c r="BO2271" s="162"/>
      <c r="BP2271" s="162"/>
      <c r="BQ2271" s="162"/>
      <c r="BR2271" s="162"/>
      <c r="BS2271" s="162"/>
      <c r="BT2271" s="162"/>
      <c r="BU2271" s="162"/>
      <c r="BV2271" s="162"/>
      <c r="BW2271" s="162"/>
      <c r="BX2271" s="162"/>
      <c r="BY2271" s="162"/>
      <c r="BZ2271" s="162"/>
      <c r="CA2271" s="162"/>
      <c r="CB2271" s="162"/>
      <c r="CC2271" s="162"/>
      <c r="CD2271" s="162"/>
      <c r="CE2271" s="162"/>
      <c r="CF2271" s="162"/>
      <c r="CG2271" s="162"/>
      <c r="CH2271" s="162"/>
      <c r="CI2271" s="162"/>
      <c r="CJ2271" s="162"/>
      <c r="CK2271" s="162"/>
      <c r="CX2271" s="98"/>
      <c r="DL2271" s="97"/>
      <c r="DX2271" s="98"/>
      <c r="EL2271" s="97"/>
      <c r="EX2271" s="98"/>
      <c r="EY2271" s="97"/>
      <c r="FL2271" s="126"/>
      <c r="FM2271" s="91"/>
      <c r="FN2271" s="91"/>
      <c r="FO2271" s="91"/>
      <c r="FP2271" s="91"/>
      <c r="FQ2271" s="91"/>
      <c r="FR2271" s="91"/>
      <c r="FS2271" s="91"/>
      <c r="FT2271" s="91"/>
      <c r="FU2271" s="91"/>
      <c r="FV2271" s="91"/>
      <c r="FW2271" s="91"/>
      <c r="FX2271" s="91"/>
      <c r="FY2271" s="91"/>
      <c r="FZ2271" s="91"/>
      <c r="GA2271" s="91"/>
      <c r="GB2271" s="91"/>
      <c r="GC2271" s="91"/>
      <c r="GD2271" s="91"/>
      <c r="GE2271" s="91"/>
      <c r="GF2271" s="91"/>
      <c r="GG2271" s="91"/>
      <c r="GH2271" s="91"/>
      <c r="GI2271" s="91"/>
      <c r="GJ2271" s="91"/>
      <c r="GK2271" s="127"/>
      <c r="GL2271" s="126"/>
      <c r="GM2271" s="91"/>
      <c r="GN2271" s="91"/>
      <c r="GO2271" s="91"/>
      <c r="GP2271" s="91"/>
      <c r="GQ2271" s="91"/>
      <c r="GR2271" s="91"/>
      <c r="GS2271" s="91"/>
      <c r="GT2271" s="91"/>
      <c r="GU2271" s="91"/>
      <c r="GV2271" s="91"/>
      <c r="GW2271" s="91"/>
      <c r="GX2271" s="91"/>
      <c r="GY2271" s="91"/>
      <c r="GZ2271" s="91"/>
      <c r="HA2271" s="91"/>
      <c r="HB2271" s="91"/>
      <c r="HC2271" s="91"/>
      <c r="HD2271" s="91"/>
      <c r="HE2271" s="91"/>
      <c r="HF2271" s="91"/>
      <c r="HG2271" s="91"/>
      <c r="HH2271" s="91"/>
      <c r="HI2271" s="91"/>
      <c r="HJ2271" s="91"/>
      <c r="HK2271" s="127"/>
      <c r="HL2271" s="126"/>
      <c r="HM2271" s="91"/>
      <c r="HN2271" s="91"/>
      <c r="HO2271" s="91"/>
      <c r="HP2271" s="91"/>
      <c r="HQ2271" s="91"/>
      <c r="HR2271" s="91"/>
      <c r="HS2271" s="91"/>
      <c r="HT2271" s="91"/>
      <c r="HU2271" s="91"/>
      <c r="HV2271" s="91"/>
      <c r="HW2271" s="91"/>
      <c r="HX2271" s="91"/>
      <c r="HY2271" s="91"/>
      <c r="HZ2271" s="91"/>
      <c r="IA2271" s="91"/>
      <c r="IB2271" s="91"/>
      <c r="IC2271" s="91"/>
      <c r="ID2271" s="91"/>
      <c r="IE2271" s="91"/>
      <c r="IF2271" s="91"/>
      <c r="IG2271" s="91"/>
      <c r="IH2271" s="91"/>
      <c r="II2271" s="91"/>
      <c r="IJ2271" s="91"/>
      <c r="IK2271" s="127"/>
    </row>
    <row r="2272" spans="2:245" x14ac:dyDescent="0.2">
      <c r="B2272" s="43"/>
      <c r="C2272" s="73"/>
      <c r="D2272" s="64"/>
      <c r="E2272" s="64"/>
      <c r="F2272" s="55"/>
      <c r="G2272" s="102"/>
      <c r="H2272" s="55"/>
      <c r="I2272" s="55"/>
      <c r="J2272" s="55"/>
      <c r="K2272" s="55"/>
      <c r="L2272" s="55"/>
      <c r="M2272" s="55"/>
      <c r="N2272" s="55"/>
      <c r="O2272" s="55"/>
      <c r="P2272" s="55"/>
      <c r="Q2272" s="55"/>
      <c r="R2272" s="55"/>
      <c r="S2272" s="55"/>
      <c r="T2272" s="55"/>
      <c r="U2272" s="55"/>
      <c r="V2272" s="55"/>
      <c r="W2272" s="55"/>
      <c r="X2272" s="55"/>
      <c r="Y2272" s="55"/>
      <c r="Z2272" s="55"/>
      <c r="AA2272" s="55"/>
      <c r="AB2272" s="55"/>
      <c r="AC2272" s="55"/>
      <c r="AD2272" s="55"/>
      <c r="AE2272" s="55"/>
      <c r="AF2272" s="55"/>
      <c r="AG2272" s="55"/>
      <c r="AY2272" s="162"/>
      <c r="AZ2272" s="162"/>
      <c r="BA2272" s="162"/>
      <c r="BB2272" s="162"/>
      <c r="BC2272" s="162"/>
      <c r="BD2272" s="162"/>
      <c r="BE2272" s="162"/>
      <c r="BF2272" s="162"/>
      <c r="BG2272" s="162"/>
      <c r="BH2272" s="162"/>
      <c r="BI2272" s="162"/>
      <c r="BJ2272" s="162"/>
      <c r="BK2272" s="162"/>
      <c r="BL2272" s="162"/>
      <c r="BM2272" s="162"/>
      <c r="BN2272" s="162"/>
      <c r="BO2272" s="162"/>
      <c r="BP2272" s="162"/>
      <c r="BQ2272" s="162"/>
      <c r="BR2272" s="162"/>
      <c r="BS2272" s="162"/>
      <c r="BT2272" s="162"/>
      <c r="BU2272" s="162"/>
      <c r="BV2272" s="162"/>
      <c r="BW2272" s="162"/>
      <c r="BX2272" s="162"/>
      <c r="BY2272" s="162"/>
      <c r="BZ2272" s="162"/>
      <c r="CA2272" s="162"/>
      <c r="CB2272" s="162"/>
      <c r="CC2272" s="162"/>
      <c r="CD2272" s="162"/>
      <c r="CE2272" s="162"/>
      <c r="CF2272" s="162"/>
      <c r="CG2272" s="162"/>
      <c r="CH2272" s="162"/>
      <c r="CI2272" s="162"/>
      <c r="CJ2272" s="162"/>
      <c r="CK2272" s="162"/>
      <c r="CX2272" s="98"/>
      <c r="DL2272" s="97"/>
      <c r="DX2272" s="98"/>
      <c r="EL2272" s="97"/>
      <c r="EX2272" s="98"/>
      <c r="EY2272" s="97"/>
      <c r="FL2272" s="126"/>
      <c r="FM2272" s="91"/>
      <c r="FN2272" s="91"/>
      <c r="FO2272" s="91"/>
      <c r="FP2272" s="91"/>
      <c r="FQ2272" s="91"/>
      <c r="FR2272" s="91"/>
      <c r="FS2272" s="91"/>
      <c r="FT2272" s="91"/>
      <c r="FU2272" s="91"/>
      <c r="FV2272" s="91"/>
      <c r="FW2272" s="91"/>
      <c r="FX2272" s="91"/>
      <c r="FY2272" s="91"/>
      <c r="FZ2272" s="91"/>
      <c r="GA2272" s="91"/>
      <c r="GB2272" s="91"/>
      <c r="GC2272" s="91"/>
      <c r="GD2272" s="91"/>
      <c r="GE2272" s="91"/>
      <c r="GF2272" s="91"/>
      <c r="GG2272" s="91"/>
      <c r="GH2272" s="91"/>
      <c r="GI2272" s="91"/>
      <c r="GJ2272" s="91"/>
      <c r="GK2272" s="127"/>
      <c r="GL2272" s="126"/>
      <c r="GM2272" s="91"/>
      <c r="GN2272" s="91"/>
      <c r="GO2272" s="91"/>
      <c r="GP2272" s="91"/>
      <c r="GQ2272" s="91"/>
      <c r="GR2272" s="91"/>
      <c r="GS2272" s="91"/>
      <c r="GT2272" s="91"/>
      <c r="GU2272" s="91"/>
      <c r="GV2272" s="91"/>
      <c r="GW2272" s="91"/>
      <c r="GX2272" s="91"/>
      <c r="GY2272" s="91"/>
      <c r="GZ2272" s="91"/>
      <c r="HA2272" s="91"/>
      <c r="HB2272" s="91"/>
      <c r="HC2272" s="91"/>
      <c r="HD2272" s="91"/>
      <c r="HE2272" s="91"/>
      <c r="HF2272" s="91"/>
      <c r="HG2272" s="91"/>
      <c r="HH2272" s="91"/>
      <c r="HI2272" s="91"/>
      <c r="HJ2272" s="91"/>
      <c r="HK2272" s="127"/>
      <c r="HL2272" s="126"/>
      <c r="HM2272" s="91"/>
      <c r="HN2272" s="91"/>
      <c r="HO2272" s="91"/>
      <c r="HP2272" s="91"/>
      <c r="HQ2272" s="91"/>
      <c r="HR2272" s="91"/>
      <c r="HS2272" s="91"/>
      <c r="HT2272" s="91"/>
      <c r="HU2272" s="91"/>
      <c r="HV2272" s="91"/>
      <c r="HW2272" s="91"/>
      <c r="HX2272" s="91"/>
      <c r="HY2272" s="91"/>
      <c r="HZ2272" s="91"/>
      <c r="IA2272" s="91"/>
      <c r="IB2272" s="91"/>
      <c r="IC2272" s="91"/>
      <c r="ID2272" s="91"/>
      <c r="IE2272" s="91"/>
      <c r="IF2272" s="91"/>
      <c r="IG2272" s="91"/>
      <c r="IH2272" s="91"/>
      <c r="II2272" s="91"/>
      <c r="IJ2272" s="91"/>
      <c r="IK2272" s="127"/>
    </row>
    <row r="2273" spans="2:245" x14ac:dyDescent="0.2">
      <c r="B2273" s="43"/>
      <c r="C2273" s="73"/>
      <c r="D2273" s="64"/>
      <c r="E2273" s="64"/>
      <c r="F2273" s="55"/>
      <c r="G2273" s="102"/>
      <c r="H2273" s="55"/>
      <c r="I2273" s="55"/>
      <c r="J2273" s="55"/>
      <c r="K2273" s="55"/>
      <c r="L2273" s="55"/>
      <c r="M2273" s="55"/>
      <c r="N2273" s="55"/>
      <c r="O2273" s="55"/>
      <c r="P2273" s="55"/>
      <c r="Q2273" s="55"/>
      <c r="R2273" s="55"/>
      <c r="S2273" s="55"/>
      <c r="T2273" s="55"/>
      <c r="U2273" s="55"/>
      <c r="V2273" s="55"/>
      <c r="W2273" s="55"/>
      <c r="X2273" s="55"/>
      <c r="Y2273" s="55"/>
      <c r="Z2273" s="55"/>
      <c r="AA2273" s="55"/>
      <c r="AB2273" s="55"/>
      <c r="AC2273" s="55"/>
      <c r="AD2273" s="55"/>
      <c r="AE2273" s="55"/>
      <c r="AF2273" s="55"/>
      <c r="AG2273" s="55"/>
      <c r="AY2273" s="162"/>
      <c r="AZ2273" s="162"/>
      <c r="BA2273" s="162"/>
      <c r="BB2273" s="162"/>
      <c r="BC2273" s="162"/>
      <c r="BD2273" s="162"/>
      <c r="BE2273" s="162"/>
      <c r="BF2273" s="162"/>
      <c r="BG2273" s="162"/>
      <c r="BH2273" s="162"/>
      <c r="BI2273" s="162"/>
      <c r="BJ2273" s="162"/>
      <c r="BK2273" s="162"/>
      <c r="BL2273" s="162"/>
      <c r="BM2273" s="162"/>
      <c r="BN2273" s="162"/>
      <c r="BO2273" s="162"/>
      <c r="BP2273" s="162"/>
      <c r="BQ2273" s="162"/>
      <c r="BR2273" s="162"/>
      <c r="BS2273" s="162"/>
      <c r="BT2273" s="162"/>
      <c r="BU2273" s="162"/>
      <c r="BV2273" s="162"/>
      <c r="BW2273" s="162"/>
      <c r="BX2273" s="162"/>
      <c r="BY2273" s="162"/>
      <c r="BZ2273" s="162"/>
      <c r="CA2273" s="162"/>
      <c r="CB2273" s="162"/>
      <c r="CC2273" s="162"/>
      <c r="CD2273" s="162"/>
      <c r="CE2273" s="162"/>
      <c r="CF2273" s="162"/>
      <c r="CG2273" s="162"/>
      <c r="CH2273" s="162"/>
      <c r="CI2273" s="162"/>
      <c r="CJ2273" s="162"/>
      <c r="CK2273" s="162"/>
      <c r="CX2273" s="98"/>
      <c r="DL2273" s="97"/>
      <c r="DX2273" s="98"/>
      <c r="EL2273" s="97"/>
      <c r="EX2273" s="98"/>
      <c r="EY2273" s="97"/>
      <c r="FL2273" s="126"/>
      <c r="FM2273" s="91"/>
      <c r="FN2273" s="91"/>
      <c r="FO2273" s="91"/>
      <c r="FP2273" s="91"/>
      <c r="FQ2273" s="91"/>
      <c r="FR2273" s="91"/>
      <c r="FS2273" s="91"/>
      <c r="FT2273" s="91"/>
      <c r="FU2273" s="91"/>
      <c r="FV2273" s="91"/>
      <c r="FW2273" s="91"/>
      <c r="FX2273" s="91"/>
      <c r="FY2273" s="91"/>
      <c r="FZ2273" s="91"/>
      <c r="GA2273" s="91"/>
      <c r="GB2273" s="91"/>
      <c r="GC2273" s="91"/>
      <c r="GD2273" s="91"/>
      <c r="GE2273" s="91"/>
      <c r="GF2273" s="91"/>
      <c r="GG2273" s="91"/>
      <c r="GH2273" s="91"/>
      <c r="GI2273" s="91"/>
      <c r="GJ2273" s="91"/>
      <c r="GK2273" s="127"/>
      <c r="GL2273" s="126"/>
      <c r="GM2273" s="91"/>
      <c r="GN2273" s="91"/>
      <c r="GO2273" s="91"/>
      <c r="GP2273" s="91"/>
      <c r="GQ2273" s="91"/>
      <c r="GR2273" s="91"/>
      <c r="GS2273" s="91"/>
      <c r="GT2273" s="91"/>
      <c r="GU2273" s="91"/>
      <c r="GV2273" s="91"/>
      <c r="GW2273" s="91"/>
      <c r="GX2273" s="91"/>
      <c r="GY2273" s="91"/>
      <c r="GZ2273" s="91"/>
      <c r="HA2273" s="91"/>
      <c r="HB2273" s="91"/>
      <c r="HC2273" s="91"/>
      <c r="HD2273" s="91"/>
      <c r="HE2273" s="91"/>
      <c r="HF2273" s="91"/>
      <c r="HG2273" s="91"/>
      <c r="HH2273" s="91"/>
      <c r="HI2273" s="91"/>
      <c r="HJ2273" s="91"/>
      <c r="HK2273" s="127"/>
      <c r="HL2273" s="126"/>
      <c r="HM2273" s="91"/>
      <c r="HN2273" s="91"/>
      <c r="HO2273" s="91"/>
      <c r="HP2273" s="91"/>
      <c r="HQ2273" s="91"/>
      <c r="HR2273" s="91"/>
      <c r="HS2273" s="91"/>
      <c r="HT2273" s="91"/>
      <c r="HU2273" s="91"/>
      <c r="HV2273" s="91"/>
      <c r="HW2273" s="91"/>
      <c r="HX2273" s="91"/>
      <c r="HY2273" s="91"/>
      <c r="HZ2273" s="91"/>
      <c r="IA2273" s="91"/>
      <c r="IB2273" s="91"/>
      <c r="IC2273" s="91"/>
      <c r="ID2273" s="91"/>
      <c r="IE2273" s="91"/>
      <c r="IF2273" s="91"/>
      <c r="IG2273" s="91"/>
      <c r="IH2273" s="91"/>
      <c r="II2273" s="91"/>
      <c r="IJ2273" s="91"/>
      <c r="IK2273" s="127"/>
    </row>
    <row r="2274" spans="2:245" ht="13.5" thickBot="1" x14ac:dyDescent="0.25">
      <c r="B2274" s="43"/>
      <c r="C2274" s="73"/>
      <c r="D2274" s="64"/>
      <c r="E2274" s="64"/>
      <c r="F2274" s="55"/>
      <c r="G2274" s="102"/>
      <c r="H2274" s="55"/>
      <c r="I2274" s="55"/>
      <c r="J2274" s="55"/>
      <c r="K2274" s="55"/>
      <c r="L2274" s="55"/>
      <c r="M2274" s="55"/>
      <c r="N2274" s="55"/>
      <c r="O2274" s="55"/>
      <c r="P2274" s="55"/>
      <c r="Q2274" s="55"/>
      <c r="R2274" s="55"/>
      <c r="S2274" s="55"/>
      <c r="T2274" s="55"/>
      <c r="U2274" s="55"/>
      <c r="V2274" s="55"/>
      <c r="W2274" s="55"/>
      <c r="X2274" s="55"/>
      <c r="Y2274" s="55"/>
      <c r="Z2274" s="55"/>
      <c r="AA2274" s="55"/>
      <c r="AB2274" s="55"/>
      <c r="AC2274" s="55"/>
      <c r="AD2274" s="55"/>
      <c r="AE2274" s="55"/>
      <c r="AF2274" s="55"/>
      <c r="AG2274" s="55"/>
      <c r="AY2274" s="162"/>
      <c r="AZ2274" s="162"/>
      <c r="BA2274" s="162"/>
      <c r="BB2274" s="162"/>
      <c r="BC2274" s="162"/>
      <c r="BD2274" s="162"/>
      <c r="BE2274" s="162"/>
      <c r="BF2274" s="162"/>
      <c r="BG2274" s="162"/>
      <c r="BH2274" s="162"/>
      <c r="BI2274" s="162"/>
      <c r="BJ2274" s="162"/>
      <c r="BK2274" s="162"/>
      <c r="BL2274" s="162"/>
      <c r="BM2274" s="162"/>
      <c r="BN2274" s="162"/>
      <c r="BO2274" s="162"/>
      <c r="BP2274" s="162"/>
      <c r="BQ2274" s="162"/>
      <c r="BR2274" s="162"/>
      <c r="BS2274" s="162"/>
      <c r="BT2274" s="162"/>
      <c r="BU2274" s="162"/>
      <c r="BV2274" s="162"/>
      <c r="BW2274" s="162"/>
      <c r="BX2274" s="162"/>
      <c r="BY2274" s="162"/>
      <c r="BZ2274" s="162"/>
      <c r="CA2274" s="162"/>
      <c r="CB2274" s="162"/>
      <c r="CC2274" s="162"/>
      <c r="CD2274" s="162"/>
      <c r="CE2274" s="162"/>
      <c r="CF2274" s="162"/>
      <c r="CG2274" s="162"/>
      <c r="CH2274" s="162"/>
      <c r="CI2274" s="162"/>
      <c r="CJ2274" s="162"/>
      <c r="CK2274" s="162"/>
      <c r="CX2274" s="98"/>
      <c r="DL2274" s="97"/>
      <c r="DX2274" s="98"/>
      <c r="EL2274" s="97"/>
      <c r="EX2274" s="98"/>
      <c r="EY2274" s="97"/>
      <c r="FL2274" s="126"/>
      <c r="FM2274" s="91"/>
      <c r="FN2274" s="91"/>
      <c r="FO2274" s="91"/>
      <c r="FP2274" s="91"/>
      <c r="FQ2274" s="91"/>
      <c r="FR2274" s="91"/>
      <c r="FS2274" s="91"/>
      <c r="FT2274" s="91"/>
      <c r="FU2274" s="91"/>
      <c r="FV2274" s="91"/>
      <c r="FW2274" s="91"/>
      <c r="FX2274" s="91"/>
      <c r="FY2274" s="91"/>
      <c r="FZ2274" s="91"/>
      <c r="GA2274" s="91"/>
      <c r="GB2274" s="91"/>
      <c r="GC2274" s="91"/>
      <c r="GD2274" s="91"/>
      <c r="GE2274" s="91"/>
      <c r="GF2274" s="91"/>
      <c r="GG2274" s="91"/>
      <c r="GH2274" s="91"/>
      <c r="GI2274" s="91"/>
      <c r="GJ2274" s="91"/>
      <c r="GK2274" s="127"/>
      <c r="GL2274" s="126"/>
      <c r="GM2274" s="91"/>
      <c r="GN2274" s="91"/>
      <c r="GO2274" s="91"/>
      <c r="GP2274" s="91"/>
      <c r="GQ2274" s="91"/>
      <c r="GR2274" s="91"/>
      <c r="GS2274" s="91"/>
      <c r="GT2274" s="91"/>
      <c r="GU2274" s="91"/>
      <c r="GV2274" s="91"/>
      <c r="GW2274" s="91"/>
      <c r="GX2274" s="91"/>
      <c r="GY2274" s="91"/>
      <c r="GZ2274" s="91"/>
      <c r="HA2274" s="91"/>
      <c r="HB2274" s="91"/>
      <c r="HC2274" s="91"/>
      <c r="HD2274" s="91"/>
      <c r="HE2274" s="91"/>
      <c r="HF2274" s="91"/>
      <c r="HG2274" s="91"/>
      <c r="HH2274" s="91"/>
      <c r="HI2274" s="91"/>
      <c r="HJ2274" s="91"/>
      <c r="HK2274" s="127"/>
      <c r="HL2274" s="126"/>
      <c r="HM2274" s="91"/>
      <c r="HN2274" s="91"/>
      <c r="HO2274" s="91"/>
      <c r="HP2274" s="91"/>
      <c r="HQ2274" s="91"/>
      <c r="HR2274" s="91"/>
      <c r="HS2274" s="91"/>
      <c r="HT2274" s="91"/>
      <c r="HU2274" s="91"/>
      <c r="HV2274" s="91"/>
      <c r="HW2274" s="91"/>
      <c r="HX2274" s="91"/>
      <c r="HY2274" s="91"/>
      <c r="HZ2274" s="91"/>
      <c r="IA2274" s="91"/>
      <c r="IB2274" s="91"/>
      <c r="IC2274" s="91"/>
      <c r="ID2274" s="91"/>
      <c r="IE2274" s="91"/>
      <c r="IF2274" s="91"/>
      <c r="IG2274" s="91"/>
      <c r="IH2274" s="91"/>
      <c r="II2274" s="91"/>
      <c r="IJ2274" s="91"/>
      <c r="IK2274" s="127"/>
    </row>
    <row r="2275" spans="2:245" x14ac:dyDescent="0.2">
      <c r="B2275" s="43"/>
      <c r="C2275" s="73"/>
      <c r="D2275" s="64"/>
      <c r="E2275" s="64"/>
      <c r="F2275" s="55"/>
      <c r="G2275" s="102"/>
      <c r="H2275" s="55"/>
      <c r="I2275" s="55"/>
      <c r="J2275" s="55"/>
      <c r="K2275" s="55"/>
      <c r="L2275" s="55"/>
      <c r="M2275" s="55"/>
      <c r="N2275" s="55"/>
      <c r="O2275" s="55"/>
      <c r="P2275" s="55"/>
      <c r="Q2275" s="55"/>
      <c r="R2275" s="55"/>
      <c r="S2275" s="55"/>
      <c r="T2275" s="55"/>
      <c r="U2275" s="55"/>
      <c r="V2275" s="55"/>
      <c r="W2275" s="55"/>
      <c r="X2275" s="55"/>
      <c r="Y2275" s="55"/>
      <c r="Z2275" s="55"/>
      <c r="AA2275" s="55"/>
      <c r="AB2275" s="55"/>
      <c r="AC2275" s="55"/>
      <c r="AD2275" s="55"/>
      <c r="AE2275" s="55"/>
      <c r="AF2275" s="55"/>
      <c r="AG2275" s="55"/>
      <c r="AY2275" s="162"/>
      <c r="AZ2275" s="162"/>
      <c r="BA2275" s="162"/>
      <c r="BB2275" s="162"/>
      <c r="BC2275" s="162"/>
      <c r="BD2275" s="162"/>
      <c r="BE2275" s="162"/>
      <c r="BF2275" s="162"/>
      <c r="BG2275" s="162"/>
      <c r="BH2275" s="162"/>
      <c r="BI2275" s="162"/>
      <c r="BJ2275" s="162"/>
      <c r="BK2275" s="162"/>
      <c r="BL2275" s="162"/>
      <c r="BM2275" s="162"/>
      <c r="BN2275" s="162"/>
      <c r="BO2275" s="162"/>
      <c r="BP2275" s="162"/>
      <c r="BQ2275" s="162"/>
      <c r="BR2275" s="162"/>
      <c r="BS2275" s="162"/>
      <c r="BT2275" s="162"/>
      <c r="BU2275" s="162"/>
      <c r="BV2275" s="162"/>
      <c r="BW2275" s="162"/>
      <c r="BX2275" s="162"/>
      <c r="BY2275" s="162"/>
      <c r="BZ2275" s="162"/>
      <c r="CA2275" s="162"/>
      <c r="CB2275" s="162"/>
      <c r="CC2275" s="162"/>
      <c r="CD2275" s="162"/>
      <c r="CE2275" s="162"/>
      <c r="CF2275" s="162"/>
      <c r="CG2275" s="162"/>
      <c r="CH2275" s="162"/>
      <c r="CI2275" s="162"/>
      <c r="CJ2275" s="162"/>
      <c r="CK2275" s="162"/>
      <c r="CL2275" s="163"/>
      <c r="CM2275" s="163"/>
      <c r="CN2275" s="163"/>
      <c r="CO2275" s="163"/>
      <c r="CP2275" s="163"/>
      <c r="CQ2275" s="163"/>
      <c r="CR2275" s="163"/>
      <c r="CS2275" s="163"/>
      <c r="CT2275" s="163"/>
      <c r="CU2275" s="163"/>
      <c r="CV2275" s="163"/>
      <c r="CW2275" s="163"/>
      <c r="CX2275" s="173"/>
      <c r="CY2275" s="163"/>
      <c r="CZ2275" s="163"/>
      <c r="DA2275" s="163"/>
      <c r="DB2275" s="163"/>
      <c r="DC2275" s="163"/>
      <c r="DD2275" s="163"/>
      <c r="DE2275" s="163"/>
      <c r="DF2275" s="163"/>
      <c r="DG2275" s="163"/>
      <c r="DH2275" s="163"/>
      <c r="DI2275" s="163"/>
      <c r="DJ2275" s="163"/>
      <c r="DK2275" s="163"/>
      <c r="DL2275" s="172"/>
      <c r="DM2275" s="163"/>
      <c r="DN2275" s="163"/>
      <c r="DO2275" s="163"/>
      <c r="DP2275" s="163"/>
      <c r="DQ2275" s="163"/>
      <c r="DR2275" s="163"/>
      <c r="DS2275" s="163"/>
      <c r="DT2275" s="163"/>
      <c r="DU2275" s="163"/>
      <c r="DV2275" s="163"/>
      <c r="DW2275" s="163"/>
      <c r="DX2275" s="173"/>
      <c r="DY2275" s="163"/>
      <c r="DZ2275" s="163"/>
      <c r="EA2275" s="163"/>
      <c r="EB2275" s="163"/>
      <c r="EC2275" s="163"/>
      <c r="ED2275" s="163"/>
      <c r="EE2275" s="163"/>
      <c r="EF2275" s="163"/>
      <c r="EG2275" s="163"/>
      <c r="EH2275" s="163"/>
      <c r="EI2275" s="163"/>
      <c r="EJ2275" s="163"/>
      <c r="EK2275" s="163"/>
      <c r="EL2275" s="172"/>
      <c r="EM2275" s="163"/>
      <c r="EN2275" s="163"/>
      <c r="EO2275" s="163"/>
      <c r="EP2275" s="163"/>
      <c r="EQ2275" s="163"/>
      <c r="ER2275" s="163"/>
      <c r="ES2275" s="163"/>
      <c r="ET2275" s="163"/>
      <c r="EU2275" s="163"/>
      <c r="EV2275" s="163"/>
      <c r="EW2275" s="163"/>
      <c r="EX2275" s="173"/>
      <c r="EY2275" s="172"/>
      <c r="EZ2275" s="163"/>
      <c r="FA2275" s="163"/>
      <c r="FB2275" s="163"/>
      <c r="FC2275" s="163"/>
      <c r="FD2275" s="163"/>
      <c r="FE2275" s="163"/>
      <c r="FF2275" s="163"/>
      <c r="FG2275" s="163"/>
      <c r="FH2275" s="163"/>
      <c r="FI2275" s="163"/>
      <c r="FJ2275" s="163"/>
      <c r="FK2275" s="163"/>
      <c r="FL2275" s="126"/>
      <c r="FM2275" s="91"/>
      <c r="FN2275" s="91"/>
      <c r="FO2275" s="91"/>
      <c r="FP2275" s="91"/>
      <c r="FQ2275" s="91"/>
      <c r="FR2275" s="91"/>
      <c r="FS2275" s="91"/>
      <c r="FT2275" s="91"/>
      <c r="FU2275" s="91"/>
      <c r="FV2275" s="91"/>
      <c r="FW2275" s="91"/>
      <c r="FX2275" s="91"/>
      <c r="FY2275" s="91"/>
      <c r="FZ2275" s="91"/>
      <c r="GA2275" s="91"/>
      <c r="GB2275" s="91"/>
      <c r="GC2275" s="91"/>
      <c r="GD2275" s="91"/>
      <c r="GE2275" s="91"/>
      <c r="GF2275" s="91"/>
      <c r="GG2275" s="91"/>
      <c r="GH2275" s="91"/>
      <c r="GI2275" s="91"/>
      <c r="GJ2275" s="91"/>
      <c r="GK2275" s="127"/>
      <c r="GL2275" s="126"/>
      <c r="GM2275" s="91"/>
      <c r="GN2275" s="91"/>
      <c r="GO2275" s="91"/>
      <c r="GP2275" s="91"/>
      <c r="GQ2275" s="91"/>
      <c r="GR2275" s="91"/>
      <c r="GS2275" s="91"/>
      <c r="GT2275" s="91"/>
      <c r="GU2275" s="91"/>
      <c r="GV2275" s="91"/>
      <c r="GW2275" s="91"/>
      <c r="GX2275" s="91"/>
      <c r="GY2275" s="91"/>
      <c r="GZ2275" s="91"/>
      <c r="HA2275" s="91"/>
      <c r="HB2275" s="91"/>
      <c r="HC2275" s="91"/>
      <c r="HD2275" s="91"/>
      <c r="HE2275" s="91"/>
      <c r="HF2275" s="91"/>
      <c r="HG2275" s="91"/>
      <c r="HH2275" s="91"/>
      <c r="HI2275" s="91"/>
      <c r="HJ2275" s="91"/>
      <c r="HK2275" s="127"/>
      <c r="HL2275" s="126"/>
      <c r="HM2275" s="91"/>
      <c r="HN2275" s="91"/>
      <c r="HO2275" s="91"/>
      <c r="HP2275" s="91"/>
      <c r="HQ2275" s="91"/>
      <c r="HR2275" s="91"/>
      <c r="HS2275" s="91"/>
      <c r="HT2275" s="91"/>
      <c r="HU2275" s="91"/>
      <c r="HV2275" s="91"/>
      <c r="HW2275" s="91"/>
      <c r="HX2275" s="91"/>
      <c r="HY2275" s="91"/>
      <c r="HZ2275" s="91"/>
      <c r="IA2275" s="91"/>
      <c r="IB2275" s="91"/>
      <c r="IC2275" s="91"/>
      <c r="ID2275" s="91"/>
      <c r="IE2275" s="91"/>
      <c r="IF2275" s="91"/>
      <c r="IG2275" s="91"/>
      <c r="IH2275" s="91"/>
      <c r="II2275" s="91"/>
      <c r="IJ2275" s="91"/>
      <c r="IK2275" s="127"/>
    </row>
    <row r="2276" spans="2:245" x14ac:dyDescent="0.2">
      <c r="B2276" s="43"/>
      <c r="C2276" s="73"/>
      <c r="D2276" s="64"/>
      <c r="E2276" s="64"/>
      <c r="F2276" s="55"/>
      <c r="G2276" s="102"/>
      <c r="H2276" s="55"/>
      <c r="I2276" s="55"/>
      <c r="J2276" s="55"/>
      <c r="K2276" s="55"/>
      <c r="L2276" s="55"/>
      <c r="M2276" s="55"/>
      <c r="N2276" s="55"/>
      <c r="O2276" s="55"/>
      <c r="P2276" s="55"/>
      <c r="Q2276" s="55"/>
      <c r="R2276" s="55"/>
      <c r="S2276" s="55"/>
      <c r="T2276" s="55"/>
      <c r="U2276" s="55"/>
      <c r="V2276" s="55"/>
      <c r="W2276" s="55"/>
      <c r="X2276" s="55"/>
      <c r="Y2276" s="55"/>
      <c r="Z2276" s="55"/>
      <c r="AA2276" s="55"/>
      <c r="AB2276" s="55"/>
      <c r="AC2276" s="55"/>
      <c r="AD2276" s="55"/>
      <c r="AE2276" s="55"/>
      <c r="AF2276" s="55"/>
      <c r="AG2276" s="55"/>
      <c r="AY2276" s="162"/>
      <c r="AZ2276" s="162"/>
      <c r="BA2276" s="162"/>
      <c r="BB2276" s="162"/>
      <c r="BC2276" s="162"/>
      <c r="BD2276" s="162"/>
      <c r="BE2276" s="162"/>
      <c r="BF2276" s="162"/>
      <c r="BG2276" s="162"/>
      <c r="BH2276" s="162"/>
      <c r="BI2276" s="162"/>
      <c r="BJ2276" s="162"/>
      <c r="BK2276" s="162"/>
      <c r="BL2276" s="162"/>
      <c r="BM2276" s="162"/>
      <c r="BN2276" s="162"/>
      <c r="BO2276" s="162"/>
      <c r="BP2276" s="162"/>
      <c r="BQ2276" s="162"/>
      <c r="BR2276" s="162"/>
      <c r="BS2276" s="162"/>
      <c r="BT2276" s="162"/>
      <c r="BU2276" s="162"/>
      <c r="BV2276" s="162"/>
      <c r="BW2276" s="162"/>
      <c r="BX2276" s="162"/>
      <c r="BY2276" s="162"/>
      <c r="BZ2276" s="162"/>
      <c r="CA2276" s="162"/>
      <c r="CB2276" s="162"/>
      <c r="CC2276" s="162"/>
      <c r="CD2276" s="162"/>
      <c r="CE2276" s="162"/>
      <c r="CF2276" s="162"/>
      <c r="CG2276" s="162"/>
      <c r="CH2276" s="162"/>
      <c r="CI2276" s="162"/>
      <c r="CJ2276" s="162"/>
      <c r="CK2276" s="162"/>
      <c r="CX2276" s="98"/>
      <c r="DL2276" s="97"/>
      <c r="DX2276" s="98"/>
      <c r="EL2276" s="97"/>
      <c r="EX2276" s="98"/>
      <c r="EY2276" s="97"/>
      <c r="FL2276" s="126"/>
      <c r="FM2276" s="91"/>
      <c r="FN2276" s="91"/>
      <c r="FO2276" s="91"/>
      <c r="FP2276" s="91"/>
      <c r="FQ2276" s="91"/>
      <c r="FR2276" s="91"/>
      <c r="FS2276" s="91"/>
      <c r="FT2276" s="91"/>
      <c r="FU2276" s="91"/>
      <c r="FV2276" s="91"/>
      <c r="FW2276" s="91"/>
      <c r="FX2276" s="91"/>
      <c r="FY2276" s="91"/>
      <c r="FZ2276" s="91"/>
      <c r="GA2276" s="91"/>
      <c r="GB2276" s="91"/>
      <c r="GC2276" s="91"/>
      <c r="GD2276" s="91"/>
      <c r="GE2276" s="91"/>
      <c r="GF2276" s="91"/>
      <c r="GG2276" s="91"/>
      <c r="GH2276" s="91"/>
      <c r="GI2276" s="91"/>
      <c r="GJ2276" s="91"/>
      <c r="GK2276" s="127"/>
      <c r="GL2276" s="126"/>
      <c r="GM2276" s="91"/>
      <c r="GN2276" s="91"/>
      <c r="GO2276" s="91"/>
      <c r="GP2276" s="91"/>
      <c r="GQ2276" s="91"/>
      <c r="GR2276" s="91"/>
      <c r="GS2276" s="91"/>
      <c r="GT2276" s="91"/>
      <c r="GU2276" s="91"/>
      <c r="GV2276" s="91"/>
      <c r="GW2276" s="91"/>
      <c r="GX2276" s="91"/>
      <c r="GY2276" s="91"/>
      <c r="GZ2276" s="91"/>
      <c r="HA2276" s="91"/>
      <c r="HB2276" s="91"/>
      <c r="HC2276" s="91"/>
      <c r="HD2276" s="91"/>
      <c r="HE2276" s="91"/>
      <c r="HF2276" s="91"/>
      <c r="HG2276" s="91"/>
      <c r="HH2276" s="91"/>
      <c r="HI2276" s="91"/>
      <c r="HJ2276" s="91"/>
      <c r="HK2276" s="127"/>
      <c r="HL2276" s="126"/>
      <c r="HM2276" s="91"/>
      <c r="HN2276" s="91"/>
      <c r="HO2276" s="91"/>
      <c r="HP2276" s="91"/>
      <c r="HQ2276" s="91"/>
      <c r="HR2276" s="91"/>
      <c r="HS2276" s="91"/>
      <c r="HT2276" s="91"/>
      <c r="HU2276" s="91"/>
      <c r="HV2276" s="91"/>
      <c r="HW2276" s="91"/>
      <c r="HX2276" s="91"/>
      <c r="HY2276" s="91"/>
      <c r="HZ2276" s="91"/>
      <c r="IA2276" s="91"/>
      <c r="IB2276" s="91"/>
      <c r="IC2276" s="91"/>
      <c r="ID2276" s="91"/>
      <c r="IE2276" s="91"/>
      <c r="IF2276" s="91"/>
      <c r="IG2276" s="91"/>
      <c r="IH2276" s="91"/>
      <c r="II2276" s="91"/>
      <c r="IJ2276" s="91"/>
      <c r="IK2276" s="127"/>
    </row>
    <row r="2277" spans="2:245" x14ac:dyDescent="0.2">
      <c r="B2277" s="43"/>
      <c r="C2277" s="73"/>
      <c r="D2277" s="64"/>
      <c r="E2277" s="64"/>
      <c r="F2277" s="55"/>
      <c r="G2277" s="102"/>
      <c r="H2277" s="55"/>
      <c r="I2277" s="55"/>
      <c r="J2277" s="55"/>
      <c r="K2277" s="55"/>
      <c r="L2277" s="55"/>
      <c r="M2277" s="55"/>
      <c r="N2277" s="55"/>
      <c r="O2277" s="55"/>
      <c r="P2277" s="55"/>
      <c r="Q2277" s="55"/>
      <c r="R2277" s="55"/>
      <c r="S2277" s="55"/>
      <c r="T2277" s="55"/>
      <c r="U2277" s="55"/>
      <c r="V2277" s="55"/>
      <c r="W2277" s="55"/>
      <c r="X2277" s="55"/>
      <c r="Y2277" s="55"/>
      <c r="Z2277" s="55"/>
      <c r="AA2277" s="55"/>
      <c r="AB2277" s="55"/>
      <c r="AC2277" s="55"/>
      <c r="AD2277" s="55"/>
      <c r="AE2277" s="55"/>
      <c r="AF2277" s="55"/>
      <c r="AG2277" s="55"/>
      <c r="AY2277" s="162"/>
      <c r="AZ2277" s="162"/>
      <c r="BA2277" s="162"/>
      <c r="BB2277" s="162"/>
      <c r="BC2277" s="162"/>
      <c r="BD2277" s="162"/>
      <c r="BE2277" s="162"/>
      <c r="BF2277" s="162"/>
      <c r="BG2277" s="162"/>
      <c r="BH2277" s="162"/>
      <c r="BI2277" s="162"/>
      <c r="BJ2277" s="162"/>
      <c r="BK2277" s="162"/>
      <c r="BL2277" s="162"/>
      <c r="BM2277" s="162"/>
      <c r="BN2277" s="162"/>
      <c r="BO2277" s="162"/>
      <c r="BP2277" s="162"/>
      <c r="BQ2277" s="162"/>
      <c r="BR2277" s="162"/>
      <c r="BS2277" s="162"/>
      <c r="BT2277" s="162"/>
      <c r="BU2277" s="162"/>
      <c r="BV2277" s="162"/>
      <c r="BW2277" s="162"/>
      <c r="BX2277" s="162"/>
      <c r="BY2277" s="162"/>
      <c r="BZ2277" s="162"/>
      <c r="CA2277" s="162"/>
      <c r="CB2277" s="162"/>
      <c r="CC2277" s="162"/>
      <c r="CD2277" s="162"/>
      <c r="CE2277" s="162"/>
      <c r="CF2277" s="162"/>
      <c r="CG2277" s="162"/>
      <c r="CH2277" s="162"/>
      <c r="CI2277" s="162"/>
      <c r="CJ2277" s="162"/>
      <c r="CK2277" s="162"/>
      <c r="CX2277" s="98"/>
      <c r="DL2277" s="97"/>
      <c r="DX2277" s="98"/>
      <c r="EL2277" s="97"/>
      <c r="EX2277" s="98"/>
      <c r="EY2277" s="97"/>
      <c r="FL2277" s="126"/>
      <c r="FM2277" s="91"/>
      <c r="FN2277" s="91"/>
      <c r="FO2277" s="91"/>
      <c r="FP2277" s="91"/>
      <c r="FQ2277" s="91"/>
      <c r="FR2277" s="91"/>
      <c r="FS2277" s="91"/>
      <c r="FT2277" s="91"/>
      <c r="FU2277" s="91"/>
      <c r="FV2277" s="91"/>
      <c r="FW2277" s="91"/>
      <c r="FX2277" s="91"/>
      <c r="FY2277" s="91"/>
      <c r="FZ2277" s="91"/>
      <c r="GA2277" s="91"/>
      <c r="GB2277" s="91"/>
      <c r="GC2277" s="91"/>
      <c r="GD2277" s="91"/>
      <c r="GE2277" s="91"/>
      <c r="GF2277" s="91"/>
      <c r="GG2277" s="91"/>
      <c r="GH2277" s="91"/>
      <c r="GI2277" s="91"/>
      <c r="GJ2277" s="91"/>
      <c r="GK2277" s="127"/>
      <c r="GL2277" s="126"/>
      <c r="GM2277" s="91"/>
      <c r="GN2277" s="91"/>
      <c r="GO2277" s="91"/>
      <c r="GP2277" s="91"/>
      <c r="GQ2277" s="91"/>
      <c r="GR2277" s="91"/>
      <c r="GS2277" s="91"/>
      <c r="GT2277" s="91"/>
      <c r="GU2277" s="91"/>
      <c r="GV2277" s="91"/>
      <c r="GW2277" s="91"/>
      <c r="GX2277" s="91"/>
      <c r="GY2277" s="91"/>
      <c r="GZ2277" s="91"/>
      <c r="HA2277" s="91"/>
      <c r="HB2277" s="91"/>
      <c r="HC2277" s="91"/>
      <c r="HD2277" s="91"/>
      <c r="HE2277" s="91"/>
      <c r="HF2277" s="91"/>
      <c r="HG2277" s="91"/>
      <c r="HH2277" s="91"/>
      <c r="HI2277" s="91"/>
      <c r="HJ2277" s="91"/>
      <c r="HK2277" s="127"/>
      <c r="HL2277" s="126"/>
      <c r="HM2277" s="91"/>
      <c r="HN2277" s="91"/>
      <c r="HO2277" s="91"/>
      <c r="HP2277" s="91"/>
      <c r="HQ2277" s="91"/>
      <c r="HR2277" s="91"/>
      <c r="HS2277" s="91"/>
      <c r="HT2277" s="91"/>
      <c r="HU2277" s="91"/>
      <c r="HV2277" s="91"/>
      <c r="HW2277" s="91"/>
      <c r="HX2277" s="91"/>
      <c r="HY2277" s="91"/>
      <c r="HZ2277" s="91"/>
      <c r="IA2277" s="91"/>
      <c r="IB2277" s="91"/>
      <c r="IC2277" s="91"/>
      <c r="ID2277" s="91"/>
      <c r="IE2277" s="91"/>
      <c r="IF2277" s="91"/>
      <c r="IG2277" s="91"/>
      <c r="IH2277" s="91"/>
      <c r="II2277" s="91"/>
      <c r="IJ2277" s="91"/>
      <c r="IK2277" s="127"/>
    </row>
    <row r="2278" spans="2:245" x14ac:dyDescent="0.2">
      <c r="B2278" s="43"/>
      <c r="C2278" s="73"/>
      <c r="D2278" s="64"/>
      <c r="E2278" s="64"/>
      <c r="F2278" s="55"/>
      <c r="G2278" s="102"/>
      <c r="H2278" s="55"/>
      <c r="I2278" s="55"/>
      <c r="J2278" s="55"/>
      <c r="K2278" s="55"/>
      <c r="L2278" s="55"/>
      <c r="M2278" s="55"/>
      <c r="N2278" s="55"/>
      <c r="O2278" s="55"/>
      <c r="P2278" s="55"/>
      <c r="Q2278" s="55"/>
      <c r="R2278" s="55"/>
      <c r="S2278" s="55"/>
      <c r="T2278" s="55"/>
      <c r="U2278" s="55"/>
      <c r="V2278" s="55"/>
      <c r="W2278" s="55"/>
      <c r="X2278" s="55"/>
      <c r="Y2278" s="55"/>
      <c r="Z2278" s="55"/>
      <c r="AA2278" s="55"/>
      <c r="AB2278" s="55"/>
      <c r="AC2278" s="55"/>
      <c r="AD2278" s="55"/>
      <c r="AE2278" s="55"/>
      <c r="AF2278" s="55"/>
      <c r="AG2278" s="55"/>
      <c r="AY2278" s="162"/>
      <c r="AZ2278" s="162"/>
      <c r="BA2278" s="162"/>
      <c r="BB2278" s="162"/>
      <c r="BC2278" s="162"/>
      <c r="BD2278" s="162"/>
      <c r="BE2278" s="162"/>
      <c r="BF2278" s="162"/>
      <c r="BG2278" s="162"/>
      <c r="BH2278" s="162"/>
      <c r="BI2278" s="162"/>
      <c r="BJ2278" s="162"/>
      <c r="BK2278" s="162"/>
      <c r="BL2278" s="162"/>
      <c r="BM2278" s="162"/>
      <c r="BN2278" s="162"/>
      <c r="BO2278" s="162"/>
      <c r="BP2278" s="162"/>
      <c r="BQ2278" s="162"/>
      <c r="BR2278" s="162"/>
      <c r="BS2278" s="162"/>
      <c r="BT2278" s="162"/>
      <c r="BU2278" s="162"/>
      <c r="BV2278" s="162"/>
      <c r="BW2278" s="162"/>
      <c r="BX2278" s="162"/>
      <c r="BY2278" s="162"/>
      <c r="BZ2278" s="162"/>
      <c r="CA2278" s="162"/>
      <c r="CB2278" s="162"/>
      <c r="CC2278" s="162"/>
      <c r="CD2278" s="162"/>
      <c r="CE2278" s="162"/>
      <c r="CF2278" s="162"/>
      <c r="CG2278" s="162"/>
      <c r="CH2278" s="162"/>
      <c r="CI2278" s="162"/>
      <c r="CJ2278" s="162"/>
      <c r="CK2278" s="162"/>
      <c r="CX2278" s="98"/>
      <c r="DL2278" s="97"/>
      <c r="DX2278" s="98"/>
      <c r="EL2278" s="97"/>
      <c r="EX2278" s="98"/>
      <c r="EY2278" s="97"/>
      <c r="FL2278" s="126"/>
      <c r="FM2278" s="91"/>
      <c r="FN2278" s="91"/>
      <c r="FO2278" s="91"/>
      <c r="FP2278" s="91"/>
      <c r="FQ2278" s="91"/>
      <c r="FR2278" s="91"/>
      <c r="FS2278" s="91"/>
      <c r="FT2278" s="91"/>
      <c r="FU2278" s="91"/>
      <c r="FV2278" s="91"/>
      <c r="FW2278" s="91"/>
      <c r="FX2278" s="91"/>
      <c r="FY2278" s="91"/>
      <c r="FZ2278" s="91"/>
      <c r="GA2278" s="91"/>
      <c r="GB2278" s="91"/>
      <c r="GC2278" s="91"/>
      <c r="GD2278" s="91"/>
      <c r="GE2278" s="91"/>
      <c r="GF2278" s="91"/>
      <c r="GG2278" s="91"/>
      <c r="GH2278" s="91"/>
      <c r="GI2278" s="91"/>
      <c r="GJ2278" s="91"/>
      <c r="GK2278" s="127"/>
      <c r="GL2278" s="126"/>
      <c r="GM2278" s="91"/>
      <c r="GN2278" s="91"/>
      <c r="GO2278" s="91"/>
      <c r="GP2278" s="91"/>
      <c r="GQ2278" s="91"/>
      <c r="GR2278" s="91"/>
      <c r="GS2278" s="91"/>
      <c r="GT2278" s="91"/>
      <c r="GU2278" s="91"/>
      <c r="GV2278" s="91"/>
      <c r="GW2278" s="91"/>
      <c r="GX2278" s="91"/>
      <c r="GY2278" s="91"/>
      <c r="GZ2278" s="91"/>
      <c r="HA2278" s="91"/>
      <c r="HB2278" s="91"/>
      <c r="HC2278" s="91"/>
      <c r="HD2278" s="91"/>
      <c r="HE2278" s="91"/>
      <c r="HF2278" s="91"/>
      <c r="HG2278" s="91"/>
      <c r="HH2278" s="91"/>
      <c r="HI2278" s="91"/>
      <c r="HJ2278" s="91"/>
      <c r="HK2278" s="127"/>
      <c r="HL2278" s="126"/>
      <c r="HM2278" s="91"/>
      <c r="HN2278" s="91"/>
      <c r="HO2278" s="91"/>
      <c r="HP2278" s="91"/>
      <c r="HQ2278" s="91"/>
      <c r="HR2278" s="91"/>
      <c r="HS2278" s="91"/>
      <c r="HT2278" s="91"/>
      <c r="HU2278" s="91"/>
      <c r="HV2278" s="91"/>
      <c r="HW2278" s="91"/>
      <c r="HX2278" s="91"/>
      <c r="HY2278" s="91"/>
      <c r="HZ2278" s="91"/>
      <c r="IA2278" s="91"/>
      <c r="IB2278" s="91"/>
      <c r="IC2278" s="91"/>
      <c r="ID2278" s="91"/>
      <c r="IE2278" s="91"/>
      <c r="IF2278" s="91"/>
      <c r="IG2278" s="91"/>
      <c r="IH2278" s="91"/>
      <c r="II2278" s="91"/>
      <c r="IJ2278" s="91"/>
      <c r="IK2278" s="127"/>
    </row>
    <row r="2279" spans="2:245" x14ac:dyDescent="0.2">
      <c r="B2279" s="43"/>
      <c r="C2279" s="73"/>
      <c r="D2279" s="64"/>
      <c r="E2279" s="64"/>
      <c r="F2279" s="55"/>
      <c r="G2279" s="102"/>
      <c r="H2279" s="55"/>
      <c r="I2279" s="55"/>
      <c r="J2279" s="55"/>
      <c r="K2279" s="55"/>
      <c r="L2279" s="55"/>
      <c r="M2279" s="55"/>
      <c r="N2279" s="55"/>
      <c r="O2279" s="55"/>
      <c r="P2279" s="55"/>
      <c r="Q2279" s="55"/>
      <c r="R2279" s="55"/>
      <c r="S2279" s="55"/>
      <c r="T2279" s="55"/>
      <c r="U2279" s="55"/>
      <c r="V2279" s="55"/>
      <c r="W2279" s="55"/>
      <c r="X2279" s="55"/>
      <c r="Y2279" s="55"/>
      <c r="Z2279" s="55"/>
      <c r="AA2279" s="55"/>
      <c r="AB2279" s="55"/>
      <c r="AC2279" s="55"/>
      <c r="AD2279" s="55"/>
      <c r="AE2279" s="55"/>
      <c r="AF2279" s="55"/>
      <c r="AG2279" s="55"/>
      <c r="AY2279" s="162"/>
      <c r="AZ2279" s="162"/>
      <c r="BA2279" s="162"/>
      <c r="BB2279" s="162"/>
      <c r="BC2279" s="162"/>
      <c r="BD2279" s="162"/>
      <c r="BE2279" s="162"/>
      <c r="BF2279" s="162"/>
      <c r="BG2279" s="162"/>
      <c r="BH2279" s="162"/>
      <c r="BI2279" s="162"/>
      <c r="BJ2279" s="162"/>
      <c r="BK2279" s="162"/>
      <c r="BL2279" s="162"/>
      <c r="BM2279" s="162"/>
      <c r="BN2279" s="162"/>
      <c r="BO2279" s="162"/>
      <c r="BP2279" s="162"/>
      <c r="BQ2279" s="162"/>
      <c r="BR2279" s="162"/>
      <c r="BS2279" s="162"/>
      <c r="BT2279" s="162"/>
      <c r="BU2279" s="162"/>
      <c r="BV2279" s="162"/>
      <c r="BW2279" s="162"/>
      <c r="BX2279" s="162"/>
      <c r="BY2279" s="162"/>
      <c r="BZ2279" s="162"/>
      <c r="CA2279" s="162"/>
      <c r="CB2279" s="162"/>
      <c r="CC2279" s="162"/>
      <c r="CD2279" s="162"/>
      <c r="CE2279" s="162"/>
      <c r="CF2279" s="162"/>
      <c r="CG2279" s="162"/>
      <c r="CH2279" s="162"/>
      <c r="CI2279" s="162"/>
      <c r="CJ2279" s="162"/>
      <c r="CK2279" s="162"/>
      <c r="CX2279" s="98"/>
      <c r="DL2279" s="97"/>
      <c r="DX2279" s="98"/>
      <c r="EL2279" s="97"/>
      <c r="EX2279" s="98"/>
      <c r="EY2279" s="97"/>
      <c r="FL2279" s="126"/>
      <c r="FM2279" s="91"/>
      <c r="FN2279" s="91"/>
      <c r="FO2279" s="91"/>
      <c r="FP2279" s="91"/>
      <c r="FQ2279" s="91"/>
      <c r="FR2279" s="91"/>
      <c r="FS2279" s="91"/>
      <c r="FT2279" s="91"/>
      <c r="FU2279" s="91"/>
      <c r="FV2279" s="91"/>
      <c r="FW2279" s="91"/>
      <c r="FX2279" s="91"/>
      <c r="FY2279" s="91"/>
      <c r="FZ2279" s="91"/>
      <c r="GA2279" s="91"/>
      <c r="GB2279" s="91"/>
      <c r="GC2279" s="91"/>
      <c r="GD2279" s="91"/>
      <c r="GE2279" s="91"/>
      <c r="GF2279" s="91"/>
      <c r="GG2279" s="91"/>
      <c r="GH2279" s="91"/>
      <c r="GI2279" s="91"/>
      <c r="GJ2279" s="91"/>
      <c r="GK2279" s="127"/>
      <c r="GL2279" s="126"/>
      <c r="GM2279" s="91"/>
      <c r="GN2279" s="91"/>
      <c r="GO2279" s="91"/>
      <c r="GP2279" s="91"/>
      <c r="GQ2279" s="91"/>
      <c r="GR2279" s="91"/>
      <c r="GS2279" s="91"/>
      <c r="GT2279" s="91"/>
      <c r="GU2279" s="91"/>
      <c r="GV2279" s="91"/>
      <c r="GW2279" s="91"/>
      <c r="GX2279" s="91"/>
      <c r="GY2279" s="91"/>
      <c r="GZ2279" s="91"/>
      <c r="HA2279" s="91"/>
      <c r="HB2279" s="91"/>
      <c r="HC2279" s="91"/>
      <c r="HD2279" s="91"/>
      <c r="HE2279" s="91"/>
      <c r="HF2279" s="91"/>
      <c r="HG2279" s="91"/>
      <c r="HH2279" s="91"/>
      <c r="HI2279" s="91"/>
      <c r="HJ2279" s="91"/>
      <c r="HK2279" s="127"/>
      <c r="HL2279" s="126"/>
      <c r="HM2279" s="91"/>
      <c r="HN2279" s="91"/>
      <c r="HO2279" s="91"/>
      <c r="HP2279" s="91"/>
      <c r="HQ2279" s="91"/>
      <c r="HR2279" s="91"/>
      <c r="HS2279" s="91"/>
      <c r="HT2279" s="91"/>
      <c r="HU2279" s="91"/>
      <c r="HV2279" s="91"/>
      <c r="HW2279" s="91"/>
      <c r="HX2279" s="91"/>
      <c r="HY2279" s="91"/>
      <c r="HZ2279" s="91"/>
      <c r="IA2279" s="91"/>
      <c r="IB2279" s="91"/>
      <c r="IC2279" s="91"/>
      <c r="ID2279" s="91"/>
      <c r="IE2279" s="91"/>
      <c r="IF2279" s="91"/>
      <c r="IG2279" s="91"/>
      <c r="IH2279" s="91"/>
      <c r="II2279" s="91"/>
      <c r="IJ2279" s="91"/>
      <c r="IK2279" s="127"/>
    </row>
    <row r="2280" spans="2:245" x14ac:dyDescent="0.2">
      <c r="B2280" s="43"/>
      <c r="C2280" s="73"/>
      <c r="D2280" s="64"/>
      <c r="E2280" s="64"/>
      <c r="F2280" s="55"/>
      <c r="G2280" s="102"/>
      <c r="H2280" s="55"/>
      <c r="I2280" s="55"/>
      <c r="J2280" s="55"/>
      <c r="K2280" s="55"/>
      <c r="L2280" s="55"/>
      <c r="M2280" s="55"/>
      <c r="N2280" s="55"/>
      <c r="O2280" s="55"/>
      <c r="P2280" s="55"/>
      <c r="Q2280" s="55"/>
      <c r="R2280" s="55"/>
      <c r="S2280" s="55"/>
      <c r="T2280" s="55"/>
      <c r="U2280" s="55"/>
      <c r="V2280" s="55"/>
      <c r="W2280" s="55"/>
      <c r="X2280" s="55"/>
      <c r="Y2280" s="55"/>
      <c r="Z2280" s="55"/>
      <c r="AA2280" s="55"/>
      <c r="AB2280" s="55"/>
      <c r="AC2280" s="55"/>
      <c r="AD2280" s="55"/>
      <c r="AE2280" s="55"/>
      <c r="AF2280" s="55"/>
      <c r="AG2280" s="55"/>
      <c r="AY2280" s="162"/>
      <c r="AZ2280" s="162"/>
      <c r="BA2280" s="162"/>
      <c r="BB2280" s="162"/>
      <c r="BC2280" s="162"/>
      <c r="BD2280" s="162"/>
      <c r="BE2280" s="162"/>
      <c r="BF2280" s="162"/>
      <c r="BG2280" s="162"/>
      <c r="BH2280" s="162"/>
      <c r="BI2280" s="162"/>
      <c r="BJ2280" s="162"/>
      <c r="BK2280" s="162"/>
      <c r="BL2280" s="162"/>
      <c r="BM2280" s="162"/>
      <c r="BN2280" s="162"/>
      <c r="BO2280" s="162"/>
      <c r="BP2280" s="162"/>
      <c r="BQ2280" s="162"/>
      <c r="BR2280" s="162"/>
      <c r="BS2280" s="162"/>
      <c r="BT2280" s="162"/>
      <c r="BU2280" s="162"/>
      <c r="BV2280" s="162"/>
      <c r="BW2280" s="162"/>
      <c r="BX2280" s="162"/>
      <c r="BY2280" s="162"/>
      <c r="BZ2280" s="162"/>
      <c r="CA2280" s="162"/>
      <c r="CB2280" s="162"/>
      <c r="CC2280" s="162"/>
      <c r="CD2280" s="162"/>
      <c r="CE2280" s="162"/>
      <c r="CF2280" s="162"/>
      <c r="CG2280" s="162"/>
      <c r="CH2280" s="162"/>
      <c r="CI2280" s="162"/>
      <c r="CJ2280" s="162"/>
      <c r="CK2280" s="162"/>
      <c r="CX2280" s="98"/>
      <c r="DL2280" s="97"/>
      <c r="DX2280" s="98"/>
      <c r="EL2280" s="97"/>
      <c r="EX2280" s="98"/>
      <c r="EY2280" s="97"/>
      <c r="FL2280" s="126"/>
      <c r="FM2280" s="91"/>
      <c r="FN2280" s="91"/>
      <c r="FO2280" s="91"/>
      <c r="FP2280" s="91"/>
      <c r="FQ2280" s="91"/>
      <c r="FR2280" s="91"/>
      <c r="FS2280" s="91"/>
      <c r="FT2280" s="91"/>
      <c r="FU2280" s="91"/>
      <c r="FV2280" s="91"/>
      <c r="FW2280" s="91"/>
      <c r="FX2280" s="91"/>
      <c r="FY2280" s="91"/>
      <c r="FZ2280" s="91"/>
      <c r="GA2280" s="91"/>
      <c r="GB2280" s="91"/>
      <c r="GC2280" s="91"/>
      <c r="GD2280" s="91"/>
      <c r="GE2280" s="91"/>
      <c r="GF2280" s="91"/>
      <c r="GG2280" s="91"/>
      <c r="GH2280" s="91"/>
      <c r="GI2280" s="91"/>
      <c r="GJ2280" s="91"/>
      <c r="GK2280" s="127"/>
      <c r="GL2280" s="126"/>
      <c r="GM2280" s="91"/>
      <c r="GN2280" s="91"/>
      <c r="GO2280" s="91"/>
      <c r="GP2280" s="91"/>
      <c r="GQ2280" s="91"/>
      <c r="GR2280" s="91"/>
      <c r="GS2280" s="91"/>
      <c r="GT2280" s="91"/>
      <c r="GU2280" s="91"/>
      <c r="GV2280" s="91"/>
      <c r="GW2280" s="91"/>
      <c r="GX2280" s="91"/>
      <c r="GY2280" s="91"/>
      <c r="GZ2280" s="91"/>
      <c r="HA2280" s="91"/>
      <c r="HB2280" s="91"/>
      <c r="HC2280" s="91"/>
      <c r="HD2280" s="91"/>
      <c r="HE2280" s="91"/>
      <c r="HF2280" s="91"/>
      <c r="HG2280" s="91"/>
      <c r="HH2280" s="91"/>
      <c r="HI2280" s="91"/>
      <c r="HJ2280" s="91"/>
      <c r="HK2280" s="127"/>
      <c r="HL2280" s="126"/>
      <c r="HM2280" s="91"/>
      <c r="HN2280" s="91"/>
      <c r="HO2280" s="91"/>
      <c r="HP2280" s="91"/>
      <c r="HQ2280" s="91"/>
      <c r="HR2280" s="91"/>
      <c r="HS2280" s="91"/>
      <c r="HT2280" s="91"/>
      <c r="HU2280" s="91"/>
      <c r="HV2280" s="91"/>
      <c r="HW2280" s="91"/>
      <c r="HX2280" s="91"/>
      <c r="HY2280" s="91"/>
      <c r="HZ2280" s="91"/>
      <c r="IA2280" s="91"/>
      <c r="IB2280" s="91"/>
      <c r="IC2280" s="91"/>
      <c r="ID2280" s="91"/>
      <c r="IE2280" s="91"/>
      <c r="IF2280" s="91"/>
      <c r="IG2280" s="91"/>
      <c r="IH2280" s="91"/>
      <c r="II2280" s="91"/>
      <c r="IJ2280" s="91"/>
      <c r="IK2280" s="127"/>
    </row>
    <row r="2281" spans="2:245" x14ac:dyDescent="0.2">
      <c r="B2281" s="43"/>
      <c r="C2281" s="73"/>
      <c r="D2281" s="64"/>
      <c r="E2281" s="64"/>
      <c r="F2281" s="55"/>
      <c r="G2281" s="102"/>
      <c r="H2281" s="55"/>
      <c r="I2281" s="55"/>
      <c r="J2281" s="55"/>
      <c r="K2281" s="55"/>
      <c r="L2281" s="55"/>
      <c r="M2281" s="55"/>
      <c r="N2281" s="55"/>
      <c r="O2281" s="55"/>
      <c r="P2281" s="55"/>
      <c r="Q2281" s="55"/>
      <c r="R2281" s="55"/>
      <c r="S2281" s="55"/>
      <c r="T2281" s="55"/>
      <c r="U2281" s="55"/>
      <c r="V2281" s="55"/>
      <c r="W2281" s="55"/>
      <c r="X2281" s="55"/>
      <c r="Y2281" s="55"/>
      <c r="Z2281" s="55"/>
      <c r="AA2281" s="55"/>
      <c r="AB2281" s="55"/>
      <c r="AC2281" s="55"/>
      <c r="AD2281" s="55"/>
      <c r="AE2281" s="55"/>
      <c r="AF2281" s="55"/>
      <c r="AG2281" s="55"/>
      <c r="AY2281" s="162"/>
      <c r="AZ2281" s="162"/>
      <c r="BA2281" s="162"/>
      <c r="BB2281" s="162"/>
      <c r="BC2281" s="162"/>
      <c r="BD2281" s="162"/>
      <c r="BE2281" s="162"/>
      <c r="BF2281" s="162"/>
      <c r="BG2281" s="162"/>
      <c r="BH2281" s="162"/>
      <c r="BI2281" s="162"/>
      <c r="BJ2281" s="162"/>
      <c r="BK2281" s="162"/>
      <c r="BL2281" s="162"/>
      <c r="BM2281" s="162"/>
      <c r="BN2281" s="162"/>
      <c r="BO2281" s="162"/>
      <c r="BP2281" s="162"/>
      <c r="BQ2281" s="162"/>
      <c r="BR2281" s="162"/>
      <c r="BS2281" s="162"/>
      <c r="BT2281" s="162"/>
      <c r="BU2281" s="162"/>
      <c r="BV2281" s="162"/>
      <c r="BW2281" s="162"/>
      <c r="BX2281" s="162"/>
      <c r="BY2281" s="162"/>
      <c r="BZ2281" s="162"/>
      <c r="CA2281" s="162"/>
      <c r="CB2281" s="162"/>
      <c r="CC2281" s="162"/>
      <c r="CD2281" s="162"/>
      <c r="CE2281" s="162"/>
      <c r="CF2281" s="162"/>
      <c r="CG2281" s="162"/>
      <c r="CH2281" s="162"/>
      <c r="CI2281" s="162"/>
      <c r="CJ2281" s="162"/>
      <c r="CK2281" s="162"/>
      <c r="CX2281" s="98"/>
      <c r="DL2281" s="97"/>
      <c r="DX2281" s="98"/>
      <c r="EL2281" s="97"/>
      <c r="EX2281" s="98"/>
      <c r="EY2281" s="97"/>
      <c r="FL2281" s="126"/>
      <c r="FM2281" s="91"/>
      <c r="FN2281" s="91"/>
      <c r="FO2281" s="91"/>
      <c r="FP2281" s="91"/>
      <c r="FQ2281" s="91"/>
      <c r="FR2281" s="91"/>
      <c r="FS2281" s="91"/>
      <c r="FT2281" s="91"/>
      <c r="FU2281" s="91"/>
      <c r="FV2281" s="91"/>
      <c r="FW2281" s="91"/>
      <c r="FX2281" s="91"/>
      <c r="FY2281" s="91"/>
      <c r="FZ2281" s="91"/>
      <c r="GA2281" s="91"/>
      <c r="GB2281" s="91"/>
      <c r="GC2281" s="91"/>
      <c r="GD2281" s="91"/>
      <c r="GE2281" s="91"/>
      <c r="GF2281" s="91"/>
      <c r="GG2281" s="91"/>
      <c r="GH2281" s="91"/>
      <c r="GI2281" s="91"/>
      <c r="GJ2281" s="91"/>
      <c r="GK2281" s="127"/>
      <c r="GL2281" s="126"/>
      <c r="GM2281" s="91"/>
      <c r="GN2281" s="91"/>
      <c r="GO2281" s="91"/>
      <c r="GP2281" s="91"/>
      <c r="GQ2281" s="91"/>
      <c r="GR2281" s="91"/>
      <c r="GS2281" s="91"/>
      <c r="GT2281" s="91"/>
      <c r="GU2281" s="91"/>
      <c r="GV2281" s="91"/>
      <c r="GW2281" s="91"/>
      <c r="GX2281" s="91"/>
      <c r="GY2281" s="91"/>
      <c r="GZ2281" s="91"/>
      <c r="HA2281" s="91"/>
      <c r="HB2281" s="91"/>
      <c r="HC2281" s="91"/>
      <c r="HD2281" s="91"/>
      <c r="HE2281" s="91"/>
      <c r="HF2281" s="91"/>
      <c r="HG2281" s="91"/>
      <c r="HH2281" s="91"/>
      <c r="HI2281" s="91"/>
      <c r="HJ2281" s="91"/>
      <c r="HK2281" s="127"/>
      <c r="HL2281" s="126"/>
      <c r="HM2281" s="91"/>
      <c r="HN2281" s="91"/>
      <c r="HO2281" s="91"/>
      <c r="HP2281" s="91"/>
      <c r="HQ2281" s="91"/>
      <c r="HR2281" s="91"/>
      <c r="HS2281" s="91"/>
      <c r="HT2281" s="91"/>
      <c r="HU2281" s="91"/>
      <c r="HV2281" s="91"/>
      <c r="HW2281" s="91"/>
      <c r="HX2281" s="91"/>
      <c r="HY2281" s="91"/>
      <c r="HZ2281" s="91"/>
      <c r="IA2281" s="91"/>
      <c r="IB2281" s="91"/>
      <c r="IC2281" s="91"/>
      <c r="ID2281" s="91"/>
      <c r="IE2281" s="91"/>
      <c r="IF2281" s="91"/>
      <c r="IG2281" s="91"/>
      <c r="IH2281" s="91"/>
      <c r="II2281" s="91"/>
      <c r="IJ2281" s="91"/>
      <c r="IK2281" s="127"/>
    </row>
    <row r="2282" spans="2:245" x14ac:dyDescent="0.2">
      <c r="B2282" s="43"/>
      <c r="C2282" s="73"/>
      <c r="D2282" s="64"/>
      <c r="E2282" s="64"/>
      <c r="F2282" s="55"/>
      <c r="G2282" s="102"/>
      <c r="H2282" s="55"/>
      <c r="I2282" s="55"/>
      <c r="J2282" s="55"/>
      <c r="K2282" s="55"/>
      <c r="L2282" s="55"/>
      <c r="M2282" s="55"/>
      <c r="N2282" s="55"/>
      <c r="O2282" s="55"/>
      <c r="P2282" s="55"/>
      <c r="Q2282" s="55"/>
      <c r="R2282" s="55"/>
      <c r="S2282" s="55"/>
      <c r="T2282" s="55"/>
      <c r="U2282" s="55"/>
      <c r="V2282" s="55"/>
      <c r="W2282" s="55"/>
      <c r="X2282" s="55"/>
      <c r="Y2282" s="55"/>
      <c r="Z2282" s="55"/>
      <c r="AA2282" s="55"/>
      <c r="AB2282" s="55"/>
      <c r="AC2282" s="55"/>
      <c r="AD2282" s="55"/>
      <c r="AE2282" s="55"/>
      <c r="AF2282" s="55"/>
      <c r="AG2282" s="55"/>
      <c r="AY2282" s="162"/>
      <c r="AZ2282" s="162"/>
      <c r="BA2282" s="162"/>
      <c r="BB2282" s="162"/>
      <c r="BC2282" s="162"/>
      <c r="BD2282" s="162"/>
      <c r="BE2282" s="162"/>
      <c r="BF2282" s="162"/>
      <c r="BG2282" s="162"/>
      <c r="BH2282" s="162"/>
      <c r="BI2282" s="162"/>
      <c r="BJ2282" s="162"/>
      <c r="BK2282" s="162"/>
      <c r="BL2282" s="162"/>
      <c r="BM2282" s="162"/>
      <c r="BN2282" s="162"/>
      <c r="BO2282" s="162"/>
      <c r="BP2282" s="162"/>
      <c r="BQ2282" s="162"/>
      <c r="BR2282" s="162"/>
      <c r="BS2282" s="162"/>
      <c r="BT2282" s="162"/>
      <c r="BU2282" s="162"/>
      <c r="BV2282" s="162"/>
      <c r="BW2282" s="162"/>
      <c r="BX2282" s="162"/>
      <c r="BY2282" s="162"/>
      <c r="BZ2282" s="162"/>
      <c r="CA2282" s="162"/>
      <c r="CB2282" s="162"/>
      <c r="CC2282" s="162"/>
      <c r="CD2282" s="162"/>
      <c r="CE2282" s="162"/>
      <c r="CF2282" s="162"/>
      <c r="CG2282" s="162"/>
      <c r="CH2282" s="162"/>
      <c r="CI2282" s="162"/>
      <c r="CJ2282" s="162"/>
      <c r="CK2282" s="162"/>
      <c r="CX2282" s="98"/>
      <c r="DL2282" s="97"/>
      <c r="DX2282" s="98"/>
      <c r="EL2282" s="97"/>
      <c r="EX2282" s="98"/>
      <c r="EY2282" s="97"/>
      <c r="FL2282" s="126"/>
      <c r="FM2282" s="91"/>
      <c r="FN2282" s="91"/>
      <c r="FO2282" s="91"/>
      <c r="FP2282" s="91"/>
      <c r="FQ2282" s="91"/>
      <c r="FR2282" s="91"/>
      <c r="FS2282" s="91"/>
      <c r="FT2282" s="91"/>
      <c r="FU2282" s="91"/>
      <c r="FV2282" s="91"/>
      <c r="FW2282" s="91"/>
      <c r="FX2282" s="91"/>
      <c r="FY2282" s="91"/>
      <c r="FZ2282" s="91"/>
      <c r="GA2282" s="91"/>
      <c r="GB2282" s="91"/>
      <c r="GC2282" s="91"/>
      <c r="GD2282" s="91"/>
      <c r="GE2282" s="91"/>
      <c r="GF2282" s="91"/>
      <c r="GG2282" s="91"/>
      <c r="GH2282" s="91"/>
      <c r="GI2282" s="91"/>
      <c r="GJ2282" s="91"/>
      <c r="GK2282" s="127"/>
      <c r="GL2282" s="126"/>
      <c r="GM2282" s="91"/>
      <c r="GN2282" s="91"/>
      <c r="GO2282" s="91"/>
      <c r="GP2282" s="91"/>
      <c r="GQ2282" s="91"/>
      <c r="GR2282" s="91"/>
      <c r="GS2282" s="91"/>
      <c r="GT2282" s="91"/>
      <c r="GU2282" s="91"/>
      <c r="GV2282" s="91"/>
      <c r="GW2282" s="91"/>
      <c r="GX2282" s="91"/>
      <c r="GY2282" s="91"/>
      <c r="GZ2282" s="91"/>
      <c r="HA2282" s="91"/>
      <c r="HB2282" s="91"/>
      <c r="HC2282" s="91"/>
      <c r="HD2282" s="91"/>
      <c r="HE2282" s="91"/>
      <c r="HF2282" s="91"/>
      <c r="HG2282" s="91"/>
      <c r="HH2282" s="91"/>
      <c r="HI2282" s="91"/>
      <c r="HJ2282" s="91"/>
      <c r="HK2282" s="127"/>
      <c r="HL2282" s="126"/>
      <c r="HM2282" s="91"/>
      <c r="HN2282" s="91"/>
      <c r="HO2282" s="91"/>
      <c r="HP2282" s="91"/>
      <c r="HQ2282" s="91"/>
      <c r="HR2282" s="91"/>
      <c r="HS2282" s="91"/>
      <c r="HT2282" s="91"/>
      <c r="HU2282" s="91"/>
      <c r="HV2282" s="91"/>
      <c r="HW2282" s="91"/>
      <c r="HX2282" s="91"/>
      <c r="HY2282" s="91"/>
      <c r="HZ2282" s="91"/>
      <c r="IA2282" s="91"/>
      <c r="IB2282" s="91"/>
      <c r="IC2282" s="91"/>
      <c r="ID2282" s="91"/>
      <c r="IE2282" s="91"/>
      <c r="IF2282" s="91"/>
      <c r="IG2282" s="91"/>
      <c r="IH2282" s="91"/>
      <c r="II2282" s="91"/>
      <c r="IJ2282" s="91"/>
      <c r="IK2282" s="127"/>
    </row>
    <row r="2283" spans="2:245" x14ac:dyDescent="0.2">
      <c r="B2283" s="43"/>
      <c r="C2283" s="73"/>
      <c r="D2283" s="64"/>
      <c r="E2283" s="64"/>
      <c r="F2283" s="55"/>
      <c r="G2283" s="102"/>
      <c r="H2283" s="55"/>
      <c r="I2283" s="55"/>
      <c r="J2283" s="55"/>
      <c r="K2283" s="55"/>
      <c r="L2283" s="55"/>
      <c r="M2283" s="55"/>
      <c r="N2283" s="55"/>
      <c r="O2283" s="55"/>
      <c r="P2283" s="55"/>
      <c r="Q2283" s="55"/>
      <c r="R2283" s="55"/>
      <c r="S2283" s="55"/>
      <c r="T2283" s="55"/>
      <c r="U2283" s="55"/>
      <c r="V2283" s="55"/>
      <c r="W2283" s="55"/>
      <c r="X2283" s="55"/>
      <c r="Y2283" s="55"/>
      <c r="Z2283" s="55"/>
      <c r="AA2283" s="55"/>
      <c r="AB2283" s="55"/>
      <c r="AC2283" s="55"/>
      <c r="AD2283" s="55"/>
      <c r="AE2283" s="55"/>
      <c r="AF2283" s="55"/>
      <c r="AG2283" s="55"/>
      <c r="AY2283" s="162"/>
      <c r="AZ2283" s="162"/>
      <c r="BA2283" s="162"/>
      <c r="BB2283" s="162"/>
      <c r="BC2283" s="162"/>
      <c r="BD2283" s="162"/>
      <c r="BE2283" s="162"/>
      <c r="BF2283" s="162"/>
      <c r="BG2283" s="162"/>
      <c r="BH2283" s="162"/>
      <c r="BI2283" s="162"/>
      <c r="BJ2283" s="162"/>
      <c r="BK2283" s="162"/>
      <c r="BL2283" s="162"/>
      <c r="BM2283" s="162"/>
      <c r="BN2283" s="162"/>
      <c r="BO2283" s="162"/>
      <c r="BP2283" s="162"/>
      <c r="BQ2283" s="162"/>
      <c r="BR2283" s="162"/>
      <c r="BS2283" s="162"/>
      <c r="BT2283" s="162"/>
      <c r="BU2283" s="162"/>
      <c r="BV2283" s="162"/>
      <c r="BW2283" s="162"/>
      <c r="BX2283" s="162"/>
      <c r="BY2283" s="162"/>
      <c r="BZ2283" s="162"/>
      <c r="CA2283" s="162"/>
      <c r="CB2283" s="162"/>
      <c r="CC2283" s="162"/>
      <c r="CD2283" s="162"/>
      <c r="CE2283" s="162"/>
      <c r="CF2283" s="162"/>
      <c r="CG2283" s="162"/>
      <c r="CH2283" s="162"/>
      <c r="CI2283" s="162"/>
      <c r="CJ2283" s="162"/>
      <c r="CK2283" s="162"/>
      <c r="CX2283" s="98"/>
      <c r="DL2283" s="97"/>
      <c r="DX2283" s="98"/>
      <c r="EL2283" s="97"/>
      <c r="EX2283" s="98"/>
      <c r="EY2283" s="97"/>
      <c r="FL2283" s="126"/>
      <c r="FM2283" s="91"/>
      <c r="FN2283" s="91"/>
      <c r="FO2283" s="91"/>
      <c r="FP2283" s="91"/>
      <c r="FQ2283" s="91"/>
      <c r="FR2283" s="91"/>
      <c r="FS2283" s="91"/>
      <c r="FT2283" s="91"/>
      <c r="FU2283" s="91"/>
      <c r="FV2283" s="91"/>
      <c r="FW2283" s="91"/>
      <c r="FX2283" s="91"/>
      <c r="FY2283" s="91"/>
      <c r="FZ2283" s="91"/>
      <c r="GA2283" s="91"/>
      <c r="GB2283" s="91"/>
      <c r="GC2283" s="91"/>
      <c r="GD2283" s="91"/>
      <c r="GE2283" s="91"/>
      <c r="GF2283" s="91"/>
      <c r="GG2283" s="91"/>
      <c r="GH2283" s="91"/>
      <c r="GI2283" s="91"/>
      <c r="GJ2283" s="91"/>
      <c r="GK2283" s="127"/>
      <c r="GL2283" s="126"/>
      <c r="GM2283" s="91"/>
      <c r="GN2283" s="91"/>
      <c r="GO2283" s="91"/>
      <c r="GP2283" s="91"/>
      <c r="GQ2283" s="91"/>
      <c r="GR2283" s="91"/>
      <c r="GS2283" s="91"/>
      <c r="GT2283" s="91"/>
      <c r="GU2283" s="91"/>
      <c r="GV2283" s="91"/>
      <c r="GW2283" s="91"/>
      <c r="GX2283" s="91"/>
      <c r="GY2283" s="91"/>
      <c r="GZ2283" s="91"/>
      <c r="HA2283" s="91"/>
      <c r="HB2283" s="91"/>
      <c r="HC2283" s="91"/>
      <c r="HD2283" s="91"/>
      <c r="HE2283" s="91"/>
      <c r="HF2283" s="91"/>
      <c r="HG2283" s="91"/>
      <c r="HH2283" s="91"/>
      <c r="HI2283" s="91"/>
      <c r="HJ2283" s="91"/>
      <c r="HK2283" s="127"/>
      <c r="HL2283" s="126"/>
      <c r="HM2283" s="91"/>
      <c r="HN2283" s="91"/>
      <c r="HO2283" s="91"/>
      <c r="HP2283" s="91"/>
      <c r="HQ2283" s="91"/>
      <c r="HR2283" s="91"/>
      <c r="HS2283" s="91"/>
      <c r="HT2283" s="91"/>
      <c r="HU2283" s="91"/>
      <c r="HV2283" s="91"/>
      <c r="HW2283" s="91"/>
      <c r="HX2283" s="91"/>
      <c r="HY2283" s="91"/>
      <c r="HZ2283" s="91"/>
      <c r="IA2283" s="91"/>
      <c r="IB2283" s="91"/>
      <c r="IC2283" s="91"/>
      <c r="ID2283" s="91"/>
      <c r="IE2283" s="91"/>
      <c r="IF2283" s="91"/>
      <c r="IG2283" s="91"/>
      <c r="IH2283" s="91"/>
      <c r="II2283" s="91"/>
      <c r="IJ2283" s="91"/>
      <c r="IK2283" s="127"/>
    </row>
    <row r="2284" spans="2:245" x14ac:dyDescent="0.2">
      <c r="B2284" s="43"/>
      <c r="C2284" s="73"/>
      <c r="D2284" s="64"/>
      <c r="E2284" s="64"/>
      <c r="F2284" s="55"/>
      <c r="G2284" s="102"/>
      <c r="H2284" s="55"/>
      <c r="I2284" s="55"/>
      <c r="J2284" s="55"/>
      <c r="K2284" s="55"/>
      <c r="L2284" s="55"/>
      <c r="M2284" s="55"/>
      <c r="N2284" s="55"/>
      <c r="O2284" s="55"/>
      <c r="P2284" s="55"/>
      <c r="Q2284" s="55"/>
      <c r="R2284" s="55"/>
      <c r="S2284" s="55"/>
      <c r="T2284" s="55"/>
      <c r="U2284" s="55"/>
      <c r="V2284" s="55"/>
      <c r="W2284" s="55"/>
      <c r="X2284" s="55"/>
      <c r="Y2284" s="55"/>
      <c r="Z2284" s="55"/>
      <c r="AA2284" s="55"/>
      <c r="AB2284" s="55"/>
      <c r="AC2284" s="55"/>
      <c r="AD2284" s="55"/>
      <c r="AE2284" s="55"/>
      <c r="AF2284" s="55"/>
      <c r="AG2284" s="55"/>
      <c r="AY2284" s="162"/>
      <c r="AZ2284" s="162"/>
      <c r="BA2284" s="162"/>
      <c r="BB2284" s="162"/>
      <c r="BC2284" s="162"/>
      <c r="BD2284" s="162"/>
      <c r="BE2284" s="162"/>
      <c r="BF2284" s="162"/>
      <c r="BG2284" s="162"/>
      <c r="BH2284" s="162"/>
      <c r="BI2284" s="162"/>
      <c r="BJ2284" s="162"/>
      <c r="BK2284" s="162"/>
      <c r="BL2284" s="162"/>
      <c r="BM2284" s="162"/>
      <c r="BN2284" s="162"/>
      <c r="BO2284" s="162"/>
      <c r="BP2284" s="162"/>
      <c r="BQ2284" s="162"/>
      <c r="BR2284" s="162"/>
      <c r="BS2284" s="162"/>
      <c r="BT2284" s="162"/>
      <c r="BU2284" s="162"/>
      <c r="BV2284" s="162"/>
      <c r="BW2284" s="162"/>
      <c r="BX2284" s="162"/>
      <c r="BY2284" s="162"/>
      <c r="BZ2284" s="162"/>
      <c r="CA2284" s="162"/>
      <c r="CB2284" s="162"/>
      <c r="CC2284" s="162"/>
      <c r="CD2284" s="162"/>
      <c r="CE2284" s="162"/>
      <c r="CF2284" s="162"/>
      <c r="CG2284" s="162"/>
      <c r="CH2284" s="162"/>
      <c r="CI2284" s="162"/>
      <c r="CJ2284" s="162"/>
      <c r="CK2284" s="162"/>
      <c r="CX2284" s="98"/>
      <c r="DL2284" s="97"/>
      <c r="DX2284" s="98"/>
      <c r="EL2284" s="97"/>
      <c r="EX2284" s="98"/>
      <c r="EY2284" s="97"/>
      <c r="FL2284" s="126"/>
      <c r="FM2284" s="91"/>
      <c r="FN2284" s="91"/>
      <c r="FO2284" s="91"/>
      <c r="FP2284" s="91"/>
      <c r="FQ2284" s="91"/>
      <c r="FR2284" s="91"/>
      <c r="FS2284" s="91"/>
      <c r="FT2284" s="91"/>
      <c r="FU2284" s="91"/>
      <c r="FV2284" s="91"/>
      <c r="FW2284" s="91"/>
      <c r="FX2284" s="91"/>
      <c r="FY2284" s="91"/>
      <c r="FZ2284" s="91"/>
      <c r="GA2284" s="91"/>
      <c r="GB2284" s="91"/>
      <c r="GC2284" s="91"/>
      <c r="GD2284" s="91"/>
      <c r="GE2284" s="91"/>
      <c r="GF2284" s="91"/>
      <c r="GG2284" s="91"/>
      <c r="GH2284" s="91"/>
      <c r="GI2284" s="91"/>
      <c r="GJ2284" s="91"/>
      <c r="GK2284" s="127"/>
      <c r="GL2284" s="126"/>
      <c r="GM2284" s="91"/>
      <c r="GN2284" s="91"/>
      <c r="GO2284" s="91"/>
      <c r="GP2284" s="91"/>
      <c r="GQ2284" s="91"/>
      <c r="GR2284" s="91"/>
      <c r="GS2284" s="91"/>
      <c r="GT2284" s="91"/>
      <c r="GU2284" s="91"/>
      <c r="GV2284" s="91"/>
      <c r="GW2284" s="91"/>
      <c r="GX2284" s="91"/>
      <c r="GY2284" s="91"/>
      <c r="GZ2284" s="91"/>
      <c r="HA2284" s="91"/>
      <c r="HB2284" s="91"/>
      <c r="HC2284" s="91"/>
      <c r="HD2284" s="91"/>
      <c r="HE2284" s="91"/>
      <c r="HF2284" s="91"/>
      <c r="HG2284" s="91"/>
      <c r="HH2284" s="91"/>
      <c r="HI2284" s="91"/>
      <c r="HJ2284" s="91"/>
      <c r="HK2284" s="127"/>
      <c r="HL2284" s="126"/>
      <c r="HM2284" s="91"/>
      <c r="HN2284" s="91"/>
      <c r="HO2284" s="91"/>
      <c r="HP2284" s="91"/>
      <c r="HQ2284" s="91"/>
      <c r="HR2284" s="91"/>
      <c r="HS2284" s="91"/>
      <c r="HT2284" s="91"/>
      <c r="HU2284" s="91"/>
      <c r="HV2284" s="91"/>
      <c r="HW2284" s="91"/>
      <c r="HX2284" s="91"/>
      <c r="HY2284" s="91"/>
      <c r="HZ2284" s="91"/>
      <c r="IA2284" s="91"/>
      <c r="IB2284" s="91"/>
      <c r="IC2284" s="91"/>
      <c r="ID2284" s="91"/>
      <c r="IE2284" s="91"/>
      <c r="IF2284" s="91"/>
      <c r="IG2284" s="91"/>
      <c r="IH2284" s="91"/>
      <c r="II2284" s="91"/>
      <c r="IJ2284" s="91"/>
      <c r="IK2284" s="127"/>
    </row>
    <row r="2285" spans="2:245" x14ac:dyDescent="0.2">
      <c r="B2285" s="43"/>
      <c r="C2285" s="73"/>
      <c r="D2285" s="64"/>
      <c r="E2285" s="64"/>
      <c r="F2285" s="55"/>
      <c r="G2285" s="102"/>
      <c r="H2285" s="55"/>
      <c r="I2285" s="55"/>
      <c r="J2285" s="55"/>
      <c r="K2285" s="55"/>
      <c r="L2285" s="55"/>
      <c r="M2285" s="55"/>
      <c r="N2285" s="55"/>
      <c r="O2285" s="55"/>
      <c r="P2285" s="55"/>
      <c r="Q2285" s="55"/>
      <c r="R2285" s="55"/>
      <c r="S2285" s="55"/>
      <c r="T2285" s="55"/>
      <c r="U2285" s="55"/>
      <c r="V2285" s="55"/>
      <c r="W2285" s="55"/>
      <c r="X2285" s="55"/>
      <c r="Y2285" s="55"/>
      <c r="Z2285" s="55"/>
      <c r="AA2285" s="55"/>
      <c r="AB2285" s="55"/>
      <c r="AC2285" s="55"/>
      <c r="AD2285" s="55"/>
      <c r="AE2285" s="55"/>
      <c r="AF2285" s="55"/>
      <c r="AG2285" s="55"/>
      <c r="AY2285" s="162"/>
      <c r="AZ2285" s="162"/>
      <c r="BA2285" s="162"/>
      <c r="BB2285" s="162"/>
      <c r="BC2285" s="162"/>
      <c r="BD2285" s="162"/>
      <c r="BE2285" s="162"/>
      <c r="BF2285" s="162"/>
      <c r="BG2285" s="162"/>
      <c r="BH2285" s="162"/>
      <c r="BI2285" s="162"/>
      <c r="BJ2285" s="162"/>
      <c r="BK2285" s="162"/>
      <c r="BL2285" s="162"/>
      <c r="BM2285" s="162"/>
      <c r="BN2285" s="162"/>
      <c r="BO2285" s="162"/>
      <c r="BP2285" s="162"/>
      <c r="BQ2285" s="162"/>
      <c r="BR2285" s="162"/>
      <c r="BS2285" s="162"/>
      <c r="BT2285" s="162"/>
      <c r="BU2285" s="162"/>
      <c r="BV2285" s="162"/>
      <c r="BW2285" s="162"/>
      <c r="BX2285" s="162"/>
      <c r="BY2285" s="162"/>
      <c r="BZ2285" s="162"/>
      <c r="CA2285" s="162"/>
      <c r="CB2285" s="162"/>
      <c r="CC2285" s="162"/>
      <c r="CD2285" s="162"/>
      <c r="CE2285" s="162"/>
      <c r="CF2285" s="162"/>
      <c r="CG2285" s="162"/>
      <c r="CH2285" s="162"/>
      <c r="CI2285" s="162"/>
      <c r="CJ2285" s="162"/>
      <c r="CK2285" s="162"/>
      <c r="CX2285" s="98"/>
      <c r="DL2285" s="97"/>
      <c r="DX2285" s="98"/>
      <c r="EL2285" s="97"/>
      <c r="EX2285" s="98"/>
      <c r="EY2285" s="97"/>
      <c r="FL2285" s="126"/>
      <c r="FM2285" s="91"/>
      <c r="FN2285" s="91"/>
      <c r="FO2285" s="91"/>
      <c r="FP2285" s="91"/>
      <c r="FQ2285" s="91"/>
      <c r="FR2285" s="91"/>
      <c r="FS2285" s="91"/>
      <c r="FT2285" s="91"/>
      <c r="FU2285" s="91"/>
      <c r="FV2285" s="91"/>
      <c r="FW2285" s="91"/>
      <c r="FX2285" s="91"/>
      <c r="FY2285" s="91"/>
      <c r="FZ2285" s="91"/>
      <c r="GA2285" s="91"/>
      <c r="GB2285" s="91"/>
      <c r="GC2285" s="91"/>
      <c r="GD2285" s="91"/>
      <c r="GE2285" s="91"/>
      <c r="GF2285" s="91"/>
      <c r="GG2285" s="91"/>
      <c r="GH2285" s="91"/>
      <c r="GI2285" s="91"/>
      <c r="GJ2285" s="91"/>
      <c r="GK2285" s="127"/>
      <c r="GL2285" s="126"/>
      <c r="GM2285" s="91"/>
      <c r="GN2285" s="91"/>
      <c r="GO2285" s="91"/>
      <c r="GP2285" s="91"/>
      <c r="GQ2285" s="91"/>
      <c r="GR2285" s="91"/>
      <c r="GS2285" s="91"/>
      <c r="GT2285" s="91"/>
      <c r="GU2285" s="91"/>
      <c r="GV2285" s="91"/>
      <c r="GW2285" s="91"/>
      <c r="GX2285" s="91"/>
      <c r="GY2285" s="91"/>
      <c r="GZ2285" s="91"/>
      <c r="HA2285" s="91"/>
      <c r="HB2285" s="91"/>
      <c r="HC2285" s="91"/>
      <c r="HD2285" s="91"/>
      <c r="HE2285" s="91"/>
      <c r="HF2285" s="91"/>
      <c r="HG2285" s="91"/>
      <c r="HH2285" s="91"/>
      <c r="HI2285" s="91"/>
      <c r="HJ2285" s="91"/>
      <c r="HK2285" s="127"/>
      <c r="HL2285" s="126"/>
      <c r="HM2285" s="91"/>
      <c r="HN2285" s="91"/>
      <c r="HO2285" s="91"/>
      <c r="HP2285" s="91"/>
      <c r="HQ2285" s="91"/>
      <c r="HR2285" s="91"/>
      <c r="HS2285" s="91"/>
      <c r="HT2285" s="91"/>
      <c r="HU2285" s="91"/>
      <c r="HV2285" s="91"/>
      <c r="HW2285" s="91"/>
      <c r="HX2285" s="91"/>
      <c r="HY2285" s="91"/>
      <c r="HZ2285" s="91"/>
      <c r="IA2285" s="91"/>
      <c r="IB2285" s="91"/>
      <c r="IC2285" s="91"/>
      <c r="ID2285" s="91"/>
      <c r="IE2285" s="91"/>
      <c r="IF2285" s="91"/>
      <c r="IG2285" s="91"/>
      <c r="IH2285" s="91"/>
      <c r="II2285" s="91"/>
      <c r="IJ2285" s="91"/>
      <c r="IK2285" s="127"/>
    </row>
    <row r="2286" spans="2:245" x14ac:dyDescent="0.2">
      <c r="B2286" s="43"/>
      <c r="C2286" s="73"/>
      <c r="D2286" s="64"/>
      <c r="E2286" s="64"/>
      <c r="F2286" s="55"/>
      <c r="G2286" s="102"/>
      <c r="H2286" s="55"/>
      <c r="I2286" s="55"/>
      <c r="J2286" s="55"/>
      <c r="K2286" s="55"/>
      <c r="L2286" s="55"/>
      <c r="M2286" s="55"/>
      <c r="N2286" s="55"/>
      <c r="O2286" s="55"/>
      <c r="P2286" s="55"/>
      <c r="Q2286" s="55"/>
      <c r="R2286" s="55"/>
      <c r="S2286" s="55"/>
      <c r="T2286" s="55"/>
      <c r="U2286" s="55"/>
      <c r="V2286" s="55"/>
      <c r="W2286" s="55"/>
      <c r="X2286" s="55"/>
      <c r="Y2286" s="55"/>
      <c r="Z2286" s="55"/>
      <c r="AA2286" s="55"/>
      <c r="AB2286" s="55"/>
      <c r="AC2286" s="55"/>
      <c r="AD2286" s="55"/>
      <c r="AE2286" s="55"/>
      <c r="AF2286" s="55"/>
      <c r="AG2286" s="55"/>
      <c r="AY2286" s="162"/>
      <c r="AZ2286" s="162"/>
      <c r="BA2286" s="162"/>
      <c r="BB2286" s="162"/>
      <c r="BC2286" s="162"/>
      <c r="BD2286" s="162"/>
      <c r="BE2286" s="162"/>
      <c r="BF2286" s="162"/>
      <c r="BG2286" s="162"/>
      <c r="BH2286" s="162"/>
      <c r="BI2286" s="162"/>
      <c r="BJ2286" s="162"/>
      <c r="BK2286" s="162"/>
      <c r="BL2286" s="162"/>
      <c r="BM2286" s="162"/>
      <c r="BN2286" s="162"/>
      <c r="BO2286" s="162"/>
      <c r="BP2286" s="162"/>
      <c r="BQ2286" s="162"/>
      <c r="BR2286" s="162"/>
      <c r="BS2286" s="162"/>
      <c r="BT2286" s="162"/>
      <c r="BU2286" s="162"/>
      <c r="BV2286" s="162"/>
      <c r="BW2286" s="162"/>
      <c r="BX2286" s="162"/>
      <c r="BY2286" s="162"/>
      <c r="BZ2286" s="162"/>
      <c r="CA2286" s="162"/>
      <c r="CB2286" s="162"/>
      <c r="CC2286" s="162"/>
      <c r="CD2286" s="162"/>
      <c r="CE2286" s="162"/>
      <c r="CF2286" s="162"/>
      <c r="CG2286" s="162"/>
      <c r="CH2286" s="162"/>
      <c r="CI2286" s="162"/>
      <c r="CJ2286" s="162"/>
      <c r="CK2286" s="162"/>
      <c r="CX2286" s="98"/>
      <c r="DL2286" s="97"/>
      <c r="DX2286" s="98"/>
      <c r="EL2286" s="97"/>
      <c r="EX2286" s="98"/>
      <c r="EY2286" s="97"/>
      <c r="FL2286" s="126"/>
      <c r="FM2286" s="91"/>
      <c r="FN2286" s="91"/>
      <c r="FO2286" s="91"/>
      <c r="FP2286" s="91"/>
      <c r="FQ2286" s="91"/>
      <c r="FR2286" s="91"/>
      <c r="FS2286" s="91"/>
      <c r="FT2286" s="91"/>
      <c r="FU2286" s="91"/>
      <c r="FV2286" s="91"/>
      <c r="FW2286" s="91"/>
      <c r="FX2286" s="91"/>
      <c r="FY2286" s="91"/>
      <c r="FZ2286" s="91"/>
      <c r="GA2286" s="91"/>
      <c r="GB2286" s="91"/>
      <c r="GC2286" s="91"/>
      <c r="GD2286" s="91"/>
      <c r="GE2286" s="91"/>
      <c r="GF2286" s="91"/>
      <c r="GG2286" s="91"/>
      <c r="GH2286" s="91"/>
      <c r="GI2286" s="91"/>
      <c r="GJ2286" s="91"/>
      <c r="GK2286" s="127"/>
      <c r="GL2286" s="126"/>
      <c r="GM2286" s="91"/>
      <c r="GN2286" s="91"/>
      <c r="GO2286" s="91"/>
      <c r="GP2286" s="91"/>
      <c r="GQ2286" s="91"/>
      <c r="GR2286" s="91"/>
      <c r="GS2286" s="91"/>
      <c r="GT2286" s="91"/>
      <c r="GU2286" s="91"/>
      <c r="GV2286" s="91"/>
      <c r="GW2286" s="91"/>
      <c r="GX2286" s="91"/>
      <c r="GY2286" s="91"/>
      <c r="GZ2286" s="91"/>
      <c r="HA2286" s="91"/>
      <c r="HB2286" s="91"/>
      <c r="HC2286" s="91"/>
      <c r="HD2286" s="91"/>
      <c r="HE2286" s="91"/>
      <c r="HF2286" s="91"/>
      <c r="HG2286" s="91"/>
      <c r="HH2286" s="91"/>
      <c r="HI2286" s="91"/>
      <c r="HJ2286" s="91"/>
      <c r="HK2286" s="127"/>
      <c r="HL2286" s="126"/>
      <c r="HM2286" s="91"/>
      <c r="HN2286" s="91"/>
      <c r="HO2286" s="91"/>
      <c r="HP2286" s="91"/>
      <c r="HQ2286" s="91"/>
      <c r="HR2286" s="91"/>
      <c r="HS2286" s="91"/>
      <c r="HT2286" s="91"/>
      <c r="HU2286" s="91"/>
      <c r="HV2286" s="91"/>
      <c r="HW2286" s="91"/>
      <c r="HX2286" s="91"/>
      <c r="HY2286" s="91"/>
      <c r="HZ2286" s="91"/>
      <c r="IA2286" s="91"/>
      <c r="IB2286" s="91"/>
      <c r="IC2286" s="91"/>
      <c r="ID2286" s="91"/>
      <c r="IE2286" s="91"/>
      <c r="IF2286" s="91"/>
      <c r="IG2286" s="91"/>
      <c r="IH2286" s="91"/>
      <c r="II2286" s="91"/>
      <c r="IJ2286" s="91"/>
      <c r="IK2286" s="127"/>
    </row>
    <row r="2287" spans="2:245" x14ac:dyDescent="0.2">
      <c r="B2287" s="43"/>
      <c r="C2287" s="73"/>
      <c r="D2287" s="64"/>
      <c r="E2287" s="64"/>
      <c r="F2287" s="55"/>
      <c r="G2287" s="102"/>
      <c r="H2287" s="55"/>
      <c r="I2287" s="55"/>
      <c r="J2287" s="55"/>
      <c r="K2287" s="55"/>
      <c r="L2287" s="55"/>
      <c r="M2287" s="55"/>
      <c r="N2287" s="55"/>
      <c r="O2287" s="55"/>
      <c r="P2287" s="55"/>
      <c r="Q2287" s="55"/>
      <c r="R2287" s="55"/>
      <c r="S2287" s="55"/>
      <c r="T2287" s="55"/>
      <c r="U2287" s="55"/>
      <c r="V2287" s="55"/>
      <c r="W2287" s="55"/>
      <c r="X2287" s="55"/>
      <c r="Y2287" s="55"/>
      <c r="Z2287" s="55"/>
      <c r="AA2287" s="55"/>
      <c r="AB2287" s="55"/>
      <c r="AC2287" s="55"/>
      <c r="AD2287" s="55"/>
      <c r="AE2287" s="55"/>
      <c r="AF2287" s="55"/>
      <c r="AG2287" s="55"/>
      <c r="AY2287" s="162"/>
      <c r="AZ2287" s="162"/>
      <c r="BA2287" s="162"/>
      <c r="BB2287" s="162"/>
      <c r="BC2287" s="162"/>
      <c r="BD2287" s="162"/>
      <c r="BE2287" s="162"/>
      <c r="BF2287" s="162"/>
      <c r="BG2287" s="162"/>
      <c r="BH2287" s="162"/>
      <c r="BI2287" s="162"/>
      <c r="BJ2287" s="162"/>
      <c r="BK2287" s="162"/>
      <c r="BL2287" s="162"/>
      <c r="BM2287" s="162"/>
      <c r="BN2287" s="162"/>
      <c r="BO2287" s="162"/>
      <c r="BP2287" s="162"/>
      <c r="BQ2287" s="162"/>
      <c r="BR2287" s="162"/>
      <c r="BS2287" s="162"/>
      <c r="BT2287" s="162"/>
      <c r="BU2287" s="162"/>
      <c r="BV2287" s="162"/>
      <c r="BW2287" s="162"/>
      <c r="BX2287" s="162"/>
      <c r="BY2287" s="162"/>
      <c r="BZ2287" s="162"/>
      <c r="CA2287" s="162"/>
      <c r="CB2287" s="162"/>
      <c r="CC2287" s="162"/>
      <c r="CD2287" s="162"/>
      <c r="CE2287" s="162"/>
      <c r="CF2287" s="162"/>
      <c r="CG2287" s="162"/>
      <c r="CH2287" s="162"/>
      <c r="CI2287" s="162"/>
      <c r="CJ2287" s="162"/>
      <c r="CK2287" s="162"/>
      <c r="CX2287" s="98"/>
      <c r="DL2287" s="97"/>
      <c r="DX2287" s="98"/>
      <c r="EL2287" s="97"/>
      <c r="EX2287" s="98"/>
      <c r="EY2287" s="97"/>
      <c r="FL2287" s="126"/>
      <c r="FM2287" s="91"/>
      <c r="FN2287" s="91"/>
      <c r="FO2287" s="91"/>
      <c r="FP2287" s="91"/>
      <c r="FQ2287" s="91"/>
      <c r="FR2287" s="91"/>
      <c r="FS2287" s="91"/>
      <c r="FT2287" s="91"/>
      <c r="FU2287" s="91"/>
      <c r="FV2287" s="91"/>
      <c r="FW2287" s="91"/>
      <c r="FX2287" s="91"/>
      <c r="FY2287" s="91"/>
      <c r="FZ2287" s="91"/>
      <c r="GA2287" s="91"/>
      <c r="GB2287" s="91"/>
      <c r="GC2287" s="91"/>
      <c r="GD2287" s="91"/>
      <c r="GE2287" s="91"/>
      <c r="GF2287" s="91"/>
      <c r="GG2287" s="91"/>
      <c r="GH2287" s="91"/>
      <c r="GI2287" s="91"/>
      <c r="GJ2287" s="91"/>
      <c r="GK2287" s="127"/>
      <c r="GL2287" s="126"/>
      <c r="GM2287" s="91"/>
      <c r="GN2287" s="91"/>
      <c r="GO2287" s="91"/>
      <c r="GP2287" s="91"/>
      <c r="GQ2287" s="91"/>
      <c r="GR2287" s="91"/>
      <c r="GS2287" s="91"/>
      <c r="GT2287" s="91"/>
      <c r="GU2287" s="91"/>
      <c r="GV2287" s="91"/>
      <c r="GW2287" s="91"/>
      <c r="GX2287" s="91"/>
      <c r="GY2287" s="91"/>
      <c r="GZ2287" s="91"/>
      <c r="HA2287" s="91"/>
      <c r="HB2287" s="91"/>
      <c r="HC2287" s="91"/>
      <c r="HD2287" s="91"/>
      <c r="HE2287" s="91"/>
      <c r="HF2287" s="91"/>
      <c r="HG2287" s="91"/>
      <c r="HH2287" s="91"/>
      <c r="HI2287" s="91"/>
      <c r="HJ2287" s="91"/>
      <c r="HK2287" s="127"/>
      <c r="HL2287" s="126"/>
      <c r="HM2287" s="91"/>
      <c r="HN2287" s="91"/>
      <c r="HO2287" s="91"/>
      <c r="HP2287" s="91"/>
      <c r="HQ2287" s="91"/>
      <c r="HR2287" s="91"/>
      <c r="HS2287" s="91"/>
      <c r="HT2287" s="91"/>
      <c r="HU2287" s="91"/>
      <c r="HV2287" s="91"/>
      <c r="HW2287" s="91"/>
      <c r="HX2287" s="91"/>
      <c r="HY2287" s="91"/>
      <c r="HZ2287" s="91"/>
      <c r="IA2287" s="91"/>
      <c r="IB2287" s="91"/>
      <c r="IC2287" s="91"/>
      <c r="ID2287" s="91"/>
      <c r="IE2287" s="91"/>
      <c r="IF2287" s="91"/>
      <c r="IG2287" s="91"/>
      <c r="IH2287" s="91"/>
      <c r="II2287" s="91"/>
      <c r="IJ2287" s="91"/>
      <c r="IK2287" s="127"/>
    </row>
    <row r="2288" spans="2:245" x14ac:dyDescent="0.2">
      <c r="B2288" s="43"/>
      <c r="C2288" s="73"/>
      <c r="D2288" s="64"/>
      <c r="E2288" s="64"/>
      <c r="F2288" s="55"/>
      <c r="G2288" s="102"/>
      <c r="H2288" s="55"/>
      <c r="I2288" s="55"/>
      <c r="J2288" s="55"/>
      <c r="K2288" s="55"/>
      <c r="L2288" s="55"/>
      <c r="M2288" s="55"/>
      <c r="N2288" s="55"/>
      <c r="O2288" s="55"/>
      <c r="P2288" s="55"/>
      <c r="Q2288" s="55"/>
      <c r="R2288" s="55"/>
      <c r="S2288" s="55"/>
      <c r="T2288" s="55"/>
      <c r="U2288" s="55"/>
      <c r="V2288" s="55"/>
      <c r="W2288" s="55"/>
      <c r="X2288" s="55"/>
      <c r="Y2288" s="55"/>
      <c r="Z2288" s="55"/>
      <c r="AA2288" s="55"/>
      <c r="AB2288" s="55"/>
      <c r="AC2288" s="55"/>
      <c r="AD2288" s="55"/>
      <c r="AE2288" s="55"/>
      <c r="AF2288" s="55"/>
      <c r="AG2288" s="55"/>
      <c r="AY2288" s="162"/>
      <c r="AZ2288" s="162"/>
      <c r="BA2288" s="162"/>
      <c r="BB2288" s="162"/>
      <c r="BC2288" s="162"/>
      <c r="BD2288" s="162"/>
      <c r="BE2288" s="162"/>
      <c r="BF2288" s="162"/>
      <c r="BG2288" s="162"/>
      <c r="BH2288" s="162"/>
      <c r="BI2288" s="162"/>
      <c r="BJ2288" s="162"/>
      <c r="BK2288" s="162"/>
      <c r="BL2288" s="162"/>
      <c r="BM2288" s="162"/>
      <c r="BN2288" s="162"/>
      <c r="BO2288" s="162"/>
      <c r="BP2288" s="162"/>
      <c r="BQ2288" s="162"/>
      <c r="BR2288" s="162"/>
      <c r="BS2288" s="162"/>
      <c r="BT2288" s="162"/>
      <c r="BU2288" s="162"/>
      <c r="BV2288" s="162"/>
      <c r="BW2288" s="162"/>
      <c r="BX2288" s="162"/>
      <c r="BY2288" s="162"/>
      <c r="BZ2288" s="162"/>
      <c r="CA2288" s="162"/>
      <c r="CB2288" s="162"/>
      <c r="CC2288" s="162"/>
      <c r="CD2288" s="162"/>
      <c r="CE2288" s="162"/>
      <c r="CF2288" s="162"/>
      <c r="CG2288" s="162"/>
      <c r="CH2288" s="162"/>
      <c r="CI2288" s="162"/>
      <c r="CJ2288" s="162"/>
      <c r="CK2288" s="162"/>
      <c r="CX2288" s="98"/>
      <c r="DL2288" s="97"/>
      <c r="DX2288" s="98"/>
      <c r="EL2288" s="97"/>
      <c r="EX2288" s="98"/>
      <c r="EY2288" s="97"/>
      <c r="FL2288" s="126"/>
      <c r="FM2288" s="91"/>
      <c r="FN2288" s="91"/>
      <c r="FO2288" s="91"/>
      <c r="FP2288" s="91"/>
      <c r="FQ2288" s="91"/>
      <c r="FR2288" s="91"/>
      <c r="FS2288" s="91"/>
      <c r="FT2288" s="91"/>
      <c r="FU2288" s="91"/>
      <c r="FV2288" s="91"/>
      <c r="FW2288" s="91"/>
      <c r="FX2288" s="91"/>
      <c r="FY2288" s="91"/>
      <c r="FZ2288" s="91"/>
      <c r="GA2288" s="91"/>
      <c r="GB2288" s="91"/>
      <c r="GC2288" s="91"/>
      <c r="GD2288" s="91"/>
      <c r="GE2288" s="91"/>
      <c r="GF2288" s="91"/>
      <c r="GG2288" s="91"/>
      <c r="GH2288" s="91"/>
      <c r="GI2288" s="91"/>
      <c r="GJ2288" s="91"/>
      <c r="GK2288" s="127"/>
      <c r="GL2288" s="126"/>
      <c r="GM2288" s="91"/>
      <c r="GN2288" s="91"/>
      <c r="GO2288" s="91"/>
      <c r="GP2288" s="91"/>
      <c r="GQ2288" s="91"/>
      <c r="GR2288" s="91"/>
      <c r="GS2288" s="91"/>
      <c r="GT2288" s="91"/>
      <c r="GU2288" s="91"/>
      <c r="GV2288" s="91"/>
      <c r="GW2288" s="91"/>
      <c r="GX2288" s="91"/>
      <c r="GY2288" s="91"/>
      <c r="GZ2288" s="91"/>
      <c r="HA2288" s="91"/>
      <c r="HB2288" s="91"/>
      <c r="HC2288" s="91"/>
      <c r="HD2288" s="91"/>
      <c r="HE2288" s="91"/>
      <c r="HF2288" s="91"/>
      <c r="HG2288" s="91"/>
      <c r="HH2288" s="91"/>
      <c r="HI2288" s="91"/>
      <c r="HJ2288" s="91"/>
      <c r="HK2288" s="127"/>
      <c r="HL2288" s="126"/>
      <c r="HM2288" s="91"/>
      <c r="HN2288" s="91"/>
      <c r="HO2288" s="91"/>
      <c r="HP2288" s="91"/>
      <c r="HQ2288" s="91"/>
      <c r="HR2288" s="91"/>
      <c r="HS2288" s="91"/>
      <c r="HT2288" s="91"/>
      <c r="HU2288" s="91"/>
      <c r="HV2288" s="91"/>
      <c r="HW2288" s="91"/>
      <c r="HX2288" s="91"/>
      <c r="HY2288" s="91"/>
      <c r="HZ2288" s="91"/>
      <c r="IA2288" s="91"/>
      <c r="IB2288" s="91"/>
      <c r="IC2288" s="91"/>
      <c r="ID2288" s="91"/>
      <c r="IE2288" s="91"/>
      <c r="IF2288" s="91"/>
      <c r="IG2288" s="91"/>
      <c r="IH2288" s="91"/>
      <c r="II2288" s="91"/>
      <c r="IJ2288" s="91"/>
      <c r="IK2288" s="127"/>
    </row>
    <row r="2289" spans="2:245" x14ac:dyDescent="0.2">
      <c r="B2289" s="43"/>
      <c r="C2289" s="73"/>
      <c r="D2289" s="64"/>
      <c r="E2289" s="64"/>
      <c r="F2289" s="55"/>
      <c r="G2289" s="102"/>
      <c r="H2289" s="55"/>
      <c r="I2289" s="55"/>
      <c r="J2289" s="55"/>
      <c r="K2289" s="55"/>
      <c r="L2289" s="55"/>
      <c r="M2289" s="55"/>
      <c r="N2289" s="55"/>
      <c r="O2289" s="55"/>
      <c r="P2289" s="55"/>
      <c r="Q2289" s="55"/>
      <c r="R2289" s="55"/>
      <c r="S2289" s="55"/>
      <c r="T2289" s="55"/>
      <c r="U2289" s="55"/>
      <c r="V2289" s="55"/>
      <c r="W2289" s="55"/>
      <c r="X2289" s="55"/>
      <c r="Y2289" s="55"/>
      <c r="Z2289" s="55"/>
      <c r="AA2289" s="55"/>
      <c r="AB2289" s="55"/>
      <c r="AC2289" s="55"/>
      <c r="AD2289" s="55"/>
      <c r="AE2289" s="55"/>
      <c r="AF2289" s="55"/>
      <c r="AG2289" s="55"/>
      <c r="AY2289" s="162"/>
      <c r="AZ2289" s="162"/>
      <c r="BA2289" s="162"/>
      <c r="BB2289" s="162"/>
      <c r="BC2289" s="162"/>
      <c r="BD2289" s="162"/>
      <c r="BE2289" s="162"/>
      <c r="BF2289" s="162"/>
      <c r="BG2289" s="162"/>
      <c r="BH2289" s="162"/>
      <c r="BI2289" s="162"/>
      <c r="BJ2289" s="162"/>
      <c r="BK2289" s="162"/>
      <c r="BL2289" s="162"/>
      <c r="BM2289" s="162"/>
      <c r="BN2289" s="162"/>
      <c r="BO2289" s="162"/>
      <c r="BP2289" s="162"/>
      <c r="BQ2289" s="162"/>
      <c r="BR2289" s="162"/>
      <c r="BS2289" s="162"/>
      <c r="BT2289" s="162"/>
      <c r="BU2289" s="162"/>
      <c r="BV2289" s="162"/>
      <c r="BW2289" s="162"/>
      <c r="BX2289" s="162"/>
      <c r="BY2289" s="162"/>
      <c r="BZ2289" s="162"/>
      <c r="CA2289" s="162"/>
      <c r="CB2289" s="162"/>
      <c r="CC2289" s="162"/>
      <c r="CD2289" s="162"/>
      <c r="CE2289" s="162"/>
      <c r="CF2289" s="162"/>
      <c r="CG2289" s="162"/>
      <c r="CH2289" s="162"/>
      <c r="CI2289" s="162"/>
      <c r="CJ2289" s="162"/>
      <c r="CK2289" s="162"/>
      <c r="CX2289" s="98"/>
      <c r="DL2289" s="97"/>
      <c r="DX2289" s="98"/>
      <c r="EL2289" s="97"/>
      <c r="EX2289" s="98"/>
      <c r="EY2289" s="97"/>
      <c r="FL2289" s="126"/>
      <c r="FM2289" s="91"/>
      <c r="FN2289" s="91"/>
      <c r="FO2289" s="91"/>
      <c r="FP2289" s="91"/>
      <c r="FQ2289" s="91"/>
      <c r="FR2289" s="91"/>
      <c r="FS2289" s="91"/>
      <c r="FT2289" s="91"/>
      <c r="FU2289" s="91"/>
      <c r="FV2289" s="91"/>
      <c r="FW2289" s="91"/>
      <c r="FX2289" s="91"/>
      <c r="FY2289" s="91"/>
      <c r="FZ2289" s="91"/>
      <c r="GA2289" s="91"/>
      <c r="GB2289" s="91"/>
      <c r="GC2289" s="91"/>
      <c r="GD2289" s="91"/>
      <c r="GE2289" s="91"/>
      <c r="GF2289" s="91"/>
      <c r="GG2289" s="91"/>
      <c r="GH2289" s="91"/>
      <c r="GI2289" s="91"/>
      <c r="GJ2289" s="91"/>
      <c r="GK2289" s="127"/>
      <c r="GL2289" s="126"/>
      <c r="GM2289" s="91"/>
      <c r="GN2289" s="91"/>
      <c r="GO2289" s="91"/>
      <c r="GP2289" s="91"/>
      <c r="GQ2289" s="91"/>
      <c r="GR2289" s="91"/>
      <c r="GS2289" s="91"/>
      <c r="GT2289" s="91"/>
      <c r="GU2289" s="91"/>
      <c r="GV2289" s="91"/>
      <c r="GW2289" s="91"/>
      <c r="GX2289" s="91"/>
      <c r="GY2289" s="91"/>
      <c r="GZ2289" s="91"/>
      <c r="HA2289" s="91"/>
      <c r="HB2289" s="91"/>
      <c r="HC2289" s="91"/>
      <c r="HD2289" s="91"/>
      <c r="HE2289" s="91"/>
      <c r="HF2289" s="91"/>
      <c r="HG2289" s="91"/>
      <c r="HH2289" s="91"/>
      <c r="HI2289" s="91"/>
      <c r="HJ2289" s="91"/>
      <c r="HK2289" s="127"/>
      <c r="HL2289" s="126"/>
      <c r="HM2289" s="91"/>
      <c r="HN2289" s="91"/>
      <c r="HO2289" s="91"/>
      <c r="HP2289" s="91"/>
      <c r="HQ2289" s="91"/>
      <c r="HR2289" s="91"/>
      <c r="HS2289" s="91"/>
      <c r="HT2289" s="91"/>
      <c r="HU2289" s="91"/>
      <c r="HV2289" s="91"/>
      <c r="HW2289" s="91"/>
      <c r="HX2289" s="91"/>
      <c r="HY2289" s="91"/>
      <c r="HZ2289" s="91"/>
      <c r="IA2289" s="91"/>
      <c r="IB2289" s="91"/>
      <c r="IC2289" s="91"/>
      <c r="ID2289" s="91"/>
      <c r="IE2289" s="91"/>
      <c r="IF2289" s="91"/>
      <c r="IG2289" s="91"/>
      <c r="IH2289" s="91"/>
      <c r="II2289" s="91"/>
      <c r="IJ2289" s="91"/>
      <c r="IK2289" s="127"/>
    </row>
    <row r="2290" spans="2:245" x14ac:dyDescent="0.2">
      <c r="B2290" s="43"/>
      <c r="C2290" s="73"/>
      <c r="D2290" s="64"/>
      <c r="E2290" s="64"/>
      <c r="F2290" s="55"/>
      <c r="G2290" s="102"/>
      <c r="H2290" s="55"/>
      <c r="I2290" s="55"/>
      <c r="J2290" s="55"/>
      <c r="K2290" s="55"/>
      <c r="L2290" s="55"/>
      <c r="M2290" s="55"/>
      <c r="N2290" s="55"/>
      <c r="O2290" s="55"/>
      <c r="P2290" s="55"/>
      <c r="Q2290" s="55"/>
      <c r="R2290" s="55"/>
      <c r="S2290" s="55"/>
      <c r="T2290" s="55"/>
      <c r="U2290" s="55"/>
      <c r="V2290" s="55"/>
      <c r="W2290" s="55"/>
      <c r="X2290" s="55"/>
      <c r="Y2290" s="55"/>
      <c r="Z2290" s="55"/>
      <c r="AA2290" s="55"/>
      <c r="AB2290" s="55"/>
      <c r="AC2290" s="55"/>
      <c r="AD2290" s="55"/>
      <c r="AE2290" s="55"/>
      <c r="AF2290" s="55"/>
      <c r="AG2290" s="55"/>
      <c r="AY2290" s="162"/>
      <c r="AZ2290" s="162"/>
      <c r="BA2290" s="162"/>
      <c r="BB2290" s="162"/>
      <c r="BC2290" s="162"/>
      <c r="BD2290" s="162"/>
      <c r="BE2290" s="162"/>
      <c r="BF2290" s="162"/>
      <c r="BG2290" s="162"/>
      <c r="BH2290" s="162"/>
      <c r="BI2290" s="162"/>
      <c r="BJ2290" s="162"/>
      <c r="BK2290" s="162"/>
      <c r="BL2290" s="162"/>
      <c r="BM2290" s="162"/>
      <c r="BN2290" s="162"/>
      <c r="BO2290" s="162"/>
      <c r="BP2290" s="162"/>
      <c r="BQ2290" s="162"/>
      <c r="BR2290" s="162"/>
      <c r="BS2290" s="162"/>
      <c r="BT2290" s="162"/>
      <c r="BU2290" s="162"/>
      <c r="BV2290" s="162"/>
      <c r="BW2290" s="162"/>
      <c r="BX2290" s="162"/>
      <c r="BY2290" s="162"/>
      <c r="BZ2290" s="162"/>
      <c r="CA2290" s="162"/>
      <c r="CB2290" s="162"/>
      <c r="CC2290" s="162"/>
      <c r="CD2290" s="162"/>
      <c r="CE2290" s="162"/>
      <c r="CF2290" s="162"/>
      <c r="CG2290" s="162"/>
      <c r="CH2290" s="162"/>
      <c r="CI2290" s="162"/>
      <c r="CJ2290" s="162"/>
      <c r="CK2290" s="162"/>
      <c r="CX2290" s="98"/>
      <c r="DL2290" s="97"/>
      <c r="DX2290" s="98"/>
      <c r="EL2290" s="97"/>
      <c r="EX2290" s="98"/>
      <c r="EY2290" s="97"/>
      <c r="FL2290" s="126"/>
      <c r="FM2290" s="91"/>
      <c r="FN2290" s="91"/>
      <c r="FO2290" s="91"/>
      <c r="FP2290" s="91"/>
      <c r="FQ2290" s="91"/>
      <c r="FR2290" s="91"/>
      <c r="FS2290" s="91"/>
      <c r="FT2290" s="91"/>
      <c r="FU2290" s="91"/>
      <c r="FV2290" s="91"/>
      <c r="FW2290" s="91"/>
      <c r="FX2290" s="91"/>
      <c r="FY2290" s="91"/>
      <c r="FZ2290" s="91"/>
      <c r="GA2290" s="91"/>
      <c r="GB2290" s="91"/>
      <c r="GC2290" s="91"/>
      <c r="GD2290" s="91"/>
      <c r="GE2290" s="91"/>
      <c r="GF2290" s="91"/>
      <c r="GG2290" s="91"/>
      <c r="GH2290" s="91"/>
      <c r="GI2290" s="91"/>
      <c r="GJ2290" s="91"/>
      <c r="GK2290" s="127"/>
      <c r="GL2290" s="126"/>
      <c r="GM2290" s="91"/>
      <c r="GN2290" s="91"/>
      <c r="GO2290" s="91"/>
      <c r="GP2290" s="91"/>
      <c r="GQ2290" s="91"/>
      <c r="GR2290" s="91"/>
      <c r="GS2290" s="91"/>
      <c r="GT2290" s="91"/>
      <c r="GU2290" s="91"/>
      <c r="GV2290" s="91"/>
      <c r="GW2290" s="91"/>
      <c r="GX2290" s="91"/>
      <c r="GY2290" s="91"/>
      <c r="GZ2290" s="91"/>
      <c r="HA2290" s="91"/>
      <c r="HB2290" s="91"/>
      <c r="HC2290" s="91"/>
      <c r="HD2290" s="91"/>
      <c r="HE2290" s="91"/>
      <c r="HF2290" s="91"/>
      <c r="HG2290" s="91"/>
      <c r="HH2290" s="91"/>
      <c r="HI2290" s="91"/>
      <c r="HJ2290" s="91"/>
      <c r="HK2290" s="127"/>
      <c r="HL2290" s="126"/>
      <c r="HM2290" s="91"/>
      <c r="HN2290" s="91"/>
      <c r="HO2290" s="91"/>
      <c r="HP2290" s="91"/>
      <c r="HQ2290" s="91"/>
      <c r="HR2290" s="91"/>
      <c r="HS2290" s="91"/>
      <c r="HT2290" s="91"/>
      <c r="HU2290" s="91"/>
      <c r="HV2290" s="91"/>
      <c r="HW2290" s="91"/>
      <c r="HX2290" s="91"/>
      <c r="HY2290" s="91"/>
      <c r="HZ2290" s="91"/>
      <c r="IA2290" s="91"/>
      <c r="IB2290" s="91"/>
      <c r="IC2290" s="91"/>
      <c r="ID2290" s="91"/>
      <c r="IE2290" s="91"/>
      <c r="IF2290" s="91"/>
      <c r="IG2290" s="91"/>
      <c r="IH2290" s="91"/>
      <c r="II2290" s="91"/>
      <c r="IJ2290" s="91"/>
      <c r="IK2290" s="127"/>
    </row>
    <row r="2291" spans="2:245" x14ac:dyDescent="0.2">
      <c r="B2291" s="43"/>
      <c r="C2291" s="73"/>
      <c r="D2291" s="64"/>
      <c r="E2291" s="64"/>
      <c r="F2291" s="55"/>
      <c r="G2291" s="102"/>
      <c r="H2291" s="55"/>
      <c r="I2291" s="55"/>
      <c r="J2291" s="55"/>
      <c r="K2291" s="55"/>
      <c r="L2291" s="55"/>
      <c r="M2291" s="55"/>
      <c r="N2291" s="55"/>
      <c r="O2291" s="55"/>
      <c r="P2291" s="55"/>
      <c r="Q2291" s="55"/>
      <c r="R2291" s="55"/>
      <c r="S2291" s="55"/>
      <c r="T2291" s="55"/>
      <c r="U2291" s="55"/>
      <c r="V2291" s="55"/>
      <c r="W2291" s="55"/>
      <c r="X2291" s="55"/>
      <c r="Y2291" s="55"/>
      <c r="Z2291" s="55"/>
      <c r="AA2291" s="55"/>
      <c r="AB2291" s="55"/>
      <c r="AC2291" s="55"/>
      <c r="AD2291" s="55"/>
      <c r="AE2291" s="55"/>
      <c r="AF2291" s="55"/>
      <c r="AG2291" s="55"/>
      <c r="AY2291" s="162"/>
      <c r="AZ2291" s="162"/>
      <c r="BA2291" s="162"/>
      <c r="BB2291" s="162"/>
      <c r="BC2291" s="162"/>
      <c r="BD2291" s="162"/>
      <c r="BE2291" s="162"/>
      <c r="BF2291" s="162"/>
      <c r="BG2291" s="162"/>
      <c r="BH2291" s="162"/>
      <c r="BI2291" s="162"/>
      <c r="BJ2291" s="162"/>
      <c r="BK2291" s="162"/>
      <c r="BL2291" s="162"/>
      <c r="BM2291" s="162"/>
      <c r="BN2291" s="162"/>
      <c r="BO2291" s="162"/>
      <c r="BP2291" s="162"/>
      <c r="BQ2291" s="162"/>
      <c r="BR2291" s="162"/>
      <c r="BS2291" s="162"/>
      <c r="BT2291" s="162"/>
      <c r="BU2291" s="162"/>
      <c r="BV2291" s="162"/>
      <c r="BW2291" s="162"/>
      <c r="BX2291" s="162"/>
      <c r="BY2291" s="162"/>
      <c r="BZ2291" s="162"/>
      <c r="CA2291" s="162"/>
      <c r="CB2291" s="162"/>
      <c r="CC2291" s="162"/>
      <c r="CD2291" s="162"/>
      <c r="CE2291" s="162"/>
      <c r="CF2291" s="162"/>
      <c r="CG2291" s="162"/>
      <c r="CH2291" s="162"/>
      <c r="CI2291" s="162"/>
      <c r="CJ2291" s="162"/>
      <c r="CK2291" s="162"/>
      <c r="CX2291" s="98"/>
      <c r="DL2291" s="97"/>
      <c r="DX2291" s="98"/>
      <c r="EL2291" s="97"/>
      <c r="EX2291" s="98"/>
      <c r="EY2291" s="97"/>
      <c r="FL2291" s="126"/>
      <c r="FM2291" s="91"/>
      <c r="FN2291" s="91"/>
      <c r="FO2291" s="91"/>
      <c r="FP2291" s="91"/>
      <c r="FQ2291" s="91"/>
      <c r="FR2291" s="91"/>
      <c r="FS2291" s="91"/>
      <c r="FT2291" s="91"/>
      <c r="FU2291" s="91"/>
      <c r="FV2291" s="91"/>
      <c r="FW2291" s="91"/>
      <c r="FX2291" s="91"/>
      <c r="FY2291" s="91"/>
      <c r="FZ2291" s="91"/>
      <c r="GA2291" s="91"/>
      <c r="GB2291" s="91"/>
      <c r="GC2291" s="91"/>
      <c r="GD2291" s="91"/>
      <c r="GE2291" s="91"/>
      <c r="GF2291" s="91"/>
      <c r="GG2291" s="91"/>
      <c r="GH2291" s="91"/>
      <c r="GI2291" s="91"/>
      <c r="GJ2291" s="91"/>
      <c r="GK2291" s="127"/>
      <c r="GL2291" s="126"/>
      <c r="GM2291" s="91"/>
      <c r="GN2291" s="91"/>
      <c r="GO2291" s="91"/>
      <c r="GP2291" s="91"/>
      <c r="GQ2291" s="91"/>
      <c r="GR2291" s="91"/>
      <c r="GS2291" s="91"/>
      <c r="GT2291" s="91"/>
      <c r="GU2291" s="91"/>
      <c r="GV2291" s="91"/>
      <c r="GW2291" s="91"/>
      <c r="GX2291" s="91"/>
      <c r="GY2291" s="91"/>
      <c r="GZ2291" s="91"/>
      <c r="HA2291" s="91"/>
      <c r="HB2291" s="91"/>
      <c r="HC2291" s="91"/>
      <c r="HD2291" s="91"/>
      <c r="HE2291" s="91"/>
      <c r="HF2291" s="91"/>
      <c r="HG2291" s="91"/>
      <c r="HH2291" s="91"/>
      <c r="HI2291" s="91"/>
      <c r="HJ2291" s="91"/>
      <c r="HK2291" s="127"/>
      <c r="HL2291" s="126"/>
      <c r="HM2291" s="91"/>
      <c r="HN2291" s="91"/>
      <c r="HO2291" s="91"/>
      <c r="HP2291" s="91"/>
      <c r="HQ2291" s="91"/>
      <c r="HR2291" s="91"/>
      <c r="HS2291" s="91"/>
      <c r="HT2291" s="91"/>
      <c r="HU2291" s="91"/>
      <c r="HV2291" s="91"/>
      <c r="HW2291" s="91"/>
      <c r="HX2291" s="91"/>
      <c r="HY2291" s="91"/>
      <c r="HZ2291" s="91"/>
      <c r="IA2291" s="91"/>
      <c r="IB2291" s="91"/>
      <c r="IC2291" s="91"/>
      <c r="ID2291" s="91"/>
      <c r="IE2291" s="91"/>
      <c r="IF2291" s="91"/>
      <c r="IG2291" s="91"/>
      <c r="IH2291" s="91"/>
      <c r="II2291" s="91"/>
      <c r="IJ2291" s="91"/>
      <c r="IK2291" s="127"/>
    </row>
    <row r="2292" spans="2:245" x14ac:dyDescent="0.2">
      <c r="B2292" s="43"/>
      <c r="C2292" s="73"/>
      <c r="D2292" s="64"/>
      <c r="E2292" s="64"/>
      <c r="F2292" s="55"/>
      <c r="G2292" s="102"/>
      <c r="H2292" s="55"/>
      <c r="I2292" s="55"/>
      <c r="J2292" s="55"/>
      <c r="K2292" s="55"/>
      <c r="L2292" s="55"/>
      <c r="M2292" s="55"/>
      <c r="N2292" s="55"/>
      <c r="O2292" s="55"/>
      <c r="P2292" s="55"/>
      <c r="Q2292" s="55"/>
      <c r="R2292" s="55"/>
      <c r="S2292" s="55"/>
      <c r="T2292" s="55"/>
      <c r="U2292" s="55"/>
      <c r="V2292" s="55"/>
      <c r="W2292" s="55"/>
      <c r="X2292" s="55"/>
      <c r="Y2292" s="55"/>
      <c r="Z2292" s="55"/>
      <c r="AA2292" s="55"/>
      <c r="AB2292" s="55"/>
      <c r="AC2292" s="55"/>
      <c r="AD2292" s="55"/>
      <c r="AE2292" s="55"/>
      <c r="AF2292" s="55"/>
      <c r="AG2292" s="55"/>
      <c r="AY2292" s="162"/>
      <c r="AZ2292" s="162"/>
      <c r="BA2292" s="162"/>
      <c r="BB2292" s="162"/>
      <c r="BC2292" s="162"/>
      <c r="BD2292" s="162"/>
      <c r="BE2292" s="162"/>
      <c r="BF2292" s="162"/>
      <c r="BG2292" s="162"/>
      <c r="BH2292" s="162"/>
      <c r="BI2292" s="162"/>
      <c r="BJ2292" s="162"/>
      <c r="BK2292" s="162"/>
      <c r="BL2292" s="162"/>
      <c r="BM2292" s="162"/>
      <c r="BN2292" s="162"/>
      <c r="BO2292" s="162"/>
      <c r="BP2292" s="162"/>
      <c r="BQ2292" s="162"/>
      <c r="BR2292" s="162"/>
      <c r="BS2292" s="162"/>
      <c r="BT2292" s="162"/>
      <c r="BU2292" s="162"/>
      <c r="BV2292" s="162"/>
      <c r="BW2292" s="162"/>
      <c r="BX2292" s="162"/>
      <c r="BY2292" s="162"/>
      <c r="BZ2292" s="162"/>
      <c r="CA2292" s="162"/>
      <c r="CB2292" s="162"/>
      <c r="CC2292" s="162"/>
      <c r="CD2292" s="162"/>
      <c r="CE2292" s="162"/>
      <c r="CF2292" s="162"/>
      <c r="CG2292" s="162"/>
      <c r="CH2292" s="162"/>
      <c r="CI2292" s="162"/>
      <c r="CJ2292" s="162"/>
      <c r="CK2292" s="162"/>
      <c r="CX2292" s="98"/>
      <c r="DL2292" s="97"/>
      <c r="DX2292" s="98"/>
      <c r="EL2292" s="97"/>
      <c r="EX2292" s="98"/>
      <c r="EY2292" s="97"/>
      <c r="FL2292" s="126"/>
      <c r="FM2292" s="91"/>
      <c r="FN2292" s="91"/>
      <c r="FO2292" s="91"/>
      <c r="FP2292" s="91"/>
      <c r="FQ2292" s="91"/>
      <c r="FR2292" s="91"/>
      <c r="FS2292" s="91"/>
      <c r="FT2292" s="91"/>
      <c r="FU2292" s="91"/>
      <c r="FV2292" s="91"/>
      <c r="FW2292" s="91"/>
      <c r="FX2292" s="91"/>
      <c r="FY2292" s="91"/>
      <c r="FZ2292" s="91"/>
      <c r="GA2292" s="91"/>
      <c r="GB2292" s="91"/>
      <c r="GC2292" s="91"/>
      <c r="GD2292" s="91"/>
      <c r="GE2292" s="91"/>
      <c r="GF2292" s="91"/>
      <c r="GG2292" s="91"/>
      <c r="GH2292" s="91"/>
      <c r="GI2292" s="91"/>
      <c r="GJ2292" s="91"/>
      <c r="GK2292" s="127"/>
      <c r="GL2292" s="126"/>
      <c r="GM2292" s="91"/>
      <c r="GN2292" s="91"/>
      <c r="GO2292" s="91"/>
      <c r="GP2292" s="91"/>
      <c r="GQ2292" s="91"/>
      <c r="GR2292" s="91"/>
      <c r="GS2292" s="91"/>
      <c r="GT2292" s="91"/>
      <c r="GU2292" s="91"/>
      <c r="GV2292" s="91"/>
      <c r="GW2292" s="91"/>
      <c r="GX2292" s="91"/>
      <c r="GY2292" s="91"/>
      <c r="GZ2292" s="91"/>
      <c r="HA2292" s="91"/>
      <c r="HB2292" s="91"/>
      <c r="HC2292" s="91"/>
      <c r="HD2292" s="91"/>
      <c r="HE2292" s="91"/>
      <c r="HF2292" s="91"/>
      <c r="HG2292" s="91"/>
      <c r="HH2292" s="91"/>
      <c r="HI2292" s="91"/>
      <c r="HJ2292" s="91"/>
      <c r="HK2292" s="127"/>
      <c r="HL2292" s="126"/>
      <c r="HM2292" s="91"/>
      <c r="HN2292" s="91"/>
      <c r="HO2292" s="91"/>
      <c r="HP2292" s="91"/>
      <c r="HQ2292" s="91"/>
      <c r="HR2292" s="91"/>
      <c r="HS2292" s="91"/>
      <c r="HT2292" s="91"/>
      <c r="HU2292" s="91"/>
      <c r="HV2292" s="91"/>
      <c r="HW2292" s="91"/>
      <c r="HX2292" s="91"/>
      <c r="HY2292" s="91"/>
      <c r="HZ2292" s="91"/>
      <c r="IA2292" s="91"/>
      <c r="IB2292" s="91"/>
      <c r="IC2292" s="91"/>
      <c r="ID2292" s="91"/>
      <c r="IE2292" s="91"/>
      <c r="IF2292" s="91"/>
      <c r="IG2292" s="91"/>
      <c r="IH2292" s="91"/>
      <c r="II2292" s="91"/>
      <c r="IJ2292" s="91"/>
      <c r="IK2292" s="127"/>
    </row>
    <row r="2293" spans="2:245" x14ac:dyDescent="0.2">
      <c r="B2293" s="43"/>
      <c r="C2293" s="73"/>
      <c r="D2293" s="64"/>
      <c r="E2293" s="64"/>
      <c r="F2293" s="55"/>
      <c r="G2293" s="102"/>
      <c r="H2293" s="55"/>
      <c r="I2293" s="55"/>
      <c r="J2293" s="55"/>
      <c r="K2293" s="55"/>
      <c r="L2293" s="55"/>
      <c r="M2293" s="55"/>
      <c r="N2293" s="55"/>
      <c r="O2293" s="55"/>
      <c r="P2293" s="55"/>
      <c r="Q2293" s="55"/>
      <c r="R2293" s="55"/>
      <c r="S2293" s="55"/>
      <c r="T2293" s="55"/>
      <c r="U2293" s="55"/>
      <c r="V2293" s="55"/>
      <c r="W2293" s="55"/>
      <c r="X2293" s="55"/>
      <c r="Y2293" s="55"/>
      <c r="Z2293" s="55"/>
      <c r="AA2293" s="55"/>
      <c r="AB2293" s="55"/>
      <c r="AC2293" s="55"/>
      <c r="AD2293" s="55"/>
      <c r="AE2293" s="55"/>
      <c r="AF2293" s="55"/>
      <c r="AG2293" s="55"/>
      <c r="AY2293" s="162"/>
      <c r="AZ2293" s="162"/>
      <c r="BA2293" s="162"/>
      <c r="BB2293" s="162"/>
      <c r="BC2293" s="162"/>
      <c r="BD2293" s="162"/>
      <c r="BE2293" s="162"/>
      <c r="BF2293" s="162"/>
      <c r="BG2293" s="162"/>
      <c r="BH2293" s="162"/>
      <c r="BI2293" s="162"/>
      <c r="BJ2293" s="162"/>
      <c r="BK2293" s="162"/>
      <c r="BL2293" s="162"/>
      <c r="BM2293" s="162"/>
      <c r="BN2293" s="162"/>
      <c r="BO2293" s="162"/>
      <c r="BP2293" s="162"/>
      <c r="BQ2293" s="162"/>
      <c r="BR2293" s="162"/>
      <c r="BS2293" s="162"/>
      <c r="BT2293" s="162"/>
      <c r="BU2293" s="162"/>
      <c r="BV2293" s="162"/>
      <c r="BW2293" s="162"/>
      <c r="BX2293" s="162"/>
      <c r="BY2293" s="162"/>
      <c r="BZ2293" s="162"/>
      <c r="CA2293" s="162"/>
      <c r="CB2293" s="162"/>
      <c r="CC2293" s="162"/>
      <c r="CD2293" s="162"/>
      <c r="CE2293" s="162"/>
      <c r="CF2293" s="162"/>
      <c r="CG2293" s="162"/>
      <c r="CH2293" s="162"/>
      <c r="CI2293" s="162"/>
      <c r="CJ2293" s="162"/>
      <c r="CK2293" s="162"/>
      <c r="CX2293" s="98"/>
      <c r="DL2293" s="97"/>
      <c r="DX2293" s="98"/>
      <c r="EL2293" s="97"/>
      <c r="EX2293" s="98"/>
      <c r="EY2293" s="97"/>
      <c r="FL2293" s="126"/>
      <c r="FM2293" s="91"/>
      <c r="FN2293" s="91"/>
      <c r="FO2293" s="91"/>
      <c r="FP2293" s="91"/>
      <c r="FQ2293" s="91"/>
      <c r="FR2293" s="91"/>
      <c r="FS2293" s="91"/>
      <c r="FT2293" s="91"/>
      <c r="FU2293" s="91"/>
      <c r="FV2293" s="91"/>
      <c r="FW2293" s="91"/>
      <c r="FX2293" s="91"/>
      <c r="FY2293" s="91"/>
      <c r="FZ2293" s="91"/>
      <c r="GA2293" s="91"/>
      <c r="GB2293" s="91"/>
      <c r="GC2293" s="91"/>
      <c r="GD2293" s="91"/>
      <c r="GE2293" s="91"/>
      <c r="GF2293" s="91"/>
      <c r="GG2293" s="91"/>
      <c r="GH2293" s="91"/>
      <c r="GI2293" s="91"/>
      <c r="GJ2293" s="91"/>
      <c r="GK2293" s="127"/>
      <c r="GL2293" s="126"/>
      <c r="GM2293" s="91"/>
      <c r="GN2293" s="91"/>
      <c r="GO2293" s="91"/>
      <c r="GP2293" s="91"/>
      <c r="GQ2293" s="91"/>
      <c r="GR2293" s="91"/>
      <c r="GS2293" s="91"/>
      <c r="GT2293" s="91"/>
      <c r="GU2293" s="91"/>
      <c r="GV2293" s="91"/>
      <c r="GW2293" s="91"/>
      <c r="GX2293" s="91"/>
      <c r="GY2293" s="91"/>
      <c r="GZ2293" s="91"/>
      <c r="HA2293" s="91"/>
      <c r="HB2293" s="91"/>
      <c r="HC2293" s="91"/>
      <c r="HD2293" s="91"/>
      <c r="HE2293" s="91"/>
      <c r="HF2293" s="91"/>
      <c r="HG2293" s="91"/>
      <c r="HH2293" s="91"/>
      <c r="HI2293" s="91"/>
      <c r="HJ2293" s="91"/>
      <c r="HK2293" s="127"/>
      <c r="HL2293" s="126"/>
      <c r="HM2293" s="91"/>
      <c r="HN2293" s="91"/>
      <c r="HO2293" s="91"/>
      <c r="HP2293" s="91"/>
      <c r="HQ2293" s="91"/>
      <c r="HR2293" s="91"/>
      <c r="HS2293" s="91"/>
      <c r="HT2293" s="91"/>
      <c r="HU2293" s="91"/>
      <c r="HV2293" s="91"/>
      <c r="HW2293" s="91"/>
      <c r="HX2293" s="91"/>
      <c r="HY2293" s="91"/>
      <c r="HZ2293" s="91"/>
      <c r="IA2293" s="91"/>
      <c r="IB2293" s="91"/>
      <c r="IC2293" s="91"/>
      <c r="ID2293" s="91"/>
      <c r="IE2293" s="91"/>
      <c r="IF2293" s="91"/>
      <c r="IG2293" s="91"/>
      <c r="IH2293" s="91"/>
      <c r="II2293" s="91"/>
      <c r="IJ2293" s="91"/>
      <c r="IK2293" s="127"/>
    </row>
    <row r="2294" spans="2:245" x14ac:dyDescent="0.2">
      <c r="B2294" s="43"/>
      <c r="C2294" s="73"/>
      <c r="D2294" s="64"/>
      <c r="E2294" s="64"/>
      <c r="F2294" s="55"/>
      <c r="G2294" s="102"/>
      <c r="H2294" s="55"/>
      <c r="I2294" s="55"/>
      <c r="J2294" s="55"/>
      <c r="K2294" s="55"/>
      <c r="L2294" s="55"/>
      <c r="M2294" s="55"/>
      <c r="N2294" s="55"/>
      <c r="O2294" s="55"/>
      <c r="P2294" s="55"/>
      <c r="Q2294" s="55"/>
      <c r="R2294" s="55"/>
      <c r="S2294" s="55"/>
      <c r="T2294" s="55"/>
      <c r="U2294" s="55"/>
      <c r="V2294" s="55"/>
      <c r="W2294" s="55"/>
      <c r="X2294" s="55"/>
      <c r="Y2294" s="55"/>
      <c r="Z2294" s="55"/>
      <c r="AA2294" s="55"/>
      <c r="AB2294" s="55"/>
      <c r="AC2294" s="55"/>
      <c r="AD2294" s="55"/>
      <c r="AE2294" s="55"/>
      <c r="AF2294" s="55"/>
      <c r="AG2294" s="55"/>
      <c r="AY2294" s="162"/>
      <c r="AZ2294" s="162"/>
      <c r="BA2294" s="162"/>
      <c r="BB2294" s="162"/>
      <c r="BC2294" s="162"/>
      <c r="BD2294" s="162"/>
      <c r="BE2294" s="162"/>
      <c r="BF2294" s="162"/>
      <c r="BG2294" s="162"/>
      <c r="BH2294" s="162"/>
      <c r="BI2294" s="162"/>
      <c r="BJ2294" s="162"/>
      <c r="BK2294" s="162"/>
      <c r="BL2294" s="162"/>
      <c r="BM2294" s="162"/>
      <c r="BN2294" s="162"/>
      <c r="BO2294" s="162"/>
      <c r="BP2294" s="162"/>
      <c r="BQ2294" s="162"/>
      <c r="BR2294" s="162"/>
      <c r="BS2294" s="162"/>
      <c r="BT2294" s="162"/>
      <c r="BU2294" s="162"/>
      <c r="BV2294" s="162"/>
      <c r="BW2294" s="162"/>
      <c r="BX2294" s="162"/>
      <c r="BY2294" s="162"/>
      <c r="BZ2294" s="162"/>
      <c r="CA2294" s="162"/>
      <c r="CB2294" s="162"/>
      <c r="CC2294" s="162"/>
      <c r="CD2294" s="162"/>
      <c r="CE2294" s="162"/>
      <c r="CF2294" s="162"/>
      <c r="CG2294" s="162"/>
      <c r="CH2294" s="162"/>
      <c r="CI2294" s="162"/>
      <c r="CJ2294" s="162"/>
      <c r="CK2294" s="162"/>
      <c r="CX2294" s="98"/>
      <c r="DL2294" s="97"/>
      <c r="DX2294" s="98"/>
      <c r="EL2294" s="97"/>
      <c r="EX2294" s="98"/>
      <c r="EY2294" s="97"/>
      <c r="FL2294" s="126"/>
      <c r="FM2294" s="91"/>
      <c r="FN2294" s="91"/>
      <c r="FO2294" s="91"/>
      <c r="FP2294" s="91"/>
      <c r="FQ2294" s="91"/>
      <c r="FR2294" s="91"/>
      <c r="FS2294" s="91"/>
      <c r="FT2294" s="91"/>
      <c r="FU2294" s="91"/>
      <c r="FV2294" s="91"/>
      <c r="FW2294" s="91"/>
      <c r="FX2294" s="91"/>
      <c r="FY2294" s="91"/>
      <c r="FZ2294" s="91"/>
      <c r="GA2294" s="91"/>
      <c r="GB2294" s="91"/>
      <c r="GC2294" s="91"/>
      <c r="GD2294" s="91"/>
      <c r="GE2294" s="91"/>
      <c r="GF2294" s="91"/>
      <c r="GG2294" s="91"/>
      <c r="GH2294" s="91"/>
      <c r="GI2294" s="91"/>
      <c r="GJ2294" s="91"/>
      <c r="GK2294" s="127"/>
      <c r="GL2294" s="126"/>
      <c r="GM2294" s="91"/>
      <c r="GN2294" s="91"/>
      <c r="GO2294" s="91"/>
      <c r="GP2294" s="91"/>
      <c r="GQ2294" s="91"/>
      <c r="GR2294" s="91"/>
      <c r="GS2294" s="91"/>
      <c r="GT2294" s="91"/>
      <c r="GU2294" s="91"/>
      <c r="GV2294" s="91"/>
      <c r="GW2294" s="91"/>
      <c r="GX2294" s="91"/>
      <c r="GY2294" s="91"/>
      <c r="GZ2294" s="91"/>
      <c r="HA2294" s="91"/>
      <c r="HB2294" s="91"/>
      <c r="HC2294" s="91"/>
      <c r="HD2294" s="91"/>
      <c r="HE2294" s="91"/>
      <c r="HF2294" s="91"/>
      <c r="HG2294" s="91"/>
      <c r="HH2294" s="91"/>
      <c r="HI2294" s="91"/>
      <c r="HJ2294" s="91"/>
      <c r="HK2294" s="127"/>
      <c r="HL2294" s="126"/>
      <c r="HM2294" s="91"/>
      <c r="HN2294" s="91"/>
      <c r="HO2294" s="91"/>
      <c r="HP2294" s="91"/>
      <c r="HQ2294" s="91"/>
      <c r="HR2294" s="91"/>
      <c r="HS2294" s="91"/>
      <c r="HT2294" s="91"/>
      <c r="HU2294" s="91"/>
      <c r="HV2294" s="91"/>
      <c r="HW2294" s="91"/>
      <c r="HX2294" s="91"/>
      <c r="HY2294" s="91"/>
      <c r="HZ2294" s="91"/>
      <c r="IA2294" s="91"/>
      <c r="IB2294" s="91"/>
      <c r="IC2294" s="91"/>
      <c r="ID2294" s="91"/>
      <c r="IE2294" s="91"/>
      <c r="IF2294" s="91"/>
      <c r="IG2294" s="91"/>
      <c r="IH2294" s="91"/>
      <c r="II2294" s="91"/>
      <c r="IJ2294" s="91"/>
      <c r="IK2294" s="127"/>
    </row>
    <row r="2295" spans="2:245" x14ac:dyDescent="0.2">
      <c r="B2295" s="43"/>
      <c r="C2295" s="73"/>
      <c r="D2295" s="64"/>
      <c r="E2295" s="64"/>
      <c r="F2295" s="55"/>
      <c r="G2295" s="102"/>
      <c r="H2295" s="55"/>
      <c r="I2295" s="55"/>
      <c r="J2295" s="55"/>
      <c r="K2295" s="55"/>
      <c r="L2295" s="55"/>
      <c r="M2295" s="55"/>
      <c r="N2295" s="55"/>
      <c r="O2295" s="55"/>
      <c r="P2295" s="55"/>
      <c r="Q2295" s="55"/>
      <c r="R2295" s="55"/>
      <c r="S2295" s="55"/>
      <c r="T2295" s="55"/>
      <c r="U2295" s="55"/>
      <c r="V2295" s="55"/>
      <c r="W2295" s="55"/>
      <c r="X2295" s="55"/>
      <c r="Y2295" s="55"/>
      <c r="Z2295" s="55"/>
      <c r="AA2295" s="55"/>
      <c r="AB2295" s="55"/>
      <c r="AC2295" s="55"/>
      <c r="AD2295" s="55"/>
      <c r="AE2295" s="55"/>
      <c r="AF2295" s="55"/>
      <c r="AG2295" s="55"/>
      <c r="AY2295" s="162"/>
      <c r="AZ2295" s="162"/>
      <c r="BA2295" s="162"/>
      <c r="BB2295" s="162"/>
      <c r="BC2295" s="162"/>
      <c r="BD2295" s="162"/>
      <c r="BE2295" s="162"/>
      <c r="BF2295" s="162"/>
      <c r="BG2295" s="162"/>
      <c r="BH2295" s="162"/>
      <c r="BI2295" s="162"/>
      <c r="BJ2295" s="162"/>
      <c r="BK2295" s="162"/>
      <c r="BL2295" s="162"/>
      <c r="BM2295" s="162"/>
      <c r="BN2295" s="162"/>
      <c r="BO2295" s="162"/>
      <c r="BP2295" s="162"/>
      <c r="BQ2295" s="162"/>
      <c r="BR2295" s="162"/>
      <c r="BS2295" s="162"/>
      <c r="BT2295" s="162"/>
      <c r="BU2295" s="162"/>
      <c r="BV2295" s="162"/>
      <c r="BW2295" s="162"/>
      <c r="BX2295" s="162"/>
      <c r="BY2295" s="162"/>
      <c r="BZ2295" s="162"/>
      <c r="CA2295" s="162"/>
      <c r="CB2295" s="162"/>
      <c r="CC2295" s="162"/>
      <c r="CD2295" s="162"/>
      <c r="CE2295" s="162"/>
      <c r="CF2295" s="162"/>
      <c r="CG2295" s="162"/>
      <c r="CH2295" s="162"/>
      <c r="CI2295" s="162"/>
      <c r="CJ2295" s="162"/>
      <c r="CK2295" s="162"/>
      <c r="CX2295" s="98"/>
      <c r="DL2295" s="97"/>
      <c r="DX2295" s="98"/>
      <c r="EL2295" s="97"/>
      <c r="EX2295" s="98"/>
      <c r="EY2295" s="97"/>
      <c r="FL2295" s="126"/>
      <c r="FM2295" s="91"/>
      <c r="FN2295" s="91"/>
      <c r="FO2295" s="91"/>
      <c r="FP2295" s="91"/>
      <c r="FQ2295" s="91"/>
      <c r="FR2295" s="91"/>
      <c r="FS2295" s="91"/>
      <c r="FT2295" s="91"/>
      <c r="FU2295" s="91"/>
      <c r="FV2295" s="91"/>
      <c r="FW2295" s="91"/>
      <c r="FX2295" s="91"/>
      <c r="FY2295" s="91"/>
      <c r="FZ2295" s="91"/>
      <c r="GA2295" s="91"/>
      <c r="GB2295" s="91"/>
      <c r="GC2295" s="91"/>
      <c r="GD2295" s="91"/>
      <c r="GE2295" s="91"/>
      <c r="GF2295" s="91"/>
      <c r="GG2295" s="91"/>
      <c r="GH2295" s="91"/>
      <c r="GI2295" s="91"/>
      <c r="GJ2295" s="91"/>
      <c r="GK2295" s="127"/>
      <c r="GL2295" s="126"/>
      <c r="GM2295" s="91"/>
      <c r="GN2295" s="91"/>
      <c r="GO2295" s="91"/>
      <c r="GP2295" s="91"/>
      <c r="GQ2295" s="91"/>
      <c r="GR2295" s="91"/>
      <c r="GS2295" s="91"/>
      <c r="GT2295" s="91"/>
      <c r="GU2295" s="91"/>
      <c r="GV2295" s="91"/>
      <c r="GW2295" s="91"/>
      <c r="GX2295" s="91"/>
      <c r="GY2295" s="91"/>
      <c r="GZ2295" s="91"/>
      <c r="HA2295" s="91"/>
      <c r="HB2295" s="91"/>
      <c r="HC2295" s="91"/>
      <c r="HD2295" s="91"/>
      <c r="HE2295" s="91"/>
      <c r="HF2295" s="91"/>
      <c r="HG2295" s="91"/>
      <c r="HH2295" s="91"/>
      <c r="HI2295" s="91"/>
      <c r="HJ2295" s="91"/>
      <c r="HK2295" s="127"/>
      <c r="HL2295" s="126"/>
      <c r="HM2295" s="91"/>
      <c r="HN2295" s="91"/>
      <c r="HO2295" s="91"/>
      <c r="HP2295" s="91"/>
      <c r="HQ2295" s="91"/>
      <c r="HR2295" s="91"/>
      <c r="HS2295" s="91"/>
      <c r="HT2295" s="91"/>
      <c r="HU2295" s="91"/>
      <c r="HV2295" s="91"/>
      <c r="HW2295" s="91"/>
      <c r="HX2295" s="91"/>
      <c r="HY2295" s="91"/>
      <c r="HZ2295" s="91"/>
      <c r="IA2295" s="91"/>
      <c r="IB2295" s="91"/>
      <c r="IC2295" s="91"/>
      <c r="ID2295" s="91"/>
      <c r="IE2295" s="91"/>
      <c r="IF2295" s="91"/>
      <c r="IG2295" s="91"/>
      <c r="IH2295" s="91"/>
      <c r="II2295" s="91"/>
      <c r="IJ2295" s="91"/>
      <c r="IK2295" s="127"/>
    </row>
    <row r="2296" spans="2:245" ht="13.5" thickBot="1" x14ac:dyDescent="0.25">
      <c r="B2296" s="43"/>
      <c r="C2296" s="73"/>
      <c r="D2296" s="64"/>
      <c r="E2296" s="64"/>
      <c r="F2296" s="55"/>
      <c r="G2296" s="102"/>
      <c r="H2296" s="55"/>
      <c r="I2296" s="55"/>
      <c r="J2296" s="55"/>
      <c r="K2296" s="55"/>
      <c r="L2296" s="55"/>
      <c r="M2296" s="55"/>
      <c r="N2296" s="55"/>
      <c r="O2296" s="55"/>
      <c r="P2296" s="55"/>
      <c r="Q2296" s="55"/>
      <c r="R2296" s="55"/>
      <c r="S2296" s="55"/>
      <c r="T2296" s="55"/>
      <c r="U2296" s="55"/>
      <c r="V2296" s="55"/>
      <c r="W2296" s="55"/>
      <c r="X2296" s="55"/>
      <c r="Y2296" s="55"/>
      <c r="Z2296" s="55"/>
      <c r="AA2296" s="55"/>
      <c r="AB2296" s="55"/>
      <c r="AC2296" s="55"/>
      <c r="AD2296" s="55"/>
      <c r="AE2296" s="55"/>
      <c r="AF2296" s="55"/>
      <c r="AG2296" s="55"/>
      <c r="AY2296" s="162"/>
      <c r="AZ2296" s="162"/>
      <c r="BA2296" s="162"/>
      <c r="BB2296" s="162"/>
      <c r="BC2296" s="162"/>
      <c r="BD2296" s="162"/>
      <c r="BE2296" s="162"/>
      <c r="BF2296" s="162"/>
      <c r="BG2296" s="162"/>
      <c r="BH2296" s="162"/>
      <c r="BI2296" s="162"/>
      <c r="BJ2296" s="162"/>
      <c r="BK2296" s="162"/>
      <c r="BL2296" s="162"/>
      <c r="BM2296" s="162"/>
      <c r="BN2296" s="162"/>
      <c r="BO2296" s="162"/>
      <c r="BP2296" s="162"/>
      <c r="BQ2296" s="162"/>
      <c r="BR2296" s="162"/>
      <c r="BS2296" s="162"/>
      <c r="BT2296" s="162"/>
      <c r="BU2296" s="162"/>
      <c r="BV2296" s="162"/>
      <c r="BW2296" s="162"/>
      <c r="BX2296" s="162"/>
      <c r="BY2296" s="162"/>
      <c r="BZ2296" s="162"/>
      <c r="CA2296" s="162"/>
      <c r="CB2296" s="162"/>
      <c r="CC2296" s="162"/>
      <c r="CD2296" s="162"/>
      <c r="CE2296" s="162"/>
      <c r="CF2296" s="162"/>
      <c r="CG2296" s="162"/>
      <c r="CH2296" s="162"/>
      <c r="CI2296" s="162"/>
      <c r="CJ2296" s="162"/>
      <c r="CK2296" s="162"/>
      <c r="CL2296" s="166"/>
      <c r="CM2296" s="166"/>
      <c r="CN2296" s="166"/>
      <c r="CO2296" s="166"/>
      <c r="CP2296" s="166"/>
      <c r="CQ2296" s="166"/>
      <c r="CR2296" s="166"/>
      <c r="CS2296" s="166"/>
      <c r="CT2296" s="166"/>
      <c r="CU2296" s="166"/>
      <c r="CV2296" s="166"/>
      <c r="CW2296" s="166"/>
      <c r="CX2296" s="176"/>
      <c r="CY2296" s="166"/>
      <c r="CZ2296" s="166"/>
      <c r="DA2296" s="166"/>
      <c r="DB2296" s="166"/>
      <c r="DC2296" s="166"/>
      <c r="DD2296" s="166"/>
      <c r="DE2296" s="166"/>
      <c r="DF2296" s="166"/>
      <c r="DG2296" s="166"/>
      <c r="DH2296" s="166"/>
      <c r="DI2296" s="166"/>
      <c r="DJ2296" s="166"/>
      <c r="DK2296" s="166"/>
      <c r="DL2296" s="175"/>
      <c r="DM2296" s="166"/>
      <c r="DN2296" s="166"/>
      <c r="DO2296" s="166"/>
      <c r="DP2296" s="166"/>
      <c r="DQ2296" s="166"/>
      <c r="DR2296" s="166"/>
      <c r="DS2296" s="166"/>
      <c r="DT2296" s="166"/>
      <c r="DU2296" s="166"/>
      <c r="DV2296" s="166"/>
      <c r="DW2296" s="166"/>
      <c r="DX2296" s="176"/>
      <c r="DY2296" s="166"/>
      <c r="DZ2296" s="166"/>
      <c r="EA2296" s="166"/>
      <c r="EB2296" s="166"/>
      <c r="EC2296" s="166"/>
      <c r="ED2296" s="166"/>
      <c r="EE2296" s="166"/>
      <c r="EF2296" s="166"/>
      <c r="EG2296" s="166"/>
      <c r="EH2296" s="166"/>
      <c r="EI2296" s="166"/>
      <c r="EJ2296" s="166"/>
      <c r="EK2296" s="166"/>
      <c r="EL2296" s="175"/>
      <c r="EM2296" s="166"/>
      <c r="EN2296" s="166"/>
      <c r="EO2296" s="166"/>
      <c r="EP2296" s="166"/>
      <c r="EQ2296" s="166"/>
      <c r="ER2296" s="166"/>
      <c r="ES2296" s="166"/>
      <c r="ET2296" s="166"/>
      <c r="EU2296" s="166"/>
      <c r="EV2296" s="166"/>
      <c r="EW2296" s="166"/>
      <c r="EX2296" s="176"/>
      <c r="EY2296" s="175"/>
      <c r="EZ2296" s="166"/>
      <c r="FA2296" s="166"/>
      <c r="FB2296" s="166"/>
      <c r="FC2296" s="166"/>
      <c r="FD2296" s="166"/>
      <c r="FE2296" s="166"/>
      <c r="FF2296" s="166"/>
      <c r="FG2296" s="166"/>
      <c r="FH2296" s="166"/>
      <c r="FI2296" s="166"/>
      <c r="FJ2296" s="166"/>
      <c r="FK2296" s="166"/>
      <c r="FL2296" s="126"/>
      <c r="FM2296" s="91"/>
      <c r="FN2296" s="91"/>
      <c r="FO2296" s="91"/>
      <c r="FP2296" s="91"/>
      <c r="FQ2296" s="91"/>
      <c r="FR2296" s="91"/>
      <c r="FS2296" s="91"/>
      <c r="FT2296" s="91"/>
      <c r="FU2296" s="91"/>
      <c r="FV2296" s="91"/>
      <c r="FW2296" s="91"/>
      <c r="FX2296" s="91"/>
      <c r="FY2296" s="91"/>
      <c r="FZ2296" s="91"/>
      <c r="GA2296" s="91"/>
      <c r="GB2296" s="91"/>
      <c r="GC2296" s="91"/>
      <c r="GD2296" s="91"/>
      <c r="GE2296" s="91"/>
      <c r="GF2296" s="91"/>
      <c r="GG2296" s="91"/>
      <c r="GH2296" s="91"/>
      <c r="GI2296" s="91"/>
      <c r="GJ2296" s="91"/>
      <c r="GK2296" s="127"/>
      <c r="GL2296" s="126"/>
      <c r="GM2296" s="91"/>
      <c r="GN2296" s="91"/>
      <c r="GO2296" s="91"/>
      <c r="GP2296" s="91"/>
      <c r="GQ2296" s="91"/>
      <c r="GR2296" s="91"/>
      <c r="GS2296" s="91"/>
      <c r="GT2296" s="91"/>
      <c r="GU2296" s="91"/>
      <c r="GV2296" s="91"/>
      <c r="GW2296" s="91"/>
      <c r="GX2296" s="91"/>
      <c r="GY2296" s="91"/>
      <c r="GZ2296" s="91"/>
      <c r="HA2296" s="91"/>
      <c r="HB2296" s="91"/>
      <c r="HC2296" s="91"/>
      <c r="HD2296" s="91"/>
      <c r="HE2296" s="91"/>
      <c r="HF2296" s="91"/>
      <c r="HG2296" s="91"/>
      <c r="HH2296" s="91"/>
      <c r="HI2296" s="91"/>
      <c r="HJ2296" s="91"/>
      <c r="HK2296" s="127"/>
      <c r="HL2296" s="126"/>
      <c r="HM2296" s="91"/>
      <c r="HN2296" s="91"/>
      <c r="HO2296" s="91"/>
      <c r="HP2296" s="91"/>
      <c r="HQ2296" s="91"/>
      <c r="HR2296" s="91"/>
      <c r="HS2296" s="91"/>
      <c r="HT2296" s="91"/>
      <c r="HU2296" s="91"/>
      <c r="HV2296" s="91"/>
      <c r="HW2296" s="91"/>
      <c r="HX2296" s="91"/>
      <c r="HY2296" s="91"/>
      <c r="HZ2296" s="91"/>
      <c r="IA2296" s="91"/>
      <c r="IB2296" s="91"/>
      <c r="IC2296" s="91"/>
      <c r="ID2296" s="91"/>
      <c r="IE2296" s="91"/>
      <c r="IF2296" s="91"/>
      <c r="IG2296" s="91"/>
      <c r="IH2296" s="91"/>
      <c r="II2296" s="91"/>
      <c r="IJ2296" s="91"/>
      <c r="IK2296" s="127"/>
    </row>
    <row r="2297" spans="2:245" x14ac:dyDescent="0.2">
      <c r="B2297" s="43"/>
      <c r="C2297" s="73"/>
      <c r="D2297" s="64"/>
      <c r="E2297" s="64"/>
      <c r="F2297" s="55"/>
      <c r="G2297" s="102"/>
      <c r="H2297" s="55"/>
      <c r="I2297" s="55"/>
      <c r="J2297" s="55"/>
      <c r="K2297" s="55"/>
      <c r="L2297" s="55"/>
      <c r="M2297" s="55"/>
      <c r="N2297" s="55"/>
      <c r="O2297" s="55"/>
      <c r="P2297" s="55"/>
      <c r="Q2297" s="55"/>
      <c r="R2297" s="55"/>
      <c r="S2297" s="55"/>
      <c r="T2297" s="55"/>
      <c r="U2297" s="55"/>
      <c r="V2297" s="55"/>
      <c r="W2297" s="55"/>
      <c r="X2297" s="55"/>
      <c r="Y2297" s="55"/>
      <c r="Z2297" s="55"/>
      <c r="AA2297" s="55"/>
      <c r="AB2297" s="55"/>
      <c r="AC2297" s="55"/>
      <c r="AD2297" s="55"/>
      <c r="AE2297" s="55"/>
      <c r="AF2297" s="55"/>
      <c r="AG2297" s="55"/>
      <c r="AY2297" s="162"/>
      <c r="AZ2297" s="162"/>
      <c r="BA2297" s="162"/>
      <c r="BB2297" s="162"/>
      <c r="BC2297" s="162"/>
      <c r="BD2297" s="162"/>
      <c r="BE2297" s="162"/>
      <c r="BF2297" s="162"/>
      <c r="BG2297" s="162"/>
      <c r="BH2297" s="162"/>
      <c r="BI2297" s="162"/>
      <c r="BJ2297" s="162"/>
      <c r="BK2297" s="162"/>
      <c r="BL2297" s="162"/>
      <c r="BM2297" s="162"/>
      <c r="BN2297" s="162"/>
      <c r="BO2297" s="162"/>
      <c r="BP2297" s="162"/>
      <c r="BQ2297" s="162"/>
      <c r="BR2297" s="162"/>
      <c r="BS2297" s="162"/>
      <c r="BT2297" s="162"/>
      <c r="BU2297" s="162"/>
      <c r="BV2297" s="162"/>
      <c r="BW2297" s="162"/>
      <c r="BX2297" s="162"/>
      <c r="BY2297" s="162"/>
      <c r="BZ2297" s="162"/>
      <c r="CA2297" s="162"/>
      <c r="CB2297" s="162"/>
      <c r="CC2297" s="162"/>
      <c r="CD2297" s="162"/>
      <c r="CE2297" s="162"/>
      <c r="CF2297" s="162"/>
      <c r="CG2297" s="162"/>
      <c r="CH2297" s="162"/>
      <c r="CI2297" s="162"/>
      <c r="CJ2297" s="162"/>
      <c r="CK2297" s="162"/>
      <c r="CX2297" s="98"/>
      <c r="DL2297" s="97"/>
      <c r="DX2297" s="98"/>
      <c r="EL2297" s="97"/>
      <c r="EX2297" s="98"/>
      <c r="EY2297" s="97"/>
      <c r="FL2297" s="126"/>
      <c r="FM2297" s="91"/>
      <c r="FN2297" s="91"/>
      <c r="FO2297" s="91"/>
      <c r="FP2297" s="91"/>
      <c r="FQ2297" s="91"/>
      <c r="FR2297" s="91"/>
      <c r="FS2297" s="91"/>
      <c r="FT2297" s="91"/>
      <c r="FU2297" s="91"/>
      <c r="FV2297" s="91"/>
      <c r="FW2297" s="91"/>
      <c r="FX2297" s="91"/>
      <c r="FY2297" s="91"/>
      <c r="FZ2297" s="91"/>
      <c r="GA2297" s="91"/>
      <c r="GB2297" s="91"/>
      <c r="GC2297" s="91"/>
      <c r="GD2297" s="91"/>
      <c r="GE2297" s="91"/>
      <c r="GF2297" s="91"/>
      <c r="GG2297" s="91"/>
      <c r="GH2297" s="91"/>
      <c r="GI2297" s="91"/>
      <c r="GJ2297" s="91"/>
      <c r="GK2297" s="127"/>
      <c r="GL2297" s="126"/>
      <c r="GM2297" s="91"/>
      <c r="GN2297" s="91"/>
      <c r="GO2297" s="91"/>
      <c r="GP2297" s="91"/>
      <c r="GQ2297" s="91"/>
      <c r="GR2297" s="91"/>
      <c r="GS2297" s="91"/>
      <c r="GT2297" s="91"/>
      <c r="GU2297" s="91"/>
      <c r="GV2297" s="91"/>
      <c r="GW2297" s="91"/>
      <c r="GX2297" s="91"/>
      <c r="GY2297" s="91"/>
      <c r="GZ2297" s="91"/>
      <c r="HA2297" s="91"/>
      <c r="HB2297" s="91"/>
      <c r="HC2297" s="91"/>
      <c r="HD2297" s="91"/>
      <c r="HE2297" s="91"/>
      <c r="HF2297" s="91"/>
      <c r="HG2297" s="91"/>
      <c r="HH2297" s="91"/>
      <c r="HI2297" s="91"/>
      <c r="HJ2297" s="91"/>
      <c r="HK2297" s="127"/>
      <c r="HL2297" s="126"/>
      <c r="HM2297" s="91"/>
      <c r="HN2297" s="91"/>
      <c r="HO2297" s="91"/>
      <c r="HP2297" s="91"/>
      <c r="HQ2297" s="91"/>
      <c r="HR2297" s="91"/>
      <c r="HS2297" s="91"/>
      <c r="HT2297" s="91"/>
      <c r="HU2297" s="91"/>
      <c r="HV2297" s="91"/>
      <c r="HW2297" s="91"/>
      <c r="HX2297" s="91"/>
      <c r="HY2297" s="91"/>
      <c r="HZ2297" s="91"/>
      <c r="IA2297" s="91"/>
      <c r="IB2297" s="91"/>
      <c r="IC2297" s="91"/>
      <c r="ID2297" s="91"/>
      <c r="IE2297" s="91"/>
      <c r="IF2297" s="91"/>
      <c r="IG2297" s="91"/>
      <c r="IH2297" s="91"/>
      <c r="II2297" s="91"/>
      <c r="IJ2297" s="91"/>
      <c r="IK2297" s="127"/>
    </row>
    <row r="2298" spans="2:245" x14ac:dyDescent="0.2">
      <c r="B2298" s="43"/>
      <c r="C2298" s="73"/>
      <c r="D2298" s="64"/>
      <c r="E2298" s="64"/>
      <c r="F2298" s="55"/>
      <c r="G2298" s="102"/>
      <c r="H2298" s="55"/>
      <c r="I2298" s="55"/>
      <c r="J2298" s="55"/>
      <c r="K2298" s="55"/>
      <c r="L2298" s="55"/>
      <c r="M2298" s="55"/>
      <c r="N2298" s="55"/>
      <c r="O2298" s="55"/>
      <c r="P2298" s="55"/>
      <c r="Q2298" s="55"/>
      <c r="R2298" s="55"/>
      <c r="S2298" s="55"/>
      <c r="T2298" s="55"/>
      <c r="U2298" s="55"/>
      <c r="V2298" s="55"/>
      <c r="W2298" s="55"/>
      <c r="X2298" s="55"/>
      <c r="Y2298" s="55"/>
      <c r="Z2298" s="55"/>
      <c r="AA2298" s="55"/>
      <c r="AB2298" s="55"/>
      <c r="AC2298" s="55"/>
      <c r="AD2298" s="55"/>
      <c r="AE2298" s="55"/>
      <c r="AF2298" s="55"/>
      <c r="AG2298" s="55"/>
      <c r="AY2298" s="162"/>
      <c r="AZ2298" s="162"/>
      <c r="BA2298" s="162"/>
      <c r="BB2298" s="162"/>
      <c r="BC2298" s="162"/>
      <c r="BD2298" s="162"/>
      <c r="BE2298" s="162"/>
      <c r="BF2298" s="162"/>
      <c r="BG2298" s="162"/>
      <c r="BH2298" s="162"/>
      <c r="BI2298" s="162"/>
      <c r="BJ2298" s="162"/>
      <c r="BK2298" s="162"/>
      <c r="BL2298" s="162"/>
      <c r="BM2298" s="162"/>
      <c r="BN2298" s="162"/>
      <c r="BO2298" s="162"/>
      <c r="BP2298" s="162"/>
      <c r="BQ2298" s="162"/>
      <c r="BR2298" s="162"/>
      <c r="BS2298" s="162"/>
      <c r="BT2298" s="162"/>
      <c r="BU2298" s="162"/>
      <c r="BV2298" s="162"/>
      <c r="BW2298" s="162"/>
      <c r="BX2298" s="162"/>
      <c r="BY2298" s="162"/>
      <c r="BZ2298" s="162"/>
      <c r="CA2298" s="162"/>
      <c r="CB2298" s="162"/>
      <c r="CC2298" s="162"/>
      <c r="CD2298" s="162"/>
      <c r="CE2298" s="162"/>
      <c r="CF2298" s="162"/>
      <c r="CG2298" s="162"/>
      <c r="CH2298" s="162"/>
      <c r="CI2298" s="162"/>
      <c r="CJ2298" s="162"/>
      <c r="CK2298" s="162"/>
      <c r="CX2298" s="98"/>
      <c r="DL2298" s="97"/>
      <c r="DX2298" s="98"/>
      <c r="EL2298" s="97"/>
      <c r="EX2298" s="98"/>
      <c r="EY2298" s="97"/>
      <c r="FL2298" s="126"/>
      <c r="FM2298" s="91"/>
      <c r="FN2298" s="91"/>
      <c r="FO2298" s="91"/>
      <c r="FP2298" s="91"/>
      <c r="FQ2298" s="91"/>
      <c r="FR2298" s="91"/>
      <c r="FS2298" s="91"/>
      <c r="FT2298" s="91"/>
      <c r="FU2298" s="91"/>
      <c r="FV2298" s="91"/>
      <c r="FW2298" s="91"/>
      <c r="FX2298" s="91"/>
      <c r="FY2298" s="91"/>
      <c r="FZ2298" s="91"/>
      <c r="GA2298" s="91"/>
      <c r="GB2298" s="91"/>
      <c r="GC2298" s="91"/>
      <c r="GD2298" s="91"/>
      <c r="GE2298" s="91"/>
      <c r="GF2298" s="91"/>
      <c r="GG2298" s="91"/>
      <c r="GH2298" s="91"/>
      <c r="GI2298" s="91"/>
      <c r="GJ2298" s="91"/>
      <c r="GK2298" s="127"/>
      <c r="GL2298" s="126"/>
      <c r="GM2298" s="91"/>
      <c r="GN2298" s="91"/>
      <c r="GO2298" s="91"/>
      <c r="GP2298" s="91"/>
      <c r="GQ2298" s="91"/>
      <c r="GR2298" s="91"/>
      <c r="GS2298" s="91"/>
      <c r="GT2298" s="91"/>
      <c r="GU2298" s="91"/>
      <c r="GV2298" s="91"/>
      <c r="GW2298" s="91"/>
      <c r="GX2298" s="91"/>
      <c r="GY2298" s="91"/>
      <c r="GZ2298" s="91"/>
      <c r="HA2298" s="91"/>
      <c r="HB2298" s="91"/>
      <c r="HC2298" s="91"/>
      <c r="HD2298" s="91"/>
      <c r="HE2298" s="91"/>
      <c r="HF2298" s="91"/>
      <c r="HG2298" s="91"/>
      <c r="HH2298" s="91"/>
      <c r="HI2298" s="91"/>
      <c r="HJ2298" s="91"/>
      <c r="HK2298" s="127"/>
      <c r="HL2298" s="126"/>
      <c r="HM2298" s="91"/>
      <c r="HN2298" s="91"/>
      <c r="HO2298" s="91"/>
      <c r="HP2298" s="91"/>
      <c r="HQ2298" s="91"/>
      <c r="HR2298" s="91"/>
      <c r="HS2298" s="91"/>
      <c r="HT2298" s="91"/>
      <c r="HU2298" s="91"/>
      <c r="HV2298" s="91"/>
      <c r="HW2298" s="91"/>
      <c r="HX2298" s="91"/>
      <c r="HY2298" s="91"/>
      <c r="HZ2298" s="91"/>
      <c r="IA2298" s="91"/>
      <c r="IB2298" s="91"/>
      <c r="IC2298" s="91"/>
      <c r="ID2298" s="91"/>
      <c r="IE2298" s="91"/>
      <c r="IF2298" s="91"/>
      <c r="IG2298" s="91"/>
      <c r="IH2298" s="91"/>
      <c r="II2298" s="91"/>
      <c r="IJ2298" s="91"/>
      <c r="IK2298" s="127"/>
    </row>
    <row r="2299" spans="2:245" x14ac:dyDescent="0.2">
      <c r="B2299" s="43"/>
      <c r="C2299" s="73"/>
      <c r="D2299" s="64"/>
      <c r="E2299" s="64"/>
      <c r="F2299" s="55"/>
      <c r="G2299" s="102"/>
      <c r="H2299" s="55"/>
      <c r="I2299" s="55"/>
      <c r="J2299" s="55"/>
      <c r="K2299" s="55"/>
      <c r="L2299" s="55"/>
      <c r="M2299" s="55"/>
      <c r="N2299" s="55"/>
      <c r="O2299" s="55"/>
      <c r="P2299" s="55"/>
      <c r="Q2299" s="55"/>
      <c r="R2299" s="55"/>
      <c r="S2299" s="55"/>
      <c r="T2299" s="55"/>
      <c r="U2299" s="55"/>
      <c r="V2299" s="55"/>
      <c r="W2299" s="55"/>
      <c r="X2299" s="55"/>
      <c r="Y2299" s="55"/>
      <c r="Z2299" s="55"/>
      <c r="AA2299" s="55"/>
      <c r="AB2299" s="55"/>
      <c r="AC2299" s="55"/>
      <c r="AD2299" s="55"/>
      <c r="AE2299" s="55"/>
      <c r="AF2299" s="55"/>
      <c r="AG2299" s="55"/>
      <c r="AY2299" s="162"/>
      <c r="AZ2299" s="162"/>
      <c r="BA2299" s="162"/>
      <c r="BB2299" s="162"/>
      <c r="BC2299" s="162"/>
      <c r="BD2299" s="162"/>
      <c r="BE2299" s="162"/>
      <c r="BF2299" s="162"/>
      <c r="BG2299" s="162"/>
      <c r="BH2299" s="162"/>
      <c r="BI2299" s="162"/>
      <c r="BJ2299" s="162"/>
      <c r="BK2299" s="162"/>
      <c r="BL2299" s="162"/>
      <c r="BM2299" s="162"/>
      <c r="BN2299" s="162"/>
      <c r="BO2299" s="162"/>
      <c r="BP2299" s="162"/>
      <c r="BQ2299" s="162"/>
      <c r="BR2299" s="162"/>
      <c r="BS2299" s="162"/>
      <c r="BT2299" s="162"/>
      <c r="BU2299" s="162"/>
      <c r="BV2299" s="162"/>
      <c r="BW2299" s="162"/>
      <c r="BX2299" s="162"/>
      <c r="BY2299" s="162"/>
      <c r="BZ2299" s="162"/>
      <c r="CA2299" s="162"/>
      <c r="CB2299" s="162"/>
      <c r="CC2299" s="162"/>
      <c r="CD2299" s="162"/>
      <c r="CE2299" s="162"/>
      <c r="CF2299" s="162"/>
      <c r="CG2299" s="162"/>
      <c r="CH2299" s="162"/>
      <c r="CI2299" s="162"/>
      <c r="CJ2299" s="162"/>
      <c r="CK2299" s="162"/>
      <c r="CX2299" s="98"/>
      <c r="DL2299" s="97"/>
      <c r="DX2299" s="98"/>
      <c r="EL2299" s="97"/>
      <c r="EX2299" s="98"/>
      <c r="EY2299" s="97"/>
      <c r="FL2299" s="126"/>
      <c r="FM2299" s="91"/>
      <c r="FN2299" s="91"/>
      <c r="FO2299" s="91"/>
      <c r="FP2299" s="91"/>
      <c r="FQ2299" s="91"/>
      <c r="FR2299" s="91"/>
      <c r="FS2299" s="91"/>
      <c r="FT2299" s="91"/>
      <c r="FU2299" s="91"/>
      <c r="FV2299" s="91"/>
      <c r="FW2299" s="91"/>
      <c r="FX2299" s="91"/>
      <c r="FY2299" s="91"/>
      <c r="FZ2299" s="91"/>
      <c r="GA2299" s="91"/>
      <c r="GB2299" s="91"/>
      <c r="GC2299" s="91"/>
      <c r="GD2299" s="91"/>
      <c r="GE2299" s="91"/>
      <c r="GF2299" s="91"/>
      <c r="GG2299" s="91"/>
      <c r="GH2299" s="91"/>
      <c r="GI2299" s="91"/>
      <c r="GJ2299" s="91"/>
      <c r="GK2299" s="127"/>
      <c r="GL2299" s="126"/>
      <c r="GM2299" s="91"/>
      <c r="GN2299" s="91"/>
      <c r="GO2299" s="91"/>
      <c r="GP2299" s="91"/>
      <c r="GQ2299" s="91"/>
      <c r="GR2299" s="91"/>
      <c r="GS2299" s="91"/>
      <c r="GT2299" s="91"/>
      <c r="GU2299" s="91"/>
      <c r="GV2299" s="91"/>
      <c r="GW2299" s="91"/>
      <c r="GX2299" s="91"/>
      <c r="GY2299" s="91"/>
      <c r="GZ2299" s="91"/>
      <c r="HA2299" s="91"/>
      <c r="HB2299" s="91"/>
      <c r="HC2299" s="91"/>
      <c r="HD2299" s="91"/>
      <c r="HE2299" s="91"/>
      <c r="HF2299" s="91"/>
      <c r="HG2299" s="91"/>
      <c r="HH2299" s="91"/>
      <c r="HI2299" s="91"/>
      <c r="HJ2299" s="91"/>
      <c r="HK2299" s="127"/>
      <c r="HL2299" s="126"/>
      <c r="HM2299" s="91"/>
      <c r="HN2299" s="91"/>
      <c r="HO2299" s="91"/>
      <c r="HP2299" s="91"/>
      <c r="HQ2299" s="91"/>
      <c r="HR2299" s="91"/>
      <c r="HS2299" s="91"/>
      <c r="HT2299" s="91"/>
      <c r="HU2299" s="91"/>
      <c r="HV2299" s="91"/>
      <c r="HW2299" s="91"/>
      <c r="HX2299" s="91"/>
      <c r="HY2299" s="91"/>
      <c r="HZ2299" s="91"/>
      <c r="IA2299" s="91"/>
      <c r="IB2299" s="91"/>
      <c r="IC2299" s="91"/>
      <c r="ID2299" s="91"/>
      <c r="IE2299" s="91"/>
      <c r="IF2299" s="91"/>
      <c r="IG2299" s="91"/>
      <c r="IH2299" s="91"/>
      <c r="II2299" s="91"/>
      <c r="IJ2299" s="91"/>
      <c r="IK2299" s="127"/>
    </row>
    <row r="2300" spans="2:245" x14ac:dyDescent="0.2">
      <c r="B2300" s="43"/>
      <c r="C2300" s="73"/>
      <c r="D2300" s="64"/>
      <c r="E2300" s="64"/>
      <c r="F2300" s="55"/>
      <c r="G2300" s="102"/>
      <c r="H2300" s="55"/>
      <c r="I2300" s="55"/>
      <c r="J2300" s="55"/>
      <c r="K2300" s="55"/>
      <c r="L2300" s="55"/>
      <c r="M2300" s="55"/>
      <c r="N2300" s="55"/>
      <c r="O2300" s="55"/>
      <c r="P2300" s="55"/>
      <c r="Q2300" s="55"/>
      <c r="R2300" s="55"/>
      <c r="S2300" s="55"/>
      <c r="T2300" s="55"/>
      <c r="U2300" s="55"/>
      <c r="V2300" s="55"/>
      <c r="W2300" s="55"/>
      <c r="X2300" s="55"/>
      <c r="Y2300" s="55"/>
      <c r="Z2300" s="55"/>
      <c r="AA2300" s="55"/>
      <c r="AB2300" s="55"/>
      <c r="AC2300" s="55"/>
      <c r="AD2300" s="55"/>
      <c r="AE2300" s="55"/>
      <c r="AF2300" s="55"/>
      <c r="AG2300" s="55"/>
      <c r="AY2300" s="162"/>
      <c r="AZ2300" s="162"/>
      <c r="BA2300" s="162"/>
      <c r="BB2300" s="162"/>
      <c r="BC2300" s="162"/>
      <c r="BD2300" s="162"/>
      <c r="BE2300" s="162"/>
      <c r="BF2300" s="162"/>
      <c r="BG2300" s="162"/>
      <c r="BH2300" s="162"/>
      <c r="BI2300" s="162"/>
      <c r="BJ2300" s="162"/>
      <c r="BK2300" s="162"/>
      <c r="BL2300" s="162"/>
      <c r="BM2300" s="162"/>
      <c r="BN2300" s="162"/>
      <c r="BO2300" s="162"/>
      <c r="BP2300" s="162"/>
      <c r="BQ2300" s="162"/>
      <c r="BR2300" s="162"/>
      <c r="BS2300" s="162"/>
      <c r="BT2300" s="162"/>
      <c r="BU2300" s="162"/>
      <c r="BV2300" s="162"/>
      <c r="BW2300" s="162"/>
      <c r="BX2300" s="162"/>
      <c r="BY2300" s="162"/>
      <c r="BZ2300" s="162"/>
      <c r="CA2300" s="162"/>
      <c r="CB2300" s="162"/>
      <c r="CC2300" s="162"/>
      <c r="CD2300" s="162"/>
      <c r="CE2300" s="162"/>
      <c r="CF2300" s="162"/>
      <c r="CG2300" s="162"/>
      <c r="CH2300" s="162"/>
      <c r="CI2300" s="162"/>
      <c r="CJ2300" s="162"/>
      <c r="CK2300" s="162"/>
      <c r="CX2300" s="98"/>
      <c r="DL2300" s="97"/>
      <c r="DX2300" s="98"/>
      <c r="EL2300" s="97"/>
      <c r="EX2300" s="98"/>
      <c r="EY2300" s="97"/>
      <c r="FL2300" s="126"/>
      <c r="FM2300" s="91"/>
      <c r="FN2300" s="91"/>
      <c r="FO2300" s="91"/>
      <c r="FP2300" s="91"/>
      <c r="FQ2300" s="91"/>
      <c r="FR2300" s="91"/>
      <c r="FS2300" s="91"/>
      <c r="FT2300" s="91"/>
      <c r="FU2300" s="91"/>
      <c r="FV2300" s="91"/>
      <c r="FW2300" s="91"/>
      <c r="FX2300" s="91"/>
      <c r="FY2300" s="91"/>
      <c r="FZ2300" s="91"/>
      <c r="GA2300" s="91"/>
      <c r="GB2300" s="91"/>
      <c r="GC2300" s="91"/>
      <c r="GD2300" s="91"/>
      <c r="GE2300" s="91"/>
      <c r="GF2300" s="91"/>
      <c r="GG2300" s="91"/>
      <c r="GH2300" s="91"/>
      <c r="GI2300" s="91"/>
      <c r="GJ2300" s="91"/>
      <c r="GK2300" s="127"/>
      <c r="GL2300" s="126"/>
      <c r="GM2300" s="91"/>
      <c r="GN2300" s="91"/>
      <c r="GO2300" s="91"/>
      <c r="GP2300" s="91"/>
      <c r="GQ2300" s="91"/>
      <c r="GR2300" s="91"/>
      <c r="GS2300" s="91"/>
      <c r="GT2300" s="91"/>
      <c r="GU2300" s="91"/>
      <c r="GV2300" s="91"/>
      <c r="GW2300" s="91"/>
      <c r="GX2300" s="91"/>
      <c r="GY2300" s="91"/>
      <c r="GZ2300" s="91"/>
      <c r="HA2300" s="91"/>
      <c r="HB2300" s="91"/>
      <c r="HC2300" s="91"/>
      <c r="HD2300" s="91"/>
      <c r="HE2300" s="91"/>
      <c r="HF2300" s="91"/>
      <c r="HG2300" s="91"/>
      <c r="HH2300" s="91"/>
      <c r="HI2300" s="91"/>
      <c r="HJ2300" s="91"/>
      <c r="HK2300" s="127"/>
      <c r="HL2300" s="126"/>
      <c r="HM2300" s="91"/>
      <c r="HN2300" s="91"/>
      <c r="HO2300" s="91"/>
      <c r="HP2300" s="91"/>
      <c r="HQ2300" s="91"/>
      <c r="HR2300" s="91"/>
      <c r="HS2300" s="91"/>
      <c r="HT2300" s="91"/>
      <c r="HU2300" s="91"/>
      <c r="HV2300" s="91"/>
      <c r="HW2300" s="91"/>
      <c r="HX2300" s="91"/>
      <c r="HY2300" s="91"/>
      <c r="HZ2300" s="91"/>
      <c r="IA2300" s="91"/>
      <c r="IB2300" s="91"/>
      <c r="IC2300" s="91"/>
      <c r="ID2300" s="91"/>
      <c r="IE2300" s="91"/>
      <c r="IF2300" s="91"/>
      <c r="IG2300" s="91"/>
      <c r="IH2300" s="91"/>
      <c r="II2300" s="91"/>
      <c r="IJ2300" s="91"/>
      <c r="IK2300" s="127"/>
    </row>
    <row r="2301" spans="2:245" ht="13.5" thickBot="1" x14ac:dyDescent="0.25">
      <c r="B2301" s="43"/>
      <c r="C2301" s="73"/>
      <c r="D2301" s="64"/>
      <c r="E2301" s="64"/>
      <c r="F2301" s="55"/>
      <c r="G2301" s="102"/>
      <c r="H2301" s="55"/>
      <c r="I2301" s="55"/>
      <c r="J2301" s="55"/>
      <c r="K2301" s="55"/>
      <c r="L2301" s="55"/>
      <c r="M2301" s="55"/>
      <c r="N2301" s="55"/>
      <c r="O2301" s="55"/>
      <c r="P2301" s="55"/>
      <c r="Q2301" s="55"/>
      <c r="R2301" s="55"/>
      <c r="S2301" s="55"/>
      <c r="T2301" s="55"/>
      <c r="U2301" s="55"/>
      <c r="V2301" s="55"/>
      <c r="W2301" s="55"/>
      <c r="X2301" s="55"/>
      <c r="Y2301" s="55"/>
      <c r="Z2301" s="55"/>
      <c r="AA2301" s="55"/>
      <c r="AB2301" s="55"/>
      <c r="AC2301" s="55"/>
      <c r="AD2301" s="55"/>
      <c r="AE2301" s="55"/>
      <c r="AF2301" s="55"/>
      <c r="AG2301" s="55"/>
      <c r="AY2301" s="162"/>
      <c r="AZ2301" s="162"/>
      <c r="BA2301" s="162"/>
      <c r="BB2301" s="162"/>
      <c r="BC2301" s="162"/>
      <c r="BD2301" s="162"/>
      <c r="BE2301" s="162"/>
      <c r="BF2301" s="162"/>
      <c r="BG2301" s="162"/>
      <c r="BH2301" s="162"/>
      <c r="BI2301" s="162"/>
      <c r="BJ2301" s="162"/>
      <c r="BK2301" s="162"/>
      <c r="BL2301" s="162"/>
      <c r="BM2301" s="162"/>
      <c r="BN2301" s="162"/>
      <c r="BO2301" s="162"/>
      <c r="BP2301" s="162"/>
      <c r="BQ2301" s="162"/>
      <c r="BR2301" s="162"/>
      <c r="BS2301" s="162"/>
      <c r="BT2301" s="162"/>
      <c r="BU2301" s="162"/>
      <c r="BV2301" s="162"/>
      <c r="BW2301" s="162"/>
      <c r="BX2301" s="162"/>
      <c r="BY2301" s="162"/>
      <c r="BZ2301" s="162"/>
      <c r="CA2301" s="162"/>
      <c r="CB2301" s="162"/>
      <c r="CC2301" s="162"/>
      <c r="CD2301" s="162"/>
      <c r="CE2301" s="162"/>
      <c r="CF2301" s="162"/>
      <c r="CG2301" s="162"/>
      <c r="CH2301" s="162"/>
      <c r="CI2301" s="162"/>
      <c r="CJ2301" s="162"/>
      <c r="CK2301" s="162"/>
      <c r="CX2301" s="98"/>
      <c r="DL2301" s="97"/>
      <c r="DX2301" s="98"/>
      <c r="EL2301" s="97"/>
      <c r="EX2301" s="98"/>
      <c r="EY2301" s="97"/>
      <c r="FL2301" s="126"/>
      <c r="FM2301" s="91"/>
      <c r="FN2301" s="91"/>
      <c r="FO2301" s="91"/>
      <c r="FP2301" s="91"/>
      <c r="FQ2301" s="91"/>
      <c r="FR2301" s="91"/>
      <c r="FS2301" s="91"/>
      <c r="FT2301" s="91"/>
      <c r="FU2301" s="91"/>
      <c r="FV2301" s="91"/>
      <c r="FW2301" s="91"/>
      <c r="FX2301" s="91"/>
      <c r="FY2301" s="91"/>
      <c r="FZ2301" s="91"/>
      <c r="GA2301" s="91"/>
      <c r="GB2301" s="91"/>
      <c r="GC2301" s="91"/>
      <c r="GD2301" s="91"/>
      <c r="GE2301" s="91"/>
      <c r="GF2301" s="91"/>
      <c r="GG2301" s="91"/>
      <c r="GH2301" s="91"/>
      <c r="GI2301" s="91"/>
      <c r="GJ2301" s="91"/>
      <c r="GK2301" s="127"/>
      <c r="GL2301" s="126"/>
      <c r="GM2301" s="91"/>
      <c r="GN2301" s="91"/>
      <c r="GO2301" s="91"/>
      <c r="GP2301" s="91"/>
      <c r="GQ2301" s="91"/>
      <c r="GR2301" s="91"/>
      <c r="GS2301" s="91"/>
      <c r="GT2301" s="91"/>
      <c r="GU2301" s="91"/>
      <c r="GV2301" s="91"/>
      <c r="GW2301" s="91"/>
      <c r="GX2301" s="91"/>
      <c r="GY2301" s="91"/>
      <c r="GZ2301" s="91"/>
      <c r="HA2301" s="91"/>
      <c r="HB2301" s="91"/>
      <c r="HC2301" s="91"/>
      <c r="HD2301" s="91"/>
      <c r="HE2301" s="91"/>
      <c r="HF2301" s="91"/>
      <c r="HG2301" s="91"/>
      <c r="HH2301" s="91"/>
      <c r="HI2301" s="91"/>
      <c r="HJ2301" s="91"/>
      <c r="HK2301" s="127"/>
      <c r="HL2301" s="126"/>
      <c r="HM2301" s="91"/>
      <c r="HN2301" s="91"/>
      <c r="HO2301" s="91"/>
      <c r="HP2301" s="91"/>
      <c r="HQ2301" s="91"/>
      <c r="HR2301" s="91"/>
      <c r="HS2301" s="91"/>
      <c r="HT2301" s="91"/>
      <c r="HU2301" s="91"/>
      <c r="HV2301" s="91"/>
      <c r="HW2301" s="91"/>
      <c r="HX2301" s="91"/>
      <c r="HY2301" s="91"/>
      <c r="HZ2301" s="91"/>
      <c r="IA2301" s="91"/>
      <c r="IB2301" s="91"/>
      <c r="IC2301" s="91"/>
      <c r="ID2301" s="91"/>
      <c r="IE2301" s="91"/>
      <c r="IF2301" s="91"/>
      <c r="IG2301" s="91"/>
      <c r="IH2301" s="91"/>
      <c r="II2301" s="91"/>
      <c r="IJ2301" s="91"/>
      <c r="IK2301" s="127"/>
    </row>
    <row r="2302" spans="2:245" x14ac:dyDescent="0.2">
      <c r="B2302" s="43"/>
      <c r="C2302" s="73"/>
      <c r="D2302" s="64"/>
      <c r="E2302" s="64"/>
      <c r="F2302" s="55"/>
      <c r="G2302" s="102"/>
      <c r="H2302" s="55"/>
      <c r="I2302" s="55"/>
      <c r="J2302" s="55"/>
      <c r="K2302" s="55"/>
      <c r="L2302" s="55"/>
      <c r="M2302" s="55"/>
      <c r="N2302" s="55"/>
      <c r="O2302" s="55"/>
      <c r="P2302" s="55"/>
      <c r="Q2302" s="55"/>
      <c r="R2302" s="55"/>
      <c r="S2302" s="55"/>
      <c r="T2302" s="55"/>
      <c r="U2302" s="55"/>
      <c r="V2302" s="55"/>
      <c r="W2302" s="55"/>
      <c r="X2302" s="55"/>
      <c r="Y2302" s="55"/>
      <c r="Z2302" s="55"/>
      <c r="AA2302" s="55"/>
      <c r="AB2302" s="55"/>
      <c r="AC2302" s="55"/>
      <c r="AD2302" s="55"/>
      <c r="AE2302" s="55"/>
      <c r="AF2302" s="55"/>
      <c r="AG2302" s="55"/>
      <c r="AY2302" s="162"/>
      <c r="AZ2302" s="162"/>
      <c r="BA2302" s="162"/>
      <c r="BB2302" s="162"/>
      <c r="BC2302" s="162"/>
      <c r="BD2302" s="162"/>
      <c r="BE2302" s="162"/>
      <c r="BF2302" s="162"/>
      <c r="BG2302" s="162"/>
      <c r="BH2302" s="162"/>
      <c r="BI2302" s="162"/>
      <c r="BJ2302" s="162"/>
      <c r="BK2302" s="162"/>
      <c r="BL2302" s="162"/>
      <c r="BM2302" s="162"/>
      <c r="BN2302" s="162"/>
      <c r="BO2302" s="162"/>
      <c r="BP2302" s="162"/>
      <c r="BQ2302" s="162"/>
      <c r="BR2302" s="162"/>
      <c r="BS2302" s="162"/>
      <c r="BT2302" s="162"/>
      <c r="BU2302" s="162"/>
      <c r="BV2302" s="162"/>
      <c r="BW2302" s="162"/>
      <c r="BX2302" s="162"/>
      <c r="BY2302" s="162"/>
      <c r="BZ2302" s="162"/>
      <c r="CA2302" s="162"/>
      <c r="CB2302" s="162"/>
      <c r="CC2302" s="162"/>
      <c r="CD2302" s="162"/>
      <c r="CE2302" s="162"/>
      <c r="CF2302" s="162"/>
      <c r="CG2302" s="162"/>
      <c r="CH2302" s="162"/>
      <c r="CI2302" s="162"/>
      <c r="CJ2302" s="162"/>
      <c r="CK2302" s="162"/>
      <c r="CL2302" s="163"/>
      <c r="CM2302" s="163"/>
      <c r="CN2302" s="163"/>
      <c r="CO2302" s="163"/>
      <c r="CP2302" s="163"/>
      <c r="CQ2302" s="163"/>
      <c r="CR2302" s="163"/>
      <c r="CS2302" s="163"/>
      <c r="CT2302" s="163"/>
      <c r="CU2302" s="163"/>
      <c r="CV2302" s="163"/>
      <c r="CW2302" s="163"/>
      <c r="CX2302" s="173"/>
      <c r="CY2302" s="163"/>
      <c r="CZ2302" s="163"/>
      <c r="DA2302" s="163"/>
      <c r="DB2302" s="163"/>
      <c r="DC2302" s="163"/>
      <c r="DD2302" s="163"/>
      <c r="DE2302" s="163"/>
      <c r="DF2302" s="163"/>
      <c r="DG2302" s="163"/>
      <c r="DH2302" s="163"/>
      <c r="DI2302" s="163"/>
      <c r="DJ2302" s="163"/>
      <c r="DK2302" s="163"/>
      <c r="DL2302" s="172"/>
      <c r="DM2302" s="163"/>
      <c r="DN2302" s="163"/>
      <c r="DO2302" s="163"/>
      <c r="DP2302" s="163"/>
      <c r="DQ2302" s="163"/>
      <c r="DR2302" s="163"/>
      <c r="DS2302" s="163"/>
      <c r="DT2302" s="163"/>
      <c r="DU2302" s="163"/>
      <c r="DV2302" s="163"/>
      <c r="DW2302" s="163"/>
      <c r="DX2302" s="173"/>
      <c r="DY2302" s="163"/>
      <c r="DZ2302" s="163"/>
      <c r="EA2302" s="163"/>
      <c r="EB2302" s="163"/>
      <c r="EC2302" s="163"/>
      <c r="ED2302" s="163"/>
      <c r="EE2302" s="163"/>
      <c r="EF2302" s="163"/>
      <c r="EG2302" s="163"/>
      <c r="EH2302" s="163"/>
      <c r="EI2302" s="163"/>
      <c r="EJ2302" s="163"/>
      <c r="EK2302" s="163"/>
      <c r="EL2302" s="172"/>
      <c r="EM2302" s="163"/>
      <c r="EN2302" s="163"/>
      <c r="EO2302" s="163"/>
      <c r="EP2302" s="163"/>
      <c r="EQ2302" s="163"/>
      <c r="ER2302" s="163"/>
      <c r="ES2302" s="163"/>
      <c r="ET2302" s="163"/>
      <c r="EU2302" s="163"/>
      <c r="EV2302" s="163"/>
      <c r="EW2302" s="163"/>
      <c r="EX2302" s="173"/>
      <c r="EY2302" s="172"/>
      <c r="EZ2302" s="163"/>
      <c r="FA2302" s="163"/>
      <c r="FB2302" s="163"/>
      <c r="FC2302" s="163"/>
      <c r="FD2302" s="163"/>
      <c r="FE2302" s="163"/>
      <c r="FF2302" s="163"/>
      <c r="FG2302" s="163"/>
      <c r="FH2302" s="163"/>
      <c r="FI2302" s="163"/>
      <c r="FJ2302" s="163"/>
      <c r="FK2302" s="163"/>
      <c r="FL2302" s="126"/>
      <c r="FM2302" s="91"/>
      <c r="FN2302" s="91"/>
      <c r="FO2302" s="91"/>
      <c r="FP2302" s="91"/>
      <c r="FQ2302" s="91"/>
      <c r="FR2302" s="91"/>
      <c r="FS2302" s="91"/>
      <c r="FT2302" s="91"/>
      <c r="FU2302" s="91"/>
      <c r="FV2302" s="91"/>
      <c r="FW2302" s="91"/>
      <c r="FX2302" s="91"/>
      <c r="FY2302" s="91"/>
      <c r="FZ2302" s="91"/>
      <c r="GA2302" s="91"/>
      <c r="GB2302" s="91"/>
      <c r="GC2302" s="91"/>
      <c r="GD2302" s="91"/>
      <c r="GE2302" s="91"/>
      <c r="GF2302" s="91"/>
      <c r="GG2302" s="91"/>
      <c r="GH2302" s="91"/>
      <c r="GI2302" s="91"/>
      <c r="GJ2302" s="91"/>
      <c r="GK2302" s="127"/>
      <c r="GL2302" s="126"/>
      <c r="GM2302" s="91"/>
      <c r="GN2302" s="91"/>
      <c r="GO2302" s="91"/>
      <c r="GP2302" s="91"/>
      <c r="GQ2302" s="91"/>
      <c r="GR2302" s="91"/>
      <c r="GS2302" s="91"/>
      <c r="GT2302" s="91"/>
      <c r="GU2302" s="91"/>
      <c r="GV2302" s="91"/>
      <c r="GW2302" s="91"/>
      <c r="GX2302" s="91"/>
      <c r="GY2302" s="91"/>
      <c r="GZ2302" s="91"/>
      <c r="HA2302" s="91"/>
      <c r="HB2302" s="91"/>
      <c r="HC2302" s="91"/>
      <c r="HD2302" s="91"/>
      <c r="HE2302" s="91"/>
      <c r="HF2302" s="91"/>
      <c r="HG2302" s="91"/>
      <c r="HH2302" s="91"/>
      <c r="HI2302" s="91"/>
      <c r="HJ2302" s="91"/>
      <c r="HK2302" s="127"/>
      <c r="HL2302" s="126"/>
      <c r="HM2302" s="91"/>
      <c r="HN2302" s="91"/>
      <c r="HO2302" s="91"/>
      <c r="HP2302" s="91"/>
      <c r="HQ2302" s="91"/>
      <c r="HR2302" s="91"/>
      <c r="HS2302" s="91"/>
      <c r="HT2302" s="91"/>
      <c r="HU2302" s="91"/>
      <c r="HV2302" s="91"/>
      <c r="HW2302" s="91"/>
      <c r="HX2302" s="91"/>
      <c r="HY2302" s="91"/>
      <c r="HZ2302" s="91"/>
      <c r="IA2302" s="91"/>
      <c r="IB2302" s="91"/>
      <c r="IC2302" s="91"/>
      <c r="ID2302" s="91"/>
      <c r="IE2302" s="91"/>
      <c r="IF2302" s="91"/>
      <c r="IG2302" s="91"/>
      <c r="IH2302" s="91"/>
      <c r="II2302" s="91"/>
      <c r="IJ2302" s="91"/>
      <c r="IK2302" s="127"/>
    </row>
    <row r="2303" spans="2:245" x14ac:dyDescent="0.2">
      <c r="B2303" s="43"/>
      <c r="C2303" s="73"/>
      <c r="D2303" s="64"/>
      <c r="E2303" s="64"/>
      <c r="F2303" s="55"/>
      <c r="G2303" s="102"/>
      <c r="H2303" s="55"/>
      <c r="I2303" s="55"/>
      <c r="J2303" s="55"/>
      <c r="K2303" s="55"/>
      <c r="L2303" s="55"/>
      <c r="M2303" s="55"/>
      <c r="N2303" s="55"/>
      <c r="O2303" s="55"/>
      <c r="P2303" s="55"/>
      <c r="Q2303" s="55"/>
      <c r="R2303" s="55"/>
      <c r="S2303" s="55"/>
      <c r="T2303" s="55"/>
      <c r="U2303" s="55"/>
      <c r="V2303" s="55"/>
      <c r="W2303" s="55"/>
      <c r="X2303" s="55"/>
      <c r="Y2303" s="55"/>
      <c r="Z2303" s="55"/>
      <c r="AA2303" s="55"/>
      <c r="AB2303" s="55"/>
      <c r="AC2303" s="55"/>
      <c r="AD2303" s="55"/>
      <c r="AE2303" s="55"/>
      <c r="AF2303" s="55"/>
      <c r="AG2303" s="55"/>
      <c r="AY2303" s="162"/>
      <c r="AZ2303" s="162"/>
      <c r="BA2303" s="162"/>
      <c r="BB2303" s="162"/>
      <c r="BC2303" s="162"/>
      <c r="BD2303" s="162"/>
      <c r="BE2303" s="162"/>
      <c r="BF2303" s="162"/>
      <c r="BG2303" s="162"/>
      <c r="BH2303" s="162"/>
      <c r="BI2303" s="162"/>
      <c r="BJ2303" s="162"/>
      <c r="BK2303" s="162"/>
      <c r="BL2303" s="162"/>
      <c r="BM2303" s="162"/>
      <c r="BN2303" s="162"/>
      <c r="BO2303" s="162"/>
      <c r="BP2303" s="162"/>
      <c r="BQ2303" s="162"/>
      <c r="BR2303" s="162"/>
      <c r="BS2303" s="162"/>
      <c r="BT2303" s="162"/>
      <c r="BU2303" s="162"/>
      <c r="BV2303" s="162"/>
      <c r="BW2303" s="162"/>
      <c r="BX2303" s="162"/>
      <c r="BY2303" s="162"/>
      <c r="BZ2303" s="162"/>
      <c r="CA2303" s="162"/>
      <c r="CB2303" s="162"/>
      <c r="CC2303" s="162"/>
      <c r="CD2303" s="162"/>
      <c r="CE2303" s="162"/>
      <c r="CF2303" s="162"/>
      <c r="CG2303" s="162"/>
      <c r="CH2303" s="162"/>
      <c r="CI2303" s="162"/>
      <c r="CJ2303" s="162"/>
      <c r="CK2303" s="162"/>
      <c r="CX2303" s="98"/>
      <c r="DL2303" s="97"/>
      <c r="DX2303" s="98"/>
      <c r="EL2303" s="97"/>
      <c r="EX2303" s="98"/>
      <c r="EY2303" s="97"/>
      <c r="FL2303" s="126"/>
      <c r="FM2303" s="91"/>
      <c r="FN2303" s="91"/>
      <c r="FO2303" s="91"/>
      <c r="FP2303" s="91"/>
      <c r="FQ2303" s="91"/>
      <c r="FR2303" s="91"/>
      <c r="FS2303" s="91"/>
      <c r="FT2303" s="91"/>
      <c r="FU2303" s="91"/>
      <c r="FV2303" s="91"/>
      <c r="FW2303" s="91"/>
      <c r="FX2303" s="91"/>
      <c r="FY2303" s="91"/>
      <c r="FZ2303" s="91"/>
      <c r="GA2303" s="91"/>
      <c r="GB2303" s="91"/>
      <c r="GC2303" s="91"/>
      <c r="GD2303" s="91"/>
      <c r="GE2303" s="91"/>
      <c r="GF2303" s="91"/>
      <c r="GG2303" s="91"/>
      <c r="GH2303" s="91"/>
      <c r="GI2303" s="91"/>
      <c r="GJ2303" s="91"/>
      <c r="GK2303" s="127"/>
      <c r="GL2303" s="126"/>
      <c r="GM2303" s="91"/>
      <c r="GN2303" s="91"/>
      <c r="GO2303" s="91"/>
      <c r="GP2303" s="91"/>
      <c r="GQ2303" s="91"/>
      <c r="GR2303" s="91"/>
      <c r="GS2303" s="91"/>
      <c r="GT2303" s="91"/>
      <c r="GU2303" s="91"/>
      <c r="GV2303" s="91"/>
      <c r="GW2303" s="91"/>
      <c r="GX2303" s="91"/>
      <c r="GY2303" s="91"/>
      <c r="GZ2303" s="91"/>
      <c r="HA2303" s="91"/>
      <c r="HB2303" s="91"/>
      <c r="HC2303" s="91"/>
      <c r="HD2303" s="91"/>
      <c r="HE2303" s="91"/>
      <c r="HF2303" s="91"/>
      <c r="HG2303" s="91"/>
      <c r="HH2303" s="91"/>
      <c r="HI2303" s="91"/>
      <c r="HJ2303" s="91"/>
      <c r="HK2303" s="127"/>
      <c r="HL2303" s="126"/>
      <c r="HM2303" s="91"/>
      <c r="HN2303" s="91"/>
      <c r="HO2303" s="91"/>
      <c r="HP2303" s="91"/>
      <c r="HQ2303" s="91"/>
      <c r="HR2303" s="91"/>
      <c r="HS2303" s="91"/>
      <c r="HT2303" s="91"/>
      <c r="HU2303" s="91"/>
      <c r="HV2303" s="91"/>
      <c r="HW2303" s="91"/>
      <c r="HX2303" s="91"/>
      <c r="HY2303" s="91"/>
      <c r="HZ2303" s="91"/>
      <c r="IA2303" s="91"/>
      <c r="IB2303" s="91"/>
      <c r="IC2303" s="91"/>
      <c r="ID2303" s="91"/>
      <c r="IE2303" s="91"/>
      <c r="IF2303" s="91"/>
      <c r="IG2303" s="91"/>
      <c r="IH2303" s="91"/>
      <c r="II2303" s="91"/>
      <c r="IJ2303" s="91"/>
      <c r="IK2303" s="127"/>
    </row>
    <row r="2304" spans="2:245" x14ac:dyDescent="0.2">
      <c r="B2304" s="43"/>
      <c r="C2304" s="73"/>
      <c r="D2304" s="64"/>
      <c r="E2304" s="64"/>
      <c r="F2304" s="55"/>
      <c r="G2304" s="102"/>
      <c r="H2304" s="55"/>
      <c r="I2304" s="55"/>
      <c r="J2304" s="55"/>
      <c r="K2304" s="55"/>
      <c r="L2304" s="55"/>
      <c r="M2304" s="55"/>
      <c r="N2304" s="55"/>
      <c r="O2304" s="55"/>
      <c r="P2304" s="55"/>
      <c r="Q2304" s="55"/>
      <c r="R2304" s="55"/>
      <c r="S2304" s="55"/>
      <c r="T2304" s="55"/>
      <c r="U2304" s="55"/>
      <c r="V2304" s="55"/>
      <c r="W2304" s="55"/>
      <c r="X2304" s="55"/>
      <c r="Y2304" s="55"/>
      <c r="Z2304" s="55"/>
      <c r="AA2304" s="55"/>
      <c r="AB2304" s="55"/>
      <c r="AC2304" s="55"/>
      <c r="AD2304" s="55"/>
      <c r="AE2304" s="55"/>
      <c r="AF2304" s="55"/>
      <c r="AG2304" s="55"/>
      <c r="AY2304" s="162"/>
      <c r="AZ2304" s="162"/>
      <c r="BA2304" s="162"/>
      <c r="BB2304" s="162"/>
      <c r="BC2304" s="162"/>
      <c r="BD2304" s="162"/>
      <c r="BE2304" s="162"/>
      <c r="BF2304" s="162"/>
      <c r="BG2304" s="162"/>
      <c r="BH2304" s="162"/>
      <c r="BI2304" s="162"/>
      <c r="BJ2304" s="162"/>
      <c r="BK2304" s="162"/>
      <c r="BL2304" s="162"/>
      <c r="BM2304" s="162"/>
      <c r="BN2304" s="162"/>
      <c r="BO2304" s="162"/>
      <c r="BP2304" s="162"/>
      <c r="BQ2304" s="162"/>
      <c r="BR2304" s="162"/>
      <c r="BS2304" s="162"/>
      <c r="BT2304" s="162"/>
      <c r="BU2304" s="162"/>
      <c r="BV2304" s="162"/>
      <c r="BW2304" s="162"/>
      <c r="BX2304" s="162"/>
      <c r="BY2304" s="162"/>
      <c r="BZ2304" s="162"/>
      <c r="CA2304" s="162"/>
      <c r="CB2304" s="162"/>
      <c r="CC2304" s="162"/>
      <c r="CD2304" s="162"/>
      <c r="CE2304" s="162"/>
      <c r="CF2304" s="162"/>
      <c r="CG2304" s="162"/>
      <c r="CH2304" s="162"/>
      <c r="CI2304" s="162"/>
      <c r="CJ2304" s="162"/>
      <c r="CK2304" s="162"/>
      <c r="CX2304" s="98"/>
      <c r="DL2304" s="97"/>
      <c r="DX2304" s="98"/>
      <c r="EL2304" s="97"/>
      <c r="EX2304" s="98"/>
      <c r="EY2304" s="97"/>
      <c r="FL2304" s="126"/>
      <c r="FM2304" s="91"/>
      <c r="FN2304" s="91"/>
      <c r="FO2304" s="91"/>
      <c r="FP2304" s="91"/>
      <c r="FQ2304" s="91"/>
      <c r="FR2304" s="91"/>
      <c r="FS2304" s="91"/>
      <c r="FT2304" s="91"/>
      <c r="FU2304" s="91"/>
      <c r="FV2304" s="91"/>
      <c r="FW2304" s="91"/>
      <c r="FX2304" s="91"/>
      <c r="FY2304" s="91"/>
      <c r="FZ2304" s="91"/>
      <c r="GA2304" s="91"/>
      <c r="GB2304" s="91"/>
      <c r="GC2304" s="91"/>
      <c r="GD2304" s="91"/>
      <c r="GE2304" s="91"/>
      <c r="GF2304" s="91"/>
      <c r="GG2304" s="91"/>
      <c r="GH2304" s="91"/>
      <c r="GI2304" s="91"/>
      <c r="GJ2304" s="91"/>
      <c r="GK2304" s="127"/>
      <c r="GL2304" s="126"/>
      <c r="GM2304" s="91"/>
      <c r="GN2304" s="91"/>
      <c r="GO2304" s="91"/>
      <c r="GP2304" s="91"/>
      <c r="GQ2304" s="91"/>
      <c r="GR2304" s="91"/>
      <c r="GS2304" s="91"/>
      <c r="GT2304" s="91"/>
      <c r="GU2304" s="91"/>
      <c r="GV2304" s="91"/>
      <c r="GW2304" s="91"/>
      <c r="GX2304" s="91"/>
      <c r="GY2304" s="91"/>
      <c r="GZ2304" s="91"/>
      <c r="HA2304" s="91"/>
      <c r="HB2304" s="91"/>
      <c r="HC2304" s="91"/>
      <c r="HD2304" s="91"/>
      <c r="HE2304" s="91"/>
      <c r="HF2304" s="91"/>
      <c r="HG2304" s="91"/>
      <c r="HH2304" s="91"/>
      <c r="HI2304" s="91"/>
      <c r="HJ2304" s="91"/>
      <c r="HK2304" s="127"/>
      <c r="HL2304" s="126"/>
      <c r="HM2304" s="91"/>
      <c r="HN2304" s="91"/>
      <c r="HO2304" s="91"/>
      <c r="HP2304" s="91"/>
      <c r="HQ2304" s="91"/>
      <c r="HR2304" s="91"/>
      <c r="HS2304" s="91"/>
      <c r="HT2304" s="91"/>
      <c r="HU2304" s="91"/>
      <c r="HV2304" s="91"/>
      <c r="HW2304" s="91"/>
      <c r="HX2304" s="91"/>
      <c r="HY2304" s="91"/>
      <c r="HZ2304" s="91"/>
      <c r="IA2304" s="91"/>
      <c r="IB2304" s="91"/>
      <c r="IC2304" s="91"/>
      <c r="ID2304" s="91"/>
      <c r="IE2304" s="91"/>
      <c r="IF2304" s="91"/>
      <c r="IG2304" s="91"/>
      <c r="IH2304" s="91"/>
      <c r="II2304" s="91"/>
      <c r="IJ2304" s="91"/>
      <c r="IK2304" s="127"/>
    </row>
    <row r="2305" spans="2:245" x14ac:dyDescent="0.2">
      <c r="B2305" s="43"/>
      <c r="C2305" s="73"/>
      <c r="D2305" s="64"/>
      <c r="E2305" s="64"/>
      <c r="F2305" s="55"/>
      <c r="G2305" s="102"/>
      <c r="H2305" s="55"/>
      <c r="I2305" s="55"/>
      <c r="J2305" s="55"/>
      <c r="K2305" s="55"/>
      <c r="L2305" s="55"/>
      <c r="M2305" s="55"/>
      <c r="N2305" s="55"/>
      <c r="O2305" s="55"/>
      <c r="P2305" s="55"/>
      <c r="Q2305" s="55"/>
      <c r="R2305" s="55"/>
      <c r="S2305" s="55"/>
      <c r="T2305" s="55"/>
      <c r="U2305" s="55"/>
      <c r="V2305" s="55"/>
      <c r="W2305" s="55"/>
      <c r="X2305" s="55"/>
      <c r="Y2305" s="55"/>
      <c r="Z2305" s="55"/>
      <c r="AA2305" s="55"/>
      <c r="AB2305" s="55"/>
      <c r="AC2305" s="55"/>
      <c r="AD2305" s="55"/>
      <c r="AE2305" s="55"/>
      <c r="AF2305" s="55"/>
      <c r="AG2305" s="55"/>
      <c r="AY2305" s="162"/>
      <c r="AZ2305" s="162"/>
      <c r="BA2305" s="162"/>
      <c r="BB2305" s="162"/>
      <c r="BC2305" s="162"/>
      <c r="BD2305" s="162"/>
      <c r="BE2305" s="162"/>
      <c r="BF2305" s="162"/>
      <c r="BG2305" s="162"/>
      <c r="BH2305" s="162"/>
      <c r="BI2305" s="162"/>
      <c r="BJ2305" s="162"/>
      <c r="BK2305" s="162"/>
      <c r="BL2305" s="162"/>
      <c r="BM2305" s="162"/>
      <c r="BN2305" s="162"/>
      <c r="BO2305" s="162"/>
      <c r="BP2305" s="162"/>
      <c r="BQ2305" s="162"/>
      <c r="BR2305" s="162"/>
      <c r="BS2305" s="162"/>
      <c r="BT2305" s="162"/>
      <c r="BU2305" s="162"/>
      <c r="BV2305" s="162"/>
      <c r="BW2305" s="162"/>
      <c r="BX2305" s="162"/>
      <c r="BY2305" s="162"/>
      <c r="BZ2305" s="162"/>
      <c r="CA2305" s="162"/>
      <c r="CB2305" s="162"/>
      <c r="CC2305" s="162"/>
      <c r="CD2305" s="162"/>
      <c r="CE2305" s="162"/>
      <c r="CF2305" s="162"/>
      <c r="CG2305" s="162"/>
      <c r="CH2305" s="162"/>
      <c r="CI2305" s="162"/>
      <c r="CJ2305" s="162"/>
      <c r="CK2305" s="162"/>
      <c r="CX2305" s="98"/>
      <c r="DL2305" s="97"/>
      <c r="DX2305" s="98"/>
      <c r="EL2305" s="97"/>
      <c r="EX2305" s="98"/>
      <c r="EY2305" s="97"/>
      <c r="FL2305" s="126"/>
      <c r="FM2305" s="91"/>
      <c r="FN2305" s="91"/>
      <c r="FO2305" s="91"/>
      <c r="FP2305" s="91"/>
      <c r="FQ2305" s="91"/>
      <c r="FR2305" s="91"/>
      <c r="FS2305" s="91"/>
      <c r="FT2305" s="91"/>
      <c r="FU2305" s="91"/>
      <c r="FV2305" s="91"/>
      <c r="FW2305" s="91"/>
      <c r="FX2305" s="91"/>
      <c r="FY2305" s="91"/>
      <c r="FZ2305" s="91"/>
      <c r="GA2305" s="91"/>
      <c r="GB2305" s="91"/>
      <c r="GC2305" s="91"/>
      <c r="GD2305" s="91"/>
      <c r="GE2305" s="91"/>
      <c r="GF2305" s="91"/>
      <c r="GG2305" s="91"/>
      <c r="GH2305" s="91"/>
      <c r="GI2305" s="91"/>
      <c r="GJ2305" s="91"/>
      <c r="GK2305" s="127"/>
      <c r="GL2305" s="126"/>
      <c r="GM2305" s="91"/>
      <c r="GN2305" s="91"/>
      <c r="GO2305" s="91"/>
      <c r="GP2305" s="91"/>
      <c r="GQ2305" s="91"/>
      <c r="GR2305" s="91"/>
      <c r="GS2305" s="91"/>
      <c r="GT2305" s="91"/>
      <c r="GU2305" s="91"/>
      <c r="GV2305" s="91"/>
      <c r="GW2305" s="91"/>
      <c r="GX2305" s="91"/>
      <c r="GY2305" s="91"/>
      <c r="GZ2305" s="91"/>
      <c r="HA2305" s="91"/>
      <c r="HB2305" s="91"/>
      <c r="HC2305" s="91"/>
      <c r="HD2305" s="91"/>
      <c r="HE2305" s="91"/>
      <c r="HF2305" s="91"/>
      <c r="HG2305" s="91"/>
      <c r="HH2305" s="91"/>
      <c r="HI2305" s="91"/>
      <c r="HJ2305" s="91"/>
      <c r="HK2305" s="127"/>
      <c r="HL2305" s="126"/>
      <c r="HM2305" s="91"/>
      <c r="HN2305" s="91"/>
      <c r="HO2305" s="91"/>
      <c r="HP2305" s="91"/>
      <c r="HQ2305" s="91"/>
      <c r="HR2305" s="91"/>
      <c r="HS2305" s="91"/>
      <c r="HT2305" s="91"/>
      <c r="HU2305" s="91"/>
      <c r="HV2305" s="91"/>
      <c r="HW2305" s="91"/>
      <c r="HX2305" s="91"/>
      <c r="HY2305" s="91"/>
      <c r="HZ2305" s="91"/>
      <c r="IA2305" s="91"/>
      <c r="IB2305" s="91"/>
      <c r="IC2305" s="91"/>
      <c r="ID2305" s="91"/>
      <c r="IE2305" s="91"/>
      <c r="IF2305" s="91"/>
      <c r="IG2305" s="91"/>
      <c r="IH2305" s="91"/>
      <c r="II2305" s="91"/>
      <c r="IJ2305" s="91"/>
      <c r="IK2305" s="127"/>
    </row>
    <row r="2306" spans="2:245" x14ac:dyDescent="0.2">
      <c r="B2306" s="43"/>
      <c r="C2306" s="73"/>
      <c r="D2306" s="64"/>
      <c r="E2306" s="64"/>
      <c r="F2306" s="55"/>
      <c r="G2306" s="102"/>
      <c r="H2306" s="55"/>
      <c r="I2306" s="55"/>
      <c r="J2306" s="55"/>
      <c r="K2306" s="55"/>
      <c r="L2306" s="55"/>
      <c r="M2306" s="55"/>
      <c r="N2306" s="55"/>
      <c r="O2306" s="55"/>
      <c r="P2306" s="55"/>
      <c r="Q2306" s="55"/>
      <c r="R2306" s="55"/>
      <c r="S2306" s="55"/>
      <c r="T2306" s="55"/>
      <c r="U2306" s="55"/>
      <c r="V2306" s="55"/>
      <c r="W2306" s="55"/>
      <c r="X2306" s="55"/>
      <c r="Y2306" s="55"/>
      <c r="Z2306" s="55"/>
      <c r="AA2306" s="55"/>
      <c r="AB2306" s="55"/>
      <c r="AC2306" s="55"/>
      <c r="AD2306" s="55"/>
      <c r="AE2306" s="55"/>
      <c r="AF2306" s="55"/>
      <c r="AG2306" s="55"/>
      <c r="AY2306" s="162"/>
      <c r="AZ2306" s="162"/>
      <c r="BA2306" s="162"/>
      <c r="BB2306" s="162"/>
      <c r="BC2306" s="162"/>
      <c r="BD2306" s="162"/>
      <c r="BE2306" s="162"/>
      <c r="BF2306" s="162"/>
      <c r="BG2306" s="162"/>
      <c r="BH2306" s="162"/>
      <c r="BI2306" s="162"/>
      <c r="BJ2306" s="162"/>
      <c r="BK2306" s="162"/>
      <c r="BL2306" s="162"/>
      <c r="BM2306" s="162"/>
      <c r="BN2306" s="162"/>
      <c r="BO2306" s="162"/>
      <c r="BP2306" s="162"/>
      <c r="BQ2306" s="162"/>
      <c r="BR2306" s="162"/>
      <c r="BS2306" s="162"/>
      <c r="BT2306" s="162"/>
      <c r="BU2306" s="162"/>
      <c r="BV2306" s="162"/>
      <c r="BW2306" s="162"/>
      <c r="BX2306" s="162"/>
      <c r="BY2306" s="162"/>
      <c r="BZ2306" s="162"/>
      <c r="CA2306" s="162"/>
      <c r="CB2306" s="162"/>
      <c r="CC2306" s="162"/>
      <c r="CD2306" s="162"/>
      <c r="CE2306" s="162"/>
      <c r="CF2306" s="162"/>
      <c r="CG2306" s="162"/>
      <c r="CH2306" s="162"/>
      <c r="CI2306" s="162"/>
      <c r="CJ2306" s="162"/>
      <c r="CK2306" s="162"/>
      <c r="CX2306" s="98"/>
      <c r="DL2306" s="97"/>
      <c r="DX2306" s="98"/>
      <c r="EL2306" s="97"/>
      <c r="EX2306" s="98"/>
      <c r="EY2306" s="97"/>
      <c r="FL2306" s="126"/>
      <c r="FM2306" s="91"/>
      <c r="FN2306" s="91"/>
      <c r="FO2306" s="91"/>
      <c r="FP2306" s="91"/>
      <c r="FQ2306" s="91"/>
      <c r="FR2306" s="91"/>
      <c r="FS2306" s="91"/>
      <c r="FT2306" s="91"/>
      <c r="FU2306" s="91"/>
      <c r="FV2306" s="91"/>
      <c r="FW2306" s="91"/>
      <c r="FX2306" s="91"/>
      <c r="FY2306" s="91"/>
      <c r="FZ2306" s="91"/>
      <c r="GA2306" s="91"/>
      <c r="GB2306" s="91"/>
      <c r="GC2306" s="91"/>
      <c r="GD2306" s="91"/>
      <c r="GE2306" s="91"/>
      <c r="GF2306" s="91"/>
      <c r="GG2306" s="91"/>
      <c r="GH2306" s="91"/>
      <c r="GI2306" s="91"/>
      <c r="GJ2306" s="91"/>
      <c r="GK2306" s="127"/>
      <c r="GL2306" s="126"/>
      <c r="GM2306" s="91"/>
      <c r="GN2306" s="91"/>
      <c r="GO2306" s="91"/>
      <c r="GP2306" s="91"/>
      <c r="GQ2306" s="91"/>
      <c r="GR2306" s="91"/>
      <c r="GS2306" s="91"/>
      <c r="GT2306" s="91"/>
      <c r="GU2306" s="91"/>
      <c r="GV2306" s="91"/>
      <c r="GW2306" s="91"/>
      <c r="GX2306" s="91"/>
      <c r="GY2306" s="91"/>
      <c r="GZ2306" s="91"/>
      <c r="HA2306" s="91"/>
      <c r="HB2306" s="91"/>
      <c r="HC2306" s="91"/>
      <c r="HD2306" s="91"/>
      <c r="HE2306" s="91"/>
      <c r="HF2306" s="91"/>
      <c r="HG2306" s="91"/>
      <c r="HH2306" s="91"/>
      <c r="HI2306" s="91"/>
      <c r="HJ2306" s="91"/>
      <c r="HK2306" s="127"/>
      <c r="HL2306" s="126"/>
      <c r="HM2306" s="91"/>
      <c r="HN2306" s="91"/>
      <c r="HO2306" s="91"/>
      <c r="HP2306" s="91"/>
      <c r="HQ2306" s="91"/>
      <c r="HR2306" s="91"/>
      <c r="HS2306" s="91"/>
      <c r="HT2306" s="91"/>
      <c r="HU2306" s="91"/>
      <c r="HV2306" s="91"/>
      <c r="HW2306" s="91"/>
      <c r="HX2306" s="91"/>
      <c r="HY2306" s="91"/>
      <c r="HZ2306" s="91"/>
      <c r="IA2306" s="91"/>
      <c r="IB2306" s="91"/>
      <c r="IC2306" s="91"/>
      <c r="ID2306" s="91"/>
      <c r="IE2306" s="91"/>
      <c r="IF2306" s="91"/>
      <c r="IG2306" s="91"/>
      <c r="IH2306" s="91"/>
      <c r="II2306" s="91"/>
      <c r="IJ2306" s="91"/>
      <c r="IK2306" s="127"/>
    </row>
    <row r="2307" spans="2:245" x14ac:dyDescent="0.2">
      <c r="B2307" s="43"/>
      <c r="C2307" s="73"/>
      <c r="D2307" s="64"/>
      <c r="E2307" s="64"/>
      <c r="F2307" s="55"/>
      <c r="G2307" s="102"/>
      <c r="H2307" s="55"/>
      <c r="I2307" s="55"/>
      <c r="J2307" s="55"/>
      <c r="K2307" s="55"/>
      <c r="L2307" s="55"/>
      <c r="M2307" s="55"/>
      <c r="N2307" s="55"/>
      <c r="O2307" s="55"/>
      <c r="P2307" s="55"/>
      <c r="Q2307" s="55"/>
      <c r="R2307" s="55"/>
      <c r="S2307" s="55"/>
      <c r="T2307" s="55"/>
      <c r="U2307" s="55"/>
      <c r="V2307" s="55"/>
      <c r="W2307" s="55"/>
      <c r="X2307" s="55"/>
      <c r="Y2307" s="55"/>
      <c r="Z2307" s="55"/>
      <c r="AA2307" s="55"/>
      <c r="AB2307" s="55"/>
      <c r="AC2307" s="55"/>
      <c r="AD2307" s="55"/>
      <c r="AE2307" s="55"/>
      <c r="AF2307" s="55"/>
      <c r="AG2307" s="55"/>
      <c r="AY2307" s="162"/>
      <c r="AZ2307" s="162"/>
      <c r="BA2307" s="162"/>
      <c r="BB2307" s="162"/>
      <c r="BC2307" s="162"/>
      <c r="BD2307" s="162"/>
      <c r="BE2307" s="162"/>
      <c r="BF2307" s="162"/>
      <c r="BG2307" s="162"/>
      <c r="BH2307" s="162"/>
      <c r="BI2307" s="162"/>
      <c r="BJ2307" s="162"/>
      <c r="BK2307" s="162"/>
      <c r="BL2307" s="162"/>
      <c r="BM2307" s="162"/>
      <c r="BN2307" s="162"/>
      <c r="BO2307" s="162"/>
      <c r="BP2307" s="162"/>
      <c r="BQ2307" s="162"/>
      <c r="BR2307" s="162"/>
      <c r="BS2307" s="162"/>
      <c r="BT2307" s="162"/>
      <c r="BU2307" s="162"/>
      <c r="BV2307" s="162"/>
      <c r="BW2307" s="162"/>
      <c r="BX2307" s="162"/>
      <c r="BY2307" s="162"/>
      <c r="BZ2307" s="162"/>
      <c r="CA2307" s="162"/>
      <c r="CB2307" s="162"/>
      <c r="CC2307" s="162"/>
      <c r="CD2307" s="162"/>
      <c r="CE2307" s="162"/>
      <c r="CF2307" s="162"/>
      <c r="CG2307" s="162"/>
      <c r="CH2307" s="162"/>
      <c r="CI2307" s="162"/>
      <c r="CJ2307" s="162"/>
      <c r="CK2307" s="162"/>
      <c r="CX2307" s="98"/>
      <c r="DL2307" s="97"/>
      <c r="DX2307" s="98"/>
      <c r="EL2307" s="97"/>
      <c r="EX2307" s="98"/>
      <c r="EY2307" s="97"/>
      <c r="FL2307" s="126"/>
      <c r="FM2307" s="91"/>
      <c r="FN2307" s="91"/>
      <c r="FO2307" s="91"/>
      <c r="FP2307" s="91"/>
      <c r="FQ2307" s="91"/>
      <c r="FR2307" s="91"/>
      <c r="FS2307" s="91"/>
      <c r="FT2307" s="91"/>
      <c r="FU2307" s="91"/>
      <c r="FV2307" s="91"/>
      <c r="FW2307" s="91"/>
      <c r="FX2307" s="91"/>
      <c r="FY2307" s="91"/>
      <c r="FZ2307" s="91"/>
      <c r="GA2307" s="91"/>
      <c r="GB2307" s="91"/>
      <c r="GC2307" s="91"/>
      <c r="GD2307" s="91"/>
      <c r="GE2307" s="91"/>
      <c r="GF2307" s="91"/>
      <c r="GG2307" s="91"/>
      <c r="GH2307" s="91"/>
      <c r="GI2307" s="91"/>
      <c r="GJ2307" s="91"/>
      <c r="GK2307" s="127"/>
      <c r="GL2307" s="126"/>
      <c r="GM2307" s="91"/>
      <c r="GN2307" s="91"/>
      <c r="GO2307" s="91"/>
      <c r="GP2307" s="91"/>
      <c r="GQ2307" s="91"/>
      <c r="GR2307" s="91"/>
      <c r="GS2307" s="91"/>
      <c r="GT2307" s="91"/>
      <c r="GU2307" s="91"/>
      <c r="GV2307" s="91"/>
      <c r="GW2307" s="91"/>
      <c r="GX2307" s="91"/>
      <c r="GY2307" s="91"/>
      <c r="GZ2307" s="91"/>
      <c r="HA2307" s="91"/>
      <c r="HB2307" s="91"/>
      <c r="HC2307" s="91"/>
      <c r="HD2307" s="91"/>
      <c r="HE2307" s="91"/>
      <c r="HF2307" s="91"/>
      <c r="HG2307" s="91"/>
      <c r="HH2307" s="91"/>
      <c r="HI2307" s="91"/>
      <c r="HJ2307" s="91"/>
      <c r="HK2307" s="127"/>
      <c r="HL2307" s="126"/>
      <c r="HM2307" s="91"/>
      <c r="HN2307" s="91"/>
      <c r="HO2307" s="91"/>
      <c r="HP2307" s="91"/>
      <c r="HQ2307" s="91"/>
      <c r="HR2307" s="91"/>
      <c r="HS2307" s="91"/>
      <c r="HT2307" s="91"/>
      <c r="HU2307" s="91"/>
      <c r="HV2307" s="91"/>
      <c r="HW2307" s="91"/>
      <c r="HX2307" s="91"/>
      <c r="HY2307" s="91"/>
      <c r="HZ2307" s="91"/>
      <c r="IA2307" s="91"/>
      <c r="IB2307" s="91"/>
      <c r="IC2307" s="91"/>
      <c r="ID2307" s="91"/>
      <c r="IE2307" s="91"/>
      <c r="IF2307" s="91"/>
      <c r="IG2307" s="91"/>
      <c r="IH2307" s="91"/>
      <c r="II2307" s="91"/>
      <c r="IJ2307" s="91"/>
      <c r="IK2307" s="127"/>
    </row>
    <row r="2308" spans="2:245" x14ac:dyDescent="0.2">
      <c r="B2308" s="43"/>
      <c r="C2308" s="73"/>
      <c r="D2308" s="64"/>
      <c r="E2308" s="64"/>
      <c r="F2308" s="55"/>
      <c r="G2308" s="102"/>
      <c r="H2308" s="55"/>
      <c r="I2308" s="55"/>
      <c r="J2308" s="55"/>
      <c r="K2308" s="55"/>
      <c r="L2308" s="55"/>
      <c r="M2308" s="55"/>
      <c r="N2308" s="55"/>
      <c r="O2308" s="55"/>
      <c r="P2308" s="55"/>
      <c r="Q2308" s="55"/>
      <c r="R2308" s="55"/>
      <c r="S2308" s="55"/>
      <c r="T2308" s="55"/>
      <c r="U2308" s="55"/>
      <c r="V2308" s="55"/>
      <c r="W2308" s="55"/>
      <c r="X2308" s="55"/>
      <c r="Y2308" s="55"/>
      <c r="Z2308" s="55"/>
      <c r="AA2308" s="55"/>
      <c r="AB2308" s="55"/>
      <c r="AC2308" s="55"/>
      <c r="AD2308" s="55"/>
      <c r="AE2308" s="55"/>
      <c r="AF2308" s="55"/>
      <c r="AG2308" s="55"/>
      <c r="AY2308" s="162"/>
      <c r="AZ2308" s="162"/>
      <c r="BA2308" s="162"/>
      <c r="BB2308" s="162"/>
      <c r="BC2308" s="162"/>
      <c r="BD2308" s="162"/>
      <c r="BE2308" s="162"/>
      <c r="BF2308" s="162"/>
      <c r="BG2308" s="162"/>
      <c r="BH2308" s="162"/>
      <c r="BI2308" s="162"/>
      <c r="BJ2308" s="162"/>
      <c r="BK2308" s="162"/>
      <c r="BL2308" s="162"/>
      <c r="BM2308" s="162"/>
      <c r="BN2308" s="162"/>
      <c r="BO2308" s="162"/>
      <c r="BP2308" s="162"/>
      <c r="BQ2308" s="162"/>
      <c r="BR2308" s="162"/>
      <c r="BS2308" s="162"/>
      <c r="BT2308" s="162"/>
      <c r="BU2308" s="162"/>
      <c r="BV2308" s="162"/>
      <c r="BW2308" s="162"/>
      <c r="BX2308" s="162"/>
      <c r="BY2308" s="162"/>
      <c r="BZ2308" s="162"/>
      <c r="CA2308" s="162"/>
      <c r="CB2308" s="162"/>
      <c r="CC2308" s="162"/>
      <c r="CD2308" s="162"/>
      <c r="CE2308" s="162"/>
      <c r="CF2308" s="162"/>
      <c r="CG2308" s="162"/>
      <c r="CH2308" s="162"/>
      <c r="CI2308" s="162"/>
      <c r="CJ2308" s="162"/>
      <c r="CK2308" s="162"/>
      <c r="CX2308" s="98"/>
      <c r="DL2308" s="97"/>
      <c r="DX2308" s="98"/>
      <c r="EL2308" s="97"/>
      <c r="EX2308" s="98"/>
      <c r="EY2308" s="97"/>
      <c r="FL2308" s="126"/>
      <c r="FM2308" s="91"/>
      <c r="FN2308" s="91"/>
      <c r="FO2308" s="91"/>
      <c r="FP2308" s="91"/>
      <c r="FQ2308" s="91"/>
      <c r="FR2308" s="91"/>
      <c r="FS2308" s="91"/>
      <c r="FT2308" s="91"/>
      <c r="FU2308" s="91"/>
      <c r="FV2308" s="91"/>
      <c r="FW2308" s="91"/>
      <c r="FX2308" s="91"/>
      <c r="FY2308" s="91"/>
      <c r="FZ2308" s="91"/>
      <c r="GA2308" s="91"/>
      <c r="GB2308" s="91"/>
      <c r="GC2308" s="91"/>
      <c r="GD2308" s="91"/>
      <c r="GE2308" s="91"/>
      <c r="GF2308" s="91"/>
      <c r="GG2308" s="91"/>
      <c r="GH2308" s="91"/>
      <c r="GI2308" s="91"/>
      <c r="GJ2308" s="91"/>
      <c r="GK2308" s="127"/>
      <c r="GL2308" s="126"/>
      <c r="GM2308" s="91"/>
      <c r="GN2308" s="91"/>
      <c r="GO2308" s="91"/>
      <c r="GP2308" s="91"/>
      <c r="GQ2308" s="91"/>
      <c r="GR2308" s="91"/>
      <c r="GS2308" s="91"/>
      <c r="GT2308" s="91"/>
      <c r="GU2308" s="91"/>
      <c r="GV2308" s="91"/>
      <c r="GW2308" s="91"/>
      <c r="GX2308" s="91"/>
      <c r="GY2308" s="91"/>
      <c r="GZ2308" s="91"/>
      <c r="HA2308" s="91"/>
      <c r="HB2308" s="91"/>
      <c r="HC2308" s="91"/>
      <c r="HD2308" s="91"/>
      <c r="HE2308" s="91"/>
      <c r="HF2308" s="91"/>
      <c r="HG2308" s="91"/>
      <c r="HH2308" s="91"/>
      <c r="HI2308" s="91"/>
      <c r="HJ2308" s="91"/>
      <c r="HK2308" s="127"/>
      <c r="HL2308" s="126"/>
      <c r="HM2308" s="91"/>
      <c r="HN2308" s="91"/>
      <c r="HO2308" s="91"/>
      <c r="HP2308" s="91"/>
      <c r="HQ2308" s="91"/>
      <c r="HR2308" s="91"/>
      <c r="HS2308" s="91"/>
      <c r="HT2308" s="91"/>
      <c r="HU2308" s="91"/>
      <c r="HV2308" s="91"/>
      <c r="HW2308" s="91"/>
      <c r="HX2308" s="91"/>
      <c r="HY2308" s="91"/>
      <c r="HZ2308" s="91"/>
      <c r="IA2308" s="91"/>
      <c r="IB2308" s="91"/>
      <c r="IC2308" s="91"/>
      <c r="ID2308" s="91"/>
      <c r="IE2308" s="91"/>
      <c r="IF2308" s="91"/>
      <c r="IG2308" s="91"/>
      <c r="IH2308" s="91"/>
      <c r="II2308" s="91"/>
      <c r="IJ2308" s="91"/>
      <c r="IK2308" s="127"/>
    </row>
    <row r="2309" spans="2:245" x14ac:dyDescent="0.2">
      <c r="B2309" s="43"/>
      <c r="C2309" s="73"/>
      <c r="D2309" s="64"/>
      <c r="E2309" s="64"/>
      <c r="F2309" s="55"/>
      <c r="G2309" s="102"/>
      <c r="H2309" s="55"/>
      <c r="I2309" s="55"/>
      <c r="J2309" s="55"/>
      <c r="K2309" s="55"/>
      <c r="L2309" s="55"/>
      <c r="M2309" s="55"/>
      <c r="N2309" s="55"/>
      <c r="O2309" s="55"/>
      <c r="P2309" s="55"/>
      <c r="Q2309" s="55"/>
      <c r="R2309" s="55"/>
      <c r="S2309" s="55"/>
      <c r="T2309" s="55"/>
      <c r="U2309" s="55"/>
      <c r="V2309" s="55"/>
      <c r="W2309" s="55"/>
      <c r="X2309" s="55"/>
      <c r="Y2309" s="55"/>
      <c r="Z2309" s="55"/>
      <c r="AA2309" s="55"/>
      <c r="AB2309" s="55"/>
      <c r="AC2309" s="55"/>
      <c r="AD2309" s="55"/>
      <c r="AE2309" s="55"/>
      <c r="AF2309" s="55"/>
      <c r="AG2309" s="55"/>
      <c r="AY2309" s="162"/>
      <c r="AZ2309" s="162"/>
      <c r="BA2309" s="162"/>
      <c r="BB2309" s="162"/>
      <c r="BC2309" s="162"/>
      <c r="BD2309" s="162"/>
      <c r="BE2309" s="162"/>
      <c r="BF2309" s="162"/>
      <c r="BG2309" s="162"/>
      <c r="BH2309" s="162"/>
      <c r="BI2309" s="162"/>
      <c r="BJ2309" s="162"/>
      <c r="BK2309" s="162"/>
      <c r="BL2309" s="162"/>
      <c r="BM2309" s="162"/>
      <c r="BN2309" s="162"/>
      <c r="BO2309" s="162"/>
      <c r="BP2309" s="162"/>
      <c r="BQ2309" s="162"/>
      <c r="BR2309" s="162"/>
      <c r="BS2309" s="162"/>
      <c r="BT2309" s="162"/>
      <c r="BU2309" s="162"/>
      <c r="BV2309" s="162"/>
      <c r="BW2309" s="162"/>
      <c r="BX2309" s="162"/>
      <c r="BY2309" s="162"/>
      <c r="BZ2309" s="162"/>
      <c r="CA2309" s="162"/>
      <c r="CB2309" s="162"/>
      <c r="CC2309" s="162"/>
      <c r="CD2309" s="162"/>
      <c r="CE2309" s="162"/>
      <c r="CF2309" s="162"/>
      <c r="CG2309" s="162"/>
      <c r="CH2309" s="162"/>
      <c r="CI2309" s="162"/>
      <c r="CJ2309" s="162"/>
      <c r="CK2309" s="162"/>
      <c r="CX2309" s="98"/>
      <c r="DL2309" s="97"/>
      <c r="DX2309" s="98"/>
      <c r="EL2309" s="97"/>
      <c r="EX2309" s="98"/>
      <c r="EY2309" s="97"/>
      <c r="FL2309" s="126"/>
      <c r="FM2309" s="91"/>
      <c r="FN2309" s="91"/>
      <c r="FO2309" s="91"/>
      <c r="FP2309" s="91"/>
      <c r="FQ2309" s="91"/>
      <c r="FR2309" s="91"/>
      <c r="FS2309" s="91"/>
      <c r="FT2309" s="91"/>
      <c r="FU2309" s="91"/>
      <c r="FV2309" s="91"/>
      <c r="FW2309" s="91"/>
      <c r="FX2309" s="91"/>
      <c r="FY2309" s="91"/>
      <c r="FZ2309" s="91"/>
      <c r="GA2309" s="91"/>
      <c r="GB2309" s="91"/>
      <c r="GC2309" s="91"/>
      <c r="GD2309" s="91"/>
      <c r="GE2309" s="91"/>
      <c r="GF2309" s="91"/>
      <c r="GG2309" s="91"/>
      <c r="GH2309" s="91"/>
      <c r="GI2309" s="91"/>
      <c r="GJ2309" s="91"/>
      <c r="GK2309" s="127"/>
      <c r="GL2309" s="126"/>
      <c r="GM2309" s="91"/>
      <c r="GN2309" s="91"/>
      <c r="GO2309" s="91"/>
      <c r="GP2309" s="91"/>
      <c r="GQ2309" s="91"/>
      <c r="GR2309" s="91"/>
      <c r="GS2309" s="91"/>
      <c r="GT2309" s="91"/>
      <c r="GU2309" s="91"/>
      <c r="GV2309" s="91"/>
      <c r="GW2309" s="91"/>
      <c r="GX2309" s="91"/>
      <c r="GY2309" s="91"/>
      <c r="GZ2309" s="91"/>
      <c r="HA2309" s="91"/>
      <c r="HB2309" s="91"/>
      <c r="HC2309" s="91"/>
      <c r="HD2309" s="91"/>
      <c r="HE2309" s="91"/>
      <c r="HF2309" s="91"/>
      <c r="HG2309" s="91"/>
      <c r="HH2309" s="91"/>
      <c r="HI2309" s="91"/>
      <c r="HJ2309" s="91"/>
      <c r="HK2309" s="127"/>
      <c r="HL2309" s="126"/>
      <c r="HM2309" s="91"/>
      <c r="HN2309" s="91"/>
      <c r="HO2309" s="91"/>
      <c r="HP2309" s="91"/>
      <c r="HQ2309" s="91"/>
      <c r="HR2309" s="91"/>
      <c r="HS2309" s="91"/>
      <c r="HT2309" s="91"/>
      <c r="HU2309" s="91"/>
      <c r="HV2309" s="91"/>
      <c r="HW2309" s="91"/>
      <c r="HX2309" s="91"/>
      <c r="HY2309" s="91"/>
      <c r="HZ2309" s="91"/>
      <c r="IA2309" s="91"/>
      <c r="IB2309" s="91"/>
      <c r="IC2309" s="91"/>
      <c r="ID2309" s="91"/>
      <c r="IE2309" s="91"/>
      <c r="IF2309" s="91"/>
      <c r="IG2309" s="91"/>
      <c r="IH2309" s="91"/>
      <c r="II2309" s="91"/>
      <c r="IJ2309" s="91"/>
      <c r="IK2309" s="127"/>
    </row>
    <row r="2310" spans="2:245" x14ac:dyDescent="0.2">
      <c r="B2310" s="43"/>
      <c r="C2310" s="73"/>
      <c r="D2310" s="64"/>
      <c r="E2310" s="64"/>
      <c r="F2310" s="55"/>
      <c r="G2310" s="102"/>
      <c r="H2310" s="55"/>
      <c r="I2310" s="55"/>
      <c r="J2310" s="55"/>
      <c r="K2310" s="55"/>
      <c r="L2310" s="55"/>
      <c r="M2310" s="55"/>
      <c r="N2310" s="55"/>
      <c r="O2310" s="55"/>
      <c r="P2310" s="55"/>
      <c r="Q2310" s="55"/>
      <c r="R2310" s="55"/>
      <c r="S2310" s="55"/>
      <c r="T2310" s="55"/>
      <c r="U2310" s="55"/>
      <c r="V2310" s="55"/>
      <c r="W2310" s="55"/>
      <c r="X2310" s="55"/>
      <c r="Y2310" s="55"/>
      <c r="Z2310" s="55"/>
      <c r="AA2310" s="55"/>
      <c r="AB2310" s="55"/>
      <c r="AC2310" s="55"/>
      <c r="AD2310" s="55"/>
      <c r="AE2310" s="55"/>
      <c r="AF2310" s="55"/>
      <c r="AG2310" s="55"/>
      <c r="AY2310" s="162"/>
      <c r="AZ2310" s="162"/>
      <c r="BA2310" s="162"/>
      <c r="BB2310" s="162"/>
      <c r="BC2310" s="162"/>
      <c r="BD2310" s="162"/>
      <c r="BE2310" s="162"/>
      <c r="BF2310" s="162"/>
      <c r="BG2310" s="162"/>
      <c r="BH2310" s="162"/>
      <c r="BI2310" s="162"/>
      <c r="BJ2310" s="162"/>
      <c r="BK2310" s="162"/>
      <c r="BL2310" s="162"/>
      <c r="BM2310" s="162"/>
      <c r="BN2310" s="162"/>
      <c r="BO2310" s="162"/>
      <c r="BP2310" s="162"/>
      <c r="BQ2310" s="162"/>
      <c r="BR2310" s="162"/>
      <c r="BS2310" s="162"/>
      <c r="BT2310" s="162"/>
      <c r="BU2310" s="162"/>
      <c r="BV2310" s="162"/>
      <c r="BW2310" s="162"/>
      <c r="BX2310" s="162"/>
      <c r="BY2310" s="162"/>
      <c r="BZ2310" s="162"/>
      <c r="CA2310" s="162"/>
      <c r="CB2310" s="162"/>
      <c r="CC2310" s="162"/>
      <c r="CD2310" s="162"/>
      <c r="CE2310" s="162"/>
      <c r="CF2310" s="162"/>
      <c r="CG2310" s="162"/>
      <c r="CH2310" s="162"/>
      <c r="CI2310" s="162"/>
      <c r="CJ2310" s="162"/>
      <c r="CK2310" s="162"/>
      <c r="CX2310" s="98"/>
      <c r="DL2310" s="97"/>
      <c r="DX2310" s="98"/>
      <c r="EL2310" s="97"/>
      <c r="EX2310" s="98"/>
      <c r="EY2310" s="97"/>
      <c r="FL2310" s="126"/>
      <c r="FM2310" s="91"/>
      <c r="FN2310" s="91"/>
      <c r="FO2310" s="91"/>
      <c r="FP2310" s="91"/>
      <c r="FQ2310" s="91"/>
      <c r="FR2310" s="91"/>
      <c r="FS2310" s="91"/>
      <c r="FT2310" s="91"/>
      <c r="FU2310" s="91"/>
      <c r="FV2310" s="91"/>
      <c r="FW2310" s="91"/>
      <c r="FX2310" s="91"/>
      <c r="FY2310" s="91"/>
      <c r="FZ2310" s="91"/>
      <c r="GA2310" s="91"/>
      <c r="GB2310" s="91"/>
      <c r="GC2310" s="91"/>
      <c r="GD2310" s="91"/>
      <c r="GE2310" s="91"/>
      <c r="GF2310" s="91"/>
      <c r="GG2310" s="91"/>
      <c r="GH2310" s="91"/>
      <c r="GI2310" s="91"/>
      <c r="GJ2310" s="91"/>
      <c r="GK2310" s="127"/>
      <c r="GL2310" s="126"/>
      <c r="GM2310" s="91"/>
      <c r="GN2310" s="91"/>
      <c r="GO2310" s="91"/>
      <c r="GP2310" s="91"/>
      <c r="GQ2310" s="91"/>
      <c r="GR2310" s="91"/>
      <c r="GS2310" s="91"/>
      <c r="GT2310" s="91"/>
      <c r="GU2310" s="91"/>
      <c r="GV2310" s="91"/>
      <c r="GW2310" s="91"/>
      <c r="GX2310" s="91"/>
      <c r="GY2310" s="91"/>
      <c r="GZ2310" s="91"/>
      <c r="HA2310" s="91"/>
      <c r="HB2310" s="91"/>
      <c r="HC2310" s="91"/>
      <c r="HD2310" s="91"/>
      <c r="HE2310" s="91"/>
      <c r="HF2310" s="91"/>
      <c r="HG2310" s="91"/>
      <c r="HH2310" s="91"/>
      <c r="HI2310" s="91"/>
      <c r="HJ2310" s="91"/>
      <c r="HK2310" s="127"/>
      <c r="HL2310" s="126"/>
      <c r="HM2310" s="91"/>
      <c r="HN2310" s="91"/>
      <c r="HO2310" s="91"/>
      <c r="HP2310" s="91"/>
      <c r="HQ2310" s="91"/>
      <c r="HR2310" s="91"/>
      <c r="HS2310" s="91"/>
      <c r="HT2310" s="91"/>
      <c r="HU2310" s="91"/>
      <c r="HV2310" s="91"/>
      <c r="HW2310" s="91"/>
      <c r="HX2310" s="91"/>
      <c r="HY2310" s="91"/>
      <c r="HZ2310" s="91"/>
      <c r="IA2310" s="91"/>
      <c r="IB2310" s="91"/>
      <c r="IC2310" s="91"/>
      <c r="ID2310" s="91"/>
      <c r="IE2310" s="91"/>
      <c r="IF2310" s="91"/>
      <c r="IG2310" s="91"/>
      <c r="IH2310" s="91"/>
      <c r="II2310" s="91"/>
      <c r="IJ2310" s="91"/>
      <c r="IK2310" s="127"/>
    </row>
    <row r="2311" spans="2:245" x14ac:dyDescent="0.2">
      <c r="B2311" s="43"/>
      <c r="C2311" s="73"/>
      <c r="D2311" s="64"/>
      <c r="E2311" s="64"/>
      <c r="F2311" s="55"/>
      <c r="G2311" s="102"/>
      <c r="H2311" s="55"/>
      <c r="I2311" s="55"/>
      <c r="J2311" s="55"/>
      <c r="K2311" s="55"/>
      <c r="L2311" s="55"/>
      <c r="M2311" s="55"/>
      <c r="N2311" s="55"/>
      <c r="O2311" s="55"/>
      <c r="P2311" s="55"/>
      <c r="Q2311" s="55"/>
      <c r="R2311" s="55"/>
      <c r="S2311" s="55"/>
      <c r="T2311" s="55"/>
      <c r="U2311" s="55"/>
      <c r="V2311" s="55"/>
      <c r="W2311" s="55"/>
      <c r="X2311" s="55"/>
      <c r="Y2311" s="55"/>
      <c r="Z2311" s="55"/>
      <c r="AA2311" s="55"/>
      <c r="AB2311" s="55"/>
      <c r="AC2311" s="55"/>
      <c r="AD2311" s="55"/>
      <c r="AE2311" s="55"/>
      <c r="AF2311" s="55"/>
      <c r="AG2311" s="55"/>
      <c r="AY2311" s="162"/>
      <c r="AZ2311" s="162"/>
      <c r="BA2311" s="162"/>
      <c r="BB2311" s="162"/>
      <c r="BC2311" s="162"/>
      <c r="BD2311" s="162"/>
      <c r="BE2311" s="162"/>
      <c r="BF2311" s="162"/>
      <c r="BG2311" s="162"/>
      <c r="BH2311" s="162"/>
      <c r="BI2311" s="162"/>
      <c r="BJ2311" s="162"/>
      <c r="BK2311" s="162"/>
      <c r="BL2311" s="162"/>
      <c r="BM2311" s="162"/>
      <c r="BN2311" s="162"/>
      <c r="BO2311" s="162"/>
      <c r="BP2311" s="162"/>
      <c r="BQ2311" s="162"/>
      <c r="BR2311" s="162"/>
      <c r="BS2311" s="162"/>
      <c r="BT2311" s="162"/>
      <c r="BU2311" s="162"/>
      <c r="BV2311" s="162"/>
      <c r="BW2311" s="162"/>
      <c r="BX2311" s="162"/>
      <c r="BY2311" s="162"/>
      <c r="BZ2311" s="162"/>
      <c r="CA2311" s="162"/>
      <c r="CB2311" s="162"/>
      <c r="CC2311" s="162"/>
      <c r="CD2311" s="162"/>
      <c r="CE2311" s="162"/>
      <c r="CF2311" s="162"/>
      <c r="CG2311" s="162"/>
      <c r="CH2311" s="162"/>
      <c r="CI2311" s="162"/>
      <c r="CJ2311" s="162"/>
      <c r="CK2311" s="162"/>
      <c r="CX2311" s="98"/>
      <c r="DL2311" s="97"/>
      <c r="DX2311" s="98"/>
      <c r="EL2311" s="97"/>
      <c r="EX2311" s="98"/>
      <c r="EY2311" s="97"/>
      <c r="FL2311" s="126"/>
      <c r="FM2311" s="91"/>
      <c r="FN2311" s="91"/>
      <c r="FO2311" s="91"/>
      <c r="FP2311" s="91"/>
      <c r="FQ2311" s="91"/>
      <c r="FR2311" s="91"/>
      <c r="FS2311" s="91"/>
      <c r="FT2311" s="91"/>
      <c r="FU2311" s="91"/>
      <c r="FV2311" s="91"/>
      <c r="FW2311" s="91"/>
      <c r="FX2311" s="91"/>
      <c r="FY2311" s="91"/>
      <c r="FZ2311" s="91"/>
      <c r="GA2311" s="91"/>
      <c r="GB2311" s="91"/>
      <c r="GC2311" s="91"/>
      <c r="GD2311" s="91"/>
      <c r="GE2311" s="91"/>
      <c r="GF2311" s="91"/>
      <c r="GG2311" s="91"/>
      <c r="GH2311" s="91"/>
      <c r="GI2311" s="91"/>
      <c r="GJ2311" s="91"/>
      <c r="GK2311" s="127"/>
      <c r="GL2311" s="126"/>
      <c r="GM2311" s="91"/>
      <c r="GN2311" s="91"/>
      <c r="GO2311" s="91"/>
      <c r="GP2311" s="91"/>
      <c r="GQ2311" s="91"/>
      <c r="GR2311" s="91"/>
      <c r="GS2311" s="91"/>
      <c r="GT2311" s="91"/>
      <c r="GU2311" s="91"/>
      <c r="GV2311" s="91"/>
      <c r="GW2311" s="91"/>
      <c r="GX2311" s="91"/>
      <c r="GY2311" s="91"/>
      <c r="GZ2311" s="91"/>
      <c r="HA2311" s="91"/>
      <c r="HB2311" s="91"/>
      <c r="HC2311" s="91"/>
      <c r="HD2311" s="91"/>
      <c r="HE2311" s="91"/>
      <c r="HF2311" s="91"/>
      <c r="HG2311" s="91"/>
      <c r="HH2311" s="91"/>
      <c r="HI2311" s="91"/>
      <c r="HJ2311" s="91"/>
      <c r="HK2311" s="127"/>
      <c r="HL2311" s="126"/>
      <c r="HM2311" s="91"/>
      <c r="HN2311" s="91"/>
      <c r="HO2311" s="91"/>
      <c r="HP2311" s="91"/>
      <c r="HQ2311" s="91"/>
      <c r="HR2311" s="91"/>
      <c r="HS2311" s="91"/>
      <c r="HT2311" s="91"/>
      <c r="HU2311" s="91"/>
      <c r="HV2311" s="91"/>
      <c r="HW2311" s="91"/>
      <c r="HX2311" s="91"/>
      <c r="HY2311" s="91"/>
      <c r="HZ2311" s="91"/>
      <c r="IA2311" s="91"/>
      <c r="IB2311" s="91"/>
      <c r="IC2311" s="91"/>
      <c r="ID2311" s="91"/>
      <c r="IE2311" s="91"/>
      <c r="IF2311" s="91"/>
      <c r="IG2311" s="91"/>
      <c r="IH2311" s="91"/>
      <c r="II2311" s="91"/>
      <c r="IJ2311" s="91"/>
      <c r="IK2311" s="127"/>
    </row>
    <row r="2312" spans="2:245" x14ac:dyDescent="0.2">
      <c r="B2312" s="43"/>
      <c r="C2312" s="73"/>
      <c r="D2312" s="64"/>
      <c r="E2312" s="64"/>
      <c r="F2312" s="55"/>
      <c r="G2312" s="102"/>
      <c r="H2312" s="55"/>
      <c r="I2312" s="55"/>
      <c r="J2312" s="55"/>
      <c r="K2312" s="55"/>
      <c r="L2312" s="55"/>
      <c r="M2312" s="55"/>
      <c r="N2312" s="55"/>
      <c r="O2312" s="55"/>
      <c r="P2312" s="55"/>
      <c r="Q2312" s="55"/>
      <c r="R2312" s="55"/>
      <c r="S2312" s="55"/>
      <c r="T2312" s="55"/>
      <c r="U2312" s="55"/>
      <c r="V2312" s="55"/>
      <c r="W2312" s="55"/>
      <c r="X2312" s="55"/>
      <c r="Y2312" s="55"/>
      <c r="Z2312" s="55"/>
      <c r="AA2312" s="55"/>
      <c r="AB2312" s="55"/>
      <c r="AC2312" s="55"/>
      <c r="AD2312" s="55"/>
      <c r="AE2312" s="55"/>
      <c r="AF2312" s="55"/>
      <c r="AG2312" s="55"/>
      <c r="AY2312" s="162"/>
      <c r="AZ2312" s="162"/>
      <c r="BA2312" s="162"/>
      <c r="BB2312" s="162"/>
      <c r="BC2312" s="162"/>
      <c r="BD2312" s="162"/>
      <c r="BE2312" s="162"/>
      <c r="BF2312" s="162"/>
      <c r="BG2312" s="162"/>
      <c r="BH2312" s="162"/>
      <c r="BI2312" s="162"/>
      <c r="BJ2312" s="162"/>
      <c r="BK2312" s="162"/>
      <c r="BL2312" s="162"/>
      <c r="BM2312" s="162"/>
      <c r="BN2312" s="162"/>
      <c r="BO2312" s="162"/>
      <c r="BP2312" s="162"/>
      <c r="BQ2312" s="162"/>
      <c r="BR2312" s="162"/>
      <c r="BS2312" s="162"/>
      <c r="BT2312" s="162"/>
      <c r="BU2312" s="162"/>
      <c r="BV2312" s="162"/>
      <c r="BW2312" s="162"/>
      <c r="BX2312" s="162"/>
      <c r="BY2312" s="162"/>
      <c r="BZ2312" s="162"/>
      <c r="CA2312" s="162"/>
      <c r="CB2312" s="162"/>
      <c r="CC2312" s="162"/>
      <c r="CD2312" s="162"/>
      <c r="CE2312" s="162"/>
      <c r="CF2312" s="162"/>
      <c r="CG2312" s="162"/>
      <c r="CH2312" s="162"/>
      <c r="CI2312" s="162"/>
      <c r="CJ2312" s="162"/>
      <c r="CK2312" s="162"/>
      <c r="CX2312" s="98"/>
      <c r="DL2312" s="97"/>
      <c r="DX2312" s="98"/>
      <c r="EL2312" s="97"/>
      <c r="EX2312" s="98"/>
      <c r="EY2312" s="97"/>
      <c r="FL2312" s="126"/>
      <c r="FM2312" s="91"/>
      <c r="FN2312" s="91"/>
      <c r="FO2312" s="91"/>
      <c r="FP2312" s="91"/>
      <c r="FQ2312" s="91"/>
      <c r="FR2312" s="91"/>
      <c r="FS2312" s="91"/>
      <c r="FT2312" s="91"/>
      <c r="FU2312" s="91"/>
      <c r="FV2312" s="91"/>
      <c r="FW2312" s="91"/>
      <c r="FX2312" s="91"/>
      <c r="FY2312" s="91"/>
      <c r="FZ2312" s="91"/>
      <c r="GA2312" s="91"/>
      <c r="GB2312" s="91"/>
      <c r="GC2312" s="91"/>
      <c r="GD2312" s="91"/>
      <c r="GE2312" s="91"/>
      <c r="GF2312" s="91"/>
      <c r="GG2312" s="91"/>
      <c r="GH2312" s="91"/>
      <c r="GI2312" s="91"/>
      <c r="GJ2312" s="91"/>
      <c r="GK2312" s="127"/>
      <c r="GL2312" s="126"/>
      <c r="GM2312" s="91"/>
      <c r="GN2312" s="91"/>
      <c r="GO2312" s="91"/>
      <c r="GP2312" s="91"/>
      <c r="GQ2312" s="91"/>
      <c r="GR2312" s="91"/>
      <c r="GS2312" s="91"/>
      <c r="GT2312" s="91"/>
      <c r="GU2312" s="91"/>
      <c r="GV2312" s="91"/>
      <c r="GW2312" s="91"/>
      <c r="GX2312" s="91"/>
      <c r="GY2312" s="91"/>
      <c r="GZ2312" s="91"/>
      <c r="HA2312" s="91"/>
      <c r="HB2312" s="91"/>
      <c r="HC2312" s="91"/>
      <c r="HD2312" s="91"/>
      <c r="HE2312" s="91"/>
      <c r="HF2312" s="91"/>
      <c r="HG2312" s="91"/>
      <c r="HH2312" s="91"/>
      <c r="HI2312" s="91"/>
      <c r="HJ2312" s="91"/>
      <c r="HK2312" s="127"/>
      <c r="HL2312" s="126"/>
      <c r="HM2312" s="91"/>
      <c r="HN2312" s="91"/>
      <c r="HO2312" s="91"/>
      <c r="HP2312" s="91"/>
      <c r="HQ2312" s="91"/>
      <c r="HR2312" s="91"/>
      <c r="HS2312" s="91"/>
      <c r="HT2312" s="91"/>
      <c r="HU2312" s="91"/>
      <c r="HV2312" s="91"/>
      <c r="HW2312" s="91"/>
      <c r="HX2312" s="91"/>
      <c r="HY2312" s="91"/>
      <c r="HZ2312" s="91"/>
      <c r="IA2312" s="91"/>
      <c r="IB2312" s="91"/>
      <c r="IC2312" s="91"/>
      <c r="ID2312" s="91"/>
      <c r="IE2312" s="91"/>
      <c r="IF2312" s="91"/>
      <c r="IG2312" s="91"/>
      <c r="IH2312" s="91"/>
      <c r="II2312" s="91"/>
      <c r="IJ2312" s="91"/>
      <c r="IK2312" s="127"/>
    </row>
    <row r="2313" spans="2:245" x14ac:dyDescent="0.2">
      <c r="B2313" s="43"/>
      <c r="C2313" s="73"/>
      <c r="D2313" s="64"/>
      <c r="E2313" s="64"/>
      <c r="F2313" s="55"/>
      <c r="G2313" s="102"/>
      <c r="H2313" s="55"/>
      <c r="I2313" s="55"/>
      <c r="J2313" s="55"/>
      <c r="K2313" s="55"/>
      <c r="L2313" s="55"/>
      <c r="M2313" s="55"/>
      <c r="N2313" s="55"/>
      <c r="O2313" s="55"/>
      <c r="P2313" s="55"/>
      <c r="Q2313" s="55"/>
      <c r="R2313" s="55"/>
      <c r="S2313" s="55"/>
      <c r="T2313" s="55"/>
      <c r="U2313" s="55"/>
      <c r="V2313" s="55"/>
      <c r="W2313" s="55"/>
      <c r="X2313" s="55"/>
      <c r="Y2313" s="55"/>
      <c r="Z2313" s="55"/>
      <c r="AA2313" s="55"/>
      <c r="AB2313" s="55"/>
      <c r="AC2313" s="55"/>
      <c r="AD2313" s="55"/>
      <c r="AE2313" s="55"/>
      <c r="AF2313" s="55"/>
      <c r="AG2313" s="55"/>
      <c r="AY2313" s="162"/>
      <c r="AZ2313" s="162"/>
      <c r="BA2313" s="162"/>
      <c r="BB2313" s="162"/>
      <c r="BC2313" s="162"/>
      <c r="BD2313" s="162"/>
      <c r="BE2313" s="162"/>
      <c r="BF2313" s="162"/>
      <c r="BG2313" s="162"/>
      <c r="BH2313" s="162"/>
      <c r="BI2313" s="162"/>
      <c r="BJ2313" s="162"/>
      <c r="BK2313" s="162"/>
      <c r="BL2313" s="162"/>
      <c r="BM2313" s="162"/>
      <c r="BN2313" s="162"/>
      <c r="BO2313" s="162"/>
      <c r="BP2313" s="162"/>
      <c r="BQ2313" s="162"/>
      <c r="BR2313" s="162"/>
      <c r="BS2313" s="162"/>
      <c r="BT2313" s="162"/>
      <c r="BU2313" s="162"/>
      <c r="BV2313" s="162"/>
      <c r="BW2313" s="162"/>
      <c r="BX2313" s="162"/>
      <c r="BY2313" s="162"/>
      <c r="BZ2313" s="162"/>
      <c r="CA2313" s="162"/>
      <c r="CB2313" s="162"/>
      <c r="CC2313" s="162"/>
      <c r="CD2313" s="162"/>
      <c r="CE2313" s="162"/>
      <c r="CF2313" s="162"/>
      <c r="CG2313" s="162"/>
      <c r="CH2313" s="162"/>
      <c r="CI2313" s="162"/>
      <c r="CJ2313" s="162"/>
      <c r="CK2313" s="162"/>
      <c r="CX2313" s="98"/>
      <c r="DL2313" s="97"/>
      <c r="DX2313" s="98"/>
      <c r="EL2313" s="97"/>
      <c r="EX2313" s="98"/>
      <c r="EY2313" s="97"/>
      <c r="FL2313" s="126"/>
      <c r="FM2313" s="91"/>
      <c r="FN2313" s="91"/>
      <c r="FO2313" s="91"/>
      <c r="FP2313" s="91"/>
      <c r="FQ2313" s="91"/>
      <c r="FR2313" s="91"/>
      <c r="FS2313" s="91"/>
      <c r="FT2313" s="91"/>
      <c r="FU2313" s="91"/>
      <c r="FV2313" s="91"/>
      <c r="FW2313" s="91"/>
      <c r="FX2313" s="91"/>
      <c r="FY2313" s="91"/>
      <c r="FZ2313" s="91"/>
      <c r="GA2313" s="91"/>
      <c r="GB2313" s="91"/>
      <c r="GC2313" s="91"/>
      <c r="GD2313" s="91"/>
      <c r="GE2313" s="91"/>
      <c r="GF2313" s="91"/>
      <c r="GG2313" s="91"/>
      <c r="GH2313" s="91"/>
      <c r="GI2313" s="91"/>
      <c r="GJ2313" s="91"/>
      <c r="GK2313" s="127"/>
      <c r="GL2313" s="126"/>
      <c r="GM2313" s="91"/>
      <c r="GN2313" s="91"/>
      <c r="GO2313" s="91"/>
      <c r="GP2313" s="91"/>
      <c r="GQ2313" s="91"/>
      <c r="GR2313" s="91"/>
      <c r="GS2313" s="91"/>
      <c r="GT2313" s="91"/>
      <c r="GU2313" s="91"/>
      <c r="GV2313" s="91"/>
      <c r="GW2313" s="91"/>
      <c r="GX2313" s="91"/>
      <c r="GY2313" s="91"/>
      <c r="GZ2313" s="91"/>
      <c r="HA2313" s="91"/>
      <c r="HB2313" s="91"/>
      <c r="HC2313" s="91"/>
      <c r="HD2313" s="91"/>
      <c r="HE2313" s="91"/>
      <c r="HF2313" s="91"/>
      <c r="HG2313" s="91"/>
      <c r="HH2313" s="91"/>
      <c r="HI2313" s="91"/>
      <c r="HJ2313" s="91"/>
      <c r="HK2313" s="127"/>
      <c r="HL2313" s="126"/>
      <c r="HM2313" s="91"/>
      <c r="HN2313" s="91"/>
      <c r="HO2313" s="91"/>
      <c r="HP2313" s="91"/>
      <c r="HQ2313" s="91"/>
      <c r="HR2313" s="91"/>
      <c r="HS2313" s="91"/>
      <c r="HT2313" s="91"/>
      <c r="HU2313" s="91"/>
      <c r="HV2313" s="91"/>
      <c r="HW2313" s="91"/>
      <c r="HX2313" s="91"/>
      <c r="HY2313" s="91"/>
      <c r="HZ2313" s="91"/>
      <c r="IA2313" s="91"/>
      <c r="IB2313" s="91"/>
      <c r="IC2313" s="91"/>
      <c r="ID2313" s="91"/>
      <c r="IE2313" s="91"/>
      <c r="IF2313" s="91"/>
      <c r="IG2313" s="91"/>
      <c r="IH2313" s="91"/>
      <c r="II2313" s="91"/>
      <c r="IJ2313" s="91"/>
      <c r="IK2313" s="127"/>
    </row>
    <row r="2314" spans="2:245" x14ac:dyDescent="0.2">
      <c r="B2314" s="43"/>
      <c r="C2314" s="73"/>
      <c r="D2314" s="64"/>
      <c r="E2314" s="64"/>
      <c r="F2314" s="55"/>
      <c r="G2314" s="102"/>
      <c r="H2314" s="55"/>
      <c r="I2314" s="55"/>
      <c r="J2314" s="55"/>
      <c r="K2314" s="55"/>
      <c r="L2314" s="55"/>
      <c r="M2314" s="55"/>
      <c r="N2314" s="55"/>
      <c r="O2314" s="55"/>
      <c r="P2314" s="55"/>
      <c r="Q2314" s="55"/>
      <c r="R2314" s="55"/>
      <c r="S2314" s="55"/>
      <c r="T2314" s="55"/>
      <c r="U2314" s="55"/>
      <c r="V2314" s="55"/>
      <c r="W2314" s="55"/>
      <c r="X2314" s="55"/>
      <c r="Y2314" s="55"/>
      <c r="Z2314" s="55"/>
      <c r="AA2314" s="55"/>
      <c r="AB2314" s="55"/>
      <c r="AC2314" s="55"/>
      <c r="AD2314" s="55"/>
      <c r="AE2314" s="55"/>
      <c r="AF2314" s="55"/>
      <c r="AG2314" s="55"/>
      <c r="AY2314" s="162"/>
      <c r="AZ2314" s="162"/>
      <c r="BA2314" s="162"/>
      <c r="BB2314" s="162"/>
      <c r="BC2314" s="162"/>
      <c r="BD2314" s="162"/>
      <c r="BE2314" s="162"/>
      <c r="BF2314" s="162"/>
      <c r="BG2314" s="162"/>
      <c r="BH2314" s="162"/>
      <c r="BI2314" s="162"/>
      <c r="BJ2314" s="162"/>
      <c r="BK2314" s="162"/>
      <c r="BL2314" s="162"/>
      <c r="BM2314" s="162"/>
      <c r="BN2314" s="162"/>
      <c r="BO2314" s="162"/>
      <c r="BP2314" s="162"/>
      <c r="BQ2314" s="162"/>
      <c r="BR2314" s="162"/>
      <c r="BS2314" s="162"/>
      <c r="BT2314" s="162"/>
      <c r="BU2314" s="162"/>
      <c r="BV2314" s="162"/>
      <c r="BW2314" s="162"/>
      <c r="BX2314" s="162"/>
      <c r="BY2314" s="162"/>
      <c r="BZ2314" s="162"/>
      <c r="CA2314" s="162"/>
      <c r="CB2314" s="162"/>
      <c r="CC2314" s="162"/>
      <c r="CD2314" s="162"/>
      <c r="CE2314" s="162"/>
      <c r="CF2314" s="162"/>
      <c r="CG2314" s="162"/>
      <c r="CH2314" s="162"/>
      <c r="CI2314" s="162"/>
      <c r="CJ2314" s="162"/>
      <c r="CK2314" s="162"/>
      <c r="CX2314" s="98"/>
      <c r="DL2314" s="97"/>
      <c r="DX2314" s="98"/>
      <c r="EL2314" s="97"/>
      <c r="EX2314" s="98"/>
      <c r="EY2314" s="97"/>
      <c r="FL2314" s="126"/>
      <c r="FM2314" s="91"/>
      <c r="FN2314" s="91"/>
      <c r="FO2314" s="91"/>
      <c r="FP2314" s="91"/>
      <c r="FQ2314" s="91"/>
      <c r="FR2314" s="91"/>
      <c r="FS2314" s="91"/>
      <c r="FT2314" s="91"/>
      <c r="FU2314" s="91"/>
      <c r="FV2314" s="91"/>
      <c r="FW2314" s="91"/>
      <c r="FX2314" s="91"/>
      <c r="FY2314" s="91"/>
      <c r="FZ2314" s="91"/>
      <c r="GA2314" s="91"/>
      <c r="GB2314" s="91"/>
      <c r="GC2314" s="91"/>
      <c r="GD2314" s="91"/>
      <c r="GE2314" s="91"/>
      <c r="GF2314" s="91"/>
      <c r="GG2314" s="91"/>
      <c r="GH2314" s="91"/>
      <c r="GI2314" s="91"/>
      <c r="GJ2314" s="91"/>
      <c r="GK2314" s="127"/>
      <c r="GL2314" s="126"/>
      <c r="GM2314" s="91"/>
      <c r="GN2314" s="91"/>
      <c r="GO2314" s="91"/>
      <c r="GP2314" s="91"/>
      <c r="GQ2314" s="91"/>
      <c r="GR2314" s="91"/>
      <c r="GS2314" s="91"/>
      <c r="GT2314" s="91"/>
      <c r="GU2314" s="91"/>
      <c r="GV2314" s="91"/>
      <c r="GW2314" s="91"/>
      <c r="GX2314" s="91"/>
      <c r="GY2314" s="91"/>
      <c r="GZ2314" s="91"/>
      <c r="HA2314" s="91"/>
      <c r="HB2314" s="91"/>
      <c r="HC2314" s="91"/>
      <c r="HD2314" s="91"/>
      <c r="HE2314" s="91"/>
      <c r="HF2314" s="91"/>
      <c r="HG2314" s="91"/>
      <c r="HH2314" s="91"/>
      <c r="HI2314" s="91"/>
      <c r="HJ2314" s="91"/>
      <c r="HK2314" s="127"/>
      <c r="HL2314" s="126"/>
      <c r="HM2314" s="91"/>
      <c r="HN2314" s="91"/>
      <c r="HO2314" s="91"/>
      <c r="HP2314" s="91"/>
      <c r="HQ2314" s="91"/>
      <c r="HR2314" s="91"/>
      <c r="HS2314" s="91"/>
      <c r="HT2314" s="91"/>
      <c r="HU2314" s="91"/>
      <c r="HV2314" s="91"/>
      <c r="HW2314" s="91"/>
      <c r="HX2314" s="91"/>
      <c r="HY2314" s="91"/>
      <c r="HZ2314" s="91"/>
      <c r="IA2314" s="91"/>
      <c r="IB2314" s="91"/>
      <c r="IC2314" s="91"/>
      <c r="ID2314" s="91"/>
      <c r="IE2314" s="91"/>
      <c r="IF2314" s="91"/>
      <c r="IG2314" s="91"/>
      <c r="IH2314" s="91"/>
      <c r="II2314" s="91"/>
      <c r="IJ2314" s="91"/>
      <c r="IK2314" s="127"/>
    </row>
    <row r="2315" spans="2:245" x14ac:dyDescent="0.2">
      <c r="B2315" s="43"/>
      <c r="C2315" s="73"/>
      <c r="D2315" s="64"/>
      <c r="E2315" s="64"/>
      <c r="F2315" s="55"/>
      <c r="G2315" s="102"/>
      <c r="H2315" s="55"/>
      <c r="I2315" s="55"/>
      <c r="J2315" s="55"/>
      <c r="K2315" s="55"/>
      <c r="L2315" s="55"/>
      <c r="M2315" s="55"/>
      <c r="N2315" s="55"/>
      <c r="O2315" s="55"/>
      <c r="P2315" s="55"/>
      <c r="Q2315" s="55"/>
      <c r="R2315" s="55"/>
      <c r="S2315" s="55"/>
      <c r="T2315" s="55"/>
      <c r="U2315" s="55"/>
      <c r="V2315" s="55"/>
      <c r="W2315" s="55"/>
      <c r="X2315" s="55"/>
      <c r="Y2315" s="55"/>
      <c r="Z2315" s="55"/>
      <c r="AA2315" s="55"/>
      <c r="AB2315" s="55"/>
      <c r="AC2315" s="55"/>
      <c r="AD2315" s="55"/>
      <c r="AE2315" s="55"/>
      <c r="AF2315" s="55"/>
      <c r="AG2315" s="55"/>
      <c r="AY2315" s="162"/>
      <c r="AZ2315" s="162"/>
      <c r="BA2315" s="162"/>
      <c r="BB2315" s="162"/>
      <c r="BC2315" s="162"/>
      <c r="BD2315" s="162"/>
      <c r="BE2315" s="162"/>
      <c r="BF2315" s="162"/>
      <c r="BG2315" s="162"/>
      <c r="BH2315" s="162"/>
      <c r="BI2315" s="162"/>
      <c r="BJ2315" s="162"/>
      <c r="BK2315" s="162"/>
      <c r="BL2315" s="162"/>
      <c r="BM2315" s="162"/>
      <c r="BN2315" s="162"/>
      <c r="BO2315" s="162"/>
      <c r="BP2315" s="162"/>
      <c r="BQ2315" s="162"/>
      <c r="BR2315" s="162"/>
      <c r="BS2315" s="162"/>
      <c r="BT2315" s="162"/>
      <c r="BU2315" s="162"/>
      <c r="BV2315" s="162"/>
      <c r="BW2315" s="162"/>
      <c r="BX2315" s="162"/>
      <c r="BY2315" s="162"/>
      <c r="BZ2315" s="162"/>
      <c r="CA2315" s="162"/>
      <c r="CB2315" s="162"/>
      <c r="CC2315" s="162"/>
      <c r="CD2315" s="162"/>
      <c r="CE2315" s="162"/>
      <c r="CF2315" s="162"/>
      <c r="CG2315" s="162"/>
      <c r="CH2315" s="162"/>
      <c r="CI2315" s="162"/>
      <c r="CJ2315" s="162"/>
      <c r="CK2315" s="162"/>
      <c r="CX2315" s="98"/>
      <c r="DL2315" s="97"/>
      <c r="DX2315" s="98"/>
      <c r="EL2315" s="97"/>
      <c r="EX2315" s="98"/>
      <c r="EY2315" s="97"/>
      <c r="FL2315" s="126"/>
      <c r="FM2315" s="91"/>
      <c r="FN2315" s="91"/>
      <c r="FO2315" s="91"/>
      <c r="FP2315" s="91"/>
      <c r="FQ2315" s="91"/>
      <c r="FR2315" s="91"/>
      <c r="FS2315" s="91"/>
      <c r="FT2315" s="91"/>
      <c r="FU2315" s="91"/>
      <c r="FV2315" s="91"/>
      <c r="FW2315" s="91"/>
      <c r="FX2315" s="91"/>
      <c r="FY2315" s="91"/>
      <c r="FZ2315" s="91"/>
      <c r="GA2315" s="91"/>
      <c r="GB2315" s="91"/>
      <c r="GC2315" s="91"/>
      <c r="GD2315" s="91"/>
      <c r="GE2315" s="91"/>
      <c r="GF2315" s="91"/>
      <c r="GG2315" s="91"/>
      <c r="GH2315" s="91"/>
      <c r="GI2315" s="91"/>
      <c r="GJ2315" s="91"/>
      <c r="GK2315" s="127"/>
      <c r="GL2315" s="126"/>
      <c r="GM2315" s="91"/>
      <c r="GN2315" s="91"/>
      <c r="GO2315" s="91"/>
      <c r="GP2315" s="91"/>
      <c r="GQ2315" s="91"/>
      <c r="GR2315" s="91"/>
      <c r="GS2315" s="91"/>
      <c r="GT2315" s="91"/>
      <c r="GU2315" s="91"/>
      <c r="GV2315" s="91"/>
      <c r="GW2315" s="91"/>
      <c r="GX2315" s="91"/>
      <c r="GY2315" s="91"/>
      <c r="GZ2315" s="91"/>
      <c r="HA2315" s="91"/>
      <c r="HB2315" s="91"/>
      <c r="HC2315" s="91"/>
      <c r="HD2315" s="91"/>
      <c r="HE2315" s="91"/>
      <c r="HF2315" s="91"/>
      <c r="HG2315" s="91"/>
      <c r="HH2315" s="91"/>
      <c r="HI2315" s="91"/>
      <c r="HJ2315" s="91"/>
      <c r="HK2315" s="127"/>
      <c r="HL2315" s="126"/>
      <c r="HM2315" s="91"/>
      <c r="HN2315" s="91"/>
      <c r="HO2315" s="91"/>
      <c r="HP2315" s="91"/>
      <c r="HQ2315" s="91"/>
      <c r="HR2315" s="91"/>
      <c r="HS2315" s="91"/>
      <c r="HT2315" s="91"/>
      <c r="HU2315" s="91"/>
      <c r="HV2315" s="91"/>
      <c r="HW2315" s="91"/>
      <c r="HX2315" s="91"/>
      <c r="HY2315" s="91"/>
      <c r="HZ2315" s="91"/>
      <c r="IA2315" s="91"/>
      <c r="IB2315" s="91"/>
      <c r="IC2315" s="91"/>
      <c r="ID2315" s="91"/>
      <c r="IE2315" s="91"/>
      <c r="IF2315" s="91"/>
      <c r="IG2315" s="91"/>
      <c r="IH2315" s="91"/>
      <c r="II2315" s="91"/>
      <c r="IJ2315" s="91"/>
      <c r="IK2315" s="127"/>
    </row>
    <row r="2316" spans="2:245" x14ac:dyDescent="0.2">
      <c r="B2316" s="43"/>
      <c r="C2316" s="73"/>
      <c r="D2316" s="64"/>
      <c r="E2316" s="64"/>
      <c r="F2316" s="55"/>
      <c r="G2316" s="102"/>
      <c r="H2316" s="55"/>
      <c r="I2316" s="55"/>
      <c r="J2316" s="55"/>
      <c r="K2316" s="55"/>
      <c r="L2316" s="55"/>
      <c r="M2316" s="55"/>
      <c r="N2316" s="55"/>
      <c r="O2316" s="55"/>
      <c r="P2316" s="55"/>
      <c r="Q2316" s="55"/>
      <c r="R2316" s="55"/>
      <c r="S2316" s="55"/>
      <c r="T2316" s="55"/>
      <c r="U2316" s="55"/>
      <c r="V2316" s="55"/>
      <c r="W2316" s="55"/>
      <c r="X2316" s="55"/>
      <c r="Y2316" s="55"/>
      <c r="Z2316" s="55"/>
      <c r="AA2316" s="55"/>
      <c r="AB2316" s="55"/>
      <c r="AC2316" s="55"/>
      <c r="AD2316" s="55"/>
      <c r="AE2316" s="55"/>
      <c r="AF2316" s="55"/>
      <c r="AG2316" s="55"/>
      <c r="AY2316" s="162"/>
      <c r="AZ2316" s="162"/>
      <c r="BA2316" s="162"/>
      <c r="BB2316" s="162"/>
      <c r="BC2316" s="162"/>
      <c r="BD2316" s="162"/>
      <c r="BE2316" s="162"/>
      <c r="BF2316" s="162"/>
      <c r="BG2316" s="162"/>
      <c r="BH2316" s="162"/>
      <c r="BI2316" s="162"/>
      <c r="BJ2316" s="162"/>
      <c r="BK2316" s="162"/>
      <c r="BL2316" s="162"/>
      <c r="BM2316" s="162"/>
      <c r="BN2316" s="162"/>
      <c r="BO2316" s="162"/>
      <c r="BP2316" s="162"/>
      <c r="BQ2316" s="162"/>
      <c r="BR2316" s="162"/>
      <c r="BS2316" s="162"/>
      <c r="BT2316" s="162"/>
      <c r="BU2316" s="162"/>
      <c r="BV2316" s="162"/>
      <c r="BW2316" s="162"/>
      <c r="BX2316" s="162"/>
      <c r="BY2316" s="162"/>
      <c r="BZ2316" s="162"/>
      <c r="CA2316" s="162"/>
      <c r="CB2316" s="162"/>
      <c r="CC2316" s="162"/>
      <c r="CD2316" s="162"/>
      <c r="CE2316" s="162"/>
      <c r="CF2316" s="162"/>
      <c r="CG2316" s="162"/>
      <c r="CH2316" s="162"/>
      <c r="CI2316" s="162"/>
      <c r="CJ2316" s="162"/>
      <c r="CK2316" s="162"/>
      <c r="CX2316" s="98"/>
      <c r="DL2316" s="97"/>
      <c r="DX2316" s="98"/>
      <c r="EL2316" s="97"/>
      <c r="EX2316" s="98"/>
      <c r="EY2316" s="97"/>
      <c r="FL2316" s="126"/>
      <c r="FM2316" s="91"/>
      <c r="FN2316" s="91"/>
      <c r="FO2316" s="91"/>
      <c r="FP2316" s="91"/>
      <c r="FQ2316" s="91"/>
      <c r="FR2316" s="91"/>
      <c r="FS2316" s="91"/>
      <c r="FT2316" s="91"/>
      <c r="FU2316" s="91"/>
      <c r="FV2316" s="91"/>
      <c r="FW2316" s="91"/>
      <c r="FX2316" s="91"/>
      <c r="FY2316" s="91"/>
      <c r="FZ2316" s="91"/>
      <c r="GA2316" s="91"/>
      <c r="GB2316" s="91"/>
      <c r="GC2316" s="91"/>
      <c r="GD2316" s="91"/>
      <c r="GE2316" s="91"/>
      <c r="GF2316" s="91"/>
      <c r="GG2316" s="91"/>
      <c r="GH2316" s="91"/>
      <c r="GI2316" s="91"/>
      <c r="GJ2316" s="91"/>
      <c r="GK2316" s="127"/>
      <c r="GL2316" s="126"/>
      <c r="GM2316" s="91"/>
      <c r="GN2316" s="91"/>
      <c r="GO2316" s="91"/>
      <c r="GP2316" s="91"/>
      <c r="GQ2316" s="91"/>
      <c r="GR2316" s="91"/>
      <c r="GS2316" s="91"/>
      <c r="GT2316" s="91"/>
      <c r="GU2316" s="91"/>
      <c r="GV2316" s="91"/>
      <c r="GW2316" s="91"/>
      <c r="GX2316" s="91"/>
      <c r="GY2316" s="91"/>
      <c r="GZ2316" s="91"/>
      <c r="HA2316" s="91"/>
      <c r="HB2316" s="91"/>
      <c r="HC2316" s="91"/>
      <c r="HD2316" s="91"/>
      <c r="HE2316" s="91"/>
      <c r="HF2316" s="91"/>
      <c r="HG2316" s="91"/>
      <c r="HH2316" s="91"/>
      <c r="HI2316" s="91"/>
      <c r="HJ2316" s="91"/>
      <c r="HK2316" s="127"/>
      <c r="HL2316" s="126"/>
      <c r="HM2316" s="91"/>
      <c r="HN2316" s="91"/>
      <c r="HO2316" s="91"/>
      <c r="HP2316" s="91"/>
      <c r="HQ2316" s="91"/>
      <c r="HR2316" s="91"/>
      <c r="HS2316" s="91"/>
      <c r="HT2316" s="91"/>
      <c r="HU2316" s="91"/>
      <c r="HV2316" s="91"/>
      <c r="HW2316" s="91"/>
      <c r="HX2316" s="91"/>
      <c r="HY2316" s="91"/>
      <c r="HZ2316" s="91"/>
      <c r="IA2316" s="91"/>
      <c r="IB2316" s="91"/>
      <c r="IC2316" s="91"/>
      <c r="ID2316" s="91"/>
      <c r="IE2316" s="91"/>
      <c r="IF2316" s="91"/>
      <c r="IG2316" s="91"/>
      <c r="IH2316" s="91"/>
      <c r="II2316" s="91"/>
      <c r="IJ2316" s="91"/>
      <c r="IK2316" s="127"/>
    </row>
    <row r="2317" spans="2:245" x14ac:dyDescent="0.2">
      <c r="B2317" s="43"/>
      <c r="C2317" s="73"/>
      <c r="D2317" s="64"/>
      <c r="E2317" s="64"/>
      <c r="F2317" s="55"/>
      <c r="G2317" s="102"/>
      <c r="H2317" s="55"/>
      <c r="I2317" s="55"/>
      <c r="J2317" s="55"/>
      <c r="K2317" s="55"/>
      <c r="L2317" s="55"/>
      <c r="M2317" s="55"/>
      <c r="N2317" s="55"/>
      <c r="O2317" s="55"/>
      <c r="P2317" s="55"/>
      <c r="Q2317" s="55"/>
      <c r="R2317" s="55"/>
      <c r="S2317" s="55"/>
      <c r="T2317" s="55"/>
      <c r="U2317" s="55"/>
      <c r="V2317" s="55"/>
      <c r="W2317" s="55"/>
      <c r="X2317" s="55"/>
      <c r="Y2317" s="55"/>
      <c r="Z2317" s="55"/>
      <c r="AA2317" s="55"/>
      <c r="AB2317" s="55"/>
      <c r="AC2317" s="55"/>
      <c r="AD2317" s="55"/>
      <c r="AE2317" s="55"/>
      <c r="AF2317" s="55"/>
      <c r="AG2317" s="55"/>
      <c r="AY2317" s="162"/>
      <c r="AZ2317" s="162"/>
      <c r="BA2317" s="162"/>
      <c r="BB2317" s="162"/>
      <c r="BC2317" s="162"/>
      <c r="BD2317" s="162"/>
      <c r="BE2317" s="162"/>
      <c r="BF2317" s="162"/>
      <c r="BG2317" s="162"/>
      <c r="BH2317" s="162"/>
      <c r="BI2317" s="162"/>
      <c r="BJ2317" s="162"/>
      <c r="BK2317" s="162"/>
      <c r="BL2317" s="162"/>
      <c r="BM2317" s="162"/>
      <c r="BN2317" s="162"/>
      <c r="BO2317" s="162"/>
      <c r="BP2317" s="162"/>
      <c r="BQ2317" s="162"/>
      <c r="BR2317" s="162"/>
      <c r="BS2317" s="162"/>
      <c r="BT2317" s="162"/>
      <c r="BU2317" s="162"/>
      <c r="BV2317" s="162"/>
      <c r="BW2317" s="162"/>
      <c r="BX2317" s="162"/>
      <c r="BY2317" s="162"/>
      <c r="BZ2317" s="162"/>
      <c r="CA2317" s="162"/>
      <c r="CB2317" s="162"/>
      <c r="CC2317" s="162"/>
      <c r="CD2317" s="162"/>
      <c r="CE2317" s="162"/>
      <c r="CF2317" s="162"/>
      <c r="CG2317" s="162"/>
      <c r="CH2317" s="162"/>
      <c r="CI2317" s="162"/>
      <c r="CJ2317" s="162"/>
      <c r="CK2317" s="162"/>
      <c r="CX2317" s="98"/>
      <c r="DL2317" s="97"/>
      <c r="DX2317" s="98"/>
      <c r="EL2317" s="97"/>
      <c r="EX2317" s="98"/>
      <c r="EY2317" s="97"/>
      <c r="FL2317" s="126"/>
      <c r="FM2317" s="91"/>
      <c r="FN2317" s="91"/>
      <c r="FO2317" s="91"/>
      <c r="FP2317" s="91"/>
      <c r="FQ2317" s="91"/>
      <c r="FR2317" s="91"/>
      <c r="FS2317" s="91"/>
      <c r="FT2317" s="91"/>
      <c r="FU2317" s="91"/>
      <c r="FV2317" s="91"/>
      <c r="FW2317" s="91"/>
      <c r="FX2317" s="91"/>
      <c r="FY2317" s="91"/>
      <c r="FZ2317" s="91"/>
      <c r="GA2317" s="91"/>
      <c r="GB2317" s="91"/>
      <c r="GC2317" s="91"/>
      <c r="GD2317" s="91"/>
      <c r="GE2317" s="91"/>
      <c r="GF2317" s="91"/>
      <c r="GG2317" s="91"/>
      <c r="GH2317" s="91"/>
      <c r="GI2317" s="91"/>
      <c r="GJ2317" s="91"/>
      <c r="GK2317" s="127"/>
      <c r="GL2317" s="126"/>
      <c r="GM2317" s="91"/>
      <c r="GN2317" s="91"/>
      <c r="GO2317" s="91"/>
      <c r="GP2317" s="91"/>
      <c r="GQ2317" s="91"/>
      <c r="GR2317" s="91"/>
      <c r="GS2317" s="91"/>
      <c r="GT2317" s="91"/>
      <c r="GU2317" s="91"/>
      <c r="GV2317" s="91"/>
      <c r="GW2317" s="91"/>
      <c r="GX2317" s="91"/>
      <c r="GY2317" s="91"/>
      <c r="GZ2317" s="91"/>
      <c r="HA2317" s="91"/>
      <c r="HB2317" s="91"/>
      <c r="HC2317" s="91"/>
      <c r="HD2317" s="91"/>
      <c r="HE2317" s="91"/>
      <c r="HF2317" s="91"/>
      <c r="HG2317" s="91"/>
      <c r="HH2317" s="91"/>
      <c r="HI2317" s="91"/>
      <c r="HJ2317" s="91"/>
      <c r="HK2317" s="127"/>
      <c r="HL2317" s="126"/>
      <c r="HM2317" s="91"/>
      <c r="HN2317" s="91"/>
      <c r="HO2317" s="91"/>
      <c r="HP2317" s="91"/>
      <c r="HQ2317" s="91"/>
      <c r="HR2317" s="91"/>
      <c r="HS2317" s="91"/>
      <c r="HT2317" s="91"/>
      <c r="HU2317" s="91"/>
      <c r="HV2317" s="91"/>
      <c r="HW2317" s="91"/>
      <c r="HX2317" s="91"/>
      <c r="HY2317" s="91"/>
      <c r="HZ2317" s="91"/>
      <c r="IA2317" s="91"/>
      <c r="IB2317" s="91"/>
      <c r="IC2317" s="91"/>
      <c r="ID2317" s="91"/>
      <c r="IE2317" s="91"/>
      <c r="IF2317" s="91"/>
      <c r="IG2317" s="91"/>
      <c r="IH2317" s="91"/>
      <c r="II2317" s="91"/>
      <c r="IJ2317" s="91"/>
      <c r="IK2317" s="127"/>
    </row>
    <row r="2318" spans="2:245" x14ac:dyDescent="0.2">
      <c r="B2318" s="43"/>
      <c r="C2318" s="73"/>
      <c r="D2318" s="64"/>
      <c r="E2318" s="64"/>
      <c r="F2318" s="55"/>
      <c r="G2318" s="102"/>
      <c r="H2318" s="55"/>
      <c r="I2318" s="55"/>
      <c r="J2318" s="55"/>
      <c r="K2318" s="55"/>
      <c r="L2318" s="55"/>
      <c r="M2318" s="55"/>
      <c r="N2318" s="55"/>
      <c r="O2318" s="55"/>
      <c r="P2318" s="55"/>
      <c r="Q2318" s="55"/>
      <c r="R2318" s="55"/>
      <c r="S2318" s="55"/>
      <c r="T2318" s="55"/>
      <c r="U2318" s="55"/>
      <c r="V2318" s="55"/>
      <c r="W2318" s="55"/>
      <c r="X2318" s="55"/>
      <c r="Y2318" s="55"/>
      <c r="Z2318" s="55"/>
      <c r="AA2318" s="55"/>
      <c r="AB2318" s="55"/>
      <c r="AC2318" s="55"/>
      <c r="AD2318" s="55"/>
      <c r="AE2318" s="55"/>
      <c r="AF2318" s="55"/>
      <c r="AG2318" s="55"/>
      <c r="AY2318" s="162"/>
      <c r="AZ2318" s="162"/>
      <c r="BA2318" s="162"/>
      <c r="BB2318" s="162"/>
      <c r="BC2318" s="162"/>
      <c r="BD2318" s="162"/>
      <c r="BE2318" s="162"/>
      <c r="BF2318" s="162"/>
      <c r="BG2318" s="162"/>
      <c r="BH2318" s="162"/>
      <c r="BI2318" s="162"/>
      <c r="BJ2318" s="162"/>
      <c r="BK2318" s="162"/>
      <c r="BL2318" s="162"/>
      <c r="BM2318" s="162"/>
      <c r="BN2318" s="162"/>
      <c r="BO2318" s="162"/>
      <c r="BP2318" s="162"/>
      <c r="BQ2318" s="162"/>
      <c r="BR2318" s="162"/>
      <c r="BS2318" s="162"/>
      <c r="BT2318" s="162"/>
      <c r="BU2318" s="162"/>
      <c r="BV2318" s="162"/>
      <c r="BW2318" s="162"/>
      <c r="BX2318" s="162"/>
      <c r="BY2318" s="162"/>
      <c r="BZ2318" s="162"/>
      <c r="CA2318" s="162"/>
      <c r="CB2318" s="162"/>
      <c r="CC2318" s="162"/>
      <c r="CD2318" s="162"/>
      <c r="CE2318" s="162"/>
      <c r="CF2318" s="162"/>
      <c r="CG2318" s="162"/>
      <c r="CH2318" s="162"/>
      <c r="CI2318" s="162"/>
      <c r="CJ2318" s="162"/>
      <c r="CK2318" s="162"/>
      <c r="CX2318" s="98"/>
      <c r="DL2318" s="97"/>
      <c r="DX2318" s="98"/>
      <c r="EL2318" s="97"/>
      <c r="EX2318" s="98"/>
      <c r="EY2318" s="97"/>
      <c r="FL2318" s="126"/>
      <c r="FM2318" s="91"/>
      <c r="FN2318" s="91"/>
      <c r="FO2318" s="91"/>
      <c r="FP2318" s="91"/>
      <c r="FQ2318" s="91"/>
      <c r="FR2318" s="91"/>
      <c r="FS2318" s="91"/>
      <c r="FT2318" s="91"/>
      <c r="FU2318" s="91"/>
      <c r="FV2318" s="91"/>
      <c r="FW2318" s="91"/>
      <c r="FX2318" s="91"/>
      <c r="FY2318" s="91"/>
      <c r="FZ2318" s="91"/>
      <c r="GA2318" s="91"/>
      <c r="GB2318" s="91"/>
      <c r="GC2318" s="91"/>
      <c r="GD2318" s="91"/>
      <c r="GE2318" s="91"/>
      <c r="GF2318" s="91"/>
      <c r="GG2318" s="91"/>
      <c r="GH2318" s="91"/>
      <c r="GI2318" s="91"/>
      <c r="GJ2318" s="91"/>
      <c r="GK2318" s="127"/>
      <c r="GL2318" s="126"/>
      <c r="GM2318" s="91"/>
      <c r="GN2318" s="91"/>
      <c r="GO2318" s="91"/>
      <c r="GP2318" s="91"/>
      <c r="GQ2318" s="91"/>
      <c r="GR2318" s="91"/>
      <c r="GS2318" s="91"/>
      <c r="GT2318" s="91"/>
      <c r="GU2318" s="91"/>
      <c r="GV2318" s="91"/>
      <c r="GW2318" s="91"/>
      <c r="GX2318" s="91"/>
      <c r="GY2318" s="91"/>
      <c r="GZ2318" s="91"/>
      <c r="HA2318" s="91"/>
      <c r="HB2318" s="91"/>
      <c r="HC2318" s="91"/>
      <c r="HD2318" s="91"/>
      <c r="HE2318" s="91"/>
      <c r="HF2318" s="91"/>
      <c r="HG2318" s="91"/>
      <c r="HH2318" s="91"/>
      <c r="HI2318" s="91"/>
      <c r="HJ2318" s="91"/>
      <c r="HK2318" s="127"/>
      <c r="HL2318" s="126"/>
      <c r="HM2318" s="91"/>
      <c r="HN2318" s="91"/>
      <c r="HO2318" s="91"/>
      <c r="HP2318" s="91"/>
      <c r="HQ2318" s="91"/>
      <c r="HR2318" s="91"/>
      <c r="HS2318" s="91"/>
      <c r="HT2318" s="91"/>
      <c r="HU2318" s="91"/>
      <c r="HV2318" s="91"/>
      <c r="HW2318" s="91"/>
      <c r="HX2318" s="91"/>
      <c r="HY2318" s="91"/>
      <c r="HZ2318" s="91"/>
      <c r="IA2318" s="91"/>
      <c r="IB2318" s="91"/>
      <c r="IC2318" s="91"/>
      <c r="ID2318" s="91"/>
      <c r="IE2318" s="91"/>
      <c r="IF2318" s="91"/>
      <c r="IG2318" s="91"/>
      <c r="IH2318" s="91"/>
      <c r="II2318" s="91"/>
      <c r="IJ2318" s="91"/>
      <c r="IK2318" s="127"/>
    </row>
    <row r="2319" spans="2:245" x14ac:dyDescent="0.2">
      <c r="B2319" s="43"/>
      <c r="C2319" s="73"/>
      <c r="D2319" s="64"/>
      <c r="E2319" s="64"/>
      <c r="F2319" s="55"/>
      <c r="G2319" s="102"/>
      <c r="H2319" s="55"/>
      <c r="I2319" s="55"/>
      <c r="J2319" s="55"/>
      <c r="K2319" s="55"/>
      <c r="L2319" s="55"/>
      <c r="M2319" s="55"/>
      <c r="N2319" s="55"/>
      <c r="O2319" s="55"/>
      <c r="P2319" s="55"/>
      <c r="Q2319" s="55"/>
      <c r="R2319" s="55"/>
      <c r="S2319" s="55"/>
      <c r="T2319" s="55"/>
      <c r="U2319" s="55"/>
      <c r="V2319" s="55"/>
      <c r="W2319" s="55"/>
      <c r="X2319" s="55"/>
      <c r="Y2319" s="55"/>
      <c r="Z2319" s="55"/>
      <c r="AA2319" s="55"/>
      <c r="AB2319" s="55"/>
      <c r="AC2319" s="55"/>
      <c r="AD2319" s="55"/>
      <c r="AE2319" s="55"/>
      <c r="AF2319" s="55"/>
      <c r="AG2319" s="55"/>
      <c r="AY2319" s="162"/>
      <c r="AZ2319" s="162"/>
      <c r="BA2319" s="162"/>
      <c r="BB2319" s="162"/>
      <c r="BC2319" s="162"/>
      <c r="BD2319" s="162"/>
      <c r="BE2319" s="162"/>
      <c r="BF2319" s="162"/>
      <c r="BG2319" s="162"/>
      <c r="BH2319" s="162"/>
      <c r="BI2319" s="162"/>
      <c r="BJ2319" s="162"/>
      <c r="BK2319" s="162"/>
      <c r="BL2319" s="162"/>
      <c r="BM2319" s="162"/>
      <c r="BN2319" s="162"/>
      <c r="BO2319" s="162"/>
      <c r="BP2319" s="162"/>
      <c r="BQ2319" s="162"/>
      <c r="BR2319" s="162"/>
      <c r="BS2319" s="162"/>
      <c r="BT2319" s="162"/>
      <c r="BU2319" s="162"/>
      <c r="BV2319" s="162"/>
      <c r="BW2319" s="162"/>
      <c r="BX2319" s="162"/>
      <c r="BY2319" s="162"/>
      <c r="BZ2319" s="162"/>
      <c r="CA2319" s="162"/>
      <c r="CB2319" s="162"/>
      <c r="CC2319" s="162"/>
      <c r="CD2319" s="162"/>
      <c r="CE2319" s="162"/>
      <c r="CF2319" s="162"/>
      <c r="CG2319" s="162"/>
      <c r="CH2319" s="162"/>
      <c r="CI2319" s="162"/>
      <c r="CJ2319" s="162"/>
      <c r="CK2319" s="162"/>
      <c r="CX2319" s="98"/>
      <c r="DL2319" s="97"/>
      <c r="DX2319" s="98"/>
      <c r="EL2319" s="97"/>
      <c r="EX2319" s="98"/>
      <c r="EY2319" s="97"/>
      <c r="FL2319" s="126"/>
      <c r="FM2319" s="91"/>
      <c r="FN2319" s="91"/>
      <c r="FO2319" s="91"/>
      <c r="FP2319" s="91"/>
      <c r="FQ2319" s="91"/>
      <c r="FR2319" s="91"/>
      <c r="FS2319" s="91"/>
      <c r="FT2319" s="91"/>
      <c r="FU2319" s="91"/>
      <c r="FV2319" s="91"/>
      <c r="FW2319" s="91"/>
      <c r="FX2319" s="91"/>
      <c r="FY2319" s="91"/>
      <c r="FZ2319" s="91"/>
      <c r="GA2319" s="91"/>
      <c r="GB2319" s="91"/>
      <c r="GC2319" s="91"/>
      <c r="GD2319" s="91"/>
      <c r="GE2319" s="91"/>
      <c r="GF2319" s="91"/>
      <c r="GG2319" s="91"/>
      <c r="GH2319" s="91"/>
      <c r="GI2319" s="91"/>
      <c r="GJ2319" s="91"/>
      <c r="GK2319" s="127"/>
      <c r="GL2319" s="126"/>
      <c r="GM2319" s="91"/>
      <c r="GN2319" s="91"/>
      <c r="GO2319" s="91"/>
      <c r="GP2319" s="91"/>
      <c r="GQ2319" s="91"/>
      <c r="GR2319" s="91"/>
      <c r="GS2319" s="91"/>
      <c r="GT2319" s="91"/>
      <c r="GU2319" s="91"/>
      <c r="GV2319" s="91"/>
      <c r="GW2319" s="91"/>
      <c r="GX2319" s="91"/>
      <c r="GY2319" s="91"/>
      <c r="GZ2319" s="91"/>
      <c r="HA2319" s="91"/>
      <c r="HB2319" s="91"/>
      <c r="HC2319" s="91"/>
      <c r="HD2319" s="91"/>
      <c r="HE2319" s="91"/>
      <c r="HF2319" s="91"/>
      <c r="HG2319" s="91"/>
      <c r="HH2319" s="91"/>
      <c r="HI2319" s="91"/>
      <c r="HJ2319" s="91"/>
      <c r="HK2319" s="127"/>
      <c r="HL2319" s="126"/>
      <c r="HM2319" s="91"/>
      <c r="HN2319" s="91"/>
      <c r="HO2319" s="91"/>
      <c r="HP2319" s="91"/>
      <c r="HQ2319" s="91"/>
      <c r="HR2319" s="91"/>
      <c r="HS2319" s="91"/>
      <c r="HT2319" s="91"/>
      <c r="HU2319" s="91"/>
      <c r="HV2319" s="91"/>
      <c r="HW2319" s="91"/>
      <c r="HX2319" s="91"/>
      <c r="HY2319" s="91"/>
      <c r="HZ2319" s="91"/>
      <c r="IA2319" s="91"/>
      <c r="IB2319" s="91"/>
      <c r="IC2319" s="91"/>
      <c r="ID2319" s="91"/>
      <c r="IE2319" s="91"/>
      <c r="IF2319" s="91"/>
      <c r="IG2319" s="91"/>
      <c r="IH2319" s="91"/>
      <c r="II2319" s="91"/>
      <c r="IJ2319" s="91"/>
      <c r="IK2319" s="127"/>
    </row>
    <row r="2320" spans="2:245" x14ac:dyDescent="0.2">
      <c r="B2320" s="43"/>
      <c r="C2320" s="73"/>
      <c r="D2320" s="64"/>
      <c r="E2320" s="64"/>
      <c r="F2320" s="55"/>
      <c r="G2320" s="102"/>
      <c r="H2320" s="55"/>
      <c r="I2320" s="55"/>
      <c r="J2320" s="55"/>
      <c r="K2320" s="55"/>
      <c r="L2320" s="55"/>
      <c r="M2320" s="55"/>
      <c r="N2320" s="55"/>
      <c r="O2320" s="55"/>
      <c r="P2320" s="55"/>
      <c r="Q2320" s="55"/>
      <c r="R2320" s="55"/>
      <c r="S2320" s="55"/>
      <c r="T2320" s="55"/>
      <c r="U2320" s="55"/>
      <c r="V2320" s="55"/>
      <c r="W2320" s="55"/>
      <c r="X2320" s="55"/>
      <c r="Y2320" s="55"/>
      <c r="Z2320" s="55"/>
      <c r="AA2320" s="55"/>
      <c r="AB2320" s="55"/>
      <c r="AC2320" s="55"/>
      <c r="AD2320" s="55"/>
      <c r="AE2320" s="55"/>
      <c r="AF2320" s="55"/>
      <c r="AG2320" s="55"/>
      <c r="AY2320" s="162"/>
      <c r="AZ2320" s="162"/>
      <c r="BA2320" s="162"/>
      <c r="BB2320" s="162"/>
      <c r="BC2320" s="162"/>
      <c r="BD2320" s="162"/>
      <c r="BE2320" s="162"/>
      <c r="BF2320" s="162"/>
      <c r="BG2320" s="162"/>
      <c r="BH2320" s="162"/>
      <c r="BI2320" s="162"/>
      <c r="BJ2320" s="162"/>
      <c r="BK2320" s="162"/>
      <c r="BL2320" s="162"/>
      <c r="BM2320" s="162"/>
      <c r="BN2320" s="162"/>
      <c r="BO2320" s="162"/>
      <c r="BP2320" s="162"/>
      <c r="BQ2320" s="162"/>
      <c r="BR2320" s="162"/>
      <c r="BS2320" s="162"/>
      <c r="BT2320" s="162"/>
      <c r="BU2320" s="162"/>
      <c r="BV2320" s="162"/>
      <c r="BW2320" s="162"/>
      <c r="BX2320" s="162"/>
      <c r="BY2320" s="162"/>
      <c r="BZ2320" s="162"/>
      <c r="CA2320" s="162"/>
      <c r="CB2320" s="162"/>
      <c r="CC2320" s="162"/>
      <c r="CD2320" s="162"/>
      <c r="CE2320" s="162"/>
      <c r="CF2320" s="162"/>
      <c r="CG2320" s="162"/>
      <c r="CH2320" s="162"/>
      <c r="CI2320" s="162"/>
      <c r="CJ2320" s="162"/>
      <c r="CK2320" s="162"/>
      <c r="CX2320" s="98"/>
      <c r="DL2320" s="97"/>
      <c r="DX2320" s="98"/>
      <c r="EL2320" s="97"/>
      <c r="EX2320" s="98"/>
      <c r="EY2320" s="97"/>
      <c r="FL2320" s="126"/>
      <c r="FM2320" s="91"/>
      <c r="FN2320" s="91"/>
      <c r="FO2320" s="91"/>
      <c r="FP2320" s="91"/>
      <c r="FQ2320" s="91"/>
      <c r="FR2320" s="91"/>
      <c r="FS2320" s="91"/>
      <c r="FT2320" s="91"/>
      <c r="FU2320" s="91"/>
      <c r="FV2320" s="91"/>
      <c r="FW2320" s="91"/>
      <c r="FX2320" s="91"/>
      <c r="FY2320" s="91"/>
      <c r="FZ2320" s="91"/>
      <c r="GA2320" s="91"/>
      <c r="GB2320" s="91"/>
      <c r="GC2320" s="91"/>
      <c r="GD2320" s="91"/>
      <c r="GE2320" s="91"/>
      <c r="GF2320" s="91"/>
      <c r="GG2320" s="91"/>
      <c r="GH2320" s="91"/>
      <c r="GI2320" s="91"/>
      <c r="GJ2320" s="91"/>
      <c r="GK2320" s="127"/>
      <c r="GL2320" s="126"/>
      <c r="GM2320" s="91"/>
      <c r="GN2320" s="91"/>
      <c r="GO2320" s="91"/>
      <c r="GP2320" s="91"/>
      <c r="GQ2320" s="91"/>
      <c r="GR2320" s="91"/>
      <c r="GS2320" s="91"/>
      <c r="GT2320" s="91"/>
      <c r="GU2320" s="91"/>
      <c r="GV2320" s="91"/>
      <c r="GW2320" s="91"/>
      <c r="GX2320" s="91"/>
      <c r="GY2320" s="91"/>
      <c r="GZ2320" s="91"/>
      <c r="HA2320" s="91"/>
      <c r="HB2320" s="91"/>
      <c r="HC2320" s="91"/>
      <c r="HD2320" s="91"/>
      <c r="HE2320" s="91"/>
      <c r="HF2320" s="91"/>
      <c r="HG2320" s="91"/>
      <c r="HH2320" s="91"/>
      <c r="HI2320" s="91"/>
      <c r="HJ2320" s="91"/>
      <c r="HK2320" s="127"/>
      <c r="HL2320" s="126"/>
      <c r="HM2320" s="91"/>
      <c r="HN2320" s="91"/>
      <c r="HO2320" s="91"/>
      <c r="HP2320" s="91"/>
      <c r="HQ2320" s="91"/>
      <c r="HR2320" s="91"/>
      <c r="HS2320" s="91"/>
      <c r="HT2320" s="91"/>
      <c r="HU2320" s="91"/>
      <c r="HV2320" s="91"/>
      <c r="HW2320" s="91"/>
      <c r="HX2320" s="91"/>
      <c r="HY2320" s="91"/>
      <c r="HZ2320" s="91"/>
      <c r="IA2320" s="91"/>
      <c r="IB2320" s="91"/>
      <c r="IC2320" s="91"/>
      <c r="ID2320" s="91"/>
      <c r="IE2320" s="91"/>
      <c r="IF2320" s="91"/>
      <c r="IG2320" s="91"/>
      <c r="IH2320" s="91"/>
      <c r="II2320" s="91"/>
      <c r="IJ2320" s="91"/>
      <c r="IK2320" s="127"/>
    </row>
    <row r="2321" spans="2:245" ht="13.5" thickBot="1" x14ac:dyDescent="0.25">
      <c r="B2321" s="43"/>
      <c r="C2321" s="73"/>
      <c r="D2321" s="64"/>
      <c r="E2321" s="64"/>
      <c r="F2321" s="55"/>
      <c r="G2321" s="102"/>
      <c r="H2321" s="55"/>
      <c r="I2321" s="55"/>
      <c r="J2321" s="55"/>
      <c r="K2321" s="55"/>
      <c r="L2321" s="55"/>
      <c r="M2321" s="55"/>
      <c r="N2321" s="55"/>
      <c r="O2321" s="55"/>
      <c r="P2321" s="55"/>
      <c r="Q2321" s="55"/>
      <c r="R2321" s="55"/>
      <c r="S2321" s="55"/>
      <c r="T2321" s="55"/>
      <c r="U2321" s="55"/>
      <c r="V2321" s="55"/>
      <c r="W2321" s="55"/>
      <c r="X2321" s="55"/>
      <c r="Y2321" s="55"/>
      <c r="Z2321" s="55"/>
      <c r="AA2321" s="55"/>
      <c r="AB2321" s="55"/>
      <c r="AC2321" s="55"/>
      <c r="AD2321" s="55"/>
      <c r="AE2321" s="55"/>
      <c r="AF2321" s="55"/>
      <c r="AG2321" s="55"/>
      <c r="AY2321" s="162"/>
      <c r="AZ2321" s="162"/>
      <c r="BA2321" s="162"/>
      <c r="BB2321" s="162"/>
      <c r="BC2321" s="162"/>
      <c r="BD2321" s="162"/>
      <c r="BE2321" s="162"/>
      <c r="BF2321" s="162"/>
      <c r="BG2321" s="162"/>
      <c r="BH2321" s="162"/>
      <c r="BI2321" s="162"/>
      <c r="BJ2321" s="162"/>
      <c r="BK2321" s="162"/>
      <c r="BL2321" s="162"/>
      <c r="BM2321" s="162"/>
      <c r="BN2321" s="162"/>
      <c r="BO2321" s="162"/>
      <c r="BP2321" s="162"/>
      <c r="BQ2321" s="162"/>
      <c r="BR2321" s="162"/>
      <c r="BS2321" s="162"/>
      <c r="BT2321" s="162"/>
      <c r="BU2321" s="162"/>
      <c r="BV2321" s="162"/>
      <c r="BW2321" s="162"/>
      <c r="BX2321" s="162"/>
      <c r="BY2321" s="162"/>
      <c r="BZ2321" s="162"/>
      <c r="CA2321" s="162"/>
      <c r="CB2321" s="162"/>
      <c r="CC2321" s="162"/>
      <c r="CD2321" s="162"/>
      <c r="CE2321" s="162"/>
      <c r="CF2321" s="162"/>
      <c r="CG2321" s="162"/>
      <c r="CH2321" s="162"/>
      <c r="CI2321" s="162"/>
      <c r="CJ2321" s="162"/>
      <c r="CK2321" s="162"/>
      <c r="CL2321" s="166"/>
      <c r="CM2321" s="166"/>
      <c r="CN2321" s="166"/>
      <c r="CO2321" s="166"/>
      <c r="CP2321" s="166"/>
      <c r="CQ2321" s="166"/>
      <c r="CR2321" s="166"/>
      <c r="CS2321" s="166"/>
      <c r="CT2321" s="166"/>
      <c r="CU2321" s="166"/>
      <c r="CV2321" s="166"/>
      <c r="CW2321" s="166"/>
      <c r="CX2321" s="176"/>
      <c r="CY2321" s="166"/>
      <c r="CZ2321" s="166"/>
      <c r="DA2321" s="166"/>
      <c r="DB2321" s="166"/>
      <c r="DC2321" s="166"/>
      <c r="DD2321" s="166"/>
      <c r="DE2321" s="166"/>
      <c r="DF2321" s="166"/>
      <c r="DG2321" s="166"/>
      <c r="DH2321" s="166"/>
      <c r="DI2321" s="166"/>
      <c r="DJ2321" s="166"/>
      <c r="DK2321" s="166"/>
      <c r="DL2321" s="175"/>
      <c r="DM2321" s="166"/>
      <c r="DN2321" s="166"/>
      <c r="DO2321" s="166"/>
      <c r="DP2321" s="166"/>
      <c r="DQ2321" s="166"/>
      <c r="DR2321" s="166"/>
      <c r="DS2321" s="166"/>
      <c r="DT2321" s="166"/>
      <c r="DU2321" s="166"/>
      <c r="DV2321" s="166"/>
      <c r="DW2321" s="166"/>
      <c r="DX2321" s="176"/>
      <c r="DY2321" s="166"/>
      <c r="DZ2321" s="166"/>
      <c r="EA2321" s="166"/>
      <c r="EB2321" s="166"/>
      <c r="EC2321" s="166"/>
      <c r="ED2321" s="166"/>
      <c r="EE2321" s="166"/>
      <c r="EF2321" s="166"/>
      <c r="EG2321" s="166"/>
      <c r="EH2321" s="166"/>
      <c r="EI2321" s="166"/>
      <c r="EJ2321" s="166"/>
      <c r="EK2321" s="166"/>
      <c r="EL2321" s="175"/>
      <c r="EM2321" s="166"/>
      <c r="EN2321" s="166"/>
      <c r="EO2321" s="166"/>
      <c r="EP2321" s="166"/>
      <c r="EQ2321" s="166"/>
      <c r="ER2321" s="166"/>
      <c r="ES2321" s="166"/>
      <c r="ET2321" s="166"/>
      <c r="EU2321" s="166"/>
      <c r="EV2321" s="166"/>
      <c r="EW2321" s="166"/>
      <c r="EX2321" s="176"/>
      <c r="EY2321" s="175"/>
      <c r="EZ2321" s="166"/>
      <c r="FA2321" s="166"/>
      <c r="FB2321" s="166"/>
      <c r="FC2321" s="166"/>
      <c r="FD2321" s="166"/>
      <c r="FE2321" s="166"/>
      <c r="FF2321" s="166"/>
      <c r="FG2321" s="166"/>
      <c r="FH2321" s="166"/>
      <c r="FI2321" s="166"/>
      <c r="FJ2321" s="166"/>
      <c r="FK2321" s="166"/>
      <c r="FL2321" s="126"/>
      <c r="FM2321" s="91"/>
      <c r="FN2321" s="91"/>
      <c r="FO2321" s="91"/>
      <c r="FP2321" s="91"/>
      <c r="FQ2321" s="91"/>
      <c r="FR2321" s="91"/>
      <c r="FS2321" s="91"/>
      <c r="FT2321" s="91"/>
      <c r="FU2321" s="91"/>
      <c r="FV2321" s="91"/>
      <c r="FW2321" s="91"/>
      <c r="FX2321" s="91"/>
      <c r="FY2321" s="91"/>
      <c r="FZ2321" s="91"/>
      <c r="GA2321" s="91"/>
      <c r="GB2321" s="91"/>
      <c r="GC2321" s="91"/>
      <c r="GD2321" s="91"/>
      <c r="GE2321" s="91"/>
      <c r="GF2321" s="91"/>
      <c r="GG2321" s="91"/>
      <c r="GH2321" s="91"/>
      <c r="GI2321" s="91"/>
      <c r="GJ2321" s="91"/>
      <c r="GK2321" s="127"/>
      <c r="GL2321" s="126"/>
      <c r="GM2321" s="91"/>
      <c r="GN2321" s="91"/>
      <c r="GO2321" s="91"/>
      <c r="GP2321" s="91"/>
      <c r="GQ2321" s="91"/>
      <c r="GR2321" s="91"/>
      <c r="GS2321" s="91"/>
      <c r="GT2321" s="91"/>
      <c r="GU2321" s="91"/>
      <c r="GV2321" s="91"/>
      <c r="GW2321" s="91"/>
      <c r="GX2321" s="91"/>
      <c r="GY2321" s="91"/>
      <c r="GZ2321" s="91"/>
      <c r="HA2321" s="91"/>
      <c r="HB2321" s="91"/>
      <c r="HC2321" s="91"/>
      <c r="HD2321" s="91"/>
      <c r="HE2321" s="91"/>
      <c r="HF2321" s="91"/>
      <c r="HG2321" s="91"/>
      <c r="HH2321" s="91"/>
      <c r="HI2321" s="91"/>
      <c r="HJ2321" s="91"/>
      <c r="HK2321" s="127"/>
      <c r="HL2321" s="126"/>
      <c r="HM2321" s="91"/>
      <c r="HN2321" s="91"/>
      <c r="HO2321" s="91"/>
      <c r="HP2321" s="91"/>
      <c r="HQ2321" s="91"/>
      <c r="HR2321" s="91"/>
      <c r="HS2321" s="91"/>
      <c r="HT2321" s="91"/>
      <c r="HU2321" s="91"/>
      <c r="HV2321" s="91"/>
      <c r="HW2321" s="91"/>
      <c r="HX2321" s="91"/>
      <c r="HY2321" s="91"/>
      <c r="HZ2321" s="91"/>
      <c r="IA2321" s="91"/>
      <c r="IB2321" s="91"/>
      <c r="IC2321" s="91"/>
      <c r="ID2321" s="91"/>
      <c r="IE2321" s="91"/>
      <c r="IF2321" s="91"/>
      <c r="IG2321" s="91"/>
      <c r="IH2321" s="91"/>
      <c r="II2321" s="91"/>
      <c r="IJ2321" s="91"/>
      <c r="IK2321" s="127"/>
    </row>
    <row r="2322" spans="2:245" x14ac:dyDescent="0.2">
      <c r="B2322" s="43"/>
      <c r="C2322" s="73"/>
      <c r="D2322" s="64"/>
      <c r="E2322" s="64"/>
      <c r="F2322" s="55"/>
      <c r="G2322" s="102"/>
      <c r="H2322" s="55"/>
      <c r="I2322" s="55"/>
      <c r="J2322" s="55"/>
      <c r="K2322" s="55"/>
      <c r="L2322" s="55"/>
      <c r="M2322" s="55"/>
      <c r="N2322" s="55"/>
      <c r="O2322" s="55"/>
      <c r="P2322" s="55"/>
      <c r="Q2322" s="55"/>
      <c r="R2322" s="55"/>
      <c r="S2322" s="55"/>
      <c r="T2322" s="55"/>
      <c r="U2322" s="55"/>
      <c r="V2322" s="55"/>
      <c r="W2322" s="55"/>
      <c r="X2322" s="55"/>
      <c r="Y2322" s="55"/>
      <c r="Z2322" s="55"/>
      <c r="AA2322" s="55"/>
      <c r="AB2322" s="55"/>
      <c r="AC2322" s="55"/>
      <c r="AD2322" s="55"/>
      <c r="AE2322" s="55"/>
      <c r="AF2322" s="55"/>
      <c r="AG2322" s="55"/>
      <c r="AY2322" s="162"/>
      <c r="AZ2322" s="162"/>
      <c r="BA2322" s="162"/>
      <c r="BB2322" s="162"/>
      <c r="BC2322" s="162"/>
      <c r="BD2322" s="162"/>
      <c r="BE2322" s="162"/>
      <c r="BF2322" s="162"/>
      <c r="BG2322" s="162"/>
      <c r="BH2322" s="162"/>
      <c r="BI2322" s="162"/>
      <c r="BJ2322" s="162"/>
      <c r="BK2322" s="162"/>
      <c r="BL2322" s="162"/>
      <c r="BM2322" s="162"/>
      <c r="BN2322" s="162"/>
      <c r="BO2322" s="162"/>
      <c r="BP2322" s="162"/>
      <c r="BQ2322" s="162"/>
      <c r="BR2322" s="162"/>
      <c r="BS2322" s="162"/>
      <c r="BT2322" s="162"/>
      <c r="BU2322" s="162"/>
      <c r="BV2322" s="162"/>
      <c r="BW2322" s="162"/>
      <c r="BX2322" s="162"/>
      <c r="BY2322" s="162"/>
      <c r="BZ2322" s="162"/>
      <c r="CA2322" s="162"/>
      <c r="CB2322" s="162"/>
      <c r="CC2322" s="162"/>
      <c r="CD2322" s="162"/>
      <c r="CE2322" s="162"/>
      <c r="CF2322" s="162"/>
      <c r="CG2322" s="162"/>
      <c r="CH2322" s="162"/>
      <c r="CI2322" s="162"/>
      <c r="CJ2322" s="162"/>
      <c r="CK2322" s="162"/>
      <c r="CX2322" s="98"/>
      <c r="DL2322" s="97"/>
      <c r="DX2322" s="98"/>
      <c r="EL2322" s="97"/>
      <c r="EX2322" s="98"/>
      <c r="EY2322" s="97"/>
      <c r="FL2322" s="126"/>
      <c r="FM2322" s="91"/>
      <c r="FN2322" s="91"/>
      <c r="FO2322" s="91"/>
      <c r="FP2322" s="91"/>
      <c r="FQ2322" s="91"/>
      <c r="FR2322" s="91"/>
      <c r="FS2322" s="91"/>
      <c r="FT2322" s="91"/>
      <c r="FU2322" s="91"/>
      <c r="FV2322" s="91"/>
      <c r="FW2322" s="91"/>
      <c r="FX2322" s="91"/>
      <c r="FY2322" s="91"/>
      <c r="FZ2322" s="91"/>
      <c r="GA2322" s="91"/>
      <c r="GB2322" s="91"/>
      <c r="GC2322" s="91"/>
      <c r="GD2322" s="91"/>
      <c r="GE2322" s="91"/>
      <c r="GF2322" s="91"/>
      <c r="GG2322" s="91"/>
      <c r="GH2322" s="91"/>
      <c r="GI2322" s="91"/>
      <c r="GJ2322" s="91"/>
      <c r="GK2322" s="127"/>
      <c r="GL2322" s="126"/>
      <c r="GM2322" s="91"/>
      <c r="GN2322" s="91"/>
      <c r="GO2322" s="91"/>
      <c r="GP2322" s="91"/>
      <c r="GQ2322" s="91"/>
      <c r="GR2322" s="91"/>
      <c r="GS2322" s="91"/>
      <c r="GT2322" s="91"/>
      <c r="GU2322" s="91"/>
      <c r="GV2322" s="91"/>
      <c r="GW2322" s="91"/>
      <c r="GX2322" s="91"/>
      <c r="GY2322" s="91"/>
      <c r="GZ2322" s="91"/>
      <c r="HA2322" s="91"/>
      <c r="HB2322" s="91"/>
      <c r="HC2322" s="91"/>
      <c r="HD2322" s="91"/>
      <c r="HE2322" s="91"/>
      <c r="HF2322" s="91"/>
      <c r="HG2322" s="91"/>
      <c r="HH2322" s="91"/>
      <c r="HI2322" s="91"/>
      <c r="HJ2322" s="91"/>
      <c r="HK2322" s="127"/>
      <c r="HL2322" s="126"/>
      <c r="HM2322" s="91"/>
      <c r="HN2322" s="91"/>
      <c r="HO2322" s="91"/>
      <c r="HP2322" s="91"/>
      <c r="HQ2322" s="91"/>
      <c r="HR2322" s="91"/>
      <c r="HS2322" s="91"/>
      <c r="HT2322" s="91"/>
      <c r="HU2322" s="91"/>
      <c r="HV2322" s="91"/>
      <c r="HW2322" s="91"/>
      <c r="HX2322" s="91"/>
      <c r="HY2322" s="91"/>
      <c r="HZ2322" s="91"/>
      <c r="IA2322" s="91"/>
      <c r="IB2322" s="91"/>
      <c r="IC2322" s="91"/>
      <c r="ID2322" s="91"/>
      <c r="IE2322" s="91"/>
      <c r="IF2322" s="91"/>
      <c r="IG2322" s="91"/>
      <c r="IH2322" s="91"/>
      <c r="II2322" s="91"/>
      <c r="IJ2322" s="91"/>
      <c r="IK2322" s="127"/>
    </row>
    <row r="2323" spans="2:245" ht="13.5" thickBot="1" x14ac:dyDescent="0.25">
      <c r="B2323" s="43"/>
      <c r="C2323" s="73"/>
      <c r="D2323" s="64"/>
      <c r="E2323" s="64"/>
      <c r="F2323" s="55"/>
      <c r="G2323" s="102"/>
      <c r="H2323" s="55"/>
      <c r="I2323" s="55"/>
      <c r="J2323" s="55"/>
      <c r="K2323" s="55"/>
      <c r="L2323" s="55"/>
      <c r="M2323" s="55"/>
      <c r="N2323" s="55"/>
      <c r="O2323" s="55"/>
      <c r="P2323" s="55"/>
      <c r="Q2323" s="55"/>
      <c r="R2323" s="55"/>
      <c r="S2323" s="55"/>
      <c r="T2323" s="55"/>
      <c r="U2323" s="55"/>
      <c r="V2323" s="55"/>
      <c r="W2323" s="55"/>
      <c r="X2323" s="55"/>
      <c r="Y2323" s="55"/>
      <c r="Z2323" s="55"/>
      <c r="AA2323" s="55"/>
      <c r="AB2323" s="55"/>
      <c r="AC2323" s="55"/>
      <c r="AD2323" s="55"/>
      <c r="AE2323" s="55"/>
      <c r="AF2323" s="55"/>
      <c r="AG2323" s="55"/>
      <c r="AY2323" s="162"/>
      <c r="AZ2323" s="162"/>
      <c r="BA2323" s="162"/>
      <c r="BB2323" s="162"/>
      <c r="BC2323" s="162"/>
      <c r="BD2323" s="162"/>
      <c r="BE2323" s="162"/>
      <c r="BF2323" s="162"/>
      <c r="BG2323" s="162"/>
      <c r="BH2323" s="162"/>
      <c r="BI2323" s="162"/>
      <c r="BJ2323" s="162"/>
      <c r="BK2323" s="162"/>
      <c r="BL2323" s="162"/>
      <c r="BM2323" s="162"/>
      <c r="BN2323" s="162"/>
      <c r="BO2323" s="162"/>
      <c r="BP2323" s="162"/>
      <c r="BQ2323" s="162"/>
      <c r="BR2323" s="162"/>
      <c r="BS2323" s="162"/>
      <c r="BT2323" s="162"/>
      <c r="BU2323" s="162"/>
      <c r="BV2323" s="162"/>
      <c r="BW2323" s="162"/>
      <c r="BX2323" s="162"/>
      <c r="BY2323" s="162"/>
      <c r="BZ2323" s="162"/>
      <c r="CA2323" s="162"/>
      <c r="CB2323" s="162"/>
      <c r="CC2323" s="162"/>
      <c r="CD2323" s="162"/>
      <c r="CE2323" s="162"/>
      <c r="CF2323" s="162"/>
      <c r="CG2323" s="162"/>
      <c r="CH2323" s="162"/>
      <c r="CI2323" s="162"/>
      <c r="CJ2323" s="162"/>
      <c r="CK2323" s="162"/>
      <c r="CX2323" s="98"/>
      <c r="DL2323" s="97"/>
      <c r="DX2323" s="98"/>
      <c r="EL2323" s="97"/>
      <c r="EX2323" s="98"/>
      <c r="EY2323" s="97"/>
      <c r="FL2323" s="126"/>
      <c r="FM2323" s="91"/>
      <c r="FN2323" s="91"/>
      <c r="FO2323" s="91"/>
      <c r="FP2323" s="91"/>
      <c r="FQ2323" s="91"/>
      <c r="FR2323" s="91"/>
      <c r="FS2323" s="91"/>
      <c r="FT2323" s="91"/>
      <c r="FU2323" s="91"/>
      <c r="FV2323" s="91"/>
      <c r="FW2323" s="91"/>
      <c r="FX2323" s="91"/>
      <c r="FY2323" s="91"/>
      <c r="FZ2323" s="91"/>
      <c r="GA2323" s="91"/>
      <c r="GB2323" s="91"/>
      <c r="GC2323" s="91"/>
      <c r="GD2323" s="91"/>
      <c r="GE2323" s="91"/>
      <c r="GF2323" s="91"/>
      <c r="GG2323" s="91"/>
      <c r="GH2323" s="91"/>
      <c r="GI2323" s="91"/>
      <c r="GJ2323" s="91"/>
      <c r="GK2323" s="127"/>
      <c r="GL2323" s="126"/>
      <c r="GM2323" s="91"/>
      <c r="GN2323" s="91"/>
      <c r="GO2323" s="91"/>
      <c r="GP2323" s="91"/>
      <c r="GQ2323" s="91"/>
      <c r="GR2323" s="91"/>
      <c r="GS2323" s="91"/>
      <c r="GT2323" s="91"/>
      <c r="GU2323" s="91"/>
      <c r="GV2323" s="91"/>
      <c r="GW2323" s="91"/>
      <c r="GX2323" s="91"/>
      <c r="GY2323" s="91"/>
      <c r="GZ2323" s="91"/>
      <c r="HA2323" s="91"/>
      <c r="HB2323" s="91"/>
      <c r="HC2323" s="91"/>
      <c r="HD2323" s="91"/>
      <c r="HE2323" s="91"/>
      <c r="HF2323" s="91"/>
      <c r="HG2323" s="91"/>
      <c r="HH2323" s="91"/>
      <c r="HI2323" s="91"/>
      <c r="HJ2323" s="91"/>
      <c r="HK2323" s="127"/>
      <c r="HL2323" s="126"/>
      <c r="HM2323" s="91"/>
      <c r="HN2323" s="91"/>
      <c r="HO2323" s="91"/>
      <c r="HP2323" s="91"/>
      <c r="HQ2323" s="91"/>
      <c r="HR2323" s="91"/>
      <c r="HS2323" s="91"/>
      <c r="HT2323" s="91"/>
      <c r="HU2323" s="91"/>
      <c r="HV2323" s="91"/>
      <c r="HW2323" s="91"/>
      <c r="HX2323" s="91"/>
      <c r="HY2323" s="91"/>
      <c r="HZ2323" s="91"/>
      <c r="IA2323" s="91"/>
      <c r="IB2323" s="91"/>
      <c r="IC2323" s="91"/>
      <c r="ID2323" s="91"/>
      <c r="IE2323" s="91"/>
      <c r="IF2323" s="91"/>
      <c r="IG2323" s="91"/>
      <c r="IH2323" s="91"/>
      <c r="II2323" s="91"/>
      <c r="IJ2323" s="91"/>
      <c r="IK2323" s="127"/>
    </row>
    <row r="2324" spans="2:245" ht="13.5" thickBot="1" x14ac:dyDescent="0.25">
      <c r="B2324" s="43"/>
      <c r="C2324" s="73"/>
      <c r="D2324" s="64"/>
      <c r="E2324" s="64"/>
      <c r="F2324" s="55"/>
      <c r="G2324" s="102"/>
      <c r="H2324" s="55"/>
      <c r="I2324" s="55"/>
      <c r="J2324" s="55"/>
      <c r="K2324" s="55"/>
      <c r="L2324" s="55"/>
      <c r="M2324" s="55"/>
      <c r="N2324" s="55"/>
      <c r="O2324" s="55"/>
      <c r="P2324" s="55"/>
      <c r="Q2324" s="55"/>
      <c r="R2324" s="55"/>
      <c r="S2324" s="55"/>
      <c r="T2324" s="55"/>
      <c r="U2324" s="55"/>
      <c r="V2324" s="55"/>
      <c r="W2324" s="55"/>
      <c r="X2324" s="55"/>
      <c r="Y2324" s="55"/>
      <c r="Z2324" s="55"/>
      <c r="AA2324" s="55"/>
      <c r="AB2324" s="55"/>
      <c r="AC2324" s="55"/>
      <c r="AD2324" s="55"/>
      <c r="AE2324" s="55"/>
      <c r="AF2324" s="55"/>
      <c r="AG2324" s="55"/>
      <c r="AY2324" s="162"/>
      <c r="AZ2324" s="162"/>
      <c r="BA2324" s="162"/>
      <c r="BB2324" s="162"/>
      <c r="BC2324" s="162"/>
      <c r="BD2324" s="162"/>
      <c r="BE2324" s="162"/>
      <c r="BF2324" s="162"/>
      <c r="BG2324" s="162"/>
      <c r="BH2324" s="162"/>
      <c r="BI2324" s="162"/>
      <c r="BJ2324" s="162"/>
      <c r="BK2324" s="162"/>
      <c r="BL2324" s="162"/>
      <c r="BM2324" s="162"/>
      <c r="BN2324" s="162"/>
      <c r="BO2324" s="162"/>
      <c r="BP2324" s="162"/>
      <c r="BQ2324" s="162"/>
      <c r="BR2324" s="162"/>
      <c r="BS2324" s="162"/>
      <c r="BT2324" s="162"/>
      <c r="BU2324" s="162"/>
      <c r="BV2324" s="162"/>
      <c r="BW2324" s="162"/>
      <c r="BX2324" s="162"/>
      <c r="BY2324" s="162"/>
      <c r="BZ2324" s="162"/>
      <c r="CA2324" s="162"/>
      <c r="CB2324" s="162"/>
      <c r="CC2324" s="162"/>
      <c r="CD2324" s="162"/>
      <c r="CE2324" s="162"/>
      <c r="CF2324" s="162"/>
      <c r="CG2324" s="162"/>
      <c r="CH2324" s="162"/>
      <c r="CI2324" s="162"/>
      <c r="CJ2324" s="162"/>
      <c r="CK2324" s="162"/>
      <c r="CL2324" s="167"/>
      <c r="CM2324" s="167"/>
      <c r="CN2324" s="167"/>
      <c r="CO2324" s="167"/>
      <c r="CP2324" s="167"/>
      <c r="CQ2324" s="167"/>
      <c r="CR2324" s="167"/>
      <c r="CS2324" s="167"/>
      <c r="CT2324" s="167"/>
      <c r="CU2324" s="167"/>
      <c r="CV2324" s="167"/>
      <c r="CW2324" s="167"/>
      <c r="CX2324" s="182"/>
      <c r="CY2324" s="167"/>
      <c r="CZ2324" s="167"/>
      <c r="DA2324" s="167"/>
      <c r="DB2324" s="167"/>
      <c r="DC2324" s="167"/>
      <c r="DD2324" s="167"/>
      <c r="DE2324" s="167"/>
      <c r="DF2324" s="167"/>
      <c r="DG2324" s="167"/>
      <c r="DH2324" s="167"/>
      <c r="DI2324" s="167"/>
      <c r="DJ2324" s="167"/>
      <c r="DK2324" s="167"/>
      <c r="DL2324" s="181"/>
      <c r="DM2324" s="167"/>
      <c r="DN2324" s="167"/>
      <c r="DO2324" s="167"/>
      <c r="DP2324" s="167"/>
      <c r="DQ2324" s="167"/>
      <c r="DR2324" s="167"/>
      <c r="DS2324" s="167"/>
      <c r="DT2324" s="167"/>
      <c r="DU2324" s="167"/>
      <c r="DV2324" s="167"/>
      <c r="DW2324" s="167"/>
      <c r="DX2324" s="182"/>
      <c r="DY2324" s="167"/>
      <c r="DZ2324" s="167"/>
      <c r="EA2324" s="167"/>
      <c r="EB2324" s="167"/>
      <c r="EC2324" s="167"/>
      <c r="ED2324" s="167"/>
      <c r="EE2324" s="167"/>
      <c r="EF2324" s="167"/>
      <c r="EG2324" s="167"/>
      <c r="EH2324" s="167"/>
      <c r="EI2324" s="167"/>
      <c r="EJ2324" s="167"/>
      <c r="EK2324" s="167"/>
      <c r="EL2324" s="181"/>
      <c r="EM2324" s="167"/>
      <c r="EN2324" s="167"/>
      <c r="EO2324" s="167"/>
      <c r="EP2324" s="167"/>
      <c r="EQ2324" s="167"/>
      <c r="ER2324" s="167"/>
      <c r="ES2324" s="167"/>
      <c r="ET2324" s="167"/>
      <c r="EU2324" s="167"/>
      <c r="EV2324" s="167"/>
      <c r="EW2324" s="167"/>
      <c r="EX2324" s="182"/>
      <c r="EY2324" s="181"/>
      <c r="EZ2324" s="167"/>
      <c r="FA2324" s="167"/>
      <c r="FB2324" s="167"/>
      <c r="FC2324" s="167"/>
      <c r="FD2324" s="167"/>
      <c r="FE2324" s="167"/>
      <c r="FF2324" s="167"/>
      <c r="FG2324" s="167"/>
      <c r="FH2324" s="167"/>
      <c r="FI2324" s="167"/>
      <c r="FJ2324" s="167"/>
      <c r="FK2324" s="167"/>
      <c r="FL2324" s="126"/>
      <c r="FM2324" s="91"/>
      <c r="FN2324" s="91"/>
      <c r="FO2324" s="91"/>
      <c r="FP2324" s="91"/>
      <c r="FQ2324" s="91"/>
      <c r="FR2324" s="91"/>
      <c r="FS2324" s="91"/>
      <c r="FT2324" s="91"/>
      <c r="FU2324" s="91"/>
      <c r="FV2324" s="91"/>
      <c r="FW2324" s="91"/>
      <c r="FX2324" s="91"/>
      <c r="FY2324" s="91"/>
      <c r="FZ2324" s="91"/>
      <c r="GA2324" s="91"/>
      <c r="GB2324" s="91"/>
      <c r="GC2324" s="91"/>
      <c r="GD2324" s="91"/>
      <c r="GE2324" s="91"/>
      <c r="GF2324" s="91"/>
      <c r="GG2324" s="91"/>
      <c r="GH2324" s="91"/>
      <c r="GI2324" s="91"/>
      <c r="GJ2324" s="91"/>
      <c r="GK2324" s="127"/>
      <c r="GL2324" s="126"/>
      <c r="GM2324" s="91"/>
      <c r="GN2324" s="91"/>
      <c r="GO2324" s="91"/>
      <c r="GP2324" s="91"/>
      <c r="GQ2324" s="91"/>
      <c r="GR2324" s="91"/>
      <c r="GS2324" s="91"/>
      <c r="GT2324" s="91"/>
      <c r="GU2324" s="91"/>
      <c r="GV2324" s="91"/>
      <c r="GW2324" s="91"/>
      <c r="GX2324" s="91"/>
      <c r="GY2324" s="91"/>
      <c r="GZ2324" s="91"/>
      <c r="HA2324" s="91"/>
      <c r="HB2324" s="91"/>
      <c r="HC2324" s="91"/>
      <c r="HD2324" s="91"/>
      <c r="HE2324" s="91"/>
      <c r="HF2324" s="91"/>
      <c r="HG2324" s="91"/>
      <c r="HH2324" s="91"/>
      <c r="HI2324" s="91"/>
      <c r="HJ2324" s="91"/>
      <c r="HK2324" s="127"/>
      <c r="HL2324" s="126"/>
      <c r="HM2324" s="91"/>
      <c r="HN2324" s="91"/>
      <c r="HO2324" s="91"/>
      <c r="HP2324" s="91"/>
      <c r="HQ2324" s="91"/>
      <c r="HR2324" s="91"/>
      <c r="HS2324" s="91"/>
      <c r="HT2324" s="91"/>
      <c r="HU2324" s="91"/>
      <c r="HV2324" s="91"/>
      <c r="HW2324" s="91"/>
      <c r="HX2324" s="91"/>
      <c r="HY2324" s="91"/>
      <c r="HZ2324" s="91"/>
      <c r="IA2324" s="91"/>
      <c r="IB2324" s="91"/>
      <c r="IC2324" s="91"/>
      <c r="ID2324" s="91"/>
      <c r="IE2324" s="91"/>
      <c r="IF2324" s="91"/>
      <c r="IG2324" s="91"/>
      <c r="IH2324" s="91"/>
      <c r="II2324" s="91"/>
      <c r="IJ2324" s="91"/>
      <c r="IK2324" s="127"/>
    </row>
    <row r="2325" spans="2:245" x14ac:dyDescent="0.2">
      <c r="B2325" s="43"/>
      <c r="C2325" s="73"/>
      <c r="D2325" s="64"/>
      <c r="E2325" s="64"/>
      <c r="F2325" s="55"/>
      <c r="G2325" s="102"/>
      <c r="H2325" s="55"/>
      <c r="I2325" s="55"/>
      <c r="J2325" s="55"/>
      <c r="K2325" s="55"/>
      <c r="L2325" s="55"/>
      <c r="M2325" s="55"/>
      <c r="N2325" s="55"/>
      <c r="O2325" s="55"/>
      <c r="P2325" s="55"/>
      <c r="Q2325" s="55"/>
      <c r="R2325" s="55"/>
      <c r="S2325" s="55"/>
      <c r="T2325" s="55"/>
      <c r="U2325" s="55"/>
      <c r="V2325" s="55"/>
      <c r="W2325" s="55"/>
      <c r="X2325" s="55"/>
      <c r="Y2325" s="55"/>
      <c r="Z2325" s="55"/>
      <c r="AA2325" s="55"/>
      <c r="AB2325" s="55"/>
      <c r="AC2325" s="55"/>
      <c r="AD2325" s="55"/>
      <c r="AE2325" s="55"/>
      <c r="AF2325" s="55"/>
      <c r="AG2325" s="55"/>
      <c r="AY2325" s="162"/>
      <c r="AZ2325" s="162"/>
      <c r="BA2325" s="162"/>
      <c r="BB2325" s="162"/>
      <c r="BC2325" s="162"/>
      <c r="BD2325" s="162"/>
      <c r="BE2325" s="162"/>
      <c r="BF2325" s="162"/>
      <c r="BG2325" s="162"/>
      <c r="BH2325" s="162"/>
      <c r="BI2325" s="162"/>
      <c r="BJ2325" s="162"/>
      <c r="BK2325" s="162"/>
      <c r="BL2325" s="162"/>
      <c r="BM2325" s="162"/>
      <c r="BN2325" s="162"/>
      <c r="BO2325" s="162"/>
      <c r="BP2325" s="162"/>
      <c r="BQ2325" s="162"/>
      <c r="BR2325" s="162"/>
      <c r="BS2325" s="162"/>
      <c r="BT2325" s="162"/>
      <c r="BU2325" s="162"/>
      <c r="BV2325" s="162"/>
      <c r="BW2325" s="162"/>
      <c r="BX2325" s="162"/>
      <c r="BY2325" s="162"/>
      <c r="BZ2325" s="162"/>
      <c r="CA2325" s="162"/>
      <c r="CB2325" s="162"/>
      <c r="CC2325" s="162"/>
      <c r="CD2325" s="162"/>
      <c r="CE2325" s="162"/>
      <c r="CF2325" s="162"/>
      <c r="CG2325" s="162"/>
      <c r="CH2325" s="162"/>
      <c r="CI2325" s="162"/>
      <c r="CJ2325" s="162"/>
      <c r="CK2325" s="162"/>
      <c r="CX2325" s="98"/>
      <c r="DL2325" s="97"/>
      <c r="DX2325" s="98"/>
      <c r="EL2325" s="97"/>
      <c r="EX2325" s="98"/>
      <c r="EY2325" s="97"/>
      <c r="FL2325" s="126"/>
      <c r="FM2325" s="91"/>
      <c r="FN2325" s="91"/>
      <c r="FO2325" s="91"/>
      <c r="FP2325" s="91"/>
      <c r="FQ2325" s="91"/>
      <c r="FR2325" s="91"/>
      <c r="FS2325" s="91"/>
      <c r="FT2325" s="91"/>
      <c r="FU2325" s="91"/>
      <c r="FV2325" s="91"/>
      <c r="FW2325" s="91"/>
      <c r="FX2325" s="91"/>
      <c r="FY2325" s="91"/>
      <c r="FZ2325" s="91"/>
      <c r="GA2325" s="91"/>
      <c r="GB2325" s="91"/>
      <c r="GC2325" s="91"/>
      <c r="GD2325" s="91"/>
      <c r="GE2325" s="91"/>
      <c r="GF2325" s="91"/>
      <c r="GG2325" s="91"/>
      <c r="GH2325" s="91"/>
      <c r="GI2325" s="91"/>
      <c r="GJ2325" s="91"/>
      <c r="GK2325" s="127"/>
      <c r="GL2325" s="126"/>
      <c r="GM2325" s="91"/>
      <c r="GN2325" s="91"/>
      <c r="GO2325" s="91"/>
      <c r="GP2325" s="91"/>
      <c r="GQ2325" s="91"/>
      <c r="GR2325" s="91"/>
      <c r="GS2325" s="91"/>
      <c r="GT2325" s="91"/>
      <c r="GU2325" s="91"/>
      <c r="GV2325" s="91"/>
      <c r="GW2325" s="91"/>
      <c r="GX2325" s="91"/>
      <c r="GY2325" s="91"/>
      <c r="GZ2325" s="91"/>
      <c r="HA2325" s="91"/>
      <c r="HB2325" s="91"/>
      <c r="HC2325" s="91"/>
      <c r="HD2325" s="91"/>
      <c r="HE2325" s="91"/>
      <c r="HF2325" s="91"/>
      <c r="HG2325" s="91"/>
      <c r="HH2325" s="91"/>
      <c r="HI2325" s="91"/>
      <c r="HJ2325" s="91"/>
      <c r="HK2325" s="127"/>
      <c r="HL2325" s="126"/>
      <c r="HM2325" s="91"/>
      <c r="HN2325" s="91"/>
      <c r="HO2325" s="91"/>
      <c r="HP2325" s="91"/>
      <c r="HQ2325" s="91"/>
      <c r="HR2325" s="91"/>
      <c r="HS2325" s="91"/>
      <c r="HT2325" s="91"/>
      <c r="HU2325" s="91"/>
      <c r="HV2325" s="91"/>
      <c r="HW2325" s="91"/>
      <c r="HX2325" s="91"/>
      <c r="HY2325" s="91"/>
      <c r="HZ2325" s="91"/>
      <c r="IA2325" s="91"/>
      <c r="IB2325" s="91"/>
      <c r="IC2325" s="91"/>
      <c r="ID2325" s="91"/>
      <c r="IE2325" s="91"/>
      <c r="IF2325" s="91"/>
      <c r="IG2325" s="91"/>
      <c r="IH2325" s="91"/>
      <c r="II2325" s="91"/>
      <c r="IJ2325" s="91"/>
      <c r="IK2325" s="127"/>
    </row>
    <row r="2326" spans="2:245" x14ac:dyDescent="0.2">
      <c r="B2326" s="43"/>
      <c r="C2326" s="73"/>
      <c r="D2326" s="64"/>
      <c r="E2326" s="64"/>
      <c r="F2326" s="55"/>
      <c r="G2326" s="102"/>
      <c r="H2326" s="55"/>
      <c r="I2326" s="55"/>
      <c r="J2326" s="55"/>
      <c r="K2326" s="55"/>
      <c r="L2326" s="55"/>
      <c r="M2326" s="55"/>
      <c r="N2326" s="55"/>
      <c r="O2326" s="55"/>
      <c r="P2326" s="55"/>
      <c r="Q2326" s="55"/>
      <c r="R2326" s="55"/>
      <c r="S2326" s="55"/>
      <c r="T2326" s="55"/>
      <c r="U2326" s="55"/>
      <c r="V2326" s="55"/>
      <c r="W2326" s="55"/>
      <c r="X2326" s="55"/>
      <c r="Y2326" s="55"/>
      <c r="Z2326" s="55"/>
      <c r="AA2326" s="55"/>
      <c r="AB2326" s="55"/>
      <c r="AC2326" s="55"/>
      <c r="AD2326" s="55"/>
      <c r="AE2326" s="55"/>
      <c r="AF2326" s="55"/>
      <c r="AG2326" s="55"/>
      <c r="AY2326" s="162"/>
      <c r="AZ2326" s="162"/>
      <c r="BA2326" s="162"/>
      <c r="BB2326" s="162"/>
      <c r="BC2326" s="162"/>
      <c r="BD2326" s="162"/>
      <c r="BE2326" s="162"/>
      <c r="BF2326" s="162"/>
      <c r="BG2326" s="162"/>
      <c r="BH2326" s="162"/>
      <c r="BI2326" s="162"/>
      <c r="BJ2326" s="162"/>
      <c r="BK2326" s="162"/>
      <c r="BL2326" s="162"/>
      <c r="BM2326" s="162"/>
      <c r="BN2326" s="162"/>
      <c r="BO2326" s="162"/>
      <c r="BP2326" s="162"/>
      <c r="BQ2326" s="162"/>
      <c r="BR2326" s="162"/>
      <c r="BS2326" s="162"/>
      <c r="BT2326" s="162"/>
      <c r="BU2326" s="162"/>
      <c r="BV2326" s="162"/>
      <c r="BW2326" s="162"/>
      <c r="BX2326" s="162"/>
      <c r="BY2326" s="162"/>
      <c r="BZ2326" s="162"/>
      <c r="CA2326" s="162"/>
      <c r="CB2326" s="162"/>
      <c r="CC2326" s="162"/>
      <c r="CD2326" s="162"/>
      <c r="CE2326" s="162"/>
      <c r="CF2326" s="162"/>
      <c r="CG2326" s="162"/>
      <c r="CH2326" s="162"/>
      <c r="CI2326" s="162"/>
      <c r="CJ2326" s="162"/>
      <c r="CK2326" s="162"/>
      <c r="CX2326" s="98"/>
      <c r="DL2326" s="97"/>
      <c r="DX2326" s="98"/>
      <c r="EL2326" s="97"/>
      <c r="EX2326" s="98"/>
      <c r="EY2326" s="97"/>
      <c r="FL2326" s="126"/>
      <c r="FM2326" s="91"/>
      <c r="FN2326" s="91"/>
      <c r="FO2326" s="91"/>
      <c r="FP2326" s="91"/>
      <c r="FQ2326" s="91"/>
      <c r="FR2326" s="91"/>
      <c r="FS2326" s="91"/>
      <c r="FT2326" s="91"/>
      <c r="FU2326" s="91"/>
      <c r="FV2326" s="91"/>
      <c r="FW2326" s="91"/>
      <c r="FX2326" s="91"/>
      <c r="FY2326" s="91"/>
      <c r="FZ2326" s="91"/>
      <c r="GA2326" s="91"/>
      <c r="GB2326" s="91"/>
      <c r="GC2326" s="91"/>
      <c r="GD2326" s="91"/>
      <c r="GE2326" s="91"/>
      <c r="GF2326" s="91"/>
      <c r="GG2326" s="91"/>
      <c r="GH2326" s="91"/>
      <c r="GI2326" s="91"/>
      <c r="GJ2326" s="91"/>
      <c r="GK2326" s="127"/>
      <c r="GL2326" s="126"/>
      <c r="GM2326" s="91"/>
      <c r="GN2326" s="91"/>
      <c r="GO2326" s="91"/>
      <c r="GP2326" s="91"/>
      <c r="GQ2326" s="91"/>
      <c r="GR2326" s="91"/>
      <c r="GS2326" s="91"/>
      <c r="GT2326" s="91"/>
      <c r="GU2326" s="91"/>
      <c r="GV2326" s="91"/>
      <c r="GW2326" s="91"/>
      <c r="GX2326" s="91"/>
      <c r="GY2326" s="91"/>
      <c r="GZ2326" s="91"/>
      <c r="HA2326" s="91"/>
      <c r="HB2326" s="91"/>
      <c r="HC2326" s="91"/>
      <c r="HD2326" s="91"/>
      <c r="HE2326" s="91"/>
      <c r="HF2326" s="91"/>
      <c r="HG2326" s="91"/>
      <c r="HH2326" s="91"/>
      <c r="HI2326" s="91"/>
      <c r="HJ2326" s="91"/>
      <c r="HK2326" s="127"/>
      <c r="HL2326" s="126"/>
      <c r="HM2326" s="91"/>
      <c r="HN2326" s="91"/>
      <c r="HO2326" s="91"/>
      <c r="HP2326" s="91"/>
      <c r="HQ2326" s="91"/>
      <c r="HR2326" s="91"/>
      <c r="HS2326" s="91"/>
      <c r="HT2326" s="91"/>
      <c r="HU2326" s="91"/>
      <c r="HV2326" s="91"/>
      <c r="HW2326" s="91"/>
      <c r="HX2326" s="91"/>
      <c r="HY2326" s="91"/>
      <c r="HZ2326" s="91"/>
      <c r="IA2326" s="91"/>
      <c r="IB2326" s="91"/>
      <c r="IC2326" s="91"/>
      <c r="ID2326" s="91"/>
      <c r="IE2326" s="91"/>
      <c r="IF2326" s="91"/>
      <c r="IG2326" s="91"/>
      <c r="IH2326" s="91"/>
      <c r="II2326" s="91"/>
      <c r="IJ2326" s="91"/>
      <c r="IK2326" s="127"/>
    </row>
    <row r="2327" spans="2:245" x14ac:dyDescent="0.2">
      <c r="B2327" s="43"/>
      <c r="C2327" s="73"/>
      <c r="D2327" s="64"/>
      <c r="E2327" s="64"/>
      <c r="F2327" s="55"/>
      <c r="G2327" s="102"/>
      <c r="H2327" s="55"/>
      <c r="I2327" s="55"/>
      <c r="J2327" s="55"/>
      <c r="K2327" s="55"/>
      <c r="L2327" s="55"/>
      <c r="M2327" s="55"/>
      <c r="N2327" s="55"/>
      <c r="O2327" s="55"/>
      <c r="P2327" s="55"/>
      <c r="Q2327" s="55"/>
      <c r="R2327" s="55"/>
      <c r="S2327" s="55"/>
      <c r="T2327" s="55"/>
      <c r="U2327" s="55"/>
      <c r="V2327" s="55"/>
      <c r="W2327" s="55"/>
      <c r="X2327" s="55"/>
      <c r="Y2327" s="55"/>
      <c r="Z2327" s="55"/>
      <c r="AA2327" s="55"/>
      <c r="AB2327" s="55"/>
      <c r="AC2327" s="55"/>
      <c r="AD2327" s="55"/>
      <c r="AE2327" s="55"/>
      <c r="AF2327" s="55"/>
      <c r="AG2327" s="55"/>
      <c r="AY2327" s="162"/>
      <c r="AZ2327" s="162"/>
      <c r="BA2327" s="162"/>
      <c r="BB2327" s="162"/>
      <c r="BC2327" s="162"/>
      <c r="BD2327" s="162"/>
      <c r="BE2327" s="162"/>
      <c r="BF2327" s="162"/>
      <c r="BG2327" s="162"/>
      <c r="BH2327" s="162"/>
      <c r="BI2327" s="162"/>
      <c r="BJ2327" s="162"/>
      <c r="BK2327" s="162"/>
      <c r="BL2327" s="162"/>
      <c r="BM2327" s="162"/>
      <c r="BN2327" s="162"/>
      <c r="BO2327" s="162"/>
      <c r="BP2327" s="162"/>
      <c r="BQ2327" s="162"/>
      <c r="BR2327" s="162"/>
      <c r="BS2327" s="162"/>
      <c r="BT2327" s="162"/>
      <c r="BU2327" s="162"/>
      <c r="BV2327" s="162"/>
      <c r="BW2327" s="162"/>
      <c r="BX2327" s="162"/>
      <c r="BY2327" s="162"/>
      <c r="BZ2327" s="162"/>
      <c r="CA2327" s="162"/>
      <c r="CB2327" s="162"/>
      <c r="CC2327" s="162"/>
      <c r="CD2327" s="162"/>
      <c r="CE2327" s="162"/>
      <c r="CF2327" s="162"/>
      <c r="CG2327" s="162"/>
      <c r="CH2327" s="162"/>
      <c r="CI2327" s="162"/>
      <c r="CJ2327" s="162"/>
      <c r="CK2327" s="162"/>
      <c r="CX2327" s="98"/>
      <c r="DL2327" s="97"/>
      <c r="DX2327" s="98"/>
      <c r="EL2327" s="97"/>
      <c r="EX2327" s="98"/>
      <c r="EY2327" s="97"/>
      <c r="FL2327" s="126"/>
      <c r="FM2327" s="91"/>
      <c r="FN2327" s="91"/>
      <c r="FO2327" s="91"/>
      <c r="FP2327" s="91"/>
      <c r="FQ2327" s="91"/>
      <c r="FR2327" s="91"/>
      <c r="FS2327" s="91"/>
      <c r="FT2327" s="91"/>
      <c r="FU2327" s="91"/>
      <c r="FV2327" s="91"/>
      <c r="FW2327" s="91"/>
      <c r="FX2327" s="91"/>
      <c r="FY2327" s="91"/>
      <c r="FZ2327" s="91"/>
      <c r="GA2327" s="91"/>
      <c r="GB2327" s="91"/>
      <c r="GC2327" s="91"/>
      <c r="GD2327" s="91"/>
      <c r="GE2327" s="91"/>
      <c r="GF2327" s="91"/>
      <c r="GG2327" s="91"/>
      <c r="GH2327" s="91"/>
      <c r="GI2327" s="91"/>
      <c r="GJ2327" s="91"/>
      <c r="GK2327" s="127"/>
      <c r="GL2327" s="126"/>
      <c r="GM2327" s="91"/>
      <c r="GN2327" s="91"/>
      <c r="GO2327" s="91"/>
      <c r="GP2327" s="91"/>
      <c r="GQ2327" s="91"/>
      <c r="GR2327" s="91"/>
      <c r="GS2327" s="91"/>
      <c r="GT2327" s="91"/>
      <c r="GU2327" s="91"/>
      <c r="GV2327" s="91"/>
      <c r="GW2327" s="91"/>
      <c r="GX2327" s="91"/>
      <c r="GY2327" s="91"/>
      <c r="GZ2327" s="91"/>
      <c r="HA2327" s="91"/>
      <c r="HB2327" s="91"/>
      <c r="HC2327" s="91"/>
      <c r="HD2327" s="91"/>
      <c r="HE2327" s="91"/>
      <c r="HF2327" s="91"/>
      <c r="HG2327" s="91"/>
      <c r="HH2327" s="91"/>
      <c r="HI2327" s="91"/>
      <c r="HJ2327" s="91"/>
      <c r="HK2327" s="127"/>
      <c r="HL2327" s="126"/>
      <c r="HM2327" s="91"/>
      <c r="HN2327" s="91"/>
      <c r="HO2327" s="91"/>
      <c r="HP2327" s="91"/>
      <c r="HQ2327" s="91"/>
      <c r="HR2327" s="91"/>
      <c r="HS2327" s="91"/>
      <c r="HT2327" s="91"/>
      <c r="HU2327" s="91"/>
      <c r="HV2327" s="91"/>
      <c r="HW2327" s="91"/>
      <c r="HX2327" s="91"/>
      <c r="HY2327" s="91"/>
      <c r="HZ2327" s="91"/>
      <c r="IA2327" s="91"/>
      <c r="IB2327" s="91"/>
      <c r="IC2327" s="91"/>
      <c r="ID2327" s="91"/>
      <c r="IE2327" s="91"/>
      <c r="IF2327" s="91"/>
      <c r="IG2327" s="91"/>
      <c r="IH2327" s="91"/>
      <c r="II2327" s="91"/>
      <c r="IJ2327" s="91"/>
      <c r="IK2327" s="127"/>
    </row>
    <row r="2328" spans="2:245" x14ac:dyDescent="0.2">
      <c r="B2328" s="43"/>
      <c r="C2328" s="73"/>
      <c r="D2328" s="64"/>
      <c r="E2328" s="64"/>
      <c r="F2328" s="55"/>
      <c r="G2328" s="102"/>
      <c r="H2328" s="55"/>
      <c r="I2328" s="55"/>
      <c r="J2328" s="55"/>
      <c r="K2328" s="55"/>
      <c r="L2328" s="55"/>
      <c r="M2328" s="55"/>
      <c r="N2328" s="55"/>
      <c r="O2328" s="55"/>
      <c r="P2328" s="55"/>
      <c r="Q2328" s="55"/>
      <c r="R2328" s="55"/>
      <c r="S2328" s="55"/>
      <c r="T2328" s="55"/>
      <c r="U2328" s="55"/>
      <c r="V2328" s="55"/>
      <c r="W2328" s="55"/>
      <c r="X2328" s="55"/>
      <c r="Y2328" s="55"/>
      <c r="Z2328" s="55"/>
      <c r="AA2328" s="55"/>
      <c r="AB2328" s="55"/>
      <c r="AC2328" s="55"/>
      <c r="AD2328" s="55"/>
      <c r="AE2328" s="55"/>
      <c r="AF2328" s="55"/>
      <c r="AG2328" s="55"/>
      <c r="AY2328" s="162"/>
      <c r="AZ2328" s="162"/>
      <c r="BA2328" s="162"/>
      <c r="BB2328" s="162"/>
      <c r="BC2328" s="162"/>
      <c r="BD2328" s="162"/>
      <c r="BE2328" s="162"/>
      <c r="BF2328" s="162"/>
      <c r="BG2328" s="162"/>
      <c r="BH2328" s="162"/>
      <c r="BI2328" s="162"/>
      <c r="BJ2328" s="162"/>
      <c r="BK2328" s="162"/>
      <c r="BL2328" s="162"/>
      <c r="BM2328" s="162"/>
      <c r="BN2328" s="162"/>
      <c r="BO2328" s="162"/>
      <c r="BP2328" s="162"/>
      <c r="BQ2328" s="162"/>
      <c r="BR2328" s="162"/>
      <c r="BS2328" s="162"/>
      <c r="BT2328" s="162"/>
      <c r="BU2328" s="162"/>
      <c r="BV2328" s="162"/>
      <c r="BW2328" s="162"/>
      <c r="BX2328" s="162"/>
      <c r="BY2328" s="162"/>
      <c r="BZ2328" s="162"/>
      <c r="CA2328" s="162"/>
      <c r="CB2328" s="162"/>
      <c r="CC2328" s="162"/>
      <c r="CD2328" s="162"/>
      <c r="CE2328" s="162"/>
      <c r="CF2328" s="162"/>
      <c r="CG2328" s="162"/>
      <c r="CH2328" s="162"/>
      <c r="CI2328" s="162"/>
      <c r="CJ2328" s="162"/>
      <c r="CK2328" s="162"/>
      <c r="CX2328" s="98"/>
      <c r="DL2328" s="97"/>
      <c r="DX2328" s="98"/>
      <c r="EL2328" s="97"/>
      <c r="EX2328" s="98"/>
      <c r="EY2328" s="97"/>
      <c r="FL2328" s="126"/>
      <c r="FM2328" s="91"/>
      <c r="FN2328" s="91"/>
      <c r="FO2328" s="91"/>
      <c r="FP2328" s="91"/>
      <c r="FQ2328" s="91"/>
      <c r="FR2328" s="91"/>
      <c r="FS2328" s="91"/>
      <c r="FT2328" s="91"/>
      <c r="FU2328" s="91"/>
      <c r="FV2328" s="91"/>
      <c r="FW2328" s="91"/>
      <c r="FX2328" s="91"/>
      <c r="FY2328" s="91"/>
      <c r="FZ2328" s="91"/>
      <c r="GA2328" s="91"/>
      <c r="GB2328" s="91"/>
      <c r="GC2328" s="91"/>
      <c r="GD2328" s="91"/>
      <c r="GE2328" s="91"/>
      <c r="GF2328" s="91"/>
      <c r="GG2328" s="91"/>
      <c r="GH2328" s="91"/>
      <c r="GI2328" s="91"/>
      <c r="GJ2328" s="91"/>
      <c r="GK2328" s="127"/>
      <c r="GL2328" s="126"/>
      <c r="GM2328" s="91"/>
      <c r="GN2328" s="91"/>
      <c r="GO2328" s="91"/>
      <c r="GP2328" s="91"/>
      <c r="GQ2328" s="91"/>
      <c r="GR2328" s="91"/>
      <c r="GS2328" s="91"/>
      <c r="GT2328" s="91"/>
      <c r="GU2328" s="91"/>
      <c r="GV2328" s="91"/>
      <c r="GW2328" s="91"/>
      <c r="GX2328" s="91"/>
      <c r="GY2328" s="91"/>
      <c r="GZ2328" s="91"/>
      <c r="HA2328" s="91"/>
      <c r="HB2328" s="91"/>
      <c r="HC2328" s="91"/>
      <c r="HD2328" s="91"/>
      <c r="HE2328" s="91"/>
      <c r="HF2328" s="91"/>
      <c r="HG2328" s="91"/>
      <c r="HH2328" s="91"/>
      <c r="HI2328" s="91"/>
      <c r="HJ2328" s="91"/>
      <c r="HK2328" s="127"/>
      <c r="HL2328" s="126"/>
      <c r="HM2328" s="91"/>
      <c r="HN2328" s="91"/>
      <c r="HO2328" s="91"/>
      <c r="HP2328" s="91"/>
      <c r="HQ2328" s="91"/>
      <c r="HR2328" s="91"/>
      <c r="HS2328" s="91"/>
      <c r="HT2328" s="91"/>
      <c r="HU2328" s="91"/>
      <c r="HV2328" s="91"/>
      <c r="HW2328" s="91"/>
      <c r="HX2328" s="91"/>
      <c r="HY2328" s="91"/>
      <c r="HZ2328" s="91"/>
      <c r="IA2328" s="91"/>
      <c r="IB2328" s="91"/>
      <c r="IC2328" s="91"/>
      <c r="ID2328" s="91"/>
      <c r="IE2328" s="91"/>
      <c r="IF2328" s="91"/>
      <c r="IG2328" s="91"/>
      <c r="IH2328" s="91"/>
      <c r="II2328" s="91"/>
      <c r="IJ2328" s="91"/>
      <c r="IK2328" s="127"/>
    </row>
    <row r="2329" spans="2:245" x14ac:dyDescent="0.2">
      <c r="B2329" s="43"/>
      <c r="C2329" s="73"/>
      <c r="D2329" s="64"/>
      <c r="E2329" s="64"/>
      <c r="F2329" s="55"/>
      <c r="G2329" s="102"/>
      <c r="H2329" s="55"/>
      <c r="I2329" s="55"/>
      <c r="J2329" s="55"/>
      <c r="K2329" s="55"/>
      <c r="L2329" s="55"/>
      <c r="M2329" s="55"/>
      <c r="N2329" s="55"/>
      <c r="O2329" s="55"/>
      <c r="P2329" s="55"/>
      <c r="Q2329" s="55"/>
      <c r="R2329" s="55"/>
      <c r="S2329" s="55"/>
      <c r="T2329" s="55"/>
      <c r="U2329" s="55"/>
      <c r="V2329" s="55"/>
      <c r="W2329" s="55"/>
      <c r="X2329" s="55"/>
      <c r="Y2329" s="55"/>
      <c r="Z2329" s="55"/>
      <c r="AA2329" s="55"/>
      <c r="AB2329" s="55"/>
      <c r="AC2329" s="55"/>
      <c r="AD2329" s="55"/>
      <c r="AE2329" s="55"/>
      <c r="AF2329" s="55"/>
      <c r="AG2329" s="55"/>
      <c r="AY2329" s="162"/>
      <c r="AZ2329" s="162"/>
      <c r="BA2329" s="162"/>
      <c r="BB2329" s="162"/>
      <c r="BC2329" s="162"/>
      <c r="BD2329" s="162"/>
      <c r="BE2329" s="162"/>
      <c r="BF2329" s="162"/>
      <c r="BG2329" s="162"/>
      <c r="BH2329" s="162"/>
      <c r="BI2329" s="162"/>
      <c r="BJ2329" s="162"/>
      <c r="BK2329" s="162"/>
      <c r="BL2329" s="162"/>
      <c r="BM2329" s="162"/>
      <c r="BN2329" s="162"/>
      <c r="BO2329" s="162"/>
      <c r="BP2329" s="162"/>
      <c r="BQ2329" s="162"/>
      <c r="BR2329" s="162"/>
      <c r="BS2329" s="162"/>
      <c r="BT2329" s="162"/>
      <c r="BU2329" s="162"/>
      <c r="BV2329" s="162"/>
      <c r="BW2329" s="162"/>
      <c r="BX2329" s="162"/>
      <c r="BY2329" s="162"/>
      <c r="BZ2329" s="162"/>
      <c r="CA2329" s="162"/>
      <c r="CB2329" s="162"/>
      <c r="CC2329" s="162"/>
      <c r="CD2329" s="162"/>
      <c r="CE2329" s="162"/>
      <c r="CF2329" s="162"/>
      <c r="CG2329" s="162"/>
      <c r="CH2329" s="162"/>
      <c r="CI2329" s="162"/>
      <c r="CJ2329" s="162"/>
      <c r="CK2329" s="162"/>
      <c r="CX2329" s="98"/>
      <c r="DL2329" s="97"/>
      <c r="DX2329" s="98"/>
      <c r="EL2329" s="97"/>
      <c r="EX2329" s="98"/>
      <c r="EY2329" s="97"/>
      <c r="FL2329" s="126"/>
      <c r="FM2329" s="91"/>
      <c r="FN2329" s="91"/>
      <c r="FO2329" s="91"/>
      <c r="FP2329" s="91"/>
      <c r="FQ2329" s="91"/>
      <c r="FR2329" s="91"/>
      <c r="FS2329" s="91"/>
      <c r="FT2329" s="91"/>
      <c r="FU2329" s="91"/>
      <c r="FV2329" s="91"/>
      <c r="FW2329" s="91"/>
      <c r="FX2329" s="91"/>
      <c r="FY2329" s="91"/>
      <c r="FZ2329" s="91"/>
      <c r="GA2329" s="91"/>
      <c r="GB2329" s="91"/>
      <c r="GC2329" s="91"/>
      <c r="GD2329" s="91"/>
      <c r="GE2329" s="91"/>
      <c r="GF2329" s="91"/>
      <c r="GG2329" s="91"/>
      <c r="GH2329" s="91"/>
      <c r="GI2329" s="91"/>
      <c r="GJ2329" s="91"/>
      <c r="GK2329" s="127"/>
      <c r="GL2329" s="126"/>
      <c r="GM2329" s="91"/>
      <c r="GN2329" s="91"/>
      <c r="GO2329" s="91"/>
      <c r="GP2329" s="91"/>
      <c r="GQ2329" s="91"/>
      <c r="GR2329" s="91"/>
      <c r="GS2329" s="91"/>
      <c r="GT2329" s="91"/>
      <c r="GU2329" s="91"/>
      <c r="GV2329" s="91"/>
      <c r="GW2329" s="91"/>
      <c r="GX2329" s="91"/>
      <c r="GY2329" s="91"/>
      <c r="GZ2329" s="91"/>
      <c r="HA2329" s="91"/>
      <c r="HB2329" s="91"/>
      <c r="HC2329" s="91"/>
      <c r="HD2329" s="91"/>
      <c r="HE2329" s="91"/>
      <c r="HF2329" s="91"/>
      <c r="HG2329" s="91"/>
      <c r="HH2329" s="91"/>
      <c r="HI2329" s="91"/>
      <c r="HJ2329" s="91"/>
      <c r="HK2329" s="127"/>
      <c r="HL2329" s="126"/>
      <c r="HM2329" s="91"/>
      <c r="HN2329" s="91"/>
      <c r="HO2329" s="91"/>
      <c r="HP2329" s="91"/>
      <c r="HQ2329" s="91"/>
      <c r="HR2329" s="91"/>
      <c r="HS2329" s="91"/>
      <c r="HT2329" s="91"/>
      <c r="HU2329" s="91"/>
      <c r="HV2329" s="91"/>
      <c r="HW2329" s="91"/>
      <c r="HX2329" s="91"/>
      <c r="HY2329" s="91"/>
      <c r="HZ2329" s="91"/>
      <c r="IA2329" s="91"/>
      <c r="IB2329" s="91"/>
      <c r="IC2329" s="91"/>
      <c r="ID2329" s="91"/>
      <c r="IE2329" s="91"/>
      <c r="IF2329" s="91"/>
      <c r="IG2329" s="91"/>
      <c r="IH2329" s="91"/>
      <c r="II2329" s="91"/>
      <c r="IJ2329" s="91"/>
      <c r="IK2329" s="127"/>
    </row>
    <row r="2330" spans="2:245" x14ac:dyDescent="0.2">
      <c r="B2330" s="43"/>
      <c r="C2330" s="73"/>
      <c r="D2330" s="64"/>
      <c r="E2330" s="64"/>
      <c r="F2330" s="55"/>
      <c r="G2330" s="102"/>
      <c r="H2330" s="55"/>
      <c r="I2330" s="55"/>
      <c r="J2330" s="55"/>
      <c r="K2330" s="55"/>
      <c r="L2330" s="55"/>
      <c r="M2330" s="55"/>
      <c r="N2330" s="55"/>
      <c r="O2330" s="55"/>
      <c r="P2330" s="55"/>
      <c r="Q2330" s="55"/>
      <c r="R2330" s="55"/>
      <c r="S2330" s="55"/>
      <c r="T2330" s="55"/>
      <c r="U2330" s="55"/>
      <c r="V2330" s="55"/>
      <c r="W2330" s="55"/>
      <c r="X2330" s="55"/>
      <c r="Y2330" s="55"/>
      <c r="Z2330" s="55"/>
      <c r="AA2330" s="55"/>
      <c r="AB2330" s="55"/>
      <c r="AC2330" s="55"/>
      <c r="AD2330" s="55"/>
      <c r="AE2330" s="55"/>
      <c r="AF2330" s="55"/>
      <c r="AG2330" s="55"/>
      <c r="AY2330" s="162"/>
      <c r="AZ2330" s="162"/>
      <c r="BA2330" s="162"/>
      <c r="BB2330" s="162"/>
      <c r="BC2330" s="162"/>
      <c r="BD2330" s="162"/>
      <c r="BE2330" s="162"/>
      <c r="BF2330" s="162"/>
      <c r="BG2330" s="162"/>
      <c r="BH2330" s="162"/>
      <c r="BI2330" s="162"/>
      <c r="BJ2330" s="162"/>
      <c r="BK2330" s="162"/>
      <c r="BL2330" s="162"/>
      <c r="BM2330" s="162"/>
      <c r="BN2330" s="162"/>
      <c r="BO2330" s="162"/>
      <c r="BP2330" s="162"/>
      <c r="BQ2330" s="162"/>
      <c r="BR2330" s="162"/>
      <c r="BS2330" s="162"/>
      <c r="BT2330" s="162"/>
      <c r="BU2330" s="162"/>
      <c r="BV2330" s="162"/>
      <c r="BW2330" s="162"/>
      <c r="BX2330" s="162"/>
      <c r="BY2330" s="162"/>
      <c r="BZ2330" s="162"/>
      <c r="CA2330" s="162"/>
      <c r="CB2330" s="162"/>
      <c r="CC2330" s="162"/>
      <c r="CD2330" s="162"/>
      <c r="CE2330" s="162"/>
      <c r="CF2330" s="162"/>
      <c r="CG2330" s="162"/>
      <c r="CH2330" s="162"/>
      <c r="CI2330" s="162"/>
      <c r="CJ2330" s="162"/>
      <c r="CK2330" s="162"/>
      <c r="CX2330" s="98"/>
      <c r="DL2330" s="97"/>
      <c r="DX2330" s="98"/>
      <c r="EL2330" s="97"/>
      <c r="EX2330" s="98"/>
      <c r="EY2330" s="97"/>
      <c r="FL2330" s="126"/>
      <c r="FM2330" s="91"/>
      <c r="FN2330" s="91"/>
      <c r="FO2330" s="91"/>
      <c r="FP2330" s="91"/>
      <c r="FQ2330" s="91"/>
      <c r="FR2330" s="91"/>
      <c r="FS2330" s="91"/>
      <c r="FT2330" s="91"/>
      <c r="FU2330" s="91"/>
      <c r="FV2330" s="91"/>
      <c r="FW2330" s="91"/>
      <c r="FX2330" s="91"/>
      <c r="FY2330" s="91"/>
      <c r="FZ2330" s="91"/>
      <c r="GA2330" s="91"/>
      <c r="GB2330" s="91"/>
      <c r="GC2330" s="91"/>
      <c r="GD2330" s="91"/>
      <c r="GE2330" s="91"/>
      <c r="GF2330" s="91"/>
      <c r="GG2330" s="91"/>
      <c r="GH2330" s="91"/>
      <c r="GI2330" s="91"/>
      <c r="GJ2330" s="91"/>
      <c r="GK2330" s="127"/>
      <c r="GL2330" s="126"/>
      <c r="GM2330" s="91"/>
      <c r="GN2330" s="91"/>
      <c r="GO2330" s="91"/>
      <c r="GP2330" s="91"/>
      <c r="GQ2330" s="91"/>
      <c r="GR2330" s="91"/>
      <c r="GS2330" s="91"/>
      <c r="GT2330" s="91"/>
      <c r="GU2330" s="91"/>
      <c r="GV2330" s="91"/>
      <c r="GW2330" s="91"/>
      <c r="GX2330" s="91"/>
      <c r="GY2330" s="91"/>
      <c r="GZ2330" s="91"/>
      <c r="HA2330" s="91"/>
      <c r="HB2330" s="91"/>
      <c r="HC2330" s="91"/>
      <c r="HD2330" s="91"/>
      <c r="HE2330" s="91"/>
      <c r="HF2330" s="91"/>
      <c r="HG2330" s="91"/>
      <c r="HH2330" s="91"/>
      <c r="HI2330" s="91"/>
      <c r="HJ2330" s="91"/>
      <c r="HK2330" s="127"/>
      <c r="HL2330" s="126"/>
      <c r="HM2330" s="91"/>
      <c r="HN2330" s="91"/>
      <c r="HO2330" s="91"/>
      <c r="HP2330" s="91"/>
      <c r="HQ2330" s="91"/>
      <c r="HR2330" s="91"/>
      <c r="HS2330" s="91"/>
      <c r="HT2330" s="91"/>
      <c r="HU2330" s="91"/>
      <c r="HV2330" s="91"/>
      <c r="HW2330" s="91"/>
      <c r="HX2330" s="91"/>
      <c r="HY2330" s="91"/>
      <c r="HZ2330" s="91"/>
      <c r="IA2330" s="91"/>
      <c r="IB2330" s="91"/>
      <c r="IC2330" s="91"/>
      <c r="ID2330" s="91"/>
      <c r="IE2330" s="91"/>
      <c r="IF2330" s="91"/>
      <c r="IG2330" s="91"/>
      <c r="IH2330" s="91"/>
      <c r="II2330" s="91"/>
      <c r="IJ2330" s="91"/>
      <c r="IK2330" s="127"/>
    </row>
    <row r="2331" spans="2:245" x14ac:dyDescent="0.2">
      <c r="B2331" s="43"/>
      <c r="C2331" s="73"/>
      <c r="D2331" s="64"/>
      <c r="E2331" s="64"/>
      <c r="F2331" s="55"/>
      <c r="G2331" s="102"/>
      <c r="H2331" s="55"/>
      <c r="I2331" s="55"/>
      <c r="J2331" s="55"/>
      <c r="K2331" s="55"/>
      <c r="L2331" s="55"/>
      <c r="M2331" s="55"/>
      <c r="N2331" s="55"/>
      <c r="O2331" s="55"/>
      <c r="P2331" s="55"/>
      <c r="Q2331" s="55"/>
      <c r="R2331" s="55"/>
      <c r="S2331" s="55"/>
      <c r="T2331" s="55"/>
      <c r="U2331" s="55"/>
      <c r="V2331" s="55"/>
      <c r="W2331" s="55"/>
      <c r="X2331" s="55"/>
      <c r="Y2331" s="55"/>
      <c r="Z2331" s="55"/>
      <c r="AA2331" s="55"/>
      <c r="AB2331" s="55"/>
      <c r="AC2331" s="55"/>
      <c r="AD2331" s="55"/>
      <c r="AE2331" s="55"/>
      <c r="AF2331" s="55"/>
      <c r="AG2331" s="55"/>
      <c r="AY2331" s="162"/>
      <c r="AZ2331" s="162"/>
      <c r="BA2331" s="162"/>
      <c r="BB2331" s="162"/>
      <c r="BC2331" s="162"/>
      <c r="BD2331" s="162"/>
      <c r="BE2331" s="162"/>
      <c r="BF2331" s="162"/>
      <c r="BG2331" s="162"/>
      <c r="BH2331" s="162"/>
      <c r="BI2331" s="162"/>
      <c r="BJ2331" s="162"/>
      <c r="BK2331" s="162"/>
      <c r="BL2331" s="162"/>
      <c r="BM2331" s="162"/>
      <c r="BN2331" s="162"/>
      <c r="BO2331" s="162"/>
      <c r="BP2331" s="162"/>
      <c r="BQ2331" s="162"/>
      <c r="BR2331" s="162"/>
      <c r="BS2331" s="162"/>
      <c r="BT2331" s="162"/>
      <c r="BU2331" s="162"/>
      <c r="BV2331" s="162"/>
      <c r="BW2331" s="162"/>
      <c r="BX2331" s="162"/>
      <c r="BY2331" s="162"/>
      <c r="BZ2331" s="162"/>
      <c r="CA2331" s="162"/>
      <c r="CB2331" s="162"/>
      <c r="CC2331" s="162"/>
      <c r="CD2331" s="162"/>
      <c r="CE2331" s="162"/>
      <c r="CF2331" s="162"/>
      <c r="CG2331" s="162"/>
      <c r="CH2331" s="162"/>
      <c r="CI2331" s="162"/>
      <c r="CJ2331" s="162"/>
      <c r="CK2331" s="162"/>
      <c r="CX2331" s="98"/>
      <c r="DL2331" s="97"/>
      <c r="DX2331" s="98"/>
      <c r="EL2331" s="97"/>
      <c r="EX2331" s="98"/>
      <c r="EY2331" s="97"/>
      <c r="FL2331" s="126"/>
      <c r="FM2331" s="91"/>
      <c r="FN2331" s="91"/>
      <c r="FO2331" s="91"/>
      <c r="FP2331" s="91"/>
      <c r="FQ2331" s="91"/>
      <c r="FR2331" s="91"/>
      <c r="FS2331" s="91"/>
      <c r="FT2331" s="91"/>
      <c r="FU2331" s="91"/>
      <c r="FV2331" s="91"/>
      <c r="FW2331" s="91"/>
      <c r="FX2331" s="91"/>
      <c r="FY2331" s="91"/>
      <c r="FZ2331" s="91"/>
      <c r="GA2331" s="91"/>
      <c r="GB2331" s="91"/>
      <c r="GC2331" s="91"/>
      <c r="GD2331" s="91"/>
      <c r="GE2331" s="91"/>
      <c r="GF2331" s="91"/>
      <c r="GG2331" s="91"/>
      <c r="GH2331" s="91"/>
      <c r="GI2331" s="91"/>
      <c r="GJ2331" s="91"/>
      <c r="GK2331" s="127"/>
      <c r="GL2331" s="126"/>
      <c r="GM2331" s="91"/>
      <c r="GN2331" s="91"/>
      <c r="GO2331" s="91"/>
      <c r="GP2331" s="91"/>
      <c r="GQ2331" s="91"/>
      <c r="GR2331" s="91"/>
      <c r="GS2331" s="91"/>
      <c r="GT2331" s="91"/>
      <c r="GU2331" s="91"/>
      <c r="GV2331" s="91"/>
      <c r="GW2331" s="91"/>
      <c r="GX2331" s="91"/>
      <c r="GY2331" s="91"/>
      <c r="GZ2331" s="91"/>
      <c r="HA2331" s="91"/>
      <c r="HB2331" s="91"/>
      <c r="HC2331" s="91"/>
      <c r="HD2331" s="91"/>
      <c r="HE2331" s="91"/>
      <c r="HF2331" s="91"/>
      <c r="HG2331" s="91"/>
      <c r="HH2331" s="91"/>
      <c r="HI2331" s="91"/>
      <c r="HJ2331" s="91"/>
      <c r="HK2331" s="127"/>
      <c r="HL2331" s="126"/>
      <c r="HM2331" s="91"/>
      <c r="HN2331" s="91"/>
      <c r="HO2331" s="91"/>
      <c r="HP2331" s="91"/>
      <c r="HQ2331" s="91"/>
      <c r="HR2331" s="91"/>
      <c r="HS2331" s="91"/>
      <c r="HT2331" s="91"/>
      <c r="HU2331" s="91"/>
      <c r="HV2331" s="91"/>
      <c r="HW2331" s="91"/>
      <c r="HX2331" s="91"/>
      <c r="HY2331" s="91"/>
      <c r="HZ2331" s="91"/>
      <c r="IA2331" s="91"/>
      <c r="IB2331" s="91"/>
      <c r="IC2331" s="91"/>
      <c r="ID2331" s="91"/>
      <c r="IE2331" s="91"/>
      <c r="IF2331" s="91"/>
      <c r="IG2331" s="91"/>
      <c r="IH2331" s="91"/>
      <c r="II2331" s="91"/>
      <c r="IJ2331" s="91"/>
      <c r="IK2331" s="127"/>
    </row>
    <row r="2332" spans="2:245" x14ac:dyDescent="0.2">
      <c r="B2332" s="43"/>
      <c r="C2332" s="73"/>
      <c r="D2332" s="64"/>
      <c r="E2332" s="64"/>
      <c r="F2332" s="55"/>
      <c r="G2332" s="102"/>
      <c r="H2332" s="55"/>
      <c r="I2332" s="55"/>
      <c r="J2332" s="55"/>
      <c r="K2332" s="55"/>
      <c r="L2332" s="55"/>
      <c r="M2332" s="55"/>
      <c r="N2332" s="55"/>
      <c r="O2332" s="55"/>
      <c r="P2332" s="55"/>
      <c r="Q2332" s="55"/>
      <c r="R2332" s="55"/>
      <c r="S2332" s="55"/>
      <c r="T2332" s="55"/>
      <c r="U2332" s="55"/>
      <c r="V2332" s="55"/>
      <c r="W2332" s="55"/>
      <c r="X2332" s="55"/>
      <c r="Y2332" s="55"/>
      <c r="Z2332" s="55"/>
      <c r="AA2332" s="55"/>
      <c r="AB2332" s="55"/>
      <c r="AC2332" s="55"/>
      <c r="AD2332" s="55"/>
      <c r="AE2332" s="55"/>
      <c r="AF2332" s="55"/>
      <c r="AG2332" s="55"/>
      <c r="AY2332" s="162"/>
      <c r="AZ2332" s="162"/>
      <c r="BA2332" s="162"/>
      <c r="BB2332" s="162"/>
      <c r="BC2332" s="162"/>
      <c r="BD2332" s="162"/>
      <c r="BE2332" s="162"/>
      <c r="BF2332" s="162"/>
      <c r="BG2332" s="162"/>
      <c r="BH2332" s="162"/>
      <c r="BI2332" s="162"/>
      <c r="BJ2332" s="162"/>
      <c r="BK2332" s="162"/>
      <c r="BL2332" s="162"/>
      <c r="BM2332" s="162"/>
      <c r="BN2332" s="162"/>
      <c r="BO2332" s="162"/>
      <c r="BP2332" s="162"/>
      <c r="BQ2332" s="162"/>
      <c r="BR2332" s="162"/>
      <c r="BS2332" s="162"/>
      <c r="BT2332" s="162"/>
      <c r="BU2332" s="162"/>
      <c r="BV2332" s="162"/>
      <c r="BW2332" s="162"/>
      <c r="BX2332" s="162"/>
      <c r="BY2332" s="162"/>
      <c r="BZ2332" s="162"/>
      <c r="CA2332" s="162"/>
      <c r="CB2332" s="162"/>
      <c r="CC2332" s="162"/>
      <c r="CD2332" s="162"/>
      <c r="CE2332" s="162"/>
      <c r="CF2332" s="162"/>
      <c r="CG2332" s="162"/>
      <c r="CH2332" s="162"/>
      <c r="CI2332" s="162"/>
      <c r="CJ2332" s="162"/>
      <c r="CK2332" s="162"/>
      <c r="CX2332" s="98"/>
      <c r="DL2332" s="97"/>
      <c r="DX2332" s="98"/>
      <c r="EL2332" s="97"/>
      <c r="EX2332" s="98"/>
      <c r="EY2332" s="97"/>
      <c r="FL2332" s="126"/>
      <c r="FM2332" s="91"/>
      <c r="FN2332" s="91"/>
      <c r="FO2332" s="91"/>
      <c r="FP2332" s="91"/>
      <c r="FQ2332" s="91"/>
      <c r="FR2332" s="91"/>
      <c r="FS2332" s="91"/>
      <c r="FT2332" s="91"/>
      <c r="FU2332" s="91"/>
      <c r="FV2332" s="91"/>
      <c r="FW2332" s="91"/>
      <c r="FX2332" s="91"/>
      <c r="FY2332" s="91"/>
      <c r="FZ2332" s="91"/>
      <c r="GA2332" s="91"/>
      <c r="GB2332" s="91"/>
      <c r="GC2332" s="91"/>
      <c r="GD2332" s="91"/>
      <c r="GE2332" s="91"/>
      <c r="GF2332" s="91"/>
      <c r="GG2332" s="91"/>
      <c r="GH2332" s="91"/>
      <c r="GI2332" s="91"/>
      <c r="GJ2332" s="91"/>
      <c r="GK2332" s="127"/>
      <c r="GL2332" s="126"/>
      <c r="GM2332" s="91"/>
      <c r="GN2332" s="91"/>
      <c r="GO2332" s="91"/>
      <c r="GP2332" s="91"/>
      <c r="GQ2332" s="91"/>
      <c r="GR2332" s="91"/>
      <c r="GS2332" s="91"/>
      <c r="GT2332" s="91"/>
      <c r="GU2332" s="91"/>
      <c r="GV2332" s="91"/>
      <c r="GW2332" s="91"/>
      <c r="GX2332" s="91"/>
      <c r="GY2332" s="91"/>
      <c r="GZ2332" s="91"/>
      <c r="HA2332" s="91"/>
      <c r="HB2332" s="91"/>
      <c r="HC2332" s="91"/>
      <c r="HD2332" s="91"/>
      <c r="HE2332" s="91"/>
      <c r="HF2332" s="91"/>
      <c r="HG2332" s="91"/>
      <c r="HH2332" s="91"/>
      <c r="HI2332" s="91"/>
      <c r="HJ2332" s="91"/>
      <c r="HK2332" s="127"/>
      <c r="HL2332" s="126"/>
      <c r="HM2332" s="91"/>
      <c r="HN2332" s="91"/>
      <c r="HO2332" s="91"/>
      <c r="HP2332" s="91"/>
      <c r="HQ2332" s="91"/>
      <c r="HR2332" s="91"/>
      <c r="HS2332" s="91"/>
      <c r="HT2332" s="91"/>
      <c r="HU2332" s="91"/>
      <c r="HV2332" s="91"/>
      <c r="HW2332" s="91"/>
      <c r="HX2332" s="91"/>
      <c r="HY2332" s="91"/>
      <c r="HZ2332" s="91"/>
      <c r="IA2332" s="91"/>
      <c r="IB2332" s="91"/>
      <c r="IC2332" s="91"/>
      <c r="ID2332" s="91"/>
      <c r="IE2332" s="91"/>
      <c r="IF2332" s="91"/>
      <c r="IG2332" s="91"/>
      <c r="IH2332" s="91"/>
      <c r="II2332" s="91"/>
      <c r="IJ2332" s="91"/>
      <c r="IK2332" s="127"/>
    </row>
    <row r="2333" spans="2:245" x14ac:dyDescent="0.2">
      <c r="B2333" s="43"/>
      <c r="C2333" s="73"/>
      <c r="D2333" s="64"/>
      <c r="E2333" s="64"/>
      <c r="F2333" s="55"/>
      <c r="G2333" s="102"/>
      <c r="H2333" s="55"/>
      <c r="I2333" s="55"/>
      <c r="J2333" s="55"/>
      <c r="K2333" s="55"/>
      <c r="L2333" s="55"/>
      <c r="M2333" s="55"/>
      <c r="N2333" s="55"/>
      <c r="O2333" s="55"/>
      <c r="P2333" s="55"/>
      <c r="Q2333" s="55"/>
      <c r="R2333" s="55"/>
      <c r="S2333" s="55"/>
      <c r="T2333" s="55"/>
      <c r="U2333" s="55"/>
      <c r="V2333" s="55"/>
      <c r="W2333" s="55"/>
      <c r="X2333" s="55"/>
      <c r="Y2333" s="55"/>
      <c r="Z2333" s="55"/>
      <c r="AA2333" s="55"/>
      <c r="AB2333" s="55"/>
      <c r="AC2333" s="55"/>
      <c r="AD2333" s="55"/>
      <c r="AE2333" s="55"/>
      <c r="AF2333" s="55"/>
      <c r="AG2333" s="55"/>
      <c r="AY2333" s="162"/>
      <c r="AZ2333" s="162"/>
      <c r="BA2333" s="162"/>
      <c r="BB2333" s="162"/>
      <c r="BC2333" s="162"/>
      <c r="BD2333" s="162"/>
      <c r="BE2333" s="162"/>
      <c r="BF2333" s="162"/>
      <c r="BG2333" s="162"/>
      <c r="BH2333" s="162"/>
      <c r="BI2333" s="162"/>
      <c r="BJ2333" s="162"/>
      <c r="BK2333" s="162"/>
      <c r="BL2333" s="162"/>
      <c r="BM2333" s="162"/>
      <c r="BN2333" s="162"/>
      <c r="BO2333" s="162"/>
      <c r="BP2333" s="162"/>
      <c r="BQ2333" s="162"/>
      <c r="BR2333" s="162"/>
      <c r="BS2333" s="162"/>
      <c r="BT2333" s="162"/>
      <c r="BU2333" s="162"/>
      <c r="BV2333" s="162"/>
      <c r="BW2333" s="162"/>
      <c r="BX2333" s="162"/>
      <c r="BY2333" s="162"/>
      <c r="BZ2333" s="162"/>
      <c r="CA2333" s="162"/>
      <c r="CB2333" s="162"/>
      <c r="CC2333" s="162"/>
      <c r="CD2333" s="162"/>
      <c r="CE2333" s="162"/>
      <c r="CF2333" s="162"/>
      <c r="CG2333" s="162"/>
      <c r="CH2333" s="162"/>
      <c r="CI2333" s="162"/>
      <c r="CJ2333" s="162"/>
      <c r="CK2333" s="162"/>
      <c r="CX2333" s="98"/>
      <c r="DL2333" s="97"/>
      <c r="DX2333" s="98"/>
      <c r="EL2333" s="97"/>
      <c r="EX2333" s="98"/>
      <c r="EY2333" s="97"/>
      <c r="FL2333" s="126"/>
      <c r="FM2333" s="91"/>
      <c r="FN2333" s="91"/>
      <c r="FO2333" s="91"/>
      <c r="FP2333" s="91"/>
      <c r="FQ2333" s="91"/>
      <c r="FR2333" s="91"/>
      <c r="FS2333" s="91"/>
      <c r="FT2333" s="91"/>
      <c r="FU2333" s="91"/>
      <c r="FV2333" s="91"/>
      <c r="FW2333" s="91"/>
      <c r="FX2333" s="91"/>
      <c r="FY2333" s="91"/>
      <c r="FZ2333" s="91"/>
      <c r="GA2333" s="91"/>
      <c r="GB2333" s="91"/>
      <c r="GC2333" s="91"/>
      <c r="GD2333" s="91"/>
      <c r="GE2333" s="91"/>
      <c r="GF2333" s="91"/>
      <c r="GG2333" s="91"/>
      <c r="GH2333" s="91"/>
      <c r="GI2333" s="91"/>
      <c r="GJ2333" s="91"/>
      <c r="GK2333" s="127"/>
      <c r="GL2333" s="126"/>
      <c r="GM2333" s="91"/>
      <c r="GN2333" s="91"/>
      <c r="GO2333" s="91"/>
      <c r="GP2333" s="91"/>
      <c r="GQ2333" s="91"/>
      <c r="GR2333" s="91"/>
      <c r="GS2333" s="91"/>
      <c r="GT2333" s="91"/>
      <c r="GU2333" s="91"/>
      <c r="GV2333" s="91"/>
      <c r="GW2333" s="91"/>
      <c r="GX2333" s="91"/>
      <c r="GY2333" s="91"/>
      <c r="GZ2333" s="91"/>
      <c r="HA2333" s="91"/>
      <c r="HB2333" s="91"/>
      <c r="HC2333" s="91"/>
      <c r="HD2333" s="91"/>
      <c r="HE2333" s="91"/>
      <c r="HF2333" s="91"/>
      <c r="HG2333" s="91"/>
      <c r="HH2333" s="91"/>
      <c r="HI2333" s="91"/>
      <c r="HJ2333" s="91"/>
      <c r="HK2333" s="127"/>
      <c r="HL2333" s="126"/>
      <c r="HM2333" s="91"/>
      <c r="HN2333" s="91"/>
      <c r="HO2333" s="91"/>
      <c r="HP2333" s="91"/>
      <c r="HQ2333" s="91"/>
      <c r="HR2333" s="91"/>
      <c r="HS2333" s="91"/>
      <c r="HT2333" s="91"/>
      <c r="HU2333" s="91"/>
      <c r="HV2333" s="91"/>
      <c r="HW2333" s="91"/>
      <c r="HX2333" s="91"/>
      <c r="HY2333" s="91"/>
      <c r="HZ2333" s="91"/>
      <c r="IA2333" s="91"/>
      <c r="IB2333" s="91"/>
      <c r="IC2333" s="91"/>
      <c r="ID2333" s="91"/>
      <c r="IE2333" s="91"/>
      <c r="IF2333" s="91"/>
      <c r="IG2333" s="91"/>
      <c r="IH2333" s="91"/>
      <c r="II2333" s="91"/>
      <c r="IJ2333" s="91"/>
      <c r="IK2333" s="127"/>
    </row>
    <row r="2334" spans="2:245" x14ac:dyDescent="0.2">
      <c r="B2334" s="43"/>
      <c r="C2334" s="73"/>
      <c r="D2334" s="64"/>
      <c r="E2334" s="64"/>
      <c r="F2334" s="55"/>
      <c r="G2334" s="102"/>
      <c r="H2334" s="55"/>
      <c r="I2334" s="55"/>
      <c r="J2334" s="55"/>
      <c r="K2334" s="55"/>
      <c r="L2334" s="55"/>
      <c r="M2334" s="55"/>
      <c r="N2334" s="55"/>
      <c r="O2334" s="55"/>
      <c r="P2334" s="55"/>
      <c r="Q2334" s="55"/>
      <c r="R2334" s="55"/>
      <c r="S2334" s="55"/>
      <c r="T2334" s="55"/>
      <c r="U2334" s="55"/>
      <c r="V2334" s="55"/>
      <c r="W2334" s="55"/>
      <c r="X2334" s="55"/>
      <c r="Y2334" s="55"/>
      <c r="Z2334" s="55"/>
      <c r="AA2334" s="55"/>
      <c r="AB2334" s="55"/>
      <c r="AC2334" s="55"/>
      <c r="AD2334" s="55"/>
      <c r="AE2334" s="55"/>
      <c r="AF2334" s="55"/>
      <c r="AG2334" s="55"/>
      <c r="AY2334" s="162"/>
      <c r="AZ2334" s="162"/>
      <c r="BA2334" s="162"/>
      <c r="BB2334" s="162"/>
      <c r="BC2334" s="162"/>
      <c r="BD2334" s="162"/>
      <c r="BE2334" s="162"/>
      <c r="BF2334" s="162"/>
      <c r="BG2334" s="162"/>
      <c r="BH2334" s="162"/>
      <c r="BI2334" s="162"/>
      <c r="BJ2334" s="162"/>
      <c r="BK2334" s="162"/>
      <c r="BL2334" s="162"/>
      <c r="BM2334" s="162"/>
      <c r="BN2334" s="162"/>
      <c r="BO2334" s="162"/>
      <c r="BP2334" s="162"/>
      <c r="BQ2334" s="162"/>
      <c r="BR2334" s="162"/>
      <c r="BS2334" s="162"/>
      <c r="BT2334" s="162"/>
      <c r="BU2334" s="162"/>
      <c r="BV2334" s="162"/>
      <c r="BW2334" s="162"/>
      <c r="BX2334" s="162"/>
      <c r="BY2334" s="162"/>
      <c r="BZ2334" s="162"/>
      <c r="CA2334" s="162"/>
      <c r="CB2334" s="162"/>
      <c r="CC2334" s="162"/>
      <c r="CD2334" s="162"/>
      <c r="CE2334" s="162"/>
      <c r="CF2334" s="162"/>
      <c r="CG2334" s="162"/>
      <c r="CH2334" s="162"/>
      <c r="CI2334" s="162"/>
      <c r="CJ2334" s="162"/>
      <c r="CK2334" s="162"/>
      <c r="CX2334" s="98"/>
      <c r="DL2334" s="97"/>
      <c r="DX2334" s="98"/>
      <c r="EL2334" s="97"/>
      <c r="EX2334" s="98"/>
      <c r="EY2334" s="97"/>
      <c r="FL2334" s="126"/>
      <c r="FM2334" s="91"/>
      <c r="FN2334" s="91"/>
      <c r="FO2334" s="91"/>
      <c r="FP2334" s="91"/>
      <c r="FQ2334" s="91"/>
      <c r="FR2334" s="91"/>
      <c r="FS2334" s="91"/>
      <c r="FT2334" s="91"/>
      <c r="FU2334" s="91"/>
      <c r="FV2334" s="91"/>
      <c r="FW2334" s="91"/>
      <c r="FX2334" s="91"/>
      <c r="FY2334" s="91"/>
      <c r="FZ2334" s="91"/>
      <c r="GA2334" s="91"/>
      <c r="GB2334" s="91"/>
      <c r="GC2334" s="91"/>
      <c r="GD2334" s="91"/>
      <c r="GE2334" s="91"/>
      <c r="GF2334" s="91"/>
      <c r="GG2334" s="91"/>
      <c r="GH2334" s="91"/>
      <c r="GI2334" s="91"/>
      <c r="GJ2334" s="91"/>
      <c r="GK2334" s="127"/>
      <c r="GL2334" s="126"/>
      <c r="GM2334" s="91"/>
      <c r="GN2334" s="91"/>
      <c r="GO2334" s="91"/>
      <c r="GP2334" s="91"/>
      <c r="GQ2334" s="91"/>
      <c r="GR2334" s="91"/>
      <c r="GS2334" s="91"/>
      <c r="GT2334" s="91"/>
      <c r="GU2334" s="91"/>
      <c r="GV2334" s="91"/>
      <c r="GW2334" s="91"/>
      <c r="GX2334" s="91"/>
      <c r="GY2334" s="91"/>
      <c r="GZ2334" s="91"/>
      <c r="HA2334" s="91"/>
      <c r="HB2334" s="91"/>
      <c r="HC2334" s="91"/>
      <c r="HD2334" s="91"/>
      <c r="HE2334" s="91"/>
      <c r="HF2334" s="91"/>
      <c r="HG2334" s="91"/>
      <c r="HH2334" s="91"/>
      <c r="HI2334" s="91"/>
      <c r="HJ2334" s="91"/>
      <c r="HK2334" s="127"/>
      <c r="HL2334" s="126"/>
      <c r="HM2334" s="91"/>
      <c r="HN2334" s="91"/>
      <c r="HO2334" s="91"/>
      <c r="HP2334" s="91"/>
      <c r="HQ2334" s="91"/>
      <c r="HR2334" s="91"/>
      <c r="HS2334" s="91"/>
      <c r="HT2334" s="91"/>
      <c r="HU2334" s="91"/>
      <c r="HV2334" s="91"/>
      <c r="HW2334" s="91"/>
      <c r="HX2334" s="91"/>
      <c r="HY2334" s="91"/>
      <c r="HZ2334" s="91"/>
      <c r="IA2334" s="91"/>
      <c r="IB2334" s="91"/>
      <c r="IC2334" s="91"/>
      <c r="ID2334" s="91"/>
      <c r="IE2334" s="91"/>
      <c r="IF2334" s="91"/>
      <c r="IG2334" s="91"/>
      <c r="IH2334" s="91"/>
      <c r="II2334" s="91"/>
      <c r="IJ2334" s="91"/>
      <c r="IK2334" s="127"/>
    </row>
    <row r="2335" spans="2:245" x14ac:dyDescent="0.2">
      <c r="B2335" s="43"/>
      <c r="C2335" s="73"/>
      <c r="D2335" s="64"/>
      <c r="E2335" s="64"/>
      <c r="F2335" s="55"/>
      <c r="G2335" s="102"/>
      <c r="H2335" s="55"/>
      <c r="I2335" s="55"/>
      <c r="J2335" s="55"/>
      <c r="K2335" s="55"/>
      <c r="L2335" s="55"/>
      <c r="M2335" s="55"/>
      <c r="N2335" s="55"/>
      <c r="O2335" s="55"/>
      <c r="P2335" s="55"/>
      <c r="Q2335" s="55"/>
      <c r="R2335" s="55"/>
      <c r="S2335" s="55"/>
      <c r="T2335" s="55"/>
      <c r="U2335" s="55"/>
      <c r="V2335" s="55"/>
      <c r="W2335" s="55"/>
      <c r="X2335" s="55"/>
      <c r="Y2335" s="55"/>
      <c r="Z2335" s="55"/>
      <c r="AA2335" s="55"/>
      <c r="AB2335" s="55"/>
      <c r="AC2335" s="55"/>
      <c r="AD2335" s="55"/>
      <c r="AE2335" s="55"/>
      <c r="AF2335" s="55"/>
      <c r="AG2335" s="55"/>
      <c r="AY2335" s="162"/>
      <c r="AZ2335" s="162"/>
      <c r="BA2335" s="162"/>
      <c r="BB2335" s="162"/>
      <c r="BC2335" s="162"/>
      <c r="BD2335" s="162"/>
      <c r="BE2335" s="162"/>
      <c r="BF2335" s="162"/>
      <c r="BG2335" s="162"/>
      <c r="BH2335" s="162"/>
      <c r="BI2335" s="162"/>
      <c r="BJ2335" s="162"/>
      <c r="BK2335" s="162"/>
      <c r="BL2335" s="162"/>
      <c r="BM2335" s="162"/>
      <c r="BN2335" s="162"/>
      <c r="BO2335" s="162"/>
      <c r="BP2335" s="162"/>
      <c r="BQ2335" s="162"/>
      <c r="BR2335" s="162"/>
      <c r="BS2335" s="162"/>
      <c r="BT2335" s="162"/>
      <c r="BU2335" s="162"/>
      <c r="BV2335" s="162"/>
      <c r="BW2335" s="162"/>
      <c r="BX2335" s="162"/>
      <c r="BY2335" s="162"/>
      <c r="BZ2335" s="162"/>
      <c r="CA2335" s="162"/>
      <c r="CB2335" s="162"/>
      <c r="CC2335" s="162"/>
      <c r="CD2335" s="162"/>
      <c r="CE2335" s="162"/>
      <c r="CF2335" s="162"/>
      <c r="CG2335" s="162"/>
      <c r="CH2335" s="162"/>
      <c r="CI2335" s="162"/>
      <c r="CJ2335" s="162"/>
      <c r="CK2335" s="162"/>
      <c r="CX2335" s="98"/>
      <c r="DL2335" s="97"/>
      <c r="DX2335" s="98"/>
      <c r="EL2335" s="97"/>
      <c r="EX2335" s="98"/>
      <c r="EY2335" s="97"/>
      <c r="FL2335" s="126"/>
      <c r="FM2335" s="91"/>
      <c r="FN2335" s="91"/>
      <c r="FO2335" s="91"/>
      <c r="FP2335" s="91"/>
      <c r="FQ2335" s="91"/>
      <c r="FR2335" s="91"/>
      <c r="FS2335" s="91"/>
      <c r="FT2335" s="91"/>
      <c r="FU2335" s="91"/>
      <c r="FV2335" s="91"/>
      <c r="FW2335" s="91"/>
      <c r="FX2335" s="91"/>
      <c r="FY2335" s="91"/>
      <c r="FZ2335" s="91"/>
      <c r="GA2335" s="91"/>
      <c r="GB2335" s="91"/>
      <c r="GC2335" s="91"/>
      <c r="GD2335" s="91"/>
      <c r="GE2335" s="91"/>
      <c r="GF2335" s="91"/>
      <c r="GG2335" s="91"/>
      <c r="GH2335" s="91"/>
      <c r="GI2335" s="91"/>
      <c r="GJ2335" s="91"/>
      <c r="GK2335" s="127"/>
      <c r="GL2335" s="126"/>
      <c r="GM2335" s="91"/>
      <c r="GN2335" s="91"/>
      <c r="GO2335" s="91"/>
      <c r="GP2335" s="91"/>
      <c r="GQ2335" s="91"/>
      <c r="GR2335" s="91"/>
      <c r="GS2335" s="91"/>
      <c r="GT2335" s="91"/>
      <c r="GU2335" s="91"/>
      <c r="GV2335" s="91"/>
      <c r="GW2335" s="91"/>
      <c r="GX2335" s="91"/>
      <c r="GY2335" s="91"/>
      <c r="GZ2335" s="91"/>
      <c r="HA2335" s="91"/>
      <c r="HB2335" s="91"/>
      <c r="HC2335" s="91"/>
      <c r="HD2335" s="91"/>
      <c r="HE2335" s="91"/>
      <c r="HF2335" s="91"/>
      <c r="HG2335" s="91"/>
      <c r="HH2335" s="91"/>
      <c r="HI2335" s="91"/>
      <c r="HJ2335" s="91"/>
      <c r="HK2335" s="127"/>
      <c r="HL2335" s="126"/>
      <c r="HM2335" s="91"/>
      <c r="HN2335" s="91"/>
      <c r="HO2335" s="91"/>
      <c r="HP2335" s="91"/>
      <c r="HQ2335" s="91"/>
      <c r="HR2335" s="91"/>
      <c r="HS2335" s="91"/>
      <c r="HT2335" s="91"/>
      <c r="HU2335" s="91"/>
      <c r="HV2335" s="91"/>
      <c r="HW2335" s="91"/>
      <c r="HX2335" s="91"/>
      <c r="HY2335" s="91"/>
      <c r="HZ2335" s="91"/>
      <c r="IA2335" s="91"/>
      <c r="IB2335" s="91"/>
      <c r="IC2335" s="91"/>
      <c r="ID2335" s="91"/>
      <c r="IE2335" s="91"/>
      <c r="IF2335" s="91"/>
      <c r="IG2335" s="91"/>
      <c r="IH2335" s="91"/>
      <c r="II2335" s="91"/>
      <c r="IJ2335" s="91"/>
      <c r="IK2335" s="127"/>
    </row>
    <row r="2336" spans="2:245" x14ac:dyDescent="0.2">
      <c r="B2336" s="43"/>
      <c r="C2336" s="73"/>
      <c r="D2336" s="64"/>
      <c r="E2336" s="64"/>
      <c r="F2336" s="55"/>
      <c r="G2336" s="102"/>
      <c r="H2336" s="55"/>
      <c r="I2336" s="55"/>
      <c r="J2336" s="55"/>
      <c r="K2336" s="55"/>
      <c r="L2336" s="55"/>
      <c r="M2336" s="55"/>
      <c r="N2336" s="55"/>
      <c r="O2336" s="55"/>
      <c r="P2336" s="55"/>
      <c r="Q2336" s="55"/>
      <c r="R2336" s="55"/>
      <c r="S2336" s="55"/>
      <c r="T2336" s="55"/>
      <c r="U2336" s="55"/>
      <c r="V2336" s="55"/>
      <c r="W2336" s="55"/>
      <c r="X2336" s="55"/>
      <c r="Y2336" s="55"/>
      <c r="Z2336" s="55"/>
      <c r="AA2336" s="55"/>
      <c r="AB2336" s="55"/>
      <c r="AC2336" s="55"/>
      <c r="AD2336" s="55"/>
      <c r="AE2336" s="55"/>
      <c r="AF2336" s="55"/>
      <c r="AG2336" s="55"/>
      <c r="AY2336" s="162"/>
      <c r="AZ2336" s="162"/>
      <c r="BA2336" s="162"/>
      <c r="BB2336" s="162"/>
      <c r="BC2336" s="162"/>
      <c r="BD2336" s="162"/>
      <c r="BE2336" s="162"/>
      <c r="BF2336" s="162"/>
      <c r="BG2336" s="162"/>
      <c r="BH2336" s="162"/>
      <c r="BI2336" s="162"/>
      <c r="BJ2336" s="162"/>
      <c r="BK2336" s="162"/>
      <c r="BL2336" s="162"/>
      <c r="BM2336" s="162"/>
      <c r="BN2336" s="162"/>
      <c r="BO2336" s="162"/>
      <c r="BP2336" s="162"/>
      <c r="BQ2336" s="162"/>
      <c r="BR2336" s="162"/>
      <c r="BS2336" s="162"/>
      <c r="BT2336" s="162"/>
      <c r="BU2336" s="162"/>
      <c r="BV2336" s="162"/>
      <c r="BW2336" s="162"/>
      <c r="BX2336" s="162"/>
      <c r="BY2336" s="162"/>
      <c r="BZ2336" s="162"/>
      <c r="CA2336" s="162"/>
      <c r="CB2336" s="162"/>
      <c r="CC2336" s="162"/>
      <c r="CD2336" s="162"/>
      <c r="CE2336" s="162"/>
      <c r="CF2336" s="162"/>
      <c r="CG2336" s="162"/>
      <c r="CH2336" s="162"/>
      <c r="CI2336" s="162"/>
      <c r="CJ2336" s="162"/>
      <c r="CK2336" s="162"/>
      <c r="CX2336" s="98"/>
      <c r="DL2336" s="97"/>
      <c r="DX2336" s="98"/>
      <c r="EL2336" s="97"/>
      <c r="EX2336" s="98"/>
      <c r="EY2336" s="97"/>
      <c r="FL2336" s="126"/>
      <c r="FM2336" s="91"/>
      <c r="FN2336" s="91"/>
      <c r="FO2336" s="91"/>
      <c r="FP2336" s="91"/>
      <c r="FQ2336" s="91"/>
      <c r="FR2336" s="91"/>
      <c r="FS2336" s="91"/>
      <c r="FT2336" s="91"/>
      <c r="FU2336" s="91"/>
      <c r="FV2336" s="91"/>
      <c r="FW2336" s="91"/>
      <c r="FX2336" s="91"/>
      <c r="FY2336" s="91"/>
      <c r="FZ2336" s="91"/>
      <c r="GA2336" s="91"/>
      <c r="GB2336" s="91"/>
      <c r="GC2336" s="91"/>
      <c r="GD2336" s="91"/>
      <c r="GE2336" s="91"/>
      <c r="GF2336" s="91"/>
      <c r="GG2336" s="91"/>
      <c r="GH2336" s="91"/>
      <c r="GI2336" s="91"/>
      <c r="GJ2336" s="91"/>
      <c r="GK2336" s="127"/>
      <c r="GL2336" s="126"/>
      <c r="GM2336" s="91"/>
      <c r="GN2336" s="91"/>
      <c r="GO2336" s="91"/>
      <c r="GP2336" s="91"/>
      <c r="GQ2336" s="91"/>
      <c r="GR2336" s="91"/>
      <c r="GS2336" s="91"/>
      <c r="GT2336" s="91"/>
      <c r="GU2336" s="91"/>
      <c r="GV2336" s="91"/>
      <c r="GW2336" s="91"/>
      <c r="GX2336" s="91"/>
      <c r="GY2336" s="91"/>
      <c r="GZ2336" s="91"/>
      <c r="HA2336" s="91"/>
      <c r="HB2336" s="91"/>
      <c r="HC2336" s="91"/>
      <c r="HD2336" s="91"/>
      <c r="HE2336" s="91"/>
      <c r="HF2336" s="91"/>
      <c r="HG2336" s="91"/>
      <c r="HH2336" s="91"/>
      <c r="HI2336" s="91"/>
      <c r="HJ2336" s="91"/>
      <c r="HK2336" s="127"/>
      <c r="HL2336" s="126"/>
      <c r="HM2336" s="91"/>
      <c r="HN2336" s="91"/>
      <c r="HO2336" s="91"/>
      <c r="HP2336" s="91"/>
      <c r="HQ2336" s="91"/>
      <c r="HR2336" s="91"/>
      <c r="HS2336" s="91"/>
      <c r="HT2336" s="91"/>
      <c r="HU2336" s="91"/>
      <c r="HV2336" s="91"/>
      <c r="HW2336" s="91"/>
      <c r="HX2336" s="91"/>
      <c r="HY2336" s="91"/>
      <c r="HZ2336" s="91"/>
      <c r="IA2336" s="91"/>
      <c r="IB2336" s="91"/>
      <c r="IC2336" s="91"/>
      <c r="ID2336" s="91"/>
      <c r="IE2336" s="91"/>
      <c r="IF2336" s="91"/>
      <c r="IG2336" s="91"/>
      <c r="IH2336" s="91"/>
      <c r="II2336" s="91"/>
      <c r="IJ2336" s="91"/>
      <c r="IK2336" s="127"/>
    </row>
    <row r="2337" spans="2:245" x14ac:dyDescent="0.2">
      <c r="B2337" s="43"/>
      <c r="C2337" s="73"/>
      <c r="D2337" s="64"/>
      <c r="E2337" s="64"/>
      <c r="F2337" s="55"/>
      <c r="G2337" s="102"/>
      <c r="H2337" s="55"/>
      <c r="I2337" s="55"/>
      <c r="J2337" s="55"/>
      <c r="K2337" s="55"/>
      <c r="L2337" s="55"/>
      <c r="M2337" s="55"/>
      <c r="N2337" s="55"/>
      <c r="O2337" s="55"/>
      <c r="P2337" s="55"/>
      <c r="Q2337" s="55"/>
      <c r="R2337" s="55"/>
      <c r="S2337" s="55"/>
      <c r="T2337" s="55"/>
      <c r="U2337" s="55"/>
      <c r="V2337" s="55"/>
      <c r="W2337" s="55"/>
      <c r="X2337" s="55"/>
      <c r="Y2337" s="55"/>
      <c r="Z2337" s="55"/>
      <c r="AA2337" s="55"/>
      <c r="AB2337" s="55"/>
      <c r="AC2337" s="55"/>
      <c r="AD2337" s="55"/>
      <c r="AE2337" s="55"/>
      <c r="AF2337" s="55"/>
      <c r="AG2337" s="55"/>
      <c r="AY2337" s="162"/>
      <c r="AZ2337" s="162"/>
      <c r="BA2337" s="162"/>
      <c r="BB2337" s="162"/>
      <c r="BC2337" s="162"/>
      <c r="BD2337" s="162"/>
      <c r="BE2337" s="162"/>
      <c r="BF2337" s="162"/>
      <c r="BG2337" s="162"/>
      <c r="BH2337" s="162"/>
      <c r="BI2337" s="162"/>
      <c r="BJ2337" s="162"/>
      <c r="BK2337" s="162"/>
      <c r="BL2337" s="162"/>
      <c r="BM2337" s="162"/>
      <c r="BN2337" s="162"/>
      <c r="BO2337" s="162"/>
      <c r="BP2337" s="162"/>
      <c r="BQ2337" s="162"/>
      <c r="BR2337" s="162"/>
      <c r="BS2337" s="162"/>
      <c r="BT2337" s="162"/>
      <c r="BU2337" s="162"/>
      <c r="BV2337" s="162"/>
      <c r="BW2337" s="162"/>
      <c r="BX2337" s="162"/>
      <c r="BY2337" s="162"/>
      <c r="BZ2337" s="162"/>
      <c r="CA2337" s="162"/>
      <c r="CB2337" s="162"/>
      <c r="CC2337" s="162"/>
      <c r="CD2337" s="162"/>
      <c r="CE2337" s="162"/>
      <c r="CF2337" s="162"/>
      <c r="CG2337" s="162"/>
      <c r="CH2337" s="162"/>
      <c r="CI2337" s="162"/>
      <c r="CJ2337" s="162"/>
      <c r="CK2337" s="162"/>
      <c r="CX2337" s="98"/>
      <c r="DL2337" s="97"/>
      <c r="DX2337" s="98"/>
      <c r="EL2337" s="97"/>
      <c r="EX2337" s="98"/>
      <c r="EY2337" s="97"/>
      <c r="FL2337" s="126"/>
      <c r="FM2337" s="91"/>
      <c r="FN2337" s="91"/>
      <c r="FO2337" s="91"/>
      <c r="FP2337" s="91"/>
      <c r="FQ2337" s="91"/>
      <c r="FR2337" s="91"/>
      <c r="FS2337" s="91"/>
      <c r="FT2337" s="91"/>
      <c r="FU2337" s="91"/>
      <c r="FV2337" s="91"/>
      <c r="FW2337" s="91"/>
      <c r="FX2337" s="91"/>
      <c r="FY2337" s="91"/>
      <c r="FZ2337" s="91"/>
      <c r="GA2337" s="91"/>
      <c r="GB2337" s="91"/>
      <c r="GC2337" s="91"/>
      <c r="GD2337" s="91"/>
      <c r="GE2337" s="91"/>
      <c r="GF2337" s="91"/>
      <c r="GG2337" s="91"/>
      <c r="GH2337" s="91"/>
      <c r="GI2337" s="91"/>
      <c r="GJ2337" s="91"/>
      <c r="GK2337" s="127"/>
      <c r="GL2337" s="126"/>
      <c r="GM2337" s="91"/>
      <c r="GN2337" s="91"/>
      <c r="GO2337" s="91"/>
      <c r="GP2337" s="91"/>
      <c r="GQ2337" s="91"/>
      <c r="GR2337" s="91"/>
      <c r="GS2337" s="91"/>
      <c r="GT2337" s="91"/>
      <c r="GU2337" s="91"/>
      <c r="GV2337" s="91"/>
      <c r="GW2337" s="91"/>
      <c r="GX2337" s="91"/>
      <c r="GY2337" s="91"/>
      <c r="GZ2337" s="91"/>
      <c r="HA2337" s="91"/>
      <c r="HB2337" s="91"/>
      <c r="HC2337" s="91"/>
      <c r="HD2337" s="91"/>
      <c r="HE2337" s="91"/>
      <c r="HF2337" s="91"/>
      <c r="HG2337" s="91"/>
      <c r="HH2337" s="91"/>
      <c r="HI2337" s="91"/>
      <c r="HJ2337" s="91"/>
      <c r="HK2337" s="127"/>
      <c r="HL2337" s="126"/>
      <c r="HM2337" s="91"/>
      <c r="HN2337" s="91"/>
      <c r="HO2337" s="91"/>
      <c r="HP2337" s="91"/>
      <c r="HQ2337" s="91"/>
      <c r="HR2337" s="91"/>
      <c r="HS2337" s="91"/>
      <c r="HT2337" s="91"/>
      <c r="HU2337" s="91"/>
      <c r="HV2337" s="91"/>
      <c r="HW2337" s="91"/>
      <c r="HX2337" s="91"/>
      <c r="HY2337" s="91"/>
      <c r="HZ2337" s="91"/>
      <c r="IA2337" s="91"/>
      <c r="IB2337" s="91"/>
      <c r="IC2337" s="91"/>
      <c r="ID2337" s="91"/>
      <c r="IE2337" s="91"/>
      <c r="IF2337" s="91"/>
      <c r="IG2337" s="91"/>
      <c r="IH2337" s="91"/>
      <c r="II2337" s="91"/>
      <c r="IJ2337" s="91"/>
      <c r="IK2337" s="127"/>
    </row>
    <row r="2338" spans="2:245" x14ac:dyDescent="0.2">
      <c r="B2338" s="43"/>
      <c r="C2338" s="73"/>
      <c r="D2338" s="64"/>
      <c r="E2338" s="64"/>
      <c r="F2338" s="55"/>
      <c r="G2338" s="102"/>
      <c r="H2338" s="55"/>
      <c r="I2338" s="55"/>
      <c r="J2338" s="55"/>
      <c r="K2338" s="55"/>
      <c r="L2338" s="55"/>
      <c r="M2338" s="55"/>
      <c r="N2338" s="55"/>
      <c r="O2338" s="55"/>
      <c r="P2338" s="55"/>
      <c r="Q2338" s="55"/>
      <c r="R2338" s="55"/>
      <c r="S2338" s="55"/>
      <c r="T2338" s="55"/>
      <c r="U2338" s="55"/>
      <c r="V2338" s="55"/>
      <c r="W2338" s="55"/>
      <c r="X2338" s="55"/>
      <c r="Y2338" s="55"/>
      <c r="Z2338" s="55"/>
      <c r="AA2338" s="55"/>
      <c r="AB2338" s="55"/>
      <c r="AC2338" s="55"/>
      <c r="AD2338" s="55"/>
      <c r="AE2338" s="55"/>
      <c r="AF2338" s="55"/>
      <c r="AG2338" s="55"/>
      <c r="AY2338" s="162"/>
      <c r="AZ2338" s="162"/>
      <c r="BA2338" s="162"/>
      <c r="BB2338" s="162"/>
      <c r="BC2338" s="162"/>
      <c r="BD2338" s="162"/>
      <c r="BE2338" s="162"/>
      <c r="BF2338" s="162"/>
      <c r="BG2338" s="162"/>
      <c r="BH2338" s="162"/>
      <c r="BI2338" s="162"/>
      <c r="BJ2338" s="162"/>
      <c r="BK2338" s="162"/>
      <c r="BL2338" s="162"/>
      <c r="BM2338" s="162"/>
      <c r="BN2338" s="162"/>
      <c r="BO2338" s="162"/>
      <c r="BP2338" s="162"/>
      <c r="BQ2338" s="162"/>
      <c r="BR2338" s="162"/>
      <c r="BS2338" s="162"/>
      <c r="BT2338" s="162"/>
      <c r="BU2338" s="162"/>
      <c r="BV2338" s="162"/>
      <c r="BW2338" s="162"/>
      <c r="BX2338" s="162"/>
      <c r="BY2338" s="162"/>
      <c r="BZ2338" s="162"/>
      <c r="CA2338" s="162"/>
      <c r="CB2338" s="162"/>
      <c r="CC2338" s="162"/>
      <c r="CD2338" s="162"/>
      <c r="CE2338" s="162"/>
      <c r="CF2338" s="162"/>
      <c r="CG2338" s="162"/>
      <c r="CH2338" s="162"/>
      <c r="CI2338" s="162"/>
      <c r="CJ2338" s="162"/>
      <c r="CK2338" s="162"/>
      <c r="CX2338" s="98"/>
      <c r="DL2338" s="97"/>
      <c r="DX2338" s="98"/>
      <c r="EL2338" s="97"/>
      <c r="EX2338" s="98"/>
      <c r="EY2338" s="97"/>
      <c r="FL2338" s="126"/>
      <c r="FM2338" s="91"/>
      <c r="FN2338" s="91"/>
      <c r="FO2338" s="91"/>
      <c r="FP2338" s="91"/>
      <c r="FQ2338" s="91"/>
      <c r="FR2338" s="91"/>
      <c r="FS2338" s="91"/>
      <c r="FT2338" s="91"/>
      <c r="FU2338" s="91"/>
      <c r="FV2338" s="91"/>
      <c r="FW2338" s="91"/>
      <c r="FX2338" s="91"/>
      <c r="FY2338" s="91"/>
      <c r="FZ2338" s="91"/>
      <c r="GA2338" s="91"/>
      <c r="GB2338" s="91"/>
      <c r="GC2338" s="91"/>
      <c r="GD2338" s="91"/>
      <c r="GE2338" s="91"/>
      <c r="GF2338" s="91"/>
      <c r="GG2338" s="91"/>
      <c r="GH2338" s="91"/>
      <c r="GI2338" s="91"/>
      <c r="GJ2338" s="91"/>
      <c r="GK2338" s="127"/>
      <c r="GL2338" s="126"/>
      <c r="GM2338" s="91"/>
      <c r="GN2338" s="91"/>
      <c r="GO2338" s="91"/>
      <c r="GP2338" s="91"/>
      <c r="GQ2338" s="91"/>
      <c r="GR2338" s="91"/>
      <c r="GS2338" s="91"/>
      <c r="GT2338" s="91"/>
      <c r="GU2338" s="91"/>
      <c r="GV2338" s="91"/>
      <c r="GW2338" s="91"/>
      <c r="GX2338" s="91"/>
      <c r="GY2338" s="91"/>
      <c r="GZ2338" s="91"/>
      <c r="HA2338" s="91"/>
      <c r="HB2338" s="91"/>
      <c r="HC2338" s="91"/>
      <c r="HD2338" s="91"/>
      <c r="HE2338" s="91"/>
      <c r="HF2338" s="91"/>
      <c r="HG2338" s="91"/>
      <c r="HH2338" s="91"/>
      <c r="HI2338" s="91"/>
      <c r="HJ2338" s="91"/>
      <c r="HK2338" s="127"/>
      <c r="HL2338" s="126"/>
      <c r="HM2338" s="91"/>
      <c r="HN2338" s="91"/>
      <c r="HO2338" s="91"/>
      <c r="HP2338" s="91"/>
      <c r="HQ2338" s="91"/>
      <c r="HR2338" s="91"/>
      <c r="HS2338" s="91"/>
      <c r="HT2338" s="91"/>
      <c r="HU2338" s="91"/>
      <c r="HV2338" s="91"/>
      <c r="HW2338" s="91"/>
      <c r="HX2338" s="91"/>
      <c r="HY2338" s="91"/>
      <c r="HZ2338" s="91"/>
      <c r="IA2338" s="91"/>
      <c r="IB2338" s="91"/>
      <c r="IC2338" s="91"/>
      <c r="ID2338" s="91"/>
      <c r="IE2338" s="91"/>
      <c r="IF2338" s="91"/>
      <c r="IG2338" s="91"/>
      <c r="IH2338" s="91"/>
      <c r="II2338" s="91"/>
      <c r="IJ2338" s="91"/>
      <c r="IK2338" s="127"/>
    </row>
    <row r="2339" spans="2:245" x14ac:dyDescent="0.2">
      <c r="B2339" s="43"/>
      <c r="C2339" s="73"/>
      <c r="D2339" s="64"/>
      <c r="E2339" s="64"/>
      <c r="F2339" s="55"/>
      <c r="G2339" s="102"/>
      <c r="H2339" s="55"/>
      <c r="I2339" s="55"/>
      <c r="J2339" s="55"/>
      <c r="K2339" s="55"/>
      <c r="L2339" s="55"/>
      <c r="M2339" s="55"/>
      <c r="N2339" s="55"/>
      <c r="O2339" s="55"/>
      <c r="P2339" s="55"/>
      <c r="Q2339" s="55"/>
      <c r="R2339" s="55"/>
      <c r="S2339" s="55"/>
      <c r="T2339" s="55"/>
      <c r="U2339" s="55"/>
      <c r="V2339" s="55"/>
      <c r="W2339" s="55"/>
      <c r="X2339" s="55"/>
      <c r="Y2339" s="55"/>
      <c r="Z2339" s="55"/>
      <c r="AA2339" s="55"/>
      <c r="AB2339" s="55"/>
      <c r="AC2339" s="55"/>
      <c r="AD2339" s="55"/>
      <c r="AE2339" s="55"/>
      <c r="AF2339" s="55"/>
      <c r="AG2339" s="55"/>
      <c r="AY2339" s="162"/>
      <c r="AZ2339" s="162"/>
      <c r="BA2339" s="162"/>
      <c r="BB2339" s="162"/>
      <c r="BC2339" s="162"/>
      <c r="BD2339" s="162"/>
      <c r="BE2339" s="162"/>
      <c r="BF2339" s="162"/>
      <c r="BG2339" s="162"/>
      <c r="BH2339" s="162"/>
      <c r="BI2339" s="162"/>
      <c r="BJ2339" s="162"/>
      <c r="BK2339" s="162"/>
      <c r="BL2339" s="162"/>
      <c r="BM2339" s="162"/>
      <c r="BN2339" s="162"/>
      <c r="BO2339" s="162"/>
      <c r="BP2339" s="162"/>
      <c r="BQ2339" s="162"/>
      <c r="BR2339" s="162"/>
      <c r="BS2339" s="162"/>
      <c r="BT2339" s="162"/>
      <c r="BU2339" s="162"/>
      <c r="BV2339" s="162"/>
      <c r="BW2339" s="162"/>
      <c r="BX2339" s="162"/>
      <c r="BY2339" s="162"/>
      <c r="BZ2339" s="162"/>
      <c r="CA2339" s="162"/>
      <c r="CB2339" s="162"/>
      <c r="CC2339" s="162"/>
      <c r="CD2339" s="162"/>
      <c r="CE2339" s="162"/>
      <c r="CF2339" s="162"/>
      <c r="CG2339" s="162"/>
      <c r="CH2339" s="162"/>
      <c r="CI2339" s="162"/>
      <c r="CJ2339" s="162"/>
      <c r="CK2339" s="162"/>
      <c r="CX2339" s="98"/>
      <c r="DL2339" s="97"/>
      <c r="DX2339" s="98"/>
      <c r="EL2339" s="97"/>
      <c r="EX2339" s="98"/>
      <c r="EY2339" s="97"/>
      <c r="FL2339" s="126"/>
      <c r="FM2339" s="91"/>
      <c r="FN2339" s="91"/>
      <c r="FO2339" s="91"/>
      <c r="FP2339" s="91"/>
      <c r="FQ2339" s="91"/>
      <c r="FR2339" s="91"/>
      <c r="FS2339" s="91"/>
      <c r="FT2339" s="91"/>
      <c r="FU2339" s="91"/>
      <c r="FV2339" s="91"/>
      <c r="FW2339" s="91"/>
      <c r="FX2339" s="91"/>
      <c r="FY2339" s="91"/>
      <c r="FZ2339" s="91"/>
      <c r="GA2339" s="91"/>
      <c r="GB2339" s="91"/>
      <c r="GC2339" s="91"/>
      <c r="GD2339" s="91"/>
      <c r="GE2339" s="91"/>
      <c r="GF2339" s="91"/>
      <c r="GG2339" s="91"/>
      <c r="GH2339" s="91"/>
      <c r="GI2339" s="91"/>
      <c r="GJ2339" s="91"/>
      <c r="GK2339" s="127"/>
      <c r="GL2339" s="126"/>
      <c r="GM2339" s="91"/>
      <c r="GN2339" s="91"/>
      <c r="GO2339" s="91"/>
      <c r="GP2339" s="91"/>
      <c r="GQ2339" s="91"/>
      <c r="GR2339" s="91"/>
      <c r="GS2339" s="91"/>
      <c r="GT2339" s="91"/>
      <c r="GU2339" s="91"/>
      <c r="GV2339" s="91"/>
      <c r="GW2339" s="91"/>
      <c r="GX2339" s="91"/>
      <c r="GY2339" s="91"/>
      <c r="GZ2339" s="91"/>
      <c r="HA2339" s="91"/>
      <c r="HB2339" s="91"/>
      <c r="HC2339" s="91"/>
      <c r="HD2339" s="91"/>
      <c r="HE2339" s="91"/>
      <c r="HF2339" s="91"/>
      <c r="HG2339" s="91"/>
      <c r="HH2339" s="91"/>
      <c r="HI2339" s="91"/>
      <c r="HJ2339" s="91"/>
      <c r="HK2339" s="127"/>
      <c r="HL2339" s="126"/>
      <c r="HM2339" s="91"/>
      <c r="HN2339" s="91"/>
      <c r="HO2339" s="91"/>
      <c r="HP2339" s="91"/>
      <c r="HQ2339" s="91"/>
      <c r="HR2339" s="91"/>
      <c r="HS2339" s="91"/>
      <c r="HT2339" s="91"/>
      <c r="HU2339" s="91"/>
      <c r="HV2339" s="91"/>
      <c r="HW2339" s="91"/>
      <c r="HX2339" s="91"/>
      <c r="HY2339" s="91"/>
      <c r="HZ2339" s="91"/>
      <c r="IA2339" s="91"/>
      <c r="IB2339" s="91"/>
      <c r="IC2339" s="91"/>
      <c r="ID2339" s="91"/>
      <c r="IE2339" s="91"/>
      <c r="IF2339" s="91"/>
      <c r="IG2339" s="91"/>
      <c r="IH2339" s="91"/>
      <c r="II2339" s="91"/>
      <c r="IJ2339" s="91"/>
      <c r="IK2339" s="127"/>
    </row>
    <row r="2340" spans="2:245" x14ac:dyDescent="0.2">
      <c r="B2340" s="43"/>
      <c r="C2340" s="73"/>
      <c r="D2340" s="64"/>
      <c r="E2340" s="64"/>
      <c r="F2340" s="55"/>
      <c r="G2340" s="102"/>
      <c r="H2340" s="55"/>
      <c r="I2340" s="55"/>
      <c r="J2340" s="55"/>
      <c r="K2340" s="55"/>
      <c r="L2340" s="55"/>
      <c r="M2340" s="55"/>
      <c r="N2340" s="55"/>
      <c r="O2340" s="55"/>
      <c r="P2340" s="55"/>
      <c r="Q2340" s="55"/>
      <c r="R2340" s="55"/>
      <c r="S2340" s="55"/>
      <c r="T2340" s="55"/>
      <c r="U2340" s="55"/>
      <c r="V2340" s="55"/>
      <c r="W2340" s="55"/>
      <c r="X2340" s="55"/>
      <c r="Y2340" s="55"/>
      <c r="Z2340" s="55"/>
      <c r="AA2340" s="55"/>
      <c r="AB2340" s="55"/>
      <c r="AC2340" s="55"/>
      <c r="AD2340" s="55"/>
      <c r="AE2340" s="55"/>
      <c r="AF2340" s="55"/>
      <c r="AG2340" s="55"/>
      <c r="AY2340" s="162"/>
      <c r="AZ2340" s="162"/>
      <c r="BA2340" s="162"/>
      <c r="BB2340" s="162"/>
      <c r="BC2340" s="162"/>
      <c r="BD2340" s="162"/>
      <c r="BE2340" s="162"/>
      <c r="BF2340" s="162"/>
      <c r="BG2340" s="162"/>
      <c r="BH2340" s="162"/>
      <c r="BI2340" s="162"/>
      <c r="BJ2340" s="162"/>
      <c r="BK2340" s="162"/>
      <c r="BL2340" s="162"/>
      <c r="BM2340" s="162"/>
      <c r="BN2340" s="162"/>
      <c r="BO2340" s="162"/>
      <c r="BP2340" s="162"/>
      <c r="BQ2340" s="162"/>
      <c r="BR2340" s="162"/>
      <c r="BS2340" s="162"/>
      <c r="BT2340" s="162"/>
      <c r="BU2340" s="162"/>
      <c r="BV2340" s="162"/>
      <c r="BW2340" s="162"/>
      <c r="BX2340" s="162"/>
      <c r="BY2340" s="162"/>
      <c r="BZ2340" s="162"/>
      <c r="CA2340" s="162"/>
      <c r="CB2340" s="162"/>
      <c r="CC2340" s="162"/>
      <c r="CD2340" s="162"/>
      <c r="CE2340" s="162"/>
      <c r="CF2340" s="162"/>
      <c r="CG2340" s="162"/>
      <c r="CH2340" s="162"/>
      <c r="CI2340" s="162"/>
      <c r="CJ2340" s="162"/>
      <c r="CK2340" s="162"/>
      <c r="CX2340" s="98"/>
      <c r="DL2340" s="97"/>
      <c r="DX2340" s="98"/>
      <c r="EL2340" s="97"/>
      <c r="EX2340" s="98"/>
      <c r="EY2340" s="97"/>
      <c r="FL2340" s="126"/>
      <c r="FM2340" s="91"/>
      <c r="FN2340" s="91"/>
      <c r="FO2340" s="91"/>
      <c r="FP2340" s="91"/>
      <c r="FQ2340" s="91"/>
      <c r="FR2340" s="91"/>
      <c r="FS2340" s="91"/>
      <c r="FT2340" s="91"/>
      <c r="FU2340" s="91"/>
      <c r="FV2340" s="91"/>
      <c r="FW2340" s="91"/>
      <c r="FX2340" s="91"/>
      <c r="FY2340" s="91"/>
      <c r="FZ2340" s="91"/>
      <c r="GA2340" s="91"/>
      <c r="GB2340" s="91"/>
      <c r="GC2340" s="91"/>
      <c r="GD2340" s="91"/>
      <c r="GE2340" s="91"/>
      <c r="GF2340" s="91"/>
      <c r="GG2340" s="91"/>
      <c r="GH2340" s="91"/>
      <c r="GI2340" s="91"/>
      <c r="GJ2340" s="91"/>
      <c r="GK2340" s="127"/>
      <c r="GL2340" s="126"/>
      <c r="GM2340" s="91"/>
      <c r="GN2340" s="91"/>
      <c r="GO2340" s="91"/>
      <c r="GP2340" s="91"/>
      <c r="GQ2340" s="91"/>
      <c r="GR2340" s="91"/>
      <c r="GS2340" s="91"/>
      <c r="GT2340" s="91"/>
      <c r="GU2340" s="91"/>
      <c r="GV2340" s="91"/>
      <c r="GW2340" s="91"/>
      <c r="GX2340" s="91"/>
      <c r="GY2340" s="91"/>
      <c r="GZ2340" s="91"/>
      <c r="HA2340" s="91"/>
      <c r="HB2340" s="91"/>
      <c r="HC2340" s="91"/>
      <c r="HD2340" s="91"/>
      <c r="HE2340" s="91"/>
      <c r="HF2340" s="91"/>
      <c r="HG2340" s="91"/>
      <c r="HH2340" s="91"/>
      <c r="HI2340" s="91"/>
      <c r="HJ2340" s="91"/>
      <c r="HK2340" s="127"/>
      <c r="HL2340" s="126"/>
      <c r="HM2340" s="91"/>
      <c r="HN2340" s="91"/>
      <c r="HO2340" s="91"/>
      <c r="HP2340" s="91"/>
      <c r="HQ2340" s="91"/>
      <c r="HR2340" s="91"/>
      <c r="HS2340" s="91"/>
      <c r="HT2340" s="91"/>
      <c r="HU2340" s="91"/>
      <c r="HV2340" s="91"/>
      <c r="HW2340" s="91"/>
      <c r="HX2340" s="91"/>
      <c r="HY2340" s="91"/>
      <c r="HZ2340" s="91"/>
      <c r="IA2340" s="91"/>
      <c r="IB2340" s="91"/>
      <c r="IC2340" s="91"/>
      <c r="ID2340" s="91"/>
      <c r="IE2340" s="91"/>
      <c r="IF2340" s="91"/>
      <c r="IG2340" s="91"/>
      <c r="IH2340" s="91"/>
      <c r="II2340" s="91"/>
      <c r="IJ2340" s="91"/>
      <c r="IK2340" s="127"/>
    </row>
    <row r="2341" spans="2:245" x14ac:dyDescent="0.2">
      <c r="B2341" s="43"/>
      <c r="C2341" s="73"/>
      <c r="D2341" s="64"/>
      <c r="E2341" s="64"/>
      <c r="F2341" s="55"/>
      <c r="G2341" s="102"/>
      <c r="H2341" s="55"/>
      <c r="I2341" s="55"/>
      <c r="J2341" s="55"/>
      <c r="K2341" s="55"/>
      <c r="L2341" s="55"/>
      <c r="M2341" s="55"/>
      <c r="N2341" s="55"/>
      <c r="O2341" s="55"/>
      <c r="P2341" s="55"/>
      <c r="Q2341" s="55"/>
      <c r="R2341" s="55"/>
      <c r="S2341" s="55"/>
      <c r="T2341" s="55"/>
      <c r="U2341" s="55"/>
      <c r="V2341" s="55"/>
      <c r="W2341" s="55"/>
      <c r="X2341" s="55"/>
      <c r="Y2341" s="55"/>
      <c r="Z2341" s="55"/>
      <c r="AA2341" s="55"/>
      <c r="AB2341" s="55"/>
      <c r="AC2341" s="55"/>
      <c r="AD2341" s="55"/>
      <c r="AE2341" s="55"/>
      <c r="AF2341" s="55"/>
      <c r="AG2341" s="55"/>
      <c r="AY2341" s="162"/>
      <c r="AZ2341" s="162"/>
      <c r="BA2341" s="162"/>
      <c r="BB2341" s="162"/>
      <c r="BC2341" s="162"/>
      <c r="BD2341" s="162"/>
      <c r="BE2341" s="162"/>
      <c r="BF2341" s="162"/>
      <c r="BG2341" s="162"/>
      <c r="BH2341" s="162"/>
      <c r="BI2341" s="162"/>
      <c r="BJ2341" s="162"/>
      <c r="BK2341" s="162"/>
      <c r="BL2341" s="162"/>
      <c r="BM2341" s="162"/>
      <c r="BN2341" s="162"/>
      <c r="BO2341" s="162"/>
      <c r="BP2341" s="162"/>
      <c r="BQ2341" s="162"/>
      <c r="BR2341" s="162"/>
      <c r="BS2341" s="162"/>
      <c r="BT2341" s="162"/>
      <c r="BU2341" s="162"/>
      <c r="BV2341" s="162"/>
      <c r="BW2341" s="162"/>
      <c r="BX2341" s="162"/>
      <c r="BY2341" s="162"/>
      <c r="BZ2341" s="162"/>
      <c r="CA2341" s="162"/>
      <c r="CB2341" s="162"/>
      <c r="CC2341" s="162"/>
      <c r="CD2341" s="162"/>
      <c r="CE2341" s="162"/>
      <c r="CF2341" s="162"/>
      <c r="CG2341" s="162"/>
      <c r="CH2341" s="162"/>
      <c r="CI2341" s="162"/>
      <c r="CJ2341" s="162"/>
      <c r="CK2341" s="162"/>
      <c r="CX2341" s="98"/>
      <c r="DL2341" s="97"/>
      <c r="DX2341" s="98"/>
      <c r="EL2341" s="97"/>
      <c r="EX2341" s="98"/>
      <c r="EY2341" s="97"/>
      <c r="FL2341" s="126"/>
      <c r="FM2341" s="91"/>
      <c r="FN2341" s="91"/>
      <c r="FO2341" s="91"/>
      <c r="FP2341" s="91"/>
      <c r="FQ2341" s="91"/>
      <c r="FR2341" s="91"/>
      <c r="FS2341" s="91"/>
      <c r="FT2341" s="91"/>
      <c r="FU2341" s="91"/>
      <c r="FV2341" s="91"/>
      <c r="FW2341" s="91"/>
      <c r="FX2341" s="91"/>
      <c r="FY2341" s="91"/>
      <c r="FZ2341" s="91"/>
      <c r="GA2341" s="91"/>
      <c r="GB2341" s="91"/>
      <c r="GC2341" s="91"/>
      <c r="GD2341" s="91"/>
      <c r="GE2341" s="91"/>
      <c r="GF2341" s="91"/>
      <c r="GG2341" s="91"/>
      <c r="GH2341" s="91"/>
      <c r="GI2341" s="91"/>
      <c r="GJ2341" s="91"/>
      <c r="GK2341" s="127"/>
      <c r="GL2341" s="126"/>
      <c r="GM2341" s="91"/>
      <c r="GN2341" s="91"/>
      <c r="GO2341" s="91"/>
      <c r="GP2341" s="91"/>
      <c r="GQ2341" s="91"/>
      <c r="GR2341" s="91"/>
      <c r="GS2341" s="91"/>
      <c r="GT2341" s="91"/>
      <c r="GU2341" s="91"/>
      <c r="GV2341" s="91"/>
      <c r="GW2341" s="91"/>
      <c r="GX2341" s="91"/>
      <c r="GY2341" s="91"/>
      <c r="GZ2341" s="91"/>
      <c r="HA2341" s="91"/>
      <c r="HB2341" s="91"/>
      <c r="HC2341" s="91"/>
      <c r="HD2341" s="91"/>
      <c r="HE2341" s="91"/>
      <c r="HF2341" s="91"/>
      <c r="HG2341" s="91"/>
      <c r="HH2341" s="91"/>
      <c r="HI2341" s="91"/>
      <c r="HJ2341" s="91"/>
      <c r="HK2341" s="127"/>
      <c r="HL2341" s="126"/>
      <c r="HM2341" s="91"/>
      <c r="HN2341" s="91"/>
      <c r="HO2341" s="91"/>
      <c r="HP2341" s="91"/>
      <c r="HQ2341" s="91"/>
      <c r="HR2341" s="91"/>
      <c r="HS2341" s="91"/>
      <c r="HT2341" s="91"/>
      <c r="HU2341" s="91"/>
      <c r="HV2341" s="91"/>
      <c r="HW2341" s="91"/>
      <c r="HX2341" s="91"/>
      <c r="HY2341" s="91"/>
      <c r="HZ2341" s="91"/>
      <c r="IA2341" s="91"/>
      <c r="IB2341" s="91"/>
      <c r="IC2341" s="91"/>
      <c r="ID2341" s="91"/>
      <c r="IE2341" s="91"/>
      <c r="IF2341" s="91"/>
      <c r="IG2341" s="91"/>
      <c r="IH2341" s="91"/>
      <c r="II2341" s="91"/>
      <c r="IJ2341" s="91"/>
      <c r="IK2341" s="127"/>
    </row>
    <row r="2342" spans="2:245" x14ac:dyDescent="0.2">
      <c r="B2342" s="43"/>
      <c r="C2342" s="73"/>
      <c r="D2342" s="64"/>
      <c r="E2342" s="64"/>
      <c r="F2342" s="55"/>
      <c r="G2342" s="102"/>
      <c r="H2342" s="55"/>
      <c r="I2342" s="55"/>
      <c r="J2342" s="55"/>
      <c r="K2342" s="55"/>
      <c r="L2342" s="55"/>
      <c r="M2342" s="55"/>
      <c r="N2342" s="55"/>
      <c r="O2342" s="55"/>
      <c r="P2342" s="55"/>
      <c r="Q2342" s="55"/>
      <c r="R2342" s="55"/>
      <c r="S2342" s="55"/>
      <c r="T2342" s="55"/>
      <c r="U2342" s="55"/>
      <c r="V2342" s="55"/>
      <c r="W2342" s="55"/>
      <c r="X2342" s="55"/>
      <c r="Y2342" s="55"/>
      <c r="Z2342" s="55"/>
      <c r="AA2342" s="55"/>
      <c r="AB2342" s="55"/>
      <c r="AC2342" s="55"/>
      <c r="AD2342" s="55"/>
      <c r="AE2342" s="55"/>
      <c r="AF2342" s="55"/>
      <c r="AG2342" s="55"/>
      <c r="AY2342" s="162"/>
      <c r="AZ2342" s="162"/>
      <c r="BA2342" s="162"/>
      <c r="BB2342" s="162"/>
      <c r="BC2342" s="162"/>
      <c r="BD2342" s="162"/>
      <c r="BE2342" s="162"/>
      <c r="BF2342" s="162"/>
      <c r="BG2342" s="162"/>
      <c r="BH2342" s="162"/>
      <c r="BI2342" s="162"/>
      <c r="BJ2342" s="162"/>
      <c r="BK2342" s="162"/>
      <c r="BL2342" s="162"/>
      <c r="BM2342" s="162"/>
      <c r="BN2342" s="162"/>
      <c r="BO2342" s="162"/>
      <c r="BP2342" s="162"/>
      <c r="BQ2342" s="162"/>
      <c r="BR2342" s="162"/>
      <c r="BS2342" s="162"/>
      <c r="BT2342" s="162"/>
      <c r="BU2342" s="162"/>
      <c r="BV2342" s="162"/>
      <c r="BW2342" s="162"/>
      <c r="BX2342" s="162"/>
      <c r="BY2342" s="162"/>
      <c r="BZ2342" s="162"/>
      <c r="CA2342" s="162"/>
      <c r="CB2342" s="162"/>
      <c r="CC2342" s="162"/>
      <c r="CD2342" s="162"/>
      <c r="CE2342" s="162"/>
      <c r="CF2342" s="162"/>
      <c r="CG2342" s="162"/>
      <c r="CH2342" s="162"/>
      <c r="CI2342" s="162"/>
      <c r="CJ2342" s="162"/>
      <c r="CK2342" s="162"/>
      <c r="CX2342" s="98"/>
      <c r="DL2342" s="97"/>
      <c r="DX2342" s="98"/>
      <c r="EL2342" s="97"/>
      <c r="EX2342" s="98"/>
      <c r="EY2342" s="97"/>
      <c r="FL2342" s="126"/>
      <c r="FM2342" s="91"/>
      <c r="FN2342" s="91"/>
      <c r="FO2342" s="91"/>
      <c r="FP2342" s="91"/>
      <c r="FQ2342" s="91"/>
      <c r="FR2342" s="91"/>
      <c r="FS2342" s="91"/>
      <c r="FT2342" s="91"/>
      <c r="FU2342" s="91"/>
      <c r="FV2342" s="91"/>
      <c r="FW2342" s="91"/>
      <c r="FX2342" s="91"/>
      <c r="FY2342" s="91"/>
      <c r="FZ2342" s="91"/>
      <c r="GA2342" s="91"/>
      <c r="GB2342" s="91"/>
      <c r="GC2342" s="91"/>
      <c r="GD2342" s="91"/>
      <c r="GE2342" s="91"/>
      <c r="GF2342" s="91"/>
      <c r="GG2342" s="91"/>
      <c r="GH2342" s="91"/>
      <c r="GI2342" s="91"/>
      <c r="GJ2342" s="91"/>
      <c r="GK2342" s="127"/>
      <c r="GL2342" s="126"/>
      <c r="GM2342" s="91"/>
      <c r="GN2342" s="91"/>
      <c r="GO2342" s="91"/>
      <c r="GP2342" s="91"/>
      <c r="GQ2342" s="91"/>
      <c r="GR2342" s="91"/>
      <c r="GS2342" s="91"/>
      <c r="GT2342" s="91"/>
      <c r="GU2342" s="91"/>
      <c r="GV2342" s="91"/>
      <c r="GW2342" s="91"/>
      <c r="GX2342" s="91"/>
      <c r="GY2342" s="91"/>
      <c r="GZ2342" s="91"/>
      <c r="HA2342" s="91"/>
      <c r="HB2342" s="91"/>
      <c r="HC2342" s="91"/>
      <c r="HD2342" s="91"/>
      <c r="HE2342" s="91"/>
      <c r="HF2342" s="91"/>
      <c r="HG2342" s="91"/>
      <c r="HH2342" s="91"/>
      <c r="HI2342" s="91"/>
      <c r="HJ2342" s="91"/>
      <c r="HK2342" s="127"/>
      <c r="HL2342" s="126"/>
      <c r="HM2342" s="91"/>
      <c r="HN2342" s="91"/>
      <c r="HO2342" s="91"/>
      <c r="HP2342" s="91"/>
      <c r="HQ2342" s="91"/>
      <c r="HR2342" s="91"/>
      <c r="HS2342" s="91"/>
      <c r="HT2342" s="91"/>
      <c r="HU2342" s="91"/>
      <c r="HV2342" s="91"/>
      <c r="HW2342" s="91"/>
      <c r="HX2342" s="91"/>
      <c r="HY2342" s="91"/>
      <c r="HZ2342" s="91"/>
      <c r="IA2342" s="91"/>
      <c r="IB2342" s="91"/>
      <c r="IC2342" s="91"/>
      <c r="ID2342" s="91"/>
      <c r="IE2342" s="91"/>
      <c r="IF2342" s="91"/>
      <c r="IG2342" s="91"/>
      <c r="IH2342" s="91"/>
      <c r="II2342" s="91"/>
      <c r="IJ2342" s="91"/>
      <c r="IK2342" s="127"/>
    </row>
    <row r="2343" spans="2:245" x14ac:dyDescent="0.2">
      <c r="B2343" s="43"/>
      <c r="C2343" s="73"/>
      <c r="D2343" s="64"/>
      <c r="E2343" s="64"/>
      <c r="F2343" s="55"/>
      <c r="G2343" s="102"/>
      <c r="H2343" s="55"/>
      <c r="I2343" s="55"/>
      <c r="J2343" s="55"/>
      <c r="K2343" s="55"/>
      <c r="L2343" s="55"/>
      <c r="M2343" s="55"/>
      <c r="N2343" s="55"/>
      <c r="O2343" s="55"/>
      <c r="P2343" s="55"/>
      <c r="Q2343" s="55"/>
      <c r="R2343" s="55"/>
      <c r="S2343" s="55"/>
      <c r="T2343" s="55"/>
      <c r="U2343" s="55"/>
      <c r="V2343" s="55"/>
      <c r="W2343" s="55"/>
      <c r="X2343" s="55"/>
      <c r="Y2343" s="55"/>
      <c r="Z2343" s="55"/>
      <c r="AA2343" s="55"/>
      <c r="AB2343" s="55"/>
      <c r="AC2343" s="55"/>
      <c r="AD2343" s="55"/>
      <c r="AE2343" s="55"/>
      <c r="AF2343" s="55"/>
      <c r="AG2343" s="55"/>
      <c r="AY2343" s="162"/>
      <c r="AZ2343" s="162"/>
      <c r="BA2343" s="162"/>
      <c r="BB2343" s="162"/>
      <c r="BC2343" s="162"/>
      <c r="BD2343" s="162"/>
      <c r="BE2343" s="162"/>
      <c r="BF2343" s="162"/>
      <c r="BG2343" s="162"/>
      <c r="BH2343" s="162"/>
      <c r="BI2343" s="162"/>
      <c r="BJ2343" s="162"/>
      <c r="BK2343" s="162"/>
      <c r="BL2343" s="162"/>
      <c r="BM2343" s="162"/>
      <c r="BN2343" s="162"/>
      <c r="BO2343" s="162"/>
      <c r="BP2343" s="162"/>
      <c r="BQ2343" s="162"/>
      <c r="BR2343" s="162"/>
      <c r="BS2343" s="162"/>
      <c r="BT2343" s="162"/>
      <c r="BU2343" s="162"/>
      <c r="BV2343" s="162"/>
      <c r="BW2343" s="162"/>
      <c r="BX2343" s="162"/>
      <c r="BY2343" s="162"/>
      <c r="BZ2343" s="162"/>
      <c r="CA2343" s="162"/>
      <c r="CB2343" s="162"/>
      <c r="CC2343" s="162"/>
      <c r="CD2343" s="162"/>
      <c r="CE2343" s="162"/>
      <c r="CF2343" s="162"/>
      <c r="CG2343" s="162"/>
      <c r="CH2343" s="162"/>
      <c r="CI2343" s="162"/>
      <c r="CJ2343" s="162"/>
      <c r="CK2343" s="162"/>
      <c r="CX2343" s="98"/>
      <c r="DL2343" s="97"/>
      <c r="DX2343" s="98"/>
      <c r="EL2343" s="97"/>
      <c r="EX2343" s="98"/>
      <c r="EY2343" s="97"/>
      <c r="FL2343" s="126"/>
      <c r="FM2343" s="91"/>
      <c r="FN2343" s="91"/>
      <c r="FO2343" s="91"/>
      <c r="FP2343" s="91"/>
      <c r="FQ2343" s="91"/>
      <c r="FR2343" s="91"/>
      <c r="FS2343" s="91"/>
      <c r="FT2343" s="91"/>
      <c r="FU2343" s="91"/>
      <c r="FV2343" s="91"/>
      <c r="FW2343" s="91"/>
      <c r="FX2343" s="91"/>
      <c r="FY2343" s="91"/>
      <c r="FZ2343" s="91"/>
      <c r="GA2343" s="91"/>
      <c r="GB2343" s="91"/>
      <c r="GC2343" s="91"/>
      <c r="GD2343" s="91"/>
      <c r="GE2343" s="91"/>
      <c r="GF2343" s="91"/>
      <c r="GG2343" s="91"/>
      <c r="GH2343" s="91"/>
      <c r="GI2343" s="91"/>
      <c r="GJ2343" s="91"/>
      <c r="GK2343" s="127"/>
      <c r="GL2343" s="126"/>
      <c r="GM2343" s="91"/>
      <c r="GN2343" s="91"/>
      <c r="GO2343" s="91"/>
      <c r="GP2343" s="91"/>
      <c r="GQ2343" s="91"/>
      <c r="GR2343" s="91"/>
      <c r="GS2343" s="91"/>
      <c r="GT2343" s="91"/>
      <c r="GU2343" s="91"/>
      <c r="GV2343" s="91"/>
      <c r="GW2343" s="91"/>
      <c r="GX2343" s="91"/>
      <c r="GY2343" s="91"/>
      <c r="GZ2343" s="91"/>
      <c r="HA2343" s="91"/>
      <c r="HB2343" s="91"/>
      <c r="HC2343" s="91"/>
      <c r="HD2343" s="91"/>
      <c r="HE2343" s="91"/>
      <c r="HF2343" s="91"/>
      <c r="HG2343" s="91"/>
      <c r="HH2343" s="91"/>
      <c r="HI2343" s="91"/>
      <c r="HJ2343" s="91"/>
      <c r="HK2343" s="127"/>
      <c r="HL2343" s="126"/>
      <c r="HM2343" s="91"/>
      <c r="HN2343" s="91"/>
      <c r="HO2343" s="91"/>
      <c r="HP2343" s="91"/>
      <c r="HQ2343" s="91"/>
      <c r="HR2343" s="91"/>
      <c r="HS2343" s="91"/>
      <c r="HT2343" s="91"/>
      <c r="HU2343" s="91"/>
      <c r="HV2343" s="91"/>
      <c r="HW2343" s="91"/>
      <c r="HX2343" s="91"/>
      <c r="HY2343" s="91"/>
      <c r="HZ2343" s="91"/>
      <c r="IA2343" s="91"/>
      <c r="IB2343" s="91"/>
      <c r="IC2343" s="91"/>
      <c r="ID2343" s="91"/>
      <c r="IE2343" s="91"/>
      <c r="IF2343" s="91"/>
      <c r="IG2343" s="91"/>
      <c r="IH2343" s="91"/>
      <c r="II2343" s="91"/>
      <c r="IJ2343" s="91"/>
      <c r="IK2343" s="127"/>
    </row>
    <row r="2344" spans="2:245" ht="13.5" thickBot="1" x14ac:dyDescent="0.25">
      <c r="B2344" s="43"/>
      <c r="C2344" s="73"/>
      <c r="D2344" s="64"/>
      <c r="E2344" s="64"/>
      <c r="F2344" s="55"/>
      <c r="G2344" s="102"/>
      <c r="H2344" s="55"/>
      <c r="I2344" s="55"/>
      <c r="J2344" s="55"/>
      <c r="K2344" s="55"/>
      <c r="L2344" s="55"/>
      <c r="M2344" s="55"/>
      <c r="N2344" s="55"/>
      <c r="O2344" s="55"/>
      <c r="P2344" s="55"/>
      <c r="Q2344" s="55"/>
      <c r="R2344" s="55"/>
      <c r="S2344" s="55"/>
      <c r="T2344" s="55"/>
      <c r="U2344" s="55"/>
      <c r="V2344" s="55"/>
      <c r="W2344" s="55"/>
      <c r="X2344" s="55"/>
      <c r="Y2344" s="55"/>
      <c r="Z2344" s="55"/>
      <c r="AA2344" s="55"/>
      <c r="AB2344" s="55"/>
      <c r="AC2344" s="55"/>
      <c r="AD2344" s="55"/>
      <c r="AE2344" s="55"/>
      <c r="AF2344" s="55"/>
      <c r="AG2344" s="55"/>
      <c r="AY2344" s="162"/>
      <c r="AZ2344" s="162"/>
      <c r="BA2344" s="162"/>
      <c r="BB2344" s="162"/>
      <c r="BC2344" s="162"/>
      <c r="BD2344" s="162"/>
      <c r="BE2344" s="162"/>
      <c r="BF2344" s="162"/>
      <c r="BG2344" s="162"/>
      <c r="BH2344" s="162"/>
      <c r="BI2344" s="162"/>
      <c r="BJ2344" s="162"/>
      <c r="BK2344" s="162"/>
      <c r="BL2344" s="162"/>
      <c r="BM2344" s="162"/>
      <c r="BN2344" s="162"/>
      <c r="BO2344" s="162"/>
      <c r="BP2344" s="162"/>
      <c r="BQ2344" s="162"/>
      <c r="BR2344" s="162"/>
      <c r="BS2344" s="162"/>
      <c r="BT2344" s="162"/>
      <c r="BU2344" s="162"/>
      <c r="BV2344" s="162"/>
      <c r="BW2344" s="162"/>
      <c r="BX2344" s="162"/>
      <c r="BY2344" s="162"/>
      <c r="BZ2344" s="162"/>
      <c r="CA2344" s="162"/>
      <c r="CB2344" s="162"/>
      <c r="CC2344" s="162"/>
      <c r="CD2344" s="162"/>
      <c r="CE2344" s="162"/>
      <c r="CF2344" s="162"/>
      <c r="CG2344" s="162"/>
      <c r="CH2344" s="162"/>
      <c r="CI2344" s="162"/>
      <c r="CJ2344" s="162"/>
      <c r="CK2344" s="162"/>
      <c r="CX2344" s="98"/>
      <c r="DL2344" s="97"/>
      <c r="DX2344" s="98"/>
      <c r="EL2344" s="97"/>
      <c r="EX2344" s="98"/>
      <c r="EY2344" s="97"/>
      <c r="FL2344" s="126"/>
      <c r="FM2344" s="91"/>
      <c r="FN2344" s="91"/>
      <c r="FO2344" s="91"/>
      <c r="FP2344" s="91"/>
      <c r="FQ2344" s="91"/>
      <c r="FR2344" s="91"/>
      <c r="FS2344" s="91"/>
      <c r="FT2344" s="91"/>
      <c r="FU2344" s="91"/>
      <c r="FV2344" s="91"/>
      <c r="FW2344" s="91"/>
      <c r="FX2344" s="91"/>
      <c r="FY2344" s="91"/>
      <c r="FZ2344" s="91"/>
      <c r="GA2344" s="91"/>
      <c r="GB2344" s="91"/>
      <c r="GC2344" s="91"/>
      <c r="GD2344" s="91"/>
      <c r="GE2344" s="91"/>
      <c r="GF2344" s="91"/>
      <c r="GG2344" s="91"/>
      <c r="GH2344" s="91"/>
      <c r="GI2344" s="91"/>
      <c r="GJ2344" s="91"/>
      <c r="GK2344" s="127"/>
      <c r="GL2344" s="126"/>
      <c r="GM2344" s="91"/>
      <c r="GN2344" s="91"/>
      <c r="GO2344" s="91"/>
      <c r="GP2344" s="91"/>
      <c r="GQ2344" s="91"/>
      <c r="GR2344" s="91"/>
      <c r="GS2344" s="91"/>
      <c r="GT2344" s="91"/>
      <c r="GU2344" s="91"/>
      <c r="GV2344" s="91"/>
      <c r="GW2344" s="91"/>
      <c r="GX2344" s="91"/>
      <c r="GY2344" s="91"/>
      <c r="GZ2344" s="91"/>
      <c r="HA2344" s="91"/>
      <c r="HB2344" s="91"/>
      <c r="HC2344" s="91"/>
      <c r="HD2344" s="91"/>
      <c r="HE2344" s="91"/>
      <c r="HF2344" s="91"/>
      <c r="HG2344" s="91"/>
      <c r="HH2344" s="91"/>
      <c r="HI2344" s="91"/>
      <c r="HJ2344" s="91"/>
      <c r="HK2344" s="127"/>
      <c r="HL2344" s="126"/>
      <c r="HM2344" s="91"/>
      <c r="HN2344" s="91"/>
      <c r="HO2344" s="91"/>
      <c r="HP2344" s="91"/>
      <c r="HQ2344" s="91"/>
      <c r="HR2344" s="91"/>
      <c r="HS2344" s="91"/>
      <c r="HT2344" s="91"/>
      <c r="HU2344" s="91"/>
      <c r="HV2344" s="91"/>
      <c r="HW2344" s="91"/>
      <c r="HX2344" s="91"/>
      <c r="HY2344" s="91"/>
      <c r="HZ2344" s="91"/>
      <c r="IA2344" s="91"/>
      <c r="IB2344" s="91"/>
      <c r="IC2344" s="91"/>
      <c r="ID2344" s="91"/>
      <c r="IE2344" s="91"/>
      <c r="IF2344" s="91"/>
      <c r="IG2344" s="91"/>
      <c r="IH2344" s="91"/>
      <c r="II2344" s="91"/>
      <c r="IJ2344" s="91"/>
      <c r="IK2344" s="127"/>
    </row>
    <row r="2345" spans="2:245" x14ac:dyDescent="0.2">
      <c r="B2345" s="43"/>
      <c r="C2345" s="73"/>
      <c r="D2345" s="64"/>
      <c r="E2345" s="64"/>
      <c r="F2345" s="55"/>
      <c r="G2345" s="102"/>
      <c r="H2345" s="55"/>
      <c r="I2345" s="55"/>
      <c r="J2345" s="55"/>
      <c r="K2345" s="55"/>
      <c r="L2345" s="55"/>
      <c r="M2345" s="55"/>
      <c r="N2345" s="55"/>
      <c r="O2345" s="55"/>
      <c r="P2345" s="55"/>
      <c r="Q2345" s="55"/>
      <c r="R2345" s="55"/>
      <c r="S2345" s="55"/>
      <c r="T2345" s="55"/>
      <c r="U2345" s="55"/>
      <c r="V2345" s="55"/>
      <c r="W2345" s="55"/>
      <c r="X2345" s="55"/>
      <c r="Y2345" s="55"/>
      <c r="Z2345" s="55"/>
      <c r="AA2345" s="55"/>
      <c r="AB2345" s="55"/>
      <c r="AC2345" s="55"/>
      <c r="AD2345" s="55"/>
      <c r="AE2345" s="55"/>
      <c r="AF2345" s="55"/>
      <c r="AG2345" s="55"/>
      <c r="AY2345" s="162"/>
      <c r="AZ2345" s="162"/>
      <c r="BA2345" s="162"/>
      <c r="BB2345" s="162"/>
      <c r="BC2345" s="162"/>
      <c r="BD2345" s="162"/>
      <c r="BE2345" s="162"/>
      <c r="BF2345" s="162"/>
      <c r="BG2345" s="162"/>
      <c r="BH2345" s="162"/>
      <c r="BI2345" s="162"/>
      <c r="BJ2345" s="162"/>
      <c r="BK2345" s="162"/>
      <c r="BL2345" s="162"/>
      <c r="BM2345" s="162"/>
      <c r="BN2345" s="162"/>
      <c r="BO2345" s="162"/>
      <c r="BP2345" s="162"/>
      <c r="BQ2345" s="162"/>
      <c r="BR2345" s="162"/>
      <c r="BS2345" s="162"/>
      <c r="BT2345" s="162"/>
      <c r="BU2345" s="162"/>
      <c r="BV2345" s="162"/>
      <c r="BW2345" s="162"/>
      <c r="BX2345" s="162"/>
      <c r="BY2345" s="162"/>
      <c r="BZ2345" s="162"/>
      <c r="CA2345" s="162"/>
      <c r="CB2345" s="162"/>
      <c r="CC2345" s="162"/>
      <c r="CD2345" s="162"/>
      <c r="CE2345" s="162"/>
      <c r="CF2345" s="162"/>
      <c r="CG2345" s="162"/>
      <c r="CH2345" s="162"/>
      <c r="CI2345" s="162"/>
      <c r="CJ2345" s="162"/>
      <c r="CK2345" s="162"/>
      <c r="CL2345" s="163"/>
      <c r="CM2345" s="163"/>
      <c r="CN2345" s="163"/>
      <c r="CO2345" s="163"/>
      <c r="CP2345" s="163"/>
      <c r="CQ2345" s="163"/>
      <c r="CR2345" s="163"/>
      <c r="CS2345" s="163"/>
      <c r="CT2345" s="163"/>
      <c r="CU2345" s="163"/>
      <c r="CV2345" s="163"/>
      <c r="CW2345" s="163"/>
      <c r="CX2345" s="173"/>
      <c r="CY2345" s="163"/>
      <c r="CZ2345" s="163"/>
      <c r="DA2345" s="163"/>
      <c r="DB2345" s="163"/>
      <c r="DC2345" s="163"/>
      <c r="DD2345" s="163"/>
      <c r="DE2345" s="163"/>
      <c r="DF2345" s="163"/>
      <c r="DG2345" s="163"/>
      <c r="DH2345" s="163"/>
      <c r="DI2345" s="163"/>
      <c r="DJ2345" s="163"/>
      <c r="DK2345" s="163"/>
      <c r="DL2345" s="172"/>
      <c r="DM2345" s="163"/>
      <c r="DN2345" s="163"/>
      <c r="DO2345" s="163"/>
      <c r="DP2345" s="163"/>
      <c r="DQ2345" s="163"/>
      <c r="DR2345" s="163"/>
      <c r="DS2345" s="163"/>
      <c r="DT2345" s="163"/>
      <c r="DU2345" s="163"/>
      <c r="DV2345" s="163"/>
      <c r="DW2345" s="163"/>
      <c r="DX2345" s="173"/>
      <c r="DY2345" s="163"/>
      <c r="DZ2345" s="163"/>
      <c r="EA2345" s="163"/>
      <c r="EB2345" s="163"/>
      <c r="EC2345" s="163"/>
      <c r="ED2345" s="163"/>
      <c r="EE2345" s="163"/>
      <c r="EF2345" s="163"/>
      <c r="EG2345" s="163"/>
      <c r="EH2345" s="163"/>
      <c r="EI2345" s="163"/>
      <c r="EJ2345" s="163"/>
      <c r="EK2345" s="163"/>
      <c r="EL2345" s="172"/>
      <c r="EM2345" s="163"/>
      <c r="EN2345" s="163"/>
      <c r="EO2345" s="163"/>
      <c r="EP2345" s="163"/>
      <c r="EQ2345" s="163"/>
      <c r="ER2345" s="163"/>
      <c r="ES2345" s="163"/>
      <c r="ET2345" s="163"/>
      <c r="EU2345" s="163"/>
      <c r="EV2345" s="163"/>
      <c r="EW2345" s="163"/>
      <c r="EX2345" s="173"/>
      <c r="EY2345" s="172"/>
      <c r="EZ2345" s="163"/>
      <c r="FA2345" s="163"/>
      <c r="FB2345" s="163"/>
      <c r="FC2345" s="163"/>
      <c r="FD2345" s="163"/>
      <c r="FE2345" s="163"/>
      <c r="FF2345" s="163"/>
      <c r="FG2345" s="163"/>
      <c r="FH2345" s="163"/>
      <c r="FI2345" s="163"/>
      <c r="FJ2345" s="163"/>
      <c r="FK2345" s="163"/>
      <c r="FL2345" s="126"/>
      <c r="FM2345" s="91"/>
      <c r="FN2345" s="91"/>
      <c r="FO2345" s="91"/>
      <c r="FP2345" s="91"/>
      <c r="FQ2345" s="91"/>
      <c r="FR2345" s="91"/>
      <c r="FS2345" s="91"/>
      <c r="FT2345" s="91"/>
      <c r="FU2345" s="91"/>
      <c r="FV2345" s="91"/>
      <c r="FW2345" s="91"/>
      <c r="FX2345" s="91"/>
      <c r="FY2345" s="91"/>
      <c r="FZ2345" s="91"/>
      <c r="GA2345" s="91"/>
      <c r="GB2345" s="91"/>
      <c r="GC2345" s="91"/>
      <c r="GD2345" s="91"/>
      <c r="GE2345" s="91"/>
      <c r="GF2345" s="91"/>
      <c r="GG2345" s="91"/>
      <c r="GH2345" s="91"/>
      <c r="GI2345" s="91"/>
      <c r="GJ2345" s="91"/>
      <c r="GK2345" s="127"/>
      <c r="GL2345" s="126"/>
      <c r="GM2345" s="91"/>
      <c r="GN2345" s="91"/>
      <c r="GO2345" s="91"/>
      <c r="GP2345" s="91"/>
      <c r="GQ2345" s="91"/>
      <c r="GR2345" s="91"/>
      <c r="GS2345" s="91"/>
      <c r="GT2345" s="91"/>
      <c r="GU2345" s="91"/>
      <c r="GV2345" s="91"/>
      <c r="GW2345" s="91"/>
      <c r="GX2345" s="91"/>
      <c r="GY2345" s="91"/>
      <c r="GZ2345" s="91"/>
      <c r="HA2345" s="91"/>
      <c r="HB2345" s="91"/>
      <c r="HC2345" s="91"/>
      <c r="HD2345" s="91"/>
      <c r="HE2345" s="91"/>
      <c r="HF2345" s="91"/>
      <c r="HG2345" s="91"/>
      <c r="HH2345" s="91"/>
      <c r="HI2345" s="91"/>
      <c r="HJ2345" s="91"/>
      <c r="HK2345" s="127"/>
      <c r="HL2345" s="126"/>
      <c r="HM2345" s="91"/>
      <c r="HN2345" s="91"/>
      <c r="HO2345" s="91"/>
      <c r="HP2345" s="91"/>
      <c r="HQ2345" s="91"/>
      <c r="HR2345" s="91"/>
      <c r="HS2345" s="91"/>
      <c r="HT2345" s="91"/>
      <c r="HU2345" s="91"/>
      <c r="HV2345" s="91"/>
      <c r="HW2345" s="91"/>
      <c r="HX2345" s="91"/>
      <c r="HY2345" s="91"/>
      <c r="HZ2345" s="91"/>
      <c r="IA2345" s="91"/>
      <c r="IB2345" s="91"/>
      <c r="IC2345" s="91"/>
      <c r="ID2345" s="91"/>
      <c r="IE2345" s="91"/>
      <c r="IF2345" s="91"/>
      <c r="IG2345" s="91"/>
      <c r="IH2345" s="91"/>
      <c r="II2345" s="91"/>
      <c r="IJ2345" s="91"/>
      <c r="IK2345" s="127"/>
    </row>
    <row r="2346" spans="2:245" x14ac:dyDescent="0.2">
      <c r="B2346" s="43"/>
      <c r="C2346" s="73"/>
      <c r="D2346" s="64"/>
      <c r="E2346" s="64"/>
      <c r="F2346" s="55"/>
      <c r="G2346" s="102"/>
      <c r="H2346" s="55"/>
      <c r="I2346" s="55"/>
      <c r="J2346" s="55"/>
      <c r="K2346" s="55"/>
      <c r="L2346" s="55"/>
      <c r="M2346" s="55"/>
      <c r="N2346" s="55"/>
      <c r="O2346" s="55"/>
      <c r="P2346" s="55"/>
      <c r="Q2346" s="55"/>
      <c r="R2346" s="55"/>
      <c r="S2346" s="55"/>
      <c r="T2346" s="55"/>
      <c r="U2346" s="55"/>
      <c r="V2346" s="55"/>
      <c r="W2346" s="55"/>
      <c r="X2346" s="55"/>
      <c r="Y2346" s="55"/>
      <c r="Z2346" s="55"/>
      <c r="AA2346" s="55"/>
      <c r="AB2346" s="55"/>
      <c r="AC2346" s="55"/>
      <c r="AD2346" s="55"/>
      <c r="AE2346" s="55"/>
      <c r="AF2346" s="55"/>
      <c r="AG2346" s="55"/>
      <c r="AY2346" s="162"/>
      <c r="AZ2346" s="162"/>
      <c r="BA2346" s="162"/>
      <c r="BB2346" s="162"/>
      <c r="BC2346" s="162"/>
      <c r="BD2346" s="162"/>
      <c r="BE2346" s="162"/>
      <c r="BF2346" s="162"/>
      <c r="BG2346" s="162"/>
      <c r="BH2346" s="162"/>
      <c r="BI2346" s="162"/>
      <c r="BJ2346" s="162"/>
      <c r="BK2346" s="162"/>
      <c r="BL2346" s="162"/>
      <c r="BM2346" s="162"/>
      <c r="BN2346" s="162"/>
      <c r="BO2346" s="162"/>
      <c r="BP2346" s="162"/>
      <c r="BQ2346" s="162"/>
      <c r="BR2346" s="162"/>
      <c r="BS2346" s="162"/>
      <c r="BT2346" s="162"/>
      <c r="BU2346" s="162"/>
      <c r="BV2346" s="162"/>
      <c r="BW2346" s="162"/>
      <c r="BX2346" s="162"/>
      <c r="BY2346" s="162"/>
      <c r="BZ2346" s="162"/>
      <c r="CA2346" s="162"/>
      <c r="CB2346" s="162"/>
      <c r="CC2346" s="162"/>
      <c r="CD2346" s="162"/>
      <c r="CE2346" s="162"/>
      <c r="CF2346" s="162"/>
      <c r="CG2346" s="162"/>
      <c r="CH2346" s="162"/>
      <c r="CI2346" s="162"/>
      <c r="CJ2346" s="162"/>
      <c r="CK2346" s="162"/>
      <c r="CX2346" s="98"/>
      <c r="DL2346" s="97"/>
      <c r="DX2346" s="98"/>
      <c r="EL2346" s="97"/>
      <c r="EX2346" s="98"/>
      <c r="EY2346" s="97"/>
      <c r="FL2346" s="126"/>
      <c r="FM2346" s="91"/>
      <c r="FN2346" s="91"/>
      <c r="FO2346" s="91"/>
      <c r="FP2346" s="91"/>
      <c r="FQ2346" s="91"/>
      <c r="FR2346" s="91"/>
      <c r="FS2346" s="91"/>
      <c r="FT2346" s="91"/>
      <c r="FU2346" s="91"/>
      <c r="FV2346" s="91"/>
      <c r="FW2346" s="91"/>
      <c r="FX2346" s="91"/>
      <c r="FY2346" s="91"/>
      <c r="FZ2346" s="91"/>
      <c r="GA2346" s="91"/>
      <c r="GB2346" s="91"/>
      <c r="GC2346" s="91"/>
      <c r="GD2346" s="91"/>
      <c r="GE2346" s="91"/>
      <c r="GF2346" s="91"/>
      <c r="GG2346" s="91"/>
      <c r="GH2346" s="91"/>
      <c r="GI2346" s="91"/>
      <c r="GJ2346" s="91"/>
      <c r="GK2346" s="127"/>
      <c r="GL2346" s="126"/>
      <c r="GM2346" s="91"/>
      <c r="GN2346" s="91"/>
      <c r="GO2346" s="91"/>
      <c r="GP2346" s="91"/>
      <c r="GQ2346" s="91"/>
      <c r="GR2346" s="91"/>
      <c r="GS2346" s="91"/>
      <c r="GT2346" s="91"/>
      <c r="GU2346" s="91"/>
      <c r="GV2346" s="91"/>
      <c r="GW2346" s="91"/>
      <c r="GX2346" s="91"/>
      <c r="GY2346" s="91"/>
      <c r="GZ2346" s="91"/>
      <c r="HA2346" s="91"/>
      <c r="HB2346" s="91"/>
      <c r="HC2346" s="91"/>
      <c r="HD2346" s="91"/>
      <c r="HE2346" s="91"/>
      <c r="HF2346" s="91"/>
      <c r="HG2346" s="91"/>
      <c r="HH2346" s="91"/>
      <c r="HI2346" s="91"/>
      <c r="HJ2346" s="91"/>
      <c r="HK2346" s="127"/>
      <c r="HL2346" s="126"/>
      <c r="HM2346" s="91"/>
      <c r="HN2346" s="91"/>
      <c r="HO2346" s="91"/>
      <c r="HP2346" s="91"/>
      <c r="HQ2346" s="91"/>
      <c r="HR2346" s="91"/>
      <c r="HS2346" s="91"/>
      <c r="HT2346" s="91"/>
      <c r="HU2346" s="91"/>
      <c r="HV2346" s="91"/>
      <c r="HW2346" s="91"/>
      <c r="HX2346" s="91"/>
      <c r="HY2346" s="91"/>
      <c r="HZ2346" s="91"/>
      <c r="IA2346" s="91"/>
      <c r="IB2346" s="91"/>
      <c r="IC2346" s="91"/>
      <c r="ID2346" s="91"/>
      <c r="IE2346" s="91"/>
      <c r="IF2346" s="91"/>
      <c r="IG2346" s="91"/>
      <c r="IH2346" s="91"/>
      <c r="II2346" s="91"/>
      <c r="IJ2346" s="91"/>
      <c r="IK2346" s="127"/>
    </row>
    <row r="2347" spans="2:245" x14ac:dyDescent="0.2">
      <c r="B2347" s="43"/>
      <c r="C2347" s="73"/>
      <c r="D2347" s="64"/>
      <c r="E2347" s="64"/>
      <c r="F2347" s="55"/>
      <c r="G2347" s="102"/>
      <c r="H2347" s="55"/>
      <c r="I2347" s="55"/>
      <c r="J2347" s="55"/>
      <c r="K2347" s="55"/>
      <c r="L2347" s="55"/>
      <c r="M2347" s="55"/>
      <c r="N2347" s="55"/>
      <c r="O2347" s="55"/>
      <c r="P2347" s="55"/>
      <c r="Q2347" s="55"/>
      <c r="R2347" s="55"/>
      <c r="S2347" s="55"/>
      <c r="T2347" s="55"/>
      <c r="U2347" s="55"/>
      <c r="V2347" s="55"/>
      <c r="W2347" s="55"/>
      <c r="X2347" s="55"/>
      <c r="Y2347" s="55"/>
      <c r="Z2347" s="55"/>
      <c r="AA2347" s="55"/>
      <c r="AB2347" s="55"/>
      <c r="AC2347" s="55"/>
      <c r="AD2347" s="55"/>
      <c r="AE2347" s="55"/>
      <c r="AF2347" s="55"/>
      <c r="AG2347" s="55"/>
      <c r="AY2347" s="162"/>
      <c r="AZ2347" s="162"/>
      <c r="BA2347" s="162"/>
      <c r="BB2347" s="162"/>
      <c r="BC2347" s="162"/>
      <c r="BD2347" s="162"/>
      <c r="BE2347" s="162"/>
      <c r="BF2347" s="162"/>
      <c r="BG2347" s="162"/>
      <c r="BH2347" s="162"/>
      <c r="BI2347" s="162"/>
      <c r="BJ2347" s="162"/>
      <c r="BK2347" s="162"/>
      <c r="BL2347" s="162"/>
      <c r="BM2347" s="162"/>
      <c r="BN2347" s="162"/>
      <c r="BO2347" s="162"/>
      <c r="BP2347" s="162"/>
      <c r="BQ2347" s="162"/>
      <c r="BR2347" s="162"/>
      <c r="BS2347" s="162"/>
      <c r="BT2347" s="162"/>
      <c r="BU2347" s="162"/>
      <c r="BV2347" s="162"/>
      <c r="BW2347" s="162"/>
      <c r="BX2347" s="162"/>
      <c r="BY2347" s="162"/>
      <c r="BZ2347" s="162"/>
      <c r="CA2347" s="162"/>
      <c r="CB2347" s="162"/>
      <c r="CC2347" s="162"/>
      <c r="CD2347" s="162"/>
      <c r="CE2347" s="162"/>
      <c r="CF2347" s="162"/>
      <c r="CG2347" s="162"/>
      <c r="CH2347" s="162"/>
      <c r="CI2347" s="162"/>
      <c r="CJ2347" s="162"/>
      <c r="CK2347" s="162"/>
      <c r="CX2347" s="98"/>
      <c r="DL2347" s="97"/>
      <c r="DX2347" s="98"/>
      <c r="EL2347" s="97"/>
      <c r="EX2347" s="98"/>
      <c r="EY2347" s="97"/>
      <c r="FL2347" s="126"/>
      <c r="FM2347" s="91"/>
      <c r="FN2347" s="91"/>
      <c r="FO2347" s="91"/>
      <c r="FP2347" s="91"/>
      <c r="FQ2347" s="91"/>
      <c r="FR2347" s="91"/>
      <c r="FS2347" s="91"/>
      <c r="FT2347" s="91"/>
      <c r="FU2347" s="91"/>
      <c r="FV2347" s="91"/>
      <c r="FW2347" s="91"/>
      <c r="FX2347" s="91"/>
      <c r="FY2347" s="91"/>
      <c r="FZ2347" s="91"/>
      <c r="GA2347" s="91"/>
      <c r="GB2347" s="91"/>
      <c r="GC2347" s="91"/>
      <c r="GD2347" s="91"/>
      <c r="GE2347" s="91"/>
      <c r="GF2347" s="91"/>
      <c r="GG2347" s="91"/>
      <c r="GH2347" s="91"/>
      <c r="GI2347" s="91"/>
      <c r="GJ2347" s="91"/>
      <c r="GK2347" s="127"/>
      <c r="GL2347" s="126"/>
      <c r="GM2347" s="91"/>
      <c r="GN2347" s="91"/>
      <c r="GO2347" s="91"/>
      <c r="GP2347" s="91"/>
      <c r="GQ2347" s="91"/>
      <c r="GR2347" s="91"/>
      <c r="GS2347" s="91"/>
      <c r="GT2347" s="91"/>
      <c r="GU2347" s="91"/>
      <c r="GV2347" s="91"/>
      <c r="GW2347" s="91"/>
      <c r="GX2347" s="91"/>
      <c r="GY2347" s="91"/>
      <c r="GZ2347" s="91"/>
      <c r="HA2347" s="91"/>
      <c r="HB2347" s="91"/>
      <c r="HC2347" s="91"/>
      <c r="HD2347" s="91"/>
      <c r="HE2347" s="91"/>
      <c r="HF2347" s="91"/>
      <c r="HG2347" s="91"/>
      <c r="HH2347" s="91"/>
      <c r="HI2347" s="91"/>
      <c r="HJ2347" s="91"/>
      <c r="HK2347" s="127"/>
      <c r="HL2347" s="126"/>
      <c r="HM2347" s="91"/>
      <c r="HN2347" s="91"/>
      <c r="HO2347" s="91"/>
      <c r="HP2347" s="91"/>
      <c r="HQ2347" s="91"/>
      <c r="HR2347" s="91"/>
      <c r="HS2347" s="91"/>
      <c r="HT2347" s="91"/>
      <c r="HU2347" s="91"/>
      <c r="HV2347" s="91"/>
      <c r="HW2347" s="91"/>
      <c r="HX2347" s="91"/>
      <c r="HY2347" s="91"/>
      <c r="HZ2347" s="91"/>
      <c r="IA2347" s="91"/>
      <c r="IB2347" s="91"/>
      <c r="IC2347" s="91"/>
      <c r="ID2347" s="91"/>
      <c r="IE2347" s="91"/>
      <c r="IF2347" s="91"/>
      <c r="IG2347" s="91"/>
      <c r="IH2347" s="91"/>
      <c r="II2347" s="91"/>
      <c r="IJ2347" s="91"/>
      <c r="IK2347" s="127"/>
    </row>
    <row r="2348" spans="2:245" ht="13.5" thickBot="1" x14ac:dyDescent="0.25">
      <c r="B2348" s="43"/>
      <c r="C2348" s="73"/>
      <c r="D2348" s="64"/>
      <c r="E2348" s="64"/>
      <c r="F2348" s="55"/>
      <c r="G2348" s="102"/>
      <c r="H2348" s="55"/>
      <c r="I2348" s="55"/>
      <c r="J2348" s="55"/>
      <c r="K2348" s="55"/>
      <c r="L2348" s="55"/>
      <c r="M2348" s="55"/>
      <c r="N2348" s="55"/>
      <c r="O2348" s="55"/>
      <c r="P2348" s="55"/>
      <c r="Q2348" s="55"/>
      <c r="R2348" s="55"/>
      <c r="S2348" s="55"/>
      <c r="T2348" s="55"/>
      <c r="U2348" s="55"/>
      <c r="V2348" s="55"/>
      <c r="W2348" s="55"/>
      <c r="X2348" s="55"/>
      <c r="Y2348" s="55"/>
      <c r="Z2348" s="55"/>
      <c r="AA2348" s="55"/>
      <c r="AB2348" s="55"/>
      <c r="AC2348" s="55"/>
      <c r="AD2348" s="55"/>
      <c r="AE2348" s="55"/>
      <c r="AF2348" s="55"/>
      <c r="AG2348" s="55"/>
      <c r="AY2348" s="162"/>
      <c r="AZ2348" s="162"/>
      <c r="BA2348" s="162"/>
      <c r="BB2348" s="162"/>
      <c r="BC2348" s="162"/>
      <c r="BD2348" s="162"/>
      <c r="BE2348" s="162"/>
      <c r="BF2348" s="162"/>
      <c r="BG2348" s="162"/>
      <c r="BH2348" s="162"/>
      <c r="BI2348" s="162"/>
      <c r="BJ2348" s="162"/>
      <c r="BK2348" s="162"/>
      <c r="BL2348" s="162"/>
      <c r="BM2348" s="162"/>
      <c r="BN2348" s="162"/>
      <c r="BO2348" s="162"/>
      <c r="BP2348" s="162"/>
      <c r="BQ2348" s="162"/>
      <c r="BR2348" s="162"/>
      <c r="BS2348" s="162"/>
      <c r="BT2348" s="162"/>
      <c r="BU2348" s="162"/>
      <c r="BV2348" s="162"/>
      <c r="BW2348" s="162"/>
      <c r="BX2348" s="162"/>
      <c r="BY2348" s="162"/>
      <c r="BZ2348" s="162"/>
      <c r="CA2348" s="162"/>
      <c r="CB2348" s="162"/>
      <c r="CC2348" s="162"/>
      <c r="CD2348" s="162"/>
      <c r="CE2348" s="162"/>
      <c r="CF2348" s="162"/>
      <c r="CG2348" s="162"/>
      <c r="CH2348" s="162"/>
      <c r="CI2348" s="162"/>
      <c r="CJ2348" s="162"/>
      <c r="CK2348" s="162"/>
      <c r="CL2348" s="166"/>
      <c r="CM2348" s="166"/>
      <c r="CN2348" s="166"/>
      <c r="CO2348" s="166"/>
      <c r="CP2348" s="166"/>
      <c r="CQ2348" s="166"/>
      <c r="CR2348" s="166"/>
      <c r="CS2348" s="166"/>
      <c r="CT2348" s="166"/>
      <c r="CU2348" s="166"/>
      <c r="CV2348" s="166"/>
      <c r="CW2348" s="166"/>
      <c r="CX2348" s="176"/>
      <c r="CY2348" s="166"/>
      <c r="CZ2348" s="166"/>
      <c r="DA2348" s="166"/>
      <c r="DB2348" s="166"/>
      <c r="DC2348" s="166"/>
      <c r="DD2348" s="166"/>
      <c r="DE2348" s="166"/>
      <c r="DF2348" s="166"/>
      <c r="DG2348" s="166"/>
      <c r="DH2348" s="166"/>
      <c r="DI2348" s="166"/>
      <c r="DJ2348" s="166"/>
      <c r="DK2348" s="166"/>
      <c r="DL2348" s="175"/>
      <c r="DM2348" s="166"/>
      <c r="DN2348" s="166"/>
      <c r="DO2348" s="166"/>
      <c r="DP2348" s="166"/>
      <c r="DQ2348" s="166"/>
      <c r="DR2348" s="166"/>
      <c r="DS2348" s="166"/>
      <c r="DT2348" s="166"/>
      <c r="DU2348" s="166"/>
      <c r="DV2348" s="166"/>
      <c r="DW2348" s="166"/>
      <c r="DX2348" s="176"/>
      <c r="DY2348" s="166"/>
      <c r="DZ2348" s="166"/>
      <c r="EA2348" s="166"/>
      <c r="EB2348" s="166"/>
      <c r="EC2348" s="166"/>
      <c r="ED2348" s="166"/>
      <c r="EE2348" s="166"/>
      <c r="EF2348" s="166"/>
      <c r="EG2348" s="166"/>
      <c r="EH2348" s="166"/>
      <c r="EI2348" s="166"/>
      <c r="EJ2348" s="166"/>
      <c r="EK2348" s="166"/>
      <c r="EL2348" s="175"/>
      <c r="EM2348" s="166"/>
      <c r="EN2348" s="166"/>
      <c r="EO2348" s="166"/>
      <c r="EP2348" s="166"/>
      <c r="EQ2348" s="166"/>
      <c r="ER2348" s="166"/>
      <c r="ES2348" s="166"/>
      <c r="ET2348" s="166"/>
      <c r="EU2348" s="166"/>
      <c r="EV2348" s="166"/>
      <c r="EW2348" s="166"/>
      <c r="EX2348" s="176"/>
      <c r="EY2348" s="175"/>
      <c r="EZ2348" s="166"/>
      <c r="FA2348" s="166"/>
      <c r="FB2348" s="166"/>
      <c r="FC2348" s="166"/>
      <c r="FD2348" s="166"/>
      <c r="FE2348" s="166"/>
      <c r="FF2348" s="166"/>
      <c r="FG2348" s="166"/>
      <c r="FH2348" s="166"/>
      <c r="FI2348" s="166"/>
      <c r="FJ2348" s="166"/>
      <c r="FK2348" s="166"/>
      <c r="FL2348" s="126"/>
      <c r="FM2348" s="91"/>
      <c r="FN2348" s="91"/>
      <c r="FO2348" s="91"/>
      <c r="FP2348" s="91"/>
      <c r="FQ2348" s="91"/>
      <c r="FR2348" s="91"/>
      <c r="FS2348" s="91"/>
      <c r="FT2348" s="91"/>
      <c r="FU2348" s="91"/>
      <c r="FV2348" s="91"/>
      <c r="FW2348" s="91"/>
      <c r="FX2348" s="91"/>
      <c r="FY2348" s="91"/>
      <c r="FZ2348" s="91"/>
      <c r="GA2348" s="91"/>
      <c r="GB2348" s="91"/>
      <c r="GC2348" s="91"/>
      <c r="GD2348" s="91"/>
      <c r="GE2348" s="91"/>
      <c r="GF2348" s="91"/>
      <c r="GG2348" s="91"/>
      <c r="GH2348" s="91"/>
      <c r="GI2348" s="91"/>
      <c r="GJ2348" s="91"/>
      <c r="GK2348" s="127"/>
      <c r="GL2348" s="126"/>
      <c r="GM2348" s="91"/>
      <c r="GN2348" s="91"/>
      <c r="GO2348" s="91"/>
      <c r="GP2348" s="91"/>
      <c r="GQ2348" s="91"/>
      <c r="GR2348" s="91"/>
      <c r="GS2348" s="91"/>
      <c r="GT2348" s="91"/>
      <c r="GU2348" s="91"/>
      <c r="GV2348" s="91"/>
      <c r="GW2348" s="91"/>
      <c r="GX2348" s="91"/>
      <c r="GY2348" s="91"/>
      <c r="GZ2348" s="91"/>
      <c r="HA2348" s="91"/>
      <c r="HB2348" s="91"/>
      <c r="HC2348" s="91"/>
      <c r="HD2348" s="91"/>
      <c r="HE2348" s="91"/>
      <c r="HF2348" s="91"/>
      <c r="HG2348" s="91"/>
      <c r="HH2348" s="91"/>
      <c r="HI2348" s="91"/>
      <c r="HJ2348" s="91"/>
      <c r="HK2348" s="127"/>
      <c r="HL2348" s="126"/>
      <c r="HM2348" s="91"/>
      <c r="HN2348" s="91"/>
      <c r="HO2348" s="91"/>
      <c r="HP2348" s="91"/>
      <c r="HQ2348" s="91"/>
      <c r="HR2348" s="91"/>
      <c r="HS2348" s="91"/>
      <c r="HT2348" s="91"/>
      <c r="HU2348" s="91"/>
      <c r="HV2348" s="91"/>
      <c r="HW2348" s="91"/>
      <c r="HX2348" s="91"/>
      <c r="HY2348" s="91"/>
      <c r="HZ2348" s="91"/>
      <c r="IA2348" s="91"/>
      <c r="IB2348" s="91"/>
      <c r="IC2348" s="91"/>
      <c r="ID2348" s="91"/>
      <c r="IE2348" s="91"/>
      <c r="IF2348" s="91"/>
      <c r="IG2348" s="91"/>
      <c r="IH2348" s="91"/>
      <c r="II2348" s="91"/>
      <c r="IJ2348" s="91"/>
      <c r="IK2348" s="127"/>
    </row>
    <row r="2349" spans="2:245" x14ac:dyDescent="0.2">
      <c r="B2349" s="43"/>
      <c r="C2349" s="73"/>
      <c r="D2349" s="64"/>
      <c r="E2349" s="64"/>
      <c r="F2349" s="55"/>
      <c r="G2349" s="102"/>
      <c r="H2349" s="55"/>
      <c r="I2349" s="55"/>
      <c r="J2349" s="55"/>
      <c r="K2349" s="55"/>
      <c r="L2349" s="55"/>
      <c r="M2349" s="55"/>
      <c r="N2349" s="55"/>
      <c r="O2349" s="55"/>
      <c r="P2349" s="55"/>
      <c r="Q2349" s="55"/>
      <c r="R2349" s="55"/>
      <c r="S2349" s="55"/>
      <c r="T2349" s="55"/>
      <c r="U2349" s="55"/>
      <c r="V2349" s="55"/>
      <c r="W2349" s="55"/>
      <c r="X2349" s="55"/>
      <c r="Y2349" s="55"/>
      <c r="Z2349" s="55"/>
      <c r="AA2349" s="55"/>
      <c r="AB2349" s="55"/>
      <c r="AC2349" s="55"/>
      <c r="AD2349" s="55"/>
      <c r="AE2349" s="55"/>
      <c r="AF2349" s="55"/>
      <c r="AG2349" s="55"/>
      <c r="AY2349" s="162"/>
      <c r="AZ2349" s="162"/>
      <c r="BA2349" s="162"/>
      <c r="BB2349" s="162"/>
      <c r="BC2349" s="162"/>
      <c r="BD2349" s="162"/>
      <c r="BE2349" s="162"/>
      <c r="BF2349" s="162"/>
      <c r="BG2349" s="162"/>
      <c r="BH2349" s="162"/>
      <c r="BI2349" s="162"/>
      <c r="BJ2349" s="162"/>
      <c r="BK2349" s="162"/>
      <c r="BL2349" s="162"/>
      <c r="BM2349" s="162"/>
      <c r="BN2349" s="162"/>
      <c r="BO2349" s="162"/>
      <c r="BP2349" s="162"/>
      <c r="BQ2349" s="162"/>
      <c r="BR2349" s="162"/>
      <c r="BS2349" s="162"/>
      <c r="BT2349" s="162"/>
      <c r="BU2349" s="162"/>
      <c r="BV2349" s="162"/>
      <c r="BW2349" s="162"/>
      <c r="BX2349" s="162"/>
      <c r="BY2349" s="162"/>
      <c r="BZ2349" s="162"/>
      <c r="CA2349" s="162"/>
      <c r="CB2349" s="162"/>
      <c r="CC2349" s="162"/>
      <c r="CD2349" s="162"/>
      <c r="CE2349" s="162"/>
      <c r="CF2349" s="162"/>
      <c r="CG2349" s="162"/>
      <c r="CH2349" s="162"/>
      <c r="CI2349" s="162"/>
      <c r="CJ2349" s="162"/>
      <c r="CK2349" s="162"/>
      <c r="CX2349" s="98"/>
      <c r="DL2349" s="97"/>
      <c r="DX2349" s="98"/>
      <c r="EL2349" s="97"/>
      <c r="EX2349" s="98"/>
      <c r="EY2349" s="97"/>
      <c r="FL2349" s="126"/>
      <c r="FM2349" s="91"/>
      <c r="FN2349" s="91"/>
      <c r="FO2349" s="91"/>
      <c r="FP2349" s="91"/>
      <c r="FQ2349" s="91"/>
      <c r="FR2349" s="91"/>
      <c r="FS2349" s="91"/>
      <c r="FT2349" s="91"/>
      <c r="FU2349" s="91"/>
      <c r="FV2349" s="91"/>
      <c r="FW2349" s="91"/>
      <c r="FX2349" s="91"/>
      <c r="FY2349" s="91"/>
      <c r="FZ2349" s="91"/>
      <c r="GA2349" s="91"/>
      <c r="GB2349" s="91"/>
      <c r="GC2349" s="91"/>
      <c r="GD2349" s="91"/>
      <c r="GE2349" s="91"/>
      <c r="GF2349" s="91"/>
      <c r="GG2349" s="91"/>
      <c r="GH2349" s="91"/>
      <c r="GI2349" s="91"/>
      <c r="GJ2349" s="91"/>
      <c r="GK2349" s="127"/>
      <c r="GL2349" s="126"/>
      <c r="GM2349" s="91"/>
      <c r="GN2349" s="91"/>
      <c r="GO2349" s="91"/>
      <c r="GP2349" s="91"/>
      <c r="GQ2349" s="91"/>
      <c r="GR2349" s="91"/>
      <c r="GS2349" s="91"/>
      <c r="GT2349" s="91"/>
      <c r="GU2349" s="91"/>
      <c r="GV2349" s="91"/>
      <c r="GW2349" s="91"/>
      <c r="GX2349" s="91"/>
      <c r="GY2349" s="91"/>
      <c r="GZ2349" s="91"/>
      <c r="HA2349" s="91"/>
      <c r="HB2349" s="91"/>
      <c r="HC2349" s="91"/>
      <c r="HD2349" s="91"/>
      <c r="HE2349" s="91"/>
      <c r="HF2349" s="91"/>
      <c r="HG2349" s="91"/>
      <c r="HH2349" s="91"/>
      <c r="HI2349" s="91"/>
      <c r="HJ2349" s="91"/>
      <c r="HK2349" s="127"/>
      <c r="HL2349" s="126"/>
      <c r="HM2349" s="91"/>
      <c r="HN2349" s="91"/>
      <c r="HO2349" s="91"/>
      <c r="HP2349" s="91"/>
      <c r="HQ2349" s="91"/>
      <c r="HR2349" s="91"/>
      <c r="HS2349" s="91"/>
      <c r="HT2349" s="91"/>
      <c r="HU2349" s="91"/>
      <c r="HV2349" s="91"/>
      <c r="HW2349" s="91"/>
      <c r="HX2349" s="91"/>
      <c r="HY2349" s="91"/>
      <c r="HZ2349" s="91"/>
      <c r="IA2349" s="91"/>
      <c r="IB2349" s="91"/>
      <c r="IC2349" s="91"/>
      <c r="ID2349" s="91"/>
      <c r="IE2349" s="91"/>
      <c r="IF2349" s="91"/>
      <c r="IG2349" s="91"/>
      <c r="IH2349" s="91"/>
      <c r="II2349" s="91"/>
      <c r="IJ2349" s="91"/>
      <c r="IK2349" s="127"/>
    </row>
    <row r="2350" spans="2:245" x14ac:dyDescent="0.2">
      <c r="B2350" s="43"/>
      <c r="C2350" s="73"/>
      <c r="D2350" s="64"/>
      <c r="E2350" s="64"/>
      <c r="F2350" s="55"/>
      <c r="G2350" s="102"/>
      <c r="H2350" s="55"/>
      <c r="I2350" s="55"/>
      <c r="J2350" s="55"/>
      <c r="K2350" s="55"/>
      <c r="L2350" s="55"/>
      <c r="M2350" s="55"/>
      <c r="N2350" s="55"/>
      <c r="O2350" s="55"/>
      <c r="P2350" s="55"/>
      <c r="Q2350" s="55"/>
      <c r="R2350" s="55"/>
      <c r="S2350" s="55"/>
      <c r="T2350" s="55"/>
      <c r="U2350" s="55"/>
      <c r="V2350" s="55"/>
      <c r="W2350" s="55"/>
      <c r="X2350" s="55"/>
      <c r="Y2350" s="55"/>
      <c r="Z2350" s="55"/>
      <c r="AA2350" s="55"/>
      <c r="AB2350" s="55"/>
      <c r="AC2350" s="55"/>
      <c r="AD2350" s="55"/>
      <c r="AE2350" s="55"/>
      <c r="AF2350" s="55"/>
      <c r="AG2350" s="55"/>
      <c r="AY2350" s="162"/>
      <c r="AZ2350" s="162"/>
      <c r="BA2350" s="162"/>
      <c r="BB2350" s="162"/>
      <c r="BC2350" s="162"/>
      <c r="BD2350" s="162"/>
      <c r="BE2350" s="162"/>
      <c r="BF2350" s="162"/>
      <c r="BG2350" s="162"/>
      <c r="BH2350" s="162"/>
      <c r="BI2350" s="162"/>
      <c r="BJ2350" s="162"/>
      <c r="BK2350" s="162"/>
      <c r="BL2350" s="162"/>
      <c r="BM2350" s="162"/>
      <c r="BN2350" s="162"/>
      <c r="BO2350" s="162"/>
      <c r="BP2350" s="162"/>
      <c r="BQ2350" s="162"/>
      <c r="BR2350" s="162"/>
      <c r="BS2350" s="162"/>
      <c r="BT2350" s="162"/>
      <c r="BU2350" s="162"/>
      <c r="BV2350" s="162"/>
      <c r="BW2350" s="162"/>
      <c r="BX2350" s="162"/>
      <c r="BY2350" s="162"/>
      <c r="BZ2350" s="162"/>
      <c r="CA2350" s="162"/>
      <c r="CB2350" s="162"/>
      <c r="CC2350" s="162"/>
      <c r="CD2350" s="162"/>
      <c r="CE2350" s="162"/>
      <c r="CF2350" s="162"/>
      <c r="CG2350" s="162"/>
      <c r="CH2350" s="162"/>
      <c r="CI2350" s="162"/>
      <c r="CJ2350" s="162"/>
      <c r="CK2350" s="162"/>
      <c r="CX2350" s="98"/>
      <c r="DL2350" s="97"/>
      <c r="DX2350" s="98"/>
      <c r="EL2350" s="97"/>
      <c r="EX2350" s="98"/>
      <c r="EY2350" s="97"/>
      <c r="FL2350" s="126"/>
      <c r="FM2350" s="91"/>
      <c r="FN2350" s="91"/>
      <c r="FO2350" s="91"/>
      <c r="FP2350" s="91"/>
      <c r="FQ2350" s="91"/>
      <c r="FR2350" s="91"/>
      <c r="FS2350" s="91"/>
      <c r="FT2350" s="91"/>
      <c r="FU2350" s="91"/>
      <c r="FV2350" s="91"/>
      <c r="FW2350" s="91"/>
      <c r="FX2350" s="91"/>
      <c r="FY2350" s="91"/>
      <c r="FZ2350" s="91"/>
      <c r="GA2350" s="91"/>
      <c r="GB2350" s="91"/>
      <c r="GC2350" s="91"/>
      <c r="GD2350" s="91"/>
      <c r="GE2350" s="91"/>
      <c r="GF2350" s="91"/>
      <c r="GG2350" s="91"/>
      <c r="GH2350" s="91"/>
      <c r="GI2350" s="91"/>
      <c r="GJ2350" s="91"/>
      <c r="GK2350" s="127"/>
      <c r="GL2350" s="126"/>
      <c r="GM2350" s="91"/>
      <c r="GN2350" s="91"/>
      <c r="GO2350" s="91"/>
      <c r="GP2350" s="91"/>
      <c r="GQ2350" s="91"/>
      <c r="GR2350" s="91"/>
      <c r="GS2350" s="91"/>
      <c r="GT2350" s="91"/>
      <c r="GU2350" s="91"/>
      <c r="GV2350" s="91"/>
      <c r="GW2350" s="91"/>
      <c r="GX2350" s="91"/>
      <c r="GY2350" s="91"/>
      <c r="GZ2350" s="91"/>
      <c r="HA2350" s="91"/>
      <c r="HB2350" s="91"/>
      <c r="HC2350" s="91"/>
      <c r="HD2350" s="91"/>
      <c r="HE2350" s="91"/>
      <c r="HF2350" s="91"/>
      <c r="HG2350" s="91"/>
      <c r="HH2350" s="91"/>
      <c r="HI2350" s="91"/>
      <c r="HJ2350" s="91"/>
      <c r="HK2350" s="127"/>
      <c r="HL2350" s="126"/>
      <c r="HM2350" s="91"/>
      <c r="HN2350" s="91"/>
      <c r="HO2350" s="91"/>
      <c r="HP2350" s="91"/>
      <c r="HQ2350" s="91"/>
      <c r="HR2350" s="91"/>
      <c r="HS2350" s="91"/>
      <c r="HT2350" s="91"/>
      <c r="HU2350" s="91"/>
      <c r="HV2350" s="91"/>
      <c r="HW2350" s="91"/>
      <c r="HX2350" s="91"/>
      <c r="HY2350" s="91"/>
      <c r="HZ2350" s="91"/>
      <c r="IA2350" s="91"/>
      <c r="IB2350" s="91"/>
      <c r="IC2350" s="91"/>
      <c r="ID2350" s="91"/>
      <c r="IE2350" s="91"/>
      <c r="IF2350" s="91"/>
      <c r="IG2350" s="91"/>
      <c r="IH2350" s="91"/>
      <c r="II2350" s="91"/>
      <c r="IJ2350" s="91"/>
      <c r="IK2350" s="127"/>
    </row>
    <row r="2351" spans="2:245" x14ac:dyDescent="0.2">
      <c r="B2351" s="43"/>
      <c r="C2351" s="73"/>
      <c r="D2351" s="64"/>
      <c r="E2351" s="64"/>
      <c r="F2351" s="55"/>
      <c r="G2351" s="102"/>
      <c r="H2351" s="55"/>
      <c r="I2351" s="55"/>
      <c r="J2351" s="55"/>
      <c r="K2351" s="55"/>
      <c r="L2351" s="55"/>
      <c r="M2351" s="55"/>
      <c r="N2351" s="55"/>
      <c r="O2351" s="55"/>
      <c r="P2351" s="55"/>
      <c r="Q2351" s="55"/>
      <c r="R2351" s="55"/>
      <c r="S2351" s="55"/>
      <c r="T2351" s="55"/>
      <c r="U2351" s="55"/>
      <c r="V2351" s="55"/>
      <c r="W2351" s="55"/>
      <c r="X2351" s="55"/>
      <c r="Y2351" s="55"/>
      <c r="Z2351" s="55"/>
      <c r="AA2351" s="55"/>
      <c r="AB2351" s="55"/>
      <c r="AC2351" s="55"/>
      <c r="AD2351" s="55"/>
      <c r="AE2351" s="55"/>
      <c r="AF2351" s="55"/>
      <c r="AG2351" s="55"/>
      <c r="AY2351" s="162"/>
      <c r="AZ2351" s="162"/>
      <c r="BA2351" s="162"/>
      <c r="BB2351" s="162"/>
      <c r="BC2351" s="162"/>
      <c r="BD2351" s="162"/>
      <c r="BE2351" s="162"/>
      <c r="BF2351" s="162"/>
      <c r="BG2351" s="162"/>
      <c r="BH2351" s="162"/>
      <c r="BI2351" s="162"/>
      <c r="BJ2351" s="162"/>
      <c r="BK2351" s="162"/>
      <c r="BL2351" s="162"/>
      <c r="BM2351" s="162"/>
      <c r="BN2351" s="162"/>
      <c r="BO2351" s="162"/>
      <c r="BP2351" s="162"/>
      <c r="BQ2351" s="162"/>
      <c r="BR2351" s="162"/>
      <c r="BS2351" s="162"/>
      <c r="BT2351" s="162"/>
      <c r="BU2351" s="162"/>
      <c r="BV2351" s="162"/>
      <c r="BW2351" s="162"/>
      <c r="BX2351" s="162"/>
      <c r="BY2351" s="162"/>
      <c r="BZ2351" s="162"/>
      <c r="CA2351" s="162"/>
      <c r="CB2351" s="162"/>
      <c r="CC2351" s="162"/>
      <c r="CD2351" s="162"/>
      <c r="CE2351" s="162"/>
      <c r="CF2351" s="162"/>
      <c r="CG2351" s="162"/>
      <c r="CH2351" s="162"/>
      <c r="CI2351" s="162"/>
      <c r="CJ2351" s="162"/>
      <c r="CK2351" s="162"/>
      <c r="CX2351" s="98"/>
      <c r="DL2351" s="97"/>
      <c r="DX2351" s="98"/>
      <c r="EL2351" s="97"/>
      <c r="EX2351" s="98"/>
      <c r="EY2351" s="97"/>
      <c r="FL2351" s="126"/>
      <c r="FM2351" s="91"/>
      <c r="FN2351" s="91"/>
      <c r="FO2351" s="91"/>
      <c r="FP2351" s="91"/>
      <c r="FQ2351" s="91"/>
      <c r="FR2351" s="91"/>
      <c r="FS2351" s="91"/>
      <c r="FT2351" s="91"/>
      <c r="FU2351" s="91"/>
      <c r="FV2351" s="91"/>
      <c r="FW2351" s="91"/>
      <c r="FX2351" s="91"/>
      <c r="FY2351" s="91"/>
      <c r="FZ2351" s="91"/>
      <c r="GA2351" s="91"/>
      <c r="GB2351" s="91"/>
      <c r="GC2351" s="91"/>
      <c r="GD2351" s="91"/>
      <c r="GE2351" s="91"/>
      <c r="GF2351" s="91"/>
      <c r="GG2351" s="91"/>
      <c r="GH2351" s="91"/>
      <c r="GI2351" s="91"/>
      <c r="GJ2351" s="91"/>
      <c r="GK2351" s="127"/>
      <c r="GL2351" s="126"/>
      <c r="GM2351" s="91"/>
      <c r="GN2351" s="91"/>
      <c r="GO2351" s="91"/>
      <c r="GP2351" s="91"/>
      <c r="GQ2351" s="91"/>
      <c r="GR2351" s="91"/>
      <c r="GS2351" s="91"/>
      <c r="GT2351" s="91"/>
      <c r="GU2351" s="91"/>
      <c r="GV2351" s="91"/>
      <c r="GW2351" s="91"/>
      <c r="GX2351" s="91"/>
      <c r="GY2351" s="91"/>
      <c r="GZ2351" s="91"/>
      <c r="HA2351" s="91"/>
      <c r="HB2351" s="91"/>
      <c r="HC2351" s="91"/>
      <c r="HD2351" s="91"/>
      <c r="HE2351" s="91"/>
      <c r="HF2351" s="91"/>
      <c r="HG2351" s="91"/>
      <c r="HH2351" s="91"/>
      <c r="HI2351" s="91"/>
      <c r="HJ2351" s="91"/>
      <c r="HK2351" s="127"/>
      <c r="HL2351" s="126"/>
      <c r="HM2351" s="91"/>
      <c r="HN2351" s="91"/>
      <c r="HO2351" s="91"/>
      <c r="HP2351" s="91"/>
      <c r="HQ2351" s="91"/>
      <c r="HR2351" s="91"/>
      <c r="HS2351" s="91"/>
      <c r="HT2351" s="91"/>
      <c r="HU2351" s="91"/>
      <c r="HV2351" s="91"/>
      <c r="HW2351" s="91"/>
      <c r="HX2351" s="91"/>
      <c r="HY2351" s="91"/>
      <c r="HZ2351" s="91"/>
      <c r="IA2351" s="91"/>
      <c r="IB2351" s="91"/>
      <c r="IC2351" s="91"/>
      <c r="ID2351" s="91"/>
      <c r="IE2351" s="91"/>
      <c r="IF2351" s="91"/>
      <c r="IG2351" s="91"/>
      <c r="IH2351" s="91"/>
      <c r="II2351" s="91"/>
      <c r="IJ2351" s="91"/>
      <c r="IK2351" s="127"/>
    </row>
    <row r="2352" spans="2:245" x14ac:dyDescent="0.2">
      <c r="B2352" s="43"/>
      <c r="C2352" s="73"/>
      <c r="D2352" s="64"/>
      <c r="E2352" s="64"/>
      <c r="F2352" s="55"/>
      <c r="G2352" s="102"/>
      <c r="H2352" s="55"/>
      <c r="I2352" s="55"/>
      <c r="J2352" s="55"/>
      <c r="K2352" s="55"/>
      <c r="L2352" s="55"/>
      <c r="M2352" s="55"/>
      <c r="N2352" s="55"/>
      <c r="O2352" s="55"/>
      <c r="P2352" s="55"/>
      <c r="Q2352" s="55"/>
      <c r="R2352" s="55"/>
      <c r="S2352" s="55"/>
      <c r="T2352" s="55"/>
      <c r="U2352" s="55"/>
      <c r="V2352" s="55"/>
      <c r="W2352" s="55"/>
      <c r="X2352" s="55"/>
      <c r="Y2352" s="55"/>
      <c r="Z2352" s="55"/>
      <c r="AA2352" s="55"/>
      <c r="AB2352" s="55"/>
      <c r="AC2352" s="55"/>
      <c r="AD2352" s="55"/>
      <c r="AE2352" s="55"/>
      <c r="AF2352" s="55"/>
      <c r="AG2352" s="55"/>
      <c r="AY2352" s="162"/>
      <c r="AZ2352" s="162"/>
      <c r="BA2352" s="162"/>
      <c r="BB2352" s="162"/>
      <c r="BC2352" s="162"/>
      <c r="BD2352" s="162"/>
      <c r="BE2352" s="162"/>
      <c r="BF2352" s="162"/>
      <c r="BG2352" s="162"/>
      <c r="BH2352" s="162"/>
      <c r="BI2352" s="162"/>
      <c r="BJ2352" s="162"/>
      <c r="BK2352" s="162"/>
      <c r="BL2352" s="162"/>
      <c r="BM2352" s="162"/>
      <c r="BN2352" s="162"/>
      <c r="BO2352" s="162"/>
      <c r="BP2352" s="162"/>
      <c r="BQ2352" s="162"/>
      <c r="BR2352" s="162"/>
      <c r="BS2352" s="162"/>
      <c r="BT2352" s="162"/>
      <c r="BU2352" s="162"/>
      <c r="BV2352" s="162"/>
      <c r="BW2352" s="162"/>
      <c r="BX2352" s="162"/>
      <c r="BY2352" s="162"/>
      <c r="BZ2352" s="162"/>
      <c r="CA2352" s="162"/>
      <c r="CB2352" s="162"/>
      <c r="CC2352" s="162"/>
      <c r="CD2352" s="162"/>
      <c r="CE2352" s="162"/>
      <c r="CF2352" s="162"/>
      <c r="CG2352" s="162"/>
      <c r="CH2352" s="162"/>
      <c r="CI2352" s="162"/>
      <c r="CJ2352" s="162"/>
      <c r="CK2352" s="162"/>
      <c r="CX2352" s="98"/>
      <c r="DL2352" s="97"/>
      <c r="DX2352" s="98"/>
      <c r="EL2352" s="97"/>
      <c r="EX2352" s="98"/>
      <c r="EY2352" s="97"/>
      <c r="FL2352" s="126"/>
      <c r="FM2352" s="91"/>
      <c r="FN2352" s="91"/>
      <c r="FO2352" s="91"/>
      <c r="FP2352" s="91"/>
      <c r="FQ2352" s="91"/>
      <c r="FR2352" s="91"/>
      <c r="FS2352" s="91"/>
      <c r="FT2352" s="91"/>
      <c r="FU2352" s="91"/>
      <c r="FV2352" s="91"/>
      <c r="FW2352" s="91"/>
      <c r="FX2352" s="91"/>
      <c r="FY2352" s="91"/>
      <c r="FZ2352" s="91"/>
      <c r="GA2352" s="91"/>
      <c r="GB2352" s="91"/>
      <c r="GC2352" s="91"/>
      <c r="GD2352" s="91"/>
      <c r="GE2352" s="91"/>
      <c r="GF2352" s="91"/>
      <c r="GG2352" s="91"/>
      <c r="GH2352" s="91"/>
      <c r="GI2352" s="91"/>
      <c r="GJ2352" s="91"/>
      <c r="GK2352" s="127"/>
      <c r="GL2352" s="126"/>
      <c r="GM2352" s="91"/>
      <c r="GN2352" s="91"/>
      <c r="GO2352" s="91"/>
      <c r="GP2352" s="91"/>
      <c r="GQ2352" s="91"/>
      <c r="GR2352" s="91"/>
      <c r="GS2352" s="91"/>
      <c r="GT2352" s="91"/>
      <c r="GU2352" s="91"/>
      <c r="GV2352" s="91"/>
      <c r="GW2352" s="91"/>
      <c r="GX2352" s="91"/>
      <c r="GY2352" s="91"/>
      <c r="GZ2352" s="91"/>
      <c r="HA2352" s="91"/>
      <c r="HB2352" s="91"/>
      <c r="HC2352" s="91"/>
      <c r="HD2352" s="91"/>
      <c r="HE2352" s="91"/>
      <c r="HF2352" s="91"/>
      <c r="HG2352" s="91"/>
      <c r="HH2352" s="91"/>
      <c r="HI2352" s="91"/>
      <c r="HJ2352" s="91"/>
      <c r="HK2352" s="127"/>
      <c r="HL2352" s="126"/>
      <c r="HM2352" s="91"/>
      <c r="HN2352" s="91"/>
      <c r="HO2352" s="91"/>
      <c r="HP2352" s="91"/>
      <c r="HQ2352" s="91"/>
      <c r="HR2352" s="91"/>
      <c r="HS2352" s="91"/>
      <c r="HT2352" s="91"/>
      <c r="HU2352" s="91"/>
      <c r="HV2352" s="91"/>
      <c r="HW2352" s="91"/>
      <c r="HX2352" s="91"/>
      <c r="HY2352" s="91"/>
      <c r="HZ2352" s="91"/>
      <c r="IA2352" s="91"/>
      <c r="IB2352" s="91"/>
      <c r="IC2352" s="91"/>
      <c r="ID2352" s="91"/>
      <c r="IE2352" s="91"/>
      <c r="IF2352" s="91"/>
      <c r="IG2352" s="91"/>
      <c r="IH2352" s="91"/>
      <c r="II2352" s="91"/>
      <c r="IJ2352" s="91"/>
      <c r="IK2352" s="127"/>
    </row>
    <row r="2353" spans="2:245" x14ac:dyDescent="0.2">
      <c r="B2353" s="43"/>
      <c r="C2353" s="73"/>
      <c r="D2353" s="64"/>
      <c r="E2353" s="64"/>
      <c r="F2353" s="55"/>
      <c r="G2353" s="102"/>
      <c r="H2353" s="55"/>
      <c r="I2353" s="55"/>
      <c r="J2353" s="55"/>
      <c r="K2353" s="55"/>
      <c r="L2353" s="55"/>
      <c r="M2353" s="55"/>
      <c r="N2353" s="55"/>
      <c r="O2353" s="55"/>
      <c r="P2353" s="55"/>
      <c r="Q2353" s="55"/>
      <c r="R2353" s="55"/>
      <c r="S2353" s="55"/>
      <c r="T2353" s="55"/>
      <c r="U2353" s="55"/>
      <c r="V2353" s="55"/>
      <c r="W2353" s="55"/>
      <c r="X2353" s="55"/>
      <c r="Y2353" s="55"/>
      <c r="Z2353" s="55"/>
      <c r="AA2353" s="55"/>
      <c r="AB2353" s="55"/>
      <c r="AC2353" s="55"/>
      <c r="AD2353" s="55"/>
      <c r="AE2353" s="55"/>
      <c r="AF2353" s="55"/>
      <c r="AG2353" s="55"/>
      <c r="AY2353" s="162"/>
      <c r="AZ2353" s="162"/>
      <c r="BA2353" s="162"/>
      <c r="BB2353" s="162"/>
      <c r="BC2353" s="162"/>
      <c r="BD2353" s="162"/>
      <c r="BE2353" s="162"/>
      <c r="BF2353" s="162"/>
      <c r="BG2353" s="162"/>
      <c r="BH2353" s="162"/>
      <c r="BI2353" s="162"/>
      <c r="BJ2353" s="162"/>
      <c r="BK2353" s="162"/>
      <c r="BL2353" s="162"/>
      <c r="BM2353" s="162"/>
      <c r="BN2353" s="162"/>
      <c r="BO2353" s="162"/>
      <c r="BP2353" s="162"/>
      <c r="BQ2353" s="162"/>
      <c r="BR2353" s="162"/>
      <c r="BS2353" s="162"/>
      <c r="BT2353" s="162"/>
      <c r="BU2353" s="162"/>
      <c r="BV2353" s="162"/>
      <c r="BW2353" s="162"/>
      <c r="BX2353" s="162"/>
      <c r="BY2353" s="162"/>
      <c r="BZ2353" s="162"/>
      <c r="CA2353" s="162"/>
      <c r="CB2353" s="162"/>
      <c r="CC2353" s="162"/>
      <c r="CD2353" s="162"/>
      <c r="CE2353" s="162"/>
      <c r="CF2353" s="162"/>
      <c r="CG2353" s="162"/>
      <c r="CH2353" s="162"/>
      <c r="CI2353" s="162"/>
      <c r="CJ2353" s="162"/>
      <c r="CK2353" s="162"/>
      <c r="CX2353" s="98"/>
      <c r="DL2353" s="97"/>
      <c r="DX2353" s="98"/>
      <c r="EL2353" s="97"/>
      <c r="EX2353" s="98"/>
      <c r="EY2353" s="97"/>
      <c r="FL2353" s="126"/>
      <c r="FM2353" s="91"/>
      <c r="FN2353" s="91"/>
      <c r="FO2353" s="91"/>
      <c r="FP2353" s="91"/>
      <c r="FQ2353" s="91"/>
      <c r="FR2353" s="91"/>
      <c r="FS2353" s="91"/>
      <c r="FT2353" s="91"/>
      <c r="FU2353" s="91"/>
      <c r="FV2353" s="91"/>
      <c r="FW2353" s="91"/>
      <c r="FX2353" s="91"/>
      <c r="FY2353" s="91"/>
      <c r="FZ2353" s="91"/>
      <c r="GA2353" s="91"/>
      <c r="GB2353" s="91"/>
      <c r="GC2353" s="91"/>
      <c r="GD2353" s="91"/>
      <c r="GE2353" s="91"/>
      <c r="GF2353" s="91"/>
      <c r="GG2353" s="91"/>
      <c r="GH2353" s="91"/>
      <c r="GI2353" s="91"/>
      <c r="GJ2353" s="91"/>
      <c r="GK2353" s="127"/>
      <c r="GL2353" s="126"/>
      <c r="GM2353" s="91"/>
      <c r="GN2353" s="91"/>
      <c r="GO2353" s="91"/>
      <c r="GP2353" s="91"/>
      <c r="GQ2353" s="91"/>
      <c r="GR2353" s="91"/>
      <c r="GS2353" s="91"/>
      <c r="GT2353" s="91"/>
      <c r="GU2353" s="91"/>
      <c r="GV2353" s="91"/>
      <c r="GW2353" s="91"/>
      <c r="GX2353" s="91"/>
      <c r="GY2353" s="91"/>
      <c r="GZ2353" s="91"/>
      <c r="HA2353" s="91"/>
      <c r="HB2353" s="91"/>
      <c r="HC2353" s="91"/>
      <c r="HD2353" s="91"/>
      <c r="HE2353" s="91"/>
      <c r="HF2353" s="91"/>
      <c r="HG2353" s="91"/>
      <c r="HH2353" s="91"/>
      <c r="HI2353" s="91"/>
      <c r="HJ2353" s="91"/>
      <c r="HK2353" s="127"/>
      <c r="HL2353" s="126"/>
      <c r="HM2353" s="91"/>
      <c r="HN2353" s="91"/>
      <c r="HO2353" s="91"/>
      <c r="HP2353" s="91"/>
      <c r="HQ2353" s="91"/>
      <c r="HR2353" s="91"/>
      <c r="HS2353" s="91"/>
      <c r="HT2353" s="91"/>
      <c r="HU2353" s="91"/>
      <c r="HV2353" s="91"/>
      <c r="HW2353" s="91"/>
      <c r="HX2353" s="91"/>
      <c r="HY2353" s="91"/>
      <c r="HZ2353" s="91"/>
      <c r="IA2353" s="91"/>
      <c r="IB2353" s="91"/>
      <c r="IC2353" s="91"/>
      <c r="ID2353" s="91"/>
      <c r="IE2353" s="91"/>
      <c r="IF2353" s="91"/>
      <c r="IG2353" s="91"/>
      <c r="IH2353" s="91"/>
      <c r="II2353" s="91"/>
      <c r="IJ2353" s="91"/>
      <c r="IK2353" s="127"/>
    </row>
    <row r="2354" spans="2:245" x14ac:dyDescent="0.2">
      <c r="B2354" s="43"/>
      <c r="C2354" s="73"/>
      <c r="D2354" s="64"/>
      <c r="E2354" s="64"/>
      <c r="F2354" s="55"/>
      <c r="G2354" s="102"/>
      <c r="H2354" s="55"/>
      <c r="I2354" s="55"/>
      <c r="J2354" s="55"/>
      <c r="K2354" s="55"/>
      <c r="L2354" s="55"/>
      <c r="M2354" s="55"/>
      <c r="N2354" s="55"/>
      <c r="O2354" s="55"/>
      <c r="P2354" s="55"/>
      <c r="Q2354" s="55"/>
      <c r="R2354" s="55"/>
      <c r="S2354" s="55"/>
      <c r="T2354" s="55"/>
      <c r="U2354" s="55"/>
      <c r="V2354" s="55"/>
      <c r="W2354" s="55"/>
      <c r="X2354" s="55"/>
      <c r="Y2354" s="55"/>
      <c r="Z2354" s="55"/>
      <c r="AA2354" s="55"/>
      <c r="AB2354" s="55"/>
      <c r="AC2354" s="55"/>
      <c r="AD2354" s="55"/>
      <c r="AE2354" s="55"/>
      <c r="AF2354" s="55"/>
      <c r="AG2354" s="55"/>
      <c r="AY2354" s="162"/>
      <c r="AZ2354" s="162"/>
      <c r="BA2354" s="162"/>
      <c r="BB2354" s="162"/>
      <c r="BC2354" s="162"/>
      <c r="BD2354" s="162"/>
      <c r="BE2354" s="162"/>
      <c r="BF2354" s="162"/>
      <c r="BG2354" s="162"/>
      <c r="BH2354" s="162"/>
      <c r="BI2354" s="162"/>
      <c r="BJ2354" s="162"/>
      <c r="BK2354" s="162"/>
      <c r="BL2354" s="162"/>
      <c r="BM2354" s="162"/>
      <c r="BN2354" s="162"/>
      <c r="BO2354" s="162"/>
      <c r="BP2354" s="162"/>
      <c r="BQ2354" s="162"/>
      <c r="BR2354" s="162"/>
      <c r="BS2354" s="162"/>
      <c r="BT2354" s="162"/>
      <c r="BU2354" s="162"/>
      <c r="BV2354" s="162"/>
      <c r="BW2354" s="162"/>
      <c r="BX2354" s="162"/>
      <c r="BY2354" s="162"/>
      <c r="BZ2354" s="162"/>
      <c r="CA2354" s="162"/>
      <c r="CB2354" s="162"/>
      <c r="CC2354" s="162"/>
      <c r="CD2354" s="162"/>
      <c r="CE2354" s="162"/>
      <c r="CF2354" s="162"/>
      <c r="CG2354" s="162"/>
      <c r="CH2354" s="162"/>
      <c r="CI2354" s="162"/>
      <c r="CJ2354" s="162"/>
      <c r="CK2354" s="162"/>
      <c r="CX2354" s="98"/>
      <c r="DL2354" s="97"/>
      <c r="DX2354" s="98"/>
      <c r="EL2354" s="97"/>
      <c r="EX2354" s="98"/>
      <c r="EY2354" s="97"/>
      <c r="FL2354" s="126"/>
      <c r="FM2354" s="91"/>
      <c r="FN2354" s="91"/>
      <c r="FO2354" s="91"/>
      <c r="FP2354" s="91"/>
      <c r="FQ2354" s="91"/>
      <c r="FR2354" s="91"/>
      <c r="FS2354" s="91"/>
      <c r="FT2354" s="91"/>
      <c r="FU2354" s="91"/>
      <c r="FV2354" s="91"/>
      <c r="FW2354" s="91"/>
      <c r="FX2354" s="91"/>
      <c r="FY2354" s="91"/>
      <c r="FZ2354" s="91"/>
      <c r="GA2354" s="91"/>
      <c r="GB2354" s="91"/>
      <c r="GC2354" s="91"/>
      <c r="GD2354" s="91"/>
      <c r="GE2354" s="91"/>
      <c r="GF2354" s="91"/>
      <c r="GG2354" s="91"/>
      <c r="GH2354" s="91"/>
      <c r="GI2354" s="91"/>
      <c r="GJ2354" s="91"/>
      <c r="GK2354" s="127"/>
      <c r="GL2354" s="126"/>
      <c r="GM2354" s="91"/>
      <c r="GN2354" s="91"/>
      <c r="GO2354" s="91"/>
      <c r="GP2354" s="91"/>
      <c r="GQ2354" s="91"/>
      <c r="GR2354" s="91"/>
      <c r="GS2354" s="91"/>
      <c r="GT2354" s="91"/>
      <c r="GU2354" s="91"/>
      <c r="GV2354" s="91"/>
      <c r="GW2354" s="91"/>
      <c r="GX2354" s="91"/>
      <c r="GY2354" s="91"/>
      <c r="GZ2354" s="91"/>
      <c r="HA2354" s="91"/>
      <c r="HB2354" s="91"/>
      <c r="HC2354" s="91"/>
      <c r="HD2354" s="91"/>
      <c r="HE2354" s="91"/>
      <c r="HF2354" s="91"/>
      <c r="HG2354" s="91"/>
      <c r="HH2354" s="91"/>
      <c r="HI2354" s="91"/>
      <c r="HJ2354" s="91"/>
      <c r="HK2354" s="127"/>
      <c r="HL2354" s="126"/>
      <c r="HM2354" s="91"/>
      <c r="HN2354" s="91"/>
      <c r="HO2354" s="91"/>
      <c r="HP2354" s="91"/>
      <c r="HQ2354" s="91"/>
      <c r="HR2354" s="91"/>
      <c r="HS2354" s="91"/>
      <c r="HT2354" s="91"/>
      <c r="HU2354" s="91"/>
      <c r="HV2354" s="91"/>
      <c r="HW2354" s="91"/>
      <c r="HX2354" s="91"/>
      <c r="HY2354" s="91"/>
      <c r="HZ2354" s="91"/>
      <c r="IA2354" s="91"/>
      <c r="IB2354" s="91"/>
      <c r="IC2354" s="91"/>
      <c r="ID2354" s="91"/>
      <c r="IE2354" s="91"/>
      <c r="IF2354" s="91"/>
      <c r="IG2354" s="91"/>
      <c r="IH2354" s="91"/>
      <c r="II2354" s="91"/>
      <c r="IJ2354" s="91"/>
      <c r="IK2354" s="127"/>
    </row>
    <row r="2355" spans="2:245" x14ac:dyDescent="0.2">
      <c r="B2355" s="43"/>
      <c r="C2355" s="73"/>
      <c r="D2355" s="64"/>
      <c r="E2355" s="64"/>
      <c r="F2355" s="55"/>
      <c r="G2355" s="102"/>
      <c r="H2355" s="55"/>
      <c r="I2355" s="55"/>
      <c r="J2355" s="55"/>
      <c r="K2355" s="55"/>
      <c r="L2355" s="55"/>
      <c r="M2355" s="55"/>
      <c r="N2355" s="55"/>
      <c r="O2355" s="55"/>
      <c r="P2355" s="55"/>
      <c r="Q2355" s="55"/>
      <c r="R2355" s="55"/>
      <c r="S2355" s="55"/>
      <c r="T2355" s="55"/>
      <c r="U2355" s="55"/>
      <c r="V2355" s="55"/>
      <c r="W2355" s="55"/>
      <c r="X2355" s="55"/>
      <c r="Y2355" s="55"/>
      <c r="Z2355" s="55"/>
      <c r="AA2355" s="55"/>
      <c r="AB2355" s="55"/>
      <c r="AC2355" s="55"/>
      <c r="AD2355" s="55"/>
      <c r="AE2355" s="55"/>
      <c r="AF2355" s="55"/>
      <c r="AG2355" s="55"/>
      <c r="AY2355" s="162"/>
      <c r="AZ2355" s="162"/>
      <c r="BA2355" s="162"/>
      <c r="BB2355" s="162"/>
      <c r="BC2355" s="162"/>
      <c r="BD2355" s="162"/>
      <c r="BE2355" s="162"/>
      <c r="BF2355" s="162"/>
      <c r="BG2355" s="162"/>
      <c r="BH2355" s="162"/>
      <c r="BI2355" s="162"/>
      <c r="BJ2355" s="162"/>
      <c r="BK2355" s="162"/>
      <c r="BL2355" s="162"/>
      <c r="BM2355" s="162"/>
      <c r="BN2355" s="162"/>
      <c r="BO2355" s="162"/>
      <c r="BP2355" s="162"/>
      <c r="BQ2355" s="162"/>
      <c r="BR2355" s="162"/>
      <c r="BS2355" s="162"/>
      <c r="BT2355" s="162"/>
      <c r="BU2355" s="162"/>
      <c r="BV2355" s="162"/>
      <c r="BW2355" s="162"/>
      <c r="BX2355" s="162"/>
      <c r="BY2355" s="162"/>
      <c r="BZ2355" s="162"/>
      <c r="CA2355" s="162"/>
      <c r="CB2355" s="162"/>
      <c r="CC2355" s="162"/>
      <c r="CD2355" s="162"/>
      <c r="CE2355" s="162"/>
      <c r="CF2355" s="162"/>
      <c r="CG2355" s="162"/>
      <c r="CH2355" s="162"/>
      <c r="CI2355" s="162"/>
      <c r="CJ2355" s="162"/>
      <c r="CK2355" s="162"/>
      <c r="CX2355" s="98"/>
      <c r="DL2355" s="97"/>
      <c r="DX2355" s="98"/>
      <c r="EL2355" s="97"/>
      <c r="EX2355" s="98"/>
      <c r="EY2355" s="97"/>
      <c r="FL2355" s="126"/>
      <c r="FM2355" s="91"/>
      <c r="FN2355" s="91"/>
      <c r="FO2355" s="91"/>
      <c r="FP2355" s="91"/>
      <c r="FQ2355" s="91"/>
      <c r="FR2355" s="91"/>
      <c r="FS2355" s="91"/>
      <c r="FT2355" s="91"/>
      <c r="FU2355" s="91"/>
      <c r="FV2355" s="91"/>
      <c r="FW2355" s="91"/>
      <c r="FX2355" s="91"/>
      <c r="FY2355" s="91"/>
      <c r="FZ2355" s="91"/>
      <c r="GA2355" s="91"/>
      <c r="GB2355" s="91"/>
      <c r="GC2355" s="91"/>
      <c r="GD2355" s="91"/>
      <c r="GE2355" s="91"/>
      <c r="GF2355" s="91"/>
      <c r="GG2355" s="91"/>
      <c r="GH2355" s="91"/>
      <c r="GI2355" s="91"/>
      <c r="GJ2355" s="91"/>
      <c r="GK2355" s="127"/>
      <c r="GL2355" s="126"/>
      <c r="GM2355" s="91"/>
      <c r="GN2355" s="91"/>
      <c r="GO2355" s="91"/>
      <c r="GP2355" s="91"/>
      <c r="GQ2355" s="91"/>
      <c r="GR2355" s="91"/>
      <c r="GS2355" s="91"/>
      <c r="GT2355" s="91"/>
      <c r="GU2355" s="91"/>
      <c r="GV2355" s="91"/>
      <c r="GW2355" s="91"/>
      <c r="GX2355" s="91"/>
      <c r="GY2355" s="91"/>
      <c r="GZ2355" s="91"/>
      <c r="HA2355" s="91"/>
      <c r="HB2355" s="91"/>
      <c r="HC2355" s="91"/>
      <c r="HD2355" s="91"/>
      <c r="HE2355" s="91"/>
      <c r="HF2355" s="91"/>
      <c r="HG2355" s="91"/>
      <c r="HH2355" s="91"/>
      <c r="HI2355" s="91"/>
      <c r="HJ2355" s="91"/>
      <c r="HK2355" s="127"/>
      <c r="HL2355" s="126"/>
      <c r="HM2355" s="91"/>
      <c r="HN2355" s="91"/>
      <c r="HO2355" s="91"/>
      <c r="HP2355" s="91"/>
      <c r="HQ2355" s="91"/>
      <c r="HR2355" s="91"/>
      <c r="HS2355" s="91"/>
      <c r="HT2355" s="91"/>
      <c r="HU2355" s="91"/>
      <c r="HV2355" s="91"/>
      <c r="HW2355" s="91"/>
      <c r="HX2355" s="91"/>
      <c r="HY2355" s="91"/>
      <c r="HZ2355" s="91"/>
      <c r="IA2355" s="91"/>
      <c r="IB2355" s="91"/>
      <c r="IC2355" s="91"/>
      <c r="ID2355" s="91"/>
      <c r="IE2355" s="91"/>
      <c r="IF2355" s="91"/>
      <c r="IG2355" s="91"/>
      <c r="IH2355" s="91"/>
      <c r="II2355" s="91"/>
      <c r="IJ2355" s="91"/>
      <c r="IK2355" s="127"/>
    </row>
    <row r="2356" spans="2:245" x14ac:dyDescent="0.2">
      <c r="B2356" s="43"/>
      <c r="C2356" s="73"/>
      <c r="D2356" s="64"/>
      <c r="E2356" s="64"/>
      <c r="F2356" s="55"/>
      <c r="G2356" s="102"/>
      <c r="H2356" s="55"/>
      <c r="I2356" s="55"/>
      <c r="J2356" s="55"/>
      <c r="K2356" s="55"/>
      <c r="L2356" s="55"/>
      <c r="M2356" s="55"/>
      <c r="N2356" s="55"/>
      <c r="O2356" s="55"/>
      <c r="P2356" s="55"/>
      <c r="Q2356" s="55"/>
      <c r="R2356" s="55"/>
      <c r="S2356" s="55"/>
      <c r="T2356" s="55"/>
      <c r="U2356" s="55"/>
      <c r="V2356" s="55"/>
      <c r="W2356" s="55"/>
      <c r="X2356" s="55"/>
      <c r="Y2356" s="55"/>
      <c r="Z2356" s="55"/>
      <c r="AA2356" s="55"/>
      <c r="AB2356" s="55"/>
      <c r="AC2356" s="55"/>
      <c r="AD2356" s="55"/>
      <c r="AE2356" s="55"/>
      <c r="AF2356" s="55"/>
      <c r="AG2356" s="55"/>
      <c r="AY2356" s="162"/>
      <c r="AZ2356" s="162"/>
      <c r="BA2356" s="162"/>
      <c r="BB2356" s="162"/>
      <c r="BC2356" s="162"/>
      <c r="BD2356" s="162"/>
      <c r="BE2356" s="162"/>
      <c r="BF2356" s="162"/>
      <c r="BG2356" s="162"/>
      <c r="BH2356" s="162"/>
      <c r="BI2356" s="162"/>
      <c r="BJ2356" s="162"/>
      <c r="BK2356" s="162"/>
      <c r="BL2356" s="162"/>
      <c r="BM2356" s="162"/>
      <c r="BN2356" s="162"/>
      <c r="BO2356" s="162"/>
      <c r="BP2356" s="162"/>
      <c r="BQ2356" s="162"/>
      <c r="BR2356" s="162"/>
      <c r="BS2356" s="162"/>
      <c r="BT2356" s="162"/>
      <c r="BU2356" s="162"/>
      <c r="BV2356" s="162"/>
      <c r="BW2356" s="162"/>
      <c r="BX2356" s="162"/>
      <c r="BY2356" s="162"/>
      <c r="BZ2356" s="162"/>
      <c r="CA2356" s="162"/>
      <c r="CB2356" s="162"/>
      <c r="CC2356" s="162"/>
      <c r="CD2356" s="162"/>
      <c r="CE2356" s="162"/>
      <c r="CF2356" s="162"/>
      <c r="CG2356" s="162"/>
      <c r="CH2356" s="162"/>
      <c r="CI2356" s="162"/>
      <c r="CJ2356" s="162"/>
      <c r="CK2356" s="162"/>
      <c r="CX2356" s="98"/>
      <c r="DL2356" s="97"/>
      <c r="DX2356" s="98"/>
      <c r="EL2356" s="97"/>
      <c r="EX2356" s="98"/>
      <c r="EY2356" s="97"/>
      <c r="FL2356" s="126"/>
      <c r="FM2356" s="91"/>
      <c r="FN2356" s="91"/>
      <c r="FO2356" s="91"/>
      <c r="FP2356" s="91"/>
      <c r="FQ2356" s="91"/>
      <c r="FR2356" s="91"/>
      <c r="FS2356" s="91"/>
      <c r="FT2356" s="91"/>
      <c r="FU2356" s="91"/>
      <c r="FV2356" s="91"/>
      <c r="FW2356" s="91"/>
      <c r="FX2356" s="91"/>
      <c r="FY2356" s="91"/>
      <c r="FZ2356" s="91"/>
      <c r="GA2356" s="91"/>
      <c r="GB2356" s="91"/>
      <c r="GC2356" s="91"/>
      <c r="GD2356" s="91"/>
      <c r="GE2356" s="91"/>
      <c r="GF2356" s="91"/>
      <c r="GG2356" s="91"/>
      <c r="GH2356" s="91"/>
      <c r="GI2356" s="91"/>
      <c r="GJ2356" s="91"/>
      <c r="GK2356" s="127"/>
      <c r="GL2356" s="126"/>
      <c r="GM2356" s="91"/>
      <c r="GN2356" s="91"/>
      <c r="GO2356" s="91"/>
      <c r="GP2356" s="91"/>
      <c r="GQ2356" s="91"/>
      <c r="GR2356" s="91"/>
      <c r="GS2356" s="91"/>
      <c r="GT2356" s="91"/>
      <c r="GU2356" s="91"/>
      <c r="GV2356" s="91"/>
      <c r="GW2356" s="91"/>
      <c r="GX2356" s="91"/>
      <c r="GY2356" s="91"/>
      <c r="GZ2356" s="91"/>
      <c r="HA2356" s="91"/>
      <c r="HB2356" s="91"/>
      <c r="HC2356" s="91"/>
      <c r="HD2356" s="91"/>
      <c r="HE2356" s="91"/>
      <c r="HF2356" s="91"/>
      <c r="HG2356" s="91"/>
      <c r="HH2356" s="91"/>
      <c r="HI2356" s="91"/>
      <c r="HJ2356" s="91"/>
      <c r="HK2356" s="127"/>
      <c r="HL2356" s="126"/>
      <c r="HM2356" s="91"/>
      <c r="HN2356" s="91"/>
      <c r="HO2356" s="91"/>
      <c r="HP2356" s="91"/>
      <c r="HQ2356" s="91"/>
      <c r="HR2356" s="91"/>
      <c r="HS2356" s="91"/>
      <c r="HT2356" s="91"/>
      <c r="HU2356" s="91"/>
      <c r="HV2356" s="91"/>
      <c r="HW2356" s="91"/>
      <c r="HX2356" s="91"/>
      <c r="HY2356" s="91"/>
      <c r="HZ2356" s="91"/>
      <c r="IA2356" s="91"/>
      <c r="IB2356" s="91"/>
      <c r="IC2356" s="91"/>
      <c r="ID2356" s="91"/>
      <c r="IE2356" s="91"/>
      <c r="IF2356" s="91"/>
      <c r="IG2356" s="91"/>
      <c r="IH2356" s="91"/>
      <c r="II2356" s="91"/>
      <c r="IJ2356" s="91"/>
      <c r="IK2356" s="127"/>
    </row>
    <row r="2357" spans="2:245" x14ac:dyDescent="0.2">
      <c r="B2357" s="43"/>
      <c r="C2357" s="73"/>
      <c r="D2357" s="64"/>
      <c r="E2357" s="64"/>
      <c r="F2357" s="55"/>
      <c r="G2357" s="102"/>
      <c r="H2357" s="55"/>
      <c r="I2357" s="55"/>
      <c r="J2357" s="55"/>
      <c r="K2357" s="55"/>
      <c r="L2357" s="55"/>
      <c r="M2357" s="55"/>
      <c r="N2357" s="55"/>
      <c r="O2357" s="55"/>
      <c r="P2357" s="55"/>
      <c r="Q2357" s="55"/>
      <c r="R2357" s="55"/>
      <c r="S2357" s="55"/>
      <c r="T2357" s="55"/>
      <c r="U2357" s="55"/>
      <c r="V2357" s="55"/>
      <c r="W2357" s="55"/>
      <c r="X2357" s="55"/>
      <c r="Y2357" s="55"/>
      <c r="Z2357" s="55"/>
      <c r="AA2357" s="55"/>
      <c r="AB2357" s="55"/>
      <c r="AC2357" s="55"/>
      <c r="AD2357" s="55"/>
      <c r="AE2357" s="55"/>
      <c r="AF2357" s="55"/>
      <c r="AG2357" s="55"/>
      <c r="AY2357" s="162"/>
      <c r="AZ2357" s="162"/>
      <c r="BA2357" s="162"/>
      <c r="BB2357" s="162"/>
      <c r="BC2357" s="162"/>
      <c r="BD2357" s="162"/>
      <c r="BE2357" s="162"/>
      <c r="BF2357" s="162"/>
      <c r="BG2357" s="162"/>
      <c r="BH2357" s="162"/>
      <c r="BI2357" s="162"/>
      <c r="BJ2357" s="162"/>
      <c r="BK2357" s="162"/>
      <c r="BL2357" s="162"/>
      <c r="BM2357" s="162"/>
      <c r="BN2357" s="162"/>
      <c r="BO2357" s="162"/>
      <c r="BP2357" s="162"/>
      <c r="BQ2357" s="162"/>
      <c r="BR2357" s="162"/>
      <c r="BS2357" s="162"/>
      <c r="BT2357" s="162"/>
      <c r="BU2357" s="162"/>
      <c r="BV2357" s="162"/>
      <c r="BW2357" s="162"/>
      <c r="BX2357" s="162"/>
      <c r="BY2357" s="162"/>
      <c r="BZ2357" s="162"/>
      <c r="CA2357" s="162"/>
      <c r="CB2357" s="162"/>
      <c r="CC2357" s="162"/>
      <c r="CD2357" s="162"/>
      <c r="CE2357" s="162"/>
      <c r="CF2357" s="162"/>
      <c r="CG2357" s="162"/>
      <c r="CH2357" s="162"/>
      <c r="CI2357" s="162"/>
      <c r="CJ2357" s="162"/>
      <c r="CK2357" s="162"/>
      <c r="CX2357" s="98"/>
      <c r="DL2357" s="97"/>
      <c r="DX2357" s="98"/>
      <c r="EL2357" s="97"/>
      <c r="EX2357" s="98"/>
      <c r="EY2357" s="97"/>
      <c r="FL2357" s="126"/>
      <c r="FM2357" s="91"/>
      <c r="FN2357" s="91"/>
      <c r="FO2357" s="91"/>
      <c r="FP2357" s="91"/>
      <c r="FQ2357" s="91"/>
      <c r="FR2357" s="91"/>
      <c r="FS2357" s="91"/>
      <c r="FT2357" s="91"/>
      <c r="FU2357" s="91"/>
      <c r="FV2357" s="91"/>
      <c r="FW2357" s="91"/>
      <c r="FX2357" s="91"/>
      <c r="FY2357" s="91"/>
      <c r="FZ2357" s="91"/>
      <c r="GA2357" s="91"/>
      <c r="GB2357" s="91"/>
      <c r="GC2357" s="91"/>
      <c r="GD2357" s="91"/>
      <c r="GE2357" s="91"/>
      <c r="GF2357" s="91"/>
      <c r="GG2357" s="91"/>
      <c r="GH2357" s="91"/>
      <c r="GI2357" s="91"/>
      <c r="GJ2357" s="91"/>
      <c r="GK2357" s="127"/>
      <c r="GL2357" s="126"/>
      <c r="GM2357" s="91"/>
      <c r="GN2357" s="91"/>
      <c r="GO2357" s="91"/>
      <c r="GP2357" s="91"/>
      <c r="GQ2357" s="91"/>
      <c r="GR2357" s="91"/>
      <c r="GS2357" s="91"/>
      <c r="GT2357" s="91"/>
      <c r="GU2357" s="91"/>
      <c r="GV2357" s="91"/>
      <c r="GW2357" s="91"/>
      <c r="GX2357" s="91"/>
      <c r="GY2357" s="91"/>
      <c r="GZ2357" s="91"/>
      <c r="HA2357" s="91"/>
      <c r="HB2357" s="91"/>
      <c r="HC2357" s="91"/>
      <c r="HD2357" s="91"/>
      <c r="HE2357" s="91"/>
      <c r="HF2357" s="91"/>
      <c r="HG2357" s="91"/>
      <c r="HH2357" s="91"/>
      <c r="HI2357" s="91"/>
      <c r="HJ2357" s="91"/>
      <c r="HK2357" s="127"/>
      <c r="HL2357" s="126"/>
      <c r="HM2357" s="91"/>
      <c r="HN2357" s="91"/>
      <c r="HO2357" s="91"/>
      <c r="HP2357" s="91"/>
      <c r="HQ2357" s="91"/>
      <c r="HR2357" s="91"/>
      <c r="HS2357" s="91"/>
      <c r="HT2357" s="91"/>
      <c r="HU2357" s="91"/>
      <c r="HV2357" s="91"/>
      <c r="HW2357" s="91"/>
      <c r="HX2357" s="91"/>
      <c r="HY2357" s="91"/>
      <c r="HZ2357" s="91"/>
      <c r="IA2357" s="91"/>
      <c r="IB2357" s="91"/>
      <c r="IC2357" s="91"/>
      <c r="ID2357" s="91"/>
      <c r="IE2357" s="91"/>
      <c r="IF2357" s="91"/>
      <c r="IG2357" s="91"/>
      <c r="IH2357" s="91"/>
      <c r="II2357" s="91"/>
      <c r="IJ2357" s="91"/>
      <c r="IK2357" s="127"/>
    </row>
    <row r="2358" spans="2:245" x14ac:dyDescent="0.2">
      <c r="B2358" s="43"/>
      <c r="C2358" s="73"/>
      <c r="D2358" s="64"/>
      <c r="E2358" s="64"/>
      <c r="F2358" s="55"/>
      <c r="G2358" s="102"/>
      <c r="H2358" s="55"/>
      <c r="I2358" s="55"/>
      <c r="J2358" s="55"/>
      <c r="K2358" s="55"/>
      <c r="L2358" s="55"/>
      <c r="M2358" s="55"/>
      <c r="N2358" s="55"/>
      <c r="O2358" s="55"/>
      <c r="P2358" s="55"/>
      <c r="Q2358" s="55"/>
      <c r="R2358" s="55"/>
      <c r="S2358" s="55"/>
      <c r="T2358" s="55"/>
      <c r="U2358" s="55"/>
      <c r="V2358" s="55"/>
      <c r="W2358" s="55"/>
      <c r="X2358" s="55"/>
      <c r="Y2358" s="55"/>
      <c r="Z2358" s="55"/>
      <c r="AA2358" s="55"/>
      <c r="AB2358" s="55"/>
      <c r="AC2358" s="55"/>
      <c r="AD2358" s="55"/>
      <c r="AE2358" s="55"/>
      <c r="AF2358" s="55"/>
      <c r="AG2358" s="55"/>
      <c r="AY2358" s="162"/>
      <c r="AZ2358" s="162"/>
      <c r="BA2358" s="162"/>
      <c r="BB2358" s="162"/>
      <c r="BC2358" s="162"/>
      <c r="BD2358" s="162"/>
      <c r="BE2358" s="162"/>
      <c r="BF2358" s="162"/>
      <c r="BG2358" s="162"/>
      <c r="BH2358" s="162"/>
      <c r="BI2358" s="162"/>
      <c r="BJ2358" s="162"/>
      <c r="BK2358" s="162"/>
      <c r="BL2358" s="162"/>
      <c r="BM2358" s="162"/>
      <c r="BN2358" s="162"/>
      <c r="BO2358" s="162"/>
      <c r="BP2358" s="162"/>
      <c r="BQ2358" s="162"/>
      <c r="BR2358" s="162"/>
      <c r="BS2358" s="162"/>
      <c r="BT2358" s="162"/>
      <c r="BU2358" s="162"/>
      <c r="BV2358" s="162"/>
      <c r="BW2358" s="162"/>
      <c r="BX2358" s="162"/>
      <c r="BY2358" s="162"/>
      <c r="BZ2358" s="162"/>
      <c r="CA2358" s="162"/>
      <c r="CB2358" s="162"/>
      <c r="CC2358" s="162"/>
      <c r="CD2358" s="162"/>
      <c r="CE2358" s="162"/>
      <c r="CF2358" s="162"/>
      <c r="CG2358" s="162"/>
      <c r="CH2358" s="162"/>
      <c r="CI2358" s="162"/>
      <c r="CJ2358" s="162"/>
      <c r="CK2358" s="162"/>
      <c r="CX2358" s="98"/>
      <c r="DL2358" s="97"/>
      <c r="DX2358" s="98"/>
      <c r="EL2358" s="97"/>
      <c r="EX2358" s="98"/>
      <c r="EY2358" s="97"/>
      <c r="FL2358" s="126"/>
      <c r="FM2358" s="91"/>
      <c r="FN2358" s="91"/>
      <c r="FO2358" s="91"/>
      <c r="FP2358" s="91"/>
      <c r="FQ2358" s="91"/>
      <c r="FR2358" s="91"/>
      <c r="FS2358" s="91"/>
      <c r="FT2358" s="91"/>
      <c r="FU2358" s="91"/>
      <c r="FV2358" s="91"/>
      <c r="FW2358" s="91"/>
      <c r="FX2358" s="91"/>
      <c r="FY2358" s="91"/>
      <c r="FZ2358" s="91"/>
      <c r="GA2358" s="91"/>
      <c r="GB2358" s="91"/>
      <c r="GC2358" s="91"/>
      <c r="GD2358" s="91"/>
      <c r="GE2358" s="91"/>
      <c r="GF2358" s="91"/>
      <c r="GG2358" s="91"/>
      <c r="GH2358" s="91"/>
      <c r="GI2358" s="91"/>
      <c r="GJ2358" s="91"/>
      <c r="GK2358" s="127"/>
      <c r="GL2358" s="126"/>
      <c r="GM2358" s="91"/>
      <c r="GN2358" s="91"/>
      <c r="GO2358" s="91"/>
      <c r="GP2358" s="91"/>
      <c r="GQ2358" s="91"/>
      <c r="GR2358" s="91"/>
      <c r="GS2358" s="91"/>
      <c r="GT2358" s="91"/>
      <c r="GU2358" s="91"/>
      <c r="GV2358" s="91"/>
      <c r="GW2358" s="91"/>
      <c r="GX2358" s="91"/>
      <c r="GY2358" s="91"/>
      <c r="GZ2358" s="91"/>
      <c r="HA2358" s="91"/>
      <c r="HB2358" s="91"/>
      <c r="HC2358" s="91"/>
      <c r="HD2358" s="91"/>
      <c r="HE2358" s="91"/>
      <c r="HF2358" s="91"/>
      <c r="HG2358" s="91"/>
      <c r="HH2358" s="91"/>
      <c r="HI2358" s="91"/>
      <c r="HJ2358" s="91"/>
      <c r="HK2358" s="127"/>
      <c r="HL2358" s="126"/>
      <c r="HM2358" s="91"/>
      <c r="HN2358" s="91"/>
      <c r="HO2358" s="91"/>
      <c r="HP2358" s="91"/>
      <c r="HQ2358" s="91"/>
      <c r="HR2358" s="91"/>
      <c r="HS2358" s="91"/>
      <c r="HT2358" s="91"/>
      <c r="HU2358" s="91"/>
      <c r="HV2358" s="91"/>
      <c r="HW2358" s="91"/>
      <c r="HX2358" s="91"/>
      <c r="HY2358" s="91"/>
      <c r="HZ2358" s="91"/>
      <c r="IA2358" s="91"/>
      <c r="IB2358" s="91"/>
      <c r="IC2358" s="91"/>
      <c r="ID2358" s="91"/>
      <c r="IE2358" s="91"/>
      <c r="IF2358" s="91"/>
      <c r="IG2358" s="91"/>
      <c r="IH2358" s="91"/>
      <c r="II2358" s="91"/>
      <c r="IJ2358" s="91"/>
      <c r="IK2358" s="127"/>
    </row>
    <row r="2359" spans="2:245" x14ac:dyDescent="0.2">
      <c r="B2359" s="43"/>
      <c r="C2359" s="73"/>
      <c r="D2359" s="64"/>
      <c r="E2359" s="64"/>
      <c r="F2359" s="55"/>
      <c r="G2359" s="102"/>
      <c r="H2359" s="55"/>
      <c r="I2359" s="55"/>
      <c r="J2359" s="55"/>
      <c r="K2359" s="55"/>
      <c r="L2359" s="55"/>
      <c r="M2359" s="55"/>
      <c r="N2359" s="55"/>
      <c r="O2359" s="55"/>
      <c r="P2359" s="55"/>
      <c r="Q2359" s="55"/>
      <c r="R2359" s="55"/>
      <c r="S2359" s="55"/>
      <c r="T2359" s="55"/>
      <c r="U2359" s="55"/>
      <c r="V2359" s="55"/>
      <c r="W2359" s="55"/>
      <c r="X2359" s="55"/>
      <c r="Y2359" s="55"/>
      <c r="Z2359" s="55"/>
      <c r="AA2359" s="55"/>
      <c r="AB2359" s="55"/>
      <c r="AC2359" s="55"/>
      <c r="AD2359" s="55"/>
      <c r="AE2359" s="55"/>
      <c r="AF2359" s="55"/>
      <c r="AG2359" s="55"/>
      <c r="AY2359" s="162"/>
      <c r="AZ2359" s="162"/>
      <c r="BA2359" s="162"/>
      <c r="BB2359" s="162"/>
      <c r="BC2359" s="162"/>
      <c r="BD2359" s="162"/>
      <c r="BE2359" s="162"/>
      <c r="BF2359" s="162"/>
      <c r="BG2359" s="162"/>
      <c r="BH2359" s="162"/>
      <c r="BI2359" s="162"/>
      <c r="BJ2359" s="162"/>
      <c r="BK2359" s="162"/>
      <c r="BL2359" s="162"/>
      <c r="BM2359" s="162"/>
      <c r="BN2359" s="162"/>
      <c r="BO2359" s="162"/>
      <c r="BP2359" s="162"/>
      <c r="BQ2359" s="162"/>
      <c r="BR2359" s="162"/>
      <c r="BS2359" s="162"/>
      <c r="BT2359" s="162"/>
      <c r="BU2359" s="162"/>
      <c r="BV2359" s="162"/>
      <c r="BW2359" s="162"/>
      <c r="BX2359" s="162"/>
      <c r="BY2359" s="162"/>
      <c r="BZ2359" s="162"/>
      <c r="CA2359" s="162"/>
      <c r="CB2359" s="162"/>
      <c r="CC2359" s="162"/>
      <c r="CD2359" s="162"/>
      <c r="CE2359" s="162"/>
      <c r="CF2359" s="162"/>
      <c r="CG2359" s="162"/>
      <c r="CH2359" s="162"/>
      <c r="CI2359" s="162"/>
      <c r="CJ2359" s="162"/>
      <c r="CK2359" s="162"/>
      <c r="CX2359" s="98"/>
      <c r="DL2359" s="97"/>
      <c r="DX2359" s="98"/>
      <c r="EL2359" s="97"/>
      <c r="EX2359" s="98"/>
      <c r="EY2359" s="97"/>
      <c r="FL2359" s="126"/>
      <c r="FM2359" s="91"/>
      <c r="FN2359" s="91"/>
      <c r="FO2359" s="91"/>
      <c r="FP2359" s="91"/>
      <c r="FQ2359" s="91"/>
      <c r="FR2359" s="91"/>
      <c r="FS2359" s="91"/>
      <c r="FT2359" s="91"/>
      <c r="FU2359" s="91"/>
      <c r="FV2359" s="91"/>
      <c r="FW2359" s="91"/>
      <c r="FX2359" s="91"/>
      <c r="FY2359" s="91"/>
      <c r="FZ2359" s="91"/>
      <c r="GA2359" s="91"/>
      <c r="GB2359" s="91"/>
      <c r="GC2359" s="91"/>
      <c r="GD2359" s="91"/>
      <c r="GE2359" s="91"/>
      <c r="GF2359" s="91"/>
      <c r="GG2359" s="91"/>
      <c r="GH2359" s="91"/>
      <c r="GI2359" s="91"/>
      <c r="GJ2359" s="91"/>
      <c r="GK2359" s="127"/>
      <c r="GL2359" s="126"/>
      <c r="GM2359" s="91"/>
      <c r="GN2359" s="91"/>
      <c r="GO2359" s="91"/>
      <c r="GP2359" s="91"/>
      <c r="GQ2359" s="91"/>
      <c r="GR2359" s="91"/>
      <c r="GS2359" s="91"/>
      <c r="GT2359" s="91"/>
      <c r="GU2359" s="91"/>
      <c r="GV2359" s="91"/>
      <c r="GW2359" s="91"/>
      <c r="GX2359" s="91"/>
      <c r="GY2359" s="91"/>
      <c r="GZ2359" s="91"/>
      <c r="HA2359" s="91"/>
      <c r="HB2359" s="91"/>
      <c r="HC2359" s="91"/>
      <c r="HD2359" s="91"/>
      <c r="HE2359" s="91"/>
      <c r="HF2359" s="91"/>
      <c r="HG2359" s="91"/>
      <c r="HH2359" s="91"/>
      <c r="HI2359" s="91"/>
      <c r="HJ2359" s="91"/>
      <c r="HK2359" s="127"/>
      <c r="HL2359" s="126"/>
      <c r="HM2359" s="91"/>
      <c r="HN2359" s="91"/>
      <c r="HO2359" s="91"/>
      <c r="HP2359" s="91"/>
      <c r="HQ2359" s="91"/>
      <c r="HR2359" s="91"/>
      <c r="HS2359" s="91"/>
      <c r="HT2359" s="91"/>
      <c r="HU2359" s="91"/>
      <c r="HV2359" s="91"/>
      <c r="HW2359" s="91"/>
      <c r="HX2359" s="91"/>
      <c r="HY2359" s="91"/>
      <c r="HZ2359" s="91"/>
      <c r="IA2359" s="91"/>
      <c r="IB2359" s="91"/>
      <c r="IC2359" s="91"/>
      <c r="ID2359" s="91"/>
      <c r="IE2359" s="91"/>
      <c r="IF2359" s="91"/>
      <c r="IG2359" s="91"/>
      <c r="IH2359" s="91"/>
      <c r="II2359" s="91"/>
      <c r="IJ2359" s="91"/>
      <c r="IK2359" s="127"/>
    </row>
    <row r="2360" spans="2:245" x14ac:dyDescent="0.2">
      <c r="B2360" s="43"/>
      <c r="C2360" s="73"/>
      <c r="D2360" s="64"/>
      <c r="E2360" s="64"/>
      <c r="F2360" s="55"/>
      <c r="G2360" s="102"/>
      <c r="H2360" s="55"/>
      <c r="I2360" s="55"/>
      <c r="J2360" s="55"/>
      <c r="K2360" s="55"/>
      <c r="L2360" s="55"/>
      <c r="M2360" s="55"/>
      <c r="N2360" s="55"/>
      <c r="O2360" s="55"/>
      <c r="P2360" s="55"/>
      <c r="Q2360" s="55"/>
      <c r="R2360" s="55"/>
      <c r="S2360" s="55"/>
      <c r="T2360" s="55"/>
      <c r="U2360" s="55"/>
      <c r="V2360" s="55"/>
      <c r="W2360" s="55"/>
      <c r="X2360" s="55"/>
      <c r="Y2360" s="55"/>
      <c r="Z2360" s="55"/>
      <c r="AA2360" s="55"/>
      <c r="AB2360" s="55"/>
      <c r="AC2360" s="55"/>
      <c r="AD2360" s="55"/>
      <c r="AE2360" s="55"/>
      <c r="AF2360" s="55"/>
      <c r="AG2360" s="55"/>
      <c r="AY2360" s="162"/>
      <c r="AZ2360" s="162"/>
      <c r="BA2360" s="162"/>
      <c r="BB2360" s="162"/>
      <c r="BC2360" s="162"/>
      <c r="BD2360" s="162"/>
      <c r="BE2360" s="162"/>
      <c r="BF2360" s="162"/>
      <c r="BG2360" s="162"/>
      <c r="BH2360" s="162"/>
      <c r="BI2360" s="162"/>
      <c r="BJ2360" s="162"/>
      <c r="BK2360" s="162"/>
      <c r="BL2360" s="162"/>
      <c r="BM2360" s="162"/>
      <c r="BN2360" s="162"/>
      <c r="BO2360" s="162"/>
      <c r="BP2360" s="162"/>
      <c r="BQ2360" s="162"/>
      <c r="BR2360" s="162"/>
      <c r="BS2360" s="162"/>
      <c r="BT2360" s="162"/>
      <c r="BU2360" s="162"/>
      <c r="BV2360" s="162"/>
      <c r="BW2360" s="162"/>
      <c r="BX2360" s="162"/>
      <c r="BY2360" s="162"/>
      <c r="BZ2360" s="162"/>
      <c r="CA2360" s="162"/>
      <c r="CB2360" s="162"/>
      <c r="CC2360" s="162"/>
      <c r="CD2360" s="162"/>
      <c r="CE2360" s="162"/>
      <c r="CF2360" s="162"/>
      <c r="CG2360" s="162"/>
      <c r="CH2360" s="162"/>
      <c r="CI2360" s="162"/>
      <c r="CJ2360" s="162"/>
      <c r="CK2360" s="162"/>
      <c r="CX2360" s="98"/>
      <c r="DL2360" s="97"/>
      <c r="DX2360" s="98"/>
      <c r="EL2360" s="97"/>
      <c r="EX2360" s="98"/>
      <c r="EY2360" s="97"/>
      <c r="FL2360" s="126"/>
      <c r="FM2360" s="91"/>
      <c r="FN2360" s="91"/>
      <c r="FO2360" s="91"/>
      <c r="FP2360" s="91"/>
      <c r="FQ2360" s="91"/>
      <c r="FR2360" s="91"/>
      <c r="FS2360" s="91"/>
      <c r="FT2360" s="91"/>
      <c r="FU2360" s="91"/>
      <c r="FV2360" s="91"/>
      <c r="FW2360" s="91"/>
      <c r="FX2360" s="91"/>
      <c r="FY2360" s="91"/>
      <c r="FZ2360" s="91"/>
      <c r="GA2360" s="91"/>
      <c r="GB2360" s="91"/>
      <c r="GC2360" s="91"/>
      <c r="GD2360" s="91"/>
      <c r="GE2360" s="91"/>
      <c r="GF2360" s="91"/>
      <c r="GG2360" s="91"/>
      <c r="GH2360" s="91"/>
      <c r="GI2360" s="91"/>
      <c r="GJ2360" s="91"/>
      <c r="GK2360" s="127"/>
      <c r="GL2360" s="126"/>
      <c r="GM2360" s="91"/>
      <c r="GN2360" s="91"/>
      <c r="GO2360" s="91"/>
      <c r="GP2360" s="91"/>
      <c r="GQ2360" s="91"/>
      <c r="GR2360" s="91"/>
      <c r="GS2360" s="91"/>
      <c r="GT2360" s="91"/>
      <c r="GU2360" s="91"/>
      <c r="GV2360" s="91"/>
      <c r="GW2360" s="91"/>
      <c r="GX2360" s="91"/>
      <c r="GY2360" s="91"/>
      <c r="GZ2360" s="91"/>
      <c r="HA2360" s="91"/>
      <c r="HB2360" s="91"/>
      <c r="HC2360" s="91"/>
      <c r="HD2360" s="91"/>
      <c r="HE2360" s="91"/>
      <c r="HF2360" s="91"/>
      <c r="HG2360" s="91"/>
      <c r="HH2360" s="91"/>
      <c r="HI2360" s="91"/>
      <c r="HJ2360" s="91"/>
      <c r="HK2360" s="127"/>
      <c r="HL2360" s="126"/>
      <c r="HM2360" s="91"/>
      <c r="HN2360" s="91"/>
      <c r="HO2360" s="91"/>
      <c r="HP2360" s="91"/>
      <c r="HQ2360" s="91"/>
      <c r="HR2360" s="91"/>
      <c r="HS2360" s="91"/>
      <c r="HT2360" s="91"/>
      <c r="HU2360" s="91"/>
      <c r="HV2360" s="91"/>
      <c r="HW2360" s="91"/>
      <c r="HX2360" s="91"/>
      <c r="HY2360" s="91"/>
      <c r="HZ2360" s="91"/>
      <c r="IA2360" s="91"/>
      <c r="IB2360" s="91"/>
      <c r="IC2360" s="91"/>
      <c r="ID2360" s="91"/>
      <c r="IE2360" s="91"/>
      <c r="IF2360" s="91"/>
      <c r="IG2360" s="91"/>
      <c r="IH2360" s="91"/>
      <c r="II2360" s="91"/>
      <c r="IJ2360" s="91"/>
      <c r="IK2360" s="127"/>
    </row>
    <row r="2361" spans="2:245" x14ac:dyDescent="0.2">
      <c r="B2361" s="43"/>
      <c r="C2361" s="73"/>
      <c r="D2361" s="64"/>
      <c r="E2361" s="64"/>
      <c r="F2361" s="55"/>
      <c r="G2361" s="102"/>
      <c r="H2361" s="55"/>
      <c r="I2361" s="55"/>
      <c r="J2361" s="55"/>
      <c r="K2361" s="55"/>
      <c r="L2361" s="55"/>
      <c r="M2361" s="55"/>
      <c r="N2361" s="55"/>
      <c r="O2361" s="55"/>
      <c r="P2361" s="55"/>
      <c r="Q2361" s="55"/>
      <c r="R2361" s="55"/>
      <c r="S2361" s="55"/>
      <c r="T2361" s="55"/>
      <c r="U2361" s="55"/>
      <c r="V2361" s="55"/>
      <c r="W2361" s="55"/>
      <c r="X2361" s="55"/>
      <c r="Y2361" s="55"/>
      <c r="Z2361" s="55"/>
      <c r="AA2361" s="55"/>
      <c r="AB2361" s="55"/>
      <c r="AC2361" s="55"/>
      <c r="AD2361" s="55"/>
      <c r="AE2361" s="55"/>
      <c r="AF2361" s="55"/>
      <c r="AG2361" s="55"/>
      <c r="AY2361" s="162"/>
      <c r="AZ2361" s="162"/>
      <c r="BA2361" s="162"/>
      <c r="BB2361" s="162"/>
      <c r="BC2361" s="162"/>
      <c r="BD2361" s="162"/>
      <c r="BE2361" s="162"/>
      <c r="BF2361" s="162"/>
      <c r="BG2361" s="162"/>
      <c r="BH2361" s="162"/>
      <c r="BI2361" s="162"/>
      <c r="BJ2361" s="162"/>
      <c r="BK2361" s="162"/>
      <c r="BL2361" s="162"/>
      <c r="BM2361" s="162"/>
      <c r="BN2361" s="162"/>
      <c r="BO2361" s="162"/>
      <c r="BP2361" s="162"/>
      <c r="BQ2361" s="162"/>
      <c r="BR2361" s="162"/>
      <c r="BS2361" s="162"/>
      <c r="BT2361" s="162"/>
      <c r="BU2361" s="162"/>
      <c r="BV2361" s="162"/>
      <c r="BW2361" s="162"/>
      <c r="BX2361" s="162"/>
      <c r="BY2361" s="162"/>
      <c r="BZ2361" s="162"/>
      <c r="CA2361" s="162"/>
      <c r="CB2361" s="162"/>
      <c r="CC2361" s="162"/>
      <c r="CD2361" s="162"/>
      <c r="CE2361" s="162"/>
      <c r="CF2361" s="162"/>
      <c r="CG2361" s="162"/>
      <c r="CH2361" s="162"/>
      <c r="CI2361" s="162"/>
      <c r="CJ2361" s="162"/>
      <c r="CK2361" s="162"/>
      <c r="CX2361" s="98"/>
      <c r="DL2361" s="97"/>
      <c r="DX2361" s="98"/>
      <c r="EL2361" s="97"/>
      <c r="EX2361" s="98"/>
      <c r="EY2361" s="97"/>
      <c r="FL2361" s="126"/>
      <c r="FM2361" s="91"/>
      <c r="FN2361" s="91"/>
      <c r="FO2361" s="91"/>
      <c r="FP2361" s="91"/>
      <c r="FQ2361" s="91"/>
      <c r="FR2361" s="91"/>
      <c r="FS2361" s="91"/>
      <c r="FT2361" s="91"/>
      <c r="FU2361" s="91"/>
      <c r="FV2361" s="91"/>
      <c r="FW2361" s="91"/>
      <c r="FX2361" s="91"/>
      <c r="FY2361" s="91"/>
      <c r="FZ2361" s="91"/>
      <c r="GA2361" s="91"/>
      <c r="GB2361" s="91"/>
      <c r="GC2361" s="91"/>
      <c r="GD2361" s="91"/>
      <c r="GE2361" s="91"/>
      <c r="GF2361" s="91"/>
      <c r="GG2361" s="91"/>
      <c r="GH2361" s="91"/>
      <c r="GI2361" s="91"/>
      <c r="GJ2361" s="91"/>
      <c r="GK2361" s="127"/>
      <c r="GL2361" s="126"/>
      <c r="GM2361" s="91"/>
      <c r="GN2361" s="91"/>
      <c r="GO2361" s="91"/>
      <c r="GP2361" s="91"/>
      <c r="GQ2361" s="91"/>
      <c r="GR2361" s="91"/>
      <c r="GS2361" s="91"/>
      <c r="GT2361" s="91"/>
      <c r="GU2361" s="91"/>
      <c r="GV2361" s="91"/>
      <c r="GW2361" s="91"/>
      <c r="GX2361" s="91"/>
      <c r="GY2361" s="91"/>
      <c r="GZ2361" s="91"/>
      <c r="HA2361" s="91"/>
      <c r="HB2361" s="91"/>
      <c r="HC2361" s="91"/>
      <c r="HD2361" s="91"/>
      <c r="HE2361" s="91"/>
      <c r="HF2361" s="91"/>
      <c r="HG2361" s="91"/>
      <c r="HH2361" s="91"/>
      <c r="HI2361" s="91"/>
      <c r="HJ2361" s="91"/>
      <c r="HK2361" s="127"/>
      <c r="HL2361" s="126"/>
      <c r="HM2361" s="91"/>
      <c r="HN2361" s="91"/>
      <c r="HO2361" s="91"/>
      <c r="HP2361" s="91"/>
      <c r="HQ2361" s="91"/>
      <c r="HR2361" s="91"/>
      <c r="HS2361" s="91"/>
      <c r="HT2361" s="91"/>
      <c r="HU2361" s="91"/>
      <c r="HV2361" s="91"/>
      <c r="HW2361" s="91"/>
      <c r="HX2361" s="91"/>
      <c r="HY2361" s="91"/>
      <c r="HZ2361" s="91"/>
      <c r="IA2361" s="91"/>
      <c r="IB2361" s="91"/>
      <c r="IC2361" s="91"/>
      <c r="ID2361" s="91"/>
      <c r="IE2361" s="91"/>
      <c r="IF2361" s="91"/>
      <c r="IG2361" s="91"/>
      <c r="IH2361" s="91"/>
      <c r="II2361" s="91"/>
      <c r="IJ2361" s="91"/>
      <c r="IK2361" s="127"/>
    </row>
    <row r="2362" spans="2:245" x14ac:dyDescent="0.2">
      <c r="B2362" s="43"/>
      <c r="C2362" s="73"/>
      <c r="D2362" s="64"/>
      <c r="E2362" s="64"/>
      <c r="F2362" s="55"/>
      <c r="G2362" s="102"/>
      <c r="H2362" s="55"/>
      <c r="I2362" s="55"/>
      <c r="J2362" s="55"/>
      <c r="K2362" s="55"/>
      <c r="L2362" s="55"/>
      <c r="M2362" s="55"/>
      <c r="N2362" s="55"/>
      <c r="O2362" s="55"/>
      <c r="P2362" s="55"/>
      <c r="Q2362" s="55"/>
      <c r="R2362" s="55"/>
      <c r="S2362" s="55"/>
      <c r="T2362" s="55"/>
      <c r="U2362" s="55"/>
      <c r="V2362" s="55"/>
      <c r="W2362" s="55"/>
      <c r="X2362" s="55"/>
      <c r="Y2362" s="55"/>
      <c r="Z2362" s="55"/>
      <c r="AA2362" s="55"/>
      <c r="AB2362" s="55"/>
      <c r="AC2362" s="55"/>
      <c r="AD2362" s="55"/>
      <c r="AE2362" s="55"/>
      <c r="AF2362" s="55"/>
      <c r="AG2362" s="55"/>
      <c r="AY2362" s="162"/>
      <c r="AZ2362" s="162"/>
      <c r="BA2362" s="162"/>
      <c r="BB2362" s="162"/>
      <c r="BC2362" s="162"/>
      <c r="BD2362" s="162"/>
      <c r="BE2362" s="162"/>
      <c r="BF2362" s="162"/>
      <c r="BG2362" s="162"/>
      <c r="BH2362" s="162"/>
      <c r="BI2362" s="162"/>
      <c r="BJ2362" s="162"/>
      <c r="BK2362" s="162"/>
      <c r="BL2362" s="162"/>
      <c r="BM2362" s="162"/>
      <c r="BN2362" s="162"/>
      <c r="BO2362" s="162"/>
      <c r="BP2362" s="162"/>
      <c r="BQ2362" s="162"/>
      <c r="BR2362" s="162"/>
      <c r="BS2362" s="162"/>
      <c r="BT2362" s="162"/>
      <c r="BU2362" s="162"/>
      <c r="BV2362" s="162"/>
      <c r="BW2362" s="162"/>
      <c r="BX2362" s="162"/>
      <c r="BY2362" s="162"/>
      <c r="BZ2362" s="162"/>
      <c r="CA2362" s="162"/>
      <c r="CB2362" s="162"/>
      <c r="CC2362" s="162"/>
      <c r="CD2362" s="162"/>
      <c r="CE2362" s="162"/>
      <c r="CF2362" s="162"/>
      <c r="CG2362" s="162"/>
      <c r="CH2362" s="162"/>
      <c r="CI2362" s="162"/>
      <c r="CJ2362" s="162"/>
      <c r="CK2362" s="162"/>
      <c r="CX2362" s="98"/>
      <c r="DL2362" s="97"/>
      <c r="DX2362" s="98"/>
      <c r="EL2362" s="97"/>
      <c r="EX2362" s="98"/>
      <c r="EY2362" s="97"/>
      <c r="FL2362" s="126"/>
      <c r="FM2362" s="91"/>
      <c r="FN2362" s="91"/>
      <c r="FO2362" s="91"/>
      <c r="FP2362" s="91"/>
      <c r="FQ2362" s="91"/>
      <c r="FR2362" s="91"/>
      <c r="FS2362" s="91"/>
      <c r="FT2362" s="91"/>
      <c r="FU2362" s="91"/>
      <c r="FV2362" s="91"/>
      <c r="FW2362" s="91"/>
      <c r="FX2362" s="91"/>
      <c r="FY2362" s="91"/>
      <c r="FZ2362" s="91"/>
      <c r="GA2362" s="91"/>
      <c r="GB2362" s="91"/>
      <c r="GC2362" s="91"/>
      <c r="GD2362" s="91"/>
      <c r="GE2362" s="91"/>
      <c r="GF2362" s="91"/>
      <c r="GG2362" s="91"/>
      <c r="GH2362" s="91"/>
      <c r="GI2362" s="91"/>
      <c r="GJ2362" s="91"/>
      <c r="GK2362" s="127"/>
      <c r="GL2362" s="126"/>
      <c r="GM2362" s="91"/>
      <c r="GN2362" s="91"/>
      <c r="GO2362" s="91"/>
      <c r="GP2362" s="91"/>
      <c r="GQ2362" s="91"/>
      <c r="GR2362" s="91"/>
      <c r="GS2362" s="91"/>
      <c r="GT2362" s="91"/>
      <c r="GU2362" s="91"/>
      <c r="GV2362" s="91"/>
      <c r="GW2362" s="91"/>
      <c r="GX2362" s="91"/>
      <c r="GY2362" s="91"/>
      <c r="GZ2362" s="91"/>
      <c r="HA2362" s="91"/>
      <c r="HB2362" s="91"/>
      <c r="HC2362" s="91"/>
      <c r="HD2362" s="91"/>
      <c r="HE2362" s="91"/>
      <c r="HF2362" s="91"/>
      <c r="HG2362" s="91"/>
      <c r="HH2362" s="91"/>
      <c r="HI2362" s="91"/>
      <c r="HJ2362" s="91"/>
      <c r="HK2362" s="127"/>
      <c r="HL2362" s="126"/>
      <c r="HM2362" s="91"/>
      <c r="HN2362" s="91"/>
      <c r="HO2362" s="91"/>
      <c r="HP2362" s="91"/>
      <c r="HQ2362" s="91"/>
      <c r="HR2362" s="91"/>
      <c r="HS2362" s="91"/>
      <c r="HT2362" s="91"/>
      <c r="HU2362" s="91"/>
      <c r="HV2362" s="91"/>
      <c r="HW2362" s="91"/>
      <c r="HX2362" s="91"/>
      <c r="HY2362" s="91"/>
      <c r="HZ2362" s="91"/>
      <c r="IA2362" s="91"/>
      <c r="IB2362" s="91"/>
      <c r="IC2362" s="91"/>
      <c r="ID2362" s="91"/>
      <c r="IE2362" s="91"/>
      <c r="IF2362" s="91"/>
      <c r="IG2362" s="91"/>
      <c r="IH2362" s="91"/>
      <c r="II2362" s="91"/>
      <c r="IJ2362" s="91"/>
      <c r="IK2362" s="127"/>
    </row>
    <row r="2363" spans="2:245" x14ac:dyDescent="0.2">
      <c r="B2363" s="43"/>
      <c r="C2363" s="73"/>
      <c r="D2363" s="64"/>
      <c r="E2363" s="64"/>
      <c r="F2363" s="55"/>
      <c r="G2363" s="102"/>
      <c r="H2363" s="55"/>
      <c r="I2363" s="55"/>
      <c r="J2363" s="55"/>
      <c r="K2363" s="55"/>
      <c r="L2363" s="55"/>
      <c r="M2363" s="55"/>
      <c r="N2363" s="55"/>
      <c r="O2363" s="55"/>
      <c r="P2363" s="55"/>
      <c r="Q2363" s="55"/>
      <c r="R2363" s="55"/>
      <c r="S2363" s="55"/>
      <c r="T2363" s="55"/>
      <c r="U2363" s="55"/>
      <c r="V2363" s="55"/>
      <c r="W2363" s="55"/>
      <c r="X2363" s="55"/>
      <c r="Y2363" s="55"/>
      <c r="Z2363" s="55"/>
      <c r="AA2363" s="55"/>
      <c r="AB2363" s="55"/>
      <c r="AC2363" s="55"/>
      <c r="AD2363" s="55"/>
      <c r="AE2363" s="55"/>
      <c r="AF2363" s="55"/>
      <c r="AG2363" s="55"/>
      <c r="AY2363" s="162"/>
      <c r="AZ2363" s="162"/>
      <c r="BA2363" s="162"/>
      <c r="BB2363" s="162"/>
      <c r="BC2363" s="162"/>
      <c r="BD2363" s="162"/>
      <c r="BE2363" s="162"/>
      <c r="BF2363" s="162"/>
      <c r="BG2363" s="162"/>
      <c r="BH2363" s="162"/>
      <c r="BI2363" s="162"/>
      <c r="BJ2363" s="162"/>
      <c r="BK2363" s="162"/>
      <c r="BL2363" s="162"/>
      <c r="BM2363" s="162"/>
      <c r="BN2363" s="162"/>
      <c r="BO2363" s="162"/>
      <c r="BP2363" s="162"/>
      <c r="BQ2363" s="162"/>
      <c r="BR2363" s="162"/>
      <c r="BS2363" s="162"/>
      <c r="BT2363" s="162"/>
      <c r="BU2363" s="162"/>
      <c r="BV2363" s="162"/>
      <c r="BW2363" s="162"/>
      <c r="BX2363" s="162"/>
      <c r="BY2363" s="162"/>
      <c r="BZ2363" s="162"/>
      <c r="CA2363" s="162"/>
      <c r="CB2363" s="162"/>
      <c r="CC2363" s="162"/>
      <c r="CD2363" s="162"/>
      <c r="CE2363" s="162"/>
      <c r="CF2363" s="162"/>
      <c r="CG2363" s="162"/>
      <c r="CH2363" s="162"/>
      <c r="CI2363" s="162"/>
      <c r="CJ2363" s="162"/>
      <c r="CK2363" s="162"/>
      <c r="CX2363" s="98"/>
      <c r="DL2363" s="97"/>
      <c r="DX2363" s="98"/>
      <c r="EL2363" s="97"/>
      <c r="EX2363" s="98"/>
      <c r="EY2363" s="97"/>
      <c r="FL2363" s="126"/>
      <c r="FM2363" s="91"/>
      <c r="FN2363" s="91"/>
      <c r="FO2363" s="91"/>
      <c r="FP2363" s="91"/>
      <c r="FQ2363" s="91"/>
      <c r="FR2363" s="91"/>
      <c r="FS2363" s="91"/>
      <c r="FT2363" s="91"/>
      <c r="FU2363" s="91"/>
      <c r="FV2363" s="91"/>
      <c r="FW2363" s="91"/>
      <c r="FX2363" s="91"/>
      <c r="FY2363" s="91"/>
      <c r="FZ2363" s="91"/>
      <c r="GA2363" s="91"/>
      <c r="GB2363" s="91"/>
      <c r="GC2363" s="91"/>
      <c r="GD2363" s="91"/>
      <c r="GE2363" s="91"/>
      <c r="GF2363" s="91"/>
      <c r="GG2363" s="91"/>
      <c r="GH2363" s="91"/>
      <c r="GI2363" s="91"/>
      <c r="GJ2363" s="91"/>
      <c r="GK2363" s="127"/>
      <c r="GL2363" s="126"/>
      <c r="GM2363" s="91"/>
      <c r="GN2363" s="91"/>
      <c r="GO2363" s="91"/>
      <c r="GP2363" s="91"/>
      <c r="GQ2363" s="91"/>
      <c r="GR2363" s="91"/>
      <c r="GS2363" s="91"/>
      <c r="GT2363" s="91"/>
      <c r="GU2363" s="91"/>
      <c r="GV2363" s="91"/>
      <c r="GW2363" s="91"/>
      <c r="GX2363" s="91"/>
      <c r="GY2363" s="91"/>
      <c r="GZ2363" s="91"/>
      <c r="HA2363" s="91"/>
      <c r="HB2363" s="91"/>
      <c r="HC2363" s="91"/>
      <c r="HD2363" s="91"/>
      <c r="HE2363" s="91"/>
      <c r="HF2363" s="91"/>
      <c r="HG2363" s="91"/>
      <c r="HH2363" s="91"/>
      <c r="HI2363" s="91"/>
      <c r="HJ2363" s="91"/>
      <c r="HK2363" s="127"/>
      <c r="HL2363" s="126"/>
      <c r="HM2363" s="91"/>
      <c r="HN2363" s="91"/>
      <c r="HO2363" s="91"/>
      <c r="HP2363" s="91"/>
      <c r="HQ2363" s="91"/>
      <c r="HR2363" s="91"/>
      <c r="HS2363" s="91"/>
      <c r="HT2363" s="91"/>
      <c r="HU2363" s="91"/>
      <c r="HV2363" s="91"/>
      <c r="HW2363" s="91"/>
      <c r="HX2363" s="91"/>
      <c r="HY2363" s="91"/>
      <c r="HZ2363" s="91"/>
      <c r="IA2363" s="91"/>
      <c r="IB2363" s="91"/>
      <c r="IC2363" s="91"/>
      <c r="ID2363" s="91"/>
      <c r="IE2363" s="91"/>
      <c r="IF2363" s="91"/>
      <c r="IG2363" s="91"/>
      <c r="IH2363" s="91"/>
      <c r="II2363" s="91"/>
      <c r="IJ2363" s="91"/>
      <c r="IK2363" s="127"/>
    </row>
    <row r="2364" spans="2:245" x14ac:dyDescent="0.2">
      <c r="B2364" s="43"/>
      <c r="C2364" s="73"/>
      <c r="D2364" s="64"/>
      <c r="E2364" s="64"/>
      <c r="F2364" s="55"/>
      <c r="G2364" s="102"/>
      <c r="H2364" s="55"/>
      <c r="I2364" s="55"/>
      <c r="J2364" s="55"/>
      <c r="K2364" s="55"/>
      <c r="L2364" s="55"/>
      <c r="M2364" s="55"/>
      <c r="N2364" s="55"/>
      <c r="O2364" s="55"/>
      <c r="P2364" s="55"/>
      <c r="Q2364" s="55"/>
      <c r="R2364" s="55"/>
      <c r="S2364" s="55"/>
      <c r="T2364" s="55"/>
      <c r="U2364" s="55"/>
      <c r="V2364" s="55"/>
      <c r="W2364" s="55"/>
      <c r="X2364" s="55"/>
      <c r="Y2364" s="55"/>
      <c r="Z2364" s="55"/>
      <c r="AA2364" s="55"/>
      <c r="AB2364" s="55"/>
      <c r="AC2364" s="55"/>
      <c r="AD2364" s="55"/>
      <c r="AE2364" s="55"/>
      <c r="AF2364" s="55"/>
      <c r="AG2364" s="55"/>
      <c r="AY2364" s="162"/>
      <c r="AZ2364" s="162"/>
      <c r="BA2364" s="162"/>
      <c r="BB2364" s="162"/>
      <c r="BC2364" s="162"/>
      <c r="BD2364" s="162"/>
      <c r="BE2364" s="162"/>
      <c r="BF2364" s="162"/>
      <c r="BG2364" s="162"/>
      <c r="BH2364" s="162"/>
      <c r="BI2364" s="162"/>
      <c r="BJ2364" s="162"/>
      <c r="BK2364" s="162"/>
      <c r="BL2364" s="162"/>
      <c r="BM2364" s="162"/>
      <c r="BN2364" s="162"/>
      <c r="BO2364" s="162"/>
      <c r="BP2364" s="162"/>
      <c r="BQ2364" s="162"/>
      <c r="BR2364" s="162"/>
      <c r="BS2364" s="162"/>
      <c r="BT2364" s="162"/>
      <c r="BU2364" s="162"/>
      <c r="BV2364" s="162"/>
      <c r="BW2364" s="162"/>
      <c r="BX2364" s="162"/>
      <c r="BY2364" s="162"/>
      <c r="BZ2364" s="162"/>
      <c r="CA2364" s="162"/>
      <c r="CB2364" s="162"/>
      <c r="CC2364" s="162"/>
      <c r="CD2364" s="162"/>
      <c r="CE2364" s="162"/>
      <c r="CF2364" s="162"/>
      <c r="CG2364" s="162"/>
      <c r="CH2364" s="162"/>
      <c r="CI2364" s="162"/>
      <c r="CJ2364" s="162"/>
      <c r="CK2364" s="162"/>
      <c r="CX2364" s="98"/>
      <c r="DL2364" s="97"/>
      <c r="DX2364" s="98"/>
      <c r="EL2364" s="97"/>
      <c r="EX2364" s="98"/>
      <c r="EY2364" s="97"/>
      <c r="FL2364" s="126"/>
      <c r="FM2364" s="91"/>
      <c r="FN2364" s="91"/>
      <c r="FO2364" s="91"/>
      <c r="FP2364" s="91"/>
      <c r="FQ2364" s="91"/>
      <c r="FR2364" s="91"/>
      <c r="FS2364" s="91"/>
      <c r="FT2364" s="91"/>
      <c r="FU2364" s="91"/>
      <c r="FV2364" s="91"/>
      <c r="FW2364" s="91"/>
      <c r="FX2364" s="91"/>
      <c r="FY2364" s="91"/>
      <c r="FZ2364" s="91"/>
      <c r="GA2364" s="91"/>
      <c r="GB2364" s="91"/>
      <c r="GC2364" s="91"/>
      <c r="GD2364" s="91"/>
      <c r="GE2364" s="91"/>
      <c r="GF2364" s="91"/>
      <c r="GG2364" s="91"/>
      <c r="GH2364" s="91"/>
      <c r="GI2364" s="91"/>
      <c r="GJ2364" s="91"/>
      <c r="GK2364" s="127"/>
      <c r="GL2364" s="126"/>
      <c r="GM2364" s="91"/>
      <c r="GN2364" s="91"/>
      <c r="GO2364" s="91"/>
      <c r="GP2364" s="91"/>
      <c r="GQ2364" s="91"/>
      <c r="GR2364" s="91"/>
      <c r="GS2364" s="91"/>
      <c r="GT2364" s="91"/>
      <c r="GU2364" s="91"/>
      <c r="GV2364" s="91"/>
      <c r="GW2364" s="91"/>
      <c r="GX2364" s="91"/>
      <c r="GY2364" s="91"/>
      <c r="GZ2364" s="91"/>
      <c r="HA2364" s="91"/>
      <c r="HB2364" s="91"/>
      <c r="HC2364" s="91"/>
      <c r="HD2364" s="91"/>
      <c r="HE2364" s="91"/>
      <c r="HF2364" s="91"/>
      <c r="HG2364" s="91"/>
      <c r="HH2364" s="91"/>
      <c r="HI2364" s="91"/>
      <c r="HJ2364" s="91"/>
      <c r="HK2364" s="127"/>
      <c r="HL2364" s="126"/>
      <c r="HM2364" s="91"/>
      <c r="HN2364" s="91"/>
      <c r="HO2364" s="91"/>
      <c r="HP2364" s="91"/>
      <c r="HQ2364" s="91"/>
      <c r="HR2364" s="91"/>
      <c r="HS2364" s="91"/>
      <c r="HT2364" s="91"/>
      <c r="HU2364" s="91"/>
      <c r="HV2364" s="91"/>
      <c r="HW2364" s="91"/>
      <c r="HX2364" s="91"/>
      <c r="HY2364" s="91"/>
      <c r="HZ2364" s="91"/>
      <c r="IA2364" s="91"/>
      <c r="IB2364" s="91"/>
      <c r="IC2364" s="91"/>
      <c r="ID2364" s="91"/>
      <c r="IE2364" s="91"/>
      <c r="IF2364" s="91"/>
      <c r="IG2364" s="91"/>
      <c r="IH2364" s="91"/>
      <c r="II2364" s="91"/>
      <c r="IJ2364" s="91"/>
      <c r="IK2364" s="127"/>
    </row>
    <row r="2365" spans="2:245" x14ac:dyDescent="0.2">
      <c r="B2365" s="43"/>
      <c r="C2365" s="73"/>
      <c r="D2365" s="64"/>
      <c r="E2365" s="64"/>
      <c r="F2365" s="55"/>
      <c r="G2365" s="102"/>
      <c r="H2365" s="55"/>
      <c r="I2365" s="55"/>
      <c r="J2365" s="55"/>
      <c r="K2365" s="55"/>
      <c r="L2365" s="55"/>
      <c r="M2365" s="55"/>
      <c r="N2365" s="55"/>
      <c r="O2365" s="55"/>
      <c r="P2365" s="55"/>
      <c r="Q2365" s="55"/>
      <c r="R2365" s="55"/>
      <c r="S2365" s="55"/>
      <c r="T2365" s="55"/>
      <c r="U2365" s="55"/>
      <c r="V2365" s="55"/>
      <c r="W2365" s="55"/>
      <c r="X2365" s="55"/>
      <c r="Y2365" s="55"/>
      <c r="Z2365" s="55"/>
      <c r="AA2365" s="55"/>
      <c r="AB2365" s="55"/>
      <c r="AC2365" s="55"/>
      <c r="AD2365" s="55"/>
      <c r="AE2365" s="55"/>
      <c r="AF2365" s="55"/>
      <c r="AG2365" s="55"/>
      <c r="AY2365" s="162"/>
      <c r="AZ2365" s="162"/>
      <c r="BA2365" s="162"/>
      <c r="BB2365" s="162"/>
      <c r="BC2365" s="162"/>
      <c r="BD2365" s="162"/>
      <c r="BE2365" s="162"/>
      <c r="BF2365" s="162"/>
      <c r="BG2365" s="162"/>
      <c r="BH2365" s="162"/>
      <c r="BI2365" s="162"/>
      <c r="BJ2365" s="162"/>
      <c r="BK2365" s="162"/>
      <c r="BL2365" s="162"/>
      <c r="BM2365" s="162"/>
      <c r="BN2365" s="162"/>
      <c r="BO2365" s="162"/>
      <c r="BP2365" s="162"/>
      <c r="BQ2365" s="162"/>
      <c r="BR2365" s="162"/>
      <c r="BS2365" s="162"/>
      <c r="BT2365" s="162"/>
      <c r="BU2365" s="162"/>
      <c r="BV2365" s="162"/>
      <c r="BW2365" s="162"/>
      <c r="BX2365" s="162"/>
      <c r="BY2365" s="162"/>
      <c r="BZ2365" s="162"/>
      <c r="CA2365" s="162"/>
      <c r="CB2365" s="162"/>
      <c r="CC2365" s="162"/>
      <c r="CD2365" s="162"/>
      <c r="CE2365" s="162"/>
      <c r="CF2365" s="162"/>
      <c r="CG2365" s="162"/>
      <c r="CH2365" s="162"/>
      <c r="CI2365" s="162"/>
      <c r="CJ2365" s="162"/>
      <c r="CK2365" s="162"/>
      <c r="CX2365" s="98"/>
      <c r="DL2365" s="97"/>
      <c r="DX2365" s="98"/>
      <c r="EL2365" s="97"/>
      <c r="EX2365" s="98"/>
      <c r="EY2365" s="97"/>
      <c r="FL2365" s="126"/>
      <c r="FM2365" s="91"/>
      <c r="FN2365" s="91"/>
      <c r="FO2365" s="91"/>
      <c r="FP2365" s="91"/>
      <c r="FQ2365" s="91"/>
      <c r="FR2365" s="91"/>
      <c r="FS2365" s="91"/>
      <c r="FT2365" s="91"/>
      <c r="FU2365" s="91"/>
      <c r="FV2365" s="91"/>
      <c r="FW2365" s="91"/>
      <c r="FX2365" s="91"/>
      <c r="FY2365" s="91"/>
      <c r="FZ2365" s="91"/>
      <c r="GA2365" s="91"/>
      <c r="GB2365" s="91"/>
      <c r="GC2365" s="91"/>
      <c r="GD2365" s="91"/>
      <c r="GE2365" s="91"/>
      <c r="GF2365" s="91"/>
      <c r="GG2365" s="91"/>
      <c r="GH2365" s="91"/>
      <c r="GI2365" s="91"/>
      <c r="GJ2365" s="91"/>
      <c r="GK2365" s="127"/>
      <c r="GL2365" s="126"/>
      <c r="GM2365" s="91"/>
      <c r="GN2365" s="91"/>
      <c r="GO2365" s="91"/>
      <c r="GP2365" s="91"/>
      <c r="GQ2365" s="91"/>
      <c r="GR2365" s="91"/>
      <c r="GS2365" s="91"/>
      <c r="GT2365" s="91"/>
      <c r="GU2365" s="91"/>
      <c r="GV2365" s="91"/>
      <c r="GW2365" s="91"/>
      <c r="GX2365" s="91"/>
      <c r="GY2365" s="91"/>
      <c r="GZ2365" s="91"/>
      <c r="HA2365" s="91"/>
      <c r="HB2365" s="91"/>
      <c r="HC2365" s="91"/>
      <c r="HD2365" s="91"/>
      <c r="HE2365" s="91"/>
      <c r="HF2365" s="91"/>
      <c r="HG2365" s="91"/>
      <c r="HH2365" s="91"/>
      <c r="HI2365" s="91"/>
      <c r="HJ2365" s="91"/>
      <c r="HK2365" s="127"/>
      <c r="HL2365" s="126"/>
      <c r="HM2365" s="91"/>
      <c r="HN2365" s="91"/>
      <c r="HO2365" s="91"/>
      <c r="HP2365" s="91"/>
      <c r="HQ2365" s="91"/>
      <c r="HR2365" s="91"/>
      <c r="HS2365" s="91"/>
      <c r="HT2365" s="91"/>
      <c r="HU2365" s="91"/>
      <c r="HV2365" s="91"/>
      <c r="HW2365" s="91"/>
      <c r="HX2365" s="91"/>
      <c r="HY2365" s="91"/>
      <c r="HZ2365" s="91"/>
      <c r="IA2365" s="91"/>
      <c r="IB2365" s="91"/>
      <c r="IC2365" s="91"/>
      <c r="ID2365" s="91"/>
      <c r="IE2365" s="91"/>
      <c r="IF2365" s="91"/>
      <c r="IG2365" s="91"/>
      <c r="IH2365" s="91"/>
      <c r="II2365" s="91"/>
      <c r="IJ2365" s="91"/>
      <c r="IK2365" s="127"/>
    </row>
    <row r="2366" spans="2:245" ht="13.5" thickBot="1" x14ac:dyDescent="0.25">
      <c r="B2366" s="43"/>
      <c r="C2366" s="73"/>
      <c r="D2366" s="64"/>
      <c r="E2366" s="64"/>
      <c r="F2366" s="55"/>
      <c r="G2366" s="102"/>
      <c r="H2366" s="55"/>
      <c r="I2366" s="55"/>
      <c r="J2366" s="55"/>
      <c r="K2366" s="55"/>
      <c r="L2366" s="55"/>
      <c r="M2366" s="55"/>
      <c r="N2366" s="55"/>
      <c r="O2366" s="55"/>
      <c r="P2366" s="55"/>
      <c r="Q2366" s="55"/>
      <c r="R2366" s="55"/>
      <c r="S2366" s="55"/>
      <c r="T2366" s="55"/>
      <c r="U2366" s="55"/>
      <c r="V2366" s="55"/>
      <c r="W2366" s="55"/>
      <c r="X2366" s="55"/>
      <c r="Y2366" s="55"/>
      <c r="Z2366" s="55"/>
      <c r="AA2366" s="55"/>
      <c r="AB2366" s="55"/>
      <c r="AC2366" s="55"/>
      <c r="AD2366" s="55"/>
      <c r="AE2366" s="55"/>
      <c r="AF2366" s="55"/>
      <c r="AG2366" s="55"/>
      <c r="AY2366" s="162"/>
      <c r="AZ2366" s="162"/>
      <c r="BA2366" s="162"/>
      <c r="BB2366" s="162"/>
      <c r="BC2366" s="162"/>
      <c r="BD2366" s="162"/>
      <c r="BE2366" s="162"/>
      <c r="BF2366" s="162"/>
      <c r="BG2366" s="162"/>
      <c r="BH2366" s="162"/>
      <c r="BI2366" s="162"/>
      <c r="BJ2366" s="162"/>
      <c r="BK2366" s="162"/>
      <c r="BL2366" s="162"/>
      <c r="BM2366" s="162"/>
      <c r="BN2366" s="162"/>
      <c r="BO2366" s="162"/>
      <c r="BP2366" s="162"/>
      <c r="BQ2366" s="162"/>
      <c r="BR2366" s="162"/>
      <c r="BS2366" s="162"/>
      <c r="BT2366" s="162"/>
      <c r="BU2366" s="162"/>
      <c r="BV2366" s="162"/>
      <c r="BW2366" s="162"/>
      <c r="BX2366" s="162"/>
      <c r="BY2366" s="162"/>
      <c r="BZ2366" s="162"/>
      <c r="CA2366" s="162"/>
      <c r="CB2366" s="162"/>
      <c r="CC2366" s="162"/>
      <c r="CD2366" s="162"/>
      <c r="CE2366" s="162"/>
      <c r="CF2366" s="162"/>
      <c r="CG2366" s="162"/>
      <c r="CH2366" s="162"/>
      <c r="CI2366" s="162"/>
      <c r="CJ2366" s="162"/>
      <c r="CK2366" s="162"/>
      <c r="CX2366" s="98"/>
      <c r="DL2366" s="97"/>
      <c r="DX2366" s="98"/>
      <c r="EL2366" s="97"/>
      <c r="EX2366" s="98"/>
      <c r="EY2366" s="97"/>
      <c r="FL2366" s="126"/>
      <c r="FM2366" s="91"/>
      <c r="FN2366" s="91"/>
      <c r="FO2366" s="91"/>
      <c r="FP2366" s="91"/>
      <c r="FQ2366" s="91"/>
      <c r="FR2366" s="91"/>
      <c r="FS2366" s="91"/>
      <c r="FT2366" s="91"/>
      <c r="FU2366" s="91"/>
      <c r="FV2366" s="91"/>
      <c r="FW2366" s="91"/>
      <c r="FX2366" s="91"/>
      <c r="FY2366" s="91"/>
      <c r="FZ2366" s="91"/>
      <c r="GA2366" s="91"/>
      <c r="GB2366" s="91"/>
      <c r="GC2366" s="91"/>
      <c r="GD2366" s="91"/>
      <c r="GE2366" s="91"/>
      <c r="GF2366" s="91"/>
      <c r="GG2366" s="91"/>
      <c r="GH2366" s="91"/>
      <c r="GI2366" s="91"/>
      <c r="GJ2366" s="91"/>
      <c r="GK2366" s="127"/>
      <c r="GL2366" s="126"/>
      <c r="GM2366" s="91"/>
      <c r="GN2366" s="91"/>
      <c r="GO2366" s="91"/>
      <c r="GP2366" s="91"/>
      <c r="GQ2366" s="91"/>
      <c r="GR2366" s="91"/>
      <c r="GS2366" s="91"/>
      <c r="GT2366" s="91"/>
      <c r="GU2366" s="91"/>
      <c r="GV2366" s="91"/>
      <c r="GW2366" s="91"/>
      <c r="GX2366" s="91"/>
      <c r="GY2366" s="91"/>
      <c r="GZ2366" s="91"/>
      <c r="HA2366" s="91"/>
      <c r="HB2366" s="91"/>
      <c r="HC2366" s="91"/>
      <c r="HD2366" s="91"/>
      <c r="HE2366" s="91"/>
      <c r="HF2366" s="91"/>
      <c r="HG2366" s="91"/>
      <c r="HH2366" s="91"/>
      <c r="HI2366" s="91"/>
      <c r="HJ2366" s="91"/>
      <c r="HK2366" s="127"/>
      <c r="HL2366" s="126"/>
      <c r="HM2366" s="91"/>
      <c r="HN2366" s="91"/>
      <c r="HO2366" s="91"/>
      <c r="HP2366" s="91"/>
      <c r="HQ2366" s="91"/>
      <c r="HR2366" s="91"/>
      <c r="HS2366" s="91"/>
      <c r="HT2366" s="91"/>
      <c r="HU2366" s="91"/>
      <c r="HV2366" s="91"/>
      <c r="HW2366" s="91"/>
      <c r="HX2366" s="91"/>
      <c r="HY2366" s="91"/>
      <c r="HZ2366" s="91"/>
      <c r="IA2366" s="91"/>
      <c r="IB2366" s="91"/>
      <c r="IC2366" s="91"/>
      <c r="ID2366" s="91"/>
      <c r="IE2366" s="91"/>
      <c r="IF2366" s="91"/>
      <c r="IG2366" s="91"/>
      <c r="IH2366" s="91"/>
      <c r="II2366" s="91"/>
      <c r="IJ2366" s="91"/>
      <c r="IK2366" s="127"/>
    </row>
    <row r="2367" spans="2:245" x14ac:dyDescent="0.2">
      <c r="B2367" s="43"/>
      <c r="C2367" s="73"/>
      <c r="D2367" s="64"/>
      <c r="E2367" s="64"/>
      <c r="F2367" s="55"/>
      <c r="G2367" s="102"/>
      <c r="H2367" s="55"/>
      <c r="I2367" s="55"/>
      <c r="J2367" s="55"/>
      <c r="K2367" s="55"/>
      <c r="L2367" s="55"/>
      <c r="M2367" s="55"/>
      <c r="N2367" s="55"/>
      <c r="O2367" s="55"/>
      <c r="P2367" s="55"/>
      <c r="Q2367" s="55"/>
      <c r="R2367" s="55"/>
      <c r="S2367" s="55"/>
      <c r="T2367" s="55"/>
      <c r="U2367" s="55"/>
      <c r="V2367" s="55"/>
      <c r="W2367" s="55"/>
      <c r="X2367" s="55"/>
      <c r="Y2367" s="55"/>
      <c r="Z2367" s="55"/>
      <c r="AA2367" s="55"/>
      <c r="AB2367" s="55"/>
      <c r="AC2367" s="55"/>
      <c r="AD2367" s="55"/>
      <c r="AE2367" s="55"/>
      <c r="AF2367" s="55"/>
      <c r="AG2367" s="55"/>
      <c r="AY2367" s="162"/>
      <c r="AZ2367" s="162"/>
      <c r="BA2367" s="162"/>
      <c r="BB2367" s="162"/>
      <c r="BC2367" s="162"/>
      <c r="BD2367" s="162"/>
      <c r="BE2367" s="162"/>
      <c r="BF2367" s="162"/>
      <c r="BG2367" s="162"/>
      <c r="BH2367" s="162"/>
      <c r="BI2367" s="162"/>
      <c r="BJ2367" s="162"/>
      <c r="BK2367" s="162"/>
      <c r="BL2367" s="162"/>
      <c r="BM2367" s="162"/>
      <c r="BN2367" s="162"/>
      <c r="BO2367" s="162"/>
      <c r="BP2367" s="162"/>
      <c r="BQ2367" s="162"/>
      <c r="BR2367" s="162"/>
      <c r="BS2367" s="162"/>
      <c r="BT2367" s="162"/>
      <c r="BU2367" s="162"/>
      <c r="BV2367" s="162"/>
      <c r="BW2367" s="162"/>
      <c r="BX2367" s="162"/>
      <c r="BY2367" s="162"/>
      <c r="BZ2367" s="162"/>
      <c r="CA2367" s="162"/>
      <c r="CB2367" s="162"/>
      <c r="CC2367" s="162"/>
      <c r="CD2367" s="162"/>
      <c r="CE2367" s="162"/>
      <c r="CF2367" s="162"/>
      <c r="CG2367" s="162"/>
      <c r="CH2367" s="162"/>
      <c r="CI2367" s="162"/>
      <c r="CJ2367" s="162"/>
      <c r="CK2367" s="162"/>
      <c r="CL2367" s="163"/>
      <c r="CM2367" s="163"/>
      <c r="CN2367" s="163"/>
      <c r="CO2367" s="163"/>
      <c r="CP2367" s="163"/>
      <c r="CQ2367" s="163"/>
      <c r="CR2367" s="163"/>
      <c r="CS2367" s="163"/>
      <c r="CT2367" s="163"/>
      <c r="CU2367" s="163"/>
      <c r="CV2367" s="163"/>
      <c r="CW2367" s="163"/>
      <c r="CX2367" s="173"/>
      <c r="CY2367" s="163"/>
      <c r="CZ2367" s="163"/>
      <c r="DA2367" s="163"/>
      <c r="DB2367" s="163"/>
      <c r="DC2367" s="163"/>
      <c r="DD2367" s="163"/>
      <c r="DE2367" s="163"/>
      <c r="DF2367" s="163"/>
      <c r="DG2367" s="163"/>
      <c r="DH2367" s="163"/>
      <c r="DI2367" s="163"/>
      <c r="DJ2367" s="163"/>
      <c r="DK2367" s="163"/>
      <c r="DL2367" s="172"/>
      <c r="DM2367" s="163"/>
      <c r="DN2367" s="163"/>
      <c r="DO2367" s="163"/>
      <c r="DP2367" s="163"/>
      <c r="DQ2367" s="163"/>
      <c r="DR2367" s="163"/>
      <c r="DS2367" s="163"/>
      <c r="DT2367" s="163"/>
      <c r="DU2367" s="163"/>
      <c r="DV2367" s="163"/>
      <c r="DW2367" s="163"/>
      <c r="DX2367" s="173"/>
      <c r="DY2367" s="163"/>
      <c r="DZ2367" s="163"/>
      <c r="EA2367" s="163"/>
      <c r="EB2367" s="163"/>
      <c r="EC2367" s="163"/>
      <c r="ED2367" s="163"/>
      <c r="EE2367" s="163"/>
      <c r="EF2367" s="163"/>
      <c r="EG2367" s="163"/>
      <c r="EH2367" s="163"/>
      <c r="EI2367" s="163"/>
      <c r="EJ2367" s="163"/>
      <c r="EK2367" s="163"/>
      <c r="EL2367" s="172"/>
      <c r="EM2367" s="163"/>
      <c r="EN2367" s="163"/>
      <c r="EO2367" s="163"/>
      <c r="EP2367" s="163"/>
      <c r="EQ2367" s="163"/>
      <c r="ER2367" s="163"/>
      <c r="ES2367" s="163"/>
      <c r="ET2367" s="163"/>
      <c r="EU2367" s="163"/>
      <c r="EV2367" s="163"/>
      <c r="EW2367" s="163"/>
      <c r="EX2367" s="173"/>
      <c r="EY2367" s="172"/>
      <c r="EZ2367" s="163"/>
      <c r="FA2367" s="163"/>
      <c r="FB2367" s="163"/>
      <c r="FC2367" s="163"/>
      <c r="FD2367" s="163"/>
      <c r="FE2367" s="163"/>
      <c r="FF2367" s="163"/>
      <c r="FG2367" s="163"/>
      <c r="FH2367" s="163"/>
      <c r="FI2367" s="163"/>
      <c r="FJ2367" s="163"/>
      <c r="FK2367" s="163"/>
      <c r="FL2367" s="126"/>
      <c r="FM2367" s="91"/>
      <c r="FN2367" s="91"/>
      <c r="FO2367" s="91"/>
      <c r="FP2367" s="91"/>
      <c r="FQ2367" s="91"/>
      <c r="FR2367" s="91"/>
      <c r="FS2367" s="91"/>
      <c r="FT2367" s="91"/>
      <c r="FU2367" s="91"/>
      <c r="FV2367" s="91"/>
      <c r="FW2367" s="91"/>
      <c r="FX2367" s="91"/>
      <c r="FY2367" s="91"/>
      <c r="FZ2367" s="91"/>
      <c r="GA2367" s="91"/>
      <c r="GB2367" s="91"/>
      <c r="GC2367" s="91"/>
      <c r="GD2367" s="91"/>
      <c r="GE2367" s="91"/>
      <c r="GF2367" s="91"/>
      <c r="GG2367" s="91"/>
      <c r="GH2367" s="91"/>
      <c r="GI2367" s="91"/>
      <c r="GJ2367" s="91"/>
      <c r="GK2367" s="127"/>
      <c r="GL2367" s="126"/>
      <c r="GM2367" s="91"/>
      <c r="GN2367" s="91"/>
      <c r="GO2367" s="91"/>
      <c r="GP2367" s="91"/>
      <c r="GQ2367" s="91"/>
      <c r="GR2367" s="91"/>
      <c r="GS2367" s="91"/>
      <c r="GT2367" s="91"/>
      <c r="GU2367" s="91"/>
      <c r="GV2367" s="91"/>
      <c r="GW2367" s="91"/>
      <c r="GX2367" s="91"/>
      <c r="GY2367" s="91"/>
      <c r="GZ2367" s="91"/>
      <c r="HA2367" s="91"/>
      <c r="HB2367" s="91"/>
      <c r="HC2367" s="91"/>
      <c r="HD2367" s="91"/>
      <c r="HE2367" s="91"/>
      <c r="HF2367" s="91"/>
      <c r="HG2367" s="91"/>
      <c r="HH2367" s="91"/>
      <c r="HI2367" s="91"/>
      <c r="HJ2367" s="91"/>
      <c r="HK2367" s="127"/>
      <c r="HL2367" s="126"/>
      <c r="HM2367" s="91"/>
      <c r="HN2367" s="91"/>
      <c r="HO2367" s="91"/>
      <c r="HP2367" s="91"/>
      <c r="HQ2367" s="91"/>
      <c r="HR2367" s="91"/>
      <c r="HS2367" s="91"/>
      <c r="HT2367" s="91"/>
      <c r="HU2367" s="91"/>
      <c r="HV2367" s="91"/>
      <c r="HW2367" s="91"/>
      <c r="HX2367" s="91"/>
      <c r="HY2367" s="91"/>
      <c r="HZ2367" s="91"/>
      <c r="IA2367" s="91"/>
      <c r="IB2367" s="91"/>
      <c r="IC2367" s="91"/>
      <c r="ID2367" s="91"/>
      <c r="IE2367" s="91"/>
      <c r="IF2367" s="91"/>
      <c r="IG2367" s="91"/>
      <c r="IH2367" s="91"/>
      <c r="II2367" s="91"/>
      <c r="IJ2367" s="91"/>
      <c r="IK2367" s="127"/>
    </row>
    <row r="2368" spans="2:245" x14ac:dyDescent="0.2">
      <c r="B2368" s="43"/>
      <c r="C2368" s="73"/>
      <c r="D2368" s="64"/>
      <c r="E2368" s="64"/>
      <c r="F2368" s="55"/>
      <c r="G2368" s="102"/>
      <c r="H2368" s="55"/>
      <c r="I2368" s="55"/>
      <c r="J2368" s="55"/>
      <c r="K2368" s="55"/>
      <c r="L2368" s="55"/>
      <c r="M2368" s="55"/>
      <c r="N2368" s="55"/>
      <c r="O2368" s="55"/>
      <c r="P2368" s="55"/>
      <c r="Q2368" s="55"/>
      <c r="R2368" s="55"/>
      <c r="S2368" s="55"/>
      <c r="T2368" s="55"/>
      <c r="U2368" s="55"/>
      <c r="V2368" s="55"/>
      <c r="W2368" s="55"/>
      <c r="X2368" s="55"/>
      <c r="Y2368" s="55"/>
      <c r="Z2368" s="55"/>
      <c r="AA2368" s="55"/>
      <c r="AB2368" s="55"/>
      <c r="AC2368" s="55"/>
      <c r="AD2368" s="55"/>
      <c r="AE2368" s="55"/>
      <c r="AF2368" s="55"/>
      <c r="AG2368" s="55"/>
      <c r="AY2368" s="162"/>
      <c r="AZ2368" s="162"/>
      <c r="BA2368" s="162"/>
      <c r="BB2368" s="162"/>
      <c r="BC2368" s="162"/>
      <c r="BD2368" s="162"/>
      <c r="BE2368" s="162"/>
      <c r="BF2368" s="162"/>
      <c r="BG2368" s="162"/>
      <c r="BH2368" s="162"/>
      <c r="BI2368" s="162"/>
      <c r="BJ2368" s="162"/>
      <c r="BK2368" s="162"/>
      <c r="BL2368" s="162"/>
      <c r="BM2368" s="162"/>
      <c r="BN2368" s="162"/>
      <c r="BO2368" s="162"/>
      <c r="BP2368" s="162"/>
      <c r="BQ2368" s="162"/>
      <c r="BR2368" s="162"/>
      <c r="BS2368" s="162"/>
      <c r="BT2368" s="162"/>
      <c r="BU2368" s="162"/>
      <c r="BV2368" s="162"/>
      <c r="BW2368" s="162"/>
      <c r="BX2368" s="162"/>
      <c r="BY2368" s="162"/>
      <c r="BZ2368" s="162"/>
      <c r="CA2368" s="162"/>
      <c r="CB2368" s="162"/>
      <c r="CC2368" s="162"/>
      <c r="CD2368" s="162"/>
      <c r="CE2368" s="162"/>
      <c r="CF2368" s="162"/>
      <c r="CG2368" s="162"/>
      <c r="CH2368" s="162"/>
      <c r="CI2368" s="162"/>
      <c r="CJ2368" s="162"/>
      <c r="CK2368" s="162"/>
      <c r="CX2368" s="98"/>
      <c r="DL2368" s="97"/>
      <c r="DX2368" s="98"/>
      <c r="EL2368" s="97"/>
      <c r="EX2368" s="98"/>
      <c r="EY2368" s="97"/>
      <c r="FL2368" s="126"/>
      <c r="FM2368" s="91"/>
      <c r="FN2368" s="91"/>
      <c r="FO2368" s="91"/>
      <c r="FP2368" s="91"/>
      <c r="FQ2368" s="91"/>
      <c r="FR2368" s="91"/>
      <c r="FS2368" s="91"/>
      <c r="FT2368" s="91"/>
      <c r="FU2368" s="91"/>
      <c r="FV2368" s="91"/>
      <c r="FW2368" s="91"/>
      <c r="FX2368" s="91"/>
      <c r="FY2368" s="91"/>
      <c r="FZ2368" s="91"/>
      <c r="GA2368" s="91"/>
      <c r="GB2368" s="91"/>
      <c r="GC2368" s="91"/>
      <c r="GD2368" s="91"/>
      <c r="GE2368" s="91"/>
      <c r="GF2368" s="91"/>
      <c r="GG2368" s="91"/>
      <c r="GH2368" s="91"/>
      <c r="GI2368" s="91"/>
      <c r="GJ2368" s="91"/>
      <c r="GK2368" s="127"/>
      <c r="GL2368" s="126"/>
      <c r="GM2368" s="91"/>
      <c r="GN2368" s="91"/>
      <c r="GO2368" s="91"/>
      <c r="GP2368" s="91"/>
      <c r="GQ2368" s="91"/>
      <c r="GR2368" s="91"/>
      <c r="GS2368" s="91"/>
      <c r="GT2368" s="91"/>
      <c r="GU2368" s="91"/>
      <c r="GV2368" s="91"/>
      <c r="GW2368" s="91"/>
      <c r="GX2368" s="91"/>
      <c r="GY2368" s="91"/>
      <c r="GZ2368" s="91"/>
      <c r="HA2368" s="91"/>
      <c r="HB2368" s="91"/>
      <c r="HC2368" s="91"/>
      <c r="HD2368" s="91"/>
      <c r="HE2368" s="91"/>
      <c r="HF2368" s="91"/>
      <c r="HG2368" s="91"/>
      <c r="HH2368" s="91"/>
      <c r="HI2368" s="91"/>
      <c r="HJ2368" s="91"/>
      <c r="HK2368" s="127"/>
      <c r="HL2368" s="126"/>
      <c r="HM2368" s="91"/>
      <c r="HN2368" s="91"/>
      <c r="HO2368" s="91"/>
      <c r="HP2368" s="91"/>
      <c r="HQ2368" s="91"/>
      <c r="HR2368" s="91"/>
      <c r="HS2368" s="91"/>
      <c r="HT2368" s="91"/>
      <c r="HU2368" s="91"/>
      <c r="HV2368" s="91"/>
      <c r="HW2368" s="91"/>
      <c r="HX2368" s="91"/>
      <c r="HY2368" s="91"/>
      <c r="HZ2368" s="91"/>
      <c r="IA2368" s="91"/>
      <c r="IB2368" s="91"/>
      <c r="IC2368" s="91"/>
      <c r="ID2368" s="91"/>
      <c r="IE2368" s="91"/>
      <c r="IF2368" s="91"/>
      <c r="IG2368" s="91"/>
      <c r="IH2368" s="91"/>
      <c r="II2368" s="91"/>
      <c r="IJ2368" s="91"/>
      <c r="IK2368" s="127"/>
    </row>
    <row r="2369" spans="2:245" x14ac:dyDescent="0.2">
      <c r="B2369" s="43"/>
      <c r="C2369" s="73"/>
      <c r="D2369" s="64"/>
      <c r="E2369" s="64"/>
      <c r="F2369" s="55"/>
      <c r="G2369" s="102"/>
      <c r="H2369" s="55"/>
      <c r="I2369" s="55"/>
      <c r="J2369" s="55"/>
      <c r="K2369" s="55"/>
      <c r="L2369" s="55"/>
      <c r="M2369" s="55"/>
      <c r="N2369" s="55"/>
      <c r="O2369" s="55"/>
      <c r="P2369" s="55"/>
      <c r="Q2369" s="55"/>
      <c r="R2369" s="55"/>
      <c r="S2369" s="55"/>
      <c r="T2369" s="55"/>
      <c r="U2369" s="55"/>
      <c r="V2369" s="55"/>
      <c r="W2369" s="55"/>
      <c r="X2369" s="55"/>
      <c r="Y2369" s="55"/>
      <c r="Z2369" s="55"/>
      <c r="AA2369" s="55"/>
      <c r="AB2369" s="55"/>
      <c r="AC2369" s="55"/>
      <c r="AD2369" s="55"/>
      <c r="AE2369" s="55"/>
      <c r="AF2369" s="55"/>
      <c r="AG2369" s="55"/>
      <c r="AY2369" s="162"/>
      <c r="AZ2369" s="162"/>
      <c r="BA2369" s="162"/>
      <c r="BB2369" s="162"/>
      <c r="BC2369" s="162"/>
      <c r="BD2369" s="162"/>
      <c r="BE2369" s="162"/>
      <c r="BF2369" s="162"/>
      <c r="BG2369" s="162"/>
      <c r="BH2369" s="162"/>
      <c r="BI2369" s="162"/>
      <c r="BJ2369" s="162"/>
      <c r="BK2369" s="162"/>
      <c r="BL2369" s="162"/>
      <c r="BM2369" s="162"/>
      <c r="BN2369" s="162"/>
      <c r="BO2369" s="162"/>
      <c r="BP2369" s="162"/>
      <c r="BQ2369" s="162"/>
      <c r="BR2369" s="162"/>
      <c r="BS2369" s="162"/>
      <c r="BT2369" s="162"/>
      <c r="BU2369" s="162"/>
      <c r="BV2369" s="162"/>
      <c r="BW2369" s="162"/>
      <c r="BX2369" s="162"/>
      <c r="BY2369" s="162"/>
      <c r="BZ2369" s="162"/>
      <c r="CA2369" s="162"/>
      <c r="CB2369" s="162"/>
      <c r="CC2369" s="162"/>
      <c r="CD2369" s="162"/>
      <c r="CE2369" s="162"/>
      <c r="CF2369" s="162"/>
      <c r="CG2369" s="162"/>
      <c r="CH2369" s="162"/>
      <c r="CI2369" s="162"/>
      <c r="CJ2369" s="162"/>
      <c r="CK2369" s="162"/>
      <c r="CX2369" s="98"/>
      <c r="DL2369" s="97"/>
      <c r="DX2369" s="98"/>
      <c r="EL2369" s="97"/>
      <c r="EX2369" s="98"/>
      <c r="EY2369" s="97"/>
      <c r="FL2369" s="126"/>
      <c r="FM2369" s="91"/>
      <c r="FN2369" s="91"/>
      <c r="FO2369" s="91"/>
      <c r="FP2369" s="91"/>
      <c r="FQ2369" s="91"/>
      <c r="FR2369" s="91"/>
      <c r="FS2369" s="91"/>
      <c r="FT2369" s="91"/>
      <c r="FU2369" s="91"/>
      <c r="FV2369" s="91"/>
      <c r="FW2369" s="91"/>
      <c r="FX2369" s="91"/>
      <c r="FY2369" s="91"/>
      <c r="FZ2369" s="91"/>
      <c r="GA2369" s="91"/>
      <c r="GB2369" s="91"/>
      <c r="GC2369" s="91"/>
      <c r="GD2369" s="91"/>
      <c r="GE2369" s="91"/>
      <c r="GF2369" s="91"/>
      <c r="GG2369" s="91"/>
      <c r="GH2369" s="91"/>
      <c r="GI2369" s="91"/>
      <c r="GJ2369" s="91"/>
      <c r="GK2369" s="127"/>
      <c r="GL2369" s="126"/>
      <c r="GM2369" s="91"/>
      <c r="GN2369" s="91"/>
      <c r="GO2369" s="91"/>
      <c r="GP2369" s="91"/>
      <c r="GQ2369" s="91"/>
      <c r="GR2369" s="91"/>
      <c r="GS2369" s="91"/>
      <c r="GT2369" s="91"/>
      <c r="GU2369" s="91"/>
      <c r="GV2369" s="91"/>
      <c r="GW2369" s="91"/>
      <c r="GX2369" s="91"/>
      <c r="GY2369" s="91"/>
      <c r="GZ2369" s="91"/>
      <c r="HA2369" s="91"/>
      <c r="HB2369" s="91"/>
      <c r="HC2369" s="91"/>
      <c r="HD2369" s="91"/>
      <c r="HE2369" s="91"/>
      <c r="HF2369" s="91"/>
      <c r="HG2369" s="91"/>
      <c r="HH2369" s="91"/>
      <c r="HI2369" s="91"/>
      <c r="HJ2369" s="91"/>
      <c r="HK2369" s="127"/>
      <c r="HL2369" s="126"/>
      <c r="HM2369" s="91"/>
      <c r="HN2369" s="91"/>
      <c r="HO2369" s="91"/>
      <c r="HP2369" s="91"/>
      <c r="HQ2369" s="91"/>
      <c r="HR2369" s="91"/>
      <c r="HS2369" s="91"/>
      <c r="HT2369" s="91"/>
      <c r="HU2369" s="91"/>
      <c r="HV2369" s="91"/>
      <c r="HW2369" s="91"/>
      <c r="HX2369" s="91"/>
      <c r="HY2369" s="91"/>
      <c r="HZ2369" s="91"/>
      <c r="IA2369" s="91"/>
      <c r="IB2369" s="91"/>
      <c r="IC2369" s="91"/>
      <c r="ID2369" s="91"/>
      <c r="IE2369" s="91"/>
      <c r="IF2369" s="91"/>
      <c r="IG2369" s="91"/>
      <c r="IH2369" s="91"/>
      <c r="II2369" s="91"/>
      <c r="IJ2369" s="91"/>
      <c r="IK2369" s="127"/>
    </row>
    <row r="2370" spans="2:245" x14ac:dyDescent="0.2">
      <c r="B2370" s="43"/>
      <c r="C2370" s="73"/>
      <c r="D2370" s="64"/>
      <c r="E2370" s="64"/>
      <c r="F2370" s="55"/>
      <c r="G2370" s="102"/>
      <c r="H2370" s="55"/>
      <c r="I2370" s="55"/>
      <c r="J2370" s="55"/>
      <c r="K2370" s="55"/>
      <c r="L2370" s="55"/>
      <c r="M2370" s="55"/>
      <c r="N2370" s="55"/>
      <c r="O2370" s="55"/>
      <c r="P2370" s="55"/>
      <c r="Q2370" s="55"/>
      <c r="R2370" s="55"/>
      <c r="S2370" s="55"/>
      <c r="T2370" s="55"/>
      <c r="U2370" s="55"/>
      <c r="V2370" s="55"/>
      <c r="W2370" s="55"/>
      <c r="X2370" s="55"/>
      <c r="Y2370" s="55"/>
      <c r="Z2370" s="55"/>
      <c r="AA2370" s="55"/>
      <c r="AB2370" s="55"/>
      <c r="AC2370" s="55"/>
      <c r="AD2370" s="55"/>
      <c r="AE2370" s="55"/>
      <c r="AF2370" s="55"/>
      <c r="AG2370" s="55"/>
      <c r="AY2370" s="162"/>
      <c r="AZ2370" s="162"/>
      <c r="BA2370" s="162"/>
      <c r="BB2370" s="162"/>
      <c r="BC2370" s="162"/>
      <c r="BD2370" s="162"/>
      <c r="BE2370" s="162"/>
      <c r="BF2370" s="162"/>
      <c r="BG2370" s="162"/>
      <c r="BH2370" s="162"/>
      <c r="BI2370" s="162"/>
      <c r="BJ2370" s="162"/>
      <c r="BK2370" s="162"/>
      <c r="BL2370" s="162"/>
      <c r="BM2370" s="162"/>
      <c r="BN2370" s="162"/>
      <c r="BO2370" s="162"/>
      <c r="BP2370" s="162"/>
      <c r="BQ2370" s="162"/>
      <c r="BR2370" s="162"/>
      <c r="BS2370" s="162"/>
      <c r="BT2370" s="162"/>
      <c r="BU2370" s="162"/>
      <c r="BV2370" s="162"/>
      <c r="BW2370" s="162"/>
      <c r="BX2370" s="162"/>
      <c r="BY2370" s="162"/>
      <c r="BZ2370" s="162"/>
      <c r="CA2370" s="162"/>
      <c r="CB2370" s="162"/>
      <c r="CC2370" s="162"/>
      <c r="CD2370" s="162"/>
      <c r="CE2370" s="162"/>
      <c r="CF2370" s="162"/>
      <c r="CG2370" s="162"/>
      <c r="CH2370" s="162"/>
      <c r="CI2370" s="162"/>
      <c r="CJ2370" s="162"/>
      <c r="CK2370" s="162"/>
      <c r="CX2370" s="98"/>
      <c r="DL2370" s="97"/>
      <c r="DX2370" s="98"/>
      <c r="EL2370" s="97"/>
      <c r="EX2370" s="98"/>
      <c r="EY2370" s="97"/>
      <c r="FL2370" s="126"/>
      <c r="FM2370" s="91"/>
      <c r="FN2370" s="91"/>
      <c r="FO2370" s="91"/>
      <c r="FP2370" s="91"/>
      <c r="FQ2370" s="91"/>
      <c r="FR2370" s="91"/>
      <c r="FS2370" s="91"/>
      <c r="FT2370" s="91"/>
      <c r="FU2370" s="91"/>
      <c r="FV2370" s="91"/>
      <c r="FW2370" s="91"/>
      <c r="FX2370" s="91"/>
      <c r="FY2370" s="91"/>
      <c r="FZ2370" s="91"/>
      <c r="GA2370" s="91"/>
      <c r="GB2370" s="91"/>
      <c r="GC2370" s="91"/>
      <c r="GD2370" s="91"/>
      <c r="GE2370" s="91"/>
      <c r="GF2370" s="91"/>
      <c r="GG2370" s="91"/>
      <c r="GH2370" s="91"/>
      <c r="GI2370" s="91"/>
      <c r="GJ2370" s="91"/>
      <c r="GK2370" s="127"/>
      <c r="GL2370" s="126"/>
      <c r="GM2370" s="91"/>
      <c r="GN2370" s="91"/>
      <c r="GO2370" s="91"/>
      <c r="GP2370" s="91"/>
      <c r="GQ2370" s="91"/>
      <c r="GR2370" s="91"/>
      <c r="GS2370" s="91"/>
      <c r="GT2370" s="91"/>
      <c r="GU2370" s="91"/>
      <c r="GV2370" s="91"/>
      <c r="GW2370" s="91"/>
      <c r="GX2370" s="91"/>
      <c r="GY2370" s="91"/>
      <c r="GZ2370" s="91"/>
      <c r="HA2370" s="91"/>
      <c r="HB2370" s="91"/>
      <c r="HC2370" s="91"/>
      <c r="HD2370" s="91"/>
      <c r="HE2370" s="91"/>
      <c r="HF2370" s="91"/>
      <c r="HG2370" s="91"/>
      <c r="HH2370" s="91"/>
      <c r="HI2370" s="91"/>
      <c r="HJ2370" s="91"/>
      <c r="HK2370" s="127"/>
      <c r="HL2370" s="126"/>
      <c r="HM2370" s="91"/>
      <c r="HN2370" s="91"/>
      <c r="HO2370" s="91"/>
      <c r="HP2370" s="91"/>
      <c r="HQ2370" s="91"/>
      <c r="HR2370" s="91"/>
      <c r="HS2370" s="91"/>
      <c r="HT2370" s="91"/>
      <c r="HU2370" s="91"/>
      <c r="HV2370" s="91"/>
      <c r="HW2370" s="91"/>
      <c r="HX2370" s="91"/>
      <c r="HY2370" s="91"/>
      <c r="HZ2370" s="91"/>
      <c r="IA2370" s="91"/>
      <c r="IB2370" s="91"/>
      <c r="IC2370" s="91"/>
      <c r="ID2370" s="91"/>
      <c r="IE2370" s="91"/>
      <c r="IF2370" s="91"/>
      <c r="IG2370" s="91"/>
      <c r="IH2370" s="91"/>
      <c r="II2370" s="91"/>
      <c r="IJ2370" s="91"/>
      <c r="IK2370" s="127"/>
    </row>
    <row r="2371" spans="2:245" x14ac:dyDescent="0.2">
      <c r="B2371" s="43"/>
      <c r="C2371" s="73"/>
      <c r="D2371" s="64"/>
      <c r="E2371" s="64"/>
      <c r="F2371" s="55"/>
      <c r="G2371" s="102"/>
      <c r="H2371" s="55"/>
      <c r="I2371" s="55"/>
      <c r="J2371" s="55"/>
      <c r="K2371" s="55"/>
      <c r="L2371" s="55"/>
      <c r="M2371" s="55"/>
      <c r="N2371" s="55"/>
      <c r="O2371" s="55"/>
      <c r="P2371" s="55"/>
      <c r="Q2371" s="55"/>
      <c r="R2371" s="55"/>
      <c r="S2371" s="55"/>
      <c r="T2371" s="55"/>
      <c r="U2371" s="55"/>
      <c r="V2371" s="55"/>
      <c r="W2371" s="55"/>
      <c r="X2371" s="55"/>
      <c r="Y2371" s="55"/>
      <c r="Z2371" s="55"/>
      <c r="AA2371" s="55"/>
      <c r="AB2371" s="55"/>
      <c r="AC2371" s="55"/>
      <c r="AD2371" s="55"/>
      <c r="AE2371" s="55"/>
      <c r="AF2371" s="55"/>
      <c r="AG2371" s="55"/>
      <c r="AY2371" s="162"/>
      <c r="AZ2371" s="162"/>
      <c r="BA2371" s="162"/>
      <c r="BB2371" s="162"/>
      <c r="BC2371" s="162"/>
      <c r="BD2371" s="162"/>
      <c r="BE2371" s="162"/>
      <c r="BF2371" s="162"/>
      <c r="BG2371" s="162"/>
      <c r="BH2371" s="162"/>
      <c r="BI2371" s="162"/>
      <c r="BJ2371" s="162"/>
      <c r="BK2371" s="162"/>
      <c r="BL2371" s="162"/>
      <c r="BM2371" s="162"/>
      <c r="BN2371" s="162"/>
      <c r="BO2371" s="162"/>
      <c r="BP2371" s="162"/>
      <c r="BQ2371" s="162"/>
      <c r="BR2371" s="162"/>
      <c r="BS2371" s="162"/>
      <c r="BT2371" s="162"/>
      <c r="BU2371" s="162"/>
      <c r="BV2371" s="162"/>
      <c r="BW2371" s="162"/>
      <c r="BX2371" s="162"/>
      <c r="BY2371" s="162"/>
      <c r="BZ2371" s="162"/>
      <c r="CA2371" s="162"/>
      <c r="CB2371" s="162"/>
      <c r="CC2371" s="162"/>
      <c r="CD2371" s="162"/>
      <c r="CE2371" s="162"/>
      <c r="CF2371" s="162"/>
      <c r="CG2371" s="162"/>
      <c r="CH2371" s="162"/>
      <c r="CI2371" s="162"/>
      <c r="CJ2371" s="162"/>
      <c r="CK2371" s="162"/>
      <c r="CX2371" s="98"/>
      <c r="DL2371" s="97"/>
      <c r="DX2371" s="98"/>
      <c r="EL2371" s="97"/>
      <c r="EX2371" s="98"/>
      <c r="EY2371" s="97"/>
      <c r="FL2371" s="126"/>
      <c r="FM2371" s="91"/>
      <c r="FN2371" s="91"/>
      <c r="FO2371" s="91"/>
      <c r="FP2371" s="91"/>
      <c r="FQ2371" s="91"/>
      <c r="FR2371" s="91"/>
      <c r="FS2371" s="91"/>
      <c r="FT2371" s="91"/>
      <c r="FU2371" s="91"/>
      <c r="FV2371" s="91"/>
      <c r="FW2371" s="91"/>
      <c r="FX2371" s="91"/>
      <c r="FY2371" s="91"/>
      <c r="FZ2371" s="91"/>
      <c r="GA2371" s="91"/>
      <c r="GB2371" s="91"/>
      <c r="GC2371" s="91"/>
      <c r="GD2371" s="91"/>
      <c r="GE2371" s="91"/>
      <c r="GF2371" s="91"/>
      <c r="GG2371" s="91"/>
      <c r="GH2371" s="91"/>
      <c r="GI2371" s="91"/>
      <c r="GJ2371" s="91"/>
      <c r="GK2371" s="127"/>
      <c r="GL2371" s="126"/>
      <c r="GM2371" s="91"/>
      <c r="GN2371" s="91"/>
      <c r="GO2371" s="91"/>
      <c r="GP2371" s="91"/>
      <c r="GQ2371" s="91"/>
      <c r="GR2371" s="91"/>
      <c r="GS2371" s="91"/>
      <c r="GT2371" s="91"/>
      <c r="GU2371" s="91"/>
      <c r="GV2371" s="91"/>
      <c r="GW2371" s="91"/>
      <c r="GX2371" s="91"/>
      <c r="GY2371" s="91"/>
      <c r="GZ2371" s="91"/>
      <c r="HA2371" s="91"/>
      <c r="HB2371" s="91"/>
      <c r="HC2371" s="91"/>
      <c r="HD2371" s="91"/>
      <c r="HE2371" s="91"/>
      <c r="HF2371" s="91"/>
      <c r="HG2371" s="91"/>
      <c r="HH2371" s="91"/>
      <c r="HI2371" s="91"/>
      <c r="HJ2371" s="91"/>
      <c r="HK2371" s="127"/>
      <c r="HL2371" s="126"/>
      <c r="HM2371" s="91"/>
      <c r="HN2371" s="91"/>
      <c r="HO2371" s="91"/>
      <c r="HP2371" s="91"/>
      <c r="HQ2371" s="91"/>
      <c r="HR2371" s="91"/>
      <c r="HS2371" s="91"/>
      <c r="HT2371" s="91"/>
      <c r="HU2371" s="91"/>
      <c r="HV2371" s="91"/>
      <c r="HW2371" s="91"/>
      <c r="HX2371" s="91"/>
      <c r="HY2371" s="91"/>
      <c r="HZ2371" s="91"/>
      <c r="IA2371" s="91"/>
      <c r="IB2371" s="91"/>
      <c r="IC2371" s="91"/>
      <c r="ID2371" s="91"/>
      <c r="IE2371" s="91"/>
      <c r="IF2371" s="91"/>
      <c r="IG2371" s="91"/>
      <c r="IH2371" s="91"/>
      <c r="II2371" s="91"/>
      <c r="IJ2371" s="91"/>
      <c r="IK2371" s="127"/>
    </row>
    <row r="2372" spans="2:245" ht="13.5" thickBot="1" x14ac:dyDescent="0.25">
      <c r="B2372" s="43"/>
      <c r="C2372" s="73"/>
      <c r="D2372" s="64"/>
      <c r="E2372" s="64"/>
      <c r="F2372" s="55"/>
      <c r="G2372" s="102"/>
      <c r="H2372" s="55"/>
      <c r="I2372" s="55"/>
      <c r="J2372" s="55"/>
      <c r="K2372" s="55"/>
      <c r="L2372" s="55"/>
      <c r="M2372" s="55"/>
      <c r="N2372" s="55"/>
      <c r="O2372" s="55"/>
      <c r="P2372" s="55"/>
      <c r="Q2372" s="55"/>
      <c r="R2372" s="55"/>
      <c r="S2372" s="55"/>
      <c r="T2372" s="55"/>
      <c r="U2372" s="55"/>
      <c r="V2372" s="55"/>
      <c r="W2372" s="55"/>
      <c r="X2372" s="55"/>
      <c r="Y2372" s="55"/>
      <c r="Z2372" s="55"/>
      <c r="AA2372" s="55"/>
      <c r="AB2372" s="55"/>
      <c r="AC2372" s="55"/>
      <c r="AD2372" s="55"/>
      <c r="AE2372" s="55"/>
      <c r="AF2372" s="55"/>
      <c r="AG2372" s="55"/>
      <c r="AY2372" s="162"/>
      <c r="AZ2372" s="162"/>
      <c r="BA2372" s="162"/>
      <c r="BB2372" s="162"/>
      <c r="BC2372" s="162"/>
      <c r="BD2372" s="162"/>
      <c r="BE2372" s="162"/>
      <c r="BF2372" s="162"/>
      <c r="BG2372" s="162"/>
      <c r="BH2372" s="162"/>
      <c r="BI2372" s="162"/>
      <c r="BJ2372" s="162"/>
      <c r="BK2372" s="162"/>
      <c r="BL2372" s="162"/>
      <c r="BM2372" s="162"/>
      <c r="BN2372" s="162"/>
      <c r="BO2372" s="162"/>
      <c r="BP2372" s="162"/>
      <c r="BQ2372" s="162"/>
      <c r="BR2372" s="162"/>
      <c r="BS2372" s="162"/>
      <c r="BT2372" s="162"/>
      <c r="BU2372" s="162"/>
      <c r="BV2372" s="162"/>
      <c r="BW2372" s="162"/>
      <c r="BX2372" s="162"/>
      <c r="BY2372" s="162"/>
      <c r="BZ2372" s="162"/>
      <c r="CA2372" s="162"/>
      <c r="CB2372" s="162"/>
      <c r="CC2372" s="162"/>
      <c r="CD2372" s="162"/>
      <c r="CE2372" s="162"/>
      <c r="CF2372" s="162"/>
      <c r="CG2372" s="162"/>
      <c r="CH2372" s="162"/>
      <c r="CI2372" s="162"/>
      <c r="CJ2372" s="162"/>
      <c r="CK2372" s="162"/>
      <c r="CL2372" s="166"/>
      <c r="CM2372" s="166"/>
      <c r="CN2372" s="166"/>
      <c r="CO2372" s="166"/>
      <c r="CP2372" s="166"/>
      <c r="CQ2372" s="166"/>
      <c r="CR2372" s="166"/>
      <c r="CS2372" s="166"/>
      <c r="CT2372" s="166"/>
      <c r="CU2372" s="166"/>
      <c r="CV2372" s="166"/>
      <c r="CW2372" s="166"/>
      <c r="CX2372" s="176"/>
      <c r="CY2372" s="166"/>
      <c r="CZ2372" s="166"/>
      <c r="DA2372" s="166"/>
      <c r="DB2372" s="166"/>
      <c r="DC2372" s="166"/>
      <c r="DD2372" s="166"/>
      <c r="DE2372" s="166"/>
      <c r="DF2372" s="166"/>
      <c r="DG2372" s="166"/>
      <c r="DH2372" s="166"/>
      <c r="DI2372" s="166"/>
      <c r="DJ2372" s="166"/>
      <c r="DK2372" s="166"/>
      <c r="DL2372" s="175"/>
      <c r="DM2372" s="166"/>
      <c r="DN2372" s="166"/>
      <c r="DO2372" s="166"/>
      <c r="DP2372" s="166"/>
      <c r="DQ2372" s="166"/>
      <c r="DR2372" s="166"/>
      <c r="DS2372" s="166"/>
      <c r="DT2372" s="166"/>
      <c r="DU2372" s="166"/>
      <c r="DV2372" s="166"/>
      <c r="DW2372" s="166"/>
      <c r="DX2372" s="176"/>
      <c r="DY2372" s="166"/>
      <c r="DZ2372" s="166"/>
      <c r="EA2372" s="166"/>
      <c r="EB2372" s="166"/>
      <c r="EC2372" s="166"/>
      <c r="ED2372" s="166"/>
      <c r="EE2372" s="166"/>
      <c r="EF2372" s="166"/>
      <c r="EG2372" s="166"/>
      <c r="EH2372" s="166"/>
      <c r="EI2372" s="166"/>
      <c r="EJ2372" s="166"/>
      <c r="EK2372" s="166"/>
      <c r="EL2372" s="175"/>
      <c r="EM2372" s="166"/>
      <c r="EN2372" s="166"/>
      <c r="EO2372" s="166"/>
      <c r="EP2372" s="166"/>
      <c r="EQ2372" s="166"/>
      <c r="ER2372" s="166"/>
      <c r="ES2372" s="166"/>
      <c r="ET2372" s="166"/>
      <c r="EU2372" s="166"/>
      <c r="EV2372" s="166"/>
      <c r="EW2372" s="166"/>
      <c r="EX2372" s="176"/>
      <c r="EY2372" s="175"/>
      <c r="EZ2372" s="166"/>
      <c r="FA2372" s="166"/>
      <c r="FB2372" s="166"/>
      <c r="FC2372" s="166"/>
      <c r="FD2372" s="166"/>
      <c r="FE2372" s="166"/>
      <c r="FF2372" s="166"/>
      <c r="FG2372" s="166"/>
      <c r="FH2372" s="166"/>
      <c r="FI2372" s="166"/>
      <c r="FJ2372" s="166"/>
      <c r="FK2372" s="166"/>
      <c r="FL2372" s="126"/>
      <c r="FM2372" s="91"/>
      <c r="FN2372" s="91"/>
      <c r="FO2372" s="91"/>
      <c r="FP2372" s="91"/>
      <c r="FQ2372" s="91"/>
      <c r="FR2372" s="91"/>
      <c r="FS2372" s="91"/>
      <c r="FT2372" s="91"/>
      <c r="FU2372" s="91"/>
      <c r="FV2372" s="91"/>
      <c r="FW2372" s="91"/>
      <c r="FX2372" s="91"/>
      <c r="FY2372" s="91"/>
      <c r="FZ2372" s="91"/>
      <c r="GA2372" s="91"/>
      <c r="GB2372" s="91"/>
      <c r="GC2372" s="91"/>
      <c r="GD2372" s="91"/>
      <c r="GE2372" s="91"/>
      <c r="GF2372" s="91"/>
      <c r="GG2372" s="91"/>
      <c r="GH2372" s="91"/>
      <c r="GI2372" s="91"/>
      <c r="GJ2372" s="91"/>
      <c r="GK2372" s="127"/>
      <c r="GL2372" s="126"/>
      <c r="GM2372" s="91"/>
      <c r="GN2372" s="91"/>
      <c r="GO2372" s="91"/>
      <c r="GP2372" s="91"/>
      <c r="GQ2372" s="91"/>
      <c r="GR2372" s="91"/>
      <c r="GS2372" s="91"/>
      <c r="GT2372" s="91"/>
      <c r="GU2372" s="91"/>
      <c r="GV2372" s="91"/>
      <c r="GW2372" s="91"/>
      <c r="GX2372" s="91"/>
      <c r="GY2372" s="91"/>
      <c r="GZ2372" s="91"/>
      <c r="HA2372" s="91"/>
      <c r="HB2372" s="91"/>
      <c r="HC2372" s="91"/>
      <c r="HD2372" s="91"/>
      <c r="HE2372" s="91"/>
      <c r="HF2372" s="91"/>
      <c r="HG2372" s="91"/>
      <c r="HH2372" s="91"/>
      <c r="HI2372" s="91"/>
      <c r="HJ2372" s="91"/>
      <c r="HK2372" s="127"/>
      <c r="HL2372" s="126"/>
      <c r="HM2372" s="91"/>
      <c r="HN2372" s="91"/>
      <c r="HO2372" s="91"/>
      <c r="HP2372" s="91"/>
      <c r="HQ2372" s="91"/>
      <c r="HR2372" s="91"/>
      <c r="HS2372" s="91"/>
      <c r="HT2372" s="91"/>
      <c r="HU2372" s="91"/>
      <c r="HV2372" s="91"/>
      <c r="HW2372" s="91"/>
      <c r="HX2372" s="91"/>
      <c r="HY2372" s="91"/>
      <c r="HZ2372" s="91"/>
      <c r="IA2372" s="91"/>
      <c r="IB2372" s="91"/>
      <c r="IC2372" s="91"/>
      <c r="ID2372" s="91"/>
      <c r="IE2372" s="91"/>
      <c r="IF2372" s="91"/>
      <c r="IG2372" s="91"/>
      <c r="IH2372" s="91"/>
      <c r="II2372" s="91"/>
      <c r="IJ2372" s="91"/>
      <c r="IK2372" s="127"/>
    </row>
    <row r="2373" spans="2:245" x14ac:dyDescent="0.2">
      <c r="B2373" s="43"/>
      <c r="C2373" s="73"/>
      <c r="D2373" s="64"/>
      <c r="E2373" s="64"/>
      <c r="F2373" s="55"/>
      <c r="G2373" s="102"/>
      <c r="H2373" s="55"/>
      <c r="I2373" s="55"/>
      <c r="J2373" s="55"/>
      <c r="K2373" s="55"/>
      <c r="L2373" s="55"/>
      <c r="M2373" s="55"/>
      <c r="N2373" s="55"/>
      <c r="O2373" s="55"/>
      <c r="P2373" s="55"/>
      <c r="Q2373" s="55"/>
      <c r="R2373" s="55"/>
      <c r="S2373" s="55"/>
      <c r="T2373" s="55"/>
      <c r="U2373" s="55"/>
      <c r="V2373" s="55"/>
      <c r="W2373" s="55"/>
      <c r="X2373" s="55"/>
      <c r="Y2373" s="55"/>
      <c r="Z2373" s="55"/>
      <c r="AA2373" s="55"/>
      <c r="AB2373" s="55"/>
      <c r="AC2373" s="55"/>
      <c r="AD2373" s="55"/>
      <c r="AE2373" s="55"/>
      <c r="AF2373" s="55"/>
      <c r="AG2373" s="55"/>
      <c r="AY2373" s="162"/>
      <c r="AZ2373" s="162"/>
      <c r="BA2373" s="162"/>
      <c r="BB2373" s="162"/>
      <c r="BC2373" s="162"/>
      <c r="BD2373" s="162"/>
      <c r="BE2373" s="162"/>
      <c r="BF2373" s="162"/>
      <c r="BG2373" s="162"/>
      <c r="BH2373" s="162"/>
      <c r="BI2373" s="162"/>
      <c r="BJ2373" s="162"/>
      <c r="BK2373" s="162"/>
      <c r="BL2373" s="162"/>
      <c r="BM2373" s="162"/>
      <c r="BN2373" s="162"/>
      <c r="BO2373" s="162"/>
      <c r="BP2373" s="162"/>
      <c r="BQ2373" s="162"/>
      <c r="BR2373" s="162"/>
      <c r="BS2373" s="162"/>
      <c r="BT2373" s="162"/>
      <c r="BU2373" s="162"/>
      <c r="BV2373" s="162"/>
      <c r="BW2373" s="162"/>
      <c r="BX2373" s="162"/>
      <c r="BY2373" s="162"/>
      <c r="BZ2373" s="162"/>
      <c r="CA2373" s="162"/>
      <c r="CB2373" s="162"/>
      <c r="CC2373" s="162"/>
      <c r="CD2373" s="162"/>
      <c r="CE2373" s="162"/>
      <c r="CF2373" s="162"/>
      <c r="CG2373" s="162"/>
      <c r="CH2373" s="162"/>
      <c r="CI2373" s="162"/>
      <c r="CJ2373" s="162"/>
      <c r="CK2373" s="162"/>
      <c r="CX2373" s="98"/>
      <c r="DL2373" s="97"/>
      <c r="DX2373" s="98"/>
      <c r="EL2373" s="97"/>
      <c r="EX2373" s="98"/>
      <c r="EY2373" s="97"/>
      <c r="FL2373" s="126"/>
      <c r="FM2373" s="91"/>
      <c r="FN2373" s="91"/>
      <c r="FO2373" s="91"/>
      <c r="FP2373" s="91"/>
      <c r="FQ2373" s="91"/>
      <c r="FR2373" s="91"/>
      <c r="FS2373" s="91"/>
      <c r="FT2373" s="91"/>
      <c r="FU2373" s="91"/>
      <c r="FV2373" s="91"/>
      <c r="FW2373" s="91"/>
      <c r="FX2373" s="91"/>
      <c r="FY2373" s="91"/>
      <c r="FZ2373" s="91"/>
      <c r="GA2373" s="91"/>
      <c r="GB2373" s="91"/>
      <c r="GC2373" s="91"/>
      <c r="GD2373" s="91"/>
      <c r="GE2373" s="91"/>
      <c r="GF2373" s="91"/>
      <c r="GG2373" s="91"/>
      <c r="GH2373" s="91"/>
      <c r="GI2373" s="91"/>
      <c r="GJ2373" s="91"/>
      <c r="GK2373" s="127"/>
      <c r="GL2373" s="126"/>
      <c r="GM2373" s="91"/>
      <c r="GN2373" s="91"/>
      <c r="GO2373" s="91"/>
      <c r="GP2373" s="91"/>
      <c r="GQ2373" s="91"/>
      <c r="GR2373" s="91"/>
      <c r="GS2373" s="91"/>
      <c r="GT2373" s="91"/>
      <c r="GU2373" s="91"/>
      <c r="GV2373" s="91"/>
      <c r="GW2373" s="91"/>
      <c r="GX2373" s="91"/>
      <c r="GY2373" s="91"/>
      <c r="GZ2373" s="91"/>
      <c r="HA2373" s="91"/>
      <c r="HB2373" s="91"/>
      <c r="HC2373" s="91"/>
      <c r="HD2373" s="91"/>
      <c r="HE2373" s="91"/>
      <c r="HF2373" s="91"/>
      <c r="HG2373" s="91"/>
      <c r="HH2373" s="91"/>
      <c r="HI2373" s="91"/>
      <c r="HJ2373" s="91"/>
      <c r="HK2373" s="127"/>
      <c r="HL2373" s="126"/>
      <c r="HM2373" s="91"/>
      <c r="HN2373" s="91"/>
      <c r="HO2373" s="91"/>
      <c r="HP2373" s="91"/>
      <c r="HQ2373" s="91"/>
      <c r="HR2373" s="91"/>
      <c r="HS2373" s="91"/>
      <c r="HT2373" s="91"/>
      <c r="HU2373" s="91"/>
      <c r="HV2373" s="91"/>
      <c r="HW2373" s="91"/>
      <c r="HX2373" s="91"/>
      <c r="HY2373" s="91"/>
      <c r="HZ2373" s="91"/>
      <c r="IA2373" s="91"/>
      <c r="IB2373" s="91"/>
      <c r="IC2373" s="91"/>
      <c r="ID2373" s="91"/>
      <c r="IE2373" s="91"/>
      <c r="IF2373" s="91"/>
      <c r="IG2373" s="91"/>
      <c r="IH2373" s="91"/>
      <c r="II2373" s="91"/>
      <c r="IJ2373" s="91"/>
      <c r="IK2373" s="127"/>
    </row>
    <row r="2374" spans="2:245" x14ac:dyDescent="0.2">
      <c r="B2374" s="43"/>
      <c r="C2374" s="73"/>
      <c r="D2374" s="64"/>
      <c r="E2374" s="64"/>
      <c r="F2374" s="55"/>
      <c r="G2374" s="102"/>
      <c r="H2374" s="55"/>
      <c r="I2374" s="55"/>
      <c r="J2374" s="55"/>
      <c r="K2374" s="55"/>
      <c r="L2374" s="55"/>
      <c r="M2374" s="55"/>
      <c r="N2374" s="55"/>
      <c r="O2374" s="55"/>
      <c r="P2374" s="55"/>
      <c r="Q2374" s="55"/>
      <c r="R2374" s="55"/>
      <c r="S2374" s="55"/>
      <c r="T2374" s="55"/>
      <c r="U2374" s="55"/>
      <c r="V2374" s="55"/>
      <c r="W2374" s="55"/>
      <c r="X2374" s="55"/>
      <c r="Y2374" s="55"/>
      <c r="Z2374" s="55"/>
      <c r="AA2374" s="55"/>
      <c r="AB2374" s="55"/>
      <c r="AC2374" s="55"/>
      <c r="AD2374" s="55"/>
      <c r="AE2374" s="55"/>
      <c r="AF2374" s="55"/>
      <c r="AG2374" s="55"/>
      <c r="AY2374" s="162"/>
      <c r="AZ2374" s="162"/>
      <c r="BA2374" s="162"/>
      <c r="BB2374" s="162"/>
      <c r="BC2374" s="162"/>
      <c r="BD2374" s="162"/>
      <c r="BE2374" s="162"/>
      <c r="BF2374" s="162"/>
      <c r="BG2374" s="162"/>
      <c r="BH2374" s="162"/>
      <c r="BI2374" s="162"/>
      <c r="BJ2374" s="162"/>
      <c r="BK2374" s="162"/>
      <c r="BL2374" s="162"/>
      <c r="BM2374" s="162"/>
      <c r="BN2374" s="162"/>
      <c r="BO2374" s="162"/>
      <c r="BP2374" s="162"/>
      <c r="BQ2374" s="162"/>
      <c r="BR2374" s="162"/>
      <c r="BS2374" s="162"/>
      <c r="BT2374" s="162"/>
      <c r="BU2374" s="162"/>
      <c r="BV2374" s="162"/>
      <c r="BW2374" s="162"/>
      <c r="BX2374" s="162"/>
      <c r="BY2374" s="162"/>
      <c r="BZ2374" s="162"/>
      <c r="CA2374" s="162"/>
      <c r="CB2374" s="162"/>
      <c r="CC2374" s="162"/>
      <c r="CD2374" s="162"/>
      <c r="CE2374" s="162"/>
      <c r="CF2374" s="162"/>
      <c r="CG2374" s="162"/>
      <c r="CH2374" s="162"/>
      <c r="CI2374" s="162"/>
      <c r="CJ2374" s="162"/>
      <c r="CK2374" s="162"/>
      <c r="CX2374" s="98"/>
      <c r="DL2374" s="97"/>
      <c r="DX2374" s="98"/>
      <c r="EL2374" s="97"/>
      <c r="EX2374" s="98"/>
      <c r="EY2374" s="97"/>
      <c r="FL2374" s="126"/>
      <c r="FM2374" s="91"/>
      <c r="FN2374" s="91"/>
      <c r="FO2374" s="91"/>
      <c r="FP2374" s="91"/>
      <c r="FQ2374" s="91"/>
      <c r="FR2374" s="91"/>
      <c r="FS2374" s="91"/>
      <c r="FT2374" s="91"/>
      <c r="FU2374" s="91"/>
      <c r="FV2374" s="91"/>
      <c r="FW2374" s="91"/>
      <c r="FX2374" s="91"/>
      <c r="FY2374" s="91"/>
      <c r="FZ2374" s="91"/>
      <c r="GA2374" s="91"/>
      <c r="GB2374" s="91"/>
      <c r="GC2374" s="91"/>
      <c r="GD2374" s="91"/>
      <c r="GE2374" s="91"/>
      <c r="GF2374" s="91"/>
      <c r="GG2374" s="91"/>
      <c r="GH2374" s="91"/>
      <c r="GI2374" s="91"/>
      <c r="GJ2374" s="91"/>
      <c r="GK2374" s="127"/>
      <c r="GL2374" s="126"/>
      <c r="GM2374" s="91"/>
      <c r="GN2374" s="91"/>
      <c r="GO2374" s="91"/>
      <c r="GP2374" s="91"/>
      <c r="GQ2374" s="91"/>
      <c r="GR2374" s="91"/>
      <c r="GS2374" s="91"/>
      <c r="GT2374" s="91"/>
      <c r="GU2374" s="91"/>
      <c r="GV2374" s="91"/>
      <c r="GW2374" s="91"/>
      <c r="GX2374" s="91"/>
      <c r="GY2374" s="91"/>
      <c r="GZ2374" s="91"/>
      <c r="HA2374" s="91"/>
      <c r="HB2374" s="91"/>
      <c r="HC2374" s="91"/>
      <c r="HD2374" s="91"/>
      <c r="HE2374" s="91"/>
      <c r="HF2374" s="91"/>
      <c r="HG2374" s="91"/>
      <c r="HH2374" s="91"/>
      <c r="HI2374" s="91"/>
      <c r="HJ2374" s="91"/>
      <c r="HK2374" s="127"/>
      <c r="HL2374" s="126"/>
      <c r="HM2374" s="91"/>
      <c r="HN2374" s="91"/>
      <c r="HO2374" s="91"/>
      <c r="HP2374" s="91"/>
      <c r="HQ2374" s="91"/>
      <c r="HR2374" s="91"/>
      <c r="HS2374" s="91"/>
      <c r="HT2374" s="91"/>
      <c r="HU2374" s="91"/>
      <c r="HV2374" s="91"/>
      <c r="HW2374" s="91"/>
      <c r="HX2374" s="91"/>
      <c r="HY2374" s="91"/>
      <c r="HZ2374" s="91"/>
      <c r="IA2374" s="91"/>
      <c r="IB2374" s="91"/>
      <c r="IC2374" s="91"/>
      <c r="ID2374" s="91"/>
      <c r="IE2374" s="91"/>
      <c r="IF2374" s="91"/>
      <c r="IG2374" s="91"/>
      <c r="IH2374" s="91"/>
      <c r="II2374" s="91"/>
      <c r="IJ2374" s="91"/>
      <c r="IK2374" s="127"/>
    </row>
    <row r="2375" spans="2:245" x14ac:dyDescent="0.2">
      <c r="B2375" s="43"/>
      <c r="C2375" s="73"/>
      <c r="D2375" s="64"/>
      <c r="E2375" s="64"/>
      <c r="F2375" s="55"/>
      <c r="G2375" s="102"/>
      <c r="H2375" s="55"/>
      <c r="I2375" s="55"/>
      <c r="J2375" s="55"/>
      <c r="K2375" s="55"/>
      <c r="L2375" s="55"/>
      <c r="M2375" s="55"/>
      <c r="N2375" s="55"/>
      <c r="O2375" s="55"/>
      <c r="P2375" s="55"/>
      <c r="Q2375" s="55"/>
      <c r="R2375" s="55"/>
      <c r="S2375" s="55"/>
      <c r="T2375" s="55"/>
      <c r="U2375" s="55"/>
      <c r="V2375" s="55"/>
      <c r="W2375" s="55"/>
      <c r="X2375" s="55"/>
      <c r="Y2375" s="55"/>
      <c r="Z2375" s="55"/>
      <c r="AA2375" s="55"/>
      <c r="AB2375" s="55"/>
      <c r="AC2375" s="55"/>
      <c r="AD2375" s="55"/>
      <c r="AE2375" s="55"/>
      <c r="AF2375" s="55"/>
      <c r="AG2375" s="55"/>
      <c r="AY2375" s="162"/>
      <c r="AZ2375" s="162"/>
      <c r="BA2375" s="162"/>
      <c r="BB2375" s="162"/>
      <c r="BC2375" s="162"/>
      <c r="BD2375" s="162"/>
      <c r="BE2375" s="162"/>
      <c r="BF2375" s="162"/>
      <c r="BG2375" s="162"/>
      <c r="BH2375" s="162"/>
      <c r="BI2375" s="162"/>
      <c r="BJ2375" s="162"/>
      <c r="BK2375" s="162"/>
      <c r="BL2375" s="162"/>
      <c r="BM2375" s="162"/>
      <c r="BN2375" s="162"/>
      <c r="BO2375" s="162"/>
      <c r="BP2375" s="162"/>
      <c r="BQ2375" s="162"/>
      <c r="BR2375" s="162"/>
      <c r="BS2375" s="162"/>
      <c r="BT2375" s="162"/>
      <c r="BU2375" s="162"/>
      <c r="BV2375" s="162"/>
      <c r="BW2375" s="162"/>
      <c r="BX2375" s="162"/>
      <c r="BY2375" s="162"/>
      <c r="BZ2375" s="162"/>
      <c r="CA2375" s="162"/>
      <c r="CB2375" s="162"/>
      <c r="CC2375" s="162"/>
      <c r="CD2375" s="162"/>
      <c r="CE2375" s="162"/>
      <c r="CF2375" s="162"/>
      <c r="CG2375" s="162"/>
      <c r="CH2375" s="162"/>
      <c r="CI2375" s="162"/>
      <c r="CJ2375" s="162"/>
      <c r="CK2375" s="162"/>
      <c r="CX2375" s="98"/>
      <c r="DL2375" s="97"/>
      <c r="DX2375" s="98"/>
      <c r="EL2375" s="97"/>
      <c r="EX2375" s="98"/>
      <c r="EY2375" s="97"/>
      <c r="FL2375" s="126"/>
      <c r="FM2375" s="91"/>
      <c r="FN2375" s="91"/>
      <c r="FO2375" s="91"/>
      <c r="FP2375" s="91"/>
      <c r="FQ2375" s="91"/>
      <c r="FR2375" s="91"/>
      <c r="FS2375" s="91"/>
      <c r="FT2375" s="91"/>
      <c r="FU2375" s="91"/>
      <c r="FV2375" s="91"/>
      <c r="FW2375" s="91"/>
      <c r="FX2375" s="91"/>
      <c r="FY2375" s="91"/>
      <c r="FZ2375" s="91"/>
      <c r="GA2375" s="91"/>
      <c r="GB2375" s="91"/>
      <c r="GC2375" s="91"/>
      <c r="GD2375" s="91"/>
      <c r="GE2375" s="91"/>
      <c r="GF2375" s="91"/>
      <c r="GG2375" s="91"/>
      <c r="GH2375" s="91"/>
      <c r="GI2375" s="91"/>
      <c r="GJ2375" s="91"/>
      <c r="GK2375" s="127"/>
      <c r="GL2375" s="126"/>
      <c r="GM2375" s="91"/>
      <c r="GN2375" s="91"/>
      <c r="GO2375" s="91"/>
      <c r="GP2375" s="91"/>
      <c r="GQ2375" s="91"/>
      <c r="GR2375" s="91"/>
      <c r="GS2375" s="91"/>
      <c r="GT2375" s="91"/>
      <c r="GU2375" s="91"/>
      <c r="GV2375" s="91"/>
      <c r="GW2375" s="91"/>
      <c r="GX2375" s="91"/>
      <c r="GY2375" s="91"/>
      <c r="GZ2375" s="91"/>
      <c r="HA2375" s="91"/>
      <c r="HB2375" s="91"/>
      <c r="HC2375" s="91"/>
      <c r="HD2375" s="91"/>
      <c r="HE2375" s="91"/>
      <c r="HF2375" s="91"/>
      <c r="HG2375" s="91"/>
      <c r="HH2375" s="91"/>
      <c r="HI2375" s="91"/>
      <c r="HJ2375" s="91"/>
      <c r="HK2375" s="127"/>
      <c r="HL2375" s="126"/>
      <c r="HM2375" s="91"/>
      <c r="HN2375" s="91"/>
      <c r="HO2375" s="91"/>
      <c r="HP2375" s="91"/>
      <c r="HQ2375" s="91"/>
      <c r="HR2375" s="91"/>
      <c r="HS2375" s="91"/>
      <c r="HT2375" s="91"/>
      <c r="HU2375" s="91"/>
      <c r="HV2375" s="91"/>
      <c r="HW2375" s="91"/>
      <c r="HX2375" s="91"/>
      <c r="HY2375" s="91"/>
      <c r="HZ2375" s="91"/>
      <c r="IA2375" s="91"/>
      <c r="IB2375" s="91"/>
      <c r="IC2375" s="91"/>
      <c r="ID2375" s="91"/>
      <c r="IE2375" s="91"/>
      <c r="IF2375" s="91"/>
      <c r="IG2375" s="91"/>
      <c r="IH2375" s="91"/>
      <c r="II2375" s="91"/>
      <c r="IJ2375" s="91"/>
      <c r="IK2375" s="127"/>
    </row>
    <row r="2376" spans="2:245" x14ac:dyDescent="0.2">
      <c r="B2376" s="43"/>
      <c r="C2376" s="73"/>
      <c r="D2376" s="64"/>
      <c r="E2376" s="64"/>
      <c r="F2376" s="55"/>
      <c r="G2376" s="102"/>
      <c r="H2376" s="55"/>
      <c r="I2376" s="55"/>
      <c r="J2376" s="55"/>
      <c r="K2376" s="55"/>
      <c r="L2376" s="55"/>
      <c r="M2376" s="55"/>
      <c r="N2376" s="55"/>
      <c r="O2376" s="55"/>
      <c r="P2376" s="55"/>
      <c r="Q2376" s="55"/>
      <c r="R2376" s="55"/>
      <c r="S2376" s="55"/>
      <c r="T2376" s="55"/>
      <c r="U2376" s="55"/>
      <c r="V2376" s="55"/>
      <c r="W2376" s="55"/>
      <c r="X2376" s="55"/>
      <c r="Y2376" s="55"/>
      <c r="Z2376" s="55"/>
      <c r="AA2376" s="55"/>
      <c r="AB2376" s="55"/>
      <c r="AC2376" s="55"/>
      <c r="AD2376" s="55"/>
      <c r="AE2376" s="55"/>
      <c r="AF2376" s="55"/>
      <c r="AG2376" s="55"/>
      <c r="AY2376" s="162"/>
      <c r="AZ2376" s="162"/>
      <c r="BA2376" s="162"/>
      <c r="BB2376" s="162"/>
      <c r="BC2376" s="162"/>
      <c r="BD2376" s="162"/>
      <c r="BE2376" s="162"/>
      <c r="BF2376" s="162"/>
      <c r="BG2376" s="162"/>
      <c r="BH2376" s="162"/>
      <c r="BI2376" s="162"/>
      <c r="BJ2376" s="162"/>
      <c r="BK2376" s="162"/>
      <c r="BL2376" s="162"/>
      <c r="BM2376" s="162"/>
      <c r="BN2376" s="162"/>
      <c r="BO2376" s="162"/>
      <c r="BP2376" s="162"/>
      <c r="BQ2376" s="162"/>
      <c r="BR2376" s="162"/>
      <c r="BS2376" s="162"/>
      <c r="BT2376" s="162"/>
      <c r="BU2376" s="162"/>
      <c r="BV2376" s="162"/>
      <c r="BW2376" s="162"/>
      <c r="BX2376" s="162"/>
      <c r="BY2376" s="162"/>
      <c r="BZ2376" s="162"/>
      <c r="CA2376" s="162"/>
      <c r="CB2376" s="162"/>
      <c r="CC2376" s="162"/>
      <c r="CD2376" s="162"/>
      <c r="CE2376" s="162"/>
      <c r="CF2376" s="162"/>
      <c r="CG2376" s="162"/>
      <c r="CH2376" s="162"/>
      <c r="CI2376" s="162"/>
      <c r="CJ2376" s="162"/>
      <c r="CK2376" s="162"/>
      <c r="CX2376" s="98"/>
      <c r="DL2376" s="97"/>
      <c r="DX2376" s="98"/>
      <c r="EL2376" s="97"/>
      <c r="EX2376" s="98"/>
      <c r="EY2376" s="97"/>
      <c r="FL2376" s="126"/>
      <c r="FM2376" s="91"/>
      <c r="FN2376" s="91"/>
      <c r="FO2376" s="91"/>
      <c r="FP2376" s="91"/>
      <c r="FQ2376" s="91"/>
      <c r="FR2376" s="91"/>
      <c r="FS2376" s="91"/>
      <c r="FT2376" s="91"/>
      <c r="FU2376" s="91"/>
      <c r="FV2376" s="91"/>
      <c r="FW2376" s="91"/>
      <c r="FX2376" s="91"/>
      <c r="FY2376" s="91"/>
      <c r="FZ2376" s="91"/>
      <c r="GA2376" s="91"/>
      <c r="GB2376" s="91"/>
      <c r="GC2376" s="91"/>
      <c r="GD2376" s="91"/>
      <c r="GE2376" s="91"/>
      <c r="GF2376" s="91"/>
      <c r="GG2376" s="91"/>
      <c r="GH2376" s="91"/>
      <c r="GI2376" s="91"/>
      <c r="GJ2376" s="91"/>
      <c r="GK2376" s="127"/>
      <c r="GL2376" s="126"/>
      <c r="GM2376" s="91"/>
      <c r="GN2376" s="91"/>
      <c r="GO2376" s="91"/>
      <c r="GP2376" s="91"/>
      <c r="GQ2376" s="91"/>
      <c r="GR2376" s="91"/>
      <c r="GS2376" s="91"/>
      <c r="GT2376" s="91"/>
      <c r="GU2376" s="91"/>
      <c r="GV2376" s="91"/>
      <c r="GW2376" s="91"/>
      <c r="GX2376" s="91"/>
      <c r="GY2376" s="91"/>
      <c r="GZ2376" s="91"/>
      <c r="HA2376" s="91"/>
      <c r="HB2376" s="91"/>
      <c r="HC2376" s="91"/>
      <c r="HD2376" s="91"/>
      <c r="HE2376" s="91"/>
      <c r="HF2376" s="91"/>
      <c r="HG2376" s="91"/>
      <c r="HH2376" s="91"/>
      <c r="HI2376" s="91"/>
      <c r="HJ2376" s="91"/>
      <c r="HK2376" s="127"/>
      <c r="HL2376" s="126"/>
      <c r="HM2376" s="91"/>
      <c r="HN2376" s="91"/>
      <c r="HO2376" s="91"/>
      <c r="HP2376" s="91"/>
      <c r="HQ2376" s="91"/>
      <c r="HR2376" s="91"/>
      <c r="HS2376" s="91"/>
      <c r="HT2376" s="91"/>
      <c r="HU2376" s="91"/>
      <c r="HV2376" s="91"/>
      <c r="HW2376" s="91"/>
      <c r="HX2376" s="91"/>
      <c r="HY2376" s="91"/>
      <c r="HZ2376" s="91"/>
      <c r="IA2376" s="91"/>
      <c r="IB2376" s="91"/>
      <c r="IC2376" s="91"/>
      <c r="ID2376" s="91"/>
      <c r="IE2376" s="91"/>
      <c r="IF2376" s="91"/>
      <c r="IG2376" s="91"/>
      <c r="IH2376" s="91"/>
      <c r="II2376" s="91"/>
      <c r="IJ2376" s="91"/>
      <c r="IK2376" s="127"/>
    </row>
    <row r="2377" spans="2:245" x14ac:dyDescent="0.2">
      <c r="B2377" s="43"/>
      <c r="C2377" s="73"/>
      <c r="D2377" s="64"/>
      <c r="E2377" s="64"/>
      <c r="F2377" s="55"/>
      <c r="G2377" s="102"/>
      <c r="H2377" s="55"/>
      <c r="I2377" s="55"/>
      <c r="J2377" s="55"/>
      <c r="K2377" s="55"/>
      <c r="L2377" s="55"/>
      <c r="M2377" s="55"/>
      <c r="N2377" s="55"/>
      <c r="O2377" s="55"/>
      <c r="P2377" s="55"/>
      <c r="Q2377" s="55"/>
      <c r="R2377" s="55"/>
      <c r="S2377" s="55"/>
      <c r="T2377" s="55"/>
      <c r="U2377" s="55"/>
      <c r="V2377" s="55"/>
      <c r="W2377" s="55"/>
      <c r="X2377" s="55"/>
      <c r="Y2377" s="55"/>
      <c r="Z2377" s="55"/>
      <c r="AA2377" s="55"/>
      <c r="AB2377" s="55"/>
      <c r="AC2377" s="55"/>
      <c r="AD2377" s="55"/>
      <c r="AE2377" s="55"/>
      <c r="AF2377" s="55"/>
      <c r="AG2377" s="55"/>
      <c r="AY2377" s="162"/>
      <c r="AZ2377" s="162"/>
      <c r="BA2377" s="162"/>
      <c r="BB2377" s="162"/>
      <c r="BC2377" s="162"/>
      <c r="BD2377" s="162"/>
      <c r="BE2377" s="162"/>
      <c r="BF2377" s="162"/>
      <c r="BG2377" s="162"/>
      <c r="BH2377" s="162"/>
      <c r="BI2377" s="162"/>
      <c r="BJ2377" s="162"/>
      <c r="BK2377" s="162"/>
      <c r="BL2377" s="162"/>
      <c r="BM2377" s="162"/>
      <c r="BN2377" s="162"/>
      <c r="BO2377" s="162"/>
      <c r="BP2377" s="162"/>
      <c r="BQ2377" s="162"/>
      <c r="BR2377" s="162"/>
      <c r="BS2377" s="162"/>
      <c r="BT2377" s="162"/>
      <c r="BU2377" s="162"/>
      <c r="BV2377" s="162"/>
      <c r="BW2377" s="162"/>
      <c r="BX2377" s="162"/>
      <c r="BY2377" s="162"/>
      <c r="BZ2377" s="162"/>
      <c r="CA2377" s="162"/>
      <c r="CB2377" s="162"/>
      <c r="CC2377" s="162"/>
      <c r="CD2377" s="162"/>
      <c r="CE2377" s="162"/>
      <c r="CF2377" s="162"/>
      <c r="CG2377" s="162"/>
      <c r="CH2377" s="162"/>
      <c r="CI2377" s="162"/>
      <c r="CJ2377" s="162"/>
      <c r="CK2377" s="162"/>
      <c r="CX2377" s="98"/>
      <c r="DL2377" s="97"/>
      <c r="DX2377" s="98"/>
      <c r="EL2377" s="97"/>
      <c r="EX2377" s="98"/>
      <c r="EY2377" s="97"/>
      <c r="FL2377" s="126"/>
      <c r="FM2377" s="91"/>
      <c r="FN2377" s="91"/>
      <c r="FO2377" s="91"/>
      <c r="FP2377" s="91"/>
      <c r="FQ2377" s="91"/>
      <c r="FR2377" s="91"/>
      <c r="FS2377" s="91"/>
      <c r="FT2377" s="91"/>
      <c r="FU2377" s="91"/>
      <c r="FV2377" s="91"/>
      <c r="FW2377" s="91"/>
      <c r="FX2377" s="91"/>
      <c r="FY2377" s="91"/>
      <c r="FZ2377" s="91"/>
      <c r="GA2377" s="91"/>
      <c r="GB2377" s="91"/>
      <c r="GC2377" s="91"/>
      <c r="GD2377" s="91"/>
      <c r="GE2377" s="91"/>
      <c r="GF2377" s="91"/>
      <c r="GG2377" s="91"/>
      <c r="GH2377" s="91"/>
      <c r="GI2377" s="91"/>
      <c r="GJ2377" s="91"/>
      <c r="GK2377" s="127"/>
      <c r="GL2377" s="126"/>
      <c r="GM2377" s="91"/>
      <c r="GN2377" s="91"/>
      <c r="GO2377" s="91"/>
      <c r="GP2377" s="91"/>
      <c r="GQ2377" s="91"/>
      <c r="GR2377" s="91"/>
      <c r="GS2377" s="91"/>
      <c r="GT2377" s="91"/>
      <c r="GU2377" s="91"/>
      <c r="GV2377" s="91"/>
      <c r="GW2377" s="91"/>
      <c r="GX2377" s="91"/>
      <c r="GY2377" s="91"/>
      <c r="GZ2377" s="91"/>
      <c r="HA2377" s="91"/>
      <c r="HB2377" s="91"/>
      <c r="HC2377" s="91"/>
      <c r="HD2377" s="91"/>
      <c r="HE2377" s="91"/>
      <c r="HF2377" s="91"/>
      <c r="HG2377" s="91"/>
      <c r="HH2377" s="91"/>
      <c r="HI2377" s="91"/>
      <c r="HJ2377" s="91"/>
      <c r="HK2377" s="127"/>
      <c r="HL2377" s="126"/>
      <c r="HM2377" s="91"/>
      <c r="HN2377" s="91"/>
      <c r="HO2377" s="91"/>
      <c r="HP2377" s="91"/>
      <c r="HQ2377" s="91"/>
      <c r="HR2377" s="91"/>
      <c r="HS2377" s="91"/>
      <c r="HT2377" s="91"/>
      <c r="HU2377" s="91"/>
      <c r="HV2377" s="91"/>
      <c r="HW2377" s="91"/>
      <c r="HX2377" s="91"/>
      <c r="HY2377" s="91"/>
      <c r="HZ2377" s="91"/>
      <c r="IA2377" s="91"/>
      <c r="IB2377" s="91"/>
      <c r="IC2377" s="91"/>
      <c r="ID2377" s="91"/>
      <c r="IE2377" s="91"/>
      <c r="IF2377" s="91"/>
      <c r="IG2377" s="91"/>
      <c r="IH2377" s="91"/>
      <c r="II2377" s="91"/>
      <c r="IJ2377" s="91"/>
      <c r="IK2377" s="127"/>
    </row>
    <row r="2378" spans="2:245" x14ac:dyDescent="0.2">
      <c r="B2378" s="43"/>
      <c r="C2378" s="73"/>
      <c r="D2378" s="64"/>
      <c r="E2378" s="64"/>
      <c r="F2378" s="55"/>
      <c r="G2378" s="102"/>
      <c r="H2378" s="55"/>
      <c r="I2378" s="55"/>
      <c r="J2378" s="55"/>
      <c r="K2378" s="55"/>
      <c r="L2378" s="55"/>
      <c r="M2378" s="55"/>
      <c r="N2378" s="55"/>
      <c r="O2378" s="55"/>
      <c r="P2378" s="55"/>
      <c r="Q2378" s="55"/>
      <c r="R2378" s="55"/>
      <c r="S2378" s="55"/>
      <c r="T2378" s="55"/>
      <c r="U2378" s="55"/>
      <c r="V2378" s="55"/>
      <c r="W2378" s="55"/>
      <c r="X2378" s="55"/>
      <c r="Y2378" s="55"/>
      <c r="Z2378" s="55"/>
      <c r="AA2378" s="55"/>
      <c r="AB2378" s="55"/>
      <c r="AC2378" s="55"/>
      <c r="AD2378" s="55"/>
      <c r="AE2378" s="55"/>
      <c r="AF2378" s="55"/>
      <c r="AG2378" s="55"/>
      <c r="AY2378" s="162"/>
      <c r="AZ2378" s="162"/>
      <c r="BA2378" s="162"/>
      <c r="BB2378" s="162"/>
      <c r="BC2378" s="162"/>
      <c r="BD2378" s="162"/>
      <c r="BE2378" s="162"/>
      <c r="BF2378" s="162"/>
      <c r="BG2378" s="162"/>
      <c r="BH2378" s="162"/>
      <c r="BI2378" s="162"/>
      <c r="BJ2378" s="162"/>
      <c r="BK2378" s="162"/>
      <c r="BL2378" s="162"/>
      <c r="BM2378" s="162"/>
      <c r="BN2378" s="162"/>
      <c r="BO2378" s="162"/>
      <c r="BP2378" s="162"/>
      <c r="BQ2378" s="162"/>
      <c r="BR2378" s="162"/>
      <c r="BS2378" s="162"/>
      <c r="BT2378" s="162"/>
      <c r="BU2378" s="162"/>
      <c r="BV2378" s="162"/>
      <c r="BW2378" s="162"/>
      <c r="BX2378" s="162"/>
      <c r="BY2378" s="162"/>
      <c r="BZ2378" s="162"/>
      <c r="CA2378" s="162"/>
      <c r="CB2378" s="162"/>
      <c r="CC2378" s="162"/>
      <c r="CD2378" s="162"/>
      <c r="CE2378" s="162"/>
      <c r="CF2378" s="162"/>
      <c r="CG2378" s="162"/>
      <c r="CH2378" s="162"/>
      <c r="CI2378" s="162"/>
      <c r="CJ2378" s="162"/>
      <c r="CK2378" s="162"/>
      <c r="CX2378" s="98"/>
      <c r="DL2378" s="97"/>
      <c r="DX2378" s="98"/>
      <c r="EL2378" s="97"/>
      <c r="EX2378" s="98"/>
      <c r="EY2378" s="97"/>
      <c r="FL2378" s="126"/>
      <c r="FM2378" s="91"/>
      <c r="FN2378" s="91"/>
      <c r="FO2378" s="91"/>
      <c r="FP2378" s="91"/>
      <c r="FQ2378" s="91"/>
      <c r="FR2378" s="91"/>
      <c r="FS2378" s="91"/>
      <c r="FT2378" s="91"/>
      <c r="FU2378" s="91"/>
      <c r="FV2378" s="91"/>
      <c r="FW2378" s="91"/>
      <c r="FX2378" s="91"/>
      <c r="FY2378" s="91"/>
      <c r="FZ2378" s="91"/>
      <c r="GA2378" s="91"/>
      <c r="GB2378" s="91"/>
      <c r="GC2378" s="91"/>
      <c r="GD2378" s="91"/>
      <c r="GE2378" s="91"/>
      <c r="GF2378" s="91"/>
      <c r="GG2378" s="91"/>
      <c r="GH2378" s="91"/>
      <c r="GI2378" s="91"/>
      <c r="GJ2378" s="91"/>
      <c r="GK2378" s="127"/>
      <c r="GL2378" s="126"/>
      <c r="GM2378" s="91"/>
      <c r="GN2378" s="91"/>
      <c r="GO2378" s="91"/>
      <c r="GP2378" s="91"/>
      <c r="GQ2378" s="91"/>
      <c r="GR2378" s="91"/>
      <c r="GS2378" s="91"/>
      <c r="GT2378" s="91"/>
      <c r="GU2378" s="91"/>
      <c r="GV2378" s="91"/>
      <c r="GW2378" s="91"/>
      <c r="GX2378" s="91"/>
      <c r="GY2378" s="91"/>
      <c r="GZ2378" s="91"/>
      <c r="HA2378" s="91"/>
      <c r="HB2378" s="91"/>
      <c r="HC2378" s="91"/>
      <c r="HD2378" s="91"/>
      <c r="HE2378" s="91"/>
      <c r="HF2378" s="91"/>
      <c r="HG2378" s="91"/>
      <c r="HH2378" s="91"/>
      <c r="HI2378" s="91"/>
      <c r="HJ2378" s="91"/>
      <c r="HK2378" s="127"/>
      <c r="HL2378" s="126"/>
      <c r="HM2378" s="91"/>
      <c r="HN2378" s="91"/>
      <c r="HO2378" s="91"/>
      <c r="HP2378" s="91"/>
      <c r="HQ2378" s="91"/>
      <c r="HR2378" s="91"/>
      <c r="HS2378" s="91"/>
      <c r="HT2378" s="91"/>
      <c r="HU2378" s="91"/>
      <c r="HV2378" s="91"/>
      <c r="HW2378" s="91"/>
      <c r="HX2378" s="91"/>
      <c r="HY2378" s="91"/>
      <c r="HZ2378" s="91"/>
      <c r="IA2378" s="91"/>
      <c r="IB2378" s="91"/>
      <c r="IC2378" s="91"/>
      <c r="ID2378" s="91"/>
      <c r="IE2378" s="91"/>
      <c r="IF2378" s="91"/>
      <c r="IG2378" s="91"/>
      <c r="IH2378" s="91"/>
      <c r="II2378" s="91"/>
      <c r="IJ2378" s="91"/>
      <c r="IK2378" s="127"/>
    </row>
    <row r="2379" spans="2:245" x14ac:dyDescent="0.2">
      <c r="B2379" s="43"/>
      <c r="C2379" s="73"/>
      <c r="D2379" s="64"/>
      <c r="E2379" s="64"/>
      <c r="F2379" s="55"/>
      <c r="G2379" s="102"/>
      <c r="H2379" s="55"/>
      <c r="I2379" s="55"/>
      <c r="J2379" s="55"/>
      <c r="K2379" s="55"/>
      <c r="L2379" s="55"/>
      <c r="M2379" s="55"/>
      <c r="N2379" s="55"/>
      <c r="O2379" s="55"/>
      <c r="P2379" s="55"/>
      <c r="Q2379" s="55"/>
      <c r="R2379" s="55"/>
      <c r="S2379" s="55"/>
      <c r="T2379" s="55"/>
      <c r="U2379" s="55"/>
      <c r="V2379" s="55"/>
      <c r="W2379" s="55"/>
      <c r="X2379" s="55"/>
      <c r="Y2379" s="55"/>
      <c r="Z2379" s="55"/>
      <c r="AA2379" s="55"/>
      <c r="AB2379" s="55"/>
      <c r="AC2379" s="55"/>
      <c r="AD2379" s="55"/>
      <c r="AE2379" s="55"/>
      <c r="AF2379" s="55"/>
      <c r="AG2379" s="55"/>
      <c r="AY2379" s="162"/>
      <c r="AZ2379" s="162"/>
      <c r="BA2379" s="162"/>
      <c r="BB2379" s="162"/>
      <c r="BC2379" s="162"/>
      <c r="BD2379" s="162"/>
      <c r="BE2379" s="162"/>
      <c r="BF2379" s="162"/>
      <c r="BG2379" s="162"/>
      <c r="BH2379" s="162"/>
      <c r="BI2379" s="162"/>
      <c r="BJ2379" s="162"/>
      <c r="BK2379" s="162"/>
      <c r="BL2379" s="162"/>
      <c r="BM2379" s="162"/>
      <c r="BN2379" s="162"/>
      <c r="BO2379" s="162"/>
      <c r="BP2379" s="162"/>
      <c r="BQ2379" s="162"/>
      <c r="BR2379" s="162"/>
      <c r="BS2379" s="162"/>
      <c r="BT2379" s="162"/>
      <c r="BU2379" s="162"/>
      <c r="BV2379" s="162"/>
      <c r="BW2379" s="162"/>
      <c r="BX2379" s="162"/>
      <c r="BY2379" s="162"/>
      <c r="BZ2379" s="162"/>
      <c r="CA2379" s="162"/>
      <c r="CB2379" s="162"/>
      <c r="CC2379" s="162"/>
      <c r="CD2379" s="162"/>
      <c r="CE2379" s="162"/>
      <c r="CF2379" s="162"/>
      <c r="CG2379" s="162"/>
      <c r="CH2379" s="162"/>
      <c r="CI2379" s="162"/>
      <c r="CJ2379" s="162"/>
      <c r="CK2379" s="162"/>
      <c r="CX2379" s="98"/>
      <c r="DL2379" s="97"/>
      <c r="DX2379" s="98"/>
      <c r="EL2379" s="97"/>
      <c r="EX2379" s="98"/>
      <c r="EY2379" s="97"/>
      <c r="FL2379" s="126"/>
      <c r="FM2379" s="91"/>
      <c r="FN2379" s="91"/>
      <c r="FO2379" s="91"/>
      <c r="FP2379" s="91"/>
      <c r="FQ2379" s="91"/>
      <c r="FR2379" s="91"/>
      <c r="FS2379" s="91"/>
      <c r="FT2379" s="91"/>
      <c r="FU2379" s="91"/>
      <c r="FV2379" s="91"/>
      <c r="FW2379" s="91"/>
      <c r="FX2379" s="91"/>
      <c r="FY2379" s="91"/>
      <c r="FZ2379" s="91"/>
      <c r="GA2379" s="91"/>
      <c r="GB2379" s="91"/>
      <c r="GC2379" s="91"/>
      <c r="GD2379" s="91"/>
      <c r="GE2379" s="91"/>
      <c r="GF2379" s="91"/>
      <c r="GG2379" s="91"/>
      <c r="GH2379" s="91"/>
      <c r="GI2379" s="91"/>
      <c r="GJ2379" s="91"/>
      <c r="GK2379" s="127"/>
      <c r="GL2379" s="126"/>
      <c r="GM2379" s="91"/>
      <c r="GN2379" s="91"/>
      <c r="GO2379" s="91"/>
      <c r="GP2379" s="91"/>
      <c r="GQ2379" s="91"/>
      <c r="GR2379" s="91"/>
      <c r="GS2379" s="91"/>
      <c r="GT2379" s="91"/>
      <c r="GU2379" s="91"/>
      <c r="GV2379" s="91"/>
      <c r="GW2379" s="91"/>
      <c r="GX2379" s="91"/>
      <c r="GY2379" s="91"/>
      <c r="GZ2379" s="91"/>
      <c r="HA2379" s="91"/>
      <c r="HB2379" s="91"/>
      <c r="HC2379" s="91"/>
      <c r="HD2379" s="91"/>
      <c r="HE2379" s="91"/>
      <c r="HF2379" s="91"/>
      <c r="HG2379" s="91"/>
      <c r="HH2379" s="91"/>
      <c r="HI2379" s="91"/>
      <c r="HJ2379" s="91"/>
      <c r="HK2379" s="127"/>
      <c r="HL2379" s="126"/>
      <c r="HM2379" s="91"/>
      <c r="HN2379" s="91"/>
      <c r="HO2379" s="91"/>
      <c r="HP2379" s="91"/>
      <c r="HQ2379" s="91"/>
      <c r="HR2379" s="91"/>
      <c r="HS2379" s="91"/>
      <c r="HT2379" s="91"/>
      <c r="HU2379" s="91"/>
      <c r="HV2379" s="91"/>
      <c r="HW2379" s="91"/>
      <c r="HX2379" s="91"/>
      <c r="HY2379" s="91"/>
      <c r="HZ2379" s="91"/>
      <c r="IA2379" s="91"/>
      <c r="IB2379" s="91"/>
      <c r="IC2379" s="91"/>
      <c r="ID2379" s="91"/>
      <c r="IE2379" s="91"/>
      <c r="IF2379" s="91"/>
      <c r="IG2379" s="91"/>
      <c r="IH2379" s="91"/>
      <c r="II2379" s="91"/>
      <c r="IJ2379" s="91"/>
      <c r="IK2379" s="127"/>
    </row>
    <row r="2380" spans="2:245" x14ac:dyDescent="0.2">
      <c r="B2380" s="43"/>
      <c r="C2380" s="73"/>
      <c r="D2380" s="64"/>
      <c r="E2380" s="64"/>
      <c r="F2380" s="55"/>
      <c r="G2380" s="102"/>
      <c r="H2380" s="55"/>
      <c r="I2380" s="55"/>
      <c r="J2380" s="55"/>
      <c r="K2380" s="55"/>
      <c r="L2380" s="55"/>
      <c r="M2380" s="55"/>
      <c r="N2380" s="55"/>
      <c r="O2380" s="55"/>
      <c r="P2380" s="55"/>
      <c r="Q2380" s="55"/>
      <c r="R2380" s="55"/>
      <c r="S2380" s="55"/>
      <c r="T2380" s="55"/>
      <c r="U2380" s="55"/>
      <c r="V2380" s="55"/>
      <c r="W2380" s="55"/>
      <c r="X2380" s="55"/>
      <c r="Y2380" s="55"/>
      <c r="Z2380" s="55"/>
      <c r="AA2380" s="55"/>
      <c r="AB2380" s="55"/>
      <c r="AC2380" s="55"/>
      <c r="AD2380" s="55"/>
      <c r="AE2380" s="55"/>
      <c r="AF2380" s="55"/>
      <c r="AG2380" s="55"/>
      <c r="AY2380" s="162"/>
      <c r="AZ2380" s="162"/>
      <c r="BA2380" s="162"/>
      <c r="BB2380" s="162"/>
      <c r="BC2380" s="162"/>
      <c r="BD2380" s="162"/>
      <c r="BE2380" s="162"/>
      <c r="BF2380" s="162"/>
      <c r="BG2380" s="162"/>
      <c r="BH2380" s="162"/>
      <c r="BI2380" s="162"/>
      <c r="BJ2380" s="162"/>
      <c r="BK2380" s="162"/>
      <c r="BL2380" s="162"/>
      <c r="BM2380" s="162"/>
      <c r="BN2380" s="162"/>
      <c r="BO2380" s="162"/>
      <c r="BP2380" s="162"/>
      <c r="BQ2380" s="162"/>
      <c r="BR2380" s="162"/>
      <c r="BS2380" s="162"/>
      <c r="BT2380" s="162"/>
      <c r="BU2380" s="162"/>
      <c r="BV2380" s="162"/>
      <c r="BW2380" s="162"/>
      <c r="BX2380" s="162"/>
      <c r="BY2380" s="162"/>
      <c r="BZ2380" s="162"/>
      <c r="CA2380" s="162"/>
      <c r="CB2380" s="162"/>
      <c r="CC2380" s="162"/>
      <c r="CD2380" s="162"/>
      <c r="CE2380" s="162"/>
      <c r="CF2380" s="162"/>
      <c r="CG2380" s="162"/>
      <c r="CH2380" s="162"/>
      <c r="CI2380" s="162"/>
      <c r="CJ2380" s="162"/>
      <c r="CK2380" s="162"/>
      <c r="CX2380" s="98"/>
      <c r="DL2380" s="97"/>
      <c r="DX2380" s="98"/>
      <c r="EL2380" s="97"/>
      <c r="EX2380" s="98"/>
      <c r="EY2380" s="97"/>
      <c r="FL2380" s="126"/>
      <c r="FM2380" s="91"/>
      <c r="FN2380" s="91"/>
      <c r="FO2380" s="91"/>
      <c r="FP2380" s="91"/>
      <c r="FQ2380" s="91"/>
      <c r="FR2380" s="91"/>
      <c r="FS2380" s="91"/>
      <c r="FT2380" s="91"/>
      <c r="FU2380" s="91"/>
      <c r="FV2380" s="91"/>
      <c r="FW2380" s="91"/>
      <c r="FX2380" s="91"/>
      <c r="FY2380" s="91"/>
      <c r="FZ2380" s="91"/>
      <c r="GA2380" s="91"/>
      <c r="GB2380" s="91"/>
      <c r="GC2380" s="91"/>
      <c r="GD2380" s="91"/>
      <c r="GE2380" s="91"/>
      <c r="GF2380" s="91"/>
      <c r="GG2380" s="91"/>
      <c r="GH2380" s="91"/>
      <c r="GI2380" s="91"/>
      <c r="GJ2380" s="91"/>
      <c r="GK2380" s="127"/>
      <c r="GL2380" s="126"/>
      <c r="GM2380" s="91"/>
      <c r="GN2380" s="91"/>
      <c r="GO2380" s="91"/>
      <c r="GP2380" s="91"/>
      <c r="GQ2380" s="91"/>
      <c r="GR2380" s="91"/>
      <c r="GS2380" s="91"/>
      <c r="GT2380" s="91"/>
      <c r="GU2380" s="91"/>
      <c r="GV2380" s="91"/>
      <c r="GW2380" s="91"/>
      <c r="GX2380" s="91"/>
      <c r="GY2380" s="91"/>
      <c r="GZ2380" s="91"/>
      <c r="HA2380" s="91"/>
      <c r="HB2380" s="91"/>
      <c r="HC2380" s="91"/>
      <c r="HD2380" s="91"/>
      <c r="HE2380" s="91"/>
      <c r="HF2380" s="91"/>
      <c r="HG2380" s="91"/>
      <c r="HH2380" s="91"/>
      <c r="HI2380" s="91"/>
      <c r="HJ2380" s="91"/>
      <c r="HK2380" s="127"/>
      <c r="HL2380" s="126"/>
      <c r="HM2380" s="91"/>
      <c r="HN2380" s="91"/>
      <c r="HO2380" s="91"/>
      <c r="HP2380" s="91"/>
      <c r="HQ2380" s="91"/>
      <c r="HR2380" s="91"/>
      <c r="HS2380" s="91"/>
      <c r="HT2380" s="91"/>
      <c r="HU2380" s="91"/>
      <c r="HV2380" s="91"/>
      <c r="HW2380" s="91"/>
      <c r="HX2380" s="91"/>
      <c r="HY2380" s="91"/>
      <c r="HZ2380" s="91"/>
      <c r="IA2380" s="91"/>
      <c r="IB2380" s="91"/>
      <c r="IC2380" s="91"/>
      <c r="ID2380" s="91"/>
      <c r="IE2380" s="91"/>
      <c r="IF2380" s="91"/>
      <c r="IG2380" s="91"/>
      <c r="IH2380" s="91"/>
      <c r="II2380" s="91"/>
      <c r="IJ2380" s="91"/>
      <c r="IK2380" s="127"/>
    </row>
    <row r="2381" spans="2:245" x14ac:dyDescent="0.2">
      <c r="B2381" s="43"/>
      <c r="C2381" s="73"/>
      <c r="D2381" s="64"/>
      <c r="E2381" s="64"/>
      <c r="F2381" s="55"/>
      <c r="G2381" s="102"/>
      <c r="H2381" s="55"/>
      <c r="I2381" s="55"/>
      <c r="J2381" s="55"/>
      <c r="K2381" s="55"/>
      <c r="L2381" s="55"/>
      <c r="M2381" s="55"/>
      <c r="N2381" s="55"/>
      <c r="O2381" s="55"/>
      <c r="P2381" s="55"/>
      <c r="Q2381" s="55"/>
      <c r="R2381" s="55"/>
      <c r="S2381" s="55"/>
      <c r="T2381" s="55"/>
      <c r="U2381" s="55"/>
      <c r="V2381" s="55"/>
      <c r="W2381" s="55"/>
      <c r="X2381" s="55"/>
      <c r="Y2381" s="55"/>
      <c r="Z2381" s="55"/>
      <c r="AA2381" s="55"/>
      <c r="AB2381" s="55"/>
      <c r="AC2381" s="55"/>
      <c r="AD2381" s="55"/>
      <c r="AE2381" s="55"/>
      <c r="AF2381" s="55"/>
      <c r="AG2381" s="55"/>
      <c r="AY2381" s="162"/>
      <c r="AZ2381" s="162"/>
      <c r="BA2381" s="162"/>
      <c r="BB2381" s="162"/>
      <c r="BC2381" s="162"/>
      <c r="BD2381" s="162"/>
      <c r="BE2381" s="162"/>
      <c r="BF2381" s="162"/>
      <c r="BG2381" s="162"/>
      <c r="BH2381" s="162"/>
      <c r="BI2381" s="162"/>
      <c r="BJ2381" s="162"/>
      <c r="BK2381" s="162"/>
      <c r="BL2381" s="162"/>
      <c r="BM2381" s="162"/>
      <c r="BN2381" s="162"/>
      <c r="BO2381" s="162"/>
      <c r="BP2381" s="162"/>
      <c r="BQ2381" s="162"/>
      <c r="BR2381" s="162"/>
      <c r="BS2381" s="162"/>
      <c r="BT2381" s="162"/>
      <c r="BU2381" s="162"/>
      <c r="BV2381" s="162"/>
      <c r="BW2381" s="162"/>
      <c r="BX2381" s="162"/>
      <c r="BY2381" s="162"/>
      <c r="BZ2381" s="162"/>
      <c r="CA2381" s="162"/>
      <c r="CB2381" s="162"/>
      <c r="CC2381" s="162"/>
      <c r="CD2381" s="162"/>
      <c r="CE2381" s="162"/>
      <c r="CF2381" s="162"/>
      <c r="CG2381" s="162"/>
      <c r="CH2381" s="162"/>
      <c r="CI2381" s="162"/>
      <c r="CJ2381" s="162"/>
      <c r="CK2381" s="162"/>
      <c r="CX2381" s="98"/>
      <c r="DL2381" s="97"/>
      <c r="DX2381" s="98"/>
      <c r="EL2381" s="97"/>
      <c r="EX2381" s="98"/>
      <c r="EY2381" s="97"/>
      <c r="FL2381" s="126"/>
      <c r="FM2381" s="91"/>
      <c r="FN2381" s="91"/>
      <c r="FO2381" s="91"/>
      <c r="FP2381" s="91"/>
      <c r="FQ2381" s="91"/>
      <c r="FR2381" s="91"/>
      <c r="FS2381" s="91"/>
      <c r="FT2381" s="91"/>
      <c r="FU2381" s="91"/>
      <c r="FV2381" s="91"/>
      <c r="FW2381" s="91"/>
      <c r="FX2381" s="91"/>
      <c r="FY2381" s="91"/>
      <c r="FZ2381" s="91"/>
      <c r="GA2381" s="91"/>
      <c r="GB2381" s="91"/>
      <c r="GC2381" s="91"/>
      <c r="GD2381" s="91"/>
      <c r="GE2381" s="91"/>
      <c r="GF2381" s="91"/>
      <c r="GG2381" s="91"/>
      <c r="GH2381" s="91"/>
      <c r="GI2381" s="91"/>
      <c r="GJ2381" s="91"/>
      <c r="GK2381" s="127"/>
      <c r="GL2381" s="126"/>
      <c r="GM2381" s="91"/>
      <c r="GN2381" s="91"/>
      <c r="GO2381" s="91"/>
      <c r="GP2381" s="91"/>
      <c r="GQ2381" s="91"/>
      <c r="GR2381" s="91"/>
      <c r="GS2381" s="91"/>
      <c r="GT2381" s="91"/>
      <c r="GU2381" s="91"/>
      <c r="GV2381" s="91"/>
      <c r="GW2381" s="91"/>
      <c r="GX2381" s="91"/>
      <c r="GY2381" s="91"/>
      <c r="GZ2381" s="91"/>
      <c r="HA2381" s="91"/>
      <c r="HB2381" s="91"/>
      <c r="HC2381" s="91"/>
      <c r="HD2381" s="91"/>
      <c r="HE2381" s="91"/>
      <c r="HF2381" s="91"/>
      <c r="HG2381" s="91"/>
      <c r="HH2381" s="91"/>
      <c r="HI2381" s="91"/>
      <c r="HJ2381" s="91"/>
      <c r="HK2381" s="127"/>
      <c r="HL2381" s="126"/>
      <c r="HM2381" s="91"/>
      <c r="HN2381" s="91"/>
      <c r="HO2381" s="91"/>
      <c r="HP2381" s="91"/>
      <c r="HQ2381" s="91"/>
      <c r="HR2381" s="91"/>
      <c r="HS2381" s="91"/>
      <c r="HT2381" s="91"/>
      <c r="HU2381" s="91"/>
      <c r="HV2381" s="91"/>
      <c r="HW2381" s="91"/>
      <c r="HX2381" s="91"/>
      <c r="HY2381" s="91"/>
      <c r="HZ2381" s="91"/>
      <c r="IA2381" s="91"/>
      <c r="IB2381" s="91"/>
      <c r="IC2381" s="91"/>
      <c r="ID2381" s="91"/>
      <c r="IE2381" s="91"/>
      <c r="IF2381" s="91"/>
      <c r="IG2381" s="91"/>
      <c r="IH2381" s="91"/>
      <c r="II2381" s="91"/>
      <c r="IJ2381" s="91"/>
      <c r="IK2381" s="127"/>
    </row>
    <row r="2382" spans="2:245" x14ac:dyDescent="0.2">
      <c r="B2382" s="43"/>
      <c r="C2382" s="73"/>
      <c r="D2382" s="64"/>
      <c r="E2382" s="64"/>
      <c r="F2382" s="55"/>
      <c r="G2382" s="102"/>
      <c r="H2382" s="55"/>
      <c r="I2382" s="55"/>
      <c r="J2382" s="55"/>
      <c r="K2382" s="55"/>
      <c r="L2382" s="55"/>
      <c r="M2382" s="55"/>
      <c r="N2382" s="55"/>
      <c r="O2382" s="55"/>
      <c r="P2382" s="55"/>
      <c r="Q2382" s="55"/>
      <c r="R2382" s="55"/>
      <c r="S2382" s="55"/>
      <c r="T2382" s="55"/>
      <c r="U2382" s="55"/>
      <c r="V2382" s="55"/>
      <c r="W2382" s="55"/>
      <c r="X2382" s="55"/>
      <c r="Y2382" s="55"/>
      <c r="Z2382" s="55"/>
      <c r="AA2382" s="55"/>
      <c r="AB2382" s="55"/>
      <c r="AC2382" s="55"/>
      <c r="AD2382" s="55"/>
      <c r="AE2382" s="55"/>
      <c r="AF2382" s="55"/>
      <c r="AG2382" s="55"/>
      <c r="AY2382" s="162"/>
      <c r="AZ2382" s="162"/>
      <c r="BA2382" s="162"/>
      <c r="BB2382" s="162"/>
      <c r="BC2382" s="162"/>
      <c r="BD2382" s="162"/>
      <c r="BE2382" s="162"/>
      <c r="BF2382" s="162"/>
      <c r="BG2382" s="162"/>
      <c r="BH2382" s="162"/>
      <c r="BI2382" s="162"/>
      <c r="BJ2382" s="162"/>
      <c r="BK2382" s="162"/>
      <c r="BL2382" s="162"/>
      <c r="BM2382" s="162"/>
      <c r="BN2382" s="162"/>
      <c r="BO2382" s="162"/>
      <c r="BP2382" s="162"/>
      <c r="BQ2382" s="162"/>
      <c r="BR2382" s="162"/>
      <c r="BS2382" s="162"/>
      <c r="BT2382" s="162"/>
      <c r="BU2382" s="162"/>
      <c r="BV2382" s="162"/>
      <c r="BW2382" s="162"/>
      <c r="BX2382" s="162"/>
      <c r="BY2382" s="162"/>
      <c r="BZ2382" s="162"/>
      <c r="CA2382" s="162"/>
      <c r="CB2382" s="162"/>
      <c r="CC2382" s="162"/>
      <c r="CD2382" s="162"/>
      <c r="CE2382" s="162"/>
      <c r="CF2382" s="162"/>
      <c r="CG2382" s="162"/>
      <c r="CH2382" s="162"/>
      <c r="CI2382" s="162"/>
      <c r="CJ2382" s="162"/>
      <c r="CK2382" s="162"/>
      <c r="CX2382" s="98"/>
      <c r="DL2382" s="97"/>
      <c r="DX2382" s="98"/>
      <c r="EL2382" s="97"/>
      <c r="EX2382" s="98"/>
      <c r="EY2382" s="97"/>
      <c r="FL2382" s="126"/>
      <c r="FM2382" s="91"/>
      <c r="FN2382" s="91"/>
      <c r="FO2382" s="91"/>
      <c r="FP2382" s="91"/>
      <c r="FQ2382" s="91"/>
      <c r="FR2382" s="91"/>
      <c r="FS2382" s="91"/>
      <c r="FT2382" s="91"/>
      <c r="FU2382" s="91"/>
      <c r="FV2382" s="91"/>
      <c r="FW2382" s="91"/>
      <c r="FX2382" s="91"/>
      <c r="FY2382" s="91"/>
      <c r="FZ2382" s="91"/>
      <c r="GA2382" s="91"/>
      <c r="GB2382" s="91"/>
      <c r="GC2382" s="91"/>
      <c r="GD2382" s="91"/>
      <c r="GE2382" s="91"/>
      <c r="GF2382" s="91"/>
      <c r="GG2382" s="91"/>
      <c r="GH2382" s="91"/>
      <c r="GI2382" s="91"/>
      <c r="GJ2382" s="91"/>
      <c r="GK2382" s="127"/>
      <c r="GL2382" s="126"/>
      <c r="GM2382" s="91"/>
      <c r="GN2382" s="91"/>
      <c r="GO2382" s="91"/>
      <c r="GP2382" s="91"/>
      <c r="GQ2382" s="91"/>
      <c r="GR2382" s="91"/>
      <c r="GS2382" s="91"/>
      <c r="GT2382" s="91"/>
      <c r="GU2382" s="91"/>
      <c r="GV2382" s="91"/>
      <c r="GW2382" s="91"/>
      <c r="GX2382" s="91"/>
      <c r="GY2382" s="91"/>
      <c r="GZ2382" s="91"/>
      <c r="HA2382" s="91"/>
      <c r="HB2382" s="91"/>
      <c r="HC2382" s="91"/>
      <c r="HD2382" s="91"/>
      <c r="HE2382" s="91"/>
      <c r="HF2382" s="91"/>
      <c r="HG2382" s="91"/>
      <c r="HH2382" s="91"/>
      <c r="HI2382" s="91"/>
      <c r="HJ2382" s="91"/>
      <c r="HK2382" s="127"/>
      <c r="HL2382" s="126"/>
      <c r="HM2382" s="91"/>
      <c r="HN2382" s="91"/>
      <c r="HO2382" s="91"/>
      <c r="HP2382" s="91"/>
      <c r="HQ2382" s="91"/>
      <c r="HR2382" s="91"/>
      <c r="HS2382" s="91"/>
      <c r="HT2382" s="91"/>
      <c r="HU2382" s="91"/>
      <c r="HV2382" s="91"/>
      <c r="HW2382" s="91"/>
      <c r="HX2382" s="91"/>
      <c r="HY2382" s="91"/>
      <c r="HZ2382" s="91"/>
      <c r="IA2382" s="91"/>
      <c r="IB2382" s="91"/>
      <c r="IC2382" s="91"/>
      <c r="ID2382" s="91"/>
      <c r="IE2382" s="91"/>
      <c r="IF2382" s="91"/>
      <c r="IG2382" s="91"/>
      <c r="IH2382" s="91"/>
      <c r="II2382" s="91"/>
      <c r="IJ2382" s="91"/>
      <c r="IK2382" s="127"/>
    </row>
    <row r="2383" spans="2:245" x14ac:dyDescent="0.2">
      <c r="B2383" s="43"/>
      <c r="C2383" s="73"/>
      <c r="D2383" s="64"/>
      <c r="E2383" s="64"/>
      <c r="F2383" s="55"/>
      <c r="G2383" s="102"/>
      <c r="H2383" s="55"/>
      <c r="I2383" s="55"/>
      <c r="J2383" s="55"/>
      <c r="K2383" s="55"/>
      <c r="L2383" s="55"/>
      <c r="M2383" s="55"/>
      <c r="N2383" s="55"/>
      <c r="O2383" s="55"/>
      <c r="P2383" s="55"/>
      <c r="Q2383" s="55"/>
      <c r="R2383" s="55"/>
      <c r="S2383" s="55"/>
      <c r="T2383" s="55"/>
      <c r="U2383" s="55"/>
      <c r="V2383" s="55"/>
      <c r="W2383" s="55"/>
      <c r="X2383" s="55"/>
      <c r="Y2383" s="55"/>
      <c r="Z2383" s="55"/>
      <c r="AA2383" s="55"/>
      <c r="AB2383" s="55"/>
      <c r="AC2383" s="55"/>
      <c r="AD2383" s="55"/>
      <c r="AE2383" s="55"/>
      <c r="AF2383" s="55"/>
      <c r="AG2383" s="55"/>
      <c r="AY2383" s="162"/>
      <c r="AZ2383" s="162"/>
      <c r="BA2383" s="162"/>
      <c r="BB2383" s="162"/>
      <c r="BC2383" s="162"/>
      <c r="BD2383" s="162"/>
      <c r="BE2383" s="162"/>
      <c r="BF2383" s="162"/>
      <c r="BG2383" s="162"/>
      <c r="BH2383" s="162"/>
      <c r="BI2383" s="162"/>
      <c r="BJ2383" s="162"/>
      <c r="BK2383" s="162"/>
      <c r="BL2383" s="162"/>
      <c r="BM2383" s="162"/>
      <c r="BN2383" s="162"/>
      <c r="BO2383" s="162"/>
      <c r="BP2383" s="162"/>
      <c r="BQ2383" s="162"/>
      <c r="BR2383" s="162"/>
      <c r="BS2383" s="162"/>
      <c r="BT2383" s="162"/>
      <c r="BU2383" s="162"/>
      <c r="BV2383" s="162"/>
      <c r="BW2383" s="162"/>
      <c r="BX2383" s="162"/>
      <c r="BY2383" s="162"/>
      <c r="BZ2383" s="162"/>
      <c r="CA2383" s="162"/>
      <c r="CB2383" s="162"/>
      <c r="CC2383" s="162"/>
      <c r="CD2383" s="162"/>
      <c r="CE2383" s="162"/>
      <c r="CF2383" s="162"/>
      <c r="CG2383" s="162"/>
      <c r="CH2383" s="162"/>
      <c r="CI2383" s="162"/>
      <c r="CJ2383" s="162"/>
      <c r="CK2383" s="162"/>
      <c r="CX2383" s="98"/>
      <c r="DL2383" s="97"/>
      <c r="DX2383" s="98"/>
      <c r="EL2383" s="97"/>
      <c r="EX2383" s="98"/>
      <c r="EY2383" s="97"/>
      <c r="FL2383" s="126"/>
      <c r="FM2383" s="91"/>
      <c r="FN2383" s="91"/>
      <c r="FO2383" s="91"/>
      <c r="FP2383" s="91"/>
      <c r="FQ2383" s="91"/>
      <c r="FR2383" s="91"/>
      <c r="FS2383" s="91"/>
      <c r="FT2383" s="91"/>
      <c r="FU2383" s="91"/>
      <c r="FV2383" s="91"/>
      <c r="FW2383" s="91"/>
      <c r="FX2383" s="91"/>
      <c r="FY2383" s="91"/>
      <c r="FZ2383" s="91"/>
      <c r="GA2383" s="91"/>
      <c r="GB2383" s="91"/>
      <c r="GC2383" s="91"/>
      <c r="GD2383" s="91"/>
      <c r="GE2383" s="91"/>
      <c r="GF2383" s="91"/>
      <c r="GG2383" s="91"/>
      <c r="GH2383" s="91"/>
      <c r="GI2383" s="91"/>
      <c r="GJ2383" s="91"/>
      <c r="GK2383" s="127"/>
      <c r="GL2383" s="126"/>
      <c r="GM2383" s="91"/>
      <c r="GN2383" s="91"/>
      <c r="GO2383" s="91"/>
      <c r="GP2383" s="91"/>
      <c r="GQ2383" s="91"/>
      <c r="GR2383" s="91"/>
      <c r="GS2383" s="91"/>
      <c r="GT2383" s="91"/>
      <c r="GU2383" s="91"/>
      <c r="GV2383" s="91"/>
      <c r="GW2383" s="91"/>
      <c r="GX2383" s="91"/>
      <c r="GY2383" s="91"/>
      <c r="GZ2383" s="91"/>
      <c r="HA2383" s="91"/>
      <c r="HB2383" s="91"/>
      <c r="HC2383" s="91"/>
      <c r="HD2383" s="91"/>
      <c r="HE2383" s="91"/>
      <c r="HF2383" s="91"/>
      <c r="HG2383" s="91"/>
      <c r="HH2383" s="91"/>
      <c r="HI2383" s="91"/>
      <c r="HJ2383" s="91"/>
      <c r="HK2383" s="127"/>
      <c r="HL2383" s="126"/>
      <c r="HM2383" s="91"/>
      <c r="HN2383" s="91"/>
      <c r="HO2383" s="91"/>
      <c r="HP2383" s="91"/>
      <c r="HQ2383" s="91"/>
      <c r="HR2383" s="91"/>
      <c r="HS2383" s="91"/>
      <c r="HT2383" s="91"/>
      <c r="HU2383" s="91"/>
      <c r="HV2383" s="91"/>
      <c r="HW2383" s="91"/>
      <c r="HX2383" s="91"/>
      <c r="HY2383" s="91"/>
      <c r="HZ2383" s="91"/>
      <c r="IA2383" s="91"/>
      <c r="IB2383" s="91"/>
      <c r="IC2383" s="91"/>
      <c r="ID2383" s="91"/>
      <c r="IE2383" s="91"/>
      <c r="IF2383" s="91"/>
      <c r="IG2383" s="91"/>
      <c r="IH2383" s="91"/>
      <c r="II2383" s="91"/>
      <c r="IJ2383" s="91"/>
      <c r="IK2383" s="127"/>
    </row>
    <row r="2384" spans="2:245" x14ac:dyDescent="0.2">
      <c r="B2384" s="43"/>
      <c r="C2384" s="73"/>
      <c r="D2384" s="64"/>
      <c r="E2384" s="64"/>
      <c r="F2384" s="55"/>
      <c r="G2384" s="102"/>
      <c r="H2384" s="55"/>
      <c r="I2384" s="55"/>
      <c r="J2384" s="55"/>
      <c r="K2384" s="55"/>
      <c r="L2384" s="55"/>
      <c r="M2384" s="55"/>
      <c r="N2384" s="55"/>
      <c r="O2384" s="55"/>
      <c r="P2384" s="55"/>
      <c r="Q2384" s="55"/>
      <c r="R2384" s="55"/>
      <c r="S2384" s="55"/>
      <c r="T2384" s="55"/>
      <c r="U2384" s="55"/>
      <c r="V2384" s="55"/>
      <c r="W2384" s="55"/>
      <c r="X2384" s="55"/>
      <c r="Y2384" s="55"/>
      <c r="Z2384" s="55"/>
      <c r="AA2384" s="55"/>
      <c r="AB2384" s="55"/>
      <c r="AC2384" s="55"/>
      <c r="AD2384" s="55"/>
      <c r="AE2384" s="55"/>
      <c r="AF2384" s="55"/>
      <c r="AG2384" s="55"/>
      <c r="AY2384" s="162"/>
      <c r="AZ2384" s="162"/>
      <c r="BA2384" s="162"/>
      <c r="BB2384" s="162"/>
      <c r="BC2384" s="162"/>
      <c r="BD2384" s="162"/>
      <c r="BE2384" s="162"/>
      <c r="BF2384" s="162"/>
      <c r="BG2384" s="162"/>
      <c r="BH2384" s="162"/>
      <c r="BI2384" s="162"/>
      <c r="BJ2384" s="162"/>
      <c r="BK2384" s="162"/>
      <c r="BL2384" s="162"/>
      <c r="BM2384" s="162"/>
      <c r="BN2384" s="162"/>
      <c r="BO2384" s="162"/>
      <c r="BP2384" s="162"/>
      <c r="BQ2384" s="162"/>
      <c r="BR2384" s="162"/>
      <c r="BS2384" s="162"/>
      <c r="BT2384" s="162"/>
      <c r="BU2384" s="162"/>
      <c r="BV2384" s="162"/>
      <c r="BW2384" s="162"/>
      <c r="BX2384" s="162"/>
      <c r="BY2384" s="162"/>
      <c r="BZ2384" s="162"/>
      <c r="CA2384" s="162"/>
      <c r="CB2384" s="162"/>
      <c r="CC2384" s="162"/>
      <c r="CD2384" s="162"/>
      <c r="CE2384" s="162"/>
      <c r="CF2384" s="162"/>
      <c r="CG2384" s="162"/>
      <c r="CH2384" s="162"/>
      <c r="CI2384" s="162"/>
      <c r="CJ2384" s="162"/>
      <c r="CK2384" s="162"/>
      <c r="CX2384" s="98"/>
      <c r="DL2384" s="97"/>
      <c r="DX2384" s="98"/>
      <c r="EL2384" s="97"/>
      <c r="EX2384" s="98"/>
      <c r="EY2384" s="97"/>
      <c r="FL2384" s="126"/>
      <c r="FM2384" s="91"/>
      <c r="FN2384" s="91"/>
      <c r="FO2384" s="91"/>
      <c r="FP2384" s="91"/>
      <c r="FQ2384" s="91"/>
      <c r="FR2384" s="91"/>
      <c r="FS2384" s="91"/>
      <c r="FT2384" s="91"/>
      <c r="FU2384" s="91"/>
      <c r="FV2384" s="91"/>
      <c r="FW2384" s="91"/>
      <c r="FX2384" s="91"/>
      <c r="FY2384" s="91"/>
      <c r="FZ2384" s="91"/>
      <c r="GA2384" s="91"/>
      <c r="GB2384" s="91"/>
      <c r="GC2384" s="91"/>
      <c r="GD2384" s="91"/>
      <c r="GE2384" s="91"/>
      <c r="GF2384" s="91"/>
      <c r="GG2384" s="91"/>
      <c r="GH2384" s="91"/>
      <c r="GI2384" s="91"/>
      <c r="GJ2384" s="91"/>
      <c r="GK2384" s="127"/>
      <c r="GL2384" s="126"/>
      <c r="GM2384" s="91"/>
      <c r="GN2384" s="91"/>
      <c r="GO2384" s="91"/>
      <c r="GP2384" s="91"/>
      <c r="GQ2384" s="91"/>
      <c r="GR2384" s="91"/>
      <c r="GS2384" s="91"/>
      <c r="GT2384" s="91"/>
      <c r="GU2384" s="91"/>
      <c r="GV2384" s="91"/>
      <c r="GW2384" s="91"/>
      <c r="GX2384" s="91"/>
      <c r="GY2384" s="91"/>
      <c r="GZ2384" s="91"/>
      <c r="HA2384" s="91"/>
      <c r="HB2384" s="91"/>
      <c r="HC2384" s="91"/>
      <c r="HD2384" s="91"/>
      <c r="HE2384" s="91"/>
      <c r="HF2384" s="91"/>
      <c r="HG2384" s="91"/>
      <c r="HH2384" s="91"/>
      <c r="HI2384" s="91"/>
      <c r="HJ2384" s="91"/>
      <c r="HK2384" s="127"/>
      <c r="HL2384" s="126"/>
      <c r="HM2384" s="91"/>
      <c r="HN2384" s="91"/>
      <c r="HO2384" s="91"/>
      <c r="HP2384" s="91"/>
      <c r="HQ2384" s="91"/>
      <c r="HR2384" s="91"/>
      <c r="HS2384" s="91"/>
      <c r="HT2384" s="91"/>
      <c r="HU2384" s="91"/>
      <c r="HV2384" s="91"/>
      <c r="HW2384" s="91"/>
      <c r="HX2384" s="91"/>
      <c r="HY2384" s="91"/>
      <c r="HZ2384" s="91"/>
      <c r="IA2384" s="91"/>
      <c r="IB2384" s="91"/>
      <c r="IC2384" s="91"/>
      <c r="ID2384" s="91"/>
      <c r="IE2384" s="91"/>
      <c r="IF2384" s="91"/>
      <c r="IG2384" s="91"/>
      <c r="IH2384" s="91"/>
      <c r="II2384" s="91"/>
      <c r="IJ2384" s="91"/>
      <c r="IK2384" s="127"/>
    </row>
    <row r="2385" spans="2:245" x14ac:dyDescent="0.2">
      <c r="B2385" s="43"/>
      <c r="C2385" s="73"/>
      <c r="D2385" s="64"/>
      <c r="E2385" s="64"/>
      <c r="F2385" s="55"/>
      <c r="G2385" s="102"/>
      <c r="H2385" s="55"/>
      <c r="I2385" s="55"/>
      <c r="J2385" s="55"/>
      <c r="K2385" s="55"/>
      <c r="L2385" s="55"/>
      <c r="M2385" s="55"/>
      <c r="N2385" s="55"/>
      <c r="O2385" s="55"/>
      <c r="P2385" s="55"/>
      <c r="Q2385" s="55"/>
      <c r="R2385" s="55"/>
      <c r="S2385" s="55"/>
      <c r="T2385" s="55"/>
      <c r="U2385" s="55"/>
      <c r="V2385" s="55"/>
      <c r="W2385" s="55"/>
      <c r="X2385" s="55"/>
      <c r="Y2385" s="55"/>
      <c r="Z2385" s="55"/>
      <c r="AA2385" s="55"/>
      <c r="AB2385" s="55"/>
      <c r="AC2385" s="55"/>
      <c r="AD2385" s="55"/>
      <c r="AE2385" s="55"/>
      <c r="AF2385" s="55"/>
      <c r="AG2385" s="55"/>
      <c r="AY2385" s="162"/>
      <c r="AZ2385" s="162"/>
      <c r="BA2385" s="162"/>
      <c r="BB2385" s="162"/>
      <c r="BC2385" s="162"/>
      <c r="BD2385" s="162"/>
      <c r="BE2385" s="162"/>
      <c r="BF2385" s="162"/>
      <c r="BG2385" s="162"/>
      <c r="BH2385" s="162"/>
      <c r="BI2385" s="162"/>
      <c r="BJ2385" s="162"/>
      <c r="BK2385" s="162"/>
      <c r="BL2385" s="162"/>
      <c r="BM2385" s="162"/>
      <c r="BN2385" s="162"/>
      <c r="BO2385" s="162"/>
      <c r="BP2385" s="162"/>
      <c r="BQ2385" s="162"/>
      <c r="BR2385" s="162"/>
      <c r="BS2385" s="162"/>
      <c r="BT2385" s="162"/>
      <c r="BU2385" s="162"/>
      <c r="BV2385" s="162"/>
      <c r="BW2385" s="162"/>
      <c r="BX2385" s="162"/>
      <c r="BY2385" s="162"/>
      <c r="BZ2385" s="162"/>
      <c r="CA2385" s="162"/>
      <c r="CB2385" s="162"/>
      <c r="CC2385" s="162"/>
      <c r="CD2385" s="162"/>
      <c r="CE2385" s="162"/>
      <c r="CF2385" s="162"/>
      <c r="CG2385" s="162"/>
      <c r="CH2385" s="162"/>
      <c r="CI2385" s="162"/>
      <c r="CJ2385" s="162"/>
      <c r="CK2385" s="162"/>
      <c r="CX2385" s="98"/>
      <c r="DL2385" s="97"/>
      <c r="DX2385" s="98"/>
      <c r="EL2385" s="97"/>
      <c r="EX2385" s="98"/>
      <c r="EY2385" s="97"/>
      <c r="FL2385" s="126"/>
      <c r="FM2385" s="91"/>
      <c r="FN2385" s="91"/>
      <c r="FO2385" s="91"/>
      <c r="FP2385" s="91"/>
      <c r="FQ2385" s="91"/>
      <c r="FR2385" s="91"/>
      <c r="FS2385" s="91"/>
      <c r="FT2385" s="91"/>
      <c r="FU2385" s="91"/>
      <c r="FV2385" s="91"/>
      <c r="FW2385" s="91"/>
      <c r="FX2385" s="91"/>
      <c r="FY2385" s="91"/>
      <c r="FZ2385" s="91"/>
      <c r="GA2385" s="91"/>
      <c r="GB2385" s="91"/>
      <c r="GC2385" s="91"/>
      <c r="GD2385" s="91"/>
      <c r="GE2385" s="91"/>
      <c r="GF2385" s="91"/>
      <c r="GG2385" s="91"/>
      <c r="GH2385" s="91"/>
      <c r="GI2385" s="91"/>
      <c r="GJ2385" s="91"/>
      <c r="GK2385" s="127"/>
      <c r="GL2385" s="126"/>
      <c r="GM2385" s="91"/>
      <c r="GN2385" s="91"/>
      <c r="GO2385" s="91"/>
      <c r="GP2385" s="91"/>
      <c r="GQ2385" s="91"/>
      <c r="GR2385" s="91"/>
      <c r="GS2385" s="91"/>
      <c r="GT2385" s="91"/>
      <c r="GU2385" s="91"/>
      <c r="GV2385" s="91"/>
      <c r="GW2385" s="91"/>
      <c r="GX2385" s="91"/>
      <c r="GY2385" s="91"/>
      <c r="GZ2385" s="91"/>
      <c r="HA2385" s="91"/>
      <c r="HB2385" s="91"/>
      <c r="HC2385" s="91"/>
      <c r="HD2385" s="91"/>
      <c r="HE2385" s="91"/>
      <c r="HF2385" s="91"/>
      <c r="HG2385" s="91"/>
      <c r="HH2385" s="91"/>
      <c r="HI2385" s="91"/>
      <c r="HJ2385" s="91"/>
      <c r="HK2385" s="127"/>
      <c r="HL2385" s="126"/>
      <c r="HM2385" s="91"/>
      <c r="HN2385" s="91"/>
      <c r="HO2385" s="91"/>
      <c r="HP2385" s="91"/>
      <c r="HQ2385" s="91"/>
      <c r="HR2385" s="91"/>
      <c r="HS2385" s="91"/>
      <c r="HT2385" s="91"/>
      <c r="HU2385" s="91"/>
      <c r="HV2385" s="91"/>
      <c r="HW2385" s="91"/>
      <c r="HX2385" s="91"/>
      <c r="HY2385" s="91"/>
      <c r="HZ2385" s="91"/>
      <c r="IA2385" s="91"/>
      <c r="IB2385" s="91"/>
      <c r="IC2385" s="91"/>
      <c r="ID2385" s="91"/>
      <c r="IE2385" s="91"/>
      <c r="IF2385" s="91"/>
      <c r="IG2385" s="91"/>
      <c r="IH2385" s="91"/>
      <c r="II2385" s="91"/>
      <c r="IJ2385" s="91"/>
      <c r="IK2385" s="127"/>
    </row>
    <row r="2386" spans="2:245" x14ac:dyDescent="0.2">
      <c r="B2386" s="43"/>
      <c r="C2386" s="73"/>
      <c r="D2386" s="64"/>
      <c r="E2386" s="64"/>
      <c r="F2386" s="55"/>
      <c r="G2386" s="102"/>
      <c r="H2386" s="55"/>
      <c r="I2386" s="55"/>
      <c r="J2386" s="55"/>
      <c r="K2386" s="55"/>
      <c r="L2386" s="55"/>
      <c r="M2386" s="55"/>
      <c r="N2386" s="55"/>
      <c r="O2386" s="55"/>
      <c r="P2386" s="55"/>
      <c r="Q2386" s="55"/>
      <c r="R2386" s="55"/>
      <c r="S2386" s="55"/>
      <c r="T2386" s="55"/>
      <c r="U2386" s="55"/>
      <c r="V2386" s="55"/>
      <c r="W2386" s="55"/>
      <c r="X2386" s="55"/>
      <c r="Y2386" s="55"/>
      <c r="Z2386" s="55"/>
      <c r="AA2386" s="55"/>
      <c r="AB2386" s="55"/>
      <c r="AC2386" s="55"/>
      <c r="AD2386" s="55"/>
      <c r="AE2386" s="55"/>
      <c r="AF2386" s="55"/>
      <c r="AG2386" s="55"/>
      <c r="AY2386" s="162"/>
      <c r="AZ2386" s="162"/>
      <c r="BA2386" s="162"/>
      <c r="BB2386" s="162"/>
      <c r="BC2386" s="162"/>
      <c r="BD2386" s="162"/>
      <c r="BE2386" s="162"/>
      <c r="BF2386" s="162"/>
      <c r="BG2386" s="162"/>
      <c r="BH2386" s="162"/>
      <c r="BI2386" s="162"/>
      <c r="BJ2386" s="162"/>
      <c r="BK2386" s="162"/>
      <c r="BL2386" s="162"/>
      <c r="BM2386" s="162"/>
      <c r="BN2386" s="162"/>
      <c r="BO2386" s="162"/>
      <c r="BP2386" s="162"/>
      <c r="BQ2386" s="162"/>
      <c r="BR2386" s="162"/>
      <c r="BS2386" s="162"/>
      <c r="BT2386" s="162"/>
      <c r="BU2386" s="162"/>
      <c r="BV2386" s="162"/>
      <c r="BW2386" s="162"/>
      <c r="BX2386" s="162"/>
      <c r="BY2386" s="162"/>
      <c r="BZ2386" s="162"/>
      <c r="CA2386" s="162"/>
      <c r="CB2386" s="162"/>
      <c r="CC2386" s="162"/>
      <c r="CD2386" s="162"/>
      <c r="CE2386" s="162"/>
      <c r="CF2386" s="162"/>
      <c r="CG2386" s="162"/>
      <c r="CH2386" s="162"/>
      <c r="CI2386" s="162"/>
      <c r="CJ2386" s="162"/>
      <c r="CK2386" s="162"/>
      <c r="CX2386" s="98"/>
      <c r="DL2386" s="97"/>
      <c r="DX2386" s="98"/>
      <c r="EL2386" s="97"/>
      <c r="EX2386" s="98"/>
      <c r="EY2386" s="97"/>
      <c r="FL2386" s="126"/>
      <c r="FM2386" s="91"/>
      <c r="FN2386" s="91"/>
      <c r="FO2386" s="91"/>
      <c r="FP2386" s="91"/>
      <c r="FQ2386" s="91"/>
      <c r="FR2386" s="91"/>
      <c r="FS2386" s="91"/>
      <c r="FT2386" s="91"/>
      <c r="FU2386" s="91"/>
      <c r="FV2386" s="91"/>
      <c r="FW2386" s="91"/>
      <c r="FX2386" s="91"/>
      <c r="FY2386" s="91"/>
      <c r="FZ2386" s="91"/>
      <c r="GA2386" s="91"/>
      <c r="GB2386" s="91"/>
      <c r="GC2386" s="91"/>
      <c r="GD2386" s="91"/>
      <c r="GE2386" s="91"/>
      <c r="GF2386" s="91"/>
      <c r="GG2386" s="91"/>
      <c r="GH2386" s="91"/>
      <c r="GI2386" s="91"/>
      <c r="GJ2386" s="91"/>
      <c r="GK2386" s="127"/>
      <c r="GL2386" s="126"/>
      <c r="GM2386" s="91"/>
      <c r="GN2386" s="91"/>
      <c r="GO2386" s="91"/>
      <c r="GP2386" s="91"/>
      <c r="GQ2386" s="91"/>
      <c r="GR2386" s="91"/>
      <c r="GS2386" s="91"/>
      <c r="GT2386" s="91"/>
      <c r="GU2386" s="91"/>
      <c r="GV2386" s="91"/>
      <c r="GW2386" s="91"/>
      <c r="GX2386" s="91"/>
      <c r="GY2386" s="91"/>
      <c r="GZ2386" s="91"/>
      <c r="HA2386" s="91"/>
      <c r="HB2386" s="91"/>
      <c r="HC2386" s="91"/>
      <c r="HD2386" s="91"/>
      <c r="HE2386" s="91"/>
      <c r="HF2386" s="91"/>
      <c r="HG2386" s="91"/>
      <c r="HH2386" s="91"/>
      <c r="HI2386" s="91"/>
      <c r="HJ2386" s="91"/>
      <c r="HK2386" s="127"/>
      <c r="HL2386" s="126"/>
      <c r="HM2386" s="91"/>
      <c r="HN2386" s="91"/>
      <c r="HO2386" s="91"/>
      <c r="HP2386" s="91"/>
      <c r="HQ2386" s="91"/>
      <c r="HR2386" s="91"/>
      <c r="HS2386" s="91"/>
      <c r="HT2386" s="91"/>
      <c r="HU2386" s="91"/>
      <c r="HV2386" s="91"/>
      <c r="HW2386" s="91"/>
      <c r="HX2386" s="91"/>
      <c r="HY2386" s="91"/>
      <c r="HZ2386" s="91"/>
      <c r="IA2386" s="91"/>
      <c r="IB2386" s="91"/>
      <c r="IC2386" s="91"/>
      <c r="ID2386" s="91"/>
      <c r="IE2386" s="91"/>
      <c r="IF2386" s="91"/>
      <c r="IG2386" s="91"/>
      <c r="IH2386" s="91"/>
      <c r="II2386" s="91"/>
      <c r="IJ2386" s="91"/>
      <c r="IK2386" s="127"/>
    </row>
    <row r="2387" spans="2:245" x14ac:dyDescent="0.2">
      <c r="B2387" s="43"/>
      <c r="C2387" s="73"/>
      <c r="D2387" s="64"/>
      <c r="E2387" s="64"/>
      <c r="F2387" s="55"/>
      <c r="G2387" s="102"/>
      <c r="H2387" s="55"/>
      <c r="I2387" s="55"/>
      <c r="J2387" s="55"/>
      <c r="K2387" s="55"/>
      <c r="L2387" s="55"/>
      <c r="M2387" s="55"/>
      <c r="N2387" s="55"/>
      <c r="O2387" s="55"/>
      <c r="P2387" s="55"/>
      <c r="Q2387" s="55"/>
      <c r="R2387" s="55"/>
      <c r="S2387" s="55"/>
      <c r="T2387" s="55"/>
      <c r="U2387" s="55"/>
      <c r="V2387" s="55"/>
      <c r="W2387" s="55"/>
      <c r="X2387" s="55"/>
      <c r="Y2387" s="55"/>
      <c r="Z2387" s="55"/>
      <c r="AA2387" s="55"/>
      <c r="AB2387" s="55"/>
      <c r="AC2387" s="55"/>
      <c r="AD2387" s="55"/>
      <c r="AE2387" s="55"/>
      <c r="AF2387" s="55"/>
      <c r="AG2387" s="55"/>
      <c r="AY2387" s="162"/>
      <c r="AZ2387" s="162"/>
      <c r="BA2387" s="162"/>
      <c r="BB2387" s="162"/>
      <c r="BC2387" s="162"/>
      <c r="BD2387" s="162"/>
      <c r="BE2387" s="162"/>
      <c r="BF2387" s="162"/>
      <c r="BG2387" s="162"/>
      <c r="BH2387" s="162"/>
      <c r="BI2387" s="162"/>
      <c r="BJ2387" s="162"/>
      <c r="BK2387" s="162"/>
      <c r="BL2387" s="162"/>
      <c r="BM2387" s="162"/>
      <c r="BN2387" s="162"/>
      <c r="BO2387" s="162"/>
      <c r="BP2387" s="162"/>
      <c r="BQ2387" s="162"/>
      <c r="BR2387" s="162"/>
      <c r="BS2387" s="162"/>
      <c r="BT2387" s="162"/>
      <c r="BU2387" s="162"/>
      <c r="BV2387" s="162"/>
      <c r="BW2387" s="162"/>
      <c r="BX2387" s="162"/>
      <c r="BY2387" s="162"/>
      <c r="BZ2387" s="162"/>
      <c r="CA2387" s="162"/>
      <c r="CB2387" s="162"/>
      <c r="CC2387" s="162"/>
      <c r="CD2387" s="162"/>
      <c r="CE2387" s="162"/>
      <c r="CF2387" s="162"/>
      <c r="CG2387" s="162"/>
      <c r="CH2387" s="162"/>
      <c r="CI2387" s="162"/>
      <c r="CJ2387" s="162"/>
      <c r="CK2387" s="162"/>
      <c r="CX2387" s="98"/>
      <c r="DL2387" s="97"/>
      <c r="DX2387" s="98"/>
      <c r="EL2387" s="97"/>
      <c r="EX2387" s="98"/>
      <c r="EY2387" s="97"/>
      <c r="FL2387" s="126"/>
      <c r="FM2387" s="91"/>
      <c r="FN2387" s="91"/>
      <c r="FO2387" s="91"/>
      <c r="FP2387" s="91"/>
      <c r="FQ2387" s="91"/>
      <c r="FR2387" s="91"/>
      <c r="FS2387" s="91"/>
      <c r="FT2387" s="91"/>
      <c r="FU2387" s="91"/>
      <c r="FV2387" s="91"/>
      <c r="FW2387" s="91"/>
      <c r="FX2387" s="91"/>
      <c r="FY2387" s="91"/>
      <c r="FZ2387" s="91"/>
      <c r="GA2387" s="91"/>
      <c r="GB2387" s="91"/>
      <c r="GC2387" s="91"/>
      <c r="GD2387" s="91"/>
      <c r="GE2387" s="91"/>
      <c r="GF2387" s="91"/>
      <c r="GG2387" s="91"/>
      <c r="GH2387" s="91"/>
      <c r="GI2387" s="91"/>
      <c r="GJ2387" s="91"/>
      <c r="GK2387" s="127"/>
      <c r="GL2387" s="126"/>
      <c r="GM2387" s="91"/>
      <c r="GN2387" s="91"/>
      <c r="GO2387" s="91"/>
      <c r="GP2387" s="91"/>
      <c r="GQ2387" s="91"/>
      <c r="GR2387" s="91"/>
      <c r="GS2387" s="91"/>
      <c r="GT2387" s="91"/>
      <c r="GU2387" s="91"/>
      <c r="GV2387" s="91"/>
      <c r="GW2387" s="91"/>
      <c r="GX2387" s="91"/>
      <c r="GY2387" s="91"/>
      <c r="GZ2387" s="91"/>
      <c r="HA2387" s="91"/>
      <c r="HB2387" s="91"/>
      <c r="HC2387" s="91"/>
      <c r="HD2387" s="91"/>
      <c r="HE2387" s="91"/>
      <c r="HF2387" s="91"/>
      <c r="HG2387" s="91"/>
      <c r="HH2387" s="91"/>
      <c r="HI2387" s="91"/>
      <c r="HJ2387" s="91"/>
      <c r="HK2387" s="127"/>
      <c r="HL2387" s="126"/>
      <c r="HM2387" s="91"/>
      <c r="HN2387" s="91"/>
      <c r="HO2387" s="91"/>
      <c r="HP2387" s="91"/>
      <c r="HQ2387" s="91"/>
      <c r="HR2387" s="91"/>
      <c r="HS2387" s="91"/>
      <c r="HT2387" s="91"/>
      <c r="HU2387" s="91"/>
      <c r="HV2387" s="91"/>
      <c r="HW2387" s="91"/>
      <c r="HX2387" s="91"/>
      <c r="HY2387" s="91"/>
      <c r="HZ2387" s="91"/>
      <c r="IA2387" s="91"/>
      <c r="IB2387" s="91"/>
      <c r="IC2387" s="91"/>
      <c r="ID2387" s="91"/>
      <c r="IE2387" s="91"/>
      <c r="IF2387" s="91"/>
      <c r="IG2387" s="91"/>
      <c r="IH2387" s="91"/>
      <c r="II2387" s="91"/>
      <c r="IJ2387" s="91"/>
      <c r="IK2387" s="127"/>
    </row>
    <row r="2388" spans="2:245" x14ac:dyDescent="0.2">
      <c r="B2388" s="43"/>
      <c r="C2388" s="73"/>
      <c r="D2388" s="64"/>
      <c r="E2388" s="64"/>
      <c r="F2388" s="55"/>
      <c r="G2388" s="102"/>
      <c r="H2388" s="55"/>
      <c r="I2388" s="55"/>
      <c r="J2388" s="55"/>
      <c r="K2388" s="55"/>
      <c r="L2388" s="55"/>
      <c r="M2388" s="55"/>
      <c r="N2388" s="55"/>
      <c r="O2388" s="55"/>
      <c r="P2388" s="55"/>
      <c r="Q2388" s="55"/>
      <c r="R2388" s="55"/>
      <c r="S2388" s="55"/>
      <c r="T2388" s="55"/>
      <c r="U2388" s="55"/>
      <c r="V2388" s="55"/>
      <c r="W2388" s="55"/>
      <c r="X2388" s="55"/>
      <c r="Y2388" s="55"/>
      <c r="Z2388" s="55"/>
      <c r="AA2388" s="55"/>
      <c r="AB2388" s="55"/>
      <c r="AC2388" s="55"/>
      <c r="AD2388" s="55"/>
      <c r="AE2388" s="55"/>
      <c r="AF2388" s="55"/>
      <c r="AG2388" s="55"/>
      <c r="AY2388" s="162"/>
      <c r="AZ2388" s="162"/>
      <c r="BA2388" s="162"/>
      <c r="BB2388" s="162"/>
      <c r="BC2388" s="162"/>
      <c r="BD2388" s="162"/>
      <c r="BE2388" s="162"/>
      <c r="BF2388" s="162"/>
      <c r="BG2388" s="162"/>
      <c r="BH2388" s="162"/>
      <c r="BI2388" s="162"/>
      <c r="BJ2388" s="162"/>
      <c r="BK2388" s="162"/>
      <c r="BL2388" s="162"/>
      <c r="BM2388" s="162"/>
      <c r="BN2388" s="162"/>
      <c r="BO2388" s="162"/>
      <c r="BP2388" s="162"/>
      <c r="BQ2388" s="162"/>
      <c r="BR2388" s="162"/>
      <c r="BS2388" s="162"/>
      <c r="BT2388" s="162"/>
      <c r="BU2388" s="162"/>
      <c r="BV2388" s="162"/>
      <c r="BW2388" s="162"/>
      <c r="BX2388" s="162"/>
      <c r="BY2388" s="162"/>
      <c r="BZ2388" s="162"/>
      <c r="CA2388" s="162"/>
      <c r="CB2388" s="162"/>
      <c r="CC2388" s="162"/>
      <c r="CD2388" s="162"/>
      <c r="CE2388" s="162"/>
      <c r="CF2388" s="162"/>
      <c r="CG2388" s="162"/>
      <c r="CH2388" s="162"/>
      <c r="CI2388" s="162"/>
      <c r="CJ2388" s="162"/>
      <c r="CK2388" s="162"/>
      <c r="CX2388" s="98"/>
      <c r="DL2388" s="97"/>
      <c r="DX2388" s="98"/>
      <c r="EL2388" s="97"/>
      <c r="EX2388" s="98"/>
      <c r="EY2388" s="97"/>
      <c r="FL2388" s="126"/>
      <c r="FM2388" s="91"/>
      <c r="FN2388" s="91"/>
      <c r="FO2388" s="91"/>
      <c r="FP2388" s="91"/>
      <c r="FQ2388" s="91"/>
      <c r="FR2388" s="91"/>
      <c r="FS2388" s="91"/>
      <c r="FT2388" s="91"/>
      <c r="FU2388" s="91"/>
      <c r="FV2388" s="91"/>
      <c r="FW2388" s="91"/>
      <c r="FX2388" s="91"/>
      <c r="FY2388" s="91"/>
      <c r="FZ2388" s="91"/>
      <c r="GA2388" s="91"/>
      <c r="GB2388" s="91"/>
      <c r="GC2388" s="91"/>
      <c r="GD2388" s="91"/>
      <c r="GE2388" s="91"/>
      <c r="GF2388" s="91"/>
      <c r="GG2388" s="91"/>
      <c r="GH2388" s="91"/>
      <c r="GI2388" s="91"/>
      <c r="GJ2388" s="91"/>
      <c r="GK2388" s="127"/>
      <c r="GL2388" s="126"/>
      <c r="GM2388" s="91"/>
      <c r="GN2388" s="91"/>
      <c r="GO2388" s="91"/>
      <c r="GP2388" s="91"/>
      <c r="GQ2388" s="91"/>
      <c r="GR2388" s="91"/>
      <c r="GS2388" s="91"/>
      <c r="GT2388" s="91"/>
      <c r="GU2388" s="91"/>
      <c r="GV2388" s="91"/>
      <c r="GW2388" s="91"/>
      <c r="GX2388" s="91"/>
      <c r="GY2388" s="91"/>
      <c r="GZ2388" s="91"/>
      <c r="HA2388" s="91"/>
      <c r="HB2388" s="91"/>
      <c r="HC2388" s="91"/>
      <c r="HD2388" s="91"/>
      <c r="HE2388" s="91"/>
      <c r="HF2388" s="91"/>
      <c r="HG2388" s="91"/>
      <c r="HH2388" s="91"/>
      <c r="HI2388" s="91"/>
      <c r="HJ2388" s="91"/>
      <c r="HK2388" s="127"/>
      <c r="HL2388" s="126"/>
      <c r="HM2388" s="91"/>
      <c r="HN2388" s="91"/>
      <c r="HO2388" s="91"/>
      <c r="HP2388" s="91"/>
      <c r="HQ2388" s="91"/>
      <c r="HR2388" s="91"/>
      <c r="HS2388" s="91"/>
      <c r="HT2388" s="91"/>
      <c r="HU2388" s="91"/>
      <c r="HV2388" s="91"/>
      <c r="HW2388" s="91"/>
      <c r="HX2388" s="91"/>
      <c r="HY2388" s="91"/>
      <c r="HZ2388" s="91"/>
      <c r="IA2388" s="91"/>
      <c r="IB2388" s="91"/>
      <c r="IC2388" s="91"/>
      <c r="ID2388" s="91"/>
      <c r="IE2388" s="91"/>
      <c r="IF2388" s="91"/>
      <c r="IG2388" s="91"/>
      <c r="IH2388" s="91"/>
      <c r="II2388" s="91"/>
      <c r="IJ2388" s="91"/>
      <c r="IK2388" s="127"/>
    </row>
    <row r="2389" spans="2:245" x14ac:dyDescent="0.2">
      <c r="B2389" s="43"/>
      <c r="C2389" s="73"/>
      <c r="D2389" s="64"/>
      <c r="E2389" s="64"/>
      <c r="F2389" s="55"/>
      <c r="G2389" s="102"/>
      <c r="H2389" s="55"/>
      <c r="I2389" s="55"/>
      <c r="J2389" s="55"/>
      <c r="K2389" s="55"/>
      <c r="L2389" s="55"/>
      <c r="M2389" s="55"/>
      <c r="N2389" s="55"/>
      <c r="O2389" s="55"/>
      <c r="P2389" s="55"/>
      <c r="Q2389" s="55"/>
      <c r="R2389" s="55"/>
      <c r="S2389" s="55"/>
      <c r="T2389" s="55"/>
      <c r="U2389" s="55"/>
      <c r="V2389" s="55"/>
      <c r="W2389" s="55"/>
      <c r="X2389" s="55"/>
      <c r="Y2389" s="55"/>
      <c r="Z2389" s="55"/>
      <c r="AA2389" s="55"/>
      <c r="AB2389" s="55"/>
      <c r="AC2389" s="55"/>
      <c r="AD2389" s="55"/>
      <c r="AE2389" s="55"/>
      <c r="AF2389" s="55"/>
      <c r="AG2389" s="55"/>
      <c r="AY2389" s="162"/>
      <c r="AZ2389" s="162"/>
      <c r="BA2389" s="162"/>
      <c r="BB2389" s="162"/>
      <c r="BC2389" s="162"/>
      <c r="BD2389" s="162"/>
      <c r="BE2389" s="162"/>
      <c r="BF2389" s="162"/>
      <c r="BG2389" s="162"/>
      <c r="BH2389" s="162"/>
      <c r="BI2389" s="162"/>
      <c r="BJ2389" s="162"/>
      <c r="BK2389" s="162"/>
      <c r="BL2389" s="162"/>
      <c r="BM2389" s="162"/>
      <c r="BN2389" s="162"/>
      <c r="BO2389" s="162"/>
      <c r="BP2389" s="162"/>
      <c r="BQ2389" s="162"/>
      <c r="BR2389" s="162"/>
      <c r="BS2389" s="162"/>
      <c r="BT2389" s="162"/>
      <c r="BU2389" s="162"/>
      <c r="BV2389" s="162"/>
      <c r="BW2389" s="162"/>
      <c r="BX2389" s="162"/>
      <c r="BY2389" s="162"/>
      <c r="BZ2389" s="162"/>
      <c r="CA2389" s="162"/>
      <c r="CB2389" s="162"/>
      <c r="CC2389" s="162"/>
      <c r="CD2389" s="162"/>
      <c r="CE2389" s="162"/>
      <c r="CF2389" s="162"/>
      <c r="CG2389" s="162"/>
      <c r="CH2389" s="162"/>
      <c r="CI2389" s="162"/>
      <c r="CJ2389" s="162"/>
      <c r="CK2389" s="162"/>
      <c r="CX2389" s="98"/>
      <c r="DL2389" s="97"/>
      <c r="DX2389" s="98"/>
      <c r="EL2389" s="97"/>
      <c r="EX2389" s="98"/>
      <c r="EY2389" s="97"/>
      <c r="FL2389" s="126"/>
      <c r="FM2389" s="91"/>
      <c r="FN2389" s="91"/>
      <c r="FO2389" s="91"/>
      <c r="FP2389" s="91"/>
      <c r="FQ2389" s="91"/>
      <c r="FR2389" s="91"/>
      <c r="FS2389" s="91"/>
      <c r="FT2389" s="91"/>
      <c r="FU2389" s="91"/>
      <c r="FV2389" s="91"/>
      <c r="FW2389" s="91"/>
      <c r="FX2389" s="91"/>
      <c r="FY2389" s="91"/>
      <c r="FZ2389" s="91"/>
      <c r="GA2389" s="91"/>
      <c r="GB2389" s="91"/>
      <c r="GC2389" s="91"/>
      <c r="GD2389" s="91"/>
      <c r="GE2389" s="91"/>
      <c r="GF2389" s="91"/>
      <c r="GG2389" s="91"/>
      <c r="GH2389" s="91"/>
      <c r="GI2389" s="91"/>
      <c r="GJ2389" s="91"/>
      <c r="GK2389" s="127"/>
      <c r="GL2389" s="126"/>
      <c r="GM2389" s="91"/>
      <c r="GN2389" s="91"/>
      <c r="GO2389" s="91"/>
      <c r="GP2389" s="91"/>
      <c r="GQ2389" s="91"/>
      <c r="GR2389" s="91"/>
      <c r="GS2389" s="91"/>
      <c r="GT2389" s="91"/>
      <c r="GU2389" s="91"/>
      <c r="GV2389" s="91"/>
      <c r="GW2389" s="91"/>
      <c r="GX2389" s="91"/>
      <c r="GY2389" s="91"/>
      <c r="GZ2389" s="91"/>
      <c r="HA2389" s="91"/>
      <c r="HB2389" s="91"/>
      <c r="HC2389" s="91"/>
      <c r="HD2389" s="91"/>
      <c r="HE2389" s="91"/>
      <c r="HF2389" s="91"/>
      <c r="HG2389" s="91"/>
      <c r="HH2389" s="91"/>
      <c r="HI2389" s="91"/>
      <c r="HJ2389" s="91"/>
      <c r="HK2389" s="127"/>
      <c r="HL2389" s="126"/>
      <c r="HM2389" s="91"/>
      <c r="HN2389" s="91"/>
      <c r="HO2389" s="91"/>
      <c r="HP2389" s="91"/>
      <c r="HQ2389" s="91"/>
      <c r="HR2389" s="91"/>
      <c r="HS2389" s="91"/>
      <c r="HT2389" s="91"/>
      <c r="HU2389" s="91"/>
      <c r="HV2389" s="91"/>
      <c r="HW2389" s="91"/>
      <c r="HX2389" s="91"/>
      <c r="HY2389" s="91"/>
      <c r="HZ2389" s="91"/>
      <c r="IA2389" s="91"/>
      <c r="IB2389" s="91"/>
      <c r="IC2389" s="91"/>
      <c r="ID2389" s="91"/>
      <c r="IE2389" s="91"/>
      <c r="IF2389" s="91"/>
      <c r="IG2389" s="91"/>
      <c r="IH2389" s="91"/>
      <c r="II2389" s="91"/>
      <c r="IJ2389" s="91"/>
      <c r="IK2389" s="127"/>
    </row>
    <row r="2390" spans="2:245" x14ac:dyDescent="0.2">
      <c r="B2390" s="43"/>
      <c r="C2390" s="73"/>
      <c r="D2390" s="64"/>
      <c r="E2390" s="64"/>
      <c r="F2390" s="55"/>
      <c r="G2390" s="102"/>
      <c r="H2390" s="55"/>
      <c r="I2390" s="55"/>
      <c r="J2390" s="55"/>
      <c r="K2390" s="55"/>
      <c r="L2390" s="55"/>
      <c r="M2390" s="55"/>
      <c r="N2390" s="55"/>
      <c r="O2390" s="55"/>
      <c r="P2390" s="55"/>
      <c r="Q2390" s="55"/>
      <c r="R2390" s="55"/>
      <c r="S2390" s="55"/>
      <c r="T2390" s="55"/>
      <c r="U2390" s="55"/>
      <c r="V2390" s="55"/>
      <c r="W2390" s="55"/>
      <c r="X2390" s="55"/>
      <c r="Y2390" s="55"/>
      <c r="Z2390" s="55"/>
      <c r="AA2390" s="55"/>
      <c r="AB2390" s="55"/>
      <c r="AC2390" s="55"/>
      <c r="AD2390" s="55"/>
      <c r="AE2390" s="55"/>
      <c r="AF2390" s="55"/>
      <c r="AG2390" s="55"/>
      <c r="AY2390" s="162"/>
      <c r="AZ2390" s="162"/>
      <c r="BA2390" s="162"/>
      <c r="BB2390" s="162"/>
      <c r="BC2390" s="162"/>
      <c r="BD2390" s="162"/>
      <c r="BE2390" s="162"/>
      <c r="BF2390" s="162"/>
      <c r="BG2390" s="162"/>
      <c r="BH2390" s="162"/>
      <c r="BI2390" s="162"/>
      <c r="BJ2390" s="162"/>
      <c r="BK2390" s="162"/>
      <c r="BL2390" s="162"/>
      <c r="BM2390" s="162"/>
      <c r="BN2390" s="162"/>
      <c r="BO2390" s="162"/>
      <c r="BP2390" s="162"/>
      <c r="BQ2390" s="162"/>
      <c r="BR2390" s="162"/>
      <c r="BS2390" s="162"/>
      <c r="BT2390" s="162"/>
      <c r="BU2390" s="162"/>
      <c r="BV2390" s="162"/>
      <c r="BW2390" s="162"/>
      <c r="BX2390" s="162"/>
      <c r="BY2390" s="162"/>
      <c r="BZ2390" s="162"/>
      <c r="CA2390" s="162"/>
      <c r="CB2390" s="162"/>
      <c r="CC2390" s="162"/>
      <c r="CD2390" s="162"/>
      <c r="CE2390" s="162"/>
      <c r="CF2390" s="162"/>
      <c r="CG2390" s="162"/>
      <c r="CH2390" s="162"/>
      <c r="CI2390" s="162"/>
      <c r="CJ2390" s="162"/>
      <c r="CK2390" s="162"/>
      <c r="CX2390" s="98"/>
      <c r="DL2390" s="97"/>
      <c r="DX2390" s="98"/>
      <c r="EL2390" s="97"/>
      <c r="EX2390" s="98"/>
      <c r="EY2390" s="97"/>
      <c r="FL2390" s="126"/>
      <c r="FM2390" s="91"/>
      <c r="FN2390" s="91"/>
      <c r="FO2390" s="91"/>
      <c r="FP2390" s="91"/>
      <c r="FQ2390" s="91"/>
      <c r="FR2390" s="91"/>
      <c r="FS2390" s="91"/>
      <c r="FT2390" s="91"/>
      <c r="FU2390" s="91"/>
      <c r="FV2390" s="91"/>
      <c r="FW2390" s="91"/>
      <c r="FX2390" s="91"/>
      <c r="FY2390" s="91"/>
      <c r="FZ2390" s="91"/>
      <c r="GA2390" s="91"/>
      <c r="GB2390" s="91"/>
      <c r="GC2390" s="91"/>
      <c r="GD2390" s="91"/>
      <c r="GE2390" s="91"/>
      <c r="GF2390" s="91"/>
      <c r="GG2390" s="91"/>
      <c r="GH2390" s="91"/>
      <c r="GI2390" s="91"/>
      <c r="GJ2390" s="91"/>
      <c r="GK2390" s="127"/>
      <c r="GL2390" s="126"/>
      <c r="GM2390" s="91"/>
      <c r="GN2390" s="91"/>
      <c r="GO2390" s="91"/>
      <c r="GP2390" s="91"/>
      <c r="GQ2390" s="91"/>
      <c r="GR2390" s="91"/>
      <c r="GS2390" s="91"/>
      <c r="GT2390" s="91"/>
      <c r="GU2390" s="91"/>
      <c r="GV2390" s="91"/>
      <c r="GW2390" s="91"/>
      <c r="GX2390" s="91"/>
      <c r="GY2390" s="91"/>
      <c r="GZ2390" s="91"/>
      <c r="HA2390" s="91"/>
      <c r="HB2390" s="91"/>
      <c r="HC2390" s="91"/>
      <c r="HD2390" s="91"/>
      <c r="HE2390" s="91"/>
      <c r="HF2390" s="91"/>
      <c r="HG2390" s="91"/>
      <c r="HH2390" s="91"/>
      <c r="HI2390" s="91"/>
      <c r="HJ2390" s="91"/>
      <c r="HK2390" s="127"/>
      <c r="HL2390" s="126"/>
      <c r="HM2390" s="91"/>
      <c r="HN2390" s="91"/>
      <c r="HO2390" s="91"/>
      <c r="HP2390" s="91"/>
      <c r="HQ2390" s="91"/>
      <c r="HR2390" s="91"/>
      <c r="HS2390" s="91"/>
      <c r="HT2390" s="91"/>
      <c r="HU2390" s="91"/>
      <c r="HV2390" s="91"/>
      <c r="HW2390" s="91"/>
      <c r="HX2390" s="91"/>
      <c r="HY2390" s="91"/>
      <c r="HZ2390" s="91"/>
      <c r="IA2390" s="91"/>
      <c r="IB2390" s="91"/>
      <c r="IC2390" s="91"/>
      <c r="ID2390" s="91"/>
      <c r="IE2390" s="91"/>
      <c r="IF2390" s="91"/>
      <c r="IG2390" s="91"/>
      <c r="IH2390" s="91"/>
      <c r="II2390" s="91"/>
      <c r="IJ2390" s="91"/>
      <c r="IK2390" s="127"/>
    </row>
    <row r="2391" spans="2:245" x14ac:dyDescent="0.2">
      <c r="B2391" s="43"/>
      <c r="C2391" s="73"/>
      <c r="D2391" s="64"/>
      <c r="E2391" s="64"/>
      <c r="F2391" s="55"/>
      <c r="G2391" s="102"/>
      <c r="H2391" s="55"/>
      <c r="I2391" s="55"/>
      <c r="J2391" s="55"/>
      <c r="K2391" s="55"/>
      <c r="L2391" s="55"/>
      <c r="M2391" s="55"/>
      <c r="N2391" s="55"/>
      <c r="O2391" s="55"/>
      <c r="P2391" s="55"/>
      <c r="Q2391" s="55"/>
      <c r="R2391" s="55"/>
      <c r="S2391" s="55"/>
      <c r="T2391" s="55"/>
      <c r="U2391" s="55"/>
      <c r="V2391" s="55"/>
      <c r="W2391" s="55"/>
      <c r="X2391" s="55"/>
      <c r="Y2391" s="55"/>
      <c r="Z2391" s="55"/>
      <c r="AA2391" s="55"/>
      <c r="AB2391" s="55"/>
      <c r="AC2391" s="55"/>
      <c r="AD2391" s="55"/>
      <c r="AE2391" s="55"/>
      <c r="AF2391" s="55"/>
      <c r="AG2391" s="55"/>
      <c r="AY2391" s="162"/>
      <c r="AZ2391" s="162"/>
      <c r="BA2391" s="162"/>
      <c r="BB2391" s="162"/>
      <c r="BC2391" s="162"/>
      <c r="BD2391" s="162"/>
      <c r="BE2391" s="162"/>
      <c r="BF2391" s="162"/>
      <c r="BG2391" s="162"/>
      <c r="BH2391" s="162"/>
      <c r="BI2391" s="162"/>
      <c r="BJ2391" s="162"/>
      <c r="BK2391" s="162"/>
      <c r="BL2391" s="162"/>
      <c r="BM2391" s="162"/>
      <c r="BN2391" s="162"/>
      <c r="BO2391" s="162"/>
      <c r="BP2391" s="162"/>
      <c r="BQ2391" s="162"/>
      <c r="BR2391" s="162"/>
      <c r="BS2391" s="162"/>
      <c r="BT2391" s="162"/>
      <c r="BU2391" s="162"/>
      <c r="BV2391" s="162"/>
      <c r="BW2391" s="162"/>
      <c r="BX2391" s="162"/>
      <c r="BY2391" s="162"/>
      <c r="BZ2391" s="162"/>
      <c r="CA2391" s="162"/>
      <c r="CB2391" s="162"/>
      <c r="CC2391" s="162"/>
      <c r="CD2391" s="162"/>
      <c r="CE2391" s="162"/>
      <c r="CF2391" s="162"/>
      <c r="CG2391" s="162"/>
      <c r="CH2391" s="162"/>
      <c r="CI2391" s="162"/>
      <c r="CJ2391" s="162"/>
      <c r="CK2391" s="162"/>
      <c r="CX2391" s="98"/>
      <c r="DL2391" s="97"/>
      <c r="DX2391" s="98"/>
      <c r="EL2391" s="97"/>
      <c r="EX2391" s="98"/>
      <c r="EY2391" s="97"/>
      <c r="FL2391" s="126"/>
      <c r="FM2391" s="91"/>
      <c r="FN2391" s="91"/>
      <c r="FO2391" s="91"/>
      <c r="FP2391" s="91"/>
      <c r="FQ2391" s="91"/>
      <c r="FR2391" s="91"/>
      <c r="FS2391" s="91"/>
      <c r="FT2391" s="91"/>
      <c r="FU2391" s="91"/>
      <c r="FV2391" s="91"/>
      <c r="FW2391" s="91"/>
      <c r="FX2391" s="91"/>
      <c r="FY2391" s="91"/>
      <c r="FZ2391" s="91"/>
      <c r="GA2391" s="91"/>
      <c r="GB2391" s="91"/>
      <c r="GC2391" s="91"/>
      <c r="GD2391" s="91"/>
      <c r="GE2391" s="91"/>
      <c r="GF2391" s="91"/>
      <c r="GG2391" s="91"/>
      <c r="GH2391" s="91"/>
      <c r="GI2391" s="91"/>
      <c r="GJ2391" s="91"/>
      <c r="GK2391" s="127"/>
      <c r="GL2391" s="126"/>
      <c r="GM2391" s="91"/>
      <c r="GN2391" s="91"/>
      <c r="GO2391" s="91"/>
      <c r="GP2391" s="91"/>
      <c r="GQ2391" s="91"/>
      <c r="GR2391" s="91"/>
      <c r="GS2391" s="91"/>
      <c r="GT2391" s="91"/>
      <c r="GU2391" s="91"/>
      <c r="GV2391" s="91"/>
      <c r="GW2391" s="91"/>
      <c r="GX2391" s="91"/>
      <c r="GY2391" s="91"/>
      <c r="GZ2391" s="91"/>
      <c r="HA2391" s="91"/>
      <c r="HB2391" s="91"/>
      <c r="HC2391" s="91"/>
      <c r="HD2391" s="91"/>
      <c r="HE2391" s="91"/>
      <c r="HF2391" s="91"/>
      <c r="HG2391" s="91"/>
      <c r="HH2391" s="91"/>
      <c r="HI2391" s="91"/>
      <c r="HJ2391" s="91"/>
      <c r="HK2391" s="127"/>
      <c r="HL2391" s="126"/>
      <c r="HM2391" s="91"/>
      <c r="HN2391" s="91"/>
      <c r="HO2391" s="91"/>
      <c r="HP2391" s="91"/>
      <c r="HQ2391" s="91"/>
      <c r="HR2391" s="91"/>
      <c r="HS2391" s="91"/>
      <c r="HT2391" s="91"/>
      <c r="HU2391" s="91"/>
      <c r="HV2391" s="91"/>
      <c r="HW2391" s="91"/>
      <c r="HX2391" s="91"/>
      <c r="HY2391" s="91"/>
      <c r="HZ2391" s="91"/>
      <c r="IA2391" s="91"/>
      <c r="IB2391" s="91"/>
      <c r="IC2391" s="91"/>
      <c r="ID2391" s="91"/>
      <c r="IE2391" s="91"/>
      <c r="IF2391" s="91"/>
      <c r="IG2391" s="91"/>
      <c r="IH2391" s="91"/>
      <c r="II2391" s="91"/>
      <c r="IJ2391" s="91"/>
      <c r="IK2391" s="127"/>
    </row>
    <row r="2392" spans="2:245" x14ac:dyDescent="0.2">
      <c r="B2392" s="43"/>
      <c r="C2392" s="73"/>
      <c r="D2392" s="64"/>
      <c r="E2392" s="64"/>
      <c r="F2392" s="55"/>
      <c r="G2392" s="102"/>
      <c r="H2392" s="55"/>
      <c r="I2392" s="55"/>
      <c r="J2392" s="55"/>
      <c r="K2392" s="55"/>
      <c r="L2392" s="55"/>
      <c r="M2392" s="55"/>
      <c r="N2392" s="55"/>
      <c r="O2392" s="55"/>
      <c r="P2392" s="55"/>
      <c r="Q2392" s="55"/>
      <c r="R2392" s="55"/>
      <c r="S2392" s="55"/>
      <c r="T2392" s="55"/>
      <c r="U2392" s="55"/>
      <c r="V2392" s="55"/>
      <c r="W2392" s="55"/>
      <c r="X2392" s="55"/>
      <c r="Y2392" s="55"/>
      <c r="Z2392" s="55"/>
      <c r="AA2392" s="55"/>
      <c r="AB2392" s="55"/>
      <c r="AC2392" s="55"/>
      <c r="AD2392" s="55"/>
      <c r="AE2392" s="55"/>
      <c r="AF2392" s="55"/>
      <c r="AG2392" s="55"/>
      <c r="AY2392" s="162"/>
      <c r="AZ2392" s="162"/>
      <c r="BA2392" s="162"/>
      <c r="BB2392" s="162"/>
      <c r="BC2392" s="162"/>
      <c r="BD2392" s="162"/>
      <c r="BE2392" s="162"/>
      <c r="BF2392" s="162"/>
      <c r="BG2392" s="162"/>
      <c r="BH2392" s="162"/>
      <c r="BI2392" s="162"/>
      <c r="BJ2392" s="162"/>
      <c r="BK2392" s="162"/>
      <c r="BL2392" s="162"/>
      <c r="BM2392" s="162"/>
      <c r="BN2392" s="162"/>
      <c r="BO2392" s="162"/>
      <c r="BP2392" s="162"/>
      <c r="BQ2392" s="162"/>
      <c r="BR2392" s="162"/>
      <c r="BS2392" s="162"/>
      <c r="BT2392" s="162"/>
      <c r="BU2392" s="162"/>
      <c r="BV2392" s="162"/>
      <c r="BW2392" s="162"/>
      <c r="BX2392" s="162"/>
      <c r="BY2392" s="162"/>
      <c r="BZ2392" s="162"/>
      <c r="CA2392" s="162"/>
      <c r="CB2392" s="162"/>
      <c r="CC2392" s="162"/>
      <c r="CD2392" s="162"/>
      <c r="CE2392" s="162"/>
      <c r="CF2392" s="162"/>
      <c r="CG2392" s="162"/>
      <c r="CH2392" s="162"/>
      <c r="CI2392" s="162"/>
      <c r="CJ2392" s="162"/>
      <c r="CK2392" s="162"/>
      <c r="CX2392" s="98"/>
      <c r="DL2392" s="97"/>
      <c r="DX2392" s="98"/>
      <c r="EL2392" s="97"/>
      <c r="EX2392" s="98"/>
      <c r="EY2392" s="97"/>
      <c r="FL2392" s="126"/>
      <c r="FM2392" s="91"/>
      <c r="FN2392" s="91"/>
      <c r="FO2392" s="91"/>
      <c r="FP2392" s="91"/>
      <c r="FQ2392" s="91"/>
      <c r="FR2392" s="91"/>
      <c r="FS2392" s="91"/>
      <c r="FT2392" s="91"/>
      <c r="FU2392" s="91"/>
      <c r="FV2392" s="91"/>
      <c r="FW2392" s="91"/>
      <c r="FX2392" s="91"/>
      <c r="FY2392" s="91"/>
      <c r="FZ2392" s="91"/>
      <c r="GA2392" s="91"/>
      <c r="GB2392" s="91"/>
      <c r="GC2392" s="91"/>
      <c r="GD2392" s="91"/>
      <c r="GE2392" s="91"/>
      <c r="GF2392" s="91"/>
      <c r="GG2392" s="91"/>
      <c r="GH2392" s="91"/>
      <c r="GI2392" s="91"/>
      <c r="GJ2392" s="91"/>
      <c r="GK2392" s="127"/>
      <c r="GL2392" s="126"/>
      <c r="GM2392" s="91"/>
      <c r="GN2392" s="91"/>
      <c r="GO2392" s="91"/>
      <c r="GP2392" s="91"/>
      <c r="GQ2392" s="91"/>
      <c r="GR2392" s="91"/>
      <c r="GS2392" s="91"/>
      <c r="GT2392" s="91"/>
      <c r="GU2392" s="91"/>
      <c r="GV2392" s="91"/>
      <c r="GW2392" s="91"/>
      <c r="GX2392" s="91"/>
      <c r="GY2392" s="91"/>
      <c r="GZ2392" s="91"/>
      <c r="HA2392" s="91"/>
      <c r="HB2392" s="91"/>
      <c r="HC2392" s="91"/>
      <c r="HD2392" s="91"/>
      <c r="HE2392" s="91"/>
      <c r="HF2392" s="91"/>
      <c r="HG2392" s="91"/>
      <c r="HH2392" s="91"/>
      <c r="HI2392" s="91"/>
      <c r="HJ2392" s="91"/>
      <c r="HK2392" s="127"/>
      <c r="HL2392" s="126"/>
      <c r="HM2392" s="91"/>
      <c r="HN2392" s="91"/>
      <c r="HO2392" s="91"/>
      <c r="HP2392" s="91"/>
      <c r="HQ2392" s="91"/>
      <c r="HR2392" s="91"/>
      <c r="HS2392" s="91"/>
      <c r="HT2392" s="91"/>
      <c r="HU2392" s="91"/>
      <c r="HV2392" s="91"/>
      <c r="HW2392" s="91"/>
      <c r="HX2392" s="91"/>
      <c r="HY2392" s="91"/>
      <c r="HZ2392" s="91"/>
      <c r="IA2392" s="91"/>
      <c r="IB2392" s="91"/>
      <c r="IC2392" s="91"/>
      <c r="ID2392" s="91"/>
      <c r="IE2392" s="91"/>
      <c r="IF2392" s="91"/>
      <c r="IG2392" s="91"/>
      <c r="IH2392" s="91"/>
      <c r="II2392" s="91"/>
      <c r="IJ2392" s="91"/>
      <c r="IK2392" s="127"/>
    </row>
    <row r="2393" spans="2:245" ht="13.5" thickBot="1" x14ac:dyDescent="0.25">
      <c r="B2393" s="43"/>
      <c r="C2393" s="73"/>
      <c r="D2393" s="64"/>
      <c r="E2393" s="64"/>
      <c r="F2393" s="55"/>
      <c r="G2393" s="102"/>
      <c r="H2393" s="55"/>
      <c r="I2393" s="55"/>
      <c r="J2393" s="55"/>
      <c r="K2393" s="55"/>
      <c r="L2393" s="55"/>
      <c r="M2393" s="55"/>
      <c r="N2393" s="55"/>
      <c r="O2393" s="55"/>
      <c r="P2393" s="55"/>
      <c r="Q2393" s="55"/>
      <c r="R2393" s="55"/>
      <c r="S2393" s="55"/>
      <c r="T2393" s="55"/>
      <c r="U2393" s="55"/>
      <c r="V2393" s="55"/>
      <c r="W2393" s="55"/>
      <c r="X2393" s="55"/>
      <c r="Y2393" s="55"/>
      <c r="Z2393" s="55"/>
      <c r="AA2393" s="55"/>
      <c r="AB2393" s="55"/>
      <c r="AC2393" s="55"/>
      <c r="AD2393" s="55"/>
      <c r="AE2393" s="55"/>
      <c r="AF2393" s="55"/>
      <c r="AG2393" s="55"/>
      <c r="AY2393" s="162"/>
      <c r="AZ2393" s="162"/>
      <c r="BA2393" s="162"/>
      <c r="BB2393" s="162"/>
      <c r="BC2393" s="162"/>
      <c r="BD2393" s="162"/>
      <c r="BE2393" s="162"/>
      <c r="BF2393" s="162"/>
      <c r="BG2393" s="162"/>
      <c r="BH2393" s="162"/>
      <c r="BI2393" s="162"/>
      <c r="BJ2393" s="162"/>
      <c r="BK2393" s="162"/>
      <c r="BL2393" s="162"/>
      <c r="BM2393" s="162"/>
      <c r="BN2393" s="162"/>
      <c r="BO2393" s="162"/>
      <c r="BP2393" s="162"/>
      <c r="BQ2393" s="162"/>
      <c r="BR2393" s="162"/>
      <c r="BS2393" s="162"/>
      <c r="BT2393" s="162"/>
      <c r="BU2393" s="162"/>
      <c r="BV2393" s="162"/>
      <c r="BW2393" s="162"/>
      <c r="BX2393" s="162"/>
      <c r="BY2393" s="162"/>
      <c r="BZ2393" s="162"/>
      <c r="CA2393" s="162"/>
      <c r="CB2393" s="162"/>
      <c r="CC2393" s="162"/>
      <c r="CD2393" s="162"/>
      <c r="CE2393" s="162"/>
      <c r="CF2393" s="162"/>
      <c r="CG2393" s="162"/>
      <c r="CH2393" s="162"/>
      <c r="CI2393" s="162"/>
      <c r="CJ2393" s="162"/>
      <c r="CK2393" s="162"/>
      <c r="CX2393" s="98"/>
      <c r="DL2393" s="97"/>
      <c r="DX2393" s="98"/>
      <c r="EL2393" s="97"/>
      <c r="EX2393" s="98"/>
      <c r="EY2393" s="97"/>
      <c r="FL2393" s="126"/>
      <c r="FM2393" s="91"/>
      <c r="FN2393" s="91"/>
      <c r="FO2393" s="91"/>
      <c r="FP2393" s="91"/>
      <c r="FQ2393" s="91"/>
      <c r="FR2393" s="91"/>
      <c r="FS2393" s="91"/>
      <c r="FT2393" s="91"/>
      <c r="FU2393" s="91"/>
      <c r="FV2393" s="91"/>
      <c r="FW2393" s="91"/>
      <c r="FX2393" s="91"/>
      <c r="FY2393" s="91"/>
      <c r="FZ2393" s="91"/>
      <c r="GA2393" s="91"/>
      <c r="GB2393" s="91"/>
      <c r="GC2393" s="91"/>
      <c r="GD2393" s="91"/>
      <c r="GE2393" s="91"/>
      <c r="GF2393" s="91"/>
      <c r="GG2393" s="91"/>
      <c r="GH2393" s="91"/>
      <c r="GI2393" s="91"/>
      <c r="GJ2393" s="91"/>
      <c r="GK2393" s="127"/>
      <c r="GL2393" s="126"/>
      <c r="GM2393" s="91"/>
      <c r="GN2393" s="91"/>
      <c r="GO2393" s="91"/>
      <c r="GP2393" s="91"/>
      <c r="GQ2393" s="91"/>
      <c r="GR2393" s="91"/>
      <c r="GS2393" s="91"/>
      <c r="GT2393" s="91"/>
      <c r="GU2393" s="91"/>
      <c r="GV2393" s="91"/>
      <c r="GW2393" s="91"/>
      <c r="GX2393" s="91"/>
      <c r="GY2393" s="91"/>
      <c r="GZ2393" s="91"/>
      <c r="HA2393" s="91"/>
      <c r="HB2393" s="91"/>
      <c r="HC2393" s="91"/>
      <c r="HD2393" s="91"/>
      <c r="HE2393" s="91"/>
      <c r="HF2393" s="91"/>
      <c r="HG2393" s="91"/>
      <c r="HH2393" s="91"/>
      <c r="HI2393" s="91"/>
      <c r="HJ2393" s="91"/>
      <c r="HK2393" s="127"/>
      <c r="HL2393" s="126"/>
      <c r="HM2393" s="91"/>
      <c r="HN2393" s="91"/>
      <c r="HO2393" s="91"/>
      <c r="HP2393" s="91"/>
      <c r="HQ2393" s="91"/>
      <c r="HR2393" s="91"/>
      <c r="HS2393" s="91"/>
      <c r="HT2393" s="91"/>
      <c r="HU2393" s="91"/>
      <c r="HV2393" s="91"/>
      <c r="HW2393" s="91"/>
      <c r="HX2393" s="91"/>
      <c r="HY2393" s="91"/>
      <c r="HZ2393" s="91"/>
      <c r="IA2393" s="91"/>
      <c r="IB2393" s="91"/>
      <c r="IC2393" s="91"/>
      <c r="ID2393" s="91"/>
      <c r="IE2393" s="91"/>
      <c r="IF2393" s="91"/>
      <c r="IG2393" s="91"/>
      <c r="IH2393" s="91"/>
      <c r="II2393" s="91"/>
      <c r="IJ2393" s="91"/>
      <c r="IK2393" s="127"/>
    </row>
    <row r="2394" spans="2:245" x14ac:dyDescent="0.2">
      <c r="B2394" s="43"/>
      <c r="C2394" s="73"/>
      <c r="D2394" s="64"/>
      <c r="E2394" s="64"/>
      <c r="F2394" s="55"/>
      <c r="G2394" s="102"/>
      <c r="H2394" s="55"/>
      <c r="I2394" s="55"/>
      <c r="J2394" s="55"/>
      <c r="K2394" s="55"/>
      <c r="L2394" s="55"/>
      <c r="M2394" s="55"/>
      <c r="N2394" s="55"/>
      <c r="O2394" s="55"/>
      <c r="P2394" s="55"/>
      <c r="Q2394" s="55"/>
      <c r="R2394" s="55"/>
      <c r="S2394" s="55"/>
      <c r="T2394" s="55"/>
      <c r="U2394" s="55"/>
      <c r="V2394" s="55"/>
      <c r="W2394" s="55"/>
      <c r="X2394" s="55"/>
      <c r="Y2394" s="55"/>
      <c r="Z2394" s="55"/>
      <c r="AA2394" s="55"/>
      <c r="AB2394" s="55"/>
      <c r="AC2394" s="55"/>
      <c r="AD2394" s="55"/>
      <c r="AE2394" s="55"/>
      <c r="AF2394" s="55"/>
      <c r="AG2394" s="55"/>
      <c r="AY2394" s="162"/>
      <c r="AZ2394" s="162"/>
      <c r="BA2394" s="162"/>
      <c r="BB2394" s="162"/>
      <c r="BC2394" s="162"/>
      <c r="BD2394" s="162"/>
      <c r="BE2394" s="162"/>
      <c r="BF2394" s="162"/>
      <c r="BG2394" s="162"/>
      <c r="BH2394" s="162"/>
      <c r="BI2394" s="162"/>
      <c r="BJ2394" s="162"/>
      <c r="BK2394" s="162"/>
      <c r="BL2394" s="162"/>
      <c r="BM2394" s="162"/>
      <c r="BN2394" s="162"/>
      <c r="BO2394" s="162"/>
      <c r="BP2394" s="162"/>
      <c r="BQ2394" s="162"/>
      <c r="BR2394" s="162"/>
      <c r="BS2394" s="162"/>
      <c r="BT2394" s="162"/>
      <c r="BU2394" s="162"/>
      <c r="BV2394" s="162"/>
      <c r="BW2394" s="162"/>
      <c r="BX2394" s="162"/>
      <c r="BY2394" s="162"/>
      <c r="BZ2394" s="162"/>
      <c r="CA2394" s="162"/>
      <c r="CB2394" s="162"/>
      <c r="CC2394" s="162"/>
      <c r="CD2394" s="162"/>
      <c r="CE2394" s="162"/>
      <c r="CF2394" s="162"/>
      <c r="CG2394" s="162"/>
      <c r="CH2394" s="162"/>
      <c r="CI2394" s="162"/>
      <c r="CJ2394" s="162"/>
      <c r="CK2394" s="162"/>
      <c r="CL2394" s="163"/>
      <c r="CM2394" s="163"/>
      <c r="CN2394" s="163"/>
      <c r="CO2394" s="163"/>
      <c r="CP2394" s="163"/>
      <c r="CQ2394" s="163"/>
      <c r="CR2394" s="163"/>
      <c r="CS2394" s="163"/>
      <c r="CT2394" s="163"/>
      <c r="CU2394" s="163"/>
      <c r="CV2394" s="163"/>
      <c r="CW2394" s="163"/>
      <c r="CX2394" s="173"/>
      <c r="CY2394" s="163"/>
      <c r="CZ2394" s="163"/>
      <c r="DA2394" s="163"/>
      <c r="DB2394" s="163"/>
      <c r="DC2394" s="163"/>
      <c r="DD2394" s="163"/>
      <c r="DE2394" s="163"/>
      <c r="DF2394" s="163"/>
      <c r="DG2394" s="163"/>
      <c r="DH2394" s="163"/>
      <c r="DI2394" s="163"/>
      <c r="DJ2394" s="163"/>
      <c r="DK2394" s="163"/>
      <c r="DL2394" s="172"/>
      <c r="DM2394" s="163"/>
      <c r="DN2394" s="163"/>
      <c r="DO2394" s="163"/>
      <c r="DP2394" s="163"/>
      <c r="DQ2394" s="163"/>
      <c r="DR2394" s="163"/>
      <c r="DS2394" s="163"/>
      <c r="DT2394" s="163"/>
      <c r="DU2394" s="163"/>
      <c r="DV2394" s="163"/>
      <c r="DW2394" s="163"/>
      <c r="DX2394" s="173"/>
      <c r="DY2394" s="163"/>
      <c r="DZ2394" s="163"/>
      <c r="EA2394" s="163"/>
      <c r="EB2394" s="163"/>
      <c r="EC2394" s="163"/>
      <c r="ED2394" s="163"/>
      <c r="EE2394" s="163"/>
      <c r="EF2394" s="163"/>
      <c r="EG2394" s="163"/>
      <c r="EH2394" s="163"/>
      <c r="EI2394" s="163"/>
      <c r="EJ2394" s="163"/>
      <c r="EK2394" s="163"/>
      <c r="EL2394" s="172"/>
      <c r="EM2394" s="163"/>
      <c r="EN2394" s="163"/>
      <c r="EO2394" s="163"/>
      <c r="EP2394" s="163"/>
      <c r="EQ2394" s="163"/>
      <c r="ER2394" s="163"/>
      <c r="ES2394" s="163"/>
      <c r="ET2394" s="163"/>
      <c r="EU2394" s="163"/>
      <c r="EV2394" s="163"/>
      <c r="EW2394" s="163"/>
      <c r="EX2394" s="173"/>
      <c r="EY2394" s="172"/>
      <c r="EZ2394" s="163"/>
      <c r="FA2394" s="163"/>
      <c r="FB2394" s="163"/>
      <c r="FC2394" s="163"/>
      <c r="FD2394" s="163"/>
      <c r="FE2394" s="163"/>
      <c r="FF2394" s="163"/>
      <c r="FG2394" s="163"/>
      <c r="FH2394" s="163"/>
      <c r="FI2394" s="163"/>
      <c r="FJ2394" s="163"/>
      <c r="FK2394" s="163"/>
      <c r="FL2394" s="126"/>
      <c r="FM2394" s="91"/>
      <c r="FN2394" s="91"/>
      <c r="FO2394" s="91"/>
      <c r="FP2394" s="91"/>
      <c r="FQ2394" s="91"/>
      <c r="FR2394" s="91"/>
      <c r="FS2394" s="91"/>
      <c r="FT2394" s="91"/>
      <c r="FU2394" s="91"/>
      <c r="FV2394" s="91"/>
      <c r="FW2394" s="91"/>
      <c r="FX2394" s="91"/>
      <c r="FY2394" s="91"/>
      <c r="FZ2394" s="91"/>
      <c r="GA2394" s="91"/>
      <c r="GB2394" s="91"/>
      <c r="GC2394" s="91"/>
      <c r="GD2394" s="91"/>
      <c r="GE2394" s="91"/>
      <c r="GF2394" s="91"/>
      <c r="GG2394" s="91"/>
      <c r="GH2394" s="91"/>
      <c r="GI2394" s="91"/>
      <c r="GJ2394" s="91"/>
      <c r="GK2394" s="127"/>
      <c r="GL2394" s="126"/>
      <c r="GM2394" s="91"/>
      <c r="GN2394" s="91"/>
      <c r="GO2394" s="91"/>
      <c r="GP2394" s="91"/>
      <c r="GQ2394" s="91"/>
      <c r="GR2394" s="91"/>
      <c r="GS2394" s="91"/>
      <c r="GT2394" s="91"/>
      <c r="GU2394" s="91"/>
      <c r="GV2394" s="91"/>
      <c r="GW2394" s="91"/>
      <c r="GX2394" s="91"/>
      <c r="GY2394" s="91"/>
      <c r="GZ2394" s="91"/>
      <c r="HA2394" s="91"/>
      <c r="HB2394" s="91"/>
      <c r="HC2394" s="91"/>
      <c r="HD2394" s="91"/>
      <c r="HE2394" s="91"/>
      <c r="HF2394" s="91"/>
      <c r="HG2394" s="91"/>
      <c r="HH2394" s="91"/>
      <c r="HI2394" s="91"/>
      <c r="HJ2394" s="91"/>
      <c r="HK2394" s="127"/>
      <c r="HL2394" s="126"/>
      <c r="HM2394" s="91"/>
      <c r="HN2394" s="91"/>
      <c r="HO2394" s="91"/>
      <c r="HP2394" s="91"/>
      <c r="HQ2394" s="91"/>
      <c r="HR2394" s="91"/>
      <c r="HS2394" s="91"/>
      <c r="HT2394" s="91"/>
      <c r="HU2394" s="91"/>
      <c r="HV2394" s="91"/>
      <c r="HW2394" s="91"/>
      <c r="HX2394" s="91"/>
      <c r="HY2394" s="91"/>
      <c r="HZ2394" s="91"/>
      <c r="IA2394" s="91"/>
      <c r="IB2394" s="91"/>
      <c r="IC2394" s="91"/>
      <c r="ID2394" s="91"/>
      <c r="IE2394" s="91"/>
      <c r="IF2394" s="91"/>
      <c r="IG2394" s="91"/>
      <c r="IH2394" s="91"/>
      <c r="II2394" s="91"/>
      <c r="IJ2394" s="91"/>
      <c r="IK2394" s="127"/>
    </row>
    <row r="2395" spans="2:245" x14ac:dyDescent="0.2">
      <c r="B2395" s="43"/>
      <c r="C2395" s="73"/>
      <c r="D2395" s="64"/>
      <c r="E2395" s="64"/>
      <c r="F2395" s="55"/>
      <c r="G2395" s="102"/>
      <c r="H2395" s="55"/>
      <c r="I2395" s="55"/>
      <c r="J2395" s="55"/>
      <c r="K2395" s="55"/>
      <c r="L2395" s="55"/>
      <c r="M2395" s="55"/>
      <c r="N2395" s="55"/>
      <c r="O2395" s="55"/>
      <c r="P2395" s="55"/>
      <c r="Q2395" s="55"/>
      <c r="R2395" s="55"/>
      <c r="S2395" s="55"/>
      <c r="T2395" s="55"/>
      <c r="U2395" s="55"/>
      <c r="V2395" s="55"/>
      <c r="W2395" s="55"/>
      <c r="X2395" s="55"/>
      <c r="Y2395" s="55"/>
      <c r="Z2395" s="55"/>
      <c r="AA2395" s="55"/>
      <c r="AB2395" s="55"/>
      <c r="AC2395" s="55"/>
      <c r="AD2395" s="55"/>
      <c r="AE2395" s="55"/>
      <c r="AF2395" s="55"/>
      <c r="AG2395" s="55"/>
      <c r="AY2395" s="162"/>
      <c r="AZ2395" s="162"/>
      <c r="BA2395" s="162"/>
      <c r="BB2395" s="162"/>
      <c r="BC2395" s="162"/>
      <c r="BD2395" s="162"/>
      <c r="BE2395" s="162"/>
      <c r="BF2395" s="162"/>
      <c r="BG2395" s="162"/>
      <c r="BH2395" s="162"/>
      <c r="BI2395" s="162"/>
      <c r="BJ2395" s="162"/>
      <c r="BK2395" s="162"/>
      <c r="BL2395" s="162"/>
      <c r="BM2395" s="162"/>
      <c r="BN2395" s="162"/>
      <c r="BO2395" s="162"/>
      <c r="BP2395" s="162"/>
      <c r="BQ2395" s="162"/>
      <c r="BR2395" s="162"/>
      <c r="BS2395" s="162"/>
      <c r="BT2395" s="162"/>
      <c r="BU2395" s="162"/>
      <c r="BV2395" s="162"/>
      <c r="BW2395" s="162"/>
      <c r="BX2395" s="162"/>
      <c r="BY2395" s="162"/>
      <c r="BZ2395" s="162"/>
      <c r="CA2395" s="162"/>
      <c r="CB2395" s="162"/>
      <c r="CC2395" s="162"/>
      <c r="CD2395" s="162"/>
      <c r="CE2395" s="162"/>
      <c r="CF2395" s="162"/>
      <c r="CG2395" s="162"/>
      <c r="CH2395" s="162"/>
      <c r="CI2395" s="162"/>
      <c r="CJ2395" s="162"/>
      <c r="CK2395" s="162"/>
      <c r="CX2395" s="98"/>
      <c r="DL2395" s="97"/>
      <c r="DX2395" s="98"/>
      <c r="EL2395" s="97"/>
      <c r="EX2395" s="98"/>
      <c r="EY2395" s="97"/>
      <c r="FL2395" s="126"/>
      <c r="FM2395" s="91"/>
      <c r="FN2395" s="91"/>
      <c r="FO2395" s="91"/>
      <c r="FP2395" s="91"/>
      <c r="FQ2395" s="91"/>
      <c r="FR2395" s="91"/>
      <c r="FS2395" s="91"/>
      <c r="FT2395" s="91"/>
      <c r="FU2395" s="91"/>
      <c r="FV2395" s="91"/>
      <c r="FW2395" s="91"/>
      <c r="FX2395" s="91"/>
      <c r="FY2395" s="91"/>
      <c r="FZ2395" s="91"/>
      <c r="GA2395" s="91"/>
      <c r="GB2395" s="91"/>
      <c r="GC2395" s="91"/>
      <c r="GD2395" s="91"/>
      <c r="GE2395" s="91"/>
      <c r="GF2395" s="91"/>
      <c r="GG2395" s="91"/>
      <c r="GH2395" s="91"/>
      <c r="GI2395" s="91"/>
      <c r="GJ2395" s="91"/>
      <c r="GK2395" s="127"/>
      <c r="GL2395" s="126"/>
      <c r="GM2395" s="91"/>
      <c r="GN2395" s="91"/>
      <c r="GO2395" s="91"/>
      <c r="GP2395" s="91"/>
      <c r="GQ2395" s="91"/>
      <c r="GR2395" s="91"/>
      <c r="GS2395" s="91"/>
      <c r="GT2395" s="91"/>
      <c r="GU2395" s="91"/>
      <c r="GV2395" s="91"/>
      <c r="GW2395" s="91"/>
      <c r="GX2395" s="91"/>
      <c r="GY2395" s="91"/>
      <c r="GZ2395" s="91"/>
      <c r="HA2395" s="91"/>
      <c r="HB2395" s="91"/>
      <c r="HC2395" s="91"/>
      <c r="HD2395" s="91"/>
      <c r="HE2395" s="91"/>
      <c r="HF2395" s="91"/>
      <c r="HG2395" s="91"/>
      <c r="HH2395" s="91"/>
      <c r="HI2395" s="91"/>
      <c r="HJ2395" s="91"/>
      <c r="HK2395" s="127"/>
      <c r="HL2395" s="126"/>
      <c r="HM2395" s="91"/>
      <c r="HN2395" s="91"/>
      <c r="HO2395" s="91"/>
      <c r="HP2395" s="91"/>
      <c r="HQ2395" s="91"/>
      <c r="HR2395" s="91"/>
      <c r="HS2395" s="91"/>
      <c r="HT2395" s="91"/>
      <c r="HU2395" s="91"/>
      <c r="HV2395" s="91"/>
      <c r="HW2395" s="91"/>
      <c r="HX2395" s="91"/>
      <c r="HY2395" s="91"/>
      <c r="HZ2395" s="91"/>
      <c r="IA2395" s="91"/>
      <c r="IB2395" s="91"/>
      <c r="IC2395" s="91"/>
      <c r="ID2395" s="91"/>
      <c r="IE2395" s="91"/>
      <c r="IF2395" s="91"/>
      <c r="IG2395" s="91"/>
      <c r="IH2395" s="91"/>
      <c r="II2395" s="91"/>
      <c r="IJ2395" s="91"/>
      <c r="IK2395" s="127"/>
    </row>
    <row r="2396" spans="2:245" x14ac:dyDescent="0.2">
      <c r="B2396" s="43"/>
      <c r="C2396" s="73"/>
      <c r="D2396" s="64"/>
      <c r="E2396" s="64"/>
      <c r="F2396" s="55"/>
      <c r="G2396" s="102"/>
      <c r="H2396" s="55"/>
      <c r="I2396" s="55"/>
      <c r="J2396" s="55"/>
      <c r="K2396" s="55"/>
      <c r="L2396" s="55"/>
      <c r="M2396" s="55"/>
      <c r="N2396" s="55"/>
      <c r="O2396" s="55"/>
      <c r="P2396" s="55"/>
      <c r="Q2396" s="55"/>
      <c r="R2396" s="55"/>
      <c r="S2396" s="55"/>
      <c r="T2396" s="55"/>
      <c r="U2396" s="55"/>
      <c r="V2396" s="55"/>
      <c r="W2396" s="55"/>
      <c r="X2396" s="55"/>
      <c r="Y2396" s="55"/>
      <c r="Z2396" s="55"/>
      <c r="AA2396" s="55"/>
      <c r="AB2396" s="55"/>
      <c r="AC2396" s="55"/>
      <c r="AD2396" s="55"/>
      <c r="AE2396" s="55"/>
      <c r="AF2396" s="55"/>
      <c r="AG2396" s="55"/>
      <c r="AY2396" s="162"/>
      <c r="AZ2396" s="162"/>
      <c r="BA2396" s="162"/>
      <c r="BB2396" s="162"/>
      <c r="BC2396" s="162"/>
      <c r="BD2396" s="162"/>
      <c r="BE2396" s="162"/>
      <c r="BF2396" s="162"/>
      <c r="BG2396" s="162"/>
      <c r="BH2396" s="162"/>
      <c r="BI2396" s="162"/>
      <c r="BJ2396" s="162"/>
      <c r="BK2396" s="162"/>
      <c r="BL2396" s="162"/>
      <c r="BM2396" s="162"/>
      <c r="BN2396" s="162"/>
      <c r="BO2396" s="162"/>
      <c r="BP2396" s="162"/>
      <c r="BQ2396" s="162"/>
      <c r="BR2396" s="162"/>
      <c r="BS2396" s="162"/>
      <c r="BT2396" s="162"/>
      <c r="BU2396" s="162"/>
      <c r="BV2396" s="162"/>
      <c r="BW2396" s="162"/>
      <c r="BX2396" s="162"/>
      <c r="BY2396" s="162"/>
      <c r="BZ2396" s="162"/>
      <c r="CA2396" s="162"/>
      <c r="CB2396" s="162"/>
      <c r="CC2396" s="162"/>
      <c r="CD2396" s="162"/>
      <c r="CE2396" s="162"/>
      <c r="CF2396" s="162"/>
      <c r="CG2396" s="162"/>
      <c r="CH2396" s="162"/>
      <c r="CI2396" s="162"/>
      <c r="CJ2396" s="162"/>
      <c r="CK2396" s="162"/>
      <c r="CX2396" s="98"/>
      <c r="DL2396" s="97"/>
      <c r="DX2396" s="98"/>
      <c r="EL2396" s="97"/>
      <c r="EX2396" s="98"/>
      <c r="EY2396" s="97"/>
      <c r="FL2396" s="126"/>
      <c r="FM2396" s="91"/>
      <c r="FN2396" s="91"/>
      <c r="FO2396" s="91"/>
      <c r="FP2396" s="91"/>
      <c r="FQ2396" s="91"/>
      <c r="FR2396" s="91"/>
      <c r="FS2396" s="91"/>
      <c r="FT2396" s="91"/>
      <c r="FU2396" s="91"/>
      <c r="FV2396" s="91"/>
      <c r="FW2396" s="91"/>
      <c r="FX2396" s="91"/>
      <c r="FY2396" s="91"/>
      <c r="FZ2396" s="91"/>
      <c r="GA2396" s="91"/>
      <c r="GB2396" s="91"/>
      <c r="GC2396" s="91"/>
      <c r="GD2396" s="91"/>
      <c r="GE2396" s="91"/>
      <c r="GF2396" s="91"/>
      <c r="GG2396" s="91"/>
      <c r="GH2396" s="91"/>
      <c r="GI2396" s="91"/>
      <c r="GJ2396" s="91"/>
      <c r="GK2396" s="127"/>
      <c r="GL2396" s="126"/>
      <c r="GM2396" s="91"/>
      <c r="GN2396" s="91"/>
      <c r="GO2396" s="91"/>
      <c r="GP2396" s="91"/>
      <c r="GQ2396" s="91"/>
      <c r="GR2396" s="91"/>
      <c r="GS2396" s="91"/>
      <c r="GT2396" s="91"/>
      <c r="GU2396" s="91"/>
      <c r="GV2396" s="91"/>
      <c r="GW2396" s="91"/>
      <c r="GX2396" s="91"/>
      <c r="GY2396" s="91"/>
      <c r="GZ2396" s="91"/>
      <c r="HA2396" s="91"/>
      <c r="HB2396" s="91"/>
      <c r="HC2396" s="91"/>
      <c r="HD2396" s="91"/>
      <c r="HE2396" s="91"/>
      <c r="HF2396" s="91"/>
      <c r="HG2396" s="91"/>
      <c r="HH2396" s="91"/>
      <c r="HI2396" s="91"/>
      <c r="HJ2396" s="91"/>
      <c r="HK2396" s="127"/>
      <c r="HL2396" s="126"/>
      <c r="HM2396" s="91"/>
      <c r="HN2396" s="91"/>
      <c r="HO2396" s="91"/>
      <c r="HP2396" s="91"/>
      <c r="HQ2396" s="91"/>
      <c r="HR2396" s="91"/>
      <c r="HS2396" s="91"/>
      <c r="HT2396" s="91"/>
      <c r="HU2396" s="91"/>
      <c r="HV2396" s="91"/>
      <c r="HW2396" s="91"/>
      <c r="HX2396" s="91"/>
      <c r="HY2396" s="91"/>
      <c r="HZ2396" s="91"/>
      <c r="IA2396" s="91"/>
      <c r="IB2396" s="91"/>
      <c r="IC2396" s="91"/>
      <c r="ID2396" s="91"/>
      <c r="IE2396" s="91"/>
      <c r="IF2396" s="91"/>
      <c r="IG2396" s="91"/>
      <c r="IH2396" s="91"/>
      <c r="II2396" s="91"/>
      <c r="IJ2396" s="91"/>
      <c r="IK2396" s="127"/>
    </row>
    <row r="2397" spans="2:245" x14ac:dyDescent="0.2">
      <c r="B2397" s="43"/>
      <c r="C2397" s="73"/>
      <c r="D2397" s="64"/>
      <c r="E2397" s="64"/>
      <c r="F2397" s="55"/>
      <c r="G2397" s="102"/>
      <c r="H2397" s="55"/>
      <c r="I2397" s="55"/>
      <c r="J2397" s="55"/>
      <c r="K2397" s="55"/>
      <c r="L2397" s="55"/>
      <c r="M2397" s="55"/>
      <c r="N2397" s="55"/>
      <c r="O2397" s="55"/>
      <c r="P2397" s="55"/>
      <c r="Q2397" s="55"/>
      <c r="R2397" s="55"/>
      <c r="S2397" s="55"/>
      <c r="T2397" s="55"/>
      <c r="U2397" s="55"/>
      <c r="V2397" s="55"/>
      <c r="W2397" s="55"/>
      <c r="X2397" s="55"/>
      <c r="Y2397" s="55"/>
      <c r="Z2397" s="55"/>
      <c r="AA2397" s="55"/>
      <c r="AB2397" s="55"/>
      <c r="AC2397" s="55"/>
      <c r="AD2397" s="55"/>
      <c r="AE2397" s="55"/>
      <c r="AF2397" s="55"/>
      <c r="AG2397" s="55"/>
      <c r="AY2397" s="162"/>
      <c r="AZ2397" s="162"/>
      <c r="BA2397" s="162"/>
      <c r="BB2397" s="162"/>
      <c r="BC2397" s="162"/>
      <c r="BD2397" s="162"/>
      <c r="BE2397" s="162"/>
      <c r="BF2397" s="162"/>
      <c r="BG2397" s="162"/>
      <c r="BH2397" s="162"/>
      <c r="BI2397" s="162"/>
      <c r="BJ2397" s="162"/>
      <c r="BK2397" s="162"/>
      <c r="BL2397" s="162"/>
      <c r="BM2397" s="162"/>
      <c r="BN2397" s="162"/>
      <c r="BO2397" s="162"/>
      <c r="BP2397" s="162"/>
      <c r="BQ2397" s="162"/>
      <c r="BR2397" s="162"/>
      <c r="BS2397" s="162"/>
      <c r="BT2397" s="162"/>
      <c r="BU2397" s="162"/>
      <c r="BV2397" s="162"/>
      <c r="BW2397" s="162"/>
      <c r="BX2397" s="162"/>
      <c r="BY2397" s="162"/>
      <c r="BZ2397" s="162"/>
      <c r="CA2397" s="162"/>
      <c r="CB2397" s="162"/>
      <c r="CC2397" s="162"/>
      <c r="CD2397" s="162"/>
      <c r="CE2397" s="162"/>
      <c r="CF2397" s="162"/>
      <c r="CG2397" s="162"/>
      <c r="CH2397" s="162"/>
      <c r="CI2397" s="162"/>
      <c r="CJ2397" s="162"/>
      <c r="CK2397" s="162"/>
      <c r="CX2397" s="98"/>
      <c r="DL2397" s="97"/>
      <c r="DX2397" s="98"/>
      <c r="EL2397" s="97"/>
      <c r="EX2397" s="98"/>
      <c r="EY2397" s="97"/>
      <c r="FL2397" s="126"/>
      <c r="FM2397" s="91"/>
      <c r="FN2397" s="91"/>
      <c r="FO2397" s="91"/>
      <c r="FP2397" s="91"/>
      <c r="FQ2397" s="91"/>
      <c r="FR2397" s="91"/>
      <c r="FS2397" s="91"/>
      <c r="FT2397" s="91"/>
      <c r="FU2397" s="91"/>
      <c r="FV2397" s="91"/>
      <c r="FW2397" s="91"/>
      <c r="FX2397" s="91"/>
      <c r="FY2397" s="91"/>
      <c r="FZ2397" s="91"/>
      <c r="GA2397" s="91"/>
      <c r="GB2397" s="91"/>
      <c r="GC2397" s="91"/>
      <c r="GD2397" s="91"/>
      <c r="GE2397" s="91"/>
      <c r="GF2397" s="91"/>
      <c r="GG2397" s="91"/>
      <c r="GH2397" s="91"/>
      <c r="GI2397" s="91"/>
      <c r="GJ2397" s="91"/>
      <c r="GK2397" s="127"/>
      <c r="GL2397" s="126"/>
      <c r="GM2397" s="91"/>
      <c r="GN2397" s="91"/>
      <c r="GO2397" s="91"/>
      <c r="GP2397" s="91"/>
      <c r="GQ2397" s="91"/>
      <c r="GR2397" s="91"/>
      <c r="GS2397" s="91"/>
      <c r="GT2397" s="91"/>
      <c r="GU2397" s="91"/>
      <c r="GV2397" s="91"/>
      <c r="GW2397" s="91"/>
      <c r="GX2397" s="91"/>
      <c r="GY2397" s="91"/>
      <c r="GZ2397" s="91"/>
      <c r="HA2397" s="91"/>
      <c r="HB2397" s="91"/>
      <c r="HC2397" s="91"/>
      <c r="HD2397" s="91"/>
      <c r="HE2397" s="91"/>
      <c r="HF2397" s="91"/>
      <c r="HG2397" s="91"/>
      <c r="HH2397" s="91"/>
      <c r="HI2397" s="91"/>
      <c r="HJ2397" s="91"/>
      <c r="HK2397" s="127"/>
      <c r="HL2397" s="126"/>
      <c r="HM2397" s="91"/>
      <c r="HN2397" s="91"/>
      <c r="HO2397" s="91"/>
      <c r="HP2397" s="91"/>
      <c r="HQ2397" s="91"/>
      <c r="HR2397" s="91"/>
      <c r="HS2397" s="91"/>
      <c r="HT2397" s="91"/>
      <c r="HU2397" s="91"/>
      <c r="HV2397" s="91"/>
      <c r="HW2397" s="91"/>
      <c r="HX2397" s="91"/>
      <c r="HY2397" s="91"/>
      <c r="HZ2397" s="91"/>
      <c r="IA2397" s="91"/>
      <c r="IB2397" s="91"/>
      <c r="IC2397" s="91"/>
      <c r="ID2397" s="91"/>
      <c r="IE2397" s="91"/>
      <c r="IF2397" s="91"/>
      <c r="IG2397" s="91"/>
      <c r="IH2397" s="91"/>
      <c r="II2397" s="91"/>
      <c r="IJ2397" s="91"/>
      <c r="IK2397" s="127"/>
    </row>
    <row r="2398" spans="2:245" x14ac:dyDescent="0.2">
      <c r="B2398" s="43"/>
      <c r="C2398" s="73"/>
      <c r="D2398" s="64"/>
      <c r="E2398" s="64"/>
      <c r="F2398" s="55"/>
      <c r="G2398" s="102"/>
      <c r="H2398" s="55"/>
      <c r="I2398" s="55"/>
      <c r="J2398" s="55"/>
      <c r="K2398" s="55"/>
      <c r="L2398" s="55"/>
      <c r="M2398" s="55"/>
      <c r="N2398" s="55"/>
      <c r="O2398" s="55"/>
      <c r="P2398" s="55"/>
      <c r="Q2398" s="55"/>
      <c r="R2398" s="55"/>
      <c r="S2398" s="55"/>
      <c r="T2398" s="55"/>
      <c r="U2398" s="55"/>
      <c r="V2398" s="55"/>
      <c r="W2398" s="55"/>
      <c r="X2398" s="55"/>
      <c r="Y2398" s="55"/>
      <c r="Z2398" s="55"/>
      <c r="AA2398" s="55"/>
      <c r="AB2398" s="55"/>
      <c r="AC2398" s="55"/>
      <c r="AD2398" s="55"/>
      <c r="AE2398" s="55"/>
      <c r="AF2398" s="55"/>
      <c r="AG2398" s="55"/>
      <c r="AY2398" s="162"/>
      <c r="AZ2398" s="162"/>
      <c r="BA2398" s="162"/>
      <c r="BB2398" s="162"/>
      <c r="BC2398" s="162"/>
      <c r="BD2398" s="162"/>
      <c r="BE2398" s="162"/>
      <c r="BF2398" s="162"/>
      <c r="BG2398" s="162"/>
      <c r="BH2398" s="162"/>
      <c r="BI2398" s="162"/>
      <c r="BJ2398" s="162"/>
      <c r="BK2398" s="162"/>
      <c r="BL2398" s="162"/>
      <c r="BM2398" s="162"/>
      <c r="BN2398" s="162"/>
      <c r="BO2398" s="162"/>
      <c r="BP2398" s="162"/>
      <c r="BQ2398" s="162"/>
      <c r="BR2398" s="162"/>
      <c r="BS2398" s="162"/>
      <c r="BT2398" s="162"/>
      <c r="BU2398" s="162"/>
      <c r="BV2398" s="162"/>
      <c r="BW2398" s="162"/>
      <c r="BX2398" s="162"/>
      <c r="BY2398" s="162"/>
      <c r="BZ2398" s="162"/>
      <c r="CA2398" s="162"/>
      <c r="CB2398" s="162"/>
      <c r="CC2398" s="162"/>
      <c r="CD2398" s="162"/>
      <c r="CE2398" s="162"/>
      <c r="CF2398" s="162"/>
      <c r="CG2398" s="162"/>
      <c r="CH2398" s="162"/>
      <c r="CI2398" s="162"/>
      <c r="CJ2398" s="162"/>
      <c r="CK2398" s="162"/>
      <c r="CX2398" s="98"/>
      <c r="DL2398" s="97"/>
      <c r="DX2398" s="98"/>
      <c r="EL2398" s="97"/>
      <c r="EX2398" s="98"/>
      <c r="EY2398" s="97"/>
      <c r="FL2398" s="126"/>
      <c r="FM2398" s="91"/>
      <c r="FN2398" s="91"/>
      <c r="FO2398" s="91"/>
      <c r="FP2398" s="91"/>
      <c r="FQ2398" s="91"/>
      <c r="FR2398" s="91"/>
      <c r="FS2398" s="91"/>
      <c r="FT2398" s="91"/>
      <c r="FU2398" s="91"/>
      <c r="FV2398" s="91"/>
      <c r="FW2398" s="91"/>
      <c r="FX2398" s="91"/>
      <c r="FY2398" s="91"/>
      <c r="FZ2398" s="91"/>
      <c r="GA2398" s="91"/>
      <c r="GB2398" s="91"/>
      <c r="GC2398" s="91"/>
      <c r="GD2398" s="91"/>
      <c r="GE2398" s="91"/>
      <c r="GF2398" s="91"/>
      <c r="GG2398" s="91"/>
      <c r="GH2398" s="91"/>
      <c r="GI2398" s="91"/>
      <c r="GJ2398" s="91"/>
      <c r="GK2398" s="127"/>
      <c r="GL2398" s="126"/>
      <c r="GM2398" s="91"/>
      <c r="GN2398" s="91"/>
      <c r="GO2398" s="91"/>
      <c r="GP2398" s="91"/>
      <c r="GQ2398" s="91"/>
      <c r="GR2398" s="91"/>
      <c r="GS2398" s="91"/>
      <c r="GT2398" s="91"/>
      <c r="GU2398" s="91"/>
      <c r="GV2398" s="91"/>
      <c r="GW2398" s="91"/>
      <c r="GX2398" s="91"/>
      <c r="GY2398" s="91"/>
      <c r="GZ2398" s="91"/>
      <c r="HA2398" s="91"/>
      <c r="HB2398" s="91"/>
      <c r="HC2398" s="91"/>
      <c r="HD2398" s="91"/>
      <c r="HE2398" s="91"/>
      <c r="HF2398" s="91"/>
      <c r="HG2398" s="91"/>
      <c r="HH2398" s="91"/>
      <c r="HI2398" s="91"/>
      <c r="HJ2398" s="91"/>
      <c r="HK2398" s="127"/>
      <c r="HL2398" s="126"/>
      <c r="HM2398" s="91"/>
      <c r="HN2398" s="91"/>
      <c r="HO2398" s="91"/>
      <c r="HP2398" s="91"/>
      <c r="HQ2398" s="91"/>
      <c r="HR2398" s="91"/>
      <c r="HS2398" s="91"/>
      <c r="HT2398" s="91"/>
      <c r="HU2398" s="91"/>
      <c r="HV2398" s="91"/>
      <c r="HW2398" s="91"/>
      <c r="HX2398" s="91"/>
      <c r="HY2398" s="91"/>
      <c r="HZ2398" s="91"/>
      <c r="IA2398" s="91"/>
      <c r="IB2398" s="91"/>
      <c r="IC2398" s="91"/>
      <c r="ID2398" s="91"/>
      <c r="IE2398" s="91"/>
      <c r="IF2398" s="91"/>
      <c r="IG2398" s="91"/>
      <c r="IH2398" s="91"/>
      <c r="II2398" s="91"/>
      <c r="IJ2398" s="91"/>
      <c r="IK2398" s="127"/>
    </row>
    <row r="2399" spans="2:245" x14ac:dyDescent="0.2">
      <c r="B2399" s="43"/>
      <c r="C2399" s="73"/>
      <c r="D2399" s="64"/>
      <c r="E2399" s="64"/>
      <c r="F2399" s="55"/>
      <c r="G2399" s="102"/>
      <c r="H2399" s="55"/>
      <c r="I2399" s="55"/>
      <c r="J2399" s="55"/>
      <c r="K2399" s="55"/>
      <c r="L2399" s="55"/>
      <c r="M2399" s="55"/>
      <c r="N2399" s="55"/>
      <c r="O2399" s="55"/>
      <c r="P2399" s="55"/>
      <c r="Q2399" s="55"/>
      <c r="R2399" s="55"/>
      <c r="S2399" s="55"/>
      <c r="T2399" s="55"/>
      <c r="U2399" s="55"/>
      <c r="V2399" s="55"/>
      <c r="W2399" s="55"/>
      <c r="X2399" s="55"/>
      <c r="Y2399" s="55"/>
      <c r="Z2399" s="55"/>
      <c r="AA2399" s="55"/>
      <c r="AB2399" s="55"/>
      <c r="AC2399" s="55"/>
      <c r="AD2399" s="55"/>
      <c r="AE2399" s="55"/>
      <c r="AF2399" s="55"/>
      <c r="AG2399" s="55"/>
      <c r="AY2399" s="162"/>
      <c r="AZ2399" s="162"/>
      <c r="BA2399" s="162"/>
      <c r="BB2399" s="162"/>
      <c r="BC2399" s="162"/>
      <c r="BD2399" s="162"/>
      <c r="BE2399" s="162"/>
      <c r="BF2399" s="162"/>
      <c r="BG2399" s="162"/>
      <c r="BH2399" s="162"/>
      <c r="BI2399" s="162"/>
      <c r="BJ2399" s="162"/>
      <c r="BK2399" s="162"/>
      <c r="BL2399" s="162"/>
      <c r="BM2399" s="162"/>
      <c r="BN2399" s="162"/>
      <c r="BO2399" s="162"/>
      <c r="BP2399" s="162"/>
      <c r="BQ2399" s="162"/>
      <c r="BR2399" s="162"/>
      <c r="BS2399" s="162"/>
      <c r="BT2399" s="162"/>
      <c r="BU2399" s="162"/>
      <c r="BV2399" s="162"/>
      <c r="BW2399" s="162"/>
      <c r="BX2399" s="162"/>
      <c r="BY2399" s="162"/>
      <c r="BZ2399" s="162"/>
      <c r="CA2399" s="162"/>
      <c r="CB2399" s="162"/>
      <c r="CC2399" s="162"/>
      <c r="CD2399" s="162"/>
      <c r="CE2399" s="162"/>
      <c r="CF2399" s="162"/>
      <c r="CG2399" s="162"/>
      <c r="CH2399" s="162"/>
      <c r="CI2399" s="162"/>
      <c r="CJ2399" s="162"/>
      <c r="CK2399" s="162"/>
      <c r="CX2399" s="98"/>
      <c r="DL2399" s="97"/>
      <c r="DX2399" s="98"/>
      <c r="EL2399" s="97"/>
      <c r="EX2399" s="98"/>
      <c r="EY2399" s="97"/>
      <c r="FL2399" s="126"/>
      <c r="FM2399" s="91"/>
      <c r="FN2399" s="91"/>
      <c r="FO2399" s="91"/>
      <c r="FP2399" s="91"/>
      <c r="FQ2399" s="91"/>
      <c r="FR2399" s="91"/>
      <c r="FS2399" s="91"/>
      <c r="FT2399" s="91"/>
      <c r="FU2399" s="91"/>
      <c r="FV2399" s="91"/>
      <c r="FW2399" s="91"/>
      <c r="FX2399" s="91"/>
      <c r="FY2399" s="91"/>
      <c r="FZ2399" s="91"/>
      <c r="GA2399" s="91"/>
      <c r="GB2399" s="91"/>
      <c r="GC2399" s="91"/>
      <c r="GD2399" s="91"/>
      <c r="GE2399" s="91"/>
      <c r="GF2399" s="91"/>
      <c r="GG2399" s="91"/>
      <c r="GH2399" s="91"/>
      <c r="GI2399" s="91"/>
      <c r="GJ2399" s="91"/>
      <c r="GK2399" s="127"/>
      <c r="GL2399" s="126"/>
      <c r="GM2399" s="91"/>
      <c r="GN2399" s="91"/>
      <c r="GO2399" s="91"/>
      <c r="GP2399" s="91"/>
      <c r="GQ2399" s="91"/>
      <c r="GR2399" s="91"/>
      <c r="GS2399" s="91"/>
      <c r="GT2399" s="91"/>
      <c r="GU2399" s="91"/>
      <c r="GV2399" s="91"/>
      <c r="GW2399" s="91"/>
      <c r="GX2399" s="91"/>
      <c r="GY2399" s="91"/>
      <c r="GZ2399" s="91"/>
      <c r="HA2399" s="91"/>
      <c r="HB2399" s="91"/>
      <c r="HC2399" s="91"/>
      <c r="HD2399" s="91"/>
      <c r="HE2399" s="91"/>
      <c r="HF2399" s="91"/>
      <c r="HG2399" s="91"/>
      <c r="HH2399" s="91"/>
      <c r="HI2399" s="91"/>
      <c r="HJ2399" s="91"/>
      <c r="HK2399" s="127"/>
      <c r="HL2399" s="126"/>
      <c r="HM2399" s="91"/>
      <c r="HN2399" s="91"/>
      <c r="HO2399" s="91"/>
      <c r="HP2399" s="91"/>
      <c r="HQ2399" s="91"/>
      <c r="HR2399" s="91"/>
      <c r="HS2399" s="91"/>
      <c r="HT2399" s="91"/>
      <c r="HU2399" s="91"/>
      <c r="HV2399" s="91"/>
      <c r="HW2399" s="91"/>
      <c r="HX2399" s="91"/>
      <c r="HY2399" s="91"/>
      <c r="HZ2399" s="91"/>
      <c r="IA2399" s="91"/>
      <c r="IB2399" s="91"/>
      <c r="IC2399" s="91"/>
      <c r="ID2399" s="91"/>
      <c r="IE2399" s="91"/>
      <c r="IF2399" s="91"/>
      <c r="IG2399" s="91"/>
      <c r="IH2399" s="91"/>
      <c r="II2399" s="91"/>
      <c r="IJ2399" s="91"/>
      <c r="IK2399" s="127"/>
    </row>
    <row r="2400" spans="2:245" x14ac:dyDescent="0.2">
      <c r="B2400" s="43"/>
      <c r="C2400" s="73"/>
      <c r="D2400" s="64"/>
      <c r="E2400" s="64"/>
      <c r="F2400" s="55"/>
      <c r="G2400" s="102"/>
      <c r="H2400" s="55"/>
      <c r="I2400" s="55"/>
      <c r="J2400" s="55"/>
      <c r="K2400" s="55"/>
      <c r="L2400" s="55"/>
      <c r="M2400" s="55"/>
      <c r="N2400" s="55"/>
      <c r="O2400" s="55"/>
      <c r="P2400" s="55"/>
      <c r="Q2400" s="55"/>
      <c r="R2400" s="55"/>
      <c r="S2400" s="55"/>
      <c r="T2400" s="55"/>
      <c r="U2400" s="55"/>
      <c r="V2400" s="55"/>
      <c r="W2400" s="55"/>
      <c r="X2400" s="55"/>
      <c r="Y2400" s="55"/>
      <c r="Z2400" s="55"/>
      <c r="AA2400" s="55"/>
      <c r="AB2400" s="55"/>
      <c r="AC2400" s="55"/>
      <c r="AD2400" s="55"/>
      <c r="AE2400" s="55"/>
      <c r="AF2400" s="55"/>
      <c r="AG2400" s="55"/>
      <c r="AY2400" s="162"/>
      <c r="AZ2400" s="162"/>
      <c r="BA2400" s="162"/>
      <c r="BB2400" s="162"/>
      <c r="BC2400" s="162"/>
      <c r="BD2400" s="162"/>
      <c r="BE2400" s="162"/>
      <c r="BF2400" s="162"/>
      <c r="BG2400" s="162"/>
      <c r="BH2400" s="162"/>
      <c r="BI2400" s="162"/>
      <c r="BJ2400" s="162"/>
      <c r="BK2400" s="162"/>
      <c r="BL2400" s="162"/>
      <c r="BM2400" s="162"/>
      <c r="BN2400" s="162"/>
      <c r="BO2400" s="162"/>
      <c r="BP2400" s="162"/>
      <c r="BQ2400" s="162"/>
      <c r="BR2400" s="162"/>
      <c r="BS2400" s="162"/>
      <c r="BT2400" s="162"/>
      <c r="BU2400" s="162"/>
      <c r="BV2400" s="162"/>
      <c r="BW2400" s="162"/>
      <c r="BX2400" s="162"/>
      <c r="BY2400" s="162"/>
      <c r="BZ2400" s="162"/>
      <c r="CA2400" s="162"/>
      <c r="CB2400" s="162"/>
      <c r="CC2400" s="162"/>
      <c r="CD2400" s="162"/>
      <c r="CE2400" s="162"/>
      <c r="CF2400" s="162"/>
      <c r="CG2400" s="162"/>
      <c r="CH2400" s="162"/>
      <c r="CI2400" s="162"/>
      <c r="CJ2400" s="162"/>
      <c r="CK2400" s="162"/>
      <c r="CX2400" s="98"/>
      <c r="DL2400" s="97"/>
      <c r="DX2400" s="98"/>
      <c r="EL2400" s="97"/>
      <c r="EX2400" s="98"/>
      <c r="EY2400" s="97"/>
      <c r="FL2400" s="126"/>
      <c r="FM2400" s="91"/>
      <c r="FN2400" s="91"/>
      <c r="FO2400" s="91"/>
      <c r="FP2400" s="91"/>
      <c r="FQ2400" s="91"/>
      <c r="FR2400" s="91"/>
      <c r="FS2400" s="91"/>
      <c r="FT2400" s="91"/>
      <c r="FU2400" s="91"/>
      <c r="FV2400" s="91"/>
      <c r="FW2400" s="91"/>
      <c r="FX2400" s="91"/>
      <c r="FY2400" s="91"/>
      <c r="FZ2400" s="91"/>
      <c r="GA2400" s="91"/>
      <c r="GB2400" s="91"/>
      <c r="GC2400" s="91"/>
      <c r="GD2400" s="91"/>
      <c r="GE2400" s="91"/>
      <c r="GF2400" s="91"/>
      <c r="GG2400" s="91"/>
      <c r="GH2400" s="91"/>
      <c r="GI2400" s="91"/>
      <c r="GJ2400" s="91"/>
      <c r="GK2400" s="127"/>
      <c r="GL2400" s="126"/>
      <c r="GM2400" s="91"/>
      <c r="GN2400" s="91"/>
      <c r="GO2400" s="91"/>
      <c r="GP2400" s="91"/>
      <c r="GQ2400" s="91"/>
      <c r="GR2400" s="91"/>
      <c r="GS2400" s="91"/>
      <c r="GT2400" s="91"/>
      <c r="GU2400" s="91"/>
      <c r="GV2400" s="91"/>
      <c r="GW2400" s="91"/>
      <c r="GX2400" s="91"/>
      <c r="GY2400" s="91"/>
      <c r="GZ2400" s="91"/>
      <c r="HA2400" s="91"/>
      <c r="HB2400" s="91"/>
      <c r="HC2400" s="91"/>
      <c r="HD2400" s="91"/>
      <c r="HE2400" s="91"/>
      <c r="HF2400" s="91"/>
      <c r="HG2400" s="91"/>
      <c r="HH2400" s="91"/>
      <c r="HI2400" s="91"/>
      <c r="HJ2400" s="91"/>
      <c r="HK2400" s="127"/>
      <c r="HL2400" s="126"/>
      <c r="HM2400" s="91"/>
      <c r="HN2400" s="91"/>
      <c r="HO2400" s="91"/>
      <c r="HP2400" s="91"/>
      <c r="HQ2400" s="91"/>
      <c r="HR2400" s="91"/>
      <c r="HS2400" s="91"/>
      <c r="HT2400" s="91"/>
      <c r="HU2400" s="91"/>
      <c r="HV2400" s="91"/>
      <c r="HW2400" s="91"/>
      <c r="HX2400" s="91"/>
      <c r="HY2400" s="91"/>
      <c r="HZ2400" s="91"/>
      <c r="IA2400" s="91"/>
      <c r="IB2400" s="91"/>
      <c r="IC2400" s="91"/>
      <c r="ID2400" s="91"/>
      <c r="IE2400" s="91"/>
      <c r="IF2400" s="91"/>
      <c r="IG2400" s="91"/>
      <c r="IH2400" s="91"/>
      <c r="II2400" s="91"/>
      <c r="IJ2400" s="91"/>
      <c r="IK2400" s="127"/>
    </row>
    <row r="2401" spans="2:245" ht="13.5" thickBot="1" x14ac:dyDescent="0.25">
      <c r="B2401" s="43"/>
      <c r="C2401" s="73"/>
      <c r="D2401" s="64"/>
      <c r="E2401" s="64"/>
      <c r="F2401" s="55"/>
      <c r="G2401" s="102"/>
      <c r="H2401" s="55"/>
      <c r="I2401" s="55"/>
      <c r="J2401" s="55"/>
      <c r="K2401" s="55"/>
      <c r="L2401" s="55"/>
      <c r="M2401" s="55"/>
      <c r="N2401" s="55"/>
      <c r="O2401" s="55"/>
      <c r="P2401" s="55"/>
      <c r="Q2401" s="55"/>
      <c r="R2401" s="55"/>
      <c r="S2401" s="55"/>
      <c r="T2401" s="55"/>
      <c r="U2401" s="55"/>
      <c r="V2401" s="55"/>
      <c r="W2401" s="55"/>
      <c r="X2401" s="55"/>
      <c r="Y2401" s="55"/>
      <c r="Z2401" s="55"/>
      <c r="AA2401" s="55"/>
      <c r="AB2401" s="55"/>
      <c r="AC2401" s="55"/>
      <c r="AD2401" s="55"/>
      <c r="AE2401" s="55"/>
      <c r="AF2401" s="55"/>
      <c r="AG2401" s="55"/>
      <c r="AY2401" s="162"/>
      <c r="AZ2401" s="162"/>
      <c r="BA2401" s="162"/>
      <c r="BB2401" s="162"/>
      <c r="BC2401" s="162"/>
      <c r="BD2401" s="162"/>
      <c r="BE2401" s="162"/>
      <c r="BF2401" s="162"/>
      <c r="BG2401" s="162"/>
      <c r="BH2401" s="162"/>
      <c r="BI2401" s="162"/>
      <c r="BJ2401" s="162"/>
      <c r="BK2401" s="162"/>
      <c r="BL2401" s="162"/>
      <c r="BM2401" s="162"/>
      <c r="BN2401" s="162"/>
      <c r="BO2401" s="162"/>
      <c r="BP2401" s="162"/>
      <c r="BQ2401" s="162"/>
      <c r="BR2401" s="162"/>
      <c r="BS2401" s="162"/>
      <c r="BT2401" s="162"/>
      <c r="BU2401" s="162"/>
      <c r="BV2401" s="162"/>
      <c r="BW2401" s="162"/>
      <c r="BX2401" s="162"/>
      <c r="BY2401" s="162"/>
      <c r="BZ2401" s="162"/>
      <c r="CA2401" s="162"/>
      <c r="CB2401" s="162"/>
      <c r="CC2401" s="162"/>
      <c r="CD2401" s="162"/>
      <c r="CE2401" s="162"/>
      <c r="CF2401" s="162"/>
      <c r="CG2401" s="162"/>
      <c r="CH2401" s="162"/>
      <c r="CI2401" s="162"/>
      <c r="CJ2401" s="162"/>
      <c r="CK2401" s="162"/>
      <c r="CL2401" s="166"/>
      <c r="CM2401" s="166"/>
      <c r="CN2401" s="166"/>
      <c r="CO2401" s="166"/>
      <c r="CP2401" s="166"/>
      <c r="CQ2401" s="166"/>
      <c r="CR2401" s="166"/>
      <c r="CS2401" s="166"/>
      <c r="CT2401" s="166"/>
      <c r="CU2401" s="166"/>
      <c r="CV2401" s="166"/>
      <c r="CW2401" s="166"/>
      <c r="CX2401" s="176"/>
      <c r="CY2401" s="166"/>
      <c r="CZ2401" s="166"/>
      <c r="DA2401" s="166"/>
      <c r="DB2401" s="166"/>
      <c r="DC2401" s="166"/>
      <c r="DD2401" s="166"/>
      <c r="DE2401" s="166"/>
      <c r="DF2401" s="166"/>
      <c r="DG2401" s="166"/>
      <c r="DH2401" s="166"/>
      <c r="DI2401" s="166"/>
      <c r="DJ2401" s="166"/>
      <c r="DK2401" s="166"/>
      <c r="DL2401" s="175"/>
      <c r="DM2401" s="166"/>
      <c r="DN2401" s="166"/>
      <c r="DO2401" s="166"/>
      <c r="DP2401" s="166"/>
      <c r="DQ2401" s="166"/>
      <c r="DR2401" s="166"/>
      <c r="DS2401" s="166"/>
      <c r="DT2401" s="166"/>
      <c r="DU2401" s="166"/>
      <c r="DV2401" s="166"/>
      <c r="DW2401" s="166"/>
      <c r="DX2401" s="176"/>
      <c r="DY2401" s="166"/>
      <c r="DZ2401" s="166"/>
      <c r="EA2401" s="166"/>
      <c r="EB2401" s="166"/>
      <c r="EC2401" s="166"/>
      <c r="ED2401" s="166"/>
      <c r="EE2401" s="166"/>
      <c r="EF2401" s="166"/>
      <c r="EG2401" s="166"/>
      <c r="EH2401" s="166"/>
      <c r="EI2401" s="166"/>
      <c r="EJ2401" s="166"/>
      <c r="EK2401" s="166"/>
      <c r="EL2401" s="175"/>
      <c r="EM2401" s="166"/>
      <c r="EN2401" s="166"/>
      <c r="EO2401" s="166"/>
      <c r="EP2401" s="166"/>
      <c r="EQ2401" s="166"/>
      <c r="ER2401" s="166"/>
      <c r="ES2401" s="166"/>
      <c r="ET2401" s="166"/>
      <c r="EU2401" s="166"/>
      <c r="EV2401" s="166"/>
      <c r="EW2401" s="166"/>
      <c r="EX2401" s="176"/>
      <c r="EY2401" s="175"/>
      <c r="EZ2401" s="166"/>
      <c r="FA2401" s="166"/>
      <c r="FB2401" s="166"/>
      <c r="FC2401" s="166"/>
      <c r="FD2401" s="166"/>
      <c r="FE2401" s="166"/>
      <c r="FF2401" s="166"/>
      <c r="FG2401" s="166"/>
      <c r="FH2401" s="166"/>
      <c r="FI2401" s="166"/>
      <c r="FJ2401" s="166"/>
      <c r="FK2401" s="166"/>
      <c r="FL2401" s="126"/>
      <c r="FM2401" s="91"/>
      <c r="FN2401" s="91"/>
      <c r="FO2401" s="91"/>
      <c r="FP2401" s="91"/>
      <c r="FQ2401" s="91"/>
      <c r="FR2401" s="91"/>
      <c r="FS2401" s="91"/>
      <c r="FT2401" s="91"/>
      <c r="FU2401" s="91"/>
      <c r="FV2401" s="91"/>
      <c r="FW2401" s="91"/>
      <c r="FX2401" s="91"/>
      <c r="FY2401" s="91"/>
      <c r="FZ2401" s="91"/>
      <c r="GA2401" s="91"/>
      <c r="GB2401" s="91"/>
      <c r="GC2401" s="91"/>
      <c r="GD2401" s="91"/>
      <c r="GE2401" s="91"/>
      <c r="GF2401" s="91"/>
      <c r="GG2401" s="91"/>
      <c r="GH2401" s="91"/>
      <c r="GI2401" s="91"/>
      <c r="GJ2401" s="91"/>
      <c r="GK2401" s="127"/>
      <c r="GL2401" s="126"/>
      <c r="GM2401" s="91"/>
      <c r="GN2401" s="91"/>
      <c r="GO2401" s="91"/>
      <c r="GP2401" s="91"/>
      <c r="GQ2401" s="91"/>
      <c r="GR2401" s="91"/>
      <c r="GS2401" s="91"/>
      <c r="GT2401" s="91"/>
      <c r="GU2401" s="91"/>
      <c r="GV2401" s="91"/>
      <c r="GW2401" s="91"/>
      <c r="GX2401" s="91"/>
      <c r="GY2401" s="91"/>
      <c r="GZ2401" s="91"/>
      <c r="HA2401" s="91"/>
      <c r="HB2401" s="91"/>
      <c r="HC2401" s="91"/>
      <c r="HD2401" s="91"/>
      <c r="HE2401" s="91"/>
      <c r="HF2401" s="91"/>
      <c r="HG2401" s="91"/>
      <c r="HH2401" s="91"/>
      <c r="HI2401" s="91"/>
      <c r="HJ2401" s="91"/>
      <c r="HK2401" s="127"/>
      <c r="HL2401" s="126"/>
      <c r="HM2401" s="91"/>
      <c r="HN2401" s="91"/>
      <c r="HO2401" s="91"/>
      <c r="HP2401" s="91"/>
      <c r="HQ2401" s="91"/>
      <c r="HR2401" s="91"/>
      <c r="HS2401" s="91"/>
      <c r="HT2401" s="91"/>
      <c r="HU2401" s="91"/>
      <c r="HV2401" s="91"/>
      <c r="HW2401" s="91"/>
      <c r="HX2401" s="91"/>
      <c r="HY2401" s="91"/>
      <c r="HZ2401" s="91"/>
      <c r="IA2401" s="91"/>
      <c r="IB2401" s="91"/>
      <c r="IC2401" s="91"/>
      <c r="ID2401" s="91"/>
      <c r="IE2401" s="91"/>
      <c r="IF2401" s="91"/>
      <c r="IG2401" s="91"/>
      <c r="IH2401" s="91"/>
      <c r="II2401" s="91"/>
      <c r="IJ2401" s="91"/>
      <c r="IK2401" s="127"/>
    </row>
    <row r="2402" spans="2:245" x14ac:dyDescent="0.2">
      <c r="B2402" s="43"/>
      <c r="C2402" s="73"/>
      <c r="D2402" s="64"/>
      <c r="E2402" s="64"/>
      <c r="F2402" s="55"/>
      <c r="G2402" s="102"/>
      <c r="H2402" s="55"/>
      <c r="I2402" s="55"/>
      <c r="J2402" s="55"/>
      <c r="K2402" s="55"/>
      <c r="L2402" s="55"/>
      <c r="M2402" s="55"/>
      <c r="N2402" s="55"/>
      <c r="O2402" s="55"/>
      <c r="P2402" s="55"/>
      <c r="Q2402" s="55"/>
      <c r="R2402" s="55"/>
      <c r="S2402" s="55"/>
      <c r="T2402" s="55"/>
      <c r="U2402" s="55"/>
      <c r="V2402" s="55"/>
      <c r="W2402" s="55"/>
      <c r="X2402" s="55"/>
      <c r="Y2402" s="55"/>
      <c r="Z2402" s="55"/>
      <c r="AA2402" s="55"/>
      <c r="AB2402" s="55"/>
      <c r="AC2402" s="55"/>
      <c r="AD2402" s="55"/>
      <c r="AE2402" s="55"/>
      <c r="AF2402" s="55"/>
      <c r="AG2402" s="55"/>
      <c r="AY2402" s="162"/>
      <c r="AZ2402" s="162"/>
      <c r="BA2402" s="162"/>
      <c r="BB2402" s="162"/>
      <c r="BC2402" s="162"/>
      <c r="BD2402" s="162"/>
      <c r="BE2402" s="162"/>
      <c r="BF2402" s="162"/>
      <c r="BG2402" s="162"/>
      <c r="BH2402" s="162"/>
      <c r="BI2402" s="162"/>
      <c r="BJ2402" s="162"/>
      <c r="BK2402" s="162"/>
      <c r="BL2402" s="162"/>
      <c r="BM2402" s="162"/>
      <c r="BN2402" s="162"/>
      <c r="BO2402" s="162"/>
      <c r="BP2402" s="162"/>
      <c r="BQ2402" s="162"/>
      <c r="BR2402" s="162"/>
      <c r="BS2402" s="162"/>
      <c r="BT2402" s="162"/>
      <c r="BU2402" s="162"/>
      <c r="BV2402" s="162"/>
      <c r="BW2402" s="162"/>
      <c r="BX2402" s="162"/>
      <c r="BY2402" s="162"/>
      <c r="BZ2402" s="162"/>
      <c r="CA2402" s="162"/>
      <c r="CB2402" s="162"/>
      <c r="CC2402" s="162"/>
      <c r="CD2402" s="162"/>
      <c r="CE2402" s="162"/>
      <c r="CF2402" s="162"/>
      <c r="CG2402" s="162"/>
      <c r="CH2402" s="162"/>
      <c r="CI2402" s="162"/>
      <c r="CJ2402" s="162"/>
      <c r="CK2402" s="162"/>
      <c r="CX2402" s="98"/>
      <c r="DL2402" s="97"/>
      <c r="DX2402" s="98"/>
      <c r="EL2402" s="97"/>
      <c r="EX2402" s="98"/>
      <c r="EY2402" s="97"/>
      <c r="FL2402" s="126"/>
      <c r="FM2402" s="91"/>
      <c r="FN2402" s="91"/>
      <c r="FO2402" s="91"/>
      <c r="FP2402" s="91"/>
      <c r="FQ2402" s="91"/>
      <c r="FR2402" s="91"/>
      <c r="FS2402" s="91"/>
      <c r="FT2402" s="91"/>
      <c r="FU2402" s="91"/>
      <c r="FV2402" s="91"/>
      <c r="FW2402" s="91"/>
      <c r="FX2402" s="91"/>
      <c r="FY2402" s="91"/>
      <c r="FZ2402" s="91"/>
      <c r="GA2402" s="91"/>
      <c r="GB2402" s="91"/>
      <c r="GC2402" s="91"/>
      <c r="GD2402" s="91"/>
      <c r="GE2402" s="91"/>
      <c r="GF2402" s="91"/>
      <c r="GG2402" s="91"/>
      <c r="GH2402" s="91"/>
      <c r="GI2402" s="91"/>
      <c r="GJ2402" s="91"/>
      <c r="GK2402" s="127"/>
      <c r="GL2402" s="126"/>
      <c r="GM2402" s="91"/>
      <c r="GN2402" s="91"/>
      <c r="GO2402" s="91"/>
      <c r="GP2402" s="91"/>
      <c r="GQ2402" s="91"/>
      <c r="GR2402" s="91"/>
      <c r="GS2402" s="91"/>
      <c r="GT2402" s="91"/>
      <c r="GU2402" s="91"/>
      <c r="GV2402" s="91"/>
      <c r="GW2402" s="91"/>
      <c r="GX2402" s="91"/>
      <c r="GY2402" s="91"/>
      <c r="GZ2402" s="91"/>
      <c r="HA2402" s="91"/>
      <c r="HB2402" s="91"/>
      <c r="HC2402" s="91"/>
      <c r="HD2402" s="91"/>
      <c r="HE2402" s="91"/>
      <c r="HF2402" s="91"/>
      <c r="HG2402" s="91"/>
      <c r="HH2402" s="91"/>
      <c r="HI2402" s="91"/>
      <c r="HJ2402" s="91"/>
      <c r="HK2402" s="127"/>
      <c r="HL2402" s="126"/>
      <c r="HM2402" s="91"/>
      <c r="HN2402" s="91"/>
      <c r="HO2402" s="91"/>
      <c r="HP2402" s="91"/>
      <c r="HQ2402" s="91"/>
      <c r="HR2402" s="91"/>
      <c r="HS2402" s="91"/>
      <c r="HT2402" s="91"/>
      <c r="HU2402" s="91"/>
      <c r="HV2402" s="91"/>
      <c r="HW2402" s="91"/>
      <c r="HX2402" s="91"/>
      <c r="HY2402" s="91"/>
      <c r="HZ2402" s="91"/>
      <c r="IA2402" s="91"/>
      <c r="IB2402" s="91"/>
      <c r="IC2402" s="91"/>
      <c r="ID2402" s="91"/>
      <c r="IE2402" s="91"/>
      <c r="IF2402" s="91"/>
      <c r="IG2402" s="91"/>
      <c r="IH2402" s="91"/>
      <c r="II2402" s="91"/>
      <c r="IJ2402" s="91"/>
      <c r="IK2402" s="127"/>
    </row>
    <row r="2403" spans="2:245" x14ac:dyDescent="0.2">
      <c r="B2403" s="43"/>
      <c r="C2403" s="73"/>
      <c r="D2403" s="64"/>
      <c r="E2403" s="64"/>
      <c r="F2403" s="55"/>
      <c r="G2403" s="102"/>
      <c r="H2403" s="55"/>
      <c r="I2403" s="55"/>
      <c r="J2403" s="55"/>
      <c r="K2403" s="55"/>
      <c r="L2403" s="55"/>
      <c r="M2403" s="55"/>
      <c r="N2403" s="55"/>
      <c r="O2403" s="55"/>
      <c r="P2403" s="55"/>
      <c r="Q2403" s="55"/>
      <c r="R2403" s="55"/>
      <c r="S2403" s="55"/>
      <c r="T2403" s="55"/>
      <c r="U2403" s="55"/>
      <c r="V2403" s="55"/>
      <c r="W2403" s="55"/>
      <c r="X2403" s="55"/>
      <c r="Y2403" s="55"/>
      <c r="Z2403" s="55"/>
      <c r="AA2403" s="55"/>
      <c r="AB2403" s="55"/>
      <c r="AC2403" s="55"/>
      <c r="AD2403" s="55"/>
      <c r="AE2403" s="55"/>
      <c r="AF2403" s="55"/>
      <c r="AG2403" s="55"/>
      <c r="AY2403" s="162"/>
      <c r="AZ2403" s="162"/>
      <c r="BA2403" s="162"/>
      <c r="BB2403" s="162"/>
      <c r="BC2403" s="162"/>
      <c r="BD2403" s="162"/>
      <c r="BE2403" s="162"/>
      <c r="BF2403" s="162"/>
      <c r="BG2403" s="162"/>
      <c r="BH2403" s="162"/>
      <c r="BI2403" s="162"/>
      <c r="BJ2403" s="162"/>
      <c r="BK2403" s="162"/>
      <c r="BL2403" s="162"/>
      <c r="BM2403" s="162"/>
      <c r="BN2403" s="162"/>
      <c r="BO2403" s="162"/>
      <c r="BP2403" s="162"/>
      <c r="BQ2403" s="162"/>
      <c r="BR2403" s="162"/>
      <c r="BS2403" s="162"/>
      <c r="BT2403" s="162"/>
      <c r="BU2403" s="162"/>
      <c r="BV2403" s="162"/>
      <c r="BW2403" s="162"/>
      <c r="BX2403" s="162"/>
      <c r="BY2403" s="162"/>
      <c r="BZ2403" s="162"/>
      <c r="CA2403" s="162"/>
      <c r="CB2403" s="162"/>
      <c r="CC2403" s="162"/>
      <c r="CD2403" s="162"/>
      <c r="CE2403" s="162"/>
      <c r="CF2403" s="162"/>
      <c r="CG2403" s="162"/>
      <c r="CH2403" s="162"/>
      <c r="CI2403" s="162"/>
      <c r="CJ2403" s="162"/>
      <c r="CK2403" s="162"/>
      <c r="CX2403" s="98"/>
      <c r="DL2403" s="97"/>
      <c r="DX2403" s="98"/>
      <c r="EL2403" s="97"/>
      <c r="EX2403" s="98"/>
      <c r="EY2403" s="97"/>
      <c r="FL2403" s="126"/>
      <c r="FM2403" s="91"/>
      <c r="FN2403" s="91"/>
      <c r="FO2403" s="91"/>
      <c r="FP2403" s="91"/>
      <c r="FQ2403" s="91"/>
      <c r="FR2403" s="91"/>
      <c r="FS2403" s="91"/>
      <c r="FT2403" s="91"/>
      <c r="FU2403" s="91"/>
      <c r="FV2403" s="91"/>
      <c r="FW2403" s="91"/>
      <c r="FX2403" s="91"/>
      <c r="FY2403" s="91"/>
      <c r="FZ2403" s="91"/>
      <c r="GA2403" s="91"/>
      <c r="GB2403" s="91"/>
      <c r="GC2403" s="91"/>
      <c r="GD2403" s="91"/>
      <c r="GE2403" s="91"/>
      <c r="GF2403" s="91"/>
      <c r="GG2403" s="91"/>
      <c r="GH2403" s="91"/>
      <c r="GI2403" s="91"/>
      <c r="GJ2403" s="91"/>
      <c r="GK2403" s="127"/>
      <c r="GL2403" s="126"/>
      <c r="GM2403" s="91"/>
      <c r="GN2403" s="91"/>
      <c r="GO2403" s="91"/>
      <c r="GP2403" s="91"/>
      <c r="GQ2403" s="91"/>
      <c r="GR2403" s="91"/>
      <c r="GS2403" s="91"/>
      <c r="GT2403" s="91"/>
      <c r="GU2403" s="91"/>
      <c r="GV2403" s="91"/>
      <c r="GW2403" s="91"/>
      <c r="GX2403" s="91"/>
      <c r="GY2403" s="91"/>
      <c r="GZ2403" s="91"/>
      <c r="HA2403" s="91"/>
      <c r="HB2403" s="91"/>
      <c r="HC2403" s="91"/>
      <c r="HD2403" s="91"/>
      <c r="HE2403" s="91"/>
      <c r="HF2403" s="91"/>
      <c r="HG2403" s="91"/>
      <c r="HH2403" s="91"/>
      <c r="HI2403" s="91"/>
      <c r="HJ2403" s="91"/>
      <c r="HK2403" s="127"/>
      <c r="HL2403" s="126"/>
      <c r="HM2403" s="91"/>
      <c r="HN2403" s="91"/>
      <c r="HO2403" s="91"/>
      <c r="HP2403" s="91"/>
      <c r="HQ2403" s="91"/>
      <c r="HR2403" s="91"/>
      <c r="HS2403" s="91"/>
      <c r="HT2403" s="91"/>
      <c r="HU2403" s="91"/>
      <c r="HV2403" s="91"/>
      <c r="HW2403" s="91"/>
      <c r="HX2403" s="91"/>
      <c r="HY2403" s="91"/>
      <c r="HZ2403" s="91"/>
      <c r="IA2403" s="91"/>
      <c r="IB2403" s="91"/>
      <c r="IC2403" s="91"/>
      <c r="ID2403" s="91"/>
      <c r="IE2403" s="91"/>
      <c r="IF2403" s="91"/>
      <c r="IG2403" s="91"/>
      <c r="IH2403" s="91"/>
      <c r="II2403" s="91"/>
      <c r="IJ2403" s="91"/>
      <c r="IK2403" s="127"/>
    </row>
    <row r="2404" spans="2:245" x14ac:dyDescent="0.2">
      <c r="B2404" s="43"/>
      <c r="C2404" s="73"/>
      <c r="D2404" s="64"/>
      <c r="E2404" s="64"/>
      <c r="F2404" s="55"/>
      <c r="G2404" s="102"/>
      <c r="H2404" s="55"/>
      <c r="I2404" s="55"/>
      <c r="J2404" s="55"/>
      <c r="K2404" s="55"/>
      <c r="L2404" s="55"/>
      <c r="M2404" s="55"/>
      <c r="N2404" s="55"/>
      <c r="O2404" s="55"/>
      <c r="P2404" s="55"/>
      <c r="Q2404" s="55"/>
      <c r="R2404" s="55"/>
      <c r="S2404" s="55"/>
      <c r="T2404" s="55"/>
      <c r="U2404" s="55"/>
      <c r="V2404" s="55"/>
      <c r="W2404" s="55"/>
      <c r="X2404" s="55"/>
      <c r="Y2404" s="55"/>
      <c r="Z2404" s="55"/>
      <c r="AA2404" s="55"/>
      <c r="AB2404" s="55"/>
      <c r="AC2404" s="55"/>
      <c r="AD2404" s="55"/>
      <c r="AE2404" s="55"/>
      <c r="AF2404" s="55"/>
      <c r="AG2404" s="55"/>
      <c r="AY2404" s="162"/>
      <c r="AZ2404" s="162"/>
      <c r="BA2404" s="162"/>
      <c r="BB2404" s="162"/>
      <c r="BC2404" s="162"/>
      <c r="BD2404" s="162"/>
      <c r="BE2404" s="162"/>
      <c r="BF2404" s="162"/>
      <c r="BG2404" s="162"/>
      <c r="BH2404" s="162"/>
      <c r="BI2404" s="162"/>
      <c r="BJ2404" s="162"/>
      <c r="BK2404" s="162"/>
      <c r="BL2404" s="162"/>
      <c r="BM2404" s="162"/>
      <c r="BN2404" s="162"/>
      <c r="BO2404" s="162"/>
      <c r="BP2404" s="162"/>
      <c r="BQ2404" s="162"/>
      <c r="BR2404" s="162"/>
      <c r="BS2404" s="162"/>
      <c r="BT2404" s="162"/>
      <c r="BU2404" s="162"/>
      <c r="BV2404" s="162"/>
      <c r="BW2404" s="162"/>
      <c r="BX2404" s="162"/>
      <c r="BY2404" s="162"/>
      <c r="BZ2404" s="162"/>
      <c r="CA2404" s="162"/>
      <c r="CB2404" s="162"/>
      <c r="CC2404" s="162"/>
      <c r="CD2404" s="162"/>
      <c r="CE2404" s="162"/>
      <c r="CF2404" s="162"/>
      <c r="CG2404" s="162"/>
      <c r="CH2404" s="162"/>
      <c r="CI2404" s="162"/>
      <c r="CJ2404" s="162"/>
      <c r="CK2404" s="162"/>
      <c r="CX2404" s="98"/>
      <c r="DL2404" s="97"/>
      <c r="DX2404" s="98"/>
      <c r="EL2404" s="97"/>
      <c r="EX2404" s="98"/>
      <c r="EY2404" s="97"/>
      <c r="FL2404" s="126"/>
      <c r="FM2404" s="91"/>
      <c r="FN2404" s="91"/>
      <c r="FO2404" s="91"/>
      <c r="FP2404" s="91"/>
      <c r="FQ2404" s="91"/>
      <c r="FR2404" s="91"/>
      <c r="FS2404" s="91"/>
      <c r="FT2404" s="91"/>
      <c r="FU2404" s="91"/>
      <c r="FV2404" s="91"/>
      <c r="FW2404" s="91"/>
      <c r="FX2404" s="91"/>
      <c r="FY2404" s="91"/>
      <c r="FZ2404" s="91"/>
      <c r="GA2404" s="91"/>
      <c r="GB2404" s="91"/>
      <c r="GC2404" s="91"/>
      <c r="GD2404" s="91"/>
      <c r="GE2404" s="91"/>
      <c r="GF2404" s="91"/>
      <c r="GG2404" s="91"/>
      <c r="GH2404" s="91"/>
      <c r="GI2404" s="91"/>
      <c r="GJ2404" s="91"/>
      <c r="GK2404" s="127"/>
      <c r="GL2404" s="126"/>
      <c r="GM2404" s="91"/>
      <c r="GN2404" s="91"/>
      <c r="GO2404" s="91"/>
      <c r="GP2404" s="91"/>
      <c r="GQ2404" s="91"/>
      <c r="GR2404" s="91"/>
      <c r="GS2404" s="91"/>
      <c r="GT2404" s="91"/>
      <c r="GU2404" s="91"/>
      <c r="GV2404" s="91"/>
      <c r="GW2404" s="91"/>
      <c r="GX2404" s="91"/>
      <c r="GY2404" s="91"/>
      <c r="GZ2404" s="91"/>
      <c r="HA2404" s="91"/>
      <c r="HB2404" s="91"/>
      <c r="HC2404" s="91"/>
      <c r="HD2404" s="91"/>
      <c r="HE2404" s="91"/>
      <c r="HF2404" s="91"/>
      <c r="HG2404" s="91"/>
      <c r="HH2404" s="91"/>
      <c r="HI2404" s="91"/>
      <c r="HJ2404" s="91"/>
      <c r="HK2404" s="127"/>
      <c r="HL2404" s="126"/>
      <c r="HM2404" s="91"/>
      <c r="HN2404" s="91"/>
      <c r="HO2404" s="91"/>
      <c r="HP2404" s="91"/>
      <c r="HQ2404" s="91"/>
      <c r="HR2404" s="91"/>
      <c r="HS2404" s="91"/>
      <c r="HT2404" s="91"/>
      <c r="HU2404" s="91"/>
      <c r="HV2404" s="91"/>
      <c r="HW2404" s="91"/>
      <c r="HX2404" s="91"/>
      <c r="HY2404" s="91"/>
      <c r="HZ2404" s="91"/>
      <c r="IA2404" s="91"/>
      <c r="IB2404" s="91"/>
      <c r="IC2404" s="91"/>
      <c r="ID2404" s="91"/>
      <c r="IE2404" s="91"/>
      <c r="IF2404" s="91"/>
      <c r="IG2404" s="91"/>
      <c r="IH2404" s="91"/>
      <c r="II2404" s="91"/>
      <c r="IJ2404" s="91"/>
      <c r="IK2404" s="127"/>
    </row>
    <row r="2405" spans="2:245" x14ac:dyDescent="0.2">
      <c r="B2405" s="43"/>
      <c r="C2405" s="73"/>
      <c r="D2405" s="64"/>
      <c r="E2405" s="64"/>
      <c r="F2405" s="55"/>
      <c r="G2405" s="102"/>
      <c r="H2405" s="55"/>
      <c r="I2405" s="55"/>
      <c r="J2405" s="55"/>
      <c r="K2405" s="55"/>
      <c r="L2405" s="55"/>
      <c r="M2405" s="55"/>
      <c r="N2405" s="55"/>
      <c r="O2405" s="55"/>
      <c r="P2405" s="55"/>
      <c r="Q2405" s="55"/>
      <c r="R2405" s="55"/>
      <c r="S2405" s="55"/>
      <c r="T2405" s="55"/>
      <c r="U2405" s="55"/>
      <c r="V2405" s="55"/>
      <c r="W2405" s="55"/>
      <c r="X2405" s="55"/>
      <c r="Y2405" s="55"/>
      <c r="Z2405" s="55"/>
      <c r="AA2405" s="55"/>
      <c r="AB2405" s="55"/>
      <c r="AC2405" s="55"/>
      <c r="AD2405" s="55"/>
      <c r="AE2405" s="55"/>
      <c r="AF2405" s="55"/>
      <c r="AG2405" s="55"/>
      <c r="AY2405" s="162"/>
      <c r="AZ2405" s="162"/>
      <c r="BA2405" s="162"/>
      <c r="BB2405" s="162"/>
      <c r="BC2405" s="162"/>
      <c r="BD2405" s="162"/>
      <c r="BE2405" s="162"/>
      <c r="BF2405" s="162"/>
      <c r="BG2405" s="162"/>
      <c r="BH2405" s="162"/>
      <c r="BI2405" s="162"/>
      <c r="BJ2405" s="162"/>
      <c r="BK2405" s="162"/>
      <c r="BL2405" s="162"/>
      <c r="BM2405" s="162"/>
      <c r="BN2405" s="162"/>
      <c r="BO2405" s="162"/>
      <c r="BP2405" s="162"/>
      <c r="BQ2405" s="162"/>
      <c r="BR2405" s="162"/>
      <c r="BS2405" s="162"/>
      <c r="BT2405" s="162"/>
      <c r="BU2405" s="162"/>
      <c r="BV2405" s="162"/>
      <c r="BW2405" s="162"/>
      <c r="BX2405" s="162"/>
      <c r="BY2405" s="162"/>
      <c r="BZ2405" s="162"/>
      <c r="CA2405" s="162"/>
      <c r="CB2405" s="162"/>
      <c r="CC2405" s="162"/>
      <c r="CD2405" s="162"/>
      <c r="CE2405" s="162"/>
      <c r="CF2405" s="162"/>
      <c r="CG2405" s="162"/>
      <c r="CH2405" s="162"/>
      <c r="CI2405" s="162"/>
      <c r="CJ2405" s="162"/>
      <c r="CK2405" s="162"/>
      <c r="CX2405" s="98"/>
      <c r="DL2405" s="97"/>
      <c r="DX2405" s="98"/>
      <c r="EL2405" s="97"/>
      <c r="EX2405" s="98"/>
      <c r="EY2405" s="97"/>
      <c r="FL2405" s="126"/>
      <c r="FM2405" s="91"/>
      <c r="FN2405" s="91"/>
      <c r="FO2405" s="91"/>
      <c r="FP2405" s="91"/>
      <c r="FQ2405" s="91"/>
      <c r="FR2405" s="91"/>
      <c r="FS2405" s="91"/>
      <c r="FT2405" s="91"/>
      <c r="FU2405" s="91"/>
      <c r="FV2405" s="91"/>
      <c r="FW2405" s="91"/>
      <c r="FX2405" s="91"/>
      <c r="FY2405" s="91"/>
      <c r="FZ2405" s="91"/>
      <c r="GA2405" s="91"/>
      <c r="GB2405" s="91"/>
      <c r="GC2405" s="91"/>
      <c r="GD2405" s="91"/>
      <c r="GE2405" s="91"/>
      <c r="GF2405" s="91"/>
      <c r="GG2405" s="91"/>
      <c r="GH2405" s="91"/>
      <c r="GI2405" s="91"/>
      <c r="GJ2405" s="91"/>
      <c r="GK2405" s="127"/>
      <c r="GL2405" s="126"/>
      <c r="GM2405" s="91"/>
      <c r="GN2405" s="91"/>
      <c r="GO2405" s="91"/>
      <c r="GP2405" s="91"/>
      <c r="GQ2405" s="91"/>
      <c r="GR2405" s="91"/>
      <c r="GS2405" s="91"/>
      <c r="GT2405" s="91"/>
      <c r="GU2405" s="91"/>
      <c r="GV2405" s="91"/>
      <c r="GW2405" s="91"/>
      <c r="GX2405" s="91"/>
      <c r="GY2405" s="91"/>
      <c r="GZ2405" s="91"/>
      <c r="HA2405" s="91"/>
      <c r="HB2405" s="91"/>
      <c r="HC2405" s="91"/>
      <c r="HD2405" s="91"/>
      <c r="HE2405" s="91"/>
      <c r="HF2405" s="91"/>
      <c r="HG2405" s="91"/>
      <c r="HH2405" s="91"/>
      <c r="HI2405" s="91"/>
      <c r="HJ2405" s="91"/>
      <c r="HK2405" s="127"/>
      <c r="HL2405" s="126"/>
      <c r="HM2405" s="91"/>
      <c r="HN2405" s="91"/>
      <c r="HO2405" s="91"/>
      <c r="HP2405" s="91"/>
      <c r="HQ2405" s="91"/>
      <c r="HR2405" s="91"/>
      <c r="HS2405" s="91"/>
      <c r="HT2405" s="91"/>
      <c r="HU2405" s="91"/>
      <c r="HV2405" s="91"/>
      <c r="HW2405" s="91"/>
      <c r="HX2405" s="91"/>
      <c r="HY2405" s="91"/>
      <c r="HZ2405" s="91"/>
      <c r="IA2405" s="91"/>
      <c r="IB2405" s="91"/>
      <c r="IC2405" s="91"/>
      <c r="ID2405" s="91"/>
      <c r="IE2405" s="91"/>
      <c r="IF2405" s="91"/>
      <c r="IG2405" s="91"/>
      <c r="IH2405" s="91"/>
      <c r="II2405" s="91"/>
      <c r="IJ2405" s="91"/>
      <c r="IK2405" s="127"/>
    </row>
    <row r="2406" spans="2:245" x14ac:dyDescent="0.2">
      <c r="B2406" s="43"/>
      <c r="C2406" s="73"/>
      <c r="D2406" s="64"/>
      <c r="E2406" s="64"/>
      <c r="F2406" s="55"/>
      <c r="G2406" s="102"/>
      <c r="H2406" s="55"/>
      <c r="I2406" s="55"/>
      <c r="J2406" s="55"/>
      <c r="K2406" s="55"/>
      <c r="L2406" s="55"/>
      <c r="M2406" s="55"/>
      <c r="N2406" s="55"/>
      <c r="O2406" s="55"/>
      <c r="P2406" s="55"/>
      <c r="Q2406" s="55"/>
      <c r="R2406" s="55"/>
      <c r="S2406" s="55"/>
      <c r="T2406" s="55"/>
      <c r="U2406" s="55"/>
      <c r="V2406" s="55"/>
      <c r="W2406" s="55"/>
      <c r="X2406" s="55"/>
      <c r="Y2406" s="55"/>
      <c r="Z2406" s="55"/>
      <c r="AA2406" s="55"/>
      <c r="AB2406" s="55"/>
      <c r="AC2406" s="55"/>
      <c r="AD2406" s="55"/>
      <c r="AE2406" s="55"/>
      <c r="AF2406" s="55"/>
      <c r="AG2406" s="55"/>
      <c r="AY2406" s="162"/>
      <c r="AZ2406" s="162"/>
      <c r="BA2406" s="162"/>
      <c r="BB2406" s="162"/>
      <c r="BC2406" s="162"/>
      <c r="BD2406" s="162"/>
      <c r="BE2406" s="162"/>
      <c r="BF2406" s="162"/>
      <c r="BG2406" s="162"/>
      <c r="BH2406" s="162"/>
      <c r="BI2406" s="162"/>
      <c r="BJ2406" s="162"/>
      <c r="BK2406" s="162"/>
      <c r="BL2406" s="162"/>
      <c r="BM2406" s="162"/>
      <c r="BN2406" s="162"/>
      <c r="BO2406" s="162"/>
      <c r="BP2406" s="162"/>
      <c r="BQ2406" s="162"/>
      <c r="BR2406" s="162"/>
      <c r="BS2406" s="162"/>
      <c r="BT2406" s="162"/>
      <c r="BU2406" s="162"/>
      <c r="BV2406" s="162"/>
      <c r="BW2406" s="162"/>
      <c r="BX2406" s="162"/>
      <c r="BY2406" s="162"/>
      <c r="BZ2406" s="162"/>
      <c r="CA2406" s="162"/>
      <c r="CB2406" s="162"/>
      <c r="CC2406" s="162"/>
      <c r="CD2406" s="162"/>
      <c r="CE2406" s="162"/>
      <c r="CF2406" s="162"/>
      <c r="CG2406" s="162"/>
      <c r="CH2406" s="162"/>
      <c r="CI2406" s="162"/>
      <c r="CJ2406" s="162"/>
      <c r="CK2406" s="162"/>
      <c r="CX2406" s="98"/>
      <c r="DL2406" s="97"/>
      <c r="DX2406" s="98"/>
      <c r="EL2406" s="97"/>
      <c r="EX2406" s="98"/>
      <c r="EY2406" s="97"/>
      <c r="FL2406" s="126"/>
      <c r="FM2406" s="91"/>
      <c r="FN2406" s="91"/>
      <c r="FO2406" s="91"/>
      <c r="FP2406" s="91"/>
      <c r="FQ2406" s="91"/>
      <c r="FR2406" s="91"/>
      <c r="FS2406" s="91"/>
      <c r="FT2406" s="91"/>
      <c r="FU2406" s="91"/>
      <c r="FV2406" s="91"/>
      <c r="FW2406" s="91"/>
      <c r="FX2406" s="91"/>
      <c r="FY2406" s="91"/>
      <c r="FZ2406" s="91"/>
      <c r="GA2406" s="91"/>
      <c r="GB2406" s="91"/>
      <c r="GC2406" s="91"/>
      <c r="GD2406" s="91"/>
      <c r="GE2406" s="91"/>
      <c r="GF2406" s="91"/>
      <c r="GG2406" s="91"/>
      <c r="GH2406" s="91"/>
      <c r="GI2406" s="91"/>
      <c r="GJ2406" s="91"/>
      <c r="GK2406" s="127"/>
      <c r="GL2406" s="126"/>
      <c r="GM2406" s="91"/>
      <c r="GN2406" s="91"/>
      <c r="GO2406" s="91"/>
      <c r="GP2406" s="91"/>
      <c r="GQ2406" s="91"/>
      <c r="GR2406" s="91"/>
      <c r="GS2406" s="91"/>
      <c r="GT2406" s="91"/>
      <c r="GU2406" s="91"/>
      <c r="GV2406" s="91"/>
      <c r="GW2406" s="91"/>
      <c r="GX2406" s="91"/>
      <c r="GY2406" s="91"/>
      <c r="GZ2406" s="91"/>
      <c r="HA2406" s="91"/>
      <c r="HB2406" s="91"/>
      <c r="HC2406" s="91"/>
      <c r="HD2406" s="91"/>
      <c r="HE2406" s="91"/>
      <c r="HF2406" s="91"/>
      <c r="HG2406" s="91"/>
      <c r="HH2406" s="91"/>
      <c r="HI2406" s="91"/>
      <c r="HJ2406" s="91"/>
      <c r="HK2406" s="127"/>
      <c r="HL2406" s="126"/>
      <c r="HM2406" s="91"/>
      <c r="HN2406" s="91"/>
      <c r="HO2406" s="91"/>
      <c r="HP2406" s="91"/>
      <c r="HQ2406" s="91"/>
      <c r="HR2406" s="91"/>
      <c r="HS2406" s="91"/>
      <c r="HT2406" s="91"/>
      <c r="HU2406" s="91"/>
      <c r="HV2406" s="91"/>
      <c r="HW2406" s="91"/>
      <c r="HX2406" s="91"/>
      <c r="HY2406" s="91"/>
      <c r="HZ2406" s="91"/>
      <c r="IA2406" s="91"/>
      <c r="IB2406" s="91"/>
      <c r="IC2406" s="91"/>
      <c r="ID2406" s="91"/>
      <c r="IE2406" s="91"/>
      <c r="IF2406" s="91"/>
      <c r="IG2406" s="91"/>
      <c r="IH2406" s="91"/>
      <c r="II2406" s="91"/>
      <c r="IJ2406" s="91"/>
      <c r="IK2406" s="127"/>
    </row>
    <row r="2407" spans="2:245" x14ac:dyDescent="0.2">
      <c r="B2407" s="43"/>
      <c r="C2407" s="73"/>
      <c r="D2407" s="64"/>
      <c r="E2407" s="64"/>
      <c r="F2407" s="55"/>
      <c r="G2407" s="102"/>
      <c r="H2407" s="55"/>
      <c r="I2407" s="55"/>
      <c r="J2407" s="55"/>
      <c r="K2407" s="55"/>
      <c r="L2407" s="55"/>
      <c r="M2407" s="55"/>
      <c r="N2407" s="55"/>
      <c r="O2407" s="55"/>
      <c r="P2407" s="55"/>
      <c r="Q2407" s="55"/>
      <c r="R2407" s="55"/>
      <c r="S2407" s="55"/>
      <c r="T2407" s="55"/>
      <c r="U2407" s="55"/>
      <c r="V2407" s="55"/>
      <c r="W2407" s="55"/>
      <c r="X2407" s="55"/>
      <c r="Y2407" s="55"/>
      <c r="Z2407" s="55"/>
      <c r="AA2407" s="55"/>
      <c r="AB2407" s="55"/>
      <c r="AC2407" s="55"/>
      <c r="AD2407" s="55"/>
      <c r="AE2407" s="55"/>
      <c r="AF2407" s="55"/>
      <c r="AG2407" s="55"/>
      <c r="AY2407" s="162"/>
      <c r="AZ2407" s="162"/>
      <c r="BA2407" s="162"/>
      <c r="BB2407" s="162"/>
      <c r="BC2407" s="162"/>
      <c r="BD2407" s="162"/>
      <c r="BE2407" s="162"/>
      <c r="BF2407" s="162"/>
      <c r="BG2407" s="162"/>
      <c r="BH2407" s="162"/>
      <c r="BI2407" s="162"/>
      <c r="BJ2407" s="162"/>
      <c r="BK2407" s="162"/>
      <c r="BL2407" s="162"/>
      <c r="BM2407" s="162"/>
      <c r="BN2407" s="162"/>
      <c r="BO2407" s="162"/>
      <c r="BP2407" s="162"/>
      <c r="BQ2407" s="162"/>
      <c r="BR2407" s="162"/>
      <c r="BS2407" s="162"/>
      <c r="BT2407" s="162"/>
      <c r="BU2407" s="162"/>
      <c r="BV2407" s="162"/>
      <c r="BW2407" s="162"/>
      <c r="BX2407" s="162"/>
      <c r="BY2407" s="162"/>
      <c r="BZ2407" s="162"/>
      <c r="CA2407" s="162"/>
      <c r="CB2407" s="162"/>
      <c r="CC2407" s="162"/>
      <c r="CD2407" s="162"/>
      <c r="CE2407" s="162"/>
      <c r="CF2407" s="162"/>
      <c r="CG2407" s="162"/>
      <c r="CH2407" s="162"/>
      <c r="CI2407" s="162"/>
      <c r="CJ2407" s="162"/>
      <c r="CK2407" s="162"/>
      <c r="CX2407" s="98"/>
      <c r="DL2407" s="97"/>
      <c r="DX2407" s="98"/>
      <c r="EL2407" s="97"/>
      <c r="EX2407" s="98"/>
      <c r="EY2407" s="97"/>
      <c r="FL2407" s="126"/>
      <c r="FM2407" s="91"/>
      <c r="FN2407" s="91"/>
      <c r="FO2407" s="91"/>
      <c r="FP2407" s="91"/>
      <c r="FQ2407" s="91"/>
      <c r="FR2407" s="91"/>
      <c r="FS2407" s="91"/>
      <c r="FT2407" s="91"/>
      <c r="FU2407" s="91"/>
      <c r="FV2407" s="91"/>
      <c r="FW2407" s="91"/>
      <c r="FX2407" s="91"/>
      <c r="FY2407" s="91"/>
      <c r="FZ2407" s="91"/>
      <c r="GA2407" s="91"/>
      <c r="GB2407" s="91"/>
      <c r="GC2407" s="91"/>
      <c r="GD2407" s="91"/>
      <c r="GE2407" s="91"/>
      <c r="GF2407" s="91"/>
      <c r="GG2407" s="91"/>
      <c r="GH2407" s="91"/>
      <c r="GI2407" s="91"/>
      <c r="GJ2407" s="91"/>
      <c r="GK2407" s="127"/>
      <c r="GL2407" s="126"/>
      <c r="GM2407" s="91"/>
      <c r="GN2407" s="91"/>
      <c r="GO2407" s="91"/>
      <c r="GP2407" s="91"/>
      <c r="GQ2407" s="91"/>
      <c r="GR2407" s="91"/>
      <c r="GS2407" s="91"/>
      <c r="GT2407" s="91"/>
      <c r="GU2407" s="91"/>
      <c r="GV2407" s="91"/>
      <c r="GW2407" s="91"/>
      <c r="GX2407" s="91"/>
      <c r="GY2407" s="91"/>
      <c r="GZ2407" s="91"/>
      <c r="HA2407" s="91"/>
      <c r="HB2407" s="91"/>
      <c r="HC2407" s="91"/>
      <c r="HD2407" s="91"/>
      <c r="HE2407" s="91"/>
      <c r="HF2407" s="91"/>
      <c r="HG2407" s="91"/>
      <c r="HH2407" s="91"/>
      <c r="HI2407" s="91"/>
      <c r="HJ2407" s="91"/>
      <c r="HK2407" s="127"/>
      <c r="HL2407" s="126"/>
      <c r="HM2407" s="91"/>
      <c r="HN2407" s="91"/>
      <c r="HO2407" s="91"/>
      <c r="HP2407" s="91"/>
      <c r="HQ2407" s="91"/>
      <c r="HR2407" s="91"/>
      <c r="HS2407" s="91"/>
      <c r="HT2407" s="91"/>
      <c r="HU2407" s="91"/>
      <c r="HV2407" s="91"/>
      <c r="HW2407" s="91"/>
      <c r="HX2407" s="91"/>
      <c r="HY2407" s="91"/>
      <c r="HZ2407" s="91"/>
      <c r="IA2407" s="91"/>
      <c r="IB2407" s="91"/>
      <c r="IC2407" s="91"/>
      <c r="ID2407" s="91"/>
      <c r="IE2407" s="91"/>
      <c r="IF2407" s="91"/>
      <c r="IG2407" s="91"/>
      <c r="IH2407" s="91"/>
      <c r="II2407" s="91"/>
      <c r="IJ2407" s="91"/>
      <c r="IK2407" s="127"/>
    </row>
    <row r="2408" spans="2:245" x14ac:dyDescent="0.2">
      <c r="B2408" s="43"/>
      <c r="C2408" s="73"/>
      <c r="D2408" s="64"/>
      <c r="E2408" s="64"/>
      <c r="F2408" s="55"/>
      <c r="G2408" s="102"/>
      <c r="H2408" s="55"/>
      <c r="I2408" s="55"/>
      <c r="J2408" s="55"/>
      <c r="K2408" s="55"/>
      <c r="L2408" s="55"/>
      <c r="M2408" s="55"/>
      <c r="N2408" s="55"/>
      <c r="O2408" s="55"/>
      <c r="P2408" s="55"/>
      <c r="Q2408" s="55"/>
      <c r="R2408" s="55"/>
      <c r="S2408" s="55"/>
      <c r="T2408" s="55"/>
      <c r="U2408" s="55"/>
      <c r="V2408" s="55"/>
      <c r="W2408" s="55"/>
      <c r="X2408" s="55"/>
      <c r="Y2408" s="55"/>
      <c r="Z2408" s="55"/>
      <c r="AA2408" s="55"/>
      <c r="AB2408" s="55"/>
      <c r="AC2408" s="55"/>
      <c r="AD2408" s="55"/>
      <c r="AE2408" s="55"/>
      <c r="AF2408" s="55"/>
      <c r="AG2408" s="55"/>
      <c r="AY2408" s="162"/>
      <c r="AZ2408" s="162"/>
      <c r="BA2408" s="162"/>
      <c r="BB2408" s="162"/>
      <c r="BC2408" s="162"/>
      <c r="BD2408" s="162"/>
      <c r="BE2408" s="162"/>
      <c r="BF2408" s="162"/>
      <c r="BG2408" s="162"/>
      <c r="BH2408" s="162"/>
      <c r="BI2408" s="162"/>
      <c r="BJ2408" s="162"/>
      <c r="BK2408" s="162"/>
      <c r="BL2408" s="162"/>
      <c r="BM2408" s="162"/>
      <c r="BN2408" s="162"/>
      <c r="BO2408" s="162"/>
      <c r="BP2408" s="162"/>
      <c r="BQ2408" s="162"/>
      <c r="BR2408" s="162"/>
      <c r="BS2408" s="162"/>
      <c r="BT2408" s="162"/>
      <c r="BU2408" s="162"/>
      <c r="BV2408" s="162"/>
      <c r="BW2408" s="162"/>
      <c r="BX2408" s="162"/>
      <c r="BY2408" s="162"/>
      <c r="BZ2408" s="162"/>
      <c r="CA2408" s="162"/>
      <c r="CB2408" s="162"/>
      <c r="CC2408" s="162"/>
      <c r="CD2408" s="162"/>
      <c r="CE2408" s="162"/>
      <c r="CF2408" s="162"/>
      <c r="CG2408" s="162"/>
      <c r="CH2408" s="162"/>
      <c r="CI2408" s="162"/>
      <c r="CJ2408" s="162"/>
      <c r="CK2408" s="162"/>
      <c r="CX2408" s="98"/>
      <c r="DL2408" s="97"/>
      <c r="DX2408" s="98"/>
      <c r="EL2408" s="97"/>
      <c r="EX2408" s="98"/>
      <c r="EY2408" s="97"/>
      <c r="FL2408" s="126"/>
      <c r="FM2408" s="91"/>
      <c r="FN2408" s="91"/>
      <c r="FO2408" s="91"/>
      <c r="FP2408" s="91"/>
      <c r="FQ2408" s="91"/>
      <c r="FR2408" s="91"/>
      <c r="FS2408" s="91"/>
      <c r="FT2408" s="91"/>
      <c r="FU2408" s="91"/>
      <c r="FV2408" s="91"/>
      <c r="FW2408" s="91"/>
      <c r="FX2408" s="91"/>
      <c r="FY2408" s="91"/>
      <c r="FZ2408" s="91"/>
      <c r="GA2408" s="91"/>
      <c r="GB2408" s="91"/>
      <c r="GC2408" s="91"/>
      <c r="GD2408" s="91"/>
      <c r="GE2408" s="91"/>
      <c r="GF2408" s="91"/>
      <c r="GG2408" s="91"/>
      <c r="GH2408" s="91"/>
      <c r="GI2408" s="91"/>
      <c r="GJ2408" s="91"/>
      <c r="GK2408" s="127"/>
      <c r="GL2408" s="126"/>
      <c r="GM2408" s="91"/>
      <c r="GN2408" s="91"/>
      <c r="GO2408" s="91"/>
      <c r="GP2408" s="91"/>
      <c r="GQ2408" s="91"/>
      <c r="GR2408" s="91"/>
      <c r="GS2408" s="91"/>
      <c r="GT2408" s="91"/>
      <c r="GU2408" s="91"/>
      <c r="GV2408" s="91"/>
      <c r="GW2408" s="91"/>
      <c r="GX2408" s="91"/>
      <c r="GY2408" s="91"/>
      <c r="GZ2408" s="91"/>
      <c r="HA2408" s="91"/>
      <c r="HB2408" s="91"/>
      <c r="HC2408" s="91"/>
      <c r="HD2408" s="91"/>
      <c r="HE2408" s="91"/>
      <c r="HF2408" s="91"/>
      <c r="HG2408" s="91"/>
      <c r="HH2408" s="91"/>
      <c r="HI2408" s="91"/>
      <c r="HJ2408" s="91"/>
      <c r="HK2408" s="127"/>
      <c r="HL2408" s="126"/>
      <c r="HM2408" s="91"/>
      <c r="HN2408" s="91"/>
      <c r="HO2408" s="91"/>
      <c r="HP2408" s="91"/>
      <c r="HQ2408" s="91"/>
      <c r="HR2408" s="91"/>
      <c r="HS2408" s="91"/>
      <c r="HT2408" s="91"/>
      <c r="HU2408" s="91"/>
      <c r="HV2408" s="91"/>
      <c r="HW2408" s="91"/>
      <c r="HX2408" s="91"/>
      <c r="HY2408" s="91"/>
      <c r="HZ2408" s="91"/>
      <c r="IA2408" s="91"/>
      <c r="IB2408" s="91"/>
      <c r="IC2408" s="91"/>
      <c r="ID2408" s="91"/>
      <c r="IE2408" s="91"/>
      <c r="IF2408" s="91"/>
      <c r="IG2408" s="91"/>
      <c r="IH2408" s="91"/>
      <c r="II2408" s="91"/>
      <c r="IJ2408" s="91"/>
      <c r="IK2408" s="127"/>
    </row>
    <row r="2409" spans="2:245" x14ac:dyDescent="0.2">
      <c r="B2409" s="43"/>
      <c r="C2409" s="73"/>
      <c r="D2409" s="64"/>
      <c r="E2409" s="64"/>
      <c r="F2409" s="55"/>
      <c r="G2409" s="102"/>
      <c r="H2409" s="55"/>
      <c r="I2409" s="55"/>
      <c r="J2409" s="55"/>
      <c r="K2409" s="55"/>
      <c r="L2409" s="55"/>
      <c r="M2409" s="55"/>
      <c r="N2409" s="55"/>
      <c r="O2409" s="55"/>
      <c r="P2409" s="55"/>
      <c r="Q2409" s="55"/>
      <c r="R2409" s="55"/>
      <c r="S2409" s="55"/>
      <c r="T2409" s="55"/>
      <c r="U2409" s="55"/>
      <c r="V2409" s="55"/>
      <c r="W2409" s="55"/>
      <c r="X2409" s="55"/>
      <c r="Y2409" s="55"/>
      <c r="Z2409" s="55"/>
      <c r="AA2409" s="55"/>
      <c r="AB2409" s="55"/>
      <c r="AC2409" s="55"/>
      <c r="AD2409" s="55"/>
      <c r="AE2409" s="55"/>
      <c r="AF2409" s="55"/>
      <c r="AG2409" s="55"/>
      <c r="AY2409" s="162"/>
      <c r="AZ2409" s="162"/>
      <c r="BA2409" s="162"/>
      <c r="BB2409" s="162"/>
      <c r="BC2409" s="162"/>
      <c r="BD2409" s="162"/>
      <c r="BE2409" s="162"/>
      <c r="BF2409" s="162"/>
      <c r="BG2409" s="162"/>
      <c r="BH2409" s="162"/>
      <c r="BI2409" s="162"/>
      <c r="BJ2409" s="162"/>
      <c r="BK2409" s="162"/>
      <c r="BL2409" s="162"/>
      <c r="BM2409" s="162"/>
      <c r="BN2409" s="162"/>
      <c r="BO2409" s="162"/>
      <c r="BP2409" s="162"/>
      <c r="BQ2409" s="162"/>
      <c r="BR2409" s="162"/>
      <c r="BS2409" s="162"/>
      <c r="BT2409" s="162"/>
      <c r="BU2409" s="162"/>
      <c r="BV2409" s="162"/>
      <c r="BW2409" s="162"/>
      <c r="BX2409" s="162"/>
      <c r="BY2409" s="162"/>
      <c r="BZ2409" s="162"/>
      <c r="CA2409" s="162"/>
      <c r="CB2409" s="162"/>
      <c r="CC2409" s="162"/>
      <c r="CD2409" s="162"/>
      <c r="CE2409" s="162"/>
      <c r="CF2409" s="162"/>
      <c r="CG2409" s="162"/>
      <c r="CH2409" s="162"/>
      <c r="CI2409" s="162"/>
      <c r="CJ2409" s="162"/>
      <c r="CK2409" s="162"/>
      <c r="CX2409" s="98"/>
      <c r="DL2409" s="97"/>
      <c r="DX2409" s="98"/>
      <c r="EL2409" s="97"/>
      <c r="EX2409" s="98"/>
      <c r="EY2409" s="97"/>
      <c r="FL2409" s="126"/>
      <c r="FM2409" s="91"/>
      <c r="FN2409" s="91"/>
      <c r="FO2409" s="91"/>
      <c r="FP2409" s="91"/>
      <c r="FQ2409" s="91"/>
      <c r="FR2409" s="91"/>
      <c r="FS2409" s="91"/>
      <c r="FT2409" s="91"/>
      <c r="FU2409" s="91"/>
      <c r="FV2409" s="91"/>
      <c r="FW2409" s="91"/>
      <c r="FX2409" s="91"/>
      <c r="FY2409" s="91"/>
      <c r="FZ2409" s="91"/>
      <c r="GA2409" s="91"/>
      <c r="GB2409" s="91"/>
      <c r="GC2409" s="91"/>
      <c r="GD2409" s="91"/>
      <c r="GE2409" s="91"/>
      <c r="GF2409" s="91"/>
      <c r="GG2409" s="91"/>
      <c r="GH2409" s="91"/>
      <c r="GI2409" s="91"/>
      <c r="GJ2409" s="91"/>
      <c r="GK2409" s="127"/>
      <c r="GL2409" s="126"/>
      <c r="GM2409" s="91"/>
      <c r="GN2409" s="91"/>
      <c r="GO2409" s="91"/>
      <c r="GP2409" s="91"/>
      <c r="GQ2409" s="91"/>
      <c r="GR2409" s="91"/>
      <c r="GS2409" s="91"/>
      <c r="GT2409" s="91"/>
      <c r="GU2409" s="91"/>
      <c r="GV2409" s="91"/>
      <c r="GW2409" s="91"/>
      <c r="GX2409" s="91"/>
      <c r="GY2409" s="91"/>
      <c r="GZ2409" s="91"/>
      <c r="HA2409" s="91"/>
      <c r="HB2409" s="91"/>
      <c r="HC2409" s="91"/>
      <c r="HD2409" s="91"/>
      <c r="HE2409" s="91"/>
      <c r="HF2409" s="91"/>
      <c r="HG2409" s="91"/>
      <c r="HH2409" s="91"/>
      <c r="HI2409" s="91"/>
      <c r="HJ2409" s="91"/>
      <c r="HK2409" s="127"/>
      <c r="HL2409" s="126"/>
      <c r="HM2409" s="91"/>
      <c r="HN2409" s="91"/>
      <c r="HO2409" s="91"/>
      <c r="HP2409" s="91"/>
      <c r="HQ2409" s="91"/>
      <c r="HR2409" s="91"/>
      <c r="HS2409" s="91"/>
      <c r="HT2409" s="91"/>
      <c r="HU2409" s="91"/>
      <c r="HV2409" s="91"/>
      <c r="HW2409" s="91"/>
      <c r="HX2409" s="91"/>
      <c r="HY2409" s="91"/>
      <c r="HZ2409" s="91"/>
      <c r="IA2409" s="91"/>
      <c r="IB2409" s="91"/>
      <c r="IC2409" s="91"/>
      <c r="ID2409" s="91"/>
      <c r="IE2409" s="91"/>
      <c r="IF2409" s="91"/>
      <c r="IG2409" s="91"/>
      <c r="IH2409" s="91"/>
      <c r="II2409" s="91"/>
      <c r="IJ2409" s="91"/>
      <c r="IK2409" s="127"/>
    </row>
    <row r="2410" spans="2:245" x14ac:dyDescent="0.2">
      <c r="B2410" s="43"/>
      <c r="C2410" s="73"/>
      <c r="D2410" s="64"/>
      <c r="E2410" s="64"/>
      <c r="F2410" s="55"/>
      <c r="G2410" s="102"/>
      <c r="H2410" s="55"/>
      <c r="I2410" s="55"/>
      <c r="J2410" s="55"/>
      <c r="K2410" s="55"/>
      <c r="L2410" s="55"/>
      <c r="M2410" s="55"/>
      <c r="N2410" s="55"/>
      <c r="O2410" s="55"/>
      <c r="P2410" s="55"/>
      <c r="Q2410" s="55"/>
      <c r="R2410" s="55"/>
      <c r="S2410" s="55"/>
      <c r="T2410" s="55"/>
      <c r="U2410" s="55"/>
      <c r="V2410" s="55"/>
      <c r="W2410" s="55"/>
      <c r="X2410" s="55"/>
      <c r="Y2410" s="55"/>
      <c r="Z2410" s="55"/>
      <c r="AA2410" s="55"/>
      <c r="AB2410" s="55"/>
      <c r="AC2410" s="55"/>
      <c r="AD2410" s="55"/>
      <c r="AE2410" s="55"/>
      <c r="AF2410" s="55"/>
      <c r="AG2410" s="55"/>
      <c r="AY2410" s="162"/>
      <c r="AZ2410" s="162"/>
      <c r="BA2410" s="162"/>
      <c r="BB2410" s="162"/>
      <c r="BC2410" s="162"/>
      <c r="BD2410" s="162"/>
      <c r="BE2410" s="162"/>
      <c r="BF2410" s="162"/>
      <c r="BG2410" s="162"/>
      <c r="BH2410" s="162"/>
      <c r="BI2410" s="162"/>
      <c r="BJ2410" s="162"/>
      <c r="BK2410" s="162"/>
      <c r="BL2410" s="162"/>
      <c r="BM2410" s="162"/>
      <c r="BN2410" s="162"/>
      <c r="BO2410" s="162"/>
      <c r="BP2410" s="162"/>
      <c r="BQ2410" s="162"/>
      <c r="BR2410" s="162"/>
      <c r="BS2410" s="162"/>
      <c r="BT2410" s="162"/>
      <c r="BU2410" s="162"/>
      <c r="BV2410" s="162"/>
      <c r="BW2410" s="162"/>
      <c r="BX2410" s="162"/>
      <c r="BY2410" s="162"/>
      <c r="BZ2410" s="162"/>
      <c r="CA2410" s="162"/>
      <c r="CB2410" s="162"/>
      <c r="CC2410" s="162"/>
      <c r="CD2410" s="162"/>
      <c r="CE2410" s="162"/>
      <c r="CF2410" s="162"/>
      <c r="CG2410" s="162"/>
      <c r="CH2410" s="162"/>
      <c r="CI2410" s="162"/>
      <c r="CJ2410" s="162"/>
      <c r="CK2410" s="162"/>
      <c r="CX2410" s="98"/>
      <c r="DL2410" s="97"/>
      <c r="DX2410" s="98"/>
      <c r="EL2410" s="97"/>
      <c r="EX2410" s="98"/>
      <c r="EY2410" s="97"/>
      <c r="FL2410" s="126"/>
      <c r="FM2410" s="91"/>
      <c r="FN2410" s="91"/>
      <c r="FO2410" s="91"/>
      <c r="FP2410" s="91"/>
      <c r="FQ2410" s="91"/>
      <c r="FR2410" s="91"/>
      <c r="FS2410" s="91"/>
      <c r="FT2410" s="91"/>
      <c r="FU2410" s="91"/>
      <c r="FV2410" s="91"/>
      <c r="FW2410" s="91"/>
      <c r="FX2410" s="91"/>
      <c r="FY2410" s="91"/>
      <c r="FZ2410" s="91"/>
      <c r="GA2410" s="91"/>
      <c r="GB2410" s="91"/>
      <c r="GC2410" s="91"/>
      <c r="GD2410" s="91"/>
      <c r="GE2410" s="91"/>
      <c r="GF2410" s="91"/>
      <c r="GG2410" s="91"/>
      <c r="GH2410" s="91"/>
      <c r="GI2410" s="91"/>
      <c r="GJ2410" s="91"/>
      <c r="GK2410" s="127"/>
      <c r="GL2410" s="126"/>
      <c r="GM2410" s="91"/>
      <c r="GN2410" s="91"/>
      <c r="GO2410" s="91"/>
      <c r="GP2410" s="91"/>
      <c r="GQ2410" s="91"/>
      <c r="GR2410" s="91"/>
      <c r="GS2410" s="91"/>
      <c r="GT2410" s="91"/>
      <c r="GU2410" s="91"/>
      <c r="GV2410" s="91"/>
      <c r="GW2410" s="91"/>
      <c r="GX2410" s="91"/>
      <c r="GY2410" s="91"/>
      <c r="GZ2410" s="91"/>
      <c r="HA2410" s="91"/>
      <c r="HB2410" s="91"/>
      <c r="HC2410" s="91"/>
      <c r="HD2410" s="91"/>
      <c r="HE2410" s="91"/>
      <c r="HF2410" s="91"/>
      <c r="HG2410" s="91"/>
      <c r="HH2410" s="91"/>
      <c r="HI2410" s="91"/>
      <c r="HJ2410" s="91"/>
      <c r="HK2410" s="127"/>
      <c r="HL2410" s="126"/>
      <c r="HM2410" s="91"/>
      <c r="HN2410" s="91"/>
      <c r="HO2410" s="91"/>
      <c r="HP2410" s="91"/>
      <c r="HQ2410" s="91"/>
      <c r="HR2410" s="91"/>
      <c r="HS2410" s="91"/>
      <c r="HT2410" s="91"/>
      <c r="HU2410" s="91"/>
      <c r="HV2410" s="91"/>
      <c r="HW2410" s="91"/>
      <c r="HX2410" s="91"/>
      <c r="HY2410" s="91"/>
      <c r="HZ2410" s="91"/>
      <c r="IA2410" s="91"/>
      <c r="IB2410" s="91"/>
      <c r="IC2410" s="91"/>
      <c r="ID2410" s="91"/>
      <c r="IE2410" s="91"/>
      <c r="IF2410" s="91"/>
      <c r="IG2410" s="91"/>
      <c r="IH2410" s="91"/>
      <c r="II2410" s="91"/>
      <c r="IJ2410" s="91"/>
      <c r="IK2410" s="127"/>
    </row>
    <row r="2411" spans="2:245" x14ac:dyDescent="0.2">
      <c r="B2411" s="43"/>
      <c r="C2411" s="73"/>
      <c r="D2411" s="64"/>
      <c r="E2411" s="64"/>
      <c r="F2411" s="55"/>
      <c r="G2411" s="102"/>
      <c r="H2411" s="55"/>
      <c r="I2411" s="55"/>
      <c r="J2411" s="55"/>
      <c r="K2411" s="55"/>
      <c r="L2411" s="55"/>
      <c r="M2411" s="55"/>
      <c r="N2411" s="55"/>
      <c r="O2411" s="55"/>
      <c r="P2411" s="55"/>
      <c r="Q2411" s="55"/>
      <c r="R2411" s="55"/>
      <c r="S2411" s="55"/>
      <c r="T2411" s="55"/>
      <c r="U2411" s="55"/>
      <c r="V2411" s="55"/>
      <c r="W2411" s="55"/>
      <c r="X2411" s="55"/>
      <c r="Y2411" s="55"/>
      <c r="Z2411" s="55"/>
      <c r="AA2411" s="55"/>
      <c r="AB2411" s="55"/>
      <c r="AC2411" s="55"/>
      <c r="AD2411" s="55"/>
      <c r="AE2411" s="55"/>
      <c r="AF2411" s="55"/>
      <c r="AG2411" s="55"/>
      <c r="AY2411" s="162"/>
      <c r="AZ2411" s="162"/>
      <c r="BA2411" s="162"/>
      <c r="BB2411" s="162"/>
      <c r="BC2411" s="162"/>
      <c r="BD2411" s="162"/>
      <c r="BE2411" s="162"/>
      <c r="BF2411" s="162"/>
      <c r="BG2411" s="162"/>
      <c r="BH2411" s="162"/>
      <c r="BI2411" s="162"/>
      <c r="BJ2411" s="162"/>
      <c r="BK2411" s="162"/>
      <c r="BL2411" s="162"/>
      <c r="BM2411" s="162"/>
      <c r="BN2411" s="162"/>
      <c r="BO2411" s="162"/>
      <c r="BP2411" s="162"/>
      <c r="BQ2411" s="162"/>
      <c r="BR2411" s="162"/>
      <c r="BS2411" s="162"/>
      <c r="BT2411" s="162"/>
      <c r="BU2411" s="162"/>
      <c r="BV2411" s="162"/>
      <c r="BW2411" s="162"/>
      <c r="BX2411" s="162"/>
      <c r="BY2411" s="162"/>
      <c r="BZ2411" s="162"/>
      <c r="CA2411" s="162"/>
      <c r="CB2411" s="162"/>
      <c r="CC2411" s="162"/>
      <c r="CD2411" s="162"/>
      <c r="CE2411" s="162"/>
      <c r="CF2411" s="162"/>
      <c r="CG2411" s="162"/>
      <c r="CH2411" s="162"/>
      <c r="CI2411" s="162"/>
      <c r="CJ2411" s="162"/>
      <c r="CK2411" s="162"/>
      <c r="CX2411" s="98"/>
      <c r="DL2411" s="97"/>
      <c r="DX2411" s="98"/>
      <c r="EL2411" s="97"/>
      <c r="EX2411" s="98"/>
      <c r="EY2411" s="97"/>
      <c r="FL2411" s="126"/>
      <c r="FM2411" s="91"/>
      <c r="FN2411" s="91"/>
      <c r="FO2411" s="91"/>
      <c r="FP2411" s="91"/>
      <c r="FQ2411" s="91"/>
      <c r="FR2411" s="91"/>
      <c r="FS2411" s="91"/>
      <c r="FT2411" s="91"/>
      <c r="FU2411" s="91"/>
      <c r="FV2411" s="91"/>
      <c r="FW2411" s="91"/>
      <c r="FX2411" s="91"/>
      <c r="FY2411" s="91"/>
      <c r="FZ2411" s="91"/>
      <c r="GA2411" s="91"/>
      <c r="GB2411" s="91"/>
      <c r="GC2411" s="91"/>
      <c r="GD2411" s="91"/>
      <c r="GE2411" s="91"/>
      <c r="GF2411" s="91"/>
      <c r="GG2411" s="91"/>
      <c r="GH2411" s="91"/>
      <c r="GI2411" s="91"/>
      <c r="GJ2411" s="91"/>
      <c r="GK2411" s="127"/>
      <c r="GL2411" s="126"/>
      <c r="GM2411" s="91"/>
      <c r="GN2411" s="91"/>
      <c r="GO2411" s="91"/>
      <c r="GP2411" s="91"/>
      <c r="GQ2411" s="91"/>
      <c r="GR2411" s="91"/>
      <c r="GS2411" s="91"/>
      <c r="GT2411" s="91"/>
      <c r="GU2411" s="91"/>
      <c r="GV2411" s="91"/>
      <c r="GW2411" s="91"/>
      <c r="GX2411" s="91"/>
      <c r="GY2411" s="91"/>
      <c r="GZ2411" s="91"/>
      <c r="HA2411" s="91"/>
      <c r="HB2411" s="91"/>
      <c r="HC2411" s="91"/>
      <c r="HD2411" s="91"/>
      <c r="HE2411" s="91"/>
      <c r="HF2411" s="91"/>
      <c r="HG2411" s="91"/>
      <c r="HH2411" s="91"/>
      <c r="HI2411" s="91"/>
      <c r="HJ2411" s="91"/>
      <c r="HK2411" s="127"/>
      <c r="HL2411" s="126"/>
      <c r="HM2411" s="91"/>
      <c r="HN2411" s="91"/>
      <c r="HO2411" s="91"/>
      <c r="HP2411" s="91"/>
      <c r="HQ2411" s="91"/>
      <c r="HR2411" s="91"/>
      <c r="HS2411" s="91"/>
      <c r="HT2411" s="91"/>
      <c r="HU2411" s="91"/>
      <c r="HV2411" s="91"/>
      <c r="HW2411" s="91"/>
      <c r="HX2411" s="91"/>
      <c r="HY2411" s="91"/>
      <c r="HZ2411" s="91"/>
      <c r="IA2411" s="91"/>
      <c r="IB2411" s="91"/>
      <c r="IC2411" s="91"/>
      <c r="ID2411" s="91"/>
      <c r="IE2411" s="91"/>
      <c r="IF2411" s="91"/>
      <c r="IG2411" s="91"/>
      <c r="IH2411" s="91"/>
      <c r="II2411" s="91"/>
      <c r="IJ2411" s="91"/>
      <c r="IK2411" s="127"/>
    </row>
    <row r="2412" spans="2:245" x14ac:dyDescent="0.2">
      <c r="B2412" s="43"/>
      <c r="C2412" s="73"/>
      <c r="D2412" s="64"/>
      <c r="E2412" s="64"/>
      <c r="F2412" s="55"/>
      <c r="G2412" s="102"/>
      <c r="H2412" s="55"/>
      <c r="I2412" s="55"/>
      <c r="J2412" s="55"/>
      <c r="K2412" s="55"/>
      <c r="L2412" s="55"/>
      <c r="M2412" s="55"/>
      <c r="N2412" s="55"/>
      <c r="O2412" s="55"/>
      <c r="P2412" s="55"/>
      <c r="Q2412" s="55"/>
      <c r="R2412" s="55"/>
      <c r="S2412" s="55"/>
      <c r="T2412" s="55"/>
      <c r="U2412" s="55"/>
      <c r="V2412" s="55"/>
      <c r="W2412" s="55"/>
      <c r="X2412" s="55"/>
      <c r="Y2412" s="55"/>
      <c r="Z2412" s="55"/>
      <c r="AA2412" s="55"/>
      <c r="AB2412" s="55"/>
      <c r="AC2412" s="55"/>
      <c r="AD2412" s="55"/>
      <c r="AE2412" s="55"/>
      <c r="AF2412" s="55"/>
      <c r="AG2412" s="55"/>
      <c r="AY2412" s="162"/>
      <c r="AZ2412" s="162"/>
      <c r="BA2412" s="162"/>
      <c r="BB2412" s="162"/>
      <c r="BC2412" s="162"/>
      <c r="BD2412" s="162"/>
      <c r="BE2412" s="162"/>
      <c r="BF2412" s="162"/>
      <c r="BG2412" s="162"/>
      <c r="BH2412" s="162"/>
      <c r="BI2412" s="162"/>
      <c r="BJ2412" s="162"/>
      <c r="BK2412" s="162"/>
      <c r="BL2412" s="162"/>
      <c r="BM2412" s="162"/>
      <c r="BN2412" s="162"/>
      <c r="BO2412" s="162"/>
      <c r="BP2412" s="162"/>
      <c r="BQ2412" s="162"/>
      <c r="BR2412" s="162"/>
      <c r="BS2412" s="162"/>
      <c r="BT2412" s="162"/>
      <c r="BU2412" s="162"/>
      <c r="BV2412" s="162"/>
      <c r="BW2412" s="162"/>
      <c r="BX2412" s="162"/>
      <c r="BY2412" s="162"/>
      <c r="BZ2412" s="162"/>
      <c r="CA2412" s="162"/>
      <c r="CB2412" s="162"/>
      <c r="CC2412" s="162"/>
      <c r="CD2412" s="162"/>
      <c r="CE2412" s="162"/>
      <c r="CF2412" s="162"/>
      <c r="CG2412" s="162"/>
      <c r="CH2412" s="162"/>
      <c r="CI2412" s="162"/>
      <c r="CJ2412" s="162"/>
      <c r="CK2412" s="162"/>
      <c r="CX2412" s="98"/>
      <c r="DL2412" s="97"/>
      <c r="DX2412" s="98"/>
      <c r="EL2412" s="97"/>
      <c r="EX2412" s="98"/>
      <c r="EY2412" s="97"/>
      <c r="FL2412" s="126"/>
      <c r="FM2412" s="91"/>
      <c r="FN2412" s="91"/>
      <c r="FO2412" s="91"/>
      <c r="FP2412" s="91"/>
      <c r="FQ2412" s="91"/>
      <c r="FR2412" s="91"/>
      <c r="FS2412" s="91"/>
      <c r="FT2412" s="91"/>
      <c r="FU2412" s="91"/>
      <c r="FV2412" s="91"/>
      <c r="FW2412" s="91"/>
      <c r="FX2412" s="91"/>
      <c r="FY2412" s="91"/>
      <c r="FZ2412" s="91"/>
      <c r="GA2412" s="91"/>
      <c r="GB2412" s="91"/>
      <c r="GC2412" s="91"/>
      <c r="GD2412" s="91"/>
      <c r="GE2412" s="91"/>
      <c r="GF2412" s="91"/>
      <c r="GG2412" s="91"/>
      <c r="GH2412" s="91"/>
      <c r="GI2412" s="91"/>
      <c r="GJ2412" s="91"/>
      <c r="GK2412" s="127"/>
      <c r="GL2412" s="126"/>
      <c r="GM2412" s="91"/>
      <c r="GN2412" s="91"/>
      <c r="GO2412" s="91"/>
      <c r="GP2412" s="91"/>
      <c r="GQ2412" s="91"/>
      <c r="GR2412" s="91"/>
      <c r="GS2412" s="91"/>
      <c r="GT2412" s="91"/>
      <c r="GU2412" s="91"/>
      <c r="GV2412" s="91"/>
      <c r="GW2412" s="91"/>
      <c r="GX2412" s="91"/>
      <c r="GY2412" s="91"/>
      <c r="GZ2412" s="91"/>
      <c r="HA2412" s="91"/>
      <c r="HB2412" s="91"/>
      <c r="HC2412" s="91"/>
      <c r="HD2412" s="91"/>
      <c r="HE2412" s="91"/>
      <c r="HF2412" s="91"/>
      <c r="HG2412" s="91"/>
      <c r="HH2412" s="91"/>
      <c r="HI2412" s="91"/>
      <c r="HJ2412" s="91"/>
      <c r="HK2412" s="127"/>
      <c r="HL2412" s="126"/>
      <c r="HM2412" s="91"/>
      <c r="HN2412" s="91"/>
      <c r="HO2412" s="91"/>
      <c r="HP2412" s="91"/>
      <c r="HQ2412" s="91"/>
      <c r="HR2412" s="91"/>
      <c r="HS2412" s="91"/>
      <c r="HT2412" s="91"/>
      <c r="HU2412" s="91"/>
      <c r="HV2412" s="91"/>
      <c r="HW2412" s="91"/>
      <c r="HX2412" s="91"/>
      <c r="HY2412" s="91"/>
      <c r="HZ2412" s="91"/>
      <c r="IA2412" s="91"/>
      <c r="IB2412" s="91"/>
      <c r="IC2412" s="91"/>
      <c r="ID2412" s="91"/>
      <c r="IE2412" s="91"/>
      <c r="IF2412" s="91"/>
      <c r="IG2412" s="91"/>
      <c r="IH2412" s="91"/>
      <c r="II2412" s="91"/>
      <c r="IJ2412" s="91"/>
      <c r="IK2412" s="127"/>
    </row>
    <row r="2413" spans="2:245" x14ac:dyDescent="0.2">
      <c r="B2413" s="43"/>
      <c r="C2413" s="73"/>
      <c r="D2413" s="64"/>
      <c r="E2413" s="64"/>
      <c r="F2413" s="55"/>
      <c r="G2413" s="102"/>
      <c r="H2413" s="55"/>
      <c r="I2413" s="55"/>
      <c r="J2413" s="55"/>
      <c r="K2413" s="55"/>
      <c r="L2413" s="55"/>
      <c r="M2413" s="55"/>
      <c r="N2413" s="55"/>
      <c r="O2413" s="55"/>
      <c r="P2413" s="55"/>
      <c r="Q2413" s="55"/>
      <c r="R2413" s="55"/>
      <c r="S2413" s="55"/>
      <c r="T2413" s="55"/>
      <c r="U2413" s="55"/>
      <c r="V2413" s="55"/>
      <c r="W2413" s="55"/>
      <c r="X2413" s="55"/>
      <c r="Y2413" s="55"/>
      <c r="Z2413" s="55"/>
      <c r="AA2413" s="55"/>
      <c r="AB2413" s="55"/>
      <c r="AC2413" s="55"/>
      <c r="AD2413" s="55"/>
      <c r="AE2413" s="55"/>
      <c r="AF2413" s="55"/>
      <c r="AG2413" s="55"/>
      <c r="AY2413" s="162"/>
      <c r="AZ2413" s="162"/>
      <c r="BA2413" s="162"/>
      <c r="BB2413" s="162"/>
      <c r="BC2413" s="162"/>
      <c r="BD2413" s="162"/>
      <c r="BE2413" s="162"/>
      <c r="BF2413" s="162"/>
      <c r="BG2413" s="162"/>
      <c r="BH2413" s="162"/>
      <c r="BI2413" s="162"/>
      <c r="BJ2413" s="162"/>
      <c r="BK2413" s="162"/>
      <c r="BL2413" s="162"/>
      <c r="BM2413" s="162"/>
      <c r="BN2413" s="162"/>
      <c r="BO2413" s="162"/>
      <c r="BP2413" s="162"/>
      <c r="BQ2413" s="162"/>
      <c r="BR2413" s="162"/>
      <c r="BS2413" s="162"/>
      <c r="BT2413" s="162"/>
      <c r="BU2413" s="162"/>
      <c r="BV2413" s="162"/>
      <c r="BW2413" s="162"/>
      <c r="BX2413" s="162"/>
      <c r="BY2413" s="162"/>
      <c r="BZ2413" s="162"/>
      <c r="CA2413" s="162"/>
      <c r="CB2413" s="162"/>
      <c r="CC2413" s="162"/>
      <c r="CD2413" s="162"/>
      <c r="CE2413" s="162"/>
      <c r="CF2413" s="162"/>
      <c r="CG2413" s="162"/>
      <c r="CH2413" s="162"/>
      <c r="CI2413" s="162"/>
      <c r="CJ2413" s="162"/>
      <c r="CK2413" s="162"/>
      <c r="CX2413" s="98"/>
      <c r="DL2413" s="97"/>
      <c r="DX2413" s="98"/>
      <c r="EL2413" s="97"/>
      <c r="EX2413" s="98"/>
      <c r="EY2413" s="97"/>
      <c r="FL2413" s="126"/>
      <c r="FM2413" s="91"/>
      <c r="FN2413" s="91"/>
      <c r="FO2413" s="91"/>
      <c r="FP2413" s="91"/>
      <c r="FQ2413" s="91"/>
      <c r="FR2413" s="91"/>
      <c r="FS2413" s="91"/>
      <c r="FT2413" s="91"/>
      <c r="FU2413" s="91"/>
      <c r="FV2413" s="91"/>
      <c r="FW2413" s="91"/>
      <c r="FX2413" s="91"/>
      <c r="FY2413" s="91"/>
      <c r="FZ2413" s="91"/>
      <c r="GA2413" s="91"/>
      <c r="GB2413" s="91"/>
      <c r="GC2413" s="91"/>
      <c r="GD2413" s="91"/>
      <c r="GE2413" s="91"/>
      <c r="GF2413" s="91"/>
      <c r="GG2413" s="91"/>
      <c r="GH2413" s="91"/>
      <c r="GI2413" s="91"/>
      <c r="GJ2413" s="91"/>
      <c r="GK2413" s="127"/>
      <c r="GL2413" s="126"/>
      <c r="GM2413" s="91"/>
      <c r="GN2413" s="91"/>
      <c r="GO2413" s="91"/>
      <c r="GP2413" s="91"/>
      <c r="GQ2413" s="91"/>
      <c r="GR2413" s="91"/>
      <c r="GS2413" s="91"/>
      <c r="GT2413" s="91"/>
      <c r="GU2413" s="91"/>
      <c r="GV2413" s="91"/>
      <c r="GW2413" s="91"/>
      <c r="GX2413" s="91"/>
      <c r="GY2413" s="91"/>
      <c r="GZ2413" s="91"/>
      <c r="HA2413" s="91"/>
      <c r="HB2413" s="91"/>
      <c r="HC2413" s="91"/>
      <c r="HD2413" s="91"/>
      <c r="HE2413" s="91"/>
      <c r="HF2413" s="91"/>
      <c r="HG2413" s="91"/>
      <c r="HH2413" s="91"/>
      <c r="HI2413" s="91"/>
      <c r="HJ2413" s="91"/>
      <c r="HK2413" s="127"/>
      <c r="HL2413" s="126"/>
      <c r="HM2413" s="91"/>
      <c r="HN2413" s="91"/>
      <c r="HO2413" s="91"/>
      <c r="HP2413" s="91"/>
      <c r="HQ2413" s="91"/>
      <c r="HR2413" s="91"/>
      <c r="HS2413" s="91"/>
      <c r="HT2413" s="91"/>
      <c r="HU2413" s="91"/>
      <c r="HV2413" s="91"/>
      <c r="HW2413" s="91"/>
      <c r="HX2413" s="91"/>
      <c r="HY2413" s="91"/>
      <c r="HZ2413" s="91"/>
      <c r="IA2413" s="91"/>
      <c r="IB2413" s="91"/>
      <c r="IC2413" s="91"/>
      <c r="ID2413" s="91"/>
      <c r="IE2413" s="91"/>
      <c r="IF2413" s="91"/>
      <c r="IG2413" s="91"/>
      <c r="IH2413" s="91"/>
      <c r="II2413" s="91"/>
      <c r="IJ2413" s="91"/>
      <c r="IK2413" s="127"/>
    </row>
    <row r="2414" spans="2:245" ht="13.5" thickBot="1" x14ac:dyDescent="0.25">
      <c r="B2414" s="43"/>
      <c r="C2414" s="73"/>
      <c r="D2414" s="64"/>
      <c r="E2414" s="64"/>
      <c r="F2414" s="55"/>
      <c r="G2414" s="102"/>
      <c r="H2414" s="55"/>
      <c r="I2414" s="55"/>
      <c r="J2414" s="55"/>
      <c r="K2414" s="55"/>
      <c r="L2414" s="55"/>
      <c r="M2414" s="55"/>
      <c r="N2414" s="55"/>
      <c r="O2414" s="55"/>
      <c r="P2414" s="55"/>
      <c r="Q2414" s="55"/>
      <c r="R2414" s="55"/>
      <c r="S2414" s="55"/>
      <c r="T2414" s="55"/>
      <c r="U2414" s="55"/>
      <c r="V2414" s="55"/>
      <c r="W2414" s="55"/>
      <c r="X2414" s="55"/>
      <c r="Y2414" s="55"/>
      <c r="Z2414" s="55"/>
      <c r="AA2414" s="55"/>
      <c r="AB2414" s="55"/>
      <c r="AC2414" s="55"/>
      <c r="AD2414" s="55"/>
      <c r="AE2414" s="55"/>
      <c r="AF2414" s="55"/>
      <c r="AG2414" s="55"/>
      <c r="AY2414" s="162"/>
      <c r="AZ2414" s="162"/>
      <c r="BA2414" s="162"/>
      <c r="BB2414" s="162"/>
      <c r="BC2414" s="162"/>
      <c r="BD2414" s="162"/>
      <c r="BE2414" s="162"/>
      <c r="BF2414" s="162"/>
      <c r="BG2414" s="162"/>
      <c r="BH2414" s="162"/>
      <c r="BI2414" s="162"/>
      <c r="BJ2414" s="162"/>
      <c r="BK2414" s="162"/>
      <c r="BL2414" s="162"/>
      <c r="BM2414" s="162"/>
      <c r="BN2414" s="162"/>
      <c r="BO2414" s="162"/>
      <c r="BP2414" s="162"/>
      <c r="BQ2414" s="162"/>
      <c r="BR2414" s="162"/>
      <c r="BS2414" s="162"/>
      <c r="BT2414" s="162"/>
      <c r="BU2414" s="162"/>
      <c r="BV2414" s="162"/>
      <c r="BW2414" s="162"/>
      <c r="BX2414" s="162"/>
      <c r="BY2414" s="162"/>
      <c r="BZ2414" s="162"/>
      <c r="CA2414" s="162"/>
      <c r="CB2414" s="162"/>
      <c r="CC2414" s="162"/>
      <c r="CD2414" s="162"/>
      <c r="CE2414" s="162"/>
      <c r="CF2414" s="162"/>
      <c r="CG2414" s="162"/>
      <c r="CH2414" s="162"/>
      <c r="CI2414" s="162"/>
      <c r="CJ2414" s="162"/>
      <c r="CK2414" s="162"/>
      <c r="CX2414" s="98"/>
      <c r="DL2414" s="97"/>
      <c r="DX2414" s="98"/>
      <c r="EL2414" s="97"/>
      <c r="EX2414" s="98"/>
      <c r="EY2414" s="97"/>
      <c r="FL2414" s="126"/>
      <c r="FM2414" s="91"/>
      <c r="FN2414" s="91"/>
      <c r="FO2414" s="91"/>
      <c r="FP2414" s="91"/>
      <c r="FQ2414" s="91"/>
      <c r="FR2414" s="91"/>
      <c r="FS2414" s="91"/>
      <c r="FT2414" s="91"/>
      <c r="FU2414" s="91"/>
      <c r="FV2414" s="91"/>
      <c r="FW2414" s="91"/>
      <c r="FX2414" s="91"/>
      <c r="FY2414" s="91"/>
      <c r="FZ2414" s="91"/>
      <c r="GA2414" s="91"/>
      <c r="GB2414" s="91"/>
      <c r="GC2414" s="91"/>
      <c r="GD2414" s="91"/>
      <c r="GE2414" s="91"/>
      <c r="GF2414" s="91"/>
      <c r="GG2414" s="91"/>
      <c r="GH2414" s="91"/>
      <c r="GI2414" s="91"/>
      <c r="GJ2414" s="91"/>
      <c r="GK2414" s="127"/>
      <c r="GL2414" s="126"/>
      <c r="GM2414" s="91"/>
      <c r="GN2414" s="91"/>
      <c r="GO2414" s="91"/>
      <c r="GP2414" s="91"/>
      <c r="GQ2414" s="91"/>
      <c r="GR2414" s="91"/>
      <c r="GS2414" s="91"/>
      <c r="GT2414" s="91"/>
      <c r="GU2414" s="91"/>
      <c r="GV2414" s="91"/>
      <c r="GW2414" s="91"/>
      <c r="GX2414" s="91"/>
      <c r="GY2414" s="91"/>
      <c r="GZ2414" s="91"/>
      <c r="HA2414" s="91"/>
      <c r="HB2414" s="91"/>
      <c r="HC2414" s="91"/>
      <c r="HD2414" s="91"/>
      <c r="HE2414" s="91"/>
      <c r="HF2414" s="91"/>
      <c r="HG2414" s="91"/>
      <c r="HH2414" s="91"/>
      <c r="HI2414" s="91"/>
      <c r="HJ2414" s="91"/>
      <c r="HK2414" s="127"/>
      <c r="HL2414" s="126"/>
      <c r="HM2414" s="91"/>
      <c r="HN2414" s="91"/>
      <c r="HO2414" s="91"/>
      <c r="HP2414" s="91"/>
      <c r="HQ2414" s="91"/>
      <c r="HR2414" s="91"/>
      <c r="HS2414" s="91"/>
      <c r="HT2414" s="91"/>
      <c r="HU2414" s="91"/>
      <c r="HV2414" s="91"/>
      <c r="HW2414" s="91"/>
      <c r="HX2414" s="91"/>
      <c r="HY2414" s="91"/>
      <c r="HZ2414" s="91"/>
      <c r="IA2414" s="91"/>
      <c r="IB2414" s="91"/>
      <c r="IC2414" s="91"/>
      <c r="ID2414" s="91"/>
      <c r="IE2414" s="91"/>
      <c r="IF2414" s="91"/>
      <c r="IG2414" s="91"/>
      <c r="IH2414" s="91"/>
      <c r="II2414" s="91"/>
      <c r="IJ2414" s="91"/>
      <c r="IK2414" s="127"/>
    </row>
    <row r="2415" spans="2:245" x14ac:dyDescent="0.2">
      <c r="B2415" s="43"/>
      <c r="C2415" s="73"/>
      <c r="D2415" s="64"/>
      <c r="E2415" s="64"/>
      <c r="F2415" s="55"/>
      <c r="G2415" s="102"/>
      <c r="H2415" s="55"/>
      <c r="I2415" s="55"/>
      <c r="J2415" s="55"/>
      <c r="K2415" s="55"/>
      <c r="L2415" s="55"/>
      <c r="M2415" s="55"/>
      <c r="N2415" s="55"/>
      <c r="O2415" s="55"/>
      <c r="P2415" s="55"/>
      <c r="Q2415" s="55"/>
      <c r="R2415" s="55"/>
      <c r="S2415" s="55"/>
      <c r="T2415" s="55"/>
      <c r="U2415" s="55"/>
      <c r="V2415" s="55"/>
      <c r="W2415" s="55"/>
      <c r="X2415" s="55"/>
      <c r="Y2415" s="55"/>
      <c r="Z2415" s="55"/>
      <c r="AA2415" s="55"/>
      <c r="AB2415" s="55"/>
      <c r="AC2415" s="55"/>
      <c r="AD2415" s="55"/>
      <c r="AE2415" s="55"/>
      <c r="AF2415" s="55"/>
      <c r="AG2415" s="55"/>
      <c r="AY2415" s="162"/>
      <c r="AZ2415" s="162"/>
      <c r="BA2415" s="162"/>
      <c r="BB2415" s="162"/>
      <c r="BC2415" s="162"/>
      <c r="BD2415" s="162"/>
      <c r="BE2415" s="162"/>
      <c r="BF2415" s="162"/>
      <c r="BG2415" s="162"/>
      <c r="BH2415" s="162"/>
      <c r="BI2415" s="162"/>
      <c r="BJ2415" s="162"/>
      <c r="BK2415" s="162"/>
      <c r="BL2415" s="162"/>
      <c r="BM2415" s="162"/>
      <c r="BN2415" s="162"/>
      <c r="BO2415" s="162"/>
      <c r="BP2415" s="162"/>
      <c r="BQ2415" s="162"/>
      <c r="BR2415" s="162"/>
      <c r="BS2415" s="162"/>
      <c r="BT2415" s="162"/>
      <c r="BU2415" s="162"/>
      <c r="BV2415" s="162"/>
      <c r="BW2415" s="162"/>
      <c r="BX2415" s="162"/>
      <c r="BY2415" s="162"/>
      <c r="BZ2415" s="162"/>
      <c r="CA2415" s="162"/>
      <c r="CB2415" s="162"/>
      <c r="CC2415" s="162"/>
      <c r="CD2415" s="162"/>
      <c r="CE2415" s="162"/>
      <c r="CF2415" s="162"/>
      <c r="CG2415" s="162"/>
      <c r="CH2415" s="162"/>
      <c r="CI2415" s="162"/>
      <c r="CJ2415" s="162"/>
      <c r="CK2415" s="162"/>
      <c r="CL2415" s="163"/>
      <c r="CM2415" s="163"/>
      <c r="CN2415" s="163"/>
      <c r="CO2415" s="163"/>
      <c r="CP2415" s="163"/>
      <c r="CQ2415" s="163"/>
      <c r="CR2415" s="163"/>
      <c r="CS2415" s="163"/>
      <c r="CT2415" s="163"/>
      <c r="CU2415" s="163"/>
      <c r="CV2415" s="163"/>
      <c r="CW2415" s="163"/>
      <c r="CX2415" s="173"/>
      <c r="CY2415" s="163"/>
      <c r="CZ2415" s="163"/>
      <c r="DA2415" s="163"/>
      <c r="DB2415" s="163"/>
      <c r="DC2415" s="163"/>
      <c r="DD2415" s="163"/>
      <c r="DE2415" s="163"/>
      <c r="DF2415" s="163"/>
      <c r="DG2415" s="163"/>
      <c r="DH2415" s="163"/>
      <c r="DI2415" s="163"/>
      <c r="DJ2415" s="163"/>
      <c r="DK2415" s="163"/>
      <c r="DL2415" s="172"/>
      <c r="DM2415" s="163"/>
      <c r="DN2415" s="163"/>
      <c r="DO2415" s="163"/>
      <c r="DP2415" s="163"/>
      <c r="DQ2415" s="163"/>
      <c r="DR2415" s="163"/>
      <c r="DS2415" s="163"/>
      <c r="DT2415" s="163"/>
      <c r="DU2415" s="163"/>
      <c r="DV2415" s="163"/>
      <c r="DW2415" s="163"/>
      <c r="DX2415" s="173"/>
      <c r="DY2415" s="163"/>
      <c r="DZ2415" s="163"/>
      <c r="EA2415" s="163"/>
      <c r="EB2415" s="163"/>
      <c r="EC2415" s="163"/>
      <c r="ED2415" s="163"/>
      <c r="EE2415" s="163"/>
      <c r="EF2415" s="163"/>
      <c r="EG2415" s="163"/>
      <c r="EH2415" s="163"/>
      <c r="EI2415" s="163"/>
      <c r="EJ2415" s="163"/>
      <c r="EK2415" s="163"/>
      <c r="EL2415" s="172"/>
      <c r="EM2415" s="163"/>
      <c r="EN2415" s="163"/>
      <c r="EO2415" s="163"/>
      <c r="EP2415" s="163"/>
      <c r="EQ2415" s="163"/>
      <c r="ER2415" s="163"/>
      <c r="ES2415" s="163"/>
      <c r="ET2415" s="163"/>
      <c r="EU2415" s="163"/>
      <c r="EV2415" s="163"/>
      <c r="EW2415" s="163"/>
      <c r="EX2415" s="173"/>
      <c r="EY2415" s="172"/>
      <c r="EZ2415" s="163"/>
      <c r="FA2415" s="163"/>
      <c r="FB2415" s="163"/>
      <c r="FC2415" s="163"/>
      <c r="FD2415" s="163"/>
      <c r="FE2415" s="163"/>
      <c r="FF2415" s="163"/>
      <c r="FG2415" s="163"/>
      <c r="FH2415" s="163"/>
      <c r="FI2415" s="163"/>
      <c r="FJ2415" s="163"/>
      <c r="FK2415" s="163"/>
      <c r="FL2415" s="126"/>
      <c r="FM2415" s="91"/>
      <c r="FN2415" s="91"/>
      <c r="FO2415" s="91"/>
      <c r="FP2415" s="91"/>
      <c r="FQ2415" s="91"/>
      <c r="FR2415" s="91"/>
      <c r="FS2415" s="91"/>
      <c r="FT2415" s="91"/>
      <c r="FU2415" s="91"/>
      <c r="FV2415" s="91"/>
      <c r="FW2415" s="91"/>
      <c r="FX2415" s="91"/>
      <c r="FY2415" s="91"/>
      <c r="FZ2415" s="91"/>
      <c r="GA2415" s="91"/>
      <c r="GB2415" s="91"/>
      <c r="GC2415" s="91"/>
      <c r="GD2415" s="91"/>
      <c r="GE2415" s="91"/>
      <c r="GF2415" s="91"/>
      <c r="GG2415" s="91"/>
      <c r="GH2415" s="91"/>
      <c r="GI2415" s="91"/>
      <c r="GJ2415" s="91"/>
      <c r="GK2415" s="127"/>
      <c r="GL2415" s="126"/>
      <c r="GM2415" s="91"/>
      <c r="GN2415" s="91"/>
      <c r="GO2415" s="91"/>
      <c r="GP2415" s="91"/>
      <c r="GQ2415" s="91"/>
      <c r="GR2415" s="91"/>
      <c r="GS2415" s="91"/>
      <c r="GT2415" s="91"/>
      <c r="GU2415" s="91"/>
      <c r="GV2415" s="91"/>
      <c r="GW2415" s="91"/>
      <c r="GX2415" s="91"/>
      <c r="GY2415" s="91"/>
      <c r="GZ2415" s="91"/>
      <c r="HA2415" s="91"/>
      <c r="HB2415" s="91"/>
      <c r="HC2415" s="91"/>
      <c r="HD2415" s="91"/>
      <c r="HE2415" s="91"/>
      <c r="HF2415" s="91"/>
      <c r="HG2415" s="91"/>
      <c r="HH2415" s="91"/>
      <c r="HI2415" s="91"/>
      <c r="HJ2415" s="91"/>
      <c r="HK2415" s="127"/>
      <c r="HL2415" s="126"/>
      <c r="HM2415" s="91"/>
      <c r="HN2415" s="91"/>
      <c r="HO2415" s="91"/>
      <c r="HP2415" s="91"/>
      <c r="HQ2415" s="91"/>
      <c r="HR2415" s="91"/>
      <c r="HS2415" s="91"/>
      <c r="HT2415" s="91"/>
      <c r="HU2415" s="91"/>
      <c r="HV2415" s="91"/>
      <c r="HW2415" s="91"/>
      <c r="HX2415" s="91"/>
      <c r="HY2415" s="91"/>
      <c r="HZ2415" s="91"/>
      <c r="IA2415" s="91"/>
      <c r="IB2415" s="91"/>
      <c r="IC2415" s="91"/>
      <c r="ID2415" s="91"/>
      <c r="IE2415" s="91"/>
      <c r="IF2415" s="91"/>
      <c r="IG2415" s="91"/>
      <c r="IH2415" s="91"/>
      <c r="II2415" s="91"/>
      <c r="IJ2415" s="91"/>
      <c r="IK2415" s="127"/>
    </row>
    <row r="2416" spans="2:245" x14ac:dyDescent="0.2">
      <c r="B2416" s="43"/>
      <c r="C2416" s="73"/>
      <c r="D2416" s="64"/>
      <c r="E2416" s="64"/>
      <c r="F2416" s="55"/>
      <c r="G2416" s="102"/>
      <c r="H2416" s="55"/>
      <c r="I2416" s="55"/>
      <c r="J2416" s="55"/>
      <c r="K2416" s="55"/>
      <c r="L2416" s="55"/>
      <c r="M2416" s="55"/>
      <c r="N2416" s="55"/>
      <c r="O2416" s="55"/>
      <c r="P2416" s="55"/>
      <c r="Q2416" s="55"/>
      <c r="R2416" s="55"/>
      <c r="S2416" s="55"/>
      <c r="T2416" s="55"/>
      <c r="U2416" s="55"/>
      <c r="V2416" s="55"/>
      <c r="W2416" s="55"/>
      <c r="X2416" s="55"/>
      <c r="Y2416" s="55"/>
      <c r="Z2416" s="55"/>
      <c r="AA2416" s="55"/>
      <c r="AB2416" s="55"/>
      <c r="AC2416" s="55"/>
      <c r="AD2416" s="55"/>
      <c r="AE2416" s="55"/>
      <c r="AF2416" s="55"/>
      <c r="AG2416" s="55"/>
      <c r="AY2416" s="162"/>
      <c r="AZ2416" s="162"/>
      <c r="BA2416" s="162"/>
      <c r="BB2416" s="162"/>
      <c r="BC2416" s="162"/>
      <c r="BD2416" s="162"/>
      <c r="BE2416" s="162"/>
      <c r="BF2416" s="162"/>
      <c r="BG2416" s="162"/>
      <c r="BH2416" s="162"/>
      <c r="BI2416" s="162"/>
      <c r="BJ2416" s="162"/>
      <c r="BK2416" s="162"/>
      <c r="BL2416" s="162"/>
      <c r="BM2416" s="162"/>
      <c r="BN2416" s="162"/>
      <c r="BO2416" s="162"/>
      <c r="BP2416" s="162"/>
      <c r="BQ2416" s="162"/>
      <c r="BR2416" s="162"/>
      <c r="BS2416" s="162"/>
      <c r="BT2416" s="162"/>
      <c r="BU2416" s="162"/>
      <c r="BV2416" s="162"/>
      <c r="BW2416" s="162"/>
      <c r="BX2416" s="162"/>
      <c r="BY2416" s="162"/>
      <c r="BZ2416" s="162"/>
      <c r="CA2416" s="162"/>
      <c r="CB2416" s="162"/>
      <c r="CC2416" s="162"/>
      <c r="CD2416" s="162"/>
      <c r="CE2416" s="162"/>
      <c r="CF2416" s="162"/>
      <c r="CG2416" s="162"/>
      <c r="CH2416" s="162"/>
      <c r="CI2416" s="162"/>
      <c r="CJ2416" s="162"/>
      <c r="CK2416" s="162"/>
      <c r="CX2416" s="98"/>
      <c r="DL2416" s="97"/>
      <c r="DX2416" s="98"/>
      <c r="EL2416" s="97"/>
      <c r="EX2416" s="98"/>
      <c r="EY2416" s="97"/>
      <c r="FL2416" s="126"/>
      <c r="FM2416" s="91"/>
      <c r="FN2416" s="91"/>
      <c r="FO2416" s="91"/>
      <c r="FP2416" s="91"/>
      <c r="FQ2416" s="91"/>
      <c r="FR2416" s="91"/>
      <c r="FS2416" s="91"/>
      <c r="FT2416" s="91"/>
      <c r="FU2416" s="91"/>
      <c r="FV2416" s="91"/>
      <c r="FW2416" s="91"/>
      <c r="FX2416" s="91"/>
      <c r="FY2416" s="91"/>
      <c r="FZ2416" s="91"/>
      <c r="GA2416" s="91"/>
      <c r="GB2416" s="91"/>
      <c r="GC2416" s="91"/>
      <c r="GD2416" s="91"/>
      <c r="GE2416" s="91"/>
      <c r="GF2416" s="91"/>
      <c r="GG2416" s="91"/>
      <c r="GH2416" s="91"/>
      <c r="GI2416" s="91"/>
      <c r="GJ2416" s="91"/>
      <c r="GK2416" s="127"/>
      <c r="GL2416" s="126"/>
      <c r="GM2416" s="91"/>
      <c r="GN2416" s="91"/>
      <c r="GO2416" s="91"/>
      <c r="GP2416" s="91"/>
      <c r="GQ2416" s="91"/>
      <c r="GR2416" s="91"/>
      <c r="GS2416" s="91"/>
      <c r="GT2416" s="91"/>
      <c r="GU2416" s="91"/>
      <c r="GV2416" s="91"/>
      <c r="GW2416" s="91"/>
      <c r="GX2416" s="91"/>
      <c r="GY2416" s="91"/>
      <c r="GZ2416" s="91"/>
      <c r="HA2416" s="91"/>
      <c r="HB2416" s="91"/>
      <c r="HC2416" s="91"/>
      <c r="HD2416" s="91"/>
      <c r="HE2416" s="91"/>
      <c r="HF2416" s="91"/>
      <c r="HG2416" s="91"/>
      <c r="HH2416" s="91"/>
      <c r="HI2416" s="91"/>
      <c r="HJ2416" s="91"/>
      <c r="HK2416" s="127"/>
      <c r="HL2416" s="126"/>
      <c r="HM2416" s="91"/>
      <c r="HN2416" s="91"/>
      <c r="HO2416" s="91"/>
      <c r="HP2416" s="91"/>
      <c r="HQ2416" s="91"/>
      <c r="HR2416" s="91"/>
      <c r="HS2416" s="91"/>
      <c r="HT2416" s="91"/>
      <c r="HU2416" s="91"/>
      <c r="HV2416" s="91"/>
      <c r="HW2416" s="91"/>
      <c r="HX2416" s="91"/>
      <c r="HY2416" s="91"/>
      <c r="HZ2416" s="91"/>
      <c r="IA2416" s="91"/>
      <c r="IB2416" s="91"/>
      <c r="IC2416" s="91"/>
      <c r="ID2416" s="91"/>
      <c r="IE2416" s="91"/>
      <c r="IF2416" s="91"/>
      <c r="IG2416" s="91"/>
      <c r="IH2416" s="91"/>
      <c r="II2416" s="91"/>
      <c r="IJ2416" s="91"/>
      <c r="IK2416" s="127"/>
    </row>
    <row r="2417" spans="2:245" ht="13.5" thickBot="1" x14ac:dyDescent="0.25">
      <c r="B2417" s="43"/>
      <c r="C2417" s="73"/>
      <c r="D2417" s="64"/>
      <c r="E2417" s="64"/>
      <c r="F2417" s="55"/>
      <c r="G2417" s="102"/>
      <c r="H2417" s="55"/>
      <c r="I2417" s="55"/>
      <c r="J2417" s="55"/>
      <c r="K2417" s="55"/>
      <c r="L2417" s="55"/>
      <c r="M2417" s="55"/>
      <c r="N2417" s="55"/>
      <c r="O2417" s="55"/>
      <c r="P2417" s="55"/>
      <c r="Q2417" s="55"/>
      <c r="R2417" s="55"/>
      <c r="S2417" s="55"/>
      <c r="T2417" s="55"/>
      <c r="U2417" s="55"/>
      <c r="V2417" s="55"/>
      <c r="W2417" s="55"/>
      <c r="X2417" s="55"/>
      <c r="Y2417" s="55"/>
      <c r="Z2417" s="55"/>
      <c r="AA2417" s="55"/>
      <c r="AB2417" s="55"/>
      <c r="AC2417" s="55"/>
      <c r="AD2417" s="55"/>
      <c r="AE2417" s="55"/>
      <c r="AF2417" s="55"/>
      <c r="AG2417" s="55"/>
      <c r="AY2417" s="162"/>
      <c r="AZ2417" s="162"/>
      <c r="BA2417" s="162"/>
      <c r="BB2417" s="162"/>
      <c r="BC2417" s="162"/>
      <c r="BD2417" s="162"/>
      <c r="BE2417" s="162"/>
      <c r="BF2417" s="162"/>
      <c r="BG2417" s="162"/>
      <c r="BH2417" s="162"/>
      <c r="BI2417" s="162"/>
      <c r="BJ2417" s="162"/>
      <c r="BK2417" s="162"/>
      <c r="BL2417" s="162"/>
      <c r="BM2417" s="162"/>
      <c r="BN2417" s="162"/>
      <c r="BO2417" s="162"/>
      <c r="BP2417" s="162"/>
      <c r="BQ2417" s="162"/>
      <c r="BR2417" s="162"/>
      <c r="BS2417" s="162"/>
      <c r="BT2417" s="162"/>
      <c r="BU2417" s="162"/>
      <c r="BV2417" s="162"/>
      <c r="BW2417" s="162"/>
      <c r="BX2417" s="162"/>
      <c r="BY2417" s="162"/>
      <c r="BZ2417" s="162"/>
      <c r="CA2417" s="162"/>
      <c r="CB2417" s="162"/>
      <c r="CC2417" s="162"/>
      <c r="CD2417" s="162"/>
      <c r="CE2417" s="162"/>
      <c r="CF2417" s="162"/>
      <c r="CG2417" s="162"/>
      <c r="CH2417" s="162"/>
      <c r="CI2417" s="162"/>
      <c r="CJ2417" s="162"/>
      <c r="CK2417" s="162"/>
      <c r="CL2417" s="166"/>
      <c r="CM2417" s="166"/>
      <c r="CN2417" s="166"/>
      <c r="CO2417" s="166"/>
      <c r="CP2417" s="166"/>
      <c r="CQ2417" s="166"/>
      <c r="CR2417" s="166"/>
      <c r="CS2417" s="166"/>
      <c r="CT2417" s="166"/>
      <c r="CU2417" s="166"/>
      <c r="CV2417" s="166"/>
      <c r="CW2417" s="166"/>
      <c r="CX2417" s="176"/>
      <c r="CY2417" s="166"/>
      <c r="CZ2417" s="166"/>
      <c r="DA2417" s="166"/>
      <c r="DB2417" s="166"/>
      <c r="DC2417" s="166"/>
      <c r="DD2417" s="166"/>
      <c r="DE2417" s="166"/>
      <c r="DF2417" s="166"/>
      <c r="DG2417" s="166"/>
      <c r="DH2417" s="166"/>
      <c r="DI2417" s="166"/>
      <c r="DJ2417" s="166"/>
      <c r="DK2417" s="166"/>
      <c r="DL2417" s="175"/>
      <c r="DM2417" s="166"/>
      <c r="DN2417" s="166"/>
      <c r="DO2417" s="166"/>
      <c r="DP2417" s="166"/>
      <c r="DQ2417" s="166"/>
      <c r="DR2417" s="166"/>
      <c r="DS2417" s="166"/>
      <c r="DT2417" s="166"/>
      <c r="DU2417" s="166"/>
      <c r="DV2417" s="166"/>
      <c r="DW2417" s="166"/>
      <c r="DX2417" s="176"/>
      <c r="DY2417" s="166"/>
      <c r="DZ2417" s="166"/>
      <c r="EA2417" s="166"/>
      <c r="EB2417" s="166"/>
      <c r="EC2417" s="166"/>
      <c r="ED2417" s="166"/>
      <c r="EE2417" s="166"/>
      <c r="EF2417" s="166"/>
      <c r="EG2417" s="166"/>
      <c r="EH2417" s="166"/>
      <c r="EI2417" s="166"/>
      <c r="EJ2417" s="166"/>
      <c r="EK2417" s="166"/>
      <c r="EL2417" s="175"/>
      <c r="EM2417" s="166"/>
      <c r="EN2417" s="166"/>
      <c r="EO2417" s="166"/>
      <c r="EP2417" s="166"/>
      <c r="EQ2417" s="166"/>
      <c r="ER2417" s="166"/>
      <c r="ES2417" s="166"/>
      <c r="ET2417" s="166"/>
      <c r="EU2417" s="166"/>
      <c r="EV2417" s="166"/>
      <c r="EW2417" s="166"/>
      <c r="EX2417" s="176"/>
      <c r="EY2417" s="175"/>
      <c r="EZ2417" s="166"/>
      <c r="FA2417" s="166"/>
      <c r="FB2417" s="166"/>
      <c r="FC2417" s="166"/>
      <c r="FD2417" s="166"/>
      <c r="FE2417" s="166"/>
      <c r="FF2417" s="166"/>
      <c r="FG2417" s="166"/>
      <c r="FH2417" s="166"/>
      <c r="FI2417" s="166"/>
      <c r="FJ2417" s="166"/>
      <c r="FK2417" s="166"/>
      <c r="FL2417" s="126"/>
      <c r="FM2417" s="91"/>
      <c r="FN2417" s="91"/>
      <c r="FO2417" s="91"/>
      <c r="FP2417" s="91"/>
      <c r="FQ2417" s="91"/>
      <c r="FR2417" s="91"/>
      <c r="FS2417" s="91"/>
      <c r="FT2417" s="91"/>
      <c r="FU2417" s="91"/>
      <c r="FV2417" s="91"/>
      <c r="FW2417" s="91"/>
      <c r="FX2417" s="91"/>
      <c r="FY2417" s="91"/>
      <c r="FZ2417" s="91"/>
      <c r="GA2417" s="91"/>
      <c r="GB2417" s="91"/>
      <c r="GC2417" s="91"/>
      <c r="GD2417" s="91"/>
      <c r="GE2417" s="91"/>
      <c r="GF2417" s="91"/>
      <c r="GG2417" s="91"/>
      <c r="GH2417" s="91"/>
      <c r="GI2417" s="91"/>
      <c r="GJ2417" s="91"/>
      <c r="GK2417" s="127"/>
      <c r="GL2417" s="126"/>
      <c r="GM2417" s="91"/>
      <c r="GN2417" s="91"/>
      <c r="GO2417" s="91"/>
      <c r="GP2417" s="91"/>
      <c r="GQ2417" s="91"/>
      <c r="GR2417" s="91"/>
      <c r="GS2417" s="91"/>
      <c r="GT2417" s="91"/>
      <c r="GU2417" s="91"/>
      <c r="GV2417" s="91"/>
      <c r="GW2417" s="91"/>
      <c r="GX2417" s="91"/>
      <c r="GY2417" s="91"/>
      <c r="GZ2417" s="91"/>
      <c r="HA2417" s="91"/>
      <c r="HB2417" s="91"/>
      <c r="HC2417" s="91"/>
      <c r="HD2417" s="91"/>
      <c r="HE2417" s="91"/>
      <c r="HF2417" s="91"/>
      <c r="HG2417" s="91"/>
      <c r="HH2417" s="91"/>
      <c r="HI2417" s="91"/>
      <c r="HJ2417" s="91"/>
      <c r="HK2417" s="127"/>
      <c r="HL2417" s="126"/>
      <c r="HM2417" s="91"/>
      <c r="HN2417" s="91"/>
      <c r="HO2417" s="91"/>
      <c r="HP2417" s="91"/>
      <c r="HQ2417" s="91"/>
      <c r="HR2417" s="91"/>
      <c r="HS2417" s="91"/>
      <c r="HT2417" s="91"/>
      <c r="HU2417" s="91"/>
      <c r="HV2417" s="91"/>
      <c r="HW2417" s="91"/>
      <c r="HX2417" s="91"/>
      <c r="HY2417" s="91"/>
      <c r="HZ2417" s="91"/>
      <c r="IA2417" s="91"/>
      <c r="IB2417" s="91"/>
      <c r="IC2417" s="91"/>
      <c r="ID2417" s="91"/>
      <c r="IE2417" s="91"/>
      <c r="IF2417" s="91"/>
      <c r="IG2417" s="91"/>
      <c r="IH2417" s="91"/>
      <c r="II2417" s="91"/>
      <c r="IJ2417" s="91"/>
      <c r="IK2417" s="127"/>
    </row>
    <row r="2418" spans="2:245" x14ac:dyDescent="0.2">
      <c r="B2418" s="43"/>
      <c r="C2418" s="73"/>
      <c r="D2418" s="64"/>
      <c r="E2418" s="64"/>
      <c r="F2418" s="55"/>
      <c r="G2418" s="102"/>
      <c r="H2418" s="55"/>
      <c r="I2418" s="55"/>
      <c r="J2418" s="55"/>
      <c r="K2418" s="55"/>
      <c r="L2418" s="55"/>
      <c r="M2418" s="55"/>
      <c r="N2418" s="55"/>
      <c r="O2418" s="55"/>
      <c r="P2418" s="55"/>
      <c r="Q2418" s="55"/>
      <c r="R2418" s="55"/>
      <c r="S2418" s="55"/>
      <c r="T2418" s="55"/>
      <c r="U2418" s="55"/>
      <c r="V2418" s="55"/>
      <c r="W2418" s="55"/>
      <c r="X2418" s="55"/>
      <c r="Y2418" s="55"/>
      <c r="Z2418" s="55"/>
      <c r="AA2418" s="55"/>
      <c r="AB2418" s="55"/>
      <c r="AC2418" s="55"/>
      <c r="AD2418" s="55"/>
      <c r="AE2418" s="55"/>
      <c r="AF2418" s="55"/>
      <c r="AG2418" s="55"/>
      <c r="AY2418" s="162"/>
      <c r="AZ2418" s="162"/>
      <c r="BA2418" s="162"/>
      <c r="BB2418" s="162"/>
      <c r="BC2418" s="162"/>
      <c r="BD2418" s="162"/>
      <c r="BE2418" s="162"/>
      <c r="BF2418" s="162"/>
      <c r="BG2418" s="162"/>
      <c r="BH2418" s="162"/>
      <c r="BI2418" s="162"/>
      <c r="BJ2418" s="162"/>
      <c r="BK2418" s="162"/>
      <c r="BL2418" s="162"/>
      <c r="BM2418" s="162"/>
      <c r="BN2418" s="162"/>
      <c r="BO2418" s="162"/>
      <c r="BP2418" s="162"/>
      <c r="BQ2418" s="162"/>
      <c r="BR2418" s="162"/>
      <c r="BS2418" s="162"/>
      <c r="BT2418" s="162"/>
      <c r="BU2418" s="162"/>
      <c r="BV2418" s="162"/>
      <c r="BW2418" s="162"/>
      <c r="BX2418" s="162"/>
      <c r="BY2418" s="162"/>
      <c r="BZ2418" s="162"/>
      <c r="CA2418" s="162"/>
      <c r="CB2418" s="162"/>
      <c r="CC2418" s="162"/>
      <c r="CD2418" s="162"/>
      <c r="CE2418" s="162"/>
      <c r="CF2418" s="162"/>
      <c r="CG2418" s="162"/>
      <c r="CH2418" s="162"/>
      <c r="CI2418" s="162"/>
      <c r="CJ2418" s="162"/>
      <c r="CK2418" s="162"/>
      <c r="CX2418" s="98"/>
      <c r="DL2418" s="97"/>
      <c r="DX2418" s="98"/>
      <c r="EL2418" s="97"/>
      <c r="EX2418" s="98"/>
      <c r="EY2418" s="97"/>
      <c r="FL2418" s="126"/>
      <c r="FM2418" s="91"/>
      <c r="FN2418" s="91"/>
      <c r="FO2418" s="91"/>
      <c r="FP2418" s="91"/>
      <c r="FQ2418" s="91"/>
      <c r="FR2418" s="91"/>
      <c r="FS2418" s="91"/>
      <c r="FT2418" s="91"/>
      <c r="FU2418" s="91"/>
      <c r="FV2418" s="91"/>
      <c r="FW2418" s="91"/>
      <c r="FX2418" s="91"/>
      <c r="FY2418" s="91"/>
      <c r="FZ2418" s="91"/>
      <c r="GA2418" s="91"/>
      <c r="GB2418" s="91"/>
      <c r="GC2418" s="91"/>
      <c r="GD2418" s="91"/>
      <c r="GE2418" s="91"/>
      <c r="GF2418" s="91"/>
      <c r="GG2418" s="91"/>
      <c r="GH2418" s="91"/>
      <c r="GI2418" s="91"/>
      <c r="GJ2418" s="91"/>
      <c r="GK2418" s="127"/>
      <c r="GL2418" s="126"/>
      <c r="GM2418" s="91"/>
      <c r="GN2418" s="91"/>
      <c r="GO2418" s="91"/>
      <c r="GP2418" s="91"/>
      <c r="GQ2418" s="91"/>
      <c r="GR2418" s="91"/>
      <c r="GS2418" s="91"/>
      <c r="GT2418" s="91"/>
      <c r="GU2418" s="91"/>
      <c r="GV2418" s="91"/>
      <c r="GW2418" s="91"/>
      <c r="GX2418" s="91"/>
      <c r="GY2418" s="91"/>
      <c r="GZ2418" s="91"/>
      <c r="HA2418" s="91"/>
      <c r="HB2418" s="91"/>
      <c r="HC2418" s="91"/>
      <c r="HD2418" s="91"/>
      <c r="HE2418" s="91"/>
      <c r="HF2418" s="91"/>
      <c r="HG2418" s="91"/>
      <c r="HH2418" s="91"/>
      <c r="HI2418" s="91"/>
      <c r="HJ2418" s="91"/>
      <c r="HK2418" s="127"/>
      <c r="HL2418" s="126"/>
      <c r="HM2418" s="91"/>
      <c r="HN2418" s="91"/>
      <c r="HO2418" s="91"/>
      <c r="HP2418" s="91"/>
      <c r="HQ2418" s="91"/>
      <c r="HR2418" s="91"/>
      <c r="HS2418" s="91"/>
      <c r="HT2418" s="91"/>
      <c r="HU2418" s="91"/>
      <c r="HV2418" s="91"/>
      <c r="HW2418" s="91"/>
      <c r="HX2418" s="91"/>
      <c r="HY2418" s="91"/>
      <c r="HZ2418" s="91"/>
      <c r="IA2418" s="91"/>
      <c r="IB2418" s="91"/>
      <c r="IC2418" s="91"/>
      <c r="ID2418" s="91"/>
      <c r="IE2418" s="91"/>
      <c r="IF2418" s="91"/>
      <c r="IG2418" s="91"/>
      <c r="IH2418" s="91"/>
      <c r="II2418" s="91"/>
      <c r="IJ2418" s="91"/>
      <c r="IK2418" s="127"/>
    </row>
    <row r="2419" spans="2:245" x14ac:dyDescent="0.2">
      <c r="B2419" s="43"/>
      <c r="C2419" s="73"/>
      <c r="D2419" s="64"/>
      <c r="E2419" s="64"/>
      <c r="F2419" s="55"/>
      <c r="G2419" s="102"/>
      <c r="H2419" s="55"/>
      <c r="I2419" s="55"/>
      <c r="J2419" s="55"/>
      <c r="K2419" s="55"/>
      <c r="L2419" s="55"/>
      <c r="M2419" s="55"/>
      <c r="N2419" s="55"/>
      <c r="O2419" s="55"/>
      <c r="P2419" s="55"/>
      <c r="Q2419" s="55"/>
      <c r="R2419" s="55"/>
      <c r="S2419" s="55"/>
      <c r="T2419" s="55"/>
      <c r="U2419" s="55"/>
      <c r="V2419" s="55"/>
      <c r="W2419" s="55"/>
      <c r="X2419" s="55"/>
      <c r="Y2419" s="55"/>
      <c r="Z2419" s="55"/>
      <c r="AA2419" s="55"/>
      <c r="AB2419" s="55"/>
      <c r="AC2419" s="55"/>
      <c r="AD2419" s="55"/>
      <c r="AE2419" s="55"/>
      <c r="AF2419" s="55"/>
      <c r="AG2419" s="55"/>
      <c r="AY2419" s="162"/>
      <c r="AZ2419" s="162"/>
      <c r="BA2419" s="162"/>
      <c r="BB2419" s="162"/>
      <c r="BC2419" s="162"/>
      <c r="BD2419" s="162"/>
      <c r="BE2419" s="162"/>
      <c r="BF2419" s="162"/>
      <c r="BG2419" s="162"/>
      <c r="BH2419" s="162"/>
      <c r="BI2419" s="162"/>
      <c r="BJ2419" s="162"/>
      <c r="BK2419" s="162"/>
      <c r="BL2419" s="162"/>
      <c r="BM2419" s="162"/>
      <c r="BN2419" s="162"/>
      <c r="BO2419" s="162"/>
      <c r="BP2419" s="162"/>
      <c r="BQ2419" s="162"/>
      <c r="BR2419" s="162"/>
      <c r="BS2419" s="162"/>
      <c r="BT2419" s="162"/>
      <c r="BU2419" s="162"/>
      <c r="BV2419" s="162"/>
      <c r="BW2419" s="162"/>
      <c r="BX2419" s="162"/>
      <c r="BY2419" s="162"/>
      <c r="BZ2419" s="162"/>
      <c r="CA2419" s="162"/>
      <c r="CB2419" s="162"/>
      <c r="CC2419" s="162"/>
      <c r="CD2419" s="162"/>
      <c r="CE2419" s="162"/>
      <c r="CF2419" s="162"/>
      <c r="CG2419" s="162"/>
      <c r="CH2419" s="162"/>
      <c r="CI2419" s="162"/>
      <c r="CJ2419" s="162"/>
      <c r="CK2419" s="162"/>
      <c r="CX2419" s="98"/>
      <c r="DL2419" s="97"/>
      <c r="DX2419" s="98"/>
      <c r="EL2419" s="97"/>
      <c r="EX2419" s="98"/>
      <c r="EY2419" s="97"/>
      <c r="FL2419" s="126"/>
      <c r="FM2419" s="91"/>
      <c r="FN2419" s="91"/>
      <c r="FO2419" s="91"/>
      <c r="FP2419" s="91"/>
      <c r="FQ2419" s="91"/>
      <c r="FR2419" s="91"/>
      <c r="FS2419" s="91"/>
      <c r="FT2419" s="91"/>
      <c r="FU2419" s="91"/>
      <c r="FV2419" s="91"/>
      <c r="FW2419" s="91"/>
      <c r="FX2419" s="91"/>
      <c r="FY2419" s="91"/>
      <c r="FZ2419" s="91"/>
      <c r="GA2419" s="91"/>
      <c r="GB2419" s="91"/>
      <c r="GC2419" s="91"/>
      <c r="GD2419" s="91"/>
      <c r="GE2419" s="91"/>
      <c r="GF2419" s="91"/>
      <c r="GG2419" s="91"/>
      <c r="GH2419" s="91"/>
      <c r="GI2419" s="91"/>
      <c r="GJ2419" s="91"/>
      <c r="GK2419" s="127"/>
      <c r="GL2419" s="126"/>
      <c r="GM2419" s="91"/>
      <c r="GN2419" s="91"/>
      <c r="GO2419" s="91"/>
      <c r="GP2419" s="91"/>
      <c r="GQ2419" s="91"/>
      <c r="GR2419" s="91"/>
      <c r="GS2419" s="91"/>
      <c r="GT2419" s="91"/>
      <c r="GU2419" s="91"/>
      <c r="GV2419" s="91"/>
      <c r="GW2419" s="91"/>
      <c r="GX2419" s="91"/>
      <c r="GY2419" s="91"/>
      <c r="GZ2419" s="91"/>
      <c r="HA2419" s="91"/>
      <c r="HB2419" s="91"/>
      <c r="HC2419" s="91"/>
      <c r="HD2419" s="91"/>
      <c r="HE2419" s="91"/>
      <c r="HF2419" s="91"/>
      <c r="HG2419" s="91"/>
      <c r="HH2419" s="91"/>
      <c r="HI2419" s="91"/>
      <c r="HJ2419" s="91"/>
      <c r="HK2419" s="127"/>
      <c r="HL2419" s="126"/>
      <c r="HM2419" s="91"/>
      <c r="HN2419" s="91"/>
      <c r="HO2419" s="91"/>
      <c r="HP2419" s="91"/>
      <c r="HQ2419" s="91"/>
      <c r="HR2419" s="91"/>
      <c r="HS2419" s="91"/>
      <c r="HT2419" s="91"/>
      <c r="HU2419" s="91"/>
      <c r="HV2419" s="91"/>
      <c r="HW2419" s="91"/>
      <c r="HX2419" s="91"/>
      <c r="HY2419" s="91"/>
      <c r="HZ2419" s="91"/>
      <c r="IA2419" s="91"/>
      <c r="IB2419" s="91"/>
      <c r="IC2419" s="91"/>
      <c r="ID2419" s="91"/>
      <c r="IE2419" s="91"/>
      <c r="IF2419" s="91"/>
      <c r="IG2419" s="91"/>
      <c r="IH2419" s="91"/>
      <c r="II2419" s="91"/>
      <c r="IJ2419" s="91"/>
      <c r="IK2419" s="127"/>
    </row>
    <row r="2420" spans="2:245" x14ac:dyDescent="0.2">
      <c r="B2420" s="43"/>
      <c r="C2420" s="73"/>
      <c r="D2420" s="64"/>
      <c r="E2420" s="64"/>
      <c r="F2420" s="55"/>
      <c r="G2420" s="102"/>
      <c r="H2420" s="55"/>
      <c r="I2420" s="55"/>
      <c r="J2420" s="55"/>
      <c r="K2420" s="55"/>
      <c r="L2420" s="55"/>
      <c r="M2420" s="55"/>
      <c r="N2420" s="55"/>
      <c r="O2420" s="55"/>
      <c r="P2420" s="55"/>
      <c r="Q2420" s="55"/>
      <c r="R2420" s="55"/>
      <c r="S2420" s="55"/>
      <c r="T2420" s="55"/>
      <c r="U2420" s="55"/>
      <c r="V2420" s="55"/>
      <c r="W2420" s="55"/>
      <c r="X2420" s="55"/>
      <c r="Y2420" s="55"/>
      <c r="Z2420" s="55"/>
      <c r="AA2420" s="55"/>
      <c r="AB2420" s="55"/>
      <c r="AC2420" s="55"/>
      <c r="AD2420" s="55"/>
      <c r="AE2420" s="55"/>
      <c r="AF2420" s="55"/>
      <c r="AG2420" s="55"/>
      <c r="AY2420" s="162"/>
      <c r="AZ2420" s="162"/>
      <c r="BA2420" s="162"/>
      <c r="BB2420" s="162"/>
      <c r="BC2420" s="162"/>
      <c r="BD2420" s="162"/>
      <c r="BE2420" s="162"/>
      <c r="BF2420" s="162"/>
      <c r="BG2420" s="162"/>
      <c r="BH2420" s="162"/>
      <c r="BI2420" s="162"/>
      <c r="BJ2420" s="162"/>
      <c r="BK2420" s="162"/>
      <c r="BL2420" s="162"/>
      <c r="BM2420" s="162"/>
      <c r="BN2420" s="162"/>
      <c r="BO2420" s="162"/>
      <c r="BP2420" s="162"/>
      <c r="BQ2420" s="162"/>
      <c r="BR2420" s="162"/>
      <c r="BS2420" s="162"/>
      <c r="BT2420" s="162"/>
      <c r="BU2420" s="162"/>
      <c r="BV2420" s="162"/>
      <c r="BW2420" s="162"/>
      <c r="BX2420" s="162"/>
      <c r="BY2420" s="162"/>
      <c r="BZ2420" s="162"/>
      <c r="CA2420" s="162"/>
      <c r="CB2420" s="162"/>
      <c r="CC2420" s="162"/>
      <c r="CD2420" s="162"/>
      <c r="CE2420" s="162"/>
      <c r="CF2420" s="162"/>
      <c r="CG2420" s="162"/>
      <c r="CH2420" s="162"/>
      <c r="CI2420" s="162"/>
      <c r="CJ2420" s="162"/>
      <c r="CK2420" s="162"/>
      <c r="CX2420" s="98"/>
      <c r="DL2420" s="97"/>
      <c r="DX2420" s="98"/>
      <c r="EL2420" s="97"/>
      <c r="EX2420" s="98"/>
      <c r="EY2420" s="97"/>
      <c r="FL2420" s="126"/>
      <c r="FM2420" s="91"/>
      <c r="FN2420" s="91"/>
      <c r="FO2420" s="91"/>
      <c r="FP2420" s="91"/>
      <c r="FQ2420" s="91"/>
      <c r="FR2420" s="91"/>
      <c r="FS2420" s="91"/>
      <c r="FT2420" s="91"/>
      <c r="FU2420" s="91"/>
      <c r="FV2420" s="91"/>
      <c r="FW2420" s="91"/>
      <c r="FX2420" s="91"/>
      <c r="FY2420" s="91"/>
      <c r="FZ2420" s="91"/>
      <c r="GA2420" s="91"/>
      <c r="GB2420" s="91"/>
      <c r="GC2420" s="91"/>
      <c r="GD2420" s="91"/>
      <c r="GE2420" s="91"/>
      <c r="GF2420" s="91"/>
      <c r="GG2420" s="91"/>
      <c r="GH2420" s="91"/>
      <c r="GI2420" s="91"/>
      <c r="GJ2420" s="91"/>
      <c r="GK2420" s="127"/>
      <c r="GL2420" s="126"/>
      <c r="GM2420" s="91"/>
      <c r="GN2420" s="91"/>
      <c r="GO2420" s="91"/>
      <c r="GP2420" s="91"/>
      <c r="GQ2420" s="91"/>
      <c r="GR2420" s="91"/>
      <c r="GS2420" s="91"/>
      <c r="GT2420" s="91"/>
      <c r="GU2420" s="91"/>
      <c r="GV2420" s="91"/>
      <c r="GW2420" s="91"/>
      <c r="GX2420" s="91"/>
      <c r="GY2420" s="91"/>
      <c r="GZ2420" s="91"/>
      <c r="HA2420" s="91"/>
      <c r="HB2420" s="91"/>
      <c r="HC2420" s="91"/>
      <c r="HD2420" s="91"/>
      <c r="HE2420" s="91"/>
      <c r="HF2420" s="91"/>
      <c r="HG2420" s="91"/>
      <c r="HH2420" s="91"/>
      <c r="HI2420" s="91"/>
      <c r="HJ2420" s="91"/>
      <c r="HK2420" s="127"/>
      <c r="HL2420" s="126"/>
      <c r="HM2420" s="91"/>
      <c r="HN2420" s="91"/>
      <c r="HO2420" s="91"/>
      <c r="HP2420" s="91"/>
      <c r="HQ2420" s="91"/>
      <c r="HR2420" s="91"/>
      <c r="HS2420" s="91"/>
      <c r="HT2420" s="91"/>
      <c r="HU2420" s="91"/>
      <c r="HV2420" s="91"/>
      <c r="HW2420" s="91"/>
      <c r="HX2420" s="91"/>
      <c r="HY2420" s="91"/>
      <c r="HZ2420" s="91"/>
      <c r="IA2420" s="91"/>
      <c r="IB2420" s="91"/>
      <c r="IC2420" s="91"/>
      <c r="ID2420" s="91"/>
      <c r="IE2420" s="91"/>
      <c r="IF2420" s="91"/>
      <c r="IG2420" s="91"/>
      <c r="IH2420" s="91"/>
      <c r="II2420" s="91"/>
      <c r="IJ2420" s="91"/>
      <c r="IK2420" s="127"/>
    </row>
    <row r="2421" spans="2:245" x14ac:dyDescent="0.2">
      <c r="B2421" s="43"/>
      <c r="C2421" s="73"/>
      <c r="D2421" s="64"/>
      <c r="E2421" s="64"/>
      <c r="F2421" s="55"/>
      <c r="G2421" s="102"/>
      <c r="H2421" s="55"/>
      <c r="I2421" s="55"/>
      <c r="J2421" s="55"/>
      <c r="K2421" s="55"/>
      <c r="L2421" s="55"/>
      <c r="M2421" s="55"/>
      <c r="N2421" s="55"/>
      <c r="O2421" s="55"/>
      <c r="P2421" s="55"/>
      <c r="Q2421" s="55"/>
      <c r="R2421" s="55"/>
      <c r="S2421" s="55"/>
      <c r="T2421" s="55"/>
      <c r="U2421" s="55"/>
      <c r="V2421" s="55"/>
      <c r="W2421" s="55"/>
      <c r="X2421" s="55"/>
      <c r="Y2421" s="55"/>
      <c r="Z2421" s="55"/>
      <c r="AA2421" s="55"/>
      <c r="AB2421" s="55"/>
      <c r="AC2421" s="55"/>
      <c r="AD2421" s="55"/>
      <c r="AE2421" s="55"/>
      <c r="AF2421" s="55"/>
      <c r="AG2421" s="55"/>
      <c r="AY2421" s="162"/>
      <c r="AZ2421" s="162"/>
      <c r="BA2421" s="162"/>
      <c r="BB2421" s="162"/>
      <c r="BC2421" s="162"/>
      <c r="BD2421" s="162"/>
      <c r="BE2421" s="162"/>
      <c r="BF2421" s="162"/>
      <c r="BG2421" s="162"/>
      <c r="BH2421" s="162"/>
      <c r="BI2421" s="162"/>
      <c r="BJ2421" s="162"/>
      <c r="BK2421" s="162"/>
      <c r="BL2421" s="162"/>
      <c r="BM2421" s="162"/>
      <c r="BN2421" s="162"/>
      <c r="BO2421" s="162"/>
      <c r="BP2421" s="162"/>
      <c r="BQ2421" s="162"/>
      <c r="BR2421" s="162"/>
      <c r="BS2421" s="162"/>
      <c r="BT2421" s="162"/>
      <c r="BU2421" s="162"/>
      <c r="BV2421" s="162"/>
      <c r="BW2421" s="162"/>
      <c r="BX2421" s="162"/>
      <c r="BY2421" s="162"/>
      <c r="BZ2421" s="162"/>
      <c r="CA2421" s="162"/>
      <c r="CB2421" s="162"/>
      <c r="CC2421" s="162"/>
      <c r="CD2421" s="162"/>
      <c r="CE2421" s="162"/>
      <c r="CF2421" s="162"/>
      <c r="CG2421" s="162"/>
      <c r="CH2421" s="162"/>
      <c r="CI2421" s="162"/>
      <c r="CJ2421" s="162"/>
      <c r="CK2421" s="162"/>
      <c r="CX2421" s="98"/>
      <c r="DL2421" s="97"/>
      <c r="DX2421" s="98"/>
      <c r="EL2421" s="97"/>
      <c r="EX2421" s="98"/>
      <c r="EY2421" s="97"/>
      <c r="FL2421" s="126"/>
      <c r="FM2421" s="91"/>
      <c r="FN2421" s="91"/>
      <c r="FO2421" s="91"/>
      <c r="FP2421" s="91"/>
      <c r="FQ2421" s="91"/>
      <c r="FR2421" s="91"/>
      <c r="FS2421" s="91"/>
      <c r="FT2421" s="91"/>
      <c r="FU2421" s="91"/>
      <c r="FV2421" s="91"/>
      <c r="FW2421" s="91"/>
      <c r="FX2421" s="91"/>
      <c r="FY2421" s="91"/>
      <c r="FZ2421" s="91"/>
      <c r="GA2421" s="91"/>
      <c r="GB2421" s="91"/>
      <c r="GC2421" s="91"/>
      <c r="GD2421" s="91"/>
      <c r="GE2421" s="91"/>
      <c r="GF2421" s="91"/>
      <c r="GG2421" s="91"/>
      <c r="GH2421" s="91"/>
      <c r="GI2421" s="91"/>
      <c r="GJ2421" s="91"/>
      <c r="GK2421" s="127"/>
      <c r="GL2421" s="126"/>
      <c r="GM2421" s="91"/>
      <c r="GN2421" s="91"/>
      <c r="GO2421" s="91"/>
      <c r="GP2421" s="91"/>
      <c r="GQ2421" s="91"/>
      <c r="GR2421" s="91"/>
      <c r="GS2421" s="91"/>
      <c r="GT2421" s="91"/>
      <c r="GU2421" s="91"/>
      <c r="GV2421" s="91"/>
      <c r="GW2421" s="91"/>
      <c r="GX2421" s="91"/>
      <c r="GY2421" s="91"/>
      <c r="GZ2421" s="91"/>
      <c r="HA2421" s="91"/>
      <c r="HB2421" s="91"/>
      <c r="HC2421" s="91"/>
      <c r="HD2421" s="91"/>
      <c r="HE2421" s="91"/>
      <c r="HF2421" s="91"/>
      <c r="HG2421" s="91"/>
      <c r="HH2421" s="91"/>
      <c r="HI2421" s="91"/>
      <c r="HJ2421" s="91"/>
      <c r="HK2421" s="127"/>
      <c r="HL2421" s="126"/>
      <c r="HM2421" s="91"/>
      <c r="HN2421" s="91"/>
      <c r="HO2421" s="91"/>
      <c r="HP2421" s="91"/>
      <c r="HQ2421" s="91"/>
      <c r="HR2421" s="91"/>
      <c r="HS2421" s="91"/>
      <c r="HT2421" s="91"/>
      <c r="HU2421" s="91"/>
      <c r="HV2421" s="91"/>
      <c r="HW2421" s="91"/>
      <c r="HX2421" s="91"/>
      <c r="HY2421" s="91"/>
      <c r="HZ2421" s="91"/>
      <c r="IA2421" s="91"/>
      <c r="IB2421" s="91"/>
      <c r="IC2421" s="91"/>
      <c r="ID2421" s="91"/>
      <c r="IE2421" s="91"/>
      <c r="IF2421" s="91"/>
      <c r="IG2421" s="91"/>
      <c r="IH2421" s="91"/>
      <c r="II2421" s="91"/>
      <c r="IJ2421" s="91"/>
      <c r="IK2421" s="127"/>
    </row>
    <row r="2422" spans="2:245" x14ac:dyDescent="0.2">
      <c r="B2422" s="43"/>
      <c r="C2422" s="73"/>
      <c r="D2422" s="64"/>
      <c r="E2422" s="64"/>
      <c r="F2422" s="55"/>
      <c r="G2422" s="102"/>
      <c r="H2422" s="55"/>
      <c r="I2422" s="55"/>
      <c r="J2422" s="55"/>
      <c r="K2422" s="55"/>
      <c r="L2422" s="55"/>
      <c r="M2422" s="55"/>
      <c r="N2422" s="55"/>
      <c r="O2422" s="55"/>
      <c r="P2422" s="55"/>
      <c r="Q2422" s="55"/>
      <c r="R2422" s="55"/>
      <c r="S2422" s="55"/>
      <c r="T2422" s="55"/>
      <c r="U2422" s="55"/>
      <c r="V2422" s="55"/>
      <c r="W2422" s="55"/>
      <c r="X2422" s="55"/>
      <c r="Y2422" s="55"/>
      <c r="Z2422" s="55"/>
      <c r="AA2422" s="55"/>
      <c r="AB2422" s="55"/>
      <c r="AC2422" s="55"/>
      <c r="AD2422" s="55"/>
      <c r="AE2422" s="55"/>
      <c r="AF2422" s="55"/>
      <c r="AG2422" s="55"/>
      <c r="AY2422" s="162"/>
      <c r="AZ2422" s="162"/>
      <c r="BA2422" s="162"/>
      <c r="BB2422" s="162"/>
      <c r="BC2422" s="162"/>
      <c r="BD2422" s="162"/>
      <c r="BE2422" s="162"/>
      <c r="BF2422" s="162"/>
      <c r="BG2422" s="162"/>
      <c r="BH2422" s="162"/>
      <c r="BI2422" s="162"/>
      <c r="BJ2422" s="162"/>
      <c r="BK2422" s="162"/>
      <c r="BL2422" s="162"/>
      <c r="BM2422" s="162"/>
      <c r="BN2422" s="162"/>
      <c r="BO2422" s="162"/>
      <c r="BP2422" s="162"/>
      <c r="BQ2422" s="162"/>
      <c r="BR2422" s="162"/>
      <c r="BS2422" s="162"/>
      <c r="BT2422" s="162"/>
      <c r="BU2422" s="162"/>
      <c r="BV2422" s="162"/>
      <c r="BW2422" s="162"/>
      <c r="BX2422" s="162"/>
      <c r="BY2422" s="162"/>
      <c r="BZ2422" s="162"/>
      <c r="CA2422" s="162"/>
      <c r="CB2422" s="162"/>
      <c r="CC2422" s="162"/>
      <c r="CD2422" s="162"/>
      <c r="CE2422" s="162"/>
      <c r="CF2422" s="162"/>
      <c r="CG2422" s="162"/>
      <c r="CH2422" s="162"/>
      <c r="CI2422" s="162"/>
      <c r="CJ2422" s="162"/>
      <c r="CK2422" s="162"/>
      <c r="CX2422" s="98"/>
      <c r="DL2422" s="97"/>
      <c r="DX2422" s="98"/>
      <c r="EL2422" s="97"/>
      <c r="EX2422" s="98"/>
      <c r="EY2422" s="97"/>
      <c r="FL2422" s="126"/>
      <c r="FM2422" s="91"/>
      <c r="FN2422" s="91"/>
      <c r="FO2422" s="91"/>
      <c r="FP2422" s="91"/>
      <c r="FQ2422" s="91"/>
      <c r="FR2422" s="91"/>
      <c r="FS2422" s="91"/>
      <c r="FT2422" s="91"/>
      <c r="FU2422" s="91"/>
      <c r="FV2422" s="91"/>
      <c r="FW2422" s="91"/>
      <c r="FX2422" s="91"/>
      <c r="FY2422" s="91"/>
      <c r="FZ2422" s="91"/>
      <c r="GA2422" s="91"/>
      <c r="GB2422" s="91"/>
      <c r="GC2422" s="91"/>
      <c r="GD2422" s="91"/>
      <c r="GE2422" s="91"/>
      <c r="GF2422" s="91"/>
      <c r="GG2422" s="91"/>
      <c r="GH2422" s="91"/>
      <c r="GI2422" s="91"/>
      <c r="GJ2422" s="91"/>
      <c r="GK2422" s="127"/>
      <c r="GL2422" s="126"/>
      <c r="GM2422" s="91"/>
      <c r="GN2422" s="91"/>
      <c r="GO2422" s="91"/>
      <c r="GP2422" s="91"/>
      <c r="GQ2422" s="91"/>
      <c r="GR2422" s="91"/>
      <c r="GS2422" s="91"/>
      <c r="GT2422" s="91"/>
      <c r="GU2422" s="91"/>
      <c r="GV2422" s="91"/>
      <c r="GW2422" s="91"/>
      <c r="GX2422" s="91"/>
      <c r="GY2422" s="91"/>
      <c r="GZ2422" s="91"/>
      <c r="HA2422" s="91"/>
      <c r="HB2422" s="91"/>
      <c r="HC2422" s="91"/>
      <c r="HD2422" s="91"/>
      <c r="HE2422" s="91"/>
      <c r="HF2422" s="91"/>
      <c r="HG2422" s="91"/>
      <c r="HH2422" s="91"/>
      <c r="HI2422" s="91"/>
      <c r="HJ2422" s="91"/>
      <c r="HK2422" s="127"/>
      <c r="HL2422" s="126"/>
      <c r="HM2422" s="91"/>
      <c r="HN2422" s="91"/>
      <c r="HO2422" s="91"/>
      <c r="HP2422" s="91"/>
      <c r="HQ2422" s="91"/>
      <c r="HR2422" s="91"/>
      <c r="HS2422" s="91"/>
      <c r="HT2422" s="91"/>
      <c r="HU2422" s="91"/>
      <c r="HV2422" s="91"/>
      <c r="HW2422" s="91"/>
      <c r="HX2422" s="91"/>
      <c r="HY2422" s="91"/>
      <c r="HZ2422" s="91"/>
      <c r="IA2422" s="91"/>
      <c r="IB2422" s="91"/>
      <c r="IC2422" s="91"/>
      <c r="ID2422" s="91"/>
      <c r="IE2422" s="91"/>
      <c r="IF2422" s="91"/>
      <c r="IG2422" s="91"/>
      <c r="IH2422" s="91"/>
      <c r="II2422" s="91"/>
      <c r="IJ2422" s="91"/>
      <c r="IK2422" s="127"/>
    </row>
    <row r="2423" spans="2:245" x14ac:dyDescent="0.2">
      <c r="B2423" s="43"/>
      <c r="C2423" s="73"/>
      <c r="D2423" s="64"/>
      <c r="E2423" s="64"/>
      <c r="F2423" s="55"/>
      <c r="G2423" s="102"/>
      <c r="H2423" s="55"/>
      <c r="I2423" s="55"/>
      <c r="J2423" s="55"/>
      <c r="K2423" s="55"/>
      <c r="L2423" s="55"/>
      <c r="M2423" s="55"/>
      <c r="N2423" s="55"/>
      <c r="O2423" s="55"/>
      <c r="P2423" s="55"/>
      <c r="Q2423" s="55"/>
      <c r="R2423" s="55"/>
      <c r="S2423" s="55"/>
      <c r="T2423" s="55"/>
      <c r="U2423" s="55"/>
      <c r="V2423" s="55"/>
      <c r="W2423" s="55"/>
      <c r="X2423" s="55"/>
      <c r="Y2423" s="55"/>
      <c r="Z2423" s="55"/>
      <c r="AA2423" s="55"/>
      <c r="AB2423" s="55"/>
      <c r="AC2423" s="55"/>
      <c r="AD2423" s="55"/>
      <c r="AE2423" s="55"/>
      <c r="AF2423" s="55"/>
      <c r="AG2423" s="55"/>
      <c r="AY2423" s="162"/>
      <c r="AZ2423" s="162"/>
      <c r="BA2423" s="162"/>
      <c r="BB2423" s="162"/>
      <c r="BC2423" s="162"/>
      <c r="BD2423" s="162"/>
      <c r="BE2423" s="162"/>
      <c r="BF2423" s="162"/>
      <c r="BG2423" s="162"/>
      <c r="BH2423" s="162"/>
      <c r="BI2423" s="162"/>
      <c r="BJ2423" s="162"/>
      <c r="BK2423" s="162"/>
      <c r="BL2423" s="162"/>
      <c r="BM2423" s="162"/>
      <c r="BN2423" s="162"/>
      <c r="BO2423" s="162"/>
      <c r="BP2423" s="162"/>
      <c r="BQ2423" s="162"/>
      <c r="BR2423" s="162"/>
      <c r="BS2423" s="162"/>
      <c r="BT2423" s="162"/>
      <c r="BU2423" s="162"/>
      <c r="BV2423" s="162"/>
      <c r="BW2423" s="162"/>
      <c r="BX2423" s="162"/>
      <c r="BY2423" s="162"/>
      <c r="BZ2423" s="162"/>
      <c r="CA2423" s="162"/>
      <c r="CB2423" s="162"/>
      <c r="CC2423" s="162"/>
      <c r="CD2423" s="162"/>
      <c r="CE2423" s="162"/>
      <c r="CF2423" s="162"/>
      <c r="CG2423" s="162"/>
      <c r="CH2423" s="162"/>
      <c r="CI2423" s="162"/>
      <c r="CJ2423" s="162"/>
      <c r="CK2423" s="162"/>
      <c r="CX2423" s="98"/>
      <c r="DL2423" s="97"/>
      <c r="DX2423" s="98"/>
      <c r="EL2423" s="97"/>
      <c r="EX2423" s="98"/>
      <c r="EY2423" s="97"/>
      <c r="FL2423" s="126"/>
      <c r="FM2423" s="91"/>
      <c r="FN2423" s="91"/>
      <c r="FO2423" s="91"/>
      <c r="FP2423" s="91"/>
      <c r="FQ2423" s="91"/>
      <c r="FR2423" s="91"/>
      <c r="FS2423" s="91"/>
      <c r="FT2423" s="91"/>
      <c r="FU2423" s="91"/>
      <c r="FV2423" s="91"/>
      <c r="FW2423" s="91"/>
      <c r="FX2423" s="91"/>
      <c r="FY2423" s="91"/>
      <c r="FZ2423" s="91"/>
      <c r="GA2423" s="91"/>
      <c r="GB2423" s="91"/>
      <c r="GC2423" s="91"/>
      <c r="GD2423" s="91"/>
      <c r="GE2423" s="91"/>
      <c r="GF2423" s="91"/>
      <c r="GG2423" s="91"/>
      <c r="GH2423" s="91"/>
      <c r="GI2423" s="91"/>
      <c r="GJ2423" s="91"/>
      <c r="GK2423" s="127"/>
      <c r="GL2423" s="126"/>
      <c r="GM2423" s="91"/>
      <c r="GN2423" s="91"/>
      <c r="GO2423" s="91"/>
      <c r="GP2423" s="91"/>
      <c r="GQ2423" s="91"/>
      <c r="GR2423" s="91"/>
      <c r="GS2423" s="91"/>
      <c r="GT2423" s="91"/>
      <c r="GU2423" s="91"/>
      <c r="GV2423" s="91"/>
      <c r="GW2423" s="91"/>
      <c r="GX2423" s="91"/>
      <c r="GY2423" s="91"/>
      <c r="GZ2423" s="91"/>
      <c r="HA2423" s="91"/>
      <c r="HB2423" s="91"/>
      <c r="HC2423" s="91"/>
      <c r="HD2423" s="91"/>
      <c r="HE2423" s="91"/>
      <c r="HF2423" s="91"/>
      <c r="HG2423" s="91"/>
      <c r="HH2423" s="91"/>
      <c r="HI2423" s="91"/>
      <c r="HJ2423" s="91"/>
      <c r="HK2423" s="127"/>
      <c r="HL2423" s="126"/>
      <c r="HM2423" s="91"/>
      <c r="HN2423" s="91"/>
      <c r="HO2423" s="91"/>
      <c r="HP2423" s="91"/>
      <c r="HQ2423" s="91"/>
      <c r="HR2423" s="91"/>
      <c r="HS2423" s="91"/>
      <c r="HT2423" s="91"/>
      <c r="HU2423" s="91"/>
      <c r="HV2423" s="91"/>
      <c r="HW2423" s="91"/>
      <c r="HX2423" s="91"/>
      <c r="HY2423" s="91"/>
      <c r="HZ2423" s="91"/>
      <c r="IA2423" s="91"/>
      <c r="IB2423" s="91"/>
      <c r="IC2423" s="91"/>
      <c r="ID2423" s="91"/>
      <c r="IE2423" s="91"/>
      <c r="IF2423" s="91"/>
      <c r="IG2423" s="91"/>
      <c r="IH2423" s="91"/>
      <c r="II2423" s="91"/>
      <c r="IJ2423" s="91"/>
      <c r="IK2423" s="127"/>
    </row>
    <row r="2424" spans="2:245" x14ac:dyDescent="0.2">
      <c r="B2424" s="43"/>
      <c r="C2424" s="73"/>
      <c r="D2424" s="64"/>
      <c r="E2424" s="64"/>
      <c r="F2424" s="55"/>
      <c r="G2424" s="102"/>
      <c r="H2424" s="55"/>
      <c r="I2424" s="55"/>
      <c r="J2424" s="55"/>
      <c r="K2424" s="55"/>
      <c r="L2424" s="55"/>
      <c r="M2424" s="55"/>
      <c r="N2424" s="55"/>
      <c r="O2424" s="55"/>
      <c r="P2424" s="55"/>
      <c r="Q2424" s="55"/>
      <c r="R2424" s="55"/>
      <c r="S2424" s="55"/>
      <c r="T2424" s="55"/>
      <c r="U2424" s="55"/>
      <c r="V2424" s="55"/>
      <c r="W2424" s="55"/>
      <c r="X2424" s="55"/>
      <c r="Y2424" s="55"/>
      <c r="Z2424" s="55"/>
      <c r="AA2424" s="55"/>
      <c r="AB2424" s="55"/>
      <c r="AC2424" s="55"/>
      <c r="AD2424" s="55"/>
      <c r="AE2424" s="55"/>
      <c r="AF2424" s="55"/>
      <c r="AG2424" s="55"/>
      <c r="AY2424" s="162"/>
      <c r="AZ2424" s="162"/>
      <c r="BA2424" s="162"/>
      <c r="BB2424" s="162"/>
      <c r="BC2424" s="162"/>
      <c r="BD2424" s="162"/>
      <c r="BE2424" s="162"/>
      <c r="BF2424" s="162"/>
      <c r="BG2424" s="162"/>
      <c r="BH2424" s="162"/>
      <c r="BI2424" s="162"/>
      <c r="BJ2424" s="162"/>
      <c r="BK2424" s="162"/>
      <c r="BL2424" s="162"/>
      <c r="BM2424" s="162"/>
      <c r="BN2424" s="162"/>
      <c r="BO2424" s="162"/>
      <c r="BP2424" s="162"/>
      <c r="BQ2424" s="162"/>
      <c r="BR2424" s="162"/>
      <c r="BS2424" s="162"/>
      <c r="BT2424" s="162"/>
      <c r="BU2424" s="162"/>
      <c r="BV2424" s="162"/>
      <c r="BW2424" s="162"/>
      <c r="BX2424" s="162"/>
      <c r="BY2424" s="162"/>
      <c r="BZ2424" s="162"/>
      <c r="CA2424" s="162"/>
      <c r="CB2424" s="162"/>
      <c r="CC2424" s="162"/>
      <c r="CD2424" s="162"/>
      <c r="CE2424" s="162"/>
      <c r="CF2424" s="162"/>
      <c r="CG2424" s="162"/>
      <c r="CH2424" s="162"/>
      <c r="CI2424" s="162"/>
      <c r="CJ2424" s="162"/>
      <c r="CK2424" s="162"/>
      <c r="CX2424" s="98"/>
      <c r="DL2424" s="97"/>
      <c r="DX2424" s="98"/>
      <c r="EL2424" s="97"/>
      <c r="EX2424" s="98"/>
      <c r="EY2424" s="97"/>
      <c r="FL2424" s="126"/>
      <c r="FM2424" s="91"/>
      <c r="FN2424" s="91"/>
      <c r="FO2424" s="91"/>
      <c r="FP2424" s="91"/>
      <c r="FQ2424" s="91"/>
      <c r="FR2424" s="91"/>
      <c r="FS2424" s="91"/>
      <c r="FT2424" s="91"/>
      <c r="FU2424" s="91"/>
      <c r="FV2424" s="91"/>
      <c r="FW2424" s="91"/>
      <c r="FX2424" s="91"/>
      <c r="FY2424" s="91"/>
      <c r="FZ2424" s="91"/>
      <c r="GA2424" s="91"/>
      <c r="GB2424" s="91"/>
      <c r="GC2424" s="91"/>
      <c r="GD2424" s="91"/>
      <c r="GE2424" s="91"/>
      <c r="GF2424" s="91"/>
      <c r="GG2424" s="91"/>
      <c r="GH2424" s="91"/>
      <c r="GI2424" s="91"/>
      <c r="GJ2424" s="91"/>
      <c r="GK2424" s="127"/>
      <c r="GL2424" s="126"/>
      <c r="GM2424" s="91"/>
      <c r="GN2424" s="91"/>
      <c r="GO2424" s="91"/>
      <c r="GP2424" s="91"/>
      <c r="GQ2424" s="91"/>
      <c r="GR2424" s="91"/>
      <c r="GS2424" s="91"/>
      <c r="GT2424" s="91"/>
      <c r="GU2424" s="91"/>
      <c r="GV2424" s="91"/>
      <c r="GW2424" s="91"/>
      <c r="GX2424" s="91"/>
      <c r="GY2424" s="91"/>
      <c r="GZ2424" s="91"/>
      <c r="HA2424" s="91"/>
      <c r="HB2424" s="91"/>
      <c r="HC2424" s="91"/>
      <c r="HD2424" s="91"/>
      <c r="HE2424" s="91"/>
      <c r="HF2424" s="91"/>
      <c r="HG2424" s="91"/>
      <c r="HH2424" s="91"/>
      <c r="HI2424" s="91"/>
      <c r="HJ2424" s="91"/>
      <c r="HK2424" s="127"/>
      <c r="HL2424" s="126"/>
      <c r="HM2424" s="91"/>
      <c r="HN2424" s="91"/>
      <c r="HO2424" s="91"/>
      <c r="HP2424" s="91"/>
      <c r="HQ2424" s="91"/>
      <c r="HR2424" s="91"/>
      <c r="HS2424" s="91"/>
      <c r="HT2424" s="91"/>
      <c r="HU2424" s="91"/>
      <c r="HV2424" s="91"/>
      <c r="HW2424" s="91"/>
      <c r="HX2424" s="91"/>
      <c r="HY2424" s="91"/>
      <c r="HZ2424" s="91"/>
      <c r="IA2424" s="91"/>
      <c r="IB2424" s="91"/>
      <c r="IC2424" s="91"/>
      <c r="ID2424" s="91"/>
      <c r="IE2424" s="91"/>
      <c r="IF2424" s="91"/>
      <c r="IG2424" s="91"/>
      <c r="IH2424" s="91"/>
      <c r="II2424" s="91"/>
      <c r="IJ2424" s="91"/>
      <c r="IK2424" s="127"/>
    </row>
    <row r="2425" spans="2:245" ht="13.5" thickBot="1" x14ac:dyDescent="0.25">
      <c r="B2425" s="43"/>
      <c r="C2425" s="73"/>
      <c r="D2425" s="64"/>
      <c r="E2425" s="64"/>
      <c r="F2425" s="55"/>
      <c r="G2425" s="102"/>
      <c r="H2425" s="55"/>
      <c r="I2425" s="55"/>
      <c r="J2425" s="55"/>
      <c r="K2425" s="55"/>
      <c r="L2425" s="55"/>
      <c r="M2425" s="55"/>
      <c r="N2425" s="55"/>
      <c r="O2425" s="55"/>
      <c r="P2425" s="55"/>
      <c r="Q2425" s="55"/>
      <c r="R2425" s="55"/>
      <c r="S2425" s="55"/>
      <c r="T2425" s="55"/>
      <c r="U2425" s="55"/>
      <c r="V2425" s="55"/>
      <c r="W2425" s="55"/>
      <c r="X2425" s="55"/>
      <c r="Y2425" s="55"/>
      <c r="Z2425" s="55"/>
      <c r="AA2425" s="55"/>
      <c r="AB2425" s="55"/>
      <c r="AC2425" s="55"/>
      <c r="AD2425" s="55"/>
      <c r="AE2425" s="55"/>
      <c r="AF2425" s="55"/>
      <c r="AG2425" s="55"/>
      <c r="AY2425" s="162"/>
      <c r="AZ2425" s="162"/>
      <c r="BA2425" s="162"/>
      <c r="BB2425" s="162"/>
      <c r="BC2425" s="162"/>
      <c r="BD2425" s="162"/>
      <c r="BE2425" s="162"/>
      <c r="BF2425" s="162"/>
      <c r="BG2425" s="162"/>
      <c r="BH2425" s="162"/>
      <c r="BI2425" s="162"/>
      <c r="BJ2425" s="162"/>
      <c r="BK2425" s="162"/>
      <c r="BL2425" s="162"/>
      <c r="BM2425" s="162"/>
      <c r="BN2425" s="162"/>
      <c r="BO2425" s="162"/>
      <c r="BP2425" s="162"/>
      <c r="BQ2425" s="162"/>
      <c r="BR2425" s="162"/>
      <c r="BS2425" s="162"/>
      <c r="BT2425" s="162"/>
      <c r="BU2425" s="162"/>
      <c r="BV2425" s="162"/>
      <c r="BW2425" s="162"/>
      <c r="BX2425" s="162"/>
      <c r="BY2425" s="162"/>
      <c r="BZ2425" s="162"/>
      <c r="CA2425" s="162"/>
      <c r="CB2425" s="162"/>
      <c r="CC2425" s="162"/>
      <c r="CD2425" s="162"/>
      <c r="CE2425" s="162"/>
      <c r="CF2425" s="162"/>
      <c r="CG2425" s="162"/>
      <c r="CH2425" s="162"/>
      <c r="CI2425" s="162"/>
      <c r="CJ2425" s="162"/>
      <c r="CK2425" s="162"/>
      <c r="CX2425" s="98"/>
      <c r="DL2425" s="97"/>
      <c r="DX2425" s="98"/>
      <c r="EL2425" s="97"/>
      <c r="EX2425" s="98"/>
      <c r="EY2425" s="97"/>
      <c r="FL2425" s="126"/>
      <c r="FM2425" s="91"/>
      <c r="FN2425" s="91"/>
      <c r="FO2425" s="91"/>
      <c r="FP2425" s="91"/>
      <c r="FQ2425" s="91"/>
      <c r="FR2425" s="91"/>
      <c r="FS2425" s="91"/>
      <c r="FT2425" s="91"/>
      <c r="FU2425" s="91"/>
      <c r="FV2425" s="91"/>
      <c r="FW2425" s="91"/>
      <c r="FX2425" s="91"/>
      <c r="FY2425" s="91"/>
      <c r="FZ2425" s="91"/>
      <c r="GA2425" s="91"/>
      <c r="GB2425" s="91"/>
      <c r="GC2425" s="91"/>
      <c r="GD2425" s="91"/>
      <c r="GE2425" s="91"/>
      <c r="GF2425" s="91"/>
      <c r="GG2425" s="91"/>
      <c r="GH2425" s="91"/>
      <c r="GI2425" s="91"/>
      <c r="GJ2425" s="91"/>
      <c r="GK2425" s="127"/>
      <c r="GL2425" s="126"/>
      <c r="GM2425" s="91"/>
      <c r="GN2425" s="91"/>
      <c r="GO2425" s="91"/>
      <c r="GP2425" s="91"/>
      <c r="GQ2425" s="91"/>
      <c r="GR2425" s="91"/>
      <c r="GS2425" s="91"/>
      <c r="GT2425" s="91"/>
      <c r="GU2425" s="91"/>
      <c r="GV2425" s="91"/>
      <c r="GW2425" s="91"/>
      <c r="GX2425" s="91"/>
      <c r="GY2425" s="91"/>
      <c r="GZ2425" s="91"/>
      <c r="HA2425" s="91"/>
      <c r="HB2425" s="91"/>
      <c r="HC2425" s="91"/>
      <c r="HD2425" s="91"/>
      <c r="HE2425" s="91"/>
      <c r="HF2425" s="91"/>
      <c r="HG2425" s="91"/>
      <c r="HH2425" s="91"/>
      <c r="HI2425" s="91"/>
      <c r="HJ2425" s="91"/>
      <c r="HK2425" s="127"/>
      <c r="HL2425" s="126"/>
      <c r="HM2425" s="91"/>
      <c r="HN2425" s="91"/>
      <c r="HO2425" s="91"/>
      <c r="HP2425" s="91"/>
      <c r="HQ2425" s="91"/>
      <c r="HR2425" s="91"/>
      <c r="HS2425" s="91"/>
      <c r="HT2425" s="91"/>
      <c r="HU2425" s="91"/>
      <c r="HV2425" s="91"/>
      <c r="HW2425" s="91"/>
      <c r="HX2425" s="91"/>
      <c r="HY2425" s="91"/>
      <c r="HZ2425" s="91"/>
      <c r="IA2425" s="91"/>
      <c r="IB2425" s="91"/>
      <c r="IC2425" s="91"/>
      <c r="ID2425" s="91"/>
      <c r="IE2425" s="91"/>
      <c r="IF2425" s="91"/>
      <c r="IG2425" s="91"/>
      <c r="IH2425" s="91"/>
      <c r="II2425" s="91"/>
      <c r="IJ2425" s="91"/>
      <c r="IK2425" s="127"/>
    </row>
    <row r="2426" spans="2:245" x14ac:dyDescent="0.2">
      <c r="B2426" s="43"/>
      <c r="C2426" s="73"/>
      <c r="D2426" s="64"/>
      <c r="E2426" s="64"/>
      <c r="F2426" s="55"/>
      <c r="G2426" s="102"/>
      <c r="H2426" s="55"/>
      <c r="I2426" s="55"/>
      <c r="J2426" s="55"/>
      <c r="K2426" s="55"/>
      <c r="L2426" s="55"/>
      <c r="M2426" s="55"/>
      <c r="N2426" s="55"/>
      <c r="O2426" s="55"/>
      <c r="P2426" s="55"/>
      <c r="Q2426" s="55"/>
      <c r="R2426" s="55"/>
      <c r="S2426" s="55"/>
      <c r="T2426" s="55"/>
      <c r="U2426" s="55"/>
      <c r="V2426" s="55"/>
      <c r="W2426" s="55"/>
      <c r="X2426" s="55"/>
      <c r="Y2426" s="55"/>
      <c r="Z2426" s="55"/>
      <c r="AA2426" s="55"/>
      <c r="AB2426" s="55"/>
      <c r="AC2426" s="55"/>
      <c r="AD2426" s="55"/>
      <c r="AE2426" s="55"/>
      <c r="AF2426" s="55"/>
      <c r="AG2426" s="55"/>
      <c r="AY2426" s="162"/>
      <c r="AZ2426" s="162"/>
      <c r="BA2426" s="162"/>
      <c r="BB2426" s="162"/>
      <c r="BC2426" s="162"/>
      <c r="BD2426" s="162"/>
      <c r="BE2426" s="162"/>
      <c r="BF2426" s="162"/>
      <c r="BG2426" s="162"/>
      <c r="BH2426" s="162"/>
      <c r="BI2426" s="162"/>
      <c r="BJ2426" s="162"/>
      <c r="BK2426" s="162"/>
      <c r="BL2426" s="162"/>
      <c r="BM2426" s="162"/>
      <c r="BN2426" s="162"/>
      <c r="BO2426" s="162"/>
      <c r="BP2426" s="162"/>
      <c r="BQ2426" s="162"/>
      <c r="BR2426" s="162"/>
      <c r="BS2426" s="162"/>
      <c r="BT2426" s="162"/>
      <c r="BU2426" s="162"/>
      <c r="BV2426" s="162"/>
      <c r="BW2426" s="162"/>
      <c r="BX2426" s="162"/>
      <c r="BY2426" s="162"/>
      <c r="BZ2426" s="162"/>
      <c r="CA2426" s="162"/>
      <c r="CB2426" s="162"/>
      <c r="CC2426" s="162"/>
      <c r="CD2426" s="162"/>
      <c r="CE2426" s="162"/>
      <c r="CF2426" s="162"/>
      <c r="CG2426" s="162"/>
      <c r="CH2426" s="162"/>
      <c r="CI2426" s="162"/>
      <c r="CJ2426" s="162"/>
      <c r="CK2426" s="162"/>
      <c r="CL2426" s="163"/>
      <c r="CM2426" s="163"/>
      <c r="CN2426" s="163"/>
      <c r="CO2426" s="163"/>
      <c r="CP2426" s="163"/>
      <c r="CQ2426" s="163"/>
      <c r="CR2426" s="163"/>
      <c r="CS2426" s="163"/>
      <c r="CT2426" s="163"/>
      <c r="CU2426" s="163"/>
      <c r="CV2426" s="163"/>
      <c r="CW2426" s="163"/>
      <c r="CX2426" s="173"/>
      <c r="CY2426" s="163"/>
      <c r="CZ2426" s="163"/>
      <c r="DA2426" s="163"/>
      <c r="DB2426" s="163"/>
      <c r="DC2426" s="163"/>
      <c r="DD2426" s="163"/>
      <c r="DE2426" s="163"/>
      <c r="DF2426" s="163"/>
      <c r="DG2426" s="163"/>
      <c r="DH2426" s="163"/>
      <c r="DI2426" s="163"/>
      <c r="DJ2426" s="163"/>
      <c r="DK2426" s="163"/>
      <c r="DL2426" s="172"/>
      <c r="DM2426" s="163"/>
      <c r="DN2426" s="163"/>
      <c r="DO2426" s="163"/>
      <c r="DP2426" s="163"/>
      <c r="DQ2426" s="163"/>
      <c r="DR2426" s="163"/>
      <c r="DS2426" s="163"/>
      <c r="DT2426" s="163"/>
      <c r="DU2426" s="163"/>
      <c r="DV2426" s="163"/>
      <c r="DW2426" s="163"/>
      <c r="DX2426" s="173"/>
      <c r="DY2426" s="163"/>
      <c r="DZ2426" s="163"/>
      <c r="EA2426" s="163"/>
      <c r="EB2426" s="163"/>
      <c r="EC2426" s="163"/>
      <c r="ED2426" s="163"/>
      <c r="EE2426" s="163"/>
      <c r="EF2426" s="163"/>
      <c r="EG2426" s="163"/>
      <c r="EH2426" s="163"/>
      <c r="EI2426" s="163"/>
      <c r="EJ2426" s="163"/>
      <c r="EK2426" s="163"/>
      <c r="EL2426" s="172"/>
      <c r="EM2426" s="163"/>
      <c r="EN2426" s="163"/>
      <c r="EO2426" s="163"/>
      <c r="EP2426" s="163"/>
      <c r="EQ2426" s="163"/>
      <c r="ER2426" s="163"/>
      <c r="ES2426" s="163"/>
      <c r="ET2426" s="163"/>
      <c r="EU2426" s="163"/>
      <c r="EV2426" s="163"/>
      <c r="EW2426" s="163"/>
      <c r="EX2426" s="173"/>
      <c r="EY2426" s="172"/>
      <c r="EZ2426" s="163"/>
      <c r="FA2426" s="163"/>
      <c r="FB2426" s="163"/>
      <c r="FC2426" s="163"/>
      <c r="FD2426" s="163"/>
      <c r="FE2426" s="163"/>
      <c r="FF2426" s="163"/>
      <c r="FG2426" s="163"/>
      <c r="FH2426" s="163"/>
      <c r="FI2426" s="163"/>
      <c r="FJ2426" s="163"/>
      <c r="FK2426" s="163"/>
      <c r="FL2426" s="126"/>
      <c r="FM2426" s="91"/>
      <c r="FN2426" s="91"/>
      <c r="FO2426" s="91"/>
      <c r="FP2426" s="91"/>
      <c r="FQ2426" s="91"/>
      <c r="FR2426" s="91"/>
      <c r="FS2426" s="91"/>
      <c r="FT2426" s="91"/>
      <c r="FU2426" s="91"/>
      <c r="FV2426" s="91"/>
      <c r="FW2426" s="91"/>
      <c r="FX2426" s="91"/>
      <c r="FY2426" s="91"/>
      <c r="FZ2426" s="91"/>
      <c r="GA2426" s="91"/>
      <c r="GB2426" s="91"/>
      <c r="GC2426" s="91"/>
      <c r="GD2426" s="91"/>
      <c r="GE2426" s="91"/>
      <c r="GF2426" s="91"/>
      <c r="GG2426" s="91"/>
      <c r="GH2426" s="91"/>
      <c r="GI2426" s="91"/>
      <c r="GJ2426" s="91"/>
      <c r="GK2426" s="127"/>
      <c r="GL2426" s="126"/>
      <c r="GM2426" s="91"/>
      <c r="GN2426" s="91"/>
      <c r="GO2426" s="91"/>
      <c r="GP2426" s="91"/>
      <c r="GQ2426" s="91"/>
      <c r="GR2426" s="91"/>
      <c r="GS2426" s="91"/>
      <c r="GT2426" s="91"/>
      <c r="GU2426" s="91"/>
      <c r="GV2426" s="91"/>
      <c r="GW2426" s="91"/>
      <c r="GX2426" s="91"/>
      <c r="GY2426" s="91"/>
      <c r="GZ2426" s="91"/>
      <c r="HA2426" s="91"/>
      <c r="HB2426" s="91"/>
      <c r="HC2426" s="91"/>
      <c r="HD2426" s="91"/>
      <c r="HE2426" s="91"/>
      <c r="HF2426" s="91"/>
      <c r="HG2426" s="91"/>
      <c r="HH2426" s="91"/>
      <c r="HI2426" s="91"/>
      <c r="HJ2426" s="91"/>
      <c r="HK2426" s="127"/>
      <c r="HL2426" s="126"/>
      <c r="HM2426" s="91"/>
      <c r="HN2426" s="91"/>
      <c r="HO2426" s="91"/>
      <c r="HP2426" s="91"/>
      <c r="HQ2426" s="91"/>
      <c r="HR2426" s="91"/>
      <c r="HS2426" s="91"/>
      <c r="HT2426" s="91"/>
      <c r="HU2426" s="91"/>
      <c r="HV2426" s="91"/>
      <c r="HW2426" s="91"/>
      <c r="HX2426" s="91"/>
      <c r="HY2426" s="91"/>
      <c r="HZ2426" s="91"/>
      <c r="IA2426" s="91"/>
      <c r="IB2426" s="91"/>
      <c r="IC2426" s="91"/>
      <c r="ID2426" s="91"/>
      <c r="IE2426" s="91"/>
      <c r="IF2426" s="91"/>
      <c r="IG2426" s="91"/>
      <c r="IH2426" s="91"/>
      <c r="II2426" s="91"/>
      <c r="IJ2426" s="91"/>
      <c r="IK2426" s="127"/>
    </row>
    <row r="2427" spans="2:245" x14ac:dyDescent="0.2">
      <c r="B2427" s="43"/>
      <c r="C2427" s="73"/>
      <c r="D2427" s="64"/>
      <c r="E2427" s="64"/>
      <c r="F2427" s="55"/>
      <c r="G2427" s="102"/>
      <c r="H2427" s="55"/>
      <c r="I2427" s="55"/>
      <c r="J2427" s="55"/>
      <c r="K2427" s="55"/>
      <c r="L2427" s="55"/>
      <c r="M2427" s="55"/>
      <c r="N2427" s="55"/>
      <c r="O2427" s="55"/>
      <c r="P2427" s="55"/>
      <c r="Q2427" s="55"/>
      <c r="R2427" s="55"/>
      <c r="S2427" s="55"/>
      <c r="T2427" s="55"/>
      <c r="U2427" s="55"/>
      <c r="V2427" s="55"/>
      <c r="W2427" s="55"/>
      <c r="X2427" s="55"/>
      <c r="Y2427" s="55"/>
      <c r="Z2427" s="55"/>
      <c r="AA2427" s="55"/>
      <c r="AB2427" s="55"/>
      <c r="AC2427" s="55"/>
      <c r="AD2427" s="55"/>
      <c r="AE2427" s="55"/>
      <c r="AF2427" s="55"/>
      <c r="AG2427" s="55"/>
      <c r="AY2427" s="162"/>
      <c r="AZ2427" s="162"/>
      <c r="BA2427" s="162"/>
      <c r="BB2427" s="162"/>
      <c r="BC2427" s="162"/>
      <c r="BD2427" s="162"/>
      <c r="BE2427" s="162"/>
      <c r="BF2427" s="162"/>
      <c r="BG2427" s="162"/>
      <c r="BH2427" s="162"/>
      <c r="BI2427" s="162"/>
      <c r="BJ2427" s="162"/>
      <c r="BK2427" s="162"/>
      <c r="BL2427" s="162"/>
      <c r="BM2427" s="162"/>
      <c r="BN2427" s="162"/>
      <c r="BO2427" s="162"/>
      <c r="BP2427" s="162"/>
      <c r="BQ2427" s="162"/>
      <c r="BR2427" s="162"/>
      <c r="BS2427" s="162"/>
      <c r="BT2427" s="162"/>
      <c r="BU2427" s="162"/>
      <c r="BV2427" s="162"/>
      <c r="BW2427" s="162"/>
      <c r="BX2427" s="162"/>
      <c r="BY2427" s="162"/>
      <c r="BZ2427" s="162"/>
      <c r="CA2427" s="162"/>
      <c r="CB2427" s="162"/>
      <c r="CC2427" s="162"/>
      <c r="CD2427" s="162"/>
      <c r="CE2427" s="162"/>
      <c r="CF2427" s="162"/>
      <c r="CG2427" s="162"/>
      <c r="CH2427" s="162"/>
      <c r="CI2427" s="162"/>
      <c r="CJ2427" s="162"/>
      <c r="CK2427" s="162"/>
      <c r="CX2427" s="98"/>
      <c r="DL2427" s="97"/>
      <c r="DX2427" s="98"/>
      <c r="EL2427" s="97"/>
      <c r="EX2427" s="98"/>
      <c r="EY2427" s="97"/>
      <c r="FL2427" s="126"/>
      <c r="FM2427" s="91"/>
      <c r="FN2427" s="91"/>
      <c r="FO2427" s="91"/>
      <c r="FP2427" s="91"/>
      <c r="FQ2427" s="91"/>
      <c r="FR2427" s="91"/>
      <c r="FS2427" s="91"/>
      <c r="FT2427" s="91"/>
      <c r="FU2427" s="91"/>
      <c r="FV2427" s="91"/>
      <c r="FW2427" s="91"/>
      <c r="FX2427" s="91"/>
      <c r="FY2427" s="91"/>
      <c r="FZ2427" s="91"/>
      <c r="GA2427" s="91"/>
      <c r="GB2427" s="91"/>
      <c r="GC2427" s="91"/>
      <c r="GD2427" s="91"/>
      <c r="GE2427" s="91"/>
      <c r="GF2427" s="91"/>
      <c r="GG2427" s="91"/>
      <c r="GH2427" s="91"/>
      <c r="GI2427" s="91"/>
      <c r="GJ2427" s="91"/>
      <c r="GK2427" s="127"/>
      <c r="GL2427" s="126"/>
      <c r="GM2427" s="91"/>
      <c r="GN2427" s="91"/>
      <c r="GO2427" s="91"/>
      <c r="GP2427" s="91"/>
      <c r="GQ2427" s="91"/>
      <c r="GR2427" s="91"/>
      <c r="GS2427" s="91"/>
      <c r="GT2427" s="91"/>
      <c r="GU2427" s="91"/>
      <c r="GV2427" s="91"/>
      <c r="GW2427" s="91"/>
      <c r="GX2427" s="91"/>
      <c r="GY2427" s="91"/>
      <c r="GZ2427" s="91"/>
      <c r="HA2427" s="91"/>
      <c r="HB2427" s="91"/>
      <c r="HC2427" s="91"/>
      <c r="HD2427" s="91"/>
      <c r="HE2427" s="91"/>
      <c r="HF2427" s="91"/>
      <c r="HG2427" s="91"/>
      <c r="HH2427" s="91"/>
      <c r="HI2427" s="91"/>
      <c r="HJ2427" s="91"/>
      <c r="HK2427" s="127"/>
      <c r="HL2427" s="126"/>
      <c r="HM2427" s="91"/>
      <c r="HN2427" s="91"/>
      <c r="HO2427" s="91"/>
      <c r="HP2427" s="91"/>
      <c r="HQ2427" s="91"/>
      <c r="HR2427" s="91"/>
      <c r="HS2427" s="91"/>
      <c r="HT2427" s="91"/>
      <c r="HU2427" s="91"/>
      <c r="HV2427" s="91"/>
      <c r="HW2427" s="91"/>
      <c r="HX2427" s="91"/>
      <c r="HY2427" s="91"/>
      <c r="HZ2427" s="91"/>
      <c r="IA2427" s="91"/>
      <c r="IB2427" s="91"/>
      <c r="IC2427" s="91"/>
      <c r="ID2427" s="91"/>
      <c r="IE2427" s="91"/>
      <c r="IF2427" s="91"/>
      <c r="IG2427" s="91"/>
      <c r="IH2427" s="91"/>
      <c r="II2427" s="91"/>
      <c r="IJ2427" s="91"/>
      <c r="IK2427" s="127"/>
    </row>
    <row r="2428" spans="2:245" x14ac:dyDescent="0.2">
      <c r="B2428" s="43"/>
      <c r="C2428" s="73"/>
      <c r="D2428" s="64"/>
      <c r="E2428" s="64"/>
      <c r="F2428" s="55"/>
      <c r="G2428" s="102"/>
      <c r="H2428" s="55"/>
      <c r="I2428" s="55"/>
      <c r="J2428" s="55"/>
      <c r="K2428" s="55"/>
      <c r="L2428" s="55"/>
      <c r="M2428" s="55"/>
      <c r="N2428" s="55"/>
      <c r="O2428" s="55"/>
      <c r="P2428" s="55"/>
      <c r="Q2428" s="55"/>
      <c r="R2428" s="55"/>
      <c r="S2428" s="55"/>
      <c r="T2428" s="55"/>
      <c r="U2428" s="55"/>
      <c r="V2428" s="55"/>
      <c r="W2428" s="55"/>
      <c r="X2428" s="55"/>
      <c r="Y2428" s="55"/>
      <c r="Z2428" s="55"/>
      <c r="AA2428" s="55"/>
      <c r="AB2428" s="55"/>
      <c r="AC2428" s="55"/>
      <c r="AD2428" s="55"/>
      <c r="AE2428" s="55"/>
      <c r="AF2428" s="55"/>
      <c r="AG2428" s="55"/>
      <c r="AY2428" s="162"/>
      <c r="AZ2428" s="162"/>
      <c r="BA2428" s="162"/>
      <c r="BB2428" s="162"/>
      <c r="BC2428" s="162"/>
      <c r="BD2428" s="162"/>
      <c r="BE2428" s="162"/>
      <c r="BF2428" s="162"/>
      <c r="BG2428" s="162"/>
      <c r="BH2428" s="162"/>
      <c r="BI2428" s="162"/>
      <c r="BJ2428" s="162"/>
      <c r="BK2428" s="162"/>
      <c r="BL2428" s="162"/>
      <c r="BM2428" s="162"/>
      <c r="BN2428" s="162"/>
      <c r="BO2428" s="162"/>
      <c r="BP2428" s="162"/>
      <c r="BQ2428" s="162"/>
      <c r="BR2428" s="162"/>
      <c r="BS2428" s="162"/>
      <c r="BT2428" s="162"/>
      <c r="BU2428" s="162"/>
      <c r="BV2428" s="162"/>
      <c r="BW2428" s="162"/>
      <c r="BX2428" s="162"/>
      <c r="BY2428" s="162"/>
      <c r="BZ2428" s="162"/>
      <c r="CA2428" s="162"/>
      <c r="CB2428" s="162"/>
      <c r="CC2428" s="162"/>
      <c r="CD2428" s="162"/>
      <c r="CE2428" s="162"/>
      <c r="CF2428" s="162"/>
      <c r="CG2428" s="162"/>
      <c r="CH2428" s="162"/>
      <c r="CI2428" s="162"/>
      <c r="CJ2428" s="162"/>
      <c r="CK2428" s="162"/>
      <c r="CX2428" s="98"/>
      <c r="DL2428" s="97"/>
      <c r="DX2428" s="98"/>
      <c r="EL2428" s="97"/>
      <c r="EX2428" s="98"/>
      <c r="EY2428" s="97"/>
      <c r="FL2428" s="126"/>
      <c r="FM2428" s="91"/>
      <c r="FN2428" s="91"/>
      <c r="FO2428" s="91"/>
      <c r="FP2428" s="91"/>
      <c r="FQ2428" s="91"/>
      <c r="FR2428" s="91"/>
      <c r="FS2428" s="91"/>
      <c r="FT2428" s="91"/>
      <c r="FU2428" s="91"/>
      <c r="FV2428" s="91"/>
      <c r="FW2428" s="91"/>
      <c r="FX2428" s="91"/>
      <c r="FY2428" s="91"/>
      <c r="FZ2428" s="91"/>
      <c r="GA2428" s="91"/>
      <c r="GB2428" s="91"/>
      <c r="GC2428" s="91"/>
      <c r="GD2428" s="91"/>
      <c r="GE2428" s="91"/>
      <c r="GF2428" s="91"/>
      <c r="GG2428" s="91"/>
      <c r="GH2428" s="91"/>
      <c r="GI2428" s="91"/>
      <c r="GJ2428" s="91"/>
      <c r="GK2428" s="127"/>
      <c r="GL2428" s="126"/>
      <c r="GM2428" s="91"/>
      <c r="GN2428" s="91"/>
      <c r="GO2428" s="91"/>
      <c r="GP2428" s="91"/>
      <c r="GQ2428" s="91"/>
      <c r="GR2428" s="91"/>
      <c r="GS2428" s="91"/>
      <c r="GT2428" s="91"/>
      <c r="GU2428" s="91"/>
      <c r="GV2428" s="91"/>
      <c r="GW2428" s="91"/>
      <c r="GX2428" s="91"/>
      <c r="GY2428" s="91"/>
      <c r="GZ2428" s="91"/>
      <c r="HA2428" s="91"/>
      <c r="HB2428" s="91"/>
      <c r="HC2428" s="91"/>
      <c r="HD2428" s="91"/>
      <c r="HE2428" s="91"/>
      <c r="HF2428" s="91"/>
      <c r="HG2428" s="91"/>
      <c r="HH2428" s="91"/>
      <c r="HI2428" s="91"/>
      <c r="HJ2428" s="91"/>
      <c r="HK2428" s="127"/>
      <c r="HL2428" s="126"/>
      <c r="HM2428" s="91"/>
      <c r="HN2428" s="91"/>
      <c r="HO2428" s="91"/>
      <c r="HP2428" s="91"/>
      <c r="HQ2428" s="91"/>
      <c r="HR2428" s="91"/>
      <c r="HS2428" s="91"/>
      <c r="HT2428" s="91"/>
      <c r="HU2428" s="91"/>
      <c r="HV2428" s="91"/>
      <c r="HW2428" s="91"/>
      <c r="HX2428" s="91"/>
      <c r="HY2428" s="91"/>
      <c r="HZ2428" s="91"/>
      <c r="IA2428" s="91"/>
      <c r="IB2428" s="91"/>
      <c r="IC2428" s="91"/>
      <c r="ID2428" s="91"/>
      <c r="IE2428" s="91"/>
      <c r="IF2428" s="91"/>
      <c r="IG2428" s="91"/>
      <c r="IH2428" s="91"/>
      <c r="II2428" s="91"/>
      <c r="IJ2428" s="91"/>
      <c r="IK2428" s="127"/>
    </row>
    <row r="2429" spans="2:245" x14ac:dyDescent="0.2">
      <c r="B2429" s="43"/>
      <c r="C2429" s="73"/>
      <c r="D2429" s="64"/>
      <c r="E2429" s="64"/>
      <c r="F2429" s="55"/>
      <c r="G2429" s="102"/>
      <c r="H2429" s="55"/>
      <c r="I2429" s="55"/>
      <c r="J2429" s="55"/>
      <c r="K2429" s="55"/>
      <c r="L2429" s="55"/>
      <c r="M2429" s="55"/>
      <c r="N2429" s="55"/>
      <c r="O2429" s="55"/>
      <c r="P2429" s="55"/>
      <c r="Q2429" s="55"/>
      <c r="R2429" s="55"/>
      <c r="S2429" s="55"/>
      <c r="T2429" s="55"/>
      <c r="U2429" s="55"/>
      <c r="V2429" s="55"/>
      <c r="W2429" s="55"/>
      <c r="X2429" s="55"/>
      <c r="Y2429" s="55"/>
      <c r="Z2429" s="55"/>
      <c r="AA2429" s="55"/>
      <c r="AB2429" s="55"/>
      <c r="AC2429" s="55"/>
      <c r="AD2429" s="55"/>
      <c r="AE2429" s="55"/>
      <c r="AF2429" s="55"/>
      <c r="AG2429" s="55"/>
      <c r="AY2429" s="162"/>
      <c r="AZ2429" s="162"/>
      <c r="BA2429" s="162"/>
      <c r="BB2429" s="162"/>
      <c r="BC2429" s="162"/>
      <c r="BD2429" s="162"/>
      <c r="BE2429" s="162"/>
      <c r="BF2429" s="162"/>
      <c r="BG2429" s="162"/>
      <c r="BH2429" s="162"/>
      <c r="BI2429" s="162"/>
      <c r="BJ2429" s="162"/>
      <c r="BK2429" s="162"/>
      <c r="BL2429" s="162"/>
      <c r="BM2429" s="162"/>
      <c r="BN2429" s="162"/>
      <c r="BO2429" s="162"/>
      <c r="BP2429" s="162"/>
      <c r="BQ2429" s="162"/>
      <c r="BR2429" s="162"/>
      <c r="BS2429" s="162"/>
      <c r="BT2429" s="162"/>
      <c r="BU2429" s="162"/>
      <c r="BV2429" s="162"/>
      <c r="BW2429" s="162"/>
      <c r="BX2429" s="162"/>
      <c r="BY2429" s="162"/>
      <c r="BZ2429" s="162"/>
      <c r="CA2429" s="162"/>
      <c r="CB2429" s="162"/>
      <c r="CC2429" s="162"/>
      <c r="CD2429" s="162"/>
      <c r="CE2429" s="162"/>
      <c r="CF2429" s="162"/>
      <c r="CG2429" s="162"/>
      <c r="CH2429" s="162"/>
      <c r="CI2429" s="162"/>
      <c r="CJ2429" s="162"/>
      <c r="CK2429" s="162"/>
      <c r="CX2429" s="98"/>
      <c r="DL2429" s="97"/>
      <c r="DX2429" s="98"/>
      <c r="EL2429" s="97"/>
      <c r="EX2429" s="98"/>
      <c r="EY2429" s="97"/>
      <c r="FL2429" s="126"/>
      <c r="FM2429" s="91"/>
      <c r="FN2429" s="91"/>
      <c r="FO2429" s="91"/>
      <c r="FP2429" s="91"/>
      <c r="FQ2429" s="91"/>
      <c r="FR2429" s="91"/>
      <c r="FS2429" s="91"/>
      <c r="FT2429" s="91"/>
      <c r="FU2429" s="91"/>
      <c r="FV2429" s="91"/>
      <c r="FW2429" s="91"/>
      <c r="FX2429" s="91"/>
      <c r="FY2429" s="91"/>
      <c r="FZ2429" s="91"/>
      <c r="GA2429" s="91"/>
      <c r="GB2429" s="91"/>
      <c r="GC2429" s="91"/>
      <c r="GD2429" s="91"/>
      <c r="GE2429" s="91"/>
      <c r="GF2429" s="91"/>
      <c r="GG2429" s="91"/>
      <c r="GH2429" s="91"/>
      <c r="GI2429" s="91"/>
      <c r="GJ2429" s="91"/>
      <c r="GK2429" s="127"/>
      <c r="GL2429" s="126"/>
      <c r="GM2429" s="91"/>
      <c r="GN2429" s="91"/>
      <c r="GO2429" s="91"/>
      <c r="GP2429" s="91"/>
      <c r="GQ2429" s="91"/>
      <c r="GR2429" s="91"/>
      <c r="GS2429" s="91"/>
      <c r="GT2429" s="91"/>
      <c r="GU2429" s="91"/>
      <c r="GV2429" s="91"/>
      <c r="GW2429" s="91"/>
      <c r="GX2429" s="91"/>
      <c r="GY2429" s="91"/>
      <c r="GZ2429" s="91"/>
      <c r="HA2429" s="91"/>
      <c r="HB2429" s="91"/>
      <c r="HC2429" s="91"/>
      <c r="HD2429" s="91"/>
      <c r="HE2429" s="91"/>
      <c r="HF2429" s="91"/>
      <c r="HG2429" s="91"/>
      <c r="HH2429" s="91"/>
      <c r="HI2429" s="91"/>
      <c r="HJ2429" s="91"/>
      <c r="HK2429" s="127"/>
      <c r="HL2429" s="126"/>
      <c r="HM2429" s="91"/>
      <c r="HN2429" s="91"/>
      <c r="HO2429" s="91"/>
      <c r="HP2429" s="91"/>
      <c r="HQ2429" s="91"/>
      <c r="HR2429" s="91"/>
      <c r="HS2429" s="91"/>
      <c r="HT2429" s="91"/>
      <c r="HU2429" s="91"/>
      <c r="HV2429" s="91"/>
      <c r="HW2429" s="91"/>
      <c r="HX2429" s="91"/>
      <c r="HY2429" s="91"/>
      <c r="HZ2429" s="91"/>
      <c r="IA2429" s="91"/>
      <c r="IB2429" s="91"/>
      <c r="IC2429" s="91"/>
      <c r="ID2429" s="91"/>
      <c r="IE2429" s="91"/>
      <c r="IF2429" s="91"/>
      <c r="IG2429" s="91"/>
      <c r="IH2429" s="91"/>
      <c r="II2429" s="91"/>
      <c r="IJ2429" s="91"/>
      <c r="IK2429" s="127"/>
    </row>
    <row r="2430" spans="2:245" x14ac:dyDescent="0.2">
      <c r="B2430" s="43"/>
      <c r="C2430" s="73"/>
      <c r="D2430" s="64"/>
      <c r="E2430" s="64"/>
      <c r="F2430" s="55"/>
      <c r="G2430" s="102"/>
      <c r="H2430" s="55"/>
      <c r="I2430" s="55"/>
      <c r="J2430" s="55"/>
      <c r="K2430" s="55"/>
      <c r="L2430" s="55"/>
      <c r="M2430" s="55"/>
      <c r="N2430" s="55"/>
      <c r="O2430" s="55"/>
      <c r="P2430" s="55"/>
      <c r="Q2430" s="55"/>
      <c r="R2430" s="55"/>
      <c r="S2430" s="55"/>
      <c r="T2430" s="55"/>
      <c r="U2430" s="55"/>
      <c r="V2430" s="55"/>
      <c r="W2430" s="55"/>
      <c r="X2430" s="55"/>
      <c r="Y2430" s="55"/>
      <c r="Z2430" s="55"/>
      <c r="AA2430" s="55"/>
      <c r="AB2430" s="55"/>
      <c r="AC2430" s="55"/>
      <c r="AD2430" s="55"/>
      <c r="AE2430" s="55"/>
      <c r="AF2430" s="55"/>
      <c r="AG2430" s="55"/>
      <c r="AY2430" s="162"/>
      <c r="AZ2430" s="162"/>
      <c r="BA2430" s="162"/>
      <c r="BB2430" s="162"/>
      <c r="BC2430" s="162"/>
      <c r="BD2430" s="162"/>
      <c r="BE2430" s="162"/>
      <c r="BF2430" s="162"/>
      <c r="BG2430" s="162"/>
      <c r="BH2430" s="162"/>
      <c r="BI2430" s="162"/>
      <c r="BJ2430" s="162"/>
      <c r="BK2430" s="162"/>
      <c r="BL2430" s="162"/>
      <c r="BM2430" s="162"/>
      <c r="BN2430" s="162"/>
      <c r="BO2430" s="162"/>
      <c r="BP2430" s="162"/>
      <c r="BQ2430" s="162"/>
      <c r="BR2430" s="162"/>
      <c r="BS2430" s="162"/>
      <c r="BT2430" s="162"/>
      <c r="BU2430" s="162"/>
      <c r="BV2430" s="162"/>
      <c r="BW2430" s="162"/>
      <c r="BX2430" s="162"/>
      <c r="BY2430" s="162"/>
      <c r="BZ2430" s="162"/>
      <c r="CA2430" s="162"/>
      <c r="CB2430" s="162"/>
      <c r="CC2430" s="162"/>
      <c r="CD2430" s="162"/>
      <c r="CE2430" s="162"/>
      <c r="CF2430" s="162"/>
      <c r="CG2430" s="162"/>
      <c r="CH2430" s="162"/>
      <c r="CI2430" s="162"/>
      <c r="CJ2430" s="162"/>
      <c r="CK2430" s="162"/>
      <c r="CX2430" s="98"/>
      <c r="DL2430" s="97"/>
      <c r="DX2430" s="98"/>
      <c r="EL2430" s="97"/>
      <c r="EX2430" s="98"/>
      <c r="EY2430" s="97"/>
      <c r="FL2430" s="126"/>
      <c r="FM2430" s="91"/>
      <c r="FN2430" s="91"/>
      <c r="FO2430" s="91"/>
      <c r="FP2430" s="91"/>
      <c r="FQ2430" s="91"/>
      <c r="FR2430" s="91"/>
      <c r="FS2430" s="91"/>
      <c r="FT2430" s="91"/>
      <c r="FU2430" s="91"/>
      <c r="FV2430" s="91"/>
      <c r="FW2430" s="91"/>
      <c r="FX2430" s="91"/>
      <c r="FY2430" s="91"/>
      <c r="FZ2430" s="91"/>
      <c r="GA2430" s="91"/>
      <c r="GB2430" s="91"/>
      <c r="GC2430" s="91"/>
      <c r="GD2430" s="91"/>
      <c r="GE2430" s="91"/>
      <c r="GF2430" s="91"/>
      <c r="GG2430" s="91"/>
      <c r="GH2430" s="91"/>
      <c r="GI2430" s="91"/>
      <c r="GJ2430" s="91"/>
      <c r="GK2430" s="127"/>
      <c r="GL2430" s="126"/>
      <c r="GM2430" s="91"/>
      <c r="GN2430" s="91"/>
      <c r="GO2430" s="91"/>
      <c r="GP2430" s="91"/>
      <c r="GQ2430" s="91"/>
      <c r="GR2430" s="91"/>
      <c r="GS2430" s="91"/>
      <c r="GT2430" s="91"/>
      <c r="GU2430" s="91"/>
      <c r="GV2430" s="91"/>
      <c r="GW2430" s="91"/>
      <c r="GX2430" s="91"/>
      <c r="GY2430" s="91"/>
      <c r="GZ2430" s="91"/>
      <c r="HA2430" s="91"/>
      <c r="HB2430" s="91"/>
      <c r="HC2430" s="91"/>
      <c r="HD2430" s="91"/>
      <c r="HE2430" s="91"/>
      <c r="HF2430" s="91"/>
      <c r="HG2430" s="91"/>
      <c r="HH2430" s="91"/>
      <c r="HI2430" s="91"/>
      <c r="HJ2430" s="91"/>
      <c r="HK2430" s="127"/>
      <c r="HL2430" s="126"/>
      <c r="HM2430" s="91"/>
      <c r="HN2430" s="91"/>
      <c r="HO2430" s="91"/>
      <c r="HP2430" s="91"/>
      <c r="HQ2430" s="91"/>
      <c r="HR2430" s="91"/>
      <c r="HS2430" s="91"/>
      <c r="HT2430" s="91"/>
      <c r="HU2430" s="91"/>
      <c r="HV2430" s="91"/>
      <c r="HW2430" s="91"/>
      <c r="HX2430" s="91"/>
      <c r="HY2430" s="91"/>
      <c r="HZ2430" s="91"/>
      <c r="IA2430" s="91"/>
      <c r="IB2430" s="91"/>
      <c r="IC2430" s="91"/>
      <c r="ID2430" s="91"/>
      <c r="IE2430" s="91"/>
      <c r="IF2430" s="91"/>
      <c r="IG2430" s="91"/>
      <c r="IH2430" s="91"/>
      <c r="II2430" s="91"/>
      <c r="IJ2430" s="91"/>
      <c r="IK2430" s="127"/>
    </row>
    <row r="2431" spans="2:245" x14ac:dyDescent="0.2">
      <c r="B2431" s="43"/>
      <c r="C2431" s="73"/>
      <c r="D2431" s="64"/>
      <c r="E2431" s="64"/>
      <c r="F2431" s="55"/>
      <c r="G2431" s="102"/>
      <c r="H2431" s="55"/>
      <c r="I2431" s="55"/>
      <c r="J2431" s="55"/>
      <c r="K2431" s="55"/>
      <c r="L2431" s="55"/>
      <c r="M2431" s="55"/>
      <c r="N2431" s="55"/>
      <c r="O2431" s="55"/>
      <c r="P2431" s="55"/>
      <c r="Q2431" s="55"/>
      <c r="R2431" s="55"/>
      <c r="S2431" s="55"/>
      <c r="T2431" s="55"/>
      <c r="U2431" s="55"/>
      <c r="V2431" s="55"/>
      <c r="W2431" s="55"/>
      <c r="X2431" s="55"/>
      <c r="Y2431" s="55"/>
      <c r="Z2431" s="55"/>
      <c r="AA2431" s="55"/>
      <c r="AB2431" s="55"/>
      <c r="AC2431" s="55"/>
      <c r="AD2431" s="55"/>
      <c r="AE2431" s="55"/>
      <c r="AF2431" s="55"/>
      <c r="AG2431" s="55"/>
      <c r="AY2431" s="162"/>
      <c r="AZ2431" s="162"/>
      <c r="BA2431" s="162"/>
      <c r="BB2431" s="162"/>
      <c r="BC2431" s="162"/>
      <c r="BD2431" s="162"/>
      <c r="BE2431" s="162"/>
      <c r="BF2431" s="162"/>
      <c r="BG2431" s="162"/>
      <c r="BH2431" s="162"/>
      <c r="BI2431" s="162"/>
      <c r="BJ2431" s="162"/>
      <c r="BK2431" s="162"/>
      <c r="BL2431" s="162"/>
      <c r="BM2431" s="162"/>
      <c r="BN2431" s="162"/>
      <c r="BO2431" s="162"/>
      <c r="BP2431" s="162"/>
      <c r="BQ2431" s="162"/>
      <c r="BR2431" s="162"/>
      <c r="BS2431" s="162"/>
      <c r="BT2431" s="162"/>
      <c r="BU2431" s="162"/>
      <c r="BV2431" s="162"/>
      <c r="BW2431" s="162"/>
      <c r="BX2431" s="162"/>
      <c r="BY2431" s="162"/>
      <c r="BZ2431" s="162"/>
      <c r="CA2431" s="162"/>
      <c r="CB2431" s="162"/>
      <c r="CC2431" s="162"/>
      <c r="CD2431" s="162"/>
      <c r="CE2431" s="162"/>
      <c r="CF2431" s="162"/>
      <c r="CG2431" s="162"/>
      <c r="CH2431" s="162"/>
      <c r="CI2431" s="162"/>
      <c r="CJ2431" s="162"/>
      <c r="CK2431" s="162"/>
      <c r="CX2431" s="98"/>
      <c r="DL2431" s="97"/>
      <c r="DX2431" s="98"/>
      <c r="EL2431" s="97"/>
      <c r="EX2431" s="98"/>
      <c r="EY2431" s="97"/>
      <c r="FL2431" s="126"/>
      <c r="FM2431" s="91"/>
      <c r="FN2431" s="91"/>
      <c r="FO2431" s="91"/>
      <c r="FP2431" s="91"/>
      <c r="FQ2431" s="91"/>
      <c r="FR2431" s="91"/>
      <c r="FS2431" s="91"/>
      <c r="FT2431" s="91"/>
      <c r="FU2431" s="91"/>
      <c r="FV2431" s="91"/>
      <c r="FW2431" s="91"/>
      <c r="FX2431" s="91"/>
      <c r="FY2431" s="91"/>
      <c r="FZ2431" s="91"/>
      <c r="GA2431" s="91"/>
      <c r="GB2431" s="91"/>
      <c r="GC2431" s="91"/>
      <c r="GD2431" s="91"/>
      <c r="GE2431" s="91"/>
      <c r="GF2431" s="91"/>
      <c r="GG2431" s="91"/>
      <c r="GH2431" s="91"/>
      <c r="GI2431" s="91"/>
      <c r="GJ2431" s="91"/>
      <c r="GK2431" s="127"/>
      <c r="GL2431" s="126"/>
      <c r="GM2431" s="91"/>
      <c r="GN2431" s="91"/>
      <c r="GO2431" s="91"/>
      <c r="GP2431" s="91"/>
      <c r="GQ2431" s="91"/>
      <c r="GR2431" s="91"/>
      <c r="GS2431" s="91"/>
      <c r="GT2431" s="91"/>
      <c r="GU2431" s="91"/>
      <c r="GV2431" s="91"/>
      <c r="GW2431" s="91"/>
      <c r="GX2431" s="91"/>
      <c r="GY2431" s="91"/>
      <c r="GZ2431" s="91"/>
      <c r="HA2431" s="91"/>
      <c r="HB2431" s="91"/>
      <c r="HC2431" s="91"/>
      <c r="HD2431" s="91"/>
      <c r="HE2431" s="91"/>
      <c r="HF2431" s="91"/>
      <c r="HG2431" s="91"/>
      <c r="HH2431" s="91"/>
      <c r="HI2431" s="91"/>
      <c r="HJ2431" s="91"/>
      <c r="HK2431" s="127"/>
      <c r="HL2431" s="126"/>
      <c r="HM2431" s="91"/>
      <c r="HN2431" s="91"/>
      <c r="HO2431" s="91"/>
      <c r="HP2431" s="91"/>
      <c r="HQ2431" s="91"/>
      <c r="HR2431" s="91"/>
      <c r="HS2431" s="91"/>
      <c r="HT2431" s="91"/>
      <c r="HU2431" s="91"/>
      <c r="HV2431" s="91"/>
      <c r="HW2431" s="91"/>
      <c r="HX2431" s="91"/>
      <c r="HY2431" s="91"/>
      <c r="HZ2431" s="91"/>
      <c r="IA2431" s="91"/>
      <c r="IB2431" s="91"/>
      <c r="IC2431" s="91"/>
      <c r="ID2431" s="91"/>
      <c r="IE2431" s="91"/>
      <c r="IF2431" s="91"/>
      <c r="IG2431" s="91"/>
      <c r="IH2431" s="91"/>
      <c r="II2431" s="91"/>
      <c r="IJ2431" s="91"/>
      <c r="IK2431" s="127"/>
    </row>
    <row r="2432" spans="2:245" x14ac:dyDescent="0.2">
      <c r="B2432" s="43"/>
      <c r="C2432" s="73"/>
      <c r="D2432" s="64"/>
      <c r="E2432" s="64"/>
      <c r="F2432" s="55"/>
      <c r="G2432" s="102"/>
      <c r="H2432" s="55"/>
      <c r="I2432" s="55"/>
      <c r="J2432" s="55"/>
      <c r="K2432" s="55"/>
      <c r="L2432" s="55"/>
      <c r="M2432" s="55"/>
      <c r="N2432" s="55"/>
      <c r="O2432" s="55"/>
      <c r="P2432" s="55"/>
      <c r="Q2432" s="55"/>
      <c r="R2432" s="55"/>
      <c r="S2432" s="55"/>
      <c r="T2432" s="55"/>
      <c r="U2432" s="55"/>
      <c r="V2432" s="55"/>
      <c r="W2432" s="55"/>
      <c r="X2432" s="55"/>
      <c r="Y2432" s="55"/>
      <c r="Z2432" s="55"/>
      <c r="AA2432" s="55"/>
      <c r="AB2432" s="55"/>
      <c r="AC2432" s="55"/>
      <c r="AD2432" s="55"/>
      <c r="AE2432" s="55"/>
      <c r="AF2432" s="55"/>
      <c r="AG2432" s="55"/>
      <c r="AY2432" s="162"/>
      <c r="AZ2432" s="162"/>
      <c r="BA2432" s="162"/>
      <c r="BB2432" s="162"/>
      <c r="BC2432" s="162"/>
      <c r="BD2432" s="162"/>
      <c r="BE2432" s="162"/>
      <c r="BF2432" s="162"/>
      <c r="BG2432" s="162"/>
      <c r="BH2432" s="162"/>
      <c r="BI2432" s="162"/>
      <c r="BJ2432" s="162"/>
      <c r="BK2432" s="162"/>
      <c r="BL2432" s="162"/>
      <c r="BM2432" s="162"/>
      <c r="BN2432" s="162"/>
      <c r="BO2432" s="162"/>
      <c r="BP2432" s="162"/>
      <c r="BQ2432" s="162"/>
      <c r="BR2432" s="162"/>
      <c r="BS2432" s="162"/>
      <c r="BT2432" s="162"/>
      <c r="BU2432" s="162"/>
      <c r="BV2432" s="162"/>
      <c r="BW2432" s="162"/>
      <c r="BX2432" s="162"/>
      <c r="BY2432" s="162"/>
      <c r="BZ2432" s="162"/>
      <c r="CA2432" s="162"/>
      <c r="CB2432" s="162"/>
      <c r="CC2432" s="162"/>
      <c r="CD2432" s="162"/>
      <c r="CE2432" s="162"/>
      <c r="CF2432" s="162"/>
      <c r="CG2432" s="162"/>
      <c r="CH2432" s="162"/>
      <c r="CI2432" s="162"/>
      <c r="CJ2432" s="162"/>
      <c r="CK2432" s="162"/>
      <c r="CX2432" s="98"/>
      <c r="DL2432" s="97"/>
      <c r="DX2432" s="98"/>
      <c r="EL2432" s="97"/>
      <c r="EX2432" s="98"/>
      <c r="EY2432" s="97"/>
      <c r="FL2432" s="126"/>
      <c r="FM2432" s="91"/>
      <c r="FN2432" s="91"/>
      <c r="FO2432" s="91"/>
      <c r="FP2432" s="91"/>
      <c r="FQ2432" s="91"/>
      <c r="FR2432" s="91"/>
      <c r="FS2432" s="91"/>
      <c r="FT2432" s="91"/>
      <c r="FU2432" s="91"/>
      <c r="FV2432" s="91"/>
      <c r="FW2432" s="91"/>
      <c r="FX2432" s="91"/>
      <c r="FY2432" s="91"/>
      <c r="FZ2432" s="91"/>
      <c r="GA2432" s="91"/>
      <c r="GB2432" s="91"/>
      <c r="GC2432" s="91"/>
      <c r="GD2432" s="91"/>
      <c r="GE2432" s="91"/>
      <c r="GF2432" s="91"/>
      <c r="GG2432" s="91"/>
      <c r="GH2432" s="91"/>
      <c r="GI2432" s="91"/>
      <c r="GJ2432" s="91"/>
      <c r="GK2432" s="127"/>
      <c r="GL2432" s="126"/>
      <c r="GM2432" s="91"/>
      <c r="GN2432" s="91"/>
      <c r="GO2432" s="91"/>
      <c r="GP2432" s="91"/>
      <c r="GQ2432" s="91"/>
      <c r="GR2432" s="91"/>
      <c r="GS2432" s="91"/>
      <c r="GT2432" s="91"/>
      <c r="GU2432" s="91"/>
      <c r="GV2432" s="91"/>
      <c r="GW2432" s="91"/>
      <c r="GX2432" s="91"/>
      <c r="GY2432" s="91"/>
      <c r="GZ2432" s="91"/>
      <c r="HA2432" s="91"/>
      <c r="HB2432" s="91"/>
      <c r="HC2432" s="91"/>
      <c r="HD2432" s="91"/>
      <c r="HE2432" s="91"/>
      <c r="HF2432" s="91"/>
      <c r="HG2432" s="91"/>
      <c r="HH2432" s="91"/>
      <c r="HI2432" s="91"/>
      <c r="HJ2432" s="91"/>
      <c r="HK2432" s="127"/>
      <c r="HL2432" s="126"/>
      <c r="HM2432" s="91"/>
      <c r="HN2432" s="91"/>
      <c r="HO2432" s="91"/>
      <c r="HP2432" s="91"/>
      <c r="HQ2432" s="91"/>
      <c r="HR2432" s="91"/>
      <c r="HS2432" s="91"/>
      <c r="HT2432" s="91"/>
      <c r="HU2432" s="91"/>
      <c r="HV2432" s="91"/>
      <c r="HW2432" s="91"/>
      <c r="HX2432" s="91"/>
      <c r="HY2432" s="91"/>
      <c r="HZ2432" s="91"/>
      <c r="IA2432" s="91"/>
      <c r="IB2432" s="91"/>
      <c r="IC2432" s="91"/>
      <c r="ID2432" s="91"/>
      <c r="IE2432" s="91"/>
      <c r="IF2432" s="91"/>
      <c r="IG2432" s="91"/>
      <c r="IH2432" s="91"/>
      <c r="II2432" s="91"/>
      <c r="IJ2432" s="91"/>
      <c r="IK2432" s="127"/>
    </row>
    <row r="2433" spans="2:245" x14ac:dyDescent="0.2">
      <c r="B2433" s="43"/>
      <c r="C2433" s="73"/>
      <c r="D2433" s="64"/>
      <c r="E2433" s="64"/>
      <c r="F2433" s="55"/>
      <c r="G2433" s="102"/>
      <c r="H2433" s="55"/>
      <c r="I2433" s="55"/>
      <c r="J2433" s="55"/>
      <c r="K2433" s="55"/>
      <c r="L2433" s="55"/>
      <c r="M2433" s="55"/>
      <c r="N2433" s="55"/>
      <c r="O2433" s="55"/>
      <c r="P2433" s="55"/>
      <c r="Q2433" s="55"/>
      <c r="R2433" s="55"/>
      <c r="S2433" s="55"/>
      <c r="T2433" s="55"/>
      <c r="U2433" s="55"/>
      <c r="V2433" s="55"/>
      <c r="W2433" s="55"/>
      <c r="X2433" s="55"/>
      <c r="Y2433" s="55"/>
      <c r="Z2433" s="55"/>
      <c r="AA2433" s="55"/>
      <c r="AB2433" s="55"/>
      <c r="AC2433" s="55"/>
      <c r="AD2433" s="55"/>
      <c r="AE2433" s="55"/>
      <c r="AF2433" s="55"/>
      <c r="AG2433" s="55"/>
      <c r="AY2433" s="162"/>
      <c r="AZ2433" s="162"/>
      <c r="BA2433" s="162"/>
      <c r="BB2433" s="162"/>
      <c r="BC2433" s="162"/>
      <c r="BD2433" s="162"/>
      <c r="BE2433" s="162"/>
      <c r="BF2433" s="162"/>
      <c r="BG2433" s="162"/>
      <c r="BH2433" s="162"/>
      <c r="BI2433" s="162"/>
      <c r="BJ2433" s="162"/>
      <c r="BK2433" s="162"/>
      <c r="BL2433" s="162"/>
      <c r="BM2433" s="162"/>
      <c r="BN2433" s="162"/>
      <c r="BO2433" s="162"/>
      <c r="BP2433" s="162"/>
      <c r="BQ2433" s="162"/>
      <c r="BR2433" s="162"/>
      <c r="BS2433" s="162"/>
      <c r="BT2433" s="162"/>
      <c r="BU2433" s="162"/>
      <c r="BV2433" s="162"/>
      <c r="BW2433" s="162"/>
      <c r="BX2433" s="162"/>
      <c r="BY2433" s="162"/>
      <c r="BZ2433" s="162"/>
      <c r="CA2433" s="162"/>
      <c r="CB2433" s="162"/>
      <c r="CC2433" s="162"/>
      <c r="CD2433" s="162"/>
      <c r="CE2433" s="162"/>
      <c r="CF2433" s="162"/>
      <c r="CG2433" s="162"/>
      <c r="CH2433" s="162"/>
      <c r="CI2433" s="162"/>
      <c r="CJ2433" s="162"/>
      <c r="CK2433" s="162"/>
      <c r="CX2433" s="98"/>
      <c r="DL2433" s="97"/>
      <c r="DX2433" s="98"/>
      <c r="EL2433" s="97"/>
      <c r="EX2433" s="98"/>
      <c r="EY2433" s="97"/>
      <c r="FL2433" s="126"/>
      <c r="FM2433" s="91"/>
      <c r="FN2433" s="91"/>
      <c r="FO2433" s="91"/>
      <c r="FP2433" s="91"/>
      <c r="FQ2433" s="91"/>
      <c r="FR2433" s="91"/>
      <c r="FS2433" s="91"/>
      <c r="FT2433" s="91"/>
      <c r="FU2433" s="91"/>
      <c r="FV2433" s="91"/>
      <c r="FW2433" s="91"/>
      <c r="FX2433" s="91"/>
      <c r="FY2433" s="91"/>
      <c r="FZ2433" s="91"/>
      <c r="GA2433" s="91"/>
      <c r="GB2433" s="91"/>
      <c r="GC2433" s="91"/>
      <c r="GD2433" s="91"/>
      <c r="GE2433" s="91"/>
      <c r="GF2433" s="91"/>
      <c r="GG2433" s="91"/>
      <c r="GH2433" s="91"/>
      <c r="GI2433" s="91"/>
      <c r="GJ2433" s="91"/>
      <c r="GK2433" s="127"/>
      <c r="GL2433" s="126"/>
      <c r="GM2433" s="91"/>
      <c r="GN2433" s="91"/>
      <c r="GO2433" s="91"/>
      <c r="GP2433" s="91"/>
      <c r="GQ2433" s="91"/>
      <c r="GR2433" s="91"/>
      <c r="GS2433" s="91"/>
      <c r="GT2433" s="91"/>
      <c r="GU2433" s="91"/>
      <c r="GV2433" s="91"/>
      <c r="GW2433" s="91"/>
      <c r="GX2433" s="91"/>
      <c r="GY2433" s="91"/>
      <c r="GZ2433" s="91"/>
      <c r="HA2433" s="91"/>
      <c r="HB2433" s="91"/>
      <c r="HC2433" s="91"/>
      <c r="HD2433" s="91"/>
      <c r="HE2433" s="91"/>
      <c r="HF2433" s="91"/>
      <c r="HG2433" s="91"/>
      <c r="HH2433" s="91"/>
      <c r="HI2433" s="91"/>
      <c r="HJ2433" s="91"/>
      <c r="HK2433" s="127"/>
      <c r="HL2433" s="126"/>
      <c r="HM2433" s="91"/>
      <c r="HN2433" s="91"/>
      <c r="HO2433" s="91"/>
      <c r="HP2433" s="91"/>
      <c r="HQ2433" s="91"/>
      <c r="HR2433" s="91"/>
      <c r="HS2433" s="91"/>
      <c r="HT2433" s="91"/>
      <c r="HU2433" s="91"/>
      <c r="HV2433" s="91"/>
      <c r="HW2433" s="91"/>
      <c r="HX2433" s="91"/>
      <c r="HY2433" s="91"/>
      <c r="HZ2433" s="91"/>
      <c r="IA2433" s="91"/>
      <c r="IB2433" s="91"/>
      <c r="IC2433" s="91"/>
      <c r="ID2433" s="91"/>
      <c r="IE2433" s="91"/>
      <c r="IF2433" s="91"/>
      <c r="IG2433" s="91"/>
      <c r="IH2433" s="91"/>
      <c r="II2433" s="91"/>
      <c r="IJ2433" s="91"/>
      <c r="IK2433" s="127"/>
    </row>
    <row r="2434" spans="2:245" x14ac:dyDescent="0.2">
      <c r="B2434" s="43"/>
      <c r="C2434" s="73"/>
      <c r="D2434" s="64"/>
      <c r="E2434" s="64"/>
      <c r="F2434" s="55"/>
      <c r="G2434" s="102"/>
      <c r="H2434" s="55"/>
      <c r="I2434" s="55"/>
      <c r="J2434" s="55"/>
      <c r="K2434" s="55"/>
      <c r="L2434" s="55"/>
      <c r="M2434" s="55"/>
      <c r="N2434" s="55"/>
      <c r="O2434" s="55"/>
      <c r="P2434" s="55"/>
      <c r="Q2434" s="55"/>
      <c r="R2434" s="55"/>
      <c r="S2434" s="55"/>
      <c r="T2434" s="55"/>
      <c r="U2434" s="55"/>
      <c r="V2434" s="55"/>
      <c r="W2434" s="55"/>
      <c r="X2434" s="55"/>
      <c r="Y2434" s="55"/>
      <c r="Z2434" s="55"/>
      <c r="AA2434" s="55"/>
      <c r="AB2434" s="55"/>
      <c r="AC2434" s="55"/>
      <c r="AD2434" s="55"/>
      <c r="AE2434" s="55"/>
      <c r="AF2434" s="55"/>
      <c r="AG2434" s="55"/>
      <c r="AY2434" s="162"/>
      <c r="AZ2434" s="162"/>
      <c r="BA2434" s="162"/>
      <c r="BB2434" s="162"/>
      <c r="BC2434" s="162"/>
      <c r="BD2434" s="162"/>
      <c r="BE2434" s="162"/>
      <c r="BF2434" s="162"/>
      <c r="BG2434" s="162"/>
      <c r="BH2434" s="162"/>
      <c r="BI2434" s="162"/>
      <c r="BJ2434" s="162"/>
      <c r="BK2434" s="162"/>
      <c r="BL2434" s="162"/>
      <c r="BM2434" s="162"/>
      <c r="BN2434" s="162"/>
      <c r="BO2434" s="162"/>
      <c r="BP2434" s="162"/>
      <c r="BQ2434" s="162"/>
      <c r="BR2434" s="162"/>
      <c r="BS2434" s="162"/>
      <c r="BT2434" s="162"/>
      <c r="BU2434" s="162"/>
      <c r="BV2434" s="162"/>
      <c r="BW2434" s="162"/>
      <c r="BX2434" s="162"/>
      <c r="BY2434" s="162"/>
      <c r="BZ2434" s="162"/>
      <c r="CA2434" s="162"/>
      <c r="CB2434" s="162"/>
      <c r="CC2434" s="162"/>
      <c r="CD2434" s="162"/>
      <c r="CE2434" s="162"/>
      <c r="CF2434" s="162"/>
      <c r="CG2434" s="162"/>
      <c r="CH2434" s="162"/>
      <c r="CI2434" s="162"/>
      <c r="CJ2434" s="162"/>
      <c r="CK2434" s="162"/>
      <c r="CX2434" s="98"/>
      <c r="DL2434" s="97"/>
      <c r="DX2434" s="98"/>
      <c r="EL2434" s="97"/>
      <c r="EX2434" s="98"/>
      <c r="EY2434" s="97"/>
      <c r="FL2434" s="126"/>
      <c r="FM2434" s="91"/>
      <c r="FN2434" s="91"/>
      <c r="FO2434" s="91"/>
      <c r="FP2434" s="91"/>
      <c r="FQ2434" s="91"/>
      <c r="FR2434" s="91"/>
      <c r="FS2434" s="91"/>
      <c r="FT2434" s="91"/>
      <c r="FU2434" s="91"/>
      <c r="FV2434" s="91"/>
      <c r="FW2434" s="91"/>
      <c r="FX2434" s="91"/>
      <c r="FY2434" s="91"/>
      <c r="FZ2434" s="91"/>
      <c r="GA2434" s="91"/>
      <c r="GB2434" s="91"/>
      <c r="GC2434" s="91"/>
      <c r="GD2434" s="91"/>
      <c r="GE2434" s="91"/>
      <c r="GF2434" s="91"/>
      <c r="GG2434" s="91"/>
      <c r="GH2434" s="91"/>
      <c r="GI2434" s="91"/>
      <c r="GJ2434" s="91"/>
      <c r="GK2434" s="127"/>
      <c r="GL2434" s="126"/>
      <c r="GM2434" s="91"/>
      <c r="GN2434" s="91"/>
      <c r="GO2434" s="91"/>
      <c r="GP2434" s="91"/>
      <c r="GQ2434" s="91"/>
      <c r="GR2434" s="91"/>
      <c r="GS2434" s="91"/>
      <c r="GT2434" s="91"/>
      <c r="GU2434" s="91"/>
      <c r="GV2434" s="91"/>
      <c r="GW2434" s="91"/>
      <c r="GX2434" s="91"/>
      <c r="GY2434" s="91"/>
      <c r="GZ2434" s="91"/>
      <c r="HA2434" s="91"/>
      <c r="HB2434" s="91"/>
      <c r="HC2434" s="91"/>
      <c r="HD2434" s="91"/>
      <c r="HE2434" s="91"/>
      <c r="HF2434" s="91"/>
      <c r="HG2434" s="91"/>
      <c r="HH2434" s="91"/>
      <c r="HI2434" s="91"/>
      <c r="HJ2434" s="91"/>
      <c r="HK2434" s="127"/>
      <c r="HL2434" s="126"/>
      <c r="HM2434" s="91"/>
      <c r="HN2434" s="91"/>
      <c r="HO2434" s="91"/>
      <c r="HP2434" s="91"/>
      <c r="HQ2434" s="91"/>
      <c r="HR2434" s="91"/>
      <c r="HS2434" s="91"/>
      <c r="HT2434" s="91"/>
      <c r="HU2434" s="91"/>
      <c r="HV2434" s="91"/>
      <c r="HW2434" s="91"/>
      <c r="HX2434" s="91"/>
      <c r="HY2434" s="91"/>
      <c r="HZ2434" s="91"/>
      <c r="IA2434" s="91"/>
      <c r="IB2434" s="91"/>
      <c r="IC2434" s="91"/>
      <c r="ID2434" s="91"/>
      <c r="IE2434" s="91"/>
      <c r="IF2434" s="91"/>
      <c r="IG2434" s="91"/>
      <c r="IH2434" s="91"/>
      <c r="II2434" s="91"/>
      <c r="IJ2434" s="91"/>
      <c r="IK2434" s="127"/>
    </row>
    <row r="2435" spans="2:245" x14ac:dyDescent="0.2">
      <c r="B2435" s="43"/>
      <c r="C2435" s="73"/>
      <c r="D2435" s="64"/>
      <c r="E2435" s="64"/>
      <c r="F2435" s="55"/>
      <c r="G2435" s="102"/>
      <c r="H2435" s="55"/>
      <c r="I2435" s="55"/>
      <c r="J2435" s="55"/>
      <c r="K2435" s="55"/>
      <c r="L2435" s="55"/>
      <c r="M2435" s="55"/>
      <c r="N2435" s="55"/>
      <c r="O2435" s="55"/>
      <c r="P2435" s="55"/>
      <c r="Q2435" s="55"/>
      <c r="R2435" s="55"/>
      <c r="S2435" s="55"/>
      <c r="T2435" s="55"/>
      <c r="U2435" s="55"/>
      <c r="V2435" s="55"/>
      <c r="W2435" s="55"/>
      <c r="X2435" s="55"/>
      <c r="Y2435" s="55"/>
      <c r="Z2435" s="55"/>
      <c r="AA2435" s="55"/>
      <c r="AB2435" s="55"/>
      <c r="AC2435" s="55"/>
      <c r="AD2435" s="55"/>
      <c r="AE2435" s="55"/>
      <c r="AF2435" s="55"/>
      <c r="AG2435" s="55"/>
      <c r="AY2435" s="162"/>
      <c r="AZ2435" s="162"/>
      <c r="BA2435" s="162"/>
      <c r="BB2435" s="162"/>
      <c r="BC2435" s="162"/>
      <c r="BD2435" s="162"/>
      <c r="BE2435" s="162"/>
      <c r="BF2435" s="162"/>
      <c r="BG2435" s="162"/>
      <c r="BH2435" s="162"/>
      <c r="BI2435" s="162"/>
      <c r="BJ2435" s="162"/>
      <c r="BK2435" s="162"/>
      <c r="BL2435" s="162"/>
      <c r="BM2435" s="162"/>
      <c r="BN2435" s="162"/>
      <c r="BO2435" s="162"/>
      <c r="BP2435" s="162"/>
      <c r="BQ2435" s="162"/>
      <c r="BR2435" s="162"/>
      <c r="BS2435" s="162"/>
      <c r="BT2435" s="162"/>
      <c r="BU2435" s="162"/>
      <c r="BV2435" s="162"/>
      <c r="BW2435" s="162"/>
      <c r="BX2435" s="162"/>
      <c r="BY2435" s="162"/>
      <c r="BZ2435" s="162"/>
      <c r="CA2435" s="162"/>
      <c r="CB2435" s="162"/>
      <c r="CC2435" s="162"/>
      <c r="CD2435" s="162"/>
      <c r="CE2435" s="162"/>
      <c r="CF2435" s="162"/>
      <c r="CG2435" s="162"/>
      <c r="CH2435" s="162"/>
      <c r="CI2435" s="162"/>
      <c r="CJ2435" s="162"/>
      <c r="CK2435" s="162"/>
      <c r="CX2435" s="98"/>
      <c r="DL2435" s="97"/>
      <c r="DX2435" s="98"/>
      <c r="EL2435" s="97"/>
      <c r="EX2435" s="98"/>
      <c r="EY2435" s="97"/>
      <c r="FL2435" s="126"/>
      <c r="FM2435" s="91"/>
      <c r="FN2435" s="91"/>
      <c r="FO2435" s="91"/>
      <c r="FP2435" s="91"/>
      <c r="FQ2435" s="91"/>
      <c r="FR2435" s="91"/>
      <c r="FS2435" s="91"/>
      <c r="FT2435" s="91"/>
      <c r="FU2435" s="91"/>
      <c r="FV2435" s="91"/>
      <c r="FW2435" s="91"/>
      <c r="FX2435" s="91"/>
      <c r="FY2435" s="91"/>
      <c r="FZ2435" s="91"/>
      <c r="GA2435" s="91"/>
      <c r="GB2435" s="91"/>
      <c r="GC2435" s="91"/>
      <c r="GD2435" s="91"/>
      <c r="GE2435" s="91"/>
      <c r="GF2435" s="91"/>
      <c r="GG2435" s="91"/>
      <c r="GH2435" s="91"/>
      <c r="GI2435" s="91"/>
      <c r="GJ2435" s="91"/>
      <c r="GK2435" s="127"/>
      <c r="GL2435" s="126"/>
      <c r="GM2435" s="91"/>
      <c r="GN2435" s="91"/>
      <c r="GO2435" s="91"/>
      <c r="GP2435" s="91"/>
      <c r="GQ2435" s="91"/>
      <c r="GR2435" s="91"/>
      <c r="GS2435" s="91"/>
      <c r="GT2435" s="91"/>
      <c r="GU2435" s="91"/>
      <c r="GV2435" s="91"/>
      <c r="GW2435" s="91"/>
      <c r="GX2435" s="91"/>
      <c r="GY2435" s="91"/>
      <c r="GZ2435" s="91"/>
      <c r="HA2435" s="91"/>
      <c r="HB2435" s="91"/>
      <c r="HC2435" s="91"/>
      <c r="HD2435" s="91"/>
      <c r="HE2435" s="91"/>
      <c r="HF2435" s="91"/>
      <c r="HG2435" s="91"/>
      <c r="HH2435" s="91"/>
      <c r="HI2435" s="91"/>
      <c r="HJ2435" s="91"/>
      <c r="HK2435" s="127"/>
      <c r="HL2435" s="126"/>
      <c r="HM2435" s="91"/>
      <c r="HN2435" s="91"/>
      <c r="HO2435" s="91"/>
      <c r="HP2435" s="91"/>
      <c r="HQ2435" s="91"/>
      <c r="HR2435" s="91"/>
      <c r="HS2435" s="91"/>
      <c r="HT2435" s="91"/>
      <c r="HU2435" s="91"/>
      <c r="HV2435" s="91"/>
      <c r="HW2435" s="91"/>
      <c r="HX2435" s="91"/>
      <c r="HY2435" s="91"/>
      <c r="HZ2435" s="91"/>
      <c r="IA2435" s="91"/>
      <c r="IB2435" s="91"/>
      <c r="IC2435" s="91"/>
      <c r="ID2435" s="91"/>
      <c r="IE2435" s="91"/>
      <c r="IF2435" s="91"/>
      <c r="IG2435" s="91"/>
      <c r="IH2435" s="91"/>
      <c r="II2435" s="91"/>
      <c r="IJ2435" s="91"/>
      <c r="IK2435" s="127"/>
    </row>
    <row r="2436" spans="2:245" x14ac:dyDescent="0.2">
      <c r="B2436" s="43"/>
      <c r="C2436" s="73"/>
      <c r="D2436" s="64"/>
      <c r="E2436" s="64"/>
      <c r="F2436" s="55"/>
      <c r="G2436" s="102"/>
      <c r="H2436" s="55"/>
      <c r="I2436" s="55"/>
      <c r="J2436" s="55"/>
      <c r="K2436" s="55"/>
      <c r="L2436" s="55"/>
      <c r="M2436" s="55"/>
      <c r="N2436" s="55"/>
      <c r="O2436" s="55"/>
      <c r="P2436" s="55"/>
      <c r="Q2436" s="55"/>
      <c r="R2436" s="55"/>
      <c r="S2436" s="55"/>
      <c r="T2436" s="55"/>
      <c r="U2436" s="55"/>
      <c r="V2436" s="55"/>
      <c r="W2436" s="55"/>
      <c r="X2436" s="55"/>
      <c r="Y2436" s="55"/>
      <c r="Z2436" s="55"/>
      <c r="AA2436" s="55"/>
      <c r="AB2436" s="55"/>
      <c r="AC2436" s="55"/>
      <c r="AD2436" s="55"/>
      <c r="AE2436" s="55"/>
      <c r="AF2436" s="55"/>
      <c r="AG2436" s="55"/>
      <c r="AY2436" s="162"/>
      <c r="AZ2436" s="162"/>
      <c r="BA2436" s="162"/>
      <c r="BB2436" s="162"/>
      <c r="BC2436" s="162"/>
      <c r="BD2436" s="162"/>
      <c r="BE2436" s="162"/>
      <c r="BF2436" s="162"/>
      <c r="BG2436" s="162"/>
      <c r="BH2436" s="162"/>
      <c r="BI2436" s="162"/>
      <c r="BJ2436" s="162"/>
      <c r="BK2436" s="162"/>
      <c r="BL2436" s="162"/>
      <c r="BM2436" s="162"/>
      <c r="BN2436" s="162"/>
      <c r="BO2436" s="162"/>
      <c r="BP2436" s="162"/>
      <c r="BQ2436" s="162"/>
      <c r="BR2436" s="162"/>
      <c r="BS2436" s="162"/>
      <c r="BT2436" s="162"/>
      <c r="BU2436" s="162"/>
      <c r="BV2436" s="162"/>
      <c r="BW2436" s="162"/>
      <c r="BX2436" s="162"/>
      <c r="BY2436" s="162"/>
      <c r="BZ2436" s="162"/>
      <c r="CA2436" s="162"/>
      <c r="CB2436" s="162"/>
      <c r="CC2436" s="162"/>
      <c r="CD2436" s="162"/>
      <c r="CE2436" s="162"/>
      <c r="CF2436" s="162"/>
      <c r="CG2436" s="162"/>
      <c r="CH2436" s="162"/>
      <c r="CI2436" s="162"/>
      <c r="CJ2436" s="162"/>
      <c r="CK2436" s="162"/>
      <c r="CX2436" s="98"/>
      <c r="DL2436" s="97"/>
      <c r="DX2436" s="98"/>
      <c r="EL2436" s="97"/>
      <c r="EX2436" s="98"/>
      <c r="EY2436" s="97"/>
      <c r="FL2436" s="126"/>
      <c r="FM2436" s="91"/>
      <c r="FN2436" s="91"/>
      <c r="FO2436" s="91"/>
      <c r="FP2436" s="91"/>
      <c r="FQ2436" s="91"/>
      <c r="FR2436" s="91"/>
      <c r="FS2436" s="91"/>
      <c r="FT2436" s="91"/>
      <c r="FU2436" s="91"/>
      <c r="FV2436" s="91"/>
      <c r="FW2436" s="91"/>
      <c r="FX2436" s="91"/>
      <c r="FY2436" s="91"/>
      <c r="FZ2436" s="91"/>
      <c r="GA2436" s="91"/>
      <c r="GB2436" s="91"/>
      <c r="GC2436" s="91"/>
      <c r="GD2436" s="91"/>
      <c r="GE2436" s="91"/>
      <c r="GF2436" s="91"/>
      <c r="GG2436" s="91"/>
      <c r="GH2436" s="91"/>
      <c r="GI2436" s="91"/>
      <c r="GJ2436" s="91"/>
      <c r="GK2436" s="127"/>
      <c r="GL2436" s="126"/>
      <c r="GM2436" s="91"/>
      <c r="GN2436" s="91"/>
      <c r="GO2436" s="91"/>
      <c r="GP2436" s="91"/>
      <c r="GQ2436" s="91"/>
      <c r="GR2436" s="91"/>
      <c r="GS2436" s="91"/>
      <c r="GT2436" s="91"/>
      <c r="GU2436" s="91"/>
      <c r="GV2436" s="91"/>
      <c r="GW2436" s="91"/>
      <c r="GX2436" s="91"/>
      <c r="GY2436" s="91"/>
      <c r="GZ2436" s="91"/>
      <c r="HA2436" s="91"/>
      <c r="HB2436" s="91"/>
      <c r="HC2436" s="91"/>
      <c r="HD2436" s="91"/>
      <c r="HE2436" s="91"/>
      <c r="HF2436" s="91"/>
      <c r="HG2436" s="91"/>
      <c r="HH2436" s="91"/>
      <c r="HI2436" s="91"/>
      <c r="HJ2436" s="91"/>
      <c r="HK2436" s="127"/>
      <c r="HL2436" s="126"/>
      <c r="HM2436" s="91"/>
      <c r="HN2436" s="91"/>
      <c r="HO2436" s="91"/>
      <c r="HP2436" s="91"/>
      <c r="HQ2436" s="91"/>
      <c r="HR2436" s="91"/>
      <c r="HS2436" s="91"/>
      <c r="HT2436" s="91"/>
      <c r="HU2436" s="91"/>
      <c r="HV2436" s="91"/>
      <c r="HW2436" s="91"/>
      <c r="HX2436" s="91"/>
      <c r="HY2436" s="91"/>
      <c r="HZ2436" s="91"/>
      <c r="IA2436" s="91"/>
      <c r="IB2436" s="91"/>
      <c r="IC2436" s="91"/>
      <c r="ID2436" s="91"/>
      <c r="IE2436" s="91"/>
      <c r="IF2436" s="91"/>
      <c r="IG2436" s="91"/>
      <c r="IH2436" s="91"/>
      <c r="II2436" s="91"/>
      <c r="IJ2436" s="91"/>
      <c r="IK2436" s="127"/>
    </row>
    <row r="2437" spans="2:245" x14ac:dyDescent="0.2">
      <c r="B2437" s="43"/>
      <c r="C2437" s="73"/>
      <c r="D2437" s="64"/>
      <c r="E2437" s="64"/>
      <c r="F2437" s="55"/>
      <c r="G2437" s="102"/>
      <c r="H2437" s="55"/>
      <c r="I2437" s="55"/>
      <c r="J2437" s="55"/>
      <c r="K2437" s="55"/>
      <c r="L2437" s="55"/>
      <c r="M2437" s="55"/>
      <c r="N2437" s="55"/>
      <c r="O2437" s="55"/>
      <c r="P2437" s="55"/>
      <c r="Q2437" s="55"/>
      <c r="R2437" s="55"/>
      <c r="S2437" s="55"/>
      <c r="T2437" s="55"/>
      <c r="U2437" s="55"/>
      <c r="V2437" s="55"/>
      <c r="W2437" s="55"/>
      <c r="X2437" s="55"/>
      <c r="Y2437" s="55"/>
      <c r="Z2437" s="55"/>
      <c r="AA2437" s="55"/>
      <c r="AB2437" s="55"/>
      <c r="AC2437" s="55"/>
      <c r="AD2437" s="55"/>
      <c r="AE2437" s="55"/>
      <c r="AF2437" s="55"/>
      <c r="AG2437" s="55"/>
      <c r="AY2437" s="162"/>
      <c r="AZ2437" s="162"/>
      <c r="BA2437" s="162"/>
      <c r="BB2437" s="162"/>
      <c r="BC2437" s="162"/>
      <c r="BD2437" s="162"/>
      <c r="BE2437" s="162"/>
      <c r="BF2437" s="162"/>
      <c r="BG2437" s="162"/>
      <c r="BH2437" s="162"/>
      <c r="BI2437" s="162"/>
      <c r="BJ2437" s="162"/>
      <c r="BK2437" s="162"/>
      <c r="BL2437" s="162"/>
      <c r="BM2437" s="162"/>
      <c r="BN2437" s="162"/>
      <c r="BO2437" s="162"/>
      <c r="BP2437" s="162"/>
      <c r="BQ2437" s="162"/>
      <c r="BR2437" s="162"/>
      <c r="BS2437" s="162"/>
      <c r="BT2437" s="162"/>
      <c r="BU2437" s="162"/>
      <c r="BV2437" s="162"/>
      <c r="BW2437" s="162"/>
      <c r="BX2437" s="162"/>
      <c r="BY2437" s="162"/>
      <c r="BZ2437" s="162"/>
      <c r="CA2437" s="162"/>
      <c r="CB2437" s="162"/>
      <c r="CC2437" s="162"/>
      <c r="CD2437" s="162"/>
      <c r="CE2437" s="162"/>
      <c r="CF2437" s="162"/>
      <c r="CG2437" s="162"/>
      <c r="CH2437" s="162"/>
      <c r="CI2437" s="162"/>
      <c r="CJ2437" s="162"/>
      <c r="CK2437" s="162"/>
      <c r="CX2437" s="98"/>
      <c r="DL2437" s="97"/>
      <c r="DX2437" s="98"/>
      <c r="EL2437" s="97"/>
      <c r="EX2437" s="98"/>
      <c r="EY2437" s="97"/>
      <c r="FL2437" s="126"/>
      <c r="FM2437" s="91"/>
      <c r="FN2437" s="91"/>
      <c r="FO2437" s="91"/>
      <c r="FP2437" s="91"/>
      <c r="FQ2437" s="91"/>
      <c r="FR2437" s="91"/>
      <c r="FS2437" s="91"/>
      <c r="FT2437" s="91"/>
      <c r="FU2437" s="91"/>
      <c r="FV2437" s="91"/>
      <c r="FW2437" s="91"/>
      <c r="FX2437" s="91"/>
      <c r="FY2437" s="91"/>
      <c r="FZ2437" s="91"/>
      <c r="GA2437" s="91"/>
      <c r="GB2437" s="91"/>
      <c r="GC2437" s="91"/>
      <c r="GD2437" s="91"/>
      <c r="GE2437" s="91"/>
      <c r="GF2437" s="91"/>
      <c r="GG2437" s="91"/>
      <c r="GH2437" s="91"/>
      <c r="GI2437" s="91"/>
      <c r="GJ2437" s="91"/>
      <c r="GK2437" s="127"/>
      <c r="GL2437" s="126"/>
      <c r="GM2437" s="91"/>
      <c r="GN2437" s="91"/>
      <c r="GO2437" s="91"/>
      <c r="GP2437" s="91"/>
      <c r="GQ2437" s="91"/>
      <c r="GR2437" s="91"/>
      <c r="GS2437" s="91"/>
      <c r="GT2437" s="91"/>
      <c r="GU2437" s="91"/>
      <c r="GV2437" s="91"/>
      <c r="GW2437" s="91"/>
      <c r="GX2437" s="91"/>
      <c r="GY2437" s="91"/>
      <c r="GZ2437" s="91"/>
      <c r="HA2437" s="91"/>
      <c r="HB2437" s="91"/>
      <c r="HC2437" s="91"/>
      <c r="HD2437" s="91"/>
      <c r="HE2437" s="91"/>
      <c r="HF2437" s="91"/>
      <c r="HG2437" s="91"/>
      <c r="HH2437" s="91"/>
      <c r="HI2437" s="91"/>
      <c r="HJ2437" s="91"/>
      <c r="HK2437" s="127"/>
      <c r="HL2437" s="126"/>
      <c r="HM2437" s="91"/>
      <c r="HN2437" s="91"/>
      <c r="HO2437" s="91"/>
      <c r="HP2437" s="91"/>
      <c r="HQ2437" s="91"/>
      <c r="HR2437" s="91"/>
      <c r="HS2437" s="91"/>
      <c r="HT2437" s="91"/>
      <c r="HU2437" s="91"/>
      <c r="HV2437" s="91"/>
      <c r="HW2437" s="91"/>
      <c r="HX2437" s="91"/>
      <c r="HY2437" s="91"/>
      <c r="HZ2437" s="91"/>
      <c r="IA2437" s="91"/>
      <c r="IB2437" s="91"/>
      <c r="IC2437" s="91"/>
      <c r="ID2437" s="91"/>
      <c r="IE2437" s="91"/>
      <c r="IF2437" s="91"/>
      <c r="IG2437" s="91"/>
      <c r="IH2437" s="91"/>
      <c r="II2437" s="91"/>
      <c r="IJ2437" s="91"/>
      <c r="IK2437" s="127"/>
    </row>
    <row r="2438" spans="2:245" ht="13.5" thickBot="1" x14ac:dyDescent="0.25">
      <c r="B2438" s="43"/>
      <c r="C2438" s="73"/>
      <c r="D2438" s="64"/>
      <c r="E2438" s="64"/>
      <c r="F2438" s="55"/>
      <c r="G2438" s="102"/>
      <c r="H2438" s="55"/>
      <c r="I2438" s="55"/>
      <c r="J2438" s="55"/>
      <c r="K2438" s="55"/>
      <c r="L2438" s="55"/>
      <c r="M2438" s="55"/>
      <c r="N2438" s="55"/>
      <c r="O2438" s="55"/>
      <c r="P2438" s="55"/>
      <c r="Q2438" s="55"/>
      <c r="R2438" s="55"/>
      <c r="S2438" s="55"/>
      <c r="T2438" s="55"/>
      <c r="U2438" s="55"/>
      <c r="V2438" s="55"/>
      <c r="W2438" s="55"/>
      <c r="X2438" s="55"/>
      <c r="Y2438" s="55"/>
      <c r="Z2438" s="55"/>
      <c r="AA2438" s="55"/>
      <c r="AB2438" s="55"/>
      <c r="AC2438" s="55"/>
      <c r="AD2438" s="55"/>
      <c r="AE2438" s="55"/>
      <c r="AF2438" s="55"/>
      <c r="AG2438" s="55"/>
      <c r="AY2438" s="162"/>
      <c r="AZ2438" s="162"/>
      <c r="BA2438" s="162"/>
      <c r="BB2438" s="162"/>
      <c r="BC2438" s="162"/>
      <c r="BD2438" s="162"/>
      <c r="BE2438" s="162"/>
      <c r="BF2438" s="162"/>
      <c r="BG2438" s="162"/>
      <c r="BH2438" s="162"/>
      <c r="BI2438" s="162"/>
      <c r="BJ2438" s="162"/>
      <c r="BK2438" s="162"/>
      <c r="BL2438" s="162"/>
      <c r="BM2438" s="162"/>
      <c r="BN2438" s="162"/>
      <c r="BO2438" s="162"/>
      <c r="BP2438" s="162"/>
      <c r="BQ2438" s="162"/>
      <c r="BR2438" s="162"/>
      <c r="BS2438" s="162"/>
      <c r="BT2438" s="162"/>
      <c r="BU2438" s="162"/>
      <c r="BV2438" s="162"/>
      <c r="BW2438" s="162"/>
      <c r="BX2438" s="162"/>
      <c r="BY2438" s="162"/>
      <c r="BZ2438" s="162"/>
      <c r="CA2438" s="162"/>
      <c r="CB2438" s="162"/>
      <c r="CC2438" s="162"/>
      <c r="CD2438" s="162"/>
      <c r="CE2438" s="162"/>
      <c r="CF2438" s="162"/>
      <c r="CG2438" s="162"/>
      <c r="CH2438" s="162"/>
      <c r="CI2438" s="162"/>
      <c r="CJ2438" s="162"/>
      <c r="CK2438" s="162"/>
      <c r="CL2438" s="166"/>
      <c r="CM2438" s="166"/>
      <c r="CN2438" s="166"/>
      <c r="CO2438" s="166"/>
      <c r="CP2438" s="166"/>
      <c r="CQ2438" s="166"/>
      <c r="CR2438" s="166"/>
      <c r="CS2438" s="166"/>
      <c r="CT2438" s="166"/>
      <c r="CU2438" s="166"/>
      <c r="CV2438" s="166"/>
      <c r="CW2438" s="166"/>
      <c r="CX2438" s="176"/>
      <c r="CY2438" s="166"/>
      <c r="CZ2438" s="166"/>
      <c r="DA2438" s="166"/>
      <c r="DB2438" s="166"/>
      <c r="DC2438" s="166"/>
      <c r="DD2438" s="166"/>
      <c r="DE2438" s="166"/>
      <c r="DF2438" s="166"/>
      <c r="DG2438" s="166"/>
      <c r="DH2438" s="166"/>
      <c r="DI2438" s="166"/>
      <c r="DJ2438" s="166"/>
      <c r="DK2438" s="166"/>
      <c r="DL2438" s="175"/>
      <c r="DM2438" s="166"/>
      <c r="DN2438" s="166"/>
      <c r="DO2438" s="166"/>
      <c r="DP2438" s="166"/>
      <c r="DQ2438" s="166"/>
      <c r="DR2438" s="166"/>
      <c r="DS2438" s="166"/>
      <c r="DT2438" s="166"/>
      <c r="DU2438" s="166"/>
      <c r="DV2438" s="166"/>
      <c r="DW2438" s="166"/>
      <c r="DX2438" s="176"/>
      <c r="DY2438" s="166"/>
      <c r="DZ2438" s="166"/>
      <c r="EA2438" s="166"/>
      <c r="EB2438" s="166"/>
      <c r="EC2438" s="166"/>
      <c r="ED2438" s="166"/>
      <c r="EE2438" s="166"/>
      <c r="EF2438" s="166"/>
      <c r="EG2438" s="166"/>
      <c r="EH2438" s="166"/>
      <c r="EI2438" s="166"/>
      <c r="EJ2438" s="166"/>
      <c r="EK2438" s="166"/>
      <c r="EL2438" s="175"/>
      <c r="EM2438" s="166"/>
      <c r="EN2438" s="166"/>
      <c r="EO2438" s="166"/>
      <c r="EP2438" s="166"/>
      <c r="EQ2438" s="166"/>
      <c r="ER2438" s="166"/>
      <c r="ES2438" s="166"/>
      <c r="ET2438" s="166"/>
      <c r="EU2438" s="166"/>
      <c r="EV2438" s="166"/>
      <c r="EW2438" s="166"/>
      <c r="EX2438" s="176"/>
      <c r="EY2438" s="175"/>
      <c r="EZ2438" s="166"/>
      <c r="FA2438" s="166"/>
      <c r="FB2438" s="166"/>
      <c r="FC2438" s="166"/>
      <c r="FD2438" s="166"/>
      <c r="FE2438" s="166"/>
      <c r="FF2438" s="166"/>
      <c r="FG2438" s="166"/>
      <c r="FH2438" s="166"/>
      <c r="FI2438" s="166"/>
      <c r="FJ2438" s="166"/>
      <c r="FK2438" s="166"/>
      <c r="FL2438" s="126"/>
      <c r="FM2438" s="91"/>
      <c r="FN2438" s="91"/>
      <c r="FO2438" s="91"/>
      <c r="FP2438" s="91"/>
      <c r="FQ2438" s="91"/>
      <c r="FR2438" s="91"/>
      <c r="FS2438" s="91"/>
      <c r="FT2438" s="91"/>
      <c r="FU2438" s="91"/>
      <c r="FV2438" s="91"/>
      <c r="FW2438" s="91"/>
      <c r="FX2438" s="91"/>
      <c r="FY2438" s="91"/>
      <c r="FZ2438" s="91"/>
      <c r="GA2438" s="91"/>
      <c r="GB2438" s="91"/>
      <c r="GC2438" s="91"/>
      <c r="GD2438" s="91"/>
      <c r="GE2438" s="91"/>
      <c r="GF2438" s="91"/>
      <c r="GG2438" s="91"/>
      <c r="GH2438" s="91"/>
      <c r="GI2438" s="91"/>
      <c r="GJ2438" s="91"/>
      <c r="GK2438" s="127"/>
      <c r="GL2438" s="126"/>
      <c r="GM2438" s="91"/>
      <c r="GN2438" s="91"/>
      <c r="GO2438" s="91"/>
      <c r="GP2438" s="91"/>
      <c r="GQ2438" s="91"/>
      <c r="GR2438" s="91"/>
      <c r="GS2438" s="91"/>
      <c r="GT2438" s="91"/>
      <c r="GU2438" s="91"/>
      <c r="GV2438" s="91"/>
      <c r="GW2438" s="91"/>
      <c r="GX2438" s="91"/>
      <c r="GY2438" s="91"/>
      <c r="GZ2438" s="91"/>
      <c r="HA2438" s="91"/>
      <c r="HB2438" s="91"/>
      <c r="HC2438" s="91"/>
      <c r="HD2438" s="91"/>
      <c r="HE2438" s="91"/>
      <c r="HF2438" s="91"/>
      <c r="HG2438" s="91"/>
      <c r="HH2438" s="91"/>
      <c r="HI2438" s="91"/>
      <c r="HJ2438" s="91"/>
      <c r="HK2438" s="127"/>
      <c r="HL2438" s="126"/>
      <c r="HM2438" s="91"/>
      <c r="HN2438" s="91"/>
      <c r="HO2438" s="91"/>
      <c r="HP2438" s="91"/>
      <c r="HQ2438" s="91"/>
      <c r="HR2438" s="91"/>
      <c r="HS2438" s="91"/>
      <c r="HT2438" s="91"/>
      <c r="HU2438" s="91"/>
      <c r="HV2438" s="91"/>
      <c r="HW2438" s="91"/>
      <c r="HX2438" s="91"/>
      <c r="HY2438" s="91"/>
      <c r="HZ2438" s="91"/>
      <c r="IA2438" s="91"/>
      <c r="IB2438" s="91"/>
      <c r="IC2438" s="91"/>
      <c r="ID2438" s="91"/>
      <c r="IE2438" s="91"/>
      <c r="IF2438" s="91"/>
      <c r="IG2438" s="91"/>
      <c r="IH2438" s="91"/>
      <c r="II2438" s="91"/>
      <c r="IJ2438" s="91"/>
      <c r="IK2438" s="127"/>
    </row>
    <row r="2439" spans="2:245" x14ac:dyDescent="0.2">
      <c r="B2439" s="43"/>
      <c r="C2439" s="73"/>
      <c r="D2439" s="64"/>
      <c r="E2439" s="64"/>
      <c r="F2439" s="55"/>
      <c r="G2439" s="102"/>
      <c r="H2439" s="55"/>
      <c r="I2439" s="55"/>
      <c r="J2439" s="55"/>
      <c r="K2439" s="55"/>
      <c r="L2439" s="55"/>
      <c r="M2439" s="55"/>
      <c r="N2439" s="55"/>
      <c r="O2439" s="55"/>
      <c r="P2439" s="55"/>
      <c r="Q2439" s="55"/>
      <c r="R2439" s="55"/>
      <c r="S2439" s="55"/>
      <c r="T2439" s="55"/>
      <c r="U2439" s="55"/>
      <c r="V2439" s="55"/>
      <c r="W2439" s="55"/>
      <c r="X2439" s="55"/>
      <c r="Y2439" s="55"/>
      <c r="Z2439" s="55"/>
      <c r="AA2439" s="55"/>
      <c r="AB2439" s="55"/>
      <c r="AC2439" s="55"/>
      <c r="AD2439" s="55"/>
      <c r="AE2439" s="55"/>
      <c r="AF2439" s="55"/>
      <c r="AG2439" s="55"/>
      <c r="AY2439" s="162"/>
      <c r="AZ2439" s="162"/>
      <c r="BA2439" s="162"/>
      <c r="BB2439" s="162"/>
      <c r="BC2439" s="162"/>
      <c r="BD2439" s="162"/>
      <c r="BE2439" s="162"/>
      <c r="BF2439" s="162"/>
      <c r="BG2439" s="162"/>
      <c r="BH2439" s="162"/>
      <c r="BI2439" s="162"/>
      <c r="BJ2439" s="162"/>
      <c r="BK2439" s="162"/>
      <c r="BL2439" s="162"/>
      <c r="BM2439" s="162"/>
      <c r="BN2439" s="162"/>
      <c r="BO2439" s="162"/>
      <c r="BP2439" s="162"/>
      <c r="BQ2439" s="162"/>
      <c r="BR2439" s="162"/>
      <c r="BS2439" s="162"/>
      <c r="BT2439" s="162"/>
      <c r="BU2439" s="162"/>
      <c r="BV2439" s="162"/>
      <c r="BW2439" s="162"/>
      <c r="BX2439" s="162"/>
      <c r="BY2439" s="162"/>
      <c r="BZ2439" s="162"/>
      <c r="CA2439" s="162"/>
      <c r="CB2439" s="162"/>
      <c r="CC2439" s="162"/>
      <c r="CD2439" s="162"/>
      <c r="CE2439" s="162"/>
      <c r="CF2439" s="162"/>
      <c r="CG2439" s="162"/>
      <c r="CH2439" s="162"/>
      <c r="CI2439" s="162"/>
      <c r="CJ2439" s="162"/>
      <c r="CK2439" s="162"/>
      <c r="CX2439" s="98"/>
      <c r="DL2439" s="97"/>
      <c r="DX2439" s="98"/>
      <c r="EL2439" s="97"/>
      <c r="EX2439" s="98"/>
      <c r="EY2439" s="97"/>
      <c r="FL2439" s="126"/>
      <c r="FM2439" s="91"/>
      <c r="FN2439" s="91"/>
      <c r="FO2439" s="91"/>
      <c r="FP2439" s="91"/>
      <c r="FQ2439" s="91"/>
      <c r="FR2439" s="91"/>
      <c r="FS2439" s="91"/>
      <c r="FT2439" s="91"/>
      <c r="FU2439" s="91"/>
      <c r="FV2439" s="91"/>
      <c r="FW2439" s="91"/>
      <c r="FX2439" s="91"/>
      <c r="FY2439" s="91"/>
      <c r="FZ2439" s="91"/>
      <c r="GA2439" s="91"/>
      <c r="GB2439" s="91"/>
      <c r="GC2439" s="91"/>
      <c r="GD2439" s="91"/>
      <c r="GE2439" s="91"/>
      <c r="GF2439" s="91"/>
      <c r="GG2439" s="91"/>
      <c r="GH2439" s="91"/>
      <c r="GI2439" s="91"/>
      <c r="GJ2439" s="91"/>
      <c r="GK2439" s="127"/>
      <c r="GL2439" s="126"/>
      <c r="GM2439" s="91"/>
      <c r="GN2439" s="91"/>
      <c r="GO2439" s="91"/>
      <c r="GP2439" s="91"/>
      <c r="GQ2439" s="91"/>
      <c r="GR2439" s="91"/>
      <c r="GS2439" s="91"/>
      <c r="GT2439" s="91"/>
      <c r="GU2439" s="91"/>
      <c r="GV2439" s="91"/>
      <c r="GW2439" s="91"/>
      <c r="GX2439" s="91"/>
      <c r="GY2439" s="91"/>
      <c r="GZ2439" s="91"/>
      <c r="HA2439" s="91"/>
      <c r="HB2439" s="91"/>
      <c r="HC2439" s="91"/>
      <c r="HD2439" s="91"/>
      <c r="HE2439" s="91"/>
      <c r="HF2439" s="91"/>
      <c r="HG2439" s="91"/>
      <c r="HH2439" s="91"/>
      <c r="HI2439" s="91"/>
      <c r="HJ2439" s="91"/>
      <c r="HK2439" s="127"/>
      <c r="HL2439" s="126"/>
      <c r="HM2439" s="91"/>
      <c r="HN2439" s="91"/>
      <c r="HO2439" s="91"/>
      <c r="HP2439" s="91"/>
      <c r="HQ2439" s="91"/>
      <c r="HR2439" s="91"/>
      <c r="HS2439" s="91"/>
      <c r="HT2439" s="91"/>
      <c r="HU2439" s="91"/>
      <c r="HV2439" s="91"/>
      <c r="HW2439" s="91"/>
      <c r="HX2439" s="91"/>
      <c r="HY2439" s="91"/>
      <c r="HZ2439" s="91"/>
      <c r="IA2439" s="91"/>
      <c r="IB2439" s="91"/>
      <c r="IC2439" s="91"/>
      <c r="ID2439" s="91"/>
      <c r="IE2439" s="91"/>
      <c r="IF2439" s="91"/>
      <c r="IG2439" s="91"/>
      <c r="IH2439" s="91"/>
      <c r="II2439" s="91"/>
      <c r="IJ2439" s="91"/>
      <c r="IK2439" s="127"/>
    </row>
    <row r="2440" spans="2:245" x14ac:dyDescent="0.2">
      <c r="B2440" s="43"/>
      <c r="C2440" s="73"/>
      <c r="D2440" s="64"/>
      <c r="E2440" s="64"/>
      <c r="F2440" s="55"/>
      <c r="G2440" s="102"/>
      <c r="H2440" s="55"/>
      <c r="I2440" s="55"/>
      <c r="J2440" s="55"/>
      <c r="K2440" s="55"/>
      <c r="L2440" s="55"/>
      <c r="M2440" s="55"/>
      <c r="N2440" s="55"/>
      <c r="O2440" s="55"/>
      <c r="P2440" s="55"/>
      <c r="Q2440" s="55"/>
      <c r="R2440" s="55"/>
      <c r="S2440" s="55"/>
      <c r="T2440" s="55"/>
      <c r="U2440" s="55"/>
      <c r="V2440" s="55"/>
      <c r="W2440" s="55"/>
      <c r="X2440" s="55"/>
      <c r="Y2440" s="55"/>
      <c r="Z2440" s="55"/>
      <c r="AA2440" s="55"/>
      <c r="AB2440" s="55"/>
      <c r="AC2440" s="55"/>
      <c r="AD2440" s="55"/>
      <c r="AE2440" s="55"/>
      <c r="AF2440" s="55"/>
      <c r="AG2440" s="55"/>
      <c r="AY2440" s="162"/>
      <c r="AZ2440" s="162"/>
      <c r="BA2440" s="162"/>
      <c r="BB2440" s="162"/>
      <c r="BC2440" s="162"/>
      <c r="BD2440" s="162"/>
      <c r="BE2440" s="162"/>
      <c r="BF2440" s="162"/>
      <c r="BG2440" s="162"/>
      <c r="BH2440" s="162"/>
      <c r="BI2440" s="162"/>
      <c r="BJ2440" s="162"/>
      <c r="BK2440" s="162"/>
      <c r="BL2440" s="162"/>
      <c r="BM2440" s="162"/>
      <c r="BN2440" s="162"/>
      <c r="BO2440" s="162"/>
      <c r="BP2440" s="162"/>
      <c r="BQ2440" s="162"/>
      <c r="BR2440" s="162"/>
      <c r="BS2440" s="162"/>
      <c r="BT2440" s="162"/>
      <c r="BU2440" s="162"/>
      <c r="BV2440" s="162"/>
      <c r="BW2440" s="162"/>
      <c r="BX2440" s="162"/>
      <c r="BY2440" s="162"/>
      <c r="BZ2440" s="162"/>
      <c r="CA2440" s="162"/>
      <c r="CB2440" s="162"/>
      <c r="CC2440" s="162"/>
      <c r="CD2440" s="162"/>
      <c r="CE2440" s="162"/>
      <c r="CF2440" s="162"/>
      <c r="CG2440" s="162"/>
      <c r="CH2440" s="162"/>
      <c r="CI2440" s="162"/>
      <c r="CJ2440" s="162"/>
      <c r="CK2440" s="162"/>
      <c r="CX2440" s="98"/>
      <c r="DL2440" s="97"/>
      <c r="DX2440" s="98"/>
      <c r="EL2440" s="97"/>
      <c r="EX2440" s="98"/>
      <c r="EY2440" s="97"/>
      <c r="FL2440" s="126"/>
      <c r="FM2440" s="91"/>
      <c r="FN2440" s="91"/>
      <c r="FO2440" s="91"/>
      <c r="FP2440" s="91"/>
      <c r="FQ2440" s="91"/>
      <c r="FR2440" s="91"/>
      <c r="FS2440" s="91"/>
      <c r="FT2440" s="91"/>
      <c r="FU2440" s="91"/>
      <c r="FV2440" s="91"/>
      <c r="FW2440" s="91"/>
      <c r="FX2440" s="91"/>
      <c r="FY2440" s="91"/>
      <c r="FZ2440" s="91"/>
      <c r="GA2440" s="91"/>
      <c r="GB2440" s="91"/>
      <c r="GC2440" s="91"/>
      <c r="GD2440" s="91"/>
      <c r="GE2440" s="91"/>
      <c r="GF2440" s="91"/>
      <c r="GG2440" s="91"/>
      <c r="GH2440" s="91"/>
      <c r="GI2440" s="91"/>
      <c r="GJ2440" s="91"/>
      <c r="GK2440" s="127"/>
      <c r="GL2440" s="126"/>
      <c r="GM2440" s="91"/>
      <c r="GN2440" s="91"/>
      <c r="GO2440" s="91"/>
      <c r="GP2440" s="91"/>
      <c r="GQ2440" s="91"/>
      <c r="GR2440" s="91"/>
      <c r="GS2440" s="91"/>
      <c r="GT2440" s="91"/>
      <c r="GU2440" s="91"/>
      <c r="GV2440" s="91"/>
      <c r="GW2440" s="91"/>
      <c r="GX2440" s="91"/>
      <c r="GY2440" s="91"/>
      <c r="GZ2440" s="91"/>
      <c r="HA2440" s="91"/>
      <c r="HB2440" s="91"/>
      <c r="HC2440" s="91"/>
      <c r="HD2440" s="91"/>
      <c r="HE2440" s="91"/>
      <c r="HF2440" s="91"/>
      <c r="HG2440" s="91"/>
      <c r="HH2440" s="91"/>
      <c r="HI2440" s="91"/>
      <c r="HJ2440" s="91"/>
      <c r="HK2440" s="127"/>
      <c r="HL2440" s="126"/>
      <c r="HM2440" s="91"/>
      <c r="HN2440" s="91"/>
      <c r="HO2440" s="91"/>
      <c r="HP2440" s="91"/>
      <c r="HQ2440" s="91"/>
      <c r="HR2440" s="91"/>
      <c r="HS2440" s="91"/>
      <c r="HT2440" s="91"/>
      <c r="HU2440" s="91"/>
      <c r="HV2440" s="91"/>
      <c r="HW2440" s="91"/>
      <c r="HX2440" s="91"/>
      <c r="HY2440" s="91"/>
      <c r="HZ2440" s="91"/>
      <c r="IA2440" s="91"/>
      <c r="IB2440" s="91"/>
      <c r="IC2440" s="91"/>
      <c r="ID2440" s="91"/>
      <c r="IE2440" s="91"/>
      <c r="IF2440" s="91"/>
      <c r="IG2440" s="91"/>
      <c r="IH2440" s="91"/>
      <c r="II2440" s="91"/>
      <c r="IJ2440" s="91"/>
      <c r="IK2440" s="127"/>
    </row>
    <row r="2441" spans="2:245" x14ac:dyDescent="0.2">
      <c r="B2441" s="43"/>
      <c r="C2441" s="73"/>
      <c r="D2441" s="64"/>
      <c r="E2441" s="64"/>
      <c r="F2441" s="55"/>
      <c r="G2441" s="102"/>
      <c r="H2441" s="55"/>
      <c r="I2441" s="55"/>
      <c r="J2441" s="55"/>
      <c r="K2441" s="55"/>
      <c r="L2441" s="55"/>
      <c r="M2441" s="55"/>
      <c r="N2441" s="55"/>
      <c r="O2441" s="55"/>
      <c r="P2441" s="55"/>
      <c r="Q2441" s="55"/>
      <c r="R2441" s="55"/>
      <c r="S2441" s="55"/>
      <c r="T2441" s="55"/>
      <c r="U2441" s="55"/>
      <c r="V2441" s="55"/>
      <c r="W2441" s="55"/>
      <c r="X2441" s="55"/>
      <c r="Y2441" s="55"/>
      <c r="Z2441" s="55"/>
      <c r="AA2441" s="55"/>
      <c r="AB2441" s="55"/>
      <c r="AC2441" s="55"/>
      <c r="AD2441" s="55"/>
      <c r="AE2441" s="55"/>
      <c r="AF2441" s="55"/>
      <c r="AG2441" s="55"/>
      <c r="AY2441" s="162"/>
      <c r="AZ2441" s="162"/>
      <c r="BA2441" s="162"/>
      <c r="BB2441" s="162"/>
      <c r="BC2441" s="162"/>
      <c r="BD2441" s="162"/>
      <c r="BE2441" s="162"/>
      <c r="BF2441" s="162"/>
      <c r="BG2441" s="162"/>
      <c r="BH2441" s="162"/>
      <c r="BI2441" s="162"/>
      <c r="BJ2441" s="162"/>
      <c r="BK2441" s="162"/>
      <c r="BL2441" s="162"/>
      <c r="BM2441" s="162"/>
      <c r="BN2441" s="162"/>
      <c r="BO2441" s="162"/>
      <c r="BP2441" s="162"/>
      <c r="BQ2441" s="162"/>
      <c r="BR2441" s="162"/>
      <c r="BS2441" s="162"/>
      <c r="BT2441" s="162"/>
      <c r="BU2441" s="162"/>
      <c r="BV2441" s="162"/>
      <c r="BW2441" s="162"/>
      <c r="BX2441" s="162"/>
      <c r="BY2441" s="162"/>
      <c r="BZ2441" s="162"/>
      <c r="CA2441" s="162"/>
      <c r="CB2441" s="162"/>
      <c r="CC2441" s="162"/>
      <c r="CD2441" s="162"/>
      <c r="CE2441" s="162"/>
      <c r="CF2441" s="162"/>
      <c r="CG2441" s="162"/>
      <c r="CH2441" s="162"/>
      <c r="CI2441" s="162"/>
      <c r="CJ2441" s="162"/>
      <c r="CK2441" s="162"/>
      <c r="CX2441" s="98"/>
      <c r="DL2441" s="97"/>
      <c r="DX2441" s="98"/>
      <c r="EL2441" s="97"/>
      <c r="EX2441" s="98"/>
      <c r="EY2441" s="97"/>
      <c r="FL2441" s="126"/>
      <c r="FM2441" s="91"/>
      <c r="FN2441" s="91"/>
      <c r="FO2441" s="91"/>
      <c r="FP2441" s="91"/>
      <c r="FQ2441" s="91"/>
      <c r="FR2441" s="91"/>
      <c r="FS2441" s="91"/>
      <c r="FT2441" s="91"/>
      <c r="FU2441" s="91"/>
      <c r="FV2441" s="91"/>
      <c r="FW2441" s="91"/>
      <c r="FX2441" s="91"/>
      <c r="FY2441" s="91"/>
      <c r="FZ2441" s="91"/>
      <c r="GA2441" s="91"/>
      <c r="GB2441" s="91"/>
      <c r="GC2441" s="91"/>
      <c r="GD2441" s="91"/>
      <c r="GE2441" s="91"/>
      <c r="GF2441" s="91"/>
      <c r="GG2441" s="91"/>
      <c r="GH2441" s="91"/>
      <c r="GI2441" s="91"/>
      <c r="GJ2441" s="91"/>
      <c r="GK2441" s="127"/>
      <c r="GL2441" s="126"/>
      <c r="GM2441" s="91"/>
      <c r="GN2441" s="91"/>
      <c r="GO2441" s="91"/>
      <c r="GP2441" s="91"/>
      <c r="GQ2441" s="91"/>
      <c r="GR2441" s="91"/>
      <c r="GS2441" s="91"/>
      <c r="GT2441" s="91"/>
      <c r="GU2441" s="91"/>
      <c r="GV2441" s="91"/>
      <c r="GW2441" s="91"/>
      <c r="GX2441" s="91"/>
      <c r="GY2441" s="91"/>
      <c r="GZ2441" s="91"/>
      <c r="HA2441" s="91"/>
      <c r="HB2441" s="91"/>
      <c r="HC2441" s="91"/>
      <c r="HD2441" s="91"/>
      <c r="HE2441" s="91"/>
      <c r="HF2441" s="91"/>
      <c r="HG2441" s="91"/>
      <c r="HH2441" s="91"/>
      <c r="HI2441" s="91"/>
      <c r="HJ2441" s="91"/>
      <c r="HK2441" s="127"/>
      <c r="HL2441" s="126"/>
      <c r="HM2441" s="91"/>
      <c r="HN2441" s="91"/>
      <c r="HO2441" s="91"/>
      <c r="HP2441" s="91"/>
      <c r="HQ2441" s="91"/>
      <c r="HR2441" s="91"/>
      <c r="HS2441" s="91"/>
      <c r="HT2441" s="91"/>
      <c r="HU2441" s="91"/>
      <c r="HV2441" s="91"/>
      <c r="HW2441" s="91"/>
      <c r="HX2441" s="91"/>
      <c r="HY2441" s="91"/>
      <c r="HZ2441" s="91"/>
      <c r="IA2441" s="91"/>
      <c r="IB2441" s="91"/>
      <c r="IC2441" s="91"/>
      <c r="ID2441" s="91"/>
      <c r="IE2441" s="91"/>
      <c r="IF2441" s="91"/>
      <c r="IG2441" s="91"/>
      <c r="IH2441" s="91"/>
      <c r="II2441" s="91"/>
      <c r="IJ2441" s="91"/>
      <c r="IK2441" s="127"/>
    </row>
    <row r="2442" spans="2:245" x14ac:dyDescent="0.2">
      <c r="B2442" s="43"/>
      <c r="C2442" s="73"/>
      <c r="D2442" s="64"/>
      <c r="E2442" s="64"/>
      <c r="F2442" s="55"/>
      <c r="G2442" s="102"/>
      <c r="H2442" s="55"/>
      <c r="I2442" s="55"/>
      <c r="J2442" s="55"/>
      <c r="K2442" s="55"/>
      <c r="L2442" s="55"/>
      <c r="M2442" s="55"/>
      <c r="N2442" s="55"/>
      <c r="O2442" s="55"/>
      <c r="P2442" s="55"/>
      <c r="Q2442" s="55"/>
      <c r="R2442" s="55"/>
      <c r="S2442" s="55"/>
      <c r="T2442" s="55"/>
      <c r="U2442" s="55"/>
      <c r="V2442" s="55"/>
      <c r="W2442" s="55"/>
      <c r="X2442" s="55"/>
      <c r="Y2442" s="55"/>
      <c r="Z2442" s="55"/>
      <c r="AA2442" s="55"/>
      <c r="AB2442" s="55"/>
      <c r="AC2442" s="55"/>
      <c r="AD2442" s="55"/>
      <c r="AE2442" s="55"/>
      <c r="AF2442" s="55"/>
      <c r="AG2442" s="55"/>
      <c r="AY2442" s="162"/>
      <c r="AZ2442" s="162"/>
      <c r="BA2442" s="162"/>
      <c r="BB2442" s="162"/>
      <c r="BC2442" s="162"/>
      <c r="BD2442" s="162"/>
      <c r="BE2442" s="162"/>
      <c r="BF2442" s="162"/>
      <c r="BG2442" s="162"/>
      <c r="BH2442" s="162"/>
      <c r="BI2442" s="162"/>
      <c r="BJ2442" s="162"/>
      <c r="BK2442" s="162"/>
      <c r="BL2442" s="162"/>
      <c r="BM2442" s="162"/>
      <c r="BN2442" s="162"/>
      <c r="BO2442" s="162"/>
      <c r="BP2442" s="162"/>
      <c r="BQ2442" s="162"/>
      <c r="BR2442" s="162"/>
      <c r="BS2442" s="162"/>
      <c r="BT2442" s="162"/>
      <c r="BU2442" s="162"/>
      <c r="BV2442" s="162"/>
      <c r="BW2442" s="162"/>
      <c r="BX2442" s="162"/>
      <c r="BY2442" s="162"/>
      <c r="BZ2442" s="162"/>
      <c r="CA2442" s="162"/>
      <c r="CB2442" s="162"/>
      <c r="CC2442" s="162"/>
      <c r="CD2442" s="162"/>
      <c r="CE2442" s="162"/>
      <c r="CF2442" s="162"/>
      <c r="CG2442" s="162"/>
      <c r="CH2442" s="162"/>
      <c r="CI2442" s="162"/>
      <c r="CJ2442" s="162"/>
      <c r="CK2442" s="162"/>
      <c r="CX2442" s="98"/>
      <c r="DL2442" s="97"/>
      <c r="DX2442" s="98"/>
      <c r="EL2442" s="97"/>
      <c r="EX2442" s="98"/>
      <c r="EY2442" s="97"/>
      <c r="FL2442" s="126"/>
      <c r="FM2442" s="91"/>
      <c r="FN2442" s="91"/>
      <c r="FO2442" s="91"/>
      <c r="FP2442" s="91"/>
      <c r="FQ2442" s="91"/>
      <c r="FR2442" s="91"/>
      <c r="FS2442" s="91"/>
      <c r="FT2442" s="91"/>
      <c r="FU2442" s="91"/>
      <c r="FV2442" s="91"/>
      <c r="FW2442" s="91"/>
      <c r="FX2442" s="91"/>
      <c r="FY2442" s="91"/>
      <c r="FZ2442" s="91"/>
      <c r="GA2442" s="91"/>
      <c r="GB2442" s="91"/>
      <c r="GC2442" s="91"/>
      <c r="GD2442" s="91"/>
      <c r="GE2442" s="91"/>
      <c r="GF2442" s="91"/>
      <c r="GG2442" s="91"/>
      <c r="GH2442" s="91"/>
      <c r="GI2442" s="91"/>
      <c r="GJ2442" s="91"/>
      <c r="GK2442" s="127"/>
      <c r="GL2442" s="126"/>
      <c r="GM2442" s="91"/>
      <c r="GN2442" s="91"/>
      <c r="GO2442" s="91"/>
      <c r="GP2442" s="91"/>
      <c r="GQ2442" s="91"/>
      <c r="GR2442" s="91"/>
      <c r="GS2442" s="91"/>
      <c r="GT2442" s="91"/>
      <c r="GU2442" s="91"/>
      <c r="GV2442" s="91"/>
      <c r="GW2442" s="91"/>
      <c r="GX2442" s="91"/>
      <c r="GY2442" s="91"/>
      <c r="GZ2442" s="91"/>
      <c r="HA2442" s="91"/>
      <c r="HB2442" s="91"/>
      <c r="HC2442" s="91"/>
      <c r="HD2442" s="91"/>
      <c r="HE2442" s="91"/>
      <c r="HF2442" s="91"/>
      <c r="HG2442" s="91"/>
      <c r="HH2442" s="91"/>
      <c r="HI2442" s="91"/>
      <c r="HJ2442" s="91"/>
      <c r="HK2442" s="127"/>
      <c r="HL2442" s="126"/>
      <c r="HM2442" s="91"/>
      <c r="HN2442" s="91"/>
      <c r="HO2442" s="91"/>
      <c r="HP2442" s="91"/>
      <c r="HQ2442" s="91"/>
      <c r="HR2442" s="91"/>
      <c r="HS2442" s="91"/>
      <c r="HT2442" s="91"/>
      <c r="HU2442" s="91"/>
      <c r="HV2442" s="91"/>
      <c r="HW2442" s="91"/>
      <c r="HX2442" s="91"/>
      <c r="HY2442" s="91"/>
      <c r="HZ2442" s="91"/>
      <c r="IA2442" s="91"/>
      <c r="IB2442" s="91"/>
      <c r="IC2442" s="91"/>
      <c r="ID2442" s="91"/>
      <c r="IE2442" s="91"/>
      <c r="IF2442" s="91"/>
      <c r="IG2442" s="91"/>
      <c r="IH2442" s="91"/>
      <c r="II2442" s="91"/>
      <c r="IJ2442" s="91"/>
      <c r="IK2442" s="127"/>
    </row>
    <row r="2443" spans="2:245" x14ac:dyDescent="0.2">
      <c r="B2443" s="43"/>
      <c r="C2443" s="73"/>
      <c r="D2443" s="64"/>
      <c r="E2443" s="64"/>
      <c r="F2443" s="55"/>
      <c r="G2443" s="102"/>
      <c r="H2443" s="55"/>
      <c r="I2443" s="55"/>
      <c r="J2443" s="55"/>
      <c r="K2443" s="55"/>
      <c r="L2443" s="55"/>
      <c r="M2443" s="55"/>
      <c r="N2443" s="55"/>
      <c r="O2443" s="55"/>
      <c r="P2443" s="55"/>
      <c r="Q2443" s="55"/>
      <c r="R2443" s="55"/>
      <c r="S2443" s="55"/>
      <c r="T2443" s="55"/>
      <c r="U2443" s="55"/>
      <c r="V2443" s="55"/>
      <c r="W2443" s="55"/>
      <c r="X2443" s="55"/>
      <c r="Y2443" s="55"/>
      <c r="Z2443" s="55"/>
      <c r="AA2443" s="55"/>
      <c r="AB2443" s="55"/>
      <c r="AC2443" s="55"/>
      <c r="AD2443" s="55"/>
      <c r="AE2443" s="55"/>
      <c r="AF2443" s="55"/>
      <c r="AG2443" s="55"/>
      <c r="AY2443" s="162"/>
      <c r="AZ2443" s="162"/>
      <c r="BA2443" s="162"/>
      <c r="BB2443" s="162"/>
      <c r="BC2443" s="162"/>
      <c r="BD2443" s="162"/>
      <c r="BE2443" s="162"/>
      <c r="BF2443" s="162"/>
      <c r="BG2443" s="162"/>
      <c r="BH2443" s="162"/>
      <c r="BI2443" s="162"/>
      <c r="BJ2443" s="162"/>
      <c r="BK2443" s="162"/>
      <c r="BL2443" s="162"/>
      <c r="BM2443" s="162"/>
      <c r="BN2443" s="162"/>
      <c r="BO2443" s="162"/>
      <c r="BP2443" s="162"/>
      <c r="BQ2443" s="162"/>
      <c r="BR2443" s="162"/>
      <c r="BS2443" s="162"/>
      <c r="BT2443" s="162"/>
      <c r="BU2443" s="162"/>
      <c r="BV2443" s="162"/>
      <c r="BW2443" s="162"/>
      <c r="BX2443" s="162"/>
      <c r="BY2443" s="162"/>
      <c r="BZ2443" s="162"/>
      <c r="CA2443" s="162"/>
      <c r="CB2443" s="162"/>
      <c r="CC2443" s="162"/>
      <c r="CD2443" s="162"/>
      <c r="CE2443" s="162"/>
      <c r="CF2443" s="162"/>
      <c r="CG2443" s="162"/>
      <c r="CH2443" s="162"/>
      <c r="CI2443" s="162"/>
      <c r="CJ2443" s="162"/>
      <c r="CK2443" s="162"/>
      <c r="CX2443" s="98"/>
      <c r="DL2443" s="97"/>
      <c r="DX2443" s="98"/>
      <c r="EL2443" s="97"/>
      <c r="EX2443" s="98"/>
      <c r="EY2443" s="97"/>
      <c r="FL2443" s="126"/>
      <c r="FM2443" s="91"/>
      <c r="FN2443" s="91"/>
      <c r="FO2443" s="91"/>
      <c r="FP2443" s="91"/>
      <c r="FQ2443" s="91"/>
      <c r="FR2443" s="91"/>
      <c r="FS2443" s="91"/>
      <c r="FT2443" s="91"/>
      <c r="FU2443" s="91"/>
      <c r="FV2443" s="91"/>
      <c r="FW2443" s="91"/>
      <c r="FX2443" s="91"/>
      <c r="FY2443" s="91"/>
      <c r="FZ2443" s="91"/>
      <c r="GA2443" s="91"/>
      <c r="GB2443" s="91"/>
      <c r="GC2443" s="91"/>
      <c r="GD2443" s="91"/>
      <c r="GE2443" s="91"/>
      <c r="GF2443" s="91"/>
      <c r="GG2443" s="91"/>
      <c r="GH2443" s="91"/>
      <c r="GI2443" s="91"/>
      <c r="GJ2443" s="91"/>
      <c r="GK2443" s="127"/>
      <c r="GL2443" s="126"/>
      <c r="GM2443" s="91"/>
      <c r="GN2443" s="91"/>
      <c r="GO2443" s="91"/>
      <c r="GP2443" s="91"/>
      <c r="GQ2443" s="91"/>
      <c r="GR2443" s="91"/>
      <c r="GS2443" s="91"/>
      <c r="GT2443" s="91"/>
      <c r="GU2443" s="91"/>
      <c r="GV2443" s="91"/>
      <c r="GW2443" s="91"/>
      <c r="GX2443" s="91"/>
      <c r="GY2443" s="91"/>
      <c r="GZ2443" s="91"/>
      <c r="HA2443" s="91"/>
      <c r="HB2443" s="91"/>
      <c r="HC2443" s="91"/>
      <c r="HD2443" s="91"/>
      <c r="HE2443" s="91"/>
      <c r="HF2443" s="91"/>
      <c r="HG2443" s="91"/>
      <c r="HH2443" s="91"/>
      <c r="HI2443" s="91"/>
      <c r="HJ2443" s="91"/>
      <c r="HK2443" s="127"/>
      <c r="HL2443" s="126"/>
      <c r="HM2443" s="91"/>
      <c r="HN2443" s="91"/>
      <c r="HO2443" s="91"/>
      <c r="HP2443" s="91"/>
      <c r="HQ2443" s="91"/>
      <c r="HR2443" s="91"/>
      <c r="HS2443" s="91"/>
      <c r="HT2443" s="91"/>
      <c r="HU2443" s="91"/>
      <c r="HV2443" s="91"/>
      <c r="HW2443" s="91"/>
      <c r="HX2443" s="91"/>
      <c r="HY2443" s="91"/>
      <c r="HZ2443" s="91"/>
      <c r="IA2443" s="91"/>
      <c r="IB2443" s="91"/>
      <c r="IC2443" s="91"/>
      <c r="ID2443" s="91"/>
      <c r="IE2443" s="91"/>
      <c r="IF2443" s="91"/>
      <c r="IG2443" s="91"/>
      <c r="IH2443" s="91"/>
      <c r="II2443" s="91"/>
      <c r="IJ2443" s="91"/>
      <c r="IK2443" s="127"/>
    </row>
    <row r="2444" spans="2:245" x14ac:dyDescent="0.2">
      <c r="B2444" s="43"/>
      <c r="C2444" s="73"/>
      <c r="D2444" s="64"/>
      <c r="E2444" s="64"/>
      <c r="F2444" s="55"/>
      <c r="G2444" s="102"/>
      <c r="H2444" s="55"/>
      <c r="I2444" s="55"/>
      <c r="J2444" s="55"/>
      <c r="K2444" s="55"/>
      <c r="L2444" s="55"/>
      <c r="M2444" s="55"/>
      <c r="N2444" s="55"/>
      <c r="O2444" s="55"/>
      <c r="P2444" s="55"/>
      <c r="Q2444" s="55"/>
      <c r="R2444" s="55"/>
      <c r="S2444" s="55"/>
      <c r="T2444" s="55"/>
      <c r="U2444" s="55"/>
      <c r="V2444" s="55"/>
      <c r="W2444" s="55"/>
      <c r="X2444" s="55"/>
      <c r="Y2444" s="55"/>
      <c r="Z2444" s="55"/>
      <c r="AA2444" s="55"/>
      <c r="AB2444" s="55"/>
      <c r="AC2444" s="55"/>
      <c r="AD2444" s="55"/>
      <c r="AE2444" s="55"/>
      <c r="AF2444" s="55"/>
      <c r="AG2444" s="55"/>
      <c r="AY2444" s="162"/>
      <c r="AZ2444" s="162"/>
      <c r="BA2444" s="162"/>
      <c r="BB2444" s="162"/>
      <c r="BC2444" s="162"/>
      <c r="BD2444" s="162"/>
      <c r="BE2444" s="162"/>
      <c r="BF2444" s="162"/>
      <c r="BG2444" s="162"/>
      <c r="BH2444" s="162"/>
      <c r="BI2444" s="162"/>
      <c r="BJ2444" s="162"/>
      <c r="BK2444" s="162"/>
      <c r="BL2444" s="162"/>
      <c r="BM2444" s="162"/>
      <c r="BN2444" s="162"/>
      <c r="BO2444" s="162"/>
      <c r="BP2444" s="162"/>
      <c r="BQ2444" s="162"/>
      <c r="BR2444" s="162"/>
      <c r="BS2444" s="162"/>
      <c r="BT2444" s="162"/>
      <c r="BU2444" s="162"/>
      <c r="BV2444" s="162"/>
      <c r="BW2444" s="162"/>
      <c r="BX2444" s="162"/>
      <c r="BY2444" s="162"/>
      <c r="BZ2444" s="162"/>
      <c r="CA2444" s="162"/>
      <c r="CB2444" s="162"/>
      <c r="CC2444" s="162"/>
      <c r="CD2444" s="162"/>
      <c r="CE2444" s="162"/>
      <c r="CF2444" s="162"/>
      <c r="CG2444" s="162"/>
      <c r="CH2444" s="162"/>
      <c r="CI2444" s="162"/>
      <c r="CJ2444" s="162"/>
      <c r="CK2444" s="162"/>
      <c r="CX2444" s="98"/>
      <c r="DL2444" s="97"/>
      <c r="DX2444" s="98"/>
      <c r="EL2444" s="97"/>
      <c r="EX2444" s="98"/>
      <c r="EY2444" s="97"/>
      <c r="FL2444" s="126"/>
      <c r="FM2444" s="91"/>
      <c r="FN2444" s="91"/>
      <c r="FO2444" s="91"/>
      <c r="FP2444" s="91"/>
      <c r="FQ2444" s="91"/>
      <c r="FR2444" s="91"/>
      <c r="FS2444" s="91"/>
      <c r="FT2444" s="91"/>
      <c r="FU2444" s="91"/>
      <c r="FV2444" s="91"/>
      <c r="FW2444" s="91"/>
      <c r="FX2444" s="91"/>
      <c r="FY2444" s="91"/>
      <c r="FZ2444" s="91"/>
      <c r="GA2444" s="91"/>
      <c r="GB2444" s="91"/>
      <c r="GC2444" s="91"/>
      <c r="GD2444" s="91"/>
      <c r="GE2444" s="91"/>
      <c r="GF2444" s="91"/>
      <c r="GG2444" s="91"/>
      <c r="GH2444" s="91"/>
      <c r="GI2444" s="91"/>
      <c r="GJ2444" s="91"/>
      <c r="GK2444" s="127"/>
      <c r="GL2444" s="126"/>
      <c r="GM2444" s="91"/>
      <c r="GN2444" s="91"/>
      <c r="GO2444" s="91"/>
      <c r="GP2444" s="91"/>
      <c r="GQ2444" s="91"/>
      <c r="GR2444" s="91"/>
      <c r="GS2444" s="91"/>
      <c r="GT2444" s="91"/>
      <c r="GU2444" s="91"/>
      <c r="GV2444" s="91"/>
      <c r="GW2444" s="91"/>
      <c r="GX2444" s="91"/>
      <c r="GY2444" s="91"/>
      <c r="GZ2444" s="91"/>
      <c r="HA2444" s="91"/>
      <c r="HB2444" s="91"/>
      <c r="HC2444" s="91"/>
      <c r="HD2444" s="91"/>
      <c r="HE2444" s="91"/>
      <c r="HF2444" s="91"/>
      <c r="HG2444" s="91"/>
      <c r="HH2444" s="91"/>
      <c r="HI2444" s="91"/>
      <c r="HJ2444" s="91"/>
      <c r="HK2444" s="127"/>
      <c r="HL2444" s="126"/>
      <c r="HM2444" s="91"/>
      <c r="HN2444" s="91"/>
      <c r="HO2444" s="91"/>
      <c r="HP2444" s="91"/>
      <c r="HQ2444" s="91"/>
      <c r="HR2444" s="91"/>
      <c r="HS2444" s="91"/>
      <c r="HT2444" s="91"/>
      <c r="HU2444" s="91"/>
      <c r="HV2444" s="91"/>
      <c r="HW2444" s="91"/>
      <c r="HX2444" s="91"/>
      <c r="HY2444" s="91"/>
      <c r="HZ2444" s="91"/>
      <c r="IA2444" s="91"/>
      <c r="IB2444" s="91"/>
      <c r="IC2444" s="91"/>
      <c r="ID2444" s="91"/>
      <c r="IE2444" s="91"/>
      <c r="IF2444" s="91"/>
      <c r="IG2444" s="91"/>
      <c r="IH2444" s="91"/>
      <c r="II2444" s="91"/>
      <c r="IJ2444" s="91"/>
      <c r="IK2444" s="127"/>
    </row>
    <row r="2445" spans="2:245" x14ac:dyDescent="0.2">
      <c r="B2445" s="43"/>
      <c r="C2445" s="73"/>
      <c r="D2445" s="64"/>
      <c r="E2445" s="64"/>
      <c r="F2445" s="55"/>
      <c r="G2445" s="102"/>
      <c r="H2445" s="55"/>
      <c r="I2445" s="55"/>
      <c r="J2445" s="55"/>
      <c r="K2445" s="55"/>
      <c r="L2445" s="55"/>
      <c r="M2445" s="55"/>
      <c r="N2445" s="55"/>
      <c r="O2445" s="55"/>
      <c r="P2445" s="55"/>
      <c r="Q2445" s="55"/>
      <c r="R2445" s="55"/>
      <c r="S2445" s="55"/>
      <c r="T2445" s="55"/>
      <c r="U2445" s="55"/>
      <c r="V2445" s="55"/>
      <c r="W2445" s="55"/>
      <c r="X2445" s="55"/>
      <c r="Y2445" s="55"/>
      <c r="Z2445" s="55"/>
      <c r="AA2445" s="55"/>
      <c r="AB2445" s="55"/>
      <c r="AC2445" s="55"/>
      <c r="AD2445" s="55"/>
      <c r="AE2445" s="55"/>
      <c r="AF2445" s="55"/>
      <c r="AG2445" s="55"/>
      <c r="AY2445" s="162"/>
      <c r="AZ2445" s="162"/>
      <c r="BA2445" s="162"/>
      <c r="BB2445" s="162"/>
      <c r="BC2445" s="162"/>
      <c r="BD2445" s="162"/>
      <c r="BE2445" s="162"/>
      <c r="BF2445" s="162"/>
      <c r="BG2445" s="162"/>
      <c r="BH2445" s="162"/>
      <c r="BI2445" s="162"/>
      <c r="BJ2445" s="162"/>
      <c r="BK2445" s="162"/>
      <c r="BL2445" s="162"/>
      <c r="BM2445" s="162"/>
      <c r="BN2445" s="162"/>
      <c r="BO2445" s="162"/>
      <c r="BP2445" s="162"/>
      <c r="BQ2445" s="162"/>
      <c r="BR2445" s="162"/>
      <c r="BS2445" s="162"/>
      <c r="BT2445" s="162"/>
      <c r="BU2445" s="162"/>
      <c r="BV2445" s="162"/>
      <c r="BW2445" s="162"/>
      <c r="BX2445" s="162"/>
      <c r="BY2445" s="162"/>
      <c r="BZ2445" s="162"/>
      <c r="CA2445" s="162"/>
      <c r="CB2445" s="162"/>
      <c r="CC2445" s="162"/>
      <c r="CD2445" s="162"/>
      <c r="CE2445" s="162"/>
      <c r="CF2445" s="162"/>
      <c r="CG2445" s="162"/>
      <c r="CH2445" s="162"/>
      <c r="CI2445" s="162"/>
      <c r="CJ2445" s="162"/>
      <c r="CK2445" s="162"/>
      <c r="CX2445" s="98"/>
      <c r="DL2445" s="97"/>
      <c r="DX2445" s="98"/>
      <c r="EL2445" s="97"/>
      <c r="EX2445" s="98"/>
      <c r="EY2445" s="97"/>
      <c r="FL2445" s="126"/>
      <c r="FM2445" s="91"/>
      <c r="FN2445" s="91"/>
      <c r="FO2445" s="91"/>
      <c r="FP2445" s="91"/>
      <c r="FQ2445" s="91"/>
      <c r="FR2445" s="91"/>
      <c r="FS2445" s="91"/>
      <c r="FT2445" s="91"/>
      <c r="FU2445" s="91"/>
      <c r="FV2445" s="91"/>
      <c r="FW2445" s="91"/>
      <c r="FX2445" s="91"/>
      <c r="FY2445" s="91"/>
      <c r="FZ2445" s="91"/>
      <c r="GA2445" s="91"/>
      <c r="GB2445" s="91"/>
      <c r="GC2445" s="91"/>
      <c r="GD2445" s="91"/>
      <c r="GE2445" s="91"/>
      <c r="GF2445" s="91"/>
      <c r="GG2445" s="91"/>
      <c r="GH2445" s="91"/>
      <c r="GI2445" s="91"/>
      <c r="GJ2445" s="91"/>
      <c r="GK2445" s="127"/>
      <c r="GL2445" s="126"/>
      <c r="GM2445" s="91"/>
      <c r="GN2445" s="91"/>
      <c r="GO2445" s="91"/>
      <c r="GP2445" s="91"/>
      <c r="GQ2445" s="91"/>
      <c r="GR2445" s="91"/>
      <c r="GS2445" s="91"/>
      <c r="GT2445" s="91"/>
      <c r="GU2445" s="91"/>
      <c r="GV2445" s="91"/>
      <c r="GW2445" s="91"/>
      <c r="GX2445" s="91"/>
      <c r="GY2445" s="91"/>
      <c r="GZ2445" s="91"/>
      <c r="HA2445" s="91"/>
      <c r="HB2445" s="91"/>
      <c r="HC2445" s="91"/>
      <c r="HD2445" s="91"/>
      <c r="HE2445" s="91"/>
      <c r="HF2445" s="91"/>
      <c r="HG2445" s="91"/>
      <c r="HH2445" s="91"/>
      <c r="HI2445" s="91"/>
      <c r="HJ2445" s="91"/>
      <c r="HK2445" s="127"/>
      <c r="HL2445" s="126"/>
      <c r="HM2445" s="91"/>
      <c r="HN2445" s="91"/>
      <c r="HO2445" s="91"/>
      <c r="HP2445" s="91"/>
      <c r="HQ2445" s="91"/>
      <c r="HR2445" s="91"/>
      <c r="HS2445" s="91"/>
      <c r="HT2445" s="91"/>
      <c r="HU2445" s="91"/>
      <c r="HV2445" s="91"/>
      <c r="HW2445" s="91"/>
      <c r="HX2445" s="91"/>
      <c r="HY2445" s="91"/>
      <c r="HZ2445" s="91"/>
      <c r="IA2445" s="91"/>
      <c r="IB2445" s="91"/>
      <c r="IC2445" s="91"/>
      <c r="ID2445" s="91"/>
      <c r="IE2445" s="91"/>
      <c r="IF2445" s="91"/>
      <c r="IG2445" s="91"/>
      <c r="IH2445" s="91"/>
      <c r="II2445" s="91"/>
      <c r="IJ2445" s="91"/>
      <c r="IK2445" s="127"/>
    </row>
    <row r="2446" spans="2:245" x14ac:dyDescent="0.2">
      <c r="B2446" s="43"/>
      <c r="C2446" s="73"/>
      <c r="D2446" s="64"/>
      <c r="E2446" s="64"/>
      <c r="F2446" s="55"/>
      <c r="G2446" s="102"/>
      <c r="H2446" s="55"/>
      <c r="I2446" s="55"/>
      <c r="J2446" s="55"/>
      <c r="K2446" s="55"/>
      <c r="L2446" s="55"/>
      <c r="M2446" s="55"/>
      <c r="N2446" s="55"/>
      <c r="O2446" s="55"/>
      <c r="P2446" s="55"/>
      <c r="Q2446" s="55"/>
      <c r="R2446" s="55"/>
      <c r="S2446" s="55"/>
      <c r="T2446" s="55"/>
      <c r="U2446" s="55"/>
      <c r="V2446" s="55"/>
      <c r="W2446" s="55"/>
      <c r="X2446" s="55"/>
      <c r="Y2446" s="55"/>
      <c r="Z2446" s="55"/>
      <c r="AA2446" s="55"/>
      <c r="AB2446" s="55"/>
      <c r="AC2446" s="55"/>
      <c r="AD2446" s="55"/>
      <c r="AE2446" s="55"/>
      <c r="AF2446" s="55"/>
      <c r="AG2446" s="55"/>
      <c r="AY2446" s="162"/>
      <c r="AZ2446" s="162"/>
      <c r="BA2446" s="162"/>
      <c r="BB2446" s="162"/>
      <c r="BC2446" s="162"/>
      <c r="BD2446" s="162"/>
      <c r="BE2446" s="162"/>
      <c r="BF2446" s="162"/>
      <c r="BG2446" s="162"/>
      <c r="BH2446" s="162"/>
      <c r="BI2446" s="162"/>
      <c r="BJ2446" s="162"/>
      <c r="BK2446" s="162"/>
      <c r="BL2446" s="162"/>
      <c r="BM2446" s="162"/>
      <c r="BN2446" s="162"/>
      <c r="BO2446" s="162"/>
      <c r="BP2446" s="162"/>
      <c r="BQ2446" s="162"/>
      <c r="BR2446" s="162"/>
      <c r="BS2446" s="162"/>
      <c r="BT2446" s="162"/>
      <c r="BU2446" s="162"/>
      <c r="BV2446" s="162"/>
      <c r="BW2446" s="162"/>
      <c r="BX2446" s="162"/>
      <c r="BY2446" s="162"/>
      <c r="BZ2446" s="162"/>
      <c r="CA2446" s="162"/>
      <c r="CB2446" s="162"/>
      <c r="CC2446" s="162"/>
      <c r="CD2446" s="162"/>
      <c r="CE2446" s="162"/>
      <c r="CF2446" s="162"/>
      <c r="CG2446" s="162"/>
      <c r="CH2446" s="162"/>
      <c r="CI2446" s="162"/>
      <c r="CJ2446" s="162"/>
      <c r="CK2446" s="162"/>
      <c r="CX2446" s="98"/>
      <c r="DL2446" s="97"/>
      <c r="DX2446" s="98"/>
      <c r="EL2446" s="97"/>
      <c r="EX2446" s="98"/>
      <c r="EY2446" s="97"/>
      <c r="FL2446" s="126"/>
      <c r="FM2446" s="91"/>
      <c r="FN2446" s="91"/>
      <c r="FO2446" s="91"/>
      <c r="FP2446" s="91"/>
      <c r="FQ2446" s="91"/>
      <c r="FR2446" s="91"/>
      <c r="FS2446" s="91"/>
      <c r="FT2446" s="91"/>
      <c r="FU2446" s="91"/>
      <c r="FV2446" s="91"/>
      <c r="FW2446" s="91"/>
      <c r="FX2446" s="91"/>
      <c r="FY2446" s="91"/>
      <c r="FZ2446" s="91"/>
      <c r="GA2446" s="91"/>
      <c r="GB2446" s="91"/>
      <c r="GC2446" s="91"/>
      <c r="GD2446" s="91"/>
      <c r="GE2446" s="91"/>
      <c r="GF2446" s="91"/>
      <c r="GG2446" s="91"/>
      <c r="GH2446" s="91"/>
      <c r="GI2446" s="91"/>
      <c r="GJ2446" s="91"/>
      <c r="GK2446" s="127"/>
      <c r="GL2446" s="126"/>
      <c r="GM2446" s="91"/>
      <c r="GN2446" s="91"/>
      <c r="GO2446" s="91"/>
      <c r="GP2446" s="91"/>
      <c r="GQ2446" s="91"/>
      <c r="GR2446" s="91"/>
      <c r="GS2446" s="91"/>
      <c r="GT2446" s="91"/>
      <c r="GU2446" s="91"/>
      <c r="GV2446" s="91"/>
      <c r="GW2446" s="91"/>
      <c r="GX2446" s="91"/>
      <c r="GY2446" s="91"/>
      <c r="GZ2446" s="91"/>
      <c r="HA2446" s="91"/>
      <c r="HB2446" s="91"/>
      <c r="HC2446" s="91"/>
      <c r="HD2446" s="91"/>
      <c r="HE2446" s="91"/>
      <c r="HF2446" s="91"/>
      <c r="HG2446" s="91"/>
      <c r="HH2446" s="91"/>
      <c r="HI2446" s="91"/>
      <c r="HJ2446" s="91"/>
      <c r="HK2446" s="127"/>
      <c r="HL2446" s="126"/>
      <c r="HM2446" s="91"/>
      <c r="HN2446" s="91"/>
      <c r="HO2446" s="91"/>
      <c r="HP2446" s="91"/>
      <c r="HQ2446" s="91"/>
      <c r="HR2446" s="91"/>
      <c r="HS2446" s="91"/>
      <c r="HT2446" s="91"/>
      <c r="HU2446" s="91"/>
      <c r="HV2446" s="91"/>
      <c r="HW2446" s="91"/>
      <c r="HX2446" s="91"/>
      <c r="HY2446" s="91"/>
      <c r="HZ2446" s="91"/>
      <c r="IA2446" s="91"/>
      <c r="IB2446" s="91"/>
      <c r="IC2446" s="91"/>
      <c r="ID2446" s="91"/>
      <c r="IE2446" s="91"/>
      <c r="IF2446" s="91"/>
      <c r="IG2446" s="91"/>
      <c r="IH2446" s="91"/>
      <c r="II2446" s="91"/>
      <c r="IJ2446" s="91"/>
      <c r="IK2446" s="127"/>
    </row>
    <row r="2447" spans="2:245" x14ac:dyDescent="0.2">
      <c r="B2447" s="43"/>
      <c r="C2447" s="73"/>
      <c r="D2447" s="64"/>
      <c r="E2447" s="64"/>
      <c r="F2447" s="55"/>
      <c r="G2447" s="102"/>
      <c r="H2447" s="55"/>
      <c r="I2447" s="55"/>
      <c r="J2447" s="55"/>
      <c r="K2447" s="55"/>
      <c r="L2447" s="55"/>
      <c r="M2447" s="55"/>
      <c r="N2447" s="55"/>
      <c r="O2447" s="55"/>
      <c r="P2447" s="55"/>
      <c r="Q2447" s="55"/>
      <c r="R2447" s="55"/>
      <c r="S2447" s="55"/>
      <c r="T2447" s="55"/>
      <c r="U2447" s="55"/>
      <c r="V2447" s="55"/>
      <c r="W2447" s="55"/>
      <c r="X2447" s="55"/>
      <c r="Y2447" s="55"/>
      <c r="Z2447" s="55"/>
      <c r="AA2447" s="55"/>
      <c r="AB2447" s="55"/>
      <c r="AC2447" s="55"/>
      <c r="AD2447" s="55"/>
      <c r="AE2447" s="55"/>
      <c r="AF2447" s="55"/>
      <c r="AG2447" s="55"/>
      <c r="AY2447" s="162"/>
      <c r="AZ2447" s="162"/>
      <c r="BA2447" s="162"/>
      <c r="BB2447" s="162"/>
      <c r="BC2447" s="162"/>
      <c r="BD2447" s="162"/>
      <c r="BE2447" s="162"/>
      <c r="BF2447" s="162"/>
      <c r="BG2447" s="162"/>
      <c r="BH2447" s="162"/>
      <c r="BI2447" s="162"/>
      <c r="BJ2447" s="162"/>
      <c r="BK2447" s="162"/>
      <c r="BL2447" s="162"/>
      <c r="BM2447" s="162"/>
      <c r="BN2447" s="162"/>
      <c r="BO2447" s="162"/>
      <c r="BP2447" s="162"/>
      <c r="BQ2447" s="162"/>
      <c r="BR2447" s="162"/>
      <c r="BS2447" s="162"/>
      <c r="BT2447" s="162"/>
      <c r="BU2447" s="162"/>
      <c r="BV2447" s="162"/>
      <c r="BW2447" s="162"/>
      <c r="BX2447" s="162"/>
      <c r="BY2447" s="162"/>
      <c r="BZ2447" s="162"/>
      <c r="CA2447" s="162"/>
      <c r="CB2447" s="162"/>
      <c r="CC2447" s="162"/>
      <c r="CD2447" s="162"/>
      <c r="CE2447" s="162"/>
      <c r="CF2447" s="162"/>
      <c r="CG2447" s="162"/>
      <c r="CH2447" s="162"/>
      <c r="CI2447" s="162"/>
      <c r="CJ2447" s="162"/>
      <c r="CK2447" s="162"/>
      <c r="CX2447" s="98"/>
      <c r="DL2447" s="97"/>
      <c r="DX2447" s="98"/>
      <c r="EL2447" s="97"/>
      <c r="EX2447" s="98"/>
      <c r="EY2447" s="97"/>
      <c r="FL2447" s="126"/>
      <c r="FM2447" s="91"/>
      <c r="FN2447" s="91"/>
      <c r="FO2447" s="91"/>
      <c r="FP2447" s="91"/>
      <c r="FQ2447" s="91"/>
      <c r="FR2447" s="91"/>
      <c r="FS2447" s="91"/>
      <c r="FT2447" s="91"/>
      <c r="FU2447" s="91"/>
      <c r="FV2447" s="91"/>
      <c r="FW2447" s="91"/>
      <c r="FX2447" s="91"/>
      <c r="FY2447" s="91"/>
      <c r="FZ2447" s="91"/>
      <c r="GA2447" s="91"/>
      <c r="GB2447" s="91"/>
      <c r="GC2447" s="91"/>
      <c r="GD2447" s="91"/>
      <c r="GE2447" s="91"/>
      <c r="GF2447" s="91"/>
      <c r="GG2447" s="91"/>
      <c r="GH2447" s="91"/>
      <c r="GI2447" s="91"/>
      <c r="GJ2447" s="91"/>
      <c r="GK2447" s="127"/>
      <c r="GL2447" s="126"/>
      <c r="GM2447" s="91"/>
      <c r="GN2447" s="91"/>
      <c r="GO2447" s="91"/>
      <c r="GP2447" s="91"/>
      <c r="GQ2447" s="91"/>
      <c r="GR2447" s="91"/>
      <c r="GS2447" s="91"/>
      <c r="GT2447" s="91"/>
      <c r="GU2447" s="91"/>
      <c r="GV2447" s="91"/>
      <c r="GW2447" s="91"/>
      <c r="GX2447" s="91"/>
      <c r="GY2447" s="91"/>
      <c r="GZ2447" s="91"/>
      <c r="HA2447" s="91"/>
      <c r="HB2447" s="91"/>
      <c r="HC2447" s="91"/>
      <c r="HD2447" s="91"/>
      <c r="HE2447" s="91"/>
      <c r="HF2447" s="91"/>
      <c r="HG2447" s="91"/>
      <c r="HH2447" s="91"/>
      <c r="HI2447" s="91"/>
      <c r="HJ2447" s="91"/>
      <c r="HK2447" s="127"/>
      <c r="HL2447" s="126"/>
      <c r="HM2447" s="91"/>
      <c r="HN2447" s="91"/>
      <c r="HO2447" s="91"/>
      <c r="HP2447" s="91"/>
      <c r="HQ2447" s="91"/>
      <c r="HR2447" s="91"/>
      <c r="HS2447" s="91"/>
      <c r="HT2447" s="91"/>
      <c r="HU2447" s="91"/>
      <c r="HV2447" s="91"/>
      <c r="HW2447" s="91"/>
      <c r="HX2447" s="91"/>
      <c r="HY2447" s="91"/>
      <c r="HZ2447" s="91"/>
      <c r="IA2447" s="91"/>
      <c r="IB2447" s="91"/>
      <c r="IC2447" s="91"/>
      <c r="ID2447" s="91"/>
      <c r="IE2447" s="91"/>
      <c r="IF2447" s="91"/>
      <c r="IG2447" s="91"/>
      <c r="IH2447" s="91"/>
      <c r="II2447" s="91"/>
      <c r="IJ2447" s="91"/>
      <c r="IK2447" s="127"/>
    </row>
    <row r="2448" spans="2:245" x14ac:dyDescent="0.2">
      <c r="B2448" s="43"/>
      <c r="C2448" s="73"/>
      <c r="D2448" s="64"/>
      <c r="E2448" s="64"/>
      <c r="F2448" s="55"/>
      <c r="G2448" s="102"/>
      <c r="H2448" s="55"/>
      <c r="I2448" s="55"/>
      <c r="J2448" s="55"/>
      <c r="K2448" s="55"/>
      <c r="L2448" s="55"/>
      <c r="M2448" s="55"/>
      <c r="N2448" s="55"/>
      <c r="O2448" s="55"/>
      <c r="P2448" s="55"/>
      <c r="Q2448" s="55"/>
      <c r="R2448" s="55"/>
      <c r="S2448" s="55"/>
      <c r="T2448" s="55"/>
      <c r="U2448" s="55"/>
      <c r="V2448" s="55"/>
      <c r="W2448" s="55"/>
      <c r="X2448" s="55"/>
      <c r="Y2448" s="55"/>
      <c r="Z2448" s="55"/>
      <c r="AA2448" s="55"/>
      <c r="AB2448" s="55"/>
      <c r="AC2448" s="55"/>
      <c r="AD2448" s="55"/>
      <c r="AE2448" s="55"/>
      <c r="AF2448" s="55"/>
      <c r="AG2448" s="55"/>
      <c r="AY2448" s="162"/>
      <c r="AZ2448" s="162"/>
      <c r="BA2448" s="162"/>
      <c r="BB2448" s="162"/>
      <c r="BC2448" s="162"/>
      <c r="BD2448" s="162"/>
      <c r="BE2448" s="162"/>
      <c r="BF2448" s="162"/>
      <c r="BG2448" s="162"/>
      <c r="BH2448" s="162"/>
      <c r="BI2448" s="162"/>
      <c r="BJ2448" s="162"/>
      <c r="BK2448" s="162"/>
      <c r="BL2448" s="162"/>
      <c r="BM2448" s="162"/>
      <c r="BN2448" s="162"/>
      <c r="BO2448" s="162"/>
      <c r="BP2448" s="162"/>
      <c r="BQ2448" s="162"/>
      <c r="BR2448" s="162"/>
      <c r="BS2448" s="162"/>
      <c r="BT2448" s="162"/>
      <c r="BU2448" s="162"/>
      <c r="BV2448" s="162"/>
      <c r="BW2448" s="162"/>
      <c r="BX2448" s="162"/>
      <c r="BY2448" s="162"/>
      <c r="BZ2448" s="162"/>
      <c r="CA2448" s="162"/>
      <c r="CB2448" s="162"/>
      <c r="CC2448" s="162"/>
      <c r="CD2448" s="162"/>
      <c r="CE2448" s="162"/>
      <c r="CF2448" s="162"/>
      <c r="CG2448" s="162"/>
      <c r="CH2448" s="162"/>
      <c r="CI2448" s="162"/>
      <c r="CJ2448" s="162"/>
      <c r="CK2448" s="162"/>
      <c r="CX2448" s="98"/>
      <c r="DL2448" s="97"/>
      <c r="DX2448" s="98"/>
      <c r="EL2448" s="97"/>
      <c r="EX2448" s="98"/>
      <c r="EY2448" s="97"/>
      <c r="FL2448" s="126"/>
      <c r="FM2448" s="91"/>
      <c r="FN2448" s="91"/>
      <c r="FO2448" s="91"/>
      <c r="FP2448" s="91"/>
      <c r="FQ2448" s="91"/>
      <c r="FR2448" s="91"/>
      <c r="FS2448" s="91"/>
      <c r="FT2448" s="91"/>
      <c r="FU2448" s="91"/>
      <c r="FV2448" s="91"/>
      <c r="FW2448" s="91"/>
      <c r="FX2448" s="91"/>
      <c r="FY2448" s="91"/>
      <c r="FZ2448" s="91"/>
      <c r="GA2448" s="91"/>
      <c r="GB2448" s="91"/>
      <c r="GC2448" s="91"/>
      <c r="GD2448" s="91"/>
      <c r="GE2448" s="91"/>
      <c r="GF2448" s="91"/>
      <c r="GG2448" s="91"/>
      <c r="GH2448" s="91"/>
      <c r="GI2448" s="91"/>
      <c r="GJ2448" s="91"/>
      <c r="GK2448" s="127"/>
      <c r="GL2448" s="126"/>
      <c r="GM2448" s="91"/>
      <c r="GN2448" s="91"/>
      <c r="GO2448" s="91"/>
      <c r="GP2448" s="91"/>
      <c r="GQ2448" s="91"/>
      <c r="GR2448" s="91"/>
      <c r="GS2448" s="91"/>
      <c r="GT2448" s="91"/>
      <c r="GU2448" s="91"/>
      <c r="GV2448" s="91"/>
      <c r="GW2448" s="91"/>
      <c r="GX2448" s="91"/>
      <c r="GY2448" s="91"/>
      <c r="GZ2448" s="91"/>
      <c r="HA2448" s="91"/>
      <c r="HB2448" s="91"/>
      <c r="HC2448" s="91"/>
      <c r="HD2448" s="91"/>
      <c r="HE2448" s="91"/>
      <c r="HF2448" s="91"/>
      <c r="HG2448" s="91"/>
      <c r="HH2448" s="91"/>
      <c r="HI2448" s="91"/>
      <c r="HJ2448" s="91"/>
      <c r="HK2448" s="127"/>
      <c r="HL2448" s="126"/>
      <c r="HM2448" s="91"/>
      <c r="HN2448" s="91"/>
      <c r="HO2448" s="91"/>
      <c r="HP2448" s="91"/>
      <c r="HQ2448" s="91"/>
      <c r="HR2448" s="91"/>
      <c r="HS2448" s="91"/>
      <c r="HT2448" s="91"/>
      <c r="HU2448" s="91"/>
      <c r="HV2448" s="91"/>
      <c r="HW2448" s="91"/>
      <c r="HX2448" s="91"/>
      <c r="HY2448" s="91"/>
      <c r="HZ2448" s="91"/>
      <c r="IA2448" s="91"/>
      <c r="IB2448" s="91"/>
      <c r="IC2448" s="91"/>
      <c r="ID2448" s="91"/>
      <c r="IE2448" s="91"/>
      <c r="IF2448" s="91"/>
      <c r="IG2448" s="91"/>
      <c r="IH2448" s="91"/>
      <c r="II2448" s="91"/>
      <c r="IJ2448" s="91"/>
      <c r="IK2448" s="127"/>
    </row>
    <row r="2449" spans="2:245" x14ac:dyDescent="0.2">
      <c r="B2449" s="43"/>
      <c r="C2449" s="73"/>
      <c r="D2449" s="64"/>
      <c r="E2449" s="64"/>
      <c r="F2449" s="55"/>
      <c r="G2449" s="102"/>
      <c r="H2449" s="55"/>
      <c r="I2449" s="55"/>
      <c r="J2449" s="55"/>
      <c r="K2449" s="55"/>
      <c r="L2449" s="55"/>
      <c r="M2449" s="55"/>
      <c r="N2449" s="55"/>
      <c r="O2449" s="55"/>
      <c r="P2449" s="55"/>
      <c r="Q2449" s="55"/>
      <c r="R2449" s="55"/>
      <c r="S2449" s="55"/>
      <c r="T2449" s="55"/>
      <c r="U2449" s="55"/>
      <c r="V2449" s="55"/>
      <c r="W2449" s="55"/>
      <c r="X2449" s="55"/>
      <c r="Y2449" s="55"/>
      <c r="Z2449" s="55"/>
      <c r="AA2449" s="55"/>
      <c r="AB2449" s="55"/>
      <c r="AC2449" s="55"/>
      <c r="AD2449" s="55"/>
      <c r="AE2449" s="55"/>
      <c r="AF2449" s="55"/>
      <c r="AG2449" s="55"/>
      <c r="AY2449" s="162"/>
      <c r="AZ2449" s="162"/>
      <c r="BA2449" s="162"/>
      <c r="BB2449" s="162"/>
      <c r="BC2449" s="162"/>
      <c r="BD2449" s="162"/>
      <c r="BE2449" s="162"/>
      <c r="BF2449" s="162"/>
      <c r="BG2449" s="162"/>
      <c r="BH2449" s="162"/>
      <c r="BI2449" s="162"/>
      <c r="BJ2449" s="162"/>
      <c r="BK2449" s="162"/>
      <c r="BL2449" s="162"/>
      <c r="BM2449" s="162"/>
      <c r="BN2449" s="162"/>
      <c r="BO2449" s="162"/>
      <c r="BP2449" s="162"/>
      <c r="BQ2449" s="162"/>
      <c r="BR2449" s="162"/>
      <c r="BS2449" s="162"/>
      <c r="BT2449" s="162"/>
      <c r="BU2449" s="162"/>
      <c r="BV2449" s="162"/>
      <c r="BW2449" s="162"/>
      <c r="BX2449" s="162"/>
      <c r="BY2449" s="162"/>
      <c r="BZ2449" s="162"/>
      <c r="CA2449" s="162"/>
      <c r="CB2449" s="162"/>
      <c r="CC2449" s="162"/>
      <c r="CD2449" s="162"/>
      <c r="CE2449" s="162"/>
      <c r="CF2449" s="162"/>
      <c r="CG2449" s="162"/>
      <c r="CH2449" s="162"/>
      <c r="CI2449" s="162"/>
      <c r="CJ2449" s="162"/>
      <c r="CK2449" s="162"/>
      <c r="CX2449" s="98"/>
      <c r="DL2449" s="97"/>
      <c r="DX2449" s="98"/>
      <c r="EL2449" s="97"/>
      <c r="EX2449" s="98"/>
      <c r="EY2449" s="97"/>
      <c r="FL2449" s="126"/>
      <c r="FM2449" s="91"/>
      <c r="FN2449" s="91"/>
      <c r="FO2449" s="91"/>
      <c r="FP2449" s="91"/>
      <c r="FQ2449" s="91"/>
      <c r="FR2449" s="91"/>
      <c r="FS2449" s="91"/>
      <c r="FT2449" s="91"/>
      <c r="FU2449" s="91"/>
      <c r="FV2449" s="91"/>
      <c r="FW2449" s="91"/>
      <c r="FX2449" s="91"/>
      <c r="FY2449" s="91"/>
      <c r="FZ2449" s="91"/>
      <c r="GA2449" s="91"/>
      <c r="GB2449" s="91"/>
      <c r="GC2449" s="91"/>
      <c r="GD2449" s="91"/>
      <c r="GE2449" s="91"/>
      <c r="GF2449" s="91"/>
      <c r="GG2449" s="91"/>
      <c r="GH2449" s="91"/>
      <c r="GI2449" s="91"/>
      <c r="GJ2449" s="91"/>
      <c r="GK2449" s="127"/>
      <c r="GL2449" s="126"/>
      <c r="GM2449" s="91"/>
      <c r="GN2449" s="91"/>
      <c r="GO2449" s="91"/>
      <c r="GP2449" s="91"/>
      <c r="GQ2449" s="91"/>
      <c r="GR2449" s="91"/>
      <c r="GS2449" s="91"/>
      <c r="GT2449" s="91"/>
      <c r="GU2449" s="91"/>
      <c r="GV2449" s="91"/>
      <c r="GW2449" s="91"/>
      <c r="GX2449" s="91"/>
      <c r="GY2449" s="91"/>
      <c r="GZ2449" s="91"/>
      <c r="HA2449" s="91"/>
      <c r="HB2449" s="91"/>
      <c r="HC2449" s="91"/>
      <c r="HD2449" s="91"/>
      <c r="HE2449" s="91"/>
      <c r="HF2449" s="91"/>
      <c r="HG2449" s="91"/>
      <c r="HH2449" s="91"/>
      <c r="HI2449" s="91"/>
      <c r="HJ2449" s="91"/>
      <c r="HK2449" s="127"/>
      <c r="HL2449" s="126"/>
      <c r="HM2449" s="91"/>
      <c r="HN2449" s="91"/>
      <c r="HO2449" s="91"/>
      <c r="HP2449" s="91"/>
      <c r="HQ2449" s="91"/>
      <c r="HR2449" s="91"/>
      <c r="HS2449" s="91"/>
      <c r="HT2449" s="91"/>
      <c r="HU2449" s="91"/>
      <c r="HV2449" s="91"/>
      <c r="HW2449" s="91"/>
      <c r="HX2449" s="91"/>
      <c r="HY2449" s="91"/>
      <c r="HZ2449" s="91"/>
      <c r="IA2449" s="91"/>
      <c r="IB2449" s="91"/>
      <c r="IC2449" s="91"/>
      <c r="ID2449" s="91"/>
      <c r="IE2449" s="91"/>
      <c r="IF2449" s="91"/>
      <c r="IG2449" s="91"/>
      <c r="IH2449" s="91"/>
      <c r="II2449" s="91"/>
      <c r="IJ2449" s="91"/>
      <c r="IK2449" s="127"/>
    </row>
    <row r="2450" spans="2:245" x14ac:dyDescent="0.2">
      <c r="B2450" s="43"/>
      <c r="C2450" s="73"/>
      <c r="D2450" s="64"/>
      <c r="E2450" s="64"/>
      <c r="F2450" s="55"/>
      <c r="G2450" s="102"/>
      <c r="H2450" s="55"/>
      <c r="I2450" s="55"/>
      <c r="J2450" s="55"/>
      <c r="K2450" s="55"/>
      <c r="L2450" s="55"/>
      <c r="M2450" s="55"/>
      <c r="N2450" s="55"/>
      <c r="O2450" s="55"/>
      <c r="P2450" s="55"/>
      <c r="Q2450" s="55"/>
      <c r="R2450" s="55"/>
      <c r="S2450" s="55"/>
      <c r="T2450" s="55"/>
      <c r="U2450" s="55"/>
      <c r="V2450" s="55"/>
      <c r="W2450" s="55"/>
      <c r="X2450" s="55"/>
      <c r="Y2450" s="55"/>
      <c r="Z2450" s="55"/>
      <c r="AA2450" s="55"/>
      <c r="AB2450" s="55"/>
      <c r="AC2450" s="55"/>
      <c r="AD2450" s="55"/>
      <c r="AE2450" s="55"/>
      <c r="AF2450" s="55"/>
      <c r="AG2450" s="55"/>
      <c r="AY2450" s="162"/>
      <c r="AZ2450" s="162"/>
      <c r="BA2450" s="162"/>
      <c r="BB2450" s="162"/>
      <c r="BC2450" s="162"/>
      <c r="BD2450" s="162"/>
      <c r="BE2450" s="162"/>
      <c r="BF2450" s="162"/>
      <c r="BG2450" s="162"/>
      <c r="BH2450" s="162"/>
      <c r="BI2450" s="162"/>
      <c r="BJ2450" s="162"/>
      <c r="BK2450" s="162"/>
      <c r="BL2450" s="162"/>
      <c r="BM2450" s="162"/>
      <c r="BN2450" s="162"/>
      <c r="BO2450" s="162"/>
      <c r="BP2450" s="162"/>
      <c r="BQ2450" s="162"/>
      <c r="BR2450" s="162"/>
      <c r="BS2450" s="162"/>
      <c r="BT2450" s="162"/>
      <c r="BU2450" s="162"/>
      <c r="BV2450" s="162"/>
      <c r="BW2450" s="162"/>
      <c r="BX2450" s="162"/>
      <c r="BY2450" s="162"/>
      <c r="BZ2450" s="162"/>
      <c r="CA2450" s="162"/>
      <c r="CB2450" s="162"/>
      <c r="CC2450" s="162"/>
      <c r="CD2450" s="162"/>
      <c r="CE2450" s="162"/>
      <c r="CF2450" s="162"/>
      <c r="CG2450" s="162"/>
      <c r="CH2450" s="162"/>
      <c r="CI2450" s="162"/>
      <c r="CJ2450" s="162"/>
      <c r="CK2450" s="162"/>
      <c r="CX2450" s="98"/>
      <c r="DL2450" s="97"/>
      <c r="DX2450" s="98"/>
      <c r="EL2450" s="97"/>
      <c r="EX2450" s="98"/>
      <c r="EY2450" s="97"/>
      <c r="FL2450" s="126"/>
      <c r="FM2450" s="91"/>
      <c r="FN2450" s="91"/>
      <c r="FO2450" s="91"/>
      <c r="FP2450" s="91"/>
      <c r="FQ2450" s="91"/>
      <c r="FR2450" s="91"/>
      <c r="FS2450" s="91"/>
      <c r="FT2450" s="91"/>
      <c r="FU2450" s="91"/>
      <c r="FV2450" s="91"/>
      <c r="FW2450" s="91"/>
      <c r="FX2450" s="91"/>
      <c r="FY2450" s="91"/>
      <c r="FZ2450" s="91"/>
      <c r="GA2450" s="91"/>
      <c r="GB2450" s="91"/>
      <c r="GC2450" s="91"/>
      <c r="GD2450" s="91"/>
      <c r="GE2450" s="91"/>
      <c r="GF2450" s="91"/>
      <c r="GG2450" s="91"/>
      <c r="GH2450" s="91"/>
      <c r="GI2450" s="91"/>
      <c r="GJ2450" s="91"/>
      <c r="GK2450" s="127"/>
      <c r="GL2450" s="126"/>
      <c r="GM2450" s="91"/>
      <c r="GN2450" s="91"/>
      <c r="GO2450" s="91"/>
      <c r="GP2450" s="91"/>
      <c r="GQ2450" s="91"/>
      <c r="GR2450" s="91"/>
      <c r="GS2450" s="91"/>
      <c r="GT2450" s="91"/>
      <c r="GU2450" s="91"/>
      <c r="GV2450" s="91"/>
      <c r="GW2450" s="91"/>
      <c r="GX2450" s="91"/>
      <c r="GY2450" s="91"/>
      <c r="GZ2450" s="91"/>
      <c r="HA2450" s="91"/>
      <c r="HB2450" s="91"/>
      <c r="HC2450" s="91"/>
      <c r="HD2450" s="91"/>
      <c r="HE2450" s="91"/>
      <c r="HF2450" s="91"/>
      <c r="HG2450" s="91"/>
      <c r="HH2450" s="91"/>
      <c r="HI2450" s="91"/>
      <c r="HJ2450" s="91"/>
      <c r="HK2450" s="127"/>
      <c r="HL2450" s="126"/>
      <c r="HM2450" s="91"/>
      <c r="HN2450" s="91"/>
      <c r="HO2450" s="91"/>
      <c r="HP2450" s="91"/>
      <c r="HQ2450" s="91"/>
      <c r="HR2450" s="91"/>
      <c r="HS2450" s="91"/>
      <c r="HT2450" s="91"/>
      <c r="HU2450" s="91"/>
      <c r="HV2450" s="91"/>
      <c r="HW2450" s="91"/>
      <c r="HX2450" s="91"/>
      <c r="HY2450" s="91"/>
      <c r="HZ2450" s="91"/>
      <c r="IA2450" s="91"/>
      <c r="IB2450" s="91"/>
      <c r="IC2450" s="91"/>
      <c r="ID2450" s="91"/>
      <c r="IE2450" s="91"/>
      <c r="IF2450" s="91"/>
      <c r="IG2450" s="91"/>
      <c r="IH2450" s="91"/>
      <c r="II2450" s="91"/>
      <c r="IJ2450" s="91"/>
      <c r="IK2450" s="127"/>
    </row>
    <row r="2451" spans="2:245" x14ac:dyDescent="0.2">
      <c r="B2451" s="43"/>
      <c r="C2451" s="73"/>
      <c r="D2451" s="64"/>
      <c r="E2451" s="64"/>
      <c r="F2451" s="55"/>
      <c r="G2451" s="102"/>
      <c r="H2451" s="55"/>
      <c r="I2451" s="55"/>
      <c r="J2451" s="55"/>
      <c r="K2451" s="55"/>
      <c r="L2451" s="55"/>
      <c r="M2451" s="55"/>
      <c r="N2451" s="55"/>
      <c r="O2451" s="55"/>
      <c r="P2451" s="55"/>
      <c r="Q2451" s="55"/>
      <c r="R2451" s="55"/>
      <c r="S2451" s="55"/>
      <c r="T2451" s="55"/>
      <c r="U2451" s="55"/>
      <c r="V2451" s="55"/>
      <c r="W2451" s="55"/>
      <c r="X2451" s="55"/>
      <c r="Y2451" s="55"/>
      <c r="Z2451" s="55"/>
      <c r="AA2451" s="55"/>
      <c r="AB2451" s="55"/>
      <c r="AC2451" s="55"/>
      <c r="AD2451" s="55"/>
      <c r="AE2451" s="55"/>
      <c r="AF2451" s="55"/>
      <c r="AG2451" s="55"/>
      <c r="AY2451" s="162"/>
      <c r="AZ2451" s="162"/>
      <c r="BA2451" s="162"/>
      <c r="BB2451" s="162"/>
      <c r="BC2451" s="162"/>
      <c r="BD2451" s="162"/>
      <c r="BE2451" s="162"/>
      <c r="BF2451" s="162"/>
      <c r="BG2451" s="162"/>
      <c r="BH2451" s="162"/>
      <c r="BI2451" s="162"/>
      <c r="BJ2451" s="162"/>
      <c r="BK2451" s="162"/>
      <c r="BL2451" s="162"/>
      <c r="BM2451" s="162"/>
      <c r="BN2451" s="162"/>
      <c r="BO2451" s="162"/>
      <c r="BP2451" s="162"/>
      <c r="BQ2451" s="162"/>
      <c r="BR2451" s="162"/>
      <c r="BS2451" s="162"/>
      <c r="BT2451" s="162"/>
      <c r="BU2451" s="162"/>
      <c r="BV2451" s="162"/>
      <c r="BW2451" s="162"/>
      <c r="BX2451" s="162"/>
      <c r="BY2451" s="162"/>
      <c r="BZ2451" s="162"/>
      <c r="CA2451" s="162"/>
      <c r="CB2451" s="162"/>
      <c r="CC2451" s="162"/>
      <c r="CD2451" s="162"/>
      <c r="CE2451" s="162"/>
      <c r="CF2451" s="162"/>
      <c r="CG2451" s="162"/>
      <c r="CH2451" s="162"/>
      <c r="CI2451" s="162"/>
      <c r="CJ2451" s="162"/>
      <c r="CK2451" s="162"/>
      <c r="CX2451" s="98"/>
      <c r="DL2451" s="97"/>
      <c r="DX2451" s="98"/>
      <c r="EL2451" s="97"/>
      <c r="EX2451" s="98"/>
      <c r="EY2451" s="97"/>
      <c r="FL2451" s="126"/>
      <c r="FM2451" s="91"/>
      <c r="FN2451" s="91"/>
      <c r="FO2451" s="91"/>
      <c r="FP2451" s="91"/>
      <c r="FQ2451" s="91"/>
      <c r="FR2451" s="91"/>
      <c r="FS2451" s="91"/>
      <c r="FT2451" s="91"/>
      <c r="FU2451" s="91"/>
      <c r="FV2451" s="91"/>
      <c r="FW2451" s="91"/>
      <c r="FX2451" s="91"/>
      <c r="FY2451" s="91"/>
      <c r="FZ2451" s="91"/>
      <c r="GA2451" s="91"/>
      <c r="GB2451" s="91"/>
      <c r="GC2451" s="91"/>
      <c r="GD2451" s="91"/>
      <c r="GE2451" s="91"/>
      <c r="GF2451" s="91"/>
      <c r="GG2451" s="91"/>
      <c r="GH2451" s="91"/>
      <c r="GI2451" s="91"/>
      <c r="GJ2451" s="91"/>
      <c r="GK2451" s="127"/>
      <c r="GL2451" s="126"/>
      <c r="GM2451" s="91"/>
      <c r="GN2451" s="91"/>
      <c r="GO2451" s="91"/>
      <c r="GP2451" s="91"/>
      <c r="GQ2451" s="91"/>
      <c r="GR2451" s="91"/>
      <c r="GS2451" s="91"/>
      <c r="GT2451" s="91"/>
      <c r="GU2451" s="91"/>
      <c r="GV2451" s="91"/>
      <c r="GW2451" s="91"/>
      <c r="GX2451" s="91"/>
      <c r="GY2451" s="91"/>
      <c r="GZ2451" s="91"/>
      <c r="HA2451" s="91"/>
      <c r="HB2451" s="91"/>
      <c r="HC2451" s="91"/>
      <c r="HD2451" s="91"/>
      <c r="HE2451" s="91"/>
      <c r="HF2451" s="91"/>
      <c r="HG2451" s="91"/>
      <c r="HH2451" s="91"/>
      <c r="HI2451" s="91"/>
      <c r="HJ2451" s="91"/>
      <c r="HK2451" s="127"/>
      <c r="HL2451" s="126"/>
      <c r="HM2451" s="91"/>
      <c r="HN2451" s="91"/>
      <c r="HO2451" s="91"/>
      <c r="HP2451" s="91"/>
      <c r="HQ2451" s="91"/>
      <c r="HR2451" s="91"/>
      <c r="HS2451" s="91"/>
      <c r="HT2451" s="91"/>
      <c r="HU2451" s="91"/>
      <c r="HV2451" s="91"/>
      <c r="HW2451" s="91"/>
      <c r="HX2451" s="91"/>
      <c r="HY2451" s="91"/>
      <c r="HZ2451" s="91"/>
      <c r="IA2451" s="91"/>
      <c r="IB2451" s="91"/>
      <c r="IC2451" s="91"/>
      <c r="ID2451" s="91"/>
      <c r="IE2451" s="91"/>
      <c r="IF2451" s="91"/>
      <c r="IG2451" s="91"/>
      <c r="IH2451" s="91"/>
      <c r="II2451" s="91"/>
      <c r="IJ2451" s="91"/>
      <c r="IK2451" s="127"/>
    </row>
    <row r="2452" spans="2:245" x14ac:dyDescent="0.2">
      <c r="B2452" s="43"/>
      <c r="C2452" s="73"/>
      <c r="D2452" s="64"/>
      <c r="E2452" s="64"/>
      <c r="F2452" s="55"/>
      <c r="G2452" s="102"/>
      <c r="H2452" s="55"/>
      <c r="I2452" s="55"/>
      <c r="J2452" s="55"/>
      <c r="K2452" s="55"/>
      <c r="L2452" s="55"/>
      <c r="M2452" s="55"/>
      <c r="N2452" s="55"/>
      <c r="O2452" s="55"/>
      <c r="P2452" s="55"/>
      <c r="Q2452" s="55"/>
      <c r="R2452" s="55"/>
      <c r="S2452" s="55"/>
      <c r="T2452" s="55"/>
      <c r="U2452" s="55"/>
      <c r="V2452" s="55"/>
      <c r="W2452" s="55"/>
      <c r="X2452" s="55"/>
      <c r="Y2452" s="55"/>
      <c r="Z2452" s="55"/>
      <c r="AA2452" s="55"/>
      <c r="AB2452" s="55"/>
      <c r="AC2452" s="55"/>
      <c r="AD2452" s="55"/>
      <c r="AE2452" s="55"/>
      <c r="AF2452" s="55"/>
      <c r="AG2452" s="55"/>
      <c r="AY2452" s="162"/>
      <c r="AZ2452" s="162"/>
      <c r="BA2452" s="162"/>
      <c r="BB2452" s="162"/>
      <c r="BC2452" s="162"/>
      <c r="BD2452" s="162"/>
      <c r="BE2452" s="162"/>
      <c r="BF2452" s="162"/>
      <c r="BG2452" s="162"/>
      <c r="BH2452" s="162"/>
      <c r="BI2452" s="162"/>
      <c r="BJ2452" s="162"/>
      <c r="BK2452" s="162"/>
      <c r="BL2452" s="162"/>
      <c r="BM2452" s="162"/>
      <c r="BN2452" s="162"/>
      <c r="BO2452" s="162"/>
      <c r="BP2452" s="162"/>
      <c r="BQ2452" s="162"/>
      <c r="BR2452" s="162"/>
      <c r="BS2452" s="162"/>
      <c r="BT2452" s="162"/>
      <c r="BU2452" s="162"/>
      <c r="BV2452" s="162"/>
      <c r="BW2452" s="162"/>
      <c r="BX2452" s="162"/>
      <c r="BY2452" s="162"/>
      <c r="BZ2452" s="162"/>
      <c r="CA2452" s="162"/>
      <c r="CB2452" s="162"/>
      <c r="CC2452" s="162"/>
      <c r="CD2452" s="162"/>
      <c r="CE2452" s="162"/>
      <c r="CF2452" s="162"/>
      <c r="CG2452" s="162"/>
      <c r="CH2452" s="162"/>
      <c r="CI2452" s="162"/>
      <c r="CJ2452" s="162"/>
      <c r="CK2452" s="162"/>
      <c r="CX2452" s="98"/>
      <c r="DL2452" s="97"/>
      <c r="DX2452" s="98"/>
      <c r="EL2452" s="97"/>
      <c r="EX2452" s="98"/>
      <c r="EY2452" s="97"/>
      <c r="FL2452" s="126"/>
      <c r="FM2452" s="91"/>
      <c r="FN2452" s="91"/>
      <c r="FO2452" s="91"/>
      <c r="FP2452" s="91"/>
      <c r="FQ2452" s="91"/>
      <c r="FR2452" s="91"/>
      <c r="FS2452" s="91"/>
      <c r="FT2452" s="91"/>
      <c r="FU2452" s="91"/>
      <c r="FV2452" s="91"/>
      <c r="FW2452" s="91"/>
      <c r="FX2452" s="91"/>
      <c r="FY2452" s="91"/>
      <c r="FZ2452" s="91"/>
      <c r="GA2452" s="91"/>
      <c r="GB2452" s="91"/>
      <c r="GC2452" s="91"/>
      <c r="GD2452" s="91"/>
      <c r="GE2452" s="91"/>
      <c r="GF2452" s="91"/>
      <c r="GG2452" s="91"/>
      <c r="GH2452" s="91"/>
      <c r="GI2452" s="91"/>
      <c r="GJ2452" s="91"/>
      <c r="GK2452" s="127"/>
      <c r="GL2452" s="126"/>
      <c r="GM2452" s="91"/>
      <c r="GN2452" s="91"/>
      <c r="GO2452" s="91"/>
      <c r="GP2452" s="91"/>
      <c r="GQ2452" s="91"/>
      <c r="GR2452" s="91"/>
      <c r="GS2452" s="91"/>
      <c r="GT2452" s="91"/>
      <c r="GU2452" s="91"/>
      <c r="GV2452" s="91"/>
      <c r="GW2452" s="91"/>
      <c r="GX2452" s="91"/>
      <c r="GY2452" s="91"/>
      <c r="GZ2452" s="91"/>
      <c r="HA2452" s="91"/>
      <c r="HB2452" s="91"/>
      <c r="HC2452" s="91"/>
      <c r="HD2452" s="91"/>
      <c r="HE2452" s="91"/>
      <c r="HF2452" s="91"/>
      <c r="HG2452" s="91"/>
      <c r="HH2452" s="91"/>
      <c r="HI2452" s="91"/>
      <c r="HJ2452" s="91"/>
      <c r="HK2452" s="127"/>
      <c r="HL2452" s="126"/>
      <c r="HM2452" s="91"/>
      <c r="HN2452" s="91"/>
      <c r="HO2452" s="91"/>
      <c r="HP2452" s="91"/>
      <c r="HQ2452" s="91"/>
      <c r="HR2452" s="91"/>
      <c r="HS2452" s="91"/>
      <c r="HT2452" s="91"/>
      <c r="HU2452" s="91"/>
      <c r="HV2452" s="91"/>
      <c r="HW2452" s="91"/>
      <c r="HX2452" s="91"/>
      <c r="HY2452" s="91"/>
      <c r="HZ2452" s="91"/>
      <c r="IA2452" s="91"/>
      <c r="IB2452" s="91"/>
      <c r="IC2452" s="91"/>
      <c r="ID2452" s="91"/>
      <c r="IE2452" s="91"/>
      <c r="IF2452" s="91"/>
      <c r="IG2452" s="91"/>
      <c r="IH2452" s="91"/>
      <c r="II2452" s="91"/>
      <c r="IJ2452" s="91"/>
      <c r="IK2452" s="127"/>
    </row>
    <row r="2453" spans="2:245" x14ac:dyDescent="0.2">
      <c r="B2453" s="43"/>
      <c r="C2453" s="73"/>
      <c r="D2453" s="64"/>
      <c r="E2453" s="64"/>
      <c r="F2453" s="55"/>
      <c r="G2453" s="102"/>
      <c r="H2453" s="55"/>
      <c r="I2453" s="55"/>
      <c r="J2453" s="55"/>
      <c r="K2453" s="55"/>
      <c r="L2453" s="55"/>
      <c r="M2453" s="55"/>
      <c r="N2453" s="55"/>
      <c r="O2453" s="55"/>
      <c r="P2453" s="55"/>
      <c r="Q2453" s="55"/>
      <c r="R2453" s="55"/>
      <c r="S2453" s="55"/>
      <c r="T2453" s="55"/>
      <c r="U2453" s="55"/>
      <c r="V2453" s="55"/>
      <c r="W2453" s="55"/>
      <c r="X2453" s="55"/>
      <c r="Y2453" s="55"/>
      <c r="Z2453" s="55"/>
      <c r="AA2453" s="55"/>
      <c r="AB2453" s="55"/>
      <c r="AC2453" s="55"/>
      <c r="AD2453" s="55"/>
      <c r="AE2453" s="55"/>
      <c r="AF2453" s="55"/>
      <c r="AG2453" s="55"/>
      <c r="AY2453" s="162"/>
      <c r="AZ2453" s="162"/>
      <c r="BA2453" s="162"/>
      <c r="BB2453" s="162"/>
      <c r="BC2453" s="162"/>
      <c r="BD2453" s="162"/>
      <c r="BE2453" s="162"/>
      <c r="BF2453" s="162"/>
      <c r="BG2453" s="162"/>
      <c r="BH2453" s="162"/>
      <c r="BI2453" s="162"/>
      <c r="BJ2453" s="162"/>
      <c r="BK2453" s="162"/>
      <c r="BL2453" s="162"/>
      <c r="BM2453" s="162"/>
      <c r="BN2453" s="162"/>
      <c r="BO2453" s="162"/>
      <c r="BP2453" s="162"/>
      <c r="BQ2453" s="162"/>
      <c r="BR2453" s="162"/>
      <c r="BS2453" s="162"/>
      <c r="BT2453" s="162"/>
      <c r="BU2453" s="162"/>
      <c r="BV2453" s="162"/>
      <c r="BW2453" s="162"/>
      <c r="BX2453" s="162"/>
      <c r="BY2453" s="162"/>
      <c r="BZ2453" s="162"/>
      <c r="CA2453" s="162"/>
      <c r="CB2453" s="162"/>
      <c r="CC2453" s="162"/>
      <c r="CD2453" s="162"/>
      <c r="CE2453" s="162"/>
      <c r="CF2453" s="162"/>
      <c r="CG2453" s="162"/>
      <c r="CH2453" s="162"/>
      <c r="CI2453" s="162"/>
      <c r="CJ2453" s="162"/>
      <c r="CK2453" s="162"/>
      <c r="CX2453" s="98"/>
      <c r="DL2453" s="97"/>
      <c r="DX2453" s="98"/>
      <c r="EL2453" s="97"/>
      <c r="EX2453" s="98"/>
      <c r="EY2453" s="97"/>
      <c r="FL2453" s="126"/>
      <c r="FM2453" s="91"/>
      <c r="FN2453" s="91"/>
      <c r="FO2453" s="91"/>
      <c r="FP2453" s="91"/>
      <c r="FQ2453" s="91"/>
      <c r="FR2453" s="91"/>
      <c r="FS2453" s="91"/>
      <c r="FT2453" s="91"/>
      <c r="FU2453" s="91"/>
      <c r="FV2453" s="91"/>
      <c r="FW2453" s="91"/>
      <c r="FX2453" s="91"/>
      <c r="FY2453" s="91"/>
      <c r="FZ2453" s="91"/>
      <c r="GA2453" s="91"/>
      <c r="GB2453" s="91"/>
      <c r="GC2453" s="91"/>
      <c r="GD2453" s="91"/>
      <c r="GE2453" s="91"/>
      <c r="GF2453" s="91"/>
      <c r="GG2453" s="91"/>
      <c r="GH2453" s="91"/>
      <c r="GI2453" s="91"/>
      <c r="GJ2453" s="91"/>
      <c r="GK2453" s="127"/>
      <c r="GL2453" s="126"/>
      <c r="GM2453" s="91"/>
      <c r="GN2453" s="91"/>
      <c r="GO2453" s="91"/>
      <c r="GP2453" s="91"/>
      <c r="GQ2453" s="91"/>
      <c r="GR2453" s="91"/>
      <c r="GS2453" s="91"/>
      <c r="GT2453" s="91"/>
      <c r="GU2453" s="91"/>
      <c r="GV2453" s="91"/>
      <c r="GW2453" s="91"/>
      <c r="GX2453" s="91"/>
      <c r="GY2453" s="91"/>
      <c r="GZ2453" s="91"/>
      <c r="HA2453" s="91"/>
      <c r="HB2453" s="91"/>
      <c r="HC2453" s="91"/>
      <c r="HD2453" s="91"/>
      <c r="HE2453" s="91"/>
      <c r="HF2453" s="91"/>
      <c r="HG2453" s="91"/>
      <c r="HH2453" s="91"/>
      <c r="HI2453" s="91"/>
      <c r="HJ2453" s="91"/>
      <c r="HK2453" s="127"/>
      <c r="HL2453" s="126"/>
      <c r="HM2453" s="91"/>
      <c r="HN2453" s="91"/>
      <c r="HO2453" s="91"/>
      <c r="HP2453" s="91"/>
      <c r="HQ2453" s="91"/>
      <c r="HR2453" s="91"/>
      <c r="HS2453" s="91"/>
      <c r="HT2453" s="91"/>
      <c r="HU2453" s="91"/>
      <c r="HV2453" s="91"/>
      <c r="HW2453" s="91"/>
      <c r="HX2453" s="91"/>
      <c r="HY2453" s="91"/>
      <c r="HZ2453" s="91"/>
      <c r="IA2453" s="91"/>
      <c r="IB2453" s="91"/>
      <c r="IC2453" s="91"/>
      <c r="ID2453" s="91"/>
      <c r="IE2453" s="91"/>
      <c r="IF2453" s="91"/>
      <c r="IG2453" s="91"/>
      <c r="IH2453" s="91"/>
      <c r="II2453" s="91"/>
      <c r="IJ2453" s="91"/>
      <c r="IK2453" s="127"/>
    </row>
    <row r="2454" spans="2:245" x14ac:dyDescent="0.2">
      <c r="B2454" s="43"/>
      <c r="C2454" s="73"/>
      <c r="D2454" s="64"/>
      <c r="E2454" s="64"/>
      <c r="F2454" s="55"/>
      <c r="G2454" s="102"/>
      <c r="H2454" s="55"/>
      <c r="I2454" s="55"/>
      <c r="J2454" s="55"/>
      <c r="K2454" s="55"/>
      <c r="L2454" s="55"/>
      <c r="M2454" s="55"/>
      <c r="N2454" s="55"/>
      <c r="O2454" s="55"/>
      <c r="P2454" s="55"/>
      <c r="Q2454" s="55"/>
      <c r="R2454" s="55"/>
      <c r="S2454" s="55"/>
      <c r="T2454" s="55"/>
      <c r="U2454" s="55"/>
      <c r="V2454" s="55"/>
      <c r="W2454" s="55"/>
      <c r="X2454" s="55"/>
      <c r="Y2454" s="55"/>
      <c r="Z2454" s="55"/>
      <c r="AA2454" s="55"/>
      <c r="AB2454" s="55"/>
      <c r="AC2454" s="55"/>
      <c r="AD2454" s="55"/>
      <c r="AE2454" s="55"/>
      <c r="AF2454" s="55"/>
      <c r="AG2454" s="55"/>
      <c r="AY2454" s="162"/>
      <c r="AZ2454" s="162"/>
      <c r="BA2454" s="162"/>
      <c r="BB2454" s="162"/>
      <c r="BC2454" s="162"/>
      <c r="BD2454" s="162"/>
      <c r="BE2454" s="162"/>
      <c r="BF2454" s="162"/>
      <c r="BG2454" s="162"/>
      <c r="BH2454" s="162"/>
      <c r="BI2454" s="162"/>
      <c r="BJ2454" s="162"/>
      <c r="BK2454" s="162"/>
      <c r="BL2454" s="162"/>
      <c r="BM2454" s="162"/>
      <c r="BN2454" s="162"/>
      <c r="BO2454" s="162"/>
      <c r="BP2454" s="162"/>
      <c r="BQ2454" s="162"/>
      <c r="BR2454" s="162"/>
      <c r="BS2454" s="162"/>
      <c r="BT2454" s="162"/>
      <c r="BU2454" s="162"/>
      <c r="BV2454" s="162"/>
      <c r="BW2454" s="162"/>
      <c r="BX2454" s="162"/>
      <c r="BY2454" s="162"/>
      <c r="BZ2454" s="162"/>
      <c r="CA2454" s="162"/>
      <c r="CB2454" s="162"/>
      <c r="CC2454" s="162"/>
      <c r="CD2454" s="162"/>
      <c r="CE2454" s="162"/>
      <c r="CF2454" s="162"/>
      <c r="CG2454" s="162"/>
      <c r="CH2454" s="162"/>
      <c r="CI2454" s="162"/>
      <c r="CJ2454" s="162"/>
      <c r="CK2454" s="162"/>
      <c r="CX2454" s="98"/>
      <c r="DL2454" s="97"/>
      <c r="DX2454" s="98"/>
      <c r="EL2454" s="97"/>
      <c r="EX2454" s="98"/>
      <c r="EY2454" s="97"/>
      <c r="FL2454" s="126"/>
      <c r="FM2454" s="91"/>
      <c r="FN2454" s="91"/>
      <c r="FO2454" s="91"/>
      <c r="FP2454" s="91"/>
      <c r="FQ2454" s="91"/>
      <c r="FR2454" s="91"/>
      <c r="FS2454" s="91"/>
      <c r="FT2454" s="91"/>
      <c r="FU2454" s="91"/>
      <c r="FV2454" s="91"/>
      <c r="FW2454" s="91"/>
      <c r="FX2454" s="91"/>
      <c r="FY2454" s="91"/>
      <c r="FZ2454" s="91"/>
      <c r="GA2454" s="91"/>
      <c r="GB2454" s="91"/>
      <c r="GC2454" s="91"/>
      <c r="GD2454" s="91"/>
      <c r="GE2454" s="91"/>
      <c r="GF2454" s="91"/>
      <c r="GG2454" s="91"/>
      <c r="GH2454" s="91"/>
      <c r="GI2454" s="91"/>
      <c r="GJ2454" s="91"/>
      <c r="GK2454" s="127"/>
      <c r="GL2454" s="126"/>
      <c r="GM2454" s="91"/>
      <c r="GN2454" s="91"/>
      <c r="GO2454" s="91"/>
      <c r="GP2454" s="91"/>
      <c r="GQ2454" s="91"/>
      <c r="GR2454" s="91"/>
      <c r="GS2454" s="91"/>
      <c r="GT2454" s="91"/>
      <c r="GU2454" s="91"/>
      <c r="GV2454" s="91"/>
      <c r="GW2454" s="91"/>
      <c r="GX2454" s="91"/>
      <c r="GY2454" s="91"/>
      <c r="GZ2454" s="91"/>
      <c r="HA2454" s="91"/>
      <c r="HB2454" s="91"/>
      <c r="HC2454" s="91"/>
      <c r="HD2454" s="91"/>
      <c r="HE2454" s="91"/>
      <c r="HF2454" s="91"/>
      <c r="HG2454" s="91"/>
      <c r="HH2454" s="91"/>
      <c r="HI2454" s="91"/>
      <c r="HJ2454" s="91"/>
      <c r="HK2454" s="127"/>
      <c r="HL2454" s="126"/>
      <c r="HM2454" s="91"/>
      <c r="HN2454" s="91"/>
      <c r="HO2454" s="91"/>
      <c r="HP2454" s="91"/>
      <c r="HQ2454" s="91"/>
      <c r="HR2454" s="91"/>
      <c r="HS2454" s="91"/>
      <c r="HT2454" s="91"/>
      <c r="HU2454" s="91"/>
      <c r="HV2454" s="91"/>
      <c r="HW2454" s="91"/>
      <c r="HX2454" s="91"/>
      <c r="HY2454" s="91"/>
      <c r="HZ2454" s="91"/>
      <c r="IA2454" s="91"/>
      <c r="IB2454" s="91"/>
      <c r="IC2454" s="91"/>
      <c r="ID2454" s="91"/>
      <c r="IE2454" s="91"/>
      <c r="IF2454" s="91"/>
      <c r="IG2454" s="91"/>
      <c r="IH2454" s="91"/>
      <c r="II2454" s="91"/>
      <c r="IJ2454" s="91"/>
      <c r="IK2454" s="127"/>
    </row>
    <row r="2455" spans="2:245" x14ac:dyDescent="0.2">
      <c r="B2455" s="43"/>
      <c r="C2455" s="73"/>
      <c r="D2455" s="64"/>
      <c r="E2455" s="64"/>
      <c r="F2455" s="55"/>
      <c r="G2455" s="102"/>
      <c r="H2455" s="55"/>
      <c r="I2455" s="55"/>
      <c r="J2455" s="55"/>
      <c r="K2455" s="55"/>
      <c r="L2455" s="55"/>
      <c r="M2455" s="55"/>
      <c r="N2455" s="55"/>
      <c r="O2455" s="55"/>
      <c r="P2455" s="55"/>
      <c r="Q2455" s="55"/>
      <c r="R2455" s="55"/>
      <c r="S2455" s="55"/>
      <c r="T2455" s="55"/>
      <c r="U2455" s="55"/>
      <c r="V2455" s="55"/>
      <c r="W2455" s="55"/>
      <c r="X2455" s="55"/>
      <c r="Y2455" s="55"/>
      <c r="Z2455" s="55"/>
      <c r="AA2455" s="55"/>
      <c r="AB2455" s="55"/>
      <c r="AC2455" s="55"/>
      <c r="AD2455" s="55"/>
      <c r="AE2455" s="55"/>
      <c r="AF2455" s="55"/>
      <c r="AG2455" s="55"/>
      <c r="AY2455" s="162"/>
      <c r="AZ2455" s="162"/>
      <c r="BA2455" s="162"/>
      <c r="BB2455" s="162"/>
      <c r="BC2455" s="162"/>
      <c r="BD2455" s="162"/>
      <c r="BE2455" s="162"/>
      <c r="BF2455" s="162"/>
      <c r="BG2455" s="162"/>
      <c r="BH2455" s="162"/>
      <c r="BI2455" s="162"/>
      <c r="BJ2455" s="162"/>
      <c r="BK2455" s="162"/>
      <c r="BL2455" s="162"/>
      <c r="BM2455" s="162"/>
      <c r="BN2455" s="162"/>
      <c r="BO2455" s="162"/>
      <c r="BP2455" s="162"/>
      <c r="BQ2455" s="162"/>
      <c r="BR2455" s="162"/>
      <c r="BS2455" s="162"/>
      <c r="BT2455" s="162"/>
      <c r="BU2455" s="162"/>
      <c r="BV2455" s="162"/>
      <c r="BW2455" s="162"/>
      <c r="BX2455" s="162"/>
      <c r="BY2455" s="162"/>
      <c r="BZ2455" s="162"/>
      <c r="CA2455" s="162"/>
      <c r="CB2455" s="162"/>
      <c r="CC2455" s="162"/>
      <c r="CD2455" s="162"/>
      <c r="CE2455" s="162"/>
      <c r="CF2455" s="162"/>
      <c r="CG2455" s="162"/>
      <c r="CH2455" s="162"/>
      <c r="CI2455" s="162"/>
      <c r="CJ2455" s="162"/>
      <c r="CK2455" s="162"/>
      <c r="CX2455" s="98"/>
      <c r="DL2455" s="97"/>
      <c r="DX2455" s="98"/>
      <c r="EL2455" s="97"/>
      <c r="EX2455" s="98"/>
      <c r="EY2455" s="97"/>
      <c r="FL2455" s="126"/>
      <c r="FM2455" s="91"/>
      <c r="FN2455" s="91"/>
      <c r="FO2455" s="91"/>
      <c r="FP2455" s="91"/>
      <c r="FQ2455" s="91"/>
      <c r="FR2455" s="91"/>
      <c r="FS2455" s="91"/>
      <c r="FT2455" s="91"/>
      <c r="FU2455" s="91"/>
      <c r="FV2455" s="91"/>
      <c r="FW2455" s="91"/>
      <c r="FX2455" s="91"/>
      <c r="FY2455" s="91"/>
      <c r="FZ2455" s="91"/>
      <c r="GA2455" s="91"/>
      <c r="GB2455" s="91"/>
      <c r="GC2455" s="91"/>
      <c r="GD2455" s="91"/>
      <c r="GE2455" s="91"/>
      <c r="GF2455" s="91"/>
      <c r="GG2455" s="91"/>
      <c r="GH2455" s="91"/>
      <c r="GI2455" s="91"/>
      <c r="GJ2455" s="91"/>
      <c r="GK2455" s="127"/>
      <c r="GL2455" s="126"/>
      <c r="GM2455" s="91"/>
      <c r="GN2455" s="91"/>
      <c r="GO2455" s="91"/>
      <c r="GP2455" s="91"/>
      <c r="GQ2455" s="91"/>
      <c r="GR2455" s="91"/>
      <c r="GS2455" s="91"/>
      <c r="GT2455" s="91"/>
      <c r="GU2455" s="91"/>
      <c r="GV2455" s="91"/>
      <c r="GW2455" s="91"/>
      <c r="GX2455" s="91"/>
      <c r="GY2455" s="91"/>
      <c r="GZ2455" s="91"/>
      <c r="HA2455" s="91"/>
      <c r="HB2455" s="91"/>
      <c r="HC2455" s="91"/>
      <c r="HD2455" s="91"/>
      <c r="HE2455" s="91"/>
      <c r="HF2455" s="91"/>
      <c r="HG2455" s="91"/>
      <c r="HH2455" s="91"/>
      <c r="HI2455" s="91"/>
      <c r="HJ2455" s="91"/>
      <c r="HK2455" s="127"/>
      <c r="HL2455" s="126"/>
      <c r="HM2455" s="91"/>
      <c r="HN2455" s="91"/>
      <c r="HO2455" s="91"/>
      <c r="HP2455" s="91"/>
      <c r="HQ2455" s="91"/>
      <c r="HR2455" s="91"/>
      <c r="HS2455" s="91"/>
      <c r="HT2455" s="91"/>
      <c r="HU2455" s="91"/>
      <c r="HV2455" s="91"/>
      <c r="HW2455" s="91"/>
      <c r="HX2455" s="91"/>
      <c r="HY2455" s="91"/>
      <c r="HZ2455" s="91"/>
      <c r="IA2455" s="91"/>
      <c r="IB2455" s="91"/>
      <c r="IC2455" s="91"/>
      <c r="ID2455" s="91"/>
      <c r="IE2455" s="91"/>
      <c r="IF2455" s="91"/>
      <c r="IG2455" s="91"/>
      <c r="IH2455" s="91"/>
      <c r="II2455" s="91"/>
      <c r="IJ2455" s="91"/>
      <c r="IK2455" s="127"/>
    </row>
    <row r="2456" spans="2:245" x14ac:dyDescent="0.2">
      <c r="B2456" s="43"/>
      <c r="C2456" s="73"/>
      <c r="D2456" s="64"/>
      <c r="E2456" s="64"/>
      <c r="F2456" s="55"/>
      <c r="G2456" s="102"/>
      <c r="H2456" s="55"/>
      <c r="I2456" s="55"/>
      <c r="J2456" s="55"/>
      <c r="K2456" s="55"/>
      <c r="L2456" s="55"/>
      <c r="M2456" s="55"/>
      <c r="N2456" s="55"/>
      <c r="O2456" s="55"/>
      <c r="P2456" s="55"/>
      <c r="Q2456" s="55"/>
      <c r="R2456" s="55"/>
      <c r="S2456" s="55"/>
      <c r="T2456" s="55"/>
      <c r="U2456" s="55"/>
      <c r="V2456" s="55"/>
      <c r="W2456" s="55"/>
      <c r="X2456" s="55"/>
      <c r="Y2456" s="55"/>
      <c r="Z2456" s="55"/>
      <c r="AA2456" s="55"/>
      <c r="AB2456" s="55"/>
      <c r="AC2456" s="55"/>
      <c r="AD2456" s="55"/>
      <c r="AE2456" s="55"/>
      <c r="AF2456" s="55"/>
      <c r="AG2456" s="55"/>
      <c r="AY2456" s="162"/>
      <c r="AZ2456" s="162"/>
      <c r="BA2456" s="162"/>
      <c r="BB2456" s="162"/>
      <c r="BC2456" s="162"/>
      <c r="BD2456" s="162"/>
      <c r="BE2456" s="162"/>
      <c r="BF2456" s="162"/>
      <c r="BG2456" s="162"/>
      <c r="BH2456" s="162"/>
      <c r="BI2456" s="162"/>
      <c r="BJ2456" s="162"/>
      <c r="BK2456" s="162"/>
      <c r="BL2456" s="162"/>
      <c r="BM2456" s="162"/>
      <c r="BN2456" s="162"/>
      <c r="BO2456" s="162"/>
      <c r="BP2456" s="162"/>
      <c r="BQ2456" s="162"/>
      <c r="BR2456" s="162"/>
      <c r="BS2456" s="162"/>
      <c r="BT2456" s="162"/>
      <c r="BU2456" s="162"/>
      <c r="BV2456" s="162"/>
      <c r="BW2456" s="162"/>
      <c r="BX2456" s="162"/>
      <c r="BY2456" s="162"/>
      <c r="BZ2456" s="162"/>
      <c r="CA2456" s="162"/>
      <c r="CB2456" s="162"/>
      <c r="CC2456" s="162"/>
      <c r="CD2456" s="162"/>
      <c r="CE2456" s="162"/>
      <c r="CF2456" s="162"/>
      <c r="CG2456" s="162"/>
      <c r="CH2456" s="162"/>
      <c r="CI2456" s="162"/>
      <c r="CJ2456" s="162"/>
      <c r="CK2456" s="162"/>
      <c r="CX2456" s="98"/>
      <c r="DL2456" s="97"/>
      <c r="DX2456" s="98"/>
      <c r="EL2456" s="97"/>
      <c r="EX2456" s="98"/>
      <c r="EY2456" s="97"/>
      <c r="FL2456" s="126"/>
      <c r="FM2456" s="91"/>
      <c r="FN2456" s="91"/>
      <c r="FO2456" s="91"/>
      <c r="FP2456" s="91"/>
      <c r="FQ2456" s="91"/>
      <c r="FR2456" s="91"/>
      <c r="FS2456" s="91"/>
      <c r="FT2456" s="91"/>
      <c r="FU2456" s="91"/>
      <c r="FV2456" s="91"/>
      <c r="FW2456" s="91"/>
      <c r="FX2456" s="91"/>
      <c r="FY2456" s="91"/>
      <c r="FZ2456" s="91"/>
      <c r="GA2456" s="91"/>
      <c r="GB2456" s="91"/>
      <c r="GC2456" s="91"/>
      <c r="GD2456" s="91"/>
      <c r="GE2456" s="91"/>
      <c r="GF2456" s="91"/>
      <c r="GG2456" s="91"/>
      <c r="GH2456" s="91"/>
      <c r="GI2456" s="91"/>
      <c r="GJ2456" s="91"/>
      <c r="GK2456" s="127"/>
      <c r="GL2456" s="126"/>
      <c r="GM2456" s="91"/>
      <c r="GN2456" s="91"/>
      <c r="GO2456" s="91"/>
      <c r="GP2456" s="91"/>
      <c r="GQ2456" s="91"/>
      <c r="GR2456" s="91"/>
      <c r="GS2456" s="91"/>
      <c r="GT2456" s="91"/>
      <c r="GU2456" s="91"/>
      <c r="GV2456" s="91"/>
      <c r="GW2456" s="91"/>
      <c r="GX2456" s="91"/>
      <c r="GY2456" s="91"/>
      <c r="GZ2456" s="91"/>
      <c r="HA2456" s="91"/>
      <c r="HB2456" s="91"/>
      <c r="HC2456" s="91"/>
      <c r="HD2456" s="91"/>
      <c r="HE2456" s="91"/>
      <c r="HF2456" s="91"/>
      <c r="HG2456" s="91"/>
      <c r="HH2456" s="91"/>
      <c r="HI2456" s="91"/>
      <c r="HJ2456" s="91"/>
      <c r="HK2456" s="127"/>
      <c r="HL2456" s="126"/>
      <c r="HM2456" s="91"/>
      <c r="HN2456" s="91"/>
      <c r="HO2456" s="91"/>
      <c r="HP2456" s="91"/>
      <c r="HQ2456" s="91"/>
      <c r="HR2456" s="91"/>
      <c r="HS2456" s="91"/>
      <c r="HT2456" s="91"/>
      <c r="HU2456" s="91"/>
      <c r="HV2456" s="91"/>
      <c r="HW2456" s="91"/>
      <c r="HX2456" s="91"/>
      <c r="HY2456" s="91"/>
      <c r="HZ2456" s="91"/>
      <c r="IA2456" s="91"/>
      <c r="IB2456" s="91"/>
      <c r="IC2456" s="91"/>
      <c r="ID2456" s="91"/>
      <c r="IE2456" s="91"/>
      <c r="IF2456" s="91"/>
      <c r="IG2456" s="91"/>
      <c r="IH2456" s="91"/>
      <c r="II2456" s="91"/>
      <c r="IJ2456" s="91"/>
      <c r="IK2456" s="127"/>
    </row>
    <row r="2457" spans="2:245" x14ac:dyDescent="0.2">
      <c r="B2457" s="43"/>
      <c r="C2457" s="73"/>
      <c r="D2457" s="64"/>
      <c r="E2457" s="64"/>
      <c r="F2457" s="55"/>
      <c r="G2457" s="102"/>
      <c r="H2457" s="55"/>
      <c r="I2457" s="55"/>
      <c r="J2457" s="55"/>
      <c r="K2457" s="55"/>
      <c r="L2457" s="55"/>
      <c r="M2457" s="55"/>
      <c r="N2457" s="55"/>
      <c r="O2457" s="55"/>
      <c r="P2457" s="55"/>
      <c r="Q2457" s="55"/>
      <c r="R2457" s="55"/>
      <c r="S2457" s="55"/>
      <c r="T2457" s="55"/>
      <c r="U2457" s="55"/>
      <c r="V2457" s="55"/>
      <c r="W2457" s="55"/>
      <c r="X2457" s="55"/>
      <c r="Y2457" s="55"/>
      <c r="Z2457" s="55"/>
      <c r="AA2457" s="55"/>
      <c r="AB2457" s="55"/>
      <c r="AC2457" s="55"/>
      <c r="AD2457" s="55"/>
      <c r="AE2457" s="55"/>
      <c r="AF2457" s="55"/>
      <c r="AG2457" s="55"/>
      <c r="AY2457" s="162"/>
      <c r="AZ2457" s="162"/>
      <c r="BA2457" s="162"/>
      <c r="BB2457" s="162"/>
      <c r="BC2457" s="162"/>
      <c r="BD2457" s="162"/>
      <c r="BE2457" s="162"/>
      <c r="BF2457" s="162"/>
      <c r="BG2457" s="162"/>
      <c r="BH2457" s="162"/>
      <c r="BI2457" s="162"/>
      <c r="BJ2457" s="162"/>
      <c r="BK2457" s="162"/>
      <c r="BL2457" s="162"/>
      <c r="BM2457" s="162"/>
      <c r="BN2457" s="162"/>
      <c r="BO2457" s="162"/>
      <c r="BP2457" s="162"/>
      <c r="BQ2457" s="162"/>
      <c r="BR2457" s="162"/>
      <c r="BS2457" s="162"/>
      <c r="BT2457" s="162"/>
      <c r="BU2457" s="162"/>
      <c r="BV2457" s="162"/>
      <c r="BW2457" s="162"/>
      <c r="BX2457" s="162"/>
      <c r="BY2457" s="162"/>
      <c r="BZ2457" s="162"/>
      <c r="CA2457" s="162"/>
      <c r="CB2457" s="162"/>
      <c r="CC2457" s="162"/>
      <c r="CD2457" s="162"/>
      <c r="CE2457" s="162"/>
      <c r="CF2457" s="162"/>
      <c r="CG2457" s="162"/>
      <c r="CH2457" s="162"/>
      <c r="CI2457" s="162"/>
      <c r="CJ2457" s="162"/>
      <c r="CK2457" s="162"/>
      <c r="CX2457" s="98"/>
      <c r="DL2457" s="97"/>
      <c r="DX2457" s="98"/>
      <c r="EL2457" s="97"/>
      <c r="EX2457" s="98"/>
      <c r="EY2457" s="97"/>
      <c r="FL2457" s="126"/>
      <c r="FM2457" s="91"/>
      <c r="FN2457" s="91"/>
      <c r="FO2457" s="91"/>
      <c r="FP2457" s="91"/>
      <c r="FQ2457" s="91"/>
      <c r="FR2457" s="91"/>
      <c r="FS2457" s="91"/>
      <c r="FT2457" s="91"/>
      <c r="FU2457" s="91"/>
      <c r="FV2457" s="91"/>
      <c r="FW2457" s="91"/>
      <c r="FX2457" s="91"/>
      <c r="FY2457" s="91"/>
      <c r="FZ2457" s="91"/>
      <c r="GA2457" s="91"/>
      <c r="GB2457" s="91"/>
      <c r="GC2457" s="91"/>
      <c r="GD2457" s="91"/>
      <c r="GE2457" s="91"/>
      <c r="GF2457" s="91"/>
      <c r="GG2457" s="91"/>
      <c r="GH2457" s="91"/>
      <c r="GI2457" s="91"/>
      <c r="GJ2457" s="91"/>
      <c r="GK2457" s="127"/>
      <c r="GL2457" s="126"/>
      <c r="GM2457" s="91"/>
      <c r="GN2457" s="91"/>
      <c r="GO2457" s="91"/>
      <c r="GP2457" s="91"/>
      <c r="GQ2457" s="91"/>
      <c r="GR2457" s="91"/>
      <c r="GS2457" s="91"/>
      <c r="GT2457" s="91"/>
      <c r="GU2457" s="91"/>
      <c r="GV2457" s="91"/>
      <c r="GW2457" s="91"/>
      <c r="GX2457" s="91"/>
      <c r="GY2457" s="91"/>
      <c r="GZ2457" s="91"/>
      <c r="HA2457" s="91"/>
      <c r="HB2457" s="91"/>
      <c r="HC2457" s="91"/>
      <c r="HD2457" s="91"/>
      <c r="HE2457" s="91"/>
      <c r="HF2457" s="91"/>
      <c r="HG2457" s="91"/>
      <c r="HH2457" s="91"/>
      <c r="HI2457" s="91"/>
      <c r="HJ2457" s="91"/>
      <c r="HK2457" s="127"/>
      <c r="HL2457" s="126"/>
      <c r="HM2457" s="91"/>
      <c r="HN2457" s="91"/>
      <c r="HO2457" s="91"/>
      <c r="HP2457" s="91"/>
      <c r="HQ2457" s="91"/>
      <c r="HR2457" s="91"/>
      <c r="HS2457" s="91"/>
      <c r="HT2457" s="91"/>
      <c r="HU2457" s="91"/>
      <c r="HV2457" s="91"/>
      <c r="HW2457" s="91"/>
      <c r="HX2457" s="91"/>
      <c r="HY2457" s="91"/>
      <c r="HZ2457" s="91"/>
      <c r="IA2457" s="91"/>
      <c r="IB2457" s="91"/>
      <c r="IC2457" s="91"/>
      <c r="ID2457" s="91"/>
      <c r="IE2457" s="91"/>
      <c r="IF2457" s="91"/>
      <c r="IG2457" s="91"/>
      <c r="IH2457" s="91"/>
      <c r="II2457" s="91"/>
      <c r="IJ2457" s="91"/>
      <c r="IK2457" s="127"/>
    </row>
    <row r="2458" spans="2:245" x14ac:dyDescent="0.2">
      <c r="B2458" s="43"/>
      <c r="C2458" s="73"/>
      <c r="D2458" s="64"/>
      <c r="E2458" s="64"/>
      <c r="F2458" s="55"/>
      <c r="G2458" s="102"/>
      <c r="H2458" s="55"/>
      <c r="I2458" s="55"/>
      <c r="J2458" s="55"/>
      <c r="K2458" s="55"/>
      <c r="L2458" s="55"/>
      <c r="M2458" s="55"/>
      <c r="N2458" s="55"/>
      <c r="O2458" s="55"/>
      <c r="P2458" s="55"/>
      <c r="Q2458" s="55"/>
      <c r="R2458" s="55"/>
      <c r="S2458" s="55"/>
      <c r="T2458" s="55"/>
      <c r="U2458" s="55"/>
      <c r="V2458" s="55"/>
      <c r="W2458" s="55"/>
      <c r="X2458" s="55"/>
      <c r="Y2458" s="55"/>
      <c r="Z2458" s="55"/>
      <c r="AA2458" s="55"/>
      <c r="AB2458" s="55"/>
      <c r="AC2458" s="55"/>
      <c r="AD2458" s="55"/>
      <c r="AE2458" s="55"/>
      <c r="AF2458" s="55"/>
      <c r="AG2458" s="55"/>
      <c r="AY2458" s="162"/>
      <c r="AZ2458" s="162"/>
      <c r="BA2458" s="162"/>
      <c r="BB2458" s="162"/>
      <c r="BC2458" s="162"/>
      <c r="BD2458" s="162"/>
      <c r="BE2458" s="162"/>
      <c r="BF2458" s="162"/>
      <c r="BG2458" s="162"/>
      <c r="BH2458" s="162"/>
      <c r="BI2458" s="162"/>
      <c r="BJ2458" s="162"/>
      <c r="BK2458" s="162"/>
      <c r="BL2458" s="162"/>
      <c r="BM2458" s="162"/>
      <c r="BN2458" s="162"/>
      <c r="BO2458" s="162"/>
      <c r="BP2458" s="162"/>
      <c r="BQ2458" s="162"/>
      <c r="BR2458" s="162"/>
      <c r="BS2458" s="162"/>
      <c r="BT2458" s="162"/>
      <c r="BU2458" s="162"/>
      <c r="BV2458" s="162"/>
      <c r="BW2458" s="162"/>
      <c r="BX2458" s="162"/>
      <c r="BY2458" s="162"/>
      <c r="BZ2458" s="162"/>
      <c r="CA2458" s="162"/>
      <c r="CB2458" s="162"/>
      <c r="CC2458" s="162"/>
      <c r="CD2458" s="162"/>
      <c r="CE2458" s="162"/>
      <c r="CF2458" s="162"/>
      <c r="CG2458" s="162"/>
      <c r="CH2458" s="162"/>
      <c r="CI2458" s="162"/>
      <c r="CJ2458" s="162"/>
      <c r="CK2458" s="162"/>
      <c r="CX2458" s="98"/>
      <c r="DL2458" s="97"/>
      <c r="DX2458" s="98"/>
      <c r="EL2458" s="97"/>
      <c r="EX2458" s="98"/>
      <c r="EY2458" s="97"/>
      <c r="FL2458" s="126"/>
      <c r="FM2458" s="91"/>
      <c r="FN2458" s="91"/>
      <c r="FO2458" s="91"/>
      <c r="FP2458" s="91"/>
      <c r="FQ2458" s="91"/>
      <c r="FR2458" s="91"/>
      <c r="FS2458" s="91"/>
      <c r="FT2458" s="91"/>
      <c r="FU2458" s="91"/>
      <c r="FV2458" s="91"/>
      <c r="FW2458" s="91"/>
      <c r="FX2458" s="91"/>
      <c r="FY2458" s="91"/>
      <c r="FZ2458" s="91"/>
      <c r="GA2458" s="91"/>
      <c r="GB2458" s="91"/>
      <c r="GC2458" s="91"/>
      <c r="GD2458" s="91"/>
      <c r="GE2458" s="91"/>
      <c r="GF2458" s="91"/>
      <c r="GG2458" s="91"/>
      <c r="GH2458" s="91"/>
      <c r="GI2458" s="91"/>
      <c r="GJ2458" s="91"/>
      <c r="GK2458" s="127"/>
      <c r="GL2458" s="126"/>
      <c r="GM2458" s="91"/>
      <c r="GN2458" s="91"/>
      <c r="GO2458" s="91"/>
      <c r="GP2458" s="91"/>
      <c r="GQ2458" s="91"/>
      <c r="GR2458" s="91"/>
      <c r="GS2458" s="91"/>
      <c r="GT2458" s="91"/>
      <c r="GU2458" s="91"/>
      <c r="GV2458" s="91"/>
      <c r="GW2458" s="91"/>
      <c r="GX2458" s="91"/>
      <c r="GY2458" s="91"/>
      <c r="GZ2458" s="91"/>
      <c r="HA2458" s="91"/>
      <c r="HB2458" s="91"/>
      <c r="HC2458" s="91"/>
      <c r="HD2458" s="91"/>
      <c r="HE2458" s="91"/>
      <c r="HF2458" s="91"/>
      <c r="HG2458" s="91"/>
      <c r="HH2458" s="91"/>
      <c r="HI2458" s="91"/>
      <c r="HJ2458" s="91"/>
      <c r="HK2458" s="127"/>
      <c r="HL2458" s="126"/>
      <c r="HM2458" s="91"/>
      <c r="HN2458" s="91"/>
      <c r="HO2458" s="91"/>
      <c r="HP2458" s="91"/>
      <c r="HQ2458" s="91"/>
      <c r="HR2458" s="91"/>
      <c r="HS2458" s="91"/>
      <c r="HT2458" s="91"/>
      <c r="HU2458" s="91"/>
      <c r="HV2458" s="91"/>
      <c r="HW2458" s="91"/>
      <c r="HX2458" s="91"/>
      <c r="HY2458" s="91"/>
      <c r="HZ2458" s="91"/>
      <c r="IA2458" s="91"/>
      <c r="IB2458" s="91"/>
      <c r="IC2458" s="91"/>
      <c r="ID2458" s="91"/>
      <c r="IE2458" s="91"/>
      <c r="IF2458" s="91"/>
      <c r="IG2458" s="91"/>
      <c r="IH2458" s="91"/>
      <c r="II2458" s="91"/>
      <c r="IJ2458" s="91"/>
      <c r="IK2458" s="127"/>
    </row>
    <row r="2459" spans="2:245" x14ac:dyDescent="0.2">
      <c r="B2459" s="43"/>
      <c r="C2459" s="73"/>
      <c r="D2459" s="64"/>
      <c r="E2459" s="64"/>
      <c r="F2459" s="55"/>
      <c r="G2459" s="102"/>
      <c r="H2459" s="55"/>
      <c r="I2459" s="55"/>
      <c r="J2459" s="55"/>
      <c r="K2459" s="55"/>
      <c r="L2459" s="55"/>
      <c r="M2459" s="55"/>
      <c r="N2459" s="55"/>
      <c r="O2459" s="55"/>
      <c r="P2459" s="55"/>
      <c r="Q2459" s="55"/>
      <c r="R2459" s="55"/>
      <c r="S2459" s="55"/>
      <c r="T2459" s="55"/>
      <c r="U2459" s="55"/>
      <c r="V2459" s="55"/>
      <c r="W2459" s="55"/>
      <c r="X2459" s="55"/>
      <c r="Y2459" s="55"/>
      <c r="Z2459" s="55"/>
      <c r="AA2459" s="55"/>
      <c r="AB2459" s="55"/>
      <c r="AC2459" s="55"/>
      <c r="AD2459" s="55"/>
      <c r="AE2459" s="55"/>
      <c r="AF2459" s="55"/>
      <c r="AG2459" s="55"/>
      <c r="AY2459" s="162"/>
      <c r="AZ2459" s="162"/>
      <c r="BA2459" s="162"/>
      <c r="BB2459" s="162"/>
      <c r="BC2459" s="162"/>
      <c r="BD2459" s="162"/>
      <c r="BE2459" s="162"/>
      <c r="BF2459" s="162"/>
      <c r="BG2459" s="162"/>
      <c r="BH2459" s="162"/>
      <c r="BI2459" s="162"/>
      <c r="BJ2459" s="162"/>
      <c r="BK2459" s="162"/>
      <c r="BL2459" s="162"/>
      <c r="BM2459" s="162"/>
      <c r="BN2459" s="162"/>
      <c r="BO2459" s="162"/>
      <c r="BP2459" s="162"/>
      <c r="BQ2459" s="162"/>
      <c r="BR2459" s="162"/>
      <c r="BS2459" s="162"/>
      <c r="BT2459" s="162"/>
      <c r="BU2459" s="162"/>
      <c r="BV2459" s="162"/>
      <c r="BW2459" s="162"/>
      <c r="BX2459" s="162"/>
      <c r="BY2459" s="162"/>
      <c r="BZ2459" s="162"/>
      <c r="CA2459" s="162"/>
      <c r="CB2459" s="162"/>
      <c r="CC2459" s="162"/>
      <c r="CD2459" s="162"/>
      <c r="CE2459" s="162"/>
      <c r="CF2459" s="162"/>
      <c r="CG2459" s="162"/>
      <c r="CH2459" s="162"/>
      <c r="CI2459" s="162"/>
      <c r="CJ2459" s="162"/>
      <c r="CK2459" s="162"/>
      <c r="CX2459" s="98"/>
      <c r="DL2459" s="97"/>
      <c r="DX2459" s="98"/>
      <c r="EL2459" s="97"/>
      <c r="EX2459" s="98"/>
      <c r="EY2459" s="97"/>
      <c r="FL2459" s="126"/>
      <c r="FM2459" s="91"/>
      <c r="FN2459" s="91"/>
      <c r="FO2459" s="91"/>
      <c r="FP2459" s="91"/>
      <c r="FQ2459" s="91"/>
      <c r="FR2459" s="91"/>
      <c r="FS2459" s="91"/>
      <c r="FT2459" s="91"/>
      <c r="FU2459" s="91"/>
      <c r="FV2459" s="91"/>
      <c r="FW2459" s="91"/>
      <c r="FX2459" s="91"/>
      <c r="FY2459" s="91"/>
      <c r="FZ2459" s="91"/>
      <c r="GA2459" s="91"/>
      <c r="GB2459" s="91"/>
      <c r="GC2459" s="91"/>
      <c r="GD2459" s="91"/>
      <c r="GE2459" s="91"/>
      <c r="GF2459" s="91"/>
      <c r="GG2459" s="91"/>
      <c r="GH2459" s="91"/>
      <c r="GI2459" s="91"/>
      <c r="GJ2459" s="91"/>
      <c r="GK2459" s="127"/>
      <c r="GL2459" s="126"/>
      <c r="GM2459" s="91"/>
      <c r="GN2459" s="91"/>
      <c r="GO2459" s="91"/>
      <c r="GP2459" s="91"/>
      <c r="GQ2459" s="91"/>
      <c r="GR2459" s="91"/>
      <c r="GS2459" s="91"/>
      <c r="GT2459" s="91"/>
      <c r="GU2459" s="91"/>
      <c r="GV2459" s="91"/>
      <c r="GW2459" s="91"/>
      <c r="GX2459" s="91"/>
      <c r="GY2459" s="91"/>
      <c r="GZ2459" s="91"/>
      <c r="HA2459" s="91"/>
      <c r="HB2459" s="91"/>
      <c r="HC2459" s="91"/>
      <c r="HD2459" s="91"/>
      <c r="HE2459" s="91"/>
      <c r="HF2459" s="91"/>
      <c r="HG2459" s="91"/>
      <c r="HH2459" s="91"/>
      <c r="HI2459" s="91"/>
      <c r="HJ2459" s="91"/>
      <c r="HK2459" s="127"/>
      <c r="HL2459" s="126"/>
      <c r="HM2459" s="91"/>
      <c r="HN2459" s="91"/>
      <c r="HO2459" s="91"/>
      <c r="HP2459" s="91"/>
      <c r="HQ2459" s="91"/>
      <c r="HR2459" s="91"/>
      <c r="HS2459" s="91"/>
      <c r="HT2459" s="91"/>
      <c r="HU2459" s="91"/>
      <c r="HV2459" s="91"/>
      <c r="HW2459" s="91"/>
      <c r="HX2459" s="91"/>
      <c r="HY2459" s="91"/>
      <c r="HZ2459" s="91"/>
      <c r="IA2459" s="91"/>
      <c r="IB2459" s="91"/>
      <c r="IC2459" s="91"/>
      <c r="ID2459" s="91"/>
      <c r="IE2459" s="91"/>
      <c r="IF2459" s="91"/>
      <c r="IG2459" s="91"/>
      <c r="IH2459" s="91"/>
      <c r="II2459" s="91"/>
      <c r="IJ2459" s="91"/>
      <c r="IK2459" s="127"/>
    </row>
    <row r="2460" spans="2:245" x14ac:dyDescent="0.2">
      <c r="B2460" s="43"/>
      <c r="C2460" s="73"/>
      <c r="D2460" s="64"/>
      <c r="E2460" s="64"/>
      <c r="F2460" s="55"/>
      <c r="G2460" s="102"/>
      <c r="H2460" s="55"/>
      <c r="I2460" s="55"/>
      <c r="J2460" s="55"/>
      <c r="K2460" s="55"/>
      <c r="L2460" s="55"/>
      <c r="M2460" s="55"/>
      <c r="N2460" s="55"/>
      <c r="O2460" s="55"/>
      <c r="P2460" s="55"/>
      <c r="Q2460" s="55"/>
      <c r="R2460" s="55"/>
      <c r="S2460" s="55"/>
      <c r="T2460" s="55"/>
      <c r="U2460" s="55"/>
      <c r="V2460" s="55"/>
      <c r="W2460" s="55"/>
      <c r="X2460" s="55"/>
      <c r="Y2460" s="55"/>
      <c r="Z2460" s="55"/>
      <c r="AA2460" s="55"/>
      <c r="AB2460" s="55"/>
      <c r="AC2460" s="55"/>
      <c r="AD2460" s="55"/>
      <c r="AE2460" s="55"/>
      <c r="AF2460" s="55"/>
      <c r="AG2460" s="55"/>
      <c r="AY2460" s="162"/>
      <c r="AZ2460" s="162"/>
      <c r="BA2460" s="162"/>
      <c r="BB2460" s="162"/>
      <c r="BC2460" s="162"/>
      <c r="BD2460" s="162"/>
      <c r="BE2460" s="162"/>
      <c r="BF2460" s="162"/>
      <c r="BG2460" s="162"/>
      <c r="BH2460" s="162"/>
      <c r="BI2460" s="162"/>
      <c r="BJ2460" s="162"/>
      <c r="BK2460" s="162"/>
      <c r="BL2460" s="162"/>
      <c r="BM2460" s="162"/>
      <c r="BN2460" s="162"/>
      <c r="BO2460" s="162"/>
      <c r="BP2460" s="162"/>
      <c r="BQ2460" s="162"/>
      <c r="BR2460" s="162"/>
      <c r="BS2460" s="162"/>
      <c r="BT2460" s="162"/>
      <c r="BU2460" s="162"/>
      <c r="BV2460" s="162"/>
      <c r="BW2460" s="162"/>
      <c r="BX2460" s="162"/>
      <c r="BY2460" s="162"/>
      <c r="BZ2460" s="162"/>
      <c r="CA2460" s="162"/>
      <c r="CB2460" s="162"/>
      <c r="CC2460" s="162"/>
      <c r="CD2460" s="162"/>
      <c r="CE2460" s="162"/>
      <c r="CF2460" s="162"/>
      <c r="CG2460" s="162"/>
      <c r="CH2460" s="162"/>
      <c r="CI2460" s="162"/>
      <c r="CJ2460" s="162"/>
      <c r="CK2460" s="162"/>
      <c r="CX2460" s="98"/>
      <c r="DL2460" s="97"/>
      <c r="DX2460" s="98"/>
      <c r="EL2460" s="97"/>
      <c r="EX2460" s="98"/>
      <c r="EY2460" s="97"/>
      <c r="FL2460" s="126"/>
      <c r="FM2460" s="91"/>
      <c r="FN2460" s="91"/>
      <c r="FO2460" s="91"/>
      <c r="FP2460" s="91"/>
      <c r="FQ2460" s="91"/>
      <c r="FR2460" s="91"/>
      <c r="FS2460" s="91"/>
      <c r="FT2460" s="91"/>
      <c r="FU2460" s="91"/>
      <c r="FV2460" s="91"/>
      <c r="FW2460" s="91"/>
      <c r="FX2460" s="91"/>
      <c r="FY2460" s="91"/>
      <c r="FZ2460" s="91"/>
      <c r="GA2460" s="91"/>
      <c r="GB2460" s="91"/>
      <c r="GC2460" s="91"/>
      <c r="GD2460" s="91"/>
      <c r="GE2460" s="91"/>
      <c r="GF2460" s="91"/>
      <c r="GG2460" s="91"/>
      <c r="GH2460" s="91"/>
      <c r="GI2460" s="91"/>
      <c r="GJ2460" s="91"/>
      <c r="GK2460" s="127"/>
      <c r="GL2460" s="126"/>
      <c r="GM2460" s="91"/>
      <c r="GN2460" s="91"/>
      <c r="GO2460" s="91"/>
      <c r="GP2460" s="91"/>
      <c r="GQ2460" s="91"/>
      <c r="GR2460" s="91"/>
      <c r="GS2460" s="91"/>
      <c r="GT2460" s="91"/>
      <c r="GU2460" s="91"/>
      <c r="GV2460" s="91"/>
      <c r="GW2460" s="91"/>
      <c r="GX2460" s="91"/>
      <c r="GY2460" s="91"/>
      <c r="GZ2460" s="91"/>
      <c r="HA2460" s="91"/>
      <c r="HB2460" s="91"/>
      <c r="HC2460" s="91"/>
      <c r="HD2460" s="91"/>
      <c r="HE2460" s="91"/>
      <c r="HF2460" s="91"/>
      <c r="HG2460" s="91"/>
      <c r="HH2460" s="91"/>
      <c r="HI2460" s="91"/>
      <c r="HJ2460" s="91"/>
      <c r="HK2460" s="127"/>
      <c r="HL2460" s="126"/>
      <c r="HM2460" s="91"/>
      <c r="HN2460" s="91"/>
      <c r="HO2460" s="91"/>
      <c r="HP2460" s="91"/>
      <c r="HQ2460" s="91"/>
      <c r="HR2460" s="91"/>
      <c r="HS2460" s="91"/>
      <c r="HT2460" s="91"/>
      <c r="HU2460" s="91"/>
      <c r="HV2460" s="91"/>
      <c r="HW2460" s="91"/>
      <c r="HX2460" s="91"/>
      <c r="HY2460" s="91"/>
      <c r="HZ2460" s="91"/>
      <c r="IA2460" s="91"/>
      <c r="IB2460" s="91"/>
      <c r="IC2460" s="91"/>
      <c r="ID2460" s="91"/>
      <c r="IE2460" s="91"/>
      <c r="IF2460" s="91"/>
      <c r="IG2460" s="91"/>
      <c r="IH2460" s="91"/>
      <c r="II2460" s="91"/>
      <c r="IJ2460" s="91"/>
      <c r="IK2460" s="127"/>
    </row>
    <row r="2461" spans="2:245" x14ac:dyDescent="0.2">
      <c r="B2461" s="43"/>
      <c r="C2461" s="73"/>
      <c r="D2461" s="64"/>
      <c r="E2461" s="64"/>
      <c r="F2461" s="55"/>
      <c r="G2461" s="102"/>
      <c r="H2461" s="55"/>
      <c r="I2461" s="55"/>
      <c r="J2461" s="55"/>
      <c r="K2461" s="55"/>
      <c r="L2461" s="55"/>
      <c r="M2461" s="55"/>
      <c r="N2461" s="55"/>
      <c r="O2461" s="55"/>
      <c r="P2461" s="55"/>
      <c r="Q2461" s="55"/>
      <c r="R2461" s="55"/>
      <c r="S2461" s="55"/>
      <c r="T2461" s="55"/>
      <c r="U2461" s="55"/>
      <c r="V2461" s="55"/>
      <c r="W2461" s="55"/>
      <c r="X2461" s="55"/>
      <c r="Y2461" s="55"/>
      <c r="Z2461" s="55"/>
      <c r="AA2461" s="55"/>
      <c r="AB2461" s="55"/>
      <c r="AC2461" s="55"/>
      <c r="AD2461" s="55"/>
      <c r="AE2461" s="55"/>
      <c r="AF2461" s="55"/>
      <c r="AG2461" s="55"/>
      <c r="AY2461" s="162"/>
      <c r="AZ2461" s="162"/>
      <c r="BA2461" s="162"/>
      <c r="BB2461" s="162"/>
      <c r="BC2461" s="162"/>
      <c r="BD2461" s="162"/>
      <c r="BE2461" s="162"/>
      <c r="BF2461" s="162"/>
      <c r="BG2461" s="162"/>
      <c r="BH2461" s="162"/>
      <c r="BI2461" s="162"/>
      <c r="BJ2461" s="162"/>
      <c r="BK2461" s="162"/>
      <c r="BL2461" s="162"/>
      <c r="BM2461" s="162"/>
      <c r="BN2461" s="162"/>
      <c r="BO2461" s="162"/>
      <c r="BP2461" s="162"/>
      <c r="BQ2461" s="162"/>
      <c r="BR2461" s="162"/>
      <c r="BS2461" s="162"/>
      <c r="BT2461" s="162"/>
      <c r="BU2461" s="162"/>
      <c r="BV2461" s="162"/>
      <c r="BW2461" s="162"/>
      <c r="BX2461" s="162"/>
      <c r="BY2461" s="162"/>
      <c r="BZ2461" s="162"/>
      <c r="CA2461" s="162"/>
      <c r="CB2461" s="162"/>
      <c r="CC2461" s="162"/>
      <c r="CD2461" s="162"/>
      <c r="CE2461" s="162"/>
      <c r="CF2461" s="162"/>
      <c r="CG2461" s="162"/>
      <c r="CH2461" s="162"/>
      <c r="CI2461" s="162"/>
      <c r="CJ2461" s="162"/>
      <c r="CK2461" s="162"/>
      <c r="CX2461" s="98"/>
      <c r="DL2461" s="97"/>
      <c r="DX2461" s="98"/>
      <c r="EL2461" s="97"/>
      <c r="EX2461" s="98"/>
      <c r="EY2461" s="97"/>
      <c r="FL2461" s="126"/>
      <c r="FM2461" s="91"/>
      <c r="FN2461" s="91"/>
      <c r="FO2461" s="91"/>
      <c r="FP2461" s="91"/>
      <c r="FQ2461" s="91"/>
      <c r="FR2461" s="91"/>
      <c r="FS2461" s="91"/>
      <c r="FT2461" s="91"/>
      <c r="FU2461" s="91"/>
      <c r="FV2461" s="91"/>
      <c r="FW2461" s="91"/>
      <c r="FX2461" s="91"/>
      <c r="FY2461" s="91"/>
      <c r="FZ2461" s="91"/>
      <c r="GA2461" s="91"/>
      <c r="GB2461" s="91"/>
      <c r="GC2461" s="91"/>
      <c r="GD2461" s="91"/>
      <c r="GE2461" s="91"/>
      <c r="GF2461" s="91"/>
      <c r="GG2461" s="91"/>
      <c r="GH2461" s="91"/>
      <c r="GI2461" s="91"/>
      <c r="GJ2461" s="91"/>
      <c r="GK2461" s="127"/>
      <c r="GL2461" s="126"/>
      <c r="GM2461" s="91"/>
      <c r="GN2461" s="91"/>
      <c r="GO2461" s="91"/>
      <c r="GP2461" s="91"/>
      <c r="GQ2461" s="91"/>
      <c r="GR2461" s="91"/>
      <c r="GS2461" s="91"/>
      <c r="GT2461" s="91"/>
      <c r="GU2461" s="91"/>
      <c r="GV2461" s="91"/>
      <c r="GW2461" s="91"/>
      <c r="GX2461" s="91"/>
      <c r="GY2461" s="91"/>
      <c r="GZ2461" s="91"/>
      <c r="HA2461" s="91"/>
      <c r="HB2461" s="91"/>
      <c r="HC2461" s="91"/>
      <c r="HD2461" s="91"/>
      <c r="HE2461" s="91"/>
      <c r="HF2461" s="91"/>
      <c r="HG2461" s="91"/>
      <c r="HH2461" s="91"/>
      <c r="HI2461" s="91"/>
      <c r="HJ2461" s="91"/>
      <c r="HK2461" s="127"/>
      <c r="HL2461" s="126"/>
      <c r="HM2461" s="91"/>
      <c r="HN2461" s="91"/>
      <c r="HO2461" s="91"/>
      <c r="HP2461" s="91"/>
      <c r="HQ2461" s="91"/>
      <c r="HR2461" s="91"/>
      <c r="HS2461" s="91"/>
      <c r="HT2461" s="91"/>
      <c r="HU2461" s="91"/>
      <c r="HV2461" s="91"/>
      <c r="HW2461" s="91"/>
      <c r="HX2461" s="91"/>
      <c r="HY2461" s="91"/>
      <c r="HZ2461" s="91"/>
      <c r="IA2461" s="91"/>
      <c r="IB2461" s="91"/>
      <c r="IC2461" s="91"/>
      <c r="ID2461" s="91"/>
      <c r="IE2461" s="91"/>
      <c r="IF2461" s="91"/>
      <c r="IG2461" s="91"/>
      <c r="IH2461" s="91"/>
      <c r="II2461" s="91"/>
      <c r="IJ2461" s="91"/>
      <c r="IK2461" s="127"/>
    </row>
    <row r="2462" spans="2:245" x14ac:dyDescent="0.2">
      <c r="B2462" s="43"/>
      <c r="C2462" s="73"/>
      <c r="D2462" s="64"/>
      <c r="E2462" s="64"/>
      <c r="F2462" s="55"/>
      <c r="G2462" s="102"/>
      <c r="H2462" s="55"/>
      <c r="I2462" s="55"/>
      <c r="J2462" s="55"/>
      <c r="K2462" s="55"/>
      <c r="L2462" s="55"/>
      <c r="M2462" s="55"/>
      <c r="N2462" s="55"/>
      <c r="O2462" s="55"/>
      <c r="P2462" s="55"/>
      <c r="Q2462" s="55"/>
      <c r="R2462" s="55"/>
      <c r="S2462" s="55"/>
      <c r="T2462" s="55"/>
      <c r="U2462" s="55"/>
      <c r="V2462" s="55"/>
      <c r="W2462" s="55"/>
      <c r="X2462" s="55"/>
      <c r="Y2462" s="55"/>
      <c r="Z2462" s="55"/>
      <c r="AA2462" s="55"/>
      <c r="AB2462" s="55"/>
      <c r="AC2462" s="55"/>
      <c r="AD2462" s="55"/>
      <c r="AE2462" s="55"/>
      <c r="AF2462" s="55"/>
      <c r="AG2462" s="55"/>
      <c r="AY2462" s="162"/>
      <c r="AZ2462" s="162"/>
      <c r="BA2462" s="162"/>
      <c r="BB2462" s="162"/>
      <c r="BC2462" s="162"/>
      <c r="BD2462" s="162"/>
      <c r="BE2462" s="162"/>
      <c r="BF2462" s="162"/>
      <c r="BG2462" s="162"/>
      <c r="BH2462" s="162"/>
      <c r="BI2462" s="162"/>
      <c r="BJ2462" s="162"/>
      <c r="BK2462" s="162"/>
      <c r="BL2462" s="162"/>
      <c r="BM2462" s="162"/>
      <c r="BN2462" s="162"/>
      <c r="BO2462" s="162"/>
      <c r="BP2462" s="162"/>
      <c r="BQ2462" s="162"/>
      <c r="BR2462" s="162"/>
      <c r="BS2462" s="162"/>
      <c r="BT2462" s="162"/>
      <c r="BU2462" s="162"/>
      <c r="BV2462" s="162"/>
      <c r="BW2462" s="162"/>
      <c r="BX2462" s="162"/>
      <c r="BY2462" s="162"/>
      <c r="BZ2462" s="162"/>
      <c r="CA2462" s="162"/>
      <c r="CB2462" s="162"/>
      <c r="CC2462" s="162"/>
      <c r="CD2462" s="162"/>
      <c r="CE2462" s="162"/>
      <c r="CF2462" s="162"/>
      <c r="CG2462" s="162"/>
      <c r="CH2462" s="162"/>
      <c r="CI2462" s="162"/>
      <c r="CJ2462" s="162"/>
      <c r="CK2462" s="162"/>
      <c r="CX2462" s="98"/>
      <c r="DL2462" s="97"/>
      <c r="DX2462" s="98"/>
      <c r="EL2462" s="97"/>
      <c r="EX2462" s="98"/>
      <c r="EY2462" s="97"/>
      <c r="FL2462" s="126"/>
      <c r="FM2462" s="91"/>
      <c r="FN2462" s="91"/>
      <c r="FO2462" s="91"/>
      <c r="FP2462" s="91"/>
      <c r="FQ2462" s="91"/>
      <c r="FR2462" s="91"/>
      <c r="FS2462" s="91"/>
      <c r="FT2462" s="91"/>
      <c r="FU2462" s="91"/>
      <c r="FV2462" s="91"/>
      <c r="FW2462" s="91"/>
      <c r="FX2462" s="91"/>
      <c r="FY2462" s="91"/>
      <c r="FZ2462" s="91"/>
      <c r="GA2462" s="91"/>
      <c r="GB2462" s="91"/>
      <c r="GC2462" s="91"/>
      <c r="GD2462" s="91"/>
      <c r="GE2462" s="91"/>
      <c r="GF2462" s="91"/>
      <c r="GG2462" s="91"/>
      <c r="GH2462" s="91"/>
      <c r="GI2462" s="91"/>
      <c r="GJ2462" s="91"/>
      <c r="GK2462" s="127"/>
      <c r="GL2462" s="126"/>
      <c r="GM2462" s="91"/>
      <c r="GN2462" s="91"/>
      <c r="GO2462" s="91"/>
      <c r="GP2462" s="91"/>
      <c r="GQ2462" s="91"/>
      <c r="GR2462" s="91"/>
      <c r="GS2462" s="91"/>
      <c r="GT2462" s="91"/>
      <c r="GU2462" s="91"/>
      <c r="GV2462" s="91"/>
      <c r="GW2462" s="91"/>
      <c r="GX2462" s="91"/>
      <c r="GY2462" s="91"/>
      <c r="GZ2462" s="91"/>
      <c r="HA2462" s="91"/>
      <c r="HB2462" s="91"/>
      <c r="HC2462" s="91"/>
      <c r="HD2462" s="91"/>
      <c r="HE2462" s="91"/>
      <c r="HF2462" s="91"/>
      <c r="HG2462" s="91"/>
      <c r="HH2462" s="91"/>
      <c r="HI2462" s="91"/>
      <c r="HJ2462" s="91"/>
      <c r="HK2462" s="127"/>
      <c r="HL2462" s="126"/>
      <c r="HM2462" s="91"/>
      <c r="HN2462" s="91"/>
      <c r="HO2462" s="91"/>
      <c r="HP2462" s="91"/>
      <c r="HQ2462" s="91"/>
      <c r="HR2462" s="91"/>
      <c r="HS2462" s="91"/>
      <c r="HT2462" s="91"/>
      <c r="HU2462" s="91"/>
      <c r="HV2462" s="91"/>
      <c r="HW2462" s="91"/>
      <c r="HX2462" s="91"/>
      <c r="HY2462" s="91"/>
      <c r="HZ2462" s="91"/>
      <c r="IA2462" s="91"/>
      <c r="IB2462" s="91"/>
      <c r="IC2462" s="91"/>
      <c r="ID2462" s="91"/>
      <c r="IE2462" s="91"/>
      <c r="IF2462" s="91"/>
      <c r="IG2462" s="91"/>
      <c r="IH2462" s="91"/>
      <c r="II2462" s="91"/>
      <c r="IJ2462" s="91"/>
      <c r="IK2462" s="127"/>
    </row>
    <row r="2463" spans="2:245" x14ac:dyDescent="0.2">
      <c r="B2463" s="43"/>
      <c r="C2463" s="73"/>
      <c r="D2463" s="64"/>
      <c r="E2463" s="64"/>
      <c r="F2463" s="55"/>
      <c r="G2463" s="102"/>
      <c r="H2463" s="55"/>
      <c r="I2463" s="55"/>
      <c r="J2463" s="55"/>
      <c r="K2463" s="55"/>
      <c r="L2463" s="55"/>
      <c r="M2463" s="55"/>
      <c r="N2463" s="55"/>
      <c r="O2463" s="55"/>
      <c r="P2463" s="55"/>
      <c r="Q2463" s="55"/>
      <c r="R2463" s="55"/>
      <c r="S2463" s="55"/>
      <c r="T2463" s="55"/>
      <c r="U2463" s="55"/>
      <c r="V2463" s="55"/>
      <c r="W2463" s="55"/>
      <c r="X2463" s="55"/>
      <c r="Y2463" s="55"/>
      <c r="Z2463" s="55"/>
      <c r="AA2463" s="55"/>
      <c r="AB2463" s="55"/>
      <c r="AC2463" s="55"/>
      <c r="AD2463" s="55"/>
      <c r="AE2463" s="55"/>
      <c r="AF2463" s="55"/>
      <c r="AG2463" s="55"/>
      <c r="AY2463" s="162"/>
      <c r="AZ2463" s="162"/>
      <c r="BA2463" s="162"/>
      <c r="BB2463" s="162"/>
      <c r="BC2463" s="162"/>
      <c r="BD2463" s="162"/>
      <c r="BE2463" s="162"/>
      <c r="BF2463" s="162"/>
      <c r="BG2463" s="162"/>
      <c r="BH2463" s="162"/>
      <c r="BI2463" s="162"/>
      <c r="BJ2463" s="162"/>
      <c r="BK2463" s="162"/>
      <c r="BL2463" s="162"/>
      <c r="BM2463" s="162"/>
      <c r="BN2463" s="162"/>
      <c r="BO2463" s="162"/>
      <c r="BP2463" s="162"/>
      <c r="BQ2463" s="162"/>
      <c r="BR2463" s="162"/>
      <c r="BS2463" s="162"/>
      <c r="BT2463" s="162"/>
      <c r="BU2463" s="162"/>
      <c r="BV2463" s="162"/>
      <c r="BW2463" s="162"/>
      <c r="BX2463" s="162"/>
      <c r="BY2463" s="162"/>
      <c r="BZ2463" s="162"/>
      <c r="CA2463" s="162"/>
      <c r="CB2463" s="162"/>
      <c r="CC2463" s="162"/>
      <c r="CD2463" s="162"/>
      <c r="CE2463" s="162"/>
      <c r="CF2463" s="162"/>
      <c r="CG2463" s="162"/>
      <c r="CH2463" s="162"/>
      <c r="CI2463" s="162"/>
      <c r="CJ2463" s="162"/>
      <c r="CK2463" s="162"/>
      <c r="CX2463" s="98"/>
      <c r="DL2463" s="97"/>
      <c r="DX2463" s="98"/>
      <c r="EL2463" s="97"/>
      <c r="EX2463" s="98"/>
      <c r="EY2463" s="97"/>
      <c r="FL2463" s="126"/>
      <c r="FM2463" s="91"/>
      <c r="FN2463" s="91"/>
      <c r="FO2463" s="91"/>
      <c r="FP2463" s="91"/>
      <c r="FQ2463" s="91"/>
      <c r="FR2463" s="91"/>
      <c r="FS2463" s="91"/>
      <c r="FT2463" s="91"/>
      <c r="FU2463" s="91"/>
      <c r="FV2463" s="91"/>
      <c r="FW2463" s="91"/>
      <c r="FX2463" s="91"/>
      <c r="FY2463" s="91"/>
      <c r="FZ2463" s="91"/>
      <c r="GA2463" s="91"/>
      <c r="GB2463" s="91"/>
      <c r="GC2463" s="91"/>
      <c r="GD2463" s="91"/>
      <c r="GE2463" s="91"/>
      <c r="GF2463" s="91"/>
      <c r="GG2463" s="91"/>
      <c r="GH2463" s="91"/>
      <c r="GI2463" s="91"/>
      <c r="GJ2463" s="91"/>
      <c r="GK2463" s="127"/>
      <c r="GL2463" s="126"/>
      <c r="GM2463" s="91"/>
      <c r="GN2463" s="91"/>
      <c r="GO2463" s="91"/>
      <c r="GP2463" s="91"/>
      <c r="GQ2463" s="91"/>
      <c r="GR2463" s="91"/>
      <c r="GS2463" s="91"/>
      <c r="GT2463" s="91"/>
      <c r="GU2463" s="91"/>
      <c r="GV2463" s="91"/>
      <c r="GW2463" s="91"/>
      <c r="GX2463" s="91"/>
      <c r="GY2463" s="91"/>
      <c r="GZ2463" s="91"/>
      <c r="HA2463" s="91"/>
      <c r="HB2463" s="91"/>
      <c r="HC2463" s="91"/>
      <c r="HD2463" s="91"/>
      <c r="HE2463" s="91"/>
      <c r="HF2463" s="91"/>
      <c r="HG2463" s="91"/>
      <c r="HH2463" s="91"/>
      <c r="HI2463" s="91"/>
      <c r="HJ2463" s="91"/>
      <c r="HK2463" s="127"/>
      <c r="HL2463" s="126"/>
      <c r="HM2463" s="91"/>
      <c r="HN2463" s="91"/>
      <c r="HO2463" s="91"/>
      <c r="HP2463" s="91"/>
      <c r="HQ2463" s="91"/>
      <c r="HR2463" s="91"/>
      <c r="HS2463" s="91"/>
      <c r="HT2463" s="91"/>
      <c r="HU2463" s="91"/>
      <c r="HV2463" s="91"/>
      <c r="HW2463" s="91"/>
      <c r="HX2463" s="91"/>
      <c r="HY2463" s="91"/>
      <c r="HZ2463" s="91"/>
      <c r="IA2463" s="91"/>
      <c r="IB2463" s="91"/>
      <c r="IC2463" s="91"/>
      <c r="ID2463" s="91"/>
      <c r="IE2463" s="91"/>
      <c r="IF2463" s="91"/>
      <c r="IG2463" s="91"/>
      <c r="IH2463" s="91"/>
      <c r="II2463" s="91"/>
      <c r="IJ2463" s="91"/>
      <c r="IK2463" s="127"/>
    </row>
    <row r="2464" spans="2:245" x14ac:dyDescent="0.2">
      <c r="B2464" s="43"/>
      <c r="C2464" s="73"/>
      <c r="D2464" s="64"/>
      <c r="E2464" s="64"/>
      <c r="F2464" s="55"/>
      <c r="G2464" s="102"/>
      <c r="H2464" s="55"/>
      <c r="I2464" s="55"/>
      <c r="J2464" s="55"/>
      <c r="K2464" s="55"/>
      <c r="L2464" s="55"/>
      <c r="M2464" s="55"/>
      <c r="N2464" s="55"/>
      <c r="O2464" s="55"/>
      <c r="P2464" s="55"/>
      <c r="Q2464" s="55"/>
      <c r="R2464" s="55"/>
      <c r="S2464" s="55"/>
      <c r="T2464" s="55"/>
      <c r="U2464" s="55"/>
      <c r="V2464" s="55"/>
      <c r="W2464" s="55"/>
      <c r="X2464" s="55"/>
      <c r="Y2464" s="55"/>
      <c r="Z2464" s="55"/>
      <c r="AA2464" s="55"/>
      <c r="AB2464" s="55"/>
      <c r="AC2464" s="55"/>
      <c r="AD2464" s="55"/>
      <c r="AE2464" s="55"/>
      <c r="AF2464" s="55"/>
      <c r="AG2464" s="55"/>
      <c r="AY2464" s="162"/>
      <c r="AZ2464" s="162"/>
      <c r="BA2464" s="162"/>
      <c r="BB2464" s="162"/>
      <c r="BC2464" s="162"/>
      <c r="BD2464" s="162"/>
      <c r="BE2464" s="162"/>
      <c r="BF2464" s="162"/>
      <c r="BG2464" s="162"/>
      <c r="BH2464" s="162"/>
      <c r="BI2464" s="162"/>
      <c r="BJ2464" s="162"/>
      <c r="BK2464" s="162"/>
      <c r="BL2464" s="162"/>
      <c r="BM2464" s="162"/>
      <c r="BN2464" s="162"/>
      <c r="BO2464" s="162"/>
      <c r="BP2464" s="162"/>
      <c r="BQ2464" s="162"/>
      <c r="BR2464" s="162"/>
      <c r="BS2464" s="162"/>
      <c r="BT2464" s="162"/>
      <c r="BU2464" s="162"/>
      <c r="BV2464" s="162"/>
      <c r="BW2464" s="162"/>
      <c r="BX2464" s="162"/>
      <c r="BY2464" s="162"/>
      <c r="BZ2464" s="162"/>
      <c r="CA2464" s="162"/>
      <c r="CB2464" s="162"/>
      <c r="CC2464" s="162"/>
      <c r="CD2464" s="162"/>
      <c r="CE2464" s="162"/>
      <c r="CF2464" s="162"/>
      <c r="CG2464" s="162"/>
      <c r="CH2464" s="162"/>
      <c r="CI2464" s="162"/>
      <c r="CJ2464" s="162"/>
      <c r="CK2464" s="162"/>
      <c r="CX2464" s="98"/>
      <c r="DL2464" s="97"/>
      <c r="DX2464" s="98"/>
      <c r="EL2464" s="97"/>
      <c r="EX2464" s="98"/>
      <c r="EY2464" s="97"/>
      <c r="FL2464" s="126"/>
      <c r="FM2464" s="91"/>
      <c r="FN2464" s="91"/>
      <c r="FO2464" s="91"/>
      <c r="FP2464" s="91"/>
      <c r="FQ2464" s="91"/>
      <c r="FR2464" s="91"/>
      <c r="FS2464" s="91"/>
      <c r="FT2464" s="91"/>
      <c r="FU2464" s="91"/>
      <c r="FV2464" s="91"/>
      <c r="FW2464" s="91"/>
      <c r="FX2464" s="91"/>
      <c r="FY2464" s="91"/>
      <c r="FZ2464" s="91"/>
      <c r="GA2464" s="91"/>
      <c r="GB2464" s="91"/>
      <c r="GC2464" s="91"/>
      <c r="GD2464" s="91"/>
      <c r="GE2464" s="91"/>
      <c r="GF2464" s="91"/>
      <c r="GG2464" s="91"/>
      <c r="GH2464" s="91"/>
      <c r="GI2464" s="91"/>
      <c r="GJ2464" s="91"/>
      <c r="GK2464" s="127"/>
      <c r="GL2464" s="126"/>
      <c r="GM2464" s="91"/>
      <c r="GN2464" s="91"/>
      <c r="GO2464" s="91"/>
      <c r="GP2464" s="91"/>
      <c r="GQ2464" s="91"/>
      <c r="GR2464" s="91"/>
      <c r="GS2464" s="91"/>
      <c r="GT2464" s="91"/>
      <c r="GU2464" s="91"/>
      <c r="GV2464" s="91"/>
      <c r="GW2464" s="91"/>
      <c r="GX2464" s="91"/>
      <c r="GY2464" s="91"/>
      <c r="GZ2464" s="91"/>
      <c r="HA2464" s="91"/>
      <c r="HB2464" s="91"/>
      <c r="HC2464" s="91"/>
      <c r="HD2464" s="91"/>
      <c r="HE2464" s="91"/>
      <c r="HF2464" s="91"/>
      <c r="HG2464" s="91"/>
      <c r="HH2464" s="91"/>
      <c r="HI2464" s="91"/>
      <c r="HJ2464" s="91"/>
      <c r="HK2464" s="127"/>
      <c r="HL2464" s="126"/>
      <c r="HM2464" s="91"/>
      <c r="HN2464" s="91"/>
      <c r="HO2464" s="91"/>
      <c r="HP2464" s="91"/>
      <c r="HQ2464" s="91"/>
      <c r="HR2464" s="91"/>
      <c r="HS2464" s="91"/>
      <c r="HT2464" s="91"/>
      <c r="HU2464" s="91"/>
      <c r="HV2464" s="91"/>
      <c r="HW2464" s="91"/>
      <c r="HX2464" s="91"/>
      <c r="HY2464" s="91"/>
      <c r="HZ2464" s="91"/>
      <c r="IA2464" s="91"/>
      <c r="IB2464" s="91"/>
      <c r="IC2464" s="91"/>
      <c r="ID2464" s="91"/>
      <c r="IE2464" s="91"/>
      <c r="IF2464" s="91"/>
      <c r="IG2464" s="91"/>
      <c r="IH2464" s="91"/>
      <c r="II2464" s="91"/>
      <c r="IJ2464" s="91"/>
      <c r="IK2464" s="127"/>
    </row>
    <row r="2465" spans="2:245" x14ac:dyDescent="0.2">
      <c r="B2465" s="43"/>
      <c r="C2465" s="73"/>
      <c r="D2465" s="64"/>
      <c r="E2465" s="64"/>
      <c r="F2465" s="55"/>
      <c r="G2465" s="102"/>
      <c r="H2465" s="55"/>
      <c r="I2465" s="55"/>
      <c r="J2465" s="55"/>
      <c r="K2465" s="55"/>
      <c r="L2465" s="55"/>
      <c r="M2465" s="55"/>
      <c r="N2465" s="55"/>
      <c r="O2465" s="55"/>
      <c r="P2465" s="55"/>
      <c r="Q2465" s="55"/>
      <c r="R2465" s="55"/>
      <c r="S2465" s="55"/>
      <c r="T2465" s="55"/>
      <c r="U2465" s="55"/>
      <c r="V2465" s="55"/>
      <c r="W2465" s="55"/>
      <c r="X2465" s="55"/>
      <c r="Y2465" s="55"/>
      <c r="Z2465" s="55"/>
      <c r="AA2465" s="55"/>
      <c r="AB2465" s="55"/>
      <c r="AC2465" s="55"/>
      <c r="AD2465" s="55"/>
      <c r="AE2465" s="55"/>
      <c r="AF2465" s="55"/>
      <c r="AG2465" s="55"/>
      <c r="AY2465" s="162"/>
      <c r="AZ2465" s="162"/>
      <c r="BA2465" s="162"/>
      <c r="BB2465" s="162"/>
      <c r="BC2465" s="162"/>
      <c r="BD2465" s="162"/>
      <c r="BE2465" s="162"/>
      <c r="BF2465" s="162"/>
      <c r="BG2465" s="162"/>
      <c r="BH2465" s="162"/>
      <c r="BI2465" s="162"/>
      <c r="BJ2465" s="162"/>
      <c r="BK2465" s="162"/>
      <c r="BL2465" s="162"/>
      <c r="BM2465" s="162"/>
      <c r="BN2465" s="162"/>
      <c r="BO2465" s="162"/>
      <c r="BP2465" s="162"/>
      <c r="BQ2465" s="162"/>
      <c r="BR2465" s="162"/>
      <c r="BS2465" s="162"/>
      <c r="BT2465" s="162"/>
      <c r="BU2465" s="162"/>
      <c r="BV2465" s="162"/>
      <c r="BW2465" s="162"/>
      <c r="BX2465" s="162"/>
      <c r="BY2465" s="162"/>
      <c r="BZ2465" s="162"/>
      <c r="CA2465" s="162"/>
      <c r="CB2465" s="162"/>
      <c r="CC2465" s="162"/>
      <c r="CD2465" s="162"/>
      <c r="CE2465" s="162"/>
      <c r="CF2465" s="162"/>
      <c r="CG2465" s="162"/>
      <c r="CH2465" s="162"/>
      <c r="CI2465" s="162"/>
      <c r="CJ2465" s="162"/>
      <c r="CK2465" s="162"/>
      <c r="CX2465" s="98"/>
      <c r="DL2465" s="97"/>
      <c r="DX2465" s="98"/>
      <c r="EL2465" s="97"/>
      <c r="EX2465" s="98"/>
      <c r="EY2465" s="97"/>
      <c r="FL2465" s="126"/>
      <c r="FM2465" s="91"/>
      <c r="FN2465" s="91"/>
      <c r="FO2465" s="91"/>
      <c r="FP2465" s="91"/>
      <c r="FQ2465" s="91"/>
      <c r="FR2465" s="91"/>
      <c r="FS2465" s="91"/>
      <c r="FT2465" s="91"/>
      <c r="FU2465" s="91"/>
      <c r="FV2465" s="91"/>
      <c r="FW2465" s="91"/>
      <c r="FX2465" s="91"/>
      <c r="FY2465" s="91"/>
      <c r="FZ2465" s="91"/>
      <c r="GA2465" s="91"/>
      <c r="GB2465" s="91"/>
      <c r="GC2465" s="91"/>
      <c r="GD2465" s="91"/>
      <c r="GE2465" s="91"/>
      <c r="GF2465" s="91"/>
      <c r="GG2465" s="91"/>
      <c r="GH2465" s="91"/>
      <c r="GI2465" s="91"/>
      <c r="GJ2465" s="91"/>
      <c r="GK2465" s="127"/>
      <c r="GL2465" s="126"/>
      <c r="GM2465" s="91"/>
      <c r="GN2465" s="91"/>
      <c r="GO2465" s="91"/>
      <c r="GP2465" s="91"/>
      <c r="GQ2465" s="91"/>
      <c r="GR2465" s="91"/>
      <c r="GS2465" s="91"/>
      <c r="GT2465" s="91"/>
      <c r="GU2465" s="91"/>
      <c r="GV2465" s="91"/>
      <c r="GW2465" s="91"/>
      <c r="GX2465" s="91"/>
      <c r="GY2465" s="91"/>
      <c r="GZ2465" s="91"/>
      <c r="HA2465" s="91"/>
      <c r="HB2465" s="91"/>
      <c r="HC2465" s="91"/>
      <c r="HD2465" s="91"/>
      <c r="HE2465" s="91"/>
      <c r="HF2465" s="91"/>
      <c r="HG2465" s="91"/>
      <c r="HH2465" s="91"/>
      <c r="HI2465" s="91"/>
      <c r="HJ2465" s="91"/>
      <c r="HK2465" s="127"/>
      <c r="HL2465" s="126"/>
      <c r="HM2465" s="91"/>
      <c r="HN2465" s="91"/>
      <c r="HO2465" s="91"/>
      <c r="HP2465" s="91"/>
      <c r="HQ2465" s="91"/>
      <c r="HR2465" s="91"/>
      <c r="HS2465" s="91"/>
      <c r="HT2465" s="91"/>
      <c r="HU2465" s="91"/>
      <c r="HV2465" s="91"/>
      <c r="HW2465" s="91"/>
      <c r="HX2465" s="91"/>
      <c r="HY2465" s="91"/>
      <c r="HZ2465" s="91"/>
      <c r="IA2465" s="91"/>
      <c r="IB2465" s="91"/>
      <c r="IC2465" s="91"/>
      <c r="ID2465" s="91"/>
      <c r="IE2465" s="91"/>
      <c r="IF2465" s="91"/>
      <c r="IG2465" s="91"/>
      <c r="IH2465" s="91"/>
      <c r="II2465" s="91"/>
      <c r="IJ2465" s="91"/>
      <c r="IK2465" s="127"/>
    </row>
    <row r="2466" spans="2:245" x14ac:dyDescent="0.2">
      <c r="B2466" s="43"/>
      <c r="C2466" s="73"/>
      <c r="D2466" s="64"/>
      <c r="E2466" s="64"/>
      <c r="F2466" s="55"/>
      <c r="G2466" s="102"/>
      <c r="H2466" s="55"/>
      <c r="I2466" s="55"/>
      <c r="J2466" s="55"/>
      <c r="K2466" s="55"/>
      <c r="L2466" s="55"/>
      <c r="M2466" s="55"/>
      <c r="N2466" s="55"/>
      <c r="O2466" s="55"/>
      <c r="P2466" s="55"/>
      <c r="Q2466" s="55"/>
      <c r="R2466" s="55"/>
      <c r="S2466" s="55"/>
      <c r="T2466" s="55"/>
      <c r="U2466" s="55"/>
      <c r="V2466" s="55"/>
      <c r="W2466" s="55"/>
      <c r="X2466" s="55"/>
      <c r="Y2466" s="55"/>
      <c r="Z2466" s="55"/>
      <c r="AA2466" s="55"/>
      <c r="AB2466" s="55"/>
      <c r="AC2466" s="55"/>
      <c r="AD2466" s="55"/>
      <c r="AE2466" s="55"/>
      <c r="AF2466" s="55"/>
      <c r="AG2466" s="55"/>
      <c r="AY2466" s="162"/>
      <c r="AZ2466" s="162"/>
      <c r="BA2466" s="162"/>
      <c r="BB2466" s="162"/>
      <c r="BC2466" s="162"/>
      <c r="BD2466" s="162"/>
      <c r="BE2466" s="162"/>
      <c r="BF2466" s="162"/>
      <c r="BG2466" s="162"/>
      <c r="BH2466" s="162"/>
      <c r="BI2466" s="162"/>
      <c r="BJ2466" s="162"/>
      <c r="BK2466" s="162"/>
      <c r="BL2466" s="162"/>
      <c r="BM2466" s="162"/>
      <c r="BN2466" s="162"/>
      <c r="BO2466" s="162"/>
      <c r="BP2466" s="162"/>
      <c r="BQ2466" s="162"/>
      <c r="BR2466" s="162"/>
      <c r="BS2466" s="162"/>
      <c r="BT2466" s="162"/>
      <c r="BU2466" s="162"/>
      <c r="BV2466" s="162"/>
      <c r="BW2466" s="162"/>
      <c r="BX2466" s="162"/>
      <c r="BY2466" s="162"/>
      <c r="BZ2466" s="162"/>
      <c r="CA2466" s="162"/>
      <c r="CB2466" s="162"/>
      <c r="CC2466" s="162"/>
      <c r="CD2466" s="162"/>
      <c r="CE2466" s="162"/>
      <c r="CF2466" s="162"/>
      <c r="CG2466" s="162"/>
      <c r="CH2466" s="162"/>
      <c r="CI2466" s="162"/>
      <c r="CJ2466" s="162"/>
      <c r="CK2466" s="162"/>
      <c r="CX2466" s="98"/>
      <c r="DL2466" s="97"/>
      <c r="DX2466" s="98"/>
      <c r="EL2466" s="97"/>
      <c r="EX2466" s="98"/>
      <c r="EY2466" s="97"/>
      <c r="FL2466" s="126"/>
      <c r="FM2466" s="91"/>
      <c r="FN2466" s="91"/>
      <c r="FO2466" s="91"/>
      <c r="FP2466" s="91"/>
      <c r="FQ2466" s="91"/>
      <c r="FR2466" s="91"/>
      <c r="FS2466" s="91"/>
      <c r="FT2466" s="91"/>
      <c r="FU2466" s="91"/>
      <c r="FV2466" s="91"/>
      <c r="FW2466" s="91"/>
      <c r="FX2466" s="91"/>
      <c r="FY2466" s="91"/>
      <c r="FZ2466" s="91"/>
      <c r="GA2466" s="91"/>
      <c r="GB2466" s="91"/>
      <c r="GC2466" s="91"/>
      <c r="GD2466" s="91"/>
      <c r="GE2466" s="91"/>
      <c r="GF2466" s="91"/>
      <c r="GG2466" s="91"/>
      <c r="GH2466" s="91"/>
      <c r="GI2466" s="91"/>
      <c r="GJ2466" s="91"/>
      <c r="GK2466" s="127"/>
      <c r="GL2466" s="126"/>
      <c r="GM2466" s="91"/>
      <c r="GN2466" s="91"/>
      <c r="GO2466" s="91"/>
      <c r="GP2466" s="91"/>
      <c r="GQ2466" s="91"/>
      <c r="GR2466" s="91"/>
      <c r="GS2466" s="91"/>
      <c r="GT2466" s="91"/>
      <c r="GU2466" s="91"/>
      <c r="GV2466" s="91"/>
      <c r="GW2466" s="91"/>
      <c r="GX2466" s="91"/>
      <c r="GY2466" s="91"/>
      <c r="GZ2466" s="91"/>
      <c r="HA2466" s="91"/>
      <c r="HB2466" s="91"/>
      <c r="HC2466" s="91"/>
      <c r="HD2466" s="91"/>
      <c r="HE2466" s="91"/>
      <c r="HF2466" s="91"/>
      <c r="HG2466" s="91"/>
      <c r="HH2466" s="91"/>
      <c r="HI2466" s="91"/>
      <c r="HJ2466" s="91"/>
      <c r="HK2466" s="127"/>
      <c r="HL2466" s="126"/>
      <c r="HM2466" s="91"/>
      <c r="HN2466" s="91"/>
      <c r="HO2466" s="91"/>
      <c r="HP2466" s="91"/>
      <c r="HQ2466" s="91"/>
      <c r="HR2466" s="91"/>
      <c r="HS2466" s="91"/>
      <c r="HT2466" s="91"/>
      <c r="HU2466" s="91"/>
      <c r="HV2466" s="91"/>
      <c r="HW2466" s="91"/>
      <c r="HX2466" s="91"/>
      <c r="HY2466" s="91"/>
      <c r="HZ2466" s="91"/>
      <c r="IA2466" s="91"/>
      <c r="IB2466" s="91"/>
      <c r="IC2466" s="91"/>
      <c r="ID2466" s="91"/>
      <c r="IE2466" s="91"/>
      <c r="IF2466" s="91"/>
      <c r="IG2466" s="91"/>
      <c r="IH2466" s="91"/>
      <c r="II2466" s="91"/>
      <c r="IJ2466" s="91"/>
      <c r="IK2466" s="127"/>
    </row>
    <row r="2467" spans="2:245" x14ac:dyDescent="0.2">
      <c r="B2467" s="43"/>
      <c r="C2467" s="73"/>
      <c r="D2467" s="64"/>
      <c r="E2467" s="64"/>
      <c r="F2467" s="55"/>
      <c r="G2467" s="102"/>
      <c r="H2467" s="55"/>
      <c r="I2467" s="55"/>
      <c r="J2467" s="55"/>
      <c r="K2467" s="55"/>
      <c r="L2467" s="55"/>
      <c r="M2467" s="55"/>
      <c r="N2467" s="55"/>
      <c r="O2467" s="55"/>
      <c r="P2467" s="55"/>
      <c r="Q2467" s="55"/>
      <c r="R2467" s="55"/>
      <c r="S2467" s="55"/>
      <c r="T2467" s="55"/>
      <c r="U2467" s="55"/>
      <c r="V2467" s="55"/>
      <c r="W2467" s="55"/>
      <c r="X2467" s="55"/>
      <c r="Y2467" s="55"/>
      <c r="Z2467" s="55"/>
      <c r="AA2467" s="55"/>
      <c r="AB2467" s="55"/>
      <c r="AC2467" s="55"/>
      <c r="AD2467" s="55"/>
      <c r="AE2467" s="55"/>
      <c r="AF2467" s="55"/>
      <c r="AG2467" s="55"/>
      <c r="AY2467" s="162"/>
      <c r="AZ2467" s="162"/>
      <c r="BA2467" s="162"/>
      <c r="BB2467" s="162"/>
      <c r="BC2467" s="162"/>
      <c r="BD2467" s="162"/>
      <c r="BE2467" s="162"/>
      <c r="BF2467" s="162"/>
      <c r="BG2467" s="162"/>
      <c r="BH2467" s="162"/>
      <c r="BI2467" s="162"/>
      <c r="BJ2467" s="162"/>
      <c r="BK2467" s="162"/>
      <c r="BL2467" s="162"/>
      <c r="BM2467" s="162"/>
      <c r="BN2467" s="162"/>
      <c r="BO2467" s="162"/>
      <c r="BP2467" s="162"/>
      <c r="BQ2467" s="162"/>
      <c r="BR2467" s="162"/>
      <c r="BS2467" s="162"/>
      <c r="BT2467" s="162"/>
      <c r="BU2467" s="162"/>
      <c r="BV2467" s="162"/>
      <c r="BW2467" s="162"/>
      <c r="BX2467" s="162"/>
      <c r="BY2467" s="162"/>
      <c r="BZ2467" s="162"/>
      <c r="CA2467" s="162"/>
      <c r="CB2467" s="162"/>
      <c r="CC2467" s="162"/>
      <c r="CD2467" s="162"/>
      <c r="CE2467" s="162"/>
      <c r="CF2467" s="162"/>
      <c r="CG2467" s="162"/>
      <c r="CH2467" s="162"/>
      <c r="CI2467" s="162"/>
      <c r="CJ2467" s="162"/>
      <c r="CK2467" s="162"/>
      <c r="CX2467" s="98"/>
      <c r="DL2467" s="97"/>
      <c r="DX2467" s="98"/>
      <c r="EL2467" s="97"/>
      <c r="EX2467" s="98"/>
      <c r="EY2467" s="97"/>
      <c r="FL2467" s="126"/>
      <c r="FM2467" s="91"/>
      <c r="FN2467" s="91"/>
      <c r="FO2467" s="91"/>
      <c r="FP2467" s="91"/>
      <c r="FQ2467" s="91"/>
      <c r="FR2467" s="91"/>
      <c r="FS2467" s="91"/>
      <c r="FT2467" s="91"/>
      <c r="FU2467" s="91"/>
      <c r="FV2467" s="91"/>
      <c r="FW2467" s="91"/>
      <c r="FX2467" s="91"/>
      <c r="FY2467" s="91"/>
      <c r="FZ2467" s="91"/>
      <c r="GA2467" s="91"/>
      <c r="GB2467" s="91"/>
      <c r="GC2467" s="91"/>
      <c r="GD2467" s="91"/>
      <c r="GE2467" s="91"/>
      <c r="GF2467" s="91"/>
      <c r="GG2467" s="91"/>
      <c r="GH2467" s="91"/>
      <c r="GI2467" s="91"/>
      <c r="GJ2467" s="91"/>
      <c r="GK2467" s="127"/>
      <c r="GL2467" s="126"/>
      <c r="GM2467" s="91"/>
      <c r="GN2467" s="91"/>
      <c r="GO2467" s="91"/>
      <c r="GP2467" s="91"/>
      <c r="GQ2467" s="91"/>
      <c r="GR2467" s="91"/>
      <c r="GS2467" s="91"/>
      <c r="GT2467" s="91"/>
      <c r="GU2467" s="91"/>
      <c r="GV2467" s="91"/>
      <c r="GW2467" s="91"/>
      <c r="GX2467" s="91"/>
      <c r="GY2467" s="91"/>
      <c r="GZ2467" s="91"/>
      <c r="HA2467" s="91"/>
      <c r="HB2467" s="91"/>
      <c r="HC2467" s="91"/>
      <c r="HD2467" s="91"/>
      <c r="HE2467" s="91"/>
      <c r="HF2467" s="91"/>
      <c r="HG2467" s="91"/>
      <c r="HH2467" s="91"/>
      <c r="HI2467" s="91"/>
      <c r="HJ2467" s="91"/>
      <c r="HK2467" s="127"/>
      <c r="HL2467" s="126"/>
      <c r="HM2467" s="91"/>
      <c r="HN2467" s="91"/>
      <c r="HO2467" s="91"/>
      <c r="HP2467" s="91"/>
      <c r="HQ2467" s="91"/>
      <c r="HR2467" s="91"/>
      <c r="HS2467" s="91"/>
      <c r="HT2467" s="91"/>
      <c r="HU2467" s="91"/>
      <c r="HV2467" s="91"/>
      <c r="HW2467" s="91"/>
      <c r="HX2467" s="91"/>
      <c r="HY2467" s="91"/>
      <c r="HZ2467" s="91"/>
      <c r="IA2467" s="91"/>
      <c r="IB2467" s="91"/>
      <c r="IC2467" s="91"/>
      <c r="ID2467" s="91"/>
      <c r="IE2467" s="91"/>
      <c r="IF2467" s="91"/>
      <c r="IG2467" s="91"/>
      <c r="IH2467" s="91"/>
      <c r="II2467" s="91"/>
      <c r="IJ2467" s="91"/>
      <c r="IK2467" s="127"/>
    </row>
    <row r="2468" spans="2:245" x14ac:dyDescent="0.2">
      <c r="B2468" s="43"/>
      <c r="C2468" s="73"/>
      <c r="D2468" s="64"/>
      <c r="E2468" s="64"/>
      <c r="F2468" s="55"/>
      <c r="G2468" s="102"/>
      <c r="H2468" s="55"/>
      <c r="I2468" s="55"/>
      <c r="J2468" s="55"/>
      <c r="K2468" s="55"/>
      <c r="L2468" s="55"/>
      <c r="M2468" s="55"/>
      <c r="N2468" s="55"/>
      <c r="O2468" s="55"/>
      <c r="P2468" s="55"/>
      <c r="Q2468" s="55"/>
      <c r="R2468" s="55"/>
      <c r="S2468" s="55"/>
      <c r="T2468" s="55"/>
      <c r="U2468" s="55"/>
      <c r="V2468" s="55"/>
      <c r="W2468" s="55"/>
      <c r="X2468" s="55"/>
      <c r="Y2468" s="55"/>
      <c r="Z2468" s="55"/>
      <c r="AA2468" s="55"/>
      <c r="AB2468" s="55"/>
      <c r="AC2468" s="55"/>
      <c r="AD2468" s="55"/>
      <c r="AE2468" s="55"/>
      <c r="AF2468" s="55"/>
      <c r="AG2468" s="55"/>
      <c r="AY2468" s="162"/>
      <c r="AZ2468" s="162"/>
      <c r="BA2468" s="162"/>
      <c r="BB2468" s="162"/>
      <c r="BC2468" s="162"/>
      <c r="BD2468" s="162"/>
      <c r="BE2468" s="162"/>
      <c r="BF2468" s="162"/>
      <c r="BG2468" s="162"/>
      <c r="BH2468" s="162"/>
      <c r="BI2468" s="162"/>
      <c r="BJ2468" s="162"/>
      <c r="BK2468" s="162"/>
      <c r="BL2468" s="162"/>
      <c r="BM2468" s="162"/>
      <c r="BN2468" s="162"/>
      <c r="BO2468" s="162"/>
      <c r="BP2468" s="162"/>
      <c r="BQ2468" s="162"/>
      <c r="BR2468" s="162"/>
      <c r="BS2468" s="162"/>
      <c r="BT2468" s="162"/>
      <c r="BU2468" s="162"/>
      <c r="BV2468" s="162"/>
      <c r="BW2468" s="162"/>
      <c r="BX2468" s="162"/>
      <c r="BY2468" s="162"/>
      <c r="BZ2468" s="162"/>
      <c r="CA2468" s="162"/>
      <c r="CB2468" s="162"/>
      <c r="CC2468" s="162"/>
      <c r="CD2468" s="162"/>
      <c r="CE2468" s="162"/>
      <c r="CF2468" s="162"/>
      <c r="CG2468" s="162"/>
      <c r="CH2468" s="162"/>
      <c r="CI2468" s="162"/>
      <c r="CJ2468" s="162"/>
      <c r="CK2468" s="162"/>
      <c r="CX2468" s="98"/>
      <c r="DL2468" s="97"/>
      <c r="DX2468" s="98"/>
      <c r="EL2468" s="97"/>
      <c r="EX2468" s="98"/>
      <c r="EY2468" s="97"/>
      <c r="FL2468" s="126"/>
      <c r="FM2468" s="91"/>
      <c r="FN2468" s="91"/>
      <c r="FO2468" s="91"/>
      <c r="FP2468" s="91"/>
      <c r="FQ2468" s="91"/>
      <c r="FR2468" s="91"/>
      <c r="FS2468" s="91"/>
      <c r="FT2468" s="91"/>
      <c r="FU2468" s="91"/>
      <c r="FV2468" s="91"/>
      <c r="FW2468" s="91"/>
      <c r="FX2468" s="91"/>
      <c r="FY2468" s="91"/>
      <c r="FZ2468" s="91"/>
      <c r="GA2468" s="91"/>
      <c r="GB2468" s="91"/>
      <c r="GC2468" s="91"/>
      <c r="GD2468" s="91"/>
      <c r="GE2468" s="91"/>
      <c r="GF2468" s="91"/>
      <c r="GG2468" s="91"/>
      <c r="GH2468" s="91"/>
      <c r="GI2468" s="91"/>
      <c r="GJ2468" s="91"/>
      <c r="GK2468" s="127"/>
      <c r="GL2468" s="126"/>
      <c r="GM2468" s="91"/>
      <c r="GN2468" s="91"/>
      <c r="GO2468" s="91"/>
      <c r="GP2468" s="91"/>
      <c r="GQ2468" s="91"/>
      <c r="GR2468" s="91"/>
      <c r="GS2468" s="91"/>
      <c r="GT2468" s="91"/>
      <c r="GU2468" s="91"/>
      <c r="GV2468" s="91"/>
      <c r="GW2468" s="91"/>
      <c r="GX2468" s="91"/>
      <c r="GY2468" s="91"/>
      <c r="GZ2468" s="91"/>
      <c r="HA2468" s="91"/>
      <c r="HB2468" s="91"/>
      <c r="HC2468" s="91"/>
      <c r="HD2468" s="91"/>
      <c r="HE2468" s="91"/>
      <c r="HF2468" s="91"/>
      <c r="HG2468" s="91"/>
      <c r="HH2468" s="91"/>
      <c r="HI2468" s="91"/>
      <c r="HJ2468" s="91"/>
      <c r="HK2468" s="127"/>
      <c r="HL2468" s="126"/>
      <c r="HM2468" s="91"/>
      <c r="HN2468" s="91"/>
      <c r="HO2468" s="91"/>
      <c r="HP2468" s="91"/>
      <c r="HQ2468" s="91"/>
      <c r="HR2468" s="91"/>
      <c r="HS2468" s="91"/>
      <c r="HT2468" s="91"/>
      <c r="HU2468" s="91"/>
      <c r="HV2468" s="91"/>
      <c r="HW2468" s="91"/>
      <c r="HX2468" s="91"/>
      <c r="HY2468" s="91"/>
      <c r="HZ2468" s="91"/>
      <c r="IA2468" s="91"/>
      <c r="IB2468" s="91"/>
      <c r="IC2468" s="91"/>
      <c r="ID2468" s="91"/>
      <c r="IE2468" s="91"/>
      <c r="IF2468" s="91"/>
      <c r="IG2468" s="91"/>
      <c r="IH2468" s="91"/>
      <c r="II2468" s="91"/>
      <c r="IJ2468" s="91"/>
      <c r="IK2468" s="127"/>
    </row>
    <row r="2469" spans="2:245" x14ac:dyDescent="0.2">
      <c r="B2469" s="43"/>
      <c r="C2469" s="73"/>
      <c r="D2469" s="64"/>
      <c r="E2469" s="64"/>
      <c r="F2469" s="55"/>
      <c r="G2469" s="102"/>
      <c r="H2469" s="55"/>
      <c r="I2469" s="55"/>
      <c r="J2469" s="55"/>
      <c r="K2469" s="55"/>
      <c r="L2469" s="55"/>
      <c r="M2469" s="55"/>
      <c r="N2469" s="55"/>
      <c r="O2469" s="55"/>
      <c r="P2469" s="55"/>
      <c r="Q2469" s="55"/>
      <c r="R2469" s="55"/>
      <c r="S2469" s="55"/>
      <c r="T2469" s="55"/>
      <c r="U2469" s="55"/>
      <c r="V2469" s="55"/>
      <c r="W2469" s="55"/>
      <c r="X2469" s="55"/>
      <c r="Y2469" s="55"/>
      <c r="Z2469" s="55"/>
      <c r="AA2469" s="55"/>
      <c r="AB2469" s="55"/>
      <c r="AC2469" s="55"/>
      <c r="AD2469" s="55"/>
      <c r="AE2469" s="55"/>
      <c r="AF2469" s="55"/>
      <c r="AG2469" s="55"/>
      <c r="AY2469" s="162"/>
      <c r="AZ2469" s="162"/>
      <c r="BA2469" s="162"/>
      <c r="BB2469" s="162"/>
      <c r="BC2469" s="162"/>
      <c r="BD2469" s="162"/>
      <c r="BE2469" s="162"/>
      <c r="BF2469" s="162"/>
      <c r="BG2469" s="162"/>
      <c r="BH2469" s="162"/>
      <c r="BI2469" s="162"/>
      <c r="BJ2469" s="162"/>
      <c r="BK2469" s="162"/>
      <c r="BL2469" s="162"/>
      <c r="BM2469" s="162"/>
      <c r="BN2469" s="162"/>
      <c r="BO2469" s="162"/>
      <c r="BP2469" s="162"/>
      <c r="BQ2469" s="162"/>
      <c r="BR2469" s="162"/>
      <c r="BS2469" s="162"/>
      <c r="BT2469" s="162"/>
      <c r="BU2469" s="162"/>
      <c r="BV2469" s="162"/>
      <c r="BW2469" s="162"/>
      <c r="BX2469" s="162"/>
      <c r="BY2469" s="162"/>
      <c r="BZ2469" s="162"/>
      <c r="CA2469" s="162"/>
      <c r="CB2469" s="162"/>
      <c r="CC2469" s="162"/>
      <c r="CD2469" s="162"/>
      <c r="CE2469" s="162"/>
      <c r="CF2469" s="162"/>
      <c r="CG2469" s="162"/>
      <c r="CH2469" s="162"/>
      <c r="CI2469" s="162"/>
      <c r="CJ2469" s="162"/>
      <c r="CK2469" s="162"/>
      <c r="CX2469" s="98"/>
      <c r="DL2469" s="97"/>
      <c r="DX2469" s="98"/>
      <c r="EL2469" s="97"/>
      <c r="EX2469" s="98"/>
      <c r="EY2469" s="97"/>
      <c r="FL2469" s="126"/>
      <c r="FM2469" s="91"/>
      <c r="FN2469" s="91"/>
      <c r="FO2469" s="91"/>
      <c r="FP2469" s="91"/>
      <c r="FQ2469" s="91"/>
      <c r="FR2469" s="91"/>
      <c r="FS2469" s="91"/>
      <c r="FT2469" s="91"/>
      <c r="FU2469" s="91"/>
      <c r="FV2469" s="91"/>
      <c r="FW2469" s="91"/>
      <c r="FX2469" s="91"/>
      <c r="FY2469" s="91"/>
      <c r="FZ2469" s="91"/>
      <c r="GA2469" s="91"/>
      <c r="GB2469" s="91"/>
      <c r="GC2469" s="91"/>
      <c r="GD2469" s="91"/>
      <c r="GE2469" s="91"/>
      <c r="GF2469" s="91"/>
      <c r="GG2469" s="91"/>
      <c r="GH2469" s="91"/>
      <c r="GI2469" s="91"/>
      <c r="GJ2469" s="91"/>
      <c r="GK2469" s="127"/>
      <c r="GL2469" s="126"/>
      <c r="GM2469" s="91"/>
      <c r="GN2469" s="91"/>
      <c r="GO2469" s="91"/>
      <c r="GP2469" s="91"/>
      <c r="GQ2469" s="91"/>
      <c r="GR2469" s="91"/>
      <c r="GS2469" s="91"/>
      <c r="GT2469" s="91"/>
      <c r="GU2469" s="91"/>
      <c r="GV2469" s="91"/>
      <c r="GW2469" s="91"/>
      <c r="GX2469" s="91"/>
      <c r="GY2469" s="91"/>
      <c r="GZ2469" s="91"/>
      <c r="HA2469" s="91"/>
      <c r="HB2469" s="91"/>
      <c r="HC2469" s="91"/>
      <c r="HD2469" s="91"/>
      <c r="HE2469" s="91"/>
      <c r="HF2469" s="91"/>
      <c r="HG2469" s="91"/>
      <c r="HH2469" s="91"/>
      <c r="HI2469" s="91"/>
      <c r="HJ2469" s="91"/>
      <c r="HK2469" s="127"/>
      <c r="HL2469" s="126"/>
      <c r="HM2469" s="91"/>
      <c r="HN2469" s="91"/>
      <c r="HO2469" s="91"/>
      <c r="HP2469" s="91"/>
      <c r="HQ2469" s="91"/>
      <c r="HR2469" s="91"/>
      <c r="HS2469" s="91"/>
      <c r="HT2469" s="91"/>
      <c r="HU2469" s="91"/>
      <c r="HV2469" s="91"/>
      <c r="HW2469" s="91"/>
      <c r="HX2469" s="91"/>
      <c r="HY2469" s="91"/>
      <c r="HZ2469" s="91"/>
      <c r="IA2469" s="91"/>
      <c r="IB2469" s="91"/>
      <c r="IC2469" s="91"/>
      <c r="ID2469" s="91"/>
      <c r="IE2469" s="91"/>
      <c r="IF2469" s="91"/>
      <c r="IG2469" s="91"/>
      <c r="IH2469" s="91"/>
      <c r="II2469" s="91"/>
      <c r="IJ2469" s="91"/>
      <c r="IK2469" s="127"/>
    </row>
    <row r="2470" spans="2:245" x14ac:dyDescent="0.2">
      <c r="B2470" s="43"/>
      <c r="C2470" s="73"/>
      <c r="D2470" s="64"/>
      <c r="E2470" s="64"/>
      <c r="F2470" s="55"/>
      <c r="G2470" s="102"/>
      <c r="H2470" s="55"/>
      <c r="I2470" s="55"/>
      <c r="J2470" s="55"/>
      <c r="K2470" s="55"/>
      <c r="L2470" s="55"/>
      <c r="M2470" s="55"/>
      <c r="N2470" s="55"/>
      <c r="O2470" s="55"/>
      <c r="P2470" s="55"/>
      <c r="Q2470" s="55"/>
      <c r="R2470" s="55"/>
      <c r="S2470" s="55"/>
      <c r="T2470" s="55"/>
      <c r="U2470" s="55"/>
      <c r="V2470" s="55"/>
      <c r="W2470" s="55"/>
      <c r="X2470" s="55"/>
      <c r="Y2470" s="55"/>
      <c r="Z2470" s="55"/>
      <c r="AA2470" s="55"/>
      <c r="AB2470" s="55"/>
      <c r="AC2470" s="55"/>
      <c r="AD2470" s="55"/>
      <c r="AE2470" s="55"/>
      <c r="AF2470" s="55"/>
      <c r="AG2470" s="55"/>
      <c r="AY2470" s="162"/>
      <c r="AZ2470" s="162"/>
      <c r="BA2470" s="162"/>
      <c r="BB2470" s="162"/>
      <c r="BC2470" s="162"/>
      <c r="BD2470" s="162"/>
      <c r="BE2470" s="162"/>
      <c r="BF2470" s="162"/>
      <c r="BG2470" s="162"/>
      <c r="BH2470" s="162"/>
      <c r="BI2470" s="162"/>
      <c r="BJ2470" s="162"/>
      <c r="BK2470" s="162"/>
      <c r="BL2470" s="162"/>
      <c r="BM2470" s="162"/>
      <c r="BN2470" s="162"/>
      <c r="BO2470" s="162"/>
      <c r="BP2470" s="162"/>
      <c r="BQ2470" s="162"/>
      <c r="BR2470" s="162"/>
      <c r="BS2470" s="162"/>
      <c r="BT2470" s="162"/>
      <c r="BU2470" s="162"/>
      <c r="BV2470" s="162"/>
      <c r="BW2470" s="162"/>
      <c r="BX2470" s="162"/>
      <c r="BY2470" s="162"/>
      <c r="BZ2470" s="162"/>
      <c r="CA2470" s="162"/>
      <c r="CB2470" s="162"/>
      <c r="CC2470" s="162"/>
      <c r="CD2470" s="162"/>
      <c r="CE2470" s="162"/>
      <c r="CF2470" s="162"/>
      <c r="CG2470" s="162"/>
      <c r="CH2470" s="162"/>
      <c r="CI2470" s="162"/>
      <c r="CJ2470" s="162"/>
      <c r="CK2470" s="162"/>
      <c r="CX2470" s="98"/>
      <c r="DL2470" s="97"/>
      <c r="DX2470" s="98"/>
      <c r="EL2470" s="97"/>
      <c r="EX2470" s="98"/>
      <c r="EY2470" s="97"/>
      <c r="FL2470" s="126"/>
      <c r="FM2470" s="91"/>
      <c r="FN2470" s="91"/>
      <c r="FO2470" s="91"/>
      <c r="FP2470" s="91"/>
      <c r="FQ2470" s="91"/>
      <c r="FR2470" s="91"/>
      <c r="FS2470" s="91"/>
      <c r="FT2470" s="91"/>
      <c r="FU2470" s="91"/>
      <c r="FV2470" s="91"/>
      <c r="FW2470" s="91"/>
      <c r="FX2470" s="91"/>
      <c r="FY2470" s="91"/>
      <c r="FZ2470" s="91"/>
      <c r="GA2470" s="91"/>
      <c r="GB2470" s="91"/>
      <c r="GC2470" s="91"/>
      <c r="GD2470" s="91"/>
      <c r="GE2470" s="91"/>
      <c r="GF2470" s="91"/>
      <c r="GG2470" s="91"/>
      <c r="GH2470" s="91"/>
      <c r="GI2470" s="91"/>
      <c r="GJ2470" s="91"/>
      <c r="GK2470" s="127"/>
      <c r="GL2470" s="126"/>
      <c r="GM2470" s="91"/>
      <c r="GN2470" s="91"/>
      <c r="GO2470" s="91"/>
      <c r="GP2470" s="91"/>
      <c r="GQ2470" s="91"/>
      <c r="GR2470" s="91"/>
      <c r="GS2470" s="91"/>
      <c r="GT2470" s="91"/>
      <c r="GU2470" s="91"/>
      <c r="GV2470" s="91"/>
      <c r="GW2470" s="91"/>
      <c r="GX2470" s="91"/>
      <c r="GY2470" s="91"/>
      <c r="GZ2470" s="91"/>
      <c r="HA2470" s="91"/>
      <c r="HB2470" s="91"/>
      <c r="HC2470" s="91"/>
      <c r="HD2470" s="91"/>
      <c r="HE2470" s="91"/>
      <c r="HF2470" s="91"/>
      <c r="HG2470" s="91"/>
      <c r="HH2470" s="91"/>
      <c r="HI2470" s="91"/>
      <c r="HJ2470" s="91"/>
      <c r="HK2470" s="127"/>
      <c r="HL2470" s="126"/>
      <c r="HM2470" s="91"/>
      <c r="HN2470" s="91"/>
      <c r="HO2470" s="91"/>
      <c r="HP2470" s="91"/>
      <c r="HQ2470" s="91"/>
      <c r="HR2470" s="91"/>
      <c r="HS2470" s="91"/>
      <c r="HT2470" s="91"/>
      <c r="HU2470" s="91"/>
      <c r="HV2470" s="91"/>
      <c r="HW2470" s="91"/>
      <c r="HX2470" s="91"/>
      <c r="HY2470" s="91"/>
      <c r="HZ2470" s="91"/>
      <c r="IA2470" s="91"/>
      <c r="IB2470" s="91"/>
      <c r="IC2470" s="91"/>
      <c r="ID2470" s="91"/>
      <c r="IE2470" s="91"/>
      <c r="IF2470" s="91"/>
      <c r="IG2470" s="91"/>
      <c r="IH2470" s="91"/>
      <c r="II2470" s="91"/>
      <c r="IJ2470" s="91"/>
      <c r="IK2470" s="127"/>
    </row>
    <row r="2471" spans="2:245" x14ac:dyDescent="0.2">
      <c r="B2471" s="43"/>
      <c r="C2471" s="73"/>
      <c r="D2471" s="64"/>
      <c r="E2471" s="64"/>
      <c r="F2471" s="55"/>
      <c r="G2471" s="102"/>
      <c r="H2471" s="55"/>
      <c r="I2471" s="55"/>
      <c r="J2471" s="55"/>
      <c r="K2471" s="55"/>
      <c r="L2471" s="55"/>
      <c r="M2471" s="55"/>
      <c r="N2471" s="55"/>
      <c r="O2471" s="55"/>
      <c r="P2471" s="55"/>
      <c r="Q2471" s="55"/>
      <c r="R2471" s="55"/>
      <c r="S2471" s="55"/>
      <c r="T2471" s="55"/>
      <c r="U2471" s="55"/>
      <c r="V2471" s="55"/>
      <c r="W2471" s="55"/>
      <c r="X2471" s="55"/>
      <c r="Y2471" s="55"/>
      <c r="Z2471" s="55"/>
      <c r="AA2471" s="55"/>
      <c r="AB2471" s="55"/>
      <c r="AC2471" s="55"/>
      <c r="AD2471" s="55"/>
      <c r="AE2471" s="55"/>
      <c r="AF2471" s="55"/>
      <c r="AG2471" s="55"/>
      <c r="AY2471" s="162"/>
      <c r="AZ2471" s="162"/>
      <c r="BA2471" s="162"/>
      <c r="BB2471" s="162"/>
      <c r="BC2471" s="162"/>
      <c r="BD2471" s="162"/>
      <c r="BE2471" s="162"/>
      <c r="BF2471" s="162"/>
      <c r="BG2471" s="162"/>
      <c r="BH2471" s="162"/>
      <c r="BI2471" s="162"/>
      <c r="BJ2471" s="162"/>
      <c r="BK2471" s="162"/>
      <c r="BL2471" s="162"/>
      <c r="BM2471" s="162"/>
      <c r="BN2471" s="162"/>
      <c r="BO2471" s="162"/>
      <c r="BP2471" s="162"/>
      <c r="BQ2471" s="162"/>
      <c r="BR2471" s="162"/>
      <c r="BS2471" s="162"/>
      <c r="BT2471" s="162"/>
      <c r="BU2471" s="162"/>
      <c r="BV2471" s="162"/>
      <c r="BW2471" s="162"/>
      <c r="BX2471" s="162"/>
      <c r="BY2471" s="162"/>
      <c r="BZ2471" s="162"/>
      <c r="CA2471" s="162"/>
      <c r="CB2471" s="162"/>
      <c r="CC2471" s="162"/>
      <c r="CD2471" s="162"/>
      <c r="CE2471" s="162"/>
      <c r="CF2471" s="162"/>
      <c r="CG2471" s="162"/>
      <c r="CH2471" s="162"/>
      <c r="CI2471" s="162"/>
      <c r="CJ2471" s="162"/>
      <c r="CK2471" s="162"/>
      <c r="CX2471" s="98"/>
      <c r="DL2471" s="97"/>
      <c r="DX2471" s="98"/>
      <c r="EL2471" s="97"/>
      <c r="EX2471" s="98"/>
      <c r="EY2471" s="97"/>
      <c r="FL2471" s="126"/>
      <c r="FM2471" s="91"/>
      <c r="FN2471" s="91"/>
      <c r="FO2471" s="91"/>
      <c r="FP2471" s="91"/>
      <c r="FQ2471" s="91"/>
      <c r="FR2471" s="91"/>
      <c r="FS2471" s="91"/>
      <c r="FT2471" s="91"/>
      <c r="FU2471" s="91"/>
      <c r="FV2471" s="91"/>
      <c r="FW2471" s="91"/>
      <c r="FX2471" s="91"/>
      <c r="FY2471" s="91"/>
      <c r="FZ2471" s="91"/>
      <c r="GA2471" s="91"/>
      <c r="GB2471" s="91"/>
      <c r="GC2471" s="91"/>
      <c r="GD2471" s="91"/>
      <c r="GE2471" s="91"/>
      <c r="GF2471" s="91"/>
      <c r="GG2471" s="91"/>
      <c r="GH2471" s="91"/>
      <c r="GI2471" s="91"/>
      <c r="GJ2471" s="91"/>
      <c r="GK2471" s="127"/>
      <c r="GL2471" s="126"/>
      <c r="GM2471" s="91"/>
      <c r="GN2471" s="91"/>
      <c r="GO2471" s="91"/>
      <c r="GP2471" s="91"/>
      <c r="GQ2471" s="91"/>
      <c r="GR2471" s="91"/>
      <c r="GS2471" s="91"/>
      <c r="GT2471" s="91"/>
      <c r="GU2471" s="91"/>
      <c r="GV2471" s="91"/>
      <c r="GW2471" s="91"/>
      <c r="GX2471" s="91"/>
      <c r="GY2471" s="91"/>
      <c r="GZ2471" s="91"/>
      <c r="HA2471" s="91"/>
      <c r="HB2471" s="91"/>
      <c r="HC2471" s="91"/>
      <c r="HD2471" s="91"/>
      <c r="HE2471" s="91"/>
      <c r="HF2471" s="91"/>
      <c r="HG2471" s="91"/>
      <c r="HH2471" s="91"/>
      <c r="HI2471" s="91"/>
      <c r="HJ2471" s="91"/>
      <c r="HK2471" s="127"/>
      <c r="HL2471" s="126"/>
      <c r="HM2471" s="91"/>
      <c r="HN2471" s="91"/>
      <c r="HO2471" s="91"/>
      <c r="HP2471" s="91"/>
      <c r="HQ2471" s="91"/>
      <c r="HR2471" s="91"/>
      <c r="HS2471" s="91"/>
      <c r="HT2471" s="91"/>
      <c r="HU2471" s="91"/>
      <c r="HV2471" s="91"/>
      <c r="HW2471" s="91"/>
      <c r="HX2471" s="91"/>
      <c r="HY2471" s="91"/>
      <c r="HZ2471" s="91"/>
      <c r="IA2471" s="91"/>
      <c r="IB2471" s="91"/>
      <c r="IC2471" s="91"/>
      <c r="ID2471" s="91"/>
      <c r="IE2471" s="91"/>
      <c r="IF2471" s="91"/>
      <c r="IG2471" s="91"/>
      <c r="IH2471" s="91"/>
      <c r="II2471" s="91"/>
      <c r="IJ2471" s="91"/>
      <c r="IK2471" s="127"/>
    </row>
    <row r="2472" spans="2:245" x14ac:dyDescent="0.2">
      <c r="B2472" s="43"/>
      <c r="C2472" s="73"/>
      <c r="D2472" s="64"/>
      <c r="E2472" s="64"/>
      <c r="F2472" s="55"/>
      <c r="G2472" s="102"/>
      <c r="H2472" s="55"/>
      <c r="I2472" s="55"/>
      <c r="J2472" s="55"/>
      <c r="K2472" s="55"/>
      <c r="L2472" s="55"/>
      <c r="M2472" s="55"/>
      <c r="N2472" s="55"/>
      <c r="O2472" s="55"/>
      <c r="P2472" s="55"/>
      <c r="Q2472" s="55"/>
      <c r="R2472" s="55"/>
      <c r="S2472" s="55"/>
      <c r="T2472" s="55"/>
      <c r="U2472" s="55"/>
      <c r="V2472" s="55"/>
      <c r="W2472" s="55"/>
      <c r="X2472" s="55"/>
      <c r="Y2472" s="55"/>
      <c r="Z2472" s="55"/>
      <c r="AA2472" s="55"/>
      <c r="AB2472" s="55"/>
      <c r="AC2472" s="55"/>
      <c r="AD2472" s="55"/>
      <c r="AE2472" s="55"/>
      <c r="AF2472" s="55"/>
      <c r="AG2472" s="55"/>
      <c r="AY2472" s="162"/>
      <c r="AZ2472" s="162"/>
      <c r="BA2472" s="162"/>
      <c r="BB2472" s="162"/>
      <c r="BC2472" s="162"/>
      <c r="BD2472" s="162"/>
      <c r="BE2472" s="162"/>
      <c r="BF2472" s="162"/>
      <c r="BG2472" s="162"/>
      <c r="BH2472" s="162"/>
      <c r="BI2472" s="162"/>
      <c r="BJ2472" s="162"/>
      <c r="BK2472" s="162"/>
      <c r="BL2472" s="162"/>
      <c r="BM2472" s="162"/>
      <c r="BN2472" s="162"/>
      <c r="BO2472" s="162"/>
      <c r="BP2472" s="162"/>
      <c r="BQ2472" s="162"/>
      <c r="BR2472" s="162"/>
      <c r="BS2472" s="162"/>
      <c r="BT2472" s="162"/>
      <c r="BU2472" s="162"/>
      <c r="BV2472" s="162"/>
      <c r="BW2472" s="162"/>
      <c r="BX2472" s="162"/>
      <c r="BY2472" s="162"/>
      <c r="BZ2472" s="162"/>
      <c r="CA2472" s="162"/>
      <c r="CB2472" s="162"/>
      <c r="CC2472" s="162"/>
      <c r="CD2472" s="162"/>
      <c r="CE2472" s="162"/>
      <c r="CF2472" s="162"/>
      <c r="CG2472" s="162"/>
      <c r="CH2472" s="162"/>
      <c r="CI2472" s="162"/>
      <c r="CJ2472" s="162"/>
      <c r="CK2472" s="162"/>
      <c r="CX2472" s="98"/>
      <c r="DL2472" s="97"/>
      <c r="DX2472" s="98"/>
      <c r="EL2472" s="97"/>
      <c r="EX2472" s="98"/>
      <c r="EY2472" s="97"/>
      <c r="FL2472" s="126"/>
      <c r="FM2472" s="91"/>
      <c r="FN2472" s="91"/>
      <c r="FO2472" s="91"/>
      <c r="FP2472" s="91"/>
      <c r="FQ2472" s="91"/>
      <c r="FR2472" s="91"/>
      <c r="FS2472" s="91"/>
      <c r="FT2472" s="91"/>
      <c r="FU2472" s="91"/>
      <c r="FV2472" s="91"/>
      <c r="FW2472" s="91"/>
      <c r="FX2472" s="91"/>
      <c r="FY2472" s="91"/>
      <c r="FZ2472" s="91"/>
      <c r="GA2472" s="91"/>
      <c r="GB2472" s="91"/>
      <c r="GC2472" s="91"/>
      <c r="GD2472" s="91"/>
      <c r="GE2472" s="91"/>
      <c r="GF2472" s="91"/>
      <c r="GG2472" s="91"/>
      <c r="GH2472" s="91"/>
      <c r="GI2472" s="91"/>
      <c r="GJ2472" s="91"/>
      <c r="GK2472" s="127"/>
      <c r="GL2472" s="126"/>
      <c r="GM2472" s="91"/>
      <c r="GN2472" s="91"/>
      <c r="GO2472" s="91"/>
      <c r="GP2472" s="91"/>
      <c r="GQ2472" s="91"/>
      <c r="GR2472" s="91"/>
      <c r="GS2472" s="91"/>
      <c r="GT2472" s="91"/>
      <c r="GU2472" s="91"/>
      <c r="GV2472" s="91"/>
      <c r="GW2472" s="91"/>
      <c r="GX2472" s="91"/>
      <c r="GY2472" s="91"/>
      <c r="GZ2472" s="91"/>
      <c r="HA2472" s="91"/>
      <c r="HB2472" s="91"/>
      <c r="HC2472" s="91"/>
      <c r="HD2472" s="91"/>
      <c r="HE2472" s="91"/>
      <c r="HF2472" s="91"/>
      <c r="HG2472" s="91"/>
      <c r="HH2472" s="91"/>
      <c r="HI2472" s="91"/>
      <c r="HJ2472" s="91"/>
      <c r="HK2472" s="127"/>
      <c r="HL2472" s="126"/>
      <c r="HM2472" s="91"/>
      <c r="HN2472" s="91"/>
      <c r="HO2472" s="91"/>
      <c r="HP2472" s="91"/>
      <c r="HQ2472" s="91"/>
      <c r="HR2472" s="91"/>
      <c r="HS2472" s="91"/>
      <c r="HT2472" s="91"/>
      <c r="HU2472" s="91"/>
      <c r="HV2472" s="91"/>
      <c r="HW2472" s="91"/>
      <c r="HX2472" s="91"/>
      <c r="HY2472" s="91"/>
      <c r="HZ2472" s="91"/>
      <c r="IA2472" s="91"/>
      <c r="IB2472" s="91"/>
      <c r="IC2472" s="91"/>
      <c r="ID2472" s="91"/>
      <c r="IE2472" s="91"/>
      <c r="IF2472" s="91"/>
      <c r="IG2472" s="91"/>
      <c r="IH2472" s="91"/>
      <c r="II2472" s="91"/>
      <c r="IJ2472" s="91"/>
      <c r="IK2472" s="127"/>
    </row>
    <row r="2473" spans="2:245" x14ac:dyDescent="0.2">
      <c r="B2473" s="43"/>
      <c r="C2473" s="73"/>
      <c r="D2473" s="64"/>
      <c r="E2473" s="64"/>
      <c r="F2473" s="55"/>
      <c r="G2473" s="102"/>
      <c r="H2473" s="55"/>
      <c r="I2473" s="55"/>
      <c r="J2473" s="55"/>
      <c r="K2473" s="55"/>
      <c r="L2473" s="55"/>
      <c r="M2473" s="55"/>
      <c r="N2473" s="55"/>
      <c r="O2473" s="55"/>
      <c r="P2473" s="55"/>
      <c r="Q2473" s="55"/>
      <c r="R2473" s="55"/>
      <c r="S2473" s="55"/>
      <c r="T2473" s="55"/>
      <c r="U2473" s="55"/>
      <c r="V2473" s="55"/>
      <c r="W2473" s="55"/>
      <c r="X2473" s="55"/>
      <c r="Y2473" s="55"/>
      <c r="Z2473" s="55"/>
      <c r="AA2473" s="55"/>
      <c r="AB2473" s="55"/>
      <c r="AC2473" s="55"/>
      <c r="AD2473" s="55"/>
      <c r="AE2473" s="55"/>
      <c r="AF2473" s="55"/>
      <c r="AG2473" s="55"/>
      <c r="AY2473" s="162"/>
      <c r="AZ2473" s="162"/>
      <c r="BA2473" s="162"/>
      <c r="BB2473" s="162"/>
      <c r="BC2473" s="162"/>
      <c r="BD2473" s="162"/>
      <c r="BE2473" s="162"/>
      <c r="BF2473" s="162"/>
      <c r="BG2473" s="162"/>
      <c r="BH2473" s="162"/>
      <c r="BI2473" s="162"/>
      <c r="BJ2473" s="162"/>
      <c r="BK2473" s="162"/>
      <c r="BL2473" s="162"/>
      <c r="BM2473" s="162"/>
      <c r="BN2473" s="162"/>
      <c r="BO2473" s="162"/>
      <c r="BP2473" s="162"/>
      <c r="BQ2473" s="162"/>
      <c r="BR2473" s="162"/>
      <c r="BS2473" s="162"/>
      <c r="BT2473" s="162"/>
      <c r="BU2473" s="162"/>
      <c r="BV2473" s="162"/>
      <c r="BW2473" s="162"/>
      <c r="BX2473" s="162"/>
      <c r="BY2473" s="162"/>
      <c r="BZ2473" s="162"/>
      <c r="CA2473" s="162"/>
      <c r="CB2473" s="162"/>
      <c r="CC2473" s="162"/>
      <c r="CD2473" s="162"/>
      <c r="CE2473" s="162"/>
      <c r="CF2473" s="162"/>
      <c r="CG2473" s="162"/>
      <c r="CH2473" s="162"/>
      <c r="CI2473" s="162"/>
      <c r="CJ2473" s="162"/>
      <c r="CK2473" s="162"/>
      <c r="CX2473" s="98"/>
      <c r="DL2473" s="97"/>
      <c r="DX2473" s="98"/>
      <c r="EL2473" s="97"/>
      <c r="EX2473" s="98"/>
      <c r="EY2473" s="97"/>
      <c r="FL2473" s="126"/>
      <c r="FM2473" s="91"/>
      <c r="FN2473" s="91"/>
      <c r="FO2473" s="91"/>
      <c r="FP2473" s="91"/>
      <c r="FQ2473" s="91"/>
      <c r="FR2473" s="91"/>
      <c r="FS2473" s="91"/>
      <c r="FT2473" s="91"/>
      <c r="FU2473" s="91"/>
      <c r="FV2473" s="91"/>
      <c r="FW2473" s="91"/>
      <c r="FX2473" s="91"/>
      <c r="FY2473" s="91"/>
      <c r="FZ2473" s="91"/>
      <c r="GA2473" s="91"/>
      <c r="GB2473" s="91"/>
      <c r="GC2473" s="91"/>
      <c r="GD2473" s="91"/>
      <c r="GE2473" s="91"/>
      <c r="GF2473" s="91"/>
      <c r="GG2473" s="91"/>
      <c r="GH2473" s="91"/>
      <c r="GI2473" s="91"/>
      <c r="GJ2473" s="91"/>
      <c r="GK2473" s="127"/>
      <c r="GL2473" s="126"/>
      <c r="GM2473" s="91"/>
      <c r="GN2473" s="91"/>
      <c r="GO2473" s="91"/>
      <c r="GP2473" s="91"/>
      <c r="GQ2473" s="91"/>
      <c r="GR2473" s="91"/>
      <c r="GS2473" s="91"/>
      <c r="GT2473" s="91"/>
      <c r="GU2473" s="91"/>
      <c r="GV2473" s="91"/>
      <c r="GW2473" s="91"/>
      <c r="GX2473" s="91"/>
      <c r="GY2473" s="91"/>
      <c r="GZ2473" s="91"/>
      <c r="HA2473" s="91"/>
      <c r="HB2473" s="91"/>
      <c r="HC2473" s="91"/>
      <c r="HD2473" s="91"/>
      <c r="HE2473" s="91"/>
      <c r="HF2473" s="91"/>
      <c r="HG2473" s="91"/>
      <c r="HH2473" s="91"/>
      <c r="HI2473" s="91"/>
      <c r="HJ2473" s="91"/>
      <c r="HK2473" s="127"/>
      <c r="HL2473" s="126"/>
      <c r="HM2473" s="91"/>
      <c r="HN2473" s="91"/>
      <c r="HO2473" s="91"/>
      <c r="HP2473" s="91"/>
      <c r="HQ2473" s="91"/>
      <c r="HR2473" s="91"/>
      <c r="HS2473" s="91"/>
      <c r="HT2473" s="91"/>
      <c r="HU2473" s="91"/>
      <c r="HV2473" s="91"/>
      <c r="HW2473" s="91"/>
      <c r="HX2473" s="91"/>
      <c r="HY2473" s="91"/>
      <c r="HZ2473" s="91"/>
      <c r="IA2473" s="91"/>
      <c r="IB2473" s="91"/>
      <c r="IC2473" s="91"/>
      <c r="ID2473" s="91"/>
      <c r="IE2473" s="91"/>
      <c r="IF2473" s="91"/>
      <c r="IG2473" s="91"/>
      <c r="IH2473" s="91"/>
      <c r="II2473" s="91"/>
      <c r="IJ2473" s="91"/>
      <c r="IK2473" s="127"/>
    </row>
    <row r="2474" spans="2:245" x14ac:dyDescent="0.2">
      <c r="B2474" s="43"/>
      <c r="C2474" s="73"/>
      <c r="D2474" s="64"/>
      <c r="E2474" s="64"/>
      <c r="F2474" s="55"/>
      <c r="G2474" s="102"/>
      <c r="H2474" s="55"/>
      <c r="I2474" s="55"/>
      <c r="J2474" s="55"/>
      <c r="K2474" s="55"/>
      <c r="L2474" s="55"/>
      <c r="M2474" s="55"/>
      <c r="N2474" s="55"/>
      <c r="O2474" s="55"/>
      <c r="P2474" s="55"/>
      <c r="Q2474" s="55"/>
      <c r="R2474" s="55"/>
      <c r="S2474" s="55"/>
      <c r="T2474" s="55"/>
      <c r="U2474" s="55"/>
      <c r="V2474" s="55"/>
      <c r="W2474" s="55"/>
      <c r="X2474" s="55"/>
      <c r="Y2474" s="55"/>
      <c r="Z2474" s="55"/>
      <c r="AA2474" s="55"/>
      <c r="AB2474" s="55"/>
      <c r="AC2474" s="55"/>
      <c r="AD2474" s="55"/>
      <c r="AE2474" s="55"/>
      <c r="AF2474" s="55"/>
      <c r="AG2474" s="55"/>
      <c r="AY2474" s="162"/>
      <c r="AZ2474" s="162"/>
      <c r="BA2474" s="162"/>
      <c r="BB2474" s="162"/>
      <c r="BC2474" s="162"/>
      <c r="BD2474" s="162"/>
      <c r="BE2474" s="162"/>
      <c r="BF2474" s="162"/>
      <c r="BG2474" s="162"/>
      <c r="BH2474" s="162"/>
      <c r="BI2474" s="162"/>
      <c r="BJ2474" s="162"/>
      <c r="BK2474" s="162"/>
      <c r="BL2474" s="162"/>
      <c r="BM2474" s="162"/>
      <c r="BN2474" s="162"/>
      <c r="BO2474" s="162"/>
      <c r="BP2474" s="162"/>
      <c r="BQ2474" s="162"/>
      <c r="BR2474" s="162"/>
      <c r="BS2474" s="162"/>
      <c r="BT2474" s="162"/>
      <c r="BU2474" s="162"/>
      <c r="BV2474" s="162"/>
      <c r="BW2474" s="162"/>
      <c r="BX2474" s="162"/>
      <c r="BY2474" s="162"/>
      <c r="BZ2474" s="162"/>
      <c r="CA2474" s="162"/>
      <c r="CB2474" s="162"/>
      <c r="CC2474" s="162"/>
      <c r="CD2474" s="162"/>
      <c r="CE2474" s="162"/>
      <c r="CF2474" s="162"/>
      <c r="CG2474" s="162"/>
      <c r="CH2474" s="162"/>
      <c r="CI2474" s="162"/>
      <c r="CJ2474" s="162"/>
      <c r="CK2474" s="162"/>
      <c r="CX2474" s="98"/>
      <c r="DL2474" s="97"/>
      <c r="DX2474" s="98"/>
      <c r="EL2474" s="97"/>
      <c r="EX2474" s="98"/>
      <c r="EY2474" s="97"/>
      <c r="FL2474" s="126"/>
      <c r="FM2474" s="91"/>
      <c r="FN2474" s="91"/>
      <c r="FO2474" s="91"/>
      <c r="FP2474" s="91"/>
      <c r="FQ2474" s="91"/>
      <c r="FR2474" s="91"/>
      <c r="FS2474" s="91"/>
      <c r="FT2474" s="91"/>
      <c r="FU2474" s="91"/>
      <c r="FV2474" s="91"/>
      <c r="FW2474" s="91"/>
      <c r="FX2474" s="91"/>
      <c r="FY2474" s="91"/>
      <c r="FZ2474" s="91"/>
      <c r="GA2474" s="91"/>
      <c r="GB2474" s="91"/>
      <c r="GC2474" s="91"/>
      <c r="GD2474" s="91"/>
      <c r="GE2474" s="91"/>
      <c r="GF2474" s="91"/>
      <c r="GG2474" s="91"/>
      <c r="GH2474" s="91"/>
      <c r="GI2474" s="91"/>
      <c r="GJ2474" s="91"/>
      <c r="GK2474" s="127"/>
      <c r="GL2474" s="126"/>
      <c r="GM2474" s="91"/>
      <c r="GN2474" s="91"/>
      <c r="GO2474" s="91"/>
      <c r="GP2474" s="91"/>
      <c r="GQ2474" s="91"/>
      <c r="GR2474" s="91"/>
      <c r="GS2474" s="91"/>
      <c r="GT2474" s="91"/>
      <c r="GU2474" s="91"/>
      <c r="GV2474" s="91"/>
      <c r="GW2474" s="91"/>
      <c r="GX2474" s="91"/>
      <c r="GY2474" s="91"/>
      <c r="GZ2474" s="91"/>
      <c r="HA2474" s="91"/>
      <c r="HB2474" s="91"/>
      <c r="HC2474" s="91"/>
      <c r="HD2474" s="91"/>
      <c r="HE2474" s="91"/>
      <c r="HF2474" s="91"/>
      <c r="HG2474" s="91"/>
      <c r="HH2474" s="91"/>
      <c r="HI2474" s="91"/>
      <c r="HJ2474" s="91"/>
      <c r="HK2474" s="127"/>
      <c r="HL2474" s="126"/>
      <c r="HM2474" s="91"/>
      <c r="HN2474" s="91"/>
      <c r="HO2474" s="91"/>
      <c r="HP2474" s="91"/>
      <c r="HQ2474" s="91"/>
      <c r="HR2474" s="91"/>
      <c r="HS2474" s="91"/>
      <c r="HT2474" s="91"/>
      <c r="HU2474" s="91"/>
      <c r="HV2474" s="91"/>
      <c r="HW2474" s="91"/>
      <c r="HX2474" s="91"/>
      <c r="HY2474" s="91"/>
      <c r="HZ2474" s="91"/>
      <c r="IA2474" s="91"/>
      <c r="IB2474" s="91"/>
      <c r="IC2474" s="91"/>
      <c r="ID2474" s="91"/>
      <c r="IE2474" s="91"/>
      <c r="IF2474" s="91"/>
      <c r="IG2474" s="91"/>
      <c r="IH2474" s="91"/>
      <c r="II2474" s="91"/>
      <c r="IJ2474" s="91"/>
      <c r="IK2474" s="127"/>
    </row>
    <row r="2475" spans="2:245" x14ac:dyDescent="0.2">
      <c r="B2475" s="43"/>
      <c r="C2475" s="73"/>
      <c r="D2475" s="64"/>
      <c r="E2475" s="64"/>
      <c r="F2475" s="55"/>
      <c r="G2475" s="102"/>
      <c r="H2475" s="55"/>
      <c r="I2475" s="55"/>
      <c r="J2475" s="55"/>
      <c r="K2475" s="55"/>
      <c r="L2475" s="55"/>
      <c r="M2475" s="55"/>
      <c r="N2475" s="55"/>
      <c r="O2475" s="55"/>
      <c r="P2475" s="55"/>
      <c r="Q2475" s="55"/>
      <c r="R2475" s="55"/>
      <c r="S2475" s="55"/>
      <c r="T2475" s="55"/>
      <c r="U2475" s="55"/>
      <c r="V2475" s="55"/>
      <c r="W2475" s="55"/>
      <c r="X2475" s="55"/>
      <c r="Y2475" s="55"/>
      <c r="Z2475" s="55"/>
      <c r="AA2475" s="55"/>
      <c r="AB2475" s="55"/>
      <c r="AC2475" s="55"/>
      <c r="AD2475" s="55"/>
      <c r="AE2475" s="55"/>
      <c r="AF2475" s="55"/>
      <c r="AG2475" s="55"/>
      <c r="AY2475" s="162"/>
      <c r="AZ2475" s="162"/>
      <c r="BA2475" s="162"/>
      <c r="BB2475" s="162"/>
      <c r="BC2475" s="162"/>
      <c r="BD2475" s="162"/>
      <c r="BE2475" s="162"/>
      <c r="BF2475" s="162"/>
      <c r="BG2475" s="162"/>
      <c r="BH2475" s="162"/>
      <c r="BI2475" s="162"/>
      <c r="BJ2475" s="162"/>
      <c r="BK2475" s="162"/>
      <c r="BL2475" s="162"/>
      <c r="BM2475" s="162"/>
      <c r="BN2475" s="162"/>
      <c r="BO2475" s="162"/>
      <c r="BP2475" s="162"/>
      <c r="BQ2475" s="162"/>
      <c r="BR2475" s="162"/>
      <c r="BS2475" s="162"/>
      <c r="BT2475" s="162"/>
      <c r="BU2475" s="162"/>
      <c r="BV2475" s="162"/>
      <c r="BW2475" s="162"/>
      <c r="BX2475" s="162"/>
      <c r="BY2475" s="162"/>
      <c r="BZ2475" s="162"/>
      <c r="CA2475" s="162"/>
      <c r="CB2475" s="162"/>
      <c r="CC2475" s="162"/>
      <c r="CD2475" s="162"/>
      <c r="CE2475" s="162"/>
      <c r="CF2475" s="162"/>
      <c r="CG2475" s="162"/>
      <c r="CH2475" s="162"/>
      <c r="CI2475" s="162"/>
      <c r="CJ2475" s="162"/>
      <c r="CK2475" s="162"/>
      <c r="CX2475" s="98"/>
      <c r="DL2475" s="97"/>
      <c r="DX2475" s="98"/>
      <c r="EL2475" s="97"/>
      <c r="EX2475" s="98"/>
      <c r="EY2475" s="97"/>
      <c r="FL2475" s="126"/>
      <c r="FM2475" s="91"/>
      <c r="FN2475" s="91"/>
      <c r="FO2475" s="91"/>
      <c r="FP2475" s="91"/>
      <c r="FQ2475" s="91"/>
      <c r="FR2475" s="91"/>
      <c r="FS2475" s="91"/>
      <c r="FT2475" s="91"/>
      <c r="FU2475" s="91"/>
      <c r="FV2475" s="91"/>
      <c r="FW2475" s="91"/>
      <c r="FX2475" s="91"/>
      <c r="FY2475" s="91"/>
      <c r="FZ2475" s="91"/>
      <c r="GA2475" s="91"/>
      <c r="GB2475" s="91"/>
      <c r="GC2475" s="91"/>
      <c r="GD2475" s="91"/>
      <c r="GE2475" s="91"/>
      <c r="GF2475" s="91"/>
      <c r="GG2475" s="91"/>
      <c r="GH2475" s="91"/>
      <c r="GI2475" s="91"/>
      <c r="GJ2475" s="91"/>
      <c r="GK2475" s="127"/>
      <c r="GL2475" s="126"/>
      <c r="GM2475" s="91"/>
      <c r="GN2475" s="91"/>
      <c r="GO2475" s="91"/>
      <c r="GP2475" s="91"/>
      <c r="GQ2475" s="91"/>
      <c r="GR2475" s="91"/>
      <c r="GS2475" s="91"/>
      <c r="GT2475" s="91"/>
      <c r="GU2475" s="91"/>
      <c r="GV2475" s="91"/>
      <c r="GW2475" s="91"/>
      <c r="GX2475" s="91"/>
      <c r="GY2475" s="91"/>
      <c r="GZ2475" s="91"/>
      <c r="HA2475" s="91"/>
      <c r="HB2475" s="91"/>
      <c r="HC2475" s="91"/>
      <c r="HD2475" s="91"/>
      <c r="HE2475" s="91"/>
      <c r="HF2475" s="91"/>
      <c r="HG2475" s="91"/>
      <c r="HH2475" s="91"/>
      <c r="HI2475" s="91"/>
      <c r="HJ2475" s="91"/>
      <c r="HK2475" s="127"/>
      <c r="HL2475" s="126"/>
      <c r="HM2475" s="91"/>
      <c r="HN2475" s="91"/>
      <c r="HO2475" s="91"/>
      <c r="HP2475" s="91"/>
      <c r="HQ2475" s="91"/>
      <c r="HR2475" s="91"/>
      <c r="HS2475" s="91"/>
      <c r="HT2475" s="91"/>
      <c r="HU2475" s="91"/>
      <c r="HV2475" s="91"/>
      <c r="HW2475" s="91"/>
      <c r="HX2475" s="91"/>
      <c r="HY2475" s="91"/>
      <c r="HZ2475" s="91"/>
      <c r="IA2475" s="91"/>
      <c r="IB2475" s="91"/>
      <c r="IC2475" s="91"/>
      <c r="ID2475" s="91"/>
      <c r="IE2475" s="91"/>
      <c r="IF2475" s="91"/>
      <c r="IG2475" s="91"/>
      <c r="IH2475" s="91"/>
      <c r="II2475" s="91"/>
      <c r="IJ2475" s="91"/>
      <c r="IK2475" s="127"/>
    </row>
    <row r="2476" spans="2:245" x14ac:dyDescent="0.2">
      <c r="B2476" s="43"/>
      <c r="C2476" s="73"/>
      <c r="D2476" s="64"/>
      <c r="E2476" s="64"/>
      <c r="F2476" s="55"/>
      <c r="G2476" s="102"/>
      <c r="H2476" s="55"/>
      <c r="I2476" s="55"/>
      <c r="J2476" s="55"/>
      <c r="K2476" s="55"/>
      <c r="L2476" s="55"/>
      <c r="M2476" s="55"/>
      <c r="N2476" s="55"/>
      <c r="O2476" s="55"/>
      <c r="P2476" s="55"/>
      <c r="Q2476" s="55"/>
      <c r="R2476" s="55"/>
      <c r="S2476" s="55"/>
      <c r="T2476" s="55"/>
      <c r="U2476" s="55"/>
      <c r="V2476" s="55"/>
      <c r="W2476" s="55"/>
      <c r="X2476" s="55"/>
      <c r="Y2476" s="55"/>
      <c r="Z2476" s="55"/>
      <c r="AA2476" s="55"/>
      <c r="AB2476" s="55"/>
      <c r="AC2476" s="55"/>
      <c r="AD2476" s="55"/>
      <c r="AE2476" s="55"/>
      <c r="AF2476" s="55"/>
      <c r="AG2476" s="55"/>
      <c r="AY2476" s="162"/>
      <c r="AZ2476" s="162"/>
      <c r="BA2476" s="162"/>
      <c r="BB2476" s="162"/>
      <c r="BC2476" s="162"/>
      <c r="BD2476" s="162"/>
      <c r="BE2476" s="162"/>
      <c r="BF2476" s="162"/>
      <c r="BG2476" s="162"/>
      <c r="BH2476" s="162"/>
      <c r="BI2476" s="162"/>
      <c r="BJ2476" s="162"/>
      <c r="BK2476" s="162"/>
      <c r="BL2476" s="162"/>
      <c r="BM2476" s="162"/>
      <c r="BN2476" s="162"/>
      <c r="BO2476" s="162"/>
      <c r="BP2476" s="162"/>
      <c r="BQ2476" s="162"/>
      <c r="BR2476" s="162"/>
      <c r="BS2476" s="162"/>
      <c r="BT2476" s="162"/>
      <c r="BU2476" s="162"/>
      <c r="BV2476" s="162"/>
      <c r="BW2476" s="162"/>
      <c r="BX2476" s="162"/>
      <c r="BY2476" s="162"/>
      <c r="BZ2476" s="162"/>
      <c r="CA2476" s="162"/>
      <c r="CB2476" s="162"/>
      <c r="CC2476" s="162"/>
      <c r="CD2476" s="162"/>
      <c r="CE2476" s="162"/>
      <c r="CF2476" s="162"/>
      <c r="CG2476" s="162"/>
      <c r="CH2476" s="162"/>
      <c r="CI2476" s="162"/>
      <c r="CJ2476" s="162"/>
      <c r="CK2476" s="162"/>
      <c r="CX2476" s="98"/>
      <c r="DL2476" s="97"/>
      <c r="DX2476" s="98"/>
      <c r="EL2476" s="97"/>
      <c r="EX2476" s="98"/>
      <c r="EY2476" s="97"/>
      <c r="FL2476" s="126"/>
      <c r="FM2476" s="91"/>
      <c r="FN2476" s="91"/>
      <c r="FO2476" s="91"/>
      <c r="FP2476" s="91"/>
      <c r="FQ2476" s="91"/>
      <c r="FR2476" s="91"/>
      <c r="FS2476" s="91"/>
      <c r="FT2476" s="91"/>
      <c r="FU2476" s="91"/>
      <c r="FV2476" s="91"/>
      <c r="FW2476" s="91"/>
      <c r="FX2476" s="91"/>
      <c r="FY2476" s="91"/>
      <c r="FZ2476" s="91"/>
      <c r="GA2476" s="91"/>
      <c r="GB2476" s="91"/>
      <c r="GC2476" s="91"/>
      <c r="GD2476" s="91"/>
      <c r="GE2476" s="91"/>
      <c r="GF2476" s="91"/>
      <c r="GG2476" s="91"/>
      <c r="GH2476" s="91"/>
      <c r="GI2476" s="91"/>
      <c r="GJ2476" s="91"/>
      <c r="GK2476" s="127"/>
      <c r="GL2476" s="126"/>
      <c r="GM2476" s="91"/>
      <c r="GN2476" s="91"/>
      <c r="GO2476" s="91"/>
      <c r="GP2476" s="91"/>
      <c r="GQ2476" s="91"/>
      <c r="GR2476" s="91"/>
      <c r="GS2476" s="91"/>
      <c r="GT2476" s="91"/>
      <c r="GU2476" s="91"/>
      <c r="GV2476" s="91"/>
      <c r="GW2476" s="91"/>
      <c r="GX2476" s="91"/>
      <c r="GY2476" s="91"/>
      <c r="GZ2476" s="91"/>
      <c r="HA2476" s="91"/>
      <c r="HB2476" s="91"/>
      <c r="HC2476" s="91"/>
      <c r="HD2476" s="91"/>
      <c r="HE2476" s="91"/>
      <c r="HF2476" s="91"/>
      <c r="HG2476" s="91"/>
      <c r="HH2476" s="91"/>
      <c r="HI2476" s="91"/>
      <c r="HJ2476" s="91"/>
      <c r="HK2476" s="127"/>
      <c r="HL2476" s="126"/>
      <c r="HM2476" s="91"/>
      <c r="HN2476" s="91"/>
      <c r="HO2476" s="91"/>
      <c r="HP2476" s="91"/>
      <c r="HQ2476" s="91"/>
      <c r="HR2476" s="91"/>
      <c r="HS2476" s="91"/>
      <c r="HT2476" s="91"/>
      <c r="HU2476" s="91"/>
      <c r="HV2476" s="91"/>
      <c r="HW2476" s="91"/>
      <c r="HX2476" s="91"/>
      <c r="HY2476" s="91"/>
      <c r="HZ2476" s="91"/>
      <c r="IA2476" s="91"/>
      <c r="IB2476" s="91"/>
      <c r="IC2476" s="91"/>
      <c r="ID2476" s="91"/>
      <c r="IE2476" s="91"/>
      <c r="IF2476" s="91"/>
      <c r="IG2476" s="91"/>
      <c r="IH2476" s="91"/>
      <c r="II2476" s="91"/>
      <c r="IJ2476" s="91"/>
      <c r="IK2476" s="127"/>
    </row>
    <row r="2477" spans="2:245" x14ac:dyDescent="0.2">
      <c r="B2477" s="43"/>
      <c r="C2477" s="73"/>
      <c r="D2477" s="64"/>
      <c r="E2477" s="64"/>
      <c r="F2477" s="55"/>
      <c r="G2477" s="102"/>
      <c r="H2477" s="55"/>
      <c r="I2477" s="55"/>
      <c r="J2477" s="55"/>
      <c r="K2477" s="55"/>
      <c r="L2477" s="55"/>
      <c r="M2477" s="55"/>
      <c r="N2477" s="55"/>
      <c r="O2477" s="55"/>
      <c r="P2477" s="55"/>
      <c r="Q2477" s="55"/>
      <c r="R2477" s="55"/>
      <c r="S2477" s="55"/>
      <c r="T2477" s="55"/>
      <c r="U2477" s="55"/>
      <c r="V2477" s="55"/>
      <c r="W2477" s="55"/>
      <c r="X2477" s="55"/>
      <c r="Y2477" s="55"/>
      <c r="Z2477" s="55"/>
      <c r="AA2477" s="55"/>
      <c r="AB2477" s="55"/>
      <c r="AC2477" s="55"/>
      <c r="AD2477" s="55"/>
      <c r="AE2477" s="55"/>
      <c r="AF2477" s="55"/>
      <c r="AG2477" s="55"/>
      <c r="AY2477" s="162"/>
      <c r="AZ2477" s="162"/>
      <c r="BA2477" s="162"/>
      <c r="BB2477" s="162"/>
      <c r="BC2477" s="162"/>
      <c r="BD2477" s="162"/>
      <c r="BE2477" s="162"/>
      <c r="BF2477" s="162"/>
      <c r="BG2477" s="162"/>
      <c r="BH2477" s="162"/>
      <c r="BI2477" s="162"/>
      <c r="BJ2477" s="162"/>
      <c r="BK2477" s="162"/>
      <c r="BL2477" s="162"/>
      <c r="BM2477" s="162"/>
      <c r="BN2477" s="162"/>
      <c r="BO2477" s="162"/>
      <c r="BP2477" s="162"/>
      <c r="BQ2477" s="162"/>
      <c r="BR2477" s="162"/>
      <c r="BS2477" s="162"/>
      <c r="BT2477" s="162"/>
      <c r="BU2477" s="162"/>
      <c r="BV2477" s="162"/>
      <c r="BW2477" s="162"/>
      <c r="BX2477" s="162"/>
      <c r="BY2477" s="162"/>
      <c r="BZ2477" s="162"/>
      <c r="CA2477" s="162"/>
      <c r="CB2477" s="162"/>
      <c r="CC2477" s="162"/>
      <c r="CD2477" s="162"/>
      <c r="CE2477" s="162"/>
      <c r="CF2477" s="162"/>
      <c r="CG2477" s="162"/>
      <c r="CH2477" s="162"/>
      <c r="CI2477" s="162"/>
      <c r="CJ2477" s="162"/>
      <c r="CK2477" s="162"/>
      <c r="CX2477" s="98"/>
      <c r="DL2477" s="97"/>
      <c r="DX2477" s="98"/>
      <c r="EL2477" s="97"/>
      <c r="EX2477" s="98"/>
      <c r="EY2477" s="97"/>
      <c r="FL2477" s="126"/>
      <c r="FM2477" s="91"/>
      <c r="FN2477" s="91"/>
      <c r="FO2477" s="91"/>
      <c r="FP2477" s="91"/>
      <c r="FQ2477" s="91"/>
      <c r="FR2477" s="91"/>
      <c r="FS2477" s="91"/>
      <c r="FT2477" s="91"/>
      <c r="FU2477" s="91"/>
      <c r="FV2477" s="91"/>
      <c r="FW2477" s="91"/>
      <c r="FX2477" s="91"/>
      <c r="FY2477" s="91"/>
      <c r="FZ2477" s="91"/>
      <c r="GA2477" s="91"/>
      <c r="GB2477" s="91"/>
      <c r="GC2477" s="91"/>
      <c r="GD2477" s="91"/>
      <c r="GE2477" s="91"/>
      <c r="GF2477" s="91"/>
      <c r="GG2477" s="91"/>
      <c r="GH2477" s="91"/>
      <c r="GI2477" s="91"/>
      <c r="GJ2477" s="91"/>
      <c r="GK2477" s="127"/>
      <c r="GL2477" s="126"/>
      <c r="GM2477" s="91"/>
      <c r="GN2477" s="91"/>
      <c r="GO2477" s="91"/>
      <c r="GP2477" s="91"/>
      <c r="GQ2477" s="91"/>
      <c r="GR2477" s="91"/>
      <c r="GS2477" s="91"/>
      <c r="GT2477" s="91"/>
      <c r="GU2477" s="91"/>
      <c r="GV2477" s="91"/>
      <c r="GW2477" s="91"/>
      <c r="GX2477" s="91"/>
      <c r="GY2477" s="91"/>
      <c r="GZ2477" s="91"/>
      <c r="HA2477" s="91"/>
      <c r="HB2477" s="91"/>
      <c r="HC2477" s="91"/>
      <c r="HD2477" s="91"/>
      <c r="HE2477" s="91"/>
      <c r="HF2477" s="91"/>
      <c r="HG2477" s="91"/>
      <c r="HH2477" s="91"/>
      <c r="HI2477" s="91"/>
      <c r="HJ2477" s="91"/>
      <c r="HK2477" s="127"/>
      <c r="HL2477" s="126"/>
      <c r="HM2477" s="91"/>
      <c r="HN2477" s="91"/>
      <c r="HO2477" s="91"/>
      <c r="HP2477" s="91"/>
      <c r="HQ2477" s="91"/>
      <c r="HR2477" s="91"/>
      <c r="HS2477" s="91"/>
      <c r="HT2477" s="91"/>
      <c r="HU2477" s="91"/>
      <c r="HV2477" s="91"/>
      <c r="HW2477" s="91"/>
      <c r="HX2477" s="91"/>
      <c r="HY2477" s="91"/>
      <c r="HZ2477" s="91"/>
      <c r="IA2477" s="91"/>
      <c r="IB2477" s="91"/>
      <c r="IC2477" s="91"/>
      <c r="ID2477" s="91"/>
      <c r="IE2477" s="91"/>
      <c r="IF2477" s="91"/>
      <c r="IG2477" s="91"/>
      <c r="IH2477" s="91"/>
      <c r="II2477" s="91"/>
      <c r="IJ2477" s="91"/>
      <c r="IK2477" s="127"/>
    </row>
    <row r="2478" spans="2:245" x14ac:dyDescent="0.2">
      <c r="B2478" s="43"/>
      <c r="C2478" s="73"/>
      <c r="D2478" s="64"/>
      <c r="E2478" s="64"/>
      <c r="F2478" s="55"/>
      <c r="G2478" s="102"/>
      <c r="H2478" s="55"/>
      <c r="I2478" s="55"/>
      <c r="J2478" s="55"/>
      <c r="K2478" s="55"/>
      <c r="L2478" s="55"/>
      <c r="M2478" s="55"/>
      <c r="N2478" s="55"/>
      <c r="O2478" s="55"/>
      <c r="P2478" s="55"/>
      <c r="Q2478" s="55"/>
      <c r="R2478" s="55"/>
      <c r="S2478" s="55"/>
      <c r="T2478" s="55"/>
      <c r="U2478" s="55"/>
      <c r="V2478" s="55"/>
      <c r="W2478" s="55"/>
      <c r="X2478" s="55"/>
      <c r="Y2478" s="55"/>
      <c r="Z2478" s="55"/>
      <c r="AA2478" s="55"/>
      <c r="AB2478" s="55"/>
      <c r="AC2478" s="55"/>
      <c r="AD2478" s="55"/>
      <c r="AE2478" s="55"/>
      <c r="AF2478" s="55"/>
      <c r="AG2478" s="55"/>
      <c r="AY2478" s="162"/>
      <c r="AZ2478" s="162"/>
      <c r="BA2478" s="162"/>
      <c r="BB2478" s="162"/>
      <c r="BC2478" s="162"/>
      <c r="BD2478" s="162"/>
      <c r="BE2478" s="162"/>
      <c r="BF2478" s="162"/>
      <c r="BG2478" s="162"/>
      <c r="BH2478" s="162"/>
      <c r="BI2478" s="162"/>
      <c r="BJ2478" s="162"/>
      <c r="BK2478" s="162"/>
      <c r="BL2478" s="162"/>
      <c r="BM2478" s="162"/>
      <c r="BN2478" s="162"/>
      <c r="BO2478" s="162"/>
      <c r="BP2478" s="162"/>
      <c r="BQ2478" s="162"/>
      <c r="BR2478" s="162"/>
      <c r="BS2478" s="162"/>
      <c r="BT2478" s="162"/>
      <c r="BU2478" s="162"/>
      <c r="BV2478" s="162"/>
      <c r="BW2478" s="162"/>
      <c r="BX2478" s="162"/>
      <c r="BY2478" s="162"/>
      <c r="BZ2478" s="162"/>
      <c r="CA2478" s="162"/>
      <c r="CB2478" s="162"/>
      <c r="CC2478" s="162"/>
      <c r="CD2478" s="162"/>
      <c r="CE2478" s="162"/>
      <c r="CF2478" s="162"/>
      <c r="CG2478" s="162"/>
      <c r="CH2478" s="162"/>
      <c r="CI2478" s="162"/>
      <c r="CJ2478" s="162"/>
      <c r="CK2478" s="162"/>
      <c r="CX2478" s="98"/>
      <c r="DL2478" s="97"/>
      <c r="DX2478" s="98"/>
      <c r="EL2478" s="97"/>
      <c r="EX2478" s="98"/>
      <c r="EY2478" s="97"/>
      <c r="FL2478" s="126"/>
      <c r="FM2478" s="91"/>
      <c r="FN2478" s="91"/>
      <c r="FO2478" s="91"/>
      <c r="FP2478" s="91"/>
      <c r="FQ2478" s="91"/>
      <c r="FR2478" s="91"/>
      <c r="FS2478" s="91"/>
      <c r="FT2478" s="91"/>
      <c r="FU2478" s="91"/>
      <c r="FV2478" s="91"/>
      <c r="FW2478" s="91"/>
      <c r="FX2478" s="91"/>
      <c r="FY2478" s="91"/>
      <c r="FZ2478" s="91"/>
      <c r="GA2478" s="91"/>
      <c r="GB2478" s="91"/>
      <c r="GC2478" s="91"/>
      <c r="GD2478" s="91"/>
      <c r="GE2478" s="91"/>
      <c r="GF2478" s="91"/>
      <c r="GG2478" s="91"/>
      <c r="GH2478" s="91"/>
      <c r="GI2478" s="91"/>
      <c r="GJ2478" s="91"/>
      <c r="GK2478" s="127"/>
      <c r="GL2478" s="126"/>
      <c r="GM2478" s="91"/>
      <c r="GN2478" s="91"/>
      <c r="GO2478" s="91"/>
      <c r="GP2478" s="91"/>
      <c r="GQ2478" s="91"/>
      <c r="GR2478" s="91"/>
      <c r="GS2478" s="91"/>
      <c r="GT2478" s="91"/>
      <c r="GU2478" s="91"/>
      <c r="GV2478" s="91"/>
      <c r="GW2478" s="91"/>
      <c r="GX2478" s="91"/>
      <c r="GY2478" s="91"/>
      <c r="GZ2478" s="91"/>
      <c r="HA2478" s="91"/>
      <c r="HB2478" s="91"/>
      <c r="HC2478" s="91"/>
      <c r="HD2478" s="91"/>
      <c r="HE2478" s="91"/>
      <c r="HF2478" s="91"/>
      <c r="HG2478" s="91"/>
      <c r="HH2478" s="91"/>
      <c r="HI2478" s="91"/>
      <c r="HJ2478" s="91"/>
      <c r="HK2478" s="127"/>
      <c r="HL2478" s="126"/>
      <c r="HM2478" s="91"/>
      <c r="HN2478" s="91"/>
      <c r="HO2478" s="91"/>
      <c r="HP2478" s="91"/>
      <c r="HQ2478" s="91"/>
      <c r="HR2478" s="91"/>
      <c r="HS2478" s="91"/>
      <c r="HT2478" s="91"/>
      <c r="HU2478" s="91"/>
      <c r="HV2478" s="91"/>
      <c r="HW2478" s="91"/>
      <c r="HX2478" s="91"/>
      <c r="HY2478" s="91"/>
      <c r="HZ2478" s="91"/>
      <c r="IA2478" s="91"/>
      <c r="IB2478" s="91"/>
      <c r="IC2478" s="91"/>
      <c r="ID2478" s="91"/>
      <c r="IE2478" s="91"/>
      <c r="IF2478" s="91"/>
      <c r="IG2478" s="91"/>
      <c r="IH2478" s="91"/>
      <c r="II2478" s="91"/>
      <c r="IJ2478" s="91"/>
      <c r="IK2478" s="127"/>
    </row>
    <row r="2479" spans="2:245" x14ac:dyDescent="0.2">
      <c r="B2479" s="43"/>
      <c r="C2479" s="73"/>
      <c r="D2479" s="64"/>
      <c r="E2479" s="64"/>
      <c r="F2479" s="55"/>
      <c r="G2479" s="102"/>
      <c r="H2479" s="55"/>
      <c r="I2479" s="55"/>
      <c r="J2479" s="55"/>
      <c r="K2479" s="55"/>
      <c r="L2479" s="55"/>
      <c r="M2479" s="55"/>
      <c r="N2479" s="55"/>
      <c r="O2479" s="55"/>
      <c r="P2479" s="55"/>
      <c r="Q2479" s="55"/>
      <c r="R2479" s="55"/>
      <c r="S2479" s="55"/>
      <c r="T2479" s="55"/>
      <c r="U2479" s="55"/>
      <c r="V2479" s="55"/>
      <c r="W2479" s="55"/>
      <c r="X2479" s="55"/>
      <c r="Y2479" s="55"/>
      <c r="Z2479" s="55"/>
      <c r="AA2479" s="55"/>
      <c r="AB2479" s="55"/>
      <c r="AC2479" s="55"/>
      <c r="AD2479" s="55"/>
      <c r="AE2479" s="55"/>
      <c r="AF2479" s="55"/>
      <c r="AG2479" s="55"/>
      <c r="AY2479" s="162"/>
      <c r="AZ2479" s="162"/>
      <c r="BA2479" s="162"/>
      <c r="BB2479" s="162"/>
      <c r="BC2479" s="162"/>
      <c r="BD2479" s="162"/>
      <c r="BE2479" s="162"/>
      <c r="BF2479" s="162"/>
      <c r="BG2479" s="162"/>
      <c r="BH2479" s="162"/>
      <c r="BI2479" s="162"/>
      <c r="BJ2479" s="162"/>
      <c r="BK2479" s="162"/>
      <c r="BL2479" s="162"/>
      <c r="BM2479" s="162"/>
      <c r="BN2479" s="162"/>
      <c r="BO2479" s="162"/>
      <c r="BP2479" s="162"/>
      <c r="BQ2479" s="162"/>
      <c r="BR2479" s="162"/>
      <c r="BS2479" s="162"/>
      <c r="BT2479" s="162"/>
      <c r="BU2479" s="162"/>
      <c r="BV2479" s="162"/>
      <c r="BW2479" s="162"/>
      <c r="BX2479" s="162"/>
      <c r="BY2479" s="162"/>
      <c r="BZ2479" s="162"/>
      <c r="CA2479" s="162"/>
      <c r="CB2479" s="162"/>
      <c r="CC2479" s="162"/>
      <c r="CD2479" s="162"/>
      <c r="CE2479" s="162"/>
      <c r="CF2479" s="162"/>
      <c r="CG2479" s="162"/>
      <c r="CH2479" s="162"/>
      <c r="CI2479" s="162"/>
      <c r="CJ2479" s="162"/>
      <c r="CK2479" s="162"/>
      <c r="CX2479" s="98"/>
      <c r="DL2479" s="97"/>
      <c r="DX2479" s="98"/>
      <c r="EL2479" s="97"/>
      <c r="EX2479" s="98"/>
      <c r="EY2479" s="97"/>
      <c r="FL2479" s="126"/>
      <c r="FM2479" s="91"/>
      <c r="FN2479" s="91"/>
      <c r="FO2479" s="91"/>
      <c r="FP2479" s="91"/>
      <c r="FQ2479" s="91"/>
      <c r="FR2479" s="91"/>
      <c r="FS2479" s="91"/>
      <c r="FT2479" s="91"/>
      <c r="FU2479" s="91"/>
      <c r="FV2479" s="91"/>
      <c r="FW2479" s="91"/>
      <c r="FX2479" s="91"/>
      <c r="FY2479" s="91"/>
      <c r="FZ2479" s="91"/>
      <c r="GA2479" s="91"/>
      <c r="GB2479" s="91"/>
      <c r="GC2479" s="91"/>
      <c r="GD2479" s="91"/>
      <c r="GE2479" s="91"/>
      <c r="GF2479" s="91"/>
      <c r="GG2479" s="91"/>
      <c r="GH2479" s="91"/>
      <c r="GI2479" s="91"/>
      <c r="GJ2479" s="91"/>
      <c r="GK2479" s="127"/>
      <c r="GL2479" s="126"/>
      <c r="GM2479" s="91"/>
      <c r="GN2479" s="91"/>
      <c r="GO2479" s="91"/>
      <c r="GP2479" s="91"/>
      <c r="GQ2479" s="91"/>
      <c r="GR2479" s="91"/>
      <c r="GS2479" s="91"/>
      <c r="GT2479" s="91"/>
      <c r="GU2479" s="91"/>
      <c r="GV2479" s="91"/>
      <c r="GW2479" s="91"/>
      <c r="GX2479" s="91"/>
      <c r="GY2479" s="91"/>
      <c r="GZ2479" s="91"/>
      <c r="HA2479" s="91"/>
      <c r="HB2479" s="91"/>
      <c r="HC2479" s="91"/>
      <c r="HD2479" s="91"/>
      <c r="HE2479" s="91"/>
      <c r="HF2479" s="91"/>
      <c r="HG2479" s="91"/>
      <c r="HH2479" s="91"/>
      <c r="HI2479" s="91"/>
      <c r="HJ2479" s="91"/>
      <c r="HK2479" s="127"/>
      <c r="HL2479" s="126"/>
      <c r="HM2479" s="91"/>
      <c r="HN2479" s="91"/>
      <c r="HO2479" s="91"/>
      <c r="HP2479" s="91"/>
      <c r="HQ2479" s="91"/>
      <c r="HR2479" s="91"/>
      <c r="HS2479" s="91"/>
      <c r="HT2479" s="91"/>
      <c r="HU2479" s="91"/>
      <c r="HV2479" s="91"/>
      <c r="HW2479" s="91"/>
      <c r="HX2479" s="91"/>
      <c r="HY2479" s="91"/>
      <c r="HZ2479" s="91"/>
      <c r="IA2479" s="91"/>
      <c r="IB2479" s="91"/>
      <c r="IC2479" s="91"/>
      <c r="ID2479" s="91"/>
      <c r="IE2479" s="91"/>
      <c r="IF2479" s="91"/>
      <c r="IG2479" s="91"/>
      <c r="IH2479" s="91"/>
      <c r="II2479" s="91"/>
      <c r="IJ2479" s="91"/>
      <c r="IK2479" s="127"/>
    </row>
    <row r="2480" spans="2:245" x14ac:dyDescent="0.2">
      <c r="B2480" s="43"/>
      <c r="C2480" s="73"/>
      <c r="D2480" s="64"/>
      <c r="E2480" s="64"/>
      <c r="F2480" s="55"/>
      <c r="G2480" s="102"/>
      <c r="H2480" s="55"/>
      <c r="I2480" s="55"/>
      <c r="J2480" s="55"/>
      <c r="K2480" s="55"/>
      <c r="L2480" s="55"/>
      <c r="M2480" s="55"/>
      <c r="N2480" s="55"/>
      <c r="O2480" s="55"/>
      <c r="P2480" s="55"/>
      <c r="Q2480" s="55"/>
      <c r="R2480" s="55"/>
      <c r="S2480" s="55"/>
      <c r="T2480" s="55"/>
      <c r="U2480" s="55"/>
      <c r="V2480" s="55"/>
      <c r="W2480" s="55"/>
      <c r="X2480" s="55"/>
      <c r="Y2480" s="55"/>
      <c r="Z2480" s="55"/>
      <c r="AA2480" s="55"/>
      <c r="AB2480" s="55"/>
      <c r="AC2480" s="55"/>
      <c r="AD2480" s="55"/>
      <c r="AE2480" s="55"/>
      <c r="AF2480" s="55"/>
      <c r="AG2480" s="55"/>
      <c r="AY2480" s="162"/>
      <c r="AZ2480" s="162"/>
      <c r="BA2480" s="162"/>
      <c r="BB2480" s="162"/>
      <c r="BC2480" s="162"/>
      <c r="BD2480" s="162"/>
      <c r="BE2480" s="162"/>
      <c r="BF2480" s="162"/>
      <c r="BG2480" s="162"/>
      <c r="BH2480" s="162"/>
      <c r="BI2480" s="162"/>
      <c r="BJ2480" s="162"/>
      <c r="BK2480" s="162"/>
      <c r="BL2480" s="162"/>
      <c r="BM2480" s="162"/>
      <c r="BN2480" s="162"/>
      <c r="BO2480" s="162"/>
      <c r="BP2480" s="162"/>
      <c r="BQ2480" s="162"/>
      <c r="BR2480" s="162"/>
      <c r="BS2480" s="162"/>
      <c r="BT2480" s="162"/>
      <c r="BU2480" s="162"/>
      <c r="BV2480" s="162"/>
      <c r="BW2480" s="162"/>
      <c r="BX2480" s="162"/>
      <c r="BY2480" s="162"/>
      <c r="BZ2480" s="162"/>
      <c r="CA2480" s="162"/>
      <c r="CB2480" s="162"/>
      <c r="CC2480" s="162"/>
      <c r="CD2480" s="162"/>
      <c r="CE2480" s="162"/>
      <c r="CF2480" s="162"/>
      <c r="CG2480" s="162"/>
      <c r="CH2480" s="162"/>
      <c r="CI2480" s="162"/>
      <c r="CJ2480" s="162"/>
      <c r="CK2480" s="162"/>
      <c r="CX2480" s="98"/>
      <c r="DL2480" s="97"/>
      <c r="DX2480" s="98"/>
      <c r="EL2480" s="97"/>
      <c r="EX2480" s="98"/>
      <c r="EY2480" s="97"/>
      <c r="FL2480" s="126"/>
      <c r="FM2480" s="91"/>
      <c r="FN2480" s="91"/>
      <c r="FO2480" s="91"/>
      <c r="FP2480" s="91"/>
      <c r="FQ2480" s="91"/>
      <c r="FR2480" s="91"/>
      <c r="FS2480" s="91"/>
      <c r="FT2480" s="91"/>
      <c r="FU2480" s="91"/>
      <c r="FV2480" s="91"/>
      <c r="FW2480" s="91"/>
      <c r="FX2480" s="91"/>
      <c r="FY2480" s="91"/>
      <c r="FZ2480" s="91"/>
      <c r="GA2480" s="91"/>
      <c r="GB2480" s="91"/>
      <c r="GC2480" s="91"/>
      <c r="GD2480" s="91"/>
      <c r="GE2480" s="91"/>
      <c r="GF2480" s="91"/>
      <c r="GG2480" s="91"/>
      <c r="GH2480" s="91"/>
      <c r="GI2480" s="91"/>
      <c r="GJ2480" s="91"/>
      <c r="GK2480" s="127"/>
      <c r="GL2480" s="126"/>
      <c r="GM2480" s="91"/>
      <c r="GN2480" s="91"/>
      <c r="GO2480" s="91"/>
      <c r="GP2480" s="91"/>
      <c r="GQ2480" s="91"/>
      <c r="GR2480" s="91"/>
      <c r="GS2480" s="91"/>
      <c r="GT2480" s="91"/>
      <c r="GU2480" s="91"/>
      <c r="GV2480" s="91"/>
      <c r="GW2480" s="91"/>
      <c r="GX2480" s="91"/>
      <c r="GY2480" s="91"/>
      <c r="GZ2480" s="91"/>
      <c r="HA2480" s="91"/>
      <c r="HB2480" s="91"/>
      <c r="HC2480" s="91"/>
      <c r="HD2480" s="91"/>
      <c r="HE2480" s="91"/>
      <c r="HF2480" s="91"/>
      <c r="HG2480" s="91"/>
      <c r="HH2480" s="91"/>
      <c r="HI2480" s="91"/>
      <c r="HJ2480" s="91"/>
      <c r="HK2480" s="127"/>
      <c r="HL2480" s="126"/>
      <c r="HM2480" s="91"/>
      <c r="HN2480" s="91"/>
      <c r="HO2480" s="91"/>
      <c r="HP2480" s="91"/>
      <c r="HQ2480" s="91"/>
      <c r="HR2480" s="91"/>
      <c r="HS2480" s="91"/>
      <c r="HT2480" s="91"/>
      <c r="HU2480" s="91"/>
      <c r="HV2480" s="91"/>
      <c r="HW2480" s="91"/>
      <c r="HX2480" s="91"/>
      <c r="HY2480" s="91"/>
      <c r="HZ2480" s="91"/>
      <c r="IA2480" s="91"/>
      <c r="IB2480" s="91"/>
      <c r="IC2480" s="91"/>
      <c r="ID2480" s="91"/>
      <c r="IE2480" s="91"/>
      <c r="IF2480" s="91"/>
      <c r="IG2480" s="91"/>
      <c r="IH2480" s="91"/>
      <c r="II2480" s="91"/>
      <c r="IJ2480" s="91"/>
      <c r="IK2480" s="127"/>
    </row>
    <row r="2481" spans="2:245" x14ac:dyDescent="0.2">
      <c r="B2481" s="43"/>
      <c r="C2481" s="73"/>
      <c r="D2481" s="64"/>
      <c r="E2481" s="64"/>
      <c r="F2481" s="55"/>
      <c r="G2481" s="102"/>
      <c r="H2481" s="55"/>
      <c r="I2481" s="55"/>
      <c r="J2481" s="55"/>
      <c r="K2481" s="55"/>
      <c r="L2481" s="55"/>
      <c r="M2481" s="55"/>
      <c r="N2481" s="55"/>
      <c r="O2481" s="55"/>
      <c r="P2481" s="55"/>
      <c r="Q2481" s="55"/>
      <c r="R2481" s="55"/>
      <c r="S2481" s="55"/>
      <c r="T2481" s="55"/>
      <c r="U2481" s="55"/>
      <c r="V2481" s="55"/>
      <c r="W2481" s="55"/>
      <c r="X2481" s="55"/>
      <c r="Y2481" s="55"/>
      <c r="Z2481" s="55"/>
      <c r="AA2481" s="55"/>
      <c r="AB2481" s="55"/>
      <c r="AC2481" s="55"/>
      <c r="AD2481" s="55"/>
      <c r="AE2481" s="55"/>
      <c r="AF2481" s="55"/>
      <c r="AG2481" s="55"/>
      <c r="AY2481" s="162"/>
      <c r="AZ2481" s="162"/>
      <c r="BA2481" s="162"/>
      <c r="BB2481" s="162"/>
      <c r="BC2481" s="162"/>
      <c r="BD2481" s="162"/>
      <c r="BE2481" s="162"/>
      <c r="BF2481" s="162"/>
      <c r="BG2481" s="162"/>
      <c r="BH2481" s="162"/>
      <c r="BI2481" s="162"/>
      <c r="BJ2481" s="162"/>
      <c r="BK2481" s="162"/>
      <c r="BL2481" s="162"/>
      <c r="BM2481" s="162"/>
      <c r="BN2481" s="162"/>
      <c r="BO2481" s="162"/>
      <c r="BP2481" s="162"/>
      <c r="BQ2481" s="162"/>
      <c r="BR2481" s="162"/>
      <c r="BS2481" s="162"/>
      <c r="BT2481" s="162"/>
      <c r="BU2481" s="162"/>
      <c r="BV2481" s="162"/>
      <c r="BW2481" s="162"/>
      <c r="BX2481" s="162"/>
      <c r="BY2481" s="162"/>
      <c r="BZ2481" s="162"/>
      <c r="CA2481" s="162"/>
      <c r="CB2481" s="162"/>
      <c r="CC2481" s="162"/>
      <c r="CD2481" s="162"/>
      <c r="CE2481" s="162"/>
      <c r="CF2481" s="162"/>
      <c r="CG2481" s="162"/>
      <c r="CH2481" s="162"/>
      <c r="CI2481" s="162"/>
      <c r="CJ2481" s="162"/>
      <c r="CK2481" s="162"/>
      <c r="CX2481" s="98"/>
      <c r="DL2481" s="97"/>
      <c r="DX2481" s="98"/>
      <c r="EL2481" s="97"/>
      <c r="EX2481" s="98"/>
      <c r="EY2481" s="97"/>
      <c r="FL2481" s="126"/>
      <c r="FM2481" s="91"/>
      <c r="FN2481" s="91"/>
      <c r="FO2481" s="91"/>
      <c r="FP2481" s="91"/>
      <c r="FQ2481" s="91"/>
      <c r="FR2481" s="91"/>
      <c r="FS2481" s="91"/>
      <c r="FT2481" s="91"/>
      <c r="FU2481" s="91"/>
      <c r="FV2481" s="91"/>
      <c r="FW2481" s="91"/>
      <c r="FX2481" s="91"/>
      <c r="FY2481" s="91"/>
      <c r="FZ2481" s="91"/>
      <c r="GA2481" s="91"/>
      <c r="GB2481" s="91"/>
      <c r="GC2481" s="91"/>
      <c r="GD2481" s="91"/>
      <c r="GE2481" s="91"/>
      <c r="GF2481" s="91"/>
      <c r="GG2481" s="91"/>
      <c r="GH2481" s="91"/>
      <c r="GI2481" s="91"/>
      <c r="GJ2481" s="91"/>
      <c r="GK2481" s="127"/>
      <c r="GL2481" s="126"/>
      <c r="GM2481" s="91"/>
      <c r="GN2481" s="91"/>
      <c r="GO2481" s="91"/>
      <c r="GP2481" s="91"/>
      <c r="GQ2481" s="91"/>
      <c r="GR2481" s="91"/>
      <c r="GS2481" s="91"/>
      <c r="GT2481" s="91"/>
      <c r="GU2481" s="91"/>
      <c r="GV2481" s="91"/>
      <c r="GW2481" s="91"/>
      <c r="GX2481" s="91"/>
      <c r="GY2481" s="91"/>
      <c r="GZ2481" s="91"/>
      <c r="HA2481" s="91"/>
      <c r="HB2481" s="91"/>
      <c r="HC2481" s="91"/>
      <c r="HD2481" s="91"/>
      <c r="HE2481" s="91"/>
      <c r="HF2481" s="91"/>
      <c r="HG2481" s="91"/>
      <c r="HH2481" s="91"/>
      <c r="HI2481" s="91"/>
      <c r="HJ2481" s="91"/>
      <c r="HK2481" s="127"/>
      <c r="HL2481" s="126"/>
      <c r="HM2481" s="91"/>
      <c r="HN2481" s="91"/>
      <c r="HO2481" s="91"/>
      <c r="HP2481" s="91"/>
      <c r="HQ2481" s="91"/>
      <c r="HR2481" s="91"/>
      <c r="HS2481" s="91"/>
      <c r="HT2481" s="91"/>
      <c r="HU2481" s="91"/>
      <c r="HV2481" s="91"/>
      <c r="HW2481" s="91"/>
      <c r="HX2481" s="91"/>
      <c r="HY2481" s="91"/>
      <c r="HZ2481" s="91"/>
      <c r="IA2481" s="91"/>
      <c r="IB2481" s="91"/>
      <c r="IC2481" s="91"/>
      <c r="ID2481" s="91"/>
      <c r="IE2481" s="91"/>
      <c r="IF2481" s="91"/>
      <c r="IG2481" s="91"/>
      <c r="IH2481" s="91"/>
      <c r="II2481" s="91"/>
      <c r="IJ2481" s="91"/>
      <c r="IK2481" s="127"/>
    </row>
    <row r="2482" spans="2:245" x14ac:dyDescent="0.2">
      <c r="B2482" s="43"/>
      <c r="C2482" s="73"/>
      <c r="D2482" s="64"/>
      <c r="E2482" s="64"/>
      <c r="F2482" s="55"/>
      <c r="G2482" s="102"/>
      <c r="H2482" s="55"/>
      <c r="I2482" s="55"/>
      <c r="J2482" s="55"/>
      <c r="K2482" s="55"/>
      <c r="L2482" s="55"/>
      <c r="M2482" s="55"/>
      <c r="N2482" s="55"/>
      <c r="O2482" s="55"/>
      <c r="P2482" s="55"/>
      <c r="Q2482" s="55"/>
      <c r="R2482" s="55"/>
      <c r="S2482" s="55"/>
      <c r="T2482" s="55"/>
      <c r="U2482" s="55"/>
      <c r="V2482" s="55"/>
      <c r="W2482" s="55"/>
      <c r="X2482" s="55"/>
      <c r="Y2482" s="55"/>
      <c r="Z2482" s="55"/>
      <c r="AA2482" s="55"/>
      <c r="AB2482" s="55"/>
      <c r="AC2482" s="55"/>
      <c r="AD2482" s="55"/>
      <c r="AE2482" s="55"/>
      <c r="AF2482" s="55"/>
      <c r="AG2482" s="55"/>
      <c r="AY2482" s="162"/>
      <c r="AZ2482" s="162"/>
      <c r="BA2482" s="162"/>
      <c r="BB2482" s="162"/>
      <c r="BC2482" s="162"/>
      <c r="BD2482" s="162"/>
      <c r="BE2482" s="162"/>
      <c r="BF2482" s="162"/>
      <c r="BG2482" s="162"/>
      <c r="BH2482" s="162"/>
      <c r="BI2482" s="162"/>
      <c r="BJ2482" s="162"/>
      <c r="BK2482" s="162"/>
      <c r="BL2482" s="162"/>
      <c r="BM2482" s="162"/>
      <c r="BN2482" s="162"/>
      <c r="BO2482" s="162"/>
      <c r="BP2482" s="162"/>
      <c r="BQ2482" s="162"/>
      <c r="BR2482" s="162"/>
      <c r="BS2482" s="162"/>
      <c r="BT2482" s="162"/>
      <c r="BU2482" s="162"/>
      <c r="BV2482" s="162"/>
      <c r="BW2482" s="162"/>
      <c r="BX2482" s="162"/>
      <c r="BY2482" s="162"/>
      <c r="BZ2482" s="162"/>
      <c r="CA2482" s="162"/>
      <c r="CB2482" s="162"/>
      <c r="CC2482" s="162"/>
      <c r="CD2482" s="162"/>
      <c r="CE2482" s="162"/>
      <c r="CF2482" s="162"/>
      <c r="CG2482" s="162"/>
      <c r="CH2482" s="162"/>
      <c r="CI2482" s="162"/>
      <c r="CJ2482" s="162"/>
      <c r="CK2482" s="162"/>
      <c r="CX2482" s="98"/>
      <c r="DL2482" s="97"/>
      <c r="DX2482" s="98"/>
      <c r="EL2482" s="97"/>
      <c r="EX2482" s="98"/>
      <c r="EY2482" s="97"/>
      <c r="FL2482" s="126"/>
      <c r="FM2482" s="91"/>
      <c r="FN2482" s="91"/>
      <c r="FO2482" s="91"/>
      <c r="FP2482" s="91"/>
      <c r="FQ2482" s="91"/>
      <c r="FR2482" s="91"/>
      <c r="FS2482" s="91"/>
      <c r="FT2482" s="91"/>
      <c r="FU2482" s="91"/>
      <c r="FV2482" s="91"/>
      <c r="FW2482" s="91"/>
      <c r="FX2482" s="91"/>
      <c r="FY2482" s="91"/>
      <c r="FZ2482" s="91"/>
      <c r="GA2482" s="91"/>
      <c r="GB2482" s="91"/>
      <c r="GC2482" s="91"/>
      <c r="GD2482" s="91"/>
      <c r="GE2482" s="91"/>
      <c r="GF2482" s="91"/>
      <c r="GG2482" s="91"/>
      <c r="GH2482" s="91"/>
      <c r="GI2482" s="91"/>
      <c r="GJ2482" s="91"/>
      <c r="GK2482" s="127"/>
      <c r="GL2482" s="126"/>
      <c r="GM2482" s="91"/>
      <c r="GN2482" s="91"/>
      <c r="GO2482" s="91"/>
      <c r="GP2482" s="91"/>
      <c r="GQ2482" s="91"/>
      <c r="GR2482" s="91"/>
      <c r="GS2482" s="91"/>
      <c r="GT2482" s="91"/>
      <c r="GU2482" s="91"/>
      <c r="GV2482" s="91"/>
      <c r="GW2482" s="91"/>
      <c r="GX2482" s="91"/>
      <c r="GY2482" s="91"/>
      <c r="GZ2482" s="91"/>
      <c r="HA2482" s="91"/>
      <c r="HB2482" s="91"/>
      <c r="HC2482" s="91"/>
      <c r="HD2482" s="91"/>
      <c r="HE2482" s="91"/>
      <c r="HF2482" s="91"/>
      <c r="HG2482" s="91"/>
      <c r="HH2482" s="91"/>
      <c r="HI2482" s="91"/>
      <c r="HJ2482" s="91"/>
      <c r="HK2482" s="127"/>
      <c r="HL2482" s="126"/>
      <c r="HM2482" s="91"/>
      <c r="HN2482" s="91"/>
      <c r="HO2482" s="91"/>
      <c r="HP2482" s="91"/>
      <c r="HQ2482" s="91"/>
      <c r="HR2482" s="91"/>
      <c r="HS2482" s="91"/>
      <c r="HT2482" s="91"/>
      <c r="HU2482" s="91"/>
      <c r="HV2482" s="91"/>
      <c r="HW2482" s="91"/>
      <c r="HX2482" s="91"/>
      <c r="HY2482" s="91"/>
      <c r="HZ2482" s="91"/>
      <c r="IA2482" s="91"/>
      <c r="IB2482" s="91"/>
      <c r="IC2482" s="91"/>
      <c r="ID2482" s="91"/>
      <c r="IE2482" s="91"/>
      <c r="IF2482" s="91"/>
      <c r="IG2482" s="91"/>
      <c r="IH2482" s="91"/>
      <c r="II2482" s="91"/>
      <c r="IJ2482" s="91"/>
      <c r="IK2482" s="127"/>
    </row>
    <row r="2483" spans="2:245" x14ac:dyDescent="0.2">
      <c r="B2483" s="43"/>
      <c r="C2483" s="73"/>
      <c r="D2483" s="64"/>
      <c r="E2483" s="64"/>
      <c r="F2483" s="55"/>
      <c r="G2483" s="102"/>
      <c r="H2483" s="55"/>
      <c r="I2483" s="55"/>
      <c r="J2483" s="55"/>
      <c r="K2483" s="55"/>
      <c r="L2483" s="55"/>
      <c r="M2483" s="55"/>
      <c r="N2483" s="55"/>
      <c r="O2483" s="55"/>
      <c r="P2483" s="55"/>
      <c r="Q2483" s="55"/>
      <c r="R2483" s="55"/>
      <c r="S2483" s="55"/>
      <c r="T2483" s="55"/>
      <c r="U2483" s="55"/>
      <c r="V2483" s="55"/>
      <c r="W2483" s="55"/>
      <c r="X2483" s="55"/>
      <c r="Y2483" s="55"/>
      <c r="Z2483" s="55"/>
      <c r="AA2483" s="55"/>
      <c r="AB2483" s="55"/>
      <c r="AC2483" s="55"/>
      <c r="AD2483" s="55"/>
      <c r="AE2483" s="55"/>
      <c r="AF2483" s="55"/>
      <c r="AG2483" s="55"/>
      <c r="AY2483" s="162"/>
      <c r="AZ2483" s="162"/>
      <c r="BA2483" s="162"/>
      <c r="BB2483" s="162"/>
      <c r="BC2483" s="162"/>
      <c r="BD2483" s="162"/>
      <c r="BE2483" s="162"/>
      <c r="BF2483" s="162"/>
      <c r="BG2483" s="162"/>
      <c r="BH2483" s="162"/>
      <c r="BI2483" s="162"/>
      <c r="BJ2483" s="162"/>
      <c r="BK2483" s="162"/>
      <c r="BL2483" s="162"/>
      <c r="BM2483" s="162"/>
      <c r="BN2483" s="162"/>
      <c r="BO2483" s="162"/>
      <c r="BP2483" s="162"/>
      <c r="BQ2483" s="162"/>
      <c r="BR2483" s="162"/>
      <c r="BS2483" s="162"/>
      <c r="BT2483" s="162"/>
      <c r="BU2483" s="162"/>
      <c r="BV2483" s="162"/>
      <c r="BW2483" s="162"/>
      <c r="BX2483" s="162"/>
      <c r="BY2483" s="162"/>
      <c r="BZ2483" s="162"/>
      <c r="CA2483" s="162"/>
      <c r="CB2483" s="162"/>
      <c r="CC2483" s="162"/>
      <c r="CD2483" s="162"/>
      <c r="CE2483" s="162"/>
      <c r="CF2483" s="162"/>
      <c r="CG2483" s="162"/>
      <c r="CH2483" s="162"/>
      <c r="CI2483" s="162"/>
      <c r="CJ2483" s="162"/>
      <c r="CK2483" s="162"/>
      <c r="CX2483" s="98"/>
      <c r="DL2483" s="97"/>
      <c r="DX2483" s="98"/>
      <c r="EL2483" s="97"/>
      <c r="EX2483" s="98"/>
      <c r="EY2483" s="97"/>
      <c r="FL2483" s="126"/>
      <c r="FM2483" s="91"/>
      <c r="FN2483" s="91"/>
      <c r="FO2483" s="91"/>
      <c r="FP2483" s="91"/>
      <c r="FQ2483" s="91"/>
      <c r="FR2483" s="91"/>
      <c r="FS2483" s="91"/>
      <c r="FT2483" s="91"/>
      <c r="FU2483" s="91"/>
      <c r="FV2483" s="91"/>
      <c r="FW2483" s="91"/>
      <c r="FX2483" s="91"/>
      <c r="FY2483" s="91"/>
      <c r="FZ2483" s="91"/>
      <c r="GA2483" s="91"/>
      <c r="GB2483" s="91"/>
      <c r="GC2483" s="91"/>
      <c r="GD2483" s="91"/>
      <c r="GE2483" s="91"/>
      <c r="GF2483" s="91"/>
      <c r="GG2483" s="91"/>
      <c r="GH2483" s="91"/>
      <c r="GI2483" s="91"/>
      <c r="GJ2483" s="91"/>
      <c r="GK2483" s="127"/>
      <c r="GL2483" s="126"/>
      <c r="GM2483" s="91"/>
      <c r="GN2483" s="91"/>
      <c r="GO2483" s="91"/>
      <c r="GP2483" s="91"/>
      <c r="GQ2483" s="91"/>
      <c r="GR2483" s="91"/>
      <c r="GS2483" s="91"/>
      <c r="GT2483" s="91"/>
      <c r="GU2483" s="91"/>
      <c r="GV2483" s="91"/>
      <c r="GW2483" s="91"/>
      <c r="GX2483" s="91"/>
      <c r="GY2483" s="91"/>
      <c r="GZ2483" s="91"/>
      <c r="HA2483" s="91"/>
      <c r="HB2483" s="91"/>
      <c r="HC2483" s="91"/>
      <c r="HD2483" s="91"/>
      <c r="HE2483" s="91"/>
      <c r="HF2483" s="91"/>
      <c r="HG2483" s="91"/>
      <c r="HH2483" s="91"/>
      <c r="HI2483" s="91"/>
      <c r="HJ2483" s="91"/>
      <c r="HK2483" s="127"/>
      <c r="HL2483" s="126"/>
      <c r="HM2483" s="91"/>
      <c r="HN2483" s="91"/>
      <c r="HO2483" s="91"/>
      <c r="HP2483" s="91"/>
      <c r="HQ2483" s="91"/>
      <c r="HR2483" s="91"/>
      <c r="HS2483" s="91"/>
      <c r="HT2483" s="91"/>
      <c r="HU2483" s="91"/>
      <c r="HV2483" s="91"/>
      <c r="HW2483" s="91"/>
      <c r="HX2483" s="91"/>
      <c r="HY2483" s="91"/>
      <c r="HZ2483" s="91"/>
      <c r="IA2483" s="91"/>
      <c r="IB2483" s="91"/>
      <c r="IC2483" s="91"/>
      <c r="ID2483" s="91"/>
      <c r="IE2483" s="91"/>
      <c r="IF2483" s="91"/>
      <c r="IG2483" s="91"/>
      <c r="IH2483" s="91"/>
      <c r="II2483" s="91"/>
      <c r="IJ2483" s="91"/>
      <c r="IK2483" s="127"/>
    </row>
    <row r="2484" spans="2:245" x14ac:dyDescent="0.2">
      <c r="B2484" s="43"/>
      <c r="C2484" s="73"/>
      <c r="D2484" s="64"/>
      <c r="E2484" s="64"/>
      <c r="F2484" s="55"/>
      <c r="G2484" s="102"/>
      <c r="H2484" s="55"/>
      <c r="I2484" s="55"/>
      <c r="J2484" s="55"/>
      <c r="K2484" s="55"/>
      <c r="L2484" s="55"/>
      <c r="M2484" s="55"/>
      <c r="N2484" s="55"/>
      <c r="O2484" s="55"/>
      <c r="P2484" s="55"/>
      <c r="Q2484" s="55"/>
      <c r="R2484" s="55"/>
      <c r="S2484" s="55"/>
      <c r="T2484" s="55"/>
      <c r="U2484" s="55"/>
      <c r="V2484" s="55"/>
      <c r="W2484" s="55"/>
      <c r="X2484" s="55"/>
      <c r="Y2484" s="55"/>
      <c r="Z2484" s="55"/>
      <c r="AA2484" s="55"/>
      <c r="AB2484" s="55"/>
      <c r="AC2484" s="55"/>
      <c r="AD2484" s="55"/>
      <c r="AE2484" s="55"/>
      <c r="AF2484" s="55"/>
      <c r="AG2484" s="55"/>
      <c r="AY2484" s="162"/>
      <c r="AZ2484" s="162"/>
      <c r="BA2484" s="162"/>
      <c r="BB2484" s="162"/>
      <c r="BC2484" s="162"/>
      <c r="BD2484" s="162"/>
      <c r="BE2484" s="162"/>
      <c r="BF2484" s="162"/>
      <c r="BG2484" s="162"/>
      <c r="BH2484" s="162"/>
      <c r="BI2484" s="162"/>
      <c r="BJ2484" s="162"/>
      <c r="BK2484" s="162"/>
      <c r="BL2484" s="162"/>
      <c r="BM2484" s="162"/>
      <c r="BN2484" s="162"/>
      <c r="BO2484" s="162"/>
      <c r="BP2484" s="162"/>
      <c r="BQ2484" s="162"/>
      <c r="BR2484" s="162"/>
      <c r="BS2484" s="162"/>
      <c r="BT2484" s="162"/>
      <c r="BU2484" s="162"/>
      <c r="BV2484" s="162"/>
      <c r="BW2484" s="162"/>
      <c r="BX2484" s="162"/>
      <c r="BY2484" s="162"/>
      <c r="BZ2484" s="162"/>
      <c r="CA2484" s="162"/>
      <c r="CB2484" s="162"/>
      <c r="CC2484" s="162"/>
      <c r="CD2484" s="162"/>
      <c r="CE2484" s="162"/>
      <c r="CF2484" s="162"/>
      <c r="CG2484" s="162"/>
      <c r="CH2484" s="162"/>
      <c r="CI2484" s="162"/>
      <c r="CJ2484" s="162"/>
      <c r="CK2484" s="162"/>
      <c r="CX2484" s="98"/>
      <c r="DL2484" s="97"/>
      <c r="DX2484" s="98"/>
      <c r="EL2484" s="97"/>
      <c r="EX2484" s="98"/>
      <c r="EY2484" s="97"/>
      <c r="FL2484" s="126"/>
      <c r="FM2484" s="91"/>
      <c r="FN2484" s="91"/>
      <c r="FO2484" s="91"/>
      <c r="FP2484" s="91"/>
      <c r="FQ2484" s="91"/>
      <c r="FR2484" s="91"/>
      <c r="FS2484" s="91"/>
      <c r="FT2484" s="91"/>
      <c r="FU2484" s="91"/>
      <c r="FV2484" s="91"/>
      <c r="FW2484" s="91"/>
      <c r="FX2484" s="91"/>
      <c r="FY2484" s="91"/>
      <c r="FZ2484" s="91"/>
      <c r="GA2484" s="91"/>
      <c r="GB2484" s="91"/>
      <c r="GC2484" s="91"/>
      <c r="GD2484" s="91"/>
      <c r="GE2484" s="91"/>
      <c r="GF2484" s="91"/>
      <c r="GG2484" s="91"/>
      <c r="GH2484" s="91"/>
      <c r="GI2484" s="91"/>
      <c r="GJ2484" s="91"/>
      <c r="GK2484" s="127"/>
      <c r="GL2484" s="126"/>
      <c r="GM2484" s="91"/>
      <c r="GN2484" s="91"/>
      <c r="GO2484" s="91"/>
      <c r="GP2484" s="91"/>
      <c r="GQ2484" s="91"/>
      <c r="GR2484" s="91"/>
      <c r="GS2484" s="91"/>
      <c r="GT2484" s="91"/>
      <c r="GU2484" s="91"/>
      <c r="GV2484" s="91"/>
      <c r="GW2484" s="91"/>
      <c r="GX2484" s="91"/>
      <c r="GY2484" s="91"/>
      <c r="GZ2484" s="91"/>
      <c r="HA2484" s="91"/>
      <c r="HB2484" s="91"/>
      <c r="HC2484" s="91"/>
      <c r="HD2484" s="91"/>
      <c r="HE2484" s="91"/>
      <c r="HF2484" s="91"/>
      <c r="HG2484" s="91"/>
      <c r="HH2484" s="91"/>
      <c r="HI2484" s="91"/>
      <c r="HJ2484" s="91"/>
      <c r="HK2484" s="127"/>
      <c r="HL2484" s="126"/>
      <c r="HM2484" s="91"/>
      <c r="HN2484" s="91"/>
      <c r="HO2484" s="91"/>
      <c r="HP2484" s="91"/>
      <c r="HQ2484" s="91"/>
      <c r="HR2484" s="91"/>
      <c r="HS2484" s="91"/>
      <c r="HT2484" s="91"/>
      <c r="HU2484" s="91"/>
      <c r="HV2484" s="91"/>
      <c r="HW2484" s="91"/>
      <c r="HX2484" s="91"/>
      <c r="HY2484" s="91"/>
      <c r="HZ2484" s="91"/>
      <c r="IA2484" s="91"/>
      <c r="IB2484" s="91"/>
      <c r="IC2484" s="91"/>
      <c r="ID2484" s="91"/>
      <c r="IE2484" s="91"/>
      <c r="IF2484" s="91"/>
      <c r="IG2484" s="91"/>
      <c r="IH2484" s="91"/>
      <c r="II2484" s="91"/>
      <c r="IJ2484" s="91"/>
      <c r="IK2484" s="127"/>
    </row>
    <row r="2485" spans="2:245" x14ac:dyDescent="0.2">
      <c r="B2485" s="43"/>
      <c r="C2485" s="73"/>
      <c r="D2485" s="64"/>
      <c r="E2485" s="64"/>
      <c r="F2485" s="55"/>
      <c r="G2485" s="102"/>
      <c r="H2485" s="55"/>
      <c r="I2485" s="55"/>
      <c r="J2485" s="55"/>
      <c r="K2485" s="55"/>
      <c r="L2485" s="55"/>
      <c r="M2485" s="55"/>
      <c r="N2485" s="55"/>
      <c r="O2485" s="55"/>
      <c r="P2485" s="55"/>
      <c r="Q2485" s="55"/>
      <c r="R2485" s="55"/>
      <c r="S2485" s="55"/>
      <c r="T2485" s="55"/>
      <c r="U2485" s="55"/>
      <c r="V2485" s="55"/>
      <c r="W2485" s="55"/>
      <c r="X2485" s="55"/>
      <c r="Y2485" s="55"/>
      <c r="Z2485" s="55"/>
      <c r="AA2485" s="55"/>
      <c r="AB2485" s="55"/>
      <c r="AC2485" s="55"/>
      <c r="AD2485" s="55"/>
      <c r="AE2485" s="55"/>
      <c r="AF2485" s="55"/>
      <c r="AG2485" s="55"/>
      <c r="AY2485" s="162"/>
      <c r="AZ2485" s="162"/>
      <c r="BA2485" s="162"/>
      <c r="BB2485" s="162"/>
      <c r="BC2485" s="162"/>
      <c r="BD2485" s="162"/>
      <c r="BE2485" s="162"/>
      <c r="BF2485" s="162"/>
      <c r="BG2485" s="162"/>
      <c r="BH2485" s="162"/>
      <c r="BI2485" s="162"/>
      <c r="BJ2485" s="162"/>
      <c r="BK2485" s="162"/>
      <c r="BL2485" s="162"/>
      <c r="BM2485" s="162"/>
      <c r="BN2485" s="162"/>
      <c r="BO2485" s="162"/>
      <c r="BP2485" s="162"/>
      <c r="BQ2485" s="162"/>
      <c r="BR2485" s="162"/>
      <c r="BS2485" s="162"/>
      <c r="BT2485" s="162"/>
      <c r="BU2485" s="162"/>
      <c r="BV2485" s="162"/>
      <c r="BW2485" s="162"/>
      <c r="BX2485" s="162"/>
      <c r="BY2485" s="162"/>
      <c r="BZ2485" s="162"/>
      <c r="CA2485" s="162"/>
      <c r="CB2485" s="162"/>
      <c r="CC2485" s="162"/>
      <c r="CD2485" s="162"/>
      <c r="CE2485" s="162"/>
      <c r="CF2485" s="162"/>
      <c r="CG2485" s="162"/>
      <c r="CH2485" s="162"/>
      <c r="CI2485" s="162"/>
      <c r="CJ2485" s="162"/>
      <c r="CK2485" s="162"/>
      <c r="CX2485" s="98"/>
      <c r="DL2485" s="97"/>
      <c r="DX2485" s="98"/>
      <c r="EL2485" s="97"/>
      <c r="EX2485" s="98"/>
      <c r="EY2485" s="97"/>
      <c r="FL2485" s="126"/>
      <c r="FM2485" s="91"/>
      <c r="FN2485" s="91"/>
      <c r="FO2485" s="91"/>
      <c r="FP2485" s="91"/>
      <c r="FQ2485" s="91"/>
      <c r="FR2485" s="91"/>
      <c r="FS2485" s="91"/>
      <c r="FT2485" s="91"/>
      <c r="FU2485" s="91"/>
      <c r="FV2485" s="91"/>
      <c r="FW2485" s="91"/>
      <c r="FX2485" s="91"/>
      <c r="FY2485" s="91"/>
      <c r="FZ2485" s="91"/>
      <c r="GA2485" s="91"/>
      <c r="GB2485" s="91"/>
      <c r="GC2485" s="91"/>
      <c r="GD2485" s="91"/>
      <c r="GE2485" s="91"/>
      <c r="GF2485" s="91"/>
      <c r="GG2485" s="91"/>
      <c r="GH2485" s="91"/>
      <c r="GI2485" s="91"/>
      <c r="GJ2485" s="91"/>
      <c r="GK2485" s="127"/>
      <c r="GL2485" s="126"/>
      <c r="GM2485" s="91"/>
      <c r="GN2485" s="91"/>
      <c r="GO2485" s="91"/>
      <c r="GP2485" s="91"/>
      <c r="GQ2485" s="91"/>
      <c r="GR2485" s="91"/>
      <c r="GS2485" s="91"/>
      <c r="GT2485" s="91"/>
      <c r="GU2485" s="91"/>
      <c r="GV2485" s="91"/>
      <c r="GW2485" s="91"/>
      <c r="GX2485" s="91"/>
      <c r="GY2485" s="91"/>
      <c r="GZ2485" s="91"/>
      <c r="HA2485" s="91"/>
      <c r="HB2485" s="91"/>
      <c r="HC2485" s="91"/>
      <c r="HD2485" s="91"/>
      <c r="HE2485" s="91"/>
      <c r="HF2485" s="91"/>
      <c r="HG2485" s="91"/>
      <c r="HH2485" s="91"/>
      <c r="HI2485" s="91"/>
      <c r="HJ2485" s="91"/>
      <c r="HK2485" s="127"/>
      <c r="HL2485" s="126"/>
      <c r="HM2485" s="91"/>
      <c r="HN2485" s="91"/>
      <c r="HO2485" s="91"/>
      <c r="HP2485" s="91"/>
      <c r="HQ2485" s="91"/>
      <c r="HR2485" s="91"/>
      <c r="HS2485" s="91"/>
      <c r="HT2485" s="91"/>
      <c r="HU2485" s="91"/>
      <c r="HV2485" s="91"/>
      <c r="HW2485" s="91"/>
      <c r="HX2485" s="91"/>
      <c r="HY2485" s="91"/>
      <c r="HZ2485" s="91"/>
      <c r="IA2485" s="91"/>
      <c r="IB2485" s="91"/>
      <c r="IC2485" s="91"/>
      <c r="ID2485" s="91"/>
      <c r="IE2485" s="91"/>
      <c r="IF2485" s="91"/>
      <c r="IG2485" s="91"/>
      <c r="IH2485" s="91"/>
      <c r="II2485" s="91"/>
      <c r="IJ2485" s="91"/>
      <c r="IK2485" s="127"/>
    </row>
    <row r="2486" spans="2:245" x14ac:dyDescent="0.2">
      <c r="B2486" s="43"/>
      <c r="C2486" s="73"/>
      <c r="D2486" s="64"/>
      <c r="E2486" s="64"/>
      <c r="F2486" s="55"/>
      <c r="G2486" s="102"/>
      <c r="H2486" s="55"/>
      <c r="I2486" s="55"/>
      <c r="J2486" s="55"/>
      <c r="K2486" s="55"/>
      <c r="L2486" s="55"/>
      <c r="M2486" s="55"/>
      <c r="N2486" s="55"/>
      <c r="O2486" s="55"/>
      <c r="P2486" s="55"/>
      <c r="Q2486" s="55"/>
      <c r="R2486" s="55"/>
      <c r="S2486" s="55"/>
      <c r="T2486" s="55"/>
      <c r="U2486" s="55"/>
      <c r="V2486" s="55"/>
      <c r="W2486" s="55"/>
      <c r="X2486" s="55"/>
      <c r="Y2486" s="55"/>
      <c r="Z2486" s="55"/>
      <c r="AA2486" s="55"/>
      <c r="AB2486" s="55"/>
      <c r="AC2486" s="55"/>
      <c r="AD2486" s="55"/>
      <c r="AE2486" s="55"/>
      <c r="AF2486" s="55"/>
      <c r="AG2486" s="55"/>
      <c r="AY2486" s="162"/>
      <c r="AZ2486" s="162"/>
      <c r="BA2486" s="162"/>
      <c r="BB2486" s="162"/>
      <c r="BC2486" s="162"/>
      <c r="BD2486" s="162"/>
      <c r="BE2486" s="162"/>
      <c r="BF2486" s="162"/>
      <c r="BG2486" s="162"/>
      <c r="BH2486" s="162"/>
      <c r="BI2486" s="162"/>
      <c r="BJ2486" s="162"/>
      <c r="BK2486" s="162"/>
      <c r="BL2486" s="162"/>
      <c r="BM2486" s="162"/>
      <c r="BN2486" s="162"/>
      <c r="BO2486" s="162"/>
      <c r="BP2486" s="162"/>
      <c r="BQ2486" s="162"/>
      <c r="BR2486" s="162"/>
      <c r="BS2486" s="162"/>
      <c r="BT2486" s="162"/>
      <c r="BU2486" s="162"/>
      <c r="BV2486" s="162"/>
      <c r="BW2486" s="162"/>
      <c r="BX2486" s="162"/>
      <c r="BY2486" s="162"/>
      <c r="BZ2486" s="162"/>
      <c r="CA2486" s="162"/>
      <c r="CB2486" s="162"/>
      <c r="CC2486" s="162"/>
      <c r="CD2486" s="162"/>
      <c r="CE2486" s="162"/>
      <c r="CF2486" s="162"/>
      <c r="CG2486" s="162"/>
      <c r="CH2486" s="162"/>
      <c r="CI2486" s="162"/>
      <c r="CJ2486" s="162"/>
      <c r="CK2486" s="162"/>
      <c r="CX2486" s="98"/>
      <c r="DL2486" s="97"/>
      <c r="DX2486" s="98"/>
      <c r="EL2486" s="97"/>
      <c r="EX2486" s="98"/>
      <c r="EY2486" s="97"/>
      <c r="FL2486" s="126"/>
      <c r="FM2486" s="91"/>
      <c r="FN2486" s="91"/>
      <c r="FO2486" s="91"/>
      <c r="FP2486" s="91"/>
      <c r="FQ2486" s="91"/>
      <c r="FR2486" s="91"/>
      <c r="FS2486" s="91"/>
      <c r="FT2486" s="91"/>
      <c r="FU2486" s="91"/>
      <c r="FV2486" s="91"/>
      <c r="FW2486" s="91"/>
      <c r="FX2486" s="91"/>
      <c r="FY2486" s="91"/>
      <c r="FZ2486" s="91"/>
      <c r="GA2486" s="91"/>
      <c r="GB2486" s="91"/>
      <c r="GC2486" s="91"/>
      <c r="GD2486" s="91"/>
      <c r="GE2486" s="91"/>
      <c r="GF2486" s="91"/>
      <c r="GG2486" s="91"/>
      <c r="GH2486" s="91"/>
      <c r="GI2486" s="91"/>
      <c r="GJ2486" s="91"/>
      <c r="GK2486" s="127"/>
      <c r="GL2486" s="126"/>
      <c r="GM2486" s="91"/>
      <c r="GN2486" s="91"/>
      <c r="GO2486" s="91"/>
      <c r="GP2486" s="91"/>
      <c r="GQ2486" s="91"/>
      <c r="GR2486" s="91"/>
      <c r="GS2486" s="91"/>
      <c r="GT2486" s="91"/>
      <c r="GU2486" s="91"/>
      <c r="GV2486" s="91"/>
      <c r="GW2486" s="91"/>
      <c r="GX2486" s="91"/>
      <c r="GY2486" s="91"/>
      <c r="GZ2486" s="91"/>
      <c r="HA2486" s="91"/>
      <c r="HB2486" s="91"/>
      <c r="HC2486" s="91"/>
      <c r="HD2486" s="91"/>
      <c r="HE2486" s="91"/>
      <c r="HF2486" s="91"/>
      <c r="HG2486" s="91"/>
      <c r="HH2486" s="91"/>
      <c r="HI2486" s="91"/>
      <c r="HJ2486" s="91"/>
      <c r="HK2486" s="127"/>
      <c r="HL2486" s="126"/>
      <c r="HM2486" s="91"/>
      <c r="HN2486" s="91"/>
      <c r="HO2486" s="91"/>
      <c r="HP2486" s="91"/>
      <c r="HQ2486" s="91"/>
      <c r="HR2486" s="91"/>
      <c r="HS2486" s="91"/>
      <c r="HT2486" s="91"/>
      <c r="HU2486" s="91"/>
      <c r="HV2486" s="91"/>
      <c r="HW2486" s="91"/>
      <c r="HX2486" s="91"/>
      <c r="HY2486" s="91"/>
      <c r="HZ2486" s="91"/>
      <c r="IA2486" s="91"/>
      <c r="IB2486" s="91"/>
      <c r="IC2486" s="91"/>
      <c r="ID2486" s="91"/>
      <c r="IE2486" s="91"/>
      <c r="IF2486" s="91"/>
      <c r="IG2486" s="91"/>
      <c r="IH2486" s="91"/>
      <c r="II2486" s="91"/>
      <c r="IJ2486" s="91"/>
      <c r="IK2486" s="127"/>
    </row>
    <row r="2487" spans="2:245" x14ac:dyDescent="0.2">
      <c r="B2487" s="43"/>
      <c r="C2487" s="73"/>
      <c r="D2487" s="64"/>
      <c r="E2487" s="64"/>
      <c r="F2487" s="55"/>
      <c r="G2487" s="102"/>
      <c r="H2487" s="55"/>
      <c r="I2487" s="55"/>
      <c r="J2487" s="55"/>
      <c r="K2487" s="55"/>
      <c r="L2487" s="55"/>
      <c r="M2487" s="55"/>
      <c r="N2487" s="55"/>
      <c r="O2487" s="55"/>
      <c r="P2487" s="55"/>
      <c r="Q2487" s="55"/>
      <c r="R2487" s="55"/>
      <c r="S2487" s="55"/>
      <c r="T2487" s="55"/>
      <c r="U2487" s="55"/>
      <c r="V2487" s="55"/>
      <c r="W2487" s="55"/>
      <c r="X2487" s="55"/>
      <c r="Y2487" s="55"/>
      <c r="Z2487" s="55"/>
      <c r="AA2487" s="55"/>
      <c r="AB2487" s="55"/>
      <c r="AC2487" s="55"/>
      <c r="AD2487" s="55"/>
      <c r="AE2487" s="55"/>
      <c r="AF2487" s="55"/>
      <c r="AG2487" s="55"/>
      <c r="AY2487" s="162"/>
      <c r="AZ2487" s="162"/>
      <c r="BA2487" s="162"/>
      <c r="BB2487" s="162"/>
      <c r="BC2487" s="162"/>
      <c r="BD2487" s="162"/>
      <c r="BE2487" s="162"/>
      <c r="BF2487" s="162"/>
      <c r="BG2487" s="162"/>
      <c r="BH2487" s="162"/>
      <c r="BI2487" s="162"/>
      <c r="BJ2487" s="162"/>
      <c r="BK2487" s="162"/>
      <c r="BL2487" s="162"/>
      <c r="BM2487" s="162"/>
      <c r="BN2487" s="162"/>
      <c r="BO2487" s="162"/>
      <c r="BP2487" s="162"/>
      <c r="BQ2487" s="162"/>
      <c r="BR2487" s="162"/>
      <c r="BS2487" s="162"/>
      <c r="BT2487" s="162"/>
      <c r="BU2487" s="162"/>
      <c r="BV2487" s="162"/>
      <c r="BW2487" s="162"/>
      <c r="BX2487" s="162"/>
      <c r="BY2487" s="162"/>
      <c r="BZ2487" s="162"/>
      <c r="CA2487" s="162"/>
      <c r="CB2487" s="162"/>
      <c r="CC2487" s="162"/>
      <c r="CD2487" s="162"/>
      <c r="CE2487" s="162"/>
      <c r="CF2487" s="162"/>
      <c r="CG2487" s="162"/>
      <c r="CH2487" s="162"/>
      <c r="CI2487" s="162"/>
      <c r="CJ2487" s="162"/>
      <c r="CK2487" s="162"/>
      <c r="CX2487" s="98"/>
      <c r="DL2487" s="97"/>
      <c r="DX2487" s="98"/>
      <c r="EL2487" s="97"/>
      <c r="EX2487" s="98"/>
      <c r="EY2487" s="97"/>
      <c r="FL2487" s="126"/>
      <c r="FM2487" s="91"/>
      <c r="FN2487" s="91"/>
      <c r="FO2487" s="91"/>
      <c r="FP2487" s="91"/>
      <c r="FQ2487" s="91"/>
      <c r="FR2487" s="91"/>
      <c r="FS2487" s="91"/>
      <c r="FT2487" s="91"/>
      <c r="FU2487" s="91"/>
      <c r="FV2487" s="91"/>
      <c r="FW2487" s="91"/>
      <c r="FX2487" s="91"/>
      <c r="FY2487" s="91"/>
      <c r="FZ2487" s="91"/>
      <c r="GA2487" s="91"/>
      <c r="GB2487" s="91"/>
      <c r="GC2487" s="91"/>
      <c r="GD2487" s="91"/>
      <c r="GE2487" s="91"/>
      <c r="GF2487" s="91"/>
      <c r="GG2487" s="91"/>
      <c r="GH2487" s="91"/>
      <c r="GI2487" s="91"/>
      <c r="GJ2487" s="91"/>
      <c r="GK2487" s="127"/>
      <c r="GL2487" s="126"/>
      <c r="GM2487" s="91"/>
      <c r="GN2487" s="91"/>
      <c r="GO2487" s="91"/>
      <c r="GP2487" s="91"/>
      <c r="GQ2487" s="91"/>
      <c r="GR2487" s="91"/>
      <c r="GS2487" s="91"/>
      <c r="GT2487" s="91"/>
      <c r="GU2487" s="91"/>
      <c r="GV2487" s="91"/>
      <c r="GW2487" s="91"/>
      <c r="GX2487" s="91"/>
      <c r="GY2487" s="91"/>
      <c r="GZ2487" s="91"/>
      <c r="HA2487" s="91"/>
      <c r="HB2487" s="91"/>
      <c r="HC2487" s="91"/>
      <c r="HD2487" s="91"/>
      <c r="HE2487" s="91"/>
      <c r="HF2487" s="91"/>
      <c r="HG2487" s="91"/>
      <c r="HH2487" s="91"/>
      <c r="HI2487" s="91"/>
      <c r="HJ2487" s="91"/>
      <c r="HK2487" s="127"/>
      <c r="HL2487" s="126"/>
      <c r="HM2487" s="91"/>
      <c r="HN2487" s="91"/>
      <c r="HO2487" s="91"/>
      <c r="HP2487" s="91"/>
      <c r="HQ2487" s="91"/>
      <c r="HR2487" s="91"/>
      <c r="HS2487" s="91"/>
      <c r="HT2487" s="91"/>
      <c r="HU2487" s="91"/>
      <c r="HV2487" s="91"/>
      <c r="HW2487" s="91"/>
      <c r="HX2487" s="91"/>
      <c r="HY2487" s="91"/>
      <c r="HZ2487" s="91"/>
      <c r="IA2487" s="91"/>
      <c r="IB2487" s="91"/>
      <c r="IC2487" s="91"/>
      <c r="ID2487" s="91"/>
      <c r="IE2487" s="91"/>
      <c r="IF2487" s="91"/>
      <c r="IG2487" s="91"/>
      <c r="IH2487" s="91"/>
      <c r="II2487" s="91"/>
      <c r="IJ2487" s="91"/>
      <c r="IK2487" s="127"/>
    </row>
    <row r="2488" spans="2:245" x14ac:dyDescent="0.2">
      <c r="B2488" s="43"/>
      <c r="C2488" s="73"/>
      <c r="D2488" s="64"/>
      <c r="E2488" s="64"/>
      <c r="F2488" s="55"/>
      <c r="G2488" s="102"/>
      <c r="H2488" s="55"/>
      <c r="I2488" s="55"/>
      <c r="J2488" s="55"/>
      <c r="K2488" s="55"/>
      <c r="L2488" s="55"/>
      <c r="M2488" s="55"/>
      <c r="N2488" s="55"/>
      <c r="O2488" s="55"/>
      <c r="P2488" s="55"/>
      <c r="Q2488" s="55"/>
      <c r="R2488" s="55"/>
      <c r="S2488" s="55"/>
      <c r="T2488" s="55"/>
      <c r="U2488" s="55"/>
      <c r="V2488" s="55"/>
      <c r="W2488" s="55"/>
      <c r="X2488" s="55"/>
      <c r="Y2488" s="55"/>
      <c r="Z2488" s="55"/>
      <c r="AA2488" s="55"/>
      <c r="AB2488" s="55"/>
      <c r="AC2488" s="55"/>
      <c r="AD2488" s="55"/>
      <c r="AE2488" s="55"/>
      <c r="AF2488" s="55"/>
      <c r="AG2488" s="55"/>
      <c r="AY2488" s="162"/>
      <c r="AZ2488" s="162"/>
      <c r="BA2488" s="162"/>
      <c r="BB2488" s="162"/>
      <c r="BC2488" s="162"/>
      <c r="BD2488" s="162"/>
      <c r="BE2488" s="162"/>
      <c r="BF2488" s="162"/>
      <c r="BG2488" s="162"/>
      <c r="BH2488" s="162"/>
      <c r="BI2488" s="162"/>
      <c r="BJ2488" s="162"/>
      <c r="BK2488" s="162"/>
      <c r="BL2488" s="162"/>
      <c r="BM2488" s="162"/>
      <c r="BN2488" s="162"/>
      <c r="BO2488" s="162"/>
      <c r="BP2488" s="162"/>
      <c r="BQ2488" s="162"/>
      <c r="BR2488" s="162"/>
      <c r="BS2488" s="162"/>
      <c r="BT2488" s="162"/>
      <c r="BU2488" s="162"/>
      <c r="BV2488" s="162"/>
      <c r="BW2488" s="162"/>
      <c r="BX2488" s="162"/>
      <c r="BY2488" s="162"/>
      <c r="BZ2488" s="162"/>
      <c r="CA2488" s="162"/>
      <c r="CB2488" s="162"/>
      <c r="CC2488" s="162"/>
      <c r="CD2488" s="162"/>
      <c r="CE2488" s="162"/>
      <c r="CF2488" s="162"/>
      <c r="CG2488" s="162"/>
      <c r="CH2488" s="162"/>
      <c r="CI2488" s="162"/>
      <c r="CJ2488" s="162"/>
      <c r="CK2488" s="162"/>
      <c r="CX2488" s="98"/>
      <c r="DL2488" s="97"/>
      <c r="DX2488" s="98"/>
      <c r="EL2488" s="97"/>
      <c r="EX2488" s="98"/>
      <c r="EY2488" s="97"/>
      <c r="FL2488" s="126"/>
      <c r="FM2488" s="91"/>
      <c r="FN2488" s="91"/>
      <c r="FO2488" s="91"/>
      <c r="FP2488" s="91"/>
      <c r="FQ2488" s="91"/>
      <c r="FR2488" s="91"/>
      <c r="FS2488" s="91"/>
      <c r="FT2488" s="91"/>
      <c r="FU2488" s="91"/>
      <c r="FV2488" s="91"/>
      <c r="FW2488" s="91"/>
      <c r="FX2488" s="91"/>
      <c r="FY2488" s="91"/>
      <c r="FZ2488" s="91"/>
      <c r="GA2488" s="91"/>
      <c r="GB2488" s="91"/>
      <c r="GC2488" s="91"/>
      <c r="GD2488" s="91"/>
      <c r="GE2488" s="91"/>
      <c r="GF2488" s="91"/>
      <c r="GG2488" s="91"/>
      <c r="GH2488" s="91"/>
      <c r="GI2488" s="91"/>
      <c r="GJ2488" s="91"/>
      <c r="GK2488" s="127"/>
      <c r="GL2488" s="126"/>
      <c r="GM2488" s="91"/>
      <c r="GN2488" s="91"/>
      <c r="GO2488" s="91"/>
      <c r="GP2488" s="91"/>
      <c r="GQ2488" s="91"/>
      <c r="GR2488" s="91"/>
      <c r="GS2488" s="91"/>
      <c r="GT2488" s="91"/>
      <c r="GU2488" s="91"/>
      <c r="GV2488" s="91"/>
      <c r="GW2488" s="91"/>
      <c r="GX2488" s="91"/>
      <c r="GY2488" s="91"/>
      <c r="GZ2488" s="91"/>
      <c r="HA2488" s="91"/>
      <c r="HB2488" s="91"/>
      <c r="HC2488" s="91"/>
      <c r="HD2488" s="91"/>
      <c r="HE2488" s="91"/>
      <c r="HF2488" s="91"/>
      <c r="HG2488" s="91"/>
      <c r="HH2488" s="91"/>
      <c r="HI2488" s="91"/>
      <c r="HJ2488" s="91"/>
      <c r="HK2488" s="127"/>
      <c r="HL2488" s="126"/>
      <c r="HM2488" s="91"/>
      <c r="HN2488" s="91"/>
      <c r="HO2488" s="91"/>
      <c r="HP2488" s="91"/>
      <c r="HQ2488" s="91"/>
      <c r="HR2488" s="91"/>
      <c r="HS2488" s="91"/>
      <c r="HT2488" s="91"/>
      <c r="HU2488" s="91"/>
      <c r="HV2488" s="91"/>
      <c r="HW2488" s="91"/>
      <c r="HX2488" s="91"/>
      <c r="HY2488" s="91"/>
      <c r="HZ2488" s="91"/>
      <c r="IA2488" s="91"/>
      <c r="IB2488" s="91"/>
      <c r="IC2488" s="91"/>
      <c r="ID2488" s="91"/>
      <c r="IE2488" s="91"/>
      <c r="IF2488" s="91"/>
      <c r="IG2488" s="91"/>
      <c r="IH2488" s="91"/>
      <c r="II2488" s="91"/>
      <c r="IJ2488" s="91"/>
      <c r="IK2488" s="127"/>
    </row>
    <row r="2489" spans="2:245" x14ac:dyDescent="0.2">
      <c r="B2489" s="43"/>
      <c r="C2489" s="73"/>
      <c r="D2489" s="64"/>
      <c r="E2489" s="64"/>
      <c r="F2489" s="55"/>
      <c r="G2489" s="102"/>
      <c r="H2489" s="55"/>
      <c r="I2489" s="55"/>
      <c r="J2489" s="55"/>
      <c r="K2489" s="55"/>
      <c r="L2489" s="55"/>
      <c r="M2489" s="55"/>
      <c r="N2489" s="55"/>
      <c r="O2489" s="55"/>
      <c r="P2489" s="55"/>
      <c r="Q2489" s="55"/>
      <c r="R2489" s="55"/>
      <c r="S2489" s="55"/>
      <c r="T2489" s="55"/>
      <c r="U2489" s="55"/>
      <c r="V2489" s="55"/>
      <c r="W2489" s="55"/>
      <c r="X2489" s="55"/>
      <c r="Y2489" s="55"/>
      <c r="Z2489" s="55"/>
      <c r="AA2489" s="55"/>
      <c r="AB2489" s="55"/>
      <c r="AC2489" s="55"/>
      <c r="AD2489" s="55"/>
      <c r="AE2489" s="55"/>
      <c r="AF2489" s="55"/>
      <c r="AG2489" s="55"/>
      <c r="AY2489" s="162"/>
      <c r="AZ2489" s="162"/>
      <c r="BA2489" s="162"/>
      <c r="BB2489" s="162"/>
      <c r="BC2489" s="162"/>
      <c r="BD2489" s="162"/>
      <c r="BE2489" s="162"/>
      <c r="BF2489" s="162"/>
      <c r="BG2489" s="162"/>
      <c r="BH2489" s="162"/>
      <c r="BI2489" s="162"/>
      <c r="BJ2489" s="162"/>
      <c r="BK2489" s="162"/>
      <c r="BL2489" s="162"/>
      <c r="BM2489" s="162"/>
      <c r="BN2489" s="162"/>
      <c r="BO2489" s="162"/>
      <c r="BP2489" s="162"/>
      <c r="BQ2489" s="162"/>
      <c r="BR2489" s="162"/>
      <c r="BS2489" s="162"/>
      <c r="BT2489" s="162"/>
      <c r="BU2489" s="162"/>
      <c r="BV2489" s="162"/>
      <c r="BW2489" s="162"/>
      <c r="BX2489" s="162"/>
      <c r="BY2489" s="162"/>
      <c r="BZ2489" s="162"/>
      <c r="CA2489" s="162"/>
      <c r="CB2489" s="162"/>
      <c r="CC2489" s="162"/>
      <c r="CD2489" s="162"/>
      <c r="CE2489" s="162"/>
      <c r="CF2489" s="162"/>
      <c r="CG2489" s="162"/>
      <c r="CH2489" s="162"/>
      <c r="CI2489" s="162"/>
      <c r="CJ2489" s="162"/>
      <c r="CK2489" s="162"/>
      <c r="CX2489" s="98"/>
      <c r="DL2489" s="97"/>
      <c r="DX2489" s="98"/>
      <c r="EL2489" s="97"/>
      <c r="EX2489" s="98"/>
      <c r="EY2489" s="97"/>
      <c r="FL2489" s="126"/>
      <c r="FM2489" s="91"/>
      <c r="FN2489" s="91"/>
      <c r="FO2489" s="91"/>
      <c r="FP2489" s="91"/>
      <c r="FQ2489" s="91"/>
      <c r="FR2489" s="91"/>
      <c r="FS2489" s="91"/>
      <c r="FT2489" s="91"/>
      <c r="FU2489" s="91"/>
      <c r="FV2489" s="91"/>
      <c r="FW2489" s="91"/>
      <c r="FX2489" s="91"/>
      <c r="FY2489" s="91"/>
      <c r="FZ2489" s="91"/>
      <c r="GA2489" s="91"/>
      <c r="GB2489" s="91"/>
      <c r="GC2489" s="91"/>
      <c r="GD2489" s="91"/>
      <c r="GE2489" s="91"/>
      <c r="GF2489" s="91"/>
      <c r="GG2489" s="91"/>
      <c r="GH2489" s="91"/>
      <c r="GI2489" s="91"/>
      <c r="GJ2489" s="91"/>
      <c r="GK2489" s="127"/>
      <c r="GL2489" s="126"/>
      <c r="GM2489" s="91"/>
      <c r="GN2489" s="91"/>
      <c r="GO2489" s="91"/>
      <c r="GP2489" s="91"/>
      <c r="GQ2489" s="91"/>
      <c r="GR2489" s="91"/>
      <c r="GS2489" s="91"/>
      <c r="GT2489" s="91"/>
      <c r="GU2489" s="91"/>
      <c r="GV2489" s="91"/>
      <c r="GW2489" s="91"/>
      <c r="GX2489" s="91"/>
      <c r="GY2489" s="91"/>
      <c r="GZ2489" s="91"/>
      <c r="HA2489" s="91"/>
      <c r="HB2489" s="91"/>
      <c r="HC2489" s="91"/>
      <c r="HD2489" s="91"/>
      <c r="HE2489" s="91"/>
      <c r="HF2489" s="91"/>
      <c r="HG2489" s="91"/>
      <c r="HH2489" s="91"/>
      <c r="HI2489" s="91"/>
      <c r="HJ2489" s="91"/>
      <c r="HK2489" s="127"/>
      <c r="HL2489" s="126"/>
      <c r="HM2489" s="91"/>
      <c r="HN2489" s="91"/>
      <c r="HO2489" s="91"/>
      <c r="HP2489" s="91"/>
      <c r="HQ2489" s="91"/>
      <c r="HR2489" s="91"/>
      <c r="HS2489" s="91"/>
      <c r="HT2489" s="91"/>
      <c r="HU2489" s="91"/>
      <c r="HV2489" s="91"/>
      <c r="HW2489" s="91"/>
      <c r="HX2489" s="91"/>
      <c r="HY2489" s="91"/>
      <c r="HZ2489" s="91"/>
      <c r="IA2489" s="91"/>
      <c r="IB2489" s="91"/>
      <c r="IC2489" s="91"/>
      <c r="ID2489" s="91"/>
      <c r="IE2489" s="91"/>
      <c r="IF2489" s="91"/>
      <c r="IG2489" s="91"/>
      <c r="IH2489" s="91"/>
      <c r="II2489" s="91"/>
      <c r="IJ2489" s="91"/>
      <c r="IK2489" s="127"/>
    </row>
    <row r="2490" spans="2:245" x14ac:dyDescent="0.2">
      <c r="B2490" s="43"/>
      <c r="C2490" s="73"/>
      <c r="D2490" s="64"/>
      <c r="E2490" s="64"/>
      <c r="F2490" s="55"/>
      <c r="G2490" s="102"/>
      <c r="H2490" s="55"/>
      <c r="I2490" s="55"/>
      <c r="J2490" s="55"/>
      <c r="K2490" s="55"/>
      <c r="L2490" s="55"/>
      <c r="M2490" s="55"/>
      <c r="N2490" s="55"/>
      <c r="O2490" s="55"/>
      <c r="P2490" s="55"/>
      <c r="Q2490" s="55"/>
      <c r="R2490" s="55"/>
      <c r="S2490" s="55"/>
      <c r="T2490" s="55"/>
      <c r="U2490" s="55"/>
      <c r="V2490" s="55"/>
      <c r="W2490" s="55"/>
      <c r="X2490" s="55"/>
      <c r="Y2490" s="55"/>
      <c r="Z2490" s="55"/>
      <c r="AA2490" s="55"/>
      <c r="AB2490" s="55"/>
      <c r="AC2490" s="55"/>
      <c r="AD2490" s="55"/>
      <c r="AE2490" s="55"/>
      <c r="AF2490" s="55"/>
      <c r="AG2490" s="55"/>
      <c r="AY2490" s="162"/>
      <c r="AZ2490" s="162"/>
      <c r="BA2490" s="162"/>
      <c r="BB2490" s="162"/>
      <c r="BC2490" s="162"/>
      <c r="BD2490" s="162"/>
      <c r="BE2490" s="162"/>
      <c r="BF2490" s="162"/>
      <c r="BG2490" s="162"/>
      <c r="BH2490" s="162"/>
      <c r="BI2490" s="162"/>
      <c r="BJ2490" s="162"/>
      <c r="BK2490" s="162"/>
      <c r="BL2490" s="162"/>
      <c r="BM2490" s="162"/>
      <c r="BN2490" s="162"/>
      <c r="BO2490" s="162"/>
      <c r="BP2490" s="162"/>
      <c r="BQ2490" s="162"/>
      <c r="BR2490" s="162"/>
      <c r="BS2490" s="162"/>
      <c r="BT2490" s="162"/>
      <c r="BU2490" s="162"/>
      <c r="BV2490" s="162"/>
      <c r="BW2490" s="162"/>
      <c r="BX2490" s="162"/>
      <c r="BY2490" s="162"/>
      <c r="BZ2490" s="162"/>
      <c r="CA2490" s="162"/>
      <c r="CB2490" s="162"/>
      <c r="CC2490" s="162"/>
      <c r="CD2490" s="162"/>
      <c r="CE2490" s="162"/>
      <c r="CF2490" s="162"/>
      <c r="CG2490" s="162"/>
      <c r="CH2490" s="162"/>
      <c r="CI2490" s="162"/>
      <c r="CJ2490" s="162"/>
      <c r="CK2490" s="162"/>
      <c r="CX2490" s="98"/>
      <c r="DL2490" s="97"/>
      <c r="DX2490" s="98"/>
      <c r="EL2490" s="97"/>
      <c r="EX2490" s="98"/>
      <c r="EY2490" s="97"/>
      <c r="FL2490" s="126"/>
      <c r="FM2490" s="91"/>
      <c r="FN2490" s="91"/>
      <c r="FO2490" s="91"/>
      <c r="FP2490" s="91"/>
      <c r="FQ2490" s="91"/>
      <c r="FR2490" s="91"/>
      <c r="FS2490" s="91"/>
      <c r="FT2490" s="91"/>
      <c r="FU2490" s="91"/>
      <c r="FV2490" s="91"/>
      <c r="FW2490" s="91"/>
      <c r="FX2490" s="91"/>
      <c r="FY2490" s="91"/>
      <c r="FZ2490" s="91"/>
      <c r="GA2490" s="91"/>
      <c r="GB2490" s="91"/>
      <c r="GC2490" s="91"/>
      <c r="GD2490" s="91"/>
      <c r="GE2490" s="91"/>
      <c r="GF2490" s="91"/>
      <c r="GG2490" s="91"/>
      <c r="GH2490" s="91"/>
      <c r="GI2490" s="91"/>
      <c r="GJ2490" s="91"/>
      <c r="GK2490" s="127"/>
      <c r="GL2490" s="126"/>
      <c r="GM2490" s="91"/>
      <c r="GN2490" s="91"/>
      <c r="GO2490" s="91"/>
      <c r="GP2490" s="91"/>
      <c r="GQ2490" s="91"/>
      <c r="GR2490" s="91"/>
      <c r="GS2490" s="91"/>
      <c r="GT2490" s="91"/>
      <c r="GU2490" s="91"/>
      <c r="GV2490" s="91"/>
      <c r="GW2490" s="91"/>
      <c r="GX2490" s="91"/>
      <c r="GY2490" s="91"/>
      <c r="GZ2490" s="91"/>
      <c r="HA2490" s="91"/>
      <c r="HB2490" s="91"/>
      <c r="HC2490" s="91"/>
      <c r="HD2490" s="91"/>
      <c r="HE2490" s="91"/>
      <c r="HF2490" s="91"/>
      <c r="HG2490" s="91"/>
      <c r="HH2490" s="91"/>
      <c r="HI2490" s="91"/>
      <c r="HJ2490" s="91"/>
      <c r="HK2490" s="127"/>
      <c r="HL2490" s="126"/>
      <c r="HM2490" s="91"/>
      <c r="HN2490" s="91"/>
      <c r="HO2490" s="91"/>
      <c r="HP2490" s="91"/>
      <c r="HQ2490" s="91"/>
      <c r="HR2490" s="91"/>
      <c r="HS2490" s="91"/>
      <c r="HT2490" s="91"/>
      <c r="HU2490" s="91"/>
      <c r="HV2490" s="91"/>
      <c r="HW2490" s="91"/>
      <c r="HX2490" s="91"/>
      <c r="HY2490" s="91"/>
      <c r="HZ2490" s="91"/>
      <c r="IA2490" s="91"/>
      <c r="IB2490" s="91"/>
      <c r="IC2490" s="91"/>
      <c r="ID2490" s="91"/>
      <c r="IE2490" s="91"/>
      <c r="IF2490" s="91"/>
      <c r="IG2490" s="91"/>
      <c r="IH2490" s="91"/>
      <c r="II2490" s="91"/>
      <c r="IJ2490" s="91"/>
      <c r="IK2490" s="127"/>
    </row>
    <row r="2491" spans="2:245" x14ac:dyDescent="0.2">
      <c r="B2491" s="43"/>
      <c r="C2491" s="73"/>
      <c r="D2491" s="64"/>
      <c r="E2491" s="64"/>
      <c r="F2491" s="55"/>
      <c r="G2491" s="102"/>
      <c r="H2491" s="55"/>
      <c r="I2491" s="55"/>
      <c r="J2491" s="55"/>
      <c r="K2491" s="55"/>
      <c r="L2491" s="55"/>
      <c r="M2491" s="55"/>
      <c r="N2491" s="55"/>
      <c r="O2491" s="55"/>
      <c r="P2491" s="55"/>
      <c r="Q2491" s="55"/>
      <c r="R2491" s="55"/>
      <c r="S2491" s="55"/>
      <c r="T2491" s="55"/>
      <c r="U2491" s="55"/>
      <c r="V2491" s="55"/>
      <c r="W2491" s="55"/>
      <c r="X2491" s="55"/>
      <c r="Y2491" s="55"/>
      <c r="Z2491" s="55"/>
      <c r="AA2491" s="55"/>
      <c r="AB2491" s="55"/>
      <c r="AC2491" s="55"/>
      <c r="AD2491" s="55"/>
      <c r="AE2491" s="55"/>
      <c r="AF2491" s="55"/>
      <c r="AG2491" s="55"/>
      <c r="AY2491" s="162"/>
      <c r="AZ2491" s="162"/>
      <c r="BA2491" s="162"/>
      <c r="BB2491" s="162"/>
      <c r="BC2491" s="162"/>
      <c r="BD2491" s="162"/>
      <c r="BE2491" s="162"/>
      <c r="BF2491" s="162"/>
      <c r="BG2491" s="162"/>
      <c r="BH2491" s="162"/>
      <c r="BI2491" s="162"/>
      <c r="BJ2491" s="162"/>
      <c r="BK2491" s="162"/>
      <c r="BL2491" s="162"/>
      <c r="BM2491" s="162"/>
      <c r="BN2491" s="162"/>
      <c r="BO2491" s="162"/>
      <c r="BP2491" s="162"/>
      <c r="BQ2491" s="162"/>
      <c r="BR2491" s="162"/>
      <c r="BS2491" s="162"/>
      <c r="BT2491" s="162"/>
      <c r="BU2491" s="162"/>
      <c r="BV2491" s="162"/>
      <c r="BW2491" s="162"/>
      <c r="BX2491" s="162"/>
      <c r="BY2491" s="162"/>
      <c r="BZ2491" s="162"/>
      <c r="CA2491" s="162"/>
      <c r="CB2491" s="162"/>
      <c r="CC2491" s="162"/>
      <c r="CD2491" s="162"/>
      <c r="CE2491" s="162"/>
      <c r="CF2491" s="162"/>
      <c r="CG2491" s="162"/>
      <c r="CH2491" s="162"/>
      <c r="CI2491" s="162"/>
      <c r="CJ2491" s="162"/>
      <c r="CK2491" s="162"/>
      <c r="CX2491" s="98"/>
      <c r="DL2491" s="97"/>
      <c r="DX2491" s="98"/>
      <c r="EL2491" s="97"/>
      <c r="EX2491" s="98"/>
      <c r="EY2491" s="97"/>
      <c r="FL2491" s="126"/>
      <c r="FM2491" s="91"/>
      <c r="FN2491" s="91"/>
      <c r="FO2491" s="91"/>
      <c r="FP2491" s="91"/>
      <c r="FQ2491" s="91"/>
      <c r="FR2491" s="91"/>
      <c r="FS2491" s="91"/>
      <c r="FT2491" s="91"/>
      <c r="FU2491" s="91"/>
      <c r="FV2491" s="91"/>
      <c r="FW2491" s="91"/>
      <c r="FX2491" s="91"/>
      <c r="FY2491" s="91"/>
      <c r="FZ2491" s="91"/>
      <c r="GA2491" s="91"/>
      <c r="GB2491" s="91"/>
      <c r="GC2491" s="91"/>
      <c r="GD2491" s="91"/>
      <c r="GE2491" s="91"/>
      <c r="GF2491" s="91"/>
      <c r="GG2491" s="91"/>
      <c r="GH2491" s="91"/>
      <c r="GI2491" s="91"/>
      <c r="GJ2491" s="91"/>
      <c r="GK2491" s="127"/>
      <c r="GL2491" s="126"/>
      <c r="GM2491" s="91"/>
      <c r="GN2491" s="91"/>
      <c r="GO2491" s="91"/>
      <c r="GP2491" s="91"/>
      <c r="GQ2491" s="91"/>
      <c r="GR2491" s="91"/>
      <c r="GS2491" s="91"/>
      <c r="GT2491" s="91"/>
      <c r="GU2491" s="91"/>
      <c r="GV2491" s="91"/>
      <c r="GW2491" s="91"/>
      <c r="GX2491" s="91"/>
      <c r="GY2491" s="91"/>
      <c r="GZ2491" s="91"/>
      <c r="HA2491" s="91"/>
      <c r="HB2491" s="91"/>
      <c r="HC2491" s="91"/>
      <c r="HD2491" s="91"/>
      <c r="HE2491" s="91"/>
      <c r="HF2491" s="91"/>
      <c r="HG2491" s="91"/>
      <c r="HH2491" s="91"/>
      <c r="HI2491" s="91"/>
      <c r="HJ2491" s="91"/>
      <c r="HK2491" s="127"/>
      <c r="HL2491" s="126"/>
      <c r="HM2491" s="91"/>
      <c r="HN2491" s="91"/>
      <c r="HO2491" s="91"/>
      <c r="HP2491" s="91"/>
      <c r="HQ2491" s="91"/>
      <c r="HR2491" s="91"/>
      <c r="HS2491" s="91"/>
      <c r="HT2491" s="91"/>
      <c r="HU2491" s="91"/>
      <c r="HV2491" s="91"/>
      <c r="HW2491" s="91"/>
      <c r="HX2491" s="91"/>
      <c r="HY2491" s="91"/>
      <c r="HZ2491" s="91"/>
      <c r="IA2491" s="91"/>
      <c r="IB2491" s="91"/>
      <c r="IC2491" s="91"/>
      <c r="ID2491" s="91"/>
      <c r="IE2491" s="91"/>
      <c r="IF2491" s="91"/>
      <c r="IG2491" s="91"/>
      <c r="IH2491" s="91"/>
      <c r="II2491" s="91"/>
      <c r="IJ2491" s="91"/>
      <c r="IK2491" s="127"/>
    </row>
    <row r="2492" spans="2:245" x14ac:dyDescent="0.2">
      <c r="B2492" s="43"/>
      <c r="C2492" s="73"/>
      <c r="D2492" s="64"/>
      <c r="E2492" s="64"/>
      <c r="F2492" s="55"/>
      <c r="G2492" s="102"/>
      <c r="H2492" s="55"/>
      <c r="I2492" s="55"/>
      <c r="J2492" s="55"/>
      <c r="K2492" s="55"/>
      <c r="L2492" s="55"/>
      <c r="M2492" s="55"/>
      <c r="N2492" s="55"/>
      <c r="O2492" s="55"/>
      <c r="P2492" s="55"/>
      <c r="Q2492" s="55"/>
      <c r="R2492" s="55"/>
      <c r="S2492" s="55"/>
      <c r="T2492" s="55"/>
      <c r="U2492" s="55"/>
      <c r="V2492" s="55"/>
      <c r="W2492" s="55"/>
      <c r="X2492" s="55"/>
      <c r="Y2492" s="55"/>
      <c r="Z2492" s="55"/>
      <c r="AA2492" s="55"/>
      <c r="AB2492" s="55"/>
      <c r="AC2492" s="55"/>
      <c r="AD2492" s="55"/>
      <c r="AE2492" s="55"/>
      <c r="AF2492" s="55"/>
      <c r="AG2492" s="55"/>
      <c r="AY2492" s="162"/>
      <c r="AZ2492" s="162"/>
      <c r="BA2492" s="162"/>
      <c r="BB2492" s="162"/>
      <c r="BC2492" s="162"/>
      <c r="BD2492" s="162"/>
      <c r="BE2492" s="162"/>
      <c r="BF2492" s="162"/>
      <c r="BG2492" s="162"/>
      <c r="BH2492" s="162"/>
      <c r="BI2492" s="162"/>
      <c r="BJ2492" s="162"/>
      <c r="BK2492" s="162"/>
      <c r="BL2492" s="162"/>
      <c r="BM2492" s="162"/>
      <c r="BN2492" s="162"/>
      <c r="BO2492" s="162"/>
      <c r="BP2492" s="162"/>
      <c r="BQ2492" s="162"/>
      <c r="BR2492" s="162"/>
      <c r="BS2492" s="162"/>
      <c r="BT2492" s="162"/>
      <c r="BU2492" s="162"/>
      <c r="BV2492" s="162"/>
      <c r="BW2492" s="162"/>
      <c r="BX2492" s="162"/>
      <c r="BY2492" s="162"/>
      <c r="BZ2492" s="162"/>
      <c r="CA2492" s="162"/>
      <c r="CB2492" s="162"/>
      <c r="CC2492" s="162"/>
      <c r="CD2492" s="162"/>
      <c r="CE2492" s="162"/>
      <c r="CF2492" s="162"/>
      <c r="CG2492" s="162"/>
      <c r="CH2492" s="162"/>
      <c r="CI2492" s="162"/>
      <c r="CJ2492" s="162"/>
      <c r="CK2492" s="162"/>
      <c r="CX2492" s="98"/>
      <c r="DL2492" s="97"/>
      <c r="DX2492" s="98"/>
      <c r="EL2492" s="97"/>
      <c r="EX2492" s="98"/>
      <c r="EY2492" s="97"/>
      <c r="FL2492" s="126"/>
      <c r="FM2492" s="91"/>
      <c r="FN2492" s="91"/>
      <c r="FO2492" s="91"/>
      <c r="FP2492" s="91"/>
      <c r="FQ2492" s="91"/>
      <c r="FR2492" s="91"/>
      <c r="FS2492" s="91"/>
      <c r="FT2492" s="91"/>
      <c r="FU2492" s="91"/>
      <c r="FV2492" s="91"/>
      <c r="FW2492" s="91"/>
      <c r="FX2492" s="91"/>
      <c r="FY2492" s="91"/>
      <c r="FZ2492" s="91"/>
      <c r="GA2492" s="91"/>
      <c r="GB2492" s="91"/>
      <c r="GC2492" s="91"/>
      <c r="GD2492" s="91"/>
      <c r="GE2492" s="91"/>
      <c r="GF2492" s="91"/>
      <c r="GG2492" s="91"/>
      <c r="GH2492" s="91"/>
      <c r="GI2492" s="91"/>
      <c r="GJ2492" s="91"/>
      <c r="GK2492" s="127"/>
      <c r="GL2492" s="126"/>
      <c r="GM2492" s="91"/>
      <c r="GN2492" s="91"/>
      <c r="GO2492" s="91"/>
      <c r="GP2492" s="91"/>
      <c r="GQ2492" s="91"/>
      <c r="GR2492" s="91"/>
      <c r="GS2492" s="91"/>
      <c r="GT2492" s="91"/>
      <c r="GU2492" s="91"/>
      <c r="GV2492" s="91"/>
      <c r="GW2492" s="91"/>
      <c r="GX2492" s="91"/>
      <c r="GY2492" s="91"/>
      <c r="GZ2492" s="91"/>
      <c r="HA2492" s="91"/>
      <c r="HB2492" s="91"/>
      <c r="HC2492" s="91"/>
      <c r="HD2492" s="91"/>
      <c r="HE2492" s="91"/>
      <c r="HF2492" s="91"/>
      <c r="HG2492" s="91"/>
      <c r="HH2492" s="91"/>
      <c r="HI2492" s="91"/>
      <c r="HJ2492" s="91"/>
      <c r="HK2492" s="127"/>
      <c r="HL2492" s="126"/>
      <c r="HM2492" s="91"/>
      <c r="HN2492" s="91"/>
      <c r="HO2492" s="91"/>
      <c r="HP2492" s="91"/>
      <c r="HQ2492" s="91"/>
      <c r="HR2492" s="91"/>
      <c r="HS2492" s="91"/>
      <c r="HT2492" s="91"/>
      <c r="HU2492" s="91"/>
      <c r="HV2492" s="91"/>
      <c r="HW2492" s="91"/>
      <c r="HX2492" s="91"/>
      <c r="HY2492" s="91"/>
      <c r="HZ2492" s="91"/>
      <c r="IA2492" s="91"/>
      <c r="IB2492" s="91"/>
      <c r="IC2492" s="91"/>
      <c r="ID2492" s="91"/>
      <c r="IE2492" s="91"/>
      <c r="IF2492" s="91"/>
      <c r="IG2492" s="91"/>
      <c r="IH2492" s="91"/>
      <c r="II2492" s="91"/>
      <c r="IJ2492" s="91"/>
      <c r="IK2492" s="127"/>
    </row>
    <row r="2493" spans="2:245" x14ac:dyDescent="0.2">
      <c r="B2493" s="43"/>
      <c r="C2493" s="73"/>
      <c r="D2493" s="64"/>
      <c r="E2493" s="64"/>
      <c r="F2493" s="55"/>
      <c r="G2493" s="102"/>
      <c r="H2493" s="55"/>
      <c r="I2493" s="55"/>
      <c r="J2493" s="55"/>
      <c r="K2493" s="55"/>
      <c r="L2493" s="55"/>
      <c r="M2493" s="55"/>
      <c r="N2493" s="55"/>
      <c r="O2493" s="55"/>
      <c r="P2493" s="55"/>
      <c r="Q2493" s="55"/>
      <c r="R2493" s="55"/>
      <c r="S2493" s="55"/>
      <c r="T2493" s="55"/>
      <c r="U2493" s="55"/>
      <c r="V2493" s="55"/>
      <c r="W2493" s="55"/>
      <c r="X2493" s="55"/>
      <c r="Y2493" s="55"/>
      <c r="Z2493" s="55"/>
      <c r="AA2493" s="55"/>
      <c r="AB2493" s="55"/>
      <c r="AC2493" s="55"/>
      <c r="AD2493" s="55"/>
      <c r="AE2493" s="55"/>
      <c r="AF2493" s="55"/>
      <c r="AG2493" s="55"/>
      <c r="AY2493" s="162"/>
      <c r="AZ2493" s="162"/>
      <c r="BA2493" s="162"/>
      <c r="BB2493" s="162"/>
      <c r="BC2493" s="162"/>
      <c r="BD2493" s="162"/>
      <c r="BE2493" s="162"/>
      <c r="BF2493" s="162"/>
      <c r="BG2493" s="162"/>
      <c r="BH2493" s="162"/>
      <c r="BI2493" s="162"/>
      <c r="BJ2493" s="162"/>
      <c r="BK2493" s="162"/>
      <c r="BL2493" s="162"/>
      <c r="BM2493" s="162"/>
      <c r="BN2493" s="162"/>
      <c r="BO2493" s="162"/>
      <c r="BP2493" s="162"/>
      <c r="BQ2493" s="162"/>
      <c r="BR2493" s="162"/>
      <c r="BS2493" s="162"/>
      <c r="BT2493" s="162"/>
      <c r="BU2493" s="162"/>
      <c r="BV2493" s="162"/>
      <c r="BW2493" s="162"/>
      <c r="BX2493" s="162"/>
      <c r="BY2493" s="162"/>
      <c r="BZ2493" s="162"/>
      <c r="CA2493" s="162"/>
      <c r="CB2493" s="162"/>
      <c r="CC2493" s="162"/>
      <c r="CD2493" s="162"/>
      <c r="CE2493" s="162"/>
      <c r="CF2493" s="162"/>
      <c r="CG2493" s="162"/>
      <c r="CH2493" s="162"/>
      <c r="CI2493" s="162"/>
      <c r="CJ2493" s="162"/>
      <c r="CK2493" s="162"/>
      <c r="CX2493" s="98"/>
      <c r="DL2493" s="97"/>
      <c r="DX2493" s="98"/>
      <c r="EL2493" s="97"/>
      <c r="EX2493" s="98"/>
      <c r="EY2493" s="97"/>
      <c r="FL2493" s="126"/>
      <c r="FM2493" s="91"/>
      <c r="FN2493" s="91"/>
      <c r="FO2493" s="91"/>
      <c r="FP2493" s="91"/>
      <c r="FQ2493" s="91"/>
      <c r="FR2493" s="91"/>
      <c r="FS2493" s="91"/>
      <c r="FT2493" s="91"/>
      <c r="FU2493" s="91"/>
      <c r="FV2493" s="91"/>
      <c r="FW2493" s="91"/>
      <c r="FX2493" s="91"/>
      <c r="FY2493" s="91"/>
      <c r="FZ2493" s="91"/>
      <c r="GA2493" s="91"/>
      <c r="GB2493" s="91"/>
      <c r="GC2493" s="91"/>
      <c r="GD2493" s="91"/>
      <c r="GE2493" s="91"/>
      <c r="GF2493" s="91"/>
      <c r="GG2493" s="91"/>
      <c r="GH2493" s="91"/>
      <c r="GI2493" s="91"/>
      <c r="GJ2493" s="91"/>
      <c r="GK2493" s="127"/>
      <c r="GL2493" s="126"/>
      <c r="GM2493" s="91"/>
      <c r="GN2493" s="91"/>
      <c r="GO2493" s="91"/>
      <c r="GP2493" s="91"/>
      <c r="GQ2493" s="91"/>
      <c r="GR2493" s="91"/>
      <c r="GS2493" s="91"/>
      <c r="GT2493" s="91"/>
      <c r="GU2493" s="91"/>
      <c r="GV2493" s="91"/>
      <c r="GW2493" s="91"/>
      <c r="GX2493" s="91"/>
      <c r="GY2493" s="91"/>
      <c r="GZ2493" s="91"/>
      <c r="HA2493" s="91"/>
      <c r="HB2493" s="91"/>
      <c r="HC2493" s="91"/>
      <c r="HD2493" s="91"/>
      <c r="HE2493" s="91"/>
      <c r="HF2493" s="91"/>
      <c r="HG2493" s="91"/>
      <c r="HH2493" s="91"/>
      <c r="HI2493" s="91"/>
      <c r="HJ2493" s="91"/>
      <c r="HK2493" s="127"/>
      <c r="HL2493" s="126"/>
      <c r="HM2493" s="91"/>
      <c r="HN2493" s="91"/>
      <c r="HO2493" s="91"/>
      <c r="HP2493" s="91"/>
      <c r="HQ2493" s="91"/>
      <c r="HR2493" s="91"/>
      <c r="HS2493" s="91"/>
      <c r="HT2493" s="91"/>
      <c r="HU2493" s="91"/>
      <c r="HV2493" s="91"/>
      <c r="HW2493" s="91"/>
      <c r="HX2493" s="91"/>
      <c r="HY2493" s="91"/>
      <c r="HZ2493" s="91"/>
      <c r="IA2493" s="91"/>
      <c r="IB2493" s="91"/>
      <c r="IC2493" s="91"/>
      <c r="ID2493" s="91"/>
      <c r="IE2493" s="91"/>
      <c r="IF2493" s="91"/>
      <c r="IG2493" s="91"/>
      <c r="IH2493" s="91"/>
      <c r="II2493" s="91"/>
      <c r="IJ2493" s="91"/>
      <c r="IK2493" s="127"/>
    </row>
    <row r="2494" spans="2:245" x14ac:dyDescent="0.2">
      <c r="B2494" s="43"/>
      <c r="C2494" s="73"/>
      <c r="D2494" s="64"/>
      <c r="E2494" s="64"/>
      <c r="F2494" s="55"/>
      <c r="G2494" s="102"/>
      <c r="H2494" s="55"/>
      <c r="I2494" s="55"/>
      <c r="J2494" s="55"/>
      <c r="K2494" s="55"/>
      <c r="L2494" s="55"/>
      <c r="M2494" s="55"/>
      <c r="N2494" s="55"/>
      <c r="O2494" s="55"/>
      <c r="P2494" s="55"/>
      <c r="Q2494" s="55"/>
      <c r="R2494" s="55"/>
      <c r="S2494" s="55"/>
      <c r="T2494" s="55"/>
      <c r="U2494" s="55"/>
      <c r="V2494" s="55"/>
      <c r="W2494" s="55"/>
      <c r="X2494" s="55"/>
      <c r="Y2494" s="55"/>
      <c r="Z2494" s="55"/>
      <c r="AA2494" s="55"/>
      <c r="AB2494" s="55"/>
      <c r="AC2494" s="55"/>
      <c r="AD2494" s="55"/>
      <c r="AE2494" s="55"/>
      <c r="AF2494" s="55"/>
      <c r="AG2494" s="55"/>
      <c r="AY2494" s="162"/>
      <c r="AZ2494" s="162"/>
      <c r="BA2494" s="162"/>
      <c r="BB2494" s="162"/>
      <c r="BC2494" s="162"/>
      <c r="BD2494" s="162"/>
      <c r="BE2494" s="162"/>
      <c r="BF2494" s="162"/>
      <c r="BG2494" s="162"/>
      <c r="BH2494" s="162"/>
      <c r="BI2494" s="162"/>
      <c r="BJ2494" s="162"/>
      <c r="BK2494" s="162"/>
      <c r="BL2494" s="162"/>
      <c r="BM2494" s="162"/>
      <c r="BN2494" s="162"/>
      <c r="BO2494" s="162"/>
      <c r="BP2494" s="162"/>
      <c r="BQ2494" s="162"/>
      <c r="BR2494" s="162"/>
      <c r="BS2494" s="162"/>
      <c r="BT2494" s="162"/>
      <c r="BU2494" s="162"/>
      <c r="BV2494" s="162"/>
      <c r="BW2494" s="162"/>
      <c r="BX2494" s="162"/>
      <c r="BY2494" s="162"/>
      <c r="BZ2494" s="162"/>
      <c r="CA2494" s="162"/>
      <c r="CB2494" s="162"/>
      <c r="CC2494" s="162"/>
      <c r="CD2494" s="162"/>
      <c r="CE2494" s="162"/>
      <c r="CF2494" s="162"/>
      <c r="CG2494" s="162"/>
      <c r="CH2494" s="162"/>
      <c r="CI2494" s="162"/>
      <c r="CJ2494" s="162"/>
      <c r="CK2494" s="162"/>
      <c r="CX2494" s="98"/>
      <c r="DL2494" s="97"/>
      <c r="DX2494" s="98"/>
      <c r="EL2494" s="97"/>
      <c r="EX2494" s="98"/>
      <c r="EY2494" s="97"/>
      <c r="FL2494" s="126"/>
      <c r="FM2494" s="91"/>
      <c r="FN2494" s="91"/>
      <c r="FO2494" s="91"/>
      <c r="FP2494" s="91"/>
      <c r="FQ2494" s="91"/>
      <c r="FR2494" s="91"/>
      <c r="FS2494" s="91"/>
      <c r="FT2494" s="91"/>
      <c r="FU2494" s="91"/>
      <c r="FV2494" s="91"/>
      <c r="FW2494" s="91"/>
      <c r="FX2494" s="91"/>
      <c r="FY2494" s="91"/>
      <c r="FZ2494" s="91"/>
      <c r="GA2494" s="91"/>
      <c r="GB2494" s="91"/>
      <c r="GC2494" s="91"/>
      <c r="GD2494" s="91"/>
      <c r="GE2494" s="91"/>
      <c r="GF2494" s="91"/>
      <c r="GG2494" s="91"/>
      <c r="GH2494" s="91"/>
      <c r="GI2494" s="91"/>
      <c r="GJ2494" s="91"/>
      <c r="GK2494" s="127"/>
      <c r="GL2494" s="126"/>
      <c r="GM2494" s="91"/>
      <c r="GN2494" s="91"/>
      <c r="GO2494" s="91"/>
      <c r="GP2494" s="91"/>
      <c r="GQ2494" s="91"/>
      <c r="GR2494" s="91"/>
      <c r="GS2494" s="91"/>
      <c r="GT2494" s="91"/>
      <c r="GU2494" s="91"/>
      <c r="GV2494" s="91"/>
      <c r="GW2494" s="91"/>
      <c r="GX2494" s="91"/>
      <c r="GY2494" s="91"/>
      <c r="GZ2494" s="91"/>
      <c r="HA2494" s="91"/>
      <c r="HB2494" s="91"/>
      <c r="HC2494" s="91"/>
      <c r="HD2494" s="91"/>
      <c r="HE2494" s="91"/>
      <c r="HF2494" s="91"/>
      <c r="HG2494" s="91"/>
      <c r="HH2494" s="91"/>
      <c r="HI2494" s="91"/>
      <c r="HJ2494" s="91"/>
      <c r="HK2494" s="127"/>
      <c r="HL2494" s="126"/>
      <c r="HM2494" s="91"/>
      <c r="HN2494" s="91"/>
      <c r="HO2494" s="91"/>
      <c r="HP2494" s="91"/>
      <c r="HQ2494" s="91"/>
      <c r="HR2494" s="91"/>
      <c r="HS2494" s="91"/>
      <c r="HT2494" s="91"/>
      <c r="HU2494" s="91"/>
      <c r="HV2494" s="91"/>
      <c r="HW2494" s="91"/>
      <c r="HX2494" s="91"/>
      <c r="HY2494" s="91"/>
      <c r="HZ2494" s="91"/>
      <c r="IA2494" s="91"/>
      <c r="IB2494" s="91"/>
      <c r="IC2494" s="91"/>
      <c r="ID2494" s="91"/>
      <c r="IE2494" s="91"/>
      <c r="IF2494" s="91"/>
      <c r="IG2494" s="91"/>
      <c r="IH2494" s="91"/>
      <c r="II2494" s="91"/>
      <c r="IJ2494" s="91"/>
      <c r="IK2494" s="127"/>
    </row>
    <row r="2495" spans="2:245" x14ac:dyDescent="0.2">
      <c r="B2495" s="43"/>
      <c r="C2495" s="73"/>
      <c r="D2495" s="64"/>
      <c r="E2495" s="64"/>
      <c r="F2495" s="55"/>
      <c r="G2495" s="102"/>
      <c r="H2495" s="55"/>
      <c r="I2495" s="55"/>
      <c r="J2495" s="55"/>
      <c r="K2495" s="55"/>
      <c r="L2495" s="55"/>
      <c r="M2495" s="55"/>
      <c r="N2495" s="55"/>
      <c r="O2495" s="55"/>
      <c r="P2495" s="55"/>
      <c r="Q2495" s="55"/>
      <c r="R2495" s="55"/>
      <c r="S2495" s="55"/>
      <c r="T2495" s="55"/>
      <c r="U2495" s="55"/>
      <c r="V2495" s="55"/>
      <c r="W2495" s="55"/>
      <c r="X2495" s="55"/>
      <c r="Y2495" s="55"/>
      <c r="Z2495" s="55"/>
      <c r="AA2495" s="55"/>
      <c r="AB2495" s="55"/>
      <c r="AC2495" s="55"/>
      <c r="AD2495" s="55"/>
      <c r="AE2495" s="55"/>
      <c r="AF2495" s="55"/>
      <c r="AG2495" s="55"/>
      <c r="AY2495" s="162"/>
      <c r="AZ2495" s="162"/>
      <c r="BA2495" s="162"/>
      <c r="BB2495" s="162"/>
      <c r="BC2495" s="162"/>
      <c r="BD2495" s="162"/>
      <c r="BE2495" s="162"/>
      <c r="BF2495" s="162"/>
      <c r="BG2495" s="162"/>
      <c r="BH2495" s="162"/>
      <c r="BI2495" s="162"/>
      <c r="BJ2495" s="162"/>
      <c r="BK2495" s="162"/>
      <c r="BL2495" s="162"/>
      <c r="BM2495" s="162"/>
      <c r="BN2495" s="162"/>
      <c r="BO2495" s="162"/>
      <c r="BP2495" s="162"/>
      <c r="BQ2495" s="162"/>
      <c r="BR2495" s="162"/>
      <c r="BS2495" s="162"/>
      <c r="BT2495" s="162"/>
      <c r="BU2495" s="162"/>
      <c r="BV2495" s="162"/>
      <c r="BW2495" s="162"/>
      <c r="BX2495" s="162"/>
      <c r="BY2495" s="162"/>
      <c r="BZ2495" s="162"/>
      <c r="CA2495" s="162"/>
      <c r="CB2495" s="162"/>
      <c r="CC2495" s="162"/>
      <c r="CD2495" s="162"/>
      <c r="CE2495" s="162"/>
      <c r="CF2495" s="162"/>
      <c r="CG2495" s="162"/>
      <c r="CH2495" s="162"/>
      <c r="CI2495" s="162"/>
      <c r="CJ2495" s="162"/>
      <c r="CK2495" s="162"/>
      <c r="CX2495" s="98"/>
      <c r="DL2495" s="97"/>
      <c r="DX2495" s="98"/>
      <c r="EL2495" s="97"/>
      <c r="EX2495" s="98"/>
      <c r="EY2495" s="97"/>
      <c r="FL2495" s="126"/>
      <c r="FM2495" s="91"/>
      <c r="FN2495" s="91"/>
      <c r="FO2495" s="91"/>
      <c r="FP2495" s="91"/>
      <c r="FQ2495" s="91"/>
      <c r="FR2495" s="91"/>
      <c r="FS2495" s="91"/>
      <c r="FT2495" s="91"/>
      <c r="FU2495" s="91"/>
      <c r="FV2495" s="91"/>
      <c r="FW2495" s="91"/>
      <c r="FX2495" s="91"/>
      <c r="FY2495" s="91"/>
      <c r="FZ2495" s="91"/>
      <c r="GA2495" s="91"/>
      <c r="GB2495" s="91"/>
      <c r="GC2495" s="91"/>
      <c r="GD2495" s="91"/>
      <c r="GE2495" s="91"/>
      <c r="GF2495" s="91"/>
      <c r="GG2495" s="91"/>
      <c r="GH2495" s="91"/>
      <c r="GI2495" s="91"/>
      <c r="GJ2495" s="91"/>
      <c r="GK2495" s="127"/>
      <c r="GL2495" s="126"/>
      <c r="GM2495" s="91"/>
      <c r="GN2495" s="91"/>
      <c r="GO2495" s="91"/>
      <c r="GP2495" s="91"/>
      <c r="GQ2495" s="91"/>
      <c r="GR2495" s="91"/>
      <c r="GS2495" s="91"/>
      <c r="GT2495" s="91"/>
      <c r="GU2495" s="91"/>
      <c r="GV2495" s="91"/>
      <c r="GW2495" s="91"/>
      <c r="GX2495" s="91"/>
      <c r="GY2495" s="91"/>
      <c r="GZ2495" s="91"/>
      <c r="HA2495" s="91"/>
      <c r="HB2495" s="91"/>
      <c r="HC2495" s="91"/>
      <c r="HD2495" s="91"/>
      <c r="HE2495" s="91"/>
      <c r="HF2495" s="91"/>
      <c r="HG2495" s="91"/>
      <c r="HH2495" s="91"/>
      <c r="HI2495" s="91"/>
      <c r="HJ2495" s="91"/>
      <c r="HK2495" s="127"/>
      <c r="HL2495" s="126"/>
      <c r="HM2495" s="91"/>
      <c r="HN2495" s="91"/>
      <c r="HO2495" s="91"/>
      <c r="HP2495" s="91"/>
      <c r="HQ2495" s="91"/>
      <c r="HR2495" s="91"/>
      <c r="HS2495" s="91"/>
      <c r="HT2495" s="91"/>
      <c r="HU2495" s="91"/>
      <c r="HV2495" s="91"/>
      <c r="HW2495" s="91"/>
      <c r="HX2495" s="91"/>
      <c r="HY2495" s="91"/>
      <c r="HZ2495" s="91"/>
      <c r="IA2495" s="91"/>
      <c r="IB2495" s="91"/>
      <c r="IC2495" s="91"/>
      <c r="ID2495" s="91"/>
      <c r="IE2495" s="91"/>
      <c r="IF2495" s="91"/>
      <c r="IG2495" s="91"/>
      <c r="IH2495" s="91"/>
      <c r="II2495" s="91"/>
      <c r="IJ2495" s="91"/>
      <c r="IK2495" s="127"/>
    </row>
    <row r="2496" spans="2:245" x14ac:dyDescent="0.2">
      <c r="B2496" s="43"/>
      <c r="C2496" s="73"/>
      <c r="D2496" s="64"/>
      <c r="E2496" s="64"/>
      <c r="F2496" s="55"/>
      <c r="G2496" s="102"/>
      <c r="H2496" s="55"/>
      <c r="I2496" s="55"/>
      <c r="J2496" s="55"/>
      <c r="K2496" s="55"/>
      <c r="L2496" s="55"/>
      <c r="M2496" s="55"/>
      <c r="N2496" s="55"/>
      <c r="O2496" s="55"/>
      <c r="P2496" s="55"/>
      <c r="Q2496" s="55"/>
      <c r="R2496" s="55"/>
      <c r="S2496" s="55"/>
      <c r="T2496" s="55"/>
      <c r="U2496" s="55"/>
      <c r="V2496" s="55"/>
      <c r="W2496" s="55"/>
      <c r="X2496" s="55"/>
      <c r="Y2496" s="55"/>
      <c r="Z2496" s="55"/>
      <c r="AA2496" s="55"/>
      <c r="AB2496" s="55"/>
      <c r="AC2496" s="55"/>
      <c r="AD2496" s="55"/>
      <c r="AE2496" s="55"/>
      <c r="AF2496" s="55"/>
      <c r="AG2496" s="55"/>
      <c r="AY2496" s="162"/>
      <c r="AZ2496" s="162"/>
      <c r="BA2496" s="162"/>
      <c r="BB2496" s="162"/>
      <c r="BC2496" s="162"/>
      <c r="BD2496" s="162"/>
      <c r="BE2496" s="162"/>
      <c r="BF2496" s="162"/>
      <c r="BG2496" s="162"/>
      <c r="BH2496" s="162"/>
      <c r="BI2496" s="162"/>
      <c r="BJ2496" s="162"/>
      <c r="BK2496" s="162"/>
      <c r="BL2496" s="162"/>
      <c r="BM2496" s="162"/>
      <c r="BN2496" s="162"/>
      <c r="BO2496" s="162"/>
      <c r="BP2496" s="162"/>
      <c r="BQ2496" s="162"/>
      <c r="BR2496" s="162"/>
      <c r="BS2496" s="162"/>
      <c r="BT2496" s="162"/>
      <c r="BU2496" s="162"/>
      <c r="BV2496" s="162"/>
      <c r="BW2496" s="162"/>
      <c r="BX2496" s="162"/>
      <c r="BY2496" s="162"/>
      <c r="BZ2496" s="162"/>
      <c r="CA2496" s="162"/>
      <c r="CB2496" s="162"/>
      <c r="CC2496" s="162"/>
      <c r="CD2496" s="162"/>
      <c r="CE2496" s="162"/>
      <c r="CF2496" s="162"/>
      <c r="CG2496" s="162"/>
      <c r="CH2496" s="162"/>
      <c r="CI2496" s="162"/>
      <c r="CJ2496" s="162"/>
      <c r="CK2496" s="162"/>
      <c r="CX2496" s="98"/>
      <c r="DL2496" s="97"/>
      <c r="DX2496" s="98"/>
      <c r="EL2496" s="97"/>
      <c r="EX2496" s="98"/>
      <c r="EY2496" s="97"/>
      <c r="FL2496" s="126"/>
      <c r="FM2496" s="91"/>
      <c r="FN2496" s="91"/>
      <c r="FO2496" s="91"/>
      <c r="FP2496" s="91"/>
      <c r="FQ2496" s="91"/>
      <c r="FR2496" s="91"/>
      <c r="FS2496" s="91"/>
      <c r="FT2496" s="91"/>
      <c r="FU2496" s="91"/>
      <c r="FV2496" s="91"/>
      <c r="FW2496" s="91"/>
      <c r="FX2496" s="91"/>
      <c r="FY2496" s="91"/>
      <c r="FZ2496" s="91"/>
      <c r="GA2496" s="91"/>
      <c r="GB2496" s="91"/>
      <c r="GC2496" s="91"/>
      <c r="GD2496" s="91"/>
      <c r="GE2496" s="91"/>
      <c r="GF2496" s="91"/>
      <c r="GG2496" s="91"/>
      <c r="GH2496" s="91"/>
      <c r="GI2496" s="91"/>
      <c r="GJ2496" s="91"/>
      <c r="GK2496" s="127"/>
      <c r="GL2496" s="126"/>
      <c r="GM2496" s="91"/>
      <c r="GN2496" s="91"/>
      <c r="GO2496" s="91"/>
      <c r="GP2496" s="91"/>
      <c r="GQ2496" s="91"/>
      <c r="GR2496" s="91"/>
      <c r="GS2496" s="91"/>
      <c r="GT2496" s="91"/>
      <c r="GU2496" s="91"/>
      <c r="GV2496" s="91"/>
      <c r="GW2496" s="91"/>
      <c r="GX2496" s="91"/>
      <c r="GY2496" s="91"/>
      <c r="GZ2496" s="91"/>
      <c r="HA2496" s="91"/>
      <c r="HB2496" s="91"/>
      <c r="HC2496" s="91"/>
      <c r="HD2496" s="91"/>
      <c r="HE2496" s="91"/>
      <c r="HF2496" s="91"/>
      <c r="HG2496" s="91"/>
      <c r="HH2496" s="91"/>
      <c r="HI2496" s="91"/>
      <c r="HJ2496" s="91"/>
      <c r="HK2496" s="127"/>
      <c r="HL2496" s="126"/>
      <c r="HM2496" s="91"/>
      <c r="HN2496" s="91"/>
      <c r="HO2496" s="91"/>
      <c r="HP2496" s="91"/>
      <c r="HQ2496" s="91"/>
      <c r="HR2496" s="91"/>
      <c r="HS2496" s="91"/>
      <c r="HT2496" s="91"/>
      <c r="HU2496" s="91"/>
      <c r="HV2496" s="91"/>
      <c r="HW2496" s="91"/>
      <c r="HX2496" s="91"/>
      <c r="HY2496" s="91"/>
      <c r="HZ2496" s="91"/>
      <c r="IA2496" s="91"/>
      <c r="IB2496" s="91"/>
      <c r="IC2496" s="91"/>
      <c r="ID2496" s="91"/>
      <c r="IE2496" s="91"/>
      <c r="IF2496" s="91"/>
      <c r="IG2496" s="91"/>
      <c r="IH2496" s="91"/>
      <c r="II2496" s="91"/>
      <c r="IJ2496" s="91"/>
      <c r="IK2496" s="127"/>
    </row>
    <row r="2497" spans="2:245" x14ac:dyDescent="0.2">
      <c r="B2497" s="43"/>
      <c r="C2497" s="73"/>
      <c r="D2497" s="64"/>
      <c r="E2497" s="64"/>
      <c r="F2497" s="55"/>
      <c r="G2497" s="102"/>
      <c r="H2497" s="55"/>
      <c r="I2497" s="55"/>
      <c r="J2497" s="55"/>
      <c r="K2497" s="55"/>
      <c r="L2497" s="55"/>
      <c r="M2497" s="55"/>
      <c r="N2497" s="55"/>
      <c r="O2497" s="55"/>
      <c r="P2497" s="55"/>
      <c r="Q2497" s="55"/>
      <c r="R2497" s="55"/>
      <c r="S2497" s="55"/>
      <c r="T2497" s="55"/>
      <c r="U2497" s="55"/>
      <c r="V2497" s="55"/>
      <c r="W2497" s="55"/>
      <c r="X2497" s="55"/>
      <c r="Y2497" s="55"/>
      <c r="Z2497" s="55"/>
      <c r="AA2497" s="55"/>
      <c r="AB2497" s="55"/>
      <c r="AC2497" s="55"/>
      <c r="AD2497" s="55"/>
      <c r="AE2497" s="55"/>
      <c r="AF2497" s="55"/>
      <c r="AG2497" s="55"/>
      <c r="AY2497" s="162"/>
      <c r="AZ2497" s="162"/>
      <c r="BA2497" s="162"/>
      <c r="BB2497" s="162"/>
      <c r="BC2497" s="162"/>
      <c r="BD2497" s="162"/>
      <c r="BE2497" s="162"/>
      <c r="BF2497" s="162"/>
      <c r="BG2497" s="162"/>
      <c r="BH2497" s="162"/>
      <c r="BI2497" s="162"/>
      <c r="BJ2497" s="162"/>
      <c r="BK2497" s="162"/>
      <c r="BL2497" s="162"/>
      <c r="BM2497" s="162"/>
      <c r="BN2497" s="162"/>
      <c r="BO2497" s="162"/>
      <c r="BP2497" s="162"/>
      <c r="BQ2497" s="162"/>
      <c r="BR2497" s="162"/>
      <c r="BS2497" s="162"/>
      <c r="BT2497" s="162"/>
      <c r="BU2497" s="162"/>
      <c r="BV2497" s="162"/>
      <c r="BW2497" s="162"/>
      <c r="BX2497" s="162"/>
      <c r="BY2497" s="162"/>
      <c r="BZ2497" s="162"/>
      <c r="CA2497" s="162"/>
      <c r="CB2497" s="162"/>
      <c r="CC2497" s="162"/>
      <c r="CD2497" s="162"/>
      <c r="CE2497" s="162"/>
      <c r="CF2497" s="162"/>
      <c r="CG2497" s="162"/>
      <c r="CH2497" s="162"/>
      <c r="CI2497" s="162"/>
      <c r="CJ2497" s="162"/>
      <c r="CK2497" s="162"/>
      <c r="CX2497" s="98"/>
      <c r="DL2497" s="97"/>
      <c r="DX2497" s="98"/>
      <c r="EL2497" s="97"/>
      <c r="EX2497" s="98"/>
      <c r="EY2497" s="97"/>
      <c r="FL2497" s="126"/>
      <c r="FM2497" s="91"/>
      <c r="FN2497" s="91"/>
      <c r="FO2497" s="91"/>
      <c r="FP2497" s="91"/>
      <c r="FQ2497" s="91"/>
      <c r="FR2497" s="91"/>
      <c r="FS2497" s="91"/>
      <c r="FT2497" s="91"/>
      <c r="FU2497" s="91"/>
      <c r="FV2497" s="91"/>
      <c r="FW2497" s="91"/>
      <c r="FX2497" s="91"/>
      <c r="FY2497" s="91"/>
      <c r="FZ2497" s="91"/>
      <c r="GA2497" s="91"/>
      <c r="GB2497" s="91"/>
      <c r="GC2497" s="91"/>
      <c r="GD2497" s="91"/>
      <c r="GE2497" s="91"/>
      <c r="GF2497" s="91"/>
      <c r="GG2497" s="91"/>
      <c r="GH2497" s="91"/>
      <c r="GI2497" s="91"/>
      <c r="GJ2497" s="91"/>
      <c r="GK2497" s="127"/>
      <c r="GL2497" s="126"/>
      <c r="GM2497" s="91"/>
      <c r="GN2497" s="91"/>
      <c r="GO2497" s="91"/>
      <c r="GP2497" s="91"/>
      <c r="GQ2497" s="91"/>
      <c r="GR2497" s="91"/>
      <c r="GS2497" s="91"/>
      <c r="GT2497" s="91"/>
      <c r="GU2497" s="91"/>
      <c r="GV2497" s="91"/>
      <c r="GW2497" s="91"/>
      <c r="GX2497" s="91"/>
      <c r="GY2497" s="91"/>
      <c r="GZ2497" s="91"/>
      <c r="HA2497" s="91"/>
      <c r="HB2497" s="91"/>
      <c r="HC2497" s="91"/>
      <c r="HD2497" s="91"/>
      <c r="HE2497" s="91"/>
      <c r="HF2497" s="91"/>
      <c r="HG2497" s="91"/>
      <c r="HH2497" s="91"/>
      <c r="HI2497" s="91"/>
      <c r="HJ2497" s="91"/>
      <c r="HK2497" s="127"/>
      <c r="HL2497" s="126"/>
      <c r="HM2497" s="91"/>
      <c r="HN2497" s="91"/>
      <c r="HO2497" s="91"/>
      <c r="HP2497" s="91"/>
      <c r="HQ2497" s="91"/>
      <c r="HR2497" s="91"/>
      <c r="HS2497" s="91"/>
      <c r="HT2497" s="91"/>
      <c r="HU2497" s="91"/>
      <c r="HV2497" s="91"/>
      <c r="HW2497" s="91"/>
      <c r="HX2497" s="91"/>
      <c r="HY2497" s="91"/>
      <c r="HZ2497" s="91"/>
      <c r="IA2497" s="91"/>
      <c r="IB2497" s="91"/>
      <c r="IC2497" s="91"/>
      <c r="ID2497" s="91"/>
      <c r="IE2497" s="91"/>
      <c r="IF2497" s="91"/>
      <c r="IG2497" s="91"/>
      <c r="IH2497" s="91"/>
      <c r="II2497" s="91"/>
      <c r="IJ2497" s="91"/>
      <c r="IK2497" s="127"/>
    </row>
    <row r="2498" spans="2:245" x14ac:dyDescent="0.2">
      <c r="B2498" s="43"/>
      <c r="C2498" s="73"/>
      <c r="D2498" s="64"/>
      <c r="E2498" s="64"/>
      <c r="F2498" s="55"/>
      <c r="G2498" s="102"/>
      <c r="H2498" s="55"/>
      <c r="I2498" s="55"/>
      <c r="J2498" s="55"/>
      <c r="K2498" s="55"/>
      <c r="L2498" s="55"/>
      <c r="M2498" s="55"/>
      <c r="N2498" s="55"/>
      <c r="O2498" s="55"/>
      <c r="P2498" s="55"/>
      <c r="Q2498" s="55"/>
      <c r="R2498" s="55"/>
      <c r="S2498" s="55"/>
      <c r="T2498" s="55"/>
      <c r="U2498" s="55"/>
      <c r="V2498" s="55"/>
      <c r="W2498" s="55"/>
      <c r="X2498" s="55"/>
      <c r="Y2498" s="55"/>
      <c r="Z2498" s="55"/>
      <c r="AA2498" s="55"/>
      <c r="AB2498" s="55"/>
      <c r="AC2498" s="55"/>
      <c r="AD2498" s="55"/>
      <c r="AE2498" s="55"/>
      <c r="AF2498" s="55"/>
      <c r="AG2498" s="55"/>
      <c r="AY2498" s="162"/>
      <c r="AZ2498" s="162"/>
      <c r="BA2498" s="162"/>
      <c r="BB2498" s="162"/>
      <c r="BC2498" s="162"/>
      <c r="BD2498" s="162"/>
      <c r="BE2498" s="162"/>
      <c r="BF2498" s="162"/>
      <c r="BG2498" s="162"/>
      <c r="BH2498" s="162"/>
      <c r="BI2498" s="162"/>
      <c r="BJ2498" s="162"/>
      <c r="BK2498" s="162"/>
      <c r="BL2498" s="162"/>
      <c r="BM2498" s="162"/>
      <c r="BN2498" s="162"/>
      <c r="BO2498" s="162"/>
      <c r="BP2498" s="162"/>
      <c r="BQ2498" s="162"/>
      <c r="BR2498" s="162"/>
      <c r="BS2498" s="162"/>
      <c r="BT2498" s="162"/>
      <c r="BU2498" s="162"/>
      <c r="BV2498" s="162"/>
      <c r="BW2498" s="162"/>
      <c r="BX2498" s="162"/>
      <c r="BY2498" s="162"/>
      <c r="BZ2498" s="162"/>
      <c r="CA2498" s="162"/>
      <c r="CB2498" s="162"/>
      <c r="CC2498" s="162"/>
      <c r="CD2498" s="162"/>
      <c r="CE2498" s="162"/>
      <c r="CF2498" s="162"/>
      <c r="CG2498" s="162"/>
      <c r="CH2498" s="162"/>
      <c r="CI2498" s="162"/>
      <c r="CJ2498" s="162"/>
      <c r="CK2498" s="162"/>
      <c r="CX2498" s="98"/>
      <c r="DL2498" s="97"/>
      <c r="DX2498" s="98"/>
      <c r="EL2498" s="97"/>
      <c r="EX2498" s="98"/>
      <c r="EY2498" s="97"/>
      <c r="FL2498" s="126"/>
      <c r="FM2498" s="91"/>
      <c r="FN2498" s="91"/>
      <c r="FO2498" s="91"/>
      <c r="FP2498" s="91"/>
      <c r="FQ2498" s="91"/>
      <c r="FR2498" s="91"/>
      <c r="FS2498" s="91"/>
      <c r="FT2498" s="91"/>
      <c r="FU2498" s="91"/>
      <c r="FV2498" s="91"/>
      <c r="FW2498" s="91"/>
      <c r="FX2498" s="91"/>
      <c r="FY2498" s="91"/>
      <c r="FZ2498" s="91"/>
      <c r="GA2498" s="91"/>
      <c r="GB2498" s="91"/>
      <c r="GC2498" s="91"/>
      <c r="GD2498" s="91"/>
      <c r="GE2498" s="91"/>
      <c r="GF2498" s="91"/>
      <c r="GG2498" s="91"/>
      <c r="GH2498" s="91"/>
      <c r="GI2498" s="91"/>
      <c r="GJ2498" s="91"/>
      <c r="GK2498" s="127"/>
      <c r="GL2498" s="126"/>
      <c r="GM2498" s="91"/>
      <c r="GN2498" s="91"/>
      <c r="GO2498" s="91"/>
      <c r="GP2498" s="91"/>
      <c r="GQ2498" s="91"/>
      <c r="GR2498" s="91"/>
      <c r="GS2498" s="91"/>
      <c r="GT2498" s="91"/>
      <c r="GU2498" s="91"/>
      <c r="GV2498" s="91"/>
      <c r="GW2498" s="91"/>
      <c r="GX2498" s="91"/>
      <c r="GY2498" s="91"/>
      <c r="GZ2498" s="91"/>
      <c r="HA2498" s="91"/>
      <c r="HB2498" s="91"/>
      <c r="HC2498" s="91"/>
      <c r="HD2498" s="91"/>
      <c r="HE2498" s="91"/>
      <c r="HF2498" s="91"/>
      <c r="HG2498" s="91"/>
      <c r="HH2498" s="91"/>
      <c r="HI2498" s="91"/>
      <c r="HJ2498" s="91"/>
      <c r="HK2498" s="127"/>
      <c r="HL2498" s="126"/>
      <c r="HM2498" s="91"/>
      <c r="HN2498" s="91"/>
      <c r="HO2498" s="91"/>
      <c r="HP2498" s="91"/>
      <c r="HQ2498" s="91"/>
      <c r="HR2498" s="91"/>
      <c r="HS2498" s="91"/>
      <c r="HT2498" s="91"/>
      <c r="HU2498" s="91"/>
      <c r="HV2498" s="91"/>
      <c r="HW2498" s="91"/>
      <c r="HX2498" s="91"/>
      <c r="HY2498" s="91"/>
      <c r="HZ2498" s="91"/>
      <c r="IA2498" s="91"/>
      <c r="IB2498" s="91"/>
      <c r="IC2498" s="91"/>
      <c r="ID2498" s="91"/>
      <c r="IE2498" s="91"/>
      <c r="IF2498" s="91"/>
      <c r="IG2498" s="91"/>
      <c r="IH2498" s="91"/>
      <c r="II2498" s="91"/>
      <c r="IJ2498" s="91"/>
      <c r="IK2498" s="127"/>
    </row>
    <row r="2499" spans="2:245" x14ac:dyDescent="0.2">
      <c r="B2499" s="43"/>
      <c r="C2499" s="73"/>
      <c r="D2499" s="64"/>
      <c r="E2499" s="64"/>
      <c r="F2499" s="55"/>
      <c r="G2499" s="102"/>
      <c r="H2499" s="55"/>
      <c r="I2499" s="55"/>
      <c r="J2499" s="55"/>
      <c r="K2499" s="55"/>
      <c r="L2499" s="55"/>
      <c r="M2499" s="55"/>
      <c r="N2499" s="55"/>
      <c r="O2499" s="55"/>
      <c r="P2499" s="55"/>
      <c r="Q2499" s="55"/>
      <c r="R2499" s="55"/>
      <c r="S2499" s="55"/>
      <c r="T2499" s="55"/>
      <c r="U2499" s="55"/>
      <c r="V2499" s="55"/>
      <c r="W2499" s="55"/>
      <c r="X2499" s="55"/>
      <c r="Y2499" s="55"/>
      <c r="Z2499" s="55"/>
      <c r="AA2499" s="55"/>
      <c r="AB2499" s="55"/>
      <c r="AC2499" s="55"/>
      <c r="AD2499" s="55"/>
      <c r="AE2499" s="55"/>
      <c r="AF2499" s="55"/>
      <c r="AG2499" s="55"/>
      <c r="AY2499" s="162"/>
      <c r="AZ2499" s="162"/>
      <c r="BA2499" s="162"/>
      <c r="BB2499" s="162"/>
      <c r="BC2499" s="162"/>
      <c r="BD2499" s="162"/>
      <c r="BE2499" s="162"/>
      <c r="BF2499" s="162"/>
      <c r="BG2499" s="162"/>
      <c r="BH2499" s="162"/>
      <c r="BI2499" s="162"/>
      <c r="BJ2499" s="162"/>
      <c r="BK2499" s="162"/>
      <c r="BL2499" s="162"/>
      <c r="BM2499" s="162"/>
      <c r="BN2499" s="162"/>
      <c r="BO2499" s="162"/>
      <c r="BP2499" s="162"/>
      <c r="BQ2499" s="162"/>
      <c r="BR2499" s="162"/>
      <c r="BS2499" s="162"/>
      <c r="BT2499" s="162"/>
      <c r="BU2499" s="162"/>
      <c r="BV2499" s="162"/>
      <c r="BW2499" s="162"/>
      <c r="BX2499" s="162"/>
      <c r="BY2499" s="162"/>
      <c r="BZ2499" s="162"/>
      <c r="CA2499" s="162"/>
      <c r="CB2499" s="162"/>
      <c r="CC2499" s="162"/>
      <c r="CD2499" s="162"/>
      <c r="CE2499" s="162"/>
      <c r="CF2499" s="162"/>
      <c r="CG2499" s="162"/>
      <c r="CH2499" s="162"/>
      <c r="CI2499" s="162"/>
      <c r="CJ2499" s="162"/>
      <c r="CK2499" s="162"/>
      <c r="CX2499" s="98"/>
      <c r="DL2499" s="97"/>
      <c r="DX2499" s="98"/>
      <c r="EL2499" s="97"/>
      <c r="EX2499" s="98"/>
      <c r="EY2499" s="97"/>
      <c r="FL2499" s="126"/>
      <c r="FM2499" s="91"/>
      <c r="FN2499" s="91"/>
      <c r="FO2499" s="91"/>
      <c r="FP2499" s="91"/>
      <c r="FQ2499" s="91"/>
      <c r="FR2499" s="91"/>
      <c r="FS2499" s="91"/>
      <c r="FT2499" s="91"/>
      <c r="FU2499" s="91"/>
      <c r="FV2499" s="91"/>
      <c r="FW2499" s="91"/>
      <c r="FX2499" s="91"/>
      <c r="FY2499" s="91"/>
      <c r="FZ2499" s="91"/>
      <c r="GA2499" s="91"/>
      <c r="GB2499" s="91"/>
      <c r="GC2499" s="91"/>
      <c r="GD2499" s="91"/>
      <c r="GE2499" s="91"/>
      <c r="GF2499" s="91"/>
      <c r="GG2499" s="91"/>
      <c r="GH2499" s="91"/>
      <c r="GI2499" s="91"/>
      <c r="GJ2499" s="91"/>
      <c r="GK2499" s="127"/>
      <c r="GL2499" s="126"/>
      <c r="GM2499" s="91"/>
      <c r="GN2499" s="91"/>
      <c r="GO2499" s="91"/>
      <c r="GP2499" s="91"/>
      <c r="GQ2499" s="91"/>
      <c r="GR2499" s="91"/>
      <c r="GS2499" s="91"/>
      <c r="GT2499" s="91"/>
      <c r="GU2499" s="91"/>
      <c r="GV2499" s="91"/>
      <c r="GW2499" s="91"/>
      <c r="GX2499" s="91"/>
      <c r="GY2499" s="91"/>
      <c r="GZ2499" s="91"/>
      <c r="HA2499" s="91"/>
      <c r="HB2499" s="91"/>
      <c r="HC2499" s="91"/>
      <c r="HD2499" s="91"/>
      <c r="HE2499" s="91"/>
      <c r="HF2499" s="91"/>
      <c r="HG2499" s="91"/>
      <c r="HH2499" s="91"/>
      <c r="HI2499" s="91"/>
      <c r="HJ2499" s="91"/>
      <c r="HK2499" s="127"/>
      <c r="HL2499" s="126"/>
      <c r="HM2499" s="91"/>
      <c r="HN2499" s="91"/>
      <c r="HO2499" s="91"/>
      <c r="HP2499" s="91"/>
      <c r="HQ2499" s="91"/>
      <c r="HR2499" s="91"/>
      <c r="HS2499" s="91"/>
      <c r="HT2499" s="91"/>
      <c r="HU2499" s="91"/>
      <c r="HV2499" s="91"/>
      <c r="HW2499" s="91"/>
      <c r="HX2499" s="91"/>
      <c r="HY2499" s="91"/>
      <c r="HZ2499" s="91"/>
      <c r="IA2499" s="91"/>
      <c r="IB2499" s="91"/>
      <c r="IC2499" s="91"/>
      <c r="ID2499" s="91"/>
      <c r="IE2499" s="91"/>
      <c r="IF2499" s="91"/>
      <c r="IG2499" s="91"/>
      <c r="IH2499" s="91"/>
      <c r="II2499" s="91"/>
      <c r="IJ2499" s="91"/>
      <c r="IK2499" s="127"/>
    </row>
    <row r="2500" spans="2:245" x14ac:dyDescent="0.2">
      <c r="B2500" s="43"/>
      <c r="C2500" s="73"/>
      <c r="D2500" s="64"/>
      <c r="E2500" s="64"/>
      <c r="F2500" s="55"/>
      <c r="G2500" s="102"/>
      <c r="H2500" s="55"/>
      <c r="I2500" s="55"/>
      <c r="J2500" s="55"/>
      <c r="K2500" s="55"/>
      <c r="L2500" s="55"/>
      <c r="M2500" s="55"/>
      <c r="N2500" s="55"/>
      <c r="O2500" s="55"/>
      <c r="P2500" s="55"/>
      <c r="Q2500" s="55"/>
      <c r="R2500" s="55"/>
      <c r="S2500" s="55"/>
      <c r="T2500" s="55"/>
      <c r="U2500" s="55"/>
      <c r="V2500" s="55"/>
      <c r="W2500" s="55"/>
      <c r="X2500" s="55"/>
      <c r="Y2500" s="55"/>
      <c r="Z2500" s="55"/>
      <c r="AA2500" s="55"/>
      <c r="AB2500" s="55"/>
      <c r="AC2500" s="55"/>
      <c r="AD2500" s="55"/>
      <c r="AE2500" s="55"/>
      <c r="AF2500" s="55"/>
      <c r="AG2500" s="55"/>
      <c r="AY2500" s="162"/>
      <c r="AZ2500" s="162"/>
      <c r="BA2500" s="162"/>
      <c r="BB2500" s="162"/>
      <c r="BC2500" s="162"/>
      <c r="BD2500" s="162"/>
      <c r="BE2500" s="162"/>
      <c r="BF2500" s="162"/>
      <c r="BG2500" s="162"/>
      <c r="BH2500" s="162"/>
      <c r="BI2500" s="162"/>
      <c r="BJ2500" s="162"/>
      <c r="BK2500" s="162"/>
      <c r="BL2500" s="162"/>
      <c r="BM2500" s="162"/>
      <c r="BN2500" s="162"/>
      <c r="BO2500" s="162"/>
      <c r="BP2500" s="162"/>
      <c r="BQ2500" s="162"/>
      <c r="BR2500" s="162"/>
      <c r="BS2500" s="162"/>
      <c r="BT2500" s="162"/>
      <c r="BU2500" s="162"/>
      <c r="BV2500" s="162"/>
      <c r="BW2500" s="162"/>
      <c r="BX2500" s="162"/>
      <c r="BY2500" s="162"/>
      <c r="BZ2500" s="162"/>
      <c r="CA2500" s="162"/>
      <c r="CB2500" s="162"/>
      <c r="CC2500" s="162"/>
      <c r="CD2500" s="162"/>
      <c r="CE2500" s="162"/>
      <c r="CF2500" s="162"/>
      <c r="CG2500" s="162"/>
      <c r="CH2500" s="162"/>
      <c r="CI2500" s="162"/>
      <c r="CJ2500" s="162"/>
      <c r="CK2500" s="162"/>
      <c r="CX2500" s="98"/>
      <c r="DL2500" s="97"/>
      <c r="DX2500" s="98"/>
      <c r="EL2500" s="97"/>
      <c r="EX2500" s="98"/>
      <c r="EY2500" s="97"/>
      <c r="FL2500" s="126"/>
      <c r="FM2500" s="91"/>
      <c r="FN2500" s="91"/>
      <c r="FO2500" s="91"/>
      <c r="FP2500" s="91"/>
      <c r="FQ2500" s="91"/>
      <c r="FR2500" s="91"/>
      <c r="FS2500" s="91"/>
      <c r="FT2500" s="91"/>
      <c r="FU2500" s="91"/>
      <c r="FV2500" s="91"/>
      <c r="FW2500" s="91"/>
      <c r="FX2500" s="91"/>
      <c r="FY2500" s="91"/>
      <c r="FZ2500" s="91"/>
      <c r="GA2500" s="91"/>
      <c r="GB2500" s="91"/>
      <c r="GC2500" s="91"/>
      <c r="GD2500" s="91"/>
      <c r="GE2500" s="91"/>
      <c r="GF2500" s="91"/>
      <c r="GG2500" s="91"/>
      <c r="GH2500" s="91"/>
      <c r="GI2500" s="91"/>
      <c r="GJ2500" s="91"/>
      <c r="GK2500" s="127"/>
      <c r="GL2500" s="126"/>
      <c r="GM2500" s="91"/>
      <c r="GN2500" s="91"/>
      <c r="GO2500" s="91"/>
      <c r="GP2500" s="91"/>
      <c r="GQ2500" s="91"/>
      <c r="GR2500" s="91"/>
      <c r="GS2500" s="91"/>
      <c r="GT2500" s="91"/>
      <c r="GU2500" s="91"/>
      <c r="GV2500" s="91"/>
      <c r="GW2500" s="91"/>
      <c r="GX2500" s="91"/>
      <c r="GY2500" s="91"/>
      <c r="GZ2500" s="91"/>
      <c r="HA2500" s="91"/>
      <c r="HB2500" s="91"/>
      <c r="HC2500" s="91"/>
      <c r="HD2500" s="91"/>
      <c r="HE2500" s="91"/>
      <c r="HF2500" s="91"/>
      <c r="HG2500" s="91"/>
      <c r="HH2500" s="91"/>
      <c r="HI2500" s="91"/>
      <c r="HJ2500" s="91"/>
      <c r="HK2500" s="127"/>
      <c r="HL2500" s="126"/>
      <c r="HM2500" s="91"/>
      <c r="HN2500" s="91"/>
      <c r="HO2500" s="91"/>
      <c r="HP2500" s="91"/>
      <c r="HQ2500" s="91"/>
      <c r="HR2500" s="91"/>
      <c r="HS2500" s="91"/>
      <c r="HT2500" s="91"/>
      <c r="HU2500" s="91"/>
      <c r="HV2500" s="91"/>
      <c r="HW2500" s="91"/>
      <c r="HX2500" s="91"/>
      <c r="HY2500" s="91"/>
      <c r="HZ2500" s="91"/>
      <c r="IA2500" s="91"/>
      <c r="IB2500" s="91"/>
      <c r="IC2500" s="91"/>
      <c r="ID2500" s="91"/>
      <c r="IE2500" s="91"/>
      <c r="IF2500" s="91"/>
      <c r="IG2500" s="91"/>
      <c r="IH2500" s="91"/>
      <c r="II2500" s="91"/>
      <c r="IJ2500" s="91"/>
      <c r="IK2500" s="127"/>
    </row>
    <row r="2501" spans="2:245" x14ac:dyDescent="0.2">
      <c r="B2501" s="43"/>
      <c r="C2501" s="73"/>
      <c r="D2501" s="64"/>
      <c r="E2501" s="64"/>
      <c r="F2501" s="55"/>
      <c r="G2501" s="102"/>
      <c r="H2501" s="55"/>
      <c r="I2501" s="55"/>
      <c r="J2501" s="55"/>
      <c r="K2501" s="55"/>
      <c r="L2501" s="55"/>
      <c r="M2501" s="55"/>
      <c r="N2501" s="55"/>
      <c r="O2501" s="55"/>
      <c r="P2501" s="55"/>
      <c r="Q2501" s="55"/>
      <c r="R2501" s="55"/>
      <c r="S2501" s="55"/>
      <c r="T2501" s="55"/>
      <c r="U2501" s="55"/>
      <c r="V2501" s="55"/>
      <c r="W2501" s="55"/>
      <c r="X2501" s="55"/>
      <c r="Y2501" s="55"/>
      <c r="Z2501" s="55"/>
      <c r="AA2501" s="55"/>
      <c r="AB2501" s="55"/>
      <c r="AC2501" s="55"/>
      <c r="AD2501" s="55"/>
      <c r="AE2501" s="55"/>
      <c r="AF2501" s="55"/>
      <c r="AG2501" s="55"/>
      <c r="AY2501" s="162"/>
      <c r="AZ2501" s="162"/>
      <c r="BA2501" s="162"/>
      <c r="BB2501" s="162"/>
      <c r="BC2501" s="162"/>
      <c r="BD2501" s="162"/>
      <c r="BE2501" s="162"/>
      <c r="BF2501" s="162"/>
      <c r="BG2501" s="162"/>
      <c r="BH2501" s="162"/>
      <c r="BI2501" s="162"/>
      <c r="BJ2501" s="162"/>
      <c r="BK2501" s="162"/>
      <c r="BL2501" s="162"/>
      <c r="BM2501" s="162"/>
      <c r="BN2501" s="162"/>
      <c r="BO2501" s="162"/>
      <c r="BP2501" s="162"/>
      <c r="BQ2501" s="162"/>
      <c r="BR2501" s="162"/>
      <c r="BS2501" s="162"/>
      <c r="BT2501" s="162"/>
      <c r="BU2501" s="162"/>
      <c r="BV2501" s="162"/>
      <c r="BW2501" s="162"/>
      <c r="BX2501" s="162"/>
      <c r="BY2501" s="162"/>
      <c r="BZ2501" s="162"/>
      <c r="CA2501" s="162"/>
      <c r="CB2501" s="162"/>
      <c r="CC2501" s="162"/>
      <c r="CD2501" s="162"/>
      <c r="CE2501" s="162"/>
      <c r="CF2501" s="162"/>
      <c r="CG2501" s="162"/>
      <c r="CH2501" s="162"/>
      <c r="CI2501" s="162"/>
      <c r="CJ2501" s="162"/>
      <c r="CK2501" s="162"/>
      <c r="CX2501" s="98"/>
      <c r="DL2501" s="97"/>
      <c r="DX2501" s="98"/>
      <c r="EL2501" s="97"/>
      <c r="EX2501" s="98"/>
      <c r="EY2501" s="97"/>
      <c r="FL2501" s="126"/>
      <c r="FM2501" s="91"/>
      <c r="FN2501" s="91"/>
      <c r="FO2501" s="91"/>
      <c r="FP2501" s="91"/>
      <c r="FQ2501" s="91"/>
      <c r="FR2501" s="91"/>
      <c r="FS2501" s="91"/>
      <c r="FT2501" s="91"/>
      <c r="FU2501" s="91"/>
      <c r="FV2501" s="91"/>
      <c r="FW2501" s="91"/>
      <c r="FX2501" s="91"/>
      <c r="FY2501" s="91"/>
      <c r="FZ2501" s="91"/>
      <c r="GA2501" s="91"/>
      <c r="GB2501" s="91"/>
      <c r="GC2501" s="91"/>
      <c r="GD2501" s="91"/>
      <c r="GE2501" s="91"/>
      <c r="GF2501" s="91"/>
      <c r="GG2501" s="91"/>
      <c r="GH2501" s="91"/>
      <c r="GI2501" s="91"/>
      <c r="GJ2501" s="91"/>
      <c r="GK2501" s="127"/>
      <c r="GL2501" s="126"/>
      <c r="GM2501" s="91"/>
      <c r="GN2501" s="91"/>
      <c r="GO2501" s="91"/>
      <c r="GP2501" s="91"/>
      <c r="GQ2501" s="91"/>
      <c r="GR2501" s="91"/>
      <c r="GS2501" s="91"/>
      <c r="GT2501" s="91"/>
      <c r="GU2501" s="91"/>
      <c r="GV2501" s="91"/>
      <c r="GW2501" s="91"/>
      <c r="GX2501" s="91"/>
      <c r="GY2501" s="91"/>
      <c r="GZ2501" s="91"/>
      <c r="HA2501" s="91"/>
      <c r="HB2501" s="91"/>
      <c r="HC2501" s="91"/>
      <c r="HD2501" s="91"/>
      <c r="HE2501" s="91"/>
      <c r="HF2501" s="91"/>
      <c r="HG2501" s="91"/>
      <c r="HH2501" s="91"/>
      <c r="HI2501" s="91"/>
      <c r="HJ2501" s="91"/>
      <c r="HK2501" s="127"/>
      <c r="HL2501" s="126"/>
      <c r="HM2501" s="91"/>
      <c r="HN2501" s="91"/>
      <c r="HO2501" s="91"/>
      <c r="HP2501" s="91"/>
      <c r="HQ2501" s="91"/>
      <c r="HR2501" s="91"/>
      <c r="HS2501" s="91"/>
      <c r="HT2501" s="91"/>
      <c r="HU2501" s="91"/>
      <c r="HV2501" s="91"/>
      <c r="HW2501" s="91"/>
      <c r="HX2501" s="91"/>
      <c r="HY2501" s="91"/>
      <c r="HZ2501" s="91"/>
      <c r="IA2501" s="91"/>
      <c r="IB2501" s="91"/>
      <c r="IC2501" s="91"/>
      <c r="ID2501" s="91"/>
      <c r="IE2501" s="91"/>
      <c r="IF2501" s="91"/>
      <c r="IG2501" s="91"/>
      <c r="IH2501" s="91"/>
      <c r="II2501" s="91"/>
      <c r="IJ2501" s="91"/>
      <c r="IK2501" s="127"/>
    </row>
    <row r="2502" spans="2:245" x14ac:dyDescent="0.2">
      <c r="B2502" s="43"/>
      <c r="C2502" s="73"/>
      <c r="D2502" s="64"/>
      <c r="E2502" s="64"/>
      <c r="F2502" s="55"/>
      <c r="G2502" s="102"/>
      <c r="H2502" s="55"/>
      <c r="I2502" s="55"/>
      <c r="J2502" s="55"/>
      <c r="K2502" s="55"/>
      <c r="L2502" s="55"/>
      <c r="M2502" s="55"/>
      <c r="N2502" s="55"/>
      <c r="O2502" s="55"/>
      <c r="P2502" s="55"/>
      <c r="Q2502" s="55"/>
      <c r="R2502" s="55"/>
      <c r="S2502" s="55"/>
      <c r="T2502" s="55"/>
      <c r="U2502" s="55"/>
      <c r="V2502" s="55"/>
      <c r="W2502" s="55"/>
      <c r="X2502" s="55"/>
      <c r="Y2502" s="55"/>
      <c r="Z2502" s="55"/>
      <c r="AA2502" s="55"/>
      <c r="AB2502" s="55"/>
      <c r="AC2502" s="55"/>
      <c r="AD2502" s="55"/>
      <c r="AE2502" s="55"/>
      <c r="AF2502" s="55"/>
      <c r="AG2502" s="55"/>
      <c r="AY2502" s="162"/>
      <c r="AZ2502" s="162"/>
      <c r="BA2502" s="162"/>
      <c r="BB2502" s="162"/>
      <c r="BC2502" s="162"/>
      <c r="BD2502" s="162"/>
      <c r="BE2502" s="162"/>
      <c r="BF2502" s="162"/>
      <c r="BG2502" s="162"/>
      <c r="BH2502" s="162"/>
      <c r="BI2502" s="162"/>
      <c r="BJ2502" s="162"/>
      <c r="BK2502" s="162"/>
      <c r="BL2502" s="162"/>
      <c r="BM2502" s="162"/>
      <c r="BN2502" s="162"/>
      <c r="BO2502" s="162"/>
      <c r="BP2502" s="162"/>
      <c r="BQ2502" s="162"/>
      <c r="BR2502" s="162"/>
      <c r="BS2502" s="162"/>
      <c r="BT2502" s="162"/>
      <c r="BU2502" s="162"/>
      <c r="BV2502" s="162"/>
      <c r="BW2502" s="162"/>
      <c r="BX2502" s="162"/>
      <c r="BY2502" s="162"/>
      <c r="BZ2502" s="162"/>
      <c r="CA2502" s="162"/>
      <c r="CB2502" s="162"/>
      <c r="CC2502" s="162"/>
      <c r="CD2502" s="162"/>
      <c r="CE2502" s="162"/>
      <c r="CF2502" s="162"/>
      <c r="CG2502" s="162"/>
      <c r="CH2502" s="162"/>
      <c r="CI2502" s="162"/>
      <c r="CJ2502" s="162"/>
      <c r="CK2502" s="162"/>
      <c r="CX2502" s="98"/>
      <c r="DL2502" s="97"/>
      <c r="DX2502" s="98"/>
      <c r="EL2502" s="97"/>
      <c r="EX2502" s="98"/>
      <c r="EY2502" s="97"/>
      <c r="FL2502" s="126"/>
      <c r="FM2502" s="91"/>
      <c r="FN2502" s="91"/>
      <c r="FO2502" s="91"/>
      <c r="FP2502" s="91"/>
      <c r="FQ2502" s="91"/>
      <c r="FR2502" s="91"/>
      <c r="FS2502" s="91"/>
      <c r="FT2502" s="91"/>
      <c r="FU2502" s="91"/>
      <c r="FV2502" s="91"/>
      <c r="FW2502" s="91"/>
      <c r="FX2502" s="91"/>
      <c r="FY2502" s="91"/>
      <c r="FZ2502" s="91"/>
      <c r="GA2502" s="91"/>
      <c r="GB2502" s="91"/>
      <c r="GC2502" s="91"/>
      <c r="GD2502" s="91"/>
      <c r="GE2502" s="91"/>
      <c r="GF2502" s="91"/>
      <c r="GG2502" s="91"/>
      <c r="GH2502" s="91"/>
      <c r="GI2502" s="91"/>
      <c r="GJ2502" s="91"/>
      <c r="GK2502" s="127"/>
      <c r="GL2502" s="126"/>
      <c r="GM2502" s="91"/>
      <c r="GN2502" s="91"/>
      <c r="GO2502" s="91"/>
      <c r="GP2502" s="91"/>
      <c r="GQ2502" s="91"/>
      <c r="GR2502" s="91"/>
      <c r="GS2502" s="91"/>
      <c r="GT2502" s="91"/>
      <c r="GU2502" s="91"/>
      <c r="GV2502" s="91"/>
      <c r="GW2502" s="91"/>
      <c r="GX2502" s="91"/>
      <c r="GY2502" s="91"/>
      <c r="GZ2502" s="91"/>
      <c r="HA2502" s="91"/>
      <c r="HB2502" s="91"/>
      <c r="HC2502" s="91"/>
      <c r="HD2502" s="91"/>
      <c r="HE2502" s="91"/>
      <c r="HF2502" s="91"/>
      <c r="HG2502" s="91"/>
      <c r="HH2502" s="91"/>
      <c r="HI2502" s="91"/>
      <c r="HJ2502" s="91"/>
      <c r="HK2502" s="127"/>
      <c r="HL2502" s="126"/>
      <c r="HM2502" s="91"/>
      <c r="HN2502" s="91"/>
      <c r="HO2502" s="91"/>
      <c r="HP2502" s="91"/>
      <c r="HQ2502" s="91"/>
      <c r="HR2502" s="91"/>
      <c r="HS2502" s="91"/>
      <c r="HT2502" s="91"/>
      <c r="HU2502" s="91"/>
      <c r="HV2502" s="91"/>
      <c r="HW2502" s="91"/>
      <c r="HX2502" s="91"/>
      <c r="HY2502" s="91"/>
      <c r="HZ2502" s="91"/>
      <c r="IA2502" s="91"/>
      <c r="IB2502" s="91"/>
      <c r="IC2502" s="91"/>
      <c r="ID2502" s="91"/>
      <c r="IE2502" s="91"/>
      <c r="IF2502" s="91"/>
      <c r="IG2502" s="91"/>
      <c r="IH2502" s="91"/>
      <c r="II2502" s="91"/>
      <c r="IJ2502" s="91"/>
      <c r="IK2502" s="127"/>
    </row>
    <row r="2503" spans="2:245" x14ac:dyDescent="0.2">
      <c r="B2503" s="43"/>
      <c r="C2503" s="73"/>
      <c r="D2503" s="64"/>
      <c r="E2503" s="64"/>
      <c r="F2503" s="55"/>
      <c r="G2503" s="102"/>
      <c r="H2503" s="55"/>
      <c r="I2503" s="55"/>
      <c r="J2503" s="55"/>
      <c r="K2503" s="55"/>
      <c r="L2503" s="55"/>
      <c r="M2503" s="55"/>
      <c r="N2503" s="55"/>
      <c r="O2503" s="55"/>
      <c r="P2503" s="55"/>
      <c r="Q2503" s="55"/>
      <c r="R2503" s="55"/>
      <c r="S2503" s="55"/>
      <c r="T2503" s="55"/>
      <c r="U2503" s="55"/>
      <c r="V2503" s="55"/>
      <c r="W2503" s="55"/>
      <c r="X2503" s="55"/>
      <c r="Y2503" s="55"/>
      <c r="Z2503" s="55"/>
      <c r="AA2503" s="55"/>
      <c r="AB2503" s="55"/>
      <c r="AC2503" s="55"/>
      <c r="AD2503" s="55"/>
      <c r="AE2503" s="55"/>
      <c r="AF2503" s="55"/>
      <c r="AG2503" s="55"/>
      <c r="AY2503" s="162"/>
      <c r="AZ2503" s="162"/>
      <c r="BA2503" s="162"/>
      <c r="BB2503" s="162"/>
      <c r="BC2503" s="162"/>
      <c r="BD2503" s="162"/>
      <c r="BE2503" s="162"/>
      <c r="BF2503" s="162"/>
      <c r="BG2503" s="162"/>
      <c r="BH2503" s="162"/>
      <c r="BI2503" s="162"/>
      <c r="BJ2503" s="162"/>
      <c r="BK2503" s="162"/>
      <c r="BL2503" s="162"/>
      <c r="BM2503" s="162"/>
      <c r="BN2503" s="162"/>
      <c r="BO2503" s="162"/>
      <c r="BP2503" s="162"/>
      <c r="BQ2503" s="162"/>
      <c r="BR2503" s="162"/>
      <c r="BS2503" s="162"/>
      <c r="BT2503" s="162"/>
      <c r="BU2503" s="162"/>
      <c r="BV2503" s="162"/>
      <c r="BW2503" s="162"/>
      <c r="BX2503" s="162"/>
      <c r="BY2503" s="162"/>
      <c r="BZ2503" s="162"/>
      <c r="CA2503" s="162"/>
      <c r="CB2503" s="162"/>
      <c r="CC2503" s="162"/>
      <c r="CD2503" s="162"/>
      <c r="CE2503" s="162"/>
      <c r="CF2503" s="162"/>
      <c r="CG2503" s="162"/>
      <c r="CH2503" s="162"/>
      <c r="CI2503" s="162"/>
      <c r="CJ2503" s="162"/>
      <c r="CK2503" s="162"/>
      <c r="CX2503" s="98"/>
      <c r="DL2503" s="97"/>
      <c r="DX2503" s="98"/>
      <c r="EL2503" s="97"/>
      <c r="EX2503" s="98"/>
      <c r="EY2503" s="97"/>
      <c r="FL2503" s="126"/>
      <c r="FM2503" s="91"/>
      <c r="FN2503" s="91"/>
      <c r="FO2503" s="91"/>
      <c r="FP2503" s="91"/>
      <c r="FQ2503" s="91"/>
      <c r="FR2503" s="91"/>
      <c r="FS2503" s="91"/>
      <c r="FT2503" s="91"/>
      <c r="FU2503" s="91"/>
      <c r="FV2503" s="91"/>
      <c r="FW2503" s="91"/>
      <c r="FX2503" s="91"/>
      <c r="FY2503" s="91"/>
      <c r="FZ2503" s="91"/>
      <c r="GA2503" s="91"/>
      <c r="GB2503" s="91"/>
      <c r="GC2503" s="91"/>
      <c r="GD2503" s="91"/>
      <c r="GE2503" s="91"/>
      <c r="GF2503" s="91"/>
      <c r="GG2503" s="91"/>
      <c r="GH2503" s="91"/>
      <c r="GI2503" s="91"/>
      <c r="GJ2503" s="91"/>
      <c r="GK2503" s="127"/>
      <c r="GL2503" s="126"/>
      <c r="GM2503" s="91"/>
      <c r="GN2503" s="91"/>
      <c r="GO2503" s="91"/>
      <c r="GP2503" s="91"/>
      <c r="GQ2503" s="91"/>
      <c r="GR2503" s="91"/>
      <c r="GS2503" s="91"/>
      <c r="GT2503" s="91"/>
      <c r="GU2503" s="91"/>
      <c r="GV2503" s="91"/>
      <c r="GW2503" s="91"/>
      <c r="GX2503" s="91"/>
      <c r="GY2503" s="91"/>
      <c r="GZ2503" s="91"/>
      <c r="HA2503" s="91"/>
      <c r="HB2503" s="91"/>
      <c r="HC2503" s="91"/>
      <c r="HD2503" s="91"/>
      <c r="HE2503" s="91"/>
      <c r="HF2503" s="91"/>
      <c r="HG2503" s="91"/>
      <c r="HH2503" s="91"/>
      <c r="HI2503" s="91"/>
      <c r="HJ2503" s="91"/>
      <c r="HK2503" s="127"/>
      <c r="HL2503" s="126"/>
      <c r="HM2503" s="91"/>
      <c r="HN2503" s="91"/>
      <c r="HO2503" s="91"/>
      <c r="HP2503" s="91"/>
      <c r="HQ2503" s="91"/>
      <c r="HR2503" s="91"/>
      <c r="HS2503" s="91"/>
      <c r="HT2503" s="91"/>
      <c r="HU2503" s="91"/>
      <c r="HV2503" s="91"/>
      <c r="HW2503" s="91"/>
      <c r="HX2503" s="91"/>
      <c r="HY2503" s="91"/>
      <c r="HZ2503" s="91"/>
      <c r="IA2503" s="91"/>
      <c r="IB2503" s="91"/>
      <c r="IC2503" s="91"/>
      <c r="ID2503" s="91"/>
      <c r="IE2503" s="91"/>
      <c r="IF2503" s="91"/>
      <c r="IG2503" s="91"/>
      <c r="IH2503" s="91"/>
      <c r="II2503" s="91"/>
      <c r="IJ2503" s="91"/>
      <c r="IK2503" s="127"/>
    </row>
    <row r="2504" spans="2:245" x14ac:dyDescent="0.2">
      <c r="B2504" s="43"/>
      <c r="C2504" s="73"/>
      <c r="D2504" s="64"/>
      <c r="E2504" s="64"/>
      <c r="F2504" s="55"/>
      <c r="G2504" s="102"/>
      <c r="H2504" s="55"/>
      <c r="I2504" s="55"/>
      <c r="J2504" s="55"/>
      <c r="K2504" s="55"/>
      <c r="L2504" s="55"/>
      <c r="M2504" s="55"/>
      <c r="N2504" s="55"/>
      <c r="O2504" s="55"/>
      <c r="P2504" s="55"/>
      <c r="Q2504" s="55"/>
      <c r="R2504" s="55"/>
      <c r="S2504" s="55"/>
      <c r="T2504" s="55"/>
      <c r="U2504" s="55"/>
      <c r="V2504" s="55"/>
      <c r="W2504" s="55"/>
      <c r="X2504" s="55"/>
      <c r="Y2504" s="55"/>
      <c r="Z2504" s="55"/>
      <c r="AA2504" s="55"/>
      <c r="AB2504" s="55"/>
      <c r="AC2504" s="55"/>
      <c r="AD2504" s="55"/>
      <c r="AE2504" s="55"/>
      <c r="AF2504" s="55"/>
      <c r="AG2504" s="55"/>
      <c r="AY2504" s="162"/>
      <c r="AZ2504" s="162"/>
      <c r="BA2504" s="162"/>
      <c r="BB2504" s="162"/>
      <c r="BC2504" s="162"/>
      <c r="BD2504" s="162"/>
      <c r="BE2504" s="162"/>
      <c r="BF2504" s="162"/>
      <c r="BG2504" s="162"/>
      <c r="BH2504" s="162"/>
      <c r="BI2504" s="162"/>
      <c r="BJ2504" s="162"/>
      <c r="BK2504" s="162"/>
      <c r="BL2504" s="162"/>
      <c r="BM2504" s="162"/>
      <c r="BN2504" s="162"/>
      <c r="BO2504" s="162"/>
      <c r="BP2504" s="162"/>
      <c r="BQ2504" s="162"/>
      <c r="BR2504" s="162"/>
      <c r="BS2504" s="162"/>
      <c r="BT2504" s="162"/>
      <c r="BU2504" s="162"/>
      <c r="BV2504" s="162"/>
      <c r="BW2504" s="162"/>
      <c r="BX2504" s="162"/>
      <c r="BY2504" s="162"/>
      <c r="BZ2504" s="162"/>
      <c r="CA2504" s="162"/>
      <c r="CB2504" s="162"/>
      <c r="CC2504" s="162"/>
      <c r="CD2504" s="162"/>
      <c r="CE2504" s="162"/>
      <c r="CF2504" s="162"/>
      <c r="CG2504" s="162"/>
      <c r="CH2504" s="162"/>
      <c r="CI2504" s="162"/>
      <c r="CJ2504" s="162"/>
      <c r="CK2504" s="162"/>
      <c r="CX2504" s="98"/>
      <c r="DL2504" s="97"/>
      <c r="DX2504" s="98"/>
      <c r="EL2504" s="97"/>
      <c r="EX2504" s="98"/>
      <c r="EY2504" s="97"/>
      <c r="FL2504" s="126"/>
      <c r="FM2504" s="91"/>
      <c r="FN2504" s="91"/>
      <c r="FO2504" s="91"/>
      <c r="FP2504" s="91"/>
      <c r="FQ2504" s="91"/>
      <c r="FR2504" s="91"/>
      <c r="FS2504" s="91"/>
      <c r="FT2504" s="91"/>
      <c r="FU2504" s="91"/>
      <c r="FV2504" s="91"/>
      <c r="FW2504" s="91"/>
      <c r="FX2504" s="91"/>
      <c r="FY2504" s="91"/>
      <c r="FZ2504" s="91"/>
      <c r="GA2504" s="91"/>
      <c r="GB2504" s="91"/>
      <c r="GC2504" s="91"/>
      <c r="GD2504" s="91"/>
      <c r="GE2504" s="91"/>
      <c r="GF2504" s="91"/>
      <c r="GG2504" s="91"/>
      <c r="GH2504" s="91"/>
      <c r="GI2504" s="91"/>
      <c r="GJ2504" s="91"/>
      <c r="GK2504" s="127"/>
      <c r="GL2504" s="126"/>
      <c r="GM2504" s="91"/>
      <c r="GN2504" s="91"/>
      <c r="GO2504" s="91"/>
      <c r="GP2504" s="91"/>
      <c r="GQ2504" s="91"/>
      <c r="GR2504" s="91"/>
      <c r="GS2504" s="91"/>
      <c r="GT2504" s="91"/>
      <c r="GU2504" s="91"/>
      <c r="GV2504" s="91"/>
      <c r="GW2504" s="91"/>
      <c r="GX2504" s="91"/>
      <c r="GY2504" s="91"/>
      <c r="GZ2504" s="91"/>
      <c r="HA2504" s="91"/>
      <c r="HB2504" s="91"/>
      <c r="HC2504" s="91"/>
      <c r="HD2504" s="91"/>
      <c r="HE2504" s="91"/>
      <c r="HF2504" s="91"/>
      <c r="HG2504" s="91"/>
      <c r="HH2504" s="91"/>
      <c r="HI2504" s="91"/>
      <c r="HJ2504" s="91"/>
      <c r="HK2504" s="127"/>
      <c r="HL2504" s="126"/>
      <c r="HM2504" s="91"/>
      <c r="HN2504" s="91"/>
      <c r="HO2504" s="91"/>
      <c r="HP2504" s="91"/>
      <c r="HQ2504" s="91"/>
      <c r="HR2504" s="91"/>
      <c r="HS2504" s="91"/>
      <c r="HT2504" s="91"/>
      <c r="HU2504" s="91"/>
      <c r="HV2504" s="91"/>
      <c r="HW2504" s="91"/>
      <c r="HX2504" s="91"/>
      <c r="HY2504" s="91"/>
      <c r="HZ2504" s="91"/>
      <c r="IA2504" s="91"/>
      <c r="IB2504" s="91"/>
      <c r="IC2504" s="91"/>
      <c r="ID2504" s="91"/>
      <c r="IE2504" s="91"/>
      <c r="IF2504" s="91"/>
      <c r="IG2504" s="91"/>
      <c r="IH2504" s="91"/>
      <c r="II2504" s="91"/>
      <c r="IJ2504" s="91"/>
      <c r="IK2504" s="127"/>
    </row>
    <row r="2505" spans="2:245" x14ac:dyDescent="0.2">
      <c r="B2505" s="43"/>
      <c r="C2505" s="73"/>
      <c r="D2505" s="64"/>
      <c r="E2505" s="64"/>
      <c r="F2505" s="55"/>
      <c r="G2505" s="102"/>
      <c r="H2505" s="55"/>
      <c r="I2505" s="55"/>
      <c r="J2505" s="55"/>
      <c r="K2505" s="55"/>
      <c r="L2505" s="55"/>
      <c r="M2505" s="55"/>
      <c r="N2505" s="55"/>
      <c r="O2505" s="55"/>
      <c r="P2505" s="55"/>
      <c r="Q2505" s="55"/>
      <c r="R2505" s="55"/>
      <c r="S2505" s="55"/>
      <c r="T2505" s="55"/>
      <c r="U2505" s="55"/>
      <c r="V2505" s="55"/>
      <c r="W2505" s="55"/>
      <c r="X2505" s="55"/>
      <c r="Y2505" s="55"/>
      <c r="Z2505" s="55"/>
      <c r="AA2505" s="55"/>
      <c r="AB2505" s="55"/>
      <c r="AC2505" s="55"/>
      <c r="AD2505" s="55"/>
      <c r="AE2505" s="55"/>
      <c r="AF2505" s="55"/>
      <c r="AG2505" s="55"/>
      <c r="AY2505" s="162"/>
      <c r="AZ2505" s="162"/>
      <c r="BA2505" s="162"/>
      <c r="BB2505" s="162"/>
      <c r="BC2505" s="162"/>
      <c r="BD2505" s="162"/>
      <c r="BE2505" s="162"/>
      <c r="BF2505" s="162"/>
      <c r="BG2505" s="162"/>
      <c r="BH2505" s="162"/>
      <c r="BI2505" s="162"/>
      <c r="BJ2505" s="162"/>
      <c r="BK2505" s="162"/>
      <c r="BL2505" s="162"/>
      <c r="BM2505" s="162"/>
      <c r="BN2505" s="162"/>
      <c r="BO2505" s="162"/>
      <c r="BP2505" s="162"/>
      <c r="BQ2505" s="162"/>
      <c r="BR2505" s="162"/>
      <c r="BS2505" s="162"/>
      <c r="BT2505" s="162"/>
      <c r="BU2505" s="162"/>
      <c r="BV2505" s="162"/>
      <c r="BW2505" s="162"/>
      <c r="BX2505" s="162"/>
      <c r="BY2505" s="162"/>
      <c r="BZ2505" s="162"/>
      <c r="CA2505" s="162"/>
      <c r="CB2505" s="162"/>
      <c r="CC2505" s="162"/>
      <c r="CD2505" s="162"/>
      <c r="CE2505" s="162"/>
      <c r="CF2505" s="162"/>
      <c r="CG2505" s="162"/>
      <c r="CH2505" s="162"/>
      <c r="CI2505" s="162"/>
      <c r="CJ2505" s="162"/>
      <c r="CK2505" s="162"/>
      <c r="CX2505" s="98"/>
      <c r="DL2505" s="97"/>
      <c r="DX2505" s="98"/>
      <c r="EL2505" s="97"/>
      <c r="EX2505" s="98"/>
      <c r="EY2505" s="97"/>
      <c r="FL2505" s="126"/>
      <c r="FM2505" s="91"/>
      <c r="FN2505" s="91"/>
      <c r="FO2505" s="91"/>
      <c r="FP2505" s="91"/>
      <c r="FQ2505" s="91"/>
      <c r="FR2505" s="91"/>
      <c r="FS2505" s="91"/>
      <c r="FT2505" s="91"/>
      <c r="FU2505" s="91"/>
      <c r="FV2505" s="91"/>
      <c r="FW2505" s="91"/>
      <c r="FX2505" s="91"/>
      <c r="FY2505" s="91"/>
      <c r="FZ2505" s="91"/>
      <c r="GA2505" s="91"/>
      <c r="GB2505" s="91"/>
      <c r="GC2505" s="91"/>
      <c r="GD2505" s="91"/>
      <c r="GE2505" s="91"/>
      <c r="GF2505" s="91"/>
      <c r="GG2505" s="91"/>
      <c r="GH2505" s="91"/>
      <c r="GI2505" s="91"/>
      <c r="GJ2505" s="91"/>
      <c r="GK2505" s="127"/>
      <c r="GL2505" s="126"/>
      <c r="GM2505" s="91"/>
      <c r="GN2505" s="91"/>
      <c r="GO2505" s="91"/>
      <c r="GP2505" s="91"/>
      <c r="GQ2505" s="91"/>
      <c r="GR2505" s="91"/>
      <c r="GS2505" s="91"/>
      <c r="GT2505" s="91"/>
      <c r="GU2505" s="91"/>
      <c r="GV2505" s="91"/>
      <c r="GW2505" s="91"/>
      <c r="GX2505" s="91"/>
      <c r="GY2505" s="91"/>
      <c r="GZ2505" s="91"/>
      <c r="HA2505" s="91"/>
      <c r="HB2505" s="91"/>
      <c r="HC2505" s="91"/>
      <c r="HD2505" s="91"/>
      <c r="HE2505" s="91"/>
      <c r="HF2505" s="91"/>
      <c r="HG2505" s="91"/>
      <c r="HH2505" s="91"/>
      <c r="HI2505" s="91"/>
      <c r="HJ2505" s="91"/>
      <c r="HK2505" s="127"/>
      <c r="HL2505" s="126"/>
      <c r="HM2505" s="91"/>
      <c r="HN2505" s="91"/>
      <c r="HO2505" s="91"/>
      <c r="HP2505" s="91"/>
      <c r="HQ2505" s="91"/>
      <c r="HR2505" s="91"/>
      <c r="HS2505" s="91"/>
      <c r="HT2505" s="91"/>
      <c r="HU2505" s="91"/>
      <c r="HV2505" s="91"/>
      <c r="HW2505" s="91"/>
      <c r="HX2505" s="91"/>
      <c r="HY2505" s="91"/>
      <c r="HZ2505" s="91"/>
      <c r="IA2505" s="91"/>
      <c r="IB2505" s="91"/>
      <c r="IC2505" s="91"/>
      <c r="ID2505" s="91"/>
      <c r="IE2505" s="91"/>
      <c r="IF2505" s="91"/>
      <c r="IG2505" s="91"/>
      <c r="IH2505" s="91"/>
      <c r="II2505" s="91"/>
      <c r="IJ2505" s="91"/>
      <c r="IK2505" s="127"/>
    </row>
    <row r="2506" spans="2:245" x14ac:dyDescent="0.2">
      <c r="B2506" s="43"/>
      <c r="C2506" s="73"/>
      <c r="D2506" s="64"/>
      <c r="E2506" s="64"/>
      <c r="F2506" s="55"/>
      <c r="G2506" s="102"/>
      <c r="H2506" s="55"/>
      <c r="I2506" s="55"/>
      <c r="J2506" s="55"/>
      <c r="K2506" s="55"/>
      <c r="L2506" s="55"/>
      <c r="M2506" s="55"/>
      <c r="N2506" s="55"/>
      <c r="O2506" s="55"/>
      <c r="P2506" s="55"/>
      <c r="Q2506" s="55"/>
      <c r="R2506" s="55"/>
      <c r="S2506" s="55"/>
      <c r="T2506" s="55"/>
      <c r="U2506" s="55"/>
      <c r="V2506" s="55"/>
      <c r="W2506" s="55"/>
      <c r="X2506" s="55"/>
      <c r="Y2506" s="55"/>
      <c r="Z2506" s="55"/>
      <c r="AA2506" s="55"/>
      <c r="AB2506" s="55"/>
      <c r="AC2506" s="55"/>
      <c r="AD2506" s="55"/>
      <c r="AE2506" s="55"/>
      <c r="AF2506" s="55"/>
      <c r="AG2506" s="55"/>
      <c r="AY2506" s="162"/>
      <c r="AZ2506" s="162"/>
      <c r="BA2506" s="162"/>
      <c r="BB2506" s="162"/>
      <c r="BC2506" s="162"/>
      <c r="BD2506" s="162"/>
      <c r="BE2506" s="162"/>
      <c r="BF2506" s="162"/>
      <c r="BG2506" s="162"/>
      <c r="BH2506" s="162"/>
      <c r="BI2506" s="162"/>
      <c r="BJ2506" s="162"/>
      <c r="BK2506" s="162"/>
      <c r="BL2506" s="162"/>
      <c r="BM2506" s="162"/>
      <c r="BN2506" s="162"/>
      <c r="BO2506" s="162"/>
      <c r="BP2506" s="162"/>
      <c r="BQ2506" s="162"/>
      <c r="BR2506" s="162"/>
      <c r="BS2506" s="162"/>
      <c r="BT2506" s="162"/>
      <c r="BU2506" s="162"/>
      <c r="BV2506" s="162"/>
      <c r="BW2506" s="162"/>
      <c r="BX2506" s="162"/>
      <c r="BY2506" s="162"/>
      <c r="BZ2506" s="162"/>
      <c r="CA2506" s="162"/>
      <c r="CB2506" s="162"/>
      <c r="CC2506" s="162"/>
      <c r="CD2506" s="162"/>
      <c r="CE2506" s="162"/>
      <c r="CF2506" s="162"/>
      <c r="CG2506" s="162"/>
      <c r="CH2506" s="162"/>
      <c r="CI2506" s="162"/>
      <c r="CJ2506" s="162"/>
      <c r="CK2506" s="162"/>
      <c r="CX2506" s="98"/>
      <c r="DL2506" s="97"/>
      <c r="DX2506" s="98"/>
      <c r="EL2506" s="97"/>
      <c r="EX2506" s="98"/>
      <c r="EY2506" s="97"/>
      <c r="FL2506" s="126"/>
      <c r="FM2506" s="91"/>
      <c r="FN2506" s="91"/>
      <c r="FO2506" s="91"/>
      <c r="FP2506" s="91"/>
      <c r="FQ2506" s="91"/>
      <c r="FR2506" s="91"/>
      <c r="FS2506" s="91"/>
      <c r="FT2506" s="91"/>
      <c r="FU2506" s="91"/>
      <c r="FV2506" s="91"/>
      <c r="FW2506" s="91"/>
      <c r="FX2506" s="91"/>
      <c r="FY2506" s="91"/>
      <c r="FZ2506" s="91"/>
      <c r="GA2506" s="91"/>
      <c r="GB2506" s="91"/>
      <c r="GC2506" s="91"/>
      <c r="GD2506" s="91"/>
      <c r="GE2506" s="91"/>
      <c r="GF2506" s="91"/>
      <c r="GG2506" s="91"/>
      <c r="GH2506" s="91"/>
      <c r="GI2506" s="91"/>
      <c r="GJ2506" s="91"/>
      <c r="GK2506" s="127"/>
      <c r="GL2506" s="126"/>
      <c r="GM2506" s="91"/>
      <c r="GN2506" s="91"/>
      <c r="GO2506" s="91"/>
      <c r="GP2506" s="91"/>
      <c r="GQ2506" s="91"/>
      <c r="GR2506" s="91"/>
      <c r="GS2506" s="91"/>
      <c r="GT2506" s="91"/>
      <c r="GU2506" s="91"/>
      <c r="GV2506" s="91"/>
      <c r="GW2506" s="91"/>
      <c r="GX2506" s="91"/>
      <c r="GY2506" s="91"/>
      <c r="GZ2506" s="91"/>
      <c r="HA2506" s="91"/>
      <c r="HB2506" s="91"/>
      <c r="HC2506" s="91"/>
      <c r="HD2506" s="91"/>
      <c r="HE2506" s="91"/>
      <c r="HF2506" s="91"/>
      <c r="HG2506" s="91"/>
      <c r="HH2506" s="91"/>
      <c r="HI2506" s="91"/>
      <c r="HJ2506" s="91"/>
      <c r="HK2506" s="127"/>
      <c r="HL2506" s="126"/>
      <c r="HM2506" s="91"/>
      <c r="HN2506" s="91"/>
      <c r="HO2506" s="91"/>
      <c r="HP2506" s="91"/>
      <c r="HQ2506" s="91"/>
      <c r="HR2506" s="91"/>
      <c r="HS2506" s="91"/>
      <c r="HT2506" s="91"/>
      <c r="HU2506" s="91"/>
      <c r="HV2506" s="91"/>
      <c r="HW2506" s="91"/>
      <c r="HX2506" s="91"/>
      <c r="HY2506" s="91"/>
      <c r="HZ2506" s="91"/>
      <c r="IA2506" s="91"/>
      <c r="IB2506" s="91"/>
      <c r="IC2506" s="91"/>
      <c r="ID2506" s="91"/>
      <c r="IE2506" s="91"/>
      <c r="IF2506" s="91"/>
      <c r="IG2506" s="91"/>
      <c r="IH2506" s="91"/>
      <c r="II2506" s="91"/>
      <c r="IJ2506" s="91"/>
      <c r="IK2506" s="127"/>
    </row>
    <row r="2507" spans="2:245" x14ac:dyDescent="0.2">
      <c r="B2507" s="43"/>
      <c r="C2507" s="73"/>
      <c r="D2507" s="64"/>
      <c r="E2507" s="64"/>
      <c r="F2507" s="55"/>
      <c r="G2507" s="102"/>
      <c r="H2507" s="55"/>
      <c r="I2507" s="55"/>
      <c r="J2507" s="55"/>
      <c r="K2507" s="55"/>
      <c r="L2507" s="55"/>
      <c r="M2507" s="55"/>
      <c r="N2507" s="55"/>
      <c r="O2507" s="55"/>
      <c r="P2507" s="55"/>
      <c r="Q2507" s="55"/>
      <c r="R2507" s="55"/>
      <c r="S2507" s="55"/>
      <c r="T2507" s="55"/>
      <c r="U2507" s="55"/>
      <c r="V2507" s="55"/>
      <c r="W2507" s="55"/>
      <c r="X2507" s="55"/>
      <c r="Y2507" s="55"/>
      <c r="Z2507" s="55"/>
      <c r="AA2507" s="55"/>
      <c r="AB2507" s="55"/>
      <c r="AC2507" s="55"/>
      <c r="AD2507" s="55"/>
      <c r="AE2507" s="55"/>
      <c r="AF2507" s="55"/>
      <c r="AG2507" s="55"/>
      <c r="AY2507" s="162"/>
      <c r="AZ2507" s="162"/>
      <c r="BA2507" s="162"/>
      <c r="BB2507" s="162"/>
      <c r="BC2507" s="162"/>
      <c r="BD2507" s="162"/>
      <c r="BE2507" s="162"/>
      <c r="BF2507" s="162"/>
      <c r="BG2507" s="162"/>
      <c r="BH2507" s="162"/>
      <c r="BI2507" s="162"/>
      <c r="BJ2507" s="162"/>
      <c r="BK2507" s="162"/>
      <c r="BL2507" s="162"/>
      <c r="BM2507" s="162"/>
      <c r="BN2507" s="162"/>
      <c r="BO2507" s="162"/>
      <c r="BP2507" s="162"/>
      <c r="BQ2507" s="162"/>
      <c r="BR2507" s="162"/>
      <c r="BS2507" s="162"/>
      <c r="BT2507" s="162"/>
      <c r="BU2507" s="162"/>
      <c r="BV2507" s="162"/>
      <c r="BW2507" s="162"/>
      <c r="BX2507" s="162"/>
      <c r="BY2507" s="162"/>
      <c r="BZ2507" s="162"/>
      <c r="CA2507" s="162"/>
      <c r="CB2507" s="162"/>
      <c r="CC2507" s="162"/>
      <c r="CD2507" s="162"/>
      <c r="CE2507" s="162"/>
      <c r="CF2507" s="162"/>
      <c r="CG2507" s="162"/>
      <c r="CH2507" s="162"/>
      <c r="CI2507" s="162"/>
      <c r="CJ2507" s="162"/>
      <c r="CK2507" s="162"/>
      <c r="CX2507" s="98"/>
      <c r="DL2507" s="97"/>
      <c r="DX2507" s="98"/>
      <c r="EL2507" s="97"/>
      <c r="EX2507" s="98"/>
      <c r="EY2507" s="97"/>
      <c r="FL2507" s="126"/>
      <c r="FM2507" s="91"/>
      <c r="FN2507" s="91"/>
      <c r="FO2507" s="91"/>
      <c r="FP2507" s="91"/>
      <c r="FQ2507" s="91"/>
      <c r="FR2507" s="91"/>
      <c r="FS2507" s="91"/>
      <c r="FT2507" s="91"/>
      <c r="FU2507" s="91"/>
      <c r="FV2507" s="91"/>
      <c r="FW2507" s="91"/>
      <c r="FX2507" s="91"/>
      <c r="FY2507" s="91"/>
      <c r="FZ2507" s="91"/>
      <c r="GA2507" s="91"/>
      <c r="GB2507" s="91"/>
      <c r="GC2507" s="91"/>
      <c r="GD2507" s="91"/>
      <c r="GE2507" s="91"/>
      <c r="GF2507" s="91"/>
      <c r="GG2507" s="91"/>
      <c r="GH2507" s="91"/>
      <c r="GI2507" s="91"/>
      <c r="GJ2507" s="91"/>
      <c r="GK2507" s="127"/>
      <c r="GL2507" s="126"/>
      <c r="GM2507" s="91"/>
      <c r="GN2507" s="91"/>
      <c r="GO2507" s="91"/>
      <c r="GP2507" s="91"/>
      <c r="GQ2507" s="91"/>
      <c r="GR2507" s="91"/>
      <c r="GS2507" s="91"/>
      <c r="GT2507" s="91"/>
      <c r="GU2507" s="91"/>
      <c r="GV2507" s="91"/>
      <c r="GW2507" s="91"/>
      <c r="GX2507" s="91"/>
      <c r="GY2507" s="91"/>
      <c r="GZ2507" s="91"/>
      <c r="HA2507" s="91"/>
      <c r="HB2507" s="91"/>
      <c r="HC2507" s="91"/>
      <c r="HD2507" s="91"/>
      <c r="HE2507" s="91"/>
      <c r="HF2507" s="91"/>
      <c r="HG2507" s="91"/>
      <c r="HH2507" s="91"/>
      <c r="HI2507" s="91"/>
      <c r="HJ2507" s="91"/>
      <c r="HK2507" s="127"/>
      <c r="HL2507" s="126"/>
      <c r="HM2507" s="91"/>
      <c r="HN2507" s="91"/>
      <c r="HO2507" s="91"/>
      <c r="HP2507" s="91"/>
      <c r="HQ2507" s="91"/>
      <c r="HR2507" s="91"/>
      <c r="HS2507" s="91"/>
      <c r="HT2507" s="91"/>
      <c r="HU2507" s="91"/>
      <c r="HV2507" s="91"/>
      <c r="HW2507" s="91"/>
      <c r="HX2507" s="91"/>
      <c r="HY2507" s="91"/>
      <c r="HZ2507" s="91"/>
      <c r="IA2507" s="91"/>
      <c r="IB2507" s="91"/>
      <c r="IC2507" s="91"/>
      <c r="ID2507" s="91"/>
      <c r="IE2507" s="91"/>
      <c r="IF2507" s="91"/>
      <c r="IG2507" s="91"/>
      <c r="IH2507" s="91"/>
      <c r="II2507" s="91"/>
      <c r="IJ2507" s="91"/>
      <c r="IK2507" s="127"/>
    </row>
    <row r="2508" spans="2:245" x14ac:dyDescent="0.2">
      <c r="B2508" s="43"/>
      <c r="C2508" s="73"/>
      <c r="D2508" s="64"/>
      <c r="E2508" s="64"/>
      <c r="F2508" s="55"/>
      <c r="G2508" s="102"/>
      <c r="H2508" s="55"/>
      <c r="I2508" s="55"/>
      <c r="J2508" s="55"/>
      <c r="K2508" s="55"/>
      <c r="L2508" s="55"/>
      <c r="M2508" s="55"/>
      <c r="N2508" s="55"/>
      <c r="O2508" s="55"/>
      <c r="P2508" s="55"/>
      <c r="Q2508" s="55"/>
      <c r="R2508" s="55"/>
      <c r="S2508" s="55"/>
      <c r="T2508" s="55"/>
      <c r="U2508" s="55"/>
      <c r="V2508" s="55"/>
      <c r="W2508" s="55"/>
      <c r="X2508" s="55"/>
      <c r="Y2508" s="55"/>
      <c r="Z2508" s="55"/>
      <c r="AA2508" s="55"/>
      <c r="AB2508" s="55"/>
      <c r="AC2508" s="55"/>
      <c r="AD2508" s="55"/>
      <c r="AE2508" s="55"/>
      <c r="AF2508" s="55"/>
      <c r="AG2508" s="55"/>
      <c r="AY2508" s="162"/>
      <c r="AZ2508" s="162"/>
      <c r="BA2508" s="162"/>
      <c r="BB2508" s="162"/>
      <c r="BC2508" s="162"/>
      <c r="BD2508" s="162"/>
      <c r="BE2508" s="162"/>
      <c r="BF2508" s="162"/>
      <c r="BG2508" s="162"/>
      <c r="BH2508" s="162"/>
      <c r="BI2508" s="162"/>
      <c r="BJ2508" s="162"/>
      <c r="BK2508" s="162"/>
      <c r="BL2508" s="162"/>
      <c r="BM2508" s="162"/>
      <c r="BN2508" s="162"/>
      <c r="BO2508" s="162"/>
      <c r="BP2508" s="162"/>
      <c r="BQ2508" s="162"/>
      <c r="BR2508" s="162"/>
      <c r="BS2508" s="162"/>
      <c r="BT2508" s="162"/>
      <c r="BU2508" s="162"/>
      <c r="BV2508" s="162"/>
      <c r="BW2508" s="162"/>
      <c r="BX2508" s="162"/>
      <c r="BY2508" s="162"/>
      <c r="BZ2508" s="162"/>
      <c r="CA2508" s="162"/>
      <c r="CB2508" s="162"/>
      <c r="CC2508" s="162"/>
      <c r="CD2508" s="162"/>
      <c r="CE2508" s="162"/>
      <c r="CF2508" s="162"/>
      <c r="CG2508" s="162"/>
      <c r="CH2508" s="162"/>
      <c r="CI2508" s="162"/>
      <c r="CJ2508" s="162"/>
      <c r="CK2508" s="162"/>
      <c r="CX2508" s="98"/>
      <c r="DL2508" s="97"/>
      <c r="DX2508" s="98"/>
      <c r="EL2508" s="97"/>
      <c r="EX2508" s="98"/>
      <c r="EY2508" s="97"/>
      <c r="FL2508" s="126"/>
      <c r="FM2508" s="91"/>
      <c r="FN2508" s="91"/>
      <c r="FO2508" s="91"/>
      <c r="FP2508" s="91"/>
      <c r="FQ2508" s="91"/>
      <c r="FR2508" s="91"/>
      <c r="FS2508" s="91"/>
      <c r="FT2508" s="91"/>
      <c r="FU2508" s="91"/>
      <c r="FV2508" s="91"/>
      <c r="FW2508" s="91"/>
      <c r="FX2508" s="91"/>
      <c r="FY2508" s="91"/>
      <c r="FZ2508" s="91"/>
      <c r="GA2508" s="91"/>
      <c r="GB2508" s="91"/>
      <c r="GC2508" s="91"/>
      <c r="GD2508" s="91"/>
      <c r="GE2508" s="91"/>
      <c r="GF2508" s="91"/>
      <c r="GG2508" s="91"/>
      <c r="GH2508" s="91"/>
      <c r="GI2508" s="91"/>
      <c r="GJ2508" s="91"/>
      <c r="GK2508" s="127"/>
      <c r="GL2508" s="126"/>
      <c r="GM2508" s="91"/>
      <c r="GN2508" s="91"/>
      <c r="GO2508" s="91"/>
      <c r="GP2508" s="91"/>
      <c r="GQ2508" s="91"/>
      <c r="GR2508" s="91"/>
      <c r="GS2508" s="91"/>
      <c r="GT2508" s="91"/>
      <c r="GU2508" s="91"/>
      <c r="GV2508" s="91"/>
      <c r="GW2508" s="91"/>
      <c r="GX2508" s="91"/>
      <c r="GY2508" s="91"/>
      <c r="GZ2508" s="91"/>
      <c r="HA2508" s="91"/>
      <c r="HB2508" s="91"/>
      <c r="HC2508" s="91"/>
      <c r="HD2508" s="91"/>
      <c r="HE2508" s="91"/>
      <c r="HF2508" s="91"/>
      <c r="HG2508" s="91"/>
      <c r="HH2508" s="91"/>
      <c r="HI2508" s="91"/>
      <c r="HJ2508" s="91"/>
      <c r="HK2508" s="127"/>
      <c r="HL2508" s="126"/>
      <c r="HM2508" s="91"/>
      <c r="HN2508" s="91"/>
      <c r="HO2508" s="91"/>
      <c r="HP2508" s="91"/>
      <c r="HQ2508" s="91"/>
      <c r="HR2508" s="91"/>
      <c r="HS2508" s="91"/>
      <c r="HT2508" s="91"/>
      <c r="HU2508" s="91"/>
      <c r="HV2508" s="91"/>
      <c r="HW2508" s="91"/>
      <c r="HX2508" s="91"/>
      <c r="HY2508" s="91"/>
      <c r="HZ2508" s="91"/>
      <c r="IA2508" s="91"/>
      <c r="IB2508" s="91"/>
      <c r="IC2508" s="91"/>
      <c r="ID2508" s="91"/>
      <c r="IE2508" s="91"/>
      <c r="IF2508" s="91"/>
      <c r="IG2508" s="91"/>
      <c r="IH2508" s="91"/>
      <c r="II2508" s="91"/>
      <c r="IJ2508" s="91"/>
      <c r="IK2508" s="127"/>
    </row>
    <row r="2509" spans="2:245" x14ac:dyDescent="0.2">
      <c r="B2509" s="43"/>
      <c r="C2509" s="73"/>
      <c r="D2509" s="64"/>
      <c r="E2509" s="64"/>
      <c r="F2509" s="55"/>
      <c r="G2509" s="102"/>
      <c r="H2509" s="55"/>
      <c r="I2509" s="55"/>
      <c r="J2509" s="55"/>
      <c r="K2509" s="55"/>
      <c r="L2509" s="55"/>
      <c r="M2509" s="55"/>
      <c r="N2509" s="55"/>
      <c r="O2509" s="55"/>
      <c r="P2509" s="55"/>
      <c r="Q2509" s="55"/>
      <c r="R2509" s="55"/>
      <c r="S2509" s="55"/>
      <c r="T2509" s="55"/>
      <c r="U2509" s="55"/>
      <c r="V2509" s="55"/>
      <c r="W2509" s="55"/>
      <c r="X2509" s="55"/>
      <c r="Y2509" s="55"/>
      <c r="Z2509" s="55"/>
      <c r="AA2509" s="55"/>
      <c r="AB2509" s="55"/>
      <c r="AC2509" s="55"/>
      <c r="AD2509" s="55"/>
      <c r="AE2509" s="55"/>
      <c r="AF2509" s="55"/>
      <c r="AG2509" s="55"/>
      <c r="AY2509" s="162"/>
      <c r="AZ2509" s="162"/>
      <c r="BA2509" s="162"/>
      <c r="BB2509" s="162"/>
      <c r="BC2509" s="162"/>
      <c r="BD2509" s="162"/>
      <c r="BE2509" s="162"/>
      <c r="BF2509" s="162"/>
      <c r="BG2509" s="162"/>
      <c r="BH2509" s="162"/>
      <c r="BI2509" s="162"/>
      <c r="BJ2509" s="162"/>
      <c r="BK2509" s="162"/>
      <c r="BL2509" s="162"/>
      <c r="BM2509" s="162"/>
      <c r="BN2509" s="162"/>
      <c r="BO2509" s="162"/>
      <c r="BP2509" s="162"/>
      <c r="BQ2509" s="162"/>
      <c r="BR2509" s="162"/>
      <c r="BS2509" s="162"/>
      <c r="BT2509" s="162"/>
      <c r="BU2509" s="162"/>
      <c r="BV2509" s="162"/>
      <c r="BW2509" s="162"/>
      <c r="BX2509" s="162"/>
      <c r="BY2509" s="162"/>
      <c r="BZ2509" s="162"/>
      <c r="CA2509" s="162"/>
      <c r="CB2509" s="162"/>
      <c r="CC2509" s="162"/>
      <c r="CD2509" s="162"/>
      <c r="CE2509" s="162"/>
      <c r="CF2509" s="162"/>
      <c r="CG2509" s="162"/>
      <c r="CH2509" s="162"/>
      <c r="CI2509" s="162"/>
      <c r="CJ2509" s="162"/>
      <c r="CK2509" s="162"/>
      <c r="CX2509" s="98"/>
      <c r="DL2509" s="97"/>
      <c r="DX2509" s="98"/>
      <c r="EL2509" s="97"/>
      <c r="EX2509" s="98"/>
      <c r="EY2509" s="97"/>
      <c r="FL2509" s="126"/>
      <c r="FM2509" s="91"/>
      <c r="FN2509" s="91"/>
      <c r="FO2509" s="91"/>
      <c r="FP2509" s="91"/>
      <c r="FQ2509" s="91"/>
      <c r="FR2509" s="91"/>
      <c r="FS2509" s="91"/>
      <c r="FT2509" s="91"/>
      <c r="FU2509" s="91"/>
      <c r="FV2509" s="91"/>
      <c r="FW2509" s="91"/>
      <c r="FX2509" s="91"/>
      <c r="FY2509" s="91"/>
      <c r="FZ2509" s="91"/>
      <c r="GA2509" s="91"/>
      <c r="GB2509" s="91"/>
      <c r="GC2509" s="91"/>
      <c r="GD2509" s="91"/>
      <c r="GE2509" s="91"/>
      <c r="GF2509" s="91"/>
      <c r="GG2509" s="91"/>
      <c r="GH2509" s="91"/>
      <c r="GI2509" s="91"/>
      <c r="GJ2509" s="91"/>
      <c r="GK2509" s="127"/>
      <c r="GL2509" s="126"/>
      <c r="GM2509" s="91"/>
      <c r="GN2509" s="91"/>
      <c r="GO2509" s="91"/>
      <c r="GP2509" s="91"/>
      <c r="GQ2509" s="91"/>
      <c r="GR2509" s="91"/>
      <c r="GS2509" s="91"/>
      <c r="GT2509" s="91"/>
      <c r="GU2509" s="91"/>
      <c r="GV2509" s="91"/>
      <c r="GW2509" s="91"/>
      <c r="GX2509" s="91"/>
      <c r="GY2509" s="91"/>
      <c r="GZ2509" s="91"/>
      <c r="HA2509" s="91"/>
      <c r="HB2509" s="91"/>
      <c r="HC2509" s="91"/>
      <c r="HD2509" s="91"/>
      <c r="HE2509" s="91"/>
      <c r="HF2509" s="91"/>
      <c r="HG2509" s="91"/>
      <c r="HH2509" s="91"/>
      <c r="HI2509" s="91"/>
      <c r="HJ2509" s="91"/>
      <c r="HK2509" s="127"/>
      <c r="HL2509" s="126"/>
      <c r="HM2509" s="91"/>
      <c r="HN2509" s="91"/>
      <c r="HO2509" s="91"/>
      <c r="HP2509" s="91"/>
      <c r="HQ2509" s="91"/>
      <c r="HR2509" s="91"/>
      <c r="HS2509" s="91"/>
      <c r="HT2509" s="91"/>
      <c r="HU2509" s="91"/>
      <c r="HV2509" s="91"/>
      <c r="HW2509" s="91"/>
      <c r="HX2509" s="91"/>
      <c r="HY2509" s="91"/>
      <c r="HZ2509" s="91"/>
      <c r="IA2509" s="91"/>
      <c r="IB2509" s="91"/>
      <c r="IC2509" s="91"/>
      <c r="ID2509" s="91"/>
      <c r="IE2509" s="91"/>
      <c r="IF2509" s="91"/>
      <c r="IG2509" s="91"/>
      <c r="IH2509" s="91"/>
      <c r="II2509" s="91"/>
      <c r="IJ2509" s="91"/>
      <c r="IK2509" s="127"/>
    </row>
    <row r="2510" spans="2:245" x14ac:dyDescent="0.2">
      <c r="B2510" s="43"/>
      <c r="C2510" s="73"/>
      <c r="D2510" s="64"/>
      <c r="E2510" s="64"/>
      <c r="F2510" s="55"/>
      <c r="G2510" s="102"/>
      <c r="H2510" s="55"/>
      <c r="I2510" s="55"/>
      <c r="J2510" s="55"/>
      <c r="K2510" s="55"/>
      <c r="L2510" s="55"/>
      <c r="M2510" s="55"/>
      <c r="N2510" s="55"/>
      <c r="O2510" s="55"/>
      <c r="P2510" s="55"/>
      <c r="Q2510" s="55"/>
      <c r="R2510" s="55"/>
      <c r="S2510" s="55"/>
      <c r="T2510" s="55"/>
      <c r="U2510" s="55"/>
      <c r="V2510" s="55"/>
      <c r="W2510" s="55"/>
      <c r="X2510" s="55"/>
      <c r="Y2510" s="55"/>
      <c r="Z2510" s="55"/>
      <c r="AA2510" s="55"/>
      <c r="AB2510" s="55"/>
      <c r="AC2510" s="55"/>
      <c r="AD2510" s="55"/>
      <c r="AE2510" s="55"/>
      <c r="AF2510" s="55"/>
      <c r="AG2510" s="55"/>
      <c r="AY2510" s="162"/>
      <c r="AZ2510" s="162"/>
      <c r="BA2510" s="162"/>
      <c r="BB2510" s="162"/>
      <c r="BC2510" s="162"/>
      <c r="BD2510" s="162"/>
      <c r="BE2510" s="162"/>
      <c r="BF2510" s="162"/>
      <c r="BG2510" s="162"/>
      <c r="BH2510" s="162"/>
      <c r="BI2510" s="162"/>
      <c r="BJ2510" s="162"/>
      <c r="BK2510" s="162"/>
      <c r="BL2510" s="162"/>
      <c r="BM2510" s="162"/>
      <c r="BN2510" s="162"/>
      <c r="BO2510" s="162"/>
      <c r="BP2510" s="162"/>
      <c r="BQ2510" s="162"/>
      <c r="BR2510" s="162"/>
      <c r="BS2510" s="162"/>
      <c r="BT2510" s="162"/>
      <c r="BU2510" s="162"/>
      <c r="BV2510" s="162"/>
      <c r="BW2510" s="162"/>
      <c r="BX2510" s="162"/>
      <c r="BY2510" s="162"/>
      <c r="BZ2510" s="162"/>
      <c r="CA2510" s="162"/>
      <c r="CB2510" s="162"/>
      <c r="CC2510" s="162"/>
      <c r="CD2510" s="162"/>
      <c r="CE2510" s="162"/>
      <c r="CF2510" s="162"/>
      <c r="CG2510" s="162"/>
      <c r="CH2510" s="162"/>
      <c r="CI2510" s="162"/>
      <c r="CJ2510" s="162"/>
      <c r="CK2510" s="162"/>
      <c r="CX2510" s="98"/>
      <c r="DL2510" s="97"/>
      <c r="DX2510" s="98"/>
      <c r="EL2510" s="97"/>
      <c r="EX2510" s="98"/>
      <c r="EY2510" s="97"/>
      <c r="FL2510" s="126"/>
      <c r="FM2510" s="91"/>
      <c r="FN2510" s="91"/>
      <c r="FO2510" s="91"/>
      <c r="FP2510" s="91"/>
      <c r="FQ2510" s="91"/>
      <c r="FR2510" s="91"/>
      <c r="FS2510" s="91"/>
      <c r="FT2510" s="91"/>
      <c r="FU2510" s="91"/>
      <c r="FV2510" s="91"/>
      <c r="FW2510" s="91"/>
      <c r="FX2510" s="91"/>
      <c r="FY2510" s="91"/>
      <c r="FZ2510" s="91"/>
      <c r="GA2510" s="91"/>
      <c r="GB2510" s="91"/>
      <c r="GC2510" s="91"/>
      <c r="GD2510" s="91"/>
      <c r="GE2510" s="91"/>
      <c r="GF2510" s="91"/>
      <c r="GG2510" s="91"/>
      <c r="GH2510" s="91"/>
      <c r="GI2510" s="91"/>
      <c r="GJ2510" s="91"/>
      <c r="GK2510" s="127"/>
      <c r="GL2510" s="126"/>
      <c r="GM2510" s="91"/>
      <c r="GN2510" s="91"/>
      <c r="GO2510" s="91"/>
      <c r="GP2510" s="91"/>
      <c r="GQ2510" s="91"/>
      <c r="GR2510" s="91"/>
      <c r="GS2510" s="91"/>
      <c r="GT2510" s="91"/>
      <c r="GU2510" s="91"/>
      <c r="GV2510" s="91"/>
      <c r="GW2510" s="91"/>
      <c r="GX2510" s="91"/>
      <c r="GY2510" s="91"/>
      <c r="GZ2510" s="91"/>
      <c r="HA2510" s="91"/>
      <c r="HB2510" s="91"/>
      <c r="HC2510" s="91"/>
      <c r="HD2510" s="91"/>
      <c r="HE2510" s="91"/>
      <c r="HF2510" s="91"/>
      <c r="HG2510" s="91"/>
      <c r="HH2510" s="91"/>
      <c r="HI2510" s="91"/>
      <c r="HJ2510" s="91"/>
      <c r="HK2510" s="127"/>
      <c r="HL2510" s="126"/>
      <c r="HM2510" s="91"/>
      <c r="HN2510" s="91"/>
      <c r="HO2510" s="91"/>
      <c r="HP2510" s="91"/>
      <c r="HQ2510" s="91"/>
      <c r="HR2510" s="91"/>
      <c r="HS2510" s="91"/>
      <c r="HT2510" s="91"/>
      <c r="HU2510" s="91"/>
      <c r="HV2510" s="91"/>
      <c r="HW2510" s="91"/>
      <c r="HX2510" s="91"/>
      <c r="HY2510" s="91"/>
      <c r="HZ2510" s="91"/>
      <c r="IA2510" s="91"/>
      <c r="IB2510" s="91"/>
      <c r="IC2510" s="91"/>
      <c r="ID2510" s="91"/>
      <c r="IE2510" s="91"/>
      <c r="IF2510" s="91"/>
      <c r="IG2510" s="91"/>
      <c r="IH2510" s="91"/>
      <c r="II2510" s="91"/>
      <c r="IJ2510" s="91"/>
      <c r="IK2510" s="127"/>
    </row>
    <row r="2511" spans="2:245" x14ac:dyDescent="0.2">
      <c r="B2511" s="43"/>
      <c r="C2511" s="73"/>
      <c r="D2511" s="64"/>
      <c r="E2511" s="64"/>
      <c r="F2511" s="55"/>
      <c r="G2511" s="102"/>
      <c r="H2511" s="55"/>
      <c r="I2511" s="55"/>
      <c r="J2511" s="55"/>
      <c r="K2511" s="55"/>
      <c r="L2511" s="55"/>
      <c r="M2511" s="55"/>
      <c r="N2511" s="55"/>
      <c r="O2511" s="55"/>
      <c r="P2511" s="55"/>
      <c r="Q2511" s="55"/>
      <c r="R2511" s="55"/>
      <c r="S2511" s="55"/>
      <c r="T2511" s="55"/>
      <c r="U2511" s="55"/>
      <c r="V2511" s="55"/>
      <c r="W2511" s="55"/>
      <c r="X2511" s="55"/>
      <c r="Y2511" s="55"/>
      <c r="Z2511" s="55"/>
      <c r="AA2511" s="55"/>
      <c r="AB2511" s="55"/>
      <c r="AC2511" s="55"/>
      <c r="AD2511" s="55"/>
      <c r="AE2511" s="55"/>
      <c r="AF2511" s="55"/>
      <c r="AG2511" s="55"/>
      <c r="AY2511" s="162"/>
      <c r="AZ2511" s="162"/>
      <c r="BA2511" s="162"/>
      <c r="BB2511" s="162"/>
      <c r="BC2511" s="162"/>
      <c r="BD2511" s="162"/>
      <c r="BE2511" s="162"/>
      <c r="BF2511" s="162"/>
      <c r="BG2511" s="162"/>
      <c r="BH2511" s="162"/>
      <c r="BI2511" s="162"/>
      <c r="BJ2511" s="162"/>
      <c r="BK2511" s="162"/>
      <c r="BL2511" s="162"/>
      <c r="BM2511" s="162"/>
      <c r="BN2511" s="162"/>
      <c r="BO2511" s="162"/>
      <c r="BP2511" s="162"/>
      <c r="BQ2511" s="162"/>
      <c r="BR2511" s="162"/>
      <c r="BS2511" s="162"/>
      <c r="BT2511" s="162"/>
      <c r="BU2511" s="162"/>
      <c r="BV2511" s="162"/>
      <c r="BW2511" s="162"/>
      <c r="BX2511" s="162"/>
      <c r="BY2511" s="162"/>
      <c r="BZ2511" s="162"/>
      <c r="CA2511" s="162"/>
      <c r="CB2511" s="162"/>
      <c r="CC2511" s="162"/>
      <c r="CD2511" s="162"/>
      <c r="CE2511" s="162"/>
      <c r="CF2511" s="162"/>
      <c r="CG2511" s="162"/>
      <c r="CH2511" s="162"/>
      <c r="CI2511" s="162"/>
      <c r="CJ2511" s="162"/>
      <c r="CK2511" s="162"/>
      <c r="CX2511" s="98"/>
      <c r="DL2511" s="97"/>
      <c r="DX2511" s="98"/>
      <c r="EL2511" s="97"/>
      <c r="EX2511" s="98"/>
      <c r="EY2511" s="97"/>
      <c r="FL2511" s="126"/>
      <c r="FM2511" s="91"/>
      <c r="FN2511" s="91"/>
      <c r="FO2511" s="91"/>
      <c r="FP2511" s="91"/>
      <c r="FQ2511" s="91"/>
      <c r="FR2511" s="91"/>
      <c r="FS2511" s="91"/>
      <c r="FT2511" s="91"/>
      <c r="FU2511" s="91"/>
      <c r="FV2511" s="91"/>
      <c r="FW2511" s="91"/>
      <c r="FX2511" s="91"/>
      <c r="FY2511" s="91"/>
      <c r="FZ2511" s="91"/>
      <c r="GA2511" s="91"/>
      <c r="GB2511" s="91"/>
      <c r="GC2511" s="91"/>
      <c r="GD2511" s="91"/>
      <c r="GE2511" s="91"/>
      <c r="GF2511" s="91"/>
      <c r="GG2511" s="91"/>
      <c r="GH2511" s="91"/>
      <c r="GI2511" s="91"/>
      <c r="GJ2511" s="91"/>
      <c r="GK2511" s="127"/>
      <c r="GL2511" s="126"/>
      <c r="GM2511" s="91"/>
      <c r="GN2511" s="91"/>
      <c r="GO2511" s="91"/>
      <c r="GP2511" s="91"/>
      <c r="GQ2511" s="91"/>
      <c r="GR2511" s="91"/>
      <c r="GS2511" s="91"/>
      <c r="GT2511" s="91"/>
      <c r="GU2511" s="91"/>
      <c r="GV2511" s="91"/>
      <c r="GW2511" s="91"/>
      <c r="GX2511" s="91"/>
      <c r="GY2511" s="91"/>
      <c r="GZ2511" s="91"/>
      <c r="HA2511" s="91"/>
      <c r="HB2511" s="91"/>
      <c r="HC2511" s="91"/>
      <c r="HD2511" s="91"/>
      <c r="HE2511" s="91"/>
      <c r="HF2511" s="91"/>
      <c r="HG2511" s="91"/>
      <c r="HH2511" s="91"/>
      <c r="HI2511" s="91"/>
      <c r="HJ2511" s="91"/>
      <c r="HK2511" s="127"/>
      <c r="HL2511" s="126"/>
      <c r="HM2511" s="91"/>
      <c r="HN2511" s="91"/>
      <c r="HO2511" s="91"/>
      <c r="HP2511" s="91"/>
      <c r="HQ2511" s="91"/>
      <c r="HR2511" s="91"/>
      <c r="HS2511" s="91"/>
      <c r="HT2511" s="91"/>
      <c r="HU2511" s="91"/>
      <c r="HV2511" s="91"/>
      <c r="HW2511" s="91"/>
      <c r="HX2511" s="91"/>
      <c r="HY2511" s="91"/>
      <c r="HZ2511" s="91"/>
      <c r="IA2511" s="91"/>
      <c r="IB2511" s="91"/>
      <c r="IC2511" s="91"/>
      <c r="ID2511" s="91"/>
      <c r="IE2511" s="91"/>
      <c r="IF2511" s="91"/>
      <c r="IG2511" s="91"/>
      <c r="IH2511" s="91"/>
      <c r="II2511" s="91"/>
      <c r="IJ2511" s="91"/>
      <c r="IK2511" s="127"/>
    </row>
    <row r="2512" spans="2:245" x14ac:dyDescent="0.2">
      <c r="B2512" s="43"/>
      <c r="C2512" s="73"/>
      <c r="D2512" s="64"/>
      <c r="E2512" s="64"/>
      <c r="F2512" s="55"/>
      <c r="G2512" s="102"/>
      <c r="H2512" s="55"/>
      <c r="I2512" s="55"/>
      <c r="J2512" s="55"/>
      <c r="K2512" s="55"/>
      <c r="L2512" s="55"/>
      <c r="M2512" s="55"/>
      <c r="N2512" s="55"/>
      <c r="O2512" s="55"/>
      <c r="P2512" s="55"/>
      <c r="Q2512" s="55"/>
      <c r="R2512" s="55"/>
      <c r="S2512" s="55"/>
      <c r="T2512" s="55"/>
      <c r="U2512" s="55"/>
      <c r="V2512" s="55"/>
      <c r="W2512" s="55"/>
      <c r="X2512" s="55"/>
      <c r="Y2512" s="55"/>
      <c r="Z2512" s="55"/>
      <c r="AA2512" s="55"/>
      <c r="AB2512" s="55"/>
      <c r="AC2512" s="55"/>
      <c r="AD2512" s="55"/>
      <c r="AE2512" s="55"/>
      <c r="AF2512" s="55"/>
      <c r="AG2512" s="55"/>
      <c r="AY2512" s="162"/>
      <c r="AZ2512" s="162"/>
      <c r="BA2512" s="162"/>
      <c r="BB2512" s="162"/>
      <c r="BC2512" s="162"/>
      <c r="BD2512" s="162"/>
      <c r="BE2512" s="162"/>
      <c r="BF2512" s="162"/>
      <c r="BG2512" s="162"/>
      <c r="BH2512" s="162"/>
      <c r="BI2512" s="162"/>
      <c r="BJ2512" s="162"/>
      <c r="BK2512" s="162"/>
      <c r="BL2512" s="162"/>
      <c r="BM2512" s="162"/>
      <c r="BN2512" s="162"/>
      <c r="BO2512" s="162"/>
      <c r="BP2512" s="162"/>
      <c r="BQ2512" s="162"/>
      <c r="BR2512" s="162"/>
      <c r="BS2512" s="162"/>
      <c r="BT2512" s="162"/>
      <c r="BU2512" s="162"/>
      <c r="BV2512" s="162"/>
      <c r="BW2512" s="162"/>
      <c r="BX2512" s="162"/>
      <c r="BY2512" s="162"/>
      <c r="BZ2512" s="162"/>
      <c r="CA2512" s="162"/>
      <c r="CB2512" s="162"/>
      <c r="CC2512" s="162"/>
      <c r="CD2512" s="162"/>
      <c r="CE2512" s="162"/>
      <c r="CF2512" s="162"/>
      <c r="CG2512" s="162"/>
      <c r="CH2512" s="162"/>
      <c r="CI2512" s="162"/>
      <c r="CJ2512" s="162"/>
      <c r="CK2512" s="162"/>
      <c r="CX2512" s="98"/>
      <c r="DL2512" s="97"/>
      <c r="DX2512" s="98"/>
      <c r="EL2512" s="97"/>
      <c r="EX2512" s="98"/>
      <c r="EY2512" s="97"/>
      <c r="FL2512" s="126"/>
      <c r="FM2512" s="91"/>
      <c r="FN2512" s="91"/>
      <c r="FO2512" s="91"/>
      <c r="FP2512" s="91"/>
      <c r="FQ2512" s="91"/>
      <c r="FR2512" s="91"/>
      <c r="FS2512" s="91"/>
      <c r="FT2512" s="91"/>
      <c r="FU2512" s="91"/>
      <c r="FV2512" s="91"/>
      <c r="FW2512" s="91"/>
      <c r="FX2512" s="91"/>
      <c r="FY2512" s="91"/>
      <c r="FZ2512" s="91"/>
      <c r="GA2512" s="91"/>
      <c r="GB2512" s="91"/>
      <c r="GC2512" s="91"/>
      <c r="GD2512" s="91"/>
      <c r="GE2512" s="91"/>
      <c r="GF2512" s="91"/>
      <c r="GG2512" s="91"/>
      <c r="GH2512" s="91"/>
      <c r="GI2512" s="91"/>
      <c r="GJ2512" s="91"/>
      <c r="GK2512" s="127"/>
      <c r="GL2512" s="126"/>
      <c r="GM2512" s="91"/>
      <c r="GN2512" s="91"/>
      <c r="GO2512" s="91"/>
      <c r="GP2512" s="91"/>
      <c r="GQ2512" s="91"/>
      <c r="GR2512" s="91"/>
      <c r="GS2512" s="91"/>
      <c r="GT2512" s="91"/>
      <c r="GU2512" s="91"/>
      <c r="GV2512" s="91"/>
      <c r="GW2512" s="91"/>
      <c r="GX2512" s="91"/>
      <c r="GY2512" s="91"/>
      <c r="GZ2512" s="91"/>
      <c r="HA2512" s="91"/>
      <c r="HB2512" s="91"/>
      <c r="HC2512" s="91"/>
      <c r="HD2512" s="91"/>
      <c r="HE2512" s="91"/>
      <c r="HF2512" s="91"/>
      <c r="HG2512" s="91"/>
      <c r="HH2512" s="91"/>
      <c r="HI2512" s="91"/>
      <c r="HJ2512" s="91"/>
      <c r="HK2512" s="127"/>
      <c r="HL2512" s="126"/>
      <c r="HM2512" s="91"/>
      <c r="HN2512" s="91"/>
      <c r="HO2512" s="91"/>
      <c r="HP2512" s="91"/>
      <c r="HQ2512" s="91"/>
      <c r="HR2512" s="91"/>
      <c r="HS2512" s="91"/>
      <c r="HT2512" s="91"/>
      <c r="HU2512" s="91"/>
      <c r="HV2512" s="91"/>
      <c r="HW2512" s="91"/>
      <c r="HX2512" s="91"/>
      <c r="HY2512" s="91"/>
      <c r="HZ2512" s="91"/>
      <c r="IA2512" s="91"/>
      <c r="IB2512" s="91"/>
      <c r="IC2512" s="91"/>
      <c r="ID2512" s="91"/>
      <c r="IE2512" s="91"/>
      <c r="IF2512" s="91"/>
      <c r="IG2512" s="91"/>
      <c r="IH2512" s="91"/>
      <c r="II2512" s="91"/>
      <c r="IJ2512" s="91"/>
      <c r="IK2512" s="127"/>
    </row>
    <row r="2513" spans="2:245" x14ac:dyDescent="0.2">
      <c r="B2513" s="43"/>
      <c r="C2513" s="73"/>
      <c r="D2513" s="64"/>
      <c r="E2513" s="64"/>
      <c r="F2513" s="55"/>
      <c r="G2513" s="102"/>
      <c r="H2513" s="55"/>
      <c r="I2513" s="55"/>
      <c r="J2513" s="55"/>
      <c r="K2513" s="55"/>
      <c r="L2513" s="55"/>
      <c r="M2513" s="55"/>
      <c r="N2513" s="55"/>
      <c r="O2513" s="55"/>
      <c r="P2513" s="55"/>
      <c r="Q2513" s="55"/>
      <c r="R2513" s="55"/>
      <c r="S2513" s="55"/>
      <c r="T2513" s="55"/>
      <c r="U2513" s="55"/>
      <c r="V2513" s="55"/>
      <c r="W2513" s="55"/>
      <c r="X2513" s="55"/>
      <c r="Y2513" s="55"/>
      <c r="Z2513" s="55"/>
      <c r="AA2513" s="55"/>
      <c r="AB2513" s="55"/>
      <c r="AC2513" s="55"/>
      <c r="AD2513" s="55"/>
      <c r="AE2513" s="55"/>
      <c r="AF2513" s="55"/>
      <c r="AG2513" s="55"/>
      <c r="AY2513" s="162"/>
      <c r="AZ2513" s="162"/>
      <c r="BA2513" s="162"/>
      <c r="BB2513" s="162"/>
      <c r="BC2513" s="162"/>
      <c r="BD2513" s="162"/>
      <c r="BE2513" s="162"/>
      <c r="BF2513" s="162"/>
      <c r="BG2513" s="162"/>
      <c r="BH2513" s="162"/>
      <c r="BI2513" s="162"/>
      <c r="BJ2513" s="162"/>
      <c r="BK2513" s="162"/>
      <c r="BL2513" s="162"/>
      <c r="BM2513" s="162"/>
      <c r="BN2513" s="162"/>
      <c r="BO2513" s="162"/>
      <c r="BP2513" s="162"/>
      <c r="BQ2513" s="162"/>
      <c r="BR2513" s="162"/>
      <c r="BS2513" s="162"/>
      <c r="BT2513" s="162"/>
      <c r="BU2513" s="162"/>
      <c r="BV2513" s="162"/>
      <c r="BW2513" s="162"/>
      <c r="BX2513" s="162"/>
      <c r="BY2513" s="162"/>
      <c r="BZ2513" s="162"/>
      <c r="CA2513" s="162"/>
      <c r="CB2513" s="162"/>
      <c r="CC2513" s="162"/>
      <c r="CD2513" s="162"/>
      <c r="CE2513" s="162"/>
      <c r="CF2513" s="162"/>
      <c r="CG2513" s="162"/>
      <c r="CH2513" s="162"/>
      <c r="CI2513" s="162"/>
      <c r="CJ2513" s="162"/>
      <c r="CK2513" s="162"/>
      <c r="CX2513" s="98"/>
      <c r="DL2513" s="97"/>
      <c r="DX2513" s="98"/>
      <c r="EL2513" s="97"/>
      <c r="EX2513" s="98"/>
      <c r="EY2513" s="97"/>
      <c r="FL2513" s="126"/>
      <c r="FM2513" s="91"/>
      <c r="FN2513" s="91"/>
      <c r="FO2513" s="91"/>
      <c r="FP2513" s="91"/>
      <c r="FQ2513" s="91"/>
      <c r="FR2513" s="91"/>
      <c r="FS2513" s="91"/>
      <c r="FT2513" s="91"/>
      <c r="FU2513" s="91"/>
      <c r="FV2513" s="91"/>
      <c r="FW2513" s="91"/>
      <c r="FX2513" s="91"/>
      <c r="FY2513" s="91"/>
      <c r="FZ2513" s="91"/>
      <c r="GA2513" s="91"/>
      <c r="GB2513" s="91"/>
      <c r="GC2513" s="91"/>
      <c r="GD2513" s="91"/>
      <c r="GE2513" s="91"/>
      <c r="GF2513" s="91"/>
      <c r="GG2513" s="91"/>
      <c r="GH2513" s="91"/>
      <c r="GI2513" s="91"/>
      <c r="GJ2513" s="91"/>
      <c r="GK2513" s="127"/>
      <c r="GL2513" s="126"/>
      <c r="GM2513" s="91"/>
      <c r="GN2513" s="91"/>
      <c r="GO2513" s="91"/>
      <c r="GP2513" s="91"/>
      <c r="GQ2513" s="91"/>
      <c r="GR2513" s="91"/>
      <c r="GS2513" s="91"/>
      <c r="GT2513" s="91"/>
      <c r="GU2513" s="91"/>
      <c r="GV2513" s="91"/>
      <c r="GW2513" s="91"/>
      <c r="GX2513" s="91"/>
      <c r="GY2513" s="91"/>
      <c r="GZ2513" s="91"/>
      <c r="HA2513" s="91"/>
      <c r="HB2513" s="91"/>
      <c r="HC2513" s="91"/>
      <c r="HD2513" s="91"/>
      <c r="HE2513" s="91"/>
      <c r="HF2513" s="91"/>
      <c r="HG2513" s="91"/>
      <c r="HH2513" s="91"/>
      <c r="HI2513" s="91"/>
      <c r="HJ2513" s="91"/>
      <c r="HK2513" s="127"/>
      <c r="HL2513" s="126"/>
      <c r="HM2513" s="91"/>
      <c r="HN2513" s="91"/>
      <c r="HO2513" s="91"/>
      <c r="HP2513" s="91"/>
      <c r="HQ2513" s="91"/>
      <c r="HR2513" s="91"/>
      <c r="HS2513" s="91"/>
      <c r="HT2513" s="91"/>
      <c r="HU2513" s="91"/>
      <c r="HV2513" s="91"/>
      <c r="HW2513" s="91"/>
      <c r="HX2513" s="91"/>
      <c r="HY2513" s="91"/>
      <c r="HZ2513" s="91"/>
      <c r="IA2513" s="91"/>
      <c r="IB2513" s="91"/>
      <c r="IC2513" s="91"/>
      <c r="ID2513" s="91"/>
      <c r="IE2513" s="91"/>
      <c r="IF2513" s="91"/>
      <c r="IG2513" s="91"/>
      <c r="IH2513" s="91"/>
      <c r="II2513" s="91"/>
      <c r="IJ2513" s="91"/>
      <c r="IK2513" s="127"/>
    </row>
    <row r="2514" spans="2:245" x14ac:dyDescent="0.2">
      <c r="B2514" s="43"/>
      <c r="C2514" s="73"/>
      <c r="D2514" s="64"/>
      <c r="E2514" s="64"/>
      <c r="F2514" s="55"/>
      <c r="G2514" s="102"/>
      <c r="H2514" s="55"/>
      <c r="I2514" s="55"/>
      <c r="J2514" s="55"/>
      <c r="K2514" s="55"/>
      <c r="L2514" s="55"/>
      <c r="M2514" s="55"/>
      <c r="N2514" s="55"/>
      <c r="O2514" s="55"/>
      <c r="P2514" s="55"/>
      <c r="Q2514" s="55"/>
      <c r="R2514" s="55"/>
      <c r="S2514" s="55"/>
      <c r="T2514" s="55"/>
      <c r="U2514" s="55"/>
      <c r="V2514" s="55"/>
      <c r="W2514" s="55"/>
      <c r="X2514" s="55"/>
      <c r="Y2514" s="55"/>
      <c r="Z2514" s="55"/>
      <c r="AA2514" s="55"/>
      <c r="AB2514" s="55"/>
      <c r="AC2514" s="55"/>
      <c r="AD2514" s="55"/>
      <c r="AE2514" s="55"/>
      <c r="AF2514" s="55"/>
      <c r="AG2514" s="55"/>
      <c r="AY2514" s="162"/>
      <c r="AZ2514" s="162"/>
      <c r="BA2514" s="162"/>
      <c r="BB2514" s="162"/>
      <c r="BC2514" s="162"/>
      <c r="BD2514" s="162"/>
      <c r="BE2514" s="162"/>
      <c r="BF2514" s="162"/>
      <c r="BG2514" s="162"/>
      <c r="BH2514" s="162"/>
      <c r="BI2514" s="162"/>
      <c r="BJ2514" s="162"/>
      <c r="BK2514" s="162"/>
      <c r="BL2514" s="162"/>
      <c r="BM2514" s="162"/>
      <c r="BN2514" s="162"/>
      <c r="BO2514" s="162"/>
      <c r="BP2514" s="162"/>
      <c r="BQ2514" s="162"/>
      <c r="BR2514" s="162"/>
      <c r="BS2514" s="162"/>
      <c r="BT2514" s="162"/>
      <c r="BU2514" s="162"/>
      <c r="BV2514" s="162"/>
      <c r="BW2514" s="162"/>
      <c r="BX2514" s="162"/>
      <c r="BY2514" s="162"/>
      <c r="BZ2514" s="162"/>
      <c r="CA2514" s="162"/>
      <c r="CB2514" s="162"/>
      <c r="CC2514" s="162"/>
      <c r="CD2514" s="162"/>
      <c r="CE2514" s="162"/>
      <c r="CF2514" s="162"/>
      <c r="CG2514" s="162"/>
      <c r="CH2514" s="162"/>
      <c r="CI2514" s="162"/>
      <c r="CJ2514" s="162"/>
      <c r="CK2514" s="162"/>
      <c r="CX2514" s="98"/>
      <c r="DL2514" s="97"/>
      <c r="DX2514" s="98"/>
      <c r="EL2514" s="97"/>
      <c r="EX2514" s="98"/>
      <c r="EY2514" s="97"/>
      <c r="FL2514" s="126"/>
      <c r="FM2514" s="91"/>
      <c r="FN2514" s="91"/>
      <c r="FO2514" s="91"/>
      <c r="FP2514" s="91"/>
      <c r="FQ2514" s="91"/>
      <c r="FR2514" s="91"/>
      <c r="FS2514" s="91"/>
      <c r="FT2514" s="91"/>
      <c r="FU2514" s="91"/>
      <c r="FV2514" s="91"/>
      <c r="FW2514" s="91"/>
      <c r="FX2514" s="91"/>
      <c r="FY2514" s="91"/>
      <c r="FZ2514" s="91"/>
      <c r="GA2514" s="91"/>
      <c r="GB2514" s="91"/>
      <c r="GC2514" s="91"/>
      <c r="GD2514" s="91"/>
      <c r="GE2514" s="91"/>
      <c r="GF2514" s="91"/>
      <c r="GG2514" s="91"/>
      <c r="GH2514" s="91"/>
      <c r="GI2514" s="91"/>
      <c r="GJ2514" s="91"/>
      <c r="GK2514" s="127"/>
      <c r="GL2514" s="126"/>
      <c r="GM2514" s="91"/>
      <c r="GN2514" s="91"/>
      <c r="GO2514" s="91"/>
      <c r="GP2514" s="91"/>
      <c r="GQ2514" s="91"/>
      <c r="GR2514" s="91"/>
      <c r="GS2514" s="91"/>
      <c r="GT2514" s="91"/>
      <c r="GU2514" s="91"/>
      <c r="GV2514" s="91"/>
      <c r="GW2514" s="91"/>
      <c r="GX2514" s="91"/>
      <c r="GY2514" s="91"/>
      <c r="GZ2514" s="91"/>
      <c r="HA2514" s="91"/>
      <c r="HB2514" s="91"/>
      <c r="HC2514" s="91"/>
      <c r="HD2514" s="91"/>
      <c r="HE2514" s="91"/>
      <c r="HF2514" s="91"/>
      <c r="HG2514" s="91"/>
      <c r="HH2514" s="91"/>
      <c r="HI2514" s="91"/>
      <c r="HJ2514" s="91"/>
      <c r="HK2514" s="127"/>
      <c r="HL2514" s="126"/>
      <c r="HM2514" s="91"/>
      <c r="HN2514" s="91"/>
      <c r="HO2514" s="91"/>
      <c r="HP2514" s="91"/>
      <c r="HQ2514" s="91"/>
      <c r="HR2514" s="91"/>
      <c r="HS2514" s="91"/>
      <c r="HT2514" s="91"/>
      <c r="HU2514" s="91"/>
      <c r="HV2514" s="91"/>
      <c r="HW2514" s="91"/>
      <c r="HX2514" s="91"/>
      <c r="HY2514" s="91"/>
      <c r="HZ2514" s="91"/>
      <c r="IA2514" s="91"/>
      <c r="IB2514" s="91"/>
      <c r="IC2514" s="91"/>
      <c r="ID2514" s="91"/>
      <c r="IE2514" s="91"/>
      <c r="IF2514" s="91"/>
      <c r="IG2514" s="91"/>
      <c r="IH2514" s="91"/>
      <c r="II2514" s="91"/>
      <c r="IJ2514" s="91"/>
      <c r="IK2514" s="127"/>
    </row>
    <row r="2515" spans="2:245" x14ac:dyDescent="0.2">
      <c r="B2515" s="43"/>
      <c r="C2515" s="73"/>
      <c r="D2515" s="64"/>
      <c r="E2515" s="64"/>
      <c r="F2515" s="55"/>
      <c r="G2515" s="102"/>
      <c r="H2515" s="55"/>
      <c r="I2515" s="55"/>
      <c r="J2515" s="55"/>
      <c r="K2515" s="55"/>
      <c r="L2515" s="55"/>
      <c r="M2515" s="55"/>
      <c r="N2515" s="55"/>
      <c r="O2515" s="55"/>
      <c r="P2515" s="55"/>
      <c r="Q2515" s="55"/>
      <c r="R2515" s="55"/>
      <c r="S2515" s="55"/>
      <c r="T2515" s="55"/>
      <c r="U2515" s="55"/>
      <c r="V2515" s="55"/>
      <c r="W2515" s="55"/>
      <c r="X2515" s="55"/>
      <c r="Y2515" s="55"/>
      <c r="Z2515" s="55"/>
      <c r="AA2515" s="55"/>
      <c r="AB2515" s="55"/>
      <c r="AC2515" s="55"/>
      <c r="AD2515" s="55"/>
      <c r="AE2515" s="55"/>
      <c r="AF2515" s="55"/>
      <c r="AG2515" s="55"/>
      <c r="AY2515" s="162"/>
      <c r="AZ2515" s="162"/>
      <c r="BA2515" s="162"/>
      <c r="BB2515" s="162"/>
      <c r="BC2515" s="162"/>
      <c r="BD2515" s="162"/>
      <c r="BE2515" s="162"/>
      <c r="BF2515" s="162"/>
      <c r="BG2515" s="162"/>
      <c r="BH2515" s="162"/>
      <c r="BI2515" s="162"/>
      <c r="BJ2515" s="162"/>
      <c r="BK2515" s="162"/>
      <c r="BL2515" s="162"/>
      <c r="BM2515" s="162"/>
      <c r="BN2515" s="162"/>
      <c r="BO2515" s="162"/>
      <c r="BP2515" s="162"/>
      <c r="BQ2515" s="162"/>
      <c r="BR2515" s="162"/>
      <c r="BS2515" s="162"/>
      <c r="BT2515" s="162"/>
      <c r="BU2515" s="162"/>
      <c r="BV2515" s="162"/>
      <c r="BW2515" s="162"/>
      <c r="BX2515" s="162"/>
      <c r="BY2515" s="162"/>
      <c r="BZ2515" s="162"/>
      <c r="CA2515" s="162"/>
      <c r="CB2515" s="162"/>
      <c r="CC2515" s="162"/>
      <c r="CD2515" s="162"/>
      <c r="CE2515" s="162"/>
      <c r="CF2515" s="162"/>
      <c r="CG2515" s="162"/>
      <c r="CH2515" s="162"/>
      <c r="CI2515" s="162"/>
      <c r="CJ2515" s="162"/>
      <c r="CK2515" s="162"/>
      <c r="CX2515" s="98"/>
      <c r="DL2515" s="97"/>
      <c r="DX2515" s="98"/>
      <c r="EL2515" s="97"/>
      <c r="EX2515" s="98"/>
      <c r="EY2515" s="97"/>
      <c r="FL2515" s="126"/>
      <c r="FM2515" s="91"/>
      <c r="FN2515" s="91"/>
      <c r="FO2515" s="91"/>
      <c r="FP2515" s="91"/>
      <c r="FQ2515" s="91"/>
      <c r="FR2515" s="91"/>
      <c r="FS2515" s="91"/>
      <c r="FT2515" s="91"/>
      <c r="FU2515" s="91"/>
      <c r="FV2515" s="91"/>
      <c r="FW2515" s="91"/>
      <c r="FX2515" s="91"/>
      <c r="FY2515" s="91"/>
      <c r="FZ2515" s="91"/>
      <c r="GA2515" s="91"/>
      <c r="GB2515" s="91"/>
      <c r="GC2515" s="91"/>
      <c r="GD2515" s="91"/>
      <c r="GE2515" s="91"/>
      <c r="GF2515" s="91"/>
      <c r="GG2515" s="91"/>
      <c r="GH2515" s="91"/>
      <c r="GI2515" s="91"/>
      <c r="GJ2515" s="91"/>
      <c r="GK2515" s="127"/>
      <c r="GL2515" s="126"/>
      <c r="GM2515" s="91"/>
      <c r="GN2515" s="91"/>
      <c r="GO2515" s="91"/>
      <c r="GP2515" s="91"/>
      <c r="GQ2515" s="91"/>
      <c r="GR2515" s="91"/>
      <c r="GS2515" s="91"/>
      <c r="GT2515" s="91"/>
      <c r="GU2515" s="91"/>
      <c r="GV2515" s="91"/>
      <c r="GW2515" s="91"/>
      <c r="GX2515" s="91"/>
      <c r="GY2515" s="91"/>
      <c r="GZ2515" s="91"/>
      <c r="HA2515" s="91"/>
      <c r="HB2515" s="91"/>
      <c r="HC2515" s="91"/>
      <c r="HD2515" s="91"/>
      <c r="HE2515" s="91"/>
      <c r="HF2515" s="91"/>
      <c r="HG2515" s="91"/>
      <c r="HH2515" s="91"/>
      <c r="HI2515" s="91"/>
      <c r="HJ2515" s="91"/>
      <c r="HK2515" s="127"/>
      <c r="HL2515" s="126"/>
      <c r="HM2515" s="91"/>
      <c r="HN2515" s="91"/>
      <c r="HO2515" s="91"/>
      <c r="HP2515" s="91"/>
      <c r="HQ2515" s="91"/>
      <c r="HR2515" s="91"/>
      <c r="HS2515" s="91"/>
      <c r="HT2515" s="91"/>
      <c r="HU2515" s="91"/>
      <c r="HV2515" s="91"/>
      <c r="HW2515" s="91"/>
      <c r="HX2515" s="91"/>
      <c r="HY2515" s="91"/>
      <c r="HZ2515" s="91"/>
      <c r="IA2515" s="91"/>
      <c r="IB2515" s="91"/>
      <c r="IC2515" s="91"/>
      <c r="ID2515" s="91"/>
      <c r="IE2515" s="91"/>
      <c r="IF2515" s="91"/>
      <c r="IG2515" s="91"/>
      <c r="IH2515" s="91"/>
      <c r="II2515" s="91"/>
      <c r="IJ2515" s="91"/>
      <c r="IK2515" s="127"/>
    </row>
    <row r="2516" spans="2:245" x14ac:dyDescent="0.2">
      <c r="B2516" s="43"/>
      <c r="C2516" s="73"/>
      <c r="D2516" s="64"/>
      <c r="E2516" s="64"/>
      <c r="F2516" s="55"/>
      <c r="G2516" s="102"/>
      <c r="H2516" s="55"/>
      <c r="I2516" s="55"/>
      <c r="J2516" s="55"/>
      <c r="K2516" s="55"/>
      <c r="L2516" s="55"/>
      <c r="M2516" s="55"/>
      <c r="N2516" s="55"/>
      <c r="O2516" s="55"/>
      <c r="P2516" s="55"/>
      <c r="Q2516" s="55"/>
      <c r="R2516" s="55"/>
      <c r="S2516" s="55"/>
      <c r="T2516" s="55"/>
      <c r="U2516" s="55"/>
      <c r="V2516" s="55"/>
      <c r="W2516" s="55"/>
      <c r="X2516" s="55"/>
      <c r="Y2516" s="55"/>
      <c r="Z2516" s="55"/>
      <c r="AA2516" s="55"/>
      <c r="AB2516" s="55"/>
      <c r="AC2516" s="55"/>
      <c r="AD2516" s="55"/>
      <c r="AE2516" s="55"/>
      <c r="AF2516" s="55"/>
      <c r="AG2516" s="55"/>
      <c r="AY2516" s="162"/>
      <c r="AZ2516" s="162"/>
      <c r="BA2516" s="162"/>
      <c r="BB2516" s="162"/>
      <c r="BC2516" s="162"/>
      <c r="BD2516" s="162"/>
      <c r="BE2516" s="162"/>
      <c r="BF2516" s="162"/>
      <c r="BG2516" s="162"/>
      <c r="BH2516" s="162"/>
      <c r="BI2516" s="162"/>
      <c r="BJ2516" s="162"/>
      <c r="BK2516" s="162"/>
      <c r="BL2516" s="162"/>
      <c r="BM2516" s="162"/>
      <c r="BN2516" s="162"/>
      <c r="BO2516" s="162"/>
      <c r="BP2516" s="162"/>
      <c r="BQ2516" s="162"/>
      <c r="BR2516" s="162"/>
      <c r="BS2516" s="162"/>
      <c r="BT2516" s="162"/>
      <c r="BU2516" s="162"/>
      <c r="BV2516" s="162"/>
      <c r="BW2516" s="162"/>
      <c r="BX2516" s="162"/>
      <c r="BY2516" s="162"/>
      <c r="BZ2516" s="162"/>
      <c r="CA2516" s="162"/>
      <c r="CB2516" s="162"/>
      <c r="CC2516" s="162"/>
      <c r="CD2516" s="162"/>
      <c r="CE2516" s="162"/>
      <c r="CF2516" s="162"/>
      <c r="CG2516" s="162"/>
      <c r="CH2516" s="162"/>
      <c r="CI2516" s="162"/>
      <c r="CJ2516" s="162"/>
      <c r="CK2516" s="162"/>
      <c r="CX2516" s="98"/>
      <c r="DL2516" s="97"/>
      <c r="DX2516" s="98"/>
      <c r="EL2516" s="97"/>
      <c r="EX2516" s="98"/>
      <c r="EY2516" s="97"/>
      <c r="FL2516" s="126"/>
      <c r="FM2516" s="91"/>
      <c r="FN2516" s="91"/>
      <c r="FO2516" s="91"/>
      <c r="FP2516" s="91"/>
      <c r="FQ2516" s="91"/>
      <c r="FR2516" s="91"/>
      <c r="FS2516" s="91"/>
      <c r="FT2516" s="91"/>
      <c r="FU2516" s="91"/>
      <c r="FV2516" s="91"/>
      <c r="FW2516" s="91"/>
      <c r="FX2516" s="91"/>
      <c r="FY2516" s="91"/>
      <c r="FZ2516" s="91"/>
      <c r="GA2516" s="91"/>
      <c r="GB2516" s="91"/>
      <c r="GC2516" s="91"/>
      <c r="GD2516" s="91"/>
      <c r="GE2516" s="91"/>
      <c r="GF2516" s="91"/>
      <c r="GG2516" s="91"/>
      <c r="GH2516" s="91"/>
      <c r="GI2516" s="91"/>
      <c r="GJ2516" s="91"/>
      <c r="GK2516" s="127"/>
      <c r="GL2516" s="126"/>
      <c r="GM2516" s="91"/>
      <c r="GN2516" s="91"/>
      <c r="GO2516" s="91"/>
      <c r="GP2516" s="91"/>
      <c r="GQ2516" s="91"/>
      <c r="GR2516" s="91"/>
      <c r="GS2516" s="91"/>
      <c r="GT2516" s="91"/>
      <c r="GU2516" s="91"/>
      <c r="GV2516" s="91"/>
      <c r="GW2516" s="91"/>
      <c r="GX2516" s="91"/>
      <c r="GY2516" s="91"/>
      <c r="GZ2516" s="91"/>
      <c r="HA2516" s="91"/>
      <c r="HB2516" s="91"/>
      <c r="HC2516" s="91"/>
      <c r="HD2516" s="91"/>
      <c r="HE2516" s="91"/>
      <c r="HF2516" s="91"/>
      <c r="HG2516" s="91"/>
      <c r="HH2516" s="91"/>
      <c r="HI2516" s="91"/>
      <c r="HJ2516" s="91"/>
      <c r="HK2516" s="127"/>
      <c r="HL2516" s="126"/>
      <c r="HM2516" s="91"/>
      <c r="HN2516" s="91"/>
      <c r="HO2516" s="91"/>
      <c r="HP2516" s="91"/>
      <c r="HQ2516" s="91"/>
      <c r="HR2516" s="91"/>
      <c r="HS2516" s="91"/>
      <c r="HT2516" s="91"/>
      <c r="HU2516" s="91"/>
      <c r="HV2516" s="91"/>
      <c r="HW2516" s="91"/>
      <c r="HX2516" s="91"/>
      <c r="HY2516" s="91"/>
      <c r="HZ2516" s="91"/>
      <c r="IA2516" s="91"/>
      <c r="IB2516" s="91"/>
      <c r="IC2516" s="91"/>
      <c r="ID2516" s="91"/>
      <c r="IE2516" s="91"/>
      <c r="IF2516" s="91"/>
      <c r="IG2516" s="91"/>
      <c r="IH2516" s="91"/>
      <c r="II2516" s="91"/>
      <c r="IJ2516" s="91"/>
      <c r="IK2516" s="127"/>
    </row>
    <row r="2517" spans="2:245" x14ac:dyDescent="0.2">
      <c r="B2517" s="43"/>
      <c r="C2517" s="73"/>
      <c r="D2517" s="64"/>
      <c r="E2517" s="64"/>
      <c r="F2517" s="55"/>
      <c r="G2517" s="102"/>
      <c r="H2517" s="55"/>
      <c r="I2517" s="55"/>
      <c r="J2517" s="55"/>
      <c r="K2517" s="55"/>
      <c r="L2517" s="55"/>
      <c r="M2517" s="55"/>
      <c r="N2517" s="55"/>
      <c r="O2517" s="55"/>
      <c r="P2517" s="55"/>
      <c r="Q2517" s="55"/>
      <c r="R2517" s="55"/>
      <c r="S2517" s="55"/>
      <c r="T2517" s="55"/>
      <c r="U2517" s="55"/>
      <c r="V2517" s="55"/>
      <c r="W2517" s="55"/>
      <c r="X2517" s="55"/>
      <c r="Y2517" s="55"/>
      <c r="Z2517" s="55"/>
      <c r="AA2517" s="55"/>
      <c r="AB2517" s="55"/>
      <c r="AC2517" s="55"/>
      <c r="AD2517" s="55"/>
      <c r="AE2517" s="55"/>
      <c r="AF2517" s="55"/>
      <c r="AG2517" s="55"/>
      <c r="AY2517" s="162"/>
      <c r="AZ2517" s="162"/>
      <c r="BA2517" s="162"/>
      <c r="BB2517" s="162"/>
      <c r="BC2517" s="162"/>
      <c r="BD2517" s="162"/>
      <c r="BE2517" s="162"/>
      <c r="BF2517" s="162"/>
      <c r="BG2517" s="162"/>
      <c r="BH2517" s="162"/>
      <c r="BI2517" s="162"/>
      <c r="BJ2517" s="162"/>
      <c r="BK2517" s="162"/>
      <c r="BL2517" s="162"/>
      <c r="BM2517" s="162"/>
      <c r="BN2517" s="162"/>
      <c r="BO2517" s="162"/>
      <c r="BP2517" s="162"/>
      <c r="BQ2517" s="162"/>
      <c r="BR2517" s="162"/>
      <c r="BS2517" s="162"/>
      <c r="BT2517" s="162"/>
      <c r="BU2517" s="162"/>
      <c r="BV2517" s="162"/>
      <c r="BW2517" s="162"/>
      <c r="BX2517" s="162"/>
      <c r="BY2517" s="162"/>
      <c r="BZ2517" s="162"/>
      <c r="CA2517" s="162"/>
      <c r="CB2517" s="162"/>
      <c r="CC2517" s="162"/>
      <c r="CD2517" s="162"/>
      <c r="CE2517" s="162"/>
      <c r="CF2517" s="162"/>
      <c r="CG2517" s="162"/>
      <c r="CH2517" s="162"/>
      <c r="CI2517" s="162"/>
      <c r="CJ2517" s="162"/>
      <c r="CK2517" s="162"/>
      <c r="CX2517" s="98"/>
      <c r="DL2517" s="97"/>
      <c r="DX2517" s="98"/>
      <c r="EL2517" s="97"/>
      <c r="EX2517" s="98"/>
      <c r="EY2517" s="97"/>
      <c r="FL2517" s="126"/>
      <c r="FM2517" s="91"/>
      <c r="FN2517" s="91"/>
      <c r="FO2517" s="91"/>
      <c r="FP2517" s="91"/>
      <c r="FQ2517" s="91"/>
      <c r="FR2517" s="91"/>
      <c r="FS2517" s="91"/>
      <c r="FT2517" s="91"/>
      <c r="FU2517" s="91"/>
      <c r="FV2517" s="91"/>
      <c r="FW2517" s="91"/>
      <c r="FX2517" s="91"/>
      <c r="FY2517" s="91"/>
      <c r="FZ2517" s="91"/>
      <c r="GA2517" s="91"/>
      <c r="GB2517" s="91"/>
      <c r="GC2517" s="91"/>
      <c r="GD2517" s="91"/>
      <c r="GE2517" s="91"/>
      <c r="GF2517" s="91"/>
      <c r="GG2517" s="91"/>
      <c r="GH2517" s="91"/>
      <c r="GI2517" s="91"/>
      <c r="GJ2517" s="91"/>
      <c r="GK2517" s="127"/>
      <c r="GL2517" s="126"/>
      <c r="GM2517" s="91"/>
      <c r="GN2517" s="91"/>
      <c r="GO2517" s="91"/>
      <c r="GP2517" s="91"/>
      <c r="GQ2517" s="91"/>
      <c r="GR2517" s="91"/>
      <c r="GS2517" s="91"/>
      <c r="GT2517" s="91"/>
      <c r="GU2517" s="91"/>
      <c r="GV2517" s="91"/>
      <c r="GW2517" s="91"/>
      <c r="GX2517" s="91"/>
      <c r="GY2517" s="91"/>
      <c r="GZ2517" s="91"/>
      <c r="HA2517" s="91"/>
      <c r="HB2517" s="91"/>
      <c r="HC2517" s="91"/>
      <c r="HD2517" s="91"/>
      <c r="HE2517" s="91"/>
      <c r="HF2517" s="91"/>
      <c r="HG2517" s="91"/>
      <c r="HH2517" s="91"/>
      <c r="HI2517" s="91"/>
      <c r="HJ2517" s="91"/>
      <c r="HK2517" s="127"/>
      <c r="HL2517" s="126"/>
      <c r="HM2517" s="91"/>
      <c r="HN2517" s="91"/>
      <c r="HO2517" s="91"/>
      <c r="HP2517" s="91"/>
      <c r="HQ2517" s="91"/>
      <c r="HR2517" s="91"/>
      <c r="HS2517" s="91"/>
      <c r="HT2517" s="91"/>
      <c r="HU2517" s="91"/>
      <c r="HV2517" s="91"/>
      <c r="HW2517" s="91"/>
      <c r="HX2517" s="91"/>
      <c r="HY2517" s="91"/>
      <c r="HZ2517" s="91"/>
      <c r="IA2517" s="91"/>
      <c r="IB2517" s="91"/>
      <c r="IC2517" s="91"/>
      <c r="ID2517" s="91"/>
      <c r="IE2517" s="91"/>
      <c r="IF2517" s="91"/>
      <c r="IG2517" s="91"/>
      <c r="IH2517" s="91"/>
      <c r="II2517" s="91"/>
      <c r="IJ2517" s="91"/>
      <c r="IK2517" s="127"/>
    </row>
    <row r="2518" spans="2:245" x14ac:dyDescent="0.2">
      <c r="B2518" s="43"/>
      <c r="C2518" s="73"/>
      <c r="D2518" s="64"/>
      <c r="E2518" s="64"/>
      <c r="F2518" s="55"/>
      <c r="G2518" s="102"/>
      <c r="H2518" s="55"/>
      <c r="I2518" s="55"/>
      <c r="J2518" s="55"/>
      <c r="K2518" s="55"/>
      <c r="L2518" s="55"/>
      <c r="M2518" s="55"/>
      <c r="N2518" s="55"/>
      <c r="O2518" s="55"/>
      <c r="P2518" s="55"/>
      <c r="Q2518" s="55"/>
      <c r="R2518" s="55"/>
      <c r="S2518" s="55"/>
      <c r="T2518" s="55"/>
      <c r="U2518" s="55"/>
      <c r="V2518" s="55"/>
      <c r="W2518" s="55"/>
      <c r="X2518" s="55"/>
      <c r="Y2518" s="55"/>
      <c r="Z2518" s="55"/>
      <c r="AA2518" s="55"/>
      <c r="AB2518" s="55"/>
      <c r="AC2518" s="55"/>
      <c r="AD2518" s="55"/>
      <c r="AE2518" s="55"/>
      <c r="AF2518" s="55"/>
      <c r="AG2518" s="55"/>
      <c r="AY2518" s="162"/>
      <c r="AZ2518" s="162"/>
      <c r="BA2518" s="162"/>
      <c r="BB2518" s="162"/>
      <c r="BC2518" s="162"/>
      <c r="BD2518" s="162"/>
      <c r="BE2518" s="162"/>
      <c r="BF2518" s="162"/>
      <c r="BG2518" s="162"/>
      <c r="BH2518" s="162"/>
      <c r="BI2518" s="162"/>
      <c r="BJ2518" s="162"/>
      <c r="BK2518" s="162"/>
      <c r="BL2518" s="162"/>
      <c r="BM2518" s="162"/>
      <c r="BN2518" s="162"/>
      <c r="BO2518" s="162"/>
      <c r="BP2518" s="162"/>
      <c r="BQ2518" s="162"/>
      <c r="BR2518" s="162"/>
      <c r="BS2518" s="162"/>
      <c r="BT2518" s="162"/>
      <c r="BU2518" s="162"/>
      <c r="BV2518" s="162"/>
      <c r="BW2518" s="162"/>
      <c r="BX2518" s="162"/>
      <c r="BY2518" s="162"/>
      <c r="BZ2518" s="162"/>
      <c r="CA2518" s="162"/>
      <c r="CB2518" s="162"/>
      <c r="CC2518" s="162"/>
      <c r="CD2518" s="162"/>
      <c r="CE2518" s="162"/>
      <c r="CF2518" s="162"/>
      <c r="CG2518" s="162"/>
      <c r="CH2518" s="162"/>
      <c r="CI2518" s="162"/>
      <c r="CJ2518" s="162"/>
      <c r="CK2518" s="162"/>
      <c r="CX2518" s="98"/>
      <c r="DL2518" s="97"/>
      <c r="DX2518" s="98"/>
      <c r="EL2518" s="97"/>
      <c r="EX2518" s="98"/>
      <c r="EY2518" s="97"/>
      <c r="FL2518" s="126"/>
      <c r="FM2518" s="91"/>
      <c r="FN2518" s="91"/>
      <c r="FO2518" s="91"/>
      <c r="FP2518" s="91"/>
      <c r="FQ2518" s="91"/>
      <c r="FR2518" s="91"/>
      <c r="FS2518" s="91"/>
      <c r="FT2518" s="91"/>
      <c r="FU2518" s="91"/>
      <c r="FV2518" s="91"/>
      <c r="FW2518" s="91"/>
      <c r="FX2518" s="91"/>
      <c r="FY2518" s="91"/>
      <c r="FZ2518" s="91"/>
      <c r="GA2518" s="91"/>
      <c r="GB2518" s="91"/>
      <c r="GC2518" s="91"/>
      <c r="GD2518" s="91"/>
      <c r="GE2518" s="91"/>
      <c r="GF2518" s="91"/>
      <c r="GG2518" s="91"/>
      <c r="GH2518" s="91"/>
      <c r="GI2518" s="91"/>
      <c r="GJ2518" s="91"/>
      <c r="GK2518" s="127"/>
      <c r="GL2518" s="126"/>
      <c r="GM2518" s="91"/>
      <c r="GN2518" s="91"/>
      <c r="GO2518" s="91"/>
      <c r="GP2518" s="91"/>
      <c r="GQ2518" s="91"/>
      <c r="GR2518" s="91"/>
      <c r="GS2518" s="91"/>
      <c r="GT2518" s="91"/>
      <c r="GU2518" s="91"/>
      <c r="GV2518" s="91"/>
      <c r="GW2518" s="91"/>
      <c r="GX2518" s="91"/>
      <c r="GY2518" s="91"/>
      <c r="GZ2518" s="91"/>
      <c r="HA2518" s="91"/>
      <c r="HB2518" s="91"/>
      <c r="HC2518" s="91"/>
      <c r="HD2518" s="91"/>
      <c r="HE2518" s="91"/>
      <c r="HF2518" s="91"/>
      <c r="HG2518" s="91"/>
      <c r="HH2518" s="91"/>
      <c r="HI2518" s="91"/>
      <c r="HJ2518" s="91"/>
      <c r="HK2518" s="127"/>
      <c r="HL2518" s="126"/>
      <c r="HM2518" s="91"/>
      <c r="HN2518" s="91"/>
      <c r="HO2518" s="91"/>
      <c r="HP2518" s="91"/>
      <c r="HQ2518" s="91"/>
      <c r="HR2518" s="91"/>
      <c r="HS2518" s="91"/>
      <c r="HT2518" s="91"/>
      <c r="HU2518" s="91"/>
      <c r="HV2518" s="91"/>
      <c r="HW2518" s="91"/>
      <c r="HX2518" s="91"/>
      <c r="HY2518" s="91"/>
      <c r="HZ2518" s="91"/>
      <c r="IA2518" s="91"/>
      <c r="IB2518" s="91"/>
      <c r="IC2518" s="91"/>
      <c r="ID2518" s="91"/>
      <c r="IE2518" s="91"/>
      <c r="IF2518" s="91"/>
      <c r="IG2518" s="91"/>
      <c r="IH2518" s="91"/>
      <c r="II2518" s="91"/>
      <c r="IJ2518" s="91"/>
      <c r="IK2518" s="127"/>
    </row>
    <row r="2519" spans="2:245" x14ac:dyDescent="0.2">
      <c r="B2519" s="43"/>
      <c r="C2519" s="73"/>
      <c r="D2519" s="64"/>
      <c r="E2519" s="64"/>
      <c r="F2519" s="55"/>
      <c r="G2519" s="102"/>
      <c r="H2519" s="55"/>
      <c r="I2519" s="55"/>
      <c r="J2519" s="55"/>
      <c r="K2519" s="55"/>
      <c r="L2519" s="55"/>
      <c r="M2519" s="55"/>
      <c r="N2519" s="55"/>
      <c r="O2519" s="55"/>
      <c r="P2519" s="55"/>
      <c r="Q2519" s="55"/>
      <c r="R2519" s="55"/>
      <c r="S2519" s="55"/>
      <c r="T2519" s="55"/>
      <c r="U2519" s="55"/>
      <c r="V2519" s="55"/>
      <c r="W2519" s="55"/>
      <c r="X2519" s="55"/>
      <c r="Y2519" s="55"/>
      <c r="Z2519" s="55"/>
      <c r="AA2519" s="55"/>
      <c r="AB2519" s="55"/>
      <c r="AC2519" s="55"/>
      <c r="AD2519" s="55"/>
      <c r="AE2519" s="55"/>
      <c r="AF2519" s="55"/>
      <c r="AG2519" s="55"/>
      <c r="AY2519" s="162"/>
      <c r="AZ2519" s="162"/>
      <c r="BA2519" s="162"/>
      <c r="BB2519" s="162"/>
      <c r="BC2519" s="162"/>
      <c r="BD2519" s="162"/>
      <c r="BE2519" s="162"/>
      <c r="BF2519" s="162"/>
      <c r="BG2519" s="162"/>
      <c r="BH2519" s="162"/>
      <c r="BI2519" s="162"/>
      <c r="BJ2519" s="162"/>
      <c r="BK2519" s="162"/>
      <c r="BL2519" s="162"/>
      <c r="BM2519" s="162"/>
      <c r="BN2519" s="162"/>
      <c r="BO2519" s="162"/>
      <c r="BP2519" s="162"/>
      <c r="BQ2519" s="162"/>
      <c r="BR2519" s="162"/>
      <c r="BS2519" s="162"/>
      <c r="BT2519" s="162"/>
      <c r="BU2519" s="162"/>
      <c r="BV2519" s="162"/>
      <c r="BW2519" s="162"/>
      <c r="BX2519" s="162"/>
      <c r="BY2519" s="162"/>
      <c r="BZ2519" s="162"/>
      <c r="CA2519" s="162"/>
      <c r="CB2519" s="162"/>
      <c r="CC2519" s="162"/>
      <c r="CD2519" s="162"/>
      <c r="CE2519" s="162"/>
      <c r="CF2519" s="162"/>
      <c r="CG2519" s="162"/>
      <c r="CH2519" s="162"/>
      <c r="CI2519" s="162"/>
      <c r="CJ2519" s="162"/>
      <c r="CK2519" s="162"/>
      <c r="CX2519" s="98"/>
      <c r="DL2519" s="97"/>
      <c r="DX2519" s="98"/>
      <c r="EL2519" s="97"/>
      <c r="EX2519" s="98"/>
      <c r="EY2519" s="97"/>
      <c r="FL2519" s="126"/>
      <c r="FM2519" s="91"/>
      <c r="FN2519" s="91"/>
      <c r="FO2519" s="91"/>
      <c r="FP2519" s="91"/>
      <c r="FQ2519" s="91"/>
      <c r="FR2519" s="91"/>
      <c r="FS2519" s="91"/>
      <c r="FT2519" s="91"/>
      <c r="FU2519" s="91"/>
      <c r="FV2519" s="91"/>
      <c r="FW2519" s="91"/>
      <c r="FX2519" s="91"/>
      <c r="FY2519" s="91"/>
      <c r="FZ2519" s="91"/>
      <c r="GA2519" s="91"/>
      <c r="GB2519" s="91"/>
      <c r="GC2519" s="91"/>
      <c r="GD2519" s="91"/>
      <c r="GE2519" s="91"/>
      <c r="GF2519" s="91"/>
      <c r="GG2519" s="91"/>
      <c r="GH2519" s="91"/>
      <c r="GI2519" s="91"/>
      <c r="GJ2519" s="91"/>
      <c r="GK2519" s="127"/>
      <c r="GL2519" s="126"/>
      <c r="GM2519" s="91"/>
      <c r="GN2519" s="91"/>
      <c r="GO2519" s="91"/>
      <c r="GP2519" s="91"/>
      <c r="GQ2519" s="91"/>
      <c r="GR2519" s="91"/>
      <c r="GS2519" s="91"/>
      <c r="GT2519" s="91"/>
      <c r="GU2519" s="91"/>
      <c r="GV2519" s="91"/>
      <c r="GW2519" s="91"/>
      <c r="GX2519" s="91"/>
      <c r="GY2519" s="91"/>
      <c r="GZ2519" s="91"/>
      <c r="HA2519" s="91"/>
      <c r="HB2519" s="91"/>
      <c r="HC2519" s="91"/>
      <c r="HD2519" s="91"/>
      <c r="HE2519" s="91"/>
      <c r="HF2519" s="91"/>
      <c r="HG2519" s="91"/>
      <c r="HH2519" s="91"/>
      <c r="HI2519" s="91"/>
      <c r="HJ2519" s="91"/>
      <c r="HK2519" s="127"/>
      <c r="HL2519" s="126"/>
      <c r="HM2519" s="91"/>
      <c r="HN2519" s="91"/>
      <c r="HO2519" s="91"/>
      <c r="HP2519" s="91"/>
      <c r="HQ2519" s="91"/>
      <c r="HR2519" s="91"/>
      <c r="HS2519" s="91"/>
      <c r="HT2519" s="91"/>
      <c r="HU2519" s="91"/>
      <c r="HV2519" s="91"/>
      <c r="HW2519" s="91"/>
      <c r="HX2519" s="91"/>
      <c r="HY2519" s="91"/>
      <c r="HZ2519" s="91"/>
      <c r="IA2519" s="91"/>
      <c r="IB2519" s="91"/>
      <c r="IC2519" s="91"/>
      <c r="ID2519" s="91"/>
      <c r="IE2519" s="91"/>
      <c r="IF2519" s="91"/>
      <c r="IG2519" s="91"/>
      <c r="IH2519" s="91"/>
      <c r="II2519" s="91"/>
      <c r="IJ2519" s="91"/>
      <c r="IK2519" s="127"/>
    </row>
    <row r="2520" spans="2:245" x14ac:dyDescent="0.2">
      <c r="B2520" s="43"/>
      <c r="C2520" s="73"/>
      <c r="D2520" s="64"/>
      <c r="E2520" s="64"/>
      <c r="F2520" s="55"/>
      <c r="G2520" s="102"/>
      <c r="H2520" s="55"/>
      <c r="I2520" s="55"/>
      <c r="J2520" s="55"/>
      <c r="K2520" s="55"/>
      <c r="L2520" s="55"/>
      <c r="M2520" s="55"/>
      <c r="N2520" s="55"/>
      <c r="O2520" s="55"/>
      <c r="P2520" s="55"/>
      <c r="Q2520" s="55"/>
      <c r="R2520" s="55"/>
      <c r="S2520" s="55"/>
      <c r="T2520" s="55"/>
      <c r="U2520" s="55"/>
      <c r="V2520" s="55"/>
      <c r="W2520" s="55"/>
      <c r="X2520" s="55"/>
      <c r="Y2520" s="55"/>
      <c r="Z2520" s="55"/>
      <c r="AA2520" s="55"/>
      <c r="AB2520" s="55"/>
      <c r="AC2520" s="55"/>
      <c r="AD2520" s="55"/>
      <c r="AE2520" s="55"/>
      <c r="AF2520" s="55"/>
      <c r="AG2520" s="55"/>
      <c r="AY2520" s="162"/>
      <c r="AZ2520" s="162"/>
      <c r="BA2520" s="162"/>
      <c r="BB2520" s="162"/>
      <c r="BC2520" s="162"/>
      <c r="BD2520" s="162"/>
      <c r="BE2520" s="162"/>
      <c r="BF2520" s="162"/>
      <c r="BG2520" s="162"/>
      <c r="BH2520" s="162"/>
      <c r="BI2520" s="162"/>
      <c r="BJ2520" s="162"/>
      <c r="BK2520" s="162"/>
      <c r="BL2520" s="162"/>
      <c r="BM2520" s="162"/>
      <c r="BN2520" s="162"/>
      <c r="BO2520" s="162"/>
      <c r="BP2520" s="162"/>
      <c r="BQ2520" s="162"/>
      <c r="BR2520" s="162"/>
      <c r="BS2520" s="162"/>
      <c r="BT2520" s="162"/>
      <c r="BU2520" s="162"/>
      <c r="BV2520" s="162"/>
      <c r="BW2520" s="162"/>
      <c r="BX2520" s="162"/>
      <c r="BY2520" s="162"/>
      <c r="BZ2520" s="162"/>
      <c r="CA2520" s="162"/>
      <c r="CB2520" s="162"/>
      <c r="CC2520" s="162"/>
      <c r="CD2520" s="162"/>
      <c r="CE2520" s="162"/>
      <c r="CF2520" s="162"/>
      <c r="CG2520" s="162"/>
      <c r="CH2520" s="162"/>
      <c r="CI2520" s="162"/>
      <c r="CJ2520" s="162"/>
      <c r="CK2520" s="162"/>
      <c r="CX2520" s="98"/>
      <c r="DL2520" s="97"/>
      <c r="DX2520" s="98"/>
      <c r="EL2520" s="97"/>
      <c r="EX2520" s="98"/>
      <c r="EY2520" s="97"/>
      <c r="FL2520" s="126"/>
      <c r="FM2520" s="91"/>
      <c r="FN2520" s="91"/>
      <c r="FO2520" s="91"/>
      <c r="FP2520" s="91"/>
      <c r="FQ2520" s="91"/>
      <c r="FR2520" s="91"/>
      <c r="FS2520" s="91"/>
      <c r="FT2520" s="91"/>
      <c r="FU2520" s="91"/>
      <c r="FV2520" s="91"/>
      <c r="FW2520" s="91"/>
      <c r="FX2520" s="91"/>
      <c r="FY2520" s="91"/>
      <c r="FZ2520" s="91"/>
      <c r="GA2520" s="91"/>
      <c r="GB2520" s="91"/>
      <c r="GC2520" s="91"/>
      <c r="GD2520" s="91"/>
      <c r="GE2520" s="91"/>
      <c r="GF2520" s="91"/>
      <c r="GG2520" s="91"/>
      <c r="GH2520" s="91"/>
      <c r="GI2520" s="91"/>
      <c r="GJ2520" s="91"/>
      <c r="GK2520" s="127"/>
      <c r="GL2520" s="126"/>
      <c r="GM2520" s="91"/>
      <c r="GN2520" s="91"/>
      <c r="GO2520" s="91"/>
      <c r="GP2520" s="91"/>
      <c r="GQ2520" s="91"/>
      <c r="GR2520" s="91"/>
      <c r="GS2520" s="91"/>
      <c r="GT2520" s="91"/>
      <c r="GU2520" s="91"/>
      <c r="GV2520" s="91"/>
      <c r="GW2520" s="91"/>
      <c r="GX2520" s="91"/>
      <c r="GY2520" s="91"/>
      <c r="GZ2520" s="91"/>
      <c r="HA2520" s="91"/>
      <c r="HB2520" s="91"/>
      <c r="HC2520" s="91"/>
      <c r="HD2520" s="91"/>
      <c r="HE2520" s="91"/>
      <c r="HF2520" s="91"/>
      <c r="HG2520" s="91"/>
      <c r="HH2520" s="91"/>
      <c r="HI2520" s="91"/>
      <c r="HJ2520" s="91"/>
      <c r="HK2520" s="127"/>
      <c r="HL2520" s="126"/>
      <c r="HM2520" s="91"/>
      <c r="HN2520" s="91"/>
      <c r="HO2520" s="91"/>
      <c r="HP2520" s="91"/>
      <c r="HQ2520" s="91"/>
      <c r="HR2520" s="91"/>
      <c r="HS2520" s="91"/>
      <c r="HT2520" s="91"/>
      <c r="HU2520" s="91"/>
      <c r="HV2520" s="91"/>
      <c r="HW2520" s="91"/>
      <c r="HX2520" s="91"/>
      <c r="HY2520" s="91"/>
      <c r="HZ2520" s="91"/>
      <c r="IA2520" s="91"/>
      <c r="IB2520" s="91"/>
      <c r="IC2520" s="91"/>
      <c r="ID2520" s="91"/>
      <c r="IE2520" s="91"/>
      <c r="IF2520" s="91"/>
      <c r="IG2520" s="91"/>
      <c r="IH2520" s="91"/>
      <c r="II2520" s="91"/>
      <c r="IJ2520" s="91"/>
      <c r="IK2520" s="127"/>
    </row>
    <row r="2521" spans="2:245" x14ac:dyDescent="0.2">
      <c r="B2521" s="43"/>
      <c r="C2521" s="73"/>
      <c r="D2521" s="64"/>
      <c r="E2521" s="64"/>
      <c r="F2521" s="55"/>
      <c r="G2521" s="102"/>
      <c r="H2521" s="55"/>
      <c r="I2521" s="55"/>
      <c r="J2521" s="55"/>
      <c r="K2521" s="55"/>
      <c r="L2521" s="55"/>
      <c r="M2521" s="55"/>
      <c r="N2521" s="55"/>
      <c r="O2521" s="55"/>
      <c r="P2521" s="55"/>
      <c r="Q2521" s="55"/>
      <c r="R2521" s="55"/>
      <c r="S2521" s="55"/>
      <c r="T2521" s="55"/>
      <c r="U2521" s="55"/>
      <c r="V2521" s="55"/>
      <c r="W2521" s="55"/>
      <c r="X2521" s="55"/>
      <c r="Y2521" s="55"/>
      <c r="Z2521" s="55"/>
      <c r="AA2521" s="55"/>
      <c r="AB2521" s="55"/>
      <c r="AC2521" s="55"/>
      <c r="AD2521" s="55"/>
      <c r="AE2521" s="55"/>
      <c r="AF2521" s="55"/>
      <c r="AG2521" s="55"/>
      <c r="AY2521" s="162"/>
      <c r="AZ2521" s="162"/>
      <c r="BA2521" s="162"/>
      <c r="BB2521" s="162"/>
      <c r="BC2521" s="162"/>
      <c r="BD2521" s="162"/>
      <c r="BE2521" s="162"/>
      <c r="BF2521" s="162"/>
      <c r="BG2521" s="162"/>
      <c r="BH2521" s="162"/>
      <c r="BI2521" s="162"/>
      <c r="BJ2521" s="162"/>
      <c r="BK2521" s="162"/>
      <c r="BL2521" s="162"/>
      <c r="BM2521" s="162"/>
      <c r="BN2521" s="162"/>
      <c r="BO2521" s="162"/>
      <c r="BP2521" s="162"/>
      <c r="BQ2521" s="162"/>
      <c r="BR2521" s="162"/>
      <c r="BS2521" s="162"/>
      <c r="BT2521" s="162"/>
      <c r="BU2521" s="162"/>
      <c r="BV2521" s="162"/>
      <c r="BW2521" s="162"/>
      <c r="BX2521" s="162"/>
      <c r="BY2521" s="162"/>
      <c r="BZ2521" s="162"/>
      <c r="CA2521" s="162"/>
      <c r="CB2521" s="162"/>
      <c r="CC2521" s="162"/>
      <c r="CD2521" s="162"/>
      <c r="CE2521" s="162"/>
      <c r="CF2521" s="162"/>
      <c r="CG2521" s="162"/>
      <c r="CH2521" s="162"/>
      <c r="CI2521" s="162"/>
      <c r="CJ2521" s="162"/>
      <c r="CK2521" s="162"/>
      <c r="CX2521" s="98"/>
      <c r="DL2521" s="97"/>
      <c r="DX2521" s="98"/>
      <c r="EL2521" s="97"/>
      <c r="EX2521" s="98"/>
      <c r="EY2521" s="97"/>
      <c r="FL2521" s="126"/>
      <c r="FM2521" s="91"/>
      <c r="FN2521" s="91"/>
      <c r="FO2521" s="91"/>
      <c r="FP2521" s="91"/>
      <c r="FQ2521" s="91"/>
      <c r="FR2521" s="91"/>
      <c r="FS2521" s="91"/>
      <c r="FT2521" s="91"/>
      <c r="FU2521" s="91"/>
      <c r="FV2521" s="91"/>
      <c r="FW2521" s="91"/>
      <c r="FX2521" s="91"/>
      <c r="FY2521" s="91"/>
      <c r="FZ2521" s="91"/>
      <c r="GA2521" s="91"/>
      <c r="GB2521" s="91"/>
      <c r="GC2521" s="91"/>
      <c r="GD2521" s="91"/>
      <c r="GE2521" s="91"/>
      <c r="GF2521" s="91"/>
      <c r="GG2521" s="91"/>
      <c r="GH2521" s="91"/>
      <c r="GI2521" s="91"/>
      <c r="GJ2521" s="91"/>
      <c r="GK2521" s="127"/>
      <c r="GL2521" s="126"/>
      <c r="GM2521" s="91"/>
      <c r="GN2521" s="91"/>
      <c r="GO2521" s="91"/>
      <c r="GP2521" s="91"/>
      <c r="GQ2521" s="91"/>
      <c r="GR2521" s="91"/>
      <c r="GS2521" s="91"/>
      <c r="GT2521" s="91"/>
      <c r="GU2521" s="91"/>
      <c r="GV2521" s="91"/>
      <c r="GW2521" s="91"/>
      <c r="GX2521" s="91"/>
      <c r="GY2521" s="91"/>
      <c r="GZ2521" s="91"/>
      <c r="HA2521" s="91"/>
      <c r="HB2521" s="91"/>
      <c r="HC2521" s="91"/>
      <c r="HD2521" s="91"/>
      <c r="HE2521" s="91"/>
      <c r="HF2521" s="91"/>
      <c r="HG2521" s="91"/>
      <c r="HH2521" s="91"/>
      <c r="HI2521" s="91"/>
      <c r="HJ2521" s="91"/>
      <c r="HK2521" s="127"/>
      <c r="HL2521" s="126"/>
      <c r="HM2521" s="91"/>
      <c r="HN2521" s="91"/>
      <c r="HO2521" s="91"/>
      <c r="HP2521" s="91"/>
      <c r="HQ2521" s="91"/>
      <c r="HR2521" s="91"/>
      <c r="HS2521" s="91"/>
      <c r="HT2521" s="91"/>
      <c r="HU2521" s="91"/>
      <c r="HV2521" s="91"/>
      <c r="HW2521" s="91"/>
      <c r="HX2521" s="91"/>
      <c r="HY2521" s="91"/>
      <c r="HZ2521" s="91"/>
      <c r="IA2521" s="91"/>
      <c r="IB2521" s="91"/>
      <c r="IC2521" s="91"/>
      <c r="ID2521" s="91"/>
      <c r="IE2521" s="91"/>
      <c r="IF2521" s="91"/>
      <c r="IG2521" s="91"/>
      <c r="IH2521" s="91"/>
      <c r="II2521" s="91"/>
      <c r="IJ2521" s="91"/>
      <c r="IK2521" s="127"/>
    </row>
    <row r="2522" spans="2:245" x14ac:dyDescent="0.2">
      <c r="B2522" s="43"/>
      <c r="C2522" s="73"/>
      <c r="D2522" s="64"/>
      <c r="E2522" s="64"/>
      <c r="F2522" s="55"/>
      <c r="G2522" s="102"/>
      <c r="H2522" s="55"/>
      <c r="I2522" s="55"/>
      <c r="J2522" s="55"/>
      <c r="K2522" s="55"/>
      <c r="L2522" s="55"/>
      <c r="M2522" s="55"/>
      <c r="N2522" s="55"/>
      <c r="O2522" s="55"/>
      <c r="P2522" s="55"/>
      <c r="Q2522" s="55"/>
      <c r="R2522" s="55"/>
      <c r="S2522" s="55"/>
      <c r="T2522" s="55"/>
      <c r="U2522" s="55"/>
      <c r="V2522" s="55"/>
      <c r="W2522" s="55"/>
      <c r="X2522" s="55"/>
      <c r="Y2522" s="55"/>
      <c r="Z2522" s="55"/>
      <c r="AA2522" s="55"/>
      <c r="AB2522" s="55"/>
      <c r="AC2522" s="55"/>
      <c r="AD2522" s="55"/>
      <c r="AE2522" s="55"/>
      <c r="AF2522" s="55"/>
      <c r="AG2522" s="55"/>
      <c r="AY2522" s="162"/>
      <c r="AZ2522" s="162"/>
      <c r="BA2522" s="162"/>
      <c r="BB2522" s="162"/>
      <c r="BC2522" s="162"/>
      <c r="BD2522" s="162"/>
      <c r="BE2522" s="162"/>
      <c r="BF2522" s="162"/>
      <c r="BG2522" s="162"/>
      <c r="BH2522" s="162"/>
      <c r="BI2522" s="162"/>
      <c r="BJ2522" s="162"/>
      <c r="BK2522" s="162"/>
      <c r="BL2522" s="162"/>
      <c r="BM2522" s="162"/>
      <c r="BN2522" s="162"/>
      <c r="BO2522" s="162"/>
      <c r="BP2522" s="162"/>
      <c r="BQ2522" s="162"/>
      <c r="BR2522" s="162"/>
      <c r="BS2522" s="162"/>
      <c r="BT2522" s="162"/>
      <c r="BU2522" s="162"/>
      <c r="BV2522" s="162"/>
      <c r="BW2522" s="162"/>
      <c r="BX2522" s="162"/>
      <c r="BY2522" s="162"/>
      <c r="BZ2522" s="162"/>
      <c r="CA2522" s="162"/>
      <c r="CB2522" s="162"/>
      <c r="CC2522" s="162"/>
      <c r="CD2522" s="162"/>
      <c r="CE2522" s="162"/>
      <c r="CF2522" s="162"/>
      <c r="CG2522" s="162"/>
      <c r="CH2522" s="162"/>
      <c r="CI2522" s="162"/>
      <c r="CJ2522" s="162"/>
      <c r="CK2522" s="162"/>
      <c r="CX2522" s="98"/>
      <c r="DL2522" s="97"/>
      <c r="DX2522" s="98"/>
      <c r="EL2522" s="97"/>
      <c r="EX2522" s="98"/>
      <c r="EY2522" s="97"/>
      <c r="FL2522" s="126"/>
      <c r="FM2522" s="91"/>
      <c r="FN2522" s="91"/>
      <c r="FO2522" s="91"/>
      <c r="FP2522" s="91"/>
      <c r="FQ2522" s="91"/>
      <c r="FR2522" s="91"/>
      <c r="FS2522" s="91"/>
      <c r="FT2522" s="91"/>
      <c r="FU2522" s="91"/>
      <c r="FV2522" s="91"/>
      <c r="FW2522" s="91"/>
      <c r="FX2522" s="91"/>
      <c r="FY2522" s="91"/>
      <c r="FZ2522" s="91"/>
      <c r="GA2522" s="91"/>
      <c r="GB2522" s="91"/>
      <c r="GC2522" s="91"/>
      <c r="GD2522" s="91"/>
      <c r="GE2522" s="91"/>
      <c r="GF2522" s="91"/>
      <c r="GG2522" s="91"/>
      <c r="GH2522" s="91"/>
      <c r="GI2522" s="91"/>
      <c r="GJ2522" s="91"/>
      <c r="GK2522" s="127"/>
      <c r="GL2522" s="126"/>
      <c r="GM2522" s="91"/>
      <c r="GN2522" s="91"/>
      <c r="GO2522" s="91"/>
      <c r="GP2522" s="91"/>
      <c r="GQ2522" s="91"/>
      <c r="GR2522" s="91"/>
      <c r="GS2522" s="91"/>
      <c r="GT2522" s="91"/>
      <c r="GU2522" s="91"/>
      <c r="GV2522" s="91"/>
      <c r="GW2522" s="91"/>
      <c r="GX2522" s="91"/>
      <c r="GY2522" s="91"/>
      <c r="GZ2522" s="91"/>
      <c r="HA2522" s="91"/>
      <c r="HB2522" s="91"/>
      <c r="HC2522" s="91"/>
      <c r="HD2522" s="91"/>
      <c r="HE2522" s="91"/>
      <c r="HF2522" s="91"/>
      <c r="HG2522" s="91"/>
      <c r="HH2522" s="91"/>
      <c r="HI2522" s="91"/>
      <c r="HJ2522" s="91"/>
      <c r="HK2522" s="127"/>
      <c r="HL2522" s="126"/>
      <c r="HM2522" s="91"/>
      <c r="HN2522" s="91"/>
      <c r="HO2522" s="91"/>
      <c r="HP2522" s="91"/>
      <c r="HQ2522" s="91"/>
      <c r="HR2522" s="91"/>
      <c r="HS2522" s="91"/>
      <c r="HT2522" s="91"/>
      <c r="HU2522" s="91"/>
      <c r="HV2522" s="91"/>
      <c r="HW2522" s="91"/>
      <c r="HX2522" s="91"/>
      <c r="HY2522" s="91"/>
      <c r="HZ2522" s="91"/>
      <c r="IA2522" s="91"/>
      <c r="IB2522" s="91"/>
      <c r="IC2522" s="91"/>
      <c r="ID2522" s="91"/>
      <c r="IE2522" s="91"/>
      <c r="IF2522" s="91"/>
      <c r="IG2522" s="91"/>
      <c r="IH2522" s="91"/>
      <c r="II2522" s="91"/>
      <c r="IJ2522" s="91"/>
      <c r="IK2522" s="127"/>
    </row>
    <row r="2523" spans="2:245" x14ac:dyDescent="0.2">
      <c r="B2523" s="43"/>
      <c r="C2523" s="73"/>
      <c r="D2523" s="64"/>
      <c r="E2523" s="64"/>
      <c r="F2523" s="55"/>
      <c r="G2523" s="102"/>
      <c r="H2523" s="55"/>
      <c r="I2523" s="55"/>
      <c r="J2523" s="55"/>
      <c r="K2523" s="55"/>
      <c r="L2523" s="55"/>
      <c r="M2523" s="55"/>
      <c r="N2523" s="55"/>
      <c r="O2523" s="55"/>
      <c r="P2523" s="55"/>
      <c r="Q2523" s="55"/>
      <c r="R2523" s="55"/>
      <c r="S2523" s="55"/>
      <c r="T2523" s="55"/>
      <c r="U2523" s="55"/>
      <c r="V2523" s="55"/>
      <c r="W2523" s="55"/>
      <c r="X2523" s="55"/>
      <c r="Y2523" s="55"/>
      <c r="Z2523" s="55"/>
      <c r="AA2523" s="55"/>
      <c r="AB2523" s="55"/>
      <c r="AC2523" s="55"/>
      <c r="AD2523" s="55"/>
      <c r="AE2523" s="55"/>
      <c r="AF2523" s="55"/>
      <c r="AG2523" s="55"/>
      <c r="AY2523" s="162"/>
      <c r="AZ2523" s="162"/>
      <c r="BA2523" s="162"/>
      <c r="BB2523" s="162"/>
      <c r="BC2523" s="162"/>
      <c r="BD2523" s="162"/>
      <c r="BE2523" s="162"/>
      <c r="BF2523" s="162"/>
      <c r="BG2523" s="162"/>
      <c r="BH2523" s="162"/>
      <c r="BI2523" s="162"/>
      <c r="BJ2523" s="162"/>
      <c r="BK2523" s="162"/>
      <c r="BL2523" s="162"/>
      <c r="BM2523" s="162"/>
      <c r="BN2523" s="162"/>
      <c r="BO2523" s="162"/>
      <c r="BP2523" s="162"/>
      <c r="BQ2523" s="162"/>
      <c r="BR2523" s="162"/>
      <c r="BS2523" s="162"/>
      <c r="BT2523" s="162"/>
      <c r="BU2523" s="162"/>
      <c r="BV2523" s="162"/>
      <c r="BW2523" s="162"/>
      <c r="BX2523" s="162"/>
      <c r="BY2523" s="162"/>
      <c r="BZ2523" s="162"/>
      <c r="CA2523" s="162"/>
      <c r="CB2523" s="162"/>
      <c r="CC2523" s="162"/>
      <c r="CD2523" s="162"/>
      <c r="CE2523" s="162"/>
      <c r="CF2523" s="162"/>
      <c r="CG2523" s="162"/>
      <c r="CH2523" s="162"/>
      <c r="CI2523" s="162"/>
      <c r="CJ2523" s="162"/>
      <c r="CK2523" s="162"/>
      <c r="CX2523" s="98"/>
      <c r="DL2523" s="97"/>
      <c r="DX2523" s="98"/>
      <c r="EL2523" s="97"/>
      <c r="EX2523" s="98"/>
      <c r="EY2523" s="97"/>
      <c r="FL2523" s="126"/>
      <c r="FM2523" s="91"/>
      <c r="FN2523" s="91"/>
      <c r="FO2523" s="91"/>
      <c r="FP2523" s="91"/>
      <c r="FQ2523" s="91"/>
      <c r="FR2523" s="91"/>
      <c r="FS2523" s="91"/>
      <c r="FT2523" s="91"/>
      <c r="FU2523" s="91"/>
      <c r="FV2523" s="91"/>
      <c r="FW2523" s="91"/>
      <c r="FX2523" s="91"/>
      <c r="FY2523" s="91"/>
      <c r="FZ2523" s="91"/>
      <c r="GA2523" s="91"/>
      <c r="GB2523" s="91"/>
      <c r="GC2523" s="91"/>
      <c r="GD2523" s="91"/>
      <c r="GE2523" s="91"/>
      <c r="GF2523" s="91"/>
      <c r="GG2523" s="91"/>
      <c r="GH2523" s="91"/>
      <c r="GI2523" s="91"/>
      <c r="GJ2523" s="91"/>
      <c r="GK2523" s="127"/>
      <c r="GL2523" s="126"/>
      <c r="GM2523" s="91"/>
      <c r="GN2523" s="91"/>
      <c r="GO2523" s="91"/>
      <c r="GP2523" s="91"/>
      <c r="GQ2523" s="91"/>
      <c r="GR2523" s="91"/>
      <c r="GS2523" s="91"/>
      <c r="GT2523" s="91"/>
      <c r="GU2523" s="91"/>
      <c r="GV2523" s="91"/>
      <c r="GW2523" s="91"/>
      <c r="GX2523" s="91"/>
      <c r="GY2523" s="91"/>
      <c r="GZ2523" s="91"/>
      <c r="HA2523" s="91"/>
      <c r="HB2523" s="91"/>
      <c r="HC2523" s="91"/>
      <c r="HD2523" s="91"/>
      <c r="HE2523" s="91"/>
      <c r="HF2523" s="91"/>
      <c r="HG2523" s="91"/>
      <c r="HH2523" s="91"/>
      <c r="HI2523" s="91"/>
      <c r="HJ2523" s="91"/>
      <c r="HK2523" s="127"/>
      <c r="HL2523" s="126"/>
      <c r="HM2523" s="91"/>
      <c r="HN2523" s="91"/>
      <c r="HO2523" s="91"/>
      <c r="HP2523" s="91"/>
      <c r="HQ2523" s="91"/>
      <c r="HR2523" s="91"/>
      <c r="HS2523" s="91"/>
      <c r="HT2523" s="91"/>
      <c r="HU2523" s="91"/>
      <c r="HV2523" s="91"/>
      <c r="HW2523" s="91"/>
      <c r="HX2523" s="91"/>
      <c r="HY2523" s="91"/>
      <c r="HZ2523" s="91"/>
      <c r="IA2523" s="91"/>
      <c r="IB2523" s="91"/>
      <c r="IC2523" s="91"/>
      <c r="ID2523" s="91"/>
      <c r="IE2523" s="91"/>
      <c r="IF2523" s="91"/>
      <c r="IG2523" s="91"/>
      <c r="IH2523" s="91"/>
      <c r="II2523" s="91"/>
      <c r="IJ2523" s="91"/>
      <c r="IK2523" s="127"/>
    </row>
    <row r="2524" spans="2:245" x14ac:dyDescent="0.2">
      <c r="B2524" s="43"/>
      <c r="C2524" s="73"/>
      <c r="D2524" s="64"/>
      <c r="E2524" s="64"/>
      <c r="F2524" s="55"/>
      <c r="G2524" s="102"/>
      <c r="H2524" s="55"/>
      <c r="I2524" s="55"/>
      <c r="J2524" s="55"/>
      <c r="K2524" s="55"/>
      <c r="L2524" s="55"/>
      <c r="M2524" s="55"/>
      <c r="N2524" s="55"/>
      <c r="O2524" s="55"/>
      <c r="P2524" s="55"/>
      <c r="Q2524" s="55"/>
      <c r="R2524" s="55"/>
      <c r="S2524" s="55"/>
      <c r="T2524" s="55"/>
      <c r="U2524" s="55"/>
      <c r="V2524" s="55"/>
      <c r="W2524" s="55"/>
      <c r="X2524" s="55"/>
      <c r="Y2524" s="55"/>
      <c r="Z2524" s="55"/>
      <c r="AA2524" s="55"/>
      <c r="AB2524" s="55"/>
      <c r="AC2524" s="55"/>
      <c r="AD2524" s="55"/>
      <c r="AE2524" s="55"/>
      <c r="AF2524" s="55"/>
      <c r="AG2524" s="55"/>
      <c r="AY2524" s="162"/>
      <c r="AZ2524" s="162"/>
      <c r="BA2524" s="162"/>
      <c r="BB2524" s="162"/>
      <c r="BC2524" s="162"/>
      <c r="BD2524" s="162"/>
      <c r="BE2524" s="162"/>
      <c r="BF2524" s="162"/>
      <c r="BG2524" s="162"/>
      <c r="BH2524" s="162"/>
      <c r="BI2524" s="162"/>
      <c r="BJ2524" s="162"/>
      <c r="BK2524" s="162"/>
      <c r="BL2524" s="162"/>
      <c r="BM2524" s="162"/>
      <c r="BN2524" s="162"/>
      <c r="BO2524" s="162"/>
      <c r="BP2524" s="162"/>
      <c r="BQ2524" s="162"/>
      <c r="BR2524" s="162"/>
      <c r="BS2524" s="162"/>
      <c r="BT2524" s="162"/>
      <c r="BU2524" s="162"/>
      <c r="BV2524" s="162"/>
      <c r="BW2524" s="162"/>
      <c r="BX2524" s="162"/>
      <c r="BY2524" s="162"/>
      <c r="BZ2524" s="162"/>
      <c r="CA2524" s="162"/>
      <c r="CB2524" s="162"/>
      <c r="CC2524" s="162"/>
      <c r="CD2524" s="162"/>
      <c r="CE2524" s="162"/>
      <c r="CF2524" s="162"/>
      <c r="CG2524" s="162"/>
      <c r="CH2524" s="162"/>
      <c r="CI2524" s="162"/>
      <c r="CJ2524" s="162"/>
      <c r="CK2524" s="162"/>
      <c r="CX2524" s="98"/>
      <c r="DL2524" s="97"/>
      <c r="DX2524" s="98"/>
      <c r="EL2524" s="97"/>
      <c r="EX2524" s="98"/>
      <c r="EY2524" s="97"/>
      <c r="FL2524" s="126"/>
      <c r="FM2524" s="91"/>
      <c r="FN2524" s="91"/>
      <c r="FO2524" s="91"/>
      <c r="FP2524" s="91"/>
      <c r="FQ2524" s="91"/>
      <c r="FR2524" s="91"/>
      <c r="FS2524" s="91"/>
      <c r="FT2524" s="91"/>
      <c r="FU2524" s="91"/>
      <c r="FV2524" s="91"/>
      <c r="FW2524" s="91"/>
      <c r="FX2524" s="91"/>
      <c r="FY2524" s="91"/>
      <c r="FZ2524" s="91"/>
      <c r="GA2524" s="91"/>
      <c r="GB2524" s="91"/>
      <c r="GC2524" s="91"/>
      <c r="GD2524" s="91"/>
      <c r="GE2524" s="91"/>
      <c r="GF2524" s="91"/>
      <c r="GG2524" s="91"/>
      <c r="GH2524" s="91"/>
      <c r="GI2524" s="91"/>
      <c r="GJ2524" s="91"/>
      <c r="GK2524" s="127"/>
      <c r="GL2524" s="126"/>
      <c r="GM2524" s="91"/>
      <c r="GN2524" s="91"/>
      <c r="GO2524" s="91"/>
      <c r="GP2524" s="91"/>
      <c r="GQ2524" s="91"/>
      <c r="GR2524" s="91"/>
      <c r="GS2524" s="91"/>
      <c r="GT2524" s="91"/>
      <c r="GU2524" s="91"/>
      <c r="GV2524" s="91"/>
      <c r="GW2524" s="91"/>
      <c r="GX2524" s="91"/>
      <c r="GY2524" s="91"/>
      <c r="GZ2524" s="91"/>
      <c r="HA2524" s="91"/>
      <c r="HB2524" s="91"/>
      <c r="HC2524" s="91"/>
      <c r="HD2524" s="91"/>
      <c r="HE2524" s="91"/>
      <c r="HF2524" s="91"/>
      <c r="HG2524" s="91"/>
      <c r="HH2524" s="91"/>
      <c r="HI2524" s="91"/>
      <c r="HJ2524" s="91"/>
      <c r="HK2524" s="127"/>
      <c r="HL2524" s="126"/>
      <c r="HM2524" s="91"/>
      <c r="HN2524" s="91"/>
      <c r="HO2524" s="91"/>
      <c r="HP2524" s="91"/>
      <c r="HQ2524" s="91"/>
      <c r="HR2524" s="91"/>
      <c r="HS2524" s="91"/>
      <c r="HT2524" s="91"/>
      <c r="HU2524" s="91"/>
      <c r="HV2524" s="91"/>
      <c r="HW2524" s="91"/>
      <c r="HX2524" s="91"/>
      <c r="HY2524" s="91"/>
      <c r="HZ2524" s="91"/>
      <c r="IA2524" s="91"/>
      <c r="IB2524" s="91"/>
      <c r="IC2524" s="91"/>
      <c r="ID2524" s="91"/>
      <c r="IE2524" s="91"/>
      <c r="IF2524" s="91"/>
      <c r="IG2524" s="91"/>
      <c r="IH2524" s="91"/>
      <c r="II2524" s="91"/>
      <c r="IJ2524" s="91"/>
      <c r="IK2524" s="127"/>
    </row>
    <row r="2525" spans="2:245" x14ac:dyDescent="0.2">
      <c r="B2525" s="43"/>
      <c r="C2525" s="73"/>
      <c r="D2525" s="64"/>
      <c r="E2525" s="64"/>
      <c r="F2525" s="55"/>
      <c r="G2525" s="102"/>
      <c r="H2525" s="55"/>
      <c r="I2525" s="55"/>
      <c r="J2525" s="55"/>
      <c r="K2525" s="55"/>
      <c r="L2525" s="55"/>
      <c r="M2525" s="55"/>
      <c r="N2525" s="55"/>
      <c r="O2525" s="55"/>
      <c r="P2525" s="55"/>
      <c r="Q2525" s="55"/>
      <c r="R2525" s="55"/>
      <c r="S2525" s="55"/>
      <c r="T2525" s="55"/>
      <c r="U2525" s="55"/>
      <c r="V2525" s="55"/>
      <c r="W2525" s="55"/>
      <c r="X2525" s="55"/>
      <c r="Y2525" s="55"/>
      <c r="Z2525" s="55"/>
      <c r="AA2525" s="55"/>
      <c r="AB2525" s="55"/>
      <c r="AC2525" s="55"/>
      <c r="AD2525" s="55"/>
      <c r="AE2525" s="55"/>
      <c r="AF2525" s="55"/>
      <c r="AG2525" s="55"/>
      <c r="AY2525" s="162"/>
      <c r="AZ2525" s="162"/>
      <c r="BA2525" s="162"/>
      <c r="BB2525" s="162"/>
      <c r="BC2525" s="162"/>
      <c r="BD2525" s="162"/>
      <c r="BE2525" s="162"/>
      <c r="BF2525" s="162"/>
      <c r="BG2525" s="162"/>
      <c r="BH2525" s="162"/>
      <c r="BI2525" s="162"/>
      <c r="BJ2525" s="162"/>
      <c r="BK2525" s="162"/>
      <c r="BL2525" s="162"/>
      <c r="BM2525" s="162"/>
      <c r="BN2525" s="162"/>
      <c r="BO2525" s="162"/>
      <c r="BP2525" s="162"/>
      <c r="BQ2525" s="162"/>
      <c r="BR2525" s="162"/>
      <c r="BS2525" s="162"/>
      <c r="BT2525" s="162"/>
      <c r="BU2525" s="162"/>
      <c r="BV2525" s="162"/>
      <c r="BW2525" s="162"/>
      <c r="BX2525" s="162"/>
      <c r="BY2525" s="162"/>
      <c r="BZ2525" s="162"/>
      <c r="CA2525" s="162"/>
      <c r="CB2525" s="162"/>
      <c r="CC2525" s="162"/>
      <c r="CD2525" s="162"/>
      <c r="CE2525" s="162"/>
      <c r="CF2525" s="162"/>
      <c r="CG2525" s="162"/>
      <c r="CH2525" s="162"/>
      <c r="CI2525" s="162"/>
      <c r="CJ2525" s="162"/>
      <c r="CK2525" s="162"/>
      <c r="CX2525" s="98"/>
      <c r="DL2525" s="97"/>
      <c r="DX2525" s="98"/>
      <c r="EL2525" s="97"/>
      <c r="EX2525" s="98"/>
      <c r="EY2525" s="97"/>
      <c r="FL2525" s="126"/>
      <c r="FM2525" s="91"/>
      <c r="FN2525" s="91"/>
      <c r="FO2525" s="91"/>
      <c r="FP2525" s="91"/>
      <c r="FQ2525" s="91"/>
      <c r="FR2525" s="91"/>
      <c r="FS2525" s="91"/>
      <c r="FT2525" s="91"/>
      <c r="FU2525" s="91"/>
      <c r="FV2525" s="91"/>
      <c r="FW2525" s="91"/>
      <c r="FX2525" s="91"/>
      <c r="FY2525" s="91"/>
      <c r="FZ2525" s="91"/>
      <c r="GA2525" s="91"/>
      <c r="GB2525" s="91"/>
      <c r="GC2525" s="91"/>
      <c r="GD2525" s="91"/>
      <c r="GE2525" s="91"/>
      <c r="GF2525" s="91"/>
      <c r="GG2525" s="91"/>
      <c r="GH2525" s="91"/>
      <c r="GI2525" s="91"/>
      <c r="GJ2525" s="91"/>
      <c r="GK2525" s="127"/>
      <c r="GL2525" s="126"/>
      <c r="GM2525" s="91"/>
      <c r="GN2525" s="91"/>
      <c r="GO2525" s="91"/>
      <c r="GP2525" s="91"/>
      <c r="GQ2525" s="91"/>
      <c r="GR2525" s="91"/>
      <c r="GS2525" s="91"/>
      <c r="GT2525" s="91"/>
      <c r="GU2525" s="91"/>
      <c r="GV2525" s="91"/>
      <c r="GW2525" s="91"/>
      <c r="GX2525" s="91"/>
      <c r="GY2525" s="91"/>
      <c r="GZ2525" s="91"/>
      <c r="HA2525" s="91"/>
      <c r="HB2525" s="91"/>
      <c r="HC2525" s="91"/>
      <c r="HD2525" s="91"/>
      <c r="HE2525" s="91"/>
      <c r="HF2525" s="91"/>
      <c r="HG2525" s="91"/>
      <c r="HH2525" s="91"/>
      <c r="HI2525" s="91"/>
      <c r="HJ2525" s="91"/>
      <c r="HK2525" s="127"/>
      <c r="HL2525" s="126"/>
      <c r="HM2525" s="91"/>
      <c r="HN2525" s="91"/>
      <c r="HO2525" s="91"/>
      <c r="HP2525" s="91"/>
      <c r="HQ2525" s="91"/>
      <c r="HR2525" s="91"/>
      <c r="HS2525" s="91"/>
      <c r="HT2525" s="91"/>
      <c r="HU2525" s="91"/>
      <c r="HV2525" s="91"/>
      <c r="HW2525" s="91"/>
      <c r="HX2525" s="91"/>
      <c r="HY2525" s="91"/>
      <c r="HZ2525" s="91"/>
      <c r="IA2525" s="91"/>
      <c r="IB2525" s="91"/>
      <c r="IC2525" s="91"/>
      <c r="ID2525" s="91"/>
      <c r="IE2525" s="91"/>
      <c r="IF2525" s="91"/>
      <c r="IG2525" s="91"/>
      <c r="IH2525" s="91"/>
      <c r="II2525" s="91"/>
      <c r="IJ2525" s="91"/>
      <c r="IK2525" s="127"/>
    </row>
    <row r="2526" spans="2:245" x14ac:dyDescent="0.2">
      <c r="B2526" s="43"/>
      <c r="C2526" s="73"/>
      <c r="D2526" s="64"/>
      <c r="E2526" s="64"/>
      <c r="F2526" s="55"/>
      <c r="G2526" s="102"/>
      <c r="H2526" s="55"/>
      <c r="I2526" s="55"/>
      <c r="J2526" s="55"/>
      <c r="K2526" s="55"/>
      <c r="L2526" s="55"/>
      <c r="M2526" s="55"/>
      <c r="N2526" s="55"/>
      <c r="O2526" s="55"/>
      <c r="P2526" s="55"/>
      <c r="Q2526" s="55"/>
      <c r="R2526" s="55"/>
      <c r="S2526" s="55"/>
      <c r="T2526" s="55"/>
      <c r="U2526" s="55"/>
      <c r="V2526" s="55"/>
      <c r="W2526" s="55"/>
      <c r="X2526" s="55"/>
      <c r="Y2526" s="55"/>
      <c r="Z2526" s="55"/>
      <c r="AA2526" s="55"/>
      <c r="AB2526" s="55"/>
      <c r="AC2526" s="55"/>
      <c r="AD2526" s="55"/>
      <c r="AE2526" s="55"/>
      <c r="AF2526" s="55"/>
      <c r="AG2526" s="55"/>
      <c r="AY2526" s="162"/>
      <c r="AZ2526" s="162"/>
      <c r="BA2526" s="162"/>
      <c r="BB2526" s="162"/>
      <c r="BC2526" s="162"/>
      <c r="BD2526" s="162"/>
      <c r="BE2526" s="162"/>
      <c r="BF2526" s="162"/>
      <c r="BG2526" s="162"/>
      <c r="BH2526" s="162"/>
      <c r="BI2526" s="162"/>
      <c r="BJ2526" s="162"/>
      <c r="BK2526" s="162"/>
      <c r="BL2526" s="162"/>
      <c r="BM2526" s="162"/>
      <c r="BN2526" s="162"/>
      <c r="BO2526" s="162"/>
      <c r="BP2526" s="162"/>
      <c r="BQ2526" s="162"/>
      <c r="BR2526" s="162"/>
      <c r="BS2526" s="162"/>
      <c r="BT2526" s="162"/>
      <c r="BU2526" s="162"/>
      <c r="BV2526" s="162"/>
      <c r="BW2526" s="162"/>
      <c r="BX2526" s="162"/>
      <c r="BY2526" s="162"/>
      <c r="BZ2526" s="162"/>
      <c r="CA2526" s="162"/>
      <c r="CB2526" s="162"/>
      <c r="CC2526" s="162"/>
      <c r="CD2526" s="162"/>
      <c r="CE2526" s="162"/>
      <c r="CF2526" s="162"/>
      <c r="CG2526" s="162"/>
      <c r="CH2526" s="162"/>
      <c r="CI2526" s="162"/>
      <c r="CJ2526" s="162"/>
      <c r="CK2526" s="162"/>
      <c r="CX2526" s="98"/>
      <c r="DL2526" s="97"/>
      <c r="DX2526" s="98"/>
      <c r="EL2526" s="97"/>
      <c r="EX2526" s="98"/>
      <c r="EY2526" s="97"/>
      <c r="FL2526" s="126"/>
      <c r="FM2526" s="91"/>
      <c r="FN2526" s="91"/>
      <c r="FO2526" s="91"/>
      <c r="FP2526" s="91"/>
      <c r="FQ2526" s="91"/>
      <c r="FR2526" s="91"/>
      <c r="FS2526" s="91"/>
      <c r="FT2526" s="91"/>
      <c r="FU2526" s="91"/>
      <c r="FV2526" s="91"/>
      <c r="FW2526" s="91"/>
      <c r="FX2526" s="91"/>
      <c r="FY2526" s="91"/>
      <c r="FZ2526" s="91"/>
      <c r="GA2526" s="91"/>
      <c r="GB2526" s="91"/>
      <c r="GC2526" s="91"/>
      <c r="GD2526" s="91"/>
      <c r="GE2526" s="91"/>
      <c r="GF2526" s="91"/>
      <c r="GG2526" s="91"/>
      <c r="GH2526" s="91"/>
      <c r="GI2526" s="91"/>
      <c r="GJ2526" s="91"/>
      <c r="GK2526" s="127"/>
      <c r="GL2526" s="126"/>
      <c r="GM2526" s="91"/>
      <c r="GN2526" s="91"/>
      <c r="GO2526" s="91"/>
      <c r="GP2526" s="91"/>
      <c r="GQ2526" s="91"/>
      <c r="GR2526" s="91"/>
      <c r="GS2526" s="91"/>
      <c r="GT2526" s="91"/>
      <c r="GU2526" s="91"/>
      <c r="GV2526" s="91"/>
      <c r="GW2526" s="91"/>
      <c r="GX2526" s="91"/>
      <c r="GY2526" s="91"/>
      <c r="GZ2526" s="91"/>
      <c r="HA2526" s="91"/>
      <c r="HB2526" s="91"/>
      <c r="HC2526" s="91"/>
      <c r="HD2526" s="91"/>
      <c r="HE2526" s="91"/>
      <c r="HF2526" s="91"/>
      <c r="HG2526" s="91"/>
      <c r="HH2526" s="91"/>
      <c r="HI2526" s="91"/>
      <c r="HJ2526" s="91"/>
      <c r="HK2526" s="127"/>
      <c r="HL2526" s="126"/>
      <c r="HM2526" s="91"/>
      <c r="HN2526" s="91"/>
      <c r="HO2526" s="91"/>
      <c r="HP2526" s="91"/>
      <c r="HQ2526" s="91"/>
      <c r="HR2526" s="91"/>
      <c r="HS2526" s="91"/>
      <c r="HT2526" s="91"/>
      <c r="HU2526" s="91"/>
      <c r="HV2526" s="91"/>
      <c r="HW2526" s="91"/>
      <c r="HX2526" s="91"/>
      <c r="HY2526" s="91"/>
      <c r="HZ2526" s="91"/>
      <c r="IA2526" s="91"/>
      <c r="IB2526" s="91"/>
      <c r="IC2526" s="91"/>
      <c r="ID2526" s="91"/>
      <c r="IE2526" s="91"/>
      <c r="IF2526" s="91"/>
      <c r="IG2526" s="91"/>
      <c r="IH2526" s="91"/>
      <c r="II2526" s="91"/>
      <c r="IJ2526" s="91"/>
      <c r="IK2526" s="127"/>
    </row>
    <row r="2527" spans="2:245" x14ac:dyDescent="0.2">
      <c r="B2527" s="43"/>
      <c r="C2527" s="73"/>
      <c r="D2527" s="64"/>
      <c r="E2527" s="64"/>
      <c r="F2527" s="55"/>
      <c r="G2527" s="102"/>
      <c r="H2527" s="55"/>
      <c r="I2527" s="55"/>
      <c r="J2527" s="55"/>
      <c r="K2527" s="55"/>
      <c r="L2527" s="55"/>
      <c r="M2527" s="55"/>
      <c r="N2527" s="55"/>
      <c r="O2527" s="55"/>
      <c r="P2527" s="55"/>
      <c r="Q2527" s="55"/>
      <c r="R2527" s="55"/>
      <c r="S2527" s="55"/>
      <c r="T2527" s="55"/>
      <c r="U2527" s="55"/>
      <c r="V2527" s="55"/>
      <c r="W2527" s="55"/>
      <c r="X2527" s="55"/>
      <c r="Y2527" s="55"/>
      <c r="Z2527" s="55"/>
      <c r="AA2527" s="55"/>
      <c r="AB2527" s="55"/>
      <c r="AC2527" s="55"/>
      <c r="AD2527" s="55"/>
      <c r="AE2527" s="55"/>
      <c r="AF2527" s="55"/>
      <c r="AG2527" s="55"/>
      <c r="AY2527" s="162"/>
      <c r="AZ2527" s="162"/>
      <c r="BA2527" s="162"/>
      <c r="BB2527" s="162"/>
      <c r="BC2527" s="162"/>
      <c r="BD2527" s="162"/>
      <c r="BE2527" s="162"/>
      <c r="BF2527" s="162"/>
      <c r="BG2527" s="162"/>
      <c r="BH2527" s="162"/>
      <c r="BI2527" s="162"/>
      <c r="BJ2527" s="162"/>
      <c r="BK2527" s="162"/>
      <c r="BL2527" s="162"/>
      <c r="BM2527" s="162"/>
      <c r="BN2527" s="162"/>
      <c r="BO2527" s="162"/>
      <c r="BP2527" s="162"/>
      <c r="BQ2527" s="162"/>
      <c r="BR2527" s="162"/>
      <c r="BS2527" s="162"/>
      <c r="BT2527" s="162"/>
      <c r="BU2527" s="162"/>
      <c r="BV2527" s="162"/>
      <c r="BW2527" s="162"/>
      <c r="BX2527" s="162"/>
      <c r="BY2527" s="162"/>
      <c r="BZ2527" s="162"/>
      <c r="CA2527" s="162"/>
      <c r="CB2527" s="162"/>
      <c r="CC2527" s="162"/>
      <c r="CD2527" s="162"/>
      <c r="CE2527" s="162"/>
      <c r="CF2527" s="162"/>
      <c r="CG2527" s="162"/>
      <c r="CH2527" s="162"/>
      <c r="CI2527" s="162"/>
      <c r="CJ2527" s="162"/>
      <c r="CK2527" s="162"/>
      <c r="CX2527" s="98"/>
      <c r="DL2527" s="97"/>
      <c r="DX2527" s="98"/>
      <c r="EL2527" s="97"/>
      <c r="EX2527" s="98"/>
      <c r="EY2527" s="97"/>
      <c r="FL2527" s="126"/>
      <c r="FM2527" s="91"/>
      <c r="FN2527" s="91"/>
      <c r="FO2527" s="91"/>
      <c r="FP2527" s="91"/>
      <c r="FQ2527" s="91"/>
      <c r="FR2527" s="91"/>
      <c r="FS2527" s="91"/>
      <c r="FT2527" s="91"/>
      <c r="FU2527" s="91"/>
      <c r="FV2527" s="91"/>
      <c r="FW2527" s="91"/>
      <c r="FX2527" s="91"/>
      <c r="FY2527" s="91"/>
      <c r="FZ2527" s="91"/>
      <c r="GA2527" s="91"/>
      <c r="GB2527" s="91"/>
      <c r="GC2527" s="91"/>
      <c r="GD2527" s="91"/>
      <c r="GE2527" s="91"/>
      <c r="GF2527" s="91"/>
      <c r="GG2527" s="91"/>
      <c r="GH2527" s="91"/>
      <c r="GI2527" s="91"/>
      <c r="GJ2527" s="91"/>
      <c r="GK2527" s="127"/>
      <c r="GL2527" s="126"/>
      <c r="GM2527" s="91"/>
      <c r="GN2527" s="91"/>
      <c r="GO2527" s="91"/>
      <c r="GP2527" s="91"/>
      <c r="GQ2527" s="91"/>
      <c r="GR2527" s="91"/>
      <c r="GS2527" s="91"/>
      <c r="GT2527" s="91"/>
      <c r="GU2527" s="91"/>
      <c r="GV2527" s="91"/>
      <c r="GW2527" s="91"/>
      <c r="GX2527" s="91"/>
      <c r="GY2527" s="91"/>
      <c r="GZ2527" s="91"/>
      <c r="HA2527" s="91"/>
      <c r="HB2527" s="91"/>
      <c r="HC2527" s="91"/>
      <c r="HD2527" s="91"/>
      <c r="HE2527" s="91"/>
      <c r="HF2527" s="91"/>
      <c r="HG2527" s="91"/>
      <c r="HH2527" s="91"/>
      <c r="HI2527" s="91"/>
      <c r="HJ2527" s="91"/>
      <c r="HK2527" s="127"/>
      <c r="HL2527" s="126"/>
      <c r="HM2527" s="91"/>
      <c r="HN2527" s="91"/>
      <c r="HO2527" s="91"/>
      <c r="HP2527" s="91"/>
      <c r="HQ2527" s="91"/>
      <c r="HR2527" s="91"/>
      <c r="HS2527" s="91"/>
      <c r="HT2527" s="91"/>
      <c r="HU2527" s="91"/>
      <c r="HV2527" s="91"/>
      <c r="HW2527" s="91"/>
      <c r="HX2527" s="91"/>
      <c r="HY2527" s="91"/>
      <c r="HZ2527" s="91"/>
      <c r="IA2527" s="91"/>
      <c r="IB2527" s="91"/>
      <c r="IC2527" s="91"/>
      <c r="ID2527" s="91"/>
      <c r="IE2527" s="91"/>
      <c r="IF2527" s="91"/>
      <c r="IG2527" s="91"/>
      <c r="IH2527" s="91"/>
      <c r="II2527" s="91"/>
      <c r="IJ2527" s="91"/>
      <c r="IK2527" s="127"/>
    </row>
    <row r="2528" spans="2:245" x14ac:dyDescent="0.2">
      <c r="B2528" s="43"/>
      <c r="C2528" s="73"/>
      <c r="D2528" s="64"/>
      <c r="E2528" s="64"/>
      <c r="F2528" s="55"/>
      <c r="G2528" s="102"/>
      <c r="H2528" s="55"/>
      <c r="I2528" s="55"/>
      <c r="J2528" s="55"/>
      <c r="K2528" s="55"/>
      <c r="L2528" s="55"/>
      <c r="M2528" s="55"/>
      <c r="N2528" s="55"/>
      <c r="O2528" s="55"/>
      <c r="P2528" s="55"/>
      <c r="Q2528" s="55"/>
      <c r="R2528" s="55"/>
      <c r="S2528" s="55"/>
      <c r="T2528" s="55"/>
      <c r="U2528" s="55"/>
      <c r="V2528" s="55"/>
      <c r="W2528" s="55"/>
      <c r="X2528" s="55"/>
      <c r="Y2528" s="55"/>
      <c r="Z2528" s="55"/>
      <c r="AA2528" s="55"/>
      <c r="AB2528" s="55"/>
      <c r="AC2528" s="55"/>
      <c r="AD2528" s="55"/>
      <c r="AE2528" s="55"/>
      <c r="AF2528" s="55"/>
      <c r="AG2528" s="55"/>
      <c r="AY2528" s="162"/>
      <c r="AZ2528" s="162"/>
      <c r="BA2528" s="162"/>
      <c r="BB2528" s="162"/>
      <c r="BC2528" s="162"/>
      <c r="BD2528" s="162"/>
      <c r="BE2528" s="162"/>
      <c r="BF2528" s="162"/>
      <c r="BG2528" s="162"/>
      <c r="BH2528" s="162"/>
      <c r="BI2528" s="162"/>
      <c r="BJ2528" s="162"/>
      <c r="BK2528" s="162"/>
      <c r="BL2528" s="162"/>
      <c r="BM2528" s="162"/>
      <c r="BN2528" s="162"/>
      <c r="BO2528" s="162"/>
      <c r="BP2528" s="162"/>
      <c r="BQ2528" s="162"/>
      <c r="BR2528" s="162"/>
      <c r="BS2528" s="162"/>
      <c r="BT2528" s="162"/>
      <c r="BU2528" s="162"/>
      <c r="BV2528" s="162"/>
      <c r="BW2528" s="162"/>
      <c r="BX2528" s="162"/>
      <c r="BY2528" s="162"/>
      <c r="BZ2528" s="162"/>
      <c r="CA2528" s="162"/>
      <c r="CB2528" s="162"/>
      <c r="CC2528" s="162"/>
      <c r="CD2528" s="162"/>
      <c r="CE2528" s="162"/>
      <c r="CF2528" s="162"/>
      <c r="CG2528" s="162"/>
      <c r="CH2528" s="162"/>
      <c r="CI2528" s="162"/>
      <c r="CJ2528" s="162"/>
      <c r="CK2528" s="162"/>
      <c r="CX2528" s="98"/>
      <c r="DL2528" s="97"/>
      <c r="DX2528" s="98"/>
      <c r="EL2528" s="97"/>
      <c r="EX2528" s="98"/>
      <c r="EY2528" s="97"/>
      <c r="FL2528" s="126"/>
      <c r="FM2528" s="91"/>
      <c r="FN2528" s="91"/>
      <c r="FO2528" s="91"/>
      <c r="FP2528" s="91"/>
      <c r="FQ2528" s="91"/>
      <c r="FR2528" s="91"/>
      <c r="FS2528" s="91"/>
      <c r="FT2528" s="91"/>
      <c r="FU2528" s="91"/>
      <c r="FV2528" s="91"/>
      <c r="FW2528" s="91"/>
      <c r="FX2528" s="91"/>
      <c r="FY2528" s="91"/>
      <c r="FZ2528" s="91"/>
      <c r="GA2528" s="91"/>
      <c r="GB2528" s="91"/>
      <c r="GC2528" s="91"/>
      <c r="GD2528" s="91"/>
      <c r="GE2528" s="91"/>
      <c r="GF2528" s="91"/>
      <c r="GG2528" s="91"/>
      <c r="GH2528" s="91"/>
      <c r="GI2528" s="91"/>
      <c r="GJ2528" s="91"/>
      <c r="GK2528" s="127"/>
      <c r="GL2528" s="126"/>
      <c r="GM2528" s="91"/>
      <c r="GN2528" s="91"/>
      <c r="GO2528" s="91"/>
      <c r="GP2528" s="91"/>
      <c r="GQ2528" s="91"/>
      <c r="GR2528" s="91"/>
      <c r="GS2528" s="91"/>
      <c r="GT2528" s="91"/>
      <c r="GU2528" s="91"/>
      <c r="GV2528" s="91"/>
      <c r="GW2528" s="91"/>
      <c r="GX2528" s="91"/>
      <c r="GY2528" s="91"/>
      <c r="GZ2528" s="91"/>
      <c r="HA2528" s="91"/>
      <c r="HB2528" s="91"/>
      <c r="HC2528" s="91"/>
      <c r="HD2528" s="91"/>
      <c r="HE2528" s="91"/>
      <c r="HF2528" s="91"/>
      <c r="HG2528" s="91"/>
      <c r="HH2528" s="91"/>
      <c r="HI2528" s="91"/>
      <c r="HJ2528" s="91"/>
      <c r="HK2528" s="127"/>
      <c r="HL2528" s="126"/>
      <c r="HM2528" s="91"/>
      <c r="HN2528" s="91"/>
      <c r="HO2528" s="91"/>
      <c r="HP2528" s="91"/>
      <c r="HQ2528" s="91"/>
      <c r="HR2528" s="91"/>
      <c r="HS2528" s="91"/>
      <c r="HT2528" s="91"/>
      <c r="HU2528" s="91"/>
      <c r="HV2528" s="91"/>
      <c r="HW2528" s="91"/>
      <c r="HX2528" s="91"/>
      <c r="HY2528" s="91"/>
      <c r="HZ2528" s="91"/>
      <c r="IA2528" s="91"/>
      <c r="IB2528" s="91"/>
      <c r="IC2528" s="91"/>
      <c r="ID2528" s="91"/>
      <c r="IE2528" s="91"/>
      <c r="IF2528" s="91"/>
      <c r="IG2528" s="91"/>
      <c r="IH2528" s="91"/>
      <c r="II2528" s="91"/>
      <c r="IJ2528" s="91"/>
      <c r="IK2528" s="127"/>
    </row>
    <row r="2529" spans="2:245" x14ac:dyDescent="0.2">
      <c r="B2529" s="43"/>
      <c r="C2529" s="73"/>
      <c r="D2529" s="64"/>
      <c r="E2529" s="64"/>
      <c r="F2529" s="55"/>
      <c r="G2529" s="102"/>
      <c r="H2529" s="55"/>
      <c r="I2529" s="55"/>
      <c r="J2529" s="55"/>
      <c r="K2529" s="55"/>
      <c r="L2529" s="55"/>
      <c r="M2529" s="55"/>
      <c r="N2529" s="55"/>
      <c r="O2529" s="55"/>
      <c r="P2529" s="55"/>
      <c r="Q2529" s="55"/>
      <c r="R2529" s="55"/>
      <c r="S2529" s="55"/>
      <c r="T2529" s="55"/>
      <c r="U2529" s="55"/>
      <c r="V2529" s="55"/>
      <c r="W2529" s="55"/>
      <c r="X2529" s="55"/>
      <c r="Y2529" s="55"/>
      <c r="Z2529" s="55"/>
      <c r="AA2529" s="55"/>
      <c r="AB2529" s="55"/>
      <c r="AC2529" s="55"/>
      <c r="AD2529" s="55"/>
      <c r="AE2529" s="55"/>
      <c r="AF2529" s="55"/>
      <c r="AG2529" s="55"/>
      <c r="AY2529" s="162"/>
      <c r="AZ2529" s="162"/>
      <c r="BA2529" s="162"/>
      <c r="BB2529" s="162"/>
      <c r="BC2529" s="162"/>
      <c r="BD2529" s="162"/>
      <c r="BE2529" s="162"/>
      <c r="BF2529" s="162"/>
      <c r="BG2529" s="162"/>
      <c r="BH2529" s="162"/>
      <c r="BI2529" s="162"/>
      <c r="BJ2529" s="162"/>
      <c r="BK2529" s="162"/>
      <c r="BL2529" s="162"/>
      <c r="BM2529" s="162"/>
      <c r="BN2529" s="162"/>
      <c r="BO2529" s="162"/>
      <c r="BP2529" s="162"/>
      <c r="BQ2529" s="162"/>
      <c r="BR2529" s="162"/>
      <c r="BS2529" s="162"/>
      <c r="BT2529" s="162"/>
      <c r="BU2529" s="162"/>
      <c r="BV2529" s="162"/>
      <c r="BW2529" s="162"/>
      <c r="BX2529" s="162"/>
      <c r="BY2529" s="162"/>
      <c r="BZ2529" s="162"/>
      <c r="CA2529" s="162"/>
      <c r="CB2529" s="162"/>
      <c r="CC2529" s="162"/>
      <c r="CD2529" s="162"/>
      <c r="CE2529" s="162"/>
      <c r="CF2529" s="162"/>
      <c r="CG2529" s="162"/>
      <c r="CH2529" s="162"/>
      <c r="CI2529" s="162"/>
      <c r="CJ2529" s="162"/>
      <c r="CK2529" s="162"/>
      <c r="CX2529" s="98"/>
      <c r="DL2529" s="97"/>
      <c r="DX2529" s="98"/>
      <c r="EL2529" s="97"/>
      <c r="EX2529" s="98"/>
      <c r="EY2529" s="97"/>
      <c r="FL2529" s="126"/>
      <c r="FM2529" s="91"/>
      <c r="FN2529" s="91"/>
      <c r="FO2529" s="91"/>
      <c r="FP2529" s="91"/>
      <c r="FQ2529" s="91"/>
      <c r="FR2529" s="91"/>
      <c r="FS2529" s="91"/>
      <c r="FT2529" s="91"/>
      <c r="FU2529" s="91"/>
      <c r="FV2529" s="91"/>
      <c r="FW2529" s="91"/>
      <c r="FX2529" s="91"/>
      <c r="FY2529" s="91"/>
      <c r="FZ2529" s="91"/>
      <c r="GA2529" s="91"/>
      <c r="GB2529" s="91"/>
      <c r="GC2529" s="91"/>
      <c r="GD2529" s="91"/>
      <c r="GE2529" s="91"/>
      <c r="GF2529" s="91"/>
      <c r="GG2529" s="91"/>
      <c r="GH2529" s="91"/>
      <c r="GI2529" s="91"/>
      <c r="GJ2529" s="91"/>
      <c r="GK2529" s="127"/>
      <c r="GL2529" s="126"/>
      <c r="GM2529" s="91"/>
      <c r="GN2529" s="91"/>
      <c r="GO2529" s="91"/>
      <c r="GP2529" s="91"/>
      <c r="GQ2529" s="91"/>
      <c r="GR2529" s="91"/>
      <c r="GS2529" s="91"/>
      <c r="GT2529" s="91"/>
      <c r="GU2529" s="91"/>
      <c r="GV2529" s="91"/>
      <c r="GW2529" s="91"/>
      <c r="GX2529" s="91"/>
      <c r="GY2529" s="91"/>
      <c r="GZ2529" s="91"/>
      <c r="HA2529" s="91"/>
      <c r="HB2529" s="91"/>
      <c r="HC2529" s="91"/>
      <c r="HD2529" s="91"/>
      <c r="HE2529" s="91"/>
      <c r="HF2529" s="91"/>
      <c r="HG2529" s="91"/>
      <c r="HH2529" s="91"/>
      <c r="HI2529" s="91"/>
      <c r="HJ2529" s="91"/>
      <c r="HK2529" s="127"/>
      <c r="HL2529" s="126"/>
      <c r="HM2529" s="91"/>
      <c r="HN2529" s="91"/>
      <c r="HO2529" s="91"/>
      <c r="HP2529" s="91"/>
      <c r="HQ2529" s="91"/>
      <c r="HR2529" s="91"/>
      <c r="HS2529" s="91"/>
      <c r="HT2529" s="91"/>
      <c r="HU2529" s="91"/>
      <c r="HV2529" s="91"/>
      <c r="HW2529" s="91"/>
      <c r="HX2529" s="91"/>
      <c r="HY2529" s="91"/>
      <c r="HZ2529" s="91"/>
      <c r="IA2529" s="91"/>
      <c r="IB2529" s="91"/>
      <c r="IC2529" s="91"/>
      <c r="ID2529" s="91"/>
      <c r="IE2529" s="91"/>
      <c r="IF2529" s="91"/>
      <c r="IG2529" s="91"/>
      <c r="IH2529" s="91"/>
      <c r="II2529" s="91"/>
      <c r="IJ2529" s="91"/>
      <c r="IK2529" s="127"/>
    </row>
    <row r="2530" spans="2:245" x14ac:dyDescent="0.2">
      <c r="B2530" s="43"/>
      <c r="C2530" s="73"/>
      <c r="D2530" s="64"/>
      <c r="E2530" s="64"/>
      <c r="F2530" s="55"/>
      <c r="G2530" s="102"/>
      <c r="H2530" s="55"/>
      <c r="I2530" s="55"/>
      <c r="J2530" s="55"/>
      <c r="K2530" s="55"/>
      <c r="L2530" s="55"/>
      <c r="M2530" s="55"/>
      <c r="N2530" s="55"/>
      <c r="O2530" s="55"/>
      <c r="P2530" s="55"/>
      <c r="Q2530" s="55"/>
      <c r="R2530" s="55"/>
      <c r="S2530" s="55"/>
      <c r="T2530" s="55"/>
      <c r="U2530" s="55"/>
      <c r="V2530" s="55"/>
      <c r="W2530" s="55"/>
      <c r="X2530" s="55"/>
      <c r="Y2530" s="55"/>
      <c r="Z2530" s="55"/>
      <c r="AA2530" s="55"/>
      <c r="AB2530" s="55"/>
      <c r="AC2530" s="55"/>
      <c r="AD2530" s="55"/>
      <c r="AE2530" s="55"/>
      <c r="AF2530" s="55"/>
      <c r="AG2530" s="55"/>
      <c r="AY2530" s="162"/>
      <c r="AZ2530" s="162"/>
      <c r="BA2530" s="162"/>
      <c r="BB2530" s="162"/>
      <c r="BC2530" s="162"/>
      <c r="BD2530" s="162"/>
      <c r="BE2530" s="162"/>
      <c r="BF2530" s="162"/>
      <c r="BG2530" s="162"/>
      <c r="BH2530" s="162"/>
      <c r="BI2530" s="162"/>
      <c r="BJ2530" s="162"/>
      <c r="BK2530" s="162"/>
      <c r="BL2530" s="162"/>
      <c r="BM2530" s="162"/>
      <c r="BN2530" s="162"/>
      <c r="BO2530" s="162"/>
      <c r="BP2530" s="162"/>
      <c r="BQ2530" s="162"/>
      <c r="BR2530" s="162"/>
      <c r="BS2530" s="162"/>
      <c r="BT2530" s="162"/>
      <c r="BU2530" s="162"/>
      <c r="BV2530" s="162"/>
      <c r="BW2530" s="162"/>
      <c r="BX2530" s="162"/>
      <c r="BY2530" s="162"/>
      <c r="BZ2530" s="162"/>
      <c r="CA2530" s="162"/>
      <c r="CB2530" s="162"/>
      <c r="CC2530" s="162"/>
      <c r="CD2530" s="162"/>
      <c r="CE2530" s="162"/>
      <c r="CF2530" s="162"/>
      <c r="CG2530" s="162"/>
      <c r="CH2530" s="162"/>
      <c r="CI2530" s="162"/>
      <c r="CJ2530" s="162"/>
      <c r="CK2530" s="162"/>
      <c r="CX2530" s="98"/>
      <c r="DL2530" s="97"/>
      <c r="DX2530" s="98"/>
      <c r="EL2530" s="97"/>
      <c r="EX2530" s="98"/>
      <c r="EY2530" s="97"/>
      <c r="FL2530" s="126"/>
      <c r="FM2530" s="91"/>
      <c r="FN2530" s="91"/>
      <c r="FO2530" s="91"/>
      <c r="FP2530" s="91"/>
      <c r="FQ2530" s="91"/>
      <c r="FR2530" s="91"/>
      <c r="FS2530" s="91"/>
      <c r="FT2530" s="91"/>
      <c r="FU2530" s="91"/>
      <c r="FV2530" s="91"/>
      <c r="FW2530" s="91"/>
      <c r="FX2530" s="91"/>
      <c r="FY2530" s="91"/>
      <c r="FZ2530" s="91"/>
      <c r="GA2530" s="91"/>
      <c r="GB2530" s="91"/>
      <c r="GC2530" s="91"/>
      <c r="GD2530" s="91"/>
      <c r="GE2530" s="91"/>
      <c r="GF2530" s="91"/>
      <c r="GG2530" s="91"/>
      <c r="GH2530" s="91"/>
      <c r="GI2530" s="91"/>
      <c r="GJ2530" s="91"/>
      <c r="GK2530" s="127"/>
      <c r="GL2530" s="126"/>
      <c r="GM2530" s="91"/>
      <c r="GN2530" s="91"/>
      <c r="GO2530" s="91"/>
      <c r="GP2530" s="91"/>
      <c r="GQ2530" s="91"/>
      <c r="GR2530" s="91"/>
      <c r="GS2530" s="91"/>
      <c r="GT2530" s="91"/>
      <c r="GU2530" s="91"/>
      <c r="GV2530" s="91"/>
      <c r="GW2530" s="91"/>
      <c r="GX2530" s="91"/>
      <c r="GY2530" s="91"/>
      <c r="GZ2530" s="91"/>
      <c r="HA2530" s="91"/>
      <c r="HB2530" s="91"/>
      <c r="HC2530" s="91"/>
      <c r="HD2530" s="91"/>
      <c r="HE2530" s="91"/>
      <c r="HF2530" s="91"/>
      <c r="HG2530" s="91"/>
      <c r="HH2530" s="91"/>
      <c r="HI2530" s="91"/>
      <c r="HJ2530" s="91"/>
      <c r="HK2530" s="127"/>
      <c r="HL2530" s="126"/>
      <c r="HM2530" s="91"/>
      <c r="HN2530" s="91"/>
      <c r="HO2530" s="91"/>
      <c r="HP2530" s="91"/>
      <c r="HQ2530" s="91"/>
      <c r="HR2530" s="91"/>
      <c r="HS2530" s="91"/>
      <c r="HT2530" s="91"/>
      <c r="HU2530" s="91"/>
      <c r="HV2530" s="91"/>
      <c r="HW2530" s="91"/>
      <c r="HX2530" s="91"/>
      <c r="HY2530" s="91"/>
      <c r="HZ2530" s="91"/>
      <c r="IA2530" s="91"/>
      <c r="IB2530" s="91"/>
      <c r="IC2530" s="91"/>
      <c r="ID2530" s="91"/>
      <c r="IE2530" s="91"/>
      <c r="IF2530" s="91"/>
      <c r="IG2530" s="91"/>
      <c r="IH2530" s="91"/>
      <c r="II2530" s="91"/>
      <c r="IJ2530" s="91"/>
      <c r="IK2530" s="127"/>
    </row>
    <row r="2531" spans="2:245" x14ac:dyDescent="0.2">
      <c r="B2531" s="43"/>
      <c r="C2531" s="73"/>
      <c r="D2531" s="64"/>
      <c r="E2531" s="64"/>
      <c r="F2531" s="55"/>
      <c r="G2531" s="102"/>
      <c r="H2531" s="55"/>
      <c r="I2531" s="55"/>
      <c r="J2531" s="55"/>
      <c r="K2531" s="55"/>
      <c r="L2531" s="55"/>
      <c r="M2531" s="55"/>
      <c r="N2531" s="55"/>
      <c r="O2531" s="55"/>
      <c r="P2531" s="55"/>
      <c r="Q2531" s="55"/>
      <c r="R2531" s="55"/>
      <c r="S2531" s="55"/>
      <c r="T2531" s="55"/>
      <c r="U2531" s="55"/>
      <c r="V2531" s="55"/>
      <c r="W2531" s="55"/>
      <c r="X2531" s="55"/>
      <c r="Y2531" s="55"/>
      <c r="Z2531" s="55"/>
      <c r="AA2531" s="55"/>
      <c r="AB2531" s="55"/>
      <c r="AC2531" s="55"/>
      <c r="AD2531" s="55"/>
      <c r="AE2531" s="55"/>
      <c r="AF2531" s="55"/>
      <c r="AG2531" s="55"/>
      <c r="AY2531" s="162"/>
      <c r="AZ2531" s="162"/>
      <c r="BA2531" s="162"/>
      <c r="BB2531" s="162"/>
      <c r="BC2531" s="162"/>
      <c r="BD2531" s="162"/>
      <c r="BE2531" s="162"/>
      <c r="BF2531" s="162"/>
      <c r="BG2531" s="162"/>
      <c r="BH2531" s="162"/>
      <c r="BI2531" s="162"/>
      <c r="BJ2531" s="162"/>
      <c r="BK2531" s="162"/>
      <c r="BL2531" s="162"/>
      <c r="BM2531" s="162"/>
      <c r="BN2531" s="162"/>
      <c r="BO2531" s="162"/>
      <c r="BP2531" s="162"/>
      <c r="BQ2531" s="162"/>
      <c r="BR2531" s="162"/>
      <c r="BS2531" s="162"/>
      <c r="BT2531" s="162"/>
      <c r="BU2531" s="162"/>
      <c r="BV2531" s="162"/>
      <c r="BW2531" s="162"/>
      <c r="BX2531" s="162"/>
      <c r="BY2531" s="162"/>
      <c r="BZ2531" s="162"/>
      <c r="CA2531" s="162"/>
      <c r="CB2531" s="162"/>
      <c r="CC2531" s="162"/>
      <c r="CD2531" s="162"/>
      <c r="CE2531" s="162"/>
      <c r="CF2531" s="162"/>
      <c r="CG2531" s="162"/>
      <c r="CH2531" s="162"/>
      <c r="CI2531" s="162"/>
      <c r="CJ2531" s="162"/>
      <c r="CK2531" s="162"/>
      <c r="CX2531" s="98"/>
      <c r="DL2531" s="97"/>
      <c r="DX2531" s="98"/>
      <c r="EL2531" s="97"/>
      <c r="EX2531" s="98"/>
      <c r="EY2531" s="97"/>
      <c r="FL2531" s="126"/>
      <c r="FM2531" s="91"/>
      <c r="FN2531" s="91"/>
      <c r="FO2531" s="91"/>
      <c r="FP2531" s="91"/>
      <c r="FQ2531" s="91"/>
      <c r="FR2531" s="91"/>
      <c r="FS2531" s="91"/>
      <c r="FT2531" s="91"/>
      <c r="FU2531" s="91"/>
      <c r="FV2531" s="91"/>
      <c r="FW2531" s="91"/>
      <c r="FX2531" s="91"/>
      <c r="FY2531" s="91"/>
      <c r="FZ2531" s="91"/>
      <c r="GA2531" s="91"/>
      <c r="GB2531" s="91"/>
      <c r="GC2531" s="91"/>
      <c r="GD2531" s="91"/>
      <c r="GE2531" s="91"/>
      <c r="GF2531" s="91"/>
      <c r="GG2531" s="91"/>
      <c r="GH2531" s="91"/>
      <c r="GI2531" s="91"/>
      <c r="GJ2531" s="91"/>
      <c r="GK2531" s="127"/>
      <c r="GL2531" s="126"/>
      <c r="GM2531" s="91"/>
      <c r="GN2531" s="91"/>
      <c r="GO2531" s="91"/>
      <c r="GP2531" s="91"/>
      <c r="GQ2531" s="91"/>
      <c r="GR2531" s="91"/>
      <c r="GS2531" s="91"/>
      <c r="GT2531" s="91"/>
      <c r="GU2531" s="91"/>
      <c r="GV2531" s="91"/>
      <c r="GW2531" s="91"/>
      <c r="GX2531" s="91"/>
      <c r="GY2531" s="91"/>
      <c r="GZ2531" s="91"/>
      <c r="HA2531" s="91"/>
      <c r="HB2531" s="91"/>
      <c r="HC2531" s="91"/>
      <c r="HD2531" s="91"/>
      <c r="HE2531" s="91"/>
      <c r="HF2531" s="91"/>
      <c r="HG2531" s="91"/>
      <c r="HH2531" s="91"/>
      <c r="HI2531" s="91"/>
      <c r="HJ2531" s="91"/>
      <c r="HK2531" s="127"/>
      <c r="HL2531" s="126"/>
      <c r="HM2531" s="91"/>
      <c r="HN2531" s="91"/>
      <c r="HO2531" s="91"/>
      <c r="HP2531" s="91"/>
      <c r="HQ2531" s="91"/>
      <c r="HR2531" s="91"/>
      <c r="HS2531" s="91"/>
      <c r="HT2531" s="91"/>
      <c r="HU2531" s="91"/>
      <c r="HV2531" s="91"/>
      <c r="HW2531" s="91"/>
      <c r="HX2531" s="91"/>
      <c r="HY2531" s="91"/>
      <c r="HZ2531" s="91"/>
      <c r="IA2531" s="91"/>
      <c r="IB2531" s="91"/>
      <c r="IC2531" s="91"/>
      <c r="ID2531" s="91"/>
      <c r="IE2531" s="91"/>
      <c r="IF2531" s="91"/>
      <c r="IG2531" s="91"/>
      <c r="IH2531" s="91"/>
      <c r="II2531" s="91"/>
      <c r="IJ2531" s="91"/>
      <c r="IK2531" s="127"/>
    </row>
    <row r="2532" spans="2:245" x14ac:dyDescent="0.2">
      <c r="B2532" s="43"/>
      <c r="C2532" s="73"/>
      <c r="D2532" s="64"/>
      <c r="E2532" s="64"/>
      <c r="F2532" s="55"/>
      <c r="G2532" s="102"/>
      <c r="H2532" s="55"/>
      <c r="I2532" s="55"/>
      <c r="J2532" s="55"/>
      <c r="K2532" s="55"/>
      <c r="L2532" s="55"/>
      <c r="M2532" s="55"/>
      <c r="N2532" s="55"/>
      <c r="O2532" s="55"/>
      <c r="P2532" s="55"/>
      <c r="Q2532" s="55"/>
      <c r="R2532" s="55"/>
      <c r="S2532" s="55"/>
      <c r="T2532" s="55"/>
      <c r="U2532" s="55"/>
      <c r="V2532" s="55"/>
      <c r="W2532" s="55"/>
      <c r="X2532" s="55"/>
      <c r="Y2532" s="55"/>
      <c r="Z2532" s="55"/>
      <c r="AA2532" s="55"/>
      <c r="AB2532" s="55"/>
      <c r="AC2532" s="55"/>
      <c r="AD2532" s="55"/>
      <c r="AE2532" s="55"/>
      <c r="AF2532" s="55"/>
      <c r="AG2532" s="55"/>
      <c r="AY2532" s="162"/>
      <c r="AZ2532" s="162"/>
      <c r="BA2532" s="162"/>
      <c r="BB2532" s="162"/>
      <c r="BC2532" s="162"/>
      <c r="BD2532" s="162"/>
      <c r="BE2532" s="162"/>
      <c r="BF2532" s="162"/>
      <c r="BG2532" s="162"/>
      <c r="BH2532" s="162"/>
      <c r="BI2532" s="162"/>
      <c r="BJ2532" s="162"/>
      <c r="BK2532" s="162"/>
      <c r="BL2532" s="162"/>
      <c r="BM2532" s="162"/>
      <c r="BN2532" s="162"/>
      <c r="BO2532" s="162"/>
      <c r="BP2532" s="162"/>
      <c r="BQ2532" s="162"/>
      <c r="BR2532" s="162"/>
      <c r="BS2532" s="162"/>
      <c r="BT2532" s="162"/>
      <c r="BU2532" s="162"/>
      <c r="BV2532" s="162"/>
      <c r="BW2532" s="162"/>
      <c r="BX2532" s="162"/>
      <c r="BY2532" s="162"/>
      <c r="BZ2532" s="162"/>
      <c r="CA2532" s="162"/>
      <c r="CB2532" s="162"/>
      <c r="CC2532" s="162"/>
      <c r="CD2532" s="162"/>
      <c r="CE2532" s="162"/>
      <c r="CF2532" s="162"/>
      <c r="CG2532" s="162"/>
      <c r="CH2532" s="162"/>
      <c r="CI2532" s="162"/>
      <c r="CJ2532" s="162"/>
      <c r="CK2532" s="162"/>
      <c r="CX2532" s="98"/>
      <c r="DL2532" s="97"/>
      <c r="DX2532" s="98"/>
      <c r="EL2532" s="97"/>
      <c r="EX2532" s="98"/>
      <c r="EY2532" s="97"/>
      <c r="FL2532" s="126"/>
      <c r="FM2532" s="91"/>
      <c r="FN2532" s="91"/>
      <c r="FO2532" s="91"/>
      <c r="FP2532" s="91"/>
      <c r="FQ2532" s="91"/>
      <c r="FR2532" s="91"/>
      <c r="FS2532" s="91"/>
      <c r="FT2532" s="91"/>
      <c r="FU2532" s="91"/>
      <c r="FV2532" s="91"/>
      <c r="FW2532" s="91"/>
      <c r="FX2532" s="91"/>
      <c r="FY2532" s="91"/>
      <c r="FZ2532" s="91"/>
      <c r="GA2532" s="91"/>
      <c r="GB2532" s="91"/>
      <c r="GC2532" s="91"/>
      <c r="GD2532" s="91"/>
      <c r="GE2532" s="91"/>
      <c r="GF2532" s="91"/>
      <c r="GG2532" s="91"/>
      <c r="GH2532" s="91"/>
      <c r="GI2532" s="91"/>
      <c r="GJ2532" s="91"/>
      <c r="GK2532" s="127"/>
      <c r="GL2532" s="126"/>
      <c r="GM2532" s="91"/>
      <c r="GN2532" s="91"/>
      <c r="GO2532" s="91"/>
      <c r="GP2532" s="91"/>
      <c r="GQ2532" s="91"/>
      <c r="GR2532" s="91"/>
      <c r="GS2532" s="91"/>
      <c r="GT2532" s="91"/>
      <c r="GU2532" s="91"/>
      <c r="GV2532" s="91"/>
      <c r="GW2532" s="91"/>
      <c r="GX2532" s="91"/>
      <c r="GY2532" s="91"/>
      <c r="GZ2532" s="91"/>
      <c r="HA2532" s="91"/>
      <c r="HB2532" s="91"/>
      <c r="HC2532" s="91"/>
      <c r="HD2532" s="91"/>
      <c r="HE2532" s="91"/>
      <c r="HF2532" s="91"/>
      <c r="HG2532" s="91"/>
      <c r="HH2532" s="91"/>
      <c r="HI2532" s="91"/>
      <c r="HJ2532" s="91"/>
      <c r="HK2532" s="127"/>
      <c r="HL2532" s="126"/>
      <c r="HM2532" s="91"/>
      <c r="HN2532" s="91"/>
      <c r="HO2532" s="91"/>
      <c r="HP2532" s="91"/>
      <c r="HQ2532" s="91"/>
      <c r="HR2532" s="91"/>
      <c r="HS2532" s="91"/>
      <c r="HT2532" s="91"/>
      <c r="HU2532" s="91"/>
      <c r="HV2532" s="91"/>
      <c r="HW2532" s="91"/>
      <c r="HX2532" s="91"/>
      <c r="HY2532" s="91"/>
      <c r="HZ2532" s="91"/>
      <c r="IA2532" s="91"/>
      <c r="IB2532" s="91"/>
      <c r="IC2532" s="91"/>
      <c r="ID2532" s="91"/>
      <c r="IE2532" s="91"/>
      <c r="IF2532" s="91"/>
      <c r="IG2532" s="91"/>
      <c r="IH2532" s="91"/>
      <c r="II2532" s="91"/>
      <c r="IJ2532" s="91"/>
      <c r="IK2532" s="127"/>
    </row>
    <row r="2533" spans="2:245" x14ac:dyDescent="0.2">
      <c r="B2533" s="43"/>
      <c r="C2533" s="73"/>
      <c r="D2533" s="64"/>
      <c r="E2533" s="64"/>
      <c r="F2533" s="55"/>
      <c r="G2533" s="102"/>
      <c r="H2533" s="55"/>
      <c r="I2533" s="55"/>
      <c r="J2533" s="55"/>
      <c r="K2533" s="55"/>
      <c r="L2533" s="55"/>
      <c r="M2533" s="55"/>
      <c r="N2533" s="55"/>
      <c r="O2533" s="55"/>
      <c r="P2533" s="55"/>
      <c r="Q2533" s="55"/>
      <c r="R2533" s="55"/>
      <c r="S2533" s="55"/>
      <c r="T2533" s="55"/>
      <c r="U2533" s="55"/>
      <c r="V2533" s="55"/>
      <c r="W2533" s="55"/>
      <c r="X2533" s="55"/>
      <c r="Y2533" s="55"/>
      <c r="Z2533" s="55"/>
      <c r="AA2533" s="55"/>
      <c r="AB2533" s="55"/>
      <c r="AC2533" s="55"/>
      <c r="AD2533" s="55"/>
      <c r="AE2533" s="55"/>
      <c r="AF2533" s="55"/>
      <c r="AG2533" s="55"/>
      <c r="AY2533" s="162"/>
      <c r="AZ2533" s="162"/>
      <c r="BA2533" s="162"/>
      <c r="BB2533" s="162"/>
      <c r="BC2533" s="162"/>
      <c r="BD2533" s="162"/>
      <c r="BE2533" s="162"/>
      <c r="BF2533" s="162"/>
      <c r="BG2533" s="162"/>
      <c r="BH2533" s="162"/>
      <c r="BI2533" s="162"/>
      <c r="BJ2533" s="162"/>
      <c r="BK2533" s="162"/>
      <c r="BL2533" s="162"/>
      <c r="BM2533" s="162"/>
      <c r="BN2533" s="162"/>
      <c r="BO2533" s="162"/>
      <c r="BP2533" s="162"/>
      <c r="BQ2533" s="162"/>
      <c r="BR2533" s="162"/>
      <c r="BS2533" s="162"/>
      <c r="BT2533" s="162"/>
      <c r="BU2533" s="162"/>
      <c r="BV2533" s="162"/>
      <c r="BW2533" s="162"/>
      <c r="BX2533" s="162"/>
      <c r="BY2533" s="162"/>
      <c r="BZ2533" s="162"/>
      <c r="CA2533" s="162"/>
      <c r="CB2533" s="162"/>
      <c r="CC2533" s="162"/>
      <c r="CD2533" s="162"/>
      <c r="CE2533" s="162"/>
      <c r="CF2533" s="162"/>
      <c r="CG2533" s="162"/>
      <c r="CH2533" s="162"/>
      <c r="CI2533" s="162"/>
      <c r="CJ2533" s="162"/>
      <c r="CK2533" s="162"/>
      <c r="CX2533" s="98"/>
      <c r="DL2533" s="97"/>
      <c r="DX2533" s="98"/>
      <c r="EL2533" s="97"/>
      <c r="EX2533" s="98"/>
      <c r="EY2533" s="97"/>
      <c r="FL2533" s="126"/>
      <c r="FM2533" s="91"/>
      <c r="FN2533" s="91"/>
      <c r="FO2533" s="91"/>
      <c r="FP2533" s="91"/>
      <c r="FQ2533" s="91"/>
      <c r="FR2533" s="91"/>
      <c r="FS2533" s="91"/>
      <c r="FT2533" s="91"/>
      <c r="FU2533" s="91"/>
      <c r="FV2533" s="91"/>
      <c r="FW2533" s="91"/>
      <c r="FX2533" s="91"/>
      <c r="FY2533" s="91"/>
      <c r="FZ2533" s="91"/>
      <c r="GA2533" s="91"/>
      <c r="GB2533" s="91"/>
      <c r="GC2533" s="91"/>
      <c r="GD2533" s="91"/>
      <c r="GE2533" s="91"/>
      <c r="GF2533" s="91"/>
      <c r="GG2533" s="91"/>
      <c r="GH2533" s="91"/>
      <c r="GI2533" s="91"/>
      <c r="GJ2533" s="91"/>
      <c r="GK2533" s="127"/>
      <c r="GL2533" s="126"/>
      <c r="GM2533" s="91"/>
      <c r="GN2533" s="91"/>
      <c r="GO2533" s="91"/>
      <c r="GP2533" s="91"/>
      <c r="GQ2533" s="91"/>
      <c r="GR2533" s="91"/>
      <c r="GS2533" s="91"/>
      <c r="GT2533" s="91"/>
      <c r="GU2533" s="91"/>
      <c r="GV2533" s="91"/>
      <c r="GW2533" s="91"/>
      <c r="GX2533" s="91"/>
      <c r="GY2533" s="91"/>
      <c r="GZ2533" s="91"/>
      <c r="HA2533" s="91"/>
      <c r="HB2533" s="91"/>
      <c r="HC2533" s="91"/>
      <c r="HD2533" s="91"/>
      <c r="HE2533" s="91"/>
      <c r="HF2533" s="91"/>
      <c r="HG2533" s="91"/>
      <c r="HH2533" s="91"/>
      <c r="HI2533" s="91"/>
      <c r="HJ2533" s="91"/>
      <c r="HK2533" s="127"/>
      <c r="HL2533" s="126"/>
      <c r="HM2533" s="91"/>
      <c r="HN2533" s="91"/>
      <c r="HO2533" s="91"/>
      <c r="HP2533" s="91"/>
      <c r="HQ2533" s="91"/>
      <c r="HR2533" s="91"/>
      <c r="HS2533" s="91"/>
      <c r="HT2533" s="91"/>
      <c r="HU2533" s="91"/>
      <c r="HV2533" s="91"/>
      <c r="HW2533" s="91"/>
      <c r="HX2533" s="91"/>
      <c r="HY2533" s="91"/>
      <c r="HZ2533" s="91"/>
      <c r="IA2533" s="91"/>
      <c r="IB2533" s="91"/>
      <c r="IC2533" s="91"/>
      <c r="ID2533" s="91"/>
      <c r="IE2533" s="91"/>
      <c r="IF2533" s="91"/>
      <c r="IG2533" s="91"/>
      <c r="IH2533" s="91"/>
      <c r="II2533" s="91"/>
      <c r="IJ2533" s="91"/>
      <c r="IK2533" s="127"/>
    </row>
    <row r="2534" spans="2:245" x14ac:dyDescent="0.2">
      <c r="B2534" s="43"/>
      <c r="C2534" s="73"/>
      <c r="D2534" s="64"/>
      <c r="E2534" s="64"/>
      <c r="F2534" s="55"/>
      <c r="G2534" s="102"/>
      <c r="H2534" s="55"/>
      <c r="I2534" s="55"/>
      <c r="J2534" s="55"/>
      <c r="K2534" s="55"/>
      <c r="L2534" s="55"/>
      <c r="M2534" s="55"/>
      <c r="N2534" s="55"/>
      <c r="O2534" s="55"/>
      <c r="P2534" s="55"/>
      <c r="Q2534" s="55"/>
      <c r="R2534" s="55"/>
      <c r="S2534" s="55"/>
      <c r="T2534" s="55"/>
      <c r="U2534" s="55"/>
      <c r="V2534" s="55"/>
      <c r="W2534" s="55"/>
      <c r="X2534" s="55"/>
      <c r="Y2534" s="55"/>
      <c r="Z2534" s="55"/>
      <c r="AA2534" s="55"/>
      <c r="AB2534" s="55"/>
      <c r="AC2534" s="55"/>
      <c r="AD2534" s="55"/>
      <c r="AE2534" s="55"/>
      <c r="AF2534" s="55"/>
      <c r="AG2534" s="55"/>
      <c r="AY2534" s="162"/>
      <c r="AZ2534" s="162"/>
      <c r="BA2534" s="162"/>
      <c r="BB2534" s="162"/>
      <c r="BC2534" s="162"/>
      <c r="BD2534" s="162"/>
      <c r="BE2534" s="162"/>
      <c r="BF2534" s="162"/>
      <c r="BG2534" s="162"/>
      <c r="BH2534" s="162"/>
      <c r="BI2534" s="162"/>
      <c r="BJ2534" s="162"/>
      <c r="BK2534" s="162"/>
      <c r="BL2534" s="162"/>
      <c r="BM2534" s="162"/>
      <c r="BN2534" s="162"/>
      <c r="BO2534" s="162"/>
      <c r="BP2534" s="162"/>
      <c r="BQ2534" s="162"/>
      <c r="BR2534" s="162"/>
      <c r="BS2534" s="162"/>
      <c r="BT2534" s="162"/>
      <c r="BU2534" s="162"/>
      <c r="BV2534" s="162"/>
      <c r="BW2534" s="162"/>
      <c r="BX2534" s="162"/>
      <c r="BY2534" s="162"/>
      <c r="BZ2534" s="162"/>
      <c r="CA2534" s="162"/>
      <c r="CB2534" s="162"/>
      <c r="CC2534" s="162"/>
      <c r="CD2534" s="162"/>
      <c r="CE2534" s="162"/>
      <c r="CF2534" s="162"/>
      <c r="CG2534" s="162"/>
      <c r="CH2534" s="162"/>
      <c r="CI2534" s="162"/>
      <c r="CJ2534" s="162"/>
      <c r="CK2534" s="162"/>
      <c r="CX2534" s="98"/>
      <c r="DL2534" s="97"/>
      <c r="DX2534" s="98"/>
      <c r="EL2534" s="97"/>
      <c r="EX2534" s="98"/>
      <c r="EY2534" s="97"/>
      <c r="FL2534" s="126"/>
      <c r="FM2534" s="91"/>
      <c r="FN2534" s="91"/>
      <c r="FO2534" s="91"/>
      <c r="FP2534" s="91"/>
      <c r="FQ2534" s="91"/>
      <c r="FR2534" s="91"/>
      <c r="FS2534" s="91"/>
      <c r="FT2534" s="91"/>
      <c r="FU2534" s="91"/>
      <c r="FV2534" s="91"/>
      <c r="FW2534" s="91"/>
      <c r="FX2534" s="91"/>
      <c r="FY2534" s="91"/>
      <c r="FZ2534" s="91"/>
      <c r="GA2534" s="91"/>
      <c r="GB2534" s="91"/>
      <c r="GC2534" s="91"/>
      <c r="GD2534" s="91"/>
      <c r="GE2534" s="91"/>
      <c r="GF2534" s="91"/>
      <c r="GG2534" s="91"/>
      <c r="GH2534" s="91"/>
      <c r="GI2534" s="91"/>
      <c r="GJ2534" s="91"/>
      <c r="GK2534" s="127"/>
      <c r="GL2534" s="126"/>
      <c r="GM2534" s="91"/>
      <c r="GN2534" s="91"/>
      <c r="GO2534" s="91"/>
      <c r="GP2534" s="91"/>
      <c r="GQ2534" s="91"/>
      <c r="GR2534" s="91"/>
      <c r="GS2534" s="91"/>
      <c r="GT2534" s="91"/>
      <c r="GU2534" s="91"/>
      <c r="GV2534" s="91"/>
      <c r="GW2534" s="91"/>
      <c r="GX2534" s="91"/>
      <c r="GY2534" s="91"/>
      <c r="GZ2534" s="91"/>
      <c r="HA2534" s="91"/>
      <c r="HB2534" s="91"/>
      <c r="HC2534" s="91"/>
      <c r="HD2534" s="91"/>
      <c r="HE2534" s="91"/>
      <c r="HF2534" s="91"/>
      <c r="HG2534" s="91"/>
      <c r="HH2534" s="91"/>
      <c r="HI2534" s="91"/>
      <c r="HJ2534" s="91"/>
      <c r="HK2534" s="127"/>
      <c r="HL2534" s="126"/>
      <c r="HM2534" s="91"/>
      <c r="HN2534" s="91"/>
      <c r="HO2534" s="91"/>
      <c r="HP2534" s="91"/>
      <c r="HQ2534" s="91"/>
      <c r="HR2534" s="91"/>
      <c r="HS2534" s="91"/>
      <c r="HT2534" s="91"/>
      <c r="HU2534" s="91"/>
      <c r="HV2534" s="91"/>
      <c r="HW2534" s="91"/>
      <c r="HX2534" s="91"/>
      <c r="HY2534" s="91"/>
      <c r="HZ2534" s="91"/>
      <c r="IA2534" s="91"/>
      <c r="IB2534" s="91"/>
      <c r="IC2534" s="91"/>
      <c r="ID2534" s="91"/>
      <c r="IE2534" s="91"/>
      <c r="IF2534" s="91"/>
      <c r="IG2534" s="91"/>
      <c r="IH2534" s="91"/>
      <c r="II2534" s="91"/>
      <c r="IJ2534" s="91"/>
      <c r="IK2534" s="127"/>
    </row>
    <row r="2535" spans="2:245" x14ac:dyDescent="0.2">
      <c r="B2535" s="43"/>
      <c r="C2535" s="73"/>
      <c r="D2535" s="64"/>
      <c r="E2535" s="64"/>
      <c r="F2535" s="55"/>
      <c r="G2535" s="102"/>
      <c r="H2535" s="55"/>
      <c r="I2535" s="55"/>
      <c r="J2535" s="55"/>
      <c r="K2535" s="55"/>
      <c r="L2535" s="55"/>
      <c r="M2535" s="55"/>
      <c r="N2535" s="55"/>
      <c r="O2535" s="55"/>
      <c r="P2535" s="55"/>
      <c r="Q2535" s="55"/>
      <c r="R2535" s="55"/>
      <c r="S2535" s="55"/>
      <c r="T2535" s="55"/>
      <c r="U2535" s="55"/>
      <c r="V2535" s="55"/>
      <c r="W2535" s="55"/>
      <c r="X2535" s="55"/>
      <c r="Y2535" s="55"/>
      <c r="Z2535" s="55"/>
      <c r="AA2535" s="55"/>
      <c r="AB2535" s="55"/>
      <c r="AC2535" s="55"/>
      <c r="AD2535" s="55"/>
      <c r="AE2535" s="55"/>
      <c r="AF2535" s="55"/>
      <c r="AG2535" s="55"/>
      <c r="AY2535" s="162"/>
      <c r="AZ2535" s="162"/>
      <c r="BA2535" s="162"/>
      <c r="BB2535" s="162"/>
      <c r="BC2535" s="162"/>
      <c r="BD2535" s="162"/>
      <c r="BE2535" s="162"/>
      <c r="BF2535" s="162"/>
      <c r="BG2535" s="162"/>
      <c r="BH2535" s="162"/>
      <c r="BI2535" s="162"/>
      <c r="BJ2535" s="162"/>
      <c r="BK2535" s="162"/>
      <c r="BL2535" s="162"/>
      <c r="BM2535" s="162"/>
      <c r="BN2535" s="162"/>
      <c r="BO2535" s="162"/>
      <c r="BP2535" s="162"/>
      <c r="BQ2535" s="162"/>
      <c r="BR2535" s="162"/>
      <c r="BS2535" s="162"/>
      <c r="BT2535" s="162"/>
      <c r="BU2535" s="162"/>
      <c r="BV2535" s="162"/>
      <c r="BW2535" s="162"/>
      <c r="BX2535" s="162"/>
      <c r="BY2535" s="162"/>
      <c r="BZ2535" s="162"/>
      <c r="CA2535" s="162"/>
      <c r="CB2535" s="162"/>
      <c r="CC2535" s="162"/>
      <c r="CD2535" s="162"/>
      <c r="CE2535" s="162"/>
      <c r="CF2535" s="162"/>
      <c r="CG2535" s="162"/>
      <c r="CH2535" s="162"/>
      <c r="CI2535" s="162"/>
      <c r="CJ2535" s="162"/>
      <c r="CK2535" s="162"/>
      <c r="CX2535" s="98"/>
      <c r="DL2535" s="97"/>
      <c r="DX2535" s="98"/>
      <c r="EL2535" s="97"/>
      <c r="EX2535" s="98"/>
      <c r="EY2535" s="97"/>
      <c r="FL2535" s="126"/>
      <c r="FM2535" s="91"/>
      <c r="FN2535" s="91"/>
      <c r="FO2535" s="91"/>
      <c r="FP2535" s="91"/>
      <c r="FQ2535" s="91"/>
      <c r="FR2535" s="91"/>
      <c r="FS2535" s="91"/>
      <c r="FT2535" s="91"/>
      <c r="FU2535" s="91"/>
      <c r="FV2535" s="91"/>
      <c r="FW2535" s="91"/>
      <c r="FX2535" s="91"/>
      <c r="FY2535" s="91"/>
      <c r="FZ2535" s="91"/>
      <c r="GA2535" s="91"/>
      <c r="GB2535" s="91"/>
      <c r="GC2535" s="91"/>
      <c r="GD2535" s="91"/>
      <c r="GE2535" s="91"/>
      <c r="GF2535" s="91"/>
      <c r="GG2535" s="91"/>
      <c r="GH2535" s="91"/>
      <c r="GI2535" s="91"/>
      <c r="GJ2535" s="91"/>
      <c r="GK2535" s="127"/>
      <c r="GL2535" s="126"/>
      <c r="GM2535" s="91"/>
      <c r="GN2535" s="91"/>
      <c r="GO2535" s="91"/>
      <c r="GP2535" s="91"/>
      <c r="GQ2535" s="91"/>
      <c r="GR2535" s="91"/>
      <c r="GS2535" s="91"/>
      <c r="GT2535" s="91"/>
      <c r="GU2535" s="91"/>
      <c r="GV2535" s="91"/>
      <c r="GW2535" s="91"/>
      <c r="GX2535" s="91"/>
      <c r="GY2535" s="91"/>
      <c r="GZ2535" s="91"/>
      <c r="HA2535" s="91"/>
      <c r="HB2535" s="91"/>
      <c r="HC2535" s="91"/>
      <c r="HD2535" s="91"/>
      <c r="HE2535" s="91"/>
      <c r="HF2535" s="91"/>
      <c r="HG2535" s="91"/>
      <c r="HH2535" s="91"/>
      <c r="HI2535" s="91"/>
      <c r="HJ2535" s="91"/>
      <c r="HK2535" s="127"/>
      <c r="HL2535" s="126"/>
      <c r="HM2535" s="91"/>
      <c r="HN2535" s="91"/>
      <c r="HO2535" s="91"/>
      <c r="HP2535" s="91"/>
      <c r="HQ2535" s="91"/>
      <c r="HR2535" s="91"/>
      <c r="HS2535" s="91"/>
      <c r="HT2535" s="91"/>
      <c r="HU2535" s="91"/>
      <c r="HV2535" s="91"/>
      <c r="HW2535" s="91"/>
      <c r="HX2535" s="91"/>
      <c r="HY2535" s="91"/>
      <c r="HZ2535" s="91"/>
      <c r="IA2535" s="91"/>
      <c r="IB2535" s="91"/>
      <c r="IC2535" s="91"/>
      <c r="ID2535" s="91"/>
      <c r="IE2535" s="91"/>
      <c r="IF2535" s="91"/>
      <c r="IG2535" s="91"/>
      <c r="IH2535" s="91"/>
      <c r="II2535" s="91"/>
      <c r="IJ2535" s="91"/>
      <c r="IK2535" s="127"/>
    </row>
    <row r="2536" spans="2:245" x14ac:dyDescent="0.2">
      <c r="B2536" s="43"/>
      <c r="C2536" s="73"/>
      <c r="D2536" s="64"/>
      <c r="E2536" s="64"/>
      <c r="F2536" s="55"/>
      <c r="G2536" s="102"/>
      <c r="H2536" s="55"/>
      <c r="I2536" s="55"/>
      <c r="J2536" s="55"/>
      <c r="K2536" s="55"/>
      <c r="L2536" s="55"/>
      <c r="M2536" s="55"/>
      <c r="N2536" s="55"/>
      <c r="O2536" s="55"/>
      <c r="P2536" s="55"/>
      <c r="Q2536" s="55"/>
      <c r="R2536" s="55"/>
      <c r="S2536" s="55"/>
      <c r="T2536" s="55"/>
      <c r="U2536" s="55"/>
      <c r="V2536" s="55"/>
      <c r="W2536" s="55"/>
      <c r="X2536" s="55"/>
      <c r="Y2536" s="55"/>
      <c r="Z2536" s="55"/>
      <c r="AA2536" s="55"/>
      <c r="AB2536" s="55"/>
      <c r="AC2536" s="55"/>
      <c r="AD2536" s="55"/>
      <c r="AE2536" s="55"/>
      <c r="AF2536" s="55"/>
      <c r="AG2536" s="55"/>
      <c r="AY2536" s="162"/>
      <c r="AZ2536" s="162"/>
      <c r="BA2536" s="162"/>
      <c r="BB2536" s="162"/>
      <c r="BC2536" s="162"/>
      <c r="BD2536" s="162"/>
      <c r="BE2536" s="162"/>
      <c r="BF2536" s="162"/>
      <c r="BG2536" s="162"/>
      <c r="BH2536" s="162"/>
      <c r="BI2536" s="162"/>
      <c r="BJ2536" s="162"/>
      <c r="BK2536" s="162"/>
      <c r="BL2536" s="162"/>
      <c r="BM2536" s="162"/>
      <c r="BN2536" s="162"/>
      <c r="BO2536" s="162"/>
      <c r="BP2536" s="162"/>
      <c r="BQ2536" s="162"/>
      <c r="BR2536" s="162"/>
      <c r="BS2536" s="162"/>
      <c r="BT2536" s="162"/>
      <c r="BU2536" s="162"/>
      <c r="BV2536" s="162"/>
      <c r="BW2536" s="162"/>
      <c r="BX2536" s="162"/>
      <c r="BY2536" s="162"/>
      <c r="BZ2536" s="162"/>
      <c r="CA2536" s="162"/>
      <c r="CB2536" s="162"/>
      <c r="CC2536" s="162"/>
      <c r="CD2536" s="162"/>
      <c r="CE2536" s="162"/>
      <c r="CF2536" s="162"/>
      <c r="CG2536" s="162"/>
      <c r="CH2536" s="162"/>
      <c r="CI2536" s="162"/>
      <c r="CJ2536" s="162"/>
      <c r="CK2536" s="162"/>
      <c r="CX2536" s="98"/>
      <c r="DL2536" s="97"/>
      <c r="DX2536" s="98"/>
      <c r="EL2536" s="97"/>
      <c r="EX2536" s="98"/>
      <c r="EY2536" s="97"/>
      <c r="FL2536" s="126"/>
      <c r="FM2536" s="91"/>
      <c r="FN2536" s="91"/>
      <c r="FO2536" s="91"/>
      <c r="FP2536" s="91"/>
      <c r="FQ2536" s="91"/>
      <c r="FR2536" s="91"/>
      <c r="FS2536" s="91"/>
      <c r="FT2536" s="91"/>
      <c r="FU2536" s="91"/>
      <c r="FV2536" s="91"/>
      <c r="FW2536" s="91"/>
      <c r="FX2536" s="91"/>
      <c r="FY2536" s="91"/>
      <c r="FZ2536" s="91"/>
      <c r="GA2536" s="91"/>
      <c r="GB2536" s="91"/>
      <c r="GC2536" s="91"/>
      <c r="GD2536" s="91"/>
      <c r="GE2536" s="91"/>
      <c r="GF2536" s="91"/>
      <c r="GG2536" s="91"/>
      <c r="GH2536" s="91"/>
      <c r="GI2536" s="91"/>
      <c r="GJ2536" s="91"/>
      <c r="GK2536" s="127"/>
      <c r="GL2536" s="126"/>
      <c r="GM2536" s="91"/>
      <c r="GN2536" s="91"/>
      <c r="GO2536" s="91"/>
      <c r="GP2536" s="91"/>
      <c r="GQ2536" s="91"/>
      <c r="GR2536" s="91"/>
      <c r="GS2536" s="91"/>
      <c r="GT2536" s="91"/>
      <c r="GU2536" s="91"/>
      <c r="GV2536" s="91"/>
      <c r="GW2536" s="91"/>
      <c r="GX2536" s="91"/>
      <c r="GY2536" s="91"/>
      <c r="GZ2536" s="91"/>
      <c r="HA2536" s="91"/>
      <c r="HB2536" s="91"/>
      <c r="HC2536" s="91"/>
      <c r="HD2536" s="91"/>
      <c r="HE2536" s="91"/>
      <c r="HF2536" s="91"/>
      <c r="HG2536" s="91"/>
      <c r="HH2536" s="91"/>
      <c r="HI2536" s="91"/>
      <c r="HJ2536" s="91"/>
      <c r="HK2536" s="127"/>
      <c r="HL2536" s="126"/>
      <c r="HM2536" s="91"/>
      <c r="HN2536" s="91"/>
      <c r="HO2536" s="91"/>
      <c r="HP2536" s="91"/>
      <c r="HQ2536" s="91"/>
      <c r="HR2536" s="91"/>
      <c r="HS2536" s="91"/>
      <c r="HT2536" s="91"/>
      <c r="HU2536" s="91"/>
      <c r="HV2536" s="91"/>
      <c r="HW2536" s="91"/>
      <c r="HX2536" s="91"/>
      <c r="HY2536" s="91"/>
      <c r="HZ2536" s="91"/>
      <c r="IA2536" s="91"/>
      <c r="IB2536" s="91"/>
      <c r="IC2536" s="91"/>
      <c r="ID2536" s="91"/>
      <c r="IE2536" s="91"/>
      <c r="IF2536" s="91"/>
      <c r="IG2536" s="91"/>
      <c r="IH2536" s="91"/>
      <c r="II2536" s="91"/>
      <c r="IJ2536" s="91"/>
      <c r="IK2536" s="127"/>
    </row>
    <row r="2537" spans="2:245" x14ac:dyDescent="0.2">
      <c r="B2537" s="43"/>
      <c r="C2537" s="73"/>
      <c r="D2537" s="64"/>
      <c r="E2537" s="64"/>
      <c r="F2537" s="55"/>
      <c r="G2537" s="102"/>
      <c r="H2537" s="55"/>
      <c r="I2537" s="55"/>
      <c r="J2537" s="55"/>
      <c r="K2537" s="55"/>
      <c r="L2537" s="55"/>
      <c r="M2537" s="55"/>
      <c r="N2537" s="55"/>
      <c r="O2537" s="55"/>
      <c r="P2537" s="55"/>
      <c r="Q2537" s="55"/>
      <c r="R2537" s="55"/>
      <c r="S2537" s="55"/>
      <c r="T2537" s="55"/>
      <c r="U2537" s="55"/>
      <c r="V2537" s="55"/>
      <c r="W2537" s="55"/>
      <c r="X2537" s="55"/>
      <c r="Y2537" s="55"/>
      <c r="Z2537" s="55"/>
      <c r="AA2537" s="55"/>
      <c r="AB2537" s="55"/>
      <c r="AC2537" s="55"/>
      <c r="AD2537" s="55"/>
      <c r="AE2537" s="55"/>
      <c r="AF2537" s="55"/>
      <c r="AG2537" s="55"/>
      <c r="AY2537" s="162"/>
      <c r="AZ2537" s="162"/>
      <c r="BA2537" s="162"/>
      <c r="BB2537" s="162"/>
      <c r="BC2537" s="162"/>
      <c r="BD2537" s="162"/>
      <c r="BE2537" s="162"/>
      <c r="BF2537" s="162"/>
      <c r="BG2537" s="162"/>
      <c r="BH2537" s="162"/>
      <c r="BI2537" s="162"/>
      <c r="BJ2537" s="162"/>
      <c r="BK2537" s="162"/>
      <c r="BL2537" s="162"/>
      <c r="BM2537" s="162"/>
      <c r="BN2537" s="162"/>
      <c r="BO2537" s="162"/>
      <c r="BP2537" s="162"/>
      <c r="BQ2537" s="162"/>
      <c r="BR2537" s="162"/>
      <c r="BS2537" s="162"/>
      <c r="BT2537" s="162"/>
      <c r="BU2537" s="162"/>
      <c r="BV2537" s="162"/>
      <c r="BW2537" s="162"/>
      <c r="BX2537" s="162"/>
      <c r="BY2537" s="162"/>
      <c r="BZ2537" s="162"/>
      <c r="CA2537" s="162"/>
      <c r="CB2537" s="162"/>
      <c r="CC2537" s="162"/>
      <c r="CD2537" s="162"/>
      <c r="CE2537" s="162"/>
      <c r="CF2537" s="162"/>
      <c r="CG2537" s="162"/>
      <c r="CH2537" s="162"/>
      <c r="CI2537" s="162"/>
      <c r="CJ2537" s="162"/>
      <c r="CK2537" s="162"/>
      <c r="CX2537" s="98"/>
      <c r="DL2537" s="97"/>
      <c r="DX2537" s="98"/>
      <c r="EL2537" s="97"/>
      <c r="EX2537" s="98"/>
      <c r="EY2537" s="97"/>
      <c r="FL2537" s="126"/>
      <c r="FM2537" s="91"/>
      <c r="FN2537" s="91"/>
      <c r="FO2537" s="91"/>
      <c r="FP2537" s="91"/>
      <c r="FQ2537" s="91"/>
      <c r="FR2537" s="91"/>
      <c r="FS2537" s="91"/>
      <c r="FT2537" s="91"/>
      <c r="FU2537" s="91"/>
      <c r="FV2537" s="91"/>
      <c r="FW2537" s="91"/>
      <c r="FX2537" s="91"/>
      <c r="FY2537" s="91"/>
      <c r="FZ2537" s="91"/>
      <c r="GA2537" s="91"/>
      <c r="GB2537" s="91"/>
      <c r="GC2537" s="91"/>
      <c r="GD2537" s="91"/>
      <c r="GE2537" s="91"/>
      <c r="GF2537" s="91"/>
      <c r="GG2537" s="91"/>
      <c r="GH2537" s="91"/>
      <c r="GI2537" s="91"/>
      <c r="GJ2537" s="91"/>
      <c r="GK2537" s="127"/>
      <c r="GL2537" s="126"/>
      <c r="GM2537" s="91"/>
      <c r="GN2537" s="91"/>
      <c r="GO2537" s="91"/>
      <c r="GP2537" s="91"/>
      <c r="GQ2537" s="91"/>
      <c r="GR2537" s="91"/>
      <c r="GS2537" s="91"/>
      <c r="GT2537" s="91"/>
      <c r="GU2537" s="91"/>
      <c r="GV2537" s="91"/>
      <c r="GW2537" s="91"/>
      <c r="GX2537" s="91"/>
      <c r="GY2537" s="91"/>
      <c r="GZ2537" s="91"/>
      <c r="HA2537" s="91"/>
      <c r="HB2537" s="91"/>
      <c r="HC2537" s="91"/>
      <c r="HD2537" s="91"/>
      <c r="HE2537" s="91"/>
      <c r="HF2537" s="91"/>
      <c r="HG2537" s="91"/>
      <c r="HH2537" s="91"/>
      <c r="HI2537" s="91"/>
      <c r="HJ2537" s="91"/>
      <c r="HK2537" s="127"/>
      <c r="HL2537" s="126"/>
      <c r="HM2537" s="91"/>
      <c r="HN2537" s="91"/>
      <c r="HO2537" s="91"/>
      <c r="HP2537" s="91"/>
      <c r="HQ2537" s="91"/>
      <c r="HR2537" s="91"/>
      <c r="HS2537" s="91"/>
      <c r="HT2537" s="91"/>
      <c r="HU2537" s="91"/>
      <c r="HV2537" s="91"/>
      <c r="HW2537" s="91"/>
      <c r="HX2537" s="91"/>
      <c r="HY2537" s="91"/>
      <c r="HZ2537" s="91"/>
      <c r="IA2537" s="91"/>
      <c r="IB2537" s="91"/>
      <c r="IC2537" s="91"/>
      <c r="ID2537" s="91"/>
      <c r="IE2537" s="91"/>
      <c r="IF2537" s="91"/>
      <c r="IG2537" s="91"/>
      <c r="IH2537" s="91"/>
      <c r="II2537" s="91"/>
      <c r="IJ2537" s="91"/>
      <c r="IK2537" s="127"/>
    </row>
    <row r="2538" spans="2:245" x14ac:dyDescent="0.2">
      <c r="B2538" s="43"/>
      <c r="C2538" s="73"/>
      <c r="D2538" s="64"/>
      <c r="E2538" s="64"/>
      <c r="F2538" s="55"/>
      <c r="G2538" s="102"/>
      <c r="H2538" s="55"/>
      <c r="I2538" s="55"/>
      <c r="J2538" s="55"/>
      <c r="K2538" s="55"/>
      <c r="L2538" s="55"/>
      <c r="M2538" s="55"/>
      <c r="N2538" s="55"/>
      <c r="O2538" s="55"/>
      <c r="P2538" s="55"/>
      <c r="Q2538" s="55"/>
      <c r="R2538" s="55"/>
      <c r="S2538" s="55"/>
      <c r="T2538" s="55"/>
      <c r="U2538" s="55"/>
      <c r="V2538" s="55"/>
      <c r="W2538" s="55"/>
      <c r="X2538" s="55"/>
      <c r="Y2538" s="55"/>
      <c r="Z2538" s="55"/>
      <c r="AA2538" s="55"/>
      <c r="AB2538" s="55"/>
      <c r="AC2538" s="55"/>
      <c r="AD2538" s="55"/>
      <c r="AE2538" s="55"/>
      <c r="AF2538" s="55"/>
      <c r="AG2538" s="55"/>
      <c r="AY2538" s="162"/>
      <c r="AZ2538" s="162"/>
      <c r="BA2538" s="162"/>
      <c r="BB2538" s="162"/>
      <c r="BC2538" s="162"/>
      <c r="BD2538" s="162"/>
      <c r="BE2538" s="162"/>
      <c r="BF2538" s="162"/>
      <c r="BG2538" s="162"/>
      <c r="BH2538" s="162"/>
      <c r="BI2538" s="162"/>
      <c r="BJ2538" s="162"/>
      <c r="BK2538" s="162"/>
      <c r="BL2538" s="162"/>
      <c r="BM2538" s="162"/>
      <c r="BN2538" s="162"/>
      <c r="BO2538" s="162"/>
      <c r="BP2538" s="162"/>
      <c r="BQ2538" s="162"/>
      <c r="BR2538" s="162"/>
      <c r="BS2538" s="162"/>
      <c r="BT2538" s="162"/>
      <c r="BU2538" s="162"/>
      <c r="BV2538" s="162"/>
      <c r="BW2538" s="162"/>
      <c r="BX2538" s="162"/>
      <c r="BY2538" s="162"/>
      <c r="BZ2538" s="162"/>
      <c r="CA2538" s="162"/>
      <c r="CB2538" s="162"/>
      <c r="CC2538" s="162"/>
      <c r="CD2538" s="162"/>
      <c r="CE2538" s="162"/>
      <c r="CF2538" s="162"/>
      <c r="CG2538" s="162"/>
      <c r="CH2538" s="162"/>
      <c r="CI2538" s="162"/>
      <c r="CJ2538" s="162"/>
      <c r="CK2538" s="162"/>
      <c r="CX2538" s="98"/>
      <c r="DL2538" s="97"/>
      <c r="DX2538" s="98"/>
      <c r="EL2538" s="97"/>
      <c r="EX2538" s="98"/>
      <c r="EY2538" s="97"/>
      <c r="FL2538" s="126"/>
      <c r="FM2538" s="91"/>
      <c r="FN2538" s="91"/>
      <c r="FO2538" s="91"/>
      <c r="FP2538" s="91"/>
      <c r="FQ2538" s="91"/>
      <c r="FR2538" s="91"/>
      <c r="FS2538" s="91"/>
      <c r="FT2538" s="91"/>
      <c r="FU2538" s="91"/>
      <c r="FV2538" s="91"/>
      <c r="FW2538" s="91"/>
      <c r="FX2538" s="91"/>
      <c r="FY2538" s="91"/>
      <c r="FZ2538" s="91"/>
      <c r="GA2538" s="91"/>
      <c r="GB2538" s="91"/>
      <c r="GC2538" s="91"/>
      <c r="GD2538" s="91"/>
      <c r="GE2538" s="91"/>
      <c r="GF2538" s="91"/>
      <c r="GG2538" s="91"/>
      <c r="GH2538" s="91"/>
      <c r="GI2538" s="91"/>
      <c r="GJ2538" s="91"/>
      <c r="GK2538" s="127"/>
      <c r="GL2538" s="126"/>
      <c r="GM2538" s="91"/>
      <c r="GN2538" s="91"/>
      <c r="GO2538" s="91"/>
      <c r="GP2538" s="91"/>
      <c r="GQ2538" s="91"/>
      <c r="GR2538" s="91"/>
      <c r="GS2538" s="91"/>
      <c r="GT2538" s="91"/>
      <c r="GU2538" s="91"/>
      <c r="GV2538" s="91"/>
      <c r="GW2538" s="91"/>
      <c r="GX2538" s="91"/>
      <c r="GY2538" s="91"/>
      <c r="GZ2538" s="91"/>
      <c r="HA2538" s="91"/>
      <c r="HB2538" s="91"/>
      <c r="HC2538" s="91"/>
      <c r="HD2538" s="91"/>
      <c r="HE2538" s="91"/>
      <c r="HF2538" s="91"/>
      <c r="HG2538" s="91"/>
      <c r="HH2538" s="91"/>
      <c r="HI2538" s="91"/>
      <c r="HJ2538" s="91"/>
      <c r="HK2538" s="127"/>
      <c r="HL2538" s="126"/>
      <c r="HM2538" s="91"/>
      <c r="HN2538" s="91"/>
      <c r="HO2538" s="91"/>
      <c r="HP2538" s="91"/>
      <c r="HQ2538" s="91"/>
      <c r="HR2538" s="91"/>
      <c r="HS2538" s="91"/>
      <c r="HT2538" s="91"/>
      <c r="HU2538" s="91"/>
      <c r="HV2538" s="91"/>
      <c r="HW2538" s="91"/>
      <c r="HX2538" s="91"/>
      <c r="HY2538" s="91"/>
      <c r="HZ2538" s="91"/>
      <c r="IA2538" s="91"/>
      <c r="IB2538" s="91"/>
      <c r="IC2538" s="91"/>
      <c r="ID2538" s="91"/>
      <c r="IE2538" s="91"/>
      <c r="IF2538" s="91"/>
      <c r="IG2538" s="91"/>
      <c r="IH2538" s="91"/>
      <c r="II2538" s="91"/>
      <c r="IJ2538" s="91"/>
      <c r="IK2538" s="127"/>
    </row>
    <row r="2539" spans="2:245" x14ac:dyDescent="0.2">
      <c r="B2539" s="43"/>
      <c r="C2539" s="73"/>
      <c r="D2539" s="64"/>
      <c r="E2539" s="64"/>
      <c r="F2539" s="55"/>
      <c r="G2539" s="102"/>
      <c r="H2539" s="55"/>
      <c r="I2539" s="55"/>
      <c r="J2539" s="55"/>
      <c r="K2539" s="55"/>
      <c r="L2539" s="55"/>
      <c r="M2539" s="55"/>
      <c r="N2539" s="55"/>
      <c r="O2539" s="55"/>
      <c r="P2539" s="55"/>
      <c r="Q2539" s="55"/>
      <c r="R2539" s="55"/>
      <c r="S2539" s="55"/>
      <c r="T2539" s="55"/>
      <c r="U2539" s="55"/>
      <c r="V2539" s="55"/>
      <c r="W2539" s="55"/>
      <c r="X2539" s="55"/>
      <c r="Y2539" s="55"/>
      <c r="Z2539" s="55"/>
      <c r="AA2539" s="55"/>
      <c r="AB2539" s="55"/>
      <c r="AC2539" s="55"/>
      <c r="AD2539" s="55"/>
      <c r="AE2539" s="55"/>
      <c r="AF2539" s="55"/>
      <c r="AG2539" s="55"/>
      <c r="AY2539" s="162"/>
      <c r="AZ2539" s="162"/>
      <c r="BA2539" s="162"/>
      <c r="BB2539" s="162"/>
      <c r="BC2539" s="162"/>
      <c r="BD2539" s="162"/>
      <c r="BE2539" s="162"/>
      <c r="BF2539" s="162"/>
      <c r="BG2539" s="162"/>
      <c r="BH2539" s="162"/>
      <c r="BI2539" s="162"/>
      <c r="BJ2539" s="162"/>
      <c r="BK2539" s="162"/>
      <c r="BL2539" s="162"/>
      <c r="BM2539" s="162"/>
      <c r="BN2539" s="162"/>
      <c r="BO2539" s="162"/>
      <c r="BP2539" s="162"/>
      <c r="BQ2539" s="162"/>
      <c r="BR2539" s="162"/>
      <c r="BS2539" s="162"/>
      <c r="BT2539" s="162"/>
      <c r="BU2539" s="162"/>
      <c r="BV2539" s="162"/>
      <c r="BW2539" s="162"/>
      <c r="BX2539" s="162"/>
      <c r="BY2539" s="162"/>
      <c r="BZ2539" s="162"/>
      <c r="CA2539" s="162"/>
      <c r="CB2539" s="162"/>
      <c r="CC2539" s="162"/>
      <c r="CD2539" s="162"/>
      <c r="CE2539" s="162"/>
      <c r="CF2539" s="162"/>
      <c r="CG2539" s="162"/>
      <c r="CH2539" s="162"/>
      <c r="CI2539" s="162"/>
      <c r="CJ2539" s="162"/>
      <c r="CK2539" s="162"/>
      <c r="CX2539" s="98"/>
      <c r="DL2539" s="97"/>
      <c r="DX2539" s="98"/>
      <c r="EL2539" s="97"/>
      <c r="EX2539" s="98"/>
      <c r="EY2539" s="97"/>
      <c r="FL2539" s="126"/>
      <c r="FM2539" s="91"/>
      <c r="FN2539" s="91"/>
      <c r="FO2539" s="91"/>
      <c r="FP2539" s="91"/>
      <c r="FQ2539" s="91"/>
      <c r="FR2539" s="91"/>
      <c r="FS2539" s="91"/>
      <c r="FT2539" s="91"/>
      <c r="FU2539" s="91"/>
      <c r="FV2539" s="91"/>
      <c r="FW2539" s="91"/>
      <c r="FX2539" s="91"/>
      <c r="FY2539" s="91"/>
      <c r="FZ2539" s="91"/>
      <c r="GA2539" s="91"/>
      <c r="GB2539" s="91"/>
      <c r="GC2539" s="91"/>
      <c r="GD2539" s="91"/>
      <c r="GE2539" s="91"/>
      <c r="GF2539" s="91"/>
      <c r="GG2539" s="91"/>
      <c r="GH2539" s="91"/>
      <c r="GI2539" s="91"/>
      <c r="GJ2539" s="91"/>
      <c r="GK2539" s="127"/>
      <c r="GL2539" s="126"/>
      <c r="GM2539" s="91"/>
      <c r="GN2539" s="91"/>
      <c r="GO2539" s="91"/>
      <c r="GP2539" s="91"/>
      <c r="GQ2539" s="91"/>
      <c r="GR2539" s="91"/>
      <c r="GS2539" s="91"/>
      <c r="GT2539" s="91"/>
      <c r="GU2539" s="91"/>
      <c r="GV2539" s="91"/>
      <c r="GW2539" s="91"/>
      <c r="GX2539" s="91"/>
      <c r="GY2539" s="91"/>
      <c r="GZ2539" s="91"/>
      <c r="HA2539" s="91"/>
      <c r="HB2539" s="91"/>
      <c r="HC2539" s="91"/>
      <c r="HD2539" s="91"/>
      <c r="HE2539" s="91"/>
      <c r="HF2539" s="91"/>
      <c r="HG2539" s="91"/>
      <c r="HH2539" s="91"/>
      <c r="HI2539" s="91"/>
      <c r="HJ2539" s="91"/>
      <c r="HK2539" s="127"/>
      <c r="HL2539" s="126"/>
      <c r="HM2539" s="91"/>
      <c r="HN2539" s="91"/>
      <c r="HO2539" s="91"/>
      <c r="HP2539" s="91"/>
      <c r="HQ2539" s="91"/>
      <c r="HR2539" s="91"/>
      <c r="HS2539" s="91"/>
      <c r="HT2539" s="91"/>
      <c r="HU2539" s="91"/>
      <c r="HV2539" s="91"/>
      <c r="HW2539" s="91"/>
      <c r="HX2539" s="91"/>
      <c r="HY2539" s="91"/>
      <c r="HZ2539" s="91"/>
      <c r="IA2539" s="91"/>
      <c r="IB2539" s="91"/>
      <c r="IC2539" s="91"/>
      <c r="ID2539" s="91"/>
      <c r="IE2539" s="91"/>
      <c r="IF2539" s="91"/>
      <c r="IG2539" s="91"/>
      <c r="IH2539" s="91"/>
      <c r="II2539" s="91"/>
      <c r="IJ2539" s="91"/>
      <c r="IK2539" s="127"/>
    </row>
    <row r="2540" spans="2:245" x14ac:dyDescent="0.2">
      <c r="B2540" s="43"/>
      <c r="C2540" s="73"/>
      <c r="D2540" s="64"/>
      <c r="E2540" s="64"/>
      <c r="F2540" s="55"/>
      <c r="G2540" s="102"/>
      <c r="H2540" s="55"/>
      <c r="I2540" s="55"/>
      <c r="J2540" s="55"/>
      <c r="K2540" s="55"/>
      <c r="L2540" s="55"/>
      <c r="M2540" s="55"/>
      <c r="N2540" s="55"/>
      <c r="O2540" s="55"/>
      <c r="P2540" s="55"/>
      <c r="Q2540" s="55"/>
      <c r="R2540" s="55"/>
      <c r="S2540" s="55"/>
      <c r="T2540" s="55"/>
      <c r="U2540" s="55"/>
      <c r="V2540" s="55"/>
      <c r="W2540" s="55"/>
      <c r="X2540" s="55"/>
      <c r="Y2540" s="55"/>
      <c r="Z2540" s="55"/>
      <c r="AA2540" s="55"/>
      <c r="AB2540" s="55"/>
      <c r="AC2540" s="55"/>
      <c r="AD2540" s="55"/>
      <c r="AE2540" s="55"/>
      <c r="AF2540" s="55"/>
      <c r="AG2540" s="55"/>
      <c r="AY2540" s="162"/>
      <c r="AZ2540" s="162"/>
      <c r="BA2540" s="162"/>
      <c r="BB2540" s="162"/>
      <c r="BC2540" s="162"/>
      <c r="BD2540" s="162"/>
      <c r="BE2540" s="162"/>
      <c r="BF2540" s="162"/>
      <c r="BG2540" s="162"/>
      <c r="BH2540" s="162"/>
      <c r="BI2540" s="162"/>
      <c r="BJ2540" s="162"/>
      <c r="BK2540" s="162"/>
      <c r="BL2540" s="162"/>
      <c r="BM2540" s="162"/>
      <c r="BN2540" s="162"/>
      <c r="BO2540" s="162"/>
      <c r="BP2540" s="162"/>
      <c r="BQ2540" s="162"/>
      <c r="BR2540" s="162"/>
      <c r="BS2540" s="162"/>
      <c r="BT2540" s="162"/>
      <c r="BU2540" s="162"/>
      <c r="BV2540" s="162"/>
      <c r="BW2540" s="162"/>
      <c r="BX2540" s="162"/>
      <c r="BY2540" s="162"/>
      <c r="BZ2540" s="162"/>
      <c r="CA2540" s="162"/>
      <c r="CB2540" s="162"/>
      <c r="CC2540" s="162"/>
      <c r="CD2540" s="162"/>
      <c r="CE2540" s="162"/>
      <c r="CF2540" s="162"/>
      <c r="CG2540" s="162"/>
      <c r="CH2540" s="162"/>
      <c r="CI2540" s="162"/>
      <c r="CJ2540" s="162"/>
      <c r="CK2540" s="162"/>
      <c r="CX2540" s="98"/>
      <c r="DL2540" s="97"/>
      <c r="DX2540" s="98"/>
      <c r="EL2540" s="97"/>
      <c r="EX2540" s="98"/>
      <c r="EY2540" s="97"/>
      <c r="FL2540" s="126"/>
      <c r="FM2540" s="91"/>
      <c r="FN2540" s="91"/>
      <c r="FO2540" s="91"/>
      <c r="FP2540" s="91"/>
      <c r="FQ2540" s="91"/>
      <c r="FR2540" s="91"/>
      <c r="FS2540" s="91"/>
      <c r="FT2540" s="91"/>
      <c r="FU2540" s="91"/>
      <c r="FV2540" s="91"/>
      <c r="FW2540" s="91"/>
      <c r="FX2540" s="91"/>
      <c r="FY2540" s="91"/>
      <c r="FZ2540" s="91"/>
      <c r="GA2540" s="91"/>
      <c r="GB2540" s="91"/>
      <c r="GC2540" s="91"/>
      <c r="GD2540" s="91"/>
      <c r="GE2540" s="91"/>
      <c r="GF2540" s="91"/>
      <c r="GG2540" s="91"/>
      <c r="GH2540" s="91"/>
      <c r="GI2540" s="91"/>
      <c r="GJ2540" s="91"/>
      <c r="GK2540" s="127"/>
      <c r="GL2540" s="126"/>
      <c r="GM2540" s="91"/>
      <c r="GN2540" s="91"/>
      <c r="GO2540" s="91"/>
      <c r="GP2540" s="91"/>
      <c r="GQ2540" s="91"/>
      <c r="GR2540" s="91"/>
      <c r="GS2540" s="91"/>
      <c r="GT2540" s="91"/>
      <c r="GU2540" s="91"/>
      <c r="GV2540" s="91"/>
      <c r="GW2540" s="91"/>
      <c r="GX2540" s="91"/>
      <c r="GY2540" s="91"/>
      <c r="GZ2540" s="91"/>
      <c r="HA2540" s="91"/>
      <c r="HB2540" s="91"/>
      <c r="HC2540" s="91"/>
      <c r="HD2540" s="91"/>
      <c r="HE2540" s="91"/>
      <c r="HF2540" s="91"/>
      <c r="HG2540" s="91"/>
      <c r="HH2540" s="91"/>
      <c r="HI2540" s="91"/>
      <c r="HJ2540" s="91"/>
      <c r="HK2540" s="127"/>
      <c r="HL2540" s="126"/>
      <c r="HM2540" s="91"/>
      <c r="HN2540" s="91"/>
      <c r="HO2540" s="91"/>
      <c r="HP2540" s="91"/>
      <c r="HQ2540" s="91"/>
      <c r="HR2540" s="91"/>
      <c r="HS2540" s="91"/>
      <c r="HT2540" s="91"/>
      <c r="HU2540" s="91"/>
      <c r="HV2540" s="91"/>
      <c r="HW2540" s="91"/>
      <c r="HX2540" s="91"/>
      <c r="HY2540" s="91"/>
      <c r="HZ2540" s="91"/>
      <c r="IA2540" s="91"/>
      <c r="IB2540" s="91"/>
      <c r="IC2540" s="91"/>
      <c r="ID2540" s="91"/>
      <c r="IE2540" s="91"/>
      <c r="IF2540" s="91"/>
      <c r="IG2540" s="91"/>
      <c r="IH2540" s="91"/>
      <c r="II2540" s="91"/>
      <c r="IJ2540" s="91"/>
      <c r="IK2540" s="127"/>
    </row>
    <row r="2541" spans="2:245" x14ac:dyDescent="0.2">
      <c r="B2541" s="43"/>
      <c r="C2541" s="73"/>
      <c r="D2541" s="64"/>
      <c r="E2541" s="64"/>
      <c r="F2541" s="55"/>
      <c r="G2541" s="102"/>
      <c r="H2541" s="55"/>
      <c r="I2541" s="55"/>
      <c r="J2541" s="55"/>
      <c r="K2541" s="55"/>
      <c r="L2541" s="55"/>
      <c r="M2541" s="55"/>
      <c r="N2541" s="55"/>
      <c r="O2541" s="55"/>
      <c r="P2541" s="55"/>
      <c r="Q2541" s="55"/>
      <c r="R2541" s="55"/>
      <c r="S2541" s="55"/>
      <c r="T2541" s="55"/>
      <c r="U2541" s="55"/>
      <c r="V2541" s="55"/>
      <c r="W2541" s="55"/>
      <c r="X2541" s="55"/>
      <c r="Y2541" s="55"/>
      <c r="Z2541" s="55"/>
      <c r="AA2541" s="55"/>
      <c r="AB2541" s="55"/>
      <c r="AC2541" s="55"/>
      <c r="AD2541" s="55"/>
      <c r="AE2541" s="55"/>
      <c r="AF2541" s="55"/>
      <c r="AG2541" s="55"/>
      <c r="AY2541" s="162"/>
      <c r="AZ2541" s="162"/>
      <c r="BA2541" s="162"/>
      <c r="BB2541" s="162"/>
      <c r="BC2541" s="162"/>
      <c r="BD2541" s="162"/>
      <c r="BE2541" s="162"/>
      <c r="BF2541" s="162"/>
      <c r="BG2541" s="162"/>
      <c r="BH2541" s="162"/>
      <c r="BI2541" s="162"/>
      <c r="BJ2541" s="162"/>
      <c r="BK2541" s="162"/>
      <c r="BL2541" s="162"/>
      <c r="BM2541" s="162"/>
      <c r="BN2541" s="162"/>
      <c r="BO2541" s="162"/>
      <c r="BP2541" s="162"/>
      <c r="BQ2541" s="162"/>
      <c r="BR2541" s="162"/>
      <c r="BS2541" s="162"/>
      <c r="BT2541" s="162"/>
      <c r="BU2541" s="162"/>
      <c r="BV2541" s="162"/>
      <c r="BW2541" s="162"/>
      <c r="BX2541" s="162"/>
      <c r="BY2541" s="162"/>
      <c r="BZ2541" s="162"/>
      <c r="CA2541" s="162"/>
      <c r="CB2541" s="162"/>
      <c r="CC2541" s="162"/>
      <c r="CD2541" s="162"/>
      <c r="CE2541" s="162"/>
      <c r="CF2541" s="162"/>
      <c r="CG2541" s="162"/>
      <c r="CH2541" s="162"/>
      <c r="CI2541" s="162"/>
      <c r="CJ2541" s="162"/>
      <c r="CK2541" s="162"/>
      <c r="CX2541" s="98"/>
      <c r="DL2541" s="97"/>
      <c r="DX2541" s="98"/>
      <c r="EL2541" s="97"/>
      <c r="EX2541" s="98"/>
      <c r="EY2541" s="97"/>
      <c r="FL2541" s="126"/>
      <c r="FM2541" s="91"/>
      <c r="FN2541" s="91"/>
      <c r="FO2541" s="91"/>
      <c r="FP2541" s="91"/>
      <c r="FQ2541" s="91"/>
      <c r="FR2541" s="91"/>
      <c r="FS2541" s="91"/>
      <c r="FT2541" s="91"/>
      <c r="FU2541" s="91"/>
      <c r="FV2541" s="91"/>
      <c r="FW2541" s="91"/>
      <c r="FX2541" s="91"/>
      <c r="FY2541" s="91"/>
      <c r="FZ2541" s="91"/>
      <c r="GA2541" s="91"/>
      <c r="GB2541" s="91"/>
      <c r="GC2541" s="91"/>
      <c r="GD2541" s="91"/>
      <c r="GE2541" s="91"/>
      <c r="GF2541" s="91"/>
      <c r="GG2541" s="91"/>
      <c r="GH2541" s="91"/>
      <c r="GI2541" s="91"/>
      <c r="GJ2541" s="91"/>
      <c r="GK2541" s="127"/>
      <c r="GL2541" s="126"/>
      <c r="GM2541" s="91"/>
      <c r="GN2541" s="91"/>
      <c r="GO2541" s="91"/>
      <c r="GP2541" s="91"/>
      <c r="GQ2541" s="91"/>
      <c r="GR2541" s="91"/>
      <c r="GS2541" s="91"/>
      <c r="GT2541" s="91"/>
      <c r="GU2541" s="91"/>
      <c r="GV2541" s="91"/>
      <c r="GW2541" s="91"/>
      <c r="GX2541" s="91"/>
      <c r="GY2541" s="91"/>
      <c r="GZ2541" s="91"/>
      <c r="HA2541" s="91"/>
      <c r="HB2541" s="91"/>
      <c r="HC2541" s="91"/>
      <c r="HD2541" s="91"/>
      <c r="HE2541" s="91"/>
      <c r="HF2541" s="91"/>
      <c r="HG2541" s="91"/>
      <c r="HH2541" s="91"/>
      <c r="HI2541" s="91"/>
      <c r="HJ2541" s="91"/>
      <c r="HK2541" s="127"/>
      <c r="HL2541" s="126"/>
      <c r="HM2541" s="91"/>
      <c r="HN2541" s="91"/>
      <c r="HO2541" s="91"/>
      <c r="HP2541" s="91"/>
      <c r="HQ2541" s="91"/>
      <c r="HR2541" s="91"/>
      <c r="HS2541" s="91"/>
      <c r="HT2541" s="91"/>
      <c r="HU2541" s="91"/>
      <c r="HV2541" s="91"/>
      <c r="HW2541" s="91"/>
      <c r="HX2541" s="91"/>
      <c r="HY2541" s="91"/>
      <c r="HZ2541" s="91"/>
      <c r="IA2541" s="91"/>
      <c r="IB2541" s="91"/>
      <c r="IC2541" s="91"/>
      <c r="ID2541" s="91"/>
      <c r="IE2541" s="91"/>
      <c r="IF2541" s="91"/>
      <c r="IG2541" s="91"/>
      <c r="IH2541" s="91"/>
      <c r="II2541" s="91"/>
      <c r="IJ2541" s="91"/>
      <c r="IK2541" s="127"/>
    </row>
    <row r="2542" spans="2:245" x14ac:dyDescent="0.2">
      <c r="B2542" s="43"/>
      <c r="C2542" s="73"/>
      <c r="D2542" s="64"/>
      <c r="E2542" s="64"/>
      <c r="F2542" s="55"/>
      <c r="G2542" s="102"/>
      <c r="H2542" s="55"/>
      <c r="I2542" s="55"/>
      <c r="J2542" s="55"/>
      <c r="K2542" s="55"/>
      <c r="L2542" s="55"/>
      <c r="M2542" s="55"/>
      <c r="N2542" s="55"/>
      <c r="O2542" s="55"/>
      <c r="P2542" s="55"/>
      <c r="Q2542" s="55"/>
      <c r="R2542" s="55"/>
      <c r="S2542" s="55"/>
      <c r="T2542" s="55"/>
      <c r="U2542" s="55"/>
      <c r="V2542" s="55"/>
      <c r="W2542" s="55"/>
      <c r="X2542" s="55"/>
      <c r="Y2542" s="55"/>
      <c r="Z2542" s="55"/>
      <c r="AA2542" s="55"/>
      <c r="AB2542" s="55"/>
      <c r="AC2542" s="55"/>
      <c r="AD2542" s="55"/>
      <c r="AE2542" s="55"/>
      <c r="AF2542" s="55"/>
      <c r="AG2542" s="55"/>
      <c r="AY2542" s="162"/>
      <c r="AZ2542" s="162"/>
      <c r="BA2542" s="162"/>
      <c r="BB2542" s="162"/>
      <c r="BC2542" s="162"/>
      <c r="BD2542" s="162"/>
      <c r="BE2542" s="162"/>
      <c r="BF2542" s="162"/>
      <c r="BG2542" s="162"/>
      <c r="BH2542" s="162"/>
      <c r="BI2542" s="162"/>
      <c r="BJ2542" s="162"/>
      <c r="BK2542" s="162"/>
      <c r="BL2542" s="162"/>
      <c r="BM2542" s="162"/>
      <c r="BN2542" s="162"/>
      <c r="BO2542" s="162"/>
      <c r="BP2542" s="162"/>
      <c r="BQ2542" s="162"/>
      <c r="BR2542" s="162"/>
      <c r="BS2542" s="162"/>
      <c r="BT2542" s="162"/>
      <c r="BU2542" s="162"/>
      <c r="BV2542" s="162"/>
      <c r="BW2542" s="162"/>
      <c r="BX2542" s="162"/>
      <c r="BY2542" s="162"/>
      <c r="BZ2542" s="162"/>
      <c r="CA2542" s="162"/>
      <c r="CB2542" s="162"/>
      <c r="CC2542" s="162"/>
      <c r="CD2542" s="162"/>
      <c r="CE2542" s="162"/>
      <c r="CF2542" s="162"/>
      <c r="CG2542" s="162"/>
      <c r="CH2542" s="162"/>
      <c r="CI2542" s="162"/>
      <c r="CJ2542" s="162"/>
      <c r="CK2542" s="162"/>
      <c r="CX2542" s="98"/>
      <c r="DL2542" s="97"/>
      <c r="DX2542" s="98"/>
      <c r="EL2542" s="97"/>
      <c r="EX2542" s="98"/>
      <c r="EY2542" s="97"/>
      <c r="FL2542" s="126"/>
      <c r="FM2542" s="91"/>
      <c r="FN2542" s="91"/>
      <c r="FO2542" s="91"/>
      <c r="FP2542" s="91"/>
      <c r="FQ2542" s="91"/>
      <c r="FR2542" s="91"/>
      <c r="FS2542" s="91"/>
      <c r="FT2542" s="91"/>
      <c r="FU2542" s="91"/>
      <c r="FV2542" s="91"/>
      <c r="FW2542" s="91"/>
      <c r="FX2542" s="91"/>
      <c r="FY2542" s="91"/>
      <c r="FZ2542" s="91"/>
      <c r="GA2542" s="91"/>
      <c r="GB2542" s="91"/>
      <c r="GC2542" s="91"/>
      <c r="GD2542" s="91"/>
      <c r="GE2542" s="91"/>
      <c r="GF2542" s="91"/>
      <c r="GG2542" s="91"/>
      <c r="GH2542" s="91"/>
      <c r="GI2542" s="91"/>
      <c r="GJ2542" s="91"/>
      <c r="GK2542" s="127"/>
      <c r="GL2542" s="126"/>
      <c r="GM2542" s="91"/>
      <c r="GN2542" s="91"/>
      <c r="GO2542" s="91"/>
      <c r="GP2542" s="91"/>
      <c r="GQ2542" s="91"/>
      <c r="GR2542" s="91"/>
      <c r="GS2542" s="91"/>
      <c r="GT2542" s="91"/>
      <c r="GU2542" s="91"/>
      <c r="GV2542" s="91"/>
      <c r="GW2542" s="91"/>
      <c r="GX2542" s="91"/>
      <c r="GY2542" s="91"/>
      <c r="GZ2542" s="91"/>
      <c r="HA2542" s="91"/>
      <c r="HB2542" s="91"/>
      <c r="HC2542" s="91"/>
      <c r="HD2542" s="91"/>
      <c r="HE2542" s="91"/>
      <c r="HF2542" s="91"/>
      <c r="HG2542" s="91"/>
      <c r="HH2542" s="91"/>
      <c r="HI2542" s="91"/>
      <c r="HJ2542" s="91"/>
      <c r="HK2542" s="127"/>
      <c r="HL2542" s="126"/>
      <c r="HM2542" s="91"/>
      <c r="HN2542" s="91"/>
      <c r="HO2542" s="91"/>
      <c r="HP2542" s="91"/>
      <c r="HQ2542" s="91"/>
      <c r="HR2542" s="91"/>
      <c r="HS2542" s="91"/>
      <c r="HT2542" s="91"/>
      <c r="HU2542" s="91"/>
      <c r="HV2542" s="91"/>
      <c r="HW2542" s="91"/>
      <c r="HX2542" s="91"/>
      <c r="HY2542" s="91"/>
      <c r="HZ2542" s="91"/>
      <c r="IA2542" s="91"/>
      <c r="IB2542" s="91"/>
      <c r="IC2542" s="91"/>
      <c r="ID2542" s="91"/>
      <c r="IE2542" s="91"/>
      <c r="IF2542" s="91"/>
      <c r="IG2542" s="91"/>
      <c r="IH2542" s="91"/>
      <c r="II2542" s="91"/>
      <c r="IJ2542" s="91"/>
      <c r="IK2542" s="127"/>
    </row>
    <row r="2543" spans="2:245" x14ac:dyDescent="0.2">
      <c r="B2543" s="43"/>
      <c r="C2543" s="73"/>
      <c r="D2543" s="64"/>
      <c r="E2543" s="64"/>
      <c r="F2543" s="55"/>
      <c r="G2543" s="102"/>
      <c r="H2543" s="55"/>
      <c r="I2543" s="55"/>
      <c r="J2543" s="55"/>
      <c r="K2543" s="55"/>
      <c r="L2543" s="55"/>
      <c r="M2543" s="55"/>
      <c r="N2543" s="55"/>
      <c r="O2543" s="55"/>
      <c r="P2543" s="55"/>
      <c r="Q2543" s="55"/>
      <c r="R2543" s="55"/>
      <c r="S2543" s="55"/>
      <c r="T2543" s="55"/>
      <c r="U2543" s="55"/>
      <c r="V2543" s="55"/>
      <c r="W2543" s="55"/>
      <c r="X2543" s="55"/>
      <c r="Y2543" s="55"/>
      <c r="Z2543" s="55"/>
      <c r="AA2543" s="55"/>
      <c r="AB2543" s="55"/>
      <c r="AC2543" s="55"/>
      <c r="AD2543" s="55"/>
      <c r="AE2543" s="55"/>
      <c r="AF2543" s="55"/>
      <c r="AG2543" s="55"/>
      <c r="AY2543" s="162"/>
      <c r="AZ2543" s="162"/>
      <c r="BA2543" s="162"/>
      <c r="BB2543" s="162"/>
      <c r="BC2543" s="162"/>
      <c r="BD2543" s="162"/>
      <c r="BE2543" s="162"/>
      <c r="BF2543" s="162"/>
      <c r="BG2543" s="162"/>
      <c r="BH2543" s="162"/>
      <c r="BI2543" s="162"/>
      <c r="BJ2543" s="162"/>
      <c r="BK2543" s="162"/>
      <c r="BL2543" s="162"/>
      <c r="BM2543" s="162"/>
      <c r="BN2543" s="162"/>
      <c r="BO2543" s="162"/>
      <c r="BP2543" s="162"/>
      <c r="BQ2543" s="162"/>
      <c r="BR2543" s="162"/>
      <c r="BS2543" s="162"/>
      <c r="BT2543" s="162"/>
      <c r="BU2543" s="162"/>
      <c r="BV2543" s="162"/>
      <c r="BW2543" s="162"/>
      <c r="BX2543" s="162"/>
      <c r="BY2543" s="162"/>
      <c r="BZ2543" s="162"/>
      <c r="CA2543" s="162"/>
      <c r="CB2543" s="162"/>
      <c r="CC2543" s="162"/>
      <c r="CD2543" s="162"/>
      <c r="CE2543" s="162"/>
      <c r="CF2543" s="162"/>
      <c r="CG2543" s="162"/>
      <c r="CH2543" s="162"/>
      <c r="CI2543" s="162"/>
      <c r="CJ2543" s="162"/>
      <c r="CK2543" s="162"/>
      <c r="CX2543" s="98"/>
      <c r="DL2543" s="97"/>
      <c r="DX2543" s="98"/>
      <c r="EL2543" s="97"/>
      <c r="EX2543" s="98"/>
      <c r="EY2543" s="97"/>
      <c r="FL2543" s="126"/>
      <c r="FM2543" s="91"/>
      <c r="FN2543" s="91"/>
      <c r="FO2543" s="91"/>
      <c r="FP2543" s="91"/>
      <c r="FQ2543" s="91"/>
      <c r="FR2543" s="91"/>
      <c r="FS2543" s="91"/>
      <c r="FT2543" s="91"/>
      <c r="FU2543" s="91"/>
      <c r="FV2543" s="91"/>
      <c r="FW2543" s="91"/>
      <c r="FX2543" s="91"/>
      <c r="FY2543" s="91"/>
      <c r="FZ2543" s="91"/>
      <c r="GA2543" s="91"/>
      <c r="GB2543" s="91"/>
      <c r="GC2543" s="91"/>
      <c r="GD2543" s="91"/>
      <c r="GE2543" s="91"/>
      <c r="GF2543" s="91"/>
      <c r="GG2543" s="91"/>
      <c r="GH2543" s="91"/>
      <c r="GI2543" s="91"/>
      <c r="GJ2543" s="91"/>
      <c r="GK2543" s="127"/>
      <c r="GL2543" s="126"/>
      <c r="GM2543" s="91"/>
      <c r="GN2543" s="91"/>
      <c r="GO2543" s="91"/>
      <c r="GP2543" s="91"/>
      <c r="GQ2543" s="91"/>
      <c r="GR2543" s="91"/>
      <c r="GS2543" s="91"/>
      <c r="GT2543" s="91"/>
      <c r="GU2543" s="91"/>
      <c r="GV2543" s="91"/>
      <c r="GW2543" s="91"/>
      <c r="GX2543" s="91"/>
      <c r="GY2543" s="91"/>
      <c r="GZ2543" s="91"/>
      <c r="HA2543" s="91"/>
      <c r="HB2543" s="91"/>
      <c r="HC2543" s="91"/>
      <c r="HD2543" s="91"/>
      <c r="HE2543" s="91"/>
      <c r="HF2543" s="91"/>
      <c r="HG2543" s="91"/>
      <c r="HH2543" s="91"/>
      <c r="HI2543" s="91"/>
      <c r="HJ2543" s="91"/>
      <c r="HK2543" s="127"/>
      <c r="HL2543" s="126"/>
      <c r="HM2543" s="91"/>
      <c r="HN2543" s="91"/>
      <c r="HO2543" s="91"/>
      <c r="HP2543" s="91"/>
      <c r="HQ2543" s="91"/>
      <c r="HR2543" s="91"/>
      <c r="HS2543" s="91"/>
      <c r="HT2543" s="91"/>
      <c r="HU2543" s="91"/>
      <c r="HV2543" s="91"/>
      <c r="HW2543" s="91"/>
      <c r="HX2543" s="91"/>
      <c r="HY2543" s="91"/>
      <c r="HZ2543" s="91"/>
      <c r="IA2543" s="91"/>
      <c r="IB2543" s="91"/>
      <c r="IC2543" s="91"/>
      <c r="ID2543" s="91"/>
      <c r="IE2543" s="91"/>
      <c r="IF2543" s="91"/>
      <c r="IG2543" s="91"/>
      <c r="IH2543" s="91"/>
      <c r="II2543" s="91"/>
      <c r="IJ2543" s="91"/>
      <c r="IK2543" s="127"/>
    </row>
    <row r="2544" spans="2:245" x14ac:dyDescent="0.2">
      <c r="B2544" s="43"/>
      <c r="C2544" s="73"/>
      <c r="D2544" s="64"/>
      <c r="E2544" s="64"/>
      <c r="F2544" s="55"/>
      <c r="G2544" s="102"/>
      <c r="H2544" s="55"/>
      <c r="I2544" s="55"/>
      <c r="J2544" s="55"/>
      <c r="K2544" s="55"/>
      <c r="L2544" s="55"/>
      <c r="M2544" s="55"/>
      <c r="N2544" s="55"/>
      <c r="O2544" s="55"/>
      <c r="P2544" s="55"/>
      <c r="Q2544" s="55"/>
      <c r="R2544" s="55"/>
      <c r="S2544" s="55"/>
      <c r="T2544" s="55"/>
      <c r="U2544" s="55"/>
      <c r="V2544" s="55"/>
      <c r="W2544" s="55"/>
      <c r="X2544" s="55"/>
      <c r="Y2544" s="55"/>
      <c r="Z2544" s="55"/>
      <c r="AA2544" s="55"/>
      <c r="AB2544" s="55"/>
      <c r="AC2544" s="55"/>
      <c r="AD2544" s="55"/>
      <c r="AE2544" s="55"/>
      <c r="AF2544" s="55"/>
      <c r="AG2544" s="55"/>
      <c r="AY2544" s="162"/>
      <c r="AZ2544" s="162"/>
      <c r="BA2544" s="162"/>
      <c r="BB2544" s="162"/>
      <c r="BC2544" s="162"/>
      <c r="BD2544" s="162"/>
      <c r="BE2544" s="162"/>
      <c r="BF2544" s="162"/>
      <c r="BG2544" s="162"/>
      <c r="BH2544" s="162"/>
      <c r="BI2544" s="162"/>
      <c r="BJ2544" s="162"/>
      <c r="BK2544" s="162"/>
      <c r="BL2544" s="162"/>
      <c r="BM2544" s="162"/>
      <c r="BN2544" s="162"/>
      <c r="BO2544" s="162"/>
      <c r="BP2544" s="162"/>
      <c r="BQ2544" s="162"/>
      <c r="BR2544" s="162"/>
      <c r="BS2544" s="162"/>
      <c r="BT2544" s="162"/>
      <c r="BU2544" s="162"/>
      <c r="BV2544" s="162"/>
      <c r="BW2544" s="162"/>
      <c r="BX2544" s="162"/>
      <c r="BY2544" s="162"/>
      <c r="BZ2544" s="162"/>
      <c r="CA2544" s="162"/>
      <c r="CB2544" s="162"/>
      <c r="CC2544" s="162"/>
      <c r="CD2544" s="162"/>
      <c r="CE2544" s="162"/>
      <c r="CF2544" s="162"/>
      <c r="CG2544" s="162"/>
      <c r="CH2544" s="162"/>
      <c r="CI2544" s="162"/>
      <c r="CJ2544" s="162"/>
      <c r="CK2544" s="162"/>
      <c r="CX2544" s="98"/>
      <c r="DL2544" s="97"/>
      <c r="DX2544" s="98"/>
      <c r="EL2544" s="97"/>
      <c r="EX2544" s="98"/>
      <c r="EY2544" s="97"/>
      <c r="FL2544" s="126"/>
      <c r="FM2544" s="91"/>
      <c r="FN2544" s="91"/>
      <c r="FO2544" s="91"/>
      <c r="FP2544" s="91"/>
      <c r="FQ2544" s="91"/>
      <c r="FR2544" s="91"/>
      <c r="FS2544" s="91"/>
      <c r="FT2544" s="91"/>
      <c r="FU2544" s="91"/>
      <c r="FV2544" s="91"/>
      <c r="FW2544" s="91"/>
      <c r="FX2544" s="91"/>
      <c r="FY2544" s="91"/>
      <c r="FZ2544" s="91"/>
      <c r="GA2544" s="91"/>
      <c r="GB2544" s="91"/>
      <c r="GC2544" s="91"/>
      <c r="GD2544" s="91"/>
      <c r="GE2544" s="91"/>
      <c r="GF2544" s="91"/>
      <c r="GG2544" s="91"/>
      <c r="GH2544" s="91"/>
      <c r="GI2544" s="91"/>
      <c r="GJ2544" s="91"/>
      <c r="GK2544" s="127"/>
      <c r="GL2544" s="126"/>
      <c r="GM2544" s="91"/>
      <c r="GN2544" s="91"/>
      <c r="GO2544" s="91"/>
      <c r="GP2544" s="91"/>
      <c r="GQ2544" s="91"/>
      <c r="GR2544" s="91"/>
      <c r="GS2544" s="91"/>
      <c r="GT2544" s="91"/>
      <c r="GU2544" s="91"/>
      <c r="GV2544" s="91"/>
      <c r="GW2544" s="91"/>
      <c r="GX2544" s="91"/>
      <c r="GY2544" s="91"/>
      <c r="GZ2544" s="91"/>
      <c r="HA2544" s="91"/>
      <c r="HB2544" s="91"/>
      <c r="HC2544" s="91"/>
      <c r="HD2544" s="91"/>
      <c r="HE2544" s="91"/>
      <c r="HF2544" s="91"/>
      <c r="HG2544" s="91"/>
      <c r="HH2544" s="91"/>
      <c r="HI2544" s="91"/>
      <c r="HJ2544" s="91"/>
      <c r="HK2544" s="127"/>
      <c r="HL2544" s="126"/>
      <c r="HM2544" s="91"/>
      <c r="HN2544" s="91"/>
      <c r="HO2544" s="91"/>
      <c r="HP2544" s="91"/>
      <c r="HQ2544" s="91"/>
      <c r="HR2544" s="91"/>
      <c r="HS2544" s="91"/>
      <c r="HT2544" s="91"/>
      <c r="HU2544" s="91"/>
      <c r="HV2544" s="91"/>
      <c r="HW2544" s="91"/>
      <c r="HX2544" s="91"/>
      <c r="HY2544" s="91"/>
      <c r="HZ2544" s="91"/>
      <c r="IA2544" s="91"/>
      <c r="IB2544" s="91"/>
      <c r="IC2544" s="91"/>
      <c r="ID2544" s="91"/>
      <c r="IE2544" s="91"/>
      <c r="IF2544" s="91"/>
      <c r="IG2544" s="91"/>
      <c r="IH2544" s="91"/>
      <c r="II2544" s="91"/>
      <c r="IJ2544" s="91"/>
      <c r="IK2544" s="127"/>
    </row>
    <row r="2545" spans="2:245" x14ac:dyDescent="0.2">
      <c r="B2545" s="43"/>
      <c r="C2545" s="73"/>
      <c r="D2545" s="64"/>
      <c r="E2545" s="64"/>
      <c r="F2545" s="55"/>
      <c r="G2545" s="102"/>
      <c r="H2545" s="55"/>
      <c r="I2545" s="55"/>
      <c r="J2545" s="55"/>
      <c r="K2545" s="55"/>
      <c r="L2545" s="55"/>
      <c r="M2545" s="55"/>
      <c r="N2545" s="55"/>
      <c r="O2545" s="55"/>
      <c r="P2545" s="55"/>
      <c r="Q2545" s="55"/>
      <c r="R2545" s="55"/>
      <c r="S2545" s="55"/>
      <c r="T2545" s="55"/>
      <c r="U2545" s="55"/>
      <c r="V2545" s="55"/>
      <c r="W2545" s="55"/>
      <c r="X2545" s="55"/>
      <c r="Y2545" s="55"/>
      <c r="Z2545" s="55"/>
      <c r="AA2545" s="55"/>
      <c r="AB2545" s="55"/>
      <c r="AC2545" s="55"/>
      <c r="AD2545" s="55"/>
      <c r="AE2545" s="55"/>
      <c r="AF2545" s="55"/>
      <c r="AG2545" s="55"/>
      <c r="AY2545" s="162"/>
      <c r="AZ2545" s="162"/>
      <c r="BA2545" s="162"/>
      <c r="BB2545" s="162"/>
      <c r="BC2545" s="162"/>
      <c r="BD2545" s="162"/>
      <c r="BE2545" s="162"/>
      <c r="BF2545" s="162"/>
      <c r="BG2545" s="162"/>
      <c r="BH2545" s="162"/>
      <c r="BI2545" s="162"/>
      <c r="BJ2545" s="162"/>
      <c r="BK2545" s="162"/>
      <c r="BL2545" s="162"/>
      <c r="BM2545" s="162"/>
      <c r="BN2545" s="162"/>
      <c r="BO2545" s="162"/>
      <c r="BP2545" s="162"/>
      <c r="BQ2545" s="162"/>
      <c r="BR2545" s="162"/>
      <c r="BS2545" s="162"/>
      <c r="BT2545" s="162"/>
      <c r="BU2545" s="162"/>
      <c r="BV2545" s="162"/>
      <c r="BW2545" s="162"/>
      <c r="BX2545" s="162"/>
      <c r="BY2545" s="162"/>
      <c r="BZ2545" s="162"/>
      <c r="CA2545" s="162"/>
      <c r="CB2545" s="162"/>
      <c r="CC2545" s="162"/>
      <c r="CD2545" s="162"/>
      <c r="CE2545" s="162"/>
      <c r="CF2545" s="162"/>
      <c r="CG2545" s="162"/>
      <c r="CH2545" s="162"/>
      <c r="CI2545" s="162"/>
      <c r="CJ2545" s="162"/>
      <c r="CK2545" s="162"/>
      <c r="CX2545" s="98"/>
      <c r="DL2545" s="97"/>
      <c r="DX2545" s="98"/>
      <c r="EL2545" s="97"/>
      <c r="EX2545" s="98"/>
      <c r="EY2545" s="97"/>
      <c r="FL2545" s="126"/>
      <c r="FM2545" s="91"/>
      <c r="FN2545" s="91"/>
      <c r="FO2545" s="91"/>
      <c r="FP2545" s="91"/>
      <c r="FQ2545" s="91"/>
      <c r="FR2545" s="91"/>
      <c r="FS2545" s="91"/>
      <c r="FT2545" s="91"/>
      <c r="FU2545" s="91"/>
      <c r="FV2545" s="91"/>
      <c r="FW2545" s="91"/>
      <c r="FX2545" s="91"/>
      <c r="FY2545" s="91"/>
      <c r="FZ2545" s="91"/>
      <c r="GA2545" s="91"/>
      <c r="GB2545" s="91"/>
      <c r="GC2545" s="91"/>
      <c r="GD2545" s="91"/>
      <c r="GE2545" s="91"/>
      <c r="GF2545" s="91"/>
      <c r="GG2545" s="91"/>
      <c r="GH2545" s="91"/>
      <c r="GI2545" s="91"/>
      <c r="GJ2545" s="91"/>
      <c r="GK2545" s="127"/>
      <c r="GL2545" s="126"/>
      <c r="GM2545" s="91"/>
      <c r="GN2545" s="91"/>
      <c r="GO2545" s="91"/>
      <c r="GP2545" s="91"/>
      <c r="GQ2545" s="91"/>
      <c r="GR2545" s="91"/>
      <c r="GS2545" s="91"/>
      <c r="GT2545" s="91"/>
      <c r="GU2545" s="91"/>
      <c r="GV2545" s="91"/>
      <c r="GW2545" s="91"/>
      <c r="GX2545" s="91"/>
      <c r="GY2545" s="91"/>
      <c r="GZ2545" s="91"/>
      <c r="HA2545" s="91"/>
      <c r="HB2545" s="91"/>
      <c r="HC2545" s="91"/>
      <c r="HD2545" s="91"/>
      <c r="HE2545" s="91"/>
      <c r="HF2545" s="91"/>
      <c r="HG2545" s="91"/>
      <c r="HH2545" s="91"/>
      <c r="HI2545" s="91"/>
      <c r="HJ2545" s="91"/>
      <c r="HK2545" s="127"/>
      <c r="HL2545" s="126"/>
      <c r="HM2545" s="91"/>
      <c r="HN2545" s="91"/>
      <c r="HO2545" s="91"/>
      <c r="HP2545" s="91"/>
      <c r="HQ2545" s="91"/>
      <c r="HR2545" s="91"/>
      <c r="HS2545" s="91"/>
      <c r="HT2545" s="91"/>
      <c r="HU2545" s="91"/>
      <c r="HV2545" s="91"/>
      <c r="HW2545" s="91"/>
      <c r="HX2545" s="91"/>
      <c r="HY2545" s="91"/>
      <c r="HZ2545" s="91"/>
      <c r="IA2545" s="91"/>
      <c r="IB2545" s="91"/>
      <c r="IC2545" s="91"/>
      <c r="ID2545" s="91"/>
      <c r="IE2545" s="91"/>
      <c r="IF2545" s="91"/>
      <c r="IG2545" s="91"/>
      <c r="IH2545" s="91"/>
      <c r="II2545" s="91"/>
      <c r="IJ2545" s="91"/>
      <c r="IK2545" s="127"/>
    </row>
    <row r="2546" spans="2:245" x14ac:dyDescent="0.2">
      <c r="B2546" s="43"/>
      <c r="C2546" s="73"/>
      <c r="D2546" s="64"/>
      <c r="E2546" s="64"/>
      <c r="F2546" s="55"/>
      <c r="G2546" s="102"/>
      <c r="H2546" s="55"/>
      <c r="I2546" s="55"/>
      <c r="J2546" s="55"/>
      <c r="K2546" s="55"/>
      <c r="L2546" s="55"/>
      <c r="M2546" s="55"/>
      <c r="N2546" s="55"/>
      <c r="O2546" s="55"/>
      <c r="P2546" s="55"/>
      <c r="Q2546" s="55"/>
      <c r="R2546" s="55"/>
      <c r="S2546" s="55"/>
      <c r="T2546" s="55"/>
      <c r="U2546" s="55"/>
      <c r="V2546" s="55"/>
      <c r="W2546" s="55"/>
      <c r="X2546" s="55"/>
      <c r="Y2546" s="55"/>
      <c r="Z2546" s="55"/>
      <c r="AA2546" s="55"/>
      <c r="AB2546" s="55"/>
      <c r="AC2546" s="55"/>
      <c r="AD2546" s="55"/>
      <c r="AE2546" s="55"/>
      <c r="AF2546" s="55"/>
      <c r="AG2546" s="55"/>
      <c r="AY2546" s="162"/>
      <c r="AZ2546" s="162"/>
      <c r="BA2546" s="162"/>
      <c r="BB2546" s="162"/>
      <c r="BC2546" s="162"/>
      <c r="BD2546" s="162"/>
      <c r="BE2546" s="162"/>
      <c r="BF2546" s="162"/>
      <c r="BG2546" s="162"/>
      <c r="BH2546" s="162"/>
      <c r="BI2546" s="162"/>
      <c r="BJ2546" s="162"/>
      <c r="BK2546" s="162"/>
      <c r="BL2546" s="162"/>
      <c r="BM2546" s="162"/>
      <c r="BN2546" s="162"/>
      <c r="BO2546" s="162"/>
      <c r="BP2546" s="162"/>
      <c r="BQ2546" s="162"/>
      <c r="BR2546" s="162"/>
      <c r="BS2546" s="162"/>
      <c r="BT2546" s="162"/>
      <c r="BU2546" s="162"/>
      <c r="BV2546" s="162"/>
      <c r="BW2546" s="162"/>
      <c r="BX2546" s="162"/>
      <c r="BY2546" s="162"/>
      <c r="BZ2546" s="162"/>
      <c r="CA2546" s="162"/>
      <c r="CB2546" s="162"/>
      <c r="CC2546" s="162"/>
      <c r="CD2546" s="162"/>
      <c r="CE2546" s="162"/>
      <c r="CF2546" s="162"/>
      <c r="CG2546" s="162"/>
      <c r="CH2546" s="162"/>
      <c r="CI2546" s="162"/>
      <c r="CJ2546" s="162"/>
      <c r="CK2546" s="162"/>
      <c r="CX2546" s="98"/>
      <c r="DL2546" s="97"/>
      <c r="DX2546" s="98"/>
      <c r="EL2546" s="97"/>
      <c r="EX2546" s="98"/>
      <c r="EY2546" s="97"/>
      <c r="FL2546" s="126"/>
      <c r="FM2546" s="91"/>
      <c r="FN2546" s="91"/>
      <c r="FO2546" s="91"/>
      <c r="FP2546" s="91"/>
      <c r="FQ2546" s="91"/>
      <c r="FR2546" s="91"/>
      <c r="FS2546" s="91"/>
      <c r="FT2546" s="91"/>
      <c r="FU2546" s="91"/>
      <c r="FV2546" s="91"/>
      <c r="FW2546" s="91"/>
      <c r="FX2546" s="91"/>
      <c r="FY2546" s="91"/>
      <c r="FZ2546" s="91"/>
      <c r="GA2546" s="91"/>
      <c r="GB2546" s="91"/>
      <c r="GC2546" s="91"/>
      <c r="GD2546" s="91"/>
      <c r="GE2546" s="91"/>
      <c r="GF2546" s="91"/>
      <c r="GG2546" s="91"/>
      <c r="GH2546" s="91"/>
      <c r="GI2546" s="91"/>
      <c r="GJ2546" s="91"/>
      <c r="GK2546" s="127"/>
      <c r="GL2546" s="126"/>
      <c r="GM2546" s="91"/>
      <c r="GN2546" s="91"/>
      <c r="GO2546" s="91"/>
      <c r="GP2546" s="91"/>
      <c r="GQ2546" s="91"/>
      <c r="GR2546" s="91"/>
      <c r="GS2546" s="91"/>
      <c r="GT2546" s="91"/>
      <c r="GU2546" s="91"/>
      <c r="GV2546" s="91"/>
      <c r="GW2546" s="91"/>
      <c r="GX2546" s="91"/>
      <c r="GY2546" s="91"/>
      <c r="GZ2546" s="91"/>
      <c r="HA2546" s="91"/>
      <c r="HB2546" s="91"/>
      <c r="HC2546" s="91"/>
      <c r="HD2546" s="91"/>
      <c r="HE2546" s="91"/>
      <c r="HF2546" s="91"/>
      <c r="HG2546" s="91"/>
      <c r="HH2546" s="91"/>
      <c r="HI2546" s="91"/>
      <c r="HJ2546" s="91"/>
      <c r="HK2546" s="127"/>
      <c r="HL2546" s="126"/>
      <c r="HM2546" s="91"/>
      <c r="HN2546" s="91"/>
      <c r="HO2546" s="91"/>
      <c r="HP2546" s="91"/>
      <c r="HQ2546" s="91"/>
      <c r="HR2546" s="91"/>
      <c r="HS2546" s="91"/>
      <c r="HT2546" s="91"/>
      <c r="HU2546" s="91"/>
      <c r="HV2546" s="91"/>
      <c r="HW2546" s="91"/>
      <c r="HX2546" s="91"/>
      <c r="HY2546" s="91"/>
      <c r="HZ2546" s="91"/>
      <c r="IA2546" s="91"/>
      <c r="IB2546" s="91"/>
      <c r="IC2546" s="91"/>
      <c r="ID2546" s="91"/>
      <c r="IE2546" s="91"/>
      <c r="IF2546" s="91"/>
      <c r="IG2546" s="91"/>
      <c r="IH2546" s="91"/>
      <c r="II2546" s="91"/>
      <c r="IJ2546" s="91"/>
      <c r="IK2546" s="127"/>
    </row>
    <row r="2547" spans="2:245" x14ac:dyDescent="0.2">
      <c r="B2547" s="43"/>
      <c r="C2547" s="73"/>
      <c r="D2547" s="64"/>
      <c r="E2547" s="64"/>
      <c r="F2547" s="55"/>
      <c r="G2547" s="102"/>
      <c r="H2547" s="55"/>
      <c r="I2547" s="55"/>
      <c r="J2547" s="55"/>
      <c r="K2547" s="55"/>
      <c r="L2547" s="55"/>
      <c r="M2547" s="55"/>
      <c r="N2547" s="55"/>
      <c r="O2547" s="55"/>
      <c r="P2547" s="55"/>
      <c r="Q2547" s="55"/>
      <c r="R2547" s="55"/>
      <c r="S2547" s="55"/>
      <c r="T2547" s="55"/>
      <c r="U2547" s="55"/>
      <c r="V2547" s="55"/>
      <c r="W2547" s="55"/>
      <c r="X2547" s="55"/>
      <c r="Y2547" s="55"/>
      <c r="Z2547" s="55"/>
      <c r="AA2547" s="55"/>
      <c r="AB2547" s="55"/>
      <c r="AC2547" s="55"/>
      <c r="AD2547" s="55"/>
      <c r="AE2547" s="55"/>
      <c r="AF2547" s="55"/>
      <c r="AG2547" s="55"/>
      <c r="AY2547" s="162"/>
      <c r="AZ2547" s="162"/>
      <c r="BA2547" s="162"/>
      <c r="BB2547" s="162"/>
      <c r="BC2547" s="162"/>
      <c r="BD2547" s="162"/>
      <c r="BE2547" s="162"/>
      <c r="BF2547" s="162"/>
      <c r="BG2547" s="162"/>
      <c r="BH2547" s="162"/>
      <c r="BI2547" s="162"/>
      <c r="BJ2547" s="162"/>
      <c r="BK2547" s="162"/>
      <c r="BL2547" s="162"/>
      <c r="BM2547" s="162"/>
      <c r="BN2547" s="162"/>
      <c r="BO2547" s="162"/>
      <c r="BP2547" s="162"/>
      <c r="BQ2547" s="162"/>
      <c r="BR2547" s="162"/>
      <c r="BS2547" s="162"/>
      <c r="BT2547" s="162"/>
      <c r="BU2547" s="162"/>
      <c r="BV2547" s="162"/>
      <c r="BW2547" s="162"/>
      <c r="BX2547" s="162"/>
      <c r="BY2547" s="162"/>
      <c r="BZ2547" s="162"/>
      <c r="CA2547" s="162"/>
      <c r="CB2547" s="162"/>
      <c r="CC2547" s="162"/>
      <c r="CD2547" s="162"/>
      <c r="CE2547" s="162"/>
      <c r="CF2547" s="162"/>
      <c r="CG2547" s="162"/>
      <c r="CH2547" s="162"/>
      <c r="CI2547" s="162"/>
      <c r="CJ2547" s="162"/>
      <c r="CK2547" s="162"/>
      <c r="CX2547" s="98"/>
      <c r="DL2547" s="97"/>
      <c r="DX2547" s="98"/>
      <c r="EL2547" s="97"/>
      <c r="EX2547" s="98"/>
      <c r="EY2547" s="97"/>
      <c r="FL2547" s="126"/>
      <c r="FM2547" s="91"/>
      <c r="FN2547" s="91"/>
      <c r="FO2547" s="91"/>
      <c r="FP2547" s="91"/>
      <c r="FQ2547" s="91"/>
      <c r="FR2547" s="91"/>
      <c r="FS2547" s="91"/>
      <c r="FT2547" s="91"/>
      <c r="FU2547" s="91"/>
      <c r="FV2547" s="91"/>
      <c r="FW2547" s="91"/>
      <c r="FX2547" s="91"/>
      <c r="FY2547" s="91"/>
      <c r="FZ2547" s="91"/>
      <c r="GA2547" s="91"/>
      <c r="GB2547" s="91"/>
      <c r="GC2547" s="91"/>
      <c r="GD2547" s="91"/>
      <c r="GE2547" s="91"/>
      <c r="GF2547" s="91"/>
      <c r="GG2547" s="91"/>
      <c r="GH2547" s="91"/>
      <c r="GI2547" s="91"/>
      <c r="GJ2547" s="91"/>
      <c r="GK2547" s="127"/>
      <c r="GL2547" s="126"/>
      <c r="GM2547" s="91"/>
      <c r="GN2547" s="91"/>
      <c r="GO2547" s="91"/>
      <c r="GP2547" s="91"/>
      <c r="GQ2547" s="91"/>
      <c r="GR2547" s="91"/>
      <c r="GS2547" s="91"/>
      <c r="GT2547" s="91"/>
      <c r="GU2547" s="91"/>
      <c r="GV2547" s="91"/>
      <c r="GW2547" s="91"/>
      <c r="GX2547" s="91"/>
      <c r="GY2547" s="91"/>
      <c r="GZ2547" s="91"/>
      <c r="HA2547" s="91"/>
      <c r="HB2547" s="91"/>
      <c r="HC2547" s="91"/>
      <c r="HD2547" s="91"/>
      <c r="HE2547" s="91"/>
      <c r="HF2547" s="91"/>
      <c r="HG2547" s="91"/>
      <c r="HH2547" s="91"/>
      <c r="HI2547" s="91"/>
      <c r="HJ2547" s="91"/>
      <c r="HK2547" s="127"/>
      <c r="HL2547" s="126"/>
      <c r="HM2547" s="91"/>
      <c r="HN2547" s="91"/>
      <c r="HO2547" s="91"/>
      <c r="HP2547" s="91"/>
      <c r="HQ2547" s="91"/>
      <c r="HR2547" s="91"/>
      <c r="HS2547" s="91"/>
      <c r="HT2547" s="91"/>
      <c r="HU2547" s="91"/>
      <c r="HV2547" s="91"/>
      <c r="HW2547" s="91"/>
      <c r="HX2547" s="91"/>
      <c r="HY2547" s="91"/>
      <c r="HZ2547" s="91"/>
      <c r="IA2547" s="91"/>
      <c r="IB2547" s="91"/>
      <c r="IC2547" s="91"/>
      <c r="ID2547" s="91"/>
      <c r="IE2547" s="91"/>
      <c r="IF2547" s="91"/>
      <c r="IG2547" s="91"/>
      <c r="IH2547" s="91"/>
      <c r="II2547" s="91"/>
      <c r="IJ2547" s="91"/>
      <c r="IK2547" s="127"/>
    </row>
    <row r="2548" spans="2:245" x14ac:dyDescent="0.2">
      <c r="B2548" s="43"/>
      <c r="C2548" s="73"/>
      <c r="D2548" s="64"/>
      <c r="E2548" s="64"/>
      <c r="F2548" s="55"/>
      <c r="G2548" s="102"/>
      <c r="H2548" s="55"/>
      <c r="I2548" s="55"/>
      <c r="J2548" s="55"/>
      <c r="K2548" s="55"/>
      <c r="L2548" s="55"/>
      <c r="M2548" s="55"/>
      <c r="N2548" s="55"/>
      <c r="O2548" s="55"/>
      <c r="P2548" s="55"/>
      <c r="Q2548" s="55"/>
      <c r="R2548" s="55"/>
      <c r="S2548" s="55"/>
      <c r="T2548" s="55"/>
      <c r="U2548" s="55"/>
      <c r="V2548" s="55"/>
      <c r="W2548" s="55"/>
      <c r="X2548" s="55"/>
      <c r="Y2548" s="55"/>
      <c r="Z2548" s="55"/>
      <c r="AA2548" s="55"/>
      <c r="AB2548" s="55"/>
      <c r="AC2548" s="55"/>
      <c r="AD2548" s="55"/>
      <c r="AE2548" s="55"/>
      <c r="AF2548" s="55"/>
      <c r="AG2548" s="55"/>
      <c r="AY2548" s="162"/>
      <c r="AZ2548" s="162"/>
      <c r="BA2548" s="162"/>
      <c r="BB2548" s="162"/>
      <c r="BC2548" s="162"/>
      <c r="BD2548" s="162"/>
      <c r="BE2548" s="162"/>
      <c r="BF2548" s="162"/>
      <c r="BG2548" s="162"/>
      <c r="BH2548" s="162"/>
      <c r="BI2548" s="162"/>
      <c r="BJ2548" s="162"/>
      <c r="BK2548" s="162"/>
      <c r="BL2548" s="162"/>
      <c r="BM2548" s="162"/>
      <c r="BN2548" s="162"/>
      <c r="BO2548" s="162"/>
      <c r="BP2548" s="162"/>
      <c r="BQ2548" s="162"/>
      <c r="BR2548" s="162"/>
      <c r="BS2548" s="162"/>
      <c r="BT2548" s="162"/>
      <c r="BU2548" s="162"/>
      <c r="BV2548" s="162"/>
      <c r="BW2548" s="162"/>
      <c r="BX2548" s="162"/>
      <c r="BY2548" s="162"/>
      <c r="BZ2548" s="162"/>
      <c r="CA2548" s="162"/>
      <c r="CB2548" s="162"/>
      <c r="CC2548" s="162"/>
      <c r="CD2548" s="162"/>
      <c r="CE2548" s="162"/>
      <c r="CF2548" s="162"/>
      <c r="CG2548" s="162"/>
      <c r="CH2548" s="162"/>
      <c r="CI2548" s="162"/>
      <c r="CJ2548" s="162"/>
      <c r="CK2548" s="162"/>
      <c r="CX2548" s="98"/>
      <c r="DL2548" s="97"/>
      <c r="DX2548" s="98"/>
      <c r="EL2548" s="97"/>
      <c r="EX2548" s="98"/>
      <c r="EY2548" s="97"/>
      <c r="FL2548" s="126"/>
      <c r="FM2548" s="91"/>
      <c r="FN2548" s="91"/>
      <c r="FO2548" s="91"/>
      <c r="FP2548" s="91"/>
      <c r="FQ2548" s="91"/>
      <c r="FR2548" s="91"/>
      <c r="FS2548" s="91"/>
      <c r="FT2548" s="91"/>
      <c r="FU2548" s="91"/>
      <c r="FV2548" s="91"/>
      <c r="FW2548" s="91"/>
      <c r="FX2548" s="91"/>
      <c r="FY2548" s="91"/>
      <c r="FZ2548" s="91"/>
      <c r="GA2548" s="91"/>
      <c r="GB2548" s="91"/>
      <c r="GC2548" s="91"/>
      <c r="GD2548" s="91"/>
      <c r="GE2548" s="91"/>
      <c r="GF2548" s="91"/>
      <c r="GG2548" s="91"/>
      <c r="GH2548" s="91"/>
      <c r="GI2548" s="91"/>
      <c r="GJ2548" s="91"/>
      <c r="GK2548" s="127"/>
      <c r="GL2548" s="126"/>
      <c r="GM2548" s="91"/>
      <c r="GN2548" s="91"/>
      <c r="GO2548" s="91"/>
      <c r="GP2548" s="91"/>
      <c r="GQ2548" s="91"/>
      <c r="GR2548" s="91"/>
      <c r="GS2548" s="91"/>
      <c r="GT2548" s="91"/>
      <c r="GU2548" s="91"/>
      <c r="GV2548" s="91"/>
      <c r="GW2548" s="91"/>
      <c r="GX2548" s="91"/>
      <c r="GY2548" s="91"/>
      <c r="GZ2548" s="91"/>
      <c r="HA2548" s="91"/>
      <c r="HB2548" s="91"/>
      <c r="HC2548" s="91"/>
      <c r="HD2548" s="91"/>
      <c r="HE2548" s="91"/>
      <c r="HF2548" s="91"/>
      <c r="HG2548" s="91"/>
      <c r="HH2548" s="91"/>
      <c r="HI2548" s="91"/>
      <c r="HJ2548" s="91"/>
      <c r="HK2548" s="127"/>
      <c r="HL2548" s="126"/>
      <c r="HM2548" s="91"/>
      <c r="HN2548" s="91"/>
      <c r="HO2548" s="91"/>
      <c r="HP2548" s="91"/>
      <c r="HQ2548" s="91"/>
      <c r="HR2548" s="91"/>
      <c r="HS2548" s="91"/>
      <c r="HT2548" s="91"/>
      <c r="HU2548" s="91"/>
      <c r="HV2548" s="91"/>
      <c r="HW2548" s="91"/>
      <c r="HX2548" s="91"/>
      <c r="HY2548" s="91"/>
      <c r="HZ2548" s="91"/>
      <c r="IA2548" s="91"/>
      <c r="IB2548" s="91"/>
      <c r="IC2548" s="91"/>
      <c r="ID2548" s="91"/>
      <c r="IE2548" s="91"/>
      <c r="IF2548" s="91"/>
      <c r="IG2548" s="91"/>
      <c r="IH2548" s="91"/>
      <c r="II2548" s="91"/>
      <c r="IJ2548" s="91"/>
      <c r="IK2548" s="127"/>
    </row>
    <row r="2549" spans="2:245" x14ac:dyDescent="0.2">
      <c r="B2549" s="43"/>
      <c r="C2549" s="73"/>
      <c r="D2549" s="64"/>
      <c r="E2549" s="64"/>
      <c r="F2549" s="55"/>
      <c r="G2549" s="102"/>
      <c r="H2549" s="55"/>
      <c r="I2549" s="55"/>
      <c r="J2549" s="55"/>
      <c r="K2549" s="55"/>
      <c r="L2549" s="55"/>
      <c r="M2549" s="55"/>
      <c r="N2549" s="55"/>
      <c r="O2549" s="55"/>
      <c r="P2549" s="55"/>
      <c r="Q2549" s="55"/>
      <c r="R2549" s="55"/>
      <c r="S2549" s="55"/>
      <c r="T2549" s="55"/>
      <c r="U2549" s="55"/>
      <c r="V2549" s="55"/>
      <c r="W2549" s="55"/>
      <c r="X2549" s="55"/>
      <c r="Y2549" s="55"/>
      <c r="Z2549" s="55"/>
      <c r="AA2549" s="55"/>
      <c r="AB2549" s="55"/>
      <c r="AC2549" s="55"/>
      <c r="AD2549" s="55"/>
      <c r="AE2549" s="55"/>
      <c r="AF2549" s="55"/>
      <c r="AG2549" s="55"/>
      <c r="AY2549" s="162"/>
      <c r="AZ2549" s="162"/>
      <c r="BA2549" s="162"/>
      <c r="BB2549" s="162"/>
      <c r="BC2549" s="162"/>
      <c r="BD2549" s="162"/>
      <c r="BE2549" s="162"/>
      <c r="BF2549" s="162"/>
      <c r="BG2549" s="162"/>
      <c r="BH2549" s="162"/>
      <c r="BI2549" s="162"/>
      <c r="BJ2549" s="162"/>
      <c r="BK2549" s="162"/>
      <c r="BL2549" s="162"/>
      <c r="BM2549" s="162"/>
      <c r="BN2549" s="162"/>
      <c r="BO2549" s="162"/>
      <c r="BP2549" s="162"/>
      <c r="BQ2549" s="162"/>
      <c r="BR2549" s="162"/>
      <c r="BS2549" s="162"/>
      <c r="BT2549" s="162"/>
      <c r="BU2549" s="162"/>
      <c r="BV2549" s="162"/>
      <c r="BW2549" s="162"/>
      <c r="BX2549" s="162"/>
      <c r="BY2549" s="162"/>
      <c r="BZ2549" s="162"/>
      <c r="CA2549" s="162"/>
      <c r="CB2549" s="162"/>
      <c r="CC2549" s="162"/>
      <c r="CD2549" s="162"/>
      <c r="CE2549" s="162"/>
      <c r="CF2549" s="162"/>
      <c r="CG2549" s="162"/>
      <c r="CH2549" s="162"/>
      <c r="CI2549" s="162"/>
      <c r="CJ2549" s="162"/>
      <c r="CK2549" s="162"/>
      <c r="CX2549" s="98"/>
      <c r="DL2549" s="97"/>
      <c r="DX2549" s="98"/>
      <c r="EL2549" s="97"/>
      <c r="EX2549" s="98"/>
      <c r="EY2549" s="97"/>
      <c r="FL2549" s="126"/>
      <c r="FM2549" s="91"/>
      <c r="FN2549" s="91"/>
      <c r="FO2549" s="91"/>
      <c r="FP2549" s="91"/>
      <c r="FQ2549" s="91"/>
      <c r="FR2549" s="91"/>
      <c r="FS2549" s="91"/>
      <c r="FT2549" s="91"/>
      <c r="FU2549" s="91"/>
      <c r="FV2549" s="91"/>
      <c r="FW2549" s="91"/>
      <c r="FX2549" s="91"/>
      <c r="FY2549" s="91"/>
      <c r="FZ2549" s="91"/>
      <c r="GA2549" s="91"/>
      <c r="GB2549" s="91"/>
      <c r="GC2549" s="91"/>
      <c r="GD2549" s="91"/>
      <c r="GE2549" s="91"/>
      <c r="GF2549" s="91"/>
      <c r="GG2549" s="91"/>
      <c r="GH2549" s="91"/>
      <c r="GI2549" s="91"/>
      <c r="GJ2549" s="91"/>
      <c r="GK2549" s="127"/>
      <c r="GL2549" s="126"/>
      <c r="GM2549" s="91"/>
      <c r="GN2549" s="91"/>
      <c r="GO2549" s="91"/>
      <c r="GP2549" s="91"/>
      <c r="GQ2549" s="91"/>
      <c r="GR2549" s="91"/>
      <c r="GS2549" s="91"/>
      <c r="GT2549" s="91"/>
      <c r="GU2549" s="91"/>
      <c r="GV2549" s="91"/>
      <c r="GW2549" s="91"/>
      <c r="GX2549" s="91"/>
      <c r="GY2549" s="91"/>
      <c r="GZ2549" s="91"/>
      <c r="HA2549" s="91"/>
      <c r="HB2549" s="91"/>
      <c r="HC2549" s="91"/>
      <c r="HD2549" s="91"/>
      <c r="HE2549" s="91"/>
      <c r="HF2549" s="91"/>
      <c r="HG2549" s="91"/>
      <c r="HH2549" s="91"/>
      <c r="HI2549" s="91"/>
      <c r="HJ2549" s="91"/>
      <c r="HK2549" s="127"/>
      <c r="HL2549" s="126"/>
      <c r="HM2549" s="91"/>
      <c r="HN2549" s="91"/>
      <c r="HO2549" s="91"/>
      <c r="HP2549" s="91"/>
      <c r="HQ2549" s="91"/>
      <c r="HR2549" s="91"/>
      <c r="HS2549" s="91"/>
      <c r="HT2549" s="91"/>
      <c r="HU2549" s="91"/>
      <c r="HV2549" s="91"/>
      <c r="HW2549" s="91"/>
      <c r="HX2549" s="91"/>
      <c r="HY2549" s="91"/>
      <c r="HZ2549" s="91"/>
      <c r="IA2549" s="91"/>
      <c r="IB2549" s="91"/>
      <c r="IC2549" s="91"/>
      <c r="ID2549" s="91"/>
      <c r="IE2549" s="91"/>
      <c r="IF2549" s="91"/>
      <c r="IG2549" s="91"/>
      <c r="IH2549" s="91"/>
      <c r="II2549" s="91"/>
      <c r="IJ2549" s="91"/>
      <c r="IK2549" s="127"/>
    </row>
    <row r="2550" spans="2:245" x14ac:dyDescent="0.2">
      <c r="B2550" s="43"/>
      <c r="C2550" s="73"/>
      <c r="D2550" s="64"/>
      <c r="E2550" s="64"/>
      <c r="F2550" s="55"/>
      <c r="G2550" s="102"/>
      <c r="H2550" s="55"/>
      <c r="I2550" s="55"/>
      <c r="J2550" s="55"/>
      <c r="K2550" s="55"/>
      <c r="L2550" s="55"/>
      <c r="M2550" s="55"/>
      <c r="N2550" s="55"/>
      <c r="O2550" s="55"/>
      <c r="P2550" s="55"/>
      <c r="Q2550" s="55"/>
      <c r="R2550" s="55"/>
      <c r="S2550" s="55"/>
      <c r="T2550" s="55"/>
      <c r="U2550" s="55"/>
      <c r="V2550" s="55"/>
      <c r="W2550" s="55"/>
      <c r="X2550" s="55"/>
      <c r="Y2550" s="55"/>
      <c r="Z2550" s="55"/>
      <c r="AA2550" s="55"/>
      <c r="AB2550" s="55"/>
      <c r="AC2550" s="55"/>
      <c r="AD2550" s="55"/>
      <c r="AE2550" s="55"/>
      <c r="AF2550" s="55"/>
      <c r="AG2550" s="55"/>
      <c r="AY2550" s="162"/>
      <c r="AZ2550" s="162"/>
      <c r="BA2550" s="162"/>
      <c r="BB2550" s="162"/>
      <c r="BC2550" s="162"/>
      <c r="BD2550" s="162"/>
      <c r="BE2550" s="162"/>
      <c r="BF2550" s="162"/>
      <c r="BG2550" s="162"/>
      <c r="BH2550" s="162"/>
      <c r="BI2550" s="162"/>
      <c r="BJ2550" s="162"/>
      <c r="BK2550" s="162"/>
      <c r="BL2550" s="162"/>
      <c r="BM2550" s="162"/>
      <c r="BN2550" s="162"/>
      <c r="BO2550" s="162"/>
      <c r="BP2550" s="162"/>
      <c r="BQ2550" s="162"/>
      <c r="BR2550" s="162"/>
      <c r="BS2550" s="162"/>
      <c r="BT2550" s="162"/>
      <c r="BU2550" s="162"/>
      <c r="BV2550" s="162"/>
      <c r="BW2550" s="162"/>
      <c r="BX2550" s="162"/>
      <c r="BY2550" s="162"/>
      <c r="BZ2550" s="162"/>
      <c r="CA2550" s="162"/>
      <c r="CB2550" s="162"/>
      <c r="CC2550" s="162"/>
      <c r="CD2550" s="162"/>
      <c r="CE2550" s="162"/>
      <c r="CF2550" s="162"/>
      <c r="CG2550" s="162"/>
      <c r="CH2550" s="162"/>
      <c r="CI2550" s="162"/>
      <c r="CJ2550" s="162"/>
      <c r="CK2550" s="162"/>
      <c r="CX2550" s="98"/>
      <c r="DL2550" s="97"/>
      <c r="DX2550" s="98"/>
      <c r="EL2550" s="97"/>
      <c r="EX2550" s="98"/>
      <c r="EY2550" s="97"/>
      <c r="FL2550" s="126"/>
      <c r="FM2550" s="91"/>
      <c r="FN2550" s="91"/>
      <c r="FO2550" s="91"/>
      <c r="FP2550" s="91"/>
      <c r="FQ2550" s="91"/>
      <c r="FR2550" s="91"/>
      <c r="FS2550" s="91"/>
      <c r="FT2550" s="91"/>
      <c r="FU2550" s="91"/>
      <c r="FV2550" s="91"/>
      <c r="FW2550" s="91"/>
      <c r="FX2550" s="91"/>
      <c r="FY2550" s="91"/>
      <c r="FZ2550" s="91"/>
      <c r="GA2550" s="91"/>
      <c r="GB2550" s="91"/>
      <c r="GC2550" s="91"/>
      <c r="GD2550" s="91"/>
      <c r="GE2550" s="91"/>
      <c r="GF2550" s="91"/>
      <c r="GG2550" s="91"/>
      <c r="GH2550" s="91"/>
      <c r="GI2550" s="91"/>
      <c r="GJ2550" s="91"/>
      <c r="GK2550" s="127"/>
      <c r="GL2550" s="126"/>
      <c r="GM2550" s="91"/>
      <c r="GN2550" s="91"/>
      <c r="GO2550" s="91"/>
      <c r="GP2550" s="91"/>
      <c r="GQ2550" s="91"/>
      <c r="GR2550" s="91"/>
      <c r="GS2550" s="91"/>
      <c r="GT2550" s="91"/>
      <c r="GU2550" s="91"/>
      <c r="GV2550" s="91"/>
      <c r="GW2550" s="91"/>
      <c r="GX2550" s="91"/>
      <c r="GY2550" s="91"/>
      <c r="GZ2550" s="91"/>
      <c r="HA2550" s="91"/>
      <c r="HB2550" s="91"/>
      <c r="HC2550" s="91"/>
      <c r="HD2550" s="91"/>
      <c r="HE2550" s="91"/>
      <c r="HF2550" s="91"/>
      <c r="HG2550" s="91"/>
      <c r="HH2550" s="91"/>
      <c r="HI2550" s="91"/>
      <c r="HJ2550" s="91"/>
      <c r="HK2550" s="127"/>
      <c r="HL2550" s="126"/>
      <c r="HM2550" s="91"/>
      <c r="HN2550" s="91"/>
      <c r="HO2550" s="91"/>
      <c r="HP2550" s="91"/>
      <c r="HQ2550" s="91"/>
      <c r="HR2550" s="91"/>
      <c r="HS2550" s="91"/>
      <c r="HT2550" s="91"/>
      <c r="HU2550" s="91"/>
      <c r="HV2550" s="91"/>
      <c r="HW2550" s="91"/>
      <c r="HX2550" s="91"/>
      <c r="HY2550" s="91"/>
      <c r="HZ2550" s="91"/>
      <c r="IA2550" s="91"/>
      <c r="IB2550" s="91"/>
      <c r="IC2550" s="91"/>
      <c r="ID2550" s="91"/>
      <c r="IE2550" s="91"/>
      <c r="IF2550" s="91"/>
      <c r="IG2550" s="91"/>
      <c r="IH2550" s="91"/>
      <c r="II2550" s="91"/>
      <c r="IJ2550" s="91"/>
      <c r="IK2550" s="127"/>
    </row>
    <row r="2551" spans="2:245" x14ac:dyDescent="0.2">
      <c r="B2551" s="43"/>
      <c r="C2551" s="73"/>
      <c r="D2551" s="64"/>
      <c r="E2551" s="64"/>
      <c r="F2551" s="55"/>
      <c r="G2551" s="102"/>
      <c r="H2551" s="55"/>
      <c r="I2551" s="55"/>
      <c r="J2551" s="55"/>
      <c r="K2551" s="55"/>
      <c r="L2551" s="55"/>
      <c r="M2551" s="55"/>
      <c r="N2551" s="55"/>
      <c r="O2551" s="55"/>
      <c r="P2551" s="55"/>
      <c r="Q2551" s="55"/>
      <c r="R2551" s="55"/>
      <c r="S2551" s="55"/>
      <c r="T2551" s="55"/>
      <c r="U2551" s="55"/>
      <c r="V2551" s="55"/>
      <c r="W2551" s="55"/>
      <c r="X2551" s="55"/>
      <c r="Y2551" s="55"/>
      <c r="Z2551" s="55"/>
      <c r="AA2551" s="55"/>
      <c r="AB2551" s="55"/>
      <c r="AC2551" s="55"/>
      <c r="AD2551" s="55"/>
      <c r="AE2551" s="55"/>
      <c r="AF2551" s="55"/>
      <c r="AG2551" s="55"/>
      <c r="AY2551" s="162"/>
      <c r="AZ2551" s="162"/>
      <c r="BA2551" s="162"/>
      <c r="BB2551" s="162"/>
      <c r="BC2551" s="162"/>
      <c r="BD2551" s="162"/>
      <c r="BE2551" s="162"/>
      <c r="BF2551" s="162"/>
      <c r="BG2551" s="162"/>
      <c r="BH2551" s="162"/>
      <c r="BI2551" s="162"/>
      <c r="BJ2551" s="162"/>
      <c r="BK2551" s="162"/>
      <c r="BL2551" s="162"/>
      <c r="BM2551" s="162"/>
      <c r="BN2551" s="162"/>
      <c r="BO2551" s="162"/>
      <c r="BP2551" s="162"/>
      <c r="BQ2551" s="162"/>
      <c r="BR2551" s="162"/>
      <c r="BS2551" s="162"/>
      <c r="BT2551" s="162"/>
      <c r="BU2551" s="162"/>
      <c r="BV2551" s="162"/>
      <c r="BW2551" s="162"/>
      <c r="BX2551" s="162"/>
      <c r="BY2551" s="162"/>
      <c r="BZ2551" s="162"/>
      <c r="CA2551" s="162"/>
      <c r="CB2551" s="162"/>
      <c r="CC2551" s="162"/>
      <c r="CD2551" s="162"/>
      <c r="CE2551" s="162"/>
      <c r="CF2551" s="162"/>
      <c r="CG2551" s="162"/>
      <c r="CH2551" s="162"/>
      <c r="CI2551" s="162"/>
      <c r="CJ2551" s="162"/>
      <c r="CK2551" s="162"/>
      <c r="CX2551" s="98"/>
      <c r="DL2551" s="97"/>
      <c r="DX2551" s="98"/>
      <c r="EL2551" s="97"/>
      <c r="EX2551" s="98"/>
      <c r="EY2551" s="97"/>
      <c r="FL2551" s="126"/>
      <c r="FM2551" s="91"/>
      <c r="FN2551" s="91"/>
      <c r="FO2551" s="91"/>
      <c r="FP2551" s="91"/>
      <c r="FQ2551" s="91"/>
      <c r="FR2551" s="91"/>
      <c r="FS2551" s="91"/>
      <c r="FT2551" s="91"/>
      <c r="FU2551" s="91"/>
      <c r="FV2551" s="91"/>
      <c r="FW2551" s="91"/>
      <c r="FX2551" s="91"/>
      <c r="FY2551" s="91"/>
      <c r="FZ2551" s="91"/>
      <c r="GA2551" s="91"/>
      <c r="GB2551" s="91"/>
      <c r="GC2551" s="91"/>
      <c r="GD2551" s="91"/>
      <c r="GE2551" s="91"/>
      <c r="GF2551" s="91"/>
      <c r="GG2551" s="91"/>
      <c r="GH2551" s="91"/>
      <c r="GI2551" s="91"/>
      <c r="GJ2551" s="91"/>
      <c r="GK2551" s="127"/>
      <c r="GL2551" s="126"/>
      <c r="GM2551" s="91"/>
      <c r="GN2551" s="91"/>
      <c r="GO2551" s="91"/>
      <c r="GP2551" s="91"/>
      <c r="GQ2551" s="91"/>
      <c r="GR2551" s="91"/>
      <c r="GS2551" s="91"/>
      <c r="GT2551" s="91"/>
      <c r="GU2551" s="91"/>
      <c r="GV2551" s="91"/>
      <c r="GW2551" s="91"/>
      <c r="GX2551" s="91"/>
      <c r="GY2551" s="91"/>
      <c r="GZ2551" s="91"/>
      <c r="HA2551" s="91"/>
      <c r="HB2551" s="91"/>
      <c r="HC2551" s="91"/>
      <c r="HD2551" s="91"/>
      <c r="HE2551" s="91"/>
      <c r="HF2551" s="91"/>
      <c r="HG2551" s="91"/>
      <c r="HH2551" s="91"/>
      <c r="HI2551" s="91"/>
      <c r="HJ2551" s="91"/>
      <c r="HK2551" s="127"/>
      <c r="HL2551" s="126"/>
      <c r="HM2551" s="91"/>
      <c r="HN2551" s="91"/>
      <c r="HO2551" s="91"/>
      <c r="HP2551" s="91"/>
      <c r="HQ2551" s="91"/>
      <c r="HR2551" s="91"/>
      <c r="HS2551" s="91"/>
      <c r="HT2551" s="91"/>
      <c r="HU2551" s="91"/>
      <c r="HV2551" s="91"/>
      <c r="HW2551" s="91"/>
      <c r="HX2551" s="91"/>
      <c r="HY2551" s="91"/>
      <c r="HZ2551" s="91"/>
      <c r="IA2551" s="91"/>
      <c r="IB2551" s="91"/>
      <c r="IC2551" s="91"/>
      <c r="ID2551" s="91"/>
      <c r="IE2551" s="91"/>
      <c r="IF2551" s="91"/>
      <c r="IG2551" s="91"/>
      <c r="IH2551" s="91"/>
      <c r="II2551" s="91"/>
      <c r="IJ2551" s="91"/>
      <c r="IK2551" s="127"/>
    </row>
    <row r="2552" spans="2:245" x14ac:dyDescent="0.2">
      <c r="B2552" s="43"/>
      <c r="C2552" s="73"/>
      <c r="D2552" s="64"/>
      <c r="E2552" s="64"/>
      <c r="F2552" s="55"/>
      <c r="G2552" s="102"/>
      <c r="H2552" s="55"/>
      <c r="I2552" s="55"/>
      <c r="J2552" s="55"/>
      <c r="K2552" s="55"/>
      <c r="L2552" s="55"/>
      <c r="M2552" s="55"/>
      <c r="N2552" s="55"/>
      <c r="O2552" s="55"/>
      <c r="P2552" s="55"/>
      <c r="Q2552" s="55"/>
      <c r="R2552" s="55"/>
      <c r="S2552" s="55"/>
      <c r="T2552" s="55"/>
      <c r="U2552" s="55"/>
      <c r="V2552" s="55"/>
      <c r="W2552" s="55"/>
      <c r="X2552" s="55"/>
      <c r="Y2552" s="55"/>
      <c r="Z2552" s="55"/>
      <c r="AA2552" s="55"/>
      <c r="AB2552" s="55"/>
      <c r="AC2552" s="55"/>
      <c r="AD2552" s="55"/>
      <c r="AE2552" s="55"/>
      <c r="AF2552" s="55"/>
      <c r="AG2552" s="55"/>
      <c r="AY2552" s="162"/>
      <c r="AZ2552" s="162"/>
      <c r="BA2552" s="162"/>
      <c r="BB2552" s="162"/>
      <c r="BC2552" s="162"/>
      <c r="BD2552" s="162"/>
      <c r="BE2552" s="162"/>
      <c r="BF2552" s="162"/>
      <c r="BG2552" s="162"/>
      <c r="BH2552" s="162"/>
      <c r="BI2552" s="162"/>
      <c r="BJ2552" s="162"/>
      <c r="BK2552" s="162"/>
      <c r="BL2552" s="162"/>
      <c r="BM2552" s="162"/>
      <c r="BN2552" s="162"/>
      <c r="BO2552" s="162"/>
      <c r="BP2552" s="162"/>
      <c r="BQ2552" s="162"/>
      <c r="BR2552" s="162"/>
      <c r="BS2552" s="162"/>
      <c r="BT2552" s="162"/>
      <c r="BU2552" s="162"/>
      <c r="BV2552" s="162"/>
      <c r="BW2552" s="162"/>
      <c r="BX2552" s="162"/>
      <c r="BY2552" s="162"/>
      <c r="BZ2552" s="162"/>
      <c r="CA2552" s="162"/>
      <c r="CB2552" s="162"/>
      <c r="CC2552" s="162"/>
      <c r="CD2552" s="162"/>
      <c r="CE2552" s="162"/>
      <c r="CF2552" s="162"/>
      <c r="CG2552" s="162"/>
      <c r="CH2552" s="162"/>
      <c r="CI2552" s="162"/>
      <c r="CJ2552" s="162"/>
      <c r="CK2552" s="162"/>
      <c r="CX2552" s="98"/>
      <c r="DL2552" s="97"/>
      <c r="DX2552" s="98"/>
      <c r="EL2552" s="97"/>
      <c r="EX2552" s="98"/>
      <c r="EY2552" s="97"/>
      <c r="FL2552" s="126"/>
      <c r="FM2552" s="91"/>
      <c r="FN2552" s="91"/>
      <c r="FO2552" s="91"/>
      <c r="FP2552" s="91"/>
      <c r="FQ2552" s="91"/>
      <c r="FR2552" s="91"/>
      <c r="FS2552" s="91"/>
      <c r="FT2552" s="91"/>
      <c r="FU2552" s="91"/>
      <c r="FV2552" s="91"/>
      <c r="FW2552" s="91"/>
      <c r="FX2552" s="91"/>
      <c r="FY2552" s="91"/>
      <c r="FZ2552" s="91"/>
      <c r="GA2552" s="91"/>
      <c r="GB2552" s="91"/>
      <c r="GC2552" s="91"/>
      <c r="GD2552" s="91"/>
      <c r="GE2552" s="91"/>
      <c r="GF2552" s="91"/>
      <c r="GG2552" s="91"/>
      <c r="GH2552" s="91"/>
      <c r="GI2552" s="91"/>
      <c r="GJ2552" s="91"/>
      <c r="GK2552" s="127"/>
      <c r="GL2552" s="126"/>
      <c r="GM2552" s="91"/>
      <c r="GN2552" s="91"/>
      <c r="GO2552" s="91"/>
      <c r="GP2552" s="91"/>
      <c r="GQ2552" s="91"/>
      <c r="GR2552" s="91"/>
      <c r="GS2552" s="91"/>
      <c r="GT2552" s="91"/>
      <c r="GU2552" s="91"/>
      <c r="GV2552" s="91"/>
      <c r="GW2552" s="91"/>
      <c r="GX2552" s="91"/>
      <c r="GY2552" s="91"/>
      <c r="GZ2552" s="91"/>
      <c r="HA2552" s="91"/>
      <c r="HB2552" s="91"/>
      <c r="HC2552" s="91"/>
      <c r="HD2552" s="91"/>
      <c r="HE2552" s="91"/>
      <c r="HF2552" s="91"/>
      <c r="HG2552" s="91"/>
      <c r="HH2552" s="91"/>
      <c r="HI2552" s="91"/>
      <c r="HJ2552" s="91"/>
      <c r="HK2552" s="127"/>
      <c r="HL2552" s="126"/>
      <c r="HM2552" s="91"/>
      <c r="HN2552" s="91"/>
      <c r="HO2552" s="91"/>
      <c r="HP2552" s="91"/>
      <c r="HQ2552" s="91"/>
      <c r="HR2552" s="91"/>
      <c r="HS2552" s="91"/>
      <c r="HT2552" s="91"/>
      <c r="HU2552" s="91"/>
      <c r="HV2552" s="91"/>
      <c r="HW2552" s="91"/>
      <c r="HX2552" s="91"/>
      <c r="HY2552" s="91"/>
      <c r="HZ2552" s="91"/>
      <c r="IA2552" s="91"/>
      <c r="IB2552" s="91"/>
      <c r="IC2552" s="91"/>
      <c r="ID2552" s="91"/>
      <c r="IE2552" s="91"/>
      <c r="IF2552" s="91"/>
      <c r="IG2552" s="91"/>
      <c r="IH2552" s="91"/>
      <c r="II2552" s="91"/>
      <c r="IJ2552" s="91"/>
      <c r="IK2552" s="127"/>
    </row>
    <row r="2553" spans="2:245" x14ac:dyDescent="0.2">
      <c r="B2553" s="43"/>
      <c r="C2553" s="73"/>
      <c r="D2553" s="64"/>
      <c r="E2553" s="64"/>
      <c r="F2553" s="55"/>
      <c r="G2553" s="102"/>
      <c r="H2553" s="55"/>
      <c r="I2553" s="55"/>
      <c r="J2553" s="55"/>
      <c r="K2553" s="55"/>
      <c r="L2553" s="55"/>
      <c r="M2553" s="55"/>
      <c r="N2553" s="55"/>
      <c r="O2553" s="55"/>
      <c r="P2553" s="55"/>
      <c r="Q2553" s="55"/>
      <c r="R2553" s="55"/>
      <c r="S2553" s="55"/>
      <c r="T2553" s="55"/>
      <c r="U2553" s="55"/>
      <c r="V2553" s="55"/>
      <c r="W2553" s="55"/>
      <c r="X2553" s="55"/>
      <c r="Y2553" s="55"/>
      <c r="Z2553" s="55"/>
      <c r="AA2553" s="55"/>
      <c r="AB2553" s="55"/>
      <c r="AC2553" s="55"/>
      <c r="AD2553" s="55"/>
      <c r="AE2553" s="55"/>
      <c r="AF2553" s="55"/>
      <c r="AG2553" s="55"/>
      <c r="AY2553" s="162"/>
      <c r="AZ2553" s="162"/>
      <c r="BA2553" s="162"/>
      <c r="BB2553" s="162"/>
      <c r="BC2553" s="162"/>
      <c r="BD2553" s="162"/>
      <c r="BE2553" s="162"/>
      <c r="BF2553" s="162"/>
      <c r="BG2553" s="162"/>
      <c r="BH2553" s="162"/>
      <c r="BI2553" s="162"/>
      <c r="BJ2553" s="162"/>
      <c r="BK2553" s="162"/>
      <c r="BL2553" s="162"/>
      <c r="BM2553" s="162"/>
      <c r="BN2553" s="162"/>
      <c r="BO2553" s="162"/>
      <c r="BP2553" s="162"/>
      <c r="BQ2553" s="162"/>
      <c r="BR2553" s="162"/>
      <c r="BS2553" s="162"/>
      <c r="BT2553" s="162"/>
      <c r="BU2553" s="162"/>
      <c r="BV2553" s="162"/>
      <c r="BW2553" s="162"/>
      <c r="BX2553" s="162"/>
      <c r="BY2553" s="162"/>
      <c r="BZ2553" s="162"/>
      <c r="CA2553" s="162"/>
      <c r="CB2553" s="162"/>
      <c r="CC2553" s="162"/>
      <c r="CD2553" s="162"/>
      <c r="CE2553" s="162"/>
      <c r="CF2553" s="162"/>
      <c r="CG2553" s="162"/>
      <c r="CH2553" s="162"/>
      <c r="CI2553" s="162"/>
      <c r="CJ2553" s="162"/>
      <c r="CK2553" s="162"/>
      <c r="CX2553" s="98"/>
      <c r="DL2553" s="97"/>
      <c r="DX2553" s="98"/>
      <c r="EL2553" s="97"/>
      <c r="EX2553" s="98"/>
      <c r="EY2553" s="97"/>
      <c r="FL2553" s="126"/>
      <c r="FM2553" s="91"/>
      <c r="FN2553" s="91"/>
      <c r="FO2553" s="91"/>
      <c r="FP2553" s="91"/>
      <c r="FQ2553" s="91"/>
      <c r="FR2553" s="91"/>
      <c r="FS2553" s="91"/>
      <c r="FT2553" s="91"/>
      <c r="FU2553" s="91"/>
      <c r="FV2553" s="91"/>
      <c r="FW2553" s="91"/>
      <c r="FX2553" s="91"/>
      <c r="FY2553" s="91"/>
      <c r="FZ2553" s="91"/>
      <c r="GA2553" s="91"/>
      <c r="GB2553" s="91"/>
      <c r="GC2553" s="91"/>
      <c r="GD2553" s="91"/>
      <c r="GE2553" s="91"/>
      <c r="GF2553" s="91"/>
      <c r="GG2553" s="91"/>
      <c r="GH2553" s="91"/>
      <c r="GI2553" s="91"/>
      <c r="GJ2553" s="91"/>
      <c r="GK2553" s="127"/>
      <c r="GL2553" s="126"/>
      <c r="GM2553" s="91"/>
      <c r="GN2553" s="91"/>
      <c r="GO2553" s="91"/>
      <c r="GP2553" s="91"/>
      <c r="GQ2553" s="91"/>
      <c r="GR2553" s="91"/>
      <c r="GS2553" s="91"/>
      <c r="GT2553" s="91"/>
      <c r="GU2553" s="91"/>
      <c r="GV2553" s="91"/>
      <c r="GW2553" s="91"/>
      <c r="GX2553" s="91"/>
      <c r="GY2553" s="91"/>
      <c r="GZ2553" s="91"/>
      <c r="HA2553" s="91"/>
      <c r="HB2553" s="91"/>
      <c r="HC2553" s="91"/>
      <c r="HD2553" s="91"/>
      <c r="HE2553" s="91"/>
      <c r="HF2553" s="91"/>
      <c r="HG2553" s="91"/>
      <c r="HH2553" s="91"/>
      <c r="HI2553" s="91"/>
      <c r="HJ2553" s="91"/>
      <c r="HK2553" s="127"/>
      <c r="HL2553" s="126"/>
      <c r="HM2553" s="91"/>
      <c r="HN2553" s="91"/>
      <c r="HO2553" s="91"/>
      <c r="HP2553" s="91"/>
      <c r="HQ2553" s="91"/>
      <c r="HR2553" s="91"/>
      <c r="HS2553" s="91"/>
      <c r="HT2553" s="91"/>
      <c r="HU2553" s="91"/>
      <c r="HV2553" s="91"/>
      <c r="HW2553" s="91"/>
      <c r="HX2553" s="91"/>
      <c r="HY2553" s="91"/>
      <c r="HZ2553" s="91"/>
      <c r="IA2553" s="91"/>
      <c r="IB2553" s="91"/>
      <c r="IC2553" s="91"/>
      <c r="ID2553" s="91"/>
      <c r="IE2553" s="91"/>
      <c r="IF2553" s="91"/>
      <c r="IG2553" s="91"/>
      <c r="IH2553" s="91"/>
      <c r="II2553" s="91"/>
      <c r="IJ2553" s="91"/>
      <c r="IK2553" s="127"/>
    </row>
    <row r="2554" spans="2:245" x14ac:dyDescent="0.2">
      <c r="B2554" s="43"/>
      <c r="C2554" s="73"/>
      <c r="D2554" s="64"/>
      <c r="E2554" s="64"/>
      <c r="F2554" s="55"/>
      <c r="G2554" s="102"/>
      <c r="H2554" s="55"/>
      <c r="I2554" s="55"/>
      <c r="J2554" s="55"/>
      <c r="K2554" s="55"/>
      <c r="L2554" s="55"/>
      <c r="M2554" s="55"/>
      <c r="N2554" s="55"/>
      <c r="O2554" s="55"/>
      <c r="P2554" s="55"/>
      <c r="Q2554" s="55"/>
      <c r="R2554" s="55"/>
      <c r="S2554" s="55"/>
      <c r="T2554" s="55"/>
      <c r="U2554" s="55"/>
      <c r="V2554" s="55"/>
      <c r="W2554" s="55"/>
      <c r="X2554" s="55"/>
      <c r="Y2554" s="55"/>
      <c r="Z2554" s="55"/>
      <c r="AA2554" s="55"/>
      <c r="AB2554" s="55"/>
      <c r="AC2554" s="55"/>
      <c r="AD2554" s="55"/>
      <c r="AE2554" s="55"/>
      <c r="AF2554" s="55"/>
      <c r="AG2554" s="55"/>
      <c r="AY2554" s="162"/>
      <c r="AZ2554" s="162"/>
      <c r="BA2554" s="162"/>
      <c r="BB2554" s="162"/>
      <c r="BC2554" s="162"/>
      <c r="BD2554" s="162"/>
      <c r="BE2554" s="162"/>
      <c r="BF2554" s="162"/>
      <c r="BG2554" s="162"/>
      <c r="BH2554" s="162"/>
      <c r="BI2554" s="162"/>
      <c r="BJ2554" s="162"/>
      <c r="BK2554" s="162"/>
      <c r="BL2554" s="162"/>
      <c r="BM2554" s="162"/>
      <c r="BN2554" s="162"/>
      <c r="BO2554" s="162"/>
      <c r="BP2554" s="162"/>
      <c r="BQ2554" s="162"/>
      <c r="BR2554" s="162"/>
      <c r="BS2554" s="162"/>
      <c r="BT2554" s="162"/>
      <c r="BU2554" s="162"/>
      <c r="BV2554" s="162"/>
      <c r="BW2554" s="162"/>
      <c r="BX2554" s="162"/>
      <c r="BY2554" s="162"/>
      <c r="BZ2554" s="162"/>
      <c r="CA2554" s="162"/>
      <c r="CB2554" s="162"/>
      <c r="CC2554" s="162"/>
      <c r="CD2554" s="162"/>
      <c r="CE2554" s="162"/>
      <c r="CF2554" s="162"/>
      <c r="CG2554" s="162"/>
      <c r="CH2554" s="162"/>
      <c r="CI2554" s="162"/>
      <c r="CJ2554" s="162"/>
      <c r="CK2554" s="162"/>
      <c r="CX2554" s="98"/>
      <c r="DL2554" s="97"/>
      <c r="DX2554" s="98"/>
      <c r="EL2554" s="97"/>
      <c r="EX2554" s="98"/>
      <c r="EY2554" s="97"/>
      <c r="FL2554" s="126"/>
      <c r="FM2554" s="91"/>
      <c r="FN2554" s="91"/>
      <c r="FO2554" s="91"/>
      <c r="FP2554" s="91"/>
      <c r="FQ2554" s="91"/>
      <c r="FR2554" s="91"/>
      <c r="FS2554" s="91"/>
      <c r="FT2554" s="91"/>
      <c r="FU2554" s="91"/>
      <c r="FV2554" s="91"/>
      <c r="FW2554" s="91"/>
      <c r="FX2554" s="91"/>
      <c r="FY2554" s="91"/>
      <c r="FZ2554" s="91"/>
      <c r="GA2554" s="91"/>
      <c r="GB2554" s="91"/>
      <c r="GC2554" s="91"/>
      <c r="GD2554" s="91"/>
      <c r="GE2554" s="91"/>
      <c r="GF2554" s="91"/>
      <c r="GG2554" s="91"/>
      <c r="GH2554" s="91"/>
      <c r="GI2554" s="91"/>
      <c r="GJ2554" s="91"/>
      <c r="GK2554" s="127"/>
      <c r="GL2554" s="126"/>
      <c r="GM2554" s="91"/>
      <c r="GN2554" s="91"/>
      <c r="GO2554" s="91"/>
      <c r="GP2554" s="91"/>
      <c r="GQ2554" s="91"/>
      <c r="GR2554" s="91"/>
      <c r="GS2554" s="91"/>
      <c r="GT2554" s="91"/>
      <c r="GU2554" s="91"/>
      <c r="GV2554" s="91"/>
      <c r="GW2554" s="91"/>
      <c r="GX2554" s="91"/>
      <c r="GY2554" s="91"/>
      <c r="GZ2554" s="91"/>
      <c r="HA2554" s="91"/>
      <c r="HB2554" s="91"/>
      <c r="HC2554" s="91"/>
      <c r="HD2554" s="91"/>
      <c r="HE2554" s="91"/>
      <c r="HF2554" s="91"/>
      <c r="HG2554" s="91"/>
      <c r="HH2554" s="91"/>
      <c r="HI2554" s="91"/>
      <c r="HJ2554" s="91"/>
      <c r="HK2554" s="127"/>
      <c r="HL2554" s="126"/>
      <c r="HM2554" s="91"/>
      <c r="HN2554" s="91"/>
      <c r="HO2554" s="91"/>
      <c r="HP2554" s="91"/>
      <c r="HQ2554" s="91"/>
      <c r="HR2554" s="91"/>
      <c r="HS2554" s="91"/>
      <c r="HT2554" s="91"/>
      <c r="HU2554" s="91"/>
      <c r="HV2554" s="91"/>
      <c r="HW2554" s="91"/>
      <c r="HX2554" s="91"/>
      <c r="HY2554" s="91"/>
      <c r="HZ2554" s="91"/>
      <c r="IA2554" s="91"/>
      <c r="IB2554" s="91"/>
      <c r="IC2554" s="91"/>
      <c r="ID2554" s="91"/>
      <c r="IE2554" s="91"/>
      <c r="IF2554" s="91"/>
      <c r="IG2554" s="91"/>
      <c r="IH2554" s="91"/>
      <c r="II2554" s="91"/>
      <c r="IJ2554" s="91"/>
      <c r="IK2554" s="127"/>
    </row>
    <row r="2555" spans="2:245" x14ac:dyDescent="0.2">
      <c r="B2555" s="43"/>
      <c r="C2555" s="73"/>
      <c r="D2555" s="64"/>
      <c r="E2555" s="64"/>
      <c r="F2555" s="55"/>
      <c r="G2555" s="102"/>
      <c r="H2555" s="55"/>
      <c r="I2555" s="55"/>
      <c r="J2555" s="55"/>
      <c r="K2555" s="55"/>
      <c r="L2555" s="55"/>
      <c r="M2555" s="55"/>
      <c r="N2555" s="55"/>
      <c r="O2555" s="55"/>
      <c r="P2555" s="55"/>
      <c r="Q2555" s="55"/>
      <c r="R2555" s="55"/>
      <c r="S2555" s="55"/>
      <c r="T2555" s="55"/>
      <c r="U2555" s="55"/>
      <c r="V2555" s="55"/>
      <c r="W2555" s="55"/>
      <c r="X2555" s="55"/>
      <c r="Y2555" s="55"/>
      <c r="Z2555" s="55"/>
      <c r="AA2555" s="55"/>
      <c r="AB2555" s="55"/>
      <c r="AC2555" s="55"/>
      <c r="AD2555" s="55"/>
      <c r="AE2555" s="55"/>
      <c r="AF2555" s="55"/>
      <c r="AG2555" s="55"/>
      <c r="AY2555" s="162"/>
      <c r="AZ2555" s="162"/>
      <c r="BA2555" s="162"/>
      <c r="BB2555" s="162"/>
      <c r="BC2555" s="162"/>
      <c r="BD2555" s="162"/>
      <c r="BE2555" s="162"/>
      <c r="BF2555" s="162"/>
      <c r="BG2555" s="162"/>
      <c r="BH2555" s="162"/>
      <c r="BI2555" s="162"/>
      <c r="BJ2555" s="162"/>
      <c r="BK2555" s="162"/>
      <c r="BL2555" s="162"/>
      <c r="BM2555" s="162"/>
      <c r="BN2555" s="162"/>
      <c r="BO2555" s="162"/>
      <c r="BP2555" s="162"/>
      <c r="BQ2555" s="162"/>
      <c r="BR2555" s="162"/>
      <c r="BS2555" s="162"/>
      <c r="BT2555" s="162"/>
      <c r="BU2555" s="162"/>
      <c r="BV2555" s="162"/>
      <c r="BW2555" s="162"/>
      <c r="BX2555" s="162"/>
      <c r="BY2555" s="162"/>
      <c r="BZ2555" s="162"/>
      <c r="CA2555" s="162"/>
      <c r="CB2555" s="162"/>
      <c r="CC2555" s="162"/>
      <c r="CD2555" s="162"/>
      <c r="CE2555" s="162"/>
      <c r="CF2555" s="162"/>
      <c r="CG2555" s="162"/>
      <c r="CH2555" s="162"/>
      <c r="CI2555" s="162"/>
      <c r="CJ2555" s="162"/>
      <c r="CK2555" s="162"/>
      <c r="CX2555" s="98"/>
      <c r="DL2555" s="97"/>
      <c r="DX2555" s="98"/>
      <c r="EL2555" s="97"/>
      <c r="EX2555" s="98"/>
      <c r="EY2555" s="97"/>
      <c r="FL2555" s="126"/>
      <c r="FM2555" s="91"/>
      <c r="FN2555" s="91"/>
      <c r="FO2555" s="91"/>
      <c r="FP2555" s="91"/>
      <c r="FQ2555" s="91"/>
      <c r="FR2555" s="91"/>
      <c r="FS2555" s="91"/>
      <c r="FT2555" s="91"/>
      <c r="FU2555" s="91"/>
      <c r="FV2555" s="91"/>
      <c r="FW2555" s="91"/>
      <c r="FX2555" s="91"/>
      <c r="FY2555" s="91"/>
      <c r="FZ2555" s="91"/>
      <c r="GA2555" s="91"/>
      <c r="GB2555" s="91"/>
      <c r="GC2555" s="91"/>
      <c r="GD2555" s="91"/>
      <c r="GE2555" s="91"/>
      <c r="GF2555" s="91"/>
      <c r="GG2555" s="91"/>
      <c r="GH2555" s="91"/>
      <c r="GI2555" s="91"/>
      <c r="GJ2555" s="91"/>
      <c r="GK2555" s="127"/>
      <c r="GL2555" s="126"/>
      <c r="GM2555" s="91"/>
      <c r="GN2555" s="91"/>
      <c r="GO2555" s="91"/>
      <c r="GP2555" s="91"/>
      <c r="GQ2555" s="91"/>
      <c r="GR2555" s="91"/>
      <c r="GS2555" s="91"/>
      <c r="GT2555" s="91"/>
      <c r="GU2555" s="91"/>
      <c r="GV2555" s="91"/>
      <c r="GW2555" s="91"/>
      <c r="GX2555" s="91"/>
      <c r="GY2555" s="91"/>
      <c r="GZ2555" s="91"/>
      <c r="HA2555" s="91"/>
      <c r="HB2555" s="91"/>
      <c r="HC2555" s="91"/>
      <c r="HD2555" s="91"/>
      <c r="HE2555" s="91"/>
      <c r="HF2555" s="91"/>
      <c r="HG2555" s="91"/>
      <c r="HH2555" s="91"/>
      <c r="HI2555" s="91"/>
      <c r="HJ2555" s="91"/>
      <c r="HK2555" s="127"/>
      <c r="HL2555" s="126"/>
      <c r="HM2555" s="91"/>
      <c r="HN2555" s="91"/>
      <c r="HO2555" s="91"/>
      <c r="HP2555" s="91"/>
      <c r="HQ2555" s="91"/>
      <c r="HR2555" s="91"/>
      <c r="HS2555" s="91"/>
      <c r="HT2555" s="91"/>
      <c r="HU2555" s="91"/>
      <c r="HV2555" s="91"/>
      <c r="HW2555" s="91"/>
      <c r="HX2555" s="91"/>
      <c r="HY2555" s="91"/>
      <c r="HZ2555" s="91"/>
      <c r="IA2555" s="91"/>
      <c r="IB2555" s="91"/>
      <c r="IC2555" s="91"/>
      <c r="ID2555" s="91"/>
      <c r="IE2555" s="91"/>
      <c r="IF2555" s="91"/>
      <c r="IG2555" s="91"/>
      <c r="IH2555" s="91"/>
      <c r="II2555" s="91"/>
      <c r="IJ2555" s="91"/>
      <c r="IK2555" s="127"/>
    </row>
    <row r="2556" spans="2:245" x14ac:dyDescent="0.2">
      <c r="B2556" s="43"/>
      <c r="C2556" s="73"/>
      <c r="D2556" s="64"/>
      <c r="E2556" s="64"/>
      <c r="F2556" s="55"/>
      <c r="G2556" s="102"/>
      <c r="H2556" s="55"/>
      <c r="I2556" s="55"/>
      <c r="J2556" s="55"/>
      <c r="K2556" s="55"/>
      <c r="L2556" s="55"/>
      <c r="M2556" s="55"/>
      <c r="N2556" s="55"/>
      <c r="O2556" s="55"/>
      <c r="P2556" s="55"/>
      <c r="Q2556" s="55"/>
      <c r="R2556" s="55"/>
      <c r="S2556" s="55"/>
      <c r="T2556" s="55"/>
      <c r="U2556" s="55"/>
      <c r="V2556" s="55"/>
      <c r="W2556" s="55"/>
      <c r="X2556" s="55"/>
      <c r="Y2556" s="55"/>
      <c r="Z2556" s="55"/>
      <c r="AA2556" s="55"/>
      <c r="AB2556" s="55"/>
      <c r="AC2556" s="55"/>
      <c r="AD2556" s="55"/>
      <c r="AE2556" s="55"/>
      <c r="AF2556" s="55"/>
      <c r="AG2556" s="55"/>
      <c r="AY2556" s="162"/>
      <c r="AZ2556" s="162"/>
      <c r="BA2556" s="162"/>
      <c r="BB2556" s="162"/>
      <c r="BC2556" s="162"/>
      <c r="BD2556" s="162"/>
      <c r="BE2556" s="162"/>
      <c r="BF2556" s="162"/>
      <c r="BG2556" s="162"/>
      <c r="BH2556" s="162"/>
      <c r="BI2556" s="162"/>
      <c r="BJ2556" s="162"/>
      <c r="BK2556" s="162"/>
      <c r="BL2556" s="162"/>
      <c r="BM2556" s="162"/>
      <c r="BN2556" s="162"/>
      <c r="BO2556" s="162"/>
      <c r="BP2556" s="162"/>
      <c r="BQ2556" s="162"/>
      <c r="BR2556" s="162"/>
      <c r="BS2556" s="162"/>
      <c r="BT2556" s="162"/>
      <c r="BU2556" s="162"/>
      <c r="BV2556" s="162"/>
      <c r="BW2556" s="162"/>
      <c r="BX2556" s="162"/>
      <c r="BY2556" s="162"/>
      <c r="BZ2556" s="162"/>
      <c r="CA2556" s="162"/>
      <c r="CB2556" s="162"/>
      <c r="CC2556" s="162"/>
      <c r="CD2556" s="162"/>
      <c r="CE2556" s="162"/>
      <c r="CF2556" s="162"/>
      <c r="CG2556" s="162"/>
      <c r="CH2556" s="162"/>
      <c r="CI2556" s="162"/>
      <c r="CJ2556" s="162"/>
      <c r="CK2556" s="162"/>
      <c r="CX2556" s="98"/>
      <c r="DL2556" s="97"/>
      <c r="DX2556" s="98"/>
      <c r="EL2556" s="97"/>
      <c r="EX2556" s="98"/>
      <c r="EY2556" s="97"/>
      <c r="FL2556" s="126"/>
      <c r="FM2556" s="91"/>
      <c r="FN2556" s="91"/>
      <c r="FO2556" s="91"/>
      <c r="FP2556" s="91"/>
      <c r="FQ2556" s="91"/>
      <c r="FR2556" s="91"/>
      <c r="FS2556" s="91"/>
      <c r="FT2556" s="91"/>
      <c r="FU2556" s="91"/>
      <c r="FV2556" s="91"/>
      <c r="FW2556" s="91"/>
      <c r="FX2556" s="91"/>
      <c r="FY2556" s="91"/>
      <c r="FZ2556" s="91"/>
      <c r="GA2556" s="91"/>
      <c r="GB2556" s="91"/>
      <c r="GC2556" s="91"/>
      <c r="GD2556" s="91"/>
      <c r="GE2556" s="91"/>
      <c r="GF2556" s="91"/>
      <c r="GG2556" s="91"/>
      <c r="GH2556" s="91"/>
      <c r="GI2556" s="91"/>
      <c r="GJ2556" s="91"/>
      <c r="GK2556" s="127"/>
      <c r="GL2556" s="126"/>
      <c r="GM2556" s="91"/>
      <c r="GN2556" s="91"/>
      <c r="GO2556" s="91"/>
      <c r="GP2556" s="91"/>
      <c r="GQ2556" s="91"/>
      <c r="GR2556" s="91"/>
      <c r="GS2556" s="91"/>
      <c r="GT2556" s="91"/>
      <c r="GU2556" s="91"/>
      <c r="GV2556" s="91"/>
      <c r="GW2556" s="91"/>
      <c r="GX2556" s="91"/>
      <c r="GY2556" s="91"/>
      <c r="GZ2556" s="91"/>
      <c r="HA2556" s="91"/>
      <c r="HB2556" s="91"/>
      <c r="HC2556" s="91"/>
      <c r="HD2556" s="91"/>
      <c r="HE2556" s="91"/>
      <c r="HF2556" s="91"/>
      <c r="HG2556" s="91"/>
      <c r="HH2556" s="91"/>
      <c r="HI2556" s="91"/>
      <c r="HJ2556" s="91"/>
      <c r="HK2556" s="127"/>
      <c r="HL2556" s="126"/>
      <c r="HM2556" s="91"/>
      <c r="HN2556" s="91"/>
      <c r="HO2556" s="91"/>
      <c r="HP2556" s="91"/>
      <c r="HQ2556" s="91"/>
      <c r="HR2556" s="91"/>
      <c r="HS2556" s="91"/>
      <c r="HT2556" s="91"/>
      <c r="HU2556" s="91"/>
      <c r="HV2556" s="91"/>
      <c r="HW2556" s="91"/>
      <c r="HX2556" s="91"/>
      <c r="HY2556" s="91"/>
      <c r="HZ2556" s="91"/>
      <c r="IA2556" s="91"/>
      <c r="IB2556" s="91"/>
      <c r="IC2556" s="91"/>
      <c r="ID2556" s="91"/>
      <c r="IE2556" s="91"/>
      <c r="IF2556" s="91"/>
      <c r="IG2556" s="91"/>
      <c r="IH2556" s="91"/>
      <c r="II2556" s="91"/>
      <c r="IJ2556" s="91"/>
      <c r="IK2556" s="127"/>
    </row>
    <row r="2557" spans="2:245" x14ac:dyDescent="0.2">
      <c r="B2557" s="43"/>
      <c r="C2557" s="73"/>
      <c r="D2557" s="64"/>
      <c r="E2557" s="64"/>
      <c r="F2557" s="55"/>
      <c r="G2557" s="102"/>
      <c r="H2557" s="55"/>
      <c r="I2557" s="55"/>
      <c r="J2557" s="55"/>
      <c r="K2557" s="55"/>
      <c r="L2557" s="55"/>
      <c r="M2557" s="55"/>
      <c r="N2557" s="55"/>
      <c r="O2557" s="55"/>
      <c r="P2557" s="55"/>
      <c r="Q2557" s="55"/>
      <c r="R2557" s="55"/>
      <c r="S2557" s="55"/>
      <c r="T2557" s="55"/>
      <c r="U2557" s="55"/>
      <c r="V2557" s="55"/>
      <c r="W2557" s="55"/>
      <c r="X2557" s="55"/>
      <c r="Y2557" s="55"/>
      <c r="Z2557" s="55"/>
      <c r="AA2557" s="55"/>
      <c r="AB2557" s="55"/>
      <c r="AC2557" s="55"/>
      <c r="AD2557" s="55"/>
      <c r="AE2557" s="55"/>
      <c r="AF2557" s="55"/>
      <c r="AG2557" s="55"/>
      <c r="AY2557" s="162"/>
      <c r="AZ2557" s="162"/>
      <c r="BA2557" s="162"/>
      <c r="BB2557" s="162"/>
      <c r="BC2557" s="162"/>
      <c r="BD2557" s="162"/>
      <c r="BE2557" s="162"/>
      <c r="BF2557" s="162"/>
      <c r="BG2557" s="162"/>
      <c r="BH2557" s="162"/>
      <c r="BI2557" s="162"/>
      <c r="BJ2557" s="162"/>
      <c r="BK2557" s="162"/>
      <c r="BL2557" s="162"/>
      <c r="BM2557" s="162"/>
      <c r="BN2557" s="162"/>
      <c r="BO2557" s="162"/>
      <c r="BP2557" s="162"/>
      <c r="BQ2557" s="162"/>
      <c r="BR2557" s="162"/>
      <c r="BS2557" s="162"/>
      <c r="BT2557" s="162"/>
      <c r="BU2557" s="162"/>
      <c r="BV2557" s="162"/>
      <c r="BW2557" s="162"/>
      <c r="BX2557" s="162"/>
      <c r="BY2557" s="162"/>
      <c r="BZ2557" s="162"/>
      <c r="CA2557" s="162"/>
      <c r="CB2557" s="162"/>
      <c r="CC2557" s="162"/>
      <c r="CD2557" s="162"/>
      <c r="CE2557" s="162"/>
      <c r="CF2557" s="162"/>
      <c r="CG2557" s="162"/>
      <c r="CH2557" s="162"/>
      <c r="CI2557" s="162"/>
      <c r="CJ2557" s="162"/>
      <c r="CK2557" s="162"/>
      <c r="CX2557" s="98"/>
      <c r="DL2557" s="97"/>
      <c r="DX2557" s="98"/>
      <c r="EL2557" s="97"/>
      <c r="EX2557" s="98"/>
      <c r="EY2557" s="97"/>
      <c r="FL2557" s="126"/>
      <c r="FM2557" s="91"/>
      <c r="FN2557" s="91"/>
      <c r="FO2557" s="91"/>
      <c r="FP2557" s="91"/>
      <c r="FQ2557" s="91"/>
      <c r="FR2557" s="91"/>
      <c r="FS2557" s="91"/>
      <c r="FT2557" s="91"/>
      <c r="FU2557" s="91"/>
      <c r="FV2557" s="91"/>
      <c r="FW2557" s="91"/>
      <c r="FX2557" s="91"/>
      <c r="FY2557" s="91"/>
      <c r="FZ2557" s="91"/>
      <c r="GA2557" s="91"/>
      <c r="GB2557" s="91"/>
      <c r="GC2557" s="91"/>
      <c r="GD2557" s="91"/>
      <c r="GE2557" s="91"/>
      <c r="GF2557" s="91"/>
      <c r="GG2557" s="91"/>
      <c r="GH2557" s="91"/>
      <c r="GI2557" s="91"/>
      <c r="GJ2557" s="91"/>
      <c r="GK2557" s="127"/>
      <c r="GL2557" s="126"/>
      <c r="GM2557" s="91"/>
      <c r="GN2557" s="91"/>
      <c r="GO2557" s="91"/>
      <c r="GP2557" s="91"/>
      <c r="GQ2557" s="91"/>
      <c r="GR2557" s="91"/>
      <c r="GS2557" s="91"/>
      <c r="GT2557" s="91"/>
      <c r="GU2557" s="91"/>
      <c r="GV2557" s="91"/>
      <c r="GW2557" s="91"/>
      <c r="GX2557" s="91"/>
      <c r="GY2557" s="91"/>
      <c r="GZ2557" s="91"/>
      <c r="HA2557" s="91"/>
      <c r="HB2557" s="91"/>
      <c r="HC2557" s="91"/>
      <c r="HD2557" s="91"/>
      <c r="HE2557" s="91"/>
      <c r="HF2557" s="91"/>
      <c r="HG2557" s="91"/>
      <c r="HH2557" s="91"/>
      <c r="HI2557" s="91"/>
      <c r="HJ2557" s="91"/>
      <c r="HK2557" s="127"/>
      <c r="HL2557" s="126"/>
      <c r="HM2557" s="91"/>
      <c r="HN2557" s="91"/>
      <c r="HO2557" s="91"/>
      <c r="HP2557" s="91"/>
      <c r="HQ2557" s="91"/>
      <c r="HR2557" s="91"/>
      <c r="HS2557" s="91"/>
      <c r="HT2557" s="91"/>
      <c r="HU2557" s="91"/>
      <c r="HV2557" s="91"/>
      <c r="HW2557" s="91"/>
      <c r="HX2557" s="91"/>
      <c r="HY2557" s="91"/>
      <c r="HZ2557" s="91"/>
      <c r="IA2557" s="91"/>
      <c r="IB2557" s="91"/>
      <c r="IC2557" s="91"/>
      <c r="ID2557" s="91"/>
      <c r="IE2557" s="91"/>
      <c r="IF2557" s="91"/>
      <c r="IG2557" s="91"/>
      <c r="IH2557" s="91"/>
      <c r="II2557" s="91"/>
      <c r="IJ2557" s="91"/>
      <c r="IK2557" s="127"/>
    </row>
    <row r="2558" spans="2:245" x14ac:dyDescent="0.2">
      <c r="B2558" s="43"/>
      <c r="C2558" s="73"/>
      <c r="D2558" s="64"/>
      <c r="E2558" s="64"/>
      <c r="F2558" s="55"/>
      <c r="G2558" s="102"/>
      <c r="H2558" s="55"/>
      <c r="I2558" s="55"/>
      <c r="J2558" s="55"/>
      <c r="K2558" s="55"/>
      <c r="L2558" s="55"/>
      <c r="M2558" s="55"/>
      <c r="N2558" s="55"/>
      <c r="O2558" s="55"/>
      <c r="P2558" s="55"/>
      <c r="Q2558" s="55"/>
      <c r="R2558" s="55"/>
      <c r="S2558" s="55"/>
      <c r="T2558" s="55"/>
      <c r="U2558" s="55"/>
      <c r="V2558" s="55"/>
      <c r="W2558" s="55"/>
      <c r="X2558" s="55"/>
      <c r="Y2558" s="55"/>
      <c r="Z2558" s="55"/>
      <c r="AA2558" s="55"/>
      <c r="AB2558" s="55"/>
      <c r="AC2558" s="55"/>
      <c r="AD2558" s="55"/>
      <c r="AE2558" s="55"/>
      <c r="AF2558" s="55"/>
      <c r="AG2558" s="55"/>
      <c r="AY2558" s="162"/>
      <c r="AZ2558" s="162"/>
      <c r="BA2558" s="162"/>
      <c r="BB2558" s="162"/>
      <c r="BC2558" s="162"/>
      <c r="BD2558" s="162"/>
      <c r="BE2558" s="162"/>
      <c r="BF2558" s="162"/>
      <c r="BG2558" s="162"/>
      <c r="BH2558" s="162"/>
      <c r="BI2558" s="162"/>
      <c r="BJ2558" s="162"/>
      <c r="BK2558" s="162"/>
      <c r="BL2558" s="162"/>
      <c r="BM2558" s="162"/>
      <c r="BN2558" s="162"/>
      <c r="BO2558" s="162"/>
      <c r="BP2558" s="162"/>
      <c r="BQ2558" s="162"/>
      <c r="BR2558" s="162"/>
      <c r="BS2558" s="162"/>
      <c r="BT2558" s="162"/>
      <c r="BU2558" s="162"/>
      <c r="BV2558" s="162"/>
      <c r="BW2558" s="162"/>
      <c r="BX2558" s="162"/>
      <c r="BY2558" s="162"/>
      <c r="BZ2558" s="162"/>
      <c r="CA2558" s="162"/>
      <c r="CB2558" s="162"/>
      <c r="CC2558" s="162"/>
      <c r="CD2558" s="162"/>
      <c r="CE2558" s="162"/>
      <c r="CF2558" s="162"/>
      <c r="CG2558" s="162"/>
      <c r="CH2558" s="162"/>
      <c r="CI2558" s="162"/>
      <c r="CJ2558" s="162"/>
      <c r="CK2558" s="162"/>
      <c r="CX2558" s="98"/>
      <c r="DL2558" s="97"/>
      <c r="DX2558" s="98"/>
      <c r="EL2558" s="97"/>
      <c r="EX2558" s="98"/>
      <c r="EY2558" s="97"/>
      <c r="FL2558" s="126"/>
      <c r="FM2558" s="91"/>
      <c r="FN2558" s="91"/>
      <c r="FO2558" s="91"/>
      <c r="FP2558" s="91"/>
      <c r="FQ2558" s="91"/>
      <c r="FR2558" s="91"/>
      <c r="FS2558" s="91"/>
      <c r="FT2558" s="91"/>
      <c r="FU2558" s="91"/>
      <c r="FV2558" s="91"/>
      <c r="FW2558" s="91"/>
      <c r="FX2558" s="91"/>
      <c r="FY2558" s="91"/>
      <c r="FZ2558" s="91"/>
      <c r="GA2558" s="91"/>
      <c r="GB2558" s="91"/>
      <c r="GC2558" s="91"/>
      <c r="GD2558" s="91"/>
      <c r="GE2558" s="91"/>
      <c r="GF2558" s="91"/>
      <c r="GG2558" s="91"/>
      <c r="GH2558" s="91"/>
      <c r="GI2558" s="91"/>
      <c r="GJ2558" s="91"/>
      <c r="GK2558" s="127"/>
      <c r="GL2558" s="126"/>
      <c r="GM2558" s="91"/>
      <c r="GN2558" s="91"/>
      <c r="GO2558" s="91"/>
      <c r="GP2558" s="91"/>
      <c r="GQ2558" s="91"/>
      <c r="GR2558" s="91"/>
      <c r="GS2558" s="91"/>
      <c r="GT2558" s="91"/>
      <c r="GU2558" s="91"/>
      <c r="GV2558" s="91"/>
      <c r="GW2558" s="91"/>
      <c r="GX2558" s="91"/>
      <c r="GY2558" s="91"/>
      <c r="GZ2558" s="91"/>
      <c r="HA2558" s="91"/>
      <c r="HB2558" s="91"/>
      <c r="HC2558" s="91"/>
      <c r="HD2558" s="91"/>
      <c r="HE2558" s="91"/>
      <c r="HF2558" s="91"/>
      <c r="HG2558" s="91"/>
      <c r="HH2558" s="91"/>
      <c r="HI2558" s="91"/>
      <c r="HJ2558" s="91"/>
      <c r="HK2558" s="127"/>
      <c r="HL2558" s="126"/>
      <c r="HM2558" s="91"/>
      <c r="HN2558" s="91"/>
      <c r="HO2558" s="91"/>
      <c r="HP2558" s="91"/>
      <c r="HQ2558" s="91"/>
      <c r="HR2558" s="91"/>
      <c r="HS2558" s="91"/>
      <c r="HT2558" s="91"/>
      <c r="HU2558" s="91"/>
      <c r="HV2558" s="91"/>
      <c r="HW2558" s="91"/>
      <c r="HX2558" s="91"/>
      <c r="HY2558" s="91"/>
      <c r="HZ2558" s="91"/>
      <c r="IA2558" s="91"/>
      <c r="IB2558" s="91"/>
      <c r="IC2558" s="91"/>
      <c r="ID2558" s="91"/>
      <c r="IE2558" s="91"/>
      <c r="IF2558" s="91"/>
      <c r="IG2558" s="91"/>
      <c r="IH2558" s="91"/>
      <c r="II2558" s="91"/>
      <c r="IJ2558" s="91"/>
      <c r="IK2558" s="127"/>
    </row>
    <row r="2559" spans="2:245" x14ac:dyDescent="0.2">
      <c r="B2559" s="43"/>
      <c r="C2559" s="73"/>
      <c r="D2559" s="64"/>
      <c r="E2559" s="64"/>
      <c r="F2559" s="55"/>
      <c r="G2559" s="102"/>
      <c r="H2559" s="55"/>
      <c r="I2559" s="55"/>
      <c r="J2559" s="55"/>
      <c r="K2559" s="55"/>
      <c r="L2559" s="55"/>
      <c r="M2559" s="55"/>
      <c r="N2559" s="55"/>
      <c r="O2559" s="55"/>
      <c r="P2559" s="55"/>
      <c r="Q2559" s="55"/>
      <c r="R2559" s="55"/>
      <c r="S2559" s="55"/>
      <c r="T2559" s="55"/>
      <c r="U2559" s="55"/>
      <c r="V2559" s="55"/>
      <c r="W2559" s="55"/>
      <c r="X2559" s="55"/>
      <c r="Y2559" s="55"/>
      <c r="Z2559" s="55"/>
      <c r="AA2559" s="55"/>
      <c r="AB2559" s="55"/>
      <c r="AC2559" s="55"/>
      <c r="AD2559" s="55"/>
      <c r="AE2559" s="55"/>
      <c r="AF2559" s="55"/>
      <c r="AG2559" s="55"/>
      <c r="AY2559" s="162"/>
      <c r="AZ2559" s="162"/>
      <c r="BA2559" s="162"/>
      <c r="BB2559" s="162"/>
      <c r="BC2559" s="162"/>
      <c r="BD2559" s="162"/>
      <c r="BE2559" s="162"/>
      <c r="BF2559" s="162"/>
      <c r="BG2559" s="162"/>
      <c r="BH2559" s="162"/>
      <c r="BI2559" s="162"/>
      <c r="BJ2559" s="162"/>
      <c r="BK2559" s="162"/>
      <c r="BL2559" s="162"/>
      <c r="BM2559" s="162"/>
      <c r="BN2559" s="162"/>
      <c r="BO2559" s="162"/>
      <c r="BP2559" s="162"/>
      <c r="BQ2559" s="162"/>
      <c r="BR2559" s="162"/>
      <c r="BS2559" s="162"/>
      <c r="BT2559" s="162"/>
      <c r="BU2559" s="162"/>
      <c r="BV2559" s="162"/>
      <c r="BW2559" s="162"/>
      <c r="BX2559" s="162"/>
      <c r="BY2559" s="162"/>
      <c r="BZ2559" s="162"/>
      <c r="CA2559" s="162"/>
      <c r="CB2559" s="162"/>
      <c r="CC2559" s="162"/>
      <c r="CD2559" s="162"/>
      <c r="CE2559" s="162"/>
      <c r="CF2559" s="162"/>
      <c r="CG2559" s="162"/>
      <c r="CH2559" s="162"/>
      <c r="CI2559" s="162"/>
      <c r="CJ2559" s="162"/>
      <c r="CK2559" s="162"/>
      <c r="CX2559" s="98"/>
      <c r="DL2559" s="97"/>
      <c r="DX2559" s="98"/>
      <c r="EL2559" s="97"/>
      <c r="EX2559" s="98"/>
      <c r="EY2559" s="97"/>
      <c r="FL2559" s="126"/>
      <c r="FM2559" s="91"/>
      <c r="FN2559" s="91"/>
      <c r="FO2559" s="91"/>
      <c r="FP2559" s="91"/>
      <c r="FQ2559" s="91"/>
      <c r="FR2559" s="91"/>
      <c r="FS2559" s="91"/>
      <c r="FT2559" s="91"/>
      <c r="FU2559" s="91"/>
      <c r="FV2559" s="91"/>
      <c r="FW2559" s="91"/>
      <c r="FX2559" s="91"/>
      <c r="FY2559" s="91"/>
      <c r="FZ2559" s="91"/>
      <c r="GA2559" s="91"/>
      <c r="GB2559" s="91"/>
      <c r="GC2559" s="91"/>
      <c r="GD2559" s="91"/>
      <c r="GE2559" s="91"/>
      <c r="GF2559" s="91"/>
      <c r="GG2559" s="91"/>
      <c r="GH2559" s="91"/>
      <c r="GI2559" s="91"/>
      <c r="GJ2559" s="91"/>
      <c r="GK2559" s="127"/>
      <c r="GL2559" s="126"/>
      <c r="GM2559" s="91"/>
      <c r="GN2559" s="91"/>
      <c r="GO2559" s="91"/>
      <c r="GP2559" s="91"/>
      <c r="GQ2559" s="91"/>
      <c r="GR2559" s="91"/>
      <c r="GS2559" s="91"/>
      <c r="GT2559" s="91"/>
      <c r="GU2559" s="91"/>
      <c r="GV2559" s="91"/>
      <c r="GW2559" s="91"/>
      <c r="GX2559" s="91"/>
      <c r="GY2559" s="91"/>
      <c r="GZ2559" s="91"/>
      <c r="HA2559" s="91"/>
      <c r="HB2559" s="91"/>
      <c r="HC2559" s="91"/>
      <c r="HD2559" s="91"/>
      <c r="HE2559" s="91"/>
      <c r="HF2559" s="91"/>
      <c r="HG2559" s="91"/>
      <c r="HH2559" s="91"/>
      <c r="HI2559" s="91"/>
      <c r="HJ2559" s="91"/>
      <c r="HK2559" s="127"/>
      <c r="HL2559" s="126"/>
      <c r="HM2559" s="91"/>
      <c r="HN2559" s="91"/>
      <c r="HO2559" s="91"/>
      <c r="HP2559" s="91"/>
      <c r="HQ2559" s="91"/>
      <c r="HR2559" s="91"/>
      <c r="HS2559" s="91"/>
      <c r="HT2559" s="91"/>
      <c r="HU2559" s="91"/>
      <c r="HV2559" s="91"/>
      <c r="HW2559" s="91"/>
      <c r="HX2559" s="91"/>
      <c r="HY2559" s="91"/>
      <c r="HZ2559" s="91"/>
      <c r="IA2559" s="91"/>
      <c r="IB2559" s="91"/>
      <c r="IC2559" s="91"/>
      <c r="ID2559" s="91"/>
      <c r="IE2559" s="91"/>
      <c r="IF2559" s="91"/>
      <c r="IG2559" s="91"/>
      <c r="IH2559" s="91"/>
      <c r="II2559" s="91"/>
      <c r="IJ2559" s="91"/>
      <c r="IK2559" s="127"/>
    </row>
    <row r="2560" spans="2:245" x14ac:dyDescent="0.2">
      <c r="B2560" s="43"/>
      <c r="C2560" s="73"/>
      <c r="D2560" s="64"/>
      <c r="E2560" s="64"/>
      <c r="F2560" s="55"/>
      <c r="G2560" s="102"/>
      <c r="H2560" s="55"/>
      <c r="I2560" s="55"/>
      <c r="J2560" s="55"/>
      <c r="K2560" s="55"/>
      <c r="L2560" s="55"/>
      <c r="M2560" s="55"/>
      <c r="N2560" s="55"/>
      <c r="O2560" s="55"/>
      <c r="P2560" s="55"/>
      <c r="Q2560" s="55"/>
      <c r="R2560" s="55"/>
      <c r="S2560" s="55"/>
      <c r="T2560" s="55"/>
      <c r="U2560" s="55"/>
      <c r="V2560" s="55"/>
      <c r="W2560" s="55"/>
      <c r="X2560" s="55"/>
      <c r="Y2560" s="55"/>
      <c r="Z2560" s="55"/>
      <c r="AA2560" s="55"/>
      <c r="AB2560" s="55"/>
      <c r="AC2560" s="55"/>
      <c r="AD2560" s="55"/>
      <c r="AE2560" s="55"/>
      <c r="AF2560" s="55"/>
      <c r="AG2560" s="55"/>
      <c r="AY2560" s="162"/>
      <c r="AZ2560" s="162"/>
      <c r="BA2560" s="162"/>
      <c r="BB2560" s="162"/>
      <c r="BC2560" s="162"/>
      <c r="BD2560" s="162"/>
      <c r="BE2560" s="162"/>
      <c r="BF2560" s="162"/>
      <c r="BG2560" s="162"/>
      <c r="BH2560" s="162"/>
      <c r="BI2560" s="162"/>
      <c r="BJ2560" s="162"/>
      <c r="BK2560" s="162"/>
      <c r="BL2560" s="162"/>
      <c r="BM2560" s="162"/>
      <c r="BN2560" s="162"/>
      <c r="BO2560" s="162"/>
      <c r="BP2560" s="162"/>
      <c r="BQ2560" s="162"/>
      <c r="BR2560" s="162"/>
      <c r="BS2560" s="162"/>
      <c r="BT2560" s="162"/>
      <c r="BU2560" s="162"/>
      <c r="BV2560" s="162"/>
      <c r="BW2560" s="162"/>
      <c r="BX2560" s="162"/>
      <c r="BY2560" s="162"/>
      <c r="BZ2560" s="162"/>
      <c r="CA2560" s="162"/>
      <c r="CB2560" s="162"/>
      <c r="CC2560" s="162"/>
      <c r="CD2560" s="162"/>
      <c r="CE2560" s="162"/>
      <c r="CF2560" s="162"/>
      <c r="CG2560" s="162"/>
      <c r="CH2560" s="162"/>
      <c r="CI2560" s="162"/>
      <c r="CJ2560" s="162"/>
      <c r="CK2560" s="162"/>
      <c r="CX2560" s="98"/>
      <c r="DL2560" s="97"/>
      <c r="DX2560" s="98"/>
      <c r="EL2560" s="97"/>
      <c r="EX2560" s="98"/>
      <c r="EY2560" s="97"/>
      <c r="FL2560" s="126"/>
      <c r="FM2560" s="91"/>
      <c r="FN2560" s="91"/>
      <c r="FO2560" s="91"/>
      <c r="FP2560" s="91"/>
      <c r="FQ2560" s="91"/>
      <c r="FR2560" s="91"/>
      <c r="FS2560" s="91"/>
      <c r="FT2560" s="91"/>
      <c r="FU2560" s="91"/>
      <c r="FV2560" s="91"/>
      <c r="FW2560" s="91"/>
      <c r="FX2560" s="91"/>
      <c r="FY2560" s="91"/>
      <c r="FZ2560" s="91"/>
      <c r="GA2560" s="91"/>
      <c r="GB2560" s="91"/>
      <c r="GC2560" s="91"/>
      <c r="GD2560" s="91"/>
      <c r="GE2560" s="91"/>
      <c r="GF2560" s="91"/>
      <c r="GG2560" s="91"/>
      <c r="GH2560" s="91"/>
      <c r="GI2560" s="91"/>
      <c r="GJ2560" s="91"/>
      <c r="GK2560" s="127"/>
      <c r="GL2560" s="126"/>
      <c r="GM2560" s="91"/>
      <c r="GN2560" s="91"/>
      <c r="GO2560" s="91"/>
      <c r="GP2560" s="91"/>
      <c r="GQ2560" s="91"/>
      <c r="GR2560" s="91"/>
      <c r="GS2560" s="91"/>
      <c r="GT2560" s="91"/>
      <c r="GU2560" s="91"/>
      <c r="GV2560" s="91"/>
      <c r="GW2560" s="91"/>
      <c r="GX2560" s="91"/>
      <c r="GY2560" s="91"/>
      <c r="GZ2560" s="91"/>
      <c r="HA2560" s="91"/>
      <c r="HB2560" s="91"/>
      <c r="HC2560" s="91"/>
      <c r="HD2560" s="91"/>
      <c r="HE2560" s="91"/>
      <c r="HF2560" s="91"/>
      <c r="HG2560" s="91"/>
      <c r="HH2560" s="91"/>
      <c r="HI2560" s="91"/>
      <c r="HJ2560" s="91"/>
      <c r="HK2560" s="127"/>
      <c r="HL2560" s="126"/>
      <c r="HM2560" s="91"/>
      <c r="HN2560" s="91"/>
      <c r="HO2560" s="91"/>
      <c r="HP2560" s="91"/>
      <c r="HQ2560" s="91"/>
      <c r="HR2560" s="91"/>
      <c r="HS2560" s="91"/>
      <c r="HT2560" s="91"/>
      <c r="HU2560" s="91"/>
      <c r="HV2560" s="91"/>
      <c r="HW2560" s="91"/>
      <c r="HX2560" s="91"/>
      <c r="HY2560" s="91"/>
      <c r="HZ2560" s="91"/>
      <c r="IA2560" s="91"/>
      <c r="IB2560" s="91"/>
      <c r="IC2560" s="91"/>
      <c r="ID2560" s="91"/>
      <c r="IE2560" s="91"/>
      <c r="IF2560" s="91"/>
      <c r="IG2560" s="91"/>
      <c r="IH2560" s="91"/>
      <c r="II2560" s="91"/>
      <c r="IJ2560" s="91"/>
      <c r="IK2560" s="127"/>
    </row>
    <row r="2561" spans="2:245" x14ac:dyDescent="0.2">
      <c r="B2561" s="43"/>
      <c r="C2561" s="73"/>
      <c r="D2561" s="64"/>
      <c r="E2561" s="64"/>
      <c r="F2561" s="55"/>
      <c r="G2561" s="102"/>
      <c r="H2561" s="55"/>
      <c r="I2561" s="55"/>
      <c r="J2561" s="55"/>
      <c r="K2561" s="55"/>
      <c r="L2561" s="55"/>
      <c r="M2561" s="55"/>
      <c r="N2561" s="55"/>
      <c r="O2561" s="55"/>
      <c r="P2561" s="55"/>
      <c r="Q2561" s="55"/>
      <c r="R2561" s="55"/>
      <c r="S2561" s="55"/>
      <c r="T2561" s="55"/>
      <c r="U2561" s="55"/>
      <c r="V2561" s="55"/>
      <c r="W2561" s="55"/>
      <c r="X2561" s="55"/>
      <c r="Y2561" s="55"/>
      <c r="Z2561" s="55"/>
      <c r="AA2561" s="55"/>
      <c r="AB2561" s="55"/>
      <c r="AC2561" s="55"/>
      <c r="AD2561" s="55"/>
      <c r="AE2561" s="55"/>
      <c r="AF2561" s="55"/>
      <c r="AG2561" s="55"/>
      <c r="AY2561" s="162"/>
      <c r="AZ2561" s="162"/>
      <c r="BA2561" s="162"/>
      <c r="BB2561" s="162"/>
      <c r="BC2561" s="162"/>
      <c r="BD2561" s="162"/>
      <c r="BE2561" s="162"/>
      <c r="BF2561" s="162"/>
      <c r="BG2561" s="162"/>
      <c r="BH2561" s="162"/>
      <c r="BI2561" s="162"/>
      <c r="BJ2561" s="162"/>
      <c r="BK2561" s="162"/>
      <c r="BL2561" s="162"/>
      <c r="BM2561" s="162"/>
      <c r="BN2561" s="162"/>
      <c r="BO2561" s="162"/>
      <c r="BP2561" s="162"/>
      <c r="BQ2561" s="162"/>
      <c r="BR2561" s="162"/>
      <c r="BS2561" s="162"/>
      <c r="BT2561" s="162"/>
      <c r="BU2561" s="162"/>
      <c r="BV2561" s="162"/>
      <c r="BW2561" s="162"/>
      <c r="BX2561" s="162"/>
      <c r="BY2561" s="162"/>
      <c r="BZ2561" s="162"/>
      <c r="CA2561" s="162"/>
      <c r="CB2561" s="162"/>
      <c r="CC2561" s="162"/>
      <c r="CD2561" s="162"/>
      <c r="CE2561" s="162"/>
      <c r="CF2561" s="162"/>
      <c r="CG2561" s="162"/>
      <c r="CH2561" s="162"/>
      <c r="CI2561" s="162"/>
      <c r="CJ2561" s="162"/>
      <c r="CK2561" s="162"/>
      <c r="CX2561" s="98"/>
      <c r="DL2561" s="97"/>
      <c r="DX2561" s="98"/>
      <c r="EL2561" s="97"/>
      <c r="EX2561" s="98"/>
      <c r="EY2561" s="97"/>
      <c r="FL2561" s="126"/>
      <c r="FM2561" s="91"/>
      <c r="FN2561" s="91"/>
      <c r="FO2561" s="91"/>
      <c r="FP2561" s="91"/>
      <c r="FQ2561" s="91"/>
      <c r="FR2561" s="91"/>
      <c r="FS2561" s="91"/>
      <c r="FT2561" s="91"/>
      <c r="FU2561" s="91"/>
      <c r="FV2561" s="91"/>
      <c r="FW2561" s="91"/>
      <c r="FX2561" s="91"/>
      <c r="FY2561" s="91"/>
      <c r="FZ2561" s="91"/>
      <c r="GA2561" s="91"/>
      <c r="GB2561" s="91"/>
      <c r="GC2561" s="91"/>
      <c r="GD2561" s="91"/>
      <c r="GE2561" s="91"/>
      <c r="GF2561" s="91"/>
      <c r="GG2561" s="91"/>
      <c r="GH2561" s="91"/>
      <c r="GI2561" s="91"/>
      <c r="GJ2561" s="91"/>
      <c r="GK2561" s="127"/>
      <c r="GL2561" s="126"/>
      <c r="GM2561" s="91"/>
      <c r="GN2561" s="91"/>
      <c r="GO2561" s="91"/>
      <c r="GP2561" s="91"/>
      <c r="GQ2561" s="91"/>
      <c r="GR2561" s="91"/>
      <c r="GS2561" s="91"/>
      <c r="GT2561" s="91"/>
      <c r="GU2561" s="91"/>
      <c r="GV2561" s="91"/>
      <c r="GW2561" s="91"/>
      <c r="GX2561" s="91"/>
      <c r="GY2561" s="91"/>
      <c r="GZ2561" s="91"/>
      <c r="HA2561" s="91"/>
      <c r="HB2561" s="91"/>
      <c r="HC2561" s="91"/>
      <c r="HD2561" s="91"/>
      <c r="HE2561" s="91"/>
      <c r="HF2561" s="91"/>
      <c r="HG2561" s="91"/>
      <c r="HH2561" s="91"/>
      <c r="HI2561" s="91"/>
      <c r="HJ2561" s="91"/>
      <c r="HK2561" s="127"/>
      <c r="HL2561" s="126"/>
      <c r="HM2561" s="91"/>
      <c r="HN2561" s="91"/>
      <c r="HO2561" s="91"/>
      <c r="HP2561" s="91"/>
      <c r="HQ2561" s="91"/>
      <c r="HR2561" s="91"/>
      <c r="HS2561" s="91"/>
      <c r="HT2561" s="91"/>
      <c r="HU2561" s="91"/>
      <c r="HV2561" s="91"/>
      <c r="HW2561" s="91"/>
      <c r="HX2561" s="91"/>
      <c r="HY2561" s="91"/>
      <c r="HZ2561" s="91"/>
      <c r="IA2561" s="91"/>
      <c r="IB2561" s="91"/>
      <c r="IC2561" s="91"/>
      <c r="ID2561" s="91"/>
      <c r="IE2561" s="91"/>
      <c r="IF2561" s="91"/>
      <c r="IG2561" s="91"/>
      <c r="IH2561" s="91"/>
      <c r="II2561" s="91"/>
      <c r="IJ2561" s="91"/>
      <c r="IK2561" s="127"/>
    </row>
    <row r="2562" spans="2:245" x14ac:dyDescent="0.2">
      <c r="B2562" s="43"/>
      <c r="C2562" s="73"/>
      <c r="D2562" s="64"/>
      <c r="E2562" s="64"/>
      <c r="F2562" s="55"/>
      <c r="G2562" s="102"/>
      <c r="H2562" s="55"/>
      <c r="I2562" s="55"/>
      <c r="J2562" s="55"/>
      <c r="K2562" s="55"/>
      <c r="L2562" s="55"/>
      <c r="M2562" s="55"/>
      <c r="N2562" s="55"/>
      <c r="O2562" s="55"/>
      <c r="P2562" s="55"/>
      <c r="Q2562" s="55"/>
      <c r="R2562" s="55"/>
      <c r="S2562" s="55"/>
      <c r="T2562" s="55"/>
      <c r="U2562" s="55"/>
      <c r="V2562" s="55"/>
      <c r="W2562" s="55"/>
      <c r="X2562" s="55"/>
      <c r="Y2562" s="55"/>
      <c r="Z2562" s="55"/>
      <c r="AA2562" s="55"/>
      <c r="AB2562" s="55"/>
      <c r="AC2562" s="55"/>
      <c r="AD2562" s="55"/>
      <c r="AE2562" s="55"/>
      <c r="AF2562" s="55"/>
      <c r="AG2562" s="55"/>
      <c r="AY2562" s="162"/>
      <c r="AZ2562" s="162"/>
      <c r="BA2562" s="162"/>
      <c r="BB2562" s="162"/>
      <c r="BC2562" s="162"/>
      <c r="BD2562" s="162"/>
      <c r="BE2562" s="162"/>
      <c r="BF2562" s="162"/>
      <c r="BG2562" s="162"/>
      <c r="BH2562" s="162"/>
      <c r="BI2562" s="162"/>
      <c r="BJ2562" s="162"/>
      <c r="BK2562" s="162"/>
      <c r="BL2562" s="162"/>
      <c r="BM2562" s="162"/>
      <c r="BN2562" s="162"/>
      <c r="BO2562" s="162"/>
      <c r="BP2562" s="162"/>
      <c r="BQ2562" s="162"/>
      <c r="BR2562" s="162"/>
      <c r="BS2562" s="162"/>
      <c r="BT2562" s="162"/>
      <c r="BU2562" s="162"/>
      <c r="BV2562" s="162"/>
      <c r="BW2562" s="162"/>
      <c r="BX2562" s="162"/>
      <c r="BY2562" s="162"/>
      <c r="BZ2562" s="162"/>
      <c r="CA2562" s="162"/>
      <c r="CB2562" s="162"/>
      <c r="CC2562" s="162"/>
      <c r="CD2562" s="162"/>
      <c r="CE2562" s="162"/>
      <c r="CF2562" s="162"/>
      <c r="CG2562" s="162"/>
      <c r="CH2562" s="162"/>
      <c r="CI2562" s="162"/>
      <c r="CJ2562" s="162"/>
      <c r="CK2562" s="162"/>
      <c r="CX2562" s="98"/>
      <c r="DL2562" s="97"/>
      <c r="DX2562" s="98"/>
      <c r="EL2562" s="97"/>
      <c r="EX2562" s="98"/>
      <c r="EY2562" s="97"/>
      <c r="FL2562" s="126"/>
      <c r="FM2562" s="91"/>
      <c r="FN2562" s="91"/>
      <c r="FO2562" s="91"/>
      <c r="FP2562" s="91"/>
      <c r="FQ2562" s="91"/>
      <c r="FR2562" s="91"/>
      <c r="FS2562" s="91"/>
      <c r="FT2562" s="91"/>
      <c r="FU2562" s="91"/>
      <c r="FV2562" s="91"/>
      <c r="FW2562" s="91"/>
      <c r="FX2562" s="91"/>
      <c r="FY2562" s="91"/>
      <c r="FZ2562" s="91"/>
      <c r="GA2562" s="91"/>
      <c r="GB2562" s="91"/>
      <c r="GC2562" s="91"/>
      <c r="GD2562" s="91"/>
      <c r="GE2562" s="91"/>
      <c r="GF2562" s="91"/>
      <c r="GG2562" s="91"/>
      <c r="GH2562" s="91"/>
      <c r="GI2562" s="91"/>
      <c r="GJ2562" s="91"/>
      <c r="GK2562" s="127"/>
      <c r="GL2562" s="126"/>
      <c r="GM2562" s="91"/>
      <c r="GN2562" s="91"/>
      <c r="GO2562" s="91"/>
      <c r="GP2562" s="91"/>
      <c r="GQ2562" s="91"/>
      <c r="GR2562" s="91"/>
      <c r="GS2562" s="91"/>
      <c r="GT2562" s="91"/>
      <c r="GU2562" s="91"/>
      <c r="GV2562" s="91"/>
      <c r="GW2562" s="91"/>
      <c r="GX2562" s="91"/>
      <c r="GY2562" s="91"/>
      <c r="GZ2562" s="91"/>
      <c r="HA2562" s="91"/>
      <c r="HB2562" s="91"/>
      <c r="HC2562" s="91"/>
      <c r="HD2562" s="91"/>
      <c r="HE2562" s="91"/>
      <c r="HF2562" s="91"/>
      <c r="HG2562" s="91"/>
      <c r="HH2562" s="91"/>
      <c r="HI2562" s="91"/>
      <c r="HJ2562" s="91"/>
      <c r="HK2562" s="127"/>
      <c r="HL2562" s="126"/>
      <c r="HM2562" s="91"/>
      <c r="HN2562" s="91"/>
      <c r="HO2562" s="91"/>
      <c r="HP2562" s="91"/>
      <c r="HQ2562" s="91"/>
      <c r="HR2562" s="91"/>
      <c r="HS2562" s="91"/>
      <c r="HT2562" s="91"/>
      <c r="HU2562" s="91"/>
      <c r="HV2562" s="91"/>
      <c r="HW2562" s="91"/>
      <c r="HX2562" s="91"/>
      <c r="HY2562" s="91"/>
      <c r="HZ2562" s="91"/>
      <c r="IA2562" s="91"/>
      <c r="IB2562" s="91"/>
      <c r="IC2562" s="91"/>
      <c r="ID2562" s="91"/>
      <c r="IE2562" s="91"/>
      <c r="IF2562" s="91"/>
      <c r="IG2562" s="91"/>
      <c r="IH2562" s="91"/>
      <c r="II2562" s="91"/>
      <c r="IJ2562" s="91"/>
      <c r="IK2562" s="127"/>
    </row>
    <row r="2563" spans="2:245" x14ac:dyDescent="0.2">
      <c r="B2563" s="43"/>
      <c r="C2563" s="73"/>
      <c r="D2563" s="64"/>
      <c r="E2563" s="64"/>
      <c r="F2563" s="55"/>
      <c r="G2563" s="102"/>
      <c r="H2563" s="55"/>
      <c r="I2563" s="55"/>
      <c r="J2563" s="55"/>
      <c r="K2563" s="55"/>
      <c r="L2563" s="55"/>
      <c r="M2563" s="55"/>
      <c r="N2563" s="55"/>
      <c r="O2563" s="55"/>
      <c r="P2563" s="55"/>
      <c r="Q2563" s="55"/>
      <c r="R2563" s="55"/>
      <c r="S2563" s="55"/>
      <c r="T2563" s="55"/>
      <c r="U2563" s="55"/>
      <c r="V2563" s="55"/>
      <c r="W2563" s="55"/>
      <c r="X2563" s="55"/>
      <c r="Y2563" s="55"/>
      <c r="Z2563" s="55"/>
      <c r="AA2563" s="55"/>
      <c r="AB2563" s="55"/>
      <c r="AC2563" s="55"/>
      <c r="AD2563" s="55"/>
      <c r="AE2563" s="55"/>
      <c r="AF2563" s="55"/>
      <c r="AG2563" s="55"/>
      <c r="AY2563" s="162"/>
      <c r="AZ2563" s="162"/>
      <c r="BA2563" s="162"/>
      <c r="BB2563" s="162"/>
      <c r="BC2563" s="162"/>
      <c r="BD2563" s="162"/>
      <c r="BE2563" s="162"/>
      <c r="BF2563" s="162"/>
      <c r="BG2563" s="162"/>
      <c r="BH2563" s="162"/>
      <c r="BI2563" s="162"/>
      <c r="BJ2563" s="162"/>
      <c r="BK2563" s="162"/>
      <c r="BL2563" s="162"/>
      <c r="BM2563" s="162"/>
      <c r="BN2563" s="162"/>
      <c r="BO2563" s="162"/>
      <c r="BP2563" s="162"/>
      <c r="BQ2563" s="162"/>
      <c r="BR2563" s="162"/>
      <c r="BS2563" s="162"/>
      <c r="BT2563" s="162"/>
      <c r="BU2563" s="162"/>
      <c r="BV2563" s="162"/>
      <c r="BW2563" s="162"/>
      <c r="BX2563" s="162"/>
      <c r="BY2563" s="162"/>
      <c r="BZ2563" s="162"/>
      <c r="CA2563" s="162"/>
      <c r="CB2563" s="162"/>
      <c r="CC2563" s="162"/>
      <c r="CD2563" s="162"/>
      <c r="CE2563" s="162"/>
      <c r="CF2563" s="162"/>
      <c r="CG2563" s="162"/>
      <c r="CH2563" s="162"/>
      <c r="CI2563" s="162"/>
      <c r="CJ2563" s="162"/>
      <c r="CK2563" s="162"/>
      <c r="CX2563" s="98"/>
      <c r="DL2563" s="97"/>
      <c r="DX2563" s="98"/>
      <c r="EL2563" s="97"/>
      <c r="EX2563" s="98"/>
      <c r="EY2563" s="97"/>
      <c r="FL2563" s="126"/>
      <c r="FM2563" s="91"/>
      <c r="FN2563" s="91"/>
      <c r="FO2563" s="91"/>
      <c r="FP2563" s="91"/>
      <c r="FQ2563" s="91"/>
      <c r="FR2563" s="91"/>
      <c r="FS2563" s="91"/>
      <c r="FT2563" s="91"/>
      <c r="FU2563" s="91"/>
      <c r="FV2563" s="91"/>
      <c r="FW2563" s="91"/>
      <c r="FX2563" s="91"/>
      <c r="FY2563" s="91"/>
      <c r="FZ2563" s="91"/>
      <c r="GA2563" s="91"/>
      <c r="GB2563" s="91"/>
      <c r="GC2563" s="91"/>
      <c r="GD2563" s="91"/>
      <c r="GE2563" s="91"/>
      <c r="GF2563" s="91"/>
      <c r="GG2563" s="91"/>
      <c r="GH2563" s="91"/>
      <c r="GI2563" s="91"/>
      <c r="GJ2563" s="91"/>
      <c r="GK2563" s="127"/>
      <c r="GL2563" s="126"/>
      <c r="GM2563" s="91"/>
      <c r="GN2563" s="91"/>
      <c r="GO2563" s="91"/>
      <c r="GP2563" s="91"/>
      <c r="GQ2563" s="91"/>
      <c r="GR2563" s="91"/>
      <c r="GS2563" s="91"/>
      <c r="GT2563" s="91"/>
      <c r="GU2563" s="91"/>
      <c r="GV2563" s="91"/>
      <c r="GW2563" s="91"/>
      <c r="GX2563" s="91"/>
      <c r="GY2563" s="91"/>
      <c r="GZ2563" s="91"/>
      <c r="HA2563" s="91"/>
      <c r="HB2563" s="91"/>
      <c r="HC2563" s="91"/>
      <c r="HD2563" s="91"/>
      <c r="HE2563" s="91"/>
      <c r="HF2563" s="91"/>
      <c r="HG2563" s="91"/>
      <c r="HH2563" s="91"/>
      <c r="HI2563" s="91"/>
      <c r="HJ2563" s="91"/>
      <c r="HK2563" s="127"/>
      <c r="HL2563" s="126"/>
      <c r="HM2563" s="91"/>
      <c r="HN2563" s="91"/>
      <c r="HO2563" s="91"/>
      <c r="HP2563" s="91"/>
      <c r="HQ2563" s="91"/>
      <c r="HR2563" s="91"/>
      <c r="HS2563" s="91"/>
      <c r="HT2563" s="91"/>
      <c r="HU2563" s="91"/>
      <c r="HV2563" s="91"/>
      <c r="HW2563" s="91"/>
      <c r="HX2563" s="91"/>
      <c r="HY2563" s="91"/>
      <c r="HZ2563" s="91"/>
      <c r="IA2563" s="91"/>
      <c r="IB2563" s="91"/>
      <c r="IC2563" s="91"/>
      <c r="ID2563" s="91"/>
      <c r="IE2563" s="91"/>
      <c r="IF2563" s="91"/>
      <c r="IG2563" s="91"/>
      <c r="IH2563" s="91"/>
      <c r="II2563" s="91"/>
      <c r="IJ2563" s="91"/>
      <c r="IK2563" s="127"/>
    </row>
    <row r="2564" spans="2:245" x14ac:dyDescent="0.2">
      <c r="B2564" s="43"/>
      <c r="C2564" s="73"/>
      <c r="D2564" s="64"/>
      <c r="E2564" s="64"/>
      <c r="F2564" s="55"/>
      <c r="G2564" s="102"/>
      <c r="H2564" s="55"/>
      <c r="I2564" s="55"/>
      <c r="J2564" s="55"/>
      <c r="K2564" s="55"/>
      <c r="L2564" s="55"/>
      <c r="M2564" s="55"/>
      <c r="N2564" s="55"/>
      <c r="O2564" s="55"/>
      <c r="P2564" s="55"/>
      <c r="Q2564" s="55"/>
      <c r="R2564" s="55"/>
      <c r="S2564" s="55"/>
      <c r="T2564" s="55"/>
      <c r="U2564" s="55"/>
      <c r="V2564" s="55"/>
      <c r="W2564" s="55"/>
      <c r="X2564" s="55"/>
      <c r="Y2564" s="55"/>
      <c r="Z2564" s="55"/>
      <c r="AA2564" s="55"/>
      <c r="AB2564" s="55"/>
      <c r="AC2564" s="55"/>
      <c r="AD2564" s="55"/>
      <c r="AE2564" s="55"/>
      <c r="AF2564" s="55"/>
      <c r="AG2564" s="55"/>
      <c r="AY2564" s="162"/>
      <c r="AZ2564" s="162"/>
      <c r="BA2564" s="162"/>
      <c r="BB2564" s="162"/>
      <c r="BC2564" s="162"/>
      <c r="BD2564" s="162"/>
      <c r="BE2564" s="162"/>
      <c r="BF2564" s="162"/>
      <c r="BG2564" s="162"/>
      <c r="BH2564" s="162"/>
      <c r="BI2564" s="162"/>
      <c r="BJ2564" s="162"/>
      <c r="BK2564" s="162"/>
      <c r="BL2564" s="162"/>
      <c r="BM2564" s="162"/>
      <c r="BN2564" s="162"/>
      <c r="BO2564" s="162"/>
      <c r="BP2564" s="162"/>
      <c r="BQ2564" s="162"/>
      <c r="BR2564" s="162"/>
      <c r="BS2564" s="162"/>
      <c r="BT2564" s="162"/>
      <c r="BU2564" s="162"/>
      <c r="BV2564" s="162"/>
      <c r="BW2564" s="162"/>
      <c r="BX2564" s="162"/>
      <c r="BY2564" s="162"/>
      <c r="BZ2564" s="162"/>
      <c r="CA2564" s="162"/>
      <c r="CB2564" s="162"/>
      <c r="CC2564" s="162"/>
      <c r="CD2564" s="162"/>
      <c r="CE2564" s="162"/>
      <c r="CF2564" s="162"/>
      <c r="CG2564" s="162"/>
      <c r="CH2564" s="162"/>
      <c r="CI2564" s="162"/>
      <c r="CJ2564" s="162"/>
      <c r="CK2564" s="162"/>
      <c r="CX2564" s="98"/>
      <c r="DL2564" s="97"/>
      <c r="DX2564" s="98"/>
      <c r="EL2564" s="97"/>
      <c r="EX2564" s="98"/>
      <c r="EY2564" s="97"/>
      <c r="FL2564" s="126"/>
      <c r="FM2564" s="91"/>
      <c r="FN2564" s="91"/>
      <c r="FO2564" s="91"/>
      <c r="FP2564" s="91"/>
      <c r="FQ2564" s="91"/>
      <c r="FR2564" s="91"/>
      <c r="FS2564" s="91"/>
      <c r="FT2564" s="91"/>
      <c r="FU2564" s="91"/>
      <c r="FV2564" s="91"/>
      <c r="FW2564" s="91"/>
      <c r="FX2564" s="91"/>
      <c r="FY2564" s="91"/>
      <c r="FZ2564" s="91"/>
      <c r="GA2564" s="91"/>
      <c r="GB2564" s="91"/>
      <c r="GC2564" s="91"/>
      <c r="GD2564" s="91"/>
      <c r="GE2564" s="91"/>
      <c r="GF2564" s="91"/>
      <c r="GG2564" s="91"/>
      <c r="GH2564" s="91"/>
      <c r="GI2564" s="91"/>
      <c r="GJ2564" s="91"/>
      <c r="GK2564" s="127"/>
      <c r="GL2564" s="126"/>
      <c r="GM2564" s="91"/>
      <c r="GN2564" s="91"/>
      <c r="GO2564" s="91"/>
      <c r="GP2564" s="91"/>
      <c r="GQ2564" s="91"/>
      <c r="GR2564" s="91"/>
      <c r="GS2564" s="91"/>
      <c r="GT2564" s="91"/>
      <c r="GU2564" s="91"/>
      <c r="GV2564" s="91"/>
      <c r="GW2564" s="91"/>
      <c r="GX2564" s="91"/>
      <c r="GY2564" s="91"/>
      <c r="GZ2564" s="91"/>
      <c r="HA2564" s="91"/>
      <c r="HB2564" s="91"/>
      <c r="HC2564" s="91"/>
      <c r="HD2564" s="91"/>
      <c r="HE2564" s="91"/>
      <c r="HF2564" s="91"/>
      <c r="HG2564" s="91"/>
      <c r="HH2564" s="91"/>
      <c r="HI2564" s="91"/>
      <c r="HJ2564" s="91"/>
      <c r="HK2564" s="127"/>
      <c r="HL2564" s="126"/>
      <c r="HM2564" s="91"/>
      <c r="HN2564" s="91"/>
      <c r="HO2564" s="91"/>
      <c r="HP2564" s="91"/>
      <c r="HQ2564" s="91"/>
      <c r="HR2564" s="91"/>
      <c r="HS2564" s="91"/>
      <c r="HT2564" s="91"/>
      <c r="HU2564" s="91"/>
      <c r="HV2564" s="91"/>
      <c r="HW2564" s="91"/>
      <c r="HX2564" s="91"/>
      <c r="HY2564" s="91"/>
      <c r="HZ2564" s="91"/>
      <c r="IA2564" s="91"/>
      <c r="IB2564" s="91"/>
      <c r="IC2564" s="91"/>
      <c r="ID2564" s="91"/>
      <c r="IE2564" s="91"/>
      <c r="IF2564" s="91"/>
      <c r="IG2564" s="91"/>
      <c r="IH2564" s="91"/>
      <c r="II2564" s="91"/>
      <c r="IJ2564" s="91"/>
      <c r="IK2564" s="127"/>
    </row>
    <row r="2565" spans="2:245" x14ac:dyDescent="0.2">
      <c r="B2565" s="43"/>
      <c r="C2565" s="73"/>
      <c r="D2565" s="64"/>
      <c r="E2565" s="64"/>
      <c r="F2565" s="55"/>
      <c r="G2565" s="102"/>
      <c r="H2565" s="55"/>
      <c r="I2565" s="55"/>
      <c r="J2565" s="55"/>
      <c r="K2565" s="55"/>
      <c r="L2565" s="55"/>
      <c r="M2565" s="55"/>
      <c r="N2565" s="55"/>
      <c r="O2565" s="55"/>
      <c r="P2565" s="55"/>
      <c r="Q2565" s="55"/>
      <c r="R2565" s="55"/>
      <c r="S2565" s="55"/>
      <c r="T2565" s="55"/>
      <c r="U2565" s="55"/>
      <c r="V2565" s="55"/>
      <c r="W2565" s="55"/>
      <c r="X2565" s="55"/>
      <c r="Y2565" s="55"/>
      <c r="Z2565" s="55"/>
      <c r="AA2565" s="55"/>
      <c r="AB2565" s="55"/>
      <c r="AC2565" s="55"/>
      <c r="AD2565" s="55"/>
      <c r="AE2565" s="55"/>
      <c r="AF2565" s="55"/>
      <c r="AG2565" s="55"/>
      <c r="AY2565" s="162"/>
      <c r="AZ2565" s="162"/>
      <c r="BA2565" s="162"/>
      <c r="BB2565" s="162"/>
      <c r="BC2565" s="162"/>
      <c r="BD2565" s="162"/>
      <c r="BE2565" s="162"/>
      <c r="BF2565" s="162"/>
      <c r="BG2565" s="162"/>
      <c r="BH2565" s="162"/>
      <c r="BI2565" s="162"/>
      <c r="BJ2565" s="162"/>
      <c r="BK2565" s="162"/>
      <c r="BL2565" s="162"/>
      <c r="BM2565" s="162"/>
      <c r="BN2565" s="162"/>
      <c r="BO2565" s="162"/>
      <c r="BP2565" s="162"/>
      <c r="BQ2565" s="162"/>
      <c r="BR2565" s="162"/>
      <c r="BS2565" s="162"/>
      <c r="BT2565" s="162"/>
      <c r="BU2565" s="162"/>
      <c r="BV2565" s="162"/>
      <c r="BW2565" s="162"/>
      <c r="BX2565" s="162"/>
      <c r="BY2565" s="162"/>
      <c r="BZ2565" s="162"/>
      <c r="CA2565" s="162"/>
      <c r="CB2565" s="162"/>
      <c r="CC2565" s="162"/>
      <c r="CD2565" s="162"/>
      <c r="CE2565" s="162"/>
      <c r="CF2565" s="162"/>
      <c r="CG2565" s="162"/>
      <c r="CH2565" s="162"/>
      <c r="CI2565" s="162"/>
      <c r="CJ2565" s="162"/>
      <c r="CK2565" s="162"/>
      <c r="CX2565" s="98"/>
      <c r="DL2565" s="97"/>
      <c r="DX2565" s="98"/>
      <c r="EL2565" s="97"/>
      <c r="EX2565" s="98"/>
      <c r="EY2565" s="97"/>
      <c r="FL2565" s="126"/>
      <c r="FM2565" s="91"/>
      <c r="FN2565" s="91"/>
      <c r="FO2565" s="91"/>
      <c r="FP2565" s="91"/>
      <c r="FQ2565" s="91"/>
      <c r="FR2565" s="91"/>
      <c r="FS2565" s="91"/>
      <c r="FT2565" s="91"/>
      <c r="FU2565" s="91"/>
      <c r="FV2565" s="91"/>
      <c r="FW2565" s="91"/>
      <c r="FX2565" s="91"/>
      <c r="FY2565" s="91"/>
      <c r="FZ2565" s="91"/>
      <c r="GA2565" s="91"/>
      <c r="GB2565" s="91"/>
      <c r="GC2565" s="91"/>
      <c r="GD2565" s="91"/>
      <c r="GE2565" s="91"/>
      <c r="GF2565" s="91"/>
      <c r="GG2565" s="91"/>
      <c r="GH2565" s="91"/>
      <c r="GI2565" s="91"/>
      <c r="GJ2565" s="91"/>
      <c r="GK2565" s="127"/>
      <c r="GL2565" s="126"/>
      <c r="GM2565" s="91"/>
      <c r="GN2565" s="91"/>
      <c r="GO2565" s="91"/>
      <c r="GP2565" s="91"/>
      <c r="GQ2565" s="91"/>
      <c r="GR2565" s="91"/>
      <c r="GS2565" s="91"/>
      <c r="GT2565" s="91"/>
      <c r="GU2565" s="91"/>
      <c r="GV2565" s="91"/>
      <c r="GW2565" s="91"/>
      <c r="GX2565" s="91"/>
      <c r="GY2565" s="91"/>
      <c r="GZ2565" s="91"/>
      <c r="HA2565" s="91"/>
      <c r="HB2565" s="91"/>
      <c r="HC2565" s="91"/>
      <c r="HD2565" s="91"/>
      <c r="HE2565" s="91"/>
      <c r="HF2565" s="91"/>
      <c r="HG2565" s="91"/>
      <c r="HH2565" s="91"/>
      <c r="HI2565" s="91"/>
      <c r="HJ2565" s="91"/>
      <c r="HK2565" s="127"/>
      <c r="HL2565" s="126"/>
      <c r="HM2565" s="91"/>
      <c r="HN2565" s="91"/>
      <c r="HO2565" s="91"/>
      <c r="HP2565" s="91"/>
      <c r="HQ2565" s="91"/>
      <c r="HR2565" s="91"/>
      <c r="HS2565" s="91"/>
      <c r="HT2565" s="91"/>
      <c r="HU2565" s="91"/>
      <c r="HV2565" s="91"/>
      <c r="HW2565" s="91"/>
      <c r="HX2565" s="91"/>
      <c r="HY2565" s="91"/>
      <c r="HZ2565" s="91"/>
      <c r="IA2565" s="91"/>
      <c r="IB2565" s="91"/>
      <c r="IC2565" s="91"/>
      <c r="ID2565" s="91"/>
      <c r="IE2565" s="91"/>
      <c r="IF2565" s="91"/>
      <c r="IG2565" s="91"/>
      <c r="IH2565" s="91"/>
      <c r="II2565" s="91"/>
      <c r="IJ2565" s="91"/>
      <c r="IK2565" s="127"/>
    </row>
    <row r="2566" spans="2:245" x14ac:dyDescent="0.2">
      <c r="B2566" s="43"/>
      <c r="C2566" s="73"/>
      <c r="D2566" s="64"/>
      <c r="E2566" s="64"/>
      <c r="F2566" s="55"/>
      <c r="G2566" s="102"/>
      <c r="H2566" s="55"/>
      <c r="I2566" s="55"/>
      <c r="J2566" s="55"/>
      <c r="K2566" s="55"/>
      <c r="L2566" s="55"/>
      <c r="M2566" s="55"/>
      <c r="N2566" s="55"/>
      <c r="O2566" s="55"/>
      <c r="P2566" s="55"/>
      <c r="Q2566" s="55"/>
      <c r="R2566" s="55"/>
      <c r="S2566" s="55"/>
      <c r="T2566" s="55"/>
      <c r="U2566" s="55"/>
      <c r="V2566" s="55"/>
      <c r="W2566" s="55"/>
      <c r="X2566" s="55"/>
      <c r="Y2566" s="55"/>
      <c r="Z2566" s="55"/>
      <c r="AA2566" s="55"/>
      <c r="AB2566" s="55"/>
      <c r="AC2566" s="55"/>
      <c r="AD2566" s="55"/>
      <c r="AE2566" s="55"/>
      <c r="AF2566" s="55"/>
      <c r="AG2566" s="55"/>
      <c r="AY2566" s="162"/>
      <c r="AZ2566" s="162"/>
      <c r="BA2566" s="162"/>
      <c r="BB2566" s="162"/>
      <c r="BC2566" s="162"/>
      <c r="BD2566" s="162"/>
      <c r="BE2566" s="162"/>
      <c r="BF2566" s="162"/>
      <c r="BG2566" s="162"/>
      <c r="BH2566" s="162"/>
      <c r="BI2566" s="162"/>
      <c r="BJ2566" s="162"/>
      <c r="BK2566" s="162"/>
      <c r="BL2566" s="162"/>
      <c r="BM2566" s="162"/>
      <c r="BN2566" s="162"/>
      <c r="BO2566" s="162"/>
      <c r="BP2566" s="162"/>
      <c r="BQ2566" s="162"/>
      <c r="BR2566" s="162"/>
      <c r="BS2566" s="162"/>
      <c r="BT2566" s="162"/>
      <c r="BU2566" s="162"/>
      <c r="BV2566" s="162"/>
      <c r="BW2566" s="162"/>
      <c r="BX2566" s="162"/>
      <c r="BY2566" s="162"/>
      <c r="BZ2566" s="162"/>
      <c r="CA2566" s="162"/>
      <c r="CB2566" s="162"/>
      <c r="CC2566" s="162"/>
      <c r="CD2566" s="162"/>
      <c r="CE2566" s="162"/>
      <c r="CF2566" s="162"/>
      <c r="CG2566" s="162"/>
      <c r="CH2566" s="162"/>
      <c r="CI2566" s="162"/>
      <c r="CJ2566" s="162"/>
      <c r="CK2566" s="162"/>
      <c r="CX2566" s="98"/>
      <c r="DL2566" s="97"/>
      <c r="DX2566" s="98"/>
      <c r="EL2566" s="97"/>
      <c r="EX2566" s="98"/>
      <c r="EY2566" s="97"/>
      <c r="FL2566" s="126"/>
      <c r="FM2566" s="91"/>
      <c r="FN2566" s="91"/>
      <c r="FO2566" s="91"/>
      <c r="FP2566" s="91"/>
      <c r="FQ2566" s="91"/>
      <c r="FR2566" s="91"/>
      <c r="FS2566" s="91"/>
      <c r="FT2566" s="91"/>
      <c r="FU2566" s="91"/>
      <c r="FV2566" s="91"/>
      <c r="FW2566" s="91"/>
      <c r="FX2566" s="91"/>
      <c r="FY2566" s="91"/>
      <c r="FZ2566" s="91"/>
      <c r="GA2566" s="91"/>
      <c r="GB2566" s="91"/>
      <c r="GC2566" s="91"/>
      <c r="GD2566" s="91"/>
      <c r="GE2566" s="91"/>
      <c r="GF2566" s="91"/>
      <c r="GG2566" s="91"/>
      <c r="GH2566" s="91"/>
      <c r="GI2566" s="91"/>
      <c r="GJ2566" s="91"/>
      <c r="GK2566" s="127"/>
      <c r="GL2566" s="126"/>
      <c r="GM2566" s="91"/>
      <c r="GN2566" s="91"/>
      <c r="GO2566" s="91"/>
      <c r="GP2566" s="91"/>
      <c r="GQ2566" s="91"/>
      <c r="GR2566" s="91"/>
      <c r="GS2566" s="91"/>
      <c r="GT2566" s="91"/>
      <c r="GU2566" s="91"/>
      <c r="GV2566" s="91"/>
      <c r="GW2566" s="91"/>
      <c r="GX2566" s="91"/>
      <c r="GY2566" s="91"/>
      <c r="GZ2566" s="91"/>
      <c r="HA2566" s="91"/>
      <c r="HB2566" s="91"/>
      <c r="HC2566" s="91"/>
      <c r="HD2566" s="91"/>
      <c r="HE2566" s="91"/>
      <c r="HF2566" s="91"/>
      <c r="HG2566" s="91"/>
      <c r="HH2566" s="91"/>
      <c r="HI2566" s="91"/>
      <c r="HJ2566" s="91"/>
      <c r="HK2566" s="127"/>
      <c r="HL2566" s="126"/>
      <c r="HM2566" s="91"/>
      <c r="HN2566" s="91"/>
      <c r="HO2566" s="91"/>
      <c r="HP2566" s="91"/>
      <c r="HQ2566" s="91"/>
      <c r="HR2566" s="91"/>
      <c r="HS2566" s="91"/>
      <c r="HT2566" s="91"/>
      <c r="HU2566" s="91"/>
      <c r="HV2566" s="91"/>
      <c r="HW2566" s="91"/>
      <c r="HX2566" s="91"/>
      <c r="HY2566" s="91"/>
      <c r="HZ2566" s="91"/>
      <c r="IA2566" s="91"/>
      <c r="IB2566" s="91"/>
      <c r="IC2566" s="91"/>
      <c r="ID2566" s="91"/>
      <c r="IE2566" s="91"/>
      <c r="IF2566" s="91"/>
      <c r="IG2566" s="91"/>
      <c r="IH2566" s="91"/>
      <c r="II2566" s="91"/>
      <c r="IJ2566" s="91"/>
      <c r="IK2566" s="127"/>
    </row>
    <row r="2567" spans="2:245" x14ac:dyDescent="0.2">
      <c r="B2567" s="43"/>
      <c r="C2567" s="73"/>
      <c r="D2567" s="64"/>
      <c r="E2567" s="64"/>
      <c r="F2567" s="55"/>
      <c r="G2567" s="102"/>
      <c r="H2567" s="55"/>
      <c r="I2567" s="55"/>
      <c r="J2567" s="55"/>
      <c r="K2567" s="55"/>
      <c r="L2567" s="55"/>
      <c r="M2567" s="55"/>
      <c r="N2567" s="55"/>
      <c r="O2567" s="55"/>
      <c r="P2567" s="55"/>
      <c r="Q2567" s="55"/>
      <c r="R2567" s="55"/>
      <c r="S2567" s="55"/>
      <c r="T2567" s="55"/>
      <c r="U2567" s="55"/>
      <c r="V2567" s="55"/>
      <c r="W2567" s="55"/>
      <c r="X2567" s="55"/>
      <c r="Y2567" s="55"/>
      <c r="Z2567" s="55"/>
      <c r="AA2567" s="55"/>
      <c r="AB2567" s="55"/>
      <c r="AC2567" s="55"/>
      <c r="AD2567" s="55"/>
      <c r="AE2567" s="55"/>
      <c r="AF2567" s="55"/>
      <c r="AG2567" s="55"/>
      <c r="AY2567" s="162"/>
      <c r="AZ2567" s="162"/>
      <c r="BA2567" s="162"/>
      <c r="BB2567" s="162"/>
      <c r="BC2567" s="162"/>
      <c r="BD2567" s="162"/>
      <c r="BE2567" s="162"/>
      <c r="BF2567" s="162"/>
      <c r="BG2567" s="162"/>
      <c r="BH2567" s="162"/>
      <c r="BI2567" s="162"/>
      <c r="BJ2567" s="162"/>
      <c r="BK2567" s="162"/>
      <c r="BL2567" s="162"/>
      <c r="BM2567" s="162"/>
      <c r="BN2567" s="162"/>
      <c r="BO2567" s="162"/>
      <c r="BP2567" s="162"/>
      <c r="BQ2567" s="162"/>
      <c r="BR2567" s="162"/>
      <c r="BS2567" s="162"/>
      <c r="BT2567" s="162"/>
      <c r="BU2567" s="162"/>
      <c r="BV2567" s="162"/>
      <c r="BW2567" s="162"/>
      <c r="BX2567" s="162"/>
      <c r="BY2567" s="162"/>
      <c r="BZ2567" s="162"/>
      <c r="CA2567" s="162"/>
      <c r="CB2567" s="162"/>
      <c r="CC2567" s="162"/>
      <c r="CD2567" s="162"/>
      <c r="CE2567" s="162"/>
      <c r="CF2567" s="162"/>
      <c r="CG2567" s="162"/>
      <c r="CH2567" s="162"/>
      <c r="CI2567" s="162"/>
      <c r="CJ2567" s="162"/>
      <c r="CK2567" s="162"/>
      <c r="CX2567" s="98"/>
      <c r="DL2567" s="97"/>
      <c r="DX2567" s="98"/>
      <c r="EL2567" s="97"/>
      <c r="EX2567" s="98"/>
      <c r="EY2567" s="97"/>
      <c r="FL2567" s="126"/>
      <c r="FM2567" s="91"/>
      <c r="FN2567" s="91"/>
      <c r="FO2567" s="91"/>
      <c r="FP2567" s="91"/>
      <c r="FQ2567" s="91"/>
      <c r="FR2567" s="91"/>
      <c r="FS2567" s="91"/>
      <c r="FT2567" s="91"/>
      <c r="FU2567" s="91"/>
      <c r="FV2567" s="91"/>
      <c r="FW2567" s="91"/>
      <c r="FX2567" s="91"/>
      <c r="FY2567" s="91"/>
      <c r="FZ2567" s="91"/>
      <c r="GA2567" s="91"/>
      <c r="GB2567" s="91"/>
      <c r="GC2567" s="91"/>
      <c r="GD2567" s="91"/>
      <c r="GE2567" s="91"/>
      <c r="GF2567" s="91"/>
      <c r="GG2567" s="91"/>
      <c r="GH2567" s="91"/>
      <c r="GI2567" s="91"/>
      <c r="GJ2567" s="91"/>
      <c r="GK2567" s="127"/>
      <c r="GL2567" s="126"/>
      <c r="GM2567" s="91"/>
      <c r="GN2567" s="91"/>
      <c r="GO2567" s="91"/>
      <c r="GP2567" s="91"/>
      <c r="GQ2567" s="91"/>
      <c r="GR2567" s="91"/>
      <c r="GS2567" s="91"/>
      <c r="GT2567" s="91"/>
      <c r="GU2567" s="91"/>
      <c r="GV2567" s="91"/>
      <c r="GW2567" s="91"/>
      <c r="GX2567" s="91"/>
      <c r="GY2567" s="91"/>
      <c r="GZ2567" s="91"/>
      <c r="HA2567" s="91"/>
      <c r="HB2567" s="91"/>
      <c r="HC2567" s="91"/>
      <c r="HD2567" s="91"/>
      <c r="HE2567" s="91"/>
      <c r="HF2567" s="91"/>
      <c r="HG2567" s="91"/>
      <c r="HH2567" s="91"/>
      <c r="HI2567" s="91"/>
      <c r="HJ2567" s="91"/>
      <c r="HK2567" s="127"/>
      <c r="HL2567" s="126"/>
      <c r="HM2567" s="91"/>
      <c r="HN2567" s="91"/>
      <c r="HO2567" s="91"/>
      <c r="HP2567" s="91"/>
      <c r="HQ2567" s="91"/>
      <c r="HR2567" s="91"/>
      <c r="HS2567" s="91"/>
      <c r="HT2567" s="91"/>
      <c r="HU2567" s="91"/>
      <c r="HV2567" s="91"/>
      <c r="HW2567" s="91"/>
      <c r="HX2567" s="91"/>
      <c r="HY2567" s="91"/>
      <c r="HZ2567" s="91"/>
      <c r="IA2567" s="91"/>
      <c r="IB2567" s="91"/>
      <c r="IC2567" s="91"/>
      <c r="ID2567" s="91"/>
      <c r="IE2567" s="91"/>
      <c r="IF2567" s="91"/>
      <c r="IG2567" s="91"/>
      <c r="IH2567" s="91"/>
      <c r="II2567" s="91"/>
      <c r="IJ2567" s="91"/>
      <c r="IK2567" s="127"/>
    </row>
    <row r="2568" spans="2:245" x14ac:dyDescent="0.2">
      <c r="B2568" s="43"/>
      <c r="C2568" s="73"/>
      <c r="D2568" s="64"/>
      <c r="E2568" s="64"/>
      <c r="F2568" s="55"/>
      <c r="G2568" s="102"/>
      <c r="H2568" s="55"/>
      <c r="I2568" s="55"/>
      <c r="J2568" s="55"/>
      <c r="K2568" s="55"/>
      <c r="L2568" s="55"/>
      <c r="M2568" s="55"/>
      <c r="N2568" s="55"/>
      <c r="O2568" s="55"/>
      <c r="P2568" s="55"/>
      <c r="Q2568" s="55"/>
      <c r="R2568" s="55"/>
      <c r="S2568" s="55"/>
      <c r="T2568" s="55"/>
      <c r="U2568" s="55"/>
      <c r="V2568" s="55"/>
      <c r="W2568" s="55"/>
      <c r="X2568" s="55"/>
      <c r="Y2568" s="55"/>
      <c r="Z2568" s="55"/>
      <c r="AA2568" s="55"/>
      <c r="AB2568" s="55"/>
      <c r="AC2568" s="55"/>
      <c r="AD2568" s="55"/>
      <c r="AE2568" s="55"/>
      <c r="AF2568" s="55"/>
      <c r="AG2568" s="55"/>
      <c r="AY2568" s="162"/>
      <c r="AZ2568" s="162"/>
      <c r="BA2568" s="162"/>
      <c r="BB2568" s="162"/>
      <c r="BC2568" s="162"/>
      <c r="BD2568" s="162"/>
      <c r="BE2568" s="162"/>
      <c r="BF2568" s="162"/>
      <c r="BG2568" s="162"/>
      <c r="BH2568" s="162"/>
      <c r="BI2568" s="162"/>
      <c r="BJ2568" s="162"/>
      <c r="BK2568" s="162"/>
      <c r="BL2568" s="162"/>
      <c r="BM2568" s="162"/>
      <c r="BN2568" s="162"/>
      <c r="BO2568" s="162"/>
      <c r="BP2568" s="162"/>
      <c r="BQ2568" s="162"/>
      <c r="BR2568" s="162"/>
      <c r="BS2568" s="162"/>
      <c r="BT2568" s="162"/>
      <c r="BU2568" s="162"/>
      <c r="BV2568" s="162"/>
      <c r="BW2568" s="162"/>
      <c r="BX2568" s="162"/>
      <c r="BY2568" s="162"/>
      <c r="BZ2568" s="162"/>
      <c r="CA2568" s="162"/>
      <c r="CB2568" s="162"/>
      <c r="CC2568" s="162"/>
      <c r="CD2568" s="162"/>
      <c r="CE2568" s="162"/>
      <c r="CF2568" s="162"/>
      <c r="CG2568" s="162"/>
      <c r="CH2568" s="162"/>
      <c r="CI2568" s="162"/>
      <c r="CJ2568" s="162"/>
      <c r="CK2568" s="162"/>
      <c r="CX2568" s="98"/>
      <c r="DL2568" s="97"/>
      <c r="DX2568" s="98"/>
      <c r="EL2568" s="97"/>
      <c r="EX2568" s="98"/>
      <c r="EY2568" s="97"/>
      <c r="FL2568" s="126"/>
      <c r="FM2568" s="91"/>
      <c r="FN2568" s="91"/>
      <c r="FO2568" s="91"/>
      <c r="FP2568" s="91"/>
      <c r="FQ2568" s="91"/>
      <c r="FR2568" s="91"/>
      <c r="FS2568" s="91"/>
      <c r="FT2568" s="91"/>
      <c r="FU2568" s="91"/>
      <c r="FV2568" s="91"/>
      <c r="FW2568" s="91"/>
      <c r="FX2568" s="91"/>
      <c r="FY2568" s="91"/>
      <c r="FZ2568" s="91"/>
      <c r="GA2568" s="91"/>
      <c r="GB2568" s="91"/>
      <c r="GC2568" s="91"/>
      <c r="GD2568" s="91"/>
      <c r="GE2568" s="91"/>
      <c r="GF2568" s="91"/>
      <c r="GG2568" s="91"/>
      <c r="GH2568" s="91"/>
      <c r="GI2568" s="91"/>
      <c r="GJ2568" s="91"/>
      <c r="GK2568" s="127"/>
      <c r="GL2568" s="126"/>
      <c r="GM2568" s="91"/>
      <c r="GN2568" s="91"/>
      <c r="GO2568" s="91"/>
      <c r="GP2568" s="91"/>
      <c r="GQ2568" s="91"/>
      <c r="GR2568" s="91"/>
      <c r="GS2568" s="91"/>
      <c r="GT2568" s="91"/>
      <c r="GU2568" s="91"/>
      <c r="GV2568" s="91"/>
      <c r="GW2568" s="91"/>
      <c r="GX2568" s="91"/>
      <c r="GY2568" s="91"/>
      <c r="GZ2568" s="91"/>
      <c r="HA2568" s="91"/>
      <c r="HB2568" s="91"/>
      <c r="HC2568" s="91"/>
      <c r="HD2568" s="91"/>
      <c r="HE2568" s="91"/>
      <c r="HF2568" s="91"/>
      <c r="HG2568" s="91"/>
      <c r="HH2568" s="91"/>
      <c r="HI2568" s="91"/>
      <c r="HJ2568" s="91"/>
      <c r="HK2568" s="127"/>
      <c r="HL2568" s="126"/>
      <c r="HM2568" s="91"/>
      <c r="HN2568" s="91"/>
      <c r="HO2568" s="91"/>
      <c r="HP2568" s="91"/>
      <c r="HQ2568" s="91"/>
      <c r="HR2568" s="91"/>
      <c r="HS2568" s="91"/>
      <c r="HT2568" s="91"/>
      <c r="HU2568" s="91"/>
      <c r="HV2568" s="91"/>
      <c r="HW2568" s="91"/>
      <c r="HX2568" s="91"/>
      <c r="HY2568" s="91"/>
      <c r="HZ2568" s="91"/>
      <c r="IA2568" s="91"/>
      <c r="IB2568" s="91"/>
      <c r="IC2568" s="91"/>
      <c r="ID2568" s="91"/>
      <c r="IE2568" s="91"/>
      <c r="IF2568" s="91"/>
      <c r="IG2568" s="91"/>
      <c r="IH2568" s="91"/>
      <c r="II2568" s="91"/>
      <c r="IJ2568" s="91"/>
      <c r="IK2568" s="127"/>
    </row>
    <row r="2569" spans="2:245" x14ac:dyDescent="0.2">
      <c r="B2569" s="43"/>
      <c r="C2569" s="73"/>
      <c r="D2569" s="64"/>
      <c r="E2569" s="64"/>
      <c r="F2569" s="55"/>
      <c r="G2569" s="102"/>
      <c r="H2569" s="55"/>
      <c r="I2569" s="55"/>
      <c r="J2569" s="55"/>
      <c r="K2569" s="55"/>
      <c r="L2569" s="55"/>
      <c r="M2569" s="55"/>
      <c r="N2569" s="55"/>
      <c r="O2569" s="55"/>
      <c r="P2569" s="55"/>
      <c r="Q2569" s="55"/>
      <c r="R2569" s="55"/>
      <c r="S2569" s="55"/>
      <c r="T2569" s="55"/>
      <c r="U2569" s="55"/>
      <c r="V2569" s="55"/>
      <c r="W2569" s="55"/>
      <c r="X2569" s="55"/>
      <c r="Y2569" s="55"/>
      <c r="Z2569" s="55"/>
      <c r="AA2569" s="55"/>
      <c r="AB2569" s="55"/>
      <c r="AC2569" s="55"/>
      <c r="AD2569" s="55"/>
      <c r="AE2569" s="55"/>
      <c r="AF2569" s="55"/>
      <c r="AG2569" s="55"/>
      <c r="AY2569" s="162"/>
      <c r="AZ2569" s="162"/>
      <c r="BA2569" s="162"/>
      <c r="BB2569" s="162"/>
      <c r="BC2569" s="162"/>
      <c r="BD2569" s="162"/>
      <c r="BE2569" s="162"/>
      <c r="BF2569" s="162"/>
      <c r="BG2569" s="162"/>
      <c r="BH2569" s="162"/>
      <c r="BI2569" s="162"/>
      <c r="BJ2569" s="162"/>
      <c r="BK2569" s="162"/>
      <c r="BL2569" s="162"/>
      <c r="BM2569" s="162"/>
      <c r="BN2569" s="162"/>
      <c r="BO2569" s="162"/>
      <c r="BP2569" s="162"/>
      <c r="BQ2569" s="162"/>
      <c r="BR2569" s="162"/>
      <c r="BS2569" s="162"/>
      <c r="BT2569" s="162"/>
      <c r="BU2569" s="162"/>
      <c r="BV2569" s="162"/>
      <c r="BW2569" s="162"/>
      <c r="BX2569" s="162"/>
      <c r="BY2569" s="162"/>
      <c r="BZ2569" s="162"/>
      <c r="CA2569" s="162"/>
      <c r="CB2569" s="162"/>
      <c r="CC2569" s="162"/>
      <c r="CD2569" s="162"/>
      <c r="CE2569" s="162"/>
      <c r="CF2569" s="162"/>
      <c r="CG2569" s="162"/>
      <c r="CH2569" s="162"/>
      <c r="CI2569" s="162"/>
      <c r="CJ2569" s="162"/>
      <c r="CK2569" s="162"/>
      <c r="CX2569" s="98"/>
      <c r="DL2569" s="97"/>
      <c r="DX2569" s="98"/>
      <c r="EL2569" s="97"/>
      <c r="EX2569" s="98"/>
      <c r="EY2569" s="97"/>
      <c r="FL2569" s="126"/>
      <c r="FM2569" s="91"/>
      <c r="FN2569" s="91"/>
      <c r="FO2569" s="91"/>
      <c r="FP2569" s="91"/>
      <c r="FQ2569" s="91"/>
      <c r="FR2569" s="91"/>
      <c r="FS2569" s="91"/>
      <c r="FT2569" s="91"/>
      <c r="FU2569" s="91"/>
      <c r="FV2569" s="91"/>
      <c r="FW2569" s="91"/>
      <c r="FX2569" s="91"/>
      <c r="FY2569" s="91"/>
      <c r="FZ2569" s="91"/>
      <c r="GA2569" s="91"/>
      <c r="GB2569" s="91"/>
      <c r="GC2569" s="91"/>
      <c r="GD2569" s="91"/>
      <c r="GE2569" s="91"/>
      <c r="GF2569" s="91"/>
      <c r="GG2569" s="91"/>
      <c r="GH2569" s="91"/>
      <c r="GI2569" s="91"/>
      <c r="GJ2569" s="91"/>
      <c r="GK2569" s="127"/>
      <c r="GL2569" s="126"/>
      <c r="GM2569" s="91"/>
      <c r="GN2569" s="91"/>
      <c r="GO2569" s="91"/>
      <c r="GP2569" s="91"/>
      <c r="GQ2569" s="91"/>
      <c r="GR2569" s="91"/>
      <c r="GS2569" s="91"/>
      <c r="GT2569" s="91"/>
      <c r="GU2569" s="91"/>
      <c r="GV2569" s="91"/>
      <c r="GW2569" s="91"/>
      <c r="GX2569" s="91"/>
      <c r="GY2569" s="91"/>
      <c r="GZ2569" s="91"/>
      <c r="HA2569" s="91"/>
      <c r="HB2569" s="91"/>
      <c r="HC2569" s="91"/>
      <c r="HD2569" s="91"/>
      <c r="HE2569" s="91"/>
      <c r="HF2569" s="91"/>
      <c r="HG2569" s="91"/>
      <c r="HH2569" s="91"/>
      <c r="HI2569" s="91"/>
      <c r="HJ2569" s="91"/>
      <c r="HK2569" s="127"/>
      <c r="HL2569" s="126"/>
      <c r="HM2569" s="91"/>
      <c r="HN2569" s="91"/>
      <c r="HO2569" s="91"/>
      <c r="HP2569" s="91"/>
      <c r="HQ2569" s="91"/>
      <c r="HR2569" s="91"/>
      <c r="HS2569" s="91"/>
      <c r="HT2569" s="91"/>
      <c r="HU2569" s="91"/>
      <c r="HV2569" s="91"/>
      <c r="HW2569" s="91"/>
      <c r="HX2569" s="91"/>
      <c r="HY2569" s="91"/>
      <c r="HZ2569" s="91"/>
      <c r="IA2569" s="91"/>
      <c r="IB2569" s="91"/>
      <c r="IC2569" s="91"/>
      <c r="ID2569" s="91"/>
      <c r="IE2569" s="91"/>
      <c r="IF2569" s="91"/>
      <c r="IG2569" s="91"/>
      <c r="IH2569" s="91"/>
      <c r="II2569" s="91"/>
      <c r="IJ2569" s="91"/>
      <c r="IK2569" s="127"/>
    </row>
    <row r="2570" spans="2:245" x14ac:dyDescent="0.2">
      <c r="B2570" s="43"/>
      <c r="C2570" s="73"/>
      <c r="D2570" s="64"/>
      <c r="E2570" s="64"/>
      <c r="F2570" s="55"/>
      <c r="G2570" s="102"/>
      <c r="H2570" s="55"/>
      <c r="I2570" s="55"/>
      <c r="J2570" s="55"/>
      <c r="K2570" s="55"/>
      <c r="L2570" s="55"/>
      <c r="M2570" s="55"/>
      <c r="N2570" s="55"/>
      <c r="O2570" s="55"/>
      <c r="P2570" s="55"/>
      <c r="Q2570" s="55"/>
      <c r="R2570" s="55"/>
      <c r="S2570" s="55"/>
      <c r="T2570" s="55"/>
      <c r="U2570" s="55"/>
      <c r="V2570" s="55"/>
      <c r="W2570" s="55"/>
      <c r="X2570" s="55"/>
      <c r="Y2570" s="55"/>
      <c r="Z2570" s="55"/>
      <c r="AA2570" s="55"/>
      <c r="AB2570" s="55"/>
      <c r="AC2570" s="55"/>
      <c r="AD2570" s="55"/>
      <c r="AE2570" s="55"/>
      <c r="AF2570" s="55"/>
      <c r="AG2570" s="55"/>
      <c r="AY2570" s="162"/>
      <c r="AZ2570" s="162"/>
      <c r="BA2570" s="162"/>
      <c r="BB2570" s="162"/>
      <c r="BC2570" s="162"/>
      <c r="BD2570" s="162"/>
      <c r="BE2570" s="162"/>
      <c r="BF2570" s="162"/>
      <c r="BG2570" s="162"/>
      <c r="BH2570" s="162"/>
      <c r="BI2570" s="162"/>
      <c r="BJ2570" s="162"/>
      <c r="BK2570" s="162"/>
      <c r="BL2570" s="162"/>
      <c r="BM2570" s="162"/>
      <c r="BN2570" s="162"/>
      <c r="BO2570" s="162"/>
      <c r="BP2570" s="162"/>
      <c r="BQ2570" s="162"/>
      <c r="BR2570" s="162"/>
      <c r="BS2570" s="162"/>
      <c r="BT2570" s="162"/>
      <c r="BU2570" s="162"/>
      <c r="BV2570" s="162"/>
      <c r="BW2570" s="162"/>
      <c r="BX2570" s="162"/>
      <c r="BY2570" s="162"/>
      <c r="BZ2570" s="162"/>
      <c r="CA2570" s="162"/>
      <c r="CB2570" s="162"/>
      <c r="CC2570" s="162"/>
      <c r="CD2570" s="162"/>
      <c r="CE2570" s="162"/>
      <c r="CF2570" s="162"/>
      <c r="CG2570" s="162"/>
      <c r="CH2570" s="162"/>
      <c r="CI2570" s="162"/>
      <c r="CJ2570" s="162"/>
      <c r="CK2570" s="162"/>
      <c r="CX2570" s="98"/>
      <c r="DL2570" s="97"/>
      <c r="DX2570" s="98"/>
      <c r="EL2570" s="97"/>
      <c r="EX2570" s="98"/>
      <c r="EY2570" s="97"/>
      <c r="FL2570" s="126"/>
      <c r="FM2570" s="91"/>
      <c r="FN2570" s="91"/>
      <c r="FO2570" s="91"/>
      <c r="FP2570" s="91"/>
      <c r="FQ2570" s="91"/>
      <c r="FR2570" s="91"/>
      <c r="FS2570" s="91"/>
      <c r="FT2570" s="91"/>
      <c r="FU2570" s="91"/>
      <c r="FV2570" s="91"/>
      <c r="FW2570" s="91"/>
      <c r="FX2570" s="91"/>
      <c r="FY2570" s="91"/>
      <c r="FZ2570" s="91"/>
      <c r="GA2570" s="91"/>
      <c r="GB2570" s="91"/>
      <c r="GC2570" s="91"/>
      <c r="GD2570" s="91"/>
      <c r="GE2570" s="91"/>
      <c r="GF2570" s="91"/>
      <c r="GG2570" s="91"/>
      <c r="GH2570" s="91"/>
      <c r="GI2570" s="91"/>
      <c r="GJ2570" s="91"/>
      <c r="GK2570" s="127"/>
      <c r="GL2570" s="126"/>
      <c r="GM2570" s="91"/>
      <c r="GN2570" s="91"/>
      <c r="GO2570" s="91"/>
      <c r="GP2570" s="91"/>
      <c r="GQ2570" s="91"/>
      <c r="GR2570" s="91"/>
      <c r="GS2570" s="91"/>
      <c r="GT2570" s="91"/>
      <c r="GU2570" s="91"/>
      <c r="GV2570" s="91"/>
      <c r="GW2570" s="91"/>
      <c r="GX2570" s="91"/>
      <c r="GY2570" s="91"/>
      <c r="GZ2570" s="91"/>
      <c r="HA2570" s="91"/>
      <c r="HB2570" s="91"/>
      <c r="HC2570" s="91"/>
      <c r="HD2570" s="91"/>
      <c r="HE2570" s="91"/>
      <c r="HF2570" s="91"/>
      <c r="HG2570" s="91"/>
      <c r="HH2570" s="91"/>
      <c r="HI2570" s="91"/>
      <c r="HJ2570" s="91"/>
      <c r="HK2570" s="127"/>
      <c r="HL2570" s="126"/>
      <c r="HM2570" s="91"/>
      <c r="HN2570" s="91"/>
      <c r="HO2570" s="91"/>
      <c r="HP2570" s="91"/>
      <c r="HQ2570" s="91"/>
      <c r="HR2570" s="91"/>
      <c r="HS2570" s="91"/>
      <c r="HT2570" s="91"/>
      <c r="HU2570" s="91"/>
      <c r="HV2570" s="91"/>
      <c r="HW2570" s="91"/>
      <c r="HX2570" s="91"/>
      <c r="HY2570" s="91"/>
      <c r="HZ2570" s="91"/>
      <c r="IA2570" s="91"/>
      <c r="IB2570" s="91"/>
      <c r="IC2570" s="91"/>
      <c r="ID2570" s="91"/>
      <c r="IE2570" s="91"/>
      <c r="IF2570" s="91"/>
      <c r="IG2570" s="91"/>
      <c r="IH2570" s="91"/>
      <c r="II2570" s="91"/>
      <c r="IJ2570" s="91"/>
      <c r="IK2570" s="127"/>
    </row>
    <row r="2571" spans="2:245" x14ac:dyDescent="0.2">
      <c r="B2571" s="43"/>
      <c r="C2571" s="73"/>
      <c r="D2571" s="64"/>
      <c r="E2571" s="64"/>
      <c r="F2571" s="55"/>
      <c r="G2571" s="102"/>
      <c r="H2571" s="55"/>
      <c r="I2571" s="55"/>
      <c r="J2571" s="55"/>
      <c r="K2571" s="55"/>
      <c r="L2571" s="55"/>
      <c r="M2571" s="55"/>
      <c r="N2571" s="55"/>
      <c r="O2571" s="55"/>
      <c r="P2571" s="55"/>
      <c r="Q2571" s="55"/>
      <c r="R2571" s="55"/>
      <c r="S2571" s="55"/>
      <c r="T2571" s="55"/>
      <c r="U2571" s="55"/>
      <c r="V2571" s="55"/>
      <c r="W2571" s="55"/>
      <c r="X2571" s="55"/>
      <c r="Y2571" s="55"/>
      <c r="Z2571" s="55"/>
      <c r="AA2571" s="55"/>
      <c r="AB2571" s="55"/>
      <c r="AC2571" s="55"/>
      <c r="AD2571" s="55"/>
      <c r="AE2571" s="55"/>
      <c r="AF2571" s="55"/>
      <c r="AG2571" s="55"/>
      <c r="AY2571" s="162"/>
      <c r="AZ2571" s="162"/>
      <c r="BA2571" s="162"/>
      <c r="BB2571" s="162"/>
      <c r="BC2571" s="162"/>
      <c r="BD2571" s="162"/>
      <c r="BE2571" s="162"/>
      <c r="BF2571" s="162"/>
      <c r="BG2571" s="162"/>
      <c r="BH2571" s="162"/>
      <c r="BI2571" s="162"/>
      <c r="BJ2571" s="162"/>
      <c r="BK2571" s="162"/>
      <c r="BL2571" s="162"/>
      <c r="BM2571" s="162"/>
      <c r="BN2571" s="162"/>
      <c r="BO2571" s="162"/>
      <c r="BP2571" s="162"/>
      <c r="BQ2571" s="162"/>
      <c r="BR2571" s="162"/>
      <c r="BS2571" s="162"/>
      <c r="BT2571" s="162"/>
      <c r="BU2571" s="162"/>
      <c r="BV2571" s="162"/>
      <c r="BW2571" s="162"/>
      <c r="BX2571" s="162"/>
      <c r="BY2571" s="162"/>
      <c r="BZ2571" s="162"/>
      <c r="CA2571" s="162"/>
      <c r="CB2571" s="162"/>
      <c r="CC2571" s="162"/>
      <c r="CD2571" s="162"/>
      <c r="CE2571" s="162"/>
      <c r="CF2571" s="162"/>
      <c r="CG2571" s="162"/>
      <c r="CH2571" s="162"/>
      <c r="CI2571" s="162"/>
      <c r="CJ2571" s="162"/>
      <c r="CK2571" s="162"/>
      <c r="CX2571" s="98"/>
      <c r="DL2571" s="97"/>
      <c r="DX2571" s="98"/>
      <c r="EL2571" s="97"/>
      <c r="EX2571" s="98"/>
      <c r="EY2571" s="97"/>
      <c r="FL2571" s="126"/>
      <c r="FM2571" s="91"/>
      <c r="FN2571" s="91"/>
      <c r="FO2571" s="91"/>
      <c r="FP2571" s="91"/>
      <c r="FQ2571" s="91"/>
      <c r="FR2571" s="91"/>
      <c r="FS2571" s="91"/>
      <c r="FT2571" s="91"/>
      <c r="FU2571" s="91"/>
      <c r="FV2571" s="91"/>
      <c r="FW2571" s="91"/>
      <c r="FX2571" s="91"/>
      <c r="FY2571" s="91"/>
      <c r="FZ2571" s="91"/>
      <c r="GA2571" s="91"/>
      <c r="GB2571" s="91"/>
      <c r="GC2571" s="91"/>
      <c r="GD2571" s="91"/>
      <c r="GE2571" s="91"/>
      <c r="GF2571" s="91"/>
      <c r="GG2571" s="91"/>
      <c r="GH2571" s="91"/>
      <c r="GI2571" s="91"/>
      <c r="GJ2571" s="91"/>
      <c r="GK2571" s="127"/>
      <c r="GL2571" s="126"/>
      <c r="GM2571" s="91"/>
      <c r="GN2571" s="91"/>
      <c r="GO2571" s="91"/>
      <c r="GP2571" s="91"/>
      <c r="GQ2571" s="91"/>
      <c r="GR2571" s="91"/>
      <c r="GS2571" s="91"/>
      <c r="GT2571" s="91"/>
      <c r="GU2571" s="91"/>
      <c r="GV2571" s="91"/>
      <c r="GW2571" s="91"/>
      <c r="GX2571" s="91"/>
      <c r="GY2571" s="91"/>
      <c r="GZ2571" s="91"/>
      <c r="HA2571" s="91"/>
      <c r="HB2571" s="91"/>
      <c r="HC2571" s="91"/>
      <c r="HD2571" s="91"/>
      <c r="HE2571" s="91"/>
      <c r="HF2571" s="91"/>
      <c r="HG2571" s="91"/>
      <c r="HH2571" s="91"/>
      <c r="HI2571" s="91"/>
      <c r="HJ2571" s="91"/>
      <c r="HK2571" s="127"/>
      <c r="HL2571" s="126"/>
      <c r="HM2571" s="91"/>
      <c r="HN2571" s="91"/>
      <c r="HO2571" s="91"/>
      <c r="HP2571" s="91"/>
      <c r="HQ2571" s="91"/>
      <c r="HR2571" s="91"/>
      <c r="HS2571" s="91"/>
      <c r="HT2571" s="91"/>
      <c r="HU2571" s="91"/>
      <c r="HV2571" s="91"/>
      <c r="HW2571" s="91"/>
      <c r="HX2571" s="91"/>
      <c r="HY2571" s="91"/>
      <c r="HZ2571" s="91"/>
      <c r="IA2571" s="91"/>
      <c r="IB2571" s="91"/>
      <c r="IC2571" s="91"/>
      <c r="ID2571" s="91"/>
      <c r="IE2571" s="91"/>
      <c r="IF2571" s="91"/>
      <c r="IG2571" s="91"/>
      <c r="IH2571" s="91"/>
      <c r="II2571" s="91"/>
      <c r="IJ2571" s="91"/>
      <c r="IK2571" s="127"/>
    </row>
    <row r="2572" spans="2:245" x14ac:dyDescent="0.2">
      <c r="B2572" s="43"/>
      <c r="C2572" s="73"/>
      <c r="D2572" s="64"/>
      <c r="E2572" s="64"/>
      <c r="F2572" s="55"/>
      <c r="G2572" s="102"/>
      <c r="H2572" s="55"/>
      <c r="I2572" s="55"/>
      <c r="J2572" s="55"/>
      <c r="K2572" s="55"/>
      <c r="L2572" s="55"/>
      <c r="M2572" s="55"/>
      <c r="N2572" s="55"/>
      <c r="O2572" s="55"/>
      <c r="P2572" s="55"/>
      <c r="Q2572" s="55"/>
      <c r="R2572" s="55"/>
      <c r="S2572" s="55"/>
      <c r="T2572" s="55"/>
      <c r="U2572" s="55"/>
      <c r="V2572" s="55"/>
      <c r="W2572" s="55"/>
      <c r="X2572" s="55"/>
      <c r="Y2572" s="55"/>
      <c r="Z2572" s="55"/>
      <c r="AA2572" s="55"/>
      <c r="AB2572" s="55"/>
      <c r="AC2572" s="55"/>
      <c r="AD2572" s="55"/>
      <c r="AE2572" s="55"/>
      <c r="AF2572" s="55"/>
      <c r="AG2572" s="55"/>
      <c r="AY2572" s="162"/>
      <c r="AZ2572" s="162"/>
      <c r="BA2572" s="162"/>
      <c r="BB2572" s="162"/>
      <c r="BC2572" s="162"/>
      <c r="BD2572" s="162"/>
      <c r="BE2572" s="162"/>
      <c r="BF2572" s="162"/>
      <c r="BG2572" s="162"/>
      <c r="BH2572" s="162"/>
      <c r="BI2572" s="162"/>
      <c r="BJ2572" s="162"/>
      <c r="BK2572" s="162"/>
      <c r="BL2572" s="162"/>
      <c r="BM2572" s="162"/>
      <c r="BN2572" s="162"/>
      <c r="BO2572" s="162"/>
      <c r="BP2572" s="162"/>
      <c r="BQ2572" s="162"/>
      <c r="BR2572" s="162"/>
      <c r="BS2572" s="162"/>
      <c r="BT2572" s="162"/>
      <c r="BU2572" s="162"/>
      <c r="BV2572" s="162"/>
      <c r="BW2572" s="162"/>
      <c r="BX2572" s="162"/>
      <c r="BY2572" s="162"/>
      <c r="BZ2572" s="162"/>
      <c r="CA2572" s="162"/>
      <c r="CB2572" s="162"/>
      <c r="CC2572" s="162"/>
      <c r="CD2572" s="162"/>
      <c r="CE2572" s="162"/>
      <c r="CF2572" s="162"/>
      <c r="CG2572" s="162"/>
      <c r="CH2572" s="162"/>
      <c r="CI2572" s="162"/>
      <c r="CJ2572" s="162"/>
      <c r="CK2572" s="162"/>
      <c r="CX2572" s="98"/>
      <c r="DL2572" s="97"/>
      <c r="DX2572" s="98"/>
      <c r="EL2572" s="97"/>
      <c r="EX2572" s="98"/>
      <c r="EY2572" s="97"/>
      <c r="FL2572" s="126"/>
      <c r="FM2572" s="91"/>
      <c r="FN2572" s="91"/>
      <c r="FO2572" s="91"/>
      <c r="FP2572" s="91"/>
      <c r="FQ2572" s="91"/>
      <c r="FR2572" s="91"/>
      <c r="FS2572" s="91"/>
      <c r="FT2572" s="91"/>
      <c r="FU2572" s="91"/>
      <c r="FV2572" s="91"/>
      <c r="FW2572" s="91"/>
      <c r="FX2572" s="91"/>
      <c r="FY2572" s="91"/>
      <c r="FZ2572" s="91"/>
      <c r="GA2572" s="91"/>
      <c r="GB2572" s="91"/>
      <c r="GC2572" s="91"/>
      <c r="GD2572" s="91"/>
      <c r="GE2572" s="91"/>
      <c r="GF2572" s="91"/>
      <c r="GG2572" s="91"/>
      <c r="GH2572" s="91"/>
      <c r="GI2572" s="91"/>
      <c r="GJ2572" s="91"/>
      <c r="GK2572" s="127"/>
      <c r="GL2572" s="126"/>
      <c r="GM2572" s="91"/>
      <c r="GN2572" s="91"/>
      <c r="GO2572" s="91"/>
      <c r="GP2572" s="91"/>
      <c r="GQ2572" s="91"/>
      <c r="GR2572" s="91"/>
      <c r="GS2572" s="91"/>
      <c r="GT2572" s="91"/>
      <c r="GU2572" s="91"/>
      <c r="GV2572" s="91"/>
      <c r="GW2572" s="91"/>
      <c r="GX2572" s="91"/>
      <c r="GY2572" s="91"/>
      <c r="GZ2572" s="91"/>
      <c r="HA2572" s="91"/>
      <c r="HB2572" s="91"/>
      <c r="HC2572" s="91"/>
      <c r="HD2572" s="91"/>
      <c r="HE2572" s="91"/>
      <c r="HF2572" s="91"/>
      <c r="HG2572" s="91"/>
      <c r="HH2572" s="91"/>
      <c r="HI2572" s="91"/>
      <c r="HJ2572" s="91"/>
      <c r="HK2572" s="127"/>
      <c r="HL2572" s="126"/>
      <c r="HM2572" s="91"/>
      <c r="HN2572" s="91"/>
      <c r="HO2572" s="91"/>
      <c r="HP2572" s="91"/>
      <c r="HQ2572" s="91"/>
      <c r="HR2572" s="91"/>
      <c r="HS2572" s="91"/>
      <c r="HT2572" s="91"/>
      <c r="HU2572" s="91"/>
      <c r="HV2572" s="91"/>
      <c r="HW2572" s="91"/>
      <c r="HX2572" s="91"/>
      <c r="HY2572" s="91"/>
      <c r="HZ2572" s="91"/>
      <c r="IA2572" s="91"/>
      <c r="IB2572" s="91"/>
      <c r="IC2572" s="91"/>
      <c r="ID2572" s="91"/>
      <c r="IE2572" s="91"/>
      <c r="IF2572" s="91"/>
      <c r="IG2572" s="91"/>
      <c r="IH2572" s="91"/>
      <c r="II2572" s="91"/>
      <c r="IJ2572" s="91"/>
      <c r="IK2572" s="127"/>
    </row>
    <row r="2573" spans="2:245" x14ac:dyDescent="0.2">
      <c r="B2573" s="43"/>
      <c r="C2573" s="73"/>
      <c r="D2573" s="64"/>
      <c r="E2573" s="64"/>
      <c r="F2573" s="55"/>
      <c r="G2573" s="102"/>
      <c r="H2573" s="55"/>
      <c r="I2573" s="55"/>
      <c r="J2573" s="55"/>
      <c r="K2573" s="55"/>
      <c r="L2573" s="55"/>
      <c r="M2573" s="55"/>
      <c r="N2573" s="55"/>
      <c r="O2573" s="55"/>
      <c r="P2573" s="55"/>
      <c r="Q2573" s="55"/>
      <c r="R2573" s="55"/>
      <c r="S2573" s="55"/>
      <c r="T2573" s="55"/>
      <c r="U2573" s="55"/>
      <c r="V2573" s="55"/>
      <c r="W2573" s="55"/>
      <c r="X2573" s="55"/>
      <c r="Y2573" s="55"/>
      <c r="Z2573" s="55"/>
      <c r="AA2573" s="55"/>
      <c r="AB2573" s="55"/>
      <c r="AC2573" s="55"/>
      <c r="AD2573" s="55"/>
      <c r="AE2573" s="55"/>
      <c r="AF2573" s="55"/>
      <c r="AG2573" s="55"/>
      <c r="AY2573" s="162"/>
      <c r="AZ2573" s="162"/>
      <c r="BA2573" s="162"/>
      <c r="BB2573" s="162"/>
      <c r="BC2573" s="162"/>
      <c r="BD2573" s="162"/>
      <c r="BE2573" s="162"/>
      <c r="BF2573" s="162"/>
      <c r="BG2573" s="162"/>
      <c r="BH2573" s="162"/>
      <c r="BI2573" s="162"/>
      <c r="BJ2573" s="162"/>
      <c r="BK2573" s="162"/>
      <c r="BL2573" s="162"/>
      <c r="BM2573" s="162"/>
      <c r="BN2573" s="162"/>
      <c r="BO2573" s="162"/>
      <c r="BP2573" s="162"/>
      <c r="BQ2573" s="162"/>
      <c r="BR2573" s="162"/>
      <c r="BS2573" s="162"/>
      <c r="BT2573" s="162"/>
      <c r="BU2573" s="162"/>
      <c r="BV2573" s="162"/>
      <c r="BW2573" s="162"/>
      <c r="BX2573" s="162"/>
      <c r="BY2573" s="162"/>
      <c r="BZ2573" s="162"/>
      <c r="CA2573" s="162"/>
      <c r="CB2573" s="162"/>
      <c r="CC2573" s="162"/>
      <c r="CD2573" s="162"/>
      <c r="CE2573" s="162"/>
      <c r="CF2573" s="162"/>
      <c r="CG2573" s="162"/>
      <c r="CH2573" s="162"/>
      <c r="CI2573" s="162"/>
      <c r="CJ2573" s="162"/>
      <c r="CK2573" s="162"/>
      <c r="CX2573" s="98"/>
      <c r="DL2573" s="97"/>
      <c r="DX2573" s="98"/>
      <c r="EL2573" s="97"/>
      <c r="EX2573" s="98"/>
      <c r="EY2573" s="97"/>
      <c r="FL2573" s="126"/>
      <c r="FM2573" s="91"/>
      <c r="FN2573" s="91"/>
      <c r="FO2573" s="91"/>
      <c r="FP2573" s="91"/>
      <c r="FQ2573" s="91"/>
      <c r="FR2573" s="91"/>
      <c r="FS2573" s="91"/>
      <c r="FT2573" s="91"/>
      <c r="FU2573" s="91"/>
      <c r="FV2573" s="91"/>
      <c r="FW2573" s="91"/>
      <c r="FX2573" s="91"/>
      <c r="FY2573" s="91"/>
      <c r="FZ2573" s="91"/>
      <c r="GA2573" s="91"/>
      <c r="GB2573" s="91"/>
      <c r="GC2573" s="91"/>
      <c r="GD2573" s="91"/>
      <c r="GE2573" s="91"/>
      <c r="GF2573" s="91"/>
      <c r="GG2573" s="91"/>
      <c r="GH2573" s="91"/>
      <c r="GI2573" s="91"/>
      <c r="GJ2573" s="91"/>
      <c r="GK2573" s="127"/>
      <c r="GL2573" s="126"/>
      <c r="GM2573" s="91"/>
      <c r="GN2573" s="91"/>
      <c r="GO2573" s="91"/>
      <c r="GP2573" s="91"/>
      <c r="GQ2573" s="91"/>
      <c r="GR2573" s="91"/>
      <c r="GS2573" s="91"/>
      <c r="GT2573" s="91"/>
      <c r="GU2573" s="91"/>
      <c r="GV2573" s="91"/>
      <c r="GW2573" s="91"/>
      <c r="GX2573" s="91"/>
      <c r="GY2573" s="91"/>
      <c r="GZ2573" s="91"/>
      <c r="HA2573" s="91"/>
      <c r="HB2573" s="91"/>
      <c r="HC2573" s="91"/>
      <c r="HD2573" s="91"/>
      <c r="HE2573" s="91"/>
      <c r="HF2573" s="91"/>
      <c r="HG2573" s="91"/>
      <c r="HH2573" s="91"/>
      <c r="HI2573" s="91"/>
      <c r="HJ2573" s="91"/>
      <c r="HK2573" s="127"/>
      <c r="HL2573" s="126"/>
      <c r="HM2573" s="91"/>
      <c r="HN2573" s="91"/>
      <c r="HO2573" s="91"/>
      <c r="HP2573" s="91"/>
      <c r="HQ2573" s="91"/>
      <c r="HR2573" s="91"/>
      <c r="HS2573" s="91"/>
      <c r="HT2573" s="91"/>
      <c r="HU2573" s="91"/>
      <c r="HV2573" s="91"/>
      <c r="HW2573" s="91"/>
      <c r="HX2573" s="91"/>
      <c r="HY2573" s="91"/>
      <c r="HZ2573" s="91"/>
      <c r="IA2573" s="91"/>
      <c r="IB2573" s="91"/>
      <c r="IC2573" s="91"/>
      <c r="ID2573" s="91"/>
      <c r="IE2573" s="91"/>
      <c r="IF2573" s="91"/>
      <c r="IG2573" s="91"/>
      <c r="IH2573" s="91"/>
      <c r="II2573" s="91"/>
      <c r="IJ2573" s="91"/>
      <c r="IK2573" s="127"/>
    </row>
    <row r="2574" spans="2:245" x14ac:dyDescent="0.2">
      <c r="B2574" s="43"/>
      <c r="C2574" s="73"/>
      <c r="D2574" s="64"/>
      <c r="E2574" s="64"/>
      <c r="F2574" s="55"/>
      <c r="G2574" s="102"/>
      <c r="H2574" s="55"/>
      <c r="I2574" s="55"/>
      <c r="J2574" s="55"/>
      <c r="K2574" s="55"/>
      <c r="L2574" s="55"/>
      <c r="M2574" s="55"/>
      <c r="N2574" s="55"/>
      <c r="O2574" s="55"/>
      <c r="P2574" s="55"/>
      <c r="Q2574" s="55"/>
      <c r="R2574" s="55"/>
      <c r="S2574" s="55"/>
      <c r="T2574" s="55"/>
      <c r="U2574" s="55"/>
      <c r="V2574" s="55"/>
      <c r="W2574" s="55"/>
      <c r="X2574" s="55"/>
      <c r="Y2574" s="55"/>
      <c r="Z2574" s="55"/>
      <c r="AA2574" s="55"/>
      <c r="AB2574" s="55"/>
      <c r="AC2574" s="55"/>
      <c r="AD2574" s="55"/>
      <c r="AE2574" s="55"/>
      <c r="AF2574" s="55"/>
      <c r="AG2574" s="55"/>
      <c r="AY2574" s="162"/>
      <c r="AZ2574" s="162"/>
      <c r="BA2574" s="162"/>
      <c r="BB2574" s="162"/>
      <c r="BC2574" s="162"/>
      <c r="BD2574" s="162"/>
      <c r="BE2574" s="162"/>
      <c r="BF2574" s="162"/>
      <c r="BG2574" s="162"/>
      <c r="BH2574" s="162"/>
      <c r="BI2574" s="162"/>
      <c r="BJ2574" s="162"/>
      <c r="BK2574" s="162"/>
      <c r="BL2574" s="162"/>
      <c r="BM2574" s="162"/>
      <c r="BN2574" s="162"/>
      <c r="BO2574" s="162"/>
      <c r="BP2574" s="162"/>
      <c r="BQ2574" s="162"/>
      <c r="BR2574" s="162"/>
      <c r="BS2574" s="162"/>
      <c r="BT2574" s="162"/>
      <c r="BU2574" s="162"/>
      <c r="BV2574" s="162"/>
      <c r="BW2574" s="162"/>
      <c r="BX2574" s="162"/>
      <c r="BY2574" s="162"/>
      <c r="BZ2574" s="162"/>
      <c r="CA2574" s="162"/>
      <c r="CB2574" s="162"/>
      <c r="CC2574" s="162"/>
      <c r="CD2574" s="162"/>
      <c r="CE2574" s="162"/>
      <c r="CF2574" s="162"/>
      <c r="CG2574" s="162"/>
      <c r="CH2574" s="162"/>
      <c r="CI2574" s="162"/>
      <c r="CJ2574" s="162"/>
      <c r="CK2574" s="162"/>
      <c r="CX2574" s="98"/>
      <c r="DL2574" s="97"/>
      <c r="DX2574" s="98"/>
      <c r="EL2574" s="97"/>
      <c r="EX2574" s="98"/>
      <c r="EY2574" s="97"/>
      <c r="FL2574" s="126"/>
      <c r="FM2574" s="91"/>
      <c r="FN2574" s="91"/>
      <c r="FO2574" s="91"/>
      <c r="FP2574" s="91"/>
      <c r="FQ2574" s="91"/>
      <c r="FR2574" s="91"/>
      <c r="FS2574" s="91"/>
      <c r="FT2574" s="91"/>
      <c r="FU2574" s="91"/>
      <c r="FV2574" s="91"/>
      <c r="FW2574" s="91"/>
      <c r="FX2574" s="91"/>
      <c r="FY2574" s="91"/>
      <c r="FZ2574" s="91"/>
      <c r="GA2574" s="91"/>
      <c r="GB2574" s="91"/>
      <c r="GC2574" s="91"/>
      <c r="GD2574" s="91"/>
      <c r="GE2574" s="91"/>
      <c r="GF2574" s="91"/>
      <c r="GG2574" s="91"/>
      <c r="GH2574" s="91"/>
      <c r="GI2574" s="91"/>
      <c r="GJ2574" s="91"/>
      <c r="GK2574" s="127"/>
      <c r="GL2574" s="126"/>
      <c r="GM2574" s="91"/>
      <c r="GN2574" s="91"/>
      <c r="GO2574" s="91"/>
      <c r="GP2574" s="91"/>
      <c r="GQ2574" s="91"/>
      <c r="GR2574" s="91"/>
      <c r="GS2574" s="91"/>
      <c r="GT2574" s="91"/>
      <c r="GU2574" s="91"/>
      <c r="GV2574" s="91"/>
      <c r="GW2574" s="91"/>
      <c r="GX2574" s="91"/>
      <c r="GY2574" s="91"/>
      <c r="GZ2574" s="91"/>
      <c r="HA2574" s="91"/>
      <c r="HB2574" s="91"/>
      <c r="HC2574" s="91"/>
      <c r="HD2574" s="91"/>
      <c r="HE2574" s="91"/>
      <c r="HF2574" s="91"/>
      <c r="HG2574" s="91"/>
      <c r="HH2574" s="91"/>
      <c r="HI2574" s="91"/>
      <c r="HJ2574" s="91"/>
      <c r="HK2574" s="127"/>
      <c r="HL2574" s="126"/>
      <c r="HM2574" s="91"/>
      <c r="HN2574" s="91"/>
      <c r="HO2574" s="91"/>
      <c r="HP2574" s="91"/>
      <c r="HQ2574" s="91"/>
      <c r="HR2574" s="91"/>
      <c r="HS2574" s="91"/>
      <c r="HT2574" s="91"/>
      <c r="HU2574" s="91"/>
      <c r="HV2574" s="91"/>
      <c r="HW2574" s="91"/>
      <c r="HX2574" s="91"/>
      <c r="HY2574" s="91"/>
      <c r="HZ2574" s="91"/>
      <c r="IA2574" s="91"/>
      <c r="IB2574" s="91"/>
      <c r="IC2574" s="91"/>
      <c r="ID2574" s="91"/>
      <c r="IE2574" s="91"/>
      <c r="IF2574" s="91"/>
      <c r="IG2574" s="91"/>
      <c r="IH2574" s="91"/>
      <c r="II2574" s="91"/>
      <c r="IJ2574" s="91"/>
      <c r="IK2574" s="127"/>
    </row>
    <row r="2575" spans="2:245" x14ac:dyDescent="0.2">
      <c r="B2575" s="43"/>
      <c r="C2575" s="73"/>
      <c r="D2575" s="64"/>
      <c r="E2575" s="64"/>
      <c r="F2575" s="55"/>
      <c r="G2575" s="102"/>
      <c r="H2575" s="55"/>
      <c r="I2575" s="55"/>
      <c r="J2575" s="55"/>
      <c r="K2575" s="55"/>
      <c r="L2575" s="55"/>
      <c r="M2575" s="55"/>
      <c r="N2575" s="55"/>
      <c r="O2575" s="55"/>
      <c r="P2575" s="55"/>
      <c r="Q2575" s="55"/>
      <c r="R2575" s="55"/>
      <c r="S2575" s="55"/>
      <c r="T2575" s="55"/>
      <c r="U2575" s="55"/>
      <c r="V2575" s="55"/>
      <c r="W2575" s="55"/>
      <c r="X2575" s="55"/>
      <c r="Y2575" s="55"/>
      <c r="Z2575" s="55"/>
      <c r="AA2575" s="55"/>
      <c r="AB2575" s="55"/>
      <c r="AC2575" s="55"/>
      <c r="AD2575" s="55"/>
      <c r="AE2575" s="55"/>
      <c r="AF2575" s="55"/>
      <c r="AG2575" s="55"/>
      <c r="AY2575" s="162"/>
      <c r="AZ2575" s="162"/>
      <c r="BA2575" s="162"/>
      <c r="BB2575" s="162"/>
      <c r="BC2575" s="162"/>
      <c r="BD2575" s="162"/>
      <c r="BE2575" s="162"/>
      <c r="BF2575" s="162"/>
      <c r="BG2575" s="162"/>
      <c r="BH2575" s="162"/>
      <c r="BI2575" s="162"/>
      <c r="BJ2575" s="162"/>
      <c r="BK2575" s="162"/>
      <c r="BL2575" s="162"/>
      <c r="BM2575" s="162"/>
      <c r="BN2575" s="162"/>
      <c r="BO2575" s="162"/>
      <c r="BP2575" s="162"/>
      <c r="BQ2575" s="162"/>
      <c r="BR2575" s="162"/>
      <c r="BS2575" s="162"/>
      <c r="BT2575" s="162"/>
      <c r="BU2575" s="162"/>
      <c r="BV2575" s="162"/>
      <c r="BW2575" s="162"/>
      <c r="BX2575" s="162"/>
      <c r="BY2575" s="162"/>
      <c r="BZ2575" s="162"/>
      <c r="CA2575" s="162"/>
      <c r="CB2575" s="162"/>
      <c r="CC2575" s="162"/>
      <c r="CD2575" s="162"/>
      <c r="CE2575" s="162"/>
      <c r="CF2575" s="162"/>
      <c r="CG2575" s="162"/>
      <c r="CH2575" s="162"/>
      <c r="CI2575" s="162"/>
      <c r="CJ2575" s="162"/>
      <c r="CK2575" s="162"/>
      <c r="CX2575" s="98"/>
      <c r="DL2575" s="97"/>
      <c r="DX2575" s="98"/>
      <c r="EL2575" s="97"/>
      <c r="EX2575" s="98"/>
      <c r="EY2575" s="97"/>
      <c r="FL2575" s="126"/>
      <c r="FM2575" s="91"/>
      <c r="FN2575" s="91"/>
      <c r="FO2575" s="91"/>
      <c r="FP2575" s="91"/>
      <c r="FQ2575" s="91"/>
      <c r="FR2575" s="91"/>
      <c r="FS2575" s="91"/>
      <c r="FT2575" s="91"/>
      <c r="FU2575" s="91"/>
      <c r="FV2575" s="91"/>
      <c r="FW2575" s="91"/>
      <c r="FX2575" s="91"/>
      <c r="FY2575" s="91"/>
      <c r="FZ2575" s="91"/>
      <c r="GA2575" s="91"/>
      <c r="GB2575" s="91"/>
      <c r="GC2575" s="91"/>
      <c r="GD2575" s="91"/>
      <c r="GE2575" s="91"/>
      <c r="GF2575" s="91"/>
      <c r="GG2575" s="91"/>
      <c r="GH2575" s="91"/>
      <c r="GI2575" s="91"/>
      <c r="GJ2575" s="91"/>
      <c r="GK2575" s="127"/>
      <c r="GL2575" s="126"/>
      <c r="GM2575" s="91"/>
      <c r="GN2575" s="91"/>
      <c r="GO2575" s="91"/>
      <c r="GP2575" s="91"/>
      <c r="GQ2575" s="91"/>
      <c r="GR2575" s="91"/>
      <c r="GS2575" s="91"/>
      <c r="GT2575" s="91"/>
      <c r="GU2575" s="91"/>
      <c r="GV2575" s="91"/>
      <c r="GW2575" s="91"/>
      <c r="GX2575" s="91"/>
      <c r="GY2575" s="91"/>
      <c r="GZ2575" s="91"/>
      <c r="HA2575" s="91"/>
      <c r="HB2575" s="91"/>
      <c r="HC2575" s="91"/>
      <c r="HD2575" s="91"/>
      <c r="HE2575" s="91"/>
      <c r="HF2575" s="91"/>
      <c r="HG2575" s="91"/>
      <c r="HH2575" s="91"/>
      <c r="HI2575" s="91"/>
      <c r="HJ2575" s="91"/>
      <c r="HK2575" s="127"/>
      <c r="HL2575" s="126"/>
      <c r="HM2575" s="91"/>
      <c r="HN2575" s="91"/>
      <c r="HO2575" s="91"/>
      <c r="HP2575" s="91"/>
      <c r="HQ2575" s="91"/>
      <c r="HR2575" s="91"/>
      <c r="HS2575" s="91"/>
      <c r="HT2575" s="91"/>
      <c r="HU2575" s="91"/>
      <c r="HV2575" s="91"/>
      <c r="HW2575" s="91"/>
      <c r="HX2575" s="91"/>
      <c r="HY2575" s="91"/>
      <c r="HZ2575" s="91"/>
      <c r="IA2575" s="91"/>
      <c r="IB2575" s="91"/>
      <c r="IC2575" s="91"/>
      <c r="ID2575" s="91"/>
      <c r="IE2575" s="91"/>
      <c r="IF2575" s="91"/>
      <c r="IG2575" s="91"/>
      <c r="IH2575" s="91"/>
      <c r="II2575" s="91"/>
      <c r="IJ2575" s="91"/>
      <c r="IK2575" s="127"/>
    </row>
    <row r="2576" spans="2:245" x14ac:dyDescent="0.2">
      <c r="B2576" s="43"/>
      <c r="C2576" s="73"/>
      <c r="D2576" s="64"/>
      <c r="E2576" s="64"/>
      <c r="F2576" s="55"/>
      <c r="G2576" s="102"/>
      <c r="H2576" s="55"/>
      <c r="I2576" s="55"/>
      <c r="J2576" s="55"/>
      <c r="K2576" s="55"/>
      <c r="L2576" s="55"/>
      <c r="M2576" s="55"/>
      <c r="N2576" s="55"/>
      <c r="O2576" s="55"/>
      <c r="P2576" s="55"/>
      <c r="Q2576" s="55"/>
      <c r="R2576" s="55"/>
      <c r="S2576" s="55"/>
      <c r="T2576" s="55"/>
      <c r="U2576" s="55"/>
      <c r="V2576" s="55"/>
      <c r="W2576" s="55"/>
      <c r="X2576" s="55"/>
      <c r="Y2576" s="55"/>
      <c r="Z2576" s="55"/>
      <c r="AA2576" s="55"/>
      <c r="AB2576" s="55"/>
      <c r="AC2576" s="55"/>
      <c r="AD2576" s="55"/>
      <c r="AE2576" s="55"/>
      <c r="AF2576" s="55"/>
      <c r="AG2576" s="55"/>
      <c r="AY2576" s="162"/>
      <c r="AZ2576" s="162"/>
      <c r="BA2576" s="162"/>
      <c r="BB2576" s="162"/>
      <c r="BC2576" s="162"/>
      <c r="BD2576" s="162"/>
      <c r="BE2576" s="162"/>
      <c r="BF2576" s="162"/>
      <c r="BG2576" s="162"/>
      <c r="BH2576" s="162"/>
      <c r="BI2576" s="162"/>
      <c r="BJ2576" s="162"/>
      <c r="BK2576" s="162"/>
      <c r="BL2576" s="162"/>
      <c r="BM2576" s="162"/>
      <c r="BN2576" s="162"/>
      <c r="BO2576" s="162"/>
      <c r="BP2576" s="162"/>
      <c r="BQ2576" s="162"/>
      <c r="BR2576" s="162"/>
      <c r="BS2576" s="162"/>
      <c r="BT2576" s="162"/>
      <c r="BU2576" s="162"/>
      <c r="BV2576" s="162"/>
      <c r="BW2576" s="162"/>
      <c r="BX2576" s="162"/>
      <c r="BY2576" s="162"/>
      <c r="BZ2576" s="162"/>
      <c r="CA2576" s="162"/>
      <c r="CB2576" s="162"/>
      <c r="CC2576" s="162"/>
      <c r="CD2576" s="162"/>
      <c r="CE2576" s="162"/>
      <c r="CF2576" s="162"/>
      <c r="CG2576" s="162"/>
      <c r="CH2576" s="162"/>
      <c r="CI2576" s="162"/>
      <c r="CJ2576" s="162"/>
      <c r="CK2576" s="162"/>
      <c r="CX2576" s="98"/>
      <c r="DL2576" s="97"/>
      <c r="DX2576" s="98"/>
      <c r="EL2576" s="97"/>
      <c r="EX2576" s="98"/>
      <c r="EY2576" s="97"/>
      <c r="FL2576" s="126"/>
      <c r="FM2576" s="91"/>
      <c r="FN2576" s="91"/>
      <c r="FO2576" s="91"/>
      <c r="FP2576" s="91"/>
      <c r="FQ2576" s="91"/>
      <c r="FR2576" s="91"/>
      <c r="FS2576" s="91"/>
      <c r="FT2576" s="91"/>
      <c r="FU2576" s="91"/>
      <c r="FV2576" s="91"/>
      <c r="FW2576" s="91"/>
      <c r="FX2576" s="91"/>
      <c r="FY2576" s="91"/>
      <c r="FZ2576" s="91"/>
      <c r="GA2576" s="91"/>
      <c r="GB2576" s="91"/>
      <c r="GC2576" s="91"/>
      <c r="GD2576" s="91"/>
      <c r="GE2576" s="91"/>
      <c r="GF2576" s="91"/>
      <c r="GG2576" s="91"/>
      <c r="GH2576" s="91"/>
      <c r="GI2576" s="91"/>
      <c r="GJ2576" s="91"/>
      <c r="GK2576" s="127"/>
      <c r="GL2576" s="126"/>
      <c r="GM2576" s="91"/>
      <c r="GN2576" s="91"/>
      <c r="GO2576" s="91"/>
      <c r="GP2576" s="91"/>
      <c r="GQ2576" s="91"/>
      <c r="GR2576" s="91"/>
      <c r="GS2576" s="91"/>
      <c r="GT2576" s="91"/>
      <c r="GU2576" s="91"/>
      <c r="GV2576" s="91"/>
      <c r="GW2576" s="91"/>
      <c r="GX2576" s="91"/>
      <c r="GY2576" s="91"/>
      <c r="GZ2576" s="91"/>
      <c r="HA2576" s="91"/>
      <c r="HB2576" s="91"/>
      <c r="HC2576" s="91"/>
      <c r="HD2576" s="91"/>
      <c r="HE2576" s="91"/>
      <c r="HF2576" s="91"/>
      <c r="HG2576" s="91"/>
      <c r="HH2576" s="91"/>
      <c r="HI2576" s="91"/>
      <c r="HJ2576" s="91"/>
      <c r="HK2576" s="127"/>
      <c r="HL2576" s="126"/>
      <c r="HM2576" s="91"/>
      <c r="HN2576" s="91"/>
      <c r="HO2576" s="91"/>
      <c r="HP2576" s="91"/>
      <c r="HQ2576" s="91"/>
      <c r="HR2576" s="91"/>
      <c r="HS2576" s="91"/>
      <c r="HT2576" s="91"/>
      <c r="HU2576" s="91"/>
      <c r="HV2576" s="91"/>
      <c r="HW2576" s="91"/>
      <c r="HX2576" s="91"/>
      <c r="HY2576" s="91"/>
      <c r="HZ2576" s="91"/>
      <c r="IA2576" s="91"/>
      <c r="IB2576" s="91"/>
      <c r="IC2576" s="91"/>
      <c r="ID2576" s="91"/>
      <c r="IE2576" s="91"/>
      <c r="IF2576" s="91"/>
      <c r="IG2576" s="91"/>
      <c r="IH2576" s="91"/>
      <c r="II2576" s="91"/>
      <c r="IJ2576" s="91"/>
      <c r="IK2576" s="127"/>
    </row>
    <row r="2577" spans="2:245" x14ac:dyDescent="0.2">
      <c r="B2577" s="43"/>
      <c r="C2577" s="73"/>
      <c r="D2577" s="64"/>
      <c r="E2577" s="64"/>
      <c r="F2577" s="55"/>
      <c r="G2577" s="102"/>
      <c r="H2577" s="55"/>
      <c r="I2577" s="55"/>
      <c r="J2577" s="55"/>
      <c r="K2577" s="55"/>
      <c r="L2577" s="55"/>
      <c r="M2577" s="55"/>
      <c r="N2577" s="55"/>
      <c r="O2577" s="55"/>
      <c r="P2577" s="55"/>
      <c r="Q2577" s="55"/>
      <c r="R2577" s="55"/>
      <c r="S2577" s="55"/>
      <c r="T2577" s="55"/>
      <c r="U2577" s="55"/>
      <c r="V2577" s="55"/>
      <c r="W2577" s="55"/>
      <c r="X2577" s="55"/>
      <c r="Y2577" s="55"/>
      <c r="Z2577" s="55"/>
      <c r="AA2577" s="55"/>
      <c r="AB2577" s="55"/>
      <c r="AC2577" s="55"/>
      <c r="AD2577" s="55"/>
      <c r="AE2577" s="55"/>
      <c r="AF2577" s="55"/>
      <c r="AG2577" s="55"/>
      <c r="AY2577" s="162"/>
      <c r="AZ2577" s="162"/>
      <c r="BA2577" s="162"/>
      <c r="BB2577" s="162"/>
      <c r="BC2577" s="162"/>
      <c r="BD2577" s="162"/>
      <c r="BE2577" s="162"/>
      <c r="BF2577" s="162"/>
      <c r="BG2577" s="162"/>
      <c r="BH2577" s="162"/>
      <c r="BI2577" s="162"/>
      <c r="BJ2577" s="162"/>
      <c r="BK2577" s="162"/>
      <c r="BL2577" s="162"/>
      <c r="BM2577" s="162"/>
      <c r="BN2577" s="162"/>
      <c r="BO2577" s="162"/>
      <c r="BP2577" s="162"/>
      <c r="BQ2577" s="162"/>
      <c r="BR2577" s="162"/>
      <c r="BS2577" s="162"/>
      <c r="BT2577" s="162"/>
      <c r="BU2577" s="162"/>
      <c r="BV2577" s="162"/>
      <c r="BW2577" s="162"/>
      <c r="BX2577" s="162"/>
      <c r="BY2577" s="162"/>
      <c r="BZ2577" s="162"/>
      <c r="CA2577" s="162"/>
      <c r="CB2577" s="162"/>
      <c r="CC2577" s="162"/>
      <c r="CD2577" s="162"/>
      <c r="CE2577" s="162"/>
      <c r="CF2577" s="162"/>
      <c r="CG2577" s="162"/>
      <c r="CH2577" s="162"/>
      <c r="CI2577" s="162"/>
      <c r="CJ2577" s="162"/>
      <c r="CK2577" s="162"/>
      <c r="CX2577" s="98"/>
      <c r="DL2577" s="97"/>
      <c r="DX2577" s="98"/>
      <c r="EL2577" s="97"/>
      <c r="EX2577" s="98"/>
      <c r="EY2577" s="97"/>
      <c r="FL2577" s="126"/>
      <c r="FM2577" s="91"/>
      <c r="FN2577" s="91"/>
      <c r="FO2577" s="91"/>
      <c r="FP2577" s="91"/>
      <c r="FQ2577" s="91"/>
      <c r="FR2577" s="91"/>
      <c r="FS2577" s="91"/>
      <c r="FT2577" s="91"/>
      <c r="FU2577" s="91"/>
      <c r="FV2577" s="91"/>
      <c r="FW2577" s="91"/>
      <c r="FX2577" s="91"/>
      <c r="FY2577" s="91"/>
      <c r="FZ2577" s="91"/>
      <c r="GA2577" s="91"/>
      <c r="GB2577" s="91"/>
      <c r="GC2577" s="91"/>
      <c r="GD2577" s="91"/>
      <c r="GE2577" s="91"/>
      <c r="GF2577" s="91"/>
      <c r="GG2577" s="91"/>
      <c r="GH2577" s="91"/>
      <c r="GI2577" s="91"/>
      <c r="GJ2577" s="91"/>
      <c r="GK2577" s="127"/>
      <c r="GL2577" s="126"/>
      <c r="GM2577" s="91"/>
      <c r="GN2577" s="91"/>
      <c r="GO2577" s="91"/>
      <c r="GP2577" s="91"/>
      <c r="GQ2577" s="91"/>
      <c r="GR2577" s="91"/>
      <c r="GS2577" s="91"/>
      <c r="GT2577" s="91"/>
      <c r="GU2577" s="91"/>
      <c r="GV2577" s="91"/>
      <c r="GW2577" s="91"/>
      <c r="GX2577" s="91"/>
      <c r="GY2577" s="91"/>
      <c r="GZ2577" s="91"/>
      <c r="HA2577" s="91"/>
      <c r="HB2577" s="91"/>
      <c r="HC2577" s="91"/>
      <c r="HD2577" s="91"/>
      <c r="HE2577" s="91"/>
      <c r="HF2577" s="91"/>
      <c r="HG2577" s="91"/>
      <c r="HH2577" s="91"/>
      <c r="HI2577" s="91"/>
      <c r="HJ2577" s="91"/>
      <c r="HK2577" s="127"/>
      <c r="HL2577" s="126"/>
      <c r="HM2577" s="91"/>
      <c r="HN2577" s="91"/>
      <c r="HO2577" s="91"/>
      <c r="HP2577" s="91"/>
      <c r="HQ2577" s="91"/>
      <c r="HR2577" s="91"/>
      <c r="HS2577" s="91"/>
      <c r="HT2577" s="91"/>
      <c r="HU2577" s="91"/>
      <c r="HV2577" s="91"/>
      <c r="HW2577" s="91"/>
      <c r="HX2577" s="91"/>
      <c r="HY2577" s="91"/>
      <c r="HZ2577" s="91"/>
      <c r="IA2577" s="91"/>
      <c r="IB2577" s="91"/>
      <c r="IC2577" s="91"/>
      <c r="ID2577" s="91"/>
      <c r="IE2577" s="91"/>
      <c r="IF2577" s="91"/>
      <c r="IG2577" s="91"/>
      <c r="IH2577" s="91"/>
      <c r="II2577" s="91"/>
      <c r="IJ2577" s="91"/>
      <c r="IK2577" s="127"/>
    </row>
    <row r="2578" spans="2:245" x14ac:dyDescent="0.2">
      <c r="B2578" s="43"/>
      <c r="C2578" s="73"/>
      <c r="D2578" s="64"/>
      <c r="E2578" s="64"/>
      <c r="F2578" s="55"/>
      <c r="G2578" s="102"/>
      <c r="H2578" s="55"/>
      <c r="I2578" s="55"/>
      <c r="J2578" s="55"/>
      <c r="K2578" s="55"/>
      <c r="L2578" s="55"/>
      <c r="M2578" s="55"/>
      <c r="N2578" s="55"/>
      <c r="O2578" s="55"/>
      <c r="P2578" s="55"/>
      <c r="Q2578" s="55"/>
      <c r="R2578" s="55"/>
      <c r="S2578" s="55"/>
      <c r="T2578" s="55"/>
      <c r="U2578" s="55"/>
      <c r="V2578" s="55"/>
      <c r="W2578" s="55"/>
      <c r="X2578" s="55"/>
      <c r="Y2578" s="55"/>
      <c r="Z2578" s="55"/>
      <c r="AA2578" s="55"/>
      <c r="AB2578" s="55"/>
      <c r="AC2578" s="55"/>
      <c r="AD2578" s="55"/>
      <c r="AE2578" s="55"/>
      <c r="AF2578" s="55"/>
      <c r="AG2578" s="55"/>
      <c r="AY2578" s="162"/>
      <c r="AZ2578" s="162"/>
      <c r="BA2578" s="162"/>
      <c r="BB2578" s="162"/>
      <c r="BC2578" s="162"/>
      <c r="BD2578" s="162"/>
      <c r="BE2578" s="162"/>
      <c r="BF2578" s="162"/>
      <c r="BG2578" s="162"/>
      <c r="BH2578" s="162"/>
      <c r="BI2578" s="162"/>
      <c r="BJ2578" s="162"/>
      <c r="BK2578" s="162"/>
      <c r="BL2578" s="162"/>
      <c r="BM2578" s="162"/>
      <c r="BN2578" s="162"/>
      <c r="BO2578" s="162"/>
      <c r="BP2578" s="162"/>
      <c r="BQ2578" s="162"/>
      <c r="BR2578" s="162"/>
      <c r="BS2578" s="162"/>
      <c r="BT2578" s="162"/>
      <c r="BU2578" s="162"/>
      <c r="BV2578" s="162"/>
      <c r="BW2578" s="162"/>
      <c r="BX2578" s="162"/>
      <c r="BY2578" s="162"/>
      <c r="BZ2578" s="162"/>
      <c r="CA2578" s="162"/>
      <c r="CB2578" s="162"/>
      <c r="CC2578" s="162"/>
      <c r="CD2578" s="162"/>
      <c r="CE2578" s="162"/>
      <c r="CF2578" s="162"/>
      <c r="CG2578" s="162"/>
      <c r="CH2578" s="162"/>
      <c r="CI2578" s="162"/>
      <c r="CJ2578" s="162"/>
      <c r="CK2578" s="162"/>
      <c r="CX2578" s="98"/>
      <c r="DL2578" s="97"/>
      <c r="DX2578" s="98"/>
      <c r="EL2578" s="97"/>
      <c r="EX2578" s="98"/>
      <c r="EY2578" s="97"/>
      <c r="FL2578" s="126"/>
      <c r="FM2578" s="91"/>
      <c r="FN2578" s="91"/>
      <c r="FO2578" s="91"/>
      <c r="FP2578" s="91"/>
      <c r="FQ2578" s="91"/>
      <c r="FR2578" s="91"/>
      <c r="FS2578" s="91"/>
      <c r="FT2578" s="91"/>
      <c r="FU2578" s="91"/>
      <c r="FV2578" s="91"/>
      <c r="FW2578" s="91"/>
      <c r="FX2578" s="91"/>
      <c r="FY2578" s="91"/>
      <c r="FZ2578" s="91"/>
      <c r="GA2578" s="91"/>
      <c r="GB2578" s="91"/>
      <c r="GC2578" s="91"/>
      <c r="GD2578" s="91"/>
      <c r="GE2578" s="91"/>
      <c r="GF2578" s="91"/>
      <c r="GG2578" s="91"/>
      <c r="GH2578" s="91"/>
      <c r="GI2578" s="91"/>
      <c r="GJ2578" s="91"/>
      <c r="GK2578" s="127"/>
      <c r="GL2578" s="126"/>
      <c r="GM2578" s="91"/>
      <c r="GN2578" s="91"/>
      <c r="GO2578" s="91"/>
      <c r="GP2578" s="91"/>
      <c r="GQ2578" s="91"/>
      <c r="GR2578" s="91"/>
      <c r="GS2578" s="91"/>
      <c r="GT2578" s="91"/>
      <c r="GU2578" s="91"/>
      <c r="GV2578" s="91"/>
      <c r="GW2578" s="91"/>
      <c r="GX2578" s="91"/>
      <c r="GY2578" s="91"/>
      <c r="GZ2578" s="91"/>
      <c r="HA2578" s="91"/>
      <c r="HB2578" s="91"/>
      <c r="HC2578" s="91"/>
      <c r="HD2578" s="91"/>
      <c r="HE2578" s="91"/>
      <c r="HF2578" s="91"/>
      <c r="HG2578" s="91"/>
      <c r="HH2578" s="91"/>
      <c r="HI2578" s="91"/>
      <c r="HJ2578" s="91"/>
      <c r="HK2578" s="127"/>
      <c r="HL2578" s="126"/>
      <c r="HM2578" s="91"/>
      <c r="HN2578" s="91"/>
      <c r="HO2578" s="91"/>
      <c r="HP2578" s="91"/>
      <c r="HQ2578" s="91"/>
      <c r="HR2578" s="91"/>
      <c r="HS2578" s="91"/>
      <c r="HT2578" s="91"/>
      <c r="HU2578" s="91"/>
      <c r="HV2578" s="91"/>
      <c r="HW2578" s="91"/>
      <c r="HX2578" s="91"/>
      <c r="HY2578" s="91"/>
      <c r="HZ2578" s="91"/>
      <c r="IA2578" s="91"/>
      <c r="IB2578" s="91"/>
      <c r="IC2578" s="91"/>
      <c r="ID2578" s="91"/>
      <c r="IE2578" s="91"/>
      <c r="IF2578" s="91"/>
      <c r="IG2578" s="91"/>
      <c r="IH2578" s="91"/>
      <c r="II2578" s="91"/>
      <c r="IJ2578" s="91"/>
      <c r="IK2578" s="127"/>
    </row>
    <row r="2579" spans="2:245" x14ac:dyDescent="0.2">
      <c r="B2579" s="43"/>
      <c r="C2579" s="73"/>
      <c r="D2579" s="64"/>
      <c r="E2579" s="64"/>
      <c r="F2579" s="55"/>
      <c r="G2579" s="102"/>
      <c r="H2579" s="55"/>
      <c r="I2579" s="55"/>
      <c r="J2579" s="55"/>
      <c r="K2579" s="55"/>
      <c r="L2579" s="55"/>
      <c r="M2579" s="55"/>
      <c r="N2579" s="55"/>
      <c r="O2579" s="55"/>
      <c r="P2579" s="55"/>
      <c r="Q2579" s="55"/>
      <c r="R2579" s="55"/>
      <c r="S2579" s="55"/>
      <c r="T2579" s="55"/>
      <c r="U2579" s="55"/>
      <c r="V2579" s="55"/>
      <c r="W2579" s="55"/>
      <c r="X2579" s="55"/>
      <c r="Y2579" s="55"/>
      <c r="Z2579" s="55"/>
      <c r="AA2579" s="55"/>
      <c r="AB2579" s="55"/>
      <c r="AC2579" s="55"/>
      <c r="AD2579" s="55"/>
      <c r="AE2579" s="55"/>
      <c r="AF2579" s="55"/>
      <c r="AG2579" s="55"/>
      <c r="AY2579" s="162"/>
      <c r="AZ2579" s="162"/>
      <c r="BA2579" s="162"/>
      <c r="BB2579" s="162"/>
      <c r="BC2579" s="162"/>
      <c r="BD2579" s="162"/>
      <c r="BE2579" s="162"/>
      <c r="BF2579" s="162"/>
      <c r="BG2579" s="162"/>
      <c r="BH2579" s="162"/>
      <c r="BI2579" s="162"/>
      <c r="BJ2579" s="162"/>
      <c r="BK2579" s="162"/>
      <c r="BL2579" s="162"/>
      <c r="BM2579" s="162"/>
      <c r="BN2579" s="162"/>
      <c r="BO2579" s="162"/>
      <c r="BP2579" s="162"/>
      <c r="BQ2579" s="162"/>
      <c r="BR2579" s="162"/>
      <c r="BS2579" s="162"/>
      <c r="BT2579" s="162"/>
      <c r="BU2579" s="162"/>
      <c r="BV2579" s="162"/>
      <c r="BW2579" s="162"/>
      <c r="BX2579" s="162"/>
      <c r="BY2579" s="162"/>
      <c r="BZ2579" s="162"/>
      <c r="CA2579" s="162"/>
      <c r="CB2579" s="162"/>
      <c r="CC2579" s="162"/>
      <c r="CD2579" s="162"/>
      <c r="CE2579" s="162"/>
      <c r="CF2579" s="162"/>
      <c r="CG2579" s="162"/>
      <c r="CH2579" s="162"/>
      <c r="CI2579" s="162"/>
      <c r="CJ2579" s="162"/>
      <c r="CK2579" s="162"/>
      <c r="CX2579" s="98"/>
      <c r="DL2579" s="97"/>
      <c r="DX2579" s="98"/>
      <c r="EL2579" s="97"/>
      <c r="EX2579" s="98"/>
      <c r="EY2579" s="97"/>
      <c r="FL2579" s="126"/>
      <c r="FM2579" s="91"/>
      <c r="FN2579" s="91"/>
      <c r="FO2579" s="91"/>
      <c r="FP2579" s="91"/>
      <c r="FQ2579" s="91"/>
      <c r="FR2579" s="91"/>
      <c r="FS2579" s="91"/>
      <c r="FT2579" s="91"/>
      <c r="FU2579" s="91"/>
      <c r="FV2579" s="91"/>
      <c r="FW2579" s="91"/>
      <c r="FX2579" s="91"/>
      <c r="FY2579" s="91"/>
      <c r="FZ2579" s="91"/>
      <c r="GA2579" s="91"/>
      <c r="GB2579" s="91"/>
      <c r="GC2579" s="91"/>
      <c r="GD2579" s="91"/>
      <c r="GE2579" s="91"/>
      <c r="GF2579" s="91"/>
      <c r="GG2579" s="91"/>
      <c r="GH2579" s="91"/>
      <c r="GI2579" s="91"/>
      <c r="GJ2579" s="91"/>
      <c r="GK2579" s="127"/>
      <c r="GL2579" s="126"/>
      <c r="GM2579" s="91"/>
      <c r="GN2579" s="91"/>
      <c r="GO2579" s="91"/>
      <c r="GP2579" s="91"/>
      <c r="GQ2579" s="91"/>
      <c r="GR2579" s="91"/>
      <c r="GS2579" s="91"/>
      <c r="GT2579" s="91"/>
      <c r="GU2579" s="91"/>
      <c r="GV2579" s="91"/>
      <c r="GW2579" s="91"/>
      <c r="GX2579" s="91"/>
      <c r="GY2579" s="91"/>
      <c r="GZ2579" s="91"/>
      <c r="HA2579" s="91"/>
      <c r="HB2579" s="91"/>
      <c r="HC2579" s="91"/>
      <c r="HD2579" s="91"/>
      <c r="HE2579" s="91"/>
      <c r="HF2579" s="91"/>
      <c r="HG2579" s="91"/>
      <c r="HH2579" s="91"/>
      <c r="HI2579" s="91"/>
      <c r="HJ2579" s="91"/>
      <c r="HK2579" s="127"/>
      <c r="HL2579" s="126"/>
      <c r="HM2579" s="91"/>
      <c r="HN2579" s="91"/>
      <c r="HO2579" s="91"/>
      <c r="HP2579" s="91"/>
      <c r="HQ2579" s="91"/>
      <c r="HR2579" s="91"/>
      <c r="HS2579" s="91"/>
      <c r="HT2579" s="91"/>
      <c r="HU2579" s="91"/>
      <c r="HV2579" s="91"/>
      <c r="HW2579" s="91"/>
      <c r="HX2579" s="91"/>
      <c r="HY2579" s="91"/>
      <c r="HZ2579" s="91"/>
      <c r="IA2579" s="91"/>
      <c r="IB2579" s="91"/>
      <c r="IC2579" s="91"/>
      <c r="ID2579" s="91"/>
      <c r="IE2579" s="91"/>
      <c r="IF2579" s="91"/>
      <c r="IG2579" s="91"/>
      <c r="IH2579" s="91"/>
      <c r="II2579" s="91"/>
      <c r="IJ2579" s="91"/>
      <c r="IK2579" s="127"/>
    </row>
    <row r="2580" spans="2:245" x14ac:dyDescent="0.2">
      <c r="B2580" s="43"/>
      <c r="C2580" s="73"/>
      <c r="D2580" s="64"/>
      <c r="E2580" s="64"/>
      <c r="F2580" s="55"/>
      <c r="G2580" s="102"/>
      <c r="H2580" s="55"/>
      <c r="I2580" s="55"/>
      <c r="J2580" s="55"/>
      <c r="K2580" s="55"/>
      <c r="L2580" s="55"/>
      <c r="M2580" s="55"/>
      <c r="N2580" s="55"/>
      <c r="O2580" s="55"/>
      <c r="P2580" s="55"/>
      <c r="Q2580" s="55"/>
      <c r="R2580" s="55"/>
      <c r="S2580" s="55"/>
      <c r="T2580" s="55"/>
      <c r="U2580" s="55"/>
      <c r="V2580" s="55"/>
      <c r="W2580" s="55"/>
      <c r="X2580" s="55"/>
      <c r="Y2580" s="55"/>
      <c r="Z2580" s="55"/>
      <c r="AA2580" s="55"/>
      <c r="AB2580" s="55"/>
      <c r="AC2580" s="55"/>
      <c r="AD2580" s="55"/>
      <c r="AE2580" s="55"/>
      <c r="AF2580" s="55"/>
      <c r="AG2580" s="55"/>
      <c r="AY2580" s="162"/>
      <c r="AZ2580" s="162"/>
      <c r="BA2580" s="162"/>
      <c r="BB2580" s="162"/>
      <c r="BC2580" s="162"/>
      <c r="BD2580" s="162"/>
      <c r="BE2580" s="162"/>
      <c r="BF2580" s="162"/>
      <c r="BG2580" s="162"/>
      <c r="BH2580" s="162"/>
      <c r="BI2580" s="162"/>
      <c r="BJ2580" s="162"/>
      <c r="BK2580" s="162"/>
      <c r="BL2580" s="162"/>
      <c r="BM2580" s="162"/>
      <c r="BN2580" s="162"/>
      <c r="BO2580" s="162"/>
      <c r="BP2580" s="162"/>
      <c r="BQ2580" s="162"/>
      <c r="BR2580" s="162"/>
      <c r="BS2580" s="162"/>
      <c r="BT2580" s="162"/>
      <c r="BU2580" s="162"/>
      <c r="BV2580" s="162"/>
      <c r="BW2580" s="162"/>
      <c r="BX2580" s="162"/>
      <c r="BY2580" s="162"/>
      <c r="BZ2580" s="162"/>
      <c r="CA2580" s="162"/>
      <c r="CB2580" s="162"/>
      <c r="CC2580" s="162"/>
      <c r="CD2580" s="162"/>
      <c r="CE2580" s="162"/>
      <c r="CF2580" s="162"/>
      <c r="CG2580" s="162"/>
      <c r="CH2580" s="162"/>
      <c r="CI2580" s="162"/>
      <c r="CJ2580" s="162"/>
      <c r="CK2580" s="162"/>
      <c r="CX2580" s="98"/>
      <c r="DL2580" s="97"/>
      <c r="DX2580" s="98"/>
      <c r="EL2580" s="97"/>
      <c r="EX2580" s="98"/>
      <c r="EY2580" s="97"/>
      <c r="FL2580" s="126"/>
      <c r="FM2580" s="91"/>
      <c r="FN2580" s="91"/>
      <c r="FO2580" s="91"/>
      <c r="FP2580" s="91"/>
      <c r="FQ2580" s="91"/>
      <c r="FR2580" s="91"/>
      <c r="FS2580" s="91"/>
      <c r="FT2580" s="91"/>
      <c r="FU2580" s="91"/>
      <c r="FV2580" s="91"/>
      <c r="FW2580" s="91"/>
      <c r="FX2580" s="91"/>
      <c r="FY2580" s="91"/>
      <c r="FZ2580" s="91"/>
      <c r="GA2580" s="91"/>
      <c r="GB2580" s="91"/>
      <c r="GC2580" s="91"/>
      <c r="GD2580" s="91"/>
      <c r="GE2580" s="91"/>
      <c r="GF2580" s="91"/>
      <c r="GG2580" s="91"/>
      <c r="GH2580" s="91"/>
      <c r="GI2580" s="91"/>
      <c r="GJ2580" s="91"/>
      <c r="GK2580" s="127"/>
      <c r="GL2580" s="126"/>
      <c r="GM2580" s="91"/>
      <c r="GN2580" s="91"/>
      <c r="GO2580" s="91"/>
      <c r="GP2580" s="91"/>
      <c r="GQ2580" s="91"/>
      <c r="GR2580" s="91"/>
      <c r="GS2580" s="91"/>
      <c r="GT2580" s="91"/>
      <c r="GU2580" s="91"/>
      <c r="GV2580" s="91"/>
      <c r="GW2580" s="91"/>
      <c r="GX2580" s="91"/>
      <c r="GY2580" s="91"/>
      <c r="GZ2580" s="91"/>
      <c r="HA2580" s="91"/>
      <c r="HB2580" s="91"/>
      <c r="HC2580" s="91"/>
      <c r="HD2580" s="91"/>
      <c r="HE2580" s="91"/>
      <c r="HF2580" s="91"/>
      <c r="HG2580" s="91"/>
      <c r="HH2580" s="91"/>
      <c r="HI2580" s="91"/>
      <c r="HJ2580" s="91"/>
      <c r="HK2580" s="127"/>
      <c r="HL2580" s="126"/>
      <c r="HM2580" s="91"/>
      <c r="HN2580" s="91"/>
      <c r="HO2580" s="91"/>
      <c r="HP2580" s="91"/>
      <c r="HQ2580" s="91"/>
      <c r="HR2580" s="91"/>
      <c r="HS2580" s="91"/>
      <c r="HT2580" s="91"/>
      <c r="HU2580" s="91"/>
      <c r="HV2580" s="91"/>
      <c r="HW2580" s="91"/>
      <c r="HX2580" s="91"/>
      <c r="HY2580" s="91"/>
      <c r="HZ2580" s="91"/>
      <c r="IA2580" s="91"/>
      <c r="IB2580" s="91"/>
      <c r="IC2580" s="91"/>
      <c r="ID2580" s="91"/>
      <c r="IE2580" s="91"/>
      <c r="IF2580" s="91"/>
      <c r="IG2580" s="91"/>
      <c r="IH2580" s="91"/>
      <c r="II2580" s="91"/>
      <c r="IJ2580" s="91"/>
      <c r="IK2580" s="127"/>
    </row>
    <row r="2581" spans="2:245" x14ac:dyDescent="0.2">
      <c r="B2581" s="43"/>
      <c r="C2581" s="73"/>
      <c r="D2581" s="64"/>
      <c r="E2581" s="64"/>
      <c r="F2581" s="55"/>
      <c r="G2581" s="102"/>
      <c r="H2581" s="55"/>
      <c r="I2581" s="55"/>
      <c r="J2581" s="55"/>
      <c r="K2581" s="55"/>
      <c r="L2581" s="55"/>
      <c r="M2581" s="55"/>
      <c r="N2581" s="55"/>
      <c r="O2581" s="55"/>
      <c r="P2581" s="55"/>
      <c r="Q2581" s="55"/>
      <c r="R2581" s="55"/>
      <c r="S2581" s="55"/>
      <c r="T2581" s="55"/>
      <c r="U2581" s="55"/>
      <c r="V2581" s="55"/>
      <c r="W2581" s="55"/>
      <c r="X2581" s="55"/>
      <c r="Y2581" s="55"/>
      <c r="Z2581" s="55"/>
      <c r="AA2581" s="55"/>
      <c r="AB2581" s="55"/>
      <c r="AC2581" s="55"/>
      <c r="AD2581" s="55"/>
      <c r="AE2581" s="55"/>
      <c r="AF2581" s="55"/>
      <c r="AG2581" s="55"/>
      <c r="AY2581" s="162"/>
      <c r="AZ2581" s="162"/>
      <c r="BA2581" s="162"/>
      <c r="BB2581" s="162"/>
      <c r="BC2581" s="162"/>
      <c r="BD2581" s="162"/>
      <c r="BE2581" s="162"/>
      <c r="BF2581" s="162"/>
      <c r="BG2581" s="162"/>
      <c r="BH2581" s="162"/>
      <c r="BI2581" s="162"/>
      <c r="BJ2581" s="162"/>
      <c r="BK2581" s="162"/>
      <c r="BL2581" s="162"/>
      <c r="BM2581" s="162"/>
      <c r="BN2581" s="162"/>
      <c r="BO2581" s="162"/>
      <c r="BP2581" s="162"/>
      <c r="BQ2581" s="162"/>
      <c r="BR2581" s="162"/>
      <c r="BS2581" s="162"/>
      <c r="BT2581" s="162"/>
      <c r="BU2581" s="162"/>
      <c r="BV2581" s="162"/>
      <c r="BW2581" s="162"/>
      <c r="BX2581" s="162"/>
      <c r="BY2581" s="162"/>
      <c r="BZ2581" s="162"/>
      <c r="CA2581" s="162"/>
      <c r="CB2581" s="162"/>
      <c r="CC2581" s="162"/>
      <c r="CD2581" s="162"/>
      <c r="CE2581" s="162"/>
      <c r="CF2581" s="162"/>
      <c r="CG2581" s="162"/>
      <c r="CH2581" s="162"/>
      <c r="CI2581" s="162"/>
      <c r="CJ2581" s="162"/>
      <c r="CK2581" s="162"/>
      <c r="CX2581" s="98"/>
      <c r="DL2581" s="97"/>
      <c r="DX2581" s="98"/>
      <c r="EL2581" s="97"/>
      <c r="EX2581" s="98"/>
      <c r="EY2581" s="97"/>
      <c r="FL2581" s="126"/>
      <c r="FM2581" s="91"/>
      <c r="FN2581" s="91"/>
      <c r="FO2581" s="91"/>
      <c r="FP2581" s="91"/>
      <c r="FQ2581" s="91"/>
      <c r="FR2581" s="91"/>
      <c r="FS2581" s="91"/>
      <c r="FT2581" s="91"/>
      <c r="FU2581" s="91"/>
      <c r="FV2581" s="91"/>
      <c r="FW2581" s="91"/>
      <c r="FX2581" s="91"/>
      <c r="FY2581" s="91"/>
      <c r="FZ2581" s="91"/>
      <c r="GA2581" s="91"/>
      <c r="GB2581" s="91"/>
      <c r="GC2581" s="91"/>
      <c r="GD2581" s="91"/>
      <c r="GE2581" s="91"/>
      <c r="GF2581" s="91"/>
      <c r="GG2581" s="91"/>
      <c r="GH2581" s="91"/>
      <c r="GI2581" s="91"/>
      <c r="GJ2581" s="91"/>
      <c r="GK2581" s="127"/>
      <c r="GL2581" s="126"/>
      <c r="GM2581" s="91"/>
      <c r="GN2581" s="91"/>
      <c r="GO2581" s="91"/>
      <c r="GP2581" s="91"/>
      <c r="GQ2581" s="91"/>
      <c r="GR2581" s="91"/>
      <c r="GS2581" s="91"/>
      <c r="GT2581" s="91"/>
      <c r="GU2581" s="91"/>
      <c r="GV2581" s="91"/>
      <c r="GW2581" s="91"/>
      <c r="GX2581" s="91"/>
      <c r="GY2581" s="91"/>
      <c r="GZ2581" s="91"/>
      <c r="HA2581" s="91"/>
      <c r="HB2581" s="91"/>
      <c r="HC2581" s="91"/>
      <c r="HD2581" s="91"/>
      <c r="HE2581" s="91"/>
      <c r="HF2581" s="91"/>
      <c r="HG2581" s="91"/>
      <c r="HH2581" s="91"/>
      <c r="HI2581" s="91"/>
      <c r="HJ2581" s="91"/>
      <c r="HK2581" s="127"/>
      <c r="HL2581" s="126"/>
      <c r="HM2581" s="91"/>
      <c r="HN2581" s="91"/>
      <c r="HO2581" s="91"/>
      <c r="HP2581" s="91"/>
      <c r="HQ2581" s="91"/>
      <c r="HR2581" s="91"/>
      <c r="HS2581" s="91"/>
      <c r="HT2581" s="91"/>
      <c r="HU2581" s="91"/>
      <c r="HV2581" s="91"/>
      <c r="HW2581" s="91"/>
      <c r="HX2581" s="91"/>
      <c r="HY2581" s="91"/>
      <c r="HZ2581" s="91"/>
      <c r="IA2581" s="91"/>
      <c r="IB2581" s="91"/>
      <c r="IC2581" s="91"/>
      <c r="ID2581" s="91"/>
      <c r="IE2581" s="91"/>
      <c r="IF2581" s="91"/>
      <c r="IG2581" s="91"/>
      <c r="IH2581" s="91"/>
      <c r="II2581" s="91"/>
      <c r="IJ2581" s="91"/>
      <c r="IK2581" s="127"/>
    </row>
    <row r="2582" spans="2:245" x14ac:dyDescent="0.2">
      <c r="B2582" s="43"/>
      <c r="C2582" s="73"/>
      <c r="D2582" s="64"/>
      <c r="E2582" s="64"/>
      <c r="F2582" s="55"/>
      <c r="G2582" s="102"/>
      <c r="H2582" s="55"/>
      <c r="I2582" s="55"/>
      <c r="J2582" s="55"/>
      <c r="K2582" s="55"/>
      <c r="L2582" s="55"/>
      <c r="M2582" s="55"/>
      <c r="N2582" s="55"/>
      <c r="O2582" s="55"/>
      <c r="P2582" s="55"/>
      <c r="Q2582" s="55"/>
      <c r="R2582" s="55"/>
      <c r="S2582" s="55"/>
      <c r="T2582" s="55"/>
      <c r="U2582" s="55"/>
      <c r="V2582" s="55"/>
      <c r="W2582" s="55"/>
      <c r="X2582" s="55"/>
      <c r="Y2582" s="55"/>
      <c r="Z2582" s="55"/>
      <c r="AA2582" s="55"/>
      <c r="AB2582" s="55"/>
      <c r="AC2582" s="55"/>
      <c r="AD2582" s="55"/>
      <c r="AE2582" s="55"/>
      <c r="AF2582" s="55"/>
      <c r="AG2582" s="55"/>
      <c r="AY2582" s="162"/>
      <c r="AZ2582" s="162"/>
      <c r="BA2582" s="162"/>
      <c r="BB2582" s="162"/>
      <c r="BC2582" s="162"/>
      <c r="BD2582" s="162"/>
      <c r="BE2582" s="162"/>
      <c r="BF2582" s="162"/>
      <c r="BG2582" s="162"/>
      <c r="BH2582" s="162"/>
      <c r="BI2582" s="162"/>
      <c r="BJ2582" s="162"/>
      <c r="BK2582" s="162"/>
      <c r="BL2582" s="162"/>
      <c r="BM2582" s="162"/>
      <c r="BN2582" s="162"/>
      <c r="BO2582" s="162"/>
      <c r="BP2582" s="162"/>
      <c r="BQ2582" s="162"/>
      <c r="BR2582" s="162"/>
      <c r="BS2582" s="162"/>
      <c r="BT2582" s="162"/>
      <c r="BU2582" s="162"/>
      <c r="BV2582" s="162"/>
      <c r="BW2582" s="162"/>
      <c r="BX2582" s="162"/>
      <c r="BY2582" s="162"/>
      <c r="BZ2582" s="162"/>
      <c r="CA2582" s="162"/>
      <c r="CB2582" s="162"/>
      <c r="CC2582" s="162"/>
      <c r="CD2582" s="162"/>
      <c r="CE2582" s="162"/>
      <c r="CF2582" s="162"/>
      <c r="CG2582" s="162"/>
      <c r="CH2582" s="162"/>
      <c r="CI2582" s="162"/>
      <c r="CJ2582" s="162"/>
      <c r="CK2582" s="162"/>
      <c r="CX2582" s="98"/>
      <c r="DL2582" s="97"/>
      <c r="DX2582" s="98"/>
      <c r="EL2582" s="97"/>
      <c r="EX2582" s="98"/>
      <c r="EY2582" s="97"/>
      <c r="FL2582" s="126"/>
      <c r="FM2582" s="91"/>
      <c r="FN2582" s="91"/>
      <c r="FO2582" s="91"/>
      <c r="FP2582" s="91"/>
      <c r="FQ2582" s="91"/>
      <c r="FR2582" s="91"/>
      <c r="FS2582" s="91"/>
      <c r="FT2582" s="91"/>
      <c r="FU2582" s="91"/>
      <c r="FV2582" s="91"/>
      <c r="FW2582" s="91"/>
      <c r="FX2582" s="91"/>
      <c r="FY2582" s="91"/>
      <c r="FZ2582" s="91"/>
      <c r="GA2582" s="91"/>
      <c r="GB2582" s="91"/>
      <c r="GC2582" s="91"/>
      <c r="GD2582" s="91"/>
      <c r="GE2582" s="91"/>
      <c r="GF2582" s="91"/>
      <c r="GG2582" s="91"/>
      <c r="GH2582" s="91"/>
      <c r="GI2582" s="91"/>
      <c r="GJ2582" s="91"/>
      <c r="GK2582" s="127"/>
      <c r="GL2582" s="126"/>
      <c r="GM2582" s="91"/>
      <c r="GN2582" s="91"/>
      <c r="GO2582" s="91"/>
      <c r="GP2582" s="91"/>
      <c r="GQ2582" s="91"/>
      <c r="GR2582" s="91"/>
      <c r="GS2582" s="91"/>
      <c r="GT2582" s="91"/>
      <c r="GU2582" s="91"/>
      <c r="GV2582" s="91"/>
      <c r="GW2582" s="91"/>
      <c r="GX2582" s="91"/>
      <c r="GY2582" s="91"/>
      <c r="GZ2582" s="91"/>
      <c r="HA2582" s="91"/>
      <c r="HB2582" s="91"/>
      <c r="HC2582" s="91"/>
      <c r="HD2582" s="91"/>
      <c r="HE2582" s="91"/>
      <c r="HF2582" s="91"/>
      <c r="HG2582" s="91"/>
      <c r="HH2582" s="91"/>
      <c r="HI2582" s="91"/>
      <c r="HJ2582" s="91"/>
      <c r="HK2582" s="127"/>
      <c r="HL2582" s="126"/>
      <c r="HM2582" s="91"/>
      <c r="HN2582" s="91"/>
      <c r="HO2582" s="91"/>
      <c r="HP2582" s="91"/>
      <c r="HQ2582" s="91"/>
      <c r="HR2582" s="91"/>
      <c r="HS2582" s="91"/>
      <c r="HT2582" s="91"/>
      <c r="HU2582" s="91"/>
      <c r="HV2582" s="91"/>
      <c r="HW2582" s="91"/>
      <c r="HX2582" s="91"/>
      <c r="HY2582" s="91"/>
      <c r="HZ2582" s="91"/>
      <c r="IA2582" s="91"/>
      <c r="IB2582" s="91"/>
      <c r="IC2582" s="91"/>
      <c r="ID2582" s="91"/>
      <c r="IE2582" s="91"/>
      <c r="IF2582" s="91"/>
      <c r="IG2582" s="91"/>
      <c r="IH2582" s="91"/>
      <c r="II2582" s="91"/>
      <c r="IJ2582" s="91"/>
      <c r="IK2582" s="127"/>
    </row>
    <row r="2583" spans="2:245" x14ac:dyDescent="0.2">
      <c r="B2583" s="43"/>
      <c r="C2583" s="73"/>
      <c r="D2583" s="64"/>
      <c r="E2583" s="64"/>
      <c r="F2583" s="55"/>
      <c r="G2583" s="102"/>
      <c r="H2583" s="55"/>
      <c r="I2583" s="55"/>
      <c r="J2583" s="55"/>
      <c r="K2583" s="55"/>
      <c r="L2583" s="55"/>
      <c r="M2583" s="55"/>
      <c r="N2583" s="55"/>
      <c r="O2583" s="55"/>
      <c r="P2583" s="55"/>
      <c r="Q2583" s="55"/>
      <c r="R2583" s="55"/>
      <c r="S2583" s="55"/>
      <c r="T2583" s="55"/>
      <c r="U2583" s="55"/>
      <c r="V2583" s="55"/>
      <c r="W2583" s="55"/>
      <c r="X2583" s="55"/>
      <c r="Y2583" s="55"/>
      <c r="Z2583" s="55"/>
      <c r="AA2583" s="55"/>
      <c r="AB2583" s="55"/>
      <c r="AC2583" s="55"/>
      <c r="AD2583" s="55"/>
      <c r="AE2583" s="55"/>
      <c r="AF2583" s="55"/>
      <c r="AG2583" s="55"/>
      <c r="AY2583" s="162"/>
      <c r="AZ2583" s="162"/>
      <c r="BA2583" s="162"/>
      <c r="BB2583" s="162"/>
      <c r="BC2583" s="162"/>
      <c r="BD2583" s="162"/>
      <c r="BE2583" s="162"/>
      <c r="BF2583" s="162"/>
      <c r="BG2583" s="162"/>
      <c r="BH2583" s="162"/>
      <c r="BI2583" s="162"/>
      <c r="BJ2583" s="162"/>
      <c r="BK2583" s="162"/>
      <c r="BL2583" s="162"/>
      <c r="BM2583" s="162"/>
      <c r="BN2583" s="162"/>
      <c r="BO2583" s="162"/>
      <c r="BP2583" s="162"/>
      <c r="BQ2583" s="162"/>
      <c r="BR2583" s="162"/>
      <c r="BS2583" s="162"/>
      <c r="BT2583" s="162"/>
      <c r="BU2583" s="162"/>
      <c r="BV2583" s="162"/>
      <c r="BW2583" s="162"/>
      <c r="BX2583" s="162"/>
      <c r="BY2583" s="162"/>
      <c r="BZ2583" s="162"/>
      <c r="CA2583" s="162"/>
      <c r="CB2583" s="162"/>
      <c r="CC2583" s="162"/>
      <c r="CD2583" s="162"/>
      <c r="CE2583" s="162"/>
      <c r="CF2583" s="162"/>
      <c r="CG2583" s="162"/>
      <c r="CH2583" s="162"/>
      <c r="CI2583" s="162"/>
      <c r="CJ2583" s="162"/>
      <c r="CK2583" s="162"/>
      <c r="CX2583" s="98"/>
      <c r="DL2583" s="97"/>
      <c r="DX2583" s="98"/>
      <c r="EL2583" s="97"/>
      <c r="EX2583" s="98"/>
      <c r="EY2583" s="97"/>
      <c r="FL2583" s="126"/>
      <c r="FM2583" s="91"/>
      <c r="FN2583" s="91"/>
      <c r="FO2583" s="91"/>
      <c r="FP2583" s="91"/>
      <c r="FQ2583" s="91"/>
      <c r="FR2583" s="91"/>
      <c r="FS2583" s="91"/>
      <c r="FT2583" s="91"/>
      <c r="FU2583" s="91"/>
      <c r="FV2583" s="91"/>
      <c r="FW2583" s="91"/>
      <c r="FX2583" s="91"/>
      <c r="FY2583" s="91"/>
      <c r="FZ2583" s="91"/>
      <c r="GA2583" s="91"/>
      <c r="GB2583" s="91"/>
      <c r="GC2583" s="91"/>
      <c r="GD2583" s="91"/>
      <c r="GE2583" s="91"/>
      <c r="GF2583" s="91"/>
      <c r="GG2583" s="91"/>
      <c r="GH2583" s="91"/>
      <c r="GI2583" s="91"/>
      <c r="GJ2583" s="91"/>
      <c r="GK2583" s="127"/>
      <c r="GL2583" s="126"/>
      <c r="GM2583" s="91"/>
      <c r="GN2583" s="91"/>
      <c r="GO2583" s="91"/>
      <c r="GP2583" s="91"/>
      <c r="GQ2583" s="91"/>
      <c r="GR2583" s="91"/>
      <c r="GS2583" s="91"/>
      <c r="GT2583" s="91"/>
      <c r="GU2583" s="91"/>
      <c r="GV2583" s="91"/>
      <c r="GW2583" s="91"/>
      <c r="GX2583" s="91"/>
      <c r="GY2583" s="91"/>
      <c r="GZ2583" s="91"/>
      <c r="HA2583" s="91"/>
      <c r="HB2583" s="91"/>
      <c r="HC2583" s="91"/>
      <c r="HD2583" s="91"/>
      <c r="HE2583" s="91"/>
      <c r="HF2583" s="91"/>
      <c r="HG2583" s="91"/>
      <c r="HH2583" s="91"/>
      <c r="HI2583" s="91"/>
      <c r="HJ2583" s="91"/>
      <c r="HK2583" s="127"/>
      <c r="HL2583" s="126"/>
      <c r="HM2583" s="91"/>
      <c r="HN2583" s="91"/>
      <c r="HO2583" s="91"/>
      <c r="HP2583" s="91"/>
      <c r="HQ2583" s="91"/>
      <c r="HR2583" s="91"/>
      <c r="HS2583" s="91"/>
      <c r="HT2583" s="91"/>
      <c r="HU2583" s="91"/>
      <c r="HV2583" s="91"/>
      <c r="HW2583" s="91"/>
      <c r="HX2583" s="91"/>
      <c r="HY2583" s="91"/>
      <c r="HZ2583" s="91"/>
      <c r="IA2583" s="91"/>
      <c r="IB2583" s="91"/>
      <c r="IC2583" s="91"/>
      <c r="ID2583" s="91"/>
      <c r="IE2583" s="91"/>
      <c r="IF2583" s="91"/>
      <c r="IG2583" s="91"/>
      <c r="IH2583" s="91"/>
      <c r="II2583" s="91"/>
      <c r="IJ2583" s="91"/>
      <c r="IK2583" s="127"/>
    </row>
    <row r="2584" spans="2:245" x14ac:dyDescent="0.2">
      <c r="B2584" s="43"/>
      <c r="C2584" s="73"/>
      <c r="D2584" s="64"/>
      <c r="E2584" s="64"/>
      <c r="F2584" s="55"/>
      <c r="G2584" s="102"/>
      <c r="H2584" s="55"/>
      <c r="I2584" s="55"/>
      <c r="J2584" s="55"/>
      <c r="K2584" s="55"/>
      <c r="L2584" s="55"/>
      <c r="M2584" s="55"/>
      <c r="N2584" s="55"/>
      <c r="O2584" s="55"/>
      <c r="P2584" s="55"/>
      <c r="Q2584" s="55"/>
      <c r="R2584" s="55"/>
      <c r="S2584" s="55"/>
      <c r="T2584" s="55"/>
      <c r="U2584" s="55"/>
      <c r="V2584" s="55"/>
      <c r="W2584" s="55"/>
      <c r="X2584" s="55"/>
      <c r="Y2584" s="55"/>
      <c r="Z2584" s="55"/>
      <c r="AA2584" s="55"/>
      <c r="AB2584" s="55"/>
      <c r="AC2584" s="55"/>
      <c r="AD2584" s="55"/>
      <c r="AE2584" s="55"/>
      <c r="AF2584" s="55"/>
      <c r="AG2584" s="55"/>
      <c r="AY2584" s="162"/>
      <c r="AZ2584" s="162"/>
      <c r="BA2584" s="162"/>
      <c r="BB2584" s="162"/>
      <c r="BC2584" s="162"/>
      <c r="BD2584" s="162"/>
      <c r="BE2584" s="162"/>
      <c r="BF2584" s="162"/>
      <c r="BG2584" s="162"/>
      <c r="BH2584" s="162"/>
      <c r="BI2584" s="162"/>
      <c r="BJ2584" s="162"/>
      <c r="BK2584" s="162"/>
      <c r="BL2584" s="162"/>
      <c r="BM2584" s="162"/>
      <c r="BN2584" s="162"/>
      <c r="BO2584" s="162"/>
      <c r="BP2584" s="162"/>
      <c r="BQ2584" s="162"/>
      <c r="BR2584" s="162"/>
      <c r="BS2584" s="162"/>
      <c r="BT2584" s="162"/>
      <c r="BU2584" s="162"/>
      <c r="BV2584" s="162"/>
      <c r="BW2584" s="162"/>
      <c r="BX2584" s="162"/>
      <c r="BY2584" s="162"/>
      <c r="BZ2584" s="162"/>
      <c r="CA2584" s="162"/>
      <c r="CB2584" s="162"/>
      <c r="CC2584" s="162"/>
      <c r="CD2584" s="162"/>
      <c r="CE2584" s="162"/>
      <c r="CF2584" s="162"/>
      <c r="CG2584" s="162"/>
      <c r="CH2584" s="162"/>
      <c r="CI2584" s="162"/>
      <c r="CJ2584" s="162"/>
      <c r="CK2584" s="162"/>
      <c r="CX2584" s="98"/>
      <c r="DL2584" s="97"/>
      <c r="DX2584" s="98"/>
      <c r="EL2584" s="97"/>
      <c r="EX2584" s="98"/>
      <c r="EY2584" s="97"/>
      <c r="FL2584" s="126"/>
      <c r="FM2584" s="91"/>
      <c r="FN2584" s="91"/>
      <c r="FO2584" s="91"/>
      <c r="FP2584" s="91"/>
      <c r="FQ2584" s="91"/>
      <c r="FR2584" s="91"/>
      <c r="FS2584" s="91"/>
      <c r="FT2584" s="91"/>
      <c r="FU2584" s="91"/>
      <c r="FV2584" s="91"/>
      <c r="FW2584" s="91"/>
      <c r="FX2584" s="91"/>
      <c r="FY2584" s="91"/>
      <c r="FZ2584" s="91"/>
      <c r="GA2584" s="91"/>
      <c r="GB2584" s="91"/>
      <c r="GC2584" s="91"/>
      <c r="GD2584" s="91"/>
      <c r="GE2584" s="91"/>
      <c r="GF2584" s="91"/>
      <c r="GG2584" s="91"/>
      <c r="GH2584" s="91"/>
      <c r="GI2584" s="91"/>
      <c r="GJ2584" s="91"/>
      <c r="GK2584" s="127"/>
      <c r="GL2584" s="126"/>
      <c r="GM2584" s="91"/>
      <c r="GN2584" s="91"/>
      <c r="GO2584" s="91"/>
      <c r="GP2584" s="91"/>
      <c r="GQ2584" s="91"/>
      <c r="GR2584" s="91"/>
      <c r="GS2584" s="91"/>
      <c r="GT2584" s="91"/>
      <c r="GU2584" s="91"/>
      <c r="GV2584" s="91"/>
      <c r="GW2584" s="91"/>
      <c r="GX2584" s="91"/>
      <c r="GY2584" s="91"/>
      <c r="GZ2584" s="91"/>
      <c r="HA2584" s="91"/>
      <c r="HB2584" s="91"/>
      <c r="HC2584" s="91"/>
      <c r="HD2584" s="91"/>
      <c r="HE2584" s="91"/>
      <c r="HF2584" s="91"/>
      <c r="HG2584" s="91"/>
      <c r="HH2584" s="91"/>
      <c r="HI2584" s="91"/>
      <c r="HJ2584" s="91"/>
      <c r="HK2584" s="127"/>
      <c r="HL2584" s="126"/>
      <c r="HM2584" s="91"/>
      <c r="HN2584" s="91"/>
      <c r="HO2584" s="91"/>
      <c r="HP2584" s="91"/>
      <c r="HQ2584" s="91"/>
      <c r="HR2584" s="91"/>
      <c r="HS2584" s="91"/>
      <c r="HT2584" s="91"/>
      <c r="HU2584" s="91"/>
      <c r="HV2584" s="91"/>
      <c r="HW2584" s="91"/>
      <c r="HX2584" s="91"/>
      <c r="HY2584" s="91"/>
      <c r="HZ2584" s="91"/>
      <c r="IA2584" s="91"/>
      <c r="IB2584" s="91"/>
      <c r="IC2584" s="91"/>
      <c r="ID2584" s="91"/>
      <c r="IE2584" s="91"/>
      <c r="IF2584" s="91"/>
      <c r="IG2584" s="91"/>
      <c r="IH2584" s="91"/>
      <c r="II2584" s="91"/>
      <c r="IJ2584" s="91"/>
      <c r="IK2584" s="127"/>
    </row>
    <row r="2585" spans="2:245" x14ac:dyDescent="0.2">
      <c r="B2585" s="43"/>
      <c r="C2585" s="73"/>
      <c r="D2585" s="64"/>
      <c r="E2585" s="64"/>
      <c r="F2585" s="55"/>
      <c r="G2585" s="102"/>
      <c r="H2585" s="55"/>
      <c r="I2585" s="55"/>
      <c r="J2585" s="55"/>
      <c r="K2585" s="55"/>
      <c r="L2585" s="55"/>
      <c r="M2585" s="55"/>
      <c r="N2585" s="55"/>
      <c r="O2585" s="55"/>
      <c r="P2585" s="55"/>
      <c r="Q2585" s="55"/>
      <c r="R2585" s="55"/>
      <c r="S2585" s="55"/>
      <c r="T2585" s="55"/>
      <c r="U2585" s="55"/>
      <c r="V2585" s="55"/>
      <c r="W2585" s="55"/>
      <c r="X2585" s="55"/>
      <c r="Y2585" s="55"/>
      <c r="Z2585" s="55"/>
      <c r="AA2585" s="55"/>
      <c r="AB2585" s="55"/>
      <c r="AC2585" s="55"/>
      <c r="AD2585" s="55"/>
      <c r="AE2585" s="55"/>
      <c r="AF2585" s="55"/>
      <c r="AG2585" s="55"/>
      <c r="AY2585" s="162"/>
      <c r="AZ2585" s="162"/>
      <c r="BA2585" s="162"/>
      <c r="BB2585" s="162"/>
      <c r="BC2585" s="162"/>
      <c r="BD2585" s="162"/>
      <c r="BE2585" s="162"/>
      <c r="BF2585" s="162"/>
      <c r="BG2585" s="162"/>
      <c r="BH2585" s="162"/>
      <c r="BI2585" s="162"/>
      <c r="BJ2585" s="162"/>
      <c r="BK2585" s="162"/>
      <c r="BL2585" s="162"/>
      <c r="BM2585" s="162"/>
      <c r="BN2585" s="162"/>
      <c r="BO2585" s="162"/>
      <c r="BP2585" s="162"/>
      <c r="BQ2585" s="162"/>
      <c r="BR2585" s="162"/>
      <c r="BS2585" s="162"/>
      <c r="BT2585" s="162"/>
      <c r="BU2585" s="162"/>
      <c r="BV2585" s="162"/>
      <c r="BW2585" s="162"/>
      <c r="BX2585" s="162"/>
      <c r="BY2585" s="162"/>
      <c r="BZ2585" s="162"/>
      <c r="CA2585" s="162"/>
      <c r="CB2585" s="162"/>
      <c r="CC2585" s="162"/>
      <c r="CD2585" s="162"/>
      <c r="CE2585" s="162"/>
      <c r="CF2585" s="162"/>
      <c r="CG2585" s="162"/>
      <c r="CH2585" s="162"/>
      <c r="CI2585" s="162"/>
      <c r="CJ2585" s="162"/>
      <c r="CK2585" s="162"/>
      <c r="CX2585" s="98"/>
      <c r="DL2585" s="97"/>
      <c r="DX2585" s="98"/>
      <c r="EL2585" s="97"/>
      <c r="EX2585" s="98"/>
      <c r="EY2585" s="97"/>
      <c r="FL2585" s="126"/>
      <c r="FM2585" s="91"/>
      <c r="FN2585" s="91"/>
      <c r="FO2585" s="91"/>
      <c r="FP2585" s="91"/>
      <c r="FQ2585" s="91"/>
      <c r="FR2585" s="91"/>
      <c r="FS2585" s="91"/>
      <c r="FT2585" s="91"/>
      <c r="FU2585" s="91"/>
      <c r="FV2585" s="91"/>
      <c r="FW2585" s="91"/>
      <c r="FX2585" s="91"/>
      <c r="FY2585" s="91"/>
      <c r="FZ2585" s="91"/>
      <c r="GA2585" s="91"/>
      <c r="GB2585" s="91"/>
      <c r="GC2585" s="91"/>
      <c r="GD2585" s="91"/>
      <c r="GE2585" s="91"/>
      <c r="GF2585" s="91"/>
      <c r="GG2585" s="91"/>
      <c r="GH2585" s="91"/>
      <c r="GI2585" s="91"/>
      <c r="GJ2585" s="91"/>
      <c r="GK2585" s="127"/>
      <c r="GL2585" s="126"/>
      <c r="GM2585" s="91"/>
      <c r="GN2585" s="91"/>
      <c r="GO2585" s="91"/>
      <c r="GP2585" s="91"/>
      <c r="GQ2585" s="91"/>
      <c r="GR2585" s="91"/>
      <c r="GS2585" s="91"/>
      <c r="GT2585" s="91"/>
      <c r="GU2585" s="91"/>
      <c r="GV2585" s="91"/>
      <c r="GW2585" s="91"/>
      <c r="GX2585" s="91"/>
      <c r="GY2585" s="91"/>
      <c r="GZ2585" s="91"/>
      <c r="HA2585" s="91"/>
      <c r="HB2585" s="91"/>
      <c r="HC2585" s="91"/>
      <c r="HD2585" s="91"/>
      <c r="HE2585" s="91"/>
      <c r="HF2585" s="91"/>
      <c r="HG2585" s="91"/>
      <c r="HH2585" s="91"/>
      <c r="HI2585" s="91"/>
      <c r="HJ2585" s="91"/>
      <c r="HK2585" s="127"/>
      <c r="HL2585" s="126"/>
      <c r="HM2585" s="91"/>
      <c r="HN2585" s="91"/>
      <c r="HO2585" s="91"/>
      <c r="HP2585" s="91"/>
      <c r="HQ2585" s="91"/>
      <c r="HR2585" s="91"/>
      <c r="HS2585" s="91"/>
      <c r="HT2585" s="91"/>
      <c r="HU2585" s="91"/>
      <c r="HV2585" s="91"/>
      <c r="HW2585" s="91"/>
      <c r="HX2585" s="91"/>
      <c r="HY2585" s="91"/>
      <c r="HZ2585" s="91"/>
      <c r="IA2585" s="91"/>
      <c r="IB2585" s="91"/>
      <c r="IC2585" s="91"/>
      <c r="ID2585" s="91"/>
      <c r="IE2585" s="91"/>
      <c r="IF2585" s="91"/>
      <c r="IG2585" s="91"/>
      <c r="IH2585" s="91"/>
      <c r="II2585" s="91"/>
      <c r="IJ2585" s="91"/>
      <c r="IK2585" s="127"/>
    </row>
    <row r="2586" spans="2:245" x14ac:dyDescent="0.2">
      <c r="B2586" s="43"/>
      <c r="C2586" s="73"/>
      <c r="D2586" s="64"/>
      <c r="E2586" s="64"/>
      <c r="F2586" s="55"/>
      <c r="G2586" s="102"/>
      <c r="H2586" s="55"/>
      <c r="I2586" s="55"/>
      <c r="J2586" s="55"/>
      <c r="K2586" s="55"/>
      <c r="L2586" s="55"/>
      <c r="M2586" s="55"/>
      <c r="N2586" s="55"/>
      <c r="O2586" s="55"/>
      <c r="P2586" s="55"/>
      <c r="Q2586" s="55"/>
      <c r="R2586" s="55"/>
      <c r="S2586" s="55"/>
      <c r="T2586" s="55"/>
      <c r="U2586" s="55"/>
      <c r="V2586" s="55"/>
      <c r="W2586" s="55"/>
      <c r="X2586" s="55"/>
      <c r="Y2586" s="55"/>
      <c r="Z2586" s="55"/>
      <c r="AA2586" s="55"/>
      <c r="AB2586" s="55"/>
      <c r="AC2586" s="55"/>
      <c r="AD2586" s="55"/>
      <c r="AE2586" s="55"/>
      <c r="AF2586" s="55"/>
      <c r="AG2586" s="55"/>
      <c r="AY2586" s="162"/>
      <c r="AZ2586" s="162"/>
      <c r="BA2586" s="162"/>
      <c r="BB2586" s="162"/>
      <c r="BC2586" s="162"/>
      <c r="BD2586" s="162"/>
      <c r="BE2586" s="162"/>
      <c r="BF2586" s="162"/>
      <c r="BG2586" s="162"/>
      <c r="BH2586" s="162"/>
      <c r="BI2586" s="162"/>
      <c r="BJ2586" s="162"/>
      <c r="BK2586" s="162"/>
      <c r="BL2586" s="162"/>
      <c r="BM2586" s="162"/>
      <c r="BN2586" s="162"/>
      <c r="BO2586" s="162"/>
      <c r="BP2586" s="162"/>
      <c r="BQ2586" s="162"/>
      <c r="BR2586" s="162"/>
      <c r="BS2586" s="162"/>
      <c r="BT2586" s="162"/>
      <c r="BU2586" s="162"/>
      <c r="BV2586" s="162"/>
      <c r="BW2586" s="162"/>
      <c r="BX2586" s="162"/>
      <c r="BY2586" s="162"/>
      <c r="BZ2586" s="162"/>
      <c r="CA2586" s="162"/>
      <c r="CB2586" s="162"/>
      <c r="CC2586" s="162"/>
      <c r="CD2586" s="162"/>
      <c r="CE2586" s="162"/>
      <c r="CF2586" s="162"/>
      <c r="CG2586" s="162"/>
      <c r="CH2586" s="162"/>
      <c r="CI2586" s="162"/>
      <c r="CJ2586" s="162"/>
      <c r="CK2586" s="162"/>
      <c r="CX2586" s="98"/>
      <c r="DL2586" s="97"/>
      <c r="DX2586" s="98"/>
      <c r="EL2586" s="97"/>
      <c r="EX2586" s="98"/>
      <c r="EY2586" s="97"/>
      <c r="FL2586" s="126"/>
      <c r="FM2586" s="91"/>
      <c r="FN2586" s="91"/>
      <c r="FO2586" s="91"/>
      <c r="FP2586" s="91"/>
      <c r="FQ2586" s="91"/>
      <c r="FR2586" s="91"/>
      <c r="FS2586" s="91"/>
      <c r="FT2586" s="91"/>
      <c r="FU2586" s="91"/>
      <c r="FV2586" s="91"/>
      <c r="FW2586" s="91"/>
      <c r="FX2586" s="91"/>
      <c r="FY2586" s="91"/>
      <c r="FZ2586" s="91"/>
      <c r="GA2586" s="91"/>
      <c r="GB2586" s="91"/>
      <c r="GC2586" s="91"/>
      <c r="GD2586" s="91"/>
      <c r="GE2586" s="91"/>
      <c r="GF2586" s="91"/>
      <c r="GG2586" s="91"/>
      <c r="GH2586" s="91"/>
      <c r="GI2586" s="91"/>
      <c r="GJ2586" s="91"/>
      <c r="GK2586" s="127"/>
      <c r="GL2586" s="126"/>
      <c r="GM2586" s="91"/>
      <c r="GN2586" s="91"/>
      <c r="GO2586" s="91"/>
      <c r="GP2586" s="91"/>
      <c r="GQ2586" s="91"/>
      <c r="GR2586" s="91"/>
      <c r="GS2586" s="91"/>
      <c r="GT2586" s="91"/>
      <c r="GU2586" s="91"/>
      <c r="GV2586" s="91"/>
      <c r="GW2586" s="91"/>
      <c r="GX2586" s="91"/>
      <c r="GY2586" s="91"/>
      <c r="GZ2586" s="91"/>
      <c r="HA2586" s="91"/>
      <c r="HB2586" s="91"/>
      <c r="HC2586" s="91"/>
      <c r="HD2586" s="91"/>
      <c r="HE2586" s="91"/>
      <c r="HF2586" s="91"/>
      <c r="HG2586" s="91"/>
      <c r="HH2586" s="91"/>
      <c r="HI2586" s="91"/>
      <c r="HJ2586" s="91"/>
      <c r="HK2586" s="127"/>
      <c r="HL2586" s="126"/>
      <c r="HM2586" s="91"/>
      <c r="HN2586" s="91"/>
      <c r="HO2586" s="91"/>
      <c r="HP2586" s="91"/>
      <c r="HQ2586" s="91"/>
      <c r="HR2586" s="91"/>
      <c r="HS2586" s="91"/>
      <c r="HT2586" s="91"/>
      <c r="HU2586" s="91"/>
      <c r="HV2586" s="91"/>
      <c r="HW2586" s="91"/>
      <c r="HX2586" s="91"/>
      <c r="HY2586" s="91"/>
      <c r="HZ2586" s="91"/>
      <c r="IA2586" s="91"/>
      <c r="IB2586" s="91"/>
      <c r="IC2586" s="91"/>
      <c r="ID2586" s="91"/>
      <c r="IE2586" s="91"/>
      <c r="IF2586" s="91"/>
      <c r="IG2586" s="91"/>
      <c r="IH2586" s="91"/>
      <c r="II2586" s="91"/>
      <c r="IJ2586" s="91"/>
      <c r="IK2586" s="127"/>
    </row>
    <row r="2587" spans="2:245" x14ac:dyDescent="0.2">
      <c r="B2587" s="43"/>
      <c r="C2587" s="73"/>
      <c r="D2587" s="64"/>
      <c r="E2587" s="64"/>
      <c r="F2587" s="55"/>
      <c r="G2587" s="102"/>
      <c r="H2587" s="55"/>
      <c r="I2587" s="55"/>
      <c r="J2587" s="55"/>
      <c r="K2587" s="55"/>
      <c r="L2587" s="55"/>
      <c r="M2587" s="55"/>
      <c r="N2587" s="55"/>
      <c r="O2587" s="55"/>
      <c r="P2587" s="55"/>
      <c r="Q2587" s="55"/>
      <c r="R2587" s="55"/>
      <c r="S2587" s="55"/>
      <c r="T2587" s="55"/>
      <c r="U2587" s="55"/>
      <c r="V2587" s="55"/>
      <c r="W2587" s="55"/>
      <c r="X2587" s="55"/>
      <c r="Y2587" s="55"/>
      <c r="Z2587" s="55"/>
      <c r="AA2587" s="55"/>
      <c r="AB2587" s="55"/>
      <c r="AC2587" s="55"/>
      <c r="AD2587" s="55"/>
      <c r="AE2587" s="55"/>
      <c r="AF2587" s="55"/>
      <c r="AG2587" s="55"/>
      <c r="AY2587" s="162"/>
      <c r="AZ2587" s="162"/>
      <c r="BA2587" s="162"/>
      <c r="BB2587" s="162"/>
      <c r="BC2587" s="162"/>
      <c r="BD2587" s="162"/>
      <c r="BE2587" s="162"/>
      <c r="BF2587" s="162"/>
      <c r="BG2587" s="162"/>
      <c r="BH2587" s="162"/>
      <c r="BI2587" s="162"/>
      <c r="BJ2587" s="162"/>
      <c r="BK2587" s="162"/>
      <c r="BL2587" s="162"/>
      <c r="BM2587" s="162"/>
      <c r="BN2587" s="162"/>
      <c r="BO2587" s="162"/>
      <c r="BP2587" s="162"/>
      <c r="BQ2587" s="162"/>
      <c r="BR2587" s="162"/>
      <c r="BS2587" s="162"/>
      <c r="BT2587" s="162"/>
      <c r="BU2587" s="162"/>
      <c r="BV2587" s="162"/>
      <c r="BW2587" s="162"/>
      <c r="BX2587" s="162"/>
      <c r="BY2587" s="162"/>
      <c r="BZ2587" s="162"/>
      <c r="CA2587" s="162"/>
      <c r="CB2587" s="162"/>
      <c r="CC2587" s="162"/>
      <c r="CD2587" s="162"/>
      <c r="CE2587" s="162"/>
      <c r="CF2587" s="162"/>
      <c r="CG2587" s="162"/>
      <c r="CH2587" s="162"/>
      <c r="CI2587" s="162"/>
      <c r="CJ2587" s="162"/>
      <c r="CK2587" s="162"/>
      <c r="CX2587" s="98"/>
      <c r="DL2587" s="97"/>
      <c r="DX2587" s="98"/>
      <c r="EL2587" s="97"/>
      <c r="EX2587" s="98"/>
      <c r="EY2587" s="97"/>
      <c r="FL2587" s="126"/>
      <c r="FM2587" s="91"/>
      <c r="FN2587" s="91"/>
      <c r="FO2587" s="91"/>
      <c r="FP2587" s="91"/>
      <c r="FQ2587" s="91"/>
      <c r="FR2587" s="91"/>
      <c r="FS2587" s="91"/>
      <c r="FT2587" s="91"/>
      <c r="FU2587" s="91"/>
      <c r="FV2587" s="91"/>
      <c r="FW2587" s="91"/>
      <c r="FX2587" s="91"/>
      <c r="FY2587" s="91"/>
      <c r="FZ2587" s="91"/>
      <c r="GA2587" s="91"/>
      <c r="GB2587" s="91"/>
      <c r="GC2587" s="91"/>
      <c r="GD2587" s="91"/>
      <c r="GE2587" s="91"/>
      <c r="GF2587" s="91"/>
      <c r="GG2587" s="91"/>
      <c r="GH2587" s="91"/>
      <c r="GI2587" s="91"/>
      <c r="GJ2587" s="91"/>
      <c r="GK2587" s="127"/>
      <c r="GL2587" s="126"/>
      <c r="GM2587" s="91"/>
      <c r="GN2587" s="91"/>
      <c r="GO2587" s="91"/>
      <c r="GP2587" s="91"/>
      <c r="GQ2587" s="91"/>
      <c r="GR2587" s="91"/>
      <c r="GS2587" s="91"/>
      <c r="GT2587" s="91"/>
      <c r="GU2587" s="91"/>
      <c r="GV2587" s="91"/>
      <c r="GW2587" s="91"/>
      <c r="GX2587" s="91"/>
      <c r="GY2587" s="91"/>
      <c r="GZ2587" s="91"/>
      <c r="HA2587" s="91"/>
      <c r="HB2587" s="91"/>
      <c r="HC2587" s="91"/>
      <c r="HD2587" s="91"/>
      <c r="HE2587" s="91"/>
      <c r="HF2587" s="91"/>
      <c r="HG2587" s="91"/>
      <c r="HH2587" s="91"/>
      <c r="HI2587" s="91"/>
      <c r="HJ2587" s="91"/>
      <c r="HK2587" s="127"/>
      <c r="HL2587" s="126"/>
      <c r="HM2587" s="91"/>
      <c r="HN2587" s="91"/>
      <c r="HO2587" s="91"/>
      <c r="HP2587" s="91"/>
      <c r="HQ2587" s="91"/>
      <c r="HR2587" s="91"/>
      <c r="HS2587" s="91"/>
      <c r="HT2587" s="91"/>
      <c r="HU2587" s="91"/>
      <c r="HV2587" s="91"/>
      <c r="HW2587" s="91"/>
      <c r="HX2587" s="91"/>
      <c r="HY2587" s="91"/>
      <c r="HZ2587" s="91"/>
      <c r="IA2587" s="91"/>
      <c r="IB2587" s="91"/>
      <c r="IC2587" s="91"/>
      <c r="ID2587" s="91"/>
      <c r="IE2587" s="91"/>
      <c r="IF2587" s="91"/>
      <c r="IG2587" s="91"/>
      <c r="IH2587" s="91"/>
      <c r="II2587" s="91"/>
      <c r="IJ2587" s="91"/>
      <c r="IK2587" s="127"/>
    </row>
    <row r="2588" spans="2:245" x14ac:dyDescent="0.2">
      <c r="B2588" s="43"/>
      <c r="C2588" s="73"/>
      <c r="D2588" s="64"/>
      <c r="E2588" s="64"/>
      <c r="F2588" s="55"/>
      <c r="G2588" s="102"/>
      <c r="H2588" s="55"/>
      <c r="I2588" s="55"/>
      <c r="J2588" s="55"/>
      <c r="K2588" s="55"/>
      <c r="L2588" s="55"/>
      <c r="M2588" s="55"/>
      <c r="N2588" s="55"/>
      <c r="O2588" s="55"/>
      <c r="P2588" s="55"/>
      <c r="Q2588" s="55"/>
      <c r="R2588" s="55"/>
      <c r="S2588" s="55"/>
      <c r="T2588" s="55"/>
      <c r="U2588" s="55"/>
      <c r="V2588" s="55"/>
      <c r="W2588" s="55"/>
      <c r="X2588" s="55"/>
      <c r="Y2588" s="55"/>
      <c r="Z2588" s="55"/>
      <c r="AA2588" s="55"/>
      <c r="AB2588" s="55"/>
      <c r="AC2588" s="55"/>
      <c r="AD2588" s="55"/>
      <c r="AE2588" s="55"/>
      <c r="AF2588" s="55"/>
      <c r="AG2588" s="55"/>
      <c r="AY2588" s="162"/>
      <c r="AZ2588" s="162"/>
      <c r="BA2588" s="162"/>
      <c r="BB2588" s="162"/>
      <c r="BC2588" s="162"/>
      <c r="BD2588" s="162"/>
      <c r="BE2588" s="162"/>
      <c r="BF2588" s="162"/>
      <c r="BG2588" s="162"/>
      <c r="BH2588" s="162"/>
      <c r="BI2588" s="162"/>
      <c r="BJ2588" s="162"/>
      <c r="BK2588" s="162"/>
      <c r="BL2588" s="162"/>
      <c r="BM2588" s="162"/>
      <c r="BN2588" s="162"/>
      <c r="BO2588" s="162"/>
      <c r="BP2588" s="162"/>
      <c r="BQ2588" s="162"/>
      <c r="BR2588" s="162"/>
      <c r="BS2588" s="162"/>
      <c r="BT2588" s="162"/>
      <c r="BU2588" s="162"/>
      <c r="BV2588" s="162"/>
      <c r="BW2588" s="162"/>
      <c r="BX2588" s="162"/>
      <c r="BY2588" s="162"/>
      <c r="BZ2588" s="162"/>
      <c r="CA2588" s="162"/>
      <c r="CB2588" s="162"/>
      <c r="CC2588" s="162"/>
      <c r="CD2588" s="162"/>
      <c r="CE2588" s="162"/>
      <c r="CF2588" s="162"/>
      <c r="CG2588" s="162"/>
      <c r="CH2588" s="162"/>
      <c r="CI2588" s="162"/>
      <c r="CJ2588" s="162"/>
      <c r="CK2588" s="162"/>
      <c r="CX2588" s="98"/>
      <c r="DL2588" s="97"/>
      <c r="DX2588" s="98"/>
      <c r="EL2588" s="97"/>
      <c r="EX2588" s="98"/>
      <c r="EY2588" s="97"/>
      <c r="FL2588" s="126"/>
      <c r="FM2588" s="91"/>
      <c r="FN2588" s="91"/>
      <c r="FO2588" s="91"/>
      <c r="FP2588" s="91"/>
      <c r="FQ2588" s="91"/>
      <c r="FR2588" s="91"/>
      <c r="FS2588" s="91"/>
      <c r="FT2588" s="91"/>
      <c r="FU2588" s="91"/>
      <c r="FV2588" s="91"/>
      <c r="FW2588" s="91"/>
      <c r="FX2588" s="91"/>
      <c r="FY2588" s="91"/>
      <c r="FZ2588" s="91"/>
      <c r="GA2588" s="91"/>
      <c r="GB2588" s="91"/>
      <c r="GC2588" s="91"/>
      <c r="GD2588" s="91"/>
      <c r="GE2588" s="91"/>
      <c r="GF2588" s="91"/>
      <c r="GG2588" s="91"/>
      <c r="GH2588" s="91"/>
      <c r="GI2588" s="91"/>
      <c r="GJ2588" s="91"/>
      <c r="GK2588" s="127"/>
      <c r="GL2588" s="126"/>
      <c r="GM2588" s="91"/>
      <c r="GN2588" s="91"/>
      <c r="GO2588" s="91"/>
      <c r="GP2588" s="91"/>
      <c r="GQ2588" s="91"/>
      <c r="GR2588" s="91"/>
      <c r="GS2588" s="91"/>
      <c r="GT2588" s="91"/>
      <c r="GU2588" s="91"/>
      <c r="GV2588" s="91"/>
      <c r="GW2588" s="91"/>
      <c r="GX2588" s="91"/>
      <c r="GY2588" s="91"/>
      <c r="GZ2588" s="91"/>
      <c r="HA2588" s="91"/>
      <c r="HB2588" s="91"/>
      <c r="HC2588" s="91"/>
      <c r="HD2588" s="91"/>
      <c r="HE2588" s="91"/>
      <c r="HF2588" s="91"/>
      <c r="HG2588" s="91"/>
      <c r="HH2588" s="91"/>
      <c r="HI2588" s="91"/>
      <c r="HJ2588" s="91"/>
      <c r="HK2588" s="127"/>
      <c r="HL2588" s="126"/>
      <c r="HM2588" s="91"/>
      <c r="HN2588" s="91"/>
      <c r="HO2588" s="91"/>
      <c r="HP2588" s="91"/>
      <c r="HQ2588" s="91"/>
      <c r="HR2588" s="91"/>
      <c r="HS2588" s="91"/>
      <c r="HT2588" s="91"/>
      <c r="HU2588" s="91"/>
      <c r="HV2588" s="91"/>
      <c r="HW2588" s="91"/>
      <c r="HX2588" s="91"/>
      <c r="HY2588" s="91"/>
      <c r="HZ2588" s="91"/>
      <c r="IA2588" s="91"/>
      <c r="IB2588" s="91"/>
      <c r="IC2588" s="91"/>
      <c r="ID2588" s="91"/>
      <c r="IE2588" s="91"/>
      <c r="IF2588" s="91"/>
      <c r="IG2588" s="91"/>
      <c r="IH2588" s="91"/>
      <c r="II2588" s="91"/>
      <c r="IJ2588" s="91"/>
      <c r="IK2588" s="127"/>
    </row>
    <row r="2589" spans="2:245" x14ac:dyDescent="0.2">
      <c r="B2589" s="43"/>
      <c r="C2589" s="73"/>
      <c r="D2589" s="64"/>
      <c r="E2589" s="64"/>
      <c r="F2589" s="55"/>
      <c r="G2589" s="102"/>
      <c r="H2589" s="55"/>
      <c r="I2589" s="55"/>
      <c r="J2589" s="55"/>
      <c r="K2589" s="55"/>
      <c r="L2589" s="55"/>
      <c r="M2589" s="55"/>
      <c r="N2589" s="55"/>
      <c r="O2589" s="55"/>
      <c r="P2589" s="55"/>
      <c r="Q2589" s="55"/>
      <c r="R2589" s="55"/>
      <c r="S2589" s="55"/>
      <c r="T2589" s="55"/>
      <c r="U2589" s="55"/>
      <c r="V2589" s="55"/>
      <c r="W2589" s="55"/>
      <c r="X2589" s="55"/>
      <c r="Y2589" s="55"/>
      <c r="Z2589" s="55"/>
      <c r="AA2589" s="55"/>
      <c r="AB2589" s="55"/>
      <c r="AC2589" s="55"/>
      <c r="AD2589" s="55"/>
      <c r="AE2589" s="55"/>
      <c r="AF2589" s="55"/>
      <c r="AG2589" s="55"/>
      <c r="AY2589" s="162"/>
      <c r="AZ2589" s="162"/>
      <c r="BA2589" s="162"/>
      <c r="BB2589" s="162"/>
      <c r="BC2589" s="162"/>
      <c r="BD2589" s="162"/>
      <c r="BE2589" s="162"/>
      <c r="BF2589" s="162"/>
      <c r="BG2589" s="162"/>
      <c r="BH2589" s="162"/>
      <c r="BI2589" s="162"/>
      <c r="BJ2589" s="162"/>
      <c r="BK2589" s="162"/>
      <c r="BL2589" s="162"/>
      <c r="BM2589" s="162"/>
      <c r="BN2589" s="162"/>
      <c r="BO2589" s="162"/>
      <c r="BP2589" s="162"/>
      <c r="BQ2589" s="162"/>
      <c r="BR2589" s="162"/>
      <c r="BS2589" s="162"/>
      <c r="BT2589" s="162"/>
      <c r="BU2589" s="162"/>
      <c r="BV2589" s="162"/>
      <c r="BW2589" s="162"/>
      <c r="BX2589" s="162"/>
      <c r="BY2589" s="162"/>
      <c r="BZ2589" s="162"/>
      <c r="CA2589" s="162"/>
      <c r="CB2589" s="162"/>
      <c r="CC2589" s="162"/>
      <c r="CD2589" s="162"/>
      <c r="CE2589" s="162"/>
      <c r="CF2589" s="162"/>
      <c r="CG2589" s="162"/>
      <c r="CH2589" s="162"/>
      <c r="CI2589" s="162"/>
      <c r="CJ2589" s="162"/>
      <c r="CK2589" s="162"/>
      <c r="CX2589" s="98"/>
      <c r="DL2589" s="97"/>
      <c r="DX2589" s="98"/>
      <c r="EL2589" s="97"/>
      <c r="EX2589" s="98"/>
      <c r="EY2589" s="97"/>
      <c r="FL2589" s="126"/>
      <c r="FM2589" s="91"/>
      <c r="FN2589" s="91"/>
      <c r="FO2589" s="91"/>
      <c r="FP2589" s="91"/>
      <c r="FQ2589" s="91"/>
      <c r="FR2589" s="91"/>
      <c r="FS2589" s="91"/>
      <c r="FT2589" s="91"/>
      <c r="FU2589" s="91"/>
      <c r="FV2589" s="91"/>
      <c r="FW2589" s="91"/>
      <c r="FX2589" s="91"/>
      <c r="FY2589" s="91"/>
      <c r="FZ2589" s="91"/>
      <c r="GA2589" s="91"/>
      <c r="GB2589" s="91"/>
      <c r="GC2589" s="91"/>
      <c r="GD2589" s="91"/>
      <c r="GE2589" s="91"/>
      <c r="GF2589" s="91"/>
      <c r="GG2589" s="91"/>
      <c r="GH2589" s="91"/>
      <c r="GI2589" s="91"/>
      <c r="GJ2589" s="91"/>
      <c r="GK2589" s="127"/>
      <c r="GL2589" s="126"/>
      <c r="GM2589" s="91"/>
      <c r="GN2589" s="91"/>
      <c r="GO2589" s="91"/>
      <c r="GP2589" s="91"/>
      <c r="GQ2589" s="91"/>
      <c r="GR2589" s="91"/>
      <c r="GS2589" s="91"/>
      <c r="GT2589" s="91"/>
      <c r="GU2589" s="91"/>
      <c r="GV2589" s="91"/>
      <c r="GW2589" s="91"/>
      <c r="GX2589" s="91"/>
      <c r="GY2589" s="91"/>
      <c r="GZ2589" s="91"/>
      <c r="HA2589" s="91"/>
      <c r="HB2589" s="91"/>
      <c r="HC2589" s="91"/>
      <c r="HD2589" s="91"/>
      <c r="HE2589" s="91"/>
      <c r="HF2589" s="91"/>
      <c r="HG2589" s="91"/>
      <c r="HH2589" s="91"/>
      <c r="HI2589" s="91"/>
      <c r="HJ2589" s="91"/>
      <c r="HK2589" s="127"/>
      <c r="HL2589" s="126"/>
      <c r="HM2589" s="91"/>
      <c r="HN2589" s="91"/>
      <c r="HO2589" s="91"/>
      <c r="HP2589" s="91"/>
      <c r="HQ2589" s="91"/>
      <c r="HR2589" s="91"/>
      <c r="HS2589" s="91"/>
      <c r="HT2589" s="91"/>
      <c r="HU2589" s="91"/>
      <c r="HV2589" s="91"/>
      <c r="HW2589" s="91"/>
      <c r="HX2589" s="91"/>
      <c r="HY2589" s="91"/>
      <c r="HZ2589" s="91"/>
      <c r="IA2589" s="91"/>
      <c r="IB2589" s="91"/>
      <c r="IC2589" s="91"/>
      <c r="ID2589" s="91"/>
      <c r="IE2589" s="91"/>
      <c r="IF2589" s="91"/>
      <c r="IG2589" s="91"/>
      <c r="IH2589" s="91"/>
      <c r="II2589" s="91"/>
      <c r="IJ2589" s="91"/>
      <c r="IK2589" s="127"/>
    </row>
    <row r="2590" spans="2:245" x14ac:dyDescent="0.2">
      <c r="B2590" s="43"/>
      <c r="C2590" s="73"/>
      <c r="D2590" s="64"/>
      <c r="E2590" s="64"/>
      <c r="F2590" s="55"/>
      <c r="G2590" s="102"/>
      <c r="H2590" s="55"/>
      <c r="I2590" s="55"/>
      <c r="J2590" s="55"/>
      <c r="K2590" s="55"/>
      <c r="L2590" s="55"/>
      <c r="M2590" s="55"/>
      <c r="N2590" s="55"/>
      <c r="O2590" s="55"/>
      <c r="P2590" s="55"/>
      <c r="Q2590" s="55"/>
      <c r="R2590" s="55"/>
      <c r="S2590" s="55"/>
      <c r="T2590" s="55"/>
      <c r="U2590" s="55"/>
      <c r="V2590" s="55"/>
      <c r="W2590" s="55"/>
      <c r="X2590" s="55"/>
      <c r="Y2590" s="55"/>
      <c r="Z2590" s="55"/>
      <c r="AA2590" s="55"/>
      <c r="AB2590" s="55"/>
      <c r="AC2590" s="55"/>
      <c r="AD2590" s="55"/>
      <c r="AE2590" s="55"/>
      <c r="AF2590" s="55"/>
      <c r="AG2590" s="55"/>
      <c r="AY2590" s="162"/>
      <c r="AZ2590" s="162"/>
      <c r="BA2590" s="162"/>
      <c r="BB2590" s="162"/>
      <c r="BC2590" s="162"/>
      <c r="BD2590" s="162"/>
      <c r="BE2590" s="162"/>
      <c r="BF2590" s="162"/>
      <c r="BG2590" s="162"/>
      <c r="BH2590" s="162"/>
      <c r="BI2590" s="162"/>
      <c r="BJ2590" s="162"/>
      <c r="BK2590" s="162"/>
      <c r="BL2590" s="162"/>
      <c r="BM2590" s="162"/>
      <c r="BN2590" s="162"/>
      <c r="BO2590" s="162"/>
      <c r="BP2590" s="162"/>
      <c r="BQ2590" s="162"/>
      <c r="BR2590" s="162"/>
      <c r="BS2590" s="162"/>
      <c r="BT2590" s="162"/>
      <c r="BU2590" s="162"/>
      <c r="BV2590" s="162"/>
      <c r="BW2590" s="162"/>
      <c r="BX2590" s="162"/>
      <c r="BY2590" s="162"/>
      <c r="BZ2590" s="162"/>
      <c r="CA2590" s="162"/>
      <c r="CB2590" s="162"/>
      <c r="CC2590" s="162"/>
      <c r="CD2590" s="162"/>
      <c r="CE2590" s="162"/>
      <c r="CF2590" s="162"/>
      <c r="CG2590" s="162"/>
      <c r="CH2590" s="162"/>
      <c r="CI2590" s="162"/>
      <c r="CJ2590" s="162"/>
      <c r="CK2590" s="162"/>
      <c r="CX2590" s="98"/>
      <c r="DL2590" s="97"/>
      <c r="DX2590" s="98"/>
      <c r="EL2590" s="97"/>
      <c r="EX2590" s="98"/>
      <c r="EY2590" s="97"/>
      <c r="FL2590" s="126"/>
      <c r="FM2590" s="91"/>
      <c r="FN2590" s="91"/>
      <c r="FO2590" s="91"/>
      <c r="FP2590" s="91"/>
      <c r="FQ2590" s="91"/>
      <c r="FR2590" s="91"/>
      <c r="FS2590" s="91"/>
      <c r="FT2590" s="91"/>
      <c r="FU2590" s="91"/>
      <c r="FV2590" s="91"/>
      <c r="FW2590" s="91"/>
      <c r="FX2590" s="91"/>
      <c r="FY2590" s="91"/>
      <c r="FZ2590" s="91"/>
      <c r="GA2590" s="91"/>
      <c r="GB2590" s="91"/>
      <c r="GC2590" s="91"/>
      <c r="GD2590" s="91"/>
      <c r="GE2590" s="91"/>
      <c r="GF2590" s="91"/>
      <c r="GG2590" s="91"/>
      <c r="GH2590" s="91"/>
      <c r="GI2590" s="91"/>
      <c r="GJ2590" s="91"/>
      <c r="GK2590" s="127"/>
      <c r="GL2590" s="126"/>
      <c r="GM2590" s="91"/>
      <c r="GN2590" s="91"/>
      <c r="GO2590" s="91"/>
      <c r="GP2590" s="91"/>
      <c r="GQ2590" s="91"/>
      <c r="GR2590" s="91"/>
      <c r="GS2590" s="91"/>
      <c r="GT2590" s="91"/>
      <c r="GU2590" s="91"/>
      <c r="GV2590" s="91"/>
      <c r="GW2590" s="91"/>
      <c r="GX2590" s="91"/>
      <c r="GY2590" s="91"/>
      <c r="GZ2590" s="91"/>
      <c r="HA2590" s="91"/>
      <c r="HB2590" s="91"/>
      <c r="HC2590" s="91"/>
      <c r="HD2590" s="91"/>
      <c r="HE2590" s="91"/>
      <c r="HF2590" s="91"/>
      <c r="HG2590" s="91"/>
      <c r="HH2590" s="91"/>
      <c r="HI2590" s="91"/>
      <c r="HJ2590" s="91"/>
      <c r="HK2590" s="127"/>
      <c r="HL2590" s="126"/>
      <c r="HM2590" s="91"/>
      <c r="HN2590" s="91"/>
      <c r="HO2590" s="91"/>
      <c r="HP2590" s="91"/>
      <c r="HQ2590" s="91"/>
      <c r="HR2590" s="91"/>
      <c r="HS2590" s="91"/>
      <c r="HT2590" s="91"/>
      <c r="HU2590" s="91"/>
      <c r="HV2590" s="91"/>
      <c r="HW2590" s="91"/>
      <c r="HX2590" s="91"/>
      <c r="HY2590" s="91"/>
      <c r="HZ2590" s="91"/>
      <c r="IA2590" s="91"/>
      <c r="IB2590" s="91"/>
      <c r="IC2590" s="91"/>
      <c r="ID2590" s="91"/>
      <c r="IE2590" s="91"/>
      <c r="IF2590" s="91"/>
      <c r="IG2590" s="91"/>
      <c r="IH2590" s="91"/>
      <c r="II2590" s="91"/>
      <c r="IJ2590" s="91"/>
      <c r="IK2590" s="127"/>
    </row>
    <row r="2591" spans="2:245" x14ac:dyDescent="0.2">
      <c r="B2591" s="43"/>
      <c r="C2591" s="73"/>
      <c r="D2591" s="64"/>
      <c r="E2591" s="64"/>
      <c r="F2591" s="55"/>
      <c r="G2591" s="102"/>
      <c r="H2591" s="55"/>
      <c r="I2591" s="55"/>
      <c r="J2591" s="55"/>
      <c r="K2591" s="55"/>
      <c r="L2591" s="55"/>
      <c r="M2591" s="55"/>
      <c r="N2591" s="55"/>
      <c r="O2591" s="55"/>
      <c r="P2591" s="55"/>
      <c r="Q2591" s="55"/>
      <c r="R2591" s="55"/>
      <c r="S2591" s="55"/>
      <c r="T2591" s="55"/>
      <c r="U2591" s="55"/>
      <c r="V2591" s="55"/>
      <c r="W2591" s="55"/>
      <c r="X2591" s="55"/>
      <c r="Y2591" s="55"/>
      <c r="Z2591" s="55"/>
      <c r="AA2591" s="55"/>
      <c r="AB2591" s="55"/>
      <c r="AC2591" s="55"/>
      <c r="AD2591" s="55"/>
      <c r="AE2591" s="55"/>
      <c r="AF2591" s="55"/>
      <c r="AG2591" s="55"/>
      <c r="AY2591" s="162"/>
      <c r="AZ2591" s="162"/>
      <c r="BA2591" s="162"/>
      <c r="BB2591" s="162"/>
      <c r="BC2591" s="162"/>
      <c r="BD2591" s="162"/>
      <c r="BE2591" s="162"/>
      <c r="BF2591" s="162"/>
      <c r="BG2591" s="162"/>
      <c r="BH2591" s="162"/>
      <c r="BI2591" s="162"/>
      <c r="BJ2591" s="162"/>
      <c r="BK2591" s="162"/>
      <c r="BL2591" s="162"/>
      <c r="BM2591" s="162"/>
      <c r="BN2591" s="162"/>
      <c r="BO2591" s="162"/>
      <c r="BP2591" s="162"/>
      <c r="BQ2591" s="162"/>
      <c r="BR2591" s="162"/>
      <c r="BS2591" s="162"/>
      <c r="BT2591" s="162"/>
      <c r="BU2591" s="162"/>
      <c r="BV2591" s="162"/>
      <c r="BW2591" s="162"/>
      <c r="BX2591" s="162"/>
      <c r="BY2591" s="162"/>
      <c r="BZ2591" s="162"/>
      <c r="CA2591" s="162"/>
      <c r="CB2591" s="162"/>
      <c r="CC2591" s="162"/>
      <c r="CD2591" s="162"/>
      <c r="CE2591" s="162"/>
      <c r="CF2591" s="162"/>
      <c r="CG2591" s="162"/>
      <c r="CH2591" s="162"/>
      <c r="CI2591" s="162"/>
      <c r="CJ2591" s="162"/>
      <c r="CK2591" s="162"/>
      <c r="CX2591" s="98"/>
      <c r="DL2591" s="97"/>
      <c r="DX2591" s="98"/>
      <c r="EL2591" s="97"/>
      <c r="EX2591" s="98"/>
      <c r="EY2591" s="97"/>
      <c r="FL2591" s="126"/>
      <c r="FM2591" s="91"/>
      <c r="FN2591" s="91"/>
      <c r="FO2591" s="91"/>
      <c r="FP2591" s="91"/>
      <c r="FQ2591" s="91"/>
      <c r="FR2591" s="91"/>
      <c r="FS2591" s="91"/>
      <c r="FT2591" s="91"/>
      <c r="FU2591" s="91"/>
      <c r="FV2591" s="91"/>
      <c r="FW2591" s="91"/>
      <c r="FX2591" s="91"/>
      <c r="FY2591" s="91"/>
      <c r="FZ2591" s="91"/>
      <c r="GA2591" s="91"/>
      <c r="GB2591" s="91"/>
      <c r="GC2591" s="91"/>
      <c r="GD2591" s="91"/>
      <c r="GE2591" s="91"/>
      <c r="GF2591" s="91"/>
      <c r="GG2591" s="91"/>
      <c r="GH2591" s="91"/>
      <c r="GI2591" s="91"/>
      <c r="GJ2591" s="91"/>
      <c r="GK2591" s="127"/>
      <c r="GL2591" s="126"/>
      <c r="GM2591" s="91"/>
      <c r="GN2591" s="91"/>
      <c r="GO2591" s="91"/>
      <c r="GP2591" s="91"/>
      <c r="GQ2591" s="91"/>
      <c r="GR2591" s="91"/>
      <c r="GS2591" s="91"/>
      <c r="GT2591" s="91"/>
      <c r="GU2591" s="91"/>
      <c r="GV2591" s="91"/>
      <c r="GW2591" s="91"/>
      <c r="GX2591" s="91"/>
      <c r="GY2591" s="91"/>
      <c r="GZ2591" s="91"/>
      <c r="HA2591" s="91"/>
      <c r="HB2591" s="91"/>
      <c r="HC2591" s="91"/>
      <c r="HD2591" s="91"/>
      <c r="HE2591" s="91"/>
      <c r="HF2591" s="91"/>
      <c r="HG2591" s="91"/>
      <c r="HH2591" s="91"/>
      <c r="HI2591" s="91"/>
      <c r="HJ2591" s="91"/>
      <c r="HK2591" s="127"/>
      <c r="HL2591" s="126"/>
      <c r="HM2591" s="91"/>
      <c r="HN2591" s="91"/>
      <c r="HO2591" s="91"/>
      <c r="HP2591" s="91"/>
      <c r="HQ2591" s="91"/>
      <c r="HR2591" s="91"/>
      <c r="HS2591" s="91"/>
      <c r="HT2591" s="91"/>
      <c r="HU2591" s="91"/>
      <c r="HV2591" s="91"/>
      <c r="HW2591" s="91"/>
      <c r="HX2591" s="91"/>
      <c r="HY2591" s="91"/>
      <c r="HZ2591" s="91"/>
      <c r="IA2591" s="91"/>
      <c r="IB2591" s="91"/>
      <c r="IC2591" s="91"/>
      <c r="ID2591" s="91"/>
      <c r="IE2591" s="91"/>
      <c r="IF2591" s="91"/>
      <c r="IG2591" s="91"/>
      <c r="IH2591" s="91"/>
      <c r="II2591" s="91"/>
      <c r="IJ2591" s="91"/>
      <c r="IK2591" s="127"/>
    </row>
    <row r="2592" spans="2:245" x14ac:dyDescent="0.2">
      <c r="B2592" s="43"/>
      <c r="C2592" s="73"/>
      <c r="D2592" s="64"/>
      <c r="E2592" s="64"/>
      <c r="F2592" s="55"/>
      <c r="G2592" s="102"/>
      <c r="H2592" s="55"/>
      <c r="I2592" s="55"/>
      <c r="J2592" s="55"/>
      <c r="K2592" s="55"/>
      <c r="L2592" s="55"/>
      <c r="M2592" s="55"/>
      <c r="N2592" s="55"/>
      <c r="O2592" s="55"/>
      <c r="P2592" s="55"/>
      <c r="Q2592" s="55"/>
      <c r="R2592" s="55"/>
      <c r="S2592" s="55"/>
      <c r="T2592" s="55"/>
      <c r="U2592" s="55"/>
      <c r="V2592" s="55"/>
      <c r="W2592" s="55"/>
      <c r="X2592" s="55"/>
      <c r="Y2592" s="55"/>
      <c r="Z2592" s="55"/>
      <c r="AA2592" s="55"/>
      <c r="AB2592" s="55"/>
      <c r="AC2592" s="55"/>
      <c r="AD2592" s="55"/>
      <c r="AE2592" s="55"/>
      <c r="AF2592" s="55"/>
      <c r="AG2592" s="55"/>
      <c r="AY2592" s="162"/>
      <c r="AZ2592" s="162"/>
      <c r="BA2592" s="162"/>
      <c r="BB2592" s="162"/>
      <c r="BC2592" s="162"/>
      <c r="BD2592" s="162"/>
      <c r="BE2592" s="162"/>
      <c r="BF2592" s="162"/>
      <c r="BG2592" s="162"/>
      <c r="BH2592" s="162"/>
      <c r="BI2592" s="162"/>
      <c r="BJ2592" s="162"/>
      <c r="BK2592" s="162"/>
      <c r="BL2592" s="162"/>
      <c r="BM2592" s="162"/>
      <c r="BN2592" s="162"/>
      <c r="BO2592" s="162"/>
      <c r="BP2592" s="162"/>
      <c r="BQ2592" s="162"/>
      <c r="BR2592" s="162"/>
      <c r="BS2592" s="162"/>
      <c r="BT2592" s="162"/>
      <c r="BU2592" s="162"/>
      <c r="BV2592" s="162"/>
      <c r="BW2592" s="162"/>
      <c r="BX2592" s="162"/>
      <c r="BY2592" s="162"/>
      <c r="BZ2592" s="162"/>
      <c r="CA2592" s="162"/>
      <c r="CB2592" s="162"/>
      <c r="CC2592" s="162"/>
      <c r="CD2592" s="162"/>
      <c r="CE2592" s="162"/>
      <c r="CF2592" s="162"/>
      <c r="CG2592" s="162"/>
      <c r="CH2592" s="162"/>
      <c r="CI2592" s="162"/>
      <c r="CJ2592" s="162"/>
      <c r="CK2592" s="162"/>
      <c r="CX2592" s="98"/>
      <c r="DL2592" s="97"/>
      <c r="DX2592" s="98"/>
      <c r="EL2592" s="97"/>
      <c r="EX2592" s="98"/>
      <c r="EY2592" s="97"/>
      <c r="FL2592" s="126"/>
      <c r="FM2592" s="91"/>
      <c r="FN2592" s="91"/>
      <c r="FO2592" s="91"/>
      <c r="FP2592" s="91"/>
      <c r="FQ2592" s="91"/>
      <c r="FR2592" s="91"/>
      <c r="FS2592" s="91"/>
      <c r="FT2592" s="91"/>
      <c r="FU2592" s="91"/>
      <c r="FV2592" s="91"/>
      <c r="FW2592" s="91"/>
      <c r="FX2592" s="91"/>
      <c r="FY2592" s="91"/>
      <c r="FZ2592" s="91"/>
      <c r="GA2592" s="91"/>
      <c r="GB2592" s="91"/>
      <c r="GC2592" s="91"/>
      <c r="GD2592" s="91"/>
      <c r="GE2592" s="91"/>
      <c r="GF2592" s="91"/>
      <c r="GG2592" s="91"/>
      <c r="GH2592" s="91"/>
      <c r="GI2592" s="91"/>
      <c r="GJ2592" s="91"/>
      <c r="GK2592" s="127"/>
      <c r="GL2592" s="126"/>
      <c r="GM2592" s="91"/>
      <c r="GN2592" s="91"/>
      <c r="GO2592" s="91"/>
      <c r="GP2592" s="91"/>
      <c r="GQ2592" s="91"/>
      <c r="GR2592" s="91"/>
      <c r="GS2592" s="91"/>
      <c r="GT2592" s="91"/>
      <c r="GU2592" s="91"/>
      <c r="GV2592" s="91"/>
      <c r="GW2592" s="91"/>
      <c r="GX2592" s="91"/>
      <c r="GY2592" s="91"/>
      <c r="GZ2592" s="91"/>
      <c r="HA2592" s="91"/>
      <c r="HB2592" s="91"/>
      <c r="HC2592" s="91"/>
      <c r="HD2592" s="91"/>
      <c r="HE2592" s="91"/>
      <c r="HF2592" s="91"/>
      <c r="HG2592" s="91"/>
      <c r="HH2592" s="91"/>
      <c r="HI2592" s="91"/>
      <c r="HJ2592" s="91"/>
      <c r="HK2592" s="127"/>
      <c r="HL2592" s="126"/>
      <c r="HM2592" s="91"/>
      <c r="HN2592" s="91"/>
      <c r="HO2592" s="91"/>
      <c r="HP2592" s="91"/>
      <c r="HQ2592" s="91"/>
      <c r="HR2592" s="91"/>
      <c r="HS2592" s="91"/>
      <c r="HT2592" s="91"/>
      <c r="HU2592" s="91"/>
      <c r="HV2592" s="91"/>
      <c r="HW2592" s="91"/>
      <c r="HX2592" s="91"/>
      <c r="HY2592" s="91"/>
      <c r="HZ2592" s="91"/>
      <c r="IA2592" s="91"/>
      <c r="IB2592" s="91"/>
      <c r="IC2592" s="91"/>
      <c r="ID2592" s="91"/>
      <c r="IE2592" s="91"/>
      <c r="IF2592" s="91"/>
      <c r="IG2592" s="91"/>
      <c r="IH2592" s="91"/>
      <c r="II2592" s="91"/>
      <c r="IJ2592" s="91"/>
      <c r="IK2592" s="127"/>
    </row>
    <row r="2593" spans="2:245" x14ac:dyDescent="0.2">
      <c r="B2593" s="43"/>
      <c r="C2593" s="73"/>
      <c r="D2593" s="64"/>
      <c r="E2593" s="64"/>
      <c r="F2593" s="55"/>
      <c r="G2593" s="102"/>
      <c r="H2593" s="55"/>
      <c r="I2593" s="55"/>
      <c r="J2593" s="55"/>
      <c r="K2593" s="55"/>
      <c r="L2593" s="55"/>
      <c r="M2593" s="55"/>
      <c r="N2593" s="55"/>
      <c r="O2593" s="55"/>
      <c r="P2593" s="55"/>
      <c r="Q2593" s="55"/>
      <c r="R2593" s="55"/>
      <c r="S2593" s="55"/>
      <c r="T2593" s="55"/>
      <c r="U2593" s="55"/>
      <c r="V2593" s="55"/>
      <c r="W2593" s="55"/>
      <c r="X2593" s="55"/>
      <c r="Y2593" s="55"/>
      <c r="Z2593" s="55"/>
      <c r="AA2593" s="55"/>
      <c r="AB2593" s="55"/>
      <c r="AC2593" s="55"/>
      <c r="AD2593" s="55"/>
      <c r="AE2593" s="55"/>
      <c r="AF2593" s="55"/>
      <c r="AG2593" s="55"/>
      <c r="AY2593" s="162"/>
      <c r="AZ2593" s="162"/>
      <c r="BA2593" s="162"/>
      <c r="BB2593" s="162"/>
      <c r="BC2593" s="162"/>
      <c r="BD2593" s="162"/>
      <c r="BE2593" s="162"/>
      <c r="BF2593" s="162"/>
      <c r="BG2593" s="162"/>
      <c r="BH2593" s="162"/>
      <c r="BI2593" s="162"/>
      <c r="BJ2593" s="162"/>
      <c r="BK2593" s="162"/>
      <c r="BL2593" s="162"/>
      <c r="BM2593" s="162"/>
      <c r="BN2593" s="162"/>
      <c r="BO2593" s="162"/>
      <c r="BP2593" s="162"/>
      <c r="BQ2593" s="162"/>
      <c r="BR2593" s="162"/>
      <c r="BS2593" s="162"/>
      <c r="BT2593" s="162"/>
      <c r="BU2593" s="162"/>
      <c r="BV2593" s="162"/>
      <c r="BW2593" s="162"/>
      <c r="BX2593" s="162"/>
      <c r="BY2593" s="162"/>
      <c r="BZ2593" s="162"/>
      <c r="CA2593" s="162"/>
      <c r="CB2593" s="162"/>
      <c r="CC2593" s="162"/>
      <c r="CD2593" s="162"/>
      <c r="CE2593" s="162"/>
      <c r="CF2593" s="162"/>
      <c r="CG2593" s="162"/>
      <c r="CH2593" s="162"/>
      <c r="CI2593" s="162"/>
      <c r="CJ2593" s="162"/>
      <c r="CK2593" s="162"/>
      <c r="CX2593" s="98"/>
      <c r="DL2593" s="97"/>
      <c r="DX2593" s="98"/>
      <c r="EL2593" s="97"/>
      <c r="EX2593" s="98"/>
      <c r="EY2593" s="97"/>
      <c r="FL2593" s="126"/>
      <c r="FM2593" s="91"/>
      <c r="FN2593" s="91"/>
      <c r="FO2593" s="91"/>
      <c r="FP2593" s="91"/>
      <c r="FQ2593" s="91"/>
      <c r="FR2593" s="91"/>
      <c r="FS2593" s="91"/>
      <c r="FT2593" s="91"/>
      <c r="FU2593" s="91"/>
      <c r="FV2593" s="91"/>
      <c r="FW2593" s="91"/>
      <c r="FX2593" s="91"/>
      <c r="FY2593" s="91"/>
      <c r="FZ2593" s="91"/>
      <c r="GA2593" s="91"/>
      <c r="GB2593" s="91"/>
      <c r="GC2593" s="91"/>
      <c r="GD2593" s="91"/>
      <c r="GE2593" s="91"/>
      <c r="GF2593" s="91"/>
      <c r="GG2593" s="91"/>
      <c r="GH2593" s="91"/>
      <c r="GI2593" s="91"/>
      <c r="GJ2593" s="91"/>
      <c r="GK2593" s="127"/>
      <c r="GL2593" s="126"/>
      <c r="GM2593" s="91"/>
      <c r="GN2593" s="91"/>
      <c r="GO2593" s="91"/>
      <c r="GP2593" s="91"/>
      <c r="GQ2593" s="91"/>
      <c r="GR2593" s="91"/>
      <c r="GS2593" s="91"/>
      <c r="GT2593" s="91"/>
      <c r="GU2593" s="91"/>
      <c r="GV2593" s="91"/>
      <c r="GW2593" s="91"/>
      <c r="GX2593" s="91"/>
      <c r="GY2593" s="91"/>
      <c r="GZ2593" s="91"/>
      <c r="HA2593" s="91"/>
      <c r="HB2593" s="91"/>
      <c r="HC2593" s="91"/>
      <c r="HD2593" s="91"/>
      <c r="HE2593" s="91"/>
      <c r="HF2593" s="91"/>
      <c r="HG2593" s="91"/>
      <c r="HH2593" s="91"/>
      <c r="HI2593" s="91"/>
      <c r="HJ2593" s="91"/>
      <c r="HK2593" s="127"/>
      <c r="HL2593" s="126"/>
      <c r="HM2593" s="91"/>
      <c r="HN2593" s="91"/>
      <c r="HO2593" s="91"/>
      <c r="HP2593" s="91"/>
      <c r="HQ2593" s="91"/>
      <c r="HR2593" s="91"/>
      <c r="HS2593" s="91"/>
      <c r="HT2593" s="91"/>
      <c r="HU2593" s="91"/>
      <c r="HV2593" s="91"/>
      <c r="HW2593" s="91"/>
      <c r="HX2593" s="91"/>
      <c r="HY2593" s="91"/>
      <c r="HZ2593" s="91"/>
      <c r="IA2593" s="91"/>
      <c r="IB2593" s="91"/>
      <c r="IC2593" s="91"/>
      <c r="ID2593" s="91"/>
      <c r="IE2593" s="91"/>
      <c r="IF2593" s="91"/>
      <c r="IG2593" s="91"/>
      <c r="IH2593" s="91"/>
      <c r="II2593" s="91"/>
      <c r="IJ2593" s="91"/>
      <c r="IK2593" s="127"/>
    </row>
    <row r="2594" spans="2:245" x14ac:dyDescent="0.2">
      <c r="B2594" s="43"/>
      <c r="C2594" s="73"/>
      <c r="D2594" s="64"/>
      <c r="E2594" s="64"/>
      <c r="F2594" s="55"/>
      <c r="G2594" s="102"/>
      <c r="H2594" s="55"/>
      <c r="I2594" s="55"/>
      <c r="J2594" s="55"/>
      <c r="K2594" s="55"/>
      <c r="L2594" s="55"/>
      <c r="M2594" s="55"/>
      <c r="N2594" s="55"/>
      <c r="O2594" s="55"/>
      <c r="P2594" s="55"/>
      <c r="Q2594" s="55"/>
      <c r="R2594" s="55"/>
      <c r="S2594" s="55"/>
      <c r="T2594" s="55"/>
      <c r="U2594" s="55"/>
      <c r="V2594" s="55"/>
      <c r="W2594" s="55"/>
      <c r="X2594" s="55"/>
      <c r="Y2594" s="55"/>
      <c r="Z2594" s="55"/>
      <c r="AA2594" s="55"/>
      <c r="AB2594" s="55"/>
      <c r="AC2594" s="55"/>
      <c r="AD2594" s="55"/>
      <c r="AE2594" s="55"/>
      <c r="AF2594" s="55"/>
      <c r="AG2594" s="55"/>
      <c r="AY2594" s="162"/>
      <c r="AZ2594" s="162"/>
      <c r="BA2594" s="162"/>
      <c r="BB2594" s="162"/>
      <c r="BC2594" s="162"/>
      <c r="BD2594" s="162"/>
      <c r="BE2594" s="162"/>
      <c r="BF2594" s="162"/>
      <c r="BG2594" s="162"/>
      <c r="BH2594" s="162"/>
      <c r="BI2594" s="162"/>
      <c r="BJ2594" s="162"/>
      <c r="BK2594" s="162"/>
      <c r="BL2594" s="162"/>
      <c r="BM2594" s="162"/>
      <c r="BN2594" s="162"/>
      <c r="BO2594" s="162"/>
      <c r="BP2594" s="162"/>
      <c r="BQ2594" s="162"/>
      <c r="BR2594" s="162"/>
      <c r="BS2594" s="162"/>
      <c r="BT2594" s="162"/>
      <c r="BU2594" s="162"/>
      <c r="BV2594" s="162"/>
      <c r="BW2594" s="162"/>
      <c r="BX2594" s="162"/>
      <c r="BY2594" s="162"/>
      <c r="BZ2594" s="162"/>
      <c r="CA2594" s="162"/>
      <c r="CB2594" s="162"/>
      <c r="CC2594" s="162"/>
      <c r="CD2594" s="162"/>
      <c r="CE2594" s="162"/>
      <c r="CF2594" s="162"/>
      <c r="CG2594" s="162"/>
      <c r="CH2594" s="162"/>
      <c r="CI2594" s="162"/>
      <c r="CJ2594" s="162"/>
      <c r="CK2594" s="162"/>
      <c r="CX2594" s="98"/>
      <c r="DL2594" s="97"/>
      <c r="DX2594" s="98"/>
      <c r="EL2594" s="97"/>
      <c r="EX2594" s="98"/>
      <c r="EY2594" s="97"/>
      <c r="FL2594" s="126"/>
      <c r="FM2594" s="91"/>
      <c r="FN2594" s="91"/>
      <c r="FO2594" s="91"/>
      <c r="FP2594" s="91"/>
      <c r="FQ2594" s="91"/>
      <c r="FR2594" s="91"/>
      <c r="FS2594" s="91"/>
      <c r="FT2594" s="91"/>
      <c r="FU2594" s="91"/>
      <c r="FV2594" s="91"/>
      <c r="FW2594" s="91"/>
      <c r="FX2594" s="91"/>
      <c r="FY2594" s="91"/>
      <c r="FZ2594" s="91"/>
      <c r="GA2594" s="91"/>
      <c r="GB2594" s="91"/>
      <c r="GC2594" s="91"/>
      <c r="GD2594" s="91"/>
      <c r="GE2594" s="91"/>
      <c r="GF2594" s="91"/>
      <c r="GG2594" s="91"/>
      <c r="GH2594" s="91"/>
      <c r="GI2594" s="91"/>
      <c r="GJ2594" s="91"/>
      <c r="GK2594" s="127"/>
      <c r="GL2594" s="126"/>
      <c r="GM2594" s="91"/>
      <c r="GN2594" s="91"/>
      <c r="GO2594" s="91"/>
      <c r="GP2594" s="91"/>
      <c r="GQ2594" s="91"/>
      <c r="GR2594" s="91"/>
      <c r="GS2594" s="91"/>
      <c r="GT2594" s="91"/>
      <c r="GU2594" s="91"/>
      <c r="GV2594" s="91"/>
      <c r="GW2594" s="91"/>
      <c r="GX2594" s="91"/>
      <c r="GY2594" s="91"/>
      <c r="GZ2594" s="91"/>
      <c r="HA2594" s="91"/>
      <c r="HB2594" s="91"/>
      <c r="HC2594" s="91"/>
      <c r="HD2594" s="91"/>
      <c r="HE2594" s="91"/>
      <c r="HF2594" s="91"/>
      <c r="HG2594" s="91"/>
      <c r="HH2594" s="91"/>
      <c r="HI2594" s="91"/>
      <c r="HJ2594" s="91"/>
      <c r="HK2594" s="127"/>
      <c r="HL2594" s="126"/>
      <c r="HM2594" s="91"/>
      <c r="HN2594" s="91"/>
      <c r="HO2594" s="91"/>
      <c r="HP2594" s="91"/>
      <c r="HQ2594" s="91"/>
      <c r="HR2594" s="91"/>
      <c r="HS2594" s="91"/>
      <c r="HT2594" s="91"/>
      <c r="HU2594" s="91"/>
      <c r="HV2594" s="91"/>
      <c r="HW2594" s="91"/>
      <c r="HX2594" s="91"/>
      <c r="HY2594" s="91"/>
      <c r="HZ2594" s="91"/>
      <c r="IA2594" s="91"/>
      <c r="IB2594" s="91"/>
      <c r="IC2594" s="91"/>
      <c r="ID2594" s="91"/>
      <c r="IE2594" s="91"/>
      <c r="IF2594" s="91"/>
      <c r="IG2594" s="91"/>
      <c r="IH2594" s="91"/>
      <c r="II2594" s="91"/>
      <c r="IJ2594" s="91"/>
      <c r="IK2594" s="127"/>
    </row>
    <row r="2595" spans="2:245" x14ac:dyDescent="0.2">
      <c r="B2595" s="43"/>
      <c r="C2595" s="73"/>
      <c r="D2595" s="64"/>
      <c r="E2595" s="64"/>
      <c r="F2595" s="55"/>
      <c r="G2595" s="102"/>
      <c r="H2595" s="55"/>
      <c r="I2595" s="55"/>
      <c r="J2595" s="55"/>
      <c r="K2595" s="55"/>
      <c r="L2595" s="55"/>
      <c r="M2595" s="55"/>
      <c r="N2595" s="55"/>
      <c r="O2595" s="55"/>
      <c r="P2595" s="55"/>
      <c r="Q2595" s="55"/>
      <c r="R2595" s="55"/>
      <c r="S2595" s="55"/>
      <c r="T2595" s="55"/>
      <c r="U2595" s="55"/>
      <c r="V2595" s="55"/>
      <c r="W2595" s="55"/>
      <c r="X2595" s="55"/>
      <c r="Y2595" s="55"/>
      <c r="Z2595" s="55"/>
      <c r="AA2595" s="55"/>
      <c r="AB2595" s="55"/>
      <c r="AC2595" s="55"/>
      <c r="AD2595" s="55"/>
      <c r="AE2595" s="55"/>
      <c r="AF2595" s="55"/>
      <c r="AG2595" s="55"/>
      <c r="AY2595" s="162"/>
      <c r="AZ2595" s="162"/>
      <c r="BA2595" s="162"/>
      <c r="BB2595" s="162"/>
      <c r="BC2595" s="162"/>
      <c r="BD2595" s="162"/>
      <c r="BE2595" s="162"/>
      <c r="BF2595" s="162"/>
      <c r="BG2595" s="162"/>
      <c r="BH2595" s="162"/>
      <c r="BI2595" s="162"/>
      <c r="BJ2595" s="162"/>
      <c r="BK2595" s="162"/>
      <c r="BL2595" s="162"/>
      <c r="BM2595" s="162"/>
      <c r="BN2595" s="162"/>
      <c r="BO2595" s="162"/>
      <c r="BP2595" s="162"/>
      <c r="BQ2595" s="162"/>
      <c r="BR2595" s="162"/>
      <c r="BS2595" s="162"/>
      <c r="BT2595" s="162"/>
      <c r="BU2595" s="162"/>
      <c r="BV2595" s="162"/>
      <c r="BW2595" s="162"/>
      <c r="BX2595" s="162"/>
      <c r="BY2595" s="162"/>
      <c r="BZ2595" s="162"/>
      <c r="CA2595" s="162"/>
      <c r="CB2595" s="162"/>
      <c r="CC2595" s="162"/>
      <c r="CD2595" s="162"/>
      <c r="CE2595" s="162"/>
      <c r="CF2595" s="162"/>
      <c r="CG2595" s="162"/>
      <c r="CH2595" s="162"/>
      <c r="CI2595" s="162"/>
      <c r="CJ2595" s="162"/>
      <c r="CK2595" s="162"/>
      <c r="CX2595" s="98"/>
      <c r="DL2595" s="97"/>
      <c r="DX2595" s="98"/>
      <c r="EL2595" s="97"/>
      <c r="EX2595" s="98"/>
      <c r="EY2595" s="97"/>
      <c r="FL2595" s="126"/>
      <c r="FM2595" s="91"/>
      <c r="FN2595" s="91"/>
      <c r="FO2595" s="91"/>
      <c r="FP2595" s="91"/>
      <c r="FQ2595" s="91"/>
      <c r="FR2595" s="91"/>
      <c r="FS2595" s="91"/>
      <c r="FT2595" s="91"/>
      <c r="FU2595" s="91"/>
      <c r="FV2595" s="91"/>
      <c r="FW2595" s="91"/>
      <c r="FX2595" s="91"/>
      <c r="FY2595" s="91"/>
      <c r="FZ2595" s="91"/>
      <c r="GA2595" s="91"/>
      <c r="GB2595" s="91"/>
      <c r="GC2595" s="91"/>
      <c r="GD2595" s="91"/>
      <c r="GE2595" s="91"/>
      <c r="GF2595" s="91"/>
      <c r="GG2595" s="91"/>
      <c r="GH2595" s="91"/>
      <c r="GI2595" s="91"/>
      <c r="GJ2595" s="91"/>
      <c r="GK2595" s="127"/>
      <c r="GL2595" s="126"/>
      <c r="GM2595" s="91"/>
      <c r="GN2595" s="91"/>
      <c r="GO2595" s="91"/>
      <c r="GP2595" s="91"/>
      <c r="GQ2595" s="91"/>
      <c r="GR2595" s="91"/>
      <c r="GS2595" s="91"/>
      <c r="GT2595" s="91"/>
      <c r="GU2595" s="91"/>
      <c r="GV2595" s="91"/>
      <c r="GW2595" s="91"/>
      <c r="GX2595" s="91"/>
      <c r="GY2595" s="91"/>
      <c r="GZ2595" s="91"/>
      <c r="HA2595" s="91"/>
      <c r="HB2595" s="91"/>
      <c r="HC2595" s="91"/>
      <c r="HD2595" s="91"/>
      <c r="HE2595" s="91"/>
      <c r="HF2595" s="91"/>
      <c r="HG2595" s="91"/>
      <c r="HH2595" s="91"/>
      <c r="HI2595" s="91"/>
      <c r="HJ2595" s="91"/>
      <c r="HK2595" s="127"/>
      <c r="HL2595" s="126"/>
      <c r="HM2595" s="91"/>
      <c r="HN2595" s="91"/>
      <c r="HO2595" s="91"/>
      <c r="HP2595" s="91"/>
      <c r="HQ2595" s="91"/>
      <c r="HR2595" s="91"/>
      <c r="HS2595" s="91"/>
      <c r="HT2595" s="91"/>
      <c r="HU2595" s="91"/>
      <c r="HV2595" s="91"/>
      <c r="HW2595" s="91"/>
      <c r="HX2595" s="91"/>
      <c r="HY2595" s="91"/>
      <c r="HZ2595" s="91"/>
      <c r="IA2595" s="91"/>
      <c r="IB2595" s="91"/>
      <c r="IC2595" s="91"/>
      <c r="ID2595" s="91"/>
      <c r="IE2595" s="91"/>
      <c r="IF2595" s="91"/>
      <c r="IG2595" s="91"/>
      <c r="IH2595" s="91"/>
      <c r="II2595" s="91"/>
      <c r="IJ2595" s="91"/>
      <c r="IK2595" s="127"/>
    </row>
    <row r="2596" spans="2:245" x14ac:dyDescent="0.2">
      <c r="B2596" s="43"/>
      <c r="C2596" s="73"/>
      <c r="D2596" s="64"/>
      <c r="E2596" s="64"/>
      <c r="F2596" s="55"/>
      <c r="G2596" s="102"/>
      <c r="H2596" s="55"/>
      <c r="I2596" s="55"/>
      <c r="J2596" s="55"/>
      <c r="K2596" s="55"/>
      <c r="L2596" s="55"/>
      <c r="M2596" s="55"/>
      <c r="N2596" s="55"/>
      <c r="O2596" s="55"/>
      <c r="P2596" s="55"/>
      <c r="Q2596" s="55"/>
      <c r="R2596" s="55"/>
      <c r="S2596" s="55"/>
      <c r="T2596" s="55"/>
      <c r="U2596" s="55"/>
      <c r="V2596" s="55"/>
      <c r="W2596" s="55"/>
      <c r="X2596" s="55"/>
      <c r="Y2596" s="55"/>
      <c r="Z2596" s="55"/>
      <c r="AA2596" s="55"/>
      <c r="AB2596" s="55"/>
      <c r="AC2596" s="55"/>
      <c r="AD2596" s="55"/>
      <c r="AE2596" s="55"/>
      <c r="AF2596" s="55"/>
      <c r="AG2596" s="55"/>
      <c r="AY2596" s="162"/>
      <c r="AZ2596" s="162"/>
      <c r="BA2596" s="162"/>
      <c r="BB2596" s="162"/>
      <c r="BC2596" s="162"/>
      <c r="BD2596" s="162"/>
      <c r="BE2596" s="162"/>
      <c r="BF2596" s="162"/>
      <c r="BG2596" s="162"/>
      <c r="BH2596" s="162"/>
      <c r="BI2596" s="162"/>
      <c r="BJ2596" s="162"/>
      <c r="BK2596" s="162"/>
      <c r="BL2596" s="162"/>
      <c r="BM2596" s="162"/>
      <c r="BN2596" s="162"/>
      <c r="BO2596" s="162"/>
      <c r="BP2596" s="162"/>
      <c r="BQ2596" s="162"/>
      <c r="BR2596" s="162"/>
      <c r="BS2596" s="162"/>
      <c r="BT2596" s="162"/>
      <c r="BU2596" s="162"/>
      <c r="BV2596" s="162"/>
      <c r="BW2596" s="162"/>
      <c r="BX2596" s="162"/>
      <c r="BY2596" s="162"/>
      <c r="BZ2596" s="162"/>
      <c r="CA2596" s="162"/>
      <c r="CB2596" s="162"/>
      <c r="CC2596" s="162"/>
      <c r="CD2596" s="162"/>
      <c r="CE2596" s="162"/>
      <c r="CF2596" s="162"/>
      <c r="CG2596" s="162"/>
      <c r="CH2596" s="162"/>
      <c r="CI2596" s="162"/>
      <c r="CJ2596" s="162"/>
      <c r="CK2596" s="162"/>
      <c r="CX2596" s="98"/>
      <c r="DL2596" s="97"/>
      <c r="DX2596" s="98"/>
      <c r="EL2596" s="97"/>
      <c r="EX2596" s="98"/>
      <c r="EY2596" s="97"/>
      <c r="FL2596" s="126"/>
      <c r="FM2596" s="91"/>
      <c r="FN2596" s="91"/>
      <c r="FO2596" s="91"/>
      <c r="FP2596" s="91"/>
      <c r="FQ2596" s="91"/>
      <c r="FR2596" s="91"/>
      <c r="FS2596" s="91"/>
      <c r="FT2596" s="91"/>
      <c r="FU2596" s="91"/>
      <c r="FV2596" s="91"/>
      <c r="FW2596" s="91"/>
      <c r="FX2596" s="91"/>
      <c r="FY2596" s="91"/>
      <c r="FZ2596" s="91"/>
      <c r="GA2596" s="91"/>
      <c r="GB2596" s="91"/>
      <c r="GC2596" s="91"/>
      <c r="GD2596" s="91"/>
      <c r="GE2596" s="91"/>
      <c r="GF2596" s="91"/>
      <c r="GG2596" s="91"/>
      <c r="GH2596" s="91"/>
      <c r="GI2596" s="91"/>
      <c r="GJ2596" s="91"/>
      <c r="GK2596" s="127"/>
      <c r="GL2596" s="126"/>
      <c r="GM2596" s="91"/>
      <c r="GN2596" s="91"/>
      <c r="GO2596" s="91"/>
      <c r="GP2596" s="91"/>
      <c r="GQ2596" s="91"/>
      <c r="GR2596" s="91"/>
      <c r="GS2596" s="91"/>
      <c r="GT2596" s="91"/>
      <c r="GU2596" s="91"/>
      <c r="GV2596" s="91"/>
      <c r="GW2596" s="91"/>
      <c r="GX2596" s="91"/>
      <c r="GY2596" s="91"/>
      <c r="GZ2596" s="91"/>
      <c r="HA2596" s="91"/>
      <c r="HB2596" s="91"/>
      <c r="HC2596" s="91"/>
      <c r="HD2596" s="91"/>
      <c r="HE2596" s="91"/>
      <c r="HF2596" s="91"/>
      <c r="HG2596" s="91"/>
      <c r="HH2596" s="91"/>
      <c r="HI2596" s="91"/>
      <c r="HJ2596" s="91"/>
      <c r="HK2596" s="127"/>
      <c r="HL2596" s="126"/>
      <c r="HM2596" s="91"/>
      <c r="HN2596" s="91"/>
      <c r="HO2596" s="91"/>
      <c r="HP2596" s="91"/>
      <c r="HQ2596" s="91"/>
      <c r="HR2596" s="91"/>
      <c r="HS2596" s="91"/>
      <c r="HT2596" s="91"/>
      <c r="HU2596" s="91"/>
      <c r="HV2596" s="91"/>
      <c r="HW2596" s="91"/>
      <c r="HX2596" s="91"/>
      <c r="HY2596" s="91"/>
      <c r="HZ2596" s="91"/>
      <c r="IA2596" s="91"/>
      <c r="IB2596" s="91"/>
      <c r="IC2596" s="91"/>
      <c r="ID2596" s="91"/>
      <c r="IE2596" s="91"/>
      <c r="IF2596" s="91"/>
      <c r="IG2596" s="91"/>
      <c r="IH2596" s="91"/>
      <c r="II2596" s="91"/>
      <c r="IJ2596" s="91"/>
      <c r="IK2596" s="127"/>
    </row>
    <row r="2597" spans="2:245" x14ac:dyDescent="0.2">
      <c r="B2597" s="43"/>
      <c r="C2597" s="73"/>
      <c r="D2597" s="64"/>
      <c r="E2597" s="64"/>
      <c r="F2597" s="55"/>
      <c r="G2597" s="102"/>
      <c r="H2597" s="55"/>
      <c r="I2597" s="55"/>
      <c r="J2597" s="55"/>
      <c r="K2597" s="55"/>
      <c r="L2597" s="55"/>
      <c r="M2597" s="55"/>
      <c r="N2597" s="55"/>
      <c r="O2597" s="55"/>
      <c r="P2597" s="55"/>
      <c r="Q2597" s="55"/>
      <c r="R2597" s="55"/>
      <c r="S2597" s="55"/>
      <c r="T2597" s="55"/>
      <c r="U2597" s="55"/>
      <c r="V2597" s="55"/>
      <c r="W2597" s="55"/>
      <c r="X2597" s="55"/>
      <c r="Y2597" s="55"/>
      <c r="Z2597" s="55"/>
      <c r="AA2597" s="55"/>
      <c r="AB2597" s="55"/>
      <c r="AC2597" s="55"/>
      <c r="AD2597" s="55"/>
      <c r="AE2597" s="55"/>
      <c r="AF2597" s="55"/>
      <c r="AG2597" s="55"/>
      <c r="AY2597" s="162"/>
      <c r="AZ2597" s="162"/>
      <c r="BA2597" s="162"/>
      <c r="BB2597" s="162"/>
      <c r="BC2597" s="162"/>
      <c r="BD2597" s="162"/>
      <c r="BE2597" s="162"/>
      <c r="BF2597" s="162"/>
      <c r="BG2597" s="162"/>
      <c r="BH2597" s="162"/>
      <c r="BI2597" s="162"/>
      <c r="BJ2597" s="162"/>
      <c r="BK2597" s="162"/>
      <c r="BL2597" s="162"/>
      <c r="BM2597" s="162"/>
      <c r="BN2597" s="162"/>
      <c r="BO2597" s="162"/>
      <c r="BP2597" s="162"/>
      <c r="BQ2597" s="162"/>
      <c r="BR2597" s="162"/>
      <c r="BS2597" s="162"/>
      <c r="BT2597" s="162"/>
      <c r="BU2597" s="162"/>
      <c r="BV2597" s="162"/>
      <c r="BW2597" s="162"/>
      <c r="BX2597" s="162"/>
      <c r="BY2597" s="162"/>
      <c r="BZ2597" s="162"/>
      <c r="CA2597" s="162"/>
      <c r="CB2597" s="162"/>
      <c r="CC2597" s="162"/>
      <c r="CD2597" s="162"/>
      <c r="CE2597" s="162"/>
      <c r="CF2597" s="162"/>
      <c r="CG2597" s="162"/>
      <c r="CH2597" s="162"/>
      <c r="CI2597" s="162"/>
      <c r="CJ2597" s="162"/>
      <c r="CK2597" s="162"/>
      <c r="CX2597" s="98"/>
      <c r="DL2597" s="97"/>
      <c r="DX2597" s="98"/>
      <c r="EL2597" s="97"/>
      <c r="EX2597" s="98"/>
      <c r="EY2597" s="97"/>
      <c r="FL2597" s="126"/>
      <c r="FM2597" s="91"/>
      <c r="FN2597" s="91"/>
      <c r="FO2597" s="91"/>
      <c r="FP2597" s="91"/>
      <c r="FQ2597" s="91"/>
      <c r="FR2597" s="91"/>
      <c r="FS2597" s="91"/>
      <c r="FT2597" s="91"/>
      <c r="FU2597" s="91"/>
      <c r="FV2597" s="91"/>
      <c r="FW2597" s="91"/>
      <c r="FX2597" s="91"/>
      <c r="FY2597" s="91"/>
      <c r="FZ2597" s="91"/>
      <c r="GA2597" s="91"/>
      <c r="GB2597" s="91"/>
      <c r="GC2597" s="91"/>
      <c r="GD2597" s="91"/>
      <c r="GE2597" s="91"/>
      <c r="GF2597" s="91"/>
      <c r="GG2597" s="91"/>
      <c r="GH2597" s="91"/>
      <c r="GI2597" s="91"/>
      <c r="GJ2597" s="91"/>
      <c r="GK2597" s="127"/>
      <c r="GL2597" s="126"/>
      <c r="GM2597" s="91"/>
      <c r="GN2597" s="91"/>
      <c r="GO2597" s="91"/>
      <c r="GP2597" s="91"/>
      <c r="GQ2597" s="91"/>
      <c r="GR2597" s="91"/>
      <c r="GS2597" s="91"/>
      <c r="GT2597" s="91"/>
      <c r="GU2597" s="91"/>
      <c r="GV2597" s="91"/>
      <c r="GW2597" s="91"/>
      <c r="GX2597" s="91"/>
      <c r="GY2597" s="91"/>
      <c r="GZ2597" s="91"/>
      <c r="HA2597" s="91"/>
      <c r="HB2597" s="91"/>
      <c r="HC2597" s="91"/>
      <c r="HD2597" s="91"/>
      <c r="HE2597" s="91"/>
      <c r="HF2597" s="91"/>
      <c r="HG2597" s="91"/>
      <c r="HH2597" s="91"/>
      <c r="HI2597" s="91"/>
      <c r="HJ2597" s="91"/>
      <c r="HK2597" s="127"/>
      <c r="HL2597" s="126"/>
      <c r="HM2597" s="91"/>
      <c r="HN2597" s="91"/>
      <c r="HO2597" s="91"/>
      <c r="HP2597" s="91"/>
      <c r="HQ2597" s="91"/>
      <c r="HR2597" s="91"/>
      <c r="HS2597" s="91"/>
      <c r="HT2597" s="91"/>
      <c r="HU2597" s="91"/>
      <c r="HV2597" s="91"/>
      <c r="HW2597" s="91"/>
      <c r="HX2597" s="91"/>
      <c r="HY2597" s="91"/>
      <c r="HZ2597" s="91"/>
      <c r="IA2597" s="91"/>
      <c r="IB2597" s="91"/>
      <c r="IC2597" s="91"/>
      <c r="ID2597" s="91"/>
      <c r="IE2597" s="91"/>
      <c r="IF2597" s="91"/>
      <c r="IG2597" s="91"/>
      <c r="IH2597" s="91"/>
      <c r="II2597" s="91"/>
      <c r="IJ2597" s="91"/>
      <c r="IK2597" s="127"/>
    </row>
    <row r="2598" spans="2:245" x14ac:dyDescent="0.2">
      <c r="B2598" s="43"/>
      <c r="C2598" s="73"/>
      <c r="D2598" s="64"/>
      <c r="E2598" s="64"/>
      <c r="F2598" s="55"/>
      <c r="G2598" s="102"/>
      <c r="H2598" s="55"/>
      <c r="I2598" s="55"/>
      <c r="J2598" s="55"/>
      <c r="K2598" s="55"/>
      <c r="L2598" s="55"/>
      <c r="M2598" s="55"/>
      <c r="N2598" s="55"/>
      <c r="O2598" s="55"/>
      <c r="P2598" s="55"/>
      <c r="Q2598" s="55"/>
      <c r="R2598" s="55"/>
      <c r="S2598" s="55"/>
      <c r="T2598" s="55"/>
      <c r="U2598" s="55"/>
      <c r="V2598" s="55"/>
      <c r="W2598" s="55"/>
      <c r="X2598" s="55"/>
      <c r="Y2598" s="55"/>
      <c r="Z2598" s="55"/>
      <c r="AA2598" s="55"/>
      <c r="AB2598" s="55"/>
      <c r="AC2598" s="55"/>
      <c r="AD2598" s="55"/>
      <c r="AE2598" s="55"/>
      <c r="AF2598" s="55"/>
      <c r="AG2598" s="55"/>
      <c r="AY2598" s="162"/>
      <c r="AZ2598" s="162"/>
      <c r="BA2598" s="162"/>
      <c r="BB2598" s="162"/>
      <c r="BC2598" s="162"/>
      <c r="BD2598" s="162"/>
      <c r="BE2598" s="162"/>
      <c r="BF2598" s="162"/>
      <c r="BG2598" s="162"/>
      <c r="BH2598" s="162"/>
      <c r="BI2598" s="162"/>
      <c r="BJ2598" s="162"/>
      <c r="BK2598" s="162"/>
      <c r="BL2598" s="162"/>
      <c r="BM2598" s="162"/>
      <c r="BN2598" s="162"/>
      <c r="BO2598" s="162"/>
      <c r="BP2598" s="162"/>
      <c r="BQ2598" s="162"/>
      <c r="BR2598" s="162"/>
      <c r="BS2598" s="162"/>
      <c r="BT2598" s="162"/>
      <c r="BU2598" s="162"/>
      <c r="BV2598" s="162"/>
      <c r="BW2598" s="162"/>
      <c r="BX2598" s="162"/>
      <c r="BY2598" s="162"/>
      <c r="BZ2598" s="162"/>
      <c r="CA2598" s="162"/>
      <c r="CB2598" s="162"/>
      <c r="CC2598" s="162"/>
      <c r="CD2598" s="162"/>
      <c r="CE2598" s="162"/>
      <c r="CF2598" s="162"/>
      <c r="CG2598" s="162"/>
      <c r="CH2598" s="162"/>
      <c r="CI2598" s="162"/>
      <c r="CJ2598" s="162"/>
      <c r="CK2598" s="162"/>
      <c r="CX2598" s="98"/>
      <c r="DL2598" s="97"/>
      <c r="DX2598" s="98"/>
      <c r="EL2598" s="97"/>
      <c r="EX2598" s="98"/>
      <c r="EY2598" s="97"/>
      <c r="FL2598" s="126"/>
      <c r="FM2598" s="91"/>
      <c r="FN2598" s="91"/>
      <c r="FO2598" s="91"/>
      <c r="FP2598" s="91"/>
      <c r="FQ2598" s="91"/>
      <c r="FR2598" s="91"/>
      <c r="FS2598" s="91"/>
      <c r="FT2598" s="91"/>
      <c r="FU2598" s="91"/>
      <c r="FV2598" s="91"/>
      <c r="FW2598" s="91"/>
      <c r="FX2598" s="91"/>
      <c r="FY2598" s="91"/>
      <c r="FZ2598" s="91"/>
      <c r="GA2598" s="91"/>
      <c r="GB2598" s="91"/>
      <c r="GC2598" s="91"/>
      <c r="GD2598" s="91"/>
      <c r="GE2598" s="91"/>
      <c r="GF2598" s="91"/>
      <c r="GG2598" s="91"/>
      <c r="GH2598" s="91"/>
      <c r="GI2598" s="91"/>
      <c r="GJ2598" s="91"/>
      <c r="GK2598" s="127"/>
      <c r="GL2598" s="126"/>
      <c r="GM2598" s="91"/>
      <c r="GN2598" s="91"/>
      <c r="GO2598" s="91"/>
      <c r="GP2598" s="91"/>
      <c r="GQ2598" s="91"/>
      <c r="GR2598" s="91"/>
      <c r="GS2598" s="91"/>
      <c r="GT2598" s="91"/>
      <c r="GU2598" s="91"/>
      <c r="GV2598" s="91"/>
      <c r="GW2598" s="91"/>
      <c r="GX2598" s="91"/>
      <c r="GY2598" s="91"/>
      <c r="GZ2598" s="91"/>
      <c r="HA2598" s="91"/>
      <c r="HB2598" s="91"/>
      <c r="HC2598" s="91"/>
      <c r="HD2598" s="91"/>
      <c r="HE2598" s="91"/>
      <c r="HF2598" s="91"/>
      <c r="HG2598" s="91"/>
      <c r="HH2598" s="91"/>
      <c r="HI2598" s="91"/>
      <c r="HJ2598" s="91"/>
      <c r="HK2598" s="127"/>
      <c r="HL2598" s="126"/>
      <c r="HM2598" s="91"/>
      <c r="HN2598" s="91"/>
      <c r="HO2598" s="91"/>
      <c r="HP2598" s="91"/>
      <c r="HQ2598" s="91"/>
      <c r="HR2598" s="91"/>
      <c r="HS2598" s="91"/>
      <c r="HT2598" s="91"/>
      <c r="HU2598" s="91"/>
      <c r="HV2598" s="91"/>
      <c r="HW2598" s="91"/>
      <c r="HX2598" s="91"/>
      <c r="HY2598" s="91"/>
      <c r="HZ2598" s="91"/>
      <c r="IA2598" s="91"/>
      <c r="IB2598" s="91"/>
      <c r="IC2598" s="91"/>
      <c r="ID2598" s="91"/>
      <c r="IE2598" s="91"/>
      <c r="IF2598" s="91"/>
      <c r="IG2598" s="91"/>
      <c r="IH2598" s="91"/>
      <c r="II2598" s="91"/>
      <c r="IJ2598" s="91"/>
      <c r="IK2598" s="127"/>
    </row>
    <row r="2599" spans="2:245" x14ac:dyDescent="0.2">
      <c r="B2599" s="43"/>
      <c r="C2599" s="73"/>
      <c r="D2599" s="64"/>
      <c r="E2599" s="64"/>
      <c r="F2599" s="55"/>
      <c r="G2599" s="102"/>
      <c r="H2599" s="55"/>
      <c r="I2599" s="55"/>
      <c r="J2599" s="55"/>
      <c r="K2599" s="55"/>
      <c r="L2599" s="55"/>
      <c r="M2599" s="55"/>
      <c r="N2599" s="55"/>
      <c r="O2599" s="55"/>
      <c r="P2599" s="55"/>
      <c r="Q2599" s="55"/>
      <c r="R2599" s="55"/>
      <c r="S2599" s="55"/>
      <c r="T2599" s="55"/>
      <c r="U2599" s="55"/>
      <c r="V2599" s="55"/>
      <c r="W2599" s="55"/>
      <c r="X2599" s="55"/>
      <c r="Y2599" s="55"/>
      <c r="Z2599" s="55"/>
      <c r="AA2599" s="55"/>
      <c r="AB2599" s="55"/>
      <c r="AC2599" s="55"/>
      <c r="AD2599" s="55"/>
      <c r="AE2599" s="55"/>
      <c r="AF2599" s="55"/>
      <c r="AG2599" s="55"/>
      <c r="AY2599" s="162"/>
      <c r="AZ2599" s="162"/>
      <c r="BA2599" s="162"/>
      <c r="BB2599" s="162"/>
      <c r="BC2599" s="162"/>
      <c r="BD2599" s="162"/>
      <c r="BE2599" s="162"/>
      <c r="BF2599" s="162"/>
      <c r="BG2599" s="162"/>
      <c r="BH2599" s="162"/>
      <c r="BI2599" s="162"/>
      <c r="BJ2599" s="162"/>
      <c r="BK2599" s="162"/>
      <c r="BL2599" s="162"/>
      <c r="BM2599" s="162"/>
      <c r="BN2599" s="162"/>
      <c r="BO2599" s="162"/>
      <c r="BP2599" s="162"/>
      <c r="BQ2599" s="162"/>
      <c r="BR2599" s="162"/>
      <c r="BS2599" s="162"/>
      <c r="BT2599" s="162"/>
      <c r="BU2599" s="162"/>
      <c r="BV2599" s="162"/>
      <c r="BW2599" s="162"/>
      <c r="BX2599" s="162"/>
      <c r="BY2599" s="162"/>
      <c r="BZ2599" s="162"/>
      <c r="CA2599" s="162"/>
      <c r="CB2599" s="162"/>
      <c r="CC2599" s="162"/>
      <c r="CD2599" s="162"/>
      <c r="CE2599" s="162"/>
      <c r="CF2599" s="162"/>
      <c r="CG2599" s="162"/>
      <c r="CH2599" s="162"/>
      <c r="CI2599" s="162"/>
      <c r="CJ2599" s="162"/>
      <c r="CK2599" s="162"/>
      <c r="CX2599" s="98"/>
      <c r="DL2599" s="97"/>
      <c r="DX2599" s="98"/>
      <c r="EL2599" s="97"/>
      <c r="EX2599" s="98"/>
      <c r="EY2599" s="97"/>
      <c r="FL2599" s="126"/>
      <c r="FM2599" s="91"/>
      <c r="FN2599" s="91"/>
      <c r="FO2599" s="91"/>
      <c r="FP2599" s="91"/>
      <c r="FQ2599" s="91"/>
      <c r="FR2599" s="91"/>
      <c r="FS2599" s="91"/>
      <c r="FT2599" s="91"/>
      <c r="FU2599" s="91"/>
      <c r="FV2599" s="91"/>
      <c r="FW2599" s="91"/>
      <c r="FX2599" s="91"/>
      <c r="FY2599" s="91"/>
      <c r="FZ2599" s="91"/>
      <c r="GA2599" s="91"/>
      <c r="GB2599" s="91"/>
      <c r="GC2599" s="91"/>
      <c r="GD2599" s="91"/>
      <c r="GE2599" s="91"/>
      <c r="GF2599" s="91"/>
      <c r="GG2599" s="91"/>
      <c r="GH2599" s="91"/>
      <c r="GI2599" s="91"/>
      <c r="GJ2599" s="91"/>
      <c r="GK2599" s="127"/>
      <c r="GL2599" s="126"/>
      <c r="GM2599" s="91"/>
      <c r="GN2599" s="91"/>
      <c r="GO2599" s="91"/>
      <c r="GP2599" s="91"/>
      <c r="GQ2599" s="91"/>
      <c r="GR2599" s="91"/>
      <c r="GS2599" s="91"/>
      <c r="GT2599" s="91"/>
      <c r="GU2599" s="91"/>
      <c r="GV2599" s="91"/>
      <c r="GW2599" s="91"/>
      <c r="GX2599" s="91"/>
      <c r="GY2599" s="91"/>
      <c r="GZ2599" s="91"/>
      <c r="HA2599" s="91"/>
      <c r="HB2599" s="91"/>
      <c r="HC2599" s="91"/>
      <c r="HD2599" s="91"/>
      <c r="HE2599" s="91"/>
      <c r="HF2599" s="91"/>
      <c r="HG2599" s="91"/>
      <c r="HH2599" s="91"/>
      <c r="HI2599" s="91"/>
      <c r="HJ2599" s="91"/>
      <c r="HK2599" s="127"/>
      <c r="HL2599" s="126"/>
      <c r="HM2599" s="91"/>
      <c r="HN2599" s="91"/>
      <c r="HO2599" s="91"/>
      <c r="HP2599" s="91"/>
      <c r="HQ2599" s="91"/>
      <c r="HR2599" s="91"/>
      <c r="HS2599" s="91"/>
      <c r="HT2599" s="91"/>
      <c r="HU2599" s="91"/>
      <c r="HV2599" s="91"/>
      <c r="HW2599" s="91"/>
      <c r="HX2599" s="91"/>
      <c r="HY2599" s="91"/>
      <c r="HZ2599" s="91"/>
      <c r="IA2599" s="91"/>
      <c r="IB2599" s="91"/>
      <c r="IC2599" s="91"/>
      <c r="ID2599" s="91"/>
      <c r="IE2599" s="91"/>
      <c r="IF2599" s="91"/>
      <c r="IG2599" s="91"/>
      <c r="IH2599" s="91"/>
      <c r="II2599" s="91"/>
      <c r="IJ2599" s="91"/>
      <c r="IK2599" s="127"/>
    </row>
    <row r="2600" spans="2:245" x14ac:dyDescent="0.2">
      <c r="B2600" s="43"/>
      <c r="C2600" s="73"/>
      <c r="D2600" s="64"/>
      <c r="E2600" s="64"/>
      <c r="F2600" s="55"/>
      <c r="G2600" s="102"/>
      <c r="H2600" s="55"/>
      <c r="I2600" s="55"/>
      <c r="J2600" s="55"/>
      <c r="K2600" s="55"/>
      <c r="L2600" s="55"/>
      <c r="M2600" s="55"/>
      <c r="N2600" s="55"/>
      <c r="O2600" s="55"/>
      <c r="P2600" s="55"/>
      <c r="Q2600" s="55"/>
      <c r="R2600" s="55"/>
      <c r="S2600" s="55"/>
      <c r="T2600" s="55"/>
      <c r="U2600" s="55"/>
      <c r="V2600" s="55"/>
      <c r="W2600" s="55"/>
      <c r="X2600" s="55"/>
      <c r="Y2600" s="55"/>
      <c r="Z2600" s="55"/>
      <c r="AA2600" s="55"/>
      <c r="AB2600" s="55"/>
      <c r="AC2600" s="55"/>
      <c r="AD2600" s="55"/>
      <c r="AE2600" s="55"/>
      <c r="AF2600" s="55"/>
      <c r="AG2600" s="55"/>
      <c r="AY2600" s="162"/>
      <c r="AZ2600" s="162"/>
      <c r="BA2600" s="162"/>
      <c r="BB2600" s="162"/>
      <c r="BC2600" s="162"/>
      <c r="BD2600" s="162"/>
      <c r="BE2600" s="162"/>
      <c r="BF2600" s="162"/>
      <c r="BG2600" s="162"/>
      <c r="BH2600" s="162"/>
      <c r="BI2600" s="162"/>
      <c r="BJ2600" s="162"/>
      <c r="BK2600" s="162"/>
      <c r="BL2600" s="162"/>
      <c r="BM2600" s="162"/>
      <c r="BN2600" s="162"/>
      <c r="BO2600" s="162"/>
      <c r="BP2600" s="162"/>
      <c r="BQ2600" s="162"/>
      <c r="BR2600" s="162"/>
      <c r="BS2600" s="162"/>
      <c r="BT2600" s="162"/>
      <c r="BU2600" s="162"/>
      <c r="BV2600" s="162"/>
      <c r="BW2600" s="162"/>
      <c r="BX2600" s="162"/>
      <c r="BY2600" s="162"/>
      <c r="BZ2600" s="162"/>
      <c r="CA2600" s="162"/>
      <c r="CB2600" s="162"/>
      <c r="CC2600" s="162"/>
      <c r="CD2600" s="162"/>
      <c r="CE2600" s="162"/>
      <c r="CF2600" s="162"/>
      <c r="CG2600" s="162"/>
      <c r="CH2600" s="162"/>
      <c r="CI2600" s="162"/>
      <c r="CJ2600" s="162"/>
      <c r="CK2600" s="162"/>
      <c r="CX2600" s="98"/>
      <c r="DL2600" s="97"/>
      <c r="DX2600" s="98"/>
      <c r="EL2600" s="97"/>
      <c r="EX2600" s="98"/>
      <c r="EY2600" s="97"/>
      <c r="FL2600" s="126"/>
      <c r="FM2600" s="91"/>
      <c r="FN2600" s="91"/>
      <c r="FO2600" s="91"/>
      <c r="FP2600" s="91"/>
      <c r="FQ2600" s="91"/>
      <c r="FR2600" s="91"/>
      <c r="FS2600" s="91"/>
      <c r="FT2600" s="91"/>
      <c r="FU2600" s="91"/>
      <c r="FV2600" s="91"/>
      <c r="FW2600" s="91"/>
      <c r="FX2600" s="91"/>
      <c r="FY2600" s="91"/>
      <c r="FZ2600" s="91"/>
      <c r="GA2600" s="91"/>
      <c r="GB2600" s="91"/>
      <c r="GC2600" s="91"/>
      <c r="GD2600" s="91"/>
      <c r="GE2600" s="91"/>
      <c r="GF2600" s="91"/>
      <c r="GG2600" s="91"/>
      <c r="GH2600" s="91"/>
      <c r="GI2600" s="91"/>
      <c r="GJ2600" s="91"/>
      <c r="GK2600" s="127"/>
      <c r="GL2600" s="126"/>
      <c r="GM2600" s="91"/>
      <c r="GN2600" s="91"/>
      <c r="GO2600" s="91"/>
      <c r="GP2600" s="91"/>
      <c r="GQ2600" s="91"/>
      <c r="GR2600" s="91"/>
      <c r="GS2600" s="91"/>
      <c r="GT2600" s="91"/>
      <c r="GU2600" s="91"/>
      <c r="GV2600" s="91"/>
      <c r="GW2600" s="91"/>
      <c r="GX2600" s="91"/>
      <c r="GY2600" s="91"/>
      <c r="GZ2600" s="91"/>
      <c r="HA2600" s="91"/>
      <c r="HB2600" s="91"/>
      <c r="HC2600" s="91"/>
      <c r="HD2600" s="91"/>
      <c r="HE2600" s="91"/>
      <c r="HF2600" s="91"/>
      <c r="HG2600" s="91"/>
      <c r="HH2600" s="91"/>
      <c r="HI2600" s="91"/>
      <c r="HJ2600" s="91"/>
      <c r="HK2600" s="127"/>
      <c r="HL2600" s="126"/>
      <c r="HM2600" s="91"/>
      <c r="HN2600" s="91"/>
      <c r="HO2600" s="91"/>
      <c r="HP2600" s="91"/>
      <c r="HQ2600" s="91"/>
      <c r="HR2600" s="91"/>
      <c r="HS2600" s="91"/>
      <c r="HT2600" s="91"/>
      <c r="HU2600" s="91"/>
      <c r="HV2600" s="91"/>
      <c r="HW2600" s="91"/>
      <c r="HX2600" s="91"/>
      <c r="HY2600" s="91"/>
      <c r="HZ2600" s="91"/>
      <c r="IA2600" s="91"/>
      <c r="IB2600" s="91"/>
      <c r="IC2600" s="91"/>
      <c r="ID2600" s="91"/>
      <c r="IE2600" s="91"/>
      <c r="IF2600" s="91"/>
      <c r="IG2600" s="91"/>
      <c r="IH2600" s="91"/>
      <c r="II2600" s="91"/>
      <c r="IJ2600" s="91"/>
      <c r="IK2600" s="127"/>
    </row>
    <row r="2601" spans="2:245" x14ac:dyDescent="0.2">
      <c r="B2601" s="43"/>
      <c r="C2601" s="73"/>
      <c r="D2601" s="64"/>
      <c r="E2601" s="64"/>
      <c r="F2601" s="55"/>
      <c r="G2601" s="102"/>
      <c r="H2601" s="55"/>
      <c r="I2601" s="55"/>
      <c r="J2601" s="55"/>
      <c r="K2601" s="55"/>
      <c r="L2601" s="55"/>
      <c r="M2601" s="55"/>
      <c r="N2601" s="55"/>
      <c r="O2601" s="55"/>
      <c r="P2601" s="55"/>
      <c r="Q2601" s="55"/>
      <c r="R2601" s="55"/>
      <c r="S2601" s="55"/>
      <c r="T2601" s="55"/>
      <c r="U2601" s="55"/>
      <c r="V2601" s="55"/>
      <c r="W2601" s="55"/>
      <c r="X2601" s="55"/>
      <c r="Y2601" s="55"/>
      <c r="Z2601" s="55"/>
      <c r="AA2601" s="55"/>
      <c r="AB2601" s="55"/>
      <c r="AC2601" s="55"/>
      <c r="AD2601" s="55"/>
      <c r="AE2601" s="55"/>
      <c r="AF2601" s="55"/>
      <c r="AG2601" s="55"/>
      <c r="AY2601" s="162"/>
      <c r="AZ2601" s="162"/>
      <c r="BA2601" s="162"/>
      <c r="BB2601" s="162"/>
      <c r="BC2601" s="162"/>
      <c r="BD2601" s="162"/>
      <c r="BE2601" s="162"/>
      <c r="BF2601" s="162"/>
      <c r="BG2601" s="162"/>
      <c r="BH2601" s="162"/>
      <c r="BI2601" s="162"/>
      <c r="BJ2601" s="162"/>
      <c r="BK2601" s="162"/>
      <c r="BL2601" s="162"/>
      <c r="BM2601" s="162"/>
      <c r="BN2601" s="162"/>
      <c r="BO2601" s="162"/>
      <c r="BP2601" s="162"/>
      <c r="BQ2601" s="162"/>
      <c r="BR2601" s="162"/>
      <c r="BS2601" s="162"/>
      <c r="BT2601" s="162"/>
      <c r="BU2601" s="162"/>
      <c r="BV2601" s="162"/>
      <c r="BW2601" s="162"/>
      <c r="BX2601" s="162"/>
      <c r="BY2601" s="162"/>
      <c r="BZ2601" s="162"/>
      <c r="CA2601" s="162"/>
      <c r="CB2601" s="162"/>
      <c r="CC2601" s="162"/>
      <c r="CD2601" s="162"/>
      <c r="CE2601" s="162"/>
      <c r="CF2601" s="162"/>
      <c r="CG2601" s="162"/>
      <c r="CH2601" s="162"/>
      <c r="CI2601" s="162"/>
      <c r="CJ2601" s="162"/>
      <c r="CK2601" s="162"/>
      <c r="CX2601" s="98"/>
      <c r="DL2601" s="97"/>
      <c r="DX2601" s="98"/>
      <c r="EL2601" s="97"/>
      <c r="EX2601" s="98"/>
      <c r="EY2601" s="97"/>
      <c r="FL2601" s="126"/>
      <c r="FM2601" s="91"/>
      <c r="FN2601" s="91"/>
      <c r="FO2601" s="91"/>
      <c r="FP2601" s="91"/>
      <c r="FQ2601" s="91"/>
      <c r="FR2601" s="91"/>
      <c r="FS2601" s="91"/>
      <c r="FT2601" s="91"/>
      <c r="FU2601" s="91"/>
      <c r="FV2601" s="91"/>
      <c r="FW2601" s="91"/>
      <c r="FX2601" s="91"/>
      <c r="FY2601" s="91"/>
      <c r="FZ2601" s="91"/>
      <c r="GA2601" s="91"/>
      <c r="GB2601" s="91"/>
      <c r="GC2601" s="91"/>
      <c r="GD2601" s="91"/>
      <c r="GE2601" s="91"/>
      <c r="GF2601" s="91"/>
      <c r="GG2601" s="91"/>
      <c r="GH2601" s="91"/>
      <c r="GI2601" s="91"/>
      <c r="GJ2601" s="91"/>
      <c r="GK2601" s="127"/>
      <c r="GL2601" s="126"/>
      <c r="GM2601" s="91"/>
      <c r="GN2601" s="91"/>
      <c r="GO2601" s="91"/>
      <c r="GP2601" s="91"/>
      <c r="GQ2601" s="91"/>
      <c r="GR2601" s="91"/>
      <c r="GS2601" s="91"/>
      <c r="GT2601" s="91"/>
      <c r="GU2601" s="91"/>
      <c r="GV2601" s="91"/>
      <c r="GW2601" s="91"/>
      <c r="GX2601" s="91"/>
      <c r="GY2601" s="91"/>
      <c r="GZ2601" s="91"/>
      <c r="HA2601" s="91"/>
      <c r="HB2601" s="91"/>
      <c r="HC2601" s="91"/>
      <c r="HD2601" s="91"/>
      <c r="HE2601" s="91"/>
      <c r="HF2601" s="91"/>
      <c r="HG2601" s="91"/>
      <c r="HH2601" s="91"/>
      <c r="HI2601" s="91"/>
      <c r="HJ2601" s="91"/>
      <c r="HK2601" s="127"/>
      <c r="HL2601" s="126"/>
      <c r="HM2601" s="91"/>
      <c r="HN2601" s="91"/>
      <c r="HO2601" s="91"/>
      <c r="HP2601" s="91"/>
      <c r="HQ2601" s="91"/>
      <c r="HR2601" s="91"/>
      <c r="HS2601" s="91"/>
      <c r="HT2601" s="91"/>
      <c r="HU2601" s="91"/>
      <c r="HV2601" s="91"/>
      <c r="HW2601" s="91"/>
      <c r="HX2601" s="91"/>
      <c r="HY2601" s="91"/>
      <c r="HZ2601" s="91"/>
      <c r="IA2601" s="91"/>
      <c r="IB2601" s="91"/>
      <c r="IC2601" s="91"/>
      <c r="ID2601" s="91"/>
      <c r="IE2601" s="91"/>
      <c r="IF2601" s="91"/>
      <c r="IG2601" s="91"/>
      <c r="IH2601" s="91"/>
      <c r="II2601" s="91"/>
      <c r="IJ2601" s="91"/>
      <c r="IK2601" s="127"/>
    </row>
    <row r="2602" spans="2:245" ht="13.5" thickBot="1" x14ac:dyDescent="0.25">
      <c r="B2602" s="43"/>
      <c r="C2602" s="73"/>
      <c r="D2602" s="64"/>
      <c r="E2602" s="64"/>
      <c r="F2602" s="55"/>
      <c r="G2602" s="102"/>
      <c r="H2602" s="55"/>
      <c r="I2602" s="55"/>
      <c r="J2602" s="55"/>
      <c r="K2602" s="55"/>
      <c r="L2602" s="55"/>
      <c r="M2602" s="55"/>
      <c r="N2602" s="55"/>
      <c r="O2602" s="55"/>
      <c r="P2602" s="55"/>
      <c r="Q2602" s="55"/>
      <c r="R2602" s="55"/>
      <c r="S2602" s="55"/>
      <c r="T2602" s="55"/>
      <c r="U2602" s="55"/>
      <c r="V2602" s="55"/>
      <c r="W2602" s="55"/>
      <c r="X2602" s="55"/>
      <c r="Y2602" s="55"/>
      <c r="Z2602" s="55"/>
      <c r="AA2602" s="55"/>
      <c r="AB2602" s="55"/>
      <c r="AC2602" s="55"/>
      <c r="AD2602" s="55"/>
      <c r="AE2602" s="55"/>
      <c r="AF2602" s="55"/>
      <c r="AG2602" s="55"/>
      <c r="AY2602" s="162"/>
      <c r="AZ2602" s="162"/>
      <c r="BA2602" s="162"/>
      <c r="BB2602" s="162"/>
      <c r="BC2602" s="162"/>
      <c r="BD2602" s="162"/>
      <c r="BE2602" s="162"/>
      <c r="BF2602" s="162"/>
      <c r="BG2602" s="162"/>
      <c r="BH2602" s="162"/>
      <c r="BI2602" s="162"/>
      <c r="BJ2602" s="162"/>
      <c r="BK2602" s="162"/>
      <c r="BL2602" s="162"/>
      <c r="BM2602" s="162"/>
      <c r="BN2602" s="162"/>
      <c r="BO2602" s="162"/>
      <c r="BP2602" s="162"/>
      <c r="BQ2602" s="162"/>
      <c r="BR2602" s="162"/>
      <c r="BS2602" s="162"/>
      <c r="BT2602" s="162"/>
      <c r="BU2602" s="162"/>
      <c r="BV2602" s="162"/>
      <c r="BW2602" s="162"/>
      <c r="BX2602" s="162"/>
      <c r="BY2602" s="162"/>
      <c r="BZ2602" s="162"/>
      <c r="CA2602" s="162"/>
      <c r="CB2602" s="162"/>
      <c r="CC2602" s="162"/>
      <c r="CD2602" s="162"/>
      <c r="CE2602" s="162"/>
      <c r="CF2602" s="162"/>
      <c r="CG2602" s="162"/>
      <c r="CH2602" s="162"/>
      <c r="CI2602" s="162"/>
      <c r="CJ2602" s="162"/>
      <c r="CK2602" s="162"/>
      <c r="CX2602" s="98"/>
      <c r="DL2602" s="97"/>
      <c r="DX2602" s="98"/>
      <c r="EL2602" s="97"/>
      <c r="EX2602" s="98"/>
      <c r="EY2602" s="97"/>
      <c r="FL2602" s="126"/>
      <c r="FM2602" s="91"/>
      <c r="FN2602" s="91"/>
      <c r="FO2602" s="91"/>
      <c r="FP2602" s="91"/>
      <c r="FQ2602" s="91"/>
      <c r="FR2602" s="91"/>
      <c r="FS2602" s="91"/>
      <c r="FT2602" s="91"/>
      <c r="FU2602" s="91"/>
      <c r="FV2602" s="91"/>
      <c r="FW2602" s="91"/>
      <c r="FX2602" s="91"/>
      <c r="FY2602" s="91"/>
      <c r="FZ2602" s="91"/>
      <c r="GA2602" s="91"/>
      <c r="GB2602" s="91"/>
      <c r="GC2602" s="91"/>
      <c r="GD2602" s="91"/>
      <c r="GE2602" s="91"/>
      <c r="GF2602" s="91"/>
      <c r="GG2602" s="91"/>
      <c r="GH2602" s="91"/>
      <c r="GI2602" s="91"/>
      <c r="GJ2602" s="91"/>
      <c r="GK2602" s="127"/>
      <c r="GL2602" s="126"/>
      <c r="GM2602" s="91"/>
      <c r="GN2602" s="91"/>
      <c r="GO2602" s="91"/>
      <c r="GP2602" s="91"/>
      <c r="GQ2602" s="91"/>
      <c r="GR2602" s="91"/>
      <c r="GS2602" s="91"/>
      <c r="GT2602" s="91"/>
      <c r="GU2602" s="91"/>
      <c r="GV2602" s="91"/>
      <c r="GW2602" s="91"/>
      <c r="GX2602" s="91"/>
      <c r="GY2602" s="91"/>
      <c r="GZ2602" s="91"/>
      <c r="HA2602" s="91"/>
      <c r="HB2602" s="91"/>
      <c r="HC2602" s="91"/>
      <c r="HD2602" s="91"/>
      <c r="HE2602" s="91"/>
      <c r="HF2602" s="91"/>
      <c r="HG2602" s="91"/>
      <c r="HH2602" s="91"/>
      <c r="HI2602" s="91"/>
      <c r="HJ2602" s="91"/>
      <c r="HK2602" s="127"/>
      <c r="HL2602" s="126"/>
      <c r="HM2602" s="91"/>
      <c r="HN2602" s="91"/>
      <c r="HO2602" s="91"/>
      <c r="HP2602" s="91"/>
      <c r="HQ2602" s="91"/>
      <c r="HR2602" s="91"/>
      <c r="HS2602" s="91"/>
      <c r="HT2602" s="91"/>
      <c r="HU2602" s="91"/>
      <c r="HV2602" s="91"/>
      <c r="HW2602" s="91"/>
      <c r="HX2602" s="91"/>
      <c r="HY2602" s="91"/>
      <c r="HZ2602" s="91"/>
      <c r="IA2602" s="91"/>
      <c r="IB2602" s="91"/>
      <c r="IC2602" s="91"/>
      <c r="ID2602" s="91"/>
      <c r="IE2602" s="91"/>
      <c r="IF2602" s="91"/>
      <c r="IG2602" s="91"/>
      <c r="IH2602" s="91"/>
      <c r="II2602" s="91"/>
      <c r="IJ2602" s="91"/>
      <c r="IK2602" s="127"/>
    </row>
    <row r="2603" spans="2:245" x14ac:dyDescent="0.2">
      <c r="B2603" s="43"/>
      <c r="C2603" s="73"/>
      <c r="D2603" s="64"/>
      <c r="E2603" s="64"/>
      <c r="F2603" s="55"/>
      <c r="G2603" s="102"/>
      <c r="H2603" s="55"/>
      <c r="I2603" s="55"/>
      <c r="J2603" s="55"/>
      <c r="K2603" s="55"/>
      <c r="L2603" s="55"/>
      <c r="M2603" s="55"/>
      <c r="N2603" s="55"/>
      <c r="O2603" s="55"/>
      <c r="P2603" s="55"/>
      <c r="Q2603" s="55"/>
      <c r="R2603" s="55"/>
      <c r="S2603" s="55"/>
      <c r="T2603" s="55"/>
      <c r="U2603" s="55"/>
      <c r="V2603" s="55"/>
      <c r="W2603" s="55"/>
      <c r="X2603" s="55"/>
      <c r="Y2603" s="55"/>
      <c r="Z2603" s="55"/>
      <c r="AA2603" s="55"/>
      <c r="AB2603" s="55"/>
      <c r="AC2603" s="55"/>
      <c r="AD2603" s="55"/>
      <c r="AE2603" s="55"/>
      <c r="AF2603" s="55"/>
      <c r="AG2603" s="55"/>
      <c r="AY2603" s="162"/>
      <c r="AZ2603" s="162"/>
      <c r="BA2603" s="162"/>
      <c r="BB2603" s="162"/>
      <c r="BC2603" s="162"/>
      <c r="BD2603" s="162"/>
      <c r="BE2603" s="162"/>
      <c r="BF2603" s="162"/>
      <c r="BG2603" s="162"/>
      <c r="BH2603" s="162"/>
      <c r="BI2603" s="162"/>
      <c r="BJ2603" s="162"/>
      <c r="BK2603" s="162"/>
      <c r="BL2603" s="162"/>
      <c r="BM2603" s="162"/>
      <c r="BN2603" s="162"/>
      <c r="BO2603" s="162"/>
      <c r="BP2603" s="162"/>
      <c r="BQ2603" s="162"/>
      <c r="BR2603" s="162"/>
      <c r="BS2603" s="162"/>
      <c r="BT2603" s="162"/>
      <c r="BU2603" s="162"/>
      <c r="BV2603" s="162"/>
      <c r="BW2603" s="162"/>
      <c r="BX2603" s="162"/>
      <c r="BY2603" s="162"/>
      <c r="BZ2603" s="162"/>
      <c r="CA2603" s="162"/>
      <c r="CB2603" s="162"/>
      <c r="CC2603" s="162"/>
      <c r="CD2603" s="162"/>
      <c r="CE2603" s="162"/>
      <c r="CF2603" s="162"/>
      <c r="CG2603" s="162"/>
      <c r="CH2603" s="162"/>
      <c r="CI2603" s="162"/>
      <c r="CJ2603" s="162"/>
      <c r="CK2603" s="162"/>
      <c r="CL2603" s="163"/>
      <c r="CM2603" s="163"/>
      <c r="CN2603" s="163"/>
      <c r="CO2603" s="163"/>
      <c r="CP2603" s="163"/>
      <c r="CQ2603" s="163"/>
      <c r="CR2603" s="163"/>
      <c r="CS2603" s="163"/>
      <c r="CT2603" s="163"/>
      <c r="CU2603" s="163"/>
      <c r="CV2603" s="163"/>
      <c r="CW2603" s="163"/>
      <c r="CX2603" s="173"/>
      <c r="CY2603" s="163"/>
      <c r="CZ2603" s="163"/>
      <c r="DA2603" s="163"/>
      <c r="DB2603" s="163"/>
      <c r="DC2603" s="163"/>
      <c r="DD2603" s="163"/>
      <c r="DE2603" s="163"/>
      <c r="DF2603" s="163"/>
      <c r="DG2603" s="163"/>
      <c r="DH2603" s="163"/>
      <c r="DI2603" s="163"/>
      <c r="DJ2603" s="163"/>
      <c r="DK2603" s="163"/>
      <c r="DL2603" s="172"/>
      <c r="DM2603" s="163"/>
      <c r="DN2603" s="163"/>
      <c r="DO2603" s="163"/>
      <c r="DP2603" s="163"/>
      <c r="DQ2603" s="163"/>
      <c r="DR2603" s="163"/>
      <c r="DS2603" s="163"/>
      <c r="DT2603" s="163"/>
      <c r="DU2603" s="163"/>
      <c r="DV2603" s="163"/>
      <c r="DW2603" s="163"/>
      <c r="DX2603" s="173"/>
      <c r="DY2603" s="163"/>
      <c r="DZ2603" s="163"/>
      <c r="EA2603" s="163"/>
      <c r="EB2603" s="163"/>
      <c r="EC2603" s="163"/>
      <c r="ED2603" s="163"/>
      <c r="EE2603" s="163"/>
      <c r="EF2603" s="163"/>
      <c r="EG2603" s="163"/>
      <c r="EH2603" s="163"/>
      <c r="EI2603" s="163"/>
      <c r="EJ2603" s="163"/>
      <c r="EK2603" s="163"/>
      <c r="EL2603" s="172"/>
      <c r="EM2603" s="163"/>
      <c r="EN2603" s="163"/>
      <c r="EO2603" s="163"/>
      <c r="EP2603" s="163"/>
      <c r="EQ2603" s="163"/>
      <c r="ER2603" s="163"/>
      <c r="ES2603" s="163"/>
      <c r="ET2603" s="163"/>
      <c r="EU2603" s="163"/>
      <c r="EV2603" s="163"/>
      <c r="EW2603" s="163"/>
      <c r="EX2603" s="173"/>
      <c r="EY2603" s="172"/>
      <c r="EZ2603" s="163"/>
      <c r="FA2603" s="163"/>
      <c r="FB2603" s="163"/>
      <c r="FC2603" s="163"/>
      <c r="FD2603" s="163"/>
      <c r="FE2603" s="163"/>
      <c r="FF2603" s="163"/>
      <c r="FG2603" s="163"/>
      <c r="FH2603" s="163"/>
      <c r="FI2603" s="163"/>
      <c r="FJ2603" s="163"/>
      <c r="FK2603" s="163"/>
      <c r="FL2603" s="126"/>
      <c r="FM2603" s="91"/>
      <c r="FN2603" s="91"/>
      <c r="FO2603" s="91"/>
      <c r="FP2603" s="91"/>
      <c r="FQ2603" s="91"/>
      <c r="FR2603" s="91"/>
      <c r="FS2603" s="91"/>
      <c r="FT2603" s="91"/>
      <c r="FU2603" s="91"/>
      <c r="FV2603" s="91"/>
      <c r="FW2603" s="91"/>
      <c r="FX2603" s="91"/>
      <c r="FY2603" s="91"/>
      <c r="FZ2603" s="91"/>
      <c r="GA2603" s="91"/>
      <c r="GB2603" s="91"/>
      <c r="GC2603" s="91"/>
      <c r="GD2603" s="91"/>
      <c r="GE2603" s="91"/>
      <c r="GF2603" s="91"/>
      <c r="GG2603" s="91"/>
      <c r="GH2603" s="91"/>
      <c r="GI2603" s="91"/>
      <c r="GJ2603" s="91"/>
      <c r="GK2603" s="127"/>
      <c r="GL2603" s="126"/>
      <c r="GM2603" s="91"/>
      <c r="GN2603" s="91"/>
      <c r="GO2603" s="91"/>
      <c r="GP2603" s="91"/>
      <c r="GQ2603" s="91"/>
      <c r="GR2603" s="91"/>
      <c r="GS2603" s="91"/>
      <c r="GT2603" s="91"/>
      <c r="GU2603" s="91"/>
      <c r="GV2603" s="91"/>
      <c r="GW2603" s="91"/>
      <c r="GX2603" s="91"/>
      <c r="GY2603" s="91"/>
      <c r="GZ2603" s="91"/>
      <c r="HA2603" s="91"/>
      <c r="HB2603" s="91"/>
      <c r="HC2603" s="91"/>
      <c r="HD2603" s="91"/>
      <c r="HE2603" s="91"/>
      <c r="HF2603" s="91"/>
      <c r="HG2603" s="91"/>
      <c r="HH2603" s="91"/>
      <c r="HI2603" s="91"/>
      <c r="HJ2603" s="91"/>
      <c r="HK2603" s="127"/>
      <c r="HL2603" s="126"/>
      <c r="HM2603" s="91"/>
      <c r="HN2603" s="91"/>
      <c r="HO2603" s="91"/>
      <c r="HP2603" s="91"/>
      <c r="HQ2603" s="91"/>
      <c r="HR2603" s="91"/>
      <c r="HS2603" s="91"/>
      <c r="HT2603" s="91"/>
      <c r="HU2603" s="91"/>
      <c r="HV2603" s="91"/>
      <c r="HW2603" s="91"/>
      <c r="HX2603" s="91"/>
      <c r="HY2603" s="91"/>
      <c r="HZ2603" s="91"/>
      <c r="IA2603" s="91"/>
      <c r="IB2603" s="91"/>
      <c r="IC2603" s="91"/>
      <c r="ID2603" s="91"/>
      <c r="IE2603" s="91"/>
      <c r="IF2603" s="91"/>
      <c r="IG2603" s="91"/>
      <c r="IH2603" s="91"/>
      <c r="II2603" s="91"/>
      <c r="IJ2603" s="91"/>
      <c r="IK2603" s="127"/>
    </row>
    <row r="2604" spans="2:245" x14ac:dyDescent="0.2">
      <c r="B2604" s="43"/>
      <c r="C2604" s="73"/>
      <c r="D2604" s="64"/>
      <c r="E2604" s="64"/>
      <c r="F2604" s="55"/>
      <c r="G2604" s="102"/>
      <c r="H2604" s="55"/>
      <c r="I2604" s="55"/>
      <c r="J2604" s="55"/>
      <c r="K2604" s="55"/>
      <c r="L2604" s="55"/>
      <c r="M2604" s="55"/>
      <c r="N2604" s="55"/>
      <c r="O2604" s="55"/>
      <c r="P2604" s="55"/>
      <c r="Q2604" s="55"/>
      <c r="R2604" s="55"/>
      <c r="S2604" s="55"/>
      <c r="T2604" s="55"/>
      <c r="U2604" s="55"/>
      <c r="V2604" s="55"/>
      <c r="W2604" s="55"/>
      <c r="X2604" s="55"/>
      <c r="Y2604" s="55"/>
      <c r="Z2604" s="55"/>
      <c r="AA2604" s="55"/>
      <c r="AB2604" s="55"/>
      <c r="AC2604" s="55"/>
      <c r="AD2604" s="55"/>
      <c r="AE2604" s="55"/>
      <c r="AF2604" s="55"/>
      <c r="AG2604" s="55"/>
      <c r="AY2604" s="162"/>
      <c r="AZ2604" s="162"/>
      <c r="BA2604" s="162"/>
      <c r="BB2604" s="162"/>
      <c r="BC2604" s="162"/>
      <c r="BD2604" s="162"/>
      <c r="BE2604" s="162"/>
      <c r="BF2604" s="162"/>
      <c r="BG2604" s="162"/>
      <c r="BH2604" s="162"/>
      <c r="BI2604" s="162"/>
      <c r="BJ2604" s="162"/>
      <c r="BK2604" s="162"/>
      <c r="BL2604" s="162"/>
      <c r="BM2604" s="162"/>
      <c r="BN2604" s="162"/>
      <c r="BO2604" s="162"/>
      <c r="BP2604" s="162"/>
      <c r="BQ2604" s="162"/>
      <c r="BR2604" s="162"/>
      <c r="BS2604" s="162"/>
      <c r="BT2604" s="162"/>
      <c r="BU2604" s="162"/>
      <c r="BV2604" s="162"/>
      <c r="BW2604" s="162"/>
      <c r="BX2604" s="162"/>
      <c r="BY2604" s="162"/>
      <c r="BZ2604" s="162"/>
      <c r="CA2604" s="162"/>
      <c r="CB2604" s="162"/>
      <c r="CC2604" s="162"/>
      <c r="CD2604" s="162"/>
      <c r="CE2604" s="162"/>
      <c r="CF2604" s="162"/>
      <c r="CG2604" s="162"/>
      <c r="CH2604" s="162"/>
      <c r="CI2604" s="162"/>
      <c r="CJ2604" s="162"/>
      <c r="CK2604" s="162"/>
      <c r="CX2604" s="98"/>
      <c r="DL2604" s="97"/>
      <c r="DX2604" s="98"/>
      <c r="EL2604" s="97"/>
      <c r="EX2604" s="98"/>
      <c r="EY2604" s="97"/>
      <c r="FL2604" s="126"/>
      <c r="FM2604" s="91"/>
      <c r="FN2604" s="91"/>
      <c r="FO2604" s="91"/>
      <c r="FP2604" s="91"/>
      <c r="FQ2604" s="91"/>
      <c r="FR2604" s="91"/>
      <c r="FS2604" s="91"/>
      <c r="FT2604" s="91"/>
      <c r="FU2604" s="91"/>
      <c r="FV2604" s="91"/>
      <c r="FW2604" s="91"/>
      <c r="FX2604" s="91"/>
      <c r="FY2604" s="91"/>
      <c r="FZ2604" s="91"/>
      <c r="GA2604" s="91"/>
      <c r="GB2604" s="91"/>
      <c r="GC2604" s="91"/>
      <c r="GD2604" s="91"/>
      <c r="GE2604" s="91"/>
      <c r="GF2604" s="91"/>
      <c r="GG2604" s="91"/>
      <c r="GH2604" s="91"/>
      <c r="GI2604" s="91"/>
      <c r="GJ2604" s="91"/>
      <c r="GK2604" s="127"/>
      <c r="GL2604" s="126"/>
      <c r="GM2604" s="91"/>
      <c r="GN2604" s="91"/>
      <c r="GO2604" s="91"/>
      <c r="GP2604" s="91"/>
      <c r="GQ2604" s="91"/>
      <c r="GR2604" s="91"/>
      <c r="GS2604" s="91"/>
      <c r="GT2604" s="91"/>
      <c r="GU2604" s="91"/>
      <c r="GV2604" s="91"/>
      <c r="GW2604" s="91"/>
      <c r="GX2604" s="91"/>
      <c r="GY2604" s="91"/>
      <c r="GZ2604" s="91"/>
      <c r="HA2604" s="91"/>
      <c r="HB2604" s="91"/>
      <c r="HC2604" s="91"/>
      <c r="HD2604" s="91"/>
      <c r="HE2604" s="91"/>
      <c r="HF2604" s="91"/>
      <c r="HG2604" s="91"/>
      <c r="HH2604" s="91"/>
      <c r="HI2604" s="91"/>
      <c r="HJ2604" s="91"/>
      <c r="HK2604" s="127"/>
      <c r="HL2604" s="126"/>
      <c r="HM2604" s="91"/>
      <c r="HN2604" s="91"/>
      <c r="HO2604" s="91"/>
      <c r="HP2604" s="91"/>
      <c r="HQ2604" s="91"/>
      <c r="HR2604" s="91"/>
      <c r="HS2604" s="91"/>
      <c r="HT2604" s="91"/>
      <c r="HU2604" s="91"/>
      <c r="HV2604" s="91"/>
      <c r="HW2604" s="91"/>
      <c r="HX2604" s="91"/>
      <c r="HY2604" s="91"/>
      <c r="HZ2604" s="91"/>
      <c r="IA2604" s="91"/>
      <c r="IB2604" s="91"/>
      <c r="IC2604" s="91"/>
      <c r="ID2604" s="91"/>
      <c r="IE2604" s="91"/>
      <c r="IF2604" s="91"/>
      <c r="IG2604" s="91"/>
      <c r="IH2604" s="91"/>
      <c r="II2604" s="91"/>
      <c r="IJ2604" s="91"/>
      <c r="IK2604" s="127"/>
    </row>
    <row r="2605" spans="2:245" x14ac:dyDescent="0.2">
      <c r="B2605" s="43"/>
      <c r="C2605" s="73"/>
      <c r="D2605" s="64"/>
      <c r="E2605" s="64"/>
      <c r="F2605" s="55"/>
      <c r="G2605" s="102"/>
      <c r="H2605" s="55"/>
      <c r="I2605" s="55"/>
      <c r="J2605" s="55"/>
      <c r="K2605" s="55"/>
      <c r="L2605" s="55"/>
      <c r="M2605" s="55"/>
      <c r="N2605" s="55"/>
      <c r="O2605" s="55"/>
      <c r="P2605" s="55"/>
      <c r="Q2605" s="55"/>
      <c r="R2605" s="55"/>
      <c r="S2605" s="55"/>
      <c r="T2605" s="55"/>
      <c r="U2605" s="55"/>
      <c r="V2605" s="55"/>
      <c r="W2605" s="55"/>
      <c r="X2605" s="55"/>
      <c r="Y2605" s="55"/>
      <c r="Z2605" s="55"/>
      <c r="AA2605" s="55"/>
      <c r="AB2605" s="55"/>
      <c r="AC2605" s="55"/>
      <c r="AD2605" s="55"/>
      <c r="AE2605" s="55"/>
      <c r="AF2605" s="55"/>
      <c r="AG2605" s="55"/>
      <c r="AY2605" s="162"/>
      <c r="AZ2605" s="162"/>
      <c r="BA2605" s="162"/>
      <c r="BB2605" s="162"/>
      <c r="BC2605" s="162"/>
      <c r="BD2605" s="162"/>
      <c r="BE2605" s="162"/>
      <c r="BF2605" s="162"/>
      <c r="BG2605" s="162"/>
      <c r="BH2605" s="162"/>
      <c r="BI2605" s="162"/>
      <c r="BJ2605" s="162"/>
      <c r="BK2605" s="162"/>
      <c r="BL2605" s="162"/>
      <c r="BM2605" s="162"/>
      <c r="BN2605" s="162"/>
      <c r="BO2605" s="162"/>
      <c r="BP2605" s="162"/>
      <c r="BQ2605" s="162"/>
      <c r="BR2605" s="162"/>
      <c r="BS2605" s="162"/>
      <c r="BT2605" s="162"/>
      <c r="BU2605" s="162"/>
      <c r="BV2605" s="162"/>
      <c r="BW2605" s="162"/>
      <c r="BX2605" s="162"/>
      <c r="BY2605" s="162"/>
      <c r="BZ2605" s="162"/>
      <c r="CA2605" s="162"/>
      <c r="CB2605" s="162"/>
      <c r="CC2605" s="162"/>
      <c r="CD2605" s="162"/>
      <c r="CE2605" s="162"/>
      <c r="CF2605" s="162"/>
      <c r="CG2605" s="162"/>
      <c r="CH2605" s="162"/>
      <c r="CI2605" s="162"/>
      <c r="CJ2605" s="162"/>
      <c r="CK2605" s="162"/>
      <c r="CX2605" s="98"/>
      <c r="DL2605" s="97"/>
      <c r="DX2605" s="98"/>
      <c r="EL2605" s="97"/>
      <c r="EX2605" s="98"/>
      <c r="EY2605" s="97"/>
      <c r="FL2605" s="126"/>
      <c r="FM2605" s="91"/>
      <c r="FN2605" s="91"/>
      <c r="FO2605" s="91"/>
      <c r="FP2605" s="91"/>
      <c r="FQ2605" s="91"/>
      <c r="FR2605" s="91"/>
      <c r="FS2605" s="91"/>
      <c r="FT2605" s="91"/>
      <c r="FU2605" s="91"/>
      <c r="FV2605" s="91"/>
      <c r="FW2605" s="91"/>
      <c r="FX2605" s="91"/>
      <c r="FY2605" s="91"/>
      <c r="FZ2605" s="91"/>
      <c r="GA2605" s="91"/>
      <c r="GB2605" s="91"/>
      <c r="GC2605" s="91"/>
      <c r="GD2605" s="91"/>
      <c r="GE2605" s="91"/>
      <c r="GF2605" s="91"/>
      <c r="GG2605" s="91"/>
      <c r="GH2605" s="91"/>
      <c r="GI2605" s="91"/>
      <c r="GJ2605" s="91"/>
      <c r="GK2605" s="127"/>
      <c r="GL2605" s="126"/>
      <c r="GM2605" s="91"/>
      <c r="GN2605" s="91"/>
      <c r="GO2605" s="91"/>
      <c r="GP2605" s="91"/>
      <c r="GQ2605" s="91"/>
      <c r="GR2605" s="91"/>
      <c r="GS2605" s="91"/>
      <c r="GT2605" s="91"/>
      <c r="GU2605" s="91"/>
      <c r="GV2605" s="91"/>
      <c r="GW2605" s="91"/>
      <c r="GX2605" s="91"/>
      <c r="GY2605" s="91"/>
      <c r="GZ2605" s="91"/>
      <c r="HA2605" s="91"/>
      <c r="HB2605" s="91"/>
      <c r="HC2605" s="91"/>
      <c r="HD2605" s="91"/>
      <c r="HE2605" s="91"/>
      <c r="HF2605" s="91"/>
      <c r="HG2605" s="91"/>
      <c r="HH2605" s="91"/>
      <c r="HI2605" s="91"/>
      <c r="HJ2605" s="91"/>
      <c r="HK2605" s="127"/>
      <c r="HL2605" s="126"/>
      <c r="HM2605" s="91"/>
      <c r="HN2605" s="91"/>
      <c r="HO2605" s="91"/>
      <c r="HP2605" s="91"/>
      <c r="HQ2605" s="91"/>
      <c r="HR2605" s="91"/>
      <c r="HS2605" s="91"/>
      <c r="HT2605" s="91"/>
      <c r="HU2605" s="91"/>
      <c r="HV2605" s="91"/>
      <c r="HW2605" s="91"/>
      <c r="HX2605" s="91"/>
      <c r="HY2605" s="91"/>
      <c r="HZ2605" s="91"/>
      <c r="IA2605" s="91"/>
      <c r="IB2605" s="91"/>
      <c r="IC2605" s="91"/>
      <c r="ID2605" s="91"/>
      <c r="IE2605" s="91"/>
      <c r="IF2605" s="91"/>
      <c r="IG2605" s="91"/>
      <c r="IH2605" s="91"/>
      <c r="II2605" s="91"/>
      <c r="IJ2605" s="91"/>
      <c r="IK2605" s="127"/>
    </row>
    <row r="2606" spans="2:245" x14ac:dyDescent="0.2">
      <c r="B2606" s="43"/>
      <c r="C2606" s="73"/>
      <c r="D2606" s="64"/>
      <c r="E2606" s="64"/>
      <c r="F2606" s="55"/>
      <c r="G2606" s="102"/>
      <c r="H2606" s="55"/>
      <c r="I2606" s="55"/>
      <c r="J2606" s="55"/>
      <c r="K2606" s="55"/>
      <c r="L2606" s="55"/>
      <c r="M2606" s="55"/>
      <c r="N2606" s="55"/>
      <c r="O2606" s="55"/>
      <c r="P2606" s="55"/>
      <c r="Q2606" s="55"/>
      <c r="R2606" s="55"/>
      <c r="S2606" s="55"/>
      <c r="T2606" s="55"/>
      <c r="U2606" s="55"/>
      <c r="V2606" s="55"/>
      <c r="W2606" s="55"/>
      <c r="X2606" s="55"/>
      <c r="Y2606" s="55"/>
      <c r="Z2606" s="55"/>
      <c r="AA2606" s="55"/>
      <c r="AB2606" s="55"/>
      <c r="AC2606" s="55"/>
      <c r="AD2606" s="55"/>
      <c r="AE2606" s="55"/>
      <c r="AF2606" s="55"/>
      <c r="AG2606" s="55"/>
      <c r="AY2606" s="162"/>
      <c r="AZ2606" s="162"/>
      <c r="BA2606" s="162"/>
      <c r="BB2606" s="162"/>
      <c r="BC2606" s="162"/>
      <c r="BD2606" s="162"/>
      <c r="BE2606" s="162"/>
      <c r="BF2606" s="162"/>
      <c r="BG2606" s="162"/>
      <c r="BH2606" s="162"/>
      <c r="BI2606" s="162"/>
      <c r="BJ2606" s="162"/>
      <c r="BK2606" s="162"/>
      <c r="BL2606" s="162"/>
      <c r="BM2606" s="162"/>
      <c r="BN2606" s="162"/>
      <c r="BO2606" s="162"/>
      <c r="BP2606" s="162"/>
      <c r="BQ2606" s="162"/>
      <c r="BR2606" s="162"/>
      <c r="BS2606" s="162"/>
      <c r="BT2606" s="162"/>
      <c r="BU2606" s="162"/>
      <c r="BV2606" s="162"/>
      <c r="BW2606" s="162"/>
      <c r="BX2606" s="162"/>
      <c r="BY2606" s="162"/>
      <c r="BZ2606" s="162"/>
      <c r="CA2606" s="162"/>
      <c r="CB2606" s="162"/>
      <c r="CC2606" s="162"/>
      <c r="CD2606" s="162"/>
      <c r="CE2606" s="162"/>
      <c r="CF2606" s="162"/>
      <c r="CG2606" s="162"/>
      <c r="CH2606" s="162"/>
      <c r="CI2606" s="162"/>
      <c r="CJ2606" s="162"/>
      <c r="CK2606" s="162"/>
      <c r="CX2606" s="98"/>
      <c r="DL2606" s="97"/>
      <c r="DX2606" s="98"/>
      <c r="EL2606" s="97"/>
      <c r="EX2606" s="98"/>
      <c r="EY2606" s="97"/>
      <c r="FL2606" s="126"/>
      <c r="FM2606" s="91"/>
      <c r="FN2606" s="91"/>
      <c r="FO2606" s="91"/>
      <c r="FP2606" s="91"/>
      <c r="FQ2606" s="91"/>
      <c r="FR2606" s="91"/>
      <c r="FS2606" s="91"/>
      <c r="FT2606" s="91"/>
      <c r="FU2606" s="91"/>
      <c r="FV2606" s="91"/>
      <c r="FW2606" s="91"/>
      <c r="FX2606" s="91"/>
      <c r="FY2606" s="91"/>
      <c r="FZ2606" s="91"/>
      <c r="GA2606" s="91"/>
      <c r="GB2606" s="91"/>
      <c r="GC2606" s="91"/>
      <c r="GD2606" s="91"/>
      <c r="GE2606" s="91"/>
      <c r="GF2606" s="91"/>
      <c r="GG2606" s="91"/>
      <c r="GH2606" s="91"/>
      <c r="GI2606" s="91"/>
      <c r="GJ2606" s="91"/>
      <c r="GK2606" s="127"/>
      <c r="GL2606" s="126"/>
      <c r="GM2606" s="91"/>
      <c r="GN2606" s="91"/>
      <c r="GO2606" s="91"/>
      <c r="GP2606" s="91"/>
      <c r="GQ2606" s="91"/>
      <c r="GR2606" s="91"/>
      <c r="GS2606" s="91"/>
      <c r="GT2606" s="91"/>
      <c r="GU2606" s="91"/>
      <c r="GV2606" s="91"/>
      <c r="GW2606" s="91"/>
      <c r="GX2606" s="91"/>
      <c r="GY2606" s="91"/>
      <c r="GZ2606" s="91"/>
      <c r="HA2606" s="91"/>
      <c r="HB2606" s="91"/>
      <c r="HC2606" s="91"/>
      <c r="HD2606" s="91"/>
      <c r="HE2606" s="91"/>
      <c r="HF2606" s="91"/>
      <c r="HG2606" s="91"/>
      <c r="HH2606" s="91"/>
      <c r="HI2606" s="91"/>
      <c r="HJ2606" s="91"/>
      <c r="HK2606" s="127"/>
      <c r="HL2606" s="126"/>
      <c r="HM2606" s="91"/>
      <c r="HN2606" s="91"/>
      <c r="HO2606" s="91"/>
      <c r="HP2606" s="91"/>
      <c r="HQ2606" s="91"/>
      <c r="HR2606" s="91"/>
      <c r="HS2606" s="91"/>
      <c r="HT2606" s="91"/>
      <c r="HU2606" s="91"/>
      <c r="HV2606" s="91"/>
      <c r="HW2606" s="91"/>
      <c r="HX2606" s="91"/>
      <c r="HY2606" s="91"/>
      <c r="HZ2606" s="91"/>
      <c r="IA2606" s="91"/>
      <c r="IB2606" s="91"/>
      <c r="IC2606" s="91"/>
      <c r="ID2606" s="91"/>
      <c r="IE2606" s="91"/>
      <c r="IF2606" s="91"/>
      <c r="IG2606" s="91"/>
      <c r="IH2606" s="91"/>
      <c r="II2606" s="91"/>
      <c r="IJ2606" s="91"/>
      <c r="IK2606" s="127"/>
    </row>
    <row r="2607" spans="2:245" x14ac:dyDescent="0.2">
      <c r="B2607" s="43"/>
      <c r="C2607" s="73"/>
      <c r="D2607" s="64"/>
      <c r="E2607" s="64"/>
      <c r="F2607" s="55"/>
      <c r="G2607" s="102"/>
      <c r="H2607" s="55"/>
      <c r="I2607" s="55"/>
      <c r="J2607" s="55"/>
      <c r="K2607" s="55"/>
      <c r="L2607" s="55"/>
      <c r="M2607" s="55"/>
      <c r="N2607" s="55"/>
      <c r="O2607" s="55"/>
      <c r="P2607" s="55"/>
      <c r="Q2607" s="55"/>
      <c r="R2607" s="55"/>
      <c r="S2607" s="55"/>
      <c r="T2607" s="55"/>
      <c r="U2607" s="55"/>
      <c r="V2607" s="55"/>
      <c r="W2607" s="55"/>
      <c r="X2607" s="55"/>
      <c r="Y2607" s="55"/>
      <c r="Z2607" s="55"/>
      <c r="AA2607" s="55"/>
      <c r="AB2607" s="55"/>
      <c r="AC2607" s="55"/>
      <c r="AD2607" s="55"/>
      <c r="AE2607" s="55"/>
      <c r="AF2607" s="55"/>
      <c r="AG2607" s="55"/>
      <c r="AY2607" s="162"/>
      <c r="AZ2607" s="162"/>
      <c r="BA2607" s="162"/>
      <c r="BB2607" s="162"/>
      <c r="BC2607" s="162"/>
      <c r="BD2607" s="162"/>
      <c r="BE2607" s="162"/>
      <c r="BF2607" s="162"/>
      <c r="BG2607" s="162"/>
      <c r="BH2607" s="162"/>
      <c r="BI2607" s="162"/>
      <c r="BJ2607" s="162"/>
      <c r="BK2607" s="162"/>
      <c r="BL2607" s="162"/>
      <c r="BM2607" s="162"/>
      <c r="BN2607" s="162"/>
      <c r="BO2607" s="162"/>
      <c r="BP2607" s="162"/>
      <c r="BQ2607" s="162"/>
      <c r="BR2607" s="162"/>
      <c r="BS2607" s="162"/>
      <c r="BT2607" s="162"/>
      <c r="BU2607" s="162"/>
      <c r="BV2607" s="162"/>
      <c r="BW2607" s="162"/>
      <c r="BX2607" s="162"/>
      <c r="BY2607" s="162"/>
      <c r="BZ2607" s="162"/>
      <c r="CA2607" s="162"/>
      <c r="CB2607" s="162"/>
      <c r="CC2607" s="162"/>
      <c r="CD2607" s="162"/>
      <c r="CE2607" s="162"/>
      <c r="CF2607" s="162"/>
      <c r="CG2607" s="162"/>
      <c r="CH2607" s="162"/>
      <c r="CI2607" s="162"/>
      <c r="CJ2607" s="162"/>
      <c r="CK2607" s="162"/>
      <c r="CX2607" s="98"/>
      <c r="DL2607" s="97"/>
      <c r="DX2607" s="98"/>
      <c r="EL2607" s="97"/>
      <c r="EX2607" s="98"/>
      <c r="EY2607" s="97"/>
      <c r="FL2607" s="126"/>
      <c r="FM2607" s="91"/>
      <c r="FN2607" s="91"/>
      <c r="FO2607" s="91"/>
      <c r="FP2607" s="91"/>
      <c r="FQ2607" s="91"/>
      <c r="FR2607" s="91"/>
      <c r="FS2607" s="91"/>
      <c r="FT2607" s="91"/>
      <c r="FU2607" s="91"/>
      <c r="FV2607" s="91"/>
      <c r="FW2607" s="91"/>
      <c r="FX2607" s="91"/>
      <c r="FY2607" s="91"/>
      <c r="FZ2607" s="91"/>
      <c r="GA2607" s="91"/>
      <c r="GB2607" s="91"/>
      <c r="GC2607" s="91"/>
      <c r="GD2607" s="91"/>
      <c r="GE2607" s="91"/>
      <c r="GF2607" s="91"/>
      <c r="GG2607" s="91"/>
      <c r="GH2607" s="91"/>
      <c r="GI2607" s="91"/>
      <c r="GJ2607" s="91"/>
      <c r="GK2607" s="127"/>
      <c r="GL2607" s="126"/>
      <c r="GM2607" s="91"/>
      <c r="GN2607" s="91"/>
      <c r="GO2607" s="91"/>
      <c r="GP2607" s="91"/>
      <c r="GQ2607" s="91"/>
      <c r="GR2607" s="91"/>
      <c r="GS2607" s="91"/>
      <c r="GT2607" s="91"/>
      <c r="GU2607" s="91"/>
      <c r="GV2607" s="91"/>
      <c r="GW2607" s="91"/>
      <c r="GX2607" s="91"/>
      <c r="GY2607" s="91"/>
      <c r="GZ2607" s="91"/>
      <c r="HA2607" s="91"/>
      <c r="HB2607" s="91"/>
      <c r="HC2607" s="91"/>
      <c r="HD2607" s="91"/>
      <c r="HE2607" s="91"/>
      <c r="HF2607" s="91"/>
      <c r="HG2607" s="91"/>
      <c r="HH2607" s="91"/>
      <c r="HI2607" s="91"/>
      <c r="HJ2607" s="91"/>
      <c r="HK2607" s="127"/>
      <c r="HL2607" s="126"/>
      <c r="HM2607" s="91"/>
      <c r="HN2607" s="91"/>
      <c r="HO2607" s="91"/>
      <c r="HP2607" s="91"/>
      <c r="HQ2607" s="91"/>
      <c r="HR2607" s="91"/>
      <c r="HS2607" s="91"/>
      <c r="HT2607" s="91"/>
      <c r="HU2607" s="91"/>
      <c r="HV2607" s="91"/>
      <c r="HW2607" s="91"/>
      <c r="HX2607" s="91"/>
      <c r="HY2607" s="91"/>
      <c r="HZ2607" s="91"/>
      <c r="IA2607" s="91"/>
      <c r="IB2607" s="91"/>
      <c r="IC2607" s="91"/>
      <c r="ID2607" s="91"/>
      <c r="IE2607" s="91"/>
      <c r="IF2607" s="91"/>
      <c r="IG2607" s="91"/>
      <c r="IH2607" s="91"/>
      <c r="II2607" s="91"/>
      <c r="IJ2607" s="91"/>
      <c r="IK2607" s="127"/>
    </row>
    <row r="2608" spans="2:245" x14ac:dyDescent="0.2">
      <c r="B2608" s="43"/>
      <c r="C2608" s="73"/>
      <c r="D2608" s="64"/>
      <c r="E2608" s="64"/>
      <c r="F2608" s="55"/>
      <c r="G2608" s="102"/>
      <c r="H2608" s="55"/>
      <c r="I2608" s="55"/>
      <c r="J2608" s="55"/>
      <c r="K2608" s="55"/>
      <c r="L2608" s="55"/>
      <c r="M2608" s="55"/>
      <c r="N2608" s="55"/>
      <c r="O2608" s="55"/>
      <c r="P2608" s="55"/>
      <c r="Q2608" s="55"/>
      <c r="R2608" s="55"/>
      <c r="S2608" s="55"/>
      <c r="T2608" s="55"/>
      <c r="U2608" s="55"/>
      <c r="V2608" s="55"/>
      <c r="W2608" s="55"/>
      <c r="X2608" s="55"/>
      <c r="Y2608" s="55"/>
      <c r="Z2608" s="55"/>
      <c r="AA2608" s="55"/>
      <c r="AB2608" s="55"/>
      <c r="AC2608" s="55"/>
      <c r="AD2608" s="55"/>
      <c r="AE2608" s="55"/>
      <c r="AF2608" s="55"/>
      <c r="AG2608" s="55"/>
      <c r="AY2608" s="162"/>
      <c r="AZ2608" s="162"/>
      <c r="BA2608" s="162"/>
      <c r="BB2608" s="162"/>
      <c r="BC2608" s="162"/>
      <c r="BD2608" s="162"/>
      <c r="BE2608" s="162"/>
      <c r="BF2608" s="162"/>
      <c r="BG2608" s="162"/>
      <c r="BH2608" s="162"/>
      <c r="BI2608" s="162"/>
      <c r="BJ2608" s="162"/>
      <c r="BK2608" s="162"/>
      <c r="BL2608" s="162"/>
      <c r="BM2608" s="162"/>
      <c r="BN2608" s="162"/>
      <c r="BO2608" s="162"/>
      <c r="BP2608" s="162"/>
      <c r="BQ2608" s="162"/>
      <c r="BR2608" s="162"/>
      <c r="BS2608" s="162"/>
      <c r="BT2608" s="162"/>
      <c r="BU2608" s="162"/>
      <c r="BV2608" s="162"/>
      <c r="BW2608" s="162"/>
      <c r="BX2608" s="162"/>
      <c r="BY2608" s="162"/>
      <c r="BZ2608" s="162"/>
      <c r="CA2608" s="162"/>
      <c r="CB2608" s="162"/>
      <c r="CC2608" s="162"/>
      <c r="CD2608" s="162"/>
      <c r="CE2608" s="162"/>
      <c r="CF2608" s="162"/>
      <c r="CG2608" s="162"/>
      <c r="CH2608" s="162"/>
      <c r="CI2608" s="162"/>
      <c r="CJ2608" s="162"/>
      <c r="CK2608" s="162"/>
      <c r="CX2608" s="98"/>
      <c r="DL2608" s="97"/>
      <c r="DX2608" s="98"/>
      <c r="EL2608" s="97"/>
      <c r="EX2608" s="98"/>
      <c r="EY2608" s="97"/>
      <c r="FL2608" s="126"/>
      <c r="FM2608" s="91"/>
      <c r="FN2608" s="91"/>
      <c r="FO2608" s="91"/>
      <c r="FP2608" s="91"/>
      <c r="FQ2608" s="91"/>
      <c r="FR2608" s="91"/>
      <c r="FS2608" s="91"/>
      <c r="FT2608" s="91"/>
      <c r="FU2608" s="91"/>
      <c r="FV2608" s="91"/>
      <c r="FW2608" s="91"/>
      <c r="FX2608" s="91"/>
      <c r="FY2608" s="91"/>
      <c r="FZ2608" s="91"/>
      <c r="GA2608" s="91"/>
      <c r="GB2608" s="91"/>
      <c r="GC2608" s="91"/>
      <c r="GD2608" s="91"/>
      <c r="GE2608" s="91"/>
      <c r="GF2608" s="91"/>
      <c r="GG2608" s="91"/>
      <c r="GH2608" s="91"/>
      <c r="GI2608" s="91"/>
      <c r="GJ2608" s="91"/>
      <c r="GK2608" s="127"/>
      <c r="GL2608" s="126"/>
      <c r="GM2608" s="91"/>
      <c r="GN2608" s="91"/>
      <c r="GO2608" s="91"/>
      <c r="GP2608" s="91"/>
      <c r="GQ2608" s="91"/>
      <c r="GR2608" s="91"/>
      <c r="GS2608" s="91"/>
      <c r="GT2608" s="91"/>
      <c r="GU2608" s="91"/>
      <c r="GV2608" s="91"/>
      <c r="GW2608" s="91"/>
      <c r="GX2608" s="91"/>
      <c r="GY2608" s="91"/>
      <c r="GZ2608" s="91"/>
      <c r="HA2608" s="91"/>
      <c r="HB2608" s="91"/>
      <c r="HC2608" s="91"/>
      <c r="HD2608" s="91"/>
      <c r="HE2608" s="91"/>
      <c r="HF2608" s="91"/>
      <c r="HG2608" s="91"/>
      <c r="HH2608" s="91"/>
      <c r="HI2608" s="91"/>
      <c r="HJ2608" s="91"/>
      <c r="HK2608" s="127"/>
      <c r="HL2608" s="126"/>
      <c r="HM2608" s="91"/>
      <c r="HN2608" s="91"/>
      <c r="HO2608" s="91"/>
      <c r="HP2608" s="91"/>
      <c r="HQ2608" s="91"/>
      <c r="HR2608" s="91"/>
      <c r="HS2608" s="91"/>
      <c r="HT2608" s="91"/>
      <c r="HU2608" s="91"/>
      <c r="HV2608" s="91"/>
      <c r="HW2608" s="91"/>
      <c r="HX2608" s="91"/>
      <c r="HY2608" s="91"/>
      <c r="HZ2608" s="91"/>
      <c r="IA2608" s="91"/>
      <c r="IB2608" s="91"/>
      <c r="IC2608" s="91"/>
      <c r="ID2608" s="91"/>
      <c r="IE2608" s="91"/>
      <c r="IF2608" s="91"/>
      <c r="IG2608" s="91"/>
      <c r="IH2608" s="91"/>
      <c r="II2608" s="91"/>
      <c r="IJ2608" s="91"/>
      <c r="IK2608" s="127"/>
    </row>
    <row r="2609" spans="2:245" x14ac:dyDescent="0.2">
      <c r="B2609" s="43"/>
      <c r="C2609" s="73"/>
      <c r="D2609" s="64"/>
      <c r="E2609" s="64"/>
      <c r="F2609" s="55"/>
      <c r="G2609" s="102"/>
      <c r="H2609" s="55"/>
      <c r="I2609" s="55"/>
      <c r="J2609" s="55"/>
      <c r="K2609" s="55"/>
      <c r="L2609" s="55"/>
      <c r="M2609" s="55"/>
      <c r="N2609" s="55"/>
      <c r="O2609" s="55"/>
      <c r="P2609" s="55"/>
      <c r="Q2609" s="55"/>
      <c r="R2609" s="55"/>
      <c r="S2609" s="55"/>
      <c r="T2609" s="55"/>
      <c r="U2609" s="55"/>
      <c r="V2609" s="55"/>
      <c r="W2609" s="55"/>
      <c r="X2609" s="55"/>
      <c r="Y2609" s="55"/>
      <c r="Z2609" s="55"/>
      <c r="AA2609" s="55"/>
      <c r="AB2609" s="55"/>
      <c r="AC2609" s="55"/>
      <c r="AD2609" s="55"/>
      <c r="AE2609" s="55"/>
      <c r="AF2609" s="55"/>
      <c r="AG2609" s="55"/>
      <c r="AY2609" s="162"/>
      <c r="AZ2609" s="162"/>
      <c r="BA2609" s="162"/>
      <c r="BB2609" s="162"/>
      <c r="BC2609" s="162"/>
      <c r="BD2609" s="162"/>
      <c r="BE2609" s="162"/>
      <c r="BF2609" s="162"/>
      <c r="BG2609" s="162"/>
      <c r="BH2609" s="162"/>
      <c r="BI2609" s="162"/>
      <c r="BJ2609" s="162"/>
      <c r="BK2609" s="162"/>
      <c r="BL2609" s="162"/>
      <c r="BM2609" s="162"/>
      <c r="BN2609" s="162"/>
      <c r="BO2609" s="162"/>
      <c r="BP2609" s="162"/>
      <c r="BQ2609" s="162"/>
      <c r="BR2609" s="162"/>
      <c r="BS2609" s="162"/>
      <c r="BT2609" s="162"/>
      <c r="BU2609" s="162"/>
      <c r="BV2609" s="162"/>
      <c r="BW2609" s="162"/>
      <c r="BX2609" s="162"/>
      <c r="BY2609" s="162"/>
      <c r="BZ2609" s="162"/>
      <c r="CA2609" s="162"/>
      <c r="CB2609" s="162"/>
      <c r="CC2609" s="162"/>
      <c r="CD2609" s="162"/>
      <c r="CE2609" s="162"/>
      <c r="CF2609" s="162"/>
      <c r="CG2609" s="162"/>
      <c r="CH2609" s="162"/>
      <c r="CI2609" s="162"/>
      <c r="CJ2609" s="162"/>
      <c r="CK2609" s="162"/>
      <c r="CX2609" s="98"/>
      <c r="DL2609" s="97"/>
      <c r="DX2609" s="98"/>
      <c r="EL2609" s="97"/>
      <c r="EX2609" s="98"/>
      <c r="EY2609" s="97"/>
      <c r="FL2609" s="126"/>
      <c r="FM2609" s="91"/>
      <c r="FN2609" s="91"/>
      <c r="FO2609" s="91"/>
      <c r="FP2609" s="91"/>
      <c r="FQ2609" s="91"/>
      <c r="FR2609" s="91"/>
      <c r="FS2609" s="91"/>
      <c r="FT2609" s="91"/>
      <c r="FU2609" s="91"/>
      <c r="FV2609" s="91"/>
      <c r="FW2609" s="91"/>
      <c r="FX2609" s="91"/>
      <c r="FY2609" s="91"/>
      <c r="FZ2609" s="91"/>
      <c r="GA2609" s="91"/>
      <c r="GB2609" s="91"/>
      <c r="GC2609" s="91"/>
      <c r="GD2609" s="91"/>
      <c r="GE2609" s="91"/>
      <c r="GF2609" s="91"/>
      <c r="GG2609" s="91"/>
      <c r="GH2609" s="91"/>
      <c r="GI2609" s="91"/>
      <c r="GJ2609" s="91"/>
      <c r="GK2609" s="127"/>
      <c r="GL2609" s="126"/>
      <c r="GM2609" s="91"/>
      <c r="GN2609" s="91"/>
      <c r="GO2609" s="91"/>
      <c r="GP2609" s="91"/>
      <c r="GQ2609" s="91"/>
      <c r="GR2609" s="91"/>
      <c r="GS2609" s="91"/>
      <c r="GT2609" s="91"/>
      <c r="GU2609" s="91"/>
      <c r="GV2609" s="91"/>
      <c r="GW2609" s="91"/>
      <c r="GX2609" s="91"/>
      <c r="GY2609" s="91"/>
      <c r="GZ2609" s="91"/>
      <c r="HA2609" s="91"/>
      <c r="HB2609" s="91"/>
      <c r="HC2609" s="91"/>
      <c r="HD2609" s="91"/>
      <c r="HE2609" s="91"/>
      <c r="HF2609" s="91"/>
      <c r="HG2609" s="91"/>
      <c r="HH2609" s="91"/>
      <c r="HI2609" s="91"/>
      <c r="HJ2609" s="91"/>
      <c r="HK2609" s="127"/>
      <c r="HL2609" s="126"/>
      <c r="HM2609" s="91"/>
      <c r="HN2609" s="91"/>
      <c r="HO2609" s="91"/>
      <c r="HP2609" s="91"/>
      <c r="HQ2609" s="91"/>
      <c r="HR2609" s="91"/>
      <c r="HS2609" s="91"/>
      <c r="HT2609" s="91"/>
      <c r="HU2609" s="91"/>
      <c r="HV2609" s="91"/>
      <c r="HW2609" s="91"/>
      <c r="HX2609" s="91"/>
      <c r="HY2609" s="91"/>
      <c r="HZ2609" s="91"/>
      <c r="IA2609" s="91"/>
      <c r="IB2609" s="91"/>
      <c r="IC2609" s="91"/>
      <c r="ID2609" s="91"/>
      <c r="IE2609" s="91"/>
      <c r="IF2609" s="91"/>
      <c r="IG2609" s="91"/>
      <c r="IH2609" s="91"/>
      <c r="II2609" s="91"/>
      <c r="IJ2609" s="91"/>
      <c r="IK2609" s="127"/>
    </row>
    <row r="2610" spans="2:245" x14ac:dyDescent="0.2">
      <c r="B2610" s="43"/>
      <c r="C2610" s="73"/>
      <c r="D2610" s="64"/>
      <c r="E2610" s="64"/>
      <c r="F2610" s="55"/>
      <c r="G2610" s="102"/>
      <c r="H2610" s="55"/>
      <c r="I2610" s="55"/>
      <c r="J2610" s="55"/>
      <c r="K2610" s="55"/>
      <c r="L2610" s="55"/>
      <c r="M2610" s="55"/>
      <c r="N2610" s="55"/>
      <c r="O2610" s="55"/>
      <c r="P2610" s="55"/>
      <c r="Q2610" s="55"/>
      <c r="R2610" s="55"/>
      <c r="S2610" s="55"/>
      <c r="T2610" s="55"/>
      <c r="U2610" s="55"/>
      <c r="V2610" s="55"/>
      <c r="W2610" s="55"/>
      <c r="X2610" s="55"/>
      <c r="Y2610" s="55"/>
      <c r="Z2610" s="55"/>
      <c r="AA2610" s="55"/>
      <c r="AB2610" s="55"/>
      <c r="AC2610" s="55"/>
      <c r="AD2610" s="55"/>
      <c r="AE2610" s="55"/>
      <c r="AF2610" s="55"/>
      <c r="AG2610" s="55"/>
      <c r="AY2610" s="162"/>
      <c r="AZ2610" s="162"/>
      <c r="BA2610" s="162"/>
      <c r="BB2610" s="162"/>
      <c r="BC2610" s="162"/>
      <c r="BD2610" s="162"/>
      <c r="BE2610" s="162"/>
      <c r="BF2610" s="162"/>
      <c r="BG2610" s="162"/>
      <c r="BH2610" s="162"/>
      <c r="BI2610" s="162"/>
      <c r="BJ2610" s="162"/>
      <c r="BK2610" s="162"/>
      <c r="BL2610" s="162"/>
      <c r="BM2610" s="162"/>
      <c r="BN2610" s="162"/>
      <c r="BO2610" s="162"/>
      <c r="BP2610" s="162"/>
      <c r="BQ2610" s="162"/>
      <c r="BR2610" s="162"/>
      <c r="BS2610" s="162"/>
      <c r="BT2610" s="162"/>
      <c r="BU2610" s="162"/>
      <c r="BV2610" s="162"/>
      <c r="BW2610" s="162"/>
      <c r="BX2610" s="162"/>
      <c r="BY2610" s="162"/>
      <c r="BZ2610" s="162"/>
      <c r="CA2610" s="162"/>
      <c r="CB2610" s="162"/>
      <c r="CC2610" s="162"/>
      <c r="CD2610" s="162"/>
      <c r="CE2610" s="162"/>
      <c r="CF2610" s="162"/>
      <c r="CG2610" s="162"/>
      <c r="CH2610" s="162"/>
      <c r="CI2610" s="162"/>
      <c r="CJ2610" s="162"/>
      <c r="CK2610" s="162"/>
      <c r="CX2610" s="98"/>
      <c r="DL2610" s="97"/>
      <c r="DX2610" s="98"/>
      <c r="EL2610" s="97"/>
      <c r="EX2610" s="98"/>
      <c r="EY2610" s="97"/>
      <c r="FL2610" s="126"/>
      <c r="FM2610" s="91"/>
      <c r="FN2610" s="91"/>
      <c r="FO2610" s="91"/>
      <c r="FP2610" s="91"/>
      <c r="FQ2610" s="91"/>
      <c r="FR2610" s="91"/>
      <c r="FS2610" s="91"/>
      <c r="FT2610" s="91"/>
      <c r="FU2610" s="91"/>
      <c r="FV2610" s="91"/>
      <c r="FW2610" s="91"/>
      <c r="FX2610" s="91"/>
      <c r="FY2610" s="91"/>
      <c r="FZ2610" s="91"/>
      <c r="GA2610" s="91"/>
      <c r="GB2610" s="91"/>
      <c r="GC2610" s="91"/>
      <c r="GD2610" s="91"/>
      <c r="GE2610" s="91"/>
      <c r="GF2610" s="91"/>
      <c r="GG2610" s="91"/>
      <c r="GH2610" s="91"/>
      <c r="GI2610" s="91"/>
      <c r="GJ2610" s="91"/>
      <c r="GK2610" s="127"/>
      <c r="GL2610" s="126"/>
      <c r="GM2610" s="91"/>
      <c r="GN2610" s="91"/>
      <c r="GO2610" s="91"/>
      <c r="GP2610" s="91"/>
      <c r="GQ2610" s="91"/>
      <c r="GR2610" s="91"/>
      <c r="GS2610" s="91"/>
      <c r="GT2610" s="91"/>
      <c r="GU2610" s="91"/>
      <c r="GV2610" s="91"/>
      <c r="GW2610" s="91"/>
      <c r="GX2610" s="91"/>
      <c r="GY2610" s="91"/>
      <c r="GZ2610" s="91"/>
      <c r="HA2610" s="91"/>
      <c r="HB2610" s="91"/>
      <c r="HC2610" s="91"/>
      <c r="HD2610" s="91"/>
      <c r="HE2610" s="91"/>
      <c r="HF2610" s="91"/>
      <c r="HG2610" s="91"/>
      <c r="HH2610" s="91"/>
      <c r="HI2610" s="91"/>
      <c r="HJ2610" s="91"/>
      <c r="HK2610" s="127"/>
      <c r="HL2610" s="126"/>
      <c r="HM2610" s="91"/>
      <c r="HN2610" s="91"/>
      <c r="HO2610" s="91"/>
      <c r="HP2610" s="91"/>
      <c r="HQ2610" s="91"/>
      <c r="HR2610" s="91"/>
      <c r="HS2610" s="91"/>
      <c r="HT2610" s="91"/>
      <c r="HU2610" s="91"/>
      <c r="HV2610" s="91"/>
      <c r="HW2610" s="91"/>
      <c r="HX2610" s="91"/>
      <c r="HY2610" s="91"/>
      <c r="HZ2610" s="91"/>
      <c r="IA2610" s="91"/>
      <c r="IB2610" s="91"/>
      <c r="IC2610" s="91"/>
      <c r="ID2610" s="91"/>
      <c r="IE2610" s="91"/>
      <c r="IF2610" s="91"/>
      <c r="IG2610" s="91"/>
      <c r="IH2610" s="91"/>
      <c r="II2610" s="91"/>
      <c r="IJ2610" s="91"/>
      <c r="IK2610" s="127"/>
    </row>
    <row r="2611" spans="2:245" x14ac:dyDescent="0.2">
      <c r="B2611" s="43"/>
      <c r="C2611" s="73"/>
      <c r="D2611" s="64"/>
      <c r="E2611" s="64"/>
      <c r="F2611" s="55"/>
      <c r="G2611" s="102"/>
      <c r="H2611" s="55"/>
      <c r="I2611" s="55"/>
      <c r="J2611" s="55"/>
      <c r="K2611" s="55"/>
      <c r="L2611" s="55"/>
      <c r="M2611" s="55"/>
      <c r="N2611" s="55"/>
      <c r="O2611" s="55"/>
      <c r="P2611" s="55"/>
      <c r="Q2611" s="55"/>
      <c r="R2611" s="55"/>
      <c r="S2611" s="55"/>
      <c r="T2611" s="55"/>
      <c r="U2611" s="55"/>
      <c r="V2611" s="55"/>
      <c r="W2611" s="55"/>
      <c r="X2611" s="55"/>
      <c r="Y2611" s="55"/>
      <c r="Z2611" s="55"/>
      <c r="AA2611" s="55"/>
      <c r="AB2611" s="55"/>
      <c r="AC2611" s="55"/>
      <c r="AD2611" s="55"/>
      <c r="AE2611" s="55"/>
      <c r="AF2611" s="55"/>
      <c r="AG2611" s="55"/>
      <c r="AY2611" s="162"/>
      <c r="AZ2611" s="162"/>
      <c r="BA2611" s="162"/>
      <c r="BB2611" s="162"/>
      <c r="BC2611" s="162"/>
      <c r="BD2611" s="162"/>
      <c r="BE2611" s="162"/>
      <c r="BF2611" s="162"/>
      <c r="BG2611" s="162"/>
      <c r="BH2611" s="162"/>
      <c r="BI2611" s="162"/>
      <c r="BJ2611" s="162"/>
      <c r="BK2611" s="162"/>
      <c r="BL2611" s="162"/>
      <c r="BM2611" s="162"/>
      <c r="BN2611" s="162"/>
      <c r="BO2611" s="162"/>
      <c r="BP2611" s="162"/>
      <c r="BQ2611" s="162"/>
      <c r="BR2611" s="162"/>
      <c r="BS2611" s="162"/>
      <c r="BT2611" s="162"/>
      <c r="BU2611" s="162"/>
      <c r="BV2611" s="162"/>
      <c r="BW2611" s="162"/>
      <c r="BX2611" s="162"/>
      <c r="BY2611" s="162"/>
      <c r="BZ2611" s="162"/>
      <c r="CA2611" s="162"/>
      <c r="CB2611" s="162"/>
      <c r="CC2611" s="162"/>
      <c r="CD2611" s="162"/>
      <c r="CE2611" s="162"/>
      <c r="CF2611" s="162"/>
      <c r="CG2611" s="162"/>
      <c r="CH2611" s="162"/>
      <c r="CI2611" s="162"/>
      <c r="CJ2611" s="162"/>
      <c r="CK2611" s="162"/>
      <c r="CX2611" s="98"/>
      <c r="DL2611" s="97"/>
      <c r="DX2611" s="98"/>
      <c r="EL2611" s="97"/>
      <c r="EX2611" s="98"/>
      <c r="EY2611" s="97"/>
      <c r="FL2611" s="126"/>
      <c r="FM2611" s="91"/>
      <c r="FN2611" s="91"/>
      <c r="FO2611" s="91"/>
      <c r="FP2611" s="91"/>
      <c r="FQ2611" s="91"/>
      <c r="FR2611" s="91"/>
      <c r="FS2611" s="91"/>
      <c r="FT2611" s="91"/>
      <c r="FU2611" s="91"/>
      <c r="FV2611" s="91"/>
      <c r="FW2611" s="91"/>
      <c r="FX2611" s="91"/>
      <c r="FY2611" s="91"/>
      <c r="FZ2611" s="91"/>
      <c r="GA2611" s="91"/>
      <c r="GB2611" s="91"/>
      <c r="GC2611" s="91"/>
      <c r="GD2611" s="91"/>
      <c r="GE2611" s="91"/>
      <c r="GF2611" s="91"/>
      <c r="GG2611" s="91"/>
      <c r="GH2611" s="91"/>
      <c r="GI2611" s="91"/>
      <c r="GJ2611" s="91"/>
      <c r="GK2611" s="127"/>
      <c r="GL2611" s="126"/>
      <c r="GM2611" s="91"/>
      <c r="GN2611" s="91"/>
      <c r="GO2611" s="91"/>
      <c r="GP2611" s="91"/>
      <c r="GQ2611" s="91"/>
      <c r="GR2611" s="91"/>
      <c r="GS2611" s="91"/>
      <c r="GT2611" s="91"/>
      <c r="GU2611" s="91"/>
      <c r="GV2611" s="91"/>
      <c r="GW2611" s="91"/>
      <c r="GX2611" s="91"/>
      <c r="GY2611" s="91"/>
      <c r="GZ2611" s="91"/>
      <c r="HA2611" s="91"/>
      <c r="HB2611" s="91"/>
      <c r="HC2611" s="91"/>
      <c r="HD2611" s="91"/>
      <c r="HE2611" s="91"/>
      <c r="HF2611" s="91"/>
      <c r="HG2611" s="91"/>
      <c r="HH2611" s="91"/>
      <c r="HI2611" s="91"/>
      <c r="HJ2611" s="91"/>
      <c r="HK2611" s="127"/>
      <c r="HL2611" s="126"/>
      <c r="HM2611" s="91"/>
      <c r="HN2611" s="91"/>
      <c r="HO2611" s="91"/>
      <c r="HP2611" s="91"/>
      <c r="HQ2611" s="91"/>
      <c r="HR2611" s="91"/>
      <c r="HS2611" s="91"/>
      <c r="HT2611" s="91"/>
      <c r="HU2611" s="91"/>
      <c r="HV2611" s="91"/>
      <c r="HW2611" s="91"/>
      <c r="HX2611" s="91"/>
      <c r="HY2611" s="91"/>
      <c r="HZ2611" s="91"/>
      <c r="IA2611" s="91"/>
      <c r="IB2611" s="91"/>
      <c r="IC2611" s="91"/>
      <c r="ID2611" s="91"/>
      <c r="IE2611" s="91"/>
      <c r="IF2611" s="91"/>
      <c r="IG2611" s="91"/>
      <c r="IH2611" s="91"/>
      <c r="II2611" s="91"/>
      <c r="IJ2611" s="91"/>
      <c r="IK2611" s="127"/>
    </row>
    <row r="2612" spans="2:245" x14ac:dyDescent="0.2">
      <c r="B2612" s="43"/>
      <c r="C2612" s="73"/>
      <c r="D2612" s="64"/>
      <c r="E2612" s="64"/>
      <c r="F2612" s="55"/>
      <c r="G2612" s="102"/>
      <c r="H2612" s="55"/>
      <c r="I2612" s="55"/>
      <c r="J2612" s="55"/>
      <c r="K2612" s="55"/>
      <c r="L2612" s="55"/>
      <c r="M2612" s="55"/>
      <c r="N2612" s="55"/>
      <c r="O2612" s="55"/>
      <c r="P2612" s="55"/>
      <c r="Q2612" s="55"/>
      <c r="R2612" s="55"/>
      <c r="S2612" s="55"/>
      <c r="T2612" s="55"/>
      <c r="U2612" s="55"/>
      <c r="V2612" s="55"/>
      <c r="W2612" s="55"/>
      <c r="X2612" s="55"/>
      <c r="Y2612" s="55"/>
      <c r="Z2612" s="55"/>
      <c r="AA2612" s="55"/>
      <c r="AB2612" s="55"/>
      <c r="AC2612" s="55"/>
      <c r="AD2612" s="55"/>
      <c r="AE2612" s="55"/>
      <c r="AF2612" s="55"/>
      <c r="AG2612" s="55"/>
      <c r="AY2612" s="162"/>
      <c r="AZ2612" s="162"/>
      <c r="BA2612" s="162"/>
      <c r="BB2612" s="162"/>
      <c r="BC2612" s="162"/>
      <c r="BD2612" s="162"/>
      <c r="BE2612" s="162"/>
      <c r="BF2612" s="162"/>
      <c r="BG2612" s="162"/>
      <c r="BH2612" s="162"/>
      <c r="BI2612" s="162"/>
      <c r="BJ2612" s="162"/>
      <c r="BK2612" s="162"/>
      <c r="BL2612" s="162"/>
      <c r="BM2612" s="162"/>
      <c r="BN2612" s="162"/>
      <c r="BO2612" s="162"/>
      <c r="BP2612" s="162"/>
      <c r="BQ2612" s="162"/>
      <c r="BR2612" s="162"/>
      <c r="BS2612" s="162"/>
      <c r="BT2612" s="162"/>
      <c r="BU2612" s="162"/>
      <c r="BV2612" s="162"/>
      <c r="BW2612" s="162"/>
      <c r="BX2612" s="162"/>
      <c r="BY2612" s="162"/>
      <c r="BZ2612" s="162"/>
      <c r="CA2612" s="162"/>
      <c r="CB2612" s="162"/>
      <c r="CC2612" s="162"/>
      <c r="CD2612" s="162"/>
      <c r="CE2612" s="162"/>
      <c r="CF2612" s="162"/>
      <c r="CG2612" s="162"/>
      <c r="CH2612" s="162"/>
      <c r="CI2612" s="162"/>
      <c r="CJ2612" s="162"/>
      <c r="CK2612" s="162"/>
      <c r="CX2612" s="98"/>
      <c r="DL2612" s="97"/>
      <c r="DX2612" s="98"/>
      <c r="EL2612" s="97"/>
      <c r="EX2612" s="98"/>
      <c r="EY2612" s="97"/>
      <c r="FL2612" s="126"/>
      <c r="FM2612" s="91"/>
      <c r="FN2612" s="91"/>
      <c r="FO2612" s="91"/>
      <c r="FP2612" s="91"/>
      <c r="FQ2612" s="91"/>
      <c r="FR2612" s="91"/>
      <c r="FS2612" s="91"/>
      <c r="FT2612" s="91"/>
      <c r="FU2612" s="91"/>
      <c r="FV2612" s="91"/>
      <c r="FW2612" s="91"/>
      <c r="FX2612" s="91"/>
      <c r="FY2612" s="91"/>
      <c r="FZ2612" s="91"/>
      <c r="GA2612" s="91"/>
      <c r="GB2612" s="91"/>
      <c r="GC2612" s="91"/>
      <c r="GD2612" s="91"/>
      <c r="GE2612" s="91"/>
      <c r="GF2612" s="91"/>
      <c r="GG2612" s="91"/>
      <c r="GH2612" s="91"/>
      <c r="GI2612" s="91"/>
      <c r="GJ2612" s="91"/>
      <c r="GK2612" s="127"/>
      <c r="GL2612" s="126"/>
      <c r="GM2612" s="91"/>
      <c r="GN2612" s="91"/>
      <c r="GO2612" s="91"/>
      <c r="GP2612" s="91"/>
      <c r="GQ2612" s="91"/>
      <c r="GR2612" s="91"/>
      <c r="GS2612" s="91"/>
      <c r="GT2612" s="91"/>
      <c r="GU2612" s="91"/>
      <c r="GV2612" s="91"/>
      <c r="GW2612" s="91"/>
      <c r="GX2612" s="91"/>
      <c r="GY2612" s="91"/>
      <c r="GZ2612" s="91"/>
      <c r="HA2612" s="91"/>
      <c r="HB2612" s="91"/>
      <c r="HC2612" s="91"/>
      <c r="HD2612" s="91"/>
      <c r="HE2612" s="91"/>
      <c r="HF2612" s="91"/>
      <c r="HG2612" s="91"/>
      <c r="HH2612" s="91"/>
      <c r="HI2612" s="91"/>
      <c r="HJ2612" s="91"/>
      <c r="HK2612" s="127"/>
      <c r="HL2612" s="126"/>
      <c r="HM2612" s="91"/>
      <c r="HN2612" s="91"/>
      <c r="HO2612" s="91"/>
      <c r="HP2612" s="91"/>
      <c r="HQ2612" s="91"/>
      <c r="HR2612" s="91"/>
      <c r="HS2612" s="91"/>
      <c r="HT2612" s="91"/>
      <c r="HU2612" s="91"/>
      <c r="HV2612" s="91"/>
      <c r="HW2612" s="91"/>
      <c r="HX2612" s="91"/>
      <c r="HY2612" s="91"/>
      <c r="HZ2612" s="91"/>
      <c r="IA2612" s="91"/>
      <c r="IB2612" s="91"/>
      <c r="IC2612" s="91"/>
      <c r="ID2612" s="91"/>
      <c r="IE2612" s="91"/>
      <c r="IF2612" s="91"/>
      <c r="IG2612" s="91"/>
      <c r="IH2612" s="91"/>
      <c r="II2612" s="91"/>
      <c r="IJ2612" s="91"/>
      <c r="IK2612" s="127"/>
    </row>
    <row r="2613" spans="2:245" ht="13.5" thickBot="1" x14ac:dyDescent="0.25">
      <c r="B2613" s="43"/>
      <c r="C2613" s="73"/>
      <c r="D2613" s="64"/>
      <c r="E2613" s="64"/>
      <c r="F2613" s="55"/>
      <c r="G2613" s="102"/>
      <c r="H2613" s="55"/>
      <c r="I2613" s="55"/>
      <c r="J2613" s="55"/>
      <c r="K2613" s="55"/>
      <c r="L2613" s="55"/>
      <c r="M2613" s="55"/>
      <c r="N2613" s="55"/>
      <c r="O2613" s="55"/>
      <c r="P2613" s="55"/>
      <c r="Q2613" s="55"/>
      <c r="R2613" s="55"/>
      <c r="S2613" s="55"/>
      <c r="T2613" s="55"/>
      <c r="U2613" s="55"/>
      <c r="V2613" s="55"/>
      <c r="W2613" s="55"/>
      <c r="X2613" s="55"/>
      <c r="Y2613" s="55"/>
      <c r="Z2613" s="55"/>
      <c r="AA2613" s="55"/>
      <c r="AB2613" s="55"/>
      <c r="AC2613" s="55"/>
      <c r="AD2613" s="55"/>
      <c r="AE2613" s="55"/>
      <c r="AF2613" s="55"/>
      <c r="AG2613" s="55"/>
      <c r="AY2613" s="162"/>
      <c r="AZ2613" s="162"/>
      <c r="BA2613" s="162"/>
      <c r="BB2613" s="162"/>
      <c r="BC2613" s="162"/>
      <c r="BD2613" s="162"/>
      <c r="BE2613" s="162"/>
      <c r="BF2613" s="162"/>
      <c r="BG2613" s="162"/>
      <c r="BH2613" s="162"/>
      <c r="BI2613" s="162"/>
      <c r="BJ2613" s="162"/>
      <c r="BK2613" s="162"/>
      <c r="BL2613" s="162"/>
      <c r="BM2613" s="162"/>
      <c r="BN2613" s="162"/>
      <c r="BO2613" s="162"/>
      <c r="BP2613" s="162"/>
      <c r="BQ2613" s="162"/>
      <c r="BR2613" s="162"/>
      <c r="BS2613" s="162"/>
      <c r="BT2613" s="162"/>
      <c r="BU2613" s="162"/>
      <c r="BV2613" s="162"/>
      <c r="BW2613" s="162"/>
      <c r="BX2613" s="162"/>
      <c r="BY2613" s="162"/>
      <c r="BZ2613" s="162"/>
      <c r="CA2613" s="162"/>
      <c r="CB2613" s="162"/>
      <c r="CC2613" s="162"/>
      <c r="CD2613" s="162"/>
      <c r="CE2613" s="162"/>
      <c r="CF2613" s="162"/>
      <c r="CG2613" s="162"/>
      <c r="CH2613" s="162"/>
      <c r="CI2613" s="162"/>
      <c r="CJ2613" s="162"/>
      <c r="CK2613" s="162"/>
      <c r="CL2613" s="166"/>
      <c r="CM2613" s="166"/>
      <c r="CN2613" s="166"/>
      <c r="CO2613" s="166"/>
      <c r="CP2613" s="166"/>
      <c r="CQ2613" s="166"/>
      <c r="CR2613" s="166"/>
      <c r="CS2613" s="166"/>
      <c r="CT2613" s="166"/>
      <c r="CU2613" s="166"/>
      <c r="CV2613" s="166"/>
      <c r="CW2613" s="166"/>
      <c r="CX2613" s="176"/>
      <c r="CY2613" s="166"/>
      <c r="CZ2613" s="166"/>
      <c r="DA2613" s="166"/>
      <c r="DB2613" s="166"/>
      <c r="DC2613" s="166"/>
      <c r="DD2613" s="166"/>
      <c r="DE2613" s="166"/>
      <c r="DF2613" s="166"/>
      <c r="DG2613" s="166"/>
      <c r="DH2613" s="166"/>
      <c r="DI2613" s="166"/>
      <c r="DJ2613" s="166"/>
      <c r="DK2613" s="166"/>
      <c r="DL2613" s="175"/>
      <c r="DM2613" s="166"/>
      <c r="DN2613" s="166"/>
      <c r="DO2613" s="166"/>
      <c r="DP2613" s="166"/>
      <c r="DQ2613" s="166"/>
      <c r="DR2613" s="166"/>
      <c r="DS2613" s="166"/>
      <c r="DT2613" s="166"/>
      <c r="DU2613" s="166"/>
      <c r="DV2613" s="166"/>
      <c r="DW2613" s="166"/>
      <c r="DX2613" s="176"/>
      <c r="DY2613" s="166"/>
      <c r="DZ2613" s="166"/>
      <c r="EA2613" s="166"/>
      <c r="EB2613" s="166"/>
      <c r="EC2613" s="166"/>
      <c r="ED2613" s="166"/>
      <c r="EE2613" s="166"/>
      <c r="EF2613" s="166"/>
      <c r="EG2613" s="166"/>
      <c r="EH2613" s="166"/>
      <c r="EI2613" s="166"/>
      <c r="EJ2613" s="166"/>
      <c r="EK2613" s="166"/>
      <c r="EL2613" s="175"/>
      <c r="EM2613" s="166"/>
      <c r="EN2613" s="166"/>
      <c r="EO2613" s="166"/>
      <c r="EP2613" s="166"/>
      <c r="EQ2613" s="166"/>
      <c r="ER2613" s="166"/>
      <c r="ES2613" s="166"/>
      <c r="ET2613" s="166"/>
      <c r="EU2613" s="166"/>
      <c r="EV2613" s="166"/>
      <c r="EW2613" s="166"/>
      <c r="EX2613" s="176"/>
      <c r="EY2613" s="175"/>
      <c r="EZ2613" s="166"/>
      <c r="FA2613" s="166"/>
      <c r="FB2613" s="166"/>
      <c r="FC2613" s="166"/>
      <c r="FD2613" s="166"/>
      <c r="FE2613" s="166"/>
      <c r="FF2613" s="166"/>
      <c r="FG2613" s="166"/>
      <c r="FH2613" s="166"/>
      <c r="FI2613" s="166"/>
      <c r="FJ2613" s="166"/>
      <c r="FK2613" s="166"/>
      <c r="FL2613" s="126"/>
      <c r="FM2613" s="91"/>
      <c r="FN2613" s="91"/>
      <c r="FO2613" s="91"/>
      <c r="FP2613" s="91"/>
      <c r="FQ2613" s="91"/>
      <c r="FR2613" s="91"/>
      <c r="FS2613" s="91"/>
      <c r="FT2613" s="91"/>
      <c r="FU2613" s="91"/>
      <c r="FV2613" s="91"/>
      <c r="FW2613" s="91"/>
      <c r="FX2613" s="91"/>
      <c r="FY2613" s="91"/>
      <c r="FZ2613" s="91"/>
      <c r="GA2613" s="91"/>
      <c r="GB2613" s="91"/>
      <c r="GC2613" s="91"/>
      <c r="GD2613" s="91"/>
      <c r="GE2613" s="91"/>
      <c r="GF2613" s="91"/>
      <c r="GG2613" s="91"/>
      <c r="GH2613" s="91"/>
      <c r="GI2613" s="91"/>
      <c r="GJ2613" s="91"/>
      <c r="GK2613" s="127"/>
      <c r="GL2613" s="126"/>
      <c r="GM2613" s="91"/>
      <c r="GN2613" s="91"/>
      <c r="GO2613" s="91"/>
      <c r="GP2613" s="91"/>
      <c r="GQ2613" s="91"/>
      <c r="GR2613" s="91"/>
      <c r="GS2613" s="91"/>
      <c r="GT2613" s="91"/>
      <c r="GU2613" s="91"/>
      <c r="GV2613" s="91"/>
      <c r="GW2613" s="91"/>
      <c r="GX2613" s="91"/>
      <c r="GY2613" s="91"/>
      <c r="GZ2613" s="91"/>
      <c r="HA2613" s="91"/>
      <c r="HB2613" s="91"/>
      <c r="HC2613" s="91"/>
      <c r="HD2613" s="91"/>
      <c r="HE2613" s="91"/>
      <c r="HF2613" s="91"/>
      <c r="HG2613" s="91"/>
      <c r="HH2613" s="91"/>
      <c r="HI2613" s="91"/>
      <c r="HJ2613" s="91"/>
      <c r="HK2613" s="127"/>
      <c r="HL2613" s="126"/>
      <c r="HM2613" s="91"/>
      <c r="HN2613" s="91"/>
      <c r="HO2613" s="91"/>
      <c r="HP2613" s="91"/>
      <c r="HQ2613" s="91"/>
      <c r="HR2613" s="91"/>
      <c r="HS2613" s="91"/>
      <c r="HT2613" s="91"/>
      <c r="HU2613" s="91"/>
      <c r="HV2613" s="91"/>
      <c r="HW2613" s="91"/>
      <c r="HX2613" s="91"/>
      <c r="HY2613" s="91"/>
      <c r="HZ2613" s="91"/>
      <c r="IA2613" s="91"/>
      <c r="IB2613" s="91"/>
      <c r="IC2613" s="91"/>
      <c r="ID2613" s="91"/>
      <c r="IE2613" s="91"/>
      <c r="IF2613" s="91"/>
      <c r="IG2613" s="91"/>
      <c r="IH2613" s="91"/>
      <c r="II2613" s="91"/>
      <c r="IJ2613" s="91"/>
      <c r="IK2613" s="127"/>
    </row>
    <row r="2614" spans="2:245" x14ac:dyDescent="0.2">
      <c r="B2614" s="43"/>
      <c r="C2614" s="73"/>
      <c r="D2614" s="64"/>
      <c r="E2614" s="64"/>
      <c r="F2614" s="55"/>
      <c r="G2614" s="102"/>
      <c r="H2614" s="55"/>
      <c r="I2614" s="55"/>
      <c r="J2614" s="55"/>
      <c r="K2614" s="55"/>
      <c r="L2614" s="55"/>
      <c r="M2614" s="55"/>
      <c r="N2614" s="55"/>
      <c r="O2614" s="55"/>
      <c r="P2614" s="55"/>
      <c r="Q2614" s="55"/>
      <c r="R2614" s="55"/>
      <c r="S2614" s="55"/>
      <c r="T2614" s="55"/>
      <c r="U2614" s="55"/>
      <c r="V2614" s="55"/>
      <c r="W2614" s="55"/>
      <c r="X2614" s="55"/>
      <c r="Y2614" s="55"/>
      <c r="Z2614" s="55"/>
      <c r="AA2614" s="55"/>
      <c r="AB2614" s="55"/>
      <c r="AC2614" s="55"/>
      <c r="AD2614" s="55"/>
      <c r="AE2614" s="55"/>
      <c r="AF2614" s="55"/>
      <c r="AG2614" s="55"/>
      <c r="AY2614" s="162"/>
      <c r="AZ2614" s="162"/>
      <c r="BA2614" s="162"/>
      <c r="BB2614" s="162"/>
      <c r="BC2614" s="162"/>
      <c r="BD2614" s="162"/>
      <c r="BE2614" s="162"/>
      <c r="BF2614" s="162"/>
      <c r="BG2614" s="162"/>
      <c r="BH2614" s="162"/>
      <c r="BI2614" s="162"/>
      <c r="BJ2614" s="162"/>
      <c r="BK2614" s="162"/>
      <c r="BL2614" s="162"/>
      <c r="BM2614" s="162"/>
      <c r="BN2614" s="162"/>
      <c r="BO2614" s="162"/>
      <c r="BP2614" s="162"/>
      <c r="BQ2614" s="162"/>
      <c r="BR2614" s="162"/>
      <c r="BS2614" s="162"/>
      <c r="BT2614" s="162"/>
      <c r="BU2614" s="162"/>
      <c r="BV2614" s="162"/>
      <c r="BW2614" s="162"/>
      <c r="BX2614" s="162"/>
      <c r="BY2614" s="162"/>
      <c r="BZ2614" s="162"/>
      <c r="CA2614" s="162"/>
      <c r="CB2614" s="162"/>
      <c r="CC2614" s="162"/>
      <c r="CD2614" s="162"/>
      <c r="CE2614" s="162"/>
      <c r="CF2614" s="162"/>
      <c r="CG2614" s="162"/>
      <c r="CH2614" s="162"/>
      <c r="CI2614" s="162"/>
      <c r="CJ2614" s="162"/>
      <c r="CK2614" s="162"/>
      <c r="CX2614" s="98"/>
      <c r="DL2614" s="97"/>
      <c r="DX2614" s="98"/>
      <c r="EL2614" s="97"/>
      <c r="EX2614" s="98"/>
      <c r="EY2614" s="97"/>
      <c r="FL2614" s="126"/>
      <c r="FM2614" s="91"/>
      <c r="FN2614" s="91"/>
      <c r="FO2614" s="91"/>
      <c r="FP2614" s="91"/>
      <c r="FQ2614" s="91"/>
      <c r="FR2614" s="91"/>
      <c r="FS2614" s="91"/>
      <c r="FT2614" s="91"/>
      <c r="FU2614" s="91"/>
      <c r="FV2614" s="91"/>
      <c r="FW2614" s="91"/>
      <c r="FX2614" s="91"/>
      <c r="FY2614" s="91"/>
      <c r="FZ2614" s="91"/>
      <c r="GA2614" s="91"/>
      <c r="GB2614" s="91"/>
      <c r="GC2614" s="91"/>
      <c r="GD2614" s="91"/>
      <c r="GE2614" s="91"/>
      <c r="GF2614" s="91"/>
      <c r="GG2614" s="91"/>
      <c r="GH2614" s="91"/>
      <c r="GI2614" s="91"/>
      <c r="GJ2614" s="91"/>
      <c r="GK2614" s="127"/>
      <c r="GL2614" s="126"/>
      <c r="GM2614" s="91"/>
      <c r="GN2614" s="91"/>
      <c r="GO2614" s="91"/>
      <c r="GP2614" s="91"/>
      <c r="GQ2614" s="91"/>
      <c r="GR2614" s="91"/>
      <c r="GS2614" s="91"/>
      <c r="GT2614" s="91"/>
      <c r="GU2614" s="91"/>
      <c r="GV2614" s="91"/>
      <c r="GW2614" s="91"/>
      <c r="GX2614" s="91"/>
      <c r="GY2614" s="91"/>
      <c r="GZ2614" s="91"/>
      <c r="HA2614" s="91"/>
      <c r="HB2614" s="91"/>
      <c r="HC2614" s="91"/>
      <c r="HD2614" s="91"/>
      <c r="HE2614" s="91"/>
      <c r="HF2614" s="91"/>
      <c r="HG2614" s="91"/>
      <c r="HH2614" s="91"/>
      <c r="HI2614" s="91"/>
      <c r="HJ2614" s="91"/>
      <c r="HK2614" s="127"/>
      <c r="HL2614" s="126"/>
      <c r="HM2614" s="91"/>
      <c r="HN2614" s="91"/>
      <c r="HO2614" s="91"/>
      <c r="HP2614" s="91"/>
      <c r="HQ2614" s="91"/>
      <c r="HR2614" s="91"/>
      <c r="HS2614" s="91"/>
      <c r="HT2614" s="91"/>
      <c r="HU2614" s="91"/>
      <c r="HV2614" s="91"/>
      <c r="HW2614" s="91"/>
      <c r="HX2614" s="91"/>
      <c r="HY2614" s="91"/>
      <c r="HZ2614" s="91"/>
      <c r="IA2614" s="91"/>
      <c r="IB2614" s="91"/>
      <c r="IC2614" s="91"/>
      <c r="ID2614" s="91"/>
      <c r="IE2614" s="91"/>
      <c r="IF2614" s="91"/>
      <c r="IG2614" s="91"/>
      <c r="IH2614" s="91"/>
      <c r="II2614" s="91"/>
      <c r="IJ2614" s="91"/>
      <c r="IK2614" s="127"/>
    </row>
    <row r="2615" spans="2:245" x14ac:dyDescent="0.2">
      <c r="B2615" s="43"/>
      <c r="C2615" s="73"/>
      <c r="D2615" s="64"/>
      <c r="E2615" s="64"/>
      <c r="F2615" s="55"/>
      <c r="G2615" s="102"/>
      <c r="H2615" s="55"/>
      <c r="I2615" s="55"/>
      <c r="J2615" s="55"/>
      <c r="K2615" s="55"/>
      <c r="L2615" s="55"/>
      <c r="M2615" s="55"/>
      <c r="N2615" s="55"/>
      <c r="O2615" s="55"/>
      <c r="P2615" s="55"/>
      <c r="Q2615" s="55"/>
      <c r="R2615" s="55"/>
      <c r="S2615" s="55"/>
      <c r="T2615" s="55"/>
      <c r="U2615" s="55"/>
      <c r="V2615" s="55"/>
      <c r="W2615" s="55"/>
      <c r="X2615" s="55"/>
      <c r="Y2615" s="55"/>
      <c r="Z2615" s="55"/>
      <c r="AA2615" s="55"/>
      <c r="AB2615" s="55"/>
      <c r="AC2615" s="55"/>
      <c r="AD2615" s="55"/>
      <c r="AE2615" s="55"/>
      <c r="AF2615" s="55"/>
      <c r="AG2615" s="55"/>
      <c r="AY2615" s="162"/>
      <c r="AZ2615" s="162"/>
      <c r="BA2615" s="162"/>
      <c r="BB2615" s="162"/>
      <c r="BC2615" s="162"/>
      <c r="BD2615" s="162"/>
      <c r="BE2615" s="162"/>
      <c r="BF2615" s="162"/>
      <c r="BG2615" s="162"/>
      <c r="BH2615" s="162"/>
      <c r="BI2615" s="162"/>
      <c r="BJ2615" s="162"/>
      <c r="BK2615" s="162"/>
      <c r="BL2615" s="162"/>
      <c r="BM2615" s="162"/>
      <c r="BN2615" s="162"/>
      <c r="BO2615" s="162"/>
      <c r="BP2615" s="162"/>
      <c r="BQ2615" s="162"/>
      <c r="BR2615" s="162"/>
      <c r="BS2615" s="162"/>
      <c r="BT2615" s="162"/>
      <c r="BU2615" s="162"/>
      <c r="BV2615" s="162"/>
      <c r="BW2615" s="162"/>
      <c r="BX2615" s="162"/>
      <c r="BY2615" s="162"/>
      <c r="BZ2615" s="162"/>
      <c r="CA2615" s="162"/>
      <c r="CB2615" s="162"/>
      <c r="CC2615" s="162"/>
      <c r="CD2615" s="162"/>
      <c r="CE2615" s="162"/>
      <c r="CF2615" s="162"/>
      <c r="CG2615" s="162"/>
      <c r="CH2615" s="162"/>
      <c r="CI2615" s="162"/>
      <c r="CJ2615" s="162"/>
      <c r="CK2615" s="162"/>
      <c r="CX2615" s="98"/>
      <c r="DL2615" s="97"/>
      <c r="DX2615" s="98"/>
      <c r="EL2615" s="97"/>
      <c r="EX2615" s="98"/>
      <c r="EY2615" s="97"/>
      <c r="FL2615" s="126"/>
      <c r="FM2615" s="91"/>
      <c r="FN2615" s="91"/>
      <c r="FO2615" s="91"/>
      <c r="FP2615" s="91"/>
      <c r="FQ2615" s="91"/>
      <c r="FR2615" s="91"/>
      <c r="FS2615" s="91"/>
      <c r="FT2615" s="91"/>
      <c r="FU2615" s="91"/>
      <c r="FV2615" s="91"/>
      <c r="FW2615" s="91"/>
      <c r="FX2615" s="91"/>
      <c r="FY2615" s="91"/>
      <c r="FZ2615" s="91"/>
      <c r="GA2615" s="91"/>
      <c r="GB2615" s="91"/>
      <c r="GC2615" s="91"/>
      <c r="GD2615" s="91"/>
      <c r="GE2615" s="91"/>
      <c r="GF2615" s="91"/>
      <c r="GG2615" s="91"/>
      <c r="GH2615" s="91"/>
      <c r="GI2615" s="91"/>
      <c r="GJ2615" s="91"/>
      <c r="GK2615" s="127"/>
      <c r="GL2615" s="126"/>
      <c r="GM2615" s="91"/>
      <c r="GN2615" s="91"/>
      <c r="GO2615" s="91"/>
      <c r="GP2615" s="91"/>
      <c r="GQ2615" s="91"/>
      <c r="GR2615" s="91"/>
      <c r="GS2615" s="91"/>
      <c r="GT2615" s="91"/>
      <c r="GU2615" s="91"/>
      <c r="GV2615" s="91"/>
      <c r="GW2615" s="91"/>
      <c r="GX2615" s="91"/>
      <c r="GY2615" s="91"/>
      <c r="GZ2615" s="91"/>
      <c r="HA2615" s="91"/>
      <c r="HB2615" s="91"/>
      <c r="HC2615" s="91"/>
      <c r="HD2615" s="91"/>
      <c r="HE2615" s="91"/>
      <c r="HF2615" s="91"/>
      <c r="HG2615" s="91"/>
      <c r="HH2615" s="91"/>
      <c r="HI2615" s="91"/>
      <c r="HJ2615" s="91"/>
      <c r="HK2615" s="127"/>
      <c r="HL2615" s="126"/>
      <c r="HM2615" s="91"/>
      <c r="HN2615" s="91"/>
      <c r="HO2615" s="91"/>
      <c r="HP2615" s="91"/>
      <c r="HQ2615" s="91"/>
      <c r="HR2615" s="91"/>
      <c r="HS2615" s="91"/>
      <c r="HT2615" s="91"/>
      <c r="HU2615" s="91"/>
      <c r="HV2615" s="91"/>
      <c r="HW2615" s="91"/>
      <c r="HX2615" s="91"/>
      <c r="HY2615" s="91"/>
      <c r="HZ2615" s="91"/>
      <c r="IA2615" s="91"/>
      <c r="IB2615" s="91"/>
      <c r="IC2615" s="91"/>
      <c r="ID2615" s="91"/>
      <c r="IE2615" s="91"/>
      <c r="IF2615" s="91"/>
      <c r="IG2615" s="91"/>
      <c r="IH2615" s="91"/>
      <c r="II2615" s="91"/>
      <c r="IJ2615" s="91"/>
      <c r="IK2615" s="127"/>
    </row>
    <row r="2616" spans="2:245" ht="13.5" thickBot="1" x14ac:dyDescent="0.25">
      <c r="B2616" s="43"/>
      <c r="C2616" s="73"/>
      <c r="D2616" s="64"/>
      <c r="E2616" s="64"/>
      <c r="F2616" s="55"/>
      <c r="G2616" s="102"/>
      <c r="H2616" s="55"/>
      <c r="I2616" s="55"/>
      <c r="J2616" s="55"/>
      <c r="K2616" s="55"/>
      <c r="L2616" s="55"/>
      <c r="M2616" s="55"/>
      <c r="N2616" s="55"/>
      <c r="O2616" s="55"/>
      <c r="P2616" s="55"/>
      <c r="Q2616" s="55"/>
      <c r="R2616" s="55"/>
      <c r="S2616" s="55"/>
      <c r="T2616" s="55"/>
      <c r="U2616" s="55"/>
      <c r="V2616" s="55"/>
      <c r="W2616" s="55"/>
      <c r="X2616" s="55"/>
      <c r="Y2616" s="55"/>
      <c r="Z2616" s="55"/>
      <c r="AA2616" s="55"/>
      <c r="AB2616" s="55"/>
      <c r="AC2616" s="55"/>
      <c r="AD2616" s="55"/>
      <c r="AE2616" s="55"/>
      <c r="AF2616" s="55"/>
      <c r="AG2616" s="55"/>
      <c r="AY2616" s="162"/>
      <c r="AZ2616" s="162"/>
      <c r="BA2616" s="162"/>
      <c r="BB2616" s="162"/>
      <c r="BC2616" s="162"/>
      <c r="BD2616" s="162"/>
      <c r="BE2616" s="162"/>
      <c r="BF2616" s="162"/>
      <c r="BG2616" s="162"/>
      <c r="BH2616" s="162"/>
      <c r="BI2616" s="162"/>
      <c r="BJ2616" s="162"/>
      <c r="BK2616" s="162"/>
      <c r="BL2616" s="162"/>
      <c r="BM2616" s="162"/>
      <c r="BN2616" s="162"/>
      <c r="BO2616" s="162"/>
      <c r="BP2616" s="162"/>
      <c r="BQ2616" s="162"/>
      <c r="BR2616" s="162"/>
      <c r="BS2616" s="162"/>
      <c r="BT2616" s="162"/>
      <c r="BU2616" s="162"/>
      <c r="BV2616" s="162"/>
      <c r="BW2616" s="162"/>
      <c r="BX2616" s="162"/>
      <c r="BY2616" s="162"/>
      <c r="BZ2616" s="162"/>
      <c r="CA2616" s="162"/>
      <c r="CB2616" s="162"/>
      <c r="CC2616" s="162"/>
      <c r="CD2616" s="162"/>
      <c r="CE2616" s="162"/>
      <c r="CF2616" s="162"/>
      <c r="CG2616" s="162"/>
      <c r="CH2616" s="162"/>
      <c r="CI2616" s="162"/>
      <c r="CJ2616" s="162"/>
      <c r="CK2616" s="162"/>
      <c r="CX2616" s="98"/>
      <c r="DL2616" s="97"/>
      <c r="DX2616" s="98"/>
      <c r="EL2616" s="97"/>
      <c r="EX2616" s="98"/>
      <c r="EY2616" s="97"/>
      <c r="FL2616" s="126"/>
      <c r="FM2616" s="91"/>
      <c r="FN2616" s="91"/>
      <c r="FO2616" s="91"/>
      <c r="FP2616" s="91"/>
      <c r="FQ2616" s="91"/>
      <c r="FR2616" s="91"/>
      <c r="FS2616" s="91"/>
      <c r="FT2616" s="91"/>
      <c r="FU2616" s="91"/>
      <c r="FV2616" s="91"/>
      <c r="FW2616" s="91"/>
      <c r="FX2616" s="91"/>
      <c r="FY2616" s="91"/>
      <c r="FZ2616" s="91"/>
      <c r="GA2616" s="91"/>
      <c r="GB2616" s="91"/>
      <c r="GC2616" s="91"/>
      <c r="GD2616" s="91"/>
      <c r="GE2616" s="91"/>
      <c r="GF2616" s="91"/>
      <c r="GG2616" s="91"/>
      <c r="GH2616" s="91"/>
      <c r="GI2616" s="91"/>
      <c r="GJ2616" s="91"/>
      <c r="GK2616" s="127"/>
      <c r="GL2616" s="126"/>
      <c r="GM2616" s="91"/>
      <c r="GN2616" s="91"/>
      <c r="GO2616" s="91"/>
      <c r="GP2616" s="91"/>
      <c r="GQ2616" s="91"/>
      <c r="GR2616" s="91"/>
      <c r="GS2616" s="91"/>
      <c r="GT2616" s="91"/>
      <c r="GU2616" s="91"/>
      <c r="GV2616" s="91"/>
      <c r="GW2616" s="91"/>
      <c r="GX2616" s="91"/>
      <c r="GY2616" s="91"/>
      <c r="GZ2616" s="91"/>
      <c r="HA2616" s="91"/>
      <c r="HB2616" s="91"/>
      <c r="HC2616" s="91"/>
      <c r="HD2616" s="91"/>
      <c r="HE2616" s="91"/>
      <c r="HF2616" s="91"/>
      <c r="HG2616" s="91"/>
      <c r="HH2616" s="91"/>
      <c r="HI2616" s="91"/>
      <c r="HJ2616" s="91"/>
      <c r="HK2616" s="127"/>
      <c r="HL2616" s="126"/>
      <c r="HM2616" s="91"/>
      <c r="HN2616" s="91"/>
      <c r="HO2616" s="91"/>
      <c r="HP2616" s="91"/>
      <c r="HQ2616" s="91"/>
      <c r="HR2616" s="91"/>
      <c r="HS2616" s="91"/>
      <c r="HT2616" s="91"/>
      <c r="HU2616" s="91"/>
      <c r="HV2616" s="91"/>
      <c r="HW2616" s="91"/>
      <c r="HX2616" s="91"/>
      <c r="HY2616" s="91"/>
      <c r="HZ2616" s="91"/>
      <c r="IA2616" s="91"/>
      <c r="IB2616" s="91"/>
      <c r="IC2616" s="91"/>
      <c r="ID2616" s="91"/>
      <c r="IE2616" s="91"/>
      <c r="IF2616" s="91"/>
      <c r="IG2616" s="91"/>
      <c r="IH2616" s="91"/>
      <c r="II2616" s="91"/>
      <c r="IJ2616" s="91"/>
      <c r="IK2616" s="127"/>
    </row>
    <row r="2617" spans="2:245" x14ac:dyDescent="0.2">
      <c r="B2617" s="43"/>
      <c r="C2617" s="73"/>
      <c r="D2617" s="64"/>
      <c r="E2617" s="64"/>
      <c r="F2617" s="55"/>
      <c r="G2617" s="102"/>
      <c r="H2617" s="55"/>
      <c r="I2617" s="55"/>
      <c r="J2617" s="55"/>
      <c r="K2617" s="55"/>
      <c r="L2617" s="55"/>
      <c r="M2617" s="55"/>
      <c r="N2617" s="55"/>
      <c r="O2617" s="55"/>
      <c r="P2617" s="55"/>
      <c r="Q2617" s="55"/>
      <c r="R2617" s="55"/>
      <c r="S2617" s="55"/>
      <c r="T2617" s="55"/>
      <c r="U2617" s="55"/>
      <c r="V2617" s="55"/>
      <c r="W2617" s="55"/>
      <c r="X2617" s="55"/>
      <c r="Y2617" s="55"/>
      <c r="Z2617" s="55"/>
      <c r="AA2617" s="55"/>
      <c r="AB2617" s="55"/>
      <c r="AC2617" s="55"/>
      <c r="AD2617" s="55"/>
      <c r="AE2617" s="55"/>
      <c r="AF2617" s="55"/>
      <c r="AG2617" s="55"/>
      <c r="AY2617" s="162"/>
      <c r="AZ2617" s="162"/>
      <c r="BA2617" s="162"/>
      <c r="BB2617" s="162"/>
      <c r="BC2617" s="162"/>
      <c r="BD2617" s="162"/>
      <c r="BE2617" s="162"/>
      <c r="BF2617" s="162"/>
      <c r="BG2617" s="162"/>
      <c r="BH2617" s="162"/>
      <c r="BI2617" s="162"/>
      <c r="BJ2617" s="162"/>
      <c r="BK2617" s="162"/>
      <c r="BL2617" s="162"/>
      <c r="BM2617" s="162"/>
      <c r="BN2617" s="162"/>
      <c r="BO2617" s="162"/>
      <c r="BP2617" s="162"/>
      <c r="BQ2617" s="162"/>
      <c r="BR2617" s="162"/>
      <c r="BS2617" s="162"/>
      <c r="BT2617" s="162"/>
      <c r="BU2617" s="162"/>
      <c r="BV2617" s="162"/>
      <c r="BW2617" s="162"/>
      <c r="BX2617" s="162"/>
      <c r="BY2617" s="162"/>
      <c r="BZ2617" s="162"/>
      <c r="CA2617" s="162"/>
      <c r="CB2617" s="162"/>
      <c r="CC2617" s="162"/>
      <c r="CD2617" s="162"/>
      <c r="CE2617" s="162"/>
      <c r="CF2617" s="162"/>
      <c r="CG2617" s="162"/>
      <c r="CH2617" s="162"/>
      <c r="CI2617" s="162"/>
      <c r="CJ2617" s="162"/>
      <c r="CK2617" s="162"/>
      <c r="CL2617" s="163"/>
      <c r="CM2617" s="163"/>
      <c r="CN2617" s="163"/>
      <c r="CO2617" s="163"/>
      <c r="CP2617" s="163"/>
      <c r="CQ2617" s="163"/>
      <c r="CR2617" s="163"/>
      <c r="CS2617" s="163"/>
      <c r="CT2617" s="163"/>
      <c r="CU2617" s="163"/>
      <c r="CV2617" s="163"/>
      <c r="CW2617" s="163"/>
      <c r="CX2617" s="173"/>
      <c r="CY2617" s="163"/>
      <c r="CZ2617" s="163"/>
      <c r="DA2617" s="163"/>
      <c r="DB2617" s="163"/>
      <c r="DC2617" s="163"/>
      <c r="DD2617" s="163"/>
      <c r="DE2617" s="163"/>
      <c r="DF2617" s="163"/>
      <c r="DG2617" s="163"/>
      <c r="DH2617" s="163"/>
      <c r="DI2617" s="163"/>
      <c r="DJ2617" s="163"/>
      <c r="DK2617" s="163"/>
      <c r="DL2617" s="172"/>
      <c r="DM2617" s="163"/>
      <c r="DN2617" s="163"/>
      <c r="DO2617" s="163"/>
      <c r="DP2617" s="163"/>
      <c r="DQ2617" s="163"/>
      <c r="DR2617" s="163"/>
      <c r="DS2617" s="163"/>
      <c r="DT2617" s="163"/>
      <c r="DU2617" s="163"/>
      <c r="DV2617" s="163"/>
      <c r="DW2617" s="163"/>
      <c r="DX2617" s="173"/>
      <c r="DY2617" s="163"/>
      <c r="DZ2617" s="163"/>
      <c r="EA2617" s="163"/>
      <c r="EB2617" s="163"/>
      <c r="EC2617" s="163"/>
      <c r="ED2617" s="163"/>
      <c r="EE2617" s="163"/>
      <c r="EF2617" s="163"/>
      <c r="EG2617" s="163"/>
      <c r="EH2617" s="163"/>
      <c r="EI2617" s="163"/>
      <c r="EJ2617" s="163"/>
      <c r="EK2617" s="163"/>
      <c r="EL2617" s="172"/>
      <c r="EM2617" s="163"/>
      <c r="EN2617" s="163"/>
      <c r="EO2617" s="163"/>
      <c r="EP2617" s="163"/>
      <c r="EQ2617" s="163"/>
      <c r="ER2617" s="163"/>
      <c r="ES2617" s="163"/>
      <c r="ET2617" s="163"/>
      <c r="EU2617" s="163"/>
      <c r="EV2617" s="163"/>
      <c r="EW2617" s="163"/>
      <c r="EX2617" s="173"/>
      <c r="EY2617" s="172"/>
      <c r="EZ2617" s="163"/>
      <c r="FA2617" s="163"/>
      <c r="FB2617" s="163"/>
      <c r="FC2617" s="163"/>
      <c r="FD2617" s="163"/>
      <c r="FE2617" s="163"/>
      <c r="FF2617" s="163"/>
      <c r="FG2617" s="163"/>
      <c r="FH2617" s="163"/>
      <c r="FI2617" s="163"/>
      <c r="FJ2617" s="163"/>
      <c r="FK2617" s="163"/>
      <c r="FL2617" s="126"/>
      <c r="FM2617" s="91"/>
      <c r="FN2617" s="91"/>
      <c r="FO2617" s="91"/>
      <c r="FP2617" s="91"/>
      <c r="FQ2617" s="91"/>
      <c r="FR2617" s="91"/>
      <c r="FS2617" s="91"/>
      <c r="FT2617" s="91"/>
      <c r="FU2617" s="91"/>
      <c r="FV2617" s="91"/>
      <c r="FW2617" s="91"/>
      <c r="FX2617" s="91"/>
      <c r="FY2617" s="91"/>
      <c r="FZ2617" s="91"/>
      <c r="GA2617" s="91"/>
      <c r="GB2617" s="91"/>
      <c r="GC2617" s="91"/>
      <c r="GD2617" s="91"/>
      <c r="GE2617" s="91"/>
      <c r="GF2617" s="91"/>
      <c r="GG2617" s="91"/>
      <c r="GH2617" s="91"/>
      <c r="GI2617" s="91"/>
      <c r="GJ2617" s="91"/>
      <c r="GK2617" s="127"/>
      <c r="GL2617" s="126"/>
      <c r="GM2617" s="91"/>
      <c r="GN2617" s="91"/>
      <c r="GO2617" s="91"/>
      <c r="GP2617" s="91"/>
      <c r="GQ2617" s="91"/>
      <c r="GR2617" s="91"/>
      <c r="GS2617" s="91"/>
      <c r="GT2617" s="91"/>
      <c r="GU2617" s="91"/>
      <c r="GV2617" s="91"/>
      <c r="GW2617" s="91"/>
      <c r="GX2617" s="91"/>
      <c r="GY2617" s="91"/>
      <c r="GZ2617" s="91"/>
      <c r="HA2617" s="91"/>
      <c r="HB2617" s="91"/>
      <c r="HC2617" s="91"/>
      <c r="HD2617" s="91"/>
      <c r="HE2617" s="91"/>
      <c r="HF2617" s="91"/>
      <c r="HG2617" s="91"/>
      <c r="HH2617" s="91"/>
      <c r="HI2617" s="91"/>
      <c r="HJ2617" s="91"/>
      <c r="HK2617" s="127"/>
      <c r="HL2617" s="126"/>
      <c r="HM2617" s="91"/>
      <c r="HN2617" s="91"/>
      <c r="HO2617" s="91"/>
      <c r="HP2617" s="91"/>
      <c r="HQ2617" s="91"/>
      <c r="HR2617" s="91"/>
      <c r="HS2617" s="91"/>
      <c r="HT2617" s="91"/>
      <c r="HU2617" s="91"/>
      <c r="HV2617" s="91"/>
      <c r="HW2617" s="91"/>
      <c r="HX2617" s="91"/>
      <c r="HY2617" s="91"/>
      <c r="HZ2617" s="91"/>
      <c r="IA2617" s="91"/>
      <c r="IB2617" s="91"/>
      <c r="IC2617" s="91"/>
      <c r="ID2617" s="91"/>
      <c r="IE2617" s="91"/>
      <c r="IF2617" s="91"/>
      <c r="IG2617" s="91"/>
      <c r="IH2617" s="91"/>
      <c r="II2617" s="91"/>
      <c r="IJ2617" s="91"/>
      <c r="IK2617" s="127"/>
    </row>
    <row r="2618" spans="2:245" x14ac:dyDescent="0.2">
      <c r="B2618" s="43"/>
      <c r="C2618" s="73"/>
      <c r="D2618" s="64"/>
      <c r="E2618" s="64"/>
      <c r="F2618" s="55"/>
      <c r="G2618" s="102"/>
      <c r="H2618" s="55"/>
      <c r="I2618" s="55"/>
      <c r="J2618" s="55"/>
      <c r="K2618" s="55"/>
      <c r="L2618" s="55"/>
      <c r="M2618" s="55"/>
      <c r="N2618" s="55"/>
      <c r="O2618" s="55"/>
      <c r="P2618" s="55"/>
      <c r="Q2618" s="55"/>
      <c r="R2618" s="55"/>
      <c r="S2618" s="55"/>
      <c r="T2618" s="55"/>
      <c r="U2618" s="55"/>
      <c r="V2618" s="55"/>
      <c r="W2618" s="55"/>
      <c r="X2618" s="55"/>
      <c r="Y2618" s="55"/>
      <c r="Z2618" s="55"/>
      <c r="AA2618" s="55"/>
      <c r="AB2618" s="55"/>
      <c r="AC2618" s="55"/>
      <c r="AD2618" s="55"/>
      <c r="AE2618" s="55"/>
      <c r="AF2618" s="55"/>
      <c r="AG2618" s="55"/>
      <c r="AY2618" s="162"/>
      <c r="AZ2618" s="162"/>
      <c r="BA2618" s="162"/>
      <c r="BB2618" s="162"/>
      <c r="BC2618" s="162"/>
      <c r="BD2618" s="162"/>
      <c r="BE2618" s="162"/>
      <c r="BF2618" s="162"/>
      <c r="BG2618" s="162"/>
      <c r="BH2618" s="162"/>
      <c r="BI2618" s="162"/>
      <c r="BJ2618" s="162"/>
      <c r="BK2618" s="162"/>
      <c r="BL2618" s="162"/>
      <c r="BM2618" s="162"/>
      <c r="BN2618" s="162"/>
      <c r="BO2618" s="162"/>
      <c r="BP2618" s="162"/>
      <c r="BQ2618" s="162"/>
      <c r="BR2618" s="162"/>
      <c r="BS2618" s="162"/>
      <c r="BT2618" s="162"/>
      <c r="BU2618" s="162"/>
      <c r="BV2618" s="162"/>
      <c r="BW2618" s="162"/>
      <c r="BX2618" s="162"/>
      <c r="BY2618" s="162"/>
      <c r="BZ2618" s="162"/>
      <c r="CA2618" s="162"/>
      <c r="CB2618" s="162"/>
      <c r="CC2618" s="162"/>
      <c r="CD2618" s="162"/>
      <c r="CE2618" s="162"/>
      <c r="CF2618" s="162"/>
      <c r="CG2618" s="162"/>
      <c r="CH2618" s="162"/>
      <c r="CI2618" s="162"/>
      <c r="CJ2618" s="162"/>
      <c r="CK2618" s="162"/>
      <c r="CX2618" s="98"/>
      <c r="DL2618" s="97"/>
      <c r="DX2618" s="98"/>
      <c r="EL2618" s="97"/>
      <c r="EX2618" s="98"/>
      <c r="EY2618" s="97"/>
      <c r="FL2618" s="126"/>
      <c r="FM2618" s="91"/>
      <c r="FN2618" s="91"/>
      <c r="FO2618" s="91"/>
      <c r="FP2618" s="91"/>
      <c r="FQ2618" s="91"/>
      <c r="FR2618" s="91"/>
      <c r="FS2618" s="91"/>
      <c r="FT2618" s="91"/>
      <c r="FU2618" s="91"/>
      <c r="FV2618" s="91"/>
      <c r="FW2618" s="91"/>
      <c r="FX2618" s="91"/>
      <c r="FY2618" s="91"/>
      <c r="FZ2618" s="91"/>
      <c r="GA2618" s="91"/>
      <c r="GB2618" s="91"/>
      <c r="GC2618" s="91"/>
      <c r="GD2618" s="91"/>
      <c r="GE2618" s="91"/>
      <c r="GF2618" s="91"/>
      <c r="GG2618" s="91"/>
      <c r="GH2618" s="91"/>
      <c r="GI2618" s="91"/>
      <c r="GJ2618" s="91"/>
      <c r="GK2618" s="127"/>
      <c r="GL2618" s="126"/>
      <c r="GM2618" s="91"/>
      <c r="GN2618" s="91"/>
      <c r="GO2618" s="91"/>
      <c r="GP2618" s="91"/>
      <c r="GQ2618" s="91"/>
      <c r="GR2618" s="91"/>
      <c r="GS2618" s="91"/>
      <c r="GT2618" s="91"/>
      <c r="GU2618" s="91"/>
      <c r="GV2618" s="91"/>
      <c r="GW2618" s="91"/>
      <c r="GX2618" s="91"/>
      <c r="GY2618" s="91"/>
      <c r="GZ2618" s="91"/>
      <c r="HA2618" s="91"/>
      <c r="HB2618" s="91"/>
      <c r="HC2618" s="91"/>
      <c r="HD2618" s="91"/>
      <c r="HE2618" s="91"/>
      <c r="HF2618" s="91"/>
      <c r="HG2618" s="91"/>
      <c r="HH2618" s="91"/>
      <c r="HI2618" s="91"/>
      <c r="HJ2618" s="91"/>
      <c r="HK2618" s="127"/>
      <c r="HL2618" s="126"/>
      <c r="HM2618" s="91"/>
      <c r="HN2618" s="91"/>
      <c r="HO2618" s="91"/>
      <c r="HP2618" s="91"/>
      <c r="HQ2618" s="91"/>
      <c r="HR2618" s="91"/>
      <c r="HS2618" s="91"/>
      <c r="HT2618" s="91"/>
      <c r="HU2618" s="91"/>
      <c r="HV2618" s="91"/>
      <c r="HW2618" s="91"/>
      <c r="HX2618" s="91"/>
      <c r="HY2618" s="91"/>
      <c r="HZ2618" s="91"/>
      <c r="IA2618" s="91"/>
      <c r="IB2618" s="91"/>
      <c r="IC2618" s="91"/>
      <c r="ID2618" s="91"/>
      <c r="IE2618" s="91"/>
      <c r="IF2618" s="91"/>
      <c r="IG2618" s="91"/>
      <c r="IH2618" s="91"/>
      <c r="II2618" s="91"/>
      <c r="IJ2618" s="91"/>
      <c r="IK2618" s="127"/>
    </row>
    <row r="2619" spans="2:245" x14ac:dyDescent="0.2">
      <c r="B2619" s="43"/>
      <c r="C2619" s="73"/>
      <c r="D2619" s="64"/>
      <c r="E2619" s="64"/>
      <c r="F2619" s="55"/>
      <c r="G2619" s="102"/>
      <c r="H2619" s="55"/>
      <c r="I2619" s="55"/>
      <c r="J2619" s="55"/>
      <c r="K2619" s="55"/>
      <c r="L2619" s="55"/>
      <c r="M2619" s="55"/>
      <c r="N2619" s="55"/>
      <c r="O2619" s="55"/>
      <c r="P2619" s="55"/>
      <c r="Q2619" s="55"/>
      <c r="R2619" s="55"/>
      <c r="S2619" s="55"/>
      <c r="T2619" s="55"/>
      <c r="U2619" s="55"/>
      <c r="V2619" s="55"/>
      <c r="W2619" s="55"/>
      <c r="X2619" s="55"/>
      <c r="Y2619" s="55"/>
      <c r="Z2619" s="55"/>
      <c r="AA2619" s="55"/>
      <c r="AB2619" s="55"/>
      <c r="AC2619" s="55"/>
      <c r="AD2619" s="55"/>
      <c r="AE2619" s="55"/>
      <c r="AF2619" s="55"/>
      <c r="AG2619" s="55"/>
      <c r="AY2619" s="162"/>
      <c r="AZ2619" s="162"/>
      <c r="BA2619" s="162"/>
      <c r="BB2619" s="162"/>
      <c r="BC2619" s="162"/>
      <c r="BD2619" s="162"/>
      <c r="BE2619" s="162"/>
      <c r="BF2619" s="162"/>
      <c r="BG2619" s="162"/>
      <c r="BH2619" s="162"/>
      <c r="BI2619" s="162"/>
      <c r="BJ2619" s="162"/>
      <c r="BK2619" s="162"/>
      <c r="BL2619" s="162"/>
      <c r="BM2619" s="162"/>
      <c r="BN2619" s="162"/>
      <c r="BO2619" s="162"/>
      <c r="BP2619" s="162"/>
      <c r="BQ2619" s="162"/>
      <c r="BR2619" s="162"/>
      <c r="BS2619" s="162"/>
      <c r="BT2619" s="162"/>
      <c r="BU2619" s="162"/>
      <c r="BV2619" s="162"/>
      <c r="BW2619" s="162"/>
      <c r="BX2619" s="162"/>
      <c r="BY2619" s="162"/>
      <c r="BZ2619" s="162"/>
      <c r="CA2619" s="162"/>
      <c r="CB2619" s="162"/>
      <c r="CC2619" s="162"/>
      <c r="CD2619" s="162"/>
      <c r="CE2619" s="162"/>
      <c r="CF2619" s="162"/>
      <c r="CG2619" s="162"/>
      <c r="CH2619" s="162"/>
      <c r="CI2619" s="162"/>
      <c r="CJ2619" s="162"/>
      <c r="CK2619" s="162"/>
      <c r="CX2619" s="98"/>
      <c r="DL2619" s="97"/>
      <c r="DX2619" s="98"/>
      <c r="EL2619" s="97"/>
      <c r="EX2619" s="98"/>
      <c r="EY2619" s="97"/>
      <c r="FL2619" s="126"/>
      <c r="FM2619" s="91"/>
      <c r="FN2619" s="91"/>
      <c r="FO2619" s="91"/>
      <c r="FP2619" s="91"/>
      <c r="FQ2619" s="91"/>
      <c r="FR2619" s="91"/>
      <c r="FS2619" s="91"/>
      <c r="FT2619" s="91"/>
      <c r="FU2619" s="91"/>
      <c r="FV2619" s="91"/>
      <c r="FW2619" s="91"/>
      <c r="FX2619" s="91"/>
      <c r="FY2619" s="91"/>
      <c r="FZ2619" s="91"/>
      <c r="GA2619" s="91"/>
      <c r="GB2619" s="91"/>
      <c r="GC2619" s="91"/>
      <c r="GD2619" s="91"/>
      <c r="GE2619" s="91"/>
      <c r="GF2619" s="91"/>
      <c r="GG2619" s="91"/>
      <c r="GH2619" s="91"/>
      <c r="GI2619" s="91"/>
      <c r="GJ2619" s="91"/>
      <c r="GK2619" s="127"/>
      <c r="GL2619" s="126"/>
      <c r="GM2619" s="91"/>
      <c r="GN2619" s="91"/>
      <c r="GO2619" s="91"/>
      <c r="GP2619" s="91"/>
      <c r="GQ2619" s="91"/>
      <c r="GR2619" s="91"/>
      <c r="GS2619" s="91"/>
      <c r="GT2619" s="91"/>
      <c r="GU2619" s="91"/>
      <c r="GV2619" s="91"/>
      <c r="GW2619" s="91"/>
      <c r="GX2619" s="91"/>
      <c r="GY2619" s="91"/>
      <c r="GZ2619" s="91"/>
      <c r="HA2619" s="91"/>
      <c r="HB2619" s="91"/>
      <c r="HC2619" s="91"/>
      <c r="HD2619" s="91"/>
      <c r="HE2619" s="91"/>
      <c r="HF2619" s="91"/>
      <c r="HG2619" s="91"/>
      <c r="HH2619" s="91"/>
      <c r="HI2619" s="91"/>
      <c r="HJ2619" s="91"/>
      <c r="HK2619" s="127"/>
      <c r="HL2619" s="126"/>
      <c r="HM2619" s="91"/>
      <c r="HN2619" s="91"/>
      <c r="HO2619" s="91"/>
      <c r="HP2619" s="91"/>
      <c r="HQ2619" s="91"/>
      <c r="HR2619" s="91"/>
      <c r="HS2619" s="91"/>
      <c r="HT2619" s="91"/>
      <c r="HU2619" s="91"/>
      <c r="HV2619" s="91"/>
      <c r="HW2619" s="91"/>
      <c r="HX2619" s="91"/>
      <c r="HY2619" s="91"/>
      <c r="HZ2619" s="91"/>
      <c r="IA2619" s="91"/>
      <c r="IB2619" s="91"/>
      <c r="IC2619" s="91"/>
      <c r="ID2619" s="91"/>
      <c r="IE2619" s="91"/>
      <c r="IF2619" s="91"/>
      <c r="IG2619" s="91"/>
      <c r="IH2619" s="91"/>
      <c r="II2619" s="91"/>
      <c r="IJ2619" s="91"/>
      <c r="IK2619" s="127"/>
    </row>
    <row r="2620" spans="2:245" x14ac:dyDescent="0.2">
      <c r="B2620" s="43"/>
      <c r="C2620" s="73"/>
      <c r="D2620" s="64"/>
      <c r="E2620" s="64"/>
      <c r="F2620" s="55"/>
      <c r="G2620" s="102"/>
      <c r="H2620" s="55"/>
      <c r="I2620" s="55"/>
      <c r="J2620" s="55"/>
      <c r="K2620" s="55"/>
      <c r="L2620" s="55"/>
      <c r="M2620" s="55"/>
      <c r="N2620" s="55"/>
      <c r="O2620" s="55"/>
      <c r="P2620" s="55"/>
      <c r="Q2620" s="55"/>
      <c r="R2620" s="55"/>
      <c r="S2620" s="55"/>
      <c r="T2620" s="55"/>
      <c r="U2620" s="55"/>
      <c r="V2620" s="55"/>
      <c r="W2620" s="55"/>
      <c r="X2620" s="55"/>
      <c r="Y2620" s="55"/>
      <c r="Z2620" s="55"/>
      <c r="AA2620" s="55"/>
      <c r="AB2620" s="55"/>
      <c r="AC2620" s="55"/>
      <c r="AD2620" s="55"/>
      <c r="AE2620" s="55"/>
      <c r="AF2620" s="55"/>
      <c r="AG2620" s="55"/>
      <c r="AY2620" s="162"/>
      <c r="AZ2620" s="162"/>
      <c r="BA2620" s="162"/>
      <c r="BB2620" s="162"/>
      <c r="BC2620" s="162"/>
      <c r="BD2620" s="162"/>
      <c r="BE2620" s="162"/>
      <c r="BF2620" s="162"/>
      <c r="BG2620" s="162"/>
      <c r="BH2620" s="162"/>
      <c r="BI2620" s="162"/>
      <c r="BJ2620" s="162"/>
      <c r="BK2620" s="162"/>
      <c r="BL2620" s="162"/>
      <c r="BM2620" s="162"/>
      <c r="BN2620" s="162"/>
      <c r="BO2620" s="162"/>
      <c r="BP2620" s="162"/>
      <c r="BQ2620" s="162"/>
      <c r="BR2620" s="162"/>
      <c r="BS2620" s="162"/>
      <c r="BT2620" s="162"/>
      <c r="BU2620" s="162"/>
      <c r="BV2620" s="162"/>
      <c r="BW2620" s="162"/>
      <c r="BX2620" s="162"/>
      <c r="BY2620" s="162"/>
      <c r="BZ2620" s="162"/>
      <c r="CA2620" s="162"/>
      <c r="CB2620" s="162"/>
      <c r="CC2620" s="162"/>
      <c r="CD2620" s="162"/>
      <c r="CE2620" s="162"/>
      <c r="CF2620" s="162"/>
      <c r="CG2620" s="162"/>
      <c r="CH2620" s="162"/>
      <c r="CI2620" s="162"/>
      <c r="CJ2620" s="162"/>
      <c r="CK2620" s="162"/>
      <c r="CX2620" s="98"/>
      <c r="DL2620" s="97"/>
      <c r="DX2620" s="98"/>
      <c r="EL2620" s="97"/>
      <c r="EX2620" s="98"/>
      <c r="EY2620" s="97"/>
      <c r="FL2620" s="126"/>
      <c r="FM2620" s="91"/>
      <c r="FN2620" s="91"/>
      <c r="FO2620" s="91"/>
      <c r="FP2620" s="91"/>
      <c r="FQ2620" s="91"/>
      <c r="FR2620" s="91"/>
      <c r="FS2620" s="91"/>
      <c r="FT2620" s="91"/>
      <c r="FU2620" s="91"/>
      <c r="FV2620" s="91"/>
      <c r="FW2620" s="91"/>
      <c r="FX2620" s="91"/>
      <c r="FY2620" s="91"/>
      <c r="FZ2620" s="91"/>
      <c r="GA2620" s="91"/>
      <c r="GB2620" s="91"/>
      <c r="GC2620" s="91"/>
      <c r="GD2620" s="91"/>
      <c r="GE2620" s="91"/>
      <c r="GF2620" s="91"/>
      <c r="GG2620" s="91"/>
      <c r="GH2620" s="91"/>
      <c r="GI2620" s="91"/>
      <c r="GJ2620" s="91"/>
      <c r="GK2620" s="127"/>
      <c r="GL2620" s="126"/>
      <c r="GM2620" s="91"/>
      <c r="GN2620" s="91"/>
      <c r="GO2620" s="91"/>
      <c r="GP2620" s="91"/>
      <c r="GQ2620" s="91"/>
      <c r="GR2620" s="91"/>
      <c r="GS2620" s="91"/>
      <c r="GT2620" s="91"/>
      <c r="GU2620" s="91"/>
      <c r="GV2620" s="91"/>
      <c r="GW2620" s="91"/>
      <c r="GX2620" s="91"/>
      <c r="GY2620" s="91"/>
      <c r="GZ2620" s="91"/>
      <c r="HA2620" s="91"/>
      <c r="HB2620" s="91"/>
      <c r="HC2620" s="91"/>
      <c r="HD2620" s="91"/>
      <c r="HE2620" s="91"/>
      <c r="HF2620" s="91"/>
      <c r="HG2620" s="91"/>
      <c r="HH2620" s="91"/>
      <c r="HI2620" s="91"/>
      <c r="HJ2620" s="91"/>
      <c r="HK2620" s="127"/>
      <c r="HL2620" s="126"/>
      <c r="HM2620" s="91"/>
      <c r="HN2620" s="91"/>
      <c r="HO2620" s="91"/>
      <c r="HP2620" s="91"/>
      <c r="HQ2620" s="91"/>
      <c r="HR2620" s="91"/>
      <c r="HS2620" s="91"/>
      <c r="HT2620" s="91"/>
      <c r="HU2620" s="91"/>
      <c r="HV2620" s="91"/>
      <c r="HW2620" s="91"/>
      <c r="HX2620" s="91"/>
      <c r="HY2620" s="91"/>
      <c r="HZ2620" s="91"/>
      <c r="IA2620" s="91"/>
      <c r="IB2620" s="91"/>
      <c r="IC2620" s="91"/>
      <c r="ID2620" s="91"/>
      <c r="IE2620" s="91"/>
      <c r="IF2620" s="91"/>
      <c r="IG2620" s="91"/>
      <c r="IH2620" s="91"/>
      <c r="II2620" s="91"/>
      <c r="IJ2620" s="91"/>
      <c r="IK2620" s="127"/>
    </row>
    <row r="2621" spans="2:245" x14ac:dyDescent="0.2">
      <c r="B2621" s="43"/>
      <c r="C2621" s="73"/>
      <c r="D2621" s="64"/>
      <c r="E2621" s="64"/>
      <c r="F2621" s="55"/>
      <c r="G2621" s="102"/>
      <c r="H2621" s="55"/>
      <c r="I2621" s="55"/>
      <c r="J2621" s="55"/>
      <c r="K2621" s="55"/>
      <c r="L2621" s="55"/>
      <c r="M2621" s="55"/>
      <c r="N2621" s="55"/>
      <c r="O2621" s="55"/>
      <c r="P2621" s="55"/>
      <c r="Q2621" s="55"/>
      <c r="R2621" s="55"/>
      <c r="S2621" s="55"/>
      <c r="T2621" s="55"/>
      <c r="U2621" s="55"/>
      <c r="V2621" s="55"/>
      <c r="W2621" s="55"/>
      <c r="X2621" s="55"/>
      <c r="Y2621" s="55"/>
      <c r="Z2621" s="55"/>
      <c r="AA2621" s="55"/>
      <c r="AB2621" s="55"/>
      <c r="AC2621" s="55"/>
      <c r="AD2621" s="55"/>
      <c r="AE2621" s="55"/>
      <c r="AF2621" s="55"/>
      <c r="AG2621" s="55"/>
      <c r="AY2621" s="162"/>
      <c r="AZ2621" s="162"/>
      <c r="BA2621" s="162"/>
      <c r="BB2621" s="162"/>
      <c r="BC2621" s="162"/>
      <c r="BD2621" s="162"/>
      <c r="BE2621" s="162"/>
      <c r="BF2621" s="162"/>
      <c r="BG2621" s="162"/>
      <c r="BH2621" s="162"/>
      <c r="BI2621" s="162"/>
      <c r="BJ2621" s="162"/>
      <c r="BK2621" s="162"/>
      <c r="BL2621" s="162"/>
      <c r="BM2621" s="162"/>
      <c r="BN2621" s="162"/>
      <c r="BO2621" s="162"/>
      <c r="BP2621" s="162"/>
      <c r="BQ2621" s="162"/>
      <c r="BR2621" s="162"/>
      <c r="BS2621" s="162"/>
      <c r="BT2621" s="162"/>
      <c r="BU2621" s="162"/>
      <c r="BV2621" s="162"/>
      <c r="BW2621" s="162"/>
      <c r="BX2621" s="162"/>
      <c r="BY2621" s="162"/>
      <c r="BZ2621" s="162"/>
      <c r="CA2621" s="162"/>
      <c r="CB2621" s="162"/>
      <c r="CC2621" s="162"/>
      <c r="CD2621" s="162"/>
      <c r="CE2621" s="162"/>
      <c r="CF2621" s="162"/>
      <c r="CG2621" s="162"/>
      <c r="CH2621" s="162"/>
      <c r="CI2621" s="162"/>
      <c r="CJ2621" s="162"/>
      <c r="CK2621" s="162"/>
      <c r="CX2621" s="98"/>
      <c r="DL2621" s="97"/>
      <c r="DX2621" s="98"/>
      <c r="EL2621" s="97"/>
      <c r="EX2621" s="98"/>
      <c r="EY2621" s="97"/>
      <c r="FL2621" s="126"/>
      <c r="FM2621" s="91"/>
      <c r="FN2621" s="91"/>
      <c r="FO2621" s="91"/>
      <c r="FP2621" s="91"/>
      <c r="FQ2621" s="91"/>
      <c r="FR2621" s="91"/>
      <c r="FS2621" s="91"/>
      <c r="FT2621" s="91"/>
      <c r="FU2621" s="91"/>
      <c r="FV2621" s="91"/>
      <c r="FW2621" s="91"/>
      <c r="FX2621" s="91"/>
      <c r="FY2621" s="91"/>
      <c r="FZ2621" s="91"/>
      <c r="GA2621" s="91"/>
      <c r="GB2621" s="91"/>
      <c r="GC2621" s="91"/>
      <c r="GD2621" s="91"/>
      <c r="GE2621" s="91"/>
      <c r="GF2621" s="91"/>
      <c r="GG2621" s="91"/>
      <c r="GH2621" s="91"/>
      <c r="GI2621" s="91"/>
      <c r="GJ2621" s="91"/>
      <c r="GK2621" s="127"/>
      <c r="GL2621" s="126"/>
      <c r="GM2621" s="91"/>
      <c r="GN2621" s="91"/>
      <c r="GO2621" s="91"/>
      <c r="GP2621" s="91"/>
      <c r="GQ2621" s="91"/>
      <c r="GR2621" s="91"/>
      <c r="GS2621" s="91"/>
      <c r="GT2621" s="91"/>
      <c r="GU2621" s="91"/>
      <c r="GV2621" s="91"/>
      <c r="GW2621" s="91"/>
      <c r="GX2621" s="91"/>
      <c r="GY2621" s="91"/>
      <c r="GZ2621" s="91"/>
      <c r="HA2621" s="91"/>
      <c r="HB2621" s="91"/>
      <c r="HC2621" s="91"/>
      <c r="HD2621" s="91"/>
      <c r="HE2621" s="91"/>
      <c r="HF2621" s="91"/>
      <c r="HG2621" s="91"/>
      <c r="HH2621" s="91"/>
      <c r="HI2621" s="91"/>
      <c r="HJ2621" s="91"/>
      <c r="HK2621" s="127"/>
      <c r="HL2621" s="126"/>
      <c r="HM2621" s="91"/>
      <c r="HN2621" s="91"/>
      <c r="HO2621" s="91"/>
      <c r="HP2621" s="91"/>
      <c r="HQ2621" s="91"/>
      <c r="HR2621" s="91"/>
      <c r="HS2621" s="91"/>
      <c r="HT2621" s="91"/>
      <c r="HU2621" s="91"/>
      <c r="HV2621" s="91"/>
      <c r="HW2621" s="91"/>
      <c r="HX2621" s="91"/>
      <c r="HY2621" s="91"/>
      <c r="HZ2621" s="91"/>
      <c r="IA2621" s="91"/>
      <c r="IB2621" s="91"/>
      <c r="IC2621" s="91"/>
      <c r="ID2621" s="91"/>
      <c r="IE2621" s="91"/>
      <c r="IF2621" s="91"/>
      <c r="IG2621" s="91"/>
      <c r="IH2621" s="91"/>
      <c r="II2621" s="91"/>
      <c r="IJ2621" s="91"/>
      <c r="IK2621" s="127"/>
    </row>
    <row r="2622" spans="2:245" ht="13.5" thickBot="1" x14ac:dyDescent="0.25">
      <c r="B2622" s="43"/>
      <c r="C2622" s="73"/>
      <c r="D2622" s="64"/>
      <c r="E2622" s="64"/>
      <c r="F2622" s="55"/>
      <c r="G2622" s="102"/>
      <c r="H2622" s="55"/>
      <c r="I2622" s="55"/>
      <c r="J2622" s="55"/>
      <c r="K2622" s="55"/>
      <c r="L2622" s="55"/>
      <c r="M2622" s="55"/>
      <c r="N2622" s="55"/>
      <c r="O2622" s="55"/>
      <c r="P2622" s="55"/>
      <c r="Q2622" s="55"/>
      <c r="R2622" s="55"/>
      <c r="S2622" s="55"/>
      <c r="T2622" s="55"/>
      <c r="U2622" s="55"/>
      <c r="V2622" s="55"/>
      <c r="W2622" s="55"/>
      <c r="X2622" s="55"/>
      <c r="Y2622" s="55"/>
      <c r="Z2622" s="55"/>
      <c r="AA2622" s="55"/>
      <c r="AB2622" s="55"/>
      <c r="AC2622" s="55"/>
      <c r="AD2622" s="55"/>
      <c r="AE2622" s="55"/>
      <c r="AF2622" s="55"/>
      <c r="AG2622" s="55"/>
      <c r="AY2622" s="162"/>
      <c r="AZ2622" s="162"/>
      <c r="BA2622" s="162"/>
      <c r="BB2622" s="162"/>
      <c r="BC2622" s="162"/>
      <c r="BD2622" s="162"/>
      <c r="BE2622" s="162"/>
      <c r="BF2622" s="162"/>
      <c r="BG2622" s="162"/>
      <c r="BH2622" s="162"/>
      <c r="BI2622" s="162"/>
      <c r="BJ2622" s="162"/>
      <c r="BK2622" s="162"/>
      <c r="BL2622" s="162"/>
      <c r="BM2622" s="162"/>
      <c r="BN2622" s="162"/>
      <c r="BO2622" s="162"/>
      <c r="BP2622" s="162"/>
      <c r="BQ2622" s="162"/>
      <c r="BR2622" s="162"/>
      <c r="BS2622" s="162"/>
      <c r="BT2622" s="162"/>
      <c r="BU2622" s="162"/>
      <c r="BV2622" s="162"/>
      <c r="BW2622" s="162"/>
      <c r="BX2622" s="162"/>
      <c r="BY2622" s="162"/>
      <c r="BZ2622" s="162"/>
      <c r="CA2622" s="162"/>
      <c r="CB2622" s="162"/>
      <c r="CC2622" s="162"/>
      <c r="CD2622" s="162"/>
      <c r="CE2622" s="162"/>
      <c r="CF2622" s="162"/>
      <c r="CG2622" s="162"/>
      <c r="CH2622" s="162"/>
      <c r="CI2622" s="162"/>
      <c r="CJ2622" s="162"/>
      <c r="CK2622" s="162"/>
      <c r="CL2622" s="166"/>
      <c r="CM2622" s="166"/>
      <c r="CN2622" s="166"/>
      <c r="CO2622" s="166"/>
      <c r="CP2622" s="166"/>
      <c r="CQ2622" s="166"/>
      <c r="CR2622" s="166"/>
      <c r="CS2622" s="166"/>
      <c r="CT2622" s="166"/>
      <c r="CU2622" s="166"/>
      <c r="CV2622" s="166"/>
      <c r="CW2622" s="166"/>
      <c r="CX2622" s="176"/>
      <c r="CY2622" s="166"/>
      <c r="CZ2622" s="166"/>
      <c r="DA2622" s="166"/>
      <c r="DB2622" s="166"/>
      <c r="DC2622" s="166"/>
      <c r="DD2622" s="166"/>
      <c r="DE2622" s="166"/>
      <c r="DF2622" s="166"/>
      <c r="DG2622" s="166"/>
      <c r="DH2622" s="166"/>
      <c r="DI2622" s="166"/>
      <c r="DJ2622" s="166"/>
      <c r="DK2622" s="166"/>
      <c r="DL2622" s="175"/>
      <c r="DM2622" s="166"/>
      <c r="DN2622" s="166"/>
      <c r="DO2622" s="166"/>
      <c r="DP2622" s="166"/>
      <c r="DQ2622" s="166"/>
      <c r="DR2622" s="166"/>
      <c r="DS2622" s="166"/>
      <c r="DT2622" s="166"/>
      <c r="DU2622" s="166"/>
      <c r="DV2622" s="166"/>
      <c r="DW2622" s="166"/>
      <c r="DX2622" s="176"/>
      <c r="DY2622" s="166"/>
      <c r="DZ2622" s="166"/>
      <c r="EA2622" s="166"/>
      <c r="EB2622" s="166"/>
      <c r="EC2622" s="166"/>
      <c r="ED2622" s="166"/>
      <c r="EE2622" s="166"/>
      <c r="EF2622" s="166"/>
      <c r="EG2622" s="166"/>
      <c r="EH2622" s="166"/>
      <c r="EI2622" s="166"/>
      <c r="EJ2622" s="166"/>
      <c r="EK2622" s="166"/>
      <c r="EL2622" s="175"/>
      <c r="EM2622" s="166"/>
      <c r="EN2622" s="166"/>
      <c r="EO2622" s="166"/>
      <c r="EP2622" s="166"/>
      <c r="EQ2622" s="166"/>
      <c r="ER2622" s="166"/>
      <c r="ES2622" s="166"/>
      <c r="ET2622" s="166"/>
      <c r="EU2622" s="166"/>
      <c r="EV2622" s="166"/>
      <c r="EW2622" s="166"/>
      <c r="EX2622" s="176"/>
      <c r="EY2622" s="175"/>
      <c r="EZ2622" s="166"/>
      <c r="FA2622" s="166"/>
      <c r="FB2622" s="166"/>
      <c r="FC2622" s="166"/>
      <c r="FD2622" s="166"/>
      <c r="FE2622" s="166"/>
      <c r="FF2622" s="166"/>
      <c r="FG2622" s="166"/>
      <c r="FH2622" s="166"/>
      <c r="FI2622" s="166"/>
      <c r="FJ2622" s="166"/>
      <c r="FK2622" s="166"/>
      <c r="FL2622" s="126"/>
      <c r="FM2622" s="91"/>
      <c r="FN2622" s="91"/>
      <c r="FO2622" s="91"/>
      <c r="FP2622" s="91"/>
      <c r="FQ2622" s="91"/>
      <c r="FR2622" s="91"/>
      <c r="FS2622" s="91"/>
      <c r="FT2622" s="91"/>
      <c r="FU2622" s="91"/>
      <c r="FV2622" s="91"/>
      <c r="FW2622" s="91"/>
      <c r="FX2622" s="91"/>
      <c r="FY2622" s="91"/>
      <c r="FZ2622" s="91"/>
      <c r="GA2622" s="91"/>
      <c r="GB2622" s="91"/>
      <c r="GC2622" s="91"/>
      <c r="GD2622" s="91"/>
      <c r="GE2622" s="91"/>
      <c r="GF2622" s="91"/>
      <c r="GG2622" s="91"/>
      <c r="GH2622" s="91"/>
      <c r="GI2622" s="91"/>
      <c r="GJ2622" s="91"/>
      <c r="GK2622" s="127"/>
      <c r="GL2622" s="126"/>
      <c r="GM2622" s="91"/>
      <c r="GN2622" s="91"/>
      <c r="GO2622" s="91"/>
      <c r="GP2622" s="91"/>
      <c r="GQ2622" s="91"/>
      <c r="GR2622" s="91"/>
      <c r="GS2622" s="91"/>
      <c r="GT2622" s="91"/>
      <c r="GU2622" s="91"/>
      <c r="GV2622" s="91"/>
      <c r="GW2622" s="91"/>
      <c r="GX2622" s="91"/>
      <c r="GY2622" s="91"/>
      <c r="GZ2622" s="91"/>
      <c r="HA2622" s="91"/>
      <c r="HB2622" s="91"/>
      <c r="HC2622" s="91"/>
      <c r="HD2622" s="91"/>
      <c r="HE2622" s="91"/>
      <c r="HF2622" s="91"/>
      <c r="HG2622" s="91"/>
      <c r="HH2622" s="91"/>
      <c r="HI2622" s="91"/>
      <c r="HJ2622" s="91"/>
      <c r="HK2622" s="127"/>
      <c r="HL2622" s="126"/>
      <c r="HM2622" s="91"/>
      <c r="HN2622" s="91"/>
      <c r="HO2622" s="91"/>
      <c r="HP2622" s="91"/>
      <c r="HQ2622" s="91"/>
      <c r="HR2622" s="91"/>
      <c r="HS2622" s="91"/>
      <c r="HT2622" s="91"/>
      <c r="HU2622" s="91"/>
      <c r="HV2622" s="91"/>
      <c r="HW2622" s="91"/>
      <c r="HX2622" s="91"/>
      <c r="HY2622" s="91"/>
      <c r="HZ2622" s="91"/>
      <c r="IA2622" s="91"/>
      <c r="IB2622" s="91"/>
      <c r="IC2622" s="91"/>
      <c r="ID2622" s="91"/>
      <c r="IE2622" s="91"/>
      <c r="IF2622" s="91"/>
      <c r="IG2622" s="91"/>
      <c r="IH2622" s="91"/>
      <c r="II2622" s="91"/>
      <c r="IJ2622" s="91"/>
      <c r="IK2622" s="127"/>
    </row>
    <row r="2623" spans="2:245" x14ac:dyDescent="0.2">
      <c r="B2623" s="43"/>
      <c r="C2623" s="73"/>
      <c r="D2623" s="64"/>
      <c r="E2623" s="64"/>
      <c r="F2623" s="55"/>
      <c r="G2623" s="102"/>
      <c r="H2623" s="55"/>
      <c r="I2623" s="55"/>
      <c r="J2623" s="55"/>
      <c r="K2623" s="55"/>
      <c r="L2623" s="55"/>
      <c r="M2623" s="55"/>
      <c r="N2623" s="55"/>
      <c r="O2623" s="55"/>
      <c r="P2623" s="55"/>
      <c r="Q2623" s="55"/>
      <c r="R2623" s="55"/>
      <c r="S2623" s="55"/>
      <c r="T2623" s="55"/>
      <c r="U2623" s="55"/>
      <c r="V2623" s="55"/>
      <c r="W2623" s="55"/>
      <c r="X2623" s="55"/>
      <c r="Y2623" s="55"/>
      <c r="Z2623" s="55"/>
      <c r="AA2623" s="55"/>
      <c r="AB2623" s="55"/>
      <c r="AC2623" s="55"/>
      <c r="AD2623" s="55"/>
      <c r="AE2623" s="55"/>
      <c r="AF2623" s="55"/>
      <c r="AG2623" s="55"/>
      <c r="AY2623" s="162"/>
      <c r="AZ2623" s="162"/>
      <c r="BA2623" s="162"/>
      <c r="BB2623" s="162"/>
      <c r="BC2623" s="162"/>
      <c r="BD2623" s="162"/>
      <c r="BE2623" s="162"/>
      <c r="BF2623" s="162"/>
      <c r="BG2623" s="162"/>
      <c r="BH2623" s="162"/>
      <c r="BI2623" s="162"/>
      <c r="BJ2623" s="162"/>
      <c r="BK2623" s="162"/>
      <c r="BL2623" s="162"/>
      <c r="BM2623" s="162"/>
      <c r="BN2623" s="162"/>
      <c r="BO2623" s="162"/>
      <c r="BP2623" s="162"/>
      <c r="BQ2623" s="162"/>
      <c r="BR2623" s="162"/>
      <c r="BS2623" s="162"/>
      <c r="BT2623" s="162"/>
      <c r="BU2623" s="162"/>
      <c r="BV2623" s="162"/>
      <c r="BW2623" s="162"/>
      <c r="BX2623" s="162"/>
      <c r="BY2623" s="162"/>
      <c r="BZ2623" s="162"/>
      <c r="CA2623" s="162"/>
      <c r="CB2623" s="162"/>
      <c r="CC2623" s="162"/>
      <c r="CD2623" s="162"/>
      <c r="CE2623" s="162"/>
      <c r="CF2623" s="162"/>
      <c r="CG2623" s="162"/>
      <c r="CH2623" s="162"/>
      <c r="CI2623" s="162"/>
      <c r="CJ2623" s="162"/>
      <c r="CK2623" s="162"/>
      <c r="CX2623" s="98"/>
      <c r="DL2623" s="97"/>
      <c r="DX2623" s="98"/>
      <c r="EL2623" s="97"/>
      <c r="EX2623" s="98"/>
      <c r="EY2623" s="97"/>
      <c r="FL2623" s="126"/>
      <c r="FM2623" s="91"/>
      <c r="FN2623" s="91"/>
      <c r="FO2623" s="91"/>
      <c r="FP2623" s="91"/>
      <c r="FQ2623" s="91"/>
      <c r="FR2623" s="91"/>
      <c r="FS2623" s="91"/>
      <c r="FT2623" s="91"/>
      <c r="FU2623" s="91"/>
      <c r="FV2623" s="91"/>
      <c r="FW2623" s="91"/>
      <c r="FX2623" s="91"/>
      <c r="FY2623" s="91"/>
      <c r="FZ2623" s="91"/>
      <c r="GA2623" s="91"/>
      <c r="GB2623" s="91"/>
      <c r="GC2623" s="91"/>
      <c r="GD2623" s="91"/>
      <c r="GE2623" s="91"/>
      <c r="GF2623" s="91"/>
      <c r="GG2623" s="91"/>
      <c r="GH2623" s="91"/>
      <c r="GI2623" s="91"/>
      <c r="GJ2623" s="91"/>
      <c r="GK2623" s="127"/>
      <c r="GL2623" s="126"/>
      <c r="GM2623" s="91"/>
      <c r="GN2623" s="91"/>
      <c r="GO2623" s="91"/>
      <c r="GP2623" s="91"/>
      <c r="GQ2623" s="91"/>
      <c r="GR2623" s="91"/>
      <c r="GS2623" s="91"/>
      <c r="GT2623" s="91"/>
      <c r="GU2623" s="91"/>
      <c r="GV2623" s="91"/>
      <c r="GW2623" s="91"/>
      <c r="GX2623" s="91"/>
      <c r="GY2623" s="91"/>
      <c r="GZ2623" s="91"/>
      <c r="HA2623" s="91"/>
      <c r="HB2623" s="91"/>
      <c r="HC2623" s="91"/>
      <c r="HD2623" s="91"/>
      <c r="HE2623" s="91"/>
      <c r="HF2623" s="91"/>
      <c r="HG2623" s="91"/>
      <c r="HH2623" s="91"/>
      <c r="HI2623" s="91"/>
      <c r="HJ2623" s="91"/>
      <c r="HK2623" s="127"/>
      <c r="HL2623" s="126"/>
      <c r="HM2623" s="91"/>
      <c r="HN2623" s="91"/>
      <c r="HO2623" s="91"/>
      <c r="HP2623" s="91"/>
      <c r="HQ2623" s="91"/>
      <c r="HR2623" s="91"/>
      <c r="HS2623" s="91"/>
      <c r="HT2623" s="91"/>
      <c r="HU2623" s="91"/>
      <c r="HV2623" s="91"/>
      <c r="HW2623" s="91"/>
      <c r="HX2623" s="91"/>
      <c r="HY2623" s="91"/>
      <c r="HZ2623" s="91"/>
      <c r="IA2623" s="91"/>
      <c r="IB2623" s="91"/>
      <c r="IC2623" s="91"/>
      <c r="ID2623" s="91"/>
      <c r="IE2623" s="91"/>
      <c r="IF2623" s="91"/>
      <c r="IG2623" s="91"/>
      <c r="IH2623" s="91"/>
      <c r="II2623" s="91"/>
      <c r="IJ2623" s="91"/>
      <c r="IK2623" s="127"/>
    </row>
    <row r="2624" spans="2:245" x14ac:dyDescent="0.2">
      <c r="B2624" s="43"/>
      <c r="C2624" s="73"/>
      <c r="D2624" s="64"/>
      <c r="E2624" s="64"/>
      <c r="F2624" s="55"/>
      <c r="G2624" s="102"/>
      <c r="H2624" s="55"/>
      <c r="I2624" s="55"/>
      <c r="J2624" s="55"/>
      <c r="K2624" s="55"/>
      <c r="L2624" s="55"/>
      <c r="M2624" s="55"/>
      <c r="N2624" s="55"/>
      <c r="O2624" s="55"/>
      <c r="P2624" s="55"/>
      <c r="Q2624" s="55"/>
      <c r="R2624" s="55"/>
      <c r="S2624" s="55"/>
      <c r="T2624" s="55"/>
      <c r="U2624" s="55"/>
      <c r="V2624" s="55"/>
      <c r="W2624" s="55"/>
      <c r="X2624" s="55"/>
      <c r="Y2624" s="55"/>
      <c r="Z2624" s="55"/>
      <c r="AA2624" s="55"/>
      <c r="AB2624" s="55"/>
      <c r="AC2624" s="55"/>
      <c r="AD2624" s="55"/>
      <c r="AE2624" s="55"/>
      <c r="AF2624" s="55"/>
      <c r="AG2624" s="55"/>
      <c r="AY2624" s="162"/>
      <c r="AZ2624" s="162"/>
      <c r="BA2624" s="162"/>
      <c r="BB2624" s="162"/>
      <c r="BC2624" s="162"/>
      <c r="BD2624" s="162"/>
      <c r="BE2624" s="162"/>
      <c r="BF2624" s="162"/>
      <c r="BG2624" s="162"/>
      <c r="BH2624" s="162"/>
      <c r="BI2624" s="162"/>
      <c r="BJ2624" s="162"/>
      <c r="BK2624" s="162"/>
      <c r="BL2624" s="162"/>
      <c r="BM2624" s="162"/>
      <c r="BN2624" s="162"/>
      <c r="BO2624" s="162"/>
      <c r="BP2624" s="162"/>
      <c r="BQ2624" s="162"/>
      <c r="BR2624" s="162"/>
      <c r="BS2624" s="162"/>
      <c r="BT2624" s="162"/>
      <c r="BU2624" s="162"/>
      <c r="BV2624" s="162"/>
      <c r="BW2624" s="162"/>
      <c r="BX2624" s="162"/>
      <c r="BY2624" s="162"/>
      <c r="BZ2624" s="162"/>
      <c r="CA2624" s="162"/>
      <c r="CB2624" s="162"/>
      <c r="CC2624" s="162"/>
      <c r="CD2624" s="162"/>
      <c r="CE2624" s="162"/>
      <c r="CF2624" s="162"/>
      <c r="CG2624" s="162"/>
      <c r="CH2624" s="162"/>
      <c r="CI2624" s="162"/>
      <c r="CJ2624" s="162"/>
      <c r="CK2624" s="162"/>
      <c r="CX2624" s="98"/>
      <c r="DL2624" s="97"/>
      <c r="DX2624" s="98"/>
      <c r="EL2624" s="97"/>
      <c r="EX2624" s="98"/>
      <c r="EY2624" s="97"/>
      <c r="FL2624" s="126"/>
      <c r="FM2624" s="91"/>
      <c r="FN2624" s="91"/>
      <c r="FO2624" s="91"/>
      <c r="FP2624" s="91"/>
      <c r="FQ2624" s="91"/>
      <c r="FR2624" s="91"/>
      <c r="FS2624" s="91"/>
      <c r="FT2624" s="91"/>
      <c r="FU2624" s="91"/>
      <c r="FV2624" s="91"/>
      <c r="FW2624" s="91"/>
      <c r="FX2624" s="91"/>
      <c r="FY2624" s="91"/>
      <c r="FZ2624" s="91"/>
      <c r="GA2624" s="91"/>
      <c r="GB2624" s="91"/>
      <c r="GC2624" s="91"/>
      <c r="GD2624" s="91"/>
      <c r="GE2624" s="91"/>
      <c r="GF2624" s="91"/>
      <c r="GG2624" s="91"/>
      <c r="GH2624" s="91"/>
      <c r="GI2624" s="91"/>
      <c r="GJ2624" s="91"/>
      <c r="GK2624" s="127"/>
      <c r="GL2624" s="126"/>
      <c r="GM2624" s="91"/>
      <c r="GN2624" s="91"/>
      <c r="GO2624" s="91"/>
      <c r="GP2624" s="91"/>
      <c r="GQ2624" s="91"/>
      <c r="GR2624" s="91"/>
      <c r="GS2624" s="91"/>
      <c r="GT2624" s="91"/>
      <c r="GU2624" s="91"/>
      <c r="GV2624" s="91"/>
      <c r="GW2624" s="91"/>
      <c r="GX2624" s="91"/>
      <c r="GY2624" s="91"/>
      <c r="GZ2624" s="91"/>
      <c r="HA2624" s="91"/>
      <c r="HB2624" s="91"/>
      <c r="HC2624" s="91"/>
      <c r="HD2624" s="91"/>
      <c r="HE2624" s="91"/>
      <c r="HF2624" s="91"/>
      <c r="HG2624" s="91"/>
      <c r="HH2624" s="91"/>
      <c r="HI2624" s="91"/>
      <c r="HJ2624" s="91"/>
      <c r="HK2624" s="127"/>
      <c r="HL2624" s="126"/>
      <c r="HM2624" s="91"/>
      <c r="HN2624" s="91"/>
      <c r="HO2624" s="91"/>
      <c r="HP2624" s="91"/>
      <c r="HQ2624" s="91"/>
      <c r="HR2624" s="91"/>
      <c r="HS2624" s="91"/>
      <c r="HT2624" s="91"/>
      <c r="HU2624" s="91"/>
      <c r="HV2624" s="91"/>
      <c r="HW2624" s="91"/>
      <c r="HX2624" s="91"/>
      <c r="HY2624" s="91"/>
      <c r="HZ2624" s="91"/>
      <c r="IA2624" s="91"/>
      <c r="IB2624" s="91"/>
      <c r="IC2624" s="91"/>
      <c r="ID2624" s="91"/>
      <c r="IE2624" s="91"/>
      <c r="IF2624" s="91"/>
      <c r="IG2624" s="91"/>
      <c r="IH2624" s="91"/>
      <c r="II2624" s="91"/>
      <c r="IJ2624" s="91"/>
      <c r="IK2624" s="127"/>
    </row>
    <row r="2625" spans="2:245" x14ac:dyDescent="0.2">
      <c r="B2625" s="43"/>
      <c r="C2625" s="73"/>
      <c r="D2625" s="64"/>
      <c r="E2625" s="64"/>
      <c r="F2625" s="55"/>
      <c r="G2625" s="102"/>
      <c r="H2625" s="55"/>
      <c r="I2625" s="55"/>
      <c r="J2625" s="55"/>
      <c r="K2625" s="55"/>
      <c r="L2625" s="55"/>
      <c r="M2625" s="55"/>
      <c r="N2625" s="55"/>
      <c r="O2625" s="55"/>
      <c r="P2625" s="55"/>
      <c r="Q2625" s="55"/>
      <c r="R2625" s="55"/>
      <c r="S2625" s="55"/>
      <c r="T2625" s="55"/>
      <c r="U2625" s="55"/>
      <c r="V2625" s="55"/>
      <c r="W2625" s="55"/>
      <c r="X2625" s="55"/>
      <c r="Y2625" s="55"/>
      <c r="Z2625" s="55"/>
      <c r="AA2625" s="55"/>
      <c r="AB2625" s="55"/>
      <c r="AC2625" s="55"/>
      <c r="AD2625" s="55"/>
      <c r="AE2625" s="55"/>
      <c r="AF2625" s="55"/>
      <c r="AG2625" s="55"/>
      <c r="AY2625" s="162"/>
      <c r="AZ2625" s="162"/>
      <c r="BA2625" s="162"/>
      <c r="BB2625" s="162"/>
      <c r="BC2625" s="162"/>
      <c r="BD2625" s="162"/>
      <c r="BE2625" s="162"/>
      <c r="BF2625" s="162"/>
      <c r="BG2625" s="162"/>
      <c r="BH2625" s="162"/>
      <c r="BI2625" s="162"/>
      <c r="BJ2625" s="162"/>
      <c r="BK2625" s="162"/>
      <c r="BL2625" s="162"/>
      <c r="BM2625" s="162"/>
      <c r="BN2625" s="162"/>
      <c r="BO2625" s="162"/>
      <c r="BP2625" s="162"/>
      <c r="BQ2625" s="162"/>
      <c r="BR2625" s="162"/>
      <c r="BS2625" s="162"/>
      <c r="BT2625" s="162"/>
      <c r="BU2625" s="162"/>
      <c r="BV2625" s="162"/>
      <c r="BW2625" s="162"/>
      <c r="BX2625" s="162"/>
      <c r="BY2625" s="162"/>
      <c r="BZ2625" s="162"/>
      <c r="CA2625" s="162"/>
      <c r="CB2625" s="162"/>
      <c r="CC2625" s="162"/>
      <c r="CD2625" s="162"/>
      <c r="CE2625" s="162"/>
      <c r="CF2625" s="162"/>
      <c r="CG2625" s="162"/>
      <c r="CH2625" s="162"/>
      <c r="CI2625" s="162"/>
      <c r="CJ2625" s="162"/>
      <c r="CK2625" s="162"/>
      <c r="CX2625" s="98"/>
      <c r="DL2625" s="97"/>
      <c r="DX2625" s="98"/>
      <c r="EL2625" s="97"/>
      <c r="EX2625" s="98"/>
      <c r="EY2625" s="97"/>
      <c r="FL2625" s="126"/>
      <c r="FM2625" s="91"/>
      <c r="FN2625" s="91"/>
      <c r="FO2625" s="91"/>
      <c r="FP2625" s="91"/>
      <c r="FQ2625" s="91"/>
      <c r="FR2625" s="91"/>
      <c r="FS2625" s="91"/>
      <c r="FT2625" s="91"/>
      <c r="FU2625" s="91"/>
      <c r="FV2625" s="91"/>
      <c r="FW2625" s="91"/>
      <c r="FX2625" s="91"/>
      <c r="FY2625" s="91"/>
      <c r="FZ2625" s="91"/>
      <c r="GA2625" s="91"/>
      <c r="GB2625" s="91"/>
      <c r="GC2625" s="91"/>
      <c r="GD2625" s="91"/>
      <c r="GE2625" s="91"/>
      <c r="GF2625" s="91"/>
      <c r="GG2625" s="91"/>
      <c r="GH2625" s="91"/>
      <c r="GI2625" s="91"/>
      <c r="GJ2625" s="91"/>
      <c r="GK2625" s="127"/>
      <c r="GL2625" s="126"/>
      <c r="GM2625" s="91"/>
      <c r="GN2625" s="91"/>
      <c r="GO2625" s="91"/>
      <c r="GP2625" s="91"/>
      <c r="GQ2625" s="91"/>
      <c r="GR2625" s="91"/>
      <c r="GS2625" s="91"/>
      <c r="GT2625" s="91"/>
      <c r="GU2625" s="91"/>
      <c r="GV2625" s="91"/>
      <c r="GW2625" s="91"/>
      <c r="GX2625" s="91"/>
      <c r="GY2625" s="91"/>
      <c r="GZ2625" s="91"/>
      <c r="HA2625" s="91"/>
      <c r="HB2625" s="91"/>
      <c r="HC2625" s="91"/>
      <c r="HD2625" s="91"/>
      <c r="HE2625" s="91"/>
      <c r="HF2625" s="91"/>
      <c r="HG2625" s="91"/>
      <c r="HH2625" s="91"/>
      <c r="HI2625" s="91"/>
      <c r="HJ2625" s="91"/>
      <c r="HK2625" s="127"/>
      <c r="HL2625" s="126"/>
      <c r="HM2625" s="91"/>
      <c r="HN2625" s="91"/>
      <c r="HO2625" s="91"/>
      <c r="HP2625" s="91"/>
      <c r="HQ2625" s="91"/>
      <c r="HR2625" s="91"/>
      <c r="HS2625" s="91"/>
      <c r="HT2625" s="91"/>
      <c r="HU2625" s="91"/>
      <c r="HV2625" s="91"/>
      <c r="HW2625" s="91"/>
      <c r="HX2625" s="91"/>
      <c r="HY2625" s="91"/>
      <c r="HZ2625" s="91"/>
      <c r="IA2625" s="91"/>
      <c r="IB2625" s="91"/>
      <c r="IC2625" s="91"/>
      <c r="ID2625" s="91"/>
      <c r="IE2625" s="91"/>
      <c r="IF2625" s="91"/>
      <c r="IG2625" s="91"/>
      <c r="IH2625" s="91"/>
      <c r="II2625" s="91"/>
      <c r="IJ2625" s="91"/>
      <c r="IK2625" s="127"/>
    </row>
    <row r="2626" spans="2:245" x14ac:dyDescent="0.2">
      <c r="B2626" s="43"/>
      <c r="C2626" s="73"/>
      <c r="D2626" s="64"/>
      <c r="E2626" s="64"/>
      <c r="F2626" s="55"/>
      <c r="G2626" s="102"/>
      <c r="H2626" s="55"/>
      <c r="I2626" s="55"/>
      <c r="J2626" s="55"/>
      <c r="K2626" s="55"/>
      <c r="L2626" s="55"/>
      <c r="M2626" s="55"/>
      <c r="N2626" s="55"/>
      <c r="O2626" s="55"/>
      <c r="P2626" s="55"/>
      <c r="Q2626" s="55"/>
      <c r="R2626" s="55"/>
      <c r="S2626" s="55"/>
      <c r="T2626" s="55"/>
      <c r="U2626" s="55"/>
      <c r="V2626" s="55"/>
      <c r="W2626" s="55"/>
      <c r="X2626" s="55"/>
      <c r="Y2626" s="55"/>
      <c r="Z2626" s="55"/>
      <c r="AA2626" s="55"/>
      <c r="AB2626" s="55"/>
      <c r="AC2626" s="55"/>
      <c r="AD2626" s="55"/>
      <c r="AE2626" s="55"/>
      <c r="AF2626" s="55"/>
      <c r="AG2626" s="55"/>
      <c r="AY2626" s="162"/>
      <c r="AZ2626" s="162"/>
      <c r="BA2626" s="162"/>
      <c r="BB2626" s="162"/>
      <c r="BC2626" s="162"/>
      <c r="BD2626" s="162"/>
      <c r="BE2626" s="162"/>
      <c r="BF2626" s="162"/>
      <c r="BG2626" s="162"/>
      <c r="BH2626" s="162"/>
      <c r="BI2626" s="162"/>
      <c r="BJ2626" s="162"/>
      <c r="BK2626" s="162"/>
      <c r="BL2626" s="162"/>
      <c r="BM2626" s="162"/>
      <c r="BN2626" s="162"/>
      <c r="BO2626" s="162"/>
      <c r="BP2626" s="162"/>
      <c r="BQ2626" s="162"/>
      <c r="BR2626" s="162"/>
      <c r="BS2626" s="162"/>
      <c r="BT2626" s="162"/>
      <c r="BU2626" s="162"/>
      <c r="BV2626" s="162"/>
      <c r="BW2626" s="162"/>
      <c r="BX2626" s="162"/>
      <c r="BY2626" s="162"/>
      <c r="BZ2626" s="162"/>
      <c r="CA2626" s="162"/>
      <c r="CB2626" s="162"/>
      <c r="CC2626" s="162"/>
      <c r="CD2626" s="162"/>
      <c r="CE2626" s="162"/>
      <c r="CF2626" s="162"/>
      <c r="CG2626" s="162"/>
      <c r="CH2626" s="162"/>
      <c r="CI2626" s="162"/>
      <c r="CJ2626" s="162"/>
      <c r="CK2626" s="162"/>
      <c r="CX2626" s="98"/>
      <c r="DL2626" s="97"/>
      <c r="DX2626" s="98"/>
      <c r="EL2626" s="97"/>
      <c r="EX2626" s="98"/>
      <c r="EY2626" s="97"/>
      <c r="FL2626" s="126"/>
      <c r="FM2626" s="91"/>
      <c r="FN2626" s="91"/>
      <c r="FO2626" s="91"/>
      <c r="FP2626" s="91"/>
      <c r="FQ2626" s="91"/>
      <c r="FR2626" s="91"/>
      <c r="FS2626" s="91"/>
      <c r="FT2626" s="91"/>
      <c r="FU2626" s="91"/>
      <c r="FV2626" s="91"/>
      <c r="FW2626" s="91"/>
      <c r="FX2626" s="91"/>
      <c r="FY2626" s="91"/>
      <c r="FZ2626" s="91"/>
      <c r="GA2626" s="91"/>
      <c r="GB2626" s="91"/>
      <c r="GC2626" s="91"/>
      <c r="GD2626" s="91"/>
      <c r="GE2626" s="91"/>
      <c r="GF2626" s="91"/>
      <c r="GG2626" s="91"/>
      <c r="GH2626" s="91"/>
      <c r="GI2626" s="91"/>
      <c r="GJ2626" s="91"/>
      <c r="GK2626" s="127"/>
      <c r="GL2626" s="126"/>
      <c r="GM2626" s="91"/>
      <c r="GN2626" s="91"/>
      <c r="GO2626" s="91"/>
      <c r="GP2626" s="91"/>
      <c r="GQ2626" s="91"/>
      <c r="GR2626" s="91"/>
      <c r="GS2626" s="91"/>
      <c r="GT2626" s="91"/>
      <c r="GU2626" s="91"/>
      <c r="GV2626" s="91"/>
      <c r="GW2626" s="91"/>
      <c r="GX2626" s="91"/>
      <c r="GY2626" s="91"/>
      <c r="GZ2626" s="91"/>
      <c r="HA2626" s="91"/>
      <c r="HB2626" s="91"/>
      <c r="HC2626" s="91"/>
      <c r="HD2626" s="91"/>
      <c r="HE2626" s="91"/>
      <c r="HF2626" s="91"/>
      <c r="HG2626" s="91"/>
      <c r="HH2626" s="91"/>
      <c r="HI2626" s="91"/>
      <c r="HJ2626" s="91"/>
      <c r="HK2626" s="127"/>
      <c r="HL2626" s="126"/>
      <c r="HM2626" s="91"/>
      <c r="HN2626" s="91"/>
      <c r="HO2626" s="91"/>
      <c r="HP2626" s="91"/>
      <c r="HQ2626" s="91"/>
      <c r="HR2626" s="91"/>
      <c r="HS2626" s="91"/>
      <c r="HT2626" s="91"/>
      <c r="HU2626" s="91"/>
      <c r="HV2626" s="91"/>
      <c r="HW2626" s="91"/>
      <c r="HX2626" s="91"/>
      <c r="HY2626" s="91"/>
      <c r="HZ2626" s="91"/>
      <c r="IA2626" s="91"/>
      <c r="IB2626" s="91"/>
      <c r="IC2626" s="91"/>
      <c r="ID2626" s="91"/>
      <c r="IE2626" s="91"/>
      <c r="IF2626" s="91"/>
      <c r="IG2626" s="91"/>
      <c r="IH2626" s="91"/>
      <c r="II2626" s="91"/>
      <c r="IJ2626" s="91"/>
      <c r="IK2626" s="127"/>
    </row>
    <row r="2627" spans="2:245" ht="13.5" thickBot="1" x14ac:dyDescent="0.25">
      <c r="B2627" s="43"/>
      <c r="C2627" s="73"/>
      <c r="D2627" s="64"/>
      <c r="E2627" s="64"/>
      <c r="F2627" s="55"/>
      <c r="G2627" s="102"/>
      <c r="H2627" s="55"/>
      <c r="I2627" s="55"/>
      <c r="J2627" s="55"/>
      <c r="K2627" s="55"/>
      <c r="L2627" s="55"/>
      <c r="M2627" s="55"/>
      <c r="N2627" s="55"/>
      <c r="O2627" s="55"/>
      <c r="P2627" s="55"/>
      <c r="Q2627" s="55"/>
      <c r="R2627" s="55"/>
      <c r="S2627" s="55"/>
      <c r="T2627" s="55"/>
      <c r="U2627" s="55"/>
      <c r="V2627" s="55"/>
      <c r="W2627" s="55"/>
      <c r="X2627" s="55"/>
      <c r="Y2627" s="55"/>
      <c r="Z2627" s="55"/>
      <c r="AA2627" s="55"/>
      <c r="AB2627" s="55"/>
      <c r="AC2627" s="55"/>
      <c r="AD2627" s="55"/>
      <c r="AE2627" s="55"/>
      <c r="AF2627" s="55"/>
      <c r="AG2627" s="55"/>
      <c r="AY2627" s="162"/>
      <c r="AZ2627" s="162"/>
      <c r="BA2627" s="162"/>
      <c r="BB2627" s="162"/>
      <c r="BC2627" s="162"/>
      <c r="BD2627" s="162"/>
      <c r="BE2627" s="162"/>
      <c r="BF2627" s="162"/>
      <c r="BG2627" s="162"/>
      <c r="BH2627" s="162"/>
      <c r="BI2627" s="162"/>
      <c r="BJ2627" s="162"/>
      <c r="BK2627" s="162"/>
      <c r="BL2627" s="162"/>
      <c r="BM2627" s="162"/>
      <c r="BN2627" s="162"/>
      <c r="BO2627" s="162"/>
      <c r="BP2627" s="162"/>
      <c r="BQ2627" s="162"/>
      <c r="BR2627" s="162"/>
      <c r="BS2627" s="162"/>
      <c r="BT2627" s="162"/>
      <c r="BU2627" s="162"/>
      <c r="BV2627" s="162"/>
      <c r="BW2627" s="162"/>
      <c r="BX2627" s="162"/>
      <c r="BY2627" s="162"/>
      <c r="BZ2627" s="162"/>
      <c r="CA2627" s="162"/>
      <c r="CB2627" s="162"/>
      <c r="CC2627" s="162"/>
      <c r="CD2627" s="162"/>
      <c r="CE2627" s="162"/>
      <c r="CF2627" s="162"/>
      <c r="CG2627" s="162"/>
      <c r="CH2627" s="162"/>
      <c r="CI2627" s="162"/>
      <c r="CJ2627" s="162"/>
      <c r="CK2627" s="162"/>
      <c r="CX2627" s="98"/>
      <c r="DL2627" s="97"/>
      <c r="DX2627" s="98"/>
      <c r="EL2627" s="97"/>
      <c r="EX2627" s="98"/>
      <c r="EY2627" s="97"/>
      <c r="FL2627" s="126"/>
      <c r="FM2627" s="91"/>
      <c r="FN2627" s="91"/>
      <c r="FO2627" s="91"/>
      <c r="FP2627" s="91"/>
      <c r="FQ2627" s="91"/>
      <c r="FR2627" s="91"/>
      <c r="FS2627" s="91"/>
      <c r="FT2627" s="91"/>
      <c r="FU2627" s="91"/>
      <c r="FV2627" s="91"/>
      <c r="FW2627" s="91"/>
      <c r="FX2627" s="91"/>
      <c r="FY2627" s="91"/>
      <c r="FZ2627" s="91"/>
      <c r="GA2627" s="91"/>
      <c r="GB2627" s="91"/>
      <c r="GC2627" s="91"/>
      <c r="GD2627" s="91"/>
      <c r="GE2627" s="91"/>
      <c r="GF2627" s="91"/>
      <c r="GG2627" s="91"/>
      <c r="GH2627" s="91"/>
      <c r="GI2627" s="91"/>
      <c r="GJ2627" s="91"/>
      <c r="GK2627" s="127"/>
      <c r="GL2627" s="126"/>
      <c r="GM2627" s="91"/>
      <c r="GN2627" s="91"/>
      <c r="GO2627" s="91"/>
      <c r="GP2627" s="91"/>
      <c r="GQ2627" s="91"/>
      <c r="GR2627" s="91"/>
      <c r="GS2627" s="91"/>
      <c r="GT2627" s="91"/>
      <c r="GU2627" s="91"/>
      <c r="GV2627" s="91"/>
      <c r="GW2627" s="91"/>
      <c r="GX2627" s="91"/>
      <c r="GY2627" s="91"/>
      <c r="GZ2627" s="91"/>
      <c r="HA2627" s="91"/>
      <c r="HB2627" s="91"/>
      <c r="HC2627" s="91"/>
      <c r="HD2627" s="91"/>
      <c r="HE2627" s="91"/>
      <c r="HF2627" s="91"/>
      <c r="HG2627" s="91"/>
      <c r="HH2627" s="91"/>
      <c r="HI2627" s="91"/>
      <c r="HJ2627" s="91"/>
      <c r="HK2627" s="127"/>
      <c r="HL2627" s="126"/>
      <c r="HM2627" s="91"/>
      <c r="HN2627" s="91"/>
      <c r="HO2627" s="91"/>
      <c r="HP2627" s="91"/>
      <c r="HQ2627" s="91"/>
      <c r="HR2627" s="91"/>
      <c r="HS2627" s="91"/>
      <c r="HT2627" s="91"/>
      <c r="HU2627" s="91"/>
      <c r="HV2627" s="91"/>
      <c r="HW2627" s="91"/>
      <c r="HX2627" s="91"/>
      <c r="HY2627" s="91"/>
      <c r="HZ2627" s="91"/>
      <c r="IA2627" s="91"/>
      <c r="IB2627" s="91"/>
      <c r="IC2627" s="91"/>
      <c r="ID2627" s="91"/>
      <c r="IE2627" s="91"/>
      <c r="IF2627" s="91"/>
      <c r="IG2627" s="91"/>
      <c r="IH2627" s="91"/>
      <c r="II2627" s="91"/>
      <c r="IJ2627" s="91"/>
      <c r="IK2627" s="127"/>
    </row>
    <row r="2628" spans="2:245" x14ac:dyDescent="0.2">
      <c r="B2628" s="43"/>
      <c r="C2628" s="73"/>
      <c r="D2628" s="64"/>
      <c r="E2628" s="64"/>
      <c r="F2628" s="55"/>
      <c r="G2628" s="102"/>
      <c r="H2628" s="55"/>
      <c r="I2628" s="55"/>
      <c r="J2628" s="55"/>
      <c r="K2628" s="55"/>
      <c r="L2628" s="55"/>
      <c r="M2628" s="55"/>
      <c r="N2628" s="55"/>
      <c r="O2628" s="55"/>
      <c r="P2628" s="55"/>
      <c r="Q2628" s="55"/>
      <c r="R2628" s="55"/>
      <c r="S2628" s="55"/>
      <c r="T2628" s="55"/>
      <c r="U2628" s="55"/>
      <c r="V2628" s="55"/>
      <c r="W2628" s="55"/>
      <c r="X2628" s="55"/>
      <c r="Y2628" s="55"/>
      <c r="Z2628" s="55"/>
      <c r="AA2628" s="55"/>
      <c r="AB2628" s="55"/>
      <c r="AC2628" s="55"/>
      <c r="AD2628" s="55"/>
      <c r="AE2628" s="55"/>
      <c r="AF2628" s="55"/>
      <c r="AG2628" s="55"/>
      <c r="AY2628" s="162"/>
      <c r="AZ2628" s="162"/>
      <c r="BA2628" s="162"/>
      <c r="BB2628" s="162"/>
      <c r="BC2628" s="162"/>
      <c r="BD2628" s="162"/>
      <c r="BE2628" s="162"/>
      <c r="BF2628" s="162"/>
      <c r="BG2628" s="162"/>
      <c r="BH2628" s="162"/>
      <c r="BI2628" s="162"/>
      <c r="BJ2628" s="162"/>
      <c r="BK2628" s="162"/>
      <c r="BL2628" s="162"/>
      <c r="BM2628" s="162"/>
      <c r="BN2628" s="162"/>
      <c r="BO2628" s="162"/>
      <c r="BP2628" s="162"/>
      <c r="BQ2628" s="162"/>
      <c r="BR2628" s="162"/>
      <c r="BS2628" s="162"/>
      <c r="BT2628" s="162"/>
      <c r="BU2628" s="162"/>
      <c r="BV2628" s="162"/>
      <c r="BW2628" s="162"/>
      <c r="BX2628" s="162"/>
      <c r="BY2628" s="162"/>
      <c r="BZ2628" s="162"/>
      <c r="CA2628" s="162"/>
      <c r="CB2628" s="162"/>
      <c r="CC2628" s="162"/>
      <c r="CD2628" s="162"/>
      <c r="CE2628" s="162"/>
      <c r="CF2628" s="162"/>
      <c r="CG2628" s="162"/>
      <c r="CH2628" s="162"/>
      <c r="CI2628" s="162"/>
      <c r="CJ2628" s="162"/>
      <c r="CK2628" s="162"/>
      <c r="CL2628" s="163"/>
      <c r="CM2628" s="163"/>
      <c r="CN2628" s="163"/>
      <c r="CO2628" s="163"/>
      <c r="CP2628" s="163"/>
      <c r="CQ2628" s="163"/>
      <c r="CR2628" s="163"/>
      <c r="CS2628" s="163"/>
      <c r="CT2628" s="163"/>
      <c r="CU2628" s="163"/>
      <c r="CV2628" s="163"/>
      <c r="CW2628" s="163"/>
      <c r="CX2628" s="173"/>
      <c r="CY2628" s="163"/>
      <c r="CZ2628" s="163"/>
      <c r="DA2628" s="163"/>
      <c r="DB2628" s="163"/>
      <c r="DC2628" s="163"/>
      <c r="DD2628" s="163"/>
      <c r="DE2628" s="163"/>
      <c r="DF2628" s="163"/>
      <c r="DG2628" s="163"/>
      <c r="DH2628" s="163"/>
      <c r="DI2628" s="163"/>
      <c r="DJ2628" s="163"/>
      <c r="DK2628" s="163"/>
      <c r="DL2628" s="172"/>
      <c r="DM2628" s="163"/>
      <c r="DN2628" s="163"/>
      <c r="DO2628" s="163"/>
      <c r="DP2628" s="163"/>
      <c r="DQ2628" s="163"/>
      <c r="DR2628" s="163"/>
      <c r="DS2628" s="163"/>
      <c r="DT2628" s="163"/>
      <c r="DU2628" s="163"/>
      <c r="DV2628" s="163"/>
      <c r="DW2628" s="163"/>
      <c r="DX2628" s="173"/>
      <c r="DY2628" s="163"/>
      <c r="DZ2628" s="163"/>
      <c r="EA2628" s="163"/>
      <c r="EB2628" s="163"/>
      <c r="EC2628" s="163"/>
      <c r="ED2628" s="163"/>
      <c r="EE2628" s="163"/>
      <c r="EF2628" s="163"/>
      <c r="EG2628" s="163"/>
      <c r="EH2628" s="163"/>
      <c r="EI2628" s="163"/>
      <c r="EJ2628" s="163"/>
      <c r="EK2628" s="163"/>
      <c r="EL2628" s="172"/>
      <c r="EM2628" s="163"/>
      <c r="EN2628" s="163"/>
      <c r="EO2628" s="163"/>
      <c r="EP2628" s="163"/>
      <c r="EQ2628" s="163"/>
      <c r="ER2628" s="163"/>
      <c r="ES2628" s="163"/>
      <c r="ET2628" s="163"/>
      <c r="EU2628" s="163"/>
      <c r="EV2628" s="163"/>
      <c r="EW2628" s="163"/>
      <c r="EX2628" s="173"/>
      <c r="EY2628" s="172"/>
      <c r="EZ2628" s="163"/>
      <c r="FA2628" s="163"/>
      <c r="FB2628" s="163"/>
      <c r="FC2628" s="163"/>
      <c r="FD2628" s="163"/>
      <c r="FE2628" s="163"/>
      <c r="FF2628" s="163"/>
      <c r="FG2628" s="163"/>
      <c r="FH2628" s="163"/>
      <c r="FI2628" s="163"/>
      <c r="FJ2628" s="163"/>
      <c r="FK2628" s="163"/>
      <c r="FL2628" s="126"/>
      <c r="FM2628" s="91"/>
      <c r="FN2628" s="91"/>
      <c r="FO2628" s="91"/>
      <c r="FP2628" s="91"/>
      <c r="FQ2628" s="91"/>
      <c r="FR2628" s="91"/>
      <c r="FS2628" s="91"/>
      <c r="FT2628" s="91"/>
      <c r="FU2628" s="91"/>
      <c r="FV2628" s="91"/>
      <c r="FW2628" s="91"/>
      <c r="FX2628" s="91"/>
      <c r="FY2628" s="91"/>
      <c r="FZ2628" s="91"/>
      <c r="GA2628" s="91"/>
      <c r="GB2628" s="91"/>
      <c r="GC2628" s="91"/>
      <c r="GD2628" s="91"/>
      <c r="GE2628" s="91"/>
      <c r="GF2628" s="91"/>
      <c r="GG2628" s="91"/>
      <c r="GH2628" s="91"/>
      <c r="GI2628" s="91"/>
      <c r="GJ2628" s="91"/>
      <c r="GK2628" s="127"/>
      <c r="GL2628" s="126"/>
      <c r="GM2628" s="91"/>
      <c r="GN2628" s="91"/>
      <c r="GO2628" s="91"/>
      <c r="GP2628" s="91"/>
      <c r="GQ2628" s="91"/>
      <c r="GR2628" s="91"/>
      <c r="GS2628" s="91"/>
      <c r="GT2628" s="91"/>
      <c r="GU2628" s="91"/>
      <c r="GV2628" s="91"/>
      <c r="GW2628" s="91"/>
      <c r="GX2628" s="91"/>
      <c r="GY2628" s="91"/>
      <c r="GZ2628" s="91"/>
      <c r="HA2628" s="91"/>
      <c r="HB2628" s="91"/>
      <c r="HC2628" s="91"/>
      <c r="HD2628" s="91"/>
      <c r="HE2628" s="91"/>
      <c r="HF2628" s="91"/>
      <c r="HG2628" s="91"/>
      <c r="HH2628" s="91"/>
      <c r="HI2628" s="91"/>
      <c r="HJ2628" s="91"/>
      <c r="HK2628" s="127"/>
      <c r="HL2628" s="126"/>
      <c r="HM2628" s="91"/>
      <c r="HN2628" s="91"/>
      <c r="HO2628" s="91"/>
      <c r="HP2628" s="91"/>
      <c r="HQ2628" s="91"/>
      <c r="HR2628" s="91"/>
      <c r="HS2628" s="91"/>
      <c r="HT2628" s="91"/>
      <c r="HU2628" s="91"/>
      <c r="HV2628" s="91"/>
      <c r="HW2628" s="91"/>
      <c r="HX2628" s="91"/>
      <c r="HY2628" s="91"/>
      <c r="HZ2628" s="91"/>
      <c r="IA2628" s="91"/>
      <c r="IB2628" s="91"/>
      <c r="IC2628" s="91"/>
      <c r="ID2628" s="91"/>
      <c r="IE2628" s="91"/>
      <c r="IF2628" s="91"/>
      <c r="IG2628" s="91"/>
      <c r="IH2628" s="91"/>
      <c r="II2628" s="91"/>
      <c r="IJ2628" s="91"/>
      <c r="IK2628" s="127"/>
    </row>
    <row r="2629" spans="2:245" x14ac:dyDescent="0.2">
      <c r="B2629" s="43"/>
      <c r="C2629" s="73"/>
      <c r="D2629" s="64"/>
      <c r="E2629" s="64"/>
      <c r="F2629" s="55"/>
      <c r="G2629" s="102"/>
      <c r="H2629" s="55"/>
      <c r="I2629" s="55"/>
      <c r="J2629" s="55"/>
      <c r="K2629" s="55"/>
      <c r="L2629" s="55"/>
      <c r="M2629" s="55"/>
      <c r="N2629" s="55"/>
      <c r="O2629" s="55"/>
      <c r="P2629" s="55"/>
      <c r="Q2629" s="55"/>
      <c r="R2629" s="55"/>
      <c r="S2629" s="55"/>
      <c r="T2629" s="55"/>
      <c r="U2629" s="55"/>
      <c r="V2629" s="55"/>
      <c r="W2629" s="55"/>
      <c r="X2629" s="55"/>
      <c r="Y2629" s="55"/>
      <c r="Z2629" s="55"/>
      <c r="AA2629" s="55"/>
      <c r="AB2629" s="55"/>
      <c r="AC2629" s="55"/>
      <c r="AD2629" s="55"/>
      <c r="AE2629" s="55"/>
      <c r="AF2629" s="55"/>
      <c r="AG2629" s="55"/>
      <c r="AY2629" s="162"/>
      <c r="AZ2629" s="162"/>
      <c r="BA2629" s="162"/>
      <c r="BB2629" s="162"/>
      <c r="BC2629" s="162"/>
      <c r="BD2629" s="162"/>
      <c r="BE2629" s="162"/>
      <c r="BF2629" s="162"/>
      <c r="BG2629" s="162"/>
      <c r="BH2629" s="162"/>
      <c r="BI2629" s="162"/>
      <c r="BJ2629" s="162"/>
      <c r="BK2629" s="162"/>
      <c r="BL2629" s="162"/>
      <c r="BM2629" s="162"/>
      <c r="BN2629" s="162"/>
      <c r="BO2629" s="162"/>
      <c r="BP2629" s="162"/>
      <c r="BQ2629" s="162"/>
      <c r="BR2629" s="162"/>
      <c r="BS2629" s="162"/>
      <c r="BT2629" s="162"/>
      <c r="BU2629" s="162"/>
      <c r="BV2629" s="162"/>
      <c r="BW2629" s="162"/>
      <c r="BX2629" s="162"/>
      <c r="BY2629" s="162"/>
      <c r="BZ2629" s="162"/>
      <c r="CA2629" s="162"/>
      <c r="CB2629" s="162"/>
      <c r="CC2629" s="162"/>
      <c r="CD2629" s="162"/>
      <c r="CE2629" s="162"/>
      <c r="CF2629" s="162"/>
      <c r="CG2629" s="162"/>
      <c r="CH2629" s="162"/>
      <c r="CI2629" s="162"/>
      <c r="CJ2629" s="162"/>
      <c r="CK2629" s="162"/>
      <c r="CX2629" s="98"/>
      <c r="DL2629" s="97"/>
      <c r="DX2629" s="98"/>
      <c r="EL2629" s="97"/>
      <c r="EX2629" s="98"/>
      <c r="EY2629" s="97"/>
      <c r="FL2629" s="126"/>
      <c r="FM2629" s="91"/>
      <c r="FN2629" s="91"/>
      <c r="FO2629" s="91"/>
      <c r="FP2629" s="91"/>
      <c r="FQ2629" s="91"/>
      <c r="FR2629" s="91"/>
      <c r="FS2629" s="91"/>
      <c r="FT2629" s="91"/>
      <c r="FU2629" s="91"/>
      <c r="FV2629" s="91"/>
      <c r="FW2629" s="91"/>
      <c r="FX2629" s="91"/>
      <c r="FY2629" s="91"/>
      <c r="FZ2629" s="91"/>
      <c r="GA2629" s="91"/>
      <c r="GB2629" s="91"/>
      <c r="GC2629" s="91"/>
      <c r="GD2629" s="91"/>
      <c r="GE2629" s="91"/>
      <c r="GF2629" s="91"/>
      <c r="GG2629" s="91"/>
      <c r="GH2629" s="91"/>
      <c r="GI2629" s="91"/>
      <c r="GJ2629" s="91"/>
      <c r="GK2629" s="127"/>
      <c r="GL2629" s="126"/>
      <c r="GM2629" s="91"/>
      <c r="GN2629" s="91"/>
      <c r="GO2629" s="91"/>
      <c r="GP2629" s="91"/>
      <c r="GQ2629" s="91"/>
      <c r="GR2629" s="91"/>
      <c r="GS2629" s="91"/>
      <c r="GT2629" s="91"/>
      <c r="GU2629" s="91"/>
      <c r="GV2629" s="91"/>
      <c r="GW2629" s="91"/>
      <c r="GX2629" s="91"/>
      <c r="GY2629" s="91"/>
      <c r="GZ2629" s="91"/>
      <c r="HA2629" s="91"/>
      <c r="HB2629" s="91"/>
      <c r="HC2629" s="91"/>
      <c r="HD2629" s="91"/>
      <c r="HE2629" s="91"/>
      <c r="HF2629" s="91"/>
      <c r="HG2629" s="91"/>
      <c r="HH2629" s="91"/>
      <c r="HI2629" s="91"/>
      <c r="HJ2629" s="91"/>
      <c r="HK2629" s="127"/>
      <c r="HL2629" s="126"/>
      <c r="HM2629" s="91"/>
      <c r="HN2629" s="91"/>
      <c r="HO2629" s="91"/>
      <c r="HP2629" s="91"/>
      <c r="HQ2629" s="91"/>
      <c r="HR2629" s="91"/>
      <c r="HS2629" s="91"/>
      <c r="HT2629" s="91"/>
      <c r="HU2629" s="91"/>
      <c r="HV2629" s="91"/>
      <c r="HW2629" s="91"/>
      <c r="HX2629" s="91"/>
      <c r="HY2629" s="91"/>
      <c r="HZ2629" s="91"/>
      <c r="IA2629" s="91"/>
      <c r="IB2629" s="91"/>
      <c r="IC2629" s="91"/>
      <c r="ID2629" s="91"/>
      <c r="IE2629" s="91"/>
      <c r="IF2629" s="91"/>
      <c r="IG2629" s="91"/>
      <c r="IH2629" s="91"/>
      <c r="II2629" s="91"/>
      <c r="IJ2629" s="91"/>
      <c r="IK2629" s="127"/>
    </row>
    <row r="2630" spans="2:245" x14ac:dyDescent="0.2">
      <c r="B2630" s="43"/>
      <c r="C2630" s="73"/>
      <c r="D2630" s="64"/>
      <c r="E2630" s="64"/>
      <c r="F2630" s="55"/>
      <c r="G2630" s="102"/>
      <c r="H2630" s="55"/>
      <c r="I2630" s="55"/>
      <c r="J2630" s="55"/>
      <c r="K2630" s="55"/>
      <c r="L2630" s="55"/>
      <c r="M2630" s="55"/>
      <c r="N2630" s="55"/>
      <c r="O2630" s="55"/>
      <c r="P2630" s="55"/>
      <c r="Q2630" s="55"/>
      <c r="R2630" s="55"/>
      <c r="S2630" s="55"/>
      <c r="T2630" s="55"/>
      <c r="U2630" s="55"/>
      <c r="V2630" s="55"/>
      <c r="W2630" s="55"/>
      <c r="X2630" s="55"/>
      <c r="Y2630" s="55"/>
      <c r="Z2630" s="55"/>
      <c r="AA2630" s="55"/>
      <c r="AB2630" s="55"/>
      <c r="AC2630" s="55"/>
      <c r="AD2630" s="55"/>
      <c r="AE2630" s="55"/>
      <c r="AF2630" s="55"/>
      <c r="AG2630" s="55"/>
      <c r="AY2630" s="162"/>
      <c r="AZ2630" s="162"/>
      <c r="BA2630" s="162"/>
      <c r="BB2630" s="162"/>
      <c r="BC2630" s="162"/>
      <c r="BD2630" s="162"/>
      <c r="BE2630" s="162"/>
      <c r="BF2630" s="162"/>
      <c r="BG2630" s="162"/>
      <c r="BH2630" s="162"/>
      <c r="BI2630" s="162"/>
      <c r="BJ2630" s="162"/>
      <c r="BK2630" s="162"/>
      <c r="BL2630" s="162"/>
      <c r="BM2630" s="162"/>
      <c r="BN2630" s="162"/>
      <c r="BO2630" s="162"/>
      <c r="BP2630" s="162"/>
      <c r="BQ2630" s="162"/>
      <c r="BR2630" s="162"/>
      <c r="BS2630" s="162"/>
      <c r="BT2630" s="162"/>
      <c r="BU2630" s="162"/>
      <c r="BV2630" s="162"/>
      <c r="BW2630" s="162"/>
      <c r="BX2630" s="162"/>
      <c r="BY2630" s="162"/>
      <c r="BZ2630" s="162"/>
      <c r="CA2630" s="162"/>
      <c r="CB2630" s="162"/>
      <c r="CC2630" s="162"/>
      <c r="CD2630" s="162"/>
      <c r="CE2630" s="162"/>
      <c r="CF2630" s="162"/>
      <c r="CG2630" s="162"/>
      <c r="CH2630" s="162"/>
      <c r="CI2630" s="162"/>
      <c r="CJ2630" s="162"/>
      <c r="CK2630" s="162"/>
      <c r="CX2630" s="98"/>
      <c r="DL2630" s="97"/>
      <c r="DX2630" s="98"/>
      <c r="EL2630" s="97"/>
      <c r="EX2630" s="98"/>
      <c r="EY2630" s="97"/>
      <c r="FL2630" s="126"/>
      <c r="FM2630" s="91"/>
      <c r="FN2630" s="91"/>
      <c r="FO2630" s="91"/>
      <c r="FP2630" s="91"/>
      <c r="FQ2630" s="91"/>
      <c r="FR2630" s="91"/>
      <c r="FS2630" s="91"/>
      <c r="FT2630" s="91"/>
      <c r="FU2630" s="91"/>
      <c r="FV2630" s="91"/>
      <c r="FW2630" s="91"/>
      <c r="FX2630" s="91"/>
      <c r="FY2630" s="91"/>
      <c r="FZ2630" s="91"/>
      <c r="GA2630" s="91"/>
      <c r="GB2630" s="91"/>
      <c r="GC2630" s="91"/>
      <c r="GD2630" s="91"/>
      <c r="GE2630" s="91"/>
      <c r="GF2630" s="91"/>
      <c r="GG2630" s="91"/>
      <c r="GH2630" s="91"/>
      <c r="GI2630" s="91"/>
      <c r="GJ2630" s="91"/>
      <c r="GK2630" s="127"/>
      <c r="GL2630" s="126"/>
      <c r="GM2630" s="91"/>
      <c r="GN2630" s="91"/>
      <c r="GO2630" s="91"/>
      <c r="GP2630" s="91"/>
      <c r="GQ2630" s="91"/>
      <c r="GR2630" s="91"/>
      <c r="GS2630" s="91"/>
      <c r="GT2630" s="91"/>
      <c r="GU2630" s="91"/>
      <c r="GV2630" s="91"/>
      <c r="GW2630" s="91"/>
      <c r="GX2630" s="91"/>
      <c r="GY2630" s="91"/>
      <c r="GZ2630" s="91"/>
      <c r="HA2630" s="91"/>
      <c r="HB2630" s="91"/>
      <c r="HC2630" s="91"/>
      <c r="HD2630" s="91"/>
      <c r="HE2630" s="91"/>
      <c r="HF2630" s="91"/>
      <c r="HG2630" s="91"/>
      <c r="HH2630" s="91"/>
      <c r="HI2630" s="91"/>
      <c r="HJ2630" s="91"/>
      <c r="HK2630" s="127"/>
      <c r="HL2630" s="126"/>
      <c r="HM2630" s="91"/>
      <c r="HN2630" s="91"/>
      <c r="HO2630" s="91"/>
      <c r="HP2630" s="91"/>
      <c r="HQ2630" s="91"/>
      <c r="HR2630" s="91"/>
      <c r="HS2630" s="91"/>
      <c r="HT2630" s="91"/>
      <c r="HU2630" s="91"/>
      <c r="HV2630" s="91"/>
      <c r="HW2630" s="91"/>
      <c r="HX2630" s="91"/>
      <c r="HY2630" s="91"/>
      <c r="HZ2630" s="91"/>
      <c r="IA2630" s="91"/>
      <c r="IB2630" s="91"/>
      <c r="IC2630" s="91"/>
      <c r="ID2630" s="91"/>
      <c r="IE2630" s="91"/>
      <c r="IF2630" s="91"/>
      <c r="IG2630" s="91"/>
      <c r="IH2630" s="91"/>
      <c r="II2630" s="91"/>
      <c r="IJ2630" s="91"/>
      <c r="IK2630" s="127"/>
    </row>
    <row r="2631" spans="2:245" x14ac:dyDescent="0.2">
      <c r="B2631" s="43"/>
      <c r="C2631" s="73"/>
      <c r="D2631" s="64"/>
      <c r="E2631" s="64"/>
      <c r="F2631" s="55"/>
      <c r="G2631" s="102"/>
      <c r="H2631" s="55"/>
      <c r="I2631" s="55"/>
      <c r="J2631" s="55"/>
      <c r="K2631" s="55"/>
      <c r="L2631" s="55"/>
      <c r="M2631" s="55"/>
      <c r="N2631" s="55"/>
      <c r="O2631" s="55"/>
      <c r="P2631" s="55"/>
      <c r="Q2631" s="55"/>
      <c r="R2631" s="55"/>
      <c r="S2631" s="55"/>
      <c r="T2631" s="55"/>
      <c r="U2631" s="55"/>
      <c r="V2631" s="55"/>
      <c r="W2631" s="55"/>
      <c r="X2631" s="55"/>
      <c r="Y2631" s="55"/>
      <c r="Z2631" s="55"/>
      <c r="AA2631" s="55"/>
      <c r="AB2631" s="55"/>
      <c r="AC2631" s="55"/>
      <c r="AD2631" s="55"/>
      <c r="AE2631" s="55"/>
      <c r="AF2631" s="55"/>
      <c r="AG2631" s="55"/>
      <c r="AY2631" s="162"/>
      <c r="AZ2631" s="162"/>
      <c r="BA2631" s="162"/>
      <c r="BB2631" s="162"/>
      <c r="BC2631" s="162"/>
      <c r="BD2631" s="162"/>
      <c r="BE2631" s="162"/>
      <c r="BF2631" s="162"/>
      <c r="BG2631" s="162"/>
      <c r="BH2631" s="162"/>
      <c r="BI2631" s="162"/>
      <c r="BJ2631" s="162"/>
      <c r="BK2631" s="162"/>
      <c r="BL2631" s="162"/>
      <c r="BM2631" s="162"/>
      <c r="BN2631" s="162"/>
      <c r="BO2631" s="162"/>
      <c r="BP2631" s="162"/>
      <c r="BQ2631" s="162"/>
      <c r="BR2631" s="162"/>
      <c r="BS2631" s="162"/>
      <c r="BT2631" s="162"/>
      <c r="BU2631" s="162"/>
      <c r="BV2631" s="162"/>
      <c r="BW2631" s="162"/>
      <c r="BX2631" s="162"/>
      <c r="BY2631" s="162"/>
      <c r="BZ2631" s="162"/>
      <c r="CA2631" s="162"/>
      <c r="CB2631" s="162"/>
      <c r="CC2631" s="162"/>
      <c r="CD2631" s="162"/>
      <c r="CE2631" s="162"/>
      <c r="CF2631" s="162"/>
      <c r="CG2631" s="162"/>
      <c r="CH2631" s="162"/>
      <c r="CI2631" s="162"/>
      <c r="CJ2631" s="162"/>
      <c r="CK2631" s="162"/>
      <c r="CX2631" s="98"/>
      <c r="DL2631" s="97"/>
      <c r="DX2631" s="98"/>
      <c r="EL2631" s="97"/>
      <c r="EX2631" s="98"/>
      <c r="EY2631" s="97"/>
      <c r="FL2631" s="126"/>
      <c r="FM2631" s="91"/>
      <c r="FN2631" s="91"/>
      <c r="FO2631" s="91"/>
      <c r="FP2631" s="91"/>
      <c r="FQ2631" s="91"/>
      <c r="FR2631" s="91"/>
      <c r="FS2631" s="91"/>
      <c r="FT2631" s="91"/>
      <c r="FU2631" s="91"/>
      <c r="FV2631" s="91"/>
      <c r="FW2631" s="91"/>
      <c r="FX2631" s="91"/>
      <c r="FY2631" s="91"/>
      <c r="FZ2631" s="91"/>
      <c r="GA2631" s="91"/>
      <c r="GB2631" s="91"/>
      <c r="GC2631" s="91"/>
      <c r="GD2631" s="91"/>
      <c r="GE2631" s="91"/>
      <c r="GF2631" s="91"/>
      <c r="GG2631" s="91"/>
      <c r="GH2631" s="91"/>
      <c r="GI2631" s="91"/>
      <c r="GJ2631" s="91"/>
      <c r="GK2631" s="127"/>
      <c r="GL2631" s="126"/>
      <c r="GM2631" s="91"/>
      <c r="GN2631" s="91"/>
      <c r="GO2631" s="91"/>
      <c r="GP2631" s="91"/>
      <c r="GQ2631" s="91"/>
      <c r="GR2631" s="91"/>
      <c r="GS2631" s="91"/>
      <c r="GT2631" s="91"/>
      <c r="GU2631" s="91"/>
      <c r="GV2631" s="91"/>
      <c r="GW2631" s="91"/>
      <c r="GX2631" s="91"/>
      <c r="GY2631" s="91"/>
      <c r="GZ2631" s="91"/>
      <c r="HA2631" s="91"/>
      <c r="HB2631" s="91"/>
      <c r="HC2631" s="91"/>
      <c r="HD2631" s="91"/>
      <c r="HE2631" s="91"/>
      <c r="HF2631" s="91"/>
      <c r="HG2631" s="91"/>
      <c r="HH2631" s="91"/>
      <c r="HI2631" s="91"/>
      <c r="HJ2631" s="91"/>
      <c r="HK2631" s="127"/>
      <c r="HL2631" s="126"/>
      <c r="HM2631" s="91"/>
      <c r="HN2631" s="91"/>
      <c r="HO2631" s="91"/>
      <c r="HP2631" s="91"/>
      <c r="HQ2631" s="91"/>
      <c r="HR2631" s="91"/>
      <c r="HS2631" s="91"/>
      <c r="HT2631" s="91"/>
      <c r="HU2631" s="91"/>
      <c r="HV2631" s="91"/>
      <c r="HW2631" s="91"/>
      <c r="HX2631" s="91"/>
      <c r="HY2631" s="91"/>
      <c r="HZ2631" s="91"/>
      <c r="IA2631" s="91"/>
      <c r="IB2631" s="91"/>
      <c r="IC2631" s="91"/>
      <c r="ID2631" s="91"/>
      <c r="IE2631" s="91"/>
      <c r="IF2631" s="91"/>
      <c r="IG2631" s="91"/>
      <c r="IH2631" s="91"/>
      <c r="II2631" s="91"/>
      <c r="IJ2631" s="91"/>
      <c r="IK2631" s="127"/>
    </row>
    <row r="2632" spans="2:245" x14ac:dyDescent="0.2">
      <c r="B2632" s="43"/>
      <c r="C2632" s="73"/>
      <c r="D2632" s="64"/>
      <c r="E2632" s="64"/>
      <c r="F2632" s="55"/>
      <c r="G2632" s="102"/>
      <c r="H2632" s="55"/>
      <c r="I2632" s="55"/>
      <c r="J2632" s="55"/>
      <c r="K2632" s="55"/>
      <c r="L2632" s="55"/>
      <c r="M2632" s="55"/>
      <c r="N2632" s="55"/>
      <c r="O2632" s="55"/>
      <c r="P2632" s="55"/>
      <c r="Q2632" s="55"/>
      <c r="R2632" s="55"/>
      <c r="S2632" s="55"/>
      <c r="T2632" s="55"/>
      <c r="U2632" s="55"/>
      <c r="V2632" s="55"/>
      <c r="W2632" s="55"/>
      <c r="X2632" s="55"/>
      <c r="Y2632" s="55"/>
      <c r="Z2632" s="55"/>
      <c r="AA2632" s="55"/>
      <c r="AB2632" s="55"/>
      <c r="AC2632" s="55"/>
      <c r="AD2632" s="55"/>
      <c r="AE2632" s="55"/>
      <c r="AF2632" s="55"/>
      <c r="AG2632" s="55"/>
      <c r="AY2632" s="162"/>
      <c r="AZ2632" s="162"/>
      <c r="BA2632" s="162"/>
      <c r="BB2632" s="162"/>
      <c r="BC2632" s="162"/>
      <c r="BD2632" s="162"/>
      <c r="BE2632" s="162"/>
      <c r="BF2632" s="162"/>
      <c r="BG2632" s="162"/>
      <c r="BH2632" s="162"/>
      <c r="BI2632" s="162"/>
      <c r="BJ2632" s="162"/>
      <c r="BK2632" s="162"/>
      <c r="BL2632" s="162"/>
      <c r="BM2632" s="162"/>
      <c r="BN2632" s="162"/>
      <c r="BO2632" s="162"/>
      <c r="BP2632" s="162"/>
      <c r="BQ2632" s="162"/>
      <c r="BR2632" s="162"/>
      <c r="BS2632" s="162"/>
      <c r="BT2632" s="162"/>
      <c r="BU2632" s="162"/>
      <c r="BV2632" s="162"/>
      <c r="BW2632" s="162"/>
      <c r="BX2632" s="162"/>
      <c r="BY2632" s="162"/>
      <c r="BZ2632" s="162"/>
      <c r="CA2632" s="162"/>
      <c r="CB2632" s="162"/>
      <c r="CC2632" s="162"/>
      <c r="CD2632" s="162"/>
      <c r="CE2632" s="162"/>
      <c r="CF2632" s="162"/>
      <c r="CG2632" s="162"/>
      <c r="CH2632" s="162"/>
      <c r="CI2632" s="162"/>
      <c r="CJ2632" s="162"/>
      <c r="CK2632" s="162"/>
      <c r="CX2632" s="98"/>
      <c r="DL2632" s="97"/>
      <c r="DX2632" s="98"/>
      <c r="EL2632" s="97"/>
      <c r="EX2632" s="98"/>
      <c r="EY2632" s="97"/>
      <c r="FL2632" s="126"/>
      <c r="FM2632" s="91"/>
      <c r="FN2632" s="91"/>
      <c r="FO2632" s="91"/>
      <c r="FP2632" s="91"/>
      <c r="FQ2632" s="91"/>
      <c r="FR2632" s="91"/>
      <c r="FS2632" s="91"/>
      <c r="FT2632" s="91"/>
      <c r="FU2632" s="91"/>
      <c r="FV2632" s="91"/>
      <c r="FW2632" s="91"/>
      <c r="FX2632" s="91"/>
      <c r="FY2632" s="91"/>
      <c r="FZ2632" s="91"/>
      <c r="GA2632" s="91"/>
      <c r="GB2632" s="91"/>
      <c r="GC2632" s="91"/>
      <c r="GD2632" s="91"/>
      <c r="GE2632" s="91"/>
      <c r="GF2632" s="91"/>
      <c r="GG2632" s="91"/>
      <c r="GH2632" s="91"/>
      <c r="GI2632" s="91"/>
      <c r="GJ2632" s="91"/>
      <c r="GK2632" s="127"/>
      <c r="GL2632" s="126"/>
      <c r="GM2632" s="91"/>
      <c r="GN2632" s="91"/>
      <c r="GO2632" s="91"/>
      <c r="GP2632" s="91"/>
      <c r="GQ2632" s="91"/>
      <c r="GR2632" s="91"/>
      <c r="GS2632" s="91"/>
      <c r="GT2632" s="91"/>
      <c r="GU2632" s="91"/>
      <c r="GV2632" s="91"/>
      <c r="GW2632" s="91"/>
      <c r="GX2632" s="91"/>
      <c r="GY2632" s="91"/>
      <c r="GZ2632" s="91"/>
      <c r="HA2632" s="91"/>
      <c r="HB2632" s="91"/>
      <c r="HC2632" s="91"/>
      <c r="HD2632" s="91"/>
      <c r="HE2632" s="91"/>
      <c r="HF2632" s="91"/>
      <c r="HG2632" s="91"/>
      <c r="HH2632" s="91"/>
      <c r="HI2632" s="91"/>
      <c r="HJ2632" s="91"/>
      <c r="HK2632" s="127"/>
      <c r="HL2632" s="126"/>
      <c r="HM2632" s="91"/>
      <c r="HN2632" s="91"/>
      <c r="HO2632" s="91"/>
      <c r="HP2632" s="91"/>
      <c r="HQ2632" s="91"/>
      <c r="HR2632" s="91"/>
      <c r="HS2632" s="91"/>
      <c r="HT2632" s="91"/>
      <c r="HU2632" s="91"/>
      <c r="HV2632" s="91"/>
      <c r="HW2632" s="91"/>
      <c r="HX2632" s="91"/>
      <c r="HY2632" s="91"/>
      <c r="HZ2632" s="91"/>
      <c r="IA2632" s="91"/>
      <c r="IB2632" s="91"/>
      <c r="IC2632" s="91"/>
      <c r="ID2632" s="91"/>
      <c r="IE2632" s="91"/>
      <c r="IF2632" s="91"/>
      <c r="IG2632" s="91"/>
      <c r="IH2632" s="91"/>
      <c r="II2632" s="91"/>
      <c r="IJ2632" s="91"/>
      <c r="IK2632" s="127"/>
    </row>
    <row r="2633" spans="2:245" x14ac:dyDescent="0.2">
      <c r="B2633" s="43"/>
      <c r="C2633" s="73"/>
      <c r="D2633" s="64"/>
      <c r="E2633" s="64"/>
      <c r="F2633" s="55"/>
      <c r="G2633" s="102"/>
      <c r="H2633" s="55"/>
      <c r="I2633" s="55"/>
      <c r="J2633" s="55"/>
      <c r="K2633" s="55"/>
      <c r="L2633" s="55"/>
      <c r="M2633" s="55"/>
      <c r="N2633" s="55"/>
      <c r="O2633" s="55"/>
      <c r="P2633" s="55"/>
      <c r="Q2633" s="55"/>
      <c r="R2633" s="55"/>
      <c r="S2633" s="55"/>
      <c r="T2633" s="55"/>
      <c r="U2633" s="55"/>
      <c r="V2633" s="55"/>
      <c r="W2633" s="55"/>
      <c r="X2633" s="55"/>
      <c r="Y2633" s="55"/>
      <c r="Z2633" s="55"/>
      <c r="AA2633" s="55"/>
      <c r="AB2633" s="55"/>
      <c r="AC2633" s="55"/>
      <c r="AD2633" s="55"/>
      <c r="AE2633" s="55"/>
      <c r="AF2633" s="55"/>
      <c r="AG2633" s="55"/>
      <c r="AY2633" s="162"/>
      <c r="AZ2633" s="162"/>
      <c r="BA2633" s="162"/>
      <c r="BB2633" s="162"/>
      <c r="BC2633" s="162"/>
      <c r="BD2633" s="162"/>
      <c r="BE2633" s="162"/>
      <c r="BF2633" s="162"/>
      <c r="BG2633" s="162"/>
      <c r="BH2633" s="162"/>
      <c r="BI2633" s="162"/>
      <c r="BJ2633" s="162"/>
      <c r="BK2633" s="162"/>
      <c r="BL2633" s="162"/>
      <c r="BM2633" s="162"/>
      <c r="BN2633" s="162"/>
      <c r="BO2633" s="162"/>
      <c r="BP2633" s="162"/>
      <c r="BQ2633" s="162"/>
      <c r="BR2633" s="162"/>
      <c r="BS2633" s="162"/>
      <c r="BT2633" s="162"/>
      <c r="BU2633" s="162"/>
      <c r="BV2633" s="162"/>
      <c r="BW2633" s="162"/>
      <c r="BX2633" s="162"/>
      <c r="BY2633" s="162"/>
      <c r="BZ2633" s="162"/>
      <c r="CA2633" s="162"/>
      <c r="CB2633" s="162"/>
      <c r="CC2633" s="162"/>
      <c r="CD2633" s="162"/>
      <c r="CE2633" s="162"/>
      <c r="CF2633" s="162"/>
      <c r="CG2633" s="162"/>
      <c r="CH2633" s="162"/>
      <c r="CI2633" s="162"/>
      <c r="CJ2633" s="162"/>
      <c r="CK2633" s="162"/>
      <c r="CX2633" s="98"/>
      <c r="DL2633" s="97"/>
      <c r="DX2633" s="98"/>
      <c r="EL2633" s="97"/>
      <c r="EX2633" s="98"/>
      <c r="EY2633" s="97"/>
      <c r="FL2633" s="126"/>
      <c r="FM2633" s="91"/>
      <c r="FN2633" s="91"/>
      <c r="FO2633" s="91"/>
      <c r="FP2633" s="91"/>
      <c r="FQ2633" s="91"/>
      <c r="FR2633" s="91"/>
      <c r="FS2633" s="91"/>
      <c r="FT2633" s="91"/>
      <c r="FU2633" s="91"/>
      <c r="FV2633" s="91"/>
      <c r="FW2633" s="91"/>
      <c r="FX2633" s="91"/>
      <c r="FY2633" s="91"/>
      <c r="FZ2633" s="91"/>
      <c r="GA2633" s="91"/>
      <c r="GB2633" s="91"/>
      <c r="GC2633" s="91"/>
      <c r="GD2633" s="91"/>
      <c r="GE2633" s="91"/>
      <c r="GF2633" s="91"/>
      <c r="GG2633" s="91"/>
      <c r="GH2633" s="91"/>
      <c r="GI2633" s="91"/>
      <c r="GJ2633" s="91"/>
      <c r="GK2633" s="127"/>
      <c r="GL2633" s="126"/>
      <c r="GM2633" s="91"/>
      <c r="GN2633" s="91"/>
      <c r="GO2633" s="91"/>
      <c r="GP2633" s="91"/>
      <c r="GQ2633" s="91"/>
      <c r="GR2633" s="91"/>
      <c r="GS2633" s="91"/>
      <c r="GT2633" s="91"/>
      <c r="GU2633" s="91"/>
      <c r="GV2633" s="91"/>
      <c r="GW2633" s="91"/>
      <c r="GX2633" s="91"/>
      <c r="GY2633" s="91"/>
      <c r="GZ2633" s="91"/>
      <c r="HA2633" s="91"/>
      <c r="HB2633" s="91"/>
      <c r="HC2633" s="91"/>
      <c r="HD2633" s="91"/>
      <c r="HE2633" s="91"/>
      <c r="HF2633" s="91"/>
      <c r="HG2633" s="91"/>
      <c r="HH2633" s="91"/>
      <c r="HI2633" s="91"/>
      <c r="HJ2633" s="91"/>
      <c r="HK2633" s="127"/>
      <c r="HL2633" s="126"/>
      <c r="HM2633" s="91"/>
      <c r="HN2633" s="91"/>
      <c r="HO2633" s="91"/>
      <c r="HP2633" s="91"/>
      <c r="HQ2633" s="91"/>
      <c r="HR2633" s="91"/>
      <c r="HS2633" s="91"/>
      <c r="HT2633" s="91"/>
      <c r="HU2633" s="91"/>
      <c r="HV2633" s="91"/>
      <c r="HW2633" s="91"/>
      <c r="HX2633" s="91"/>
      <c r="HY2633" s="91"/>
      <c r="HZ2633" s="91"/>
      <c r="IA2633" s="91"/>
      <c r="IB2633" s="91"/>
      <c r="IC2633" s="91"/>
      <c r="ID2633" s="91"/>
      <c r="IE2633" s="91"/>
      <c r="IF2633" s="91"/>
      <c r="IG2633" s="91"/>
      <c r="IH2633" s="91"/>
      <c r="II2633" s="91"/>
      <c r="IJ2633" s="91"/>
      <c r="IK2633" s="127"/>
    </row>
    <row r="2634" spans="2:245" x14ac:dyDescent="0.2">
      <c r="B2634" s="43"/>
      <c r="C2634" s="73"/>
      <c r="D2634" s="64"/>
      <c r="E2634" s="64"/>
      <c r="F2634" s="55"/>
      <c r="G2634" s="102"/>
      <c r="H2634" s="55"/>
      <c r="I2634" s="55"/>
      <c r="J2634" s="55"/>
      <c r="K2634" s="55"/>
      <c r="L2634" s="55"/>
      <c r="M2634" s="55"/>
      <c r="N2634" s="55"/>
      <c r="O2634" s="55"/>
      <c r="P2634" s="55"/>
      <c r="Q2634" s="55"/>
      <c r="R2634" s="55"/>
      <c r="S2634" s="55"/>
      <c r="T2634" s="55"/>
      <c r="U2634" s="55"/>
      <c r="V2634" s="55"/>
      <c r="W2634" s="55"/>
      <c r="X2634" s="55"/>
      <c r="Y2634" s="55"/>
      <c r="Z2634" s="55"/>
      <c r="AA2634" s="55"/>
      <c r="AB2634" s="55"/>
      <c r="AC2634" s="55"/>
      <c r="AD2634" s="55"/>
      <c r="AE2634" s="55"/>
      <c r="AF2634" s="55"/>
      <c r="AG2634" s="55"/>
      <c r="AY2634" s="162"/>
      <c r="AZ2634" s="162"/>
      <c r="BA2634" s="162"/>
      <c r="BB2634" s="162"/>
      <c r="BC2634" s="162"/>
      <c r="BD2634" s="162"/>
      <c r="BE2634" s="162"/>
      <c r="BF2634" s="162"/>
      <c r="BG2634" s="162"/>
      <c r="BH2634" s="162"/>
      <c r="BI2634" s="162"/>
      <c r="BJ2634" s="162"/>
      <c r="BK2634" s="162"/>
      <c r="BL2634" s="162"/>
      <c r="BM2634" s="162"/>
      <c r="BN2634" s="162"/>
      <c r="BO2634" s="162"/>
      <c r="BP2634" s="162"/>
      <c r="BQ2634" s="162"/>
      <c r="BR2634" s="162"/>
      <c r="BS2634" s="162"/>
      <c r="BT2634" s="162"/>
      <c r="BU2634" s="162"/>
      <c r="BV2634" s="162"/>
      <c r="BW2634" s="162"/>
      <c r="BX2634" s="162"/>
      <c r="BY2634" s="162"/>
      <c r="BZ2634" s="162"/>
      <c r="CA2634" s="162"/>
      <c r="CB2634" s="162"/>
      <c r="CC2634" s="162"/>
      <c r="CD2634" s="162"/>
      <c r="CE2634" s="162"/>
      <c r="CF2634" s="162"/>
      <c r="CG2634" s="162"/>
      <c r="CH2634" s="162"/>
      <c r="CI2634" s="162"/>
      <c r="CJ2634" s="162"/>
      <c r="CK2634" s="162"/>
      <c r="CX2634" s="98"/>
      <c r="DL2634" s="97"/>
      <c r="DX2634" s="98"/>
      <c r="EL2634" s="97"/>
      <c r="EX2634" s="98"/>
      <c r="EY2634" s="97"/>
      <c r="FL2634" s="126"/>
      <c r="FM2634" s="91"/>
      <c r="FN2634" s="91"/>
      <c r="FO2634" s="91"/>
      <c r="FP2634" s="91"/>
      <c r="FQ2634" s="91"/>
      <c r="FR2634" s="91"/>
      <c r="FS2634" s="91"/>
      <c r="FT2634" s="91"/>
      <c r="FU2634" s="91"/>
      <c r="FV2634" s="91"/>
      <c r="FW2634" s="91"/>
      <c r="FX2634" s="91"/>
      <c r="FY2634" s="91"/>
      <c r="FZ2634" s="91"/>
      <c r="GA2634" s="91"/>
      <c r="GB2634" s="91"/>
      <c r="GC2634" s="91"/>
      <c r="GD2634" s="91"/>
      <c r="GE2634" s="91"/>
      <c r="GF2634" s="91"/>
      <c r="GG2634" s="91"/>
      <c r="GH2634" s="91"/>
      <c r="GI2634" s="91"/>
      <c r="GJ2634" s="91"/>
      <c r="GK2634" s="127"/>
      <c r="GL2634" s="126"/>
      <c r="GM2634" s="91"/>
      <c r="GN2634" s="91"/>
      <c r="GO2634" s="91"/>
      <c r="GP2634" s="91"/>
      <c r="GQ2634" s="91"/>
      <c r="GR2634" s="91"/>
      <c r="GS2634" s="91"/>
      <c r="GT2634" s="91"/>
      <c r="GU2634" s="91"/>
      <c r="GV2634" s="91"/>
      <c r="GW2634" s="91"/>
      <c r="GX2634" s="91"/>
      <c r="GY2634" s="91"/>
      <c r="GZ2634" s="91"/>
      <c r="HA2634" s="91"/>
      <c r="HB2634" s="91"/>
      <c r="HC2634" s="91"/>
      <c r="HD2634" s="91"/>
      <c r="HE2634" s="91"/>
      <c r="HF2634" s="91"/>
      <c r="HG2634" s="91"/>
      <c r="HH2634" s="91"/>
      <c r="HI2634" s="91"/>
      <c r="HJ2634" s="91"/>
      <c r="HK2634" s="127"/>
      <c r="HL2634" s="126"/>
      <c r="HM2634" s="91"/>
      <c r="HN2634" s="91"/>
      <c r="HO2634" s="91"/>
      <c r="HP2634" s="91"/>
      <c r="HQ2634" s="91"/>
      <c r="HR2634" s="91"/>
      <c r="HS2634" s="91"/>
      <c r="HT2634" s="91"/>
      <c r="HU2634" s="91"/>
      <c r="HV2634" s="91"/>
      <c r="HW2634" s="91"/>
      <c r="HX2634" s="91"/>
      <c r="HY2634" s="91"/>
      <c r="HZ2634" s="91"/>
      <c r="IA2634" s="91"/>
      <c r="IB2634" s="91"/>
      <c r="IC2634" s="91"/>
      <c r="ID2634" s="91"/>
      <c r="IE2634" s="91"/>
      <c r="IF2634" s="91"/>
      <c r="IG2634" s="91"/>
      <c r="IH2634" s="91"/>
      <c r="II2634" s="91"/>
      <c r="IJ2634" s="91"/>
      <c r="IK2634" s="127"/>
    </row>
    <row r="2635" spans="2:245" x14ac:dyDescent="0.2">
      <c r="B2635" s="43"/>
      <c r="C2635" s="73"/>
      <c r="D2635" s="64"/>
      <c r="E2635" s="64"/>
      <c r="F2635" s="55"/>
      <c r="G2635" s="102"/>
      <c r="H2635" s="55"/>
      <c r="I2635" s="55"/>
      <c r="J2635" s="55"/>
      <c r="K2635" s="55"/>
      <c r="L2635" s="55"/>
      <c r="M2635" s="55"/>
      <c r="N2635" s="55"/>
      <c r="O2635" s="55"/>
      <c r="P2635" s="55"/>
      <c r="Q2635" s="55"/>
      <c r="R2635" s="55"/>
      <c r="S2635" s="55"/>
      <c r="T2635" s="55"/>
      <c r="U2635" s="55"/>
      <c r="V2635" s="55"/>
      <c r="W2635" s="55"/>
      <c r="X2635" s="55"/>
      <c r="Y2635" s="55"/>
      <c r="Z2635" s="55"/>
      <c r="AA2635" s="55"/>
      <c r="AB2635" s="55"/>
      <c r="AC2635" s="55"/>
      <c r="AD2635" s="55"/>
      <c r="AE2635" s="55"/>
      <c r="AF2635" s="55"/>
      <c r="AG2635" s="55"/>
      <c r="AY2635" s="162"/>
      <c r="AZ2635" s="162"/>
      <c r="BA2635" s="162"/>
      <c r="BB2635" s="162"/>
      <c r="BC2635" s="162"/>
      <c r="BD2635" s="162"/>
      <c r="BE2635" s="162"/>
      <c r="BF2635" s="162"/>
      <c r="BG2635" s="162"/>
      <c r="BH2635" s="162"/>
      <c r="BI2635" s="162"/>
      <c r="BJ2635" s="162"/>
      <c r="BK2635" s="162"/>
      <c r="BL2635" s="162"/>
      <c r="BM2635" s="162"/>
      <c r="BN2635" s="162"/>
      <c r="BO2635" s="162"/>
      <c r="BP2635" s="162"/>
      <c r="BQ2635" s="162"/>
      <c r="BR2635" s="162"/>
      <c r="BS2635" s="162"/>
      <c r="BT2635" s="162"/>
      <c r="BU2635" s="162"/>
      <c r="BV2635" s="162"/>
      <c r="BW2635" s="162"/>
      <c r="BX2635" s="162"/>
      <c r="BY2635" s="162"/>
      <c r="BZ2635" s="162"/>
      <c r="CA2635" s="162"/>
      <c r="CB2635" s="162"/>
      <c r="CC2635" s="162"/>
      <c r="CD2635" s="162"/>
      <c r="CE2635" s="162"/>
      <c r="CF2635" s="162"/>
      <c r="CG2635" s="162"/>
      <c r="CH2635" s="162"/>
      <c r="CI2635" s="162"/>
      <c r="CJ2635" s="162"/>
      <c r="CK2635" s="162"/>
      <c r="CX2635" s="98"/>
      <c r="DL2635" s="97"/>
      <c r="DX2635" s="98"/>
      <c r="EL2635" s="97"/>
      <c r="EX2635" s="98"/>
      <c r="EY2635" s="97"/>
      <c r="FL2635" s="126"/>
      <c r="FM2635" s="91"/>
      <c r="FN2635" s="91"/>
      <c r="FO2635" s="91"/>
      <c r="FP2635" s="91"/>
      <c r="FQ2635" s="91"/>
      <c r="FR2635" s="91"/>
      <c r="FS2635" s="91"/>
      <c r="FT2635" s="91"/>
      <c r="FU2635" s="91"/>
      <c r="FV2635" s="91"/>
      <c r="FW2635" s="91"/>
      <c r="FX2635" s="91"/>
      <c r="FY2635" s="91"/>
      <c r="FZ2635" s="91"/>
      <c r="GA2635" s="91"/>
      <c r="GB2635" s="91"/>
      <c r="GC2635" s="91"/>
      <c r="GD2635" s="91"/>
      <c r="GE2635" s="91"/>
      <c r="GF2635" s="91"/>
      <c r="GG2635" s="91"/>
      <c r="GH2635" s="91"/>
      <c r="GI2635" s="91"/>
      <c r="GJ2635" s="91"/>
      <c r="GK2635" s="127"/>
      <c r="GL2635" s="126"/>
      <c r="GM2635" s="91"/>
      <c r="GN2635" s="91"/>
      <c r="GO2635" s="91"/>
      <c r="GP2635" s="91"/>
      <c r="GQ2635" s="91"/>
      <c r="GR2635" s="91"/>
      <c r="GS2635" s="91"/>
      <c r="GT2635" s="91"/>
      <c r="GU2635" s="91"/>
      <c r="GV2635" s="91"/>
      <c r="GW2635" s="91"/>
      <c r="GX2635" s="91"/>
      <c r="GY2635" s="91"/>
      <c r="GZ2635" s="91"/>
      <c r="HA2635" s="91"/>
      <c r="HB2635" s="91"/>
      <c r="HC2635" s="91"/>
      <c r="HD2635" s="91"/>
      <c r="HE2635" s="91"/>
      <c r="HF2635" s="91"/>
      <c r="HG2635" s="91"/>
      <c r="HH2635" s="91"/>
      <c r="HI2635" s="91"/>
      <c r="HJ2635" s="91"/>
      <c r="HK2635" s="127"/>
      <c r="HL2635" s="126"/>
      <c r="HM2635" s="91"/>
      <c r="HN2635" s="91"/>
      <c r="HO2635" s="91"/>
      <c r="HP2635" s="91"/>
      <c r="HQ2635" s="91"/>
      <c r="HR2635" s="91"/>
      <c r="HS2635" s="91"/>
      <c r="HT2635" s="91"/>
      <c r="HU2635" s="91"/>
      <c r="HV2635" s="91"/>
      <c r="HW2635" s="91"/>
      <c r="HX2635" s="91"/>
      <c r="HY2635" s="91"/>
      <c r="HZ2635" s="91"/>
      <c r="IA2635" s="91"/>
      <c r="IB2635" s="91"/>
      <c r="IC2635" s="91"/>
      <c r="ID2635" s="91"/>
      <c r="IE2635" s="91"/>
      <c r="IF2635" s="91"/>
      <c r="IG2635" s="91"/>
      <c r="IH2635" s="91"/>
      <c r="II2635" s="91"/>
      <c r="IJ2635" s="91"/>
      <c r="IK2635" s="127"/>
    </row>
    <row r="2636" spans="2:245" x14ac:dyDescent="0.2">
      <c r="B2636" s="43"/>
      <c r="C2636" s="73"/>
      <c r="D2636" s="64"/>
      <c r="E2636" s="64"/>
      <c r="F2636" s="55"/>
      <c r="G2636" s="102"/>
      <c r="H2636" s="55"/>
      <c r="I2636" s="55"/>
      <c r="J2636" s="55"/>
      <c r="K2636" s="55"/>
      <c r="L2636" s="55"/>
      <c r="M2636" s="55"/>
      <c r="N2636" s="55"/>
      <c r="O2636" s="55"/>
      <c r="P2636" s="55"/>
      <c r="Q2636" s="55"/>
      <c r="R2636" s="55"/>
      <c r="S2636" s="55"/>
      <c r="T2636" s="55"/>
      <c r="U2636" s="55"/>
      <c r="V2636" s="55"/>
      <c r="W2636" s="55"/>
      <c r="X2636" s="55"/>
      <c r="Y2636" s="55"/>
      <c r="Z2636" s="55"/>
      <c r="AA2636" s="55"/>
      <c r="AB2636" s="55"/>
      <c r="AC2636" s="55"/>
      <c r="AD2636" s="55"/>
      <c r="AE2636" s="55"/>
      <c r="AF2636" s="55"/>
      <c r="AG2636" s="55"/>
      <c r="AY2636" s="162"/>
      <c r="AZ2636" s="162"/>
      <c r="BA2636" s="162"/>
      <c r="BB2636" s="162"/>
      <c r="BC2636" s="162"/>
      <c r="BD2636" s="162"/>
      <c r="BE2636" s="162"/>
      <c r="BF2636" s="162"/>
      <c r="BG2636" s="162"/>
      <c r="BH2636" s="162"/>
      <c r="BI2636" s="162"/>
      <c r="BJ2636" s="162"/>
      <c r="BK2636" s="162"/>
      <c r="BL2636" s="162"/>
      <c r="BM2636" s="162"/>
      <c r="BN2636" s="162"/>
      <c r="BO2636" s="162"/>
      <c r="BP2636" s="162"/>
      <c r="BQ2636" s="162"/>
      <c r="BR2636" s="162"/>
      <c r="BS2636" s="162"/>
      <c r="BT2636" s="162"/>
      <c r="BU2636" s="162"/>
      <c r="BV2636" s="162"/>
      <c r="BW2636" s="162"/>
      <c r="BX2636" s="162"/>
      <c r="BY2636" s="162"/>
      <c r="BZ2636" s="162"/>
      <c r="CA2636" s="162"/>
      <c r="CB2636" s="162"/>
      <c r="CC2636" s="162"/>
      <c r="CD2636" s="162"/>
      <c r="CE2636" s="162"/>
      <c r="CF2636" s="162"/>
      <c r="CG2636" s="162"/>
      <c r="CH2636" s="162"/>
      <c r="CI2636" s="162"/>
      <c r="CJ2636" s="162"/>
      <c r="CK2636" s="162"/>
      <c r="CX2636" s="98"/>
      <c r="DL2636" s="97"/>
      <c r="DX2636" s="98"/>
      <c r="EL2636" s="97"/>
      <c r="EX2636" s="98"/>
      <c r="EY2636" s="97"/>
      <c r="FL2636" s="126"/>
      <c r="FM2636" s="91"/>
      <c r="FN2636" s="91"/>
      <c r="FO2636" s="91"/>
      <c r="FP2636" s="91"/>
      <c r="FQ2636" s="91"/>
      <c r="FR2636" s="91"/>
      <c r="FS2636" s="91"/>
      <c r="FT2636" s="91"/>
      <c r="FU2636" s="91"/>
      <c r="FV2636" s="91"/>
      <c r="FW2636" s="91"/>
      <c r="FX2636" s="91"/>
      <c r="FY2636" s="91"/>
      <c r="FZ2636" s="91"/>
      <c r="GA2636" s="91"/>
      <c r="GB2636" s="91"/>
      <c r="GC2636" s="91"/>
      <c r="GD2636" s="91"/>
      <c r="GE2636" s="91"/>
      <c r="GF2636" s="91"/>
      <c r="GG2636" s="91"/>
      <c r="GH2636" s="91"/>
      <c r="GI2636" s="91"/>
      <c r="GJ2636" s="91"/>
      <c r="GK2636" s="127"/>
      <c r="GL2636" s="126"/>
      <c r="GM2636" s="91"/>
      <c r="GN2636" s="91"/>
      <c r="GO2636" s="91"/>
      <c r="GP2636" s="91"/>
      <c r="GQ2636" s="91"/>
      <c r="GR2636" s="91"/>
      <c r="GS2636" s="91"/>
      <c r="GT2636" s="91"/>
      <c r="GU2636" s="91"/>
      <c r="GV2636" s="91"/>
      <c r="GW2636" s="91"/>
      <c r="GX2636" s="91"/>
      <c r="GY2636" s="91"/>
      <c r="GZ2636" s="91"/>
      <c r="HA2636" s="91"/>
      <c r="HB2636" s="91"/>
      <c r="HC2636" s="91"/>
      <c r="HD2636" s="91"/>
      <c r="HE2636" s="91"/>
      <c r="HF2636" s="91"/>
      <c r="HG2636" s="91"/>
      <c r="HH2636" s="91"/>
      <c r="HI2636" s="91"/>
      <c r="HJ2636" s="91"/>
      <c r="HK2636" s="127"/>
      <c r="HL2636" s="126"/>
      <c r="HM2636" s="91"/>
      <c r="HN2636" s="91"/>
      <c r="HO2636" s="91"/>
      <c r="HP2636" s="91"/>
      <c r="HQ2636" s="91"/>
      <c r="HR2636" s="91"/>
      <c r="HS2636" s="91"/>
      <c r="HT2636" s="91"/>
      <c r="HU2636" s="91"/>
      <c r="HV2636" s="91"/>
      <c r="HW2636" s="91"/>
      <c r="HX2636" s="91"/>
      <c r="HY2636" s="91"/>
      <c r="HZ2636" s="91"/>
      <c r="IA2636" s="91"/>
      <c r="IB2636" s="91"/>
      <c r="IC2636" s="91"/>
      <c r="ID2636" s="91"/>
      <c r="IE2636" s="91"/>
      <c r="IF2636" s="91"/>
      <c r="IG2636" s="91"/>
      <c r="IH2636" s="91"/>
      <c r="II2636" s="91"/>
      <c r="IJ2636" s="91"/>
      <c r="IK2636" s="127"/>
    </row>
    <row r="2637" spans="2:245" x14ac:dyDescent="0.2">
      <c r="B2637" s="43"/>
      <c r="C2637" s="73"/>
      <c r="D2637" s="64"/>
      <c r="E2637" s="64"/>
      <c r="F2637" s="55"/>
      <c r="G2637" s="102"/>
      <c r="H2637" s="55"/>
      <c r="I2637" s="55"/>
      <c r="J2637" s="55"/>
      <c r="K2637" s="55"/>
      <c r="L2637" s="55"/>
      <c r="M2637" s="55"/>
      <c r="N2637" s="55"/>
      <c r="O2637" s="55"/>
      <c r="P2637" s="55"/>
      <c r="Q2637" s="55"/>
      <c r="R2637" s="55"/>
      <c r="S2637" s="55"/>
      <c r="T2637" s="55"/>
      <c r="U2637" s="55"/>
      <c r="V2637" s="55"/>
      <c r="W2637" s="55"/>
      <c r="X2637" s="55"/>
      <c r="Y2637" s="55"/>
      <c r="Z2637" s="55"/>
      <c r="AA2637" s="55"/>
      <c r="AB2637" s="55"/>
      <c r="AC2637" s="55"/>
      <c r="AD2637" s="55"/>
      <c r="AE2637" s="55"/>
      <c r="AF2637" s="55"/>
      <c r="AG2637" s="55"/>
      <c r="AY2637" s="162"/>
      <c r="AZ2637" s="162"/>
      <c r="BA2637" s="162"/>
      <c r="BB2637" s="162"/>
      <c r="BC2637" s="162"/>
      <c r="BD2637" s="162"/>
      <c r="BE2637" s="162"/>
      <c r="BF2637" s="162"/>
      <c r="BG2637" s="162"/>
      <c r="BH2637" s="162"/>
      <c r="BI2637" s="162"/>
      <c r="BJ2637" s="162"/>
      <c r="BK2637" s="162"/>
      <c r="BL2637" s="162"/>
      <c r="BM2637" s="162"/>
      <c r="BN2637" s="162"/>
      <c r="BO2637" s="162"/>
      <c r="BP2637" s="162"/>
      <c r="BQ2637" s="162"/>
      <c r="BR2637" s="162"/>
      <c r="BS2637" s="162"/>
      <c r="BT2637" s="162"/>
      <c r="BU2637" s="162"/>
      <c r="BV2637" s="162"/>
      <c r="BW2637" s="162"/>
      <c r="BX2637" s="162"/>
      <c r="BY2637" s="162"/>
      <c r="BZ2637" s="162"/>
      <c r="CA2637" s="162"/>
      <c r="CB2637" s="162"/>
      <c r="CC2637" s="162"/>
      <c r="CD2637" s="162"/>
      <c r="CE2637" s="162"/>
      <c r="CF2637" s="162"/>
      <c r="CG2637" s="162"/>
      <c r="CH2637" s="162"/>
      <c r="CI2637" s="162"/>
      <c r="CJ2637" s="162"/>
      <c r="CK2637" s="162"/>
      <c r="CX2637" s="98"/>
      <c r="DL2637" s="97"/>
      <c r="DX2637" s="98"/>
      <c r="EL2637" s="97"/>
      <c r="EX2637" s="98"/>
      <c r="EY2637" s="97"/>
      <c r="FL2637" s="126"/>
      <c r="FM2637" s="91"/>
      <c r="FN2637" s="91"/>
      <c r="FO2637" s="91"/>
      <c r="FP2637" s="91"/>
      <c r="FQ2637" s="91"/>
      <c r="FR2637" s="91"/>
      <c r="FS2637" s="91"/>
      <c r="FT2637" s="91"/>
      <c r="FU2637" s="91"/>
      <c r="FV2637" s="91"/>
      <c r="FW2637" s="91"/>
      <c r="FX2637" s="91"/>
      <c r="FY2637" s="91"/>
      <c r="FZ2637" s="91"/>
      <c r="GA2637" s="91"/>
      <c r="GB2637" s="91"/>
      <c r="GC2637" s="91"/>
      <c r="GD2637" s="91"/>
      <c r="GE2637" s="91"/>
      <c r="GF2637" s="91"/>
      <c r="GG2637" s="91"/>
      <c r="GH2637" s="91"/>
      <c r="GI2637" s="91"/>
      <c r="GJ2637" s="91"/>
      <c r="GK2637" s="127"/>
      <c r="GL2637" s="126"/>
      <c r="GM2637" s="91"/>
      <c r="GN2637" s="91"/>
      <c r="GO2637" s="91"/>
      <c r="GP2637" s="91"/>
      <c r="GQ2637" s="91"/>
      <c r="GR2637" s="91"/>
      <c r="GS2637" s="91"/>
      <c r="GT2637" s="91"/>
      <c r="GU2637" s="91"/>
      <c r="GV2637" s="91"/>
      <c r="GW2637" s="91"/>
      <c r="GX2637" s="91"/>
      <c r="GY2637" s="91"/>
      <c r="GZ2637" s="91"/>
      <c r="HA2637" s="91"/>
      <c r="HB2637" s="91"/>
      <c r="HC2637" s="91"/>
      <c r="HD2637" s="91"/>
      <c r="HE2637" s="91"/>
      <c r="HF2637" s="91"/>
      <c r="HG2637" s="91"/>
      <c r="HH2637" s="91"/>
      <c r="HI2637" s="91"/>
      <c r="HJ2637" s="91"/>
      <c r="HK2637" s="127"/>
      <c r="HL2637" s="126"/>
      <c r="HM2637" s="91"/>
      <c r="HN2637" s="91"/>
      <c r="HO2637" s="91"/>
      <c r="HP2637" s="91"/>
      <c r="HQ2637" s="91"/>
      <c r="HR2637" s="91"/>
      <c r="HS2637" s="91"/>
      <c r="HT2637" s="91"/>
      <c r="HU2637" s="91"/>
      <c r="HV2637" s="91"/>
      <c r="HW2637" s="91"/>
      <c r="HX2637" s="91"/>
      <c r="HY2637" s="91"/>
      <c r="HZ2637" s="91"/>
      <c r="IA2637" s="91"/>
      <c r="IB2637" s="91"/>
      <c r="IC2637" s="91"/>
      <c r="ID2637" s="91"/>
      <c r="IE2637" s="91"/>
      <c r="IF2637" s="91"/>
      <c r="IG2637" s="91"/>
      <c r="IH2637" s="91"/>
      <c r="II2637" s="91"/>
      <c r="IJ2637" s="91"/>
      <c r="IK2637" s="127"/>
    </row>
    <row r="2638" spans="2:245" x14ac:dyDescent="0.2">
      <c r="B2638" s="43"/>
      <c r="C2638" s="73"/>
      <c r="D2638" s="64"/>
      <c r="E2638" s="64"/>
      <c r="F2638" s="55"/>
      <c r="G2638" s="102"/>
      <c r="H2638" s="55"/>
      <c r="I2638" s="55"/>
      <c r="J2638" s="55"/>
      <c r="K2638" s="55"/>
      <c r="L2638" s="55"/>
      <c r="M2638" s="55"/>
      <c r="N2638" s="55"/>
      <c r="O2638" s="55"/>
      <c r="P2638" s="55"/>
      <c r="Q2638" s="55"/>
      <c r="R2638" s="55"/>
      <c r="S2638" s="55"/>
      <c r="T2638" s="55"/>
      <c r="U2638" s="55"/>
      <c r="V2638" s="55"/>
      <c r="W2638" s="55"/>
      <c r="X2638" s="55"/>
      <c r="Y2638" s="55"/>
      <c r="Z2638" s="55"/>
      <c r="AA2638" s="55"/>
      <c r="AB2638" s="55"/>
      <c r="AC2638" s="55"/>
      <c r="AD2638" s="55"/>
      <c r="AE2638" s="55"/>
      <c r="AF2638" s="55"/>
      <c r="AG2638" s="55"/>
      <c r="AY2638" s="162"/>
      <c r="AZ2638" s="162"/>
      <c r="BA2638" s="162"/>
      <c r="BB2638" s="162"/>
      <c r="BC2638" s="162"/>
      <c r="BD2638" s="162"/>
      <c r="BE2638" s="162"/>
      <c r="BF2638" s="162"/>
      <c r="BG2638" s="162"/>
      <c r="BH2638" s="162"/>
      <c r="BI2638" s="162"/>
      <c r="BJ2638" s="162"/>
      <c r="BK2638" s="162"/>
      <c r="BL2638" s="162"/>
      <c r="BM2638" s="162"/>
      <c r="BN2638" s="162"/>
      <c r="BO2638" s="162"/>
      <c r="BP2638" s="162"/>
      <c r="BQ2638" s="162"/>
      <c r="BR2638" s="162"/>
      <c r="BS2638" s="162"/>
      <c r="BT2638" s="162"/>
      <c r="BU2638" s="162"/>
      <c r="BV2638" s="162"/>
      <c r="BW2638" s="162"/>
      <c r="BX2638" s="162"/>
      <c r="BY2638" s="162"/>
      <c r="BZ2638" s="162"/>
      <c r="CA2638" s="162"/>
      <c r="CB2638" s="162"/>
      <c r="CC2638" s="162"/>
      <c r="CD2638" s="162"/>
      <c r="CE2638" s="162"/>
      <c r="CF2638" s="162"/>
      <c r="CG2638" s="162"/>
      <c r="CH2638" s="162"/>
      <c r="CI2638" s="162"/>
      <c r="CJ2638" s="162"/>
      <c r="CK2638" s="162"/>
      <c r="CX2638" s="98"/>
      <c r="DL2638" s="97"/>
      <c r="DX2638" s="98"/>
      <c r="EL2638" s="97"/>
      <c r="EX2638" s="98"/>
      <c r="EY2638" s="97"/>
      <c r="FL2638" s="126"/>
      <c r="FM2638" s="91"/>
      <c r="FN2638" s="91"/>
      <c r="FO2638" s="91"/>
      <c r="FP2638" s="91"/>
      <c r="FQ2638" s="91"/>
      <c r="FR2638" s="91"/>
      <c r="FS2638" s="91"/>
      <c r="FT2638" s="91"/>
      <c r="FU2638" s="91"/>
      <c r="FV2638" s="91"/>
      <c r="FW2638" s="91"/>
      <c r="FX2638" s="91"/>
      <c r="FY2638" s="91"/>
      <c r="FZ2638" s="91"/>
      <c r="GA2638" s="91"/>
      <c r="GB2638" s="91"/>
      <c r="GC2638" s="91"/>
      <c r="GD2638" s="91"/>
      <c r="GE2638" s="91"/>
      <c r="GF2638" s="91"/>
      <c r="GG2638" s="91"/>
      <c r="GH2638" s="91"/>
      <c r="GI2638" s="91"/>
      <c r="GJ2638" s="91"/>
      <c r="GK2638" s="127"/>
      <c r="GL2638" s="126"/>
      <c r="GM2638" s="91"/>
      <c r="GN2638" s="91"/>
      <c r="GO2638" s="91"/>
      <c r="GP2638" s="91"/>
      <c r="GQ2638" s="91"/>
      <c r="GR2638" s="91"/>
      <c r="GS2638" s="91"/>
      <c r="GT2638" s="91"/>
      <c r="GU2638" s="91"/>
      <c r="GV2638" s="91"/>
      <c r="GW2638" s="91"/>
      <c r="GX2638" s="91"/>
      <c r="GY2638" s="91"/>
      <c r="GZ2638" s="91"/>
      <c r="HA2638" s="91"/>
      <c r="HB2638" s="91"/>
      <c r="HC2638" s="91"/>
      <c r="HD2638" s="91"/>
      <c r="HE2638" s="91"/>
      <c r="HF2638" s="91"/>
      <c r="HG2638" s="91"/>
      <c r="HH2638" s="91"/>
      <c r="HI2638" s="91"/>
      <c r="HJ2638" s="91"/>
      <c r="HK2638" s="127"/>
      <c r="HL2638" s="126"/>
      <c r="HM2638" s="91"/>
      <c r="HN2638" s="91"/>
      <c r="HO2638" s="91"/>
      <c r="HP2638" s="91"/>
      <c r="HQ2638" s="91"/>
      <c r="HR2638" s="91"/>
      <c r="HS2638" s="91"/>
      <c r="HT2638" s="91"/>
      <c r="HU2638" s="91"/>
      <c r="HV2638" s="91"/>
      <c r="HW2638" s="91"/>
      <c r="HX2638" s="91"/>
      <c r="HY2638" s="91"/>
      <c r="HZ2638" s="91"/>
      <c r="IA2638" s="91"/>
      <c r="IB2638" s="91"/>
      <c r="IC2638" s="91"/>
      <c r="ID2638" s="91"/>
      <c r="IE2638" s="91"/>
      <c r="IF2638" s="91"/>
      <c r="IG2638" s="91"/>
      <c r="IH2638" s="91"/>
      <c r="II2638" s="91"/>
      <c r="IJ2638" s="91"/>
      <c r="IK2638" s="127"/>
    </row>
    <row r="2639" spans="2:245" x14ac:dyDescent="0.2">
      <c r="B2639" s="43"/>
      <c r="C2639" s="73"/>
      <c r="D2639" s="64"/>
      <c r="E2639" s="64"/>
      <c r="F2639" s="55"/>
      <c r="G2639" s="102"/>
      <c r="H2639" s="55"/>
      <c r="I2639" s="55"/>
      <c r="J2639" s="55"/>
      <c r="K2639" s="55"/>
      <c r="L2639" s="55"/>
      <c r="M2639" s="55"/>
      <c r="N2639" s="55"/>
      <c r="O2639" s="55"/>
      <c r="P2639" s="55"/>
      <c r="Q2639" s="55"/>
      <c r="R2639" s="55"/>
      <c r="S2639" s="55"/>
      <c r="T2639" s="55"/>
      <c r="U2639" s="55"/>
      <c r="V2639" s="55"/>
      <c r="W2639" s="55"/>
      <c r="X2639" s="55"/>
      <c r="Y2639" s="55"/>
      <c r="Z2639" s="55"/>
      <c r="AA2639" s="55"/>
      <c r="AB2639" s="55"/>
      <c r="AC2639" s="55"/>
      <c r="AD2639" s="55"/>
      <c r="AE2639" s="55"/>
      <c r="AF2639" s="55"/>
      <c r="AG2639" s="55"/>
      <c r="AY2639" s="162"/>
      <c r="AZ2639" s="162"/>
      <c r="BA2639" s="162"/>
      <c r="BB2639" s="162"/>
      <c r="BC2639" s="162"/>
      <c r="BD2639" s="162"/>
      <c r="BE2639" s="162"/>
      <c r="BF2639" s="162"/>
      <c r="BG2639" s="162"/>
      <c r="BH2639" s="162"/>
      <c r="BI2639" s="162"/>
      <c r="BJ2639" s="162"/>
      <c r="BK2639" s="162"/>
      <c r="BL2639" s="162"/>
      <c r="BM2639" s="162"/>
      <c r="BN2639" s="162"/>
      <c r="BO2639" s="162"/>
      <c r="BP2639" s="162"/>
      <c r="BQ2639" s="162"/>
      <c r="BR2639" s="162"/>
      <c r="BS2639" s="162"/>
      <c r="BT2639" s="162"/>
      <c r="BU2639" s="162"/>
      <c r="BV2639" s="162"/>
      <c r="BW2639" s="162"/>
      <c r="BX2639" s="162"/>
      <c r="BY2639" s="162"/>
      <c r="BZ2639" s="162"/>
      <c r="CA2639" s="162"/>
      <c r="CB2639" s="162"/>
      <c r="CC2639" s="162"/>
      <c r="CD2639" s="162"/>
      <c r="CE2639" s="162"/>
      <c r="CF2639" s="162"/>
      <c r="CG2639" s="162"/>
      <c r="CH2639" s="162"/>
      <c r="CI2639" s="162"/>
      <c r="CJ2639" s="162"/>
      <c r="CK2639" s="162"/>
      <c r="CX2639" s="98"/>
      <c r="DL2639" s="97"/>
      <c r="DX2639" s="98"/>
      <c r="EL2639" s="97"/>
      <c r="EX2639" s="98"/>
      <c r="EY2639" s="97"/>
      <c r="FL2639" s="126"/>
      <c r="FM2639" s="91"/>
      <c r="FN2639" s="91"/>
      <c r="FO2639" s="91"/>
      <c r="FP2639" s="91"/>
      <c r="FQ2639" s="91"/>
      <c r="FR2639" s="91"/>
      <c r="FS2639" s="91"/>
      <c r="FT2639" s="91"/>
      <c r="FU2639" s="91"/>
      <c r="FV2639" s="91"/>
      <c r="FW2639" s="91"/>
      <c r="FX2639" s="91"/>
      <c r="FY2639" s="91"/>
      <c r="FZ2639" s="91"/>
      <c r="GA2639" s="91"/>
      <c r="GB2639" s="91"/>
      <c r="GC2639" s="91"/>
      <c r="GD2639" s="91"/>
      <c r="GE2639" s="91"/>
      <c r="GF2639" s="91"/>
      <c r="GG2639" s="91"/>
      <c r="GH2639" s="91"/>
      <c r="GI2639" s="91"/>
      <c r="GJ2639" s="91"/>
      <c r="GK2639" s="127"/>
      <c r="GL2639" s="126"/>
      <c r="GM2639" s="91"/>
      <c r="GN2639" s="91"/>
      <c r="GO2639" s="91"/>
      <c r="GP2639" s="91"/>
      <c r="GQ2639" s="91"/>
      <c r="GR2639" s="91"/>
      <c r="GS2639" s="91"/>
      <c r="GT2639" s="91"/>
      <c r="GU2639" s="91"/>
      <c r="GV2639" s="91"/>
      <c r="GW2639" s="91"/>
      <c r="GX2639" s="91"/>
      <c r="GY2639" s="91"/>
      <c r="GZ2639" s="91"/>
      <c r="HA2639" s="91"/>
      <c r="HB2639" s="91"/>
      <c r="HC2639" s="91"/>
      <c r="HD2639" s="91"/>
      <c r="HE2639" s="91"/>
      <c r="HF2639" s="91"/>
      <c r="HG2639" s="91"/>
      <c r="HH2639" s="91"/>
      <c r="HI2639" s="91"/>
      <c r="HJ2639" s="91"/>
      <c r="HK2639" s="127"/>
      <c r="HL2639" s="126"/>
      <c r="HM2639" s="91"/>
      <c r="HN2639" s="91"/>
      <c r="HO2639" s="91"/>
      <c r="HP2639" s="91"/>
      <c r="HQ2639" s="91"/>
      <c r="HR2639" s="91"/>
      <c r="HS2639" s="91"/>
      <c r="HT2639" s="91"/>
      <c r="HU2639" s="91"/>
      <c r="HV2639" s="91"/>
      <c r="HW2639" s="91"/>
      <c r="HX2639" s="91"/>
      <c r="HY2639" s="91"/>
      <c r="HZ2639" s="91"/>
      <c r="IA2639" s="91"/>
      <c r="IB2639" s="91"/>
      <c r="IC2639" s="91"/>
      <c r="ID2639" s="91"/>
      <c r="IE2639" s="91"/>
      <c r="IF2639" s="91"/>
      <c r="IG2639" s="91"/>
      <c r="IH2639" s="91"/>
      <c r="II2639" s="91"/>
      <c r="IJ2639" s="91"/>
      <c r="IK2639" s="127"/>
    </row>
    <row r="2640" spans="2:245" x14ac:dyDescent="0.2">
      <c r="B2640" s="43"/>
      <c r="C2640" s="73"/>
      <c r="D2640" s="64"/>
      <c r="E2640" s="64"/>
      <c r="F2640" s="55"/>
      <c r="G2640" s="102"/>
      <c r="H2640" s="55"/>
      <c r="I2640" s="55"/>
      <c r="J2640" s="55"/>
      <c r="K2640" s="55"/>
      <c r="L2640" s="55"/>
      <c r="M2640" s="55"/>
      <c r="N2640" s="55"/>
      <c r="O2640" s="55"/>
      <c r="P2640" s="55"/>
      <c r="Q2640" s="55"/>
      <c r="R2640" s="55"/>
      <c r="S2640" s="55"/>
      <c r="T2640" s="55"/>
      <c r="U2640" s="55"/>
      <c r="V2640" s="55"/>
      <c r="W2640" s="55"/>
      <c r="X2640" s="55"/>
      <c r="Y2640" s="55"/>
      <c r="Z2640" s="55"/>
      <c r="AA2640" s="55"/>
      <c r="AB2640" s="55"/>
      <c r="AC2640" s="55"/>
      <c r="AD2640" s="55"/>
      <c r="AE2640" s="55"/>
      <c r="AF2640" s="55"/>
      <c r="AG2640" s="55"/>
      <c r="AY2640" s="162"/>
      <c r="AZ2640" s="162"/>
      <c r="BA2640" s="162"/>
      <c r="BB2640" s="162"/>
      <c r="BC2640" s="162"/>
      <c r="BD2640" s="162"/>
      <c r="BE2640" s="162"/>
      <c r="BF2640" s="162"/>
      <c r="BG2640" s="162"/>
      <c r="BH2640" s="162"/>
      <c r="BI2640" s="162"/>
      <c r="BJ2640" s="162"/>
      <c r="BK2640" s="162"/>
      <c r="BL2640" s="162"/>
      <c r="BM2640" s="162"/>
      <c r="BN2640" s="162"/>
      <c r="BO2640" s="162"/>
      <c r="BP2640" s="162"/>
      <c r="BQ2640" s="162"/>
      <c r="BR2640" s="162"/>
      <c r="BS2640" s="162"/>
      <c r="BT2640" s="162"/>
      <c r="BU2640" s="162"/>
      <c r="BV2640" s="162"/>
      <c r="BW2640" s="162"/>
      <c r="BX2640" s="162"/>
      <c r="BY2640" s="162"/>
      <c r="BZ2640" s="162"/>
      <c r="CA2640" s="162"/>
      <c r="CB2640" s="162"/>
      <c r="CC2640" s="162"/>
      <c r="CD2640" s="162"/>
      <c r="CE2640" s="162"/>
      <c r="CF2640" s="162"/>
      <c r="CG2640" s="162"/>
      <c r="CH2640" s="162"/>
      <c r="CI2640" s="162"/>
      <c r="CJ2640" s="162"/>
      <c r="CK2640" s="162"/>
      <c r="CX2640" s="98"/>
      <c r="DL2640" s="97"/>
      <c r="DX2640" s="98"/>
      <c r="EL2640" s="97"/>
      <c r="EX2640" s="98"/>
      <c r="EY2640" s="97"/>
      <c r="FL2640" s="126"/>
      <c r="FM2640" s="91"/>
      <c r="FN2640" s="91"/>
      <c r="FO2640" s="91"/>
      <c r="FP2640" s="91"/>
      <c r="FQ2640" s="91"/>
      <c r="FR2640" s="91"/>
      <c r="FS2640" s="91"/>
      <c r="FT2640" s="91"/>
      <c r="FU2640" s="91"/>
      <c r="FV2640" s="91"/>
      <c r="FW2640" s="91"/>
      <c r="FX2640" s="91"/>
      <c r="FY2640" s="91"/>
      <c r="FZ2640" s="91"/>
      <c r="GA2640" s="91"/>
      <c r="GB2640" s="91"/>
      <c r="GC2640" s="91"/>
      <c r="GD2640" s="91"/>
      <c r="GE2640" s="91"/>
      <c r="GF2640" s="91"/>
      <c r="GG2640" s="91"/>
      <c r="GH2640" s="91"/>
      <c r="GI2640" s="91"/>
      <c r="GJ2640" s="91"/>
      <c r="GK2640" s="127"/>
      <c r="GL2640" s="126"/>
      <c r="GM2640" s="91"/>
      <c r="GN2640" s="91"/>
      <c r="GO2640" s="91"/>
      <c r="GP2640" s="91"/>
      <c r="GQ2640" s="91"/>
      <c r="GR2640" s="91"/>
      <c r="GS2640" s="91"/>
      <c r="GT2640" s="91"/>
      <c r="GU2640" s="91"/>
      <c r="GV2640" s="91"/>
      <c r="GW2640" s="91"/>
      <c r="GX2640" s="91"/>
      <c r="GY2640" s="91"/>
      <c r="GZ2640" s="91"/>
      <c r="HA2640" s="91"/>
      <c r="HB2640" s="91"/>
      <c r="HC2640" s="91"/>
      <c r="HD2640" s="91"/>
      <c r="HE2640" s="91"/>
      <c r="HF2640" s="91"/>
      <c r="HG2640" s="91"/>
      <c r="HH2640" s="91"/>
      <c r="HI2640" s="91"/>
      <c r="HJ2640" s="91"/>
      <c r="HK2640" s="127"/>
      <c r="HL2640" s="126"/>
      <c r="HM2640" s="91"/>
      <c r="HN2640" s="91"/>
      <c r="HO2640" s="91"/>
      <c r="HP2640" s="91"/>
      <c r="HQ2640" s="91"/>
      <c r="HR2640" s="91"/>
      <c r="HS2640" s="91"/>
      <c r="HT2640" s="91"/>
      <c r="HU2640" s="91"/>
      <c r="HV2640" s="91"/>
      <c r="HW2640" s="91"/>
      <c r="HX2640" s="91"/>
      <c r="HY2640" s="91"/>
      <c r="HZ2640" s="91"/>
      <c r="IA2640" s="91"/>
      <c r="IB2640" s="91"/>
      <c r="IC2640" s="91"/>
      <c r="ID2640" s="91"/>
      <c r="IE2640" s="91"/>
      <c r="IF2640" s="91"/>
      <c r="IG2640" s="91"/>
      <c r="IH2640" s="91"/>
      <c r="II2640" s="91"/>
      <c r="IJ2640" s="91"/>
      <c r="IK2640" s="127"/>
    </row>
    <row r="2641" spans="2:245" x14ac:dyDescent="0.2">
      <c r="B2641" s="43"/>
      <c r="C2641" s="73"/>
      <c r="D2641" s="64"/>
      <c r="E2641" s="64"/>
      <c r="F2641" s="55"/>
      <c r="G2641" s="102"/>
      <c r="H2641" s="55"/>
      <c r="I2641" s="55"/>
      <c r="J2641" s="55"/>
      <c r="K2641" s="55"/>
      <c r="L2641" s="55"/>
      <c r="M2641" s="55"/>
      <c r="N2641" s="55"/>
      <c r="O2641" s="55"/>
      <c r="P2641" s="55"/>
      <c r="Q2641" s="55"/>
      <c r="R2641" s="55"/>
      <c r="S2641" s="55"/>
      <c r="T2641" s="55"/>
      <c r="U2641" s="55"/>
      <c r="V2641" s="55"/>
      <c r="W2641" s="55"/>
      <c r="X2641" s="55"/>
      <c r="Y2641" s="55"/>
      <c r="Z2641" s="55"/>
      <c r="AA2641" s="55"/>
      <c r="AB2641" s="55"/>
      <c r="AC2641" s="55"/>
      <c r="AD2641" s="55"/>
      <c r="AE2641" s="55"/>
      <c r="AF2641" s="55"/>
      <c r="AG2641" s="55"/>
      <c r="AY2641" s="162"/>
      <c r="AZ2641" s="162"/>
      <c r="BA2641" s="162"/>
      <c r="BB2641" s="162"/>
      <c r="BC2641" s="162"/>
      <c r="BD2641" s="162"/>
      <c r="BE2641" s="162"/>
      <c r="BF2641" s="162"/>
      <c r="BG2641" s="162"/>
      <c r="BH2641" s="162"/>
      <c r="BI2641" s="162"/>
      <c r="BJ2641" s="162"/>
      <c r="BK2641" s="162"/>
      <c r="BL2641" s="162"/>
      <c r="BM2641" s="162"/>
      <c r="BN2641" s="162"/>
      <c r="BO2641" s="162"/>
      <c r="BP2641" s="162"/>
      <c r="BQ2641" s="162"/>
      <c r="BR2641" s="162"/>
      <c r="BS2641" s="162"/>
      <c r="BT2641" s="162"/>
      <c r="BU2641" s="162"/>
      <c r="BV2641" s="162"/>
      <c r="BW2641" s="162"/>
      <c r="BX2641" s="162"/>
      <c r="BY2641" s="162"/>
      <c r="BZ2641" s="162"/>
      <c r="CA2641" s="162"/>
      <c r="CB2641" s="162"/>
      <c r="CC2641" s="162"/>
      <c r="CD2641" s="162"/>
      <c r="CE2641" s="162"/>
      <c r="CF2641" s="162"/>
      <c r="CG2641" s="162"/>
      <c r="CH2641" s="162"/>
      <c r="CI2641" s="162"/>
      <c r="CJ2641" s="162"/>
      <c r="CK2641" s="162"/>
      <c r="CX2641" s="98"/>
      <c r="DL2641" s="97"/>
      <c r="DX2641" s="98"/>
      <c r="EL2641" s="97"/>
      <c r="EX2641" s="98"/>
      <c r="EY2641" s="97"/>
      <c r="FL2641" s="126"/>
      <c r="FM2641" s="91"/>
      <c r="FN2641" s="91"/>
      <c r="FO2641" s="91"/>
      <c r="FP2641" s="91"/>
      <c r="FQ2641" s="91"/>
      <c r="FR2641" s="91"/>
      <c r="FS2641" s="91"/>
      <c r="FT2641" s="91"/>
      <c r="FU2641" s="91"/>
      <c r="FV2641" s="91"/>
      <c r="FW2641" s="91"/>
      <c r="FX2641" s="91"/>
      <c r="FY2641" s="91"/>
      <c r="FZ2641" s="91"/>
      <c r="GA2641" s="91"/>
      <c r="GB2641" s="91"/>
      <c r="GC2641" s="91"/>
      <c r="GD2641" s="91"/>
      <c r="GE2641" s="91"/>
      <c r="GF2641" s="91"/>
      <c r="GG2641" s="91"/>
      <c r="GH2641" s="91"/>
      <c r="GI2641" s="91"/>
      <c r="GJ2641" s="91"/>
      <c r="GK2641" s="127"/>
      <c r="GL2641" s="126"/>
      <c r="GM2641" s="91"/>
      <c r="GN2641" s="91"/>
      <c r="GO2641" s="91"/>
      <c r="GP2641" s="91"/>
      <c r="GQ2641" s="91"/>
      <c r="GR2641" s="91"/>
      <c r="GS2641" s="91"/>
      <c r="GT2641" s="91"/>
      <c r="GU2641" s="91"/>
      <c r="GV2641" s="91"/>
      <c r="GW2641" s="91"/>
      <c r="GX2641" s="91"/>
      <c r="GY2641" s="91"/>
      <c r="GZ2641" s="91"/>
      <c r="HA2641" s="91"/>
      <c r="HB2641" s="91"/>
      <c r="HC2641" s="91"/>
      <c r="HD2641" s="91"/>
      <c r="HE2641" s="91"/>
      <c r="HF2641" s="91"/>
      <c r="HG2641" s="91"/>
      <c r="HH2641" s="91"/>
      <c r="HI2641" s="91"/>
      <c r="HJ2641" s="91"/>
      <c r="HK2641" s="127"/>
      <c r="HL2641" s="126"/>
      <c r="HM2641" s="91"/>
      <c r="HN2641" s="91"/>
      <c r="HO2641" s="91"/>
      <c r="HP2641" s="91"/>
      <c r="HQ2641" s="91"/>
      <c r="HR2641" s="91"/>
      <c r="HS2641" s="91"/>
      <c r="HT2641" s="91"/>
      <c r="HU2641" s="91"/>
      <c r="HV2641" s="91"/>
      <c r="HW2641" s="91"/>
      <c r="HX2641" s="91"/>
      <c r="HY2641" s="91"/>
      <c r="HZ2641" s="91"/>
      <c r="IA2641" s="91"/>
      <c r="IB2641" s="91"/>
      <c r="IC2641" s="91"/>
      <c r="ID2641" s="91"/>
      <c r="IE2641" s="91"/>
      <c r="IF2641" s="91"/>
      <c r="IG2641" s="91"/>
      <c r="IH2641" s="91"/>
      <c r="II2641" s="91"/>
      <c r="IJ2641" s="91"/>
      <c r="IK2641" s="127"/>
    </row>
    <row r="2642" spans="2:245" x14ac:dyDescent="0.2">
      <c r="B2642" s="43"/>
      <c r="C2642" s="73"/>
      <c r="D2642" s="64"/>
      <c r="E2642" s="64"/>
      <c r="F2642" s="55"/>
      <c r="G2642" s="102"/>
      <c r="H2642" s="55"/>
      <c r="I2642" s="55"/>
      <c r="J2642" s="55"/>
      <c r="K2642" s="55"/>
      <c r="L2642" s="55"/>
      <c r="M2642" s="55"/>
      <c r="N2642" s="55"/>
      <c r="O2642" s="55"/>
      <c r="P2642" s="55"/>
      <c r="Q2642" s="55"/>
      <c r="R2642" s="55"/>
      <c r="S2642" s="55"/>
      <c r="T2642" s="55"/>
      <c r="U2642" s="55"/>
      <c r="V2642" s="55"/>
      <c r="W2642" s="55"/>
      <c r="X2642" s="55"/>
      <c r="Y2642" s="55"/>
      <c r="Z2642" s="55"/>
      <c r="AA2642" s="55"/>
      <c r="AB2642" s="55"/>
      <c r="AC2642" s="55"/>
      <c r="AD2642" s="55"/>
      <c r="AE2642" s="55"/>
      <c r="AF2642" s="55"/>
      <c r="AG2642" s="55"/>
      <c r="AY2642" s="162"/>
      <c r="AZ2642" s="162"/>
      <c r="BA2642" s="162"/>
      <c r="BB2642" s="162"/>
      <c r="BC2642" s="162"/>
      <c r="BD2642" s="162"/>
      <c r="BE2642" s="162"/>
      <c r="BF2642" s="162"/>
      <c r="BG2642" s="162"/>
      <c r="BH2642" s="162"/>
      <c r="BI2642" s="162"/>
      <c r="BJ2642" s="162"/>
      <c r="BK2642" s="162"/>
      <c r="BL2642" s="162"/>
      <c r="BM2642" s="162"/>
      <c r="BN2642" s="162"/>
      <c r="BO2642" s="162"/>
      <c r="BP2642" s="162"/>
      <c r="BQ2642" s="162"/>
      <c r="BR2642" s="162"/>
      <c r="BS2642" s="162"/>
      <c r="BT2642" s="162"/>
      <c r="BU2642" s="162"/>
      <c r="BV2642" s="162"/>
      <c r="BW2642" s="162"/>
      <c r="BX2642" s="162"/>
      <c r="BY2642" s="162"/>
      <c r="BZ2642" s="162"/>
      <c r="CA2642" s="162"/>
      <c r="CB2642" s="162"/>
      <c r="CC2642" s="162"/>
      <c r="CD2642" s="162"/>
      <c r="CE2642" s="162"/>
      <c r="CF2642" s="162"/>
      <c r="CG2642" s="162"/>
      <c r="CH2642" s="162"/>
      <c r="CI2642" s="162"/>
      <c r="CJ2642" s="162"/>
      <c r="CK2642" s="162"/>
      <c r="CX2642" s="98"/>
      <c r="DL2642" s="97"/>
      <c r="DX2642" s="98"/>
      <c r="EL2642" s="97"/>
      <c r="EX2642" s="98"/>
      <c r="EY2642" s="97"/>
      <c r="FL2642" s="126"/>
      <c r="FM2642" s="91"/>
      <c r="FN2642" s="91"/>
      <c r="FO2642" s="91"/>
      <c r="FP2642" s="91"/>
      <c r="FQ2642" s="91"/>
      <c r="FR2642" s="91"/>
      <c r="FS2642" s="91"/>
      <c r="FT2642" s="91"/>
      <c r="FU2642" s="91"/>
      <c r="FV2642" s="91"/>
      <c r="FW2642" s="91"/>
      <c r="FX2642" s="91"/>
      <c r="FY2642" s="91"/>
      <c r="FZ2642" s="91"/>
      <c r="GA2642" s="91"/>
      <c r="GB2642" s="91"/>
      <c r="GC2642" s="91"/>
      <c r="GD2642" s="91"/>
      <c r="GE2642" s="91"/>
      <c r="GF2642" s="91"/>
      <c r="GG2642" s="91"/>
      <c r="GH2642" s="91"/>
      <c r="GI2642" s="91"/>
      <c r="GJ2642" s="91"/>
      <c r="GK2642" s="127"/>
      <c r="GL2642" s="126"/>
      <c r="GM2642" s="91"/>
      <c r="GN2642" s="91"/>
      <c r="GO2642" s="91"/>
      <c r="GP2642" s="91"/>
      <c r="GQ2642" s="91"/>
      <c r="GR2642" s="91"/>
      <c r="GS2642" s="91"/>
      <c r="GT2642" s="91"/>
      <c r="GU2642" s="91"/>
      <c r="GV2642" s="91"/>
      <c r="GW2642" s="91"/>
      <c r="GX2642" s="91"/>
      <c r="GY2642" s="91"/>
      <c r="GZ2642" s="91"/>
      <c r="HA2642" s="91"/>
      <c r="HB2642" s="91"/>
      <c r="HC2642" s="91"/>
      <c r="HD2642" s="91"/>
      <c r="HE2642" s="91"/>
      <c r="HF2642" s="91"/>
      <c r="HG2642" s="91"/>
      <c r="HH2642" s="91"/>
      <c r="HI2642" s="91"/>
      <c r="HJ2642" s="91"/>
      <c r="HK2642" s="127"/>
      <c r="HL2642" s="126"/>
      <c r="HM2642" s="91"/>
      <c r="HN2642" s="91"/>
      <c r="HO2642" s="91"/>
      <c r="HP2642" s="91"/>
      <c r="HQ2642" s="91"/>
      <c r="HR2642" s="91"/>
      <c r="HS2642" s="91"/>
      <c r="HT2642" s="91"/>
      <c r="HU2642" s="91"/>
      <c r="HV2642" s="91"/>
      <c r="HW2642" s="91"/>
      <c r="HX2642" s="91"/>
      <c r="HY2642" s="91"/>
      <c r="HZ2642" s="91"/>
      <c r="IA2642" s="91"/>
      <c r="IB2642" s="91"/>
      <c r="IC2642" s="91"/>
      <c r="ID2642" s="91"/>
      <c r="IE2642" s="91"/>
      <c r="IF2642" s="91"/>
      <c r="IG2642" s="91"/>
      <c r="IH2642" s="91"/>
      <c r="II2642" s="91"/>
      <c r="IJ2642" s="91"/>
      <c r="IK2642" s="127"/>
    </row>
    <row r="2643" spans="2:245" x14ac:dyDescent="0.2">
      <c r="B2643" s="43"/>
      <c r="C2643" s="73"/>
      <c r="D2643" s="64"/>
      <c r="E2643" s="64"/>
      <c r="F2643" s="55"/>
      <c r="G2643" s="102"/>
      <c r="H2643" s="55"/>
      <c r="I2643" s="55"/>
      <c r="J2643" s="55"/>
      <c r="K2643" s="55"/>
      <c r="L2643" s="55"/>
      <c r="M2643" s="55"/>
      <c r="N2643" s="55"/>
      <c r="O2643" s="55"/>
      <c r="P2643" s="55"/>
      <c r="Q2643" s="55"/>
      <c r="R2643" s="55"/>
      <c r="S2643" s="55"/>
      <c r="T2643" s="55"/>
      <c r="U2643" s="55"/>
      <c r="V2643" s="55"/>
      <c r="W2643" s="55"/>
      <c r="X2643" s="55"/>
      <c r="Y2643" s="55"/>
      <c r="Z2643" s="55"/>
      <c r="AA2643" s="55"/>
      <c r="AB2643" s="55"/>
      <c r="AC2643" s="55"/>
      <c r="AD2643" s="55"/>
      <c r="AE2643" s="55"/>
      <c r="AF2643" s="55"/>
      <c r="AG2643" s="55"/>
      <c r="AY2643" s="162"/>
      <c r="AZ2643" s="162"/>
      <c r="BA2643" s="162"/>
      <c r="BB2643" s="162"/>
      <c r="BC2643" s="162"/>
      <c r="BD2643" s="162"/>
      <c r="BE2643" s="162"/>
      <c r="BF2643" s="162"/>
      <c r="BG2643" s="162"/>
      <c r="BH2643" s="162"/>
      <c r="BI2643" s="162"/>
      <c r="BJ2643" s="162"/>
      <c r="BK2643" s="162"/>
      <c r="BL2643" s="162"/>
      <c r="BM2643" s="162"/>
      <c r="BN2643" s="162"/>
      <c r="BO2643" s="162"/>
      <c r="BP2643" s="162"/>
      <c r="BQ2643" s="162"/>
      <c r="BR2643" s="162"/>
      <c r="BS2643" s="162"/>
      <c r="BT2643" s="162"/>
      <c r="BU2643" s="162"/>
      <c r="BV2643" s="162"/>
      <c r="BW2643" s="162"/>
      <c r="BX2643" s="162"/>
      <c r="BY2643" s="162"/>
      <c r="BZ2643" s="162"/>
      <c r="CA2643" s="162"/>
      <c r="CB2643" s="162"/>
      <c r="CC2643" s="162"/>
      <c r="CD2643" s="162"/>
      <c r="CE2643" s="162"/>
      <c r="CF2643" s="162"/>
      <c r="CG2643" s="162"/>
      <c r="CH2643" s="162"/>
      <c r="CI2643" s="162"/>
      <c r="CJ2643" s="162"/>
      <c r="CK2643" s="162"/>
      <c r="CX2643" s="98"/>
      <c r="DL2643" s="97"/>
      <c r="DX2643" s="98"/>
      <c r="EL2643" s="97"/>
      <c r="EX2643" s="98"/>
      <c r="EY2643" s="97"/>
      <c r="FL2643" s="126"/>
      <c r="FM2643" s="91"/>
      <c r="FN2643" s="91"/>
      <c r="FO2643" s="91"/>
      <c r="FP2643" s="91"/>
      <c r="FQ2643" s="91"/>
      <c r="FR2643" s="91"/>
      <c r="FS2643" s="91"/>
      <c r="FT2643" s="91"/>
      <c r="FU2643" s="91"/>
      <c r="FV2643" s="91"/>
      <c r="FW2643" s="91"/>
      <c r="FX2643" s="91"/>
      <c r="FY2643" s="91"/>
      <c r="FZ2643" s="91"/>
      <c r="GA2643" s="91"/>
      <c r="GB2643" s="91"/>
      <c r="GC2643" s="91"/>
      <c r="GD2643" s="91"/>
      <c r="GE2643" s="91"/>
      <c r="GF2643" s="91"/>
      <c r="GG2643" s="91"/>
      <c r="GH2643" s="91"/>
      <c r="GI2643" s="91"/>
      <c r="GJ2643" s="91"/>
      <c r="GK2643" s="127"/>
      <c r="GL2643" s="126"/>
      <c r="GM2643" s="91"/>
      <c r="GN2643" s="91"/>
      <c r="GO2643" s="91"/>
      <c r="GP2643" s="91"/>
      <c r="GQ2643" s="91"/>
      <c r="GR2643" s="91"/>
      <c r="GS2643" s="91"/>
      <c r="GT2643" s="91"/>
      <c r="GU2643" s="91"/>
      <c r="GV2643" s="91"/>
      <c r="GW2643" s="91"/>
      <c r="GX2643" s="91"/>
      <c r="GY2643" s="91"/>
      <c r="GZ2643" s="91"/>
      <c r="HA2643" s="91"/>
      <c r="HB2643" s="91"/>
      <c r="HC2643" s="91"/>
      <c r="HD2643" s="91"/>
      <c r="HE2643" s="91"/>
      <c r="HF2643" s="91"/>
      <c r="HG2643" s="91"/>
      <c r="HH2643" s="91"/>
      <c r="HI2643" s="91"/>
      <c r="HJ2643" s="91"/>
      <c r="HK2643" s="127"/>
      <c r="HL2643" s="126"/>
      <c r="HM2643" s="91"/>
      <c r="HN2643" s="91"/>
      <c r="HO2643" s="91"/>
      <c r="HP2643" s="91"/>
      <c r="HQ2643" s="91"/>
      <c r="HR2643" s="91"/>
      <c r="HS2643" s="91"/>
      <c r="HT2643" s="91"/>
      <c r="HU2643" s="91"/>
      <c r="HV2643" s="91"/>
      <c r="HW2643" s="91"/>
      <c r="HX2643" s="91"/>
      <c r="HY2643" s="91"/>
      <c r="HZ2643" s="91"/>
      <c r="IA2643" s="91"/>
      <c r="IB2643" s="91"/>
      <c r="IC2643" s="91"/>
      <c r="ID2643" s="91"/>
      <c r="IE2643" s="91"/>
      <c r="IF2643" s="91"/>
      <c r="IG2643" s="91"/>
      <c r="IH2643" s="91"/>
      <c r="II2643" s="91"/>
      <c r="IJ2643" s="91"/>
      <c r="IK2643" s="127"/>
    </row>
    <row r="2644" spans="2:245" x14ac:dyDescent="0.2">
      <c r="B2644" s="43"/>
      <c r="C2644" s="73"/>
      <c r="D2644" s="64"/>
      <c r="E2644" s="64"/>
      <c r="F2644" s="55"/>
      <c r="G2644" s="102"/>
      <c r="H2644" s="55"/>
      <c r="I2644" s="55"/>
      <c r="J2644" s="55"/>
      <c r="K2644" s="55"/>
      <c r="L2644" s="55"/>
      <c r="M2644" s="55"/>
      <c r="N2644" s="55"/>
      <c r="O2644" s="55"/>
      <c r="P2644" s="55"/>
      <c r="Q2644" s="55"/>
      <c r="R2644" s="55"/>
      <c r="S2644" s="55"/>
      <c r="T2644" s="55"/>
      <c r="U2644" s="55"/>
      <c r="V2644" s="55"/>
      <c r="W2644" s="55"/>
      <c r="X2644" s="55"/>
      <c r="Y2644" s="55"/>
      <c r="Z2644" s="55"/>
      <c r="AA2644" s="55"/>
      <c r="AB2644" s="55"/>
      <c r="AC2644" s="55"/>
      <c r="AD2644" s="55"/>
      <c r="AE2644" s="55"/>
      <c r="AF2644" s="55"/>
      <c r="AG2644" s="55"/>
      <c r="AY2644" s="162"/>
      <c r="AZ2644" s="162"/>
      <c r="BA2644" s="162"/>
      <c r="BB2644" s="162"/>
      <c r="BC2644" s="162"/>
      <c r="BD2644" s="162"/>
      <c r="BE2644" s="162"/>
      <c r="BF2644" s="162"/>
      <c r="BG2644" s="162"/>
      <c r="BH2644" s="162"/>
      <c r="BI2644" s="162"/>
      <c r="BJ2644" s="162"/>
      <c r="BK2644" s="162"/>
      <c r="BL2644" s="162"/>
      <c r="BM2644" s="162"/>
      <c r="BN2644" s="162"/>
      <c r="BO2644" s="162"/>
      <c r="BP2644" s="162"/>
      <c r="BQ2644" s="162"/>
      <c r="BR2644" s="162"/>
      <c r="BS2644" s="162"/>
      <c r="BT2644" s="162"/>
      <c r="BU2644" s="162"/>
      <c r="BV2644" s="162"/>
      <c r="BW2644" s="162"/>
      <c r="BX2644" s="162"/>
      <c r="BY2644" s="162"/>
      <c r="BZ2644" s="162"/>
      <c r="CA2644" s="162"/>
      <c r="CB2644" s="162"/>
      <c r="CC2644" s="162"/>
      <c r="CD2644" s="162"/>
      <c r="CE2644" s="162"/>
      <c r="CF2644" s="162"/>
      <c r="CG2644" s="162"/>
      <c r="CH2644" s="162"/>
      <c r="CI2644" s="162"/>
      <c r="CJ2644" s="162"/>
      <c r="CK2644" s="162"/>
      <c r="CX2644" s="98"/>
      <c r="DL2644" s="97"/>
      <c r="DX2644" s="98"/>
      <c r="EL2644" s="97"/>
      <c r="EX2644" s="98"/>
      <c r="EY2644" s="97"/>
      <c r="FL2644" s="126"/>
      <c r="FM2644" s="91"/>
      <c r="FN2644" s="91"/>
      <c r="FO2644" s="91"/>
      <c r="FP2644" s="91"/>
      <c r="FQ2644" s="91"/>
      <c r="FR2644" s="91"/>
      <c r="FS2644" s="91"/>
      <c r="FT2644" s="91"/>
      <c r="FU2644" s="91"/>
      <c r="FV2644" s="91"/>
      <c r="FW2644" s="91"/>
      <c r="FX2644" s="91"/>
      <c r="FY2644" s="91"/>
      <c r="FZ2644" s="91"/>
      <c r="GA2644" s="91"/>
      <c r="GB2644" s="91"/>
      <c r="GC2644" s="91"/>
      <c r="GD2644" s="91"/>
      <c r="GE2644" s="91"/>
      <c r="GF2644" s="91"/>
      <c r="GG2644" s="91"/>
      <c r="GH2644" s="91"/>
      <c r="GI2644" s="91"/>
      <c r="GJ2644" s="91"/>
      <c r="GK2644" s="127"/>
      <c r="GL2644" s="126"/>
      <c r="GM2644" s="91"/>
      <c r="GN2644" s="91"/>
      <c r="GO2644" s="91"/>
      <c r="GP2644" s="91"/>
      <c r="GQ2644" s="91"/>
      <c r="GR2644" s="91"/>
      <c r="GS2644" s="91"/>
      <c r="GT2644" s="91"/>
      <c r="GU2644" s="91"/>
      <c r="GV2644" s="91"/>
      <c r="GW2644" s="91"/>
      <c r="GX2644" s="91"/>
      <c r="GY2644" s="91"/>
      <c r="GZ2644" s="91"/>
      <c r="HA2644" s="91"/>
      <c r="HB2644" s="91"/>
      <c r="HC2644" s="91"/>
      <c r="HD2644" s="91"/>
      <c r="HE2644" s="91"/>
      <c r="HF2644" s="91"/>
      <c r="HG2644" s="91"/>
      <c r="HH2644" s="91"/>
      <c r="HI2644" s="91"/>
      <c r="HJ2644" s="91"/>
      <c r="HK2644" s="127"/>
      <c r="HL2644" s="126"/>
      <c r="HM2644" s="91"/>
      <c r="HN2644" s="91"/>
      <c r="HO2644" s="91"/>
      <c r="HP2644" s="91"/>
      <c r="HQ2644" s="91"/>
      <c r="HR2644" s="91"/>
      <c r="HS2644" s="91"/>
      <c r="HT2644" s="91"/>
      <c r="HU2644" s="91"/>
      <c r="HV2644" s="91"/>
      <c r="HW2644" s="91"/>
      <c r="HX2644" s="91"/>
      <c r="HY2644" s="91"/>
      <c r="HZ2644" s="91"/>
      <c r="IA2644" s="91"/>
      <c r="IB2644" s="91"/>
      <c r="IC2644" s="91"/>
      <c r="ID2644" s="91"/>
      <c r="IE2644" s="91"/>
      <c r="IF2644" s="91"/>
      <c r="IG2644" s="91"/>
      <c r="IH2644" s="91"/>
      <c r="II2644" s="91"/>
      <c r="IJ2644" s="91"/>
      <c r="IK2644" s="127"/>
    </row>
    <row r="2645" spans="2:245" x14ac:dyDescent="0.2">
      <c r="B2645" s="43"/>
      <c r="C2645" s="73"/>
      <c r="D2645" s="64"/>
      <c r="E2645" s="64"/>
      <c r="F2645" s="55"/>
      <c r="G2645" s="102"/>
      <c r="H2645" s="55"/>
      <c r="I2645" s="55"/>
      <c r="J2645" s="55"/>
      <c r="K2645" s="55"/>
      <c r="L2645" s="55"/>
      <c r="M2645" s="55"/>
      <c r="N2645" s="55"/>
      <c r="O2645" s="55"/>
      <c r="P2645" s="55"/>
      <c r="Q2645" s="55"/>
      <c r="R2645" s="55"/>
      <c r="S2645" s="55"/>
      <c r="T2645" s="55"/>
      <c r="U2645" s="55"/>
      <c r="V2645" s="55"/>
      <c r="W2645" s="55"/>
      <c r="X2645" s="55"/>
      <c r="Y2645" s="55"/>
      <c r="Z2645" s="55"/>
      <c r="AA2645" s="55"/>
      <c r="AB2645" s="55"/>
      <c r="AC2645" s="55"/>
      <c r="AD2645" s="55"/>
      <c r="AE2645" s="55"/>
      <c r="AF2645" s="55"/>
      <c r="AG2645" s="55"/>
      <c r="AY2645" s="162"/>
      <c r="AZ2645" s="162"/>
      <c r="BA2645" s="162"/>
      <c r="BB2645" s="162"/>
      <c r="BC2645" s="162"/>
      <c r="BD2645" s="162"/>
      <c r="BE2645" s="162"/>
      <c r="BF2645" s="162"/>
      <c r="BG2645" s="162"/>
      <c r="BH2645" s="162"/>
      <c r="BI2645" s="162"/>
      <c r="BJ2645" s="162"/>
      <c r="BK2645" s="162"/>
      <c r="BL2645" s="162"/>
      <c r="BM2645" s="162"/>
      <c r="BN2645" s="162"/>
      <c r="BO2645" s="162"/>
      <c r="BP2645" s="162"/>
      <c r="BQ2645" s="162"/>
      <c r="BR2645" s="162"/>
      <c r="BS2645" s="162"/>
      <c r="BT2645" s="162"/>
      <c r="BU2645" s="162"/>
      <c r="BV2645" s="162"/>
      <c r="BW2645" s="162"/>
      <c r="BX2645" s="162"/>
      <c r="BY2645" s="162"/>
      <c r="BZ2645" s="162"/>
      <c r="CA2645" s="162"/>
      <c r="CB2645" s="162"/>
      <c r="CC2645" s="162"/>
      <c r="CD2645" s="162"/>
      <c r="CE2645" s="162"/>
      <c r="CF2645" s="162"/>
      <c r="CG2645" s="162"/>
      <c r="CH2645" s="162"/>
      <c r="CI2645" s="162"/>
      <c r="CJ2645" s="162"/>
      <c r="CK2645" s="162"/>
      <c r="CX2645" s="98"/>
      <c r="DL2645" s="97"/>
      <c r="DX2645" s="98"/>
      <c r="EL2645" s="97"/>
      <c r="EX2645" s="98"/>
      <c r="EY2645" s="97"/>
      <c r="FL2645" s="126"/>
      <c r="FM2645" s="91"/>
      <c r="FN2645" s="91"/>
      <c r="FO2645" s="91"/>
      <c r="FP2645" s="91"/>
      <c r="FQ2645" s="91"/>
      <c r="FR2645" s="91"/>
      <c r="FS2645" s="91"/>
      <c r="FT2645" s="91"/>
      <c r="FU2645" s="91"/>
      <c r="FV2645" s="91"/>
      <c r="FW2645" s="91"/>
      <c r="FX2645" s="91"/>
      <c r="FY2645" s="91"/>
      <c r="FZ2645" s="91"/>
      <c r="GA2645" s="91"/>
      <c r="GB2645" s="91"/>
      <c r="GC2645" s="91"/>
      <c r="GD2645" s="91"/>
      <c r="GE2645" s="91"/>
      <c r="GF2645" s="91"/>
      <c r="GG2645" s="91"/>
      <c r="GH2645" s="91"/>
      <c r="GI2645" s="91"/>
      <c r="GJ2645" s="91"/>
      <c r="GK2645" s="127"/>
      <c r="GL2645" s="126"/>
      <c r="GM2645" s="91"/>
      <c r="GN2645" s="91"/>
      <c r="GO2645" s="91"/>
      <c r="GP2645" s="91"/>
      <c r="GQ2645" s="91"/>
      <c r="GR2645" s="91"/>
      <c r="GS2645" s="91"/>
      <c r="GT2645" s="91"/>
      <c r="GU2645" s="91"/>
      <c r="GV2645" s="91"/>
      <c r="GW2645" s="91"/>
      <c r="GX2645" s="91"/>
      <c r="GY2645" s="91"/>
      <c r="GZ2645" s="91"/>
      <c r="HA2645" s="91"/>
      <c r="HB2645" s="91"/>
      <c r="HC2645" s="91"/>
      <c r="HD2645" s="91"/>
      <c r="HE2645" s="91"/>
      <c r="HF2645" s="91"/>
      <c r="HG2645" s="91"/>
      <c r="HH2645" s="91"/>
      <c r="HI2645" s="91"/>
      <c r="HJ2645" s="91"/>
      <c r="HK2645" s="127"/>
      <c r="HL2645" s="126"/>
      <c r="HM2645" s="91"/>
      <c r="HN2645" s="91"/>
      <c r="HO2645" s="91"/>
      <c r="HP2645" s="91"/>
      <c r="HQ2645" s="91"/>
      <c r="HR2645" s="91"/>
      <c r="HS2645" s="91"/>
      <c r="HT2645" s="91"/>
      <c r="HU2645" s="91"/>
      <c r="HV2645" s="91"/>
      <c r="HW2645" s="91"/>
      <c r="HX2645" s="91"/>
      <c r="HY2645" s="91"/>
      <c r="HZ2645" s="91"/>
      <c r="IA2645" s="91"/>
      <c r="IB2645" s="91"/>
      <c r="IC2645" s="91"/>
      <c r="ID2645" s="91"/>
      <c r="IE2645" s="91"/>
      <c r="IF2645" s="91"/>
      <c r="IG2645" s="91"/>
      <c r="IH2645" s="91"/>
      <c r="II2645" s="91"/>
      <c r="IJ2645" s="91"/>
      <c r="IK2645" s="127"/>
    </row>
    <row r="2646" spans="2:245" x14ac:dyDescent="0.2">
      <c r="B2646" s="43"/>
      <c r="C2646" s="73"/>
      <c r="D2646" s="64"/>
      <c r="E2646" s="64"/>
      <c r="F2646" s="55"/>
      <c r="G2646" s="102"/>
      <c r="H2646" s="55"/>
      <c r="I2646" s="55"/>
      <c r="J2646" s="55"/>
      <c r="K2646" s="55"/>
      <c r="L2646" s="55"/>
      <c r="M2646" s="55"/>
      <c r="N2646" s="55"/>
      <c r="O2646" s="55"/>
      <c r="P2646" s="55"/>
      <c r="Q2646" s="55"/>
      <c r="R2646" s="55"/>
      <c r="S2646" s="55"/>
      <c r="T2646" s="55"/>
      <c r="U2646" s="55"/>
      <c r="V2646" s="55"/>
      <c r="W2646" s="55"/>
      <c r="X2646" s="55"/>
      <c r="Y2646" s="55"/>
      <c r="Z2646" s="55"/>
      <c r="AA2646" s="55"/>
      <c r="AB2646" s="55"/>
      <c r="AC2646" s="55"/>
      <c r="AD2646" s="55"/>
      <c r="AE2646" s="55"/>
      <c r="AF2646" s="55"/>
      <c r="AG2646" s="55"/>
      <c r="AY2646" s="162"/>
      <c r="AZ2646" s="162"/>
      <c r="BA2646" s="162"/>
      <c r="BB2646" s="162"/>
      <c r="BC2646" s="162"/>
      <c r="BD2646" s="162"/>
      <c r="BE2646" s="162"/>
      <c r="BF2646" s="162"/>
      <c r="BG2646" s="162"/>
      <c r="BH2646" s="162"/>
      <c r="BI2646" s="162"/>
      <c r="BJ2646" s="162"/>
      <c r="BK2646" s="162"/>
      <c r="BL2646" s="162"/>
      <c r="BM2646" s="162"/>
      <c r="BN2646" s="162"/>
      <c r="BO2646" s="162"/>
      <c r="BP2646" s="162"/>
      <c r="BQ2646" s="162"/>
      <c r="BR2646" s="162"/>
      <c r="BS2646" s="162"/>
      <c r="BT2646" s="162"/>
      <c r="BU2646" s="162"/>
      <c r="BV2646" s="162"/>
      <c r="BW2646" s="162"/>
      <c r="BX2646" s="162"/>
      <c r="BY2646" s="162"/>
      <c r="BZ2646" s="162"/>
      <c r="CA2646" s="162"/>
      <c r="CB2646" s="162"/>
      <c r="CC2646" s="162"/>
      <c r="CD2646" s="162"/>
      <c r="CE2646" s="162"/>
      <c r="CF2646" s="162"/>
      <c r="CG2646" s="162"/>
      <c r="CH2646" s="162"/>
      <c r="CI2646" s="162"/>
      <c r="CJ2646" s="162"/>
      <c r="CK2646" s="162"/>
      <c r="CX2646" s="98"/>
      <c r="DL2646" s="97"/>
      <c r="DX2646" s="98"/>
      <c r="EL2646" s="97"/>
      <c r="EX2646" s="98"/>
      <c r="EY2646" s="97"/>
      <c r="FL2646" s="126"/>
      <c r="FM2646" s="91"/>
      <c r="FN2646" s="91"/>
      <c r="FO2646" s="91"/>
      <c r="FP2646" s="91"/>
      <c r="FQ2646" s="91"/>
      <c r="FR2646" s="91"/>
      <c r="FS2646" s="91"/>
      <c r="FT2646" s="91"/>
      <c r="FU2646" s="91"/>
      <c r="FV2646" s="91"/>
      <c r="FW2646" s="91"/>
      <c r="FX2646" s="91"/>
      <c r="FY2646" s="91"/>
      <c r="FZ2646" s="91"/>
      <c r="GA2646" s="91"/>
      <c r="GB2646" s="91"/>
      <c r="GC2646" s="91"/>
      <c r="GD2646" s="91"/>
      <c r="GE2646" s="91"/>
      <c r="GF2646" s="91"/>
      <c r="GG2646" s="91"/>
      <c r="GH2646" s="91"/>
      <c r="GI2646" s="91"/>
      <c r="GJ2646" s="91"/>
      <c r="GK2646" s="127"/>
      <c r="GL2646" s="126"/>
      <c r="GM2646" s="91"/>
      <c r="GN2646" s="91"/>
      <c r="GO2646" s="91"/>
      <c r="GP2646" s="91"/>
      <c r="GQ2646" s="91"/>
      <c r="GR2646" s="91"/>
      <c r="GS2646" s="91"/>
      <c r="GT2646" s="91"/>
      <c r="GU2646" s="91"/>
      <c r="GV2646" s="91"/>
      <c r="GW2646" s="91"/>
      <c r="GX2646" s="91"/>
      <c r="GY2646" s="91"/>
      <c r="GZ2646" s="91"/>
      <c r="HA2646" s="91"/>
      <c r="HB2646" s="91"/>
      <c r="HC2646" s="91"/>
      <c r="HD2646" s="91"/>
      <c r="HE2646" s="91"/>
      <c r="HF2646" s="91"/>
      <c r="HG2646" s="91"/>
      <c r="HH2646" s="91"/>
      <c r="HI2646" s="91"/>
      <c r="HJ2646" s="91"/>
      <c r="HK2646" s="127"/>
      <c r="HL2646" s="126"/>
      <c r="HM2646" s="91"/>
      <c r="HN2646" s="91"/>
      <c r="HO2646" s="91"/>
      <c r="HP2646" s="91"/>
      <c r="HQ2646" s="91"/>
      <c r="HR2646" s="91"/>
      <c r="HS2646" s="91"/>
      <c r="HT2646" s="91"/>
      <c r="HU2646" s="91"/>
      <c r="HV2646" s="91"/>
      <c r="HW2646" s="91"/>
      <c r="HX2646" s="91"/>
      <c r="HY2646" s="91"/>
      <c r="HZ2646" s="91"/>
      <c r="IA2646" s="91"/>
      <c r="IB2646" s="91"/>
      <c r="IC2646" s="91"/>
      <c r="ID2646" s="91"/>
      <c r="IE2646" s="91"/>
      <c r="IF2646" s="91"/>
      <c r="IG2646" s="91"/>
      <c r="IH2646" s="91"/>
      <c r="II2646" s="91"/>
      <c r="IJ2646" s="91"/>
      <c r="IK2646" s="127"/>
    </row>
    <row r="2647" spans="2:245" x14ac:dyDescent="0.2">
      <c r="B2647" s="43"/>
      <c r="C2647" s="73"/>
      <c r="D2647" s="64"/>
      <c r="E2647" s="64"/>
      <c r="F2647" s="55"/>
      <c r="G2647" s="102"/>
      <c r="H2647" s="55"/>
      <c r="I2647" s="55"/>
      <c r="J2647" s="55"/>
      <c r="K2647" s="55"/>
      <c r="L2647" s="55"/>
      <c r="M2647" s="55"/>
      <c r="N2647" s="55"/>
      <c r="O2647" s="55"/>
      <c r="P2647" s="55"/>
      <c r="Q2647" s="55"/>
      <c r="R2647" s="55"/>
      <c r="S2647" s="55"/>
      <c r="T2647" s="55"/>
      <c r="U2647" s="55"/>
      <c r="V2647" s="55"/>
      <c r="W2647" s="55"/>
      <c r="X2647" s="55"/>
      <c r="Y2647" s="55"/>
      <c r="Z2647" s="55"/>
      <c r="AA2647" s="55"/>
      <c r="AB2647" s="55"/>
      <c r="AC2647" s="55"/>
      <c r="AD2647" s="55"/>
      <c r="AE2647" s="55"/>
      <c r="AF2647" s="55"/>
      <c r="AG2647" s="55"/>
      <c r="AY2647" s="162"/>
      <c r="AZ2647" s="162"/>
      <c r="BA2647" s="162"/>
      <c r="BB2647" s="162"/>
      <c r="BC2647" s="162"/>
      <c r="BD2647" s="162"/>
      <c r="BE2647" s="162"/>
      <c r="BF2647" s="162"/>
      <c r="BG2647" s="162"/>
      <c r="BH2647" s="162"/>
      <c r="BI2647" s="162"/>
      <c r="BJ2647" s="162"/>
      <c r="BK2647" s="162"/>
      <c r="BL2647" s="162"/>
      <c r="BM2647" s="162"/>
      <c r="BN2647" s="162"/>
      <c r="BO2647" s="162"/>
      <c r="BP2647" s="162"/>
      <c r="BQ2647" s="162"/>
      <c r="BR2647" s="162"/>
      <c r="BS2647" s="162"/>
      <c r="BT2647" s="162"/>
      <c r="BU2647" s="162"/>
      <c r="BV2647" s="162"/>
      <c r="BW2647" s="162"/>
      <c r="BX2647" s="162"/>
      <c r="BY2647" s="162"/>
      <c r="BZ2647" s="162"/>
      <c r="CA2647" s="162"/>
      <c r="CB2647" s="162"/>
      <c r="CC2647" s="162"/>
      <c r="CD2647" s="162"/>
      <c r="CE2647" s="162"/>
      <c r="CF2647" s="162"/>
      <c r="CG2647" s="162"/>
      <c r="CH2647" s="162"/>
      <c r="CI2647" s="162"/>
      <c r="CJ2647" s="162"/>
      <c r="CK2647" s="162"/>
      <c r="CX2647" s="98"/>
      <c r="DL2647" s="97"/>
      <c r="DX2647" s="98"/>
      <c r="EL2647" s="97"/>
      <c r="EX2647" s="98"/>
      <c r="EY2647" s="97"/>
      <c r="FL2647" s="126"/>
      <c r="FM2647" s="91"/>
      <c r="FN2647" s="91"/>
      <c r="FO2647" s="91"/>
      <c r="FP2647" s="91"/>
      <c r="FQ2647" s="91"/>
      <c r="FR2647" s="91"/>
      <c r="FS2647" s="91"/>
      <c r="FT2647" s="91"/>
      <c r="FU2647" s="91"/>
      <c r="FV2647" s="91"/>
      <c r="FW2647" s="91"/>
      <c r="FX2647" s="91"/>
      <c r="FY2647" s="91"/>
      <c r="FZ2647" s="91"/>
      <c r="GA2647" s="91"/>
      <c r="GB2647" s="91"/>
      <c r="GC2647" s="91"/>
      <c r="GD2647" s="91"/>
      <c r="GE2647" s="91"/>
      <c r="GF2647" s="91"/>
      <c r="GG2647" s="91"/>
      <c r="GH2647" s="91"/>
      <c r="GI2647" s="91"/>
      <c r="GJ2647" s="91"/>
      <c r="GK2647" s="127"/>
      <c r="GL2647" s="126"/>
      <c r="GM2647" s="91"/>
      <c r="GN2647" s="91"/>
      <c r="GO2647" s="91"/>
      <c r="GP2647" s="91"/>
      <c r="GQ2647" s="91"/>
      <c r="GR2647" s="91"/>
      <c r="GS2647" s="91"/>
      <c r="GT2647" s="91"/>
      <c r="GU2647" s="91"/>
      <c r="GV2647" s="91"/>
      <c r="GW2647" s="91"/>
      <c r="GX2647" s="91"/>
      <c r="GY2647" s="91"/>
      <c r="GZ2647" s="91"/>
      <c r="HA2647" s="91"/>
      <c r="HB2647" s="91"/>
      <c r="HC2647" s="91"/>
      <c r="HD2647" s="91"/>
      <c r="HE2647" s="91"/>
      <c r="HF2647" s="91"/>
      <c r="HG2647" s="91"/>
      <c r="HH2647" s="91"/>
      <c r="HI2647" s="91"/>
      <c r="HJ2647" s="91"/>
      <c r="HK2647" s="127"/>
      <c r="HL2647" s="126"/>
      <c r="HM2647" s="91"/>
      <c r="HN2647" s="91"/>
      <c r="HO2647" s="91"/>
      <c r="HP2647" s="91"/>
      <c r="HQ2647" s="91"/>
      <c r="HR2647" s="91"/>
      <c r="HS2647" s="91"/>
      <c r="HT2647" s="91"/>
      <c r="HU2647" s="91"/>
      <c r="HV2647" s="91"/>
      <c r="HW2647" s="91"/>
      <c r="HX2647" s="91"/>
      <c r="HY2647" s="91"/>
      <c r="HZ2647" s="91"/>
      <c r="IA2647" s="91"/>
      <c r="IB2647" s="91"/>
      <c r="IC2647" s="91"/>
      <c r="ID2647" s="91"/>
      <c r="IE2647" s="91"/>
      <c r="IF2647" s="91"/>
      <c r="IG2647" s="91"/>
      <c r="IH2647" s="91"/>
      <c r="II2647" s="91"/>
      <c r="IJ2647" s="91"/>
      <c r="IK2647" s="127"/>
    </row>
    <row r="2648" spans="2:245" x14ac:dyDescent="0.2">
      <c r="B2648" s="43"/>
      <c r="C2648" s="73"/>
      <c r="D2648" s="64"/>
      <c r="E2648" s="64"/>
      <c r="F2648" s="55"/>
      <c r="G2648" s="102"/>
      <c r="H2648" s="55"/>
      <c r="I2648" s="55"/>
      <c r="J2648" s="55"/>
      <c r="K2648" s="55"/>
      <c r="L2648" s="55"/>
      <c r="M2648" s="55"/>
      <c r="N2648" s="55"/>
      <c r="O2648" s="55"/>
      <c r="P2648" s="55"/>
      <c r="Q2648" s="55"/>
      <c r="R2648" s="55"/>
      <c r="S2648" s="55"/>
      <c r="T2648" s="55"/>
      <c r="U2648" s="55"/>
      <c r="V2648" s="55"/>
      <c r="W2648" s="55"/>
      <c r="X2648" s="55"/>
      <c r="Y2648" s="55"/>
      <c r="Z2648" s="55"/>
      <c r="AA2648" s="55"/>
      <c r="AB2648" s="55"/>
      <c r="AC2648" s="55"/>
      <c r="AD2648" s="55"/>
      <c r="AE2648" s="55"/>
      <c r="AF2648" s="55"/>
      <c r="AG2648" s="55"/>
      <c r="AY2648" s="162"/>
      <c r="AZ2648" s="162"/>
      <c r="BA2648" s="162"/>
      <c r="BB2648" s="162"/>
      <c r="BC2648" s="162"/>
      <c r="BD2648" s="162"/>
      <c r="BE2648" s="162"/>
      <c r="BF2648" s="162"/>
      <c r="BG2648" s="162"/>
      <c r="BH2648" s="162"/>
      <c r="BI2648" s="162"/>
      <c r="BJ2648" s="162"/>
      <c r="BK2648" s="162"/>
      <c r="BL2648" s="162"/>
      <c r="BM2648" s="162"/>
      <c r="BN2648" s="162"/>
      <c r="BO2648" s="162"/>
      <c r="BP2648" s="162"/>
      <c r="BQ2648" s="162"/>
      <c r="BR2648" s="162"/>
      <c r="BS2648" s="162"/>
      <c r="BT2648" s="162"/>
      <c r="BU2648" s="162"/>
      <c r="BV2648" s="162"/>
      <c r="BW2648" s="162"/>
      <c r="BX2648" s="162"/>
      <c r="BY2648" s="162"/>
      <c r="BZ2648" s="162"/>
      <c r="CA2648" s="162"/>
      <c r="CB2648" s="162"/>
      <c r="CC2648" s="162"/>
      <c r="CD2648" s="162"/>
      <c r="CE2648" s="162"/>
      <c r="CF2648" s="162"/>
      <c r="CG2648" s="162"/>
      <c r="CH2648" s="162"/>
      <c r="CI2648" s="162"/>
      <c r="CJ2648" s="162"/>
      <c r="CK2648" s="162"/>
      <c r="CX2648" s="98"/>
      <c r="DL2648" s="97"/>
      <c r="DX2648" s="98"/>
      <c r="EL2648" s="97"/>
      <c r="EX2648" s="98"/>
      <c r="EY2648" s="97"/>
      <c r="FL2648" s="126"/>
      <c r="FM2648" s="91"/>
      <c r="FN2648" s="91"/>
      <c r="FO2648" s="91"/>
      <c r="FP2648" s="91"/>
      <c r="FQ2648" s="91"/>
      <c r="FR2648" s="91"/>
      <c r="FS2648" s="91"/>
      <c r="FT2648" s="91"/>
      <c r="FU2648" s="91"/>
      <c r="FV2648" s="91"/>
      <c r="FW2648" s="91"/>
      <c r="FX2648" s="91"/>
      <c r="FY2648" s="91"/>
      <c r="FZ2648" s="91"/>
      <c r="GA2648" s="91"/>
      <c r="GB2648" s="91"/>
      <c r="GC2648" s="91"/>
      <c r="GD2648" s="91"/>
      <c r="GE2648" s="91"/>
      <c r="GF2648" s="91"/>
      <c r="GG2648" s="91"/>
      <c r="GH2648" s="91"/>
      <c r="GI2648" s="91"/>
      <c r="GJ2648" s="91"/>
      <c r="GK2648" s="127"/>
      <c r="GL2648" s="126"/>
      <c r="GM2648" s="91"/>
      <c r="GN2648" s="91"/>
      <c r="GO2648" s="91"/>
      <c r="GP2648" s="91"/>
      <c r="GQ2648" s="91"/>
      <c r="GR2648" s="91"/>
      <c r="GS2648" s="91"/>
      <c r="GT2648" s="91"/>
      <c r="GU2648" s="91"/>
      <c r="GV2648" s="91"/>
      <c r="GW2648" s="91"/>
      <c r="GX2648" s="91"/>
      <c r="GY2648" s="91"/>
      <c r="GZ2648" s="91"/>
      <c r="HA2648" s="91"/>
      <c r="HB2648" s="91"/>
      <c r="HC2648" s="91"/>
      <c r="HD2648" s="91"/>
      <c r="HE2648" s="91"/>
      <c r="HF2648" s="91"/>
      <c r="HG2648" s="91"/>
      <c r="HH2648" s="91"/>
      <c r="HI2648" s="91"/>
      <c r="HJ2648" s="91"/>
      <c r="HK2648" s="127"/>
      <c r="HL2648" s="126"/>
      <c r="HM2648" s="91"/>
      <c r="HN2648" s="91"/>
      <c r="HO2648" s="91"/>
      <c r="HP2648" s="91"/>
      <c r="HQ2648" s="91"/>
      <c r="HR2648" s="91"/>
      <c r="HS2648" s="91"/>
      <c r="HT2648" s="91"/>
      <c r="HU2648" s="91"/>
      <c r="HV2648" s="91"/>
      <c r="HW2648" s="91"/>
      <c r="HX2648" s="91"/>
      <c r="HY2648" s="91"/>
      <c r="HZ2648" s="91"/>
      <c r="IA2648" s="91"/>
      <c r="IB2648" s="91"/>
      <c r="IC2648" s="91"/>
      <c r="ID2648" s="91"/>
      <c r="IE2648" s="91"/>
      <c r="IF2648" s="91"/>
      <c r="IG2648" s="91"/>
      <c r="IH2648" s="91"/>
      <c r="II2648" s="91"/>
      <c r="IJ2648" s="91"/>
      <c r="IK2648" s="127"/>
    </row>
    <row r="2649" spans="2:245" x14ac:dyDescent="0.2">
      <c r="B2649" s="43"/>
      <c r="C2649" s="73"/>
      <c r="D2649" s="64"/>
      <c r="E2649" s="64"/>
      <c r="F2649" s="55"/>
      <c r="G2649" s="102"/>
      <c r="H2649" s="55"/>
      <c r="I2649" s="55"/>
      <c r="J2649" s="55"/>
      <c r="K2649" s="55"/>
      <c r="L2649" s="55"/>
      <c r="M2649" s="55"/>
      <c r="N2649" s="55"/>
      <c r="O2649" s="55"/>
      <c r="P2649" s="55"/>
      <c r="Q2649" s="55"/>
      <c r="R2649" s="55"/>
      <c r="S2649" s="55"/>
      <c r="T2649" s="55"/>
      <c r="U2649" s="55"/>
      <c r="V2649" s="55"/>
      <c r="W2649" s="55"/>
      <c r="X2649" s="55"/>
      <c r="Y2649" s="55"/>
      <c r="Z2649" s="55"/>
      <c r="AA2649" s="55"/>
      <c r="AB2649" s="55"/>
      <c r="AC2649" s="55"/>
      <c r="AD2649" s="55"/>
      <c r="AE2649" s="55"/>
      <c r="AF2649" s="55"/>
      <c r="AG2649" s="55"/>
      <c r="AY2649" s="162"/>
      <c r="AZ2649" s="162"/>
      <c r="BA2649" s="162"/>
      <c r="BB2649" s="162"/>
      <c r="BC2649" s="162"/>
      <c r="BD2649" s="162"/>
      <c r="BE2649" s="162"/>
      <c r="BF2649" s="162"/>
      <c r="BG2649" s="162"/>
      <c r="BH2649" s="162"/>
      <c r="BI2649" s="162"/>
      <c r="BJ2649" s="162"/>
      <c r="BK2649" s="162"/>
      <c r="BL2649" s="162"/>
      <c r="BM2649" s="162"/>
      <c r="BN2649" s="162"/>
      <c r="BO2649" s="162"/>
      <c r="BP2649" s="162"/>
      <c r="BQ2649" s="162"/>
      <c r="BR2649" s="162"/>
      <c r="BS2649" s="162"/>
      <c r="BT2649" s="162"/>
      <c r="BU2649" s="162"/>
      <c r="BV2649" s="162"/>
      <c r="BW2649" s="162"/>
      <c r="BX2649" s="162"/>
      <c r="BY2649" s="162"/>
      <c r="BZ2649" s="162"/>
      <c r="CA2649" s="162"/>
      <c r="CB2649" s="162"/>
      <c r="CC2649" s="162"/>
      <c r="CD2649" s="162"/>
      <c r="CE2649" s="162"/>
      <c r="CF2649" s="162"/>
      <c r="CG2649" s="162"/>
      <c r="CH2649" s="162"/>
      <c r="CI2649" s="162"/>
      <c r="CJ2649" s="162"/>
      <c r="CK2649" s="162"/>
      <c r="CX2649" s="98"/>
      <c r="DL2649" s="97"/>
      <c r="DX2649" s="98"/>
      <c r="EL2649" s="97"/>
      <c r="EX2649" s="98"/>
      <c r="EY2649" s="97"/>
      <c r="FL2649" s="126"/>
      <c r="FM2649" s="91"/>
      <c r="FN2649" s="91"/>
      <c r="FO2649" s="91"/>
      <c r="FP2649" s="91"/>
      <c r="FQ2649" s="91"/>
      <c r="FR2649" s="91"/>
      <c r="FS2649" s="91"/>
      <c r="FT2649" s="91"/>
      <c r="FU2649" s="91"/>
      <c r="FV2649" s="91"/>
      <c r="FW2649" s="91"/>
      <c r="FX2649" s="91"/>
      <c r="FY2649" s="91"/>
      <c r="FZ2649" s="91"/>
      <c r="GA2649" s="91"/>
      <c r="GB2649" s="91"/>
      <c r="GC2649" s="91"/>
      <c r="GD2649" s="91"/>
      <c r="GE2649" s="91"/>
      <c r="GF2649" s="91"/>
      <c r="GG2649" s="91"/>
      <c r="GH2649" s="91"/>
      <c r="GI2649" s="91"/>
      <c r="GJ2649" s="91"/>
      <c r="GK2649" s="127"/>
      <c r="GL2649" s="126"/>
      <c r="GM2649" s="91"/>
      <c r="GN2649" s="91"/>
      <c r="GO2649" s="91"/>
      <c r="GP2649" s="91"/>
      <c r="GQ2649" s="91"/>
      <c r="GR2649" s="91"/>
      <c r="GS2649" s="91"/>
      <c r="GT2649" s="91"/>
      <c r="GU2649" s="91"/>
      <c r="GV2649" s="91"/>
      <c r="GW2649" s="91"/>
      <c r="GX2649" s="91"/>
      <c r="GY2649" s="91"/>
      <c r="GZ2649" s="91"/>
      <c r="HA2649" s="91"/>
      <c r="HB2649" s="91"/>
      <c r="HC2649" s="91"/>
      <c r="HD2649" s="91"/>
      <c r="HE2649" s="91"/>
      <c r="HF2649" s="91"/>
      <c r="HG2649" s="91"/>
      <c r="HH2649" s="91"/>
      <c r="HI2649" s="91"/>
      <c r="HJ2649" s="91"/>
      <c r="HK2649" s="127"/>
      <c r="HL2649" s="126"/>
      <c r="HM2649" s="91"/>
      <c r="HN2649" s="91"/>
      <c r="HO2649" s="91"/>
      <c r="HP2649" s="91"/>
      <c r="HQ2649" s="91"/>
      <c r="HR2649" s="91"/>
      <c r="HS2649" s="91"/>
      <c r="HT2649" s="91"/>
      <c r="HU2649" s="91"/>
      <c r="HV2649" s="91"/>
      <c r="HW2649" s="91"/>
      <c r="HX2649" s="91"/>
      <c r="HY2649" s="91"/>
      <c r="HZ2649" s="91"/>
      <c r="IA2649" s="91"/>
      <c r="IB2649" s="91"/>
      <c r="IC2649" s="91"/>
      <c r="ID2649" s="91"/>
      <c r="IE2649" s="91"/>
      <c r="IF2649" s="91"/>
      <c r="IG2649" s="91"/>
      <c r="IH2649" s="91"/>
      <c r="II2649" s="91"/>
      <c r="IJ2649" s="91"/>
      <c r="IK2649" s="127"/>
    </row>
    <row r="2650" spans="2:245" x14ac:dyDescent="0.2">
      <c r="B2650" s="43"/>
      <c r="C2650" s="73"/>
      <c r="D2650" s="64"/>
      <c r="E2650" s="64"/>
      <c r="F2650" s="55"/>
      <c r="G2650" s="102"/>
      <c r="H2650" s="55"/>
      <c r="I2650" s="55"/>
      <c r="J2650" s="55"/>
      <c r="K2650" s="55"/>
      <c r="L2650" s="55"/>
      <c r="M2650" s="55"/>
      <c r="N2650" s="55"/>
      <c r="O2650" s="55"/>
      <c r="P2650" s="55"/>
      <c r="Q2650" s="55"/>
      <c r="R2650" s="55"/>
      <c r="S2650" s="55"/>
      <c r="T2650" s="55"/>
      <c r="U2650" s="55"/>
      <c r="V2650" s="55"/>
      <c r="W2650" s="55"/>
      <c r="X2650" s="55"/>
      <c r="Y2650" s="55"/>
      <c r="Z2650" s="55"/>
      <c r="AA2650" s="55"/>
      <c r="AB2650" s="55"/>
      <c r="AC2650" s="55"/>
      <c r="AD2650" s="55"/>
      <c r="AE2650" s="55"/>
      <c r="AF2650" s="55"/>
      <c r="AG2650" s="55"/>
      <c r="AY2650" s="162"/>
      <c r="AZ2650" s="162"/>
      <c r="BA2650" s="162"/>
      <c r="BB2650" s="162"/>
      <c r="BC2650" s="162"/>
      <c r="BD2650" s="162"/>
      <c r="BE2650" s="162"/>
      <c r="BF2650" s="162"/>
      <c r="BG2650" s="162"/>
      <c r="BH2650" s="162"/>
      <c r="BI2650" s="162"/>
      <c r="BJ2650" s="162"/>
      <c r="BK2650" s="162"/>
      <c r="BL2650" s="162"/>
      <c r="BM2650" s="162"/>
      <c r="BN2650" s="162"/>
      <c r="BO2650" s="162"/>
      <c r="BP2650" s="162"/>
      <c r="BQ2650" s="162"/>
      <c r="BR2650" s="162"/>
      <c r="BS2650" s="162"/>
      <c r="BT2650" s="162"/>
      <c r="BU2650" s="162"/>
      <c r="BV2650" s="162"/>
      <c r="BW2650" s="162"/>
      <c r="BX2650" s="162"/>
      <c r="BY2650" s="162"/>
      <c r="BZ2650" s="162"/>
      <c r="CA2650" s="162"/>
      <c r="CB2650" s="162"/>
      <c r="CC2650" s="162"/>
      <c r="CD2650" s="162"/>
      <c r="CE2650" s="162"/>
      <c r="CF2650" s="162"/>
      <c r="CG2650" s="162"/>
      <c r="CH2650" s="162"/>
      <c r="CI2650" s="162"/>
      <c r="CJ2650" s="162"/>
      <c r="CK2650" s="162"/>
      <c r="CX2650" s="98"/>
      <c r="DL2650" s="97"/>
      <c r="DX2650" s="98"/>
      <c r="EL2650" s="97"/>
      <c r="EX2650" s="98"/>
      <c r="EY2650" s="97"/>
      <c r="FL2650" s="126"/>
      <c r="FM2650" s="91"/>
      <c r="FN2650" s="91"/>
      <c r="FO2650" s="91"/>
      <c r="FP2650" s="91"/>
      <c r="FQ2650" s="91"/>
      <c r="FR2650" s="91"/>
      <c r="FS2650" s="91"/>
      <c r="FT2650" s="91"/>
      <c r="FU2650" s="91"/>
      <c r="FV2650" s="91"/>
      <c r="FW2650" s="91"/>
      <c r="FX2650" s="91"/>
      <c r="FY2650" s="91"/>
      <c r="FZ2650" s="91"/>
      <c r="GA2650" s="91"/>
      <c r="GB2650" s="91"/>
      <c r="GC2650" s="91"/>
      <c r="GD2650" s="91"/>
      <c r="GE2650" s="91"/>
      <c r="GF2650" s="91"/>
      <c r="GG2650" s="91"/>
      <c r="GH2650" s="91"/>
      <c r="GI2650" s="91"/>
      <c r="GJ2650" s="91"/>
      <c r="GK2650" s="127"/>
      <c r="GL2650" s="126"/>
      <c r="GM2650" s="91"/>
      <c r="GN2650" s="91"/>
      <c r="GO2650" s="91"/>
      <c r="GP2650" s="91"/>
      <c r="GQ2650" s="91"/>
      <c r="GR2650" s="91"/>
      <c r="GS2650" s="91"/>
      <c r="GT2650" s="91"/>
      <c r="GU2650" s="91"/>
      <c r="GV2650" s="91"/>
      <c r="GW2650" s="91"/>
      <c r="GX2650" s="91"/>
      <c r="GY2650" s="91"/>
      <c r="GZ2650" s="91"/>
      <c r="HA2650" s="91"/>
      <c r="HB2650" s="91"/>
      <c r="HC2650" s="91"/>
      <c r="HD2650" s="91"/>
      <c r="HE2650" s="91"/>
      <c r="HF2650" s="91"/>
      <c r="HG2650" s="91"/>
      <c r="HH2650" s="91"/>
      <c r="HI2650" s="91"/>
      <c r="HJ2650" s="91"/>
      <c r="HK2650" s="127"/>
      <c r="HL2650" s="126"/>
      <c r="HM2650" s="91"/>
      <c r="HN2650" s="91"/>
      <c r="HO2650" s="91"/>
      <c r="HP2650" s="91"/>
      <c r="HQ2650" s="91"/>
      <c r="HR2650" s="91"/>
      <c r="HS2650" s="91"/>
      <c r="HT2650" s="91"/>
      <c r="HU2650" s="91"/>
      <c r="HV2650" s="91"/>
      <c r="HW2650" s="91"/>
      <c r="HX2650" s="91"/>
      <c r="HY2650" s="91"/>
      <c r="HZ2650" s="91"/>
      <c r="IA2650" s="91"/>
      <c r="IB2650" s="91"/>
      <c r="IC2650" s="91"/>
      <c r="ID2650" s="91"/>
      <c r="IE2650" s="91"/>
      <c r="IF2650" s="91"/>
      <c r="IG2650" s="91"/>
      <c r="IH2650" s="91"/>
      <c r="II2650" s="91"/>
      <c r="IJ2650" s="91"/>
      <c r="IK2650" s="127"/>
    </row>
    <row r="2651" spans="2:245" x14ac:dyDescent="0.2">
      <c r="B2651" s="43"/>
      <c r="C2651" s="73"/>
      <c r="D2651" s="64"/>
      <c r="E2651" s="64"/>
      <c r="F2651" s="55"/>
      <c r="G2651" s="102"/>
      <c r="H2651" s="55"/>
      <c r="I2651" s="55"/>
      <c r="J2651" s="55"/>
      <c r="K2651" s="55"/>
      <c r="L2651" s="55"/>
      <c r="M2651" s="55"/>
      <c r="N2651" s="55"/>
      <c r="O2651" s="55"/>
      <c r="P2651" s="55"/>
      <c r="Q2651" s="55"/>
      <c r="R2651" s="55"/>
      <c r="S2651" s="55"/>
      <c r="T2651" s="55"/>
      <c r="U2651" s="55"/>
      <c r="V2651" s="55"/>
      <c r="W2651" s="55"/>
      <c r="X2651" s="55"/>
      <c r="Y2651" s="55"/>
      <c r="Z2651" s="55"/>
      <c r="AA2651" s="55"/>
      <c r="AB2651" s="55"/>
      <c r="AC2651" s="55"/>
      <c r="AD2651" s="55"/>
      <c r="AE2651" s="55"/>
      <c r="AF2651" s="55"/>
      <c r="AG2651" s="55"/>
      <c r="AY2651" s="162"/>
      <c r="AZ2651" s="162"/>
      <c r="BA2651" s="162"/>
      <c r="BB2651" s="162"/>
      <c r="BC2651" s="162"/>
      <c r="BD2651" s="162"/>
      <c r="BE2651" s="162"/>
      <c r="BF2651" s="162"/>
      <c r="BG2651" s="162"/>
      <c r="BH2651" s="162"/>
      <c r="BI2651" s="162"/>
      <c r="BJ2651" s="162"/>
      <c r="BK2651" s="162"/>
      <c r="BL2651" s="162"/>
      <c r="BM2651" s="162"/>
      <c r="BN2651" s="162"/>
      <c r="BO2651" s="162"/>
      <c r="BP2651" s="162"/>
      <c r="BQ2651" s="162"/>
      <c r="BR2651" s="162"/>
      <c r="BS2651" s="162"/>
      <c r="BT2651" s="162"/>
      <c r="BU2651" s="162"/>
      <c r="BV2651" s="162"/>
      <c r="BW2651" s="162"/>
      <c r="BX2651" s="162"/>
      <c r="BY2651" s="162"/>
      <c r="BZ2651" s="162"/>
      <c r="CA2651" s="162"/>
      <c r="CB2651" s="162"/>
      <c r="CC2651" s="162"/>
      <c r="CD2651" s="162"/>
      <c r="CE2651" s="162"/>
      <c r="CF2651" s="162"/>
      <c r="CG2651" s="162"/>
      <c r="CH2651" s="162"/>
      <c r="CI2651" s="162"/>
      <c r="CJ2651" s="162"/>
      <c r="CK2651" s="162"/>
      <c r="CX2651" s="98"/>
      <c r="DL2651" s="97"/>
      <c r="DX2651" s="98"/>
      <c r="EL2651" s="97"/>
      <c r="EX2651" s="98"/>
      <c r="EY2651" s="97"/>
      <c r="FL2651" s="126"/>
      <c r="FM2651" s="91"/>
      <c r="FN2651" s="91"/>
      <c r="FO2651" s="91"/>
      <c r="FP2651" s="91"/>
      <c r="FQ2651" s="91"/>
      <c r="FR2651" s="91"/>
      <c r="FS2651" s="91"/>
      <c r="FT2651" s="91"/>
      <c r="FU2651" s="91"/>
      <c r="FV2651" s="91"/>
      <c r="FW2651" s="91"/>
      <c r="FX2651" s="91"/>
      <c r="FY2651" s="91"/>
      <c r="FZ2651" s="91"/>
      <c r="GA2651" s="91"/>
      <c r="GB2651" s="91"/>
      <c r="GC2651" s="91"/>
      <c r="GD2651" s="91"/>
      <c r="GE2651" s="91"/>
      <c r="GF2651" s="91"/>
      <c r="GG2651" s="91"/>
      <c r="GH2651" s="91"/>
      <c r="GI2651" s="91"/>
      <c r="GJ2651" s="91"/>
      <c r="GK2651" s="127"/>
      <c r="GL2651" s="126"/>
      <c r="GM2651" s="91"/>
      <c r="GN2651" s="91"/>
      <c r="GO2651" s="91"/>
      <c r="GP2651" s="91"/>
      <c r="GQ2651" s="91"/>
      <c r="GR2651" s="91"/>
      <c r="GS2651" s="91"/>
      <c r="GT2651" s="91"/>
      <c r="GU2651" s="91"/>
      <c r="GV2651" s="91"/>
      <c r="GW2651" s="91"/>
      <c r="GX2651" s="91"/>
      <c r="GY2651" s="91"/>
      <c r="GZ2651" s="91"/>
      <c r="HA2651" s="91"/>
      <c r="HB2651" s="91"/>
      <c r="HC2651" s="91"/>
      <c r="HD2651" s="91"/>
      <c r="HE2651" s="91"/>
      <c r="HF2651" s="91"/>
      <c r="HG2651" s="91"/>
      <c r="HH2651" s="91"/>
      <c r="HI2651" s="91"/>
      <c r="HJ2651" s="91"/>
      <c r="HK2651" s="127"/>
      <c r="HL2651" s="126"/>
      <c r="HM2651" s="91"/>
      <c r="HN2651" s="91"/>
      <c r="HO2651" s="91"/>
      <c r="HP2651" s="91"/>
      <c r="HQ2651" s="91"/>
      <c r="HR2651" s="91"/>
      <c r="HS2651" s="91"/>
      <c r="HT2651" s="91"/>
      <c r="HU2651" s="91"/>
      <c r="HV2651" s="91"/>
      <c r="HW2651" s="91"/>
      <c r="HX2651" s="91"/>
      <c r="HY2651" s="91"/>
      <c r="HZ2651" s="91"/>
      <c r="IA2651" s="91"/>
      <c r="IB2651" s="91"/>
      <c r="IC2651" s="91"/>
      <c r="ID2651" s="91"/>
      <c r="IE2651" s="91"/>
      <c r="IF2651" s="91"/>
      <c r="IG2651" s="91"/>
      <c r="IH2651" s="91"/>
      <c r="II2651" s="91"/>
      <c r="IJ2651" s="91"/>
      <c r="IK2651" s="127"/>
    </row>
    <row r="2652" spans="2:245" x14ac:dyDescent="0.2">
      <c r="B2652" s="43"/>
      <c r="C2652" s="73"/>
      <c r="D2652" s="64"/>
      <c r="E2652" s="64"/>
      <c r="F2652" s="55"/>
      <c r="G2652" s="102"/>
      <c r="H2652" s="55"/>
      <c r="I2652" s="55"/>
      <c r="J2652" s="55"/>
      <c r="K2652" s="55"/>
      <c r="L2652" s="55"/>
      <c r="M2652" s="55"/>
      <c r="N2652" s="55"/>
      <c r="O2652" s="55"/>
      <c r="P2652" s="55"/>
      <c r="Q2652" s="55"/>
      <c r="R2652" s="55"/>
      <c r="S2652" s="55"/>
      <c r="T2652" s="55"/>
      <c r="U2652" s="55"/>
      <c r="V2652" s="55"/>
      <c r="W2652" s="55"/>
      <c r="X2652" s="55"/>
      <c r="Y2652" s="55"/>
      <c r="Z2652" s="55"/>
      <c r="AA2652" s="55"/>
      <c r="AB2652" s="55"/>
      <c r="AC2652" s="55"/>
      <c r="AD2652" s="55"/>
      <c r="AE2652" s="55"/>
      <c r="AF2652" s="55"/>
      <c r="AG2652" s="55"/>
      <c r="AY2652" s="162"/>
      <c r="AZ2652" s="162"/>
      <c r="BA2652" s="162"/>
      <c r="BB2652" s="162"/>
      <c r="BC2652" s="162"/>
      <c r="BD2652" s="162"/>
      <c r="BE2652" s="162"/>
      <c r="BF2652" s="162"/>
      <c r="BG2652" s="162"/>
      <c r="BH2652" s="162"/>
      <c r="BI2652" s="162"/>
      <c r="BJ2652" s="162"/>
      <c r="BK2652" s="162"/>
      <c r="BL2652" s="162"/>
      <c r="BM2652" s="162"/>
      <c r="BN2652" s="162"/>
      <c r="BO2652" s="162"/>
      <c r="BP2652" s="162"/>
      <c r="BQ2652" s="162"/>
      <c r="BR2652" s="162"/>
      <c r="BS2652" s="162"/>
      <c r="BT2652" s="162"/>
      <c r="BU2652" s="162"/>
      <c r="BV2652" s="162"/>
      <c r="BW2652" s="162"/>
      <c r="BX2652" s="162"/>
      <c r="BY2652" s="162"/>
      <c r="BZ2652" s="162"/>
      <c r="CA2652" s="162"/>
      <c r="CB2652" s="162"/>
      <c r="CC2652" s="162"/>
      <c r="CD2652" s="162"/>
      <c r="CE2652" s="162"/>
      <c r="CF2652" s="162"/>
      <c r="CG2652" s="162"/>
      <c r="CH2652" s="162"/>
      <c r="CI2652" s="162"/>
      <c r="CJ2652" s="162"/>
      <c r="CK2652" s="162"/>
      <c r="CX2652" s="98"/>
      <c r="DL2652" s="97"/>
      <c r="DX2652" s="98"/>
      <c r="EL2652" s="97"/>
      <c r="EX2652" s="98"/>
      <c r="EY2652" s="97"/>
      <c r="FL2652" s="126"/>
      <c r="FM2652" s="91"/>
      <c r="FN2652" s="91"/>
      <c r="FO2652" s="91"/>
      <c r="FP2652" s="91"/>
      <c r="FQ2652" s="91"/>
      <c r="FR2652" s="91"/>
      <c r="FS2652" s="91"/>
      <c r="FT2652" s="91"/>
      <c r="FU2652" s="91"/>
      <c r="FV2652" s="91"/>
      <c r="FW2652" s="91"/>
      <c r="FX2652" s="91"/>
      <c r="FY2652" s="91"/>
      <c r="FZ2652" s="91"/>
      <c r="GA2652" s="91"/>
      <c r="GB2652" s="91"/>
      <c r="GC2652" s="91"/>
      <c r="GD2652" s="91"/>
      <c r="GE2652" s="91"/>
      <c r="GF2652" s="91"/>
      <c r="GG2652" s="91"/>
      <c r="GH2652" s="91"/>
      <c r="GI2652" s="91"/>
      <c r="GJ2652" s="91"/>
      <c r="GK2652" s="127"/>
      <c r="GL2652" s="126"/>
      <c r="GM2652" s="91"/>
      <c r="GN2652" s="91"/>
      <c r="GO2652" s="91"/>
      <c r="GP2652" s="91"/>
      <c r="GQ2652" s="91"/>
      <c r="GR2652" s="91"/>
      <c r="GS2652" s="91"/>
      <c r="GT2652" s="91"/>
      <c r="GU2652" s="91"/>
      <c r="GV2652" s="91"/>
      <c r="GW2652" s="91"/>
      <c r="GX2652" s="91"/>
      <c r="GY2652" s="91"/>
      <c r="GZ2652" s="91"/>
      <c r="HA2652" s="91"/>
      <c r="HB2652" s="91"/>
      <c r="HC2652" s="91"/>
      <c r="HD2652" s="91"/>
      <c r="HE2652" s="91"/>
      <c r="HF2652" s="91"/>
      <c r="HG2652" s="91"/>
      <c r="HH2652" s="91"/>
      <c r="HI2652" s="91"/>
      <c r="HJ2652" s="91"/>
      <c r="HK2652" s="127"/>
      <c r="HL2652" s="126"/>
      <c r="HM2652" s="91"/>
      <c r="HN2652" s="91"/>
      <c r="HO2652" s="91"/>
      <c r="HP2652" s="91"/>
      <c r="HQ2652" s="91"/>
      <c r="HR2652" s="91"/>
      <c r="HS2652" s="91"/>
      <c r="HT2652" s="91"/>
      <c r="HU2652" s="91"/>
      <c r="HV2652" s="91"/>
      <c r="HW2652" s="91"/>
      <c r="HX2652" s="91"/>
      <c r="HY2652" s="91"/>
      <c r="HZ2652" s="91"/>
      <c r="IA2652" s="91"/>
      <c r="IB2652" s="91"/>
      <c r="IC2652" s="91"/>
      <c r="ID2652" s="91"/>
      <c r="IE2652" s="91"/>
      <c r="IF2652" s="91"/>
      <c r="IG2652" s="91"/>
      <c r="IH2652" s="91"/>
      <c r="II2652" s="91"/>
      <c r="IJ2652" s="91"/>
      <c r="IK2652" s="127"/>
    </row>
    <row r="2653" spans="2:245" x14ac:dyDescent="0.2">
      <c r="B2653" s="43"/>
      <c r="C2653" s="73"/>
      <c r="D2653" s="64"/>
      <c r="E2653" s="64"/>
      <c r="F2653" s="55"/>
      <c r="G2653" s="102"/>
      <c r="H2653" s="55"/>
      <c r="I2653" s="55"/>
      <c r="J2653" s="55"/>
      <c r="K2653" s="55"/>
      <c r="L2653" s="55"/>
      <c r="M2653" s="55"/>
      <c r="N2653" s="55"/>
      <c r="O2653" s="55"/>
      <c r="P2653" s="55"/>
      <c r="Q2653" s="55"/>
      <c r="R2653" s="55"/>
      <c r="S2653" s="55"/>
      <c r="T2653" s="55"/>
      <c r="U2653" s="55"/>
      <c r="V2653" s="55"/>
      <c r="W2653" s="55"/>
      <c r="X2653" s="55"/>
      <c r="Y2653" s="55"/>
      <c r="Z2653" s="55"/>
      <c r="AA2653" s="55"/>
      <c r="AB2653" s="55"/>
      <c r="AC2653" s="55"/>
      <c r="AD2653" s="55"/>
      <c r="AE2653" s="55"/>
      <c r="AF2653" s="55"/>
      <c r="AG2653" s="55"/>
      <c r="AY2653" s="162"/>
      <c r="AZ2653" s="162"/>
      <c r="BA2653" s="162"/>
      <c r="BB2653" s="162"/>
      <c r="BC2653" s="162"/>
      <c r="BD2653" s="162"/>
      <c r="BE2653" s="162"/>
      <c r="BF2653" s="162"/>
      <c r="BG2653" s="162"/>
      <c r="BH2653" s="162"/>
      <c r="BI2653" s="162"/>
      <c r="BJ2653" s="162"/>
      <c r="BK2653" s="162"/>
      <c r="BL2653" s="162"/>
      <c r="BM2653" s="162"/>
      <c r="BN2653" s="162"/>
      <c r="BO2653" s="162"/>
      <c r="BP2653" s="162"/>
      <c r="BQ2653" s="162"/>
      <c r="BR2653" s="162"/>
      <c r="BS2653" s="162"/>
      <c r="BT2653" s="162"/>
      <c r="BU2653" s="162"/>
      <c r="BV2653" s="162"/>
      <c r="BW2653" s="162"/>
      <c r="BX2653" s="162"/>
      <c r="BY2653" s="162"/>
      <c r="BZ2653" s="162"/>
      <c r="CA2653" s="162"/>
      <c r="CB2653" s="162"/>
      <c r="CC2653" s="162"/>
      <c r="CD2653" s="162"/>
      <c r="CE2653" s="162"/>
      <c r="CF2653" s="162"/>
      <c r="CG2653" s="162"/>
      <c r="CH2653" s="162"/>
      <c r="CI2653" s="162"/>
      <c r="CJ2653" s="162"/>
      <c r="CK2653" s="162"/>
      <c r="CX2653" s="98"/>
      <c r="DL2653" s="97"/>
      <c r="DX2653" s="98"/>
      <c r="EL2653" s="97"/>
      <c r="EX2653" s="98"/>
      <c r="EY2653" s="97"/>
      <c r="FL2653" s="126"/>
      <c r="FM2653" s="91"/>
      <c r="FN2653" s="91"/>
      <c r="FO2653" s="91"/>
      <c r="FP2653" s="91"/>
      <c r="FQ2653" s="91"/>
      <c r="FR2653" s="91"/>
      <c r="FS2653" s="91"/>
      <c r="FT2653" s="91"/>
      <c r="FU2653" s="91"/>
      <c r="FV2653" s="91"/>
      <c r="FW2653" s="91"/>
      <c r="FX2653" s="91"/>
      <c r="FY2653" s="91"/>
      <c r="FZ2653" s="91"/>
      <c r="GA2653" s="91"/>
      <c r="GB2653" s="91"/>
      <c r="GC2653" s="91"/>
      <c r="GD2653" s="91"/>
      <c r="GE2653" s="91"/>
      <c r="GF2653" s="91"/>
      <c r="GG2653" s="91"/>
      <c r="GH2653" s="91"/>
      <c r="GI2653" s="91"/>
      <c r="GJ2653" s="91"/>
      <c r="GK2653" s="127"/>
      <c r="GL2653" s="126"/>
      <c r="GM2653" s="91"/>
      <c r="GN2653" s="91"/>
      <c r="GO2653" s="91"/>
      <c r="GP2653" s="91"/>
      <c r="GQ2653" s="91"/>
      <c r="GR2653" s="91"/>
      <c r="GS2653" s="91"/>
      <c r="GT2653" s="91"/>
      <c r="GU2653" s="91"/>
      <c r="GV2653" s="91"/>
      <c r="GW2653" s="91"/>
      <c r="GX2653" s="91"/>
      <c r="GY2653" s="91"/>
      <c r="GZ2653" s="91"/>
      <c r="HA2653" s="91"/>
      <c r="HB2653" s="91"/>
      <c r="HC2653" s="91"/>
      <c r="HD2653" s="91"/>
      <c r="HE2653" s="91"/>
      <c r="HF2653" s="91"/>
      <c r="HG2653" s="91"/>
      <c r="HH2653" s="91"/>
      <c r="HI2653" s="91"/>
      <c r="HJ2653" s="91"/>
      <c r="HK2653" s="127"/>
      <c r="HL2653" s="126"/>
      <c r="HM2653" s="91"/>
      <c r="HN2653" s="91"/>
      <c r="HO2653" s="91"/>
      <c r="HP2653" s="91"/>
      <c r="HQ2653" s="91"/>
      <c r="HR2653" s="91"/>
      <c r="HS2653" s="91"/>
      <c r="HT2653" s="91"/>
      <c r="HU2653" s="91"/>
      <c r="HV2653" s="91"/>
      <c r="HW2653" s="91"/>
      <c r="HX2653" s="91"/>
      <c r="HY2653" s="91"/>
      <c r="HZ2653" s="91"/>
      <c r="IA2653" s="91"/>
      <c r="IB2653" s="91"/>
      <c r="IC2653" s="91"/>
      <c r="ID2653" s="91"/>
      <c r="IE2653" s="91"/>
      <c r="IF2653" s="91"/>
      <c r="IG2653" s="91"/>
      <c r="IH2653" s="91"/>
      <c r="II2653" s="91"/>
      <c r="IJ2653" s="91"/>
      <c r="IK2653" s="127"/>
    </row>
    <row r="2654" spans="2:245" x14ac:dyDescent="0.2">
      <c r="B2654" s="43"/>
      <c r="C2654" s="73"/>
      <c r="D2654" s="64"/>
      <c r="E2654" s="64"/>
      <c r="F2654" s="55"/>
      <c r="G2654" s="102"/>
      <c r="H2654" s="55"/>
      <c r="I2654" s="55"/>
      <c r="J2654" s="55"/>
      <c r="K2654" s="55"/>
      <c r="L2654" s="55"/>
      <c r="M2654" s="55"/>
      <c r="N2654" s="55"/>
      <c r="O2654" s="55"/>
      <c r="P2654" s="55"/>
      <c r="Q2654" s="55"/>
      <c r="R2654" s="55"/>
      <c r="S2654" s="55"/>
      <c r="T2654" s="55"/>
      <c r="U2654" s="55"/>
      <c r="V2654" s="55"/>
      <c r="W2654" s="55"/>
      <c r="X2654" s="55"/>
      <c r="Y2654" s="55"/>
      <c r="Z2654" s="55"/>
      <c r="AA2654" s="55"/>
      <c r="AB2654" s="55"/>
      <c r="AC2654" s="55"/>
      <c r="AD2654" s="55"/>
      <c r="AE2654" s="55"/>
      <c r="AF2654" s="55"/>
      <c r="AG2654" s="55"/>
      <c r="AY2654" s="162"/>
      <c r="AZ2654" s="162"/>
      <c r="BA2654" s="162"/>
      <c r="BB2654" s="162"/>
      <c r="BC2654" s="162"/>
      <c r="BD2654" s="162"/>
      <c r="BE2654" s="162"/>
      <c r="BF2654" s="162"/>
      <c r="BG2654" s="162"/>
      <c r="BH2654" s="162"/>
      <c r="BI2654" s="162"/>
      <c r="BJ2654" s="162"/>
      <c r="BK2654" s="162"/>
      <c r="BL2654" s="162"/>
      <c r="BM2654" s="162"/>
      <c r="BN2654" s="162"/>
      <c r="BO2654" s="162"/>
      <c r="BP2654" s="162"/>
      <c r="BQ2654" s="162"/>
      <c r="BR2654" s="162"/>
      <c r="BS2654" s="162"/>
      <c r="BT2654" s="162"/>
      <c r="BU2654" s="162"/>
      <c r="BV2654" s="162"/>
      <c r="BW2654" s="162"/>
      <c r="BX2654" s="162"/>
      <c r="BY2654" s="162"/>
      <c r="BZ2654" s="162"/>
      <c r="CA2654" s="162"/>
      <c r="CB2654" s="162"/>
      <c r="CC2654" s="162"/>
      <c r="CD2654" s="162"/>
      <c r="CE2654" s="162"/>
      <c r="CF2654" s="162"/>
      <c r="CG2654" s="162"/>
      <c r="CH2654" s="162"/>
      <c r="CI2654" s="162"/>
      <c r="CJ2654" s="162"/>
      <c r="CK2654" s="162"/>
      <c r="CX2654" s="98"/>
      <c r="DL2654" s="97"/>
      <c r="DX2654" s="98"/>
      <c r="EL2654" s="97"/>
      <c r="EX2654" s="98"/>
      <c r="EY2654" s="97"/>
      <c r="FL2654" s="126"/>
      <c r="FM2654" s="91"/>
      <c r="FN2654" s="91"/>
      <c r="FO2654" s="91"/>
      <c r="FP2654" s="91"/>
      <c r="FQ2654" s="91"/>
      <c r="FR2654" s="91"/>
      <c r="FS2654" s="91"/>
      <c r="FT2654" s="91"/>
      <c r="FU2654" s="91"/>
      <c r="FV2654" s="91"/>
      <c r="FW2654" s="91"/>
      <c r="FX2654" s="91"/>
      <c r="FY2654" s="91"/>
      <c r="FZ2654" s="91"/>
      <c r="GA2654" s="91"/>
      <c r="GB2654" s="91"/>
      <c r="GC2654" s="91"/>
      <c r="GD2654" s="91"/>
      <c r="GE2654" s="91"/>
      <c r="GF2654" s="91"/>
      <c r="GG2654" s="91"/>
      <c r="GH2654" s="91"/>
      <c r="GI2654" s="91"/>
      <c r="GJ2654" s="91"/>
      <c r="GK2654" s="127"/>
      <c r="GL2654" s="126"/>
      <c r="GM2654" s="91"/>
      <c r="GN2654" s="91"/>
      <c r="GO2654" s="91"/>
      <c r="GP2654" s="91"/>
      <c r="GQ2654" s="91"/>
      <c r="GR2654" s="91"/>
      <c r="GS2654" s="91"/>
      <c r="GT2654" s="91"/>
      <c r="GU2654" s="91"/>
      <c r="GV2654" s="91"/>
      <c r="GW2654" s="91"/>
      <c r="GX2654" s="91"/>
      <c r="GY2654" s="91"/>
      <c r="GZ2654" s="91"/>
      <c r="HA2654" s="91"/>
      <c r="HB2654" s="91"/>
      <c r="HC2654" s="91"/>
      <c r="HD2654" s="91"/>
      <c r="HE2654" s="91"/>
      <c r="HF2654" s="91"/>
      <c r="HG2654" s="91"/>
      <c r="HH2654" s="91"/>
      <c r="HI2654" s="91"/>
      <c r="HJ2654" s="91"/>
      <c r="HK2654" s="127"/>
      <c r="HL2654" s="126"/>
      <c r="HM2654" s="91"/>
      <c r="HN2654" s="91"/>
      <c r="HO2654" s="91"/>
      <c r="HP2654" s="91"/>
      <c r="HQ2654" s="91"/>
      <c r="HR2654" s="91"/>
      <c r="HS2654" s="91"/>
      <c r="HT2654" s="91"/>
      <c r="HU2654" s="91"/>
      <c r="HV2654" s="91"/>
      <c r="HW2654" s="91"/>
      <c r="HX2654" s="91"/>
      <c r="HY2654" s="91"/>
      <c r="HZ2654" s="91"/>
      <c r="IA2654" s="91"/>
      <c r="IB2654" s="91"/>
      <c r="IC2654" s="91"/>
      <c r="ID2654" s="91"/>
      <c r="IE2654" s="91"/>
      <c r="IF2654" s="91"/>
      <c r="IG2654" s="91"/>
      <c r="IH2654" s="91"/>
      <c r="II2654" s="91"/>
      <c r="IJ2654" s="91"/>
      <c r="IK2654" s="127"/>
    </row>
    <row r="2655" spans="2:245" x14ac:dyDescent="0.2">
      <c r="B2655" s="43"/>
      <c r="C2655" s="73"/>
      <c r="D2655" s="64"/>
      <c r="E2655" s="64"/>
      <c r="F2655" s="55"/>
      <c r="G2655" s="102"/>
      <c r="H2655" s="55"/>
      <c r="I2655" s="55"/>
      <c r="J2655" s="55"/>
      <c r="K2655" s="55"/>
      <c r="L2655" s="55"/>
      <c r="M2655" s="55"/>
      <c r="N2655" s="55"/>
      <c r="O2655" s="55"/>
      <c r="P2655" s="55"/>
      <c r="Q2655" s="55"/>
      <c r="R2655" s="55"/>
      <c r="S2655" s="55"/>
      <c r="T2655" s="55"/>
      <c r="U2655" s="55"/>
      <c r="V2655" s="55"/>
      <c r="W2655" s="55"/>
      <c r="X2655" s="55"/>
      <c r="Y2655" s="55"/>
      <c r="Z2655" s="55"/>
      <c r="AA2655" s="55"/>
      <c r="AB2655" s="55"/>
      <c r="AC2655" s="55"/>
      <c r="AD2655" s="55"/>
      <c r="AE2655" s="55"/>
      <c r="AF2655" s="55"/>
      <c r="AG2655" s="55"/>
      <c r="AY2655" s="162"/>
      <c r="AZ2655" s="162"/>
      <c r="BA2655" s="162"/>
      <c r="BB2655" s="162"/>
      <c r="BC2655" s="162"/>
      <c r="BD2655" s="162"/>
      <c r="BE2655" s="162"/>
      <c r="BF2655" s="162"/>
      <c r="BG2655" s="162"/>
      <c r="BH2655" s="162"/>
      <c r="BI2655" s="162"/>
      <c r="BJ2655" s="162"/>
      <c r="BK2655" s="162"/>
      <c r="BL2655" s="162"/>
      <c r="BM2655" s="162"/>
      <c r="BN2655" s="162"/>
      <c r="BO2655" s="162"/>
      <c r="BP2655" s="162"/>
      <c r="BQ2655" s="162"/>
      <c r="BR2655" s="162"/>
      <c r="BS2655" s="162"/>
      <c r="BT2655" s="162"/>
      <c r="BU2655" s="162"/>
      <c r="BV2655" s="162"/>
      <c r="BW2655" s="162"/>
      <c r="BX2655" s="162"/>
      <c r="BY2655" s="162"/>
      <c r="BZ2655" s="162"/>
      <c r="CA2655" s="162"/>
      <c r="CB2655" s="162"/>
      <c r="CC2655" s="162"/>
      <c r="CD2655" s="162"/>
      <c r="CE2655" s="162"/>
      <c r="CF2655" s="162"/>
      <c r="CG2655" s="162"/>
      <c r="CH2655" s="162"/>
      <c r="CI2655" s="162"/>
      <c r="CJ2655" s="162"/>
      <c r="CK2655" s="162"/>
      <c r="CX2655" s="98"/>
      <c r="DL2655" s="97"/>
      <c r="DX2655" s="98"/>
      <c r="EL2655" s="97"/>
      <c r="EX2655" s="98"/>
      <c r="EY2655" s="97"/>
      <c r="FL2655" s="126"/>
      <c r="FM2655" s="91"/>
      <c r="FN2655" s="91"/>
      <c r="FO2655" s="91"/>
      <c r="FP2655" s="91"/>
      <c r="FQ2655" s="91"/>
      <c r="FR2655" s="91"/>
      <c r="FS2655" s="91"/>
      <c r="FT2655" s="91"/>
      <c r="FU2655" s="91"/>
      <c r="FV2655" s="91"/>
      <c r="FW2655" s="91"/>
      <c r="FX2655" s="91"/>
      <c r="FY2655" s="91"/>
      <c r="FZ2655" s="91"/>
      <c r="GA2655" s="91"/>
      <c r="GB2655" s="91"/>
      <c r="GC2655" s="91"/>
      <c r="GD2655" s="91"/>
      <c r="GE2655" s="91"/>
      <c r="GF2655" s="91"/>
      <c r="GG2655" s="91"/>
      <c r="GH2655" s="91"/>
      <c r="GI2655" s="91"/>
      <c r="GJ2655" s="91"/>
      <c r="GK2655" s="127"/>
      <c r="GL2655" s="126"/>
      <c r="GM2655" s="91"/>
      <c r="GN2655" s="91"/>
      <c r="GO2655" s="91"/>
      <c r="GP2655" s="91"/>
      <c r="GQ2655" s="91"/>
      <c r="GR2655" s="91"/>
      <c r="GS2655" s="91"/>
      <c r="GT2655" s="91"/>
      <c r="GU2655" s="91"/>
      <c r="GV2655" s="91"/>
      <c r="GW2655" s="91"/>
      <c r="GX2655" s="91"/>
      <c r="GY2655" s="91"/>
      <c r="GZ2655" s="91"/>
      <c r="HA2655" s="91"/>
      <c r="HB2655" s="91"/>
      <c r="HC2655" s="91"/>
      <c r="HD2655" s="91"/>
      <c r="HE2655" s="91"/>
      <c r="HF2655" s="91"/>
      <c r="HG2655" s="91"/>
      <c r="HH2655" s="91"/>
      <c r="HI2655" s="91"/>
      <c r="HJ2655" s="91"/>
      <c r="HK2655" s="127"/>
      <c r="HL2655" s="126"/>
      <c r="HM2655" s="91"/>
      <c r="HN2655" s="91"/>
      <c r="HO2655" s="91"/>
      <c r="HP2655" s="91"/>
      <c r="HQ2655" s="91"/>
      <c r="HR2655" s="91"/>
      <c r="HS2655" s="91"/>
      <c r="HT2655" s="91"/>
      <c r="HU2655" s="91"/>
      <c r="HV2655" s="91"/>
      <c r="HW2655" s="91"/>
      <c r="HX2655" s="91"/>
      <c r="HY2655" s="91"/>
      <c r="HZ2655" s="91"/>
      <c r="IA2655" s="91"/>
      <c r="IB2655" s="91"/>
      <c r="IC2655" s="91"/>
      <c r="ID2655" s="91"/>
      <c r="IE2655" s="91"/>
      <c r="IF2655" s="91"/>
      <c r="IG2655" s="91"/>
      <c r="IH2655" s="91"/>
      <c r="II2655" s="91"/>
      <c r="IJ2655" s="91"/>
      <c r="IK2655" s="127"/>
    </row>
    <row r="2656" spans="2:245" x14ac:dyDescent="0.2">
      <c r="B2656" s="43"/>
      <c r="C2656" s="73"/>
      <c r="D2656" s="64"/>
      <c r="E2656" s="64"/>
      <c r="F2656" s="55"/>
      <c r="G2656" s="102"/>
      <c r="H2656" s="55"/>
      <c r="I2656" s="55"/>
      <c r="J2656" s="55"/>
      <c r="K2656" s="55"/>
      <c r="L2656" s="55"/>
      <c r="M2656" s="55"/>
      <c r="N2656" s="55"/>
      <c r="O2656" s="55"/>
      <c r="P2656" s="55"/>
      <c r="Q2656" s="55"/>
      <c r="R2656" s="55"/>
      <c r="S2656" s="55"/>
      <c r="T2656" s="55"/>
      <c r="U2656" s="55"/>
      <c r="V2656" s="55"/>
      <c r="W2656" s="55"/>
      <c r="X2656" s="55"/>
      <c r="Y2656" s="55"/>
      <c r="Z2656" s="55"/>
      <c r="AA2656" s="55"/>
      <c r="AB2656" s="55"/>
      <c r="AC2656" s="55"/>
      <c r="AD2656" s="55"/>
      <c r="AE2656" s="55"/>
      <c r="AF2656" s="55"/>
      <c r="AG2656" s="55"/>
      <c r="AY2656" s="162"/>
      <c r="AZ2656" s="162"/>
      <c r="BA2656" s="162"/>
      <c r="BB2656" s="162"/>
      <c r="BC2656" s="162"/>
      <c r="BD2656" s="162"/>
      <c r="BE2656" s="162"/>
      <c r="BF2656" s="162"/>
      <c r="BG2656" s="162"/>
      <c r="BH2656" s="162"/>
      <c r="BI2656" s="162"/>
      <c r="BJ2656" s="162"/>
      <c r="BK2656" s="162"/>
      <c r="BL2656" s="162"/>
      <c r="BM2656" s="162"/>
      <c r="BN2656" s="162"/>
      <c r="BO2656" s="162"/>
      <c r="BP2656" s="162"/>
      <c r="BQ2656" s="162"/>
      <c r="BR2656" s="162"/>
      <c r="BS2656" s="162"/>
      <c r="BT2656" s="162"/>
      <c r="BU2656" s="162"/>
      <c r="BV2656" s="162"/>
      <c r="BW2656" s="162"/>
      <c r="BX2656" s="162"/>
      <c r="BY2656" s="162"/>
      <c r="BZ2656" s="162"/>
      <c r="CA2656" s="162"/>
      <c r="CB2656" s="162"/>
      <c r="CC2656" s="162"/>
      <c r="CD2656" s="162"/>
      <c r="CE2656" s="162"/>
      <c r="CF2656" s="162"/>
      <c r="CG2656" s="162"/>
      <c r="CH2656" s="162"/>
      <c r="CI2656" s="162"/>
      <c r="CJ2656" s="162"/>
      <c r="CK2656" s="162"/>
      <c r="CX2656" s="98"/>
      <c r="DL2656" s="97"/>
      <c r="DX2656" s="98"/>
      <c r="EL2656" s="97"/>
      <c r="EX2656" s="98"/>
      <c r="EY2656" s="97"/>
      <c r="FL2656" s="126"/>
      <c r="FM2656" s="91"/>
      <c r="FN2656" s="91"/>
      <c r="FO2656" s="91"/>
      <c r="FP2656" s="91"/>
      <c r="FQ2656" s="91"/>
      <c r="FR2656" s="91"/>
      <c r="FS2656" s="91"/>
      <c r="FT2656" s="91"/>
      <c r="FU2656" s="91"/>
      <c r="FV2656" s="91"/>
      <c r="FW2656" s="91"/>
      <c r="FX2656" s="91"/>
      <c r="FY2656" s="91"/>
      <c r="FZ2656" s="91"/>
      <c r="GA2656" s="91"/>
      <c r="GB2656" s="91"/>
      <c r="GC2656" s="91"/>
      <c r="GD2656" s="91"/>
      <c r="GE2656" s="91"/>
      <c r="GF2656" s="91"/>
      <c r="GG2656" s="91"/>
      <c r="GH2656" s="91"/>
      <c r="GI2656" s="91"/>
      <c r="GJ2656" s="91"/>
      <c r="GK2656" s="127"/>
      <c r="GL2656" s="126"/>
      <c r="GM2656" s="91"/>
      <c r="GN2656" s="91"/>
      <c r="GO2656" s="91"/>
      <c r="GP2656" s="91"/>
      <c r="GQ2656" s="91"/>
      <c r="GR2656" s="91"/>
      <c r="GS2656" s="91"/>
      <c r="GT2656" s="91"/>
      <c r="GU2656" s="91"/>
      <c r="GV2656" s="91"/>
      <c r="GW2656" s="91"/>
      <c r="GX2656" s="91"/>
      <c r="GY2656" s="91"/>
      <c r="GZ2656" s="91"/>
      <c r="HA2656" s="91"/>
      <c r="HB2656" s="91"/>
      <c r="HC2656" s="91"/>
      <c r="HD2656" s="91"/>
      <c r="HE2656" s="91"/>
      <c r="HF2656" s="91"/>
      <c r="HG2656" s="91"/>
      <c r="HH2656" s="91"/>
      <c r="HI2656" s="91"/>
      <c r="HJ2656" s="91"/>
      <c r="HK2656" s="127"/>
      <c r="HL2656" s="126"/>
      <c r="HM2656" s="91"/>
      <c r="HN2656" s="91"/>
      <c r="HO2656" s="91"/>
      <c r="HP2656" s="91"/>
      <c r="HQ2656" s="91"/>
      <c r="HR2656" s="91"/>
      <c r="HS2656" s="91"/>
      <c r="HT2656" s="91"/>
      <c r="HU2656" s="91"/>
      <c r="HV2656" s="91"/>
      <c r="HW2656" s="91"/>
      <c r="HX2656" s="91"/>
      <c r="HY2656" s="91"/>
      <c r="HZ2656" s="91"/>
      <c r="IA2656" s="91"/>
      <c r="IB2656" s="91"/>
      <c r="IC2656" s="91"/>
      <c r="ID2656" s="91"/>
      <c r="IE2656" s="91"/>
      <c r="IF2656" s="91"/>
      <c r="IG2656" s="91"/>
      <c r="IH2656" s="91"/>
      <c r="II2656" s="91"/>
      <c r="IJ2656" s="91"/>
      <c r="IK2656" s="127"/>
    </row>
    <row r="2657" spans="2:245" x14ac:dyDescent="0.2">
      <c r="B2657" s="43"/>
      <c r="C2657" s="73"/>
      <c r="D2657" s="64"/>
      <c r="E2657" s="64"/>
      <c r="F2657" s="55"/>
      <c r="G2657" s="102"/>
      <c r="H2657" s="55"/>
      <c r="I2657" s="55"/>
      <c r="J2657" s="55"/>
      <c r="K2657" s="55"/>
      <c r="L2657" s="55"/>
      <c r="M2657" s="55"/>
      <c r="N2657" s="55"/>
      <c r="O2657" s="55"/>
      <c r="P2657" s="55"/>
      <c r="Q2657" s="55"/>
      <c r="R2657" s="55"/>
      <c r="S2657" s="55"/>
      <c r="T2657" s="55"/>
      <c r="U2657" s="55"/>
      <c r="V2657" s="55"/>
      <c r="W2657" s="55"/>
      <c r="X2657" s="55"/>
      <c r="Y2657" s="55"/>
      <c r="Z2657" s="55"/>
      <c r="AA2657" s="55"/>
      <c r="AB2657" s="55"/>
      <c r="AC2657" s="55"/>
      <c r="AD2657" s="55"/>
      <c r="AE2657" s="55"/>
      <c r="AF2657" s="55"/>
      <c r="AG2657" s="55"/>
      <c r="AY2657" s="162"/>
      <c r="AZ2657" s="162"/>
      <c r="BA2657" s="162"/>
      <c r="BB2657" s="162"/>
      <c r="BC2657" s="162"/>
      <c r="BD2657" s="162"/>
      <c r="BE2657" s="162"/>
      <c r="BF2657" s="162"/>
      <c r="BG2657" s="162"/>
      <c r="BH2657" s="162"/>
      <c r="BI2657" s="162"/>
      <c r="BJ2657" s="162"/>
      <c r="BK2657" s="162"/>
      <c r="BL2657" s="162"/>
      <c r="BM2657" s="162"/>
      <c r="BN2657" s="162"/>
      <c r="BO2657" s="162"/>
      <c r="BP2657" s="162"/>
      <c r="BQ2657" s="162"/>
      <c r="BR2657" s="162"/>
      <c r="BS2657" s="162"/>
      <c r="BT2657" s="162"/>
      <c r="BU2657" s="162"/>
      <c r="BV2657" s="162"/>
      <c r="BW2657" s="162"/>
      <c r="BX2657" s="162"/>
      <c r="BY2657" s="162"/>
      <c r="BZ2657" s="162"/>
      <c r="CA2657" s="162"/>
      <c r="CB2657" s="162"/>
      <c r="CC2657" s="162"/>
      <c r="CD2657" s="162"/>
      <c r="CE2657" s="162"/>
      <c r="CF2657" s="162"/>
      <c r="CG2657" s="162"/>
      <c r="CH2657" s="162"/>
      <c r="CI2657" s="162"/>
      <c r="CJ2657" s="162"/>
      <c r="CK2657" s="162"/>
      <c r="CX2657" s="98"/>
      <c r="DL2657" s="97"/>
      <c r="DX2657" s="98"/>
      <c r="EL2657" s="97"/>
      <c r="EX2657" s="98"/>
      <c r="EY2657" s="97"/>
      <c r="FL2657" s="126"/>
      <c r="FM2657" s="91"/>
      <c r="FN2657" s="91"/>
      <c r="FO2657" s="91"/>
      <c r="FP2657" s="91"/>
      <c r="FQ2657" s="91"/>
      <c r="FR2657" s="91"/>
      <c r="FS2657" s="91"/>
      <c r="FT2657" s="91"/>
      <c r="FU2657" s="91"/>
      <c r="FV2657" s="91"/>
      <c r="FW2657" s="91"/>
      <c r="FX2657" s="91"/>
      <c r="FY2657" s="91"/>
      <c r="FZ2657" s="91"/>
      <c r="GA2657" s="91"/>
      <c r="GB2657" s="91"/>
      <c r="GC2657" s="91"/>
      <c r="GD2657" s="91"/>
      <c r="GE2657" s="91"/>
      <c r="GF2657" s="91"/>
      <c r="GG2657" s="91"/>
      <c r="GH2657" s="91"/>
      <c r="GI2657" s="91"/>
      <c r="GJ2657" s="91"/>
      <c r="GK2657" s="127"/>
      <c r="GL2657" s="126"/>
      <c r="GM2657" s="91"/>
      <c r="GN2657" s="91"/>
      <c r="GO2657" s="91"/>
      <c r="GP2657" s="91"/>
      <c r="GQ2657" s="91"/>
      <c r="GR2657" s="91"/>
      <c r="GS2657" s="91"/>
      <c r="GT2657" s="91"/>
      <c r="GU2657" s="91"/>
      <c r="GV2657" s="91"/>
      <c r="GW2657" s="91"/>
      <c r="GX2657" s="91"/>
      <c r="GY2657" s="91"/>
      <c r="GZ2657" s="91"/>
      <c r="HA2657" s="91"/>
      <c r="HB2657" s="91"/>
      <c r="HC2657" s="91"/>
      <c r="HD2657" s="91"/>
      <c r="HE2657" s="91"/>
      <c r="HF2657" s="91"/>
      <c r="HG2657" s="91"/>
      <c r="HH2657" s="91"/>
      <c r="HI2657" s="91"/>
      <c r="HJ2657" s="91"/>
      <c r="HK2657" s="127"/>
      <c r="HL2657" s="126"/>
      <c r="HM2657" s="91"/>
      <c r="HN2657" s="91"/>
      <c r="HO2657" s="91"/>
      <c r="HP2657" s="91"/>
      <c r="HQ2657" s="91"/>
      <c r="HR2657" s="91"/>
      <c r="HS2657" s="91"/>
      <c r="HT2657" s="91"/>
      <c r="HU2657" s="91"/>
      <c r="HV2657" s="91"/>
      <c r="HW2657" s="91"/>
      <c r="HX2657" s="91"/>
      <c r="HY2657" s="91"/>
      <c r="HZ2657" s="91"/>
      <c r="IA2657" s="91"/>
      <c r="IB2657" s="91"/>
      <c r="IC2657" s="91"/>
      <c r="ID2657" s="91"/>
      <c r="IE2657" s="91"/>
      <c r="IF2657" s="91"/>
      <c r="IG2657" s="91"/>
      <c r="IH2657" s="91"/>
      <c r="II2657" s="91"/>
      <c r="IJ2657" s="91"/>
      <c r="IK2657" s="127"/>
    </row>
    <row r="2658" spans="2:245" x14ac:dyDescent="0.2">
      <c r="B2658" s="43"/>
      <c r="C2658" s="73"/>
      <c r="D2658" s="64"/>
      <c r="E2658" s="64"/>
      <c r="F2658" s="55"/>
      <c r="G2658" s="102"/>
      <c r="H2658" s="55"/>
      <c r="I2658" s="55"/>
      <c r="J2658" s="55"/>
      <c r="K2658" s="55"/>
      <c r="L2658" s="55"/>
      <c r="M2658" s="55"/>
      <c r="N2658" s="55"/>
      <c r="O2658" s="55"/>
      <c r="P2658" s="55"/>
      <c r="Q2658" s="55"/>
      <c r="R2658" s="55"/>
      <c r="S2658" s="55"/>
      <c r="T2658" s="55"/>
      <c r="U2658" s="55"/>
      <c r="V2658" s="55"/>
      <c r="W2658" s="55"/>
      <c r="X2658" s="55"/>
      <c r="Y2658" s="55"/>
      <c r="Z2658" s="55"/>
      <c r="AA2658" s="55"/>
      <c r="AB2658" s="55"/>
      <c r="AC2658" s="55"/>
      <c r="AD2658" s="55"/>
      <c r="AE2658" s="55"/>
      <c r="AF2658" s="55"/>
      <c r="AG2658" s="55"/>
      <c r="AY2658" s="162"/>
      <c r="AZ2658" s="162"/>
      <c r="BA2658" s="162"/>
      <c r="BB2658" s="162"/>
      <c r="BC2658" s="162"/>
      <c r="BD2658" s="162"/>
      <c r="BE2658" s="162"/>
      <c r="BF2658" s="162"/>
      <c r="BG2658" s="162"/>
      <c r="BH2658" s="162"/>
      <c r="BI2658" s="162"/>
      <c r="BJ2658" s="162"/>
      <c r="BK2658" s="162"/>
      <c r="BL2658" s="162"/>
      <c r="BM2658" s="162"/>
      <c r="BN2658" s="162"/>
      <c r="BO2658" s="162"/>
      <c r="BP2658" s="162"/>
      <c r="BQ2658" s="162"/>
      <c r="BR2658" s="162"/>
      <c r="BS2658" s="162"/>
      <c r="BT2658" s="162"/>
      <c r="BU2658" s="162"/>
      <c r="BV2658" s="162"/>
      <c r="BW2658" s="162"/>
      <c r="BX2658" s="162"/>
      <c r="BY2658" s="162"/>
      <c r="BZ2658" s="162"/>
      <c r="CA2658" s="162"/>
      <c r="CB2658" s="162"/>
      <c r="CC2658" s="162"/>
      <c r="CD2658" s="162"/>
      <c r="CE2658" s="162"/>
      <c r="CF2658" s="162"/>
      <c r="CG2658" s="162"/>
      <c r="CH2658" s="162"/>
      <c r="CI2658" s="162"/>
      <c r="CJ2658" s="162"/>
      <c r="CK2658" s="162"/>
      <c r="CX2658" s="98"/>
      <c r="DL2658" s="97"/>
      <c r="DX2658" s="98"/>
      <c r="EL2658" s="97"/>
      <c r="EX2658" s="98"/>
      <c r="EY2658" s="97"/>
      <c r="FL2658" s="126"/>
      <c r="FM2658" s="91"/>
      <c r="FN2658" s="91"/>
      <c r="FO2658" s="91"/>
      <c r="FP2658" s="91"/>
      <c r="FQ2658" s="91"/>
      <c r="FR2658" s="91"/>
      <c r="FS2658" s="91"/>
      <c r="FT2658" s="91"/>
      <c r="FU2658" s="91"/>
      <c r="FV2658" s="91"/>
      <c r="FW2658" s="91"/>
      <c r="FX2658" s="91"/>
      <c r="FY2658" s="91"/>
      <c r="FZ2658" s="91"/>
      <c r="GA2658" s="91"/>
      <c r="GB2658" s="91"/>
      <c r="GC2658" s="91"/>
      <c r="GD2658" s="91"/>
      <c r="GE2658" s="91"/>
      <c r="GF2658" s="91"/>
      <c r="GG2658" s="91"/>
      <c r="GH2658" s="91"/>
      <c r="GI2658" s="91"/>
      <c r="GJ2658" s="91"/>
      <c r="GK2658" s="127"/>
      <c r="GL2658" s="126"/>
      <c r="GM2658" s="91"/>
      <c r="GN2658" s="91"/>
      <c r="GO2658" s="91"/>
      <c r="GP2658" s="91"/>
      <c r="GQ2658" s="91"/>
      <c r="GR2658" s="91"/>
      <c r="GS2658" s="91"/>
      <c r="GT2658" s="91"/>
      <c r="GU2658" s="91"/>
      <c r="GV2658" s="91"/>
      <c r="GW2658" s="91"/>
      <c r="GX2658" s="91"/>
      <c r="GY2658" s="91"/>
      <c r="GZ2658" s="91"/>
      <c r="HA2658" s="91"/>
      <c r="HB2658" s="91"/>
      <c r="HC2658" s="91"/>
      <c r="HD2658" s="91"/>
      <c r="HE2658" s="91"/>
      <c r="HF2658" s="91"/>
      <c r="HG2658" s="91"/>
      <c r="HH2658" s="91"/>
      <c r="HI2658" s="91"/>
      <c r="HJ2658" s="91"/>
      <c r="HK2658" s="127"/>
      <c r="HL2658" s="126"/>
      <c r="HM2658" s="91"/>
      <c r="HN2658" s="91"/>
      <c r="HO2658" s="91"/>
      <c r="HP2658" s="91"/>
      <c r="HQ2658" s="91"/>
      <c r="HR2658" s="91"/>
      <c r="HS2658" s="91"/>
      <c r="HT2658" s="91"/>
      <c r="HU2658" s="91"/>
      <c r="HV2658" s="91"/>
      <c r="HW2658" s="91"/>
      <c r="HX2658" s="91"/>
      <c r="HY2658" s="91"/>
      <c r="HZ2658" s="91"/>
      <c r="IA2658" s="91"/>
      <c r="IB2658" s="91"/>
      <c r="IC2658" s="91"/>
      <c r="ID2658" s="91"/>
      <c r="IE2658" s="91"/>
      <c r="IF2658" s="91"/>
      <c r="IG2658" s="91"/>
      <c r="IH2658" s="91"/>
      <c r="II2658" s="91"/>
      <c r="IJ2658" s="91"/>
      <c r="IK2658" s="127"/>
    </row>
    <row r="2659" spans="2:245" x14ac:dyDescent="0.2">
      <c r="B2659" s="43"/>
      <c r="C2659" s="73"/>
      <c r="D2659" s="64"/>
      <c r="E2659" s="64"/>
      <c r="F2659" s="55"/>
      <c r="G2659" s="102"/>
      <c r="H2659" s="55"/>
      <c r="I2659" s="55"/>
      <c r="J2659" s="55"/>
      <c r="K2659" s="55"/>
      <c r="L2659" s="55"/>
      <c r="M2659" s="55"/>
      <c r="N2659" s="55"/>
      <c r="O2659" s="55"/>
      <c r="P2659" s="55"/>
      <c r="Q2659" s="55"/>
      <c r="R2659" s="55"/>
      <c r="S2659" s="55"/>
      <c r="T2659" s="55"/>
      <c r="U2659" s="55"/>
      <c r="V2659" s="55"/>
      <c r="W2659" s="55"/>
      <c r="X2659" s="55"/>
      <c r="Y2659" s="55"/>
      <c r="Z2659" s="55"/>
      <c r="AA2659" s="55"/>
      <c r="AB2659" s="55"/>
      <c r="AC2659" s="55"/>
      <c r="AD2659" s="55"/>
      <c r="AE2659" s="55"/>
      <c r="AF2659" s="55"/>
      <c r="AG2659" s="55"/>
      <c r="AY2659" s="162"/>
      <c r="AZ2659" s="162"/>
      <c r="BA2659" s="162"/>
      <c r="BB2659" s="162"/>
      <c r="BC2659" s="162"/>
      <c r="BD2659" s="162"/>
      <c r="BE2659" s="162"/>
      <c r="BF2659" s="162"/>
      <c r="BG2659" s="162"/>
      <c r="BH2659" s="162"/>
      <c r="BI2659" s="162"/>
      <c r="BJ2659" s="162"/>
      <c r="BK2659" s="162"/>
      <c r="BL2659" s="162"/>
      <c r="BM2659" s="162"/>
      <c r="BN2659" s="162"/>
      <c r="BO2659" s="162"/>
      <c r="BP2659" s="162"/>
      <c r="BQ2659" s="162"/>
      <c r="BR2659" s="162"/>
      <c r="BS2659" s="162"/>
      <c r="BT2659" s="162"/>
      <c r="BU2659" s="162"/>
      <c r="BV2659" s="162"/>
      <c r="BW2659" s="162"/>
      <c r="BX2659" s="162"/>
      <c r="BY2659" s="162"/>
      <c r="BZ2659" s="162"/>
      <c r="CA2659" s="162"/>
      <c r="CB2659" s="162"/>
      <c r="CC2659" s="162"/>
      <c r="CD2659" s="162"/>
      <c r="CE2659" s="162"/>
      <c r="CF2659" s="162"/>
      <c r="CG2659" s="162"/>
      <c r="CH2659" s="162"/>
      <c r="CI2659" s="162"/>
      <c r="CJ2659" s="162"/>
      <c r="CK2659" s="162"/>
      <c r="CX2659" s="98"/>
      <c r="DL2659" s="97"/>
      <c r="DX2659" s="98"/>
      <c r="EL2659" s="97"/>
      <c r="EX2659" s="98"/>
      <c r="EY2659" s="97"/>
      <c r="FL2659" s="126"/>
      <c r="FM2659" s="91"/>
      <c r="FN2659" s="91"/>
      <c r="FO2659" s="91"/>
      <c r="FP2659" s="91"/>
      <c r="FQ2659" s="91"/>
      <c r="FR2659" s="91"/>
      <c r="FS2659" s="91"/>
      <c r="FT2659" s="91"/>
      <c r="FU2659" s="91"/>
      <c r="FV2659" s="91"/>
      <c r="FW2659" s="91"/>
      <c r="FX2659" s="91"/>
      <c r="FY2659" s="91"/>
      <c r="FZ2659" s="91"/>
      <c r="GA2659" s="91"/>
      <c r="GB2659" s="91"/>
      <c r="GC2659" s="91"/>
      <c r="GD2659" s="91"/>
      <c r="GE2659" s="91"/>
      <c r="GF2659" s="91"/>
      <c r="GG2659" s="91"/>
      <c r="GH2659" s="91"/>
      <c r="GI2659" s="91"/>
      <c r="GJ2659" s="91"/>
      <c r="GK2659" s="127"/>
      <c r="GL2659" s="126"/>
      <c r="GM2659" s="91"/>
      <c r="GN2659" s="91"/>
      <c r="GO2659" s="91"/>
      <c r="GP2659" s="91"/>
      <c r="GQ2659" s="91"/>
      <c r="GR2659" s="91"/>
      <c r="GS2659" s="91"/>
      <c r="GT2659" s="91"/>
      <c r="GU2659" s="91"/>
      <c r="GV2659" s="91"/>
      <c r="GW2659" s="91"/>
      <c r="GX2659" s="91"/>
      <c r="GY2659" s="91"/>
      <c r="GZ2659" s="91"/>
      <c r="HA2659" s="91"/>
      <c r="HB2659" s="91"/>
      <c r="HC2659" s="91"/>
      <c r="HD2659" s="91"/>
      <c r="HE2659" s="91"/>
      <c r="HF2659" s="91"/>
      <c r="HG2659" s="91"/>
      <c r="HH2659" s="91"/>
      <c r="HI2659" s="91"/>
      <c r="HJ2659" s="91"/>
      <c r="HK2659" s="127"/>
      <c r="HL2659" s="126"/>
      <c r="HM2659" s="91"/>
      <c r="HN2659" s="91"/>
      <c r="HO2659" s="91"/>
      <c r="HP2659" s="91"/>
      <c r="HQ2659" s="91"/>
      <c r="HR2659" s="91"/>
      <c r="HS2659" s="91"/>
      <c r="HT2659" s="91"/>
      <c r="HU2659" s="91"/>
      <c r="HV2659" s="91"/>
      <c r="HW2659" s="91"/>
      <c r="HX2659" s="91"/>
      <c r="HY2659" s="91"/>
      <c r="HZ2659" s="91"/>
      <c r="IA2659" s="91"/>
      <c r="IB2659" s="91"/>
      <c r="IC2659" s="91"/>
      <c r="ID2659" s="91"/>
      <c r="IE2659" s="91"/>
      <c r="IF2659" s="91"/>
      <c r="IG2659" s="91"/>
      <c r="IH2659" s="91"/>
      <c r="II2659" s="91"/>
      <c r="IJ2659" s="91"/>
      <c r="IK2659" s="127"/>
    </row>
    <row r="2660" spans="2:245" x14ac:dyDescent="0.2">
      <c r="B2660" s="43"/>
      <c r="C2660" s="73"/>
      <c r="D2660" s="64"/>
      <c r="E2660" s="64"/>
      <c r="F2660" s="55"/>
      <c r="G2660" s="102"/>
      <c r="H2660" s="55"/>
      <c r="I2660" s="55"/>
      <c r="J2660" s="55"/>
      <c r="K2660" s="55"/>
      <c r="L2660" s="55"/>
      <c r="M2660" s="55"/>
      <c r="N2660" s="55"/>
      <c r="O2660" s="55"/>
      <c r="P2660" s="55"/>
      <c r="Q2660" s="55"/>
      <c r="R2660" s="55"/>
      <c r="S2660" s="55"/>
      <c r="T2660" s="55"/>
      <c r="U2660" s="55"/>
      <c r="V2660" s="55"/>
      <c r="W2660" s="55"/>
      <c r="X2660" s="55"/>
      <c r="Y2660" s="55"/>
      <c r="Z2660" s="55"/>
      <c r="AA2660" s="55"/>
      <c r="AB2660" s="55"/>
      <c r="AC2660" s="55"/>
      <c r="AD2660" s="55"/>
      <c r="AE2660" s="55"/>
      <c r="AF2660" s="55"/>
      <c r="AG2660" s="55"/>
      <c r="AY2660" s="162"/>
      <c r="AZ2660" s="162"/>
      <c r="BA2660" s="162"/>
      <c r="BB2660" s="162"/>
      <c r="BC2660" s="162"/>
      <c r="BD2660" s="162"/>
      <c r="BE2660" s="162"/>
      <c r="BF2660" s="162"/>
      <c r="BG2660" s="162"/>
      <c r="BH2660" s="162"/>
      <c r="BI2660" s="162"/>
      <c r="BJ2660" s="162"/>
      <c r="BK2660" s="162"/>
      <c r="BL2660" s="162"/>
      <c r="BM2660" s="162"/>
      <c r="BN2660" s="162"/>
      <c r="BO2660" s="162"/>
      <c r="BP2660" s="162"/>
      <c r="BQ2660" s="162"/>
      <c r="BR2660" s="162"/>
      <c r="BS2660" s="162"/>
      <c r="BT2660" s="162"/>
      <c r="BU2660" s="162"/>
      <c r="BV2660" s="162"/>
      <c r="BW2660" s="162"/>
      <c r="BX2660" s="162"/>
      <c r="BY2660" s="162"/>
      <c r="BZ2660" s="162"/>
      <c r="CA2660" s="162"/>
      <c r="CB2660" s="162"/>
      <c r="CC2660" s="162"/>
      <c r="CD2660" s="162"/>
      <c r="CE2660" s="162"/>
      <c r="CF2660" s="162"/>
      <c r="CG2660" s="162"/>
      <c r="CH2660" s="162"/>
      <c r="CI2660" s="162"/>
      <c r="CJ2660" s="162"/>
      <c r="CK2660" s="162"/>
      <c r="CX2660" s="98"/>
      <c r="DL2660" s="97"/>
      <c r="DX2660" s="98"/>
      <c r="EL2660" s="97"/>
      <c r="EX2660" s="98"/>
      <c r="EY2660" s="97"/>
      <c r="FL2660" s="126"/>
      <c r="FM2660" s="91"/>
      <c r="FN2660" s="91"/>
      <c r="FO2660" s="91"/>
      <c r="FP2660" s="91"/>
      <c r="FQ2660" s="91"/>
      <c r="FR2660" s="91"/>
      <c r="FS2660" s="91"/>
      <c r="FT2660" s="91"/>
      <c r="FU2660" s="91"/>
      <c r="FV2660" s="91"/>
      <c r="FW2660" s="91"/>
      <c r="FX2660" s="91"/>
      <c r="FY2660" s="91"/>
      <c r="FZ2660" s="91"/>
      <c r="GA2660" s="91"/>
      <c r="GB2660" s="91"/>
      <c r="GC2660" s="91"/>
      <c r="GD2660" s="91"/>
      <c r="GE2660" s="91"/>
      <c r="GF2660" s="91"/>
      <c r="GG2660" s="91"/>
      <c r="GH2660" s="91"/>
      <c r="GI2660" s="91"/>
      <c r="GJ2660" s="91"/>
      <c r="GK2660" s="127"/>
      <c r="GL2660" s="126"/>
      <c r="GM2660" s="91"/>
      <c r="GN2660" s="91"/>
      <c r="GO2660" s="91"/>
      <c r="GP2660" s="91"/>
      <c r="GQ2660" s="91"/>
      <c r="GR2660" s="91"/>
      <c r="GS2660" s="91"/>
      <c r="GT2660" s="91"/>
      <c r="GU2660" s="91"/>
      <c r="GV2660" s="91"/>
      <c r="GW2660" s="91"/>
      <c r="GX2660" s="91"/>
      <c r="GY2660" s="91"/>
      <c r="GZ2660" s="91"/>
      <c r="HA2660" s="91"/>
      <c r="HB2660" s="91"/>
      <c r="HC2660" s="91"/>
      <c r="HD2660" s="91"/>
      <c r="HE2660" s="91"/>
      <c r="HF2660" s="91"/>
      <c r="HG2660" s="91"/>
      <c r="HH2660" s="91"/>
      <c r="HI2660" s="91"/>
      <c r="HJ2660" s="91"/>
      <c r="HK2660" s="127"/>
      <c r="HL2660" s="126"/>
      <c r="HM2660" s="91"/>
      <c r="HN2660" s="91"/>
      <c r="HO2660" s="91"/>
      <c r="HP2660" s="91"/>
      <c r="HQ2660" s="91"/>
      <c r="HR2660" s="91"/>
      <c r="HS2660" s="91"/>
      <c r="HT2660" s="91"/>
      <c r="HU2660" s="91"/>
      <c r="HV2660" s="91"/>
      <c r="HW2660" s="91"/>
      <c r="HX2660" s="91"/>
      <c r="HY2660" s="91"/>
      <c r="HZ2660" s="91"/>
      <c r="IA2660" s="91"/>
      <c r="IB2660" s="91"/>
      <c r="IC2660" s="91"/>
      <c r="ID2660" s="91"/>
      <c r="IE2660" s="91"/>
      <c r="IF2660" s="91"/>
      <c r="IG2660" s="91"/>
      <c r="IH2660" s="91"/>
      <c r="II2660" s="91"/>
      <c r="IJ2660" s="91"/>
      <c r="IK2660" s="127"/>
    </row>
    <row r="2661" spans="2:245" x14ac:dyDescent="0.2">
      <c r="B2661" s="43"/>
      <c r="C2661" s="73"/>
      <c r="D2661" s="64"/>
      <c r="E2661" s="64"/>
      <c r="F2661" s="55"/>
      <c r="G2661" s="102"/>
      <c r="H2661" s="55"/>
      <c r="I2661" s="55"/>
      <c r="J2661" s="55"/>
      <c r="K2661" s="55"/>
      <c r="L2661" s="55"/>
      <c r="M2661" s="55"/>
      <c r="N2661" s="55"/>
      <c r="O2661" s="55"/>
      <c r="P2661" s="55"/>
      <c r="Q2661" s="55"/>
      <c r="R2661" s="55"/>
      <c r="S2661" s="55"/>
      <c r="T2661" s="55"/>
      <c r="U2661" s="55"/>
      <c r="V2661" s="55"/>
      <c r="W2661" s="55"/>
      <c r="X2661" s="55"/>
      <c r="Y2661" s="55"/>
      <c r="Z2661" s="55"/>
      <c r="AA2661" s="55"/>
      <c r="AB2661" s="55"/>
      <c r="AC2661" s="55"/>
      <c r="AD2661" s="55"/>
      <c r="AE2661" s="55"/>
      <c r="AF2661" s="55"/>
      <c r="AG2661" s="55"/>
      <c r="AY2661" s="162"/>
      <c r="AZ2661" s="162"/>
      <c r="BA2661" s="162"/>
      <c r="BB2661" s="162"/>
      <c r="BC2661" s="162"/>
      <c r="BD2661" s="162"/>
      <c r="BE2661" s="162"/>
      <c r="BF2661" s="162"/>
      <c r="BG2661" s="162"/>
      <c r="BH2661" s="162"/>
      <c r="BI2661" s="162"/>
      <c r="BJ2661" s="162"/>
      <c r="BK2661" s="162"/>
      <c r="BL2661" s="162"/>
      <c r="BM2661" s="162"/>
      <c r="BN2661" s="162"/>
      <c r="BO2661" s="162"/>
      <c r="BP2661" s="162"/>
      <c r="BQ2661" s="162"/>
      <c r="BR2661" s="162"/>
      <c r="BS2661" s="162"/>
      <c r="BT2661" s="162"/>
      <c r="BU2661" s="162"/>
      <c r="BV2661" s="162"/>
      <c r="BW2661" s="162"/>
      <c r="BX2661" s="162"/>
      <c r="BY2661" s="162"/>
      <c r="BZ2661" s="162"/>
      <c r="CA2661" s="162"/>
      <c r="CB2661" s="162"/>
      <c r="CC2661" s="162"/>
      <c r="CD2661" s="162"/>
      <c r="CE2661" s="162"/>
      <c r="CF2661" s="162"/>
      <c r="CG2661" s="162"/>
      <c r="CH2661" s="162"/>
      <c r="CI2661" s="162"/>
      <c r="CJ2661" s="162"/>
      <c r="CK2661" s="162"/>
      <c r="CX2661" s="98"/>
      <c r="DL2661" s="97"/>
      <c r="DX2661" s="98"/>
      <c r="EL2661" s="97"/>
      <c r="EX2661" s="98"/>
      <c r="EY2661" s="97"/>
      <c r="FL2661" s="126"/>
      <c r="FM2661" s="91"/>
      <c r="FN2661" s="91"/>
      <c r="FO2661" s="91"/>
      <c r="FP2661" s="91"/>
      <c r="FQ2661" s="91"/>
      <c r="FR2661" s="91"/>
      <c r="FS2661" s="91"/>
      <c r="FT2661" s="91"/>
      <c r="FU2661" s="91"/>
      <c r="FV2661" s="91"/>
      <c r="FW2661" s="91"/>
      <c r="FX2661" s="91"/>
      <c r="FY2661" s="91"/>
      <c r="FZ2661" s="91"/>
      <c r="GA2661" s="91"/>
      <c r="GB2661" s="91"/>
      <c r="GC2661" s="91"/>
      <c r="GD2661" s="91"/>
      <c r="GE2661" s="91"/>
      <c r="GF2661" s="91"/>
      <c r="GG2661" s="91"/>
      <c r="GH2661" s="91"/>
      <c r="GI2661" s="91"/>
      <c r="GJ2661" s="91"/>
      <c r="GK2661" s="127"/>
      <c r="GL2661" s="126"/>
      <c r="GM2661" s="91"/>
      <c r="GN2661" s="91"/>
      <c r="GO2661" s="91"/>
      <c r="GP2661" s="91"/>
      <c r="GQ2661" s="91"/>
      <c r="GR2661" s="91"/>
      <c r="GS2661" s="91"/>
      <c r="GT2661" s="91"/>
      <c r="GU2661" s="91"/>
      <c r="GV2661" s="91"/>
      <c r="GW2661" s="91"/>
      <c r="GX2661" s="91"/>
      <c r="GY2661" s="91"/>
      <c r="GZ2661" s="91"/>
      <c r="HA2661" s="91"/>
      <c r="HB2661" s="91"/>
      <c r="HC2661" s="91"/>
      <c r="HD2661" s="91"/>
      <c r="HE2661" s="91"/>
      <c r="HF2661" s="91"/>
      <c r="HG2661" s="91"/>
      <c r="HH2661" s="91"/>
      <c r="HI2661" s="91"/>
      <c r="HJ2661" s="91"/>
      <c r="HK2661" s="127"/>
      <c r="HL2661" s="126"/>
      <c r="HM2661" s="91"/>
      <c r="HN2661" s="91"/>
      <c r="HO2661" s="91"/>
      <c r="HP2661" s="91"/>
      <c r="HQ2661" s="91"/>
      <c r="HR2661" s="91"/>
      <c r="HS2661" s="91"/>
      <c r="HT2661" s="91"/>
      <c r="HU2661" s="91"/>
      <c r="HV2661" s="91"/>
      <c r="HW2661" s="91"/>
      <c r="HX2661" s="91"/>
      <c r="HY2661" s="91"/>
      <c r="HZ2661" s="91"/>
      <c r="IA2661" s="91"/>
      <c r="IB2661" s="91"/>
      <c r="IC2661" s="91"/>
      <c r="ID2661" s="91"/>
      <c r="IE2661" s="91"/>
      <c r="IF2661" s="91"/>
      <c r="IG2661" s="91"/>
      <c r="IH2661" s="91"/>
      <c r="II2661" s="91"/>
      <c r="IJ2661" s="91"/>
      <c r="IK2661" s="127"/>
    </row>
    <row r="2662" spans="2:245" x14ac:dyDescent="0.2">
      <c r="B2662" s="43"/>
      <c r="C2662" s="73"/>
      <c r="D2662" s="64"/>
      <c r="E2662" s="64"/>
      <c r="F2662" s="55"/>
      <c r="G2662" s="102"/>
      <c r="H2662" s="55"/>
      <c r="I2662" s="55"/>
      <c r="J2662" s="55"/>
      <c r="K2662" s="55"/>
      <c r="L2662" s="55"/>
      <c r="M2662" s="55"/>
      <c r="N2662" s="55"/>
      <c r="O2662" s="55"/>
      <c r="P2662" s="55"/>
      <c r="Q2662" s="55"/>
      <c r="R2662" s="55"/>
      <c r="S2662" s="55"/>
      <c r="T2662" s="55"/>
      <c r="U2662" s="55"/>
      <c r="V2662" s="55"/>
      <c r="W2662" s="55"/>
      <c r="X2662" s="55"/>
      <c r="Y2662" s="55"/>
      <c r="Z2662" s="55"/>
      <c r="AA2662" s="55"/>
      <c r="AB2662" s="55"/>
      <c r="AC2662" s="55"/>
      <c r="AD2662" s="55"/>
      <c r="AE2662" s="55"/>
      <c r="AF2662" s="55"/>
      <c r="AG2662" s="55"/>
      <c r="AY2662" s="162"/>
      <c r="AZ2662" s="162"/>
      <c r="BA2662" s="162"/>
      <c r="BB2662" s="162"/>
      <c r="BC2662" s="162"/>
      <c r="BD2662" s="162"/>
      <c r="BE2662" s="162"/>
      <c r="BF2662" s="162"/>
      <c r="BG2662" s="162"/>
      <c r="BH2662" s="162"/>
      <c r="BI2662" s="162"/>
      <c r="BJ2662" s="162"/>
      <c r="BK2662" s="162"/>
      <c r="BL2662" s="162"/>
      <c r="BM2662" s="162"/>
      <c r="BN2662" s="162"/>
      <c r="BO2662" s="162"/>
      <c r="BP2662" s="162"/>
      <c r="BQ2662" s="162"/>
      <c r="BR2662" s="162"/>
      <c r="BS2662" s="162"/>
      <c r="BT2662" s="162"/>
      <c r="BU2662" s="162"/>
      <c r="BV2662" s="162"/>
      <c r="BW2662" s="162"/>
      <c r="BX2662" s="162"/>
      <c r="BY2662" s="162"/>
      <c r="BZ2662" s="162"/>
      <c r="CA2662" s="162"/>
      <c r="CB2662" s="162"/>
      <c r="CC2662" s="162"/>
      <c r="CD2662" s="162"/>
      <c r="CE2662" s="162"/>
      <c r="CF2662" s="162"/>
      <c r="CG2662" s="162"/>
      <c r="CH2662" s="162"/>
      <c r="CI2662" s="162"/>
      <c r="CJ2662" s="162"/>
      <c r="CK2662" s="162"/>
      <c r="CX2662" s="98"/>
      <c r="DL2662" s="97"/>
      <c r="DX2662" s="98"/>
      <c r="EL2662" s="97"/>
      <c r="EX2662" s="98"/>
      <c r="EY2662" s="97"/>
      <c r="FL2662" s="126"/>
      <c r="FM2662" s="91"/>
      <c r="FN2662" s="91"/>
      <c r="FO2662" s="91"/>
      <c r="FP2662" s="91"/>
      <c r="FQ2662" s="91"/>
      <c r="FR2662" s="91"/>
      <c r="FS2662" s="91"/>
      <c r="FT2662" s="91"/>
      <c r="FU2662" s="91"/>
      <c r="FV2662" s="91"/>
      <c r="FW2662" s="91"/>
      <c r="FX2662" s="91"/>
      <c r="FY2662" s="91"/>
      <c r="FZ2662" s="91"/>
      <c r="GA2662" s="91"/>
      <c r="GB2662" s="91"/>
      <c r="GC2662" s="91"/>
      <c r="GD2662" s="91"/>
      <c r="GE2662" s="91"/>
      <c r="GF2662" s="91"/>
      <c r="GG2662" s="91"/>
      <c r="GH2662" s="91"/>
      <c r="GI2662" s="91"/>
      <c r="GJ2662" s="91"/>
      <c r="GK2662" s="127"/>
      <c r="GL2662" s="126"/>
      <c r="GM2662" s="91"/>
      <c r="GN2662" s="91"/>
      <c r="GO2662" s="91"/>
      <c r="GP2662" s="91"/>
      <c r="GQ2662" s="91"/>
      <c r="GR2662" s="91"/>
      <c r="GS2662" s="91"/>
      <c r="GT2662" s="91"/>
      <c r="GU2662" s="91"/>
      <c r="GV2662" s="91"/>
      <c r="GW2662" s="91"/>
      <c r="GX2662" s="91"/>
      <c r="GY2662" s="91"/>
      <c r="GZ2662" s="91"/>
      <c r="HA2662" s="91"/>
      <c r="HB2662" s="91"/>
      <c r="HC2662" s="91"/>
      <c r="HD2662" s="91"/>
      <c r="HE2662" s="91"/>
      <c r="HF2662" s="91"/>
      <c r="HG2662" s="91"/>
      <c r="HH2662" s="91"/>
      <c r="HI2662" s="91"/>
      <c r="HJ2662" s="91"/>
      <c r="HK2662" s="127"/>
      <c r="HL2662" s="126"/>
      <c r="HM2662" s="91"/>
      <c r="HN2662" s="91"/>
      <c r="HO2662" s="91"/>
      <c r="HP2662" s="91"/>
      <c r="HQ2662" s="91"/>
      <c r="HR2662" s="91"/>
      <c r="HS2662" s="91"/>
      <c r="HT2662" s="91"/>
      <c r="HU2662" s="91"/>
      <c r="HV2662" s="91"/>
      <c r="HW2662" s="91"/>
      <c r="HX2662" s="91"/>
      <c r="HY2662" s="91"/>
      <c r="HZ2662" s="91"/>
      <c r="IA2662" s="91"/>
      <c r="IB2662" s="91"/>
      <c r="IC2662" s="91"/>
      <c r="ID2662" s="91"/>
      <c r="IE2662" s="91"/>
      <c r="IF2662" s="91"/>
      <c r="IG2662" s="91"/>
      <c r="IH2662" s="91"/>
      <c r="II2662" s="91"/>
      <c r="IJ2662" s="91"/>
      <c r="IK2662" s="127"/>
    </row>
    <row r="2663" spans="2:245" x14ac:dyDescent="0.2">
      <c r="B2663" s="43"/>
      <c r="C2663" s="73"/>
      <c r="D2663" s="64"/>
      <c r="E2663" s="64"/>
      <c r="F2663" s="55"/>
      <c r="G2663" s="102"/>
      <c r="H2663" s="55"/>
      <c r="I2663" s="55"/>
      <c r="J2663" s="55"/>
      <c r="K2663" s="55"/>
      <c r="L2663" s="55"/>
      <c r="M2663" s="55"/>
      <c r="N2663" s="55"/>
      <c r="O2663" s="55"/>
      <c r="P2663" s="55"/>
      <c r="Q2663" s="55"/>
      <c r="R2663" s="55"/>
      <c r="S2663" s="55"/>
      <c r="T2663" s="55"/>
      <c r="U2663" s="55"/>
      <c r="V2663" s="55"/>
      <c r="W2663" s="55"/>
      <c r="X2663" s="55"/>
      <c r="Y2663" s="55"/>
      <c r="Z2663" s="55"/>
      <c r="AA2663" s="55"/>
      <c r="AB2663" s="55"/>
      <c r="AC2663" s="55"/>
      <c r="AD2663" s="55"/>
      <c r="AE2663" s="55"/>
      <c r="AF2663" s="55"/>
      <c r="AG2663" s="55"/>
      <c r="AY2663" s="162"/>
      <c r="AZ2663" s="162"/>
      <c r="BA2663" s="162"/>
      <c r="BB2663" s="162"/>
      <c r="BC2663" s="162"/>
      <c r="BD2663" s="162"/>
      <c r="BE2663" s="162"/>
      <c r="BF2663" s="162"/>
      <c r="BG2663" s="162"/>
      <c r="BH2663" s="162"/>
      <c r="BI2663" s="162"/>
      <c r="BJ2663" s="162"/>
      <c r="BK2663" s="162"/>
      <c r="BL2663" s="162"/>
      <c r="BM2663" s="162"/>
      <c r="BN2663" s="162"/>
      <c r="BO2663" s="162"/>
      <c r="BP2663" s="162"/>
      <c r="BQ2663" s="162"/>
      <c r="BR2663" s="162"/>
      <c r="BS2663" s="162"/>
      <c r="BT2663" s="162"/>
      <c r="BU2663" s="162"/>
      <c r="BV2663" s="162"/>
      <c r="BW2663" s="162"/>
      <c r="BX2663" s="162"/>
      <c r="BY2663" s="162"/>
      <c r="BZ2663" s="162"/>
      <c r="CA2663" s="162"/>
      <c r="CB2663" s="162"/>
      <c r="CC2663" s="162"/>
      <c r="CD2663" s="162"/>
      <c r="CE2663" s="162"/>
      <c r="CF2663" s="162"/>
      <c r="CG2663" s="162"/>
      <c r="CH2663" s="162"/>
      <c r="CI2663" s="162"/>
      <c r="CJ2663" s="162"/>
      <c r="CK2663" s="162"/>
      <c r="CX2663" s="98"/>
      <c r="DL2663" s="97"/>
      <c r="DX2663" s="98"/>
      <c r="EL2663" s="97"/>
      <c r="EX2663" s="98"/>
      <c r="EY2663" s="97"/>
      <c r="FL2663" s="126"/>
      <c r="FM2663" s="91"/>
      <c r="FN2663" s="91"/>
      <c r="FO2663" s="91"/>
      <c r="FP2663" s="91"/>
      <c r="FQ2663" s="91"/>
      <c r="FR2663" s="91"/>
      <c r="FS2663" s="91"/>
      <c r="FT2663" s="91"/>
      <c r="FU2663" s="91"/>
      <c r="FV2663" s="91"/>
      <c r="FW2663" s="91"/>
      <c r="FX2663" s="91"/>
      <c r="FY2663" s="91"/>
      <c r="FZ2663" s="91"/>
      <c r="GA2663" s="91"/>
      <c r="GB2663" s="91"/>
      <c r="GC2663" s="91"/>
      <c r="GD2663" s="91"/>
      <c r="GE2663" s="91"/>
      <c r="GF2663" s="91"/>
      <c r="GG2663" s="91"/>
      <c r="GH2663" s="91"/>
      <c r="GI2663" s="91"/>
      <c r="GJ2663" s="91"/>
      <c r="GK2663" s="127"/>
      <c r="GL2663" s="126"/>
      <c r="GM2663" s="91"/>
      <c r="GN2663" s="91"/>
      <c r="GO2663" s="91"/>
      <c r="GP2663" s="91"/>
      <c r="GQ2663" s="91"/>
      <c r="GR2663" s="91"/>
      <c r="GS2663" s="91"/>
      <c r="GT2663" s="91"/>
      <c r="GU2663" s="91"/>
      <c r="GV2663" s="91"/>
      <c r="GW2663" s="91"/>
      <c r="GX2663" s="91"/>
      <c r="GY2663" s="91"/>
      <c r="GZ2663" s="91"/>
      <c r="HA2663" s="91"/>
      <c r="HB2663" s="91"/>
      <c r="HC2663" s="91"/>
      <c r="HD2663" s="91"/>
      <c r="HE2663" s="91"/>
      <c r="HF2663" s="91"/>
      <c r="HG2663" s="91"/>
      <c r="HH2663" s="91"/>
      <c r="HI2663" s="91"/>
      <c r="HJ2663" s="91"/>
      <c r="HK2663" s="127"/>
      <c r="HL2663" s="126"/>
      <c r="HM2663" s="91"/>
      <c r="HN2663" s="91"/>
      <c r="HO2663" s="91"/>
      <c r="HP2663" s="91"/>
      <c r="HQ2663" s="91"/>
      <c r="HR2663" s="91"/>
      <c r="HS2663" s="91"/>
      <c r="HT2663" s="91"/>
      <c r="HU2663" s="91"/>
      <c r="HV2663" s="91"/>
      <c r="HW2663" s="91"/>
      <c r="HX2663" s="91"/>
      <c r="HY2663" s="91"/>
      <c r="HZ2663" s="91"/>
      <c r="IA2663" s="91"/>
      <c r="IB2663" s="91"/>
      <c r="IC2663" s="91"/>
      <c r="ID2663" s="91"/>
      <c r="IE2663" s="91"/>
      <c r="IF2663" s="91"/>
      <c r="IG2663" s="91"/>
      <c r="IH2663" s="91"/>
      <c r="II2663" s="91"/>
      <c r="IJ2663" s="91"/>
      <c r="IK2663" s="127"/>
    </row>
    <row r="2664" spans="2:245" x14ac:dyDescent="0.2">
      <c r="B2664" s="43"/>
      <c r="C2664" s="73"/>
      <c r="D2664" s="64"/>
      <c r="E2664" s="64"/>
      <c r="F2664" s="55"/>
      <c r="G2664" s="102"/>
      <c r="H2664" s="55"/>
      <c r="I2664" s="55"/>
      <c r="J2664" s="55"/>
      <c r="K2664" s="55"/>
      <c r="L2664" s="55"/>
      <c r="M2664" s="55"/>
      <c r="N2664" s="55"/>
      <c r="O2664" s="55"/>
      <c r="P2664" s="55"/>
      <c r="Q2664" s="55"/>
      <c r="R2664" s="55"/>
      <c r="S2664" s="55"/>
      <c r="T2664" s="55"/>
      <c r="U2664" s="55"/>
      <c r="V2664" s="55"/>
      <c r="W2664" s="55"/>
      <c r="X2664" s="55"/>
      <c r="Y2664" s="55"/>
      <c r="Z2664" s="55"/>
      <c r="AA2664" s="55"/>
      <c r="AB2664" s="55"/>
      <c r="AC2664" s="55"/>
      <c r="AD2664" s="55"/>
      <c r="AE2664" s="55"/>
      <c r="AF2664" s="55"/>
      <c r="AG2664" s="55"/>
      <c r="AY2664" s="162"/>
      <c r="AZ2664" s="162"/>
      <c r="BA2664" s="162"/>
      <c r="BB2664" s="162"/>
      <c r="BC2664" s="162"/>
      <c r="BD2664" s="162"/>
      <c r="BE2664" s="162"/>
      <c r="BF2664" s="162"/>
      <c r="BG2664" s="162"/>
      <c r="BH2664" s="162"/>
      <c r="BI2664" s="162"/>
      <c r="BJ2664" s="162"/>
      <c r="BK2664" s="162"/>
      <c r="BL2664" s="162"/>
      <c r="BM2664" s="162"/>
      <c r="BN2664" s="162"/>
      <c r="BO2664" s="162"/>
      <c r="BP2664" s="162"/>
      <c r="BQ2664" s="162"/>
      <c r="BR2664" s="162"/>
      <c r="BS2664" s="162"/>
      <c r="BT2664" s="162"/>
      <c r="BU2664" s="162"/>
      <c r="BV2664" s="162"/>
      <c r="BW2664" s="162"/>
      <c r="BX2664" s="162"/>
      <c r="BY2664" s="162"/>
      <c r="BZ2664" s="162"/>
      <c r="CA2664" s="162"/>
      <c r="CB2664" s="162"/>
      <c r="CC2664" s="162"/>
      <c r="CD2664" s="162"/>
      <c r="CE2664" s="162"/>
      <c r="CF2664" s="162"/>
      <c r="CG2664" s="162"/>
      <c r="CH2664" s="162"/>
      <c r="CI2664" s="162"/>
      <c r="CJ2664" s="162"/>
      <c r="CK2664" s="162"/>
      <c r="CX2664" s="98"/>
      <c r="DL2664" s="97"/>
      <c r="DX2664" s="98"/>
      <c r="EL2664" s="97"/>
      <c r="EX2664" s="98"/>
      <c r="EY2664" s="97"/>
      <c r="FL2664" s="126"/>
      <c r="FM2664" s="91"/>
      <c r="FN2664" s="91"/>
      <c r="FO2664" s="91"/>
      <c r="FP2664" s="91"/>
      <c r="FQ2664" s="91"/>
      <c r="FR2664" s="91"/>
      <c r="FS2664" s="91"/>
      <c r="FT2664" s="91"/>
      <c r="FU2664" s="91"/>
      <c r="FV2664" s="91"/>
      <c r="FW2664" s="91"/>
      <c r="FX2664" s="91"/>
      <c r="FY2664" s="91"/>
      <c r="FZ2664" s="91"/>
      <c r="GA2664" s="91"/>
      <c r="GB2664" s="91"/>
      <c r="GC2664" s="91"/>
      <c r="GD2664" s="91"/>
      <c r="GE2664" s="91"/>
      <c r="GF2664" s="91"/>
      <c r="GG2664" s="91"/>
      <c r="GH2664" s="91"/>
      <c r="GI2664" s="91"/>
      <c r="GJ2664" s="91"/>
      <c r="GK2664" s="127"/>
      <c r="GL2664" s="126"/>
      <c r="GM2664" s="91"/>
      <c r="GN2664" s="91"/>
      <c r="GO2664" s="91"/>
      <c r="GP2664" s="91"/>
      <c r="GQ2664" s="91"/>
      <c r="GR2664" s="91"/>
      <c r="GS2664" s="91"/>
      <c r="GT2664" s="91"/>
      <c r="GU2664" s="91"/>
      <c r="GV2664" s="91"/>
      <c r="GW2664" s="91"/>
      <c r="GX2664" s="91"/>
      <c r="GY2664" s="91"/>
      <c r="GZ2664" s="91"/>
      <c r="HA2664" s="91"/>
      <c r="HB2664" s="91"/>
      <c r="HC2664" s="91"/>
      <c r="HD2664" s="91"/>
      <c r="HE2664" s="91"/>
      <c r="HF2664" s="91"/>
      <c r="HG2664" s="91"/>
      <c r="HH2664" s="91"/>
      <c r="HI2664" s="91"/>
      <c r="HJ2664" s="91"/>
      <c r="HK2664" s="127"/>
      <c r="HL2664" s="126"/>
      <c r="HM2664" s="91"/>
      <c r="HN2664" s="91"/>
      <c r="HO2664" s="91"/>
      <c r="HP2664" s="91"/>
      <c r="HQ2664" s="91"/>
      <c r="HR2664" s="91"/>
      <c r="HS2664" s="91"/>
      <c r="HT2664" s="91"/>
      <c r="HU2664" s="91"/>
      <c r="HV2664" s="91"/>
      <c r="HW2664" s="91"/>
      <c r="HX2664" s="91"/>
      <c r="HY2664" s="91"/>
      <c r="HZ2664" s="91"/>
      <c r="IA2664" s="91"/>
      <c r="IB2664" s="91"/>
      <c r="IC2664" s="91"/>
      <c r="ID2664" s="91"/>
      <c r="IE2664" s="91"/>
      <c r="IF2664" s="91"/>
      <c r="IG2664" s="91"/>
      <c r="IH2664" s="91"/>
      <c r="II2664" s="91"/>
      <c r="IJ2664" s="91"/>
      <c r="IK2664" s="127"/>
    </row>
    <row r="2665" spans="2:245" x14ac:dyDescent="0.2">
      <c r="B2665" s="43"/>
      <c r="C2665" s="73"/>
      <c r="D2665" s="64"/>
      <c r="E2665" s="64"/>
      <c r="F2665" s="55"/>
      <c r="G2665" s="102"/>
      <c r="H2665" s="55"/>
      <c r="I2665" s="55"/>
      <c r="J2665" s="55"/>
      <c r="K2665" s="55"/>
      <c r="L2665" s="55"/>
      <c r="M2665" s="55"/>
      <c r="N2665" s="55"/>
      <c r="O2665" s="55"/>
      <c r="P2665" s="55"/>
      <c r="Q2665" s="55"/>
      <c r="R2665" s="55"/>
      <c r="S2665" s="55"/>
      <c r="T2665" s="55"/>
      <c r="U2665" s="55"/>
      <c r="V2665" s="55"/>
      <c r="W2665" s="55"/>
      <c r="X2665" s="55"/>
      <c r="Y2665" s="55"/>
      <c r="Z2665" s="55"/>
      <c r="AA2665" s="55"/>
      <c r="AB2665" s="55"/>
      <c r="AC2665" s="55"/>
      <c r="AD2665" s="55"/>
      <c r="AE2665" s="55"/>
      <c r="AF2665" s="55"/>
      <c r="AG2665" s="55"/>
      <c r="AY2665" s="162"/>
      <c r="AZ2665" s="162"/>
      <c r="BA2665" s="162"/>
      <c r="BB2665" s="162"/>
      <c r="BC2665" s="162"/>
      <c r="BD2665" s="162"/>
      <c r="BE2665" s="162"/>
      <c r="BF2665" s="162"/>
      <c r="BG2665" s="162"/>
      <c r="BH2665" s="162"/>
      <c r="BI2665" s="162"/>
      <c r="BJ2665" s="162"/>
      <c r="BK2665" s="162"/>
      <c r="BL2665" s="162"/>
      <c r="BM2665" s="162"/>
      <c r="BN2665" s="162"/>
      <c r="BO2665" s="162"/>
      <c r="BP2665" s="162"/>
      <c r="BQ2665" s="162"/>
      <c r="BR2665" s="162"/>
      <c r="BS2665" s="162"/>
      <c r="BT2665" s="162"/>
      <c r="BU2665" s="162"/>
      <c r="BV2665" s="162"/>
      <c r="BW2665" s="162"/>
      <c r="BX2665" s="162"/>
      <c r="BY2665" s="162"/>
      <c r="BZ2665" s="162"/>
      <c r="CA2665" s="162"/>
      <c r="CB2665" s="162"/>
      <c r="CC2665" s="162"/>
      <c r="CD2665" s="162"/>
      <c r="CE2665" s="162"/>
      <c r="CF2665" s="162"/>
      <c r="CG2665" s="162"/>
      <c r="CH2665" s="162"/>
      <c r="CI2665" s="162"/>
      <c r="CJ2665" s="162"/>
      <c r="CK2665" s="162"/>
      <c r="CX2665" s="98"/>
      <c r="DL2665" s="97"/>
      <c r="DX2665" s="98"/>
      <c r="EL2665" s="97"/>
      <c r="EX2665" s="98"/>
      <c r="EY2665" s="97"/>
      <c r="FL2665" s="126"/>
      <c r="FM2665" s="91"/>
      <c r="FN2665" s="91"/>
      <c r="FO2665" s="91"/>
      <c r="FP2665" s="91"/>
      <c r="FQ2665" s="91"/>
      <c r="FR2665" s="91"/>
      <c r="FS2665" s="91"/>
      <c r="FT2665" s="91"/>
      <c r="FU2665" s="91"/>
      <c r="FV2665" s="91"/>
      <c r="FW2665" s="91"/>
      <c r="FX2665" s="91"/>
      <c r="FY2665" s="91"/>
      <c r="FZ2665" s="91"/>
      <c r="GA2665" s="91"/>
      <c r="GB2665" s="91"/>
      <c r="GC2665" s="91"/>
      <c r="GD2665" s="91"/>
      <c r="GE2665" s="91"/>
      <c r="GF2665" s="91"/>
      <c r="GG2665" s="91"/>
      <c r="GH2665" s="91"/>
      <c r="GI2665" s="91"/>
      <c r="GJ2665" s="91"/>
      <c r="GK2665" s="127"/>
      <c r="GL2665" s="126"/>
      <c r="GM2665" s="91"/>
      <c r="GN2665" s="91"/>
      <c r="GO2665" s="91"/>
      <c r="GP2665" s="91"/>
      <c r="GQ2665" s="91"/>
      <c r="GR2665" s="91"/>
      <c r="GS2665" s="91"/>
      <c r="GT2665" s="91"/>
      <c r="GU2665" s="91"/>
      <c r="GV2665" s="91"/>
      <c r="GW2665" s="91"/>
      <c r="GX2665" s="91"/>
      <c r="GY2665" s="91"/>
      <c r="GZ2665" s="91"/>
      <c r="HA2665" s="91"/>
      <c r="HB2665" s="91"/>
      <c r="HC2665" s="91"/>
      <c r="HD2665" s="91"/>
      <c r="HE2665" s="91"/>
      <c r="HF2665" s="91"/>
      <c r="HG2665" s="91"/>
      <c r="HH2665" s="91"/>
      <c r="HI2665" s="91"/>
      <c r="HJ2665" s="91"/>
      <c r="HK2665" s="127"/>
      <c r="HL2665" s="126"/>
      <c r="HM2665" s="91"/>
      <c r="HN2665" s="91"/>
      <c r="HO2665" s="91"/>
      <c r="HP2665" s="91"/>
      <c r="HQ2665" s="91"/>
      <c r="HR2665" s="91"/>
      <c r="HS2665" s="91"/>
      <c r="HT2665" s="91"/>
      <c r="HU2665" s="91"/>
      <c r="HV2665" s="91"/>
      <c r="HW2665" s="91"/>
      <c r="HX2665" s="91"/>
      <c r="HY2665" s="91"/>
      <c r="HZ2665" s="91"/>
      <c r="IA2665" s="91"/>
      <c r="IB2665" s="91"/>
      <c r="IC2665" s="91"/>
      <c r="ID2665" s="91"/>
      <c r="IE2665" s="91"/>
      <c r="IF2665" s="91"/>
      <c r="IG2665" s="91"/>
      <c r="IH2665" s="91"/>
      <c r="II2665" s="91"/>
      <c r="IJ2665" s="91"/>
      <c r="IK2665" s="127"/>
    </row>
    <row r="2666" spans="2:245" x14ac:dyDescent="0.2">
      <c r="B2666" s="43"/>
      <c r="C2666" s="73"/>
      <c r="D2666" s="64"/>
      <c r="E2666" s="64"/>
      <c r="F2666" s="55"/>
      <c r="G2666" s="102"/>
      <c r="H2666" s="55"/>
      <c r="I2666" s="55"/>
      <c r="J2666" s="55"/>
      <c r="K2666" s="55"/>
      <c r="L2666" s="55"/>
      <c r="M2666" s="55"/>
      <c r="N2666" s="55"/>
      <c r="O2666" s="55"/>
      <c r="P2666" s="55"/>
      <c r="Q2666" s="55"/>
      <c r="R2666" s="55"/>
      <c r="S2666" s="55"/>
      <c r="T2666" s="55"/>
      <c r="U2666" s="55"/>
      <c r="V2666" s="55"/>
      <c r="W2666" s="55"/>
      <c r="X2666" s="55"/>
      <c r="Y2666" s="55"/>
      <c r="Z2666" s="55"/>
      <c r="AA2666" s="55"/>
      <c r="AB2666" s="55"/>
      <c r="AC2666" s="55"/>
      <c r="AD2666" s="55"/>
      <c r="AE2666" s="55"/>
      <c r="AF2666" s="55"/>
      <c r="AG2666" s="55"/>
      <c r="AY2666" s="162"/>
      <c r="AZ2666" s="162"/>
      <c r="BA2666" s="162"/>
      <c r="BB2666" s="162"/>
      <c r="BC2666" s="162"/>
      <c r="BD2666" s="162"/>
      <c r="BE2666" s="162"/>
      <c r="BF2666" s="162"/>
      <c r="BG2666" s="162"/>
      <c r="BH2666" s="162"/>
      <c r="BI2666" s="162"/>
      <c r="BJ2666" s="162"/>
      <c r="BK2666" s="162"/>
      <c r="BL2666" s="162"/>
      <c r="BM2666" s="162"/>
      <c r="BN2666" s="162"/>
      <c r="BO2666" s="162"/>
      <c r="BP2666" s="162"/>
      <c r="BQ2666" s="162"/>
      <c r="BR2666" s="162"/>
      <c r="BS2666" s="162"/>
      <c r="BT2666" s="162"/>
      <c r="BU2666" s="162"/>
      <c r="BV2666" s="162"/>
      <c r="BW2666" s="162"/>
      <c r="BX2666" s="162"/>
      <c r="BY2666" s="162"/>
      <c r="BZ2666" s="162"/>
      <c r="CA2666" s="162"/>
      <c r="CB2666" s="162"/>
      <c r="CC2666" s="162"/>
      <c r="CD2666" s="162"/>
      <c r="CE2666" s="162"/>
      <c r="CF2666" s="162"/>
      <c r="CG2666" s="162"/>
      <c r="CH2666" s="162"/>
      <c r="CI2666" s="162"/>
      <c r="CJ2666" s="162"/>
      <c r="CK2666" s="162"/>
      <c r="CX2666" s="98"/>
      <c r="DL2666" s="97"/>
      <c r="DX2666" s="98"/>
      <c r="EL2666" s="97"/>
      <c r="EX2666" s="98"/>
      <c r="EY2666" s="97"/>
      <c r="FL2666" s="126"/>
      <c r="FM2666" s="91"/>
      <c r="FN2666" s="91"/>
      <c r="FO2666" s="91"/>
      <c r="FP2666" s="91"/>
      <c r="FQ2666" s="91"/>
      <c r="FR2666" s="91"/>
      <c r="FS2666" s="91"/>
      <c r="FT2666" s="91"/>
      <c r="FU2666" s="91"/>
      <c r="FV2666" s="91"/>
      <c r="FW2666" s="91"/>
      <c r="FX2666" s="91"/>
      <c r="FY2666" s="91"/>
      <c r="FZ2666" s="91"/>
      <c r="GA2666" s="91"/>
      <c r="GB2666" s="91"/>
      <c r="GC2666" s="91"/>
      <c r="GD2666" s="91"/>
      <c r="GE2666" s="91"/>
      <c r="GF2666" s="91"/>
      <c r="GG2666" s="91"/>
      <c r="GH2666" s="91"/>
      <c r="GI2666" s="91"/>
      <c r="GJ2666" s="91"/>
      <c r="GK2666" s="127"/>
      <c r="GL2666" s="126"/>
      <c r="GM2666" s="91"/>
      <c r="GN2666" s="91"/>
      <c r="GO2666" s="91"/>
      <c r="GP2666" s="91"/>
      <c r="GQ2666" s="91"/>
      <c r="GR2666" s="91"/>
      <c r="GS2666" s="91"/>
      <c r="GT2666" s="91"/>
      <c r="GU2666" s="91"/>
      <c r="GV2666" s="91"/>
      <c r="GW2666" s="91"/>
      <c r="GX2666" s="91"/>
      <c r="GY2666" s="91"/>
      <c r="GZ2666" s="91"/>
      <c r="HA2666" s="91"/>
      <c r="HB2666" s="91"/>
      <c r="HC2666" s="91"/>
      <c r="HD2666" s="91"/>
      <c r="HE2666" s="91"/>
      <c r="HF2666" s="91"/>
      <c r="HG2666" s="91"/>
      <c r="HH2666" s="91"/>
      <c r="HI2666" s="91"/>
      <c r="HJ2666" s="91"/>
      <c r="HK2666" s="127"/>
      <c r="HL2666" s="126"/>
      <c r="HM2666" s="91"/>
      <c r="HN2666" s="91"/>
      <c r="HO2666" s="91"/>
      <c r="HP2666" s="91"/>
      <c r="HQ2666" s="91"/>
      <c r="HR2666" s="91"/>
      <c r="HS2666" s="91"/>
      <c r="HT2666" s="91"/>
      <c r="HU2666" s="91"/>
      <c r="HV2666" s="91"/>
      <c r="HW2666" s="91"/>
      <c r="HX2666" s="91"/>
      <c r="HY2666" s="91"/>
      <c r="HZ2666" s="91"/>
      <c r="IA2666" s="91"/>
      <c r="IB2666" s="91"/>
      <c r="IC2666" s="91"/>
      <c r="ID2666" s="91"/>
      <c r="IE2666" s="91"/>
      <c r="IF2666" s="91"/>
      <c r="IG2666" s="91"/>
      <c r="IH2666" s="91"/>
      <c r="II2666" s="91"/>
      <c r="IJ2666" s="91"/>
      <c r="IK2666" s="127"/>
    </row>
    <row r="2667" spans="2:245" x14ac:dyDescent="0.2">
      <c r="B2667" s="43"/>
      <c r="C2667" s="73"/>
      <c r="D2667" s="64"/>
      <c r="E2667" s="64"/>
      <c r="F2667" s="55"/>
      <c r="G2667" s="102"/>
      <c r="H2667" s="55"/>
      <c r="I2667" s="55"/>
      <c r="J2667" s="55"/>
      <c r="K2667" s="55"/>
      <c r="L2667" s="55"/>
      <c r="M2667" s="55"/>
      <c r="N2667" s="55"/>
      <c r="O2667" s="55"/>
      <c r="P2667" s="55"/>
      <c r="Q2667" s="55"/>
      <c r="R2667" s="55"/>
      <c r="S2667" s="55"/>
      <c r="T2667" s="55"/>
      <c r="U2667" s="55"/>
      <c r="V2667" s="55"/>
      <c r="W2667" s="55"/>
      <c r="X2667" s="55"/>
      <c r="Y2667" s="55"/>
      <c r="Z2667" s="55"/>
      <c r="AA2667" s="55"/>
      <c r="AB2667" s="55"/>
      <c r="AC2667" s="55"/>
      <c r="AD2667" s="55"/>
      <c r="AE2667" s="55"/>
      <c r="AF2667" s="55"/>
      <c r="AG2667" s="55"/>
      <c r="AY2667" s="162"/>
      <c r="AZ2667" s="162"/>
      <c r="BA2667" s="162"/>
      <c r="BB2667" s="162"/>
      <c r="BC2667" s="162"/>
      <c r="BD2667" s="162"/>
      <c r="BE2667" s="162"/>
      <c r="BF2667" s="162"/>
      <c r="BG2667" s="162"/>
      <c r="BH2667" s="162"/>
      <c r="BI2667" s="162"/>
      <c r="BJ2667" s="162"/>
      <c r="BK2667" s="162"/>
      <c r="BL2667" s="162"/>
      <c r="BM2667" s="162"/>
      <c r="BN2667" s="162"/>
      <c r="BO2667" s="162"/>
      <c r="BP2667" s="162"/>
      <c r="BQ2667" s="162"/>
      <c r="BR2667" s="162"/>
      <c r="BS2667" s="162"/>
      <c r="BT2667" s="162"/>
      <c r="BU2667" s="162"/>
      <c r="BV2667" s="162"/>
      <c r="BW2667" s="162"/>
      <c r="BX2667" s="162"/>
      <c r="BY2667" s="162"/>
      <c r="BZ2667" s="162"/>
      <c r="CA2667" s="162"/>
      <c r="CB2667" s="162"/>
      <c r="CC2667" s="162"/>
      <c r="CD2667" s="162"/>
      <c r="CE2667" s="162"/>
      <c r="CF2667" s="162"/>
      <c r="CG2667" s="162"/>
      <c r="CH2667" s="162"/>
      <c r="CI2667" s="162"/>
      <c r="CJ2667" s="162"/>
      <c r="CK2667" s="162"/>
      <c r="CX2667" s="98"/>
      <c r="DL2667" s="97"/>
      <c r="DX2667" s="98"/>
      <c r="EL2667" s="97"/>
      <c r="EX2667" s="98"/>
      <c r="EY2667" s="97"/>
      <c r="FL2667" s="126"/>
      <c r="FM2667" s="91"/>
      <c r="FN2667" s="91"/>
      <c r="FO2667" s="91"/>
      <c r="FP2667" s="91"/>
      <c r="FQ2667" s="91"/>
      <c r="FR2667" s="91"/>
      <c r="FS2667" s="91"/>
      <c r="FT2667" s="91"/>
      <c r="FU2667" s="91"/>
      <c r="FV2667" s="91"/>
      <c r="FW2667" s="91"/>
      <c r="FX2667" s="91"/>
      <c r="FY2667" s="91"/>
      <c r="FZ2667" s="91"/>
      <c r="GA2667" s="91"/>
      <c r="GB2667" s="91"/>
      <c r="GC2667" s="91"/>
      <c r="GD2667" s="91"/>
      <c r="GE2667" s="91"/>
      <c r="GF2667" s="91"/>
      <c r="GG2667" s="91"/>
      <c r="GH2667" s="91"/>
      <c r="GI2667" s="91"/>
      <c r="GJ2667" s="91"/>
      <c r="GK2667" s="127"/>
      <c r="GL2667" s="126"/>
      <c r="GM2667" s="91"/>
      <c r="GN2667" s="91"/>
      <c r="GO2667" s="91"/>
      <c r="GP2667" s="91"/>
      <c r="GQ2667" s="91"/>
      <c r="GR2667" s="91"/>
      <c r="GS2667" s="91"/>
      <c r="GT2667" s="91"/>
      <c r="GU2667" s="91"/>
      <c r="GV2667" s="91"/>
      <c r="GW2667" s="91"/>
      <c r="GX2667" s="91"/>
      <c r="GY2667" s="91"/>
      <c r="GZ2667" s="91"/>
      <c r="HA2667" s="91"/>
      <c r="HB2667" s="91"/>
      <c r="HC2667" s="91"/>
      <c r="HD2667" s="91"/>
      <c r="HE2667" s="91"/>
      <c r="HF2667" s="91"/>
      <c r="HG2667" s="91"/>
      <c r="HH2667" s="91"/>
      <c r="HI2667" s="91"/>
      <c r="HJ2667" s="91"/>
      <c r="HK2667" s="127"/>
      <c r="HL2667" s="126"/>
      <c r="HM2667" s="91"/>
      <c r="HN2667" s="91"/>
      <c r="HO2667" s="91"/>
      <c r="HP2667" s="91"/>
      <c r="HQ2667" s="91"/>
      <c r="HR2667" s="91"/>
      <c r="HS2667" s="91"/>
      <c r="HT2667" s="91"/>
      <c r="HU2667" s="91"/>
      <c r="HV2667" s="91"/>
      <c r="HW2667" s="91"/>
      <c r="HX2667" s="91"/>
      <c r="HY2667" s="91"/>
      <c r="HZ2667" s="91"/>
      <c r="IA2667" s="91"/>
      <c r="IB2667" s="91"/>
      <c r="IC2667" s="91"/>
      <c r="ID2667" s="91"/>
      <c r="IE2667" s="91"/>
      <c r="IF2667" s="91"/>
      <c r="IG2667" s="91"/>
      <c r="IH2667" s="91"/>
      <c r="II2667" s="91"/>
      <c r="IJ2667" s="91"/>
      <c r="IK2667" s="127"/>
    </row>
    <row r="2668" spans="2:245" x14ac:dyDescent="0.2">
      <c r="B2668" s="43"/>
      <c r="C2668" s="73"/>
      <c r="D2668" s="64"/>
      <c r="E2668" s="64"/>
      <c r="F2668" s="55"/>
      <c r="G2668" s="102"/>
      <c r="H2668" s="55"/>
      <c r="I2668" s="55"/>
      <c r="J2668" s="55"/>
      <c r="K2668" s="55"/>
      <c r="L2668" s="55"/>
      <c r="M2668" s="55"/>
      <c r="N2668" s="55"/>
      <c r="O2668" s="55"/>
      <c r="P2668" s="55"/>
      <c r="Q2668" s="55"/>
      <c r="R2668" s="55"/>
      <c r="S2668" s="55"/>
      <c r="T2668" s="55"/>
      <c r="U2668" s="55"/>
      <c r="V2668" s="55"/>
      <c r="W2668" s="55"/>
      <c r="X2668" s="55"/>
      <c r="Y2668" s="55"/>
      <c r="Z2668" s="55"/>
      <c r="AA2668" s="55"/>
      <c r="AB2668" s="55"/>
      <c r="AC2668" s="55"/>
      <c r="AD2668" s="55"/>
      <c r="AE2668" s="55"/>
      <c r="AF2668" s="55"/>
      <c r="AG2668" s="55"/>
      <c r="AY2668" s="162"/>
      <c r="AZ2668" s="162"/>
      <c r="BA2668" s="162"/>
      <c r="BB2668" s="162"/>
      <c r="BC2668" s="162"/>
      <c r="BD2668" s="162"/>
      <c r="BE2668" s="162"/>
      <c r="BF2668" s="162"/>
      <c r="BG2668" s="162"/>
      <c r="BH2668" s="162"/>
      <c r="BI2668" s="162"/>
      <c r="BJ2668" s="162"/>
      <c r="BK2668" s="162"/>
      <c r="BL2668" s="162"/>
      <c r="BM2668" s="162"/>
      <c r="BN2668" s="162"/>
      <c r="BO2668" s="162"/>
      <c r="BP2668" s="162"/>
      <c r="BQ2668" s="162"/>
      <c r="BR2668" s="162"/>
      <c r="BS2668" s="162"/>
      <c r="BT2668" s="162"/>
      <c r="BU2668" s="162"/>
      <c r="BV2668" s="162"/>
      <c r="BW2668" s="162"/>
      <c r="BX2668" s="162"/>
      <c r="BY2668" s="162"/>
      <c r="BZ2668" s="162"/>
      <c r="CA2668" s="162"/>
      <c r="CB2668" s="162"/>
      <c r="CC2668" s="162"/>
      <c r="CD2668" s="162"/>
      <c r="CE2668" s="162"/>
      <c r="CF2668" s="162"/>
      <c r="CG2668" s="162"/>
      <c r="CH2668" s="162"/>
      <c r="CI2668" s="162"/>
      <c r="CJ2668" s="162"/>
      <c r="CK2668" s="162"/>
      <c r="CX2668" s="98"/>
      <c r="DL2668" s="97"/>
      <c r="DX2668" s="98"/>
      <c r="EL2668" s="97"/>
      <c r="EX2668" s="98"/>
      <c r="EY2668" s="97"/>
      <c r="FL2668" s="126"/>
      <c r="FM2668" s="91"/>
      <c r="FN2668" s="91"/>
      <c r="FO2668" s="91"/>
      <c r="FP2668" s="91"/>
      <c r="FQ2668" s="91"/>
      <c r="FR2668" s="91"/>
      <c r="FS2668" s="91"/>
      <c r="FT2668" s="91"/>
      <c r="FU2668" s="91"/>
      <c r="FV2668" s="91"/>
      <c r="FW2668" s="91"/>
      <c r="FX2668" s="91"/>
      <c r="FY2668" s="91"/>
      <c r="FZ2668" s="91"/>
      <c r="GA2668" s="91"/>
      <c r="GB2668" s="91"/>
      <c r="GC2668" s="91"/>
      <c r="GD2668" s="91"/>
      <c r="GE2668" s="91"/>
      <c r="GF2668" s="91"/>
      <c r="GG2668" s="91"/>
      <c r="GH2668" s="91"/>
      <c r="GI2668" s="91"/>
      <c r="GJ2668" s="91"/>
      <c r="GK2668" s="127"/>
      <c r="GL2668" s="126"/>
      <c r="GM2668" s="91"/>
      <c r="GN2668" s="91"/>
      <c r="GO2668" s="91"/>
      <c r="GP2668" s="91"/>
      <c r="GQ2668" s="91"/>
      <c r="GR2668" s="91"/>
      <c r="GS2668" s="91"/>
      <c r="GT2668" s="91"/>
      <c r="GU2668" s="91"/>
      <c r="GV2668" s="91"/>
      <c r="GW2668" s="91"/>
      <c r="GX2668" s="91"/>
      <c r="GY2668" s="91"/>
      <c r="GZ2668" s="91"/>
      <c r="HA2668" s="91"/>
      <c r="HB2668" s="91"/>
      <c r="HC2668" s="91"/>
      <c r="HD2668" s="91"/>
      <c r="HE2668" s="91"/>
      <c r="HF2668" s="91"/>
      <c r="HG2668" s="91"/>
      <c r="HH2668" s="91"/>
      <c r="HI2668" s="91"/>
      <c r="HJ2668" s="91"/>
      <c r="HK2668" s="127"/>
      <c r="HL2668" s="126"/>
      <c r="HM2668" s="91"/>
      <c r="HN2668" s="91"/>
      <c r="HO2668" s="91"/>
      <c r="HP2668" s="91"/>
      <c r="HQ2668" s="91"/>
      <c r="HR2668" s="91"/>
      <c r="HS2668" s="91"/>
      <c r="HT2668" s="91"/>
      <c r="HU2668" s="91"/>
      <c r="HV2668" s="91"/>
      <c r="HW2668" s="91"/>
      <c r="HX2668" s="91"/>
      <c r="HY2668" s="91"/>
      <c r="HZ2668" s="91"/>
      <c r="IA2668" s="91"/>
      <c r="IB2668" s="91"/>
      <c r="IC2668" s="91"/>
      <c r="ID2668" s="91"/>
      <c r="IE2668" s="91"/>
      <c r="IF2668" s="91"/>
      <c r="IG2668" s="91"/>
      <c r="IH2668" s="91"/>
      <c r="II2668" s="91"/>
      <c r="IJ2668" s="91"/>
      <c r="IK2668" s="127"/>
    </row>
    <row r="2669" spans="2:245" x14ac:dyDescent="0.2">
      <c r="B2669" s="43"/>
      <c r="C2669" s="73"/>
      <c r="D2669" s="64"/>
      <c r="E2669" s="64"/>
      <c r="F2669" s="55"/>
      <c r="G2669" s="102"/>
      <c r="H2669" s="55"/>
      <c r="I2669" s="55"/>
      <c r="J2669" s="55"/>
      <c r="K2669" s="55"/>
      <c r="L2669" s="55"/>
      <c r="M2669" s="55"/>
      <c r="N2669" s="55"/>
      <c r="O2669" s="55"/>
      <c r="P2669" s="55"/>
      <c r="Q2669" s="55"/>
      <c r="R2669" s="55"/>
      <c r="S2669" s="55"/>
      <c r="T2669" s="55"/>
      <c r="U2669" s="55"/>
      <c r="V2669" s="55"/>
      <c r="W2669" s="55"/>
      <c r="X2669" s="55"/>
      <c r="Y2669" s="55"/>
      <c r="Z2669" s="55"/>
      <c r="AA2669" s="55"/>
      <c r="AB2669" s="55"/>
      <c r="AC2669" s="55"/>
      <c r="AD2669" s="55"/>
      <c r="AE2669" s="55"/>
      <c r="AF2669" s="55"/>
      <c r="AG2669" s="55"/>
      <c r="AY2669" s="162"/>
      <c r="AZ2669" s="162"/>
      <c r="BA2669" s="162"/>
      <c r="BB2669" s="162"/>
      <c r="BC2669" s="162"/>
      <c r="BD2669" s="162"/>
      <c r="BE2669" s="162"/>
      <c r="BF2669" s="162"/>
      <c r="BG2669" s="162"/>
      <c r="BH2669" s="162"/>
      <c r="BI2669" s="162"/>
      <c r="BJ2669" s="162"/>
      <c r="BK2669" s="162"/>
      <c r="BL2669" s="162"/>
      <c r="BM2669" s="162"/>
      <c r="BN2669" s="162"/>
      <c r="BO2669" s="162"/>
      <c r="BP2669" s="162"/>
      <c r="BQ2669" s="162"/>
      <c r="BR2669" s="162"/>
      <c r="BS2669" s="162"/>
      <c r="BT2669" s="162"/>
      <c r="BU2669" s="162"/>
      <c r="BV2669" s="162"/>
      <c r="BW2669" s="162"/>
      <c r="BX2669" s="162"/>
      <c r="BY2669" s="162"/>
      <c r="BZ2669" s="162"/>
      <c r="CA2669" s="162"/>
      <c r="CB2669" s="162"/>
      <c r="CC2669" s="162"/>
      <c r="CD2669" s="162"/>
      <c r="CE2669" s="162"/>
      <c r="CF2669" s="162"/>
      <c r="CG2669" s="162"/>
      <c r="CH2669" s="162"/>
      <c r="CI2669" s="162"/>
      <c r="CJ2669" s="162"/>
      <c r="CK2669" s="162"/>
      <c r="CX2669" s="98"/>
      <c r="DL2669" s="97"/>
      <c r="DX2669" s="98"/>
      <c r="EL2669" s="97"/>
      <c r="EX2669" s="98"/>
      <c r="EY2669" s="97"/>
      <c r="FL2669" s="126"/>
      <c r="FM2669" s="91"/>
      <c r="FN2669" s="91"/>
      <c r="FO2669" s="91"/>
      <c r="FP2669" s="91"/>
      <c r="FQ2669" s="91"/>
      <c r="FR2669" s="91"/>
      <c r="FS2669" s="91"/>
      <c r="FT2669" s="91"/>
      <c r="FU2669" s="91"/>
      <c r="FV2669" s="91"/>
      <c r="FW2669" s="91"/>
      <c r="FX2669" s="91"/>
      <c r="FY2669" s="91"/>
      <c r="FZ2669" s="91"/>
      <c r="GA2669" s="91"/>
      <c r="GB2669" s="91"/>
      <c r="GC2669" s="91"/>
      <c r="GD2669" s="91"/>
      <c r="GE2669" s="91"/>
      <c r="GF2669" s="91"/>
      <c r="GG2669" s="91"/>
      <c r="GH2669" s="91"/>
      <c r="GI2669" s="91"/>
      <c r="GJ2669" s="91"/>
      <c r="GK2669" s="127"/>
      <c r="GL2669" s="126"/>
      <c r="GM2669" s="91"/>
      <c r="GN2669" s="91"/>
      <c r="GO2669" s="91"/>
      <c r="GP2669" s="91"/>
      <c r="GQ2669" s="91"/>
      <c r="GR2669" s="91"/>
      <c r="GS2669" s="91"/>
      <c r="GT2669" s="91"/>
      <c r="GU2669" s="91"/>
      <c r="GV2669" s="91"/>
      <c r="GW2669" s="91"/>
      <c r="GX2669" s="91"/>
      <c r="GY2669" s="91"/>
      <c r="GZ2669" s="91"/>
      <c r="HA2669" s="91"/>
      <c r="HB2669" s="91"/>
      <c r="HC2669" s="91"/>
      <c r="HD2669" s="91"/>
      <c r="HE2669" s="91"/>
      <c r="HF2669" s="91"/>
      <c r="HG2669" s="91"/>
      <c r="HH2669" s="91"/>
      <c r="HI2669" s="91"/>
      <c r="HJ2669" s="91"/>
      <c r="HK2669" s="127"/>
      <c r="HL2669" s="126"/>
      <c r="HM2669" s="91"/>
      <c r="HN2669" s="91"/>
      <c r="HO2669" s="91"/>
      <c r="HP2669" s="91"/>
      <c r="HQ2669" s="91"/>
      <c r="HR2669" s="91"/>
      <c r="HS2669" s="91"/>
      <c r="HT2669" s="91"/>
      <c r="HU2669" s="91"/>
      <c r="HV2669" s="91"/>
      <c r="HW2669" s="91"/>
      <c r="HX2669" s="91"/>
      <c r="HY2669" s="91"/>
      <c r="HZ2669" s="91"/>
      <c r="IA2669" s="91"/>
      <c r="IB2669" s="91"/>
      <c r="IC2669" s="91"/>
      <c r="ID2669" s="91"/>
      <c r="IE2669" s="91"/>
      <c r="IF2669" s="91"/>
      <c r="IG2669" s="91"/>
      <c r="IH2669" s="91"/>
      <c r="II2669" s="91"/>
      <c r="IJ2669" s="91"/>
      <c r="IK2669" s="127"/>
    </row>
    <row r="2670" spans="2:245" x14ac:dyDescent="0.2">
      <c r="B2670" s="43"/>
      <c r="C2670" s="73"/>
      <c r="D2670" s="64"/>
      <c r="E2670" s="64"/>
      <c r="F2670" s="55"/>
      <c r="G2670" s="102"/>
      <c r="H2670" s="55"/>
      <c r="I2670" s="55"/>
      <c r="J2670" s="55"/>
      <c r="K2670" s="55"/>
      <c r="L2670" s="55"/>
      <c r="M2670" s="55"/>
      <c r="N2670" s="55"/>
      <c r="O2670" s="55"/>
      <c r="P2670" s="55"/>
      <c r="Q2670" s="55"/>
      <c r="R2670" s="55"/>
      <c r="S2670" s="55"/>
      <c r="T2670" s="55"/>
      <c r="U2670" s="55"/>
      <c r="V2670" s="55"/>
      <c r="W2670" s="55"/>
      <c r="X2670" s="55"/>
      <c r="Y2670" s="55"/>
      <c r="Z2670" s="55"/>
      <c r="AA2670" s="55"/>
      <c r="AB2670" s="55"/>
      <c r="AC2670" s="55"/>
      <c r="AD2670" s="55"/>
      <c r="AE2670" s="55"/>
      <c r="AF2670" s="55"/>
      <c r="AG2670" s="55"/>
      <c r="AY2670" s="162"/>
      <c r="AZ2670" s="162"/>
      <c r="BA2670" s="162"/>
      <c r="BB2670" s="162"/>
      <c r="BC2670" s="162"/>
      <c r="BD2670" s="162"/>
      <c r="BE2670" s="162"/>
      <c r="BF2670" s="162"/>
      <c r="BG2670" s="162"/>
      <c r="BH2670" s="162"/>
      <c r="BI2670" s="162"/>
      <c r="BJ2670" s="162"/>
      <c r="BK2670" s="162"/>
      <c r="BL2670" s="162"/>
      <c r="BM2670" s="162"/>
      <c r="BN2670" s="162"/>
      <c r="BO2670" s="162"/>
      <c r="BP2670" s="162"/>
      <c r="BQ2670" s="162"/>
      <c r="BR2670" s="162"/>
      <c r="BS2670" s="162"/>
      <c r="BT2670" s="162"/>
      <c r="BU2670" s="162"/>
      <c r="BV2670" s="162"/>
      <c r="BW2670" s="162"/>
      <c r="BX2670" s="162"/>
      <c r="BY2670" s="162"/>
      <c r="BZ2670" s="162"/>
      <c r="CA2670" s="162"/>
      <c r="CB2670" s="162"/>
      <c r="CC2670" s="162"/>
      <c r="CD2670" s="162"/>
      <c r="CE2670" s="162"/>
      <c r="CF2670" s="162"/>
      <c r="CG2670" s="162"/>
      <c r="CH2670" s="162"/>
      <c r="CI2670" s="162"/>
      <c r="CJ2670" s="162"/>
      <c r="CK2670" s="162"/>
      <c r="CX2670" s="98"/>
      <c r="DL2670" s="97"/>
      <c r="DX2670" s="98"/>
      <c r="EL2670" s="97"/>
      <c r="EX2670" s="98"/>
      <c r="EY2670" s="97"/>
      <c r="FL2670" s="126"/>
      <c r="FM2670" s="91"/>
      <c r="FN2670" s="91"/>
      <c r="FO2670" s="91"/>
      <c r="FP2670" s="91"/>
      <c r="FQ2670" s="91"/>
      <c r="FR2670" s="91"/>
      <c r="FS2670" s="91"/>
      <c r="FT2670" s="91"/>
      <c r="FU2670" s="91"/>
      <c r="FV2670" s="91"/>
      <c r="FW2670" s="91"/>
      <c r="FX2670" s="91"/>
      <c r="FY2670" s="91"/>
      <c r="FZ2670" s="91"/>
      <c r="GA2670" s="91"/>
      <c r="GB2670" s="91"/>
      <c r="GC2670" s="91"/>
      <c r="GD2670" s="91"/>
      <c r="GE2670" s="91"/>
      <c r="GF2670" s="91"/>
      <c r="GG2670" s="91"/>
      <c r="GH2670" s="91"/>
      <c r="GI2670" s="91"/>
      <c r="GJ2670" s="91"/>
      <c r="GK2670" s="127"/>
      <c r="GL2670" s="126"/>
      <c r="GM2670" s="91"/>
      <c r="GN2670" s="91"/>
      <c r="GO2670" s="91"/>
      <c r="GP2670" s="91"/>
      <c r="GQ2670" s="91"/>
      <c r="GR2670" s="91"/>
      <c r="GS2670" s="91"/>
      <c r="GT2670" s="91"/>
      <c r="GU2670" s="91"/>
      <c r="GV2670" s="91"/>
      <c r="GW2670" s="91"/>
      <c r="GX2670" s="91"/>
      <c r="GY2670" s="91"/>
      <c r="GZ2670" s="91"/>
      <c r="HA2670" s="91"/>
      <c r="HB2670" s="91"/>
      <c r="HC2670" s="91"/>
      <c r="HD2670" s="91"/>
      <c r="HE2670" s="91"/>
      <c r="HF2670" s="91"/>
      <c r="HG2670" s="91"/>
      <c r="HH2670" s="91"/>
      <c r="HI2670" s="91"/>
      <c r="HJ2670" s="91"/>
      <c r="HK2670" s="127"/>
      <c r="HL2670" s="126"/>
      <c r="HM2670" s="91"/>
      <c r="HN2670" s="91"/>
      <c r="HO2670" s="91"/>
      <c r="HP2670" s="91"/>
      <c r="HQ2670" s="91"/>
      <c r="HR2670" s="91"/>
      <c r="HS2670" s="91"/>
      <c r="HT2670" s="91"/>
      <c r="HU2670" s="91"/>
      <c r="HV2670" s="91"/>
      <c r="HW2670" s="91"/>
      <c r="HX2670" s="91"/>
      <c r="HY2670" s="91"/>
      <c r="HZ2670" s="91"/>
      <c r="IA2670" s="91"/>
      <c r="IB2670" s="91"/>
      <c r="IC2670" s="91"/>
      <c r="ID2670" s="91"/>
      <c r="IE2670" s="91"/>
      <c r="IF2670" s="91"/>
      <c r="IG2670" s="91"/>
      <c r="IH2670" s="91"/>
      <c r="II2670" s="91"/>
      <c r="IJ2670" s="91"/>
      <c r="IK2670" s="127"/>
    </row>
    <row r="2671" spans="2:245" x14ac:dyDescent="0.2">
      <c r="B2671" s="43"/>
      <c r="C2671" s="73"/>
      <c r="D2671" s="64"/>
      <c r="E2671" s="64"/>
      <c r="F2671" s="55"/>
      <c r="G2671" s="102"/>
      <c r="H2671" s="55"/>
      <c r="I2671" s="55"/>
      <c r="J2671" s="55"/>
      <c r="K2671" s="55"/>
      <c r="L2671" s="55"/>
      <c r="M2671" s="55"/>
      <c r="N2671" s="55"/>
      <c r="O2671" s="55"/>
      <c r="P2671" s="55"/>
      <c r="Q2671" s="55"/>
      <c r="R2671" s="55"/>
      <c r="S2671" s="55"/>
      <c r="T2671" s="55"/>
      <c r="U2671" s="55"/>
      <c r="V2671" s="55"/>
      <c r="W2671" s="55"/>
      <c r="X2671" s="55"/>
      <c r="Y2671" s="55"/>
      <c r="Z2671" s="55"/>
      <c r="AA2671" s="55"/>
      <c r="AB2671" s="55"/>
      <c r="AC2671" s="55"/>
      <c r="AD2671" s="55"/>
      <c r="AE2671" s="55"/>
      <c r="AF2671" s="55"/>
      <c r="AG2671" s="55"/>
      <c r="AY2671" s="162"/>
      <c r="AZ2671" s="162"/>
      <c r="BA2671" s="162"/>
      <c r="BB2671" s="162"/>
      <c r="BC2671" s="162"/>
      <c r="BD2671" s="162"/>
      <c r="BE2671" s="162"/>
      <c r="BF2671" s="162"/>
      <c r="BG2671" s="162"/>
      <c r="BH2671" s="162"/>
      <c r="BI2671" s="162"/>
      <c r="BJ2671" s="162"/>
      <c r="BK2671" s="162"/>
      <c r="BL2671" s="162"/>
      <c r="BM2671" s="162"/>
      <c r="BN2671" s="162"/>
      <c r="BO2671" s="162"/>
      <c r="BP2671" s="162"/>
      <c r="BQ2671" s="162"/>
      <c r="BR2671" s="162"/>
      <c r="BS2671" s="162"/>
      <c r="BT2671" s="162"/>
      <c r="BU2671" s="162"/>
      <c r="BV2671" s="162"/>
      <c r="BW2671" s="162"/>
      <c r="BX2671" s="162"/>
      <c r="BY2671" s="162"/>
      <c r="BZ2671" s="162"/>
      <c r="CA2671" s="162"/>
      <c r="CB2671" s="162"/>
      <c r="CC2671" s="162"/>
      <c r="CD2671" s="162"/>
      <c r="CE2671" s="162"/>
      <c r="CF2671" s="162"/>
      <c r="CG2671" s="162"/>
      <c r="CH2671" s="162"/>
      <c r="CI2671" s="162"/>
      <c r="CJ2671" s="162"/>
      <c r="CK2671" s="162"/>
      <c r="CX2671" s="98"/>
      <c r="DL2671" s="97"/>
      <c r="DX2671" s="98"/>
      <c r="EL2671" s="97"/>
      <c r="EX2671" s="98"/>
      <c r="EY2671" s="97"/>
      <c r="FL2671" s="126"/>
      <c r="FM2671" s="91"/>
      <c r="FN2671" s="91"/>
      <c r="FO2671" s="91"/>
      <c r="FP2671" s="91"/>
      <c r="FQ2671" s="91"/>
      <c r="FR2671" s="91"/>
      <c r="FS2671" s="91"/>
      <c r="FT2671" s="91"/>
      <c r="FU2671" s="91"/>
      <c r="FV2671" s="91"/>
      <c r="FW2671" s="91"/>
      <c r="FX2671" s="91"/>
      <c r="FY2671" s="91"/>
      <c r="FZ2671" s="91"/>
      <c r="GA2671" s="91"/>
      <c r="GB2671" s="91"/>
      <c r="GC2671" s="91"/>
      <c r="GD2671" s="91"/>
      <c r="GE2671" s="91"/>
      <c r="GF2671" s="91"/>
      <c r="GG2671" s="91"/>
      <c r="GH2671" s="91"/>
      <c r="GI2671" s="91"/>
      <c r="GJ2671" s="91"/>
      <c r="GK2671" s="127"/>
      <c r="GL2671" s="126"/>
      <c r="GM2671" s="91"/>
      <c r="GN2671" s="91"/>
      <c r="GO2671" s="91"/>
      <c r="GP2671" s="91"/>
      <c r="GQ2671" s="91"/>
      <c r="GR2671" s="91"/>
      <c r="GS2671" s="91"/>
      <c r="GT2671" s="91"/>
      <c r="GU2671" s="91"/>
      <c r="GV2671" s="91"/>
      <c r="GW2671" s="91"/>
      <c r="GX2671" s="91"/>
      <c r="GY2671" s="91"/>
      <c r="GZ2671" s="91"/>
      <c r="HA2671" s="91"/>
      <c r="HB2671" s="91"/>
      <c r="HC2671" s="91"/>
      <c r="HD2671" s="91"/>
      <c r="HE2671" s="91"/>
      <c r="HF2671" s="91"/>
      <c r="HG2671" s="91"/>
      <c r="HH2671" s="91"/>
      <c r="HI2671" s="91"/>
      <c r="HJ2671" s="91"/>
      <c r="HK2671" s="127"/>
      <c r="HL2671" s="126"/>
      <c r="HM2671" s="91"/>
      <c r="HN2671" s="91"/>
      <c r="HO2671" s="91"/>
      <c r="HP2671" s="91"/>
      <c r="HQ2671" s="91"/>
      <c r="HR2671" s="91"/>
      <c r="HS2671" s="91"/>
      <c r="HT2671" s="91"/>
      <c r="HU2671" s="91"/>
      <c r="HV2671" s="91"/>
      <c r="HW2671" s="91"/>
      <c r="HX2671" s="91"/>
      <c r="HY2671" s="91"/>
      <c r="HZ2671" s="91"/>
      <c r="IA2671" s="91"/>
      <c r="IB2671" s="91"/>
      <c r="IC2671" s="91"/>
      <c r="ID2671" s="91"/>
      <c r="IE2671" s="91"/>
      <c r="IF2671" s="91"/>
      <c r="IG2671" s="91"/>
      <c r="IH2671" s="91"/>
      <c r="II2671" s="91"/>
      <c r="IJ2671" s="91"/>
      <c r="IK2671" s="127"/>
    </row>
    <row r="2672" spans="2:245" x14ac:dyDescent="0.2">
      <c r="B2672" s="43"/>
      <c r="C2672" s="73"/>
      <c r="D2672" s="64"/>
      <c r="E2672" s="64"/>
      <c r="F2672" s="55"/>
      <c r="G2672" s="102"/>
      <c r="H2672" s="55"/>
      <c r="I2672" s="55"/>
      <c r="J2672" s="55"/>
      <c r="K2672" s="55"/>
      <c r="L2672" s="55"/>
      <c r="M2672" s="55"/>
      <c r="N2672" s="55"/>
      <c r="O2672" s="55"/>
      <c r="P2672" s="55"/>
      <c r="Q2672" s="55"/>
      <c r="R2672" s="55"/>
      <c r="S2672" s="55"/>
      <c r="T2672" s="55"/>
      <c r="U2672" s="55"/>
      <c r="V2672" s="55"/>
      <c r="W2672" s="55"/>
      <c r="X2672" s="55"/>
      <c r="Y2672" s="55"/>
      <c r="Z2672" s="55"/>
      <c r="AA2672" s="55"/>
      <c r="AB2672" s="55"/>
      <c r="AC2672" s="55"/>
      <c r="AD2672" s="55"/>
      <c r="AE2672" s="55"/>
      <c r="AF2672" s="55"/>
      <c r="AG2672" s="55"/>
      <c r="AY2672" s="162"/>
      <c r="AZ2672" s="162"/>
      <c r="BA2672" s="162"/>
      <c r="BB2672" s="162"/>
      <c r="BC2672" s="162"/>
      <c r="BD2672" s="162"/>
      <c r="BE2672" s="162"/>
      <c r="BF2672" s="162"/>
      <c r="BG2672" s="162"/>
      <c r="BH2672" s="162"/>
      <c r="BI2672" s="162"/>
      <c r="BJ2672" s="162"/>
      <c r="BK2672" s="162"/>
      <c r="BL2672" s="162"/>
      <c r="BM2672" s="162"/>
      <c r="BN2672" s="162"/>
      <c r="BO2672" s="162"/>
      <c r="BP2672" s="162"/>
      <c r="BQ2672" s="162"/>
      <c r="BR2672" s="162"/>
      <c r="BS2672" s="162"/>
      <c r="BT2672" s="162"/>
      <c r="BU2672" s="162"/>
      <c r="BV2672" s="162"/>
      <c r="BW2672" s="162"/>
      <c r="BX2672" s="162"/>
      <c r="BY2672" s="162"/>
      <c r="BZ2672" s="162"/>
      <c r="CA2672" s="162"/>
      <c r="CB2672" s="162"/>
      <c r="CC2672" s="162"/>
      <c r="CD2672" s="162"/>
      <c r="CE2672" s="162"/>
      <c r="CF2672" s="162"/>
      <c r="CG2672" s="162"/>
      <c r="CH2672" s="162"/>
      <c r="CI2672" s="162"/>
      <c r="CJ2672" s="162"/>
      <c r="CK2672" s="162"/>
      <c r="CX2672" s="98"/>
      <c r="DL2672" s="97"/>
      <c r="DX2672" s="98"/>
      <c r="EL2672" s="97"/>
      <c r="EX2672" s="98"/>
      <c r="EY2672" s="97"/>
      <c r="FL2672" s="126"/>
      <c r="FM2672" s="91"/>
      <c r="FN2672" s="91"/>
      <c r="FO2672" s="91"/>
      <c r="FP2672" s="91"/>
      <c r="FQ2672" s="91"/>
      <c r="FR2672" s="91"/>
      <c r="FS2672" s="91"/>
      <c r="FT2672" s="91"/>
      <c r="FU2672" s="91"/>
      <c r="FV2672" s="91"/>
      <c r="FW2672" s="91"/>
      <c r="FX2672" s="91"/>
      <c r="FY2672" s="91"/>
      <c r="FZ2672" s="91"/>
      <c r="GA2672" s="91"/>
      <c r="GB2672" s="91"/>
      <c r="GC2672" s="91"/>
      <c r="GD2672" s="91"/>
      <c r="GE2672" s="91"/>
      <c r="GF2672" s="91"/>
      <c r="GG2672" s="91"/>
      <c r="GH2672" s="91"/>
      <c r="GI2672" s="91"/>
      <c r="GJ2672" s="91"/>
      <c r="GK2672" s="127"/>
      <c r="GL2672" s="126"/>
      <c r="GM2672" s="91"/>
      <c r="GN2672" s="91"/>
      <c r="GO2672" s="91"/>
      <c r="GP2672" s="91"/>
      <c r="GQ2672" s="91"/>
      <c r="GR2672" s="91"/>
      <c r="GS2672" s="91"/>
      <c r="GT2672" s="91"/>
      <c r="GU2672" s="91"/>
      <c r="GV2672" s="91"/>
      <c r="GW2672" s="91"/>
      <c r="GX2672" s="91"/>
      <c r="GY2672" s="91"/>
      <c r="GZ2672" s="91"/>
      <c r="HA2672" s="91"/>
      <c r="HB2672" s="91"/>
      <c r="HC2672" s="91"/>
      <c r="HD2672" s="91"/>
      <c r="HE2672" s="91"/>
      <c r="HF2672" s="91"/>
      <c r="HG2672" s="91"/>
      <c r="HH2672" s="91"/>
      <c r="HI2672" s="91"/>
      <c r="HJ2672" s="91"/>
      <c r="HK2672" s="127"/>
      <c r="HL2672" s="126"/>
      <c r="HM2672" s="91"/>
      <c r="HN2672" s="91"/>
      <c r="HO2672" s="91"/>
      <c r="HP2672" s="91"/>
      <c r="HQ2672" s="91"/>
      <c r="HR2672" s="91"/>
      <c r="HS2672" s="91"/>
      <c r="HT2672" s="91"/>
      <c r="HU2672" s="91"/>
      <c r="HV2672" s="91"/>
      <c r="HW2672" s="91"/>
      <c r="HX2672" s="91"/>
      <c r="HY2672" s="91"/>
      <c r="HZ2672" s="91"/>
      <c r="IA2672" s="91"/>
      <c r="IB2672" s="91"/>
      <c r="IC2672" s="91"/>
      <c r="ID2672" s="91"/>
      <c r="IE2672" s="91"/>
      <c r="IF2672" s="91"/>
      <c r="IG2672" s="91"/>
      <c r="IH2672" s="91"/>
      <c r="II2672" s="91"/>
      <c r="IJ2672" s="91"/>
      <c r="IK2672" s="127"/>
    </row>
    <row r="2673" spans="2:245" x14ac:dyDescent="0.2">
      <c r="B2673" s="43"/>
      <c r="C2673" s="73"/>
      <c r="D2673" s="64"/>
      <c r="E2673" s="64"/>
      <c r="F2673" s="55"/>
      <c r="G2673" s="102"/>
      <c r="H2673" s="55"/>
      <c r="I2673" s="55"/>
      <c r="J2673" s="55"/>
      <c r="K2673" s="55"/>
      <c r="L2673" s="55"/>
      <c r="M2673" s="55"/>
      <c r="N2673" s="55"/>
      <c r="O2673" s="55"/>
      <c r="P2673" s="55"/>
      <c r="Q2673" s="55"/>
      <c r="R2673" s="55"/>
      <c r="S2673" s="55"/>
      <c r="T2673" s="55"/>
      <c r="U2673" s="55"/>
      <c r="V2673" s="55"/>
      <c r="W2673" s="55"/>
      <c r="X2673" s="55"/>
      <c r="Y2673" s="55"/>
      <c r="Z2673" s="55"/>
      <c r="AA2673" s="55"/>
      <c r="AB2673" s="55"/>
      <c r="AC2673" s="55"/>
      <c r="AD2673" s="55"/>
      <c r="AE2673" s="55"/>
      <c r="AF2673" s="55"/>
      <c r="AG2673" s="55"/>
      <c r="AY2673" s="162"/>
      <c r="AZ2673" s="162"/>
      <c r="BA2673" s="162"/>
      <c r="BB2673" s="162"/>
      <c r="BC2673" s="162"/>
      <c r="BD2673" s="162"/>
      <c r="BE2673" s="162"/>
      <c r="BF2673" s="162"/>
      <c r="BG2673" s="162"/>
      <c r="BH2673" s="162"/>
      <c r="BI2673" s="162"/>
      <c r="BJ2673" s="162"/>
      <c r="BK2673" s="162"/>
      <c r="BL2673" s="162"/>
      <c r="BM2673" s="162"/>
      <c r="BN2673" s="162"/>
      <c r="BO2673" s="162"/>
      <c r="BP2673" s="162"/>
      <c r="BQ2673" s="162"/>
      <c r="BR2673" s="162"/>
      <c r="BS2673" s="162"/>
      <c r="BT2673" s="162"/>
      <c r="BU2673" s="162"/>
      <c r="BV2673" s="162"/>
      <c r="BW2673" s="162"/>
      <c r="BX2673" s="162"/>
      <c r="BY2673" s="162"/>
      <c r="BZ2673" s="162"/>
      <c r="CA2673" s="162"/>
      <c r="CB2673" s="162"/>
      <c r="CC2673" s="162"/>
      <c r="CD2673" s="162"/>
      <c r="CE2673" s="162"/>
      <c r="CF2673" s="162"/>
      <c r="CG2673" s="162"/>
      <c r="CH2673" s="162"/>
      <c r="CI2673" s="162"/>
      <c r="CJ2673" s="162"/>
      <c r="CK2673" s="162"/>
      <c r="CX2673" s="98"/>
      <c r="DL2673" s="97"/>
      <c r="DX2673" s="98"/>
      <c r="EL2673" s="97"/>
      <c r="EX2673" s="98"/>
      <c r="EY2673" s="97"/>
      <c r="FL2673" s="126"/>
      <c r="FM2673" s="91"/>
      <c r="FN2673" s="91"/>
      <c r="FO2673" s="91"/>
      <c r="FP2673" s="91"/>
      <c r="FQ2673" s="91"/>
      <c r="FR2673" s="91"/>
      <c r="FS2673" s="91"/>
      <c r="FT2673" s="91"/>
      <c r="FU2673" s="91"/>
      <c r="FV2673" s="91"/>
      <c r="FW2673" s="91"/>
      <c r="FX2673" s="91"/>
      <c r="FY2673" s="91"/>
      <c r="FZ2673" s="91"/>
      <c r="GA2673" s="91"/>
      <c r="GB2673" s="91"/>
      <c r="GC2673" s="91"/>
      <c r="GD2673" s="91"/>
      <c r="GE2673" s="91"/>
      <c r="GF2673" s="91"/>
      <c r="GG2673" s="91"/>
      <c r="GH2673" s="91"/>
      <c r="GI2673" s="91"/>
      <c r="GJ2673" s="91"/>
      <c r="GK2673" s="127"/>
      <c r="GL2673" s="126"/>
      <c r="GM2673" s="91"/>
      <c r="GN2673" s="91"/>
      <c r="GO2673" s="91"/>
      <c r="GP2673" s="91"/>
      <c r="GQ2673" s="91"/>
      <c r="GR2673" s="91"/>
      <c r="GS2673" s="91"/>
      <c r="GT2673" s="91"/>
      <c r="GU2673" s="91"/>
      <c r="GV2673" s="91"/>
      <c r="GW2673" s="91"/>
      <c r="GX2673" s="91"/>
      <c r="GY2673" s="91"/>
      <c r="GZ2673" s="91"/>
      <c r="HA2673" s="91"/>
      <c r="HB2673" s="91"/>
      <c r="HC2673" s="91"/>
      <c r="HD2673" s="91"/>
      <c r="HE2673" s="91"/>
      <c r="HF2673" s="91"/>
      <c r="HG2673" s="91"/>
      <c r="HH2673" s="91"/>
      <c r="HI2673" s="91"/>
      <c r="HJ2673" s="91"/>
      <c r="HK2673" s="127"/>
      <c r="HL2673" s="126"/>
      <c r="HM2673" s="91"/>
      <c r="HN2673" s="91"/>
      <c r="HO2673" s="91"/>
      <c r="HP2673" s="91"/>
      <c r="HQ2673" s="91"/>
      <c r="HR2673" s="91"/>
      <c r="HS2673" s="91"/>
      <c r="HT2673" s="91"/>
      <c r="HU2673" s="91"/>
      <c r="HV2673" s="91"/>
      <c r="HW2673" s="91"/>
      <c r="HX2673" s="91"/>
      <c r="HY2673" s="91"/>
      <c r="HZ2673" s="91"/>
      <c r="IA2673" s="91"/>
      <c r="IB2673" s="91"/>
      <c r="IC2673" s="91"/>
      <c r="ID2673" s="91"/>
      <c r="IE2673" s="91"/>
      <c r="IF2673" s="91"/>
      <c r="IG2673" s="91"/>
      <c r="IH2673" s="91"/>
      <c r="II2673" s="91"/>
      <c r="IJ2673" s="91"/>
      <c r="IK2673" s="127"/>
    </row>
    <row r="2674" spans="2:245" x14ac:dyDescent="0.2">
      <c r="B2674" s="43"/>
      <c r="C2674" s="73"/>
      <c r="D2674" s="64"/>
      <c r="E2674" s="64"/>
      <c r="F2674" s="55"/>
      <c r="G2674" s="102"/>
      <c r="H2674" s="55"/>
      <c r="I2674" s="55"/>
      <c r="J2674" s="55"/>
      <c r="K2674" s="55"/>
      <c r="L2674" s="55"/>
      <c r="M2674" s="55"/>
      <c r="N2674" s="55"/>
      <c r="O2674" s="55"/>
      <c r="P2674" s="55"/>
      <c r="Q2674" s="55"/>
      <c r="R2674" s="55"/>
      <c r="S2674" s="55"/>
      <c r="T2674" s="55"/>
      <c r="U2674" s="55"/>
      <c r="V2674" s="55"/>
      <c r="W2674" s="55"/>
      <c r="X2674" s="55"/>
      <c r="Y2674" s="55"/>
      <c r="Z2674" s="55"/>
      <c r="AA2674" s="55"/>
      <c r="AB2674" s="55"/>
      <c r="AC2674" s="55"/>
      <c r="AD2674" s="55"/>
      <c r="AE2674" s="55"/>
      <c r="AF2674" s="55"/>
      <c r="AG2674" s="55"/>
      <c r="AY2674" s="162"/>
      <c r="AZ2674" s="162"/>
      <c r="BA2674" s="162"/>
      <c r="BB2674" s="162"/>
      <c r="BC2674" s="162"/>
      <c r="BD2674" s="162"/>
      <c r="BE2674" s="162"/>
      <c r="BF2674" s="162"/>
      <c r="BG2674" s="162"/>
      <c r="BH2674" s="162"/>
      <c r="BI2674" s="162"/>
      <c r="BJ2674" s="162"/>
      <c r="BK2674" s="162"/>
      <c r="BL2674" s="162"/>
      <c r="BM2674" s="162"/>
      <c r="BN2674" s="162"/>
      <c r="BO2674" s="162"/>
      <c r="BP2674" s="162"/>
      <c r="BQ2674" s="162"/>
      <c r="BR2674" s="162"/>
      <c r="BS2674" s="162"/>
      <c r="BT2674" s="162"/>
      <c r="BU2674" s="162"/>
      <c r="BV2674" s="162"/>
      <c r="BW2674" s="162"/>
      <c r="BX2674" s="162"/>
      <c r="BY2674" s="162"/>
      <c r="BZ2674" s="162"/>
      <c r="CA2674" s="162"/>
      <c r="CB2674" s="162"/>
      <c r="CC2674" s="162"/>
      <c r="CD2674" s="162"/>
      <c r="CE2674" s="162"/>
      <c r="CF2674" s="162"/>
      <c r="CG2674" s="162"/>
      <c r="CH2674" s="162"/>
      <c r="CI2674" s="162"/>
      <c r="CJ2674" s="162"/>
      <c r="CK2674" s="162"/>
      <c r="CX2674" s="98"/>
      <c r="DL2674" s="97"/>
      <c r="DX2674" s="98"/>
      <c r="EL2674" s="97"/>
      <c r="EX2674" s="98"/>
      <c r="EY2674" s="97"/>
      <c r="FL2674" s="126"/>
      <c r="FM2674" s="91"/>
      <c r="FN2674" s="91"/>
      <c r="FO2674" s="91"/>
      <c r="FP2674" s="91"/>
      <c r="FQ2674" s="91"/>
      <c r="FR2674" s="91"/>
      <c r="FS2674" s="91"/>
      <c r="FT2674" s="91"/>
      <c r="FU2674" s="91"/>
      <c r="FV2674" s="91"/>
      <c r="FW2674" s="91"/>
      <c r="FX2674" s="91"/>
      <c r="FY2674" s="91"/>
      <c r="FZ2674" s="91"/>
      <c r="GA2674" s="91"/>
      <c r="GB2674" s="91"/>
      <c r="GC2674" s="91"/>
      <c r="GD2674" s="91"/>
      <c r="GE2674" s="91"/>
      <c r="GF2674" s="91"/>
      <c r="GG2674" s="91"/>
      <c r="GH2674" s="91"/>
      <c r="GI2674" s="91"/>
      <c r="GJ2674" s="91"/>
      <c r="GK2674" s="127"/>
      <c r="GL2674" s="126"/>
      <c r="GM2674" s="91"/>
      <c r="GN2674" s="91"/>
      <c r="GO2674" s="91"/>
      <c r="GP2674" s="91"/>
      <c r="GQ2674" s="91"/>
      <c r="GR2674" s="91"/>
      <c r="GS2674" s="91"/>
      <c r="GT2674" s="91"/>
      <c r="GU2674" s="91"/>
      <c r="GV2674" s="91"/>
      <c r="GW2674" s="91"/>
      <c r="GX2674" s="91"/>
      <c r="GY2674" s="91"/>
      <c r="GZ2674" s="91"/>
      <c r="HA2674" s="91"/>
      <c r="HB2674" s="91"/>
      <c r="HC2674" s="91"/>
      <c r="HD2674" s="91"/>
      <c r="HE2674" s="91"/>
      <c r="HF2674" s="91"/>
      <c r="HG2674" s="91"/>
      <c r="HH2674" s="91"/>
      <c r="HI2674" s="91"/>
      <c r="HJ2674" s="91"/>
      <c r="HK2674" s="127"/>
      <c r="HL2674" s="126"/>
      <c r="HM2674" s="91"/>
      <c r="HN2674" s="91"/>
      <c r="HO2674" s="91"/>
      <c r="HP2674" s="91"/>
      <c r="HQ2674" s="91"/>
      <c r="HR2674" s="91"/>
      <c r="HS2674" s="91"/>
      <c r="HT2674" s="91"/>
      <c r="HU2674" s="91"/>
      <c r="HV2674" s="91"/>
      <c r="HW2674" s="91"/>
      <c r="HX2674" s="91"/>
      <c r="HY2674" s="91"/>
      <c r="HZ2674" s="91"/>
      <c r="IA2674" s="91"/>
      <c r="IB2674" s="91"/>
      <c r="IC2674" s="91"/>
      <c r="ID2674" s="91"/>
      <c r="IE2674" s="91"/>
      <c r="IF2674" s="91"/>
      <c r="IG2674" s="91"/>
      <c r="IH2674" s="91"/>
      <c r="II2674" s="91"/>
      <c r="IJ2674" s="91"/>
      <c r="IK2674" s="127"/>
    </row>
    <row r="2675" spans="2:245" x14ac:dyDescent="0.2">
      <c r="B2675" s="43"/>
      <c r="C2675" s="73"/>
      <c r="D2675" s="64"/>
      <c r="E2675" s="64"/>
      <c r="F2675" s="55"/>
      <c r="G2675" s="102"/>
      <c r="H2675" s="55"/>
      <c r="I2675" s="55"/>
      <c r="J2675" s="55"/>
      <c r="K2675" s="55"/>
      <c r="L2675" s="55"/>
      <c r="M2675" s="55"/>
      <c r="N2675" s="55"/>
      <c r="O2675" s="55"/>
      <c r="P2675" s="55"/>
      <c r="Q2675" s="55"/>
      <c r="R2675" s="55"/>
      <c r="S2675" s="55"/>
      <c r="T2675" s="55"/>
      <c r="U2675" s="55"/>
      <c r="V2675" s="55"/>
      <c r="W2675" s="55"/>
      <c r="X2675" s="55"/>
      <c r="Y2675" s="55"/>
      <c r="Z2675" s="55"/>
      <c r="AA2675" s="55"/>
      <c r="AB2675" s="55"/>
      <c r="AC2675" s="55"/>
      <c r="AD2675" s="55"/>
      <c r="AE2675" s="55"/>
      <c r="AF2675" s="55"/>
      <c r="AG2675" s="55"/>
      <c r="AY2675" s="162"/>
      <c r="AZ2675" s="162"/>
      <c r="BA2675" s="162"/>
      <c r="BB2675" s="162"/>
      <c r="BC2675" s="162"/>
      <c r="BD2675" s="162"/>
      <c r="BE2675" s="162"/>
      <c r="BF2675" s="162"/>
      <c r="BG2675" s="162"/>
      <c r="BH2675" s="162"/>
      <c r="BI2675" s="162"/>
      <c r="BJ2675" s="162"/>
      <c r="BK2675" s="162"/>
      <c r="BL2675" s="162"/>
      <c r="BM2675" s="162"/>
      <c r="BN2675" s="162"/>
      <c r="BO2675" s="162"/>
      <c r="BP2675" s="162"/>
      <c r="BQ2675" s="162"/>
      <c r="BR2675" s="162"/>
      <c r="BS2675" s="162"/>
      <c r="BT2675" s="162"/>
      <c r="BU2675" s="162"/>
      <c r="BV2675" s="162"/>
      <c r="BW2675" s="162"/>
      <c r="BX2675" s="162"/>
      <c r="BY2675" s="162"/>
      <c r="BZ2675" s="162"/>
      <c r="CA2675" s="162"/>
      <c r="CB2675" s="162"/>
      <c r="CC2675" s="162"/>
      <c r="CD2675" s="162"/>
      <c r="CE2675" s="162"/>
      <c r="CF2675" s="162"/>
      <c r="CG2675" s="162"/>
      <c r="CH2675" s="162"/>
      <c r="CI2675" s="162"/>
      <c r="CJ2675" s="162"/>
      <c r="CK2675" s="162"/>
      <c r="CX2675" s="98"/>
      <c r="DL2675" s="97"/>
      <c r="DX2675" s="98"/>
      <c r="EL2675" s="97"/>
      <c r="EX2675" s="98"/>
      <c r="EY2675" s="97"/>
      <c r="FL2675" s="126"/>
      <c r="FM2675" s="91"/>
      <c r="FN2675" s="91"/>
      <c r="FO2675" s="91"/>
      <c r="FP2675" s="91"/>
      <c r="FQ2675" s="91"/>
      <c r="FR2675" s="91"/>
      <c r="FS2675" s="91"/>
      <c r="FT2675" s="91"/>
      <c r="FU2675" s="91"/>
      <c r="FV2675" s="91"/>
      <c r="FW2675" s="91"/>
      <c r="FX2675" s="91"/>
      <c r="FY2675" s="91"/>
      <c r="FZ2675" s="91"/>
      <c r="GA2675" s="91"/>
      <c r="GB2675" s="91"/>
      <c r="GC2675" s="91"/>
      <c r="GD2675" s="91"/>
      <c r="GE2675" s="91"/>
      <c r="GF2675" s="91"/>
      <c r="GG2675" s="91"/>
      <c r="GH2675" s="91"/>
      <c r="GI2675" s="91"/>
      <c r="GJ2675" s="91"/>
      <c r="GK2675" s="127"/>
      <c r="GL2675" s="126"/>
      <c r="GM2675" s="91"/>
      <c r="GN2675" s="91"/>
      <c r="GO2675" s="91"/>
      <c r="GP2675" s="91"/>
      <c r="GQ2675" s="91"/>
      <c r="GR2675" s="91"/>
      <c r="GS2675" s="91"/>
      <c r="GT2675" s="91"/>
      <c r="GU2675" s="91"/>
      <c r="GV2675" s="91"/>
      <c r="GW2675" s="91"/>
      <c r="GX2675" s="91"/>
      <c r="GY2675" s="91"/>
      <c r="GZ2675" s="91"/>
      <c r="HA2675" s="91"/>
      <c r="HB2675" s="91"/>
      <c r="HC2675" s="91"/>
      <c r="HD2675" s="91"/>
      <c r="HE2675" s="91"/>
      <c r="HF2675" s="91"/>
      <c r="HG2675" s="91"/>
      <c r="HH2675" s="91"/>
      <c r="HI2675" s="91"/>
      <c r="HJ2675" s="91"/>
      <c r="HK2675" s="127"/>
      <c r="HL2675" s="126"/>
      <c r="HM2675" s="91"/>
      <c r="HN2675" s="91"/>
      <c r="HO2675" s="91"/>
      <c r="HP2675" s="91"/>
      <c r="HQ2675" s="91"/>
      <c r="HR2675" s="91"/>
      <c r="HS2675" s="91"/>
      <c r="HT2675" s="91"/>
      <c r="HU2675" s="91"/>
      <c r="HV2675" s="91"/>
      <c r="HW2675" s="91"/>
      <c r="HX2675" s="91"/>
      <c r="HY2675" s="91"/>
      <c r="HZ2675" s="91"/>
      <c r="IA2675" s="91"/>
      <c r="IB2675" s="91"/>
      <c r="IC2675" s="91"/>
      <c r="ID2675" s="91"/>
      <c r="IE2675" s="91"/>
      <c r="IF2675" s="91"/>
      <c r="IG2675" s="91"/>
      <c r="IH2675" s="91"/>
      <c r="II2675" s="91"/>
      <c r="IJ2675" s="91"/>
      <c r="IK2675" s="127"/>
    </row>
    <row r="2676" spans="2:245" x14ac:dyDescent="0.2">
      <c r="B2676" s="43"/>
      <c r="C2676" s="73"/>
      <c r="D2676" s="64"/>
      <c r="E2676" s="64"/>
      <c r="F2676" s="55"/>
      <c r="G2676" s="102"/>
      <c r="H2676" s="55"/>
      <c r="I2676" s="55"/>
      <c r="J2676" s="55"/>
      <c r="K2676" s="55"/>
      <c r="L2676" s="55"/>
      <c r="M2676" s="55"/>
      <c r="N2676" s="55"/>
      <c r="O2676" s="55"/>
      <c r="P2676" s="55"/>
      <c r="Q2676" s="55"/>
      <c r="R2676" s="55"/>
      <c r="S2676" s="55"/>
      <c r="T2676" s="55"/>
      <c r="U2676" s="55"/>
      <c r="V2676" s="55"/>
      <c r="W2676" s="55"/>
      <c r="X2676" s="55"/>
      <c r="Y2676" s="55"/>
      <c r="Z2676" s="55"/>
      <c r="AA2676" s="55"/>
      <c r="AB2676" s="55"/>
      <c r="AC2676" s="55"/>
      <c r="AD2676" s="55"/>
      <c r="AE2676" s="55"/>
      <c r="AF2676" s="55"/>
      <c r="AG2676" s="55"/>
      <c r="AY2676" s="162"/>
      <c r="AZ2676" s="162"/>
      <c r="BA2676" s="162"/>
      <c r="BB2676" s="162"/>
      <c r="BC2676" s="162"/>
      <c r="BD2676" s="162"/>
      <c r="BE2676" s="162"/>
      <c r="BF2676" s="162"/>
      <c r="BG2676" s="162"/>
      <c r="BH2676" s="162"/>
      <c r="BI2676" s="162"/>
      <c r="BJ2676" s="162"/>
      <c r="BK2676" s="162"/>
      <c r="BL2676" s="162"/>
      <c r="BM2676" s="162"/>
      <c r="BN2676" s="162"/>
      <c r="BO2676" s="162"/>
      <c r="BP2676" s="162"/>
      <c r="BQ2676" s="162"/>
      <c r="BR2676" s="162"/>
      <c r="BS2676" s="162"/>
      <c r="BT2676" s="162"/>
      <c r="BU2676" s="162"/>
      <c r="BV2676" s="162"/>
      <c r="BW2676" s="162"/>
      <c r="BX2676" s="162"/>
      <c r="BY2676" s="162"/>
      <c r="BZ2676" s="162"/>
      <c r="CA2676" s="162"/>
      <c r="CB2676" s="162"/>
      <c r="CC2676" s="162"/>
      <c r="CD2676" s="162"/>
      <c r="CE2676" s="162"/>
      <c r="CF2676" s="162"/>
      <c r="CG2676" s="162"/>
      <c r="CH2676" s="162"/>
      <c r="CI2676" s="162"/>
      <c r="CJ2676" s="162"/>
      <c r="CK2676" s="162"/>
      <c r="CX2676" s="98"/>
      <c r="DL2676" s="97"/>
      <c r="DX2676" s="98"/>
      <c r="EL2676" s="97"/>
      <c r="EX2676" s="98"/>
      <c r="EY2676" s="97"/>
      <c r="FL2676" s="126"/>
      <c r="FM2676" s="91"/>
      <c r="FN2676" s="91"/>
      <c r="FO2676" s="91"/>
      <c r="FP2676" s="91"/>
      <c r="FQ2676" s="91"/>
      <c r="FR2676" s="91"/>
      <c r="FS2676" s="91"/>
      <c r="FT2676" s="91"/>
      <c r="FU2676" s="91"/>
      <c r="FV2676" s="91"/>
      <c r="FW2676" s="91"/>
      <c r="FX2676" s="91"/>
      <c r="FY2676" s="91"/>
      <c r="FZ2676" s="91"/>
      <c r="GA2676" s="91"/>
      <c r="GB2676" s="91"/>
      <c r="GC2676" s="91"/>
      <c r="GD2676" s="91"/>
      <c r="GE2676" s="91"/>
      <c r="GF2676" s="91"/>
      <c r="GG2676" s="91"/>
      <c r="GH2676" s="91"/>
      <c r="GI2676" s="91"/>
      <c r="GJ2676" s="91"/>
      <c r="GK2676" s="127"/>
      <c r="GL2676" s="126"/>
      <c r="GM2676" s="91"/>
      <c r="GN2676" s="91"/>
      <c r="GO2676" s="91"/>
      <c r="GP2676" s="91"/>
      <c r="GQ2676" s="91"/>
      <c r="GR2676" s="91"/>
      <c r="GS2676" s="91"/>
      <c r="GT2676" s="91"/>
      <c r="GU2676" s="91"/>
      <c r="GV2676" s="91"/>
      <c r="GW2676" s="91"/>
      <c r="GX2676" s="91"/>
      <c r="GY2676" s="91"/>
      <c r="GZ2676" s="91"/>
      <c r="HA2676" s="91"/>
      <c r="HB2676" s="91"/>
      <c r="HC2676" s="91"/>
      <c r="HD2676" s="91"/>
      <c r="HE2676" s="91"/>
      <c r="HF2676" s="91"/>
      <c r="HG2676" s="91"/>
      <c r="HH2676" s="91"/>
      <c r="HI2676" s="91"/>
      <c r="HJ2676" s="91"/>
      <c r="HK2676" s="127"/>
      <c r="HL2676" s="126"/>
      <c r="HM2676" s="91"/>
      <c r="HN2676" s="91"/>
      <c r="HO2676" s="91"/>
      <c r="HP2676" s="91"/>
      <c r="HQ2676" s="91"/>
      <c r="HR2676" s="91"/>
      <c r="HS2676" s="91"/>
      <c r="HT2676" s="91"/>
      <c r="HU2676" s="91"/>
      <c r="HV2676" s="91"/>
      <c r="HW2676" s="91"/>
      <c r="HX2676" s="91"/>
      <c r="HY2676" s="91"/>
      <c r="HZ2676" s="91"/>
      <c r="IA2676" s="91"/>
      <c r="IB2676" s="91"/>
      <c r="IC2676" s="91"/>
      <c r="ID2676" s="91"/>
      <c r="IE2676" s="91"/>
      <c r="IF2676" s="91"/>
      <c r="IG2676" s="91"/>
      <c r="IH2676" s="91"/>
      <c r="II2676" s="91"/>
      <c r="IJ2676" s="91"/>
      <c r="IK2676" s="127"/>
    </row>
    <row r="2677" spans="2:245" x14ac:dyDescent="0.2">
      <c r="B2677" s="43"/>
      <c r="C2677" s="73"/>
      <c r="D2677" s="64"/>
      <c r="E2677" s="64"/>
      <c r="F2677" s="55"/>
      <c r="G2677" s="102"/>
      <c r="H2677" s="55"/>
      <c r="I2677" s="55"/>
      <c r="J2677" s="55"/>
      <c r="K2677" s="55"/>
      <c r="L2677" s="55"/>
      <c r="M2677" s="55"/>
      <c r="N2677" s="55"/>
      <c r="O2677" s="55"/>
      <c r="P2677" s="55"/>
      <c r="Q2677" s="55"/>
      <c r="R2677" s="55"/>
      <c r="S2677" s="55"/>
      <c r="T2677" s="55"/>
      <c r="U2677" s="55"/>
      <c r="V2677" s="55"/>
      <c r="W2677" s="55"/>
      <c r="X2677" s="55"/>
      <c r="Y2677" s="55"/>
      <c r="Z2677" s="55"/>
      <c r="AA2677" s="55"/>
      <c r="AB2677" s="55"/>
      <c r="AC2677" s="55"/>
      <c r="AD2677" s="55"/>
      <c r="AE2677" s="55"/>
      <c r="AF2677" s="55"/>
      <c r="AG2677" s="55"/>
      <c r="AY2677" s="162"/>
      <c r="AZ2677" s="162"/>
      <c r="BA2677" s="162"/>
      <c r="BB2677" s="162"/>
      <c r="BC2677" s="162"/>
      <c r="BD2677" s="162"/>
      <c r="BE2677" s="162"/>
      <c r="BF2677" s="162"/>
      <c r="BG2677" s="162"/>
      <c r="BH2677" s="162"/>
      <c r="BI2677" s="162"/>
      <c r="BJ2677" s="162"/>
      <c r="BK2677" s="162"/>
      <c r="BL2677" s="162"/>
      <c r="BM2677" s="162"/>
      <c r="BN2677" s="162"/>
      <c r="BO2677" s="162"/>
      <c r="BP2677" s="162"/>
      <c r="BQ2677" s="162"/>
      <c r="BR2677" s="162"/>
      <c r="BS2677" s="162"/>
      <c r="BT2677" s="162"/>
      <c r="BU2677" s="162"/>
      <c r="BV2677" s="162"/>
      <c r="BW2677" s="162"/>
      <c r="BX2677" s="162"/>
      <c r="BY2677" s="162"/>
      <c r="BZ2677" s="162"/>
      <c r="CA2677" s="162"/>
      <c r="CB2677" s="162"/>
      <c r="CC2677" s="162"/>
      <c r="CD2677" s="162"/>
      <c r="CE2677" s="162"/>
      <c r="CF2677" s="162"/>
      <c r="CG2677" s="162"/>
      <c r="CH2677" s="162"/>
      <c r="CI2677" s="162"/>
      <c r="CJ2677" s="162"/>
      <c r="CK2677" s="162"/>
      <c r="CX2677" s="98"/>
      <c r="DL2677" s="97"/>
      <c r="DX2677" s="98"/>
      <c r="EL2677" s="97"/>
      <c r="EX2677" s="98"/>
      <c r="EY2677" s="97"/>
      <c r="FL2677" s="126"/>
      <c r="FM2677" s="91"/>
      <c r="FN2677" s="91"/>
      <c r="FO2677" s="91"/>
      <c r="FP2677" s="91"/>
      <c r="FQ2677" s="91"/>
      <c r="FR2677" s="91"/>
      <c r="FS2677" s="91"/>
      <c r="FT2677" s="91"/>
      <c r="FU2677" s="91"/>
      <c r="FV2677" s="91"/>
      <c r="FW2677" s="91"/>
      <c r="FX2677" s="91"/>
      <c r="FY2677" s="91"/>
      <c r="FZ2677" s="91"/>
      <c r="GA2677" s="91"/>
      <c r="GB2677" s="91"/>
      <c r="GC2677" s="91"/>
      <c r="GD2677" s="91"/>
      <c r="GE2677" s="91"/>
      <c r="GF2677" s="91"/>
      <c r="GG2677" s="91"/>
      <c r="GH2677" s="91"/>
      <c r="GI2677" s="91"/>
      <c r="GJ2677" s="91"/>
      <c r="GK2677" s="127"/>
      <c r="GL2677" s="126"/>
      <c r="GM2677" s="91"/>
      <c r="GN2677" s="91"/>
      <c r="GO2677" s="91"/>
      <c r="GP2677" s="91"/>
      <c r="GQ2677" s="91"/>
      <c r="GR2677" s="91"/>
      <c r="GS2677" s="91"/>
      <c r="GT2677" s="91"/>
      <c r="GU2677" s="91"/>
      <c r="GV2677" s="91"/>
      <c r="GW2677" s="91"/>
      <c r="GX2677" s="91"/>
      <c r="GY2677" s="91"/>
      <c r="GZ2677" s="91"/>
      <c r="HA2677" s="91"/>
      <c r="HB2677" s="91"/>
      <c r="HC2677" s="91"/>
      <c r="HD2677" s="91"/>
      <c r="HE2677" s="91"/>
      <c r="HF2677" s="91"/>
      <c r="HG2677" s="91"/>
      <c r="HH2677" s="91"/>
      <c r="HI2677" s="91"/>
      <c r="HJ2677" s="91"/>
      <c r="HK2677" s="127"/>
      <c r="HL2677" s="126"/>
      <c r="HM2677" s="91"/>
      <c r="HN2677" s="91"/>
      <c r="HO2677" s="91"/>
      <c r="HP2677" s="91"/>
      <c r="HQ2677" s="91"/>
      <c r="HR2677" s="91"/>
      <c r="HS2677" s="91"/>
      <c r="HT2677" s="91"/>
      <c r="HU2677" s="91"/>
      <c r="HV2677" s="91"/>
      <c r="HW2677" s="91"/>
      <c r="HX2677" s="91"/>
      <c r="HY2677" s="91"/>
      <c r="HZ2677" s="91"/>
      <c r="IA2677" s="91"/>
      <c r="IB2677" s="91"/>
      <c r="IC2677" s="91"/>
      <c r="ID2677" s="91"/>
      <c r="IE2677" s="91"/>
      <c r="IF2677" s="91"/>
      <c r="IG2677" s="91"/>
      <c r="IH2677" s="91"/>
      <c r="II2677" s="91"/>
      <c r="IJ2677" s="91"/>
      <c r="IK2677" s="127"/>
    </row>
    <row r="2678" spans="2:245" x14ac:dyDescent="0.2">
      <c r="B2678" s="43"/>
      <c r="C2678" s="73"/>
      <c r="D2678" s="64"/>
      <c r="E2678" s="64"/>
      <c r="F2678" s="55"/>
      <c r="G2678" s="102"/>
      <c r="H2678" s="55"/>
      <c r="I2678" s="55"/>
      <c r="J2678" s="55"/>
      <c r="K2678" s="55"/>
      <c r="L2678" s="55"/>
      <c r="M2678" s="55"/>
      <c r="N2678" s="55"/>
      <c r="O2678" s="55"/>
      <c r="P2678" s="55"/>
      <c r="Q2678" s="55"/>
      <c r="R2678" s="55"/>
      <c r="S2678" s="55"/>
      <c r="T2678" s="55"/>
      <c r="U2678" s="55"/>
      <c r="V2678" s="55"/>
      <c r="W2678" s="55"/>
      <c r="X2678" s="55"/>
      <c r="Y2678" s="55"/>
      <c r="Z2678" s="55"/>
      <c r="AA2678" s="55"/>
      <c r="AB2678" s="55"/>
      <c r="AC2678" s="55"/>
      <c r="AD2678" s="55"/>
      <c r="AE2678" s="55"/>
      <c r="AF2678" s="55"/>
      <c r="AG2678" s="55"/>
      <c r="AY2678" s="162"/>
      <c r="AZ2678" s="162"/>
      <c r="BA2678" s="162"/>
      <c r="BB2678" s="162"/>
      <c r="BC2678" s="162"/>
      <c r="BD2678" s="162"/>
      <c r="BE2678" s="162"/>
      <c r="BF2678" s="162"/>
      <c r="BG2678" s="162"/>
      <c r="BH2678" s="162"/>
      <c r="BI2678" s="162"/>
      <c r="BJ2678" s="162"/>
      <c r="BK2678" s="162"/>
      <c r="BL2678" s="162"/>
      <c r="BM2678" s="162"/>
      <c r="BN2678" s="162"/>
      <c r="BO2678" s="162"/>
      <c r="BP2678" s="162"/>
      <c r="BQ2678" s="162"/>
      <c r="BR2678" s="162"/>
      <c r="BS2678" s="162"/>
      <c r="BT2678" s="162"/>
      <c r="BU2678" s="162"/>
      <c r="BV2678" s="162"/>
      <c r="BW2678" s="162"/>
      <c r="BX2678" s="162"/>
      <c r="BY2678" s="162"/>
      <c r="BZ2678" s="162"/>
      <c r="CA2678" s="162"/>
      <c r="CB2678" s="162"/>
      <c r="CC2678" s="162"/>
      <c r="CD2678" s="162"/>
      <c r="CE2678" s="162"/>
      <c r="CF2678" s="162"/>
      <c r="CG2678" s="162"/>
      <c r="CH2678" s="162"/>
      <c r="CI2678" s="162"/>
      <c r="CJ2678" s="162"/>
      <c r="CK2678" s="162"/>
      <c r="CX2678" s="98"/>
      <c r="DL2678" s="97"/>
      <c r="DX2678" s="98"/>
      <c r="EL2678" s="97"/>
      <c r="EX2678" s="98"/>
      <c r="EY2678" s="97"/>
      <c r="FL2678" s="126"/>
      <c r="FM2678" s="91"/>
      <c r="FN2678" s="91"/>
      <c r="FO2678" s="91"/>
      <c r="FP2678" s="91"/>
      <c r="FQ2678" s="91"/>
      <c r="FR2678" s="91"/>
      <c r="FS2678" s="91"/>
      <c r="FT2678" s="91"/>
      <c r="FU2678" s="91"/>
      <c r="FV2678" s="91"/>
      <c r="FW2678" s="91"/>
      <c r="FX2678" s="91"/>
      <c r="FY2678" s="91"/>
      <c r="FZ2678" s="91"/>
      <c r="GA2678" s="91"/>
      <c r="GB2678" s="91"/>
      <c r="GC2678" s="91"/>
      <c r="GD2678" s="91"/>
      <c r="GE2678" s="91"/>
      <c r="GF2678" s="91"/>
      <c r="GG2678" s="91"/>
      <c r="GH2678" s="91"/>
      <c r="GI2678" s="91"/>
      <c r="GJ2678" s="91"/>
      <c r="GK2678" s="127"/>
      <c r="GL2678" s="126"/>
      <c r="GM2678" s="91"/>
      <c r="GN2678" s="91"/>
      <c r="GO2678" s="91"/>
      <c r="GP2678" s="91"/>
      <c r="GQ2678" s="91"/>
      <c r="GR2678" s="91"/>
      <c r="GS2678" s="91"/>
      <c r="GT2678" s="91"/>
      <c r="GU2678" s="91"/>
      <c r="GV2678" s="91"/>
      <c r="GW2678" s="91"/>
      <c r="GX2678" s="91"/>
      <c r="GY2678" s="91"/>
      <c r="GZ2678" s="91"/>
      <c r="HA2678" s="91"/>
      <c r="HB2678" s="91"/>
      <c r="HC2678" s="91"/>
      <c r="HD2678" s="91"/>
      <c r="HE2678" s="91"/>
      <c r="HF2678" s="91"/>
      <c r="HG2678" s="91"/>
      <c r="HH2678" s="91"/>
      <c r="HI2678" s="91"/>
      <c r="HJ2678" s="91"/>
      <c r="HK2678" s="127"/>
      <c r="HL2678" s="126"/>
      <c r="HM2678" s="91"/>
      <c r="HN2678" s="91"/>
      <c r="HO2678" s="91"/>
      <c r="HP2678" s="91"/>
      <c r="HQ2678" s="91"/>
      <c r="HR2678" s="91"/>
      <c r="HS2678" s="91"/>
      <c r="HT2678" s="91"/>
      <c r="HU2678" s="91"/>
      <c r="HV2678" s="91"/>
      <c r="HW2678" s="91"/>
      <c r="HX2678" s="91"/>
      <c r="HY2678" s="91"/>
      <c r="HZ2678" s="91"/>
      <c r="IA2678" s="91"/>
      <c r="IB2678" s="91"/>
      <c r="IC2678" s="91"/>
      <c r="ID2678" s="91"/>
      <c r="IE2678" s="91"/>
      <c r="IF2678" s="91"/>
      <c r="IG2678" s="91"/>
      <c r="IH2678" s="91"/>
      <c r="II2678" s="91"/>
      <c r="IJ2678" s="91"/>
      <c r="IK2678" s="127"/>
    </row>
    <row r="2679" spans="2:245" x14ac:dyDescent="0.2">
      <c r="B2679" s="43"/>
      <c r="C2679" s="73"/>
      <c r="D2679" s="64"/>
      <c r="E2679" s="64"/>
      <c r="F2679" s="55"/>
      <c r="G2679" s="102"/>
      <c r="H2679" s="55"/>
      <c r="I2679" s="55"/>
      <c r="J2679" s="55"/>
      <c r="K2679" s="55"/>
      <c r="L2679" s="55"/>
      <c r="M2679" s="55"/>
      <c r="N2679" s="55"/>
      <c r="O2679" s="55"/>
      <c r="P2679" s="55"/>
      <c r="Q2679" s="55"/>
      <c r="R2679" s="55"/>
      <c r="S2679" s="55"/>
      <c r="T2679" s="55"/>
      <c r="U2679" s="55"/>
      <c r="V2679" s="55"/>
      <c r="W2679" s="55"/>
      <c r="X2679" s="55"/>
      <c r="Y2679" s="55"/>
      <c r="Z2679" s="55"/>
      <c r="AA2679" s="55"/>
      <c r="AB2679" s="55"/>
      <c r="AC2679" s="55"/>
      <c r="AD2679" s="55"/>
      <c r="AE2679" s="55"/>
      <c r="AF2679" s="55"/>
      <c r="AG2679" s="55"/>
      <c r="AY2679" s="162"/>
      <c r="AZ2679" s="162"/>
      <c r="BA2679" s="162"/>
      <c r="BB2679" s="162"/>
      <c r="BC2679" s="162"/>
      <c r="BD2679" s="162"/>
      <c r="BE2679" s="162"/>
      <c r="BF2679" s="162"/>
      <c r="BG2679" s="162"/>
      <c r="BH2679" s="162"/>
      <c r="BI2679" s="162"/>
      <c r="BJ2679" s="162"/>
      <c r="BK2679" s="162"/>
      <c r="BL2679" s="162"/>
      <c r="BM2679" s="162"/>
      <c r="BN2679" s="162"/>
      <c r="BO2679" s="162"/>
      <c r="BP2679" s="162"/>
      <c r="BQ2679" s="162"/>
      <c r="BR2679" s="162"/>
      <c r="BS2679" s="162"/>
      <c r="BT2679" s="162"/>
      <c r="BU2679" s="162"/>
      <c r="BV2679" s="162"/>
      <c r="BW2679" s="162"/>
      <c r="BX2679" s="162"/>
      <c r="BY2679" s="162"/>
      <c r="BZ2679" s="162"/>
      <c r="CA2679" s="162"/>
      <c r="CB2679" s="162"/>
      <c r="CC2679" s="162"/>
      <c r="CD2679" s="162"/>
      <c r="CE2679" s="162"/>
      <c r="CF2679" s="162"/>
      <c r="CG2679" s="162"/>
      <c r="CH2679" s="162"/>
      <c r="CI2679" s="162"/>
      <c r="CJ2679" s="162"/>
      <c r="CK2679" s="162"/>
      <c r="CX2679" s="98"/>
      <c r="DL2679" s="97"/>
      <c r="DX2679" s="98"/>
      <c r="EL2679" s="97"/>
      <c r="EX2679" s="98"/>
      <c r="EY2679" s="97"/>
      <c r="FL2679" s="126"/>
      <c r="FM2679" s="91"/>
      <c r="FN2679" s="91"/>
      <c r="FO2679" s="91"/>
      <c r="FP2679" s="91"/>
      <c r="FQ2679" s="91"/>
      <c r="FR2679" s="91"/>
      <c r="FS2679" s="91"/>
      <c r="FT2679" s="91"/>
      <c r="FU2679" s="91"/>
      <c r="FV2679" s="91"/>
      <c r="FW2679" s="91"/>
      <c r="FX2679" s="91"/>
      <c r="FY2679" s="91"/>
      <c r="FZ2679" s="91"/>
      <c r="GA2679" s="91"/>
      <c r="GB2679" s="91"/>
      <c r="GC2679" s="91"/>
      <c r="GD2679" s="91"/>
      <c r="GE2679" s="91"/>
      <c r="GF2679" s="91"/>
      <c r="GG2679" s="91"/>
      <c r="GH2679" s="91"/>
      <c r="GI2679" s="91"/>
      <c r="GJ2679" s="91"/>
      <c r="GK2679" s="127"/>
      <c r="GL2679" s="126"/>
      <c r="GM2679" s="91"/>
      <c r="GN2679" s="91"/>
      <c r="GO2679" s="91"/>
      <c r="GP2679" s="91"/>
      <c r="GQ2679" s="91"/>
      <c r="GR2679" s="91"/>
      <c r="GS2679" s="91"/>
      <c r="GT2679" s="91"/>
      <c r="GU2679" s="91"/>
      <c r="GV2679" s="91"/>
      <c r="GW2679" s="91"/>
      <c r="GX2679" s="91"/>
      <c r="GY2679" s="91"/>
      <c r="GZ2679" s="91"/>
      <c r="HA2679" s="91"/>
      <c r="HB2679" s="91"/>
      <c r="HC2679" s="91"/>
      <c r="HD2679" s="91"/>
      <c r="HE2679" s="91"/>
      <c r="HF2679" s="91"/>
      <c r="HG2679" s="91"/>
      <c r="HH2679" s="91"/>
      <c r="HI2679" s="91"/>
      <c r="HJ2679" s="91"/>
      <c r="HK2679" s="127"/>
      <c r="HL2679" s="126"/>
      <c r="HM2679" s="91"/>
      <c r="HN2679" s="91"/>
      <c r="HO2679" s="91"/>
      <c r="HP2679" s="91"/>
      <c r="HQ2679" s="91"/>
      <c r="HR2679" s="91"/>
      <c r="HS2679" s="91"/>
      <c r="HT2679" s="91"/>
      <c r="HU2679" s="91"/>
      <c r="HV2679" s="91"/>
      <c r="HW2679" s="91"/>
      <c r="HX2679" s="91"/>
      <c r="HY2679" s="91"/>
      <c r="HZ2679" s="91"/>
      <c r="IA2679" s="91"/>
      <c r="IB2679" s="91"/>
      <c r="IC2679" s="91"/>
      <c r="ID2679" s="91"/>
      <c r="IE2679" s="91"/>
      <c r="IF2679" s="91"/>
      <c r="IG2679" s="91"/>
      <c r="IH2679" s="91"/>
      <c r="II2679" s="91"/>
      <c r="IJ2679" s="91"/>
      <c r="IK2679" s="127"/>
    </row>
    <row r="2680" spans="2:245" x14ac:dyDescent="0.2">
      <c r="B2680" s="43"/>
      <c r="C2680" s="73"/>
      <c r="D2680" s="64"/>
      <c r="E2680" s="64"/>
      <c r="F2680" s="55"/>
      <c r="G2680" s="102"/>
      <c r="H2680" s="55"/>
      <c r="I2680" s="55"/>
      <c r="J2680" s="55"/>
      <c r="K2680" s="55"/>
      <c r="L2680" s="55"/>
      <c r="M2680" s="55"/>
      <c r="N2680" s="55"/>
      <c r="O2680" s="55"/>
      <c r="P2680" s="55"/>
      <c r="Q2680" s="55"/>
      <c r="R2680" s="55"/>
      <c r="S2680" s="55"/>
      <c r="T2680" s="55"/>
      <c r="U2680" s="55"/>
      <c r="V2680" s="55"/>
      <c r="W2680" s="55"/>
      <c r="X2680" s="55"/>
      <c r="Y2680" s="55"/>
      <c r="Z2680" s="55"/>
      <c r="AA2680" s="55"/>
      <c r="AB2680" s="55"/>
      <c r="AC2680" s="55"/>
      <c r="AD2680" s="55"/>
      <c r="AE2680" s="55"/>
      <c r="AF2680" s="55"/>
      <c r="AG2680" s="55"/>
      <c r="AY2680" s="162"/>
      <c r="AZ2680" s="162"/>
      <c r="BA2680" s="162"/>
      <c r="BB2680" s="162"/>
      <c r="BC2680" s="162"/>
      <c r="BD2680" s="162"/>
      <c r="BE2680" s="162"/>
      <c r="BF2680" s="162"/>
      <c r="BG2680" s="162"/>
      <c r="BH2680" s="162"/>
      <c r="BI2680" s="162"/>
      <c r="BJ2680" s="162"/>
      <c r="BK2680" s="162"/>
      <c r="BL2680" s="162"/>
      <c r="BM2680" s="162"/>
      <c r="BN2680" s="162"/>
      <c r="BO2680" s="162"/>
      <c r="BP2680" s="162"/>
      <c r="BQ2680" s="162"/>
      <c r="BR2680" s="162"/>
      <c r="BS2680" s="162"/>
      <c r="BT2680" s="162"/>
      <c r="BU2680" s="162"/>
      <c r="BV2680" s="162"/>
      <c r="BW2680" s="162"/>
      <c r="BX2680" s="162"/>
      <c r="BY2680" s="162"/>
      <c r="BZ2680" s="162"/>
      <c r="CA2680" s="162"/>
      <c r="CB2680" s="162"/>
      <c r="CC2680" s="162"/>
      <c r="CD2680" s="162"/>
      <c r="CE2680" s="162"/>
      <c r="CF2680" s="162"/>
      <c r="CG2680" s="162"/>
      <c r="CH2680" s="162"/>
      <c r="CI2680" s="162"/>
      <c r="CJ2680" s="162"/>
      <c r="CK2680" s="162"/>
      <c r="CX2680" s="98"/>
      <c r="DL2680" s="97"/>
      <c r="DX2680" s="98"/>
      <c r="EL2680" s="97"/>
      <c r="EX2680" s="98"/>
      <c r="EY2680" s="97"/>
      <c r="FL2680" s="126"/>
      <c r="FM2680" s="91"/>
      <c r="FN2680" s="91"/>
      <c r="FO2680" s="91"/>
      <c r="FP2680" s="91"/>
      <c r="FQ2680" s="91"/>
      <c r="FR2680" s="91"/>
      <c r="FS2680" s="91"/>
      <c r="FT2680" s="91"/>
      <c r="FU2680" s="91"/>
      <c r="FV2680" s="91"/>
      <c r="FW2680" s="91"/>
      <c r="FX2680" s="91"/>
      <c r="FY2680" s="91"/>
      <c r="FZ2680" s="91"/>
      <c r="GA2680" s="91"/>
      <c r="GB2680" s="91"/>
      <c r="GC2680" s="91"/>
      <c r="GD2680" s="91"/>
      <c r="GE2680" s="91"/>
      <c r="GF2680" s="91"/>
      <c r="GG2680" s="91"/>
      <c r="GH2680" s="91"/>
      <c r="GI2680" s="91"/>
      <c r="GJ2680" s="91"/>
      <c r="GK2680" s="127"/>
      <c r="GL2680" s="126"/>
      <c r="GM2680" s="91"/>
      <c r="GN2680" s="91"/>
      <c r="GO2680" s="91"/>
      <c r="GP2680" s="91"/>
      <c r="GQ2680" s="91"/>
      <c r="GR2680" s="91"/>
      <c r="GS2680" s="91"/>
      <c r="GT2680" s="91"/>
      <c r="GU2680" s="91"/>
      <c r="GV2680" s="91"/>
      <c r="GW2680" s="91"/>
      <c r="GX2680" s="91"/>
      <c r="GY2680" s="91"/>
      <c r="GZ2680" s="91"/>
      <c r="HA2680" s="91"/>
      <c r="HB2680" s="91"/>
      <c r="HC2680" s="91"/>
      <c r="HD2680" s="91"/>
      <c r="HE2680" s="91"/>
      <c r="HF2680" s="91"/>
      <c r="HG2680" s="91"/>
      <c r="HH2680" s="91"/>
      <c r="HI2680" s="91"/>
      <c r="HJ2680" s="91"/>
      <c r="HK2680" s="127"/>
      <c r="HL2680" s="126"/>
      <c r="HM2680" s="91"/>
      <c r="HN2680" s="91"/>
      <c r="HO2680" s="91"/>
      <c r="HP2680" s="91"/>
      <c r="HQ2680" s="91"/>
      <c r="HR2680" s="91"/>
      <c r="HS2680" s="91"/>
      <c r="HT2680" s="91"/>
      <c r="HU2680" s="91"/>
      <c r="HV2680" s="91"/>
      <c r="HW2680" s="91"/>
      <c r="HX2680" s="91"/>
      <c r="HY2680" s="91"/>
      <c r="HZ2680" s="91"/>
      <c r="IA2680" s="91"/>
      <c r="IB2680" s="91"/>
      <c r="IC2680" s="91"/>
      <c r="ID2680" s="91"/>
      <c r="IE2680" s="91"/>
      <c r="IF2680" s="91"/>
      <c r="IG2680" s="91"/>
      <c r="IH2680" s="91"/>
      <c r="II2680" s="91"/>
      <c r="IJ2680" s="91"/>
      <c r="IK2680" s="127"/>
    </row>
    <row r="2681" spans="2:245" x14ac:dyDescent="0.2">
      <c r="B2681" s="43"/>
      <c r="C2681" s="73"/>
      <c r="D2681" s="64"/>
      <c r="E2681" s="64"/>
      <c r="F2681" s="55"/>
      <c r="G2681" s="102"/>
      <c r="H2681" s="55"/>
      <c r="I2681" s="55"/>
      <c r="J2681" s="55"/>
      <c r="K2681" s="55"/>
      <c r="L2681" s="55"/>
      <c r="M2681" s="55"/>
      <c r="N2681" s="55"/>
      <c r="O2681" s="55"/>
      <c r="P2681" s="55"/>
      <c r="Q2681" s="55"/>
      <c r="R2681" s="55"/>
      <c r="S2681" s="55"/>
      <c r="T2681" s="55"/>
      <c r="U2681" s="55"/>
      <c r="V2681" s="55"/>
      <c r="W2681" s="55"/>
      <c r="X2681" s="55"/>
      <c r="Y2681" s="55"/>
      <c r="Z2681" s="55"/>
      <c r="AA2681" s="55"/>
      <c r="AB2681" s="55"/>
      <c r="AC2681" s="55"/>
      <c r="AD2681" s="55"/>
      <c r="AE2681" s="55"/>
      <c r="AF2681" s="55"/>
      <c r="AG2681" s="55"/>
      <c r="AY2681" s="162"/>
      <c r="AZ2681" s="162"/>
      <c r="BA2681" s="162"/>
      <c r="BB2681" s="162"/>
      <c r="BC2681" s="162"/>
      <c r="BD2681" s="162"/>
      <c r="BE2681" s="162"/>
      <c r="BF2681" s="162"/>
      <c r="BG2681" s="162"/>
      <c r="BH2681" s="162"/>
      <c r="BI2681" s="162"/>
      <c r="BJ2681" s="162"/>
      <c r="BK2681" s="162"/>
      <c r="BL2681" s="162"/>
      <c r="BM2681" s="162"/>
      <c r="BN2681" s="162"/>
      <c r="BO2681" s="162"/>
      <c r="BP2681" s="162"/>
      <c r="BQ2681" s="162"/>
      <c r="BR2681" s="162"/>
      <c r="BS2681" s="162"/>
      <c r="BT2681" s="162"/>
      <c r="BU2681" s="162"/>
      <c r="BV2681" s="162"/>
      <c r="BW2681" s="162"/>
      <c r="BX2681" s="162"/>
      <c r="BY2681" s="162"/>
      <c r="BZ2681" s="162"/>
      <c r="CA2681" s="162"/>
      <c r="CB2681" s="162"/>
      <c r="CC2681" s="162"/>
      <c r="CD2681" s="162"/>
      <c r="CE2681" s="162"/>
      <c r="CF2681" s="162"/>
      <c r="CG2681" s="162"/>
      <c r="CH2681" s="162"/>
      <c r="CI2681" s="162"/>
      <c r="CJ2681" s="162"/>
      <c r="CK2681" s="162"/>
      <c r="CX2681" s="98"/>
      <c r="DL2681" s="97"/>
      <c r="DX2681" s="98"/>
      <c r="EL2681" s="97"/>
      <c r="EX2681" s="98"/>
      <c r="EY2681" s="97"/>
      <c r="FL2681" s="126"/>
      <c r="FM2681" s="91"/>
      <c r="FN2681" s="91"/>
      <c r="FO2681" s="91"/>
      <c r="FP2681" s="91"/>
      <c r="FQ2681" s="91"/>
      <c r="FR2681" s="91"/>
      <c r="FS2681" s="91"/>
      <c r="FT2681" s="91"/>
      <c r="FU2681" s="91"/>
      <c r="FV2681" s="91"/>
      <c r="FW2681" s="91"/>
      <c r="FX2681" s="91"/>
      <c r="FY2681" s="91"/>
      <c r="FZ2681" s="91"/>
      <c r="GA2681" s="91"/>
      <c r="GB2681" s="91"/>
      <c r="GC2681" s="91"/>
      <c r="GD2681" s="91"/>
      <c r="GE2681" s="91"/>
      <c r="GF2681" s="91"/>
      <c r="GG2681" s="91"/>
      <c r="GH2681" s="91"/>
      <c r="GI2681" s="91"/>
      <c r="GJ2681" s="91"/>
      <c r="GK2681" s="127"/>
      <c r="GL2681" s="126"/>
      <c r="GM2681" s="91"/>
      <c r="GN2681" s="91"/>
      <c r="GO2681" s="91"/>
      <c r="GP2681" s="91"/>
      <c r="GQ2681" s="91"/>
      <c r="GR2681" s="91"/>
      <c r="GS2681" s="91"/>
      <c r="GT2681" s="91"/>
      <c r="GU2681" s="91"/>
      <c r="GV2681" s="91"/>
      <c r="GW2681" s="91"/>
      <c r="GX2681" s="91"/>
      <c r="GY2681" s="91"/>
      <c r="GZ2681" s="91"/>
      <c r="HA2681" s="91"/>
      <c r="HB2681" s="91"/>
      <c r="HC2681" s="91"/>
      <c r="HD2681" s="91"/>
      <c r="HE2681" s="91"/>
      <c r="HF2681" s="91"/>
      <c r="HG2681" s="91"/>
      <c r="HH2681" s="91"/>
      <c r="HI2681" s="91"/>
      <c r="HJ2681" s="91"/>
      <c r="HK2681" s="127"/>
      <c r="HL2681" s="126"/>
      <c r="HM2681" s="91"/>
      <c r="HN2681" s="91"/>
      <c r="HO2681" s="91"/>
      <c r="HP2681" s="91"/>
      <c r="HQ2681" s="91"/>
      <c r="HR2681" s="91"/>
      <c r="HS2681" s="91"/>
      <c r="HT2681" s="91"/>
      <c r="HU2681" s="91"/>
      <c r="HV2681" s="91"/>
      <c r="HW2681" s="91"/>
      <c r="HX2681" s="91"/>
      <c r="HY2681" s="91"/>
      <c r="HZ2681" s="91"/>
      <c r="IA2681" s="91"/>
      <c r="IB2681" s="91"/>
      <c r="IC2681" s="91"/>
      <c r="ID2681" s="91"/>
      <c r="IE2681" s="91"/>
      <c r="IF2681" s="91"/>
      <c r="IG2681" s="91"/>
      <c r="IH2681" s="91"/>
      <c r="II2681" s="91"/>
      <c r="IJ2681" s="91"/>
      <c r="IK2681" s="127"/>
    </row>
    <row r="2682" spans="2:245" x14ac:dyDescent="0.2">
      <c r="B2682" s="43"/>
      <c r="C2682" s="73"/>
      <c r="D2682" s="64"/>
      <c r="E2682" s="64"/>
      <c r="F2682" s="55"/>
      <c r="G2682" s="102"/>
      <c r="H2682" s="55"/>
      <c r="I2682" s="55"/>
      <c r="J2682" s="55"/>
      <c r="K2682" s="55"/>
      <c r="L2682" s="55"/>
      <c r="M2682" s="55"/>
      <c r="N2682" s="55"/>
      <c r="O2682" s="55"/>
      <c r="P2682" s="55"/>
      <c r="Q2682" s="55"/>
      <c r="R2682" s="55"/>
      <c r="S2682" s="55"/>
      <c r="T2682" s="55"/>
      <c r="U2682" s="55"/>
      <c r="V2682" s="55"/>
      <c r="W2682" s="55"/>
      <c r="X2682" s="55"/>
      <c r="Y2682" s="55"/>
      <c r="Z2682" s="55"/>
      <c r="AA2682" s="55"/>
      <c r="AB2682" s="55"/>
      <c r="AC2682" s="55"/>
      <c r="AD2682" s="55"/>
      <c r="AE2682" s="55"/>
      <c r="AF2682" s="55"/>
      <c r="AG2682" s="55"/>
      <c r="AY2682" s="162"/>
      <c r="AZ2682" s="162"/>
      <c r="BA2682" s="162"/>
      <c r="BB2682" s="162"/>
      <c r="BC2682" s="162"/>
      <c r="BD2682" s="162"/>
      <c r="BE2682" s="162"/>
      <c r="BF2682" s="162"/>
      <c r="BG2682" s="162"/>
      <c r="BH2682" s="162"/>
      <c r="BI2682" s="162"/>
      <c r="BJ2682" s="162"/>
      <c r="BK2682" s="162"/>
      <c r="BL2682" s="162"/>
      <c r="BM2682" s="162"/>
      <c r="BN2682" s="162"/>
      <c r="BO2682" s="162"/>
      <c r="BP2682" s="162"/>
      <c r="BQ2682" s="162"/>
      <c r="BR2682" s="162"/>
      <c r="BS2682" s="162"/>
      <c r="BT2682" s="162"/>
      <c r="BU2682" s="162"/>
      <c r="BV2682" s="162"/>
      <c r="BW2682" s="162"/>
      <c r="BX2682" s="162"/>
      <c r="BY2682" s="162"/>
      <c r="BZ2682" s="162"/>
      <c r="CA2682" s="162"/>
      <c r="CB2682" s="162"/>
      <c r="CC2682" s="162"/>
      <c r="CD2682" s="162"/>
      <c r="CE2682" s="162"/>
      <c r="CF2682" s="162"/>
      <c r="CG2682" s="162"/>
      <c r="CH2682" s="162"/>
      <c r="CI2682" s="162"/>
      <c r="CJ2682" s="162"/>
      <c r="CK2682" s="162"/>
      <c r="CX2682" s="98"/>
      <c r="DL2682" s="97"/>
      <c r="DX2682" s="98"/>
      <c r="EL2682" s="97"/>
      <c r="EX2682" s="98"/>
      <c r="EY2682" s="97"/>
      <c r="FL2682" s="126"/>
      <c r="FM2682" s="91"/>
      <c r="FN2682" s="91"/>
      <c r="FO2682" s="91"/>
      <c r="FP2682" s="91"/>
      <c r="FQ2682" s="91"/>
      <c r="FR2682" s="91"/>
      <c r="FS2682" s="91"/>
      <c r="FT2682" s="91"/>
      <c r="FU2682" s="91"/>
      <c r="FV2682" s="91"/>
      <c r="FW2682" s="91"/>
      <c r="FX2682" s="91"/>
      <c r="FY2682" s="91"/>
      <c r="FZ2682" s="91"/>
      <c r="GA2682" s="91"/>
      <c r="GB2682" s="91"/>
      <c r="GC2682" s="91"/>
      <c r="GD2682" s="91"/>
      <c r="GE2682" s="91"/>
      <c r="GF2682" s="91"/>
      <c r="GG2682" s="91"/>
      <c r="GH2682" s="91"/>
      <c r="GI2682" s="91"/>
      <c r="GJ2682" s="91"/>
      <c r="GK2682" s="127"/>
      <c r="GL2682" s="126"/>
      <c r="GM2682" s="91"/>
      <c r="GN2682" s="91"/>
      <c r="GO2682" s="91"/>
      <c r="GP2682" s="91"/>
      <c r="GQ2682" s="91"/>
      <c r="GR2682" s="91"/>
      <c r="GS2682" s="91"/>
      <c r="GT2682" s="91"/>
      <c r="GU2682" s="91"/>
      <c r="GV2682" s="91"/>
      <c r="GW2682" s="91"/>
      <c r="GX2682" s="91"/>
      <c r="GY2682" s="91"/>
      <c r="GZ2682" s="91"/>
      <c r="HA2682" s="91"/>
      <c r="HB2682" s="91"/>
      <c r="HC2682" s="91"/>
      <c r="HD2682" s="91"/>
      <c r="HE2682" s="91"/>
      <c r="HF2682" s="91"/>
      <c r="HG2682" s="91"/>
      <c r="HH2682" s="91"/>
      <c r="HI2682" s="91"/>
      <c r="HJ2682" s="91"/>
      <c r="HK2682" s="127"/>
      <c r="HL2682" s="126"/>
      <c r="HM2682" s="91"/>
      <c r="HN2682" s="91"/>
      <c r="HO2682" s="91"/>
      <c r="HP2682" s="91"/>
      <c r="HQ2682" s="91"/>
      <c r="HR2682" s="91"/>
      <c r="HS2682" s="91"/>
      <c r="HT2682" s="91"/>
      <c r="HU2682" s="91"/>
      <c r="HV2682" s="91"/>
      <c r="HW2682" s="91"/>
      <c r="HX2682" s="91"/>
      <c r="HY2682" s="91"/>
      <c r="HZ2682" s="91"/>
      <c r="IA2682" s="91"/>
      <c r="IB2682" s="91"/>
      <c r="IC2682" s="91"/>
      <c r="ID2682" s="91"/>
      <c r="IE2682" s="91"/>
      <c r="IF2682" s="91"/>
      <c r="IG2682" s="91"/>
      <c r="IH2682" s="91"/>
      <c r="II2682" s="91"/>
      <c r="IJ2682" s="91"/>
      <c r="IK2682" s="127"/>
    </row>
    <row r="2683" spans="2:245" x14ac:dyDescent="0.2">
      <c r="B2683" s="43"/>
      <c r="C2683" s="73"/>
      <c r="D2683" s="64"/>
      <c r="E2683" s="64"/>
      <c r="F2683" s="55"/>
      <c r="G2683" s="102"/>
      <c r="H2683" s="55"/>
      <c r="I2683" s="55"/>
      <c r="J2683" s="55"/>
      <c r="K2683" s="55"/>
      <c r="L2683" s="55"/>
      <c r="M2683" s="55"/>
      <c r="N2683" s="55"/>
      <c r="O2683" s="55"/>
      <c r="P2683" s="55"/>
      <c r="Q2683" s="55"/>
      <c r="R2683" s="55"/>
      <c r="S2683" s="55"/>
      <c r="T2683" s="55"/>
      <c r="U2683" s="55"/>
      <c r="V2683" s="55"/>
      <c r="W2683" s="55"/>
      <c r="X2683" s="55"/>
      <c r="Y2683" s="55"/>
      <c r="Z2683" s="55"/>
      <c r="AA2683" s="55"/>
      <c r="AB2683" s="55"/>
      <c r="AC2683" s="55"/>
      <c r="AD2683" s="55"/>
      <c r="AE2683" s="55"/>
      <c r="AF2683" s="55"/>
      <c r="AG2683" s="55"/>
      <c r="AY2683" s="162"/>
      <c r="AZ2683" s="162"/>
      <c r="BA2683" s="162"/>
      <c r="BB2683" s="162"/>
      <c r="BC2683" s="162"/>
      <c r="BD2683" s="162"/>
      <c r="BE2683" s="162"/>
      <c r="BF2683" s="162"/>
      <c r="BG2683" s="162"/>
      <c r="BH2683" s="162"/>
      <c r="BI2683" s="162"/>
      <c r="BJ2683" s="162"/>
      <c r="BK2683" s="162"/>
      <c r="BL2683" s="162"/>
      <c r="BM2683" s="162"/>
      <c r="BN2683" s="162"/>
      <c r="BO2683" s="162"/>
      <c r="BP2683" s="162"/>
      <c r="BQ2683" s="162"/>
      <c r="BR2683" s="162"/>
      <c r="BS2683" s="162"/>
      <c r="BT2683" s="162"/>
      <c r="BU2683" s="162"/>
      <c r="BV2683" s="162"/>
      <c r="BW2683" s="162"/>
      <c r="BX2683" s="162"/>
      <c r="BY2683" s="162"/>
      <c r="BZ2683" s="162"/>
      <c r="CA2683" s="162"/>
      <c r="CB2683" s="162"/>
      <c r="CC2683" s="162"/>
      <c r="CD2683" s="162"/>
      <c r="CE2683" s="162"/>
      <c r="CF2683" s="162"/>
      <c r="CG2683" s="162"/>
      <c r="CH2683" s="162"/>
      <c r="CI2683" s="162"/>
      <c r="CJ2683" s="162"/>
      <c r="CK2683" s="162"/>
      <c r="CX2683" s="98"/>
      <c r="DL2683" s="97"/>
      <c r="DX2683" s="98"/>
      <c r="EL2683" s="97"/>
      <c r="EX2683" s="98"/>
      <c r="EY2683" s="97"/>
      <c r="FL2683" s="126"/>
      <c r="FM2683" s="91"/>
      <c r="FN2683" s="91"/>
      <c r="FO2683" s="91"/>
      <c r="FP2683" s="91"/>
      <c r="FQ2683" s="91"/>
      <c r="FR2683" s="91"/>
      <c r="FS2683" s="91"/>
      <c r="FT2683" s="91"/>
      <c r="FU2683" s="91"/>
      <c r="FV2683" s="91"/>
      <c r="FW2683" s="91"/>
      <c r="FX2683" s="91"/>
      <c r="FY2683" s="91"/>
      <c r="FZ2683" s="91"/>
      <c r="GA2683" s="91"/>
      <c r="GB2683" s="91"/>
      <c r="GC2683" s="91"/>
      <c r="GD2683" s="91"/>
      <c r="GE2683" s="91"/>
      <c r="GF2683" s="91"/>
      <c r="GG2683" s="91"/>
      <c r="GH2683" s="91"/>
      <c r="GI2683" s="91"/>
      <c r="GJ2683" s="91"/>
      <c r="GK2683" s="127"/>
      <c r="GL2683" s="126"/>
      <c r="GM2683" s="91"/>
      <c r="GN2683" s="91"/>
      <c r="GO2683" s="91"/>
      <c r="GP2683" s="91"/>
      <c r="GQ2683" s="91"/>
      <c r="GR2683" s="91"/>
      <c r="GS2683" s="91"/>
      <c r="GT2683" s="91"/>
      <c r="GU2683" s="91"/>
      <c r="GV2683" s="91"/>
      <c r="GW2683" s="91"/>
      <c r="GX2683" s="91"/>
      <c r="GY2683" s="91"/>
      <c r="GZ2683" s="91"/>
      <c r="HA2683" s="91"/>
      <c r="HB2683" s="91"/>
      <c r="HC2683" s="91"/>
      <c r="HD2683" s="91"/>
      <c r="HE2683" s="91"/>
      <c r="HF2683" s="91"/>
      <c r="HG2683" s="91"/>
      <c r="HH2683" s="91"/>
      <c r="HI2683" s="91"/>
      <c r="HJ2683" s="91"/>
      <c r="HK2683" s="127"/>
      <c r="HL2683" s="126"/>
      <c r="HM2683" s="91"/>
      <c r="HN2683" s="91"/>
      <c r="HO2683" s="91"/>
      <c r="HP2683" s="91"/>
      <c r="HQ2683" s="91"/>
      <c r="HR2683" s="91"/>
      <c r="HS2683" s="91"/>
      <c r="HT2683" s="91"/>
      <c r="HU2683" s="91"/>
      <c r="HV2683" s="91"/>
      <c r="HW2683" s="91"/>
      <c r="HX2683" s="91"/>
      <c r="HY2683" s="91"/>
      <c r="HZ2683" s="91"/>
      <c r="IA2683" s="91"/>
      <c r="IB2683" s="91"/>
      <c r="IC2683" s="91"/>
      <c r="ID2683" s="91"/>
      <c r="IE2683" s="91"/>
      <c r="IF2683" s="91"/>
      <c r="IG2683" s="91"/>
      <c r="IH2683" s="91"/>
      <c r="II2683" s="91"/>
      <c r="IJ2683" s="91"/>
      <c r="IK2683" s="127"/>
    </row>
    <row r="2684" spans="2:245" x14ac:dyDescent="0.2">
      <c r="B2684" s="43"/>
      <c r="C2684" s="73"/>
      <c r="D2684" s="64"/>
      <c r="E2684" s="64"/>
      <c r="F2684" s="55"/>
      <c r="G2684" s="102"/>
      <c r="H2684" s="55"/>
      <c r="I2684" s="55"/>
      <c r="J2684" s="55"/>
      <c r="K2684" s="55"/>
      <c r="L2684" s="55"/>
      <c r="M2684" s="55"/>
      <c r="N2684" s="55"/>
      <c r="O2684" s="55"/>
      <c r="P2684" s="55"/>
      <c r="Q2684" s="55"/>
      <c r="R2684" s="55"/>
      <c r="S2684" s="55"/>
      <c r="T2684" s="55"/>
      <c r="U2684" s="55"/>
      <c r="V2684" s="55"/>
      <c r="W2684" s="55"/>
      <c r="X2684" s="55"/>
      <c r="Y2684" s="55"/>
      <c r="Z2684" s="55"/>
      <c r="AA2684" s="55"/>
      <c r="AB2684" s="55"/>
      <c r="AC2684" s="55"/>
      <c r="AD2684" s="55"/>
      <c r="AE2684" s="55"/>
      <c r="AF2684" s="55"/>
      <c r="AG2684" s="55"/>
      <c r="AY2684" s="162"/>
      <c r="AZ2684" s="162"/>
      <c r="BA2684" s="162"/>
      <c r="BB2684" s="162"/>
      <c r="BC2684" s="162"/>
      <c r="BD2684" s="162"/>
      <c r="BE2684" s="162"/>
      <c r="BF2684" s="162"/>
      <c r="BG2684" s="162"/>
      <c r="BH2684" s="162"/>
      <c r="BI2684" s="162"/>
      <c r="BJ2684" s="162"/>
      <c r="BK2684" s="162"/>
      <c r="BL2684" s="162"/>
      <c r="BM2684" s="162"/>
      <c r="BN2684" s="162"/>
      <c r="BO2684" s="162"/>
      <c r="BP2684" s="162"/>
      <c r="BQ2684" s="162"/>
      <c r="BR2684" s="162"/>
      <c r="BS2684" s="162"/>
      <c r="BT2684" s="162"/>
      <c r="BU2684" s="162"/>
      <c r="BV2684" s="162"/>
      <c r="BW2684" s="162"/>
      <c r="BX2684" s="162"/>
      <c r="BY2684" s="162"/>
      <c r="BZ2684" s="162"/>
      <c r="CA2684" s="162"/>
      <c r="CB2684" s="162"/>
      <c r="CC2684" s="162"/>
      <c r="CD2684" s="162"/>
      <c r="CE2684" s="162"/>
      <c r="CF2684" s="162"/>
      <c r="CG2684" s="162"/>
      <c r="CH2684" s="162"/>
      <c r="CI2684" s="162"/>
      <c r="CJ2684" s="162"/>
      <c r="CK2684" s="162"/>
      <c r="CX2684" s="98"/>
      <c r="DL2684" s="97"/>
      <c r="DX2684" s="98"/>
      <c r="EL2684" s="97"/>
      <c r="EX2684" s="98"/>
      <c r="EY2684" s="97"/>
      <c r="FL2684" s="126"/>
      <c r="FM2684" s="91"/>
      <c r="FN2684" s="91"/>
      <c r="FO2684" s="91"/>
      <c r="FP2684" s="91"/>
      <c r="FQ2684" s="91"/>
      <c r="FR2684" s="91"/>
      <c r="FS2684" s="91"/>
      <c r="FT2684" s="91"/>
      <c r="FU2684" s="91"/>
      <c r="FV2684" s="91"/>
      <c r="FW2684" s="91"/>
      <c r="FX2684" s="91"/>
      <c r="FY2684" s="91"/>
      <c r="FZ2684" s="91"/>
      <c r="GA2684" s="91"/>
      <c r="GB2684" s="91"/>
      <c r="GC2684" s="91"/>
      <c r="GD2684" s="91"/>
      <c r="GE2684" s="91"/>
      <c r="GF2684" s="91"/>
      <c r="GG2684" s="91"/>
      <c r="GH2684" s="91"/>
      <c r="GI2684" s="91"/>
      <c r="GJ2684" s="91"/>
      <c r="GK2684" s="127"/>
      <c r="GL2684" s="126"/>
      <c r="GM2684" s="91"/>
      <c r="GN2684" s="91"/>
      <c r="GO2684" s="91"/>
      <c r="GP2684" s="91"/>
      <c r="GQ2684" s="91"/>
      <c r="GR2684" s="91"/>
      <c r="GS2684" s="91"/>
      <c r="GT2684" s="91"/>
      <c r="GU2684" s="91"/>
      <c r="GV2684" s="91"/>
      <c r="GW2684" s="91"/>
      <c r="GX2684" s="91"/>
      <c r="GY2684" s="91"/>
      <c r="GZ2684" s="91"/>
      <c r="HA2684" s="91"/>
      <c r="HB2684" s="91"/>
      <c r="HC2684" s="91"/>
      <c r="HD2684" s="91"/>
      <c r="HE2684" s="91"/>
      <c r="HF2684" s="91"/>
      <c r="HG2684" s="91"/>
      <c r="HH2684" s="91"/>
      <c r="HI2684" s="91"/>
      <c r="HJ2684" s="91"/>
      <c r="HK2684" s="127"/>
      <c r="HL2684" s="126"/>
      <c r="HM2684" s="91"/>
      <c r="HN2684" s="91"/>
      <c r="HO2684" s="91"/>
      <c r="HP2684" s="91"/>
      <c r="HQ2684" s="91"/>
      <c r="HR2684" s="91"/>
      <c r="HS2684" s="91"/>
      <c r="HT2684" s="91"/>
      <c r="HU2684" s="91"/>
      <c r="HV2684" s="91"/>
      <c r="HW2684" s="91"/>
      <c r="HX2684" s="91"/>
      <c r="HY2684" s="91"/>
      <c r="HZ2684" s="91"/>
      <c r="IA2684" s="91"/>
      <c r="IB2684" s="91"/>
      <c r="IC2684" s="91"/>
      <c r="ID2684" s="91"/>
      <c r="IE2684" s="91"/>
      <c r="IF2684" s="91"/>
      <c r="IG2684" s="91"/>
      <c r="IH2684" s="91"/>
      <c r="II2684" s="91"/>
      <c r="IJ2684" s="91"/>
      <c r="IK2684" s="127"/>
    </row>
    <row r="2685" spans="2:245" x14ac:dyDescent="0.2">
      <c r="B2685" s="43"/>
      <c r="C2685" s="73"/>
      <c r="D2685" s="64"/>
      <c r="E2685" s="64"/>
      <c r="F2685" s="55"/>
      <c r="G2685" s="102"/>
      <c r="H2685" s="55"/>
      <c r="I2685" s="55"/>
      <c r="J2685" s="55"/>
      <c r="K2685" s="55"/>
      <c r="L2685" s="55"/>
      <c r="M2685" s="55"/>
      <c r="N2685" s="55"/>
      <c r="O2685" s="55"/>
      <c r="P2685" s="55"/>
      <c r="Q2685" s="55"/>
      <c r="R2685" s="55"/>
      <c r="S2685" s="55"/>
      <c r="T2685" s="55"/>
      <c r="U2685" s="55"/>
      <c r="V2685" s="55"/>
      <c r="W2685" s="55"/>
      <c r="X2685" s="55"/>
      <c r="Y2685" s="55"/>
      <c r="Z2685" s="55"/>
      <c r="AA2685" s="55"/>
      <c r="AB2685" s="55"/>
      <c r="AC2685" s="55"/>
      <c r="AD2685" s="55"/>
      <c r="AE2685" s="55"/>
      <c r="AF2685" s="55"/>
      <c r="AG2685" s="55"/>
      <c r="AY2685" s="162"/>
      <c r="AZ2685" s="162"/>
      <c r="BA2685" s="162"/>
      <c r="BB2685" s="162"/>
      <c r="BC2685" s="162"/>
      <c r="BD2685" s="162"/>
      <c r="BE2685" s="162"/>
      <c r="BF2685" s="162"/>
      <c r="BG2685" s="162"/>
      <c r="BH2685" s="162"/>
      <c r="BI2685" s="162"/>
      <c r="BJ2685" s="162"/>
      <c r="BK2685" s="162"/>
      <c r="BL2685" s="162"/>
      <c r="BM2685" s="162"/>
      <c r="BN2685" s="162"/>
      <c r="BO2685" s="162"/>
      <c r="BP2685" s="162"/>
      <c r="BQ2685" s="162"/>
      <c r="BR2685" s="162"/>
      <c r="BS2685" s="162"/>
      <c r="BT2685" s="162"/>
      <c r="BU2685" s="162"/>
      <c r="BV2685" s="162"/>
      <c r="BW2685" s="162"/>
      <c r="BX2685" s="162"/>
      <c r="BY2685" s="162"/>
      <c r="BZ2685" s="162"/>
      <c r="CA2685" s="162"/>
      <c r="CB2685" s="162"/>
      <c r="CC2685" s="162"/>
      <c r="CD2685" s="162"/>
      <c r="CE2685" s="162"/>
      <c r="CF2685" s="162"/>
      <c r="CG2685" s="162"/>
      <c r="CH2685" s="162"/>
      <c r="CI2685" s="162"/>
      <c r="CJ2685" s="162"/>
      <c r="CK2685" s="162"/>
      <c r="CX2685" s="98"/>
      <c r="DL2685" s="97"/>
      <c r="DX2685" s="98"/>
      <c r="EL2685" s="97"/>
      <c r="EX2685" s="98"/>
      <c r="EY2685" s="97"/>
      <c r="FL2685" s="126"/>
      <c r="FM2685" s="91"/>
      <c r="FN2685" s="91"/>
      <c r="FO2685" s="91"/>
      <c r="FP2685" s="91"/>
      <c r="FQ2685" s="91"/>
      <c r="FR2685" s="91"/>
      <c r="FS2685" s="91"/>
      <c r="FT2685" s="91"/>
      <c r="FU2685" s="91"/>
      <c r="FV2685" s="91"/>
      <c r="FW2685" s="91"/>
      <c r="FX2685" s="91"/>
      <c r="FY2685" s="91"/>
      <c r="FZ2685" s="91"/>
      <c r="GA2685" s="91"/>
      <c r="GB2685" s="91"/>
      <c r="GC2685" s="91"/>
      <c r="GD2685" s="91"/>
      <c r="GE2685" s="91"/>
      <c r="GF2685" s="91"/>
      <c r="GG2685" s="91"/>
      <c r="GH2685" s="91"/>
      <c r="GI2685" s="91"/>
      <c r="GJ2685" s="91"/>
      <c r="GK2685" s="127"/>
      <c r="GL2685" s="126"/>
      <c r="GM2685" s="91"/>
      <c r="GN2685" s="91"/>
      <c r="GO2685" s="91"/>
      <c r="GP2685" s="91"/>
      <c r="GQ2685" s="91"/>
      <c r="GR2685" s="91"/>
      <c r="GS2685" s="91"/>
      <c r="GT2685" s="91"/>
      <c r="GU2685" s="91"/>
      <c r="GV2685" s="91"/>
      <c r="GW2685" s="91"/>
      <c r="GX2685" s="91"/>
      <c r="GY2685" s="91"/>
      <c r="GZ2685" s="91"/>
      <c r="HA2685" s="91"/>
      <c r="HB2685" s="91"/>
      <c r="HC2685" s="91"/>
      <c r="HD2685" s="91"/>
      <c r="HE2685" s="91"/>
      <c r="HF2685" s="91"/>
      <c r="HG2685" s="91"/>
      <c r="HH2685" s="91"/>
      <c r="HI2685" s="91"/>
      <c r="HJ2685" s="91"/>
      <c r="HK2685" s="127"/>
      <c r="HL2685" s="126"/>
      <c r="HM2685" s="91"/>
      <c r="HN2685" s="91"/>
      <c r="HO2685" s="91"/>
      <c r="HP2685" s="91"/>
      <c r="HQ2685" s="91"/>
      <c r="HR2685" s="91"/>
      <c r="HS2685" s="91"/>
      <c r="HT2685" s="91"/>
      <c r="HU2685" s="91"/>
      <c r="HV2685" s="91"/>
      <c r="HW2685" s="91"/>
      <c r="HX2685" s="91"/>
      <c r="HY2685" s="91"/>
      <c r="HZ2685" s="91"/>
      <c r="IA2685" s="91"/>
      <c r="IB2685" s="91"/>
      <c r="IC2685" s="91"/>
      <c r="ID2685" s="91"/>
      <c r="IE2685" s="91"/>
      <c r="IF2685" s="91"/>
      <c r="IG2685" s="91"/>
      <c r="IH2685" s="91"/>
      <c r="II2685" s="91"/>
      <c r="IJ2685" s="91"/>
      <c r="IK2685" s="127"/>
    </row>
    <row r="2686" spans="2:245" x14ac:dyDescent="0.2">
      <c r="B2686" s="43"/>
      <c r="C2686" s="73"/>
      <c r="D2686" s="64"/>
      <c r="E2686" s="64"/>
      <c r="F2686" s="55"/>
      <c r="G2686" s="102"/>
      <c r="H2686" s="55"/>
      <c r="I2686" s="55"/>
      <c r="J2686" s="55"/>
      <c r="K2686" s="55"/>
      <c r="L2686" s="55"/>
      <c r="M2686" s="55"/>
      <c r="N2686" s="55"/>
      <c r="O2686" s="55"/>
      <c r="P2686" s="55"/>
      <c r="Q2686" s="55"/>
      <c r="R2686" s="55"/>
      <c r="S2686" s="55"/>
      <c r="T2686" s="55"/>
      <c r="U2686" s="55"/>
      <c r="V2686" s="55"/>
      <c r="W2686" s="55"/>
      <c r="X2686" s="55"/>
      <c r="Y2686" s="55"/>
      <c r="Z2686" s="55"/>
      <c r="AA2686" s="55"/>
      <c r="AB2686" s="55"/>
      <c r="AC2686" s="55"/>
      <c r="AD2686" s="55"/>
      <c r="AE2686" s="55"/>
      <c r="AF2686" s="55"/>
      <c r="AG2686" s="55"/>
      <c r="AY2686" s="162"/>
      <c r="AZ2686" s="162"/>
      <c r="BA2686" s="162"/>
      <c r="BB2686" s="162"/>
      <c r="BC2686" s="162"/>
      <c r="BD2686" s="162"/>
      <c r="BE2686" s="162"/>
      <c r="BF2686" s="162"/>
      <c r="BG2686" s="162"/>
      <c r="BH2686" s="162"/>
      <c r="BI2686" s="162"/>
      <c r="BJ2686" s="162"/>
      <c r="BK2686" s="162"/>
      <c r="BL2686" s="162"/>
      <c r="BM2686" s="162"/>
      <c r="BN2686" s="162"/>
      <c r="BO2686" s="162"/>
      <c r="BP2686" s="162"/>
      <c r="BQ2686" s="162"/>
      <c r="BR2686" s="162"/>
      <c r="BS2686" s="162"/>
      <c r="BT2686" s="162"/>
      <c r="BU2686" s="162"/>
      <c r="BV2686" s="162"/>
      <c r="BW2686" s="162"/>
      <c r="BX2686" s="162"/>
      <c r="BY2686" s="162"/>
      <c r="BZ2686" s="162"/>
      <c r="CA2686" s="162"/>
      <c r="CB2686" s="162"/>
      <c r="CC2686" s="162"/>
      <c r="CD2686" s="162"/>
      <c r="CE2686" s="162"/>
      <c r="CF2686" s="162"/>
      <c r="CG2686" s="162"/>
      <c r="CH2686" s="162"/>
      <c r="CI2686" s="162"/>
      <c r="CJ2686" s="162"/>
      <c r="CK2686" s="162"/>
      <c r="CX2686" s="98"/>
      <c r="DL2686" s="97"/>
      <c r="DX2686" s="98"/>
      <c r="EL2686" s="97"/>
      <c r="EX2686" s="98"/>
      <c r="EY2686" s="97"/>
      <c r="FL2686" s="126"/>
      <c r="FM2686" s="91"/>
      <c r="FN2686" s="91"/>
      <c r="FO2686" s="91"/>
      <c r="FP2686" s="91"/>
      <c r="FQ2686" s="91"/>
      <c r="FR2686" s="91"/>
      <c r="FS2686" s="91"/>
      <c r="FT2686" s="91"/>
      <c r="FU2686" s="91"/>
      <c r="FV2686" s="91"/>
      <c r="FW2686" s="91"/>
      <c r="FX2686" s="91"/>
      <c r="FY2686" s="91"/>
      <c r="FZ2686" s="91"/>
      <c r="GA2686" s="91"/>
      <c r="GB2686" s="91"/>
      <c r="GC2686" s="91"/>
      <c r="GD2686" s="91"/>
      <c r="GE2686" s="91"/>
      <c r="GF2686" s="91"/>
      <c r="GG2686" s="91"/>
      <c r="GH2686" s="91"/>
      <c r="GI2686" s="91"/>
      <c r="GJ2686" s="91"/>
      <c r="GK2686" s="127"/>
      <c r="GL2686" s="126"/>
      <c r="GM2686" s="91"/>
      <c r="GN2686" s="91"/>
      <c r="GO2686" s="91"/>
      <c r="GP2686" s="91"/>
      <c r="GQ2686" s="91"/>
      <c r="GR2686" s="91"/>
      <c r="GS2686" s="91"/>
      <c r="GT2686" s="91"/>
      <c r="GU2686" s="91"/>
      <c r="GV2686" s="91"/>
      <c r="GW2686" s="91"/>
      <c r="GX2686" s="91"/>
      <c r="GY2686" s="91"/>
      <c r="GZ2686" s="91"/>
      <c r="HA2686" s="91"/>
      <c r="HB2686" s="91"/>
      <c r="HC2686" s="91"/>
      <c r="HD2686" s="91"/>
      <c r="HE2686" s="91"/>
      <c r="HF2686" s="91"/>
      <c r="HG2686" s="91"/>
      <c r="HH2686" s="91"/>
      <c r="HI2686" s="91"/>
      <c r="HJ2686" s="91"/>
      <c r="HK2686" s="127"/>
      <c r="HL2686" s="126"/>
      <c r="HM2686" s="91"/>
      <c r="HN2686" s="91"/>
      <c r="HO2686" s="91"/>
      <c r="HP2686" s="91"/>
      <c r="HQ2686" s="91"/>
      <c r="HR2686" s="91"/>
      <c r="HS2686" s="91"/>
      <c r="HT2686" s="91"/>
      <c r="HU2686" s="91"/>
      <c r="HV2686" s="91"/>
      <c r="HW2686" s="91"/>
      <c r="HX2686" s="91"/>
      <c r="HY2686" s="91"/>
      <c r="HZ2686" s="91"/>
      <c r="IA2686" s="91"/>
      <c r="IB2686" s="91"/>
      <c r="IC2686" s="91"/>
      <c r="ID2686" s="91"/>
      <c r="IE2686" s="91"/>
      <c r="IF2686" s="91"/>
      <c r="IG2686" s="91"/>
      <c r="IH2686" s="91"/>
      <c r="II2686" s="91"/>
      <c r="IJ2686" s="91"/>
      <c r="IK2686" s="127"/>
    </row>
    <row r="2687" spans="2:245" x14ac:dyDescent="0.2">
      <c r="B2687" s="43"/>
      <c r="C2687" s="73"/>
      <c r="D2687" s="64"/>
      <c r="E2687" s="64"/>
      <c r="F2687" s="55"/>
      <c r="G2687" s="102"/>
      <c r="H2687" s="55"/>
      <c r="I2687" s="55"/>
      <c r="J2687" s="55"/>
      <c r="K2687" s="55"/>
      <c r="L2687" s="55"/>
      <c r="M2687" s="55"/>
      <c r="N2687" s="55"/>
      <c r="O2687" s="55"/>
      <c r="P2687" s="55"/>
      <c r="Q2687" s="55"/>
      <c r="R2687" s="55"/>
      <c r="S2687" s="55"/>
      <c r="T2687" s="55"/>
      <c r="U2687" s="55"/>
      <c r="V2687" s="55"/>
      <c r="W2687" s="55"/>
      <c r="X2687" s="55"/>
      <c r="Y2687" s="55"/>
      <c r="Z2687" s="55"/>
      <c r="AA2687" s="55"/>
      <c r="AB2687" s="55"/>
      <c r="AC2687" s="55"/>
      <c r="AD2687" s="55"/>
      <c r="AE2687" s="55"/>
      <c r="AF2687" s="55"/>
      <c r="AG2687" s="55"/>
      <c r="AY2687" s="162"/>
      <c r="AZ2687" s="162"/>
      <c r="BA2687" s="162"/>
      <c r="BB2687" s="162"/>
      <c r="BC2687" s="162"/>
      <c r="BD2687" s="162"/>
      <c r="BE2687" s="162"/>
      <c r="BF2687" s="162"/>
      <c r="BG2687" s="162"/>
      <c r="BH2687" s="162"/>
      <c r="BI2687" s="162"/>
      <c r="BJ2687" s="162"/>
      <c r="BK2687" s="162"/>
      <c r="BL2687" s="162"/>
      <c r="BM2687" s="162"/>
      <c r="BN2687" s="162"/>
      <c r="BO2687" s="162"/>
      <c r="BP2687" s="162"/>
      <c r="BQ2687" s="162"/>
      <c r="BR2687" s="162"/>
      <c r="BS2687" s="162"/>
      <c r="BT2687" s="162"/>
      <c r="BU2687" s="162"/>
      <c r="BV2687" s="162"/>
      <c r="BW2687" s="162"/>
      <c r="BX2687" s="162"/>
      <c r="BY2687" s="162"/>
      <c r="BZ2687" s="162"/>
      <c r="CA2687" s="162"/>
      <c r="CB2687" s="162"/>
      <c r="CC2687" s="162"/>
      <c r="CD2687" s="162"/>
      <c r="CE2687" s="162"/>
      <c r="CF2687" s="162"/>
      <c r="CG2687" s="162"/>
      <c r="CH2687" s="162"/>
      <c r="CI2687" s="162"/>
      <c r="CJ2687" s="162"/>
      <c r="CK2687" s="162"/>
      <c r="CX2687" s="98"/>
      <c r="DL2687" s="97"/>
      <c r="DX2687" s="98"/>
      <c r="EL2687" s="97"/>
      <c r="EX2687" s="98"/>
      <c r="EY2687" s="97"/>
      <c r="FL2687" s="126"/>
      <c r="FM2687" s="91"/>
      <c r="FN2687" s="91"/>
      <c r="FO2687" s="91"/>
      <c r="FP2687" s="91"/>
      <c r="FQ2687" s="91"/>
      <c r="FR2687" s="91"/>
      <c r="FS2687" s="91"/>
      <c r="FT2687" s="91"/>
      <c r="FU2687" s="91"/>
      <c r="FV2687" s="91"/>
      <c r="FW2687" s="91"/>
      <c r="FX2687" s="91"/>
      <c r="FY2687" s="91"/>
      <c r="FZ2687" s="91"/>
      <c r="GA2687" s="91"/>
      <c r="GB2687" s="91"/>
      <c r="GC2687" s="91"/>
      <c r="GD2687" s="91"/>
      <c r="GE2687" s="91"/>
      <c r="GF2687" s="91"/>
      <c r="GG2687" s="91"/>
      <c r="GH2687" s="91"/>
      <c r="GI2687" s="91"/>
      <c r="GJ2687" s="91"/>
      <c r="GK2687" s="127"/>
      <c r="GL2687" s="126"/>
      <c r="GM2687" s="91"/>
      <c r="GN2687" s="91"/>
      <c r="GO2687" s="91"/>
      <c r="GP2687" s="91"/>
      <c r="GQ2687" s="91"/>
      <c r="GR2687" s="91"/>
      <c r="GS2687" s="91"/>
      <c r="GT2687" s="91"/>
      <c r="GU2687" s="91"/>
      <c r="GV2687" s="91"/>
      <c r="GW2687" s="91"/>
      <c r="GX2687" s="91"/>
      <c r="GY2687" s="91"/>
      <c r="GZ2687" s="91"/>
      <c r="HA2687" s="91"/>
      <c r="HB2687" s="91"/>
      <c r="HC2687" s="91"/>
      <c r="HD2687" s="91"/>
      <c r="HE2687" s="91"/>
      <c r="HF2687" s="91"/>
      <c r="HG2687" s="91"/>
      <c r="HH2687" s="91"/>
      <c r="HI2687" s="91"/>
      <c r="HJ2687" s="91"/>
      <c r="HK2687" s="127"/>
      <c r="HL2687" s="126"/>
      <c r="HM2687" s="91"/>
      <c r="HN2687" s="91"/>
      <c r="HO2687" s="91"/>
      <c r="HP2687" s="91"/>
      <c r="HQ2687" s="91"/>
      <c r="HR2687" s="91"/>
      <c r="HS2687" s="91"/>
      <c r="HT2687" s="91"/>
      <c r="HU2687" s="91"/>
      <c r="HV2687" s="91"/>
      <c r="HW2687" s="91"/>
      <c r="HX2687" s="91"/>
      <c r="HY2687" s="91"/>
      <c r="HZ2687" s="91"/>
      <c r="IA2687" s="91"/>
      <c r="IB2687" s="91"/>
      <c r="IC2687" s="91"/>
      <c r="ID2687" s="91"/>
      <c r="IE2687" s="91"/>
      <c r="IF2687" s="91"/>
      <c r="IG2687" s="91"/>
      <c r="IH2687" s="91"/>
      <c r="II2687" s="91"/>
      <c r="IJ2687" s="91"/>
      <c r="IK2687" s="127"/>
    </row>
    <row r="2688" spans="2:245" x14ac:dyDescent="0.2">
      <c r="B2688" s="43"/>
      <c r="C2688" s="73"/>
      <c r="D2688" s="64"/>
      <c r="E2688" s="64"/>
      <c r="F2688" s="55"/>
      <c r="G2688" s="102"/>
      <c r="H2688" s="55"/>
      <c r="I2688" s="55"/>
      <c r="J2688" s="55"/>
      <c r="K2688" s="55"/>
      <c r="L2688" s="55"/>
      <c r="M2688" s="55"/>
      <c r="N2688" s="55"/>
      <c r="O2688" s="55"/>
      <c r="P2688" s="55"/>
      <c r="Q2688" s="55"/>
      <c r="R2688" s="55"/>
      <c r="S2688" s="55"/>
      <c r="T2688" s="55"/>
      <c r="U2688" s="55"/>
      <c r="V2688" s="55"/>
      <c r="W2688" s="55"/>
      <c r="X2688" s="55"/>
      <c r="Y2688" s="55"/>
      <c r="Z2688" s="55"/>
      <c r="AA2688" s="55"/>
      <c r="AB2688" s="55"/>
      <c r="AC2688" s="55"/>
      <c r="AD2688" s="55"/>
      <c r="AE2688" s="55"/>
      <c r="AF2688" s="55"/>
      <c r="AG2688" s="55"/>
      <c r="AY2688" s="162"/>
      <c r="AZ2688" s="162"/>
      <c r="BA2688" s="162"/>
      <c r="BB2688" s="162"/>
      <c r="BC2688" s="162"/>
      <c r="BD2688" s="162"/>
      <c r="BE2688" s="162"/>
      <c r="BF2688" s="162"/>
      <c r="BG2688" s="162"/>
      <c r="BH2688" s="162"/>
      <c r="BI2688" s="162"/>
      <c r="BJ2688" s="162"/>
      <c r="BK2688" s="162"/>
      <c r="BL2688" s="162"/>
      <c r="BM2688" s="162"/>
      <c r="BN2688" s="162"/>
      <c r="BO2688" s="162"/>
      <c r="BP2688" s="162"/>
      <c r="BQ2688" s="162"/>
      <c r="BR2688" s="162"/>
      <c r="BS2688" s="162"/>
      <c r="BT2688" s="162"/>
      <c r="BU2688" s="162"/>
      <c r="BV2688" s="162"/>
      <c r="BW2688" s="162"/>
      <c r="BX2688" s="162"/>
      <c r="BY2688" s="162"/>
      <c r="BZ2688" s="162"/>
      <c r="CA2688" s="162"/>
      <c r="CB2688" s="162"/>
      <c r="CC2688" s="162"/>
      <c r="CD2688" s="162"/>
      <c r="CE2688" s="162"/>
      <c r="CF2688" s="162"/>
      <c r="CG2688" s="162"/>
      <c r="CH2688" s="162"/>
      <c r="CI2688" s="162"/>
      <c r="CJ2688" s="162"/>
      <c r="CK2688" s="162"/>
      <c r="CX2688" s="98"/>
      <c r="DL2688" s="97"/>
      <c r="DX2688" s="98"/>
      <c r="EL2688" s="97"/>
      <c r="EX2688" s="98"/>
      <c r="EY2688" s="97"/>
      <c r="FL2688" s="126"/>
      <c r="FM2688" s="91"/>
      <c r="FN2688" s="91"/>
      <c r="FO2688" s="91"/>
      <c r="FP2688" s="91"/>
      <c r="FQ2688" s="91"/>
      <c r="FR2688" s="91"/>
      <c r="FS2688" s="91"/>
      <c r="FT2688" s="91"/>
      <c r="FU2688" s="91"/>
      <c r="FV2688" s="91"/>
      <c r="FW2688" s="91"/>
      <c r="FX2688" s="91"/>
      <c r="FY2688" s="91"/>
      <c r="FZ2688" s="91"/>
      <c r="GA2688" s="91"/>
      <c r="GB2688" s="91"/>
      <c r="GC2688" s="91"/>
      <c r="GD2688" s="91"/>
      <c r="GE2688" s="91"/>
      <c r="GF2688" s="91"/>
      <c r="GG2688" s="91"/>
      <c r="GH2688" s="91"/>
      <c r="GI2688" s="91"/>
      <c r="GJ2688" s="91"/>
      <c r="GK2688" s="127"/>
      <c r="GL2688" s="126"/>
      <c r="GM2688" s="91"/>
      <c r="GN2688" s="91"/>
      <c r="GO2688" s="91"/>
      <c r="GP2688" s="91"/>
      <c r="GQ2688" s="91"/>
      <c r="GR2688" s="91"/>
      <c r="GS2688" s="91"/>
      <c r="GT2688" s="91"/>
      <c r="GU2688" s="91"/>
      <c r="GV2688" s="91"/>
      <c r="GW2688" s="91"/>
      <c r="GX2688" s="91"/>
      <c r="GY2688" s="91"/>
      <c r="GZ2688" s="91"/>
      <c r="HA2688" s="91"/>
      <c r="HB2688" s="91"/>
      <c r="HC2688" s="91"/>
      <c r="HD2688" s="91"/>
      <c r="HE2688" s="91"/>
      <c r="HF2688" s="91"/>
      <c r="HG2688" s="91"/>
      <c r="HH2688" s="91"/>
      <c r="HI2688" s="91"/>
      <c r="HJ2688" s="91"/>
      <c r="HK2688" s="127"/>
      <c r="HL2688" s="126"/>
      <c r="HM2688" s="91"/>
      <c r="HN2688" s="91"/>
      <c r="HO2688" s="91"/>
      <c r="HP2688" s="91"/>
      <c r="HQ2688" s="91"/>
      <c r="HR2688" s="91"/>
      <c r="HS2688" s="91"/>
      <c r="HT2688" s="91"/>
      <c r="HU2688" s="91"/>
      <c r="HV2688" s="91"/>
      <c r="HW2688" s="91"/>
      <c r="HX2688" s="91"/>
      <c r="HY2688" s="91"/>
      <c r="HZ2688" s="91"/>
      <c r="IA2688" s="91"/>
      <c r="IB2688" s="91"/>
      <c r="IC2688" s="91"/>
      <c r="ID2688" s="91"/>
      <c r="IE2688" s="91"/>
      <c r="IF2688" s="91"/>
      <c r="IG2688" s="91"/>
      <c r="IH2688" s="91"/>
      <c r="II2688" s="91"/>
      <c r="IJ2688" s="91"/>
      <c r="IK2688" s="127"/>
    </row>
    <row r="2689" spans="2:245" x14ac:dyDescent="0.2">
      <c r="B2689" s="43"/>
      <c r="C2689" s="73"/>
      <c r="D2689" s="64"/>
      <c r="E2689" s="64"/>
      <c r="F2689" s="55"/>
      <c r="G2689" s="102"/>
      <c r="H2689" s="55"/>
      <c r="I2689" s="55"/>
      <c r="J2689" s="55"/>
      <c r="K2689" s="55"/>
      <c r="L2689" s="55"/>
      <c r="M2689" s="55"/>
      <c r="N2689" s="55"/>
      <c r="O2689" s="55"/>
      <c r="P2689" s="55"/>
      <c r="Q2689" s="55"/>
      <c r="R2689" s="55"/>
      <c r="S2689" s="55"/>
      <c r="T2689" s="55"/>
      <c r="U2689" s="55"/>
      <c r="V2689" s="55"/>
      <c r="W2689" s="55"/>
      <c r="X2689" s="55"/>
      <c r="Y2689" s="55"/>
      <c r="Z2689" s="55"/>
      <c r="AA2689" s="55"/>
      <c r="AB2689" s="55"/>
      <c r="AC2689" s="55"/>
      <c r="AD2689" s="55"/>
      <c r="AE2689" s="55"/>
      <c r="AF2689" s="55"/>
      <c r="AG2689" s="55"/>
      <c r="AY2689" s="162"/>
      <c r="AZ2689" s="162"/>
      <c r="BA2689" s="162"/>
      <c r="BB2689" s="162"/>
      <c r="BC2689" s="162"/>
      <c r="BD2689" s="162"/>
      <c r="BE2689" s="162"/>
      <c r="BF2689" s="162"/>
      <c r="BG2689" s="162"/>
      <c r="BH2689" s="162"/>
      <c r="BI2689" s="162"/>
      <c r="BJ2689" s="162"/>
      <c r="BK2689" s="162"/>
      <c r="BL2689" s="162"/>
      <c r="BM2689" s="162"/>
      <c r="BN2689" s="162"/>
      <c r="BO2689" s="162"/>
      <c r="BP2689" s="162"/>
      <c r="BQ2689" s="162"/>
      <c r="BR2689" s="162"/>
      <c r="BS2689" s="162"/>
      <c r="BT2689" s="162"/>
      <c r="BU2689" s="162"/>
      <c r="BV2689" s="162"/>
      <c r="BW2689" s="162"/>
      <c r="BX2689" s="162"/>
      <c r="BY2689" s="162"/>
      <c r="BZ2689" s="162"/>
      <c r="CA2689" s="162"/>
      <c r="CB2689" s="162"/>
      <c r="CC2689" s="162"/>
      <c r="CD2689" s="162"/>
      <c r="CE2689" s="162"/>
      <c r="CF2689" s="162"/>
      <c r="CG2689" s="162"/>
      <c r="CH2689" s="162"/>
      <c r="CI2689" s="162"/>
      <c r="CJ2689" s="162"/>
      <c r="CK2689" s="162"/>
      <c r="CX2689" s="98"/>
      <c r="DL2689" s="97"/>
      <c r="DX2689" s="98"/>
      <c r="EL2689" s="97"/>
      <c r="EX2689" s="98"/>
      <c r="EY2689" s="97"/>
      <c r="FL2689" s="126"/>
      <c r="FM2689" s="91"/>
      <c r="FN2689" s="91"/>
      <c r="FO2689" s="91"/>
      <c r="FP2689" s="91"/>
      <c r="FQ2689" s="91"/>
      <c r="FR2689" s="91"/>
      <c r="FS2689" s="91"/>
      <c r="FT2689" s="91"/>
      <c r="FU2689" s="91"/>
      <c r="FV2689" s="91"/>
      <c r="FW2689" s="91"/>
      <c r="FX2689" s="91"/>
      <c r="FY2689" s="91"/>
      <c r="FZ2689" s="91"/>
      <c r="GA2689" s="91"/>
      <c r="GB2689" s="91"/>
      <c r="GC2689" s="91"/>
      <c r="GD2689" s="91"/>
      <c r="GE2689" s="91"/>
      <c r="GF2689" s="91"/>
      <c r="GG2689" s="91"/>
      <c r="GH2689" s="91"/>
      <c r="GI2689" s="91"/>
      <c r="GJ2689" s="91"/>
      <c r="GK2689" s="127"/>
      <c r="GL2689" s="126"/>
      <c r="GM2689" s="91"/>
      <c r="GN2689" s="91"/>
      <c r="GO2689" s="91"/>
      <c r="GP2689" s="91"/>
      <c r="GQ2689" s="91"/>
      <c r="GR2689" s="91"/>
      <c r="GS2689" s="91"/>
      <c r="GT2689" s="91"/>
      <c r="GU2689" s="91"/>
      <c r="GV2689" s="91"/>
      <c r="GW2689" s="91"/>
      <c r="GX2689" s="91"/>
      <c r="GY2689" s="91"/>
      <c r="GZ2689" s="91"/>
      <c r="HA2689" s="91"/>
      <c r="HB2689" s="91"/>
      <c r="HC2689" s="91"/>
      <c r="HD2689" s="91"/>
      <c r="HE2689" s="91"/>
      <c r="HF2689" s="91"/>
      <c r="HG2689" s="91"/>
      <c r="HH2689" s="91"/>
      <c r="HI2689" s="91"/>
      <c r="HJ2689" s="91"/>
      <c r="HK2689" s="127"/>
      <c r="HL2689" s="126"/>
      <c r="HM2689" s="91"/>
      <c r="HN2689" s="91"/>
      <c r="HO2689" s="91"/>
      <c r="HP2689" s="91"/>
      <c r="HQ2689" s="91"/>
      <c r="HR2689" s="91"/>
      <c r="HS2689" s="91"/>
      <c r="HT2689" s="91"/>
      <c r="HU2689" s="91"/>
      <c r="HV2689" s="91"/>
      <c r="HW2689" s="91"/>
      <c r="HX2689" s="91"/>
      <c r="HY2689" s="91"/>
      <c r="HZ2689" s="91"/>
      <c r="IA2689" s="91"/>
      <c r="IB2689" s="91"/>
      <c r="IC2689" s="91"/>
      <c r="ID2689" s="91"/>
      <c r="IE2689" s="91"/>
      <c r="IF2689" s="91"/>
      <c r="IG2689" s="91"/>
      <c r="IH2689" s="91"/>
      <c r="II2689" s="91"/>
      <c r="IJ2689" s="91"/>
      <c r="IK2689" s="127"/>
    </row>
    <row r="2690" spans="2:245" x14ac:dyDescent="0.2">
      <c r="B2690" s="43"/>
      <c r="C2690" s="73"/>
      <c r="D2690" s="64"/>
      <c r="E2690" s="64"/>
      <c r="F2690" s="55"/>
      <c r="G2690" s="102"/>
      <c r="H2690" s="55"/>
      <c r="I2690" s="55"/>
      <c r="J2690" s="55"/>
      <c r="K2690" s="55"/>
      <c r="L2690" s="55"/>
      <c r="M2690" s="55"/>
      <c r="N2690" s="55"/>
      <c r="O2690" s="55"/>
      <c r="P2690" s="55"/>
      <c r="Q2690" s="55"/>
      <c r="R2690" s="55"/>
      <c r="S2690" s="55"/>
      <c r="T2690" s="55"/>
      <c r="U2690" s="55"/>
      <c r="V2690" s="55"/>
      <c r="W2690" s="55"/>
      <c r="X2690" s="55"/>
      <c r="Y2690" s="55"/>
      <c r="Z2690" s="55"/>
      <c r="AA2690" s="55"/>
      <c r="AB2690" s="55"/>
      <c r="AC2690" s="55"/>
      <c r="AD2690" s="55"/>
      <c r="AE2690" s="55"/>
      <c r="AF2690" s="55"/>
      <c r="AG2690" s="55"/>
      <c r="AY2690" s="162"/>
      <c r="AZ2690" s="162"/>
      <c r="BA2690" s="162"/>
      <c r="BB2690" s="162"/>
      <c r="BC2690" s="162"/>
      <c r="BD2690" s="162"/>
      <c r="BE2690" s="162"/>
      <c r="BF2690" s="162"/>
      <c r="BG2690" s="162"/>
      <c r="BH2690" s="162"/>
      <c r="BI2690" s="162"/>
      <c r="BJ2690" s="162"/>
      <c r="BK2690" s="162"/>
      <c r="BL2690" s="162"/>
      <c r="BM2690" s="162"/>
      <c r="BN2690" s="162"/>
      <c r="BO2690" s="162"/>
      <c r="BP2690" s="162"/>
      <c r="BQ2690" s="162"/>
      <c r="BR2690" s="162"/>
      <c r="BS2690" s="162"/>
      <c r="BT2690" s="162"/>
      <c r="BU2690" s="162"/>
      <c r="BV2690" s="162"/>
      <c r="BW2690" s="162"/>
      <c r="BX2690" s="162"/>
      <c r="BY2690" s="162"/>
      <c r="BZ2690" s="162"/>
      <c r="CA2690" s="162"/>
      <c r="CB2690" s="162"/>
      <c r="CC2690" s="162"/>
      <c r="CD2690" s="162"/>
      <c r="CE2690" s="162"/>
      <c r="CF2690" s="162"/>
      <c r="CG2690" s="162"/>
      <c r="CH2690" s="162"/>
      <c r="CI2690" s="162"/>
      <c r="CJ2690" s="162"/>
      <c r="CK2690" s="162"/>
      <c r="CX2690" s="98"/>
      <c r="DL2690" s="97"/>
      <c r="DX2690" s="98"/>
      <c r="EL2690" s="97"/>
      <c r="EX2690" s="98"/>
      <c r="EY2690" s="97"/>
      <c r="FL2690" s="126"/>
      <c r="FM2690" s="91"/>
      <c r="FN2690" s="91"/>
      <c r="FO2690" s="91"/>
      <c r="FP2690" s="91"/>
      <c r="FQ2690" s="91"/>
      <c r="FR2690" s="91"/>
      <c r="FS2690" s="91"/>
      <c r="FT2690" s="91"/>
      <c r="FU2690" s="91"/>
      <c r="FV2690" s="91"/>
      <c r="FW2690" s="91"/>
      <c r="FX2690" s="91"/>
      <c r="FY2690" s="91"/>
      <c r="FZ2690" s="91"/>
      <c r="GA2690" s="91"/>
      <c r="GB2690" s="91"/>
      <c r="GC2690" s="91"/>
      <c r="GD2690" s="91"/>
      <c r="GE2690" s="91"/>
      <c r="GF2690" s="91"/>
      <c r="GG2690" s="91"/>
      <c r="GH2690" s="91"/>
      <c r="GI2690" s="91"/>
      <c r="GJ2690" s="91"/>
      <c r="GK2690" s="127"/>
      <c r="GL2690" s="126"/>
      <c r="GM2690" s="91"/>
      <c r="GN2690" s="91"/>
      <c r="GO2690" s="91"/>
      <c r="GP2690" s="91"/>
      <c r="GQ2690" s="91"/>
      <c r="GR2690" s="91"/>
      <c r="GS2690" s="91"/>
      <c r="GT2690" s="91"/>
      <c r="GU2690" s="91"/>
      <c r="GV2690" s="91"/>
      <c r="GW2690" s="91"/>
      <c r="GX2690" s="91"/>
      <c r="GY2690" s="91"/>
      <c r="GZ2690" s="91"/>
      <c r="HA2690" s="91"/>
      <c r="HB2690" s="91"/>
      <c r="HC2690" s="91"/>
      <c r="HD2690" s="91"/>
      <c r="HE2690" s="91"/>
      <c r="HF2690" s="91"/>
      <c r="HG2690" s="91"/>
      <c r="HH2690" s="91"/>
      <c r="HI2690" s="91"/>
      <c r="HJ2690" s="91"/>
      <c r="HK2690" s="127"/>
      <c r="HL2690" s="126"/>
      <c r="HM2690" s="91"/>
      <c r="HN2690" s="91"/>
      <c r="HO2690" s="91"/>
      <c r="HP2690" s="91"/>
      <c r="HQ2690" s="91"/>
      <c r="HR2690" s="91"/>
      <c r="HS2690" s="91"/>
      <c r="HT2690" s="91"/>
      <c r="HU2690" s="91"/>
      <c r="HV2690" s="91"/>
      <c r="HW2690" s="91"/>
      <c r="HX2690" s="91"/>
      <c r="HY2690" s="91"/>
      <c r="HZ2690" s="91"/>
      <c r="IA2690" s="91"/>
      <c r="IB2690" s="91"/>
      <c r="IC2690" s="91"/>
      <c r="ID2690" s="91"/>
      <c r="IE2690" s="91"/>
      <c r="IF2690" s="91"/>
      <c r="IG2690" s="91"/>
      <c r="IH2690" s="91"/>
      <c r="II2690" s="91"/>
      <c r="IJ2690" s="91"/>
      <c r="IK2690" s="127"/>
    </row>
    <row r="2691" spans="2:245" x14ac:dyDescent="0.2">
      <c r="B2691" s="43"/>
      <c r="C2691" s="73"/>
      <c r="D2691" s="64"/>
      <c r="E2691" s="64"/>
      <c r="F2691" s="55"/>
      <c r="G2691" s="102"/>
      <c r="H2691" s="55"/>
      <c r="I2691" s="55"/>
      <c r="J2691" s="55"/>
      <c r="K2691" s="55"/>
      <c r="L2691" s="55"/>
      <c r="M2691" s="55"/>
      <c r="N2691" s="55"/>
      <c r="O2691" s="55"/>
      <c r="P2691" s="55"/>
      <c r="Q2691" s="55"/>
      <c r="R2691" s="55"/>
      <c r="S2691" s="55"/>
      <c r="T2691" s="55"/>
      <c r="U2691" s="55"/>
      <c r="V2691" s="55"/>
      <c r="W2691" s="55"/>
      <c r="X2691" s="55"/>
      <c r="Y2691" s="55"/>
      <c r="Z2691" s="55"/>
      <c r="AA2691" s="55"/>
      <c r="AB2691" s="55"/>
      <c r="AC2691" s="55"/>
      <c r="AD2691" s="55"/>
      <c r="AE2691" s="55"/>
      <c r="AF2691" s="55"/>
      <c r="AG2691" s="55"/>
      <c r="AY2691" s="162"/>
      <c r="AZ2691" s="162"/>
      <c r="BA2691" s="162"/>
      <c r="BB2691" s="162"/>
      <c r="BC2691" s="162"/>
      <c r="BD2691" s="162"/>
      <c r="BE2691" s="162"/>
      <c r="BF2691" s="162"/>
      <c r="BG2691" s="162"/>
      <c r="BH2691" s="162"/>
      <c r="BI2691" s="162"/>
      <c r="BJ2691" s="162"/>
      <c r="BK2691" s="162"/>
      <c r="BL2691" s="162"/>
      <c r="BM2691" s="162"/>
      <c r="BN2691" s="162"/>
      <c r="BO2691" s="162"/>
      <c r="BP2691" s="162"/>
      <c r="BQ2691" s="162"/>
      <c r="BR2691" s="162"/>
      <c r="BS2691" s="162"/>
      <c r="BT2691" s="162"/>
      <c r="BU2691" s="162"/>
      <c r="BV2691" s="162"/>
      <c r="BW2691" s="162"/>
      <c r="BX2691" s="162"/>
      <c r="BY2691" s="162"/>
      <c r="BZ2691" s="162"/>
      <c r="CA2691" s="162"/>
      <c r="CB2691" s="162"/>
      <c r="CC2691" s="162"/>
      <c r="CD2691" s="162"/>
      <c r="CE2691" s="162"/>
      <c r="CF2691" s="162"/>
      <c r="CG2691" s="162"/>
      <c r="CH2691" s="162"/>
      <c r="CI2691" s="162"/>
      <c r="CJ2691" s="162"/>
      <c r="CK2691" s="162"/>
      <c r="CX2691" s="98"/>
      <c r="DL2691" s="97"/>
      <c r="DX2691" s="98"/>
      <c r="EL2691" s="97"/>
      <c r="EX2691" s="98"/>
      <c r="EY2691" s="97"/>
      <c r="FL2691" s="126"/>
      <c r="FM2691" s="91"/>
      <c r="FN2691" s="91"/>
      <c r="FO2691" s="91"/>
      <c r="FP2691" s="91"/>
      <c r="FQ2691" s="91"/>
      <c r="FR2691" s="91"/>
      <c r="FS2691" s="91"/>
      <c r="FT2691" s="91"/>
      <c r="FU2691" s="91"/>
      <c r="FV2691" s="91"/>
      <c r="FW2691" s="91"/>
      <c r="FX2691" s="91"/>
      <c r="FY2691" s="91"/>
      <c r="FZ2691" s="91"/>
      <c r="GA2691" s="91"/>
      <c r="GB2691" s="91"/>
      <c r="GC2691" s="91"/>
      <c r="GD2691" s="91"/>
      <c r="GE2691" s="91"/>
      <c r="GF2691" s="91"/>
      <c r="GG2691" s="91"/>
      <c r="GH2691" s="91"/>
      <c r="GI2691" s="91"/>
      <c r="GJ2691" s="91"/>
      <c r="GK2691" s="127"/>
      <c r="GL2691" s="126"/>
      <c r="GM2691" s="91"/>
      <c r="GN2691" s="91"/>
      <c r="GO2691" s="91"/>
      <c r="GP2691" s="91"/>
      <c r="GQ2691" s="91"/>
      <c r="GR2691" s="91"/>
      <c r="GS2691" s="91"/>
      <c r="GT2691" s="91"/>
      <c r="GU2691" s="91"/>
      <c r="GV2691" s="91"/>
      <c r="GW2691" s="91"/>
      <c r="GX2691" s="91"/>
      <c r="GY2691" s="91"/>
      <c r="GZ2691" s="91"/>
      <c r="HA2691" s="91"/>
      <c r="HB2691" s="91"/>
      <c r="HC2691" s="91"/>
      <c r="HD2691" s="91"/>
      <c r="HE2691" s="91"/>
      <c r="HF2691" s="91"/>
      <c r="HG2691" s="91"/>
      <c r="HH2691" s="91"/>
      <c r="HI2691" s="91"/>
      <c r="HJ2691" s="91"/>
      <c r="HK2691" s="127"/>
      <c r="HL2691" s="126"/>
      <c r="HM2691" s="91"/>
      <c r="HN2691" s="91"/>
      <c r="HO2691" s="91"/>
      <c r="HP2691" s="91"/>
      <c r="HQ2691" s="91"/>
      <c r="HR2691" s="91"/>
      <c r="HS2691" s="91"/>
      <c r="HT2691" s="91"/>
      <c r="HU2691" s="91"/>
      <c r="HV2691" s="91"/>
      <c r="HW2691" s="91"/>
      <c r="HX2691" s="91"/>
      <c r="HY2691" s="91"/>
      <c r="HZ2691" s="91"/>
      <c r="IA2691" s="91"/>
      <c r="IB2691" s="91"/>
      <c r="IC2691" s="91"/>
      <c r="ID2691" s="91"/>
      <c r="IE2691" s="91"/>
      <c r="IF2691" s="91"/>
      <c r="IG2691" s="91"/>
      <c r="IH2691" s="91"/>
      <c r="II2691" s="91"/>
      <c r="IJ2691" s="91"/>
      <c r="IK2691" s="127"/>
    </row>
    <row r="2692" spans="2:245" x14ac:dyDescent="0.2">
      <c r="B2692" s="43"/>
      <c r="C2692" s="73"/>
      <c r="D2692" s="64"/>
      <c r="E2692" s="64"/>
      <c r="F2692" s="55"/>
      <c r="G2692" s="102"/>
      <c r="H2692" s="55"/>
      <c r="I2692" s="55"/>
      <c r="J2692" s="55"/>
      <c r="K2692" s="55"/>
      <c r="L2692" s="55"/>
      <c r="M2692" s="55"/>
      <c r="N2692" s="55"/>
      <c r="O2692" s="55"/>
      <c r="P2692" s="55"/>
      <c r="Q2692" s="55"/>
      <c r="R2692" s="55"/>
      <c r="S2692" s="55"/>
      <c r="T2692" s="55"/>
      <c r="U2692" s="55"/>
      <c r="V2692" s="55"/>
      <c r="W2692" s="55"/>
      <c r="X2692" s="55"/>
      <c r="Y2692" s="55"/>
      <c r="Z2692" s="55"/>
      <c r="AA2692" s="55"/>
      <c r="AB2692" s="55"/>
      <c r="AC2692" s="55"/>
      <c r="AD2692" s="55"/>
      <c r="AE2692" s="55"/>
      <c r="AF2692" s="55"/>
      <c r="AG2692" s="55"/>
      <c r="AY2692" s="162"/>
      <c r="AZ2692" s="162"/>
      <c r="BA2692" s="162"/>
      <c r="BB2692" s="162"/>
      <c r="BC2692" s="162"/>
      <c r="BD2692" s="162"/>
      <c r="BE2692" s="162"/>
      <c r="BF2692" s="162"/>
      <c r="BG2692" s="162"/>
      <c r="BH2692" s="162"/>
      <c r="BI2692" s="162"/>
      <c r="BJ2692" s="162"/>
      <c r="BK2692" s="162"/>
      <c r="BL2692" s="162"/>
      <c r="BM2692" s="162"/>
      <c r="BN2692" s="162"/>
      <c r="BO2692" s="162"/>
      <c r="BP2692" s="162"/>
      <c r="BQ2692" s="162"/>
      <c r="BR2692" s="162"/>
      <c r="BS2692" s="162"/>
      <c r="BT2692" s="162"/>
      <c r="BU2692" s="162"/>
      <c r="BV2692" s="162"/>
      <c r="BW2692" s="162"/>
      <c r="BX2692" s="162"/>
      <c r="BY2692" s="162"/>
      <c r="BZ2692" s="162"/>
      <c r="CA2692" s="162"/>
      <c r="CB2692" s="162"/>
      <c r="CC2692" s="162"/>
      <c r="CD2692" s="162"/>
      <c r="CE2692" s="162"/>
      <c r="CF2692" s="162"/>
      <c r="CG2692" s="162"/>
      <c r="CH2692" s="162"/>
      <c r="CI2692" s="162"/>
      <c r="CJ2692" s="162"/>
      <c r="CK2692" s="162"/>
      <c r="CX2692" s="98"/>
      <c r="DL2692" s="97"/>
      <c r="DX2692" s="98"/>
      <c r="EL2692" s="97"/>
      <c r="EX2692" s="98"/>
      <c r="EY2692" s="97"/>
      <c r="FL2692" s="126"/>
      <c r="FM2692" s="91"/>
      <c r="FN2692" s="91"/>
      <c r="FO2692" s="91"/>
      <c r="FP2692" s="91"/>
      <c r="FQ2692" s="91"/>
      <c r="FR2692" s="91"/>
      <c r="FS2692" s="91"/>
      <c r="FT2692" s="91"/>
      <c r="FU2692" s="91"/>
      <c r="FV2692" s="91"/>
      <c r="FW2692" s="91"/>
      <c r="FX2692" s="91"/>
      <c r="FY2692" s="91"/>
      <c r="FZ2692" s="91"/>
      <c r="GA2692" s="91"/>
      <c r="GB2692" s="91"/>
      <c r="GC2692" s="91"/>
      <c r="GD2692" s="91"/>
      <c r="GE2692" s="91"/>
      <c r="GF2692" s="91"/>
      <c r="GG2692" s="91"/>
      <c r="GH2692" s="91"/>
      <c r="GI2692" s="91"/>
      <c r="GJ2692" s="91"/>
      <c r="GK2692" s="127"/>
      <c r="GL2692" s="126"/>
      <c r="GM2692" s="91"/>
      <c r="GN2692" s="91"/>
      <c r="GO2692" s="91"/>
      <c r="GP2692" s="91"/>
      <c r="GQ2692" s="91"/>
      <c r="GR2692" s="91"/>
      <c r="GS2692" s="91"/>
      <c r="GT2692" s="91"/>
      <c r="GU2692" s="91"/>
      <c r="GV2692" s="91"/>
      <c r="GW2692" s="91"/>
      <c r="GX2692" s="91"/>
      <c r="GY2692" s="91"/>
      <c r="GZ2692" s="91"/>
      <c r="HA2692" s="91"/>
      <c r="HB2692" s="91"/>
      <c r="HC2692" s="91"/>
      <c r="HD2692" s="91"/>
      <c r="HE2692" s="91"/>
      <c r="HF2692" s="91"/>
      <c r="HG2692" s="91"/>
      <c r="HH2692" s="91"/>
      <c r="HI2692" s="91"/>
      <c r="HJ2692" s="91"/>
      <c r="HK2692" s="127"/>
      <c r="HL2692" s="126"/>
      <c r="HM2692" s="91"/>
      <c r="HN2692" s="91"/>
      <c r="HO2692" s="91"/>
      <c r="HP2692" s="91"/>
      <c r="HQ2692" s="91"/>
      <c r="HR2692" s="91"/>
      <c r="HS2692" s="91"/>
      <c r="HT2692" s="91"/>
      <c r="HU2692" s="91"/>
      <c r="HV2692" s="91"/>
      <c r="HW2692" s="91"/>
      <c r="HX2692" s="91"/>
      <c r="HY2692" s="91"/>
      <c r="HZ2692" s="91"/>
      <c r="IA2692" s="91"/>
      <c r="IB2692" s="91"/>
      <c r="IC2692" s="91"/>
      <c r="ID2692" s="91"/>
      <c r="IE2692" s="91"/>
      <c r="IF2692" s="91"/>
      <c r="IG2692" s="91"/>
      <c r="IH2692" s="91"/>
      <c r="II2692" s="91"/>
      <c r="IJ2692" s="91"/>
      <c r="IK2692" s="127"/>
    </row>
    <row r="2693" spans="2:245" x14ac:dyDescent="0.2">
      <c r="B2693" s="43"/>
      <c r="C2693" s="73"/>
      <c r="D2693" s="64"/>
      <c r="E2693" s="64"/>
      <c r="F2693" s="55"/>
      <c r="G2693" s="102"/>
      <c r="H2693" s="55"/>
      <c r="I2693" s="55"/>
      <c r="J2693" s="55"/>
      <c r="K2693" s="55"/>
      <c r="L2693" s="55"/>
      <c r="M2693" s="55"/>
      <c r="N2693" s="55"/>
      <c r="O2693" s="55"/>
      <c r="P2693" s="55"/>
      <c r="Q2693" s="55"/>
      <c r="R2693" s="55"/>
      <c r="S2693" s="55"/>
      <c r="T2693" s="55"/>
      <c r="U2693" s="55"/>
      <c r="V2693" s="55"/>
      <c r="W2693" s="55"/>
      <c r="X2693" s="55"/>
      <c r="Y2693" s="55"/>
      <c r="Z2693" s="55"/>
      <c r="AA2693" s="55"/>
      <c r="AB2693" s="55"/>
      <c r="AC2693" s="55"/>
      <c r="AD2693" s="55"/>
      <c r="AE2693" s="55"/>
      <c r="AF2693" s="55"/>
      <c r="AG2693" s="55"/>
      <c r="AY2693" s="162"/>
      <c r="AZ2693" s="162"/>
      <c r="BA2693" s="162"/>
      <c r="BB2693" s="162"/>
      <c r="BC2693" s="162"/>
      <c r="BD2693" s="162"/>
      <c r="BE2693" s="162"/>
      <c r="BF2693" s="162"/>
      <c r="BG2693" s="162"/>
      <c r="BH2693" s="162"/>
      <c r="BI2693" s="162"/>
      <c r="BJ2693" s="162"/>
      <c r="BK2693" s="162"/>
      <c r="BL2693" s="162"/>
      <c r="BM2693" s="162"/>
      <c r="BN2693" s="162"/>
      <c r="BO2693" s="162"/>
      <c r="BP2693" s="162"/>
      <c r="BQ2693" s="162"/>
      <c r="BR2693" s="162"/>
      <c r="BS2693" s="162"/>
      <c r="BT2693" s="162"/>
      <c r="BU2693" s="162"/>
      <c r="BV2693" s="162"/>
      <c r="BW2693" s="162"/>
      <c r="BX2693" s="162"/>
      <c r="BY2693" s="162"/>
      <c r="BZ2693" s="162"/>
      <c r="CA2693" s="162"/>
      <c r="CB2693" s="162"/>
      <c r="CC2693" s="162"/>
      <c r="CD2693" s="162"/>
      <c r="CE2693" s="162"/>
      <c r="CF2693" s="162"/>
      <c r="CG2693" s="162"/>
      <c r="CH2693" s="162"/>
      <c r="CI2693" s="162"/>
      <c r="CJ2693" s="162"/>
      <c r="CK2693" s="162"/>
      <c r="CX2693" s="98"/>
      <c r="DL2693" s="97"/>
      <c r="DX2693" s="98"/>
      <c r="EL2693" s="97"/>
      <c r="EX2693" s="98"/>
      <c r="EY2693" s="97"/>
      <c r="FL2693" s="126"/>
      <c r="FM2693" s="91"/>
      <c r="FN2693" s="91"/>
      <c r="FO2693" s="91"/>
      <c r="FP2693" s="91"/>
      <c r="FQ2693" s="91"/>
      <c r="FR2693" s="91"/>
      <c r="FS2693" s="91"/>
      <c r="FT2693" s="91"/>
      <c r="FU2693" s="91"/>
      <c r="FV2693" s="91"/>
      <c r="FW2693" s="91"/>
      <c r="FX2693" s="91"/>
      <c r="FY2693" s="91"/>
      <c r="FZ2693" s="91"/>
      <c r="GA2693" s="91"/>
      <c r="GB2693" s="91"/>
      <c r="GC2693" s="91"/>
      <c r="GD2693" s="91"/>
      <c r="GE2693" s="91"/>
      <c r="GF2693" s="91"/>
      <c r="GG2693" s="91"/>
      <c r="GH2693" s="91"/>
      <c r="GI2693" s="91"/>
      <c r="GJ2693" s="91"/>
      <c r="GK2693" s="127"/>
      <c r="GL2693" s="126"/>
      <c r="GM2693" s="91"/>
      <c r="GN2693" s="91"/>
      <c r="GO2693" s="91"/>
      <c r="GP2693" s="91"/>
      <c r="GQ2693" s="91"/>
      <c r="GR2693" s="91"/>
      <c r="GS2693" s="91"/>
      <c r="GT2693" s="91"/>
      <c r="GU2693" s="91"/>
      <c r="GV2693" s="91"/>
      <c r="GW2693" s="91"/>
      <c r="GX2693" s="91"/>
      <c r="GY2693" s="91"/>
      <c r="GZ2693" s="91"/>
      <c r="HA2693" s="91"/>
      <c r="HB2693" s="91"/>
      <c r="HC2693" s="91"/>
      <c r="HD2693" s="91"/>
      <c r="HE2693" s="91"/>
      <c r="HF2693" s="91"/>
      <c r="HG2693" s="91"/>
      <c r="HH2693" s="91"/>
      <c r="HI2693" s="91"/>
      <c r="HJ2693" s="91"/>
      <c r="HK2693" s="127"/>
      <c r="HL2693" s="126"/>
      <c r="HM2693" s="91"/>
      <c r="HN2693" s="91"/>
      <c r="HO2693" s="91"/>
      <c r="HP2693" s="91"/>
      <c r="HQ2693" s="91"/>
      <c r="HR2693" s="91"/>
      <c r="HS2693" s="91"/>
      <c r="HT2693" s="91"/>
      <c r="HU2693" s="91"/>
      <c r="HV2693" s="91"/>
      <c r="HW2693" s="91"/>
      <c r="HX2693" s="91"/>
      <c r="HY2693" s="91"/>
      <c r="HZ2693" s="91"/>
      <c r="IA2693" s="91"/>
      <c r="IB2693" s="91"/>
      <c r="IC2693" s="91"/>
      <c r="ID2693" s="91"/>
      <c r="IE2693" s="91"/>
      <c r="IF2693" s="91"/>
      <c r="IG2693" s="91"/>
      <c r="IH2693" s="91"/>
      <c r="II2693" s="91"/>
      <c r="IJ2693" s="91"/>
      <c r="IK2693" s="127"/>
    </row>
    <row r="2694" spans="2:245" x14ac:dyDescent="0.2">
      <c r="B2694" s="43"/>
      <c r="C2694" s="73"/>
      <c r="D2694" s="64"/>
      <c r="E2694" s="64"/>
      <c r="F2694" s="55"/>
      <c r="G2694" s="102"/>
      <c r="H2694" s="55"/>
      <c r="I2694" s="55"/>
      <c r="J2694" s="55"/>
      <c r="K2694" s="55"/>
      <c r="L2694" s="55"/>
      <c r="M2694" s="55"/>
      <c r="N2694" s="55"/>
      <c r="O2694" s="55"/>
      <c r="P2694" s="55"/>
      <c r="Q2694" s="55"/>
      <c r="R2694" s="55"/>
      <c r="S2694" s="55"/>
      <c r="T2694" s="55"/>
      <c r="U2694" s="55"/>
      <c r="V2694" s="55"/>
      <c r="W2694" s="55"/>
      <c r="X2694" s="55"/>
      <c r="Y2694" s="55"/>
      <c r="Z2694" s="55"/>
      <c r="AA2694" s="55"/>
      <c r="AB2694" s="55"/>
      <c r="AC2694" s="55"/>
      <c r="AD2694" s="55"/>
      <c r="AE2694" s="55"/>
      <c r="AF2694" s="55"/>
      <c r="AG2694" s="55"/>
      <c r="AY2694" s="162"/>
      <c r="AZ2694" s="162"/>
      <c r="BA2694" s="162"/>
      <c r="BB2694" s="162"/>
      <c r="BC2694" s="162"/>
      <c r="BD2694" s="162"/>
      <c r="BE2694" s="162"/>
      <c r="BF2694" s="162"/>
      <c r="BG2694" s="162"/>
      <c r="BH2694" s="162"/>
      <c r="BI2694" s="162"/>
      <c r="BJ2694" s="162"/>
      <c r="BK2694" s="162"/>
      <c r="BL2694" s="162"/>
      <c r="BM2694" s="162"/>
      <c r="BN2694" s="162"/>
      <c r="BO2694" s="162"/>
      <c r="BP2694" s="162"/>
      <c r="BQ2694" s="162"/>
      <c r="BR2694" s="162"/>
      <c r="BS2694" s="162"/>
      <c r="BT2694" s="162"/>
      <c r="BU2694" s="162"/>
      <c r="BV2694" s="162"/>
      <c r="BW2694" s="162"/>
      <c r="BX2694" s="162"/>
      <c r="BY2694" s="162"/>
      <c r="BZ2694" s="162"/>
      <c r="CA2694" s="162"/>
      <c r="CB2694" s="162"/>
      <c r="CC2694" s="162"/>
      <c r="CD2694" s="162"/>
      <c r="CE2694" s="162"/>
      <c r="CF2694" s="162"/>
      <c r="CG2694" s="162"/>
      <c r="CH2694" s="162"/>
      <c r="CI2694" s="162"/>
      <c r="CJ2694" s="162"/>
      <c r="CK2694" s="162"/>
      <c r="CX2694" s="98"/>
      <c r="DL2694" s="97"/>
      <c r="DX2694" s="98"/>
      <c r="EL2694" s="97"/>
      <c r="EX2694" s="98"/>
      <c r="EY2694" s="97"/>
      <c r="FL2694" s="126"/>
      <c r="FM2694" s="91"/>
      <c r="FN2694" s="91"/>
      <c r="FO2694" s="91"/>
      <c r="FP2694" s="91"/>
      <c r="FQ2694" s="91"/>
      <c r="FR2694" s="91"/>
      <c r="FS2694" s="91"/>
      <c r="FT2694" s="91"/>
      <c r="FU2694" s="91"/>
      <c r="FV2694" s="91"/>
      <c r="FW2694" s="91"/>
      <c r="FX2694" s="91"/>
      <c r="FY2694" s="91"/>
      <c r="FZ2694" s="91"/>
      <c r="GA2694" s="91"/>
      <c r="GB2694" s="91"/>
      <c r="GC2694" s="91"/>
      <c r="GD2694" s="91"/>
      <c r="GE2694" s="91"/>
      <c r="GF2694" s="91"/>
      <c r="GG2694" s="91"/>
      <c r="GH2694" s="91"/>
      <c r="GI2694" s="91"/>
      <c r="GJ2694" s="91"/>
      <c r="GK2694" s="127"/>
      <c r="GL2694" s="126"/>
      <c r="GM2694" s="91"/>
      <c r="GN2694" s="91"/>
      <c r="GO2694" s="91"/>
      <c r="GP2694" s="91"/>
      <c r="GQ2694" s="91"/>
      <c r="GR2694" s="91"/>
      <c r="GS2694" s="91"/>
      <c r="GT2694" s="91"/>
      <c r="GU2694" s="91"/>
      <c r="GV2694" s="91"/>
      <c r="GW2694" s="91"/>
      <c r="GX2694" s="91"/>
      <c r="GY2694" s="91"/>
      <c r="GZ2694" s="91"/>
      <c r="HA2694" s="91"/>
      <c r="HB2694" s="91"/>
      <c r="HC2694" s="91"/>
      <c r="HD2694" s="91"/>
      <c r="HE2694" s="91"/>
      <c r="HF2694" s="91"/>
      <c r="HG2694" s="91"/>
      <c r="HH2694" s="91"/>
      <c r="HI2694" s="91"/>
      <c r="HJ2694" s="91"/>
      <c r="HK2694" s="127"/>
      <c r="HL2694" s="126"/>
      <c r="HM2694" s="91"/>
      <c r="HN2694" s="91"/>
      <c r="HO2694" s="91"/>
      <c r="HP2694" s="91"/>
      <c r="HQ2694" s="91"/>
      <c r="HR2694" s="91"/>
      <c r="HS2694" s="91"/>
      <c r="HT2694" s="91"/>
      <c r="HU2694" s="91"/>
      <c r="HV2694" s="91"/>
      <c r="HW2694" s="91"/>
      <c r="HX2694" s="91"/>
      <c r="HY2694" s="91"/>
      <c r="HZ2694" s="91"/>
      <c r="IA2694" s="91"/>
      <c r="IB2694" s="91"/>
      <c r="IC2694" s="91"/>
      <c r="ID2694" s="91"/>
      <c r="IE2694" s="91"/>
      <c r="IF2694" s="91"/>
      <c r="IG2694" s="91"/>
      <c r="IH2694" s="91"/>
      <c r="II2694" s="91"/>
      <c r="IJ2694" s="91"/>
      <c r="IK2694" s="127"/>
    </row>
    <row r="2695" spans="2:245" x14ac:dyDescent="0.2">
      <c r="B2695" s="43"/>
      <c r="C2695" s="73"/>
      <c r="D2695" s="64"/>
      <c r="E2695" s="64"/>
      <c r="F2695" s="55"/>
      <c r="G2695" s="102"/>
      <c r="H2695" s="55"/>
      <c r="I2695" s="55"/>
      <c r="J2695" s="55"/>
      <c r="K2695" s="55"/>
      <c r="L2695" s="55"/>
      <c r="M2695" s="55"/>
      <c r="N2695" s="55"/>
      <c r="O2695" s="55"/>
      <c r="P2695" s="55"/>
      <c r="Q2695" s="55"/>
      <c r="R2695" s="55"/>
      <c r="S2695" s="55"/>
      <c r="T2695" s="55"/>
      <c r="U2695" s="55"/>
      <c r="V2695" s="55"/>
      <c r="W2695" s="55"/>
      <c r="X2695" s="55"/>
      <c r="Y2695" s="55"/>
      <c r="Z2695" s="55"/>
      <c r="AA2695" s="55"/>
      <c r="AB2695" s="55"/>
      <c r="AC2695" s="55"/>
      <c r="AD2695" s="55"/>
      <c r="AE2695" s="55"/>
      <c r="AF2695" s="55"/>
      <c r="AG2695" s="55"/>
      <c r="AY2695" s="162"/>
      <c r="AZ2695" s="162"/>
      <c r="BA2695" s="162"/>
      <c r="BB2695" s="162"/>
      <c r="BC2695" s="162"/>
      <c r="BD2695" s="162"/>
      <c r="BE2695" s="162"/>
      <c r="BF2695" s="162"/>
      <c r="BG2695" s="162"/>
      <c r="BH2695" s="162"/>
      <c r="BI2695" s="162"/>
      <c r="BJ2695" s="162"/>
      <c r="BK2695" s="162"/>
      <c r="BL2695" s="162"/>
      <c r="BM2695" s="162"/>
      <c r="BN2695" s="162"/>
      <c r="BO2695" s="162"/>
      <c r="BP2695" s="162"/>
      <c r="BQ2695" s="162"/>
      <c r="BR2695" s="162"/>
      <c r="BS2695" s="162"/>
      <c r="BT2695" s="162"/>
      <c r="BU2695" s="162"/>
      <c r="BV2695" s="162"/>
      <c r="BW2695" s="162"/>
      <c r="BX2695" s="162"/>
      <c r="BY2695" s="162"/>
      <c r="BZ2695" s="162"/>
      <c r="CA2695" s="162"/>
      <c r="CB2695" s="162"/>
      <c r="CC2695" s="162"/>
      <c r="CD2695" s="162"/>
      <c r="CE2695" s="162"/>
      <c r="CF2695" s="162"/>
      <c r="CG2695" s="162"/>
      <c r="CH2695" s="162"/>
      <c r="CI2695" s="162"/>
      <c r="CJ2695" s="162"/>
      <c r="CK2695" s="162"/>
      <c r="CX2695" s="98"/>
      <c r="DL2695" s="97"/>
      <c r="DX2695" s="98"/>
      <c r="EL2695" s="97"/>
      <c r="EX2695" s="98"/>
      <c r="EY2695" s="97"/>
      <c r="FL2695" s="126"/>
      <c r="FM2695" s="91"/>
      <c r="FN2695" s="91"/>
      <c r="FO2695" s="91"/>
      <c r="FP2695" s="91"/>
      <c r="FQ2695" s="91"/>
      <c r="FR2695" s="91"/>
      <c r="FS2695" s="91"/>
      <c r="FT2695" s="91"/>
      <c r="FU2695" s="91"/>
      <c r="FV2695" s="91"/>
      <c r="FW2695" s="91"/>
      <c r="FX2695" s="91"/>
      <c r="FY2695" s="91"/>
      <c r="FZ2695" s="91"/>
      <c r="GA2695" s="91"/>
      <c r="GB2695" s="91"/>
      <c r="GC2695" s="91"/>
      <c r="GD2695" s="91"/>
      <c r="GE2695" s="91"/>
      <c r="GF2695" s="91"/>
      <c r="GG2695" s="91"/>
      <c r="GH2695" s="91"/>
      <c r="GI2695" s="91"/>
      <c r="GJ2695" s="91"/>
      <c r="GK2695" s="127"/>
      <c r="GL2695" s="126"/>
      <c r="GM2695" s="91"/>
      <c r="GN2695" s="91"/>
      <c r="GO2695" s="91"/>
      <c r="GP2695" s="91"/>
      <c r="GQ2695" s="91"/>
      <c r="GR2695" s="91"/>
      <c r="GS2695" s="91"/>
      <c r="GT2695" s="91"/>
      <c r="GU2695" s="91"/>
      <c r="GV2695" s="91"/>
      <c r="GW2695" s="91"/>
      <c r="GX2695" s="91"/>
      <c r="GY2695" s="91"/>
      <c r="GZ2695" s="91"/>
      <c r="HA2695" s="91"/>
      <c r="HB2695" s="91"/>
      <c r="HC2695" s="91"/>
      <c r="HD2695" s="91"/>
      <c r="HE2695" s="91"/>
      <c r="HF2695" s="91"/>
      <c r="HG2695" s="91"/>
      <c r="HH2695" s="91"/>
      <c r="HI2695" s="91"/>
      <c r="HJ2695" s="91"/>
      <c r="HK2695" s="127"/>
      <c r="HL2695" s="126"/>
      <c r="HM2695" s="91"/>
      <c r="HN2695" s="91"/>
      <c r="HO2695" s="91"/>
      <c r="HP2695" s="91"/>
      <c r="HQ2695" s="91"/>
      <c r="HR2695" s="91"/>
      <c r="HS2695" s="91"/>
      <c r="HT2695" s="91"/>
      <c r="HU2695" s="91"/>
      <c r="HV2695" s="91"/>
      <c r="HW2695" s="91"/>
      <c r="HX2695" s="91"/>
      <c r="HY2695" s="91"/>
      <c r="HZ2695" s="91"/>
      <c r="IA2695" s="91"/>
      <c r="IB2695" s="91"/>
      <c r="IC2695" s="91"/>
      <c r="ID2695" s="91"/>
      <c r="IE2695" s="91"/>
      <c r="IF2695" s="91"/>
      <c r="IG2695" s="91"/>
      <c r="IH2695" s="91"/>
      <c r="II2695" s="91"/>
      <c r="IJ2695" s="91"/>
      <c r="IK2695" s="127"/>
    </row>
    <row r="2696" spans="2:245" x14ac:dyDescent="0.2">
      <c r="B2696" s="43"/>
      <c r="C2696" s="73"/>
      <c r="D2696" s="64"/>
      <c r="E2696" s="64"/>
      <c r="F2696" s="55"/>
      <c r="G2696" s="102"/>
      <c r="H2696" s="55"/>
      <c r="I2696" s="55"/>
      <c r="J2696" s="55"/>
      <c r="K2696" s="55"/>
      <c r="L2696" s="55"/>
      <c r="M2696" s="55"/>
      <c r="N2696" s="55"/>
      <c r="O2696" s="55"/>
      <c r="P2696" s="55"/>
      <c r="Q2696" s="55"/>
      <c r="R2696" s="55"/>
      <c r="S2696" s="55"/>
      <c r="T2696" s="55"/>
      <c r="U2696" s="55"/>
      <c r="V2696" s="55"/>
      <c r="W2696" s="55"/>
      <c r="X2696" s="55"/>
      <c r="Y2696" s="55"/>
      <c r="Z2696" s="55"/>
      <c r="AA2696" s="55"/>
      <c r="AB2696" s="55"/>
      <c r="AC2696" s="55"/>
      <c r="AD2696" s="55"/>
      <c r="AE2696" s="55"/>
      <c r="AF2696" s="55"/>
      <c r="AG2696" s="55"/>
      <c r="AY2696" s="162"/>
      <c r="AZ2696" s="162"/>
      <c r="BA2696" s="162"/>
      <c r="BB2696" s="162"/>
      <c r="BC2696" s="162"/>
      <c r="BD2696" s="162"/>
      <c r="BE2696" s="162"/>
      <c r="BF2696" s="162"/>
      <c r="BG2696" s="162"/>
      <c r="BH2696" s="162"/>
      <c r="BI2696" s="162"/>
      <c r="BJ2696" s="162"/>
      <c r="BK2696" s="162"/>
      <c r="BL2696" s="162"/>
      <c r="BM2696" s="162"/>
      <c r="BN2696" s="162"/>
      <c r="BO2696" s="162"/>
      <c r="BP2696" s="162"/>
      <c r="BQ2696" s="162"/>
      <c r="BR2696" s="162"/>
      <c r="BS2696" s="162"/>
      <c r="BT2696" s="162"/>
      <c r="BU2696" s="162"/>
      <c r="BV2696" s="162"/>
      <c r="BW2696" s="162"/>
      <c r="BX2696" s="162"/>
      <c r="BY2696" s="162"/>
      <c r="BZ2696" s="162"/>
      <c r="CA2696" s="162"/>
      <c r="CB2696" s="162"/>
      <c r="CC2696" s="162"/>
      <c r="CD2696" s="162"/>
      <c r="CE2696" s="162"/>
      <c r="CF2696" s="162"/>
      <c r="CG2696" s="162"/>
      <c r="CH2696" s="162"/>
      <c r="CI2696" s="162"/>
      <c r="CJ2696" s="162"/>
      <c r="CK2696" s="162"/>
      <c r="CX2696" s="98"/>
      <c r="DL2696" s="97"/>
      <c r="DX2696" s="98"/>
      <c r="EL2696" s="97"/>
      <c r="EX2696" s="98"/>
      <c r="EY2696" s="97"/>
      <c r="FL2696" s="126"/>
      <c r="FM2696" s="91"/>
      <c r="FN2696" s="91"/>
      <c r="FO2696" s="91"/>
      <c r="FP2696" s="91"/>
      <c r="FQ2696" s="91"/>
      <c r="FR2696" s="91"/>
      <c r="FS2696" s="91"/>
      <c r="FT2696" s="91"/>
      <c r="FU2696" s="91"/>
      <c r="FV2696" s="91"/>
      <c r="FW2696" s="91"/>
      <c r="FX2696" s="91"/>
      <c r="FY2696" s="91"/>
      <c r="FZ2696" s="91"/>
      <c r="GA2696" s="91"/>
      <c r="GB2696" s="91"/>
      <c r="GC2696" s="91"/>
      <c r="GD2696" s="91"/>
      <c r="GE2696" s="91"/>
      <c r="GF2696" s="91"/>
      <c r="GG2696" s="91"/>
      <c r="GH2696" s="91"/>
      <c r="GI2696" s="91"/>
      <c r="GJ2696" s="91"/>
      <c r="GK2696" s="127"/>
      <c r="GL2696" s="126"/>
      <c r="GM2696" s="91"/>
      <c r="GN2696" s="91"/>
      <c r="GO2696" s="91"/>
      <c r="GP2696" s="91"/>
      <c r="GQ2696" s="91"/>
      <c r="GR2696" s="91"/>
      <c r="GS2696" s="91"/>
      <c r="GT2696" s="91"/>
      <c r="GU2696" s="91"/>
      <c r="GV2696" s="91"/>
      <c r="GW2696" s="91"/>
      <c r="GX2696" s="91"/>
      <c r="GY2696" s="91"/>
      <c r="GZ2696" s="91"/>
      <c r="HA2696" s="91"/>
      <c r="HB2696" s="91"/>
      <c r="HC2696" s="91"/>
      <c r="HD2696" s="91"/>
      <c r="HE2696" s="91"/>
      <c r="HF2696" s="91"/>
      <c r="HG2696" s="91"/>
      <c r="HH2696" s="91"/>
      <c r="HI2696" s="91"/>
      <c r="HJ2696" s="91"/>
      <c r="HK2696" s="127"/>
      <c r="HL2696" s="126"/>
      <c r="HM2696" s="91"/>
      <c r="HN2696" s="91"/>
      <c r="HO2696" s="91"/>
      <c r="HP2696" s="91"/>
      <c r="HQ2696" s="91"/>
      <c r="HR2696" s="91"/>
      <c r="HS2696" s="91"/>
      <c r="HT2696" s="91"/>
      <c r="HU2696" s="91"/>
      <c r="HV2696" s="91"/>
      <c r="HW2696" s="91"/>
      <c r="HX2696" s="91"/>
      <c r="HY2696" s="91"/>
      <c r="HZ2696" s="91"/>
      <c r="IA2696" s="91"/>
      <c r="IB2696" s="91"/>
      <c r="IC2696" s="91"/>
      <c r="ID2696" s="91"/>
      <c r="IE2696" s="91"/>
      <c r="IF2696" s="91"/>
      <c r="IG2696" s="91"/>
      <c r="IH2696" s="91"/>
      <c r="II2696" s="91"/>
      <c r="IJ2696" s="91"/>
      <c r="IK2696" s="127"/>
    </row>
    <row r="2697" spans="2:245" x14ac:dyDescent="0.2">
      <c r="B2697" s="43"/>
      <c r="C2697" s="73"/>
      <c r="D2697" s="64"/>
      <c r="E2697" s="64"/>
      <c r="F2697" s="55"/>
      <c r="G2697" s="102"/>
      <c r="H2697" s="55"/>
      <c r="I2697" s="55"/>
      <c r="J2697" s="55"/>
      <c r="K2697" s="55"/>
      <c r="L2697" s="55"/>
      <c r="M2697" s="55"/>
      <c r="N2697" s="55"/>
      <c r="O2697" s="55"/>
      <c r="P2697" s="55"/>
      <c r="Q2697" s="55"/>
      <c r="R2697" s="55"/>
      <c r="S2697" s="55"/>
      <c r="T2697" s="55"/>
      <c r="U2697" s="55"/>
      <c r="V2697" s="55"/>
      <c r="W2697" s="55"/>
      <c r="X2697" s="55"/>
      <c r="Y2697" s="55"/>
      <c r="Z2697" s="55"/>
      <c r="AA2697" s="55"/>
      <c r="AB2697" s="55"/>
      <c r="AC2697" s="55"/>
      <c r="AD2697" s="55"/>
      <c r="AE2697" s="55"/>
      <c r="AF2697" s="55"/>
      <c r="AG2697" s="55"/>
      <c r="AY2697" s="162"/>
      <c r="AZ2697" s="162"/>
      <c r="BA2697" s="162"/>
      <c r="BB2697" s="162"/>
      <c r="BC2697" s="162"/>
      <c r="BD2697" s="162"/>
      <c r="BE2697" s="162"/>
      <c r="BF2697" s="162"/>
      <c r="BG2697" s="162"/>
      <c r="BH2697" s="162"/>
      <c r="BI2697" s="162"/>
      <c r="BJ2697" s="162"/>
      <c r="BK2697" s="162"/>
      <c r="BL2697" s="162"/>
      <c r="BM2697" s="162"/>
      <c r="BN2697" s="162"/>
      <c r="BO2697" s="162"/>
      <c r="BP2697" s="162"/>
      <c r="BQ2697" s="162"/>
      <c r="BR2697" s="162"/>
      <c r="BS2697" s="162"/>
      <c r="BT2697" s="162"/>
      <c r="BU2697" s="162"/>
      <c r="BV2697" s="162"/>
      <c r="BW2697" s="162"/>
      <c r="BX2697" s="162"/>
      <c r="BY2697" s="162"/>
      <c r="BZ2697" s="162"/>
      <c r="CA2697" s="162"/>
      <c r="CB2697" s="162"/>
      <c r="CC2697" s="162"/>
      <c r="CD2697" s="162"/>
      <c r="CE2697" s="162"/>
      <c r="CF2697" s="162"/>
      <c r="CG2697" s="162"/>
      <c r="CH2697" s="162"/>
      <c r="CI2697" s="162"/>
      <c r="CJ2697" s="162"/>
      <c r="CK2697" s="162"/>
      <c r="CX2697" s="98"/>
      <c r="DL2697" s="97"/>
      <c r="DX2697" s="98"/>
      <c r="EL2697" s="97"/>
      <c r="EX2697" s="98"/>
      <c r="EY2697" s="97"/>
      <c r="FL2697" s="126"/>
      <c r="FM2697" s="91"/>
      <c r="FN2697" s="91"/>
      <c r="FO2697" s="91"/>
      <c r="FP2697" s="91"/>
      <c r="FQ2697" s="91"/>
      <c r="FR2697" s="91"/>
      <c r="FS2697" s="91"/>
      <c r="FT2697" s="91"/>
      <c r="FU2697" s="91"/>
      <c r="FV2697" s="91"/>
      <c r="FW2697" s="91"/>
      <c r="FX2697" s="91"/>
      <c r="FY2697" s="91"/>
      <c r="FZ2697" s="91"/>
      <c r="GA2697" s="91"/>
      <c r="GB2697" s="91"/>
      <c r="GC2697" s="91"/>
      <c r="GD2697" s="91"/>
      <c r="GE2697" s="91"/>
      <c r="GF2697" s="91"/>
      <c r="GG2697" s="91"/>
      <c r="GH2697" s="91"/>
      <c r="GI2697" s="91"/>
      <c r="GJ2697" s="91"/>
      <c r="GK2697" s="127"/>
      <c r="GL2697" s="126"/>
      <c r="GM2697" s="91"/>
      <c r="GN2697" s="91"/>
      <c r="GO2697" s="91"/>
      <c r="GP2697" s="91"/>
      <c r="GQ2697" s="91"/>
      <c r="GR2697" s="91"/>
      <c r="GS2697" s="91"/>
      <c r="GT2697" s="91"/>
      <c r="GU2697" s="91"/>
      <c r="GV2697" s="91"/>
      <c r="GW2697" s="91"/>
      <c r="GX2697" s="91"/>
      <c r="GY2697" s="91"/>
      <c r="GZ2697" s="91"/>
      <c r="HA2697" s="91"/>
      <c r="HB2697" s="91"/>
      <c r="HC2697" s="91"/>
      <c r="HD2697" s="91"/>
      <c r="HE2697" s="91"/>
      <c r="HF2697" s="91"/>
      <c r="HG2697" s="91"/>
      <c r="HH2697" s="91"/>
      <c r="HI2697" s="91"/>
      <c r="HJ2697" s="91"/>
      <c r="HK2697" s="127"/>
      <c r="HL2697" s="126"/>
      <c r="HM2697" s="91"/>
      <c r="HN2697" s="91"/>
      <c r="HO2697" s="91"/>
      <c r="HP2697" s="91"/>
      <c r="HQ2697" s="91"/>
      <c r="HR2697" s="91"/>
      <c r="HS2697" s="91"/>
      <c r="HT2697" s="91"/>
      <c r="HU2697" s="91"/>
      <c r="HV2697" s="91"/>
      <c r="HW2697" s="91"/>
      <c r="HX2697" s="91"/>
      <c r="HY2697" s="91"/>
      <c r="HZ2697" s="91"/>
      <c r="IA2697" s="91"/>
      <c r="IB2697" s="91"/>
      <c r="IC2697" s="91"/>
      <c r="ID2697" s="91"/>
      <c r="IE2697" s="91"/>
      <c r="IF2697" s="91"/>
      <c r="IG2697" s="91"/>
      <c r="IH2697" s="91"/>
      <c r="II2697" s="91"/>
      <c r="IJ2697" s="91"/>
      <c r="IK2697" s="127"/>
    </row>
    <row r="2698" spans="2:245" x14ac:dyDescent="0.2">
      <c r="B2698" s="43"/>
      <c r="C2698" s="73"/>
      <c r="D2698" s="64"/>
      <c r="E2698" s="64"/>
      <c r="F2698" s="55"/>
      <c r="G2698" s="102"/>
      <c r="H2698" s="55"/>
      <c r="I2698" s="55"/>
      <c r="J2698" s="55"/>
      <c r="K2698" s="55"/>
      <c r="L2698" s="55"/>
      <c r="M2698" s="55"/>
      <c r="N2698" s="55"/>
      <c r="O2698" s="55"/>
      <c r="P2698" s="55"/>
      <c r="Q2698" s="55"/>
      <c r="R2698" s="55"/>
      <c r="S2698" s="55"/>
      <c r="T2698" s="55"/>
      <c r="U2698" s="55"/>
      <c r="V2698" s="55"/>
      <c r="W2698" s="55"/>
      <c r="X2698" s="55"/>
      <c r="Y2698" s="55"/>
      <c r="Z2698" s="55"/>
      <c r="AA2698" s="55"/>
      <c r="AB2698" s="55"/>
      <c r="AC2698" s="55"/>
      <c r="AD2698" s="55"/>
      <c r="AE2698" s="55"/>
      <c r="AF2698" s="55"/>
      <c r="AG2698" s="55"/>
      <c r="AY2698" s="162"/>
      <c r="AZ2698" s="162"/>
      <c r="BA2698" s="162"/>
      <c r="BB2698" s="162"/>
      <c r="BC2698" s="162"/>
      <c r="BD2698" s="162"/>
      <c r="BE2698" s="162"/>
      <c r="BF2698" s="162"/>
      <c r="BG2698" s="162"/>
      <c r="BH2698" s="162"/>
      <c r="BI2698" s="162"/>
      <c r="BJ2698" s="162"/>
      <c r="BK2698" s="162"/>
      <c r="BL2698" s="162"/>
      <c r="BM2698" s="162"/>
      <c r="BN2698" s="162"/>
      <c r="BO2698" s="162"/>
      <c r="BP2698" s="162"/>
      <c r="BQ2698" s="162"/>
      <c r="BR2698" s="162"/>
      <c r="BS2698" s="162"/>
      <c r="BT2698" s="162"/>
      <c r="BU2698" s="162"/>
      <c r="BV2698" s="162"/>
      <c r="BW2698" s="162"/>
      <c r="BX2698" s="162"/>
      <c r="BY2698" s="162"/>
      <c r="BZ2698" s="162"/>
      <c r="CA2698" s="162"/>
      <c r="CB2698" s="162"/>
      <c r="CC2698" s="162"/>
      <c r="CD2698" s="162"/>
      <c r="CE2698" s="162"/>
      <c r="CF2698" s="162"/>
      <c r="CG2698" s="162"/>
      <c r="CH2698" s="162"/>
      <c r="CI2698" s="162"/>
      <c r="CJ2698" s="162"/>
      <c r="CK2698" s="162"/>
      <c r="CX2698" s="98"/>
      <c r="DL2698" s="97"/>
      <c r="DX2698" s="98"/>
      <c r="EL2698" s="97"/>
      <c r="EX2698" s="98"/>
      <c r="EY2698" s="97"/>
      <c r="FL2698" s="126"/>
      <c r="FM2698" s="91"/>
      <c r="FN2698" s="91"/>
      <c r="FO2698" s="91"/>
      <c r="FP2698" s="91"/>
      <c r="FQ2698" s="91"/>
      <c r="FR2698" s="91"/>
      <c r="FS2698" s="91"/>
      <c r="FT2698" s="91"/>
      <c r="FU2698" s="91"/>
      <c r="FV2698" s="91"/>
      <c r="FW2698" s="91"/>
      <c r="FX2698" s="91"/>
      <c r="FY2698" s="91"/>
      <c r="FZ2698" s="91"/>
      <c r="GA2698" s="91"/>
      <c r="GB2698" s="91"/>
      <c r="GC2698" s="91"/>
      <c r="GD2698" s="91"/>
      <c r="GE2698" s="91"/>
      <c r="GF2698" s="91"/>
      <c r="GG2698" s="91"/>
      <c r="GH2698" s="91"/>
      <c r="GI2698" s="91"/>
      <c r="GJ2698" s="91"/>
      <c r="GK2698" s="127"/>
      <c r="GL2698" s="126"/>
      <c r="GM2698" s="91"/>
      <c r="GN2698" s="91"/>
      <c r="GO2698" s="91"/>
      <c r="GP2698" s="91"/>
      <c r="GQ2698" s="91"/>
      <c r="GR2698" s="91"/>
      <c r="GS2698" s="91"/>
      <c r="GT2698" s="91"/>
      <c r="GU2698" s="91"/>
      <c r="GV2698" s="91"/>
      <c r="GW2698" s="91"/>
      <c r="GX2698" s="91"/>
      <c r="GY2698" s="91"/>
      <c r="GZ2698" s="91"/>
      <c r="HA2698" s="91"/>
      <c r="HB2698" s="91"/>
      <c r="HC2698" s="91"/>
      <c r="HD2698" s="91"/>
      <c r="HE2698" s="91"/>
      <c r="HF2698" s="91"/>
      <c r="HG2698" s="91"/>
      <c r="HH2698" s="91"/>
      <c r="HI2698" s="91"/>
      <c r="HJ2698" s="91"/>
      <c r="HK2698" s="127"/>
      <c r="HL2698" s="126"/>
      <c r="HM2698" s="91"/>
      <c r="HN2698" s="91"/>
      <c r="HO2698" s="91"/>
      <c r="HP2698" s="91"/>
      <c r="HQ2698" s="91"/>
      <c r="HR2698" s="91"/>
      <c r="HS2698" s="91"/>
      <c r="HT2698" s="91"/>
      <c r="HU2698" s="91"/>
      <c r="HV2698" s="91"/>
      <c r="HW2698" s="91"/>
      <c r="HX2698" s="91"/>
      <c r="HY2698" s="91"/>
      <c r="HZ2698" s="91"/>
      <c r="IA2698" s="91"/>
      <c r="IB2698" s="91"/>
      <c r="IC2698" s="91"/>
      <c r="ID2698" s="91"/>
      <c r="IE2698" s="91"/>
      <c r="IF2698" s="91"/>
      <c r="IG2698" s="91"/>
      <c r="IH2698" s="91"/>
      <c r="II2698" s="91"/>
      <c r="IJ2698" s="91"/>
      <c r="IK2698" s="127"/>
    </row>
    <row r="2699" spans="2:245" x14ac:dyDescent="0.2">
      <c r="B2699" s="43"/>
      <c r="C2699" s="73"/>
      <c r="D2699" s="64"/>
      <c r="E2699" s="64"/>
      <c r="F2699" s="55"/>
      <c r="G2699" s="102"/>
      <c r="H2699" s="55"/>
      <c r="I2699" s="55"/>
      <c r="J2699" s="55"/>
      <c r="K2699" s="55"/>
      <c r="L2699" s="55"/>
      <c r="M2699" s="55"/>
      <c r="N2699" s="55"/>
      <c r="O2699" s="55"/>
      <c r="P2699" s="55"/>
      <c r="Q2699" s="55"/>
      <c r="R2699" s="55"/>
      <c r="S2699" s="55"/>
      <c r="T2699" s="55"/>
      <c r="U2699" s="55"/>
      <c r="V2699" s="55"/>
      <c r="W2699" s="55"/>
      <c r="X2699" s="55"/>
      <c r="Y2699" s="55"/>
      <c r="Z2699" s="55"/>
      <c r="AA2699" s="55"/>
      <c r="AB2699" s="55"/>
      <c r="AC2699" s="55"/>
      <c r="AD2699" s="55"/>
      <c r="AE2699" s="55"/>
      <c r="AF2699" s="55"/>
      <c r="AG2699" s="55"/>
      <c r="AY2699" s="162"/>
      <c r="AZ2699" s="162"/>
      <c r="BA2699" s="162"/>
      <c r="BB2699" s="162"/>
      <c r="BC2699" s="162"/>
      <c r="BD2699" s="162"/>
      <c r="BE2699" s="162"/>
      <c r="BF2699" s="162"/>
      <c r="BG2699" s="162"/>
      <c r="BH2699" s="162"/>
      <c r="BI2699" s="162"/>
      <c r="BJ2699" s="162"/>
      <c r="BK2699" s="162"/>
      <c r="BL2699" s="162"/>
      <c r="BM2699" s="162"/>
      <c r="BN2699" s="162"/>
      <c r="BO2699" s="162"/>
      <c r="BP2699" s="162"/>
      <c r="BQ2699" s="162"/>
      <c r="BR2699" s="162"/>
      <c r="BS2699" s="162"/>
      <c r="BT2699" s="162"/>
      <c r="BU2699" s="162"/>
      <c r="BV2699" s="162"/>
      <c r="BW2699" s="162"/>
      <c r="BX2699" s="162"/>
      <c r="BY2699" s="162"/>
      <c r="BZ2699" s="162"/>
      <c r="CA2699" s="162"/>
      <c r="CB2699" s="162"/>
      <c r="CC2699" s="162"/>
      <c r="CD2699" s="162"/>
      <c r="CE2699" s="162"/>
      <c r="CF2699" s="162"/>
      <c r="CG2699" s="162"/>
      <c r="CH2699" s="162"/>
      <c r="CI2699" s="162"/>
      <c r="CJ2699" s="162"/>
      <c r="CK2699" s="162"/>
      <c r="CX2699" s="98"/>
      <c r="DL2699" s="97"/>
      <c r="DX2699" s="98"/>
      <c r="EL2699" s="97"/>
      <c r="EX2699" s="98"/>
      <c r="EY2699" s="97"/>
      <c r="FL2699" s="126"/>
      <c r="FM2699" s="91"/>
      <c r="FN2699" s="91"/>
      <c r="FO2699" s="91"/>
      <c r="FP2699" s="91"/>
      <c r="FQ2699" s="91"/>
      <c r="FR2699" s="91"/>
      <c r="FS2699" s="91"/>
      <c r="FT2699" s="91"/>
      <c r="FU2699" s="91"/>
      <c r="FV2699" s="91"/>
      <c r="FW2699" s="91"/>
      <c r="FX2699" s="91"/>
      <c r="FY2699" s="91"/>
      <c r="FZ2699" s="91"/>
      <c r="GA2699" s="91"/>
      <c r="GB2699" s="91"/>
      <c r="GC2699" s="91"/>
      <c r="GD2699" s="91"/>
      <c r="GE2699" s="91"/>
      <c r="GF2699" s="91"/>
      <c r="GG2699" s="91"/>
      <c r="GH2699" s="91"/>
      <c r="GI2699" s="91"/>
      <c r="GJ2699" s="91"/>
      <c r="GK2699" s="127"/>
      <c r="GL2699" s="126"/>
      <c r="GM2699" s="91"/>
      <c r="GN2699" s="91"/>
      <c r="GO2699" s="91"/>
      <c r="GP2699" s="91"/>
      <c r="GQ2699" s="91"/>
      <c r="GR2699" s="91"/>
      <c r="GS2699" s="91"/>
      <c r="GT2699" s="91"/>
      <c r="GU2699" s="91"/>
      <c r="GV2699" s="91"/>
      <c r="GW2699" s="91"/>
      <c r="GX2699" s="91"/>
      <c r="GY2699" s="91"/>
      <c r="GZ2699" s="91"/>
      <c r="HA2699" s="91"/>
      <c r="HB2699" s="91"/>
      <c r="HC2699" s="91"/>
      <c r="HD2699" s="91"/>
      <c r="HE2699" s="91"/>
      <c r="HF2699" s="91"/>
      <c r="HG2699" s="91"/>
      <c r="HH2699" s="91"/>
      <c r="HI2699" s="91"/>
      <c r="HJ2699" s="91"/>
      <c r="HK2699" s="127"/>
      <c r="HL2699" s="126"/>
      <c r="HM2699" s="91"/>
      <c r="HN2699" s="91"/>
      <c r="HO2699" s="91"/>
      <c r="HP2699" s="91"/>
      <c r="HQ2699" s="91"/>
      <c r="HR2699" s="91"/>
      <c r="HS2699" s="91"/>
      <c r="HT2699" s="91"/>
      <c r="HU2699" s="91"/>
      <c r="HV2699" s="91"/>
      <c r="HW2699" s="91"/>
      <c r="HX2699" s="91"/>
      <c r="HY2699" s="91"/>
      <c r="HZ2699" s="91"/>
      <c r="IA2699" s="91"/>
      <c r="IB2699" s="91"/>
      <c r="IC2699" s="91"/>
      <c r="ID2699" s="91"/>
      <c r="IE2699" s="91"/>
      <c r="IF2699" s="91"/>
      <c r="IG2699" s="91"/>
      <c r="IH2699" s="91"/>
      <c r="II2699" s="91"/>
      <c r="IJ2699" s="91"/>
      <c r="IK2699" s="127"/>
    </row>
    <row r="2700" spans="2:245" x14ac:dyDescent="0.2">
      <c r="B2700" s="43"/>
      <c r="C2700" s="73"/>
      <c r="D2700" s="64"/>
      <c r="E2700" s="64"/>
      <c r="F2700" s="55"/>
      <c r="G2700" s="102"/>
      <c r="H2700" s="55"/>
      <c r="I2700" s="55"/>
      <c r="J2700" s="55"/>
      <c r="K2700" s="55"/>
      <c r="L2700" s="55"/>
      <c r="M2700" s="55"/>
      <c r="N2700" s="55"/>
      <c r="O2700" s="55"/>
      <c r="P2700" s="55"/>
      <c r="Q2700" s="55"/>
      <c r="R2700" s="55"/>
      <c r="S2700" s="55"/>
      <c r="T2700" s="55"/>
      <c r="U2700" s="55"/>
      <c r="V2700" s="55"/>
      <c r="W2700" s="55"/>
      <c r="X2700" s="55"/>
      <c r="Y2700" s="55"/>
      <c r="Z2700" s="55"/>
      <c r="AA2700" s="55"/>
      <c r="AB2700" s="55"/>
      <c r="AC2700" s="55"/>
      <c r="AD2700" s="55"/>
      <c r="AE2700" s="55"/>
      <c r="AF2700" s="55"/>
      <c r="AG2700" s="55"/>
      <c r="AY2700" s="162"/>
      <c r="AZ2700" s="162"/>
      <c r="BA2700" s="162"/>
      <c r="BB2700" s="162"/>
      <c r="BC2700" s="162"/>
      <c r="BD2700" s="162"/>
      <c r="BE2700" s="162"/>
      <c r="BF2700" s="162"/>
      <c r="BG2700" s="162"/>
      <c r="BH2700" s="162"/>
      <c r="BI2700" s="162"/>
      <c r="BJ2700" s="162"/>
      <c r="BK2700" s="162"/>
      <c r="BL2700" s="162"/>
      <c r="BM2700" s="162"/>
      <c r="BN2700" s="162"/>
      <c r="BO2700" s="162"/>
      <c r="BP2700" s="162"/>
      <c r="BQ2700" s="162"/>
      <c r="BR2700" s="162"/>
      <c r="BS2700" s="162"/>
      <c r="BT2700" s="162"/>
      <c r="BU2700" s="162"/>
      <c r="BV2700" s="162"/>
      <c r="BW2700" s="162"/>
      <c r="BX2700" s="162"/>
      <c r="BY2700" s="162"/>
      <c r="BZ2700" s="162"/>
      <c r="CA2700" s="162"/>
      <c r="CB2700" s="162"/>
      <c r="CC2700" s="162"/>
      <c r="CD2700" s="162"/>
      <c r="CE2700" s="162"/>
      <c r="CF2700" s="162"/>
      <c r="CG2700" s="162"/>
      <c r="CH2700" s="162"/>
      <c r="CI2700" s="162"/>
      <c r="CJ2700" s="162"/>
      <c r="CK2700" s="162"/>
      <c r="CX2700" s="98"/>
      <c r="DL2700" s="97"/>
      <c r="DX2700" s="98"/>
      <c r="EL2700" s="97"/>
      <c r="EX2700" s="98"/>
      <c r="EY2700" s="97"/>
      <c r="FL2700" s="126"/>
      <c r="FM2700" s="91"/>
      <c r="FN2700" s="91"/>
      <c r="FO2700" s="91"/>
      <c r="FP2700" s="91"/>
      <c r="FQ2700" s="91"/>
      <c r="FR2700" s="91"/>
      <c r="FS2700" s="91"/>
      <c r="FT2700" s="91"/>
      <c r="FU2700" s="91"/>
      <c r="FV2700" s="91"/>
      <c r="FW2700" s="91"/>
      <c r="FX2700" s="91"/>
      <c r="FY2700" s="91"/>
      <c r="FZ2700" s="91"/>
      <c r="GA2700" s="91"/>
      <c r="GB2700" s="91"/>
      <c r="GC2700" s="91"/>
      <c r="GD2700" s="91"/>
      <c r="GE2700" s="91"/>
      <c r="GF2700" s="91"/>
      <c r="GG2700" s="91"/>
      <c r="GH2700" s="91"/>
      <c r="GI2700" s="91"/>
      <c r="GJ2700" s="91"/>
      <c r="GK2700" s="127"/>
      <c r="GL2700" s="126"/>
      <c r="GM2700" s="91"/>
      <c r="GN2700" s="91"/>
      <c r="GO2700" s="91"/>
      <c r="GP2700" s="91"/>
      <c r="GQ2700" s="91"/>
      <c r="GR2700" s="91"/>
      <c r="GS2700" s="91"/>
      <c r="GT2700" s="91"/>
      <c r="GU2700" s="91"/>
      <c r="GV2700" s="91"/>
      <c r="GW2700" s="91"/>
      <c r="GX2700" s="91"/>
      <c r="GY2700" s="91"/>
      <c r="GZ2700" s="91"/>
      <c r="HA2700" s="91"/>
      <c r="HB2700" s="91"/>
      <c r="HC2700" s="91"/>
      <c r="HD2700" s="91"/>
      <c r="HE2700" s="91"/>
      <c r="HF2700" s="91"/>
      <c r="HG2700" s="91"/>
      <c r="HH2700" s="91"/>
      <c r="HI2700" s="91"/>
      <c r="HJ2700" s="91"/>
      <c r="HK2700" s="127"/>
      <c r="HL2700" s="126"/>
      <c r="HM2700" s="91"/>
      <c r="HN2700" s="91"/>
      <c r="HO2700" s="91"/>
      <c r="HP2700" s="91"/>
      <c r="HQ2700" s="91"/>
      <c r="HR2700" s="91"/>
      <c r="HS2700" s="91"/>
      <c r="HT2700" s="91"/>
      <c r="HU2700" s="91"/>
      <c r="HV2700" s="91"/>
      <c r="HW2700" s="91"/>
      <c r="HX2700" s="91"/>
      <c r="HY2700" s="91"/>
      <c r="HZ2700" s="91"/>
      <c r="IA2700" s="91"/>
      <c r="IB2700" s="91"/>
      <c r="IC2700" s="91"/>
      <c r="ID2700" s="91"/>
      <c r="IE2700" s="91"/>
      <c r="IF2700" s="91"/>
      <c r="IG2700" s="91"/>
      <c r="IH2700" s="91"/>
      <c r="II2700" s="91"/>
      <c r="IJ2700" s="91"/>
      <c r="IK2700" s="127"/>
    </row>
    <row r="2701" spans="2:245" x14ac:dyDescent="0.2">
      <c r="B2701" s="43"/>
      <c r="C2701" s="73"/>
      <c r="D2701" s="64"/>
      <c r="E2701" s="64"/>
      <c r="F2701" s="55"/>
      <c r="G2701" s="102"/>
      <c r="H2701" s="55"/>
      <c r="I2701" s="55"/>
      <c r="J2701" s="55"/>
      <c r="K2701" s="55"/>
      <c r="L2701" s="55"/>
      <c r="M2701" s="55"/>
      <c r="N2701" s="55"/>
      <c r="O2701" s="55"/>
      <c r="P2701" s="55"/>
      <c r="Q2701" s="55"/>
      <c r="R2701" s="55"/>
      <c r="S2701" s="55"/>
      <c r="T2701" s="55"/>
      <c r="U2701" s="55"/>
      <c r="V2701" s="55"/>
      <c r="W2701" s="55"/>
      <c r="X2701" s="55"/>
      <c r="Y2701" s="55"/>
      <c r="Z2701" s="55"/>
      <c r="AA2701" s="55"/>
      <c r="AB2701" s="55"/>
      <c r="AC2701" s="55"/>
      <c r="AD2701" s="55"/>
      <c r="AE2701" s="55"/>
      <c r="AF2701" s="55"/>
      <c r="AG2701" s="55"/>
      <c r="AY2701" s="162"/>
      <c r="AZ2701" s="162"/>
      <c r="BA2701" s="162"/>
      <c r="BB2701" s="162"/>
      <c r="BC2701" s="162"/>
      <c r="BD2701" s="162"/>
      <c r="BE2701" s="162"/>
      <c r="BF2701" s="162"/>
      <c r="BG2701" s="162"/>
      <c r="BH2701" s="162"/>
      <c r="BI2701" s="162"/>
      <c r="BJ2701" s="162"/>
      <c r="BK2701" s="162"/>
      <c r="BL2701" s="162"/>
      <c r="BM2701" s="162"/>
      <c r="BN2701" s="162"/>
      <c r="BO2701" s="162"/>
      <c r="BP2701" s="162"/>
      <c r="BQ2701" s="162"/>
      <c r="BR2701" s="162"/>
      <c r="BS2701" s="162"/>
      <c r="BT2701" s="162"/>
      <c r="BU2701" s="162"/>
      <c r="BV2701" s="162"/>
      <c r="BW2701" s="162"/>
      <c r="BX2701" s="162"/>
      <c r="BY2701" s="162"/>
      <c r="BZ2701" s="162"/>
      <c r="CA2701" s="162"/>
      <c r="CB2701" s="162"/>
      <c r="CC2701" s="162"/>
      <c r="CD2701" s="162"/>
      <c r="CE2701" s="162"/>
      <c r="CF2701" s="162"/>
      <c r="CG2701" s="162"/>
      <c r="CH2701" s="162"/>
      <c r="CI2701" s="162"/>
      <c r="CJ2701" s="162"/>
      <c r="CK2701" s="162"/>
      <c r="CX2701" s="98"/>
      <c r="DL2701" s="97"/>
      <c r="DX2701" s="98"/>
      <c r="EL2701" s="97"/>
      <c r="EX2701" s="98"/>
      <c r="EY2701" s="97"/>
      <c r="FL2701" s="126"/>
      <c r="FM2701" s="91"/>
      <c r="FN2701" s="91"/>
      <c r="FO2701" s="91"/>
      <c r="FP2701" s="91"/>
      <c r="FQ2701" s="91"/>
      <c r="FR2701" s="91"/>
      <c r="FS2701" s="91"/>
      <c r="FT2701" s="91"/>
      <c r="FU2701" s="91"/>
      <c r="FV2701" s="91"/>
      <c r="FW2701" s="91"/>
      <c r="FX2701" s="91"/>
      <c r="FY2701" s="91"/>
      <c r="FZ2701" s="91"/>
      <c r="GA2701" s="91"/>
      <c r="GB2701" s="91"/>
      <c r="GC2701" s="91"/>
      <c r="GD2701" s="91"/>
      <c r="GE2701" s="91"/>
      <c r="GF2701" s="91"/>
      <c r="GG2701" s="91"/>
      <c r="GH2701" s="91"/>
      <c r="GI2701" s="91"/>
      <c r="GJ2701" s="91"/>
      <c r="GK2701" s="127"/>
      <c r="GL2701" s="126"/>
      <c r="GM2701" s="91"/>
      <c r="GN2701" s="91"/>
      <c r="GO2701" s="91"/>
      <c r="GP2701" s="91"/>
      <c r="GQ2701" s="91"/>
      <c r="GR2701" s="91"/>
      <c r="GS2701" s="91"/>
      <c r="GT2701" s="91"/>
      <c r="GU2701" s="91"/>
      <c r="GV2701" s="91"/>
      <c r="GW2701" s="91"/>
      <c r="GX2701" s="91"/>
      <c r="GY2701" s="91"/>
      <c r="GZ2701" s="91"/>
      <c r="HA2701" s="91"/>
      <c r="HB2701" s="91"/>
      <c r="HC2701" s="91"/>
      <c r="HD2701" s="91"/>
      <c r="HE2701" s="91"/>
      <c r="HF2701" s="91"/>
      <c r="HG2701" s="91"/>
      <c r="HH2701" s="91"/>
      <c r="HI2701" s="91"/>
      <c r="HJ2701" s="91"/>
      <c r="HK2701" s="127"/>
      <c r="HL2701" s="126"/>
      <c r="HM2701" s="91"/>
      <c r="HN2701" s="91"/>
      <c r="HO2701" s="91"/>
      <c r="HP2701" s="91"/>
      <c r="HQ2701" s="91"/>
      <c r="HR2701" s="91"/>
      <c r="HS2701" s="91"/>
      <c r="HT2701" s="91"/>
      <c r="HU2701" s="91"/>
      <c r="HV2701" s="91"/>
      <c r="HW2701" s="91"/>
      <c r="HX2701" s="91"/>
      <c r="HY2701" s="91"/>
      <c r="HZ2701" s="91"/>
      <c r="IA2701" s="91"/>
      <c r="IB2701" s="91"/>
      <c r="IC2701" s="91"/>
      <c r="ID2701" s="91"/>
      <c r="IE2701" s="91"/>
      <c r="IF2701" s="91"/>
      <c r="IG2701" s="91"/>
      <c r="IH2701" s="91"/>
      <c r="II2701" s="91"/>
      <c r="IJ2701" s="91"/>
      <c r="IK2701" s="127"/>
    </row>
    <row r="2702" spans="2:245" x14ac:dyDescent="0.2">
      <c r="B2702" s="43"/>
      <c r="C2702" s="73"/>
      <c r="D2702" s="64"/>
      <c r="E2702" s="64"/>
      <c r="F2702" s="55"/>
      <c r="G2702" s="102"/>
      <c r="H2702" s="55"/>
      <c r="I2702" s="55"/>
      <c r="J2702" s="55"/>
      <c r="K2702" s="55"/>
      <c r="L2702" s="55"/>
      <c r="M2702" s="55"/>
      <c r="N2702" s="55"/>
      <c r="O2702" s="55"/>
      <c r="P2702" s="55"/>
      <c r="Q2702" s="55"/>
      <c r="R2702" s="55"/>
      <c r="S2702" s="55"/>
      <c r="T2702" s="55"/>
      <c r="U2702" s="55"/>
      <c r="V2702" s="55"/>
      <c r="W2702" s="55"/>
      <c r="X2702" s="55"/>
      <c r="Y2702" s="55"/>
      <c r="Z2702" s="55"/>
      <c r="AA2702" s="55"/>
      <c r="AB2702" s="55"/>
      <c r="AC2702" s="55"/>
      <c r="AD2702" s="55"/>
      <c r="AE2702" s="55"/>
      <c r="AF2702" s="55"/>
      <c r="AG2702" s="55"/>
      <c r="AY2702" s="162"/>
      <c r="AZ2702" s="162"/>
      <c r="BA2702" s="162"/>
      <c r="BB2702" s="162"/>
      <c r="BC2702" s="162"/>
      <c r="BD2702" s="162"/>
      <c r="BE2702" s="162"/>
      <c r="BF2702" s="162"/>
      <c r="BG2702" s="162"/>
      <c r="BH2702" s="162"/>
      <c r="BI2702" s="162"/>
      <c r="BJ2702" s="162"/>
      <c r="BK2702" s="162"/>
      <c r="BL2702" s="162"/>
      <c r="BM2702" s="162"/>
      <c r="BN2702" s="162"/>
      <c r="BO2702" s="162"/>
      <c r="BP2702" s="162"/>
      <c r="BQ2702" s="162"/>
      <c r="BR2702" s="162"/>
      <c r="BS2702" s="162"/>
      <c r="BT2702" s="162"/>
      <c r="BU2702" s="162"/>
      <c r="BV2702" s="162"/>
      <c r="BW2702" s="162"/>
      <c r="BX2702" s="162"/>
      <c r="BY2702" s="162"/>
      <c r="BZ2702" s="162"/>
      <c r="CA2702" s="162"/>
      <c r="CB2702" s="162"/>
      <c r="CC2702" s="162"/>
      <c r="CD2702" s="162"/>
      <c r="CE2702" s="162"/>
      <c r="CF2702" s="162"/>
      <c r="CG2702" s="162"/>
      <c r="CH2702" s="162"/>
      <c r="CI2702" s="162"/>
      <c r="CJ2702" s="162"/>
      <c r="CK2702" s="162"/>
      <c r="CX2702" s="98"/>
      <c r="DL2702" s="97"/>
      <c r="DX2702" s="98"/>
      <c r="EL2702" s="97"/>
      <c r="EX2702" s="98"/>
      <c r="EY2702" s="97"/>
      <c r="FL2702" s="126"/>
      <c r="FM2702" s="91"/>
      <c r="FN2702" s="91"/>
      <c r="FO2702" s="91"/>
      <c r="FP2702" s="91"/>
      <c r="FQ2702" s="91"/>
      <c r="FR2702" s="91"/>
      <c r="FS2702" s="91"/>
      <c r="FT2702" s="91"/>
      <c r="FU2702" s="91"/>
      <c r="FV2702" s="91"/>
      <c r="FW2702" s="91"/>
      <c r="FX2702" s="91"/>
      <c r="FY2702" s="91"/>
      <c r="FZ2702" s="91"/>
      <c r="GA2702" s="91"/>
      <c r="GB2702" s="91"/>
      <c r="GC2702" s="91"/>
      <c r="GD2702" s="91"/>
      <c r="GE2702" s="91"/>
      <c r="GF2702" s="91"/>
      <c r="GG2702" s="91"/>
      <c r="GH2702" s="91"/>
      <c r="GI2702" s="91"/>
      <c r="GJ2702" s="91"/>
      <c r="GK2702" s="127"/>
      <c r="GL2702" s="126"/>
      <c r="GM2702" s="91"/>
      <c r="GN2702" s="91"/>
      <c r="GO2702" s="91"/>
      <c r="GP2702" s="91"/>
      <c r="GQ2702" s="91"/>
      <c r="GR2702" s="91"/>
      <c r="GS2702" s="91"/>
      <c r="GT2702" s="91"/>
      <c r="GU2702" s="91"/>
      <c r="GV2702" s="91"/>
      <c r="GW2702" s="91"/>
      <c r="GX2702" s="91"/>
      <c r="GY2702" s="91"/>
      <c r="GZ2702" s="91"/>
      <c r="HA2702" s="91"/>
      <c r="HB2702" s="91"/>
      <c r="HC2702" s="91"/>
      <c r="HD2702" s="91"/>
      <c r="HE2702" s="91"/>
      <c r="HF2702" s="91"/>
      <c r="HG2702" s="91"/>
      <c r="HH2702" s="91"/>
      <c r="HI2702" s="91"/>
      <c r="HJ2702" s="91"/>
      <c r="HK2702" s="127"/>
      <c r="HL2702" s="126"/>
      <c r="HM2702" s="91"/>
      <c r="HN2702" s="91"/>
      <c r="HO2702" s="91"/>
      <c r="HP2702" s="91"/>
      <c r="HQ2702" s="91"/>
      <c r="HR2702" s="91"/>
      <c r="HS2702" s="91"/>
      <c r="HT2702" s="91"/>
      <c r="HU2702" s="91"/>
      <c r="HV2702" s="91"/>
      <c r="HW2702" s="91"/>
      <c r="HX2702" s="91"/>
      <c r="HY2702" s="91"/>
      <c r="HZ2702" s="91"/>
      <c r="IA2702" s="91"/>
      <c r="IB2702" s="91"/>
      <c r="IC2702" s="91"/>
      <c r="ID2702" s="91"/>
      <c r="IE2702" s="91"/>
      <c r="IF2702" s="91"/>
      <c r="IG2702" s="91"/>
      <c r="IH2702" s="91"/>
      <c r="II2702" s="91"/>
      <c r="IJ2702" s="91"/>
      <c r="IK2702" s="127"/>
    </row>
    <row r="2703" spans="2:245" x14ac:dyDescent="0.2">
      <c r="B2703" s="43"/>
      <c r="C2703" s="73"/>
      <c r="D2703" s="64"/>
      <c r="E2703" s="64"/>
      <c r="F2703" s="55"/>
      <c r="G2703" s="102"/>
      <c r="H2703" s="55"/>
      <c r="I2703" s="55"/>
      <c r="J2703" s="55"/>
      <c r="K2703" s="55"/>
      <c r="L2703" s="55"/>
      <c r="M2703" s="55"/>
      <c r="N2703" s="55"/>
      <c r="O2703" s="55"/>
      <c r="P2703" s="55"/>
      <c r="Q2703" s="55"/>
      <c r="R2703" s="55"/>
      <c r="S2703" s="55"/>
      <c r="T2703" s="55"/>
      <c r="U2703" s="55"/>
      <c r="V2703" s="55"/>
      <c r="W2703" s="55"/>
      <c r="X2703" s="55"/>
      <c r="Y2703" s="55"/>
      <c r="Z2703" s="55"/>
      <c r="AA2703" s="55"/>
      <c r="AB2703" s="55"/>
      <c r="AC2703" s="55"/>
      <c r="AD2703" s="55"/>
      <c r="AE2703" s="55"/>
      <c r="AF2703" s="55"/>
      <c r="AG2703" s="55"/>
      <c r="AY2703" s="162"/>
      <c r="AZ2703" s="162"/>
      <c r="BA2703" s="162"/>
      <c r="BB2703" s="162"/>
      <c r="BC2703" s="162"/>
      <c r="BD2703" s="162"/>
      <c r="BE2703" s="162"/>
      <c r="BF2703" s="162"/>
      <c r="BG2703" s="162"/>
      <c r="BH2703" s="162"/>
      <c r="BI2703" s="162"/>
      <c r="BJ2703" s="162"/>
      <c r="BK2703" s="162"/>
      <c r="BL2703" s="162"/>
      <c r="BM2703" s="162"/>
      <c r="BN2703" s="162"/>
      <c r="BO2703" s="162"/>
      <c r="BP2703" s="162"/>
      <c r="BQ2703" s="162"/>
      <c r="BR2703" s="162"/>
      <c r="BS2703" s="162"/>
      <c r="BT2703" s="162"/>
      <c r="BU2703" s="162"/>
      <c r="BV2703" s="162"/>
      <c r="BW2703" s="162"/>
      <c r="BX2703" s="162"/>
      <c r="BY2703" s="162"/>
      <c r="BZ2703" s="162"/>
      <c r="CA2703" s="162"/>
      <c r="CB2703" s="162"/>
      <c r="CC2703" s="162"/>
      <c r="CD2703" s="162"/>
      <c r="CE2703" s="162"/>
      <c r="CF2703" s="162"/>
      <c r="CG2703" s="162"/>
      <c r="CH2703" s="162"/>
      <c r="CI2703" s="162"/>
      <c r="CJ2703" s="162"/>
      <c r="CK2703" s="162"/>
      <c r="CX2703" s="98"/>
      <c r="DL2703" s="97"/>
      <c r="DX2703" s="98"/>
      <c r="EL2703" s="97"/>
      <c r="EX2703" s="98"/>
      <c r="EY2703" s="97"/>
      <c r="FL2703" s="126"/>
      <c r="FM2703" s="91"/>
      <c r="FN2703" s="91"/>
      <c r="FO2703" s="91"/>
      <c r="FP2703" s="91"/>
      <c r="FQ2703" s="91"/>
      <c r="FR2703" s="91"/>
      <c r="FS2703" s="91"/>
      <c r="FT2703" s="91"/>
      <c r="FU2703" s="91"/>
      <c r="FV2703" s="91"/>
      <c r="FW2703" s="91"/>
      <c r="FX2703" s="91"/>
      <c r="FY2703" s="91"/>
      <c r="FZ2703" s="91"/>
      <c r="GA2703" s="91"/>
      <c r="GB2703" s="91"/>
      <c r="GC2703" s="91"/>
      <c r="GD2703" s="91"/>
      <c r="GE2703" s="91"/>
      <c r="GF2703" s="91"/>
      <c r="GG2703" s="91"/>
      <c r="GH2703" s="91"/>
      <c r="GI2703" s="91"/>
      <c r="GJ2703" s="91"/>
      <c r="GK2703" s="127"/>
      <c r="GL2703" s="126"/>
      <c r="GM2703" s="91"/>
      <c r="GN2703" s="91"/>
      <c r="GO2703" s="91"/>
      <c r="GP2703" s="91"/>
      <c r="GQ2703" s="91"/>
      <c r="GR2703" s="91"/>
      <c r="GS2703" s="91"/>
      <c r="GT2703" s="91"/>
      <c r="GU2703" s="91"/>
      <c r="GV2703" s="91"/>
      <c r="GW2703" s="91"/>
      <c r="GX2703" s="91"/>
      <c r="GY2703" s="91"/>
      <c r="GZ2703" s="91"/>
      <c r="HA2703" s="91"/>
      <c r="HB2703" s="91"/>
      <c r="HC2703" s="91"/>
      <c r="HD2703" s="91"/>
      <c r="HE2703" s="91"/>
      <c r="HF2703" s="91"/>
      <c r="HG2703" s="91"/>
      <c r="HH2703" s="91"/>
      <c r="HI2703" s="91"/>
      <c r="HJ2703" s="91"/>
      <c r="HK2703" s="127"/>
      <c r="HL2703" s="126"/>
      <c r="HM2703" s="91"/>
      <c r="HN2703" s="91"/>
      <c r="HO2703" s="91"/>
      <c r="HP2703" s="91"/>
      <c r="HQ2703" s="91"/>
      <c r="HR2703" s="91"/>
      <c r="HS2703" s="91"/>
      <c r="HT2703" s="91"/>
      <c r="HU2703" s="91"/>
      <c r="HV2703" s="91"/>
      <c r="HW2703" s="91"/>
      <c r="HX2703" s="91"/>
      <c r="HY2703" s="91"/>
      <c r="HZ2703" s="91"/>
      <c r="IA2703" s="91"/>
      <c r="IB2703" s="91"/>
      <c r="IC2703" s="91"/>
      <c r="ID2703" s="91"/>
      <c r="IE2703" s="91"/>
      <c r="IF2703" s="91"/>
      <c r="IG2703" s="91"/>
      <c r="IH2703" s="91"/>
      <c r="II2703" s="91"/>
      <c r="IJ2703" s="91"/>
      <c r="IK2703" s="127"/>
    </row>
    <row r="2704" spans="2:245" x14ac:dyDescent="0.2">
      <c r="B2704" s="43"/>
      <c r="C2704" s="73"/>
      <c r="D2704" s="64"/>
      <c r="E2704" s="64"/>
      <c r="F2704" s="55"/>
      <c r="G2704" s="102"/>
      <c r="H2704" s="55"/>
      <c r="I2704" s="55"/>
      <c r="J2704" s="55"/>
      <c r="K2704" s="55"/>
      <c r="L2704" s="55"/>
      <c r="M2704" s="55"/>
      <c r="N2704" s="55"/>
      <c r="O2704" s="55"/>
      <c r="P2704" s="55"/>
      <c r="Q2704" s="55"/>
      <c r="R2704" s="55"/>
      <c r="S2704" s="55"/>
      <c r="T2704" s="55"/>
      <c r="U2704" s="55"/>
      <c r="V2704" s="55"/>
      <c r="W2704" s="55"/>
      <c r="X2704" s="55"/>
      <c r="Y2704" s="55"/>
      <c r="Z2704" s="55"/>
      <c r="AA2704" s="55"/>
      <c r="AB2704" s="55"/>
      <c r="AC2704" s="55"/>
      <c r="AD2704" s="55"/>
      <c r="AE2704" s="55"/>
      <c r="AF2704" s="55"/>
      <c r="AG2704" s="55"/>
      <c r="AY2704" s="162"/>
      <c r="AZ2704" s="162"/>
      <c r="BA2704" s="162"/>
      <c r="BB2704" s="162"/>
      <c r="BC2704" s="162"/>
      <c r="BD2704" s="162"/>
      <c r="BE2704" s="162"/>
      <c r="BF2704" s="162"/>
      <c r="BG2704" s="162"/>
      <c r="BH2704" s="162"/>
      <c r="BI2704" s="162"/>
      <c r="BJ2704" s="162"/>
      <c r="BK2704" s="162"/>
      <c r="BL2704" s="162"/>
      <c r="BM2704" s="162"/>
      <c r="BN2704" s="162"/>
      <c r="BO2704" s="162"/>
      <c r="BP2704" s="162"/>
      <c r="BQ2704" s="162"/>
      <c r="BR2704" s="162"/>
      <c r="BS2704" s="162"/>
      <c r="BT2704" s="162"/>
      <c r="BU2704" s="162"/>
      <c r="BV2704" s="162"/>
      <c r="BW2704" s="162"/>
      <c r="BX2704" s="162"/>
      <c r="BY2704" s="162"/>
      <c r="BZ2704" s="162"/>
      <c r="CA2704" s="162"/>
      <c r="CB2704" s="162"/>
      <c r="CC2704" s="162"/>
      <c r="CD2704" s="162"/>
      <c r="CE2704" s="162"/>
      <c r="CF2704" s="162"/>
      <c r="CG2704" s="162"/>
      <c r="CH2704" s="162"/>
      <c r="CI2704" s="162"/>
      <c r="CJ2704" s="162"/>
      <c r="CK2704" s="162"/>
      <c r="CX2704" s="98"/>
      <c r="DL2704" s="97"/>
      <c r="DX2704" s="98"/>
      <c r="EL2704" s="97"/>
      <c r="EX2704" s="98"/>
      <c r="EY2704" s="97"/>
      <c r="FL2704" s="126"/>
      <c r="FM2704" s="91"/>
      <c r="FN2704" s="91"/>
      <c r="FO2704" s="91"/>
      <c r="FP2704" s="91"/>
      <c r="FQ2704" s="91"/>
      <c r="FR2704" s="91"/>
      <c r="FS2704" s="91"/>
      <c r="FT2704" s="91"/>
      <c r="FU2704" s="91"/>
      <c r="FV2704" s="91"/>
      <c r="FW2704" s="91"/>
      <c r="FX2704" s="91"/>
      <c r="FY2704" s="91"/>
      <c r="FZ2704" s="91"/>
      <c r="GA2704" s="91"/>
      <c r="GB2704" s="91"/>
      <c r="GC2704" s="91"/>
      <c r="GD2704" s="91"/>
      <c r="GE2704" s="91"/>
      <c r="GF2704" s="91"/>
      <c r="GG2704" s="91"/>
      <c r="GH2704" s="91"/>
      <c r="GI2704" s="91"/>
      <c r="GJ2704" s="91"/>
      <c r="GK2704" s="127"/>
      <c r="GL2704" s="126"/>
      <c r="GM2704" s="91"/>
      <c r="GN2704" s="91"/>
      <c r="GO2704" s="91"/>
      <c r="GP2704" s="91"/>
      <c r="GQ2704" s="91"/>
      <c r="GR2704" s="91"/>
      <c r="GS2704" s="91"/>
      <c r="GT2704" s="91"/>
      <c r="GU2704" s="91"/>
      <c r="GV2704" s="91"/>
      <c r="GW2704" s="91"/>
      <c r="GX2704" s="91"/>
      <c r="GY2704" s="91"/>
      <c r="GZ2704" s="91"/>
      <c r="HA2704" s="91"/>
      <c r="HB2704" s="91"/>
      <c r="HC2704" s="91"/>
      <c r="HD2704" s="91"/>
      <c r="HE2704" s="91"/>
      <c r="HF2704" s="91"/>
      <c r="HG2704" s="91"/>
      <c r="HH2704" s="91"/>
      <c r="HI2704" s="91"/>
      <c r="HJ2704" s="91"/>
      <c r="HK2704" s="127"/>
      <c r="HL2704" s="126"/>
      <c r="HM2704" s="91"/>
      <c r="HN2704" s="91"/>
      <c r="HO2704" s="91"/>
      <c r="HP2704" s="91"/>
      <c r="HQ2704" s="91"/>
      <c r="HR2704" s="91"/>
      <c r="HS2704" s="91"/>
      <c r="HT2704" s="91"/>
      <c r="HU2704" s="91"/>
      <c r="HV2704" s="91"/>
      <c r="HW2704" s="91"/>
      <c r="HX2704" s="91"/>
      <c r="HY2704" s="91"/>
      <c r="HZ2704" s="91"/>
      <c r="IA2704" s="91"/>
      <c r="IB2704" s="91"/>
      <c r="IC2704" s="91"/>
      <c r="ID2704" s="91"/>
      <c r="IE2704" s="91"/>
      <c r="IF2704" s="91"/>
      <c r="IG2704" s="91"/>
      <c r="IH2704" s="91"/>
      <c r="II2704" s="91"/>
      <c r="IJ2704" s="91"/>
      <c r="IK2704" s="127"/>
    </row>
    <row r="2705" spans="2:245" x14ac:dyDescent="0.2">
      <c r="B2705" s="43"/>
      <c r="C2705" s="73"/>
      <c r="D2705" s="64"/>
      <c r="E2705" s="64"/>
      <c r="F2705" s="55"/>
      <c r="G2705" s="102"/>
      <c r="H2705" s="55"/>
      <c r="I2705" s="55"/>
      <c r="J2705" s="55"/>
      <c r="K2705" s="55"/>
      <c r="L2705" s="55"/>
      <c r="M2705" s="55"/>
      <c r="N2705" s="55"/>
      <c r="O2705" s="55"/>
      <c r="P2705" s="55"/>
      <c r="Q2705" s="55"/>
      <c r="R2705" s="55"/>
      <c r="S2705" s="55"/>
      <c r="T2705" s="55"/>
      <c r="U2705" s="55"/>
      <c r="V2705" s="55"/>
      <c r="W2705" s="55"/>
      <c r="X2705" s="55"/>
      <c r="Y2705" s="55"/>
      <c r="Z2705" s="55"/>
      <c r="AA2705" s="55"/>
      <c r="AB2705" s="55"/>
      <c r="AC2705" s="55"/>
      <c r="AD2705" s="55"/>
      <c r="AE2705" s="55"/>
      <c r="AF2705" s="55"/>
      <c r="AG2705" s="55"/>
      <c r="AY2705" s="162"/>
      <c r="AZ2705" s="162"/>
      <c r="BA2705" s="162"/>
      <c r="BB2705" s="162"/>
      <c r="BC2705" s="162"/>
      <c r="BD2705" s="162"/>
      <c r="BE2705" s="162"/>
      <c r="BF2705" s="162"/>
      <c r="BG2705" s="162"/>
      <c r="BH2705" s="162"/>
      <c r="BI2705" s="162"/>
      <c r="BJ2705" s="162"/>
      <c r="BK2705" s="162"/>
      <c r="BL2705" s="162"/>
      <c r="BM2705" s="162"/>
      <c r="BN2705" s="162"/>
      <c r="BO2705" s="162"/>
      <c r="BP2705" s="162"/>
      <c r="BQ2705" s="162"/>
      <c r="BR2705" s="162"/>
      <c r="BS2705" s="162"/>
      <c r="BT2705" s="162"/>
      <c r="BU2705" s="162"/>
      <c r="BV2705" s="162"/>
      <c r="BW2705" s="162"/>
      <c r="BX2705" s="162"/>
      <c r="BY2705" s="162"/>
      <c r="BZ2705" s="162"/>
      <c r="CA2705" s="162"/>
      <c r="CB2705" s="162"/>
      <c r="CC2705" s="162"/>
      <c r="CD2705" s="162"/>
      <c r="CE2705" s="162"/>
      <c r="CF2705" s="162"/>
      <c r="CG2705" s="162"/>
      <c r="CH2705" s="162"/>
      <c r="CI2705" s="162"/>
      <c r="CJ2705" s="162"/>
      <c r="CK2705" s="162"/>
      <c r="CX2705" s="98"/>
      <c r="DL2705" s="97"/>
      <c r="DX2705" s="98"/>
      <c r="EL2705" s="97"/>
      <c r="EX2705" s="98"/>
      <c r="EY2705" s="97"/>
      <c r="FL2705" s="126"/>
      <c r="FM2705" s="91"/>
      <c r="FN2705" s="91"/>
      <c r="FO2705" s="91"/>
      <c r="FP2705" s="91"/>
      <c r="FQ2705" s="91"/>
      <c r="FR2705" s="91"/>
      <c r="FS2705" s="91"/>
      <c r="FT2705" s="91"/>
      <c r="FU2705" s="91"/>
      <c r="FV2705" s="91"/>
      <c r="FW2705" s="91"/>
      <c r="FX2705" s="91"/>
      <c r="FY2705" s="91"/>
      <c r="FZ2705" s="91"/>
      <c r="GA2705" s="91"/>
      <c r="GB2705" s="91"/>
      <c r="GC2705" s="91"/>
      <c r="GD2705" s="91"/>
      <c r="GE2705" s="91"/>
      <c r="GF2705" s="91"/>
      <c r="GG2705" s="91"/>
      <c r="GH2705" s="91"/>
      <c r="GI2705" s="91"/>
      <c r="GJ2705" s="91"/>
      <c r="GK2705" s="127"/>
      <c r="GL2705" s="126"/>
      <c r="GM2705" s="91"/>
      <c r="GN2705" s="91"/>
      <c r="GO2705" s="91"/>
      <c r="GP2705" s="91"/>
      <c r="GQ2705" s="91"/>
      <c r="GR2705" s="91"/>
      <c r="GS2705" s="91"/>
      <c r="GT2705" s="91"/>
      <c r="GU2705" s="91"/>
      <c r="GV2705" s="91"/>
      <c r="GW2705" s="91"/>
      <c r="GX2705" s="91"/>
      <c r="GY2705" s="91"/>
      <c r="GZ2705" s="91"/>
      <c r="HA2705" s="91"/>
      <c r="HB2705" s="91"/>
      <c r="HC2705" s="91"/>
      <c r="HD2705" s="91"/>
      <c r="HE2705" s="91"/>
      <c r="HF2705" s="91"/>
      <c r="HG2705" s="91"/>
      <c r="HH2705" s="91"/>
      <c r="HI2705" s="91"/>
      <c r="HJ2705" s="91"/>
      <c r="HK2705" s="127"/>
      <c r="HL2705" s="126"/>
      <c r="HM2705" s="91"/>
      <c r="HN2705" s="91"/>
      <c r="HO2705" s="91"/>
      <c r="HP2705" s="91"/>
      <c r="HQ2705" s="91"/>
      <c r="HR2705" s="91"/>
      <c r="HS2705" s="91"/>
      <c r="HT2705" s="91"/>
      <c r="HU2705" s="91"/>
      <c r="HV2705" s="91"/>
      <c r="HW2705" s="91"/>
      <c r="HX2705" s="91"/>
      <c r="HY2705" s="91"/>
      <c r="HZ2705" s="91"/>
      <c r="IA2705" s="91"/>
      <c r="IB2705" s="91"/>
      <c r="IC2705" s="91"/>
      <c r="ID2705" s="91"/>
      <c r="IE2705" s="91"/>
      <c r="IF2705" s="91"/>
      <c r="IG2705" s="91"/>
      <c r="IH2705" s="91"/>
      <c r="II2705" s="91"/>
      <c r="IJ2705" s="91"/>
      <c r="IK2705" s="127"/>
    </row>
    <row r="2706" spans="2:245" x14ac:dyDescent="0.2">
      <c r="B2706" s="43"/>
      <c r="C2706" s="73"/>
      <c r="D2706" s="64"/>
      <c r="E2706" s="64"/>
      <c r="F2706" s="55"/>
      <c r="G2706" s="102"/>
      <c r="H2706" s="55"/>
      <c r="I2706" s="55"/>
      <c r="J2706" s="55"/>
      <c r="K2706" s="55"/>
      <c r="L2706" s="55"/>
      <c r="M2706" s="55"/>
      <c r="N2706" s="55"/>
      <c r="O2706" s="55"/>
      <c r="P2706" s="55"/>
      <c r="Q2706" s="55"/>
      <c r="R2706" s="55"/>
      <c r="S2706" s="55"/>
      <c r="T2706" s="55"/>
      <c r="U2706" s="55"/>
      <c r="V2706" s="55"/>
      <c r="W2706" s="55"/>
      <c r="X2706" s="55"/>
      <c r="Y2706" s="55"/>
      <c r="Z2706" s="55"/>
      <c r="AA2706" s="55"/>
      <c r="AB2706" s="55"/>
      <c r="AC2706" s="55"/>
      <c r="AD2706" s="55"/>
      <c r="AE2706" s="55"/>
      <c r="AF2706" s="55"/>
      <c r="AG2706" s="55"/>
      <c r="AY2706" s="162"/>
      <c r="AZ2706" s="162"/>
      <c r="BA2706" s="162"/>
      <c r="BB2706" s="162"/>
      <c r="BC2706" s="162"/>
      <c r="BD2706" s="162"/>
      <c r="BE2706" s="162"/>
      <c r="BF2706" s="162"/>
      <c r="BG2706" s="162"/>
      <c r="BH2706" s="162"/>
      <c r="BI2706" s="162"/>
      <c r="BJ2706" s="162"/>
      <c r="BK2706" s="162"/>
      <c r="BL2706" s="162"/>
      <c r="BM2706" s="162"/>
      <c r="BN2706" s="162"/>
      <c r="BO2706" s="162"/>
      <c r="BP2706" s="162"/>
      <c r="BQ2706" s="162"/>
      <c r="BR2706" s="162"/>
      <c r="BS2706" s="162"/>
      <c r="BT2706" s="162"/>
      <c r="BU2706" s="162"/>
      <c r="BV2706" s="162"/>
      <c r="BW2706" s="162"/>
      <c r="BX2706" s="162"/>
      <c r="BY2706" s="162"/>
      <c r="BZ2706" s="162"/>
      <c r="CA2706" s="162"/>
      <c r="CB2706" s="162"/>
      <c r="CC2706" s="162"/>
      <c r="CD2706" s="162"/>
      <c r="CE2706" s="162"/>
      <c r="CF2706" s="162"/>
      <c r="CG2706" s="162"/>
      <c r="CH2706" s="162"/>
      <c r="CI2706" s="162"/>
      <c r="CJ2706" s="162"/>
      <c r="CK2706" s="162"/>
      <c r="CX2706" s="98"/>
      <c r="DL2706" s="97"/>
      <c r="DX2706" s="98"/>
      <c r="EL2706" s="97"/>
      <c r="EX2706" s="98"/>
      <c r="EY2706" s="97"/>
      <c r="FL2706" s="126"/>
      <c r="FM2706" s="91"/>
      <c r="FN2706" s="91"/>
      <c r="FO2706" s="91"/>
      <c r="FP2706" s="91"/>
      <c r="FQ2706" s="91"/>
      <c r="FR2706" s="91"/>
      <c r="FS2706" s="91"/>
      <c r="FT2706" s="91"/>
      <c r="FU2706" s="91"/>
      <c r="FV2706" s="91"/>
      <c r="FW2706" s="91"/>
      <c r="FX2706" s="91"/>
      <c r="FY2706" s="91"/>
      <c r="FZ2706" s="91"/>
      <c r="GA2706" s="91"/>
      <c r="GB2706" s="91"/>
      <c r="GC2706" s="91"/>
      <c r="GD2706" s="91"/>
      <c r="GE2706" s="91"/>
      <c r="GF2706" s="91"/>
      <c r="GG2706" s="91"/>
      <c r="GH2706" s="91"/>
      <c r="GI2706" s="91"/>
      <c r="GJ2706" s="91"/>
      <c r="GK2706" s="127"/>
      <c r="GL2706" s="126"/>
      <c r="GM2706" s="91"/>
      <c r="GN2706" s="91"/>
      <c r="GO2706" s="91"/>
      <c r="GP2706" s="91"/>
      <c r="GQ2706" s="91"/>
      <c r="GR2706" s="91"/>
      <c r="GS2706" s="91"/>
      <c r="GT2706" s="91"/>
      <c r="GU2706" s="91"/>
      <c r="GV2706" s="91"/>
      <c r="GW2706" s="91"/>
      <c r="GX2706" s="91"/>
      <c r="GY2706" s="91"/>
      <c r="GZ2706" s="91"/>
      <c r="HA2706" s="91"/>
      <c r="HB2706" s="91"/>
      <c r="HC2706" s="91"/>
      <c r="HD2706" s="91"/>
      <c r="HE2706" s="91"/>
      <c r="HF2706" s="91"/>
      <c r="HG2706" s="91"/>
      <c r="HH2706" s="91"/>
      <c r="HI2706" s="91"/>
      <c r="HJ2706" s="91"/>
      <c r="HK2706" s="127"/>
      <c r="HL2706" s="126"/>
      <c r="HM2706" s="91"/>
      <c r="HN2706" s="91"/>
      <c r="HO2706" s="91"/>
      <c r="HP2706" s="91"/>
      <c r="HQ2706" s="91"/>
      <c r="HR2706" s="91"/>
      <c r="HS2706" s="91"/>
      <c r="HT2706" s="91"/>
      <c r="HU2706" s="91"/>
      <c r="HV2706" s="91"/>
      <c r="HW2706" s="91"/>
      <c r="HX2706" s="91"/>
      <c r="HY2706" s="91"/>
      <c r="HZ2706" s="91"/>
      <c r="IA2706" s="91"/>
      <c r="IB2706" s="91"/>
      <c r="IC2706" s="91"/>
      <c r="ID2706" s="91"/>
      <c r="IE2706" s="91"/>
      <c r="IF2706" s="91"/>
      <c r="IG2706" s="91"/>
      <c r="IH2706" s="91"/>
      <c r="II2706" s="91"/>
      <c r="IJ2706" s="91"/>
      <c r="IK2706" s="127"/>
    </row>
    <row r="2707" spans="2:245" x14ac:dyDescent="0.2">
      <c r="B2707" s="43"/>
      <c r="C2707" s="73"/>
      <c r="D2707" s="64"/>
      <c r="E2707" s="64"/>
      <c r="F2707" s="55"/>
      <c r="G2707" s="102"/>
      <c r="H2707" s="55"/>
      <c r="I2707" s="55"/>
      <c r="J2707" s="55"/>
      <c r="K2707" s="55"/>
      <c r="L2707" s="55"/>
      <c r="M2707" s="55"/>
      <c r="N2707" s="55"/>
      <c r="O2707" s="55"/>
      <c r="P2707" s="55"/>
      <c r="Q2707" s="55"/>
      <c r="R2707" s="55"/>
      <c r="S2707" s="55"/>
      <c r="T2707" s="55"/>
      <c r="U2707" s="55"/>
      <c r="V2707" s="55"/>
      <c r="W2707" s="55"/>
      <c r="X2707" s="55"/>
      <c r="Y2707" s="55"/>
      <c r="Z2707" s="55"/>
      <c r="AA2707" s="55"/>
      <c r="AB2707" s="55"/>
      <c r="AC2707" s="55"/>
      <c r="AD2707" s="55"/>
      <c r="AE2707" s="55"/>
      <c r="AF2707" s="55"/>
      <c r="AG2707" s="55"/>
      <c r="AY2707" s="162"/>
      <c r="AZ2707" s="162"/>
      <c r="BA2707" s="162"/>
      <c r="BB2707" s="162"/>
      <c r="BC2707" s="162"/>
      <c r="BD2707" s="162"/>
      <c r="BE2707" s="162"/>
      <c r="BF2707" s="162"/>
      <c r="BG2707" s="162"/>
      <c r="BH2707" s="162"/>
      <c r="BI2707" s="162"/>
      <c r="BJ2707" s="162"/>
      <c r="BK2707" s="162"/>
      <c r="BL2707" s="162"/>
      <c r="BM2707" s="162"/>
      <c r="BN2707" s="162"/>
      <c r="BO2707" s="162"/>
      <c r="BP2707" s="162"/>
      <c r="BQ2707" s="162"/>
      <c r="BR2707" s="162"/>
      <c r="BS2707" s="162"/>
      <c r="BT2707" s="162"/>
      <c r="BU2707" s="162"/>
      <c r="BV2707" s="162"/>
      <c r="BW2707" s="162"/>
      <c r="BX2707" s="162"/>
      <c r="BY2707" s="162"/>
      <c r="BZ2707" s="162"/>
      <c r="CA2707" s="162"/>
      <c r="CB2707" s="162"/>
      <c r="CC2707" s="162"/>
      <c r="CD2707" s="162"/>
      <c r="CE2707" s="162"/>
      <c r="CF2707" s="162"/>
      <c r="CG2707" s="162"/>
      <c r="CH2707" s="162"/>
      <c r="CI2707" s="162"/>
      <c r="CJ2707" s="162"/>
      <c r="CK2707" s="162"/>
      <c r="CX2707" s="98"/>
      <c r="DL2707" s="97"/>
      <c r="DX2707" s="98"/>
      <c r="EL2707" s="97"/>
      <c r="EX2707" s="98"/>
      <c r="EY2707" s="97"/>
      <c r="FL2707" s="126"/>
      <c r="FM2707" s="91"/>
      <c r="FN2707" s="91"/>
      <c r="FO2707" s="91"/>
      <c r="FP2707" s="91"/>
      <c r="FQ2707" s="91"/>
      <c r="FR2707" s="91"/>
      <c r="FS2707" s="91"/>
      <c r="FT2707" s="91"/>
      <c r="FU2707" s="91"/>
      <c r="FV2707" s="91"/>
      <c r="FW2707" s="91"/>
      <c r="FX2707" s="91"/>
      <c r="FY2707" s="91"/>
      <c r="FZ2707" s="91"/>
      <c r="GA2707" s="91"/>
      <c r="GB2707" s="91"/>
      <c r="GC2707" s="91"/>
      <c r="GD2707" s="91"/>
      <c r="GE2707" s="91"/>
      <c r="GF2707" s="91"/>
      <c r="GG2707" s="91"/>
      <c r="GH2707" s="91"/>
      <c r="GI2707" s="91"/>
      <c r="GJ2707" s="91"/>
      <c r="GK2707" s="127"/>
      <c r="GL2707" s="126"/>
      <c r="GM2707" s="91"/>
      <c r="GN2707" s="91"/>
      <c r="GO2707" s="91"/>
      <c r="GP2707" s="91"/>
      <c r="GQ2707" s="91"/>
      <c r="GR2707" s="91"/>
      <c r="GS2707" s="91"/>
      <c r="GT2707" s="91"/>
      <c r="GU2707" s="91"/>
      <c r="GV2707" s="91"/>
      <c r="GW2707" s="91"/>
      <c r="GX2707" s="91"/>
      <c r="GY2707" s="91"/>
      <c r="GZ2707" s="91"/>
      <c r="HA2707" s="91"/>
      <c r="HB2707" s="91"/>
      <c r="HC2707" s="91"/>
      <c r="HD2707" s="91"/>
      <c r="HE2707" s="91"/>
      <c r="HF2707" s="91"/>
      <c r="HG2707" s="91"/>
      <c r="HH2707" s="91"/>
      <c r="HI2707" s="91"/>
      <c r="HJ2707" s="91"/>
      <c r="HK2707" s="127"/>
      <c r="HL2707" s="126"/>
      <c r="HM2707" s="91"/>
      <c r="HN2707" s="91"/>
      <c r="HO2707" s="91"/>
      <c r="HP2707" s="91"/>
      <c r="HQ2707" s="91"/>
      <c r="HR2707" s="91"/>
      <c r="HS2707" s="91"/>
      <c r="HT2707" s="91"/>
      <c r="HU2707" s="91"/>
      <c r="HV2707" s="91"/>
      <c r="HW2707" s="91"/>
      <c r="HX2707" s="91"/>
      <c r="HY2707" s="91"/>
      <c r="HZ2707" s="91"/>
      <c r="IA2707" s="91"/>
      <c r="IB2707" s="91"/>
      <c r="IC2707" s="91"/>
      <c r="ID2707" s="91"/>
      <c r="IE2707" s="91"/>
      <c r="IF2707" s="91"/>
      <c r="IG2707" s="91"/>
      <c r="IH2707" s="91"/>
      <c r="II2707" s="91"/>
      <c r="IJ2707" s="91"/>
      <c r="IK2707" s="127"/>
    </row>
    <row r="2708" spans="2:245" x14ac:dyDescent="0.2">
      <c r="B2708" s="43"/>
      <c r="C2708" s="73"/>
      <c r="D2708" s="64"/>
      <c r="E2708" s="64"/>
      <c r="F2708" s="55"/>
      <c r="G2708" s="102"/>
      <c r="H2708" s="55"/>
      <c r="I2708" s="55"/>
      <c r="J2708" s="55"/>
      <c r="K2708" s="55"/>
      <c r="L2708" s="55"/>
      <c r="M2708" s="55"/>
      <c r="N2708" s="55"/>
      <c r="O2708" s="55"/>
      <c r="P2708" s="55"/>
      <c r="Q2708" s="55"/>
      <c r="R2708" s="55"/>
      <c r="S2708" s="55"/>
      <c r="T2708" s="55"/>
      <c r="U2708" s="55"/>
      <c r="V2708" s="55"/>
      <c r="W2708" s="55"/>
      <c r="X2708" s="55"/>
      <c r="Y2708" s="55"/>
      <c r="Z2708" s="55"/>
      <c r="AA2708" s="55"/>
      <c r="AB2708" s="55"/>
      <c r="AC2708" s="55"/>
      <c r="AD2708" s="55"/>
      <c r="AE2708" s="55"/>
      <c r="AF2708" s="55"/>
      <c r="AG2708" s="55"/>
      <c r="AY2708" s="162"/>
      <c r="AZ2708" s="162"/>
      <c r="BA2708" s="162"/>
      <c r="BB2708" s="162"/>
      <c r="BC2708" s="162"/>
      <c r="BD2708" s="162"/>
      <c r="BE2708" s="162"/>
      <c r="BF2708" s="162"/>
      <c r="BG2708" s="162"/>
      <c r="BH2708" s="162"/>
      <c r="BI2708" s="162"/>
      <c r="BJ2708" s="162"/>
      <c r="BK2708" s="162"/>
      <c r="BL2708" s="162"/>
      <c r="BM2708" s="162"/>
      <c r="BN2708" s="162"/>
      <c r="BO2708" s="162"/>
      <c r="BP2708" s="162"/>
      <c r="BQ2708" s="162"/>
      <c r="BR2708" s="162"/>
      <c r="BS2708" s="162"/>
      <c r="BT2708" s="162"/>
      <c r="BU2708" s="162"/>
      <c r="BV2708" s="162"/>
      <c r="BW2708" s="162"/>
      <c r="BX2708" s="162"/>
      <c r="BY2708" s="162"/>
      <c r="BZ2708" s="162"/>
      <c r="CA2708" s="162"/>
      <c r="CB2708" s="162"/>
      <c r="CC2708" s="162"/>
      <c r="CD2708" s="162"/>
      <c r="CE2708" s="162"/>
      <c r="CF2708" s="162"/>
      <c r="CG2708" s="162"/>
      <c r="CH2708" s="162"/>
      <c r="CI2708" s="162"/>
      <c r="CJ2708" s="162"/>
      <c r="CK2708" s="162"/>
      <c r="CX2708" s="98"/>
      <c r="DL2708" s="97"/>
      <c r="DX2708" s="98"/>
      <c r="EL2708" s="97"/>
      <c r="EX2708" s="98"/>
      <c r="EY2708" s="97"/>
      <c r="FL2708" s="126"/>
      <c r="FM2708" s="91"/>
      <c r="FN2708" s="91"/>
      <c r="FO2708" s="91"/>
      <c r="FP2708" s="91"/>
      <c r="FQ2708" s="91"/>
      <c r="FR2708" s="91"/>
      <c r="FS2708" s="91"/>
      <c r="FT2708" s="91"/>
      <c r="FU2708" s="91"/>
      <c r="FV2708" s="91"/>
      <c r="FW2708" s="91"/>
      <c r="FX2708" s="91"/>
      <c r="FY2708" s="91"/>
      <c r="FZ2708" s="91"/>
      <c r="GA2708" s="91"/>
      <c r="GB2708" s="91"/>
      <c r="GC2708" s="91"/>
      <c r="GD2708" s="91"/>
      <c r="GE2708" s="91"/>
      <c r="GF2708" s="91"/>
      <c r="GG2708" s="91"/>
      <c r="GH2708" s="91"/>
      <c r="GI2708" s="91"/>
      <c r="GJ2708" s="91"/>
      <c r="GK2708" s="127"/>
      <c r="GL2708" s="126"/>
      <c r="GM2708" s="91"/>
      <c r="GN2708" s="91"/>
      <c r="GO2708" s="91"/>
      <c r="GP2708" s="91"/>
      <c r="GQ2708" s="91"/>
      <c r="GR2708" s="91"/>
      <c r="GS2708" s="91"/>
      <c r="GT2708" s="91"/>
      <c r="GU2708" s="91"/>
      <c r="GV2708" s="91"/>
      <c r="GW2708" s="91"/>
      <c r="GX2708" s="91"/>
      <c r="GY2708" s="91"/>
      <c r="GZ2708" s="91"/>
      <c r="HA2708" s="91"/>
      <c r="HB2708" s="91"/>
      <c r="HC2708" s="91"/>
      <c r="HD2708" s="91"/>
      <c r="HE2708" s="91"/>
      <c r="HF2708" s="91"/>
      <c r="HG2708" s="91"/>
      <c r="HH2708" s="91"/>
      <c r="HI2708" s="91"/>
      <c r="HJ2708" s="91"/>
      <c r="HK2708" s="127"/>
      <c r="HL2708" s="126"/>
      <c r="HM2708" s="91"/>
      <c r="HN2708" s="91"/>
      <c r="HO2708" s="91"/>
      <c r="HP2708" s="91"/>
      <c r="HQ2708" s="91"/>
      <c r="HR2708" s="91"/>
      <c r="HS2708" s="91"/>
      <c r="HT2708" s="91"/>
      <c r="HU2708" s="91"/>
      <c r="HV2708" s="91"/>
      <c r="HW2708" s="91"/>
      <c r="HX2708" s="91"/>
      <c r="HY2708" s="91"/>
      <c r="HZ2708" s="91"/>
      <c r="IA2708" s="91"/>
      <c r="IB2708" s="91"/>
      <c r="IC2708" s="91"/>
      <c r="ID2708" s="91"/>
      <c r="IE2708" s="91"/>
      <c r="IF2708" s="91"/>
      <c r="IG2708" s="91"/>
      <c r="IH2708" s="91"/>
      <c r="II2708" s="91"/>
      <c r="IJ2708" s="91"/>
      <c r="IK2708" s="127"/>
    </row>
    <row r="2709" spans="2:245" x14ac:dyDescent="0.2">
      <c r="B2709" s="43"/>
      <c r="C2709" s="73"/>
      <c r="D2709" s="64"/>
      <c r="E2709" s="64"/>
      <c r="F2709" s="55"/>
      <c r="G2709" s="102"/>
      <c r="H2709" s="55"/>
      <c r="I2709" s="55"/>
      <c r="J2709" s="55"/>
      <c r="K2709" s="55"/>
      <c r="L2709" s="55"/>
      <c r="M2709" s="55"/>
      <c r="N2709" s="55"/>
      <c r="O2709" s="55"/>
      <c r="P2709" s="55"/>
      <c r="Q2709" s="55"/>
      <c r="R2709" s="55"/>
      <c r="S2709" s="55"/>
      <c r="T2709" s="55"/>
      <c r="U2709" s="55"/>
      <c r="V2709" s="55"/>
      <c r="W2709" s="55"/>
      <c r="X2709" s="55"/>
      <c r="Y2709" s="55"/>
      <c r="Z2709" s="55"/>
      <c r="AA2709" s="55"/>
      <c r="AB2709" s="55"/>
      <c r="AC2709" s="55"/>
      <c r="AD2709" s="55"/>
      <c r="AE2709" s="55"/>
      <c r="AF2709" s="55"/>
      <c r="AG2709" s="55"/>
      <c r="AY2709" s="162"/>
      <c r="AZ2709" s="162"/>
      <c r="BA2709" s="162"/>
      <c r="BB2709" s="162"/>
      <c r="BC2709" s="162"/>
      <c r="BD2709" s="162"/>
      <c r="BE2709" s="162"/>
      <c r="BF2709" s="162"/>
      <c r="BG2709" s="162"/>
      <c r="BH2709" s="162"/>
      <c r="BI2709" s="162"/>
      <c r="BJ2709" s="162"/>
      <c r="BK2709" s="162"/>
      <c r="BL2709" s="162"/>
      <c r="BM2709" s="162"/>
      <c r="BN2709" s="162"/>
      <c r="BO2709" s="162"/>
      <c r="BP2709" s="162"/>
      <c r="BQ2709" s="162"/>
      <c r="BR2709" s="162"/>
      <c r="BS2709" s="162"/>
      <c r="BT2709" s="162"/>
      <c r="BU2709" s="162"/>
      <c r="BV2709" s="162"/>
      <c r="BW2709" s="162"/>
      <c r="BX2709" s="162"/>
      <c r="BY2709" s="162"/>
      <c r="BZ2709" s="162"/>
      <c r="CA2709" s="162"/>
      <c r="CB2709" s="162"/>
      <c r="CC2709" s="162"/>
      <c r="CD2709" s="162"/>
      <c r="CE2709" s="162"/>
      <c r="CF2709" s="162"/>
      <c r="CG2709" s="162"/>
      <c r="CH2709" s="162"/>
      <c r="CI2709" s="162"/>
      <c r="CJ2709" s="162"/>
      <c r="CK2709" s="162"/>
      <c r="CX2709" s="98"/>
      <c r="DL2709" s="97"/>
      <c r="DX2709" s="98"/>
      <c r="EL2709" s="97"/>
      <c r="EX2709" s="98"/>
      <c r="EY2709" s="97"/>
      <c r="FL2709" s="126"/>
      <c r="FM2709" s="91"/>
      <c r="FN2709" s="91"/>
      <c r="FO2709" s="91"/>
      <c r="FP2709" s="91"/>
      <c r="FQ2709" s="91"/>
      <c r="FR2709" s="91"/>
      <c r="FS2709" s="91"/>
      <c r="FT2709" s="91"/>
      <c r="FU2709" s="91"/>
      <c r="FV2709" s="91"/>
      <c r="FW2709" s="91"/>
      <c r="FX2709" s="91"/>
      <c r="FY2709" s="91"/>
      <c r="FZ2709" s="91"/>
      <c r="GA2709" s="91"/>
      <c r="GB2709" s="91"/>
      <c r="GC2709" s="91"/>
      <c r="GD2709" s="91"/>
      <c r="GE2709" s="91"/>
      <c r="GF2709" s="91"/>
      <c r="GG2709" s="91"/>
      <c r="GH2709" s="91"/>
      <c r="GI2709" s="91"/>
      <c r="GJ2709" s="91"/>
      <c r="GK2709" s="127"/>
      <c r="GL2709" s="126"/>
      <c r="GM2709" s="91"/>
      <c r="GN2709" s="91"/>
      <c r="GO2709" s="91"/>
      <c r="GP2709" s="91"/>
      <c r="GQ2709" s="91"/>
      <c r="GR2709" s="91"/>
      <c r="GS2709" s="91"/>
      <c r="GT2709" s="91"/>
      <c r="GU2709" s="91"/>
      <c r="GV2709" s="91"/>
      <c r="GW2709" s="91"/>
      <c r="GX2709" s="91"/>
      <c r="GY2709" s="91"/>
      <c r="GZ2709" s="91"/>
      <c r="HA2709" s="91"/>
      <c r="HB2709" s="91"/>
      <c r="HC2709" s="91"/>
      <c r="HD2709" s="91"/>
      <c r="HE2709" s="91"/>
      <c r="HF2709" s="91"/>
      <c r="HG2709" s="91"/>
      <c r="HH2709" s="91"/>
      <c r="HI2709" s="91"/>
      <c r="HJ2709" s="91"/>
      <c r="HK2709" s="127"/>
      <c r="HL2709" s="126"/>
      <c r="HM2709" s="91"/>
      <c r="HN2709" s="91"/>
      <c r="HO2709" s="91"/>
      <c r="HP2709" s="91"/>
      <c r="HQ2709" s="91"/>
      <c r="HR2709" s="91"/>
      <c r="HS2709" s="91"/>
      <c r="HT2709" s="91"/>
      <c r="HU2709" s="91"/>
      <c r="HV2709" s="91"/>
      <c r="HW2709" s="91"/>
      <c r="HX2709" s="91"/>
      <c r="HY2709" s="91"/>
      <c r="HZ2709" s="91"/>
      <c r="IA2709" s="91"/>
      <c r="IB2709" s="91"/>
      <c r="IC2709" s="91"/>
      <c r="ID2709" s="91"/>
      <c r="IE2709" s="91"/>
      <c r="IF2709" s="91"/>
      <c r="IG2709" s="91"/>
      <c r="IH2709" s="91"/>
      <c r="II2709" s="91"/>
      <c r="IJ2709" s="91"/>
      <c r="IK2709" s="127"/>
    </row>
    <row r="2710" spans="2:245" x14ac:dyDescent="0.2">
      <c r="B2710" s="43"/>
      <c r="C2710" s="73"/>
      <c r="D2710" s="64"/>
      <c r="E2710" s="64"/>
      <c r="F2710" s="55"/>
      <c r="G2710" s="102"/>
      <c r="H2710" s="55"/>
      <c r="I2710" s="55"/>
      <c r="J2710" s="55"/>
      <c r="K2710" s="55"/>
      <c r="L2710" s="55"/>
      <c r="M2710" s="55"/>
      <c r="N2710" s="55"/>
      <c r="O2710" s="55"/>
      <c r="P2710" s="55"/>
      <c r="Q2710" s="55"/>
      <c r="R2710" s="55"/>
      <c r="S2710" s="55"/>
      <c r="T2710" s="55"/>
      <c r="U2710" s="55"/>
      <c r="V2710" s="55"/>
      <c r="W2710" s="55"/>
      <c r="X2710" s="55"/>
      <c r="Y2710" s="55"/>
      <c r="Z2710" s="55"/>
      <c r="AA2710" s="55"/>
      <c r="AB2710" s="55"/>
      <c r="AC2710" s="55"/>
      <c r="AD2710" s="55"/>
      <c r="AE2710" s="55"/>
      <c r="AF2710" s="55"/>
      <c r="AG2710" s="55"/>
      <c r="AY2710" s="162"/>
      <c r="AZ2710" s="162"/>
      <c r="BA2710" s="162"/>
      <c r="BB2710" s="162"/>
      <c r="BC2710" s="162"/>
      <c r="BD2710" s="162"/>
      <c r="BE2710" s="162"/>
      <c r="BF2710" s="162"/>
      <c r="BG2710" s="162"/>
      <c r="BH2710" s="162"/>
      <c r="BI2710" s="162"/>
      <c r="BJ2710" s="162"/>
      <c r="BK2710" s="162"/>
      <c r="BL2710" s="162"/>
      <c r="BM2710" s="162"/>
      <c r="BN2710" s="162"/>
      <c r="BO2710" s="162"/>
      <c r="BP2710" s="162"/>
      <c r="BQ2710" s="162"/>
      <c r="BR2710" s="162"/>
      <c r="BS2710" s="162"/>
      <c r="BT2710" s="162"/>
      <c r="BU2710" s="162"/>
      <c r="BV2710" s="162"/>
      <c r="BW2710" s="162"/>
      <c r="BX2710" s="162"/>
      <c r="BY2710" s="162"/>
      <c r="BZ2710" s="162"/>
      <c r="CA2710" s="162"/>
      <c r="CB2710" s="162"/>
      <c r="CC2710" s="162"/>
      <c r="CD2710" s="162"/>
      <c r="CE2710" s="162"/>
      <c r="CF2710" s="162"/>
      <c r="CG2710" s="162"/>
      <c r="CH2710" s="162"/>
      <c r="CI2710" s="162"/>
      <c r="CJ2710" s="162"/>
      <c r="CK2710" s="162"/>
      <c r="CX2710" s="98"/>
      <c r="DL2710" s="97"/>
      <c r="DX2710" s="98"/>
      <c r="EL2710" s="97"/>
      <c r="EX2710" s="98"/>
      <c r="EY2710" s="97"/>
      <c r="FL2710" s="126"/>
      <c r="FM2710" s="91"/>
      <c r="FN2710" s="91"/>
      <c r="FO2710" s="91"/>
      <c r="FP2710" s="91"/>
      <c r="FQ2710" s="91"/>
      <c r="FR2710" s="91"/>
      <c r="FS2710" s="91"/>
      <c r="FT2710" s="91"/>
      <c r="FU2710" s="91"/>
      <c r="FV2710" s="91"/>
      <c r="FW2710" s="91"/>
      <c r="FX2710" s="91"/>
      <c r="FY2710" s="91"/>
      <c r="FZ2710" s="91"/>
      <c r="GA2710" s="91"/>
      <c r="GB2710" s="91"/>
      <c r="GC2710" s="91"/>
      <c r="GD2710" s="91"/>
      <c r="GE2710" s="91"/>
      <c r="GF2710" s="91"/>
      <c r="GG2710" s="91"/>
      <c r="GH2710" s="91"/>
      <c r="GI2710" s="91"/>
      <c r="GJ2710" s="91"/>
      <c r="GK2710" s="127"/>
      <c r="GL2710" s="126"/>
      <c r="GM2710" s="91"/>
      <c r="GN2710" s="91"/>
      <c r="GO2710" s="91"/>
      <c r="GP2710" s="91"/>
      <c r="GQ2710" s="91"/>
      <c r="GR2710" s="91"/>
      <c r="GS2710" s="91"/>
      <c r="GT2710" s="91"/>
      <c r="GU2710" s="91"/>
      <c r="GV2710" s="91"/>
      <c r="GW2710" s="91"/>
      <c r="GX2710" s="91"/>
      <c r="GY2710" s="91"/>
      <c r="GZ2710" s="91"/>
      <c r="HA2710" s="91"/>
      <c r="HB2710" s="91"/>
      <c r="HC2710" s="91"/>
      <c r="HD2710" s="91"/>
      <c r="HE2710" s="91"/>
      <c r="HF2710" s="91"/>
      <c r="HG2710" s="91"/>
      <c r="HH2710" s="91"/>
      <c r="HI2710" s="91"/>
      <c r="HJ2710" s="91"/>
      <c r="HK2710" s="127"/>
      <c r="HL2710" s="126"/>
      <c r="HM2710" s="91"/>
      <c r="HN2710" s="91"/>
      <c r="HO2710" s="91"/>
      <c r="HP2710" s="91"/>
      <c r="HQ2710" s="91"/>
      <c r="HR2710" s="91"/>
      <c r="HS2710" s="91"/>
      <c r="HT2710" s="91"/>
      <c r="HU2710" s="91"/>
      <c r="HV2710" s="91"/>
      <c r="HW2710" s="91"/>
      <c r="HX2710" s="91"/>
      <c r="HY2710" s="91"/>
      <c r="HZ2710" s="91"/>
      <c r="IA2710" s="91"/>
      <c r="IB2710" s="91"/>
      <c r="IC2710" s="91"/>
      <c r="ID2710" s="91"/>
      <c r="IE2710" s="91"/>
      <c r="IF2710" s="91"/>
      <c r="IG2710" s="91"/>
      <c r="IH2710" s="91"/>
      <c r="II2710" s="91"/>
      <c r="IJ2710" s="91"/>
      <c r="IK2710" s="127"/>
    </row>
    <row r="2711" spans="2:245" x14ac:dyDescent="0.2">
      <c r="B2711" s="43"/>
      <c r="C2711" s="73"/>
      <c r="D2711" s="64"/>
      <c r="E2711" s="64"/>
      <c r="F2711" s="55"/>
      <c r="G2711" s="102"/>
      <c r="H2711" s="55"/>
      <c r="I2711" s="55"/>
      <c r="J2711" s="55"/>
      <c r="K2711" s="55"/>
      <c r="L2711" s="55"/>
      <c r="M2711" s="55"/>
      <c r="N2711" s="55"/>
      <c r="O2711" s="55"/>
      <c r="P2711" s="55"/>
      <c r="Q2711" s="55"/>
      <c r="R2711" s="55"/>
      <c r="S2711" s="55"/>
      <c r="T2711" s="55"/>
      <c r="U2711" s="55"/>
      <c r="V2711" s="55"/>
      <c r="W2711" s="55"/>
      <c r="X2711" s="55"/>
      <c r="Y2711" s="55"/>
      <c r="Z2711" s="55"/>
      <c r="AA2711" s="55"/>
      <c r="AB2711" s="55"/>
      <c r="AC2711" s="55"/>
      <c r="AD2711" s="55"/>
      <c r="AE2711" s="55"/>
      <c r="AF2711" s="55"/>
      <c r="AG2711" s="55"/>
      <c r="AY2711" s="162"/>
      <c r="AZ2711" s="162"/>
      <c r="BA2711" s="162"/>
      <c r="BB2711" s="162"/>
      <c r="BC2711" s="162"/>
      <c r="BD2711" s="162"/>
      <c r="BE2711" s="162"/>
      <c r="BF2711" s="162"/>
      <c r="BG2711" s="162"/>
      <c r="BH2711" s="162"/>
      <c r="BI2711" s="162"/>
      <c r="BJ2711" s="162"/>
      <c r="BK2711" s="162"/>
      <c r="BL2711" s="162"/>
      <c r="BM2711" s="162"/>
      <c r="BN2711" s="162"/>
      <c r="BO2711" s="162"/>
      <c r="BP2711" s="162"/>
      <c r="BQ2711" s="162"/>
      <c r="BR2711" s="162"/>
      <c r="BS2711" s="162"/>
      <c r="BT2711" s="162"/>
      <c r="BU2711" s="162"/>
      <c r="BV2711" s="162"/>
      <c r="BW2711" s="162"/>
      <c r="BX2711" s="162"/>
      <c r="BY2711" s="162"/>
      <c r="BZ2711" s="162"/>
      <c r="CA2711" s="162"/>
      <c r="CB2711" s="162"/>
      <c r="CC2711" s="162"/>
      <c r="CD2711" s="162"/>
      <c r="CE2711" s="162"/>
      <c r="CF2711" s="162"/>
      <c r="CG2711" s="162"/>
      <c r="CH2711" s="162"/>
      <c r="CI2711" s="162"/>
      <c r="CJ2711" s="162"/>
      <c r="CK2711" s="162"/>
      <c r="CX2711" s="98"/>
      <c r="DL2711" s="97"/>
      <c r="DX2711" s="98"/>
      <c r="EL2711" s="97"/>
      <c r="EX2711" s="98"/>
      <c r="EY2711" s="97"/>
      <c r="FL2711" s="126"/>
      <c r="FM2711" s="91"/>
      <c r="FN2711" s="91"/>
      <c r="FO2711" s="91"/>
      <c r="FP2711" s="91"/>
      <c r="FQ2711" s="91"/>
      <c r="FR2711" s="91"/>
      <c r="FS2711" s="91"/>
      <c r="FT2711" s="91"/>
      <c r="FU2711" s="91"/>
      <c r="FV2711" s="91"/>
      <c r="FW2711" s="91"/>
      <c r="FX2711" s="91"/>
      <c r="FY2711" s="91"/>
      <c r="FZ2711" s="91"/>
      <c r="GA2711" s="91"/>
      <c r="GB2711" s="91"/>
      <c r="GC2711" s="91"/>
      <c r="GD2711" s="91"/>
      <c r="GE2711" s="91"/>
      <c r="GF2711" s="91"/>
      <c r="GG2711" s="91"/>
      <c r="GH2711" s="91"/>
      <c r="GI2711" s="91"/>
      <c r="GJ2711" s="91"/>
      <c r="GK2711" s="127"/>
      <c r="GL2711" s="126"/>
      <c r="GM2711" s="91"/>
      <c r="GN2711" s="91"/>
      <c r="GO2711" s="91"/>
      <c r="GP2711" s="91"/>
      <c r="GQ2711" s="91"/>
      <c r="GR2711" s="91"/>
      <c r="GS2711" s="91"/>
      <c r="GT2711" s="91"/>
      <c r="GU2711" s="91"/>
      <c r="GV2711" s="91"/>
      <c r="GW2711" s="91"/>
      <c r="GX2711" s="91"/>
      <c r="GY2711" s="91"/>
      <c r="GZ2711" s="91"/>
      <c r="HA2711" s="91"/>
      <c r="HB2711" s="91"/>
      <c r="HC2711" s="91"/>
      <c r="HD2711" s="91"/>
      <c r="HE2711" s="91"/>
      <c r="HF2711" s="91"/>
      <c r="HG2711" s="91"/>
      <c r="HH2711" s="91"/>
      <c r="HI2711" s="91"/>
      <c r="HJ2711" s="91"/>
      <c r="HK2711" s="127"/>
      <c r="HL2711" s="126"/>
      <c r="HM2711" s="91"/>
      <c r="HN2711" s="91"/>
      <c r="HO2711" s="91"/>
      <c r="HP2711" s="91"/>
      <c r="HQ2711" s="91"/>
      <c r="HR2711" s="91"/>
      <c r="HS2711" s="91"/>
      <c r="HT2711" s="91"/>
      <c r="HU2711" s="91"/>
      <c r="HV2711" s="91"/>
      <c r="HW2711" s="91"/>
      <c r="HX2711" s="91"/>
      <c r="HY2711" s="91"/>
      <c r="HZ2711" s="91"/>
      <c r="IA2711" s="91"/>
      <c r="IB2711" s="91"/>
      <c r="IC2711" s="91"/>
      <c r="ID2711" s="91"/>
      <c r="IE2711" s="91"/>
      <c r="IF2711" s="91"/>
      <c r="IG2711" s="91"/>
      <c r="IH2711" s="91"/>
      <c r="II2711" s="91"/>
      <c r="IJ2711" s="91"/>
      <c r="IK2711" s="127"/>
    </row>
    <row r="2712" spans="2:245" x14ac:dyDescent="0.2">
      <c r="B2712" s="43"/>
      <c r="C2712" s="73"/>
      <c r="D2712" s="64"/>
      <c r="E2712" s="64"/>
      <c r="F2712" s="55"/>
      <c r="G2712" s="102"/>
      <c r="H2712" s="55"/>
      <c r="I2712" s="55"/>
      <c r="J2712" s="55"/>
      <c r="K2712" s="55"/>
      <c r="L2712" s="55"/>
      <c r="M2712" s="55"/>
      <c r="N2712" s="55"/>
      <c r="O2712" s="55"/>
      <c r="P2712" s="55"/>
      <c r="Q2712" s="55"/>
      <c r="R2712" s="55"/>
      <c r="S2712" s="55"/>
      <c r="T2712" s="55"/>
      <c r="U2712" s="55"/>
      <c r="V2712" s="55"/>
      <c r="W2712" s="55"/>
      <c r="X2712" s="55"/>
      <c r="Y2712" s="55"/>
      <c r="Z2712" s="55"/>
      <c r="AA2712" s="55"/>
      <c r="AB2712" s="55"/>
      <c r="AC2712" s="55"/>
      <c r="AD2712" s="55"/>
      <c r="AE2712" s="55"/>
      <c r="AF2712" s="55"/>
      <c r="AG2712" s="55"/>
      <c r="AY2712" s="162"/>
      <c r="AZ2712" s="162"/>
      <c r="BA2712" s="162"/>
      <c r="BB2712" s="162"/>
      <c r="BC2712" s="162"/>
      <c r="BD2712" s="162"/>
      <c r="BE2712" s="162"/>
      <c r="BF2712" s="162"/>
      <c r="BG2712" s="162"/>
      <c r="BH2712" s="162"/>
      <c r="BI2712" s="162"/>
      <c r="BJ2712" s="162"/>
      <c r="BK2712" s="162"/>
      <c r="BL2712" s="162"/>
      <c r="BM2712" s="162"/>
      <c r="BN2712" s="162"/>
      <c r="BO2712" s="162"/>
      <c r="BP2712" s="162"/>
      <c r="BQ2712" s="162"/>
      <c r="BR2712" s="162"/>
      <c r="BS2712" s="162"/>
      <c r="BT2712" s="162"/>
      <c r="BU2712" s="162"/>
      <c r="BV2712" s="162"/>
      <c r="BW2712" s="162"/>
      <c r="BX2712" s="162"/>
      <c r="BY2712" s="162"/>
      <c r="BZ2712" s="162"/>
      <c r="CA2712" s="162"/>
      <c r="CB2712" s="162"/>
      <c r="CC2712" s="162"/>
      <c r="CD2712" s="162"/>
      <c r="CE2712" s="162"/>
      <c r="CF2712" s="162"/>
      <c r="CG2712" s="162"/>
      <c r="CH2712" s="162"/>
      <c r="CI2712" s="162"/>
      <c r="CJ2712" s="162"/>
      <c r="CK2712" s="162"/>
      <c r="CX2712" s="98"/>
      <c r="DL2712" s="97"/>
      <c r="DX2712" s="98"/>
      <c r="EL2712" s="97"/>
      <c r="EX2712" s="98"/>
      <c r="EY2712" s="97"/>
      <c r="FL2712" s="126"/>
      <c r="FM2712" s="91"/>
      <c r="FN2712" s="91"/>
      <c r="FO2712" s="91"/>
      <c r="FP2712" s="91"/>
      <c r="FQ2712" s="91"/>
      <c r="FR2712" s="91"/>
      <c r="FS2712" s="91"/>
      <c r="FT2712" s="91"/>
      <c r="FU2712" s="91"/>
      <c r="FV2712" s="91"/>
      <c r="FW2712" s="91"/>
      <c r="FX2712" s="91"/>
      <c r="FY2712" s="91"/>
      <c r="FZ2712" s="91"/>
      <c r="GA2712" s="91"/>
      <c r="GB2712" s="91"/>
      <c r="GC2712" s="91"/>
      <c r="GD2712" s="91"/>
      <c r="GE2712" s="91"/>
      <c r="GF2712" s="91"/>
      <c r="GG2712" s="91"/>
      <c r="GH2712" s="91"/>
      <c r="GI2712" s="91"/>
      <c r="GJ2712" s="91"/>
      <c r="GK2712" s="127"/>
      <c r="GL2712" s="126"/>
      <c r="GM2712" s="91"/>
      <c r="GN2712" s="91"/>
      <c r="GO2712" s="91"/>
      <c r="GP2712" s="91"/>
      <c r="GQ2712" s="91"/>
      <c r="GR2712" s="91"/>
      <c r="GS2712" s="91"/>
      <c r="GT2712" s="91"/>
      <c r="GU2712" s="91"/>
      <c r="GV2712" s="91"/>
      <c r="GW2712" s="91"/>
      <c r="GX2712" s="91"/>
      <c r="GY2712" s="91"/>
      <c r="GZ2712" s="91"/>
      <c r="HA2712" s="91"/>
      <c r="HB2712" s="91"/>
      <c r="HC2712" s="91"/>
      <c r="HD2712" s="91"/>
      <c r="HE2712" s="91"/>
      <c r="HF2712" s="91"/>
      <c r="HG2712" s="91"/>
      <c r="HH2712" s="91"/>
      <c r="HI2712" s="91"/>
      <c r="HJ2712" s="91"/>
      <c r="HK2712" s="127"/>
      <c r="HL2712" s="126"/>
      <c r="HM2712" s="91"/>
      <c r="HN2712" s="91"/>
      <c r="HO2712" s="91"/>
      <c r="HP2712" s="91"/>
      <c r="HQ2712" s="91"/>
      <c r="HR2712" s="91"/>
      <c r="HS2712" s="91"/>
      <c r="HT2712" s="91"/>
      <c r="HU2712" s="91"/>
      <c r="HV2712" s="91"/>
      <c r="HW2712" s="91"/>
      <c r="HX2712" s="91"/>
      <c r="HY2712" s="91"/>
      <c r="HZ2712" s="91"/>
      <c r="IA2712" s="91"/>
      <c r="IB2712" s="91"/>
      <c r="IC2712" s="91"/>
      <c r="ID2712" s="91"/>
      <c r="IE2712" s="91"/>
      <c r="IF2712" s="91"/>
      <c r="IG2712" s="91"/>
      <c r="IH2712" s="91"/>
      <c r="II2712" s="91"/>
      <c r="IJ2712" s="91"/>
      <c r="IK2712" s="127"/>
    </row>
    <row r="2713" spans="2:245" x14ac:dyDescent="0.2">
      <c r="B2713" s="43"/>
      <c r="C2713" s="73"/>
      <c r="D2713" s="64"/>
      <c r="E2713" s="64"/>
      <c r="F2713" s="55"/>
      <c r="G2713" s="102"/>
      <c r="H2713" s="55"/>
      <c r="I2713" s="55"/>
      <c r="J2713" s="55"/>
      <c r="K2713" s="55"/>
      <c r="L2713" s="55"/>
      <c r="M2713" s="55"/>
      <c r="N2713" s="55"/>
      <c r="O2713" s="55"/>
      <c r="P2713" s="55"/>
      <c r="Q2713" s="55"/>
      <c r="R2713" s="55"/>
      <c r="S2713" s="55"/>
      <c r="T2713" s="55"/>
      <c r="U2713" s="55"/>
      <c r="V2713" s="55"/>
      <c r="W2713" s="55"/>
      <c r="X2713" s="55"/>
      <c r="Y2713" s="55"/>
      <c r="Z2713" s="55"/>
      <c r="AA2713" s="55"/>
      <c r="AB2713" s="55"/>
      <c r="AC2713" s="55"/>
      <c r="AD2713" s="55"/>
      <c r="AE2713" s="55"/>
      <c r="AF2713" s="55"/>
      <c r="AG2713" s="55"/>
      <c r="AY2713" s="162"/>
      <c r="AZ2713" s="162"/>
      <c r="BA2713" s="162"/>
      <c r="BB2713" s="162"/>
      <c r="BC2713" s="162"/>
      <c r="BD2713" s="162"/>
      <c r="BE2713" s="162"/>
      <c r="BF2713" s="162"/>
      <c r="BG2713" s="162"/>
      <c r="BH2713" s="162"/>
      <c r="BI2713" s="162"/>
      <c r="BJ2713" s="162"/>
      <c r="BK2713" s="162"/>
      <c r="BL2713" s="162"/>
      <c r="BM2713" s="162"/>
      <c r="BN2713" s="162"/>
      <c r="BO2713" s="162"/>
      <c r="BP2713" s="162"/>
      <c r="BQ2713" s="162"/>
      <c r="BR2713" s="162"/>
      <c r="BS2713" s="162"/>
      <c r="BT2713" s="162"/>
      <c r="BU2713" s="162"/>
      <c r="BV2713" s="162"/>
      <c r="BW2713" s="162"/>
      <c r="BX2713" s="162"/>
      <c r="BY2713" s="162"/>
      <c r="BZ2713" s="162"/>
      <c r="CA2713" s="162"/>
      <c r="CB2713" s="162"/>
      <c r="CC2713" s="162"/>
      <c r="CD2713" s="162"/>
      <c r="CE2713" s="162"/>
      <c r="CF2713" s="162"/>
      <c r="CG2713" s="162"/>
      <c r="CH2713" s="162"/>
      <c r="CI2713" s="162"/>
      <c r="CJ2713" s="162"/>
      <c r="CK2713" s="162"/>
      <c r="CX2713" s="98"/>
      <c r="DL2713" s="97"/>
      <c r="DX2713" s="98"/>
      <c r="EL2713" s="97"/>
      <c r="EX2713" s="98"/>
      <c r="EY2713" s="97"/>
      <c r="FL2713" s="126"/>
      <c r="FM2713" s="91"/>
      <c r="FN2713" s="91"/>
      <c r="FO2713" s="91"/>
      <c r="FP2713" s="91"/>
      <c r="FQ2713" s="91"/>
      <c r="FR2713" s="91"/>
      <c r="FS2713" s="91"/>
      <c r="FT2713" s="91"/>
      <c r="FU2713" s="91"/>
      <c r="FV2713" s="91"/>
      <c r="FW2713" s="91"/>
      <c r="FX2713" s="91"/>
      <c r="FY2713" s="91"/>
      <c r="FZ2713" s="91"/>
      <c r="GA2713" s="91"/>
      <c r="GB2713" s="91"/>
      <c r="GC2713" s="91"/>
      <c r="GD2713" s="91"/>
      <c r="GE2713" s="91"/>
      <c r="GF2713" s="91"/>
      <c r="GG2713" s="91"/>
      <c r="GH2713" s="91"/>
      <c r="GI2713" s="91"/>
      <c r="GJ2713" s="91"/>
      <c r="GK2713" s="127"/>
      <c r="GL2713" s="126"/>
      <c r="GM2713" s="91"/>
      <c r="GN2713" s="91"/>
      <c r="GO2713" s="91"/>
      <c r="GP2713" s="91"/>
      <c r="GQ2713" s="91"/>
      <c r="GR2713" s="91"/>
      <c r="GS2713" s="91"/>
      <c r="GT2713" s="91"/>
      <c r="GU2713" s="91"/>
      <c r="GV2713" s="91"/>
      <c r="GW2713" s="91"/>
      <c r="GX2713" s="91"/>
      <c r="GY2713" s="91"/>
      <c r="GZ2713" s="91"/>
      <c r="HA2713" s="91"/>
      <c r="HB2713" s="91"/>
      <c r="HC2713" s="91"/>
      <c r="HD2713" s="91"/>
      <c r="HE2713" s="91"/>
      <c r="HF2713" s="91"/>
      <c r="HG2713" s="91"/>
      <c r="HH2713" s="91"/>
      <c r="HI2713" s="91"/>
      <c r="HJ2713" s="91"/>
      <c r="HK2713" s="127"/>
      <c r="HL2713" s="126"/>
      <c r="HM2713" s="91"/>
      <c r="HN2713" s="91"/>
      <c r="HO2713" s="91"/>
      <c r="HP2713" s="91"/>
      <c r="HQ2713" s="91"/>
      <c r="HR2713" s="91"/>
      <c r="HS2713" s="91"/>
      <c r="HT2713" s="91"/>
      <c r="HU2713" s="91"/>
      <c r="HV2713" s="91"/>
      <c r="HW2713" s="91"/>
      <c r="HX2713" s="91"/>
      <c r="HY2713" s="91"/>
      <c r="HZ2713" s="91"/>
      <c r="IA2713" s="91"/>
      <c r="IB2713" s="91"/>
      <c r="IC2713" s="91"/>
      <c r="ID2713" s="91"/>
      <c r="IE2713" s="91"/>
      <c r="IF2713" s="91"/>
      <c r="IG2713" s="91"/>
      <c r="IH2713" s="91"/>
      <c r="II2713" s="91"/>
      <c r="IJ2713" s="91"/>
      <c r="IK2713" s="127"/>
    </row>
    <row r="2714" spans="2:245" x14ac:dyDescent="0.2">
      <c r="B2714" s="43"/>
      <c r="C2714" s="73"/>
      <c r="D2714" s="64"/>
      <c r="E2714" s="64"/>
      <c r="F2714" s="55"/>
      <c r="G2714" s="102"/>
      <c r="H2714" s="55"/>
      <c r="I2714" s="55"/>
      <c r="J2714" s="55"/>
      <c r="K2714" s="55"/>
      <c r="L2714" s="55"/>
      <c r="M2714" s="55"/>
      <c r="N2714" s="55"/>
      <c r="O2714" s="55"/>
      <c r="P2714" s="55"/>
      <c r="Q2714" s="55"/>
      <c r="R2714" s="55"/>
      <c r="S2714" s="55"/>
      <c r="T2714" s="55"/>
      <c r="U2714" s="55"/>
      <c r="V2714" s="55"/>
      <c r="W2714" s="55"/>
      <c r="X2714" s="55"/>
      <c r="Y2714" s="55"/>
      <c r="Z2714" s="55"/>
      <c r="AA2714" s="55"/>
      <c r="AB2714" s="55"/>
      <c r="AC2714" s="55"/>
      <c r="AD2714" s="55"/>
      <c r="AE2714" s="55"/>
      <c r="AF2714" s="55"/>
      <c r="AG2714" s="55"/>
      <c r="AY2714" s="162"/>
      <c r="AZ2714" s="162"/>
      <c r="BA2714" s="162"/>
      <c r="BB2714" s="162"/>
      <c r="BC2714" s="162"/>
      <c r="BD2714" s="162"/>
      <c r="BE2714" s="162"/>
      <c r="BF2714" s="162"/>
      <c r="BG2714" s="162"/>
      <c r="BH2714" s="162"/>
      <c r="BI2714" s="162"/>
      <c r="BJ2714" s="162"/>
      <c r="BK2714" s="162"/>
      <c r="BL2714" s="162"/>
      <c r="BM2714" s="162"/>
      <c r="BN2714" s="162"/>
      <c r="BO2714" s="162"/>
      <c r="BP2714" s="162"/>
      <c r="BQ2714" s="162"/>
      <c r="BR2714" s="162"/>
      <c r="BS2714" s="162"/>
      <c r="BT2714" s="162"/>
      <c r="BU2714" s="162"/>
      <c r="BV2714" s="162"/>
      <c r="BW2714" s="162"/>
      <c r="BX2714" s="162"/>
      <c r="BY2714" s="162"/>
      <c r="BZ2714" s="162"/>
      <c r="CA2714" s="162"/>
      <c r="CB2714" s="162"/>
      <c r="CC2714" s="162"/>
      <c r="CD2714" s="162"/>
      <c r="CE2714" s="162"/>
      <c r="CF2714" s="162"/>
      <c r="CG2714" s="162"/>
      <c r="CH2714" s="162"/>
      <c r="CI2714" s="162"/>
      <c r="CJ2714" s="162"/>
      <c r="CK2714" s="162"/>
      <c r="CX2714" s="98"/>
      <c r="DL2714" s="97"/>
      <c r="DX2714" s="98"/>
      <c r="EL2714" s="97"/>
      <c r="EX2714" s="98"/>
      <c r="EY2714" s="97"/>
      <c r="FL2714" s="126"/>
      <c r="FM2714" s="91"/>
      <c r="FN2714" s="91"/>
      <c r="FO2714" s="91"/>
      <c r="FP2714" s="91"/>
      <c r="FQ2714" s="91"/>
      <c r="FR2714" s="91"/>
      <c r="FS2714" s="91"/>
      <c r="FT2714" s="91"/>
      <c r="FU2714" s="91"/>
      <c r="FV2714" s="91"/>
      <c r="FW2714" s="91"/>
      <c r="FX2714" s="91"/>
      <c r="FY2714" s="91"/>
      <c r="FZ2714" s="91"/>
      <c r="GA2714" s="91"/>
      <c r="GB2714" s="91"/>
      <c r="GC2714" s="91"/>
      <c r="GD2714" s="91"/>
      <c r="GE2714" s="91"/>
      <c r="GF2714" s="91"/>
      <c r="GG2714" s="91"/>
      <c r="GH2714" s="91"/>
      <c r="GI2714" s="91"/>
      <c r="GJ2714" s="91"/>
      <c r="GK2714" s="127"/>
      <c r="GL2714" s="126"/>
      <c r="GM2714" s="91"/>
      <c r="GN2714" s="91"/>
      <c r="GO2714" s="91"/>
      <c r="GP2714" s="91"/>
      <c r="GQ2714" s="91"/>
      <c r="GR2714" s="91"/>
      <c r="GS2714" s="91"/>
      <c r="GT2714" s="91"/>
      <c r="GU2714" s="91"/>
      <c r="GV2714" s="91"/>
      <c r="GW2714" s="91"/>
      <c r="GX2714" s="91"/>
      <c r="GY2714" s="91"/>
      <c r="GZ2714" s="91"/>
      <c r="HA2714" s="91"/>
      <c r="HB2714" s="91"/>
      <c r="HC2714" s="91"/>
      <c r="HD2714" s="91"/>
      <c r="HE2714" s="91"/>
      <c r="HF2714" s="91"/>
      <c r="HG2714" s="91"/>
      <c r="HH2714" s="91"/>
      <c r="HI2714" s="91"/>
      <c r="HJ2714" s="91"/>
      <c r="HK2714" s="127"/>
      <c r="HL2714" s="126"/>
      <c r="HM2714" s="91"/>
      <c r="HN2714" s="91"/>
      <c r="HO2714" s="91"/>
      <c r="HP2714" s="91"/>
      <c r="HQ2714" s="91"/>
      <c r="HR2714" s="91"/>
      <c r="HS2714" s="91"/>
      <c r="HT2714" s="91"/>
      <c r="HU2714" s="91"/>
      <c r="HV2714" s="91"/>
      <c r="HW2714" s="91"/>
      <c r="HX2714" s="91"/>
      <c r="HY2714" s="91"/>
      <c r="HZ2714" s="91"/>
      <c r="IA2714" s="91"/>
      <c r="IB2714" s="91"/>
      <c r="IC2714" s="91"/>
      <c r="ID2714" s="91"/>
      <c r="IE2714" s="91"/>
      <c r="IF2714" s="91"/>
      <c r="IG2714" s="91"/>
      <c r="IH2714" s="91"/>
      <c r="II2714" s="91"/>
      <c r="IJ2714" s="91"/>
      <c r="IK2714" s="127"/>
    </row>
    <row r="2715" spans="2:245" x14ac:dyDescent="0.2">
      <c r="B2715" s="43"/>
      <c r="C2715" s="73"/>
      <c r="D2715" s="64"/>
      <c r="E2715" s="64"/>
      <c r="F2715" s="55"/>
      <c r="G2715" s="102"/>
      <c r="H2715" s="55"/>
      <c r="I2715" s="55"/>
      <c r="J2715" s="55"/>
      <c r="K2715" s="55"/>
      <c r="L2715" s="55"/>
      <c r="M2715" s="55"/>
      <c r="N2715" s="55"/>
      <c r="O2715" s="55"/>
      <c r="P2715" s="55"/>
      <c r="Q2715" s="55"/>
      <c r="R2715" s="55"/>
      <c r="S2715" s="55"/>
      <c r="T2715" s="55"/>
      <c r="U2715" s="55"/>
      <c r="V2715" s="55"/>
      <c r="W2715" s="55"/>
      <c r="X2715" s="55"/>
      <c r="Y2715" s="55"/>
      <c r="Z2715" s="55"/>
      <c r="AA2715" s="55"/>
      <c r="AB2715" s="55"/>
      <c r="AC2715" s="55"/>
      <c r="AD2715" s="55"/>
      <c r="AE2715" s="55"/>
      <c r="AF2715" s="55"/>
      <c r="AG2715" s="55"/>
      <c r="AY2715" s="162"/>
      <c r="AZ2715" s="162"/>
      <c r="BA2715" s="162"/>
      <c r="BB2715" s="162"/>
      <c r="BC2715" s="162"/>
      <c r="BD2715" s="162"/>
      <c r="BE2715" s="162"/>
      <c r="BF2715" s="162"/>
      <c r="BG2715" s="162"/>
      <c r="BH2715" s="162"/>
      <c r="BI2715" s="162"/>
      <c r="BJ2715" s="162"/>
      <c r="BK2715" s="162"/>
      <c r="BL2715" s="162"/>
      <c r="BM2715" s="162"/>
      <c r="BN2715" s="162"/>
      <c r="BO2715" s="162"/>
      <c r="BP2715" s="162"/>
      <c r="BQ2715" s="162"/>
      <c r="BR2715" s="162"/>
      <c r="BS2715" s="162"/>
      <c r="BT2715" s="162"/>
      <c r="BU2715" s="162"/>
      <c r="BV2715" s="162"/>
      <c r="BW2715" s="162"/>
      <c r="BX2715" s="162"/>
      <c r="BY2715" s="162"/>
      <c r="BZ2715" s="162"/>
      <c r="CA2715" s="162"/>
      <c r="CB2715" s="162"/>
      <c r="CC2715" s="162"/>
      <c r="CD2715" s="162"/>
      <c r="CE2715" s="162"/>
      <c r="CF2715" s="162"/>
      <c r="CG2715" s="162"/>
      <c r="CH2715" s="162"/>
      <c r="CI2715" s="162"/>
      <c r="CJ2715" s="162"/>
      <c r="CK2715" s="162"/>
      <c r="CX2715" s="98"/>
      <c r="DL2715" s="97"/>
      <c r="DX2715" s="98"/>
      <c r="EL2715" s="97"/>
      <c r="EX2715" s="98"/>
      <c r="EY2715" s="97"/>
      <c r="FL2715" s="126"/>
      <c r="FM2715" s="91"/>
      <c r="FN2715" s="91"/>
      <c r="FO2715" s="91"/>
      <c r="FP2715" s="91"/>
      <c r="FQ2715" s="91"/>
      <c r="FR2715" s="91"/>
      <c r="FS2715" s="91"/>
      <c r="FT2715" s="91"/>
      <c r="FU2715" s="91"/>
      <c r="FV2715" s="91"/>
      <c r="FW2715" s="91"/>
      <c r="FX2715" s="91"/>
      <c r="FY2715" s="91"/>
      <c r="FZ2715" s="91"/>
      <c r="GA2715" s="91"/>
      <c r="GB2715" s="91"/>
      <c r="GC2715" s="91"/>
      <c r="GD2715" s="91"/>
      <c r="GE2715" s="91"/>
      <c r="GF2715" s="91"/>
      <c r="GG2715" s="91"/>
      <c r="GH2715" s="91"/>
      <c r="GI2715" s="91"/>
      <c r="GJ2715" s="91"/>
      <c r="GK2715" s="127"/>
      <c r="GL2715" s="126"/>
      <c r="GM2715" s="91"/>
      <c r="GN2715" s="91"/>
      <c r="GO2715" s="91"/>
      <c r="GP2715" s="91"/>
      <c r="GQ2715" s="91"/>
      <c r="GR2715" s="91"/>
      <c r="GS2715" s="91"/>
      <c r="GT2715" s="91"/>
      <c r="GU2715" s="91"/>
      <c r="GV2715" s="91"/>
      <c r="GW2715" s="91"/>
      <c r="GX2715" s="91"/>
      <c r="GY2715" s="91"/>
      <c r="GZ2715" s="91"/>
      <c r="HA2715" s="91"/>
      <c r="HB2715" s="91"/>
      <c r="HC2715" s="91"/>
      <c r="HD2715" s="91"/>
      <c r="HE2715" s="91"/>
      <c r="HF2715" s="91"/>
      <c r="HG2715" s="91"/>
      <c r="HH2715" s="91"/>
      <c r="HI2715" s="91"/>
      <c r="HJ2715" s="91"/>
      <c r="HK2715" s="127"/>
      <c r="HL2715" s="126"/>
      <c r="HM2715" s="91"/>
      <c r="HN2715" s="91"/>
      <c r="HO2715" s="91"/>
      <c r="HP2715" s="91"/>
      <c r="HQ2715" s="91"/>
      <c r="HR2715" s="91"/>
      <c r="HS2715" s="91"/>
      <c r="HT2715" s="91"/>
      <c r="HU2715" s="91"/>
      <c r="HV2715" s="91"/>
      <c r="HW2715" s="91"/>
      <c r="HX2715" s="91"/>
      <c r="HY2715" s="91"/>
      <c r="HZ2715" s="91"/>
      <c r="IA2715" s="91"/>
      <c r="IB2715" s="91"/>
      <c r="IC2715" s="91"/>
      <c r="ID2715" s="91"/>
      <c r="IE2715" s="91"/>
      <c r="IF2715" s="91"/>
      <c r="IG2715" s="91"/>
      <c r="IH2715" s="91"/>
      <c r="II2715" s="91"/>
      <c r="IJ2715" s="91"/>
      <c r="IK2715" s="127"/>
    </row>
    <row r="2716" spans="2:245" x14ac:dyDescent="0.2">
      <c r="B2716" s="43"/>
      <c r="C2716" s="73"/>
      <c r="D2716" s="64"/>
      <c r="E2716" s="64"/>
      <c r="F2716" s="55"/>
      <c r="G2716" s="102"/>
      <c r="H2716" s="55"/>
      <c r="I2716" s="55"/>
      <c r="J2716" s="55"/>
      <c r="K2716" s="55"/>
      <c r="L2716" s="55"/>
      <c r="M2716" s="55"/>
      <c r="N2716" s="55"/>
      <c r="O2716" s="55"/>
      <c r="P2716" s="55"/>
      <c r="Q2716" s="55"/>
      <c r="R2716" s="55"/>
      <c r="S2716" s="55"/>
      <c r="T2716" s="55"/>
      <c r="U2716" s="55"/>
      <c r="V2716" s="55"/>
      <c r="W2716" s="55"/>
      <c r="X2716" s="55"/>
      <c r="Y2716" s="55"/>
      <c r="Z2716" s="55"/>
      <c r="AA2716" s="55"/>
      <c r="AB2716" s="55"/>
      <c r="AC2716" s="55"/>
      <c r="AD2716" s="55"/>
      <c r="AE2716" s="55"/>
      <c r="AF2716" s="55"/>
      <c r="AG2716" s="55"/>
      <c r="AY2716" s="162"/>
      <c r="AZ2716" s="162"/>
      <c r="BA2716" s="162"/>
      <c r="BB2716" s="162"/>
      <c r="BC2716" s="162"/>
      <c r="BD2716" s="162"/>
      <c r="BE2716" s="162"/>
      <c r="BF2716" s="162"/>
      <c r="BG2716" s="162"/>
      <c r="BH2716" s="162"/>
      <c r="BI2716" s="162"/>
      <c r="BJ2716" s="162"/>
      <c r="BK2716" s="162"/>
      <c r="BL2716" s="162"/>
      <c r="BM2716" s="162"/>
      <c r="BN2716" s="162"/>
      <c r="BO2716" s="162"/>
      <c r="BP2716" s="162"/>
      <c r="BQ2716" s="162"/>
      <c r="BR2716" s="162"/>
      <c r="BS2716" s="162"/>
      <c r="BT2716" s="162"/>
      <c r="BU2716" s="162"/>
      <c r="BV2716" s="162"/>
      <c r="BW2716" s="162"/>
      <c r="BX2716" s="162"/>
      <c r="BY2716" s="162"/>
      <c r="BZ2716" s="162"/>
      <c r="CA2716" s="162"/>
      <c r="CB2716" s="162"/>
      <c r="CC2716" s="162"/>
      <c r="CD2716" s="162"/>
      <c r="CE2716" s="162"/>
      <c r="CF2716" s="162"/>
      <c r="CG2716" s="162"/>
      <c r="CH2716" s="162"/>
      <c r="CI2716" s="162"/>
      <c r="CJ2716" s="162"/>
      <c r="CK2716" s="162"/>
      <c r="CX2716" s="98"/>
      <c r="DL2716" s="97"/>
      <c r="DX2716" s="98"/>
      <c r="EL2716" s="97"/>
      <c r="EX2716" s="98"/>
      <c r="EY2716" s="97"/>
      <c r="FL2716" s="126"/>
      <c r="FM2716" s="91"/>
      <c r="FN2716" s="91"/>
      <c r="FO2716" s="91"/>
      <c r="FP2716" s="91"/>
      <c r="FQ2716" s="91"/>
      <c r="FR2716" s="91"/>
      <c r="FS2716" s="91"/>
      <c r="FT2716" s="91"/>
      <c r="FU2716" s="91"/>
      <c r="FV2716" s="91"/>
      <c r="FW2716" s="91"/>
      <c r="FX2716" s="91"/>
      <c r="FY2716" s="91"/>
      <c r="FZ2716" s="91"/>
      <c r="GA2716" s="91"/>
      <c r="GB2716" s="91"/>
      <c r="GC2716" s="91"/>
      <c r="GD2716" s="91"/>
      <c r="GE2716" s="91"/>
      <c r="GF2716" s="91"/>
      <c r="GG2716" s="91"/>
      <c r="GH2716" s="91"/>
      <c r="GI2716" s="91"/>
      <c r="GJ2716" s="91"/>
      <c r="GK2716" s="127"/>
      <c r="GL2716" s="126"/>
      <c r="GM2716" s="91"/>
      <c r="GN2716" s="91"/>
      <c r="GO2716" s="91"/>
      <c r="GP2716" s="91"/>
      <c r="GQ2716" s="91"/>
      <c r="GR2716" s="91"/>
      <c r="GS2716" s="91"/>
      <c r="GT2716" s="91"/>
      <c r="GU2716" s="91"/>
      <c r="GV2716" s="91"/>
      <c r="GW2716" s="91"/>
      <c r="GX2716" s="91"/>
      <c r="GY2716" s="91"/>
      <c r="GZ2716" s="91"/>
      <c r="HA2716" s="91"/>
      <c r="HB2716" s="91"/>
      <c r="HC2716" s="91"/>
      <c r="HD2716" s="91"/>
      <c r="HE2716" s="91"/>
      <c r="HF2716" s="91"/>
      <c r="HG2716" s="91"/>
      <c r="HH2716" s="91"/>
      <c r="HI2716" s="91"/>
      <c r="HJ2716" s="91"/>
      <c r="HK2716" s="127"/>
      <c r="HL2716" s="126"/>
      <c r="HM2716" s="91"/>
      <c r="HN2716" s="91"/>
      <c r="HO2716" s="91"/>
      <c r="HP2716" s="91"/>
      <c r="HQ2716" s="91"/>
      <c r="HR2716" s="91"/>
      <c r="HS2716" s="91"/>
      <c r="HT2716" s="91"/>
      <c r="HU2716" s="91"/>
      <c r="HV2716" s="91"/>
      <c r="HW2716" s="91"/>
      <c r="HX2716" s="91"/>
      <c r="HY2716" s="91"/>
      <c r="HZ2716" s="91"/>
      <c r="IA2716" s="91"/>
      <c r="IB2716" s="91"/>
      <c r="IC2716" s="91"/>
      <c r="ID2716" s="91"/>
      <c r="IE2716" s="91"/>
      <c r="IF2716" s="91"/>
      <c r="IG2716" s="91"/>
      <c r="IH2716" s="91"/>
      <c r="II2716" s="91"/>
      <c r="IJ2716" s="91"/>
      <c r="IK2716" s="127"/>
    </row>
    <row r="2717" spans="2:245" x14ac:dyDescent="0.2">
      <c r="B2717" s="43"/>
      <c r="C2717" s="73"/>
      <c r="D2717" s="64"/>
      <c r="E2717" s="64"/>
      <c r="F2717" s="55"/>
      <c r="G2717" s="102"/>
      <c r="H2717" s="55"/>
      <c r="I2717" s="55"/>
      <c r="J2717" s="55"/>
      <c r="K2717" s="55"/>
      <c r="L2717" s="55"/>
      <c r="M2717" s="55"/>
      <c r="N2717" s="55"/>
      <c r="O2717" s="55"/>
      <c r="P2717" s="55"/>
      <c r="Q2717" s="55"/>
      <c r="R2717" s="55"/>
      <c r="S2717" s="55"/>
      <c r="T2717" s="55"/>
      <c r="U2717" s="55"/>
      <c r="V2717" s="55"/>
      <c r="W2717" s="55"/>
      <c r="X2717" s="55"/>
      <c r="Y2717" s="55"/>
      <c r="Z2717" s="55"/>
      <c r="AA2717" s="55"/>
      <c r="AB2717" s="55"/>
      <c r="AC2717" s="55"/>
      <c r="AD2717" s="55"/>
      <c r="AE2717" s="55"/>
      <c r="AF2717" s="55"/>
      <c r="AG2717" s="55"/>
      <c r="AY2717" s="162"/>
      <c r="AZ2717" s="162"/>
      <c r="BA2717" s="162"/>
      <c r="BB2717" s="162"/>
      <c r="BC2717" s="162"/>
      <c r="BD2717" s="162"/>
      <c r="BE2717" s="162"/>
      <c r="BF2717" s="162"/>
      <c r="BG2717" s="162"/>
      <c r="BH2717" s="162"/>
      <c r="BI2717" s="162"/>
      <c r="BJ2717" s="162"/>
      <c r="BK2717" s="162"/>
      <c r="BL2717" s="162"/>
      <c r="BM2717" s="162"/>
      <c r="BN2717" s="162"/>
      <c r="BO2717" s="162"/>
      <c r="BP2717" s="162"/>
      <c r="BQ2717" s="162"/>
      <c r="BR2717" s="162"/>
      <c r="BS2717" s="162"/>
      <c r="BT2717" s="162"/>
      <c r="BU2717" s="162"/>
      <c r="BV2717" s="162"/>
      <c r="BW2717" s="162"/>
      <c r="BX2717" s="162"/>
      <c r="BY2717" s="162"/>
      <c r="BZ2717" s="162"/>
      <c r="CA2717" s="162"/>
      <c r="CB2717" s="162"/>
      <c r="CC2717" s="162"/>
      <c r="CD2717" s="162"/>
      <c r="CE2717" s="162"/>
      <c r="CF2717" s="162"/>
      <c r="CG2717" s="162"/>
      <c r="CH2717" s="162"/>
      <c r="CI2717" s="162"/>
      <c r="CJ2717" s="162"/>
      <c r="CK2717" s="162"/>
      <c r="CX2717" s="98"/>
      <c r="DL2717" s="97"/>
      <c r="DX2717" s="98"/>
      <c r="EL2717" s="97"/>
      <c r="EX2717" s="98"/>
      <c r="EY2717" s="97"/>
      <c r="FL2717" s="126"/>
      <c r="FM2717" s="91"/>
      <c r="FN2717" s="91"/>
      <c r="FO2717" s="91"/>
      <c r="FP2717" s="91"/>
      <c r="FQ2717" s="91"/>
      <c r="FR2717" s="91"/>
      <c r="FS2717" s="91"/>
      <c r="FT2717" s="91"/>
      <c r="FU2717" s="91"/>
      <c r="FV2717" s="91"/>
      <c r="FW2717" s="91"/>
      <c r="FX2717" s="91"/>
      <c r="FY2717" s="91"/>
      <c r="FZ2717" s="91"/>
      <c r="GA2717" s="91"/>
      <c r="GB2717" s="91"/>
      <c r="GC2717" s="91"/>
      <c r="GD2717" s="91"/>
      <c r="GE2717" s="91"/>
      <c r="GF2717" s="91"/>
      <c r="GG2717" s="91"/>
      <c r="GH2717" s="91"/>
      <c r="GI2717" s="91"/>
      <c r="GJ2717" s="91"/>
      <c r="GK2717" s="127"/>
      <c r="GL2717" s="126"/>
      <c r="GM2717" s="91"/>
      <c r="GN2717" s="91"/>
      <c r="GO2717" s="91"/>
      <c r="GP2717" s="91"/>
      <c r="GQ2717" s="91"/>
      <c r="GR2717" s="91"/>
      <c r="GS2717" s="91"/>
      <c r="GT2717" s="91"/>
      <c r="GU2717" s="91"/>
      <c r="GV2717" s="91"/>
      <c r="GW2717" s="91"/>
      <c r="GX2717" s="91"/>
      <c r="GY2717" s="91"/>
      <c r="GZ2717" s="91"/>
      <c r="HA2717" s="91"/>
      <c r="HB2717" s="91"/>
      <c r="HC2717" s="91"/>
      <c r="HD2717" s="91"/>
      <c r="HE2717" s="91"/>
      <c r="HF2717" s="91"/>
      <c r="HG2717" s="91"/>
      <c r="HH2717" s="91"/>
      <c r="HI2717" s="91"/>
      <c r="HJ2717" s="91"/>
      <c r="HK2717" s="127"/>
      <c r="HL2717" s="126"/>
      <c r="HM2717" s="91"/>
      <c r="HN2717" s="91"/>
      <c r="HO2717" s="91"/>
      <c r="HP2717" s="91"/>
      <c r="HQ2717" s="91"/>
      <c r="HR2717" s="91"/>
      <c r="HS2717" s="91"/>
      <c r="HT2717" s="91"/>
      <c r="HU2717" s="91"/>
      <c r="HV2717" s="91"/>
      <c r="HW2717" s="91"/>
      <c r="HX2717" s="91"/>
      <c r="HY2717" s="91"/>
      <c r="HZ2717" s="91"/>
      <c r="IA2717" s="91"/>
      <c r="IB2717" s="91"/>
      <c r="IC2717" s="91"/>
      <c r="ID2717" s="91"/>
      <c r="IE2717" s="91"/>
      <c r="IF2717" s="91"/>
      <c r="IG2717" s="91"/>
      <c r="IH2717" s="91"/>
      <c r="II2717" s="91"/>
      <c r="IJ2717" s="91"/>
      <c r="IK2717" s="127"/>
    </row>
    <row r="2718" spans="2:245" x14ac:dyDescent="0.2">
      <c r="B2718" s="43"/>
      <c r="C2718" s="73"/>
      <c r="D2718" s="64"/>
      <c r="E2718" s="64"/>
      <c r="F2718" s="55"/>
      <c r="G2718" s="102"/>
      <c r="H2718" s="55"/>
      <c r="I2718" s="55"/>
      <c r="J2718" s="55"/>
      <c r="K2718" s="55"/>
      <c r="L2718" s="55"/>
      <c r="M2718" s="55"/>
      <c r="N2718" s="55"/>
      <c r="O2718" s="55"/>
      <c r="P2718" s="55"/>
      <c r="Q2718" s="55"/>
      <c r="R2718" s="55"/>
      <c r="S2718" s="55"/>
      <c r="T2718" s="55"/>
      <c r="U2718" s="55"/>
      <c r="V2718" s="55"/>
      <c r="W2718" s="55"/>
      <c r="X2718" s="55"/>
      <c r="Y2718" s="55"/>
      <c r="Z2718" s="55"/>
      <c r="AA2718" s="55"/>
      <c r="AB2718" s="55"/>
      <c r="AC2718" s="55"/>
      <c r="AD2718" s="55"/>
      <c r="AE2718" s="55"/>
      <c r="AF2718" s="55"/>
      <c r="AG2718" s="55"/>
      <c r="AY2718" s="162"/>
      <c r="AZ2718" s="162"/>
      <c r="BA2718" s="162"/>
      <c r="BB2718" s="162"/>
      <c r="BC2718" s="162"/>
      <c r="BD2718" s="162"/>
      <c r="BE2718" s="162"/>
      <c r="BF2718" s="162"/>
      <c r="BG2718" s="162"/>
      <c r="BH2718" s="162"/>
      <c r="BI2718" s="162"/>
      <c r="BJ2718" s="162"/>
      <c r="BK2718" s="162"/>
      <c r="BL2718" s="162"/>
      <c r="BM2718" s="162"/>
      <c r="BN2718" s="162"/>
      <c r="BO2718" s="162"/>
      <c r="BP2718" s="162"/>
      <c r="BQ2718" s="162"/>
      <c r="BR2718" s="162"/>
      <c r="BS2718" s="162"/>
      <c r="BT2718" s="162"/>
      <c r="BU2718" s="162"/>
      <c r="BV2718" s="162"/>
      <c r="BW2718" s="162"/>
      <c r="BX2718" s="162"/>
      <c r="BY2718" s="162"/>
      <c r="BZ2718" s="162"/>
      <c r="CA2718" s="162"/>
      <c r="CB2718" s="162"/>
      <c r="CC2718" s="162"/>
      <c r="CD2718" s="162"/>
      <c r="CE2718" s="162"/>
      <c r="CF2718" s="162"/>
      <c r="CG2718" s="162"/>
      <c r="CH2718" s="162"/>
      <c r="CI2718" s="162"/>
      <c r="CJ2718" s="162"/>
      <c r="CK2718" s="162"/>
      <c r="CX2718" s="98"/>
      <c r="DL2718" s="97"/>
      <c r="DX2718" s="98"/>
      <c r="EL2718" s="97"/>
      <c r="EX2718" s="98"/>
      <c r="EY2718" s="97"/>
      <c r="FL2718" s="126"/>
      <c r="FM2718" s="91"/>
      <c r="FN2718" s="91"/>
      <c r="FO2718" s="91"/>
      <c r="FP2718" s="91"/>
      <c r="FQ2718" s="91"/>
      <c r="FR2718" s="91"/>
      <c r="FS2718" s="91"/>
      <c r="FT2718" s="91"/>
      <c r="FU2718" s="91"/>
      <c r="FV2718" s="91"/>
      <c r="FW2718" s="91"/>
      <c r="FX2718" s="91"/>
      <c r="FY2718" s="91"/>
      <c r="FZ2718" s="91"/>
      <c r="GA2718" s="91"/>
      <c r="GB2718" s="91"/>
      <c r="GC2718" s="91"/>
      <c r="GD2718" s="91"/>
      <c r="GE2718" s="91"/>
      <c r="GF2718" s="91"/>
      <c r="GG2718" s="91"/>
      <c r="GH2718" s="91"/>
      <c r="GI2718" s="91"/>
      <c r="GJ2718" s="91"/>
      <c r="GK2718" s="127"/>
      <c r="GL2718" s="126"/>
      <c r="GM2718" s="91"/>
      <c r="GN2718" s="91"/>
      <c r="GO2718" s="91"/>
      <c r="GP2718" s="91"/>
      <c r="GQ2718" s="91"/>
      <c r="GR2718" s="91"/>
      <c r="GS2718" s="91"/>
      <c r="GT2718" s="91"/>
      <c r="GU2718" s="91"/>
      <c r="GV2718" s="91"/>
      <c r="GW2718" s="91"/>
      <c r="GX2718" s="91"/>
      <c r="GY2718" s="91"/>
      <c r="GZ2718" s="91"/>
      <c r="HA2718" s="91"/>
      <c r="HB2718" s="91"/>
      <c r="HC2718" s="91"/>
      <c r="HD2718" s="91"/>
      <c r="HE2718" s="91"/>
      <c r="HF2718" s="91"/>
      <c r="HG2718" s="91"/>
      <c r="HH2718" s="91"/>
      <c r="HI2718" s="91"/>
      <c r="HJ2718" s="91"/>
      <c r="HK2718" s="127"/>
      <c r="HL2718" s="126"/>
      <c r="HM2718" s="91"/>
      <c r="HN2718" s="91"/>
      <c r="HO2718" s="91"/>
      <c r="HP2718" s="91"/>
      <c r="HQ2718" s="91"/>
      <c r="HR2718" s="91"/>
      <c r="HS2718" s="91"/>
      <c r="HT2718" s="91"/>
      <c r="HU2718" s="91"/>
      <c r="HV2718" s="91"/>
      <c r="HW2718" s="91"/>
      <c r="HX2718" s="91"/>
      <c r="HY2718" s="91"/>
      <c r="HZ2718" s="91"/>
      <c r="IA2718" s="91"/>
      <c r="IB2718" s="91"/>
      <c r="IC2718" s="91"/>
      <c r="ID2718" s="91"/>
      <c r="IE2718" s="91"/>
      <c r="IF2718" s="91"/>
      <c r="IG2718" s="91"/>
      <c r="IH2718" s="91"/>
      <c r="II2718" s="91"/>
      <c r="IJ2718" s="91"/>
      <c r="IK2718" s="127"/>
    </row>
    <row r="2719" spans="2:245" x14ac:dyDescent="0.2">
      <c r="B2719" s="43"/>
      <c r="C2719" s="73"/>
      <c r="D2719" s="64"/>
      <c r="E2719" s="64"/>
      <c r="F2719" s="55"/>
      <c r="G2719" s="102"/>
      <c r="H2719" s="55"/>
      <c r="I2719" s="55"/>
      <c r="J2719" s="55"/>
      <c r="K2719" s="55"/>
      <c r="L2719" s="55"/>
      <c r="M2719" s="55"/>
      <c r="N2719" s="55"/>
      <c r="O2719" s="55"/>
      <c r="P2719" s="55"/>
      <c r="Q2719" s="55"/>
      <c r="R2719" s="55"/>
      <c r="S2719" s="55"/>
      <c r="T2719" s="55"/>
      <c r="U2719" s="55"/>
      <c r="V2719" s="55"/>
      <c r="W2719" s="55"/>
      <c r="X2719" s="55"/>
      <c r="Y2719" s="55"/>
      <c r="Z2719" s="55"/>
      <c r="AA2719" s="55"/>
      <c r="AB2719" s="55"/>
      <c r="AC2719" s="55"/>
      <c r="AD2719" s="55"/>
      <c r="AE2719" s="55"/>
      <c r="AF2719" s="55"/>
      <c r="AG2719" s="55"/>
      <c r="AY2719" s="162"/>
      <c r="AZ2719" s="162"/>
      <c r="BA2719" s="162"/>
      <c r="BB2719" s="162"/>
      <c r="BC2719" s="162"/>
      <c r="BD2719" s="162"/>
      <c r="BE2719" s="162"/>
      <c r="BF2719" s="162"/>
      <c r="BG2719" s="162"/>
      <c r="BH2719" s="162"/>
      <c r="BI2719" s="162"/>
      <c r="BJ2719" s="162"/>
      <c r="BK2719" s="162"/>
      <c r="BL2719" s="162"/>
      <c r="BM2719" s="162"/>
      <c r="BN2719" s="162"/>
      <c r="BO2719" s="162"/>
      <c r="BP2719" s="162"/>
      <c r="BQ2719" s="162"/>
      <c r="BR2719" s="162"/>
      <c r="BS2719" s="162"/>
      <c r="BT2719" s="162"/>
      <c r="BU2719" s="162"/>
      <c r="BV2719" s="162"/>
      <c r="BW2719" s="162"/>
      <c r="BX2719" s="162"/>
      <c r="BY2719" s="162"/>
      <c r="BZ2719" s="162"/>
      <c r="CA2719" s="162"/>
      <c r="CB2719" s="162"/>
      <c r="CC2719" s="162"/>
      <c r="CD2719" s="162"/>
      <c r="CE2719" s="162"/>
      <c r="CF2719" s="162"/>
      <c r="CG2719" s="162"/>
      <c r="CH2719" s="162"/>
      <c r="CI2719" s="162"/>
      <c r="CJ2719" s="162"/>
      <c r="CK2719" s="162"/>
      <c r="CX2719" s="98"/>
      <c r="DL2719" s="97"/>
      <c r="DX2719" s="98"/>
      <c r="EL2719" s="97"/>
      <c r="EX2719" s="98"/>
      <c r="EY2719" s="97"/>
      <c r="FL2719" s="126"/>
      <c r="FM2719" s="91"/>
      <c r="FN2719" s="91"/>
      <c r="FO2719" s="91"/>
      <c r="FP2719" s="91"/>
      <c r="FQ2719" s="91"/>
      <c r="FR2719" s="91"/>
      <c r="FS2719" s="91"/>
      <c r="FT2719" s="91"/>
      <c r="FU2719" s="91"/>
      <c r="FV2719" s="91"/>
      <c r="FW2719" s="91"/>
      <c r="FX2719" s="91"/>
      <c r="FY2719" s="91"/>
      <c r="FZ2719" s="91"/>
      <c r="GA2719" s="91"/>
      <c r="GB2719" s="91"/>
      <c r="GC2719" s="91"/>
      <c r="GD2719" s="91"/>
      <c r="GE2719" s="91"/>
      <c r="GF2719" s="91"/>
      <c r="GG2719" s="91"/>
      <c r="GH2719" s="91"/>
      <c r="GI2719" s="91"/>
      <c r="GJ2719" s="91"/>
      <c r="GK2719" s="127"/>
      <c r="GL2719" s="126"/>
      <c r="GM2719" s="91"/>
      <c r="GN2719" s="91"/>
      <c r="GO2719" s="91"/>
      <c r="GP2719" s="91"/>
      <c r="GQ2719" s="91"/>
      <c r="GR2719" s="91"/>
      <c r="GS2719" s="91"/>
      <c r="GT2719" s="91"/>
      <c r="GU2719" s="91"/>
      <c r="GV2719" s="91"/>
      <c r="GW2719" s="91"/>
      <c r="GX2719" s="91"/>
      <c r="GY2719" s="91"/>
      <c r="GZ2719" s="91"/>
      <c r="HA2719" s="91"/>
      <c r="HB2719" s="91"/>
      <c r="HC2719" s="91"/>
      <c r="HD2719" s="91"/>
      <c r="HE2719" s="91"/>
      <c r="HF2719" s="91"/>
      <c r="HG2719" s="91"/>
      <c r="HH2719" s="91"/>
      <c r="HI2719" s="91"/>
      <c r="HJ2719" s="91"/>
      <c r="HK2719" s="127"/>
      <c r="HL2719" s="126"/>
      <c r="HM2719" s="91"/>
      <c r="HN2719" s="91"/>
      <c r="HO2719" s="91"/>
      <c r="HP2719" s="91"/>
      <c r="HQ2719" s="91"/>
      <c r="HR2719" s="91"/>
      <c r="HS2719" s="91"/>
      <c r="HT2719" s="91"/>
      <c r="HU2719" s="91"/>
      <c r="HV2719" s="91"/>
      <c r="HW2719" s="91"/>
      <c r="HX2719" s="91"/>
      <c r="HY2719" s="91"/>
      <c r="HZ2719" s="91"/>
      <c r="IA2719" s="91"/>
      <c r="IB2719" s="91"/>
      <c r="IC2719" s="91"/>
      <c r="ID2719" s="91"/>
      <c r="IE2719" s="91"/>
      <c r="IF2719" s="91"/>
      <c r="IG2719" s="91"/>
      <c r="IH2719" s="91"/>
      <c r="II2719" s="91"/>
      <c r="IJ2719" s="91"/>
      <c r="IK2719" s="127"/>
    </row>
    <row r="2720" spans="2:245" x14ac:dyDescent="0.2">
      <c r="B2720" s="43"/>
      <c r="C2720" s="73"/>
      <c r="D2720" s="64"/>
      <c r="E2720" s="64"/>
      <c r="F2720" s="55"/>
      <c r="G2720" s="102"/>
      <c r="H2720" s="55"/>
      <c r="I2720" s="55"/>
      <c r="J2720" s="55"/>
      <c r="K2720" s="55"/>
      <c r="L2720" s="55"/>
      <c r="M2720" s="55"/>
      <c r="N2720" s="55"/>
      <c r="O2720" s="55"/>
      <c r="P2720" s="55"/>
      <c r="Q2720" s="55"/>
      <c r="R2720" s="55"/>
      <c r="S2720" s="55"/>
      <c r="T2720" s="55"/>
      <c r="U2720" s="55"/>
      <c r="V2720" s="55"/>
      <c r="W2720" s="55"/>
      <c r="X2720" s="55"/>
      <c r="Y2720" s="55"/>
      <c r="Z2720" s="55"/>
      <c r="AA2720" s="55"/>
      <c r="AB2720" s="55"/>
      <c r="AC2720" s="55"/>
      <c r="AD2720" s="55"/>
      <c r="AE2720" s="55"/>
      <c r="AF2720" s="55"/>
      <c r="AG2720" s="55"/>
      <c r="AY2720" s="162"/>
      <c r="AZ2720" s="162"/>
      <c r="BA2720" s="162"/>
      <c r="BB2720" s="162"/>
      <c r="BC2720" s="162"/>
      <c r="BD2720" s="162"/>
      <c r="BE2720" s="162"/>
      <c r="BF2720" s="162"/>
      <c r="BG2720" s="162"/>
      <c r="BH2720" s="162"/>
      <c r="BI2720" s="162"/>
      <c r="BJ2720" s="162"/>
      <c r="BK2720" s="162"/>
      <c r="BL2720" s="162"/>
      <c r="BM2720" s="162"/>
      <c r="BN2720" s="162"/>
      <c r="BO2720" s="162"/>
      <c r="BP2720" s="162"/>
      <c r="BQ2720" s="162"/>
      <c r="BR2720" s="162"/>
      <c r="BS2720" s="162"/>
      <c r="BT2720" s="162"/>
      <c r="BU2720" s="162"/>
      <c r="BV2720" s="162"/>
      <c r="BW2720" s="162"/>
      <c r="BX2720" s="162"/>
      <c r="BY2720" s="162"/>
      <c r="BZ2720" s="162"/>
      <c r="CA2720" s="162"/>
      <c r="CB2720" s="162"/>
      <c r="CC2720" s="162"/>
      <c r="CD2720" s="162"/>
      <c r="CE2720" s="162"/>
      <c r="CF2720" s="162"/>
      <c r="CG2720" s="162"/>
      <c r="CH2720" s="162"/>
      <c r="CI2720" s="162"/>
      <c r="CJ2720" s="162"/>
      <c r="CK2720" s="162"/>
      <c r="CX2720" s="98"/>
      <c r="DL2720" s="97"/>
      <c r="DX2720" s="98"/>
      <c r="EL2720" s="97"/>
      <c r="EX2720" s="98"/>
      <c r="EY2720" s="97"/>
      <c r="FL2720" s="126"/>
      <c r="FM2720" s="91"/>
      <c r="FN2720" s="91"/>
      <c r="FO2720" s="91"/>
      <c r="FP2720" s="91"/>
      <c r="FQ2720" s="91"/>
      <c r="FR2720" s="91"/>
      <c r="FS2720" s="91"/>
      <c r="FT2720" s="91"/>
      <c r="FU2720" s="91"/>
      <c r="FV2720" s="91"/>
      <c r="FW2720" s="91"/>
      <c r="FX2720" s="91"/>
      <c r="FY2720" s="91"/>
      <c r="FZ2720" s="91"/>
      <c r="GA2720" s="91"/>
      <c r="GB2720" s="91"/>
      <c r="GC2720" s="91"/>
      <c r="GD2720" s="91"/>
      <c r="GE2720" s="91"/>
      <c r="GF2720" s="91"/>
      <c r="GG2720" s="91"/>
      <c r="GH2720" s="91"/>
      <c r="GI2720" s="91"/>
      <c r="GJ2720" s="91"/>
      <c r="GK2720" s="127"/>
      <c r="GL2720" s="126"/>
      <c r="GM2720" s="91"/>
      <c r="GN2720" s="91"/>
      <c r="GO2720" s="91"/>
      <c r="GP2720" s="91"/>
      <c r="GQ2720" s="91"/>
      <c r="GR2720" s="91"/>
      <c r="GS2720" s="91"/>
      <c r="GT2720" s="91"/>
      <c r="GU2720" s="91"/>
      <c r="GV2720" s="91"/>
      <c r="GW2720" s="91"/>
      <c r="GX2720" s="91"/>
      <c r="GY2720" s="91"/>
      <c r="GZ2720" s="91"/>
      <c r="HA2720" s="91"/>
      <c r="HB2720" s="91"/>
      <c r="HC2720" s="91"/>
      <c r="HD2720" s="91"/>
      <c r="HE2720" s="91"/>
      <c r="HF2720" s="91"/>
      <c r="HG2720" s="91"/>
      <c r="HH2720" s="91"/>
      <c r="HI2720" s="91"/>
      <c r="HJ2720" s="91"/>
      <c r="HK2720" s="127"/>
      <c r="HL2720" s="126"/>
      <c r="HM2720" s="91"/>
      <c r="HN2720" s="91"/>
      <c r="HO2720" s="91"/>
      <c r="HP2720" s="91"/>
      <c r="HQ2720" s="91"/>
      <c r="HR2720" s="91"/>
      <c r="HS2720" s="91"/>
      <c r="HT2720" s="91"/>
      <c r="HU2720" s="91"/>
      <c r="HV2720" s="91"/>
      <c r="HW2720" s="91"/>
      <c r="HX2720" s="91"/>
      <c r="HY2720" s="91"/>
      <c r="HZ2720" s="91"/>
      <c r="IA2720" s="91"/>
      <c r="IB2720" s="91"/>
      <c r="IC2720" s="91"/>
      <c r="ID2720" s="91"/>
      <c r="IE2720" s="91"/>
      <c r="IF2720" s="91"/>
      <c r="IG2720" s="91"/>
      <c r="IH2720" s="91"/>
      <c r="II2720" s="91"/>
      <c r="IJ2720" s="91"/>
      <c r="IK2720" s="127"/>
    </row>
    <row r="2721" spans="2:245" x14ac:dyDescent="0.2">
      <c r="B2721" s="43"/>
      <c r="C2721" s="73"/>
      <c r="D2721" s="64"/>
      <c r="E2721" s="64"/>
      <c r="F2721" s="55"/>
      <c r="G2721" s="102"/>
      <c r="H2721" s="55"/>
      <c r="I2721" s="55"/>
      <c r="J2721" s="55"/>
      <c r="K2721" s="55"/>
      <c r="L2721" s="55"/>
      <c r="M2721" s="55"/>
      <c r="N2721" s="55"/>
      <c r="O2721" s="55"/>
      <c r="P2721" s="55"/>
      <c r="Q2721" s="55"/>
      <c r="R2721" s="55"/>
      <c r="S2721" s="55"/>
      <c r="T2721" s="55"/>
      <c r="U2721" s="55"/>
      <c r="V2721" s="55"/>
      <c r="W2721" s="55"/>
      <c r="X2721" s="55"/>
      <c r="Y2721" s="55"/>
      <c r="Z2721" s="55"/>
      <c r="AA2721" s="55"/>
      <c r="AB2721" s="55"/>
      <c r="AC2721" s="55"/>
      <c r="AD2721" s="55"/>
      <c r="AE2721" s="55"/>
      <c r="AF2721" s="55"/>
      <c r="AG2721" s="55"/>
      <c r="AY2721" s="162"/>
      <c r="AZ2721" s="162"/>
      <c r="BA2721" s="162"/>
      <c r="BB2721" s="162"/>
      <c r="BC2721" s="162"/>
      <c r="BD2721" s="162"/>
      <c r="BE2721" s="162"/>
      <c r="BF2721" s="162"/>
      <c r="BG2721" s="162"/>
      <c r="BH2721" s="162"/>
      <c r="BI2721" s="162"/>
      <c r="BJ2721" s="162"/>
      <c r="BK2721" s="162"/>
      <c r="BL2721" s="162"/>
      <c r="BM2721" s="162"/>
      <c r="BN2721" s="162"/>
      <c r="BO2721" s="162"/>
      <c r="BP2721" s="162"/>
      <c r="BQ2721" s="162"/>
      <c r="BR2721" s="162"/>
      <c r="BS2721" s="162"/>
      <c r="BT2721" s="162"/>
      <c r="BU2721" s="162"/>
      <c r="BV2721" s="162"/>
      <c r="BW2721" s="162"/>
      <c r="BX2721" s="162"/>
      <c r="BY2721" s="162"/>
      <c r="BZ2721" s="162"/>
      <c r="CA2721" s="162"/>
      <c r="CB2721" s="162"/>
      <c r="CC2721" s="162"/>
      <c r="CD2721" s="162"/>
      <c r="CE2721" s="162"/>
      <c r="CF2721" s="162"/>
      <c r="CG2721" s="162"/>
      <c r="CH2721" s="162"/>
      <c r="CI2721" s="162"/>
      <c r="CJ2721" s="162"/>
      <c r="CK2721" s="162"/>
      <c r="CX2721" s="98"/>
      <c r="DL2721" s="97"/>
      <c r="DX2721" s="98"/>
      <c r="EL2721" s="97"/>
      <c r="EX2721" s="98"/>
      <c r="EY2721" s="97"/>
      <c r="FL2721" s="126"/>
      <c r="FM2721" s="91"/>
      <c r="FN2721" s="91"/>
      <c r="FO2721" s="91"/>
      <c r="FP2721" s="91"/>
      <c r="FQ2721" s="91"/>
      <c r="FR2721" s="91"/>
      <c r="FS2721" s="91"/>
      <c r="FT2721" s="91"/>
      <c r="FU2721" s="91"/>
      <c r="FV2721" s="91"/>
      <c r="FW2721" s="91"/>
      <c r="FX2721" s="91"/>
      <c r="FY2721" s="91"/>
      <c r="FZ2721" s="91"/>
      <c r="GA2721" s="91"/>
      <c r="GB2721" s="91"/>
      <c r="GC2721" s="91"/>
      <c r="GD2721" s="91"/>
      <c r="GE2721" s="91"/>
      <c r="GF2721" s="91"/>
      <c r="GG2721" s="91"/>
      <c r="GH2721" s="91"/>
      <c r="GI2721" s="91"/>
      <c r="GJ2721" s="91"/>
      <c r="GK2721" s="127"/>
      <c r="GL2721" s="126"/>
      <c r="GM2721" s="91"/>
      <c r="GN2721" s="91"/>
      <c r="GO2721" s="91"/>
      <c r="GP2721" s="91"/>
      <c r="GQ2721" s="91"/>
      <c r="GR2721" s="91"/>
      <c r="GS2721" s="91"/>
      <c r="GT2721" s="91"/>
      <c r="GU2721" s="91"/>
      <c r="GV2721" s="91"/>
      <c r="GW2721" s="91"/>
      <c r="GX2721" s="91"/>
      <c r="GY2721" s="91"/>
      <c r="GZ2721" s="91"/>
      <c r="HA2721" s="91"/>
      <c r="HB2721" s="91"/>
      <c r="HC2721" s="91"/>
      <c r="HD2721" s="91"/>
      <c r="HE2721" s="91"/>
      <c r="HF2721" s="91"/>
      <c r="HG2721" s="91"/>
      <c r="HH2721" s="91"/>
      <c r="HI2721" s="91"/>
      <c r="HJ2721" s="91"/>
      <c r="HK2721" s="127"/>
      <c r="HL2721" s="126"/>
      <c r="HM2721" s="91"/>
      <c r="HN2721" s="91"/>
      <c r="HO2721" s="91"/>
      <c r="HP2721" s="91"/>
      <c r="HQ2721" s="91"/>
      <c r="HR2721" s="91"/>
      <c r="HS2721" s="91"/>
      <c r="HT2721" s="91"/>
      <c r="HU2721" s="91"/>
      <c r="HV2721" s="91"/>
      <c r="HW2721" s="91"/>
      <c r="HX2721" s="91"/>
      <c r="HY2721" s="91"/>
      <c r="HZ2721" s="91"/>
      <c r="IA2721" s="91"/>
      <c r="IB2721" s="91"/>
      <c r="IC2721" s="91"/>
      <c r="ID2721" s="91"/>
      <c r="IE2721" s="91"/>
      <c r="IF2721" s="91"/>
      <c r="IG2721" s="91"/>
      <c r="IH2721" s="91"/>
      <c r="II2721" s="91"/>
      <c r="IJ2721" s="91"/>
      <c r="IK2721" s="127"/>
    </row>
    <row r="2722" spans="2:245" x14ac:dyDescent="0.2">
      <c r="B2722" s="43"/>
      <c r="C2722" s="73"/>
      <c r="D2722" s="64"/>
      <c r="E2722" s="64"/>
      <c r="F2722" s="55"/>
      <c r="G2722" s="102"/>
      <c r="H2722" s="55"/>
      <c r="I2722" s="55"/>
      <c r="J2722" s="55"/>
      <c r="K2722" s="55"/>
      <c r="L2722" s="55"/>
      <c r="M2722" s="55"/>
      <c r="N2722" s="55"/>
      <c r="O2722" s="55"/>
      <c r="P2722" s="55"/>
      <c r="Q2722" s="55"/>
      <c r="R2722" s="55"/>
      <c r="S2722" s="55"/>
      <c r="T2722" s="55"/>
      <c r="U2722" s="55"/>
      <c r="V2722" s="55"/>
      <c r="W2722" s="55"/>
      <c r="X2722" s="55"/>
      <c r="Y2722" s="55"/>
      <c r="Z2722" s="55"/>
      <c r="AA2722" s="55"/>
      <c r="AB2722" s="55"/>
      <c r="AC2722" s="55"/>
      <c r="AD2722" s="55"/>
      <c r="AE2722" s="55"/>
      <c r="AF2722" s="55"/>
      <c r="AG2722" s="55"/>
      <c r="AY2722" s="162"/>
      <c r="AZ2722" s="162"/>
      <c r="BA2722" s="162"/>
      <c r="BB2722" s="162"/>
      <c r="BC2722" s="162"/>
      <c r="BD2722" s="162"/>
      <c r="BE2722" s="162"/>
      <c r="BF2722" s="162"/>
      <c r="BG2722" s="162"/>
      <c r="BH2722" s="162"/>
      <c r="BI2722" s="162"/>
      <c r="BJ2722" s="162"/>
      <c r="BK2722" s="162"/>
      <c r="BL2722" s="162"/>
      <c r="BM2722" s="162"/>
      <c r="BN2722" s="162"/>
      <c r="BO2722" s="162"/>
      <c r="BP2722" s="162"/>
      <c r="BQ2722" s="162"/>
      <c r="BR2722" s="162"/>
      <c r="BS2722" s="162"/>
      <c r="BT2722" s="162"/>
      <c r="BU2722" s="162"/>
      <c r="BV2722" s="162"/>
      <c r="BW2722" s="162"/>
      <c r="BX2722" s="162"/>
      <c r="BY2722" s="162"/>
      <c r="BZ2722" s="162"/>
      <c r="CA2722" s="162"/>
      <c r="CB2722" s="162"/>
      <c r="CC2722" s="162"/>
      <c r="CD2722" s="162"/>
      <c r="CE2722" s="162"/>
      <c r="CF2722" s="162"/>
      <c r="CG2722" s="162"/>
      <c r="CH2722" s="162"/>
      <c r="CI2722" s="162"/>
      <c r="CJ2722" s="162"/>
      <c r="CK2722" s="162"/>
      <c r="CX2722" s="98"/>
      <c r="DL2722" s="97"/>
      <c r="DX2722" s="98"/>
      <c r="EL2722" s="97"/>
      <c r="EX2722" s="98"/>
      <c r="EY2722" s="97"/>
      <c r="FL2722" s="126"/>
      <c r="FM2722" s="91"/>
      <c r="FN2722" s="91"/>
      <c r="FO2722" s="91"/>
      <c r="FP2722" s="91"/>
      <c r="FQ2722" s="91"/>
      <c r="FR2722" s="91"/>
      <c r="FS2722" s="91"/>
      <c r="FT2722" s="91"/>
      <c r="FU2722" s="91"/>
      <c r="FV2722" s="91"/>
      <c r="FW2722" s="91"/>
      <c r="FX2722" s="91"/>
      <c r="FY2722" s="91"/>
      <c r="FZ2722" s="91"/>
      <c r="GA2722" s="91"/>
      <c r="GB2722" s="91"/>
      <c r="GC2722" s="91"/>
      <c r="GD2722" s="91"/>
      <c r="GE2722" s="91"/>
      <c r="GF2722" s="91"/>
      <c r="GG2722" s="91"/>
      <c r="GH2722" s="91"/>
      <c r="GI2722" s="91"/>
      <c r="GJ2722" s="91"/>
      <c r="GK2722" s="127"/>
      <c r="GL2722" s="126"/>
      <c r="GM2722" s="91"/>
      <c r="GN2722" s="91"/>
      <c r="GO2722" s="91"/>
      <c r="GP2722" s="91"/>
      <c r="GQ2722" s="91"/>
      <c r="GR2722" s="91"/>
      <c r="GS2722" s="91"/>
      <c r="GT2722" s="91"/>
      <c r="GU2722" s="91"/>
      <c r="GV2722" s="91"/>
      <c r="GW2722" s="91"/>
      <c r="GX2722" s="91"/>
      <c r="GY2722" s="91"/>
      <c r="GZ2722" s="91"/>
      <c r="HA2722" s="91"/>
      <c r="HB2722" s="91"/>
      <c r="HC2722" s="91"/>
      <c r="HD2722" s="91"/>
      <c r="HE2722" s="91"/>
      <c r="HF2722" s="91"/>
      <c r="HG2722" s="91"/>
      <c r="HH2722" s="91"/>
      <c r="HI2722" s="91"/>
      <c r="HJ2722" s="91"/>
      <c r="HK2722" s="127"/>
      <c r="HL2722" s="126"/>
      <c r="HM2722" s="91"/>
      <c r="HN2722" s="91"/>
      <c r="HO2722" s="91"/>
      <c r="HP2722" s="91"/>
      <c r="HQ2722" s="91"/>
      <c r="HR2722" s="91"/>
      <c r="HS2722" s="91"/>
      <c r="HT2722" s="91"/>
      <c r="HU2722" s="91"/>
      <c r="HV2722" s="91"/>
      <c r="HW2722" s="91"/>
      <c r="HX2722" s="91"/>
      <c r="HY2722" s="91"/>
      <c r="HZ2722" s="91"/>
      <c r="IA2722" s="91"/>
      <c r="IB2722" s="91"/>
      <c r="IC2722" s="91"/>
      <c r="ID2722" s="91"/>
      <c r="IE2722" s="91"/>
      <c r="IF2722" s="91"/>
      <c r="IG2722" s="91"/>
      <c r="IH2722" s="91"/>
      <c r="II2722" s="91"/>
      <c r="IJ2722" s="91"/>
      <c r="IK2722" s="127"/>
    </row>
    <row r="2723" spans="2:245" x14ac:dyDescent="0.2">
      <c r="B2723" s="43"/>
      <c r="C2723" s="73"/>
      <c r="D2723" s="64"/>
      <c r="E2723" s="64"/>
      <c r="F2723" s="55"/>
      <c r="G2723" s="102"/>
      <c r="H2723" s="55"/>
      <c r="I2723" s="55"/>
      <c r="J2723" s="55"/>
      <c r="K2723" s="55"/>
      <c r="L2723" s="55"/>
      <c r="M2723" s="55"/>
      <c r="N2723" s="55"/>
      <c r="O2723" s="55"/>
      <c r="P2723" s="55"/>
      <c r="Q2723" s="55"/>
      <c r="R2723" s="55"/>
      <c r="S2723" s="55"/>
      <c r="T2723" s="55"/>
      <c r="U2723" s="55"/>
      <c r="V2723" s="55"/>
      <c r="W2723" s="55"/>
      <c r="X2723" s="55"/>
      <c r="Y2723" s="55"/>
      <c r="Z2723" s="55"/>
      <c r="AA2723" s="55"/>
      <c r="AB2723" s="55"/>
      <c r="AC2723" s="55"/>
      <c r="AD2723" s="55"/>
      <c r="AE2723" s="55"/>
      <c r="AF2723" s="55"/>
      <c r="AG2723" s="55"/>
      <c r="AY2723" s="162"/>
      <c r="AZ2723" s="162"/>
      <c r="BA2723" s="162"/>
      <c r="BB2723" s="162"/>
      <c r="BC2723" s="162"/>
      <c r="BD2723" s="162"/>
      <c r="BE2723" s="162"/>
      <c r="BF2723" s="162"/>
      <c r="BG2723" s="162"/>
      <c r="BH2723" s="162"/>
      <c r="BI2723" s="162"/>
      <c r="BJ2723" s="162"/>
      <c r="BK2723" s="162"/>
      <c r="BL2723" s="162"/>
      <c r="BM2723" s="162"/>
      <c r="BN2723" s="162"/>
      <c r="BO2723" s="162"/>
      <c r="BP2723" s="162"/>
      <c r="BQ2723" s="162"/>
      <c r="BR2723" s="162"/>
      <c r="BS2723" s="162"/>
      <c r="BT2723" s="162"/>
      <c r="BU2723" s="162"/>
      <c r="BV2723" s="162"/>
      <c r="BW2723" s="162"/>
      <c r="BX2723" s="162"/>
      <c r="BY2723" s="162"/>
      <c r="BZ2723" s="162"/>
      <c r="CA2723" s="162"/>
      <c r="CB2723" s="162"/>
      <c r="CC2723" s="162"/>
      <c r="CD2723" s="162"/>
      <c r="CE2723" s="162"/>
      <c r="CF2723" s="162"/>
      <c r="CG2723" s="162"/>
      <c r="CH2723" s="162"/>
      <c r="CI2723" s="162"/>
      <c r="CJ2723" s="162"/>
      <c r="CK2723" s="162"/>
      <c r="CX2723" s="98"/>
      <c r="DL2723" s="97"/>
      <c r="DX2723" s="98"/>
      <c r="EL2723" s="97"/>
      <c r="EX2723" s="98"/>
      <c r="EY2723" s="97"/>
      <c r="FL2723" s="126"/>
      <c r="FM2723" s="91"/>
      <c r="FN2723" s="91"/>
      <c r="FO2723" s="91"/>
      <c r="FP2723" s="91"/>
      <c r="FQ2723" s="91"/>
      <c r="FR2723" s="91"/>
      <c r="FS2723" s="91"/>
      <c r="FT2723" s="91"/>
      <c r="FU2723" s="91"/>
      <c r="FV2723" s="91"/>
      <c r="FW2723" s="91"/>
      <c r="FX2723" s="91"/>
      <c r="FY2723" s="91"/>
      <c r="FZ2723" s="91"/>
      <c r="GA2723" s="91"/>
      <c r="GB2723" s="91"/>
      <c r="GC2723" s="91"/>
      <c r="GD2723" s="91"/>
      <c r="GE2723" s="91"/>
      <c r="GF2723" s="91"/>
      <c r="GG2723" s="91"/>
      <c r="GH2723" s="91"/>
      <c r="GI2723" s="91"/>
      <c r="GJ2723" s="91"/>
      <c r="GK2723" s="127"/>
      <c r="GL2723" s="126"/>
      <c r="GM2723" s="91"/>
      <c r="GN2723" s="91"/>
      <c r="GO2723" s="91"/>
      <c r="GP2723" s="91"/>
      <c r="GQ2723" s="91"/>
      <c r="GR2723" s="91"/>
      <c r="GS2723" s="91"/>
      <c r="GT2723" s="91"/>
      <c r="GU2723" s="91"/>
      <c r="GV2723" s="91"/>
      <c r="GW2723" s="91"/>
      <c r="GX2723" s="91"/>
      <c r="GY2723" s="91"/>
      <c r="GZ2723" s="91"/>
      <c r="HA2723" s="91"/>
      <c r="HB2723" s="91"/>
      <c r="HC2723" s="91"/>
      <c r="HD2723" s="91"/>
      <c r="HE2723" s="91"/>
      <c r="HF2723" s="91"/>
      <c r="HG2723" s="91"/>
      <c r="HH2723" s="91"/>
      <c r="HI2723" s="91"/>
      <c r="HJ2723" s="91"/>
      <c r="HK2723" s="127"/>
      <c r="HL2723" s="126"/>
      <c r="HM2723" s="91"/>
      <c r="HN2723" s="91"/>
      <c r="HO2723" s="91"/>
      <c r="HP2723" s="91"/>
      <c r="HQ2723" s="91"/>
      <c r="HR2723" s="91"/>
      <c r="HS2723" s="91"/>
      <c r="HT2723" s="91"/>
      <c r="HU2723" s="91"/>
      <c r="HV2723" s="91"/>
      <c r="HW2723" s="91"/>
      <c r="HX2723" s="91"/>
      <c r="HY2723" s="91"/>
      <c r="HZ2723" s="91"/>
      <c r="IA2723" s="91"/>
      <c r="IB2723" s="91"/>
      <c r="IC2723" s="91"/>
      <c r="ID2723" s="91"/>
      <c r="IE2723" s="91"/>
      <c r="IF2723" s="91"/>
      <c r="IG2723" s="91"/>
      <c r="IH2723" s="91"/>
      <c r="II2723" s="91"/>
      <c r="IJ2723" s="91"/>
      <c r="IK2723" s="127"/>
    </row>
    <row r="2724" spans="2:245" x14ac:dyDescent="0.2">
      <c r="B2724" s="43"/>
      <c r="C2724" s="73"/>
      <c r="D2724" s="64"/>
      <c r="E2724" s="64"/>
      <c r="F2724" s="55"/>
      <c r="G2724" s="102"/>
      <c r="H2724" s="55"/>
      <c r="I2724" s="55"/>
      <c r="J2724" s="55"/>
      <c r="K2724" s="55"/>
      <c r="L2724" s="55"/>
      <c r="M2724" s="55"/>
      <c r="N2724" s="55"/>
      <c r="O2724" s="55"/>
      <c r="P2724" s="55"/>
      <c r="Q2724" s="55"/>
      <c r="R2724" s="55"/>
      <c r="S2724" s="55"/>
      <c r="T2724" s="55"/>
      <c r="U2724" s="55"/>
      <c r="V2724" s="55"/>
      <c r="W2724" s="55"/>
      <c r="X2724" s="55"/>
      <c r="Y2724" s="55"/>
      <c r="Z2724" s="55"/>
      <c r="AA2724" s="55"/>
      <c r="AB2724" s="55"/>
      <c r="AC2724" s="55"/>
      <c r="AD2724" s="55"/>
      <c r="AE2724" s="55"/>
      <c r="AF2724" s="55"/>
      <c r="AG2724" s="55"/>
      <c r="AY2724" s="162"/>
      <c r="AZ2724" s="162"/>
      <c r="BA2724" s="162"/>
      <c r="BB2724" s="162"/>
      <c r="BC2724" s="162"/>
      <c r="BD2724" s="162"/>
      <c r="BE2724" s="162"/>
      <c r="BF2724" s="162"/>
      <c r="BG2724" s="162"/>
      <c r="BH2724" s="162"/>
      <c r="BI2724" s="162"/>
      <c r="BJ2724" s="162"/>
      <c r="BK2724" s="162"/>
      <c r="BL2724" s="162"/>
      <c r="BM2724" s="162"/>
      <c r="BN2724" s="162"/>
      <c r="BO2724" s="162"/>
      <c r="BP2724" s="162"/>
      <c r="BQ2724" s="162"/>
      <c r="BR2724" s="162"/>
      <c r="BS2724" s="162"/>
      <c r="BT2724" s="162"/>
      <c r="BU2724" s="162"/>
      <c r="BV2724" s="162"/>
      <c r="BW2724" s="162"/>
      <c r="BX2724" s="162"/>
      <c r="BY2724" s="162"/>
      <c r="BZ2724" s="162"/>
      <c r="CA2724" s="162"/>
      <c r="CB2724" s="162"/>
      <c r="CC2724" s="162"/>
      <c r="CD2724" s="162"/>
      <c r="CE2724" s="162"/>
      <c r="CF2724" s="162"/>
      <c r="CG2724" s="162"/>
      <c r="CH2724" s="162"/>
      <c r="CI2724" s="162"/>
      <c r="CJ2724" s="162"/>
      <c r="CK2724" s="162"/>
      <c r="CX2724" s="98"/>
      <c r="DL2724" s="97"/>
      <c r="DX2724" s="98"/>
      <c r="EL2724" s="97"/>
      <c r="EX2724" s="98"/>
      <c r="EY2724" s="97"/>
      <c r="FL2724" s="126"/>
      <c r="FM2724" s="91"/>
      <c r="FN2724" s="91"/>
      <c r="FO2724" s="91"/>
      <c r="FP2724" s="91"/>
      <c r="FQ2724" s="91"/>
      <c r="FR2724" s="91"/>
      <c r="FS2724" s="91"/>
      <c r="FT2724" s="91"/>
      <c r="FU2724" s="91"/>
      <c r="FV2724" s="91"/>
      <c r="FW2724" s="91"/>
      <c r="FX2724" s="91"/>
      <c r="FY2724" s="91"/>
      <c r="FZ2724" s="91"/>
      <c r="GA2724" s="91"/>
      <c r="GB2724" s="91"/>
      <c r="GC2724" s="91"/>
      <c r="GD2724" s="91"/>
      <c r="GE2724" s="91"/>
      <c r="GF2724" s="91"/>
      <c r="GG2724" s="91"/>
      <c r="GH2724" s="91"/>
      <c r="GI2724" s="91"/>
      <c r="GJ2724" s="91"/>
      <c r="GK2724" s="127"/>
      <c r="GL2724" s="126"/>
      <c r="GM2724" s="91"/>
      <c r="GN2724" s="91"/>
      <c r="GO2724" s="91"/>
      <c r="GP2724" s="91"/>
      <c r="GQ2724" s="91"/>
      <c r="GR2724" s="91"/>
      <c r="GS2724" s="91"/>
      <c r="GT2724" s="91"/>
      <c r="GU2724" s="91"/>
      <c r="GV2724" s="91"/>
      <c r="GW2724" s="91"/>
      <c r="GX2724" s="91"/>
      <c r="GY2724" s="91"/>
      <c r="GZ2724" s="91"/>
      <c r="HA2724" s="91"/>
      <c r="HB2724" s="91"/>
      <c r="HC2724" s="91"/>
      <c r="HD2724" s="91"/>
      <c r="HE2724" s="91"/>
      <c r="HF2724" s="91"/>
      <c r="HG2724" s="91"/>
      <c r="HH2724" s="91"/>
      <c r="HI2724" s="91"/>
      <c r="HJ2724" s="91"/>
      <c r="HK2724" s="127"/>
      <c r="HL2724" s="126"/>
      <c r="HM2724" s="91"/>
      <c r="HN2724" s="91"/>
      <c r="HO2724" s="91"/>
      <c r="HP2724" s="91"/>
      <c r="HQ2724" s="91"/>
      <c r="HR2724" s="91"/>
      <c r="HS2724" s="91"/>
      <c r="HT2724" s="91"/>
      <c r="HU2724" s="91"/>
      <c r="HV2724" s="91"/>
      <c r="HW2724" s="91"/>
      <c r="HX2724" s="91"/>
      <c r="HY2724" s="91"/>
      <c r="HZ2724" s="91"/>
      <c r="IA2724" s="91"/>
      <c r="IB2724" s="91"/>
      <c r="IC2724" s="91"/>
      <c r="ID2724" s="91"/>
      <c r="IE2724" s="91"/>
      <c r="IF2724" s="91"/>
      <c r="IG2724" s="91"/>
      <c r="IH2724" s="91"/>
      <c r="II2724" s="91"/>
      <c r="IJ2724" s="91"/>
      <c r="IK2724" s="127"/>
    </row>
    <row r="2725" spans="2:245" x14ac:dyDescent="0.2">
      <c r="B2725" s="43"/>
      <c r="C2725" s="73"/>
      <c r="D2725" s="64"/>
      <c r="E2725" s="64"/>
      <c r="F2725" s="55"/>
      <c r="G2725" s="102"/>
      <c r="H2725" s="55"/>
      <c r="I2725" s="55"/>
      <c r="J2725" s="55"/>
      <c r="K2725" s="55"/>
      <c r="L2725" s="55"/>
      <c r="M2725" s="55"/>
      <c r="N2725" s="55"/>
      <c r="O2725" s="55"/>
      <c r="P2725" s="55"/>
      <c r="Q2725" s="55"/>
      <c r="R2725" s="55"/>
      <c r="S2725" s="55"/>
      <c r="T2725" s="55"/>
      <c r="U2725" s="55"/>
      <c r="V2725" s="55"/>
      <c r="W2725" s="55"/>
      <c r="X2725" s="55"/>
      <c r="Y2725" s="55"/>
      <c r="Z2725" s="55"/>
      <c r="AA2725" s="55"/>
      <c r="AB2725" s="55"/>
      <c r="AC2725" s="55"/>
      <c r="AD2725" s="55"/>
      <c r="AE2725" s="55"/>
      <c r="AF2725" s="55"/>
      <c r="AG2725" s="55"/>
      <c r="AY2725" s="162"/>
      <c r="AZ2725" s="162"/>
      <c r="BA2725" s="162"/>
      <c r="BB2725" s="162"/>
      <c r="BC2725" s="162"/>
      <c r="BD2725" s="162"/>
      <c r="BE2725" s="162"/>
      <c r="BF2725" s="162"/>
      <c r="BG2725" s="162"/>
      <c r="BH2725" s="162"/>
      <c r="BI2725" s="162"/>
      <c r="BJ2725" s="162"/>
      <c r="BK2725" s="162"/>
      <c r="BL2725" s="162"/>
      <c r="BM2725" s="162"/>
      <c r="BN2725" s="162"/>
      <c r="BO2725" s="162"/>
      <c r="BP2725" s="162"/>
      <c r="BQ2725" s="162"/>
      <c r="BR2725" s="162"/>
      <c r="BS2725" s="162"/>
      <c r="BT2725" s="162"/>
      <c r="BU2725" s="162"/>
      <c r="BV2725" s="162"/>
      <c r="BW2725" s="162"/>
      <c r="BX2725" s="162"/>
      <c r="BY2725" s="162"/>
      <c r="BZ2725" s="162"/>
      <c r="CA2725" s="162"/>
      <c r="CB2725" s="162"/>
      <c r="CC2725" s="162"/>
      <c r="CD2725" s="162"/>
      <c r="CE2725" s="162"/>
      <c r="CF2725" s="162"/>
      <c r="CG2725" s="162"/>
      <c r="CH2725" s="162"/>
      <c r="CI2725" s="162"/>
      <c r="CJ2725" s="162"/>
      <c r="CK2725" s="162"/>
      <c r="CX2725" s="98"/>
      <c r="DL2725" s="97"/>
      <c r="DX2725" s="98"/>
      <c r="EL2725" s="97"/>
      <c r="EX2725" s="98"/>
      <c r="EY2725" s="97"/>
      <c r="FL2725" s="126"/>
      <c r="FM2725" s="91"/>
      <c r="FN2725" s="91"/>
      <c r="FO2725" s="91"/>
      <c r="FP2725" s="91"/>
      <c r="FQ2725" s="91"/>
      <c r="FR2725" s="91"/>
      <c r="FS2725" s="91"/>
      <c r="FT2725" s="91"/>
      <c r="FU2725" s="91"/>
      <c r="FV2725" s="91"/>
      <c r="FW2725" s="91"/>
      <c r="FX2725" s="91"/>
      <c r="FY2725" s="91"/>
      <c r="FZ2725" s="91"/>
      <c r="GA2725" s="91"/>
      <c r="GB2725" s="91"/>
      <c r="GC2725" s="91"/>
      <c r="GD2725" s="91"/>
      <c r="GE2725" s="91"/>
      <c r="GF2725" s="91"/>
      <c r="GG2725" s="91"/>
      <c r="GH2725" s="91"/>
      <c r="GI2725" s="91"/>
      <c r="GJ2725" s="91"/>
      <c r="GK2725" s="127"/>
      <c r="GL2725" s="126"/>
      <c r="GM2725" s="91"/>
      <c r="GN2725" s="91"/>
      <c r="GO2725" s="91"/>
      <c r="GP2725" s="91"/>
      <c r="GQ2725" s="91"/>
      <c r="GR2725" s="91"/>
      <c r="GS2725" s="91"/>
      <c r="GT2725" s="91"/>
      <c r="GU2725" s="91"/>
      <c r="GV2725" s="91"/>
      <c r="GW2725" s="91"/>
      <c r="GX2725" s="91"/>
      <c r="GY2725" s="91"/>
      <c r="GZ2725" s="91"/>
      <c r="HA2725" s="91"/>
      <c r="HB2725" s="91"/>
      <c r="HC2725" s="91"/>
      <c r="HD2725" s="91"/>
      <c r="HE2725" s="91"/>
      <c r="HF2725" s="91"/>
      <c r="HG2725" s="91"/>
      <c r="HH2725" s="91"/>
      <c r="HI2725" s="91"/>
      <c r="HJ2725" s="91"/>
      <c r="HK2725" s="127"/>
      <c r="HL2725" s="126"/>
      <c r="HM2725" s="91"/>
      <c r="HN2725" s="91"/>
      <c r="HO2725" s="91"/>
      <c r="HP2725" s="91"/>
      <c r="HQ2725" s="91"/>
      <c r="HR2725" s="91"/>
      <c r="HS2725" s="91"/>
      <c r="HT2725" s="91"/>
      <c r="HU2725" s="91"/>
      <c r="HV2725" s="91"/>
      <c r="HW2725" s="91"/>
      <c r="HX2725" s="91"/>
      <c r="HY2725" s="91"/>
      <c r="HZ2725" s="91"/>
      <c r="IA2725" s="91"/>
      <c r="IB2725" s="91"/>
      <c r="IC2725" s="91"/>
      <c r="ID2725" s="91"/>
      <c r="IE2725" s="91"/>
      <c r="IF2725" s="91"/>
      <c r="IG2725" s="91"/>
      <c r="IH2725" s="91"/>
      <c r="II2725" s="91"/>
      <c r="IJ2725" s="91"/>
      <c r="IK2725" s="127"/>
    </row>
    <row r="2726" spans="2:245" x14ac:dyDescent="0.2">
      <c r="B2726" s="43"/>
      <c r="C2726" s="73"/>
      <c r="D2726" s="64"/>
      <c r="E2726" s="64"/>
      <c r="F2726" s="55"/>
      <c r="G2726" s="102"/>
      <c r="H2726" s="55"/>
      <c r="I2726" s="55"/>
      <c r="J2726" s="55"/>
      <c r="K2726" s="55"/>
      <c r="L2726" s="55"/>
      <c r="M2726" s="55"/>
      <c r="N2726" s="55"/>
      <c r="O2726" s="55"/>
      <c r="P2726" s="55"/>
      <c r="Q2726" s="55"/>
      <c r="R2726" s="55"/>
      <c r="S2726" s="55"/>
      <c r="T2726" s="55"/>
      <c r="U2726" s="55"/>
      <c r="V2726" s="55"/>
      <c r="W2726" s="55"/>
      <c r="X2726" s="55"/>
      <c r="Y2726" s="55"/>
      <c r="Z2726" s="55"/>
      <c r="AA2726" s="55"/>
      <c r="AB2726" s="55"/>
      <c r="AC2726" s="55"/>
      <c r="AD2726" s="55"/>
      <c r="AE2726" s="55"/>
      <c r="AF2726" s="55"/>
      <c r="AG2726" s="55"/>
      <c r="AY2726" s="162"/>
      <c r="AZ2726" s="162"/>
      <c r="BA2726" s="162"/>
      <c r="BB2726" s="162"/>
      <c r="BC2726" s="162"/>
      <c r="BD2726" s="162"/>
      <c r="BE2726" s="162"/>
      <c r="BF2726" s="162"/>
      <c r="BG2726" s="162"/>
      <c r="BH2726" s="162"/>
      <c r="BI2726" s="162"/>
      <c r="BJ2726" s="162"/>
      <c r="BK2726" s="162"/>
      <c r="BL2726" s="162"/>
      <c r="BM2726" s="162"/>
      <c r="BN2726" s="162"/>
      <c r="BO2726" s="162"/>
      <c r="BP2726" s="162"/>
      <c r="BQ2726" s="162"/>
      <c r="BR2726" s="162"/>
      <c r="BS2726" s="162"/>
      <c r="BT2726" s="162"/>
      <c r="BU2726" s="162"/>
      <c r="BV2726" s="162"/>
      <c r="BW2726" s="162"/>
      <c r="BX2726" s="162"/>
      <c r="BY2726" s="162"/>
      <c r="BZ2726" s="162"/>
      <c r="CA2726" s="162"/>
      <c r="CB2726" s="162"/>
      <c r="CC2726" s="162"/>
      <c r="CD2726" s="162"/>
      <c r="CE2726" s="162"/>
      <c r="CF2726" s="162"/>
      <c r="CG2726" s="162"/>
      <c r="CH2726" s="162"/>
      <c r="CI2726" s="162"/>
      <c r="CJ2726" s="162"/>
      <c r="CK2726" s="162"/>
      <c r="CX2726" s="98"/>
      <c r="DL2726" s="97"/>
      <c r="DX2726" s="98"/>
      <c r="EL2726" s="97"/>
      <c r="EX2726" s="98"/>
      <c r="EY2726" s="97"/>
      <c r="FL2726" s="126"/>
      <c r="FM2726" s="91"/>
      <c r="FN2726" s="91"/>
      <c r="FO2726" s="91"/>
      <c r="FP2726" s="91"/>
      <c r="FQ2726" s="91"/>
      <c r="FR2726" s="91"/>
      <c r="FS2726" s="91"/>
      <c r="FT2726" s="91"/>
      <c r="FU2726" s="91"/>
      <c r="FV2726" s="91"/>
      <c r="FW2726" s="91"/>
      <c r="FX2726" s="91"/>
      <c r="FY2726" s="91"/>
      <c r="FZ2726" s="91"/>
      <c r="GA2726" s="91"/>
      <c r="GB2726" s="91"/>
      <c r="GC2726" s="91"/>
      <c r="GD2726" s="91"/>
      <c r="GE2726" s="91"/>
      <c r="GF2726" s="91"/>
      <c r="GG2726" s="91"/>
      <c r="GH2726" s="91"/>
      <c r="GI2726" s="91"/>
      <c r="GJ2726" s="91"/>
      <c r="GK2726" s="127"/>
      <c r="GL2726" s="126"/>
      <c r="GM2726" s="91"/>
      <c r="GN2726" s="91"/>
      <c r="GO2726" s="91"/>
      <c r="GP2726" s="91"/>
      <c r="GQ2726" s="91"/>
      <c r="GR2726" s="91"/>
      <c r="GS2726" s="91"/>
      <c r="GT2726" s="91"/>
      <c r="GU2726" s="91"/>
      <c r="GV2726" s="91"/>
      <c r="GW2726" s="91"/>
      <c r="GX2726" s="91"/>
      <c r="GY2726" s="91"/>
      <c r="GZ2726" s="91"/>
      <c r="HA2726" s="91"/>
      <c r="HB2726" s="91"/>
      <c r="HC2726" s="91"/>
      <c r="HD2726" s="91"/>
      <c r="HE2726" s="91"/>
      <c r="HF2726" s="91"/>
      <c r="HG2726" s="91"/>
      <c r="HH2726" s="91"/>
      <c r="HI2726" s="91"/>
      <c r="HJ2726" s="91"/>
      <c r="HK2726" s="127"/>
      <c r="HL2726" s="126"/>
      <c r="HM2726" s="91"/>
      <c r="HN2726" s="91"/>
      <c r="HO2726" s="91"/>
      <c r="HP2726" s="91"/>
      <c r="HQ2726" s="91"/>
      <c r="HR2726" s="91"/>
      <c r="HS2726" s="91"/>
      <c r="HT2726" s="91"/>
      <c r="HU2726" s="91"/>
      <c r="HV2726" s="91"/>
      <c r="HW2726" s="91"/>
      <c r="HX2726" s="91"/>
      <c r="HY2726" s="91"/>
      <c r="HZ2726" s="91"/>
      <c r="IA2726" s="91"/>
      <c r="IB2726" s="91"/>
      <c r="IC2726" s="91"/>
      <c r="ID2726" s="91"/>
      <c r="IE2726" s="91"/>
      <c r="IF2726" s="91"/>
      <c r="IG2726" s="91"/>
      <c r="IH2726" s="91"/>
      <c r="II2726" s="91"/>
      <c r="IJ2726" s="91"/>
      <c r="IK2726" s="127"/>
    </row>
    <row r="2727" spans="2:245" x14ac:dyDescent="0.2">
      <c r="B2727" s="43"/>
      <c r="C2727" s="73"/>
      <c r="D2727" s="64"/>
      <c r="E2727" s="64"/>
      <c r="F2727" s="55"/>
      <c r="G2727" s="102"/>
      <c r="H2727" s="55"/>
      <c r="I2727" s="55"/>
      <c r="J2727" s="55"/>
      <c r="K2727" s="55"/>
      <c r="L2727" s="55"/>
      <c r="M2727" s="55"/>
      <c r="N2727" s="55"/>
      <c r="O2727" s="55"/>
      <c r="P2727" s="55"/>
      <c r="Q2727" s="55"/>
      <c r="R2727" s="55"/>
      <c r="S2727" s="55"/>
      <c r="T2727" s="55"/>
      <c r="U2727" s="55"/>
      <c r="V2727" s="55"/>
      <c r="W2727" s="55"/>
      <c r="X2727" s="55"/>
      <c r="Y2727" s="55"/>
      <c r="Z2727" s="55"/>
      <c r="AA2727" s="55"/>
      <c r="AB2727" s="55"/>
      <c r="AC2727" s="55"/>
      <c r="AD2727" s="55"/>
      <c r="AE2727" s="55"/>
      <c r="AF2727" s="55"/>
      <c r="AG2727" s="55"/>
      <c r="AY2727" s="162"/>
      <c r="AZ2727" s="162"/>
      <c r="BA2727" s="162"/>
      <c r="BB2727" s="162"/>
      <c r="BC2727" s="162"/>
      <c r="BD2727" s="162"/>
      <c r="BE2727" s="162"/>
      <c r="BF2727" s="162"/>
      <c r="BG2727" s="162"/>
      <c r="BH2727" s="162"/>
      <c r="BI2727" s="162"/>
      <c r="BJ2727" s="162"/>
      <c r="BK2727" s="162"/>
      <c r="BL2727" s="162"/>
      <c r="BM2727" s="162"/>
      <c r="BN2727" s="162"/>
      <c r="BO2727" s="162"/>
      <c r="BP2727" s="162"/>
      <c r="BQ2727" s="162"/>
      <c r="BR2727" s="162"/>
      <c r="BS2727" s="162"/>
      <c r="BT2727" s="162"/>
      <c r="BU2727" s="162"/>
      <c r="BV2727" s="162"/>
      <c r="BW2727" s="162"/>
      <c r="BX2727" s="162"/>
      <c r="BY2727" s="162"/>
      <c r="BZ2727" s="162"/>
      <c r="CA2727" s="162"/>
      <c r="CB2727" s="162"/>
      <c r="CC2727" s="162"/>
      <c r="CD2727" s="162"/>
      <c r="CE2727" s="162"/>
      <c r="CF2727" s="162"/>
      <c r="CG2727" s="162"/>
      <c r="CH2727" s="162"/>
      <c r="CI2727" s="162"/>
      <c r="CJ2727" s="162"/>
      <c r="CK2727" s="162"/>
      <c r="CX2727" s="98"/>
      <c r="DL2727" s="97"/>
      <c r="DX2727" s="98"/>
      <c r="EL2727" s="97"/>
      <c r="EX2727" s="98"/>
      <c r="EY2727" s="97"/>
      <c r="FL2727" s="126"/>
      <c r="FM2727" s="91"/>
      <c r="FN2727" s="91"/>
      <c r="FO2727" s="91"/>
      <c r="FP2727" s="91"/>
      <c r="FQ2727" s="91"/>
      <c r="FR2727" s="91"/>
      <c r="FS2727" s="91"/>
      <c r="FT2727" s="91"/>
      <c r="FU2727" s="91"/>
      <c r="FV2727" s="91"/>
      <c r="FW2727" s="91"/>
      <c r="FX2727" s="91"/>
      <c r="FY2727" s="91"/>
      <c r="FZ2727" s="91"/>
      <c r="GA2727" s="91"/>
      <c r="GB2727" s="91"/>
      <c r="GC2727" s="91"/>
      <c r="GD2727" s="91"/>
      <c r="GE2727" s="91"/>
      <c r="GF2727" s="91"/>
      <c r="GG2727" s="91"/>
      <c r="GH2727" s="91"/>
      <c r="GI2727" s="91"/>
      <c r="GJ2727" s="91"/>
      <c r="GK2727" s="127"/>
      <c r="GL2727" s="126"/>
      <c r="GM2727" s="91"/>
      <c r="GN2727" s="91"/>
      <c r="GO2727" s="91"/>
      <c r="GP2727" s="91"/>
      <c r="GQ2727" s="91"/>
      <c r="GR2727" s="91"/>
      <c r="GS2727" s="91"/>
      <c r="GT2727" s="91"/>
      <c r="GU2727" s="91"/>
      <c r="GV2727" s="91"/>
      <c r="GW2727" s="91"/>
      <c r="GX2727" s="91"/>
      <c r="GY2727" s="91"/>
      <c r="GZ2727" s="91"/>
      <c r="HA2727" s="91"/>
      <c r="HB2727" s="91"/>
      <c r="HC2727" s="91"/>
      <c r="HD2727" s="91"/>
      <c r="HE2727" s="91"/>
      <c r="HF2727" s="91"/>
      <c r="HG2727" s="91"/>
      <c r="HH2727" s="91"/>
      <c r="HI2727" s="91"/>
      <c r="HJ2727" s="91"/>
      <c r="HK2727" s="127"/>
      <c r="HL2727" s="126"/>
      <c r="HM2727" s="91"/>
      <c r="HN2727" s="91"/>
      <c r="HO2727" s="91"/>
      <c r="HP2727" s="91"/>
      <c r="HQ2727" s="91"/>
      <c r="HR2727" s="91"/>
      <c r="HS2727" s="91"/>
      <c r="HT2727" s="91"/>
      <c r="HU2727" s="91"/>
      <c r="HV2727" s="91"/>
      <c r="HW2727" s="91"/>
      <c r="HX2727" s="91"/>
      <c r="HY2727" s="91"/>
      <c r="HZ2727" s="91"/>
      <c r="IA2727" s="91"/>
      <c r="IB2727" s="91"/>
      <c r="IC2727" s="91"/>
      <c r="ID2727" s="91"/>
      <c r="IE2727" s="91"/>
      <c r="IF2727" s="91"/>
      <c r="IG2727" s="91"/>
      <c r="IH2727" s="91"/>
      <c r="II2727" s="91"/>
      <c r="IJ2727" s="91"/>
      <c r="IK2727" s="127"/>
    </row>
    <row r="2728" spans="2:245" x14ac:dyDescent="0.2">
      <c r="B2728" s="43"/>
      <c r="C2728" s="73"/>
      <c r="D2728" s="64"/>
      <c r="E2728" s="64"/>
      <c r="F2728" s="55"/>
      <c r="G2728" s="102"/>
      <c r="H2728" s="55"/>
      <c r="I2728" s="55"/>
      <c r="J2728" s="55"/>
      <c r="K2728" s="55"/>
      <c r="L2728" s="55"/>
      <c r="M2728" s="55"/>
      <c r="N2728" s="55"/>
      <c r="O2728" s="55"/>
      <c r="P2728" s="55"/>
      <c r="Q2728" s="55"/>
      <c r="R2728" s="55"/>
      <c r="S2728" s="55"/>
      <c r="T2728" s="55"/>
      <c r="U2728" s="55"/>
      <c r="V2728" s="55"/>
      <c r="W2728" s="55"/>
      <c r="X2728" s="55"/>
      <c r="Y2728" s="55"/>
      <c r="Z2728" s="55"/>
      <c r="AA2728" s="55"/>
      <c r="AB2728" s="55"/>
      <c r="AC2728" s="55"/>
      <c r="AD2728" s="55"/>
      <c r="AE2728" s="55"/>
      <c r="AF2728" s="55"/>
      <c r="AG2728" s="55"/>
      <c r="AY2728" s="162"/>
      <c r="AZ2728" s="162"/>
      <c r="BA2728" s="162"/>
      <c r="BB2728" s="162"/>
      <c r="BC2728" s="162"/>
      <c r="BD2728" s="162"/>
      <c r="BE2728" s="162"/>
      <c r="BF2728" s="162"/>
      <c r="BG2728" s="162"/>
      <c r="BH2728" s="162"/>
      <c r="BI2728" s="162"/>
      <c r="BJ2728" s="162"/>
      <c r="BK2728" s="162"/>
      <c r="BL2728" s="162"/>
      <c r="BM2728" s="162"/>
      <c r="BN2728" s="162"/>
      <c r="BO2728" s="162"/>
      <c r="BP2728" s="162"/>
      <c r="BQ2728" s="162"/>
      <c r="BR2728" s="162"/>
      <c r="BS2728" s="162"/>
      <c r="BT2728" s="162"/>
      <c r="BU2728" s="162"/>
      <c r="BV2728" s="162"/>
      <c r="BW2728" s="162"/>
      <c r="BX2728" s="162"/>
      <c r="BY2728" s="162"/>
      <c r="BZ2728" s="162"/>
      <c r="CA2728" s="162"/>
      <c r="CB2728" s="162"/>
      <c r="CC2728" s="162"/>
      <c r="CD2728" s="162"/>
      <c r="CE2728" s="162"/>
      <c r="CF2728" s="162"/>
      <c r="CG2728" s="162"/>
      <c r="CH2728" s="162"/>
      <c r="CI2728" s="162"/>
      <c r="CJ2728" s="162"/>
      <c r="CK2728" s="162"/>
      <c r="CX2728" s="98"/>
      <c r="DL2728" s="97"/>
      <c r="DX2728" s="98"/>
      <c r="EL2728" s="97"/>
      <c r="EX2728" s="98"/>
      <c r="EY2728" s="97"/>
      <c r="FL2728" s="126"/>
      <c r="FM2728" s="91"/>
      <c r="FN2728" s="91"/>
      <c r="FO2728" s="91"/>
      <c r="FP2728" s="91"/>
      <c r="FQ2728" s="91"/>
      <c r="FR2728" s="91"/>
      <c r="FS2728" s="91"/>
      <c r="FT2728" s="91"/>
      <c r="FU2728" s="91"/>
      <c r="FV2728" s="91"/>
      <c r="FW2728" s="91"/>
      <c r="FX2728" s="91"/>
      <c r="FY2728" s="91"/>
      <c r="FZ2728" s="91"/>
      <c r="GA2728" s="91"/>
      <c r="GB2728" s="91"/>
      <c r="GC2728" s="91"/>
      <c r="GD2728" s="91"/>
      <c r="GE2728" s="91"/>
      <c r="GF2728" s="91"/>
      <c r="GG2728" s="91"/>
      <c r="GH2728" s="91"/>
      <c r="GI2728" s="91"/>
      <c r="GJ2728" s="91"/>
      <c r="GK2728" s="127"/>
      <c r="GL2728" s="126"/>
      <c r="GM2728" s="91"/>
      <c r="GN2728" s="91"/>
      <c r="GO2728" s="91"/>
      <c r="GP2728" s="91"/>
      <c r="GQ2728" s="91"/>
      <c r="GR2728" s="91"/>
      <c r="GS2728" s="91"/>
      <c r="GT2728" s="91"/>
      <c r="GU2728" s="91"/>
      <c r="GV2728" s="91"/>
      <c r="GW2728" s="91"/>
      <c r="GX2728" s="91"/>
      <c r="GY2728" s="91"/>
      <c r="GZ2728" s="91"/>
      <c r="HA2728" s="91"/>
      <c r="HB2728" s="91"/>
      <c r="HC2728" s="91"/>
      <c r="HD2728" s="91"/>
      <c r="HE2728" s="91"/>
      <c r="HF2728" s="91"/>
      <c r="HG2728" s="91"/>
      <c r="HH2728" s="91"/>
      <c r="HI2728" s="91"/>
      <c r="HJ2728" s="91"/>
      <c r="HK2728" s="127"/>
      <c r="HL2728" s="126"/>
      <c r="HM2728" s="91"/>
      <c r="HN2728" s="91"/>
      <c r="HO2728" s="91"/>
      <c r="HP2728" s="91"/>
      <c r="HQ2728" s="91"/>
      <c r="HR2728" s="91"/>
      <c r="HS2728" s="91"/>
      <c r="HT2728" s="91"/>
      <c r="HU2728" s="91"/>
      <c r="HV2728" s="91"/>
      <c r="HW2728" s="91"/>
      <c r="HX2728" s="91"/>
      <c r="HY2728" s="91"/>
      <c r="HZ2728" s="91"/>
      <c r="IA2728" s="91"/>
      <c r="IB2728" s="91"/>
      <c r="IC2728" s="91"/>
      <c r="ID2728" s="91"/>
      <c r="IE2728" s="91"/>
      <c r="IF2728" s="91"/>
      <c r="IG2728" s="91"/>
      <c r="IH2728" s="91"/>
      <c r="II2728" s="91"/>
      <c r="IJ2728" s="91"/>
      <c r="IK2728" s="127"/>
    </row>
    <row r="2729" spans="2:245" x14ac:dyDescent="0.2">
      <c r="B2729" s="43"/>
      <c r="C2729" s="73"/>
      <c r="D2729" s="64"/>
      <c r="E2729" s="64"/>
      <c r="F2729" s="55"/>
      <c r="G2729" s="102"/>
      <c r="H2729" s="55"/>
      <c r="I2729" s="55"/>
      <c r="J2729" s="55"/>
      <c r="K2729" s="55"/>
      <c r="L2729" s="55"/>
      <c r="M2729" s="55"/>
      <c r="N2729" s="55"/>
      <c r="O2729" s="55"/>
      <c r="P2729" s="55"/>
      <c r="Q2729" s="55"/>
      <c r="R2729" s="55"/>
      <c r="S2729" s="55"/>
      <c r="T2729" s="55"/>
      <c r="U2729" s="55"/>
      <c r="V2729" s="55"/>
      <c r="W2729" s="55"/>
      <c r="X2729" s="55"/>
      <c r="Y2729" s="55"/>
      <c r="Z2729" s="55"/>
      <c r="AA2729" s="55"/>
      <c r="AB2729" s="55"/>
      <c r="AC2729" s="55"/>
      <c r="AD2729" s="55"/>
      <c r="AE2729" s="55"/>
      <c r="AF2729" s="55"/>
      <c r="AG2729" s="55"/>
      <c r="AY2729" s="162"/>
      <c r="AZ2729" s="162"/>
      <c r="BA2729" s="162"/>
      <c r="BB2729" s="162"/>
      <c r="BC2729" s="162"/>
      <c r="BD2729" s="162"/>
      <c r="BE2729" s="162"/>
      <c r="BF2729" s="162"/>
      <c r="BG2729" s="162"/>
      <c r="BH2729" s="162"/>
      <c r="BI2729" s="162"/>
      <c r="BJ2729" s="162"/>
      <c r="BK2729" s="162"/>
      <c r="BL2729" s="162"/>
      <c r="BM2729" s="162"/>
      <c r="BN2729" s="162"/>
      <c r="BO2729" s="162"/>
      <c r="BP2729" s="162"/>
      <c r="BQ2729" s="162"/>
      <c r="BR2729" s="162"/>
      <c r="BS2729" s="162"/>
      <c r="BT2729" s="162"/>
      <c r="BU2729" s="162"/>
      <c r="BV2729" s="162"/>
      <c r="BW2729" s="162"/>
      <c r="BX2729" s="162"/>
      <c r="BY2729" s="162"/>
      <c r="BZ2729" s="162"/>
      <c r="CA2729" s="162"/>
      <c r="CB2729" s="162"/>
      <c r="CC2729" s="162"/>
      <c r="CD2729" s="162"/>
      <c r="CE2729" s="162"/>
      <c r="CF2729" s="162"/>
      <c r="CG2729" s="162"/>
      <c r="CH2729" s="162"/>
      <c r="CI2729" s="162"/>
      <c r="CJ2729" s="162"/>
      <c r="CK2729" s="162"/>
      <c r="CX2729" s="98"/>
      <c r="DL2729" s="97"/>
      <c r="DX2729" s="98"/>
      <c r="EL2729" s="97"/>
      <c r="EX2729" s="98"/>
      <c r="EY2729" s="97"/>
      <c r="FL2729" s="126"/>
      <c r="FM2729" s="91"/>
      <c r="FN2729" s="91"/>
      <c r="FO2729" s="91"/>
      <c r="FP2729" s="91"/>
      <c r="FQ2729" s="91"/>
      <c r="FR2729" s="91"/>
      <c r="FS2729" s="91"/>
      <c r="FT2729" s="91"/>
      <c r="FU2729" s="91"/>
      <c r="FV2729" s="91"/>
      <c r="FW2729" s="91"/>
      <c r="FX2729" s="91"/>
      <c r="FY2729" s="91"/>
      <c r="FZ2729" s="91"/>
      <c r="GA2729" s="91"/>
      <c r="GB2729" s="91"/>
      <c r="GC2729" s="91"/>
      <c r="GD2729" s="91"/>
      <c r="GE2729" s="91"/>
      <c r="GF2729" s="91"/>
      <c r="GG2729" s="91"/>
      <c r="GH2729" s="91"/>
      <c r="GI2729" s="91"/>
      <c r="GJ2729" s="91"/>
      <c r="GK2729" s="127"/>
      <c r="GL2729" s="126"/>
      <c r="GM2729" s="91"/>
      <c r="GN2729" s="91"/>
      <c r="GO2729" s="91"/>
      <c r="GP2729" s="91"/>
      <c r="GQ2729" s="91"/>
      <c r="GR2729" s="91"/>
      <c r="GS2729" s="91"/>
      <c r="GT2729" s="91"/>
      <c r="GU2729" s="91"/>
      <c r="GV2729" s="91"/>
      <c r="GW2729" s="91"/>
      <c r="GX2729" s="91"/>
      <c r="GY2729" s="91"/>
      <c r="GZ2729" s="91"/>
      <c r="HA2729" s="91"/>
      <c r="HB2729" s="91"/>
      <c r="HC2729" s="91"/>
      <c r="HD2729" s="91"/>
      <c r="HE2729" s="91"/>
      <c r="HF2729" s="91"/>
      <c r="HG2729" s="91"/>
      <c r="HH2729" s="91"/>
      <c r="HI2729" s="91"/>
      <c r="HJ2729" s="91"/>
      <c r="HK2729" s="127"/>
      <c r="HL2729" s="126"/>
      <c r="HM2729" s="91"/>
      <c r="HN2729" s="91"/>
      <c r="HO2729" s="91"/>
      <c r="HP2729" s="91"/>
      <c r="HQ2729" s="91"/>
      <c r="HR2729" s="91"/>
      <c r="HS2729" s="91"/>
      <c r="HT2729" s="91"/>
      <c r="HU2729" s="91"/>
      <c r="HV2729" s="91"/>
      <c r="HW2729" s="91"/>
      <c r="HX2729" s="91"/>
      <c r="HY2729" s="91"/>
      <c r="HZ2729" s="91"/>
      <c r="IA2729" s="91"/>
      <c r="IB2729" s="91"/>
      <c r="IC2729" s="91"/>
      <c r="ID2729" s="91"/>
      <c r="IE2729" s="91"/>
      <c r="IF2729" s="91"/>
      <c r="IG2729" s="91"/>
      <c r="IH2729" s="91"/>
      <c r="II2729" s="91"/>
      <c r="IJ2729" s="91"/>
      <c r="IK2729" s="127"/>
    </row>
    <row r="2730" spans="2:245" x14ac:dyDescent="0.2">
      <c r="B2730" s="43"/>
      <c r="C2730" s="73"/>
      <c r="D2730" s="64"/>
      <c r="E2730" s="64"/>
      <c r="F2730" s="55"/>
      <c r="G2730" s="102"/>
      <c r="H2730" s="55"/>
      <c r="I2730" s="55"/>
      <c r="J2730" s="55"/>
      <c r="K2730" s="55"/>
      <c r="L2730" s="55"/>
      <c r="M2730" s="55"/>
      <c r="N2730" s="55"/>
      <c r="O2730" s="55"/>
      <c r="P2730" s="55"/>
      <c r="Q2730" s="55"/>
      <c r="R2730" s="55"/>
      <c r="S2730" s="55"/>
      <c r="T2730" s="55"/>
      <c r="U2730" s="55"/>
      <c r="V2730" s="55"/>
      <c r="W2730" s="55"/>
      <c r="X2730" s="55"/>
      <c r="Y2730" s="55"/>
      <c r="Z2730" s="55"/>
      <c r="AA2730" s="55"/>
      <c r="AB2730" s="55"/>
      <c r="AC2730" s="55"/>
      <c r="AD2730" s="55"/>
      <c r="AE2730" s="55"/>
      <c r="AF2730" s="55"/>
      <c r="AG2730" s="55"/>
      <c r="AY2730" s="162"/>
      <c r="AZ2730" s="162"/>
      <c r="BA2730" s="162"/>
      <c r="BB2730" s="162"/>
      <c r="BC2730" s="162"/>
      <c r="BD2730" s="162"/>
      <c r="BE2730" s="162"/>
      <c r="BF2730" s="162"/>
      <c r="BG2730" s="162"/>
      <c r="BH2730" s="162"/>
      <c r="BI2730" s="162"/>
      <c r="BJ2730" s="162"/>
      <c r="BK2730" s="162"/>
      <c r="BL2730" s="162"/>
      <c r="BM2730" s="162"/>
      <c r="BN2730" s="162"/>
      <c r="BO2730" s="162"/>
      <c r="BP2730" s="162"/>
      <c r="BQ2730" s="162"/>
      <c r="BR2730" s="162"/>
      <c r="BS2730" s="162"/>
      <c r="BT2730" s="162"/>
      <c r="BU2730" s="162"/>
      <c r="BV2730" s="162"/>
      <c r="BW2730" s="162"/>
      <c r="BX2730" s="162"/>
      <c r="BY2730" s="162"/>
      <c r="BZ2730" s="162"/>
      <c r="CA2730" s="162"/>
      <c r="CB2730" s="162"/>
      <c r="CC2730" s="162"/>
      <c r="CD2730" s="162"/>
      <c r="CE2730" s="162"/>
      <c r="CF2730" s="162"/>
      <c r="CG2730" s="162"/>
      <c r="CH2730" s="162"/>
      <c r="CI2730" s="162"/>
      <c r="CJ2730" s="162"/>
      <c r="CK2730" s="162"/>
      <c r="CX2730" s="98"/>
      <c r="DL2730" s="97"/>
      <c r="DX2730" s="98"/>
      <c r="EL2730" s="97"/>
      <c r="EX2730" s="98"/>
      <c r="EY2730" s="97"/>
      <c r="FL2730" s="126"/>
      <c r="FM2730" s="91"/>
      <c r="FN2730" s="91"/>
      <c r="FO2730" s="91"/>
      <c r="FP2730" s="91"/>
      <c r="FQ2730" s="91"/>
      <c r="FR2730" s="91"/>
      <c r="FS2730" s="91"/>
      <c r="FT2730" s="91"/>
      <c r="FU2730" s="91"/>
      <c r="FV2730" s="91"/>
      <c r="FW2730" s="91"/>
      <c r="FX2730" s="91"/>
      <c r="FY2730" s="91"/>
      <c r="FZ2730" s="91"/>
      <c r="GA2730" s="91"/>
      <c r="GB2730" s="91"/>
      <c r="GC2730" s="91"/>
      <c r="GD2730" s="91"/>
      <c r="GE2730" s="91"/>
      <c r="GF2730" s="91"/>
      <c r="GG2730" s="91"/>
      <c r="GH2730" s="91"/>
      <c r="GI2730" s="91"/>
      <c r="GJ2730" s="91"/>
      <c r="GK2730" s="127"/>
      <c r="GL2730" s="126"/>
      <c r="GM2730" s="91"/>
      <c r="GN2730" s="91"/>
      <c r="GO2730" s="91"/>
      <c r="GP2730" s="91"/>
      <c r="GQ2730" s="91"/>
      <c r="GR2730" s="91"/>
      <c r="GS2730" s="91"/>
      <c r="GT2730" s="91"/>
      <c r="GU2730" s="91"/>
      <c r="GV2730" s="91"/>
      <c r="GW2730" s="91"/>
      <c r="GX2730" s="91"/>
      <c r="GY2730" s="91"/>
      <c r="GZ2730" s="91"/>
      <c r="HA2730" s="91"/>
      <c r="HB2730" s="91"/>
      <c r="HC2730" s="91"/>
      <c r="HD2730" s="91"/>
      <c r="HE2730" s="91"/>
      <c r="HF2730" s="91"/>
      <c r="HG2730" s="91"/>
      <c r="HH2730" s="91"/>
      <c r="HI2730" s="91"/>
      <c r="HJ2730" s="91"/>
      <c r="HK2730" s="127"/>
      <c r="HL2730" s="126"/>
      <c r="HM2730" s="91"/>
      <c r="HN2730" s="91"/>
      <c r="HO2730" s="91"/>
      <c r="HP2730" s="91"/>
      <c r="HQ2730" s="91"/>
      <c r="HR2730" s="91"/>
      <c r="HS2730" s="91"/>
      <c r="HT2730" s="91"/>
      <c r="HU2730" s="91"/>
      <c r="HV2730" s="91"/>
      <c r="HW2730" s="91"/>
      <c r="HX2730" s="91"/>
      <c r="HY2730" s="91"/>
      <c r="HZ2730" s="91"/>
      <c r="IA2730" s="91"/>
      <c r="IB2730" s="91"/>
      <c r="IC2730" s="91"/>
      <c r="ID2730" s="91"/>
      <c r="IE2730" s="91"/>
      <c r="IF2730" s="91"/>
      <c r="IG2730" s="91"/>
      <c r="IH2730" s="91"/>
      <c r="II2730" s="91"/>
      <c r="IJ2730" s="91"/>
      <c r="IK2730" s="127"/>
    </row>
    <row r="2731" spans="2:245" x14ac:dyDescent="0.2">
      <c r="B2731" s="43"/>
      <c r="C2731" s="73"/>
      <c r="D2731" s="64"/>
      <c r="E2731" s="64"/>
      <c r="F2731" s="55"/>
      <c r="G2731" s="102"/>
      <c r="H2731" s="55"/>
      <c r="I2731" s="55"/>
      <c r="J2731" s="55"/>
      <c r="K2731" s="55"/>
      <c r="L2731" s="55"/>
      <c r="M2731" s="55"/>
      <c r="N2731" s="55"/>
      <c r="O2731" s="55"/>
      <c r="P2731" s="55"/>
      <c r="Q2731" s="55"/>
      <c r="R2731" s="55"/>
      <c r="S2731" s="55"/>
      <c r="T2731" s="55"/>
      <c r="U2731" s="55"/>
      <c r="V2731" s="55"/>
      <c r="W2731" s="55"/>
      <c r="X2731" s="55"/>
      <c r="Y2731" s="55"/>
      <c r="Z2731" s="55"/>
      <c r="AA2731" s="55"/>
      <c r="AB2731" s="55"/>
      <c r="AC2731" s="55"/>
      <c r="AD2731" s="55"/>
      <c r="AE2731" s="55"/>
      <c r="AF2731" s="55"/>
      <c r="AG2731" s="55"/>
      <c r="AY2731" s="162"/>
      <c r="AZ2731" s="162"/>
      <c r="BA2731" s="162"/>
      <c r="BB2731" s="162"/>
      <c r="BC2731" s="162"/>
      <c r="BD2731" s="162"/>
      <c r="BE2731" s="162"/>
      <c r="BF2731" s="162"/>
      <c r="BG2731" s="162"/>
      <c r="BH2731" s="162"/>
      <c r="BI2731" s="162"/>
      <c r="BJ2731" s="162"/>
      <c r="BK2731" s="162"/>
      <c r="BL2731" s="162"/>
      <c r="BM2731" s="162"/>
      <c r="BN2731" s="162"/>
      <c r="BO2731" s="162"/>
      <c r="BP2731" s="162"/>
      <c r="BQ2731" s="162"/>
      <c r="BR2731" s="162"/>
      <c r="BS2731" s="162"/>
      <c r="BT2731" s="162"/>
      <c r="BU2731" s="162"/>
      <c r="BV2731" s="162"/>
      <c r="BW2731" s="162"/>
      <c r="BX2731" s="162"/>
      <c r="BY2731" s="162"/>
      <c r="BZ2731" s="162"/>
      <c r="CA2731" s="162"/>
      <c r="CB2731" s="162"/>
      <c r="CC2731" s="162"/>
      <c r="CD2731" s="162"/>
      <c r="CE2731" s="162"/>
      <c r="CF2731" s="162"/>
      <c r="CG2731" s="162"/>
      <c r="CH2731" s="162"/>
      <c r="CI2731" s="162"/>
      <c r="CJ2731" s="162"/>
      <c r="CK2731" s="162"/>
      <c r="CX2731" s="98"/>
      <c r="DL2731" s="97"/>
      <c r="DX2731" s="98"/>
      <c r="EL2731" s="97"/>
      <c r="EX2731" s="98"/>
      <c r="EY2731" s="97"/>
      <c r="FL2731" s="126"/>
      <c r="FM2731" s="91"/>
      <c r="FN2731" s="91"/>
      <c r="FO2731" s="91"/>
      <c r="FP2731" s="91"/>
      <c r="FQ2731" s="91"/>
      <c r="FR2731" s="91"/>
      <c r="FS2731" s="91"/>
      <c r="FT2731" s="91"/>
      <c r="FU2731" s="91"/>
      <c r="FV2731" s="91"/>
      <c r="FW2731" s="91"/>
      <c r="FX2731" s="91"/>
      <c r="FY2731" s="91"/>
      <c r="FZ2731" s="91"/>
      <c r="GA2731" s="91"/>
      <c r="GB2731" s="91"/>
      <c r="GC2731" s="91"/>
      <c r="GD2731" s="91"/>
      <c r="GE2731" s="91"/>
      <c r="GF2731" s="91"/>
      <c r="GG2731" s="91"/>
      <c r="GH2731" s="91"/>
      <c r="GI2731" s="91"/>
      <c r="GJ2731" s="91"/>
      <c r="GK2731" s="127"/>
      <c r="GL2731" s="126"/>
      <c r="GM2731" s="91"/>
      <c r="GN2731" s="91"/>
      <c r="GO2731" s="91"/>
      <c r="GP2731" s="91"/>
      <c r="GQ2731" s="91"/>
      <c r="GR2731" s="91"/>
      <c r="GS2731" s="91"/>
      <c r="GT2731" s="91"/>
      <c r="GU2731" s="91"/>
      <c r="GV2731" s="91"/>
      <c r="GW2731" s="91"/>
      <c r="GX2731" s="91"/>
      <c r="GY2731" s="91"/>
      <c r="GZ2731" s="91"/>
      <c r="HA2731" s="91"/>
      <c r="HB2731" s="91"/>
      <c r="HC2731" s="91"/>
      <c r="HD2731" s="91"/>
      <c r="HE2731" s="91"/>
      <c r="HF2731" s="91"/>
      <c r="HG2731" s="91"/>
      <c r="HH2731" s="91"/>
      <c r="HI2731" s="91"/>
      <c r="HJ2731" s="91"/>
      <c r="HK2731" s="127"/>
      <c r="HL2731" s="126"/>
      <c r="HM2731" s="91"/>
      <c r="HN2731" s="91"/>
      <c r="HO2731" s="91"/>
      <c r="HP2731" s="91"/>
      <c r="HQ2731" s="91"/>
      <c r="HR2731" s="91"/>
      <c r="HS2731" s="91"/>
      <c r="HT2731" s="91"/>
      <c r="HU2731" s="91"/>
      <c r="HV2731" s="91"/>
      <c r="HW2731" s="91"/>
      <c r="HX2731" s="91"/>
      <c r="HY2731" s="91"/>
      <c r="HZ2731" s="91"/>
      <c r="IA2731" s="91"/>
      <c r="IB2731" s="91"/>
      <c r="IC2731" s="91"/>
      <c r="ID2731" s="91"/>
      <c r="IE2731" s="91"/>
      <c r="IF2731" s="91"/>
      <c r="IG2731" s="91"/>
      <c r="IH2731" s="91"/>
      <c r="II2731" s="91"/>
      <c r="IJ2731" s="91"/>
      <c r="IK2731" s="127"/>
    </row>
    <row r="2732" spans="2:245" x14ac:dyDescent="0.2">
      <c r="B2732" s="43"/>
      <c r="C2732" s="73"/>
      <c r="D2732" s="64"/>
      <c r="E2732" s="64"/>
      <c r="F2732" s="55"/>
      <c r="G2732" s="102"/>
      <c r="H2732" s="55"/>
      <c r="I2732" s="55"/>
      <c r="J2732" s="55"/>
      <c r="K2732" s="55"/>
      <c r="L2732" s="55"/>
      <c r="M2732" s="55"/>
      <c r="N2732" s="55"/>
      <c r="O2732" s="55"/>
      <c r="P2732" s="55"/>
      <c r="Q2732" s="55"/>
      <c r="R2732" s="55"/>
      <c r="S2732" s="55"/>
      <c r="T2732" s="55"/>
      <c r="U2732" s="55"/>
      <c r="V2732" s="55"/>
      <c r="W2732" s="55"/>
      <c r="X2732" s="55"/>
      <c r="Y2732" s="55"/>
      <c r="Z2732" s="55"/>
      <c r="AA2732" s="55"/>
      <c r="AB2732" s="55"/>
      <c r="AC2732" s="55"/>
      <c r="AD2732" s="55"/>
      <c r="AE2732" s="55"/>
      <c r="AF2732" s="55"/>
      <c r="AG2732" s="55"/>
      <c r="AY2732" s="162"/>
      <c r="AZ2732" s="162"/>
      <c r="BA2732" s="162"/>
      <c r="BB2732" s="162"/>
      <c r="BC2732" s="162"/>
      <c r="BD2732" s="162"/>
      <c r="BE2732" s="162"/>
      <c r="BF2732" s="162"/>
      <c r="BG2732" s="162"/>
      <c r="BH2732" s="162"/>
      <c r="BI2732" s="162"/>
      <c r="BJ2732" s="162"/>
      <c r="BK2732" s="162"/>
      <c r="BL2732" s="162"/>
      <c r="BM2732" s="162"/>
      <c r="BN2732" s="162"/>
      <c r="BO2732" s="162"/>
      <c r="BP2732" s="162"/>
      <c r="BQ2732" s="162"/>
      <c r="BR2732" s="162"/>
      <c r="BS2732" s="162"/>
      <c r="BT2732" s="162"/>
      <c r="BU2732" s="162"/>
      <c r="BV2732" s="162"/>
      <c r="BW2732" s="162"/>
      <c r="BX2732" s="162"/>
      <c r="BY2732" s="162"/>
      <c r="BZ2732" s="162"/>
      <c r="CA2732" s="162"/>
      <c r="CB2732" s="162"/>
      <c r="CC2732" s="162"/>
      <c r="CD2732" s="162"/>
      <c r="CE2732" s="162"/>
      <c r="CF2732" s="162"/>
      <c r="CG2732" s="162"/>
      <c r="CH2732" s="162"/>
      <c r="CI2732" s="162"/>
      <c r="CJ2732" s="162"/>
      <c r="CK2732" s="162"/>
      <c r="CX2732" s="98"/>
      <c r="DL2732" s="97"/>
      <c r="DX2732" s="98"/>
      <c r="EL2732" s="97"/>
      <c r="EX2732" s="98"/>
      <c r="EY2732" s="97"/>
      <c r="FL2732" s="126"/>
      <c r="FM2732" s="91"/>
      <c r="FN2732" s="91"/>
      <c r="FO2732" s="91"/>
      <c r="FP2732" s="91"/>
      <c r="FQ2732" s="91"/>
      <c r="FR2732" s="91"/>
      <c r="FS2732" s="91"/>
      <c r="FT2732" s="91"/>
      <c r="FU2732" s="91"/>
      <c r="FV2732" s="91"/>
      <c r="FW2732" s="91"/>
      <c r="FX2732" s="91"/>
      <c r="FY2732" s="91"/>
      <c r="FZ2732" s="91"/>
      <c r="GA2732" s="91"/>
      <c r="GB2732" s="91"/>
      <c r="GC2732" s="91"/>
      <c r="GD2732" s="91"/>
      <c r="GE2732" s="91"/>
      <c r="GF2732" s="91"/>
      <c r="GG2732" s="91"/>
      <c r="GH2732" s="91"/>
      <c r="GI2732" s="91"/>
      <c r="GJ2732" s="91"/>
      <c r="GK2732" s="127"/>
      <c r="GL2732" s="126"/>
      <c r="GM2732" s="91"/>
      <c r="GN2732" s="91"/>
      <c r="GO2732" s="91"/>
      <c r="GP2732" s="91"/>
      <c r="GQ2732" s="91"/>
      <c r="GR2732" s="91"/>
      <c r="GS2732" s="91"/>
      <c r="GT2732" s="91"/>
      <c r="GU2732" s="91"/>
      <c r="GV2732" s="91"/>
      <c r="GW2732" s="91"/>
      <c r="GX2732" s="91"/>
      <c r="GY2732" s="91"/>
      <c r="GZ2732" s="91"/>
      <c r="HA2732" s="91"/>
      <c r="HB2732" s="91"/>
      <c r="HC2732" s="91"/>
      <c r="HD2732" s="91"/>
      <c r="HE2732" s="91"/>
      <c r="HF2732" s="91"/>
      <c r="HG2732" s="91"/>
      <c r="HH2732" s="91"/>
      <c r="HI2732" s="91"/>
      <c r="HJ2732" s="91"/>
      <c r="HK2732" s="127"/>
      <c r="HL2732" s="126"/>
      <c r="HM2732" s="91"/>
      <c r="HN2732" s="91"/>
      <c r="HO2732" s="91"/>
      <c r="HP2732" s="91"/>
      <c r="HQ2732" s="91"/>
      <c r="HR2732" s="91"/>
      <c r="HS2732" s="91"/>
      <c r="HT2732" s="91"/>
      <c r="HU2732" s="91"/>
      <c r="HV2732" s="91"/>
      <c r="HW2732" s="91"/>
      <c r="HX2732" s="91"/>
      <c r="HY2732" s="91"/>
      <c r="HZ2732" s="91"/>
      <c r="IA2732" s="91"/>
      <c r="IB2732" s="91"/>
      <c r="IC2732" s="91"/>
      <c r="ID2732" s="91"/>
      <c r="IE2732" s="91"/>
      <c r="IF2732" s="91"/>
      <c r="IG2732" s="91"/>
      <c r="IH2732" s="91"/>
      <c r="II2732" s="91"/>
      <c r="IJ2732" s="91"/>
      <c r="IK2732" s="127"/>
    </row>
    <row r="2733" spans="2:245" x14ac:dyDescent="0.2">
      <c r="B2733" s="43"/>
      <c r="C2733" s="73"/>
      <c r="D2733" s="64"/>
      <c r="E2733" s="64"/>
      <c r="F2733" s="55"/>
      <c r="G2733" s="102"/>
      <c r="H2733" s="55"/>
      <c r="I2733" s="55"/>
      <c r="J2733" s="55"/>
      <c r="K2733" s="55"/>
      <c r="L2733" s="55"/>
      <c r="M2733" s="55"/>
      <c r="N2733" s="55"/>
      <c r="O2733" s="55"/>
      <c r="P2733" s="55"/>
      <c r="Q2733" s="55"/>
      <c r="R2733" s="55"/>
      <c r="S2733" s="55"/>
      <c r="T2733" s="55"/>
      <c r="U2733" s="55"/>
      <c r="V2733" s="55"/>
      <c r="W2733" s="55"/>
      <c r="X2733" s="55"/>
      <c r="Y2733" s="55"/>
      <c r="Z2733" s="55"/>
      <c r="AA2733" s="55"/>
      <c r="AB2733" s="55"/>
      <c r="AC2733" s="55"/>
      <c r="AD2733" s="55"/>
      <c r="AE2733" s="55"/>
      <c r="AF2733" s="55"/>
      <c r="AG2733" s="55"/>
      <c r="AY2733" s="162"/>
      <c r="AZ2733" s="162"/>
      <c r="BA2733" s="162"/>
      <c r="BB2733" s="162"/>
      <c r="BC2733" s="162"/>
      <c r="BD2733" s="162"/>
      <c r="BE2733" s="162"/>
      <c r="BF2733" s="162"/>
      <c r="BG2733" s="162"/>
      <c r="BH2733" s="162"/>
      <c r="BI2733" s="162"/>
      <c r="BJ2733" s="162"/>
      <c r="BK2733" s="162"/>
      <c r="BL2733" s="162"/>
      <c r="BM2733" s="162"/>
      <c r="BN2733" s="162"/>
      <c r="BO2733" s="162"/>
      <c r="BP2733" s="162"/>
      <c r="BQ2733" s="162"/>
      <c r="BR2733" s="162"/>
      <c r="BS2733" s="162"/>
      <c r="BT2733" s="162"/>
      <c r="BU2733" s="162"/>
      <c r="BV2733" s="162"/>
      <c r="BW2733" s="162"/>
      <c r="BX2733" s="162"/>
      <c r="BY2733" s="162"/>
      <c r="BZ2733" s="162"/>
      <c r="CA2733" s="162"/>
      <c r="CB2733" s="162"/>
      <c r="CC2733" s="162"/>
      <c r="CD2733" s="162"/>
      <c r="CE2733" s="162"/>
      <c r="CF2733" s="162"/>
      <c r="CG2733" s="162"/>
      <c r="CH2733" s="162"/>
      <c r="CI2733" s="162"/>
      <c r="CJ2733" s="162"/>
      <c r="CK2733" s="162"/>
      <c r="CX2733" s="98"/>
      <c r="DL2733" s="97"/>
      <c r="DX2733" s="98"/>
      <c r="EL2733" s="97"/>
      <c r="EX2733" s="98"/>
      <c r="EY2733" s="97"/>
      <c r="FL2733" s="126"/>
      <c r="FM2733" s="91"/>
      <c r="FN2733" s="91"/>
      <c r="FO2733" s="91"/>
      <c r="FP2733" s="91"/>
      <c r="FQ2733" s="91"/>
      <c r="FR2733" s="91"/>
      <c r="FS2733" s="91"/>
      <c r="FT2733" s="91"/>
      <c r="FU2733" s="91"/>
      <c r="FV2733" s="91"/>
      <c r="FW2733" s="91"/>
      <c r="FX2733" s="91"/>
      <c r="FY2733" s="91"/>
      <c r="FZ2733" s="91"/>
      <c r="GA2733" s="91"/>
      <c r="GB2733" s="91"/>
      <c r="GC2733" s="91"/>
      <c r="GD2733" s="91"/>
      <c r="GE2733" s="91"/>
      <c r="GF2733" s="91"/>
      <c r="GG2733" s="91"/>
      <c r="GH2733" s="91"/>
      <c r="GI2733" s="91"/>
      <c r="GJ2733" s="91"/>
      <c r="GK2733" s="127"/>
      <c r="GL2733" s="126"/>
      <c r="GM2733" s="91"/>
      <c r="GN2733" s="91"/>
      <c r="GO2733" s="91"/>
      <c r="GP2733" s="91"/>
      <c r="GQ2733" s="91"/>
      <c r="GR2733" s="91"/>
      <c r="GS2733" s="91"/>
      <c r="GT2733" s="91"/>
      <c r="GU2733" s="91"/>
      <c r="GV2733" s="91"/>
      <c r="GW2733" s="91"/>
      <c r="GX2733" s="91"/>
      <c r="GY2733" s="91"/>
      <c r="GZ2733" s="91"/>
      <c r="HA2733" s="91"/>
      <c r="HB2733" s="91"/>
      <c r="HC2733" s="91"/>
      <c r="HD2733" s="91"/>
      <c r="HE2733" s="91"/>
      <c r="HF2733" s="91"/>
      <c r="HG2733" s="91"/>
      <c r="HH2733" s="91"/>
      <c r="HI2733" s="91"/>
      <c r="HJ2733" s="91"/>
      <c r="HK2733" s="127"/>
      <c r="HL2733" s="126"/>
      <c r="HM2733" s="91"/>
      <c r="HN2733" s="91"/>
      <c r="HO2733" s="91"/>
      <c r="HP2733" s="91"/>
      <c r="HQ2733" s="91"/>
      <c r="HR2733" s="91"/>
      <c r="HS2733" s="91"/>
      <c r="HT2733" s="91"/>
      <c r="HU2733" s="91"/>
      <c r="HV2733" s="91"/>
      <c r="HW2733" s="91"/>
      <c r="HX2733" s="91"/>
      <c r="HY2733" s="91"/>
      <c r="HZ2733" s="91"/>
      <c r="IA2733" s="91"/>
      <c r="IB2733" s="91"/>
      <c r="IC2733" s="91"/>
      <c r="ID2733" s="91"/>
      <c r="IE2733" s="91"/>
      <c r="IF2733" s="91"/>
      <c r="IG2733" s="91"/>
      <c r="IH2733" s="91"/>
      <c r="II2733" s="91"/>
      <c r="IJ2733" s="91"/>
      <c r="IK2733" s="127"/>
    </row>
    <row r="2734" spans="2:245" x14ac:dyDescent="0.2">
      <c r="B2734" s="43"/>
      <c r="C2734" s="73"/>
      <c r="D2734" s="64"/>
      <c r="E2734" s="64"/>
      <c r="F2734" s="55"/>
      <c r="G2734" s="102"/>
      <c r="H2734" s="55"/>
      <c r="I2734" s="55"/>
      <c r="J2734" s="55"/>
      <c r="K2734" s="55"/>
      <c r="L2734" s="55"/>
      <c r="M2734" s="55"/>
      <c r="N2734" s="55"/>
      <c r="O2734" s="55"/>
      <c r="P2734" s="55"/>
      <c r="Q2734" s="55"/>
      <c r="R2734" s="55"/>
      <c r="S2734" s="55"/>
      <c r="T2734" s="55"/>
      <c r="U2734" s="55"/>
      <c r="V2734" s="55"/>
      <c r="W2734" s="55"/>
      <c r="X2734" s="55"/>
      <c r="Y2734" s="55"/>
      <c r="Z2734" s="55"/>
      <c r="AA2734" s="55"/>
      <c r="AB2734" s="55"/>
      <c r="AC2734" s="55"/>
      <c r="AD2734" s="55"/>
      <c r="AE2734" s="55"/>
      <c r="AF2734" s="55"/>
      <c r="AG2734" s="55"/>
      <c r="AY2734" s="162"/>
      <c r="AZ2734" s="162"/>
      <c r="BA2734" s="162"/>
      <c r="BB2734" s="162"/>
      <c r="BC2734" s="162"/>
      <c r="BD2734" s="162"/>
      <c r="BE2734" s="162"/>
      <c r="BF2734" s="162"/>
      <c r="BG2734" s="162"/>
      <c r="BH2734" s="162"/>
      <c r="BI2734" s="162"/>
      <c r="BJ2734" s="162"/>
      <c r="BK2734" s="162"/>
      <c r="BL2734" s="162"/>
      <c r="BM2734" s="162"/>
      <c r="BN2734" s="162"/>
      <c r="BO2734" s="162"/>
      <c r="BP2734" s="162"/>
      <c r="BQ2734" s="162"/>
      <c r="BR2734" s="162"/>
      <c r="BS2734" s="162"/>
      <c r="BT2734" s="162"/>
      <c r="BU2734" s="162"/>
      <c r="BV2734" s="162"/>
      <c r="BW2734" s="162"/>
      <c r="BX2734" s="162"/>
      <c r="BY2734" s="162"/>
      <c r="BZ2734" s="162"/>
      <c r="CA2734" s="162"/>
      <c r="CB2734" s="162"/>
      <c r="CC2734" s="162"/>
      <c r="CD2734" s="162"/>
      <c r="CE2734" s="162"/>
      <c r="CF2734" s="162"/>
      <c r="CG2734" s="162"/>
      <c r="CH2734" s="162"/>
      <c r="CI2734" s="162"/>
      <c r="CJ2734" s="162"/>
      <c r="CK2734" s="162"/>
      <c r="CX2734" s="98"/>
      <c r="DL2734" s="97"/>
      <c r="DX2734" s="98"/>
      <c r="EL2734" s="97"/>
      <c r="EX2734" s="98"/>
      <c r="EY2734" s="97"/>
      <c r="FL2734" s="126"/>
      <c r="FM2734" s="91"/>
      <c r="FN2734" s="91"/>
      <c r="FO2734" s="91"/>
      <c r="FP2734" s="91"/>
      <c r="FQ2734" s="91"/>
      <c r="FR2734" s="91"/>
      <c r="FS2734" s="91"/>
      <c r="FT2734" s="91"/>
      <c r="FU2734" s="91"/>
      <c r="FV2734" s="91"/>
      <c r="FW2734" s="91"/>
      <c r="FX2734" s="91"/>
      <c r="FY2734" s="91"/>
      <c r="FZ2734" s="91"/>
      <c r="GA2734" s="91"/>
      <c r="GB2734" s="91"/>
      <c r="GC2734" s="91"/>
      <c r="GD2734" s="91"/>
      <c r="GE2734" s="91"/>
      <c r="GF2734" s="91"/>
      <c r="GG2734" s="91"/>
      <c r="GH2734" s="91"/>
      <c r="GI2734" s="91"/>
      <c r="GJ2734" s="91"/>
      <c r="GK2734" s="127"/>
      <c r="GL2734" s="126"/>
      <c r="GM2734" s="91"/>
      <c r="GN2734" s="91"/>
      <c r="GO2734" s="91"/>
      <c r="GP2734" s="91"/>
      <c r="GQ2734" s="91"/>
      <c r="GR2734" s="91"/>
      <c r="GS2734" s="91"/>
      <c r="GT2734" s="91"/>
      <c r="GU2734" s="91"/>
      <c r="GV2734" s="91"/>
      <c r="GW2734" s="91"/>
      <c r="GX2734" s="91"/>
      <c r="GY2734" s="91"/>
      <c r="GZ2734" s="91"/>
      <c r="HA2734" s="91"/>
      <c r="HB2734" s="91"/>
      <c r="HC2734" s="91"/>
      <c r="HD2734" s="91"/>
      <c r="HE2734" s="91"/>
      <c r="HF2734" s="91"/>
      <c r="HG2734" s="91"/>
      <c r="HH2734" s="91"/>
      <c r="HI2734" s="91"/>
      <c r="HJ2734" s="91"/>
      <c r="HK2734" s="127"/>
      <c r="HL2734" s="126"/>
      <c r="HM2734" s="91"/>
      <c r="HN2734" s="91"/>
      <c r="HO2734" s="91"/>
      <c r="HP2734" s="91"/>
      <c r="HQ2734" s="91"/>
      <c r="HR2734" s="91"/>
      <c r="HS2734" s="91"/>
      <c r="HT2734" s="91"/>
      <c r="HU2734" s="91"/>
      <c r="HV2734" s="91"/>
      <c r="HW2734" s="91"/>
      <c r="HX2734" s="91"/>
      <c r="HY2734" s="91"/>
      <c r="HZ2734" s="91"/>
      <c r="IA2734" s="91"/>
      <c r="IB2734" s="91"/>
      <c r="IC2734" s="91"/>
      <c r="ID2734" s="91"/>
      <c r="IE2734" s="91"/>
      <c r="IF2734" s="91"/>
      <c r="IG2734" s="91"/>
      <c r="IH2734" s="91"/>
      <c r="II2734" s="91"/>
      <c r="IJ2734" s="91"/>
      <c r="IK2734" s="127"/>
    </row>
    <row r="2735" spans="2:245" x14ac:dyDescent="0.2">
      <c r="B2735" s="43"/>
      <c r="C2735" s="73"/>
      <c r="D2735" s="64"/>
      <c r="E2735" s="64"/>
      <c r="F2735" s="55"/>
      <c r="G2735" s="102"/>
      <c r="H2735" s="55"/>
      <c r="I2735" s="55"/>
      <c r="J2735" s="55"/>
      <c r="K2735" s="55"/>
      <c r="L2735" s="55"/>
      <c r="M2735" s="55"/>
      <c r="N2735" s="55"/>
      <c r="O2735" s="55"/>
      <c r="P2735" s="55"/>
      <c r="Q2735" s="55"/>
      <c r="R2735" s="55"/>
      <c r="S2735" s="55"/>
      <c r="T2735" s="55"/>
      <c r="U2735" s="55"/>
      <c r="V2735" s="55"/>
      <c r="W2735" s="55"/>
      <c r="X2735" s="55"/>
      <c r="Y2735" s="55"/>
      <c r="Z2735" s="55"/>
      <c r="AA2735" s="55"/>
      <c r="AB2735" s="55"/>
      <c r="AC2735" s="55"/>
      <c r="AD2735" s="55"/>
      <c r="AE2735" s="55"/>
      <c r="AF2735" s="55"/>
      <c r="AG2735" s="55"/>
      <c r="AY2735" s="162"/>
      <c r="AZ2735" s="162"/>
      <c r="BA2735" s="162"/>
      <c r="BB2735" s="162"/>
      <c r="BC2735" s="162"/>
      <c r="BD2735" s="162"/>
      <c r="BE2735" s="162"/>
      <c r="BF2735" s="162"/>
      <c r="BG2735" s="162"/>
      <c r="BH2735" s="162"/>
      <c r="BI2735" s="162"/>
      <c r="BJ2735" s="162"/>
      <c r="BK2735" s="162"/>
      <c r="BL2735" s="162"/>
      <c r="BM2735" s="162"/>
      <c r="BN2735" s="162"/>
      <c r="BO2735" s="162"/>
      <c r="BP2735" s="162"/>
      <c r="BQ2735" s="162"/>
      <c r="BR2735" s="162"/>
      <c r="BS2735" s="162"/>
      <c r="BT2735" s="162"/>
      <c r="BU2735" s="162"/>
      <c r="BV2735" s="162"/>
      <c r="BW2735" s="162"/>
      <c r="BX2735" s="162"/>
      <c r="BY2735" s="162"/>
      <c r="BZ2735" s="162"/>
      <c r="CA2735" s="162"/>
      <c r="CB2735" s="162"/>
      <c r="CC2735" s="162"/>
      <c r="CD2735" s="162"/>
      <c r="CE2735" s="162"/>
      <c r="CF2735" s="162"/>
      <c r="CG2735" s="162"/>
      <c r="CH2735" s="162"/>
      <c r="CI2735" s="162"/>
      <c r="CJ2735" s="162"/>
      <c r="CK2735" s="162"/>
      <c r="CX2735" s="98"/>
      <c r="DL2735" s="97"/>
      <c r="DX2735" s="98"/>
      <c r="EL2735" s="97"/>
      <c r="EX2735" s="98"/>
      <c r="EY2735" s="97"/>
      <c r="FL2735" s="126"/>
      <c r="FM2735" s="91"/>
      <c r="FN2735" s="91"/>
      <c r="FO2735" s="91"/>
      <c r="FP2735" s="91"/>
      <c r="FQ2735" s="91"/>
      <c r="FR2735" s="91"/>
      <c r="FS2735" s="91"/>
      <c r="FT2735" s="91"/>
      <c r="FU2735" s="91"/>
      <c r="FV2735" s="91"/>
      <c r="FW2735" s="91"/>
      <c r="FX2735" s="91"/>
      <c r="FY2735" s="91"/>
      <c r="FZ2735" s="91"/>
      <c r="GA2735" s="91"/>
      <c r="GB2735" s="91"/>
      <c r="GC2735" s="91"/>
      <c r="GD2735" s="91"/>
      <c r="GE2735" s="91"/>
      <c r="GF2735" s="91"/>
      <c r="GG2735" s="91"/>
      <c r="GH2735" s="91"/>
      <c r="GI2735" s="91"/>
      <c r="GJ2735" s="91"/>
      <c r="GK2735" s="127"/>
      <c r="GL2735" s="126"/>
      <c r="GM2735" s="91"/>
      <c r="GN2735" s="91"/>
      <c r="GO2735" s="91"/>
      <c r="GP2735" s="91"/>
      <c r="GQ2735" s="91"/>
      <c r="GR2735" s="91"/>
      <c r="GS2735" s="91"/>
      <c r="GT2735" s="91"/>
      <c r="GU2735" s="91"/>
      <c r="GV2735" s="91"/>
      <c r="GW2735" s="91"/>
      <c r="GX2735" s="91"/>
      <c r="GY2735" s="91"/>
      <c r="GZ2735" s="91"/>
      <c r="HA2735" s="91"/>
      <c r="HB2735" s="91"/>
      <c r="HC2735" s="91"/>
      <c r="HD2735" s="91"/>
      <c r="HE2735" s="91"/>
      <c r="HF2735" s="91"/>
      <c r="HG2735" s="91"/>
      <c r="HH2735" s="91"/>
      <c r="HI2735" s="91"/>
      <c r="HJ2735" s="91"/>
      <c r="HK2735" s="127"/>
      <c r="HL2735" s="126"/>
      <c r="HM2735" s="91"/>
      <c r="HN2735" s="91"/>
      <c r="HO2735" s="91"/>
      <c r="HP2735" s="91"/>
      <c r="HQ2735" s="91"/>
      <c r="HR2735" s="91"/>
      <c r="HS2735" s="91"/>
      <c r="HT2735" s="91"/>
      <c r="HU2735" s="91"/>
      <c r="HV2735" s="91"/>
      <c r="HW2735" s="91"/>
      <c r="HX2735" s="91"/>
      <c r="HY2735" s="91"/>
      <c r="HZ2735" s="91"/>
      <c r="IA2735" s="91"/>
      <c r="IB2735" s="91"/>
      <c r="IC2735" s="91"/>
      <c r="ID2735" s="91"/>
      <c r="IE2735" s="91"/>
      <c r="IF2735" s="91"/>
      <c r="IG2735" s="91"/>
      <c r="IH2735" s="91"/>
      <c r="II2735" s="91"/>
      <c r="IJ2735" s="91"/>
      <c r="IK2735" s="127"/>
    </row>
    <row r="2736" spans="2:245" x14ac:dyDescent="0.2">
      <c r="B2736" s="43"/>
      <c r="C2736" s="73"/>
      <c r="D2736" s="64"/>
      <c r="E2736" s="64"/>
      <c r="F2736" s="55"/>
      <c r="G2736" s="102"/>
      <c r="H2736" s="55"/>
      <c r="I2736" s="55"/>
      <c r="J2736" s="55"/>
      <c r="K2736" s="55"/>
      <c r="L2736" s="55"/>
      <c r="M2736" s="55"/>
      <c r="N2736" s="55"/>
      <c r="O2736" s="55"/>
      <c r="P2736" s="55"/>
      <c r="Q2736" s="55"/>
      <c r="R2736" s="55"/>
      <c r="S2736" s="55"/>
      <c r="T2736" s="55"/>
      <c r="U2736" s="55"/>
      <c r="V2736" s="55"/>
      <c r="W2736" s="55"/>
      <c r="X2736" s="55"/>
      <c r="Y2736" s="55"/>
      <c r="Z2736" s="55"/>
      <c r="AA2736" s="55"/>
      <c r="AB2736" s="55"/>
      <c r="AC2736" s="55"/>
      <c r="AD2736" s="55"/>
      <c r="AE2736" s="55"/>
      <c r="AF2736" s="55"/>
      <c r="AG2736" s="55"/>
      <c r="AY2736" s="162"/>
      <c r="AZ2736" s="162"/>
      <c r="BA2736" s="162"/>
      <c r="BB2736" s="162"/>
      <c r="BC2736" s="162"/>
      <c r="BD2736" s="162"/>
      <c r="BE2736" s="162"/>
      <c r="BF2736" s="162"/>
      <c r="BG2736" s="162"/>
      <c r="BH2736" s="162"/>
      <c r="BI2736" s="162"/>
      <c r="BJ2736" s="162"/>
      <c r="BK2736" s="162"/>
      <c r="BL2736" s="162"/>
      <c r="BM2736" s="162"/>
      <c r="BN2736" s="162"/>
      <c r="BO2736" s="162"/>
      <c r="BP2736" s="162"/>
      <c r="BQ2736" s="162"/>
      <c r="BR2736" s="162"/>
      <c r="BS2736" s="162"/>
      <c r="BT2736" s="162"/>
      <c r="BU2736" s="162"/>
      <c r="BV2736" s="162"/>
      <c r="BW2736" s="162"/>
      <c r="BX2736" s="162"/>
      <c r="BY2736" s="162"/>
      <c r="BZ2736" s="162"/>
      <c r="CA2736" s="162"/>
      <c r="CB2736" s="162"/>
      <c r="CC2736" s="162"/>
      <c r="CD2736" s="162"/>
      <c r="CE2736" s="162"/>
      <c r="CF2736" s="162"/>
      <c r="CG2736" s="162"/>
      <c r="CH2736" s="162"/>
      <c r="CI2736" s="162"/>
      <c r="CJ2736" s="162"/>
      <c r="CK2736" s="162"/>
      <c r="CX2736" s="98"/>
      <c r="DL2736" s="97"/>
      <c r="DX2736" s="98"/>
      <c r="EL2736" s="97"/>
      <c r="EX2736" s="98"/>
      <c r="EY2736" s="97"/>
      <c r="FL2736" s="126"/>
      <c r="FM2736" s="91"/>
      <c r="FN2736" s="91"/>
      <c r="FO2736" s="91"/>
      <c r="FP2736" s="91"/>
      <c r="FQ2736" s="91"/>
      <c r="FR2736" s="91"/>
      <c r="FS2736" s="91"/>
      <c r="FT2736" s="91"/>
      <c r="FU2736" s="91"/>
      <c r="FV2736" s="91"/>
      <c r="FW2736" s="91"/>
      <c r="FX2736" s="91"/>
      <c r="FY2736" s="91"/>
      <c r="FZ2736" s="91"/>
      <c r="GA2736" s="91"/>
      <c r="GB2736" s="91"/>
      <c r="GC2736" s="91"/>
      <c r="GD2736" s="91"/>
      <c r="GE2736" s="91"/>
      <c r="GF2736" s="91"/>
      <c r="GG2736" s="91"/>
      <c r="GH2736" s="91"/>
      <c r="GI2736" s="91"/>
      <c r="GJ2736" s="91"/>
      <c r="GK2736" s="127"/>
      <c r="GL2736" s="126"/>
      <c r="GM2736" s="91"/>
      <c r="GN2736" s="91"/>
      <c r="GO2736" s="91"/>
      <c r="GP2736" s="91"/>
      <c r="GQ2736" s="91"/>
      <c r="GR2736" s="91"/>
      <c r="GS2736" s="91"/>
      <c r="GT2736" s="91"/>
      <c r="GU2736" s="91"/>
      <c r="GV2736" s="91"/>
      <c r="GW2736" s="91"/>
      <c r="GX2736" s="91"/>
      <c r="GY2736" s="91"/>
      <c r="GZ2736" s="91"/>
      <c r="HA2736" s="91"/>
      <c r="HB2736" s="91"/>
      <c r="HC2736" s="91"/>
      <c r="HD2736" s="91"/>
      <c r="HE2736" s="91"/>
      <c r="HF2736" s="91"/>
      <c r="HG2736" s="91"/>
      <c r="HH2736" s="91"/>
      <c r="HI2736" s="91"/>
      <c r="HJ2736" s="91"/>
      <c r="HK2736" s="127"/>
      <c r="HL2736" s="126"/>
      <c r="HM2736" s="91"/>
      <c r="HN2736" s="91"/>
      <c r="HO2736" s="91"/>
      <c r="HP2736" s="91"/>
      <c r="HQ2736" s="91"/>
      <c r="HR2736" s="91"/>
      <c r="HS2736" s="91"/>
      <c r="HT2736" s="91"/>
      <c r="HU2736" s="91"/>
      <c r="HV2736" s="91"/>
      <c r="HW2736" s="91"/>
      <c r="HX2736" s="91"/>
      <c r="HY2736" s="91"/>
      <c r="HZ2736" s="91"/>
      <c r="IA2736" s="91"/>
      <c r="IB2736" s="91"/>
      <c r="IC2736" s="91"/>
      <c r="ID2736" s="91"/>
      <c r="IE2736" s="91"/>
      <c r="IF2736" s="91"/>
      <c r="IG2736" s="91"/>
      <c r="IH2736" s="91"/>
      <c r="II2736" s="91"/>
      <c r="IJ2736" s="91"/>
      <c r="IK2736" s="127"/>
    </row>
    <row r="2737" spans="2:245" x14ac:dyDescent="0.2">
      <c r="B2737" s="43"/>
      <c r="C2737" s="73"/>
      <c r="D2737" s="64"/>
      <c r="E2737" s="64"/>
      <c r="F2737" s="55"/>
      <c r="G2737" s="102"/>
      <c r="H2737" s="55"/>
      <c r="I2737" s="55"/>
      <c r="J2737" s="55"/>
      <c r="K2737" s="55"/>
      <c r="L2737" s="55"/>
      <c r="M2737" s="55"/>
      <c r="N2737" s="55"/>
      <c r="O2737" s="55"/>
      <c r="P2737" s="55"/>
      <c r="Q2737" s="55"/>
      <c r="R2737" s="55"/>
      <c r="S2737" s="55"/>
      <c r="T2737" s="55"/>
      <c r="U2737" s="55"/>
      <c r="V2737" s="55"/>
      <c r="W2737" s="55"/>
      <c r="X2737" s="55"/>
      <c r="Y2737" s="55"/>
      <c r="Z2737" s="55"/>
      <c r="AA2737" s="55"/>
      <c r="AB2737" s="55"/>
      <c r="AC2737" s="55"/>
      <c r="AD2737" s="55"/>
      <c r="AE2737" s="55"/>
      <c r="AF2737" s="55"/>
      <c r="AG2737" s="55"/>
      <c r="AY2737" s="162"/>
      <c r="AZ2737" s="162"/>
      <c r="BA2737" s="162"/>
      <c r="BB2737" s="162"/>
      <c r="BC2737" s="162"/>
      <c r="BD2737" s="162"/>
      <c r="BE2737" s="162"/>
      <c r="BF2737" s="162"/>
      <c r="BG2737" s="162"/>
      <c r="BH2737" s="162"/>
      <c r="BI2737" s="162"/>
      <c r="BJ2737" s="162"/>
      <c r="BK2737" s="162"/>
      <c r="BL2737" s="162"/>
      <c r="BM2737" s="162"/>
      <c r="BN2737" s="162"/>
      <c r="BO2737" s="162"/>
      <c r="BP2737" s="162"/>
      <c r="BQ2737" s="162"/>
      <c r="BR2737" s="162"/>
      <c r="BS2737" s="162"/>
      <c r="BT2737" s="162"/>
      <c r="BU2737" s="162"/>
      <c r="BV2737" s="162"/>
      <c r="BW2737" s="162"/>
      <c r="BX2737" s="162"/>
      <c r="BY2737" s="162"/>
      <c r="BZ2737" s="162"/>
      <c r="CA2737" s="162"/>
      <c r="CB2737" s="162"/>
      <c r="CC2737" s="162"/>
      <c r="CD2737" s="162"/>
      <c r="CE2737" s="162"/>
      <c r="CF2737" s="162"/>
      <c r="CG2737" s="162"/>
      <c r="CH2737" s="162"/>
      <c r="CI2737" s="162"/>
      <c r="CJ2737" s="162"/>
      <c r="CK2737" s="162"/>
      <c r="CX2737" s="98"/>
      <c r="DL2737" s="97"/>
      <c r="DX2737" s="98"/>
      <c r="EL2737" s="97"/>
      <c r="EX2737" s="98"/>
      <c r="EY2737" s="97"/>
      <c r="FL2737" s="126"/>
      <c r="FM2737" s="91"/>
      <c r="FN2737" s="91"/>
      <c r="FO2737" s="91"/>
      <c r="FP2737" s="91"/>
      <c r="FQ2737" s="91"/>
      <c r="FR2737" s="91"/>
      <c r="FS2737" s="91"/>
      <c r="FT2737" s="91"/>
      <c r="FU2737" s="91"/>
      <c r="FV2737" s="91"/>
      <c r="FW2737" s="91"/>
      <c r="FX2737" s="91"/>
      <c r="FY2737" s="91"/>
      <c r="FZ2737" s="91"/>
      <c r="GA2737" s="91"/>
      <c r="GB2737" s="91"/>
      <c r="GC2737" s="91"/>
      <c r="GD2737" s="91"/>
      <c r="GE2737" s="91"/>
      <c r="GF2737" s="91"/>
      <c r="GG2737" s="91"/>
      <c r="GH2737" s="91"/>
      <c r="GI2737" s="91"/>
      <c r="GJ2737" s="91"/>
      <c r="GK2737" s="127"/>
      <c r="GL2737" s="126"/>
      <c r="GM2737" s="91"/>
      <c r="GN2737" s="91"/>
      <c r="GO2737" s="91"/>
      <c r="GP2737" s="91"/>
      <c r="GQ2737" s="91"/>
      <c r="GR2737" s="91"/>
      <c r="GS2737" s="91"/>
      <c r="GT2737" s="91"/>
      <c r="GU2737" s="91"/>
      <c r="GV2737" s="91"/>
      <c r="GW2737" s="91"/>
      <c r="GX2737" s="91"/>
      <c r="GY2737" s="91"/>
      <c r="GZ2737" s="91"/>
      <c r="HA2737" s="91"/>
      <c r="HB2737" s="91"/>
      <c r="HC2737" s="91"/>
      <c r="HD2737" s="91"/>
      <c r="HE2737" s="91"/>
      <c r="HF2737" s="91"/>
      <c r="HG2737" s="91"/>
      <c r="HH2737" s="91"/>
      <c r="HI2737" s="91"/>
      <c r="HJ2737" s="91"/>
      <c r="HK2737" s="127"/>
      <c r="HL2737" s="126"/>
      <c r="HM2737" s="91"/>
      <c r="HN2737" s="91"/>
      <c r="HO2737" s="91"/>
      <c r="HP2737" s="91"/>
      <c r="HQ2737" s="91"/>
      <c r="HR2737" s="91"/>
      <c r="HS2737" s="91"/>
      <c r="HT2737" s="91"/>
      <c r="HU2737" s="91"/>
      <c r="HV2737" s="91"/>
      <c r="HW2737" s="91"/>
      <c r="HX2737" s="91"/>
      <c r="HY2737" s="91"/>
      <c r="HZ2737" s="91"/>
      <c r="IA2737" s="91"/>
      <c r="IB2737" s="91"/>
      <c r="IC2737" s="91"/>
      <c r="ID2737" s="91"/>
      <c r="IE2737" s="91"/>
      <c r="IF2737" s="91"/>
      <c r="IG2737" s="91"/>
      <c r="IH2737" s="91"/>
      <c r="II2737" s="91"/>
      <c r="IJ2737" s="91"/>
      <c r="IK2737" s="127"/>
    </row>
    <row r="2738" spans="2:245" x14ac:dyDescent="0.2">
      <c r="B2738" s="43"/>
      <c r="C2738" s="73"/>
      <c r="D2738" s="64"/>
      <c r="E2738" s="64"/>
      <c r="F2738" s="55"/>
      <c r="G2738" s="102"/>
      <c r="H2738" s="55"/>
      <c r="I2738" s="55"/>
      <c r="J2738" s="55"/>
      <c r="K2738" s="55"/>
      <c r="L2738" s="55"/>
      <c r="M2738" s="55"/>
      <c r="N2738" s="55"/>
      <c r="O2738" s="55"/>
      <c r="P2738" s="55"/>
      <c r="Q2738" s="55"/>
      <c r="R2738" s="55"/>
      <c r="S2738" s="55"/>
      <c r="T2738" s="55"/>
      <c r="U2738" s="55"/>
      <c r="V2738" s="55"/>
      <c r="W2738" s="55"/>
      <c r="X2738" s="55"/>
      <c r="Y2738" s="55"/>
      <c r="Z2738" s="55"/>
      <c r="AA2738" s="55"/>
      <c r="AB2738" s="55"/>
      <c r="AC2738" s="55"/>
      <c r="AD2738" s="55"/>
      <c r="AE2738" s="55"/>
      <c r="AF2738" s="55"/>
      <c r="AG2738" s="55"/>
      <c r="AY2738" s="162"/>
      <c r="AZ2738" s="162"/>
      <c r="BA2738" s="162"/>
      <c r="BB2738" s="162"/>
      <c r="BC2738" s="162"/>
      <c r="BD2738" s="162"/>
      <c r="BE2738" s="162"/>
      <c r="BF2738" s="162"/>
      <c r="BG2738" s="162"/>
      <c r="BH2738" s="162"/>
      <c r="BI2738" s="162"/>
      <c r="BJ2738" s="162"/>
      <c r="BK2738" s="162"/>
      <c r="BL2738" s="162"/>
      <c r="BM2738" s="162"/>
      <c r="BN2738" s="162"/>
      <c r="BO2738" s="162"/>
      <c r="BP2738" s="162"/>
      <c r="BQ2738" s="162"/>
      <c r="BR2738" s="162"/>
      <c r="BS2738" s="162"/>
      <c r="BT2738" s="162"/>
      <c r="BU2738" s="162"/>
      <c r="BV2738" s="162"/>
      <c r="BW2738" s="162"/>
      <c r="BX2738" s="162"/>
      <c r="BY2738" s="162"/>
      <c r="BZ2738" s="162"/>
      <c r="CA2738" s="162"/>
      <c r="CB2738" s="162"/>
      <c r="CC2738" s="162"/>
      <c r="CD2738" s="162"/>
      <c r="CE2738" s="162"/>
      <c r="CF2738" s="162"/>
      <c r="CG2738" s="162"/>
      <c r="CH2738" s="162"/>
      <c r="CI2738" s="162"/>
      <c r="CJ2738" s="162"/>
      <c r="CK2738" s="162"/>
      <c r="CX2738" s="98"/>
      <c r="DL2738" s="97"/>
      <c r="DX2738" s="98"/>
      <c r="EL2738" s="97"/>
      <c r="EX2738" s="98"/>
      <c r="EY2738" s="97"/>
      <c r="FL2738" s="126"/>
      <c r="FM2738" s="91"/>
      <c r="FN2738" s="91"/>
      <c r="FO2738" s="91"/>
      <c r="FP2738" s="91"/>
      <c r="FQ2738" s="91"/>
      <c r="FR2738" s="91"/>
      <c r="FS2738" s="91"/>
      <c r="FT2738" s="91"/>
      <c r="FU2738" s="91"/>
      <c r="FV2738" s="91"/>
      <c r="FW2738" s="91"/>
      <c r="FX2738" s="91"/>
      <c r="FY2738" s="91"/>
      <c r="FZ2738" s="91"/>
      <c r="GA2738" s="91"/>
      <c r="GB2738" s="91"/>
      <c r="GC2738" s="91"/>
      <c r="GD2738" s="91"/>
      <c r="GE2738" s="91"/>
      <c r="GF2738" s="91"/>
      <c r="GG2738" s="91"/>
      <c r="GH2738" s="91"/>
      <c r="GI2738" s="91"/>
      <c r="GJ2738" s="91"/>
      <c r="GK2738" s="127"/>
      <c r="GL2738" s="126"/>
      <c r="GM2738" s="91"/>
      <c r="GN2738" s="91"/>
      <c r="GO2738" s="91"/>
      <c r="GP2738" s="91"/>
      <c r="GQ2738" s="91"/>
      <c r="GR2738" s="91"/>
      <c r="GS2738" s="91"/>
      <c r="GT2738" s="91"/>
      <c r="GU2738" s="91"/>
      <c r="GV2738" s="91"/>
      <c r="GW2738" s="91"/>
      <c r="GX2738" s="91"/>
      <c r="GY2738" s="91"/>
      <c r="GZ2738" s="91"/>
      <c r="HA2738" s="91"/>
      <c r="HB2738" s="91"/>
      <c r="HC2738" s="91"/>
      <c r="HD2738" s="91"/>
      <c r="HE2738" s="91"/>
      <c r="HF2738" s="91"/>
      <c r="HG2738" s="91"/>
      <c r="HH2738" s="91"/>
      <c r="HI2738" s="91"/>
      <c r="HJ2738" s="91"/>
      <c r="HK2738" s="127"/>
      <c r="HL2738" s="126"/>
      <c r="HM2738" s="91"/>
      <c r="HN2738" s="91"/>
      <c r="HO2738" s="91"/>
      <c r="HP2738" s="91"/>
      <c r="HQ2738" s="91"/>
      <c r="HR2738" s="91"/>
      <c r="HS2738" s="91"/>
      <c r="HT2738" s="91"/>
      <c r="HU2738" s="91"/>
      <c r="HV2738" s="91"/>
      <c r="HW2738" s="91"/>
      <c r="HX2738" s="91"/>
      <c r="HY2738" s="91"/>
      <c r="HZ2738" s="91"/>
      <c r="IA2738" s="91"/>
      <c r="IB2738" s="91"/>
      <c r="IC2738" s="91"/>
      <c r="ID2738" s="91"/>
      <c r="IE2738" s="91"/>
      <c r="IF2738" s="91"/>
      <c r="IG2738" s="91"/>
      <c r="IH2738" s="91"/>
      <c r="II2738" s="91"/>
      <c r="IJ2738" s="91"/>
      <c r="IK2738" s="127"/>
    </row>
    <row r="2739" spans="2:245" x14ac:dyDescent="0.2">
      <c r="B2739" s="43"/>
      <c r="C2739" s="73"/>
      <c r="D2739" s="64"/>
      <c r="E2739" s="64"/>
      <c r="F2739" s="55"/>
      <c r="G2739" s="102"/>
      <c r="H2739" s="55"/>
      <c r="I2739" s="55"/>
      <c r="J2739" s="55"/>
      <c r="K2739" s="55"/>
      <c r="L2739" s="55"/>
      <c r="M2739" s="55"/>
      <c r="N2739" s="55"/>
      <c r="O2739" s="55"/>
      <c r="P2739" s="55"/>
      <c r="Q2739" s="55"/>
      <c r="R2739" s="55"/>
      <c r="S2739" s="55"/>
      <c r="T2739" s="55"/>
      <c r="U2739" s="55"/>
      <c r="V2739" s="55"/>
      <c r="W2739" s="55"/>
      <c r="X2739" s="55"/>
      <c r="Y2739" s="55"/>
      <c r="Z2739" s="55"/>
      <c r="AA2739" s="55"/>
      <c r="AB2739" s="55"/>
      <c r="AC2739" s="55"/>
      <c r="AD2739" s="55"/>
      <c r="AE2739" s="55"/>
      <c r="AF2739" s="55"/>
      <c r="AG2739" s="55"/>
      <c r="AY2739" s="162"/>
      <c r="AZ2739" s="162"/>
      <c r="BA2739" s="162"/>
      <c r="BB2739" s="162"/>
      <c r="BC2739" s="162"/>
      <c r="BD2739" s="162"/>
      <c r="BE2739" s="162"/>
      <c r="BF2739" s="162"/>
      <c r="BG2739" s="162"/>
      <c r="BH2739" s="162"/>
      <c r="BI2739" s="162"/>
      <c r="BJ2739" s="162"/>
      <c r="BK2739" s="162"/>
      <c r="BL2739" s="162"/>
      <c r="BM2739" s="162"/>
      <c r="BN2739" s="162"/>
      <c r="BO2739" s="162"/>
      <c r="BP2739" s="162"/>
      <c r="BQ2739" s="162"/>
      <c r="BR2739" s="162"/>
      <c r="BS2739" s="162"/>
      <c r="BT2739" s="162"/>
      <c r="BU2739" s="162"/>
      <c r="BV2739" s="162"/>
      <c r="BW2739" s="162"/>
      <c r="BX2739" s="162"/>
      <c r="BY2739" s="162"/>
      <c r="BZ2739" s="162"/>
      <c r="CA2739" s="162"/>
      <c r="CB2739" s="162"/>
      <c r="CC2739" s="162"/>
      <c r="CD2739" s="162"/>
      <c r="CE2739" s="162"/>
      <c r="CF2739" s="162"/>
      <c r="CG2739" s="162"/>
      <c r="CH2739" s="162"/>
      <c r="CI2739" s="162"/>
      <c r="CJ2739" s="162"/>
      <c r="CK2739" s="162"/>
      <c r="CX2739" s="98"/>
      <c r="DL2739" s="97"/>
      <c r="DX2739" s="98"/>
      <c r="EL2739" s="97"/>
      <c r="EX2739" s="98"/>
      <c r="EY2739" s="97"/>
      <c r="FL2739" s="126"/>
      <c r="FM2739" s="91"/>
      <c r="FN2739" s="91"/>
      <c r="FO2739" s="91"/>
      <c r="FP2739" s="91"/>
      <c r="FQ2739" s="91"/>
      <c r="FR2739" s="91"/>
      <c r="FS2739" s="91"/>
      <c r="FT2739" s="91"/>
      <c r="FU2739" s="91"/>
      <c r="FV2739" s="91"/>
      <c r="FW2739" s="91"/>
      <c r="FX2739" s="91"/>
      <c r="FY2739" s="91"/>
      <c r="FZ2739" s="91"/>
      <c r="GA2739" s="91"/>
      <c r="GB2739" s="91"/>
      <c r="GC2739" s="91"/>
      <c r="GD2739" s="91"/>
      <c r="GE2739" s="91"/>
      <c r="GF2739" s="91"/>
      <c r="GG2739" s="91"/>
      <c r="GH2739" s="91"/>
      <c r="GI2739" s="91"/>
      <c r="GJ2739" s="91"/>
      <c r="GK2739" s="127"/>
      <c r="GL2739" s="126"/>
      <c r="GM2739" s="91"/>
      <c r="GN2739" s="91"/>
      <c r="GO2739" s="91"/>
      <c r="GP2739" s="91"/>
      <c r="GQ2739" s="91"/>
      <c r="GR2739" s="91"/>
      <c r="GS2739" s="91"/>
      <c r="GT2739" s="91"/>
      <c r="GU2739" s="91"/>
      <c r="GV2739" s="91"/>
      <c r="GW2739" s="91"/>
      <c r="GX2739" s="91"/>
      <c r="GY2739" s="91"/>
      <c r="GZ2739" s="91"/>
      <c r="HA2739" s="91"/>
      <c r="HB2739" s="91"/>
      <c r="HC2739" s="91"/>
      <c r="HD2739" s="91"/>
      <c r="HE2739" s="91"/>
      <c r="HF2739" s="91"/>
      <c r="HG2739" s="91"/>
      <c r="HH2739" s="91"/>
      <c r="HI2739" s="91"/>
      <c r="HJ2739" s="91"/>
      <c r="HK2739" s="127"/>
      <c r="HL2739" s="126"/>
      <c r="HM2739" s="91"/>
      <c r="HN2739" s="91"/>
      <c r="HO2739" s="91"/>
      <c r="HP2739" s="91"/>
      <c r="HQ2739" s="91"/>
      <c r="HR2739" s="91"/>
      <c r="HS2739" s="91"/>
      <c r="HT2739" s="91"/>
      <c r="HU2739" s="91"/>
      <c r="HV2739" s="91"/>
      <c r="HW2739" s="91"/>
      <c r="HX2739" s="91"/>
      <c r="HY2739" s="91"/>
      <c r="HZ2739" s="91"/>
      <c r="IA2739" s="91"/>
      <c r="IB2739" s="91"/>
      <c r="IC2739" s="91"/>
      <c r="ID2739" s="91"/>
      <c r="IE2739" s="91"/>
      <c r="IF2739" s="91"/>
      <c r="IG2739" s="91"/>
      <c r="IH2739" s="91"/>
      <c r="II2739" s="91"/>
      <c r="IJ2739" s="91"/>
      <c r="IK2739" s="127"/>
    </row>
    <row r="2740" spans="2:245" x14ac:dyDescent="0.2">
      <c r="B2740" s="43"/>
      <c r="C2740" s="73"/>
      <c r="D2740" s="64"/>
      <c r="E2740" s="64"/>
      <c r="F2740" s="55"/>
      <c r="G2740" s="102"/>
      <c r="H2740" s="55"/>
      <c r="I2740" s="55"/>
      <c r="J2740" s="55"/>
      <c r="K2740" s="55"/>
      <c r="L2740" s="55"/>
      <c r="M2740" s="55"/>
      <c r="N2740" s="55"/>
      <c r="O2740" s="55"/>
      <c r="P2740" s="55"/>
      <c r="Q2740" s="55"/>
      <c r="R2740" s="55"/>
      <c r="S2740" s="55"/>
      <c r="T2740" s="55"/>
      <c r="U2740" s="55"/>
      <c r="V2740" s="55"/>
      <c r="W2740" s="55"/>
      <c r="X2740" s="55"/>
      <c r="Y2740" s="55"/>
      <c r="Z2740" s="55"/>
      <c r="AA2740" s="55"/>
      <c r="AB2740" s="55"/>
      <c r="AC2740" s="55"/>
      <c r="AD2740" s="55"/>
      <c r="AE2740" s="55"/>
      <c r="AF2740" s="55"/>
      <c r="AG2740" s="55"/>
      <c r="AY2740" s="162"/>
      <c r="AZ2740" s="162"/>
      <c r="BA2740" s="162"/>
      <c r="BB2740" s="162"/>
      <c r="BC2740" s="162"/>
      <c r="BD2740" s="162"/>
      <c r="BE2740" s="162"/>
      <c r="BF2740" s="162"/>
      <c r="BG2740" s="162"/>
      <c r="BH2740" s="162"/>
      <c r="BI2740" s="162"/>
      <c r="BJ2740" s="162"/>
      <c r="BK2740" s="162"/>
      <c r="BL2740" s="162"/>
      <c r="BM2740" s="162"/>
      <c r="BN2740" s="162"/>
      <c r="BO2740" s="162"/>
      <c r="BP2740" s="162"/>
      <c r="BQ2740" s="162"/>
      <c r="BR2740" s="162"/>
      <c r="BS2740" s="162"/>
      <c r="BT2740" s="162"/>
      <c r="BU2740" s="162"/>
      <c r="BV2740" s="162"/>
      <c r="BW2740" s="162"/>
      <c r="BX2740" s="162"/>
      <c r="BY2740" s="162"/>
      <c r="BZ2740" s="162"/>
      <c r="CA2740" s="162"/>
      <c r="CB2740" s="162"/>
      <c r="CC2740" s="162"/>
      <c r="CD2740" s="162"/>
      <c r="CE2740" s="162"/>
      <c r="CF2740" s="162"/>
      <c r="CG2740" s="162"/>
      <c r="CH2740" s="162"/>
      <c r="CI2740" s="162"/>
      <c r="CJ2740" s="162"/>
      <c r="CK2740" s="162"/>
      <c r="CX2740" s="98"/>
      <c r="DL2740" s="97"/>
      <c r="DX2740" s="98"/>
      <c r="EL2740" s="97"/>
      <c r="EX2740" s="98"/>
      <c r="EY2740" s="97"/>
      <c r="FL2740" s="126"/>
      <c r="FM2740" s="91"/>
      <c r="FN2740" s="91"/>
      <c r="FO2740" s="91"/>
      <c r="FP2740" s="91"/>
      <c r="FQ2740" s="91"/>
      <c r="FR2740" s="91"/>
      <c r="FS2740" s="91"/>
      <c r="FT2740" s="91"/>
      <c r="FU2740" s="91"/>
      <c r="FV2740" s="91"/>
      <c r="FW2740" s="91"/>
      <c r="FX2740" s="91"/>
      <c r="FY2740" s="91"/>
      <c r="FZ2740" s="91"/>
      <c r="GA2740" s="91"/>
      <c r="GB2740" s="91"/>
      <c r="GC2740" s="91"/>
      <c r="GD2740" s="91"/>
      <c r="GE2740" s="91"/>
      <c r="GF2740" s="91"/>
      <c r="GG2740" s="91"/>
      <c r="GH2740" s="91"/>
      <c r="GI2740" s="91"/>
      <c r="GJ2740" s="91"/>
      <c r="GK2740" s="127"/>
      <c r="GL2740" s="126"/>
      <c r="GM2740" s="91"/>
      <c r="GN2740" s="91"/>
      <c r="GO2740" s="91"/>
      <c r="GP2740" s="91"/>
      <c r="GQ2740" s="91"/>
      <c r="GR2740" s="91"/>
      <c r="GS2740" s="91"/>
      <c r="GT2740" s="91"/>
      <c r="GU2740" s="91"/>
      <c r="GV2740" s="91"/>
      <c r="GW2740" s="91"/>
      <c r="GX2740" s="91"/>
      <c r="GY2740" s="91"/>
      <c r="GZ2740" s="91"/>
      <c r="HA2740" s="91"/>
      <c r="HB2740" s="91"/>
      <c r="HC2740" s="91"/>
      <c r="HD2740" s="91"/>
      <c r="HE2740" s="91"/>
      <c r="HF2740" s="91"/>
      <c r="HG2740" s="91"/>
      <c r="HH2740" s="91"/>
      <c r="HI2740" s="91"/>
      <c r="HJ2740" s="91"/>
      <c r="HK2740" s="127"/>
      <c r="HL2740" s="126"/>
      <c r="HM2740" s="91"/>
      <c r="HN2740" s="91"/>
      <c r="HO2740" s="91"/>
      <c r="HP2740" s="91"/>
      <c r="HQ2740" s="91"/>
      <c r="HR2740" s="91"/>
      <c r="HS2740" s="91"/>
      <c r="HT2740" s="91"/>
      <c r="HU2740" s="91"/>
      <c r="HV2740" s="91"/>
      <c r="HW2740" s="91"/>
      <c r="HX2740" s="91"/>
      <c r="HY2740" s="91"/>
      <c r="HZ2740" s="91"/>
      <c r="IA2740" s="91"/>
      <c r="IB2740" s="91"/>
      <c r="IC2740" s="91"/>
      <c r="ID2740" s="91"/>
      <c r="IE2740" s="91"/>
      <c r="IF2740" s="91"/>
      <c r="IG2740" s="91"/>
      <c r="IH2740" s="91"/>
      <c r="II2740" s="91"/>
      <c r="IJ2740" s="91"/>
      <c r="IK2740" s="127"/>
    </row>
    <row r="2741" spans="2:245" x14ac:dyDescent="0.2">
      <c r="B2741" s="43"/>
      <c r="C2741" s="73"/>
      <c r="D2741" s="64"/>
      <c r="E2741" s="64"/>
      <c r="F2741" s="55"/>
      <c r="G2741" s="102"/>
      <c r="H2741" s="55"/>
      <c r="I2741" s="55"/>
      <c r="J2741" s="55"/>
      <c r="K2741" s="55"/>
      <c r="L2741" s="55"/>
      <c r="M2741" s="55"/>
      <c r="N2741" s="55"/>
      <c r="O2741" s="55"/>
      <c r="P2741" s="55"/>
      <c r="Q2741" s="55"/>
      <c r="R2741" s="55"/>
      <c r="S2741" s="55"/>
      <c r="T2741" s="55"/>
      <c r="U2741" s="55"/>
      <c r="V2741" s="55"/>
      <c r="W2741" s="55"/>
      <c r="X2741" s="55"/>
      <c r="Y2741" s="55"/>
      <c r="Z2741" s="55"/>
      <c r="AA2741" s="55"/>
      <c r="AB2741" s="55"/>
      <c r="AC2741" s="55"/>
      <c r="AD2741" s="55"/>
      <c r="AE2741" s="55"/>
      <c r="AF2741" s="55"/>
      <c r="AG2741" s="55"/>
      <c r="AY2741" s="162"/>
      <c r="AZ2741" s="162"/>
      <c r="BA2741" s="162"/>
      <c r="BB2741" s="162"/>
      <c r="BC2741" s="162"/>
      <c r="BD2741" s="162"/>
      <c r="BE2741" s="162"/>
      <c r="BF2741" s="162"/>
      <c r="BG2741" s="162"/>
      <c r="BH2741" s="162"/>
      <c r="BI2741" s="162"/>
      <c r="BJ2741" s="162"/>
      <c r="BK2741" s="162"/>
      <c r="BL2741" s="162"/>
      <c r="BM2741" s="162"/>
      <c r="BN2741" s="162"/>
      <c r="BO2741" s="162"/>
      <c r="BP2741" s="162"/>
      <c r="BQ2741" s="162"/>
      <c r="BR2741" s="162"/>
      <c r="BS2741" s="162"/>
      <c r="BT2741" s="162"/>
      <c r="BU2741" s="162"/>
      <c r="BV2741" s="162"/>
      <c r="BW2741" s="162"/>
      <c r="BX2741" s="162"/>
      <c r="BY2741" s="162"/>
      <c r="BZ2741" s="162"/>
      <c r="CA2741" s="162"/>
      <c r="CB2741" s="162"/>
      <c r="CC2741" s="162"/>
      <c r="CD2741" s="162"/>
      <c r="CE2741" s="162"/>
      <c r="CF2741" s="162"/>
      <c r="CG2741" s="162"/>
      <c r="CH2741" s="162"/>
      <c r="CI2741" s="162"/>
      <c r="CJ2741" s="162"/>
      <c r="CK2741" s="162"/>
      <c r="CX2741" s="98"/>
      <c r="DL2741" s="97"/>
      <c r="DX2741" s="98"/>
      <c r="EL2741" s="97"/>
      <c r="EX2741" s="98"/>
      <c r="EY2741" s="97"/>
      <c r="FL2741" s="126"/>
      <c r="FM2741" s="91"/>
      <c r="FN2741" s="91"/>
      <c r="FO2741" s="91"/>
      <c r="FP2741" s="91"/>
      <c r="FQ2741" s="91"/>
      <c r="FR2741" s="91"/>
      <c r="FS2741" s="91"/>
      <c r="FT2741" s="91"/>
      <c r="FU2741" s="91"/>
      <c r="FV2741" s="91"/>
      <c r="FW2741" s="91"/>
      <c r="FX2741" s="91"/>
      <c r="FY2741" s="91"/>
      <c r="FZ2741" s="91"/>
      <c r="GA2741" s="91"/>
      <c r="GB2741" s="91"/>
      <c r="GC2741" s="91"/>
      <c r="GD2741" s="91"/>
      <c r="GE2741" s="91"/>
      <c r="GF2741" s="91"/>
      <c r="GG2741" s="91"/>
      <c r="GH2741" s="91"/>
      <c r="GI2741" s="91"/>
      <c r="GJ2741" s="91"/>
      <c r="GK2741" s="127"/>
      <c r="GL2741" s="126"/>
      <c r="GM2741" s="91"/>
      <c r="GN2741" s="91"/>
      <c r="GO2741" s="91"/>
      <c r="GP2741" s="91"/>
      <c r="GQ2741" s="91"/>
      <c r="GR2741" s="91"/>
      <c r="GS2741" s="91"/>
      <c r="GT2741" s="91"/>
      <c r="GU2741" s="91"/>
      <c r="GV2741" s="91"/>
      <c r="GW2741" s="91"/>
      <c r="GX2741" s="91"/>
      <c r="GY2741" s="91"/>
      <c r="GZ2741" s="91"/>
      <c r="HA2741" s="91"/>
      <c r="HB2741" s="91"/>
      <c r="HC2741" s="91"/>
      <c r="HD2741" s="91"/>
      <c r="HE2741" s="91"/>
      <c r="HF2741" s="91"/>
      <c r="HG2741" s="91"/>
      <c r="HH2741" s="91"/>
      <c r="HI2741" s="91"/>
      <c r="HJ2741" s="91"/>
      <c r="HK2741" s="127"/>
      <c r="HL2741" s="126"/>
      <c r="HM2741" s="91"/>
      <c r="HN2741" s="91"/>
      <c r="HO2741" s="91"/>
      <c r="HP2741" s="91"/>
      <c r="HQ2741" s="91"/>
      <c r="HR2741" s="91"/>
      <c r="HS2741" s="91"/>
      <c r="HT2741" s="91"/>
      <c r="HU2741" s="91"/>
      <c r="HV2741" s="91"/>
      <c r="HW2741" s="91"/>
      <c r="HX2741" s="91"/>
      <c r="HY2741" s="91"/>
      <c r="HZ2741" s="91"/>
      <c r="IA2741" s="91"/>
      <c r="IB2741" s="91"/>
      <c r="IC2741" s="91"/>
      <c r="ID2741" s="91"/>
      <c r="IE2741" s="91"/>
      <c r="IF2741" s="91"/>
      <c r="IG2741" s="91"/>
      <c r="IH2741" s="91"/>
      <c r="II2741" s="91"/>
      <c r="IJ2741" s="91"/>
      <c r="IK2741" s="127"/>
    </row>
    <row r="2742" spans="2:245" x14ac:dyDescent="0.2">
      <c r="B2742" s="43"/>
      <c r="C2742" s="73"/>
      <c r="D2742" s="64"/>
      <c r="E2742" s="64"/>
      <c r="F2742" s="55"/>
      <c r="G2742" s="102"/>
      <c r="H2742" s="55"/>
      <c r="I2742" s="55"/>
      <c r="J2742" s="55"/>
      <c r="K2742" s="55"/>
      <c r="L2742" s="55"/>
      <c r="M2742" s="55"/>
      <c r="N2742" s="55"/>
      <c r="O2742" s="55"/>
      <c r="P2742" s="55"/>
      <c r="Q2742" s="55"/>
      <c r="R2742" s="55"/>
      <c r="S2742" s="55"/>
      <c r="T2742" s="55"/>
      <c r="U2742" s="55"/>
      <c r="V2742" s="55"/>
      <c r="W2742" s="55"/>
      <c r="X2742" s="55"/>
      <c r="Y2742" s="55"/>
      <c r="Z2742" s="55"/>
      <c r="AA2742" s="55"/>
      <c r="AB2742" s="55"/>
      <c r="AC2742" s="55"/>
      <c r="AD2742" s="55"/>
      <c r="AE2742" s="55"/>
      <c r="AF2742" s="55"/>
      <c r="AG2742" s="55"/>
      <c r="AY2742" s="162"/>
      <c r="AZ2742" s="162"/>
      <c r="BA2742" s="162"/>
      <c r="BB2742" s="162"/>
      <c r="BC2742" s="162"/>
      <c r="BD2742" s="162"/>
      <c r="BE2742" s="162"/>
      <c r="BF2742" s="162"/>
      <c r="BG2742" s="162"/>
      <c r="BH2742" s="162"/>
      <c r="BI2742" s="162"/>
      <c r="BJ2742" s="162"/>
      <c r="BK2742" s="162"/>
      <c r="BL2742" s="162"/>
      <c r="BM2742" s="162"/>
      <c r="BN2742" s="162"/>
      <c r="BO2742" s="162"/>
      <c r="BP2742" s="162"/>
      <c r="BQ2742" s="162"/>
      <c r="BR2742" s="162"/>
      <c r="BS2742" s="162"/>
      <c r="BT2742" s="162"/>
      <c r="BU2742" s="162"/>
      <c r="BV2742" s="162"/>
      <c r="BW2742" s="162"/>
      <c r="BX2742" s="162"/>
      <c r="BY2742" s="162"/>
      <c r="BZ2742" s="162"/>
      <c r="CA2742" s="162"/>
      <c r="CB2742" s="162"/>
      <c r="CC2742" s="162"/>
      <c r="CD2742" s="162"/>
      <c r="CE2742" s="162"/>
      <c r="CF2742" s="162"/>
      <c r="CG2742" s="162"/>
      <c r="CH2742" s="162"/>
      <c r="CI2742" s="162"/>
      <c r="CJ2742" s="162"/>
      <c r="CK2742" s="162"/>
      <c r="CX2742" s="98"/>
      <c r="DL2742" s="97"/>
      <c r="DX2742" s="98"/>
      <c r="EL2742" s="97"/>
      <c r="EX2742" s="98"/>
      <c r="EY2742" s="97"/>
      <c r="FL2742" s="126"/>
      <c r="FM2742" s="91"/>
      <c r="FN2742" s="91"/>
      <c r="FO2742" s="91"/>
      <c r="FP2742" s="91"/>
      <c r="FQ2742" s="91"/>
      <c r="FR2742" s="91"/>
      <c r="FS2742" s="91"/>
      <c r="FT2742" s="91"/>
      <c r="FU2742" s="91"/>
      <c r="FV2742" s="91"/>
      <c r="FW2742" s="91"/>
      <c r="FX2742" s="91"/>
      <c r="FY2742" s="91"/>
      <c r="FZ2742" s="91"/>
      <c r="GA2742" s="91"/>
      <c r="GB2742" s="91"/>
      <c r="GC2742" s="91"/>
      <c r="GD2742" s="91"/>
      <c r="GE2742" s="91"/>
      <c r="GF2742" s="91"/>
      <c r="GG2742" s="91"/>
      <c r="GH2742" s="91"/>
      <c r="GI2742" s="91"/>
      <c r="GJ2742" s="91"/>
      <c r="GK2742" s="127"/>
      <c r="GL2742" s="126"/>
      <c r="GM2742" s="91"/>
      <c r="GN2742" s="91"/>
      <c r="GO2742" s="91"/>
      <c r="GP2742" s="91"/>
      <c r="GQ2742" s="91"/>
      <c r="GR2742" s="91"/>
      <c r="GS2742" s="91"/>
      <c r="GT2742" s="91"/>
      <c r="GU2742" s="91"/>
      <c r="GV2742" s="91"/>
      <c r="GW2742" s="91"/>
      <c r="GX2742" s="91"/>
      <c r="GY2742" s="91"/>
      <c r="GZ2742" s="91"/>
      <c r="HA2742" s="91"/>
      <c r="HB2742" s="91"/>
      <c r="HC2742" s="91"/>
      <c r="HD2742" s="91"/>
      <c r="HE2742" s="91"/>
      <c r="HF2742" s="91"/>
      <c r="HG2742" s="91"/>
      <c r="HH2742" s="91"/>
      <c r="HI2742" s="91"/>
      <c r="HJ2742" s="91"/>
      <c r="HK2742" s="127"/>
      <c r="HL2742" s="126"/>
      <c r="HM2742" s="91"/>
      <c r="HN2742" s="91"/>
      <c r="HO2742" s="91"/>
      <c r="HP2742" s="91"/>
      <c r="HQ2742" s="91"/>
      <c r="HR2742" s="91"/>
      <c r="HS2742" s="91"/>
      <c r="HT2742" s="91"/>
      <c r="HU2742" s="91"/>
      <c r="HV2742" s="91"/>
      <c r="HW2742" s="91"/>
      <c r="HX2742" s="91"/>
      <c r="HY2742" s="91"/>
      <c r="HZ2742" s="91"/>
      <c r="IA2742" s="91"/>
      <c r="IB2742" s="91"/>
      <c r="IC2742" s="91"/>
      <c r="ID2742" s="91"/>
      <c r="IE2742" s="91"/>
      <c r="IF2742" s="91"/>
      <c r="IG2742" s="91"/>
      <c r="IH2742" s="91"/>
      <c r="II2742" s="91"/>
      <c r="IJ2742" s="91"/>
      <c r="IK2742" s="127"/>
    </row>
    <row r="2743" spans="2:245" x14ac:dyDescent="0.2">
      <c r="B2743" s="43"/>
      <c r="C2743" s="73"/>
      <c r="D2743" s="64"/>
      <c r="E2743" s="64"/>
      <c r="F2743" s="55"/>
      <c r="G2743" s="102"/>
      <c r="H2743" s="55"/>
      <c r="I2743" s="55"/>
      <c r="J2743" s="55"/>
      <c r="K2743" s="55"/>
      <c r="L2743" s="55"/>
      <c r="M2743" s="55"/>
      <c r="N2743" s="55"/>
      <c r="O2743" s="55"/>
      <c r="P2743" s="55"/>
      <c r="Q2743" s="55"/>
      <c r="R2743" s="55"/>
      <c r="S2743" s="55"/>
      <c r="T2743" s="55"/>
      <c r="U2743" s="55"/>
      <c r="V2743" s="55"/>
      <c r="W2743" s="55"/>
      <c r="X2743" s="55"/>
      <c r="Y2743" s="55"/>
      <c r="Z2743" s="55"/>
      <c r="AA2743" s="55"/>
      <c r="AB2743" s="55"/>
      <c r="AC2743" s="55"/>
      <c r="AD2743" s="55"/>
      <c r="AE2743" s="55"/>
      <c r="AF2743" s="55"/>
      <c r="AG2743" s="55"/>
      <c r="AY2743" s="162"/>
      <c r="AZ2743" s="162"/>
      <c r="BA2743" s="162"/>
      <c r="BB2743" s="162"/>
      <c r="BC2743" s="162"/>
      <c r="BD2743" s="162"/>
      <c r="BE2743" s="162"/>
      <c r="BF2743" s="162"/>
      <c r="BG2743" s="162"/>
      <c r="BH2743" s="162"/>
      <c r="BI2743" s="162"/>
      <c r="BJ2743" s="162"/>
      <c r="BK2743" s="162"/>
      <c r="BL2743" s="162"/>
      <c r="BM2743" s="162"/>
      <c r="BN2743" s="162"/>
      <c r="BO2743" s="162"/>
      <c r="BP2743" s="162"/>
      <c r="BQ2743" s="162"/>
      <c r="BR2743" s="162"/>
      <c r="BS2743" s="162"/>
      <c r="BT2743" s="162"/>
      <c r="BU2743" s="162"/>
      <c r="BV2743" s="162"/>
      <c r="BW2743" s="162"/>
      <c r="BX2743" s="162"/>
      <c r="BY2743" s="162"/>
      <c r="BZ2743" s="162"/>
      <c r="CA2743" s="162"/>
      <c r="CB2743" s="162"/>
      <c r="CC2743" s="162"/>
      <c r="CD2743" s="162"/>
      <c r="CE2743" s="162"/>
      <c r="CF2743" s="162"/>
      <c r="CG2743" s="162"/>
      <c r="CH2743" s="162"/>
      <c r="CI2743" s="162"/>
      <c r="CJ2743" s="162"/>
      <c r="CK2743" s="162"/>
      <c r="CX2743" s="98"/>
      <c r="DL2743" s="97"/>
      <c r="DX2743" s="98"/>
      <c r="EL2743" s="97"/>
      <c r="EX2743" s="98"/>
      <c r="EY2743" s="97"/>
      <c r="FL2743" s="126"/>
      <c r="FM2743" s="91"/>
      <c r="FN2743" s="91"/>
      <c r="FO2743" s="91"/>
      <c r="FP2743" s="91"/>
      <c r="FQ2743" s="91"/>
      <c r="FR2743" s="91"/>
      <c r="FS2743" s="91"/>
      <c r="FT2743" s="91"/>
      <c r="FU2743" s="91"/>
      <c r="FV2743" s="91"/>
      <c r="FW2743" s="91"/>
      <c r="FX2743" s="91"/>
      <c r="FY2743" s="91"/>
      <c r="FZ2743" s="91"/>
      <c r="GA2743" s="91"/>
      <c r="GB2743" s="91"/>
      <c r="GC2743" s="91"/>
      <c r="GD2743" s="91"/>
      <c r="GE2743" s="91"/>
      <c r="GF2743" s="91"/>
      <c r="GG2743" s="91"/>
      <c r="GH2743" s="91"/>
      <c r="GI2743" s="91"/>
      <c r="GJ2743" s="91"/>
      <c r="GK2743" s="127"/>
      <c r="GL2743" s="126"/>
      <c r="GM2743" s="91"/>
      <c r="GN2743" s="91"/>
      <c r="GO2743" s="91"/>
      <c r="GP2743" s="91"/>
      <c r="GQ2743" s="91"/>
      <c r="GR2743" s="91"/>
      <c r="GS2743" s="91"/>
      <c r="GT2743" s="91"/>
      <c r="GU2743" s="91"/>
      <c r="GV2743" s="91"/>
      <c r="GW2743" s="91"/>
      <c r="GX2743" s="91"/>
      <c r="GY2743" s="91"/>
      <c r="GZ2743" s="91"/>
      <c r="HA2743" s="91"/>
      <c r="HB2743" s="91"/>
      <c r="HC2743" s="91"/>
      <c r="HD2743" s="91"/>
      <c r="HE2743" s="91"/>
      <c r="HF2743" s="91"/>
      <c r="HG2743" s="91"/>
      <c r="HH2743" s="91"/>
      <c r="HI2743" s="91"/>
      <c r="HJ2743" s="91"/>
      <c r="HK2743" s="127"/>
      <c r="HL2743" s="126"/>
      <c r="HM2743" s="91"/>
      <c r="HN2743" s="91"/>
      <c r="HO2743" s="91"/>
      <c r="HP2743" s="91"/>
      <c r="HQ2743" s="91"/>
      <c r="HR2743" s="91"/>
      <c r="HS2743" s="91"/>
      <c r="HT2743" s="91"/>
      <c r="HU2743" s="91"/>
      <c r="HV2743" s="91"/>
      <c r="HW2743" s="91"/>
      <c r="HX2743" s="91"/>
      <c r="HY2743" s="91"/>
      <c r="HZ2743" s="91"/>
      <c r="IA2743" s="91"/>
      <c r="IB2743" s="91"/>
      <c r="IC2743" s="91"/>
      <c r="ID2743" s="91"/>
      <c r="IE2743" s="91"/>
      <c r="IF2743" s="91"/>
      <c r="IG2743" s="91"/>
      <c r="IH2743" s="91"/>
      <c r="II2743" s="91"/>
      <c r="IJ2743" s="91"/>
      <c r="IK2743" s="127"/>
    </row>
    <row r="2744" spans="2:245" x14ac:dyDescent="0.2">
      <c r="B2744" s="43"/>
      <c r="C2744" s="73"/>
      <c r="D2744" s="64"/>
      <c r="E2744" s="64"/>
      <c r="F2744" s="55"/>
      <c r="G2744" s="102"/>
      <c r="H2744" s="55"/>
      <c r="I2744" s="55"/>
      <c r="J2744" s="55"/>
      <c r="K2744" s="55"/>
      <c r="L2744" s="55"/>
      <c r="M2744" s="55"/>
      <c r="N2744" s="55"/>
      <c r="O2744" s="55"/>
      <c r="P2744" s="55"/>
      <c r="Q2744" s="55"/>
      <c r="R2744" s="55"/>
      <c r="S2744" s="55"/>
      <c r="T2744" s="55"/>
      <c r="U2744" s="55"/>
      <c r="V2744" s="55"/>
      <c r="W2744" s="55"/>
      <c r="X2744" s="55"/>
      <c r="Y2744" s="55"/>
      <c r="Z2744" s="55"/>
      <c r="AA2744" s="55"/>
      <c r="AB2744" s="55"/>
      <c r="AC2744" s="55"/>
      <c r="AD2744" s="55"/>
      <c r="AE2744" s="55"/>
      <c r="AF2744" s="55"/>
      <c r="AG2744" s="55"/>
      <c r="AY2744" s="162"/>
      <c r="AZ2744" s="162"/>
      <c r="BA2744" s="162"/>
      <c r="BB2744" s="162"/>
      <c r="BC2744" s="162"/>
      <c r="BD2744" s="162"/>
      <c r="BE2744" s="162"/>
      <c r="BF2744" s="162"/>
      <c r="BG2744" s="162"/>
      <c r="BH2744" s="162"/>
      <c r="BI2744" s="162"/>
      <c r="BJ2744" s="162"/>
      <c r="BK2744" s="162"/>
      <c r="BL2744" s="162"/>
      <c r="BM2744" s="162"/>
      <c r="BN2744" s="162"/>
      <c r="BO2744" s="162"/>
      <c r="BP2744" s="162"/>
      <c r="BQ2744" s="162"/>
      <c r="BR2744" s="162"/>
      <c r="BS2744" s="162"/>
      <c r="BT2744" s="162"/>
      <c r="BU2744" s="162"/>
      <c r="BV2744" s="162"/>
      <c r="BW2744" s="162"/>
      <c r="BX2744" s="162"/>
      <c r="BY2744" s="162"/>
      <c r="BZ2744" s="162"/>
      <c r="CA2744" s="162"/>
      <c r="CB2744" s="162"/>
      <c r="CC2744" s="162"/>
      <c r="CD2744" s="162"/>
      <c r="CE2744" s="162"/>
      <c r="CF2744" s="162"/>
      <c r="CG2744" s="162"/>
      <c r="CH2744" s="162"/>
      <c r="CI2744" s="162"/>
      <c r="CJ2744" s="162"/>
      <c r="CK2744" s="162"/>
      <c r="CX2744" s="98"/>
      <c r="DL2744" s="97"/>
      <c r="DX2744" s="98"/>
      <c r="EL2744" s="97"/>
      <c r="EX2744" s="98"/>
      <c r="EY2744" s="97"/>
      <c r="FL2744" s="126"/>
      <c r="FM2744" s="91"/>
      <c r="FN2744" s="91"/>
      <c r="FO2744" s="91"/>
      <c r="FP2744" s="91"/>
      <c r="FQ2744" s="91"/>
      <c r="FR2744" s="91"/>
      <c r="FS2744" s="91"/>
      <c r="FT2744" s="91"/>
      <c r="FU2744" s="91"/>
      <c r="FV2744" s="91"/>
      <c r="FW2744" s="91"/>
      <c r="FX2744" s="91"/>
      <c r="FY2744" s="91"/>
      <c r="FZ2744" s="91"/>
      <c r="GA2744" s="91"/>
      <c r="GB2744" s="91"/>
      <c r="GC2744" s="91"/>
      <c r="GD2744" s="91"/>
      <c r="GE2744" s="91"/>
      <c r="GF2744" s="91"/>
      <c r="GG2744" s="91"/>
      <c r="GH2744" s="91"/>
      <c r="GI2744" s="91"/>
      <c r="GJ2744" s="91"/>
      <c r="GK2744" s="127"/>
      <c r="GL2744" s="126"/>
      <c r="GM2744" s="91"/>
      <c r="GN2744" s="91"/>
      <c r="GO2744" s="91"/>
      <c r="GP2744" s="91"/>
      <c r="GQ2744" s="91"/>
      <c r="GR2744" s="91"/>
      <c r="GS2744" s="91"/>
      <c r="GT2744" s="91"/>
      <c r="GU2744" s="91"/>
      <c r="GV2744" s="91"/>
      <c r="GW2744" s="91"/>
      <c r="GX2744" s="91"/>
      <c r="GY2744" s="91"/>
      <c r="GZ2744" s="91"/>
      <c r="HA2744" s="91"/>
      <c r="HB2744" s="91"/>
      <c r="HC2744" s="91"/>
      <c r="HD2744" s="91"/>
      <c r="HE2744" s="91"/>
      <c r="HF2744" s="91"/>
      <c r="HG2744" s="91"/>
      <c r="HH2744" s="91"/>
      <c r="HI2744" s="91"/>
      <c r="HJ2744" s="91"/>
      <c r="HK2744" s="127"/>
      <c r="HL2744" s="126"/>
      <c r="HM2744" s="91"/>
      <c r="HN2744" s="91"/>
      <c r="HO2744" s="91"/>
      <c r="HP2744" s="91"/>
      <c r="HQ2744" s="91"/>
      <c r="HR2744" s="91"/>
      <c r="HS2744" s="91"/>
      <c r="HT2744" s="91"/>
      <c r="HU2744" s="91"/>
      <c r="HV2744" s="91"/>
      <c r="HW2744" s="91"/>
      <c r="HX2744" s="91"/>
      <c r="HY2744" s="91"/>
      <c r="HZ2744" s="91"/>
      <c r="IA2744" s="91"/>
      <c r="IB2744" s="91"/>
      <c r="IC2744" s="91"/>
      <c r="ID2744" s="91"/>
      <c r="IE2744" s="91"/>
      <c r="IF2744" s="91"/>
      <c r="IG2744" s="91"/>
      <c r="IH2744" s="91"/>
      <c r="II2744" s="91"/>
      <c r="IJ2744" s="91"/>
      <c r="IK2744" s="127"/>
    </row>
    <row r="2745" spans="2:245" x14ac:dyDescent="0.2">
      <c r="B2745" s="43"/>
      <c r="C2745" s="73"/>
      <c r="D2745" s="64"/>
      <c r="E2745" s="64"/>
      <c r="F2745" s="55"/>
      <c r="G2745" s="102"/>
      <c r="H2745" s="55"/>
      <c r="I2745" s="55"/>
      <c r="J2745" s="55"/>
      <c r="K2745" s="55"/>
      <c r="L2745" s="55"/>
      <c r="M2745" s="55"/>
      <c r="N2745" s="55"/>
      <c r="O2745" s="55"/>
      <c r="P2745" s="55"/>
      <c r="Q2745" s="55"/>
      <c r="R2745" s="55"/>
      <c r="S2745" s="55"/>
      <c r="T2745" s="55"/>
      <c r="U2745" s="55"/>
      <c r="V2745" s="55"/>
      <c r="W2745" s="55"/>
      <c r="X2745" s="55"/>
      <c r="Y2745" s="55"/>
      <c r="Z2745" s="55"/>
      <c r="AA2745" s="55"/>
      <c r="AB2745" s="55"/>
      <c r="AC2745" s="55"/>
      <c r="AD2745" s="55"/>
      <c r="AE2745" s="55"/>
      <c r="AF2745" s="55"/>
      <c r="AG2745" s="55"/>
      <c r="AY2745" s="162"/>
      <c r="AZ2745" s="162"/>
      <c r="BA2745" s="162"/>
      <c r="BB2745" s="162"/>
      <c r="BC2745" s="162"/>
      <c r="BD2745" s="162"/>
      <c r="BE2745" s="162"/>
      <c r="BF2745" s="162"/>
      <c r="BG2745" s="162"/>
      <c r="BH2745" s="162"/>
      <c r="BI2745" s="162"/>
      <c r="BJ2745" s="162"/>
      <c r="BK2745" s="162"/>
      <c r="BL2745" s="162"/>
      <c r="BM2745" s="162"/>
      <c r="BN2745" s="162"/>
      <c r="BO2745" s="162"/>
      <c r="BP2745" s="162"/>
      <c r="BQ2745" s="162"/>
      <c r="BR2745" s="162"/>
      <c r="BS2745" s="162"/>
      <c r="BT2745" s="162"/>
      <c r="BU2745" s="162"/>
      <c r="BV2745" s="162"/>
      <c r="BW2745" s="162"/>
      <c r="BX2745" s="162"/>
      <c r="BY2745" s="162"/>
      <c r="BZ2745" s="162"/>
      <c r="CA2745" s="162"/>
      <c r="CB2745" s="162"/>
      <c r="CC2745" s="162"/>
      <c r="CD2745" s="162"/>
      <c r="CE2745" s="162"/>
      <c r="CF2745" s="162"/>
      <c r="CG2745" s="162"/>
      <c r="CH2745" s="162"/>
      <c r="CI2745" s="162"/>
      <c r="CJ2745" s="162"/>
      <c r="CK2745" s="162"/>
      <c r="CX2745" s="98"/>
      <c r="DL2745" s="97"/>
      <c r="DX2745" s="98"/>
      <c r="EL2745" s="97"/>
      <c r="EX2745" s="98"/>
      <c r="EY2745" s="97"/>
      <c r="FL2745" s="126"/>
      <c r="FM2745" s="91"/>
      <c r="FN2745" s="91"/>
      <c r="FO2745" s="91"/>
      <c r="FP2745" s="91"/>
      <c r="FQ2745" s="91"/>
      <c r="FR2745" s="91"/>
      <c r="FS2745" s="91"/>
      <c r="FT2745" s="91"/>
      <c r="FU2745" s="91"/>
      <c r="FV2745" s="91"/>
      <c r="FW2745" s="91"/>
      <c r="FX2745" s="91"/>
      <c r="FY2745" s="91"/>
      <c r="FZ2745" s="91"/>
      <c r="GA2745" s="91"/>
      <c r="GB2745" s="91"/>
      <c r="GC2745" s="91"/>
      <c r="GD2745" s="91"/>
      <c r="GE2745" s="91"/>
      <c r="GF2745" s="91"/>
      <c r="GG2745" s="91"/>
      <c r="GH2745" s="91"/>
      <c r="GI2745" s="91"/>
      <c r="GJ2745" s="91"/>
      <c r="GK2745" s="127"/>
      <c r="GL2745" s="126"/>
      <c r="GM2745" s="91"/>
      <c r="GN2745" s="91"/>
      <c r="GO2745" s="91"/>
      <c r="GP2745" s="91"/>
      <c r="GQ2745" s="91"/>
      <c r="GR2745" s="91"/>
      <c r="GS2745" s="91"/>
      <c r="GT2745" s="91"/>
      <c r="GU2745" s="91"/>
      <c r="GV2745" s="91"/>
      <c r="GW2745" s="91"/>
      <c r="GX2745" s="91"/>
      <c r="GY2745" s="91"/>
      <c r="GZ2745" s="91"/>
      <c r="HA2745" s="91"/>
      <c r="HB2745" s="91"/>
      <c r="HC2745" s="91"/>
      <c r="HD2745" s="91"/>
      <c r="HE2745" s="91"/>
      <c r="HF2745" s="91"/>
      <c r="HG2745" s="91"/>
      <c r="HH2745" s="91"/>
      <c r="HI2745" s="91"/>
      <c r="HJ2745" s="91"/>
      <c r="HK2745" s="127"/>
      <c r="HL2745" s="126"/>
      <c r="HM2745" s="91"/>
      <c r="HN2745" s="91"/>
      <c r="HO2745" s="91"/>
      <c r="HP2745" s="91"/>
      <c r="HQ2745" s="91"/>
      <c r="HR2745" s="91"/>
      <c r="HS2745" s="91"/>
      <c r="HT2745" s="91"/>
      <c r="HU2745" s="91"/>
      <c r="HV2745" s="91"/>
      <c r="HW2745" s="91"/>
      <c r="HX2745" s="91"/>
      <c r="HY2745" s="91"/>
      <c r="HZ2745" s="91"/>
      <c r="IA2745" s="91"/>
      <c r="IB2745" s="91"/>
      <c r="IC2745" s="91"/>
      <c r="ID2745" s="91"/>
      <c r="IE2745" s="91"/>
      <c r="IF2745" s="91"/>
      <c r="IG2745" s="91"/>
      <c r="IH2745" s="91"/>
      <c r="II2745" s="91"/>
      <c r="IJ2745" s="91"/>
      <c r="IK2745" s="127"/>
    </row>
    <row r="2746" spans="2:245" x14ac:dyDescent="0.2">
      <c r="B2746" s="43"/>
      <c r="C2746" s="73"/>
      <c r="D2746" s="64"/>
      <c r="E2746" s="64"/>
      <c r="F2746" s="55"/>
      <c r="G2746" s="102"/>
      <c r="H2746" s="55"/>
      <c r="I2746" s="55"/>
      <c r="J2746" s="55"/>
      <c r="K2746" s="55"/>
      <c r="L2746" s="55"/>
      <c r="M2746" s="55"/>
      <c r="N2746" s="55"/>
      <c r="O2746" s="55"/>
      <c r="P2746" s="55"/>
      <c r="Q2746" s="55"/>
      <c r="R2746" s="55"/>
      <c r="S2746" s="55"/>
      <c r="T2746" s="55"/>
      <c r="U2746" s="55"/>
      <c r="V2746" s="55"/>
      <c r="W2746" s="55"/>
      <c r="X2746" s="55"/>
      <c r="Y2746" s="55"/>
      <c r="Z2746" s="55"/>
      <c r="AA2746" s="55"/>
      <c r="AB2746" s="55"/>
      <c r="AC2746" s="55"/>
      <c r="AD2746" s="55"/>
      <c r="AE2746" s="55"/>
      <c r="AF2746" s="55"/>
      <c r="AG2746" s="55"/>
      <c r="AY2746" s="162"/>
      <c r="AZ2746" s="162"/>
      <c r="BA2746" s="162"/>
      <c r="BB2746" s="162"/>
      <c r="BC2746" s="162"/>
      <c r="BD2746" s="162"/>
      <c r="BE2746" s="162"/>
      <c r="BF2746" s="162"/>
      <c r="BG2746" s="162"/>
      <c r="BH2746" s="162"/>
      <c r="BI2746" s="162"/>
      <c r="BJ2746" s="162"/>
      <c r="BK2746" s="162"/>
      <c r="BL2746" s="162"/>
      <c r="BM2746" s="162"/>
      <c r="BN2746" s="162"/>
      <c r="BO2746" s="162"/>
      <c r="BP2746" s="162"/>
      <c r="BQ2746" s="162"/>
      <c r="BR2746" s="162"/>
      <c r="BS2746" s="162"/>
      <c r="BT2746" s="162"/>
      <c r="BU2746" s="162"/>
      <c r="BV2746" s="162"/>
      <c r="BW2746" s="162"/>
      <c r="BX2746" s="162"/>
      <c r="BY2746" s="162"/>
      <c r="BZ2746" s="162"/>
      <c r="CA2746" s="162"/>
      <c r="CB2746" s="162"/>
      <c r="CC2746" s="162"/>
      <c r="CD2746" s="162"/>
      <c r="CE2746" s="162"/>
      <c r="CF2746" s="162"/>
      <c r="CG2746" s="162"/>
      <c r="CH2746" s="162"/>
      <c r="CI2746" s="162"/>
      <c r="CJ2746" s="162"/>
      <c r="CK2746" s="162"/>
      <c r="CX2746" s="98"/>
      <c r="DL2746" s="97"/>
      <c r="DX2746" s="98"/>
      <c r="EL2746" s="97"/>
      <c r="EX2746" s="98"/>
      <c r="EY2746" s="97"/>
      <c r="FL2746" s="126"/>
      <c r="FM2746" s="91"/>
      <c r="FN2746" s="91"/>
      <c r="FO2746" s="91"/>
      <c r="FP2746" s="91"/>
      <c r="FQ2746" s="91"/>
      <c r="FR2746" s="91"/>
      <c r="FS2746" s="91"/>
      <c r="FT2746" s="91"/>
      <c r="FU2746" s="91"/>
      <c r="FV2746" s="91"/>
      <c r="FW2746" s="91"/>
      <c r="FX2746" s="91"/>
      <c r="FY2746" s="91"/>
      <c r="FZ2746" s="91"/>
      <c r="GA2746" s="91"/>
      <c r="GB2746" s="91"/>
      <c r="GC2746" s="91"/>
      <c r="GD2746" s="91"/>
      <c r="GE2746" s="91"/>
      <c r="GF2746" s="91"/>
      <c r="GG2746" s="91"/>
      <c r="GH2746" s="91"/>
      <c r="GI2746" s="91"/>
      <c r="GJ2746" s="91"/>
      <c r="GK2746" s="127"/>
      <c r="GL2746" s="126"/>
      <c r="GM2746" s="91"/>
      <c r="GN2746" s="91"/>
      <c r="GO2746" s="91"/>
      <c r="GP2746" s="91"/>
      <c r="GQ2746" s="91"/>
      <c r="GR2746" s="91"/>
      <c r="GS2746" s="91"/>
      <c r="GT2746" s="91"/>
      <c r="GU2746" s="91"/>
      <c r="GV2746" s="91"/>
      <c r="GW2746" s="91"/>
      <c r="GX2746" s="91"/>
      <c r="GY2746" s="91"/>
      <c r="GZ2746" s="91"/>
      <c r="HA2746" s="91"/>
      <c r="HB2746" s="91"/>
      <c r="HC2746" s="91"/>
      <c r="HD2746" s="91"/>
      <c r="HE2746" s="91"/>
      <c r="HF2746" s="91"/>
      <c r="HG2746" s="91"/>
      <c r="HH2746" s="91"/>
      <c r="HI2746" s="91"/>
      <c r="HJ2746" s="91"/>
      <c r="HK2746" s="127"/>
      <c r="HL2746" s="126"/>
      <c r="HM2746" s="91"/>
      <c r="HN2746" s="91"/>
      <c r="HO2746" s="91"/>
      <c r="HP2746" s="91"/>
      <c r="HQ2746" s="91"/>
      <c r="HR2746" s="91"/>
      <c r="HS2746" s="91"/>
      <c r="HT2746" s="91"/>
      <c r="HU2746" s="91"/>
      <c r="HV2746" s="91"/>
      <c r="HW2746" s="91"/>
      <c r="HX2746" s="91"/>
      <c r="HY2746" s="91"/>
      <c r="HZ2746" s="91"/>
      <c r="IA2746" s="91"/>
      <c r="IB2746" s="91"/>
      <c r="IC2746" s="91"/>
      <c r="ID2746" s="91"/>
      <c r="IE2746" s="91"/>
      <c r="IF2746" s="91"/>
      <c r="IG2746" s="91"/>
      <c r="IH2746" s="91"/>
      <c r="II2746" s="91"/>
      <c r="IJ2746" s="91"/>
      <c r="IK2746" s="127"/>
    </row>
    <row r="2747" spans="2:245" x14ac:dyDescent="0.2">
      <c r="B2747" s="43"/>
      <c r="C2747" s="73"/>
      <c r="D2747" s="64"/>
      <c r="E2747" s="64"/>
      <c r="F2747" s="55"/>
      <c r="G2747" s="102"/>
      <c r="H2747" s="55"/>
      <c r="I2747" s="55"/>
      <c r="J2747" s="55"/>
      <c r="K2747" s="55"/>
      <c r="L2747" s="55"/>
      <c r="M2747" s="55"/>
      <c r="N2747" s="55"/>
      <c r="O2747" s="55"/>
      <c r="P2747" s="55"/>
      <c r="Q2747" s="55"/>
      <c r="R2747" s="55"/>
      <c r="S2747" s="55"/>
      <c r="T2747" s="55"/>
      <c r="U2747" s="55"/>
      <c r="V2747" s="55"/>
      <c r="W2747" s="55"/>
      <c r="X2747" s="55"/>
      <c r="Y2747" s="55"/>
      <c r="Z2747" s="55"/>
      <c r="AA2747" s="55"/>
      <c r="AB2747" s="55"/>
      <c r="AC2747" s="55"/>
      <c r="AD2747" s="55"/>
      <c r="AE2747" s="55"/>
      <c r="AF2747" s="55"/>
      <c r="AG2747" s="55"/>
      <c r="AY2747" s="162"/>
      <c r="AZ2747" s="162"/>
      <c r="BA2747" s="162"/>
      <c r="BB2747" s="162"/>
      <c r="BC2747" s="162"/>
      <c r="BD2747" s="162"/>
      <c r="BE2747" s="162"/>
      <c r="BF2747" s="162"/>
      <c r="BG2747" s="162"/>
      <c r="BH2747" s="162"/>
      <c r="BI2747" s="162"/>
      <c r="BJ2747" s="162"/>
      <c r="BK2747" s="162"/>
      <c r="BL2747" s="162"/>
      <c r="BM2747" s="162"/>
      <c r="BN2747" s="162"/>
      <c r="BO2747" s="162"/>
      <c r="BP2747" s="162"/>
      <c r="BQ2747" s="162"/>
      <c r="BR2747" s="162"/>
      <c r="BS2747" s="162"/>
      <c r="BT2747" s="162"/>
      <c r="BU2747" s="162"/>
      <c r="BV2747" s="162"/>
      <c r="BW2747" s="162"/>
      <c r="BX2747" s="162"/>
      <c r="BY2747" s="162"/>
      <c r="BZ2747" s="162"/>
      <c r="CA2747" s="162"/>
      <c r="CB2747" s="162"/>
      <c r="CC2747" s="162"/>
      <c r="CD2747" s="162"/>
      <c r="CE2747" s="162"/>
      <c r="CF2747" s="162"/>
      <c r="CG2747" s="162"/>
      <c r="CH2747" s="162"/>
      <c r="CI2747" s="162"/>
      <c r="CJ2747" s="162"/>
      <c r="CK2747" s="162"/>
      <c r="CX2747" s="98"/>
      <c r="DL2747" s="97"/>
      <c r="DX2747" s="98"/>
      <c r="EL2747" s="97"/>
      <c r="EX2747" s="98"/>
      <c r="EY2747" s="97"/>
      <c r="FL2747" s="126"/>
      <c r="FM2747" s="91"/>
      <c r="FN2747" s="91"/>
      <c r="FO2747" s="91"/>
      <c r="FP2747" s="91"/>
      <c r="FQ2747" s="91"/>
      <c r="FR2747" s="91"/>
      <c r="FS2747" s="91"/>
      <c r="FT2747" s="91"/>
      <c r="FU2747" s="91"/>
      <c r="FV2747" s="91"/>
      <c r="FW2747" s="91"/>
      <c r="FX2747" s="91"/>
      <c r="FY2747" s="91"/>
      <c r="FZ2747" s="91"/>
      <c r="GA2747" s="91"/>
      <c r="GB2747" s="91"/>
      <c r="GC2747" s="91"/>
      <c r="GD2747" s="91"/>
      <c r="GE2747" s="91"/>
      <c r="GF2747" s="91"/>
      <c r="GG2747" s="91"/>
      <c r="GH2747" s="91"/>
      <c r="GI2747" s="91"/>
      <c r="GJ2747" s="91"/>
      <c r="GK2747" s="127"/>
      <c r="GL2747" s="126"/>
      <c r="GM2747" s="91"/>
      <c r="GN2747" s="91"/>
      <c r="GO2747" s="91"/>
      <c r="GP2747" s="91"/>
      <c r="GQ2747" s="91"/>
      <c r="GR2747" s="91"/>
      <c r="GS2747" s="91"/>
      <c r="GT2747" s="91"/>
      <c r="GU2747" s="91"/>
      <c r="GV2747" s="91"/>
      <c r="GW2747" s="91"/>
      <c r="GX2747" s="91"/>
      <c r="GY2747" s="91"/>
      <c r="GZ2747" s="91"/>
      <c r="HA2747" s="91"/>
      <c r="HB2747" s="91"/>
      <c r="HC2747" s="91"/>
      <c r="HD2747" s="91"/>
      <c r="HE2747" s="91"/>
      <c r="HF2747" s="91"/>
      <c r="HG2747" s="91"/>
      <c r="HH2747" s="91"/>
      <c r="HI2747" s="91"/>
      <c r="HJ2747" s="91"/>
      <c r="HK2747" s="127"/>
      <c r="HL2747" s="126"/>
      <c r="HM2747" s="91"/>
      <c r="HN2747" s="91"/>
      <c r="HO2747" s="91"/>
      <c r="HP2747" s="91"/>
      <c r="HQ2747" s="91"/>
      <c r="HR2747" s="91"/>
      <c r="HS2747" s="91"/>
      <c r="HT2747" s="91"/>
      <c r="HU2747" s="91"/>
      <c r="HV2747" s="91"/>
      <c r="HW2747" s="91"/>
      <c r="HX2747" s="91"/>
      <c r="HY2747" s="91"/>
      <c r="HZ2747" s="91"/>
      <c r="IA2747" s="91"/>
      <c r="IB2747" s="91"/>
      <c r="IC2747" s="91"/>
      <c r="ID2747" s="91"/>
      <c r="IE2747" s="91"/>
      <c r="IF2747" s="91"/>
      <c r="IG2747" s="91"/>
      <c r="IH2747" s="91"/>
      <c r="II2747" s="91"/>
      <c r="IJ2747" s="91"/>
      <c r="IK2747" s="127"/>
    </row>
    <row r="2748" spans="2:245" x14ac:dyDescent="0.2">
      <c r="B2748" s="43"/>
      <c r="C2748" s="73"/>
      <c r="D2748" s="64"/>
      <c r="E2748" s="64"/>
      <c r="F2748" s="55"/>
      <c r="G2748" s="102"/>
      <c r="H2748" s="55"/>
      <c r="I2748" s="55"/>
      <c r="J2748" s="55"/>
      <c r="K2748" s="55"/>
      <c r="L2748" s="55"/>
      <c r="M2748" s="55"/>
      <c r="N2748" s="55"/>
      <c r="O2748" s="55"/>
      <c r="P2748" s="55"/>
      <c r="Q2748" s="55"/>
      <c r="R2748" s="55"/>
      <c r="S2748" s="55"/>
      <c r="T2748" s="55"/>
      <c r="U2748" s="55"/>
      <c r="V2748" s="55"/>
      <c r="W2748" s="55"/>
      <c r="X2748" s="55"/>
      <c r="Y2748" s="55"/>
      <c r="Z2748" s="55"/>
      <c r="AA2748" s="55"/>
      <c r="AB2748" s="55"/>
      <c r="AC2748" s="55"/>
      <c r="AD2748" s="55"/>
      <c r="AE2748" s="55"/>
      <c r="AF2748" s="55"/>
      <c r="AG2748" s="55"/>
      <c r="AY2748" s="162"/>
      <c r="AZ2748" s="162"/>
      <c r="BA2748" s="162"/>
      <c r="BB2748" s="162"/>
      <c r="BC2748" s="162"/>
      <c r="BD2748" s="162"/>
      <c r="BE2748" s="162"/>
      <c r="BF2748" s="162"/>
      <c r="BG2748" s="162"/>
      <c r="BH2748" s="162"/>
      <c r="BI2748" s="162"/>
      <c r="BJ2748" s="162"/>
      <c r="BK2748" s="162"/>
      <c r="BL2748" s="162"/>
      <c r="BM2748" s="162"/>
      <c r="BN2748" s="162"/>
      <c r="BO2748" s="162"/>
      <c r="BP2748" s="162"/>
      <c r="BQ2748" s="162"/>
      <c r="BR2748" s="162"/>
      <c r="BS2748" s="162"/>
      <c r="BT2748" s="162"/>
      <c r="BU2748" s="162"/>
      <c r="BV2748" s="162"/>
      <c r="BW2748" s="162"/>
      <c r="BX2748" s="162"/>
      <c r="BY2748" s="162"/>
      <c r="BZ2748" s="162"/>
      <c r="CA2748" s="162"/>
      <c r="CB2748" s="162"/>
      <c r="CC2748" s="162"/>
      <c r="CD2748" s="162"/>
      <c r="CE2748" s="162"/>
      <c r="CF2748" s="162"/>
      <c r="CG2748" s="162"/>
      <c r="CH2748" s="162"/>
      <c r="CI2748" s="162"/>
      <c r="CJ2748" s="162"/>
      <c r="CK2748" s="162"/>
      <c r="CX2748" s="98"/>
      <c r="DL2748" s="97"/>
      <c r="DX2748" s="98"/>
      <c r="EL2748" s="97"/>
      <c r="EX2748" s="98"/>
      <c r="EY2748" s="97"/>
      <c r="FL2748" s="126"/>
      <c r="FM2748" s="91"/>
      <c r="FN2748" s="91"/>
      <c r="FO2748" s="91"/>
      <c r="FP2748" s="91"/>
      <c r="FQ2748" s="91"/>
      <c r="FR2748" s="91"/>
      <c r="FS2748" s="91"/>
      <c r="FT2748" s="91"/>
      <c r="FU2748" s="91"/>
      <c r="FV2748" s="91"/>
      <c r="FW2748" s="91"/>
      <c r="FX2748" s="91"/>
      <c r="FY2748" s="91"/>
      <c r="FZ2748" s="91"/>
      <c r="GA2748" s="91"/>
      <c r="GB2748" s="91"/>
      <c r="GC2748" s="91"/>
      <c r="GD2748" s="91"/>
      <c r="GE2748" s="91"/>
      <c r="GF2748" s="91"/>
      <c r="GG2748" s="91"/>
      <c r="GH2748" s="91"/>
      <c r="GI2748" s="91"/>
      <c r="GJ2748" s="91"/>
      <c r="GK2748" s="127"/>
      <c r="GL2748" s="126"/>
      <c r="GM2748" s="91"/>
      <c r="GN2748" s="91"/>
      <c r="GO2748" s="91"/>
      <c r="GP2748" s="91"/>
      <c r="GQ2748" s="91"/>
      <c r="GR2748" s="91"/>
      <c r="GS2748" s="91"/>
      <c r="GT2748" s="91"/>
      <c r="GU2748" s="91"/>
      <c r="GV2748" s="91"/>
      <c r="GW2748" s="91"/>
      <c r="GX2748" s="91"/>
      <c r="GY2748" s="91"/>
      <c r="GZ2748" s="91"/>
      <c r="HA2748" s="91"/>
      <c r="HB2748" s="91"/>
      <c r="HC2748" s="91"/>
      <c r="HD2748" s="91"/>
      <c r="HE2748" s="91"/>
      <c r="HF2748" s="91"/>
      <c r="HG2748" s="91"/>
      <c r="HH2748" s="91"/>
      <c r="HI2748" s="91"/>
      <c r="HJ2748" s="91"/>
      <c r="HK2748" s="127"/>
      <c r="HL2748" s="126"/>
      <c r="HM2748" s="91"/>
      <c r="HN2748" s="91"/>
      <c r="HO2748" s="91"/>
      <c r="HP2748" s="91"/>
      <c r="HQ2748" s="91"/>
      <c r="HR2748" s="91"/>
      <c r="HS2748" s="91"/>
      <c r="HT2748" s="91"/>
      <c r="HU2748" s="91"/>
      <c r="HV2748" s="91"/>
      <c r="HW2748" s="91"/>
      <c r="HX2748" s="91"/>
      <c r="HY2748" s="91"/>
      <c r="HZ2748" s="91"/>
      <c r="IA2748" s="91"/>
      <c r="IB2748" s="91"/>
      <c r="IC2748" s="91"/>
      <c r="ID2748" s="91"/>
      <c r="IE2748" s="91"/>
      <c r="IF2748" s="91"/>
      <c r="IG2748" s="91"/>
      <c r="IH2748" s="91"/>
      <c r="II2748" s="91"/>
      <c r="IJ2748" s="91"/>
      <c r="IK2748" s="127"/>
    </row>
    <row r="2749" spans="2:245" x14ac:dyDescent="0.2">
      <c r="B2749" s="43"/>
      <c r="C2749" s="73"/>
      <c r="D2749" s="64"/>
      <c r="E2749" s="64"/>
      <c r="F2749" s="55"/>
      <c r="G2749" s="102"/>
      <c r="H2749" s="55"/>
      <c r="I2749" s="55"/>
      <c r="J2749" s="55"/>
      <c r="K2749" s="55"/>
      <c r="L2749" s="55"/>
      <c r="M2749" s="55"/>
      <c r="N2749" s="55"/>
      <c r="O2749" s="55"/>
      <c r="P2749" s="55"/>
      <c r="Q2749" s="55"/>
      <c r="R2749" s="55"/>
      <c r="S2749" s="55"/>
      <c r="T2749" s="55"/>
      <c r="U2749" s="55"/>
      <c r="V2749" s="55"/>
      <c r="W2749" s="55"/>
      <c r="X2749" s="55"/>
      <c r="Y2749" s="55"/>
      <c r="Z2749" s="55"/>
      <c r="AA2749" s="55"/>
      <c r="AB2749" s="55"/>
      <c r="AC2749" s="55"/>
      <c r="AD2749" s="55"/>
      <c r="AE2749" s="55"/>
      <c r="AF2749" s="55"/>
      <c r="AG2749" s="55"/>
      <c r="AY2749" s="162"/>
      <c r="AZ2749" s="162"/>
      <c r="BA2749" s="162"/>
      <c r="BB2749" s="162"/>
      <c r="BC2749" s="162"/>
      <c r="BD2749" s="162"/>
      <c r="BE2749" s="162"/>
      <c r="BF2749" s="162"/>
      <c r="BG2749" s="162"/>
      <c r="BH2749" s="162"/>
      <c r="BI2749" s="162"/>
      <c r="BJ2749" s="162"/>
      <c r="BK2749" s="162"/>
      <c r="BL2749" s="162"/>
      <c r="BM2749" s="162"/>
      <c r="BN2749" s="162"/>
      <c r="BO2749" s="162"/>
      <c r="BP2749" s="162"/>
      <c r="BQ2749" s="162"/>
      <c r="BR2749" s="162"/>
      <c r="BS2749" s="162"/>
      <c r="BT2749" s="162"/>
      <c r="BU2749" s="162"/>
      <c r="BV2749" s="162"/>
      <c r="BW2749" s="162"/>
      <c r="BX2749" s="162"/>
      <c r="BY2749" s="162"/>
      <c r="BZ2749" s="162"/>
      <c r="CA2749" s="162"/>
      <c r="CB2749" s="162"/>
      <c r="CC2749" s="162"/>
      <c r="CD2749" s="162"/>
      <c r="CE2749" s="162"/>
      <c r="CF2749" s="162"/>
      <c r="CG2749" s="162"/>
      <c r="CH2749" s="162"/>
      <c r="CI2749" s="162"/>
      <c r="CJ2749" s="162"/>
      <c r="CK2749" s="162"/>
      <c r="CX2749" s="98"/>
      <c r="DL2749" s="97"/>
      <c r="DX2749" s="98"/>
      <c r="EL2749" s="97"/>
      <c r="EX2749" s="98"/>
      <c r="EY2749" s="97"/>
      <c r="FL2749" s="126"/>
      <c r="FM2749" s="91"/>
      <c r="FN2749" s="91"/>
      <c r="FO2749" s="91"/>
      <c r="FP2749" s="91"/>
      <c r="FQ2749" s="91"/>
      <c r="FR2749" s="91"/>
      <c r="FS2749" s="91"/>
      <c r="FT2749" s="91"/>
      <c r="FU2749" s="91"/>
      <c r="FV2749" s="91"/>
      <c r="FW2749" s="91"/>
      <c r="FX2749" s="91"/>
      <c r="FY2749" s="91"/>
      <c r="FZ2749" s="91"/>
      <c r="GA2749" s="91"/>
      <c r="GB2749" s="91"/>
      <c r="GC2749" s="91"/>
      <c r="GD2749" s="91"/>
      <c r="GE2749" s="91"/>
      <c r="GF2749" s="91"/>
      <c r="GG2749" s="91"/>
      <c r="GH2749" s="91"/>
      <c r="GI2749" s="91"/>
      <c r="GJ2749" s="91"/>
      <c r="GK2749" s="127"/>
      <c r="GL2749" s="126"/>
      <c r="GM2749" s="91"/>
      <c r="GN2749" s="91"/>
      <c r="GO2749" s="91"/>
      <c r="GP2749" s="91"/>
      <c r="GQ2749" s="91"/>
      <c r="GR2749" s="91"/>
      <c r="GS2749" s="91"/>
      <c r="GT2749" s="91"/>
      <c r="GU2749" s="91"/>
      <c r="GV2749" s="91"/>
      <c r="GW2749" s="91"/>
      <c r="GX2749" s="91"/>
      <c r="GY2749" s="91"/>
      <c r="GZ2749" s="91"/>
      <c r="HA2749" s="91"/>
      <c r="HB2749" s="91"/>
      <c r="HC2749" s="91"/>
      <c r="HD2749" s="91"/>
      <c r="HE2749" s="91"/>
      <c r="HF2749" s="91"/>
      <c r="HG2749" s="91"/>
      <c r="HH2749" s="91"/>
      <c r="HI2749" s="91"/>
      <c r="HJ2749" s="91"/>
      <c r="HK2749" s="127"/>
      <c r="HL2749" s="126"/>
      <c r="HM2749" s="91"/>
      <c r="HN2749" s="91"/>
      <c r="HO2749" s="91"/>
      <c r="HP2749" s="91"/>
      <c r="HQ2749" s="91"/>
      <c r="HR2749" s="91"/>
      <c r="HS2749" s="91"/>
      <c r="HT2749" s="91"/>
      <c r="HU2749" s="91"/>
      <c r="HV2749" s="91"/>
      <c r="HW2749" s="91"/>
      <c r="HX2749" s="91"/>
      <c r="HY2749" s="91"/>
      <c r="HZ2749" s="91"/>
      <c r="IA2749" s="91"/>
      <c r="IB2749" s="91"/>
      <c r="IC2749" s="91"/>
      <c r="ID2749" s="91"/>
      <c r="IE2749" s="91"/>
      <c r="IF2749" s="91"/>
      <c r="IG2749" s="91"/>
      <c r="IH2749" s="91"/>
      <c r="II2749" s="91"/>
      <c r="IJ2749" s="91"/>
      <c r="IK2749" s="127"/>
    </row>
    <row r="2750" spans="2:245" x14ac:dyDescent="0.2">
      <c r="B2750" s="43"/>
      <c r="C2750" s="73"/>
      <c r="D2750" s="64"/>
      <c r="E2750" s="64"/>
      <c r="F2750" s="55"/>
      <c r="G2750" s="102"/>
      <c r="H2750" s="55"/>
      <c r="I2750" s="55"/>
      <c r="J2750" s="55"/>
      <c r="K2750" s="55"/>
      <c r="L2750" s="55"/>
      <c r="M2750" s="55"/>
      <c r="N2750" s="55"/>
      <c r="O2750" s="55"/>
      <c r="P2750" s="55"/>
      <c r="Q2750" s="55"/>
      <c r="R2750" s="55"/>
      <c r="S2750" s="55"/>
      <c r="T2750" s="55"/>
      <c r="U2750" s="55"/>
      <c r="V2750" s="55"/>
      <c r="W2750" s="55"/>
      <c r="X2750" s="55"/>
      <c r="Y2750" s="55"/>
      <c r="Z2750" s="55"/>
      <c r="AA2750" s="55"/>
      <c r="AB2750" s="55"/>
      <c r="AC2750" s="55"/>
      <c r="AD2750" s="55"/>
      <c r="AE2750" s="55"/>
      <c r="AF2750" s="55"/>
      <c r="AG2750" s="55"/>
      <c r="AY2750" s="162"/>
      <c r="AZ2750" s="162"/>
      <c r="BA2750" s="162"/>
      <c r="BB2750" s="162"/>
      <c r="BC2750" s="162"/>
      <c r="BD2750" s="162"/>
      <c r="BE2750" s="162"/>
      <c r="BF2750" s="162"/>
      <c r="BG2750" s="162"/>
      <c r="BH2750" s="162"/>
      <c r="BI2750" s="162"/>
      <c r="BJ2750" s="162"/>
      <c r="BK2750" s="162"/>
      <c r="BL2750" s="162"/>
      <c r="BM2750" s="162"/>
      <c r="BN2750" s="162"/>
      <c r="BO2750" s="162"/>
      <c r="BP2750" s="162"/>
      <c r="BQ2750" s="162"/>
      <c r="BR2750" s="162"/>
      <c r="BS2750" s="162"/>
      <c r="BT2750" s="162"/>
      <c r="BU2750" s="162"/>
      <c r="BV2750" s="162"/>
      <c r="BW2750" s="162"/>
      <c r="BX2750" s="162"/>
      <c r="BY2750" s="162"/>
      <c r="BZ2750" s="162"/>
      <c r="CA2750" s="162"/>
      <c r="CB2750" s="162"/>
      <c r="CC2750" s="162"/>
      <c r="CD2750" s="162"/>
      <c r="CE2750" s="162"/>
      <c r="CF2750" s="162"/>
      <c r="CG2750" s="162"/>
      <c r="CH2750" s="162"/>
      <c r="CI2750" s="162"/>
      <c r="CJ2750" s="162"/>
      <c r="CK2750" s="162"/>
      <c r="CX2750" s="98"/>
      <c r="DL2750" s="97"/>
      <c r="DX2750" s="98"/>
      <c r="EL2750" s="97"/>
      <c r="EX2750" s="98"/>
      <c r="EY2750" s="97"/>
      <c r="FL2750" s="126"/>
      <c r="FM2750" s="91"/>
      <c r="FN2750" s="91"/>
      <c r="FO2750" s="91"/>
      <c r="FP2750" s="91"/>
      <c r="FQ2750" s="91"/>
      <c r="FR2750" s="91"/>
      <c r="FS2750" s="91"/>
      <c r="FT2750" s="91"/>
      <c r="FU2750" s="91"/>
      <c r="FV2750" s="91"/>
      <c r="FW2750" s="91"/>
      <c r="FX2750" s="91"/>
      <c r="FY2750" s="91"/>
      <c r="FZ2750" s="91"/>
      <c r="GA2750" s="91"/>
      <c r="GB2750" s="91"/>
      <c r="GC2750" s="91"/>
      <c r="GD2750" s="91"/>
      <c r="GE2750" s="91"/>
      <c r="GF2750" s="91"/>
      <c r="GG2750" s="91"/>
      <c r="GH2750" s="91"/>
      <c r="GI2750" s="91"/>
      <c r="GJ2750" s="91"/>
      <c r="GK2750" s="127"/>
      <c r="GL2750" s="126"/>
      <c r="GM2750" s="91"/>
      <c r="GN2750" s="91"/>
      <c r="GO2750" s="91"/>
      <c r="GP2750" s="91"/>
      <c r="GQ2750" s="91"/>
      <c r="GR2750" s="91"/>
      <c r="GS2750" s="91"/>
      <c r="GT2750" s="91"/>
      <c r="GU2750" s="91"/>
      <c r="GV2750" s="91"/>
      <c r="GW2750" s="91"/>
      <c r="GX2750" s="91"/>
      <c r="GY2750" s="91"/>
      <c r="GZ2750" s="91"/>
      <c r="HA2750" s="91"/>
      <c r="HB2750" s="91"/>
      <c r="HC2750" s="91"/>
      <c r="HD2750" s="91"/>
      <c r="HE2750" s="91"/>
      <c r="HF2750" s="91"/>
      <c r="HG2750" s="91"/>
      <c r="HH2750" s="91"/>
      <c r="HI2750" s="91"/>
      <c r="HJ2750" s="91"/>
      <c r="HK2750" s="127"/>
      <c r="HL2750" s="126"/>
      <c r="HM2750" s="91"/>
      <c r="HN2750" s="91"/>
      <c r="HO2750" s="91"/>
      <c r="HP2750" s="91"/>
      <c r="HQ2750" s="91"/>
      <c r="HR2750" s="91"/>
      <c r="HS2750" s="91"/>
      <c r="HT2750" s="91"/>
      <c r="HU2750" s="91"/>
      <c r="HV2750" s="91"/>
      <c r="HW2750" s="91"/>
      <c r="HX2750" s="91"/>
      <c r="HY2750" s="91"/>
      <c r="HZ2750" s="91"/>
      <c r="IA2750" s="91"/>
      <c r="IB2750" s="91"/>
      <c r="IC2750" s="91"/>
      <c r="ID2750" s="91"/>
      <c r="IE2750" s="91"/>
      <c r="IF2750" s="91"/>
      <c r="IG2750" s="91"/>
      <c r="IH2750" s="91"/>
      <c r="II2750" s="91"/>
      <c r="IJ2750" s="91"/>
      <c r="IK2750" s="127"/>
    </row>
    <row r="2751" spans="2:245" x14ac:dyDescent="0.2">
      <c r="B2751" s="43"/>
      <c r="C2751" s="73"/>
      <c r="D2751" s="64"/>
      <c r="E2751" s="64"/>
      <c r="F2751" s="55"/>
      <c r="G2751" s="102"/>
      <c r="H2751" s="55"/>
      <c r="I2751" s="55"/>
      <c r="J2751" s="55"/>
      <c r="K2751" s="55"/>
      <c r="L2751" s="55"/>
      <c r="M2751" s="55"/>
      <c r="N2751" s="55"/>
      <c r="O2751" s="55"/>
      <c r="P2751" s="55"/>
      <c r="Q2751" s="55"/>
      <c r="R2751" s="55"/>
      <c r="S2751" s="55"/>
      <c r="T2751" s="55"/>
      <c r="U2751" s="55"/>
      <c r="V2751" s="55"/>
      <c r="W2751" s="55"/>
      <c r="X2751" s="55"/>
      <c r="Y2751" s="55"/>
      <c r="Z2751" s="55"/>
      <c r="AA2751" s="55"/>
      <c r="AB2751" s="55"/>
      <c r="AC2751" s="55"/>
      <c r="AD2751" s="55"/>
      <c r="AE2751" s="55"/>
      <c r="AF2751" s="55"/>
      <c r="AG2751" s="55"/>
      <c r="AY2751" s="162"/>
      <c r="AZ2751" s="162"/>
      <c r="BA2751" s="162"/>
      <c r="BB2751" s="162"/>
      <c r="BC2751" s="162"/>
      <c r="BD2751" s="162"/>
      <c r="BE2751" s="162"/>
      <c r="BF2751" s="162"/>
      <c r="BG2751" s="162"/>
      <c r="BH2751" s="162"/>
      <c r="BI2751" s="162"/>
      <c r="BJ2751" s="162"/>
      <c r="BK2751" s="162"/>
      <c r="BL2751" s="162"/>
      <c r="BM2751" s="162"/>
      <c r="BN2751" s="162"/>
      <c r="BO2751" s="162"/>
      <c r="BP2751" s="162"/>
      <c r="BQ2751" s="162"/>
      <c r="BR2751" s="162"/>
      <c r="BS2751" s="162"/>
      <c r="BT2751" s="162"/>
      <c r="BU2751" s="162"/>
      <c r="BV2751" s="162"/>
      <c r="BW2751" s="162"/>
      <c r="BX2751" s="162"/>
      <c r="BY2751" s="162"/>
      <c r="BZ2751" s="162"/>
      <c r="CA2751" s="162"/>
      <c r="CB2751" s="162"/>
      <c r="CC2751" s="162"/>
      <c r="CD2751" s="162"/>
      <c r="CE2751" s="162"/>
      <c r="CF2751" s="162"/>
      <c r="CG2751" s="162"/>
      <c r="CH2751" s="162"/>
      <c r="CI2751" s="162"/>
      <c r="CJ2751" s="162"/>
      <c r="CK2751" s="162"/>
      <c r="CX2751" s="98"/>
      <c r="DL2751" s="97"/>
      <c r="DX2751" s="98"/>
      <c r="EL2751" s="97"/>
      <c r="EX2751" s="98"/>
      <c r="EY2751" s="97"/>
      <c r="FL2751" s="126"/>
      <c r="FM2751" s="91"/>
      <c r="FN2751" s="91"/>
      <c r="FO2751" s="91"/>
      <c r="FP2751" s="91"/>
      <c r="FQ2751" s="91"/>
      <c r="FR2751" s="91"/>
      <c r="FS2751" s="91"/>
      <c r="FT2751" s="91"/>
      <c r="FU2751" s="91"/>
      <c r="FV2751" s="91"/>
      <c r="FW2751" s="91"/>
      <c r="FX2751" s="91"/>
      <c r="FY2751" s="91"/>
      <c r="FZ2751" s="91"/>
      <c r="GA2751" s="91"/>
      <c r="GB2751" s="91"/>
      <c r="GC2751" s="91"/>
      <c r="GD2751" s="91"/>
      <c r="GE2751" s="91"/>
      <c r="GF2751" s="91"/>
      <c r="GG2751" s="91"/>
      <c r="GH2751" s="91"/>
      <c r="GI2751" s="91"/>
      <c r="GJ2751" s="91"/>
      <c r="GK2751" s="127"/>
      <c r="GL2751" s="126"/>
      <c r="GM2751" s="91"/>
      <c r="GN2751" s="91"/>
      <c r="GO2751" s="91"/>
      <c r="GP2751" s="91"/>
      <c r="GQ2751" s="91"/>
      <c r="GR2751" s="91"/>
      <c r="GS2751" s="91"/>
      <c r="GT2751" s="91"/>
      <c r="GU2751" s="91"/>
      <c r="GV2751" s="91"/>
      <c r="GW2751" s="91"/>
      <c r="GX2751" s="91"/>
      <c r="GY2751" s="91"/>
      <c r="GZ2751" s="91"/>
      <c r="HA2751" s="91"/>
      <c r="HB2751" s="91"/>
      <c r="HC2751" s="91"/>
      <c r="HD2751" s="91"/>
      <c r="HE2751" s="91"/>
      <c r="HF2751" s="91"/>
      <c r="HG2751" s="91"/>
      <c r="HH2751" s="91"/>
      <c r="HI2751" s="91"/>
      <c r="HJ2751" s="91"/>
      <c r="HK2751" s="127"/>
      <c r="HL2751" s="126"/>
      <c r="HM2751" s="91"/>
      <c r="HN2751" s="91"/>
      <c r="HO2751" s="91"/>
      <c r="HP2751" s="91"/>
      <c r="HQ2751" s="91"/>
      <c r="HR2751" s="91"/>
      <c r="HS2751" s="91"/>
      <c r="HT2751" s="91"/>
      <c r="HU2751" s="91"/>
      <c r="HV2751" s="91"/>
      <c r="HW2751" s="91"/>
      <c r="HX2751" s="91"/>
      <c r="HY2751" s="91"/>
      <c r="HZ2751" s="91"/>
      <c r="IA2751" s="91"/>
      <c r="IB2751" s="91"/>
      <c r="IC2751" s="91"/>
      <c r="ID2751" s="91"/>
      <c r="IE2751" s="91"/>
      <c r="IF2751" s="91"/>
      <c r="IG2751" s="91"/>
      <c r="IH2751" s="91"/>
      <c r="II2751" s="91"/>
      <c r="IJ2751" s="91"/>
      <c r="IK2751" s="127"/>
    </row>
    <row r="2752" spans="2:245" x14ac:dyDescent="0.2">
      <c r="B2752" s="43"/>
      <c r="C2752" s="73"/>
      <c r="D2752" s="64"/>
      <c r="E2752" s="64"/>
      <c r="F2752" s="55"/>
      <c r="G2752" s="102"/>
      <c r="H2752" s="55"/>
      <c r="I2752" s="55"/>
      <c r="J2752" s="55"/>
      <c r="K2752" s="55"/>
      <c r="L2752" s="55"/>
      <c r="M2752" s="55"/>
      <c r="N2752" s="55"/>
      <c r="O2752" s="55"/>
      <c r="P2752" s="55"/>
      <c r="Q2752" s="55"/>
      <c r="R2752" s="55"/>
      <c r="S2752" s="55"/>
      <c r="T2752" s="55"/>
      <c r="U2752" s="55"/>
      <c r="V2752" s="55"/>
      <c r="W2752" s="55"/>
      <c r="X2752" s="55"/>
      <c r="Y2752" s="55"/>
      <c r="Z2752" s="55"/>
      <c r="AA2752" s="55"/>
      <c r="AB2752" s="55"/>
      <c r="AC2752" s="55"/>
      <c r="AD2752" s="55"/>
      <c r="AE2752" s="55"/>
      <c r="AF2752" s="55"/>
      <c r="AG2752" s="55"/>
      <c r="AY2752" s="162"/>
      <c r="AZ2752" s="162"/>
      <c r="BA2752" s="162"/>
      <c r="BB2752" s="162"/>
      <c r="BC2752" s="162"/>
      <c r="BD2752" s="162"/>
      <c r="BE2752" s="162"/>
      <c r="BF2752" s="162"/>
      <c r="BG2752" s="162"/>
      <c r="BH2752" s="162"/>
      <c r="BI2752" s="162"/>
      <c r="BJ2752" s="162"/>
      <c r="BK2752" s="162"/>
      <c r="BL2752" s="162"/>
      <c r="BM2752" s="162"/>
      <c r="BN2752" s="162"/>
      <c r="BO2752" s="162"/>
      <c r="BP2752" s="162"/>
      <c r="BQ2752" s="162"/>
      <c r="BR2752" s="162"/>
      <c r="BS2752" s="162"/>
      <c r="BT2752" s="162"/>
      <c r="BU2752" s="162"/>
      <c r="BV2752" s="162"/>
      <c r="BW2752" s="162"/>
      <c r="BX2752" s="162"/>
      <c r="BY2752" s="162"/>
      <c r="BZ2752" s="162"/>
      <c r="CA2752" s="162"/>
      <c r="CB2752" s="162"/>
      <c r="CC2752" s="162"/>
      <c r="CD2752" s="162"/>
      <c r="CE2752" s="162"/>
      <c r="CF2752" s="162"/>
      <c r="CG2752" s="162"/>
      <c r="CH2752" s="162"/>
      <c r="CI2752" s="162"/>
      <c r="CJ2752" s="162"/>
      <c r="CK2752" s="162"/>
      <c r="CX2752" s="98"/>
      <c r="DL2752" s="97"/>
      <c r="DX2752" s="98"/>
      <c r="EL2752" s="97"/>
      <c r="EX2752" s="98"/>
      <c r="EY2752" s="97"/>
      <c r="FL2752" s="126"/>
      <c r="FM2752" s="91"/>
      <c r="FN2752" s="91"/>
      <c r="FO2752" s="91"/>
      <c r="FP2752" s="91"/>
      <c r="FQ2752" s="91"/>
      <c r="FR2752" s="91"/>
      <c r="FS2752" s="91"/>
      <c r="FT2752" s="91"/>
      <c r="FU2752" s="91"/>
      <c r="FV2752" s="91"/>
      <c r="FW2752" s="91"/>
      <c r="FX2752" s="91"/>
      <c r="FY2752" s="91"/>
      <c r="FZ2752" s="91"/>
      <c r="GA2752" s="91"/>
      <c r="GB2752" s="91"/>
      <c r="GC2752" s="91"/>
      <c r="GD2752" s="91"/>
      <c r="GE2752" s="91"/>
      <c r="GF2752" s="91"/>
      <c r="GG2752" s="91"/>
      <c r="GH2752" s="91"/>
      <c r="GI2752" s="91"/>
      <c r="GJ2752" s="91"/>
      <c r="GK2752" s="127"/>
      <c r="GL2752" s="126"/>
      <c r="GM2752" s="91"/>
      <c r="GN2752" s="91"/>
      <c r="GO2752" s="91"/>
      <c r="GP2752" s="91"/>
      <c r="GQ2752" s="91"/>
      <c r="GR2752" s="91"/>
      <c r="GS2752" s="91"/>
      <c r="GT2752" s="91"/>
      <c r="GU2752" s="91"/>
      <c r="GV2752" s="91"/>
      <c r="GW2752" s="91"/>
      <c r="GX2752" s="91"/>
      <c r="GY2752" s="91"/>
      <c r="GZ2752" s="91"/>
      <c r="HA2752" s="91"/>
      <c r="HB2752" s="91"/>
      <c r="HC2752" s="91"/>
      <c r="HD2752" s="91"/>
      <c r="HE2752" s="91"/>
      <c r="HF2752" s="91"/>
      <c r="HG2752" s="91"/>
      <c r="HH2752" s="91"/>
      <c r="HI2752" s="91"/>
      <c r="HJ2752" s="91"/>
      <c r="HK2752" s="127"/>
      <c r="HL2752" s="126"/>
      <c r="HM2752" s="91"/>
      <c r="HN2752" s="91"/>
      <c r="HO2752" s="91"/>
      <c r="HP2752" s="91"/>
      <c r="HQ2752" s="91"/>
      <c r="HR2752" s="91"/>
      <c r="HS2752" s="91"/>
      <c r="HT2752" s="91"/>
      <c r="HU2752" s="91"/>
      <c r="HV2752" s="91"/>
      <c r="HW2752" s="91"/>
      <c r="HX2752" s="91"/>
      <c r="HY2752" s="91"/>
      <c r="HZ2752" s="91"/>
      <c r="IA2752" s="91"/>
      <c r="IB2752" s="91"/>
      <c r="IC2752" s="91"/>
      <c r="ID2752" s="91"/>
      <c r="IE2752" s="91"/>
      <c r="IF2752" s="91"/>
      <c r="IG2752" s="91"/>
      <c r="IH2752" s="91"/>
      <c r="II2752" s="91"/>
      <c r="IJ2752" s="91"/>
      <c r="IK2752" s="127"/>
    </row>
    <row r="2753" spans="2:245" x14ac:dyDescent="0.2">
      <c r="B2753" s="43"/>
      <c r="C2753" s="73"/>
      <c r="D2753" s="64"/>
      <c r="E2753" s="64"/>
      <c r="F2753" s="55"/>
      <c r="G2753" s="102"/>
      <c r="H2753" s="55"/>
      <c r="I2753" s="55"/>
      <c r="J2753" s="55"/>
      <c r="K2753" s="55"/>
      <c r="L2753" s="55"/>
      <c r="M2753" s="55"/>
      <c r="N2753" s="55"/>
      <c r="O2753" s="55"/>
      <c r="P2753" s="55"/>
      <c r="Q2753" s="55"/>
      <c r="R2753" s="55"/>
      <c r="S2753" s="55"/>
      <c r="T2753" s="55"/>
      <c r="U2753" s="55"/>
      <c r="V2753" s="55"/>
      <c r="W2753" s="55"/>
      <c r="X2753" s="55"/>
      <c r="Y2753" s="55"/>
      <c r="Z2753" s="55"/>
      <c r="AA2753" s="55"/>
      <c r="AB2753" s="55"/>
      <c r="AC2753" s="55"/>
      <c r="AD2753" s="55"/>
      <c r="AE2753" s="55"/>
      <c r="AF2753" s="55"/>
      <c r="AG2753" s="55"/>
      <c r="AY2753" s="162"/>
      <c r="AZ2753" s="162"/>
      <c r="BA2753" s="162"/>
      <c r="BB2753" s="162"/>
      <c r="BC2753" s="162"/>
      <c r="BD2753" s="162"/>
      <c r="BE2753" s="162"/>
      <c r="BF2753" s="162"/>
      <c r="BG2753" s="162"/>
      <c r="BH2753" s="162"/>
      <c r="BI2753" s="162"/>
      <c r="BJ2753" s="162"/>
      <c r="BK2753" s="162"/>
      <c r="BL2753" s="162"/>
      <c r="BM2753" s="162"/>
      <c r="BN2753" s="162"/>
      <c r="BO2753" s="162"/>
      <c r="BP2753" s="162"/>
      <c r="BQ2753" s="162"/>
      <c r="BR2753" s="162"/>
      <c r="BS2753" s="162"/>
      <c r="BT2753" s="162"/>
      <c r="BU2753" s="162"/>
      <c r="BV2753" s="162"/>
      <c r="BW2753" s="162"/>
      <c r="BX2753" s="162"/>
      <c r="BY2753" s="162"/>
      <c r="BZ2753" s="162"/>
      <c r="CA2753" s="162"/>
      <c r="CB2753" s="162"/>
      <c r="CC2753" s="162"/>
      <c r="CD2753" s="162"/>
      <c r="CE2753" s="162"/>
      <c r="CF2753" s="162"/>
      <c r="CG2753" s="162"/>
      <c r="CH2753" s="162"/>
      <c r="CI2753" s="162"/>
      <c r="CJ2753" s="162"/>
      <c r="CK2753" s="162"/>
      <c r="CX2753" s="98"/>
      <c r="DL2753" s="97"/>
      <c r="DX2753" s="98"/>
      <c r="EL2753" s="97"/>
      <c r="EX2753" s="98"/>
      <c r="EY2753" s="97"/>
      <c r="FL2753" s="126"/>
      <c r="FM2753" s="91"/>
      <c r="FN2753" s="91"/>
      <c r="FO2753" s="91"/>
      <c r="FP2753" s="91"/>
      <c r="FQ2753" s="91"/>
      <c r="FR2753" s="91"/>
      <c r="FS2753" s="91"/>
      <c r="FT2753" s="91"/>
      <c r="FU2753" s="91"/>
      <c r="FV2753" s="91"/>
      <c r="FW2753" s="91"/>
      <c r="FX2753" s="91"/>
      <c r="FY2753" s="91"/>
      <c r="FZ2753" s="91"/>
      <c r="GA2753" s="91"/>
      <c r="GB2753" s="91"/>
      <c r="GC2753" s="91"/>
      <c r="GD2753" s="91"/>
      <c r="GE2753" s="91"/>
      <c r="GF2753" s="91"/>
      <c r="GG2753" s="91"/>
      <c r="GH2753" s="91"/>
      <c r="GI2753" s="91"/>
      <c r="GJ2753" s="91"/>
      <c r="GK2753" s="127"/>
      <c r="GL2753" s="126"/>
      <c r="GM2753" s="91"/>
      <c r="GN2753" s="91"/>
      <c r="GO2753" s="91"/>
      <c r="GP2753" s="91"/>
      <c r="GQ2753" s="91"/>
      <c r="GR2753" s="91"/>
      <c r="GS2753" s="91"/>
      <c r="GT2753" s="91"/>
      <c r="GU2753" s="91"/>
      <c r="GV2753" s="91"/>
      <c r="GW2753" s="91"/>
      <c r="GX2753" s="91"/>
      <c r="GY2753" s="91"/>
      <c r="GZ2753" s="91"/>
      <c r="HA2753" s="91"/>
      <c r="HB2753" s="91"/>
      <c r="HC2753" s="91"/>
      <c r="HD2753" s="91"/>
      <c r="HE2753" s="91"/>
      <c r="HF2753" s="91"/>
      <c r="HG2753" s="91"/>
      <c r="HH2753" s="91"/>
      <c r="HI2753" s="91"/>
      <c r="HJ2753" s="91"/>
      <c r="HK2753" s="127"/>
      <c r="HL2753" s="126"/>
      <c r="HM2753" s="91"/>
      <c r="HN2753" s="91"/>
      <c r="HO2753" s="91"/>
      <c r="HP2753" s="91"/>
      <c r="HQ2753" s="91"/>
      <c r="HR2753" s="91"/>
      <c r="HS2753" s="91"/>
      <c r="HT2753" s="91"/>
      <c r="HU2753" s="91"/>
      <c r="HV2753" s="91"/>
      <c r="HW2753" s="91"/>
      <c r="HX2753" s="91"/>
      <c r="HY2753" s="91"/>
      <c r="HZ2753" s="91"/>
      <c r="IA2753" s="91"/>
      <c r="IB2753" s="91"/>
      <c r="IC2753" s="91"/>
      <c r="ID2753" s="91"/>
      <c r="IE2753" s="91"/>
      <c r="IF2753" s="91"/>
      <c r="IG2753" s="91"/>
      <c r="IH2753" s="91"/>
      <c r="II2753" s="91"/>
      <c r="IJ2753" s="91"/>
      <c r="IK2753" s="127"/>
    </row>
    <row r="2754" spans="2:245" x14ac:dyDescent="0.2">
      <c r="B2754" s="43"/>
      <c r="C2754" s="73"/>
      <c r="D2754" s="64"/>
      <c r="E2754" s="64"/>
      <c r="F2754" s="55"/>
      <c r="G2754" s="102"/>
      <c r="H2754" s="55"/>
      <c r="I2754" s="55"/>
      <c r="J2754" s="55"/>
      <c r="K2754" s="55"/>
      <c r="L2754" s="55"/>
      <c r="M2754" s="55"/>
      <c r="N2754" s="55"/>
      <c r="O2754" s="55"/>
      <c r="P2754" s="55"/>
      <c r="Q2754" s="55"/>
      <c r="R2754" s="55"/>
      <c r="S2754" s="55"/>
      <c r="T2754" s="55"/>
      <c r="U2754" s="55"/>
      <c r="V2754" s="55"/>
      <c r="W2754" s="55"/>
      <c r="X2754" s="55"/>
      <c r="Y2754" s="55"/>
      <c r="Z2754" s="55"/>
      <c r="AA2754" s="55"/>
      <c r="AB2754" s="55"/>
      <c r="AC2754" s="55"/>
      <c r="AD2754" s="55"/>
      <c r="AE2754" s="55"/>
      <c r="AF2754" s="55"/>
      <c r="AG2754" s="55"/>
      <c r="AY2754" s="162"/>
      <c r="AZ2754" s="162"/>
      <c r="BA2754" s="162"/>
      <c r="BB2754" s="162"/>
      <c r="BC2754" s="162"/>
      <c r="BD2754" s="162"/>
      <c r="BE2754" s="162"/>
      <c r="BF2754" s="162"/>
      <c r="BG2754" s="162"/>
      <c r="BH2754" s="162"/>
      <c r="BI2754" s="162"/>
      <c r="BJ2754" s="162"/>
      <c r="BK2754" s="162"/>
      <c r="BL2754" s="162"/>
      <c r="BM2754" s="162"/>
      <c r="BN2754" s="162"/>
      <c r="BO2754" s="162"/>
      <c r="BP2754" s="162"/>
      <c r="BQ2754" s="162"/>
      <c r="BR2754" s="162"/>
      <c r="BS2754" s="162"/>
      <c r="BT2754" s="162"/>
      <c r="BU2754" s="162"/>
      <c r="BV2754" s="162"/>
      <c r="BW2754" s="162"/>
      <c r="BX2754" s="162"/>
      <c r="BY2754" s="162"/>
      <c r="BZ2754" s="162"/>
      <c r="CA2754" s="162"/>
      <c r="CB2754" s="162"/>
      <c r="CC2754" s="162"/>
      <c r="CD2754" s="162"/>
      <c r="CE2754" s="162"/>
      <c r="CF2754" s="162"/>
      <c r="CG2754" s="162"/>
      <c r="CH2754" s="162"/>
      <c r="CI2754" s="162"/>
      <c r="CJ2754" s="162"/>
      <c r="CK2754" s="162"/>
      <c r="CX2754" s="98"/>
      <c r="DL2754" s="97"/>
      <c r="DX2754" s="98"/>
      <c r="EL2754" s="97"/>
      <c r="EX2754" s="98"/>
      <c r="EY2754" s="97"/>
      <c r="FL2754" s="126"/>
      <c r="FM2754" s="91"/>
      <c r="FN2754" s="91"/>
      <c r="FO2754" s="91"/>
      <c r="FP2754" s="91"/>
      <c r="FQ2754" s="91"/>
      <c r="FR2754" s="91"/>
      <c r="FS2754" s="91"/>
      <c r="FT2754" s="91"/>
      <c r="FU2754" s="91"/>
      <c r="FV2754" s="91"/>
      <c r="FW2754" s="91"/>
      <c r="FX2754" s="91"/>
      <c r="FY2754" s="91"/>
      <c r="FZ2754" s="91"/>
      <c r="GA2754" s="91"/>
      <c r="GB2754" s="91"/>
      <c r="GC2754" s="91"/>
      <c r="GD2754" s="91"/>
      <c r="GE2754" s="91"/>
      <c r="GF2754" s="91"/>
      <c r="GG2754" s="91"/>
      <c r="GH2754" s="91"/>
      <c r="GI2754" s="91"/>
      <c r="GJ2754" s="91"/>
      <c r="GK2754" s="127"/>
      <c r="GL2754" s="126"/>
      <c r="GM2754" s="91"/>
      <c r="GN2754" s="91"/>
      <c r="GO2754" s="91"/>
      <c r="GP2754" s="91"/>
      <c r="GQ2754" s="91"/>
      <c r="GR2754" s="91"/>
      <c r="GS2754" s="91"/>
      <c r="GT2754" s="91"/>
      <c r="GU2754" s="91"/>
      <c r="GV2754" s="91"/>
      <c r="GW2754" s="91"/>
      <c r="GX2754" s="91"/>
      <c r="GY2754" s="91"/>
      <c r="GZ2754" s="91"/>
      <c r="HA2754" s="91"/>
      <c r="HB2754" s="91"/>
      <c r="HC2754" s="91"/>
      <c r="HD2754" s="91"/>
      <c r="HE2754" s="91"/>
      <c r="HF2754" s="91"/>
      <c r="HG2754" s="91"/>
      <c r="HH2754" s="91"/>
      <c r="HI2754" s="91"/>
      <c r="HJ2754" s="91"/>
      <c r="HK2754" s="127"/>
      <c r="HL2754" s="126"/>
      <c r="HM2754" s="91"/>
      <c r="HN2754" s="91"/>
      <c r="HO2754" s="91"/>
      <c r="HP2754" s="91"/>
      <c r="HQ2754" s="91"/>
      <c r="HR2754" s="91"/>
      <c r="HS2754" s="91"/>
      <c r="HT2754" s="91"/>
      <c r="HU2754" s="91"/>
      <c r="HV2754" s="91"/>
      <c r="HW2754" s="91"/>
      <c r="HX2754" s="91"/>
      <c r="HY2754" s="91"/>
      <c r="HZ2754" s="91"/>
      <c r="IA2754" s="91"/>
      <c r="IB2754" s="91"/>
      <c r="IC2754" s="91"/>
      <c r="ID2754" s="91"/>
      <c r="IE2754" s="91"/>
      <c r="IF2754" s="91"/>
      <c r="IG2754" s="91"/>
      <c r="IH2754" s="91"/>
      <c r="II2754" s="91"/>
      <c r="IJ2754" s="91"/>
      <c r="IK2754" s="127"/>
    </row>
    <row r="2755" spans="2:245" x14ac:dyDescent="0.2">
      <c r="B2755" s="43"/>
      <c r="C2755" s="73"/>
      <c r="D2755" s="64"/>
      <c r="E2755" s="64"/>
      <c r="F2755" s="55"/>
      <c r="G2755" s="102"/>
      <c r="H2755" s="55"/>
      <c r="I2755" s="55"/>
      <c r="J2755" s="55"/>
      <c r="K2755" s="55"/>
      <c r="L2755" s="55"/>
      <c r="M2755" s="55"/>
      <c r="N2755" s="55"/>
      <c r="O2755" s="55"/>
      <c r="P2755" s="55"/>
      <c r="Q2755" s="55"/>
      <c r="R2755" s="55"/>
      <c r="S2755" s="55"/>
      <c r="T2755" s="55"/>
      <c r="U2755" s="55"/>
      <c r="V2755" s="55"/>
      <c r="W2755" s="55"/>
      <c r="X2755" s="55"/>
      <c r="Y2755" s="55"/>
      <c r="Z2755" s="55"/>
      <c r="AA2755" s="55"/>
      <c r="AB2755" s="55"/>
      <c r="AC2755" s="55"/>
      <c r="AD2755" s="55"/>
      <c r="AE2755" s="55"/>
      <c r="AF2755" s="55"/>
      <c r="AG2755" s="55"/>
      <c r="AY2755" s="162"/>
      <c r="AZ2755" s="162"/>
      <c r="BA2755" s="162"/>
      <c r="BB2755" s="162"/>
      <c r="BC2755" s="162"/>
      <c r="BD2755" s="162"/>
      <c r="BE2755" s="162"/>
      <c r="BF2755" s="162"/>
      <c r="BG2755" s="162"/>
      <c r="BH2755" s="162"/>
      <c r="BI2755" s="162"/>
      <c r="BJ2755" s="162"/>
      <c r="BK2755" s="162"/>
      <c r="BL2755" s="162"/>
      <c r="BM2755" s="162"/>
      <c r="BN2755" s="162"/>
      <c r="BO2755" s="162"/>
      <c r="BP2755" s="162"/>
      <c r="BQ2755" s="162"/>
      <c r="BR2755" s="162"/>
      <c r="BS2755" s="162"/>
      <c r="BT2755" s="162"/>
      <c r="BU2755" s="162"/>
      <c r="BV2755" s="162"/>
      <c r="BW2755" s="162"/>
      <c r="BX2755" s="162"/>
      <c r="BY2755" s="162"/>
      <c r="BZ2755" s="162"/>
      <c r="CA2755" s="162"/>
      <c r="CB2755" s="162"/>
      <c r="CC2755" s="162"/>
      <c r="CD2755" s="162"/>
      <c r="CE2755" s="162"/>
      <c r="CF2755" s="162"/>
      <c r="CG2755" s="162"/>
      <c r="CH2755" s="162"/>
      <c r="CI2755" s="162"/>
      <c r="CJ2755" s="162"/>
      <c r="CK2755" s="162"/>
      <c r="CX2755" s="98"/>
      <c r="DL2755" s="97"/>
      <c r="DX2755" s="98"/>
      <c r="EL2755" s="97"/>
      <c r="EX2755" s="98"/>
      <c r="EY2755" s="97"/>
      <c r="FL2755" s="126"/>
      <c r="FM2755" s="91"/>
      <c r="FN2755" s="91"/>
      <c r="FO2755" s="91"/>
      <c r="FP2755" s="91"/>
      <c r="FQ2755" s="91"/>
      <c r="FR2755" s="91"/>
      <c r="FS2755" s="91"/>
      <c r="FT2755" s="91"/>
      <c r="FU2755" s="91"/>
      <c r="FV2755" s="91"/>
      <c r="FW2755" s="91"/>
      <c r="FX2755" s="91"/>
      <c r="FY2755" s="91"/>
      <c r="FZ2755" s="91"/>
      <c r="GA2755" s="91"/>
      <c r="GB2755" s="91"/>
      <c r="GC2755" s="91"/>
      <c r="GD2755" s="91"/>
      <c r="GE2755" s="91"/>
      <c r="GF2755" s="91"/>
      <c r="GG2755" s="91"/>
      <c r="GH2755" s="91"/>
      <c r="GI2755" s="91"/>
      <c r="GJ2755" s="91"/>
      <c r="GK2755" s="127"/>
      <c r="GL2755" s="126"/>
      <c r="GM2755" s="91"/>
      <c r="GN2755" s="91"/>
      <c r="GO2755" s="91"/>
      <c r="GP2755" s="91"/>
      <c r="GQ2755" s="91"/>
      <c r="GR2755" s="91"/>
      <c r="GS2755" s="91"/>
      <c r="GT2755" s="91"/>
      <c r="GU2755" s="91"/>
      <c r="GV2755" s="91"/>
      <c r="GW2755" s="91"/>
      <c r="GX2755" s="91"/>
      <c r="GY2755" s="91"/>
      <c r="GZ2755" s="91"/>
      <c r="HA2755" s="91"/>
      <c r="HB2755" s="91"/>
      <c r="HC2755" s="91"/>
      <c r="HD2755" s="91"/>
      <c r="HE2755" s="91"/>
      <c r="HF2755" s="91"/>
      <c r="HG2755" s="91"/>
      <c r="HH2755" s="91"/>
      <c r="HI2755" s="91"/>
      <c r="HJ2755" s="91"/>
      <c r="HK2755" s="127"/>
      <c r="HL2755" s="126"/>
      <c r="HM2755" s="91"/>
      <c r="HN2755" s="91"/>
      <c r="HO2755" s="91"/>
      <c r="HP2755" s="91"/>
      <c r="HQ2755" s="91"/>
      <c r="HR2755" s="91"/>
      <c r="HS2755" s="91"/>
      <c r="HT2755" s="91"/>
      <c r="HU2755" s="91"/>
      <c r="HV2755" s="91"/>
      <c r="HW2755" s="91"/>
      <c r="HX2755" s="91"/>
      <c r="HY2755" s="91"/>
      <c r="HZ2755" s="91"/>
      <c r="IA2755" s="91"/>
      <c r="IB2755" s="91"/>
      <c r="IC2755" s="91"/>
      <c r="ID2755" s="91"/>
      <c r="IE2755" s="91"/>
      <c r="IF2755" s="91"/>
      <c r="IG2755" s="91"/>
      <c r="IH2755" s="91"/>
      <c r="II2755" s="91"/>
      <c r="IJ2755" s="91"/>
      <c r="IK2755" s="127"/>
    </row>
    <row r="2756" spans="2:245" x14ac:dyDescent="0.2">
      <c r="B2756" s="43"/>
      <c r="C2756" s="73"/>
      <c r="D2756" s="64"/>
      <c r="E2756" s="64"/>
      <c r="F2756" s="55"/>
      <c r="G2756" s="102"/>
      <c r="H2756" s="55"/>
      <c r="I2756" s="55"/>
      <c r="J2756" s="55"/>
      <c r="K2756" s="55"/>
      <c r="L2756" s="55"/>
      <c r="M2756" s="55"/>
      <c r="N2756" s="55"/>
      <c r="O2756" s="55"/>
      <c r="P2756" s="55"/>
      <c r="Q2756" s="55"/>
      <c r="R2756" s="55"/>
      <c r="S2756" s="55"/>
      <c r="T2756" s="55"/>
      <c r="U2756" s="55"/>
      <c r="V2756" s="55"/>
      <c r="W2756" s="55"/>
      <c r="X2756" s="55"/>
      <c r="Y2756" s="55"/>
      <c r="Z2756" s="55"/>
      <c r="AA2756" s="55"/>
      <c r="AB2756" s="55"/>
      <c r="AC2756" s="55"/>
      <c r="AD2756" s="55"/>
      <c r="AE2756" s="55"/>
      <c r="AF2756" s="55"/>
      <c r="AG2756" s="55"/>
      <c r="AY2756" s="162"/>
      <c r="AZ2756" s="162"/>
      <c r="BA2756" s="162"/>
      <c r="BB2756" s="162"/>
      <c r="BC2756" s="162"/>
      <c r="BD2756" s="162"/>
      <c r="BE2756" s="162"/>
      <c r="BF2756" s="162"/>
      <c r="BG2756" s="162"/>
      <c r="BH2756" s="162"/>
      <c r="BI2756" s="162"/>
      <c r="BJ2756" s="162"/>
      <c r="BK2756" s="162"/>
      <c r="BL2756" s="162"/>
      <c r="BM2756" s="162"/>
      <c r="BN2756" s="162"/>
      <c r="BO2756" s="162"/>
      <c r="BP2756" s="162"/>
      <c r="BQ2756" s="162"/>
      <c r="BR2756" s="162"/>
      <c r="BS2756" s="162"/>
      <c r="BT2756" s="162"/>
      <c r="BU2756" s="162"/>
      <c r="BV2756" s="162"/>
      <c r="BW2756" s="162"/>
      <c r="BX2756" s="162"/>
      <c r="BY2756" s="162"/>
      <c r="BZ2756" s="162"/>
      <c r="CA2756" s="162"/>
      <c r="CB2756" s="162"/>
      <c r="CC2756" s="162"/>
      <c r="CD2756" s="162"/>
      <c r="CE2756" s="162"/>
      <c r="CF2756" s="162"/>
      <c r="CG2756" s="162"/>
      <c r="CH2756" s="162"/>
      <c r="CI2756" s="162"/>
      <c r="CJ2756" s="162"/>
      <c r="CK2756" s="162"/>
      <c r="CX2756" s="98"/>
      <c r="DL2756" s="97"/>
      <c r="DX2756" s="98"/>
      <c r="EL2756" s="97"/>
      <c r="EX2756" s="98"/>
      <c r="EY2756" s="97"/>
      <c r="FL2756" s="126"/>
      <c r="FM2756" s="91"/>
      <c r="FN2756" s="91"/>
      <c r="FO2756" s="91"/>
      <c r="FP2756" s="91"/>
      <c r="FQ2756" s="91"/>
      <c r="FR2756" s="91"/>
      <c r="FS2756" s="91"/>
      <c r="FT2756" s="91"/>
      <c r="FU2756" s="91"/>
      <c r="FV2756" s="91"/>
      <c r="FW2756" s="91"/>
      <c r="FX2756" s="91"/>
      <c r="FY2756" s="91"/>
      <c r="FZ2756" s="91"/>
      <c r="GA2756" s="91"/>
      <c r="GB2756" s="91"/>
      <c r="GC2756" s="91"/>
      <c r="GD2756" s="91"/>
      <c r="GE2756" s="91"/>
      <c r="GF2756" s="91"/>
      <c r="GG2756" s="91"/>
      <c r="GH2756" s="91"/>
      <c r="GI2756" s="91"/>
      <c r="GJ2756" s="91"/>
      <c r="GK2756" s="127"/>
      <c r="GL2756" s="126"/>
      <c r="GM2756" s="91"/>
      <c r="GN2756" s="91"/>
      <c r="GO2756" s="91"/>
      <c r="GP2756" s="91"/>
      <c r="GQ2756" s="91"/>
      <c r="GR2756" s="91"/>
      <c r="GS2756" s="91"/>
      <c r="GT2756" s="91"/>
      <c r="GU2756" s="91"/>
      <c r="GV2756" s="91"/>
      <c r="GW2756" s="91"/>
      <c r="GX2756" s="91"/>
      <c r="GY2756" s="91"/>
      <c r="GZ2756" s="91"/>
      <c r="HA2756" s="91"/>
      <c r="HB2756" s="91"/>
      <c r="HC2756" s="91"/>
      <c r="HD2756" s="91"/>
      <c r="HE2756" s="91"/>
      <c r="HF2756" s="91"/>
      <c r="HG2756" s="91"/>
      <c r="HH2756" s="91"/>
      <c r="HI2756" s="91"/>
      <c r="HJ2756" s="91"/>
      <c r="HK2756" s="127"/>
      <c r="HL2756" s="126"/>
      <c r="HM2756" s="91"/>
      <c r="HN2756" s="91"/>
      <c r="HO2756" s="91"/>
      <c r="HP2756" s="91"/>
      <c r="HQ2756" s="91"/>
      <c r="HR2756" s="91"/>
      <c r="HS2756" s="91"/>
      <c r="HT2756" s="91"/>
      <c r="HU2756" s="91"/>
      <c r="HV2756" s="91"/>
      <c r="HW2756" s="91"/>
      <c r="HX2756" s="91"/>
      <c r="HY2756" s="91"/>
      <c r="HZ2756" s="91"/>
      <c r="IA2756" s="91"/>
      <c r="IB2756" s="91"/>
      <c r="IC2756" s="91"/>
      <c r="ID2756" s="91"/>
      <c r="IE2756" s="91"/>
      <c r="IF2756" s="91"/>
      <c r="IG2756" s="91"/>
      <c r="IH2756" s="91"/>
      <c r="II2756" s="91"/>
      <c r="IJ2756" s="91"/>
      <c r="IK2756" s="127"/>
    </row>
    <row r="2757" spans="2:245" x14ac:dyDescent="0.2">
      <c r="B2757" s="43"/>
      <c r="C2757" s="73"/>
      <c r="D2757" s="64"/>
      <c r="E2757" s="64"/>
      <c r="F2757" s="55"/>
      <c r="G2757" s="102"/>
      <c r="H2757" s="55"/>
      <c r="I2757" s="55"/>
      <c r="J2757" s="55"/>
      <c r="K2757" s="55"/>
      <c r="L2757" s="55"/>
      <c r="M2757" s="55"/>
      <c r="N2757" s="55"/>
      <c r="O2757" s="55"/>
      <c r="P2757" s="55"/>
      <c r="Q2757" s="55"/>
      <c r="R2757" s="55"/>
      <c r="S2757" s="55"/>
      <c r="T2757" s="55"/>
      <c r="U2757" s="55"/>
      <c r="V2757" s="55"/>
      <c r="W2757" s="55"/>
      <c r="X2757" s="55"/>
      <c r="Y2757" s="55"/>
      <c r="Z2757" s="55"/>
      <c r="AA2757" s="55"/>
      <c r="AB2757" s="55"/>
      <c r="AC2757" s="55"/>
      <c r="AD2757" s="55"/>
      <c r="AE2757" s="55"/>
      <c r="AF2757" s="55"/>
      <c r="AG2757" s="55"/>
      <c r="AY2757" s="162"/>
      <c r="AZ2757" s="162"/>
      <c r="BA2757" s="162"/>
      <c r="BB2757" s="162"/>
      <c r="BC2757" s="162"/>
      <c r="BD2757" s="162"/>
      <c r="BE2757" s="162"/>
      <c r="BF2757" s="162"/>
      <c r="BG2757" s="162"/>
      <c r="BH2757" s="162"/>
      <c r="BI2757" s="162"/>
      <c r="BJ2757" s="162"/>
      <c r="BK2757" s="162"/>
      <c r="BL2757" s="162"/>
      <c r="BM2757" s="162"/>
      <c r="BN2757" s="162"/>
      <c r="BO2757" s="162"/>
      <c r="BP2757" s="162"/>
      <c r="BQ2757" s="162"/>
      <c r="BR2757" s="162"/>
      <c r="BS2757" s="162"/>
      <c r="BT2757" s="162"/>
      <c r="BU2757" s="162"/>
      <c r="BV2757" s="162"/>
      <c r="BW2757" s="162"/>
      <c r="BX2757" s="162"/>
      <c r="BY2757" s="162"/>
      <c r="BZ2757" s="162"/>
      <c r="CA2757" s="162"/>
      <c r="CB2757" s="162"/>
      <c r="CC2757" s="162"/>
      <c r="CD2757" s="162"/>
      <c r="CE2757" s="162"/>
      <c r="CF2757" s="162"/>
      <c r="CG2757" s="162"/>
      <c r="CH2757" s="162"/>
      <c r="CI2757" s="162"/>
      <c r="CJ2757" s="162"/>
      <c r="CK2757" s="162"/>
      <c r="CX2757" s="98"/>
      <c r="DL2757" s="97"/>
      <c r="DX2757" s="98"/>
      <c r="EL2757" s="97"/>
      <c r="EX2757" s="98"/>
      <c r="EY2757" s="97"/>
      <c r="FL2757" s="126"/>
      <c r="FM2757" s="91"/>
      <c r="FN2757" s="91"/>
      <c r="FO2757" s="91"/>
      <c r="FP2757" s="91"/>
      <c r="FQ2757" s="91"/>
      <c r="FR2757" s="91"/>
      <c r="FS2757" s="91"/>
      <c r="FT2757" s="91"/>
      <c r="FU2757" s="91"/>
      <c r="FV2757" s="91"/>
      <c r="FW2757" s="91"/>
      <c r="FX2757" s="91"/>
      <c r="FY2757" s="91"/>
      <c r="FZ2757" s="91"/>
      <c r="GA2757" s="91"/>
      <c r="GB2757" s="91"/>
      <c r="GC2757" s="91"/>
      <c r="GD2757" s="91"/>
      <c r="GE2757" s="91"/>
      <c r="GF2757" s="91"/>
      <c r="GG2757" s="91"/>
      <c r="GH2757" s="91"/>
      <c r="GI2757" s="91"/>
      <c r="GJ2757" s="91"/>
      <c r="GK2757" s="127"/>
      <c r="GL2757" s="126"/>
      <c r="GM2757" s="91"/>
      <c r="GN2757" s="91"/>
      <c r="GO2757" s="91"/>
      <c r="GP2757" s="91"/>
      <c r="GQ2757" s="91"/>
      <c r="GR2757" s="91"/>
      <c r="GS2757" s="91"/>
      <c r="GT2757" s="91"/>
      <c r="GU2757" s="91"/>
      <c r="GV2757" s="91"/>
      <c r="GW2757" s="91"/>
      <c r="GX2757" s="91"/>
      <c r="GY2757" s="91"/>
      <c r="GZ2757" s="91"/>
      <c r="HA2757" s="91"/>
      <c r="HB2757" s="91"/>
      <c r="HC2757" s="91"/>
      <c r="HD2757" s="91"/>
      <c r="HE2757" s="91"/>
      <c r="HF2757" s="91"/>
      <c r="HG2757" s="91"/>
      <c r="HH2757" s="91"/>
      <c r="HI2757" s="91"/>
      <c r="HJ2757" s="91"/>
      <c r="HK2757" s="127"/>
      <c r="HL2757" s="126"/>
      <c r="HM2757" s="91"/>
      <c r="HN2757" s="91"/>
      <c r="HO2757" s="91"/>
      <c r="HP2757" s="91"/>
      <c r="HQ2757" s="91"/>
      <c r="HR2757" s="91"/>
      <c r="HS2757" s="91"/>
      <c r="HT2757" s="91"/>
      <c r="HU2757" s="91"/>
      <c r="HV2757" s="91"/>
      <c r="HW2757" s="91"/>
      <c r="HX2757" s="91"/>
      <c r="HY2757" s="91"/>
      <c r="HZ2757" s="91"/>
      <c r="IA2757" s="91"/>
      <c r="IB2757" s="91"/>
      <c r="IC2757" s="91"/>
      <c r="ID2757" s="91"/>
      <c r="IE2757" s="91"/>
      <c r="IF2757" s="91"/>
      <c r="IG2757" s="91"/>
      <c r="IH2757" s="91"/>
      <c r="II2757" s="91"/>
      <c r="IJ2757" s="91"/>
      <c r="IK2757" s="127"/>
    </row>
    <row r="2758" spans="2:245" x14ac:dyDescent="0.2">
      <c r="B2758" s="43"/>
      <c r="C2758" s="73"/>
      <c r="D2758" s="64"/>
      <c r="E2758" s="64"/>
      <c r="F2758" s="55"/>
      <c r="G2758" s="102"/>
      <c r="H2758" s="55"/>
      <c r="I2758" s="55"/>
      <c r="J2758" s="55"/>
      <c r="K2758" s="55"/>
      <c r="L2758" s="55"/>
      <c r="M2758" s="55"/>
      <c r="N2758" s="55"/>
      <c r="O2758" s="55"/>
      <c r="P2758" s="55"/>
      <c r="Q2758" s="55"/>
      <c r="R2758" s="55"/>
      <c r="S2758" s="55"/>
      <c r="T2758" s="55"/>
      <c r="U2758" s="55"/>
      <c r="V2758" s="55"/>
      <c r="W2758" s="55"/>
      <c r="X2758" s="55"/>
      <c r="Y2758" s="55"/>
      <c r="Z2758" s="55"/>
      <c r="AA2758" s="55"/>
      <c r="AB2758" s="55"/>
      <c r="AC2758" s="55"/>
      <c r="AD2758" s="55"/>
      <c r="AE2758" s="55"/>
      <c r="AF2758" s="55"/>
      <c r="AG2758" s="55"/>
      <c r="AY2758" s="162"/>
      <c r="AZ2758" s="162"/>
      <c r="BA2758" s="162"/>
      <c r="BB2758" s="162"/>
      <c r="BC2758" s="162"/>
      <c r="BD2758" s="162"/>
      <c r="BE2758" s="162"/>
      <c r="BF2758" s="162"/>
      <c r="BG2758" s="162"/>
      <c r="BH2758" s="162"/>
      <c r="BI2758" s="162"/>
      <c r="BJ2758" s="162"/>
      <c r="BK2758" s="162"/>
      <c r="BL2758" s="162"/>
      <c r="BM2758" s="162"/>
      <c r="BN2758" s="162"/>
      <c r="BO2758" s="162"/>
      <c r="BP2758" s="162"/>
      <c r="BQ2758" s="162"/>
      <c r="BR2758" s="162"/>
      <c r="BS2758" s="162"/>
      <c r="BT2758" s="162"/>
      <c r="BU2758" s="162"/>
      <c r="BV2758" s="162"/>
      <c r="BW2758" s="162"/>
      <c r="BX2758" s="162"/>
      <c r="BY2758" s="162"/>
      <c r="BZ2758" s="162"/>
      <c r="CA2758" s="162"/>
      <c r="CB2758" s="162"/>
      <c r="CC2758" s="162"/>
      <c r="CD2758" s="162"/>
      <c r="CE2758" s="162"/>
      <c r="CF2758" s="162"/>
      <c r="CG2758" s="162"/>
      <c r="CH2758" s="162"/>
      <c r="CI2758" s="162"/>
      <c r="CJ2758" s="162"/>
      <c r="CK2758" s="162"/>
      <c r="CX2758" s="98"/>
      <c r="DL2758" s="97"/>
      <c r="DX2758" s="98"/>
      <c r="EL2758" s="97"/>
      <c r="EX2758" s="98"/>
      <c r="EY2758" s="97"/>
      <c r="FL2758" s="126"/>
      <c r="FM2758" s="91"/>
      <c r="FN2758" s="91"/>
      <c r="FO2758" s="91"/>
      <c r="FP2758" s="91"/>
      <c r="FQ2758" s="91"/>
      <c r="FR2758" s="91"/>
      <c r="FS2758" s="91"/>
      <c r="FT2758" s="91"/>
      <c r="FU2758" s="91"/>
      <c r="FV2758" s="91"/>
      <c r="FW2758" s="91"/>
      <c r="FX2758" s="91"/>
      <c r="FY2758" s="91"/>
      <c r="FZ2758" s="91"/>
      <c r="GA2758" s="91"/>
      <c r="GB2758" s="91"/>
      <c r="GC2758" s="91"/>
      <c r="GD2758" s="91"/>
      <c r="GE2758" s="91"/>
      <c r="GF2758" s="91"/>
      <c r="GG2758" s="91"/>
      <c r="GH2758" s="91"/>
      <c r="GI2758" s="91"/>
      <c r="GJ2758" s="91"/>
      <c r="GK2758" s="127"/>
      <c r="GL2758" s="126"/>
      <c r="GM2758" s="91"/>
      <c r="GN2758" s="91"/>
      <c r="GO2758" s="91"/>
      <c r="GP2758" s="91"/>
      <c r="GQ2758" s="91"/>
      <c r="GR2758" s="91"/>
      <c r="GS2758" s="91"/>
      <c r="GT2758" s="91"/>
      <c r="GU2758" s="91"/>
      <c r="GV2758" s="91"/>
      <c r="GW2758" s="91"/>
      <c r="GX2758" s="91"/>
      <c r="GY2758" s="91"/>
      <c r="GZ2758" s="91"/>
      <c r="HA2758" s="91"/>
      <c r="HB2758" s="91"/>
      <c r="HC2758" s="91"/>
      <c r="HD2758" s="91"/>
      <c r="HE2758" s="91"/>
      <c r="HF2758" s="91"/>
      <c r="HG2758" s="91"/>
      <c r="HH2758" s="91"/>
      <c r="HI2758" s="91"/>
      <c r="HJ2758" s="91"/>
      <c r="HK2758" s="127"/>
      <c r="HL2758" s="126"/>
      <c r="HM2758" s="91"/>
      <c r="HN2758" s="91"/>
      <c r="HO2758" s="91"/>
      <c r="HP2758" s="91"/>
      <c r="HQ2758" s="91"/>
      <c r="HR2758" s="91"/>
      <c r="HS2758" s="91"/>
      <c r="HT2758" s="91"/>
      <c r="HU2758" s="91"/>
      <c r="HV2758" s="91"/>
      <c r="HW2758" s="91"/>
      <c r="HX2758" s="91"/>
      <c r="HY2758" s="91"/>
      <c r="HZ2758" s="91"/>
      <c r="IA2758" s="91"/>
      <c r="IB2758" s="91"/>
      <c r="IC2758" s="91"/>
      <c r="ID2758" s="91"/>
      <c r="IE2758" s="91"/>
      <c r="IF2758" s="91"/>
      <c r="IG2758" s="91"/>
      <c r="IH2758" s="91"/>
      <c r="II2758" s="91"/>
      <c r="IJ2758" s="91"/>
      <c r="IK2758" s="127"/>
    </row>
    <row r="2759" spans="2:245" x14ac:dyDescent="0.2">
      <c r="B2759" s="43"/>
      <c r="C2759" s="73"/>
      <c r="D2759" s="64"/>
      <c r="E2759" s="64"/>
      <c r="F2759" s="55"/>
      <c r="G2759" s="102"/>
      <c r="H2759" s="55"/>
      <c r="I2759" s="55"/>
      <c r="J2759" s="55"/>
      <c r="K2759" s="55"/>
      <c r="L2759" s="55"/>
      <c r="M2759" s="55"/>
      <c r="N2759" s="55"/>
      <c r="O2759" s="55"/>
      <c r="P2759" s="55"/>
      <c r="Q2759" s="55"/>
      <c r="R2759" s="55"/>
      <c r="S2759" s="55"/>
      <c r="T2759" s="55"/>
      <c r="U2759" s="55"/>
      <c r="V2759" s="55"/>
      <c r="W2759" s="55"/>
      <c r="X2759" s="55"/>
      <c r="Y2759" s="55"/>
      <c r="Z2759" s="55"/>
      <c r="AA2759" s="55"/>
      <c r="AB2759" s="55"/>
      <c r="AC2759" s="55"/>
      <c r="AD2759" s="55"/>
      <c r="AE2759" s="55"/>
      <c r="AF2759" s="55"/>
      <c r="AG2759" s="55"/>
      <c r="AY2759" s="162"/>
      <c r="AZ2759" s="162"/>
      <c r="BA2759" s="162"/>
      <c r="BB2759" s="162"/>
      <c r="BC2759" s="162"/>
      <c r="BD2759" s="162"/>
      <c r="BE2759" s="162"/>
      <c r="BF2759" s="162"/>
      <c r="BG2759" s="162"/>
      <c r="BH2759" s="162"/>
      <c r="BI2759" s="162"/>
      <c r="BJ2759" s="162"/>
      <c r="BK2759" s="162"/>
      <c r="BL2759" s="162"/>
      <c r="BM2759" s="162"/>
      <c r="BN2759" s="162"/>
      <c r="BO2759" s="162"/>
      <c r="BP2759" s="162"/>
      <c r="BQ2759" s="162"/>
      <c r="BR2759" s="162"/>
      <c r="BS2759" s="162"/>
      <c r="BT2759" s="162"/>
      <c r="BU2759" s="162"/>
      <c r="BV2759" s="162"/>
      <c r="BW2759" s="162"/>
      <c r="BX2759" s="162"/>
      <c r="BY2759" s="162"/>
      <c r="BZ2759" s="162"/>
      <c r="CA2759" s="162"/>
      <c r="CB2759" s="162"/>
      <c r="CC2759" s="162"/>
      <c r="CD2759" s="162"/>
      <c r="CE2759" s="162"/>
      <c r="CF2759" s="162"/>
      <c r="CG2759" s="162"/>
      <c r="CH2759" s="162"/>
      <c r="CI2759" s="162"/>
      <c r="CJ2759" s="162"/>
      <c r="CK2759" s="162"/>
      <c r="CX2759" s="98"/>
      <c r="DL2759" s="97"/>
      <c r="DX2759" s="98"/>
      <c r="EL2759" s="97"/>
      <c r="EX2759" s="98"/>
      <c r="EY2759" s="97"/>
      <c r="FL2759" s="126"/>
      <c r="FM2759" s="91"/>
      <c r="FN2759" s="91"/>
      <c r="FO2759" s="91"/>
      <c r="FP2759" s="91"/>
      <c r="FQ2759" s="91"/>
      <c r="FR2759" s="91"/>
      <c r="FS2759" s="91"/>
      <c r="FT2759" s="91"/>
      <c r="FU2759" s="91"/>
      <c r="FV2759" s="91"/>
      <c r="FW2759" s="91"/>
      <c r="FX2759" s="91"/>
      <c r="FY2759" s="91"/>
      <c r="FZ2759" s="91"/>
      <c r="GA2759" s="91"/>
      <c r="GB2759" s="91"/>
      <c r="GC2759" s="91"/>
      <c r="GD2759" s="91"/>
      <c r="GE2759" s="91"/>
      <c r="GF2759" s="91"/>
      <c r="GG2759" s="91"/>
      <c r="GH2759" s="91"/>
      <c r="GI2759" s="91"/>
      <c r="GJ2759" s="91"/>
      <c r="GK2759" s="127"/>
      <c r="GL2759" s="126"/>
      <c r="GM2759" s="91"/>
      <c r="GN2759" s="91"/>
      <c r="GO2759" s="91"/>
      <c r="GP2759" s="91"/>
      <c r="GQ2759" s="91"/>
      <c r="GR2759" s="91"/>
      <c r="GS2759" s="91"/>
      <c r="GT2759" s="91"/>
      <c r="GU2759" s="91"/>
      <c r="GV2759" s="91"/>
      <c r="GW2759" s="91"/>
      <c r="GX2759" s="91"/>
      <c r="GY2759" s="91"/>
      <c r="GZ2759" s="91"/>
      <c r="HA2759" s="91"/>
      <c r="HB2759" s="91"/>
      <c r="HC2759" s="91"/>
      <c r="HD2759" s="91"/>
      <c r="HE2759" s="91"/>
      <c r="HF2759" s="91"/>
      <c r="HG2759" s="91"/>
      <c r="HH2759" s="91"/>
      <c r="HI2759" s="91"/>
      <c r="HJ2759" s="91"/>
      <c r="HK2759" s="127"/>
      <c r="HL2759" s="126"/>
      <c r="HM2759" s="91"/>
      <c r="HN2759" s="91"/>
      <c r="HO2759" s="91"/>
      <c r="HP2759" s="91"/>
      <c r="HQ2759" s="91"/>
      <c r="HR2759" s="91"/>
      <c r="HS2759" s="91"/>
      <c r="HT2759" s="91"/>
      <c r="HU2759" s="91"/>
      <c r="HV2759" s="91"/>
      <c r="HW2759" s="91"/>
      <c r="HX2759" s="91"/>
      <c r="HY2759" s="91"/>
      <c r="HZ2759" s="91"/>
      <c r="IA2759" s="91"/>
      <c r="IB2759" s="91"/>
      <c r="IC2759" s="91"/>
      <c r="ID2759" s="91"/>
      <c r="IE2759" s="91"/>
      <c r="IF2759" s="91"/>
      <c r="IG2759" s="91"/>
      <c r="IH2759" s="91"/>
      <c r="II2759" s="91"/>
      <c r="IJ2759" s="91"/>
      <c r="IK2759" s="127"/>
    </row>
    <row r="2760" spans="2:245" x14ac:dyDescent="0.2">
      <c r="B2760" s="43"/>
      <c r="C2760" s="73"/>
      <c r="D2760" s="64"/>
      <c r="E2760" s="64"/>
      <c r="F2760" s="55"/>
      <c r="G2760" s="102"/>
      <c r="H2760" s="55"/>
      <c r="I2760" s="55"/>
      <c r="J2760" s="55"/>
      <c r="K2760" s="55"/>
      <c r="L2760" s="55"/>
      <c r="M2760" s="55"/>
      <c r="N2760" s="55"/>
      <c r="O2760" s="55"/>
      <c r="P2760" s="55"/>
      <c r="Q2760" s="55"/>
      <c r="R2760" s="55"/>
      <c r="S2760" s="55"/>
      <c r="T2760" s="55"/>
      <c r="U2760" s="55"/>
      <c r="V2760" s="55"/>
      <c r="W2760" s="55"/>
      <c r="X2760" s="55"/>
      <c r="Y2760" s="55"/>
      <c r="Z2760" s="55"/>
      <c r="AA2760" s="55"/>
      <c r="AB2760" s="55"/>
      <c r="AC2760" s="55"/>
      <c r="AD2760" s="55"/>
      <c r="AE2760" s="55"/>
      <c r="AF2760" s="55"/>
      <c r="AG2760" s="55"/>
      <c r="AY2760" s="162"/>
      <c r="AZ2760" s="162"/>
      <c r="BA2760" s="162"/>
      <c r="BB2760" s="162"/>
      <c r="BC2760" s="162"/>
      <c r="BD2760" s="162"/>
      <c r="BE2760" s="162"/>
      <c r="BF2760" s="162"/>
      <c r="BG2760" s="162"/>
      <c r="BH2760" s="162"/>
      <c r="BI2760" s="162"/>
      <c r="BJ2760" s="162"/>
      <c r="BK2760" s="162"/>
      <c r="BL2760" s="162"/>
      <c r="BM2760" s="162"/>
      <c r="BN2760" s="162"/>
      <c r="BO2760" s="162"/>
      <c r="BP2760" s="162"/>
      <c r="BQ2760" s="162"/>
      <c r="BR2760" s="162"/>
      <c r="BS2760" s="162"/>
      <c r="BT2760" s="162"/>
      <c r="BU2760" s="162"/>
      <c r="BV2760" s="162"/>
      <c r="BW2760" s="162"/>
      <c r="BX2760" s="162"/>
      <c r="BY2760" s="162"/>
      <c r="BZ2760" s="162"/>
      <c r="CA2760" s="162"/>
      <c r="CB2760" s="162"/>
      <c r="CC2760" s="162"/>
      <c r="CD2760" s="162"/>
      <c r="CE2760" s="162"/>
      <c r="CF2760" s="162"/>
      <c r="CG2760" s="162"/>
      <c r="CH2760" s="162"/>
      <c r="CI2760" s="162"/>
      <c r="CJ2760" s="162"/>
      <c r="CK2760" s="162"/>
      <c r="CX2760" s="98"/>
      <c r="DL2760" s="97"/>
      <c r="DX2760" s="98"/>
      <c r="EL2760" s="97"/>
      <c r="EX2760" s="98"/>
      <c r="EY2760" s="97"/>
      <c r="FL2760" s="126"/>
      <c r="FM2760" s="91"/>
      <c r="FN2760" s="91"/>
      <c r="FO2760" s="91"/>
      <c r="FP2760" s="91"/>
      <c r="FQ2760" s="91"/>
      <c r="FR2760" s="91"/>
      <c r="FS2760" s="91"/>
      <c r="FT2760" s="91"/>
      <c r="FU2760" s="91"/>
      <c r="FV2760" s="91"/>
      <c r="FW2760" s="91"/>
      <c r="FX2760" s="91"/>
      <c r="FY2760" s="91"/>
      <c r="FZ2760" s="91"/>
      <c r="GA2760" s="91"/>
      <c r="GB2760" s="91"/>
      <c r="GC2760" s="91"/>
      <c r="GD2760" s="91"/>
      <c r="GE2760" s="91"/>
      <c r="GF2760" s="91"/>
      <c r="GG2760" s="91"/>
      <c r="GH2760" s="91"/>
      <c r="GI2760" s="91"/>
      <c r="GJ2760" s="91"/>
      <c r="GK2760" s="127"/>
      <c r="GL2760" s="126"/>
      <c r="GM2760" s="91"/>
      <c r="GN2760" s="91"/>
      <c r="GO2760" s="91"/>
      <c r="GP2760" s="91"/>
      <c r="GQ2760" s="91"/>
      <c r="GR2760" s="91"/>
      <c r="GS2760" s="91"/>
      <c r="GT2760" s="91"/>
      <c r="GU2760" s="91"/>
      <c r="GV2760" s="91"/>
      <c r="GW2760" s="91"/>
      <c r="GX2760" s="91"/>
      <c r="GY2760" s="91"/>
      <c r="GZ2760" s="91"/>
      <c r="HA2760" s="91"/>
      <c r="HB2760" s="91"/>
      <c r="HC2760" s="91"/>
      <c r="HD2760" s="91"/>
      <c r="HE2760" s="91"/>
      <c r="HF2760" s="91"/>
      <c r="HG2760" s="91"/>
      <c r="HH2760" s="91"/>
      <c r="HI2760" s="91"/>
      <c r="HJ2760" s="91"/>
      <c r="HK2760" s="127"/>
      <c r="HL2760" s="126"/>
      <c r="HM2760" s="91"/>
      <c r="HN2760" s="91"/>
      <c r="HO2760" s="91"/>
      <c r="HP2760" s="91"/>
      <c r="HQ2760" s="91"/>
      <c r="HR2760" s="91"/>
      <c r="HS2760" s="91"/>
      <c r="HT2760" s="91"/>
      <c r="HU2760" s="91"/>
      <c r="HV2760" s="91"/>
      <c r="HW2760" s="91"/>
      <c r="HX2760" s="91"/>
      <c r="HY2760" s="91"/>
      <c r="HZ2760" s="91"/>
      <c r="IA2760" s="91"/>
      <c r="IB2760" s="91"/>
      <c r="IC2760" s="91"/>
      <c r="ID2760" s="91"/>
      <c r="IE2760" s="91"/>
      <c r="IF2760" s="91"/>
      <c r="IG2760" s="91"/>
      <c r="IH2760" s="91"/>
      <c r="II2760" s="91"/>
      <c r="IJ2760" s="91"/>
      <c r="IK2760" s="127"/>
    </row>
    <row r="2761" spans="2:245" x14ac:dyDescent="0.2">
      <c r="B2761" s="43"/>
      <c r="C2761" s="73"/>
      <c r="D2761" s="64"/>
      <c r="E2761" s="64"/>
      <c r="F2761" s="55"/>
      <c r="G2761" s="102"/>
      <c r="H2761" s="55"/>
      <c r="I2761" s="55"/>
      <c r="J2761" s="55"/>
      <c r="K2761" s="55"/>
      <c r="L2761" s="55"/>
      <c r="M2761" s="55"/>
      <c r="N2761" s="55"/>
      <c r="O2761" s="55"/>
      <c r="P2761" s="55"/>
      <c r="Q2761" s="55"/>
      <c r="R2761" s="55"/>
      <c r="S2761" s="55"/>
      <c r="T2761" s="55"/>
      <c r="U2761" s="55"/>
      <c r="V2761" s="55"/>
      <c r="W2761" s="55"/>
      <c r="X2761" s="55"/>
      <c r="Y2761" s="55"/>
      <c r="Z2761" s="55"/>
      <c r="AA2761" s="55"/>
      <c r="AB2761" s="55"/>
      <c r="AC2761" s="55"/>
      <c r="AD2761" s="55"/>
      <c r="AE2761" s="55"/>
      <c r="AF2761" s="55"/>
      <c r="AG2761" s="55"/>
      <c r="AY2761" s="162"/>
      <c r="AZ2761" s="162"/>
      <c r="BA2761" s="162"/>
      <c r="BB2761" s="162"/>
      <c r="BC2761" s="162"/>
      <c r="BD2761" s="162"/>
      <c r="BE2761" s="162"/>
      <c r="BF2761" s="162"/>
      <c r="BG2761" s="162"/>
      <c r="BH2761" s="162"/>
      <c r="BI2761" s="162"/>
      <c r="BJ2761" s="162"/>
      <c r="BK2761" s="162"/>
      <c r="BL2761" s="162"/>
      <c r="BM2761" s="162"/>
      <c r="BN2761" s="162"/>
      <c r="BO2761" s="162"/>
      <c r="BP2761" s="162"/>
      <c r="BQ2761" s="162"/>
      <c r="BR2761" s="162"/>
      <c r="BS2761" s="162"/>
      <c r="BT2761" s="162"/>
      <c r="BU2761" s="162"/>
      <c r="BV2761" s="162"/>
      <c r="BW2761" s="162"/>
      <c r="BX2761" s="162"/>
      <c r="BY2761" s="162"/>
      <c r="BZ2761" s="162"/>
      <c r="CA2761" s="162"/>
      <c r="CB2761" s="162"/>
      <c r="CC2761" s="162"/>
      <c r="CD2761" s="162"/>
      <c r="CE2761" s="162"/>
      <c r="CF2761" s="162"/>
      <c r="CG2761" s="162"/>
      <c r="CH2761" s="162"/>
      <c r="CI2761" s="162"/>
      <c r="CJ2761" s="162"/>
      <c r="CK2761" s="162"/>
      <c r="CX2761" s="98"/>
      <c r="DL2761" s="97"/>
      <c r="DX2761" s="98"/>
      <c r="EL2761" s="97"/>
      <c r="EX2761" s="98"/>
      <c r="EY2761" s="97"/>
      <c r="FL2761" s="126"/>
      <c r="FM2761" s="91"/>
      <c r="FN2761" s="91"/>
      <c r="FO2761" s="91"/>
      <c r="FP2761" s="91"/>
      <c r="FQ2761" s="91"/>
      <c r="FR2761" s="91"/>
      <c r="FS2761" s="91"/>
      <c r="FT2761" s="91"/>
      <c r="FU2761" s="91"/>
      <c r="FV2761" s="91"/>
      <c r="FW2761" s="91"/>
      <c r="FX2761" s="91"/>
      <c r="FY2761" s="91"/>
      <c r="FZ2761" s="91"/>
      <c r="GA2761" s="91"/>
      <c r="GB2761" s="91"/>
      <c r="GC2761" s="91"/>
      <c r="GD2761" s="91"/>
      <c r="GE2761" s="91"/>
      <c r="GF2761" s="91"/>
      <c r="GG2761" s="91"/>
      <c r="GH2761" s="91"/>
      <c r="GI2761" s="91"/>
      <c r="GJ2761" s="91"/>
      <c r="GK2761" s="127"/>
      <c r="GL2761" s="126"/>
      <c r="GM2761" s="91"/>
      <c r="GN2761" s="91"/>
      <c r="GO2761" s="91"/>
      <c r="GP2761" s="91"/>
      <c r="GQ2761" s="91"/>
      <c r="GR2761" s="91"/>
      <c r="GS2761" s="91"/>
      <c r="GT2761" s="91"/>
      <c r="GU2761" s="91"/>
      <c r="GV2761" s="91"/>
      <c r="GW2761" s="91"/>
      <c r="GX2761" s="91"/>
      <c r="GY2761" s="91"/>
      <c r="GZ2761" s="91"/>
      <c r="HA2761" s="91"/>
      <c r="HB2761" s="91"/>
      <c r="HC2761" s="91"/>
      <c r="HD2761" s="91"/>
      <c r="HE2761" s="91"/>
      <c r="HF2761" s="91"/>
      <c r="HG2761" s="91"/>
      <c r="HH2761" s="91"/>
      <c r="HI2761" s="91"/>
      <c r="HJ2761" s="91"/>
      <c r="HK2761" s="127"/>
      <c r="HL2761" s="126"/>
      <c r="HM2761" s="91"/>
      <c r="HN2761" s="91"/>
      <c r="HO2761" s="91"/>
      <c r="HP2761" s="91"/>
      <c r="HQ2761" s="91"/>
      <c r="HR2761" s="91"/>
      <c r="HS2761" s="91"/>
      <c r="HT2761" s="91"/>
      <c r="HU2761" s="91"/>
      <c r="HV2761" s="91"/>
      <c r="HW2761" s="91"/>
      <c r="HX2761" s="91"/>
      <c r="HY2761" s="91"/>
      <c r="HZ2761" s="91"/>
      <c r="IA2761" s="91"/>
      <c r="IB2761" s="91"/>
      <c r="IC2761" s="91"/>
      <c r="ID2761" s="91"/>
      <c r="IE2761" s="91"/>
      <c r="IF2761" s="91"/>
      <c r="IG2761" s="91"/>
      <c r="IH2761" s="91"/>
      <c r="II2761" s="91"/>
      <c r="IJ2761" s="91"/>
      <c r="IK2761" s="127"/>
    </row>
    <row r="2762" spans="2:245" x14ac:dyDescent="0.2">
      <c r="B2762" s="43"/>
      <c r="C2762" s="73"/>
      <c r="D2762" s="64"/>
      <c r="E2762" s="64"/>
      <c r="F2762" s="55"/>
      <c r="G2762" s="102"/>
      <c r="H2762" s="55"/>
      <c r="I2762" s="55"/>
      <c r="J2762" s="55"/>
      <c r="K2762" s="55"/>
      <c r="L2762" s="55"/>
      <c r="M2762" s="55"/>
      <c r="N2762" s="55"/>
      <c r="O2762" s="55"/>
      <c r="P2762" s="55"/>
      <c r="Q2762" s="55"/>
      <c r="R2762" s="55"/>
      <c r="S2762" s="55"/>
      <c r="T2762" s="55"/>
      <c r="U2762" s="55"/>
      <c r="V2762" s="55"/>
      <c r="W2762" s="55"/>
      <c r="X2762" s="55"/>
      <c r="Y2762" s="55"/>
      <c r="Z2762" s="55"/>
      <c r="AA2762" s="55"/>
      <c r="AB2762" s="55"/>
      <c r="AC2762" s="55"/>
      <c r="AD2762" s="55"/>
      <c r="AE2762" s="55"/>
      <c r="AF2762" s="55"/>
      <c r="AG2762" s="55"/>
      <c r="AY2762" s="162"/>
      <c r="AZ2762" s="162"/>
      <c r="BA2762" s="162"/>
      <c r="BB2762" s="162"/>
      <c r="BC2762" s="162"/>
      <c r="BD2762" s="162"/>
      <c r="BE2762" s="162"/>
      <c r="BF2762" s="162"/>
      <c r="BG2762" s="162"/>
      <c r="BH2762" s="162"/>
      <c r="BI2762" s="162"/>
      <c r="BJ2762" s="162"/>
      <c r="BK2762" s="162"/>
      <c r="BL2762" s="162"/>
      <c r="BM2762" s="162"/>
      <c r="BN2762" s="162"/>
      <c r="BO2762" s="162"/>
      <c r="BP2762" s="162"/>
      <c r="BQ2762" s="162"/>
      <c r="BR2762" s="162"/>
      <c r="BS2762" s="162"/>
      <c r="BT2762" s="162"/>
      <c r="BU2762" s="162"/>
      <c r="BV2762" s="162"/>
      <c r="BW2762" s="162"/>
      <c r="BX2762" s="162"/>
      <c r="BY2762" s="162"/>
      <c r="BZ2762" s="162"/>
      <c r="CA2762" s="162"/>
      <c r="CB2762" s="162"/>
      <c r="CC2762" s="162"/>
      <c r="CD2762" s="162"/>
      <c r="CE2762" s="162"/>
      <c r="CF2762" s="162"/>
      <c r="CG2762" s="162"/>
      <c r="CH2762" s="162"/>
      <c r="CI2762" s="162"/>
      <c r="CJ2762" s="162"/>
      <c r="CK2762" s="162"/>
      <c r="CX2762" s="98"/>
      <c r="DL2762" s="97"/>
      <c r="DX2762" s="98"/>
      <c r="EL2762" s="97"/>
      <c r="EX2762" s="98"/>
      <c r="EY2762" s="97"/>
      <c r="FL2762" s="126"/>
      <c r="FM2762" s="91"/>
      <c r="FN2762" s="91"/>
      <c r="FO2762" s="91"/>
      <c r="FP2762" s="91"/>
      <c r="FQ2762" s="91"/>
      <c r="FR2762" s="91"/>
      <c r="FS2762" s="91"/>
      <c r="FT2762" s="91"/>
      <c r="FU2762" s="91"/>
      <c r="FV2762" s="91"/>
      <c r="FW2762" s="91"/>
      <c r="FX2762" s="91"/>
      <c r="FY2762" s="91"/>
      <c r="FZ2762" s="91"/>
      <c r="GA2762" s="91"/>
      <c r="GB2762" s="91"/>
      <c r="GC2762" s="91"/>
      <c r="GD2762" s="91"/>
      <c r="GE2762" s="91"/>
      <c r="GF2762" s="91"/>
      <c r="GG2762" s="91"/>
      <c r="GH2762" s="91"/>
      <c r="GI2762" s="91"/>
      <c r="GJ2762" s="91"/>
      <c r="GK2762" s="127"/>
      <c r="GL2762" s="126"/>
      <c r="GM2762" s="91"/>
      <c r="GN2762" s="91"/>
      <c r="GO2762" s="91"/>
      <c r="GP2762" s="91"/>
      <c r="GQ2762" s="91"/>
      <c r="GR2762" s="91"/>
      <c r="GS2762" s="91"/>
      <c r="GT2762" s="91"/>
      <c r="GU2762" s="91"/>
      <c r="GV2762" s="91"/>
      <c r="GW2762" s="91"/>
      <c r="GX2762" s="91"/>
      <c r="GY2762" s="91"/>
      <c r="GZ2762" s="91"/>
      <c r="HA2762" s="91"/>
      <c r="HB2762" s="91"/>
      <c r="HC2762" s="91"/>
      <c r="HD2762" s="91"/>
      <c r="HE2762" s="91"/>
      <c r="HF2762" s="91"/>
      <c r="HG2762" s="91"/>
      <c r="HH2762" s="91"/>
      <c r="HI2762" s="91"/>
      <c r="HJ2762" s="91"/>
      <c r="HK2762" s="127"/>
      <c r="HL2762" s="126"/>
      <c r="HM2762" s="91"/>
      <c r="HN2762" s="91"/>
      <c r="HO2762" s="91"/>
      <c r="HP2762" s="91"/>
      <c r="HQ2762" s="91"/>
      <c r="HR2762" s="91"/>
      <c r="HS2762" s="91"/>
      <c r="HT2762" s="91"/>
      <c r="HU2762" s="91"/>
      <c r="HV2762" s="91"/>
      <c r="HW2762" s="91"/>
      <c r="HX2762" s="91"/>
      <c r="HY2762" s="91"/>
      <c r="HZ2762" s="91"/>
      <c r="IA2762" s="91"/>
      <c r="IB2762" s="91"/>
      <c r="IC2762" s="91"/>
      <c r="ID2762" s="91"/>
      <c r="IE2762" s="91"/>
      <c r="IF2762" s="91"/>
      <c r="IG2762" s="91"/>
      <c r="IH2762" s="91"/>
      <c r="II2762" s="91"/>
      <c r="IJ2762" s="91"/>
      <c r="IK2762" s="127"/>
    </row>
    <row r="2763" spans="2:245" x14ac:dyDescent="0.2">
      <c r="B2763" s="43"/>
      <c r="C2763" s="73"/>
      <c r="D2763" s="64"/>
      <c r="E2763" s="64"/>
      <c r="F2763" s="55"/>
      <c r="G2763" s="102"/>
      <c r="H2763" s="55"/>
      <c r="I2763" s="55"/>
      <c r="J2763" s="55"/>
      <c r="K2763" s="55"/>
      <c r="L2763" s="55"/>
      <c r="M2763" s="55"/>
      <c r="N2763" s="55"/>
      <c r="O2763" s="55"/>
      <c r="P2763" s="55"/>
      <c r="Q2763" s="55"/>
      <c r="R2763" s="55"/>
      <c r="S2763" s="55"/>
      <c r="T2763" s="55"/>
      <c r="U2763" s="55"/>
      <c r="V2763" s="55"/>
      <c r="W2763" s="55"/>
      <c r="X2763" s="55"/>
      <c r="Y2763" s="55"/>
      <c r="Z2763" s="55"/>
      <c r="AA2763" s="55"/>
      <c r="AB2763" s="55"/>
      <c r="AC2763" s="55"/>
      <c r="AD2763" s="55"/>
      <c r="AE2763" s="55"/>
      <c r="AF2763" s="55"/>
      <c r="AG2763" s="55"/>
      <c r="AY2763" s="162"/>
      <c r="AZ2763" s="162"/>
      <c r="BA2763" s="162"/>
      <c r="BB2763" s="162"/>
      <c r="BC2763" s="162"/>
      <c r="BD2763" s="162"/>
      <c r="BE2763" s="162"/>
      <c r="BF2763" s="162"/>
      <c r="BG2763" s="162"/>
      <c r="BH2763" s="162"/>
      <c r="BI2763" s="162"/>
      <c r="BJ2763" s="162"/>
      <c r="BK2763" s="162"/>
      <c r="BL2763" s="162"/>
      <c r="BM2763" s="162"/>
      <c r="BN2763" s="162"/>
      <c r="BO2763" s="162"/>
      <c r="BP2763" s="162"/>
      <c r="BQ2763" s="162"/>
      <c r="BR2763" s="162"/>
      <c r="BS2763" s="162"/>
      <c r="BT2763" s="162"/>
      <c r="BU2763" s="162"/>
      <c r="BV2763" s="162"/>
      <c r="BW2763" s="162"/>
      <c r="BX2763" s="162"/>
      <c r="BY2763" s="162"/>
      <c r="BZ2763" s="162"/>
      <c r="CA2763" s="162"/>
      <c r="CB2763" s="162"/>
      <c r="CC2763" s="162"/>
      <c r="CD2763" s="162"/>
      <c r="CE2763" s="162"/>
      <c r="CF2763" s="162"/>
      <c r="CG2763" s="162"/>
      <c r="CH2763" s="162"/>
      <c r="CI2763" s="162"/>
      <c r="CJ2763" s="162"/>
      <c r="CK2763" s="162"/>
      <c r="CX2763" s="98"/>
      <c r="DL2763" s="97"/>
      <c r="DX2763" s="98"/>
      <c r="EL2763" s="97"/>
      <c r="EX2763" s="98"/>
      <c r="EY2763" s="97"/>
      <c r="FL2763" s="126"/>
      <c r="FM2763" s="91"/>
      <c r="FN2763" s="91"/>
      <c r="FO2763" s="91"/>
      <c r="FP2763" s="91"/>
      <c r="FQ2763" s="91"/>
      <c r="FR2763" s="91"/>
      <c r="FS2763" s="91"/>
      <c r="FT2763" s="91"/>
      <c r="FU2763" s="91"/>
      <c r="FV2763" s="91"/>
      <c r="FW2763" s="91"/>
      <c r="FX2763" s="91"/>
      <c r="FY2763" s="91"/>
      <c r="FZ2763" s="91"/>
      <c r="GA2763" s="91"/>
      <c r="GB2763" s="91"/>
      <c r="GC2763" s="91"/>
      <c r="GD2763" s="91"/>
      <c r="GE2763" s="91"/>
      <c r="GF2763" s="91"/>
      <c r="GG2763" s="91"/>
      <c r="GH2763" s="91"/>
      <c r="GI2763" s="91"/>
      <c r="GJ2763" s="91"/>
      <c r="GK2763" s="127"/>
      <c r="GL2763" s="126"/>
      <c r="GM2763" s="91"/>
      <c r="GN2763" s="91"/>
      <c r="GO2763" s="91"/>
      <c r="GP2763" s="91"/>
      <c r="GQ2763" s="91"/>
      <c r="GR2763" s="91"/>
      <c r="GS2763" s="91"/>
      <c r="GT2763" s="91"/>
      <c r="GU2763" s="91"/>
      <c r="GV2763" s="91"/>
      <c r="GW2763" s="91"/>
      <c r="GX2763" s="91"/>
      <c r="GY2763" s="91"/>
      <c r="GZ2763" s="91"/>
      <c r="HA2763" s="91"/>
      <c r="HB2763" s="91"/>
      <c r="HC2763" s="91"/>
      <c r="HD2763" s="91"/>
      <c r="HE2763" s="91"/>
      <c r="HF2763" s="91"/>
      <c r="HG2763" s="91"/>
      <c r="HH2763" s="91"/>
      <c r="HI2763" s="91"/>
      <c r="HJ2763" s="91"/>
      <c r="HK2763" s="127"/>
      <c r="HL2763" s="126"/>
      <c r="HM2763" s="91"/>
      <c r="HN2763" s="91"/>
      <c r="HO2763" s="91"/>
      <c r="HP2763" s="91"/>
      <c r="HQ2763" s="91"/>
      <c r="HR2763" s="91"/>
      <c r="HS2763" s="91"/>
      <c r="HT2763" s="91"/>
      <c r="HU2763" s="91"/>
      <c r="HV2763" s="91"/>
      <c r="HW2763" s="91"/>
      <c r="HX2763" s="91"/>
      <c r="HY2763" s="91"/>
      <c r="HZ2763" s="91"/>
      <c r="IA2763" s="91"/>
      <c r="IB2763" s="91"/>
      <c r="IC2763" s="91"/>
      <c r="ID2763" s="91"/>
      <c r="IE2763" s="91"/>
      <c r="IF2763" s="91"/>
      <c r="IG2763" s="91"/>
      <c r="IH2763" s="91"/>
      <c r="II2763" s="91"/>
      <c r="IJ2763" s="91"/>
      <c r="IK2763" s="127"/>
    </row>
    <row r="2764" spans="2:245" x14ac:dyDescent="0.2">
      <c r="B2764" s="43"/>
      <c r="C2764" s="73"/>
      <c r="D2764" s="64"/>
      <c r="E2764" s="64"/>
      <c r="F2764" s="55"/>
      <c r="G2764" s="102"/>
      <c r="H2764" s="55"/>
      <c r="I2764" s="55"/>
      <c r="J2764" s="55"/>
      <c r="K2764" s="55"/>
      <c r="L2764" s="55"/>
      <c r="M2764" s="55"/>
      <c r="N2764" s="55"/>
      <c r="O2764" s="55"/>
      <c r="P2764" s="55"/>
      <c r="Q2764" s="55"/>
      <c r="R2764" s="55"/>
      <c r="S2764" s="55"/>
      <c r="T2764" s="55"/>
      <c r="U2764" s="55"/>
      <c r="V2764" s="55"/>
      <c r="W2764" s="55"/>
      <c r="X2764" s="55"/>
      <c r="Y2764" s="55"/>
      <c r="Z2764" s="55"/>
      <c r="AA2764" s="55"/>
      <c r="AB2764" s="55"/>
      <c r="AC2764" s="55"/>
      <c r="AD2764" s="55"/>
      <c r="AE2764" s="55"/>
      <c r="AF2764" s="55"/>
      <c r="AG2764" s="55"/>
      <c r="AY2764" s="162"/>
      <c r="AZ2764" s="162"/>
      <c r="BA2764" s="162"/>
      <c r="BB2764" s="162"/>
      <c r="BC2764" s="162"/>
      <c r="BD2764" s="162"/>
      <c r="BE2764" s="162"/>
      <c r="BF2764" s="162"/>
      <c r="BG2764" s="162"/>
      <c r="BH2764" s="162"/>
      <c r="BI2764" s="162"/>
      <c r="BJ2764" s="162"/>
      <c r="BK2764" s="162"/>
      <c r="BL2764" s="162"/>
      <c r="BM2764" s="162"/>
      <c r="BN2764" s="162"/>
      <c r="BO2764" s="162"/>
      <c r="BP2764" s="162"/>
      <c r="BQ2764" s="162"/>
      <c r="BR2764" s="162"/>
      <c r="BS2764" s="162"/>
      <c r="BT2764" s="162"/>
      <c r="BU2764" s="162"/>
      <c r="BV2764" s="162"/>
      <c r="BW2764" s="162"/>
      <c r="BX2764" s="162"/>
      <c r="BY2764" s="162"/>
      <c r="BZ2764" s="162"/>
      <c r="CA2764" s="162"/>
      <c r="CB2764" s="162"/>
      <c r="CC2764" s="162"/>
      <c r="CD2764" s="162"/>
      <c r="CE2764" s="162"/>
      <c r="CF2764" s="162"/>
      <c r="CG2764" s="162"/>
      <c r="CH2764" s="162"/>
      <c r="CI2764" s="162"/>
      <c r="CJ2764" s="162"/>
      <c r="CK2764" s="162"/>
      <c r="CX2764" s="98"/>
      <c r="DL2764" s="97"/>
      <c r="DX2764" s="98"/>
      <c r="EL2764" s="97"/>
      <c r="EX2764" s="98"/>
      <c r="EY2764" s="97"/>
      <c r="FL2764" s="126"/>
      <c r="FM2764" s="91"/>
      <c r="FN2764" s="91"/>
      <c r="FO2764" s="91"/>
      <c r="FP2764" s="91"/>
      <c r="FQ2764" s="91"/>
      <c r="FR2764" s="91"/>
      <c r="FS2764" s="91"/>
      <c r="FT2764" s="91"/>
      <c r="FU2764" s="91"/>
      <c r="FV2764" s="91"/>
      <c r="FW2764" s="91"/>
      <c r="FX2764" s="91"/>
      <c r="FY2764" s="91"/>
      <c r="FZ2764" s="91"/>
      <c r="GA2764" s="91"/>
      <c r="GB2764" s="91"/>
      <c r="GC2764" s="91"/>
      <c r="GD2764" s="91"/>
      <c r="GE2764" s="91"/>
      <c r="GF2764" s="91"/>
      <c r="GG2764" s="91"/>
      <c r="GH2764" s="91"/>
      <c r="GI2764" s="91"/>
      <c r="GJ2764" s="91"/>
      <c r="GK2764" s="127"/>
      <c r="GL2764" s="126"/>
      <c r="GM2764" s="91"/>
      <c r="GN2764" s="91"/>
      <c r="GO2764" s="91"/>
      <c r="GP2764" s="91"/>
      <c r="GQ2764" s="91"/>
      <c r="GR2764" s="91"/>
      <c r="GS2764" s="91"/>
      <c r="GT2764" s="91"/>
      <c r="GU2764" s="91"/>
      <c r="GV2764" s="91"/>
      <c r="GW2764" s="91"/>
      <c r="GX2764" s="91"/>
      <c r="GY2764" s="91"/>
      <c r="GZ2764" s="91"/>
      <c r="HA2764" s="91"/>
      <c r="HB2764" s="91"/>
      <c r="HC2764" s="91"/>
      <c r="HD2764" s="91"/>
      <c r="HE2764" s="91"/>
      <c r="HF2764" s="91"/>
      <c r="HG2764" s="91"/>
      <c r="HH2764" s="91"/>
      <c r="HI2764" s="91"/>
      <c r="HJ2764" s="91"/>
      <c r="HK2764" s="127"/>
      <c r="HL2764" s="126"/>
      <c r="HM2764" s="91"/>
      <c r="HN2764" s="91"/>
      <c r="HO2764" s="91"/>
      <c r="HP2764" s="91"/>
      <c r="HQ2764" s="91"/>
      <c r="HR2764" s="91"/>
      <c r="HS2764" s="91"/>
      <c r="HT2764" s="91"/>
      <c r="HU2764" s="91"/>
      <c r="HV2764" s="91"/>
      <c r="HW2764" s="91"/>
      <c r="HX2764" s="91"/>
      <c r="HY2764" s="91"/>
      <c r="HZ2764" s="91"/>
      <c r="IA2764" s="91"/>
      <c r="IB2764" s="91"/>
      <c r="IC2764" s="91"/>
      <c r="ID2764" s="91"/>
      <c r="IE2764" s="91"/>
      <c r="IF2764" s="91"/>
      <c r="IG2764" s="91"/>
      <c r="IH2764" s="91"/>
      <c r="II2764" s="91"/>
      <c r="IJ2764" s="91"/>
      <c r="IK2764" s="127"/>
    </row>
    <row r="2765" spans="2:245" x14ac:dyDescent="0.2">
      <c r="B2765" s="43"/>
      <c r="C2765" s="73"/>
      <c r="D2765" s="64"/>
      <c r="E2765" s="64"/>
      <c r="F2765" s="55"/>
      <c r="G2765" s="102"/>
      <c r="H2765" s="55"/>
      <c r="I2765" s="55"/>
      <c r="J2765" s="55"/>
      <c r="K2765" s="55"/>
      <c r="L2765" s="55"/>
      <c r="M2765" s="55"/>
      <c r="N2765" s="55"/>
      <c r="O2765" s="55"/>
      <c r="P2765" s="55"/>
      <c r="Q2765" s="55"/>
      <c r="R2765" s="55"/>
      <c r="S2765" s="55"/>
      <c r="T2765" s="55"/>
      <c r="U2765" s="55"/>
      <c r="V2765" s="55"/>
      <c r="W2765" s="55"/>
      <c r="X2765" s="55"/>
      <c r="Y2765" s="55"/>
      <c r="Z2765" s="55"/>
      <c r="AA2765" s="55"/>
      <c r="AB2765" s="55"/>
      <c r="AC2765" s="55"/>
      <c r="AD2765" s="55"/>
      <c r="AE2765" s="55"/>
      <c r="AF2765" s="55"/>
      <c r="AG2765" s="55"/>
      <c r="AY2765" s="162"/>
      <c r="AZ2765" s="162"/>
      <c r="BA2765" s="162"/>
      <c r="BB2765" s="162"/>
      <c r="BC2765" s="162"/>
      <c r="BD2765" s="162"/>
      <c r="BE2765" s="162"/>
      <c r="BF2765" s="162"/>
      <c r="BG2765" s="162"/>
      <c r="BH2765" s="162"/>
      <c r="BI2765" s="162"/>
      <c r="BJ2765" s="162"/>
      <c r="BK2765" s="162"/>
      <c r="BL2765" s="162"/>
      <c r="BM2765" s="162"/>
      <c r="BN2765" s="162"/>
      <c r="BO2765" s="162"/>
      <c r="BP2765" s="162"/>
      <c r="BQ2765" s="162"/>
      <c r="BR2765" s="162"/>
      <c r="BS2765" s="162"/>
      <c r="BT2765" s="162"/>
      <c r="BU2765" s="162"/>
      <c r="BV2765" s="162"/>
      <c r="BW2765" s="162"/>
      <c r="BX2765" s="162"/>
      <c r="BY2765" s="162"/>
      <c r="BZ2765" s="162"/>
      <c r="CA2765" s="162"/>
      <c r="CB2765" s="162"/>
      <c r="CC2765" s="162"/>
      <c r="CD2765" s="162"/>
      <c r="CE2765" s="162"/>
      <c r="CF2765" s="162"/>
      <c r="CG2765" s="162"/>
      <c r="CH2765" s="162"/>
      <c r="CI2765" s="162"/>
      <c r="CJ2765" s="162"/>
      <c r="CK2765" s="162"/>
      <c r="CX2765" s="98"/>
      <c r="DL2765" s="97"/>
      <c r="DX2765" s="98"/>
      <c r="EL2765" s="97"/>
      <c r="EX2765" s="98"/>
      <c r="EY2765" s="97"/>
      <c r="FL2765" s="126"/>
      <c r="FM2765" s="91"/>
      <c r="FN2765" s="91"/>
      <c r="FO2765" s="91"/>
      <c r="FP2765" s="91"/>
      <c r="FQ2765" s="91"/>
      <c r="FR2765" s="91"/>
      <c r="FS2765" s="91"/>
      <c r="FT2765" s="91"/>
      <c r="FU2765" s="91"/>
      <c r="FV2765" s="91"/>
      <c r="FW2765" s="91"/>
      <c r="FX2765" s="91"/>
      <c r="FY2765" s="91"/>
      <c r="FZ2765" s="91"/>
      <c r="GA2765" s="91"/>
      <c r="GB2765" s="91"/>
      <c r="GC2765" s="91"/>
      <c r="GD2765" s="91"/>
      <c r="GE2765" s="91"/>
      <c r="GF2765" s="91"/>
      <c r="GG2765" s="91"/>
      <c r="GH2765" s="91"/>
      <c r="GI2765" s="91"/>
      <c r="GJ2765" s="91"/>
      <c r="GK2765" s="127"/>
      <c r="GL2765" s="126"/>
      <c r="GM2765" s="91"/>
      <c r="GN2765" s="91"/>
      <c r="GO2765" s="91"/>
      <c r="GP2765" s="91"/>
      <c r="GQ2765" s="91"/>
      <c r="GR2765" s="91"/>
      <c r="GS2765" s="91"/>
      <c r="GT2765" s="91"/>
      <c r="GU2765" s="91"/>
      <c r="GV2765" s="91"/>
      <c r="GW2765" s="91"/>
      <c r="GX2765" s="91"/>
      <c r="GY2765" s="91"/>
      <c r="GZ2765" s="91"/>
      <c r="HA2765" s="91"/>
      <c r="HB2765" s="91"/>
      <c r="HC2765" s="91"/>
      <c r="HD2765" s="91"/>
      <c r="HE2765" s="91"/>
      <c r="HF2765" s="91"/>
      <c r="HG2765" s="91"/>
      <c r="HH2765" s="91"/>
      <c r="HI2765" s="91"/>
      <c r="HJ2765" s="91"/>
      <c r="HK2765" s="127"/>
      <c r="HL2765" s="126"/>
      <c r="HM2765" s="91"/>
      <c r="HN2765" s="91"/>
      <c r="HO2765" s="91"/>
      <c r="HP2765" s="91"/>
      <c r="HQ2765" s="91"/>
      <c r="HR2765" s="91"/>
      <c r="HS2765" s="91"/>
      <c r="HT2765" s="91"/>
      <c r="HU2765" s="91"/>
      <c r="HV2765" s="91"/>
      <c r="HW2765" s="91"/>
      <c r="HX2765" s="91"/>
      <c r="HY2765" s="91"/>
      <c r="HZ2765" s="91"/>
      <c r="IA2765" s="91"/>
      <c r="IB2765" s="91"/>
      <c r="IC2765" s="91"/>
      <c r="ID2765" s="91"/>
      <c r="IE2765" s="91"/>
      <c r="IF2765" s="91"/>
      <c r="IG2765" s="91"/>
      <c r="IH2765" s="91"/>
      <c r="II2765" s="91"/>
      <c r="IJ2765" s="91"/>
      <c r="IK2765" s="127"/>
    </row>
    <row r="2766" spans="2:245" x14ac:dyDescent="0.2">
      <c r="B2766" s="43"/>
      <c r="C2766" s="73"/>
      <c r="D2766" s="64"/>
      <c r="E2766" s="64"/>
      <c r="F2766" s="55"/>
      <c r="G2766" s="102"/>
      <c r="H2766" s="55"/>
      <c r="I2766" s="55"/>
      <c r="J2766" s="55"/>
      <c r="K2766" s="55"/>
      <c r="L2766" s="55"/>
      <c r="M2766" s="55"/>
      <c r="N2766" s="55"/>
      <c r="O2766" s="55"/>
      <c r="P2766" s="55"/>
      <c r="Q2766" s="55"/>
      <c r="R2766" s="55"/>
      <c r="S2766" s="55"/>
      <c r="T2766" s="55"/>
      <c r="U2766" s="55"/>
      <c r="V2766" s="55"/>
      <c r="W2766" s="55"/>
      <c r="X2766" s="55"/>
      <c r="Y2766" s="55"/>
      <c r="Z2766" s="55"/>
      <c r="AA2766" s="55"/>
      <c r="AB2766" s="55"/>
      <c r="AC2766" s="55"/>
      <c r="AD2766" s="55"/>
      <c r="AE2766" s="55"/>
      <c r="AF2766" s="55"/>
      <c r="AG2766" s="55"/>
      <c r="AY2766" s="162"/>
      <c r="AZ2766" s="162"/>
      <c r="BA2766" s="162"/>
      <c r="BB2766" s="162"/>
      <c r="BC2766" s="162"/>
      <c r="BD2766" s="162"/>
      <c r="BE2766" s="162"/>
      <c r="BF2766" s="162"/>
      <c r="BG2766" s="162"/>
      <c r="BH2766" s="162"/>
      <c r="BI2766" s="162"/>
      <c r="BJ2766" s="162"/>
      <c r="BK2766" s="162"/>
      <c r="BL2766" s="162"/>
      <c r="BM2766" s="162"/>
      <c r="BN2766" s="162"/>
      <c r="BO2766" s="162"/>
      <c r="BP2766" s="162"/>
      <c r="BQ2766" s="162"/>
      <c r="BR2766" s="162"/>
      <c r="BS2766" s="162"/>
      <c r="BT2766" s="162"/>
      <c r="BU2766" s="162"/>
      <c r="BV2766" s="162"/>
      <c r="BW2766" s="162"/>
      <c r="BX2766" s="162"/>
      <c r="BY2766" s="162"/>
      <c r="BZ2766" s="162"/>
      <c r="CA2766" s="162"/>
      <c r="CB2766" s="162"/>
      <c r="CC2766" s="162"/>
      <c r="CD2766" s="162"/>
      <c r="CE2766" s="162"/>
      <c r="CF2766" s="162"/>
      <c r="CG2766" s="162"/>
      <c r="CH2766" s="162"/>
      <c r="CI2766" s="162"/>
      <c r="CJ2766" s="162"/>
      <c r="CK2766" s="162"/>
      <c r="CX2766" s="98"/>
      <c r="DL2766" s="97"/>
      <c r="DX2766" s="98"/>
      <c r="EL2766" s="97"/>
      <c r="EX2766" s="98"/>
      <c r="EY2766" s="97"/>
      <c r="FL2766" s="126"/>
      <c r="FM2766" s="91"/>
      <c r="FN2766" s="91"/>
      <c r="FO2766" s="91"/>
      <c r="FP2766" s="91"/>
      <c r="FQ2766" s="91"/>
      <c r="FR2766" s="91"/>
      <c r="FS2766" s="91"/>
      <c r="FT2766" s="91"/>
      <c r="FU2766" s="91"/>
      <c r="FV2766" s="91"/>
      <c r="FW2766" s="91"/>
      <c r="FX2766" s="91"/>
      <c r="FY2766" s="91"/>
      <c r="FZ2766" s="91"/>
      <c r="GA2766" s="91"/>
      <c r="GB2766" s="91"/>
      <c r="GC2766" s="91"/>
      <c r="GD2766" s="91"/>
      <c r="GE2766" s="91"/>
      <c r="GF2766" s="91"/>
      <c r="GG2766" s="91"/>
      <c r="GH2766" s="91"/>
      <c r="GI2766" s="91"/>
      <c r="GJ2766" s="91"/>
      <c r="GK2766" s="127"/>
      <c r="GL2766" s="126"/>
      <c r="GM2766" s="91"/>
      <c r="GN2766" s="91"/>
      <c r="GO2766" s="91"/>
      <c r="GP2766" s="91"/>
      <c r="GQ2766" s="91"/>
      <c r="GR2766" s="91"/>
      <c r="GS2766" s="91"/>
      <c r="GT2766" s="91"/>
      <c r="GU2766" s="91"/>
      <c r="GV2766" s="91"/>
      <c r="GW2766" s="91"/>
      <c r="GX2766" s="91"/>
      <c r="GY2766" s="91"/>
      <c r="GZ2766" s="91"/>
      <c r="HA2766" s="91"/>
      <c r="HB2766" s="91"/>
      <c r="HC2766" s="91"/>
      <c r="HD2766" s="91"/>
      <c r="HE2766" s="91"/>
      <c r="HF2766" s="91"/>
      <c r="HG2766" s="91"/>
      <c r="HH2766" s="91"/>
      <c r="HI2766" s="91"/>
      <c r="HJ2766" s="91"/>
      <c r="HK2766" s="127"/>
      <c r="HL2766" s="126"/>
      <c r="HM2766" s="91"/>
      <c r="HN2766" s="91"/>
      <c r="HO2766" s="91"/>
      <c r="HP2766" s="91"/>
      <c r="HQ2766" s="91"/>
      <c r="HR2766" s="91"/>
      <c r="HS2766" s="91"/>
      <c r="HT2766" s="91"/>
      <c r="HU2766" s="91"/>
      <c r="HV2766" s="91"/>
      <c r="HW2766" s="91"/>
      <c r="HX2766" s="91"/>
      <c r="HY2766" s="91"/>
      <c r="HZ2766" s="91"/>
      <c r="IA2766" s="91"/>
      <c r="IB2766" s="91"/>
      <c r="IC2766" s="91"/>
      <c r="ID2766" s="91"/>
      <c r="IE2766" s="91"/>
      <c r="IF2766" s="91"/>
      <c r="IG2766" s="91"/>
      <c r="IH2766" s="91"/>
      <c r="II2766" s="91"/>
      <c r="IJ2766" s="91"/>
      <c r="IK2766" s="127"/>
    </row>
    <row r="2767" spans="2:245" x14ac:dyDescent="0.2">
      <c r="B2767" s="43"/>
      <c r="C2767" s="73"/>
      <c r="D2767" s="64"/>
      <c r="E2767" s="64"/>
      <c r="F2767" s="55"/>
      <c r="G2767" s="102"/>
      <c r="H2767" s="55"/>
      <c r="I2767" s="55"/>
      <c r="J2767" s="55"/>
      <c r="K2767" s="55"/>
      <c r="L2767" s="55"/>
      <c r="M2767" s="55"/>
      <c r="N2767" s="55"/>
      <c r="O2767" s="55"/>
      <c r="P2767" s="55"/>
      <c r="Q2767" s="55"/>
      <c r="R2767" s="55"/>
      <c r="S2767" s="55"/>
      <c r="T2767" s="55"/>
      <c r="U2767" s="55"/>
      <c r="V2767" s="55"/>
      <c r="W2767" s="55"/>
      <c r="X2767" s="55"/>
      <c r="Y2767" s="55"/>
      <c r="Z2767" s="55"/>
      <c r="AA2767" s="55"/>
      <c r="AB2767" s="55"/>
      <c r="AC2767" s="55"/>
      <c r="AD2767" s="55"/>
      <c r="AE2767" s="55"/>
      <c r="AF2767" s="55"/>
      <c r="AG2767" s="55"/>
      <c r="AY2767" s="162"/>
      <c r="AZ2767" s="162"/>
      <c r="BA2767" s="162"/>
      <c r="BB2767" s="162"/>
      <c r="BC2767" s="162"/>
      <c r="BD2767" s="162"/>
      <c r="BE2767" s="162"/>
      <c r="BF2767" s="162"/>
      <c r="BG2767" s="162"/>
      <c r="BH2767" s="162"/>
      <c r="BI2767" s="162"/>
      <c r="BJ2767" s="162"/>
      <c r="BK2767" s="162"/>
      <c r="BL2767" s="162"/>
      <c r="BM2767" s="162"/>
      <c r="BN2767" s="162"/>
      <c r="BO2767" s="162"/>
      <c r="BP2767" s="162"/>
      <c r="BQ2767" s="162"/>
      <c r="BR2767" s="162"/>
      <c r="BS2767" s="162"/>
      <c r="BT2767" s="162"/>
      <c r="BU2767" s="162"/>
      <c r="BV2767" s="162"/>
      <c r="BW2767" s="162"/>
      <c r="BX2767" s="162"/>
      <c r="BY2767" s="162"/>
      <c r="BZ2767" s="162"/>
      <c r="CA2767" s="162"/>
      <c r="CB2767" s="162"/>
      <c r="CC2767" s="162"/>
      <c r="CD2767" s="162"/>
      <c r="CE2767" s="162"/>
      <c r="CF2767" s="162"/>
      <c r="CG2767" s="162"/>
      <c r="CH2767" s="162"/>
      <c r="CI2767" s="162"/>
      <c r="CJ2767" s="162"/>
      <c r="CK2767" s="162"/>
      <c r="CX2767" s="98"/>
      <c r="DL2767" s="97"/>
      <c r="DX2767" s="98"/>
      <c r="EL2767" s="97"/>
      <c r="EX2767" s="98"/>
      <c r="EY2767" s="97"/>
      <c r="FL2767" s="126"/>
      <c r="FM2767" s="91"/>
      <c r="FN2767" s="91"/>
      <c r="FO2767" s="91"/>
      <c r="FP2767" s="91"/>
      <c r="FQ2767" s="91"/>
      <c r="FR2767" s="91"/>
      <c r="FS2767" s="91"/>
      <c r="FT2767" s="91"/>
      <c r="FU2767" s="91"/>
      <c r="FV2767" s="91"/>
      <c r="FW2767" s="91"/>
      <c r="FX2767" s="91"/>
      <c r="FY2767" s="91"/>
      <c r="FZ2767" s="91"/>
      <c r="GA2767" s="91"/>
      <c r="GB2767" s="91"/>
      <c r="GC2767" s="91"/>
      <c r="GD2767" s="91"/>
      <c r="GE2767" s="91"/>
      <c r="GF2767" s="91"/>
      <c r="GG2767" s="91"/>
      <c r="GH2767" s="91"/>
      <c r="GI2767" s="91"/>
      <c r="GJ2767" s="91"/>
      <c r="GK2767" s="127"/>
      <c r="GL2767" s="126"/>
      <c r="GM2767" s="91"/>
      <c r="GN2767" s="91"/>
      <c r="GO2767" s="91"/>
      <c r="GP2767" s="91"/>
      <c r="GQ2767" s="91"/>
      <c r="GR2767" s="91"/>
      <c r="GS2767" s="91"/>
      <c r="GT2767" s="91"/>
      <c r="GU2767" s="91"/>
      <c r="GV2767" s="91"/>
      <c r="GW2767" s="91"/>
      <c r="GX2767" s="91"/>
      <c r="GY2767" s="91"/>
      <c r="GZ2767" s="91"/>
      <c r="HA2767" s="91"/>
      <c r="HB2767" s="91"/>
      <c r="HC2767" s="91"/>
      <c r="HD2767" s="91"/>
      <c r="HE2767" s="91"/>
      <c r="HF2767" s="91"/>
      <c r="HG2767" s="91"/>
      <c r="HH2767" s="91"/>
      <c r="HI2767" s="91"/>
      <c r="HJ2767" s="91"/>
      <c r="HK2767" s="127"/>
      <c r="HL2767" s="126"/>
      <c r="HM2767" s="91"/>
      <c r="HN2767" s="91"/>
      <c r="HO2767" s="91"/>
      <c r="HP2767" s="91"/>
      <c r="HQ2767" s="91"/>
      <c r="HR2767" s="91"/>
      <c r="HS2767" s="91"/>
      <c r="HT2767" s="91"/>
      <c r="HU2767" s="91"/>
      <c r="HV2767" s="91"/>
      <c r="HW2767" s="91"/>
      <c r="HX2767" s="91"/>
      <c r="HY2767" s="91"/>
      <c r="HZ2767" s="91"/>
      <c r="IA2767" s="91"/>
      <c r="IB2767" s="91"/>
      <c r="IC2767" s="91"/>
      <c r="ID2767" s="91"/>
      <c r="IE2767" s="91"/>
      <c r="IF2767" s="91"/>
      <c r="IG2767" s="91"/>
      <c r="IH2767" s="91"/>
      <c r="II2767" s="91"/>
      <c r="IJ2767" s="91"/>
      <c r="IK2767" s="127"/>
    </row>
    <row r="2768" spans="2:245" x14ac:dyDescent="0.2">
      <c r="B2768" s="43"/>
      <c r="C2768" s="73"/>
      <c r="D2768" s="64"/>
      <c r="E2768" s="64"/>
      <c r="F2768" s="55"/>
      <c r="G2768" s="102"/>
      <c r="H2768" s="55"/>
      <c r="I2768" s="55"/>
      <c r="J2768" s="55"/>
      <c r="K2768" s="55"/>
      <c r="L2768" s="55"/>
      <c r="M2768" s="55"/>
      <c r="N2768" s="55"/>
      <c r="O2768" s="55"/>
      <c r="P2768" s="55"/>
      <c r="Q2768" s="55"/>
      <c r="R2768" s="55"/>
      <c r="S2768" s="55"/>
      <c r="T2768" s="55"/>
      <c r="U2768" s="55"/>
      <c r="V2768" s="55"/>
      <c r="W2768" s="55"/>
      <c r="X2768" s="55"/>
      <c r="Y2768" s="55"/>
      <c r="Z2768" s="55"/>
      <c r="AA2768" s="55"/>
      <c r="AB2768" s="55"/>
      <c r="AC2768" s="55"/>
      <c r="AD2768" s="55"/>
      <c r="AE2768" s="55"/>
      <c r="AF2768" s="55"/>
      <c r="AG2768" s="55"/>
      <c r="AY2768" s="162"/>
      <c r="AZ2768" s="162"/>
      <c r="BA2768" s="162"/>
      <c r="BB2768" s="162"/>
      <c r="BC2768" s="162"/>
      <c r="BD2768" s="162"/>
      <c r="BE2768" s="162"/>
      <c r="BF2768" s="162"/>
      <c r="BG2768" s="162"/>
      <c r="BH2768" s="162"/>
      <c r="BI2768" s="162"/>
      <c r="BJ2768" s="162"/>
      <c r="BK2768" s="162"/>
      <c r="BL2768" s="162"/>
      <c r="BM2768" s="162"/>
      <c r="BN2768" s="162"/>
      <c r="BO2768" s="162"/>
      <c r="BP2768" s="162"/>
      <c r="BQ2768" s="162"/>
      <c r="BR2768" s="162"/>
      <c r="BS2768" s="162"/>
      <c r="BT2768" s="162"/>
      <c r="BU2768" s="162"/>
      <c r="BV2768" s="162"/>
      <c r="BW2768" s="162"/>
      <c r="BX2768" s="162"/>
      <c r="BY2768" s="162"/>
      <c r="BZ2768" s="162"/>
      <c r="CA2768" s="162"/>
      <c r="CB2768" s="162"/>
      <c r="CC2768" s="162"/>
      <c r="CD2768" s="162"/>
      <c r="CE2768" s="162"/>
      <c r="CF2768" s="162"/>
      <c r="CG2768" s="162"/>
      <c r="CH2768" s="162"/>
      <c r="CI2768" s="162"/>
      <c r="CJ2768" s="162"/>
      <c r="CK2768" s="162"/>
      <c r="CX2768" s="98"/>
      <c r="DL2768" s="97"/>
      <c r="DX2768" s="98"/>
      <c r="EL2768" s="97"/>
      <c r="EX2768" s="98"/>
      <c r="EY2768" s="97"/>
      <c r="FL2768" s="126"/>
      <c r="FM2768" s="91"/>
      <c r="FN2768" s="91"/>
      <c r="FO2768" s="91"/>
      <c r="FP2768" s="91"/>
      <c r="FQ2768" s="91"/>
      <c r="FR2768" s="91"/>
      <c r="FS2768" s="91"/>
      <c r="FT2768" s="91"/>
      <c r="FU2768" s="91"/>
      <c r="FV2768" s="91"/>
      <c r="FW2768" s="91"/>
      <c r="FX2768" s="91"/>
      <c r="FY2768" s="91"/>
      <c r="FZ2768" s="91"/>
      <c r="GA2768" s="91"/>
      <c r="GB2768" s="91"/>
      <c r="GC2768" s="91"/>
      <c r="GD2768" s="91"/>
      <c r="GE2768" s="91"/>
      <c r="GF2768" s="91"/>
      <c r="GG2768" s="91"/>
      <c r="GH2768" s="91"/>
      <c r="GI2768" s="91"/>
      <c r="GJ2768" s="91"/>
      <c r="GK2768" s="127"/>
      <c r="GL2768" s="126"/>
      <c r="GM2768" s="91"/>
      <c r="GN2768" s="91"/>
      <c r="GO2768" s="91"/>
      <c r="GP2768" s="91"/>
      <c r="GQ2768" s="91"/>
      <c r="GR2768" s="91"/>
      <c r="GS2768" s="91"/>
      <c r="GT2768" s="91"/>
      <c r="GU2768" s="91"/>
      <c r="GV2768" s="91"/>
      <c r="GW2768" s="91"/>
      <c r="GX2768" s="91"/>
      <c r="GY2768" s="91"/>
      <c r="GZ2768" s="91"/>
      <c r="HA2768" s="91"/>
      <c r="HB2768" s="91"/>
      <c r="HC2768" s="91"/>
      <c r="HD2768" s="91"/>
      <c r="HE2768" s="91"/>
      <c r="HF2768" s="91"/>
      <c r="HG2768" s="91"/>
      <c r="HH2768" s="91"/>
      <c r="HI2768" s="91"/>
      <c r="HJ2768" s="91"/>
      <c r="HK2768" s="127"/>
      <c r="HL2768" s="126"/>
      <c r="HM2768" s="91"/>
      <c r="HN2768" s="91"/>
      <c r="HO2768" s="91"/>
      <c r="HP2768" s="91"/>
      <c r="HQ2768" s="91"/>
      <c r="HR2768" s="91"/>
      <c r="HS2768" s="91"/>
      <c r="HT2768" s="91"/>
      <c r="HU2768" s="91"/>
      <c r="HV2768" s="91"/>
      <c r="HW2768" s="91"/>
      <c r="HX2768" s="91"/>
      <c r="HY2768" s="91"/>
      <c r="HZ2768" s="91"/>
      <c r="IA2768" s="91"/>
      <c r="IB2768" s="91"/>
      <c r="IC2768" s="91"/>
      <c r="ID2768" s="91"/>
      <c r="IE2768" s="91"/>
      <c r="IF2768" s="91"/>
      <c r="IG2768" s="91"/>
      <c r="IH2768" s="91"/>
      <c r="II2768" s="91"/>
      <c r="IJ2768" s="91"/>
      <c r="IK2768" s="127"/>
    </row>
    <row r="2769" spans="2:245" x14ac:dyDescent="0.2">
      <c r="B2769" s="43"/>
      <c r="C2769" s="73"/>
      <c r="D2769" s="64"/>
      <c r="E2769" s="64"/>
      <c r="F2769" s="55"/>
      <c r="G2769" s="102"/>
      <c r="H2769" s="55"/>
      <c r="I2769" s="55"/>
      <c r="J2769" s="55"/>
      <c r="K2769" s="55"/>
      <c r="L2769" s="55"/>
      <c r="M2769" s="55"/>
      <c r="N2769" s="55"/>
      <c r="O2769" s="55"/>
      <c r="P2769" s="55"/>
      <c r="Q2769" s="55"/>
      <c r="R2769" s="55"/>
      <c r="S2769" s="55"/>
      <c r="T2769" s="55"/>
      <c r="U2769" s="55"/>
      <c r="V2769" s="55"/>
      <c r="W2769" s="55"/>
      <c r="X2769" s="55"/>
      <c r="Y2769" s="55"/>
      <c r="Z2769" s="55"/>
      <c r="AA2769" s="55"/>
      <c r="AB2769" s="55"/>
      <c r="AC2769" s="55"/>
      <c r="AD2769" s="55"/>
      <c r="AE2769" s="55"/>
      <c r="AF2769" s="55"/>
      <c r="AG2769" s="55"/>
      <c r="AY2769" s="162"/>
      <c r="AZ2769" s="162"/>
      <c r="BA2769" s="162"/>
      <c r="BB2769" s="162"/>
      <c r="BC2769" s="162"/>
      <c r="BD2769" s="162"/>
      <c r="BE2769" s="162"/>
      <c r="BF2769" s="162"/>
      <c r="BG2769" s="162"/>
      <c r="BH2769" s="162"/>
      <c r="BI2769" s="162"/>
      <c r="BJ2769" s="162"/>
      <c r="BK2769" s="162"/>
      <c r="BL2769" s="162"/>
      <c r="BM2769" s="162"/>
      <c r="BN2769" s="162"/>
      <c r="BO2769" s="162"/>
      <c r="BP2769" s="162"/>
      <c r="BQ2769" s="162"/>
      <c r="BR2769" s="162"/>
      <c r="BS2769" s="162"/>
      <c r="BT2769" s="162"/>
      <c r="BU2769" s="162"/>
      <c r="BV2769" s="162"/>
      <c r="BW2769" s="162"/>
      <c r="BX2769" s="162"/>
      <c r="BY2769" s="162"/>
      <c r="BZ2769" s="162"/>
      <c r="CA2769" s="162"/>
      <c r="CB2769" s="162"/>
      <c r="CC2769" s="162"/>
      <c r="CD2769" s="162"/>
      <c r="CE2769" s="162"/>
      <c r="CF2769" s="162"/>
      <c r="CG2769" s="162"/>
      <c r="CH2769" s="162"/>
      <c r="CI2769" s="162"/>
      <c r="CJ2769" s="162"/>
      <c r="CK2769" s="162"/>
      <c r="CX2769" s="98"/>
      <c r="DL2769" s="97"/>
      <c r="DX2769" s="98"/>
      <c r="EL2769" s="97"/>
      <c r="EX2769" s="98"/>
      <c r="EY2769" s="97"/>
      <c r="FL2769" s="126"/>
      <c r="FM2769" s="91"/>
      <c r="FN2769" s="91"/>
      <c r="FO2769" s="91"/>
      <c r="FP2769" s="91"/>
      <c r="FQ2769" s="91"/>
      <c r="FR2769" s="91"/>
      <c r="FS2769" s="91"/>
      <c r="FT2769" s="91"/>
      <c r="FU2769" s="91"/>
      <c r="FV2769" s="91"/>
      <c r="FW2769" s="91"/>
      <c r="FX2769" s="91"/>
      <c r="FY2769" s="91"/>
      <c r="FZ2769" s="91"/>
      <c r="GA2769" s="91"/>
      <c r="GB2769" s="91"/>
      <c r="GC2769" s="91"/>
      <c r="GD2769" s="91"/>
      <c r="GE2769" s="91"/>
      <c r="GF2769" s="91"/>
      <c r="GG2769" s="91"/>
      <c r="GH2769" s="91"/>
      <c r="GI2769" s="91"/>
      <c r="GJ2769" s="91"/>
      <c r="GK2769" s="127"/>
      <c r="GL2769" s="126"/>
      <c r="GM2769" s="91"/>
      <c r="GN2769" s="91"/>
      <c r="GO2769" s="91"/>
      <c r="GP2769" s="91"/>
      <c r="GQ2769" s="91"/>
      <c r="GR2769" s="91"/>
      <c r="GS2769" s="91"/>
      <c r="GT2769" s="91"/>
      <c r="GU2769" s="91"/>
      <c r="GV2769" s="91"/>
      <c r="GW2769" s="91"/>
      <c r="GX2769" s="91"/>
      <c r="GY2769" s="91"/>
      <c r="GZ2769" s="91"/>
      <c r="HA2769" s="91"/>
      <c r="HB2769" s="91"/>
      <c r="HC2769" s="91"/>
      <c r="HD2769" s="91"/>
      <c r="HE2769" s="91"/>
      <c r="HF2769" s="91"/>
      <c r="HG2769" s="91"/>
      <c r="HH2769" s="91"/>
      <c r="HI2769" s="91"/>
      <c r="HJ2769" s="91"/>
      <c r="HK2769" s="127"/>
      <c r="HL2769" s="126"/>
      <c r="HM2769" s="91"/>
      <c r="HN2769" s="91"/>
      <c r="HO2769" s="91"/>
      <c r="HP2769" s="91"/>
      <c r="HQ2769" s="91"/>
      <c r="HR2769" s="91"/>
      <c r="HS2769" s="91"/>
      <c r="HT2769" s="91"/>
      <c r="HU2769" s="91"/>
      <c r="HV2769" s="91"/>
      <c r="HW2769" s="91"/>
      <c r="HX2769" s="91"/>
      <c r="HY2769" s="91"/>
      <c r="HZ2769" s="91"/>
      <c r="IA2769" s="91"/>
      <c r="IB2769" s="91"/>
      <c r="IC2769" s="91"/>
      <c r="ID2769" s="91"/>
      <c r="IE2769" s="91"/>
      <c r="IF2769" s="91"/>
      <c r="IG2769" s="91"/>
      <c r="IH2769" s="91"/>
      <c r="II2769" s="91"/>
      <c r="IJ2769" s="91"/>
      <c r="IK2769" s="127"/>
    </row>
    <row r="2770" spans="2:245" x14ac:dyDescent="0.2">
      <c r="B2770" s="43"/>
      <c r="C2770" s="73"/>
      <c r="D2770" s="64"/>
      <c r="E2770" s="64"/>
      <c r="F2770" s="55"/>
      <c r="G2770" s="102"/>
      <c r="H2770" s="55"/>
      <c r="I2770" s="55"/>
      <c r="J2770" s="55"/>
      <c r="K2770" s="55"/>
      <c r="L2770" s="55"/>
      <c r="M2770" s="55"/>
      <c r="N2770" s="55"/>
      <c r="O2770" s="55"/>
      <c r="P2770" s="55"/>
      <c r="Q2770" s="55"/>
      <c r="R2770" s="55"/>
      <c r="S2770" s="55"/>
      <c r="T2770" s="55"/>
      <c r="U2770" s="55"/>
      <c r="V2770" s="55"/>
      <c r="W2770" s="55"/>
      <c r="X2770" s="55"/>
      <c r="Y2770" s="55"/>
      <c r="Z2770" s="55"/>
      <c r="AA2770" s="55"/>
      <c r="AB2770" s="55"/>
      <c r="AC2770" s="55"/>
      <c r="AD2770" s="55"/>
      <c r="AE2770" s="55"/>
      <c r="AF2770" s="55"/>
      <c r="AG2770" s="55"/>
      <c r="AY2770" s="162"/>
      <c r="AZ2770" s="162"/>
      <c r="BA2770" s="162"/>
      <c r="BB2770" s="162"/>
      <c r="BC2770" s="162"/>
      <c r="BD2770" s="162"/>
      <c r="BE2770" s="162"/>
      <c r="BF2770" s="162"/>
      <c r="BG2770" s="162"/>
      <c r="BH2770" s="162"/>
      <c r="BI2770" s="162"/>
      <c r="BJ2770" s="162"/>
      <c r="BK2770" s="162"/>
      <c r="BL2770" s="162"/>
      <c r="BM2770" s="162"/>
      <c r="BN2770" s="162"/>
      <c r="BO2770" s="162"/>
      <c r="BP2770" s="162"/>
      <c r="BQ2770" s="162"/>
      <c r="BR2770" s="162"/>
      <c r="BS2770" s="162"/>
      <c r="BT2770" s="162"/>
      <c r="BU2770" s="162"/>
      <c r="BV2770" s="162"/>
      <c r="BW2770" s="162"/>
      <c r="BX2770" s="162"/>
      <c r="BY2770" s="162"/>
      <c r="BZ2770" s="162"/>
      <c r="CA2770" s="162"/>
      <c r="CB2770" s="162"/>
      <c r="CC2770" s="162"/>
      <c r="CD2770" s="162"/>
      <c r="CE2770" s="162"/>
      <c r="CF2770" s="162"/>
      <c r="CG2770" s="162"/>
      <c r="CH2770" s="162"/>
      <c r="CI2770" s="162"/>
      <c r="CJ2770" s="162"/>
      <c r="CK2770" s="162"/>
      <c r="CX2770" s="98"/>
      <c r="DL2770" s="97"/>
      <c r="DX2770" s="98"/>
      <c r="EL2770" s="97"/>
      <c r="EX2770" s="98"/>
      <c r="EY2770" s="97"/>
      <c r="FL2770" s="126"/>
      <c r="FM2770" s="91"/>
      <c r="FN2770" s="91"/>
      <c r="FO2770" s="91"/>
      <c r="FP2770" s="91"/>
      <c r="FQ2770" s="91"/>
      <c r="FR2770" s="91"/>
      <c r="FS2770" s="91"/>
      <c r="FT2770" s="91"/>
      <c r="FU2770" s="91"/>
      <c r="FV2770" s="91"/>
      <c r="FW2770" s="91"/>
      <c r="FX2770" s="91"/>
      <c r="FY2770" s="91"/>
      <c r="FZ2770" s="91"/>
      <c r="GA2770" s="91"/>
      <c r="GB2770" s="91"/>
      <c r="GC2770" s="91"/>
      <c r="GD2770" s="91"/>
      <c r="GE2770" s="91"/>
      <c r="GF2770" s="91"/>
      <c r="GG2770" s="91"/>
      <c r="GH2770" s="91"/>
      <c r="GI2770" s="91"/>
      <c r="GJ2770" s="91"/>
      <c r="GK2770" s="127"/>
      <c r="GL2770" s="126"/>
      <c r="GM2770" s="91"/>
      <c r="GN2770" s="91"/>
      <c r="GO2770" s="91"/>
      <c r="GP2770" s="91"/>
      <c r="GQ2770" s="91"/>
      <c r="GR2770" s="91"/>
      <c r="GS2770" s="91"/>
      <c r="GT2770" s="91"/>
      <c r="GU2770" s="91"/>
      <c r="GV2770" s="91"/>
      <c r="GW2770" s="91"/>
      <c r="GX2770" s="91"/>
      <c r="GY2770" s="91"/>
      <c r="GZ2770" s="91"/>
      <c r="HA2770" s="91"/>
      <c r="HB2770" s="91"/>
      <c r="HC2770" s="91"/>
      <c r="HD2770" s="91"/>
      <c r="HE2770" s="91"/>
      <c r="HF2770" s="91"/>
      <c r="HG2770" s="91"/>
      <c r="HH2770" s="91"/>
      <c r="HI2770" s="91"/>
      <c r="HJ2770" s="91"/>
      <c r="HK2770" s="127"/>
      <c r="HL2770" s="126"/>
      <c r="HM2770" s="91"/>
      <c r="HN2770" s="91"/>
      <c r="HO2770" s="91"/>
      <c r="HP2770" s="91"/>
      <c r="HQ2770" s="91"/>
      <c r="HR2770" s="91"/>
      <c r="HS2770" s="91"/>
      <c r="HT2770" s="91"/>
      <c r="HU2770" s="91"/>
      <c r="HV2770" s="91"/>
      <c r="HW2770" s="91"/>
      <c r="HX2770" s="91"/>
      <c r="HY2770" s="91"/>
      <c r="HZ2770" s="91"/>
      <c r="IA2770" s="91"/>
      <c r="IB2770" s="91"/>
      <c r="IC2770" s="91"/>
      <c r="ID2770" s="91"/>
      <c r="IE2770" s="91"/>
      <c r="IF2770" s="91"/>
      <c r="IG2770" s="91"/>
      <c r="IH2770" s="91"/>
      <c r="II2770" s="91"/>
      <c r="IJ2770" s="91"/>
      <c r="IK2770" s="127"/>
    </row>
    <row r="2771" spans="2:245" x14ac:dyDescent="0.2">
      <c r="B2771" s="43"/>
      <c r="C2771" s="73"/>
      <c r="D2771" s="64"/>
      <c r="E2771" s="64"/>
      <c r="F2771" s="55"/>
      <c r="G2771" s="102"/>
      <c r="H2771" s="55"/>
      <c r="I2771" s="55"/>
      <c r="J2771" s="55"/>
      <c r="K2771" s="55"/>
      <c r="L2771" s="55"/>
      <c r="M2771" s="55"/>
      <c r="N2771" s="55"/>
      <c r="O2771" s="55"/>
      <c r="P2771" s="55"/>
      <c r="Q2771" s="55"/>
      <c r="R2771" s="55"/>
      <c r="S2771" s="55"/>
      <c r="T2771" s="55"/>
      <c r="U2771" s="55"/>
      <c r="V2771" s="55"/>
      <c r="W2771" s="55"/>
      <c r="X2771" s="55"/>
      <c r="Y2771" s="55"/>
      <c r="Z2771" s="55"/>
      <c r="AA2771" s="55"/>
      <c r="AB2771" s="55"/>
      <c r="AC2771" s="55"/>
      <c r="AD2771" s="55"/>
      <c r="AE2771" s="55"/>
      <c r="AF2771" s="55"/>
      <c r="AG2771" s="55"/>
      <c r="AY2771" s="162"/>
      <c r="AZ2771" s="162"/>
      <c r="BA2771" s="162"/>
      <c r="BB2771" s="162"/>
      <c r="BC2771" s="162"/>
      <c r="BD2771" s="162"/>
      <c r="BE2771" s="162"/>
      <c r="BF2771" s="162"/>
      <c r="BG2771" s="162"/>
      <c r="BH2771" s="162"/>
      <c r="BI2771" s="162"/>
      <c r="BJ2771" s="162"/>
      <c r="BK2771" s="162"/>
      <c r="BL2771" s="162"/>
      <c r="BM2771" s="162"/>
      <c r="BN2771" s="162"/>
      <c r="BO2771" s="162"/>
      <c r="BP2771" s="162"/>
      <c r="BQ2771" s="162"/>
      <c r="BR2771" s="162"/>
      <c r="BS2771" s="162"/>
      <c r="BT2771" s="162"/>
      <c r="BU2771" s="162"/>
      <c r="BV2771" s="162"/>
      <c r="BW2771" s="162"/>
      <c r="BX2771" s="162"/>
      <c r="BY2771" s="162"/>
      <c r="BZ2771" s="162"/>
      <c r="CA2771" s="162"/>
      <c r="CB2771" s="162"/>
      <c r="CC2771" s="162"/>
      <c r="CD2771" s="162"/>
      <c r="CE2771" s="162"/>
      <c r="CF2771" s="162"/>
      <c r="CG2771" s="162"/>
      <c r="CH2771" s="162"/>
      <c r="CI2771" s="162"/>
      <c r="CJ2771" s="162"/>
      <c r="CK2771" s="162"/>
      <c r="CX2771" s="98"/>
      <c r="DL2771" s="97"/>
      <c r="DX2771" s="98"/>
      <c r="EL2771" s="97"/>
      <c r="EX2771" s="98"/>
      <c r="EY2771" s="97"/>
      <c r="FL2771" s="126"/>
      <c r="FM2771" s="91"/>
      <c r="FN2771" s="91"/>
      <c r="FO2771" s="91"/>
      <c r="FP2771" s="91"/>
      <c r="FQ2771" s="91"/>
      <c r="FR2771" s="91"/>
      <c r="FS2771" s="91"/>
      <c r="FT2771" s="91"/>
      <c r="FU2771" s="91"/>
      <c r="FV2771" s="91"/>
      <c r="FW2771" s="91"/>
      <c r="FX2771" s="91"/>
      <c r="FY2771" s="91"/>
      <c r="FZ2771" s="91"/>
      <c r="GA2771" s="91"/>
      <c r="GB2771" s="91"/>
      <c r="GC2771" s="91"/>
      <c r="GD2771" s="91"/>
      <c r="GE2771" s="91"/>
      <c r="GF2771" s="91"/>
      <c r="GG2771" s="91"/>
      <c r="GH2771" s="91"/>
      <c r="GI2771" s="91"/>
      <c r="GJ2771" s="91"/>
      <c r="GK2771" s="127"/>
      <c r="GL2771" s="126"/>
      <c r="GM2771" s="91"/>
      <c r="GN2771" s="91"/>
      <c r="GO2771" s="91"/>
      <c r="GP2771" s="91"/>
      <c r="GQ2771" s="91"/>
      <c r="GR2771" s="91"/>
      <c r="GS2771" s="91"/>
      <c r="GT2771" s="91"/>
      <c r="GU2771" s="91"/>
      <c r="GV2771" s="91"/>
      <c r="GW2771" s="91"/>
      <c r="GX2771" s="91"/>
      <c r="GY2771" s="91"/>
      <c r="GZ2771" s="91"/>
      <c r="HA2771" s="91"/>
      <c r="HB2771" s="91"/>
      <c r="HC2771" s="91"/>
      <c r="HD2771" s="91"/>
      <c r="HE2771" s="91"/>
      <c r="HF2771" s="91"/>
      <c r="HG2771" s="91"/>
      <c r="HH2771" s="91"/>
      <c r="HI2771" s="91"/>
      <c r="HJ2771" s="91"/>
      <c r="HK2771" s="127"/>
      <c r="HL2771" s="126"/>
      <c r="HM2771" s="91"/>
      <c r="HN2771" s="91"/>
      <c r="HO2771" s="91"/>
      <c r="HP2771" s="91"/>
      <c r="HQ2771" s="91"/>
      <c r="HR2771" s="91"/>
      <c r="HS2771" s="91"/>
      <c r="HT2771" s="91"/>
      <c r="HU2771" s="91"/>
      <c r="HV2771" s="91"/>
      <c r="HW2771" s="91"/>
      <c r="HX2771" s="91"/>
      <c r="HY2771" s="91"/>
      <c r="HZ2771" s="91"/>
      <c r="IA2771" s="91"/>
      <c r="IB2771" s="91"/>
      <c r="IC2771" s="91"/>
      <c r="ID2771" s="91"/>
      <c r="IE2771" s="91"/>
      <c r="IF2771" s="91"/>
      <c r="IG2771" s="91"/>
      <c r="IH2771" s="91"/>
      <c r="II2771" s="91"/>
      <c r="IJ2771" s="91"/>
      <c r="IK2771" s="127"/>
    </row>
    <row r="2772" spans="2:245" x14ac:dyDescent="0.2">
      <c r="B2772" s="43"/>
      <c r="C2772" s="73"/>
      <c r="D2772" s="64"/>
      <c r="E2772" s="64"/>
      <c r="F2772" s="55"/>
      <c r="G2772" s="102"/>
      <c r="H2772" s="55"/>
      <c r="I2772" s="55"/>
      <c r="J2772" s="55"/>
      <c r="K2772" s="55"/>
      <c r="L2772" s="55"/>
      <c r="M2772" s="55"/>
      <c r="N2772" s="55"/>
      <c r="O2772" s="55"/>
      <c r="P2772" s="55"/>
      <c r="Q2772" s="55"/>
      <c r="R2772" s="55"/>
      <c r="S2772" s="55"/>
      <c r="T2772" s="55"/>
      <c r="U2772" s="55"/>
      <c r="V2772" s="55"/>
      <c r="W2772" s="55"/>
      <c r="X2772" s="55"/>
      <c r="Y2772" s="55"/>
      <c r="Z2772" s="55"/>
      <c r="AA2772" s="55"/>
      <c r="AB2772" s="55"/>
      <c r="AC2772" s="55"/>
      <c r="AD2772" s="55"/>
      <c r="AE2772" s="55"/>
      <c r="AF2772" s="55"/>
      <c r="AG2772" s="55"/>
      <c r="AY2772" s="162"/>
      <c r="AZ2772" s="162"/>
      <c r="BA2772" s="162"/>
      <c r="BB2772" s="162"/>
      <c r="BC2772" s="162"/>
      <c r="BD2772" s="162"/>
      <c r="BE2772" s="162"/>
      <c r="BF2772" s="162"/>
      <c r="BG2772" s="162"/>
      <c r="BH2772" s="162"/>
      <c r="BI2772" s="162"/>
      <c r="BJ2772" s="162"/>
      <c r="BK2772" s="162"/>
      <c r="BL2772" s="162"/>
      <c r="BM2772" s="162"/>
      <c r="BN2772" s="162"/>
      <c r="BO2772" s="162"/>
      <c r="BP2772" s="162"/>
      <c r="BQ2772" s="162"/>
      <c r="BR2772" s="162"/>
      <c r="BS2772" s="162"/>
      <c r="BT2772" s="162"/>
      <c r="BU2772" s="162"/>
      <c r="BV2772" s="162"/>
      <c r="BW2772" s="162"/>
      <c r="BX2772" s="162"/>
      <c r="BY2772" s="162"/>
      <c r="BZ2772" s="162"/>
      <c r="CA2772" s="162"/>
      <c r="CB2772" s="162"/>
      <c r="CC2772" s="162"/>
      <c r="CD2772" s="162"/>
      <c r="CE2772" s="162"/>
      <c r="CF2772" s="162"/>
      <c r="CG2772" s="162"/>
      <c r="CH2772" s="162"/>
      <c r="CI2772" s="162"/>
      <c r="CJ2772" s="162"/>
      <c r="CK2772" s="162"/>
      <c r="CX2772" s="98"/>
      <c r="DL2772" s="97"/>
      <c r="DX2772" s="98"/>
      <c r="EL2772" s="97"/>
      <c r="EX2772" s="98"/>
      <c r="EY2772" s="97"/>
      <c r="FL2772" s="126"/>
      <c r="FM2772" s="91"/>
      <c r="FN2772" s="91"/>
      <c r="FO2772" s="91"/>
      <c r="FP2772" s="91"/>
      <c r="FQ2772" s="91"/>
      <c r="FR2772" s="91"/>
      <c r="FS2772" s="91"/>
      <c r="FT2772" s="91"/>
      <c r="FU2772" s="91"/>
      <c r="FV2772" s="91"/>
      <c r="FW2772" s="91"/>
      <c r="FX2772" s="91"/>
      <c r="FY2772" s="91"/>
      <c r="FZ2772" s="91"/>
      <c r="GA2772" s="91"/>
      <c r="GB2772" s="91"/>
      <c r="GC2772" s="91"/>
      <c r="GD2772" s="91"/>
      <c r="GE2772" s="91"/>
      <c r="GF2772" s="91"/>
      <c r="GG2772" s="91"/>
      <c r="GH2772" s="91"/>
      <c r="GI2772" s="91"/>
      <c r="GJ2772" s="91"/>
      <c r="GK2772" s="127"/>
      <c r="GL2772" s="126"/>
      <c r="GM2772" s="91"/>
      <c r="GN2772" s="91"/>
      <c r="GO2772" s="91"/>
      <c r="GP2772" s="91"/>
      <c r="GQ2772" s="91"/>
      <c r="GR2772" s="91"/>
      <c r="GS2772" s="91"/>
      <c r="GT2772" s="91"/>
      <c r="GU2772" s="91"/>
      <c r="GV2772" s="91"/>
      <c r="GW2772" s="91"/>
      <c r="GX2772" s="91"/>
      <c r="GY2772" s="91"/>
      <c r="GZ2772" s="91"/>
      <c r="HA2772" s="91"/>
      <c r="HB2772" s="91"/>
      <c r="HC2772" s="91"/>
      <c r="HD2772" s="91"/>
      <c r="HE2772" s="91"/>
      <c r="HF2772" s="91"/>
      <c r="HG2772" s="91"/>
      <c r="HH2772" s="91"/>
      <c r="HI2772" s="91"/>
      <c r="HJ2772" s="91"/>
      <c r="HK2772" s="127"/>
      <c r="HL2772" s="126"/>
      <c r="HM2772" s="91"/>
      <c r="HN2772" s="91"/>
      <c r="HO2772" s="91"/>
      <c r="HP2772" s="91"/>
      <c r="HQ2772" s="91"/>
      <c r="HR2772" s="91"/>
      <c r="HS2772" s="91"/>
      <c r="HT2772" s="91"/>
      <c r="HU2772" s="91"/>
      <c r="HV2772" s="91"/>
      <c r="HW2772" s="91"/>
      <c r="HX2772" s="91"/>
      <c r="HY2772" s="91"/>
      <c r="HZ2772" s="91"/>
      <c r="IA2772" s="91"/>
      <c r="IB2772" s="91"/>
      <c r="IC2772" s="91"/>
      <c r="ID2772" s="91"/>
      <c r="IE2772" s="91"/>
      <c r="IF2772" s="91"/>
      <c r="IG2772" s="91"/>
      <c r="IH2772" s="91"/>
      <c r="II2772" s="91"/>
      <c r="IJ2772" s="91"/>
      <c r="IK2772" s="127"/>
    </row>
    <row r="2773" spans="2:245" x14ac:dyDescent="0.2">
      <c r="B2773" s="43"/>
      <c r="C2773" s="73"/>
      <c r="D2773" s="64"/>
      <c r="E2773" s="64"/>
      <c r="F2773" s="55"/>
      <c r="G2773" s="102"/>
      <c r="H2773" s="55"/>
      <c r="I2773" s="55"/>
      <c r="J2773" s="55"/>
      <c r="K2773" s="55"/>
      <c r="L2773" s="55"/>
      <c r="M2773" s="55"/>
      <c r="N2773" s="55"/>
      <c r="O2773" s="55"/>
      <c r="P2773" s="55"/>
      <c r="Q2773" s="55"/>
      <c r="R2773" s="55"/>
      <c r="S2773" s="55"/>
      <c r="T2773" s="55"/>
      <c r="U2773" s="55"/>
      <c r="V2773" s="55"/>
      <c r="W2773" s="55"/>
      <c r="X2773" s="55"/>
      <c r="Y2773" s="55"/>
      <c r="Z2773" s="55"/>
      <c r="AA2773" s="55"/>
      <c r="AB2773" s="55"/>
      <c r="AC2773" s="55"/>
      <c r="AD2773" s="55"/>
      <c r="AE2773" s="55"/>
      <c r="AF2773" s="55"/>
      <c r="AG2773" s="55"/>
      <c r="AY2773" s="162"/>
      <c r="AZ2773" s="162"/>
      <c r="BA2773" s="162"/>
      <c r="BB2773" s="162"/>
      <c r="BC2773" s="162"/>
      <c r="BD2773" s="162"/>
      <c r="BE2773" s="162"/>
      <c r="BF2773" s="162"/>
      <c r="BG2773" s="162"/>
      <c r="BH2773" s="162"/>
      <c r="BI2773" s="162"/>
      <c r="BJ2773" s="162"/>
      <c r="BK2773" s="162"/>
      <c r="BL2773" s="162"/>
      <c r="BM2773" s="162"/>
      <c r="BN2773" s="162"/>
      <c r="BO2773" s="162"/>
      <c r="BP2773" s="162"/>
      <c r="BQ2773" s="162"/>
      <c r="BR2773" s="162"/>
      <c r="BS2773" s="162"/>
      <c r="BT2773" s="162"/>
      <c r="BU2773" s="162"/>
      <c r="BV2773" s="162"/>
      <c r="BW2773" s="162"/>
      <c r="BX2773" s="162"/>
      <c r="BY2773" s="162"/>
      <c r="BZ2773" s="162"/>
      <c r="CA2773" s="162"/>
      <c r="CB2773" s="162"/>
      <c r="CC2773" s="162"/>
      <c r="CD2773" s="162"/>
      <c r="CE2773" s="162"/>
      <c r="CF2773" s="162"/>
      <c r="CG2773" s="162"/>
      <c r="CH2773" s="162"/>
      <c r="CI2773" s="162"/>
      <c r="CJ2773" s="162"/>
      <c r="CK2773" s="162"/>
      <c r="CX2773" s="98"/>
      <c r="DL2773" s="97"/>
      <c r="DX2773" s="98"/>
      <c r="EL2773" s="97"/>
      <c r="EX2773" s="98"/>
      <c r="EY2773" s="97"/>
      <c r="FL2773" s="126"/>
      <c r="FM2773" s="91"/>
      <c r="FN2773" s="91"/>
      <c r="FO2773" s="91"/>
      <c r="FP2773" s="91"/>
      <c r="FQ2773" s="91"/>
      <c r="FR2773" s="91"/>
      <c r="FS2773" s="91"/>
      <c r="FT2773" s="91"/>
      <c r="FU2773" s="91"/>
      <c r="FV2773" s="91"/>
      <c r="FW2773" s="91"/>
      <c r="FX2773" s="91"/>
      <c r="FY2773" s="91"/>
      <c r="FZ2773" s="91"/>
      <c r="GA2773" s="91"/>
      <c r="GB2773" s="91"/>
      <c r="GC2773" s="91"/>
      <c r="GD2773" s="91"/>
      <c r="GE2773" s="91"/>
      <c r="GF2773" s="91"/>
      <c r="GG2773" s="91"/>
      <c r="GH2773" s="91"/>
      <c r="GI2773" s="91"/>
      <c r="GJ2773" s="91"/>
      <c r="GK2773" s="127"/>
      <c r="GL2773" s="126"/>
      <c r="GM2773" s="91"/>
      <c r="GN2773" s="91"/>
      <c r="GO2773" s="91"/>
      <c r="GP2773" s="91"/>
      <c r="GQ2773" s="91"/>
      <c r="GR2773" s="91"/>
      <c r="GS2773" s="91"/>
      <c r="GT2773" s="91"/>
      <c r="GU2773" s="91"/>
      <c r="GV2773" s="91"/>
      <c r="GW2773" s="91"/>
      <c r="GX2773" s="91"/>
      <c r="GY2773" s="91"/>
      <c r="GZ2773" s="91"/>
      <c r="HA2773" s="91"/>
      <c r="HB2773" s="91"/>
      <c r="HC2773" s="91"/>
      <c r="HD2773" s="91"/>
      <c r="HE2773" s="91"/>
      <c r="HF2773" s="91"/>
      <c r="HG2773" s="91"/>
      <c r="HH2773" s="91"/>
      <c r="HI2773" s="91"/>
      <c r="HJ2773" s="91"/>
      <c r="HK2773" s="127"/>
      <c r="HL2773" s="126"/>
      <c r="HM2773" s="91"/>
      <c r="HN2773" s="91"/>
      <c r="HO2773" s="91"/>
      <c r="HP2773" s="91"/>
      <c r="HQ2773" s="91"/>
      <c r="HR2773" s="91"/>
      <c r="HS2773" s="91"/>
      <c r="HT2773" s="91"/>
      <c r="HU2773" s="91"/>
      <c r="HV2773" s="91"/>
      <c r="HW2773" s="91"/>
      <c r="HX2773" s="91"/>
      <c r="HY2773" s="91"/>
      <c r="HZ2773" s="91"/>
      <c r="IA2773" s="91"/>
      <c r="IB2773" s="91"/>
      <c r="IC2773" s="91"/>
      <c r="ID2773" s="91"/>
      <c r="IE2773" s="91"/>
      <c r="IF2773" s="91"/>
      <c r="IG2773" s="91"/>
      <c r="IH2773" s="91"/>
      <c r="II2773" s="91"/>
      <c r="IJ2773" s="91"/>
      <c r="IK2773" s="127"/>
    </row>
    <row r="2774" spans="2:245" x14ac:dyDescent="0.2">
      <c r="B2774" s="43"/>
      <c r="C2774" s="73"/>
      <c r="D2774" s="64"/>
      <c r="E2774" s="64"/>
      <c r="F2774" s="55"/>
      <c r="G2774" s="102"/>
      <c r="H2774" s="55"/>
      <c r="I2774" s="55"/>
      <c r="J2774" s="55"/>
      <c r="K2774" s="55"/>
      <c r="L2774" s="55"/>
      <c r="M2774" s="55"/>
      <c r="N2774" s="55"/>
      <c r="O2774" s="55"/>
      <c r="P2774" s="55"/>
      <c r="Q2774" s="55"/>
      <c r="R2774" s="55"/>
      <c r="S2774" s="55"/>
      <c r="T2774" s="55"/>
      <c r="U2774" s="55"/>
      <c r="V2774" s="55"/>
      <c r="W2774" s="55"/>
      <c r="X2774" s="55"/>
      <c r="Y2774" s="55"/>
      <c r="Z2774" s="55"/>
      <c r="AA2774" s="55"/>
      <c r="AB2774" s="55"/>
      <c r="AC2774" s="55"/>
      <c r="AD2774" s="55"/>
      <c r="AE2774" s="55"/>
      <c r="AF2774" s="55"/>
      <c r="AG2774" s="55"/>
      <c r="AY2774" s="162"/>
      <c r="AZ2774" s="162"/>
      <c r="BA2774" s="162"/>
      <c r="BB2774" s="162"/>
      <c r="BC2774" s="162"/>
      <c r="BD2774" s="162"/>
      <c r="BE2774" s="162"/>
      <c r="BF2774" s="162"/>
      <c r="BG2774" s="162"/>
      <c r="BH2774" s="162"/>
      <c r="BI2774" s="162"/>
      <c r="BJ2774" s="162"/>
      <c r="BK2774" s="162"/>
      <c r="BL2774" s="162"/>
      <c r="BM2774" s="162"/>
      <c r="BN2774" s="162"/>
      <c r="BO2774" s="162"/>
      <c r="BP2774" s="162"/>
      <c r="BQ2774" s="162"/>
      <c r="BR2774" s="162"/>
      <c r="BS2774" s="162"/>
      <c r="BT2774" s="162"/>
      <c r="BU2774" s="162"/>
      <c r="BV2774" s="162"/>
      <c r="BW2774" s="162"/>
      <c r="BX2774" s="162"/>
      <c r="BY2774" s="162"/>
      <c r="BZ2774" s="162"/>
      <c r="CA2774" s="162"/>
      <c r="CB2774" s="162"/>
      <c r="CC2774" s="162"/>
      <c r="CD2774" s="162"/>
      <c r="CE2774" s="162"/>
      <c r="CF2774" s="162"/>
      <c r="CG2774" s="162"/>
      <c r="CH2774" s="162"/>
      <c r="CI2774" s="162"/>
      <c r="CJ2774" s="162"/>
      <c r="CK2774" s="162"/>
      <c r="CX2774" s="98"/>
      <c r="DL2774" s="97"/>
      <c r="DX2774" s="98"/>
      <c r="EL2774" s="97"/>
      <c r="EX2774" s="98"/>
      <c r="EY2774" s="97"/>
      <c r="FL2774" s="126"/>
      <c r="FM2774" s="91"/>
      <c r="FN2774" s="91"/>
      <c r="FO2774" s="91"/>
      <c r="FP2774" s="91"/>
      <c r="FQ2774" s="91"/>
      <c r="FR2774" s="91"/>
      <c r="FS2774" s="91"/>
      <c r="FT2774" s="91"/>
      <c r="FU2774" s="91"/>
      <c r="FV2774" s="91"/>
      <c r="FW2774" s="91"/>
      <c r="FX2774" s="91"/>
      <c r="FY2774" s="91"/>
      <c r="FZ2774" s="91"/>
      <c r="GA2774" s="91"/>
      <c r="GB2774" s="91"/>
      <c r="GC2774" s="91"/>
      <c r="GD2774" s="91"/>
      <c r="GE2774" s="91"/>
      <c r="GF2774" s="91"/>
      <c r="GG2774" s="91"/>
      <c r="GH2774" s="91"/>
      <c r="GI2774" s="91"/>
      <c r="GJ2774" s="91"/>
      <c r="GK2774" s="127"/>
      <c r="GL2774" s="126"/>
      <c r="GM2774" s="91"/>
      <c r="GN2774" s="91"/>
      <c r="GO2774" s="91"/>
      <c r="GP2774" s="91"/>
      <c r="GQ2774" s="91"/>
      <c r="GR2774" s="91"/>
      <c r="GS2774" s="91"/>
      <c r="GT2774" s="91"/>
      <c r="GU2774" s="91"/>
      <c r="GV2774" s="91"/>
      <c r="GW2774" s="91"/>
      <c r="GX2774" s="91"/>
      <c r="GY2774" s="91"/>
      <c r="GZ2774" s="91"/>
      <c r="HA2774" s="91"/>
      <c r="HB2774" s="91"/>
      <c r="HC2774" s="91"/>
      <c r="HD2774" s="91"/>
      <c r="HE2774" s="91"/>
      <c r="HF2774" s="91"/>
      <c r="HG2774" s="91"/>
      <c r="HH2774" s="91"/>
      <c r="HI2774" s="91"/>
      <c r="HJ2774" s="91"/>
      <c r="HK2774" s="127"/>
      <c r="HL2774" s="126"/>
      <c r="HM2774" s="91"/>
      <c r="HN2774" s="91"/>
      <c r="HO2774" s="91"/>
      <c r="HP2774" s="91"/>
      <c r="HQ2774" s="91"/>
      <c r="HR2774" s="91"/>
      <c r="HS2774" s="91"/>
      <c r="HT2774" s="91"/>
      <c r="HU2774" s="91"/>
      <c r="HV2774" s="91"/>
      <c r="HW2774" s="91"/>
      <c r="HX2774" s="91"/>
      <c r="HY2774" s="91"/>
      <c r="HZ2774" s="91"/>
      <c r="IA2774" s="91"/>
      <c r="IB2774" s="91"/>
      <c r="IC2774" s="91"/>
      <c r="ID2774" s="91"/>
      <c r="IE2774" s="91"/>
      <c r="IF2774" s="91"/>
      <c r="IG2774" s="91"/>
      <c r="IH2774" s="91"/>
      <c r="II2774" s="91"/>
      <c r="IJ2774" s="91"/>
      <c r="IK2774" s="127"/>
    </row>
    <row r="2775" spans="2:245" x14ac:dyDescent="0.2">
      <c r="B2775" s="43"/>
      <c r="C2775" s="73"/>
      <c r="D2775" s="64"/>
      <c r="E2775" s="64"/>
      <c r="F2775" s="55"/>
      <c r="G2775" s="102"/>
      <c r="H2775" s="55"/>
      <c r="I2775" s="55"/>
      <c r="J2775" s="55"/>
      <c r="K2775" s="55"/>
      <c r="L2775" s="55"/>
      <c r="M2775" s="55"/>
      <c r="N2775" s="55"/>
      <c r="O2775" s="55"/>
      <c r="P2775" s="55"/>
      <c r="Q2775" s="55"/>
      <c r="R2775" s="55"/>
      <c r="S2775" s="55"/>
      <c r="T2775" s="55"/>
      <c r="U2775" s="55"/>
      <c r="V2775" s="55"/>
      <c r="W2775" s="55"/>
      <c r="X2775" s="55"/>
      <c r="Y2775" s="55"/>
      <c r="Z2775" s="55"/>
      <c r="AA2775" s="55"/>
      <c r="AB2775" s="55"/>
      <c r="AC2775" s="55"/>
      <c r="AD2775" s="55"/>
      <c r="AE2775" s="55"/>
      <c r="AF2775" s="55"/>
      <c r="AG2775" s="55"/>
      <c r="AY2775" s="162"/>
      <c r="AZ2775" s="162"/>
      <c r="BA2775" s="162"/>
      <c r="BB2775" s="162"/>
      <c r="BC2775" s="162"/>
      <c r="BD2775" s="162"/>
      <c r="BE2775" s="162"/>
      <c r="BF2775" s="162"/>
      <c r="BG2775" s="162"/>
      <c r="BH2775" s="162"/>
      <c r="BI2775" s="162"/>
      <c r="BJ2775" s="162"/>
      <c r="BK2775" s="162"/>
      <c r="BL2775" s="162"/>
      <c r="BM2775" s="162"/>
      <c r="BN2775" s="162"/>
      <c r="BO2775" s="162"/>
      <c r="BP2775" s="162"/>
      <c r="BQ2775" s="162"/>
      <c r="BR2775" s="162"/>
      <c r="BS2775" s="162"/>
      <c r="BT2775" s="162"/>
      <c r="BU2775" s="162"/>
      <c r="BV2775" s="162"/>
      <c r="BW2775" s="162"/>
      <c r="BX2775" s="162"/>
      <c r="BY2775" s="162"/>
      <c r="BZ2775" s="162"/>
      <c r="CA2775" s="162"/>
      <c r="CB2775" s="162"/>
      <c r="CC2775" s="162"/>
      <c r="CD2775" s="162"/>
      <c r="CE2775" s="162"/>
      <c r="CF2775" s="162"/>
      <c r="CG2775" s="162"/>
      <c r="CH2775" s="162"/>
      <c r="CI2775" s="162"/>
      <c r="CJ2775" s="162"/>
      <c r="CK2775" s="162"/>
      <c r="CX2775" s="98"/>
      <c r="DL2775" s="97"/>
      <c r="DX2775" s="98"/>
      <c r="EL2775" s="97"/>
      <c r="EX2775" s="98"/>
      <c r="EY2775" s="97"/>
      <c r="FL2775" s="126"/>
      <c r="FM2775" s="91"/>
      <c r="FN2775" s="91"/>
      <c r="FO2775" s="91"/>
      <c r="FP2775" s="91"/>
      <c r="FQ2775" s="91"/>
      <c r="FR2775" s="91"/>
      <c r="FS2775" s="91"/>
      <c r="FT2775" s="91"/>
      <c r="FU2775" s="91"/>
      <c r="FV2775" s="91"/>
      <c r="FW2775" s="91"/>
      <c r="FX2775" s="91"/>
      <c r="FY2775" s="91"/>
      <c r="FZ2775" s="91"/>
      <c r="GA2775" s="91"/>
      <c r="GB2775" s="91"/>
      <c r="GC2775" s="91"/>
      <c r="GD2775" s="91"/>
      <c r="GE2775" s="91"/>
      <c r="GF2775" s="91"/>
      <c r="GG2775" s="91"/>
      <c r="GH2775" s="91"/>
      <c r="GI2775" s="91"/>
      <c r="GJ2775" s="91"/>
      <c r="GK2775" s="127"/>
      <c r="GL2775" s="126"/>
      <c r="GM2775" s="91"/>
      <c r="GN2775" s="91"/>
      <c r="GO2775" s="91"/>
      <c r="GP2775" s="91"/>
      <c r="GQ2775" s="91"/>
      <c r="GR2775" s="91"/>
      <c r="GS2775" s="91"/>
      <c r="GT2775" s="91"/>
      <c r="GU2775" s="91"/>
      <c r="GV2775" s="91"/>
      <c r="GW2775" s="91"/>
      <c r="GX2775" s="91"/>
      <c r="GY2775" s="91"/>
      <c r="GZ2775" s="91"/>
      <c r="HA2775" s="91"/>
      <c r="HB2775" s="91"/>
      <c r="HC2775" s="91"/>
      <c r="HD2775" s="91"/>
      <c r="HE2775" s="91"/>
      <c r="HF2775" s="91"/>
      <c r="HG2775" s="91"/>
      <c r="HH2775" s="91"/>
      <c r="HI2775" s="91"/>
      <c r="HJ2775" s="91"/>
      <c r="HK2775" s="127"/>
      <c r="HL2775" s="126"/>
      <c r="HM2775" s="91"/>
      <c r="HN2775" s="91"/>
      <c r="HO2775" s="91"/>
      <c r="HP2775" s="91"/>
      <c r="HQ2775" s="91"/>
      <c r="HR2775" s="91"/>
      <c r="HS2775" s="91"/>
      <c r="HT2775" s="91"/>
      <c r="HU2775" s="91"/>
      <c r="HV2775" s="91"/>
      <c r="HW2775" s="91"/>
      <c r="HX2775" s="91"/>
      <c r="HY2775" s="91"/>
      <c r="HZ2775" s="91"/>
      <c r="IA2775" s="91"/>
      <c r="IB2775" s="91"/>
      <c r="IC2775" s="91"/>
      <c r="ID2775" s="91"/>
      <c r="IE2775" s="91"/>
      <c r="IF2775" s="91"/>
      <c r="IG2775" s="91"/>
      <c r="IH2775" s="91"/>
      <c r="II2775" s="91"/>
      <c r="IJ2775" s="91"/>
      <c r="IK2775" s="127"/>
    </row>
    <row r="2776" spans="2:245" x14ac:dyDescent="0.2">
      <c r="B2776" s="43"/>
      <c r="C2776" s="73"/>
      <c r="D2776" s="64"/>
      <c r="E2776" s="64"/>
      <c r="F2776" s="55"/>
      <c r="G2776" s="102"/>
      <c r="H2776" s="55"/>
      <c r="I2776" s="55"/>
      <c r="J2776" s="55"/>
      <c r="K2776" s="55"/>
      <c r="L2776" s="55"/>
      <c r="M2776" s="55"/>
      <c r="N2776" s="55"/>
      <c r="O2776" s="55"/>
      <c r="P2776" s="55"/>
      <c r="Q2776" s="55"/>
      <c r="R2776" s="55"/>
      <c r="S2776" s="55"/>
      <c r="T2776" s="55"/>
      <c r="U2776" s="55"/>
      <c r="V2776" s="55"/>
      <c r="W2776" s="55"/>
      <c r="X2776" s="55"/>
      <c r="Y2776" s="55"/>
      <c r="Z2776" s="55"/>
      <c r="AA2776" s="55"/>
      <c r="AB2776" s="55"/>
      <c r="AC2776" s="55"/>
      <c r="AD2776" s="55"/>
      <c r="AE2776" s="55"/>
      <c r="AF2776" s="55"/>
      <c r="AG2776" s="55"/>
      <c r="AY2776" s="162"/>
      <c r="AZ2776" s="162"/>
      <c r="BA2776" s="162"/>
      <c r="BB2776" s="162"/>
      <c r="BC2776" s="162"/>
      <c r="BD2776" s="162"/>
      <c r="BE2776" s="162"/>
      <c r="BF2776" s="162"/>
      <c r="BG2776" s="162"/>
      <c r="BH2776" s="162"/>
      <c r="BI2776" s="162"/>
      <c r="BJ2776" s="162"/>
      <c r="BK2776" s="162"/>
      <c r="BL2776" s="162"/>
      <c r="BM2776" s="162"/>
      <c r="BN2776" s="162"/>
      <c r="BO2776" s="162"/>
      <c r="BP2776" s="162"/>
      <c r="BQ2776" s="162"/>
      <c r="BR2776" s="162"/>
      <c r="BS2776" s="162"/>
      <c r="BT2776" s="162"/>
      <c r="BU2776" s="162"/>
      <c r="BV2776" s="162"/>
      <c r="BW2776" s="162"/>
      <c r="BX2776" s="162"/>
      <c r="BY2776" s="162"/>
      <c r="BZ2776" s="162"/>
      <c r="CA2776" s="162"/>
      <c r="CB2776" s="162"/>
      <c r="CC2776" s="162"/>
      <c r="CD2776" s="162"/>
      <c r="CE2776" s="162"/>
      <c r="CF2776" s="162"/>
      <c r="CG2776" s="162"/>
      <c r="CH2776" s="162"/>
      <c r="CI2776" s="162"/>
      <c r="CJ2776" s="162"/>
      <c r="CK2776" s="162"/>
      <c r="CX2776" s="98"/>
      <c r="DL2776" s="97"/>
      <c r="DX2776" s="98"/>
      <c r="EL2776" s="97"/>
      <c r="EX2776" s="98"/>
      <c r="EY2776" s="97"/>
      <c r="FL2776" s="126"/>
      <c r="FM2776" s="91"/>
      <c r="FN2776" s="91"/>
      <c r="FO2776" s="91"/>
      <c r="FP2776" s="91"/>
      <c r="FQ2776" s="91"/>
      <c r="FR2776" s="91"/>
      <c r="FS2776" s="91"/>
      <c r="FT2776" s="91"/>
      <c r="FU2776" s="91"/>
      <c r="FV2776" s="91"/>
      <c r="FW2776" s="91"/>
      <c r="FX2776" s="91"/>
      <c r="FY2776" s="91"/>
      <c r="FZ2776" s="91"/>
      <c r="GA2776" s="91"/>
      <c r="GB2776" s="91"/>
      <c r="GC2776" s="91"/>
      <c r="GD2776" s="91"/>
      <c r="GE2776" s="91"/>
      <c r="GF2776" s="91"/>
      <c r="GG2776" s="91"/>
      <c r="GH2776" s="91"/>
      <c r="GI2776" s="91"/>
      <c r="GJ2776" s="91"/>
      <c r="GK2776" s="127"/>
      <c r="GL2776" s="126"/>
      <c r="GM2776" s="91"/>
      <c r="GN2776" s="91"/>
      <c r="GO2776" s="91"/>
      <c r="GP2776" s="91"/>
      <c r="GQ2776" s="91"/>
      <c r="GR2776" s="91"/>
      <c r="GS2776" s="91"/>
      <c r="GT2776" s="91"/>
      <c r="GU2776" s="91"/>
      <c r="GV2776" s="91"/>
      <c r="GW2776" s="91"/>
      <c r="GX2776" s="91"/>
      <c r="GY2776" s="91"/>
      <c r="GZ2776" s="91"/>
      <c r="HA2776" s="91"/>
      <c r="HB2776" s="91"/>
      <c r="HC2776" s="91"/>
      <c r="HD2776" s="91"/>
      <c r="HE2776" s="91"/>
      <c r="HF2776" s="91"/>
      <c r="HG2776" s="91"/>
      <c r="HH2776" s="91"/>
      <c r="HI2776" s="91"/>
      <c r="HJ2776" s="91"/>
      <c r="HK2776" s="127"/>
      <c r="HL2776" s="126"/>
      <c r="HM2776" s="91"/>
      <c r="HN2776" s="91"/>
      <c r="HO2776" s="91"/>
      <c r="HP2776" s="91"/>
      <c r="HQ2776" s="91"/>
      <c r="HR2776" s="91"/>
      <c r="HS2776" s="91"/>
      <c r="HT2776" s="91"/>
      <c r="HU2776" s="91"/>
      <c r="HV2776" s="91"/>
      <c r="HW2776" s="91"/>
      <c r="HX2776" s="91"/>
      <c r="HY2776" s="91"/>
      <c r="HZ2776" s="91"/>
      <c r="IA2776" s="91"/>
      <c r="IB2776" s="91"/>
      <c r="IC2776" s="91"/>
      <c r="ID2776" s="91"/>
      <c r="IE2776" s="91"/>
      <c r="IF2776" s="91"/>
      <c r="IG2776" s="91"/>
      <c r="IH2776" s="91"/>
      <c r="II2776" s="91"/>
      <c r="IJ2776" s="91"/>
      <c r="IK2776" s="127"/>
    </row>
    <row r="2777" spans="2:245" x14ac:dyDescent="0.2">
      <c r="B2777" s="43"/>
      <c r="C2777" s="73"/>
      <c r="D2777" s="64"/>
      <c r="E2777" s="64"/>
      <c r="F2777" s="55"/>
      <c r="G2777" s="102"/>
      <c r="H2777" s="55"/>
      <c r="I2777" s="55"/>
      <c r="J2777" s="55"/>
      <c r="K2777" s="55"/>
      <c r="L2777" s="55"/>
      <c r="M2777" s="55"/>
      <c r="N2777" s="55"/>
      <c r="O2777" s="55"/>
      <c r="P2777" s="55"/>
      <c r="Q2777" s="55"/>
      <c r="R2777" s="55"/>
      <c r="S2777" s="55"/>
      <c r="T2777" s="55"/>
      <c r="U2777" s="55"/>
      <c r="V2777" s="55"/>
      <c r="W2777" s="55"/>
      <c r="X2777" s="55"/>
      <c r="Y2777" s="55"/>
      <c r="Z2777" s="55"/>
      <c r="AA2777" s="55"/>
      <c r="AB2777" s="55"/>
      <c r="AC2777" s="55"/>
      <c r="AD2777" s="55"/>
      <c r="AE2777" s="55"/>
      <c r="AF2777" s="55"/>
      <c r="AG2777" s="55"/>
      <c r="AY2777" s="162"/>
      <c r="AZ2777" s="162"/>
      <c r="BA2777" s="162"/>
      <c r="BB2777" s="162"/>
      <c r="BC2777" s="162"/>
      <c r="BD2777" s="162"/>
      <c r="BE2777" s="162"/>
      <c r="BF2777" s="162"/>
      <c r="BG2777" s="162"/>
      <c r="BH2777" s="162"/>
      <c r="BI2777" s="162"/>
      <c r="BJ2777" s="162"/>
      <c r="BK2777" s="162"/>
      <c r="BL2777" s="162"/>
      <c r="BM2777" s="162"/>
      <c r="BN2777" s="162"/>
      <c r="BO2777" s="162"/>
      <c r="BP2777" s="162"/>
      <c r="BQ2777" s="162"/>
      <c r="BR2777" s="162"/>
      <c r="BS2777" s="162"/>
      <c r="BT2777" s="162"/>
      <c r="BU2777" s="162"/>
      <c r="BV2777" s="162"/>
      <c r="BW2777" s="162"/>
      <c r="BX2777" s="162"/>
      <c r="BY2777" s="162"/>
      <c r="BZ2777" s="162"/>
      <c r="CA2777" s="162"/>
      <c r="CB2777" s="162"/>
      <c r="CC2777" s="162"/>
      <c r="CD2777" s="162"/>
      <c r="CE2777" s="162"/>
      <c r="CF2777" s="162"/>
      <c r="CG2777" s="162"/>
      <c r="CH2777" s="162"/>
      <c r="CI2777" s="162"/>
      <c r="CJ2777" s="162"/>
      <c r="CK2777" s="162"/>
      <c r="CX2777" s="98"/>
      <c r="DL2777" s="97"/>
      <c r="DX2777" s="98"/>
      <c r="EL2777" s="97"/>
      <c r="EX2777" s="98"/>
      <c r="EY2777" s="97"/>
      <c r="FL2777" s="126"/>
      <c r="FM2777" s="91"/>
      <c r="FN2777" s="91"/>
      <c r="FO2777" s="91"/>
      <c r="FP2777" s="91"/>
      <c r="FQ2777" s="91"/>
      <c r="FR2777" s="91"/>
      <c r="FS2777" s="91"/>
      <c r="FT2777" s="91"/>
      <c r="FU2777" s="91"/>
      <c r="FV2777" s="91"/>
      <c r="FW2777" s="91"/>
      <c r="FX2777" s="91"/>
      <c r="FY2777" s="91"/>
      <c r="FZ2777" s="91"/>
      <c r="GA2777" s="91"/>
      <c r="GB2777" s="91"/>
      <c r="GC2777" s="91"/>
      <c r="GD2777" s="91"/>
      <c r="GE2777" s="91"/>
      <c r="GF2777" s="91"/>
      <c r="GG2777" s="91"/>
      <c r="GH2777" s="91"/>
      <c r="GI2777" s="91"/>
      <c r="GJ2777" s="91"/>
      <c r="GK2777" s="127"/>
      <c r="GL2777" s="126"/>
      <c r="GM2777" s="91"/>
      <c r="GN2777" s="91"/>
      <c r="GO2777" s="91"/>
      <c r="GP2777" s="91"/>
      <c r="GQ2777" s="91"/>
      <c r="GR2777" s="91"/>
      <c r="GS2777" s="91"/>
      <c r="GT2777" s="91"/>
      <c r="GU2777" s="91"/>
      <c r="GV2777" s="91"/>
      <c r="GW2777" s="91"/>
      <c r="GX2777" s="91"/>
      <c r="GY2777" s="91"/>
      <c r="GZ2777" s="91"/>
      <c r="HA2777" s="91"/>
      <c r="HB2777" s="91"/>
      <c r="HC2777" s="91"/>
      <c r="HD2777" s="91"/>
      <c r="HE2777" s="91"/>
      <c r="HF2777" s="91"/>
      <c r="HG2777" s="91"/>
      <c r="HH2777" s="91"/>
      <c r="HI2777" s="91"/>
      <c r="HJ2777" s="91"/>
      <c r="HK2777" s="127"/>
      <c r="HL2777" s="126"/>
      <c r="HM2777" s="91"/>
      <c r="HN2777" s="91"/>
      <c r="HO2777" s="91"/>
      <c r="HP2777" s="91"/>
      <c r="HQ2777" s="91"/>
      <c r="HR2777" s="91"/>
      <c r="HS2777" s="91"/>
      <c r="HT2777" s="91"/>
      <c r="HU2777" s="91"/>
      <c r="HV2777" s="91"/>
      <c r="HW2777" s="91"/>
      <c r="HX2777" s="91"/>
      <c r="HY2777" s="91"/>
      <c r="HZ2777" s="91"/>
      <c r="IA2777" s="91"/>
      <c r="IB2777" s="91"/>
      <c r="IC2777" s="91"/>
      <c r="ID2777" s="91"/>
      <c r="IE2777" s="91"/>
      <c r="IF2777" s="91"/>
      <c r="IG2777" s="91"/>
      <c r="IH2777" s="91"/>
      <c r="II2777" s="91"/>
      <c r="IJ2777" s="91"/>
      <c r="IK2777" s="127"/>
    </row>
    <row r="2778" spans="2:245" x14ac:dyDescent="0.2">
      <c r="B2778" s="43"/>
      <c r="C2778" s="73"/>
      <c r="D2778" s="64"/>
      <c r="E2778" s="64"/>
      <c r="F2778" s="55"/>
      <c r="G2778" s="102"/>
      <c r="H2778" s="55"/>
      <c r="I2778" s="55"/>
      <c r="J2778" s="55"/>
      <c r="K2778" s="55"/>
      <c r="L2778" s="55"/>
      <c r="M2778" s="55"/>
      <c r="N2778" s="55"/>
      <c r="O2778" s="55"/>
      <c r="P2778" s="55"/>
      <c r="Q2778" s="55"/>
      <c r="R2778" s="55"/>
      <c r="S2778" s="55"/>
      <c r="T2778" s="55"/>
      <c r="U2778" s="55"/>
      <c r="V2778" s="55"/>
      <c r="W2778" s="55"/>
      <c r="X2778" s="55"/>
      <c r="Y2778" s="55"/>
      <c r="Z2778" s="55"/>
      <c r="AA2778" s="55"/>
      <c r="AB2778" s="55"/>
      <c r="AC2778" s="55"/>
      <c r="AD2778" s="55"/>
      <c r="AE2778" s="55"/>
      <c r="AF2778" s="55"/>
      <c r="AG2778" s="55"/>
      <c r="AY2778" s="162"/>
      <c r="AZ2778" s="162"/>
      <c r="BA2778" s="162"/>
      <c r="BB2778" s="162"/>
      <c r="BC2778" s="162"/>
      <c r="BD2778" s="162"/>
      <c r="BE2778" s="162"/>
      <c r="BF2778" s="162"/>
      <c r="BG2778" s="162"/>
      <c r="BH2778" s="162"/>
      <c r="BI2778" s="162"/>
      <c r="BJ2778" s="162"/>
      <c r="BK2778" s="162"/>
      <c r="BL2778" s="162"/>
      <c r="BM2778" s="162"/>
      <c r="BN2778" s="162"/>
      <c r="BO2778" s="162"/>
      <c r="BP2778" s="162"/>
      <c r="BQ2778" s="162"/>
      <c r="BR2778" s="162"/>
      <c r="BS2778" s="162"/>
      <c r="BT2778" s="162"/>
      <c r="BU2778" s="162"/>
      <c r="BV2778" s="162"/>
      <c r="BW2778" s="162"/>
      <c r="BX2778" s="162"/>
      <c r="BY2778" s="162"/>
      <c r="BZ2778" s="162"/>
      <c r="CA2778" s="162"/>
      <c r="CB2778" s="162"/>
      <c r="CC2778" s="162"/>
      <c r="CD2778" s="162"/>
      <c r="CE2778" s="162"/>
      <c r="CF2778" s="162"/>
      <c r="CG2778" s="162"/>
      <c r="CH2778" s="162"/>
      <c r="CI2778" s="162"/>
      <c r="CJ2778" s="162"/>
      <c r="CK2778" s="162"/>
      <c r="CX2778" s="98"/>
      <c r="DL2778" s="97"/>
      <c r="DX2778" s="98"/>
      <c r="EL2778" s="97"/>
      <c r="EX2778" s="98"/>
      <c r="EY2778" s="97"/>
      <c r="FL2778" s="126"/>
      <c r="FM2778" s="91"/>
      <c r="FN2778" s="91"/>
      <c r="FO2778" s="91"/>
      <c r="FP2778" s="91"/>
      <c r="FQ2778" s="91"/>
      <c r="FR2778" s="91"/>
      <c r="FS2778" s="91"/>
      <c r="FT2778" s="91"/>
      <c r="FU2778" s="91"/>
      <c r="FV2778" s="91"/>
      <c r="FW2778" s="91"/>
      <c r="FX2778" s="91"/>
      <c r="FY2778" s="91"/>
      <c r="FZ2778" s="91"/>
      <c r="GA2778" s="91"/>
      <c r="GB2778" s="91"/>
      <c r="GC2778" s="91"/>
      <c r="GD2778" s="91"/>
      <c r="GE2778" s="91"/>
      <c r="GF2778" s="91"/>
      <c r="GG2778" s="91"/>
      <c r="GH2778" s="91"/>
      <c r="GI2778" s="91"/>
      <c r="GJ2778" s="91"/>
      <c r="GK2778" s="127"/>
      <c r="GL2778" s="126"/>
      <c r="GM2778" s="91"/>
      <c r="GN2778" s="91"/>
      <c r="GO2778" s="91"/>
      <c r="GP2778" s="91"/>
      <c r="GQ2778" s="91"/>
      <c r="GR2778" s="91"/>
      <c r="GS2778" s="91"/>
      <c r="GT2778" s="91"/>
      <c r="GU2778" s="91"/>
      <c r="GV2778" s="91"/>
      <c r="GW2778" s="91"/>
      <c r="GX2778" s="91"/>
      <c r="GY2778" s="91"/>
      <c r="GZ2778" s="91"/>
      <c r="HA2778" s="91"/>
      <c r="HB2778" s="91"/>
      <c r="HC2778" s="91"/>
      <c r="HD2778" s="91"/>
      <c r="HE2778" s="91"/>
      <c r="HF2778" s="91"/>
      <c r="HG2778" s="91"/>
      <c r="HH2778" s="91"/>
      <c r="HI2778" s="91"/>
      <c r="HJ2778" s="91"/>
      <c r="HK2778" s="127"/>
      <c r="HL2778" s="126"/>
      <c r="HM2778" s="91"/>
      <c r="HN2778" s="91"/>
      <c r="HO2778" s="91"/>
      <c r="HP2778" s="91"/>
      <c r="HQ2778" s="91"/>
      <c r="HR2778" s="91"/>
      <c r="HS2778" s="91"/>
      <c r="HT2778" s="91"/>
      <c r="HU2778" s="91"/>
      <c r="HV2778" s="91"/>
      <c r="HW2778" s="91"/>
      <c r="HX2778" s="91"/>
      <c r="HY2778" s="91"/>
      <c r="HZ2778" s="91"/>
      <c r="IA2778" s="91"/>
      <c r="IB2778" s="91"/>
      <c r="IC2778" s="91"/>
      <c r="ID2778" s="91"/>
      <c r="IE2778" s="91"/>
      <c r="IF2778" s="91"/>
      <c r="IG2778" s="91"/>
      <c r="IH2778" s="91"/>
      <c r="II2778" s="91"/>
      <c r="IJ2778" s="91"/>
      <c r="IK2778" s="127"/>
    </row>
    <row r="2779" spans="2:245" x14ac:dyDescent="0.2">
      <c r="B2779" s="43"/>
      <c r="C2779" s="73"/>
      <c r="D2779" s="64"/>
      <c r="E2779" s="64"/>
      <c r="F2779" s="55"/>
      <c r="G2779" s="102"/>
      <c r="H2779" s="55"/>
      <c r="I2779" s="55"/>
      <c r="J2779" s="55"/>
      <c r="K2779" s="55"/>
      <c r="L2779" s="55"/>
      <c r="M2779" s="55"/>
      <c r="N2779" s="55"/>
      <c r="O2779" s="55"/>
      <c r="P2779" s="55"/>
      <c r="Q2779" s="55"/>
      <c r="R2779" s="55"/>
      <c r="S2779" s="55"/>
      <c r="T2779" s="55"/>
      <c r="U2779" s="55"/>
      <c r="V2779" s="55"/>
      <c r="W2779" s="55"/>
      <c r="X2779" s="55"/>
      <c r="Y2779" s="55"/>
      <c r="Z2779" s="55"/>
      <c r="AA2779" s="55"/>
      <c r="AB2779" s="55"/>
      <c r="AC2779" s="55"/>
      <c r="AD2779" s="55"/>
      <c r="AE2779" s="55"/>
      <c r="AF2779" s="55"/>
      <c r="AG2779" s="55"/>
      <c r="AY2779" s="162"/>
      <c r="AZ2779" s="162"/>
      <c r="BA2779" s="162"/>
      <c r="BB2779" s="162"/>
      <c r="BC2779" s="162"/>
      <c r="BD2779" s="162"/>
      <c r="BE2779" s="162"/>
      <c r="BF2779" s="162"/>
      <c r="BG2779" s="162"/>
      <c r="BH2779" s="162"/>
      <c r="BI2779" s="162"/>
      <c r="BJ2779" s="162"/>
      <c r="BK2779" s="162"/>
      <c r="BL2779" s="162"/>
      <c r="BM2779" s="162"/>
      <c r="BN2779" s="162"/>
      <c r="BO2779" s="162"/>
      <c r="BP2779" s="162"/>
      <c r="BQ2779" s="162"/>
      <c r="BR2779" s="162"/>
      <c r="BS2779" s="162"/>
      <c r="BT2779" s="162"/>
      <c r="BU2779" s="162"/>
      <c r="BV2779" s="162"/>
      <c r="BW2779" s="162"/>
      <c r="BX2779" s="162"/>
      <c r="BY2779" s="162"/>
      <c r="BZ2779" s="162"/>
      <c r="CA2779" s="162"/>
      <c r="CB2779" s="162"/>
      <c r="CC2779" s="162"/>
      <c r="CD2779" s="162"/>
      <c r="CE2779" s="162"/>
      <c r="CF2779" s="162"/>
      <c r="CG2779" s="162"/>
      <c r="CH2779" s="162"/>
      <c r="CI2779" s="162"/>
      <c r="CJ2779" s="162"/>
      <c r="CK2779" s="162"/>
      <c r="CX2779" s="98"/>
      <c r="DL2779" s="97"/>
      <c r="DX2779" s="98"/>
      <c r="EL2779" s="97"/>
      <c r="EX2779" s="98"/>
      <c r="EY2779" s="97"/>
      <c r="FL2779" s="126"/>
      <c r="FM2779" s="91"/>
      <c r="FN2779" s="91"/>
      <c r="FO2779" s="91"/>
      <c r="FP2779" s="91"/>
      <c r="FQ2779" s="91"/>
      <c r="FR2779" s="91"/>
      <c r="FS2779" s="91"/>
      <c r="FT2779" s="91"/>
      <c r="FU2779" s="91"/>
      <c r="FV2779" s="91"/>
      <c r="FW2779" s="91"/>
      <c r="FX2779" s="91"/>
      <c r="FY2779" s="91"/>
      <c r="FZ2779" s="91"/>
      <c r="GA2779" s="91"/>
      <c r="GB2779" s="91"/>
      <c r="GC2779" s="91"/>
      <c r="GD2779" s="91"/>
      <c r="GE2779" s="91"/>
      <c r="GF2779" s="91"/>
      <c r="GG2779" s="91"/>
      <c r="GH2779" s="91"/>
      <c r="GI2779" s="91"/>
      <c r="GJ2779" s="91"/>
      <c r="GK2779" s="127"/>
      <c r="GL2779" s="126"/>
      <c r="GM2779" s="91"/>
      <c r="GN2779" s="91"/>
      <c r="GO2779" s="91"/>
      <c r="GP2779" s="91"/>
      <c r="GQ2779" s="91"/>
      <c r="GR2779" s="91"/>
      <c r="GS2779" s="91"/>
      <c r="GT2779" s="91"/>
      <c r="GU2779" s="91"/>
      <c r="GV2779" s="91"/>
      <c r="GW2779" s="91"/>
      <c r="GX2779" s="91"/>
      <c r="GY2779" s="91"/>
      <c r="GZ2779" s="91"/>
      <c r="HA2779" s="91"/>
      <c r="HB2779" s="91"/>
      <c r="HC2779" s="91"/>
      <c r="HD2779" s="91"/>
      <c r="HE2779" s="91"/>
      <c r="HF2779" s="91"/>
      <c r="HG2779" s="91"/>
      <c r="HH2779" s="91"/>
      <c r="HI2779" s="91"/>
      <c r="HJ2779" s="91"/>
      <c r="HK2779" s="127"/>
      <c r="HL2779" s="126"/>
      <c r="HM2779" s="91"/>
      <c r="HN2779" s="91"/>
      <c r="HO2779" s="91"/>
      <c r="HP2779" s="91"/>
      <c r="HQ2779" s="91"/>
      <c r="HR2779" s="91"/>
      <c r="HS2779" s="91"/>
      <c r="HT2779" s="91"/>
      <c r="HU2779" s="91"/>
      <c r="HV2779" s="91"/>
      <c r="HW2779" s="91"/>
      <c r="HX2779" s="91"/>
      <c r="HY2779" s="91"/>
      <c r="HZ2779" s="91"/>
      <c r="IA2779" s="91"/>
      <c r="IB2779" s="91"/>
      <c r="IC2779" s="91"/>
      <c r="ID2779" s="91"/>
      <c r="IE2779" s="91"/>
      <c r="IF2779" s="91"/>
      <c r="IG2779" s="91"/>
      <c r="IH2779" s="91"/>
      <c r="II2779" s="91"/>
      <c r="IJ2779" s="91"/>
      <c r="IK2779" s="127"/>
    </row>
    <row r="2780" spans="2:245" x14ac:dyDescent="0.2">
      <c r="B2780" s="43"/>
      <c r="C2780" s="73"/>
      <c r="D2780" s="64"/>
      <c r="E2780" s="64"/>
      <c r="F2780" s="55"/>
      <c r="G2780" s="102"/>
      <c r="H2780" s="55"/>
      <c r="I2780" s="55"/>
      <c r="J2780" s="55"/>
      <c r="K2780" s="55"/>
      <c r="L2780" s="55"/>
      <c r="M2780" s="55"/>
      <c r="N2780" s="55"/>
      <c r="O2780" s="55"/>
      <c r="P2780" s="55"/>
      <c r="Q2780" s="55"/>
      <c r="R2780" s="55"/>
      <c r="S2780" s="55"/>
      <c r="T2780" s="55"/>
      <c r="U2780" s="55"/>
      <c r="V2780" s="55"/>
      <c r="W2780" s="55"/>
      <c r="X2780" s="55"/>
      <c r="Y2780" s="55"/>
      <c r="Z2780" s="55"/>
      <c r="AA2780" s="55"/>
      <c r="AB2780" s="55"/>
      <c r="AC2780" s="55"/>
      <c r="AD2780" s="55"/>
      <c r="AE2780" s="55"/>
      <c r="AF2780" s="55"/>
      <c r="AG2780" s="55"/>
      <c r="AY2780" s="162"/>
      <c r="AZ2780" s="162"/>
      <c r="BA2780" s="162"/>
      <c r="BB2780" s="162"/>
      <c r="BC2780" s="162"/>
      <c r="BD2780" s="162"/>
      <c r="BE2780" s="162"/>
      <c r="BF2780" s="162"/>
      <c r="BG2780" s="162"/>
      <c r="BH2780" s="162"/>
      <c r="BI2780" s="162"/>
      <c r="BJ2780" s="162"/>
      <c r="BK2780" s="162"/>
      <c r="BL2780" s="162"/>
      <c r="BM2780" s="162"/>
      <c r="BN2780" s="162"/>
      <c r="BO2780" s="162"/>
      <c r="BP2780" s="162"/>
      <c r="BQ2780" s="162"/>
      <c r="BR2780" s="162"/>
      <c r="BS2780" s="162"/>
      <c r="BT2780" s="162"/>
      <c r="BU2780" s="162"/>
      <c r="BV2780" s="162"/>
      <c r="BW2780" s="162"/>
      <c r="BX2780" s="162"/>
      <c r="BY2780" s="162"/>
      <c r="BZ2780" s="162"/>
      <c r="CA2780" s="162"/>
      <c r="CB2780" s="162"/>
      <c r="CC2780" s="162"/>
      <c r="CD2780" s="162"/>
      <c r="CE2780" s="162"/>
      <c r="CF2780" s="162"/>
      <c r="CG2780" s="162"/>
      <c r="CH2780" s="162"/>
      <c r="CI2780" s="162"/>
      <c r="CJ2780" s="162"/>
      <c r="CK2780" s="162"/>
      <c r="CX2780" s="98"/>
      <c r="DL2780" s="97"/>
      <c r="DX2780" s="98"/>
      <c r="EL2780" s="97"/>
      <c r="EX2780" s="98"/>
      <c r="EY2780" s="97"/>
      <c r="FL2780" s="126"/>
      <c r="FM2780" s="91"/>
      <c r="FN2780" s="91"/>
      <c r="FO2780" s="91"/>
      <c r="FP2780" s="91"/>
      <c r="FQ2780" s="91"/>
      <c r="FR2780" s="91"/>
      <c r="FS2780" s="91"/>
      <c r="FT2780" s="91"/>
      <c r="FU2780" s="91"/>
      <c r="FV2780" s="91"/>
      <c r="FW2780" s="91"/>
      <c r="FX2780" s="91"/>
      <c r="FY2780" s="91"/>
      <c r="FZ2780" s="91"/>
      <c r="GA2780" s="91"/>
      <c r="GB2780" s="91"/>
      <c r="GC2780" s="91"/>
      <c r="GD2780" s="91"/>
      <c r="GE2780" s="91"/>
      <c r="GF2780" s="91"/>
      <c r="GG2780" s="91"/>
      <c r="GH2780" s="91"/>
      <c r="GI2780" s="91"/>
      <c r="GJ2780" s="91"/>
      <c r="GK2780" s="127"/>
      <c r="GL2780" s="126"/>
      <c r="GM2780" s="91"/>
      <c r="GN2780" s="91"/>
      <c r="GO2780" s="91"/>
      <c r="GP2780" s="91"/>
      <c r="GQ2780" s="91"/>
      <c r="GR2780" s="91"/>
      <c r="GS2780" s="91"/>
      <c r="GT2780" s="91"/>
      <c r="GU2780" s="91"/>
      <c r="GV2780" s="91"/>
      <c r="GW2780" s="91"/>
      <c r="GX2780" s="91"/>
      <c r="GY2780" s="91"/>
      <c r="GZ2780" s="91"/>
      <c r="HA2780" s="91"/>
      <c r="HB2780" s="91"/>
      <c r="HC2780" s="91"/>
      <c r="HD2780" s="91"/>
      <c r="HE2780" s="91"/>
      <c r="HF2780" s="91"/>
      <c r="HG2780" s="91"/>
      <c r="HH2780" s="91"/>
      <c r="HI2780" s="91"/>
      <c r="HJ2780" s="91"/>
      <c r="HK2780" s="127"/>
      <c r="HL2780" s="126"/>
      <c r="HM2780" s="91"/>
      <c r="HN2780" s="91"/>
      <c r="HO2780" s="91"/>
      <c r="HP2780" s="91"/>
      <c r="HQ2780" s="91"/>
      <c r="HR2780" s="91"/>
      <c r="HS2780" s="91"/>
      <c r="HT2780" s="91"/>
      <c r="HU2780" s="91"/>
      <c r="HV2780" s="91"/>
      <c r="HW2780" s="91"/>
      <c r="HX2780" s="91"/>
      <c r="HY2780" s="91"/>
      <c r="HZ2780" s="91"/>
      <c r="IA2780" s="91"/>
      <c r="IB2780" s="91"/>
      <c r="IC2780" s="91"/>
      <c r="ID2780" s="91"/>
      <c r="IE2780" s="91"/>
      <c r="IF2780" s="91"/>
      <c r="IG2780" s="91"/>
      <c r="IH2780" s="91"/>
      <c r="II2780" s="91"/>
      <c r="IJ2780" s="91"/>
      <c r="IK2780" s="127"/>
    </row>
    <row r="2781" spans="2:245" x14ac:dyDescent="0.2">
      <c r="B2781" s="43"/>
      <c r="C2781" s="73"/>
      <c r="D2781" s="64"/>
      <c r="E2781" s="64"/>
      <c r="F2781" s="55"/>
      <c r="G2781" s="102"/>
      <c r="H2781" s="55"/>
      <c r="I2781" s="55"/>
      <c r="J2781" s="55"/>
      <c r="K2781" s="55"/>
      <c r="L2781" s="55"/>
      <c r="M2781" s="55"/>
      <c r="N2781" s="55"/>
      <c r="O2781" s="55"/>
      <c r="P2781" s="55"/>
      <c r="Q2781" s="55"/>
      <c r="R2781" s="55"/>
      <c r="S2781" s="55"/>
      <c r="T2781" s="55"/>
      <c r="U2781" s="55"/>
      <c r="V2781" s="55"/>
      <c r="W2781" s="55"/>
      <c r="X2781" s="55"/>
      <c r="Y2781" s="55"/>
      <c r="Z2781" s="55"/>
      <c r="AA2781" s="55"/>
      <c r="AB2781" s="55"/>
      <c r="AC2781" s="55"/>
      <c r="AD2781" s="55"/>
      <c r="AE2781" s="55"/>
      <c r="AF2781" s="55"/>
      <c r="AG2781" s="55"/>
      <c r="AY2781" s="162"/>
      <c r="AZ2781" s="162"/>
      <c r="BA2781" s="162"/>
      <c r="BB2781" s="162"/>
      <c r="BC2781" s="162"/>
      <c r="BD2781" s="162"/>
      <c r="BE2781" s="162"/>
      <c r="BF2781" s="162"/>
      <c r="BG2781" s="162"/>
      <c r="BH2781" s="162"/>
      <c r="BI2781" s="162"/>
      <c r="BJ2781" s="162"/>
      <c r="BK2781" s="162"/>
      <c r="BL2781" s="162"/>
      <c r="BM2781" s="162"/>
      <c r="BN2781" s="162"/>
      <c r="BO2781" s="162"/>
      <c r="BP2781" s="162"/>
      <c r="BQ2781" s="162"/>
      <c r="BR2781" s="162"/>
      <c r="BS2781" s="162"/>
      <c r="BT2781" s="162"/>
      <c r="BU2781" s="162"/>
      <c r="BV2781" s="162"/>
      <c r="BW2781" s="162"/>
      <c r="BX2781" s="162"/>
      <c r="BY2781" s="162"/>
      <c r="BZ2781" s="162"/>
      <c r="CA2781" s="162"/>
      <c r="CB2781" s="162"/>
      <c r="CC2781" s="162"/>
      <c r="CD2781" s="162"/>
      <c r="CE2781" s="162"/>
      <c r="CF2781" s="162"/>
      <c r="CG2781" s="162"/>
      <c r="CH2781" s="162"/>
      <c r="CI2781" s="162"/>
      <c r="CJ2781" s="162"/>
      <c r="CK2781" s="162"/>
      <c r="CX2781" s="98"/>
      <c r="DL2781" s="97"/>
      <c r="DX2781" s="98"/>
      <c r="EL2781" s="97"/>
      <c r="EX2781" s="98"/>
      <c r="EY2781" s="97"/>
      <c r="FL2781" s="126"/>
      <c r="FM2781" s="91"/>
      <c r="FN2781" s="91"/>
      <c r="FO2781" s="91"/>
      <c r="FP2781" s="91"/>
      <c r="FQ2781" s="91"/>
      <c r="FR2781" s="91"/>
      <c r="FS2781" s="91"/>
      <c r="FT2781" s="91"/>
      <c r="FU2781" s="91"/>
      <c r="FV2781" s="91"/>
      <c r="FW2781" s="91"/>
      <c r="FX2781" s="91"/>
      <c r="FY2781" s="91"/>
      <c r="FZ2781" s="91"/>
      <c r="GA2781" s="91"/>
      <c r="GB2781" s="91"/>
      <c r="GC2781" s="91"/>
      <c r="GD2781" s="91"/>
      <c r="GE2781" s="91"/>
      <c r="GF2781" s="91"/>
      <c r="GG2781" s="91"/>
      <c r="GH2781" s="91"/>
      <c r="GI2781" s="91"/>
      <c r="GJ2781" s="91"/>
      <c r="GK2781" s="127"/>
      <c r="GL2781" s="126"/>
      <c r="GM2781" s="91"/>
      <c r="GN2781" s="91"/>
      <c r="GO2781" s="91"/>
      <c r="GP2781" s="91"/>
      <c r="GQ2781" s="91"/>
      <c r="GR2781" s="91"/>
      <c r="GS2781" s="91"/>
      <c r="GT2781" s="91"/>
      <c r="GU2781" s="91"/>
      <c r="GV2781" s="91"/>
      <c r="GW2781" s="91"/>
      <c r="GX2781" s="91"/>
      <c r="GY2781" s="91"/>
      <c r="GZ2781" s="91"/>
      <c r="HA2781" s="91"/>
      <c r="HB2781" s="91"/>
      <c r="HC2781" s="91"/>
      <c r="HD2781" s="91"/>
      <c r="HE2781" s="91"/>
      <c r="HF2781" s="91"/>
      <c r="HG2781" s="91"/>
      <c r="HH2781" s="91"/>
      <c r="HI2781" s="91"/>
      <c r="HJ2781" s="91"/>
      <c r="HK2781" s="127"/>
      <c r="HL2781" s="126"/>
      <c r="HM2781" s="91"/>
      <c r="HN2781" s="91"/>
      <c r="HO2781" s="91"/>
      <c r="HP2781" s="91"/>
      <c r="HQ2781" s="91"/>
      <c r="HR2781" s="91"/>
      <c r="HS2781" s="91"/>
      <c r="HT2781" s="91"/>
      <c r="HU2781" s="91"/>
      <c r="HV2781" s="91"/>
      <c r="HW2781" s="91"/>
      <c r="HX2781" s="91"/>
      <c r="HY2781" s="91"/>
      <c r="HZ2781" s="91"/>
      <c r="IA2781" s="91"/>
      <c r="IB2781" s="91"/>
      <c r="IC2781" s="91"/>
      <c r="ID2781" s="91"/>
      <c r="IE2781" s="91"/>
      <c r="IF2781" s="91"/>
      <c r="IG2781" s="91"/>
      <c r="IH2781" s="91"/>
      <c r="II2781" s="91"/>
      <c r="IJ2781" s="91"/>
      <c r="IK2781" s="127"/>
    </row>
    <row r="2782" spans="2:245" x14ac:dyDescent="0.2">
      <c r="B2782" s="43"/>
      <c r="C2782" s="73"/>
      <c r="D2782" s="64"/>
      <c r="E2782" s="64"/>
      <c r="F2782" s="55"/>
      <c r="G2782" s="102"/>
      <c r="H2782" s="55"/>
      <c r="I2782" s="55"/>
      <c r="J2782" s="55"/>
      <c r="K2782" s="55"/>
      <c r="L2782" s="55"/>
      <c r="M2782" s="55"/>
      <c r="N2782" s="55"/>
      <c r="O2782" s="55"/>
      <c r="P2782" s="55"/>
      <c r="Q2782" s="55"/>
      <c r="R2782" s="55"/>
      <c r="S2782" s="55"/>
      <c r="T2782" s="55"/>
      <c r="U2782" s="55"/>
      <c r="V2782" s="55"/>
      <c r="W2782" s="55"/>
      <c r="X2782" s="55"/>
      <c r="Y2782" s="55"/>
      <c r="Z2782" s="55"/>
      <c r="AA2782" s="55"/>
      <c r="AB2782" s="55"/>
      <c r="AC2782" s="55"/>
      <c r="AD2782" s="55"/>
      <c r="AE2782" s="55"/>
      <c r="AF2782" s="55"/>
      <c r="AG2782" s="55"/>
      <c r="AY2782" s="162"/>
      <c r="AZ2782" s="162"/>
      <c r="BA2782" s="162"/>
      <c r="BB2782" s="162"/>
      <c r="BC2782" s="162"/>
      <c r="BD2782" s="162"/>
      <c r="BE2782" s="162"/>
      <c r="BF2782" s="162"/>
      <c r="BG2782" s="162"/>
      <c r="BH2782" s="162"/>
      <c r="BI2782" s="162"/>
      <c r="BJ2782" s="162"/>
      <c r="BK2782" s="162"/>
      <c r="BL2782" s="162"/>
      <c r="BM2782" s="162"/>
      <c r="BN2782" s="162"/>
      <c r="BO2782" s="162"/>
      <c r="BP2782" s="162"/>
      <c r="BQ2782" s="162"/>
      <c r="BR2782" s="162"/>
      <c r="BS2782" s="162"/>
      <c r="BT2782" s="162"/>
      <c r="BU2782" s="162"/>
      <c r="BV2782" s="162"/>
      <c r="BW2782" s="162"/>
      <c r="BX2782" s="162"/>
      <c r="BY2782" s="162"/>
      <c r="BZ2782" s="162"/>
      <c r="CA2782" s="162"/>
      <c r="CB2782" s="162"/>
      <c r="CC2782" s="162"/>
      <c r="CD2782" s="162"/>
      <c r="CE2782" s="162"/>
      <c r="CF2782" s="162"/>
      <c r="CG2782" s="162"/>
      <c r="CH2782" s="162"/>
      <c r="CI2782" s="162"/>
      <c r="CJ2782" s="162"/>
      <c r="CK2782" s="162"/>
      <c r="CX2782" s="98"/>
      <c r="DL2782" s="97"/>
      <c r="DX2782" s="98"/>
      <c r="EL2782" s="97"/>
      <c r="EX2782" s="98"/>
      <c r="EY2782" s="97"/>
      <c r="FL2782" s="126"/>
      <c r="FM2782" s="91"/>
      <c r="FN2782" s="91"/>
      <c r="FO2782" s="91"/>
      <c r="FP2782" s="91"/>
      <c r="FQ2782" s="91"/>
      <c r="FR2782" s="91"/>
      <c r="FS2782" s="91"/>
      <c r="FT2782" s="91"/>
      <c r="FU2782" s="91"/>
      <c r="FV2782" s="91"/>
      <c r="FW2782" s="91"/>
      <c r="FX2782" s="91"/>
      <c r="FY2782" s="91"/>
      <c r="FZ2782" s="91"/>
      <c r="GA2782" s="91"/>
      <c r="GB2782" s="91"/>
      <c r="GC2782" s="91"/>
      <c r="GD2782" s="91"/>
      <c r="GE2782" s="91"/>
      <c r="GF2782" s="91"/>
      <c r="GG2782" s="91"/>
      <c r="GH2782" s="91"/>
      <c r="GI2782" s="91"/>
      <c r="GJ2782" s="91"/>
      <c r="GK2782" s="127"/>
      <c r="GL2782" s="126"/>
      <c r="GM2782" s="91"/>
      <c r="GN2782" s="91"/>
      <c r="GO2782" s="91"/>
      <c r="GP2782" s="91"/>
      <c r="GQ2782" s="91"/>
      <c r="GR2782" s="91"/>
      <c r="GS2782" s="91"/>
      <c r="GT2782" s="91"/>
      <c r="GU2782" s="91"/>
      <c r="GV2782" s="91"/>
      <c r="GW2782" s="91"/>
      <c r="GX2782" s="91"/>
      <c r="GY2782" s="91"/>
      <c r="GZ2782" s="91"/>
      <c r="HA2782" s="91"/>
      <c r="HB2782" s="91"/>
      <c r="HC2782" s="91"/>
      <c r="HD2782" s="91"/>
      <c r="HE2782" s="91"/>
      <c r="HF2782" s="91"/>
      <c r="HG2782" s="91"/>
      <c r="HH2782" s="91"/>
      <c r="HI2782" s="91"/>
      <c r="HJ2782" s="91"/>
      <c r="HK2782" s="127"/>
      <c r="HL2782" s="126"/>
      <c r="HM2782" s="91"/>
      <c r="HN2782" s="91"/>
      <c r="HO2782" s="91"/>
      <c r="HP2782" s="91"/>
      <c r="HQ2782" s="91"/>
      <c r="HR2782" s="91"/>
      <c r="HS2782" s="91"/>
      <c r="HT2782" s="91"/>
      <c r="HU2782" s="91"/>
      <c r="HV2782" s="91"/>
      <c r="HW2782" s="91"/>
      <c r="HX2782" s="91"/>
      <c r="HY2782" s="91"/>
      <c r="HZ2782" s="91"/>
      <c r="IA2782" s="91"/>
      <c r="IB2782" s="91"/>
      <c r="IC2782" s="91"/>
      <c r="ID2782" s="91"/>
      <c r="IE2782" s="91"/>
      <c r="IF2782" s="91"/>
      <c r="IG2782" s="91"/>
      <c r="IH2782" s="91"/>
      <c r="II2782" s="91"/>
      <c r="IJ2782" s="91"/>
      <c r="IK2782" s="127"/>
    </row>
    <row r="2783" spans="2:245" x14ac:dyDescent="0.2">
      <c r="B2783" s="43"/>
      <c r="C2783" s="73"/>
      <c r="D2783" s="64"/>
      <c r="E2783" s="64"/>
      <c r="F2783" s="55"/>
      <c r="G2783" s="102"/>
      <c r="H2783" s="55"/>
      <c r="I2783" s="55"/>
      <c r="J2783" s="55"/>
      <c r="K2783" s="55"/>
      <c r="L2783" s="55"/>
      <c r="M2783" s="55"/>
      <c r="N2783" s="55"/>
      <c r="O2783" s="55"/>
      <c r="P2783" s="55"/>
      <c r="Q2783" s="55"/>
      <c r="R2783" s="55"/>
      <c r="S2783" s="55"/>
      <c r="T2783" s="55"/>
      <c r="U2783" s="55"/>
      <c r="V2783" s="55"/>
      <c r="W2783" s="55"/>
      <c r="X2783" s="55"/>
      <c r="Y2783" s="55"/>
      <c r="Z2783" s="55"/>
      <c r="AA2783" s="55"/>
      <c r="AB2783" s="55"/>
      <c r="AC2783" s="55"/>
      <c r="AD2783" s="55"/>
      <c r="AE2783" s="55"/>
      <c r="AF2783" s="55"/>
      <c r="AG2783" s="55"/>
      <c r="AY2783" s="162"/>
      <c r="AZ2783" s="162"/>
      <c r="BA2783" s="162"/>
      <c r="BB2783" s="162"/>
      <c r="BC2783" s="162"/>
      <c r="BD2783" s="162"/>
      <c r="BE2783" s="162"/>
      <c r="BF2783" s="162"/>
      <c r="BG2783" s="162"/>
      <c r="BH2783" s="162"/>
      <c r="BI2783" s="162"/>
      <c r="BJ2783" s="162"/>
      <c r="BK2783" s="162"/>
      <c r="BL2783" s="162"/>
      <c r="BM2783" s="162"/>
      <c r="BN2783" s="162"/>
      <c r="BO2783" s="162"/>
      <c r="BP2783" s="162"/>
      <c r="BQ2783" s="162"/>
      <c r="BR2783" s="162"/>
      <c r="BS2783" s="162"/>
      <c r="BT2783" s="162"/>
      <c r="BU2783" s="162"/>
      <c r="BV2783" s="162"/>
      <c r="BW2783" s="162"/>
      <c r="BX2783" s="162"/>
      <c r="BY2783" s="162"/>
      <c r="BZ2783" s="162"/>
      <c r="CA2783" s="162"/>
      <c r="CB2783" s="162"/>
      <c r="CC2783" s="162"/>
      <c r="CD2783" s="162"/>
      <c r="CE2783" s="162"/>
      <c r="CF2783" s="162"/>
      <c r="CG2783" s="162"/>
      <c r="CH2783" s="162"/>
      <c r="CI2783" s="162"/>
      <c r="CJ2783" s="162"/>
      <c r="CK2783" s="162"/>
      <c r="CX2783" s="98"/>
      <c r="DL2783" s="97"/>
      <c r="DX2783" s="98"/>
      <c r="EL2783" s="97"/>
      <c r="EX2783" s="98"/>
      <c r="EY2783" s="97"/>
      <c r="FL2783" s="126"/>
      <c r="FM2783" s="91"/>
      <c r="FN2783" s="91"/>
      <c r="FO2783" s="91"/>
      <c r="FP2783" s="91"/>
      <c r="FQ2783" s="91"/>
      <c r="FR2783" s="91"/>
      <c r="FS2783" s="91"/>
      <c r="FT2783" s="91"/>
      <c r="FU2783" s="91"/>
      <c r="FV2783" s="91"/>
      <c r="FW2783" s="91"/>
      <c r="FX2783" s="91"/>
      <c r="FY2783" s="91"/>
      <c r="FZ2783" s="91"/>
      <c r="GA2783" s="91"/>
      <c r="GB2783" s="91"/>
      <c r="GC2783" s="91"/>
      <c r="GD2783" s="91"/>
      <c r="GE2783" s="91"/>
      <c r="GF2783" s="91"/>
      <c r="GG2783" s="91"/>
      <c r="GH2783" s="91"/>
      <c r="GI2783" s="91"/>
      <c r="GJ2783" s="91"/>
      <c r="GK2783" s="127"/>
      <c r="GL2783" s="126"/>
      <c r="GM2783" s="91"/>
      <c r="GN2783" s="91"/>
      <c r="GO2783" s="91"/>
      <c r="GP2783" s="91"/>
      <c r="GQ2783" s="91"/>
      <c r="GR2783" s="91"/>
      <c r="GS2783" s="91"/>
      <c r="GT2783" s="91"/>
      <c r="GU2783" s="91"/>
      <c r="GV2783" s="91"/>
      <c r="GW2783" s="91"/>
      <c r="GX2783" s="91"/>
      <c r="GY2783" s="91"/>
      <c r="GZ2783" s="91"/>
      <c r="HA2783" s="91"/>
      <c r="HB2783" s="91"/>
      <c r="HC2783" s="91"/>
      <c r="HD2783" s="91"/>
      <c r="HE2783" s="91"/>
      <c r="HF2783" s="91"/>
      <c r="HG2783" s="91"/>
      <c r="HH2783" s="91"/>
      <c r="HI2783" s="91"/>
      <c r="HJ2783" s="91"/>
      <c r="HK2783" s="127"/>
      <c r="HL2783" s="126"/>
      <c r="HM2783" s="91"/>
      <c r="HN2783" s="91"/>
      <c r="HO2783" s="91"/>
      <c r="HP2783" s="91"/>
      <c r="HQ2783" s="91"/>
      <c r="HR2783" s="91"/>
      <c r="HS2783" s="91"/>
      <c r="HT2783" s="91"/>
      <c r="HU2783" s="91"/>
      <c r="HV2783" s="91"/>
      <c r="HW2783" s="91"/>
      <c r="HX2783" s="91"/>
      <c r="HY2783" s="91"/>
      <c r="HZ2783" s="91"/>
      <c r="IA2783" s="91"/>
      <c r="IB2783" s="91"/>
      <c r="IC2783" s="91"/>
      <c r="ID2783" s="91"/>
      <c r="IE2783" s="91"/>
      <c r="IF2783" s="91"/>
      <c r="IG2783" s="91"/>
      <c r="IH2783" s="91"/>
      <c r="II2783" s="91"/>
      <c r="IJ2783" s="91"/>
      <c r="IK2783" s="127"/>
    </row>
    <row r="2784" spans="2:245" x14ac:dyDescent="0.2">
      <c r="B2784" s="43"/>
      <c r="C2784" s="73"/>
      <c r="D2784" s="64"/>
      <c r="E2784" s="64"/>
      <c r="F2784" s="55"/>
      <c r="G2784" s="102"/>
      <c r="H2784" s="55"/>
      <c r="I2784" s="55"/>
      <c r="J2784" s="55"/>
      <c r="K2784" s="55"/>
      <c r="L2784" s="55"/>
      <c r="M2784" s="55"/>
      <c r="N2784" s="55"/>
      <c r="O2784" s="55"/>
      <c r="P2784" s="55"/>
      <c r="Q2784" s="55"/>
      <c r="R2784" s="55"/>
      <c r="S2784" s="55"/>
      <c r="T2784" s="55"/>
      <c r="U2784" s="55"/>
      <c r="V2784" s="55"/>
      <c r="W2784" s="55"/>
      <c r="X2784" s="55"/>
      <c r="Y2784" s="55"/>
      <c r="Z2784" s="55"/>
      <c r="AA2784" s="55"/>
      <c r="AB2784" s="55"/>
      <c r="AC2784" s="55"/>
      <c r="AD2784" s="55"/>
      <c r="AE2784" s="55"/>
      <c r="AF2784" s="55"/>
      <c r="AG2784" s="55"/>
      <c r="AY2784" s="162"/>
      <c r="AZ2784" s="162"/>
      <c r="BA2784" s="162"/>
      <c r="BB2784" s="162"/>
      <c r="BC2784" s="162"/>
      <c r="BD2784" s="162"/>
      <c r="BE2784" s="162"/>
      <c r="BF2784" s="162"/>
      <c r="BG2784" s="162"/>
      <c r="BH2784" s="162"/>
      <c r="BI2784" s="162"/>
      <c r="BJ2784" s="162"/>
      <c r="BK2784" s="162"/>
      <c r="BL2784" s="162"/>
      <c r="BM2784" s="162"/>
      <c r="BN2784" s="162"/>
      <c r="BO2784" s="162"/>
      <c r="BP2784" s="162"/>
      <c r="BQ2784" s="162"/>
      <c r="BR2784" s="162"/>
      <c r="BS2784" s="162"/>
      <c r="BT2784" s="162"/>
      <c r="BU2784" s="162"/>
      <c r="BV2784" s="162"/>
      <c r="BW2784" s="162"/>
      <c r="BX2784" s="162"/>
      <c r="BY2784" s="162"/>
      <c r="BZ2784" s="162"/>
      <c r="CA2784" s="162"/>
      <c r="CB2784" s="162"/>
      <c r="CC2784" s="162"/>
      <c r="CD2784" s="162"/>
      <c r="CE2784" s="162"/>
      <c r="CF2784" s="162"/>
      <c r="CG2784" s="162"/>
      <c r="CH2784" s="162"/>
      <c r="CI2784" s="162"/>
      <c r="CJ2784" s="162"/>
      <c r="CK2784" s="162"/>
      <c r="CX2784" s="98"/>
      <c r="DL2784" s="97"/>
      <c r="DX2784" s="98"/>
      <c r="EL2784" s="97"/>
      <c r="EX2784" s="98"/>
      <c r="EY2784" s="97"/>
      <c r="FL2784" s="126"/>
      <c r="FM2784" s="91"/>
      <c r="FN2784" s="91"/>
      <c r="FO2784" s="91"/>
      <c r="FP2784" s="91"/>
      <c r="FQ2784" s="91"/>
      <c r="FR2784" s="91"/>
      <c r="FS2784" s="91"/>
      <c r="FT2784" s="91"/>
      <c r="FU2784" s="91"/>
      <c r="FV2784" s="91"/>
      <c r="FW2784" s="91"/>
      <c r="FX2784" s="91"/>
      <c r="FY2784" s="91"/>
      <c r="FZ2784" s="91"/>
      <c r="GA2784" s="91"/>
      <c r="GB2784" s="91"/>
      <c r="GC2784" s="91"/>
      <c r="GD2784" s="91"/>
      <c r="GE2784" s="91"/>
      <c r="GF2784" s="91"/>
      <c r="GG2784" s="91"/>
      <c r="GH2784" s="91"/>
      <c r="GI2784" s="91"/>
      <c r="GJ2784" s="91"/>
      <c r="GK2784" s="127"/>
      <c r="GL2784" s="126"/>
      <c r="GM2784" s="91"/>
      <c r="GN2784" s="91"/>
      <c r="GO2784" s="91"/>
      <c r="GP2784" s="91"/>
      <c r="GQ2784" s="91"/>
      <c r="GR2784" s="91"/>
      <c r="GS2784" s="91"/>
      <c r="GT2784" s="91"/>
      <c r="GU2784" s="91"/>
      <c r="GV2784" s="91"/>
      <c r="GW2784" s="91"/>
      <c r="GX2784" s="91"/>
      <c r="GY2784" s="91"/>
      <c r="GZ2784" s="91"/>
      <c r="HA2784" s="91"/>
      <c r="HB2784" s="91"/>
      <c r="HC2784" s="91"/>
      <c r="HD2784" s="91"/>
      <c r="HE2784" s="91"/>
      <c r="HF2784" s="91"/>
      <c r="HG2784" s="91"/>
      <c r="HH2784" s="91"/>
      <c r="HI2784" s="91"/>
      <c r="HJ2784" s="91"/>
      <c r="HK2784" s="127"/>
      <c r="HL2784" s="126"/>
      <c r="HM2784" s="91"/>
      <c r="HN2784" s="91"/>
      <c r="HO2784" s="91"/>
      <c r="HP2784" s="91"/>
      <c r="HQ2784" s="91"/>
      <c r="HR2784" s="91"/>
      <c r="HS2784" s="91"/>
      <c r="HT2784" s="91"/>
      <c r="HU2784" s="91"/>
      <c r="HV2784" s="91"/>
      <c r="HW2784" s="91"/>
      <c r="HX2784" s="91"/>
      <c r="HY2784" s="91"/>
      <c r="HZ2784" s="91"/>
      <c r="IA2784" s="91"/>
      <c r="IB2784" s="91"/>
      <c r="IC2784" s="91"/>
      <c r="ID2784" s="91"/>
      <c r="IE2784" s="91"/>
      <c r="IF2784" s="91"/>
      <c r="IG2784" s="91"/>
      <c r="IH2784" s="91"/>
      <c r="II2784" s="91"/>
      <c r="IJ2784" s="91"/>
      <c r="IK2784" s="127"/>
    </row>
    <row r="2785" spans="2:245" x14ac:dyDescent="0.2">
      <c r="B2785" s="43"/>
      <c r="C2785" s="73"/>
      <c r="D2785" s="64"/>
      <c r="E2785" s="64"/>
      <c r="F2785" s="55"/>
      <c r="G2785" s="102"/>
      <c r="H2785" s="55"/>
      <c r="I2785" s="55"/>
      <c r="J2785" s="55"/>
      <c r="K2785" s="55"/>
      <c r="L2785" s="55"/>
      <c r="M2785" s="55"/>
      <c r="N2785" s="55"/>
      <c r="O2785" s="55"/>
      <c r="P2785" s="55"/>
      <c r="Q2785" s="55"/>
      <c r="R2785" s="55"/>
      <c r="S2785" s="55"/>
      <c r="T2785" s="55"/>
      <c r="U2785" s="55"/>
      <c r="V2785" s="55"/>
      <c r="W2785" s="55"/>
      <c r="X2785" s="55"/>
      <c r="Y2785" s="55"/>
      <c r="Z2785" s="55"/>
      <c r="AA2785" s="55"/>
      <c r="AB2785" s="55"/>
      <c r="AC2785" s="55"/>
      <c r="AD2785" s="55"/>
      <c r="AE2785" s="55"/>
      <c r="AF2785" s="55"/>
      <c r="AG2785" s="55"/>
      <c r="AY2785" s="162"/>
      <c r="AZ2785" s="162"/>
      <c r="BA2785" s="162"/>
      <c r="BB2785" s="162"/>
      <c r="BC2785" s="162"/>
      <c r="BD2785" s="162"/>
      <c r="BE2785" s="162"/>
      <c r="BF2785" s="162"/>
      <c r="BG2785" s="162"/>
      <c r="BH2785" s="162"/>
      <c r="BI2785" s="162"/>
      <c r="BJ2785" s="162"/>
      <c r="BK2785" s="162"/>
      <c r="BL2785" s="162"/>
      <c r="BM2785" s="162"/>
      <c r="BN2785" s="162"/>
      <c r="BO2785" s="162"/>
      <c r="BP2785" s="162"/>
      <c r="BQ2785" s="162"/>
      <c r="BR2785" s="162"/>
      <c r="BS2785" s="162"/>
      <c r="BT2785" s="162"/>
      <c r="BU2785" s="162"/>
      <c r="BV2785" s="162"/>
      <c r="BW2785" s="162"/>
      <c r="BX2785" s="162"/>
      <c r="BY2785" s="162"/>
      <c r="BZ2785" s="162"/>
      <c r="CA2785" s="162"/>
      <c r="CB2785" s="162"/>
      <c r="CC2785" s="162"/>
      <c r="CD2785" s="162"/>
      <c r="CE2785" s="162"/>
      <c r="CF2785" s="162"/>
      <c r="CG2785" s="162"/>
      <c r="CH2785" s="162"/>
      <c r="CI2785" s="162"/>
      <c r="CJ2785" s="162"/>
      <c r="CK2785" s="162"/>
      <c r="CX2785" s="98"/>
      <c r="DL2785" s="97"/>
      <c r="DX2785" s="98"/>
      <c r="EL2785" s="97"/>
      <c r="EX2785" s="98"/>
      <c r="EY2785" s="97"/>
      <c r="FL2785" s="126"/>
      <c r="FM2785" s="91"/>
      <c r="FN2785" s="91"/>
      <c r="FO2785" s="91"/>
      <c r="FP2785" s="91"/>
      <c r="FQ2785" s="91"/>
      <c r="FR2785" s="91"/>
      <c r="FS2785" s="91"/>
      <c r="FT2785" s="91"/>
      <c r="FU2785" s="91"/>
      <c r="FV2785" s="91"/>
      <c r="FW2785" s="91"/>
      <c r="FX2785" s="91"/>
      <c r="FY2785" s="91"/>
      <c r="FZ2785" s="91"/>
      <c r="GA2785" s="91"/>
      <c r="GB2785" s="91"/>
      <c r="GC2785" s="91"/>
      <c r="GD2785" s="91"/>
      <c r="GE2785" s="91"/>
      <c r="GF2785" s="91"/>
      <c r="GG2785" s="91"/>
      <c r="GH2785" s="91"/>
      <c r="GI2785" s="91"/>
      <c r="GJ2785" s="91"/>
      <c r="GK2785" s="127"/>
      <c r="GL2785" s="126"/>
      <c r="GM2785" s="91"/>
      <c r="GN2785" s="91"/>
      <c r="GO2785" s="91"/>
      <c r="GP2785" s="91"/>
      <c r="GQ2785" s="91"/>
      <c r="GR2785" s="91"/>
      <c r="GS2785" s="91"/>
      <c r="GT2785" s="91"/>
      <c r="GU2785" s="91"/>
      <c r="GV2785" s="91"/>
      <c r="GW2785" s="91"/>
      <c r="GX2785" s="91"/>
      <c r="GY2785" s="91"/>
      <c r="GZ2785" s="91"/>
      <c r="HA2785" s="91"/>
      <c r="HB2785" s="91"/>
      <c r="HC2785" s="91"/>
      <c r="HD2785" s="91"/>
      <c r="HE2785" s="91"/>
      <c r="HF2785" s="91"/>
      <c r="HG2785" s="91"/>
      <c r="HH2785" s="91"/>
      <c r="HI2785" s="91"/>
      <c r="HJ2785" s="91"/>
      <c r="HK2785" s="127"/>
      <c r="HL2785" s="126"/>
      <c r="HM2785" s="91"/>
      <c r="HN2785" s="91"/>
      <c r="HO2785" s="91"/>
      <c r="HP2785" s="91"/>
      <c r="HQ2785" s="91"/>
      <c r="HR2785" s="91"/>
      <c r="HS2785" s="91"/>
      <c r="HT2785" s="91"/>
      <c r="HU2785" s="91"/>
      <c r="HV2785" s="91"/>
      <c r="HW2785" s="91"/>
      <c r="HX2785" s="91"/>
      <c r="HY2785" s="91"/>
      <c r="HZ2785" s="91"/>
      <c r="IA2785" s="91"/>
      <c r="IB2785" s="91"/>
      <c r="IC2785" s="91"/>
      <c r="ID2785" s="91"/>
      <c r="IE2785" s="91"/>
      <c r="IF2785" s="91"/>
      <c r="IG2785" s="91"/>
      <c r="IH2785" s="91"/>
      <c r="II2785" s="91"/>
      <c r="IJ2785" s="91"/>
      <c r="IK2785" s="127"/>
    </row>
    <row r="2786" spans="2:245" x14ac:dyDescent="0.2">
      <c r="B2786" s="43"/>
      <c r="C2786" s="73"/>
      <c r="D2786" s="64"/>
      <c r="E2786" s="64"/>
      <c r="F2786" s="55"/>
      <c r="G2786" s="102"/>
      <c r="H2786" s="55"/>
      <c r="I2786" s="55"/>
      <c r="J2786" s="55"/>
      <c r="K2786" s="55"/>
      <c r="L2786" s="55"/>
      <c r="M2786" s="55"/>
      <c r="N2786" s="55"/>
      <c r="O2786" s="55"/>
      <c r="P2786" s="55"/>
      <c r="Q2786" s="55"/>
      <c r="R2786" s="55"/>
      <c r="S2786" s="55"/>
      <c r="T2786" s="55"/>
      <c r="U2786" s="55"/>
      <c r="V2786" s="55"/>
      <c r="W2786" s="55"/>
      <c r="X2786" s="55"/>
      <c r="Y2786" s="55"/>
      <c r="Z2786" s="55"/>
      <c r="AA2786" s="55"/>
      <c r="AB2786" s="55"/>
      <c r="AC2786" s="55"/>
      <c r="AD2786" s="55"/>
      <c r="AE2786" s="55"/>
      <c r="AF2786" s="55"/>
      <c r="AG2786" s="55"/>
      <c r="AY2786" s="162"/>
      <c r="AZ2786" s="162"/>
      <c r="BA2786" s="162"/>
      <c r="BB2786" s="162"/>
      <c r="BC2786" s="162"/>
      <c r="BD2786" s="162"/>
      <c r="BE2786" s="162"/>
      <c r="BF2786" s="162"/>
      <c r="BG2786" s="162"/>
      <c r="BH2786" s="162"/>
      <c r="BI2786" s="162"/>
      <c r="BJ2786" s="162"/>
      <c r="BK2786" s="162"/>
      <c r="BL2786" s="162"/>
      <c r="BM2786" s="162"/>
      <c r="BN2786" s="162"/>
      <c r="BO2786" s="162"/>
      <c r="BP2786" s="162"/>
      <c r="BQ2786" s="162"/>
      <c r="BR2786" s="162"/>
      <c r="BS2786" s="162"/>
      <c r="BT2786" s="162"/>
      <c r="BU2786" s="162"/>
      <c r="BV2786" s="162"/>
      <c r="BW2786" s="162"/>
      <c r="BX2786" s="162"/>
      <c r="BY2786" s="162"/>
      <c r="BZ2786" s="162"/>
      <c r="CA2786" s="162"/>
      <c r="CB2786" s="162"/>
      <c r="CC2786" s="162"/>
      <c r="CD2786" s="162"/>
      <c r="CE2786" s="162"/>
      <c r="CF2786" s="162"/>
      <c r="CG2786" s="162"/>
      <c r="CH2786" s="162"/>
      <c r="CI2786" s="162"/>
      <c r="CJ2786" s="162"/>
      <c r="CK2786" s="162"/>
      <c r="CX2786" s="98"/>
      <c r="DL2786" s="97"/>
      <c r="DX2786" s="98"/>
      <c r="EL2786" s="97"/>
      <c r="EX2786" s="98"/>
      <c r="EY2786" s="97"/>
      <c r="FL2786" s="126"/>
      <c r="FM2786" s="91"/>
      <c r="FN2786" s="91"/>
      <c r="FO2786" s="91"/>
      <c r="FP2786" s="91"/>
      <c r="FQ2786" s="91"/>
      <c r="FR2786" s="91"/>
      <c r="FS2786" s="91"/>
      <c r="FT2786" s="91"/>
      <c r="FU2786" s="91"/>
      <c r="FV2786" s="91"/>
      <c r="FW2786" s="91"/>
      <c r="FX2786" s="91"/>
      <c r="FY2786" s="91"/>
      <c r="FZ2786" s="91"/>
      <c r="GA2786" s="91"/>
      <c r="GB2786" s="91"/>
      <c r="GC2786" s="91"/>
      <c r="GD2786" s="91"/>
      <c r="GE2786" s="91"/>
      <c r="GF2786" s="91"/>
      <c r="GG2786" s="91"/>
      <c r="GH2786" s="91"/>
      <c r="GI2786" s="91"/>
      <c r="GJ2786" s="91"/>
      <c r="GK2786" s="127"/>
      <c r="GL2786" s="126"/>
      <c r="GM2786" s="91"/>
      <c r="GN2786" s="91"/>
      <c r="GO2786" s="91"/>
      <c r="GP2786" s="91"/>
      <c r="GQ2786" s="91"/>
      <c r="GR2786" s="91"/>
      <c r="GS2786" s="91"/>
      <c r="GT2786" s="91"/>
      <c r="GU2786" s="91"/>
      <c r="GV2786" s="91"/>
      <c r="GW2786" s="91"/>
      <c r="GX2786" s="91"/>
      <c r="GY2786" s="91"/>
      <c r="GZ2786" s="91"/>
      <c r="HA2786" s="91"/>
      <c r="HB2786" s="91"/>
      <c r="HC2786" s="91"/>
      <c r="HD2786" s="91"/>
      <c r="HE2786" s="91"/>
      <c r="HF2786" s="91"/>
      <c r="HG2786" s="91"/>
      <c r="HH2786" s="91"/>
      <c r="HI2786" s="91"/>
      <c r="HJ2786" s="91"/>
      <c r="HK2786" s="127"/>
      <c r="HL2786" s="126"/>
      <c r="HM2786" s="91"/>
      <c r="HN2786" s="91"/>
      <c r="HO2786" s="91"/>
      <c r="HP2786" s="91"/>
      <c r="HQ2786" s="91"/>
      <c r="HR2786" s="91"/>
      <c r="HS2786" s="91"/>
      <c r="HT2786" s="91"/>
      <c r="HU2786" s="91"/>
      <c r="HV2786" s="91"/>
      <c r="HW2786" s="91"/>
      <c r="HX2786" s="91"/>
      <c r="HY2786" s="91"/>
      <c r="HZ2786" s="91"/>
      <c r="IA2786" s="91"/>
      <c r="IB2786" s="91"/>
      <c r="IC2786" s="91"/>
      <c r="ID2786" s="91"/>
      <c r="IE2786" s="91"/>
      <c r="IF2786" s="91"/>
      <c r="IG2786" s="91"/>
      <c r="IH2786" s="91"/>
      <c r="II2786" s="91"/>
      <c r="IJ2786" s="91"/>
      <c r="IK2786" s="127"/>
    </row>
    <row r="2787" spans="2:245" x14ac:dyDescent="0.2">
      <c r="B2787" s="43"/>
      <c r="C2787" s="73"/>
      <c r="D2787" s="64"/>
      <c r="E2787" s="64"/>
      <c r="F2787" s="55"/>
      <c r="G2787" s="102"/>
      <c r="H2787" s="55"/>
      <c r="I2787" s="55"/>
      <c r="J2787" s="55"/>
      <c r="K2787" s="55"/>
      <c r="L2787" s="55"/>
      <c r="M2787" s="55"/>
      <c r="N2787" s="55"/>
      <c r="O2787" s="55"/>
      <c r="P2787" s="55"/>
      <c r="Q2787" s="55"/>
      <c r="R2787" s="55"/>
      <c r="S2787" s="55"/>
      <c r="T2787" s="55"/>
      <c r="U2787" s="55"/>
      <c r="V2787" s="55"/>
      <c r="W2787" s="55"/>
      <c r="X2787" s="55"/>
      <c r="Y2787" s="55"/>
      <c r="Z2787" s="55"/>
      <c r="AA2787" s="55"/>
      <c r="AB2787" s="55"/>
      <c r="AC2787" s="55"/>
      <c r="AD2787" s="55"/>
      <c r="AE2787" s="55"/>
      <c r="AF2787" s="55"/>
      <c r="AG2787" s="55"/>
      <c r="AY2787" s="162"/>
      <c r="AZ2787" s="162"/>
      <c r="BA2787" s="162"/>
      <c r="BB2787" s="162"/>
      <c r="BC2787" s="162"/>
      <c r="BD2787" s="162"/>
      <c r="BE2787" s="162"/>
      <c r="BF2787" s="162"/>
      <c r="BG2787" s="162"/>
      <c r="BH2787" s="162"/>
      <c r="BI2787" s="162"/>
      <c r="BJ2787" s="162"/>
      <c r="BK2787" s="162"/>
      <c r="BL2787" s="162"/>
      <c r="BM2787" s="162"/>
      <c r="BN2787" s="162"/>
      <c r="BO2787" s="162"/>
      <c r="BP2787" s="162"/>
      <c r="BQ2787" s="162"/>
      <c r="BR2787" s="162"/>
      <c r="BS2787" s="162"/>
      <c r="BT2787" s="162"/>
      <c r="BU2787" s="162"/>
      <c r="BV2787" s="162"/>
      <c r="BW2787" s="162"/>
      <c r="BX2787" s="162"/>
      <c r="BY2787" s="162"/>
      <c r="BZ2787" s="162"/>
      <c r="CA2787" s="162"/>
      <c r="CB2787" s="162"/>
      <c r="CC2787" s="162"/>
      <c r="CD2787" s="162"/>
      <c r="CE2787" s="162"/>
      <c r="CF2787" s="162"/>
      <c r="CG2787" s="162"/>
      <c r="CH2787" s="162"/>
      <c r="CI2787" s="162"/>
      <c r="CJ2787" s="162"/>
      <c r="CK2787" s="162"/>
      <c r="CX2787" s="98"/>
      <c r="DL2787" s="97"/>
      <c r="DX2787" s="98"/>
      <c r="EL2787" s="97"/>
      <c r="EX2787" s="98"/>
      <c r="EY2787" s="97"/>
      <c r="FL2787" s="126"/>
      <c r="FM2787" s="91"/>
      <c r="FN2787" s="91"/>
      <c r="FO2787" s="91"/>
      <c r="FP2787" s="91"/>
      <c r="FQ2787" s="91"/>
      <c r="FR2787" s="91"/>
      <c r="FS2787" s="91"/>
      <c r="FT2787" s="91"/>
      <c r="FU2787" s="91"/>
      <c r="FV2787" s="91"/>
      <c r="FW2787" s="91"/>
      <c r="FX2787" s="91"/>
      <c r="FY2787" s="91"/>
      <c r="FZ2787" s="91"/>
      <c r="GA2787" s="91"/>
      <c r="GB2787" s="91"/>
      <c r="GC2787" s="91"/>
      <c r="GD2787" s="91"/>
      <c r="GE2787" s="91"/>
      <c r="GF2787" s="91"/>
      <c r="GG2787" s="91"/>
      <c r="GH2787" s="91"/>
      <c r="GI2787" s="91"/>
      <c r="GJ2787" s="91"/>
      <c r="GK2787" s="127"/>
      <c r="GL2787" s="126"/>
      <c r="GM2787" s="91"/>
      <c r="GN2787" s="91"/>
      <c r="GO2787" s="91"/>
      <c r="GP2787" s="91"/>
      <c r="GQ2787" s="91"/>
      <c r="GR2787" s="91"/>
      <c r="GS2787" s="91"/>
      <c r="GT2787" s="91"/>
      <c r="GU2787" s="91"/>
      <c r="GV2787" s="91"/>
      <c r="GW2787" s="91"/>
      <c r="GX2787" s="91"/>
      <c r="GY2787" s="91"/>
      <c r="GZ2787" s="91"/>
      <c r="HA2787" s="91"/>
      <c r="HB2787" s="91"/>
      <c r="HC2787" s="91"/>
      <c r="HD2787" s="91"/>
      <c r="HE2787" s="91"/>
      <c r="HF2787" s="91"/>
      <c r="HG2787" s="91"/>
      <c r="HH2787" s="91"/>
      <c r="HI2787" s="91"/>
      <c r="HJ2787" s="91"/>
      <c r="HK2787" s="127"/>
      <c r="HL2787" s="126"/>
      <c r="HM2787" s="91"/>
      <c r="HN2787" s="91"/>
      <c r="HO2787" s="91"/>
      <c r="HP2787" s="91"/>
      <c r="HQ2787" s="91"/>
      <c r="HR2787" s="91"/>
      <c r="HS2787" s="91"/>
      <c r="HT2787" s="91"/>
      <c r="HU2787" s="91"/>
      <c r="HV2787" s="91"/>
      <c r="HW2787" s="91"/>
      <c r="HX2787" s="91"/>
      <c r="HY2787" s="91"/>
      <c r="HZ2787" s="91"/>
      <c r="IA2787" s="91"/>
      <c r="IB2787" s="91"/>
      <c r="IC2787" s="91"/>
      <c r="ID2787" s="91"/>
      <c r="IE2787" s="91"/>
      <c r="IF2787" s="91"/>
      <c r="IG2787" s="91"/>
      <c r="IH2787" s="91"/>
      <c r="II2787" s="91"/>
      <c r="IJ2787" s="91"/>
      <c r="IK2787" s="127"/>
    </row>
    <row r="2788" spans="2:245" x14ac:dyDescent="0.2">
      <c r="B2788" s="43"/>
      <c r="C2788" s="73"/>
      <c r="D2788" s="64"/>
      <c r="E2788" s="64"/>
      <c r="F2788" s="55"/>
      <c r="G2788" s="102"/>
      <c r="H2788" s="55"/>
      <c r="I2788" s="55"/>
      <c r="J2788" s="55"/>
      <c r="K2788" s="55"/>
      <c r="L2788" s="55"/>
      <c r="M2788" s="55"/>
      <c r="N2788" s="55"/>
      <c r="O2788" s="55"/>
      <c r="P2788" s="55"/>
      <c r="Q2788" s="55"/>
      <c r="R2788" s="55"/>
      <c r="S2788" s="55"/>
      <c r="T2788" s="55"/>
      <c r="U2788" s="55"/>
      <c r="V2788" s="55"/>
      <c r="W2788" s="55"/>
      <c r="X2788" s="55"/>
      <c r="Y2788" s="55"/>
      <c r="Z2788" s="55"/>
      <c r="AA2788" s="55"/>
      <c r="AB2788" s="55"/>
      <c r="AC2788" s="55"/>
      <c r="AD2788" s="55"/>
      <c r="AE2788" s="55"/>
      <c r="AF2788" s="55"/>
      <c r="AG2788" s="55"/>
      <c r="AY2788" s="162"/>
      <c r="AZ2788" s="162"/>
      <c r="BA2788" s="162"/>
      <c r="BB2788" s="162"/>
      <c r="BC2788" s="162"/>
      <c r="BD2788" s="162"/>
      <c r="BE2788" s="162"/>
      <c r="BF2788" s="162"/>
      <c r="BG2788" s="162"/>
      <c r="BH2788" s="162"/>
      <c r="BI2788" s="162"/>
      <c r="BJ2788" s="162"/>
      <c r="BK2788" s="162"/>
      <c r="BL2788" s="162"/>
      <c r="BM2788" s="162"/>
      <c r="BN2788" s="162"/>
      <c r="BO2788" s="162"/>
      <c r="BP2788" s="162"/>
      <c r="BQ2788" s="162"/>
      <c r="BR2788" s="162"/>
      <c r="BS2788" s="162"/>
      <c r="BT2788" s="162"/>
      <c r="BU2788" s="162"/>
      <c r="BV2788" s="162"/>
      <c r="BW2788" s="162"/>
      <c r="BX2788" s="162"/>
      <c r="BY2788" s="162"/>
      <c r="BZ2788" s="162"/>
      <c r="CA2788" s="162"/>
      <c r="CB2788" s="162"/>
      <c r="CC2788" s="162"/>
      <c r="CD2788" s="162"/>
      <c r="CE2788" s="162"/>
      <c r="CF2788" s="162"/>
      <c r="CG2788" s="162"/>
      <c r="CH2788" s="162"/>
      <c r="CI2788" s="162"/>
      <c r="CJ2788" s="162"/>
      <c r="CK2788" s="162"/>
      <c r="CX2788" s="98"/>
      <c r="DL2788" s="97"/>
      <c r="DX2788" s="98"/>
      <c r="EL2788" s="97"/>
      <c r="EX2788" s="98"/>
      <c r="EY2788" s="97"/>
      <c r="FL2788" s="126"/>
      <c r="FM2788" s="91"/>
      <c r="FN2788" s="91"/>
      <c r="FO2788" s="91"/>
      <c r="FP2788" s="91"/>
      <c r="FQ2788" s="91"/>
      <c r="FR2788" s="91"/>
      <c r="FS2788" s="91"/>
      <c r="FT2788" s="91"/>
      <c r="FU2788" s="91"/>
      <c r="FV2788" s="91"/>
      <c r="FW2788" s="91"/>
      <c r="FX2788" s="91"/>
      <c r="FY2788" s="91"/>
      <c r="FZ2788" s="91"/>
      <c r="GA2788" s="91"/>
      <c r="GB2788" s="91"/>
      <c r="GC2788" s="91"/>
      <c r="GD2788" s="91"/>
      <c r="GE2788" s="91"/>
      <c r="GF2788" s="91"/>
      <c r="GG2788" s="91"/>
      <c r="GH2788" s="91"/>
      <c r="GI2788" s="91"/>
      <c r="GJ2788" s="91"/>
      <c r="GK2788" s="127"/>
      <c r="GL2788" s="126"/>
      <c r="GM2788" s="91"/>
      <c r="GN2788" s="91"/>
      <c r="GO2788" s="91"/>
      <c r="GP2788" s="91"/>
      <c r="GQ2788" s="91"/>
      <c r="GR2788" s="91"/>
      <c r="GS2788" s="91"/>
      <c r="GT2788" s="91"/>
      <c r="GU2788" s="91"/>
      <c r="GV2788" s="91"/>
      <c r="GW2788" s="91"/>
      <c r="GX2788" s="91"/>
      <c r="GY2788" s="91"/>
      <c r="GZ2788" s="91"/>
      <c r="HA2788" s="91"/>
      <c r="HB2788" s="91"/>
      <c r="HC2788" s="91"/>
      <c r="HD2788" s="91"/>
      <c r="HE2788" s="91"/>
      <c r="HF2788" s="91"/>
      <c r="HG2788" s="91"/>
      <c r="HH2788" s="91"/>
      <c r="HI2788" s="91"/>
      <c r="HJ2788" s="91"/>
      <c r="HK2788" s="127"/>
      <c r="HL2788" s="126"/>
      <c r="HM2788" s="91"/>
      <c r="HN2788" s="91"/>
      <c r="HO2788" s="91"/>
      <c r="HP2788" s="91"/>
      <c r="HQ2788" s="91"/>
      <c r="HR2788" s="91"/>
      <c r="HS2788" s="91"/>
      <c r="HT2788" s="91"/>
      <c r="HU2788" s="91"/>
      <c r="HV2788" s="91"/>
      <c r="HW2788" s="91"/>
      <c r="HX2788" s="91"/>
      <c r="HY2788" s="91"/>
      <c r="HZ2788" s="91"/>
      <c r="IA2788" s="91"/>
      <c r="IB2788" s="91"/>
      <c r="IC2788" s="91"/>
      <c r="ID2788" s="91"/>
      <c r="IE2788" s="91"/>
      <c r="IF2788" s="91"/>
      <c r="IG2788" s="91"/>
      <c r="IH2788" s="91"/>
      <c r="II2788" s="91"/>
      <c r="IJ2788" s="91"/>
      <c r="IK2788" s="127"/>
    </row>
    <row r="2789" spans="2:245" x14ac:dyDescent="0.2">
      <c r="B2789" s="43"/>
      <c r="C2789" s="73"/>
      <c r="D2789" s="64"/>
      <c r="E2789" s="64"/>
      <c r="F2789" s="55"/>
      <c r="G2789" s="102"/>
      <c r="H2789" s="55"/>
      <c r="I2789" s="55"/>
      <c r="J2789" s="55"/>
      <c r="K2789" s="55"/>
      <c r="L2789" s="55"/>
      <c r="M2789" s="55"/>
      <c r="N2789" s="55"/>
      <c r="O2789" s="55"/>
      <c r="P2789" s="55"/>
      <c r="Q2789" s="55"/>
      <c r="R2789" s="55"/>
      <c r="S2789" s="55"/>
      <c r="T2789" s="55"/>
      <c r="U2789" s="55"/>
      <c r="V2789" s="55"/>
      <c r="W2789" s="55"/>
      <c r="X2789" s="55"/>
      <c r="Y2789" s="55"/>
      <c r="Z2789" s="55"/>
      <c r="AA2789" s="55"/>
      <c r="AB2789" s="55"/>
      <c r="AC2789" s="55"/>
      <c r="AD2789" s="55"/>
      <c r="AE2789" s="55"/>
      <c r="AF2789" s="55"/>
      <c r="AG2789" s="55"/>
      <c r="AY2789" s="162"/>
      <c r="AZ2789" s="162"/>
      <c r="BA2789" s="162"/>
      <c r="BB2789" s="162"/>
      <c r="BC2789" s="162"/>
      <c r="BD2789" s="162"/>
      <c r="BE2789" s="162"/>
      <c r="BF2789" s="162"/>
      <c r="BG2789" s="162"/>
      <c r="BH2789" s="162"/>
      <c r="BI2789" s="162"/>
      <c r="BJ2789" s="162"/>
      <c r="BK2789" s="162"/>
      <c r="BL2789" s="162"/>
      <c r="BM2789" s="162"/>
      <c r="BN2789" s="162"/>
      <c r="BO2789" s="162"/>
      <c r="BP2789" s="162"/>
      <c r="BQ2789" s="162"/>
      <c r="BR2789" s="162"/>
      <c r="BS2789" s="162"/>
      <c r="BT2789" s="162"/>
      <c r="BU2789" s="162"/>
      <c r="BV2789" s="162"/>
      <c r="BW2789" s="162"/>
      <c r="BX2789" s="162"/>
      <c r="BY2789" s="162"/>
      <c r="BZ2789" s="162"/>
      <c r="CA2789" s="162"/>
      <c r="CB2789" s="162"/>
      <c r="CC2789" s="162"/>
      <c r="CD2789" s="162"/>
      <c r="CE2789" s="162"/>
      <c r="CF2789" s="162"/>
      <c r="CG2789" s="162"/>
      <c r="CH2789" s="162"/>
      <c r="CI2789" s="162"/>
      <c r="CJ2789" s="162"/>
      <c r="CK2789" s="162"/>
      <c r="CX2789" s="98"/>
      <c r="DL2789" s="97"/>
      <c r="DX2789" s="98"/>
      <c r="EL2789" s="97"/>
      <c r="EX2789" s="98"/>
      <c r="EY2789" s="97"/>
      <c r="FL2789" s="126"/>
      <c r="FM2789" s="91"/>
      <c r="FN2789" s="91"/>
      <c r="FO2789" s="91"/>
      <c r="FP2789" s="91"/>
      <c r="FQ2789" s="91"/>
      <c r="FR2789" s="91"/>
      <c r="FS2789" s="91"/>
      <c r="FT2789" s="91"/>
      <c r="FU2789" s="91"/>
      <c r="FV2789" s="91"/>
      <c r="FW2789" s="91"/>
      <c r="FX2789" s="91"/>
      <c r="FY2789" s="91"/>
      <c r="FZ2789" s="91"/>
      <c r="GA2789" s="91"/>
      <c r="GB2789" s="91"/>
      <c r="GC2789" s="91"/>
      <c r="GD2789" s="91"/>
      <c r="GE2789" s="91"/>
      <c r="GF2789" s="91"/>
      <c r="GG2789" s="91"/>
      <c r="GH2789" s="91"/>
      <c r="GI2789" s="91"/>
      <c r="GJ2789" s="91"/>
      <c r="GK2789" s="127"/>
      <c r="GL2789" s="126"/>
      <c r="GM2789" s="91"/>
      <c r="GN2789" s="91"/>
      <c r="GO2789" s="91"/>
      <c r="GP2789" s="91"/>
      <c r="GQ2789" s="91"/>
      <c r="GR2789" s="91"/>
      <c r="GS2789" s="91"/>
      <c r="GT2789" s="91"/>
      <c r="GU2789" s="91"/>
      <c r="GV2789" s="91"/>
      <c r="GW2789" s="91"/>
      <c r="GX2789" s="91"/>
      <c r="GY2789" s="91"/>
      <c r="GZ2789" s="91"/>
      <c r="HA2789" s="91"/>
      <c r="HB2789" s="91"/>
      <c r="HC2789" s="91"/>
      <c r="HD2789" s="91"/>
      <c r="HE2789" s="91"/>
      <c r="HF2789" s="91"/>
      <c r="HG2789" s="91"/>
      <c r="HH2789" s="91"/>
      <c r="HI2789" s="91"/>
      <c r="HJ2789" s="91"/>
      <c r="HK2789" s="127"/>
      <c r="HL2789" s="126"/>
      <c r="HM2789" s="91"/>
      <c r="HN2789" s="91"/>
      <c r="HO2789" s="91"/>
      <c r="HP2789" s="91"/>
      <c r="HQ2789" s="91"/>
      <c r="HR2789" s="91"/>
      <c r="HS2789" s="91"/>
      <c r="HT2789" s="91"/>
      <c r="HU2789" s="91"/>
      <c r="HV2789" s="91"/>
      <c r="HW2789" s="91"/>
      <c r="HX2789" s="91"/>
      <c r="HY2789" s="91"/>
      <c r="HZ2789" s="91"/>
      <c r="IA2789" s="91"/>
      <c r="IB2789" s="91"/>
      <c r="IC2789" s="91"/>
      <c r="ID2789" s="91"/>
      <c r="IE2789" s="91"/>
      <c r="IF2789" s="91"/>
      <c r="IG2789" s="91"/>
      <c r="IH2789" s="91"/>
      <c r="II2789" s="91"/>
      <c r="IJ2789" s="91"/>
      <c r="IK2789" s="127"/>
    </row>
    <row r="2790" spans="2:245" x14ac:dyDescent="0.2">
      <c r="B2790" s="43"/>
      <c r="C2790" s="73"/>
      <c r="D2790" s="64"/>
      <c r="E2790" s="64"/>
      <c r="F2790" s="55"/>
      <c r="G2790" s="102"/>
      <c r="H2790" s="55"/>
      <c r="I2790" s="55"/>
      <c r="J2790" s="55"/>
      <c r="K2790" s="55"/>
      <c r="L2790" s="55"/>
      <c r="M2790" s="55"/>
      <c r="N2790" s="55"/>
      <c r="O2790" s="55"/>
      <c r="P2790" s="55"/>
      <c r="Q2790" s="55"/>
      <c r="R2790" s="55"/>
      <c r="S2790" s="55"/>
      <c r="T2790" s="55"/>
      <c r="U2790" s="55"/>
      <c r="V2790" s="55"/>
      <c r="W2790" s="55"/>
      <c r="X2790" s="55"/>
      <c r="Y2790" s="55"/>
      <c r="Z2790" s="55"/>
      <c r="AA2790" s="55"/>
      <c r="AB2790" s="55"/>
      <c r="AC2790" s="55"/>
      <c r="AD2790" s="55"/>
      <c r="AE2790" s="55"/>
      <c r="AF2790" s="55"/>
      <c r="AG2790" s="55"/>
      <c r="AY2790" s="162"/>
      <c r="AZ2790" s="162"/>
      <c r="BA2790" s="162"/>
      <c r="BB2790" s="162"/>
      <c r="BC2790" s="162"/>
      <c r="BD2790" s="162"/>
      <c r="BE2790" s="162"/>
      <c r="BF2790" s="162"/>
      <c r="BG2790" s="162"/>
      <c r="BH2790" s="162"/>
      <c r="BI2790" s="162"/>
      <c r="BJ2790" s="162"/>
      <c r="BK2790" s="162"/>
      <c r="BL2790" s="162"/>
      <c r="BM2790" s="162"/>
      <c r="BN2790" s="162"/>
      <c r="BO2790" s="162"/>
      <c r="BP2790" s="162"/>
      <c r="BQ2790" s="162"/>
      <c r="BR2790" s="162"/>
      <c r="BS2790" s="162"/>
      <c r="BT2790" s="162"/>
      <c r="BU2790" s="162"/>
      <c r="BV2790" s="162"/>
      <c r="BW2790" s="162"/>
      <c r="BX2790" s="162"/>
      <c r="BY2790" s="162"/>
      <c r="BZ2790" s="162"/>
      <c r="CA2790" s="162"/>
      <c r="CB2790" s="162"/>
      <c r="CC2790" s="162"/>
      <c r="CD2790" s="162"/>
      <c r="CE2790" s="162"/>
      <c r="CF2790" s="162"/>
      <c r="CG2790" s="162"/>
      <c r="CH2790" s="162"/>
      <c r="CI2790" s="162"/>
      <c r="CJ2790" s="162"/>
      <c r="CK2790" s="162"/>
      <c r="CX2790" s="98"/>
      <c r="DL2790" s="97"/>
      <c r="DX2790" s="98"/>
      <c r="EL2790" s="97"/>
      <c r="EX2790" s="98"/>
      <c r="EY2790" s="97"/>
      <c r="FL2790" s="126"/>
      <c r="FM2790" s="91"/>
      <c r="FN2790" s="91"/>
      <c r="FO2790" s="91"/>
      <c r="FP2790" s="91"/>
      <c r="FQ2790" s="91"/>
      <c r="FR2790" s="91"/>
      <c r="FS2790" s="91"/>
      <c r="FT2790" s="91"/>
      <c r="FU2790" s="91"/>
      <c r="FV2790" s="91"/>
      <c r="FW2790" s="91"/>
      <c r="FX2790" s="91"/>
      <c r="FY2790" s="91"/>
      <c r="FZ2790" s="91"/>
      <c r="GA2790" s="91"/>
      <c r="GB2790" s="91"/>
      <c r="GC2790" s="91"/>
      <c r="GD2790" s="91"/>
      <c r="GE2790" s="91"/>
      <c r="GF2790" s="91"/>
      <c r="GG2790" s="91"/>
      <c r="GH2790" s="91"/>
      <c r="GI2790" s="91"/>
      <c r="GJ2790" s="91"/>
      <c r="GK2790" s="127"/>
      <c r="GL2790" s="126"/>
      <c r="GM2790" s="91"/>
      <c r="GN2790" s="91"/>
      <c r="GO2790" s="91"/>
      <c r="GP2790" s="91"/>
      <c r="GQ2790" s="91"/>
      <c r="GR2790" s="91"/>
      <c r="GS2790" s="91"/>
      <c r="GT2790" s="91"/>
      <c r="GU2790" s="91"/>
      <c r="GV2790" s="91"/>
      <c r="GW2790" s="91"/>
      <c r="GX2790" s="91"/>
      <c r="GY2790" s="91"/>
      <c r="GZ2790" s="91"/>
      <c r="HA2790" s="91"/>
      <c r="HB2790" s="91"/>
      <c r="HC2790" s="91"/>
      <c r="HD2790" s="91"/>
      <c r="HE2790" s="91"/>
      <c r="HF2790" s="91"/>
      <c r="HG2790" s="91"/>
      <c r="HH2790" s="91"/>
      <c r="HI2790" s="91"/>
      <c r="HJ2790" s="91"/>
      <c r="HK2790" s="127"/>
      <c r="HL2790" s="126"/>
      <c r="HM2790" s="91"/>
      <c r="HN2790" s="91"/>
      <c r="HO2790" s="91"/>
      <c r="HP2790" s="91"/>
      <c r="HQ2790" s="91"/>
      <c r="HR2790" s="91"/>
      <c r="HS2790" s="91"/>
      <c r="HT2790" s="91"/>
      <c r="HU2790" s="91"/>
      <c r="HV2790" s="91"/>
      <c r="HW2790" s="91"/>
      <c r="HX2790" s="91"/>
      <c r="HY2790" s="91"/>
      <c r="HZ2790" s="91"/>
      <c r="IA2790" s="91"/>
      <c r="IB2790" s="91"/>
      <c r="IC2790" s="91"/>
      <c r="ID2790" s="91"/>
      <c r="IE2790" s="91"/>
      <c r="IF2790" s="91"/>
      <c r="IG2790" s="91"/>
      <c r="IH2790" s="91"/>
      <c r="II2790" s="91"/>
      <c r="IJ2790" s="91"/>
      <c r="IK2790" s="127"/>
    </row>
    <row r="2791" spans="2:245" x14ac:dyDescent="0.2">
      <c r="B2791" s="43"/>
      <c r="C2791" s="73"/>
      <c r="D2791" s="64"/>
      <c r="E2791" s="64"/>
      <c r="F2791" s="55"/>
      <c r="G2791" s="102"/>
      <c r="H2791" s="55"/>
      <c r="I2791" s="55"/>
      <c r="J2791" s="55"/>
      <c r="K2791" s="55"/>
      <c r="L2791" s="55"/>
      <c r="M2791" s="55"/>
      <c r="N2791" s="55"/>
      <c r="O2791" s="55"/>
      <c r="P2791" s="55"/>
      <c r="Q2791" s="55"/>
      <c r="R2791" s="55"/>
      <c r="S2791" s="55"/>
      <c r="T2791" s="55"/>
      <c r="U2791" s="55"/>
      <c r="V2791" s="55"/>
      <c r="W2791" s="55"/>
      <c r="X2791" s="55"/>
      <c r="Y2791" s="55"/>
      <c r="Z2791" s="55"/>
      <c r="AA2791" s="55"/>
      <c r="AB2791" s="55"/>
      <c r="AC2791" s="55"/>
      <c r="AD2791" s="55"/>
      <c r="AE2791" s="55"/>
      <c r="AF2791" s="55"/>
      <c r="AG2791" s="55"/>
      <c r="AY2791" s="162"/>
      <c r="AZ2791" s="162"/>
      <c r="BA2791" s="162"/>
      <c r="BB2791" s="162"/>
      <c r="BC2791" s="162"/>
      <c r="BD2791" s="162"/>
      <c r="BE2791" s="162"/>
      <c r="BF2791" s="162"/>
      <c r="BG2791" s="162"/>
      <c r="BH2791" s="162"/>
      <c r="BI2791" s="162"/>
      <c r="BJ2791" s="162"/>
      <c r="BK2791" s="162"/>
      <c r="BL2791" s="162"/>
      <c r="BM2791" s="162"/>
      <c r="BN2791" s="162"/>
      <c r="BO2791" s="162"/>
      <c r="BP2791" s="162"/>
      <c r="BQ2791" s="162"/>
      <c r="BR2791" s="162"/>
      <c r="BS2791" s="162"/>
      <c r="BT2791" s="162"/>
      <c r="BU2791" s="162"/>
      <c r="BV2791" s="162"/>
      <c r="BW2791" s="162"/>
      <c r="BX2791" s="162"/>
      <c r="BY2791" s="162"/>
      <c r="BZ2791" s="162"/>
      <c r="CA2791" s="162"/>
      <c r="CB2791" s="162"/>
      <c r="CC2791" s="162"/>
      <c r="CD2791" s="162"/>
      <c r="CE2791" s="162"/>
      <c r="CF2791" s="162"/>
      <c r="CG2791" s="162"/>
      <c r="CH2791" s="162"/>
      <c r="CI2791" s="162"/>
      <c r="CJ2791" s="162"/>
      <c r="CK2791" s="162"/>
      <c r="CX2791" s="98"/>
      <c r="DL2791" s="97"/>
      <c r="DX2791" s="98"/>
      <c r="EL2791" s="97"/>
      <c r="EX2791" s="98"/>
      <c r="EY2791" s="97"/>
      <c r="FL2791" s="126"/>
      <c r="FM2791" s="91"/>
      <c r="FN2791" s="91"/>
      <c r="FO2791" s="91"/>
      <c r="FP2791" s="91"/>
      <c r="FQ2791" s="91"/>
      <c r="FR2791" s="91"/>
      <c r="FS2791" s="91"/>
      <c r="FT2791" s="91"/>
      <c r="FU2791" s="91"/>
      <c r="FV2791" s="91"/>
      <c r="FW2791" s="91"/>
      <c r="FX2791" s="91"/>
      <c r="FY2791" s="91"/>
      <c r="FZ2791" s="91"/>
      <c r="GA2791" s="91"/>
      <c r="GB2791" s="91"/>
      <c r="GC2791" s="91"/>
      <c r="GD2791" s="91"/>
      <c r="GE2791" s="91"/>
      <c r="GF2791" s="91"/>
      <c r="GG2791" s="91"/>
      <c r="GH2791" s="91"/>
      <c r="GI2791" s="91"/>
      <c r="GJ2791" s="91"/>
      <c r="GK2791" s="127"/>
      <c r="GL2791" s="126"/>
      <c r="GM2791" s="91"/>
      <c r="GN2791" s="91"/>
      <c r="GO2791" s="91"/>
      <c r="GP2791" s="91"/>
      <c r="GQ2791" s="91"/>
      <c r="GR2791" s="91"/>
      <c r="GS2791" s="91"/>
      <c r="GT2791" s="91"/>
      <c r="GU2791" s="91"/>
      <c r="GV2791" s="91"/>
      <c r="GW2791" s="91"/>
      <c r="GX2791" s="91"/>
      <c r="GY2791" s="91"/>
      <c r="GZ2791" s="91"/>
      <c r="HA2791" s="91"/>
      <c r="HB2791" s="91"/>
      <c r="HC2791" s="91"/>
      <c r="HD2791" s="91"/>
      <c r="HE2791" s="91"/>
      <c r="HF2791" s="91"/>
      <c r="HG2791" s="91"/>
      <c r="HH2791" s="91"/>
      <c r="HI2791" s="91"/>
      <c r="HJ2791" s="91"/>
      <c r="HK2791" s="127"/>
      <c r="HL2791" s="126"/>
      <c r="HM2791" s="91"/>
      <c r="HN2791" s="91"/>
      <c r="HO2791" s="91"/>
      <c r="HP2791" s="91"/>
      <c r="HQ2791" s="91"/>
      <c r="HR2791" s="91"/>
      <c r="HS2791" s="91"/>
      <c r="HT2791" s="91"/>
      <c r="HU2791" s="91"/>
      <c r="HV2791" s="91"/>
      <c r="HW2791" s="91"/>
      <c r="HX2791" s="91"/>
      <c r="HY2791" s="91"/>
      <c r="HZ2791" s="91"/>
      <c r="IA2791" s="91"/>
      <c r="IB2791" s="91"/>
      <c r="IC2791" s="91"/>
      <c r="ID2791" s="91"/>
      <c r="IE2791" s="91"/>
      <c r="IF2791" s="91"/>
      <c r="IG2791" s="91"/>
      <c r="IH2791" s="91"/>
      <c r="II2791" s="91"/>
      <c r="IJ2791" s="91"/>
      <c r="IK2791" s="127"/>
    </row>
    <row r="2792" spans="2:245" x14ac:dyDescent="0.2">
      <c r="B2792" s="43"/>
      <c r="C2792" s="73"/>
      <c r="D2792" s="64"/>
      <c r="E2792" s="64"/>
      <c r="F2792" s="55"/>
      <c r="G2792" s="102"/>
      <c r="H2792" s="55"/>
      <c r="I2792" s="55"/>
      <c r="J2792" s="55"/>
      <c r="K2792" s="55"/>
      <c r="L2792" s="55"/>
      <c r="M2792" s="55"/>
      <c r="N2792" s="55"/>
      <c r="O2792" s="55"/>
      <c r="P2792" s="55"/>
      <c r="Q2792" s="55"/>
      <c r="R2792" s="55"/>
      <c r="S2792" s="55"/>
      <c r="T2792" s="55"/>
      <c r="U2792" s="55"/>
      <c r="V2792" s="55"/>
      <c r="W2792" s="55"/>
      <c r="X2792" s="55"/>
      <c r="Y2792" s="55"/>
      <c r="Z2792" s="55"/>
      <c r="AA2792" s="55"/>
      <c r="AB2792" s="55"/>
      <c r="AC2792" s="55"/>
      <c r="AD2792" s="55"/>
      <c r="AE2792" s="55"/>
      <c r="AF2792" s="55"/>
      <c r="AG2792" s="55"/>
      <c r="AY2792" s="162"/>
      <c r="AZ2792" s="162"/>
      <c r="BA2792" s="162"/>
      <c r="BB2792" s="162"/>
      <c r="BC2792" s="162"/>
      <c r="BD2792" s="162"/>
      <c r="BE2792" s="162"/>
      <c r="BF2792" s="162"/>
      <c r="BG2792" s="162"/>
      <c r="BH2792" s="162"/>
      <c r="BI2792" s="162"/>
      <c r="BJ2792" s="162"/>
      <c r="BK2792" s="162"/>
      <c r="BL2792" s="162"/>
      <c r="BM2792" s="162"/>
      <c r="BN2792" s="162"/>
      <c r="BO2792" s="162"/>
      <c r="BP2792" s="162"/>
      <c r="BQ2792" s="162"/>
      <c r="BR2792" s="162"/>
      <c r="BS2792" s="162"/>
      <c r="BT2792" s="162"/>
      <c r="BU2792" s="162"/>
      <c r="BV2792" s="162"/>
      <c r="BW2792" s="162"/>
      <c r="BX2792" s="162"/>
      <c r="BY2792" s="162"/>
      <c r="BZ2792" s="162"/>
      <c r="CA2792" s="162"/>
      <c r="CB2792" s="162"/>
      <c r="CC2792" s="162"/>
      <c r="CD2792" s="162"/>
      <c r="CE2792" s="162"/>
      <c r="CF2792" s="162"/>
      <c r="CG2792" s="162"/>
      <c r="CH2792" s="162"/>
      <c r="CI2792" s="162"/>
      <c r="CJ2792" s="162"/>
      <c r="CK2792" s="162"/>
      <c r="CX2792" s="98"/>
      <c r="DL2792" s="97"/>
      <c r="DX2792" s="98"/>
      <c r="EL2792" s="97"/>
      <c r="EX2792" s="98"/>
      <c r="EY2792" s="97"/>
      <c r="FL2792" s="126"/>
      <c r="FM2792" s="91"/>
      <c r="FN2792" s="91"/>
      <c r="FO2792" s="91"/>
      <c r="FP2792" s="91"/>
      <c r="FQ2792" s="91"/>
      <c r="FR2792" s="91"/>
      <c r="FS2792" s="91"/>
      <c r="FT2792" s="91"/>
      <c r="FU2792" s="91"/>
      <c r="FV2792" s="91"/>
      <c r="FW2792" s="91"/>
      <c r="FX2792" s="91"/>
      <c r="FY2792" s="91"/>
      <c r="FZ2792" s="91"/>
      <c r="GA2792" s="91"/>
      <c r="GB2792" s="91"/>
      <c r="GC2792" s="91"/>
      <c r="GD2792" s="91"/>
      <c r="GE2792" s="91"/>
      <c r="GF2792" s="91"/>
      <c r="GG2792" s="91"/>
      <c r="GH2792" s="91"/>
      <c r="GI2792" s="91"/>
      <c r="GJ2792" s="91"/>
      <c r="GK2792" s="127"/>
      <c r="GL2792" s="126"/>
      <c r="GM2792" s="91"/>
      <c r="GN2792" s="91"/>
      <c r="GO2792" s="91"/>
      <c r="GP2792" s="91"/>
      <c r="GQ2792" s="91"/>
      <c r="GR2792" s="91"/>
      <c r="GS2792" s="91"/>
      <c r="GT2792" s="91"/>
      <c r="GU2792" s="91"/>
      <c r="GV2792" s="91"/>
      <c r="GW2792" s="91"/>
      <c r="GX2792" s="91"/>
      <c r="GY2792" s="91"/>
      <c r="GZ2792" s="91"/>
      <c r="HA2792" s="91"/>
      <c r="HB2792" s="91"/>
      <c r="HC2792" s="91"/>
      <c r="HD2792" s="91"/>
      <c r="HE2792" s="91"/>
      <c r="HF2792" s="91"/>
      <c r="HG2792" s="91"/>
      <c r="HH2792" s="91"/>
      <c r="HI2792" s="91"/>
      <c r="HJ2792" s="91"/>
      <c r="HK2792" s="127"/>
      <c r="HL2792" s="126"/>
      <c r="HM2792" s="91"/>
      <c r="HN2792" s="91"/>
      <c r="HO2792" s="91"/>
      <c r="HP2792" s="91"/>
      <c r="HQ2792" s="91"/>
      <c r="HR2792" s="91"/>
      <c r="HS2792" s="91"/>
      <c r="HT2792" s="91"/>
      <c r="HU2792" s="91"/>
      <c r="HV2792" s="91"/>
      <c r="HW2792" s="91"/>
      <c r="HX2792" s="91"/>
      <c r="HY2792" s="91"/>
      <c r="HZ2792" s="91"/>
      <c r="IA2792" s="91"/>
      <c r="IB2792" s="91"/>
      <c r="IC2792" s="91"/>
      <c r="ID2792" s="91"/>
      <c r="IE2792" s="91"/>
      <c r="IF2792" s="91"/>
      <c r="IG2792" s="91"/>
      <c r="IH2792" s="91"/>
      <c r="II2792" s="91"/>
      <c r="IJ2792" s="91"/>
      <c r="IK2792" s="127"/>
    </row>
    <row r="2793" spans="2:245" x14ac:dyDescent="0.2">
      <c r="B2793" s="43"/>
      <c r="C2793" s="73"/>
      <c r="D2793" s="64"/>
      <c r="E2793" s="64"/>
      <c r="F2793" s="55"/>
      <c r="G2793" s="102"/>
      <c r="H2793" s="55"/>
      <c r="I2793" s="55"/>
      <c r="J2793" s="55"/>
      <c r="K2793" s="55"/>
      <c r="L2793" s="55"/>
      <c r="M2793" s="55"/>
      <c r="N2793" s="55"/>
      <c r="O2793" s="55"/>
      <c r="P2793" s="55"/>
      <c r="Q2793" s="55"/>
      <c r="R2793" s="55"/>
      <c r="S2793" s="55"/>
      <c r="T2793" s="55"/>
      <c r="U2793" s="55"/>
      <c r="V2793" s="55"/>
      <c r="W2793" s="55"/>
      <c r="X2793" s="55"/>
      <c r="Y2793" s="55"/>
      <c r="Z2793" s="55"/>
      <c r="AA2793" s="55"/>
      <c r="AB2793" s="55"/>
      <c r="AC2793" s="55"/>
      <c r="AD2793" s="55"/>
      <c r="AE2793" s="55"/>
      <c r="AF2793" s="55"/>
      <c r="AG2793" s="55"/>
      <c r="AY2793" s="162"/>
      <c r="AZ2793" s="162"/>
      <c r="BA2793" s="162"/>
      <c r="BB2793" s="162"/>
      <c r="BC2793" s="162"/>
      <c r="BD2793" s="162"/>
      <c r="BE2793" s="162"/>
      <c r="BF2793" s="162"/>
      <c r="BG2793" s="162"/>
      <c r="BH2793" s="162"/>
      <c r="BI2793" s="162"/>
      <c r="BJ2793" s="162"/>
      <c r="BK2793" s="162"/>
      <c r="BL2793" s="162"/>
      <c r="BM2793" s="162"/>
      <c r="BN2793" s="162"/>
      <c r="BO2793" s="162"/>
      <c r="BP2793" s="162"/>
      <c r="BQ2793" s="162"/>
      <c r="BR2793" s="162"/>
      <c r="BS2793" s="162"/>
      <c r="BT2793" s="162"/>
      <c r="BU2793" s="162"/>
      <c r="BV2793" s="162"/>
      <c r="BW2793" s="162"/>
      <c r="BX2793" s="162"/>
      <c r="BY2793" s="162"/>
      <c r="BZ2793" s="162"/>
      <c r="CA2793" s="162"/>
      <c r="CB2793" s="162"/>
      <c r="CC2793" s="162"/>
      <c r="CD2793" s="162"/>
      <c r="CE2793" s="162"/>
      <c r="CF2793" s="162"/>
      <c r="CG2793" s="162"/>
      <c r="CH2793" s="162"/>
      <c r="CI2793" s="162"/>
      <c r="CJ2793" s="162"/>
      <c r="CK2793" s="162"/>
      <c r="CX2793" s="98"/>
      <c r="DL2793" s="97"/>
      <c r="DX2793" s="98"/>
      <c r="EL2793" s="97"/>
      <c r="EX2793" s="98"/>
      <c r="EY2793" s="97"/>
      <c r="FL2793" s="126"/>
      <c r="FM2793" s="91"/>
      <c r="FN2793" s="91"/>
      <c r="FO2793" s="91"/>
      <c r="FP2793" s="91"/>
      <c r="FQ2793" s="91"/>
      <c r="FR2793" s="91"/>
      <c r="FS2793" s="91"/>
      <c r="FT2793" s="91"/>
      <c r="FU2793" s="91"/>
      <c r="FV2793" s="91"/>
      <c r="FW2793" s="91"/>
      <c r="FX2793" s="91"/>
      <c r="FY2793" s="91"/>
      <c r="FZ2793" s="91"/>
      <c r="GA2793" s="91"/>
      <c r="GB2793" s="91"/>
      <c r="GC2793" s="91"/>
      <c r="GD2793" s="91"/>
      <c r="GE2793" s="91"/>
      <c r="GF2793" s="91"/>
      <c r="GG2793" s="91"/>
      <c r="GH2793" s="91"/>
      <c r="GI2793" s="91"/>
      <c r="GJ2793" s="91"/>
      <c r="GK2793" s="127"/>
      <c r="GL2793" s="126"/>
      <c r="GM2793" s="91"/>
      <c r="GN2793" s="91"/>
      <c r="GO2793" s="91"/>
      <c r="GP2793" s="91"/>
      <c r="GQ2793" s="91"/>
      <c r="GR2793" s="91"/>
      <c r="GS2793" s="91"/>
      <c r="GT2793" s="91"/>
      <c r="GU2793" s="91"/>
      <c r="GV2793" s="91"/>
      <c r="GW2793" s="91"/>
      <c r="GX2793" s="91"/>
      <c r="GY2793" s="91"/>
      <c r="GZ2793" s="91"/>
      <c r="HA2793" s="91"/>
      <c r="HB2793" s="91"/>
      <c r="HC2793" s="91"/>
      <c r="HD2793" s="91"/>
      <c r="HE2793" s="91"/>
      <c r="HF2793" s="91"/>
      <c r="HG2793" s="91"/>
      <c r="HH2793" s="91"/>
      <c r="HI2793" s="91"/>
      <c r="HJ2793" s="91"/>
      <c r="HK2793" s="127"/>
      <c r="HL2793" s="126"/>
      <c r="HM2793" s="91"/>
      <c r="HN2793" s="91"/>
      <c r="HO2793" s="91"/>
      <c r="HP2793" s="91"/>
      <c r="HQ2793" s="91"/>
      <c r="HR2793" s="91"/>
      <c r="HS2793" s="91"/>
      <c r="HT2793" s="91"/>
      <c r="HU2793" s="91"/>
      <c r="HV2793" s="91"/>
      <c r="HW2793" s="91"/>
      <c r="HX2793" s="91"/>
      <c r="HY2793" s="91"/>
      <c r="HZ2793" s="91"/>
      <c r="IA2793" s="91"/>
      <c r="IB2793" s="91"/>
      <c r="IC2793" s="91"/>
      <c r="ID2793" s="91"/>
      <c r="IE2793" s="91"/>
      <c r="IF2793" s="91"/>
      <c r="IG2793" s="91"/>
      <c r="IH2793" s="91"/>
      <c r="II2793" s="91"/>
      <c r="IJ2793" s="91"/>
      <c r="IK2793" s="127"/>
    </row>
    <row r="2794" spans="2:245" x14ac:dyDescent="0.2">
      <c r="B2794" s="43"/>
      <c r="C2794" s="73"/>
      <c r="D2794" s="64"/>
      <c r="E2794" s="64"/>
      <c r="F2794" s="55"/>
      <c r="G2794" s="102"/>
      <c r="H2794" s="55"/>
      <c r="I2794" s="55"/>
      <c r="J2794" s="55"/>
      <c r="K2794" s="55"/>
      <c r="L2794" s="55"/>
      <c r="M2794" s="55"/>
      <c r="N2794" s="55"/>
      <c r="O2794" s="55"/>
      <c r="P2794" s="55"/>
      <c r="Q2794" s="55"/>
      <c r="R2794" s="55"/>
      <c r="S2794" s="55"/>
      <c r="T2794" s="55"/>
      <c r="U2794" s="55"/>
      <c r="V2794" s="55"/>
      <c r="W2794" s="55"/>
      <c r="X2794" s="55"/>
      <c r="Y2794" s="55"/>
      <c r="Z2794" s="55"/>
      <c r="AA2794" s="55"/>
      <c r="AB2794" s="55"/>
      <c r="AC2794" s="55"/>
      <c r="AD2794" s="55"/>
      <c r="AE2794" s="55"/>
      <c r="AF2794" s="55"/>
      <c r="AG2794" s="55"/>
      <c r="AY2794" s="162"/>
      <c r="AZ2794" s="162"/>
      <c r="BA2794" s="162"/>
      <c r="BB2794" s="162"/>
      <c r="BC2794" s="162"/>
      <c r="BD2794" s="162"/>
      <c r="BE2794" s="162"/>
      <c r="BF2794" s="162"/>
      <c r="BG2794" s="162"/>
      <c r="BH2794" s="162"/>
      <c r="BI2794" s="162"/>
      <c r="BJ2794" s="162"/>
      <c r="BK2794" s="162"/>
      <c r="BL2794" s="162"/>
      <c r="BM2794" s="162"/>
      <c r="BN2794" s="162"/>
      <c r="BO2794" s="162"/>
      <c r="BP2794" s="162"/>
      <c r="BQ2794" s="162"/>
      <c r="BR2794" s="162"/>
      <c r="BS2794" s="162"/>
      <c r="BT2794" s="162"/>
      <c r="BU2794" s="162"/>
      <c r="BV2794" s="162"/>
      <c r="BW2794" s="162"/>
      <c r="BX2794" s="162"/>
      <c r="BY2794" s="162"/>
      <c r="BZ2794" s="162"/>
      <c r="CA2794" s="162"/>
      <c r="CB2794" s="162"/>
      <c r="CC2794" s="162"/>
      <c r="CD2794" s="162"/>
      <c r="CE2794" s="162"/>
      <c r="CF2794" s="162"/>
      <c r="CG2794" s="162"/>
      <c r="CH2794" s="162"/>
      <c r="CI2794" s="162"/>
      <c r="CJ2794" s="162"/>
      <c r="CK2794" s="162"/>
      <c r="CX2794" s="98"/>
      <c r="DL2794" s="97"/>
      <c r="DX2794" s="98"/>
      <c r="EL2794" s="97"/>
      <c r="EX2794" s="98"/>
      <c r="EY2794" s="97"/>
      <c r="FL2794" s="126"/>
      <c r="FM2794" s="91"/>
      <c r="FN2794" s="91"/>
      <c r="FO2794" s="91"/>
      <c r="FP2794" s="91"/>
      <c r="FQ2794" s="91"/>
      <c r="FR2794" s="91"/>
      <c r="FS2794" s="91"/>
      <c r="FT2794" s="91"/>
      <c r="FU2794" s="91"/>
      <c r="FV2794" s="91"/>
      <c r="FW2794" s="91"/>
      <c r="FX2794" s="91"/>
      <c r="FY2794" s="91"/>
      <c r="FZ2794" s="91"/>
      <c r="GA2794" s="91"/>
      <c r="GB2794" s="91"/>
      <c r="GC2794" s="91"/>
      <c r="GD2794" s="91"/>
      <c r="GE2794" s="91"/>
      <c r="GF2794" s="91"/>
      <c r="GG2794" s="91"/>
      <c r="GH2794" s="91"/>
      <c r="GI2794" s="91"/>
      <c r="GJ2794" s="91"/>
      <c r="GK2794" s="127"/>
      <c r="GL2794" s="126"/>
      <c r="GM2794" s="91"/>
      <c r="GN2794" s="91"/>
      <c r="GO2794" s="91"/>
      <c r="GP2794" s="91"/>
      <c r="GQ2794" s="91"/>
      <c r="GR2794" s="91"/>
      <c r="GS2794" s="91"/>
      <c r="GT2794" s="91"/>
      <c r="GU2794" s="91"/>
      <c r="GV2794" s="91"/>
      <c r="GW2794" s="91"/>
      <c r="GX2794" s="91"/>
      <c r="GY2794" s="91"/>
      <c r="GZ2794" s="91"/>
      <c r="HA2794" s="91"/>
      <c r="HB2794" s="91"/>
      <c r="HC2794" s="91"/>
      <c r="HD2794" s="91"/>
      <c r="HE2794" s="91"/>
      <c r="HF2794" s="91"/>
      <c r="HG2794" s="91"/>
      <c r="HH2794" s="91"/>
      <c r="HI2794" s="91"/>
      <c r="HJ2794" s="91"/>
      <c r="HK2794" s="127"/>
      <c r="HL2794" s="126"/>
      <c r="HM2794" s="91"/>
      <c r="HN2794" s="91"/>
      <c r="HO2794" s="91"/>
      <c r="HP2794" s="91"/>
      <c r="HQ2794" s="91"/>
      <c r="HR2794" s="91"/>
      <c r="HS2794" s="91"/>
      <c r="HT2794" s="91"/>
      <c r="HU2794" s="91"/>
      <c r="HV2794" s="91"/>
      <c r="HW2794" s="91"/>
      <c r="HX2794" s="91"/>
      <c r="HY2794" s="91"/>
      <c r="HZ2794" s="91"/>
      <c r="IA2794" s="91"/>
      <c r="IB2794" s="91"/>
      <c r="IC2794" s="91"/>
      <c r="ID2794" s="91"/>
      <c r="IE2794" s="91"/>
      <c r="IF2794" s="91"/>
      <c r="IG2794" s="91"/>
      <c r="IH2794" s="91"/>
      <c r="II2794" s="91"/>
      <c r="IJ2794" s="91"/>
      <c r="IK2794" s="127"/>
    </row>
    <row r="2795" spans="2:245" x14ac:dyDescent="0.2">
      <c r="B2795" s="43"/>
      <c r="C2795" s="73"/>
      <c r="D2795" s="64"/>
      <c r="E2795" s="64"/>
      <c r="F2795" s="55"/>
      <c r="G2795" s="102"/>
      <c r="H2795" s="55"/>
      <c r="I2795" s="55"/>
      <c r="J2795" s="55"/>
      <c r="K2795" s="55"/>
      <c r="L2795" s="55"/>
      <c r="M2795" s="55"/>
      <c r="N2795" s="55"/>
      <c r="O2795" s="55"/>
      <c r="P2795" s="55"/>
      <c r="Q2795" s="55"/>
      <c r="R2795" s="55"/>
      <c r="S2795" s="55"/>
      <c r="T2795" s="55"/>
      <c r="U2795" s="55"/>
      <c r="V2795" s="55"/>
      <c r="W2795" s="55"/>
      <c r="X2795" s="55"/>
      <c r="Y2795" s="55"/>
      <c r="Z2795" s="55"/>
      <c r="AA2795" s="55"/>
      <c r="AB2795" s="55"/>
      <c r="AC2795" s="55"/>
      <c r="AD2795" s="55"/>
      <c r="AE2795" s="55"/>
      <c r="AF2795" s="55"/>
      <c r="AG2795" s="55"/>
      <c r="AY2795" s="162"/>
      <c r="AZ2795" s="162"/>
      <c r="BA2795" s="162"/>
      <c r="BB2795" s="162"/>
      <c r="BC2795" s="162"/>
      <c r="BD2795" s="162"/>
      <c r="BE2795" s="162"/>
      <c r="BF2795" s="162"/>
      <c r="BG2795" s="162"/>
      <c r="BH2795" s="162"/>
      <c r="BI2795" s="162"/>
      <c r="BJ2795" s="162"/>
      <c r="BK2795" s="162"/>
      <c r="BL2795" s="162"/>
      <c r="BM2795" s="162"/>
      <c r="BN2795" s="162"/>
      <c r="BO2795" s="162"/>
      <c r="BP2795" s="162"/>
      <c r="BQ2795" s="162"/>
      <c r="BR2795" s="162"/>
      <c r="BS2795" s="162"/>
      <c r="BT2795" s="162"/>
      <c r="BU2795" s="162"/>
      <c r="BV2795" s="162"/>
      <c r="BW2795" s="162"/>
      <c r="BX2795" s="162"/>
      <c r="BY2795" s="162"/>
      <c r="BZ2795" s="162"/>
      <c r="CA2795" s="162"/>
      <c r="CB2795" s="162"/>
      <c r="CC2795" s="162"/>
      <c r="CD2795" s="162"/>
      <c r="CE2795" s="162"/>
      <c r="CF2795" s="162"/>
      <c r="CG2795" s="162"/>
      <c r="CH2795" s="162"/>
      <c r="CI2795" s="162"/>
      <c r="CJ2795" s="162"/>
      <c r="CK2795" s="162"/>
      <c r="CX2795" s="98"/>
      <c r="DL2795" s="97"/>
      <c r="DX2795" s="98"/>
      <c r="EL2795" s="97"/>
      <c r="EX2795" s="98"/>
      <c r="EY2795" s="97"/>
      <c r="FL2795" s="126"/>
      <c r="FM2795" s="91"/>
      <c r="FN2795" s="91"/>
      <c r="FO2795" s="91"/>
      <c r="FP2795" s="91"/>
      <c r="FQ2795" s="91"/>
      <c r="FR2795" s="91"/>
      <c r="FS2795" s="91"/>
      <c r="FT2795" s="91"/>
      <c r="FU2795" s="91"/>
      <c r="FV2795" s="91"/>
      <c r="FW2795" s="91"/>
      <c r="FX2795" s="91"/>
      <c r="FY2795" s="91"/>
      <c r="FZ2795" s="91"/>
      <c r="GA2795" s="91"/>
      <c r="GB2795" s="91"/>
      <c r="GC2795" s="91"/>
      <c r="GD2795" s="91"/>
      <c r="GE2795" s="91"/>
      <c r="GF2795" s="91"/>
      <c r="GG2795" s="91"/>
      <c r="GH2795" s="91"/>
      <c r="GI2795" s="91"/>
      <c r="GJ2795" s="91"/>
      <c r="GK2795" s="127"/>
      <c r="GL2795" s="126"/>
      <c r="GM2795" s="91"/>
      <c r="GN2795" s="91"/>
      <c r="GO2795" s="91"/>
      <c r="GP2795" s="91"/>
      <c r="GQ2795" s="91"/>
      <c r="GR2795" s="91"/>
      <c r="GS2795" s="91"/>
      <c r="GT2795" s="91"/>
      <c r="GU2795" s="91"/>
      <c r="GV2795" s="91"/>
      <c r="GW2795" s="91"/>
      <c r="GX2795" s="91"/>
      <c r="GY2795" s="91"/>
      <c r="GZ2795" s="91"/>
      <c r="HA2795" s="91"/>
      <c r="HB2795" s="91"/>
      <c r="HC2795" s="91"/>
      <c r="HD2795" s="91"/>
      <c r="HE2795" s="91"/>
      <c r="HF2795" s="91"/>
      <c r="HG2795" s="91"/>
      <c r="HH2795" s="91"/>
      <c r="HI2795" s="91"/>
      <c r="HJ2795" s="91"/>
      <c r="HK2795" s="127"/>
      <c r="HL2795" s="126"/>
      <c r="HM2795" s="91"/>
      <c r="HN2795" s="91"/>
      <c r="HO2795" s="91"/>
      <c r="HP2795" s="91"/>
      <c r="HQ2795" s="91"/>
      <c r="HR2795" s="91"/>
      <c r="HS2795" s="91"/>
      <c r="HT2795" s="91"/>
      <c r="HU2795" s="91"/>
      <c r="HV2795" s="91"/>
      <c r="HW2795" s="91"/>
      <c r="HX2795" s="91"/>
      <c r="HY2795" s="91"/>
      <c r="HZ2795" s="91"/>
      <c r="IA2795" s="91"/>
      <c r="IB2795" s="91"/>
      <c r="IC2795" s="91"/>
      <c r="ID2795" s="91"/>
      <c r="IE2795" s="91"/>
      <c r="IF2795" s="91"/>
      <c r="IG2795" s="91"/>
      <c r="IH2795" s="91"/>
      <c r="II2795" s="91"/>
      <c r="IJ2795" s="91"/>
      <c r="IK2795" s="127"/>
    </row>
    <row r="2796" spans="2:245" x14ac:dyDescent="0.2">
      <c r="B2796" s="43"/>
      <c r="C2796" s="73"/>
      <c r="D2796" s="64"/>
      <c r="E2796" s="64"/>
      <c r="F2796" s="55"/>
      <c r="G2796" s="102"/>
      <c r="H2796" s="55"/>
      <c r="I2796" s="55"/>
      <c r="J2796" s="55"/>
      <c r="K2796" s="55"/>
      <c r="L2796" s="55"/>
      <c r="M2796" s="55"/>
      <c r="N2796" s="55"/>
      <c r="O2796" s="55"/>
      <c r="P2796" s="55"/>
      <c r="Q2796" s="55"/>
      <c r="R2796" s="55"/>
      <c r="S2796" s="55"/>
      <c r="T2796" s="55"/>
      <c r="U2796" s="55"/>
      <c r="V2796" s="55"/>
      <c r="W2796" s="55"/>
      <c r="X2796" s="55"/>
      <c r="Y2796" s="55"/>
      <c r="Z2796" s="55"/>
      <c r="AA2796" s="55"/>
      <c r="AB2796" s="55"/>
      <c r="AC2796" s="55"/>
      <c r="AD2796" s="55"/>
      <c r="AE2796" s="55"/>
      <c r="AF2796" s="55"/>
      <c r="AG2796" s="55"/>
      <c r="AY2796" s="162"/>
      <c r="AZ2796" s="162"/>
      <c r="BA2796" s="162"/>
      <c r="BB2796" s="162"/>
      <c r="BC2796" s="162"/>
      <c r="BD2796" s="162"/>
      <c r="BE2796" s="162"/>
      <c r="BF2796" s="162"/>
      <c r="BG2796" s="162"/>
      <c r="BH2796" s="162"/>
      <c r="BI2796" s="162"/>
      <c r="BJ2796" s="162"/>
      <c r="BK2796" s="162"/>
      <c r="BL2796" s="162"/>
      <c r="BM2796" s="162"/>
      <c r="BN2796" s="162"/>
      <c r="BO2796" s="162"/>
      <c r="BP2796" s="162"/>
      <c r="BQ2796" s="162"/>
      <c r="BR2796" s="162"/>
      <c r="BS2796" s="162"/>
      <c r="BT2796" s="162"/>
      <c r="BU2796" s="162"/>
      <c r="BV2796" s="162"/>
      <c r="BW2796" s="162"/>
      <c r="BX2796" s="162"/>
      <c r="BY2796" s="162"/>
      <c r="BZ2796" s="162"/>
      <c r="CA2796" s="162"/>
      <c r="CB2796" s="162"/>
      <c r="CC2796" s="162"/>
      <c r="CD2796" s="162"/>
      <c r="CE2796" s="162"/>
      <c r="CF2796" s="162"/>
      <c r="CG2796" s="162"/>
      <c r="CH2796" s="162"/>
      <c r="CI2796" s="162"/>
      <c r="CJ2796" s="162"/>
      <c r="CK2796" s="162"/>
      <c r="CX2796" s="98"/>
      <c r="DL2796" s="97"/>
      <c r="DX2796" s="98"/>
      <c r="EL2796" s="97"/>
      <c r="EX2796" s="98"/>
      <c r="EY2796" s="97"/>
      <c r="FL2796" s="126"/>
      <c r="FM2796" s="91"/>
      <c r="FN2796" s="91"/>
      <c r="FO2796" s="91"/>
      <c r="FP2796" s="91"/>
      <c r="FQ2796" s="91"/>
      <c r="FR2796" s="91"/>
      <c r="FS2796" s="91"/>
      <c r="FT2796" s="91"/>
      <c r="FU2796" s="91"/>
      <c r="FV2796" s="91"/>
      <c r="FW2796" s="91"/>
      <c r="FX2796" s="91"/>
      <c r="FY2796" s="91"/>
      <c r="FZ2796" s="91"/>
      <c r="GA2796" s="91"/>
      <c r="GB2796" s="91"/>
      <c r="GC2796" s="91"/>
      <c r="GD2796" s="91"/>
      <c r="GE2796" s="91"/>
      <c r="GF2796" s="91"/>
      <c r="GG2796" s="91"/>
      <c r="GH2796" s="91"/>
      <c r="GI2796" s="91"/>
      <c r="GJ2796" s="91"/>
      <c r="GK2796" s="127"/>
      <c r="GL2796" s="126"/>
      <c r="GM2796" s="91"/>
      <c r="GN2796" s="91"/>
      <c r="GO2796" s="91"/>
      <c r="GP2796" s="91"/>
      <c r="GQ2796" s="91"/>
      <c r="GR2796" s="91"/>
      <c r="GS2796" s="91"/>
      <c r="GT2796" s="91"/>
      <c r="GU2796" s="91"/>
      <c r="GV2796" s="91"/>
      <c r="GW2796" s="91"/>
      <c r="GX2796" s="91"/>
      <c r="GY2796" s="91"/>
      <c r="GZ2796" s="91"/>
      <c r="HA2796" s="91"/>
      <c r="HB2796" s="91"/>
      <c r="HC2796" s="91"/>
      <c r="HD2796" s="91"/>
      <c r="HE2796" s="91"/>
      <c r="HF2796" s="91"/>
      <c r="HG2796" s="91"/>
      <c r="HH2796" s="91"/>
      <c r="HI2796" s="91"/>
      <c r="HJ2796" s="91"/>
      <c r="HK2796" s="127"/>
      <c r="HL2796" s="126"/>
      <c r="HM2796" s="91"/>
      <c r="HN2796" s="91"/>
      <c r="HO2796" s="91"/>
      <c r="HP2796" s="91"/>
      <c r="HQ2796" s="91"/>
      <c r="HR2796" s="91"/>
      <c r="HS2796" s="91"/>
      <c r="HT2796" s="91"/>
      <c r="HU2796" s="91"/>
      <c r="HV2796" s="91"/>
      <c r="HW2796" s="91"/>
      <c r="HX2796" s="91"/>
      <c r="HY2796" s="91"/>
      <c r="HZ2796" s="91"/>
      <c r="IA2796" s="91"/>
      <c r="IB2796" s="91"/>
      <c r="IC2796" s="91"/>
      <c r="ID2796" s="91"/>
      <c r="IE2796" s="91"/>
      <c r="IF2796" s="91"/>
      <c r="IG2796" s="91"/>
      <c r="IH2796" s="91"/>
      <c r="II2796" s="91"/>
      <c r="IJ2796" s="91"/>
      <c r="IK2796" s="127"/>
    </row>
    <row r="2797" spans="2:245" x14ac:dyDescent="0.2">
      <c r="B2797" s="43"/>
      <c r="C2797" s="73"/>
      <c r="D2797" s="64"/>
      <c r="E2797" s="64"/>
      <c r="F2797" s="55"/>
      <c r="G2797" s="102"/>
      <c r="H2797" s="55"/>
      <c r="I2797" s="55"/>
      <c r="J2797" s="55"/>
      <c r="K2797" s="55"/>
      <c r="L2797" s="55"/>
      <c r="M2797" s="55"/>
      <c r="N2797" s="55"/>
      <c r="O2797" s="55"/>
      <c r="P2797" s="55"/>
      <c r="Q2797" s="55"/>
      <c r="R2797" s="55"/>
      <c r="S2797" s="55"/>
      <c r="T2797" s="55"/>
      <c r="U2797" s="55"/>
      <c r="V2797" s="55"/>
      <c r="W2797" s="55"/>
      <c r="X2797" s="55"/>
      <c r="Y2797" s="55"/>
      <c r="Z2797" s="55"/>
      <c r="AA2797" s="55"/>
      <c r="AB2797" s="55"/>
      <c r="AC2797" s="55"/>
      <c r="AD2797" s="55"/>
      <c r="AE2797" s="55"/>
      <c r="AF2797" s="55"/>
      <c r="AG2797" s="55"/>
      <c r="AY2797" s="162"/>
      <c r="AZ2797" s="162"/>
      <c r="BA2797" s="162"/>
      <c r="BB2797" s="162"/>
      <c r="BC2797" s="162"/>
      <c r="BD2797" s="162"/>
      <c r="BE2797" s="162"/>
      <c r="BF2797" s="162"/>
      <c r="BG2797" s="162"/>
      <c r="BH2797" s="162"/>
      <c r="BI2797" s="162"/>
      <c r="BJ2797" s="162"/>
      <c r="BK2797" s="162"/>
      <c r="BL2797" s="162"/>
      <c r="BM2797" s="162"/>
      <c r="BN2797" s="162"/>
      <c r="BO2797" s="162"/>
      <c r="BP2797" s="162"/>
      <c r="BQ2797" s="162"/>
      <c r="BR2797" s="162"/>
      <c r="BS2797" s="162"/>
      <c r="BT2797" s="162"/>
      <c r="BU2797" s="162"/>
      <c r="BV2797" s="162"/>
      <c r="BW2797" s="162"/>
      <c r="BX2797" s="162"/>
      <c r="BY2797" s="162"/>
      <c r="BZ2797" s="162"/>
      <c r="CA2797" s="162"/>
      <c r="CB2797" s="162"/>
      <c r="CC2797" s="162"/>
      <c r="CD2797" s="162"/>
      <c r="CE2797" s="162"/>
      <c r="CF2797" s="162"/>
      <c r="CG2797" s="162"/>
      <c r="CH2797" s="162"/>
      <c r="CI2797" s="162"/>
      <c r="CJ2797" s="162"/>
      <c r="CK2797" s="162"/>
      <c r="CX2797" s="98"/>
      <c r="DL2797" s="97"/>
      <c r="DX2797" s="98"/>
      <c r="EL2797" s="97"/>
      <c r="EX2797" s="98"/>
      <c r="EY2797" s="97"/>
      <c r="FL2797" s="126"/>
      <c r="FM2797" s="91"/>
      <c r="FN2797" s="91"/>
      <c r="FO2797" s="91"/>
      <c r="FP2797" s="91"/>
      <c r="FQ2797" s="91"/>
      <c r="FR2797" s="91"/>
      <c r="FS2797" s="91"/>
      <c r="FT2797" s="91"/>
      <c r="FU2797" s="91"/>
      <c r="FV2797" s="91"/>
      <c r="FW2797" s="91"/>
      <c r="FX2797" s="91"/>
      <c r="FY2797" s="91"/>
      <c r="FZ2797" s="91"/>
      <c r="GA2797" s="91"/>
      <c r="GB2797" s="91"/>
      <c r="GC2797" s="91"/>
      <c r="GD2797" s="91"/>
      <c r="GE2797" s="91"/>
      <c r="GF2797" s="91"/>
      <c r="GG2797" s="91"/>
      <c r="GH2797" s="91"/>
      <c r="GI2797" s="91"/>
      <c r="GJ2797" s="91"/>
      <c r="GK2797" s="127"/>
      <c r="GL2797" s="126"/>
      <c r="GM2797" s="91"/>
      <c r="GN2797" s="91"/>
      <c r="GO2797" s="91"/>
      <c r="GP2797" s="91"/>
      <c r="GQ2797" s="91"/>
      <c r="GR2797" s="91"/>
      <c r="GS2797" s="91"/>
      <c r="GT2797" s="91"/>
      <c r="GU2797" s="91"/>
      <c r="GV2797" s="91"/>
      <c r="GW2797" s="91"/>
      <c r="GX2797" s="91"/>
      <c r="GY2797" s="91"/>
      <c r="GZ2797" s="91"/>
      <c r="HA2797" s="91"/>
      <c r="HB2797" s="91"/>
      <c r="HC2797" s="91"/>
      <c r="HD2797" s="91"/>
      <c r="HE2797" s="91"/>
      <c r="HF2797" s="91"/>
      <c r="HG2797" s="91"/>
      <c r="HH2797" s="91"/>
      <c r="HI2797" s="91"/>
      <c r="HJ2797" s="91"/>
      <c r="HK2797" s="127"/>
      <c r="HL2797" s="126"/>
      <c r="HM2797" s="91"/>
      <c r="HN2797" s="91"/>
      <c r="HO2797" s="91"/>
      <c r="HP2797" s="91"/>
      <c r="HQ2797" s="91"/>
      <c r="HR2797" s="91"/>
      <c r="HS2797" s="91"/>
      <c r="HT2797" s="91"/>
      <c r="HU2797" s="91"/>
      <c r="HV2797" s="91"/>
      <c r="HW2797" s="91"/>
      <c r="HX2797" s="91"/>
      <c r="HY2797" s="91"/>
      <c r="HZ2797" s="91"/>
      <c r="IA2797" s="91"/>
      <c r="IB2797" s="91"/>
      <c r="IC2797" s="91"/>
      <c r="ID2797" s="91"/>
      <c r="IE2797" s="91"/>
      <c r="IF2797" s="91"/>
      <c r="IG2797" s="91"/>
      <c r="IH2797" s="91"/>
      <c r="II2797" s="91"/>
      <c r="IJ2797" s="91"/>
      <c r="IK2797" s="127"/>
    </row>
    <row r="2798" spans="2:245" x14ac:dyDescent="0.2">
      <c r="B2798" s="43"/>
      <c r="C2798" s="73"/>
      <c r="D2798" s="64"/>
      <c r="E2798" s="64"/>
      <c r="F2798" s="55"/>
      <c r="G2798" s="102"/>
      <c r="H2798" s="55"/>
      <c r="I2798" s="55"/>
      <c r="J2798" s="55"/>
      <c r="K2798" s="55"/>
      <c r="L2798" s="55"/>
      <c r="M2798" s="55"/>
      <c r="N2798" s="55"/>
      <c r="O2798" s="55"/>
      <c r="P2798" s="55"/>
      <c r="Q2798" s="55"/>
      <c r="R2798" s="55"/>
      <c r="S2798" s="55"/>
      <c r="T2798" s="55"/>
      <c r="U2798" s="55"/>
      <c r="V2798" s="55"/>
      <c r="W2798" s="55"/>
      <c r="X2798" s="55"/>
      <c r="Y2798" s="55"/>
      <c r="Z2798" s="55"/>
      <c r="AA2798" s="55"/>
      <c r="AB2798" s="55"/>
      <c r="AC2798" s="55"/>
      <c r="AD2798" s="55"/>
      <c r="AE2798" s="55"/>
      <c r="AF2798" s="55"/>
      <c r="AG2798" s="55"/>
      <c r="AY2798" s="162"/>
      <c r="AZ2798" s="162"/>
      <c r="BA2798" s="162"/>
      <c r="BB2798" s="162"/>
      <c r="BC2798" s="162"/>
      <c r="BD2798" s="162"/>
      <c r="BE2798" s="162"/>
      <c r="BF2798" s="162"/>
      <c r="BG2798" s="162"/>
      <c r="BH2798" s="162"/>
      <c r="BI2798" s="162"/>
      <c r="BJ2798" s="162"/>
      <c r="BK2798" s="162"/>
      <c r="BL2798" s="162"/>
      <c r="BM2798" s="162"/>
      <c r="BN2798" s="162"/>
      <c r="BO2798" s="162"/>
      <c r="BP2798" s="162"/>
      <c r="BQ2798" s="162"/>
      <c r="BR2798" s="162"/>
      <c r="BS2798" s="162"/>
      <c r="BT2798" s="162"/>
      <c r="BU2798" s="162"/>
      <c r="BV2798" s="162"/>
      <c r="BW2798" s="162"/>
      <c r="BX2798" s="162"/>
      <c r="BY2798" s="162"/>
      <c r="BZ2798" s="162"/>
      <c r="CA2798" s="162"/>
      <c r="CB2798" s="162"/>
      <c r="CC2798" s="162"/>
      <c r="CD2798" s="162"/>
      <c r="CE2798" s="162"/>
      <c r="CF2798" s="162"/>
      <c r="CG2798" s="162"/>
      <c r="CH2798" s="162"/>
      <c r="CI2798" s="162"/>
      <c r="CJ2798" s="162"/>
      <c r="CK2798" s="162"/>
      <c r="CX2798" s="98"/>
      <c r="DL2798" s="97"/>
      <c r="DX2798" s="98"/>
      <c r="EL2798" s="97"/>
      <c r="EX2798" s="98"/>
      <c r="EY2798" s="97"/>
      <c r="FL2798" s="126"/>
      <c r="FM2798" s="91"/>
      <c r="FN2798" s="91"/>
      <c r="FO2798" s="91"/>
      <c r="FP2798" s="91"/>
      <c r="FQ2798" s="91"/>
      <c r="FR2798" s="91"/>
      <c r="FS2798" s="91"/>
      <c r="FT2798" s="91"/>
      <c r="FU2798" s="91"/>
      <c r="FV2798" s="91"/>
      <c r="FW2798" s="91"/>
      <c r="FX2798" s="91"/>
      <c r="FY2798" s="91"/>
      <c r="FZ2798" s="91"/>
      <c r="GA2798" s="91"/>
      <c r="GB2798" s="91"/>
      <c r="GC2798" s="91"/>
      <c r="GD2798" s="91"/>
      <c r="GE2798" s="91"/>
      <c r="GF2798" s="91"/>
      <c r="GG2798" s="91"/>
      <c r="GH2798" s="91"/>
      <c r="GI2798" s="91"/>
      <c r="GJ2798" s="91"/>
      <c r="GK2798" s="127"/>
      <c r="GL2798" s="126"/>
      <c r="GM2798" s="91"/>
      <c r="GN2798" s="91"/>
      <c r="GO2798" s="91"/>
      <c r="GP2798" s="91"/>
      <c r="GQ2798" s="91"/>
      <c r="GR2798" s="91"/>
      <c r="GS2798" s="91"/>
      <c r="GT2798" s="91"/>
      <c r="GU2798" s="91"/>
      <c r="GV2798" s="91"/>
      <c r="GW2798" s="91"/>
      <c r="GX2798" s="91"/>
      <c r="GY2798" s="91"/>
      <c r="GZ2798" s="91"/>
      <c r="HA2798" s="91"/>
      <c r="HB2798" s="91"/>
      <c r="HC2798" s="91"/>
      <c r="HD2798" s="91"/>
      <c r="HE2798" s="91"/>
      <c r="HF2798" s="91"/>
      <c r="HG2798" s="91"/>
      <c r="HH2798" s="91"/>
      <c r="HI2798" s="91"/>
      <c r="HJ2798" s="91"/>
      <c r="HK2798" s="127"/>
      <c r="HL2798" s="126"/>
      <c r="HM2798" s="91"/>
      <c r="HN2798" s="91"/>
      <c r="HO2798" s="91"/>
      <c r="HP2798" s="91"/>
      <c r="HQ2798" s="91"/>
      <c r="HR2798" s="91"/>
      <c r="HS2798" s="91"/>
      <c r="HT2798" s="91"/>
      <c r="HU2798" s="91"/>
      <c r="HV2798" s="91"/>
      <c r="HW2798" s="91"/>
      <c r="HX2798" s="91"/>
      <c r="HY2798" s="91"/>
      <c r="HZ2798" s="91"/>
      <c r="IA2798" s="91"/>
      <c r="IB2798" s="91"/>
      <c r="IC2798" s="91"/>
      <c r="ID2798" s="91"/>
      <c r="IE2798" s="91"/>
      <c r="IF2798" s="91"/>
      <c r="IG2798" s="91"/>
      <c r="IH2798" s="91"/>
      <c r="II2798" s="91"/>
      <c r="IJ2798" s="91"/>
      <c r="IK2798" s="127"/>
    </row>
    <row r="2799" spans="2:245" x14ac:dyDescent="0.2">
      <c r="B2799" s="43"/>
      <c r="C2799" s="73"/>
      <c r="D2799" s="64"/>
      <c r="E2799" s="64"/>
      <c r="F2799" s="55"/>
      <c r="G2799" s="102"/>
      <c r="H2799" s="55"/>
      <c r="I2799" s="55"/>
      <c r="J2799" s="55"/>
      <c r="K2799" s="55"/>
      <c r="L2799" s="55"/>
      <c r="M2799" s="55"/>
      <c r="N2799" s="55"/>
      <c r="O2799" s="55"/>
      <c r="P2799" s="55"/>
      <c r="Q2799" s="55"/>
      <c r="R2799" s="55"/>
      <c r="S2799" s="55"/>
      <c r="T2799" s="55"/>
      <c r="U2799" s="55"/>
      <c r="V2799" s="55"/>
      <c r="W2799" s="55"/>
      <c r="X2799" s="55"/>
      <c r="Y2799" s="55"/>
      <c r="Z2799" s="55"/>
      <c r="AA2799" s="55"/>
      <c r="AB2799" s="55"/>
      <c r="AC2799" s="55"/>
      <c r="AD2799" s="55"/>
      <c r="AE2799" s="55"/>
      <c r="AF2799" s="55"/>
      <c r="AG2799" s="55"/>
      <c r="AY2799" s="162"/>
      <c r="AZ2799" s="162"/>
      <c r="BA2799" s="162"/>
      <c r="BB2799" s="162"/>
      <c r="BC2799" s="162"/>
      <c r="BD2799" s="162"/>
      <c r="BE2799" s="162"/>
      <c r="BF2799" s="162"/>
      <c r="BG2799" s="162"/>
      <c r="BH2799" s="162"/>
      <c r="BI2799" s="162"/>
      <c r="BJ2799" s="162"/>
      <c r="BK2799" s="162"/>
      <c r="BL2799" s="162"/>
      <c r="BM2799" s="162"/>
      <c r="BN2799" s="162"/>
      <c r="BO2799" s="162"/>
      <c r="BP2799" s="162"/>
      <c r="BQ2799" s="162"/>
      <c r="BR2799" s="162"/>
      <c r="BS2799" s="162"/>
      <c r="BT2799" s="162"/>
      <c r="BU2799" s="162"/>
      <c r="BV2799" s="162"/>
      <c r="BW2799" s="162"/>
      <c r="BX2799" s="162"/>
      <c r="BY2799" s="162"/>
      <c r="BZ2799" s="162"/>
      <c r="CA2799" s="162"/>
      <c r="CB2799" s="162"/>
      <c r="CC2799" s="162"/>
      <c r="CD2799" s="162"/>
      <c r="CE2799" s="162"/>
      <c r="CF2799" s="162"/>
      <c r="CG2799" s="162"/>
      <c r="CH2799" s="162"/>
      <c r="CI2799" s="162"/>
      <c r="CJ2799" s="162"/>
      <c r="CK2799" s="162"/>
      <c r="CX2799" s="98"/>
      <c r="DL2799" s="97"/>
      <c r="DX2799" s="98"/>
      <c r="EL2799" s="97"/>
      <c r="EX2799" s="98"/>
      <c r="EY2799" s="97"/>
      <c r="FL2799" s="126"/>
      <c r="FM2799" s="91"/>
      <c r="FN2799" s="91"/>
      <c r="FO2799" s="91"/>
      <c r="FP2799" s="91"/>
      <c r="FQ2799" s="91"/>
      <c r="FR2799" s="91"/>
      <c r="FS2799" s="91"/>
      <c r="FT2799" s="91"/>
      <c r="FU2799" s="91"/>
      <c r="FV2799" s="91"/>
      <c r="FW2799" s="91"/>
      <c r="FX2799" s="91"/>
      <c r="FY2799" s="91"/>
      <c r="FZ2799" s="91"/>
      <c r="GA2799" s="91"/>
      <c r="GB2799" s="91"/>
      <c r="GC2799" s="91"/>
      <c r="GD2799" s="91"/>
      <c r="GE2799" s="91"/>
      <c r="GF2799" s="91"/>
      <c r="GG2799" s="91"/>
      <c r="GH2799" s="91"/>
      <c r="GI2799" s="91"/>
      <c r="GJ2799" s="91"/>
      <c r="GK2799" s="127"/>
      <c r="GL2799" s="126"/>
      <c r="GM2799" s="91"/>
      <c r="GN2799" s="91"/>
      <c r="GO2799" s="91"/>
      <c r="GP2799" s="91"/>
      <c r="GQ2799" s="91"/>
      <c r="GR2799" s="91"/>
      <c r="GS2799" s="91"/>
      <c r="GT2799" s="91"/>
      <c r="GU2799" s="91"/>
      <c r="GV2799" s="91"/>
      <c r="GW2799" s="91"/>
      <c r="GX2799" s="91"/>
      <c r="GY2799" s="91"/>
      <c r="GZ2799" s="91"/>
      <c r="HA2799" s="91"/>
      <c r="HB2799" s="91"/>
      <c r="HC2799" s="91"/>
      <c r="HD2799" s="91"/>
      <c r="HE2799" s="91"/>
      <c r="HF2799" s="91"/>
      <c r="HG2799" s="91"/>
      <c r="HH2799" s="91"/>
      <c r="HI2799" s="91"/>
      <c r="HJ2799" s="91"/>
      <c r="HK2799" s="127"/>
      <c r="HL2799" s="126"/>
      <c r="HM2799" s="91"/>
      <c r="HN2799" s="91"/>
      <c r="HO2799" s="91"/>
      <c r="HP2799" s="91"/>
      <c r="HQ2799" s="91"/>
      <c r="HR2799" s="91"/>
      <c r="HS2799" s="91"/>
      <c r="HT2799" s="91"/>
      <c r="HU2799" s="91"/>
      <c r="HV2799" s="91"/>
      <c r="HW2799" s="91"/>
      <c r="HX2799" s="91"/>
      <c r="HY2799" s="91"/>
      <c r="HZ2799" s="91"/>
      <c r="IA2799" s="91"/>
      <c r="IB2799" s="91"/>
      <c r="IC2799" s="91"/>
      <c r="ID2799" s="91"/>
      <c r="IE2799" s="91"/>
      <c r="IF2799" s="91"/>
      <c r="IG2799" s="91"/>
      <c r="IH2799" s="91"/>
      <c r="II2799" s="91"/>
      <c r="IJ2799" s="91"/>
      <c r="IK2799" s="127"/>
    </row>
    <row r="2800" spans="2:245" x14ac:dyDescent="0.2">
      <c r="B2800" s="43"/>
      <c r="C2800" s="73"/>
      <c r="D2800" s="64"/>
      <c r="E2800" s="64"/>
      <c r="F2800" s="55"/>
      <c r="G2800" s="102"/>
      <c r="H2800" s="55"/>
      <c r="I2800" s="55"/>
      <c r="J2800" s="55"/>
      <c r="K2800" s="55"/>
      <c r="L2800" s="55"/>
      <c r="M2800" s="55"/>
      <c r="N2800" s="55"/>
      <c r="O2800" s="55"/>
      <c r="P2800" s="55"/>
      <c r="Q2800" s="55"/>
      <c r="R2800" s="55"/>
      <c r="S2800" s="55"/>
      <c r="T2800" s="55"/>
      <c r="U2800" s="55"/>
      <c r="V2800" s="55"/>
      <c r="W2800" s="55"/>
      <c r="X2800" s="55"/>
      <c r="Y2800" s="55"/>
      <c r="Z2800" s="55"/>
      <c r="AA2800" s="55"/>
      <c r="AB2800" s="55"/>
      <c r="AC2800" s="55"/>
      <c r="AD2800" s="55"/>
      <c r="AE2800" s="55"/>
      <c r="AF2800" s="55"/>
      <c r="AG2800" s="55"/>
      <c r="AY2800" s="162"/>
      <c r="AZ2800" s="162"/>
      <c r="BA2800" s="162"/>
      <c r="BB2800" s="162"/>
      <c r="BC2800" s="162"/>
      <c r="BD2800" s="162"/>
      <c r="BE2800" s="162"/>
      <c r="BF2800" s="162"/>
      <c r="BG2800" s="162"/>
      <c r="BH2800" s="162"/>
      <c r="BI2800" s="162"/>
      <c r="BJ2800" s="162"/>
      <c r="BK2800" s="162"/>
      <c r="BL2800" s="162"/>
      <c r="BM2800" s="162"/>
      <c r="BN2800" s="162"/>
      <c r="BO2800" s="162"/>
      <c r="BP2800" s="162"/>
      <c r="BQ2800" s="162"/>
      <c r="BR2800" s="162"/>
      <c r="BS2800" s="162"/>
      <c r="BT2800" s="162"/>
      <c r="BU2800" s="162"/>
      <c r="BV2800" s="162"/>
      <c r="BW2800" s="162"/>
      <c r="BX2800" s="162"/>
      <c r="BY2800" s="162"/>
      <c r="BZ2800" s="162"/>
      <c r="CA2800" s="162"/>
      <c r="CB2800" s="162"/>
      <c r="CC2800" s="162"/>
      <c r="CD2800" s="162"/>
      <c r="CE2800" s="162"/>
      <c r="CF2800" s="162"/>
      <c r="CG2800" s="162"/>
      <c r="CH2800" s="162"/>
      <c r="CI2800" s="162"/>
      <c r="CJ2800" s="162"/>
      <c r="CK2800" s="162"/>
      <c r="CX2800" s="98"/>
      <c r="DL2800" s="97"/>
      <c r="DX2800" s="98"/>
      <c r="EL2800" s="97"/>
      <c r="EX2800" s="98"/>
      <c r="EY2800" s="97"/>
      <c r="FL2800" s="126"/>
      <c r="FM2800" s="91"/>
      <c r="FN2800" s="91"/>
      <c r="FO2800" s="91"/>
      <c r="FP2800" s="91"/>
      <c r="FQ2800" s="91"/>
      <c r="FR2800" s="91"/>
      <c r="FS2800" s="91"/>
      <c r="FT2800" s="91"/>
      <c r="FU2800" s="91"/>
      <c r="FV2800" s="91"/>
      <c r="FW2800" s="91"/>
      <c r="FX2800" s="91"/>
      <c r="FY2800" s="91"/>
      <c r="FZ2800" s="91"/>
      <c r="GA2800" s="91"/>
      <c r="GB2800" s="91"/>
      <c r="GC2800" s="91"/>
      <c r="GD2800" s="91"/>
      <c r="GE2800" s="91"/>
      <c r="GF2800" s="91"/>
      <c r="GG2800" s="91"/>
      <c r="GH2800" s="91"/>
      <c r="GI2800" s="91"/>
      <c r="GJ2800" s="91"/>
      <c r="GK2800" s="127"/>
      <c r="GL2800" s="126"/>
      <c r="GM2800" s="91"/>
      <c r="GN2800" s="91"/>
      <c r="GO2800" s="91"/>
      <c r="GP2800" s="91"/>
      <c r="GQ2800" s="91"/>
      <c r="GR2800" s="91"/>
      <c r="GS2800" s="91"/>
      <c r="GT2800" s="91"/>
      <c r="GU2800" s="91"/>
      <c r="GV2800" s="91"/>
      <c r="GW2800" s="91"/>
      <c r="GX2800" s="91"/>
      <c r="GY2800" s="91"/>
      <c r="GZ2800" s="91"/>
      <c r="HA2800" s="91"/>
      <c r="HB2800" s="91"/>
      <c r="HC2800" s="91"/>
      <c r="HD2800" s="91"/>
      <c r="HE2800" s="91"/>
      <c r="HF2800" s="91"/>
      <c r="HG2800" s="91"/>
      <c r="HH2800" s="91"/>
      <c r="HI2800" s="91"/>
      <c r="HJ2800" s="91"/>
      <c r="HK2800" s="127"/>
      <c r="HL2800" s="126"/>
      <c r="HM2800" s="91"/>
      <c r="HN2800" s="91"/>
      <c r="HO2800" s="91"/>
      <c r="HP2800" s="91"/>
      <c r="HQ2800" s="91"/>
      <c r="HR2800" s="91"/>
      <c r="HS2800" s="91"/>
      <c r="HT2800" s="91"/>
      <c r="HU2800" s="91"/>
      <c r="HV2800" s="91"/>
      <c r="HW2800" s="91"/>
      <c r="HX2800" s="91"/>
      <c r="HY2800" s="91"/>
      <c r="HZ2800" s="91"/>
      <c r="IA2800" s="91"/>
      <c r="IB2800" s="91"/>
      <c r="IC2800" s="91"/>
      <c r="ID2800" s="91"/>
      <c r="IE2800" s="91"/>
      <c r="IF2800" s="91"/>
      <c r="IG2800" s="91"/>
      <c r="IH2800" s="91"/>
      <c r="II2800" s="91"/>
      <c r="IJ2800" s="91"/>
      <c r="IK2800" s="127"/>
    </row>
    <row r="2801" spans="2:245" x14ac:dyDescent="0.2">
      <c r="B2801" s="43"/>
      <c r="C2801" s="73"/>
      <c r="D2801" s="64"/>
      <c r="E2801" s="64"/>
      <c r="F2801" s="55"/>
      <c r="G2801" s="102"/>
      <c r="H2801" s="55"/>
      <c r="I2801" s="55"/>
      <c r="J2801" s="55"/>
      <c r="K2801" s="55"/>
      <c r="L2801" s="55"/>
      <c r="M2801" s="55"/>
      <c r="N2801" s="55"/>
      <c r="O2801" s="55"/>
      <c r="P2801" s="55"/>
      <c r="Q2801" s="55"/>
      <c r="R2801" s="55"/>
      <c r="S2801" s="55"/>
      <c r="T2801" s="55"/>
      <c r="U2801" s="55"/>
      <c r="V2801" s="55"/>
      <c r="W2801" s="55"/>
      <c r="X2801" s="55"/>
      <c r="Y2801" s="55"/>
      <c r="Z2801" s="55"/>
      <c r="AA2801" s="55"/>
      <c r="AB2801" s="55"/>
      <c r="AC2801" s="55"/>
      <c r="AD2801" s="55"/>
      <c r="AE2801" s="55"/>
      <c r="AF2801" s="55"/>
      <c r="AG2801" s="55"/>
      <c r="AY2801" s="162"/>
      <c r="AZ2801" s="162"/>
      <c r="BA2801" s="162"/>
      <c r="BB2801" s="162"/>
      <c r="BC2801" s="162"/>
      <c r="BD2801" s="162"/>
      <c r="BE2801" s="162"/>
      <c r="BF2801" s="162"/>
      <c r="BG2801" s="162"/>
      <c r="BH2801" s="162"/>
      <c r="BI2801" s="162"/>
      <c r="BJ2801" s="162"/>
      <c r="BK2801" s="162"/>
      <c r="BL2801" s="162"/>
      <c r="BM2801" s="162"/>
      <c r="BN2801" s="162"/>
      <c r="BO2801" s="162"/>
      <c r="BP2801" s="162"/>
      <c r="BQ2801" s="162"/>
      <c r="BR2801" s="162"/>
      <c r="BS2801" s="162"/>
      <c r="BT2801" s="162"/>
      <c r="BU2801" s="162"/>
      <c r="BV2801" s="162"/>
      <c r="BW2801" s="162"/>
      <c r="BX2801" s="162"/>
      <c r="BY2801" s="162"/>
      <c r="BZ2801" s="162"/>
      <c r="CA2801" s="162"/>
      <c r="CB2801" s="162"/>
      <c r="CC2801" s="162"/>
      <c r="CD2801" s="162"/>
      <c r="CE2801" s="162"/>
      <c r="CF2801" s="162"/>
      <c r="CG2801" s="162"/>
      <c r="CH2801" s="162"/>
      <c r="CI2801" s="162"/>
      <c r="CJ2801" s="162"/>
      <c r="CK2801" s="162"/>
      <c r="CX2801" s="98"/>
      <c r="DL2801" s="97"/>
      <c r="DX2801" s="98"/>
      <c r="EL2801" s="97"/>
      <c r="EX2801" s="98"/>
      <c r="EY2801" s="97"/>
      <c r="FL2801" s="126"/>
      <c r="FM2801" s="91"/>
      <c r="FN2801" s="91"/>
      <c r="FO2801" s="91"/>
      <c r="FP2801" s="91"/>
      <c r="FQ2801" s="91"/>
      <c r="FR2801" s="91"/>
      <c r="FS2801" s="91"/>
      <c r="FT2801" s="91"/>
      <c r="FU2801" s="91"/>
      <c r="FV2801" s="91"/>
      <c r="FW2801" s="91"/>
      <c r="FX2801" s="91"/>
      <c r="FY2801" s="91"/>
      <c r="FZ2801" s="91"/>
      <c r="GA2801" s="91"/>
      <c r="GB2801" s="91"/>
      <c r="GC2801" s="91"/>
      <c r="GD2801" s="91"/>
      <c r="GE2801" s="91"/>
      <c r="GF2801" s="91"/>
      <c r="GG2801" s="91"/>
      <c r="GH2801" s="91"/>
      <c r="GI2801" s="91"/>
      <c r="GJ2801" s="91"/>
      <c r="GK2801" s="127"/>
      <c r="GL2801" s="126"/>
      <c r="GM2801" s="91"/>
      <c r="GN2801" s="91"/>
      <c r="GO2801" s="91"/>
      <c r="GP2801" s="91"/>
      <c r="GQ2801" s="91"/>
      <c r="GR2801" s="91"/>
      <c r="GS2801" s="91"/>
      <c r="GT2801" s="91"/>
      <c r="GU2801" s="91"/>
      <c r="GV2801" s="91"/>
      <c r="GW2801" s="91"/>
      <c r="GX2801" s="91"/>
      <c r="GY2801" s="91"/>
      <c r="GZ2801" s="91"/>
      <c r="HA2801" s="91"/>
      <c r="HB2801" s="91"/>
      <c r="HC2801" s="91"/>
      <c r="HD2801" s="91"/>
      <c r="HE2801" s="91"/>
      <c r="HF2801" s="91"/>
      <c r="HG2801" s="91"/>
      <c r="HH2801" s="91"/>
      <c r="HI2801" s="91"/>
      <c r="HJ2801" s="91"/>
      <c r="HK2801" s="127"/>
      <c r="HL2801" s="126"/>
      <c r="HM2801" s="91"/>
      <c r="HN2801" s="91"/>
      <c r="HO2801" s="91"/>
      <c r="HP2801" s="91"/>
      <c r="HQ2801" s="91"/>
      <c r="HR2801" s="91"/>
      <c r="HS2801" s="91"/>
      <c r="HT2801" s="91"/>
      <c r="HU2801" s="91"/>
      <c r="HV2801" s="91"/>
      <c r="HW2801" s="91"/>
      <c r="HX2801" s="91"/>
      <c r="HY2801" s="91"/>
      <c r="HZ2801" s="91"/>
      <c r="IA2801" s="91"/>
      <c r="IB2801" s="91"/>
      <c r="IC2801" s="91"/>
      <c r="ID2801" s="91"/>
      <c r="IE2801" s="91"/>
      <c r="IF2801" s="91"/>
      <c r="IG2801" s="91"/>
      <c r="IH2801" s="91"/>
      <c r="II2801" s="91"/>
      <c r="IJ2801" s="91"/>
      <c r="IK2801" s="127"/>
    </row>
    <row r="2802" spans="2:245" x14ac:dyDescent="0.2">
      <c r="B2802" s="43"/>
      <c r="C2802" s="73"/>
      <c r="D2802" s="64"/>
      <c r="E2802" s="64"/>
      <c r="F2802" s="55"/>
      <c r="G2802" s="102"/>
      <c r="H2802" s="55"/>
      <c r="I2802" s="55"/>
      <c r="J2802" s="55"/>
      <c r="K2802" s="55"/>
      <c r="L2802" s="55"/>
      <c r="M2802" s="55"/>
      <c r="N2802" s="55"/>
      <c r="O2802" s="55"/>
      <c r="P2802" s="55"/>
      <c r="Q2802" s="55"/>
      <c r="R2802" s="55"/>
      <c r="S2802" s="55"/>
      <c r="T2802" s="55"/>
      <c r="U2802" s="55"/>
      <c r="V2802" s="55"/>
      <c r="W2802" s="55"/>
      <c r="X2802" s="55"/>
      <c r="Y2802" s="55"/>
      <c r="Z2802" s="55"/>
      <c r="AA2802" s="55"/>
      <c r="AB2802" s="55"/>
      <c r="AC2802" s="55"/>
      <c r="AD2802" s="55"/>
      <c r="AE2802" s="55"/>
      <c r="AF2802" s="55"/>
      <c r="AG2802" s="55"/>
      <c r="AY2802" s="162"/>
      <c r="AZ2802" s="162"/>
      <c r="BA2802" s="162"/>
      <c r="BB2802" s="162"/>
      <c r="BC2802" s="162"/>
      <c r="BD2802" s="162"/>
      <c r="BE2802" s="162"/>
      <c r="BF2802" s="162"/>
      <c r="BG2802" s="162"/>
      <c r="BH2802" s="162"/>
      <c r="BI2802" s="162"/>
      <c r="BJ2802" s="162"/>
      <c r="BK2802" s="162"/>
      <c r="BL2802" s="162"/>
      <c r="BM2802" s="162"/>
      <c r="BN2802" s="162"/>
      <c r="BO2802" s="162"/>
      <c r="BP2802" s="162"/>
      <c r="BQ2802" s="162"/>
      <c r="BR2802" s="162"/>
      <c r="BS2802" s="162"/>
      <c r="BT2802" s="162"/>
      <c r="BU2802" s="162"/>
      <c r="BV2802" s="162"/>
      <c r="BW2802" s="162"/>
      <c r="BX2802" s="162"/>
      <c r="BY2802" s="162"/>
      <c r="BZ2802" s="162"/>
      <c r="CA2802" s="162"/>
      <c r="CB2802" s="162"/>
      <c r="CC2802" s="162"/>
      <c r="CD2802" s="162"/>
      <c r="CE2802" s="162"/>
      <c r="CF2802" s="162"/>
      <c r="CG2802" s="162"/>
      <c r="CH2802" s="162"/>
      <c r="CI2802" s="162"/>
      <c r="CJ2802" s="162"/>
      <c r="CK2802" s="162"/>
      <c r="CX2802" s="98"/>
      <c r="DL2802" s="97"/>
      <c r="DX2802" s="98"/>
      <c r="EL2802" s="97"/>
      <c r="EX2802" s="98"/>
      <c r="EY2802" s="97"/>
      <c r="FL2802" s="126"/>
      <c r="FM2802" s="91"/>
      <c r="FN2802" s="91"/>
      <c r="FO2802" s="91"/>
      <c r="FP2802" s="91"/>
      <c r="FQ2802" s="91"/>
      <c r="FR2802" s="91"/>
      <c r="FS2802" s="91"/>
      <c r="FT2802" s="91"/>
      <c r="FU2802" s="91"/>
      <c r="FV2802" s="91"/>
      <c r="FW2802" s="91"/>
      <c r="FX2802" s="91"/>
      <c r="FY2802" s="91"/>
      <c r="FZ2802" s="91"/>
      <c r="GA2802" s="91"/>
      <c r="GB2802" s="91"/>
      <c r="GC2802" s="91"/>
      <c r="GD2802" s="91"/>
      <c r="GE2802" s="91"/>
      <c r="GF2802" s="91"/>
      <c r="GG2802" s="91"/>
      <c r="GH2802" s="91"/>
      <c r="GI2802" s="91"/>
      <c r="GJ2802" s="91"/>
      <c r="GK2802" s="127"/>
      <c r="GL2802" s="126"/>
      <c r="GM2802" s="91"/>
      <c r="GN2802" s="91"/>
      <c r="GO2802" s="91"/>
      <c r="GP2802" s="91"/>
      <c r="GQ2802" s="91"/>
      <c r="GR2802" s="91"/>
      <c r="GS2802" s="91"/>
      <c r="GT2802" s="91"/>
      <c r="GU2802" s="91"/>
      <c r="GV2802" s="91"/>
      <c r="GW2802" s="91"/>
      <c r="GX2802" s="91"/>
      <c r="GY2802" s="91"/>
      <c r="GZ2802" s="91"/>
      <c r="HA2802" s="91"/>
      <c r="HB2802" s="91"/>
      <c r="HC2802" s="91"/>
      <c r="HD2802" s="91"/>
      <c r="HE2802" s="91"/>
      <c r="HF2802" s="91"/>
      <c r="HG2802" s="91"/>
      <c r="HH2802" s="91"/>
      <c r="HI2802" s="91"/>
      <c r="HJ2802" s="91"/>
      <c r="HK2802" s="127"/>
      <c r="HL2802" s="126"/>
      <c r="HM2802" s="91"/>
      <c r="HN2802" s="91"/>
      <c r="HO2802" s="91"/>
      <c r="HP2802" s="91"/>
      <c r="HQ2802" s="91"/>
      <c r="HR2802" s="91"/>
      <c r="HS2802" s="91"/>
      <c r="HT2802" s="91"/>
      <c r="HU2802" s="91"/>
      <c r="HV2802" s="91"/>
      <c r="HW2802" s="91"/>
      <c r="HX2802" s="91"/>
      <c r="HY2802" s="91"/>
      <c r="HZ2802" s="91"/>
      <c r="IA2802" s="91"/>
      <c r="IB2802" s="91"/>
      <c r="IC2802" s="91"/>
      <c r="ID2802" s="91"/>
      <c r="IE2802" s="91"/>
      <c r="IF2802" s="91"/>
      <c r="IG2802" s="91"/>
      <c r="IH2802" s="91"/>
      <c r="II2802" s="91"/>
      <c r="IJ2802" s="91"/>
      <c r="IK2802" s="127"/>
    </row>
    <row r="2803" spans="2:245" x14ac:dyDescent="0.2">
      <c r="B2803" s="43"/>
      <c r="C2803" s="73"/>
      <c r="D2803" s="64"/>
      <c r="E2803" s="64"/>
      <c r="F2803" s="55"/>
      <c r="G2803" s="102"/>
      <c r="H2803" s="55"/>
      <c r="I2803" s="55"/>
      <c r="J2803" s="55"/>
      <c r="K2803" s="55"/>
      <c r="L2803" s="55"/>
      <c r="M2803" s="55"/>
      <c r="N2803" s="55"/>
      <c r="O2803" s="55"/>
      <c r="P2803" s="55"/>
      <c r="Q2803" s="55"/>
      <c r="R2803" s="55"/>
      <c r="S2803" s="55"/>
      <c r="T2803" s="55"/>
      <c r="U2803" s="55"/>
      <c r="V2803" s="55"/>
      <c r="W2803" s="55"/>
      <c r="X2803" s="55"/>
      <c r="Y2803" s="55"/>
      <c r="Z2803" s="55"/>
      <c r="AA2803" s="55"/>
      <c r="AB2803" s="55"/>
      <c r="AC2803" s="55"/>
      <c r="AD2803" s="55"/>
      <c r="AE2803" s="55"/>
      <c r="AF2803" s="55"/>
      <c r="AG2803" s="55"/>
      <c r="AY2803" s="162"/>
      <c r="AZ2803" s="162"/>
      <c r="BA2803" s="162"/>
      <c r="BB2803" s="162"/>
      <c r="BC2803" s="162"/>
      <c r="BD2803" s="162"/>
      <c r="BE2803" s="162"/>
      <c r="BF2803" s="162"/>
      <c r="BG2803" s="162"/>
      <c r="BH2803" s="162"/>
      <c r="BI2803" s="162"/>
      <c r="BJ2803" s="162"/>
      <c r="BK2803" s="162"/>
      <c r="BL2803" s="162"/>
      <c r="BM2803" s="162"/>
      <c r="BN2803" s="162"/>
      <c r="BO2803" s="162"/>
      <c r="BP2803" s="162"/>
      <c r="BQ2803" s="162"/>
      <c r="BR2803" s="162"/>
      <c r="BS2803" s="162"/>
      <c r="BT2803" s="162"/>
      <c r="BU2803" s="162"/>
      <c r="BV2803" s="162"/>
      <c r="BW2803" s="162"/>
      <c r="BX2803" s="162"/>
      <c r="BY2803" s="162"/>
      <c r="BZ2803" s="162"/>
      <c r="CA2803" s="162"/>
      <c r="CB2803" s="162"/>
      <c r="CC2803" s="162"/>
      <c r="CD2803" s="162"/>
      <c r="CE2803" s="162"/>
      <c r="CF2803" s="162"/>
      <c r="CG2803" s="162"/>
      <c r="CH2803" s="162"/>
      <c r="CI2803" s="162"/>
      <c r="CJ2803" s="162"/>
      <c r="CK2803" s="162"/>
      <c r="CX2803" s="98"/>
      <c r="DL2803" s="97"/>
      <c r="DX2803" s="98"/>
      <c r="EL2803" s="97"/>
      <c r="EX2803" s="98"/>
      <c r="EY2803" s="97"/>
      <c r="FL2803" s="126"/>
      <c r="FM2803" s="91"/>
      <c r="FN2803" s="91"/>
      <c r="FO2803" s="91"/>
      <c r="FP2803" s="91"/>
      <c r="FQ2803" s="91"/>
      <c r="FR2803" s="91"/>
      <c r="FS2803" s="91"/>
      <c r="FT2803" s="91"/>
      <c r="FU2803" s="91"/>
      <c r="FV2803" s="91"/>
      <c r="FW2803" s="91"/>
      <c r="FX2803" s="91"/>
      <c r="FY2803" s="91"/>
      <c r="FZ2803" s="91"/>
      <c r="GA2803" s="91"/>
      <c r="GB2803" s="91"/>
      <c r="GC2803" s="91"/>
      <c r="GD2803" s="91"/>
      <c r="GE2803" s="91"/>
      <c r="GF2803" s="91"/>
      <c r="GG2803" s="91"/>
      <c r="GH2803" s="91"/>
      <c r="GI2803" s="91"/>
      <c r="GJ2803" s="91"/>
      <c r="GK2803" s="127"/>
      <c r="GL2803" s="126"/>
      <c r="GM2803" s="91"/>
      <c r="GN2803" s="91"/>
      <c r="GO2803" s="91"/>
      <c r="GP2803" s="91"/>
      <c r="GQ2803" s="91"/>
      <c r="GR2803" s="91"/>
      <c r="GS2803" s="91"/>
      <c r="GT2803" s="91"/>
      <c r="GU2803" s="91"/>
      <c r="GV2803" s="91"/>
      <c r="GW2803" s="91"/>
      <c r="GX2803" s="91"/>
      <c r="GY2803" s="91"/>
      <c r="GZ2803" s="91"/>
      <c r="HA2803" s="91"/>
      <c r="HB2803" s="91"/>
      <c r="HC2803" s="91"/>
      <c r="HD2803" s="91"/>
      <c r="HE2803" s="91"/>
      <c r="HF2803" s="91"/>
      <c r="HG2803" s="91"/>
      <c r="HH2803" s="91"/>
      <c r="HI2803" s="91"/>
      <c r="HJ2803" s="91"/>
      <c r="HK2803" s="127"/>
      <c r="HL2803" s="126"/>
      <c r="HM2803" s="91"/>
      <c r="HN2803" s="91"/>
      <c r="HO2803" s="91"/>
      <c r="HP2803" s="91"/>
      <c r="HQ2803" s="91"/>
      <c r="HR2803" s="91"/>
      <c r="HS2803" s="91"/>
      <c r="HT2803" s="91"/>
      <c r="HU2803" s="91"/>
      <c r="HV2803" s="91"/>
      <c r="HW2803" s="91"/>
      <c r="HX2803" s="91"/>
      <c r="HY2803" s="91"/>
      <c r="HZ2803" s="91"/>
      <c r="IA2803" s="91"/>
      <c r="IB2803" s="91"/>
      <c r="IC2803" s="91"/>
      <c r="ID2803" s="91"/>
      <c r="IE2803" s="91"/>
      <c r="IF2803" s="91"/>
      <c r="IG2803" s="91"/>
      <c r="IH2803" s="91"/>
      <c r="II2803" s="91"/>
      <c r="IJ2803" s="91"/>
      <c r="IK2803" s="127"/>
    </row>
    <row r="2804" spans="2:245" x14ac:dyDescent="0.2">
      <c r="B2804" s="43"/>
      <c r="C2804" s="73"/>
      <c r="D2804" s="64"/>
      <c r="E2804" s="64"/>
      <c r="F2804" s="55"/>
      <c r="G2804" s="102"/>
      <c r="H2804" s="55"/>
      <c r="I2804" s="55"/>
      <c r="J2804" s="55"/>
      <c r="K2804" s="55"/>
      <c r="L2804" s="55"/>
      <c r="M2804" s="55"/>
      <c r="N2804" s="55"/>
      <c r="O2804" s="55"/>
      <c r="P2804" s="55"/>
      <c r="Q2804" s="55"/>
      <c r="R2804" s="55"/>
      <c r="S2804" s="55"/>
      <c r="T2804" s="55"/>
      <c r="U2804" s="55"/>
      <c r="V2804" s="55"/>
      <c r="W2804" s="55"/>
      <c r="X2804" s="55"/>
      <c r="Y2804" s="55"/>
      <c r="Z2804" s="55"/>
      <c r="AA2804" s="55"/>
      <c r="AB2804" s="55"/>
      <c r="AC2804" s="55"/>
      <c r="AD2804" s="55"/>
      <c r="AE2804" s="55"/>
      <c r="AF2804" s="55"/>
      <c r="AG2804" s="55"/>
      <c r="AY2804" s="162"/>
      <c r="AZ2804" s="162"/>
      <c r="BA2804" s="162"/>
      <c r="BB2804" s="162"/>
      <c r="BC2804" s="162"/>
      <c r="BD2804" s="162"/>
      <c r="BE2804" s="162"/>
      <c r="BF2804" s="162"/>
      <c r="BG2804" s="162"/>
      <c r="BH2804" s="162"/>
      <c r="BI2804" s="162"/>
      <c r="BJ2804" s="162"/>
      <c r="BK2804" s="162"/>
      <c r="BL2804" s="162"/>
      <c r="BM2804" s="162"/>
      <c r="BN2804" s="162"/>
      <c r="BO2804" s="162"/>
      <c r="BP2804" s="162"/>
      <c r="BQ2804" s="162"/>
      <c r="BR2804" s="162"/>
      <c r="BS2804" s="162"/>
      <c r="BT2804" s="162"/>
      <c r="BU2804" s="162"/>
      <c r="BV2804" s="162"/>
      <c r="BW2804" s="162"/>
      <c r="BX2804" s="162"/>
      <c r="BY2804" s="162"/>
      <c r="BZ2804" s="162"/>
      <c r="CA2804" s="162"/>
      <c r="CB2804" s="162"/>
      <c r="CC2804" s="162"/>
      <c r="CD2804" s="162"/>
      <c r="CE2804" s="162"/>
      <c r="CF2804" s="162"/>
      <c r="CG2804" s="162"/>
      <c r="CH2804" s="162"/>
      <c r="CI2804" s="162"/>
      <c r="CJ2804" s="162"/>
      <c r="CK2804" s="162"/>
      <c r="CX2804" s="98"/>
      <c r="DL2804" s="97"/>
      <c r="DX2804" s="98"/>
      <c r="EL2804" s="97"/>
      <c r="EX2804" s="98"/>
      <c r="EY2804" s="97"/>
      <c r="FL2804" s="126"/>
      <c r="FM2804" s="91"/>
      <c r="FN2804" s="91"/>
      <c r="FO2804" s="91"/>
      <c r="FP2804" s="91"/>
      <c r="FQ2804" s="91"/>
      <c r="FR2804" s="91"/>
      <c r="FS2804" s="91"/>
      <c r="FT2804" s="91"/>
      <c r="FU2804" s="91"/>
      <c r="FV2804" s="91"/>
      <c r="FW2804" s="91"/>
      <c r="FX2804" s="91"/>
      <c r="FY2804" s="91"/>
      <c r="FZ2804" s="91"/>
      <c r="GA2804" s="91"/>
      <c r="GB2804" s="91"/>
      <c r="GC2804" s="91"/>
      <c r="GD2804" s="91"/>
      <c r="GE2804" s="91"/>
      <c r="GF2804" s="91"/>
      <c r="GG2804" s="91"/>
      <c r="GH2804" s="91"/>
      <c r="GI2804" s="91"/>
      <c r="GJ2804" s="91"/>
      <c r="GK2804" s="127"/>
      <c r="GL2804" s="126"/>
      <c r="GM2804" s="91"/>
      <c r="GN2804" s="91"/>
      <c r="GO2804" s="91"/>
      <c r="GP2804" s="91"/>
      <c r="GQ2804" s="91"/>
      <c r="GR2804" s="91"/>
      <c r="GS2804" s="91"/>
      <c r="GT2804" s="91"/>
      <c r="GU2804" s="91"/>
      <c r="GV2804" s="91"/>
      <c r="GW2804" s="91"/>
      <c r="GX2804" s="91"/>
      <c r="GY2804" s="91"/>
      <c r="GZ2804" s="91"/>
      <c r="HA2804" s="91"/>
      <c r="HB2804" s="91"/>
      <c r="HC2804" s="91"/>
      <c r="HD2804" s="91"/>
      <c r="HE2804" s="91"/>
      <c r="HF2804" s="91"/>
      <c r="HG2804" s="91"/>
      <c r="HH2804" s="91"/>
      <c r="HI2804" s="91"/>
      <c r="HJ2804" s="91"/>
      <c r="HK2804" s="127"/>
      <c r="HL2804" s="126"/>
      <c r="HM2804" s="91"/>
      <c r="HN2804" s="91"/>
      <c r="HO2804" s="91"/>
      <c r="HP2804" s="91"/>
      <c r="HQ2804" s="91"/>
      <c r="HR2804" s="91"/>
      <c r="HS2804" s="91"/>
      <c r="HT2804" s="91"/>
      <c r="HU2804" s="91"/>
      <c r="HV2804" s="91"/>
      <c r="HW2804" s="91"/>
      <c r="HX2804" s="91"/>
      <c r="HY2804" s="91"/>
      <c r="HZ2804" s="91"/>
      <c r="IA2804" s="91"/>
      <c r="IB2804" s="91"/>
      <c r="IC2804" s="91"/>
      <c r="ID2804" s="91"/>
      <c r="IE2804" s="91"/>
      <c r="IF2804" s="91"/>
      <c r="IG2804" s="91"/>
      <c r="IH2804" s="91"/>
      <c r="II2804" s="91"/>
      <c r="IJ2804" s="91"/>
      <c r="IK2804" s="127"/>
    </row>
    <row r="2805" spans="2:245" x14ac:dyDescent="0.2">
      <c r="B2805" s="43"/>
      <c r="C2805" s="73"/>
      <c r="D2805" s="64"/>
      <c r="E2805" s="64"/>
      <c r="F2805" s="55"/>
      <c r="G2805" s="102"/>
      <c r="H2805" s="55"/>
      <c r="I2805" s="55"/>
      <c r="J2805" s="55"/>
      <c r="K2805" s="55"/>
      <c r="L2805" s="55"/>
      <c r="M2805" s="55"/>
      <c r="N2805" s="55"/>
      <c r="O2805" s="55"/>
      <c r="P2805" s="55"/>
      <c r="Q2805" s="55"/>
      <c r="R2805" s="55"/>
      <c r="S2805" s="55"/>
      <c r="T2805" s="55"/>
      <c r="U2805" s="55"/>
      <c r="V2805" s="55"/>
      <c r="W2805" s="55"/>
      <c r="X2805" s="55"/>
      <c r="Y2805" s="55"/>
      <c r="Z2805" s="55"/>
      <c r="AA2805" s="55"/>
      <c r="AB2805" s="55"/>
      <c r="AC2805" s="55"/>
      <c r="AD2805" s="55"/>
      <c r="AE2805" s="55"/>
      <c r="AF2805" s="55"/>
      <c r="AG2805" s="55"/>
      <c r="AY2805" s="162"/>
      <c r="AZ2805" s="162"/>
      <c r="BA2805" s="162"/>
      <c r="BB2805" s="162"/>
      <c r="BC2805" s="162"/>
      <c r="BD2805" s="162"/>
      <c r="BE2805" s="162"/>
      <c r="BF2805" s="162"/>
      <c r="BG2805" s="162"/>
      <c r="BH2805" s="162"/>
      <c r="BI2805" s="162"/>
      <c r="BJ2805" s="162"/>
      <c r="BK2805" s="162"/>
      <c r="BL2805" s="162"/>
      <c r="BM2805" s="162"/>
      <c r="BN2805" s="162"/>
      <c r="BO2805" s="162"/>
      <c r="BP2805" s="162"/>
      <c r="BQ2805" s="162"/>
      <c r="BR2805" s="162"/>
      <c r="BS2805" s="162"/>
      <c r="BT2805" s="162"/>
      <c r="BU2805" s="162"/>
      <c r="BV2805" s="162"/>
      <c r="BW2805" s="162"/>
      <c r="BX2805" s="162"/>
      <c r="BY2805" s="162"/>
      <c r="BZ2805" s="162"/>
      <c r="CA2805" s="162"/>
      <c r="CB2805" s="162"/>
      <c r="CC2805" s="162"/>
      <c r="CD2805" s="162"/>
      <c r="CE2805" s="162"/>
      <c r="CF2805" s="162"/>
      <c r="CG2805" s="162"/>
      <c r="CH2805" s="162"/>
      <c r="CI2805" s="162"/>
      <c r="CJ2805" s="162"/>
      <c r="CK2805" s="162"/>
      <c r="CX2805" s="98"/>
      <c r="DL2805" s="97"/>
      <c r="DX2805" s="98"/>
      <c r="EL2805" s="97"/>
      <c r="EX2805" s="98"/>
      <c r="EY2805" s="97"/>
      <c r="FL2805" s="126"/>
      <c r="FM2805" s="91"/>
      <c r="FN2805" s="91"/>
      <c r="FO2805" s="91"/>
      <c r="FP2805" s="91"/>
      <c r="FQ2805" s="91"/>
      <c r="FR2805" s="91"/>
      <c r="FS2805" s="91"/>
      <c r="FT2805" s="91"/>
      <c r="FU2805" s="91"/>
      <c r="FV2805" s="91"/>
      <c r="FW2805" s="91"/>
      <c r="FX2805" s="91"/>
      <c r="FY2805" s="91"/>
      <c r="FZ2805" s="91"/>
      <c r="GA2805" s="91"/>
      <c r="GB2805" s="91"/>
      <c r="GC2805" s="91"/>
      <c r="GD2805" s="91"/>
      <c r="GE2805" s="91"/>
      <c r="GF2805" s="91"/>
      <c r="GG2805" s="91"/>
      <c r="GH2805" s="91"/>
      <c r="GI2805" s="91"/>
      <c r="GJ2805" s="91"/>
      <c r="GK2805" s="127"/>
      <c r="GL2805" s="126"/>
      <c r="GM2805" s="91"/>
      <c r="GN2805" s="91"/>
      <c r="GO2805" s="91"/>
      <c r="GP2805" s="91"/>
      <c r="GQ2805" s="91"/>
      <c r="GR2805" s="91"/>
      <c r="GS2805" s="91"/>
      <c r="GT2805" s="91"/>
      <c r="GU2805" s="91"/>
      <c r="GV2805" s="91"/>
      <c r="GW2805" s="91"/>
      <c r="GX2805" s="91"/>
      <c r="GY2805" s="91"/>
      <c r="GZ2805" s="91"/>
      <c r="HA2805" s="91"/>
      <c r="HB2805" s="91"/>
      <c r="HC2805" s="91"/>
      <c r="HD2805" s="91"/>
      <c r="HE2805" s="91"/>
      <c r="HF2805" s="91"/>
      <c r="HG2805" s="91"/>
      <c r="HH2805" s="91"/>
      <c r="HI2805" s="91"/>
      <c r="HJ2805" s="91"/>
      <c r="HK2805" s="127"/>
      <c r="HL2805" s="126"/>
      <c r="HM2805" s="91"/>
      <c r="HN2805" s="91"/>
      <c r="HO2805" s="91"/>
      <c r="HP2805" s="91"/>
      <c r="HQ2805" s="91"/>
      <c r="HR2805" s="91"/>
      <c r="HS2805" s="91"/>
      <c r="HT2805" s="91"/>
      <c r="HU2805" s="91"/>
      <c r="HV2805" s="91"/>
      <c r="HW2805" s="91"/>
      <c r="HX2805" s="91"/>
      <c r="HY2805" s="91"/>
      <c r="HZ2805" s="91"/>
      <c r="IA2805" s="91"/>
      <c r="IB2805" s="91"/>
      <c r="IC2805" s="91"/>
      <c r="ID2805" s="91"/>
      <c r="IE2805" s="91"/>
      <c r="IF2805" s="91"/>
      <c r="IG2805" s="91"/>
      <c r="IH2805" s="91"/>
      <c r="II2805" s="91"/>
      <c r="IJ2805" s="91"/>
      <c r="IK2805" s="127"/>
    </row>
    <row r="2806" spans="2:245" x14ac:dyDescent="0.2">
      <c r="B2806" s="43"/>
      <c r="C2806" s="73"/>
      <c r="D2806" s="64"/>
      <c r="E2806" s="64"/>
      <c r="F2806" s="55"/>
      <c r="G2806" s="102"/>
      <c r="H2806" s="55"/>
      <c r="I2806" s="55"/>
      <c r="J2806" s="55"/>
      <c r="K2806" s="55"/>
      <c r="L2806" s="55"/>
      <c r="M2806" s="55"/>
      <c r="N2806" s="55"/>
      <c r="O2806" s="55"/>
      <c r="P2806" s="55"/>
      <c r="Q2806" s="55"/>
      <c r="R2806" s="55"/>
      <c r="S2806" s="55"/>
      <c r="T2806" s="55"/>
      <c r="U2806" s="55"/>
      <c r="V2806" s="55"/>
      <c r="W2806" s="55"/>
      <c r="X2806" s="55"/>
      <c r="Y2806" s="55"/>
      <c r="Z2806" s="55"/>
      <c r="AA2806" s="55"/>
      <c r="AB2806" s="55"/>
      <c r="AC2806" s="55"/>
      <c r="AD2806" s="55"/>
      <c r="AE2806" s="55"/>
      <c r="AF2806" s="55"/>
      <c r="AG2806" s="55"/>
      <c r="AY2806" s="162"/>
      <c r="AZ2806" s="162"/>
      <c r="BA2806" s="162"/>
      <c r="BB2806" s="162"/>
      <c r="BC2806" s="162"/>
      <c r="BD2806" s="162"/>
      <c r="BE2806" s="162"/>
      <c r="BF2806" s="162"/>
      <c r="BG2806" s="162"/>
      <c r="BH2806" s="162"/>
      <c r="BI2806" s="162"/>
      <c r="BJ2806" s="162"/>
      <c r="BK2806" s="162"/>
      <c r="BL2806" s="162"/>
      <c r="BM2806" s="162"/>
      <c r="BN2806" s="162"/>
      <c r="BO2806" s="162"/>
      <c r="BP2806" s="162"/>
      <c r="BQ2806" s="162"/>
      <c r="BR2806" s="162"/>
      <c r="BS2806" s="162"/>
      <c r="BT2806" s="162"/>
      <c r="BU2806" s="162"/>
      <c r="BV2806" s="162"/>
      <c r="BW2806" s="162"/>
      <c r="BX2806" s="162"/>
      <c r="BY2806" s="162"/>
      <c r="BZ2806" s="162"/>
      <c r="CA2806" s="162"/>
      <c r="CB2806" s="162"/>
      <c r="CC2806" s="162"/>
      <c r="CD2806" s="162"/>
      <c r="CE2806" s="162"/>
      <c r="CF2806" s="162"/>
      <c r="CG2806" s="162"/>
      <c r="CH2806" s="162"/>
      <c r="CI2806" s="162"/>
      <c r="CJ2806" s="162"/>
      <c r="CK2806" s="162"/>
      <c r="CX2806" s="98"/>
      <c r="DL2806" s="97"/>
      <c r="DX2806" s="98"/>
      <c r="EL2806" s="97"/>
      <c r="EX2806" s="98"/>
      <c r="EY2806" s="97"/>
      <c r="FL2806" s="126"/>
      <c r="FM2806" s="91"/>
      <c r="FN2806" s="91"/>
      <c r="FO2806" s="91"/>
      <c r="FP2806" s="91"/>
      <c r="FQ2806" s="91"/>
      <c r="FR2806" s="91"/>
      <c r="FS2806" s="91"/>
      <c r="FT2806" s="91"/>
      <c r="FU2806" s="91"/>
      <c r="FV2806" s="91"/>
      <c r="FW2806" s="91"/>
      <c r="FX2806" s="91"/>
      <c r="FY2806" s="91"/>
      <c r="FZ2806" s="91"/>
      <c r="GA2806" s="91"/>
      <c r="GB2806" s="91"/>
      <c r="GC2806" s="91"/>
      <c r="GD2806" s="91"/>
      <c r="GE2806" s="91"/>
      <c r="GF2806" s="91"/>
      <c r="GG2806" s="91"/>
      <c r="GH2806" s="91"/>
      <c r="GI2806" s="91"/>
      <c r="GJ2806" s="91"/>
      <c r="GK2806" s="127"/>
      <c r="GL2806" s="126"/>
      <c r="GM2806" s="91"/>
      <c r="GN2806" s="91"/>
      <c r="GO2806" s="91"/>
      <c r="GP2806" s="91"/>
      <c r="GQ2806" s="91"/>
      <c r="GR2806" s="91"/>
      <c r="GS2806" s="91"/>
      <c r="GT2806" s="91"/>
      <c r="GU2806" s="91"/>
      <c r="GV2806" s="91"/>
      <c r="GW2806" s="91"/>
      <c r="GX2806" s="91"/>
      <c r="GY2806" s="91"/>
      <c r="GZ2806" s="91"/>
      <c r="HA2806" s="91"/>
      <c r="HB2806" s="91"/>
      <c r="HC2806" s="91"/>
      <c r="HD2806" s="91"/>
      <c r="HE2806" s="91"/>
      <c r="HF2806" s="91"/>
      <c r="HG2806" s="91"/>
      <c r="HH2806" s="91"/>
      <c r="HI2806" s="91"/>
      <c r="HJ2806" s="91"/>
      <c r="HK2806" s="127"/>
      <c r="HL2806" s="126"/>
      <c r="HM2806" s="91"/>
      <c r="HN2806" s="91"/>
      <c r="HO2806" s="91"/>
      <c r="HP2806" s="91"/>
      <c r="HQ2806" s="91"/>
      <c r="HR2806" s="91"/>
      <c r="HS2806" s="91"/>
      <c r="HT2806" s="91"/>
      <c r="HU2806" s="91"/>
      <c r="HV2806" s="91"/>
      <c r="HW2806" s="91"/>
      <c r="HX2806" s="91"/>
      <c r="HY2806" s="91"/>
      <c r="HZ2806" s="91"/>
      <c r="IA2806" s="91"/>
      <c r="IB2806" s="91"/>
      <c r="IC2806" s="91"/>
      <c r="ID2806" s="91"/>
      <c r="IE2806" s="91"/>
      <c r="IF2806" s="91"/>
      <c r="IG2806" s="91"/>
      <c r="IH2806" s="91"/>
      <c r="II2806" s="91"/>
      <c r="IJ2806" s="91"/>
      <c r="IK2806" s="127"/>
    </row>
    <row r="2807" spans="2:245" x14ac:dyDescent="0.2">
      <c r="B2807" s="43"/>
      <c r="C2807" s="73"/>
      <c r="D2807" s="64"/>
      <c r="E2807" s="64"/>
      <c r="F2807" s="55"/>
      <c r="G2807" s="102"/>
      <c r="H2807" s="55"/>
      <c r="I2807" s="55"/>
      <c r="J2807" s="55"/>
      <c r="K2807" s="55"/>
      <c r="L2807" s="55"/>
      <c r="M2807" s="55"/>
      <c r="N2807" s="55"/>
      <c r="O2807" s="55"/>
      <c r="P2807" s="55"/>
      <c r="Q2807" s="55"/>
      <c r="R2807" s="55"/>
      <c r="S2807" s="55"/>
      <c r="T2807" s="55"/>
      <c r="U2807" s="55"/>
      <c r="V2807" s="55"/>
      <c r="W2807" s="55"/>
      <c r="X2807" s="55"/>
      <c r="Y2807" s="55"/>
      <c r="Z2807" s="55"/>
      <c r="AA2807" s="55"/>
      <c r="AB2807" s="55"/>
      <c r="AC2807" s="55"/>
      <c r="AD2807" s="55"/>
      <c r="AE2807" s="55"/>
      <c r="AF2807" s="55"/>
      <c r="AG2807" s="55"/>
      <c r="AY2807" s="162"/>
      <c r="AZ2807" s="162"/>
      <c r="BA2807" s="162"/>
      <c r="BB2807" s="162"/>
      <c r="BC2807" s="162"/>
      <c r="BD2807" s="162"/>
      <c r="BE2807" s="162"/>
      <c r="BF2807" s="162"/>
      <c r="BG2807" s="162"/>
      <c r="BH2807" s="162"/>
      <c r="BI2807" s="162"/>
      <c r="BJ2807" s="162"/>
      <c r="BK2807" s="162"/>
      <c r="BL2807" s="162"/>
      <c r="BM2807" s="162"/>
      <c r="BN2807" s="162"/>
      <c r="BO2807" s="162"/>
      <c r="BP2807" s="162"/>
      <c r="BQ2807" s="162"/>
      <c r="BR2807" s="162"/>
      <c r="BS2807" s="162"/>
      <c r="BT2807" s="162"/>
      <c r="BU2807" s="162"/>
      <c r="BV2807" s="162"/>
      <c r="BW2807" s="162"/>
      <c r="BX2807" s="162"/>
      <c r="BY2807" s="162"/>
      <c r="BZ2807" s="162"/>
      <c r="CA2807" s="162"/>
      <c r="CB2807" s="162"/>
      <c r="CC2807" s="162"/>
      <c r="CD2807" s="162"/>
      <c r="CE2807" s="162"/>
      <c r="CF2807" s="162"/>
      <c r="CG2807" s="162"/>
      <c r="CH2807" s="162"/>
      <c r="CI2807" s="162"/>
      <c r="CJ2807" s="162"/>
      <c r="CK2807" s="162"/>
      <c r="CX2807" s="98"/>
      <c r="DL2807" s="97"/>
      <c r="DX2807" s="98"/>
      <c r="EL2807" s="97"/>
      <c r="EX2807" s="98"/>
      <c r="EY2807" s="97"/>
      <c r="FL2807" s="126"/>
      <c r="FM2807" s="91"/>
      <c r="FN2807" s="91"/>
      <c r="FO2807" s="91"/>
      <c r="FP2807" s="91"/>
      <c r="FQ2807" s="91"/>
      <c r="FR2807" s="91"/>
      <c r="FS2807" s="91"/>
      <c r="FT2807" s="91"/>
      <c r="FU2807" s="91"/>
      <c r="FV2807" s="91"/>
      <c r="FW2807" s="91"/>
      <c r="FX2807" s="91"/>
      <c r="FY2807" s="91"/>
      <c r="FZ2807" s="91"/>
      <c r="GA2807" s="91"/>
      <c r="GB2807" s="91"/>
      <c r="GC2807" s="91"/>
      <c r="GD2807" s="91"/>
      <c r="GE2807" s="91"/>
      <c r="GF2807" s="91"/>
      <c r="GG2807" s="91"/>
      <c r="GH2807" s="91"/>
      <c r="GI2807" s="91"/>
      <c r="GJ2807" s="91"/>
      <c r="GK2807" s="127"/>
      <c r="GL2807" s="126"/>
      <c r="GM2807" s="91"/>
      <c r="GN2807" s="91"/>
      <c r="GO2807" s="91"/>
      <c r="GP2807" s="91"/>
      <c r="GQ2807" s="91"/>
      <c r="GR2807" s="91"/>
      <c r="GS2807" s="91"/>
      <c r="GT2807" s="91"/>
      <c r="GU2807" s="91"/>
      <c r="GV2807" s="91"/>
      <c r="GW2807" s="91"/>
      <c r="GX2807" s="91"/>
      <c r="GY2807" s="91"/>
      <c r="GZ2807" s="91"/>
      <c r="HA2807" s="91"/>
      <c r="HB2807" s="91"/>
      <c r="HC2807" s="91"/>
      <c r="HD2807" s="91"/>
      <c r="HE2807" s="91"/>
      <c r="HF2807" s="91"/>
      <c r="HG2807" s="91"/>
      <c r="HH2807" s="91"/>
      <c r="HI2807" s="91"/>
      <c r="HJ2807" s="91"/>
      <c r="HK2807" s="127"/>
      <c r="HL2807" s="126"/>
      <c r="HM2807" s="91"/>
      <c r="HN2807" s="91"/>
      <c r="HO2807" s="91"/>
      <c r="HP2807" s="91"/>
      <c r="HQ2807" s="91"/>
      <c r="HR2807" s="91"/>
      <c r="HS2807" s="91"/>
      <c r="HT2807" s="91"/>
      <c r="HU2807" s="91"/>
      <c r="HV2807" s="91"/>
      <c r="HW2807" s="91"/>
      <c r="HX2807" s="91"/>
      <c r="HY2807" s="91"/>
      <c r="HZ2807" s="91"/>
      <c r="IA2807" s="91"/>
      <c r="IB2807" s="91"/>
      <c r="IC2807" s="91"/>
      <c r="ID2807" s="91"/>
      <c r="IE2807" s="91"/>
      <c r="IF2807" s="91"/>
      <c r="IG2807" s="91"/>
      <c r="IH2807" s="91"/>
      <c r="II2807" s="91"/>
      <c r="IJ2807" s="91"/>
      <c r="IK2807" s="127"/>
    </row>
    <row r="2808" spans="2:245" x14ac:dyDescent="0.2">
      <c r="B2808" s="43"/>
      <c r="C2808" s="73"/>
      <c r="D2808" s="64"/>
      <c r="E2808" s="64"/>
      <c r="F2808" s="55"/>
      <c r="G2808" s="102"/>
      <c r="H2808" s="55"/>
      <c r="I2808" s="55"/>
      <c r="J2808" s="55"/>
      <c r="K2808" s="55"/>
      <c r="L2808" s="55"/>
      <c r="M2808" s="55"/>
      <c r="N2808" s="55"/>
      <c r="O2808" s="55"/>
      <c r="P2808" s="55"/>
      <c r="Q2808" s="55"/>
      <c r="R2808" s="55"/>
      <c r="S2808" s="55"/>
      <c r="T2808" s="55"/>
      <c r="U2808" s="55"/>
      <c r="V2808" s="55"/>
      <c r="W2808" s="55"/>
      <c r="X2808" s="55"/>
      <c r="Y2808" s="55"/>
      <c r="Z2808" s="55"/>
      <c r="AA2808" s="55"/>
      <c r="AB2808" s="55"/>
      <c r="AC2808" s="55"/>
      <c r="AD2808" s="55"/>
      <c r="AE2808" s="55"/>
      <c r="AF2808" s="55"/>
      <c r="AG2808" s="55"/>
      <c r="AY2808" s="162"/>
      <c r="AZ2808" s="162"/>
      <c r="BA2808" s="162"/>
      <c r="BB2808" s="162"/>
      <c r="BC2808" s="162"/>
      <c r="BD2808" s="162"/>
      <c r="BE2808" s="162"/>
      <c r="BF2808" s="162"/>
      <c r="BG2808" s="162"/>
      <c r="BH2808" s="162"/>
      <c r="BI2808" s="162"/>
      <c r="BJ2808" s="162"/>
      <c r="BK2808" s="162"/>
      <c r="BL2808" s="162"/>
      <c r="BM2808" s="162"/>
      <c r="BN2808" s="162"/>
      <c r="BO2808" s="162"/>
      <c r="BP2808" s="162"/>
      <c r="BQ2808" s="162"/>
      <c r="BR2808" s="162"/>
      <c r="BS2808" s="162"/>
      <c r="BT2808" s="162"/>
      <c r="BU2808" s="162"/>
      <c r="BV2808" s="162"/>
      <c r="BW2808" s="162"/>
      <c r="BX2808" s="162"/>
      <c r="BY2808" s="162"/>
      <c r="BZ2808" s="162"/>
      <c r="CA2808" s="162"/>
      <c r="CB2808" s="162"/>
      <c r="CC2808" s="162"/>
      <c r="CD2808" s="162"/>
      <c r="CE2808" s="162"/>
      <c r="CF2808" s="162"/>
      <c r="CG2808" s="162"/>
      <c r="CH2808" s="162"/>
      <c r="CI2808" s="162"/>
      <c r="CJ2808" s="162"/>
      <c r="CK2808" s="162"/>
      <c r="CX2808" s="98"/>
      <c r="DL2808" s="97"/>
      <c r="DX2808" s="98"/>
      <c r="EL2808" s="97"/>
      <c r="EX2808" s="98"/>
      <c r="EY2808" s="97"/>
      <c r="FL2808" s="126"/>
      <c r="FM2808" s="91"/>
      <c r="FN2808" s="91"/>
      <c r="FO2808" s="91"/>
      <c r="FP2808" s="91"/>
      <c r="FQ2808" s="91"/>
      <c r="FR2808" s="91"/>
      <c r="FS2808" s="91"/>
      <c r="FT2808" s="91"/>
      <c r="FU2808" s="91"/>
      <c r="FV2808" s="91"/>
      <c r="FW2808" s="91"/>
      <c r="FX2808" s="91"/>
      <c r="FY2808" s="91"/>
      <c r="FZ2808" s="91"/>
      <c r="GA2808" s="91"/>
      <c r="GB2808" s="91"/>
      <c r="GC2808" s="91"/>
      <c r="GD2808" s="91"/>
      <c r="GE2808" s="91"/>
      <c r="GF2808" s="91"/>
      <c r="GG2808" s="91"/>
      <c r="GH2808" s="91"/>
      <c r="GI2808" s="91"/>
      <c r="GJ2808" s="91"/>
      <c r="GK2808" s="127"/>
      <c r="GL2808" s="126"/>
      <c r="GM2808" s="91"/>
      <c r="GN2808" s="91"/>
      <c r="GO2808" s="91"/>
      <c r="GP2808" s="91"/>
      <c r="GQ2808" s="91"/>
      <c r="GR2808" s="91"/>
      <c r="GS2808" s="91"/>
      <c r="GT2808" s="91"/>
      <c r="GU2808" s="91"/>
      <c r="GV2808" s="91"/>
      <c r="GW2808" s="91"/>
      <c r="GX2808" s="91"/>
      <c r="GY2808" s="91"/>
      <c r="GZ2808" s="91"/>
      <c r="HA2808" s="91"/>
      <c r="HB2808" s="91"/>
      <c r="HC2808" s="91"/>
      <c r="HD2808" s="91"/>
      <c r="HE2808" s="91"/>
      <c r="HF2808" s="91"/>
      <c r="HG2808" s="91"/>
      <c r="HH2808" s="91"/>
      <c r="HI2808" s="91"/>
      <c r="HJ2808" s="91"/>
      <c r="HK2808" s="127"/>
      <c r="HL2808" s="126"/>
      <c r="HM2808" s="91"/>
      <c r="HN2808" s="91"/>
      <c r="HO2808" s="91"/>
      <c r="HP2808" s="91"/>
      <c r="HQ2808" s="91"/>
      <c r="HR2808" s="91"/>
      <c r="HS2808" s="91"/>
      <c r="HT2808" s="91"/>
      <c r="HU2808" s="91"/>
      <c r="HV2808" s="91"/>
      <c r="HW2808" s="91"/>
      <c r="HX2808" s="91"/>
      <c r="HY2808" s="91"/>
      <c r="HZ2808" s="91"/>
      <c r="IA2808" s="91"/>
      <c r="IB2808" s="91"/>
      <c r="IC2808" s="91"/>
      <c r="ID2808" s="91"/>
      <c r="IE2808" s="91"/>
      <c r="IF2808" s="91"/>
      <c r="IG2808" s="91"/>
      <c r="IH2808" s="91"/>
      <c r="II2808" s="91"/>
      <c r="IJ2808" s="91"/>
      <c r="IK2808" s="127"/>
    </row>
    <row r="2809" spans="2:245" x14ac:dyDescent="0.2">
      <c r="B2809" s="43"/>
      <c r="C2809" s="73"/>
      <c r="D2809" s="64"/>
      <c r="E2809" s="64"/>
      <c r="F2809" s="55"/>
      <c r="G2809" s="102"/>
      <c r="H2809" s="55"/>
      <c r="I2809" s="55"/>
      <c r="J2809" s="55"/>
      <c r="K2809" s="55"/>
      <c r="L2809" s="55"/>
      <c r="M2809" s="55"/>
      <c r="N2809" s="55"/>
      <c r="O2809" s="55"/>
      <c r="P2809" s="55"/>
      <c r="Q2809" s="55"/>
      <c r="R2809" s="55"/>
      <c r="S2809" s="55"/>
      <c r="T2809" s="55"/>
      <c r="U2809" s="55"/>
      <c r="V2809" s="55"/>
      <c r="W2809" s="55"/>
      <c r="X2809" s="55"/>
      <c r="Y2809" s="55"/>
      <c r="Z2809" s="55"/>
      <c r="AA2809" s="55"/>
      <c r="AB2809" s="55"/>
      <c r="AC2809" s="55"/>
      <c r="AD2809" s="55"/>
      <c r="AE2809" s="55"/>
      <c r="AF2809" s="55"/>
      <c r="AG2809" s="55"/>
      <c r="AY2809" s="162"/>
      <c r="AZ2809" s="162"/>
      <c r="BA2809" s="162"/>
      <c r="BB2809" s="162"/>
      <c r="BC2809" s="162"/>
      <c r="BD2809" s="162"/>
      <c r="BE2809" s="162"/>
      <c r="BF2809" s="162"/>
      <c r="BG2809" s="162"/>
      <c r="BH2809" s="162"/>
      <c r="BI2809" s="162"/>
      <c r="BJ2809" s="162"/>
      <c r="BK2809" s="162"/>
      <c r="BL2809" s="162"/>
      <c r="BM2809" s="162"/>
      <c r="BN2809" s="162"/>
      <c r="BO2809" s="162"/>
      <c r="BP2809" s="162"/>
      <c r="BQ2809" s="162"/>
      <c r="BR2809" s="162"/>
      <c r="BS2809" s="162"/>
      <c r="BT2809" s="162"/>
      <c r="BU2809" s="162"/>
      <c r="BV2809" s="162"/>
      <c r="BW2809" s="162"/>
      <c r="BX2809" s="162"/>
      <c r="BY2809" s="162"/>
      <c r="BZ2809" s="162"/>
      <c r="CA2809" s="162"/>
      <c r="CB2809" s="162"/>
      <c r="CC2809" s="162"/>
      <c r="CD2809" s="162"/>
      <c r="CE2809" s="162"/>
      <c r="CF2809" s="162"/>
      <c r="CG2809" s="162"/>
      <c r="CH2809" s="162"/>
      <c r="CI2809" s="162"/>
      <c r="CJ2809" s="162"/>
      <c r="CK2809" s="162"/>
      <c r="CX2809" s="98"/>
      <c r="DL2809" s="97"/>
      <c r="DX2809" s="98"/>
      <c r="EL2809" s="97"/>
      <c r="EX2809" s="98"/>
      <c r="EY2809" s="97"/>
      <c r="FL2809" s="126"/>
      <c r="FM2809" s="91"/>
      <c r="FN2809" s="91"/>
      <c r="FO2809" s="91"/>
      <c r="FP2809" s="91"/>
      <c r="FQ2809" s="91"/>
      <c r="FR2809" s="91"/>
      <c r="FS2809" s="91"/>
      <c r="FT2809" s="91"/>
      <c r="FU2809" s="91"/>
      <c r="FV2809" s="91"/>
      <c r="FW2809" s="91"/>
      <c r="FX2809" s="91"/>
      <c r="FY2809" s="91"/>
      <c r="FZ2809" s="91"/>
      <c r="GA2809" s="91"/>
      <c r="GB2809" s="91"/>
      <c r="GC2809" s="91"/>
      <c r="GD2809" s="91"/>
      <c r="GE2809" s="91"/>
      <c r="GF2809" s="91"/>
      <c r="GG2809" s="91"/>
      <c r="GH2809" s="91"/>
      <c r="GI2809" s="91"/>
      <c r="GJ2809" s="91"/>
      <c r="GK2809" s="127"/>
      <c r="GL2809" s="126"/>
      <c r="GM2809" s="91"/>
      <c r="GN2809" s="91"/>
      <c r="GO2809" s="91"/>
      <c r="GP2809" s="91"/>
      <c r="GQ2809" s="91"/>
      <c r="GR2809" s="91"/>
      <c r="GS2809" s="91"/>
      <c r="GT2809" s="91"/>
      <c r="GU2809" s="91"/>
      <c r="GV2809" s="91"/>
      <c r="GW2809" s="91"/>
      <c r="GX2809" s="91"/>
      <c r="GY2809" s="91"/>
      <c r="GZ2809" s="91"/>
      <c r="HA2809" s="91"/>
      <c r="HB2809" s="91"/>
      <c r="HC2809" s="91"/>
      <c r="HD2809" s="91"/>
      <c r="HE2809" s="91"/>
      <c r="HF2809" s="91"/>
      <c r="HG2809" s="91"/>
      <c r="HH2809" s="91"/>
      <c r="HI2809" s="91"/>
      <c r="HJ2809" s="91"/>
      <c r="HK2809" s="127"/>
      <c r="HL2809" s="126"/>
      <c r="HM2809" s="91"/>
      <c r="HN2809" s="91"/>
      <c r="HO2809" s="91"/>
      <c r="HP2809" s="91"/>
      <c r="HQ2809" s="91"/>
      <c r="HR2809" s="91"/>
      <c r="HS2809" s="91"/>
      <c r="HT2809" s="91"/>
      <c r="HU2809" s="91"/>
      <c r="HV2809" s="91"/>
      <c r="HW2809" s="91"/>
      <c r="HX2809" s="91"/>
      <c r="HY2809" s="91"/>
      <c r="HZ2809" s="91"/>
      <c r="IA2809" s="91"/>
      <c r="IB2809" s="91"/>
      <c r="IC2809" s="91"/>
      <c r="ID2809" s="91"/>
      <c r="IE2809" s="91"/>
      <c r="IF2809" s="91"/>
      <c r="IG2809" s="91"/>
      <c r="IH2809" s="91"/>
      <c r="II2809" s="91"/>
      <c r="IJ2809" s="91"/>
      <c r="IK2809" s="127"/>
    </row>
    <row r="2810" spans="2:245" x14ac:dyDescent="0.2">
      <c r="B2810" s="43"/>
      <c r="C2810" s="73"/>
      <c r="D2810" s="64"/>
      <c r="E2810" s="64"/>
      <c r="F2810" s="55"/>
      <c r="G2810" s="102"/>
      <c r="H2810" s="55"/>
      <c r="I2810" s="55"/>
      <c r="J2810" s="55"/>
      <c r="K2810" s="55"/>
      <c r="L2810" s="55"/>
      <c r="M2810" s="55"/>
      <c r="N2810" s="55"/>
      <c r="O2810" s="55"/>
      <c r="P2810" s="55"/>
      <c r="Q2810" s="55"/>
      <c r="R2810" s="55"/>
      <c r="S2810" s="55"/>
      <c r="T2810" s="55"/>
      <c r="U2810" s="55"/>
      <c r="V2810" s="55"/>
      <c r="W2810" s="55"/>
      <c r="X2810" s="55"/>
      <c r="Y2810" s="55"/>
      <c r="Z2810" s="55"/>
      <c r="AA2810" s="55"/>
      <c r="AB2810" s="55"/>
      <c r="AC2810" s="55"/>
      <c r="AD2810" s="55"/>
      <c r="AE2810" s="55"/>
      <c r="AF2810" s="55"/>
      <c r="AG2810" s="55"/>
      <c r="AY2810" s="162"/>
      <c r="AZ2810" s="162"/>
      <c r="BA2810" s="162"/>
      <c r="BB2810" s="162"/>
      <c r="BC2810" s="162"/>
      <c r="BD2810" s="162"/>
      <c r="BE2810" s="162"/>
      <c r="BF2810" s="162"/>
      <c r="BG2810" s="162"/>
      <c r="BH2810" s="162"/>
      <c r="BI2810" s="162"/>
      <c r="BJ2810" s="162"/>
      <c r="BK2810" s="162"/>
      <c r="BL2810" s="162"/>
      <c r="BM2810" s="162"/>
      <c r="BN2810" s="162"/>
      <c r="BO2810" s="162"/>
      <c r="BP2810" s="162"/>
      <c r="BQ2810" s="162"/>
      <c r="BR2810" s="162"/>
      <c r="BS2810" s="162"/>
      <c r="BT2810" s="162"/>
      <c r="BU2810" s="162"/>
      <c r="BV2810" s="162"/>
      <c r="BW2810" s="162"/>
      <c r="BX2810" s="162"/>
      <c r="BY2810" s="162"/>
      <c r="BZ2810" s="162"/>
      <c r="CA2810" s="162"/>
      <c r="CB2810" s="162"/>
      <c r="CC2810" s="162"/>
      <c r="CD2810" s="162"/>
      <c r="CE2810" s="162"/>
      <c r="CF2810" s="162"/>
      <c r="CG2810" s="162"/>
      <c r="CH2810" s="162"/>
      <c r="CI2810" s="162"/>
      <c r="CJ2810" s="162"/>
      <c r="CK2810" s="162"/>
      <c r="CX2810" s="98"/>
      <c r="DL2810" s="97"/>
      <c r="DX2810" s="98"/>
      <c r="EL2810" s="97"/>
      <c r="EX2810" s="98"/>
      <c r="EY2810" s="97"/>
      <c r="FL2810" s="126"/>
      <c r="FM2810" s="91"/>
      <c r="FN2810" s="91"/>
      <c r="FO2810" s="91"/>
      <c r="FP2810" s="91"/>
      <c r="FQ2810" s="91"/>
      <c r="FR2810" s="91"/>
      <c r="FS2810" s="91"/>
      <c r="FT2810" s="91"/>
      <c r="FU2810" s="91"/>
      <c r="FV2810" s="91"/>
      <c r="FW2810" s="91"/>
      <c r="FX2810" s="91"/>
      <c r="FY2810" s="91"/>
      <c r="FZ2810" s="91"/>
      <c r="GA2810" s="91"/>
      <c r="GB2810" s="91"/>
      <c r="GC2810" s="91"/>
      <c r="GD2810" s="91"/>
      <c r="GE2810" s="91"/>
      <c r="GF2810" s="91"/>
      <c r="GG2810" s="91"/>
      <c r="GH2810" s="91"/>
      <c r="GI2810" s="91"/>
      <c r="GJ2810" s="91"/>
      <c r="GK2810" s="127"/>
      <c r="GL2810" s="126"/>
      <c r="GM2810" s="91"/>
      <c r="GN2810" s="91"/>
      <c r="GO2810" s="91"/>
      <c r="GP2810" s="91"/>
      <c r="GQ2810" s="91"/>
      <c r="GR2810" s="91"/>
      <c r="GS2810" s="91"/>
      <c r="GT2810" s="91"/>
      <c r="GU2810" s="91"/>
      <c r="GV2810" s="91"/>
      <c r="GW2810" s="91"/>
      <c r="GX2810" s="91"/>
      <c r="GY2810" s="91"/>
      <c r="GZ2810" s="91"/>
      <c r="HA2810" s="91"/>
      <c r="HB2810" s="91"/>
      <c r="HC2810" s="91"/>
      <c r="HD2810" s="91"/>
      <c r="HE2810" s="91"/>
      <c r="HF2810" s="91"/>
      <c r="HG2810" s="91"/>
      <c r="HH2810" s="91"/>
      <c r="HI2810" s="91"/>
      <c r="HJ2810" s="91"/>
      <c r="HK2810" s="127"/>
      <c r="HL2810" s="126"/>
      <c r="HM2810" s="91"/>
      <c r="HN2810" s="91"/>
      <c r="HO2810" s="91"/>
      <c r="HP2810" s="91"/>
      <c r="HQ2810" s="91"/>
      <c r="HR2810" s="91"/>
      <c r="HS2810" s="91"/>
      <c r="HT2810" s="91"/>
      <c r="HU2810" s="91"/>
      <c r="HV2810" s="91"/>
      <c r="HW2810" s="91"/>
      <c r="HX2810" s="91"/>
      <c r="HY2810" s="91"/>
      <c r="HZ2810" s="91"/>
      <c r="IA2810" s="91"/>
      <c r="IB2810" s="91"/>
      <c r="IC2810" s="91"/>
      <c r="ID2810" s="91"/>
      <c r="IE2810" s="91"/>
      <c r="IF2810" s="91"/>
      <c r="IG2810" s="91"/>
      <c r="IH2810" s="91"/>
      <c r="II2810" s="91"/>
      <c r="IJ2810" s="91"/>
      <c r="IK2810" s="127"/>
    </row>
    <row r="2811" spans="2:245" x14ac:dyDescent="0.2">
      <c r="B2811" s="43"/>
      <c r="C2811" s="73"/>
      <c r="D2811" s="64"/>
      <c r="E2811" s="64"/>
      <c r="F2811" s="55"/>
      <c r="G2811" s="102"/>
      <c r="H2811" s="55"/>
      <c r="I2811" s="55"/>
      <c r="J2811" s="55"/>
      <c r="K2811" s="55"/>
      <c r="L2811" s="55"/>
      <c r="M2811" s="55"/>
      <c r="N2811" s="55"/>
      <c r="O2811" s="55"/>
      <c r="P2811" s="55"/>
      <c r="Q2811" s="55"/>
      <c r="R2811" s="55"/>
      <c r="S2811" s="55"/>
      <c r="T2811" s="55"/>
      <c r="U2811" s="55"/>
      <c r="V2811" s="55"/>
      <c r="W2811" s="55"/>
      <c r="X2811" s="55"/>
      <c r="Y2811" s="55"/>
      <c r="Z2811" s="55"/>
      <c r="AA2811" s="55"/>
      <c r="AB2811" s="55"/>
      <c r="AC2811" s="55"/>
      <c r="AD2811" s="55"/>
      <c r="AE2811" s="55"/>
      <c r="AF2811" s="55"/>
      <c r="AG2811" s="55"/>
      <c r="AY2811" s="162"/>
      <c r="AZ2811" s="162"/>
      <c r="BA2811" s="162"/>
      <c r="BB2811" s="162"/>
      <c r="BC2811" s="162"/>
      <c r="BD2811" s="162"/>
      <c r="BE2811" s="162"/>
      <c r="BF2811" s="162"/>
      <c r="BG2811" s="162"/>
      <c r="BH2811" s="162"/>
      <c r="BI2811" s="162"/>
      <c r="BJ2811" s="162"/>
      <c r="BK2811" s="162"/>
      <c r="BL2811" s="162"/>
      <c r="BM2811" s="162"/>
      <c r="BN2811" s="162"/>
      <c r="BO2811" s="162"/>
      <c r="BP2811" s="162"/>
      <c r="BQ2811" s="162"/>
      <c r="BR2811" s="162"/>
      <c r="BS2811" s="162"/>
      <c r="BT2811" s="162"/>
      <c r="BU2811" s="162"/>
      <c r="BV2811" s="162"/>
      <c r="BW2811" s="162"/>
      <c r="BX2811" s="162"/>
      <c r="BY2811" s="162"/>
      <c r="BZ2811" s="162"/>
      <c r="CA2811" s="162"/>
      <c r="CB2811" s="162"/>
      <c r="CC2811" s="162"/>
      <c r="CD2811" s="162"/>
      <c r="CE2811" s="162"/>
      <c r="CF2811" s="162"/>
      <c r="CG2811" s="162"/>
      <c r="CH2811" s="162"/>
      <c r="CI2811" s="162"/>
      <c r="CJ2811" s="162"/>
      <c r="CK2811" s="162"/>
      <c r="CX2811" s="98"/>
      <c r="DL2811" s="97"/>
      <c r="DX2811" s="98"/>
      <c r="EL2811" s="97"/>
      <c r="EX2811" s="98"/>
      <c r="EY2811" s="97"/>
      <c r="FL2811" s="126"/>
      <c r="FM2811" s="91"/>
      <c r="FN2811" s="91"/>
      <c r="FO2811" s="91"/>
      <c r="FP2811" s="91"/>
      <c r="FQ2811" s="91"/>
      <c r="FR2811" s="91"/>
      <c r="FS2811" s="91"/>
      <c r="FT2811" s="91"/>
      <c r="FU2811" s="91"/>
      <c r="FV2811" s="91"/>
      <c r="FW2811" s="91"/>
      <c r="FX2811" s="91"/>
      <c r="FY2811" s="91"/>
      <c r="FZ2811" s="91"/>
      <c r="GA2811" s="91"/>
      <c r="GB2811" s="91"/>
      <c r="GC2811" s="91"/>
      <c r="GD2811" s="91"/>
      <c r="GE2811" s="91"/>
      <c r="GF2811" s="91"/>
      <c r="GG2811" s="91"/>
      <c r="GH2811" s="91"/>
      <c r="GI2811" s="91"/>
      <c r="GJ2811" s="91"/>
      <c r="GK2811" s="127"/>
      <c r="GL2811" s="126"/>
      <c r="GM2811" s="91"/>
      <c r="GN2811" s="91"/>
      <c r="GO2811" s="91"/>
      <c r="GP2811" s="91"/>
      <c r="GQ2811" s="91"/>
      <c r="GR2811" s="91"/>
      <c r="GS2811" s="91"/>
      <c r="GT2811" s="91"/>
      <c r="GU2811" s="91"/>
      <c r="GV2811" s="91"/>
      <c r="GW2811" s="91"/>
      <c r="GX2811" s="91"/>
      <c r="GY2811" s="91"/>
      <c r="GZ2811" s="91"/>
      <c r="HA2811" s="91"/>
      <c r="HB2811" s="91"/>
      <c r="HC2811" s="91"/>
      <c r="HD2811" s="91"/>
      <c r="HE2811" s="91"/>
      <c r="HF2811" s="91"/>
      <c r="HG2811" s="91"/>
      <c r="HH2811" s="91"/>
      <c r="HI2811" s="91"/>
      <c r="HJ2811" s="91"/>
      <c r="HK2811" s="127"/>
      <c r="HL2811" s="126"/>
      <c r="HM2811" s="91"/>
      <c r="HN2811" s="91"/>
      <c r="HO2811" s="91"/>
      <c r="HP2811" s="91"/>
      <c r="HQ2811" s="91"/>
      <c r="HR2811" s="91"/>
      <c r="HS2811" s="91"/>
      <c r="HT2811" s="91"/>
      <c r="HU2811" s="91"/>
      <c r="HV2811" s="91"/>
      <c r="HW2811" s="91"/>
      <c r="HX2811" s="91"/>
      <c r="HY2811" s="91"/>
      <c r="HZ2811" s="91"/>
      <c r="IA2811" s="91"/>
      <c r="IB2811" s="91"/>
      <c r="IC2811" s="91"/>
      <c r="ID2811" s="91"/>
      <c r="IE2811" s="91"/>
      <c r="IF2811" s="91"/>
      <c r="IG2811" s="91"/>
      <c r="IH2811" s="91"/>
      <c r="II2811" s="91"/>
      <c r="IJ2811" s="91"/>
      <c r="IK2811" s="127"/>
    </row>
    <row r="2812" spans="2:245" x14ac:dyDescent="0.2">
      <c r="B2812" s="43"/>
      <c r="C2812" s="73"/>
      <c r="D2812" s="64"/>
      <c r="E2812" s="64"/>
      <c r="F2812" s="55"/>
      <c r="G2812" s="102"/>
      <c r="H2812" s="55"/>
      <c r="I2812" s="55"/>
      <c r="J2812" s="55"/>
      <c r="K2812" s="55"/>
      <c r="L2812" s="55"/>
      <c r="M2812" s="55"/>
      <c r="N2812" s="55"/>
      <c r="O2812" s="55"/>
      <c r="P2812" s="55"/>
      <c r="Q2812" s="55"/>
      <c r="R2812" s="55"/>
      <c r="S2812" s="55"/>
      <c r="T2812" s="55"/>
      <c r="U2812" s="55"/>
      <c r="V2812" s="55"/>
      <c r="W2812" s="55"/>
      <c r="X2812" s="55"/>
      <c r="Y2812" s="55"/>
      <c r="Z2812" s="55"/>
      <c r="AA2812" s="55"/>
      <c r="AB2812" s="55"/>
      <c r="AC2812" s="55"/>
      <c r="AD2812" s="55"/>
      <c r="AE2812" s="55"/>
      <c r="AF2812" s="55"/>
      <c r="AG2812" s="55"/>
      <c r="AY2812" s="162"/>
      <c r="AZ2812" s="162"/>
      <c r="BA2812" s="162"/>
      <c r="BB2812" s="162"/>
      <c r="BC2812" s="162"/>
      <c r="BD2812" s="162"/>
      <c r="BE2812" s="162"/>
      <c r="BF2812" s="162"/>
      <c r="BG2812" s="162"/>
      <c r="BH2812" s="162"/>
      <c r="BI2812" s="162"/>
      <c r="BJ2812" s="162"/>
      <c r="BK2812" s="162"/>
      <c r="BL2812" s="162"/>
      <c r="BM2812" s="162"/>
      <c r="BN2812" s="162"/>
      <c r="BO2812" s="162"/>
      <c r="BP2812" s="162"/>
      <c r="BQ2812" s="162"/>
      <c r="BR2812" s="162"/>
      <c r="BS2812" s="162"/>
      <c r="BT2812" s="162"/>
      <c r="BU2812" s="162"/>
      <c r="BV2812" s="162"/>
      <c r="BW2812" s="162"/>
      <c r="BX2812" s="162"/>
      <c r="BY2812" s="162"/>
      <c r="BZ2812" s="162"/>
      <c r="CA2812" s="162"/>
      <c r="CB2812" s="162"/>
      <c r="CC2812" s="162"/>
      <c r="CD2812" s="162"/>
      <c r="CE2812" s="162"/>
      <c r="CF2812" s="162"/>
      <c r="CG2812" s="162"/>
      <c r="CH2812" s="162"/>
      <c r="CI2812" s="162"/>
      <c r="CJ2812" s="162"/>
      <c r="CK2812" s="162"/>
      <c r="CX2812" s="98"/>
      <c r="DL2812" s="97"/>
      <c r="DX2812" s="98"/>
      <c r="EL2812" s="97"/>
      <c r="EX2812" s="98"/>
      <c r="EY2812" s="97"/>
      <c r="FL2812" s="126"/>
      <c r="FM2812" s="91"/>
      <c r="FN2812" s="91"/>
      <c r="FO2812" s="91"/>
      <c r="FP2812" s="91"/>
      <c r="FQ2812" s="91"/>
      <c r="FR2812" s="91"/>
      <c r="FS2812" s="91"/>
      <c r="FT2812" s="91"/>
      <c r="FU2812" s="91"/>
      <c r="FV2812" s="91"/>
      <c r="FW2812" s="91"/>
      <c r="FX2812" s="91"/>
      <c r="FY2812" s="91"/>
      <c r="FZ2812" s="91"/>
      <c r="GA2812" s="91"/>
      <c r="GB2812" s="91"/>
      <c r="GC2812" s="91"/>
      <c r="GD2812" s="91"/>
      <c r="GE2812" s="91"/>
      <c r="GF2812" s="91"/>
      <c r="GG2812" s="91"/>
      <c r="GH2812" s="91"/>
      <c r="GI2812" s="91"/>
      <c r="GJ2812" s="91"/>
      <c r="GK2812" s="127"/>
      <c r="GL2812" s="126"/>
      <c r="GM2812" s="91"/>
      <c r="GN2812" s="91"/>
      <c r="GO2812" s="91"/>
      <c r="GP2812" s="91"/>
      <c r="GQ2812" s="91"/>
      <c r="GR2812" s="91"/>
      <c r="GS2812" s="91"/>
      <c r="GT2812" s="91"/>
      <c r="GU2812" s="91"/>
      <c r="GV2812" s="91"/>
      <c r="GW2812" s="91"/>
      <c r="GX2812" s="91"/>
      <c r="GY2812" s="91"/>
      <c r="GZ2812" s="91"/>
      <c r="HA2812" s="91"/>
      <c r="HB2812" s="91"/>
      <c r="HC2812" s="91"/>
      <c r="HD2812" s="91"/>
      <c r="HE2812" s="91"/>
      <c r="HF2812" s="91"/>
      <c r="HG2812" s="91"/>
      <c r="HH2812" s="91"/>
      <c r="HI2812" s="91"/>
      <c r="HJ2812" s="91"/>
      <c r="HK2812" s="127"/>
      <c r="HL2812" s="126"/>
      <c r="HM2812" s="91"/>
      <c r="HN2812" s="91"/>
      <c r="HO2812" s="91"/>
      <c r="HP2812" s="91"/>
      <c r="HQ2812" s="91"/>
      <c r="HR2812" s="91"/>
      <c r="HS2812" s="91"/>
      <c r="HT2812" s="91"/>
      <c r="HU2812" s="91"/>
      <c r="HV2812" s="91"/>
      <c r="HW2812" s="91"/>
      <c r="HX2812" s="91"/>
      <c r="HY2812" s="91"/>
      <c r="HZ2812" s="91"/>
      <c r="IA2812" s="91"/>
      <c r="IB2812" s="91"/>
      <c r="IC2812" s="91"/>
      <c r="ID2812" s="91"/>
      <c r="IE2812" s="91"/>
      <c r="IF2812" s="91"/>
      <c r="IG2812" s="91"/>
      <c r="IH2812" s="91"/>
      <c r="II2812" s="91"/>
      <c r="IJ2812" s="91"/>
      <c r="IK2812" s="127"/>
    </row>
    <row r="2813" spans="2:245" x14ac:dyDescent="0.2">
      <c r="B2813" s="43"/>
      <c r="C2813" s="73"/>
      <c r="D2813" s="64"/>
      <c r="E2813" s="64"/>
      <c r="F2813" s="55"/>
      <c r="G2813" s="102"/>
      <c r="H2813" s="55"/>
      <c r="I2813" s="55"/>
      <c r="J2813" s="55"/>
      <c r="K2813" s="55"/>
      <c r="L2813" s="55"/>
      <c r="M2813" s="55"/>
      <c r="N2813" s="55"/>
      <c r="O2813" s="55"/>
      <c r="P2813" s="55"/>
      <c r="Q2813" s="55"/>
      <c r="R2813" s="55"/>
      <c r="S2813" s="55"/>
      <c r="T2813" s="55"/>
      <c r="U2813" s="55"/>
      <c r="V2813" s="55"/>
      <c r="W2813" s="55"/>
      <c r="X2813" s="55"/>
      <c r="Y2813" s="55"/>
      <c r="Z2813" s="55"/>
      <c r="AA2813" s="55"/>
      <c r="AB2813" s="55"/>
      <c r="AC2813" s="55"/>
      <c r="AD2813" s="55"/>
      <c r="AE2813" s="55"/>
      <c r="AF2813" s="55"/>
      <c r="AG2813" s="55"/>
      <c r="AY2813" s="162"/>
      <c r="AZ2813" s="162"/>
      <c r="BA2813" s="162"/>
      <c r="BB2813" s="162"/>
      <c r="BC2813" s="162"/>
      <c r="BD2813" s="162"/>
      <c r="BE2813" s="162"/>
      <c r="BF2813" s="162"/>
      <c r="BG2813" s="162"/>
      <c r="BH2813" s="162"/>
      <c r="BI2813" s="162"/>
      <c r="BJ2813" s="162"/>
      <c r="BK2813" s="162"/>
      <c r="BL2813" s="162"/>
      <c r="BM2813" s="162"/>
      <c r="BN2813" s="162"/>
      <c r="BO2813" s="162"/>
      <c r="BP2813" s="162"/>
      <c r="BQ2813" s="162"/>
      <c r="BR2813" s="162"/>
      <c r="BS2813" s="162"/>
      <c r="BT2813" s="162"/>
      <c r="BU2813" s="162"/>
      <c r="BV2813" s="162"/>
      <c r="BW2813" s="162"/>
      <c r="BX2813" s="162"/>
      <c r="BY2813" s="162"/>
      <c r="BZ2813" s="162"/>
      <c r="CA2813" s="162"/>
      <c r="CB2813" s="162"/>
      <c r="CC2813" s="162"/>
      <c r="CD2813" s="162"/>
      <c r="CE2813" s="162"/>
      <c r="CF2813" s="162"/>
      <c r="CG2813" s="162"/>
      <c r="CH2813" s="162"/>
      <c r="CI2813" s="162"/>
      <c r="CJ2813" s="162"/>
      <c r="CK2813" s="162"/>
      <c r="CX2813" s="98"/>
      <c r="DL2813" s="97"/>
      <c r="DX2813" s="98"/>
      <c r="EL2813" s="97"/>
      <c r="EX2813" s="98"/>
      <c r="EY2813" s="97"/>
      <c r="FL2813" s="126"/>
      <c r="FM2813" s="91"/>
      <c r="FN2813" s="91"/>
      <c r="FO2813" s="91"/>
      <c r="FP2813" s="91"/>
      <c r="FQ2813" s="91"/>
      <c r="FR2813" s="91"/>
      <c r="FS2813" s="91"/>
      <c r="FT2813" s="91"/>
      <c r="FU2813" s="91"/>
      <c r="FV2813" s="91"/>
      <c r="FW2813" s="91"/>
      <c r="FX2813" s="91"/>
      <c r="FY2813" s="91"/>
      <c r="FZ2813" s="91"/>
      <c r="GA2813" s="91"/>
      <c r="GB2813" s="91"/>
      <c r="GC2813" s="91"/>
      <c r="GD2813" s="91"/>
      <c r="GE2813" s="91"/>
      <c r="GF2813" s="91"/>
      <c r="GG2813" s="91"/>
      <c r="GH2813" s="91"/>
      <c r="GI2813" s="91"/>
      <c r="GJ2813" s="91"/>
      <c r="GK2813" s="127"/>
      <c r="GL2813" s="126"/>
      <c r="GM2813" s="91"/>
      <c r="GN2813" s="91"/>
      <c r="GO2813" s="91"/>
      <c r="GP2813" s="91"/>
      <c r="GQ2813" s="91"/>
      <c r="GR2813" s="91"/>
      <c r="GS2813" s="91"/>
      <c r="GT2813" s="91"/>
      <c r="GU2813" s="91"/>
      <c r="GV2813" s="91"/>
      <c r="GW2813" s="91"/>
      <c r="GX2813" s="91"/>
      <c r="GY2813" s="91"/>
      <c r="GZ2813" s="91"/>
      <c r="HA2813" s="91"/>
      <c r="HB2813" s="91"/>
      <c r="HC2813" s="91"/>
      <c r="HD2813" s="91"/>
      <c r="HE2813" s="91"/>
      <c r="HF2813" s="91"/>
      <c r="HG2813" s="91"/>
      <c r="HH2813" s="91"/>
      <c r="HI2813" s="91"/>
      <c r="HJ2813" s="91"/>
      <c r="HK2813" s="127"/>
      <c r="HL2813" s="126"/>
      <c r="HM2813" s="91"/>
      <c r="HN2813" s="91"/>
      <c r="HO2813" s="91"/>
      <c r="HP2813" s="91"/>
      <c r="HQ2813" s="91"/>
      <c r="HR2813" s="91"/>
      <c r="HS2813" s="91"/>
      <c r="HT2813" s="91"/>
      <c r="HU2813" s="91"/>
      <c r="HV2813" s="91"/>
      <c r="HW2813" s="91"/>
      <c r="HX2813" s="91"/>
      <c r="HY2813" s="91"/>
      <c r="HZ2813" s="91"/>
      <c r="IA2813" s="91"/>
      <c r="IB2813" s="91"/>
      <c r="IC2813" s="91"/>
      <c r="ID2813" s="91"/>
      <c r="IE2813" s="91"/>
      <c r="IF2813" s="91"/>
      <c r="IG2813" s="91"/>
      <c r="IH2813" s="91"/>
      <c r="II2813" s="91"/>
      <c r="IJ2813" s="91"/>
      <c r="IK2813" s="127"/>
    </row>
    <row r="2814" spans="2:245" x14ac:dyDescent="0.2">
      <c r="B2814" s="43"/>
      <c r="C2814" s="73"/>
      <c r="D2814" s="64"/>
      <c r="E2814" s="64"/>
      <c r="F2814" s="55"/>
      <c r="G2814" s="102"/>
      <c r="H2814" s="55"/>
      <c r="I2814" s="55"/>
      <c r="J2814" s="55"/>
      <c r="K2814" s="55"/>
      <c r="L2814" s="55"/>
      <c r="M2814" s="55"/>
      <c r="N2814" s="55"/>
      <c r="O2814" s="55"/>
      <c r="P2814" s="55"/>
      <c r="Q2814" s="55"/>
      <c r="R2814" s="55"/>
      <c r="S2814" s="55"/>
      <c r="T2814" s="55"/>
      <c r="U2814" s="55"/>
      <c r="V2814" s="55"/>
      <c r="W2814" s="55"/>
      <c r="X2814" s="55"/>
      <c r="Y2814" s="55"/>
      <c r="Z2814" s="55"/>
      <c r="AA2814" s="55"/>
      <c r="AB2814" s="55"/>
      <c r="AC2814" s="55"/>
      <c r="AD2814" s="55"/>
      <c r="AE2814" s="55"/>
      <c r="AF2814" s="55"/>
      <c r="AG2814" s="55"/>
      <c r="AY2814" s="162"/>
      <c r="AZ2814" s="162"/>
      <c r="BA2814" s="162"/>
      <c r="BB2814" s="162"/>
      <c r="BC2814" s="162"/>
      <c r="BD2814" s="162"/>
      <c r="BE2814" s="162"/>
      <c r="BF2814" s="162"/>
      <c r="BG2814" s="162"/>
      <c r="BH2814" s="162"/>
      <c r="BI2814" s="162"/>
      <c r="BJ2814" s="162"/>
      <c r="BK2814" s="162"/>
      <c r="BL2814" s="162"/>
      <c r="BM2814" s="162"/>
      <c r="BN2814" s="162"/>
      <c r="BO2814" s="162"/>
      <c r="BP2814" s="162"/>
      <c r="BQ2814" s="162"/>
      <c r="BR2814" s="162"/>
      <c r="BS2814" s="162"/>
      <c r="BT2814" s="162"/>
      <c r="BU2814" s="162"/>
      <c r="BV2814" s="162"/>
      <c r="BW2814" s="162"/>
      <c r="BX2814" s="162"/>
      <c r="BY2814" s="162"/>
      <c r="BZ2814" s="162"/>
      <c r="CA2814" s="162"/>
      <c r="CB2814" s="162"/>
      <c r="CC2814" s="162"/>
      <c r="CD2814" s="162"/>
      <c r="CE2814" s="162"/>
      <c r="CF2814" s="162"/>
      <c r="CG2814" s="162"/>
      <c r="CH2814" s="162"/>
      <c r="CI2814" s="162"/>
      <c r="CJ2814" s="162"/>
      <c r="CK2814" s="162"/>
      <c r="CX2814" s="98"/>
      <c r="DL2814" s="97"/>
      <c r="DX2814" s="98"/>
      <c r="EL2814" s="97"/>
      <c r="EX2814" s="98"/>
      <c r="EY2814" s="97"/>
      <c r="FL2814" s="126"/>
      <c r="FM2814" s="91"/>
      <c r="FN2814" s="91"/>
      <c r="FO2814" s="91"/>
      <c r="FP2814" s="91"/>
      <c r="FQ2814" s="91"/>
      <c r="FR2814" s="91"/>
      <c r="FS2814" s="91"/>
      <c r="FT2814" s="91"/>
      <c r="FU2814" s="91"/>
      <c r="FV2814" s="91"/>
      <c r="FW2814" s="91"/>
      <c r="FX2814" s="91"/>
      <c r="FY2814" s="91"/>
      <c r="FZ2814" s="91"/>
      <c r="GA2814" s="91"/>
      <c r="GB2814" s="91"/>
      <c r="GC2814" s="91"/>
      <c r="GD2814" s="91"/>
      <c r="GE2814" s="91"/>
      <c r="GF2814" s="91"/>
      <c r="GG2814" s="91"/>
      <c r="GH2814" s="91"/>
      <c r="GI2814" s="91"/>
      <c r="GJ2814" s="91"/>
      <c r="GK2814" s="127"/>
      <c r="GL2814" s="126"/>
      <c r="GM2814" s="91"/>
      <c r="GN2814" s="91"/>
      <c r="GO2814" s="91"/>
      <c r="GP2814" s="91"/>
      <c r="GQ2814" s="91"/>
      <c r="GR2814" s="91"/>
      <c r="GS2814" s="91"/>
      <c r="GT2814" s="91"/>
      <c r="GU2814" s="91"/>
      <c r="GV2814" s="91"/>
      <c r="GW2814" s="91"/>
      <c r="GX2814" s="91"/>
      <c r="GY2814" s="91"/>
      <c r="GZ2814" s="91"/>
      <c r="HA2814" s="91"/>
      <c r="HB2814" s="91"/>
      <c r="HC2814" s="91"/>
      <c r="HD2814" s="91"/>
      <c r="HE2814" s="91"/>
      <c r="HF2814" s="91"/>
      <c r="HG2814" s="91"/>
      <c r="HH2814" s="91"/>
      <c r="HI2814" s="91"/>
      <c r="HJ2814" s="91"/>
      <c r="HK2814" s="127"/>
      <c r="HL2814" s="126"/>
      <c r="HM2814" s="91"/>
      <c r="HN2814" s="91"/>
      <c r="HO2814" s="91"/>
      <c r="HP2814" s="91"/>
      <c r="HQ2814" s="91"/>
      <c r="HR2814" s="91"/>
      <c r="HS2814" s="91"/>
      <c r="HT2814" s="91"/>
      <c r="HU2814" s="91"/>
      <c r="HV2814" s="91"/>
      <c r="HW2814" s="91"/>
      <c r="HX2814" s="91"/>
      <c r="HY2814" s="91"/>
      <c r="HZ2814" s="91"/>
      <c r="IA2814" s="91"/>
      <c r="IB2814" s="91"/>
      <c r="IC2814" s="91"/>
      <c r="ID2814" s="91"/>
      <c r="IE2814" s="91"/>
      <c r="IF2814" s="91"/>
      <c r="IG2814" s="91"/>
      <c r="IH2814" s="91"/>
      <c r="II2814" s="91"/>
      <c r="IJ2814" s="91"/>
      <c r="IK2814" s="127"/>
    </row>
    <row r="2815" spans="2:245" x14ac:dyDescent="0.2">
      <c r="B2815" s="43"/>
      <c r="C2815" s="73"/>
      <c r="D2815" s="64"/>
      <c r="E2815" s="64"/>
      <c r="F2815" s="55"/>
      <c r="G2815" s="102"/>
      <c r="H2815" s="55"/>
      <c r="I2815" s="55"/>
      <c r="J2815" s="55"/>
      <c r="K2815" s="55"/>
      <c r="L2815" s="55"/>
      <c r="M2815" s="55"/>
      <c r="N2815" s="55"/>
      <c r="O2815" s="55"/>
      <c r="P2815" s="55"/>
      <c r="Q2815" s="55"/>
      <c r="R2815" s="55"/>
      <c r="S2815" s="55"/>
      <c r="T2815" s="55"/>
      <c r="U2815" s="55"/>
      <c r="V2815" s="55"/>
      <c r="W2815" s="55"/>
      <c r="X2815" s="55"/>
      <c r="Y2815" s="55"/>
      <c r="Z2815" s="55"/>
      <c r="AA2815" s="55"/>
      <c r="AB2815" s="55"/>
      <c r="AC2815" s="55"/>
      <c r="AD2815" s="55"/>
      <c r="AE2815" s="55"/>
      <c r="AF2815" s="55"/>
      <c r="AG2815" s="55"/>
      <c r="AY2815" s="162"/>
      <c r="AZ2815" s="162"/>
      <c r="BA2815" s="162"/>
      <c r="BB2815" s="162"/>
      <c r="BC2815" s="162"/>
      <c r="BD2815" s="162"/>
      <c r="BE2815" s="162"/>
      <c r="BF2815" s="162"/>
      <c r="BG2815" s="162"/>
      <c r="BH2815" s="162"/>
      <c r="BI2815" s="162"/>
      <c r="BJ2815" s="162"/>
      <c r="BK2815" s="162"/>
      <c r="BL2815" s="162"/>
      <c r="BM2815" s="162"/>
      <c r="BN2815" s="162"/>
      <c r="BO2815" s="162"/>
      <c r="BP2815" s="162"/>
      <c r="BQ2815" s="162"/>
      <c r="BR2815" s="162"/>
      <c r="BS2815" s="162"/>
      <c r="BT2815" s="162"/>
      <c r="BU2815" s="162"/>
      <c r="BV2815" s="162"/>
      <c r="BW2815" s="162"/>
      <c r="BX2815" s="162"/>
      <c r="BY2815" s="162"/>
      <c r="BZ2815" s="162"/>
      <c r="CA2815" s="162"/>
      <c r="CB2815" s="162"/>
      <c r="CC2815" s="162"/>
      <c r="CD2815" s="162"/>
      <c r="CE2815" s="162"/>
      <c r="CF2815" s="162"/>
      <c r="CG2815" s="162"/>
      <c r="CH2815" s="162"/>
      <c r="CI2815" s="162"/>
      <c r="CJ2815" s="162"/>
      <c r="CK2815" s="162"/>
      <c r="CX2815" s="98"/>
      <c r="DL2815" s="97"/>
      <c r="DX2815" s="98"/>
      <c r="EL2815" s="97"/>
      <c r="EX2815" s="98"/>
      <c r="EY2815" s="97"/>
      <c r="FL2815" s="126"/>
      <c r="FM2815" s="91"/>
      <c r="FN2815" s="91"/>
      <c r="FO2815" s="91"/>
      <c r="FP2815" s="91"/>
      <c r="FQ2815" s="91"/>
      <c r="FR2815" s="91"/>
      <c r="FS2815" s="91"/>
      <c r="FT2815" s="91"/>
      <c r="FU2815" s="91"/>
      <c r="FV2815" s="91"/>
      <c r="FW2815" s="91"/>
      <c r="FX2815" s="91"/>
      <c r="FY2815" s="91"/>
      <c r="FZ2815" s="91"/>
      <c r="GA2815" s="91"/>
      <c r="GB2815" s="91"/>
      <c r="GC2815" s="91"/>
      <c r="GD2815" s="91"/>
      <c r="GE2815" s="91"/>
      <c r="GF2815" s="91"/>
      <c r="GG2815" s="91"/>
      <c r="GH2815" s="91"/>
      <c r="GI2815" s="91"/>
      <c r="GJ2815" s="91"/>
      <c r="GK2815" s="127"/>
      <c r="GL2815" s="126"/>
      <c r="GM2815" s="91"/>
      <c r="GN2815" s="91"/>
      <c r="GO2815" s="91"/>
      <c r="GP2815" s="91"/>
      <c r="GQ2815" s="91"/>
      <c r="GR2815" s="91"/>
      <c r="GS2815" s="91"/>
      <c r="GT2815" s="91"/>
      <c r="GU2815" s="91"/>
      <c r="GV2815" s="91"/>
      <c r="GW2815" s="91"/>
      <c r="GX2815" s="91"/>
      <c r="GY2815" s="91"/>
      <c r="GZ2815" s="91"/>
      <c r="HA2815" s="91"/>
      <c r="HB2815" s="91"/>
      <c r="HC2815" s="91"/>
      <c r="HD2815" s="91"/>
      <c r="HE2815" s="91"/>
      <c r="HF2815" s="91"/>
      <c r="HG2815" s="91"/>
      <c r="HH2815" s="91"/>
      <c r="HI2815" s="91"/>
      <c r="HJ2815" s="91"/>
      <c r="HK2815" s="127"/>
      <c r="HL2815" s="126"/>
      <c r="HM2815" s="91"/>
      <c r="HN2815" s="91"/>
      <c r="HO2815" s="91"/>
      <c r="HP2815" s="91"/>
      <c r="HQ2815" s="91"/>
      <c r="HR2815" s="91"/>
      <c r="HS2815" s="91"/>
      <c r="HT2815" s="91"/>
      <c r="HU2815" s="91"/>
      <c r="HV2815" s="91"/>
      <c r="HW2815" s="91"/>
      <c r="HX2815" s="91"/>
      <c r="HY2815" s="91"/>
      <c r="HZ2815" s="91"/>
      <c r="IA2815" s="91"/>
      <c r="IB2815" s="91"/>
      <c r="IC2815" s="91"/>
      <c r="ID2815" s="91"/>
      <c r="IE2815" s="91"/>
      <c r="IF2815" s="91"/>
      <c r="IG2815" s="91"/>
      <c r="IH2815" s="91"/>
      <c r="II2815" s="91"/>
      <c r="IJ2815" s="91"/>
      <c r="IK2815" s="127"/>
    </row>
    <row r="2816" spans="2:245" x14ac:dyDescent="0.2">
      <c r="B2816" s="43"/>
      <c r="C2816" s="73"/>
      <c r="D2816" s="64"/>
      <c r="E2816" s="64"/>
      <c r="F2816" s="55"/>
      <c r="G2816" s="102"/>
      <c r="H2816" s="55"/>
      <c r="I2816" s="55"/>
      <c r="J2816" s="55"/>
      <c r="K2816" s="55"/>
      <c r="L2816" s="55"/>
      <c r="M2816" s="55"/>
      <c r="N2816" s="55"/>
      <c r="O2816" s="55"/>
      <c r="P2816" s="55"/>
      <c r="Q2816" s="55"/>
      <c r="R2816" s="55"/>
      <c r="S2816" s="55"/>
      <c r="T2816" s="55"/>
      <c r="U2816" s="55"/>
      <c r="V2816" s="55"/>
      <c r="W2816" s="55"/>
      <c r="X2816" s="55"/>
      <c r="Y2816" s="55"/>
      <c r="Z2816" s="55"/>
      <c r="AA2816" s="55"/>
      <c r="AB2816" s="55"/>
      <c r="AC2816" s="55"/>
      <c r="AD2816" s="55"/>
      <c r="AE2816" s="55"/>
      <c r="AF2816" s="55"/>
      <c r="AG2816" s="55"/>
      <c r="AY2816" s="162"/>
      <c r="AZ2816" s="162"/>
      <c r="BA2816" s="162"/>
      <c r="BB2816" s="162"/>
      <c r="BC2816" s="162"/>
      <c r="BD2816" s="162"/>
      <c r="BE2816" s="162"/>
      <c r="BF2816" s="162"/>
      <c r="BG2816" s="162"/>
      <c r="BH2816" s="162"/>
      <c r="BI2816" s="162"/>
      <c r="BJ2816" s="162"/>
      <c r="BK2816" s="162"/>
      <c r="BL2816" s="162"/>
      <c r="BM2816" s="162"/>
      <c r="BN2816" s="162"/>
      <c r="BO2816" s="162"/>
      <c r="BP2816" s="162"/>
      <c r="BQ2816" s="162"/>
      <c r="BR2816" s="162"/>
      <c r="BS2816" s="162"/>
      <c r="BT2816" s="162"/>
      <c r="BU2816" s="162"/>
      <c r="BV2816" s="162"/>
      <c r="BW2816" s="162"/>
      <c r="BX2816" s="162"/>
      <c r="BY2816" s="162"/>
      <c r="BZ2816" s="162"/>
      <c r="CA2816" s="162"/>
      <c r="CB2816" s="162"/>
      <c r="CC2816" s="162"/>
      <c r="CD2816" s="162"/>
      <c r="CE2816" s="162"/>
      <c r="CF2816" s="162"/>
      <c r="CG2816" s="162"/>
      <c r="CH2816" s="162"/>
      <c r="CI2816" s="162"/>
      <c r="CJ2816" s="162"/>
      <c r="CK2816" s="162"/>
      <c r="CX2816" s="98"/>
      <c r="DL2816" s="97"/>
      <c r="DX2816" s="98"/>
      <c r="EL2816" s="97"/>
      <c r="EX2816" s="98"/>
      <c r="EY2816" s="97"/>
      <c r="FL2816" s="126"/>
      <c r="FM2816" s="91"/>
      <c r="FN2816" s="91"/>
      <c r="FO2816" s="91"/>
      <c r="FP2816" s="91"/>
      <c r="FQ2816" s="91"/>
      <c r="FR2816" s="91"/>
      <c r="FS2816" s="91"/>
      <c r="FT2816" s="91"/>
      <c r="FU2816" s="91"/>
      <c r="FV2816" s="91"/>
      <c r="FW2816" s="91"/>
      <c r="FX2816" s="91"/>
      <c r="FY2816" s="91"/>
      <c r="FZ2816" s="91"/>
      <c r="GA2816" s="91"/>
      <c r="GB2816" s="91"/>
      <c r="GC2816" s="91"/>
      <c r="GD2816" s="91"/>
      <c r="GE2816" s="91"/>
      <c r="GF2816" s="91"/>
      <c r="GG2816" s="91"/>
      <c r="GH2816" s="91"/>
      <c r="GI2816" s="91"/>
      <c r="GJ2816" s="91"/>
      <c r="GK2816" s="127"/>
      <c r="GL2816" s="126"/>
      <c r="GM2816" s="91"/>
      <c r="GN2816" s="91"/>
      <c r="GO2816" s="91"/>
      <c r="GP2816" s="91"/>
      <c r="GQ2816" s="91"/>
      <c r="GR2816" s="91"/>
      <c r="GS2816" s="91"/>
      <c r="GT2816" s="91"/>
      <c r="GU2816" s="91"/>
      <c r="GV2816" s="91"/>
      <c r="GW2816" s="91"/>
      <c r="GX2816" s="91"/>
      <c r="GY2816" s="91"/>
      <c r="GZ2816" s="91"/>
      <c r="HA2816" s="91"/>
      <c r="HB2816" s="91"/>
      <c r="HC2816" s="91"/>
      <c r="HD2816" s="91"/>
      <c r="HE2816" s="91"/>
      <c r="HF2816" s="91"/>
      <c r="HG2816" s="91"/>
      <c r="HH2816" s="91"/>
      <c r="HI2816" s="91"/>
      <c r="HJ2816" s="91"/>
      <c r="HK2816" s="127"/>
      <c r="HL2816" s="126"/>
      <c r="HM2816" s="91"/>
      <c r="HN2816" s="91"/>
      <c r="HO2816" s="91"/>
      <c r="HP2816" s="91"/>
      <c r="HQ2816" s="91"/>
      <c r="HR2816" s="91"/>
      <c r="HS2816" s="91"/>
      <c r="HT2816" s="91"/>
      <c r="HU2816" s="91"/>
      <c r="HV2816" s="91"/>
      <c r="HW2816" s="91"/>
      <c r="HX2816" s="91"/>
      <c r="HY2816" s="91"/>
      <c r="HZ2816" s="91"/>
      <c r="IA2816" s="91"/>
      <c r="IB2816" s="91"/>
      <c r="IC2816" s="91"/>
      <c r="ID2816" s="91"/>
      <c r="IE2816" s="91"/>
      <c r="IF2816" s="91"/>
      <c r="IG2816" s="91"/>
      <c r="IH2816" s="91"/>
      <c r="II2816" s="91"/>
      <c r="IJ2816" s="91"/>
      <c r="IK2816" s="127"/>
    </row>
    <row r="2817" spans="2:245" x14ac:dyDescent="0.2">
      <c r="B2817" s="43"/>
      <c r="C2817" s="73"/>
      <c r="D2817" s="64"/>
      <c r="E2817" s="64"/>
      <c r="F2817" s="55"/>
      <c r="G2817" s="102"/>
      <c r="H2817" s="55"/>
      <c r="I2817" s="55"/>
      <c r="J2817" s="55"/>
      <c r="K2817" s="55"/>
      <c r="L2817" s="55"/>
      <c r="M2817" s="55"/>
      <c r="N2817" s="55"/>
      <c r="O2817" s="55"/>
      <c r="P2817" s="55"/>
      <c r="Q2817" s="55"/>
      <c r="R2817" s="55"/>
      <c r="S2817" s="55"/>
      <c r="T2817" s="55"/>
      <c r="U2817" s="55"/>
      <c r="V2817" s="55"/>
      <c r="W2817" s="55"/>
      <c r="X2817" s="55"/>
      <c r="Y2817" s="55"/>
      <c r="Z2817" s="55"/>
      <c r="AA2817" s="55"/>
      <c r="AB2817" s="55"/>
      <c r="AC2817" s="55"/>
      <c r="AD2817" s="55"/>
      <c r="AE2817" s="55"/>
      <c r="AF2817" s="55"/>
      <c r="AG2817" s="55"/>
      <c r="AY2817" s="162"/>
      <c r="AZ2817" s="162"/>
      <c r="BA2817" s="162"/>
      <c r="BB2817" s="162"/>
      <c r="BC2817" s="162"/>
      <c r="BD2817" s="162"/>
      <c r="BE2817" s="162"/>
      <c r="BF2817" s="162"/>
      <c r="BG2817" s="162"/>
      <c r="BH2817" s="162"/>
      <c r="BI2817" s="162"/>
      <c r="BJ2817" s="162"/>
      <c r="BK2817" s="162"/>
      <c r="BL2817" s="162"/>
      <c r="BM2817" s="162"/>
      <c r="BN2817" s="162"/>
      <c r="BO2817" s="162"/>
      <c r="BP2817" s="162"/>
      <c r="BQ2817" s="162"/>
      <c r="BR2817" s="162"/>
      <c r="BS2817" s="162"/>
      <c r="BT2817" s="162"/>
      <c r="BU2817" s="162"/>
      <c r="BV2817" s="162"/>
      <c r="BW2817" s="162"/>
      <c r="BX2817" s="162"/>
      <c r="BY2817" s="162"/>
      <c r="BZ2817" s="162"/>
      <c r="CA2817" s="162"/>
      <c r="CB2817" s="162"/>
      <c r="CC2817" s="162"/>
      <c r="CD2817" s="162"/>
      <c r="CE2817" s="162"/>
      <c r="CF2817" s="162"/>
      <c r="CG2817" s="162"/>
      <c r="CH2817" s="162"/>
      <c r="CI2817" s="162"/>
      <c r="CJ2817" s="162"/>
      <c r="CK2817" s="162"/>
      <c r="CX2817" s="98"/>
      <c r="DL2817" s="97"/>
      <c r="DX2817" s="98"/>
      <c r="EL2817" s="97"/>
      <c r="EX2817" s="98"/>
      <c r="EY2817" s="97"/>
      <c r="FL2817" s="126"/>
      <c r="FM2817" s="91"/>
      <c r="FN2817" s="91"/>
      <c r="FO2817" s="91"/>
      <c r="FP2817" s="91"/>
      <c r="FQ2817" s="91"/>
      <c r="FR2817" s="91"/>
      <c r="FS2817" s="91"/>
      <c r="FT2817" s="91"/>
      <c r="FU2817" s="91"/>
      <c r="FV2817" s="91"/>
      <c r="FW2817" s="91"/>
      <c r="FX2817" s="91"/>
      <c r="FY2817" s="91"/>
      <c r="FZ2817" s="91"/>
      <c r="GA2817" s="91"/>
      <c r="GB2817" s="91"/>
      <c r="GC2817" s="91"/>
      <c r="GD2817" s="91"/>
      <c r="GE2817" s="91"/>
      <c r="GF2817" s="91"/>
      <c r="GG2817" s="91"/>
      <c r="GH2817" s="91"/>
      <c r="GI2817" s="91"/>
      <c r="GJ2817" s="91"/>
      <c r="GK2817" s="127"/>
      <c r="GL2817" s="126"/>
      <c r="GM2817" s="91"/>
      <c r="GN2817" s="91"/>
      <c r="GO2817" s="91"/>
      <c r="GP2817" s="91"/>
      <c r="GQ2817" s="91"/>
      <c r="GR2817" s="91"/>
      <c r="GS2817" s="91"/>
      <c r="GT2817" s="91"/>
      <c r="GU2817" s="91"/>
      <c r="GV2817" s="91"/>
      <c r="GW2817" s="91"/>
      <c r="GX2817" s="91"/>
      <c r="GY2817" s="91"/>
      <c r="GZ2817" s="91"/>
      <c r="HA2817" s="91"/>
      <c r="HB2817" s="91"/>
      <c r="HC2817" s="91"/>
      <c r="HD2817" s="91"/>
      <c r="HE2817" s="91"/>
      <c r="HF2817" s="91"/>
      <c r="HG2817" s="91"/>
      <c r="HH2817" s="91"/>
      <c r="HI2817" s="91"/>
      <c r="HJ2817" s="91"/>
      <c r="HK2817" s="127"/>
      <c r="HL2817" s="126"/>
      <c r="HM2817" s="91"/>
      <c r="HN2817" s="91"/>
      <c r="HO2817" s="91"/>
      <c r="HP2817" s="91"/>
      <c r="HQ2817" s="91"/>
      <c r="HR2817" s="91"/>
      <c r="HS2817" s="91"/>
      <c r="HT2817" s="91"/>
      <c r="HU2817" s="91"/>
      <c r="HV2817" s="91"/>
      <c r="HW2817" s="91"/>
      <c r="HX2817" s="91"/>
      <c r="HY2817" s="91"/>
      <c r="HZ2817" s="91"/>
      <c r="IA2817" s="91"/>
      <c r="IB2817" s="91"/>
      <c r="IC2817" s="91"/>
      <c r="ID2817" s="91"/>
      <c r="IE2817" s="91"/>
      <c r="IF2817" s="91"/>
      <c r="IG2817" s="91"/>
      <c r="IH2817" s="91"/>
      <c r="II2817" s="91"/>
      <c r="IJ2817" s="91"/>
      <c r="IK2817" s="127"/>
    </row>
    <row r="2818" spans="2:245" x14ac:dyDescent="0.2">
      <c r="B2818" s="43"/>
      <c r="C2818" s="73"/>
      <c r="D2818" s="64"/>
      <c r="E2818" s="64"/>
      <c r="F2818" s="55"/>
      <c r="G2818" s="102"/>
      <c r="H2818" s="55"/>
      <c r="I2818" s="55"/>
      <c r="J2818" s="55"/>
      <c r="K2818" s="55"/>
      <c r="L2818" s="55"/>
      <c r="M2818" s="55"/>
      <c r="N2818" s="55"/>
      <c r="O2818" s="55"/>
      <c r="P2818" s="55"/>
      <c r="Q2818" s="55"/>
      <c r="R2818" s="55"/>
      <c r="S2818" s="55"/>
      <c r="T2818" s="55"/>
      <c r="U2818" s="55"/>
      <c r="V2818" s="55"/>
      <c r="W2818" s="55"/>
      <c r="X2818" s="55"/>
      <c r="Y2818" s="55"/>
      <c r="Z2818" s="55"/>
      <c r="AA2818" s="55"/>
      <c r="AB2818" s="55"/>
      <c r="AC2818" s="55"/>
      <c r="AD2818" s="55"/>
      <c r="AE2818" s="55"/>
      <c r="AF2818" s="55"/>
      <c r="AG2818" s="55"/>
      <c r="AY2818" s="162"/>
      <c r="AZ2818" s="162"/>
      <c r="BA2818" s="162"/>
      <c r="BB2818" s="162"/>
      <c r="BC2818" s="162"/>
      <c r="BD2818" s="162"/>
      <c r="BE2818" s="162"/>
      <c r="BF2818" s="162"/>
      <c r="BG2818" s="162"/>
      <c r="BH2818" s="162"/>
      <c r="BI2818" s="162"/>
      <c r="BJ2818" s="162"/>
      <c r="BK2818" s="162"/>
      <c r="BL2818" s="162"/>
      <c r="BM2818" s="162"/>
      <c r="BN2818" s="162"/>
      <c r="BO2818" s="162"/>
      <c r="BP2818" s="162"/>
      <c r="BQ2818" s="162"/>
      <c r="BR2818" s="162"/>
      <c r="BS2818" s="162"/>
      <c r="BT2818" s="162"/>
      <c r="BU2818" s="162"/>
      <c r="BV2818" s="162"/>
      <c r="BW2818" s="162"/>
      <c r="BX2818" s="162"/>
      <c r="BY2818" s="162"/>
      <c r="BZ2818" s="162"/>
      <c r="CA2818" s="162"/>
      <c r="CB2818" s="162"/>
      <c r="CC2818" s="162"/>
      <c r="CD2818" s="162"/>
      <c r="CE2818" s="162"/>
      <c r="CF2818" s="162"/>
      <c r="CG2818" s="162"/>
      <c r="CH2818" s="162"/>
      <c r="CI2818" s="162"/>
      <c r="CJ2818" s="162"/>
      <c r="CK2818" s="162"/>
      <c r="CX2818" s="98"/>
      <c r="DL2818" s="97"/>
      <c r="DX2818" s="98"/>
      <c r="EL2818" s="97"/>
      <c r="EX2818" s="98"/>
      <c r="EY2818" s="97"/>
      <c r="FL2818" s="126"/>
      <c r="FM2818" s="91"/>
      <c r="FN2818" s="91"/>
      <c r="FO2818" s="91"/>
      <c r="FP2818" s="91"/>
      <c r="FQ2818" s="91"/>
      <c r="FR2818" s="91"/>
      <c r="FS2818" s="91"/>
      <c r="FT2818" s="91"/>
      <c r="FU2818" s="91"/>
      <c r="FV2818" s="91"/>
      <c r="FW2818" s="91"/>
      <c r="FX2818" s="91"/>
      <c r="FY2818" s="91"/>
      <c r="FZ2818" s="91"/>
      <c r="GA2818" s="91"/>
      <c r="GB2818" s="91"/>
      <c r="GC2818" s="91"/>
      <c r="GD2818" s="91"/>
      <c r="GE2818" s="91"/>
      <c r="GF2818" s="91"/>
      <c r="GG2818" s="91"/>
      <c r="GH2818" s="91"/>
      <c r="GI2818" s="91"/>
      <c r="GJ2818" s="91"/>
      <c r="GK2818" s="127"/>
      <c r="GL2818" s="126"/>
      <c r="GM2818" s="91"/>
      <c r="GN2818" s="91"/>
      <c r="GO2818" s="91"/>
      <c r="GP2818" s="91"/>
      <c r="GQ2818" s="91"/>
      <c r="GR2818" s="91"/>
      <c r="GS2818" s="91"/>
      <c r="GT2818" s="91"/>
      <c r="GU2818" s="91"/>
      <c r="GV2818" s="91"/>
      <c r="GW2818" s="91"/>
      <c r="GX2818" s="91"/>
      <c r="GY2818" s="91"/>
      <c r="GZ2818" s="91"/>
      <c r="HA2818" s="91"/>
      <c r="HB2818" s="91"/>
      <c r="HC2818" s="91"/>
      <c r="HD2818" s="91"/>
      <c r="HE2818" s="91"/>
      <c r="HF2818" s="91"/>
      <c r="HG2818" s="91"/>
      <c r="HH2818" s="91"/>
      <c r="HI2818" s="91"/>
      <c r="HJ2818" s="91"/>
      <c r="HK2818" s="127"/>
      <c r="HL2818" s="126"/>
      <c r="HM2818" s="91"/>
      <c r="HN2818" s="91"/>
      <c r="HO2818" s="91"/>
      <c r="HP2818" s="91"/>
      <c r="HQ2818" s="91"/>
      <c r="HR2818" s="91"/>
      <c r="HS2818" s="91"/>
      <c r="HT2818" s="91"/>
      <c r="HU2818" s="91"/>
      <c r="HV2818" s="91"/>
      <c r="HW2818" s="91"/>
      <c r="HX2818" s="91"/>
      <c r="HY2818" s="91"/>
      <c r="HZ2818" s="91"/>
      <c r="IA2818" s="91"/>
      <c r="IB2818" s="91"/>
      <c r="IC2818" s="91"/>
      <c r="ID2818" s="91"/>
      <c r="IE2818" s="91"/>
      <c r="IF2818" s="91"/>
      <c r="IG2818" s="91"/>
      <c r="IH2818" s="91"/>
      <c r="II2818" s="91"/>
      <c r="IJ2818" s="91"/>
      <c r="IK2818" s="127"/>
    </row>
    <row r="2819" spans="2:245" x14ac:dyDescent="0.2">
      <c r="B2819" s="43"/>
      <c r="C2819" s="73"/>
      <c r="D2819" s="64"/>
      <c r="E2819" s="64"/>
      <c r="F2819" s="55"/>
      <c r="G2819" s="102"/>
      <c r="H2819" s="55"/>
      <c r="I2819" s="55"/>
      <c r="J2819" s="55"/>
      <c r="K2819" s="55"/>
      <c r="L2819" s="55"/>
      <c r="M2819" s="55"/>
      <c r="N2819" s="55"/>
      <c r="O2819" s="55"/>
      <c r="P2819" s="55"/>
      <c r="Q2819" s="55"/>
      <c r="R2819" s="55"/>
      <c r="S2819" s="55"/>
      <c r="T2819" s="55"/>
      <c r="U2819" s="55"/>
      <c r="V2819" s="55"/>
      <c r="W2819" s="55"/>
      <c r="X2819" s="55"/>
      <c r="Y2819" s="55"/>
      <c r="Z2819" s="55"/>
      <c r="AA2819" s="55"/>
      <c r="AB2819" s="55"/>
      <c r="AC2819" s="55"/>
      <c r="AD2819" s="55"/>
      <c r="AE2819" s="55"/>
      <c r="AF2819" s="55"/>
      <c r="AG2819" s="55"/>
      <c r="AY2819" s="162"/>
      <c r="AZ2819" s="162"/>
      <c r="BA2819" s="162"/>
      <c r="BB2819" s="162"/>
      <c r="BC2819" s="162"/>
      <c r="BD2819" s="162"/>
      <c r="BE2819" s="162"/>
      <c r="BF2819" s="162"/>
      <c r="BG2819" s="162"/>
      <c r="BH2819" s="162"/>
      <c r="BI2819" s="162"/>
      <c r="BJ2819" s="162"/>
      <c r="BK2819" s="162"/>
      <c r="BL2819" s="162"/>
      <c r="BM2819" s="162"/>
      <c r="BN2819" s="162"/>
      <c r="BO2819" s="162"/>
      <c r="BP2819" s="162"/>
      <c r="BQ2819" s="162"/>
      <c r="BR2819" s="162"/>
      <c r="BS2819" s="162"/>
      <c r="BT2819" s="162"/>
      <c r="BU2819" s="162"/>
      <c r="BV2819" s="162"/>
      <c r="BW2819" s="162"/>
      <c r="BX2819" s="162"/>
      <c r="BY2819" s="162"/>
      <c r="BZ2819" s="162"/>
      <c r="CA2819" s="162"/>
      <c r="CB2819" s="162"/>
      <c r="CC2819" s="162"/>
      <c r="CD2819" s="162"/>
      <c r="CE2819" s="162"/>
      <c r="CF2819" s="162"/>
      <c r="CG2819" s="162"/>
      <c r="CH2819" s="162"/>
      <c r="CI2819" s="162"/>
      <c r="CJ2819" s="162"/>
      <c r="CK2819" s="162"/>
      <c r="CX2819" s="98"/>
      <c r="DL2819" s="97"/>
      <c r="DX2819" s="98"/>
      <c r="EL2819" s="97"/>
      <c r="EX2819" s="98"/>
      <c r="EY2819" s="97"/>
      <c r="FL2819" s="126"/>
      <c r="FM2819" s="91"/>
      <c r="FN2819" s="91"/>
      <c r="FO2819" s="91"/>
      <c r="FP2819" s="91"/>
      <c r="FQ2819" s="91"/>
      <c r="FR2819" s="91"/>
      <c r="FS2819" s="91"/>
      <c r="FT2819" s="91"/>
      <c r="FU2819" s="91"/>
      <c r="FV2819" s="91"/>
      <c r="FW2819" s="91"/>
      <c r="FX2819" s="91"/>
      <c r="FY2819" s="91"/>
      <c r="FZ2819" s="91"/>
      <c r="GA2819" s="91"/>
      <c r="GB2819" s="91"/>
      <c r="GC2819" s="91"/>
      <c r="GD2819" s="91"/>
      <c r="GE2819" s="91"/>
      <c r="GF2819" s="91"/>
      <c r="GG2819" s="91"/>
      <c r="GH2819" s="91"/>
      <c r="GI2819" s="91"/>
      <c r="GJ2819" s="91"/>
      <c r="GK2819" s="127"/>
      <c r="GL2819" s="126"/>
      <c r="GM2819" s="91"/>
      <c r="GN2819" s="91"/>
      <c r="GO2819" s="91"/>
      <c r="GP2819" s="91"/>
      <c r="GQ2819" s="91"/>
      <c r="GR2819" s="91"/>
      <c r="GS2819" s="91"/>
      <c r="GT2819" s="91"/>
      <c r="GU2819" s="91"/>
      <c r="GV2819" s="91"/>
      <c r="GW2819" s="91"/>
      <c r="GX2819" s="91"/>
      <c r="GY2819" s="91"/>
      <c r="GZ2819" s="91"/>
      <c r="HA2819" s="91"/>
      <c r="HB2819" s="91"/>
      <c r="HC2819" s="91"/>
      <c r="HD2819" s="91"/>
      <c r="HE2819" s="91"/>
      <c r="HF2819" s="91"/>
      <c r="HG2819" s="91"/>
      <c r="HH2819" s="91"/>
      <c r="HI2819" s="91"/>
      <c r="HJ2819" s="91"/>
      <c r="HK2819" s="127"/>
      <c r="HL2819" s="126"/>
      <c r="HM2819" s="91"/>
      <c r="HN2819" s="91"/>
      <c r="HO2819" s="91"/>
      <c r="HP2819" s="91"/>
      <c r="HQ2819" s="91"/>
      <c r="HR2819" s="91"/>
      <c r="HS2819" s="91"/>
      <c r="HT2819" s="91"/>
      <c r="HU2819" s="91"/>
      <c r="HV2819" s="91"/>
      <c r="HW2819" s="91"/>
      <c r="HX2819" s="91"/>
      <c r="HY2819" s="91"/>
      <c r="HZ2819" s="91"/>
      <c r="IA2819" s="91"/>
      <c r="IB2819" s="91"/>
      <c r="IC2819" s="91"/>
      <c r="ID2819" s="91"/>
      <c r="IE2819" s="91"/>
      <c r="IF2819" s="91"/>
      <c r="IG2819" s="91"/>
      <c r="IH2819" s="91"/>
      <c r="II2819" s="91"/>
      <c r="IJ2819" s="91"/>
      <c r="IK2819" s="127"/>
    </row>
    <row r="2820" spans="2:245" x14ac:dyDescent="0.2">
      <c r="B2820" s="43"/>
      <c r="C2820" s="73"/>
      <c r="D2820" s="64"/>
      <c r="E2820" s="64"/>
      <c r="F2820" s="55"/>
      <c r="G2820" s="102"/>
      <c r="H2820" s="55"/>
      <c r="I2820" s="55"/>
      <c r="J2820" s="55"/>
      <c r="K2820" s="55"/>
      <c r="L2820" s="55"/>
      <c r="M2820" s="55"/>
      <c r="N2820" s="55"/>
      <c r="O2820" s="55"/>
      <c r="P2820" s="55"/>
      <c r="Q2820" s="55"/>
      <c r="R2820" s="55"/>
      <c r="S2820" s="55"/>
      <c r="T2820" s="55"/>
      <c r="U2820" s="55"/>
      <c r="V2820" s="55"/>
      <c r="W2820" s="55"/>
      <c r="X2820" s="55"/>
      <c r="Y2820" s="55"/>
      <c r="Z2820" s="55"/>
      <c r="AA2820" s="55"/>
      <c r="AB2820" s="55"/>
      <c r="AC2820" s="55"/>
      <c r="AD2820" s="55"/>
      <c r="AE2820" s="55"/>
      <c r="AF2820" s="55"/>
      <c r="AG2820" s="55"/>
      <c r="AY2820" s="162"/>
      <c r="AZ2820" s="162"/>
      <c r="BA2820" s="162"/>
      <c r="BB2820" s="162"/>
      <c r="BC2820" s="162"/>
      <c r="BD2820" s="162"/>
      <c r="BE2820" s="162"/>
      <c r="BF2820" s="162"/>
      <c r="BG2820" s="162"/>
      <c r="BH2820" s="162"/>
      <c r="BI2820" s="162"/>
      <c r="BJ2820" s="162"/>
      <c r="BK2820" s="162"/>
      <c r="BL2820" s="162"/>
      <c r="BM2820" s="162"/>
      <c r="BN2820" s="162"/>
      <c r="BO2820" s="162"/>
      <c r="BP2820" s="162"/>
      <c r="BQ2820" s="162"/>
      <c r="BR2820" s="162"/>
      <c r="BS2820" s="162"/>
      <c r="BT2820" s="162"/>
      <c r="BU2820" s="162"/>
      <c r="BV2820" s="162"/>
      <c r="BW2820" s="162"/>
      <c r="BX2820" s="162"/>
      <c r="BY2820" s="162"/>
      <c r="BZ2820" s="162"/>
      <c r="CA2820" s="162"/>
      <c r="CB2820" s="162"/>
      <c r="CC2820" s="162"/>
      <c r="CD2820" s="162"/>
      <c r="CE2820" s="162"/>
      <c r="CF2820" s="162"/>
      <c r="CG2820" s="162"/>
      <c r="CH2820" s="162"/>
      <c r="CI2820" s="162"/>
      <c r="CJ2820" s="162"/>
      <c r="CK2820" s="162"/>
      <c r="CX2820" s="98"/>
      <c r="DL2820" s="97"/>
      <c r="DX2820" s="98"/>
      <c r="EL2820" s="97"/>
      <c r="EX2820" s="98"/>
      <c r="EY2820" s="97"/>
      <c r="FL2820" s="126"/>
      <c r="FM2820" s="91"/>
      <c r="FN2820" s="91"/>
      <c r="FO2820" s="91"/>
      <c r="FP2820" s="91"/>
      <c r="FQ2820" s="91"/>
      <c r="FR2820" s="91"/>
      <c r="FS2820" s="91"/>
      <c r="FT2820" s="91"/>
      <c r="FU2820" s="91"/>
      <c r="FV2820" s="91"/>
      <c r="FW2820" s="91"/>
      <c r="FX2820" s="91"/>
      <c r="FY2820" s="91"/>
      <c r="FZ2820" s="91"/>
      <c r="GA2820" s="91"/>
      <c r="GB2820" s="91"/>
      <c r="GC2820" s="91"/>
      <c r="GD2820" s="91"/>
      <c r="GE2820" s="91"/>
      <c r="GF2820" s="91"/>
      <c r="GG2820" s="91"/>
      <c r="GH2820" s="91"/>
      <c r="GI2820" s="91"/>
      <c r="GJ2820" s="91"/>
      <c r="GK2820" s="127"/>
      <c r="GL2820" s="126"/>
      <c r="GM2820" s="91"/>
      <c r="GN2820" s="91"/>
      <c r="GO2820" s="91"/>
      <c r="GP2820" s="91"/>
      <c r="GQ2820" s="91"/>
      <c r="GR2820" s="91"/>
      <c r="GS2820" s="91"/>
      <c r="GT2820" s="91"/>
      <c r="GU2820" s="91"/>
      <c r="GV2820" s="91"/>
      <c r="GW2820" s="91"/>
      <c r="GX2820" s="91"/>
      <c r="GY2820" s="91"/>
      <c r="GZ2820" s="91"/>
      <c r="HA2820" s="91"/>
      <c r="HB2820" s="91"/>
      <c r="HC2820" s="91"/>
      <c r="HD2820" s="91"/>
      <c r="HE2820" s="91"/>
      <c r="HF2820" s="91"/>
      <c r="HG2820" s="91"/>
      <c r="HH2820" s="91"/>
      <c r="HI2820" s="91"/>
      <c r="HJ2820" s="91"/>
      <c r="HK2820" s="127"/>
      <c r="HL2820" s="126"/>
      <c r="HM2820" s="91"/>
      <c r="HN2820" s="91"/>
      <c r="HO2820" s="91"/>
      <c r="HP2820" s="91"/>
      <c r="HQ2820" s="91"/>
      <c r="HR2820" s="91"/>
      <c r="HS2820" s="91"/>
      <c r="HT2820" s="91"/>
      <c r="HU2820" s="91"/>
      <c r="HV2820" s="91"/>
      <c r="HW2820" s="91"/>
      <c r="HX2820" s="91"/>
      <c r="HY2820" s="91"/>
      <c r="HZ2820" s="91"/>
      <c r="IA2820" s="91"/>
      <c r="IB2820" s="91"/>
      <c r="IC2820" s="91"/>
      <c r="ID2820" s="91"/>
      <c r="IE2820" s="91"/>
      <c r="IF2820" s="91"/>
      <c r="IG2820" s="91"/>
      <c r="IH2820" s="91"/>
      <c r="II2820" s="91"/>
      <c r="IJ2820" s="91"/>
      <c r="IK2820" s="127"/>
    </row>
    <row r="2821" spans="2:245" x14ac:dyDescent="0.2">
      <c r="B2821" s="43"/>
      <c r="C2821" s="73"/>
      <c r="D2821" s="64"/>
      <c r="E2821" s="64"/>
      <c r="F2821" s="55"/>
      <c r="G2821" s="102"/>
      <c r="H2821" s="55"/>
      <c r="I2821" s="55"/>
      <c r="J2821" s="55"/>
      <c r="K2821" s="55"/>
      <c r="L2821" s="55"/>
      <c r="M2821" s="55"/>
      <c r="N2821" s="55"/>
      <c r="O2821" s="55"/>
      <c r="P2821" s="55"/>
      <c r="Q2821" s="55"/>
      <c r="R2821" s="55"/>
      <c r="S2821" s="55"/>
      <c r="T2821" s="55"/>
      <c r="U2821" s="55"/>
      <c r="V2821" s="55"/>
      <c r="W2821" s="55"/>
      <c r="X2821" s="55"/>
      <c r="Y2821" s="55"/>
      <c r="Z2821" s="55"/>
      <c r="AA2821" s="55"/>
      <c r="AB2821" s="55"/>
      <c r="AC2821" s="55"/>
      <c r="AD2821" s="55"/>
      <c r="AE2821" s="55"/>
      <c r="AF2821" s="55"/>
      <c r="AG2821" s="55"/>
      <c r="AY2821" s="162"/>
      <c r="AZ2821" s="162"/>
      <c r="BA2821" s="162"/>
      <c r="BB2821" s="162"/>
      <c r="BC2821" s="162"/>
      <c r="BD2821" s="162"/>
      <c r="BE2821" s="162"/>
      <c r="BF2821" s="162"/>
      <c r="BG2821" s="162"/>
      <c r="BH2821" s="162"/>
      <c r="BI2821" s="162"/>
      <c r="BJ2821" s="162"/>
      <c r="BK2821" s="162"/>
      <c r="BL2821" s="162"/>
      <c r="BM2821" s="162"/>
      <c r="BN2821" s="162"/>
      <c r="BO2821" s="162"/>
      <c r="BP2821" s="162"/>
      <c r="BQ2821" s="162"/>
      <c r="BR2821" s="162"/>
      <c r="BS2821" s="162"/>
      <c r="BT2821" s="162"/>
      <c r="BU2821" s="162"/>
      <c r="BV2821" s="162"/>
      <c r="BW2821" s="162"/>
      <c r="BX2821" s="162"/>
      <c r="BY2821" s="162"/>
      <c r="BZ2821" s="162"/>
      <c r="CA2821" s="162"/>
      <c r="CB2821" s="162"/>
      <c r="CC2821" s="162"/>
      <c r="CD2821" s="162"/>
      <c r="CE2821" s="162"/>
      <c r="CF2821" s="162"/>
      <c r="CG2821" s="162"/>
      <c r="CH2821" s="162"/>
      <c r="CI2821" s="162"/>
      <c r="CJ2821" s="162"/>
      <c r="CK2821" s="162"/>
      <c r="CX2821" s="98"/>
      <c r="DL2821" s="97"/>
      <c r="DX2821" s="98"/>
      <c r="EL2821" s="97"/>
      <c r="EX2821" s="98"/>
      <c r="EY2821" s="97"/>
      <c r="FL2821" s="126"/>
      <c r="FM2821" s="91"/>
      <c r="FN2821" s="91"/>
      <c r="FO2821" s="91"/>
      <c r="FP2821" s="91"/>
      <c r="FQ2821" s="91"/>
      <c r="FR2821" s="91"/>
      <c r="FS2821" s="91"/>
      <c r="FT2821" s="91"/>
      <c r="FU2821" s="91"/>
      <c r="FV2821" s="91"/>
      <c r="FW2821" s="91"/>
      <c r="FX2821" s="91"/>
      <c r="FY2821" s="91"/>
      <c r="FZ2821" s="91"/>
      <c r="GA2821" s="91"/>
      <c r="GB2821" s="91"/>
      <c r="GC2821" s="91"/>
      <c r="GD2821" s="91"/>
      <c r="GE2821" s="91"/>
      <c r="GF2821" s="91"/>
      <c r="GG2821" s="91"/>
      <c r="GH2821" s="91"/>
      <c r="GI2821" s="91"/>
      <c r="GJ2821" s="91"/>
      <c r="GK2821" s="127"/>
      <c r="GL2821" s="126"/>
      <c r="GM2821" s="91"/>
      <c r="GN2821" s="91"/>
      <c r="GO2821" s="91"/>
      <c r="GP2821" s="91"/>
      <c r="GQ2821" s="91"/>
      <c r="GR2821" s="91"/>
      <c r="GS2821" s="91"/>
      <c r="GT2821" s="91"/>
      <c r="GU2821" s="91"/>
      <c r="GV2821" s="91"/>
      <c r="GW2821" s="91"/>
      <c r="GX2821" s="91"/>
      <c r="GY2821" s="91"/>
      <c r="GZ2821" s="91"/>
      <c r="HA2821" s="91"/>
      <c r="HB2821" s="91"/>
      <c r="HC2821" s="91"/>
      <c r="HD2821" s="91"/>
      <c r="HE2821" s="91"/>
      <c r="HF2821" s="91"/>
      <c r="HG2821" s="91"/>
      <c r="HH2821" s="91"/>
      <c r="HI2821" s="91"/>
      <c r="HJ2821" s="91"/>
      <c r="HK2821" s="127"/>
      <c r="HL2821" s="126"/>
      <c r="HM2821" s="91"/>
      <c r="HN2821" s="91"/>
      <c r="HO2821" s="91"/>
      <c r="HP2821" s="91"/>
      <c r="HQ2821" s="91"/>
      <c r="HR2821" s="91"/>
      <c r="HS2821" s="91"/>
      <c r="HT2821" s="91"/>
      <c r="HU2821" s="91"/>
      <c r="HV2821" s="91"/>
      <c r="HW2821" s="91"/>
      <c r="HX2821" s="91"/>
      <c r="HY2821" s="91"/>
      <c r="HZ2821" s="91"/>
      <c r="IA2821" s="91"/>
      <c r="IB2821" s="91"/>
      <c r="IC2821" s="91"/>
      <c r="ID2821" s="91"/>
      <c r="IE2821" s="91"/>
      <c r="IF2821" s="91"/>
      <c r="IG2821" s="91"/>
      <c r="IH2821" s="91"/>
      <c r="II2821" s="91"/>
      <c r="IJ2821" s="91"/>
      <c r="IK2821" s="127"/>
    </row>
    <row r="2822" spans="2:245" x14ac:dyDescent="0.2">
      <c r="B2822" s="43"/>
      <c r="C2822" s="73"/>
      <c r="D2822" s="64"/>
      <c r="E2822" s="64"/>
      <c r="F2822" s="55"/>
      <c r="G2822" s="102"/>
      <c r="H2822" s="55"/>
      <c r="I2822" s="55"/>
      <c r="J2822" s="55"/>
      <c r="K2822" s="55"/>
      <c r="L2822" s="55"/>
      <c r="M2822" s="55"/>
      <c r="N2822" s="55"/>
      <c r="O2822" s="55"/>
      <c r="P2822" s="55"/>
      <c r="Q2822" s="55"/>
      <c r="R2822" s="55"/>
      <c r="S2822" s="55"/>
      <c r="T2822" s="55"/>
      <c r="U2822" s="55"/>
      <c r="V2822" s="55"/>
      <c r="W2822" s="55"/>
      <c r="X2822" s="55"/>
      <c r="Y2822" s="55"/>
      <c r="Z2822" s="55"/>
      <c r="AA2822" s="55"/>
      <c r="AB2822" s="55"/>
      <c r="AC2822" s="55"/>
      <c r="AD2822" s="55"/>
      <c r="AE2822" s="55"/>
      <c r="AF2822" s="55"/>
      <c r="AG2822" s="55"/>
      <c r="AY2822" s="162"/>
      <c r="AZ2822" s="162"/>
      <c r="BA2822" s="162"/>
      <c r="BB2822" s="162"/>
      <c r="BC2822" s="162"/>
      <c r="BD2822" s="162"/>
      <c r="BE2822" s="162"/>
      <c r="BF2822" s="162"/>
      <c r="BG2822" s="162"/>
      <c r="BH2822" s="162"/>
      <c r="BI2822" s="162"/>
      <c r="BJ2822" s="162"/>
      <c r="BK2822" s="162"/>
      <c r="BL2822" s="162"/>
      <c r="BM2822" s="162"/>
      <c r="BN2822" s="162"/>
      <c r="BO2822" s="162"/>
      <c r="BP2822" s="162"/>
      <c r="BQ2822" s="162"/>
      <c r="BR2822" s="162"/>
      <c r="BS2822" s="162"/>
      <c r="BT2822" s="162"/>
      <c r="BU2822" s="162"/>
      <c r="BV2822" s="162"/>
      <c r="BW2822" s="162"/>
      <c r="BX2822" s="162"/>
      <c r="BY2822" s="162"/>
      <c r="BZ2822" s="162"/>
      <c r="CA2822" s="162"/>
      <c r="CB2822" s="162"/>
      <c r="CC2822" s="162"/>
      <c r="CD2822" s="162"/>
      <c r="CE2822" s="162"/>
      <c r="CF2822" s="162"/>
      <c r="CG2822" s="162"/>
      <c r="CH2822" s="162"/>
      <c r="CI2822" s="162"/>
      <c r="CJ2822" s="162"/>
      <c r="CK2822" s="162"/>
      <c r="CX2822" s="98"/>
      <c r="DL2822" s="97"/>
      <c r="DX2822" s="98"/>
      <c r="EL2822" s="97"/>
      <c r="EX2822" s="98"/>
      <c r="EY2822" s="97"/>
      <c r="FL2822" s="126"/>
      <c r="FM2822" s="91"/>
      <c r="FN2822" s="91"/>
      <c r="FO2822" s="91"/>
      <c r="FP2822" s="91"/>
      <c r="FQ2822" s="91"/>
      <c r="FR2822" s="91"/>
      <c r="FS2822" s="91"/>
      <c r="FT2822" s="91"/>
      <c r="FU2822" s="91"/>
      <c r="FV2822" s="91"/>
      <c r="FW2822" s="91"/>
      <c r="FX2822" s="91"/>
      <c r="FY2822" s="91"/>
      <c r="FZ2822" s="91"/>
      <c r="GA2822" s="91"/>
      <c r="GB2822" s="91"/>
      <c r="GC2822" s="91"/>
      <c r="GD2822" s="91"/>
      <c r="GE2822" s="91"/>
      <c r="GF2822" s="91"/>
      <c r="GG2822" s="91"/>
      <c r="GH2822" s="91"/>
      <c r="GI2822" s="91"/>
      <c r="GJ2822" s="91"/>
      <c r="GK2822" s="127"/>
      <c r="GL2822" s="126"/>
      <c r="GM2822" s="91"/>
      <c r="GN2822" s="91"/>
      <c r="GO2822" s="91"/>
      <c r="GP2822" s="91"/>
      <c r="GQ2822" s="91"/>
      <c r="GR2822" s="91"/>
      <c r="GS2822" s="91"/>
      <c r="GT2822" s="91"/>
      <c r="GU2822" s="91"/>
      <c r="GV2822" s="91"/>
      <c r="GW2822" s="91"/>
      <c r="GX2822" s="91"/>
      <c r="GY2822" s="91"/>
      <c r="GZ2822" s="91"/>
      <c r="HA2822" s="91"/>
      <c r="HB2822" s="91"/>
      <c r="HC2822" s="91"/>
      <c r="HD2822" s="91"/>
      <c r="HE2822" s="91"/>
      <c r="HF2822" s="91"/>
      <c r="HG2822" s="91"/>
      <c r="HH2822" s="91"/>
      <c r="HI2822" s="91"/>
      <c r="HJ2822" s="91"/>
      <c r="HK2822" s="127"/>
      <c r="HL2822" s="126"/>
      <c r="HM2822" s="91"/>
      <c r="HN2822" s="91"/>
      <c r="HO2822" s="91"/>
      <c r="HP2822" s="91"/>
      <c r="HQ2822" s="91"/>
      <c r="HR2822" s="91"/>
      <c r="HS2822" s="91"/>
      <c r="HT2822" s="91"/>
      <c r="HU2822" s="91"/>
      <c r="HV2822" s="91"/>
      <c r="HW2822" s="91"/>
      <c r="HX2822" s="91"/>
      <c r="HY2822" s="91"/>
      <c r="HZ2822" s="91"/>
      <c r="IA2822" s="91"/>
      <c r="IB2822" s="91"/>
      <c r="IC2822" s="91"/>
      <c r="ID2822" s="91"/>
      <c r="IE2822" s="91"/>
      <c r="IF2822" s="91"/>
      <c r="IG2822" s="91"/>
      <c r="IH2822" s="91"/>
      <c r="II2822" s="91"/>
      <c r="IJ2822" s="91"/>
      <c r="IK2822" s="127"/>
    </row>
    <row r="2823" spans="2:245" x14ac:dyDescent="0.2">
      <c r="B2823" s="43"/>
      <c r="C2823" s="73"/>
      <c r="D2823" s="64"/>
      <c r="E2823" s="64"/>
      <c r="F2823" s="55"/>
      <c r="G2823" s="102"/>
      <c r="H2823" s="55"/>
      <c r="I2823" s="55"/>
      <c r="J2823" s="55"/>
      <c r="K2823" s="55"/>
      <c r="L2823" s="55"/>
      <c r="M2823" s="55"/>
      <c r="N2823" s="55"/>
      <c r="O2823" s="55"/>
      <c r="P2823" s="55"/>
      <c r="Q2823" s="55"/>
      <c r="R2823" s="55"/>
      <c r="S2823" s="55"/>
      <c r="T2823" s="55"/>
      <c r="U2823" s="55"/>
      <c r="V2823" s="55"/>
      <c r="W2823" s="55"/>
      <c r="X2823" s="55"/>
      <c r="Y2823" s="55"/>
      <c r="Z2823" s="55"/>
      <c r="AA2823" s="55"/>
      <c r="AB2823" s="55"/>
      <c r="AC2823" s="55"/>
      <c r="AD2823" s="55"/>
      <c r="AE2823" s="55"/>
      <c r="AF2823" s="55"/>
      <c r="AG2823" s="55"/>
      <c r="AY2823" s="162"/>
      <c r="AZ2823" s="162"/>
      <c r="BA2823" s="162"/>
      <c r="BB2823" s="162"/>
      <c r="BC2823" s="162"/>
      <c r="BD2823" s="162"/>
      <c r="BE2823" s="162"/>
      <c r="BF2823" s="162"/>
      <c r="BG2823" s="162"/>
      <c r="BH2823" s="162"/>
      <c r="BI2823" s="162"/>
      <c r="BJ2823" s="162"/>
      <c r="BK2823" s="162"/>
      <c r="BL2823" s="162"/>
      <c r="BM2823" s="162"/>
      <c r="BN2823" s="162"/>
      <c r="BO2823" s="162"/>
      <c r="BP2823" s="162"/>
      <c r="BQ2823" s="162"/>
      <c r="BR2823" s="162"/>
      <c r="BS2823" s="162"/>
      <c r="BT2823" s="162"/>
      <c r="BU2823" s="162"/>
      <c r="BV2823" s="162"/>
      <c r="BW2823" s="162"/>
      <c r="BX2823" s="162"/>
      <c r="BY2823" s="162"/>
      <c r="BZ2823" s="162"/>
      <c r="CA2823" s="162"/>
      <c r="CB2823" s="162"/>
      <c r="CC2823" s="162"/>
      <c r="CD2823" s="162"/>
      <c r="CE2823" s="162"/>
      <c r="CF2823" s="162"/>
      <c r="CG2823" s="162"/>
      <c r="CH2823" s="162"/>
      <c r="CI2823" s="162"/>
      <c r="CJ2823" s="162"/>
      <c r="CK2823" s="162"/>
      <c r="CX2823" s="98"/>
      <c r="DL2823" s="97"/>
      <c r="DX2823" s="98"/>
      <c r="EL2823" s="97"/>
      <c r="EX2823" s="98"/>
      <c r="EY2823" s="97"/>
      <c r="FL2823" s="126"/>
      <c r="FM2823" s="91"/>
      <c r="FN2823" s="91"/>
      <c r="FO2823" s="91"/>
      <c r="FP2823" s="91"/>
      <c r="FQ2823" s="91"/>
      <c r="FR2823" s="91"/>
      <c r="FS2823" s="91"/>
      <c r="FT2823" s="91"/>
      <c r="FU2823" s="91"/>
      <c r="FV2823" s="91"/>
      <c r="FW2823" s="91"/>
      <c r="FX2823" s="91"/>
      <c r="FY2823" s="91"/>
      <c r="FZ2823" s="91"/>
      <c r="GA2823" s="91"/>
      <c r="GB2823" s="91"/>
      <c r="GC2823" s="91"/>
      <c r="GD2823" s="91"/>
      <c r="GE2823" s="91"/>
      <c r="GF2823" s="91"/>
      <c r="GG2823" s="91"/>
      <c r="GH2823" s="91"/>
      <c r="GI2823" s="91"/>
      <c r="GJ2823" s="91"/>
      <c r="GK2823" s="127"/>
      <c r="GL2823" s="126"/>
      <c r="GM2823" s="91"/>
      <c r="GN2823" s="91"/>
      <c r="GO2823" s="91"/>
      <c r="GP2823" s="91"/>
      <c r="GQ2823" s="91"/>
      <c r="GR2823" s="91"/>
      <c r="GS2823" s="91"/>
      <c r="GT2823" s="91"/>
      <c r="GU2823" s="91"/>
      <c r="GV2823" s="91"/>
      <c r="GW2823" s="91"/>
      <c r="GX2823" s="91"/>
      <c r="GY2823" s="91"/>
      <c r="GZ2823" s="91"/>
      <c r="HA2823" s="91"/>
      <c r="HB2823" s="91"/>
      <c r="HC2823" s="91"/>
      <c r="HD2823" s="91"/>
      <c r="HE2823" s="91"/>
      <c r="HF2823" s="91"/>
      <c r="HG2823" s="91"/>
      <c r="HH2823" s="91"/>
      <c r="HI2823" s="91"/>
      <c r="HJ2823" s="91"/>
      <c r="HK2823" s="127"/>
      <c r="HL2823" s="126"/>
      <c r="HM2823" s="91"/>
      <c r="HN2823" s="91"/>
      <c r="HO2823" s="91"/>
      <c r="HP2823" s="91"/>
      <c r="HQ2823" s="91"/>
      <c r="HR2823" s="91"/>
      <c r="HS2823" s="91"/>
      <c r="HT2823" s="91"/>
      <c r="HU2823" s="91"/>
      <c r="HV2823" s="91"/>
      <c r="HW2823" s="91"/>
      <c r="HX2823" s="91"/>
      <c r="HY2823" s="91"/>
      <c r="HZ2823" s="91"/>
      <c r="IA2823" s="91"/>
      <c r="IB2823" s="91"/>
      <c r="IC2823" s="91"/>
      <c r="ID2823" s="91"/>
      <c r="IE2823" s="91"/>
      <c r="IF2823" s="91"/>
      <c r="IG2823" s="91"/>
      <c r="IH2823" s="91"/>
      <c r="II2823" s="91"/>
      <c r="IJ2823" s="91"/>
      <c r="IK2823" s="127"/>
    </row>
    <row r="2824" spans="2:245" x14ac:dyDescent="0.2">
      <c r="B2824" s="43"/>
      <c r="C2824" s="73"/>
      <c r="D2824" s="64"/>
      <c r="E2824" s="64"/>
      <c r="F2824" s="55"/>
      <c r="G2824" s="102"/>
      <c r="H2824" s="55"/>
      <c r="I2824" s="55"/>
      <c r="J2824" s="55"/>
      <c r="K2824" s="55"/>
      <c r="L2824" s="55"/>
      <c r="M2824" s="55"/>
      <c r="N2824" s="55"/>
      <c r="O2824" s="55"/>
      <c r="P2824" s="55"/>
      <c r="Q2824" s="55"/>
      <c r="R2824" s="55"/>
      <c r="S2824" s="55"/>
      <c r="T2824" s="55"/>
      <c r="U2824" s="55"/>
      <c r="V2824" s="55"/>
      <c r="W2824" s="55"/>
      <c r="X2824" s="55"/>
      <c r="Y2824" s="55"/>
      <c r="Z2824" s="55"/>
      <c r="AA2824" s="55"/>
      <c r="AB2824" s="55"/>
      <c r="AC2824" s="55"/>
      <c r="AD2824" s="55"/>
      <c r="AE2824" s="55"/>
      <c r="AF2824" s="55"/>
      <c r="AG2824" s="55"/>
      <c r="AY2824" s="162"/>
      <c r="AZ2824" s="162"/>
      <c r="BA2824" s="162"/>
      <c r="BB2824" s="162"/>
      <c r="BC2824" s="162"/>
      <c r="BD2824" s="162"/>
      <c r="BE2824" s="162"/>
      <c r="BF2824" s="162"/>
      <c r="BG2824" s="162"/>
      <c r="BH2824" s="162"/>
      <c r="BI2824" s="162"/>
      <c r="BJ2824" s="162"/>
      <c r="BK2824" s="162"/>
      <c r="BL2824" s="162"/>
      <c r="BM2824" s="162"/>
      <c r="BN2824" s="162"/>
      <c r="BO2824" s="162"/>
      <c r="BP2824" s="162"/>
      <c r="BQ2824" s="162"/>
      <c r="BR2824" s="162"/>
      <c r="BS2824" s="162"/>
      <c r="BT2824" s="162"/>
      <c r="BU2824" s="162"/>
      <c r="BV2824" s="162"/>
      <c r="BW2824" s="162"/>
      <c r="BX2824" s="162"/>
      <c r="BY2824" s="162"/>
      <c r="BZ2824" s="162"/>
      <c r="CA2824" s="162"/>
      <c r="CB2824" s="162"/>
      <c r="CC2824" s="162"/>
      <c r="CD2824" s="162"/>
      <c r="CE2824" s="162"/>
      <c r="CF2824" s="162"/>
      <c r="CG2824" s="162"/>
      <c r="CH2824" s="162"/>
      <c r="CI2824" s="162"/>
      <c r="CJ2824" s="162"/>
      <c r="CK2824" s="162"/>
      <c r="CX2824" s="98"/>
      <c r="DL2824" s="97"/>
      <c r="DX2824" s="98"/>
      <c r="EL2824" s="97"/>
      <c r="EX2824" s="98"/>
      <c r="EY2824" s="97"/>
      <c r="FL2824" s="126"/>
      <c r="FM2824" s="91"/>
      <c r="FN2824" s="91"/>
      <c r="FO2824" s="91"/>
      <c r="FP2824" s="91"/>
      <c r="FQ2824" s="91"/>
      <c r="FR2824" s="91"/>
      <c r="FS2824" s="91"/>
      <c r="FT2824" s="91"/>
      <c r="FU2824" s="91"/>
      <c r="FV2824" s="91"/>
      <c r="FW2824" s="91"/>
      <c r="FX2824" s="91"/>
      <c r="FY2824" s="91"/>
      <c r="FZ2824" s="91"/>
      <c r="GA2824" s="91"/>
      <c r="GB2824" s="91"/>
      <c r="GC2824" s="91"/>
      <c r="GD2824" s="91"/>
      <c r="GE2824" s="91"/>
      <c r="GF2824" s="91"/>
      <c r="GG2824" s="91"/>
      <c r="GH2824" s="91"/>
      <c r="GI2824" s="91"/>
      <c r="GJ2824" s="91"/>
      <c r="GK2824" s="127"/>
      <c r="GL2824" s="126"/>
      <c r="GM2824" s="91"/>
      <c r="GN2824" s="91"/>
      <c r="GO2824" s="91"/>
      <c r="GP2824" s="91"/>
      <c r="GQ2824" s="91"/>
      <c r="GR2824" s="91"/>
      <c r="GS2824" s="91"/>
      <c r="GT2824" s="91"/>
      <c r="GU2824" s="91"/>
      <c r="GV2824" s="91"/>
      <c r="GW2824" s="91"/>
      <c r="GX2824" s="91"/>
      <c r="GY2824" s="91"/>
      <c r="GZ2824" s="91"/>
      <c r="HA2824" s="91"/>
      <c r="HB2824" s="91"/>
      <c r="HC2824" s="91"/>
      <c r="HD2824" s="91"/>
      <c r="HE2824" s="91"/>
      <c r="HF2824" s="91"/>
      <c r="HG2824" s="91"/>
      <c r="HH2824" s="91"/>
      <c r="HI2824" s="91"/>
      <c r="HJ2824" s="91"/>
      <c r="HK2824" s="127"/>
      <c r="HL2824" s="126"/>
      <c r="HM2824" s="91"/>
      <c r="HN2824" s="91"/>
      <c r="HO2824" s="91"/>
      <c r="HP2824" s="91"/>
      <c r="HQ2824" s="91"/>
      <c r="HR2824" s="91"/>
      <c r="HS2824" s="91"/>
      <c r="HT2824" s="91"/>
      <c r="HU2824" s="91"/>
      <c r="HV2824" s="91"/>
      <c r="HW2824" s="91"/>
      <c r="HX2824" s="91"/>
      <c r="HY2824" s="91"/>
      <c r="HZ2824" s="91"/>
      <c r="IA2824" s="91"/>
      <c r="IB2824" s="91"/>
      <c r="IC2824" s="91"/>
      <c r="ID2824" s="91"/>
      <c r="IE2824" s="91"/>
      <c r="IF2824" s="91"/>
      <c r="IG2824" s="91"/>
      <c r="IH2824" s="91"/>
      <c r="II2824" s="91"/>
      <c r="IJ2824" s="91"/>
      <c r="IK2824" s="127"/>
    </row>
    <row r="2825" spans="2:245" x14ac:dyDescent="0.2">
      <c r="B2825" s="43"/>
      <c r="C2825" s="73"/>
      <c r="D2825" s="64"/>
      <c r="E2825" s="64"/>
      <c r="F2825" s="55"/>
      <c r="G2825" s="102"/>
      <c r="H2825" s="55"/>
      <c r="I2825" s="55"/>
      <c r="J2825" s="55"/>
      <c r="K2825" s="55"/>
      <c r="L2825" s="55"/>
      <c r="M2825" s="55"/>
      <c r="N2825" s="55"/>
      <c r="O2825" s="55"/>
      <c r="P2825" s="55"/>
      <c r="Q2825" s="55"/>
      <c r="R2825" s="55"/>
      <c r="S2825" s="55"/>
      <c r="T2825" s="55"/>
      <c r="U2825" s="55"/>
      <c r="V2825" s="55"/>
      <c r="W2825" s="55"/>
      <c r="X2825" s="55"/>
      <c r="Y2825" s="55"/>
      <c r="Z2825" s="55"/>
      <c r="AA2825" s="55"/>
      <c r="AB2825" s="55"/>
      <c r="AC2825" s="55"/>
      <c r="AD2825" s="55"/>
      <c r="AE2825" s="55"/>
      <c r="AF2825" s="55"/>
      <c r="AG2825" s="55"/>
      <c r="AY2825" s="162"/>
      <c r="AZ2825" s="162"/>
      <c r="BA2825" s="162"/>
      <c r="BB2825" s="162"/>
      <c r="BC2825" s="162"/>
      <c r="BD2825" s="162"/>
      <c r="BE2825" s="162"/>
      <c r="BF2825" s="162"/>
      <c r="BG2825" s="162"/>
      <c r="BH2825" s="162"/>
      <c r="BI2825" s="162"/>
      <c r="BJ2825" s="162"/>
      <c r="BK2825" s="162"/>
      <c r="BL2825" s="162"/>
      <c r="BM2825" s="162"/>
      <c r="BN2825" s="162"/>
      <c r="BO2825" s="162"/>
      <c r="BP2825" s="162"/>
      <c r="BQ2825" s="162"/>
      <c r="BR2825" s="162"/>
      <c r="BS2825" s="162"/>
      <c r="BT2825" s="162"/>
      <c r="BU2825" s="162"/>
      <c r="BV2825" s="162"/>
      <c r="BW2825" s="162"/>
      <c r="BX2825" s="162"/>
      <c r="BY2825" s="162"/>
      <c r="BZ2825" s="162"/>
      <c r="CA2825" s="162"/>
      <c r="CB2825" s="162"/>
      <c r="CC2825" s="162"/>
      <c r="CD2825" s="162"/>
      <c r="CE2825" s="162"/>
      <c r="CF2825" s="162"/>
      <c r="CG2825" s="162"/>
      <c r="CH2825" s="162"/>
      <c r="CI2825" s="162"/>
      <c r="CJ2825" s="162"/>
      <c r="CK2825" s="162"/>
      <c r="CX2825" s="98"/>
      <c r="DL2825" s="97"/>
      <c r="DX2825" s="98"/>
      <c r="EL2825" s="97"/>
      <c r="EX2825" s="98"/>
      <c r="EY2825" s="97"/>
      <c r="FL2825" s="126"/>
      <c r="FM2825" s="91"/>
      <c r="FN2825" s="91"/>
      <c r="FO2825" s="91"/>
      <c r="FP2825" s="91"/>
      <c r="FQ2825" s="91"/>
      <c r="FR2825" s="91"/>
      <c r="FS2825" s="91"/>
      <c r="FT2825" s="91"/>
      <c r="FU2825" s="91"/>
      <c r="FV2825" s="91"/>
      <c r="FW2825" s="91"/>
      <c r="FX2825" s="91"/>
      <c r="FY2825" s="91"/>
      <c r="FZ2825" s="91"/>
      <c r="GA2825" s="91"/>
      <c r="GB2825" s="91"/>
      <c r="GC2825" s="91"/>
      <c r="GD2825" s="91"/>
      <c r="GE2825" s="91"/>
      <c r="GF2825" s="91"/>
      <c r="GG2825" s="91"/>
      <c r="GH2825" s="91"/>
      <c r="GI2825" s="91"/>
      <c r="GJ2825" s="91"/>
      <c r="GK2825" s="127"/>
      <c r="GL2825" s="126"/>
      <c r="GM2825" s="91"/>
      <c r="GN2825" s="91"/>
      <c r="GO2825" s="91"/>
      <c r="GP2825" s="91"/>
      <c r="GQ2825" s="91"/>
      <c r="GR2825" s="91"/>
      <c r="GS2825" s="91"/>
      <c r="GT2825" s="91"/>
      <c r="GU2825" s="91"/>
      <c r="GV2825" s="91"/>
      <c r="GW2825" s="91"/>
      <c r="GX2825" s="91"/>
      <c r="GY2825" s="91"/>
      <c r="GZ2825" s="91"/>
      <c r="HA2825" s="91"/>
      <c r="HB2825" s="91"/>
      <c r="HC2825" s="91"/>
      <c r="HD2825" s="91"/>
      <c r="HE2825" s="91"/>
      <c r="HF2825" s="91"/>
      <c r="HG2825" s="91"/>
      <c r="HH2825" s="91"/>
      <c r="HI2825" s="91"/>
      <c r="HJ2825" s="91"/>
      <c r="HK2825" s="127"/>
      <c r="HL2825" s="126"/>
      <c r="HM2825" s="91"/>
      <c r="HN2825" s="91"/>
      <c r="HO2825" s="91"/>
      <c r="HP2825" s="91"/>
      <c r="HQ2825" s="91"/>
      <c r="HR2825" s="91"/>
      <c r="HS2825" s="91"/>
      <c r="HT2825" s="91"/>
      <c r="HU2825" s="91"/>
      <c r="HV2825" s="91"/>
      <c r="HW2825" s="91"/>
      <c r="HX2825" s="91"/>
      <c r="HY2825" s="91"/>
      <c r="HZ2825" s="91"/>
      <c r="IA2825" s="91"/>
      <c r="IB2825" s="91"/>
      <c r="IC2825" s="91"/>
      <c r="ID2825" s="91"/>
      <c r="IE2825" s="91"/>
      <c r="IF2825" s="91"/>
      <c r="IG2825" s="91"/>
      <c r="IH2825" s="91"/>
      <c r="II2825" s="91"/>
      <c r="IJ2825" s="91"/>
      <c r="IK2825" s="127"/>
    </row>
    <row r="2826" spans="2:245" x14ac:dyDescent="0.2">
      <c r="B2826" s="43"/>
      <c r="C2826" s="73"/>
      <c r="D2826" s="64"/>
      <c r="E2826" s="64"/>
      <c r="F2826" s="55"/>
      <c r="G2826" s="102"/>
      <c r="H2826" s="55"/>
      <c r="I2826" s="55"/>
      <c r="J2826" s="55"/>
      <c r="K2826" s="55"/>
      <c r="L2826" s="55"/>
      <c r="M2826" s="55"/>
      <c r="N2826" s="55"/>
      <c r="O2826" s="55"/>
      <c r="P2826" s="55"/>
      <c r="Q2826" s="55"/>
      <c r="R2826" s="55"/>
      <c r="S2826" s="55"/>
      <c r="T2826" s="55"/>
      <c r="U2826" s="55"/>
      <c r="V2826" s="55"/>
      <c r="W2826" s="55"/>
      <c r="X2826" s="55"/>
      <c r="Y2826" s="55"/>
      <c r="Z2826" s="55"/>
      <c r="AA2826" s="55"/>
      <c r="AB2826" s="55"/>
      <c r="AC2826" s="55"/>
      <c r="AD2826" s="55"/>
      <c r="AE2826" s="55"/>
      <c r="AF2826" s="55"/>
      <c r="AG2826" s="55"/>
      <c r="AY2826" s="162"/>
      <c r="AZ2826" s="162"/>
      <c r="BA2826" s="162"/>
      <c r="BB2826" s="162"/>
      <c r="BC2826" s="162"/>
      <c r="BD2826" s="162"/>
      <c r="BE2826" s="162"/>
      <c r="BF2826" s="162"/>
      <c r="BG2826" s="162"/>
      <c r="BH2826" s="162"/>
      <c r="BI2826" s="162"/>
      <c r="BJ2826" s="162"/>
      <c r="BK2826" s="162"/>
      <c r="BL2826" s="162"/>
      <c r="BM2826" s="162"/>
      <c r="BN2826" s="162"/>
      <c r="BO2826" s="162"/>
      <c r="BP2826" s="162"/>
      <c r="BQ2826" s="162"/>
      <c r="BR2826" s="162"/>
      <c r="BS2826" s="162"/>
      <c r="BT2826" s="162"/>
      <c r="BU2826" s="162"/>
      <c r="BV2826" s="162"/>
      <c r="BW2826" s="162"/>
      <c r="BX2826" s="162"/>
      <c r="BY2826" s="162"/>
      <c r="BZ2826" s="162"/>
      <c r="CA2826" s="162"/>
      <c r="CB2826" s="162"/>
      <c r="CC2826" s="162"/>
      <c r="CD2826" s="162"/>
      <c r="CE2826" s="162"/>
      <c r="CF2826" s="162"/>
      <c r="CG2826" s="162"/>
      <c r="CH2826" s="162"/>
      <c r="CI2826" s="162"/>
      <c r="CJ2826" s="162"/>
      <c r="CK2826" s="162"/>
      <c r="CX2826" s="98"/>
      <c r="DL2826" s="97"/>
      <c r="DX2826" s="98"/>
      <c r="EL2826" s="97"/>
      <c r="EX2826" s="98"/>
      <c r="EY2826" s="97"/>
      <c r="FL2826" s="126"/>
      <c r="FM2826" s="91"/>
      <c r="FN2826" s="91"/>
      <c r="FO2826" s="91"/>
      <c r="FP2826" s="91"/>
      <c r="FQ2826" s="91"/>
      <c r="FR2826" s="91"/>
      <c r="FS2826" s="91"/>
      <c r="FT2826" s="91"/>
      <c r="FU2826" s="91"/>
      <c r="FV2826" s="91"/>
      <c r="FW2826" s="91"/>
      <c r="FX2826" s="91"/>
      <c r="FY2826" s="91"/>
      <c r="FZ2826" s="91"/>
      <c r="GA2826" s="91"/>
      <c r="GB2826" s="91"/>
      <c r="GC2826" s="91"/>
      <c r="GD2826" s="91"/>
      <c r="GE2826" s="91"/>
      <c r="GF2826" s="91"/>
      <c r="GG2826" s="91"/>
      <c r="GH2826" s="91"/>
      <c r="GI2826" s="91"/>
      <c r="GJ2826" s="91"/>
      <c r="GK2826" s="127"/>
      <c r="GL2826" s="126"/>
      <c r="GM2826" s="91"/>
      <c r="GN2826" s="91"/>
      <c r="GO2826" s="91"/>
      <c r="GP2826" s="91"/>
      <c r="GQ2826" s="91"/>
      <c r="GR2826" s="91"/>
      <c r="GS2826" s="91"/>
      <c r="GT2826" s="91"/>
      <c r="GU2826" s="91"/>
      <c r="GV2826" s="91"/>
      <c r="GW2826" s="91"/>
      <c r="GX2826" s="91"/>
      <c r="GY2826" s="91"/>
      <c r="GZ2826" s="91"/>
      <c r="HA2826" s="91"/>
      <c r="HB2826" s="91"/>
      <c r="HC2826" s="91"/>
      <c r="HD2826" s="91"/>
      <c r="HE2826" s="91"/>
      <c r="HF2826" s="91"/>
      <c r="HG2826" s="91"/>
      <c r="HH2826" s="91"/>
      <c r="HI2826" s="91"/>
      <c r="HJ2826" s="91"/>
      <c r="HK2826" s="127"/>
      <c r="HL2826" s="126"/>
      <c r="HM2826" s="91"/>
      <c r="HN2826" s="91"/>
      <c r="HO2826" s="91"/>
      <c r="HP2826" s="91"/>
      <c r="HQ2826" s="91"/>
      <c r="HR2826" s="91"/>
      <c r="HS2826" s="91"/>
      <c r="HT2826" s="91"/>
      <c r="HU2826" s="91"/>
      <c r="HV2826" s="91"/>
      <c r="HW2826" s="91"/>
      <c r="HX2826" s="91"/>
      <c r="HY2826" s="91"/>
      <c r="HZ2826" s="91"/>
      <c r="IA2826" s="91"/>
      <c r="IB2826" s="91"/>
      <c r="IC2826" s="91"/>
      <c r="ID2826" s="91"/>
      <c r="IE2826" s="91"/>
      <c r="IF2826" s="91"/>
      <c r="IG2826" s="91"/>
      <c r="IH2826" s="91"/>
      <c r="II2826" s="91"/>
      <c r="IJ2826" s="91"/>
      <c r="IK2826" s="127"/>
    </row>
    <row r="2827" spans="2:245" x14ac:dyDescent="0.2">
      <c r="B2827" s="43"/>
      <c r="C2827" s="73"/>
      <c r="D2827" s="64"/>
      <c r="E2827" s="64"/>
      <c r="F2827" s="55"/>
      <c r="G2827" s="102"/>
      <c r="H2827" s="55"/>
      <c r="I2827" s="55"/>
      <c r="J2827" s="55"/>
      <c r="K2827" s="55"/>
      <c r="L2827" s="55"/>
      <c r="M2827" s="55"/>
      <c r="N2827" s="55"/>
      <c r="O2827" s="55"/>
      <c r="P2827" s="55"/>
      <c r="Q2827" s="55"/>
      <c r="R2827" s="55"/>
      <c r="S2827" s="55"/>
      <c r="T2827" s="55"/>
      <c r="U2827" s="55"/>
      <c r="V2827" s="55"/>
      <c r="W2827" s="55"/>
      <c r="X2827" s="55"/>
      <c r="Y2827" s="55"/>
      <c r="Z2827" s="55"/>
      <c r="AA2827" s="55"/>
      <c r="AB2827" s="55"/>
      <c r="AC2827" s="55"/>
      <c r="AD2827" s="55"/>
      <c r="AE2827" s="55"/>
      <c r="AF2827" s="55"/>
      <c r="AG2827" s="55"/>
      <c r="AY2827" s="162"/>
      <c r="AZ2827" s="162"/>
      <c r="BA2827" s="162"/>
      <c r="BB2827" s="162"/>
      <c r="BC2827" s="162"/>
      <c r="BD2827" s="162"/>
      <c r="BE2827" s="162"/>
      <c r="BF2827" s="162"/>
      <c r="BG2827" s="162"/>
      <c r="BH2827" s="162"/>
      <c r="BI2827" s="162"/>
      <c r="BJ2827" s="162"/>
      <c r="BK2827" s="162"/>
      <c r="BL2827" s="162"/>
      <c r="BM2827" s="162"/>
      <c r="BN2827" s="162"/>
      <c r="BO2827" s="162"/>
      <c r="BP2827" s="162"/>
      <c r="BQ2827" s="162"/>
      <c r="BR2827" s="162"/>
      <c r="BS2827" s="162"/>
      <c r="BT2827" s="162"/>
      <c r="BU2827" s="162"/>
      <c r="BV2827" s="162"/>
      <c r="BW2827" s="162"/>
      <c r="BX2827" s="162"/>
      <c r="BY2827" s="162"/>
      <c r="BZ2827" s="162"/>
      <c r="CA2827" s="162"/>
      <c r="CB2827" s="162"/>
      <c r="CC2827" s="162"/>
      <c r="CD2827" s="162"/>
      <c r="CE2827" s="162"/>
      <c r="CF2827" s="162"/>
      <c r="CG2827" s="162"/>
      <c r="CH2827" s="162"/>
      <c r="CI2827" s="162"/>
      <c r="CJ2827" s="162"/>
      <c r="CK2827" s="162"/>
      <c r="CX2827" s="98"/>
      <c r="DL2827" s="97"/>
      <c r="DX2827" s="98"/>
      <c r="EL2827" s="97"/>
      <c r="EX2827" s="98"/>
      <c r="EY2827" s="97"/>
      <c r="FL2827" s="126"/>
      <c r="FM2827" s="91"/>
      <c r="FN2827" s="91"/>
      <c r="FO2827" s="91"/>
      <c r="FP2827" s="91"/>
      <c r="FQ2827" s="91"/>
      <c r="FR2827" s="91"/>
      <c r="FS2827" s="91"/>
      <c r="FT2827" s="91"/>
      <c r="FU2827" s="91"/>
      <c r="FV2827" s="91"/>
      <c r="FW2827" s="91"/>
      <c r="FX2827" s="91"/>
      <c r="FY2827" s="91"/>
      <c r="FZ2827" s="91"/>
      <c r="GA2827" s="91"/>
      <c r="GB2827" s="91"/>
      <c r="GC2827" s="91"/>
      <c r="GD2827" s="91"/>
      <c r="GE2827" s="91"/>
      <c r="GF2827" s="91"/>
      <c r="GG2827" s="91"/>
      <c r="GH2827" s="91"/>
      <c r="GI2827" s="91"/>
      <c r="GJ2827" s="91"/>
      <c r="GK2827" s="127"/>
      <c r="GL2827" s="126"/>
      <c r="GM2827" s="91"/>
      <c r="GN2827" s="91"/>
      <c r="GO2827" s="91"/>
      <c r="GP2827" s="91"/>
      <c r="GQ2827" s="91"/>
      <c r="GR2827" s="91"/>
      <c r="GS2827" s="91"/>
      <c r="GT2827" s="91"/>
      <c r="GU2827" s="91"/>
      <c r="GV2827" s="91"/>
      <c r="GW2827" s="91"/>
      <c r="GX2827" s="91"/>
      <c r="GY2827" s="91"/>
      <c r="GZ2827" s="91"/>
      <c r="HA2827" s="91"/>
      <c r="HB2827" s="91"/>
      <c r="HC2827" s="91"/>
      <c r="HD2827" s="91"/>
      <c r="HE2827" s="91"/>
      <c r="HF2827" s="91"/>
      <c r="HG2827" s="91"/>
      <c r="HH2827" s="91"/>
      <c r="HI2827" s="91"/>
      <c r="HJ2827" s="91"/>
      <c r="HK2827" s="127"/>
      <c r="HL2827" s="126"/>
      <c r="HM2827" s="91"/>
      <c r="HN2827" s="91"/>
      <c r="HO2827" s="91"/>
      <c r="HP2827" s="91"/>
      <c r="HQ2827" s="91"/>
      <c r="HR2827" s="91"/>
      <c r="HS2827" s="91"/>
      <c r="HT2827" s="91"/>
      <c r="HU2827" s="91"/>
      <c r="HV2827" s="91"/>
      <c r="HW2827" s="91"/>
      <c r="HX2827" s="91"/>
      <c r="HY2827" s="91"/>
      <c r="HZ2827" s="91"/>
      <c r="IA2827" s="91"/>
      <c r="IB2827" s="91"/>
      <c r="IC2827" s="91"/>
      <c r="ID2827" s="91"/>
      <c r="IE2827" s="91"/>
      <c r="IF2827" s="91"/>
      <c r="IG2827" s="91"/>
      <c r="IH2827" s="91"/>
      <c r="II2827" s="91"/>
      <c r="IJ2827" s="91"/>
      <c r="IK2827" s="127"/>
    </row>
    <row r="2828" spans="2:245" x14ac:dyDescent="0.2">
      <c r="B2828" s="43"/>
      <c r="C2828" s="73"/>
      <c r="D2828" s="64"/>
      <c r="E2828" s="64"/>
      <c r="F2828" s="55"/>
      <c r="G2828" s="102"/>
      <c r="H2828" s="55"/>
      <c r="I2828" s="55"/>
      <c r="J2828" s="55"/>
      <c r="K2828" s="55"/>
      <c r="L2828" s="55"/>
      <c r="M2828" s="55"/>
      <c r="N2828" s="55"/>
      <c r="O2828" s="55"/>
      <c r="P2828" s="55"/>
      <c r="Q2828" s="55"/>
      <c r="R2828" s="55"/>
      <c r="S2828" s="55"/>
      <c r="T2828" s="55"/>
      <c r="U2828" s="55"/>
      <c r="V2828" s="55"/>
      <c r="W2828" s="55"/>
      <c r="X2828" s="55"/>
      <c r="Y2828" s="55"/>
      <c r="Z2828" s="55"/>
      <c r="AA2828" s="55"/>
      <c r="AB2828" s="55"/>
      <c r="AC2828" s="55"/>
      <c r="AD2828" s="55"/>
      <c r="AE2828" s="55"/>
      <c r="AF2828" s="55"/>
      <c r="AG2828" s="55"/>
      <c r="AY2828" s="162"/>
      <c r="AZ2828" s="162"/>
      <c r="BA2828" s="162"/>
      <c r="BB2828" s="162"/>
      <c r="BC2828" s="162"/>
      <c r="BD2828" s="162"/>
      <c r="BE2828" s="162"/>
      <c r="BF2828" s="162"/>
      <c r="BG2828" s="162"/>
      <c r="BH2828" s="162"/>
      <c r="BI2828" s="162"/>
      <c r="BJ2828" s="162"/>
      <c r="BK2828" s="162"/>
      <c r="BL2828" s="162"/>
      <c r="BM2828" s="162"/>
      <c r="BN2828" s="162"/>
      <c r="BO2828" s="162"/>
      <c r="BP2828" s="162"/>
      <c r="BQ2828" s="162"/>
      <c r="BR2828" s="162"/>
      <c r="BS2828" s="162"/>
      <c r="BT2828" s="162"/>
      <c r="BU2828" s="162"/>
      <c r="BV2828" s="162"/>
      <c r="BW2828" s="162"/>
      <c r="BX2828" s="162"/>
      <c r="BY2828" s="162"/>
      <c r="BZ2828" s="162"/>
      <c r="CA2828" s="162"/>
      <c r="CB2828" s="162"/>
      <c r="CC2828" s="162"/>
      <c r="CD2828" s="162"/>
      <c r="CE2828" s="162"/>
      <c r="CF2828" s="162"/>
      <c r="CG2828" s="162"/>
      <c r="CH2828" s="162"/>
      <c r="CI2828" s="162"/>
      <c r="CJ2828" s="162"/>
      <c r="CK2828" s="162"/>
      <c r="CX2828" s="98"/>
      <c r="DL2828" s="97"/>
      <c r="DX2828" s="98"/>
      <c r="EL2828" s="97"/>
      <c r="EX2828" s="98"/>
      <c r="EY2828" s="97"/>
      <c r="FL2828" s="126"/>
      <c r="FM2828" s="91"/>
      <c r="FN2828" s="91"/>
      <c r="FO2828" s="91"/>
      <c r="FP2828" s="91"/>
      <c r="FQ2828" s="91"/>
      <c r="FR2828" s="91"/>
      <c r="FS2828" s="91"/>
      <c r="FT2828" s="91"/>
      <c r="FU2828" s="91"/>
      <c r="FV2828" s="91"/>
      <c r="FW2828" s="91"/>
      <c r="FX2828" s="91"/>
      <c r="FY2828" s="91"/>
      <c r="FZ2828" s="91"/>
      <c r="GA2828" s="91"/>
      <c r="GB2828" s="91"/>
      <c r="GC2828" s="91"/>
      <c r="GD2828" s="91"/>
      <c r="GE2828" s="91"/>
      <c r="GF2828" s="91"/>
      <c r="GG2828" s="91"/>
      <c r="GH2828" s="91"/>
      <c r="GI2828" s="91"/>
      <c r="GJ2828" s="91"/>
      <c r="GK2828" s="127"/>
      <c r="GL2828" s="126"/>
      <c r="GM2828" s="91"/>
      <c r="GN2828" s="91"/>
      <c r="GO2828" s="91"/>
      <c r="GP2828" s="91"/>
      <c r="GQ2828" s="91"/>
      <c r="GR2828" s="91"/>
      <c r="GS2828" s="91"/>
      <c r="GT2828" s="91"/>
      <c r="GU2828" s="91"/>
      <c r="GV2828" s="91"/>
      <c r="GW2828" s="91"/>
      <c r="GX2828" s="91"/>
      <c r="GY2828" s="91"/>
      <c r="GZ2828" s="91"/>
      <c r="HA2828" s="91"/>
      <c r="HB2828" s="91"/>
      <c r="HC2828" s="91"/>
      <c r="HD2828" s="91"/>
      <c r="HE2828" s="91"/>
      <c r="HF2828" s="91"/>
      <c r="HG2828" s="91"/>
      <c r="HH2828" s="91"/>
      <c r="HI2828" s="91"/>
      <c r="HJ2828" s="91"/>
      <c r="HK2828" s="127"/>
      <c r="HL2828" s="126"/>
      <c r="HM2828" s="91"/>
      <c r="HN2828" s="91"/>
      <c r="HO2828" s="91"/>
      <c r="HP2828" s="91"/>
      <c r="HQ2828" s="91"/>
      <c r="HR2828" s="91"/>
      <c r="HS2828" s="91"/>
      <c r="HT2828" s="91"/>
      <c r="HU2828" s="91"/>
      <c r="HV2828" s="91"/>
      <c r="HW2828" s="91"/>
      <c r="HX2828" s="91"/>
      <c r="HY2828" s="91"/>
      <c r="HZ2828" s="91"/>
      <c r="IA2828" s="91"/>
      <c r="IB2828" s="91"/>
      <c r="IC2828" s="91"/>
      <c r="ID2828" s="91"/>
      <c r="IE2828" s="91"/>
      <c r="IF2828" s="91"/>
      <c r="IG2828" s="91"/>
      <c r="IH2828" s="91"/>
      <c r="II2828" s="91"/>
      <c r="IJ2828" s="91"/>
      <c r="IK2828" s="127"/>
    </row>
    <row r="2829" spans="2:245" x14ac:dyDescent="0.2">
      <c r="B2829" s="43"/>
      <c r="C2829" s="73"/>
      <c r="D2829" s="64"/>
      <c r="E2829" s="64"/>
      <c r="F2829" s="55"/>
      <c r="G2829" s="102"/>
      <c r="H2829" s="55"/>
      <c r="I2829" s="55"/>
      <c r="J2829" s="55"/>
      <c r="K2829" s="55"/>
      <c r="L2829" s="55"/>
      <c r="M2829" s="55"/>
      <c r="N2829" s="55"/>
      <c r="O2829" s="55"/>
      <c r="P2829" s="55"/>
      <c r="Q2829" s="55"/>
      <c r="R2829" s="55"/>
      <c r="S2829" s="55"/>
      <c r="T2829" s="55"/>
      <c r="U2829" s="55"/>
      <c r="V2829" s="55"/>
      <c r="W2829" s="55"/>
      <c r="X2829" s="55"/>
      <c r="Y2829" s="55"/>
      <c r="Z2829" s="55"/>
      <c r="AA2829" s="55"/>
      <c r="AB2829" s="55"/>
      <c r="AC2829" s="55"/>
      <c r="AD2829" s="55"/>
      <c r="AE2829" s="55"/>
      <c r="AF2829" s="55"/>
      <c r="AG2829" s="55"/>
      <c r="AY2829" s="162"/>
      <c r="AZ2829" s="162"/>
      <c r="BA2829" s="162"/>
      <c r="BB2829" s="162"/>
      <c r="BC2829" s="162"/>
      <c r="BD2829" s="162"/>
      <c r="BE2829" s="162"/>
      <c r="BF2829" s="162"/>
      <c r="BG2829" s="162"/>
      <c r="BH2829" s="162"/>
      <c r="BI2829" s="162"/>
      <c r="BJ2829" s="162"/>
      <c r="BK2829" s="162"/>
      <c r="BL2829" s="162"/>
      <c r="BM2829" s="162"/>
      <c r="BN2829" s="162"/>
      <c r="BO2829" s="162"/>
      <c r="BP2829" s="162"/>
      <c r="BQ2829" s="162"/>
      <c r="BR2829" s="162"/>
      <c r="BS2829" s="162"/>
      <c r="BT2829" s="162"/>
      <c r="BU2829" s="162"/>
      <c r="BV2829" s="162"/>
      <c r="BW2829" s="162"/>
      <c r="BX2829" s="162"/>
      <c r="BY2829" s="162"/>
      <c r="BZ2829" s="162"/>
      <c r="CA2829" s="162"/>
      <c r="CB2829" s="162"/>
      <c r="CC2829" s="162"/>
      <c r="CD2829" s="162"/>
      <c r="CE2829" s="162"/>
      <c r="CF2829" s="162"/>
      <c r="CG2829" s="162"/>
      <c r="CH2829" s="162"/>
      <c r="CI2829" s="162"/>
      <c r="CJ2829" s="162"/>
      <c r="CK2829" s="162"/>
      <c r="CX2829" s="98"/>
      <c r="DL2829" s="97"/>
      <c r="DX2829" s="98"/>
      <c r="EL2829" s="97"/>
      <c r="EX2829" s="98"/>
      <c r="EY2829" s="97"/>
      <c r="FL2829" s="126"/>
      <c r="FM2829" s="91"/>
      <c r="FN2829" s="91"/>
      <c r="FO2829" s="91"/>
      <c r="FP2829" s="91"/>
      <c r="FQ2829" s="91"/>
      <c r="FR2829" s="91"/>
      <c r="FS2829" s="91"/>
      <c r="FT2829" s="91"/>
      <c r="FU2829" s="91"/>
      <c r="FV2829" s="91"/>
      <c r="FW2829" s="91"/>
      <c r="FX2829" s="91"/>
      <c r="FY2829" s="91"/>
      <c r="FZ2829" s="91"/>
      <c r="GA2829" s="91"/>
      <c r="GB2829" s="91"/>
      <c r="GC2829" s="91"/>
      <c r="GD2829" s="91"/>
      <c r="GE2829" s="91"/>
      <c r="GF2829" s="91"/>
      <c r="GG2829" s="91"/>
      <c r="GH2829" s="91"/>
      <c r="GI2829" s="91"/>
      <c r="GJ2829" s="91"/>
      <c r="GK2829" s="127"/>
      <c r="GL2829" s="126"/>
      <c r="GM2829" s="91"/>
      <c r="GN2829" s="91"/>
      <c r="GO2829" s="91"/>
      <c r="GP2829" s="91"/>
      <c r="GQ2829" s="91"/>
      <c r="GR2829" s="91"/>
      <c r="GS2829" s="91"/>
      <c r="GT2829" s="91"/>
      <c r="GU2829" s="91"/>
      <c r="GV2829" s="91"/>
      <c r="GW2829" s="91"/>
      <c r="GX2829" s="91"/>
      <c r="GY2829" s="91"/>
      <c r="GZ2829" s="91"/>
      <c r="HA2829" s="91"/>
      <c r="HB2829" s="91"/>
      <c r="HC2829" s="91"/>
      <c r="HD2829" s="91"/>
      <c r="HE2829" s="91"/>
      <c r="HF2829" s="91"/>
      <c r="HG2829" s="91"/>
      <c r="HH2829" s="91"/>
      <c r="HI2829" s="91"/>
      <c r="HJ2829" s="91"/>
      <c r="HK2829" s="127"/>
      <c r="HL2829" s="126"/>
      <c r="HM2829" s="91"/>
      <c r="HN2829" s="91"/>
      <c r="HO2829" s="91"/>
      <c r="HP2829" s="91"/>
      <c r="HQ2829" s="91"/>
      <c r="HR2829" s="91"/>
      <c r="HS2829" s="91"/>
      <c r="HT2829" s="91"/>
      <c r="HU2829" s="91"/>
      <c r="HV2829" s="91"/>
      <c r="HW2829" s="91"/>
      <c r="HX2829" s="91"/>
      <c r="HY2829" s="91"/>
      <c r="HZ2829" s="91"/>
      <c r="IA2829" s="91"/>
      <c r="IB2829" s="91"/>
      <c r="IC2829" s="91"/>
      <c r="ID2829" s="91"/>
      <c r="IE2829" s="91"/>
      <c r="IF2829" s="91"/>
      <c r="IG2829" s="91"/>
      <c r="IH2829" s="91"/>
      <c r="II2829" s="91"/>
      <c r="IJ2829" s="91"/>
      <c r="IK2829" s="127"/>
    </row>
    <row r="2830" spans="2:245" x14ac:dyDescent="0.2">
      <c r="B2830" s="43"/>
      <c r="C2830" s="73"/>
      <c r="D2830" s="64"/>
      <c r="E2830" s="64"/>
      <c r="F2830" s="55"/>
      <c r="G2830" s="102"/>
      <c r="H2830" s="55"/>
      <c r="I2830" s="55"/>
      <c r="J2830" s="55"/>
      <c r="K2830" s="55"/>
      <c r="L2830" s="55"/>
      <c r="M2830" s="55"/>
      <c r="N2830" s="55"/>
      <c r="O2830" s="55"/>
      <c r="P2830" s="55"/>
      <c r="Q2830" s="55"/>
      <c r="R2830" s="55"/>
      <c r="S2830" s="55"/>
      <c r="T2830" s="55"/>
      <c r="U2830" s="55"/>
      <c r="V2830" s="55"/>
      <c r="W2830" s="55"/>
      <c r="X2830" s="55"/>
      <c r="Y2830" s="55"/>
      <c r="Z2830" s="55"/>
      <c r="AA2830" s="55"/>
      <c r="AB2830" s="55"/>
      <c r="AC2830" s="55"/>
      <c r="AD2830" s="55"/>
      <c r="AE2830" s="55"/>
      <c r="AF2830" s="55"/>
      <c r="AG2830" s="55"/>
      <c r="AY2830" s="162"/>
      <c r="AZ2830" s="162"/>
      <c r="BA2830" s="162"/>
      <c r="BB2830" s="162"/>
      <c r="BC2830" s="162"/>
      <c r="BD2830" s="162"/>
      <c r="BE2830" s="162"/>
      <c r="BF2830" s="162"/>
      <c r="BG2830" s="162"/>
      <c r="BH2830" s="162"/>
      <c r="BI2830" s="162"/>
      <c r="BJ2830" s="162"/>
      <c r="BK2830" s="162"/>
      <c r="BL2830" s="162"/>
      <c r="BM2830" s="162"/>
      <c r="BN2830" s="162"/>
      <c r="BO2830" s="162"/>
      <c r="BP2830" s="162"/>
      <c r="BQ2830" s="162"/>
      <c r="BR2830" s="162"/>
      <c r="BS2830" s="162"/>
      <c r="BT2830" s="162"/>
      <c r="BU2830" s="162"/>
      <c r="BV2830" s="162"/>
      <c r="BW2830" s="162"/>
      <c r="BX2830" s="162"/>
      <c r="BY2830" s="162"/>
      <c r="BZ2830" s="162"/>
      <c r="CA2830" s="162"/>
      <c r="CB2830" s="162"/>
      <c r="CC2830" s="162"/>
      <c r="CD2830" s="162"/>
      <c r="CE2830" s="162"/>
      <c r="CF2830" s="162"/>
      <c r="CG2830" s="162"/>
      <c r="CH2830" s="162"/>
      <c r="CI2830" s="162"/>
      <c r="CJ2830" s="162"/>
      <c r="CK2830" s="162"/>
      <c r="CX2830" s="98"/>
      <c r="DL2830" s="97"/>
      <c r="DX2830" s="98"/>
      <c r="EL2830" s="97"/>
      <c r="EX2830" s="98"/>
      <c r="EY2830" s="97"/>
      <c r="FL2830" s="126"/>
      <c r="FM2830" s="91"/>
      <c r="FN2830" s="91"/>
      <c r="FO2830" s="91"/>
      <c r="FP2830" s="91"/>
      <c r="FQ2830" s="91"/>
      <c r="FR2830" s="91"/>
      <c r="FS2830" s="91"/>
      <c r="FT2830" s="91"/>
      <c r="FU2830" s="91"/>
      <c r="FV2830" s="91"/>
      <c r="FW2830" s="91"/>
      <c r="FX2830" s="91"/>
      <c r="FY2830" s="91"/>
      <c r="FZ2830" s="91"/>
      <c r="GA2830" s="91"/>
      <c r="GB2830" s="91"/>
      <c r="GC2830" s="91"/>
      <c r="GD2830" s="91"/>
      <c r="GE2830" s="91"/>
      <c r="GF2830" s="91"/>
      <c r="GG2830" s="91"/>
      <c r="GH2830" s="91"/>
      <c r="GI2830" s="91"/>
      <c r="GJ2830" s="91"/>
      <c r="GK2830" s="127"/>
      <c r="GL2830" s="126"/>
      <c r="GM2830" s="91"/>
      <c r="GN2830" s="91"/>
      <c r="GO2830" s="91"/>
      <c r="GP2830" s="91"/>
      <c r="GQ2830" s="91"/>
      <c r="GR2830" s="91"/>
      <c r="GS2830" s="91"/>
      <c r="GT2830" s="91"/>
      <c r="GU2830" s="91"/>
      <c r="GV2830" s="91"/>
      <c r="GW2830" s="91"/>
      <c r="GX2830" s="91"/>
      <c r="GY2830" s="91"/>
      <c r="GZ2830" s="91"/>
      <c r="HA2830" s="91"/>
      <c r="HB2830" s="91"/>
      <c r="HC2830" s="91"/>
      <c r="HD2830" s="91"/>
      <c r="HE2830" s="91"/>
      <c r="HF2830" s="91"/>
      <c r="HG2830" s="91"/>
      <c r="HH2830" s="91"/>
      <c r="HI2830" s="91"/>
      <c r="HJ2830" s="91"/>
      <c r="HK2830" s="127"/>
      <c r="HL2830" s="126"/>
      <c r="HM2830" s="91"/>
      <c r="HN2830" s="91"/>
      <c r="HO2830" s="91"/>
      <c r="HP2830" s="91"/>
      <c r="HQ2830" s="91"/>
      <c r="HR2830" s="91"/>
      <c r="HS2830" s="91"/>
      <c r="HT2830" s="91"/>
      <c r="HU2830" s="91"/>
      <c r="HV2830" s="91"/>
      <c r="HW2830" s="91"/>
      <c r="HX2830" s="91"/>
      <c r="HY2830" s="91"/>
      <c r="HZ2830" s="91"/>
      <c r="IA2830" s="91"/>
      <c r="IB2830" s="91"/>
      <c r="IC2830" s="91"/>
      <c r="ID2830" s="91"/>
      <c r="IE2830" s="91"/>
      <c r="IF2830" s="91"/>
      <c r="IG2830" s="91"/>
      <c r="IH2830" s="91"/>
      <c r="II2830" s="91"/>
      <c r="IJ2830" s="91"/>
      <c r="IK2830" s="127"/>
    </row>
    <row r="2831" spans="2:245" x14ac:dyDescent="0.2">
      <c r="B2831" s="43"/>
      <c r="C2831" s="73"/>
      <c r="D2831" s="64"/>
      <c r="E2831" s="64"/>
      <c r="F2831" s="55"/>
      <c r="G2831" s="102"/>
      <c r="H2831" s="55"/>
      <c r="I2831" s="55"/>
      <c r="J2831" s="55"/>
      <c r="K2831" s="55"/>
      <c r="L2831" s="55"/>
      <c r="M2831" s="55"/>
      <c r="N2831" s="55"/>
      <c r="O2831" s="55"/>
      <c r="P2831" s="55"/>
      <c r="Q2831" s="55"/>
      <c r="R2831" s="55"/>
      <c r="S2831" s="55"/>
      <c r="T2831" s="55"/>
      <c r="U2831" s="55"/>
      <c r="V2831" s="55"/>
      <c r="W2831" s="55"/>
      <c r="X2831" s="55"/>
      <c r="Y2831" s="55"/>
      <c r="Z2831" s="55"/>
      <c r="AA2831" s="55"/>
      <c r="AB2831" s="55"/>
      <c r="AC2831" s="55"/>
      <c r="AD2831" s="55"/>
      <c r="AE2831" s="55"/>
      <c r="AF2831" s="55"/>
      <c r="AG2831" s="55"/>
      <c r="AY2831" s="162"/>
      <c r="AZ2831" s="162"/>
      <c r="BA2831" s="162"/>
      <c r="BB2831" s="162"/>
      <c r="BC2831" s="162"/>
      <c r="BD2831" s="162"/>
      <c r="BE2831" s="162"/>
      <c r="BF2831" s="162"/>
      <c r="BG2831" s="162"/>
      <c r="BH2831" s="162"/>
      <c r="BI2831" s="162"/>
      <c r="BJ2831" s="162"/>
      <c r="BK2831" s="162"/>
      <c r="BL2831" s="162"/>
      <c r="BM2831" s="162"/>
      <c r="BN2831" s="162"/>
      <c r="BO2831" s="162"/>
      <c r="BP2831" s="162"/>
      <c r="BQ2831" s="162"/>
      <c r="BR2831" s="162"/>
      <c r="BS2831" s="162"/>
      <c r="BT2831" s="162"/>
      <c r="BU2831" s="162"/>
      <c r="BV2831" s="162"/>
      <c r="BW2831" s="162"/>
      <c r="BX2831" s="162"/>
      <c r="BY2831" s="162"/>
      <c r="BZ2831" s="162"/>
      <c r="CA2831" s="162"/>
      <c r="CB2831" s="162"/>
      <c r="CC2831" s="162"/>
      <c r="CD2831" s="162"/>
      <c r="CE2831" s="162"/>
      <c r="CF2831" s="162"/>
      <c r="CG2831" s="162"/>
      <c r="CH2831" s="162"/>
      <c r="CI2831" s="162"/>
      <c r="CJ2831" s="162"/>
      <c r="CK2831" s="162"/>
      <c r="CX2831" s="98"/>
      <c r="DL2831" s="97"/>
      <c r="DX2831" s="98"/>
      <c r="EL2831" s="97"/>
      <c r="EX2831" s="98"/>
      <c r="EY2831" s="97"/>
      <c r="FL2831" s="126"/>
      <c r="FM2831" s="91"/>
      <c r="FN2831" s="91"/>
      <c r="FO2831" s="91"/>
      <c r="FP2831" s="91"/>
      <c r="FQ2831" s="91"/>
      <c r="FR2831" s="91"/>
      <c r="FS2831" s="91"/>
      <c r="FT2831" s="91"/>
      <c r="FU2831" s="91"/>
      <c r="FV2831" s="91"/>
      <c r="FW2831" s="91"/>
      <c r="FX2831" s="91"/>
      <c r="FY2831" s="91"/>
      <c r="FZ2831" s="91"/>
      <c r="GA2831" s="91"/>
      <c r="GB2831" s="91"/>
      <c r="GC2831" s="91"/>
      <c r="GD2831" s="91"/>
      <c r="GE2831" s="91"/>
      <c r="GF2831" s="91"/>
      <c r="GG2831" s="91"/>
      <c r="GH2831" s="91"/>
      <c r="GI2831" s="91"/>
      <c r="GJ2831" s="91"/>
      <c r="GK2831" s="127"/>
      <c r="GL2831" s="126"/>
      <c r="GM2831" s="91"/>
      <c r="GN2831" s="91"/>
      <c r="GO2831" s="91"/>
      <c r="GP2831" s="91"/>
      <c r="GQ2831" s="91"/>
      <c r="GR2831" s="91"/>
      <c r="GS2831" s="91"/>
      <c r="GT2831" s="91"/>
      <c r="GU2831" s="91"/>
      <c r="GV2831" s="91"/>
      <c r="GW2831" s="91"/>
      <c r="GX2831" s="91"/>
      <c r="GY2831" s="91"/>
      <c r="GZ2831" s="91"/>
      <c r="HA2831" s="91"/>
      <c r="HB2831" s="91"/>
      <c r="HC2831" s="91"/>
      <c r="HD2831" s="91"/>
      <c r="HE2831" s="91"/>
      <c r="HF2831" s="91"/>
      <c r="HG2831" s="91"/>
      <c r="HH2831" s="91"/>
      <c r="HI2831" s="91"/>
      <c r="HJ2831" s="91"/>
      <c r="HK2831" s="127"/>
      <c r="HL2831" s="126"/>
      <c r="HM2831" s="91"/>
      <c r="HN2831" s="91"/>
      <c r="HO2831" s="91"/>
      <c r="HP2831" s="91"/>
      <c r="HQ2831" s="91"/>
      <c r="HR2831" s="91"/>
      <c r="HS2831" s="91"/>
      <c r="HT2831" s="91"/>
      <c r="HU2831" s="91"/>
      <c r="HV2831" s="91"/>
      <c r="HW2831" s="91"/>
      <c r="HX2831" s="91"/>
      <c r="HY2831" s="91"/>
      <c r="HZ2831" s="91"/>
      <c r="IA2831" s="91"/>
      <c r="IB2831" s="91"/>
      <c r="IC2831" s="91"/>
      <c r="ID2831" s="91"/>
      <c r="IE2831" s="91"/>
      <c r="IF2831" s="91"/>
      <c r="IG2831" s="91"/>
      <c r="IH2831" s="91"/>
      <c r="II2831" s="91"/>
      <c r="IJ2831" s="91"/>
      <c r="IK2831" s="127"/>
    </row>
    <row r="2832" spans="2:245" x14ac:dyDescent="0.2">
      <c r="B2832" s="43"/>
      <c r="C2832" s="73"/>
      <c r="D2832" s="64"/>
      <c r="E2832" s="64"/>
      <c r="F2832" s="55"/>
      <c r="G2832" s="102"/>
      <c r="H2832" s="55"/>
      <c r="I2832" s="55"/>
      <c r="J2832" s="55"/>
      <c r="K2832" s="55"/>
      <c r="L2832" s="55"/>
      <c r="M2832" s="55"/>
      <c r="N2832" s="55"/>
      <c r="O2832" s="55"/>
      <c r="P2832" s="55"/>
      <c r="Q2832" s="55"/>
      <c r="R2832" s="55"/>
      <c r="S2832" s="55"/>
      <c r="T2832" s="55"/>
      <c r="U2832" s="55"/>
      <c r="V2832" s="55"/>
      <c r="W2832" s="55"/>
      <c r="X2832" s="55"/>
      <c r="Y2832" s="55"/>
      <c r="Z2832" s="55"/>
      <c r="AA2832" s="55"/>
      <c r="AB2832" s="55"/>
      <c r="AC2832" s="55"/>
      <c r="AD2832" s="55"/>
      <c r="AE2832" s="55"/>
      <c r="AF2832" s="55"/>
      <c r="AG2832" s="55"/>
      <c r="AY2832" s="162"/>
      <c r="AZ2832" s="162"/>
      <c r="BA2832" s="162"/>
      <c r="BB2832" s="162"/>
      <c r="BC2832" s="162"/>
      <c r="BD2832" s="162"/>
      <c r="BE2832" s="162"/>
      <c r="BF2832" s="162"/>
      <c r="BG2832" s="162"/>
      <c r="BH2832" s="162"/>
      <c r="BI2832" s="162"/>
      <c r="BJ2832" s="162"/>
      <c r="BK2832" s="162"/>
      <c r="BL2832" s="162"/>
      <c r="BM2832" s="162"/>
      <c r="BN2832" s="162"/>
      <c r="BO2832" s="162"/>
      <c r="BP2832" s="162"/>
      <c r="BQ2832" s="162"/>
      <c r="BR2832" s="162"/>
      <c r="BS2832" s="162"/>
      <c r="BT2832" s="162"/>
      <c r="BU2832" s="162"/>
      <c r="BV2832" s="162"/>
      <c r="BW2832" s="162"/>
      <c r="BX2832" s="162"/>
      <c r="BY2832" s="162"/>
      <c r="BZ2832" s="162"/>
      <c r="CA2832" s="162"/>
      <c r="CB2832" s="162"/>
      <c r="CC2832" s="162"/>
      <c r="CD2832" s="162"/>
      <c r="CE2832" s="162"/>
      <c r="CF2832" s="162"/>
      <c r="CG2832" s="162"/>
      <c r="CH2832" s="162"/>
      <c r="CI2832" s="162"/>
      <c r="CJ2832" s="162"/>
      <c r="CK2832" s="162"/>
      <c r="CX2832" s="98"/>
      <c r="DL2832" s="97"/>
      <c r="DX2832" s="98"/>
      <c r="EL2832" s="97"/>
      <c r="EX2832" s="98"/>
      <c r="EY2832" s="97"/>
      <c r="FL2832" s="126"/>
      <c r="FM2832" s="91"/>
      <c r="FN2832" s="91"/>
      <c r="FO2832" s="91"/>
      <c r="FP2832" s="91"/>
      <c r="FQ2832" s="91"/>
      <c r="FR2832" s="91"/>
      <c r="FS2832" s="91"/>
      <c r="FT2832" s="91"/>
      <c r="FU2832" s="91"/>
      <c r="FV2832" s="91"/>
      <c r="FW2832" s="91"/>
      <c r="FX2832" s="91"/>
      <c r="FY2832" s="91"/>
      <c r="FZ2832" s="91"/>
      <c r="GA2832" s="91"/>
      <c r="GB2832" s="91"/>
      <c r="GC2832" s="91"/>
      <c r="GD2832" s="91"/>
      <c r="GE2832" s="91"/>
      <c r="GF2832" s="91"/>
      <c r="GG2832" s="91"/>
      <c r="GH2832" s="91"/>
      <c r="GI2832" s="91"/>
      <c r="GJ2832" s="91"/>
      <c r="GK2832" s="127"/>
      <c r="GL2832" s="126"/>
      <c r="GM2832" s="91"/>
      <c r="GN2832" s="91"/>
      <c r="GO2832" s="91"/>
      <c r="GP2832" s="91"/>
      <c r="GQ2832" s="91"/>
      <c r="GR2832" s="91"/>
      <c r="GS2832" s="91"/>
      <c r="GT2832" s="91"/>
      <c r="GU2832" s="91"/>
      <c r="GV2832" s="91"/>
      <c r="GW2832" s="91"/>
      <c r="GX2832" s="91"/>
      <c r="GY2832" s="91"/>
      <c r="GZ2832" s="91"/>
      <c r="HA2832" s="91"/>
      <c r="HB2832" s="91"/>
      <c r="HC2832" s="91"/>
      <c r="HD2832" s="91"/>
      <c r="HE2832" s="91"/>
      <c r="HF2832" s="91"/>
      <c r="HG2832" s="91"/>
      <c r="HH2832" s="91"/>
      <c r="HI2832" s="91"/>
      <c r="HJ2832" s="91"/>
      <c r="HK2832" s="127"/>
      <c r="HL2832" s="126"/>
      <c r="HM2832" s="91"/>
      <c r="HN2832" s="91"/>
      <c r="HO2832" s="91"/>
      <c r="HP2832" s="91"/>
      <c r="HQ2832" s="91"/>
      <c r="HR2832" s="91"/>
      <c r="HS2832" s="91"/>
      <c r="HT2832" s="91"/>
      <c r="HU2832" s="91"/>
      <c r="HV2832" s="91"/>
      <c r="HW2832" s="91"/>
      <c r="HX2832" s="91"/>
      <c r="HY2832" s="91"/>
      <c r="HZ2832" s="91"/>
      <c r="IA2832" s="91"/>
      <c r="IB2832" s="91"/>
      <c r="IC2832" s="91"/>
      <c r="ID2832" s="91"/>
      <c r="IE2832" s="91"/>
      <c r="IF2832" s="91"/>
      <c r="IG2832" s="91"/>
      <c r="IH2832" s="91"/>
      <c r="II2832" s="91"/>
      <c r="IJ2832" s="91"/>
      <c r="IK2832" s="127"/>
    </row>
    <row r="2833" spans="2:245" x14ac:dyDescent="0.2">
      <c r="B2833" s="43"/>
      <c r="C2833" s="73"/>
      <c r="D2833" s="64"/>
      <c r="E2833" s="64"/>
      <c r="F2833" s="55"/>
      <c r="G2833" s="102"/>
      <c r="H2833" s="55"/>
      <c r="I2833" s="55"/>
      <c r="J2833" s="55"/>
      <c r="K2833" s="55"/>
      <c r="L2833" s="55"/>
      <c r="M2833" s="55"/>
      <c r="N2833" s="55"/>
      <c r="O2833" s="55"/>
      <c r="P2833" s="55"/>
      <c r="Q2833" s="55"/>
      <c r="R2833" s="55"/>
      <c r="S2833" s="55"/>
      <c r="T2833" s="55"/>
      <c r="U2833" s="55"/>
      <c r="V2833" s="55"/>
      <c r="W2833" s="55"/>
      <c r="X2833" s="55"/>
      <c r="Y2833" s="55"/>
      <c r="Z2833" s="55"/>
      <c r="AA2833" s="55"/>
      <c r="AB2833" s="55"/>
      <c r="AC2833" s="55"/>
      <c r="AD2833" s="55"/>
      <c r="AE2833" s="55"/>
      <c r="AF2833" s="55"/>
      <c r="AG2833" s="55"/>
      <c r="AY2833" s="162"/>
      <c r="AZ2833" s="162"/>
      <c r="BA2833" s="162"/>
      <c r="BB2833" s="162"/>
      <c r="BC2833" s="162"/>
      <c r="BD2833" s="162"/>
      <c r="BE2833" s="162"/>
      <c r="BF2833" s="162"/>
      <c r="BG2833" s="162"/>
      <c r="BH2833" s="162"/>
      <c r="BI2833" s="162"/>
      <c r="BJ2833" s="162"/>
      <c r="BK2833" s="162"/>
      <c r="BL2833" s="162"/>
      <c r="BM2833" s="162"/>
      <c r="BN2833" s="162"/>
      <c r="BO2833" s="162"/>
      <c r="BP2833" s="162"/>
      <c r="BQ2833" s="162"/>
      <c r="BR2833" s="162"/>
      <c r="BS2833" s="162"/>
      <c r="BT2833" s="162"/>
      <c r="BU2833" s="162"/>
      <c r="BV2833" s="162"/>
      <c r="BW2833" s="162"/>
      <c r="BX2833" s="162"/>
      <c r="BY2833" s="162"/>
      <c r="BZ2833" s="162"/>
      <c r="CA2833" s="162"/>
      <c r="CB2833" s="162"/>
      <c r="CC2833" s="162"/>
      <c r="CD2833" s="162"/>
      <c r="CE2833" s="162"/>
      <c r="CF2833" s="162"/>
      <c r="CG2833" s="162"/>
      <c r="CH2833" s="162"/>
      <c r="CI2833" s="162"/>
      <c r="CJ2833" s="162"/>
      <c r="CK2833" s="162"/>
      <c r="CX2833" s="98"/>
      <c r="DL2833" s="97"/>
      <c r="DX2833" s="98"/>
      <c r="EL2833" s="97"/>
      <c r="EX2833" s="98"/>
      <c r="EY2833" s="97"/>
      <c r="FL2833" s="126"/>
      <c r="FM2833" s="91"/>
      <c r="FN2833" s="91"/>
      <c r="FO2833" s="91"/>
      <c r="FP2833" s="91"/>
      <c r="FQ2833" s="91"/>
      <c r="FR2833" s="91"/>
      <c r="FS2833" s="91"/>
      <c r="FT2833" s="91"/>
      <c r="FU2833" s="91"/>
      <c r="FV2833" s="91"/>
      <c r="FW2833" s="91"/>
      <c r="FX2833" s="91"/>
      <c r="FY2833" s="91"/>
      <c r="FZ2833" s="91"/>
      <c r="GA2833" s="91"/>
      <c r="GB2833" s="91"/>
      <c r="GC2833" s="91"/>
      <c r="GD2833" s="91"/>
      <c r="GE2833" s="91"/>
      <c r="GF2833" s="91"/>
      <c r="GG2833" s="91"/>
      <c r="GH2833" s="91"/>
      <c r="GI2833" s="91"/>
      <c r="GJ2833" s="91"/>
      <c r="GK2833" s="127"/>
      <c r="GL2833" s="126"/>
      <c r="GM2833" s="91"/>
      <c r="GN2833" s="91"/>
      <c r="GO2833" s="91"/>
      <c r="GP2833" s="91"/>
      <c r="GQ2833" s="91"/>
      <c r="GR2833" s="91"/>
      <c r="GS2833" s="91"/>
      <c r="GT2833" s="91"/>
      <c r="GU2833" s="91"/>
      <c r="GV2833" s="91"/>
      <c r="GW2833" s="91"/>
      <c r="GX2833" s="91"/>
      <c r="GY2833" s="91"/>
      <c r="GZ2833" s="91"/>
      <c r="HA2833" s="91"/>
      <c r="HB2833" s="91"/>
      <c r="HC2833" s="91"/>
      <c r="HD2833" s="91"/>
      <c r="HE2833" s="91"/>
      <c r="HF2833" s="91"/>
      <c r="HG2833" s="91"/>
      <c r="HH2833" s="91"/>
      <c r="HI2833" s="91"/>
      <c r="HJ2833" s="91"/>
      <c r="HK2833" s="127"/>
      <c r="HL2833" s="126"/>
      <c r="HM2833" s="91"/>
      <c r="HN2833" s="91"/>
      <c r="HO2833" s="91"/>
      <c r="HP2833" s="91"/>
      <c r="HQ2833" s="91"/>
      <c r="HR2833" s="91"/>
      <c r="HS2833" s="91"/>
      <c r="HT2833" s="91"/>
      <c r="HU2833" s="91"/>
      <c r="HV2833" s="91"/>
      <c r="HW2833" s="91"/>
      <c r="HX2833" s="91"/>
      <c r="HY2833" s="91"/>
      <c r="HZ2833" s="91"/>
      <c r="IA2833" s="91"/>
      <c r="IB2833" s="91"/>
      <c r="IC2833" s="91"/>
      <c r="ID2833" s="91"/>
      <c r="IE2833" s="91"/>
      <c r="IF2833" s="91"/>
      <c r="IG2833" s="91"/>
      <c r="IH2833" s="91"/>
      <c r="II2833" s="91"/>
      <c r="IJ2833" s="91"/>
      <c r="IK2833" s="127"/>
    </row>
    <row r="2834" spans="2:245" x14ac:dyDescent="0.2">
      <c r="B2834" s="43"/>
      <c r="C2834" s="73"/>
      <c r="D2834" s="64"/>
      <c r="E2834" s="64"/>
      <c r="F2834" s="55"/>
      <c r="G2834" s="102"/>
      <c r="H2834" s="55"/>
      <c r="I2834" s="55"/>
      <c r="J2834" s="55"/>
      <c r="K2834" s="55"/>
      <c r="L2834" s="55"/>
      <c r="M2834" s="55"/>
      <c r="N2834" s="55"/>
      <c r="O2834" s="55"/>
      <c r="P2834" s="55"/>
      <c r="Q2834" s="55"/>
      <c r="R2834" s="55"/>
      <c r="S2834" s="55"/>
      <c r="T2834" s="55"/>
      <c r="U2834" s="55"/>
      <c r="V2834" s="55"/>
      <c r="W2834" s="55"/>
      <c r="X2834" s="55"/>
      <c r="Y2834" s="55"/>
      <c r="Z2834" s="55"/>
      <c r="AA2834" s="55"/>
      <c r="AB2834" s="55"/>
      <c r="AC2834" s="55"/>
      <c r="AD2834" s="55"/>
      <c r="AE2834" s="55"/>
      <c r="AF2834" s="55"/>
      <c r="AG2834" s="55"/>
      <c r="AY2834" s="162"/>
      <c r="AZ2834" s="162"/>
      <c r="BA2834" s="162"/>
      <c r="BB2834" s="162"/>
      <c r="BC2834" s="162"/>
      <c r="BD2834" s="162"/>
      <c r="BE2834" s="162"/>
      <c r="BF2834" s="162"/>
      <c r="BG2834" s="162"/>
      <c r="BH2834" s="162"/>
      <c r="BI2834" s="162"/>
      <c r="BJ2834" s="162"/>
      <c r="BK2834" s="162"/>
      <c r="BL2834" s="162"/>
      <c r="BM2834" s="162"/>
      <c r="BN2834" s="162"/>
      <c r="BO2834" s="162"/>
      <c r="BP2834" s="162"/>
      <c r="BQ2834" s="162"/>
      <c r="BR2834" s="162"/>
      <c r="BS2834" s="162"/>
      <c r="BT2834" s="162"/>
      <c r="BU2834" s="162"/>
      <c r="BV2834" s="162"/>
      <c r="BW2834" s="162"/>
      <c r="BX2834" s="162"/>
      <c r="BY2834" s="162"/>
      <c r="BZ2834" s="162"/>
      <c r="CA2834" s="162"/>
      <c r="CB2834" s="162"/>
      <c r="CC2834" s="162"/>
      <c r="CD2834" s="162"/>
      <c r="CE2834" s="162"/>
      <c r="CF2834" s="162"/>
      <c r="CG2834" s="162"/>
      <c r="CH2834" s="162"/>
      <c r="CI2834" s="162"/>
      <c r="CJ2834" s="162"/>
      <c r="CK2834" s="162"/>
      <c r="CX2834" s="98"/>
      <c r="DL2834" s="97"/>
      <c r="DX2834" s="98"/>
      <c r="EL2834" s="97"/>
      <c r="EX2834" s="98"/>
      <c r="EY2834" s="97"/>
      <c r="FL2834" s="126"/>
      <c r="FM2834" s="91"/>
      <c r="FN2834" s="91"/>
      <c r="FO2834" s="91"/>
      <c r="FP2834" s="91"/>
      <c r="FQ2834" s="91"/>
      <c r="FR2834" s="91"/>
      <c r="FS2834" s="91"/>
      <c r="FT2834" s="91"/>
      <c r="FU2834" s="91"/>
      <c r="FV2834" s="91"/>
      <c r="FW2834" s="91"/>
      <c r="FX2834" s="91"/>
      <c r="FY2834" s="91"/>
      <c r="FZ2834" s="91"/>
      <c r="GA2834" s="91"/>
      <c r="GB2834" s="91"/>
      <c r="GC2834" s="91"/>
      <c r="GD2834" s="91"/>
      <c r="GE2834" s="91"/>
      <c r="GF2834" s="91"/>
      <c r="GG2834" s="91"/>
      <c r="GH2834" s="91"/>
      <c r="GI2834" s="91"/>
      <c r="GJ2834" s="91"/>
      <c r="GK2834" s="127"/>
      <c r="GL2834" s="126"/>
      <c r="GM2834" s="91"/>
      <c r="GN2834" s="91"/>
      <c r="GO2834" s="91"/>
      <c r="GP2834" s="91"/>
      <c r="GQ2834" s="91"/>
      <c r="GR2834" s="91"/>
      <c r="GS2834" s="91"/>
      <c r="GT2834" s="91"/>
      <c r="GU2834" s="91"/>
      <c r="GV2834" s="91"/>
      <c r="GW2834" s="91"/>
      <c r="GX2834" s="91"/>
      <c r="GY2834" s="91"/>
      <c r="GZ2834" s="91"/>
      <c r="HA2834" s="91"/>
      <c r="HB2834" s="91"/>
      <c r="HC2834" s="91"/>
      <c r="HD2834" s="91"/>
      <c r="HE2834" s="91"/>
      <c r="HF2834" s="91"/>
      <c r="HG2834" s="91"/>
      <c r="HH2834" s="91"/>
      <c r="HI2834" s="91"/>
      <c r="HJ2834" s="91"/>
      <c r="HK2834" s="127"/>
      <c r="HL2834" s="126"/>
      <c r="HM2834" s="91"/>
      <c r="HN2834" s="91"/>
      <c r="HO2834" s="91"/>
      <c r="HP2834" s="91"/>
      <c r="HQ2834" s="91"/>
      <c r="HR2834" s="91"/>
      <c r="HS2834" s="91"/>
      <c r="HT2834" s="91"/>
      <c r="HU2834" s="91"/>
      <c r="HV2834" s="91"/>
      <c r="HW2834" s="91"/>
      <c r="HX2834" s="91"/>
      <c r="HY2834" s="91"/>
      <c r="HZ2834" s="91"/>
      <c r="IA2834" s="91"/>
      <c r="IB2834" s="91"/>
      <c r="IC2834" s="91"/>
      <c r="ID2834" s="91"/>
      <c r="IE2834" s="91"/>
      <c r="IF2834" s="91"/>
      <c r="IG2834" s="91"/>
      <c r="IH2834" s="91"/>
      <c r="II2834" s="91"/>
      <c r="IJ2834" s="91"/>
      <c r="IK2834" s="127"/>
    </row>
    <row r="2835" spans="2:245" x14ac:dyDescent="0.2">
      <c r="B2835" s="43"/>
      <c r="C2835" s="73"/>
      <c r="D2835" s="64"/>
      <c r="E2835" s="64"/>
      <c r="F2835" s="55"/>
      <c r="G2835" s="102"/>
      <c r="H2835" s="55"/>
      <c r="I2835" s="55"/>
      <c r="J2835" s="55"/>
      <c r="K2835" s="55"/>
      <c r="L2835" s="55"/>
      <c r="M2835" s="55"/>
      <c r="N2835" s="55"/>
      <c r="O2835" s="55"/>
      <c r="P2835" s="55"/>
      <c r="Q2835" s="55"/>
      <c r="R2835" s="55"/>
      <c r="S2835" s="55"/>
      <c r="T2835" s="55"/>
      <c r="U2835" s="55"/>
      <c r="V2835" s="55"/>
      <c r="W2835" s="55"/>
      <c r="X2835" s="55"/>
      <c r="Y2835" s="55"/>
      <c r="Z2835" s="55"/>
      <c r="AA2835" s="55"/>
      <c r="AB2835" s="55"/>
      <c r="AC2835" s="55"/>
      <c r="AD2835" s="55"/>
      <c r="AE2835" s="55"/>
      <c r="AF2835" s="55"/>
      <c r="AG2835" s="55"/>
      <c r="AY2835" s="162"/>
      <c r="AZ2835" s="162"/>
      <c r="BA2835" s="162"/>
      <c r="BB2835" s="162"/>
      <c r="BC2835" s="162"/>
      <c r="BD2835" s="162"/>
      <c r="BE2835" s="162"/>
      <c r="BF2835" s="162"/>
      <c r="BG2835" s="162"/>
      <c r="BH2835" s="162"/>
      <c r="BI2835" s="162"/>
      <c r="BJ2835" s="162"/>
      <c r="BK2835" s="162"/>
      <c r="BL2835" s="162"/>
      <c r="BM2835" s="162"/>
      <c r="BN2835" s="162"/>
      <c r="BO2835" s="162"/>
      <c r="BP2835" s="162"/>
      <c r="BQ2835" s="162"/>
      <c r="BR2835" s="162"/>
      <c r="BS2835" s="162"/>
      <c r="BT2835" s="162"/>
      <c r="BU2835" s="162"/>
      <c r="BV2835" s="162"/>
      <c r="BW2835" s="162"/>
      <c r="BX2835" s="162"/>
      <c r="BY2835" s="162"/>
      <c r="BZ2835" s="162"/>
      <c r="CA2835" s="162"/>
      <c r="CB2835" s="162"/>
      <c r="CC2835" s="162"/>
      <c r="CD2835" s="162"/>
      <c r="CE2835" s="162"/>
      <c r="CF2835" s="162"/>
      <c r="CG2835" s="162"/>
      <c r="CH2835" s="162"/>
      <c r="CI2835" s="162"/>
      <c r="CJ2835" s="162"/>
      <c r="CK2835" s="162"/>
      <c r="CX2835" s="98"/>
      <c r="DL2835" s="97"/>
      <c r="DX2835" s="98"/>
      <c r="EL2835" s="97"/>
      <c r="EX2835" s="98"/>
      <c r="EY2835" s="97"/>
      <c r="FL2835" s="126"/>
      <c r="FM2835" s="91"/>
      <c r="FN2835" s="91"/>
      <c r="FO2835" s="91"/>
      <c r="FP2835" s="91"/>
      <c r="FQ2835" s="91"/>
      <c r="FR2835" s="91"/>
      <c r="FS2835" s="91"/>
      <c r="FT2835" s="91"/>
      <c r="FU2835" s="91"/>
      <c r="FV2835" s="91"/>
      <c r="FW2835" s="91"/>
      <c r="FX2835" s="91"/>
      <c r="FY2835" s="91"/>
      <c r="FZ2835" s="91"/>
      <c r="GA2835" s="91"/>
      <c r="GB2835" s="91"/>
      <c r="GC2835" s="91"/>
      <c r="GD2835" s="91"/>
      <c r="GE2835" s="91"/>
      <c r="GF2835" s="91"/>
      <c r="GG2835" s="91"/>
      <c r="GH2835" s="91"/>
      <c r="GI2835" s="91"/>
      <c r="GJ2835" s="91"/>
      <c r="GK2835" s="127"/>
      <c r="GL2835" s="126"/>
      <c r="GM2835" s="91"/>
      <c r="GN2835" s="91"/>
      <c r="GO2835" s="91"/>
      <c r="GP2835" s="91"/>
      <c r="GQ2835" s="91"/>
      <c r="GR2835" s="91"/>
      <c r="GS2835" s="91"/>
      <c r="GT2835" s="91"/>
      <c r="GU2835" s="91"/>
      <c r="GV2835" s="91"/>
      <c r="GW2835" s="91"/>
      <c r="GX2835" s="91"/>
      <c r="GY2835" s="91"/>
      <c r="GZ2835" s="91"/>
      <c r="HA2835" s="91"/>
      <c r="HB2835" s="91"/>
      <c r="HC2835" s="91"/>
      <c r="HD2835" s="91"/>
      <c r="HE2835" s="91"/>
      <c r="HF2835" s="91"/>
      <c r="HG2835" s="91"/>
      <c r="HH2835" s="91"/>
      <c r="HI2835" s="91"/>
      <c r="HJ2835" s="91"/>
      <c r="HK2835" s="127"/>
      <c r="HL2835" s="126"/>
      <c r="HM2835" s="91"/>
      <c r="HN2835" s="91"/>
      <c r="HO2835" s="91"/>
      <c r="HP2835" s="91"/>
      <c r="HQ2835" s="91"/>
      <c r="HR2835" s="91"/>
      <c r="HS2835" s="91"/>
      <c r="HT2835" s="91"/>
      <c r="HU2835" s="91"/>
      <c r="HV2835" s="91"/>
      <c r="HW2835" s="91"/>
      <c r="HX2835" s="91"/>
      <c r="HY2835" s="91"/>
      <c r="HZ2835" s="91"/>
      <c r="IA2835" s="91"/>
      <c r="IB2835" s="91"/>
      <c r="IC2835" s="91"/>
      <c r="ID2835" s="91"/>
      <c r="IE2835" s="91"/>
      <c r="IF2835" s="91"/>
      <c r="IG2835" s="91"/>
      <c r="IH2835" s="91"/>
      <c r="II2835" s="91"/>
      <c r="IJ2835" s="91"/>
      <c r="IK2835" s="127"/>
    </row>
    <row r="2836" spans="2:245" x14ac:dyDescent="0.2">
      <c r="B2836" s="43"/>
      <c r="C2836" s="73"/>
      <c r="D2836" s="64"/>
      <c r="E2836" s="64"/>
      <c r="F2836" s="55"/>
      <c r="G2836" s="102"/>
      <c r="H2836" s="55"/>
      <c r="I2836" s="55"/>
      <c r="J2836" s="55"/>
      <c r="K2836" s="55"/>
      <c r="L2836" s="55"/>
      <c r="M2836" s="55"/>
      <c r="N2836" s="55"/>
      <c r="O2836" s="55"/>
      <c r="P2836" s="55"/>
      <c r="Q2836" s="55"/>
      <c r="R2836" s="55"/>
      <c r="S2836" s="55"/>
      <c r="T2836" s="55"/>
      <c r="U2836" s="55"/>
      <c r="V2836" s="55"/>
      <c r="W2836" s="55"/>
      <c r="X2836" s="55"/>
      <c r="Y2836" s="55"/>
      <c r="Z2836" s="55"/>
      <c r="AA2836" s="55"/>
      <c r="AB2836" s="55"/>
      <c r="AC2836" s="55"/>
      <c r="AD2836" s="55"/>
      <c r="AE2836" s="55"/>
      <c r="AF2836" s="55"/>
      <c r="AG2836" s="55"/>
      <c r="AY2836" s="162"/>
      <c r="AZ2836" s="162"/>
      <c r="BA2836" s="162"/>
      <c r="BB2836" s="162"/>
      <c r="BC2836" s="162"/>
      <c r="BD2836" s="162"/>
      <c r="BE2836" s="162"/>
      <c r="BF2836" s="162"/>
      <c r="BG2836" s="162"/>
      <c r="BH2836" s="162"/>
      <c r="BI2836" s="162"/>
      <c r="BJ2836" s="162"/>
      <c r="BK2836" s="162"/>
      <c r="BL2836" s="162"/>
      <c r="BM2836" s="162"/>
      <c r="BN2836" s="162"/>
      <c r="BO2836" s="162"/>
      <c r="BP2836" s="162"/>
      <c r="BQ2836" s="162"/>
      <c r="BR2836" s="162"/>
      <c r="BS2836" s="162"/>
      <c r="BT2836" s="162"/>
      <c r="BU2836" s="162"/>
      <c r="BV2836" s="162"/>
      <c r="BW2836" s="162"/>
      <c r="BX2836" s="162"/>
      <c r="BY2836" s="162"/>
      <c r="BZ2836" s="162"/>
      <c r="CA2836" s="162"/>
      <c r="CB2836" s="162"/>
      <c r="CC2836" s="162"/>
      <c r="CD2836" s="162"/>
      <c r="CE2836" s="162"/>
      <c r="CF2836" s="162"/>
      <c r="CG2836" s="162"/>
      <c r="CH2836" s="162"/>
      <c r="CI2836" s="162"/>
      <c r="CJ2836" s="162"/>
      <c r="CK2836" s="162"/>
      <c r="CX2836" s="98"/>
      <c r="DL2836" s="97"/>
      <c r="DX2836" s="98"/>
      <c r="EL2836" s="97"/>
      <c r="EX2836" s="98"/>
      <c r="EY2836" s="97"/>
      <c r="FL2836" s="126"/>
      <c r="FM2836" s="91"/>
      <c r="FN2836" s="91"/>
      <c r="FO2836" s="91"/>
      <c r="FP2836" s="91"/>
      <c r="FQ2836" s="91"/>
      <c r="FR2836" s="91"/>
      <c r="FS2836" s="91"/>
      <c r="FT2836" s="91"/>
      <c r="FU2836" s="91"/>
      <c r="FV2836" s="91"/>
      <c r="FW2836" s="91"/>
      <c r="FX2836" s="91"/>
      <c r="FY2836" s="91"/>
      <c r="FZ2836" s="91"/>
      <c r="GA2836" s="91"/>
      <c r="GB2836" s="91"/>
      <c r="GC2836" s="91"/>
      <c r="GD2836" s="91"/>
      <c r="GE2836" s="91"/>
      <c r="GF2836" s="91"/>
      <c r="GG2836" s="91"/>
      <c r="GH2836" s="91"/>
      <c r="GI2836" s="91"/>
      <c r="GJ2836" s="91"/>
      <c r="GK2836" s="127"/>
      <c r="GL2836" s="126"/>
      <c r="GM2836" s="91"/>
      <c r="GN2836" s="91"/>
      <c r="GO2836" s="91"/>
      <c r="GP2836" s="91"/>
      <c r="GQ2836" s="91"/>
      <c r="GR2836" s="91"/>
      <c r="GS2836" s="91"/>
      <c r="GT2836" s="91"/>
      <c r="GU2836" s="91"/>
      <c r="GV2836" s="91"/>
      <c r="GW2836" s="91"/>
      <c r="GX2836" s="91"/>
      <c r="GY2836" s="91"/>
      <c r="GZ2836" s="91"/>
      <c r="HA2836" s="91"/>
      <c r="HB2836" s="91"/>
      <c r="HC2836" s="91"/>
      <c r="HD2836" s="91"/>
      <c r="HE2836" s="91"/>
      <c r="HF2836" s="91"/>
      <c r="HG2836" s="91"/>
      <c r="HH2836" s="91"/>
      <c r="HI2836" s="91"/>
      <c r="HJ2836" s="91"/>
      <c r="HK2836" s="127"/>
      <c r="HL2836" s="126"/>
      <c r="HM2836" s="91"/>
      <c r="HN2836" s="91"/>
      <c r="HO2836" s="91"/>
      <c r="HP2836" s="91"/>
      <c r="HQ2836" s="91"/>
      <c r="HR2836" s="91"/>
      <c r="HS2836" s="91"/>
      <c r="HT2836" s="91"/>
      <c r="HU2836" s="91"/>
      <c r="HV2836" s="91"/>
      <c r="HW2836" s="91"/>
      <c r="HX2836" s="91"/>
      <c r="HY2836" s="91"/>
      <c r="HZ2836" s="91"/>
      <c r="IA2836" s="91"/>
      <c r="IB2836" s="91"/>
      <c r="IC2836" s="91"/>
      <c r="ID2836" s="91"/>
      <c r="IE2836" s="91"/>
      <c r="IF2836" s="91"/>
      <c r="IG2836" s="91"/>
      <c r="IH2836" s="91"/>
      <c r="II2836" s="91"/>
      <c r="IJ2836" s="91"/>
      <c r="IK2836" s="127"/>
    </row>
    <row r="2837" spans="2:245" x14ac:dyDescent="0.2">
      <c r="B2837" s="43"/>
      <c r="C2837" s="73"/>
      <c r="D2837" s="64"/>
      <c r="E2837" s="64"/>
      <c r="F2837" s="55"/>
      <c r="G2837" s="102"/>
      <c r="H2837" s="55"/>
      <c r="I2837" s="55"/>
      <c r="J2837" s="55"/>
      <c r="K2837" s="55"/>
      <c r="L2837" s="55"/>
      <c r="M2837" s="55"/>
      <c r="N2837" s="55"/>
      <c r="O2837" s="55"/>
      <c r="P2837" s="55"/>
      <c r="Q2837" s="55"/>
      <c r="R2837" s="55"/>
      <c r="S2837" s="55"/>
      <c r="T2837" s="55"/>
      <c r="U2837" s="55"/>
      <c r="V2837" s="55"/>
      <c r="W2837" s="55"/>
      <c r="X2837" s="55"/>
      <c r="Y2837" s="55"/>
      <c r="Z2837" s="55"/>
      <c r="AA2837" s="55"/>
      <c r="AB2837" s="55"/>
      <c r="AC2837" s="55"/>
      <c r="AD2837" s="55"/>
      <c r="AE2837" s="55"/>
      <c r="AF2837" s="55"/>
      <c r="AG2837" s="55"/>
      <c r="AY2837" s="162"/>
      <c r="AZ2837" s="162"/>
      <c r="BA2837" s="162"/>
      <c r="BB2837" s="162"/>
      <c r="BC2837" s="162"/>
      <c r="BD2837" s="162"/>
      <c r="BE2837" s="162"/>
      <c r="BF2837" s="162"/>
      <c r="BG2837" s="162"/>
      <c r="BH2837" s="162"/>
      <c r="BI2837" s="162"/>
      <c r="BJ2837" s="162"/>
      <c r="BK2837" s="162"/>
      <c r="BL2837" s="162"/>
      <c r="BM2837" s="162"/>
      <c r="BN2837" s="162"/>
      <c r="BO2837" s="162"/>
      <c r="BP2837" s="162"/>
      <c r="BQ2837" s="162"/>
      <c r="BR2837" s="162"/>
      <c r="BS2837" s="162"/>
      <c r="BT2837" s="162"/>
      <c r="BU2837" s="162"/>
      <c r="BV2837" s="162"/>
      <c r="BW2837" s="162"/>
      <c r="BX2837" s="162"/>
      <c r="BY2837" s="162"/>
      <c r="BZ2837" s="162"/>
      <c r="CA2837" s="162"/>
      <c r="CB2837" s="162"/>
      <c r="CC2837" s="162"/>
      <c r="CD2837" s="162"/>
      <c r="CE2837" s="162"/>
      <c r="CF2837" s="162"/>
      <c r="CG2837" s="162"/>
      <c r="CH2837" s="162"/>
      <c r="CI2837" s="162"/>
      <c r="CJ2837" s="162"/>
      <c r="CK2837" s="162"/>
      <c r="CX2837" s="98"/>
      <c r="DL2837" s="97"/>
      <c r="DX2837" s="98"/>
      <c r="EL2837" s="97"/>
      <c r="EX2837" s="98"/>
      <c r="EY2837" s="97"/>
      <c r="FL2837" s="126"/>
      <c r="FM2837" s="91"/>
      <c r="FN2837" s="91"/>
      <c r="FO2837" s="91"/>
      <c r="FP2837" s="91"/>
      <c r="FQ2837" s="91"/>
      <c r="FR2837" s="91"/>
      <c r="FS2837" s="91"/>
      <c r="FT2837" s="91"/>
      <c r="FU2837" s="91"/>
      <c r="FV2837" s="91"/>
      <c r="FW2837" s="91"/>
      <c r="FX2837" s="91"/>
      <c r="FY2837" s="91"/>
      <c r="FZ2837" s="91"/>
      <c r="GA2837" s="91"/>
      <c r="GB2837" s="91"/>
      <c r="GC2837" s="91"/>
      <c r="GD2837" s="91"/>
      <c r="GE2837" s="91"/>
      <c r="GF2837" s="91"/>
      <c r="GG2837" s="91"/>
      <c r="GH2837" s="91"/>
      <c r="GI2837" s="91"/>
      <c r="GJ2837" s="91"/>
      <c r="GK2837" s="127"/>
      <c r="GL2837" s="126"/>
      <c r="GM2837" s="91"/>
      <c r="GN2837" s="91"/>
      <c r="GO2837" s="91"/>
      <c r="GP2837" s="91"/>
      <c r="GQ2837" s="91"/>
      <c r="GR2837" s="91"/>
      <c r="GS2837" s="91"/>
      <c r="GT2837" s="91"/>
      <c r="GU2837" s="91"/>
      <c r="GV2837" s="91"/>
      <c r="GW2837" s="91"/>
      <c r="GX2837" s="91"/>
      <c r="GY2837" s="91"/>
      <c r="GZ2837" s="91"/>
      <c r="HA2837" s="91"/>
      <c r="HB2837" s="91"/>
      <c r="HC2837" s="91"/>
      <c r="HD2837" s="91"/>
      <c r="HE2837" s="91"/>
      <c r="HF2837" s="91"/>
      <c r="HG2837" s="91"/>
      <c r="HH2837" s="91"/>
      <c r="HI2837" s="91"/>
      <c r="HJ2837" s="91"/>
      <c r="HK2837" s="127"/>
      <c r="HL2837" s="126"/>
      <c r="HM2837" s="91"/>
      <c r="HN2837" s="91"/>
      <c r="HO2837" s="91"/>
      <c r="HP2837" s="91"/>
      <c r="HQ2837" s="91"/>
      <c r="HR2837" s="91"/>
      <c r="HS2837" s="91"/>
      <c r="HT2837" s="91"/>
      <c r="HU2837" s="91"/>
      <c r="HV2837" s="91"/>
      <c r="HW2837" s="91"/>
      <c r="HX2837" s="91"/>
      <c r="HY2837" s="91"/>
      <c r="HZ2837" s="91"/>
      <c r="IA2837" s="91"/>
      <c r="IB2837" s="91"/>
      <c r="IC2837" s="91"/>
      <c r="ID2837" s="91"/>
      <c r="IE2837" s="91"/>
      <c r="IF2837" s="91"/>
      <c r="IG2837" s="91"/>
      <c r="IH2837" s="91"/>
      <c r="II2837" s="91"/>
      <c r="IJ2837" s="91"/>
      <c r="IK2837" s="127"/>
    </row>
    <row r="2838" spans="2:245" x14ac:dyDescent="0.2">
      <c r="B2838" s="43"/>
      <c r="C2838" s="73"/>
      <c r="D2838" s="64"/>
      <c r="E2838" s="64"/>
      <c r="F2838" s="55"/>
      <c r="G2838" s="102"/>
      <c r="H2838" s="55"/>
      <c r="I2838" s="55"/>
      <c r="J2838" s="55"/>
      <c r="K2838" s="55"/>
      <c r="L2838" s="55"/>
      <c r="M2838" s="55"/>
      <c r="N2838" s="55"/>
      <c r="O2838" s="55"/>
      <c r="P2838" s="55"/>
      <c r="Q2838" s="55"/>
      <c r="R2838" s="55"/>
      <c r="S2838" s="55"/>
      <c r="T2838" s="55"/>
      <c r="U2838" s="55"/>
      <c r="V2838" s="55"/>
      <c r="W2838" s="55"/>
      <c r="X2838" s="55"/>
      <c r="Y2838" s="55"/>
      <c r="Z2838" s="55"/>
      <c r="AA2838" s="55"/>
      <c r="AB2838" s="55"/>
      <c r="AC2838" s="55"/>
      <c r="AD2838" s="55"/>
      <c r="AE2838" s="55"/>
      <c r="AF2838" s="55"/>
      <c r="AG2838" s="55"/>
      <c r="AY2838" s="162"/>
      <c r="AZ2838" s="162"/>
      <c r="BA2838" s="162"/>
      <c r="BB2838" s="162"/>
      <c r="BC2838" s="162"/>
      <c r="BD2838" s="162"/>
      <c r="BE2838" s="162"/>
      <c r="BF2838" s="162"/>
      <c r="BG2838" s="162"/>
      <c r="BH2838" s="162"/>
      <c r="BI2838" s="162"/>
      <c r="BJ2838" s="162"/>
      <c r="BK2838" s="162"/>
      <c r="BL2838" s="162"/>
      <c r="BM2838" s="162"/>
      <c r="BN2838" s="162"/>
      <c r="BO2838" s="162"/>
      <c r="BP2838" s="162"/>
      <c r="BQ2838" s="162"/>
      <c r="BR2838" s="162"/>
      <c r="BS2838" s="162"/>
      <c r="BT2838" s="162"/>
      <c r="BU2838" s="162"/>
      <c r="BV2838" s="162"/>
      <c r="BW2838" s="162"/>
      <c r="BX2838" s="162"/>
      <c r="BY2838" s="162"/>
      <c r="BZ2838" s="162"/>
      <c r="CA2838" s="162"/>
      <c r="CB2838" s="162"/>
      <c r="CC2838" s="162"/>
      <c r="CD2838" s="162"/>
      <c r="CE2838" s="162"/>
      <c r="CF2838" s="162"/>
      <c r="CG2838" s="162"/>
      <c r="CH2838" s="162"/>
      <c r="CI2838" s="162"/>
      <c r="CJ2838" s="162"/>
      <c r="CK2838" s="162"/>
      <c r="CX2838" s="98"/>
      <c r="DL2838" s="97"/>
      <c r="DX2838" s="98"/>
      <c r="EL2838" s="97"/>
      <c r="EX2838" s="98"/>
      <c r="EY2838" s="97"/>
      <c r="FL2838" s="126"/>
      <c r="FM2838" s="91"/>
      <c r="FN2838" s="91"/>
      <c r="FO2838" s="91"/>
      <c r="FP2838" s="91"/>
      <c r="FQ2838" s="91"/>
      <c r="FR2838" s="91"/>
      <c r="FS2838" s="91"/>
      <c r="FT2838" s="91"/>
      <c r="FU2838" s="91"/>
      <c r="FV2838" s="91"/>
      <c r="FW2838" s="91"/>
      <c r="FX2838" s="91"/>
      <c r="FY2838" s="91"/>
      <c r="FZ2838" s="91"/>
      <c r="GA2838" s="91"/>
      <c r="GB2838" s="91"/>
      <c r="GC2838" s="91"/>
      <c r="GD2838" s="91"/>
      <c r="GE2838" s="91"/>
      <c r="GF2838" s="91"/>
      <c r="GG2838" s="91"/>
      <c r="GH2838" s="91"/>
      <c r="GI2838" s="91"/>
      <c r="GJ2838" s="91"/>
      <c r="GK2838" s="127"/>
      <c r="GL2838" s="126"/>
      <c r="GM2838" s="91"/>
      <c r="GN2838" s="91"/>
      <c r="GO2838" s="91"/>
      <c r="GP2838" s="91"/>
      <c r="GQ2838" s="91"/>
      <c r="GR2838" s="91"/>
      <c r="GS2838" s="91"/>
      <c r="GT2838" s="91"/>
      <c r="GU2838" s="91"/>
      <c r="GV2838" s="91"/>
      <c r="GW2838" s="91"/>
      <c r="GX2838" s="91"/>
      <c r="GY2838" s="91"/>
      <c r="GZ2838" s="91"/>
      <c r="HA2838" s="91"/>
      <c r="HB2838" s="91"/>
      <c r="HC2838" s="91"/>
      <c r="HD2838" s="91"/>
      <c r="HE2838" s="91"/>
      <c r="HF2838" s="91"/>
      <c r="HG2838" s="91"/>
      <c r="HH2838" s="91"/>
      <c r="HI2838" s="91"/>
      <c r="HJ2838" s="91"/>
      <c r="HK2838" s="127"/>
      <c r="HL2838" s="126"/>
      <c r="HM2838" s="91"/>
      <c r="HN2838" s="91"/>
      <c r="HO2838" s="91"/>
      <c r="HP2838" s="91"/>
      <c r="HQ2838" s="91"/>
      <c r="HR2838" s="91"/>
      <c r="HS2838" s="91"/>
      <c r="HT2838" s="91"/>
      <c r="HU2838" s="91"/>
      <c r="HV2838" s="91"/>
      <c r="HW2838" s="91"/>
      <c r="HX2838" s="91"/>
      <c r="HY2838" s="91"/>
      <c r="HZ2838" s="91"/>
      <c r="IA2838" s="91"/>
      <c r="IB2838" s="91"/>
      <c r="IC2838" s="91"/>
      <c r="ID2838" s="91"/>
      <c r="IE2838" s="91"/>
      <c r="IF2838" s="91"/>
      <c r="IG2838" s="91"/>
      <c r="IH2838" s="91"/>
      <c r="II2838" s="91"/>
      <c r="IJ2838" s="91"/>
      <c r="IK2838" s="127"/>
    </row>
    <row r="2839" spans="2:245" x14ac:dyDescent="0.2">
      <c r="B2839" s="43"/>
      <c r="C2839" s="73"/>
      <c r="D2839" s="64"/>
      <c r="E2839" s="64"/>
      <c r="F2839" s="55"/>
      <c r="G2839" s="102"/>
      <c r="H2839" s="55"/>
      <c r="I2839" s="55"/>
      <c r="J2839" s="55"/>
      <c r="K2839" s="55"/>
      <c r="L2839" s="55"/>
      <c r="M2839" s="55"/>
      <c r="N2839" s="55"/>
      <c r="O2839" s="55"/>
      <c r="P2839" s="55"/>
      <c r="Q2839" s="55"/>
      <c r="R2839" s="55"/>
      <c r="S2839" s="55"/>
      <c r="T2839" s="55"/>
      <c r="U2839" s="55"/>
      <c r="V2839" s="55"/>
      <c r="W2839" s="55"/>
      <c r="X2839" s="55"/>
      <c r="Y2839" s="55"/>
      <c r="Z2839" s="55"/>
      <c r="AA2839" s="55"/>
      <c r="AB2839" s="55"/>
      <c r="AC2839" s="55"/>
      <c r="AD2839" s="55"/>
      <c r="AE2839" s="55"/>
      <c r="AF2839" s="55"/>
      <c r="AG2839" s="55"/>
      <c r="AY2839" s="162"/>
      <c r="AZ2839" s="162"/>
      <c r="BA2839" s="162"/>
      <c r="BB2839" s="162"/>
      <c r="BC2839" s="162"/>
      <c r="BD2839" s="162"/>
      <c r="BE2839" s="162"/>
      <c r="BF2839" s="162"/>
      <c r="BG2839" s="162"/>
      <c r="BH2839" s="162"/>
      <c r="BI2839" s="162"/>
      <c r="BJ2839" s="162"/>
      <c r="BK2839" s="162"/>
      <c r="BL2839" s="162"/>
      <c r="BM2839" s="162"/>
      <c r="BN2839" s="162"/>
      <c r="BO2839" s="162"/>
      <c r="BP2839" s="162"/>
      <c r="BQ2839" s="162"/>
      <c r="BR2839" s="162"/>
      <c r="BS2839" s="162"/>
      <c r="BT2839" s="162"/>
      <c r="BU2839" s="162"/>
      <c r="BV2839" s="162"/>
      <c r="BW2839" s="162"/>
      <c r="BX2839" s="162"/>
      <c r="BY2839" s="162"/>
      <c r="BZ2839" s="162"/>
      <c r="CA2839" s="162"/>
      <c r="CB2839" s="162"/>
      <c r="CC2839" s="162"/>
      <c r="CD2839" s="162"/>
      <c r="CE2839" s="162"/>
      <c r="CF2839" s="162"/>
      <c r="CG2839" s="162"/>
      <c r="CH2839" s="162"/>
      <c r="CI2839" s="162"/>
      <c r="CJ2839" s="162"/>
      <c r="CK2839" s="162"/>
      <c r="CX2839" s="98"/>
      <c r="DL2839" s="97"/>
      <c r="DX2839" s="98"/>
      <c r="EL2839" s="97"/>
      <c r="EX2839" s="98"/>
      <c r="EY2839" s="97"/>
      <c r="FL2839" s="126"/>
      <c r="FM2839" s="91"/>
      <c r="FN2839" s="91"/>
      <c r="FO2839" s="91"/>
      <c r="FP2839" s="91"/>
      <c r="FQ2839" s="91"/>
      <c r="FR2839" s="91"/>
      <c r="FS2839" s="91"/>
      <c r="FT2839" s="91"/>
      <c r="FU2839" s="91"/>
      <c r="FV2839" s="91"/>
      <c r="FW2839" s="91"/>
      <c r="FX2839" s="91"/>
      <c r="FY2839" s="91"/>
      <c r="FZ2839" s="91"/>
      <c r="GA2839" s="91"/>
      <c r="GB2839" s="91"/>
      <c r="GC2839" s="91"/>
      <c r="GD2839" s="91"/>
      <c r="GE2839" s="91"/>
      <c r="GF2839" s="91"/>
      <c r="GG2839" s="91"/>
      <c r="GH2839" s="91"/>
      <c r="GI2839" s="91"/>
      <c r="GJ2839" s="91"/>
      <c r="GK2839" s="127"/>
      <c r="GL2839" s="126"/>
      <c r="GM2839" s="91"/>
      <c r="GN2839" s="91"/>
      <c r="GO2839" s="91"/>
      <c r="GP2839" s="91"/>
      <c r="GQ2839" s="91"/>
      <c r="GR2839" s="91"/>
      <c r="GS2839" s="91"/>
      <c r="GT2839" s="91"/>
      <c r="GU2839" s="91"/>
      <c r="GV2839" s="91"/>
      <c r="GW2839" s="91"/>
      <c r="GX2839" s="91"/>
      <c r="GY2839" s="91"/>
      <c r="GZ2839" s="91"/>
      <c r="HA2839" s="91"/>
      <c r="HB2839" s="91"/>
      <c r="HC2839" s="91"/>
      <c r="HD2839" s="91"/>
      <c r="HE2839" s="91"/>
      <c r="HF2839" s="91"/>
      <c r="HG2839" s="91"/>
      <c r="HH2839" s="91"/>
      <c r="HI2839" s="91"/>
      <c r="HJ2839" s="91"/>
      <c r="HK2839" s="127"/>
      <c r="HL2839" s="126"/>
      <c r="HM2839" s="91"/>
      <c r="HN2839" s="91"/>
      <c r="HO2839" s="91"/>
      <c r="HP2839" s="91"/>
      <c r="HQ2839" s="91"/>
      <c r="HR2839" s="91"/>
      <c r="HS2839" s="91"/>
      <c r="HT2839" s="91"/>
      <c r="HU2839" s="91"/>
      <c r="HV2839" s="91"/>
      <c r="HW2839" s="91"/>
      <c r="HX2839" s="91"/>
      <c r="HY2839" s="91"/>
      <c r="HZ2839" s="91"/>
      <c r="IA2839" s="91"/>
      <c r="IB2839" s="91"/>
      <c r="IC2839" s="91"/>
      <c r="ID2839" s="91"/>
      <c r="IE2839" s="91"/>
      <c r="IF2839" s="91"/>
      <c r="IG2839" s="91"/>
      <c r="IH2839" s="91"/>
      <c r="II2839" s="91"/>
      <c r="IJ2839" s="91"/>
      <c r="IK2839" s="127"/>
    </row>
    <row r="2840" spans="2:245" x14ac:dyDescent="0.2">
      <c r="B2840" s="43"/>
      <c r="C2840" s="73"/>
      <c r="D2840" s="64"/>
      <c r="E2840" s="64"/>
      <c r="F2840" s="55"/>
      <c r="G2840" s="102"/>
      <c r="H2840" s="55"/>
      <c r="I2840" s="55"/>
      <c r="J2840" s="55"/>
      <c r="K2840" s="55"/>
      <c r="L2840" s="55"/>
      <c r="M2840" s="55"/>
      <c r="N2840" s="55"/>
      <c r="O2840" s="55"/>
      <c r="P2840" s="55"/>
      <c r="Q2840" s="55"/>
      <c r="R2840" s="55"/>
      <c r="S2840" s="55"/>
      <c r="T2840" s="55"/>
      <c r="U2840" s="55"/>
      <c r="V2840" s="55"/>
      <c r="W2840" s="55"/>
      <c r="X2840" s="55"/>
      <c r="Y2840" s="55"/>
      <c r="Z2840" s="55"/>
      <c r="AA2840" s="55"/>
      <c r="AB2840" s="55"/>
      <c r="AC2840" s="55"/>
      <c r="AD2840" s="55"/>
      <c r="AE2840" s="55"/>
      <c r="AF2840" s="55"/>
      <c r="AG2840" s="55"/>
      <c r="AY2840" s="162"/>
      <c r="AZ2840" s="162"/>
      <c r="BA2840" s="162"/>
      <c r="BB2840" s="162"/>
      <c r="BC2840" s="162"/>
      <c r="BD2840" s="162"/>
      <c r="BE2840" s="162"/>
      <c r="BF2840" s="162"/>
      <c r="BG2840" s="162"/>
      <c r="BH2840" s="162"/>
      <c r="BI2840" s="162"/>
      <c r="BJ2840" s="162"/>
      <c r="BK2840" s="162"/>
      <c r="BL2840" s="162"/>
      <c r="BM2840" s="162"/>
      <c r="BN2840" s="162"/>
      <c r="BO2840" s="162"/>
      <c r="BP2840" s="162"/>
      <c r="BQ2840" s="162"/>
      <c r="BR2840" s="162"/>
      <c r="BS2840" s="162"/>
      <c r="BT2840" s="162"/>
      <c r="BU2840" s="162"/>
      <c r="BV2840" s="162"/>
      <c r="BW2840" s="162"/>
      <c r="BX2840" s="162"/>
      <c r="BY2840" s="162"/>
      <c r="BZ2840" s="162"/>
      <c r="CA2840" s="162"/>
      <c r="CB2840" s="162"/>
      <c r="CC2840" s="162"/>
      <c r="CD2840" s="162"/>
      <c r="CE2840" s="162"/>
      <c r="CF2840" s="162"/>
      <c r="CG2840" s="162"/>
      <c r="CH2840" s="162"/>
      <c r="CI2840" s="162"/>
      <c r="CJ2840" s="162"/>
      <c r="CK2840" s="162"/>
      <c r="CX2840" s="98"/>
      <c r="DL2840" s="97"/>
      <c r="DX2840" s="98"/>
      <c r="EL2840" s="97"/>
      <c r="EX2840" s="98"/>
      <c r="EY2840" s="97"/>
      <c r="FL2840" s="126"/>
      <c r="FM2840" s="91"/>
      <c r="FN2840" s="91"/>
      <c r="FO2840" s="91"/>
      <c r="FP2840" s="91"/>
      <c r="FQ2840" s="91"/>
      <c r="FR2840" s="91"/>
      <c r="FS2840" s="91"/>
      <c r="FT2840" s="91"/>
      <c r="FU2840" s="91"/>
      <c r="FV2840" s="91"/>
      <c r="FW2840" s="91"/>
      <c r="FX2840" s="91"/>
      <c r="FY2840" s="91"/>
      <c r="FZ2840" s="91"/>
      <c r="GA2840" s="91"/>
      <c r="GB2840" s="91"/>
      <c r="GC2840" s="91"/>
      <c r="GD2840" s="91"/>
      <c r="GE2840" s="91"/>
      <c r="GF2840" s="91"/>
      <c r="GG2840" s="91"/>
      <c r="GH2840" s="91"/>
      <c r="GI2840" s="91"/>
      <c r="GJ2840" s="91"/>
      <c r="GK2840" s="127"/>
      <c r="GL2840" s="126"/>
      <c r="GM2840" s="91"/>
      <c r="GN2840" s="91"/>
      <c r="GO2840" s="91"/>
      <c r="GP2840" s="91"/>
      <c r="GQ2840" s="91"/>
      <c r="GR2840" s="91"/>
      <c r="GS2840" s="91"/>
      <c r="GT2840" s="91"/>
      <c r="GU2840" s="91"/>
      <c r="GV2840" s="91"/>
      <c r="GW2840" s="91"/>
      <c r="GX2840" s="91"/>
      <c r="GY2840" s="91"/>
      <c r="GZ2840" s="91"/>
      <c r="HA2840" s="91"/>
      <c r="HB2840" s="91"/>
      <c r="HC2840" s="91"/>
      <c r="HD2840" s="91"/>
      <c r="HE2840" s="91"/>
      <c r="HF2840" s="91"/>
      <c r="HG2840" s="91"/>
      <c r="HH2840" s="91"/>
      <c r="HI2840" s="91"/>
      <c r="HJ2840" s="91"/>
      <c r="HK2840" s="127"/>
      <c r="HL2840" s="126"/>
      <c r="HM2840" s="91"/>
      <c r="HN2840" s="91"/>
      <c r="HO2840" s="91"/>
      <c r="HP2840" s="91"/>
      <c r="HQ2840" s="91"/>
      <c r="HR2840" s="91"/>
      <c r="HS2840" s="91"/>
      <c r="HT2840" s="91"/>
      <c r="HU2840" s="91"/>
      <c r="HV2840" s="91"/>
      <c r="HW2840" s="91"/>
      <c r="HX2840" s="91"/>
      <c r="HY2840" s="91"/>
      <c r="HZ2840" s="91"/>
      <c r="IA2840" s="91"/>
      <c r="IB2840" s="91"/>
      <c r="IC2840" s="91"/>
      <c r="ID2840" s="91"/>
      <c r="IE2840" s="91"/>
      <c r="IF2840" s="91"/>
      <c r="IG2840" s="91"/>
      <c r="IH2840" s="91"/>
      <c r="II2840" s="91"/>
      <c r="IJ2840" s="91"/>
      <c r="IK2840" s="127"/>
    </row>
    <row r="2841" spans="2:245" x14ac:dyDescent="0.2">
      <c r="B2841" s="43"/>
      <c r="C2841" s="73"/>
      <c r="D2841" s="64"/>
      <c r="E2841" s="64"/>
      <c r="F2841" s="55"/>
      <c r="G2841" s="102"/>
      <c r="H2841" s="55"/>
      <c r="I2841" s="55"/>
      <c r="J2841" s="55"/>
      <c r="K2841" s="55"/>
      <c r="L2841" s="55"/>
      <c r="M2841" s="55"/>
      <c r="N2841" s="55"/>
      <c r="O2841" s="55"/>
      <c r="P2841" s="55"/>
      <c r="Q2841" s="55"/>
      <c r="R2841" s="55"/>
      <c r="S2841" s="55"/>
      <c r="T2841" s="55"/>
      <c r="U2841" s="55"/>
      <c r="V2841" s="55"/>
      <c r="W2841" s="55"/>
      <c r="X2841" s="55"/>
      <c r="Y2841" s="55"/>
      <c r="Z2841" s="55"/>
      <c r="AA2841" s="55"/>
      <c r="AB2841" s="55"/>
      <c r="AC2841" s="55"/>
      <c r="AD2841" s="55"/>
      <c r="AE2841" s="55"/>
      <c r="AF2841" s="55"/>
      <c r="AG2841" s="55"/>
      <c r="AY2841" s="162"/>
      <c r="AZ2841" s="162"/>
      <c r="BA2841" s="162"/>
      <c r="BB2841" s="162"/>
      <c r="BC2841" s="162"/>
      <c r="BD2841" s="162"/>
      <c r="BE2841" s="162"/>
      <c r="BF2841" s="162"/>
      <c r="BG2841" s="162"/>
      <c r="BH2841" s="162"/>
      <c r="BI2841" s="162"/>
      <c r="BJ2841" s="162"/>
      <c r="BK2841" s="162"/>
      <c r="BL2841" s="162"/>
      <c r="BM2841" s="162"/>
      <c r="BN2841" s="162"/>
      <c r="BO2841" s="162"/>
      <c r="BP2841" s="162"/>
      <c r="BQ2841" s="162"/>
      <c r="BR2841" s="162"/>
      <c r="BS2841" s="162"/>
      <c r="BT2841" s="162"/>
      <c r="BU2841" s="162"/>
      <c r="BV2841" s="162"/>
      <c r="BW2841" s="162"/>
      <c r="BX2841" s="162"/>
      <c r="BY2841" s="162"/>
      <c r="BZ2841" s="162"/>
      <c r="CA2841" s="162"/>
      <c r="CB2841" s="162"/>
      <c r="CC2841" s="162"/>
      <c r="CD2841" s="162"/>
      <c r="CE2841" s="162"/>
      <c r="CF2841" s="162"/>
      <c r="CG2841" s="162"/>
      <c r="CH2841" s="162"/>
      <c r="CI2841" s="162"/>
      <c r="CJ2841" s="162"/>
      <c r="CK2841" s="162"/>
      <c r="CX2841" s="98"/>
      <c r="DL2841" s="97"/>
      <c r="DX2841" s="98"/>
      <c r="EL2841" s="97"/>
      <c r="EX2841" s="98"/>
      <c r="EY2841" s="97"/>
      <c r="FL2841" s="126"/>
      <c r="FM2841" s="91"/>
      <c r="FN2841" s="91"/>
      <c r="FO2841" s="91"/>
      <c r="FP2841" s="91"/>
      <c r="FQ2841" s="91"/>
      <c r="FR2841" s="91"/>
      <c r="FS2841" s="91"/>
      <c r="FT2841" s="91"/>
      <c r="FU2841" s="91"/>
      <c r="FV2841" s="91"/>
      <c r="FW2841" s="91"/>
      <c r="FX2841" s="91"/>
      <c r="FY2841" s="91"/>
      <c r="FZ2841" s="91"/>
      <c r="GA2841" s="91"/>
      <c r="GB2841" s="91"/>
      <c r="GC2841" s="91"/>
      <c r="GD2841" s="91"/>
      <c r="GE2841" s="91"/>
      <c r="GF2841" s="91"/>
      <c r="GG2841" s="91"/>
      <c r="GH2841" s="91"/>
      <c r="GI2841" s="91"/>
      <c r="GJ2841" s="91"/>
      <c r="GK2841" s="127"/>
      <c r="GL2841" s="126"/>
      <c r="GM2841" s="91"/>
      <c r="GN2841" s="91"/>
      <c r="GO2841" s="91"/>
      <c r="GP2841" s="91"/>
      <c r="GQ2841" s="91"/>
      <c r="GR2841" s="91"/>
      <c r="GS2841" s="91"/>
      <c r="GT2841" s="91"/>
      <c r="GU2841" s="91"/>
      <c r="GV2841" s="91"/>
      <c r="GW2841" s="91"/>
      <c r="GX2841" s="91"/>
      <c r="GY2841" s="91"/>
      <c r="GZ2841" s="91"/>
      <c r="HA2841" s="91"/>
      <c r="HB2841" s="91"/>
      <c r="HC2841" s="91"/>
      <c r="HD2841" s="91"/>
      <c r="HE2841" s="91"/>
      <c r="HF2841" s="91"/>
      <c r="HG2841" s="91"/>
      <c r="HH2841" s="91"/>
      <c r="HI2841" s="91"/>
      <c r="HJ2841" s="91"/>
      <c r="HK2841" s="127"/>
      <c r="HL2841" s="126"/>
      <c r="HM2841" s="91"/>
      <c r="HN2841" s="91"/>
      <c r="HO2841" s="91"/>
      <c r="HP2841" s="91"/>
      <c r="HQ2841" s="91"/>
      <c r="HR2841" s="91"/>
      <c r="HS2841" s="91"/>
      <c r="HT2841" s="91"/>
      <c r="HU2841" s="91"/>
      <c r="HV2841" s="91"/>
      <c r="HW2841" s="91"/>
      <c r="HX2841" s="91"/>
      <c r="HY2841" s="91"/>
      <c r="HZ2841" s="91"/>
      <c r="IA2841" s="91"/>
      <c r="IB2841" s="91"/>
      <c r="IC2841" s="91"/>
      <c r="ID2841" s="91"/>
      <c r="IE2841" s="91"/>
      <c r="IF2841" s="91"/>
      <c r="IG2841" s="91"/>
      <c r="IH2841" s="91"/>
      <c r="II2841" s="91"/>
      <c r="IJ2841" s="91"/>
      <c r="IK2841" s="127"/>
    </row>
    <row r="2842" spans="2:245" x14ac:dyDescent="0.2">
      <c r="B2842" s="43"/>
      <c r="C2842" s="73"/>
      <c r="D2842" s="64"/>
      <c r="E2842" s="64"/>
      <c r="F2842" s="55"/>
      <c r="G2842" s="102"/>
      <c r="H2842" s="55"/>
      <c r="I2842" s="55"/>
      <c r="J2842" s="55"/>
      <c r="K2842" s="55"/>
      <c r="L2842" s="55"/>
      <c r="M2842" s="55"/>
      <c r="N2842" s="55"/>
      <c r="O2842" s="55"/>
      <c r="P2842" s="55"/>
      <c r="Q2842" s="55"/>
      <c r="R2842" s="55"/>
      <c r="S2842" s="55"/>
      <c r="T2842" s="55"/>
      <c r="U2842" s="55"/>
      <c r="V2842" s="55"/>
      <c r="W2842" s="55"/>
      <c r="X2842" s="55"/>
      <c r="Y2842" s="55"/>
      <c r="Z2842" s="55"/>
      <c r="AA2842" s="55"/>
      <c r="AB2842" s="55"/>
      <c r="AC2842" s="55"/>
      <c r="AD2842" s="55"/>
      <c r="AE2842" s="55"/>
      <c r="AF2842" s="55"/>
      <c r="AG2842" s="55"/>
      <c r="AY2842" s="162"/>
      <c r="AZ2842" s="162"/>
      <c r="BA2842" s="162"/>
      <c r="BB2842" s="162"/>
      <c r="BC2842" s="162"/>
      <c r="BD2842" s="162"/>
      <c r="BE2842" s="162"/>
      <c r="BF2842" s="162"/>
      <c r="BG2842" s="162"/>
      <c r="BH2842" s="162"/>
      <c r="BI2842" s="162"/>
      <c r="BJ2842" s="162"/>
      <c r="BK2842" s="162"/>
      <c r="BL2842" s="162"/>
      <c r="BM2842" s="162"/>
      <c r="BN2842" s="162"/>
      <c r="BO2842" s="162"/>
      <c r="BP2842" s="162"/>
      <c r="BQ2842" s="162"/>
      <c r="BR2842" s="162"/>
      <c r="BS2842" s="162"/>
      <c r="BT2842" s="162"/>
      <c r="BU2842" s="162"/>
      <c r="BV2842" s="162"/>
      <c r="BW2842" s="162"/>
      <c r="BX2842" s="162"/>
      <c r="BY2842" s="162"/>
      <c r="BZ2842" s="162"/>
      <c r="CA2842" s="162"/>
      <c r="CB2842" s="162"/>
      <c r="CC2842" s="162"/>
      <c r="CD2842" s="162"/>
      <c r="CE2842" s="162"/>
      <c r="CF2842" s="162"/>
      <c r="CG2842" s="162"/>
      <c r="CH2842" s="162"/>
      <c r="CI2842" s="162"/>
      <c r="CJ2842" s="162"/>
      <c r="CK2842" s="162"/>
      <c r="CX2842" s="98"/>
      <c r="DL2842" s="97"/>
      <c r="DX2842" s="98"/>
      <c r="EL2842" s="97"/>
      <c r="EX2842" s="98"/>
      <c r="EY2842" s="97"/>
      <c r="FL2842" s="126"/>
      <c r="FM2842" s="91"/>
      <c r="FN2842" s="91"/>
      <c r="FO2842" s="91"/>
      <c r="FP2842" s="91"/>
      <c r="FQ2842" s="91"/>
      <c r="FR2842" s="91"/>
      <c r="FS2842" s="91"/>
      <c r="FT2842" s="91"/>
      <c r="FU2842" s="91"/>
      <c r="FV2842" s="91"/>
      <c r="FW2842" s="91"/>
      <c r="FX2842" s="91"/>
      <c r="FY2842" s="91"/>
      <c r="FZ2842" s="91"/>
      <c r="GA2842" s="91"/>
      <c r="GB2842" s="91"/>
      <c r="GC2842" s="91"/>
      <c r="GD2842" s="91"/>
      <c r="GE2842" s="91"/>
      <c r="GF2842" s="91"/>
      <c r="GG2842" s="91"/>
      <c r="GH2842" s="91"/>
      <c r="GI2842" s="91"/>
      <c r="GJ2842" s="91"/>
      <c r="GK2842" s="127"/>
      <c r="GL2842" s="126"/>
      <c r="GM2842" s="91"/>
      <c r="GN2842" s="91"/>
      <c r="GO2842" s="91"/>
      <c r="GP2842" s="91"/>
      <c r="GQ2842" s="91"/>
      <c r="GR2842" s="91"/>
      <c r="GS2842" s="91"/>
      <c r="GT2842" s="91"/>
      <c r="GU2842" s="91"/>
      <c r="GV2842" s="91"/>
      <c r="GW2842" s="91"/>
      <c r="GX2842" s="91"/>
      <c r="GY2842" s="91"/>
      <c r="GZ2842" s="91"/>
      <c r="HA2842" s="91"/>
      <c r="HB2842" s="91"/>
      <c r="HC2842" s="91"/>
      <c r="HD2842" s="91"/>
      <c r="HE2842" s="91"/>
      <c r="HF2842" s="91"/>
      <c r="HG2842" s="91"/>
      <c r="HH2842" s="91"/>
      <c r="HI2842" s="91"/>
      <c r="HJ2842" s="91"/>
      <c r="HK2842" s="127"/>
      <c r="HL2842" s="126"/>
      <c r="HM2842" s="91"/>
      <c r="HN2842" s="91"/>
      <c r="HO2842" s="91"/>
      <c r="HP2842" s="91"/>
      <c r="HQ2842" s="91"/>
      <c r="HR2842" s="91"/>
      <c r="HS2842" s="91"/>
      <c r="HT2842" s="91"/>
      <c r="HU2842" s="91"/>
      <c r="HV2842" s="91"/>
      <c r="HW2842" s="91"/>
      <c r="HX2842" s="91"/>
      <c r="HY2842" s="91"/>
      <c r="HZ2842" s="91"/>
      <c r="IA2842" s="91"/>
      <c r="IB2842" s="91"/>
      <c r="IC2842" s="91"/>
      <c r="ID2842" s="91"/>
      <c r="IE2842" s="91"/>
      <c r="IF2842" s="91"/>
      <c r="IG2842" s="91"/>
      <c r="IH2842" s="91"/>
      <c r="II2842" s="91"/>
      <c r="IJ2842" s="91"/>
      <c r="IK2842" s="127"/>
    </row>
    <row r="2843" spans="2:245" x14ac:dyDescent="0.2">
      <c r="B2843" s="43"/>
      <c r="C2843" s="73"/>
      <c r="D2843" s="64"/>
      <c r="E2843" s="64"/>
      <c r="F2843" s="55"/>
      <c r="G2843" s="102"/>
      <c r="H2843" s="55"/>
      <c r="I2843" s="55"/>
      <c r="J2843" s="55"/>
      <c r="K2843" s="55"/>
      <c r="L2843" s="55"/>
      <c r="M2843" s="55"/>
      <c r="N2843" s="55"/>
      <c r="O2843" s="55"/>
      <c r="P2843" s="55"/>
      <c r="Q2843" s="55"/>
      <c r="R2843" s="55"/>
      <c r="S2843" s="55"/>
      <c r="T2843" s="55"/>
      <c r="U2843" s="55"/>
      <c r="V2843" s="55"/>
      <c r="W2843" s="55"/>
      <c r="X2843" s="55"/>
      <c r="Y2843" s="55"/>
      <c r="Z2843" s="55"/>
      <c r="AA2843" s="55"/>
      <c r="AB2843" s="55"/>
      <c r="AC2843" s="55"/>
      <c r="AD2843" s="55"/>
      <c r="AE2843" s="55"/>
      <c r="AF2843" s="55"/>
      <c r="AG2843" s="55"/>
      <c r="AY2843" s="162"/>
      <c r="AZ2843" s="162"/>
      <c r="BA2843" s="162"/>
      <c r="BB2843" s="162"/>
      <c r="BC2843" s="162"/>
      <c r="BD2843" s="162"/>
      <c r="BE2843" s="162"/>
      <c r="BF2843" s="162"/>
      <c r="BG2843" s="162"/>
      <c r="BH2843" s="162"/>
      <c r="BI2843" s="162"/>
      <c r="BJ2843" s="162"/>
      <c r="BK2843" s="162"/>
      <c r="BL2843" s="162"/>
      <c r="BM2843" s="162"/>
      <c r="BN2843" s="162"/>
      <c r="BO2843" s="162"/>
      <c r="BP2843" s="162"/>
      <c r="BQ2843" s="162"/>
      <c r="BR2843" s="162"/>
      <c r="BS2843" s="162"/>
      <c r="BT2843" s="162"/>
      <c r="BU2843" s="162"/>
      <c r="BV2843" s="162"/>
      <c r="BW2843" s="162"/>
      <c r="BX2843" s="162"/>
      <c r="BY2843" s="162"/>
      <c r="BZ2843" s="162"/>
      <c r="CA2843" s="162"/>
      <c r="CB2843" s="162"/>
      <c r="CC2843" s="162"/>
      <c r="CD2843" s="162"/>
      <c r="CE2843" s="162"/>
      <c r="CF2843" s="162"/>
      <c r="CG2843" s="162"/>
      <c r="CH2843" s="162"/>
      <c r="CI2843" s="162"/>
      <c r="CJ2843" s="162"/>
      <c r="CK2843" s="162"/>
      <c r="CX2843" s="98"/>
      <c r="DL2843" s="97"/>
      <c r="DX2843" s="98"/>
      <c r="EL2843" s="97"/>
      <c r="EX2843" s="98"/>
      <c r="EY2843" s="97"/>
      <c r="FL2843" s="126"/>
      <c r="FM2843" s="91"/>
      <c r="FN2843" s="91"/>
      <c r="FO2843" s="91"/>
      <c r="FP2843" s="91"/>
      <c r="FQ2843" s="91"/>
      <c r="FR2843" s="91"/>
      <c r="FS2843" s="91"/>
      <c r="FT2843" s="91"/>
      <c r="FU2843" s="91"/>
      <c r="FV2843" s="91"/>
      <c r="FW2843" s="91"/>
      <c r="FX2843" s="91"/>
      <c r="FY2843" s="91"/>
      <c r="FZ2843" s="91"/>
      <c r="GA2843" s="91"/>
      <c r="GB2843" s="91"/>
      <c r="GC2843" s="91"/>
      <c r="GD2843" s="91"/>
      <c r="GE2843" s="91"/>
      <c r="GF2843" s="91"/>
      <c r="GG2843" s="91"/>
      <c r="GH2843" s="91"/>
      <c r="GI2843" s="91"/>
      <c r="GJ2843" s="91"/>
      <c r="GK2843" s="127"/>
      <c r="GL2843" s="126"/>
      <c r="GM2843" s="91"/>
      <c r="GN2843" s="91"/>
      <c r="GO2843" s="91"/>
      <c r="GP2843" s="91"/>
      <c r="GQ2843" s="91"/>
      <c r="GR2843" s="91"/>
      <c r="GS2843" s="91"/>
      <c r="GT2843" s="91"/>
      <c r="GU2843" s="91"/>
      <c r="GV2843" s="91"/>
      <c r="GW2843" s="91"/>
      <c r="GX2843" s="91"/>
      <c r="GY2843" s="91"/>
      <c r="GZ2843" s="91"/>
      <c r="HA2843" s="91"/>
      <c r="HB2843" s="91"/>
      <c r="HC2843" s="91"/>
      <c r="HD2843" s="91"/>
      <c r="HE2843" s="91"/>
      <c r="HF2843" s="91"/>
      <c r="HG2843" s="91"/>
      <c r="HH2843" s="91"/>
      <c r="HI2843" s="91"/>
      <c r="HJ2843" s="91"/>
      <c r="HK2843" s="127"/>
      <c r="HL2843" s="126"/>
      <c r="HM2843" s="91"/>
      <c r="HN2843" s="91"/>
      <c r="HO2843" s="91"/>
      <c r="HP2843" s="91"/>
      <c r="HQ2843" s="91"/>
      <c r="HR2843" s="91"/>
      <c r="HS2843" s="91"/>
      <c r="HT2843" s="91"/>
      <c r="HU2843" s="91"/>
      <c r="HV2843" s="91"/>
      <c r="HW2843" s="91"/>
      <c r="HX2843" s="91"/>
      <c r="HY2843" s="91"/>
      <c r="HZ2843" s="91"/>
      <c r="IA2843" s="91"/>
      <c r="IB2843" s="91"/>
      <c r="IC2843" s="91"/>
      <c r="ID2843" s="91"/>
      <c r="IE2843" s="91"/>
      <c r="IF2843" s="91"/>
      <c r="IG2843" s="91"/>
      <c r="IH2843" s="91"/>
      <c r="II2843" s="91"/>
      <c r="IJ2843" s="91"/>
      <c r="IK2843" s="127"/>
    </row>
    <row r="2844" spans="2:245" x14ac:dyDescent="0.2">
      <c r="B2844" s="43"/>
      <c r="C2844" s="73"/>
      <c r="D2844" s="64"/>
      <c r="E2844" s="64"/>
      <c r="F2844" s="55"/>
      <c r="G2844" s="102"/>
      <c r="H2844" s="55"/>
      <c r="I2844" s="55"/>
      <c r="J2844" s="55"/>
      <c r="K2844" s="55"/>
      <c r="L2844" s="55"/>
      <c r="M2844" s="55"/>
      <c r="N2844" s="55"/>
      <c r="O2844" s="55"/>
      <c r="P2844" s="55"/>
      <c r="Q2844" s="55"/>
      <c r="R2844" s="55"/>
      <c r="S2844" s="55"/>
      <c r="T2844" s="55"/>
      <c r="U2844" s="55"/>
      <c r="V2844" s="55"/>
      <c r="W2844" s="55"/>
      <c r="X2844" s="55"/>
      <c r="Y2844" s="55"/>
      <c r="Z2844" s="55"/>
      <c r="AA2844" s="55"/>
      <c r="AB2844" s="55"/>
      <c r="AC2844" s="55"/>
      <c r="AD2844" s="55"/>
      <c r="AE2844" s="55"/>
      <c r="AF2844" s="55"/>
      <c r="AG2844" s="55"/>
      <c r="AY2844" s="162"/>
      <c r="AZ2844" s="162"/>
      <c r="BA2844" s="162"/>
      <c r="BB2844" s="162"/>
      <c r="BC2844" s="162"/>
      <c r="BD2844" s="162"/>
      <c r="BE2844" s="162"/>
      <c r="BF2844" s="162"/>
      <c r="BG2844" s="162"/>
      <c r="BH2844" s="162"/>
      <c r="BI2844" s="162"/>
      <c r="BJ2844" s="162"/>
      <c r="BK2844" s="162"/>
      <c r="BL2844" s="162"/>
      <c r="BM2844" s="162"/>
      <c r="BN2844" s="162"/>
      <c r="BO2844" s="162"/>
      <c r="BP2844" s="162"/>
      <c r="BQ2844" s="162"/>
      <c r="BR2844" s="162"/>
      <c r="BS2844" s="162"/>
      <c r="BT2844" s="162"/>
      <c r="BU2844" s="162"/>
      <c r="BV2844" s="162"/>
      <c r="BW2844" s="162"/>
      <c r="BX2844" s="162"/>
      <c r="BY2844" s="162"/>
      <c r="BZ2844" s="162"/>
      <c r="CA2844" s="162"/>
      <c r="CB2844" s="162"/>
      <c r="CC2844" s="162"/>
      <c r="CD2844" s="162"/>
      <c r="CE2844" s="162"/>
      <c r="CF2844" s="162"/>
      <c r="CG2844" s="162"/>
      <c r="CH2844" s="162"/>
      <c r="CI2844" s="162"/>
      <c r="CJ2844" s="162"/>
      <c r="CK2844" s="162"/>
      <c r="CX2844" s="98"/>
      <c r="DL2844" s="97"/>
      <c r="DX2844" s="98"/>
      <c r="EL2844" s="97"/>
      <c r="EX2844" s="98"/>
      <c r="EY2844" s="97"/>
      <c r="FL2844" s="126"/>
      <c r="FM2844" s="91"/>
      <c r="FN2844" s="91"/>
      <c r="FO2844" s="91"/>
      <c r="FP2844" s="91"/>
      <c r="FQ2844" s="91"/>
      <c r="FR2844" s="91"/>
      <c r="FS2844" s="91"/>
      <c r="FT2844" s="91"/>
      <c r="FU2844" s="91"/>
      <c r="FV2844" s="91"/>
      <c r="FW2844" s="91"/>
      <c r="FX2844" s="91"/>
      <c r="FY2844" s="91"/>
      <c r="FZ2844" s="91"/>
      <c r="GA2844" s="91"/>
      <c r="GB2844" s="91"/>
      <c r="GC2844" s="91"/>
      <c r="GD2844" s="91"/>
      <c r="GE2844" s="91"/>
      <c r="GF2844" s="91"/>
      <c r="GG2844" s="91"/>
      <c r="GH2844" s="91"/>
      <c r="GI2844" s="91"/>
      <c r="GJ2844" s="91"/>
      <c r="GK2844" s="127"/>
      <c r="GL2844" s="126"/>
      <c r="GM2844" s="91"/>
      <c r="GN2844" s="91"/>
      <c r="GO2844" s="91"/>
      <c r="GP2844" s="91"/>
      <c r="GQ2844" s="91"/>
      <c r="GR2844" s="91"/>
      <c r="GS2844" s="91"/>
      <c r="GT2844" s="91"/>
      <c r="GU2844" s="91"/>
      <c r="GV2844" s="91"/>
      <c r="GW2844" s="91"/>
      <c r="GX2844" s="91"/>
      <c r="GY2844" s="91"/>
      <c r="GZ2844" s="91"/>
      <c r="HA2844" s="91"/>
      <c r="HB2844" s="91"/>
      <c r="HC2844" s="91"/>
      <c r="HD2844" s="91"/>
      <c r="HE2844" s="91"/>
      <c r="HF2844" s="91"/>
      <c r="HG2844" s="91"/>
      <c r="HH2844" s="91"/>
      <c r="HI2844" s="91"/>
      <c r="HJ2844" s="91"/>
      <c r="HK2844" s="127"/>
      <c r="HL2844" s="126"/>
      <c r="HM2844" s="91"/>
      <c r="HN2844" s="91"/>
      <c r="HO2844" s="91"/>
      <c r="HP2844" s="91"/>
      <c r="HQ2844" s="91"/>
      <c r="HR2844" s="91"/>
      <c r="HS2844" s="91"/>
      <c r="HT2844" s="91"/>
      <c r="HU2844" s="91"/>
      <c r="HV2844" s="91"/>
      <c r="HW2844" s="91"/>
      <c r="HX2844" s="91"/>
      <c r="HY2844" s="91"/>
      <c r="HZ2844" s="91"/>
      <c r="IA2844" s="91"/>
      <c r="IB2844" s="91"/>
      <c r="IC2844" s="91"/>
      <c r="ID2844" s="91"/>
      <c r="IE2844" s="91"/>
      <c r="IF2844" s="91"/>
      <c r="IG2844" s="91"/>
      <c r="IH2844" s="91"/>
      <c r="II2844" s="91"/>
      <c r="IJ2844" s="91"/>
      <c r="IK2844" s="127"/>
    </row>
    <row r="2845" spans="2:245" x14ac:dyDescent="0.2">
      <c r="B2845" s="43"/>
      <c r="C2845" s="73"/>
      <c r="D2845" s="64"/>
      <c r="E2845" s="64"/>
      <c r="F2845" s="55"/>
      <c r="G2845" s="102"/>
      <c r="H2845" s="55"/>
      <c r="I2845" s="55"/>
      <c r="J2845" s="55"/>
      <c r="K2845" s="55"/>
      <c r="L2845" s="55"/>
      <c r="M2845" s="55"/>
      <c r="N2845" s="55"/>
      <c r="O2845" s="55"/>
      <c r="P2845" s="55"/>
      <c r="Q2845" s="55"/>
      <c r="R2845" s="55"/>
      <c r="S2845" s="55"/>
      <c r="T2845" s="55"/>
      <c r="U2845" s="55"/>
      <c r="V2845" s="55"/>
      <c r="W2845" s="55"/>
      <c r="X2845" s="55"/>
      <c r="Y2845" s="55"/>
      <c r="Z2845" s="55"/>
      <c r="AA2845" s="55"/>
      <c r="AB2845" s="55"/>
      <c r="AC2845" s="55"/>
      <c r="AD2845" s="55"/>
      <c r="AE2845" s="55"/>
      <c r="AF2845" s="55"/>
      <c r="AG2845" s="55"/>
      <c r="AY2845" s="162"/>
      <c r="AZ2845" s="162"/>
      <c r="BA2845" s="162"/>
      <c r="BB2845" s="162"/>
      <c r="BC2845" s="162"/>
      <c r="BD2845" s="162"/>
      <c r="BE2845" s="162"/>
      <c r="BF2845" s="162"/>
      <c r="BG2845" s="162"/>
      <c r="BH2845" s="162"/>
      <c r="BI2845" s="162"/>
      <c r="BJ2845" s="162"/>
      <c r="BK2845" s="162"/>
      <c r="BL2845" s="162"/>
      <c r="BM2845" s="162"/>
      <c r="BN2845" s="162"/>
      <c r="BO2845" s="162"/>
      <c r="BP2845" s="162"/>
      <c r="BQ2845" s="162"/>
      <c r="BR2845" s="162"/>
      <c r="BS2845" s="162"/>
      <c r="BT2845" s="162"/>
      <c r="BU2845" s="162"/>
      <c r="BV2845" s="162"/>
      <c r="BW2845" s="162"/>
      <c r="BX2845" s="162"/>
      <c r="BY2845" s="162"/>
      <c r="BZ2845" s="162"/>
      <c r="CA2845" s="162"/>
      <c r="CB2845" s="162"/>
      <c r="CC2845" s="162"/>
      <c r="CD2845" s="162"/>
      <c r="CE2845" s="162"/>
      <c r="CF2845" s="162"/>
      <c r="CG2845" s="162"/>
      <c r="CH2845" s="162"/>
      <c r="CI2845" s="162"/>
      <c r="CJ2845" s="162"/>
      <c r="CK2845" s="162"/>
      <c r="CX2845" s="98"/>
      <c r="DL2845" s="97"/>
      <c r="DX2845" s="98"/>
      <c r="EL2845" s="97"/>
      <c r="EX2845" s="98"/>
      <c r="EY2845" s="97"/>
      <c r="FL2845" s="126"/>
      <c r="FM2845" s="91"/>
      <c r="FN2845" s="91"/>
      <c r="FO2845" s="91"/>
      <c r="FP2845" s="91"/>
      <c r="FQ2845" s="91"/>
      <c r="FR2845" s="91"/>
      <c r="FS2845" s="91"/>
      <c r="FT2845" s="91"/>
      <c r="FU2845" s="91"/>
      <c r="FV2845" s="91"/>
      <c r="FW2845" s="91"/>
      <c r="FX2845" s="91"/>
      <c r="FY2845" s="91"/>
      <c r="FZ2845" s="91"/>
      <c r="GA2845" s="91"/>
      <c r="GB2845" s="91"/>
      <c r="GC2845" s="91"/>
      <c r="GD2845" s="91"/>
      <c r="GE2845" s="91"/>
      <c r="GF2845" s="91"/>
      <c r="GG2845" s="91"/>
      <c r="GH2845" s="91"/>
      <c r="GI2845" s="91"/>
      <c r="GJ2845" s="91"/>
      <c r="GK2845" s="127"/>
      <c r="GL2845" s="126"/>
      <c r="GM2845" s="91"/>
      <c r="GN2845" s="91"/>
      <c r="GO2845" s="91"/>
      <c r="GP2845" s="91"/>
      <c r="GQ2845" s="91"/>
      <c r="GR2845" s="91"/>
      <c r="GS2845" s="91"/>
      <c r="GT2845" s="91"/>
      <c r="GU2845" s="91"/>
      <c r="GV2845" s="91"/>
      <c r="GW2845" s="91"/>
      <c r="GX2845" s="91"/>
      <c r="GY2845" s="91"/>
      <c r="GZ2845" s="91"/>
      <c r="HA2845" s="91"/>
      <c r="HB2845" s="91"/>
      <c r="HC2845" s="91"/>
      <c r="HD2845" s="91"/>
      <c r="HE2845" s="91"/>
      <c r="HF2845" s="91"/>
      <c r="HG2845" s="91"/>
      <c r="HH2845" s="91"/>
      <c r="HI2845" s="91"/>
      <c r="HJ2845" s="91"/>
      <c r="HK2845" s="127"/>
      <c r="HL2845" s="126"/>
      <c r="HM2845" s="91"/>
      <c r="HN2845" s="91"/>
      <c r="HO2845" s="91"/>
      <c r="HP2845" s="91"/>
      <c r="HQ2845" s="91"/>
      <c r="HR2845" s="91"/>
      <c r="HS2845" s="91"/>
      <c r="HT2845" s="91"/>
      <c r="HU2845" s="91"/>
      <c r="HV2845" s="91"/>
      <c r="HW2845" s="91"/>
      <c r="HX2845" s="91"/>
      <c r="HY2845" s="91"/>
      <c r="HZ2845" s="91"/>
      <c r="IA2845" s="91"/>
      <c r="IB2845" s="91"/>
      <c r="IC2845" s="91"/>
      <c r="ID2845" s="91"/>
      <c r="IE2845" s="91"/>
      <c r="IF2845" s="91"/>
      <c r="IG2845" s="91"/>
      <c r="IH2845" s="91"/>
      <c r="II2845" s="91"/>
      <c r="IJ2845" s="91"/>
      <c r="IK2845" s="127"/>
    </row>
    <row r="2846" spans="2:245" x14ac:dyDescent="0.2">
      <c r="B2846" s="43"/>
      <c r="C2846" s="73"/>
      <c r="D2846" s="64"/>
      <c r="E2846" s="64"/>
      <c r="F2846" s="55"/>
      <c r="G2846" s="102"/>
      <c r="H2846" s="55"/>
      <c r="I2846" s="55"/>
      <c r="J2846" s="55"/>
      <c r="K2846" s="55"/>
      <c r="L2846" s="55"/>
      <c r="M2846" s="55"/>
      <c r="N2846" s="55"/>
      <c r="O2846" s="55"/>
      <c r="P2846" s="55"/>
      <c r="Q2846" s="55"/>
      <c r="R2846" s="55"/>
      <c r="S2846" s="55"/>
      <c r="T2846" s="55"/>
      <c r="U2846" s="55"/>
      <c r="V2846" s="55"/>
      <c r="W2846" s="55"/>
      <c r="X2846" s="55"/>
      <c r="Y2846" s="55"/>
      <c r="Z2846" s="55"/>
      <c r="AA2846" s="55"/>
      <c r="AB2846" s="55"/>
      <c r="AC2846" s="55"/>
      <c r="AD2846" s="55"/>
      <c r="AE2846" s="55"/>
      <c r="AF2846" s="55"/>
      <c r="AG2846" s="55"/>
      <c r="AY2846" s="162"/>
      <c r="AZ2846" s="162"/>
      <c r="BA2846" s="162"/>
      <c r="BB2846" s="162"/>
      <c r="BC2846" s="162"/>
      <c r="BD2846" s="162"/>
      <c r="BE2846" s="162"/>
      <c r="BF2846" s="162"/>
      <c r="BG2846" s="162"/>
      <c r="BH2846" s="162"/>
      <c r="BI2846" s="162"/>
      <c r="BJ2846" s="162"/>
      <c r="BK2846" s="162"/>
      <c r="BL2846" s="162"/>
      <c r="BM2846" s="162"/>
      <c r="BN2846" s="162"/>
      <c r="BO2846" s="162"/>
      <c r="BP2846" s="162"/>
      <c r="BQ2846" s="162"/>
      <c r="BR2846" s="162"/>
      <c r="BS2846" s="162"/>
      <c r="BT2846" s="162"/>
      <c r="BU2846" s="162"/>
      <c r="BV2846" s="162"/>
      <c r="BW2846" s="162"/>
      <c r="BX2846" s="162"/>
      <c r="BY2846" s="162"/>
      <c r="BZ2846" s="162"/>
      <c r="CA2846" s="162"/>
      <c r="CB2846" s="162"/>
      <c r="CC2846" s="162"/>
      <c r="CD2846" s="162"/>
      <c r="CE2846" s="162"/>
      <c r="CF2846" s="162"/>
      <c r="CG2846" s="162"/>
      <c r="CH2846" s="162"/>
      <c r="CI2846" s="162"/>
      <c r="CJ2846" s="162"/>
      <c r="CK2846" s="162"/>
      <c r="CX2846" s="98"/>
      <c r="DL2846" s="97"/>
      <c r="DX2846" s="98"/>
      <c r="EL2846" s="97"/>
      <c r="EX2846" s="98"/>
      <c r="EY2846" s="97"/>
      <c r="FL2846" s="126"/>
      <c r="FM2846" s="91"/>
      <c r="FN2846" s="91"/>
      <c r="FO2846" s="91"/>
      <c r="FP2846" s="91"/>
      <c r="FQ2846" s="91"/>
      <c r="FR2846" s="91"/>
      <c r="FS2846" s="91"/>
      <c r="FT2846" s="91"/>
      <c r="FU2846" s="91"/>
      <c r="FV2846" s="91"/>
      <c r="FW2846" s="91"/>
      <c r="FX2846" s="91"/>
      <c r="FY2846" s="91"/>
      <c r="FZ2846" s="91"/>
      <c r="GA2846" s="91"/>
      <c r="GB2846" s="91"/>
      <c r="GC2846" s="91"/>
      <c r="GD2846" s="91"/>
      <c r="GE2846" s="91"/>
      <c r="GF2846" s="91"/>
      <c r="GG2846" s="91"/>
      <c r="GH2846" s="91"/>
      <c r="GI2846" s="91"/>
      <c r="GJ2846" s="91"/>
      <c r="GK2846" s="127"/>
      <c r="GL2846" s="126"/>
      <c r="GM2846" s="91"/>
      <c r="GN2846" s="91"/>
      <c r="GO2846" s="91"/>
      <c r="GP2846" s="91"/>
      <c r="GQ2846" s="91"/>
      <c r="GR2846" s="91"/>
      <c r="GS2846" s="91"/>
      <c r="GT2846" s="91"/>
      <c r="GU2846" s="91"/>
      <c r="GV2846" s="91"/>
      <c r="GW2846" s="91"/>
      <c r="GX2846" s="91"/>
      <c r="GY2846" s="91"/>
      <c r="GZ2846" s="91"/>
      <c r="HA2846" s="91"/>
      <c r="HB2846" s="91"/>
      <c r="HC2846" s="91"/>
      <c r="HD2846" s="91"/>
      <c r="HE2846" s="91"/>
      <c r="HF2846" s="91"/>
      <c r="HG2846" s="91"/>
      <c r="HH2846" s="91"/>
      <c r="HI2846" s="91"/>
      <c r="HJ2846" s="91"/>
      <c r="HK2846" s="127"/>
      <c r="HL2846" s="126"/>
      <c r="HM2846" s="91"/>
      <c r="HN2846" s="91"/>
      <c r="HO2846" s="91"/>
      <c r="HP2846" s="91"/>
      <c r="HQ2846" s="91"/>
      <c r="HR2846" s="91"/>
      <c r="HS2846" s="91"/>
      <c r="HT2846" s="91"/>
      <c r="HU2846" s="91"/>
      <c r="HV2846" s="91"/>
      <c r="HW2846" s="91"/>
      <c r="HX2846" s="91"/>
      <c r="HY2846" s="91"/>
      <c r="HZ2846" s="91"/>
      <c r="IA2846" s="91"/>
      <c r="IB2846" s="91"/>
      <c r="IC2846" s="91"/>
      <c r="ID2846" s="91"/>
      <c r="IE2846" s="91"/>
      <c r="IF2846" s="91"/>
      <c r="IG2846" s="91"/>
      <c r="IH2846" s="91"/>
      <c r="II2846" s="91"/>
      <c r="IJ2846" s="91"/>
      <c r="IK2846" s="127"/>
    </row>
    <row r="2847" spans="2:245" x14ac:dyDescent="0.2">
      <c r="B2847" s="43"/>
      <c r="C2847" s="73"/>
      <c r="D2847" s="64"/>
      <c r="E2847" s="64"/>
      <c r="F2847" s="55"/>
      <c r="G2847" s="102"/>
      <c r="H2847" s="55"/>
      <c r="I2847" s="55"/>
      <c r="J2847" s="55"/>
      <c r="K2847" s="55"/>
      <c r="L2847" s="55"/>
      <c r="M2847" s="55"/>
      <c r="N2847" s="55"/>
      <c r="O2847" s="55"/>
      <c r="P2847" s="55"/>
      <c r="Q2847" s="55"/>
      <c r="R2847" s="55"/>
      <c r="S2847" s="55"/>
      <c r="T2847" s="55"/>
      <c r="U2847" s="55"/>
      <c r="V2847" s="55"/>
      <c r="W2847" s="55"/>
      <c r="X2847" s="55"/>
      <c r="Y2847" s="55"/>
      <c r="Z2847" s="55"/>
      <c r="AA2847" s="55"/>
      <c r="AB2847" s="55"/>
      <c r="AC2847" s="55"/>
      <c r="AD2847" s="55"/>
      <c r="AE2847" s="55"/>
      <c r="AF2847" s="55"/>
      <c r="AG2847" s="55"/>
      <c r="AY2847" s="162"/>
      <c r="AZ2847" s="162"/>
      <c r="BA2847" s="162"/>
      <c r="BB2847" s="162"/>
      <c r="BC2847" s="162"/>
      <c r="BD2847" s="162"/>
      <c r="BE2847" s="162"/>
      <c r="BF2847" s="162"/>
      <c r="BG2847" s="162"/>
      <c r="BH2847" s="162"/>
      <c r="BI2847" s="162"/>
      <c r="BJ2847" s="162"/>
      <c r="BK2847" s="162"/>
      <c r="BL2847" s="162"/>
      <c r="BM2847" s="162"/>
      <c r="BN2847" s="162"/>
      <c r="BO2847" s="162"/>
      <c r="BP2847" s="162"/>
      <c r="BQ2847" s="162"/>
      <c r="BR2847" s="162"/>
      <c r="BS2847" s="162"/>
      <c r="BT2847" s="162"/>
      <c r="BU2847" s="162"/>
      <c r="BV2847" s="162"/>
      <c r="BW2847" s="162"/>
      <c r="BX2847" s="162"/>
      <c r="BY2847" s="162"/>
      <c r="BZ2847" s="162"/>
      <c r="CA2847" s="162"/>
      <c r="CB2847" s="162"/>
      <c r="CC2847" s="162"/>
      <c r="CD2847" s="162"/>
      <c r="CE2847" s="162"/>
      <c r="CF2847" s="162"/>
      <c r="CG2847" s="162"/>
      <c r="CH2847" s="162"/>
      <c r="CI2847" s="162"/>
      <c r="CJ2847" s="162"/>
      <c r="CK2847" s="162"/>
      <c r="CX2847" s="98"/>
      <c r="DL2847" s="97"/>
      <c r="DX2847" s="98"/>
      <c r="EL2847" s="97"/>
      <c r="EX2847" s="98"/>
      <c r="EY2847" s="97"/>
      <c r="FL2847" s="126"/>
      <c r="FM2847" s="91"/>
      <c r="FN2847" s="91"/>
      <c r="FO2847" s="91"/>
      <c r="FP2847" s="91"/>
      <c r="FQ2847" s="91"/>
      <c r="FR2847" s="91"/>
      <c r="FS2847" s="91"/>
      <c r="FT2847" s="91"/>
      <c r="FU2847" s="91"/>
      <c r="FV2847" s="91"/>
      <c r="FW2847" s="91"/>
      <c r="FX2847" s="91"/>
      <c r="FY2847" s="91"/>
      <c r="FZ2847" s="91"/>
      <c r="GA2847" s="91"/>
      <c r="GB2847" s="91"/>
      <c r="GC2847" s="91"/>
      <c r="GD2847" s="91"/>
      <c r="GE2847" s="91"/>
      <c r="GF2847" s="91"/>
      <c r="GG2847" s="91"/>
      <c r="GH2847" s="91"/>
      <c r="GI2847" s="91"/>
      <c r="GJ2847" s="91"/>
      <c r="GK2847" s="127"/>
      <c r="GL2847" s="126"/>
      <c r="GM2847" s="91"/>
      <c r="GN2847" s="91"/>
      <c r="GO2847" s="91"/>
      <c r="GP2847" s="91"/>
      <c r="GQ2847" s="91"/>
      <c r="GR2847" s="91"/>
      <c r="GS2847" s="91"/>
      <c r="GT2847" s="91"/>
      <c r="GU2847" s="91"/>
      <c r="GV2847" s="91"/>
      <c r="GW2847" s="91"/>
      <c r="GX2847" s="91"/>
      <c r="GY2847" s="91"/>
      <c r="GZ2847" s="91"/>
      <c r="HA2847" s="91"/>
      <c r="HB2847" s="91"/>
      <c r="HC2847" s="91"/>
      <c r="HD2847" s="91"/>
      <c r="HE2847" s="91"/>
      <c r="HF2847" s="91"/>
      <c r="HG2847" s="91"/>
      <c r="HH2847" s="91"/>
      <c r="HI2847" s="91"/>
      <c r="HJ2847" s="91"/>
      <c r="HK2847" s="127"/>
      <c r="HL2847" s="126"/>
      <c r="HM2847" s="91"/>
      <c r="HN2847" s="91"/>
      <c r="HO2847" s="91"/>
      <c r="HP2847" s="91"/>
      <c r="HQ2847" s="91"/>
      <c r="HR2847" s="91"/>
      <c r="HS2847" s="91"/>
      <c r="HT2847" s="91"/>
      <c r="HU2847" s="91"/>
      <c r="HV2847" s="91"/>
      <c r="HW2847" s="91"/>
      <c r="HX2847" s="91"/>
      <c r="HY2847" s="91"/>
      <c r="HZ2847" s="91"/>
      <c r="IA2847" s="91"/>
      <c r="IB2847" s="91"/>
      <c r="IC2847" s="91"/>
      <c r="ID2847" s="91"/>
      <c r="IE2847" s="91"/>
      <c r="IF2847" s="91"/>
      <c r="IG2847" s="91"/>
      <c r="IH2847" s="91"/>
      <c r="II2847" s="91"/>
      <c r="IJ2847" s="91"/>
      <c r="IK2847" s="127"/>
    </row>
    <row r="2848" spans="2:245" x14ac:dyDescent="0.2">
      <c r="B2848" s="43"/>
      <c r="C2848" s="73"/>
      <c r="D2848" s="64"/>
      <c r="E2848" s="64"/>
      <c r="F2848" s="55"/>
      <c r="G2848" s="102"/>
      <c r="H2848" s="55"/>
      <c r="I2848" s="55"/>
      <c r="J2848" s="55"/>
      <c r="K2848" s="55"/>
      <c r="L2848" s="55"/>
      <c r="M2848" s="55"/>
      <c r="N2848" s="55"/>
      <c r="O2848" s="55"/>
      <c r="P2848" s="55"/>
      <c r="Q2848" s="55"/>
      <c r="R2848" s="55"/>
      <c r="S2848" s="55"/>
      <c r="T2848" s="55"/>
      <c r="U2848" s="55"/>
      <c r="V2848" s="55"/>
      <c r="W2848" s="55"/>
      <c r="X2848" s="55"/>
      <c r="Y2848" s="55"/>
      <c r="Z2848" s="55"/>
      <c r="AA2848" s="55"/>
      <c r="AB2848" s="55"/>
      <c r="AC2848" s="55"/>
      <c r="AD2848" s="55"/>
      <c r="AE2848" s="55"/>
      <c r="AF2848" s="55"/>
      <c r="AG2848" s="55"/>
      <c r="AY2848" s="162"/>
      <c r="AZ2848" s="162"/>
      <c r="BA2848" s="162"/>
      <c r="BB2848" s="162"/>
      <c r="BC2848" s="162"/>
      <c r="BD2848" s="162"/>
      <c r="BE2848" s="162"/>
      <c r="BF2848" s="162"/>
      <c r="BG2848" s="162"/>
      <c r="BH2848" s="162"/>
      <c r="BI2848" s="162"/>
      <c r="BJ2848" s="162"/>
      <c r="BK2848" s="162"/>
      <c r="BL2848" s="162"/>
      <c r="BM2848" s="162"/>
      <c r="BN2848" s="162"/>
      <c r="BO2848" s="162"/>
      <c r="BP2848" s="162"/>
      <c r="BQ2848" s="162"/>
      <c r="BR2848" s="162"/>
      <c r="BS2848" s="162"/>
      <c r="BT2848" s="162"/>
      <c r="BU2848" s="162"/>
      <c r="BV2848" s="162"/>
      <c r="BW2848" s="162"/>
      <c r="BX2848" s="162"/>
      <c r="BY2848" s="162"/>
      <c r="BZ2848" s="162"/>
      <c r="CA2848" s="162"/>
      <c r="CB2848" s="162"/>
      <c r="CC2848" s="162"/>
      <c r="CD2848" s="162"/>
      <c r="CE2848" s="162"/>
      <c r="CF2848" s="162"/>
      <c r="CG2848" s="162"/>
      <c r="CH2848" s="162"/>
      <c r="CI2848" s="162"/>
      <c r="CJ2848" s="162"/>
      <c r="CK2848" s="162"/>
      <c r="CX2848" s="98"/>
      <c r="DL2848" s="97"/>
      <c r="DX2848" s="98"/>
      <c r="EL2848" s="97"/>
      <c r="EX2848" s="98"/>
      <c r="EY2848" s="97"/>
      <c r="FL2848" s="126"/>
      <c r="FM2848" s="91"/>
      <c r="FN2848" s="91"/>
      <c r="FO2848" s="91"/>
      <c r="FP2848" s="91"/>
      <c r="FQ2848" s="91"/>
      <c r="FR2848" s="91"/>
      <c r="FS2848" s="91"/>
      <c r="FT2848" s="91"/>
      <c r="FU2848" s="91"/>
      <c r="FV2848" s="91"/>
      <c r="FW2848" s="91"/>
      <c r="FX2848" s="91"/>
      <c r="FY2848" s="91"/>
      <c r="FZ2848" s="91"/>
      <c r="GA2848" s="91"/>
      <c r="GB2848" s="91"/>
      <c r="GC2848" s="91"/>
      <c r="GD2848" s="91"/>
      <c r="GE2848" s="91"/>
      <c r="GF2848" s="91"/>
      <c r="GG2848" s="91"/>
      <c r="GH2848" s="91"/>
      <c r="GI2848" s="91"/>
      <c r="GJ2848" s="91"/>
      <c r="GK2848" s="127"/>
      <c r="GL2848" s="126"/>
      <c r="GM2848" s="91"/>
      <c r="GN2848" s="91"/>
      <c r="GO2848" s="91"/>
      <c r="GP2848" s="91"/>
      <c r="GQ2848" s="91"/>
      <c r="GR2848" s="91"/>
      <c r="GS2848" s="91"/>
      <c r="GT2848" s="91"/>
      <c r="GU2848" s="91"/>
      <c r="GV2848" s="91"/>
      <c r="GW2848" s="91"/>
      <c r="GX2848" s="91"/>
      <c r="GY2848" s="91"/>
      <c r="GZ2848" s="91"/>
      <c r="HA2848" s="91"/>
      <c r="HB2848" s="91"/>
      <c r="HC2848" s="91"/>
      <c r="HD2848" s="91"/>
      <c r="HE2848" s="91"/>
      <c r="HF2848" s="91"/>
      <c r="HG2848" s="91"/>
      <c r="HH2848" s="91"/>
      <c r="HI2848" s="91"/>
      <c r="HJ2848" s="91"/>
      <c r="HK2848" s="127"/>
      <c r="HL2848" s="126"/>
      <c r="HM2848" s="91"/>
      <c r="HN2848" s="91"/>
      <c r="HO2848" s="91"/>
      <c r="HP2848" s="91"/>
      <c r="HQ2848" s="91"/>
      <c r="HR2848" s="91"/>
      <c r="HS2848" s="91"/>
      <c r="HT2848" s="91"/>
      <c r="HU2848" s="91"/>
      <c r="HV2848" s="91"/>
      <c r="HW2848" s="91"/>
      <c r="HX2848" s="91"/>
      <c r="HY2848" s="91"/>
      <c r="HZ2848" s="91"/>
      <c r="IA2848" s="91"/>
      <c r="IB2848" s="91"/>
      <c r="IC2848" s="91"/>
      <c r="ID2848" s="91"/>
      <c r="IE2848" s="91"/>
      <c r="IF2848" s="91"/>
      <c r="IG2848" s="91"/>
      <c r="IH2848" s="91"/>
      <c r="II2848" s="91"/>
      <c r="IJ2848" s="91"/>
      <c r="IK2848" s="127"/>
    </row>
    <row r="2849" spans="2:245" x14ac:dyDescent="0.2">
      <c r="B2849" s="43"/>
      <c r="C2849" s="73"/>
      <c r="D2849" s="64"/>
      <c r="E2849" s="64"/>
      <c r="F2849" s="55"/>
      <c r="G2849" s="102"/>
      <c r="H2849" s="55"/>
      <c r="I2849" s="55"/>
      <c r="J2849" s="55"/>
      <c r="K2849" s="55"/>
      <c r="L2849" s="55"/>
      <c r="M2849" s="55"/>
      <c r="N2849" s="55"/>
      <c r="O2849" s="55"/>
      <c r="P2849" s="55"/>
      <c r="Q2849" s="55"/>
      <c r="R2849" s="55"/>
      <c r="S2849" s="55"/>
      <c r="T2849" s="55"/>
      <c r="U2849" s="55"/>
      <c r="V2849" s="55"/>
      <c r="W2849" s="55"/>
      <c r="X2849" s="55"/>
      <c r="Y2849" s="55"/>
      <c r="Z2849" s="55"/>
      <c r="AA2849" s="55"/>
      <c r="AB2849" s="55"/>
      <c r="AC2849" s="55"/>
      <c r="AD2849" s="55"/>
      <c r="AE2849" s="55"/>
      <c r="AF2849" s="55"/>
      <c r="AG2849" s="55"/>
      <c r="AY2849" s="162"/>
      <c r="AZ2849" s="162"/>
      <c r="BA2849" s="162"/>
      <c r="BB2849" s="162"/>
      <c r="BC2849" s="162"/>
      <c r="BD2849" s="162"/>
      <c r="BE2849" s="162"/>
      <c r="BF2849" s="162"/>
      <c r="BG2849" s="162"/>
      <c r="BH2849" s="162"/>
      <c r="BI2849" s="162"/>
      <c r="BJ2849" s="162"/>
      <c r="BK2849" s="162"/>
      <c r="BL2849" s="162"/>
      <c r="BM2849" s="162"/>
      <c r="BN2849" s="162"/>
      <c r="BO2849" s="162"/>
      <c r="BP2849" s="162"/>
      <c r="BQ2849" s="162"/>
      <c r="BR2849" s="162"/>
      <c r="BS2849" s="162"/>
      <c r="BT2849" s="162"/>
      <c r="BU2849" s="162"/>
      <c r="BV2849" s="162"/>
      <c r="BW2849" s="162"/>
      <c r="BX2849" s="162"/>
      <c r="BY2849" s="162"/>
      <c r="BZ2849" s="162"/>
      <c r="CA2849" s="162"/>
      <c r="CB2849" s="162"/>
      <c r="CC2849" s="162"/>
      <c r="CD2849" s="162"/>
      <c r="CE2849" s="162"/>
      <c r="CF2849" s="162"/>
      <c r="CG2849" s="162"/>
      <c r="CH2849" s="162"/>
      <c r="CI2849" s="162"/>
      <c r="CJ2849" s="162"/>
      <c r="CK2849" s="162"/>
      <c r="CX2849" s="98"/>
      <c r="DL2849" s="97"/>
      <c r="DX2849" s="98"/>
      <c r="EL2849" s="97"/>
      <c r="EX2849" s="98"/>
      <c r="EY2849" s="97"/>
      <c r="FL2849" s="126"/>
      <c r="FM2849" s="91"/>
      <c r="FN2849" s="91"/>
      <c r="FO2849" s="91"/>
      <c r="FP2849" s="91"/>
      <c r="FQ2849" s="91"/>
      <c r="FR2849" s="91"/>
      <c r="FS2849" s="91"/>
      <c r="FT2849" s="91"/>
      <c r="FU2849" s="91"/>
      <c r="FV2849" s="91"/>
      <c r="FW2849" s="91"/>
      <c r="FX2849" s="91"/>
      <c r="FY2849" s="91"/>
      <c r="FZ2849" s="91"/>
      <c r="GA2849" s="91"/>
      <c r="GB2849" s="91"/>
      <c r="GC2849" s="91"/>
      <c r="GD2849" s="91"/>
      <c r="GE2849" s="91"/>
      <c r="GF2849" s="91"/>
      <c r="GG2849" s="91"/>
      <c r="GH2849" s="91"/>
      <c r="GI2849" s="91"/>
      <c r="GJ2849" s="91"/>
      <c r="GK2849" s="127"/>
      <c r="GL2849" s="126"/>
      <c r="GM2849" s="91"/>
      <c r="GN2849" s="91"/>
      <c r="GO2849" s="91"/>
      <c r="GP2849" s="91"/>
      <c r="GQ2849" s="91"/>
      <c r="GR2849" s="91"/>
      <c r="GS2849" s="91"/>
      <c r="GT2849" s="91"/>
      <c r="GU2849" s="91"/>
      <c r="GV2849" s="91"/>
      <c r="GW2849" s="91"/>
      <c r="GX2849" s="91"/>
      <c r="GY2849" s="91"/>
      <c r="GZ2849" s="91"/>
      <c r="HA2849" s="91"/>
      <c r="HB2849" s="91"/>
      <c r="HC2849" s="91"/>
      <c r="HD2849" s="91"/>
      <c r="HE2849" s="91"/>
      <c r="HF2849" s="91"/>
      <c r="HG2849" s="91"/>
      <c r="HH2849" s="91"/>
      <c r="HI2849" s="91"/>
      <c r="HJ2849" s="91"/>
      <c r="HK2849" s="127"/>
      <c r="HL2849" s="126"/>
      <c r="HM2849" s="91"/>
      <c r="HN2849" s="91"/>
      <c r="HO2849" s="91"/>
      <c r="HP2849" s="91"/>
      <c r="HQ2849" s="91"/>
      <c r="HR2849" s="91"/>
      <c r="HS2849" s="91"/>
      <c r="HT2849" s="91"/>
      <c r="HU2849" s="91"/>
      <c r="HV2849" s="91"/>
      <c r="HW2849" s="91"/>
      <c r="HX2849" s="91"/>
      <c r="HY2849" s="91"/>
      <c r="HZ2849" s="91"/>
      <c r="IA2849" s="91"/>
      <c r="IB2849" s="91"/>
      <c r="IC2849" s="91"/>
      <c r="ID2849" s="91"/>
      <c r="IE2849" s="91"/>
      <c r="IF2849" s="91"/>
      <c r="IG2849" s="91"/>
      <c r="IH2849" s="91"/>
      <c r="II2849" s="91"/>
      <c r="IJ2849" s="91"/>
      <c r="IK2849" s="127"/>
    </row>
    <row r="2850" spans="2:245" x14ac:dyDescent="0.2">
      <c r="B2850" s="43"/>
      <c r="C2850" s="73"/>
      <c r="D2850" s="64"/>
      <c r="E2850" s="64"/>
      <c r="F2850" s="55"/>
      <c r="G2850" s="102"/>
      <c r="H2850" s="55"/>
      <c r="I2850" s="55"/>
      <c r="J2850" s="55"/>
      <c r="K2850" s="55"/>
      <c r="L2850" s="55"/>
      <c r="M2850" s="55"/>
      <c r="N2850" s="55"/>
      <c r="O2850" s="55"/>
      <c r="P2850" s="55"/>
      <c r="Q2850" s="55"/>
      <c r="R2850" s="55"/>
      <c r="S2850" s="55"/>
      <c r="T2850" s="55"/>
      <c r="U2850" s="55"/>
      <c r="V2850" s="55"/>
      <c r="W2850" s="55"/>
      <c r="X2850" s="55"/>
      <c r="Y2850" s="55"/>
      <c r="Z2850" s="55"/>
      <c r="AA2850" s="55"/>
      <c r="AB2850" s="55"/>
      <c r="AC2850" s="55"/>
      <c r="AD2850" s="55"/>
      <c r="AE2850" s="55"/>
      <c r="AF2850" s="55"/>
      <c r="AG2850" s="55"/>
      <c r="AY2850" s="162"/>
      <c r="AZ2850" s="162"/>
      <c r="BA2850" s="162"/>
      <c r="BB2850" s="162"/>
      <c r="BC2850" s="162"/>
      <c r="BD2850" s="162"/>
      <c r="BE2850" s="162"/>
      <c r="BF2850" s="162"/>
      <c r="BG2850" s="162"/>
      <c r="BH2850" s="162"/>
      <c r="BI2850" s="162"/>
      <c r="BJ2850" s="162"/>
      <c r="BK2850" s="162"/>
      <c r="BL2850" s="162"/>
      <c r="BM2850" s="162"/>
      <c r="BN2850" s="162"/>
      <c r="BO2850" s="162"/>
      <c r="BP2850" s="162"/>
      <c r="BQ2850" s="162"/>
      <c r="BR2850" s="162"/>
      <c r="BS2850" s="162"/>
      <c r="BT2850" s="162"/>
      <c r="BU2850" s="162"/>
      <c r="BV2850" s="162"/>
      <c r="BW2850" s="162"/>
      <c r="BX2850" s="162"/>
      <c r="BY2850" s="162"/>
      <c r="BZ2850" s="162"/>
      <c r="CA2850" s="162"/>
      <c r="CB2850" s="162"/>
      <c r="CC2850" s="162"/>
      <c r="CD2850" s="162"/>
      <c r="CE2850" s="162"/>
      <c r="CF2850" s="162"/>
      <c r="CG2850" s="162"/>
      <c r="CH2850" s="162"/>
      <c r="CI2850" s="162"/>
      <c r="CJ2850" s="162"/>
      <c r="CK2850" s="162"/>
      <c r="CX2850" s="98"/>
      <c r="DL2850" s="97"/>
      <c r="DX2850" s="98"/>
      <c r="EL2850" s="97"/>
      <c r="EX2850" s="98"/>
      <c r="EY2850" s="97"/>
      <c r="FL2850" s="126"/>
      <c r="FM2850" s="91"/>
      <c r="FN2850" s="91"/>
      <c r="FO2850" s="91"/>
      <c r="FP2850" s="91"/>
      <c r="FQ2850" s="91"/>
      <c r="FR2850" s="91"/>
      <c r="FS2850" s="91"/>
      <c r="FT2850" s="91"/>
      <c r="FU2850" s="91"/>
      <c r="FV2850" s="91"/>
      <c r="FW2850" s="91"/>
      <c r="FX2850" s="91"/>
      <c r="FY2850" s="91"/>
      <c r="FZ2850" s="91"/>
      <c r="GA2850" s="91"/>
      <c r="GB2850" s="91"/>
      <c r="GC2850" s="91"/>
      <c r="GD2850" s="91"/>
      <c r="GE2850" s="91"/>
      <c r="GF2850" s="91"/>
      <c r="GG2850" s="91"/>
      <c r="GH2850" s="91"/>
      <c r="GI2850" s="91"/>
      <c r="GJ2850" s="91"/>
      <c r="GK2850" s="127"/>
      <c r="GL2850" s="126"/>
      <c r="GM2850" s="91"/>
      <c r="GN2850" s="91"/>
      <c r="GO2850" s="91"/>
      <c r="GP2850" s="91"/>
      <c r="GQ2850" s="91"/>
      <c r="GR2850" s="91"/>
      <c r="GS2850" s="91"/>
      <c r="GT2850" s="91"/>
      <c r="GU2850" s="91"/>
      <c r="GV2850" s="91"/>
      <c r="GW2850" s="91"/>
      <c r="GX2850" s="91"/>
      <c r="GY2850" s="91"/>
      <c r="GZ2850" s="91"/>
      <c r="HA2850" s="91"/>
      <c r="HB2850" s="91"/>
      <c r="HC2850" s="91"/>
      <c r="HD2850" s="91"/>
      <c r="HE2850" s="91"/>
      <c r="HF2850" s="91"/>
      <c r="HG2850" s="91"/>
      <c r="HH2850" s="91"/>
      <c r="HI2850" s="91"/>
      <c r="HJ2850" s="91"/>
      <c r="HK2850" s="127"/>
      <c r="HL2850" s="126"/>
      <c r="HM2850" s="91"/>
      <c r="HN2850" s="91"/>
      <c r="HO2850" s="91"/>
      <c r="HP2850" s="91"/>
      <c r="HQ2850" s="91"/>
      <c r="HR2850" s="91"/>
      <c r="HS2850" s="91"/>
      <c r="HT2850" s="91"/>
      <c r="HU2850" s="91"/>
      <c r="HV2850" s="91"/>
      <c r="HW2850" s="91"/>
      <c r="HX2850" s="91"/>
      <c r="HY2850" s="91"/>
      <c r="HZ2850" s="91"/>
      <c r="IA2850" s="91"/>
      <c r="IB2850" s="91"/>
      <c r="IC2850" s="91"/>
      <c r="ID2850" s="91"/>
      <c r="IE2850" s="91"/>
      <c r="IF2850" s="91"/>
      <c r="IG2850" s="91"/>
      <c r="IH2850" s="91"/>
      <c r="II2850" s="91"/>
      <c r="IJ2850" s="91"/>
      <c r="IK2850" s="127"/>
    </row>
    <row r="2851" spans="2:245" x14ac:dyDescent="0.2">
      <c r="B2851" s="43"/>
      <c r="C2851" s="73"/>
      <c r="D2851" s="64"/>
      <c r="E2851" s="64"/>
      <c r="F2851" s="55"/>
      <c r="G2851" s="102"/>
      <c r="H2851" s="55"/>
      <c r="I2851" s="55"/>
      <c r="J2851" s="55"/>
      <c r="K2851" s="55"/>
      <c r="L2851" s="55"/>
      <c r="M2851" s="55"/>
      <c r="N2851" s="55"/>
      <c r="O2851" s="55"/>
      <c r="P2851" s="55"/>
      <c r="Q2851" s="55"/>
      <c r="R2851" s="55"/>
      <c r="S2851" s="55"/>
      <c r="T2851" s="55"/>
      <c r="U2851" s="55"/>
      <c r="V2851" s="55"/>
      <c r="W2851" s="55"/>
      <c r="X2851" s="55"/>
      <c r="Y2851" s="55"/>
      <c r="Z2851" s="55"/>
      <c r="AA2851" s="55"/>
      <c r="AB2851" s="55"/>
      <c r="AC2851" s="55"/>
      <c r="AD2851" s="55"/>
      <c r="AE2851" s="55"/>
      <c r="AF2851" s="55"/>
      <c r="AG2851" s="55"/>
      <c r="AY2851" s="162"/>
      <c r="AZ2851" s="162"/>
      <c r="BA2851" s="162"/>
      <c r="BB2851" s="162"/>
      <c r="BC2851" s="162"/>
      <c r="BD2851" s="162"/>
      <c r="BE2851" s="162"/>
      <c r="BF2851" s="162"/>
      <c r="BG2851" s="162"/>
      <c r="BH2851" s="162"/>
      <c r="BI2851" s="162"/>
      <c r="BJ2851" s="162"/>
      <c r="BK2851" s="162"/>
      <c r="BL2851" s="162"/>
      <c r="BM2851" s="162"/>
      <c r="BN2851" s="162"/>
      <c r="BO2851" s="162"/>
      <c r="BP2851" s="162"/>
      <c r="BQ2851" s="162"/>
      <c r="BR2851" s="162"/>
      <c r="BS2851" s="162"/>
      <c r="BT2851" s="162"/>
      <c r="BU2851" s="162"/>
      <c r="BV2851" s="162"/>
      <c r="BW2851" s="162"/>
      <c r="BX2851" s="162"/>
      <c r="BY2851" s="162"/>
      <c r="BZ2851" s="162"/>
      <c r="CA2851" s="162"/>
      <c r="CB2851" s="162"/>
      <c r="CC2851" s="162"/>
      <c r="CD2851" s="162"/>
      <c r="CE2851" s="162"/>
      <c r="CF2851" s="162"/>
      <c r="CG2851" s="162"/>
      <c r="CH2851" s="162"/>
      <c r="CI2851" s="162"/>
      <c r="CJ2851" s="162"/>
      <c r="CK2851" s="162"/>
      <c r="CX2851" s="98"/>
      <c r="DL2851" s="97"/>
      <c r="DX2851" s="98"/>
      <c r="EL2851" s="97"/>
      <c r="EX2851" s="98"/>
      <c r="EY2851" s="97"/>
      <c r="FL2851" s="126"/>
      <c r="FM2851" s="91"/>
      <c r="FN2851" s="91"/>
      <c r="FO2851" s="91"/>
      <c r="FP2851" s="91"/>
      <c r="FQ2851" s="91"/>
      <c r="FR2851" s="91"/>
      <c r="FS2851" s="91"/>
      <c r="FT2851" s="91"/>
      <c r="FU2851" s="91"/>
      <c r="FV2851" s="91"/>
      <c r="FW2851" s="91"/>
      <c r="FX2851" s="91"/>
      <c r="FY2851" s="91"/>
      <c r="FZ2851" s="91"/>
      <c r="GA2851" s="91"/>
      <c r="GB2851" s="91"/>
      <c r="GC2851" s="91"/>
      <c r="GD2851" s="91"/>
      <c r="GE2851" s="91"/>
      <c r="GF2851" s="91"/>
      <c r="GG2851" s="91"/>
      <c r="GH2851" s="91"/>
      <c r="GI2851" s="91"/>
      <c r="GJ2851" s="91"/>
      <c r="GK2851" s="127"/>
      <c r="GL2851" s="126"/>
      <c r="GM2851" s="91"/>
      <c r="GN2851" s="91"/>
      <c r="GO2851" s="91"/>
      <c r="GP2851" s="91"/>
      <c r="GQ2851" s="91"/>
      <c r="GR2851" s="91"/>
      <c r="GS2851" s="91"/>
      <c r="GT2851" s="91"/>
      <c r="GU2851" s="91"/>
      <c r="GV2851" s="91"/>
      <c r="GW2851" s="91"/>
      <c r="GX2851" s="91"/>
      <c r="GY2851" s="91"/>
      <c r="GZ2851" s="91"/>
      <c r="HA2851" s="91"/>
      <c r="HB2851" s="91"/>
      <c r="HC2851" s="91"/>
      <c r="HD2851" s="91"/>
      <c r="HE2851" s="91"/>
      <c r="HF2851" s="91"/>
      <c r="HG2851" s="91"/>
      <c r="HH2851" s="91"/>
      <c r="HI2851" s="91"/>
      <c r="HJ2851" s="91"/>
      <c r="HK2851" s="127"/>
      <c r="HL2851" s="126"/>
      <c r="HM2851" s="91"/>
      <c r="HN2851" s="91"/>
      <c r="HO2851" s="91"/>
      <c r="HP2851" s="91"/>
      <c r="HQ2851" s="91"/>
      <c r="HR2851" s="91"/>
      <c r="HS2851" s="91"/>
      <c r="HT2851" s="91"/>
      <c r="HU2851" s="91"/>
      <c r="HV2851" s="91"/>
      <c r="HW2851" s="91"/>
      <c r="HX2851" s="91"/>
      <c r="HY2851" s="91"/>
      <c r="HZ2851" s="91"/>
      <c r="IA2851" s="91"/>
      <c r="IB2851" s="91"/>
      <c r="IC2851" s="91"/>
      <c r="ID2851" s="91"/>
      <c r="IE2851" s="91"/>
      <c r="IF2851" s="91"/>
      <c r="IG2851" s="91"/>
      <c r="IH2851" s="91"/>
      <c r="II2851" s="91"/>
      <c r="IJ2851" s="91"/>
      <c r="IK2851" s="127"/>
    </row>
    <row r="2852" spans="2:245" x14ac:dyDescent="0.2">
      <c r="B2852" s="43"/>
      <c r="C2852" s="73"/>
      <c r="D2852" s="64"/>
      <c r="E2852" s="64"/>
      <c r="F2852" s="55"/>
      <c r="G2852" s="102"/>
      <c r="H2852" s="55"/>
      <c r="I2852" s="55"/>
      <c r="J2852" s="55"/>
      <c r="K2852" s="55"/>
      <c r="L2852" s="55"/>
      <c r="M2852" s="55"/>
      <c r="N2852" s="55"/>
      <c r="O2852" s="55"/>
      <c r="P2852" s="55"/>
      <c r="Q2852" s="55"/>
      <c r="R2852" s="55"/>
      <c r="S2852" s="55"/>
      <c r="T2852" s="55"/>
      <c r="U2852" s="55"/>
      <c r="V2852" s="55"/>
      <c r="W2852" s="55"/>
      <c r="X2852" s="55"/>
      <c r="Y2852" s="55"/>
      <c r="Z2852" s="55"/>
      <c r="AA2852" s="55"/>
      <c r="AB2852" s="55"/>
      <c r="AC2852" s="55"/>
      <c r="AD2852" s="55"/>
      <c r="AE2852" s="55"/>
      <c r="AF2852" s="55"/>
      <c r="AG2852" s="55"/>
      <c r="AY2852" s="162"/>
      <c r="AZ2852" s="162"/>
      <c r="BA2852" s="162"/>
      <c r="BB2852" s="162"/>
      <c r="BC2852" s="162"/>
      <c r="BD2852" s="162"/>
      <c r="BE2852" s="162"/>
      <c r="BF2852" s="162"/>
      <c r="BG2852" s="162"/>
      <c r="BH2852" s="162"/>
      <c r="BI2852" s="162"/>
      <c r="BJ2852" s="162"/>
      <c r="BK2852" s="162"/>
      <c r="BL2852" s="162"/>
      <c r="BM2852" s="162"/>
      <c r="BN2852" s="162"/>
      <c r="BO2852" s="162"/>
      <c r="BP2852" s="162"/>
      <c r="BQ2852" s="162"/>
      <c r="BR2852" s="162"/>
      <c r="BS2852" s="162"/>
      <c r="BT2852" s="162"/>
      <c r="BU2852" s="162"/>
      <c r="BV2852" s="162"/>
      <c r="BW2852" s="162"/>
      <c r="BX2852" s="162"/>
      <c r="BY2852" s="162"/>
      <c r="BZ2852" s="162"/>
      <c r="CA2852" s="162"/>
      <c r="CB2852" s="162"/>
      <c r="CC2852" s="162"/>
      <c r="CD2852" s="162"/>
      <c r="CE2852" s="162"/>
      <c r="CF2852" s="162"/>
      <c r="CG2852" s="162"/>
      <c r="CH2852" s="162"/>
      <c r="CI2852" s="162"/>
      <c r="CJ2852" s="162"/>
      <c r="CK2852" s="162"/>
      <c r="CX2852" s="98"/>
      <c r="DL2852" s="97"/>
      <c r="DX2852" s="98"/>
      <c r="EL2852" s="97"/>
      <c r="EX2852" s="98"/>
      <c r="EY2852" s="97"/>
      <c r="FL2852" s="126"/>
      <c r="FM2852" s="91"/>
      <c r="FN2852" s="91"/>
      <c r="FO2852" s="91"/>
      <c r="FP2852" s="91"/>
      <c r="FQ2852" s="91"/>
      <c r="FR2852" s="91"/>
      <c r="FS2852" s="91"/>
      <c r="FT2852" s="91"/>
      <c r="FU2852" s="91"/>
      <c r="FV2852" s="91"/>
      <c r="FW2852" s="91"/>
      <c r="FX2852" s="91"/>
      <c r="FY2852" s="91"/>
      <c r="FZ2852" s="91"/>
      <c r="GA2852" s="91"/>
      <c r="GB2852" s="91"/>
      <c r="GC2852" s="91"/>
      <c r="GD2852" s="91"/>
      <c r="GE2852" s="91"/>
      <c r="GF2852" s="91"/>
      <c r="GG2852" s="91"/>
      <c r="GH2852" s="91"/>
      <c r="GI2852" s="91"/>
      <c r="GJ2852" s="91"/>
      <c r="GK2852" s="127"/>
      <c r="GL2852" s="126"/>
      <c r="GM2852" s="91"/>
      <c r="GN2852" s="91"/>
      <c r="GO2852" s="91"/>
      <c r="GP2852" s="91"/>
      <c r="GQ2852" s="91"/>
      <c r="GR2852" s="91"/>
      <c r="GS2852" s="91"/>
      <c r="GT2852" s="91"/>
      <c r="GU2852" s="91"/>
      <c r="GV2852" s="91"/>
      <c r="GW2852" s="91"/>
      <c r="GX2852" s="91"/>
      <c r="GY2852" s="91"/>
      <c r="GZ2852" s="91"/>
      <c r="HA2852" s="91"/>
      <c r="HB2852" s="91"/>
      <c r="HC2852" s="91"/>
      <c r="HD2852" s="91"/>
      <c r="HE2852" s="91"/>
      <c r="HF2852" s="91"/>
      <c r="HG2852" s="91"/>
      <c r="HH2852" s="91"/>
      <c r="HI2852" s="91"/>
      <c r="HJ2852" s="91"/>
      <c r="HK2852" s="127"/>
      <c r="HL2852" s="126"/>
      <c r="HM2852" s="91"/>
      <c r="HN2852" s="91"/>
      <c r="HO2852" s="91"/>
      <c r="HP2852" s="91"/>
      <c r="HQ2852" s="91"/>
      <c r="HR2852" s="91"/>
      <c r="HS2852" s="91"/>
      <c r="HT2852" s="91"/>
      <c r="HU2852" s="91"/>
      <c r="HV2852" s="91"/>
      <c r="HW2852" s="91"/>
      <c r="HX2852" s="91"/>
      <c r="HY2852" s="91"/>
      <c r="HZ2852" s="91"/>
      <c r="IA2852" s="91"/>
      <c r="IB2852" s="91"/>
      <c r="IC2852" s="91"/>
      <c r="ID2852" s="91"/>
      <c r="IE2852" s="91"/>
      <c r="IF2852" s="91"/>
      <c r="IG2852" s="91"/>
      <c r="IH2852" s="91"/>
      <c r="II2852" s="91"/>
      <c r="IJ2852" s="91"/>
      <c r="IK2852" s="127"/>
    </row>
    <row r="2853" spans="2:245" x14ac:dyDescent="0.2">
      <c r="B2853" s="43"/>
      <c r="C2853" s="73"/>
      <c r="D2853" s="64"/>
      <c r="E2853" s="64"/>
      <c r="F2853" s="55"/>
      <c r="G2853" s="102"/>
      <c r="H2853" s="55"/>
      <c r="I2853" s="55"/>
      <c r="J2853" s="55"/>
      <c r="K2853" s="55"/>
      <c r="L2853" s="55"/>
      <c r="M2853" s="55"/>
      <c r="N2853" s="55"/>
      <c r="O2853" s="55"/>
      <c r="P2853" s="55"/>
      <c r="Q2853" s="55"/>
      <c r="R2853" s="55"/>
      <c r="S2853" s="55"/>
      <c r="T2853" s="55"/>
      <c r="U2853" s="55"/>
      <c r="V2853" s="55"/>
      <c r="W2853" s="55"/>
      <c r="X2853" s="55"/>
      <c r="Y2853" s="55"/>
      <c r="Z2853" s="55"/>
      <c r="AA2853" s="55"/>
      <c r="AB2853" s="55"/>
      <c r="AC2853" s="55"/>
      <c r="AD2853" s="55"/>
      <c r="AE2853" s="55"/>
      <c r="AF2853" s="55"/>
      <c r="AG2853" s="55"/>
      <c r="AY2853" s="162"/>
      <c r="AZ2853" s="162"/>
      <c r="BA2853" s="162"/>
      <c r="BB2853" s="162"/>
      <c r="BC2853" s="162"/>
      <c r="BD2853" s="162"/>
      <c r="BE2853" s="162"/>
      <c r="BF2853" s="162"/>
      <c r="BG2853" s="162"/>
      <c r="BH2853" s="162"/>
      <c r="BI2853" s="162"/>
      <c r="BJ2853" s="162"/>
      <c r="BK2853" s="162"/>
      <c r="BL2853" s="162"/>
      <c r="BM2853" s="162"/>
      <c r="BN2853" s="162"/>
      <c r="BO2853" s="162"/>
      <c r="BP2853" s="162"/>
      <c r="BQ2853" s="162"/>
      <c r="BR2853" s="162"/>
      <c r="BS2853" s="162"/>
      <c r="BT2853" s="162"/>
      <c r="BU2853" s="162"/>
      <c r="BV2853" s="162"/>
      <c r="BW2853" s="162"/>
      <c r="BX2853" s="162"/>
      <c r="BY2853" s="162"/>
      <c r="BZ2853" s="162"/>
      <c r="CA2853" s="162"/>
      <c r="CB2853" s="162"/>
      <c r="CC2853" s="162"/>
      <c r="CD2853" s="162"/>
      <c r="CE2853" s="162"/>
      <c r="CF2853" s="162"/>
      <c r="CG2853" s="162"/>
      <c r="CH2853" s="162"/>
      <c r="CI2853" s="162"/>
      <c r="CJ2853" s="162"/>
      <c r="CK2853" s="162"/>
      <c r="CX2853" s="98"/>
      <c r="DL2853" s="97"/>
      <c r="DX2853" s="98"/>
      <c r="EL2853" s="97"/>
      <c r="EX2853" s="98"/>
      <c r="EY2853" s="97"/>
      <c r="FL2853" s="126"/>
      <c r="FM2853" s="91"/>
      <c r="FN2853" s="91"/>
      <c r="FO2853" s="91"/>
      <c r="FP2853" s="91"/>
      <c r="FQ2853" s="91"/>
      <c r="FR2853" s="91"/>
      <c r="FS2853" s="91"/>
      <c r="FT2853" s="91"/>
      <c r="FU2853" s="91"/>
      <c r="FV2853" s="91"/>
      <c r="FW2853" s="91"/>
      <c r="FX2853" s="91"/>
      <c r="FY2853" s="91"/>
      <c r="FZ2853" s="91"/>
      <c r="GA2853" s="91"/>
      <c r="GB2853" s="91"/>
      <c r="GC2853" s="91"/>
      <c r="GD2853" s="91"/>
      <c r="GE2853" s="91"/>
      <c r="GF2853" s="91"/>
      <c r="GG2853" s="91"/>
      <c r="GH2853" s="91"/>
      <c r="GI2853" s="91"/>
      <c r="GJ2853" s="91"/>
      <c r="GK2853" s="127"/>
      <c r="GL2853" s="126"/>
      <c r="GM2853" s="91"/>
      <c r="GN2853" s="91"/>
      <c r="GO2853" s="91"/>
      <c r="GP2853" s="91"/>
      <c r="GQ2853" s="91"/>
      <c r="GR2853" s="91"/>
      <c r="GS2853" s="91"/>
      <c r="GT2853" s="91"/>
      <c r="GU2853" s="91"/>
      <c r="GV2853" s="91"/>
      <c r="GW2853" s="91"/>
      <c r="GX2853" s="91"/>
      <c r="GY2853" s="91"/>
      <c r="GZ2853" s="91"/>
      <c r="HA2853" s="91"/>
      <c r="HB2853" s="91"/>
      <c r="HC2853" s="91"/>
      <c r="HD2853" s="91"/>
      <c r="HE2853" s="91"/>
      <c r="HF2853" s="91"/>
      <c r="HG2853" s="91"/>
      <c r="HH2853" s="91"/>
      <c r="HI2853" s="91"/>
      <c r="HJ2853" s="91"/>
      <c r="HK2853" s="127"/>
      <c r="HL2853" s="126"/>
      <c r="HM2853" s="91"/>
      <c r="HN2853" s="91"/>
      <c r="HO2853" s="91"/>
      <c r="HP2853" s="91"/>
      <c r="HQ2853" s="91"/>
      <c r="HR2853" s="91"/>
      <c r="HS2853" s="91"/>
      <c r="HT2853" s="91"/>
      <c r="HU2853" s="91"/>
      <c r="HV2853" s="91"/>
      <c r="HW2853" s="91"/>
      <c r="HX2853" s="91"/>
      <c r="HY2853" s="91"/>
      <c r="HZ2853" s="91"/>
      <c r="IA2853" s="91"/>
      <c r="IB2853" s="91"/>
      <c r="IC2853" s="91"/>
      <c r="ID2853" s="91"/>
      <c r="IE2853" s="91"/>
      <c r="IF2853" s="91"/>
      <c r="IG2853" s="91"/>
      <c r="IH2853" s="91"/>
      <c r="II2853" s="91"/>
      <c r="IJ2853" s="91"/>
      <c r="IK2853" s="127"/>
    </row>
    <row r="2854" spans="2:245" x14ac:dyDescent="0.2">
      <c r="B2854" s="43"/>
      <c r="C2854" s="73"/>
      <c r="D2854" s="64"/>
      <c r="E2854" s="64"/>
      <c r="F2854" s="55"/>
      <c r="G2854" s="102"/>
      <c r="H2854" s="55"/>
      <c r="I2854" s="55"/>
      <c r="J2854" s="55"/>
      <c r="K2854" s="55"/>
      <c r="L2854" s="55"/>
      <c r="M2854" s="55"/>
      <c r="N2854" s="55"/>
      <c r="O2854" s="55"/>
      <c r="P2854" s="55"/>
      <c r="Q2854" s="55"/>
      <c r="R2854" s="55"/>
      <c r="S2854" s="55"/>
      <c r="T2854" s="55"/>
      <c r="U2854" s="55"/>
      <c r="V2854" s="55"/>
      <c r="W2854" s="55"/>
      <c r="X2854" s="55"/>
      <c r="Y2854" s="55"/>
      <c r="Z2854" s="55"/>
      <c r="AA2854" s="55"/>
      <c r="AB2854" s="55"/>
      <c r="AC2854" s="55"/>
      <c r="AD2854" s="55"/>
      <c r="AE2854" s="55"/>
      <c r="AF2854" s="55"/>
      <c r="AG2854" s="55"/>
      <c r="AY2854" s="162"/>
      <c r="AZ2854" s="162"/>
      <c r="BA2854" s="162"/>
      <c r="BB2854" s="162"/>
      <c r="BC2854" s="162"/>
      <c r="BD2854" s="162"/>
      <c r="BE2854" s="162"/>
      <c r="BF2854" s="162"/>
      <c r="BG2854" s="162"/>
      <c r="BH2854" s="162"/>
      <c r="BI2854" s="162"/>
      <c r="BJ2854" s="162"/>
      <c r="BK2854" s="162"/>
      <c r="BL2854" s="162"/>
      <c r="BM2854" s="162"/>
      <c r="BN2854" s="162"/>
      <c r="BO2854" s="162"/>
      <c r="BP2854" s="162"/>
      <c r="BQ2854" s="162"/>
      <c r="BR2854" s="162"/>
      <c r="BS2854" s="162"/>
      <c r="BT2854" s="162"/>
      <c r="BU2854" s="162"/>
      <c r="BV2854" s="162"/>
      <c r="BW2854" s="162"/>
      <c r="BX2854" s="162"/>
      <c r="BY2854" s="162"/>
      <c r="BZ2854" s="162"/>
      <c r="CA2854" s="162"/>
      <c r="CB2854" s="162"/>
      <c r="CC2854" s="162"/>
      <c r="CD2854" s="162"/>
      <c r="CE2854" s="162"/>
      <c r="CF2854" s="162"/>
      <c r="CG2854" s="162"/>
      <c r="CH2854" s="162"/>
      <c r="CI2854" s="162"/>
      <c r="CJ2854" s="162"/>
      <c r="CK2854" s="162"/>
      <c r="CX2854" s="98"/>
      <c r="DL2854" s="97"/>
      <c r="DX2854" s="98"/>
      <c r="EL2854" s="97"/>
      <c r="EX2854" s="98"/>
      <c r="EY2854" s="97"/>
      <c r="FL2854" s="126"/>
      <c r="FM2854" s="91"/>
      <c r="FN2854" s="91"/>
      <c r="FO2854" s="91"/>
      <c r="FP2854" s="91"/>
      <c r="FQ2854" s="91"/>
      <c r="FR2854" s="91"/>
      <c r="FS2854" s="91"/>
      <c r="FT2854" s="91"/>
      <c r="FU2854" s="91"/>
      <c r="FV2854" s="91"/>
      <c r="FW2854" s="91"/>
      <c r="FX2854" s="91"/>
      <c r="FY2854" s="91"/>
      <c r="FZ2854" s="91"/>
      <c r="GA2854" s="91"/>
      <c r="GB2854" s="91"/>
      <c r="GC2854" s="91"/>
      <c r="GD2854" s="91"/>
      <c r="GE2854" s="91"/>
      <c r="GF2854" s="91"/>
      <c r="GG2854" s="91"/>
      <c r="GH2854" s="91"/>
      <c r="GI2854" s="91"/>
      <c r="GJ2854" s="91"/>
      <c r="GK2854" s="127"/>
      <c r="GL2854" s="126"/>
      <c r="GM2854" s="91"/>
      <c r="GN2854" s="91"/>
      <c r="GO2854" s="91"/>
      <c r="GP2854" s="91"/>
      <c r="GQ2854" s="91"/>
      <c r="GR2854" s="91"/>
      <c r="GS2854" s="91"/>
      <c r="GT2854" s="91"/>
      <c r="GU2854" s="91"/>
      <c r="GV2854" s="91"/>
      <c r="GW2854" s="91"/>
      <c r="GX2854" s="91"/>
      <c r="GY2854" s="91"/>
      <c r="GZ2854" s="91"/>
      <c r="HA2854" s="91"/>
      <c r="HB2854" s="91"/>
      <c r="HC2854" s="91"/>
      <c r="HD2854" s="91"/>
      <c r="HE2854" s="91"/>
      <c r="HF2854" s="91"/>
      <c r="HG2854" s="91"/>
      <c r="HH2854" s="91"/>
      <c r="HI2854" s="91"/>
      <c r="HJ2854" s="91"/>
      <c r="HK2854" s="127"/>
      <c r="HL2854" s="126"/>
      <c r="HM2854" s="91"/>
      <c r="HN2854" s="91"/>
      <c r="HO2854" s="91"/>
      <c r="HP2854" s="91"/>
      <c r="HQ2854" s="91"/>
      <c r="HR2854" s="91"/>
      <c r="HS2854" s="91"/>
      <c r="HT2854" s="91"/>
      <c r="HU2854" s="91"/>
      <c r="HV2854" s="91"/>
      <c r="HW2854" s="91"/>
      <c r="HX2854" s="91"/>
      <c r="HY2854" s="91"/>
      <c r="HZ2854" s="91"/>
      <c r="IA2854" s="91"/>
      <c r="IB2854" s="91"/>
      <c r="IC2854" s="91"/>
      <c r="ID2854" s="91"/>
      <c r="IE2854" s="91"/>
      <c r="IF2854" s="91"/>
      <c r="IG2854" s="91"/>
      <c r="IH2854" s="91"/>
      <c r="II2854" s="91"/>
      <c r="IJ2854" s="91"/>
      <c r="IK2854" s="127"/>
    </row>
    <row r="2855" spans="2:245" x14ac:dyDescent="0.2">
      <c r="B2855" s="43"/>
      <c r="C2855" s="73"/>
      <c r="D2855" s="64"/>
      <c r="E2855" s="64"/>
      <c r="F2855" s="55"/>
      <c r="G2855" s="102"/>
      <c r="H2855" s="55"/>
      <c r="I2855" s="55"/>
      <c r="J2855" s="55"/>
      <c r="K2855" s="55"/>
      <c r="L2855" s="55"/>
      <c r="M2855" s="55"/>
      <c r="N2855" s="55"/>
      <c r="O2855" s="55"/>
      <c r="P2855" s="55"/>
      <c r="Q2855" s="55"/>
      <c r="R2855" s="55"/>
      <c r="S2855" s="55"/>
      <c r="T2855" s="55"/>
      <c r="U2855" s="55"/>
      <c r="V2855" s="55"/>
      <c r="W2855" s="55"/>
      <c r="X2855" s="55"/>
      <c r="Y2855" s="55"/>
      <c r="Z2855" s="55"/>
      <c r="AA2855" s="55"/>
      <c r="AB2855" s="55"/>
      <c r="AC2855" s="55"/>
      <c r="AD2855" s="55"/>
      <c r="AE2855" s="55"/>
      <c r="AF2855" s="55"/>
      <c r="AG2855" s="55"/>
      <c r="AY2855" s="162"/>
      <c r="AZ2855" s="162"/>
      <c r="BA2855" s="162"/>
      <c r="BB2855" s="162"/>
      <c r="BC2855" s="162"/>
      <c r="BD2855" s="162"/>
      <c r="BE2855" s="162"/>
      <c r="BF2855" s="162"/>
      <c r="BG2855" s="162"/>
      <c r="BH2855" s="162"/>
      <c r="BI2855" s="162"/>
      <c r="BJ2855" s="162"/>
      <c r="BK2855" s="162"/>
      <c r="BL2855" s="162"/>
      <c r="BM2855" s="162"/>
      <c r="BN2855" s="162"/>
      <c r="BO2855" s="162"/>
      <c r="BP2855" s="162"/>
      <c r="BQ2855" s="162"/>
      <c r="BR2855" s="162"/>
      <c r="BS2855" s="162"/>
      <c r="BT2855" s="162"/>
      <c r="BU2855" s="162"/>
      <c r="BV2855" s="162"/>
      <c r="BW2855" s="162"/>
      <c r="BX2855" s="162"/>
      <c r="BY2855" s="162"/>
      <c r="BZ2855" s="162"/>
      <c r="CA2855" s="162"/>
      <c r="CB2855" s="162"/>
      <c r="CC2855" s="162"/>
      <c r="CD2855" s="162"/>
      <c r="CE2855" s="162"/>
      <c r="CF2855" s="162"/>
      <c r="CG2855" s="162"/>
      <c r="CH2855" s="162"/>
      <c r="CI2855" s="162"/>
      <c r="CJ2855" s="162"/>
      <c r="CK2855" s="162"/>
      <c r="CX2855" s="98"/>
      <c r="DL2855" s="97"/>
      <c r="DX2855" s="98"/>
      <c r="EL2855" s="97"/>
      <c r="EX2855" s="98"/>
      <c r="EY2855" s="97"/>
      <c r="FL2855" s="126"/>
      <c r="FM2855" s="91"/>
      <c r="FN2855" s="91"/>
      <c r="FO2855" s="91"/>
      <c r="FP2855" s="91"/>
      <c r="FQ2855" s="91"/>
      <c r="FR2855" s="91"/>
      <c r="FS2855" s="91"/>
      <c r="FT2855" s="91"/>
      <c r="FU2855" s="91"/>
      <c r="FV2855" s="91"/>
      <c r="FW2855" s="91"/>
      <c r="FX2855" s="91"/>
      <c r="FY2855" s="91"/>
      <c r="FZ2855" s="91"/>
      <c r="GA2855" s="91"/>
      <c r="GB2855" s="91"/>
      <c r="GC2855" s="91"/>
      <c r="GD2855" s="91"/>
      <c r="GE2855" s="91"/>
      <c r="GF2855" s="91"/>
      <c r="GG2855" s="91"/>
      <c r="GH2855" s="91"/>
      <c r="GI2855" s="91"/>
      <c r="GJ2855" s="91"/>
      <c r="GK2855" s="127"/>
      <c r="GL2855" s="126"/>
      <c r="GM2855" s="91"/>
      <c r="GN2855" s="91"/>
      <c r="GO2855" s="91"/>
      <c r="GP2855" s="91"/>
      <c r="GQ2855" s="91"/>
      <c r="GR2855" s="91"/>
      <c r="GS2855" s="91"/>
      <c r="GT2855" s="91"/>
      <c r="GU2855" s="91"/>
      <c r="GV2855" s="91"/>
      <c r="GW2855" s="91"/>
      <c r="GX2855" s="91"/>
      <c r="GY2855" s="91"/>
      <c r="GZ2855" s="91"/>
      <c r="HA2855" s="91"/>
      <c r="HB2855" s="91"/>
      <c r="HC2855" s="91"/>
      <c r="HD2855" s="91"/>
      <c r="HE2855" s="91"/>
      <c r="HF2855" s="91"/>
      <c r="HG2855" s="91"/>
      <c r="HH2855" s="91"/>
      <c r="HI2855" s="91"/>
      <c r="HJ2855" s="91"/>
      <c r="HK2855" s="127"/>
      <c r="HL2855" s="126"/>
      <c r="HM2855" s="91"/>
      <c r="HN2855" s="91"/>
      <c r="HO2855" s="91"/>
      <c r="HP2855" s="91"/>
      <c r="HQ2855" s="91"/>
      <c r="HR2855" s="91"/>
      <c r="HS2855" s="91"/>
      <c r="HT2855" s="91"/>
      <c r="HU2855" s="91"/>
      <c r="HV2855" s="91"/>
      <c r="HW2855" s="91"/>
      <c r="HX2855" s="91"/>
      <c r="HY2855" s="91"/>
      <c r="HZ2855" s="91"/>
      <c r="IA2855" s="91"/>
      <c r="IB2855" s="91"/>
      <c r="IC2855" s="91"/>
      <c r="ID2855" s="91"/>
      <c r="IE2855" s="91"/>
      <c r="IF2855" s="91"/>
      <c r="IG2855" s="91"/>
      <c r="IH2855" s="91"/>
      <c r="II2855" s="91"/>
      <c r="IJ2855" s="91"/>
      <c r="IK2855" s="127"/>
    </row>
    <row r="2856" spans="2:245" x14ac:dyDescent="0.2">
      <c r="B2856" s="43"/>
      <c r="C2856" s="73"/>
      <c r="D2856" s="64"/>
      <c r="E2856" s="64"/>
      <c r="F2856" s="55"/>
      <c r="G2856" s="102"/>
      <c r="H2856" s="55"/>
      <c r="I2856" s="55"/>
      <c r="J2856" s="55"/>
      <c r="K2856" s="55"/>
      <c r="L2856" s="55"/>
      <c r="M2856" s="55"/>
      <c r="N2856" s="55"/>
      <c r="O2856" s="55"/>
      <c r="P2856" s="55"/>
      <c r="Q2856" s="55"/>
      <c r="R2856" s="55"/>
      <c r="S2856" s="55"/>
      <c r="T2856" s="55"/>
      <c r="U2856" s="55"/>
      <c r="V2856" s="55"/>
      <c r="W2856" s="55"/>
      <c r="X2856" s="55"/>
      <c r="Y2856" s="55"/>
      <c r="Z2856" s="55"/>
      <c r="AA2856" s="55"/>
      <c r="AB2856" s="55"/>
      <c r="AC2856" s="55"/>
      <c r="AD2856" s="55"/>
      <c r="AE2856" s="55"/>
      <c r="AF2856" s="55"/>
      <c r="AG2856" s="55"/>
      <c r="AY2856" s="162"/>
      <c r="AZ2856" s="162"/>
      <c r="BA2856" s="162"/>
      <c r="BB2856" s="162"/>
      <c r="BC2856" s="162"/>
      <c r="BD2856" s="162"/>
      <c r="BE2856" s="162"/>
      <c r="BF2856" s="162"/>
      <c r="BG2856" s="162"/>
      <c r="BH2856" s="162"/>
      <c r="BI2856" s="162"/>
      <c r="BJ2856" s="162"/>
      <c r="BK2856" s="162"/>
      <c r="BL2856" s="162"/>
      <c r="BM2856" s="162"/>
      <c r="BN2856" s="162"/>
      <c r="BO2856" s="162"/>
      <c r="BP2856" s="162"/>
      <c r="BQ2856" s="162"/>
      <c r="BR2856" s="162"/>
      <c r="BS2856" s="162"/>
      <c r="BT2856" s="162"/>
      <c r="BU2856" s="162"/>
      <c r="BV2856" s="162"/>
      <c r="BW2856" s="162"/>
      <c r="BX2856" s="162"/>
      <c r="BY2856" s="162"/>
      <c r="BZ2856" s="162"/>
      <c r="CA2856" s="162"/>
      <c r="CB2856" s="162"/>
      <c r="CC2856" s="162"/>
      <c r="CD2856" s="162"/>
      <c r="CE2856" s="162"/>
      <c r="CF2856" s="162"/>
      <c r="CG2856" s="162"/>
      <c r="CH2856" s="162"/>
      <c r="CI2856" s="162"/>
      <c r="CJ2856" s="162"/>
      <c r="CK2856" s="162"/>
      <c r="CX2856" s="98"/>
      <c r="DL2856" s="97"/>
      <c r="DX2856" s="98"/>
      <c r="EL2856" s="97"/>
      <c r="EX2856" s="98"/>
      <c r="EY2856" s="97"/>
      <c r="FL2856" s="126"/>
      <c r="FM2856" s="91"/>
      <c r="FN2856" s="91"/>
      <c r="FO2856" s="91"/>
      <c r="FP2856" s="91"/>
      <c r="FQ2856" s="91"/>
      <c r="FR2856" s="91"/>
      <c r="FS2856" s="91"/>
      <c r="FT2856" s="91"/>
      <c r="FU2856" s="91"/>
      <c r="FV2856" s="91"/>
      <c r="FW2856" s="91"/>
      <c r="FX2856" s="91"/>
      <c r="FY2856" s="91"/>
      <c r="FZ2856" s="91"/>
      <c r="GA2856" s="91"/>
      <c r="GB2856" s="91"/>
      <c r="GC2856" s="91"/>
      <c r="GD2856" s="91"/>
      <c r="GE2856" s="91"/>
      <c r="GF2856" s="91"/>
      <c r="GG2856" s="91"/>
      <c r="GH2856" s="91"/>
      <c r="GI2856" s="91"/>
      <c r="GJ2856" s="91"/>
      <c r="GK2856" s="127"/>
      <c r="GL2856" s="126"/>
      <c r="GM2856" s="91"/>
      <c r="GN2856" s="91"/>
      <c r="GO2856" s="91"/>
      <c r="GP2856" s="91"/>
      <c r="GQ2856" s="91"/>
      <c r="GR2856" s="91"/>
      <c r="GS2856" s="91"/>
      <c r="GT2856" s="91"/>
      <c r="GU2856" s="91"/>
      <c r="GV2856" s="91"/>
      <c r="GW2856" s="91"/>
      <c r="GX2856" s="91"/>
      <c r="GY2856" s="91"/>
      <c r="GZ2856" s="91"/>
      <c r="HA2856" s="91"/>
      <c r="HB2856" s="91"/>
      <c r="HC2856" s="91"/>
      <c r="HD2856" s="91"/>
      <c r="HE2856" s="91"/>
      <c r="HF2856" s="91"/>
      <c r="HG2856" s="91"/>
      <c r="HH2856" s="91"/>
      <c r="HI2856" s="91"/>
      <c r="HJ2856" s="91"/>
      <c r="HK2856" s="127"/>
      <c r="HL2856" s="126"/>
      <c r="HM2856" s="91"/>
      <c r="HN2856" s="91"/>
      <c r="HO2856" s="91"/>
      <c r="HP2856" s="91"/>
      <c r="HQ2856" s="91"/>
      <c r="HR2856" s="91"/>
      <c r="HS2856" s="91"/>
      <c r="HT2856" s="91"/>
      <c r="HU2856" s="91"/>
      <c r="HV2856" s="91"/>
      <c r="HW2856" s="91"/>
      <c r="HX2856" s="91"/>
      <c r="HY2856" s="91"/>
      <c r="HZ2856" s="91"/>
      <c r="IA2856" s="91"/>
      <c r="IB2856" s="91"/>
      <c r="IC2856" s="91"/>
      <c r="ID2856" s="91"/>
      <c r="IE2856" s="91"/>
      <c r="IF2856" s="91"/>
      <c r="IG2856" s="91"/>
      <c r="IH2856" s="91"/>
      <c r="II2856" s="91"/>
      <c r="IJ2856" s="91"/>
      <c r="IK2856" s="127"/>
    </row>
    <row r="2857" spans="2:245" x14ac:dyDescent="0.2">
      <c r="B2857" s="43"/>
      <c r="C2857" s="73"/>
      <c r="D2857" s="64"/>
      <c r="E2857" s="64"/>
      <c r="F2857" s="55"/>
      <c r="G2857" s="102"/>
      <c r="H2857" s="55"/>
      <c r="I2857" s="55"/>
      <c r="J2857" s="55"/>
      <c r="K2857" s="55"/>
      <c r="L2857" s="55"/>
      <c r="M2857" s="55"/>
      <c r="N2857" s="55"/>
      <c r="O2857" s="55"/>
      <c r="P2857" s="55"/>
      <c r="Q2857" s="55"/>
      <c r="R2857" s="55"/>
      <c r="S2857" s="55"/>
      <c r="T2857" s="55"/>
      <c r="U2857" s="55"/>
      <c r="V2857" s="55"/>
      <c r="W2857" s="55"/>
      <c r="X2857" s="55"/>
      <c r="Y2857" s="55"/>
      <c r="Z2857" s="55"/>
      <c r="AA2857" s="55"/>
      <c r="AB2857" s="55"/>
      <c r="AC2857" s="55"/>
      <c r="AD2857" s="55"/>
      <c r="AE2857" s="55"/>
      <c r="AF2857" s="55"/>
      <c r="AG2857" s="55"/>
      <c r="AY2857" s="162"/>
      <c r="AZ2857" s="162"/>
      <c r="BA2857" s="162"/>
      <c r="BB2857" s="162"/>
      <c r="BC2857" s="162"/>
      <c r="BD2857" s="162"/>
      <c r="BE2857" s="162"/>
      <c r="BF2857" s="162"/>
      <c r="BG2857" s="162"/>
      <c r="BH2857" s="162"/>
      <c r="BI2857" s="162"/>
      <c r="BJ2857" s="162"/>
      <c r="BK2857" s="162"/>
      <c r="BL2857" s="162"/>
      <c r="BM2857" s="162"/>
      <c r="BN2857" s="162"/>
      <c r="BO2857" s="162"/>
      <c r="BP2857" s="162"/>
      <c r="BQ2857" s="162"/>
      <c r="BR2857" s="162"/>
      <c r="BS2857" s="162"/>
      <c r="BT2857" s="162"/>
      <c r="BU2857" s="162"/>
      <c r="BV2857" s="162"/>
      <c r="BW2857" s="162"/>
      <c r="BX2857" s="162"/>
      <c r="BY2857" s="162"/>
      <c r="BZ2857" s="162"/>
      <c r="CA2857" s="162"/>
      <c r="CB2857" s="162"/>
      <c r="CC2857" s="162"/>
      <c r="CD2857" s="162"/>
      <c r="CE2857" s="162"/>
      <c r="CF2857" s="162"/>
      <c r="CG2857" s="162"/>
      <c r="CH2857" s="162"/>
      <c r="CI2857" s="162"/>
      <c r="CJ2857" s="162"/>
      <c r="CK2857" s="162"/>
      <c r="CX2857" s="98"/>
      <c r="DL2857" s="97"/>
      <c r="DX2857" s="98"/>
      <c r="EL2857" s="97"/>
      <c r="EX2857" s="98"/>
      <c r="EY2857" s="97"/>
      <c r="FL2857" s="126"/>
      <c r="FM2857" s="91"/>
      <c r="FN2857" s="91"/>
      <c r="FO2857" s="91"/>
      <c r="FP2857" s="91"/>
      <c r="FQ2857" s="91"/>
      <c r="FR2857" s="91"/>
      <c r="FS2857" s="91"/>
      <c r="FT2857" s="91"/>
      <c r="FU2857" s="91"/>
      <c r="FV2857" s="91"/>
      <c r="FW2857" s="91"/>
      <c r="FX2857" s="91"/>
      <c r="FY2857" s="91"/>
      <c r="FZ2857" s="91"/>
      <c r="GA2857" s="91"/>
      <c r="GB2857" s="91"/>
      <c r="GC2857" s="91"/>
      <c r="GD2857" s="91"/>
      <c r="GE2857" s="91"/>
      <c r="GF2857" s="91"/>
      <c r="GG2857" s="91"/>
      <c r="GH2857" s="91"/>
      <c r="GI2857" s="91"/>
      <c r="GJ2857" s="91"/>
      <c r="GK2857" s="127"/>
      <c r="GL2857" s="126"/>
      <c r="GM2857" s="91"/>
      <c r="GN2857" s="91"/>
      <c r="GO2857" s="91"/>
      <c r="GP2857" s="91"/>
      <c r="GQ2857" s="91"/>
      <c r="GR2857" s="91"/>
      <c r="GS2857" s="91"/>
      <c r="GT2857" s="91"/>
      <c r="GU2857" s="91"/>
      <c r="GV2857" s="91"/>
      <c r="GW2857" s="91"/>
      <c r="GX2857" s="91"/>
      <c r="GY2857" s="91"/>
      <c r="GZ2857" s="91"/>
      <c r="HA2857" s="91"/>
      <c r="HB2857" s="91"/>
      <c r="HC2857" s="91"/>
      <c r="HD2857" s="91"/>
      <c r="HE2857" s="91"/>
      <c r="HF2857" s="91"/>
      <c r="HG2857" s="91"/>
      <c r="HH2857" s="91"/>
      <c r="HI2857" s="91"/>
      <c r="HJ2857" s="91"/>
      <c r="HK2857" s="127"/>
      <c r="HL2857" s="126"/>
      <c r="HM2857" s="91"/>
      <c r="HN2857" s="91"/>
      <c r="HO2857" s="91"/>
      <c r="HP2857" s="91"/>
      <c r="HQ2857" s="91"/>
      <c r="HR2857" s="91"/>
      <c r="HS2857" s="91"/>
      <c r="HT2857" s="91"/>
      <c r="HU2857" s="91"/>
      <c r="HV2857" s="91"/>
      <c r="HW2857" s="91"/>
      <c r="HX2857" s="91"/>
      <c r="HY2857" s="91"/>
      <c r="HZ2857" s="91"/>
      <c r="IA2857" s="91"/>
      <c r="IB2857" s="91"/>
      <c r="IC2857" s="91"/>
      <c r="ID2857" s="91"/>
      <c r="IE2857" s="91"/>
      <c r="IF2857" s="91"/>
      <c r="IG2857" s="91"/>
      <c r="IH2857" s="91"/>
      <c r="II2857" s="91"/>
      <c r="IJ2857" s="91"/>
      <c r="IK2857" s="127"/>
    </row>
    <row r="2858" spans="2:245" x14ac:dyDescent="0.2">
      <c r="B2858" s="43"/>
      <c r="C2858" s="73"/>
      <c r="D2858" s="64"/>
      <c r="E2858" s="64"/>
      <c r="F2858" s="55"/>
      <c r="G2858" s="102"/>
      <c r="H2858" s="55"/>
      <c r="I2858" s="55"/>
      <c r="J2858" s="55"/>
      <c r="K2858" s="55"/>
      <c r="L2858" s="55"/>
      <c r="M2858" s="55"/>
      <c r="N2858" s="55"/>
      <c r="O2858" s="55"/>
      <c r="P2858" s="55"/>
      <c r="Q2858" s="55"/>
      <c r="R2858" s="55"/>
      <c r="S2858" s="55"/>
      <c r="T2858" s="55"/>
      <c r="U2858" s="55"/>
      <c r="V2858" s="55"/>
      <c r="W2858" s="55"/>
      <c r="X2858" s="55"/>
      <c r="Y2858" s="55"/>
      <c r="Z2858" s="55"/>
      <c r="AA2858" s="55"/>
      <c r="AB2858" s="55"/>
      <c r="AC2858" s="55"/>
      <c r="AD2858" s="55"/>
      <c r="AE2858" s="55"/>
      <c r="AF2858" s="55"/>
      <c r="AG2858" s="55"/>
      <c r="AY2858" s="162"/>
      <c r="AZ2858" s="162"/>
      <c r="BA2858" s="162"/>
      <c r="BB2858" s="162"/>
      <c r="BC2858" s="162"/>
      <c r="BD2858" s="162"/>
      <c r="BE2858" s="162"/>
      <c r="BF2858" s="162"/>
      <c r="BG2858" s="162"/>
      <c r="BH2858" s="162"/>
      <c r="BI2858" s="162"/>
      <c r="BJ2858" s="162"/>
      <c r="BK2858" s="162"/>
      <c r="BL2858" s="162"/>
      <c r="BM2858" s="162"/>
      <c r="BN2858" s="162"/>
      <c r="BO2858" s="162"/>
      <c r="BP2858" s="162"/>
      <c r="BQ2858" s="162"/>
      <c r="BR2858" s="162"/>
      <c r="BS2858" s="162"/>
      <c r="BT2858" s="162"/>
      <c r="BU2858" s="162"/>
      <c r="BV2858" s="162"/>
      <c r="BW2858" s="162"/>
      <c r="BX2858" s="162"/>
      <c r="BY2858" s="162"/>
      <c r="BZ2858" s="162"/>
      <c r="CA2858" s="162"/>
      <c r="CB2858" s="162"/>
      <c r="CC2858" s="162"/>
      <c r="CD2858" s="162"/>
      <c r="CE2858" s="162"/>
      <c r="CF2858" s="162"/>
      <c r="CG2858" s="162"/>
      <c r="CH2858" s="162"/>
      <c r="CI2858" s="162"/>
      <c r="CJ2858" s="162"/>
      <c r="CK2858" s="162"/>
      <c r="CX2858" s="98"/>
      <c r="DL2858" s="97"/>
      <c r="DX2858" s="98"/>
      <c r="EL2858" s="97"/>
      <c r="EX2858" s="98"/>
      <c r="EY2858" s="97"/>
      <c r="FL2858" s="126"/>
      <c r="FM2858" s="91"/>
      <c r="FN2858" s="91"/>
      <c r="FO2858" s="91"/>
      <c r="FP2858" s="91"/>
      <c r="FQ2858" s="91"/>
      <c r="FR2858" s="91"/>
      <c r="FS2858" s="91"/>
      <c r="FT2858" s="91"/>
      <c r="FU2858" s="91"/>
      <c r="FV2858" s="91"/>
      <c r="FW2858" s="91"/>
      <c r="FX2858" s="91"/>
      <c r="FY2858" s="91"/>
      <c r="FZ2858" s="91"/>
      <c r="GA2858" s="91"/>
      <c r="GB2858" s="91"/>
      <c r="GC2858" s="91"/>
      <c r="GD2858" s="91"/>
      <c r="GE2858" s="91"/>
      <c r="GF2858" s="91"/>
      <c r="GG2858" s="91"/>
      <c r="GH2858" s="91"/>
      <c r="GI2858" s="91"/>
      <c r="GJ2858" s="91"/>
      <c r="GK2858" s="127"/>
      <c r="GL2858" s="126"/>
      <c r="GM2858" s="91"/>
      <c r="GN2858" s="91"/>
      <c r="GO2858" s="91"/>
      <c r="GP2858" s="91"/>
      <c r="GQ2858" s="91"/>
      <c r="GR2858" s="91"/>
      <c r="GS2858" s="91"/>
      <c r="GT2858" s="91"/>
      <c r="GU2858" s="91"/>
      <c r="GV2858" s="91"/>
      <c r="GW2858" s="91"/>
      <c r="GX2858" s="91"/>
      <c r="GY2858" s="91"/>
      <c r="GZ2858" s="91"/>
      <c r="HA2858" s="91"/>
      <c r="HB2858" s="91"/>
      <c r="HC2858" s="91"/>
      <c r="HD2858" s="91"/>
      <c r="HE2858" s="91"/>
      <c r="HF2858" s="91"/>
      <c r="HG2858" s="91"/>
      <c r="HH2858" s="91"/>
      <c r="HI2858" s="91"/>
      <c r="HJ2858" s="91"/>
      <c r="HK2858" s="127"/>
      <c r="HL2858" s="126"/>
      <c r="HM2858" s="91"/>
      <c r="HN2858" s="91"/>
      <c r="HO2858" s="91"/>
      <c r="HP2858" s="91"/>
      <c r="HQ2858" s="91"/>
      <c r="HR2858" s="91"/>
      <c r="HS2858" s="91"/>
      <c r="HT2858" s="91"/>
      <c r="HU2858" s="91"/>
      <c r="HV2858" s="91"/>
      <c r="HW2858" s="91"/>
      <c r="HX2858" s="91"/>
      <c r="HY2858" s="91"/>
      <c r="HZ2858" s="91"/>
      <c r="IA2858" s="91"/>
      <c r="IB2858" s="91"/>
      <c r="IC2858" s="91"/>
      <c r="ID2858" s="91"/>
      <c r="IE2858" s="91"/>
      <c r="IF2858" s="91"/>
      <c r="IG2858" s="91"/>
      <c r="IH2858" s="91"/>
      <c r="II2858" s="91"/>
      <c r="IJ2858" s="91"/>
      <c r="IK2858" s="127"/>
    </row>
    <row r="2859" spans="2:245" x14ac:dyDescent="0.2">
      <c r="B2859" s="43"/>
      <c r="C2859" s="73"/>
      <c r="D2859" s="64"/>
      <c r="E2859" s="64"/>
      <c r="F2859" s="55"/>
      <c r="G2859" s="102"/>
      <c r="H2859" s="55"/>
      <c r="I2859" s="55"/>
      <c r="J2859" s="55"/>
      <c r="K2859" s="55"/>
      <c r="L2859" s="55"/>
      <c r="M2859" s="55"/>
      <c r="N2859" s="55"/>
      <c r="O2859" s="55"/>
      <c r="P2859" s="55"/>
      <c r="Q2859" s="55"/>
      <c r="R2859" s="55"/>
      <c r="S2859" s="55"/>
      <c r="T2859" s="55"/>
      <c r="U2859" s="55"/>
      <c r="V2859" s="55"/>
      <c r="W2859" s="55"/>
      <c r="X2859" s="55"/>
      <c r="Y2859" s="55"/>
      <c r="Z2859" s="55"/>
      <c r="AA2859" s="55"/>
      <c r="AB2859" s="55"/>
      <c r="AC2859" s="55"/>
      <c r="AD2859" s="55"/>
      <c r="AE2859" s="55"/>
      <c r="AF2859" s="55"/>
      <c r="AG2859" s="55"/>
      <c r="AY2859" s="162"/>
      <c r="AZ2859" s="162"/>
      <c r="BA2859" s="162"/>
      <c r="BB2859" s="162"/>
      <c r="BC2859" s="162"/>
      <c r="BD2859" s="162"/>
      <c r="BE2859" s="162"/>
      <c r="BF2859" s="162"/>
      <c r="BG2859" s="162"/>
      <c r="BH2859" s="162"/>
      <c r="BI2859" s="162"/>
      <c r="BJ2859" s="162"/>
      <c r="BK2859" s="162"/>
      <c r="BL2859" s="162"/>
      <c r="BM2859" s="162"/>
      <c r="BN2859" s="162"/>
      <c r="BO2859" s="162"/>
      <c r="BP2859" s="162"/>
      <c r="BQ2859" s="162"/>
      <c r="BR2859" s="162"/>
      <c r="BS2859" s="162"/>
      <c r="BT2859" s="162"/>
      <c r="BU2859" s="162"/>
      <c r="BV2859" s="162"/>
      <c r="BW2859" s="162"/>
      <c r="BX2859" s="162"/>
      <c r="BY2859" s="162"/>
      <c r="BZ2859" s="162"/>
      <c r="CA2859" s="162"/>
      <c r="CB2859" s="162"/>
      <c r="CC2859" s="162"/>
      <c r="CD2859" s="162"/>
      <c r="CE2859" s="162"/>
      <c r="CF2859" s="162"/>
      <c r="CG2859" s="162"/>
      <c r="CH2859" s="162"/>
      <c r="CI2859" s="162"/>
      <c r="CJ2859" s="162"/>
      <c r="CK2859" s="162"/>
      <c r="CX2859" s="98"/>
      <c r="DL2859" s="97"/>
      <c r="DX2859" s="98"/>
      <c r="EL2859" s="97"/>
      <c r="EX2859" s="98"/>
      <c r="EY2859" s="97"/>
      <c r="FL2859" s="126"/>
      <c r="FM2859" s="91"/>
      <c r="FN2859" s="91"/>
      <c r="FO2859" s="91"/>
      <c r="FP2859" s="91"/>
      <c r="FQ2859" s="91"/>
      <c r="FR2859" s="91"/>
      <c r="FS2859" s="91"/>
      <c r="FT2859" s="91"/>
      <c r="FU2859" s="91"/>
      <c r="FV2859" s="91"/>
      <c r="FW2859" s="91"/>
      <c r="FX2859" s="91"/>
      <c r="FY2859" s="91"/>
      <c r="FZ2859" s="91"/>
      <c r="GA2859" s="91"/>
      <c r="GB2859" s="91"/>
      <c r="GC2859" s="91"/>
      <c r="GD2859" s="91"/>
      <c r="GE2859" s="91"/>
      <c r="GF2859" s="91"/>
      <c r="GG2859" s="91"/>
      <c r="GH2859" s="91"/>
      <c r="GI2859" s="91"/>
      <c r="GJ2859" s="91"/>
      <c r="GK2859" s="127"/>
      <c r="GL2859" s="126"/>
      <c r="GM2859" s="91"/>
      <c r="GN2859" s="91"/>
      <c r="GO2859" s="91"/>
      <c r="GP2859" s="91"/>
      <c r="GQ2859" s="91"/>
      <c r="GR2859" s="91"/>
      <c r="GS2859" s="91"/>
      <c r="GT2859" s="91"/>
      <c r="GU2859" s="91"/>
      <c r="GV2859" s="91"/>
      <c r="GW2859" s="91"/>
      <c r="GX2859" s="91"/>
      <c r="GY2859" s="91"/>
      <c r="GZ2859" s="91"/>
      <c r="HA2859" s="91"/>
      <c r="HB2859" s="91"/>
      <c r="HC2859" s="91"/>
      <c r="HD2859" s="91"/>
      <c r="HE2859" s="91"/>
      <c r="HF2859" s="91"/>
      <c r="HG2859" s="91"/>
      <c r="HH2859" s="91"/>
      <c r="HI2859" s="91"/>
      <c r="HJ2859" s="91"/>
      <c r="HK2859" s="127"/>
      <c r="HL2859" s="126"/>
      <c r="HM2859" s="91"/>
      <c r="HN2859" s="91"/>
      <c r="HO2859" s="91"/>
      <c r="HP2859" s="91"/>
      <c r="HQ2859" s="91"/>
      <c r="HR2859" s="91"/>
      <c r="HS2859" s="91"/>
      <c r="HT2859" s="91"/>
      <c r="HU2859" s="91"/>
      <c r="HV2859" s="91"/>
      <c r="HW2859" s="91"/>
      <c r="HX2859" s="91"/>
      <c r="HY2859" s="91"/>
      <c r="HZ2859" s="91"/>
      <c r="IA2859" s="91"/>
      <c r="IB2859" s="91"/>
      <c r="IC2859" s="91"/>
      <c r="ID2859" s="91"/>
      <c r="IE2859" s="91"/>
      <c r="IF2859" s="91"/>
      <c r="IG2859" s="91"/>
      <c r="IH2859" s="91"/>
      <c r="II2859" s="91"/>
      <c r="IJ2859" s="91"/>
      <c r="IK2859" s="127"/>
    </row>
    <row r="2860" spans="2:245" ht="13.5" thickBot="1" x14ac:dyDescent="0.25">
      <c r="B2860" s="43"/>
      <c r="C2860" s="73"/>
      <c r="D2860" s="64"/>
      <c r="E2860" s="64"/>
      <c r="F2860" s="55"/>
      <c r="G2860" s="102"/>
      <c r="H2860" s="55"/>
      <c r="I2860" s="55"/>
      <c r="J2860" s="55"/>
      <c r="K2860" s="55"/>
      <c r="L2860" s="55"/>
      <c r="M2860" s="55"/>
      <c r="N2860" s="55"/>
      <c r="O2860" s="55"/>
      <c r="P2860" s="55"/>
      <c r="Q2860" s="55"/>
      <c r="R2860" s="55"/>
      <c r="S2860" s="55"/>
      <c r="T2860" s="55"/>
      <c r="U2860" s="55"/>
      <c r="V2860" s="55"/>
      <c r="W2860" s="55"/>
      <c r="X2860" s="55"/>
      <c r="Y2860" s="55"/>
      <c r="Z2860" s="55"/>
      <c r="AA2860" s="55"/>
      <c r="AB2860" s="55"/>
      <c r="AC2860" s="55"/>
      <c r="AD2860" s="55"/>
      <c r="AE2860" s="55"/>
      <c r="AF2860" s="55"/>
      <c r="AG2860" s="55"/>
      <c r="AY2860" s="162"/>
      <c r="AZ2860" s="162"/>
      <c r="BA2860" s="162"/>
      <c r="BB2860" s="162"/>
      <c r="BC2860" s="162"/>
      <c r="BD2860" s="162"/>
      <c r="BE2860" s="162"/>
      <c r="BF2860" s="162"/>
      <c r="BG2860" s="162"/>
      <c r="BH2860" s="162"/>
      <c r="BI2860" s="162"/>
      <c r="BJ2860" s="162"/>
      <c r="BK2860" s="162"/>
      <c r="BL2860" s="162"/>
      <c r="BM2860" s="162"/>
      <c r="BN2860" s="162"/>
      <c r="BO2860" s="162"/>
      <c r="BP2860" s="162"/>
      <c r="BQ2860" s="162"/>
      <c r="BR2860" s="162"/>
      <c r="BS2860" s="162"/>
      <c r="BT2860" s="162"/>
      <c r="BU2860" s="162"/>
      <c r="BV2860" s="162"/>
      <c r="BW2860" s="162"/>
      <c r="BX2860" s="162"/>
      <c r="BY2860" s="162"/>
      <c r="BZ2860" s="162"/>
      <c r="CA2860" s="162"/>
      <c r="CB2860" s="162"/>
      <c r="CC2860" s="162"/>
      <c r="CD2860" s="162"/>
      <c r="CE2860" s="162"/>
      <c r="CF2860" s="162"/>
      <c r="CG2860" s="162"/>
      <c r="CH2860" s="162"/>
      <c r="CI2860" s="162"/>
      <c r="CJ2860" s="162"/>
      <c r="CK2860" s="162"/>
      <c r="CX2860" s="98"/>
      <c r="DL2860" s="97"/>
      <c r="DX2860" s="98"/>
      <c r="EL2860" s="97"/>
      <c r="EX2860" s="98"/>
      <c r="EY2860" s="97"/>
      <c r="FL2860" s="191"/>
      <c r="FM2860" s="192"/>
      <c r="FN2860" s="192"/>
      <c r="FO2860" s="192"/>
      <c r="FP2860" s="192"/>
      <c r="FQ2860" s="192"/>
      <c r="FR2860" s="192"/>
      <c r="FS2860" s="192"/>
      <c r="FT2860" s="192"/>
      <c r="FU2860" s="192"/>
      <c r="FV2860" s="192"/>
      <c r="FW2860" s="192"/>
      <c r="FX2860" s="192"/>
      <c r="FY2860" s="192"/>
      <c r="FZ2860" s="192"/>
      <c r="GA2860" s="192"/>
      <c r="GB2860" s="192"/>
      <c r="GC2860" s="192"/>
      <c r="GD2860" s="192"/>
      <c r="GE2860" s="192"/>
      <c r="GF2860" s="192"/>
      <c r="GG2860" s="192"/>
      <c r="GH2860" s="192"/>
      <c r="GI2860" s="192"/>
      <c r="GJ2860" s="192"/>
      <c r="GK2860" s="193"/>
      <c r="GL2860" s="191"/>
      <c r="GM2860" s="192"/>
      <c r="GN2860" s="192"/>
      <c r="GO2860" s="192"/>
      <c r="GP2860" s="192"/>
      <c r="GQ2860" s="192"/>
      <c r="GR2860" s="192"/>
      <c r="GS2860" s="192"/>
      <c r="GT2860" s="192"/>
      <c r="GU2860" s="192"/>
      <c r="GV2860" s="192"/>
      <c r="GW2860" s="192"/>
      <c r="GX2860" s="192"/>
      <c r="GY2860" s="192"/>
      <c r="GZ2860" s="192"/>
      <c r="HA2860" s="192"/>
      <c r="HB2860" s="192"/>
      <c r="HC2860" s="192"/>
      <c r="HD2860" s="192"/>
      <c r="HE2860" s="192"/>
      <c r="HF2860" s="192"/>
      <c r="HG2860" s="192"/>
      <c r="HH2860" s="192"/>
      <c r="HI2860" s="192"/>
      <c r="HJ2860" s="192"/>
      <c r="HK2860" s="193"/>
      <c r="HL2860" s="191"/>
      <c r="HM2860" s="192"/>
      <c r="HN2860" s="192"/>
      <c r="HO2860" s="192"/>
      <c r="HP2860" s="192"/>
      <c r="HQ2860" s="192"/>
      <c r="HR2860" s="192"/>
      <c r="HS2860" s="192"/>
      <c r="HT2860" s="192"/>
      <c r="HU2860" s="192"/>
      <c r="HV2860" s="192"/>
      <c r="HW2860" s="192"/>
      <c r="HX2860" s="192"/>
      <c r="HY2860" s="192"/>
      <c r="HZ2860" s="192"/>
      <c r="IA2860" s="192"/>
      <c r="IB2860" s="192"/>
      <c r="IC2860" s="192"/>
      <c r="ID2860" s="192"/>
      <c r="IE2860" s="192"/>
      <c r="IF2860" s="192"/>
      <c r="IG2860" s="192"/>
      <c r="IH2860" s="192"/>
      <c r="II2860" s="192"/>
      <c r="IJ2860" s="192"/>
      <c r="IK2860" s="193"/>
    </row>
    <row r="2861" spans="2:245" x14ac:dyDescent="0.2">
      <c r="B2861" s="43"/>
      <c r="C2861" s="73"/>
      <c r="D2861" s="64"/>
      <c r="E2861" s="64"/>
      <c r="F2861" s="55"/>
      <c r="G2861" s="102"/>
      <c r="H2861" s="97"/>
      <c r="T2861" s="98"/>
      <c r="U2861" s="97"/>
      <c r="AG2861" s="98"/>
      <c r="AY2861" s="162"/>
      <c r="AZ2861" s="162"/>
      <c r="BA2861" s="162"/>
      <c r="BB2861" s="162"/>
      <c r="BC2861" s="162"/>
      <c r="BD2861" s="162"/>
      <c r="BE2861" s="162"/>
      <c r="BF2861" s="162"/>
      <c r="BG2861" s="162"/>
      <c r="BH2861" s="162"/>
      <c r="BI2861" s="162"/>
      <c r="BJ2861" s="162"/>
      <c r="BK2861" s="162"/>
      <c r="BL2861" s="162"/>
      <c r="BM2861" s="162"/>
      <c r="BN2861" s="162"/>
      <c r="BO2861" s="162"/>
      <c r="BP2861" s="162"/>
      <c r="BQ2861" s="162"/>
      <c r="BR2861" s="162"/>
      <c r="BS2861" s="162"/>
      <c r="BT2861" s="162"/>
      <c r="BU2861" s="162"/>
      <c r="BV2861" s="162"/>
      <c r="BW2861" s="162"/>
      <c r="BX2861" s="162"/>
      <c r="BY2861" s="162"/>
      <c r="BZ2861" s="162"/>
      <c r="CA2861" s="162"/>
      <c r="CB2861" s="162"/>
      <c r="CC2861" s="162"/>
      <c r="CD2861" s="162"/>
      <c r="CE2861" s="162"/>
      <c r="CF2861" s="162"/>
      <c r="CG2861" s="162"/>
      <c r="CH2861" s="162"/>
      <c r="CI2861" s="162"/>
      <c r="CJ2861" s="162"/>
      <c r="CK2861" s="162"/>
      <c r="CX2861" s="98"/>
      <c r="DL2861" s="97"/>
      <c r="DX2861" s="98"/>
      <c r="EL2861" s="97"/>
      <c r="EX2861" s="98"/>
      <c r="EY2861" s="97"/>
      <c r="FL2861" s="169"/>
      <c r="FM2861" s="170"/>
      <c r="FN2861" s="170"/>
      <c r="FO2861" s="170"/>
      <c r="FP2861" s="170"/>
      <c r="FQ2861" s="170"/>
      <c r="FR2861" s="170"/>
      <c r="FS2861" s="170"/>
      <c r="FT2861" s="170"/>
      <c r="FU2861" s="170"/>
      <c r="FV2861" s="170"/>
      <c r="FW2861" s="170"/>
      <c r="FX2861" s="171"/>
      <c r="FY2861" s="169"/>
      <c r="FZ2861" s="170"/>
      <c r="GA2861" s="170"/>
      <c r="GB2861" s="170"/>
      <c r="GC2861" s="170"/>
      <c r="GD2861" s="170"/>
      <c r="GE2861" s="170"/>
      <c r="GF2861" s="170"/>
      <c r="GG2861" s="170"/>
      <c r="GH2861" s="170"/>
      <c r="GI2861" s="170"/>
      <c r="GJ2861" s="170"/>
      <c r="GK2861" s="171"/>
      <c r="GL2861" s="169"/>
      <c r="GM2861" s="170"/>
      <c r="GN2861" s="170"/>
      <c r="GO2861" s="170"/>
      <c r="GP2861" s="170"/>
      <c r="GQ2861" s="170"/>
      <c r="GR2861" s="170"/>
      <c r="GS2861" s="170"/>
      <c r="GT2861" s="170"/>
      <c r="GU2861" s="170"/>
      <c r="GV2861" s="170"/>
      <c r="GW2861" s="170"/>
      <c r="GX2861" s="171"/>
      <c r="GY2861" s="169"/>
      <c r="GZ2861" s="170"/>
      <c r="HA2861" s="170"/>
      <c r="HB2861" s="170"/>
      <c r="HC2861" s="170"/>
      <c r="HD2861" s="170"/>
      <c r="HE2861" s="170"/>
      <c r="HF2861" s="170"/>
      <c r="HG2861" s="170"/>
      <c r="HH2861" s="170"/>
      <c r="HI2861" s="170"/>
      <c r="HJ2861" s="170"/>
      <c r="HK2861" s="171"/>
      <c r="HL2861" s="169"/>
      <c r="HM2861" s="170"/>
      <c r="HN2861" s="170"/>
      <c r="HO2861" s="170"/>
      <c r="HP2861" s="170"/>
      <c r="HQ2861" s="170"/>
      <c r="HR2861" s="170"/>
      <c r="HS2861" s="170"/>
      <c r="HT2861" s="170"/>
      <c r="HU2861" s="170"/>
      <c r="HV2861" s="170"/>
      <c r="HW2861" s="170"/>
      <c r="HX2861" s="171"/>
      <c r="HY2861" s="169"/>
      <c r="HZ2861" s="170"/>
      <c r="IA2861" s="170"/>
      <c r="IB2861" s="170"/>
      <c r="IC2861" s="170"/>
      <c r="ID2861" s="170"/>
      <c r="IE2861" s="170"/>
      <c r="IF2861" s="170"/>
      <c r="IG2861" s="170"/>
      <c r="IH2861" s="170"/>
      <c r="II2861" s="170"/>
      <c r="IJ2861" s="170"/>
      <c r="IK2861" s="195"/>
    </row>
    <row r="2862" spans="2:245" x14ac:dyDescent="0.2">
      <c r="B2862" s="43"/>
      <c r="C2862" s="73"/>
      <c r="D2862" s="64"/>
      <c r="E2862" s="64"/>
      <c r="F2862" s="55"/>
      <c r="G2862" s="102"/>
      <c r="H2862" s="97"/>
      <c r="T2862" s="98"/>
      <c r="U2862" s="97"/>
      <c r="AG2862" s="98"/>
      <c r="AY2862" s="164"/>
      <c r="BK2862" s="98"/>
      <c r="BL2862" s="97"/>
      <c r="BX2862" s="98"/>
      <c r="CL2862" s="97"/>
      <c r="CX2862" s="98"/>
      <c r="DL2862" s="97"/>
      <c r="DX2862" s="98"/>
      <c r="EL2862" s="97"/>
      <c r="EX2862" s="98"/>
      <c r="EY2862" s="97"/>
      <c r="FL2862" s="126"/>
      <c r="FM2862" s="91"/>
      <c r="FN2862" s="91"/>
      <c r="FO2862" s="91"/>
      <c r="FP2862" s="91"/>
      <c r="FQ2862" s="91"/>
      <c r="FR2862" s="91"/>
      <c r="FS2862" s="91"/>
      <c r="FT2862" s="91"/>
      <c r="FU2862" s="91"/>
      <c r="FV2862" s="91"/>
      <c r="FW2862" s="91"/>
      <c r="FX2862" s="127"/>
      <c r="FY2862" s="126"/>
      <c r="FZ2862" s="91"/>
      <c r="GA2862" s="91"/>
      <c r="GB2862" s="91"/>
      <c r="GC2862" s="91"/>
      <c r="GD2862" s="91"/>
      <c r="GE2862" s="91"/>
      <c r="GF2862" s="91"/>
      <c r="GG2862" s="91"/>
      <c r="GH2862" s="91"/>
      <c r="GI2862" s="91"/>
      <c r="GJ2862" s="91"/>
      <c r="GK2862" s="127"/>
      <c r="GL2862" s="126"/>
      <c r="GM2862" s="91"/>
      <c r="GN2862" s="91"/>
      <c r="GO2862" s="91"/>
      <c r="GP2862" s="91"/>
      <c r="GQ2862" s="91"/>
      <c r="GR2862" s="91"/>
      <c r="GS2862" s="91"/>
      <c r="GT2862" s="91"/>
      <c r="GU2862" s="91"/>
      <c r="GV2862" s="91"/>
      <c r="GW2862" s="91"/>
      <c r="GX2862" s="127"/>
      <c r="GY2862" s="126"/>
      <c r="GZ2862" s="91"/>
      <c r="HA2862" s="91"/>
      <c r="HB2862" s="91"/>
      <c r="HC2862" s="91"/>
      <c r="HD2862" s="91"/>
      <c r="HE2862" s="91"/>
      <c r="HF2862" s="91"/>
      <c r="HG2862" s="91"/>
      <c r="HH2862" s="91"/>
      <c r="HI2862" s="91"/>
      <c r="HJ2862" s="91"/>
      <c r="HK2862" s="127"/>
      <c r="HL2862" s="126"/>
      <c r="HM2862" s="91"/>
      <c r="HN2862" s="91"/>
      <c r="HO2862" s="91"/>
      <c r="HP2862" s="91"/>
      <c r="HQ2862" s="91"/>
      <c r="HR2862" s="91"/>
      <c r="HS2862" s="91"/>
      <c r="HT2862" s="91"/>
      <c r="HU2862" s="91"/>
      <c r="HV2862" s="91"/>
      <c r="HW2862" s="91"/>
      <c r="HX2862" s="127"/>
      <c r="HY2862" s="126"/>
      <c r="HZ2862" s="91"/>
      <c r="IA2862" s="91"/>
      <c r="IB2862" s="91"/>
      <c r="IC2862" s="91"/>
      <c r="ID2862" s="91"/>
      <c r="IE2862" s="91"/>
      <c r="IF2862" s="91"/>
      <c r="IG2862" s="91"/>
      <c r="IH2862" s="91"/>
      <c r="II2862" s="91"/>
      <c r="IJ2862" s="91"/>
      <c r="IK2862" s="174"/>
    </row>
    <row r="2863" spans="2:245" x14ac:dyDescent="0.2">
      <c r="B2863" s="43"/>
      <c r="C2863" s="73"/>
      <c r="D2863" s="64"/>
      <c r="E2863" s="64"/>
      <c r="F2863" s="55"/>
      <c r="G2863" s="102"/>
      <c r="H2863" s="97"/>
      <c r="T2863" s="98"/>
      <c r="U2863" s="97"/>
      <c r="AG2863" s="98"/>
      <c r="AY2863" s="164"/>
      <c r="BK2863" s="98"/>
      <c r="BL2863" s="97"/>
      <c r="BX2863" s="98"/>
      <c r="CL2863" s="97"/>
      <c r="CX2863" s="98"/>
      <c r="DL2863" s="97"/>
      <c r="DX2863" s="98"/>
      <c r="EL2863" s="97"/>
      <c r="EX2863" s="98"/>
      <c r="EY2863" s="97"/>
      <c r="FL2863" s="126"/>
      <c r="FM2863" s="91"/>
      <c r="FN2863" s="91"/>
      <c r="FO2863" s="91"/>
      <c r="FP2863" s="91"/>
      <c r="FQ2863" s="91"/>
      <c r="FR2863" s="91"/>
      <c r="FS2863" s="91"/>
      <c r="FT2863" s="91"/>
      <c r="FU2863" s="91"/>
      <c r="FV2863" s="91"/>
      <c r="FW2863" s="91"/>
      <c r="FX2863" s="127"/>
      <c r="FY2863" s="126"/>
      <c r="FZ2863" s="91"/>
      <c r="GA2863" s="91"/>
      <c r="GB2863" s="91"/>
      <c r="GC2863" s="91"/>
      <c r="GD2863" s="91"/>
      <c r="GE2863" s="91"/>
      <c r="GF2863" s="91"/>
      <c r="GG2863" s="91"/>
      <c r="GH2863" s="91"/>
      <c r="GI2863" s="91"/>
      <c r="GJ2863" s="91"/>
      <c r="GK2863" s="127"/>
      <c r="GL2863" s="126"/>
      <c r="GM2863" s="91"/>
      <c r="GN2863" s="91"/>
      <c r="GO2863" s="91"/>
      <c r="GP2863" s="91"/>
      <c r="GQ2863" s="91"/>
      <c r="GR2863" s="91"/>
      <c r="GS2863" s="91"/>
      <c r="GT2863" s="91"/>
      <c r="GU2863" s="91"/>
      <c r="GV2863" s="91"/>
      <c r="GW2863" s="91"/>
      <c r="GX2863" s="127"/>
      <c r="GY2863" s="126"/>
      <c r="GZ2863" s="91"/>
      <c r="HA2863" s="91"/>
      <c r="HB2863" s="91"/>
      <c r="HC2863" s="91"/>
      <c r="HD2863" s="91"/>
      <c r="HE2863" s="91"/>
      <c r="HF2863" s="91"/>
      <c r="HG2863" s="91"/>
      <c r="HH2863" s="91"/>
      <c r="HI2863" s="91"/>
      <c r="HJ2863" s="91"/>
      <c r="HK2863" s="127"/>
      <c r="HL2863" s="126"/>
      <c r="HM2863" s="91"/>
      <c r="HN2863" s="91"/>
      <c r="HO2863" s="91"/>
      <c r="HP2863" s="91"/>
      <c r="HQ2863" s="91"/>
      <c r="HR2863" s="91"/>
      <c r="HS2863" s="91"/>
      <c r="HT2863" s="91"/>
      <c r="HU2863" s="91"/>
      <c r="HV2863" s="91"/>
      <c r="HW2863" s="91"/>
      <c r="HX2863" s="127"/>
      <c r="HY2863" s="126"/>
      <c r="HZ2863" s="91"/>
      <c r="IA2863" s="91"/>
      <c r="IB2863" s="91"/>
      <c r="IC2863" s="91"/>
      <c r="ID2863" s="91"/>
      <c r="IE2863" s="91"/>
      <c r="IF2863" s="91"/>
      <c r="IG2863" s="91"/>
      <c r="IH2863" s="91"/>
      <c r="II2863" s="91"/>
      <c r="IJ2863" s="91"/>
      <c r="IK2863" s="174"/>
    </row>
    <row r="2864" spans="2:245" x14ac:dyDescent="0.2">
      <c r="B2864" s="43"/>
      <c r="C2864" s="73"/>
      <c r="D2864" s="64"/>
      <c r="E2864" s="64"/>
      <c r="F2864" s="55"/>
      <c r="G2864" s="102"/>
      <c r="H2864" s="97"/>
      <c r="T2864" s="98"/>
      <c r="U2864" s="97"/>
      <c r="AG2864" s="98"/>
      <c r="AY2864" s="164"/>
      <c r="BK2864" s="98"/>
      <c r="BL2864" s="97"/>
      <c r="BX2864" s="98"/>
      <c r="CL2864" s="97"/>
      <c r="CX2864" s="98"/>
      <c r="DL2864" s="97"/>
      <c r="DX2864" s="98"/>
      <c r="EL2864" s="97"/>
      <c r="EX2864" s="98"/>
      <c r="EY2864" s="97"/>
      <c r="FL2864" s="126"/>
      <c r="FM2864" s="91"/>
      <c r="FN2864" s="91"/>
      <c r="FO2864" s="91"/>
      <c r="FP2864" s="91"/>
      <c r="FQ2864" s="91"/>
      <c r="FR2864" s="91"/>
      <c r="FS2864" s="91"/>
      <c r="FT2864" s="91"/>
      <c r="FU2864" s="91"/>
      <c r="FV2864" s="91"/>
      <c r="FW2864" s="91"/>
      <c r="FX2864" s="127"/>
      <c r="FY2864" s="126"/>
      <c r="FZ2864" s="91"/>
      <c r="GA2864" s="91"/>
      <c r="GB2864" s="91"/>
      <c r="GC2864" s="91"/>
      <c r="GD2864" s="91"/>
      <c r="GE2864" s="91"/>
      <c r="GF2864" s="91"/>
      <c r="GG2864" s="91"/>
      <c r="GH2864" s="91"/>
      <c r="GI2864" s="91"/>
      <c r="GJ2864" s="91"/>
      <c r="GK2864" s="127"/>
      <c r="GL2864" s="126"/>
      <c r="GM2864" s="91"/>
      <c r="GN2864" s="91"/>
      <c r="GO2864" s="91"/>
      <c r="GP2864" s="91"/>
      <c r="GQ2864" s="91"/>
      <c r="GR2864" s="91"/>
      <c r="GS2864" s="91"/>
      <c r="GT2864" s="91"/>
      <c r="GU2864" s="91"/>
      <c r="GV2864" s="91"/>
      <c r="GW2864" s="91"/>
      <c r="GX2864" s="127"/>
      <c r="GY2864" s="126"/>
      <c r="GZ2864" s="91"/>
      <c r="HA2864" s="91"/>
      <c r="HB2864" s="91"/>
      <c r="HC2864" s="91"/>
      <c r="HD2864" s="91"/>
      <c r="HE2864" s="91"/>
      <c r="HF2864" s="91"/>
      <c r="HG2864" s="91"/>
      <c r="HH2864" s="91"/>
      <c r="HI2864" s="91"/>
      <c r="HJ2864" s="91"/>
      <c r="HK2864" s="127"/>
      <c r="HL2864" s="126"/>
      <c r="HM2864" s="91"/>
      <c r="HN2864" s="91"/>
      <c r="HO2864" s="91"/>
      <c r="HP2864" s="91"/>
      <c r="HQ2864" s="91"/>
      <c r="HR2864" s="91"/>
      <c r="HS2864" s="91"/>
      <c r="HT2864" s="91"/>
      <c r="HU2864" s="91"/>
      <c r="HV2864" s="91"/>
      <c r="HW2864" s="91"/>
      <c r="HX2864" s="127"/>
      <c r="HY2864" s="126"/>
      <c r="HZ2864" s="91"/>
      <c r="IA2864" s="91"/>
      <c r="IB2864" s="91"/>
      <c r="IC2864" s="91"/>
      <c r="ID2864" s="91"/>
      <c r="IE2864" s="91"/>
      <c r="IF2864" s="91"/>
      <c r="IG2864" s="91"/>
      <c r="IH2864" s="91"/>
      <c r="II2864" s="91"/>
      <c r="IJ2864" s="91"/>
      <c r="IK2864" s="174"/>
    </row>
    <row r="2865" spans="2:245" x14ac:dyDescent="0.2">
      <c r="B2865" s="43"/>
      <c r="C2865" s="73"/>
      <c r="D2865" s="64"/>
      <c r="E2865" s="64"/>
      <c r="F2865" s="55"/>
      <c r="G2865" s="102"/>
      <c r="H2865" s="97"/>
      <c r="T2865" s="98"/>
      <c r="U2865" s="97"/>
      <c r="AG2865" s="98"/>
      <c r="AY2865" s="164"/>
      <c r="BK2865" s="98"/>
      <c r="BL2865" s="97"/>
      <c r="BX2865" s="98"/>
      <c r="CL2865" s="97"/>
      <c r="CX2865" s="98"/>
      <c r="DL2865" s="97"/>
      <c r="DX2865" s="98"/>
      <c r="EL2865" s="97"/>
      <c r="EX2865" s="98"/>
      <c r="EY2865" s="97"/>
      <c r="FL2865" s="126"/>
      <c r="FM2865" s="91"/>
      <c r="FN2865" s="91"/>
      <c r="FO2865" s="91"/>
      <c r="FP2865" s="91"/>
      <c r="FQ2865" s="91"/>
      <c r="FR2865" s="91"/>
      <c r="FS2865" s="91"/>
      <c r="FT2865" s="91"/>
      <c r="FU2865" s="91"/>
      <c r="FV2865" s="91"/>
      <c r="FW2865" s="91"/>
      <c r="FX2865" s="127"/>
      <c r="FY2865" s="126"/>
      <c r="FZ2865" s="91"/>
      <c r="GA2865" s="91"/>
      <c r="GB2865" s="91"/>
      <c r="GC2865" s="91"/>
      <c r="GD2865" s="91"/>
      <c r="GE2865" s="91"/>
      <c r="GF2865" s="91"/>
      <c r="GG2865" s="91"/>
      <c r="GH2865" s="91"/>
      <c r="GI2865" s="91"/>
      <c r="GJ2865" s="91"/>
      <c r="GK2865" s="127"/>
      <c r="GL2865" s="126"/>
      <c r="GM2865" s="91"/>
      <c r="GN2865" s="91"/>
      <c r="GO2865" s="91"/>
      <c r="GP2865" s="91"/>
      <c r="GQ2865" s="91"/>
      <c r="GR2865" s="91"/>
      <c r="GS2865" s="91"/>
      <c r="GT2865" s="91"/>
      <c r="GU2865" s="91"/>
      <c r="GV2865" s="91"/>
      <c r="GW2865" s="91"/>
      <c r="GX2865" s="127"/>
      <c r="GY2865" s="126"/>
      <c r="GZ2865" s="91"/>
      <c r="HA2865" s="91"/>
      <c r="HB2865" s="91"/>
      <c r="HC2865" s="91"/>
      <c r="HD2865" s="91"/>
      <c r="HE2865" s="91"/>
      <c r="HF2865" s="91"/>
      <c r="HG2865" s="91"/>
      <c r="HH2865" s="91"/>
      <c r="HI2865" s="91"/>
      <c r="HJ2865" s="91"/>
      <c r="HK2865" s="127"/>
      <c r="HL2865" s="126"/>
      <c r="HM2865" s="91"/>
      <c r="HN2865" s="91"/>
      <c r="HO2865" s="91"/>
      <c r="HP2865" s="91"/>
      <c r="HQ2865" s="91"/>
      <c r="HR2865" s="91"/>
      <c r="HS2865" s="91"/>
      <c r="HT2865" s="91"/>
      <c r="HU2865" s="91"/>
      <c r="HV2865" s="91"/>
      <c r="HW2865" s="91"/>
      <c r="HX2865" s="127"/>
      <c r="HY2865" s="126"/>
      <c r="HZ2865" s="91"/>
      <c r="IA2865" s="91"/>
      <c r="IB2865" s="91"/>
      <c r="IC2865" s="91"/>
      <c r="ID2865" s="91"/>
      <c r="IE2865" s="91"/>
      <c r="IF2865" s="91"/>
      <c r="IG2865" s="91"/>
      <c r="IH2865" s="91"/>
      <c r="II2865" s="91"/>
      <c r="IJ2865" s="91"/>
      <c r="IK2865" s="174"/>
    </row>
    <row r="2866" spans="2:245" x14ac:dyDescent="0.2">
      <c r="B2866" s="43"/>
      <c r="C2866" s="73"/>
      <c r="D2866" s="64"/>
      <c r="E2866" s="64"/>
      <c r="F2866" s="55"/>
      <c r="G2866" s="102"/>
      <c r="H2866" s="97"/>
      <c r="T2866" s="98"/>
      <c r="U2866" s="97"/>
      <c r="AG2866" s="98"/>
      <c r="AY2866" s="164"/>
      <c r="BK2866" s="98"/>
      <c r="BL2866" s="97"/>
      <c r="BX2866" s="98"/>
      <c r="CL2866" s="97"/>
      <c r="CX2866" s="98"/>
      <c r="DL2866" s="97"/>
      <c r="DX2866" s="98"/>
      <c r="EL2866" s="97"/>
      <c r="EX2866" s="98"/>
      <c r="EY2866" s="97"/>
      <c r="FL2866" s="126"/>
      <c r="FM2866" s="91"/>
      <c r="FN2866" s="91"/>
      <c r="FO2866" s="91"/>
      <c r="FP2866" s="91"/>
      <c r="FQ2866" s="91"/>
      <c r="FR2866" s="91"/>
      <c r="FS2866" s="91"/>
      <c r="FT2866" s="91"/>
      <c r="FU2866" s="91"/>
      <c r="FV2866" s="91"/>
      <c r="FW2866" s="91"/>
      <c r="FX2866" s="127"/>
      <c r="FY2866" s="126"/>
      <c r="FZ2866" s="91"/>
      <c r="GA2866" s="91"/>
      <c r="GB2866" s="91"/>
      <c r="GC2866" s="91"/>
      <c r="GD2866" s="91"/>
      <c r="GE2866" s="91"/>
      <c r="GF2866" s="91"/>
      <c r="GG2866" s="91"/>
      <c r="GH2866" s="91"/>
      <c r="GI2866" s="91"/>
      <c r="GJ2866" s="91"/>
      <c r="GK2866" s="127"/>
      <c r="GL2866" s="126"/>
      <c r="GM2866" s="91"/>
      <c r="GN2866" s="91"/>
      <c r="GO2866" s="91"/>
      <c r="GP2866" s="91"/>
      <c r="GQ2866" s="91"/>
      <c r="GR2866" s="91"/>
      <c r="GS2866" s="91"/>
      <c r="GT2866" s="91"/>
      <c r="GU2866" s="91"/>
      <c r="GV2866" s="91"/>
      <c r="GW2866" s="91"/>
      <c r="GX2866" s="127"/>
      <c r="GY2866" s="126"/>
      <c r="GZ2866" s="91"/>
      <c r="HA2866" s="91"/>
      <c r="HB2866" s="91"/>
      <c r="HC2866" s="91"/>
      <c r="HD2866" s="91"/>
      <c r="HE2866" s="91"/>
      <c r="HF2866" s="91"/>
      <c r="HG2866" s="91"/>
      <c r="HH2866" s="91"/>
      <c r="HI2866" s="91"/>
      <c r="HJ2866" s="91"/>
      <c r="HK2866" s="127"/>
      <c r="HL2866" s="126"/>
      <c r="HM2866" s="91"/>
      <c r="HN2866" s="91"/>
      <c r="HO2866" s="91"/>
      <c r="HP2866" s="91"/>
      <c r="HQ2866" s="91"/>
      <c r="HR2866" s="91"/>
      <c r="HS2866" s="91"/>
      <c r="HT2866" s="91"/>
      <c r="HU2866" s="91"/>
      <c r="HV2866" s="91"/>
      <c r="HW2866" s="91"/>
      <c r="HX2866" s="127"/>
      <c r="HY2866" s="126"/>
      <c r="HZ2866" s="91"/>
      <c r="IA2866" s="91"/>
      <c r="IB2866" s="91"/>
      <c r="IC2866" s="91"/>
      <c r="ID2866" s="91"/>
      <c r="IE2866" s="91"/>
      <c r="IF2866" s="91"/>
      <c r="IG2866" s="91"/>
      <c r="IH2866" s="91"/>
      <c r="II2866" s="91"/>
      <c r="IJ2866" s="91"/>
      <c r="IK2866" s="174"/>
    </row>
    <row r="2867" spans="2:245" x14ac:dyDescent="0.2">
      <c r="B2867" s="43"/>
      <c r="C2867" s="73"/>
      <c r="D2867" s="64"/>
      <c r="E2867" s="64"/>
      <c r="F2867" s="55"/>
      <c r="G2867" s="102"/>
      <c r="H2867" s="97"/>
      <c r="T2867" s="98"/>
      <c r="U2867" s="97"/>
      <c r="AG2867" s="98"/>
      <c r="AY2867" s="164"/>
      <c r="BK2867" s="98"/>
      <c r="BL2867" s="97"/>
      <c r="BX2867" s="98"/>
      <c r="CL2867" s="97"/>
      <c r="CX2867" s="98"/>
      <c r="DL2867" s="97"/>
      <c r="DX2867" s="98"/>
      <c r="EL2867" s="97"/>
      <c r="EX2867" s="98"/>
      <c r="EY2867" s="97"/>
      <c r="FL2867" s="126"/>
      <c r="FM2867" s="91"/>
      <c r="FN2867" s="91"/>
      <c r="FO2867" s="91"/>
      <c r="FP2867" s="91"/>
      <c r="FQ2867" s="91"/>
      <c r="FR2867" s="91"/>
      <c r="FS2867" s="91"/>
      <c r="FT2867" s="91"/>
      <c r="FU2867" s="91"/>
      <c r="FV2867" s="91"/>
      <c r="FW2867" s="91"/>
      <c r="FX2867" s="127"/>
      <c r="FY2867" s="126"/>
      <c r="FZ2867" s="91"/>
      <c r="GA2867" s="91"/>
      <c r="GB2867" s="91"/>
      <c r="GC2867" s="91"/>
      <c r="GD2867" s="91"/>
      <c r="GE2867" s="91"/>
      <c r="GF2867" s="91"/>
      <c r="GG2867" s="91"/>
      <c r="GH2867" s="91"/>
      <c r="GI2867" s="91"/>
      <c r="GJ2867" s="91"/>
      <c r="GK2867" s="127"/>
      <c r="GL2867" s="126"/>
      <c r="GM2867" s="91"/>
      <c r="GN2867" s="91"/>
      <c r="GO2867" s="91"/>
      <c r="GP2867" s="91"/>
      <c r="GQ2867" s="91"/>
      <c r="GR2867" s="91"/>
      <c r="GS2867" s="91"/>
      <c r="GT2867" s="91"/>
      <c r="GU2867" s="91"/>
      <c r="GV2867" s="91"/>
      <c r="GW2867" s="91"/>
      <c r="GX2867" s="127"/>
      <c r="GY2867" s="126"/>
      <c r="GZ2867" s="91"/>
      <c r="HA2867" s="91"/>
      <c r="HB2867" s="91"/>
      <c r="HC2867" s="91"/>
      <c r="HD2867" s="91"/>
      <c r="HE2867" s="91"/>
      <c r="HF2867" s="91"/>
      <c r="HG2867" s="91"/>
      <c r="HH2867" s="91"/>
      <c r="HI2867" s="91"/>
      <c r="HJ2867" s="91"/>
      <c r="HK2867" s="127"/>
      <c r="HL2867" s="126"/>
      <c r="HM2867" s="91"/>
      <c r="HN2867" s="91"/>
      <c r="HO2867" s="91"/>
      <c r="HP2867" s="91"/>
      <c r="HQ2867" s="91"/>
      <c r="HR2867" s="91"/>
      <c r="HS2867" s="91"/>
      <c r="HT2867" s="91"/>
      <c r="HU2867" s="91"/>
      <c r="HV2867" s="91"/>
      <c r="HW2867" s="91"/>
      <c r="HX2867" s="127"/>
      <c r="HY2867" s="126"/>
      <c r="HZ2867" s="91"/>
      <c r="IA2867" s="91"/>
      <c r="IB2867" s="91"/>
      <c r="IC2867" s="91"/>
      <c r="ID2867" s="91"/>
      <c r="IE2867" s="91"/>
      <c r="IF2867" s="91"/>
      <c r="IG2867" s="91"/>
      <c r="IH2867" s="91"/>
      <c r="II2867" s="91"/>
      <c r="IJ2867" s="91"/>
      <c r="IK2867" s="174"/>
    </row>
    <row r="2868" spans="2:245" x14ac:dyDescent="0.2">
      <c r="B2868" s="43"/>
      <c r="C2868" s="73"/>
      <c r="D2868" s="64"/>
      <c r="E2868" s="64"/>
      <c r="F2868" s="55"/>
      <c r="G2868" s="102"/>
      <c r="H2868" s="97"/>
      <c r="T2868" s="98"/>
      <c r="U2868" s="97"/>
      <c r="AG2868" s="98"/>
      <c r="AY2868" s="164"/>
      <c r="BK2868" s="98"/>
      <c r="BL2868" s="97"/>
      <c r="BX2868" s="98"/>
      <c r="CL2868" s="97"/>
      <c r="CX2868" s="98"/>
      <c r="DL2868" s="97"/>
      <c r="DX2868" s="98"/>
      <c r="EL2868" s="97"/>
      <c r="EX2868" s="98"/>
      <c r="EY2868" s="97"/>
      <c r="FL2868" s="126"/>
      <c r="FM2868" s="91"/>
      <c r="FN2868" s="91"/>
      <c r="FO2868" s="91"/>
      <c r="FP2868" s="91"/>
      <c r="FQ2868" s="91"/>
      <c r="FR2868" s="91"/>
      <c r="FS2868" s="91"/>
      <c r="FT2868" s="91"/>
      <c r="FU2868" s="91"/>
      <c r="FV2868" s="91"/>
      <c r="FW2868" s="91"/>
      <c r="FX2868" s="127"/>
      <c r="FY2868" s="126"/>
      <c r="FZ2868" s="91"/>
      <c r="GA2868" s="91"/>
      <c r="GB2868" s="91"/>
      <c r="GC2868" s="91"/>
      <c r="GD2868" s="91"/>
      <c r="GE2868" s="91"/>
      <c r="GF2868" s="91"/>
      <c r="GG2868" s="91"/>
      <c r="GH2868" s="91"/>
      <c r="GI2868" s="91"/>
      <c r="GJ2868" s="91"/>
      <c r="GK2868" s="127"/>
      <c r="GL2868" s="126"/>
      <c r="GM2868" s="91"/>
      <c r="GN2868" s="91"/>
      <c r="GO2868" s="91"/>
      <c r="GP2868" s="91"/>
      <c r="GQ2868" s="91"/>
      <c r="GR2868" s="91"/>
      <c r="GS2868" s="91"/>
      <c r="GT2868" s="91"/>
      <c r="GU2868" s="91"/>
      <c r="GV2868" s="91"/>
      <c r="GW2868" s="91"/>
      <c r="GX2868" s="127"/>
      <c r="GY2868" s="126"/>
      <c r="GZ2868" s="91"/>
      <c r="HA2868" s="91"/>
      <c r="HB2868" s="91"/>
      <c r="HC2868" s="91"/>
      <c r="HD2868" s="91"/>
      <c r="HE2868" s="91"/>
      <c r="HF2868" s="91"/>
      <c r="HG2868" s="91"/>
      <c r="HH2868" s="91"/>
      <c r="HI2868" s="91"/>
      <c r="HJ2868" s="91"/>
      <c r="HK2868" s="127"/>
      <c r="HL2868" s="126"/>
      <c r="HM2868" s="91"/>
      <c r="HN2868" s="91"/>
      <c r="HO2868" s="91"/>
      <c r="HP2868" s="91"/>
      <c r="HQ2868" s="91"/>
      <c r="HR2868" s="91"/>
      <c r="HS2868" s="91"/>
      <c r="HT2868" s="91"/>
      <c r="HU2868" s="91"/>
      <c r="HV2868" s="91"/>
      <c r="HW2868" s="91"/>
      <c r="HX2868" s="127"/>
      <c r="HY2868" s="126"/>
      <c r="HZ2868" s="91"/>
      <c r="IA2868" s="91"/>
      <c r="IB2868" s="91"/>
      <c r="IC2868" s="91"/>
      <c r="ID2868" s="91"/>
      <c r="IE2868" s="91"/>
      <c r="IF2868" s="91"/>
      <c r="IG2868" s="91"/>
      <c r="IH2868" s="91"/>
      <c r="II2868" s="91"/>
      <c r="IJ2868" s="91"/>
      <c r="IK2868" s="174"/>
    </row>
    <row r="2869" spans="2:245" x14ac:dyDescent="0.2">
      <c r="B2869" s="43"/>
      <c r="C2869" s="73"/>
      <c r="D2869" s="64"/>
      <c r="E2869" s="64"/>
      <c r="F2869" s="55"/>
      <c r="G2869" s="102"/>
      <c r="H2869" s="97"/>
      <c r="T2869" s="98"/>
      <c r="U2869" s="97"/>
      <c r="AG2869" s="98"/>
      <c r="AY2869" s="164"/>
      <c r="BK2869" s="98"/>
      <c r="BL2869" s="97"/>
      <c r="BX2869" s="98"/>
      <c r="CL2869" s="97"/>
      <c r="CX2869" s="98"/>
      <c r="DL2869" s="97"/>
      <c r="DX2869" s="98"/>
      <c r="EL2869" s="97"/>
      <c r="EX2869" s="98"/>
      <c r="EY2869" s="97"/>
      <c r="FL2869" s="126"/>
      <c r="FM2869" s="91"/>
      <c r="FN2869" s="91"/>
      <c r="FO2869" s="91"/>
      <c r="FP2869" s="91"/>
      <c r="FQ2869" s="91"/>
      <c r="FR2869" s="91"/>
      <c r="FS2869" s="91"/>
      <c r="FT2869" s="91"/>
      <c r="FU2869" s="91"/>
      <c r="FV2869" s="91"/>
      <c r="FW2869" s="91"/>
      <c r="FX2869" s="127"/>
      <c r="FY2869" s="126"/>
      <c r="FZ2869" s="91"/>
      <c r="GA2869" s="91"/>
      <c r="GB2869" s="91"/>
      <c r="GC2869" s="91"/>
      <c r="GD2869" s="91"/>
      <c r="GE2869" s="91"/>
      <c r="GF2869" s="91"/>
      <c r="GG2869" s="91"/>
      <c r="GH2869" s="91"/>
      <c r="GI2869" s="91"/>
      <c r="GJ2869" s="91"/>
      <c r="GK2869" s="127"/>
      <c r="GL2869" s="126"/>
      <c r="GM2869" s="91"/>
      <c r="GN2869" s="91"/>
      <c r="GO2869" s="91"/>
      <c r="GP2869" s="91"/>
      <c r="GQ2869" s="91"/>
      <c r="GR2869" s="91"/>
      <c r="GS2869" s="91"/>
      <c r="GT2869" s="91"/>
      <c r="GU2869" s="91"/>
      <c r="GV2869" s="91"/>
      <c r="GW2869" s="91"/>
      <c r="GX2869" s="127"/>
      <c r="GY2869" s="126"/>
      <c r="GZ2869" s="91"/>
      <c r="HA2869" s="91"/>
      <c r="HB2869" s="91"/>
      <c r="HC2869" s="91"/>
      <c r="HD2869" s="91"/>
      <c r="HE2869" s="91"/>
      <c r="HF2869" s="91"/>
      <c r="HG2869" s="91"/>
      <c r="HH2869" s="91"/>
      <c r="HI2869" s="91"/>
      <c r="HJ2869" s="91"/>
      <c r="HK2869" s="127"/>
      <c r="HL2869" s="126"/>
      <c r="HM2869" s="91"/>
      <c r="HN2869" s="91"/>
      <c r="HO2869" s="91"/>
      <c r="HP2869" s="91"/>
      <c r="HQ2869" s="91"/>
      <c r="HR2869" s="91"/>
      <c r="HS2869" s="91"/>
      <c r="HT2869" s="91"/>
      <c r="HU2869" s="91"/>
      <c r="HV2869" s="91"/>
      <c r="HW2869" s="91"/>
      <c r="HX2869" s="127"/>
      <c r="HY2869" s="126"/>
      <c r="HZ2869" s="91"/>
      <c r="IA2869" s="91"/>
      <c r="IB2869" s="91"/>
      <c r="IC2869" s="91"/>
      <c r="ID2869" s="91"/>
      <c r="IE2869" s="91"/>
      <c r="IF2869" s="91"/>
      <c r="IG2869" s="91"/>
      <c r="IH2869" s="91"/>
      <c r="II2869" s="91"/>
      <c r="IJ2869" s="91"/>
      <c r="IK2869" s="174"/>
    </row>
    <row r="2870" spans="2:245" x14ac:dyDescent="0.2">
      <c r="B2870" s="43"/>
      <c r="C2870" s="73"/>
      <c r="D2870" s="64"/>
      <c r="E2870" s="64"/>
      <c r="F2870" s="55"/>
      <c r="G2870" s="102"/>
      <c r="H2870" s="97"/>
      <c r="T2870" s="98"/>
      <c r="U2870" s="97"/>
      <c r="AG2870" s="98"/>
      <c r="AY2870" s="164"/>
      <c r="BK2870" s="98"/>
      <c r="BL2870" s="97"/>
      <c r="BX2870" s="98"/>
      <c r="CL2870" s="97"/>
      <c r="CX2870" s="98"/>
      <c r="DL2870" s="97"/>
      <c r="DX2870" s="98"/>
      <c r="EL2870" s="97"/>
      <c r="EX2870" s="98"/>
      <c r="EY2870" s="97"/>
      <c r="FL2870" s="126"/>
      <c r="FM2870" s="91"/>
      <c r="FN2870" s="91"/>
      <c r="FO2870" s="91"/>
      <c r="FP2870" s="91"/>
      <c r="FQ2870" s="91"/>
      <c r="FR2870" s="91"/>
      <c r="FS2870" s="91"/>
      <c r="FT2870" s="91"/>
      <c r="FU2870" s="91"/>
      <c r="FV2870" s="91"/>
      <c r="FW2870" s="91"/>
      <c r="FX2870" s="127"/>
      <c r="FY2870" s="126"/>
      <c r="FZ2870" s="91"/>
      <c r="GA2870" s="91"/>
      <c r="GB2870" s="91"/>
      <c r="GC2870" s="91"/>
      <c r="GD2870" s="91"/>
      <c r="GE2870" s="91"/>
      <c r="GF2870" s="91"/>
      <c r="GG2870" s="91"/>
      <c r="GH2870" s="91"/>
      <c r="GI2870" s="91"/>
      <c r="GJ2870" s="91"/>
      <c r="GK2870" s="127"/>
      <c r="GL2870" s="126"/>
      <c r="GM2870" s="91"/>
      <c r="GN2870" s="91"/>
      <c r="GO2870" s="91"/>
      <c r="GP2870" s="91"/>
      <c r="GQ2870" s="91"/>
      <c r="GR2870" s="91"/>
      <c r="GS2870" s="91"/>
      <c r="GT2870" s="91"/>
      <c r="GU2870" s="91"/>
      <c r="GV2870" s="91"/>
      <c r="GW2870" s="91"/>
      <c r="GX2870" s="127"/>
      <c r="GY2870" s="126"/>
      <c r="GZ2870" s="91"/>
      <c r="HA2870" s="91"/>
      <c r="HB2870" s="91"/>
      <c r="HC2870" s="91"/>
      <c r="HD2870" s="91"/>
      <c r="HE2870" s="91"/>
      <c r="HF2870" s="91"/>
      <c r="HG2870" s="91"/>
      <c r="HH2870" s="91"/>
      <c r="HI2870" s="91"/>
      <c r="HJ2870" s="91"/>
      <c r="HK2870" s="127"/>
      <c r="HL2870" s="126"/>
      <c r="HM2870" s="91"/>
      <c r="HN2870" s="91"/>
      <c r="HO2870" s="91"/>
      <c r="HP2870" s="91"/>
      <c r="HQ2870" s="91"/>
      <c r="HR2870" s="91"/>
      <c r="HS2870" s="91"/>
      <c r="HT2870" s="91"/>
      <c r="HU2870" s="91"/>
      <c r="HV2870" s="91"/>
      <c r="HW2870" s="91"/>
      <c r="HX2870" s="127"/>
      <c r="HY2870" s="126"/>
      <c r="HZ2870" s="91"/>
      <c r="IA2870" s="91"/>
      <c r="IB2870" s="91"/>
      <c r="IC2870" s="91"/>
      <c r="ID2870" s="91"/>
      <c r="IE2870" s="91"/>
      <c r="IF2870" s="91"/>
      <c r="IG2870" s="91"/>
      <c r="IH2870" s="91"/>
      <c r="II2870" s="91"/>
      <c r="IJ2870" s="91"/>
      <c r="IK2870" s="174"/>
    </row>
    <row r="2871" spans="2:245" x14ac:dyDescent="0.2">
      <c r="B2871" s="43"/>
      <c r="C2871" s="73"/>
      <c r="D2871" s="64"/>
      <c r="E2871" s="64"/>
      <c r="F2871" s="55"/>
      <c r="G2871" s="102"/>
      <c r="H2871" s="97"/>
      <c r="T2871" s="98"/>
      <c r="U2871" s="97"/>
      <c r="AG2871" s="98"/>
      <c r="AY2871" s="164"/>
      <c r="BK2871" s="98"/>
      <c r="BL2871" s="97"/>
      <c r="BX2871" s="98"/>
      <c r="CL2871" s="97"/>
      <c r="CX2871" s="98"/>
      <c r="DL2871" s="97"/>
      <c r="DX2871" s="98"/>
      <c r="EL2871" s="97"/>
      <c r="EX2871" s="98"/>
      <c r="EY2871" s="97"/>
      <c r="FL2871" s="126"/>
      <c r="FM2871" s="91"/>
      <c r="FN2871" s="91"/>
      <c r="FO2871" s="91"/>
      <c r="FP2871" s="91"/>
      <c r="FQ2871" s="91"/>
      <c r="FR2871" s="91"/>
      <c r="FS2871" s="91"/>
      <c r="FT2871" s="91"/>
      <c r="FU2871" s="91"/>
      <c r="FV2871" s="91"/>
      <c r="FW2871" s="91"/>
      <c r="FX2871" s="127"/>
      <c r="FY2871" s="126"/>
      <c r="FZ2871" s="91"/>
      <c r="GA2871" s="91"/>
      <c r="GB2871" s="91"/>
      <c r="GC2871" s="91"/>
      <c r="GD2871" s="91"/>
      <c r="GE2871" s="91"/>
      <c r="GF2871" s="91"/>
      <c r="GG2871" s="91"/>
      <c r="GH2871" s="91"/>
      <c r="GI2871" s="91"/>
      <c r="GJ2871" s="91"/>
      <c r="GK2871" s="127"/>
      <c r="GL2871" s="126"/>
      <c r="GM2871" s="91"/>
      <c r="GN2871" s="91"/>
      <c r="GO2871" s="91"/>
      <c r="GP2871" s="91"/>
      <c r="GQ2871" s="91"/>
      <c r="GR2871" s="91"/>
      <c r="GS2871" s="91"/>
      <c r="GT2871" s="91"/>
      <c r="GU2871" s="91"/>
      <c r="GV2871" s="91"/>
      <c r="GW2871" s="91"/>
      <c r="GX2871" s="127"/>
      <c r="GY2871" s="126"/>
      <c r="GZ2871" s="91"/>
      <c r="HA2871" s="91"/>
      <c r="HB2871" s="91"/>
      <c r="HC2871" s="91"/>
      <c r="HD2871" s="91"/>
      <c r="HE2871" s="91"/>
      <c r="HF2871" s="91"/>
      <c r="HG2871" s="91"/>
      <c r="HH2871" s="91"/>
      <c r="HI2871" s="91"/>
      <c r="HJ2871" s="91"/>
      <c r="HK2871" s="127"/>
      <c r="HL2871" s="126"/>
      <c r="HM2871" s="91"/>
      <c r="HN2871" s="91"/>
      <c r="HO2871" s="91"/>
      <c r="HP2871" s="91"/>
      <c r="HQ2871" s="91"/>
      <c r="HR2871" s="91"/>
      <c r="HS2871" s="91"/>
      <c r="HT2871" s="91"/>
      <c r="HU2871" s="91"/>
      <c r="HV2871" s="91"/>
      <c r="HW2871" s="91"/>
      <c r="HX2871" s="127"/>
      <c r="HY2871" s="126"/>
      <c r="HZ2871" s="91"/>
      <c r="IA2871" s="91"/>
      <c r="IB2871" s="91"/>
      <c r="IC2871" s="91"/>
      <c r="ID2871" s="91"/>
      <c r="IE2871" s="91"/>
      <c r="IF2871" s="91"/>
      <c r="IG2871" s="91"/>
      <c r="IH2871" s="91"/>
      <c r="II2871" s="91"/>
      <c r="IJ2871" s="91"/>
      <c r="IK2871" s="174"/>
    </row>
    <row r="2872" spans="2:245" x14ac:dyDescent="0.2">
      <c r="B2872" s="43"/>
      <c r="C2872" s="73"/>
      <c r="D2872" s="64"/>
      <c r="E2872" s="64"/>
      <c r="F2872" s="55"/>
      <c r="G2872" s="102"/>
      <c r="H2872" s="97"/>
      <c r="T2872" s="98"/>
      <c r="U2872" s="97"/>
      <c r="AG2872" s="98"/>
      <c r="AY2872" s="164"/>
      <c r="BK2872" s="98"/>
      <c r="BL2872" s="97"/>
      <c r="BX2872" s="98"/>
      <c r="CL2872" s="97"/>
      <c r="CX2872" s="98"/>
      <c r="DL2872" s="97"/>
      <c r="DX2872" s="98"/>
      <c r="EL2872" s="97"/>
      <c r="EX2872" s="98"/>
      <c r="EY2872" s="97"/>
      <c r="FL2872" s="126"/>
      <c r="FM2872" s="91"/>
      <c r="FN2872" s="91"/>
      <c r="FO2872" s="91"/>
      <c r="FP2872" s="91"/>
      <c r="FQ2872" s="91"/>
      <c r="FR2872" s="91"/>
      <c r="FS2872" s="91"/>
      <c r="FT2872" s="91"/>
      <c r="FU2872" s="91"/>
      <c r="FV2872" s="91"/>
      <c r="FW2872" s="91"/>
      <c r="FX2872" s="127"/>
      <c r="FY2872" s="126"/>
      <c r="FZ2872" s="91"/>
      <c r="GA2872" s="91"/>
      <c r="GB2872" s="91"/>
      <c r="GC2872" s="91"/>
      <c r="GD2872" s="91"/>
      <c r="GE2872" s="91"/>
      <c r="GF2872" s="91"/>
      <c r="GG2872" s="91"/>
      <c r="GH2872" s="91"/>
      <c r="GI2872" s="91"/>
      <c r="GJ2872" s="91"/>
      <c r="GK2872" s="127"/>
      <c r="GL2872" s="126"/>
      <c r="GM2872" s="91"/>
      <c r="GN2872" s="91"/>
      <c r="GO2872" s="91"/>
      <c r="GP2872" s="91"/>
      <c r="GQ2872" s="91"/>
      <c r="GR2872" s="91"/>
      <c r="GS2872" s="91"/>
      <c r="GT2872" s="91"/>
      <c r="GU2872" s="91"/>
      <c r="GV2872" s="91"/>
      <c r="GW2872" s="91"/>
      <c r="GX2872" s="127"/>
      <c r="GY2872" s="126"/>
      <c r="GZ2872" s="91"/>
      <c r="HA2872" s="91"/>
      <c r="HB2872" s="91"/>
      <c r="HC2872" s="91"/>
      <c r="HD2872" s="91"/>
      <c r="HE2872" s="91"/>
      <c r="HF2872" s="91"/>
      <c r="HG2872" s="91"/>
      <c r="HH2872" s="91"/>
      <c r="HI2872" s="91"/>
      <c r="HJ2872" s="91"/>
      <c r="HK2872" s="127"/>
      <c r="HL2872" s="126"/>
      <c r="HM2872" s="91"/>
      <c r="HN2872" s="91"/>
      <c r="HO2872" s="91"/>
      <c r="HP2872" s="91"/>
      <c r="HQ2872" s="91"/>
      <c r="HR2872" s="91"/>
      <c r="HS2872" s="91"/>
      <c r="HT2872" s="91"/>
      <c r="HU2872" s="91"/>
      <c r="HV2872" s="91"/>
      <c r="HW2872" s="91"/>
      <c r="HX2872" s="127"/>
      <c r="HY2872" s="126"/>
      <c r="HZ2872" s="91"/>
      <c r="IA2872" s="91"/>
      <c r="IB2872" s="91"/>
      <c r="IC2872" s="91"/>
      <c r="ID2872" s="91"/>
      <c r="IE2872" s="91"/>
      <c r="IF2872" s="91"/>
      <c r="IG2872" s="91"/>
      <c r="IH2872" s="91"/>
      <c r="II2872" s="91"/>
      <c r="IJ2872" s="91"/>
      <c r="IK2872" s="174"/>
    </row>
    <row r="2873" spans="2:245" x14ac:dyDescent="0.2">
      <c r="B2873" s="43"/>
      <c r="C2873" s="73"/>
      <c r="D2873" s="64"/>
      <c r="E2873" s="64"/>
      <c r="F2873" s="55"/>
      <c r="G2873" s="102"/>
      <c r="H2873" s="97"/>
      <c r="T2873" s="98"/>
      <c r="U2873" s="97"/>
      <c r="AG2873" s="98"/>
      <c r="AY2873" s="164"/>
      <c r="BK2873" s="98"/>
      <c r="BL2873" s="97"/>
      <c r="BX2873" s="98"/>
      <c r="CL2873" s="97"/>
      <c r="CX2873" s="98"/>
      <c r="DL2873" s="97"/>
      <c r="DX2873" s="98"/>
      <c r="EL2873" s="97"/>
      <c r="EX2873" s="98"/>
      <c r="EY2873" s="97"/>
      <c r="FL2873" s="126"/>
      <c r="FM2873" s="91"/>
      <c r="FN2873" s="91"/>
      <c r="FO2873" s="91"/>
      <c r="FP2873" s="91"/>
      <c r="FQ2873" s="91"/>
      <c r="FR2873" s="91"/>
      <c r="FS2873" s="91"/>
      <c r="FT2873" s="91"/>
      <c r="FU2873" s="91"/>
      <c r="FV2873" s="91"/>
      <c r="FW2873" s="91"/>
      <c r="FX2873" s="127"/>
      <c r="FY2873" s="126"/>
      <c r="FZ2873" s="91"/>
      <c r="GA2873" s="91"/>
      <c r="GB2873" s="91"/>
      <c r="GC2873" s="91"/>
      <c r="GD2873" s="91"/>
      <c r="GE2873" s="91"/>
      <c r="GF2873" s="91"/>
      <c r="GG2873" s="91"/>
      <c r="GH2873" s="91"/>
      <c r="GI2873" s="91"/>
      <c r="GJ2873" s="91"/>
      <c r="GK2873" s="127"/>
      <c r="GL2873" s="126"/>
      <c r="GM2873" s="91"/>
      <c r="GN2873" s="91"/>
      <c r="GO2873" s="91"/>
      <c r="GP2873" s="91"/>
      <c r="GQ2873" s="91"/>
      <c r="GR2873" s="91"/>
      <c r="GS2873" s="91"/>
      <c r="GT2873" s="91"/>
      <c r="GU2873" s="91"/>
      <c r="GV2873" s="91"/>
      <c r="GW2873" s="91"/>
      <c r="GX2873" s="127"/>
      <c r="GY2873" s="126"/>
      <c r="GZ2873" s="91"/>
      <c r="HA2873" s="91"/>
      <c r="HB2873" s="91"/>
      <c r="HC2873" s="91"/>
      <c r="HD2873" s="91"/>
      <c r="HE2873" s="91"/>
      <c r="HF2873" s="91"/>
      <c r="HG2873" s="91"/>
      <c r="HH2873" s="91"/>
      <c r="HI2873" s="91"/>
      <c r="HJ2873" s="91"/>
      <c r="HK2873" s="127"/>
      <c r="HL2873" s="126"/>
      <c r="HM2873" s="91"/>
      <c r="HN2873" s="91"/>
      <c r="HO2873" s="91"/>
      <c r="HP2873" s="91"/>
      <c r="HQ2873" s="91"/>
      <c r="HR2873" s="91"/>
      <c r="HS2873" s="91"/>
      <c r="HT2873" s="91"/>
      <c r="HU2873" s="91"/>
      <c r="HV2873" s="91"/>
      <c r="HW2873" s="91"/>
      <c r="HX2873" s="127"/>
      <c r="HY2873" s="126"/>
      <c r="HZ2873" s="91"/>
      <c r="IA2873" s="91"/>
      <c r="IB2873" s="91"/>
      <c r="IC2873" s="91"/>
      <c r="ID2873" s="91"/>
      <c r="IE2873" s="91"/>
      <c r="IF2873" s="91"/>
      <c r="IG2873" s="91"/>
      <c r="IH2873" s="91"/>
      <c r="II2873" s="91"/>
      <c r="IJ2873" s="91"/>
      <c r="IK2873" s="174"/>
    </row>
    <row r="2874" spans="2:245" x14ac:dyDescent="0.2">
      <c r="B2874" s="43"/>
      <c r="C2874" s="73"/>
      <c r="D2874" s="64"/>
      <c r="E2874" s="64"/>
      <c r="F2874" s="55"/>
      <c r="G2874" s="102"/>
      <c r="H2874" s="97"/>
      <c r="T2874" s="98"/>
      <c r="U2874" s="97"/>
      <c r="AG2874" s="98"/>
      <c r="AY2874" s="164"/>
      <c r="BK2874" s="98"/>
      <c r="BL2874" s="97"/>
      <c r="BX2874" s="98"/>
      <c r="CL2874" s="97"/>
      <c r="CX2874" s="98"/>
      <c r="DL2874" s="97"/>
      <c r="DX2874" s="98"/>
      <c r="EL2874" s="97"/>
      <c r="EX2874" s="98"/>
      <c r="EY2874" s="97"/>
      <c r="FL2874" s="126"/>
      <c r="FM2874" s="91"/>
      <c r="FN2874" s="91"/>
      <c r="FO2874" s="91"/>
      <c r="FP2874" s="91"/>
      <c r="FQ2874" s="91"/>
      <c r="FR2874" s="91"/>
      <c r="FS2874" s="91"/>
      <c r="FT2874" s="91"/>
      <c r="FU2874" s="91"/>
      <c r="FV2874" s="91"/>
      <c r="FW2874" s="91"/>
      <c r="FX2874" s="127"/>
      <c r="FY2874" s="126"/>
      <c r="FZ2874" s="91"/>
      <c r="GA2874" s="91"/>
      <c r="GB2874" s="91"/>
      <c r="GC2874" s="91"/>
      <c r="GD2874" s="91"/>
      <c r="GE2874" s="91"/>
      <c r="GF2874" s="91"/>
      <c r="GG2874" s="91"/>
      <c r="GH2874" s="91"/>
      <c r="GI2874" s="91"/>
      <c r="GJ2874" s="91"/>
      <c r="GK2874" s="127"/>
      <c r="GL2874" s="126"/>
      <c r="GM2874" s="91"/>
      <c r="GN2874" s="91"/>
      <c r="GO2874" s="91"/>
      <c r="GP2874" s="91"/>
      <c r="GQ2874" s="91"/>
      <c r="GR2874" s="91"/>
      <c r="GS2874" s="91"/>
      <c r="GT2874" s="91"/>
      <c r="GU2874" s="91"/>
      <c r="GV2874" s="91"/>
      <c r="GW2874" s="91"/>
      <c r="GX2874" s="127"/>
      <c r="GY2874" s="126"/>
      <c r="GZ2874" s="91"/>
      <c r="HA2874" s="91"/>
      <c r="HB2874" s="91"/>
      <c r="HC2874" s="91"/>
      <c r="HD2874" s="91"/>
      <c r="HE2874" s="91"/>
      <c r="HF2874" s="91"/>
      <c r="HG2874" s="91"/>
      <c r="HH2874" s="91"/>
      <c r="HI2874" s="91"/>
      <c r="HJ2874" s="91"/>
      <c r="HK2874" s="127"/>
      <c r="HL2874" s="126"/>
      <c r="HM2874" s="91"/>
      <c r="HN2874" s="91"/>
      <c r="HO2874" s="91"/>
      <c r="HP2874" s="91"/>
      <c r="HQ2874" s="91"/>
      <c r="HR2874" s="91"/>
      <c r="HS2874" s="91"/>
      <c r="HT2874" s="91"/>
      <c r="HU2874" s="91"/>
      <c r="HV2874" s="91"/>
      <c r="HW2874" s="91"/>
      <c r="HX2874" s="127"/>
      <c r="HY2874" s="126"/>
      <c r="HZ2874" s="91"/>
      <c r="IA2874" s="91"/>
      <c r="IB2874" s="91"/>
      <c r="IC2874" s="91"/>
      <c r="ID2874" s="91"/>
      <c r="IE2874" s="91"/>
      <c r="IF2874" s="91"/>
      <c r="IG2874" s="91"/>
      <c r="IH2874" s="91"/>
      <c r="II2874" s="91"/>
      <c r="IJ2874" s="91"/>
      <c r="IK2874" s="174"/>
    </row>
    <row r="2875" spans="2:245" x14ac:dyDescent="0.2">
      <c r="B2875" s="43"/>
      <c r="C2875" s="73"/>
      <c r="D2875" s="64"/>
      <c r="E2875" s="64"/>
      <c r="F2875" s="55"/>
      <c r="G2875" s="102"/>
      <c r="H2875" s="97"/>
      <c r="T2875" s="98"/>
      <c r="U2875" s="97"/>
      <c r="AG2875" s="98"/>
      <c r="AY2875" s="164"/>
      <c r="BK2875" s="98"/>
      <c r="BL2875" s="97"/>
      <c r="BX2875" s="98"/>
      <c r="CL2875" s="97"/>
      <c r="CX2875" s="98"/>
      <c r="DL2875" s="97"/>
      <c r="DX2875" s="98"/>
      <c r="EL2875" s="97"/>
      <c r="EX2875" s="98"/>
      <c r="EY2875" s="97"/>
      <c r="FL2875" s="126"/>
      <c r="FM2875" s="91"/>
      <c r="FN2875" s="91"/>
      <c r="FO2875" s="91"/>
      <c r="FP2875" s="91"/>
      <c r="FQ2875" s="91"/>
      <c r="FR2875" s="91"/>
      <c r="FS2875" s="91"/>
      <c r="FT2875" s="91"/>
      <c r="FU2875" s="91"/>
      <c r="FV2875" s="91"/>
      <c r="FW2875" s="91"/>
      <c r="FX2875" s="127"/>
      <c r="FY2875" s="126"/>
      <c r="FZ2875" s="91"/>
      <c r="GA2875" s="91"/>
      <c r="GB2875" s="91"/>
      <c r="GC2875" s="91"/>
      <c r="GD2875" s="91"/>
      <c r="GE2875" s="91"/>
      <c r="GF2875" s="91"/>
      <c r="GG2875" s="91"/>
      <c r="GH2875" s="91"/>
      <c r="GI2875" s="91"/>
      <c r="GJ2875" s="91"/>
      <c r="GK2875" s="127"/>
      <c r="GL2875" s="126"/>
      <c r="GM2875" s="91"/>
      <c r="GN2875" s="91"/>
      <c r="GO2875" s="91"/>
      <c r="GP2875" s="91"/>
      <c r="GQ2875" s="91"/>
      <c r="GR2875" s="91"/>
      <c r="GS2875" s="91"/>
      <c r="GT2875" s="91"/>
      <c r="GU2875" s="91"/>
      <c r="GV2875" s="91"/>
      <c r="GW2875" s="91"/>
      <c r="GX2875" s="127"/>
      <c r="GY2875" s="126"/>
      <c r="GZ2875" s="91"/>
      <c r="HA2875" s="91"/>
      <c r="HB2875" s="91"/>
      <c r="HC2875" s="91"/>
      <c r="HD2875" s="91"/>
      <c r="HE2875" s="91"/>
      <c r="HF2875" s="91"/>
      <c r="HG2875" s="91"/>
      <c r="HH2875" s="91"/>
      <c r="HI2875" s="91"/>
      <c r="HJ2875" s="91"/>
      <c r="HK2875" s="127"/>
      <c r="HL2875" s="126"/>
      <c r="HM2875" s="91"/>
      <c r="HN2875" s="91"/>
      <c r="HO2875" s="91"/>
      <c r="HP2875" s="91"/>
      <c r="HQ2875" s="91"/>
      <c r="HR2875" s="91"/>
      <c r="HS2875" s="91"/>
      <c r="HT2875" s="91"/>
      <c r="HU2875" s="91"/>
      <c r="HV2875" s="91"/>
      <c r="HW2875" s="91"/>
      <c r="HX2875" s="127"/>
      <c r="HY2875" s="126"/>
      <c r="HZ2875" s="91"/>
      <c r="IA2875" s="91"/>
      <c r="IB2875" s="91"/>
      <c r="IC2875" s="91"/>
      <c r="ID2875" s="91"/>
      <c r="IE2875" s="91"/>
      <c r="IF2875" s="91"/>
      <c r="IG2875" s="91"/>
      <c r="IH2875" s="91"/>
      <c r="II2875" s="91"/>
      <c r="IJ2875" s="91"/>
      <c r="IK2875" s="174"/>
    </row>
    <row r="2876" spans="2:245" x14ac:dyDescent="0.2">
      <c r="B2876" s="43"/>
      <c r="C2876" s="73"/>
      <c r="D2876" s="64"/>
      <c r="E2876" s="64"/>
      <c r="F2876" s="55"/>
      <c r="G2876" s="102"/>
      <c r="H2876" s="97"/>
      <c r="T2876" s="98"/>
      <c r="U2876" s="97"/>
      <c r="AG2876" s="98"/>
      <c r="AY2876" s="164"/>
      <c r="BK2876" s="98"/>
      <c r="BL2876" s="97"/>
      <c r="BX2876" s="98"/>
      <c r="CL2876" s="97"/>
      <c r="CX2876" s="98"/>
      <c r="DL2876" s="97"/>
      <c r="DX2876" s="98"/>
      <c r="EL2876" s="97"/>
      <c r="EX2876" s="98"/>
      <c r="EY2876" s="97"/>
      <c r="FL2876" s="126"/>
      <c r="FM2876" s="91"/>
      <c r="FN2876" s="91"/>
      <c r="FO2876" s="91"/>
      <c r="FP2876" s="91"/>
      <c r="FQ2876" s="91"/>
      <c r="FR2876" s="91"/>
      <c r="FS2876" s="91"/>
      <c r="FT2876" s="91"/>
      <c r="FU2876" s="91"/>
      <c r="FV2876" s="91"/>
      <c r="FW2876" s="91"/>
      <c r="FX2876" s="127"/>
      <c r="FY2876" s="126"/>
      <c r="FZ2876" s="91"/>
      <c r="GA2876" s="91"/>
      <c r="GB2876" s="91"/>
      <c r="GC2876" s="91"/>
      <c r="GD2876" s="91"/>
      <c r="GE2876" s="91"/>
      <c r="GF2876" s="91"/>
      <c r="GG2876" s="91"/>
      <c r="GH2876" s="91"/>
      <c r="GI2876" s="91"/>
      <c r="GJ2876" s="91"/>
      <c r="GK2876" s="127"/>
      <c r="GL2876" s="126"/>
      <c r="GM2876" s="91"/>
      <c r="GN2876" s="91"/>
      <c r="GO2876" s="91"/>
      <c r="GP2876" s="91"/>
      <c r="GQ2876" s="91"/>
      <c r="GR2876" s="91"/>
      <c r="GS2876" s="91"/>
      <c r="GT2876" s="91"/>
      <c r="GU2876" s="91"/>
      <c r="GV2876" s="91"/>
      <c r="GW2876" s="91"/>
      <c r="GX2876" s="127"/>
      <c r="GY2876" s="126"/>
      <c r="GZ2876" s="91"/>
      <c r="HA2876" s="91"/>
      <c r="HB2876" s="91"/>
      <c r="HC2876" s="91"/>
      <c r="HD2876" s="91"/>
      <c r="HE2876" s="91"/>
      <c r="HF2876" s="91"/>
      <c r="HG2876" s="91"/>
      <c r="HH2876" s="91"/>
      <c r="HI2876" s="91"/>
      <c r="HJ2876" s="91"/>
      <c r="HK2876" s="127"/>
      <c r="HL2876" s="126"/>
      <c r="HM2876" s="91"/>
      <c r="HN2876" s="91"/>
      <c r="HO2876" s="91"/>
      <c r="HP2876" s="91"/>
      <c r="HQ2876" s="91"/>
      <c r="HR2876" s="91"/>
      <c r="HS2876" s="91"/>
      <c r="HT2876" s="91"/>
      <c r="HU2876" s="91"/>
      <c r="HV2876" s="91"/>
      <c r="HW2876" s="91"/>
      <c r="HX2876" s="127"/>
      <c r="HY2876" s="126"/>
      <c r="HZ2876" s="91"/>
      <c r="IA2876" s="91"/>
      <c r="IB2876" s="91"/>
      <c r="IC2876" s="91"/>
      <c r="ID2876" s="91"/>
      <c r="IE2876" s="91"/>
      <c r="IF2876" s="91"/>
      <c r="IG2876" s="91"/>
      <c r="IH2876" s="91"/>
      <c r="II2876" s="91"/>
      <c r="IJ2876" s="91"/>
      <c r="IK2876" s="174"/>
    </row>
    <row r="2877" spans="2:245" x14ac:dyDescent="0.2">
      <c r="B2877" s="43"/>
      <c r="C2877" s="73"/>
      <c r="D2877" s="64"/>
      <c r="E2877" s="64"/>
      <c r="F2877" s="55"/>
      <c r="G2877" s="102"/>
      <c r="H2877" s="97"/>
      <c r="T2877" s="98"/>
      <c r="U2877" s="97"/>
      <c r="AG2877" s="98"/>
      <c r="AY2877" s="164"/>
      <c r="BK2877" s="98"/>
      <c r="BL2877" s="97"/>
      <c r="BX2877" s="98"/>
      <c r="CL2877" s="97"/>
      <c r="CX2877" s="98"/>
      <c r="DL2877" s="97"/>
      <c r="DX2877" s="98"/>
      <c r="EL2877" s="97"/>
      <c r="EX2877" s="98"/>
      <c r="EY2877" s="97"/>
      <c r="FL2877" s="126"/>
      <c r="FM2877" s="91"/>
      <c r="FN2877" s="91"/>
      <c r="FO2877" s="91"/>
      <c r="FP2877" s="91"/>
      <c r="FQ2877" s="91"/>
      <c r="FR2877" s="91"/>
      <c r="FS2877" s="91"/>
      <c r="FT2877" s="91"/>
      <c r="FU2877" s="91"/>
      <c r="FV2877" s="91"/>
      <c r="FW2877" s="91"/>
      <c r="FX2877" s="127"/>
      <c r="FY2877" s="126"/>
      <c r="FZ2877" s="91"/>
      <c r="GA2877" s="91"/>
      <c r="GB2877" s="91"/>
      <c r="GC2877" s="91"/>
      <c r="GD2877" s="91"/>
      <c r="GE2877" s="91"/>
      <c r="GF2877" s="91"/>
      <c r="GG2877" s="91"/>
      <c r="GH2877" s="91"/>
      <c r="GI2877" s="91"/>
      <c r="GJ2877" s="91"/>
      <c r="GK2877" s="127"/>
      <c r="GL2877" s="126"/>
      <c r="GM2877" s="91"/>
      <c r="GN2877" s="91"/>
      <c r="GO2877" s="91"/>
      <c r="GP2877" s="91"/>
      <c r="GQ2877" s="91"/>
      <c r="GR2877" s="91"/>
      <c r="GS2877" s="91"/>
      <c r="GT2877" s="91"/>
      <c r="GU2877" s="91"/>
      <c r="GV2877" s="91"/>
      <c r="GW2877" s="91"/>
      <c r="GX2877" s="127"/>
      <c r="GY2877" s="126"/>
      <c r="GZ2877" s="91"/>
      <c r="HA2877" s="91"/>
      <c r="HB2877" s="91"/>
      <c r="HC2877" s="91"/>
      <c r="HD2877" s="91"/>
      <c r="HE2877" s="91"/>
      <c r="HF2877" s="91"/>
      <c r="HG2877" s="91"/>
      <c r="HH2877" s="91"/>
      <c r="HI2877" s="91"/>
      <c r="HJ2877" s="91"/>
      <c r="HK2877" s="127"/>
      <c r="HL2877" s="126"/>
      <c r="HM2877" s="91"/>
      <c r="HN2877" s="91"/>
      <c r="HO2877" s="91"/>
      <c r="HP2877" s="91"/>
      <c r="HQ2877" s="91"/>
      <c r="HR2877" s="91"/>
      <c r="HS2877" s="91"/>
      <c r="HT2877" s="91"/>
      <c r="HU2877" s="91"/>
      <c r="HV2877" s="91"/>
      <c r="HW2877" s="91"/>
      <c r="HX2877" s="127"/>
      <c r="HY2877" s="126"/>
      <c r="HZ2877" s="91"/>
      <c r="IA2877" s="91"/>
      <c r="IB2877" s="91"/>
      <c r="IC2877" s="91"/>
      <c r="ID2877" s="91"/>
      <c r="IE2877" s="91"/>
      <c r="IF2877" s="91"/>
      <c r="IG2877" s="91"/>
      <c r="IH2877" s="91"/>
      <c r="II2877" s="91"/>
      <c r="IJ2877" s="91"/>
      <c r="IK2877" s="174"/>
    </row>
    <row r="2878" spans="2:245" x14ac:dyDescent="0.2">
      <c r="B2878" s="43"/>
      <c r="C2878" s="73"/>
      <c r="D2878" s="64"/>
      <c r="E2878" s="64"/>
      <c r="F2878" s="55"/>
      <c r="G2878" s="102"/>
      <c r="H2878" s="97"/>
      <c r="T2878" s="98"/>
      <c r="U2878" s="97"/>
      <c r="AG2878" s="98"/>
      <c r="AY2878" s="164"/>
      <c r="BK2878" s="98"/>
      <c r="BL2878" s="97"/>
      <c r="BX2878" s="98"/>
      <c r="CL2878" s="97"/>
      <c r="CX2878" s="98"/>
      <c r="DL2878" s="97"/>
      <c r="DX2878" s="98"/>
      <c r="EL2878" s="97"/>
      <c r="EX2878" s="98"/>
      <c r="EY2878" s="97"/>
      <c r="FL2878" s="126"/>
      <c r="FM2878" s="91"/>
      <c r="FN2878" s="91"/>
      <c r="FO2878" s="91"/>
      <c r="FP2878" s="91"/>
      <c r="FQ2878" s="91"/>
      <c r="FR2878" s="91"/>
      <c r="FS2878" s="91"/>
      <c r="FT2878" s="91"/>
      <c r="FU2878" s="91"/>
      <c r="FV2878" s="91"/>
      <c r="FW2878" s="91"/>
      <c r="FX2878" s="127"/>
      <c r="FY2878" s="126"/>
      <c r="FZ2878" s="91"/>
      <c r="GA2878" s="91"/>
      <c r="GB2878" s="91"/>
      <c r="GC2878" s="91"/>
      <c r="GD2878" s="91"/>
      <c r="GE2878" s="91"/>
      <c r="GF2878" s="91"/>
      <c r="GG2878" s="91"/>
      <c r="GH2878" s="91"/>
      <c r="GI2878" s="91"/>
      <c r="GJ2878" s="91"/>
      <c r="GK2878" s="127"/>
      <c r="GL2878" s="126"/>
      <c r="GM2878" s="91"/>
      <c r="GN2878" s="91"/>
      <c r="GO2878" s="91"/>
      <c r="GP2878" s="91"/>
      <c r="GQ2878" s="91"/>
      <c r="GR2878" s="91"/>
      <c r="GS2878" s="91"/>
      <c r="GT2878" s="91"/>
      <c r="GU2878" s="91"/>
      <c r="GV2878" s="91"/>
      <c r="GW2878" s="91"/>
      <c r="GX2878" s="127"/>
      <c r="GY2878" s="126"/>
      <c r="GZ2878" s="91"/>
      <c r="HA2878" s="91"/>
      <c r="HB2878" s="91"/>
      <c r="HC2878" s="91"/>
      <c r="HD2878" s="91"/>
      <c r="HE2878" s="91"/>
      <c r="HF2878" s="91"/>
      <c r="HG2878" s="91"/>
      <c r="HH2878" s="91"/>
      <c r="HI2878" s="91"/>
      <c r="HJ2878" s="91"/>
      <c r="HK2878" s="127"/>
      <c r="HL2878" s="126"/>
      <c r="HM2878" s="91"/>
      <c r="HN2878" s="91"/>
      <c r="HO2878" s="91"/>
      <c r="HP2878" s="91"/>
      <c r="HQ2878" s="91"/>
      <c r="HR2878" s="91"/>
      <c r="HS2878" s="91"/>
      <c r="HT2878" s="91"/>
      <c r="HU2878" s="91"/>
      <c r="HV2878" s="91"/>
      <c r="HW2878" s="91"/>
      <c r="HX2878" s="127"/>
      <c r="HY2878" s="126"/>
      <c r="HZ2878" s="91"/>
      <c r="IA2878" s="91"/>
      <c r="IB2878" s="91"/>
      <c r="IC2878" s="91"/>
      <c r="ID2878" s="91"/>
      <c r="IE2878" s="91"/>
      <c r="IF2878" s="91"/>
      <c r="IG2878" s="91"/>
      <c r="IH2878" s="91"/>
      <c r="II2878" s="91"/>
      <c r="IJ2878" s="91"/>
      <c r="IK2878" s="174"/>
    </row>
    <row r="2879" spans="2:245" x14ac:dyDescent="0.2">
      <c r="B2879" s="43"/>
      <c r="C2879" s="73"/>
      <c r="D2879" s="64"/>
      <c r="E2879" s="64"/>
      <c r="F2879" s="55"/>
      <c r="G2879" s="102"/>
      <c r="H2879" s="97"/>
      <c r="T2879" s="98"/>
      <c r="U2879" s="97"/>
      <c r="AG2879" s="98"/>
      <c r="AY2879" s="164"/>
      <c r="BK2879" s="98"/>
      <c r="BL2879" s="97"/>
      <c r="BX2879" s="98"/>
      <c r="CL2879" s="97"/>
      <c r="CX2879" s="98"/>
      <c r="DL2879" s="97"/>
      <c r="DX2879" s="98"/>
      <c r="EL2879" s="97"/>
      <c r="EX2879" s="98"/>
      <c r="EY2879" s="97"/>
      <c r="FL2879" s="126"/>
      <c r="FM2879" s="91"/>
      <c r="FN2879" s="91"/>
      <c r="FO2879" s="91"/>
      <c r="FP2879" s="91"/>
      <c r="FQ2879" s="91"/>
      <c r="FR2879" s="91"/>
      <c r="FS2879" s="91"/>
      <c r="FT2879" s="91"/>
      <c r="FU2879" s="91"/>
      <c r="FV2879" s="91"/>
      <c r="FW2879" s="91"/>
      <c r="FX2879" s="127"/>
      <c r="FY2879" s="126"/>
      <c r="FZ2879" s="91"/>
      <c r="GA2879" s="91"/>
      <c r="GB2879" s="91"/>
      <c r="GC2879" s="91"/>
      <c r="GD2879" s="91"/>
      <c r="GE2879" s="91"/>
      <c r="GF2879" s="91"/>
      <c r="GG2879" s="91"/>
      <c r="GH2879" s="91"/>
      <c r="GI2879" s="91"/>
      <c r="GJ2879" s="91"/>
      <c r="GK2879" s="127"/>
      <c r="GL2879" s="126"/>
      <c r="GM2879" s="91"/>
      <c r="GN2879" s="91"/>
      <c r="GO2879" s="91"/>
      <c r="GP2879" s="91"/>
      <c r="GQ2879" s="91"/>
      <c r="GR2879" s="91"/>
      <c r="GS2879" s="91"/>
      <c r="GT2879" s="91"/>
      <c r="GU2879" s="91"/>
      <c r="GV2879" s="91"/>
      <c r="GW2879" s="91"/>
      <c r="GX2879" s="127"/>
      <c r="GY2879" s="126"/>
      <c r="GZ2879" s="91"/>
      <c r="HA2879" s="91"/>
      <c r="HB2879" s="91"/>
      <c r="HC2879" s="91"/>
      <c r="HD2879" s="91"/>
      <c r="HE2879" s="91"/>
      <c r="HF2879" s="91"/>
      <c r="HG2879" s="91"/>
      <c r="HH2879" s="91"/>
      <c r="HI2879" s="91"/>
      <c r="HJ2879" s="91"/>
      <c r="HK2879" s="127"/>
      <c r="HL2879" s="126"/>
      <c r="HM2879" s="91"/>
      <c r="HN2879" s="91"/>
      <c r="HO2879" s="91"/>
      <c r="HP2879" s="91"/>
      <c r="HQ2879" s="91"/>
      <c r="HR2879" s="91"/>
      <c r="HS2879" s="91"/>
      <c r="HT2879" s="91"/>
      <c r="HU2879" s="91"/>
      <c r="HV2879" s="91"/>
      <c r="HW2879" s="91"/>
      <c r="HX2879" s="127"/>
      <c r="HY2879" s="126"/>
      <c r="HZ2879" s="91"/>
      <c r="IA2879" s="91"/>
      <c r="IB2879" s="91"/>
      <c r="IC2879" s="91"/>
      <c r="ID2879" s="91"/>
      <c r="IE2879" s="91"/>
      <c r="IF2879" s="91"/>
      <c r="IG2879" s="91"/>
      <c r="IH2879" s="91"/>
      <c r="II2879" s="91"/>
      <c r="IJ2879" s="91"/>
      <c r="IK2879" s="174"/>
    </row>
    <row r="2880" spans="2:245" x14ac:dyDescent="0.2">
      <c r="B2880" s="43"/>
      <c r="C2880" s="73"/>
      <c r="D2880" s="64"/>
      <c r="E2880" s="64"/>
      <c r="F2880" s="55"/>
      <c r="G2880" s="102"/>
      <c r="H2880" s="97"/>
      <c r="T2880" s="98"/>
      <c r="U2880" s="97"/>
      <c r="AG2880" s="98"/>
      <c r="AY2880" s="164"/>
      <c r="BK2880" s="98"/>
      <c r="BL2880" s="97"/>
      <c r="BX2880" s="98"/>
      <c r="CL2880" s="97"/>
      <c r="CX2880" s="98"/>
      <c r="DL2880" s="97"/>
      <c r="DX2880" s="98"/>
      <c r="EL2880" s="97"/>
      <c r="EX2880" s="98"/>
      <c r="EY2880" s="97"/>
      <c r="FL2880" s="126"/>
      <c r="FM2880" s="91"/>
      <c r="FN2880" s="91"/>
      <c r="FO2880" s="91"/>
      <c r="FP2880" s="91"/>
      <c r="FQ2880" s="91"/>
      <c r="FR2880" s="91"/>
      <c r="FS2880" s="91"/>
      <c r="FT2880" s="91"/>
      <c r="FU2880" s="91"/>
      <c r="FV2880" s="91"/>
      <c r="FW2880" s="91"/>
      <c r="FX2880" s="127"/>
      <c r="FY2880" s="126"/>
      <c r="FZ2880" s="91"/>
      <c r="GA2880" s="91"/>
      <c r="GB2880" s="91"/>
      <c r="GC2880" s="91"/>
      <c r="GD2880" s="91"/>
      <c r="GE2880" s="91"/>
      <c r="GF2880" s="91"/>
      <c r="GG2880" s="91"/>
      <c r="GH2880" s="91"/>
      <c r="GI2880" s="91"/>
      <c r="GJ2880" s="91"/>
      <c r="GK2880" s="127"/>
      <c r="GL2880" s="126"/>
      <c r="GM2880" s="91"/>
      <c r="GN2880" s="91"/>
      <c r="GO2880" s="91"/>
      <c r="GP2880" s="91"/>
      <c r="GQ2880" s="91"/>
      <c r="GR2880" s="91"/>
      <c r="GS2880" s="91"/>
      <c r="GT2880" s="91"/>
      <c r="GU2880" s="91"/>
      <c r="GV2880" s="91"/>
      <c r="GW2880" s="91"/>
      <c r="GX2880" s="127"/>
      <c r="GY2880" s="126"/>
      <c r="GZ2880" s="91"/>
      <c r="HA2880" s="91"/>
      <c r="HB2880" s="91"/>
      <c r="HC2880" s="91"/>
      <c r="HD2880" s="91"/>
      <c r="HE2880" s="91"/>
      <c r="HF2880" s="91"/>
      <c r="HG2880" s="91"/>
      <c r="HH2880" s="91"/>
      <c r="HI2880" s="91"/>
      <c r="HJ2880" s="91"/>
      <c r="HK2880" s="127"/>
      <c r="HL2880" s="126"/>
      <c r="HM2880" s="91"/>
      <c r="HN2880" s="91"/>
      <c r="HO2880" s="91"/>
      <c r="HP2880" s="91"/>
      <c r="HQ2880" s="91"/>
      <c r="HR2880" s="91"/>
      <c r="HS2880" s="91"/>
      <c r="HT2880" s="91"/>
      <c r="HU2880" s="91"/>
      <c r="HV2880" s="91"/>
      <c r="HW2880" s="91"/>
      <c r="HX2880" s="127"/>
      <c r="HY2880" s="126"/>
      <c r="HZ2880" s="91"/>
      <c r="IA2880" s="91"/>
      <c r="IB2880" s="91"/>
      <c r="IC2880" s="91"/>
      <c r="ID2880" s="91"/>
      <c r="IE2880" s="91"/>
      <c r="IF2880" s="91"/>
      <c r="IG2880" s="91"/>
      <c r="IH2880" s="91"/>
      <c r="II2880" s="91"/>
      <c r="IJ2880" s="91"/>
      <c r="IK2880" s="174"/>
    </row>
    <row r="2881" spans="2:245" x14ac:dyDescent="0.2">
      <c r="B2881" s="43"/>
      <c r="C2881" s="73"/>
      <c r="D2881" s="64"/>
      <c r="E2881" s="64"/>
      <c r="F2881" s="55"/>
      <c r="G2881" s="102"/>
      <c r="H2881" s="97"/>
      <c r="T2881" s="98"/>
      <c r="U2881" s="97"/>
      <c r="AG2881" s="98"/>
      <c r="AY2881" s="164"/>
      <c r="BK2881" s="98"/>
      <c r="BL2881" s="97"/>
      <c r="BX2881" s="98"/>
      <c r="CL2881" s="97"/>
      <c r="CX2881" s="98"/>
      <c r="DL2881" s="97"/>
      <c r="DX2881" s="98"/>
      <c r="EL2881" s="97"/>
      <c r="EX2881" s="98"/>
      <c r="EY2881" s="97"/>
      <c r="FL2881" s="126"/>
      <c r="FM2881" s="91"/>
      <c r="FN2881" s="91"/>
      <c r="FO2881" s="91"/>
      <c r="FP2881" s="91"/>
      <c r="FQ2881" s="91"/>
      <c r="FR2881" s="91"/>
      <c r="FS2881" s="91"/>
      <c r="FT2881" s="91"/>
      <c r="FU2881" s="91"/>
      <c r="FV2881" s="91"/>
      <c r="FW2881" s="91"/>
      <c r="FX2881" s="127"/>
      <c r="FY2881" s="126"/>
      <c r="FZ2881" s="91"/>
      <c r="GA2881" s="91"/>
      <c r="GB2881" s="91"/>
      <c r="GC2881" s="91"/>
      <c r="GD2881" s="91"/>
      <c r="GE2881" s="91"/>
      <c r="GF2881" s="91"/>
      <c r="GG2881" s="91"/>
      <c r="GH2881" s="91"/>
      <c r="GI2881" s="91"/>
      <c r="GJ2881" s="91"/>
      <c r="GK2881" s="127"/>
      <c r="GL2881" s="126"/>
      <c r="GM2881" s="91"/>
      <c r="GN2881" s="91"/>
      <c r="GO2881" s="91"/>
      <c r="GP2881" s="91"/>
      <c r="GQ2881" s="91"/>
      <c r="GR2881" s="91"/>
      <c r="GS2881" s="91"/>
      <c r="GT2881" s="91"/>
      <c r="GU2881" s="91"/>
      <c r="GV2881" s="91"/>
      <c r="GW2881" s="91"/>
      <c r="GX2881" s="127"/>
      <c r="GY2881" s="126"/>
      <c r="GZ2881" s="91"/>
      <c r="HA2881" s="91"/>
      <c r="HB2881" s="91"/>
      <c r="HC2881" s="91"/>
      <c r="HD2881" s="91"/>
      <c r="HE2881" s="91"/>
      <c r="HF2881" s="91"/>
      <c r="HG2881" s="91"/>
      <c r="HH2881" s="91"/>
      <c r="HI2881" s="91"/>
      <c r="HJ2881" s="91"/>
      <c r="HK2881" s="127"/>
      <c r="HL2881" s="126"/>
      <c r="HM2881" s="91"/>
      <c r="HN2881" s="91"/>
      <c r="HO2881" s="91"/>
      <c r="HP2881" s="91"/>
      <c r="HQ2881" s="91"/>
      <c r="HR2881" s="91"/>
      <c r="HS2881" s="91"/>
      <c r="HT2881" s="91"/>
      <c r="HU2881" s="91"/>
      <c r="HV2881" s="91"/>
      <c r="HW2881" s="91"/>
      <c r="HX2881" s="127"/>
      <c r="HY2881" s="126"/>
      <c r="HZ2881" s="91"/>
      <c r="IA2881" s="91"/>
      <c r="IB2881" s="91"/>
      <c r="IC2881" s="91"/>
      <c r="ID2881" s="91"/>
      <c r="IE2881" s="91"/>
      <c r="IF2881" s="91"/>
      <c r="IG2881" s="91"/>
      <c r="IH2881" s="91"/>
      <c r="II2881" s="91"/>
      <c r="IJ2881" s="91"/>
      <c r="IK2881" s="174"/>
    </row>
    <row r="2882" spans="2:245" x14ac:dyDescent="0.2">
      <c r="B2882" s="43"/>
      <c r="C2882" s="73"/>
      <c r="D2882" s="64"/>
      <c r="E2882" s="64"/>
      <c r="F2882" s="55"/>
      <c r="G2882" s="102"/>
      <c r="H2882" s="97"/>
      <c r="T2882" s="98"/>
      <c r="U2882" s="97"/>
      <c r="AG2882" s="98"/>
      <c r="AY2882" s="164"/>
      <c r="BK2882" s="98"/>
      <c r="BL2882" s="97"/>
      <c r="BX2882" s="98"/>
      <c r="CL2882" s="97"/>
      <c r="CX2882" s="98"/>
      <c r="DL2882" s="97"/>
      <c r="DX2882" s="98"/>
      <c r="EL2882" s="97"/>
      <c r="EX2882" s="98"/>
      <c r="EY2882" s="97"/>
      <c r="FL2882" s="126"/>
      <c r="FM2882" s="91"/>
      <c r="FN2882" s="91"/>
      <c r="FO2882" s="91"/>
      <c r="FP2882" s="91"/>
      <c r="FQ2882" s="91"/>
      <c r="FR2882" s="91"/>
      <c r="FS2882" s="91"/>
      <c r="FT2882" s="91"/>
      <c r="FU2882" s="91"/>
      <c r="FV2882" s="91"/>
      <c r="FW2882" s="91"/>
      <c r="FX2882" s="127"/>
      <c r="FY2882" s="126"/>
      <c r="FZ2882" s="91"/>
      <c r="GA2882" s="91"/>
      <c r="GB2882" s="91"/>
      <c r="GC2882" s="91"/>
      <c r="GD2882" s="91"/>
      <c r="GE2882" s="91"/>
      <c r="GF2882" s="91"/>
      <c r="GG2882" s="91"/>
      <c r="GH2882" s="91"/>
      <c r="GI2882" s="91"/>
      <c r="GJ2882" s="91"/>
      <c r="GK2882" s="127"/>
      <c r="GL2882" s="126"/>
      <c r="GM2882" s="91"/>
      <c r="GN2882" s="91"/>
      <c r="GO2882" s="91"/>
      <c r="GP2882" s="91"/>
      <c r="GQ2882" s="91"/>
      <c r="GR2882" s="91"/>
      <c r="GS2882" s="91"/>
      <c r="GT2882" s="91"/>
      <c r="GU2882" s="91"/>
      <c r="GV2882" s="91"/>
      <c r="GW2882" s="91"/>
      <c r="GX2882" s="127"/>
      <c r="GY2882" s="126"/>
      <c r="GZ2882" s="91"/>
      <c r="HA2882" s="91"/>
      <c r="HB2882" s="91"/>
      <c r="HC2882" s="91"/>
      <c r="HD2882" s="91"/>
      <c r="HE2882" s="91"/>
      <c r="HF2882" s="91"/>
      <c r="HG2882" s="91"/>
      <c r="HH2882" s="91"/>
      <c r="HI2882" s="91"/>
      <c r="HJ2882" s="91"/>
      <c r="HK2882" s="127"/>
      <c r="HL2882" s="126"/>
      <c r="HM2882" s="91"/>
      <c r="HN2882" s="91"/>
      <c r="HO2882" s="91"/>
      <c r="HP2882" s="91"/>
      <c r="HQ2882" s="91"/>
      <c r="HR2882" s="91"/>
      <c r="HS2882" s="91"/>
      <c r="HT2882" s="91"/>
      <c r="HU2882" s="91"/>
      <c r="HV2882" s="91"/>
      <c r="HW2882" s="91"/>
      <c r="HX2882" s="127"/>
      <c r="HY2882" s="126"/>
      <c r="HZ2882" s="91"/>
      <c r="IA2882" s="91"/>
      <c r="IB2882" s="91"/>
      <c r="IC2882" s="91"/>
      <c r="ID2882" s="91"/>
      <c r="IE2882" s="91"/>
      <c r="IF2882" s="91"/>
      <c r="IG2882" s="91"/>
      <c r="IH2882" s="91"/>
      <c r="II2882" s="91"/>
      <c r="IJ2882" s="91"/>
      <c r="IK2882" s="174"/>
    </row>
    <row r="2883" spans="2:245" x14ac:dyDescent="0.2">
      <c r="B2883" s="43"/>
      <c r="C2883" s="73"/>
      <c r="D2883" s="64"/>
      <c r="E2883" s="64"/>
      <c r="F2883" s="55"/>
      <c r="G2883" s="102"/>
      <c r="H2883" s="97"/>
      <c r="T2883" s="98"/>
      <c r="U2883" s="97"/>
      <c r="AG2883" s="98"/>
      <c r="AY2883" s="164"/>
      <c r="BK2883" s="98"/>
      <c r="BL2883" s="97"/>
      <c r="BX2883" s="98"/>
      <c r="CL2883" s="97"/>
      <c r="CX2883" s="98"/>
      <c r="DL2883" s="97"/>
      <c r="DX2883" s="98"/>
      <c r="EL2883" s="97"/>
      <c r="EX2883" s="98"/>
      <c r="EY2883" s="97"/>
      <c r="FL2883" s="126"/>
      <c r="FM2883" s="91"/>
      <c r="FN2883" s="91"/>
      <c r="FO2883" s="91"/>
      <c r="FP2883" s="91"/>
      <c r="FQ2883" s="91"/>
      <c r="FR2883" s="91"/>
      <c r="FS2883" s="91"/>
      <c r="FT2883" s="91"/>
      <c r="FU2883" s="91"/>
      <c r="FV2883" s="91"/>
      <c r="FW2883" s="91"/>
      <c r="FX2883" s="127"/>
      <c r="FY2883" s="126"/>
      <c r="FZ2883" s="91"/>
      <c r="GA2883" s="91"/>
      <c r="GB2883" s="91"/>
      <c r="GC2883" s="91"/>
      <c r="GD2883" s="91"/>
      <c r="GE2883" s="91"/>
      <c r="GF2883" s="91"/>
      <c r="GG2883" s="91"/>
      <c r="GH2883" s="91"/>
      <c r="GI2883" s="91"/>
      <c r="GJ2883" s="91"/>
      <c r="GK2883" s="127"/>
      <c r="GL2883" s="126"/>
      <c r="GM2883" s="91"/>
      <c r="GN2883" s="91"/>
      <c r="GO2883" s="91"/>
      <c r="GP2883" s="91"/>
      <c r="GQ2883" s="91"/>
      <c r="GR2883" s="91"/>
      <c r="GS2883" s="91"/>
      <c r="GT2883" s="91"/>
      <c r="GU2883" s="91"/>
      <c r="GV2883" s="91"/>
      <c r="GW2883" s="91"/>
      <c r="GX2883" s="127"/>
      <c r="GY2883" s="126"/>
      <c r="GZ2883" s="91"/>
      <c r="HA2883" s="91"/>
      <c r="HB2883" s="91"/>
      <c r="HC2883" s="91"/>
      <c r="HD2883" s="91"/>
      <c r="HE2883" s="91"/>
      <c r="HF2883" s="91"/>
      <c r="HG2883" s="91"/>
      <c r="HH2883" s="91"/>
      <c r="HI2883" s="91"/>
      <c r="HJ2883" s="91"/>
      <c r="HK2883" s="127"/>
      <c r="HL2883" s="126"/>
      <c r="HM2883" s="91"/>
      <c r="HN2883" s="91"/>
      <c r="HO2883" s="91"/>
      <c r="HP2883" s="91"/>
      <c r="HQ2883" s="91"/>
      <c r="HR2883" s="91"/>
      <c r="HS2883" s="91"/>
      <c r="HT2883" s="91"/>
      <c r="HU2883" s="91"/>
      <c r="HV2883" s="91"/>
      <c r="HW2883" s="91"/>
      <c r="HX2883" s="127"/>
      <c r="HY2883" s="126"/>
      <c r="HZ2883" s="91"/>
      <c r="IA2883" s="91"/>
      <c r="IB2883" s="91"/>
      <c r="IC2883" s="91"/>
      <c r="ID2883" s="91"/>
      <c r="IE2883" s="91"/>
      <c r="IF2883" s="91"/>
      <c r="IG2883" s="91"/>
      <c r="IH2883" s="91"/>
      <c r="II2883" s="91"/>
      <c r="IJ2883" s="91"/>
      <c r="IK2883" s="174"/>
    </row>
    <row r="2884" spans="2:245" x14ac:dyDescent="0.2">
      <c r="B2884" s="43"/>
      <c r="C2884" s="73"/>
      <c r="D2884" s="64"/>
      <c r="E2884" s="64"/>
      <c r="F2884" s="55"/>
      <c r="G2884" s="102"/>
      <c r="H2884" s="97"/>
      <c r="T2884" s="98"/>
      <c r="U2884" s="97"/>
      <c r="AG2884" s="98"/>
      <c r="AY2884" s="164"/>
      <c r="BK2884" s="98"/>
      <c r="BL2884" s="97"/>
      <c r="BX2884" s="98"/>
      <c r="CL2884" s="97"/>
      <c r="CX2884" s="98"/>
      <c r="DL2884" s="97"/>
      <c r="DX2884" s="98"/>
      <c r="EL2884" s="97"/>
      <c r="EX2884" s="98"/>
      <c r="EY2884" s="97"/>
      <c r="FL2884" s="126"/>
      <c r="FM2884" s="91"/>
      <c r="FN2884" s="91"/>
      <c r="FO2884" s="91"/>
      <c r="FP2884" s="91"/>
      <c r="FQ2884" s="91"/>
      <c r="FR2884" s="91"/>
      <c r="FS2884" s="91"/>
      <c r="FT2884" s="91"/>
      <c r="FU2884" s="91"/>
      <c r="FV2884" s="91"/>
      <c r="FW2884" s="91"/>
      <c r="FX2884" s="127"/>
      <c r="FY2884" s="126"/>
      <c r="FZ2884" s="91"/>
      <c r="GA2884" s="91"/>
      <c r="GB2884" s="91"/>
      <c r="GC2884" s="91"/>
      <c r="GD2884" s="91"/>
      <c r="GE2884" s="91"/>
      <c r="GF2884" s="91"/>
      <c r="GG2884" s="91"/>
      <c r="GH2884" s="91"/>
      <c r="GI2884" s="91"/>
      <c r="GJ2884" s="91"/>
      <c r="GK2884" s="127"/>
      <c r="GL2884" s="126"/>
      <c r="GM2884" s="91"/>
      <c r="GN2884" s="91"/>
      <c r="GO2884" s="91"/>
      <c r="GP2884" s="91"/>
      <c r="GQ2884" s="91"/>
      <c r="GR2884" s="91"/>
      <c r="GS2884" s="91"/>
      <c r="GT2884" s="91"/>
      <c r="GU2884" s="91"/>
      <c r="GV2884" s="91"/>
      <c r="GW2884" s="91"/>
      <c r="GX2884" s="127"/>
      <c r="GY2884" s="126"/>
      <c r="GZ2884" s="91"/>
      <c r="HA2884" s="91"/>
      <c r="HB2884" s="91"/>
      <c r="HC2884" s="91"/>
      <c r="HD2884" s="91"/>
      <c r="HE2884" s="91"/>
      <c r="HF2884" s="91"/>
      <c r="HG2884" s="91"/>
      <c r="HH2884" s="91"/>
      <c r="HI2884" s="91"/>
      <c r="HJ2884" s="91"/>
      <c r="HK2884" s="127"/>
      <c r="HL2884" s="126"/>
      <c r="HM2884" s="91"/>
      <c r="HN2884" s="91"/>
      <c r="HO2884" s="91"/>
      <c r="HP2884" s="91"/>
      <c r="HQ2884" s="91"/>
      <c r="HR2884" s="91"/>
      <c r="HS2884" s="91"/>
      <c r="HT2884" s="91"/>
      <c r="HU2884" s="91"/>
      <c r="HV2884" s="91"/>
      <c r="HW2884" s="91"/>
      <c r="HX2884" s="127"/>
      <c r="HY2884" s="126"/>
      <c r="HZ2884" s="91"/>
      <c r="IA2884" s="91"/>
      <c r="IB2884" s="91"/>
      <c r="IC2884" s="91"/>
      <c r="ID2884" s="91"/>
      <c r="IE2884" s="91"/>
      <c r="IF2884" s="91"/>
      <c r="IG2884" s="91"/>
      <c r="IH2884" s="91"/>
      <c r="II2884" s="91"/>
      <c r="IJ2884" s="91"/>
      <c r="IK2884" s="174"/>
    </row>
    <row r="2885" spans="2:245" x14ac:dyDescent="0.2">
      <c r="B2885" s="43"/>
      <c r="C2885" s="73"/>
      <c r="D2885" s="64"/>
      <c r="E2885" s="64"/>
      <c r="F2885" s="55"/>
      <c r="G2885" s="102"/>
      <c r="H2885" s="97"/>
      <c r="T2885" s="98"/>
      <c r="U2885" s="97"/>
      <c r="AG2885" s="98"/>
      <c r="AY2885" s="164"/>
      <c r="BK2885" s="98"/>
      <c r="BL2885" s="97"/>
      <c r="BX2885" s="98"/>
      <c r="CL2885" s="97"/>
      <c r="CX2885" s="98"/>
      <c r="DL2885" s="97"/>
      <c r="DX2885" s="98"/>
      <c r="EL2885" s="97"/>
      <c r="EX2885" s="98"/>
      <c r="EY2885" s="97"/>
      <c r="FL2885" s="126"/>
      <c r="FM2885" s="91"/>
      <c r="FN2885" s="91"/>
      <c r="FO2885" s="91"/>
      <c r="FP2885" s="91"/>
      <c r="FQ2885" s="91"/>
      <c r="FR2885" s="91"/>
      <c r="FS2885" s="91"/>
      <c r="FT2885" s="91"/>
      <c r="FU2885" s="91"/>
      <c r="FV2885" s="91"/>
      <c r="FW2885" s="91"/>
      <c r="FX2885" s="127"/>
      <c r="FY2885" s="126"/>
      <c r="FZ2885" s="91"/>
      <c r="GA2885" s="91"/>
      <c r="GB2885" s="91"/>
      <c r="GC2885" s="91"/>
      <c r="GD2885" s="91"/>
      <c r="GE2885" s="91"/>
      <c r="GF2885" s="91"/>
      <c r="GG2885" s="91"/>
      <c r="GH2885" s="91"/>
      <c r="GI2885" s="91"/>
      <c r="GJ2885" s="91"/>
      <c r="GK2885" s="127"/>
      <c r="GL2885" s="126"/>
      <c r="GM2885" s="91"/>
      <c r="GN2885" s="91"/>
      <c r="GO2885" s="91"/>
      <c r="GP2885" s="91"/>
      <c r="GQ2885" s="91"/>
      <c r="GR2885" s="91"/>
      <c r="GS2885" s="91"/>
      <c r="GT2885" s="91"/>
      <c r="GU2885" s="91"/>
      <c r="GV2885" s="91"/>
      <c r="GW2885" s="91"/>
      <c r="GX2885" s="127"/>
      <c r="GY2885" s="126"/>
      <c r="GZ2885" s="91"/>
      <c r="HA2885" s="91"/>
      <c r="HB2885" s="91"/>
      <c r="HC2885" s="91"/>
      <c r="HD2885" s="91"/>
      <c r="HE2885" s="91"/>
      <c r="HF2885" s="91"/>
      <c r="HG2885" s="91"/>
      <c r="HH2885" s="91"/>
      <c r="HI2885" s="91"/>
      <c r="HJ2885" s="91"/>
      <c r="HK2885" s="127"/>
      <c r="HL2885" s="126"/>
      <c r="HM2885" s="91"/>
      <c r="HN2885" s="91"/>
      <c r="HO2885" s="91"/>
      <c r="HP2885" s="91"/>
      <c r="HQ2885" s="91"/>
      <c r="HR2885" s="91"/>
      <c r="HS2885" s="91"/>
      <c r="HT2885" s="91"/>
      <c r="HU2885" s="91"/>
      <c r="HV2885" s="91"/>
      <c r="HW2885" s="91"/>
      <c r="HX2885" s="127"/>
      <c r="HY2885" s="126"/>
      <c r="HZ2885" s="91"/>
      <c r="IA2885" s="91"/>
      <c r="IB2885" s="91"/>
      <c r="IC2885" s="91"/>
      <c r="ID2885" s="91"/>
      <c r="IE2885" s="91"/>
      <c r="IF2885" s="91"/>
      <c r="IG2885" s="91"/>
      <c r="IH2885" s="91"/>
      <c r="II2885" s="91"/>
      <c r="IJ2885" s="91"/>
      <c r="IK2885" s="174"/>
    </row>
    <row r="2886" spans="2:245" x14ac:dyDescent="0.2">
      <c r="B2886" s="43"/>
      <c r="C2886" s="73"/>
      <c r="D2886" s="64"/>
      <c r="E2886" s="64"/>
      <c r="F2886" s="55"/>
      <c r="G2886" s="102"/>
      <c r="H2886" s="97"/>
      <c r="T2886" s="98"/>
      <c r="U2886" s="97"/>
      <c r="AG2886" s="98"/>
      <c r="AY2886" s="164"/>
      <c r="BK2886" s="98"/>
      <c r="BL2886" s="97"/>
      <c r="BX2886" s="98"/>
      <c r="CL2886" s="97"/>
      <c r="CX2886" s="98"/>
      <c r="DL2886" s="97"/>
      <c r="DX2886" s="98"/>
      <c r="EL2886" s="97"/>
      <c r="EX2886" s="98"/>
      <c r="EY2886" s="97"/>
      <c r="FL2886" s="126"/>
      <c r="FM2886" s="91"/>
      <c r="FN2886" s="91"/>
      <c r="FO2886" s="91"/>
      <c r="FP2886" s="91"/>
      <c r="FQ2886" s="91"/>
      <c r="FR2886" s="91"/>
      <c r="FS2886" s="91"/>
      <c r="FT2886" s="91"/>
      <c r="FU2886" s="91"/>
      <c r="FV2886" s="91"/>
      <c r="FW2886" s="91"/>
      <c r="FX2886" s="127"/>
      <c r="FY2886" s="126"/>
      <c r="FZ2886" s="91"/>
      <c r="GA2886" s="91"/>
      <c r="GB2886" s="91"/>
      <c r="GC2886" s="91"/>
      <c r="GD2886" s="91"/>
      <c r="GE2886" s="91"/>
      <c r="GF2886" s="91"/>
      <c r="GG2886" s="91"/>
      <c r="GH2886" s="91"/>
      <c r="GI2886" s="91"/>
      <c r="GJ2886" s="91"/>
      <c r="GK2886" s="127"/>
      <c r="GL2886" s="126"/>
      <c r="GM2886" s="91"/>
      <c r="GN2886" s="91"/>
      <c r="GO2886" s="91"/>
      <c r="GP2886" s="91"/>
      <c r="GQ2886" s="91"/>
      <c r="GR2886" s="91"/>
      <c r="GS2886" s="91"/>
      <c r="GT2886" s="91"/>
      <c r="GU2886" s="91"/>
      <c r="GV2886" s="91"/>
      <c r="GW2886" s="91"/>
      <c r="GX2886" s="127"/>
      <c r="GY2886" s="126"/>
      <c r="GZ2886" s="91"/>
      <c r="HA2886" s="91"/>
      <c r="HB2886" s="91"/>
      <c r="HC2886" s="91"/>
      <c r="HD2886" s="91"/>
      <c r="HE2886" s="91"/>
      <c r="HF2886" s="91"/>
      <c r="HG2886" s="91"/>
      <c r="HH2886" s="91"/>
      <c r="HI2886" s="91"/>
      <c r="HJ2886" s="91"/>
      <c r="HK2886" s="127"/>
      <c r="HL2886" s="126"/>
      <c r="HM2886" s="91"/>
      <c r="HN2886" s="91"/>
      <c r="HO2886" s="91"/>
      <c r="HP2886" s="91"/>
      <c r="HQ2886" s="91"/>
      <c r="HR2886" s="91"/>
      <c r="HS2886" s="91"/>
      <c r="HT2886" s="91"/>
      <c r="HU2886" s="91"/>
      <c r="HV2886" s="91"/>
      <c r="HW2886" s="91"/>
      <c r="HX2886" s="127"/>
      <c r="HY2886" s="126"/>
      <c r="HZ2886" s="91"/>
      <c r="IA2886" s="91"/>
      <c r="IB2886" s="91"/>
      <c r="IC2886" s="91"/>
      <c r="ID2886" s="91"/>
      <c r="IE2886" s="91"/>
      <c r="IF2886" s="91"/>
      <c r="IG2886" s="91"/>
      <c r="IH2886" s="91"/>
      <c r="II2886" s="91"/>
      <c r="IJ2886" s="91"/>
      <c r="IK2886" s="174"/>
    </row>
    <row r="2887" spans="2:245" x14ac:dyDescent="0.2">
      <c r="B2887" s="43"/>
      <c r="C2887" s="73"/>
      <c r="D2887" s="64"/>
      <c r="E2887" s="64"/>
      <c r="F2887" s="55"/>
      <c r="G2887" s="102"/>
      <c r="H2887" s="97"/>
      <c r="T2887" s="98"/>
      <c r="U2887" s="97"/>
      <c r="AG2887" s="98"/>
      <c r="AY2887" s="164"/>
      <c r="BK2887" s="98"/>
      <c r="BL2887" s="97"/>
      <c r="BX2887" s="98"/>
      <c r="CL2887" s="97"/>
      <c r="CX2887" s="98"/>
      <c r="DL2887" s="97"/>
      <c r="DX2887" s="98"/>
      <c r="EL2887" s="97"/>
      <c r="EX2887" s="98"/>
      <c r="EY2887" s="97"/>
      <c r="FL2887" s="126"/>
      <c r="FM2887" s="91"/>
      <c r="FN2887" s="91"/>
      <c r="FO2887" s="91"/>
      <c r="FP2887" s="91"/>
      <c r="FQ2887" s="91"/>
      <c r="FR2887" s="91"/>
      <c r="FS2887" s="91"/>
      <c r="FT2887" s="91"/>
      <c r="FU2887" s="91"/>
      <c r="FV2887" s="91"/>
      <c r="FW2887" s="91"/>
      <c r="FX2887" s="127"/>
      <c r="FY2887" s="126"/>
      <c r="FZ2887" s="91"/>
      <c r="GA2887" s="91"/>
      <c r="GB2887" s="91"/>
      <c r="GC2887" s="91"/>
      <c r="GD2887" s="91"/>
      <c r="GE2887" s="91"/>
      <c r="GF2887" s="91"/>
      <c r="GG2887" s="91"/>
      <c r="GH2887" s="91"/>
      <c r="GI2887" s="91"/>
      <c r="GJ2887" s="91"/>
      <c r="GK2887" s="127"/>
      <c r="GL2887" s="126"/>
      <c r="GM2887" s="91"/>
      <c r="GN2887" s="91"/>
      <c r="GO2887" s="91"/>
      <c r="GP2887" s="91"/>
      <c r="GQ2887" s="91"/>
      <c r="GR2887" s="91"/>
      <c r="GS2887" s="91"/>
      <c r="GT2887" s="91"/>
      <c r="GU2887" s="91"/>
      <c r="GV2887" s="91"/>
      <c r="GW2887" s="91"/>
      <c r="GX2887" s="127"/>
      <c r="GY2887" s="126"/>
      <c r="GZ2887" s="91"/>
      <c r="HA2887" s="91"/>
      <c r="HB2887" s="91"/>
      <c r="HC2887" s="91"/>
      <c r="HD2887" s="91"/>
      <c r="HE2887" s="91"/>
      <c r="HF2887" s="91"/>
      <c r="HG2887" s="91"/>
      <c r="HH2887" s="91"/>
      <c r="HI2887" s="91"/>
      <c r="HJ2887" s="91"/>
      <c r="HK2887" s="127"/>
      <c r="HL2887" s="126"/>
      <c r="HM2887" s="91"/>
      <c r="HN2887" s="91"/>
      <c r="HO2887" s="91"/>
      <c r="HP2887" s="91"/>
      <c r="HQ2887" s="91"/>
      <c r="HR2887" s="91"/>
      <c r="HS2887" s="91"/>
      <c r="HT2887" s="91"/>
      <c r="HU2887" s="91"/>
      <c r="HV2887" s="91"/>
      <c r="HW2887" s="91"/>
      <c r="HX2887" s="127"/>
      <c r="HY2887" s="126"/>
      <c r="HZ2887" s="91"/>
      <c r="IA2887" s="91"/>
      <c r="IB2887" s="91"/>
      <c r="IC2887" s="91"/>
      <c r="ID2887" s="91"/>
      <c r="IE2887" s="91"/>
      <c r="IF2887" s="91"/>
      <c r="IG2887" s="91"/>
      <c r="IH2887" s="91"/>
      <c r="II2887" s="91"/>
      <c r="IJ2887" s="91"/>
      <c r="IK2887" s="174"/>
    </row>
    <row r="2888" spans="2:245" x14ac:dyDescent="0.2">
      <c r="B2888" s="43"/>
      <c r="C2888" s="73"/>
      <c r="D2888" s="64"/>
      <c r="E2888" s="64"/>
      <c r="F2888" s="55"/>
      <c r="G2888" s="102"/>
      <c r="H2888" s="97"/>
      <c r="T2888" s="98"/>
      <c r="U2888" s="97"/>
      <c r="AG2888" s="98"/>
      <c r="AY2888" s="164"/>
      <c r="BK2888" s="98"/>
      <c r="BL2888" s="97"/>
      <c r="BX2888" s="98"/>
      <c r="CL2888" s="97"/>
      <c r="CX2888" s="98"/>
      <c r="DL2888" s="97"/>
      <c r="DX2888" s="98"/>
      <c r="EL2888" s="97"/>
      <c r="EX2888" s="98"/>
      <c r="EY2888" s="97"/>
      <c r="FL2888" s="126"/>
      <c r="FM2888" s="91"/>
      <c r="FN2888" s="91"/>
      <c r="FO2888" s="91"/>
      <c r="FP2888" s="91"/>
      <c r="FQ2888" s="91"/>
      <c r="FR2888" s="91"/>
      <c r="FS2888" s="91"/>
      <c r="FT2888" s="91"/>
      <c r="FU2888" s="91"/>
      <c r="FV2888" s="91"/>
      <c r="FW2888" s="91"/>
      <c r="FX2888" s="127"/>
      <c r="FY2888" s="126"/>
      <c r="FZ2888" s="91"/>
      <c r="GA2888" s="91"/>
      <c r="GB2888" s="91"/>
      <c r="GC2888" s="91"/>
      <c r="GD2888" s="91"/>
      <c r="GE2888" s="91"/>
      <c r="GF2888" s="91"/>
      <c r="GG2888" s="91"/>
      <c r="GH2888" s="91"/>
      <c r="GI2888" s="91"/>
      <c r="GJ2888" s="91"/>
      <c r="GK2888" s="127"/>
      <c r="GL2888" s="126"/>
      <c r="GM2888" s="91"/>
      <c r="GN2888" s="91"/>
      <c r="GO2888" s="91"/>
      <c r="GP2888" s="91"/>
      <c r="GQ2888" s="91"/>
      <c r="GR2888" s="91"/>
      <c r="GS2888" s="91"/>
      <c r="GT2888" s="91"/>
      <c r="GU2888" s="91"/>
      <c r="GV2888" s="91"/>
      <c r="GW2888" s="91"/>
      <c r="GX2888" s="127"/>
      <c r="GY2888" s="126"/>
      <c r="GZ2888" s="91"/>
      <c r="HA2888" s="91"/>
      <c r="HB2888" s="91"/>
      <c r="HC2888" s="91"/>
      <c r="HD2888" s="91"/>
      <c r="HE2888" s="91"/>
      <c r="HF2888" s="91"/>
      <c r="HG2888" s="91"/>
      <c r="HH2888" s="91"/>
      <c r="HI2888" s="91"/>
      <c r="HJ2888" s="91"/>
      <c r="HK2888" s="127"/>
      <c r="HL2888" s="126"/>
      <c r="HM2888" s="91"/>
      <c r="HN2888" s="91"/>
      <c r="HO2888" s="91"/>
      <c r="HP2888" s="91"/>
      <c r="HQ2888" s="91"/>
      <c r="HR2888" s="91"/>
      <c r="HS2888" s="91"/>
      <c r="HT2888" s="91"/>
      <c r="HU2888" s="91"/>
      <c r="HV2888" s="91"/>
      <c r="HW2888" s="91"/>
      <c r="HX2888" s="127"/>
      <c r="HY2888" s="126"/>
      <c r="HZ2888" s="91"/>
      <c r="IA2888" s="91"/>
      <c r="IB2888" s="91"/>
      <c r="IC2888" s="91"/>
      <c r="ID2888" s="91"/>
      <c r="IE2888" s="91"/>
      <c r="IF2888" s="91"/>
      <c r="IG2888" s="91"/>
      <c r="IH2888" s="91"/>
      <c r="II2888" s="91"/>
      <c r="IJ2888" s="91"/>
      <c r="IK2888" s="174"/>
    </row>
    <row r="2889" spans="2:245" x14ac:dyDescent="0.2">
      <c r="B2889" s="43"/>
      <c r="C2889" s="73"/>
      <c r="D2889" s="64"/>
      <c r="E2889" s="64"/>
      <c r="F2889" s="55"/>
      <c r="G2889" s="102"/>
      <c r="H2889" s="97"/>
      <c r="T2889" s="98"/>
      <c r="U2889" s="97"/>
      <c r="AG2889" s="98"/>
      <c r="AY2889" s="164"/>
      <c r="BK2889" s="98"/>
      <c r="BL2889" s="97"/>
      <c r="BX2889" s="98"/>
      <c r="CL2889" s="97"/>
      <c r="CX2889" s="98"/>
      <c r="DL2889" s="97"/>
      <c r="DX2889" s="98"/>
      <c r="EL2889" s="97"/>
      <c r="EX2889" s="98"/>
      <c r="EY2889" s="97"/>
      <c r="FL2889" s="126"/>
      <c r="FM2889" s="91"/>
      <c r="FN2889" s="91"/>
      <c r="FO2889" s="91"/>
      <c r="FP2889" s="91"/>
      <c r="FQ2889" s="91"/>
      <c r="FR2889" s="91"/>
      <c r="FS2889" s="91"/>
      <c r="FT2889" s="91"/>
      <c r="FU2889" s="91"/>
      <c r="FV2889" s="91"/>
      <c r="FW2889" s="91"/>
      <c r="FX2889" s="127"/>
      <c r="FY2889" s="126"/>
      <c r="FZ2889" s="91"/>
      <c r="GA2889" s="91"/>
      <c r="GB2889" s="91"/>
      <c r="GC2889" s="91"/>
      <c r="GD2889" s="91"/>
      <c r="GE2889" s="91"/>
      <c r="GF2889" s="91"/>
      <c r="GG2889" s="91"/>
      <c r="GH2889" s="91"/>
      <c r="GI2889" s="91"/>
      <c r="GJ2889" s="91"/>
      <c r="GK2889" s="127"/>
      <c r="GL2889" s="126"/>
      <c r="GM2889" s="91"/>
      <c r="GN2889" s="91"/>
      <c r="GO2889" s="91"/>
      <c r="GP2889" s="91"/>
      <c r="GQ2889" s="91"/>
      <c r="GR2889" s="91"/>
      <c r="GS2889" s="91"/>
      <c r="GT2889" s="91"/>
      <c r="GU2889" s="91"/>
      <c r="GV2889" s="91"/>
      <c r="GW2889" s="91"/>
      <c r="GX2889" s="127"/>
      <c r="GY2889" s="126"/>
      <c r="GZ2889" s="91"/>
      <c r="HA2889" s="91"/>
      <c r="HB2889" s="91"/>
      <c r="HC2889" s="91"/>
      <c r="HD2889" s="91"/>
      <c r="HE2889" s="91"/>
      <c r="HF2889" s="91"/>
      <c r="HG2889" s="91"/>
      <c r="HH2889" s="91"/>
      <c r="HI2889" s="91"/>
      <c r="HJ2889" s="91"/>
      <c r="HK2889" s="127"/>
      <c r="HL2889" s="126"/>
      <c r="HM2889" s="91"/>
      <c r="HN2889" s="91"/>
      <c r="HO2889" s="91"/>
      <c r="HP2889" s="91"/>
      <c r="HQ2889" s="91"/>
      <c r="HR2889" s="91"/>
      <c r="HS2889" s="91"/>
      <c r="HT2889" s="91"/>
      <c r="HU2889" s="91"/>
      <c r="HV2889" s="91"/>
      <c r="HW2889" s="91"/>
      <c r="HX2889" s="127"/>
      <c r="HY2889" s="126"/>
      <c r="HZ2889" s="91"/>
      <c r="IA2889" s="91"/>
      <c r="IB2889" s="91"/>
      <c r="IC2889" s="91"/>
      <c r="ID2889" s="91"/>
      <c r="IE2889" s="91"/>
      <c r="IF2889" s="91"/>
      <c r="IG2889" s="91"/>
      <c r="IH2889" s="91"/>
      <c r="II2889" s="91"/>
      <c r="IJ2889" s="91"/>
      <c r="IK2889" s="174"/>
    </row>
    <row r="2890" spans="2:245" x14ac:dyDescent="0.2">
      <c r="B2890" s="43"/>
      <c r="C2890" s="73"/>
      <c r="D2890" s="64"/>
      <c r="E2890" s="64"/>
      <c r="F2890" s="55"/>
      <c r="G2890" s="102"/>
      <c r="H2890" s="97"/>
      <c r="T2890" s="98"/>
      <c r="U2890" s="97"/>
      <c r="AG2890" s="98"/>
      <c r="AY2890" s="164"/>
      <c r="BK2890" s="98"/>
      <c r="BL2890" s="97"/>
      <c r="BX2890" s="98"/>
      <c r="CL2890" s="97"/>
      <c r="CX2890" s="98"/>
      <c r="DL2890" s="97"/>
      <c r="DX2890" s="98"/>
      <c r="EL2890" s="97"/>
      <c r="EX2890" s="98"/>
      <c r="EY2890" s="97"/>
      <c r="FL2890" s="126"/>
      <c r="FM2890" s="91"/>
      <c r="FN2890" s="91"/>
      <c r="FO2890" s="91"/>
      <c r="FP2890" s="91"/>
      <c r="FQ2890" s="91"/>
      <c r="FR2890" s="91"/>
      <c r="FS2890" s="91"/>
      <c r="FT2890" s="91"/>
      <c r="FU2890" s="91"/>
      <c r="FV2890" s="91"/>
      <c r="FW2890" s="91"/>
      <c r="FX2890" s="127"/>
      <c r="FY2890" s="126"/>
      <c r="FZ2890" s="91"/>
      <c r="GA2890" s="91"/>
      <c r="GB2890" s="91"/>
      <c r="GC2890" s="91"/>
      <c r="GD2890" s="91"/>
      <c r="GE2890" s="91"/>
      <c r="GF2890" s="91"/>
      <c r="GG2890" s="91"/>
      <c r="GH2890" s="91"/>
      <c r="GI2890" s="91"/>
      <c r="GJ2890" s="91"/>
      <c r="GK2890" s="127"/>
      <c r="GL2890" s="126"/>
      <c r="GM2890" s="91"/>
      <c r="GN2890" s="91"/>
      <c r="GO2890" s="91"/>
      <c r="GP2890" s="91"/>
      <c r="GQ2890" s="91"/>
      <c r="GR2890" s="91"/>
      <c r="GS2890" s="91"/>
      <c r="GT2890" s="91"/>
      <c r="GU2890" s="91"/>
      <c r="GV2890" s="91"/>
      <c r="GW2890" s="91"/>
      <c r="GX2890" s="127"/>
      <c r="GY2890" s="126"/>
      <c r="GZ2890" s="91"/>
      <c r="HA2890" s="91"/>
      <c r="HB2890" s="91"/>
      <c r="HC2890" s="91"/>
      <c r="HD2890" s="91"/>
      <c r="HE2890" s="91"/>
      <c r="HF2890" s="91"/>
      <c r="HG2890" s="91"/>
      <c r="HH2890" s="91"/>
      <c r="HI2890" s="91"/>
      <c r="HJ2890" s="91"/>
      <c r="HK2890" s="127"/>
      <c r="HL2890" s="126"/>
      <c r="HM2890" s="91"/>
      <c r="HN2890" s="91"/>
      <c r="HO2890" s="91"/>
      <c r="HP2890" s="91"/>
      <c r="HQ2890" s="91"/>
      <c r="HR2890" s="91"/>
      <c r="HS2890" s="91"/>
      <c r="HT2890" s="91"/>
      <c r="HU2890" s="91"/>
      <c r="HV2890" s="91"/>
      <c r="HW2890" s="91"/>
      <c r="HX2890" s="127"/>
      <c r="HY2890" s="126"/>
      <c r="HZ2890" s="91"/>
      <c r="IA2890" s="91"/>
      <c r="IB2890" s="91"/>
      <c r="IC2890" s="91"/>
      <c r="ID2890" s="91"/>
      <c r="IE2890" s="91"/>
      <c r="IF2890" s="91"/>
      <c r="IG2890" s="91"/>
      <c r="IH2890" s="91"/>
      <c r="II2890" s="91"/>
      <c r="IJ2890" s="91"/>
      <c r="IK2890" s="174"/>
    </row>
    <row r="2891" spans="2:245" x14ac:dyDescent="0.2">
      <c r="B2891" s="43"/>
      <c r="C2891" s="73"/>
      <c r="D2891" s="64"/>
      <c r="E2891" s="64"/>
      <c r="F2891" s="55"/>
      <c r="G2891" s="102"/>
      <c r="H2891" s="97"/>
      <c r="T2891" s="98"/>
      <c r="U2891" s="97"/>
      <c r="AG2891" s="98"/>
      <c r="AY2891" s="164"/>
      <c r="BK2891" s="98"/>
      <c r="BL2891" s="97"/>
      <c r="BX2891" s="98"/>
      <c r="CL2891" s="97"/>
      <c r="CX2891" s="98"/>
      <c r="DL2891" s="97"/>
      <c r="DX2891" s="98"/>
      <c r="EL2891" s="97"/>
      <c r="EX2891" s="98"/>
      <c r="EY2891" s="97"/>
      <c r="FL2891" s="126"/>
      <c r="FM2891" s="91"/>
      <c r="FN2891" s="91"/>
      <c r="FO2891" s="91"/>
      <c r="FP2891" s="91"/>
      <c r="FQ2891" s="91"/>
      <c r="FR2891" s="91"/>
      <c r="FS2891" s="91"/>
      <c r="FT2891" s="91"/>
      <c r="FU2891" s="91"/>
      <c r="FV2891" s="91"/>
      <c r="FW2891" s="91"/>
      <c r="FX2891" s="127"/>
      <c r="FY2891" s="126"/>
      <c r="FZ2891" s="91"/>
      <c r="GA2891" s="91"/>
      <c r="GB2891" s="91"/>
      <c r="GC2891" s="91"/>
      <c r="GD2891" s="91"/>
      <c r="GE2891" s="91"/>
      <c r="GF2891" s="91"/>
      <c r="GG2891" s="91"/>
      <c r="GH2891" s="91"/>
      <c r="GI2891" s="91"/>
      <c r="GJ2891" s="91"/>
      <c r="GK2891" s="127"/>
      <c r="GL2891" s="126"/>
      <c r="GM2891" s="91"/>
      <c r="GN2891" s="91"/>
      <c r="GO2891" s="91"/>
      <c r="GP2891" s="91"/>
      <c r="GQ2891" s="91"/>
      <c r="GR2891" s="91"/>
      <c r="GS2891" s="91"/>
      <c r="GT2891" s="91"/>
      <c r="GU2891" s="91"/>
      <c r="GV2891" s="91"/>
      <c r="GW2891" s="91"/>
      <c r="GX2891" s="127"/>
      <c r="GY2891" s="126"/>
      <c r="GZ2891" s="91"/>
      <c r="HA2891" s="91"/>
      <c r="HB2891" s="91"/>
      <c r="HC2891" s="91"/>
      <c r="HD2891" s="91"/>
      <c r="HE2891" s="91"/>
      <c r="HF2891" s="91"/>
      <c r="HG2891" s="91"/>
      <c r="HH2891" s="91"/>
      <c r="HI2891" s="91"/>
      <c r="HJ2891" s="91"/>
      <c r="HK2891" s="127"/>
      <c r="HL2891" s="126"/>
      <c r="HM2891" s="91"/>
      <c r="HN2891" s="91"/>
      <c r="HO2891" s="91"/>
      <c r="HP2891" s="91"/>
      <c r="HQ2891" s="91"/>
      <c r="HR2891" s="91"/>
      <c r="HS2891" s="91"/>
      <c r="HT2891" s="91"/>
      <c r="HU2891" s="91"/>
      <c r="HV2891" s="91"/>
      <c r="HW2891" s="91"/>
      <c r="HX2891" s="127"/>
      <c r="HY2891" s="126"/>
      <c r="HZ2891" s="91"/>
      <c r="IA2891" s="91"/>
      <c r="IB2891" s="91"/>
      <c r="IC2891" s="91"/>
      <c r="ID2891" s="91"/>
      <c r="IE2891" s="91"/>
      <c r="IF2891" s="91"/>
      <c r="IG2891" s="91"/>
      <c r="IH2891" s="91"/>
      <c r="II2891" s="91"/>
      <c r="IJ2891" s="91"/>
      <c r="IK2891" s="174"/>
    </row>
    <row r="2892" spans="2:245" x14ac:dyDescent="0.2">
      <c r="B2892" s="43"/>
      <c r="C2892" s="73"/>
      <c r="D2892" s="64"/>
      <c r="E2892" s="64"/>
      <c r="F2892" s="55"/>
      <c r="G2892" s="102"/>
      <c r="H2892" s="97"/>
      <c r="T2892" s="98"/>
      <c r="U2892" s="97"/>
      <c r="AG2892" s="98"/>
      <c r="AY2892" s="164"/>
      <c r="BK2892" s="98"/>
      <c r="BL2892" s="97"/>
      <c r="BX2892" s="98"/>
      <c r="CL2892" s="97"/>
      <c r="CX2892" s="98"/>
      <c r="DL2892" s="97"/>
      <c r="DX2892" s="98"/>
      <c r="EL2892" s="97"/>
      <c r="EX2892" s="98"/>
      <c r="EY2892" s="97"/>
      <c r="FL2892" s="126"/>
      <c r="FM2892" s="91"/>
      <c r="FN2892" s="91"/>
      <c r="FO2892" s="91"/>
      <c r="FP2892" s="91"/>
      <c r="FQ2892" s="91"/>
      <c r="FR2892" s="91"/>
      <c r="FS2892" s="91"/>
      <c r="FT2892" s="91"/>
      <c r="FU2892" s="91"/>
      <c r="FV2892" s="91"/>
      <c r="FW2892" s="91"/>
      <c r="FX2892" s="127"/>
      <c r="FY2892" s="126"/>
      <c r="FZ2892" s="91"/>
      <c r="GA2892" s="91"/>
      <c r="GB2892" s="91"/>
      <c r="GC2892" s="91"/>
      <c r="GD2892" s="91"/>
      <c r="GE2892" s="91"/>
      <c r="GF2892" s="91"/>
      <c r="GG2892" s="91"/>
      <c r="GH2892" s="91"/>
      <c r="GI2892" s="91"/>
      <c r="GJ2892" s="91"/>
      <c r="GK2892" s="127"/>
      <c r="GL2892" s="126"/>
      <c r="GM2892" s="91"/>
      <c r="GN2892" s="91"/>
      <c r="GO2892" s="91"/>
      <c r="GP2892" s="91"/>
      <c r="GQ2892" s="91"/>
      <c r="GR2892" s="91"/>
      <c r="GS2892" s="91"/>
      <c r="GT2892" s="91"/>
      <c r="GU2892" s="91"/>
      <c r="GV2892" s="91"/>
      <c r="GW2892" s="91"/>
      <c r="GX2892" s="127"/>
      <c r="GY2892" s="126"/>
      <c r="GZ2892" s="91"/>
      <c r="HA2892" s="91"/>
      <c r="HB2892" s="91"/>
      <c r="HC2892" s="91"/>
      <c r="HD2892" s="91"/>
      <c r="HE2892" s="91"/>
      <c r="HF2892" s="91"/>
      <c r="HG2892" s="91"/>
      <c r="HH2892" s="91"/>
      <c r="HI2892" s="91"/>
      <c r="HJ2892" s="91"/>
      <c r="HK2892" s="127"/>
      <c r="HL2892" s="126"/>
      <c r="HM2892" s="91"/>
      <c r="HN2892" s="91"/>
      <c r="HO2892" s="91"/>
      <c r="HP2892" s="91"/>
      <c r="HQ2892" s="91"/>
      <c r="HR2892" s="91"/>
      <c r="HS2892" s="91"/>
      <c r="HT2892" s="91"/>
      <c r="HU2892" s="91"/>
      <c r="HV2892" s="91"/>
      <c r="HW2892" s="91"/>
      <c r="HX2892" s="127"/>
      <c r="HY2892" s="126"/>
      <c r="HZ2892" s="91"/>
      <c r="IA2892" s="91"/>
      <c r="IB2892" s="91"/>
      <c r="IC2892" s="91"/>
      <c r="ID2892" s="91"/>
      <c r="IE2892" s="91"/>
      <c r="IF2892" s="91"/>
      <c r="IG2892" s="91"/>
      <c r="IH2892" s="91"/>
      <c r="II2892" s="91"/>
      <c r="IJ2892" s="91"/>
      <c r="IK2892" s="174"/>
    </row>
    <row r="2893" spans="2:245" x14ac:dyDescent="0.2">
      <c r="B2893" s="43"/>
      <c r="C2893" s="73"/>
      <c r="D2893" s="64"/>
      <c r="E2893" s="64"/>
      <c r="F2893" s="55"/>
      <c r="G2893" s="102"/>
      <c r="H2893" s="97"/>
      <c r="T2893" s="98"/>
      <c r="U2893" s="97"/>
      <c r="AG2893" s="98"/>
      <c r="AY2893" s="164"/>
      <c r="BK2893" s="98"/>
      <c r="BL2893" s="97"/>
      <c r="BX2893" s="98"/>
      <c r="CL2893" s="97"/>
      <c r="CX2893" s="98"/>
      <c r="DL2893" s="97"/>
      <c r="DX2893" s="98"/>
      <c r="EL2893" s="97"/>
      <c r="EX2893" s="98"/>
      <c r="EY2893" s="97"/>
      <c r="FL2893" s="126"/>
      <c r="FM2893" s="91"/>
      <c r="FN2893" s="91"/>
      <c r="FO2893" s="91"/>
      <c r="FP2893" s="91"/>
      <c r="FQ2893" s="91"/>
      <c r="FR2893" s="91"/>
      <c r="FS2893" s="91"/>
      <c r="FT2893" s="91"/>
      <c r="FU2893" s="91"/>
      <c r="FV2893" s="91"/>
      <c r="FW2893" s="91"/>
      <c r="FX2893" s="127"/>
      <c r="FY2893" s="126"/>
      <c r="FZ2893" s="91"/>
      <c r="GA2893" s="91"/>
      <c r="GB2893" s="91"/>
      <c r="GC2893" s="91"/>
      <c r="GD2893" s="91"/>
      <c r="GE2893" s="91"/>
      <c r="GF2893" s="91"/>
      <c r="GG2893" s="91"/>
      <c r="GH2893" s="91"/>
      <c r="GI2893" s="91"/>
      <c r="GJ2893" s="91"/>
      <c r="GK2893" s="127"/>
      <c r="GL2893" s="126"/>
      <c r="GM2893" s="91"/>
      <c r="GN2893" s="91"/>
      <c r="GO2893" s="91"/>
      <c r="GP2893" s="91"/>
      <c r="GQ2893" s="91"/>
      <c r="GR2893" s="91"/>
      <c r="GS2893" s="91"/>
      <c r="GT2893" s="91"/>
      <c r="GU2893" s="91"/>
      <c r="GV2893" s="91"/>
      <c r="GW2893" s="91"/>
      <c r="GX2893" s="127"/>
      <c r="GY2893" s="126"/>
      <c r="GZ2893" s="91"/>
      <c r="HA2893" s="91"/>
      <c r="HB2893" s="91"/>
      <c r="HC2893" s="91"/>
      <c r="HD2893" s="91"/>
      <c r="HE2893" s="91"/>
      <c r="HF2893" s="91"/>
      <c r="HG2893" s="91"/>
      <c r="HH2893" s="91"/>
      <c r="HI2893" s="91"/>
      <c r="HJ2893" s="91"/>
      <c r="HK2893" s="127"/>
      <c r="HL2893" s="126"/>
      <c r="HM2893" s="91"/>
      <c r="HN2893" s="91"/>
      <c r="HO2893" s="91"/>
      <c r="HP2893" s="91"/>
      <c r="HQ2893" s="91"/>
      <c r="HR2893" s="91"/>
      <c r="HS2893" s="91"/>
      <c r="HT2893" s="91"/>
      <c r="HU2893" s="91"/>
      <c r="HV2893" s="91"/>
      <c r="HW2893" s="91"/>
      <c r="HX2893" s="127"/>
      <c r="HY2893" s="126"/>
      <c r="HZ2893" s="91"/>
      <c r="IA2893" s="91"/>
      <c r="IB2893" s="91"/>
      <c r="IC2893" s="91"/>
      <c r="ID2893" s="91"/>
      <c r="IE2893" s="91"/>
      <c r="IF2893" s="91"/>
      <c r="IG2893" s="91"/>
      <c r="IH2893" s="91"/>
      <c r="II2893" s="91"/>
      <c r="IJ2893" s="91"/>
      <c r="IK2893" s="174"/>
    </row>
    <row r="2894" spans="2:245" x14ac:dyDescent="0.2">
      <c r="B2894" s="43"/>
      <c r="C2894" s="73"/>
      <c r="D2894" s="64"/>
      <c r="E2894" s="64"/>
      <c r="F2894" s="55"/>
      <c r="G2894" s="102"/>
      <c r="H2894" s="97"/>
      <c r="T2894" s="98"/>
      <c r="U2894" s="97"/>
      <c r="AG2894" s="98"/>
      <c r="AY2894" s="164"/>
      <c r="BK2894" s="98"/>
      <c r="BL2894" s="97"/>
      <c r="BX2894" s="98"/>
      <c r="CL2894" s="97"/>
      <c r="CX2894" s="98"/>
      <c r="DL2894" s="97"/>
      <c r="DX2894" s="98"/>
      <c r="EL2894" s="97"/>
      <c r="EX2894" s="98"/>
      <c r="EY2894" s="97"/>
      <c r="FL2894" s="126"/>
      <c r="FM2894" s="91"/>
      <c r="FN2894" s="91"/>
      <c r="FO2894" s="91"/>
      <c r="FP2894" s="91"/>
      <c r="FQ2894" s="91"/>
      <c r="FR2894" s="91"/>
      <c r="FS2894" s="91"/>
      <c r="FT2894" s="91"/>
      <c r="FU2894" s="91"/>
      <c r="FV2894" s="91"/>
      <c r="FW2894" s="91"/>
      <c r="FX2894" s="127"/>
      <c r="FY2894" s="126"/>
      <c r="FZ2894" s="91"/>
      <c r="GA2894" s="91"/>
      <c r="GB2894" s="91"/>
      <c r="GC2894" s="91"/>
      <c r="GD2894" s="91"/>
      <c r="GE2894" s="91"/>
      <c r="GF2894" s="91"/>
      <c r="GG2894" s="91"/>
      <c r="GH2894" s="91"/>
      <c r="GI2894" s="91"/>
      <c r="GJ2894" s="91"/>
      <c r="GK2894" s="127"/>
      <c r="GL2894" s="126"/>
      <c r="GM2894" s="91"/>
      <c r="GN2894" s="91"/>
      <c r="GO2894" s="91"/>
      <c r="GP2894" s="91"/>
      <c r="GQ2894" s="91"/>
      <c r="GR2894" s="91"/>
      <c r="GS2894" s="91"/>
      <c r="GT2894" s="91"/>
      <c r="GU2894" s="91"/>
      <c r="GV2894" s="91"/>
      <c r="GW2894" s="91"/>
      <c r="GX2894" s="127"/>
      <c r="GY2894" s="126"/>
      <c r="GZ2894" s="91"/>
      <c r="HA2894" s="91"/>
      <c r="HB2894" s="91"/>
      <c r="HC2894" s="91"/>
      <c r="HD2894" s="91"/>
      <c r="HE2894" s="91"/>
      <c r="HF2894" s="91"/>
      <c r="HG2894" s="91"/>
      <c r="HH2894" s="91"/>
      <c r="HI2894" s="91"/>
      <c r="HJ2894" s="91"/>
      <c r="HK2894" s="127"/>
      <c r="HL2894" s="126"/>
      <c r="HM2894" s="91"/>
      <c r="HN2894" s="91"/>
      <c r="HO2894" s="91"/>
      <c r="HP2894" s="91"/>
      <c r="HQ2894" s="91"/>
      <c r="HR2894" s="91"/>
      <c r="HS2894" s="91"/>
      <c r="HT2894" s="91"/>
      <c r="HU2894" s="91"/>
      <c r="HV2894" s="91"/>
      <c r="HW2894" s="91"/>
      <c r="HX2894" s="127"/>
      <c r="HY2894" s="126"/>
      <c r="HZ2894" s="91"/>
      <c r="IA2894" s="91"/>
      <c r="IB2894" s="91"/>
      <c r="IC2894" s="91"/>
      <c r="ID2894" s="91"/>
      <c r="IE2894" s="91"/>
      <c r="IF2894" s="91"/>
      <c r="IG2894" s="91"/>
      <c r="IH2894" s="91"/>
      <c r="II2894" s="91"/>
      <c r="IJ2894" s="91"/>
      <c r="IK2894" s="174"/>
    </row>
    <row r="2895" spans="2:245" x14ac:dyDescent="0.2">
      <c r="B2895" s="43"/>
      <c r="C2895" s="73"/>
      <c r="D2895" s="64"/>
      <c r="E2895" s="64"/>
      <c r="F2895" s="55"/>
      <c r="G2895" s="102"/>
      <c r="H2895" s="97"/>
      <c r="T2895" s="98"/>
      <c r="U2895" s="97"/>
      <c r="AG2895" s="98"/>
      <c r="AY2895" s="164"/>
      <c r="BK2895" s="98"/>
      <c r="BL2895" s="97"/>
      <c r="BX2895" s="98"/>
      <c r="CL2895" s="97"/>
      <c r="CX2895" s="98"/>
      <c r="DL2895" s="97"/>
      <c r="DX2895" s="98"/>
      <c r="EL2895" s="97"/>
      <c r="EX2895" s="98"/>
      <c r="EY2895" s="97"/>
      <c r="FL2895" s="126"/>
      <c r="FM2895" s="91"/>
      <c r="FN2895" s="91"/>
      <c r="FO2895" s="91"/>
      <c r="FP2895" s="91"/>
      <c r="FQ2895" s="91"/>
      <c r="FR2895" s="91"/>
      <c r="FS2895" s="91"/>
      <c r="FT2895" s="91"/>
      <c r="FU2895" s="91"/>
      <c r="FV2895" s="91"/>
      <c r="FW2895" s="91"/>
      <c r="FX2895" s="127"/>
      <c r="FY2895" s="126"/>
      <c r="FZ2895" s="91"/>
      <c r="GA2895" s="91"/>
      <c r="GB2895" s="91"/>
      <c r="GC2895" s="91"/>
      <c r="GD2895" s="91"/>
      <c r="GE2895" s="91"/>
      <c r="GF2895" s="91"/>
      <c r="GG2895" s="91"/>
      <c r="GH2895" s="91"/>
      <c r="GI2895" s="91"/>
      <c r="GJ2895" s="91"/>
      <c r="GK2895" s="127"/>
      <c r="GL2895" s="126"/>
      <c r="GM2895" s="91"/>
      <c r="GN2895" s="91"/>
      <c r="GO2895" s="91"/>
      <c r="GP2895" s="91"/>
      <c r="GQ2895" s="91"/>
      <c r="GR2895" s="91"/>
      <c r="GS2895" s="91"/>
      <c r="GT2895" s="91"/>
      <c r="GU2895" s="91"/>
      <c r="GV2895" s="91"/>
      <c r="GW2895" s="91"/>
      <c r="GX2895" s="127"/>
      <c r="GY2895" s="126"/>
      <c r="GZ2895" s="91"/>
      <c r="HA2895" s="91"/>
      <c r="HB2895" s="91"/>
      <c r="HC2895" s="91"/>
      <c r="HD2895" s="91"/>
      <c r="HE2895" s="91"/>
      <c r="HF2895" s="91"/>
      <c r="HG2895" s="91"/>
      <c r="HH2895" s="91"/>
      <c r="HI2895" s="91"/>
      <c r="HJ2895" s="91"/>
      <c r="HK2895" s="127"/>
      <c r="HL2895" s="126"/>
      <c r="HM2895" s="91"/>
      <c r="HN2895" s="91"/>
      <c r="HO2895" s="91"/>
      <c r="HP2895" s="91"/>
      <c r="HQ2895" s="91"/>
      <c r="HR2895" s="91"/>
      <c r="HS2895" s="91"/>
      <c r="HT2895" s="91"/>
      <c r="HU2895" s="91"/>
      <c r="HV2895" s="91"/>
      <c r="HW2895" s="91"/>
      <c r="HX2895" s="127"/>
      <c r="HY2895" s="126"/>
      <c r="HZ2895" s="91"/>
      <c r="IA2895" s="91"/>
      <c r="IB2895" s="91"/>
      <c r="IC2895" s="91"/>
      <c r="ID2895" s="91"/>
      <c r="IE2895" s="91"/>
      <c r="IF2895" s="91"/>
      <c r="IG2895" s="91"/>
      <c r="IH2895" s="91"/>
      <c r="II2895" s="91"/>
      <c r="IJ2895" s="91"/>
      <c r="IK2895" s="174"/>
    </row>
    <row r="2896" spans="2:245" x14ac:dyDescent="0.2">
      <c r="B2896" s="43"/>
      <c r="C2896" s="73"/>
      <c r="D2896" s="64"/>
      <c r="E2896" s="64"/>
      <c r="F2896" s="55"/>
      <c r="G2896" s="102"/>
      <c r="H2896" s="97"/>
      <c r="T2896" s="98"/>
      <c r="U2896" s="97"/>
      <c r="AG2896" s="98"/>
      <c r="AY2896" s="164"/>
      <c r="BK2896" s="98"/>
      <c r="BL2896" s="97"/>
      <c r="BX2896" s="98"/>
      <c r="CL2896" s="97"/>
      <c r="CX2896" s="98"/>
      <c r="DL2896" s="97"/>
      <c r="DX2896" s="98"/>
      <c r="EL2896" s="97"/>
      <c r="EX2896" s="98"/>
      <c r="EY2896" s="97"/>
      <c r="FL2896" s="126"/>
      <c r="FM2896" s="91"/>
      <c r="FN2896" s="91"/>
      <c r="FO2896" s="91"/>
      <c r="FP2896" s="91"/>
      <c r="FQ2896" s="91"/>
      <c r="FR2896" s="91"/>
      <c r="FS2896" s="91"/>
      <c r="FT2896" s="91"/>
      <c r="FU2896" s="91"/>
      <c r="FV2896" s="91"/>
      <c r="FW2896" s="91"/>
      <c r="FX2896" s="127"/>
      <c r="FY2896" s="126"/>
      <c r="FZ2896" s="91"/>
      <c r="GA2896" s="91"/>
      <c r="GB2896" s="91"/>
      <c r="GC2896" s="91"/>
      <c r="GD2896" s="91"/>
      <c r="GE2896" s="91"/>
      <c r="GF2896" s="91"/>
      <c r="GG2896" s="91"/>
      <c r="GH2896" s="91"/>
      <c r="GI2896" s="91"/>
      <c r="GJ2896" s="91"/>
      <c r="GK2896" s="127"/>
      <c r="GL2896" s="126"/>
      <c r="GM2896" s="91"/>
      <c r="GN2896" s="91"/>
      <c r="GO2896" s="91"/>
      <c r="GP2896" s="91"/>
      <c r="GQ2896" s="91"/>
      <c r="GR2896" s="91"/>
      <c r="GS2896" s="91"/>
      <c r="GT2896" s="91"/>
      <c r="GU2896" s="91"/>
      <c r="GV2896" s="91"/>
      <c r="GW2896" s="91"/>
      <c r="GX2896" s="127"/>
      <c r="GY2896" s="126"/>
      <c r="GZ2896" s="91"/>
      <c r="HA2896" s="91"/>
      <c r="HB2896" s="91"/>
      <c r="HC2896" s="91"/>
      <c r="HD2896" s="91"/>
      <c r="HE2896" s="91"/>
      <c r="HF2896" s="91"/>
      <c r="HG2896" s="91"/>
      <c r="HH2896" s="91"/>
      <c r="HI2896" s="91"/>
      <c r="HJ2896" s="91"/>
      <c r="HK2896" s="127"/>
      <c r="HL2896" s="126"/>
      <c r="HM2896" s="91"/>
      <c r="HN2896" s="91"/>
      <c r="HO2896" s="91"/>
      <c r="HP2896" s="91"/>
      <c r="HQ2896" s="91"/>
      <c r="HR2896" s="91"/>
      <c r="HS2896" s="91"/>
      <c r="HT2896" s="91"/>
      <c r="HU2896" s="91"/>
      <c r="HV2896" s="91"/>
      <c r="HW2896" s="91"/>
      <c r="HX2896" s="127"/>
      <c r="HY2896" s="126"/>
      <c r="HZ2896" s="91"/>
      <c r="IA2896" s="91"/>
      <c r="IB2896" s="91"/>
      <c r="IC2896" s="91"/>
      <c r="ID2896" s="91"/>
      <c r="IE2896" s="91"/>
      <c r="IF2896" s="91"/>
      <c r="IG2896" s="91"/>
      <c r="IH2896" s="91"/>
      <c r="II2896" s="91"/>
      <c r="IJ2896" s="91"/>
      <c r="IK2896" s="174"/>
    </row>
    <row r="2897" spans="2:245" x14ac:dyDescent="0.2">
      <c r="B2897" s="43"/>
      <c r="C2897" s="73"/>
      <c r="D2897" s="64"/>
      <c r="E2897" s="64"/>
      <c r="F2897" s="55"/>
      <c r="G2897" s="102"/>
      <c r="H2897" s="97"/>
      <c r="T2897" s="98"/>
      <c r="U2897" s="97"/>
      <c r="AG2897" s="98"/>
      <c r="AY2897" s="164"/>
      <c r="BK2897" s="98"/>
      <c r="BL2897" s="97"/>
      <c r="BX2897" s="98"/>
      <c r="CL2897" s="97"/>
      <c r="CX2897" s="98"/>
      <c r="DL2897" s="97"/>
      <c r="DX2897" s="98"/>
      <c r="EL2897" s="97"/>
      <c r="EX2897" s="98"/>
      <c r="EY2897" s="97"/>
      <c r="FL2897" s="126"/>
      <c r="FM2897" s="91"/>
      <c r="FN2897" s="91"/>
      <c r="FO2897" s="91"/>
      <c r="FP2897" s="91"/>
      <c r="FQ2897" s="91"/>
      <c r="FR2897" s="91"/>
      <c r="FS2897" s="91"/>
      <c r="FT2897" s="91"/>
      <c r="FU2897" s="91"/>
      <c r="FV2897" s="91"/>
      <c r="FW2897" s="91"/>
      <c r="FX2897" s="127"/>
      <c r="FY2897" s="126"/>
      <c r="FZ2897" s="91"/>
      <c r="GA2897" s="91"/>
      <c r="GB2897" s="91"/>
      <c r="GC2897" s="91"/>
      <c r="GD2897" s="91"/>
      <c r="GE2897" s="91"/>
      <c r="GF2897" s="91"/>
      <c r="GG2897" s="91"/>
      <c r="GH2897" s="91"/>
      <c r="GI2897" s="91"/>
      <c r="GJ2897" s="91"/>
      <c r="GK2897" s="127"/>
      <c r="GL2897" s="126"/>
      <c r="GM2897" s="91"/>
      <c r="GN2897" s="91"/>
      <c r="GO2897" s="91"/>
      <c r="GP2897" s="91"/>
      <c r="GQ2897" s="91"/>
      <c r="GR2897" s="91"/>
      <c r="GS2897" s="91"/>
      <c r="GT2897" s="91"/>
      <c r="GU2897" s="91"/>
      <c r="GV2897" s="91"/>
      <c r="GW2897" s="91"/>
      <c r="GX2897" s="127"/>
      <c r="GY2897" s="126"/>
      <c r="GZ2897" s="91"/>
      <c r="HA2897" s="91"/>
      <c r="HB2897" s="91"/>
      <c r="HC2897" s="91"/>
      <c r="HD2897" s="91"/>
      <c r="HE2897" s="91"/>
      <c r="HF2897" s="91"/>
      <c r="HG2897" s="91"/>
      <c r="HH2897" s="91"/>
      <c r="HI2897" s="91"/>
      <c r="HJ2897" s="91"/>
      <c r="HK2897" s="127"/>
      <c r="HL2897" s="126"/>
      <c r="HM2897" s="91"/>
      <c r="HN2897" s="91"/>
      <c r="HO2897" s="91"/>
      <c r="HP2897" s="91"/>
      <c r="HQ2897" s="91"/>
      <c r="HR2897" s="91"/>
      <c r="HS2897" s="91"/>
      <c r="HT2897" s="91"/>
      <c r="HU2897" s="91"/>
      <c r="HV2897" s="91"/>
      <c r="HW2897" s="91"/>
      <c r="HX2897" s="127"/>
      <c r="HY2897" s="126"/>
      <c r="HZ2897" s="91"/>
      <c r="IA2897" s="91"/>
      <c r="IB2897" s="91"/>
      <c r="IC2897" s="91"/>
      <c r="ID2897" s="91"/>
      <c r="IE2897" s="91"/>
      <c r="IF2897" s="91"/>
      <c r="IG2897" s="91"/>
      <c r="IH2897" s="91"/>
      <c r="II2897" s="91"/>
      <c r="IJ2897" s="91"/>
      <c r="IK2897" s="174"/>
    </row>
    <row r="2898" spans="2:245" x14ac:dyDescent="0.2">
      <c r="B2898" s="43"/>
      <c r="C2898" s="73"/>
      <c r="D2898" s="64"/>
      <c r="E2898" s="64"/>
      <c r="F2898" s="55"/>
      <c r="G2898" s="102"/>
      <c r="H2898" s="97"/>
      <c r="T2898" s="98"/>
      <c r="U2898" s="97"/>
      <c r="AG2898" s="98"/>
      <c r="AY2898" s="164"/>
      <c r="BK2898" s="98"/>
      <c r="BL2898" s="97"/>
      <c r="BX2898" s="98"/>
      <c r="CL2898" s="97"/>
      <c r="CX2898" s="98"/>
      <c r="DL2898" s="97"/>
      <c r="DX2898" s="98"/>
      <c r="EL2898" s="97"/>
      <c r="EX2898" s="98"/>
      <c r="EY2898" s="97"/>
      <c r="FL2898" s="126"/>
      <c r="FM2898" s="91"/>
      <c r="FN2898" s="91"/>
      <c r="FO2898" s="91"/>
      <c r="FP2898" s="91"/>
      <c r="FQ2898" s="91"/>
      <c r="FR2898" s="91"/>
      <c r="FS2898" s="91"/>
      <c r="FT2898" s="91"/>
      <c r="FU2898" s="91"/>
      <c r="FV2898" s="91"/>
      <c r="FW2898" s="91"/>
      <c r="FX2898" s="127"/>
      <c r="FY2898" s="126"/>
      <c r="FZ2898" s="91"/>
      <c r="GA2898" s="91"/>
      <c r="GB2898" s="91"/>
      <c r="GC2898" s="91"/>
      <c r="GD2898" s="91"/>
      <c r="GE2898" s="91"/>
      <c r="GF2898" s="91"/>
      <c r="GG2898" s="91"/>
      <c r="GH2898" s="91"/>
      <c r="GI2898" s="91"/>
      <c r="GJ2898" s="91"/>
      <c r="GK2898" s="127"/>
      <c r="GL2898" s="126"/>
      <c r="GM2898" s="91"/>
      <c r="GN2898" s="91"/>
      <c r="GO2898" s="91"/>
      <c r="GP2898" s="91"/>
      <c r="GQ2898" s="91"/>
      <c r="GR2898" s="91"/>
      <c r="GS2898" s="91"/>
      <c r="GT2898" s="91"/>
      <c r="GU2898" s="91"/>
      <c r="GV2898" s="91"/>
      <c r="GW2898" s="91"/>
      <c r="GX2898" s="127"/>
      <c r="GY2898" s="126"/>
      <c r="GZ2898" s="91"/>
      <c r="HA2898" s="91"/>
      <c r="HB2898" s="91"/>
      <c r="HC2898" s="91"/>
      <c r="HD2898" s="91"/>
      <c r="HE2898" s="91"/>
      <c r="HF2898" s="91"/>
      <c r="HG2898" s="91"/>
      <c r="HH2898" s="91"/>
      <c r="HI2898" s="91"/>
      <c r="HJ2898" s="91"/>
      <c r="HK2898" s="127"/>
      <c r="HL2898" s="126"/>
      <c r="HM2898" s="91"/>
      <c r="HN2898" s="91"/>
      <c r="HO2898" s="91"/>
      <c r="HP2898" s="91"/>
      <c r="HQ2898" s="91"/>
      <c r="HR2898" s="91"/>
      <c r="HS2898" s="91"/>
      <c r="HT2898" s="91"/>
      <c r="HU2898" s="91"/>
      <c r="HV2898" s="91"/>
      <c r="HW2898" s="91"/>
      <c r="HX2898" s="127"/>
      <c r="HY2898" s="126"/>
      <c r="HZ2898" s="91"/>
      <c r="IA2898" s="91"/>
      <c r="IB2898" s="91"/>
      <c r="IC2898" s="91"/>
      <c r="ID2898" s="91"/>
      <c r="IE2898" s="91"/>
      <c r="IF2898" s="91"/>
      <c r="IG2898" s="91"/>
      <c r="IH2898" s="91"/>
      <c r="II2898" s="91"/>
      <c r="IJ2898" s="91"/>
      <c r="IK2898" s="174"/>
    </row>
    <row r="2899" spans="2:245" x14ac:dyDescent="0.2">
      <c r="B2899" s="43"/>
      <c r="C2899" s="73"/>
      <c r="D2899" s="64"/>
      <c r="E2899" s="64"/>
      <c r="F2899" s="55"/>
      <c r="G2899" s="102"/>
      <c r="H2899" s="97"/>
      <c r="T2899" s="98"/>
      <c r="U2899" s="97"/>
      <c r="AG2899" s="98"/>
      <c r="AY2899" s="164"/>
      <c r="BK2899" s="98"/>
      <c r="BL2899" s="97"/>
      <c r="BX2899" s="98"/>
      <c r="CL2899" s="97"/>
      <c r="CX2899" s="98"/>
      <c r="DL2899" s="97"/>
      <c r="DX2899" s="98"/>
      <c r="EL2899" s="97"/>
      <c r="EX2899" s="98"/>
      <c r="EY2899" s="97"/>
      <c r="FL2899" s="126"/>
      <c r="FM2899" s="91"/>
      <c r="FN2899" s="91"/>
      <c r="FO2899" s="91"/>
      <c r="FP2899" s="91"/>
      <c r="FQ2899" s="91"/>
      <c r="FR2899" s="91"/>
      <c r="FS2899" s="91"/>
      <c r="FT2899" s="91"/>
      <c r="FU2899" s="91"/>
      <c r="FV2899" s="91"/>
      <c r="FW2899" s="91"/>
      <c r="FX2899" s="127"/>
      <c r="FY2899" s="126"/>
      <c r="FZ2899" s="91"/>
      <c r="GA2899" s="91"/>
      <c r="GB2899" s="91"/>
      <c r="GC2899" s="91"/>
      <c r="GD2899" s="91"/>
      <c r="GE2899" s="91"/>
      <c r="GF2899" s="91"/>
      <c r="GG2899" s="91"/>
      <c r="GH2899" s="91"/>
      <c r="GI2899" s="91"/>
      <c r="GJ2899" s="91"/>
      <c r="GK2899" s="127"/>
      <c r="GL2899" s="126"/>
      <c r="GM2899" s="91"/>
      <c r="GN2899" s="91"/>
      <c r="GO2899" s="91"/>
      <c r="GP2899" s="91"/>
      <c r="GQ2899" s="91"/>
      <c r="GR2899" s="91"/>
      <c r="GS2899" s="91"/>
      <c r="GT2899" s="91"/>
      <c r="GU2899" s="91"/>
      <c r="GV2899" s="91"/>
      <c r="GW2899" s="91"/>
      <c r="GX2899" s="127"/>
      <c r="GY2899" s="126"/>
      <c r="GZ2899" s="91"/>
      <c r="HA2899" s="91"/>
      <c r="HB2899" s="91"/>
      <c r="HC2899" s="91"/>
      <c r="HD2899" s="91"/>
      <c r="HE2899" s="91"/>
      <c r="HF2899" s="91"/>
      <c r="HG2899" s="91"/>
      <c r="HH2899" s="91"/>
      <c r="HI2899" s="91"/>
      <c r="HJ2899" s="91"/>
      <c r="HK2899" s="127"/>
      <c r="HL2899" s="126"/>
      <c r="HM2899" s="91"/>
      <c r="HN2899" s="91"/>
      <c r="HO2899" s="91"/>
      <c r="HP2899" s="91"/>
      <c r="HQ2899" s="91"/>
      <c r="HR2899" s="91"/>
      <c r="HS2899" s="91"/>
      <c r="HT2899" s="91"/>
      <c r="HU2899" s="91"/>
      <c r="HV2899" s="91"/>
      <c r="HW2899" s="91"/>
      <c r="HX2899" s="127"/>
      <c r="HY2899" s="126"/>
      <c r="HZ2899" s="91"/>
      <c r="IA2899" s="91"/>
      <c r="IB2899" s="91"/>
      <c r="IC2899" s="91"/>
      <c r="ID2899" s="91"/>
      <c r="IE2899" s="91"/>
      <c r="IF2899" s="91"/>
      <c r="IG2899" s="91"/>
      <c r="IH2899" s="91"/>
      <c r="II2899" s="91"/>
      <c r="IJ2899" s="91"/>
      <c r="IK2899" s="174"/>
    </row>
    <row r="2900" spans="2:245" x14ac:dyDescent="0.2">
      <c r="B2900" s="43"/>
      <c r="C2900" s="73"/>
      <c r="D2900" s="64"/>
      <c r="E2900" s="64"/>
      <c r="F2900" s="55"/>
      <c r="G2900" s="102"/>
      <c r="H2900" s="97"/>
      <c r="T2900" s="98"/>
      <c r="U2900" s="97"/>
      <c r="AG2900" s="98"/>
      <c r="AY2900" s="164"/>
      <c r="BK2900" s="98"/>
      <c r="BL2900" s="97"/>
      <c r="BX2900" s="98"/>
      <c r="CL2900" s="97"/>
      <c r="CX2900" s="98"/>
      <c r="DL2900" s="97"/>
      <c r="DX2900" s="98"/>
      <c r="EL2900" s="97"/>
      <c r="EX2900" s="98"/>
      <c r="EY2900" s="97"/>
      <c r="FL2900" s="126"/>
      <c r="FM2900" s="91"/>
      <c r="FN2900" s="91"/>
      <c r="FO2900" s="91"/>
      <c r="FP2900" s="91"/>
      <c r="FQ2900" s="91"/>
      <c r="FR2900" s="91"/>
      <c r="FS2900" s="91"/>
      <c r="FT2900" s="91"/>
      <c r="FU2900" s="91"/>
      <c r="FV2900" s="91"/>
      <c r="FW2900" s="91"/>
      <c r="FX2900" s="127"/>
      <c r="FY2900" s="126"/>
      <c r="FZ2900" s="91"/>
      <c r="GA2900" s="91"/>
      <c r="GB2900" s="91"/>
      <c r="GC2900" s="91"/>
      <c r="GD2900" s="91"/>
      <c r="GE2900" s="91"/>
      <c r="GF2900" s="91"/>
      <c r="GG2900" s="91"/>
      <c r="GH2900" s="91"/>
      <c r="GI2900" s="91"/>
      <c r="GJ2900" s="91"/>
      <c r="GK2900" s="127"/>
      <c r="GL2900" s="126"/>
      <c r="GM2900" s="91"/>
      <c r="GN2900" s="91"/>
      <c r="GO2900" s="91"/>
      <c r="GP2900" s="91"/>
      <c r="GQ2900" s="91"/>
      <c r="GR2900" s="91"/>
      <c r="GS2900" s="91"/>
      <c r="GT2900" s="91"/>
      <c r="GU2900" s="91"/>
      <c r="GV2900" s="91"/>
      <c r="GW2900" s="91"/>
      <c r="GX2900" s="127"/>
      <c r="GY2900" s="126"/>
      <c r="GZ2900" s="91"/>
      <c r="HA2900" s="91"/>
      <c r="HB2900" s="91"/>
      <c r="HC2900" s="91"/>
      <c r="HD2900" s="91"/>
      <c r="HE2900" s="91"/>
      <c r="HF2900" s="91"/>
      <c r="HG2900" s="91"/>
      <c r="HH2900" s="91"/>
      <c r="HI2900" s="91"/>
      <c r="HJ2900" s="91"/>
      <c r="HK2900" s="127"/>
      <c r="HL2900" s="126"/>
      <c r="HM2900" s="91"/>
      <c r="HN2900" s="91"/>
      <c r="HO2900" s="91"/>
      <c r="HP2900" s="91"/>
      <c r="HQ2900" s="91"/>
      <c r="HR2900" s="91"/>
      <c r="HS2900" s="91"/>
      <c r="HT2900" s="91"/>
      <c r="HU2900" s="91"/>
      <c r="HV2900" s="91"/>
      <c r="HW2900" s="91"/>
      <c r="HX2900" s="127"/>
      <c r="HY2900" s="126"/>
      <c r="HZ2900" s="91"/>
      <c r="IA2900" s="91"/>
      <c r="IB2900" s="91"/>
      <c r="IC2900" s="91"/>
      <c r="ID2900" s="91"/>
      <c r="IE2900" s="91"/>
      <c r="IF2900" s="91"/>
      <c r="IG2900" s="91"/>
      <c r="IH2900" s="91"/>
      <c r="II2900" s="91"/>
      <c r="IJ2900" s="91"/>
      <c r="IK2900" s="174"/>
    </row>
    <row r="2901" spans="2:245" x14ac:dyDescent="0.2">
      <c r="B2901" s="43"/>
      <c r="C2901" s="73"/>
      <c r="D2901" s="64"/>
      <c r="E2901" s="64"/>
      <c r="F2901" s="55"/>
      <c r="G2901" s="102"/>
      <c r="H2901" s="97"/>
      <c r="T2901" s="98"/>
      <c r="U2901" s="97"/>
      <c r="AG2901" s="98"/>
      <c r="AY2901" s="164"/>
      <c r="BK2901" s="98"/>
      <c r="BL2901" s="97"/>
      <c r="BX2901" s="98"/>
      <c r="CL2901" s="97"/>
      <c r="CX2901" s="98"/>
      <c r="DL2901" s="97"/>
      <c r="DX2901" s="98"/>
      <c r="EL2901" s="97"/>
      <c r="EX2901" s="98"/>
      <c r="EY2901" s="97"/>
      <c r="FL2901" s="126"/>
      <c r="FM2901" s="91"/>
      <c r="FN2901" s="91"/>
      <c r="FO2901" s="91"/>
      <c r="FP2901" s="91"/>
      <c r="FQ2901" s="91"/>
      <c r="FR2901" s="91"/>
      <c r="FS2901" s="91"/>
      <c r="FT2901" s="91"/>
      <c r="FU2901" s="91"/>
      <c r="FV2901" s="91"/>
      <c r="FW2901" s="91"/>
      <c r="FX2901" s="127"/>
      <c r="FY2901" s="126"/>
      <c r="FZ2901" s="91"/>
      <c r="GA2901" s="91"/>
      <c r="GB2901" s="91"/>
      <c r="GC2901" s="91"/>
      <c r="GD2901" s="91"/>
      <c r="GE2901" s="91"/>
      <c r="GF2901" s="91"/>
      <c r="GG2901" s="91"/>
      <c r="GH2901" s="91"/>
      <c r="GI2901" s="91"/>
      <c r="GJ2901" s="91"/>
      <c r="GK2901" s="127"/>
      <c r="GL2901" s="126"/>
      <c r="GM2901" s="91"/>
      <c r="GN2901" s="91"/>
      <c r="GO2901" s="91"/>
      <c r="GP2901" s="91"/>
      <c r="GQ2901" s="91"/>
      <c r="GR2901" s="91"/>
      <c r="GS2901" s="91"/>
      <c r="GT2901" s="91"/>
      <c r="GU2901" s="91"/>
      <c r="GV2901" s="91"/>
      <c r="GW2901" s="91"/>
      <c r="GX2901" s="127"/>
      <c r="GY2901" s="126"/>
      <c r="GZ2901" s="91"/>
      <c r="HA2901" s="91"/>
      <c r="HB2901" s="91"/>
      <c r="HC2901" s="91"/>
      <c r="HD2901" s="91"/>
      <c r="HE2901" s="91"/>
      <c r="HF2901" s="91"/>
      <c r="HG2901" s="91"/>
      <c r="HH2901" s="91"/>
      <c r="HI2901" s="91"/>
      <c r="HJ2901" s="91"/>
      <c r="HK2901" s="127"/>
      <c r="HL2901" s="126"/>
      <c r="HM2901" s="91"/>
      <c r="HN2901" s="91"/>
      <c r="HO2901" s="91"/>
      <c r="HP2901" s="91"/>
      <c r="HQ2901" s="91"/>
      <c r="HR2901" s="91"/>
      <c r="HS2901" s="91"/>
      <c r="HT2901" s="91"/>
      <c r="HU2901" s="91"/>
      <c r="HV2901" s="91"/>
      <c r="HW2901" s="91"/>
      <c r="HX2901" s="127"/>
      <c r="HY2901" s="126"/>
      <c r="HZ2901" s="91"/>
      <c r="IA2901" s="91"/>
      <c r="IB2901" s="91"/>
      <c r="IC2901" s="91"/>
      <c r="ID2901" s="91"/>
      <c r="IE2901" s="91"/>
      <c r="IF2901" s="91"/>
      <c r="IG2901" s="91"/>
      <c r="IH2901" s="91"/>
      <c r="II2901" s="91"/>
      <c r="IJ2901" s="91"/>
      <c r="IK2901" s="174"/>
    </row>
    <row r="2902" spans="2:245" x14ac:dyDescent="0.2">
      <c r="B2902" s="43"/>
      <c r="C2902" s="73"/>
      <c r="D2902" s="64"/>
      <c r="E2902" s="64"/>
      <c r="F2902" s="55"/>
      <c r="G2902" s="102"/>
      <c r="H2902" s="97"/>
      <c r="T2902" s="98"/>
      <c r="U2902" s="97"/>
      <c r="AG2902" s="98"/>
      <c r="AY2902" s="164"/>
      <c r="BK2902" s="98"/>
      <c r="BL2902" s="97"/>
      <c r="BX2902" s="98"/>
      <c r="CL2902" s="97"/>
      <c r="CX2902" s="98"/>
      <c r="DL2902" s="97"/>
      <c r="DX2902" s="98"/>
      <c r="EL2902" s="97"/>
      <c r="EX2902" s="98"/>
      <c r="EY2902" s="97"/>
      <c r="FL2902" s="126"/>
      <c r="FM2902" s="91"/>
      <c r="FN2902" s="91"/>
      <c r="FO2902" s="91"/>
      <c r="FP2902" s="91"/>
      <c r="FQ2902" s="91"/>
      <c r="FR2902" s="91"/>
      <c r="FS2902" s="91"/>
      <c r="FT2902" s="91"/>
      <c r="FU2902" s="91"/>
      <c r="FV2902" s="91"/>
      <c r="FW2902" s="91"/>
      <c r="FX2902" s="127"/>
      <c r="FY2902" s="126"/>
      <c r="FZ2902" s="91"/>
      <c r="GA2902" s="91"/>
      <c r="GB2902" s="91"/>
      <c r="GC2902" s="91"/>
      <c r="GD2902" s="91"/>
      <c r="GE2902" s="91"/>
      <c r="GF2902" s="91"/>
      <c r="GG2902" s="91"/>
      <c r="GH2902" s="91"/>
      <c r="GI2902" s="91"/>
      <c r="GJ2902" s="91"/>
      <c r="GK2902" s="127"/>
      <c r="GL2902" s="126"/>
      <c r="GM2902" s="91"/>
      <c r="GN2902" s="91"/>
      <c r="GO2902" s="91"/>
      <c r="GP2902" s="91"/>
      <c r="GQ2902" s="91"/>
      <c r="GR2902" s="91"/>
      <c r="GS2902" s="91"/>
      <c r="GT2902" s="91"/>
      <c r="GU2902" s="91"/>
      <c r="GV2902" s="91"/>
      <c r="GW2902" s="91"/>
      <c r="GX2902" s="127"/>
      <c r="GY2902" s="126"/>
      <c r="GZ2902" s="91"/>
      <c r="HA2902" s="91"/>
      <c r="HB2902" s="91"/>
      <c r="HC2902" s="91"/>
      <c r="HD2902" s="91"/>
      <c r="HE2902" s="91"/>
      <c r="HF2902" s="91"/>
      <c r="HG2902" s="91"/>
      <c r="HH2902" s="91"/>
      <c r="HI2902" s="91"/>
      <c r="HJ2902" s="91"/>
      <c r="HK2902" s="127"/>
      <c r="HL2902" s="126"/>
      <c r="HM2902" s="91"/>
      <c r="HN2902" s="91"/>
      <c r="HO2902" s="91"/>
      <c r="HP2902" s="91"/>
      <c r="HQ2902" s="91"/>
      <c r="HR2902" s="91"/>
      <c r="HS2902" s="91"/>
      <c r="HT2902" s="91"/>
      <c r="HU2902" s="91"/>
      <c r="HV2902" s="91"/>
      <c r="HW2902" s="91"/>
      <c r="HX2902" s="127"/>
      <c r="HY2902" s="126"/>
      <c r="HZ2902" s="91"/>
      <c r="IA2902" s="91"/>
      <c r="IB2902" s="91"/>
      <c r="IC2902" s="91"/>
      <c r="ID2902" s="91"/>
      <c r="IE2902" s="91"/>
      <c r="IF2902" s="91"/>
      <c r="IG2902" s="91"/>
      <c r="IH2902" s="91"/>
      <c r="II2902" s="91"/>
      <c r="IJ2902" s="91"/>
      <c r="IK2902" s="174"/>
    </row>
    <row r="2903" spans="2:245" x14ac:dyDescent="0.2">
      <c r="B2903" s="43"/>
      <c r="C2903" s="73"/>
      <c r="D2903" s="64"/>
      <c r="E2903" s="64"/>
      <c r="F2903" s="55"/>
      <c r="G2903" s="102"/>
      <c r="H2903" s="97"/>
      <c r="T2903" s="98"/>
      <c r="U2903" s="97"/>
      <c r="AG2903" s="98"/>
      <c r="AY2903" s="164"/>
      <c r="BK2903" s="98"/>
      <c r="BL2903" s="97"/>
      <c r="BX2903" s="98"/>
      <c r="CL2903" s="97"/>
      <c r="CX2903" s="98"/>
      <c r="DL2903" s="97"/>
      <c r="DX2903" s="98"/>
      <c r="EL2903" s="97"/>
      <c r="EX2903" s="98"/>
      <c r="EY2903" s="97"/>
      <c r="FL2903" s="126"/>
      <c r="FM2903" s="91"/>
      <c r="FN2903" s="91"/>
      <c r="FO2903" s="91"/>
      <c r="FP2903" s="91"/>
      <c r="FQ2903" s="91"/>
      <c r="FR2903" s="91"/>
      <c r="FS2903" s="91"/>
      <c r="FT2903" s="91"/>
      <c r="FU2903" s="91"/>
      <c r="FV2903" s="91"/>
      <c r="FW2903" s="91"/>
      <c r="FX2903" s="127"/>
      <c r="FY2903" s="126"/>
      <c r="FZ2903" s="91"/>
      <c r="GA2903" s="91"/>
      <c r="GB2903" s="91"/>
      <c r="GC2903" s="91"/>
      <c r="GD2903" s="91"/>
      <c r="GE2903" s="91"/>
      <c r="GF2903" s="91"/>
      <c r="GG2903" s="91"/>
      <c r="GH2903" s="91"/>
      <c r="GI2903" s="91"/>
      <c r="GJ2903" s="91"/>
      <c r="GK2903" s="127"/>
      <c r="GL2903" s="126"/>
      <c r="GM2903" s="91"/>
      <c r="GN2903" s="91"/>
      <c r="GO2903" s="91"/>
      <c r="GP2903" s="91"/>
      <c r="GQ2903" s="91"/>
      <c r="GR2903" s="91"/>
      <c r="GS2903" s="91"/>
      <c r="GT2903" s="91"/>
      <c r="GU2903" s="91"/>
      <c r="GV2903" s="91"/>
      <c r="GW2903" s="91"/>
      <c r="GX2903" s="127"/>
      <c r="GY2903" s="126"/>
      <c r="GZ2903" s="91"/>
      <c r="HA2903" s="91"/>
      <c r="HB2903" s="91"/>
      <c r="HC2903" s="91"/>
      <c r="HD2903" s="91"/>
      <c r="HE2903" s="91"/>
      <c r="HF2903" s="91"/>
      <c r="HG2903" s="91"/>
      <c r="HH2903" s="91"/>
      <c r="HI2903" s="91"/>
      <c r="HJ2903" s="91"/>
      <c r="HK2903" s="127"/>
      <c r="HL2903" s="126"/>
      <c r="HM2903" s="91"/>
      <c r="HN2903" s="91"/>
      <c r="HO2903" s="91"/>
      <c r="HP2903" s="91"/>
      <c r="HQ2903" s="91"/>
      <c r="HR2903" s="91"/>
      <c r="HS2903" s="91"/>
      <c r="HT2903" s="91"/>
      <c r="HU2903" s="91"/>
      <c r="HV2903" s="91"/>
      <c r="HW2903" s="91"/>
      <c r="HX2903" s="127"/>
      <c r="HY2903" s="126"/>
      <c r="HZ2903" s="91"/>
      <c r="IA2903" s="91"/>
      <c r="IB2903" s="91"/>
      <c r="IC2903" s="91"/>
      <c r="ID2903" s="91"/>
      <c r="IE2903" s="91"/>
      <c r="IF2903" s="91"/>
      <c r="IG2903" s="91"/>
      <c r="IH2903" s="91"/>
      <c r="II2903" s="91"/>
      <c r="IJ2903" s="91"/>
      <c r="IK2903" s="174"/>
    </row>
    <row r="2904" spans="2:245" x14ac:dyDescent="0.2">
      <c r="B2904" s="43"/>
      <c r="C2904" s="73"/>
      <c r="D2904" s="64"/>
      <c r="E2904" s="64"/>
      <c r="F2904" s="55"/>
      <c r="G2904" s="102"/>
      <c r="H2904" s="97"/>
      <c r="T2904" s="98"/>
      <c r="U2904" s="97"/>
      <c r="AG2904" s="98"/>
      <c r="AY2904" s="164"/>
      <c r="BK2904" s="98"/>
      <c r="BL2904" s="97"/>
      <c r="BX2904" s="98"/>
      <c r="CL2904" s="97"/>
      <c r="CX2904" s="98"/>
      <c r="DL2904" s="97"/>
      <c r="DX2904" s="98"/>
      <c r="EL2904" s="97"/>
      <c r="EX2904" s="98"/>
      <c r="EY2904" s="97"/>
      <c r="FL2904" s="126"/>
      <c r="FM2904" s="91"/>
      <c r="FN2904" s="91"/>
      <c r="FO2904" s="91"/>
      <c r="FP2904" s="91"/>
      <c r="FQ2904" s="91"/>
      <c r="FR2904" s="91"/>
      <c r="FS2904" s="91"/>
      <c r="FT2904" s="91"/>
      <c r="FU2904" s="91"/>
      <c r="FV2904" s="91"/>
      <c r="FW2904" s="91"/>
      <c r="FX2904" s="127"/>
      <c r="FY2904" s="126"/>
      <c r="FZ2904" s="91"/>
      <c r="GA2904" s="91"/>
      <c r="GB2904" s="91"/>
      <c r="GC2904" s="91"/>
      <c r="GD2904" s="91"/>
      <c r="GE2904" s="91"/>
      <c r="GF2904" s="91"/>
      <c r="GG2904" s="91"/>
      <c r="GH2904" s="91"/>
      <c r="GI2904" s="91"/>
      <c r="GJ2904" s="91"/>
      <c r="GK2904" s="127"/>
      <c r="GL2904" s="126"/>
      <c r="GM2904" s="91"/>
      <c r="GN2904" s="91"/>
      <c r="GO2904" s="91"/>
      <c r="GP2904" s="91"/>
      <c r="GQ2904" s="91"/>
      <c r="GR2904" s="91"/>
      <c r="GS2904" s="91"/>
      <c r="GT2904" s="91"/>
      <c r="GU2904" s="91"/>
      <c r="GV2904" s="91"/>
      <c r="GW2904" s="91"/>
      <c r="GX2904" s="127"/>
      <c r="GY2904" s="126"/>
      <c r="GZ2904" s="91"/>
      <c r="HA2904" s="91"/>
      <c r="HB2904" s="91"/>
      <c r="HC2904" s="91"/>
      <c r="HD2904" s="91"/>
      <c r="HE2904" s="91"/>
      <c r="HF2904" s="91"/>
      <c r="HG2904" s="91"/>
      <c r="HH2904" s="91"/>
      <c r="HI2904" s="91"/>
      <c r="HJ2904" s="91"/>
      <c r="HK2904" s="127"/>
      <c r="HL2904" s="126"/>
      <c r="HM2904" s="91"/>
      <c r="HN2904" s="91"/>
      <c r="HO2904" s="91"/>
      <c r="HP2904" s="91"/>
      <c r="HQ2904" s="91"/>
      <c r="HR2904" s="91"/>
      <c r="HS2904" s="91"/>
      <c r="HT2904" s="91"/>
      <c r="HU2904" s="91"/>
      <c r="HV2904" s="91"/>
      <c r="HW2904" s="91"/>
      <c r="HX2904" s="127"/>
      <c r="HY2904" s="126"/>
      <c r="HZ2904" s="91"/>
      <c r="IA2904" s="91"/>
      <c r="IB2904" s="91"/>
      <c r="IC2904" s="91"/>
      <c r="ID2904" s="91"/>
      <c r="IE2904" s="91"/>
      <c r="IF2904" s="91"/>
      <c r="IG2904" s="91"/>
      <c r="IH2904" s="91"/>
      <c r="II2904" s="91"/>
      <c r="IJ2904" s="91"/>
      <c r="IK2904" s="174"/>
    </row>
    <row r="2905" spans="2:245" x14ac:dyDescent="0.2">
      <c r="B2905" s="43"/>
      <c r="C2905" s="73"/>
      <c r="D2905" s="64"/>
      <c r="E2905" s="64"/>
      <c r="F2905" s="55"/>
      <c r="G2905" s="102"/>
      <c r="H2905" s="97"/>
      <c r="T2905" s="98"/>
      <c r="U2905" s="97"/>
      <c r="AG2905" s="98"/>
      <c r="AY2905" s="164"/>
      <c r="BK2905" s="98"/>
      <c r="BL2905" s="97"/>
      <c r="BX2905" s="98"/>
      <c r="CL2905" s="97"/>
      <c r="CX2905" s="98"/>
      <c r="DL2905" s="97"/>
      <c r="DX2905" s="98"/>
      <c r="EL2905" s="97"/>
      <c r="EX2905" s="98"/>
      <c r="EY2905" s="97"/>
      <c r="FL2905" s="126"/>
      <c r="FM2905" s="91"/>
      <c r="FN2905" s="91"/>
      <c r="FO2905" s="91"/>
      <c r="FP2905" s="91"/>
      <c r="FQ2905" s="91"/>
      <c r="FR2905" s="91"/>
      <c r="FS2905" s="91"/>
      <c r="FT2905" s="91"/>
      <c r="FU2905" s="91"/>
      <c r="FV2905" s="91"/>
      <c r="FW2905" s="91"/>
      <c r="FX2905" s="127"/>
      <c r="FY2905" s="126"/>
      <c r="FZ2905" s="91"/>
      <c r="GA2905" s="91"/>
      <c r="GB2905" s="91"/>
      <c r="GC2905" s="91"/>
      <c r="GD2905" s="91"/>
      <c r="GE2905" s="91"/>
      <c r="GF2905" s="91"/>
      <c r="GG2905" s="91"/>
      <c r="GH2905" s="91"/>
      <c r="GI2905" s="91"/>
      <c r="GJ2905" s="91"/>
      <c r="GK2905" s="127"/>
      <c r="GL2905" s="126"/>
      <c r="GM2905" s="91"/>
      <c r="GN2905" s="91"/>
      <c r="GO2905" s="91"/>
      <c r="GP2905" s="91"/>
      <c r="GQ2905" s="91"/>
      <c r="GR2905" s="91"/>
      <c r="GS2905" s="91"/>
      <c r="GT2905" s="91"/>
      <c r="GU2905" s="91"/>
      <c r="GV2905" s="91"/>
      <c r="GW2905" s="91"/>
      <c r="GX2905" s="127"/>
      <c r="GY2905" s="126"/>
      <c r="GZ2905" s="91"/>
      <c r="HA2905" s="91"/>
      <c r="HB2905" s="91"/>
      <c r="HC2905" s="91"/>
      <c r="HD2905" s="91"/>
      <c r="HE2905" s="91"/>
      <c r="HF2905" s="91"/>
      <c r="HG2905" s="91"/>
      <c r="HH2905" s="91"/>
      <c r="HI2905" s="91"/>
      <c r="HJ2905" s="91"/>
      <c r="HK2905" s="127"/>
      <c r="HL2905" s="126"/>
      <c r="HM2905" s="91"/>
      <c r="HN2905" s="91"/>
      <c r="HO2905" s="91"/>
      <c r="HP2905" s="91"/>
      <c r="HQ2905" s="91"/>
      <c r="HR2905" s="91"/>
      <c r="HS2905" s="91"/>
      <c r="HT2905" s="91"/>
      <c r="HU2905" s="91"/>
      <c r="HV2905" s="91"/>
      <c r="HW2905" s="91"/>
      <c r="HX2905" s="127"/>
      <c r="HY2905" s="126"/>
      <c r="HZ2905" s="91"/>
      <c r="IA2905" s="91"/>
      <c r="IB2905" s="91"/>
      <c r="IC2905" s="91"/>
      <c r="ID2905" s="91"/>
      <c r="IE2905" s="91"/>
      <c r="IF2905" s="91"/>
      <c r="IG2905" s="91"/>
      <c r="IH2905" s="91"/>
      <c r="II2905" s="91"/>
      <c r="IJ2905" s="91"/>
      <c r="IK2905" s="174"/>
    </row>
    <row r="2906" spans="2:245" x14ac:dyDescent="0.2">
      <c r="B2906" s="43"/>
      <c r="C2906" s="73"/>
      <c r="D2906" s="64"/>
      <c r="E2906" s="64"/>
      <c r="F2906" s="55"/>
      <c r="G2906" s="102"/>
      <c r="H2906" s="97"/>
      <c r="T2906" s="98"/>
      <c r="U2906" s="97"/>
      <c r="AG2906" s="98"/>
      <c r="AY2906" s="164"/>
      <c r="BK2906" s="98"/>
      <c r="BL2906" s="97"/>
      <c r="BX2906" s="98"/>
      <c r="CL2906" s="97"/>
      <c r="CX2906" s="98"/>
      <c r="DL2906" s="97"/>
      <c r="DX2906" s="98"/>
      <c r="EL2906" s="97"/>
      <c r="EX2906" s="98"/>
      <c r="EY2906" s="97"/>
      <c r="FL2906" s="126"/>
      <c r="FM2906" s="91"/>
      <c r="FN2906" s="91"/>
      <c r="FO2906" s="91"/>
      <c r="FP2906" s="91"/>
      <c r="FQ2906" s="91"/>
      <c r="FR2906" s="91"/>
      <c r="FS2906" s="91"/>
      <c r="FT2906" s="91"/>
      <c r="FU2906" s="91"/>
      <c r="FV2906" s="91"/>
      <c r="FW2906" s="91"/>
      <c r="FX2906" s="127"/>
      <c r="FY2906" s="126"/>
      <c r="FZ2906" s="91"/>
      <c r="GA2906" s="91"/>
      <c r="GB2906" s="91"/>
      <c r="GC2906" s="91"/>
      <c r="GD2906" s="91"/>
      <c r="GE2906" s="91"/>
      <c r="GF2906" s="91"/>
      <c r="GG2906" s="91"/>
      <c r="GH2906" s="91"/>
      <c r="GI2906" s="91"/>
      <c r="GJ2906" s="91"/>
      <c r="GK2906" s="127"/>
      <c r="GL2906" s="126"/>
      <c r="GM2906" s="91"/>
      <c r="GN2906" s="91"/>
      <c r="GO2906" s="91"/>
      <c r="GP2906" s="91"/>
      <c r="GQ2906" s="91"/>
      <c r="GR2906" s="91"/>
      <c r="GS2906" s="91"/>
      <c r="GT2906" s="91"/>
      <c r="GU2906" s="91"/>
      <c r="GV2906" s="91"/>
      <c r="GW2906" s="91"/>
      <c r="GX2906" s="127"/>
      <c r="GY2906" s="126"/>
      <c r="GZ2906" s="91"/>
      <c r="HA2906" s="91"/>
      <c r="HB2906" s="91"/>
      <c r="HC2906" s="91"/>
      <c r="HD2906" s="91"/>
      <c r="HE2906" s="91"/>
      <c r="HF2906" s="91"/>
      <c r="HG2906" s="91"/>
      <c r="HH2906" s="91"/>
      <c r="HI2906" s="91"/>
      <c r="HJ2906" s="91"/>
      <c r="HK2906" s="127"/>
      <c r="HL2906" s="126"/>
      <c r="HM2906" s="91"/>
      <c r="HN2906" s="91"/>
      <c r="HO2906" s="91"/>
      <c r="HP2906" s="91"/>
      <c r="HQ2906" s="91"/>
      <c r="HR2906" s="91"/>
      <c r="HS2906" s="91"/>
      <c r="HT2906" s="91"/>
      <c r="HU2906" s="91"/>
      <c r="HV2906" s="91"/>
      <c r="HW2906" s="91"/>
      <c r="HX2906" s="127"/>
      <c r="HY2906" s="126"/>
      <c r="HZ2906" s="91"/>
      <c r="IA2906" s="91"/>
      <c r="IB2906" s="91"/>
      <c r="IC2906" s="91"/>
      <c r="ID2906" s="91"/>
      <c r="IE2906" s="91"/>
      <c r="IF2906" s="91"/>
      <c r="IG2906" s="91"/>
      <c r="IH2906" s="91"/>
      <c r="II2906" s="91"/>
      <c r="IJ2906" s="91"/>
      <c r="IK2906" s="174"/>
    </row>
    <row r="2907" spans="2:245" x14ac:dyDescent="0.2">
      <c r="B2907" s="43"/>
      <c r="C2907" s="73"/>
      <c r="D2907" s="64"/>
      <c r="E2907" s="64"/>
      <c r="F2907" s="55"/>
      <c r="G2907" s="102"/>
      <c r="H2907" s="97"/>
      <c r="T2907" s="98"/>
      <c r="U2907" s="97"/>
      <c r="AG2907" s="98"/>
      <c r="AY2907" s="164"/>
      <c r="BK2907" s="98"/>
      <c r="BL2907" s="97"/>
      <c r="BX2907" s="98"/>
      <c r="CL2907" s="97"/>
      <c r="CX2907" s="98"/>
      <c r="DL2907" s="97"/>
      <c r="DX2907" s="98"/>
      <c r="EL2907" s="97"/>
      <c r="EX2907" s="98"/>
      <c r="EY2907" s="97"/>
      <c r="FL2907" s="126"/>
      <c r="FM2907" s="91"/>
      <c r="FN2907" s="91"/>
      <c r="FO2907" s="91"/>
      <c r="FP2907" s="91"/>
      <c r="FQ2907" s="91"/>
      <c r="FR2907" s="91"/>
      <c r="FS2907" s="91"/>
      <c r="FT2907" s="91"/>
      <c r="FU2907" s="91"/>
      <c r="FV2907" s="91"/>
      <c r="FW2907" s="91"/>
      <c r="FX2907" s="127"/>
      <c r="FY2907" s="126"/>
      <c r="FZ2907" s="91"/>
      <c r="GA2907" s="91"/>
      <c r="GB2907" s="91"/>
      <c r="GC2907" s="91"/>
      <c r="GD2907" s="91"/>
      <c r="GE2907" s="91"/>
      <c r="GF2907" s="91"/>
      <c r="GG2907" s="91"/>
      <c r="GH2907" s="91"/>
      <c r="GI2907" s="91"/>
      <c r="GJ2907" s="91"/>
      <c r="GK2907" s="127"/>
      <c r="GL2907" s="126"/>
      <c r="GM2907" s="91"/>
      <c r="GN2907" s="91"/>
      <c r="GO2907" s="91"/>
      <c r="GP2907" s="91"/>
      <c r="GQ2907" s="91"/>
      <c r="GR2907" s="91"/>
      <c r="GS2907" s="91"/>
      <c r="GT2907" s="91"/>
      <c r="GU2907" s="91"/>
      <c r="GV2907" s="91"/>
      <c r="GW2907" s="91"/>
      <c r="GX2907" s="127"/>
      <c r="GY2907" s="126"/>
      <c r="GZ2907" s="91"/>
      <c r="HA2907" s="91"/>
      <c r="HB2907" s="91"/>
      <c r="HC2907" s="91"/>
      <c r="HD2907" s="91"/>
      <c r="HE2907" s="91"/>
      <c r="HF2907" s="91"/>
      <c r="HG2907" s="91"/>
      <c r="HH2907" s="91"/>
      <c r="HI2907" s="91"/>
      <c r="HJ2907" s="91"/>
      <c r="HK2907" s="127"/>
      <c r="HL2907" s="126"/>
      <c r="HM2907" s="91"/>
      <c r="HN2907" s="91"/>
      <c r="HO2907" s="91"/>
      <c r="HP2907" s="91"/>
      <c r="HQ2907" s="91"/>
      <c r="HR2907" s="91"/>
      <c r="HS2907" s="91"/>
      <c r="HT2907" s="91"/>
      <c r="HU2907" s="91"/>
      <c r="HV2907" s="91"/>
      <c r="HW2907" s="91"/>
      <c r="HX2907" s="127"/>
      <c r="HY2907" s="126"/>
      <c r="HZ2907" s="91"/>
      <c r="IA2907" s="91"/>
      <c r="IB2907" s="91"/>
      <c r="IC2907" s="91"/>
      <c r="ID2907" s="91"/>
      <c r="IE2907" s="91"/>
      <c r="IF2907" s="91"/>
      <c r="IG2907" s="91"/>
      <c r="IH2907" s="91"/>
      <c r="II2907" s="91"/>
      <c r="IJ2907" s="91"/>
      <c r="IK2907" s="174"/>
    </row>
    <row r="2908" spans="2:245" x14ac:dyDescent="0.2">
      <c r="B2908" s="43"/>
      <c r="C2908" s="73"/>
      <c r="D2908" s="64"/>
      <c r="E2908" s="64"/>
      <c r="F2908" s="55"/>
      <c r="G2908" s="102"/>
      <c r="H2908" s="97"/>
      <c r="T2908" s="98"/>
      <c r="U2908" s="97"/>
      <c r="AG2908" s="98"/>
      <c r="AY2908" s="164"/>
      <c r="BK2908" s="98"/>
      <c r="BL2908" s="97"/>
      <c r="BX2908" s="98"/>
      <c r="CL2908" s="97"/>
      <c r="CX2908" s="98"/>
      <c r="DL2908" s="97"/>
      <c r="DX2908" s="98"/>
      <c r="EL2908" s="97"/>
      <c r="EX2908" s="98"/>
      <c r="EY2908" s="97"/>
      <c r="FL2908" s="126"/>
      <c r="FM2908" s="91"/>
      <c r="FN2908" s="91"/>
      <c r="FO2908" s="91"/>
      <c r="FP2908" s="91"/>
      <c r="FQ2908" s="91"/>
      <c r="FR2908" s="91"/>
      <c r="FS2908" s="91"/>
      <c r="FT2908" s="91"/>
      <c r="FU2908" s="91"/>
      <c r="FV2908" s="91"/>
      <c r="FW2908" s="91"/>
      <c r="FX2908" s="127"/>
      <c r="FY2908" s="126"/>
      <c r="FZ2908" s="91"/>
      <c r="GA2908" s="91"/>
      <c r="GB2908" s="91"/>
      <c r="GC2908" s="91"/>
      <c r="GD2908" s="91"/>
      <c r="GE2908" s="91"/>
      <c r="GF2908" s="91"/>
      <c r="GG2908" s="91"/>
      <c r="GH2908" s="91"/>
      <c r="GI2908" s="91"/>
      <c r="GJ2908" s="91"/>
      <c r="GK2908" s="127"/>
      <c r="GL2908" s="126"/>
      <c r="GM2908" s="91"/>
      <c r="GN2908" s="91"/>
      <c r="GO2908" s="91"/>
      <c r="GP2908" s="91"/>
      <c r="GQ2908" s="91"/>
      <c r="GR2908" s="91"/>
      <c r="GS2908" s="91"/>
      <c r="GT2908" s="91"/>
      <c r="GU2908" s="91"/>
      <c r="GV2908" s="91"/>
      <c r="GW2908" s="91"/>
      <c r="GX2908" s="127"/>
      <c r="GY2908" s="126"/>
      <c r="GZ2908" s="91"/>
      <c r="HA2908" s="91"/>
      <c r="HB2908" s="91"/>
      <c r="HC2908" s="91"/>
      <c r="HD2908" s="91"/>
      <c r="HE2908" s="91"/>
      <c r="HF2908" s="91"/>
      <c r="HG2908" s="91"/>
      <c r="HH2908" s="91"/>
      <c r="HI2908" s="91"/>
      <c r="HJ2908" s="91"/>
      <c r="HK2908" s="127"/>
      <c r="HL2908" s="126"/>
      <c r="HM2908" s="91"/>
      <c r="HN2908" s="91"/>
      <c r="HO2908" s="91"/>
      <c r="HP2908" s="91"/>
      <c r="HQ2908" s="91"/>
      <c r="HR2908" s="91"/>
      <c r="HS2908" s="91"/>
      <c r="HT2908" s="91"/>
      <c r="HU2908" s="91"/>
      <c r="HV2908" s="91"/>
      <c r="HW2908" s="91"/>
      <c r="HX2908" s="127"/>
      <c r="HY2908" s="126"/>
      <c r="HZ2908" s="91"/>
      <c r="IA2908" s="91"/>
      <c r="IB2908" s="91"/>
      <c r="IC2908" s="91"/>
      <c r="ID2908" s="91"/>
      <c r="IE2908" s="91"/>
      <c r="IF2908" s="91"/>
      <c r="IG2908" s="91"/>
      <c r="IH2908" s="91"/>
      <c r="II2908" s="91"/>
      <c r="IJ2908" s="91"/>
      <c r="IK2908" s="174"/>
    </row>
    <row r="2909" spans="2:245" x14ac:dyDescent="0.2">
      <c r="B2909" s="43"/>
      <c r="C2909" s="73"/>
      <c r="D2909" s="64"/>
      <c r="E2909" s="64"/>
      <c r="F2909" s="55"/>
      <c r="G2909" s="102"/>
      <c r="H2909" s="97"/>
      <c r="T2909" s="98"/>
      <c r="U2909" s="97"/>
      <c r="AG2909" s="98"/>
      <c r="AY2909" s="164"/>
      <c r="BK2909" s="98"/>
      <c r="BL2909" s="97"/>
      <c r="BX2909" s="98"/>
      <c r="CL2909" s="97"/>
      <c r="CX2909" s="98"/>
      <c r="DL2909" s="97"/>
      <c r="DX2909" s="98"/>
      <c r="EL2909" s="97"/>
      <c r="EX2909" s="98"/>
      <c r="EY2909" s="97"/>
      <c r="FL2909" s="126"/>
      <c r="FM2909" s="91"/>
      <c r="FN2909" s="91"/>
      <c r="FO2909" s="91"/>
      <c r="FP2909" s="91"/>
      <c r="FQ2909" s="91"/>
      <c r="FR2909" s="91"/>
      <c r="FS2909" s="91"/>
      <c r="FT2909" s="91"/>
      <c r="FU2909" s="91"/>
      <c r="FV2909" s="91"/>
      <c r="FW2909" s="91"/>
      <c r="FX2909" s="127"/>
      <c r="FY2909" s="126"/>
      <c r="FZ2909" s="91"/>
      <c r="GA2909" s="91"/>
      <c r="GB2909" s="91"/>
      <c r="GC2909" s="91"/>
      <c r="GD2909" s="91"/>
      <c r="GE2909" s="91"/>
      <c r="GF2909" s="91"/>
      <c r="GG2909" s="91"/>
      <c r="GH2909" s="91"/>
      <c r="GI2909" s="91"/>
      <c r="GJ2909" s="91"/>
      <c r="GK2909" s="127"/>
      <c r="GL2909" s="126"/>
      <c r="GM2909" s="91"/>
      <c r="GN2909" s="91"/>
      <c r="GO2909" s="91"/>
      <c r="GP2909" s="91"/>
      <c r="GQ2909" s="91"/>
      <c r="GR2909" s="91"/>
      <c r="GS2909" s="91"/>
      <c r="GT2909" s="91"/>
      <c r="GU2909" s="91"/>
      <c r="GV2909" s="91"/>
      <c r="GW2909" s="91"/>
      <c r="GX2909" s="127"/>
      <c r="GY2909" s="126"/>
      <c r="GZ2909" s="91"/>
      <c r="HA2909" s="91"/>
      <c r="HB2909" s="91"/>
      <c r="HC2909" s="91"/>
      <c r="HD2909" s="91"/>
      <c r="HE2909" s="91"/>
      <c r="HF2909" s="91"/>
      <c r="HG2909" s="91"/>
      <c r="HH2909" s="91"/>
      <c r="HI2909" s="91"/>
      <c r="HJ2909" s="91"/>
      <c r="HK2909" s="127"/>
      <c r="HL2909" s="126"/>
      <c r="HM2909" s="91"/>
      <c r="HN2909" s="91"/>
      <c r="HO2909" s="91"/>
      <c r="HP2909" s="91"/>
      <c r="HQ2909" s="91"/>
      <c r="HR2909" s="91"/>
      <c r="HS2909" s="91"/>
      <c r="HT2909" s="91"/>
      <c r="HU2909" s="91"/>
      <c r="HV2909" s="91"/>
      <c r="HW2909" s="91"/>
      <c r="HX2909" s="127"/>
      <c r="HY2909" s="126"/>
      <c r="HZ2909" s="91"/>
      <c r="IA2909" s="91"/>
      <c r="IB2909" s="91"/>
      <c r="IC2909" s="91"/>
      <c r="ID2909" s="91"/>
      <c r="IE2909" s="91"/>
      <c r="IF2909" s="91"/>
      <c r="IG2909" s="91"/>
      <c r="IH2909" s="91"/>
      <c r="II2909" s="91"/>
      <c r="IJ2909" s="91"/>
      <c r="IK2909" s="174"/>
    </row>
    <row r="2910" spans="2:245" x14ac:dyDescent="0.2">
      <c r="B2910" s="43"/>
      <c r="C2910" s="73"/>
      <c r="D2910" s="64"/>
      <c r="E2910" s="64"/>
      <c r="F2910" s="55"/>
      <c r="G2910" s="102"/>
      <c r="H2910" s="97"/>
      <c r="T2910" s="98"/>
      <c r="U2910" s="97"/>
      <c r="AG2910" s="98"/>
      <c r="AY2910" s="164"/>
      <c r="BK2910" s="98"/>
      <c r="BL2910" s="97"/>
      <c r="BX2910" s="98"/>
      <c r="CL2910" s="97"/>
      <c r="CX2910" s="98"/>
      <c r="DL2910" s="97"/>
      <c r="DX2910" s="98"/>
      <c r="EL2910" s="97"/>
      <c r="EX2910" s="98"/>
      <c r="EY2910" s="97"/>
      <c r="FL2910" s="126"/>
      <c r="FM2910" s="91"/>
      <c r="FN2910" s="91"/>
      <c r="FO2910" s="91"/>
      <c r="FP2910" s="91"/>
      <c r="FQ2910" s="91"/>
      <c r="FR2910" s="91"/>
      <c r="FS2910" s="91"/>
      <c r="FT2910" s="91"/>
      <c r="FU2910" s="91"/>
      <c r="FV2910" s="91"/>
      <c r="FW2910" s="91"/>
      <c r="FX2910" s="127"/>
      <c r="FY2910" s="126"/>
      <c r="FZ2910" s="91"/>
      <c r="GA2910" s="91"/>
      <c r="GB2910" s="91"/>
      <c r="GC2910" s="91"/>
      <c r="GD2910" s="91"/>
      <c r="GE2910" s="91"/>
      <c r="GF2910" s="91"/>
      <c r="GG2910" s="91"/>
      <c r="GH2910" s="91"/>
      <c r="GI2910" s="91"/>
      <c r="GJ2910" s="91"/>
      <c r="GK2910" s="127"/>
      <c r="GL2910" s="126"/>
      <c r="GM2910" s="91"/>
      <c r="GN2910" s="91"/>
      <c r="GO2910" s="91"/>
      <c r="GP2910" s="91"/>
      <c r="GQ2910" s="91"/>
      <c r="GR2910" s="91"/>
      <c r="GS2910" s="91"/>
      <c r="GT2910" s="91"/>
      <c r="GU2910" s="91"/>
      <c r="GV2910" s="91"/>
      <c r="GW2910" s="91"/>
      <c r="GX2910" s="127"/>
      <c r="GY2910" s="126"/>
      <c r="GZ2910" s="91"/>
      <c r="HA2910" s="91"/>
      <c r="HB2910" s="91"/>
      <c r="HC2910" s="91"/>
      <c r="HD2910" s="91"/>
      <c r="HE2910" s="91"/>
      <c r="HF2910" s="91"/>
      <c r="HG2910" s="91"/>
      <c r="HH2910" s="91"/>
      <c r="HI2910" s="91"/>
      <c r="HJ2910" s="91"/>
      <c r="HK2910" s="127"/>
      <c r="HL2910" s="126"/>
      <c r="HM2910" s="91"/>
      <c r="HN2910" s="91"/>
      <c r="HO2910" s="91"/>
      <c r="HP2910" s="91"/>
      <c r="HQ2910" s="91"/>
      <c r="HR2910" s="91"/>
      <c r="HS2910" s="91"/>
      <c r="HT2910" s="91"/>
      <c r="HU2910" s="91"/>
      <c r="HV2910" s="91"/>
      <c r="HW2910" s="91"/>
      <c r="HX2910" s="127"/>
      <c r="HY2910" s="126"/>
      <c r="HZ2910" s="91"/>
      <c r="IA2910" s="91"/>
      <c r="IB2910" s="91"/>
      <c r="IC2910" s="91"/>
      <c r="ID2910" s="91"/>
      <c r="IE2910" s="91"/>
      <c r="IF2910" s="91"/>
      <c r="IG2910" s="91"/>
      <c r="IH2910" s="91"/>
      <c r="II2910" s="91"/>
      <c r="IJ2910" s="91"/>
      <c r="IK2910" s="174"/>
    </row>
    <row r="2911" spans="2:245" x14ac:dyDescent="0.2">
      <c r="B2911" s="43"/>
      <c r="C2911" s="73"/>
      <c r="D2911" s="64"/>
      <c r="E2911" s="64"/>
      <c r="F2911" s="55"/>
      <c r="G2911" s="102"/>
      <c r="H2911" s="97"/>
      <c r="T2911" s="98"/>
      <c r="U2911" s="97"/>
      <c r="AG2911" s="98"/>
      <c r="AY2911" s="164"/>
      <c r="BK2911" s="98"/>
      <c r="BL2911" s="97"/>
      <c r="BX2911" s="98"/>
      <c r="CL2911" s="97"/>
      <c r="CX2911" s="98"/>
      <c r="DL2911" s="97"/>
      <c r="DX2911" s="98"/>
      <c r="EL2911" s="97"/>
      <c r="EX2911" s="98"/>
      <c r="EY2911" s="97"/>
      <c r="FL2911" s="126"/>
      <c r="FM2911" s="91"/>
      <c r="FN2911" s="91"/>
      <c r="FO2911" s="91"/>
      <c r="FP2911" s="91"/>
      <c r="FQ2911" s="91"/>
      <c r="FR2911" s="91"/>
      <c r="FS2911" s="91"/>
      <c r="FT2911" s="91"/>
      <c r="FU2911" s="91"/>
      <c r="FV2911" s="91"/>
      <c r="FW2911" s="91"/>
      <c r="FX2911" s="127"/>
      <c r="FY2911" s="126"/>
      <c r="FZ2911" s="91"/>
      <c r="GA2911" s="91"/>
      <c r="GB2911" s="91"/>
      <c r="GC2911" s="91"/>
      <c r="GD2911" s="91"/>
      <c r="GE2911" s="91"/>
      <c r="GF2911" s="91"/>
      <c r="GG2911" s="91"/>
      <c r="GH2911" s="91"/>
      <c r="GI2911" s="91"/>
      <c r="GJ2911" s="91"/>
      <c r="GK2911" s="127"/>
      <c r="GL2911" s="126"/>
      <c r="GM2911" s="91"/>
      <c r="GN2911" s="91"/>
      <c r="GO2911" s="91"/>
      <c r="GP2911" s="91"/>
      <c r="GQ2911" s="91"/>
      <c r="GR2911" s="91"/>
      <c r="GS2911" s="91"/>
      <c r="GT2911" s="91"/>
      <c r="GU2911" s="91"/>
      <c r="GV2911" s="91"/>
      <c r="GW2911" s="91"/>
      <c r="GX2911" s="127"/>
      <c r="GY2911" s="126"/>
      <c r="GZ2911" s="91"/>
      <c r="HA2911" s="91"/>
      <c r="HB2911" s="91"/>
      <c r="HC2911" s="91"/>
      <c r="HD2911" s="91"/>
      <c r="HE2911" s="91"/>
      <c r="HF2911" s="91"/>
      <c r="HG2911" s="91"/>
      <c r="HH2911" s="91"/>
      <c r="HI2911" s="91"/>
      <c r="HJ2911" s="91"/>
      <c r="HK2911" s="127"/>
      <c r="HL2911" s="126"/>
      <c r="HM2911" s="91"/>
      <c r="HN2911" s="91"/>
      <c r="HO2911" s="91"/>
      <c r="HP2911" s="91"/>
      <c r="HQ2911" s="91"/>
      <c r="HR2911" s="91"/>
      <c r="HS2911" s="91"/>
      <c r="HT2911" s="91"/>
      <c r="HU2911" s="91"/>
      <c r="HV2911" s="91"/>
      <c r="HW2911" s="91"/>
      <c r="HX2911" s="127"/>
      <c r="HY2911" s="126"/>
      <c r="HZ2911" s="91"/>
      <c r="IA2911" s="91"/>
      <c r="IB2911" s="91"/>
      <c r="IC2911" s="91"/>
      <c r="ID2911" s="91"/>
      <c r="IE2911" s="91"/>
      <c r="IF2911" s="91"/>
      <c r="IG2911" s="91"/>
      <c r="IH2911" s="91"/>
      <c r="II2911" s="91"/>
      <c r="IJ2911" s="91"/>
      <c r="IK2911" s="174"/>
    </row>
    <row r="2912" spans="2:245" x14ac:dyDescent="0.2">
      <c r="B2912" s="43"/>
      <c r="C2912" s="73"/>
      <c r="D2912" s="64"/>
      <c r="E2912" s="64"/>
      <c r="F2912" s="55"/>
      <c r="G2912" s="102"/>
      <c r="H2912" s="97"/>
      <c r="T2912" s="98"/>
      <c r="U2912" s="97"/>
      <c r="AG2912" s="98"/>
      <c r="AY2912" s="164"/>
      <c r="BK2912" s="98"/>
      <c r="BL2912" s="97"/>
      <c r="BX2912" s="98"/>
      <c r="CL2912" s="97"/>
      <c r="CX2912" s="98"/>
      <c r="DL2912" s="97"/>
      <c r="DX2912" s="98"/>
      <c r="EL2912" s="97"/>
      <c r="EX2912" s="98"/>
      <c r="EY2912" s="97"/>
      <c r="FL2912" s="126"/>
      <c r="FM2912" s="91"/>
      <c r="FN2912" s="91"/>
      <c r="FO2912" s="91"/>
      <c r="FP2912" s="91"/>
      <c r="FQ2912" s="91"/>
      <c r="FR2912" s="91"/>
      <c r="FS2912" s="91"/>
      <c r="FT2912" s="91"/>
      <c r="FU2912" s="91"/>
      <c r="FV2912" s="91"/>
      <c r="FW2912" s="91"/>
      <c r="FX2912" s="127"/>
      <c r="FY2912" s="126"/>
      <c r="FZ2912" s="91"/>
      <c r="GA2912" s="91"/>
      <c r="GB2912" s="91"/>
      <c r="GC2912" s="91"/>
      <c r="GD2912" s="91"/>
      <c r="GE2912" s="91"/>
      <c r="GF2912" s="91"/>
      <c r="GG2912" s="91"/>
      <c r="GH2912" s="91"/>
      <c r="GI2912" s="91"/>
      <c r="GJ2912" s="91"/>
      <c r="GK2912" s="127"/>
      <c r="GL2912" s="126"/>
      <c r="GM2912" s="91"/>
      <c r="GN2912" s="91"/>
      <c r="GO2912" s="91"/>
      <c r="GP2912" s="91"/>
      <c r="GQ2912" s="91"/>
      <c r="GR2912" s="91"/>
      <c r="GS2912" s="91"/>
      <c r="GT2912" s="91"/>
      <c r="GU2912" s="91"/>
      <c r="GV2912" s="91"/>
      <c r="GW2912" s="91"/>
      <c r="GX2912" s="127"/>
      <c r="GY2912" s="126"/>
      <c r="GZ2912" s="91"/>
      <c r="HA2912" s="91"/>
      <c r="HB2912" s="91"/>
      <c r="HC2912" s="91"/>
      <c r="HD2912" s="91"/>
      <c r="HE2912" s="91"/>
      <c r="HF2912" s="91"/>
      <c r="HG2912" s="91"/>
      <c r="HH2912" s="91"/>
      <c r="HI2912" s="91"/>
      <c r="HJ2912" s="91"/>
      <c r="HK2912" s="127"/>
      <c r="HL2912" s="126"/>
      <c r="HM2912" s="91"/>
      <c r="HN2912" s="91"/>
      <c r="HO2912" s="91"/>
      <c r="HP2912" s="91"/>
      <c r="HQ2912" s="91"/>
      <c r="HR2912" s="91"/>
      <c r="HS2912" s="91"/>
      <c r="HT2912" s="91"/>
      <c r="HU2912" s="91"/>
      <c r="HV2912" s="91"/>
      <c r="HW2912" s="91"/>
      <c r="HX2912" s="127"/>
      <c r="HY2912" s="126"/>
      <c r="HZ2912" s="91"/>
      <c r="IA2912" s="91"/>
      <c r="IB2912" s="91"/>
      <c r="IC2912" s="91"/>
      <c r="ID2912" s="91"/>
      <c r="IE2912" s="91"/>
      <c r="IF2912" s="91"/>
      <c r="IG2912" s="91"/>
      <c r="IH2912" s="91"/>
      <c r="II2912" s="91"/>
      <c r="IJ2912" s="91"/>
      <c r="IK2912" s="174"/>
    </row>
    <row r="2913" spans="2:245" x14ac:dyDescent="0.2">
      <c r="B2913" s="43"/>
      <c r="C2913" s="73"/>
      <c r="D2913" s="64"/>
      <c r="E2913" s="64"/>
      <c r="F2913" s="55"/>
      <c r="G2913" s="102"/>
      <c r="H2913" s="97"/>
      <c r="T2913" s="98"/>
      <c r="U2913" s="97"/>
      <c r="AG2913" s="98"/>
      <c r="AY2913" s="164"/>
      <c r="BK2913" s="98"/>
      <c r="BL2913" s="97"/>
      <c r="BX2913" s="98"/>
      <c r="CL2913" s="97"/>
      <c r="CX2913" s="98"/>
      <c r="DL2913" s="97"/>
      <c r="DX2913" s="98"/>
      <c r="EL2913" s="97"/>
      <c r="EX2913" s="98"/>
      <c r="EY2913" s="97"/>
      <c r="FL2913" s="126"/>
      <c r="FM2913" s="91"/>
      <c r="FN2913" s="91"/>
      <c r="FO2913" s="91"/>
      <c r="FP2913" s="91"/>
      <c r="FQ2913" s="91"/>
      <c r="FR2913" s="91"/>
      <c r="FS2913" s="91"/>
      <c r="FT2913" s="91"/>
      <c r="FU2913" s="91"/>
      <c r="FV2913" s="91"/>
      <c r="FW2913" s="91"/>
      <c r="FX2913" s="127"/>
      <c r="FY2913" s="126"/>
      <c r="FZ2913" s="91"/>
      <c r="GA2913" s="91"/>
      <c r="GB2913" s="91"/>
      <c r="GC2913" s="91"/>
      <c r="GD2913" s="91"/>
      <c r="GE2913" s="91"/>
      <c r="GF2913" s="91"/>
      <c r="GG2913" s="91"/>
      <c r="GH2913" s="91"/>
      <c r="GI2913" s="91"/>
      <c r="GJ2913" s="91"/>
      <c r="GK2913" s="127"/>
      <c r="GL2913" s="126"/>
      <c r="GM2913" s="91"/>
      <c r="GN2913" s="91"/>
      <c r="GO2913" s="91"/>
      <c r="GP2913" s="91"/>
      <c r="GQ2913" s="91"/>
      <c r="GR2913" s="91"/>
      <c r="GS2913" s="91"/>
      <c r="GT2913" s="91"/>
      <c r="GU2913" s="91"/>
      <c r="GV2913" s="91"/>
      <c r="GW2913" s="91"/>
      <c r="GX2913" s="127"/>
      <c r="GY2913" s="126"/>
      <c r="GZ2913" s="91"/>
      <c r="HA2913" s="91"/>
      <c r="HB2913" s="91"/>
      <c r="HC2913" s="91"/>
      <c r="HD2913" s="91"/>
      <c r="HE2913" s="91"/>
      <c r="HF2913" s="91"/>
      <c r="HG2913" s="91"/>
      <c r="HH2913" s="91"/>
      <c r="HI2913" s="91"/>
      <c r="HJ2913" s="91"/>
      <c r="HK2913" s="127"/>
      <c r="HL2913" s="126"/>
      <c r="HM2913" s="91"/>
      <c r="HN2913" s="91"/>
      <c r="HO2913" s="91"/>
      <c r="HP2913" s="91"/>
      <c r="HQ2913" s="91"/>
      <c r="HR2913" s="91"/>
      <c r="HS2913" s="91"/>
      <c r="HT2913" s="91"/>
      <c r="HU2913" s="91"/>
      <c r="HV2913" s="91"/>
      <c r="HW2913" s="91"/>
      <c r="HX2913" s="127"/>
      <c r="HY2913" s="126"/>
      <c r="HZ2913" s="91"/>
      <c r="IA2913" s="91"/>
      <c r="IB2913" s="91"/>
      <c r="IC2913" s="91"/>
      <c r="ID2913" s="91"/>
      <c r="IE2913" s="91"/>
      <c r="IF2913" s="91"/>
      <c r="IG2913" s="91"/>
      <c r="IH2913" s="91"/>
      <c r="II2913" s="91"/>
      <c r="IJ2913" s="91"/>
      <c r="IK2913" s="174"/>
    </row>
    <row r="2914" spans="2:245" x14ac:dyDescent="0.2">
      <c r="B2914" s="43"/>
      <c r="C2914" s="73"/>
      <c r="D2914" s="64"/>
      <c r="E2914" s="64"/>
      <c r="F2914" s="55"/>
      <c r="G2914" s="102"/>
      <c r="H2914" s="97"/>
      <c r="T2914" s="98"/>
      <c r="U2914" s="97"/>
      <c r="AG2914" s="98"/>
      <c r="AY2914" s="164"/>
      <c r="BK2914" s="98"/>
      <c r="BL2914" s="97"/>
      <c r="BX2914" s="98"/>
      <c r="CL2914" s="97"/>
      <c r="CX2914" s="98"/>
      <c r="DL2914" s="97"/>
      <c r="DX2914" s="98"/>
      <c r="EL2914" s="97"/>
      <c r="EX2914" s="98"/>
      <c r="EY2914" s="97"/>
      <c r="FL2914" s="126"/>
      <c r="FM2914" s="91"/>
      <c r="FN2914" s="91"/>
      <c r="FO2914" s="91"/>
      <c r="FP2914" s="91"/>
      <c r="FQ2914" s="91"/>
      <c r="FR2914" s="91"/>
      <c r="FS2914" s="91"/>
      <c r="FT2914" s="91"/>
      <c r="FU2914" s="91"/>
      <c r="FV2914" s="91"/>
      <c r="FW2914" s="91"/>
      <c r="FX2914" s="127"/>
      <c r="FY2914" s="126"/>
      <c r="FZ2914" s="91"/>
      <c r="GA2914" s="91"/>
      <c r="GB2914" s="91"/>
      <c r="GC2914" s="91"/>
      <c r="GD2914" s="91"/>
      <c r="GE2914" s="91"/>
      <c r="GF2914" s="91"/>
      <c r="GG2914" s="91"/>
      <c r="GH2914" s="91"/>
      <c r="GI2914" s="91"/>
      <c r="GJ2914" s="91"/>
      <c r="GK2914" s="127"/>
      <c r="GL2914" s="126"/>
      <c r="GM2914" s="91"/>
      <c r="GN2914" s="91"/>
      <c r="GO2914" s="91"/>
      <c r="GP2914" s="91"/>
      <c r="GQ2914" s="91"/>
      <c r="GR2914" s="91"/>
      <c r="GS2914" s="91"/>
      <c r="GT2914" s="91"/>
      <c r="GU2914" s="91"/>
      <c r="GV2914" s="91"/>
      <c r="GW2914" s="91"/>
      <c r="GX2914" s="127"/>
      <c r="GY2914" s="126"/>
      <c r="GZ2914" s="91"/>
      <c r="HA2914" s="91"/>
      <c r="HB2914" s="91"/>
      <c r="HC2914" s="91"/>
      <c r="HD2914" s="91"/>
      <c r="HE2914" s="91"/>
      <c r="HF2914" s="91"/>
      <c r="HG2914" s="91"/>
      <c r="HH2914" s="91"/>
      <c r="HI2914" s="91"/>
      <c r="HJ2914" s="91"/>
      <c r="HK2914" s="127"/>
      <c r="HL2914" s="126"/>
      <c r="HM2914" s="91"/>
      <c r="HN2914" s="91"/>
      <c r="HO2914" s="91"/>
      <c r="HP2914" s="91"/>
      <c r="HQ2914" s="91"/>
      <c r="HR2914" s="91"/>
      <c r="HS2914" s="91"/>
      <c r="HT2914" s="91"/>
      <c r="HU2914" s="91"/>
      <c r="HV2914" s="91"/>
      <c r="HW2914" s="91"/>
      <c r="HX2914" s="127"/>
      <c r="HY2914" s="126"/>
      <c r="HZ2914" s="91"/>
      <c r="IA2914" s="91"/>
      <c r="IB2914" s="91"/>
      <c r="IC2914" s="91"/>
      <c r="ID2914" s="91"/>
      <c r="IE2914" s="91"/>
      <c r="IF2914" s="91"/>
      <c r="IG2914" s="91"/>
      <c r="IH2914" s="91"/>
      <c r="II2914" s="91"/>
      <c r="IJ2914" s="91"/>
      <c r="IK2914" s="174"/>
    </row>
    <row r="2915" spans="2:245" x14ac:dyDescent="0.2">
      <c r="B2915" s="43"/>
      <c r="C2915" s="73"/>
      <c r="D2915" s="64"/>
      <c r="E2915" s="64"/>
      <c r="F2915" s="55"/>
      <c r="G2915" s="102"/>
      <c r="H2915" s="97"/>
      <c r="T2915" s="98"/>
      <c r="U2915" s="97"/>
      <c r="AG2915" s="98"/>
      <c r="AY2915" s="164"/>
      <c r="BK2915" s="98"/>
      <c r="BL2915" s="97"/>
      <c r="BX2915" s="98"/>
      <c r="CL2915" s="97"/>
      <c r="CX2915" s="98"/>
      <c r="DL2915" s="97"/>
      <c r="DX2915" s="98"/>
      <c r="EL2915" s="97"/>
      <c r="EX2915" s="98"/>
      <c r="EY2915" s="97"/>
      <c r="FL2915" s="126"/>
      <c r="FM2915" s="91"/>
      <c r="FN2915" s="91"/>
      <c r="FO2915" s="91"/>
      <c r="FP2915" s="91"/>
      <c r="FQ2915" s="91"/>
      <c r="FR2915" s="91"/>
      <c r="FS2915" s="91"/>
      <c r="FT2915" s="91"/>
      <c r="FU2915" s="91"/>
      <c r="FV2915" s="91"/>
      <c r="FW2915" s="91"/>
      <c r="FX2915" s="127"/>
      <c r="FY2915" s="126"/>
      <c r="FZ2915" s="91"/>
      <c r="GA2915" s="91"/>
      <c r="GB2915" s="91"/>
      <c r="GC2915" s="91"/>
      <c r="GD2915" s="91"/>
      <c r="GE2915" s="91"/>
      <c r="GF2915" s="91"/>
      <c r="GG2915" s="91"/>
      <c r="GH2915" s="91"/>
      <c r="GI2915" s="91"/>
      <c r="GJ2915" s="91"/>
      <c r="GK2915" s="127"/>
      <c r="GL2915" s="126"/>
      <c r="GM2915" s="91"/>
      <c r="GN2915" s="91"/>
      <c r="GO2915" s="91"/>
      <c r="GP2915" s="91"/>
      <c r="GQ2915" s="91"/>
      <c r="GR2915" s="91"/>
      <c r="GS2915" s="91"/>
      <c r="GT2915" s="91"/>
      <c r="GU2915" s="91"/>
      <c r="GV2915" s="91"/>
      <c r="GW2915" s="91"/>
      <c r="GX2915" s="127"/>
      <c r="GY2915" s="126"/>
      <c r="GZ2915" s="91"/>
      <c r="HA2915" s="91"/>
      <c r="HB2915" s="91"/>
      <c r="HC2915" s="91"/>
      <c r="HD2915" s="91"/>
      <c r="HE2915" s="91"/>
      <c r="HF2915" s="91"/>
      <c r="HG2915" s="91"/>
      <c r="HH2915" s="91"/>
      <c r="HI2915" s="91"/>
      <c r="HJ2915" s="91"/>
      <c r="HK2915" s="127"/>
      <c r="HL2915" s="126"/>
      <c r="HM2915" s="91"/>
      <c r="HN2915" s="91"/>
      <c r="HO2915" s="91"/>
      <c r="HP2915" s="91"/>
      <c r="HQ2915" s="91"/>
      <c r="HR2915" s="91"/>
      <c r="HS2915" s="91"/>
      <c r="HT2915" s="91"/>
      <c r="HU2915" s="91"/>
      <c r="HV2915" s="91"/>
      <c r="HW2915" s="91"/>
      <c r="HX2915" s="127"/>
      <c r="HY2915" s="126"/>
      <c r="HZ2915" s="91"/>
      <c r="IA2915" s="91"/>
      <c r="IB2915" s="91"/>
      <c r="IC2915" s="91"/>
      <c r="ID2915" s="91"/>
      <c r="IE2915" s="91"/>
      <c r="IF2915" s="91"/>
      <c r="IG2915" s="91"/>
      <c r="IH2915" s="91"/>
      <c r="II2915" s="91"/>
      <c r="IJ2915" s="91"/>
      <c r="IK2915" s="174"/>
    </row>
    <row r="2916" spans="2:245" x14ac:dyDescent="0.2">
      <c r="B2916" s="43"/>
      <c r="C2916" s="73"/>
      <c r="D2916" s="64"/>
      <c r="E2916" s="64"/>
      <c r="F2916" s="55"/>
      <c r="G2916" s="102"/>
      <c r="H2916" s="97"/>
      <c r="T2916" s="98"/>
      <c r="U2916" s="97"/>
      <c r="AG2916" s="98"/>
      <c r="AY2916" s="164"/>
      <c r="BK2916" s="98"/>
      <c r="BL2916" s="97"/>
      <c r="BX2916" s="98"/>
      <c r="CL2916" s="97"/>
      <c r="CX2916" s="98"/>
      <c r="DL2916" s="97"/>
      <c r="DX2916" s="98"/>
      <c r="EL2916" s="97"/>
      <c r="EX2916" s="98"/>
      <c r="EY2916" s="97"/>
      <c r="FL2916" s="126"/>
      <c r="FM2916" s="91"/>
      <c r="FN2916" s="91"/>
      <c r="FO2916" s="91"/>
      <c r="FP2916" s="91"/>
      <c r="FQ2916" s="91"/>
      <c r="FR2916" s="91"/>
      <c r="FS2916" s="91"/>
      <c r="FT2916" s="91"/>
      <c r="FU2916" s="91"/>
      <c r="FV2916" s="91"/>
      <c r="FW2916" s="91"/>
      <c r="FX2916" s="127"/>
      <c r="FY2916" s="126"/>
      <c r="FZ2916" s="91"/>
      <c r="GA2916" s="91"/>
      <c r="GB2916" s="91"/>
      <c r="GC2916" s="91"/>
      <c r="GD2916" s="91"/>
      <c r="GE2916" s="91"/>
      <c r="GF2916" s="91"/>
      <c r="GG2916" s="91"/>
      <c r="GH2916" s="91"/>
      <c r="GI2916" s="91"/>
      <c r="GJ2916" s="91"/>
      <c r="GK2916" s="127"/>
      <c r="GL2916" s="126"/>
      <c r="GM2916" s="91"/>
      <c r="GN2916" s="91"/>
      <c r="GO2916" s="91"/>
      <c r="GP2916" s="91"/>
      <c r="GQ2916" s="91"/>
      <c r="GR2916" s="91"/>
      <c r="GS2916" s="91"/>
      <c r="GT2916" s="91"/>
      <c r="GU2916" s="91"/>
      <c r="GV2916" s="91"/>
      <c r="GW2916" s="91"/>
      <c r="GX2916" s="127"/>
      <c r="GY2916" s="126"/>
      <c r="GZ2916" s="91"/>
      <c r="HA2916" s="91"/>
      <c r="HB2916" s="91"/>
      <c r="HC2916" s="91"/>
      <c r="HD2916" s="91"/>
      <c r="HE2916" s="91"/>
      <c r="HF2916" s="91"/>
      <c r="HG2916" s="91"/>
      <c r="HH2916" s="91"/>
      <c r="HI2916" s="91"/>
      <c r="HJ2916" s="91"/>
      <c r="HK2916" s="127"/>
      <c r="HL2916" s="126"/>
      <c r="HM2916" s="91"/>
      <c r="HN2916" s="91"/>
      <c r="HO2916" s="91"/>
      <c r="HP2916" s="91"/>
      <c r="HQ2916" s="91"/>
      <c r="HR2916" s="91"/>
      <c r="HS2916" s="91"/>
      <c r="HT2916" s="91"/>
      <c r="HU2916" s="91"/>
      <c r="HV2916" s="91"/>
      <c r="HW2916" s="91"/>
      <c r="HX2916" s="127"/>
      <c r="HY2916" s="126"/>
      <c r="HZ2916" s="91"/>
      <c r="IA2916" s="91"/>
      <c r="IB2916" s="91"/>
      <c r="IC2916" s="91"/>
      <c r="ID2916" s="91"/>
      <c r="IE2916" s="91"/>
      <c r="IF2916" s="91"/>
      <c r="IG2916" s="91"/>
      <c r="IH2916" s="91"/>
      <c r="II2916" s="91"/>
      <c r="IJ2916" s="91"/>
      <c r="IK2916" s="174"/>
    </row>
    <row r="2917" spans="2:245" x14ac:dyDescent="0.2">
      <c r="B2917" s="43"/>
      <c r="C2917" s="73"/>
      <c r="D2917" s="64"/>
      <c r="E2917" s="64"/>
      <c r="F2917" s="55"/>
      <c r="G2917" s="102"/>
      <c r="H2917" s="97"/>
      <c r="T2917" s="98"/>
      <c r="U2917" s="97"/>
      <c r="AG2917" s="98"/>
      <c r="AY2917" s="164"/>
      <c r="BK2917" s="98"/>
      <c r="BL2917" s="97"/>
      <c r="BX2917" s="98"/>
      <c r="CL2917" s="97"/>
      <c r="CX2917" s="98"/>
      <c r="DL2917" s="97"/>
      <c r="DX2917" s="98"/>
      <c r="EL2917" s="97"/>
      <c r="EX2917" s="98"/>
      <c r="EY2917" s="97"/>
      <c r="FL2917" s="126"/>
      <c r="FM2917" s="91"/>
      <c r="FN2917" s="91"/>
      <c r="FO2917" s="91"/>
      <c r="FP2917" s="91"/>
      <c r="FQ2917" s="91"/>
      <c r="FR2917" s="91"/>
      <c r="FS2917" s="91"/>
      <c r="FT2917" s="91"/>
      <c r="FU2917" s="91"/>
      <c r="FV2917" s="91"/>
      <c r="FW2917" s="91"/>
      <c r="FX2917" s="127"/>
      <c r="FY2917" s="126"/>
      <c r="FZ2917" s="91"/>
      <c r="GA2917" s="91"/>
      <c r="GB2917" s="91"/>
      <c r="GC2917" s="91"/>
      <c r="GD2917" s="91"/>
      <c r="GE2917" s="91"/>
      <c r="GF2917" s="91"/>
      <c r="GG2917" s="91"/>
      <c r="GH2917" s="91"/>
      <c r="GI2917" s="91"/>
      <c r="GJ2917" s="91"/>
      <c r="GK2917" s="127"/>
      <c r="GL2917" s="126"/>
      <c r="GM2917" s="91"/>
      <c r="GN2917" s="91"/>
      <c r="GO2917" s="91"/>
      <c r="GP2917" s="91"/>
      <c r="GQ2917" s="91"/>
      <c r="GR2917" s="91"/>
      <c r="GS2917" s="91"/>
      <c r="GT2917" s="91"/>
      <c r="GU2917" s="91"/>
      <c r="GV2917" s="91"/>
      <c r="GW2917" s="91"/>
      <c r="GX2917" s="127"/>
      <c r="GY2917" s="126"/>
      <c r="GZ2917" s="91"/>
      <c r="HA2917" s="91"/>
      <c r="HB2917" s="91"/>
      <c r="HC2917" s="91"/>
      <c r="HD2917" s="91"/>
      <c r="HE2917" s="91"/>
      <c r="HF2917" s="91"/>
      <c r="HG2917" s="91"/>
      <c r="HH2917" s="91"/>
      <c r="HI2917" s="91"/>
      <c r="HJ2917" s="91"/>
      <c r="HK2917" s="127"/>
      <c r="HL2917" s="126"/>
      <c r="HM2917" s="91"/>
      <c r="HN2917" s="91"/>
      <c r="HO2917" s="91"/>
      <c r="HP2917" s="91"/>
      <c r="HQ2917" s="91"/>
      <c r="HR2917" s="91"/>
      <c r="HS2917" s="91"/>
      <c r="HT2917" s="91"/>
      <c r="HU2917" s="91"/>
      <c r="HV2917" s="91"/>
      <c r="HW2917" s="91"/>
      <c r="HX2917" s="127"/>
      <c r="HY2917" s="126"/>
      <c r="HZ2917" s="91"/>
      <c r="IA2917" s="91"/>
      <c r="IB2917" s="91"/>
      <c r="IC2917" s="91"/>
      <c r="ID2917" s="91"/>
      <c r="IE2917" s="91"/>
      <c r="IF2917" s="91"/>
      <c r="IG2917" s="91"/>
      <c r="IH2917" s="91"/>
      <c r="II2917" s="91"/>
      <c r="IJ2917" s="91"/>
      <c r="IK2917" s="174"/>
    </row>
    <row r="2918" spans="2:245" x14ac:dyDescent="0.2">
      <c r="B2918" s="43"/>
      <c r="C2918" s="73"/>
      <c r="D2918" s="64"/>
      <c r="E2918" s="64"/>
      <c r="F2918" s="55"/>
      <c r="G2918" s="102"/>
      <c r="H2918" s="97"/>
      <c r="T2918" s="98"/>
      <c r="U2918" s="97"/>
      <c r="AG2918" s="98"/>
      <c r="AY2918" s="164"/>
      <c r="BK2918" s="98"/>
      <c r="BL2918" s="97"/>
      <c r="BX2918" s="98"/>
      <c r="CL2918" s="97"/>
      <c r="CX2918" s="98"/>
      <c r="DL2918" s="97"/>
      <c r="DX2918" s="98"/>
      <c r="EL2918" s="97"/>
      <c r="EX2918" s="98"/>
      <c r="EY2918" s="97"/>
      <c r="FL2918" s="126"/>
      <c r="FM2918" s="91"/>
      <c r="FN2918" s="91"/>
      <c r="FO2918" s="91"/>
      <c r="FP2918" s="91"/>
      <c r="FQ2918" s="91"/>
      <c r="FR2918" s="91"/>
      <c r="FS2918" s="91"/>
      <c r="FT2918" s="91"/>
      <c r="FU2918" s="91"/>
      <c r="FV2918" s="91"/>
      <c r="FW2918" s="91"/>
      <c r="FX2918" s="127"/>
      <c r="FY2918" s="126"/>
      <c r="FZ2918" s="91"/>
      <c r="GA2918" s="91"/>
      <c r="GB2918" s="91"/>
      <c r="GC2918" s="91"/>
      <c r="GD2918" s="91"/>
      <c r="GE2918" s="91"/>
      <c r="GF2918" s="91"/>
      <c r="GG2918" s="91"/>
      <c r="GH2918" s="91"/>
      <c r="GI2918" s="91"/>
      <c r="GJ2918" s="91"/>
      <c r="GK2918" s="127"/>
      <c r="GL2918" s="126"/>
      <c r="GM2918" s="91"/>
      <c r="GN2918" s="91"/>
      <c r="GO2918" s="91"/>
      <c r="GP2918" s="91"/>
      <c r="GQ2918" s="91"/>
      <c r="GR2918" s="91"/>
      <c r="GS2918" s="91"/>
      <c r="GT2918" s="91"/>
      <c r="GU2918" s="91"/>
      <c r="GV2918" s="91"/>
      <c r="GW2918" s="91"/>
      <c r="GX2918" s="127"/>
      <c r="GY2918" s="126"/>
      <c r="GZ2918" s="91"/>
      <c r="HA2918" s="91"/>
      <c r="HB2918" s="91"/>
      <c r="HC2918" s="91"/>
      <c r="HD2918" s="91"/>
      <c r="HE2918" s="91"/>
      <c r="HF2918" s="91"/>
      <c r="HG2918" s="91"/>
      <c r="HH2918" s="91"/>
      <c r="HI2918" s="91"/>
      <c r="HJ2918" s="91"/>
      <c r="HK2918" s="127"/>
      <c r="HL2918" s="126"/>
      <c r="HM2918" s="91"/>
      <c r="HN2918" s="91"/>
      <c r="HO2918" s="91"/>
      <c r="HP2918" s="91"/>
      <c r="HQ2918" s="91"/>
      <c r="HR2918" s="91"/>
      <c r="HS2918" s="91"/>
      <c r="HT2918" s="91"/>
      <c r="HU2918" s="91"/>
      <c r="HV2918" s="91"/>
      <c r="HW2918" s="91"/>
      <c r="HX2918" s="127"/>
      <c r="HY2918" s="126"/>
      <c r="HZ2918" s="91"/>
      <c r="IA2918" s="91"/>
      <c r="IB2918" s="91"/>
      <c r="IC2918" s="91"/>
      <c r="ID2918" s="91"/>
      <c r="IE2918" s="91"/>
      <c r="IF2918" s="91"/>
      <c r="IG2918" s="91"/>
      <c r="IH2918" s="91"/>
      <c r="II2918" s="91"/>
      <c r="IJ2918" s="91"/>
      <c r="IK2918" s="174"/>
    </row>
    <row r="2919" spans="2:245" x14ac:dyDescent="0.2">
      <c r="B2919" s="43"/>
      <c r="C2919" s="73"/>
      <c r="D2919" s="64"/>
      <c r="E2919" s="64"/>
      <c r="F2919" s="55"/>
      <c r="G2919" s="102"/>
      <c r="H2919" s="97"/>
      <c r="T2919" s="98"/>
      <c r="U2919" s="97"/>
      <c r="AG2919" s="98"/>
      <c r="AY2919" s="164"/>
      <c r="BK2919" s="98"/>
      <c r="BL2919" s="97"/>
      <c r="BX2919" s="98"/>
      <c r="CL2919" s="97"/>
      <c r="CX2919" s="98"/>
      <c r="DL2919" s="97"/>
      <c r="DX2919" s="98"/>
      <c r="EL2919" s="97"/>
      <c r="EX2919" s="98"/>
      <c r="EY2919" s="97"/>
      <c r="FL2919" s="126"/>
      <c r="FM2919" s="91"/>
      <c r="FN2919" s="91"/>
      <c r="FO2919" s="91"/>
      <c r="FP2919" s="91"/>
      <c r="FQ2919" s="91"/>
      <c r="FR2919" s="91"/>
      <c r="FS2919" s="91"/>
      <c r="FT2919" s="91"/>
      <c r="FU2919" s="91"/>
      <c r="FV2919" s="91"/>
      <c r="FW2919" s="91"/>
      <c r="FX2919" s="127"/>
      <c r="FY2919" s="126"/>
      <c r="FZ2919" s="91"/>
      <c r="GA2919" s="91"/>
      <c r="GB2919" s="91"/>
      <c r="GC2919" s="91"/>
      <c r="GD2919" s="91"/>
      <c r="GE2919" s="91"/>
      <c r="GF2919" s="91"/>
      <c r="GG2919" s="91"/>
      <c r="GH2919" s="91"/>
      <c r="GI2919" s="91"/>
      <c r="GJ2919" s="91"/>
      <c r="GK2919" s="127"/>
      <c r="GL2919" s="126"/>
      <c r="GM2919" s="91"/>
      <c r="GN2919" s="91"/>
      <c r="GO2919" s="91"/>
      <c r="GP2919" s="91"/>
      <c r="GQ2919" s="91"/>
      <c r="GR2919" s="91"/>
      <c r="GS2919" s="91"/>
      <c r="GT2919" s="91"/>
      <c r="GU2919" s="91"/>
      <c r="GV2919" s="91"/>
      <c r="GW2919" s="91"/>
      <c r="GX2919" s="127"/>
      <c r="GY2919" s="126"/>
      <c r="GZ2919" s="91"/>
      <c r="HA2919" s="91"/>
      <c r="HB2919" s="91"/>
      <c r="HC2919" s="91"/>
      <c r="HD2919" s="91"/>
      <c r="HE2919" s="91"/>
      <c r="HF2919" s="91"/>
      <c r="HG2919" s="91"/>
      <c r="HH2919" s="91"/>
      <c r="HI2919" s="91"/>
      <c r="HJ2919" s="91"/>
      <c r="HK2919" s="127"/>
      <c r="HL2919" s="126"/>
      <c r="HM2919" s="91"/>
      <c r="HN2919" s="91"/>
      <c r="HO2919" s="91"/>
      <c r="HP2919" s="91"/>
      <c r="HQ2919" s="91"/>
      <c r="HR2919" s="91"/>
      <c r="HS2919" s="91"/>
      <c r="HT2919" s="91"/>
      <c r="HU2919" s="91"/>
      <c r="HV2919" s="91"/>
      <c r="HW2919" s="91"/>
      <c r="HX2919" s="127"/>
      <c r="HY2919" s="126"/>
      <c r="HZ2919" s="91"/>
      <c r="IA2919" s="91"/>
      <c r="IB2919" s="91"/>
      <c r="IC2919" s="91"/>
      <c r="ID2919" s="91"/>
      <c r="IE2919" s="91"/>
      <c r="IF2919" s="91"/>
      <c r="IG2919" s="91"/>
      <c r="IH2919" s="91"/>
      <c r="II2919" s="91"/>
      <c r="IJ2919" s="91"/>
      <c r="IK2919" s="174"/>
    </row>
    <row r="2920" spans="2:245" x14ac:dyDescent="0.2">
      <c r="B2920" s="43"/>
      <c r="C2920" s="73"/>
      <c r="D2920" s="64"/>
      <c r="E2920" s="64"/>
      <c r="F2920" s="55"/>
      <c r="G2920" s="102"/>
      <c r="H2920" s="97"/>
      <c r="T2920" s="98"/>
      <c r="U2920" s="97"/>
      <c r="AG2920" s="98"/>
      <c r="AY2920" s="164"/>
      <c r="BK2920" s="98"/>
      <c r="BL2920" s="97"/>
      <c r="BX2920" s="98"/>
      <c r="CL2920" s="97"/>
      <c r="CX2920" s="98"/>
      <c r="DL2920" s="97"/>
      <c r="DX2920" s="98"/>
      <c r="EL2920" s="97"/>
      <c r="EX2920" s="98"/>
      <c r="EY2920" s="97"/>
      <c r="FL2920" s="126"/>
      <c r="FM2920" s="91"/>
      <c r="FN2920" s="91"/>
      <c r="FO2920" s="91"/>
      <c r="FP2920" s="91"/>
      <c r="FQ2920" s="91"/>
      <c r="FR2920" s="91"/>
      <c r="FS2920" s="91"/>
      <c r="FT2920" s="91"/>
      <c r="FU2920" s="91"/>
      <c r="FV2920" s="91"/>
      <c r="FW2920" s="91"/>
      <c r="FX2920" s="127"/>
      <c r="FY2920" s="126"/>
      <c r="FZ2920" s="91"/>
      <c r="GA2920" s="91"/>
      <c r="GB2920" s="91"/>
      <c r="GC2920" s="91"/>
      <c r="GD2920" s="91"/>
      <c r="GE2920" s="91"/>
      <c r="GF2920" s="91"/>
      <c r="GG2920" s="91"/>
      <c r="GH2920" s="91"/>
      <c r="GI2920" s="91"/>
      <c r="GJ2920" s="91"/>
      <c r="GK2920" s="127"/>
      <c r="GL2920" s="126"/>
      <c r="GM2920" s="91"/>
      <c r="GN2920" s="91"/>
      <c r="GO2920" s="91"/>
      <c r="GP2920" s="91"/>
      <c r="GQ2920" s="91"/>
      <c r="GR2920" s="91"/>
      <c r="GS2920" s="91"/>
      <c r="GT2920" s="91"/>
      <c r="GU2920" s="91"/>
      <c r="GV2920" s="91"/>
      <c r="GW2920" s="91"/>
      <c r="GX2920" s="127"/>
      <c r="GY2920" s="126"/>
      <c r="GZ2920" s="91"/>
      <c r="HA2920" s="91"/>
      <c r="HB2920" s="91"/>
      <c r="HC2920" s="91"/>
      <c r="HD2920" s="91"/>
      <c r="HE2920" s="91"/>
      <c r="HF2920" s="91"/>
      <c r="HG2920" s="91"/>
      <c r="HH2920" s="91"/>
      <c r="HI2920" s="91"/>
      <c r="HJ2920" s="91"/>
      <c r="HK2920" s="127"/>
      <c r="HL2920" s="126"/>
      <c r="HM2920" s="91"/>
      <c r="HN2920" s="91"/>
      <c r="HO2920" s="91"/>
      <c r="HP2920" s="91"/>
      <c r="HQ2920" s="91"/>
      <c r="HR2920" s="91"/>
      <c r="HS2920" s="91"/>
      <c r="HT2920" s="91"/>
      <c r="HU2920" s="91"/>
      <c r="HV2920" s="91"/>
      <c r="HW2920" s="91"/>
      <c r="HX2920" s="127"/>
      <c r="HY2920" s="126"/>
      <c r="HZ2920" s="91"/>
      <c r="IA2920" s="91"/>
      <c r="IB2920" s="91"/>
      <c r="IC2920" s="91"/>
      <c r="ID2920" s="91"/>
      <c r="IE2920" s="91"/>
      <c r="IF2920" s="91"/>
      <c r="IG2920" s="91"/>
      <c r="IH2920" s="91"/>
      <c r="II2920" s="91"/>
      <c r="IJ2920" s="91"/>
      <c r="IK2920" s="174"/>
    </row>
    <row r="2921" spans="2:245" x14ac:dyDescent="0.2">
      <c r="B2921" s="43"/>
      <c r="C2921" s="73"/>
      <c r="D2921" s="64"/>
      <c r="E2921" s="64"/>
      <c r="F2921" s="55"/>
      <c r="G2921" s="102"/>
      <c r="H2921" s="97"/>
      <c r="T2921" s="98"/>
      <c r="U2921" s="97"/>
      <c r="AG2921" s="98"/>
      <c r="AY2921" s="164"/>
      <c r="BK2921" s="98"/>
      <c r="BL2921" s="97"/>
      <c r="BX2921" s="98"/>
      <c r="CL2921" s="97"/>
      <c r="CX2921" s="98"/>
      <c r="DL2921" s="97"/>
      <c r="DX2921" s="98"/>
      <c r="EL2921" s="97"/>
      <c r="EX2921" s="98"/>
      <c r="EY2921" s="97"/>
      <c r="FL2921" s="126"/>
      <c r="FM2921" s="91"/>
      <c r="FN2921" s="91"/>
      <c r="FO2921" s="91"/>
      <c r="FP2921" s="91"/>
      <c r="FQ2921" s="91"/>
      <c r="FR2921" s="91"/>
      <c r="FS2921" s="91"/>
      <c r="FT2921" s="91"/>
      <c r="FU2921" s="91"/>
      <c r="FV2921" s="91"/>
      <c r="FW2921" s="91"/>
      <c r="FX2921" s="127"/>
      <c r="FY2921" s="126"/>
      <c r="FZ2921" s="91"/>
      <c r="GA2921" s="91"/>
      <c r="GB2921" s="91"/>
      <c r="GC2921" s="91"/>
      <c r="GD2921" s="91"/>
      <c r="GE2921" s="91"/>
      <c r="GF2921" s="91"/>
      <c r="GG2921" s="91"/>
      <c r="GH2921" s="91"/>
      <c r="GI2921" s="91"/>
      <c r="GJ2921" s="91"/>
      <c r="GK2921" s="127"/>
      <c r="GL2921" s="126"/>
      <c r="GM2921" s="91"/>
      <c r="GN2921" s="91"/>
      <c r="GO2921" s="91"/>
      <c r="GP2921" s="91"/>
      <c r="GQ2921" s="91"/>
      <c r="GR2921" s="91"/>
      <c r="GS2921" s="91"/>
      <c r="GT2921" s="91"/>
      <c r="GU2921" s="91"/>
      <c r="GV2921" s="91"/>
      <c r="GW2921" s="91"/>
      <c r="GX2921" s="127"/>
      <c r="GY2921" s="126"/>
      <c r="GZ2921" s="91"/>
      <c r="HA2921" s="91"/>
      <c r="HB2921" s="91"/>
      <c r="HC2921" s="91"/>
      <c r="HD2921" s="91"/>
      <c r="HE2921" s="91"/>
      <c r="HF2921" s="91"/>
      <c r="HG2921" s="91"/>
      <c r="HH2921" s="91"/>
      <c r="HI2921" s="91"/>
      <c r="HJ2921" s="91"/>
      <c r="HK2921" s="127"/>
      <c r="HL2921" s="126"/>
      <c r="HM2921" s="91"/>
      <c r="HN2921" s="91"/>
      <c r="HO2921" s="91"/>
      <c r="HP2921" s="91"/>
      <c r="HQ2921" s="91"/>
      <c r="HR2921" s="91"/>
      <c r="HS2921" s="91"/>
      <c r="HT2921" s="91"/>
      <c r="HU2921" s="91"/>
      <c r="HV2921" s="91"/>
      <c r="HW2921" s="91"/>
      <c r="HX2921" s="127"/>
      <c r="HY2921" s="126"/>
      <c r="HZ2921" s="91"/>
      <c r="IA2921" s="91"/>
      <c r="IB2921" s="91"/>
      <c r="IC2921" s="91"/>
      <c r="ID2921" s="91"/>
      <c r="IE2921" s="91"/>
      <c r="IF2921" s="91"/>
      <c r="IG2921" s="91"/>
      <c r="IH2921" s="91"/>
      <c r="II2921" s="91"/>
      <c r="IJ2921" s="91"/>
      <c r="IK2921" s="174"/>
    </row>
    <row r="2922" spans="2:245" x14ac:dyDescent="0.2">
      <c r="B2922" s="43"/>
      <c r="C2922" s="73"/>
      <c r="D2922" s="64"/>
      <c r="E2922" s="64"/>
      <c r="F2922" s="55"/>
      <c r="G2922" s="102"/>
      <c r="H2922" s="97"/>
      <c r="T2922" s="98"/>
      <c r="U2922" s="97"/>
      <c r="AG2922" s="98"/>
      <c r="AY2922" s="164"/>
      <c r="BK2922" s="98"/>
      <c r="BL2922" s="97"/>
      <c r="BX2922" s="98"/>
      <c r="CL2922" s="97"/>
      <c r="CX2922" s="98"/>
      <c r="DL2922" s="97"/>
      <c r="DX2922" s="98"/>
      <c r="EL2922" s="97"/>
      <c r="EX2922" s="98"/>
      <c r="EY2922" s="97"/>
      <c r="FL2922" s="126"/>
      <c r="FM2922" s="91"/>
      <c r="FN2922" s="91"/>
      <c r="FO2922" s="91"/>
      <c r="FP2922" s="91"/>
      <c r="FQ2922" s="91"/>
      <c r="FR2922" s="91"/>
      <c r="FS2922" s="91"/>
      <c r="FT2922" s="91"/>
      <c r="FU2922" s="91"/>
      <c r="FV2922" s="91"/>
      <c r="FW2922" s="91"/>
      <c r="FX2922" s="127"/>
      <c r="FY2922" s="126"/>
      <c r="FZ2922" s="91"/>
      <c r="GA2922" s="91"/>
      <c r="GB2922" s="91"/>
      <c r="GC2922" s="91"/>
      <c r="GD2922" s="91"/>
      <c r="GE2922" s="91"/>
      <c r="GF2922" s="91"/>
      <c r="GG2922" s="91"/>
      <c r="GH2922" s="91"/>
      <c r="GI2922" s="91"/>
      <c r="GJ2922" s="91"/>
      <c r="GK2922" s="127"/>
      <c r="GL2922" s="126"/>
      <c r="GM2922" s="91"/>
      <c r="GN2922" s="91"/>
      <c r="GO2922" s="91"/>
      <c r="GP2922" s="91"/>
      <c r="GQ2922" s="91"/>
      <c r="GR2922" s="91"/>
      <c r="GS2922" s="91"/>
      <c r="GT2922" s="91"/>
      <c r="GU2922" s="91"/>
      <c r="GV2922" s="91"/>
      <c r="GW2922" s="91"/>
      <c r="GX2922" s="127"/>
      <c r="GY2922" s="126"/>
      <c r="GZ2922" s="91"/>
      <c r="HA2922" s="91"/>
      <c r="HB2922" s="91"/>
      <c r="HC2922" s="91"/>
      <c r="HD2922" s="91"/>
      <c r="HE2922" s="91"/>
      <c r="HF2922" s="91"/>
      <c r="HG2922" s="91"/>
      <c r="HH2922" s="91"/>
      <c r="HI2922" s="91"/>
      <c r="HJ2922" s="91"/>
      <c r="HK2922" s="127"/>
      <c r="HL2922" s="126"/>
      <c r="HM2922" s="91"/>
      <c r="HN2922" s="91"/>
      <c r="HO2922" s="91"/>
      <c r="HP2922" s="91"/>
      <c r="HQ2922" s="91"/>
      <c r="HR2922" s="91"/>
      <c r="HS2922" s="91"/>
      <c r="HT2922" s="91"/>
      <c r="HU2922" s="91"/>
      <c r="HV2922" s="91"/>
      <c r="HW2922" s="91"/>
      <c r="HX2922" s="127"/>
      <c r="HY2922" s="126"/>
      <c r="HZ2922" s="91"/>
      <c r="IA2922" s="91"/>
      <c r="IB2922" s="91"/>
      <c r="IC2922" s="91"/>
      <c r="ID2922" s="91"/>
      <c r="IE2922" s="91"/>
      <c r="IF2922" s="91"/>
      <c r="IG2922" s="91"/>
      <c r="IH2922" s="91"/>
      <c r="II2922" s="91"/>
      <c r="IJ2922" s="91"/>
      <c r="IK2922" s="174"/>
    </row>
    <row r="2923" spans="2:245" x14ac:dyDescent="0.2">
      <c r="B2923" s="43"/>
      <c r="C2923" s="73"/>
      <c r="D2923" s="64"/>
      <c r="E2923" s="64"/>
      <c r="F2923" s="55"/>
      <c r="G2923" s="102"/>
      <c r="H2923" s="97"/>
      <c r="T2923" s="98"/>
      <c r="U2923" s="97"/>
      <c r="AG2923" s="98"/>
      <c r="AY2923" s="164"/>
      <c r="BK2923" s="98"/>
      <c r="BL2923" s="97"/>
      <c r="BX2923" s="98"/>
      <c r="CL2923" s="97"/>
      <c r="CX2923" s="98"/>
      <c r="DL2923" s="97"/>
      <c r="DX2923" s="98"/>
      <c r="EL2923" s="97"/>
      <c r="EX2923" s="98"/>
      <c r="EY2923" s="97"/>
      <c r="FL2923" s="126"/>
      <c r="FM2923" s="91"/>
      <c r="FN2923" s="91"/>
      <c r="FO2923" s="91"/>
      <c r="FP2923" s="91"/>
      <c r="FQ2923" s="91"/>
      <c r="FR2923" s="91"/>
      <c r="FS2923" s="91"/>
      <c r="FT2923" s="91"/>
      <c r="FU2923" s="91"/>
      <c r="FV2923" s="91"/>
      <c r="FW2923" s="91"/>
      <c r="FX2923" s="127"/>
      <c r="FY2923" s="126"/>
      <c r="FZ2923" s="91"/>
      <c r="GA2923" s="91"/>
      <c r="GB2923" s="91"/>
      <c r="GC2923" s="91"/>
      <c r="GD2923" s="91"/>
      <c r="GE2923" s="91"/>
      <c r="GF2923" s="91"/>
      <c r="GG2923" s="91"/>
      <c r="GH2923" s="91"/>
      <c r="GI2923" s="91"/>
      <c r="GJ2923" s="91"/>
      <c r="GK2923" s="127"/>
      <c r="GL2923" s="126"/>
      <c r="GM2923" s="91"/>
      <c r="GN2923" s="91"/>
      <c r="GO2923" s="91"/>
      <c r="GP2923" s="91"/>
      <c r="GQ2923" s="91"/>
      <c r="GR2923" s="91"/>
      <c r="GS2923" s="91"/>
      <c r="GT2923" s="91"/>
      <c r="GU2923" s="91"/>
      <c r="GV2923" s="91"/>
      <c r="GW2923" s="91"/>
      <c r="GX2923" s="127"/>
      <c r="GY2923" s="126"/>
      <c r="GZ2923" s="91"/>
      <c r="HA2923" s="91"/>
      <c r="HB2923" s="91"/>
      <c r="HC2923" s="91"/>
      <c r="HD2923" s="91"/>
      <c r="HE2923" s="91"/>
      <c r="HF2923" s="91"/>
      <c r="HG2923" s="91"/>
      <c r="HH2923" s="91"/>
      <c r="HI2923" s="91"/>
      <c r="HJ2923" s="91"/>
      <c r="HK2923" s="127"/>
      <c r="HL2923" s="126"/>
      <c r="HM2923" s="91"/>
      <c r="HN2923" s="91"/>
      <c r="HO2923" s="91"/>
      <c r="HP2923" s="91"/>
      <c r="HQ2923" s="91"/>
      <c r="HR2923" s="91"/>
      <c r="HS2923" s="91"/>
      <c r="HT2923" s="91"/>
      <c r="HU2923" s="91"/>
      <c r="HV2923" s="91"/>
      <c r="HW2923" s="91"/>
      <c r="HX2923" s="127"/>
      <c r="HY2923" s="126"/>
      <c r="HZ2923" s="91"/>
      <c r="IA2923" s="91"/>
      <c r="IB2923" s="91"/>
      <c r="IC2923" s="91"/>
      <c r="ID2923" s="91"/>
      <c r="IE2923" s="91"/>
      <c r="IF2923" s="91"/>
      <c r="IG2923" s="91"/>
      <c r="IH2923" s="91"/>
      <c r="II2923" s="91"/>
      <c r="IJ2923" s="91"/>
      <c r="IK2923" s="174"/>
    </row>
    <row r="2924" spans="2:245" x14ac:dyDescent="0.2">
      <c r="B2924" s="43"/>
      <c r="C2924" s="73"/>
      <c r="D2924" s="64"/>
      <c r="E2924" s="64"/>
      <c r="F2924" s="55"/>
      <c r="G2924" s="102"/>
      <c r="H2924" s="97"/>
      <c r="T2924" s="98"/>
      <c r="U2924" s="97"/>
      <c r="AG2924" s="98"/>
      <c r="AY2924" s="164"/>
      <c r="BK2924" s="98"/>
      <c r="BL2924" s="97"/>
      <c r="BX2924" s="98"/>
      <c r="CL2924" s="97"/>
      <c r="CX2924" s="98"/>
      <c r="DL2924" s="97"/>
      <c r="DX2924" s="98"/>
      <c r="EL2924" s="97"/>
      <c r="EX2924" s="98"/>
      <c r="EY2924" s="97"/>
      <c r="FL2924" s="126"/>
      <c r="FM2924" s="91"/>
      <c r="FN2924" s="91"/>
      <c r="FO2924" s="91"/>
      <c r="FP2924" s="91"/>
      <c r="FQ2924" s="91"/>
      <c r="FR2924" s="91"/>
      <c r="FS2924" s="91"/>
      <c r="FT2924" s="91"/>
      <c r="FU2924" s="91"/>
      <c r="FV2924" s="91"/>
      <c r="FW2924" s="91"/>
      <c r="FX2924" s="127"/>
      <c r="FY2924" s="126"/>
      <c r="FZ2924" s="91"/>
      <c r="GA2924" s="91"/>
      <c r="GB2924" s="91"/>
      <c r="GC2924" s="91"/>
      <c r="GD2924" s="91"/>
      <c r="GE2924" s="91"/>
      <c r="GF2924" s="91"/>
      <c r="GG2924" s="91"/>
      <c r="GH2924" s="91"/>
      <c r="GI2924" s="91"/>
      <c r="GJ2924" s="91"/>
      <c r="GK2924" s="127"/>
      <c r="GL2924" s="126"/>
      <c r="GM2924" s="91"/>
      <c r="GN2924" s="91"/>
      <c r="GO2924" s="91"/>
      <c r="GP2924" s="91"/>
      <c r="GQ2924" s="91"/>
      <c r="GR2924" s="91"/>
      <c r="GS2924" s="91"/>
      <c r="GT2924" s="91"/>
      <c r="GU2924" s="91"/>
      <c r="GV2924" s="91"/>
      <c r="GW2924" s="91"/>
      <c r="GX2924" s="127"/>
      <c r="GY2924" s="126"/>
      <c r="GZ2924" s="91"/>
      <c r="HA2924" s="91"/>
      <c r="HB2924" s="91"/>
      <c r="HC2924" s="91"/>
      <c r="HD2924" s="91"/>
      <c r="HE2924" s="91"/>
      <c r="HF2924" s="91"/>
      <c r="HG2924" s="91"/>
      <c r="HH2924" s="91"/>
      <c r="HI2924" s="91"/>
      <c r="HJ2924" s="91"/>
      <c r="HK2924" s="127"/>
      <c r="HL2924" s="126"/>
      <c r="HM2924" s="91"/>
      <c r="HN2924" s="91"/>
      <c r="HO2924" s="91"/>
      <c r="HP2924" s="91"/>
      <c r="HQ2924" s="91"/>
      <c r="HR2924" s="91"/>
      <c r="HS2924" s="91"/>
      <c r="HT2924" s="91"/>
      <c r="HU2924" s="91"/>
      <c r="HV2924" s="91"/>
      <c r="HW2924" s="91"/>
      <c r="HX2924" s="127"/>
      <c r="HY2924" s="126"/>
      <c r="HZ2924" s="91"/>
      <c r="IA2924" s="91"/>
      <c r="IB2924" s="91"/>
      <c r="IC2924" s="91"/>
      <c r="ID2924" s="91"/>
      <c r="IE2924" s="91"/>
      <c r="IF2924" s="91"/>
      <c r="IG2924" s="91"/>
      <c r="IH2924" s="91"/>
      <c r="II2924" s="91"/>
      <c r="IJ2924" s="91"/>
      <c r="IK2924" s="174"/>
    </row>
    <row r="2925" spans="2:245" x14ac:dyDescent="0.2">
      <c r="B2925" s="43"/>
      <c r="C2925" s="73"/>
      <c r="D2925" s="64"/>
      <c r="E2925" s="64"/>
      <c r="F2925" s="55"/>
      <c r="G2925" s="102"/>
      <c r="H2925" s="97"/>
      <c r="T2925" s="98"/>
      <c r="U2925" s="97"/>
      <c r="AG2925" s="98"/>
      <c r="AY2925" s="164"/>
      <c r="BK2925" s="98"/>
      <c r="BL2925" s="97"/>
      <c r="BX2925" s="98"/>
      <c r="CL2925" s="97"/>
      <c r="CX2925" s="98"/>
      <c r="DL2925" s="97"/>
      <c r="DX2925" s="98"/>
      <c r="EL2925" s="97"/>
      <c r="EX2925" s="98"/>
      <c r="EY2925" s="97"/>
      <c r="FL2925" s="126"/>
      <c r="FM2925" s="91"/>
      <c r="FN2925" s="91"/>
      <c r="FO2925" s="91"/>
      <c r="FP2925" s="91"/>
      <c r="FQ2925" s="91"/>
      <c r="FR2925" s="91"/>
      <c r="FS2925" s="91"/>
      <c r="FT2925" s="91"/>
      <c r="FU2925" s="91"/>
      <c r="FV2925" s="91"/>
      <c r="FW2925" s="91"/>
      <c r="FX2925" s="127"/>
      <c r="FY2925" s="126"/>
      <c r="FZ2925" s="91"/>
      <c r="GA2925" s="91"/>
      <c r="GB2925" s="91"/>
      <c r="GC2925" s="91"/>
      <c r="GD2925" s="91"/>
      <c r="GE2925" s="91"/>
      <c r="GF2925" s="91"/>
      <c r="GG2925" s="91"/>
      <c r="GH2925" s="91"/>
      <c r="GI2925" s="91"/>
      <c r="GJ2925" s="91"/>
      <c r="GK2925" s="127"/>
      <c r="GL2925" s="126"/>
      <c r="GM2925" s="91"/>
      <c r="GN2925" s="91"/>
      <c r="GO2925" s="91"/>
      <c r="GP2925" s="91"/>
      <c r="GQ2925" s="91"/>
      <c r="GR2925" s="91"/>
      <c r="GS2925" s="91"/>
      <c r="GT2925" s="91"/>
      <c r="GU2925" s="91"/>
      <c r="GV2925" s="91"/>
      <c r="GW2925" s="91"/>
      <c r="GX2925" s="127"/>
      <c r="GY2925" s="126"/>
      <c r="GZ2925" s="91"/>
      <c r="HA2925" s="91"/>
      <c r="HB2925" s="91"/>
      <c r="HC2925" s="91"/>
      <c r="HD2925" s="91"/>
      <c r="HE2925" s="91"/>
      <c r="HF2925" s="91"/>
      <c r="HG2925" s="91"/>
      <c r="HH2925" s="91"/>
      <c r="HI2925" s="91"/>
      <c r="HJ2925" s="91"/>
      <c r="HK2925" s="127"/>
      <c r="HL2925" s="126"/>
      <c r="HM2925" s="91"/>
      <c r="HN2925" s="91"/>
      <c r="HO2925" s="91"/>
      <c r="HP2925" s="91"/>
      <c r="HQ2925" s="91"/>
      <c r="HR2925" s="91"/>
      <c r="HS2925" s="91"/>
      <c r="HT2925" s="91"/>
      <c r="HU2925" s="91"/>
      <c r="HV2925" s="91"/>
      <c r="HW2925" s="91"/>
      <c r="HX2925" s="127"/>
      <c r="HY2925" s="126"/>
      <c r="HZ2925" s="91"/>
      <c r="IA2925" s="91"/>
      <c r="IB2925" s="91"/>
      <c r="IC2925" s="91"/>
      <c r="ID2925" s="91"/>
      <c r="IE2925" s="91"/>
      <c r="IF2925" s="91"/>
      <c r="IG2925" s="91"/>
      <c r="IH2925" s="91"/>
      <c r="II2925" s="91"/>
      <c r="IJ2925" s="91"/>
      <c r="IK2925" s="174"/>
    </row>
    <row r="2926" spans="2:245" x14ac:dyDescent="0.2">
      <c r="B2926" s="43"/>
      <c r="C2926" s="73"/>
      <c r="D2926" s="64"/>
      <c r="E2926" s="64"/>
      <c r="F2926" s="55"/>
      <c r="G2926" s="102"/>
      <c r="H2926" s="97"/>
      <c r="T2926" s="98"/>
      <c r="U2926" s="97"/>
      <c r="AG2926" s="98"/>
      <c r="AY2926" s="164"/>
      <c r="BK2926" s="98"/>
      <c r="BL2926" s="97"/>
      <c r="BX2926" s="98"/>
      <c r="CL2926" s="97"/>
      <c r="CX2926" s="98"/>
      <c r="DL2926" s="97"/>
      <c r="DX2926" s="98"/>
      <c r="EL2926" s="97"/>
      <c r="EX2926" s="98"/>
      <c r="EY2926" s="97"/>
      <c r="FL2926" s="126"/>
      <c r="FM2926" s="91"/>
      <c r="FN2926" s="91"/>
      <c r="FO2926" s="91"/>
      <c r="FP2926" s="91"/>
      <c r="FQ2926" s="91"/>
      <c r="FR2926" s="91"/>
      <c r="FS2926" s="91"/>
      <c r="FT2926" s="91"/>
      <c r="FU2926" s="91"/>
      <c r="FV2926" s="91"/>
      <c r="FW2926" s="91"/>
      <c r="FX2926" s="127"/>
      <c r="FY2926" s="126"/>
      <c r="FZ2926" s="91"/>
      <c r="GA2926" s="91"/>
      <c r="GB2926" s="91"/>
      <c r="GC2926" s="91"/>
      <c r="GD2926" s="91"/>
      <c r="GE2926" s="91"/>
      <c r="GF2926" s="91"/>
      <c r="GG2926" s="91"/>
      <c r="GH2926" s="91"/>
      <c r="GI2926" s="91"/>
      <c r="GJ2926" s="91"/>
      <c r="GK2926" s="127"/>
      <c r="GL2926" s="126"/>
      <c r="GM2926" s="91"/>
      <c r="GN2926" s="91"/>
      <c r="GO2926" s="91"/>
      <c r="GP2926" s="91"/>
      <c r="GQ2926" s="91"/>
      <c r="GR2926" s="91"/>
      <c r="GS2926" s="91"/>
      <c r="GT2926" s="91"/>
      <c r="GU2926" s="91"/>
      <c r="GV2926" s="91"/>
      <c r="GW2926" s="91"/>
      <c r="GX2926" s="127"/>
      <c r="GY2926" s="126"/>
      <c r="GZ2926" s="91"/>
      <c r="HA2926" s="91"/>
      <c r="HB2926" s="91"/>
      <c r="HC2926" s="91"/>
      <c r="HD2926" s="91"/>
      <c r="HE2926" s="91"/>
      <c r="HF2926" s="91"/>
      <c r="HG2926" s="91"/>
      <c r="HH2926" s="91"/>
      <c r="HI2926" s="91"/>
      <c r="HJ2926" s="91"/>
      <c r="HK2926" s="127"/>
      <c r="HL2926" s="126"/>
      <c r="HM2926" s="91"/>
      <c r="HN2926" s="91"/>
      <c r="HO2926" s="91"/>
      <c r="HP2926" s="91"/>
      <c r="HQ2926" s="91"/>
      <c r="HR2926" s="91"/>
      <c r="HS2926" s="91"/>
      <c r="HT2926" s="91"/>
      <c r="HU2926" s="91"/>
      <c r="HV2926" s="91"/>
      <c r="HW2926" s="91"/>
      <c r="HX2926" s="127"/>
      <c r="HY2926" s="126"/>
      <c r="HZ2926" s="91"/>
      <c r="IA2926" s="91"/>
      <c r="IB2926" s="91"/>
      <c r="IC2926" s="91"/>
      <c r="ID2926" s="91"/>
      <c r="IE2926" s="91"/>
      <c r="IF2926" s="91"/>
      <c r="IG2926" s="91"/>
      <c r="IH2926" s="91"/>
      <c r="II2926" s="91"/>
      <c r="IJ2926" s="91"/>
      <c r="IK2926" s="174"/>
    </row>
    <row r="2927" spans="2:245" x14ac:dyDescent="0.2">
      <c r="B2927" s="43"/>
      <c r="C2927" s="73"/>
      <c r="D2927" s="64"/>
      <c r="E2927" s="64"/>
      <c r="F2927" s="55"/>
      <c r="G2927" s="102"/>
      <c r="H2927" s="97"/>
      <c r="T2927" s="98"/>
      <c r="U2927" s="97"/>
      <c r="AG2927" s="98"/>
      <c r="AY2927" s="164"/>
      <c r="BK2927" s="98"/>
      <c r="BL2927" s="97"/>
      <c r="BX2927" s="98"/>
      <c r="CL2927" s="97"/>
      <c r="CX2927" s="98"/>
      <c r="DL2927" s="97"/>
      <c r="DX2927" s="98"/>
      <c r="EL2927" s="97"/>
      <c r="EX2927" s="98"/>
      <c r="EY2927" s="97"/>
      <c r="FL2927" s="126"/>
      <c r="FM2927" s="91"/>
      <c r="FN2927" s="91"/>
      <c r="FO2927" s="91"/>
      <c r="FP2927" s="91"/>
      <c r="FQ2927" s="91"/>
      <c r="FR2927" s="91"/>
      <c r="FS2927" s="91"/>
      <c r="FT2927" s="91"/>
      <c r="FU2927" s="91"/>
      <c r="FV2927" s="91"/>
      <c r="FW2927" s="91"/>
      <c r="FX2927" s="127"/>
      <c r="FY2927" s="126"/>
      <c r="FZ2927" s="91"/>
      <c r="GA2927" s="91"/>
      <c r="GB2927" s="91"/>
      <c r="GC2927" s="91"/>
      <c r="GD2927" s="91"/>
      <c r="GE2927" s="91"/>
      <c r="GF2927" s="91"/>
      <c r="GG2927" s="91"/>
      <c r="GH2927" s="91"/>
      <c r="GI2927" s="91"/>
      <c r="GJ2927" s="91"/>
      <c r="GK2927" s="127"/>
      <c r="GL2927" s="126"/>
      <c r="GM2927" s="91"/>
      <c r="GN2927" s="91"/>
      <c r="GO2927" s="91"/>
      <c r="GP2927" s="91"/>
      <c r="GQ2927" s="91"/>
      <c r="GR2927" s="91"/>
      <c r="GS2927" s="91"/>
      <c r="GT2927" s="91"/>
      <c r="GU2927" s="91"/>
      <c r="GV2927" s="91"/>
      <c r="GW2927" s="91"/>
      <c r="GX2927" s="127"/>
      <c r="GY2927" s="126"/>
      <c r="GZ2927" s="91"/>
      <c r="HA2927" s="91"/>
      <c r="HB2927" s="91"/>
      <c r="HC2927" s="91"/>
      <c r="HD2927" s="91"/>
      <c r="HE2927" s="91"/>
      <c r="HF2927" s="91"/>
      <c r="HG2927" s="91"/>
      <c r="HH2927" s="91"/>
      <c r="HI2927" s="91"/>
      <c r="HJ2927" s="91"/>
      <c r="HK2927" s="127"/>
      <c r="HL2927" s="126"/>
      <c r="HM2927" s="91"/>
      <c r="HN2927" s="91"/>
      <c r="HO2927" s="91"/>
      <c r="HP2927" s="91"/>
      <c r="HQ2927" s="91"/>
      <c r="HR2927" s="91"/>
      <c r="HS2927" s="91"/>
      <c r="HT2927" s="91"/>
      <c r="HU2927" s="91"/>
      <c r="HV2927" s="91"/>
      <c r="HW2927" s="91"/>
      <c r="HX2927" s="127"/>
      <c r="HY2927" s="126"/>
      <c r="HZ2927" s="91"/>
      <c r="IA2927" s="91"/>
      <c r="IB2927" s="91"/>
      <c r="IC2927" s="91"/>
      <c r="ID2927" s="91"/>
      <c r="IE2927" s="91"/>
      <c r="IF2927" s="91"/>
      <c r="IG2927" s="91"/>
      <c r="IH2927" s="91"/>
      <c r="II2927" s="91"/>
      <c r="IJ2927" s="91"/>
      <c r="IK2927" s="174"/>
    </row>
    <row r="2928" spans="2:245" x14ac:dyDescent="0.2">
      <c r="B2928" s="43"/>
      <c r="C2928" s="73"/>
      <c r="D2928" s="64"/>
      <c r="E2928" s="64"/>
      <c r="F2928" s="55"/>
      <c r="G2928" s="102"/>
      <c r="H2928" s="97"/>
      <c r="T2928" s="98"/>
      <c r="U2928" s="97"/>
      <c r="AG2928" s="98"/>
      <c r="AY2928" s="164"/>
      <c r="BK2928" s="98"/>
      <c r="BL2928" s="97"/>
      <c r="BX2928" s="98"/>
      <c r="CL2928" s="97"/>
      <c r="CX2928" s="98"/>
      <c r="DL2928" s="97"/>
      <c r="DX2928" s="98"/>
      <c r="EL2928" s="97"/>
      <c r="EX2928" s="98"/>
      <c r="EY2928" s="97"/>
      <c r="FL2928" s="126"/>
      <c r="FM2928" s="91"/>
      <c r="FN2928" s="91"/>
      <c r="FO2928" s="91"/>
      <c r="FP2928" s="91"/>
      <c r="FQ2928" s="91"/>
      <c r="FR2928" s="91"/>
      <c r="FS2928" s="91"/>
      <c r="FT2928" s="91"/>
      <c r="FU2928" s="91"/>
      <c r="FV2928" s="91"/>
      <c r="FW2928" s="91"/>
      <c r="FX2928" s="127"/>
      <c r="FY2928" s="126"/>
      <c r="FZ2928" s="91"/>
      <c r="GA2928" s="91"/>
      <c r="GB2928" s="91"/>
      <c r="GC2928" s="91"/>
      <c r="GD2928" s="91"/>
      <c r="GE2928" s="91"/>
      <c r="GF2928" s="91"/>
      <c r="GG2928" s="91"/>
      <c r="GH2928" s="91"/>
      <c r="GI2928" s="91"/>
      <c r="GJ2928" s="91"/>
      <c r="GK2928" s="127"/>
      <c r="GL2928" s="126"/>
      <c r="GM2928" s="91"/>
      <c r="GN2928" s="91"/>
      <c r="GO2928" s="91"/>
      <c r="GP2928" s="91"/>
      <c r="GQ2928" s="91"/>
      <c r="GR2928" s="91"/>
      <c r="GS2928" s="91"/>
      <c r="GT2928" s="91"/>
      <c r="GU2928" s="91"/>
      <c r="GV2928" s="91"/>
      <c r="GW2928" s="91"/>
      <c r="GX2928" s="127"/>
      <c r="GY2928" s="126"/>
      <c r="GZ2928" s="91"/>
      <c r="HA2928" s="91"/>
      <c r="HB2928" s="91"/>
      <c r="HC2928" s="91"/>
      <c r="HD2928" s="91"/>
      <c r="HE2928" s="91"/>
      <c r="HF2928" s="91"/>
      <c r="HG2928" s="91"/>
      <c r="HH2928" s="91"/>
      <c r="HI2928" s="91"/>
      <c r="HJ2928" s="91"/>
      <c r="HK2928" s="127"/>
      <c r="HL2928" s="126"/>
      <c r="HM2928" s="91"/>
      <c r="HN2928" s="91"/>
      <c r="HO2928" s="91"/>
      <c r="HP2928" s="91"/>
      <c r="HQ2928" s="91"/>
      <c r="HR2928" s="91"/>
      <c r="HS2928" s="91"/>
      <c r="HT2928" s="91"/>
      <c r="HU2928" s="91"/>
      <c r="HV2928" s="91"/>
      <c r="HW2928" s="91"/>
      <c r="HX2928" s="127"/>
      <c r="HY2928" s="126"/>
      <c r="HZ2928" s="91"/>
      <c r="IA2928" s="91"/>
      <c r="IB2928" s="91"/>
      <c r="IC2928" s="91"/>
      <c r="ID2928" s="91"/>
      <c r="IE2928" s="91"/>
      <c r="IF2928" s="91"/>
      <c r="IG2928" s="91"/>
      <c r="IH2928" s="91"/>
      <c r="II2928" s="91"/>
      <c r="IJ2928" s="91"/>
      <c r="IK2928" s="174"/>
    </row>
    <row r="2929" spans="2:245" x14ac:dyDescent="0.2">
      <c r="B2929" s="43"/>
      <c r="C2929" s="73"/>
      <c r="D2929" s="64"/>
      <c r="E2929" s="64"/>
      <c r="F2929" s="55"/>
      <c r="G2929" s="102"/>
      <c r="H2929" s="97"/>
      <c r="T2929" s="98"/>
      <c r="U2929" s="97"/>
      <c r="AG2929" s="98"/>
      <c r="AY2929" s="164"/>
      <c r="BK2929" s="98"/>
      <c r="BL2929" s="97"/>
      <c r="BX2929" s="98"/>
      <c r="CL2929" s="97"/>
      <c r="CX2929" s="98"/>
      <c r="DL2929" s="97"/>
      <c r="DX2929" s="98"/>
      <c r="EL2929" s="97"/>
      <c r="EX2929" s="98"/>
      <c r="EY2929" s="97"/>
      <c r="FL2929" s="126"/>
      <c r="FM2929" s="91"/>
      <c r="FN2929" s="91"/>
      <c r="FO2929" s="91"/>
      <c r="FP2929" s="91"/>
      <c r="FQ2929" s="91"/>
      <c r="FR2929" s="91"/>
      <c r="FS2929" s="91"/>
      <c r="FT2929" s="91"/>
      <c r="FU2929" s="91"/>
      <c r="FV2929" s="91"/>
      <c r="FW2929" s="91"/>
      <c r="FX2929" s="127"/>
      <c r="FY2929" s="126"/>
      <c r="FZ2929" s="91"/>
      <c r="GA2929" s="91"/>
      <c r="GB2929" s="91"/>
      <c r="GC2929" s="91"/>
      <c r="GD2929" s="91"/>
      <c r="GE2929" s="91"/>
      <c r="GF2929" s="91"/>
      <c r="GG2929" s="91"/>
      <c r="GH2929" s="91"/>
      <c r="GI2929" s="91"/>
      <c r="GJ2929" s="91"/>
      <c r="GK2929" s="127"/>
      <c r="GL2929" s="126"/>
      <c r="GM2929" s="91"/>
      <c r="GN2929" s="91"/>
      <c r="GO2929" s="91"/>
      <c r="GP2929" s="91"/>
      <c r="GQ2929" s="91"/>
      <c r="GR2929" s="91"/>
      <c r="GS2929" s="91"/>
      <c r="GT2929" s="91"/>
      <c r="GU2929" s="91"/>
      <c r="GV2929" s="91"/>
      <c r="GW2929" s="91"/>
      <c r="GX2929" s="127"/>
      <c r="GY2929" s="126"/>
      <c r="GZ2929" s="91"/>
      <c r="HA2929" s="91"/>
      <c r="HB2929" s="91"/>
      <c r="HC2929" s="91"/>
      <c r="HD2929" s="91"/>
      <c r="HE2929" s="91"/>
      <c r="HF2929" s="91"/>
      <c r="HG2929" s="91"/>
      <c r="HH2929" s="91"/>
      <c r="HI2929" s="91"/>
      <c r="HJ2929" s="91"/>
      <c r="HK2929" s="127"/>
      <c r="HL2929" s="126"/>
      <c r="HM2929" s="91"/>
      <c r="HN2929" s="91"/>
      <c r="HO2929" s="91"/>
      <c r="HP2929" s="91"/>
      <c r="HQ2929" s="91"/>
      <c r="HR2929" s="91"/>
      <c r="HS2929" s="91"/>
      <c r="HT2929" s="91"/>
      <c r="HU2929" s="91"/>
      <c r="HV2929" s="91"/>
      <c r="HW2929" s="91"/>
      <c r="HX2929" s="127"/>
      <c r="HY2929" s="126"/>
      <c r="HZ2929" s="91"/>
      <c r="IA2929" s="91"/>
      <c r="IB2929" s="91"/>
      <c r="IC2929" s="91"/>
      <c r="ID2929" s="91"/>
      <c r="IE2929" s="91"/>
      <c r="IF2929" s="91"/>
      <c r="IG2929" s="91"/>
      <c r="IH2929" s="91"/>
      <c r="II2929" s="91"/>
      <c r="IJ2929" s="91"/>
      <c r="IK2929" s="174"/>
    </row>
    <row r="2930" spans="2:245" x14ac:dyDescent="0.2">
      <c r="B2930" s="43"/>
      <c r="C2930" s="73"/>
      <c r="D2930" s="64"/>
      <c r="E2930" s="64"/>
      <c r="F2930" s="55"/>
      <c r="G2930" s="102"/>
      <c r="H2930" s="97"/>
      <c r="T2930" s="98"/>
      <c r="U2930" s="97"/>
      <c r="AG2930" s="98"/>
      <c r="AY2930" s="164"/>
      <c r="BK2930" s="98"/>
      <c r="BL2930" s="97"/>
      <c r="BX2930" s="98"/>
      <c r="CL2930" s="97"/>
      <c r="CX2930" s="98"/>
      <c r="DL2930" s="97"/>
      <c r="DX2930" s="98"/>
      <c r="EL2930" s="97"/>
      <c r="EX2930" s="98"/>
      <c r="EY2930" s="97"/>
      <c r="FL2930" s="126"/>
      <c r="FM2930" s="91"/>
      <c r="FN2930" s="91"/>
      <c r="FO2930" s="91"/>
      <c r="FP2930" s="91"/>
      <c r="FQ2930" s="91"/>
      <c r="FR2930" s="91"/>
      <c r="FS2930" s="91"/>
      <c r="FT2930" s="91"/>
      <c r="FU2930" s="91"/>
      <c r="FV2930" s="91"/>
      <c r="FW2930" s="91"/>
      <c r="FX2930" s="127"/>
      <c r="FY2930" s="126"/>
      <c r="FZ2930" s="91"/>
      <c r="GA2930" s="91"/>
      <c r="GB2930" s="91"/>
      <c r="GC2930" s="91"/>
      <c r="GD2930" s="91"/>
      <c r="GE2930" s="91"/>
      <c r="GF2930" s="91"/>
      <c r="GG2930" s="91"/>
      <c r="GH2930" s="91"/>
      <c r="GI2930" s="91"/>
      <c r="GJ2930" s="91"/>
      <c r="GK2930" s="127"/>
      <c r="GL2930" s="126"/>
      <c r="GM2930" s="91"/>
      <c r="GN2930" s="91"/>
      <c r="GO2930" s="91"/>
      <c r="GP2930" s="91"/>
      <c r="GQ2930" s="91"/>
      <c r="GR2930" s="91"/>
      <c r="GS2930" s="91"/>
      <c r="GT2930" s="91"/>
      <c r="GU2930" s="91"/>
      <c r="GV2930" s="91"/>
      <c r="GW2930" s="91"/>
      <c r="GX2930" s="127"/>
      <c r="GY2930" s="126"/>
      <c r="GZ2930" s="91"/>
      <c r="HA2930" s="91"/>
      <c r="HB2930" s="91"/>
      <c r="HC2930" s="91"/>
      <c r="HD2930" s="91"/>
      <c r="HE2930" s="91"/>
      <c r="HF2930" s="91"/>
      <c r="HG2930" s="91"/>
      <c r="HH2930" s="91"/>
      <c r="HI2930" s="91"/>
      <c r="HJ2930" s="91"/>
      <c r="HK2930" s="127"/>
      <c r="HL2930" s="126"/>
      <c r="HM2930" s="91"/>
      <c r="HN2930" s="91"/>
      <c r="HO2930" s="91"/>
      <c r="HP2930" s="91"/>
      <c r="HQ2930" s="91"/>
      <c r="HR2930" s="91"/>
      <c r="HS2930" s="91"/>
      <c r="HT2930" s="91"/>
      <c r="HU2930" s="91"/>
      <c r="HV2930" s="91"/>
      <c r="HW2930" s="91"/>
      <c r="HX2930" s="127"/>
      <c r="HY2930" s="126"/>
      <c r="HZ2930" s="91"/>
      <c r="IA2930" s="91"/>
      <c r="IB2930" s="91"/>
      <c r="IC2930" s="91"/>
      <c r="ID2930" s="91"/>
      <c r="IE2930" s="91"/>
      <c r="IF2930" s="91"/>
      <c r="IG2930" s="91"/>
      <c r="IH2930" s="91"/>
      <c r="II2930" s="91"/>
      <c r="IJ2930" s="91"/>
      <c r="IK2930" s="174"/>
    </row>
    <row r="2931" spans="2:245" x14ac:dyDescent="0.2">
      <c r="B2931" s="43"/>
      <c r="C2931" s="73"/>
      <c r="D2931" s="64"/>
      <c r="E2931" s="64"/>
      <c r="F2931" s="55"/>
      <c r="G2931" s="102"/>
      <c r="H2931" s="97"/>
      <c r="T2931" s="98"/>
      <c r="U2931" s="97"/>
      <c r="AG2931" s="98"/>
      <c r="AY2931" s="164"/>
      <c r="BK2931" s="98"/>
      <c r="BL2931" s="97"/>
      <c r="BX2931" s="98"/>
      <c r="CL2931" s="97"/>
      <c r="CX2931" s="98"/>
      <c r="DL2931" s="97"/>
      <c r="DX2931" s="98"/>
      <c r="EL2931" s="97"/>
      <c r="EX2931" s="98"/>
      <c r="EY2931" s="97"/>
      <c r="FL2931" s="126"/>
      <c r="FM2931" s="91"/>
      <c r="FN2931" s="91"/>
      <c r="FO2931" s="91"/>
      <c r="FP2931" s="91"/>
      <c r="FQ2931" s="91"/>
      <c r="FR2931" s="91"/>
      <c r="FS2931" s="91"/>
      <c r="FT2931" s="91"/>
      <c r="FU2931" s="91"/>
      <c r="FV2931" s="91"/>
      <c r="FW2931" s="91"/>
      <c r="FX2931" s="127"/>
      <c r="FY2931" s="126"/>
      <c r="FZ2931" s="91"/>
      <c r="GA2931" s="91"/>
      <c r="GB2931" s="91"/>
      <c r="GC2931" s="91"/>
      <c r="GD2931" s="91"/>
      <c r="GE2931" s="91"/>
      <c r="GF2931" s="91"/>
      <c r="GG2931" s="91"/>
      <c r="GH2931" s="91"/>
      <c r="GI2931" s="91"/>
      <c r="GJ2931" s="91"/>
      <c r="GK2931" s="127"/>
      <c r="GL2931" s="126"/>
      <c r="GM2931" s="91"/>
      <c r="GN2931" s="91"/>
      <c r="GO2931" s="91"/>
      <c r="GP2931" s="91"/>
      <c r="GQ2931" s="91"/>
      <c r="GR2931" s="91"/>
      <c r="GS2931" s="91"/>
      <c r="GT2931" s="91"/>
      <c r="GU2931" s="91"/>
      <c r="GV2931" s="91"/>
      <c r="GW2931" s="91"/>
      <c r="GX2931" s="127"/>
      <c r="GY2931" s="126"/>
      <c r="GZ2931" s="91"/>
      <c r="HA2931" s="91"/>
      <c r="HB2931" s="91"/>
      <c r="HC2931" s="91"/>
      <c r="HD2931" s="91"/>
      <c r="HE2931" s="91"/>
      <c r="HF2931" s="91"/>
      <c r="HG2931" s="91"/>
      <c r="HH2931" s="91"/>
      <c r="HI2931" s="91"/>
      <c r="HJ2931" s="91"/>
      <c r="HK2931" s="127"/>
      <c r="HL2931" s="126"/>
      <c r="HM2931" s="91"/>
      <c r="HN2931" s="91"/>
      <c r="HO2931" s="91"/>
      <c r="HP2931" s="91"/>
      <c r="HQ2931" s="91"/>
      <c r="HR2931" s="91"/>
      <c r="HS2931" s="91"/>
      <c r="HT2931" s="91"/>
      <c r="HU2931" s="91"/>
      <c r="HV2931" s="91"/>
      <c r="HW2931" s="91"/>
      <c r="HX2931" s="127"/>
      <c r="HY2931" s="126"/>
      <c r="HZ2931" s="91"/>
      <c r="IA2931" s="91"/>
      <c r="IB2931" s="91"/>
      <c r="IC2931" s="91"/>
      <c r="ID2931" s="91"/>
      <c r="IE2931" s="91"/>
      <c r="IF2931" s="91"/>
      <c r="IG2931" s="91"/>
      <c r="IH2931" s="91"/>
      <c r="II2931" s="91"/>
      <c r="IJ2931" s="91"/>
      <c r="IK2931" s="174"/>
    </row>
    <row r="2932" spans="2:245" x14ac:dyDescent="0.2">
      <c r="B2932" s="43"/>
      <c r="C2932" s="73"/>
      <c r="D2932" s="64"/>
      <c r="E2932" s="64"/>
      <c r="F2932" s="55"/>
      <c r="G2932" s="102"/>
      <c r="H2932" s="97"/>
      <c r="T2932" s="98"/>
      <c r="U2932" s="97"/>
      <c r="AG2932" s="98"/>
      <c r="AY2932" s="164"/>
      <c r="BK2932" s="98"/>
      <c r="BL2932" s="97"/>
      <c r="BX2932" s="98"/>
      <c r="CL2932" s="97"/>
      <c r="CX2932" s="98"/>
      <c r="DL2932" s="97"/>
      <c r="DX2932" s="98"/>
      <c r="EL2932" s="97"/>
      <c r="EX2932" s="98"/>
      <c r="EY2932" s="97"/>
      <c r="FL2932" s="126"/>
      <c r="FM2932" s="91"/>
      <c r="FN2932" s="91"/>
      <c r="FO2932" s="91"/>
      <c r="FP2932" s="91"/>
      <c r="FQ2932" s="91"/>
      <c r="FR2932" s="91"/>
      <c r="FS2932" s="91"/>
      <c r="FT2932" s="91"/>
      <c r="FU2932" s="91"/>
      <c r="FV2932" s="91"/>
      <c r="FW2932" s="91"/>
      <c r="FX2932" s="127"/>
      <c r="FY2932" s="126"/>
      <c r="FZ2932" s="91"/>
      <c r="GA2932" s="91"/>
      <c r="GB2932" s="91"/>
      <c r="GC2932" s="91"/>
      <c r="GD2932" s="91"/>
      <c r="GE2932" s="91"/>
      <c r="GF2932" s="91"/>
      <c r="GG2932" s="91"/>
      <c r="GH2932" s="91"/>
      <c r="GI2932" s="91"/>
      <c r="GJ2932" s="91"/>
      <c r="GK2932" s="127"/>
      <c r="GL2932" s="126"/>
      <c r="GM2932" s="91"/>
      <c r="GN2932" s="91"/>
      <c r="GO2932" s="91"/>
      <c r="GP2932" s="91"/>
      <c r="GQ2932" s="91"/>
      <c r="GR2932" s="91"/>
      <c r="GS2932" s="91"/>
      <c r="GT2932" s="91"/>
      <c r="GU2932" s="91"/>
      <c r="GV2932" s="91"/>
      <c r="GW2932" s="91"/>
      <c r="GX2932" s="127"/>
      <c r="GY2932" s="126"/>
      <c r="GZ2932" s="91"/>
      <c r="HA2932" s="91"/>
      <c r="HB2932" s="91"/>
      <c r="HC2932" s="91"/>
      <c r="HD2932" s="91"/>
      <c r="HE2932" s="91"/>
      <c r="HF2932" s="91"/>
      <c r="HG2932" s="91"/>
      <c r="HH2932" s="91"/>
      <c r="HI2932" s="91"/>
      <c r="HJ2932" s="91"/>
      <c r="HK2932" s="127"/>
      <c r="HL2932" s="126"/>
      <c r="HM2932" s="91"/>
      <c r="HN2932" s="91"/>
      <c r="HO2932" s="91"/>
      <c r="HP2932" s="91"/>
      <c r="HQ2932" s="91"/>
      <c r="HR2932" s="91"/>
      <c r="HS2932" s="91"/>
      <c r="HT2932" s="91"/>
      <c r="HU2932" s="91"/>
      <c r="HV2932" s="91"/>
      <c r="HW2932" s="91"/>
      <c r="HX2932" s="127"/>
      <c r="HY2932" s="126"/>
      <c r="HZ2932" s="91"/>
      <c r="IA2932" s="91"/>
      <c r="IB2932" s="91"/>
      <c r="IC2932" s="91"/>
      <c r="ID2932" s="91"/>
      <c r="IE2932" s="91"/>
      <c r="IF2932" s="91"/>
      <c r="IG2932" s="91"/>
      <c r="IH2932" s="91"/>
      <c r="II2932" s="91"/>
      <c r="IJ2932" s="91"/>
      <c r="IK2932" s="174"/>
    </row>
    <row r="2933" spans="2:245" x14ac:dyDescent="0.2">
      <c r="B2933" s="43"/>
      <c r="C2933" s="73"/>
      <c r="D2933" s="64"/>
      <c r="E2933" s="64"/>
      <c r="F2933" s="55"/>
      <c r="G2933" s="102"/>
      <c r="H2933" s="97"/>
      <c r="T2933" s="98"/>
      <c r="U2933" s="97"/>
      <c r="AG2933" s="98"/>
      <c r="AY2933" s="164"/>
      <c r="BK2933" s="98"/>
      <c r="BL2933" s="97"/>
      <c r="BX2933" s="98"/>
      <c r="CL2933" s="97"/>
      <c r="CX2933" s="98"/>
      <c r="DL2933" s="97"/>
      <c r="DX2933" s="98"/>
      <c r="EL2933" s="97"/>
      <c r="EX2933" s="98"/>
      <c r="EY2933" s="97"/>
      <c r="FL2933" s="126"/>
      <c r="FM2933" s="91"/>
      <c r="FN2933" s="91"/>
      <c r="FO2933" s="91"/>
      <c r="FP2933" s="91"/>
      <c r="FQ2933" s="91"/>
      <c r="FR2933" s="91"/>
      <c r="FS2933" s="91"/>
      <c r="FT2933" s="91"/>
      <c r="FU2933" s="91"/>
      <c r="FV2933" s="91"/>
      <c r="FW2933" s="91"/>
      <c r="FX2933" s="127"/>
      <c r="FY2933" s="126"/>
      <c r="FZ2933" s="91"/>
      <c r="GA2933" s="91"/>
      <c r="GB2933" s="91"/>
      <c r="GC2933" s="91"/>
      <c r="GD2933" s="91"/>
      <c r="GE2933" s="91"/>
      <c r="GF2933" s="91"/>
      <c r="GG2933" s="91"/>
      <c r="GH2933" s="91"/>
      <c r="GI2933" s="91"/>
      <c r="GJ2933" s="91"/>
      <c r="GK2933" s="127"/>
      <c r="GL2933" s="126"/>
      <c r="GM2933" s="91"/>
      <c r="GN2933" s="91"/>
      <c r="GO2933" s="91"/>
      <c r="GP2933" s="91"/>
      <c r="GQ2933" s="91"/>
      <c r="GR2933" s="91"/>
      <c r="GS2933" s="91"/>
      <c r="GT2933" s="91"/>
      <c r="GU2933" s="91"/>
      <c r="GV2933" s="91"/>
      <c r="GW2933" s="91"/>
      <c r="GX2933" s="127"/>
      <c r="GY2933" s="126"/>
      <c r="GZ2933" s="91"/>
      <c r="HA2933" s="91"/>
      <c r="HB2933" s="91"/>
      <c r="HC2933" s="91"/>
      <c r="HD2933" s="91"/>
      <c r="HE2933" s="91"/>
      <c r="HF2933" s="91"/>
      <c r="HG2933" s="91"/>
      <c r="HH2933" s="91"/>
      <c r="HI2933" s="91"/>
      <c r="HJ2933" s="91"/>
      <c r="HK2933" s="127"/>
      <c r="HL2933" s="126"/>
      <c r="HM2933" s="91"/>
      <c r="HN2933" s="91"/>
      <c r="HO2933" s="91"/>
      <c r="HP2933" s="91"/>
      <c r="HQ2933" s="91"/>
      <c r="HR2933" s="91"/>
      <c r="HS2933" s="91"/>
      <c r="HT2933" s="91"/>
      <c r="HU2933" s="91"/>
      <c r="HV2933" s="91"/>
      <c r="HW2933" s="91"/>
      <c r="HX2933" s="127"/>
      <c r="HY2933" s="126"/>
      <c r="HZ2933" s="91"/>
      <c r="IA2933" s="91"/>
      <c r="IB2933" s="91"/>
      <c r="IC2933" s="91"/>
      <c r="ID2933" s="91"/>
      <c r="IE2933" s="91"/>
      <c r="IF2933" s="91"/>
      <c r="IG2933" s="91"/>
      <c r="IH2933" s="91"/>
      <c r="II2933" s="91"/>
      <c r="IJ2933" s="91"/>
      <c r="IK2933" s="174"/>
    </row>
    <row r="2934" spans="2:245" x14ac:dyDescent="0.2">
      <c r="B2934" s="43"/>
      <c r="C2934" s="73"/>
      <c r="D2934" s="64"/>
      <c r="E2934" s="64"/>
      <c r="F2934" s="55"/>
      <c r="G2934" s="102"/>
      <c r="H2934" s="97"/>
      <c r="T2934" s="98"/>
      <c r="U2934" s="97"/>
      <c r="AG2934" s="98"/>
      <c r="AY2934" s="164"/>
      <c r="BK2934" s="98"/>
      <c r="BL2934" s="97"/>
      <c r="BX2934" s="98"/>
      <c r="CL2934" s="97"/>
      <c r="CX2934" s="98"/>
      <c r="DL2934" s="97"/>
      <c r="DX2934" s="98"/>
      <c r="EL2934" s="97"/>
      <c r="EX2934" s="98"/>
      <c r="EY2934" s="97"/>
      <c r="FL2934" s="126"/>
      <c r="FM2934" s="91"/>
      <c r="FN2934" s="91"/>
      <c r="FO2934" s="91"/>
      <c r="FP2934" s="91"/>
      <c r="FQ2934" s="91"/>
      <c r="FR2934" s="91"/>
      <c r="FS2934" s="91"/>
      <c r="FT2934" s="91"/>
      <c r="FU2934" s="91"/>
      <c r="FV2934" s="91"/>
      <c r="FW2934" s="91"/>
      <c r="FX2934" s="127"/>
      <c r="FY2934" s="126"/>
      <c r="FZ2934" s="91"/>
      <c r="GA2934" s="91"/>
      <c r="GB2934" s="91"/>
      <c r="GC2934" s="91"/>
      <c r="GD2934" s="91"/>
      <c r="GE2934" s="91"/>
      <c r="GF2934" s="91"/>
      <c r="GG2934" s="91"/>
      <c r="GH2934" s="91"/>
      <c r="GI2934" s="91"/>
      <c r="GJ2934" s="91"/>
      <c r="GK2934" s="127"/>
      <c r="GL2934" s="126"/>
      <c r="GM2934" s="91"/>
      <c r="GN2934" s="91"/>
      <c r="GO2934" s="91"/>
      <c r="GP2934" s="91"/>
      <c r="GQ2934" s="91"/>
      <c r="GR2934" s="91"/>
      <c r="GS2934" s="91"/>
      <c r="GT2934" s="91"/>
      <c r="GU2934" s="91"/>
      <c r="GV2934" s="91"/>
      <c r="GW2934" s="91"/>
      <c r="GX2934" s="127"/>
      <c r="GY2934" s="126"/>
      <c r="GZ2934" s="91"/>
      <c r="HA2934" s="91"/>
      <c r="HB2934" s="91"/>
      <c r="HC2934" s="91"/>
      <c r="HD2934" s="91"/>
      <c r="HE2934" s="91"/>
      <c r="HF2934" s="91"/>
      <c r="HG2934" s="91"/>
      <c r="HH2934" s="91"/>
      <c r="HI2934" s="91"/>
      <c r="HJ2934" s="91"/>
      <c r="HK2934" s="127"/>
      <c r="HL2934" s="126"/>
      <c r="HM2934" s="91"/>
      <c r="HN2934" s="91"/>
      <c r="HO2934" s="91"/>
      <c r="HP2934" s="91"/>
      <c r="HQ2934" s="91"/>
      <c r="HR2934" s="91"/>
      <c r="HS2934" s="91"/>
      <c r="HT2934" s="91"/>
      <c r="HU2934" s="91"/>
      <c r="HV2934" s="91"/>
      <c r="HW2934" s="91"/>
      <c r="HX2934" s="127"/>
      <c r="HY2934" s="126"/>
      <c r="HZ2934" s="91"/>
      <c r="IA2934" s="91"/>
      <c r="IB2934" s="91"/>
      <c r="IC2934" s="91"/>
      <c r="ID2934" s="91"/>
      <c r="IE2934" s="91"/>
      <c r="IF2934" s="91"/>
      <c r="IG2934" s="91"/>
      <c r="IH2934" s="91"/>
      <c r="II2934" s="91"/>
      <c r="IJ2934" s="91"/>
      <c r="IK2934" s="174"/>
    </row>
    <row r="2935" spans="2:245" x14ac:dyDescent="0.2">
      <c r="B2935" s="43"/>
      <c r="C2935" s="73"/>
      <c r="D2935" s="64"/>
      <c r="E2935" s="64"/>
      <c r="F2935" s="55"/>
      <c r="G2935" s="102"/>
      <c r="H2935" s="97"/>
      <c r="T2935" s="98"/>
      <c r="U2935" s="97"/>
      <c r="AG2935" s="98"/>
      <c r="AY2935" s="164"/>
      <c r="BK2935" s="98"/>
      <c r="BL2935" s="97"/>
      <c r="BX2935" s="98"/>
      <c r="CL2935" s="97"/>
      <c r="CX2935" s="98"/>
      <c r="DL2935" s="97"/>
      <c r="DX2935" s="98"/>
      <c r="EL2935" s="97"/>
      <c r="EX2935" s="98"/>
      <c r="EY2935" s="97"/>
      <c r="FL2935" s="126"/>
      <c r="FM2935" s="91"/>
      <c r="FN2935" s="91"/>
      <c r="FO2935" s="91"/>
      <c r="FP2935" s="91"/>
      <c r="FQ2935" s="91"/>
      <c r="FR2935" s="91"/>
      <c r="FS2935" s="91"/>
      <c r="FT2935" s="91"/>
      <c r="FU2935" s="91"/>
      <c r="FV2935" s="91"/>
      <c r="FW2935" s="91"/>
      <c r="FX2935" s="127"/>
      <c r="FY2935" s="126"/>
      <c r="FZ2935" s="91"/>
      <c r="GA2935" s="91"/>
      <c r="GB2935" s="91"/>
      <c r="GC2935" s="91"/>
      <c r="GD2935" s="91"/>
      <c r="GE2935" s="91"/>
      <c r="GF2935" s="91"/>
      <c r="GG2935" s="91"/>
      <c r="GH2935" s="91"/>
      <c r="GI2935" s="91"/>
      <c r="GJ2935" s="91"/>
      <c r="GK2935" s="127"/>
      <c r="GL2935" s="126"/>
      <c r="GM2935" s="91"/>
      <c r="GN2935" s="91"/>
      <c r="GO2935" s="91"/>
      <c r="GP2935" s="91"/>
      <c r="GQ2935" s="91"/>
      <c r="GR2935" s="91"/>
      <c r="GS2935" s="91"/>
      <c r="GT2935" s="91"/>
      <c r="GU2935" s="91"/>
      <c r="GV2935" s="91"/>
      <c r="GW2935" s="91"/>
      <c r="GX2935" s="127"/>
      <c r="GY2935" s="126"/>
      <c r="GZ2935" s="91"/>
      <c r="HA2935" s="91"/>
      <c r="HB2935" s="91"/>
      <c r="HC2935" s="91"/>
      <c r="HD2935" s="91"/>
      <c r="HE2935" s="91"/>
      <c r="HF2935" s="91"/>
      <c r="HG2935" s="91"/>
      <c r="HH2935" s="91"/>
      <c r="HI2935" s="91"/>
      <c r="HJ2935" s="91"/>
      <c r="HK2935" s="127"/>
      <c r="HL2935" s="126"/>
      <c r="HM2935" s="91"/>
      <c r="HN2935" s="91"/>
      <c r="HO2935" s="91"/>
      <c r="HP2935" s="91"/>
      <c r="HQ2935" s="91"/>
      <c r="HR2935" s="91"/>
      <c r="HS2935" s="91"/>
      <c r="HT2935" s="91"/>
      <c r="HU2935" s="91"/>
      <c r="HV2935" s="91"/>
      <c r="HW2935" s="91"/>
      <c r="HX2935" s="127"/>
      <c r="HY2935" s="126"/>
      <c r="HZ2935" s="91"/>
      <c r="IA2935" s="91"/>
      <c r="IB2935" s="91"/>
      <c r="IC2935" s="91"/>
      <c r="ID2935" s="91"/>
      <c r="IE2935" s="91"/>
      <c r="IF2935" s="91"/>
      <c r="IG2935" s="91"/>
      <c r="IH2935" s="91"/>
      <c r="II2935" s="91"/>
      <c r="IJ2935" s="91"/>
      <c r="IK2935" s="174"/>
    </row>
    <row r="2936" spans="2:245" x14ac:dyDescent="0.2">
      <c r="B2936" s="43"/>
      <c r="C2936" s="73"/>
      <c r="D2936" s="64"/>
      <c r="E2936" s="64"/>
      <c r="F2936" s="55"/>
      <c r="G2936" s="102"/>
      <c r="H2936" s="97"/>
      <c r="T2936" s="98"/>
      <c r="U2936" s="97"/>
      <c r="AG2936" s="98"/>
      <c r="AY2936" s="164"/>
      <c r="BK2936" s="98"/>
      <c r="BL2936" s="97"/>
      <c r="BX2936" s="98"/>
      <c r="CL2936" s="97"/>
      <c r="CX2936" s="98"/>
      <c r="DL2936" s="97"/>
      <c r="DX2936" s="98"/>
      <c r="EL2936" s="97"/>
      <c r="EX2936" s="98"/>
      <c r="EY2936" s="97"/>
      <c r="FL2936" s="126"/>
      <c r="FM2936" s="91"/>
      <c r="FN2936" s="91"/>
      <c r="FO2936" s="91"/>
      <c r="FP2936" s="91"/>
      <c r="FQ2936" s="91"/>
      <c r="FR2936" s="91"/>
      <c r="FS2936" s="91"/>
      <c r="FT2936" s="91"/>
      <c r="FU2936" s="91"/>
      <c r="FV2936" s="91"/>
      <c r="FW2936" s="91"/>
      <c r="FX2936" s="127"/>
      <c r="FY2936" s="126"/>
      <c r="FZ2936" s="91"/>
      <c r="GA2936" s="91"/>
      <c r="GB2936" s="91"/>
      <c r="GC2936" s="91"/>
      <c r="GD2936" s="91"/>
      <c r="GE2936" s="91"/>
      <c r="GF2936" s="91"/>
      <c r="GG2936" s="91"/>
      <c r="GH2936" s="91"/>
      <c r="GI2936" s="91"/>
      <c r="GJ2936" s="91"/>
      <c r="GK2936" s="127"/>
      <c r="GL2936" s="126"/>
      <c r="GM2936" s="91"/>
      <c r="GN2936" s="91"/>
      <c r="GO2936" s="91"/>
      <c r="GP2936" s="91"/>
      <c r="GQ2936" s="91"/>
      <c r="GR2936" s="91"/>
      <c r="GS2936" s="91"/>
      <c r="GT2936" s="91"/>
      <c r="GU2936" s="91"/>
      <c r="GV2936" s="91"/>
      <c r="GW2936" s="91"/>
      <c r="GX2936" s="127"/>
      <c r="GY2936" s="126"/>
      <c r="GZ2936" s="91"/>
      <c r="HA2936" s="91"/>
      <c r="HB2936" s="91"/>
      <c r="HC2936" s="91"/>
      <c r="HD2936" s="91"/>
      <c r="HE2936" s="91"/>
      <c r="HF2936" s="91"/>
      <c r="HG2936" s="91"/>
      <c r="HH2936" s="91"/>
      <c r="HI2936" s="91"/>
      <c r="HJ2936" s="91"/>
      <c r="HK2936" s="127"/>
      <c r="HL2936" s="126"/>
      <c r="HM2936" s="91"/>
      <c r="HN2936" s="91"/>
      <c r="HO2936" s="91"/>
      <c r="HP2936" s="91"/>
      <c r="HQ2936" s="91"/>
      <c r="HR2936" s="91"/>
      <c r="HS2936" s="91"/>
      <c r="HT2936" s="91"/>
      <c r="HU2936" s="91"/>
      <c r="HV2936" s="91"/>
      <c r="HW2936" s="91"/>
      <c r="HX2936" s="127"/>
      <c r="HY2936" s="126"/>
      <c r="HZ2936" s="91"/>
      <c r="IA2936" s="91"/>
      <c r="IB2936" s="91"/>
      <c r="IC2936" s="91"/>
      <c r="ID2936" s="91"/>
      <c r="IE2936" s="91"/>
      <c r="IF2936" s="91"/>
      <c r="IG2936" s="91"/>
      <c r="IH2936" s="91"/>
      <c r="II2936" s="91"/>
      <c r="IJ2936" s="91"/>
      <c r="IK2936" s="174"/>
    </row>
    <row r="2937" spans="2:245" x14ac:dyDescent="0.2">
      <c r="B2937" s="43"/>
      <c r="C2937" s="73"/>
      <c r="D2937" s="64"/>
      <c r="E2937" s="64"/>
      <c r="F2937" s="55"/>
      <c r="G2937" s="102"/>
      <c r="H2937" s="97"/>
      <c r="T2937" s="98"/>
      <c r="U2937" s="97"/>
      <c r="AG2937" s="98"/>
      <c r="AY2937" s="164"/>
      <c r="BK2937" s="98"/>
      <c r="BL2937" s="97"/>
      <c r="BX2937" s="98"/>
      <c r="CL2937" s="97"/>
      <c r="CX2937" s="98"/>
      <c r="DL2937" s="97"/>
      <c r="DX2937" s="98"/>
      <c r="EL2937" s="97"/>
      <c r="EX2937" s="98"/>
      <c r="EY2937" s="97"/>
      <c r="FL2937" s="126"/>
      <c r="FM2937" s="91"/>
      <c r="FN2937" s="91"/>
      <c r="FO2937" s="91"/>
      <c r="FP2937" s="91"/>
      <c r="FQ2937" s="91"/>
      <c r="FR2937" s="91"/>
      <c r="FS2937" s="91"/>
      <c r="FT2937" s="91"/>
      <c r="FU2937" s="91"/>
      <c r="FV2937" s="91"/>
      <c r="FW2937" s="91"/>
      <c r="FX2937" s="127"/>
      <c r="FY2937" s="126"/>
      <c r="FZ2937" s="91"/>
      <c r="GA2937" s="91"/>
      <c r="GB2937" s="91"/>
      <c r="GC2937" s="91"/>
      <c r="GD2937" s="91"/>
      <c r="GE2937" s="91"/>
      <c r="GF2937" s="91"/>
      <c r="GG2937" s="91"/>
      <c r="GH2937" s="91"/>
      <c r="GI2937" s="91"/>
      <c r="GJ2937" s="91"/>
      <c r="GK2937" s="127"/>
      <c r="GL2937" s="126"/>
      <c r="GM2937" s="91"/>
      <c r="GN2937" s="91"/>
      <c r="GO2937" s="91"/>
      <c r="GP2937" s="91"/>
      <c r="GQ2937" s="91"/>
      <c r="GR2937" s="91"/>
      <c r="GS2937" s="91"/>
      <c r="GT2937" s="91"/>
      <c r="GU2937" s="91"/>
      <c r="GV2937" s="91"/>
      <c r="GW2937" s="91"/>
      <c r="GX2937" s="127"/>
      <c r="GY2937" s="126"/>
      <c r="GZ2937" s="91"/>
      <c r="HA2937" s="91"/>
      <c r="HB2937" s="91"/>
      <c r="HC2937" s="91"/>
      <c r="HD2937" s="91"/>
      <c r="HE2937" s="91"/>
      <c r="HF2937" s="91"/>
      <c r="HG2937" s="91"/>
      <c r="HH2937" s="91"/>
      <c r="HI2937" s="91"/>
      <c r="HJ2937" s="91"/>
      <c r="HK2937" s="127"/>
      <c r="HL2937" s="126"/>
      <c r="HM2937" s="91"/>
      <c r="HN2937" s="91"/>
      <c r="HO2937" s="91"/>
      <c r="HP2937" s="91"/>
      <c r="HQ2937" s="91"/>
      <c r="HR2937" s="91"/>
      <c r="HS2937" s="91"/>
      <c r="HT2937" s="91"/>
      <c r="HU2937" s="91"/>
      <c r="HV2937" s="91"/>
      <c r="HW2937" s="91"/>
      <c r="HX2937" s="127"/>
      <c r="HY2937" s="126"/>
      <c r="HZ2937" s="91"/>
      <c r="IA2937" s="91"/>
      <c r="IB2937" s="91"/>
      <c r="IC2937" s="91"/>
      <c r="ID2937" s="91"/>
      <c r="IE2937" s="91"/>
      <c r="IF2937" s="91"/>
      <c r="IG2937" s="91"/>
      <c r="IH2937" s="91"/>
      <c r="II2937" s="91"/>
      <c r="IJ2937" s="91"/>
      <c r="IK2937" s="174"/>
    </row>
    <row r="2938" spans="2:245" x14ac:dyDescent="0.2">
      <c r="B2938" s="43"/>
      <c r="C2938" s="73"/>
      <c r="D2938" s="64"/>
      <c r="E2938" s="64"/>
      <c r="F2938" s="55"/>
      <c r="G2938" s="102"/>
      <c r="H2938" s="97"/>
      <c r="T2938" s="98"/>
      <c r="U2938" s="97"/>
      <c r="AG2938" s="98"/>
      <c r="AY2938" s="164"/>
      <c r="BK2938" s="98"/>
      <c r="BL2938" s="97"/>
      <c r="BX2938" s="98"/>
      <c r="CL2938" s="97"/>
      <c r="CX2938" s="98"/>
      <c r="DL2938" s="97"/>
      <c r="DX2938" s="98"/>
      <c r="EL2938" s="97"/>
      <c r="EX2938" s="98"/>
      <c r="EY2938" s="97"/>
      <c r="FL2938" s="126"/>
      <c r="FM2938" s="91"/>
      <c r="FN2938" s="91"/>
      <c r="FO2938" s="91"/>
      <c r="FP2938" s="91"/>
      <c r="FQ2938" s="91"/>
      <c r="FR2938" s="91"/>
      <c r="FS2938" s="91"/>
      <c r="FT2938" s="91"/>
      <c r="FU2938" s="91"/>
      <c r="FV2938" s="91"/>
      <c r="FW2938" s="91"/>
      <c r="FX2938" s="127"/>
      <c r="FY2938" s="126"/>
      <c r="FZ2938" s="91"/>
      <c r="GA2938" s="91"/>
      <c r="GB2938" s="91"/>
      <c r="GC2938" s="91"/>
      <c r="GD2938" s="91"/>
      <c r="GE2938" s="91"/>
      <c r="GF2938" s="91"/>
      <c r="GG2938" s="91"/>
      <c r="GH2938" s="91"/>
      <c r="GI2938" s="91"/>
      <c r="GJ2938" s="91"/>
      <c r="GK2938" s="127"/>
      <c r="GL2938" s="126"/>
      <c r="GM2938" s="91"/>
      <c r="GN2938" s="91"/>
      <c r="GO2938" s="91"/>
      <c r="GP2938" s="91"/>
      <c r="GQ2938" s="91"/>
      <c r="GR2938" s="91"/>
      <c r="GS2938" s="91"/>
      <c r="GT2938" s="91"/>
      <c r="GU2938" s="91"/>
      <c r="GV2938" s="91"/>
      <c r="GW2938" s="91"/>
      <c r="GX2938" s="127"/>
      <c r="GY2938" s="126"/>
      <c r="GZ2938" s="91"/>
      <c r="HA2938" s="91"/>
      <c r="HB2938" s="91"/>
      <c r="HC2938" s="91"/>
      <c r="HD2938" s="91"/>
      <c r="HE2938" s="91"/>
      <c r="HF2938" s="91"/>
      <c r="HG2938" s="91"/>
      <c r="HH2938" s="91"/>
      <c r="HI2938" s="91"/>
      <c r="HJ2938" s="91"/>
      <c r="HK2938" s="127"/>
      <c r="HL2938" s="126"/>
      <c r="HM2938" s="91"/>
      <c r="HN2938" s="91"/>
      <c r="HO2938" s="91"/>
      <c r="HP2938" s="91"/>
      <c r="HQ2938" s="91"/>
      <c r="HR2938" s="91"/>
      <c r="HS2938" s="91"/>
      <c r="HT2938" s="91"/>
      <c r="HU2938" s="91"/>
      <c r="HV2938" s="91"/>
      <c r="HW2938" s="91"/>
      <c r="HX2938" s="127"/>
      <c r="HY2938" s="126"/>
      <c r="HZ2938" s="91"/>
      <c r="IA2938" s="91"/>
      <c r="IB2938" s="91"/>
      <c r="IC2938" s="91"/>
      <c r="ID2938" s="91"/>
      <c r="IE2938" s="91"/>
      <c r="IF2938" s="91"/>
      <c r="IG2938" s="91"/>
      <c r="IH2938" s="91"/>
      <c r="II2938" s="91"/>
      <c r="IJ2938" s="91"/>
      <c r="IK2938" s="174"/>
    </row>
    <row r="2939" spans="2:245" x14ac:dyDescent="0.2">
      <c r="B2939" s="43"/>
      <c r="C2939" s="73"/>
      <c r="D2939" s="64"/>
      <c r="E2939" s="64"/>
      <c r="F2939" s="55"/>
      <c r="G2939" s="102"/>
      <c r="H2939" s="97"/>
      <c r="T2939" s="98"/>
      <c r="U2939" s="97"/>
      <c r="AG2939" s="98"/>
      <c r="AY2939" s="164"/>
      <c r="BK2939" s="98"/>
      <c r="BL2939" s="97"/>
      <c r="BX2939" s="98"/>
      <c r="CL2939" s="97"/>
      <c r="CX2939" s="98"/>
      <c r="DL2939" s="97"/>
      <c r="DX2939" s="98"/>
      <c r="EL2939" s="97"/>
      <c r="EX2939" s="98"/>
      <c r="EY2939" s="97"/>
      <c r="FL2939" s="126"/>
      <c r="FM2939" s="91"/>
      <c r="FN2939" s="91"/>
      <c r="FO2939" s="91"/>
      <c r="FP2939" s="91"/>
      <c r="FQ2939" s="91"/>
      <c r="FR2939" s="91"/>
      <c r="FS2939" s="91"/>
      <c r="FT2939" s="91"/>
      <c r="FU2939" s="91"/>
      <c r="FV2939" s="91"/>
      <c r="FW2939" s="91"/>
      <c r="FX2939" s="127"/>
      <c r="FY2939" s="126"/>
      <c r="FZ2939" s="91"/>
      <c r="GA2939" s="91"/>
      <c r="GB2939" s="91"/>
      <c r="GC2939" s="91"/>
      <c r="GD2939" s="91"/>
      <c r="GE2939" s="91"/>
      <c r="GF2939" s="91"/>
      <c r="GG2939" s="91"/>
      <c r="GH2939" s="91"/>
      <c r="GI2939" s="91"/>
      <c r="GJ2939" s="91"/>
      <c r="GK2939" s="127"/>
      <c r="GL2939" s="126"/>
      <c r="GM2939" s="91"/>
      <c r="GN2939" s="91"/>
      <c r="GO2939" s="91"/>
      <c r="GP2939" s="91"/>
      <c r="GQ2939" s="91"/>
      <c r="GR2939" s="91"/>
      <c r="GS2939" s="91"/>
      <c r="GT2939" s="91"/>
      <c r="GU2939" s="91"/>
      <c r="GV2939" s="91"/>
      <c r="GW2939" s="91"/>
      <c r="GX2939" s="127"/>
      <c r="GY2939" s="126"/>
      <c r="GZ2939" s="91"/>
      <c r="HA2939" s="91"/>
      <c r="HB2939" s="91"/>
      <c r="HC2939" s="91"/>
      <c r="HD2939" s="91"/>
      <c r="HE2939" s="91"/>
      <c r="HF2939" s="91"/>
      <c r="HG2939" s="91"/>
      <c r="HH2939" s="91"/>
      <c r="HI2939" s="91"/>
      <c r="HJ2939" s="91"/>
      <c r="HK2939" s="127"/>
      <c r="HL2939" s="126"/>
      <c r="HM2939" s="91"/>
      <c r="HN2939" s="91"/>
      <c r="HO2939" s="91"/>
      <c r="HP2939" s="91"/>
      <c r="HQ2939" s="91"/>
      <c r="HR2939" s="91"/>
      <c r="HS2939" s="91"/>
      <c r="HT2939" s="91"/>
      <c r="HU2939" s="91"/>
      <c r="HV2939" s="91"/>
      <c r="HW2939" s="91"/>
      <c r="HX2939" s="127"/>
      <c r="HY2939" s="126"/>
      <c r="HZ2939" s="91"/>
      <c r="IA2939" s="91"/>
      <c r="IB2939" s="91"/>
      <c r="IC2939" s="91"/>
      <c r="ID2939" s="91"/>
      <c r="IE2939" s="91"/>
      <c r="IF2939" s="91"/>
      <c r="IG2939" s="91"/>
      <c r="IH2939" s="91"/>
      <c r="II2939" s="91"/>
      <c r="IJ2939" s="91"/>
      <c r="IK2939" s="174"/>
    </row>
    <row r="2940" spans="2:245" x14ac:dyDescent="0.2">
      <c r="B2940" s="43"/>
      <c r="C2940" s="73"/>
      <c r="D2940" s="64"/>
      <c r="E2940" s="64"/>
      <c r="F2940" s="55"/>
      <c r="G2940" s="102"/>
      <c r="H2940" s="97"/>
      <c r="T2940" s="98"/>
      <c r="U2940" s="97"/>
      <c r="AG2940" s="98"/>
      <c r="AY2940" s="164"/>
      <c r="BK2940" s="98"/>
      <c r="BL2940" s="97"/>
      <c r="BX2940" s="98"/>
      <c r="CL2940" s="97"/>
      <c r="CX2940" s="98"/>
      <c r="DL2940" s="97"/>
      <c r="DX2940" s="98"/>
      <c r="EL2940" s="97"/>
      <c r="EX2940" s="98"/>
      <c r="EY2940" s="97"/>
      <c r="FL2940" s="126"/>
      <c r="FM2940" s="91"/>
      <c r="FN2940" s="91"/>
      <c r="FO2940" s="91"/>
      <c r="FP2940" s="91"/>
      <c r="FQ2940" s="91"/>
      <c r="FR2940" s="91"/>
      <c r="FS2940" s="91"/>
      <c r="FT2940" s="91"/>
      <c r="FU2940" s="91"/>
      <c r="FV2940" s="91"/>
      <c r="FW2940" s="91"/>
      <c r="FX2940" s="127"/>
      <c r="FY2940" s="126"/>
      <c r="FZ2940" s="91"/>
      <c r="GA2940" s="91"/>
      <c r="GB2940" s="91"/>
      <c r="GC2940" s="91"/>
      <c r="GD2940" s="91"/>
      <c r="GE2940" s="91"/>
      <c r="GF2940" s="91"/>
      <c r="GG2940" s="91"/>
      <c r="GH2940" s="91"/>
      <c r="GI2940" s="91"/>
      <c r="GJ2940" s="91"/>
      <c r="GK2940" s="127"/>
      <c r="GL2940" s="126"/>
      <c r="GM2940" s="91"/>
      <c r="GN2940" s="91"/>
      <c r="GO2940" s="91"/>
      <c r="GP2940" s="91"/>
      <c r="GQ2940" s="91"/>
      <c r="GR2940" s="91"/>
      <c r="GS2940" s="91"/>
      <c r="GT2940" s="91"/>
      <c r="GU2940" s="91"/>
      <c r="GV2940" s="91"/>
      <c r="GW2940" s="91"/>
      <c r="GX2940" s="127"/>
      <c r="GY2940" s="126"/>
      <c r="GZ2940" s="91"/>
      <c r="HA2940" s="91"/>
      <c r="HB2940" s="91"/>
      <c r="HC2940" s="91"/>
      <c r="HD2940" s="91"/>
      <c r="HE2940" s="91"/>
      <c r="HF2940" s="91"/>
      <c r="HG2940" s="91"/>
      <c r="HH2940" s="91"/>
      <c r="HI2940" s="91"/>
      <c r="HJ2940" s="91"/>
      <c r="HK2940" s="127"/>
      <c r="HL2940" s="126"/>
      <c r="HM2940" s="91"/>
      <c r="HN2940" s="91"/>
      <c r="HO2940" s="91"/>
      <c r="HP2940" s="91"/>
      <c r="HQ2940" s="91"/>
      <c r="HR2940" s="91"/>
      <c r="HS2940" s="91"/>
      <c r="HT2940" s="91"/>
      <c r="HU2940" s="91"/>
      <c r="HV2940" s="91"/>
      <c r="HW2940" s="91"/>
      <c r="HX2940" s="127"/>
      <c r="HY2940" s="126"/>
      <c r="HZ2940" s="91"/>
      <c r="IA2940" s="91"/>
      <c r="IB2940" s="91"/>
      <c r="IC2940" s="91"/>
      <c r="ID2940" s="91"/>
      <c r="IE2940" s="91"/>
      <c r="IF2940" s="91"/>
      <c r="IG2940" s="91"/>
      <c r="IH2940" s="91"/>
      <c r="II2940" s="91"/>
      <c r="IJ2940" s="91"/>
      <c r="IK2940" s="174"/>
    </row>
    <row r="2941" spans="2:245" x14ac:dyDescent="0.2">
      <c r="B2941" s="43"/>
      <c r="C2941" s="73"/>
      <c r="D2941" s="64"/>
      <c r="E2941" s="64"/>
      <c r="F2941" s="55"/>
      <c r="G2941" s="102"/>
      <c r="H2941" s="97"/>
      <c r="T2941" s="98"/>
      <c r="U2941" s="97"/>
      <c r="AG2941" s="98"/>
      <c r="AY2941" s="164"/>
      <c r="BK2941" s="98"/>
      <c r="BL2941" s="97"/>
      <c r="BX2941" s="98"/>
      <c r="CL2941" s="97"/>
      <c r="CX2941" s="98"/>
      <c r="DL2941" s="97"/>
      <c r="DX2941" s="98"/>
      <c r="EL2941" s="97"/>
      <c r="EX2941" s="98"/>
      <c r="EY2941" s="97"/>
      <c r="FL2941" s="126"/>
      <c r="FM2941" s="91"/>
      <c r="FN2941" s="91"/>
      <c r="FO2941" s="91"/>
      <c r="FP2941" s="91"/>
      <c r="FQ2941" s="91"/>
      <c r="FR2941" s="91"/>
      <c r="FS2941" s="91"/>
      <c r="FT2941" s="91"/>
      <c r="FU2941" s="91"/>
      <c r="FV2941" s="91"/>
      <c r="FW2941" s="91"/>
      <c r="FX2941" s="127"/>
      <c r="FY2941" s="126"/>
      <c r="FZ2941" s="91"/>
      <c r="GA2941" s="91"/>
      <c r="GB2941" s="91"/>
      <c r="GC2941" s="91"/>
      <c r="GD2941" s="91"/>
      <c r="GE2941" s="91"/>
      <c r="GF2941" s="91"/>
      <c r="GG2941" s="91"/>
      <c r="GH2941" s="91"/>
      <c r="GI2941" s="91"/>
      <c r="GJ2941" s="91"/>
      <c r="GK2941" s="127"/>
      <c r="GL2941" s="126"/>
      <c r="GM2941" s="91"/>
      <c r="GN2941" s="91"/>
      <c r="GO2941" s="91"/>
      <c r="GP2941" s="91"/>
      <c r="GQ2941" s="91"/>
      <c r="GR2941" s="91"/>
      <c r="GS2941" s="91"/>
      <c r="GT2941" s="91"/>
      <c r="GU2941" s="91"/>
      <c r="GV2941" s="91"/>
      <c r="GW2941" s="91"/>
      <c r="GX2941" s="127"/>
      <c r="GY2941" s="126"/>
      <c r="GZ2941" s="91"/>
      <c r="HA2941" s="91"/>
      <c r="HB2941" s="91"/>
      <c r="HC2941" s="91"/>
      <c r="HD2941" s="91"/>
      <c r="HE2941" s="91"/>
      <c r="HF2941" s="91"/>
      <c r="HG2941" s="91"/>
      <c r="HH2941" s="91"/>
      <c r="HI2941" s="91"/>
      <c r="HJ2941" s="91"/>
      <c r="HK2941" s="127"/>
      <c r="HL2941" s="126"/>
      <c r="HM2941" s="91"/>
      <c r="HN2941" s="91"/>
      <c r="HO2941" s="91"/>
      <c r="HP2941" s="91"/>
      <c r="HQ2941" s="91"/>
      <c r="HR2941" s="91"/>
      <c r="HS2941" s="91"/>
      <c r="HT2941" s="91"/>
      <c r="HU2941" s="91"/>
      <c r="HV2941" s="91"/>
      <c r="HW2941" s="91"/>
      <c r="HX2941" s="127"/>
      <c r="HY2941" s="126"/>
      <c r="HZ2941" s="91"/>
      <c r="IA2941" s="91"/>
      <c r="IB2941" s="91"/>
      <c r="IC2941" s="91"/>
      <c r="ID2941" s="91"/>
      <c r="IE2941" s="91"/>
      <c r="IF2941" s="91"/>
      <c r="IG2941" s="91"/>
      <c r="IH2941" s="91"/>
      <c r="II2941" s="91"/>
      <c r="IJ2941" s="91"/>
      <c r="IK2941" s="174"/>
    </row>
    <row r="2942" spans="2:245" x14ac:dyDescent="0.2">
      <c r="B2942" s="43"/>
      <c r="C2942" s="73"/>
      <c r="D2942" s="64"/>
      <c r="E2942" s="64"/>
      <c r="F2942" s="55"/>
      <c r="G2942" s="102"/>
      <c r="H2942" s="97"/>
      <c r="T2942" s="98"/>
      <c r="U2942" s="97"/>
      <c r="AG2942" s="98"/>
      <c r="AY2942" s="164"/>
      <c r="BK2942" s="98"/>
      <c r="BL2942" s="97"/>
      <c r="BX2942" s="98"/>
      <c r="CL2942" s="97"/>
      <c r="CX2942" s="98"/>
      <c r="DL2942" s="97"/>
      <c r="DX2942" s="98"/>
      <c r="EL2942" s="97"/>
      <c r="EX2942" s="98"/>
      <c r="EY2942" s="97"/>
      <c r="FL2942" s="126"/>
      <c r="FM2942" s="91"/>
      <c r="FN2942" s="91"/>
      <c r="FO2942" s="91"/>
      <c r="FP2942" s="91"/>
      <c r="FQ2942" s="91"/>
      <c r="FR2942" s="91"/>
      <c r="FS2942" s="91"/>
      <c r="FT2942" s="91"/>
      <c r="FU2942" s="91"/>
      <c r="FV2942" s="91"/>
      <c r="FW2942" s="91"/>
      <c r="FX2942" s="127"/>
      <c r="FY2942" s="126"/>
      <c r="FZ2942" s="91"/>
      <c r="GA2942" s="91"/>
      <c r="GB2942" s="91"/>
      <c r="GC2942" s="91"/>
      <c r="GD2942" s="91"/>
      <c r="GE2942" s="91"/>
      <c r="GF2942" s="91"/>
      <c r="GG2942" s="91"/>
      <c r="GH2942" s="91"/>
      <c r="GI2942" s="91"/>
      <c r="GJ2942" s="91"/>
      <c r="GK2942" s="127"/>
      <c r="GL2942" s="126"/>
      <c r="GM2942" s="91"/>
      <c r="GN2942" s="91"/>
      <c r="GO2942" s="91"/>
      <c r="GP2942" s="91"/>
      <c r="GQ2942" s="91"/>
      <c r="GR2942" s="91"/>
      <c r="GS2942" s="91"/>
      <c r="GT2942" s="91"/>
      <c r="GU2942" s="91"/>
      <c r="GV2942" s="91"/>
      <c r="GW2942" s="91"/>
      <c r="GX2942" s="127"/>
      <c r="GY2942" s="126"/>
      <c r="GZ2942" s="91"/>
      <c r="HA2942" s="91"/>
      <c r="HB2942" s="91"/>
      <c r="HC2942" s="91"/>
      <c r="HD2942" s="91"/>
      <c r="HE2942" s="91"/>
      <c r="HF2942" s="91"/>
      <c r="HG2942" s="91"/>
      <c r="HH2942" s="91"/>
      <c r="HI2942" s="91"/>
      <c r="HJ2942" s="91"/>
      <c r="HK2942" s="127"/>
      <c r="HL2942" s="126"/>
      <c r="HM2942" s="91"/>
      <c r="HN2942" s="91"/>
      <c r="HO2942" s="91"/>
      <c r="HP2942" s="91"/>
      <c r="HQ2942" s="91"/>
      <c r="HR2942" s="91"/>
      <c r="HS2942" s="91"/>
      <c r="HT2942" s="91"/>
      <c r="HU2942" s="91"/>
      <c r="HV2942" s="91"/>
      <c r="HW2942" s="91"/>
      <c r="HX2942" s="127"/>
      <c r="HY2942" s="126"/>
      <c r="HZ2942" s="91"/>
      <c r="IA2942" s="91"/>
      <c r="IB2942" s="91"/>
      <c r="IC2942" s="91"/>
      <c r="ID2942" s="91"/>
      <c r="IE2942" s="91"/>
      <c r="IF2942" s="91"/>
      <c r="IG2942" s="91"/>
      <c r="IH2942" s="91"/>
      <c r="II2942" s="91"/>
      <c r="IJ2942" s="91"/>
      <c r="IK2942" s="174"/>
    </row>
    <row r="2943" spans="2:245" x14ac:dyDescent="0.2">
      <c r="B2943" s="43"/>
      <c r="C2943" s="73"/>
      <c r="D2943" s="64"/>
      <c r="E2943" s="64"/>
      <c r="F2943" s="55"/>
      <c r="G2943" s="102"/>
      <c r="H2943" s="97"/>
      <c r="T2943" s="98"/>
      <c r="U2943" s="97"/>
      <c r="AG2943" s="98"/>
      <c r="AY2943" s="164"/>
      <c r="BK2943" s="98"/>
      <c r="BL2943" s="97"/>
      <c r="BX2943" s="98"/>
      <c r="CL2943" s="97"/>
      <c r="CX2943" s="98"/>
      <c r="DL2943" s="97"/>
      <c r="DX2943" s="98"/>
      <c r="EL2943" s="97"/>
      <c r="EX2943" s="98"/>
      <c r="EY2943" s="97"/>
      <c r="FL2943" s="126"/>
      <c r="FM2943" s="91"/>
      <c r="FN2943" s="91"/>
      <c r="FO2943" s="91"/>
      <c r="FP2943" s="91"/>
      <c r="FQ2943" s="91"/>
      <c r="FR2943" s="91"/>
      <c r="FS2943" s="91"/>
      <c r="FT2943" s="91"/>
      <c r="FU2943" s="91"/>
      <c r="FV2943" s="91"/>
      <c r="FW2943" s="91"/>
      <c r="FX2943" s="127"/>
      <c r="FY2943" s="126"/>
      <c r="FZ2943" s="91"/>
      <c r="GA2943" s="91"/>
      <c r="GB2943" s="91"/>
      <c r="GC2943" s="91"/>
      <c r="GD2943" s="91"/>
      <c r="GE2943" s="91"/>
      <c r="GF2943" s="91"/>
      <c r="GG2943" s="91"/>
      <c r="GH2943" s="91"/>
      <c r="GI2943" s="91"/>
      <c r="GJ2943" s="91"/>
      <c r="GK2943" s="127"/>
      <c r="GL2943" s="126"/>
      <c r="GM2943" s="91"/>
      <c r="GN2943" s="91"/>
      <c r="GO2943" s="91"/>
      <c r="GP2943" s="91"/>
      <c r="GQ2943" s="91"/>
      <c r="GR2943" s="91"/>
      <c r="GS2943" s="91"/>
      <c r="GT2943" s="91"/>
      <c r="GU2943" s="91"/>
      <c r="GV2943" s="91"/>
      <c r="GW2943" s="91"/>
      <c r="GX2943" s="127"/>
      <c r="GY2943" s="126"/>
      <c r="GZ2943" s="91"/>
      <c r="HA2943" s="91"/>
      <c r="HB2943" s="91"/>
      <c r="HC2943" s="91"/>
      <c r="HD2943" s="91"/>
      <c r="HE2943" s="91"/>
      <c r="HF2943" s="91"/>
      <c r="HG2943" s="91"/>
      <c r="HH2943" s="91"/>
      <c r="HI2943" s="91"/>
      <c r="HJ2943" s="91"/>
      <c r="HK2943" s="127"/>
      <c r="HL2943" s="126"/>
      <c r="HM2943" s="91"/>
      <c r="HN2943" s="91"/>
      <c r="HO2943" s="91"/>
      <c r="HP2943" s="91"/>
      <c r="HQ2943" s="91"/>
      <c r="HR2943" s="91"/>
      <c r="HS2943" s="91"/>
      <c r="HT2943" s="91"/>
      <c r="HU2943" s="91"/>
      <c r="HV2943" s="91"/>
      <c r="HW2943" s="91"/>
      <c r="HX2943" s="127"/>
      <c r="HY2943" s="126"/>
      <c r="HZ2943" s="91"/>
      <c r="IA2943" s="91"/>
      <c r="IB2943" s="91"/>
      <c r="IC2943" s="91"/>
      <c r="ID2943" s="91"/>
      <c r="IE2943" s="91"/>
      <c r="IF2943" s="91"/>
      <c r="IG2943" s="91"/>
      <c r="IH2943" s="91"/>
      <c r="II2943" s="91"/>
      <c r="IJ2943" s="91"/>
      <c r="IK2943" s="174"/>
    </row>
    <row r="2944" spans="2:245" x14ac:dyDescent="0.2">
      <c r="B2944" s="43"/>
      <c r="C2944" s="73"/>
      <c r="D2944" s="64"/>
      <c r="E2944" s="64"/>
      <c r="F2944" s="55"/>
      <c r="G2944" s="102"/>
      <c r="H2944" s="97"/>
      <c r="T2944" s="98"/>
      <c r="U2944" s="97"/>
      <c r="AG2944" s="98"/>
      <c r="AY2944" s="164"/>
      <c r="BK2944" s="98"/>
      <c r="BL2944" s="97"/>
      <c r="BX2944" s="98"/>
      <c r="CL2944" s="97"/>
      <c r="CX2944" s="98"/>
      <c r="DL2944" s="97"/>
      <c r="DX2944" s="98"/>
      <c r="EL2944" s="97"/>
      <c r="EX2944" s="98"/>
      <c r="EY2944" s="97"/>
      <c r="FL2944" s="126"/>
      <c r="FM2944" s="91"/>
      <c r="FN2944" s="91"/>
      <c r="FO2944" s="91"/>
      <c r="FP2944" s="91"/>
      <c r="FQ2944" s="91"/>
      <c r="FR2944" s="91"/>
      <c r="FS2944" s="91"/>
      <c r="FT2944" s="91"/>
      <c r="FU2944" s="91"/>
      <c r="FV2944" s="91"/>
      <c r="FW2944" s="91"/>
      <c r="FX2944" s="127"/>
      <c r="FY2944" s="126"/>
      <c r="FZ2944" s="91"/>
      <c r="GA2944" s="91"/>
      <c r="GB2944" s="91"/>
      <c r="GC2944" s="91"/>
      <c r="GD2944" s="91"/>
      <c r="GE2944" s="91"/>
      <c r="GF2944" s="91"/>
      <c r="GG2944" s="91"/>
      <c r="GH2944" s="91"/>
      <c r="GI2944" s="91"/>
      <c r="GJ2944" s="91"/>
      <c r="GK2944" s="127"/>
      <c r="GL2944" s="126"/>
      <c r="GM2944" s="91"/>
      <c r="GN2944" s="91"/>
      <c r="GO2944" s="91"/>
      <c r="GP2944" s="91"/>
      <c r="GQ2944" s="91"/>
      <c r="GR2944" s="91"/>
      <c r="GS2944" s="91"/>
      <c r="GT2944" s="91"/>
      <c r="GU2944" s="91"/>
      <c r="GV2944" s="91"/>
      <c r="GW2944" s="91"/>
      <c r="GX2944" s="127"/>
      <c r="GY2944" s="126"/>
      <c r="GZ2944" s="91"/>
      <c r="HA2944" s="91"/>
      <c r="HB2944" s="91"/>
      <c r="HC2944" s="91"/>
      <c r="HD2944" s="91"/>
      <c r="HE2944" s="91"/>
      <c r="HF2944" s="91"/>
      <c r="HG2944" s="91"/>
      <c r="HH2944" s="91"/>
      <c r="HI2944" s="91"/>
      <c r="HJ2944" s="91"/>
      <c r="HK2944" s="127"/>
      <c r="HL2944" s="126"/>
      <c r="HM2944" s="91"/>
      <c r="HN2944" s="91"/>
      <c r="HO2944" s="91"/>
      <c r="HP2944" s="91"/>
      <c r="HQ2944" s="91"/>
      <c r="HR2944" s="91"/>
      <c r="HS2944" s="91"/>
      <c r="HT2944" s="91"/>
      <c r="HU2944" s="91"/>
      <c r="HV2944" s="91"/>
      <c r="HW2944" s="91"/>
      <c r="HX2944" s="127"/>
      <c r="HY2944" s="126"/>
      <c r="HZ2944" s="91"/>
      <c r="IA2944" s="91"/>
      <c r="IB2944" s="91"/>
      <c r="IC2944" s="91"/>
      <c r="ID2944" s="91"/>
      <c r="IE2944" s="91"/>
      <c r="IF2944" s="91"/>
      <c r="IG2944" s="91"/>
      <c r="IH2944" s="91"/>
      <c r="II2944" s="91"/>
      <c r="IJ2944" s="91"/>
      <c r="IK2944" s="174"/>
    </row>
    <row r="2945" spans="2:245" x14ac:dyDescent="0.2">
      <c r="B2945" s="43"/>
      <c r="C2945" s="73"/>
      <c r="D2945" s="64"/>
      <c r="E2945" s="64"/>
      <c r="F2945" s="55"/>
      <c r="G2945" s="102"/>
      <c r="H2945" s="97"/>
      <c r="T2945" s="98"/>
      <c r="U2945" s="97"/>
      <c r="AG2945" s="98"/>
      <c r="AY2945" s="164"/>
      <c r="BK2945" s="98"/>
      <c r="BL2945" s="97"/>
      <c r="BX2945" s="98"/>
      <c r="CL2945" s="97"/>
      <c r="CX2945" s="98"/>
      <c r="DL2945" s="97"/>
      <c r="DX2945" s="98"/>
      <c r="EL2945" s="97"/>
      <c r="EX2945" s="98"/>
      <c r="EY2945" s="97"/>
      <c r="FL2945" s="126"/>
      <c r="FM2945" s="91"/>
      <c r="FN2945" s="91"/>
      <c r="FO2945" s="91"/>
      <c r="FP2945" s="91"/>
      <c r="FQ2945" s="91"/>
      <c r="FR2945" s="91"/>
      <c r="FS2945" s="91"/>
      <c r="FT2945" s="91"/>
      <c r="FU2945" s="91"/>
      <c r="FV2945" s="91"/>
      <c r="FW2945" s="91"/>
      <c r="FX2945" s="127"/>
      <c r="FY2945" s="126"/>
      <c r="FZ2945" s="91"/>
      <c r="GA2945" s="91"/>
      <c r="GB2945" s="91"/>
      <c r="GC2945" s="91"/>
      <c r="GD2945" s="91"/>
      <c r="GE2945" s="91"/>
      <c r="GF2945" s="91"/>
      <c r="GG2945" s="91"/>
      <c r="GH2945" s="91"/>
      <c r="GI2945" s="91"/>
      <c r="GJ2945" s="91"/>
      <c r="GK2945" s="127"/>
      <c r="GL2945" s="126"/>
      <c r="GM2945" s="91"/>
      <c r="GN2945" s="91"/>
      <c r="GO2945" s="91"/>
      <c r="GP2945" s="91"/>
      <c r="GQ2945" s="91"/>
      <c r="GR2945" s="91"/>
      <c r="GS2945" s="91"/>
      <c r="GT2945" s="91"/>
      <c r="GU2945" s="91"/>
      <c r="GV2945" s="91"/>
      <c r="GW2945" s="91"/>
      <c r="GX2945" s="127"/>
      <c r="GY2945" s="126"/>
      <c r="GZ2945" s="91"/>
      <c r="HA2945" s="91"/>
      <c r="HB2945" s="91"/>
      <c r="HC2945" s="91"/>
      <c r="HD2945" s="91"/>
      <c r="HE2945" s="91"/>
      <c r="HF2945" s="91"/>
      <c r="HG2945" s="91"/>
      <c r="HH2945" s="91"/>
      <c r="HI2945" s="91"/>
      <c r="HJ2945" s="91"/>
      <c r="HK2945" s="127"/>
      <c r="HL2945" s="126"/>
      <c r="HM2945" s="91"/>
      <c r="HN2945" s="91"/>
      <c r="HO2945" s="91"/>
      <c r="HP2945" s="91"/>
      <c r="HQ2945" s="91"/>
      <c r="HR2945" s="91"/>
      <c r="HS2945" s="91"/>
      <c r="HT2945" s="91"/>
      <c r="HU2945" s="91"/>
      <c r="HV2945" s="91"/>
      <c r="HW2945" s="91"/>
      <c r="HX2945" s="127"/>
      <c r="HY2945" s="126"/>
      <c r="HZ2945" s="91"/>
      <c r="IA2945" s="91"/>
      <c r="IB2945" s="91"/>
      <c r="IC2945" s="91"/>
      <c r="ID2945" s="91"/>
      <c r="IE2945" s="91"/>
      <c r="IF2945" s="91"/>
      <c r="IG2945" s="91"/>
      <c r="IH2945" s="91"/>
      <c r="II2945" s="91"/>
      <c r="IJ2945" s="91"/>
      <c r="IK2945" s="174"/>
    </row>
    <row r="2946" spans="2:245" x14ac:dyDescent="0.2">
      <c r="B2946" s="43"/>
      <c r="C2946" s="73"/>
      <c r="D2946" s="64"/>
      <c r="E2946" s="64"/>
      <c r="F2946" s="55"/>
      <c r="G2946" s="102"/>
      <c r="H2946" s="97"/>
      <c r="T2946" s="98"/>
      <c r="U2946" s="97"/>
      <c r="AG2946" s="98"/>
      <c r="AY2946" s="164"/>
      <c r="BK2946" s="98"/>
      <c r="BL2946" s="97"/>
      <c r="BX2946" s="98"/>
      <c r="CL2946" s="97"/>
      <c r="CX2946" s="98"/>
      <c r="DL2946" s="97"/>
      <c r="DX2946" s="98"/>
      <c r="EL2946" s="97"/>
      <c r="EX2946" s="98"/>
      <c r="EY2946" s="97"/>
      <c r="FL2946" s="126"/>
      <c r="FM2946" s="91"/>
      <c r="FN2946" s="91"/>
      <c r="FO2946" s="91"/>
      <c r="FP2946" s="91"/>
      <c r="FQ2946" s="91"/>
      <c r="FR2946" s="91"/>
      <c r="FS2946" s="91"/>
      <c r="FT2946" s="91"/>
      <c r="FU2946" s="91"/>
      <c r="FV2946" s="91"/>
      <c r="FW2946" s="91"/>
      <c r="FX2946" s="127"/>
      <c r="FY2946" s="126"/>
      <c r="FZ2946" s="91"/>
      <c r="GA2946" s="91"/>
      <c r="GB2946" s="91"/>
      <c r="GC2946" s="91"/>
      <c r="GD2946" s="91"/>
      <c r="GE2946" s="91"/>
      <c r="GF2946" s="91"/>
      <c r="GG2946" s="91"/>
      <c r="GH2946" s="91"/>
      <c r="GI2946" s="91"/>
      <c r="GJ2946" s="91"/>
      <c r="GK2946" s="127"/>
      <c r="GL2946" s="126"/>
      <c r="GM2946" s="91"/>
      <c r="GN2946" s="91"/>
      <c r="GO2946" s="91"/>
      <c r="GP2946" s="91"/>
      <c r="GQ2946" s="91"/>
      <c r="GR2946" s="91"/>
      <c r="GS2946" s="91"/>
      <c r="GT2946" s="91"/>
      <c r="GU2946" s="91"/>
      <c r="GV2946" s="91"/>
      <c r="GW2946" s="91"/>
      <c r="GX2946" s="127"/>
      <c r="GY2946" s="126"/>
      <c r="GZ2946" s="91"/>
      <c r="HA2946" s="91"/>
      <c r="HB2946" s="91"/>
      <c r="HC2946" s="91"/>
      <c r="HD2946" s="91"/>
      <c r="HE2946" s="91"/>
      <c r="HF2946" s="91"/>
      <c r="HG2946" s="91"/>
      <c r="HH2946" s="91"/>
      <c r="HI2946" s="91"/>
      <c r="HJ2946" s="91"/>
      <c r="HK2946" s="127"/>
      <c r="HL2946" s="126"/>
      <c r="HM2946" s="91"/>
      <c r="HN2946" s="91"/>
      <c r="HO2946" s="91"/>
      <c r="HP2946" s="91"/>
      <c r="HQ2946" s="91"/>
      <c r="HR2946" s="91"/>
      <c r="HS2946" s="91"/>
      <c r="HT2946" s="91"/>
      <c r="HU2946" s="91"/>
      <c r="HV2946" s="91"/>
      <c r="HW2946" s="91"/>
      <c r="HX2946" s="127"/>
      <c r="HY2946" s="126"/>
      <c r="HZ2946" s="91"/>
      <c r="IA2946" s="91"/>
      <c r="IB2946" s="91"/>
      <c r="IC2946" s="91"/>
      <c r="ID2946" s="91"/>
      <c r="IE2946" s="91"/>
      <c r="IF2946" s="91"/>
      <c r="IG2946" s="91"/>
      <c r="IH2946" s="91"/>
      <c r="II2946" s="91"/>
      <c r="IJ2946" s="91"/>
      <c r="IK2946" s="174"/>
    </row>
    <row r="2947" spans="2:245" x14ac:dyDescent="0.2">
      <c r="B2947" s="43"/>
      <c r="C2947" s="73"/>
      <c r="D2947" s="64"/>
      <c r="E2947" s="64"/>
      <c r="F2947" s="55"/>
      <c r="G2947" s="102"/>
      <c r="H2947" s="97"/>
      <c r="T2947" s="98"/>
      <c r="U2947" s="97"/>
      <c r="AG2947" s="98"/>
      <c r="AY2947" s="164"/>
      <c r="BK2947" s="98"/>
      <c r="BL2947" s="97"/>
      <c r="BX2947" s="98"/>
      <c r="CL2947" s="97"/>
      <c r="CX2947" s="98"/>
      <c r="DL2947" s="97"/>
      <c r="DX2947" s="98"/>
      <c r="EL2947" s="97"/>
      <c r="EX2947" s="98"/>
      <c r="EY2947" s="97"/>
      <c r="FL2947" s="126"/>
      <c r="FM2947" s="91"/>
      <c r="FN2947" s="91"/>
      <c r="FO2947" s="91"/>
      <c r="FP2947" s="91"/>
      <c r="FQ2947" s="91"/>
      <c r="FR2947" s="91"/>
      <c r="FS2947" s="91"/>
      <c r="FT2947" s="91"/>
      <c r="FU2947" s="91"/>
      <c r="FV2947" s="91"/>
      <c r="FW2947" s="91"/>
      <c r="FX2947" s="127"/>
      <c r="FY2947" s="126"/>
      <c r="FZ2947" s="91"/>
      <c r="GA2947" s="91"/>
      <c r="GB2947" s="91"/>
      <c r="GC2947" s="91"/>
      <c r="GD2947" s="91"/>
      <c r="GE2947" s="91"/>
      <c r="GF2947" s="91"/>
      <c r="GG2947" s="91"/>
      <c r="GH2947" s="91"/>
      <c r="GI2947" s="91"/>
      <c r="GJ2947" s="91"/>
      <c r="GK2947" s="127"/>
      <c r="GL2947" s="126"/>
      <c r="GM2947" s="91"/>
      <c r="GN2947" s="91"/>
      <c r="GO2947" s="91"/>
      <c r="GP2947" s="91"/>
      <c r="GQ2947" s="91"/>
      <c r="GR2947" s="91"/>
      <c r="GS2947" s="91"/>
      <c r="GT2947" s="91"/>
      <c r="GU2947" s="91"/>
      <c r="GV2947" s="91"/>
      <c r="GW2947" s="91"/>
      <c r="GX2947" s="127"/>
      <c r="GY2947" s="126"/>
      <c r="GZ2947" s="91"/>
      <c r="HA2947" s="91"/>
      <c r="HB2947" s="91"/>
      <c r="HC2947" s="91"/>
      <c r="HD2947" s="91"/>
      <c r="HE2947" s="91"/>
      <c r="HF2947" s="91"/>
      <c r="HG2947" s="91"/>
      <c r="HH2947" s="91"/>
      <c r="HI2947" s="91"/>
      <c r="HJ2947" s="91"/>
      <c r="HK2947" s="127"/>
      <c r="HL2947" s="126"/>
      <c r="HM2947" s="91"/>
      <c r="HN2947" s="91"/>
      <c r="HO2947" s="91"/>
      <c r="HP2947" s="91"/>
      <c r="HQ2947" s="91"/>
      <c r="HR2947" s="91"/>
      <c r="HS2947" s="91"/>
      <c r="HT2947" s="91"/>
      <c r="HU2947" s="91"/>
      <c r="HV2947" s="91"/>
      <c r="HW2947" s="91"/>
      <c r="HX2947" s="127"/>
      <c r="HY2947" s="126"/>
      <c r="HZ2947" s="91"/>
      <c r="IA2947" s="91"/>
      <c r="IB2947" s="91"/>
      <c r="IC2947" s="91"/>
      <c r="ID2947" s="91"/>
      <c r="IE2947" s="91"/>
      <c r="IF2947" s="91"/>
      <c r="IG2947" s="91"/>
      <c r="IH2947" s="91"/>
      <c r="II2947" s="91"/>
      <c r="IJ2947" s="91"/>
      <c r="IK2947" s="174"/>
    </row>
    <row r="2948" spans="2:245" x14ac:dyDescent="0.2">
      <c r="B2948" s="43"/>
      <c r="C2948" s="73"/>
      <c r="D2948" s="64"/>
      <c r="E2948" s="64"/>
      <c r="F2948" s="55"/>
      <c r="G2948" s="102"/>
      <c r="H2948" s="97"/>
      <c r="T2948" s="98"/>
      <c r="U2948" s="97"/>
      <c r="AG2948" s="98"/>
      <c r="AY2948" s="164"/>
      <c r="BK2948" s="98"/>
      <c r="BL2948" s="97"/>
      <c r="BX2948" s="98"/>
      <c r="CL2948" s="97"/>
      <c r="CX2948" s="98"/>
      <c r="DL2948" s="97"/>
      <c r="DX2948" s="98"/>
      <c r="EL2948" s="97"/>
      <c r="EX2948" s="98"/>
      <c r="EY2948" s="97"/>
      <c r="FL2948" s="126"/>
      <c r="FM2948" s="91"/>
      <c r="FN2948" s="91"/>
      <c r="FO2948" s="91"/>
      <c r="FP2948" s="91"/>
      <c r="FQ2948" s="91"/>
      <c r="FR2948" s="91"/>
      <c r="FS2948" s="91"/>
      <c r="FT2948" s="91"/>
      <c r="FU2948" s="91"/>
      <c r="FV2948" s="91"/>
      <c r="FW2948" s="91"/>
      <c r="FX2948" s="127"/>
      <c r="FY2948" s="126"/>
      <c r="FZ2948" s="91"/>
      <c r="GA2948" s="91"/>
      <c r="GB2948" s="91"/>
      <c r="GC2948" s="91"/>
      <c r="GD2948" s="91"/>
      <c r="GE2948" s="91"/>
      <c r="GF2948" s="91"/>
      <c r="GG2948" s="91"/>
      <c r="GH2948" s="91"/>
      <c r="GI2948" s="91"/>
      <c r="GJ2948" s="91"/>
      <c r="GK2948" s="127"/>
      <c r="GL2948" s="126"/>
      <c r="GM2948" s="91"/>
      <c r="GN2948" s="91"/>
      <c r="GO2948" s="91"/>
      <c r="GP2948" s="91"/>
      <c r="GQ2948" s="91"/>
      <c r="GR2948" s="91"/>
      <c r="GS2948" s="91"/>
      <c r="GT2948" s="91"/>
      <c r="GU2948" s="91"/>
      <c r="GV2948" s="91"/>
      <c r="GW2948" s="91"/>
      <c r="GX2948" s="127"/>
      <c r="GY2948" s="126"/>
      <c r="GZ2948" s="91"/>
      <c r="HA2948" s="91"/>
      <c r="HB2948" s="91"/>
      <c r="HC2948" s="91"/>
      <c r="HD2948" s="91"/>
      <c r="HE2948" s="91"/>
      <c r="HF2948" s="91"/>
      <c r="HG2948" s="91"/>
      <c r="HH2948" s="91"/>
      <c r="HI2948" s="91"/>
      <c r="HJ2948" s="91"/>
      <c r="HK2948" s="127"/>
      <c r="HL2948" s="126"/>
      <c r="HM2948" s="91"/>
      <c r="HN2948" s="91"/>
      <c r="HO2948" s="91"/>
      <c r="HP2948" s="91"/>
      <c r="HQ2948" s="91"/>
      <c r="HR2948" s="91"/>
      <c r="HS2948" s="91"/>
      <c r="HT2948" s="91"/>
      <c r="HU2948" s="91"/>
      <c r="HV2948" s="91"/>
      <c r="HW2948" s="91"/>
      <c r="HX2948" s="127"/>
      <c r="HY2948" s="126"/>
      <c r="HZ2948" s="91"/>
      <c r="IA2948" s="91"/>
      <c r="IB2948" s="91"/>
      <c r="IC2948" s="91"/>
      <c r="ID2948" s="91"/>
      <c r="IE2948" s="91"/>
      <c r="IF2948" s="91"/>
      <c r="IG2948" s="91"/>
      <c r="IH2948" s="91"/>
      <c r="II2948" s="91"/>
      <c r="IJ2948" s="91"/>
      <c r="IK2948" s="174"/>
    </row>
    <row r="2949" spans="2:245" x14ac:dyDescent="0.2">
      <c r="B2949" s="43"/>
      <c r="C2949" s="73"/>
      <c r="D2949" s="64"/>
      <c r="E2949" s="64"/>
      <c r="F2949" s="55"/>
      <c r="G2949" s="102"/>
      <c r="H2949" s="97"/>
      <c r="T2949" s="98"/>
      <c r="U2949" s="97"/>
      <c r="AG2949" s="98"/>
      <c r="AY2949" s="164"/>
      <c r="BK2949" s="98"/>
      <c r="BL2949" s="97"/>
      <c r="BX2949" s="98"/>
      <c r="CL2949" s="97"/>
      <c r="CX2949" s="98"/>
      <c r="DL2949" s="97"/>
      <c r="DX2949" s="98"/>
      <c r="EL2949" s="97"/>
      <c r="EX2949" s="98"/>
      <c r="EY2949" s="97"/>
      <c r="FL2949" s="126"/>
      <c r="FM2949" s="91"/>
      <c r="FN2949" s="91"/>
      <c r="FO2949" s="91"/>
      <c r="FP2949" s="91"/>
      <c r="FQ2949" s="91"/>
      <c r="FR2949" s="91"/>
      <c r="FS2949" s="91"/>
      <c r="FT2949" s="91"/>
      <c r="FU2949" s="91"/>
      <c r="FV2949" s="91"/>
      <c r="FW2949" s="91"/>
      <c r="FX2949" s="127"/>
      <c r="FY2949" s="126"/>
      <c r="FZ2949" s="91"/>
      <c r="GA2949" s="91"/>
      <c r="GB2949" s="91"/>
      <c r="GC2949" s="91"/>
      <c r="GD2949" s="91"/>
      <c r="GE2949" s="91"/>
      <c r="GF2949" s="91"/>
      <c r="GG2949" s="91"/>
      <c r="GH2949" s="91"/>
      <c r="GI2949" s="91"/>
      <c r="GJ2949" s="91"/>
      <c r="GK2949" s="127"/>
      <c r="GL2949" s="126"/>
      <c r="GM2949" s="91"/>
      <c r="GN2949" s="91"/>
      <c r="GO2949" s="91"/>
      <c r="GP2949" s="91"/>
      <c r="GQ2949" s="91"/>
      <c r="GR2949" s="91"/>
      <c r="GS2949" s="91"/>
      <c r="GT2949" s="91"/>
      <c r="GU2949" s="91"/>
      <c r="GV2949" s="91"/>
      <c r="GW2949" s="91"/>
      <c r="GX2949" s="127"/>
      <c r="GY2949" s="126"/>
      <c r="GZ2949" s="91"/>
      <c r="HA2949" s="91"/>
      <c r="HB2949" s="91"/>
      <c r="HC2949" s="91"/>
      <c r="HD2949" s="91"/>
      <c r="HE2949" s="91"/>
      <c r="HF2949" s="91"/>
      <c r="HG2949" s="91"/>
      <c r="HH2949" s="91"/>
      <c r="HI2949" s="91"/>
      <c r="HJ2949" s="91"/>
      <c r="HK2949" s="127"/>
      <c r="HL2949" s="126"/>
      <c r="HM2949" s="91"/>
      <c r="HN2949" s="91"/>
      <c r="HO2949" s="91"/>
      <c r="HP2949" s="91"/>
      <c r="HQ2949" s="91"/>
      <c r="HR2949" s="91"/>
      <c r="HS2949" s="91"/>
      <c r="HT2949" s="91"/>
      <c r="HU2949" s="91"/>
      <c r="HV2949" s="91"/>
      <c r="HW2949" s="91"/>
      <c r="HX2949" s="127"/>
      <c r="HY2949" s="126"/>
      <c r="HZ2949" s="91"/>
      <c r="IA2949" s="91"/>
      <c r="IB2949" s="91"/>
      <c r="IC2949" s="91"/>
      <c r="ID2949" s="91"/>
      <c r="IE2949" s="91"/>
      <c r="IF2949" s="91"/>
      <c r="IG2949" s="91"/>
      <c r="IH2949" s="91"/>
      <c r="II2949" s="91"/>
      <c r="IJ2949" s="91"/>
      <c r="IK2949" s="174"/>
    </row>
    <row r="2950" spans="2:245" x14ac:dyDescent="0.2">
      <c r="B2950" s="43"/>
      <c r="C2950" s="73"/>
      <c r="D2950" s="64"/>
      <c r="E2950" s="64"/>
      <c r="F2950" s="55"/>
      <c r="G2950" s="102"/>
      <c r="H2950" s="97"/>
      <c r="T2950" s="98"/>
      <c r="U2950" s="97"/>
      <c r="AG2950" s="98"/>
      <c r="AY2950" s="164"/>
      <c r="BK2950" s="98"/>
      <c r="BL2950" s="97"/>
      <c r="BX2950" s="98"/>
      <c r="CL2950" s="97"/>
      <c r="CX2950" s="98"/>
      <c r="DL2950" s="97"/>
      <c r="DX2950" s="98"/>
      <c r="EL2950" s="97"/>
      <c r="EX2950" s="98"/>
      <c r="EY2950" s="97"/>
      <c r="FL2950" s="126"/>
      <c r="FM2950" s="91"/>
      <c r="FN2950" s="91"/>
      <c r="FO2950" s="91"/>
      <c r="FP2950" s="91"/>
      <c r="FQ2950" s="91"/>
      <c r="FR2950" s="91"/>
      <c r="FS2950" s="91"/>
      <c r="FT2950" s="91"/>
      <c r="FU2950" s="91"/>
      <c r="FV2950" s="91"/>
      <c r="FW2950" s="91"/>
      <c r="FX2950" s="127"/>
      <c r="FY2950" s="126"/>
      <c r="FZ2950" s="91"/>
      <c r="GA2950" s="91"/>
      <c r="GB2950" s="91"/>
      <c r="GC2950" s="91"/>
      <c r="GD2950" s="91"/>
      <c r="GE2950" s="91"/>
      <c r="GF2950" s="91"/>
      <c r="GG2950" s="91"/>
      <c r="GH2950" s="91"/>
      <c r="GI2950" s="91"/>
      <c r="GJ2950" s="91"/>
      <c r="GK2950" s="127"/>
      <c r="GL2950" s="126"/>
      <c r="GM2950" s="91"/>
      <c r="GN2950" s="91"/>
      <c r="GO2950" s="91"/>
      <c r="GP2950" s="91"/>
      <c r="GQ2950" s="91"/>
      <c r="GR2950" s="91"/>
      <c r="GS2950" s="91"/>
      <c r="GT2950" s="91"/>
      <c r="GU2950" s="91"/>
      <c r="GV2950" s="91"/>
      <c r="GW2950" s="91"/>
      <c r="GX2950" s="127"/>
      <c r="GY2950" s="126"/>
      <c r="GZ2950" s="91"/>
      <c r="HA2950" s="91"/>
      <c r="HB2950" s="91"/>
      <c r="HC2950" s="91"/>
      <c r="HD2950" s="91"/>
      <c r="HE2950" s="91"/>
      <c r="HF2950" s="91"/>
      <c r="HG2950" s="91"/>
      <c r="HH2950" s="91"/>
      <c r="HI2950" s="91"/>
      <c r="HJ2950" s="91"/>
      <c r="HK2950" s="127"/>
      <c r="HL2950" s="126"/>
      <c r="HM2950" s="91"/>
      <c r="HN2950" s="91"/>
      <c r="HO2950" s="91"/>
      <c r="HP2950" s="91"/>
      <c r="HQ2950" s="91"/>
      <c r="HR2950" s="91"/>
      <c r="HS2950" s="91"/>
      <c r="HT2950" s="91"/>
      <c r="HU2950" s="91"/>
      <c r="HV2950" s="91"/>
      <c r="HW2950" s="91"/>
      <c r="HX2950" s="127"/>
      <c r="HY2950" s="126"/>
      <c r="HZ2950" s="91"/>
      <c r="IA2950" s="91"/>
      <c r="IB2950" s="91"/>
      <c r="IC2950" s="91"/>
      <c r="ID2950" s="91"/>
      <c r="IE2950" s="91"/>
      <c r="IF2950" s="91"/>
      <c r="IG2950" s="91"/>
      <c r="IH2950" s="91"/>
      <c r="II2950" s="91"/>
      <c r="IJ2950" s="91"/>
      <c r="IK2950" s="174"/>
    </row>
    <row r="2951" spans="2:245" x14ac:dyDescent="0.2">
      <c r="B2951" s="43"/>
      <c r="C2951" s="73"/>
      <c r="D2951" s="64"/>
      <c r="E2951" s="64"/>
      <c r="F2951" s="55"/>
      <c r="G2951" s="102"/>
      <c r="H2951" s="97"/>
      <c r="T2951" s="98"/>
      <c r="U2951" s="97"/>
      <c r="AG2951" s="98"/>
      <c r="AY2951" s="164"/>
      <c r="BK2951" s="98"/>
      <c r="BL2951" s="97"/>
      <c r="BX2951" s="98"/>
      <c r="CL2951" s="97"/>
      <c r="CX2951" s="98"/>
      <c r="DL2951" s="97"/>
      <c r="DX2951" s="98"/>
      <c r="EL2951" s="97"/>
      <c r="EX2951" s="98"/>
      <c r="EY2951" s="97"/>
      <c r="FL2951" s="126"/>
      <c r="FM2951" s="91"/>
      <c r="FN2951" s="91"/>
      <c r="FO2951" s="91"/>
      <c r="FP2951" s="91"/>
      <c r="FQ2951" s="91"/>
      <c r="FR2951" s="91"/>
      <c r="FS2951" s="91"/>
      <c r="FT2951" s="91"/>
      <c r="FU2951" s="91"/>
      <c r="FV2951" s="91"/>
      <c r="FW2951" s="91"/>
      <c r="FX2951" s="127"/>
      <c r="FY2951" s="126"/>
      <c r="FZ2951" s="91"/>
      <c r="GA2951" s="91"/>
      <c r="GB2951" s="91"/>
      <c r="GC2951" s="91"/>
      <c r="GD2951" s="91"/>
      <c r="GE2951" s="91"/>
      <c r="GF2951" s="91"/>
      <c r="GG2951" s="91"/>
      <c r="GH2951" s="91"/>
      <c r="GI2951" s="91"/>
      <c r="GJ2951" s="91"/>
      <c r="GK2951" s="127"/>
      <c r="GL2951" s="126"/>
      <c r="GM2951" s="91"/>
      <c r="GN2951" s="91"/>
      <c r="GO2951" s="91"/>
      <c r="GP2951" s="91"/>
      <c r="GQ2951" s="91"/>
      <c r="GR2951" s="91"/>
      <c r="GS2951" s="91"/>
      <c r="GT2951" s="91"/>
      <c r="GU2951" s="91"/>
      <c r="GV2951" s="91"/>
      <c r="GW2951" s="91"/>
      <c r="GX2951" s="127"/>
      <c r="GY2951" s="126"/>
      <c r="GZ2951" s="91"/>
      <c r="HA2951" s="91"/>
      <c r="HB2951" s="91"/>
      <c r="HC2951" s="91"/>
      <c r="HD2951" s="91"/>
      <c r="HE2951" s="91"/>
      <c r="HF2951" s="91"/>
      <c r="HG2951" s="91"/>
      <c r="HH2951" s="91"/>
      <c r="HI2951" s="91"/>
      <c r="HJ2951" s="91"/>
      <c r="HK2951" s="127"/>
      <c r="HL2951" s="126"/>
      <c r="HM2951" s="91"/>
      <c r="HN2951" s="91"/>
      <c r="HO2951" s="91"/>
      <c r="HP2951" s="91"/>
      <c r="HQ2951" s="91"/>
      <c r="HR2951" s="91"/>
      <c r="HS2951" s="91"/>
      <c r="HT2951" s="91"/>
      <c r="HU2951" s="91"/>
      <c r="HV2951" s="91"/>
      <c r="HW2951" s="91"/>
      <c r="HX2951" s="127"/>
      <c r="HY2951" s="126"/>
      <c r="HZ2951" s="91"/>
      <c r="IA2951" s="91"/>
      <c r="IB2951" s="91"/>
      <c r="IC2951" s="91"/>
      <c r="ID2951" s="91"/>
      <c r="IE2951" s="91"/>
      <c r="IF2951" s="91"/>
      <c r="IG2951" s="91"/>
      <c r="IH2951" s="91"/>
      <c r="II2951" s="91"/>
      <c r="IJ2951" s="91"/>
      <c r="IK2951" s="174"/>
    </row>
    <row r="2952" spans="2:245" x14ac:dyDescent="0.2">
      <c r="B2952" s="43"/>
      <c r="C2952" s="73"/>
      <c r="D2952" s="64"/>
      <c r="E2952" s="64"/>
      <c r="F2952" s="55"/>
      <c r="G2952" s="102"/>
      <c r="H2952" s="97"/>
      <c r="T2952" s="98"/>
      <c r="U2952" s="97"/>
      <c r="AG2952" s="98"/>
      <c r="AY2952" s="164"/>
      <c r="BK2952" s="98"/>
      <c r="BL2952" s="97"/>
      <c r="BX2952" s="98"/>
      <c r="CL2952" s="97"/>
      <c r="CX2952" s="98"/>
      <c r="DL2952" s="97"/>
      <c r="DX2952" s="98"/>
      <c r="EL2952" s="97"/>
      <c r="EX2952" s="98"/>
      <c r="EY2952" s="97"/>
      <c r="FL2952" s="126"/>
      <c r="FM2952" s="91"/>
      <c r="FN2952" s="91"/>
      <c r="FO2952" s="91"/>
      <c r="FP2952" s="91"/>
      <c r="FQ2952" s="91"/>
      <c r="FR2952" s="91"/>
      <c r="FS2952" s="91"/>
      <c r="FT2952" s="91"/>
      <c r="FU2952" s="91"/>
      <c r="FV2952" s="91"/>
      <c r="FW2952" s="91"/>
      <c r="FX2952" s="127"/>
      <c r="FY2952" s="126"/>
      <c r="FZ2952" s="91"/>
      <c r="GA2952" s="91"/>
      <c r="GB2952" s="91"/>
      <c r="GC2952" s="91"/>
      <c r="GD2952" s="91"/>
      <c r="GE2952" s="91"/>
      <c r="GF2952" s="91"/>
      <c r="GG2952" s="91"/>
      <c r="GH2952" s="91"/>
      <c r="GI2952" s="91"/>
      <c r="GJ2952" s="91"/>
      <c r="GK2952" s="127"/>
      <c r="GL2952" s="126"/>
      <c r="GM2952" s="91"/>
      <c r="GN2952" s="91"/>
      <c r="GO2952" s="91"/>
      <c r="GP2952" s="91"/>
      <c r="GQ2952" s="91"/>
      <c r="GR2952" s="91"/>
      <c r="GS2952" s="91"/>
      <c r="GT2952" s="91"/>
      <c r="GU2952" s="91"/>
      <c r="GV2952" s="91"/>
      <c r="GW2952" s="91"/>
      <c r="GX2952" s="127"/>
      <c r="GY2952" s="126"/>
      <c r="GZ2952" s="91"/>
      <c r="HA2952" s="91"/>
      <c r="HB2952" s="91"/>
      <c r="HC2952" s="91"/>
      <c r="HD2952" s="91"/>
      <c r="HE2952" s="91"/>
      <c r="HF2952" s="91"/>
      <c r="HG2952" s="91"/>
      <c r="HH2952" s="91"/>
      <c r="HI2952" s="91"/>
      <c r="HJ2952" s="91"/>
      <c r="HK2952" s="127"/>
      <c r="HL2952" s="126"/>
      <c r="HM2952" s="91"/>
      <c r="HN2952" s="91"/>
      <c r="HO2952" s="91"/>
      <c r="HP2952" s="91"/>
      <c r="HQ2952" s="91"/>
      <c r="HR2952" s="91"/>
      <c r="HS2952" s="91"/>
      <c r="HT2952" s="91"/>
      <c r="HU2952" s="91"/>
      <c r="HV2952" s="91"/>
      <c r="HW2952" s="91"/>
      <c r="HX2952" s="127"/>
      <c r="HY2952" s="126"/>
      <c r="HZ2952" s="91"/>
      <c r="IA2952" s="91"/>
      <c r="IB2952" s="91"/>
      <c r="IC2952" s="91"/>
      <c r="ID2952" s="91"/>
      <c r="IE2952" s="91"/>
      <c r="IF2952" s="91"/>
      <c r="IG2952" s="91"/>
      <c r="IH2952" s="91"/>
      <c r="II2952" s="91"/>
      <c r="IJ2952" s="91"/>
      <c r="IK2952" s="174"/>
    </row>
    <row r="2953" spans="2:245" x14ac:dyDescent="0.2">
      <c r="B2953" s="43"/>
      <c r="C2953" s="73"/>
      <c r="D2953" s="64"/>
      <c r="E2953" s="64"/>
      <c r="F2953" s="55"/>
      <c r="G2953" s="102"/>
      <c r="H2953" s="97"/>
      <c r="T2953" s="98"/>
      <c r="U2953" s="97"/>
      <c r="AG2953" s="98"/>
      <c r="AY2953" s="164"/>
      <c r="BK2953" s="98"/>
      <c r="BL2953" s="97"/>
      <c r="BX2953" s="98"/>
      <c r="CL2953" s="97"/>
      <c r="CX2953" s="98"/>
      <c r="DL2953" s="97"/>
      <c r="DX2953" s="98"/>
      <c r="EL2953" s="97"/>
      <c r="EX2953" s="98"/>
      <c r="EY2953" s="97"/>
      <c r="FL2953" s="126"/>
      <c r="FM2953" s="91"/>
      <c r="FN2953" s="91"/>
      <c r="FO2953" s="91"/>
      <c r="FP2953" s="91"/>
      <c r="FQ2953" s="91"/>
      <c r="FR2953" s="91"/>
      <c r="FS2953" s="91"/>
      <c r="FT2953" s="91"/>
      <c r="FU2953" s="91"/>
      <c r="FV2953" s="91"/>
      <c r="FW2953" s="91"/>
      <c r="FX2953" s="127"/>
      <c r="FY2953" s="126"/>
      <c r="FZ2953" s="91"/>
      <c r="GA2953" s="91"/>
      <c r="GB2953" s="91"/>
      <c r="GC2953" s="91"/>
      <c r="GD2953" s="91"/>
      <c r="GE2953" s="91"/>
      <c r="GF2953" s="91"/>
      <c r="GG2953" s="91"/>
      <c r="GH2953" s="91"/>
      <c r="GI2953" s="91"/>
      <c r="GJ2953" s="91"/>
      <c r="GK2953" s="127"/>
      <c r="GL2953" s="126"/>
      <c r="GM2953" s="91"/>
      <c r="GN2953" s="91"/>
      <c r="GO2953" s="91"/>
      <c r="GP2953" s="91"/>
      <c r="GQ2953" s="91"/>
      <c r="GR2953" s="91"/>
      <c r="GS2953" s="91"/>
      <c r="GT2953" s="91"/>
      <c r="GU2953" s="91"/>
      <c r="GV2953" s="91"/>
      <c r="GW2953" s="91"/>
      <c r="GX2953" s="127"/>
      <c r="GY2953" s="126"/>
      <c r="GZ2953" s="91"/>
      <c r="HA2953" s="91"/>
      <c r="HB2953" s="91"/>
      <c r="HC2953" s="91"/>
      <c r="HD2953" s="91"/>
      <c r="HE2953" s="91"/>
      <c r="HF2953" s="91"/>
      <c r="HG2953" s="91"/>
      <c r="HH2953" s="91"/>
      <c r="HI2953" s="91"/>
      <c r="HJ2953" s="91"/>
      <c r="HK2953" s="127"/>
      <c r="HL2953" s="126"/>
      <c r="HM2953" s="91"/>
      <c r="HN2953" s="91"/>
      <c r="HO2953" s="91"/>
      <c r="HP2953" s="91"/>
      <c r="HQ2953" s="91"/>
      <c r="HR2953" s="91"/>
      <c r="HS2953" s="91"/>
      <c r="HT2953" s="91"/>
      <c r="HU2953" s="91"/>
      <c r="HV2953" s="91"/>
      <c r="HW2953" s="91"/>
      <c r="HX2953" s="127"/>
      <c r="HY2953" s="126"/>
      <c r="HZ2953" s="91"/>
      <c r="IA2953" s="91"/>
      <c r="IB2953" s="91"/>
      <c r="IC2953" s="91"/>
      <c r="ID2953" s="91"/>
      <c r="IE2953" s="91"/>
      <c r="IF2953" s="91"/>
      <c r="IG2953" s="91"/>
      <c r="IH2953" s="91"/>
      <c r="II2953" s="91"/>
      <c r="IJ2953" s="91"/>
      <c r="IK2953" s="174"/>
    </row>
    <row r="2954" spans="2:245" x14ac:dyDescent="0.2">
      <c r="B2954" s="43"/>
      <c r="C2954" s="73"/>
      <c r="D2954" s="64"/>
      <c r="E2954" s="64"/>
      <c r="F2954" s="55"/>
      <c r="G2954" s="102"/>
      <c r="H2954" s="97"/>
      <c r="T2954" s="98"/>
      <c r="U2954" s="97"/>
      <c r="AG2954" s="98"/>
      <c r="AY2954" s="164"/>
      <c r="BK2954" s="98"/>
      <c r="BL2954" s="97"/>
      <c r="BX2954" s="98"/>
      <c r="CL2954" s="97"/>
      <c r="CX2954" s="98"/>
      <c r="DL2954" s="97"/>
      <c r="DX2954" s="98"/>
      <c r="EL2954" s="97"/>
      <c r="EX2954" s="98"/>
      <c r="EY2954" s="97"/>
      <c r="FL2954" s="126"/>
      <c r="FM2954" s="91"/>
      <c r="FN2954" s="91"/>
      <c r="FO2954" s="91"/>
      <c r="FP2954" s="91"/>
      <c r="FQ2954" s="91"/>
      <c r="FR2954" s="91"/>
      <c r="FS2954" s="91"/>
      <c r="FT2954" s="91"/>
      <c r="FU2954" s="91"/>
      <c r="FV2954" s="91"/>
      <c r="FW2954" s="91"/>
      <c r="FX2954" s="127"/>
      <c r="FY2954" s="126"/>
      <c r="FZ2954" s="91"/>
      <c r="GA2954" s="91"/>
      <c r="GB2954" s="91"/>
      <c r="GC2954" s="91"/>
      <c r="GD2954" s="91"/>
      <c r="GE2954" s="91"/>
      <c r="GF2954" s="91"/>
      <c r="GG2954" s="91"/>
      <c r="GH2954" s="91"/>
      <c r="GI2954" s="91"/>
      <c r="GJ2954" s="91"/>
      <c r="GK2954" s="127"/>
      <c r="GL2954" s="126"/>
      <c r="GM2954" s="91"/>
      <c r="GN2954" s="91"/>
      <c r="GO2954" s="91"/>
      <c r="GP2954" s="91"/>
      <c r="GQ2954" s="91"/>
      <c r="GR2954" s="91"/>
      <c r="GS2954" s="91"/>
      <c r="GT2954" s="91"/>
      <c r="GU2954" s="91"/>
      <c r="GV2954" s="91"/>
      <c r="GW2954" s="91"/>
      <c r="GX2954" s="127"/>
      <c r="GY2954" s="126"/>
      <c r="GZ2954" s="91"/>
      <c r="HA2954" s="91"/>
      <c r="HB2954" s="91"/>
      <c r="HC2954" s="91"/>
      <c r="HD2954" s="91"/>
      <c r="HE2954" s="91"/>
      <c r="HF2954" s="91"/>
      <c r="HG2954" s="91"/>
      <c r="HH2954" s="91"/>
      <c r="HI2954" s="91"/>
      <c r="HJ2954" s="91"/>
      <c r="HK2954" s="127"/>
      <c r="HL2954" s="126"/>
      <c r="HM2954" s="91"/>
      <c r="HN2954" s="91"/>
      <c r="HO2954" s="91"/>
      <c r="HP2954" s="91"/>
      <c r="HQ2954" s="91"/>
      <c r="HR2954" s="91"/>
      <c r="HS2954" s="91"/>
      <c r="HT2954" s="91"/>
      <c r="HU2954" s="91"/>
      <c r="HV2954" s="91"/>
      <c r="HW2954" s="91"/>
      <c r="HX2954" s="127"/>
      <c r="HY2954" s="126"/>
      <c r="HZ2954" s="91"/>
      <c r="IA2954" s="91"/>
      <c r="IB2954" s="91"/>
      <c r="IC2954" s="91"/>
      <c r="ID2954" s="91"/>
      <c r="IE2954" s="91"/>
      <c r="IF2954" s="91"/>
      <c r="IG2954" s="91"/>
      <c r="IH2954" s="91"/>
      <c r="II2954" s="91"/>
      <c r="IJ2954" s="91"/>
      <c r="IK2954" s="174"/>
    </row>
    <row r="2955" spans="2:245" x14ac:dyDescent="0.2">
      <c r="B2955" s="43"/>
      <c r="C2955" s="73"/>
      <c r="D2955" s="64"/>
      <c r="E2955" s="64"/>
      <c r="F2955" s="55"/>
      <c r="G2955" s="102"/>
      <c r="H2955" s="97"/>
      <c r="T2955" s="98"/>
      <c r="U2955" s="97"/>
      <c r="AG2955" s="98"/>
      <c r="AY2955" s="164"/>
      <c r="BK2955" s="98"/>
      <c r="BL2955" s="97"/>
      <c r="BX2955" s="98"/>
      <c r="CL2955" s="97"/>
      <c r="CX2955" s="98"/>
      <c r="DL2955" s="97"/>
      <c r="DX2955" s="98"/>
      <c r="EL2955" s="97"/>
      <c r="EX2955" s="98"/>
      <c r="EY2955" s="97"/>
      <c r="FL2955" s="126"/>
      <c r="FM2955" s="91"/>
      <c r="FN2955" s="91"/>
      <c r="FO2955" s="91"/>
      <c r="FP2955" s="91"/>
      <c r="FQ2955" s="91"/>
      <c r="FR2955" s="91"/>
      <c r="FS2955" s="91"/>
      <c r="FT2955" s="91"/>
      <c r="FU2955" s="91"/>
      <c r="FV2955" s="91"/>
      <c r="FW2955" s="91"/>
      <c r="FX2955" s="127"/>
      <c r="FY2955" s="126"/>
      <c r="FZ2955" s="91"/>
      <c r="GA2955" s="91"/>
      <c r="GB2955" s="91"/>
      <c r="GC2955" s="91"/>
      <c r="GD2955" s="91"/>
      <c r="GE2955" s="91"/>
      <c r="GF2955" s="91"/>
      <c r="GG2955" s="91"/>
      <c r="GH2955" s="91"/>
      <c r="GI2955" s="91"/>
      <c r="GJ2955" s="91"/>
      <c r="GK2955" s="127"/>
      <c r="GL2955" s="126"/>
      <c r="GM2955" s="91"/>
      <c r="GN2955" s="91"/>
      <c r="GO2955" s="91"/>
      <c r="GP2955" s="91"/>
      <c r="GQ2955" s="91"/>
      <c r="GR2955" s="91"/>
      <c r="GS2955" s="91"/>
      <c r="GT2955" s="91"/>
      <c r="GU2955" s="91"/>
      <c r="GV2955" s="91"/>
      <c r="GW2955" s="91"/>
      <c r="GX2955" s="127"/>
      <c r="GY2955" s="126"/>
      <c r="GZ2955" s="91"/>
      <c r="HA2955" s="91"/>
      <c r="HB2955" s="91"/>
      <c r="HC2955" s="91"/>
      <c r="HD2955" s="91"/>
      <c r="HE2955" s="91"/>
      <c r="HF2955" s="91"/>
      <c r="HG2955" s="91"/>
      <c r="HH2955" s="91"/>
      <c r="HI2955" s="91"/>
      <c r="HJ2955" s="91"/>
      <c r="HK2955" s="127"/>
      <c r="HL2955" s="126"/>
      <c r="HM2955" s="91"/>
      <c r="HN2955" s="91"/>
      <c r="HO2955" s="91"/>
      <c r="HP2955" s="91"/>
      <c r="HQ2955" s="91"/>
      <c r="HR2955" s="91"/>
      <c r="HS2955" s="91"/>
      <c r="HT2955" s="91"/>
      <c r="HU2955" s="91"/>
      <c r="HV2955" s="91"/>
      <c r="HW2955" s="91"/>
      <c r="HX2955" s="127"/>
      <c r="HY2955" s="126"/>
      <c r="HZ2955" s="91"/>
      <c r="IA2955" s="91"/>
      <c r="IB2955" s="91"/>
      <c r="IC2955" s="91"/>
      <c r="ID2955" s="91"/>
      <c r="IE2955" s="91"/>
      <c r="IF2955" s="91"/>
      <c r="IG2955" s="91"/>
      <c r="IH2955" s="91"/>
      <c r="II2955" s="91"/>
      <c r="IJ2955" s="91"/>
      <c r="IK2955" s="174"/>
    </row>
    <row r="2956" spans="2:245" x14ac:dyDescent="0.2">
      <c r="B2956" s="43"/>
      <c r="C2956" s="73"/>
      <c r="D2956" s="64"/>
      <c r="E2956" s="64"/>
      <c r="F2956" s="55"/>
      <c r="G2956" s="102"/>
      <c r="H2956" s="97"/>
      <c r="T2956" s="98"/>
      <c r="U2956" s="97"/>
      <c r="AG2956" s="98"/>
      <c r="AY2956" s="164"/>
      <c r="BK2956" s="98"/>
      <c r="BL2956" s="97"/>
      <c r="BX2956" s="98"/>
      <c r="CL2956" s="97"/>
      <c r="CX2956" s="98"/>
      <c r="DL2956" s="97"/>
      <c r="DX2956" s="98"/>
      <c r="EL2956" s="97"/>
      <c r="EX2956" s="98"/>
      <c r="EY2956" s="97"/>
      <c r="FL2956" s="126"/>
      <c r="FM2956" s="91"/>
      <c r="FN2956" s="91"/>
      <c r="FO2956" s="91"/>
      <c r="FP2956" s="91"/>
      <c r="FQ2956" s="91"/>
      <c r="FR2956" s="91"/>
      <c r="FS2956" s="91"/>
      <c r="FT2956" s="91"/>
      <c r="FU2956" s="91"/>
      <c r="FV2956" s="91"/>
      <c r="FW2956" s="91"/>
      <c r="FX2956" s="127"/>
      <c r="FY2956" s="126"/>
      <c r="FZ2956" s="91"/>
      <c r="GA2956" s="91"/>
      <c r="GB2956" s="91"/>
      <c r="GC2956" s="91"/>
      <c r="GD2956" s="91"/>
      <c r="GE2956" s="91"/>
      <c r="GF2956" s="91"/>
      <c r="GG2956" s="91"/>
      <c r="GH2956" s="91"/>
      <c r="GI2956" s="91"/>
      <c r="GJ2956" s="91"/>
      <c r="GK2956" s="127"/>
      <c r="GL2956" s="126"/>
      <c r="GM2956" s="91"/>
      <c r="GN2956" s="91"/>
      <c r="GO2956" s="91"/>
      <c r="GP2956" s="91"/>
      <c r="GQ2956" s="91"/>
      <c r="GR2956" s="91"/>
      <c r="GS2956" s="91"/>
      <c r="GT2956" s="91"/>
      <c r="GU2956" s="91"/>
      <c r="GV2956" s="91"/>
      <c r="GW2956" s="91"/>
      <c r="GX2956" s="127"/>
      <c r="GY2956" s="126"/>
      <c r="GZ2956" s="91"/>
      <c r="HA2956" s="91"/>
      <c r="HB2956" s="91"/>
      <c r="HC2956" s="91"/>
      <c r="HD2956" s="91"/>
      <c r="HE2956" s="91"/>
      <c r="HF2956" s="91"/>
      <c r="HG2956" s="91"/>
      <c r="HH2956" s="91"/>
      <c r="HI2956" s="91"/>
      <c r="HJ2956" s="91"/>
      <c r="HK2956" s="127"/>
      <c r="HL2956" s="126"/>
      <c r="HM2956" s="91"/>
      <c r="HN2956" s="91"/>
      <c r="HO2956" s="91"/>
      <c r="HP2956" s="91"/>
      <c r="HQ2956" s="91"/>
      <c r="HR2956" s="91"/>
      <c r="HS2956" s="91"/>
      <c r="HT2956" s="91"/>
      <c r="HU2956" s="91"/>
      <c r="HV2956" s="91"/>
      <c r="HW2956" s="91"/>
      <c r="HX2956" s="127"/>
      <c r="HY2956" s="126"/>
      <c r="HZ2956" s="91"/>
      <c r="IA2956" s="91"/>
      <c r="IB2956" s="91"/>
      <c r="IC2956" s="91"/>
      <c r="ID2956" s="91"/>
      <c r="IE2956" s="91"/>
      <c r="IF2956" s="91"/>
      <c r="IG2956" s="91"/>
      <c r="IH2956" s="91"/>
      <c r="II2956" s="91"/>
      <c r="IJ2956" s="91"/>
      <c r="IK2956" s="174"/>
    </row>
    <row r="2957" spans="2:245" x14ac:dyDescent="0.2">
      <c r="B2957" s="43"/>
      <c r="C2957" s="73"/>
      <c r="D2957" s="64"/>
      <c r="E2957" s="64"/>
      <c r="F2957" s="55"/>
      <c r="G2957" s="102"/>
      <c r="H2957" s="97"/>
      <c r="T2957" s="98"/>
      <c r="U2957" s="97"/>
      <c r="AG2957" s="98"/>
      <c r="AY2957" s="164"/>
      <c r="BK2957" s="98"/>
      <c r="BL2957" s="97"/>
      <c r="BX2957" s="98"/>
      <c r="CL2957" s="97"/>
      <c r="CX2957" s="98"/>
      <c r="DL2957" s="97"/>
      <c r="DX2957" s="98"/>
      <c r="EL2957" s="97"/>
      <c r="EX2957" s="98"/>
      <c r="EY2957" s="97"/>
      <c r="FL2957" s="126"/>
      <c r="FM2957" s="91"/>
      <c r="FN2957" s="91"/>
      <c r="FO2957" s="91"/>
      <c r="FP2957" s="91"/>
      <c r="FQ2957" s="91"/>
      <c r="FR2957" s="91"/>
      <c r="FS2957" s="91"/>
      <c r="FT2957" s="91"/>
      <c r="FU2957" s="91"/>
      <c r="FV2957" s="91"/>
      <c r="FW2957" s="91"/>
      <c r="FX2957" s="127"/>
      <c r="FY2957" s="126"/>
      <c r="FZ2957" s="91"/>
      <c r="GA2957" s="91"/>
      <c r="GB2957" s="91"/>
      <c r="GC2957" s="91"/>
      <c r="GD2957" s="91"/>
      <c r="GE2957" s="91"/>
      <c r="GF2957" s="91"/>
      <c r="GG2957" s="91"/>
      <c r="GH2957" s="91"/>
      <c r="GI2957" s="91"/>
      <c r="GJ2957" s="91"/>
      <c r="GK2957" s="127"/>
      <c r="GL2957" s="126"/>
      <c r="GM2957" s="91"/>
      <c r="GN2957" s="91"/>
      <c r="GO2957" s="91"/>
      <c r="GP2957" s="91"/>
      <c r="GQ2957" s="91"/>
      <c r="GR2957" s="91"/>
      <c r="GS2957" s="91"/>
      <c r="GT2957" s="91"/>
      <c r="GU2957" s="91"/>
      <c r="GV2957" s="91"/>
      <c r="GW2957" s="91"/>
      <c r="GX2957" s="127"/>
      <c r="GY2957" s="126"/>
      <c r="GZ2957" s="91"/>
      <c r="HA2957" s="91"/>
      <c r="HB2957" s="91"/>
      <c r="HC2957" s="91"/>
      <c r="HD2957" s="91"/>
      <c r="HE2957" s="91"/>
      <c r="HF2957" s="91"/>
      <c r="HG2957" s="91"/>
      <c r="HH2957" s="91"/>
      <c r="HI2957" s="91"/>
      <c r="HJ2957" s="91"/>
      <c r="HK2957" s="127"/>
      <c r="HL2957" s="126"/>
      <c r="HM2957" s="91"/>
      <c r="HN2957" s="91"/>
      <c r="HO2957" s="91"/>
      <c r="HP2957" s="91"/>
      <c r="HQ2957" s="91"/>
      <c r="HR2957" s="91"/>
      <c r="HS2957" s="91"/>
      <c r="HT2957" s="91"/>
      <c r="HU2957" s="91"/>
      <c r="HV2957" s="91"/>
      <c r="HW2957" s="91"/>
      <c r="HX2957" s="127"/>
      <c r="HY2957" s="126"/>
      <c r="HZ2957" s="91"/>
      <c r="IA2957" s="91"/>
      <c r="IB2957" s="91"/>
      <c r="IC2957" s="91"/>
      <c r="ID2957" s="91"/>
      <c r="IE2957" s="91"/>
      <c r="IF2957" s="91"/>
      <c r="IG2957" s="91"/>
      <c r="IH2957" s="91"/>
      <c r="II2957" s="91"/>
      <c r="IJ2957" s="91"/>
      <c r="IK2957" s="174"/>
    </row>
    <row r="2958" spans="2:245" x14ac:dyDescent="0.2">
      <c r="B2958" s="43"/>
      <c r="C2958" s="73"/>
      <c r="D2958" s="64"/>
      <c r="E2958" s="64"/>
      <c r="F2958" s="55"/>
      <c r="G2958" s="102"/>
      <c r="H2958" s="97"/>
      <c r="T2958" s="98"/>
      <c r="U2958" s="97"/>
      <c r="AG2958" s="98"/>
      <c r="AY2958" s="164"/>
      <c r="BK2958" s="98"/>
      <c r="BL2958" s="97"/>
      <c r="BX2958" s="98"/>
      <c r="CL2958" s="97"/>
      <c r="CX2958" s="98"/>
      <c r="DL2958" s="97"/>
      <c r="DX2958" s="98"/>
      <c r="EL2958" s="97"/>
      <c r="EX2958" s="98"/>
      <c r="EY2958" s="97"/>
      <c r="FL2958" s="126"/>
      <c r="FM2958" s="91"/>
      <c r="FN2958" s="91"/>
      <c r="FO2958" s="91"/>
      <c r="FP2958" s="91"/>
      <c r="FQ2958" s="91"/>
      <c r="FR2958" s="91"/>
      <c r="FS2958" s="91"/>
      <c r="FT2958" s="91"/>
      <c r="FU2958" s="91"/>
      <c r="FV2958" s="91"/>
      <c r="FW2958" s="91"/>
      <c r="FX2958" s="127"/>
      <c r="FY2958" s="126"/>
      <c r="FZ2958" s="91"/>
      <c r="GA2958" s="91"/>
      <c r="GB2958" s="91"/>
      <c r="GC2958" s="91"/>
      <c r="GD2958" s="91"/>
      <c r="GE2958" s="91"/>
      <c r="GF2958" s="91"/>
      <c r="GG2958" s="91"/>
      <c r="GH2958" s="91"/>
      <c r="GI2958" s="91"/>
      <c r="GJ2958" s="91"/>
      <c r="GK2958" s="127"/>
      <c r="GL2958" s="126"/>
      <c r="GM2958" s="91"/>
      <c r="GN2958" s="91"/>
      <c r="GO2958" s="91"/>
      <c r="GP2958" s="91"/>
      <c r="GQ2958" s="91"/>
      <c r="GR2958" s="91"/>
      <c r="GS2958" s="91"/>
      <c r="GT2958" s="91"/>
      <c r="GU2958" s="91"/>
      <c r="GV2958" s="91"/>
      <c r="GW2958" s="91"/>
      <c r="GX2958" s="127"/>
      <c r="GY2958" s="126"/>
      <c r="GZ2958" s="91"/>
      <c r="HA2958" s="91"/>
      <c r="HB2958" s="91"/>
      <c r="HC2958" s="91"/>
      <c r="HD2958" s="91"/>
      <c r="HE2958" s="91"/>
      <c r="HF2958" s="91"/>
      <c r="HG2958" s="91"/>
      <c r="HH2958" s="91"/>
      <c r="HI2958" s="91"/>
      <c r="HJ2958" s="91"/>
      <c r="HK2958" s="127"/>
      <c r="HL2958" s="126"/>
      <c r="HM2958" s="91"/>
      <c r="HN2958" s="91"/>
      <c r="HO2958" s="91"/>
      <c r="HP2958" s="91"/>
      <c r="HQ2958" s="91"/>
      <c r="HR2958" s="91"/>
      <c r="HS2958" s="91"/>
      <c r="HT2958" s="91"/>
      <c r="HU2958" s="91"/>
      <c r="HV2958" s="91"/>
      <c r="HW2958" s="91"/>
      <c r="HX2958" s="127"/>
      <c r="HY2958" s="126"/>
      <c r="HZ2958" s="91"/>
      <c r="IA2958" s="91"/>
      <c r="IB2958" s="91"/>
      <c r="IC2958" s="91"/>
      <c r="ID2958" s="91"/>
      <c r="IE2958" s="91"/>
      <c r="IF2958" s="91"/>
      <c r="IG2958" s="91"/>
      <c r="IH2958" s="91"/>
      <c r="II2958" s="91"/>
      <c r="IJ2958" s="91"/>
      <c r="IK2958" s="174"/>
    </row>
    <row r="2959" spans="2:245" x14ac:dyDescent="0.2">
      <c r="B2959" s="43"/>
      <c r="C2959" s="73"/>
      <c r="D2959" s="64"/>
      <c r="E2959" s="64"/>
      <c r="F2959" s="55"/>
      <c r="G2959" s="102"/>
      <c r="H2959" s="97"/>
      <c r="T2959" s="98"/>
      <c r="U2959" s="97"/>
      <c r="AG2959" s="98"/>
      <c r="AY2959" s="164"/>
      <c r="BK2959" s="98"/>
      <c r="BL2959" s="97"/>
      <c r="BX2959" s="98"/>
      <c r="CL2959" s="97"/>
      <c r="CX2959" s="98"/>
      <c r="DL2959" s="97"/>
      <c r="DX2959" s="98"/>
      <c r="EL2959" s="97"/>
      <c r="EX2959" s="98"/>
      <c r="EY2959" s="97"/>
      <c r="FL2959" s="126"/>
      <c r="FM2959" s="91"/>
      <c r="FN2959" s="91"/>
      <c r="FO2959" s="91"/>
      <c r="FP2959" s="91"/>
      <c r="FQ2959" s="91"/>
      <c r="FR2959" s="91"/>
      <c r="FS2959" s="91"/>
      <c r="FT2959" s="91"/>
      <c r="FU2959" s="91"/>
      <c r="FV2959" s="91"/>
      <c r="FW2959" s="91"/>
      <c r="FX2959" s="127"/>
      <c r="FY2959" s="126"/>
      <c r="FZ2959" s="91"/>
      <c r="GA2959" s="91"/>
      <c r="GB2959" s="91"/>
      <c r="GC2959" s="91"/>
      <c r="GD2959" s="91"/>
      <c r="GE2959" s="91"/>
      <c r="GF2959" s="91"/>
      <c r="GG2959" s="91"/>
      <c r="GH2959" s="91"/>
      <c r="GI2959" s="91"/>
      <c r="GJ2959" s="91"/>
      <c r="GK2959" s="127"/>
      <c r="GL2959" s="126"/>
      <c r="GM2959" s="91"/>
      <c r="GN2959" s="91"/>
      <c r="GO2959" s="91"/>
      <c r="GP2959" s="91"/>
      <c r="GQ2959" s="91"/>
      <c r="GR2959" s="91"/>
      <c r="GS2959" s="91"/>
      <c r="GT2959" s="91"/>
      <c r="GU2959" s="91"/>
      <c r="GV2959" s="91"/>
      <c r="GW2959" s="91"/>
      <c r="GX2959" s="127"/>
      <c r="GY2959" s="126"/>
      <c r="GZ2959" s="91"/>
      <c r="HA2959" s="91"/>
      <c r="HB2959" s="91"/>
      <c r="HC2959" s="91"/>
      <c r="HD2959" s="91"/>
      <c r="HE2959" s="91"/>
      <c r="HF2959" s="91"/>
      <c r="HG2959" s="91"/>
      <c r="HH2959" s="91"/>
      <c r="HI2959" s="91"/>
      <c r="HJ2959" s="91"/>
      <c r="HK2959" s="127"/>
      <c r="HL2959" s="126"/>
      <c r="HM2959" s="91"/>
      <c r="HN2959" s="91"/>
      <c r="HO2959" s="91"/>
      <c r="HP2959" s="91"/>
      <c r="HQ2959" s="91"/>
      <c r="HR2959" s="91"/>
      <c r="HS2959" s="91"/>
      <c r="HT2959" s="91"/>
      <c r="HU2959" s="91"/>
      <c r="HV2959" s="91"/>
      <c r="HW2959" s="91"/>
      <c r="HX2959" s="127"/>
      <c r="HY2959" s="126"/>
      <c r="HZ2959" s="91"/>
      <c r="IA2959" s="91"/>
      <c r="IB2959" s="91"/>
      <c r="IC2959" s="91"/>
      <c r="ID2959" s="91"/>
      <c r="IE2959" s="91"/>
      <c r="IF2959" s="91"/>
      <c r="IG2959" s="91"/>
      <c r="IH2959" s="91"/>
      <c r="II2959" s="91"/>
      <c r="IJ2959" s="91"/>
      <c r="IK2959" s="174"/>
    </row>
    <row r="2960" spans="2:245" x14ac:dyDescent="0.2">
      <c r="B2960" s="43"/>
      <c r="C2960" s="73"/>
      <c r="D2960" s="64"/>
      <c r="E2960" s="64"/>
      <c r="F2960" s="55"/>
      <c r="G2960" s="102"/>
      <c r="H2960" s="97"/>
      <c r="T2960" s="98"/>
      <c r="U2960" s="97"/>
      <c r="AG2960" s="98"/>
      <c r="AY2960" s="164"/>
      <c r="BK2960" s="98"/>
      <c r="BL2960" s="97"/>
      <c r="BX2960" s="98"/>
      <c r="CL2960" s="97"/>
      <c r="CX2960" s="98"/>
      <c r="DL2960" s="97"/>
      <c r="DX2960" s="98"/>
      <c r="EL2960" s="97"/>
      <c r="EX2960" s="98"/>
      <c r="EY2960" s="97"/>
      <c r="FL2960" s="126"/>
      <c r="FM2960" s="91"/>
      <c r="FN2960" s="91"/>
      <c r="FO2960" s="91"/>
      <c r="FP2960" s="91"/>
      <c r="FQ2960" s="91"/>
      <c r="FR2960" s="91"/>
      <c r="FS2960" s="91"/>
      <c r="FT2960" s="91"/>
      <c r="FU2960" s="91"/>
      <c r="FV2960" s="91"/>
      <c r="FW2960" s="91"/>
      <c r="FX2960" s="127"/>
      <c r="FY2960" s="126"/>
      <c r="FZ2960" s="91"/>
      <c r="GA2960" s="91"/>
      <c r="GB2960" s="91"/>
      <c r="GC2960" s="91"/>
      <c r="GD2960" s="91"/>
      <c r="GE2960" s="91"/>
      <c r="GF2960" s="91"/>
      <c r="GG2960" s="91"/>
      <c r="GH2960" s="91"/>
      <c r="GI2960" s="91"/>
      <c r="GJ2960" s="91"/>
      <c r="GK2960" s="127"/>
      <c r="GL2960" s="126"/>
      <c r="GM2960" s="91"/>
      <c r="GN2960" s="91"/>
      <c r="GO2960" s="91"/>
      <c r="GP2960" s="91"/>
      <c r="GQ2960" s="91"/>
      <c r="GR2960" s="91"/>
      <c r="GS2960" s="91"/>
      <c r="GT2960" s="91"/>
      <c r="GU2960" s="91"/>
      <c r="GV2960" s="91"/>
      <c r="GW2960" s="91"/>
      <c r="GX2960" s="127"/>
      <c r="GY2960" s="126"/>
      <c r="GZ2960" s="91"/>
      <c r="HA2960" s="91"/>
      <c r="HB2960" s="91"/>
      <c r="HC2960" s="91"/>
      <c r="HD2960" s="91"/>
      <c r="HE2960" s="91"/>
      <c r="HF2960" s="91"/>
      <c r="HG2960" s="91"/>
      <c r="HH2960" s="91"/>
      <c r="HI2960" s="91"/>
      <c r="HJ2960" s="91"/>
      <c r="HK2960" s="127"/>
      <c r="HL2960" s="126"/>
      <c r="HM2960" s="91"/>
      <c r="HN2960" s="91"/>
      <c r="HO2960" s="91"/>
      <c r="HP2960" s="91"/>
      <c r="HQ2960" s="91"/>
      <c r="HR2960" s="91"/>
      <c r="HS2960" s="91"/>
      <c r="HT2960" s="91"/>
      <c r="HU2960" s="91"/>
      <c r="HV2960" s="91"/>
      <c r="HW2960" s="91"/>
      <c r="HX2960" s="127"/>
      <c r="HY2960" s="126"/>
      <c r="HZ2960" s="91"/>
      <c r="IA2960" s="91"/>
      <c r="IB2960" s="91"/>
      <c r="IC2960" s="91"/>
      <c r="ID2960" s="91"/>
      <c r="IE2960" s="91"/>
      <c r="IF2960" s="91"/>
      <c r="IG2960" s="91"/>
      <c r="IH2960" s="91"/>
      <c r="II2960" s="91"/>
      <c r="IJ2960" s="91"/>
      <c r="IK2960" s="174"/>
    </row>
    <row r="2961" spans="2:245" x14ac:dyDescent="0.2">
      <c r="B2961" s="43"/>
      <c r="C2961" s="73"/>
      <c r="D2961" s="64"/>
      <c r="E2961" s="64"/>
      <c r="F2961" s="55"/>
      <c r="G2961" s="102"/>
      <c r="H2961" s="97"/>
      <c r="T2961" s="98"/>
      <c r="U2961" s="97"/>
      <c r="AG2961" s="98"/>
      <c r="AY2961" s="164"/>
      <c r="BK2961" s="98"/>
      <c r="BL2961" s="97"/>
      <c r="BX2961" s="98"/>
      <c r="CL2961" s="97"/>
      <c r="CX2961" s="98"/>
      <c r="DL2961" s="97"/>
      <c r="DX2961" s="98"/>
      <c r="EL2961" s="97"/>
      <c r="EX2961" s="98"/>
      <c r="EY2961" s="97"/>
      <c r="FL2961" s="126"/>
      <c r="FM2961" s="91"/>
      <c r="FN2961" s="91"/>
      <c r="FO2961" s="91"/>
      <c r="FP2961" s="91"/>
      <c r="FQ2961" s="91"/>
      <c r="FR2961" s="91"/>
      <c r="FS2961" s="91"/>
      <c r="FT2961" s="91"/>
      <c r="FU2961" s="91"/>
      <c r="FV2961" s="91"/>
      <c r="FW2961" s="91"/>
      <c r="FX2961" s="127"/>
      <c r="FY2961" s="126"/>
      <c r="FZ2961" s="91"/>
      <c r="GA2961" s="91"/>
      <c r="GB2961" s="91"/>
      <c r="GC2961" s="91"/>
      <c r="GD2961" s="91"/>
      <c r="GE2961" s="91"/>
      <c r="GF2961" s="91"/>
      <c r="GG2961" s="91"/>
      <c r="GH2961" s="91"/>
      <c r="GI2961" s="91"/>
      <c r="GJ2961" s="91"/>
      <c r="GK2961" s="127"/>
      <c r="GL2961" s="126"/>
      <c r="GM2961" s="91"/>
      <c r="GN2961" s="91"/>
      <c r="GO2961" s="91"/>
      <c r="GP2961" s="91"/>
      <c r="GQ2961" s="91"/>
      <c r="GR2961" s="91"/>
      <c r="GS2961" s="91"/>
      <c r="GT2961" s="91"/>
      <c r="GU2961" s="91"/>
      <c r="GV2961" s="91"/>
      <c r="GW2961" s="91"/>
      <c r="GX2961" s="127"/>
      <c r="GY2961" s="126"/>
      <c r="GZ2961" s="91"/>
      <c r="HA2961" s="91"/>
      <c r="HB2961" s="91"/>
      <c r="HC2961" s="91"/>
      <c r="HD2961" s="91"/>
      <c r="HE2961" s="91"/>
      <c r="HF2961" s="91"/>
      <c r="HG2961" s="91"/>
      <c r="HH2961" s="91"/>
      <c r="HI2961" s="91"/>
      <c r="HJ2961" s="91"/>
      <c r="HK2961" s="127"/>
      <c r="HL2961" s="126"/>
      <c r="HM2961" s="91"/>
      <c r="HN2961" s="91"/>
      <c r="HO2961" s="91"/>
      <c r="HP2961" s="91"/>
      <c r="HQ2961" s="91"/>
      <c r="HR2961" s="91"/>
      <c r="HS2961" s="91"/>
      <c r="HT2961" s="91"/>
      <c r="HU2961" s="91"/>
      <c r="HV2961" s="91"/>
      <c r="HW2961" s="91"/>
      <c r="HX2961" s="127"/>
      <c r="HY2961" s="126"/>
      <c r="HZ2961" s="91"/>
      <c r="IA2961" s="91"/>
      <c r="IB2961" s="91"/>
      <c r="IC2961" s="91"/>
      <c r="ID2961" s="91"/>
      <c r="IE2961" s="91"/>
      <c r="IF2961" s="91"/>
      <c r="IG2961" s="91"/>
      <c r="IH2961" s="91"/>
      <c r="II2961" s="91"/>
      <c r="IJ2961" s="91"/>
      <c r="IK2961" s="174"/>
    </row>
    <row r="2962" spans="2:245" x14ac:dyDescent="0.2">
      <c r="B2962" s="43"/>
      <c r="C2962" s="73"/>
      <c r="D2962" s="64"/>
      <c r="E2962" s="64"/>
      <c r="F2962" s="55"/>
      <c r="G2962" s="102"/>
      <c r="H2962" s="97"/>
      <c r="T2962" s="98"/>
      <c r="U2962" s="97"/>
      <c r="AG2962" s="98"/>
      <c r="AY2962" s="164"/>
      <c r="BK2962" s="98"/>
      <c r="BL2962" s="97"/>
      <c r="BX2962" s="98"/>
      <c r="CL2962" s="97"/>
      <c r="CX2962" s="98"/>
      <c r="DL2962" s="97"/>
      <c r="DX2962" s="98"/>
      <c r="EL2962" s="97"/>
      <c r="EX2962" s="98"/>
      <c r="EY2962" s="97"/>
      <c r="FL2962" s="126"/>
      <c r="FM2962" s="91"/>
      <c r="FN2962" s="91"/>
      <c r="FO2962" s="91"/>
      <c r="FP2962" s="91"/>
      <c r="FQ2962" s="91"/>
      <c r="FR2962" s="91"/>
      <c r="FS2962" s="91"/>
      <c r="FT2962" s="91"/>
      <c r="FU2962" s="91"/>
      <c r="FV2962" s="91"/>
      <c r="FW2962" s="91"/>
      <c r="FX2962" s="127"/>
      <c r="FY2962" s="126"/>
      <c r="FZ2962" s="91"/>
      <c r="GA2962" s="91"/>
      <c r="GB2962" s="91"/>
      <c r="GC2962" s="91"/>
      <c r="GD2962" s="91"/>
      <c r="GE2962" s="91"/>
      <c r="GF2962" s="91"/>
      <c r="GG2962" s="91"/>
      <c r="GH2962" s="91"/>
      <c r="GI2962" s="91"/>
      <c r="GJ2962" s="91"/>
      <c r="GK2962" s="127"/>
      <c r="GL2962" s="126"/>
      <c r="GM2962" s="91"/>
      <c r="GN2962" s="91"/>
      <c r="GO2962" s="91"/>
      <c r="GP2962" s="91"/>
      <c r="GQ2962" s="91"/>
      <c r="GR2962" s="91"/>
      <c r="GS2962" s="91"/>
      <c r="GT2962" s="91"/>
      <c r="GU2962" s="91"/>
      <c r="GV2962" s="91"/>
      <c r="GW2962" s="91"/>
      <c r="GX2962" s="127"/>
      <c r="GY2962" s="126"/>
      <c r="GZ2962" s="91"/>
      <c r="HA2962" s="91"/>
      <c r="HB2962" s="91"/>
      <c r="HC2962" s="91"/>
      <c r="HD2962" s="91"/>
      <c r="HE2962" s="91"/>
      <c r="HF2962" s="91"/>
      <c r="HG2962" s="91"/>
      <c r="HH2962" s="91"/>
      <c r="HI2962" s="91"/>
      <c r="HJ2962" s="91"/>
      <c r="HK2962" s="127"/>
      <c r="HL2962" s="126"/>
      <c r="HM2962" s="91"/>
      <c r="HN2962" s="91"/>
      <c r="HO2962" s="91"/>
      <c r="HP2962" s="91"/>
      <c r="HQ2962" s="91"/>
      <c r="HR2962" s="91"/>
      <c r="HS2962" s="91"/>
      <c r="HT2962" s="91"/>
      <c r="HU2962" s="91"/>
      <c r="HV2962" s="91"/>
      <c r="HW2962" s="91"/>
      <c r="HX2962" s="127"/>
      <c r="HY2962" s="126"/>
      <c r="HZ2962" s="91"/>
      <c r="IA2962" s="91"/>
      <c r="IB2962" s="91"/>
      <c r="IC2962" s="91"/>
      <c r="ID2962" s="91"/>
      <c r="IE2962" s="91"/>
      <c r="IF2962" s="91"/>
      <c r="IG2962" s="91"/>
      <c r="IH2962" s="91"/>
      <c r="II2962" s="91"/>
      <c r="IJ2962" s="91"/>
      <c r="IK2962" s="174"/>
    </row>
    <row r="2963" spans="2:245" x14ac:dyDescent="0.2">
      <c r="B2963" s="43"/>
      <c r="C2963" s="73"/>
      <c r="D2963" s="64"/>
      <c r="E2963" s="64"/>
      <c r="F2963" s="55"/>
      <c r="G2963" s="102"/>
      <c r="H2963" s="97"/>
      <c r="T2963" s="98"/>
      <c r="U2963" s="97"/>
      <c r="AG2963" s="98"/>
      <c r="AY2963" s="164"/>
      <c r="BK2963" s="98"/>
      <c r="BL2963" s="97"/>
      <c r="BX2963" s="98"/>
      <c r="CL2963" s="97"/>
      <c r="CX2963" s="98"/>
      <c r="DL2963" s="97"/>
      <c r="DX2963" s="98"/>
      <c r="EL2963" s="97"/>
      <c r="EX2963" s="98"/>
      <c r="EY2963" s="97"/>
      <c r="FL2963" s="126"/>
      <c r="FM2963" s="91"/>
      <c r="FN2963" s="91"/>
      <c r="FO2963" s="91"/>
      <c r="FP2963" s="91"/>
      <c r="FQ2963" s="91"/>
      <c r="FR2963" s="91"/>
      <c r="FS2963" s="91"/>
      <c r="FT2963" s="91"/>
      <c r="FU2963" s="91"/>
      <c r="FV2963" s="91"/>
      <c r="FW2963" s="91"/>
      <c r="FX2963" s="127"/>
      <c r="FY2963" s="126"/>
      <c r="FZ2963" s="91"/>
      <c r="GA2963" s="91"/>
      <c r="GB2963" s="91"/>
      <c r="GC2963" s="91"/>
      <c r="GD2963" s="91"/>
      <c r="GE2963" s="91"/>
      <c r="GF2963" s="91"/>
      <c r="GG2963" s="91"/>
      <c r="GH2963" s="91"/>
      <c r="GI2963" s="91"/>
      <c r="GJ2963" s="91"/>
      <c r="GK2963" s="127"/>
      <c r="GL2963" s="126"/>
      <c r="GM2963" s="91"/>
      <c r="GN2963" s="91"/>
      <c r="GO2963" s="91"/>
      <c r="GP2963" s="91"/>
      <c r="GQ2963" s="91"/>
      <c r="GR2963" s="91"/>
      <c r="GS2963" s="91"/>
      <c r="GT2963" s="91"/>
      <c r="GU2963" s="91"/>
      <c r="GV2963" s="91"/>
      <c r="GW2963" s="91"/>
      <c r="GX2963" s="127"/>
      <c r="GY2963" s="126"/>
      <c r="GZ2963" s="91"/>
      <c r="HA2963" s="91"/>
      <c r="HB2963" s="91"/>
      <c r="HC2963" s="91"/>
      <c r="HD2963" s="91"/>
      <c r="HE2963" s="91"/>
      <c r="HF2963" s="91"/>
      <c r="HG2963" s="91"/>
      <c r="HH2963" s="91"/>
      <c r="HI2963" s="91"/>
      <c r="HJ2963" s="91"/>
      <c r="HK2963" s="127"/>
      <c r="HL2963" s="126"/>
      <c r="HM2963" s="91"/>
      <c r="HN2963" s="91"/>
      <c r="HO2963" s="91"/>
      <c r="HP2963" s="91"/>
      <c r="HQ2963" s="91"/>
      <c r="HR2963" s="91"/>
      <c r="HS2963" s="91"/>
      <c r="HT2963" s="91"/>
      <c r="HU2963" s="91"/>
      <c r="HV2963" s="91"/>
      <c r="HW2963" s="91"/>
      <c r="HX2963" s="127"/>
      <c r="HY2963" s="126"/>
      <c r="HZ2963" s="91"/>
      <c r="IA2963" s="91"/>
      <c r="IB2963" s="91"/>
      <c r="IC2963" s="91"/>
      <c r="ID2963" s="91"/>
      <c r="IE2963" s="91"/>
      <c r="IF2963" s="91"/>
      <c r="IG2963" s="91"/>
      <c r="IH2963" s="91"/>
      <c r="II2963" s="91"/>
      <c r="IJ2963" s="91"/>
      <c r="IK2963" s="174"/>
    </row>
    <row r="2964" spans="2:245" x14ac:dyDescent="0.2">
      <c r="B2964" s="43"/>
      <c r="C2964" s="73"/>
      <c r="D2964" s="64"/>
      <c r="E2964" s="64"/>
      <c r="F2964" s="55"/>
      <c r="G2964" s="102"/>
      <c r="H2964" s="97"/>
      <c r="T2964" s="98"/>
      <c r="U2964" s="97"/>
      <c r="AG2964" s="98"/>
      <c r="AY2964" s="164"/>
      <c r="BK2964" s="98"/>
      <c r="BL2964" s="97"/>
      <c r="BX2964" s="98"/>
      <c r="CL2964" s="97"/>
      <c r="CX2964" s="98"/>
      <c r="DL2964" s="97"/>
      <c r="DX2964" s="98"/>
      <c r="EL2964" s="97"/>
      <c r="EX2964" s="98"/>
      <c r="EY2964" s="97"/>
      <c r="FL2964" s="126"/>
      <c r="FM2964" s="91"/>
      <c r="FN2964" s="91"/>
      <c r="FO2964" s="91"/>
      <c r="FP2964" s="91"/>
      <c r="FQ2964" s="91"/>
      <c r="FR2964" s="91"/>
      <c r="FS2964" s="91"/>
      <c r="FT2964" s="91"/>
      <c r="FU2964" s="91"/>
      <c r="FV2964" s="91"/>
      <c r="FW2964" s="91"/>
      <c r="FX2964" s="127"/>
      <c r="FY2964" s="126"/>
      <c r="FZ2964" s="91"/>
      <c r="GA2964" s="91"/>
      <c r="GB2964" s="91"/>
      <c r="GC2964" s="91"/>
      <c r="GD2964" s="91"/>
      <c r="GE2964" s="91"/>
      <c r="GF2964" s="91"/>
      <c r="GG2964" s="91"/>
      <c r="GH2964" s="91"/>
      <c r="GI2964" s="91"/>
      <c r="GJ2964" s="91"/>
      <c r="GK2964" s="127"/>
      <c r="GL2964" s="126"/>
      <c r="GM2964" s="91"/>
      <c r="GN2964" s="91"/>
      <c r="GO2964" s="91"/>
      <c r="GP2964" s="91"/>
      <c r="GQ2964" s="91"/>
      <c r="GR2964" s="91"/>
      <c r="GS2964" s="91"/>
      <c r="GT2964" s="91"/>
      <c r="GU2964" s="91"/>
      <c r="GV2964" s="91"/>
      <c r="GW2964" s="91"/>
      <c r="GX2964" s="127"/>
      <c r="GY2964" s="126"/>
      <c r="GZ2964" s="91"/>
      <c r="HA2964" s="91"/>
      <c r="HB2964" s="91"/>
      <c r="HC2964" s="91"/>
      <c r="HD2964" s="91"/>
      <c r="HE2964" s="91"/>
      <c r="HF2964" s="91"/>
      <c r="HG2964" s="91"/>
      <c r="HH2964" s="91"/>
      <c r="HI2964" s="91"/>
      <c r="HJ2964" s="91"/>
      <c r="HK2964" s="127"/>
      <c r="HL2964" s="126"/>
      <c r="HM2964" s="91"/>
      <c r="HN2964" s="91"/>
      <c r="HO2964" s="91"/>
      <c r="HP2964" s="91"/>
      <c r="HQ2964" s="91"/>
      <c r="HR2964" s="91"/>
      <c r="HS2964" s="91"/>
      <c r="HT2964" s="91"/>
      <c r="HU2964" s="91"/>
      <c r="HV2964" s="91"/>
      <c r="HW2964" s="91"/>
      <c r="HX2964" s="127"/>
      <c r="HY2964" s="126"/>
      <c r="HZ2964" s="91"/>
      <c r="IA2964" s="91"/>
      <c r="IB2964" s="91"/>
      <c r="IC2964" s="91"/>
      <c r="ID2964" s="91"/>
      <c r="IE2964" s="91"/>
      <c r="IF2964" s="91"/>
      <c r="IG2964" s="91"/>
      <c r="IH2964" s="91"/>
      <c r="II2964" s="91"/>
      <c r="IJ2964" s="91"/>
      <c r="IK2964" s="174"/>
    </row>
    <row r="2965" spans="2:245" x14ac:dyDescent="0.2">
      <c r="B2965" s="43"/>
      <c r="C2965" s="73"/>
      <c r="D2965" s="64"/>
      <c r="E2965" s="64"/>
      <c r="F2965" s="55"/>
      <c r="G2965" s="102"/>
      <c r="H2965" s="97"/>
      <c r="T2965" s="98"/>
      <c r="U2965" s="97"/>
      <c r="AG2965" s="98"/>
      <c r="AY2965" s="164"/>
      <c r="BK2965" s="98"/>
      <c r="BL2965" s="97"/>
      <c r="BX2965" s="98"/>
      <c r="CL2965" s="97"/>
      <c r="CX2965" s="98"/>
      <c r="DL2965" s="97"/>
      <c r="DX2965" s="98"/>
      <c r="EL2965" s="97"/>
      <c r="EX2965" s="98"/>
      <c r="EY2965" s="97"/>
      <c r="FL2965" s="126"/>
      <c r="FM2965" s="91"/>
      <c r="FN2965" s="91"/>
      <c r="FO2965" s="91"/>
      <c r="FP2965" s="91"/>
      <c r="FQ2965" s="91"/>
      <c r="FR2965" s="91"/>
      <c r="FS2965" s="91"/>
      <c r="FT2965" s="91"/>
      <c r="FU2965" s="91"/>
      <c r="FV2965" s="91"/>
      <c r="FW2965" s="91"/>
      <c r="FX2965" s="127"/>
      <c r="FY2965" s="126"/>
      <c r="FZ2965" s="91"/>
      <c r="GA2965" s="91"/>
      <c r="GB2965" s="91"/>
      <c r="GC2965" s="91"/>
      <c r="GD2965" s="91"/>
      <c r="GE2965" s="91"/>
      <c r="GF2965" s="91"/>
      <c r="GG2965" s="91"/>
      <c r="GH2965" s="91"/>
      <c r="GI2965" s="91"/>
      <c r="GJ2965" s="91"/>
      <c r="GK2965" s="127"/>
      <c r="GL2965" s="126"/>
      <c r="GM2965" s="91"/>
      <c r="GN2965" s="91"/>
      <c r="GO2965" s="91"/>
      <c r="GP2965" s="91"/>
      <c r="GQ2965" s="91"/>
      <c r="GR2965" s="91"/>
      <c r="GS2965" s="91"/>
      <c r="GT2965" s="91"/>
      <c r="GU2965" s="91"/>
      <c r="GV2965" s="91"/>
      <c r="GW2965" s="91"/>
      <c r="GX2965" s="127"/>
      <c r="GY2965" s="126"/>
      <c r="GZ2965" s="91"/>
      <c r="HA2965" s="91"/>
      <c r="HB2965" s="91"/>
      <c r="HC2965" s="91"/>
      <c r="HD2965" s="91"/>
      <c r="HE2965" s="91"/>
      <c r="HF2965" s="91"/>
      <c r="HG2965" s="91"/>
      <c r="HH2965" s="91"/>
      <c r="HI2965" s="91"/>
      <c r="HJ2965" s="91"/>
      <c r="HK2965" s="127"/>
      <c r="HL2965" s="126"/>
      <c r="HM2965" s="91"/>
      <c r="HN2965" s="91"/>
      <c r="HO2965" s="91"/>
      <c r="HP2965" s="91"/>
      <c r="HQ2965" s="91"/>
      <c r="HR2965" s="91"/>
      <c r="HS2965" s="91"/>
      <c r="HT2965" s="91"/>
      <c r="HU2965" s="91"/>
      <c r="HV2965" s="91"/>
      <c r="HW2965" s="91"/>
      <c r="HX2965" s="127"/>
      <c r="HY2965" s="126"/>
      <c r="HZ2965" s="91"/>
      <c r="IA2965" s="91"/>
      <c r="IB2965" s="91"/>
      <c r="IC2965" s="91"/>
      <c r="ID2965" s="91"/>
      <c r="IE2965" s="91"/>
      <c r="IF2965" s="91"/>
      <c r="IG2965" s="91"/>
      <c r="IH2965" s="91"/>
      <c r="II2965" s="91"/>
      <c r="IJ2965" s="91"/>
      <c r="IK2965" s="174"/>
    </row>
    <row r="2966" spans="2:245" x14ac:dyDescent="0.2">
      <c r="B2966" s="43"/>
      <c r="C2966" s="73"/>
      <c r="D2966" s="64"/>
      <c r="E2966" s="64"/>
      <c r="F2966" s="55"/>
      <c r="G2966" s="102"/>
      <c r="H2966" s="97"/>
      <c r="T2966" s="98"/>
      <c r="U2966" s="97"/>
      <c r="AG2966" s="98"/>
      <c r="AY2966" s="164"/>
      <c r="BK2966" s="98"/>
      <c r="BL2966" s="97"/>
      <c r="BX2966" s="98"/>
      <c r="CL2966" s="97"/>
      <c r="CX2966" s="98"/>
      <c r="DL2966" s="97"/>
      <c r="DX2966" s="98"/>
      <c r="EL2966" s="97"/>
      <c r="EX2966" s="98"/>
      <c r="EY2966" s="97"/>
      <c r="FL2966" s="126"/>
      <c r="FM2966" s="91"/>
      <c r="FN2966" s="91"/>
      <c r="FO2966" s="91"/>
      <c r="FP2966" s="91"/>
      <c r="FQ2966" s="91"/>
      <c r="FR2966" s="91"/>
      <c r="FS2966" s="91"/>
      <c r="FT2966" s="91"/>
      <c r="FU2966" s="91"/>
      <c r="FV2966" s="91"/>
      <c r="FW2966" s="91"/>
      <c r="FX2966" s="127"/>
      <c r="FY2966" s="126"/>
      <c r="FZ2966" s="91"/>
      <c r="GA2966" s="91"/>
      <c r="GB2966" s="91"/>
      <c r="GC2966" s="91"/>
      <c r="GD2966" s="91"/>
      <c r="GE2966" s="91"/>
      <c r="GF2966" s="91"/>
      <c r="GG2966" s="91"/>
      <c r="GH2966" s="91"/>
      <c r="GI2966" s="91"/>
      <c r="GJ2966" s="91"/>
      <c r="GK2966" s="127"/>
      <c r="GL2966" s="126"/>
      <c r="GM2966" s="91"/>
      <c r="GN2966" s="91"/>
      <c r="GO2966" s="91"/>
      <c r="GP2966" s="91"/>
      <c r="GQ2966" s="91"/>
      <c r="GR2966" s="91"/>
      <c r="GS2966" s="91"/>
      <c r="GT2966" s="91"/>
      <c r="GU2966" s="91"/>
      <c r="GV2966" s="91"/>
      <c r="GW2966" s="91"/>
      <c r="GX2966" s="127"/>
      <c r="GY2966" s="126"/>
      <c r="GZ2966" s="91"/>
      <c r="HA2966" s="91"/>
      <c r="HB2966" s="91"/>
      <c r="HC2966" s="91"/>
      <c r="HD2966" s="91"/>
      <c r="HE2966" s="91"/>
      <c r="HF2966" s="91"/>
      <c r="HG2966" s="91"/>
      <c r="HH2966" s="91"/>
      <c r="HI2966" s="91"/>
      <c r="HJ2966" s="91"/>
      <c r="HK2966" s="127"/>
      <c r="HL2966" s="126"/>
      <c r="HM2966" s="91"/>
      <c r="HN2966" s="91"/>
      <c r="HO2966" s="91"/>
      <c r="HP2966" s="91"/>
      <c r="HQ2966" s="91"/>
      <c r="HR2966" s="91"/>
      <c r="HS2966" s="91"/>
      <c r="HT2966" s="91"/>
      <c r="HU2966" s="91"/>
      <c r="HV2966" s="91"/>
      <c r="HW2966" s="91"/>
      <c r="HX2966" s="127"/>
      <c r="HY2966" s="126"/>
      <c r="HZ2966" s="91"/>
      <c r="IA2966" s="91"/>
      <c r="IB2966" s="91"/>
      <c r="IC2966" s="91"/>
      <c r="ID2966" s="91"/>
      <c r="IE2966" s="91"/>
      <c r="IF2966" s="91"/>
      <c r="IG2966" s="91"/>
      <c r="IH2966" s="91"/>
      <c r="II2966" s="91"/>
      <c r="IJ2966" s="91"/>
      <c r="IK2966" s="174"/>
    </row>
    <row r="2967" spans="2:245" x14ac:dyDescent="0.2">
      <c r="B2967" s="43"/>
      <c r="C2967" s="73"/>
      <c r="D2967" s="64"/>
      <c r="E2967" s="64"/>
      <c r="F2967" s="55"/>
      <c r="G2967" s="102"/>
      <c r="H2967" s="97"/>
      <c r="T2967" s="98"/>
      <c r="U2967" s="97"/>
      <c r="AG2967" s="98"/>
      <c r="AY2967" s="164"/>
      <c r="BK2967" s="98"/>
      <c r="BL2967" s="97"/>
      <c r="BX2967" s="98"/>
      <c r="CL2967" s="97"/>
      <c r="CX2967" s="98"/>
      <c r="DL2967" s="97"/>
      <c r="DX2967" s="98"/>
      <c r="EL2967" s="97"/>
      <c r="EX2967" s="98"/>
      <c r="EY2967" s="97"/>
      <c r="FL2967" s="126"/>
      <c r="FM2967" s="91"/>
      <c r="FN2967" s="91"/>
      <c r="FO2967" s="91"/>
      <c r="FP2967" s="91"/>
      <c r="FQ2967" s="91"/>
      <c r="FR2967" s="91"/>
      <c r="FS2967" s="91"/>
      <c r="FT2967" s="91"/>
      <c r="FU2967" s="91"/>
      <c r="FV2967" s="91"/>
      <c r="FW2967" s="91"/>
      <c r="FX2967" s="127"/>
      <c r="FY2967" s="126"/>
      <c r="FZ2967" s="91"/>
      <c r="GA2967" s="91"/>
      <c r="GB2967" s="91"/>
      <c r="GC2967" s="91"/>
      <c r="GD2967" s="91"/>
      <c r="GE2967" s="91"/>
      <c r="GF2967" s="91"/>
      <c r="GG2967" s="91"/>
      <c r="GH2967" s="91"/>
      <c r="GI2967" s="91"/>
      <c r="GJ2967" s="91"/>
      <c r="GK2967" s="127"/>
      <c r="GL2967" s="126"/>
      <c r="GM2967" s="91"/>
      <c r="GN2967" s="91"/>
      <c r="GO2967" s="91"/>
      <c r="GP2967" s="91"/>
      <c r="GQ2967" s="91"/>
      <c r="GR2967" s="91"/>
      <c r="GS2967" s="91"/>
      <c r="GT2967" s="91"/>
      <c r="GU2967" s="91"/>
      <c r="GV2967" s="91"/>
      <c r="GW2967" s="91"/>
      <c r="GX2967" s="127"/>
      <c r="GY2967" s="126"/>
      <c r="GZ2967" s="91"/>
      <c r="HA2967" s="91"/>
      <c r="HB2967" s="91"/>
      <c r="HC2967" s="91"/>
      <c r="HD2967" s="91"/>
      <c r="HE2967" s="91"/>
      <c r="HF2967" s="91"/>
      <c r="HG2967" s="91"/>
      <c r="HH2967" s="91"/>
      <c r="HI2967" s="91"/>
      <c r="HJ2967" s="91"/>
      <c r="HK2967" s="127"/>
      <c r="HL2967" s="126"/>
      <c r="HM2967" s="91"/>
      <c r="HN2967" s="91"/>
      <c r="HO2967" s="91"/>
      <c r="HP2967" s="91"/>
      <c r="HQ2967" s="91"/>
      <c r="HR2967" s="91"/>
      <c r="HS2967" s="91"/>
      <c r="HT2967" s="91"/>
      <c r="HU2967" s="91"/>
      <c r="HV2967" s="91"/>
      <c r="HW2967" s="91"/>
      <c r="HX2967" s="127"/>
      <c r="HY2967" s="126"/>
      <c r="HZ2967" s="91"/>
      <c r="IA2967" s="91"/>
      <c r="IB2967" s="91"/>
      <c r="IC2967" s="91"/>
      <c r="ID2967" s="91"/>
      <c r="IE2967" s="91"/>
      <c r="IF2967" s="91"/>
      <c r="IG2967" s="91"/>
      <c r="IH2967" s="91"/>
      <c r="II2967" s="91"/>
      <c r="IJ2967" s="91"/>
      <c r="IK2967" s="174"/>
    </row>
    <row r="2968" spans="2:245" x14ac:dyDescent="0.2">
      <c r="B2968" s="43"/>
      <c r="C2968" s="73"/>
      <c r="D2968" s="64"/>
      <c r="E2968" s="64"/>
      <c r="F2968" s="55"/>
      <c r="G2968" s="102"/>
      <c r="H2968" s="97"/>
      <c r="T2968" s="98"/>
      <c r="U2968" s="97"/>
      <c r="AG2968" s="98"/>
      <c r="AY2968" s="164"/>
      <c r="BK2968" s="98"/>
      <c r="BL2968" s="97"/>
      <c r="BX2968" s="98"/>
      <c r="CL2968" s="97"/>
      <c r="CX2968" s="98"/>
      <c r="DL2968" s="97"/>
      <c r="DX2968" s="98"/>
      <c r="EL2968" s="97"/>
      <c r="EX2968" s="98"/>
      <c r="EY2968" s="97"/>
      <c r="FL2968" s="126"/>
      <c r="FM2968" s="91"/>
      <c r="FN2968" s="91"/>
      <c r="FO2968" s="91"/>
      <c r="FP2968" s="91"/>
      <c r="FQ2968" s="91"/>
      <c r="FR2968" s="91"/>
      <c r="FS2968" s="91"/>
      <c r="FT2968" s="91"/>
      <c r="FU2968" s="91"/>
      <c r="FV2968" s="91"/>
      <c r="FW2968" s="91"/>
      <c r="FX2968" s="127"/>
      <c r="FY2968" s="126"/>
      <c r="FZ2968" s="91"/>
      <c r="GA2968" s="91"/>
      <c r="GB2968" s="91"/>
      <c r="GC2968" s="91"/>
      <c r="GD2968" s="91"/>
      <c r="GE2968" s="91"/>
      <c r="GF2968" s="91"/>
      <c r="GG2968" s="91"/>
      <c r="GH2968" s="91"/>
      <c r="GI2968" s="91"/>
      <c r="GJ2968" s="91"/>
      <c r="GK2968" s="127"/>
      <c r="GL2968" s="126"/>
      <c r="GM2968" s="91"/>
      <c r="GN2968" s="91"/>
      <c r="GO2968" s="91"/>
      <c r="GP2968" s="91"/>
      <c r="GQ2968" s="91"/>
      <c r="GR2968" s="91"/>
      <c r="GS2968" s="91"/>
      <c r="GT2968" s="91"/>
      <c r="GU2968" s="91"/>
      <c r="GV2968" s="91"/>
      <c r="GW2968" s="91"/>
      <c r="GX2968" s="127"/>
      <c r="GY2968" s="126"/>
      <c r="GZ2968" s="91"/>
      <c r="HA2968" s="91"/>
      <c r="HB2968" s="91"/>
      <c r="HC2968" s="91"/>
      <c r="HD2968" s="91"/>
      <c r="HE2968" s="91"/>
      <c r="HF2968" s="91"/>
      <c r="HG2968" s="91"/>
      <c r="HH2968" s="91"/>
      <c r="HI2968" s="91"/>
      <c r="HJ2968" s="91"/>
      <c r="HK2968" s="127"/>
      <c r="HL2968" s="126"/>
      <c r="HM2968" s="91"/>
      <c r="HN2968" s="91"/>
      <c r="HO2968" s="91"/>
      <c r="HP2968" s="91"/>
      <c r="HQ2968" s="91"/>
      <c r="HR2968" s="91"/>
      <c r="HS2968" s="91"/>
      <c r="HT2968" s="91"/>
      <c r="HU2968" s="91"/>
      <c r="HV2968" s="91"/>
      <c r="HW2968" s="91"/>
      <c r="HX2968" s="127"/>
      <c r="HY2968" s="126"/>
      <c r="HZ2968" s="91"/>
      <c r="IA2968" s="91"/>
      <c r="IB2968" s="91"/>
      <c r="IC2968" s="91"/>
      <c r="ID2968" s="91"/>
      <c r="IE2968" s="91"/>
      <c r="IF2968" s="91"/>
      <c r="IG2968" s="91"/>
      <c r="IH2968" s="91"/>
      <c r="II2968" s="91"/>
      <c r="IJ2968" s="91"/>
      <c r="IK2968" s="174"/>
    </row>
    <row r="2969" spans="2:245" x14ac:dyDescent="0.2">
      <c r="B2969" s="43"/>
      <c r="C2969" s="73"/>
      <c r="D2969" s="64"/>
      <c r="E2969" s="64"/>
      <c r="F2969" s="55"/>
      <c r="G2969" s="102"/>
      <c r="H2969" s="97"/>
      <c r="T2969" s="98"/>
      <c r="U2969" s="97"/>
      <c r="AG2969" s="98"/>
      <c r="AY2969" s="164"/>
      <c r="BK2969" s="98"/>
      <c r="BL2969" s="97"/>
      <c r="BX2969" s="98"/>
      <c r="CL2969" s="97"/>
      <c r="CX2969" s="98"/>
      <c r="DL2969" s="97"/>
      <c r="DX2969" s="98"/>
      <c r="EL2969" s="97"/>
      <c r="EX2969" s="98"/>
      <c r="EY2969" s="97"/>
      <c r="FL2969" s="126"/>
      <c r="FM2969" s="91"/>
      <c r="FN2969" s="91"/>
      <c r="FO2969" s="91"/>
      <c r="FP2969" s="91"/>
      <c r="FQ2969" s="91"/>
      <c r="FR2969" s="91"/>
      <c r="FS2969" s="91"/>
      <c r="FT2969" s="91"/>
      <c r="FU2969" s="91"/>
      <c r="FV2969" s="91"/>
      <c r="FW2969" s="91"/>
      <c r="FX2969" s="127"/>
      <c r="FY2969" s="126"/>
      <c r="FZ2969" s="91"/>
      <c r="GA2969" s="91"/>
      <c r="GB2969" s="91"/>
      <c r="GC2969" s="91"/>
      <c r="GD2969" s="91"/>
      <c r="GE2969" s="91"/>
      <c r="GF2969" s="91"/>
      <c r="GG2969" s="91"/>
      <c r="GH2969" s="91"/>
      <c r="GI2969" s="91"/>
      <c r="GJ2969" s="91"/>
      <c r="GK2969" s="127"/>
      <c r="GL2969" s="126"/>
      <c r="GM2969" s="91"/>
      <c r="GN2969" s="91"/>
      <c r="GO2969" s="91"/>
      <c r="GP2969" s="91"/>
      <c r="GQ2969" s="91"/>
      <c r="GR2969" s="91"/>
      <c r="GS2969" s="91"/>
      <c r="GT2969" s="91"/>
      <c r="GU2969" s="91"/>
      <c r="GV2969" s="91"/>
      <c r="GW2969" s="91"/>
      <c r="GX2969" s="127"/>
      <c r="GY2969" s="126"/>
      <c r="GZ2969" s="91"/>
      <c r="HA2969" s="91"/>
      <c r="HB2969" s="91"/>
      <c r="HC2969" s="91"/>
      <c r="HD2969" s="91"/>
      <c r="HE2969" s="91"/>
      <c r="HF2969" s="91"/>
      <c r="HG2969" s="91"/>
      <c r="HH2969" s="91"/>
      <c r="HI2969" s="91"/>
      <c r="HJ2969" s="91"/>
      <c r="HK2969" s="127"/>
      <c r="HL2969" s="126"/>
      <c r="HM2969" s="91"/>
      <c r="HN2969" s="91"/>
      <c r="HO2969" s="91"/>
      <c r="HP2969" s="91"/>
      <c r="HQ2969" s="91"/>
      <c r="HR2969" s="91"/>
      <c r="HS2969" s="91"/>
      <c r="HT2969" s="91"/>
      <c r="HU2969" s="91"/>
      <c r="HV2969" s="91"/>
      <c r="HW2969" s="91"/>
      <c r="HX2969" s="127"/>
      <c r="HY2969" s="126"/>
      <c r="HZ2969" s="91"/>
      <c r="IA2969" s="91"/>
      <c r="IB2969" s="91"/>
      <c r="IC2969" s="91"/>
      <c r="ID2969" s="91"/>
      <c r="IE2969" s="91"/>
      <c r="IF2969" s="91"/>
      <c r="IG2969" s="91"/>
      <c r="IH2969" s="91"/>
      <c r="II2969" s="91"/>
      <c r="IJ2969" s="91"/>
      <c r="IK2969" s="174"/>
    </row>
    <row r="2970" spans="2:245" x14ac:dyDescent="0.2">
      <c r="B2970" s="43"/>
      <c r="C2970" s="73"/>
      <c r="D2970" s="64"/>
      <c r="E2970" s="64"/>
      <c r="F2970" s="55"/>
      <c r="G2970" s="102"/>
      <c r="H2970" s="97"/>
      <c r="T2970" s="98"/>
      <c r="U2970" s="97"/>
      <c r="AG2970" s="98"/>
      <c r="AY2970" s="164"/>
      <c r="BK2970" s="98"/>
      <c r="BL2970" s="97"/>
      <c r="BX2970" s="98"/>
      <c r="CL2970" s="97"/>
      <c r="CX2970" s="98"/>
      <c r="DL2970" s="97"/>
      <c r="DX2970" s="98"/>
      <c r="EL2970" s="97"/>
      <c r="EX2970" s="98"/>
      <c r="EY2970" s="97"/>
      <c r="FL2970" s="126"/>
      <c r="FM2970" s="91"/>
      <c r="FN2970" s="91"/>
      <c r="FO2970" s="91"/>
      <c r="FP2970" s="91"/>
      <c r="FQ2970" s="91"/>
      <c r="FR2970" s="91"/>
      <c r="FS2970" s="91"/>
      <c r="FT2970" s="91"/>
      <c r="FU2970" s="91"/>
      <c r="FV2970" s="91"/>
      <c r="FW2970" s="91"/>
      <c r="FX2970" s="127"/>
      <c r="FY2970" s="126"/>
      <c r="FZ2970" s="91"/>
      <c r="GA2970" s="91"/>
      <c r="GB2970" s="91"/>
      <c r="GC2970" s="91"/>
      <c r="GD2970" s="91"/>
      <c r="GE2970" s="91"/>
      <c r="GF2970" s="91"/>
      <c r="GG2970" s="91"/>
      <c r="GH2970" s="91"/>
      <c r="GI2970" s="91"/>
      <c r="GJ2970" s="91"/>
      <c r="GK2970" s="127"/>
      <c r="GL2970" s="126"/>
      <c r="GM2970" s="91"/>
      <c r="GN2970" s="91"/>
      <c r="GO2970" s="91"/>
      <c r="GP2970" s="91"/>
      <c r="GQ2970" s="91"/>
      <c r="GR2970" s="91"/>
      <c r="GS2970" s="91"/>
      <c r="GT2970" s="91"/>
      <c r="GU2970" s="91"/>
      <c r="GV2970" s="91"/>
      <c r="GW2970" s="91"/>
      <c r="GX2970" s="127"/>
      <c r="GY2970" s="126"/>
      <c r="GZ2970" s="91"/>
      <c r="HA2970" s="91"/>
      <c r="HB2970" s="91"/>
      <c r="HC2970" s="91"/>
      <c r="HD2970" s="91"/>
      <c r="HE2970" s="91"/>
      <c r="HF2970" s="91"/>
      <c r="HG2970" s="91"/>
      <c r="HH2970" s="91"/>
      <c r="HI2970" s="91"/>
      <c r="HJ2970" s="91"/>
      <c r="HK2970" s="127"/>
      <c r="HL2970" s="126"/>
      <c r="HM2970" s="91"/>
      <c r="HN2970" s="91"/>
      <c r="HO2970" s="91"/>
      <c r="HP2970" s="91"/>
      <c r="HQ2970" s="91"/>
      <c r="HR2970" s="91"/>
      <c r="HS2970" s="91"/>
      <c r="HT2970" s="91"/>
      <c r="HU2970" s="91"/>
      <c r="HV2970" s="91"/>
      <c r="HW2970" s="91"/>
      <c r="HX2970" s="127"/>
      <c r="HY2970" s="126"/>
      <c r="HZ2970" s="91"/>
      <c r="IA2970" s="91"/>
      <c r="IB2970" s="91"/>
      <c r="IC2970" s="91"/>
      <c r="ID2970" s="91"/>
      <c r="IE2970" s="91"/>
      <c r="IF2970" s="91"/>
      <c r="IG2970" s="91"/>
      <c r="IH2970" s="91"/>
      <c r="II2970" s="91"/>
      <c r="IJ2970" s="91"/>
      <c r="IK2970" s="174"/>
    </row>
    <row r="2971" spans="2:245" x14ac:dyDescent="0.2">
      <c r="B2971" s="43"/>
      <c r="C2971" s="73"/>
      <c r="D2971" s="64"/>
      <c r="E2971" s="64"/>
      <c r="F2971" s="55"/>
      <c r="G2971" s="102"/>
      <c r="H2971" s="97"/>
      <c r="T2971" s="98"/>
      <c r="U2971" s="97"/>
      <c r="AG2971" s="98"/>
      <c r="AY2971" s="164"/>
      <c r="BK2971" s="98"/>
      <c r="BL2971" s="97"/>
      <c r="BX2971" s="98"/>
      <c r="CL2971" s="97"/>
      <c r="CX2971" s="98"/>
      <c r="DL2971" s="97"/>
      <c r="DX2971" s="98"/>
      <c r="EL2971" s="97"/>
      <c r="EX2971" s="98"/>
      <c r="EY2971" s="97"/>
      <c r="FL2971" s="126"/>
      <c r="FM2971" s="91"/>
      <c r="FN2971" s="91"/>
      <c r="FO2971" s="91"/>
      <c r="FP2971" s="91"/>
      <c r="FQ2971" s="91"/>
      <c r="FR2971" s="91"/>
      <c r="FS2971" s="91"/>
      <c r="FT2971" s="91"/>
      <c r="FU2971" s="91"/>
      <c r="FV2971" s="91"/>
      <c r="FW2971" s="91"/>
      <c r="FX2971" s="127"/>
      <c r="FY2971" s="126"/>
      <c r="FZ2971" s="91"/>
      <c r="GA2971" s="91"/>
      <c r="GB2971" s="91"/>
      <c r="GC2971" s="91"/>
      <c r="GD2971" s="91"/>
      <c r="GE2971" s="91"/>
      <c r="GF2971" s="91"/>
      <c r="GG2971" s="91"/>
      <c r="GH2971" s="91"/>
      <c r="GI2971" s="91"/>
      <c r="GJ2971" s="91"/>
      <c r="GK2971" s="127"/>
      <c r="GL2971" s="126"/>
      <c r="GM2971" s="91"/>
      <c r="GN2971" s="91"/>
      <c r="GO2971" s="91"/>
      <c r="GP2971" s="91"/>
      <c r="GQ2971" s="91"/>
      <c r="GR2971" s="91"/>
      <c r="GS2971" s="91"/>
      <c r="GT2971" s="91"/>
      <c r="GU2971" s="91"/>
      <c r="GV2971" s="91"/>
      <c r="GW2971" s="91"/>
      <c r="GX2971" s="127"/>
      <c r="GY2971" s="126"/>
      <c r="GZ2971" s="91"/>
      <c r="HA2971" s="91"/>
      <c r="HB2971" s="91"/>
      <c r="HC2971" s="91"/>
      <c r="HD2971" s="91"/>
      <c r="HE2971" s="91"/>
      <c r="HF2971" s="91"/>
      <c r="HG2971" s="91"/>
      <c r="HH2971" s="91"/>
      <c r="HI2971" s="91"/>
      <c r="HJ2971" s="91"/>
      <c r="HK2971" s="127"/>
      <c r="HL2971" s="126"/>
      <c r="HM2971" s="91"/>
      <c r="HN2971" s="91"/>
      <c r="HO2971" s="91"/>
      <c r="HP2971" s="91"/>
      <c r="HQ2971" s="91"/>
      <c r="HR2971" s="91"/>
      <c r="HS2971" s="91"/>
      <c r="HT2971" s="91"/>
      <c r="HU2971" s="91"/>
      <c r="HV2971" s="91"/>
      <c r="HW2971" s="91"/>
      <c r="HX2971" s="127"/>
      <c r="HY2971" s="126"/>
      <c r="HZ2971" s="91"/>
      <c r="IA2971" s="91"/>
      <c r="IB2971" s="91"/>
      <c r="IC2971" s="91"/>
      <c r="ID2971" s="91"/>
      <c r="IE2971" s="91"/>
      <c r="IF2971" s="91"/>
      <c r="IG2971" s="91"/>
      <c r="IH2971" s="91"/>
      <c r="II2971" s="91"/>
      <c r="IJ2971" s="91"/>
      <c r="IK2971" s="174"/>
    </row>
    <row r="2972" spans="2:245" x14ac:dyDescent="0.2">
      <c r="B2972" s="43"/>
      <c r="C2972" s="73"/>
      <c r="D2972" s="64"/>
      <c r="E2972" s="64"/>
      <c r="F2972" s="55"/>
      <c r="G2972" s="102"/>
      <c r="H2972" s="97"/>
      <c r="T2972" s="98"/>
      <c r="U2972" s="97"/>
      <c r="AG2972" s="98"/>
      <c r="AY2972" s="164"/>
      <c r="BK2972" s="98"/>
      <c r="BL2972" s="97"/>
      <c r="BX2972" s="98"/>
      <c r="CL2972" s="97"/>
      <c r="CX2972" s="98"/>
      <c r="DL2972" s="97"/>
      <c r="DX2972" s="98"/>
      <c r="EL2972" s="97"/>
      <c r="EX2972" s="98"/>
      <c r="EY2972" s="97"/>
      <c r="FL2972" s="126"/>
      <c r="FM2972" s="91"/>
      <c r="FN2972" s="91"/>
      <c r="FO2972" s="91"/>
      <c r="FP2972" s="91"/>
      <c r="FQ2972" s="91"/>
      <c r="FR2972" s="91"/>
      <c r="FS2972" s="91"/>
      <c r="FT2972" s="91"/>
      <c r="FU2972" s="91"/>
      <c r="FV2972" s="91"/>
      <c r="FW2972" s="91"/>
      <c r="FX2972" s="127"/>
      <c r="FY2972" s="126"/>
      <c r="FZ2972" s="91"/>
      <c r="GA2972" s="91"/>
      <c r="GB2972" s="91"/>
      <c r="GC2972" s="91"/>
      <c r="GD2972" s="91"/>
      <c r="GE2972" s="91"/>
      <c r="GF2972" s="91"/>
      <c r="GG2972" s="91"/>
      <c r="GH2972" s="91"/>
      <c r="GI2972" s="91"/>
      <c r="GJ2972" s="91"/>
      <c r="GK2972" s="127"/>
      <c r="GL2972" s="126"/>
      <c r="GM2972" s="91"/>
      <c r="GN2972" s="91"/>
      <c r="GO2972" s="91"/>
      <c r="GP2972" s="91"/>
      <c r="GQ2972" s="91"/>
      <c r="GR2972" s="91"/>
      <c r="GS2972" s="91"/>
      <c r="GT2972" s="91"/>
      <c r="GU2972" s="91"/>
      <c r="GV2972" s="91"/>
      <c r="GW2972" s="91"/>
      <c r="GX2972" s="127"/>
      <c r="GY2972" s="126"/>
      <c r="GZ2972" s="91"/>
      <c r="HA2972" s="91"/>
      <c r="HB2972" s="91"/>
      <c r="HC2972" s="91"/>
      <c r="HD2972" s="91"/>
      <c r="HE2972" s="91"/>
      <c r="HF2972" s="91"/>
      <c r="HG2972" s="91"/>
      <c r="HH2972" s="91"/>
      <c r="HI2972" s="91"/>
      <c r="HJ2972" s="91"/>
      <c r="HK2972" s="127"/>
      <c r="HL2972" s="126"/>
      <c r="HM2972" s="91"/>
      <c r="HN2972" s="91"/>
      <c r="HO2972" s="91"/>
      <c r="HP2972" s="91"/>
      <c r="HQ2972" s="91"/>
      <c r="HR2972" s="91"/>
      <c r="HS2972" s="91"/>
      <c r="HT2972" s="91"/>
      <c r="HU2972" s="91"/>
      <c r="HV2972" s="91"/>
      <c r="HW2972" s="91"/>
      <c r="HX2972" s="127"/>
      <c r="HY2972" s="126"/>
      <c r="HZ2972" s="91"/>
      <c r="IA2972" s="91"/>
      <c r="IB2972" s="91"/>
      <c r="IC2972" s="91"/>
      <c r="ID2972" s="91"/>
      <c r="IE2972" s="91"/>
      <c r="IF2972" s="91"/>
      <c r="IG2972" s="91"/>
      <c r="IH2972" s="91"/>
      <c r="II2972" s="91"/>
      <c r="IJ2972" s="91"/>
      <c r="IK2972" s="174"/>
    </row>
    <row r="2973" spans="2:245" x14ac:dyDescent="0.2">
      <c r="B2973" s="43"/>
      <c r="C2973" s="73"/>
      <c r="D2973" s="64"/>
      <c r="E2973" s="64"/>
      <c r="F2973" s="55"/>
      <c r="G2973" s="102"/>
      <c r="H2973" s="97"/>
      <c r="T2973" s="98"/>
      <c r="U2973" s="97"/>
      <c r="AG2973" s="98"/>
      <c r="AY2973" s="164"/>
      <c r="BK2973" s="98"/>
      <c r="BL2973" s="97"/>
      <c r="BX2973" s="98"/>
      <c r="CL2973" s="97"/>
      <c r="CX2973" s="98"/>
      <c r="DL2973" s="97"/>
      <c r="DX2973" s="98"/>
      <c r="EL2973" s="97"/>
      <c r="EX2973" s="98"/>
      <c r="EY2973" s="97"/>
      <c r="FL2973" s="126"/>
      <c r="FM2973" s="91"/>
      <c r="FN2973" s="91"/>
      <c r="FO2973" s="91"/>
      <c r="FP2973" s="91"/>
      <c r="FQ2973" s="91"/>
      <c r="FR2973" s="91"/>
      <c r="FS2973" s="91"/>
      <c r="FT2973" s="91"/>
      <c r="FU2973" s="91"/>
      <c r="FV2973" s="91"/>
      <c r="FW2973" s="91"/>
      <c r="FX2973" s="127"/>
      <c r="FY2973" s="126"/>
      <c r="FZ2973" s="91"/>
      <c r="GA2973" s="91"/>
      <c r="GB2973" s="91"/>
      <c r="GC2973" s="91"/>
      <c r="GD2973" s="91"/>
      <c r="GE2973" s="91"/>
      <c r="GF2973" s="91"/>
      <c r="GG2973" s="91"/>
      <c r="GH2973" s="91"/>
      <c r="GI2973" s="91"/>
      <c r="GJ2973" s="91"/>
      <c r="GK2973" s="127"/>
      <c r="GL2973" s="126"/>
      <c r="GM2973" s="91"/>
      <c r="GN2973" s="91"/>
      <c r="GO2973" s="91"/>
      <c r="GP2973" s="91"/>
      <c r="GQ2973" s="91"/>
      <c r="GR2973" s="91"/>
      <c r="GS2973" s="91"/>
      <c r="GT2973" s="91"/>
      <c r="GU2973" s="91"/>
      <c r="GV2973" s="91"/>
      <c r="GW2973" s="91"/>
      <c r="GX2973" s="127"/>
      <c r="GY2973" s="126"/>
      <c r="GZ2973" s="91"/>
      <c r="HA2973" s="91"/>
      <c r="HB2973" s="91"/>
      <c r="HC2973" s="91"/>
      <c r="HD2973" s="91"/>
      <c r="HE2973" s="91"/>
      <c r="HF2973" s="91"/>
      <c r="HG2973" s="91"/>
      <c r="HH2973" s="91"/>
      <c r="HI2973" s="91"/>
      <c r="HJ2973" s="91"/>
      <c r="HK2973" s="127"/>
      <c r="HL2973" s="126"/>
      <c r="HM2973" s="91"/>
      <c r="HN2973" s="91"/>
      <c r="HO2973" s="91"/>
      <c r="HP2973" s="91"/>
      <c r="HQ2973" s="91"/>
      <c r="HR2973" s="91"/>
      <c r="HS2973" s="91"/>
      <c r="HT2973" s="91"/>
      <c r="HU2973" s="91"/>
      <c r="HV2973" s="91"/>
      <c r="HW2973" s="91"/>
      <c r="HX2973" s="127"/>
      <c r="HY2973" s="126"/>
      <c r="HZ2973" s="91"/>
      <c r="IA2973" s="91"/>
      <c r="IB2973" s="91"/>
      <c r="IC2973" s="91"/>
      <c r="ID2973" s="91"/>
      <c r="IE2973" s="91"/>
      <c r="IF2973" s="91"/>
      <c r="IG2973" s="91"/>
      <c r="IH2973" s="91"/>
      <c r="II2973" s="91"/>
      <c r="IJ2973" s="91"/>
      <c r="IK2973" s="174"/>
    </row>
    <row r="2974" spans="2:245" x14ac:dyDescent="0.2">
      <c r="B2974" s="43"/>
      <c r="C2974" s="73"/>
      <c r="D2974" s="64"/>
      <c r="E2974" s="64"/>
      <c r="F2974" s="55"/>
      <c r="G2974" s="102"/>
      <c r="H2974" s="97"/>
      <c r="T2974" s="98"/>
      <c r="U2974" s="97"/>
      <c r="AG2974" s="98"/>
      <c r="AY2974" s="164"/>
      <c r="BK2974" s="98"/>
      <c r="BL2974" s="97"/>
      <c r="BX2974" s="98"/>
      <c r="CL2974" s="97"/>
      <c r="CX2974" s="98"/>
      <c r="DL2974" s="97"/>
      <c r="DX2974" s="98"/>
      <c r="EL2974" s="97"/>
      <c r="EX2974" s="98"/>
      <c r="EY2974" s="97"/>
      <c r="FL2974" s="126"/>
      <c r="FM2974" s="91"/>
      <c r="FN2974" s="91"/>
      <c r="FO2974" s="91"/>
      <c r="FP2974" s="91"/>
      <c r="FQ2974" s="91"/>
      <c r="FR2974" s="91"/>
      <c r="FS2974" s="91"/>
      <c r="FT2974" s="91"/>
      <c r="FU2974" s="91"/>
      <c r="FV2974" s="91"/>
      <c r="FW2974" s="91"/>
      <c r="FX2974" s="127"/>
      <c r="FY2974" s="126"/>
      <c r="FZ2974" s="91"/>
      <c r="GA2974" s="91"/>
      <c r="GB2974" s="91"/>
      <c r="GC2974" s="91"/>
      <c r="GD2974" s="91"/>
      <c r="GE2974" s="91"/>
      <c r="GF2974" s="91"/>
      <c r="GG2974" s="91"/>
      <c r="GH2974" s="91"/>
      <c r="GI2974" s="91"/>
      <c r="GJ2974" s="91"/>
      <c r="GK2974" s="127"/>
      <c r="GL2974" s="126"/>
      <c r="GM2974" s="91"/>
      <c r="GN2974" s="91"/>
      <c r="GO2974" s="91"/>
      <c r="GP2974" s="91"/>
      <c r="GQ2974" s="91"/>
      <c r="GR2974" s="91"/>
      <c r="GS2974" s="91"/>
      <c r="GT2974" s="91"/>
      <c r="GU2974" s="91"/>
      <c r="GV2974" s="91"/>
      <c r="GW2974" s="91"/>
      <c r="GX2974" s="127"/>
      <c r="GY2974" s="126"/>
      <c r="GZ2974" s="91"/>
      <c r="HA2974" s="91"/>
      <c r="HB2974" s="91"/>
      <c r="HC2974" s="91"/>
      <c r="HD2974" s="91"/>
      <c r="HE2974" s="91"/>
      <c r="HF2974" s="91"/>
      <c r="HG2974" s="91"/>
      <c r="HH2974" s="91"/>
      <c r="HI2974" s="91"/>
      <c r="HJ2974" s="91"/>
      <c r="HK2974" s="127"/>
      <c r="HL2974" s="126"/>
      <c r="HM2974" s="91"/>
      <c r="HN2974" s="91"/>
      <c r="HO2974" s="91"/>
      <c r="HP2974" s="91"/>
      <c r="HQ2974" s="91"/>
      <c r="HR2974" s="91"/>
      <c r="HS2974" s="91"/>
      <c r="HT2974" s="91"/>
      <c r="HU2974" s="91"/>
      <c r="HV2974" s="91"/>
      <c r="HW2974" s="91"/>
      <c r="HX2974" s="127"/>
      <c r="HY2974" s="126"/>
      <c r="HZ2974" s="91"/>
      <c r="IA2974" s="91"/>
      <c r="IB2974" s="91"/>
      <c r="IC2974" s="91"/>
      <c r="ID2974" s="91"/>
      <c r="IE2974" s="91"/>
      <c r="IF2974" s="91"/>
      <c r="IG2974" s="91"/>
      <c r="IH2974" s="91"/>
      <c r="II2974" s="91"/>
      <c r="IJ2974" s="91"/>
      <c r="IK2974" s="174"/>
    </row>
    <row r="2975" spans="2:245" x14ac:dyDescent="0.2">
      <c r="B2975" s="43"/>
      <c r="C2975" s="73"/>
      <c r="D2975" s="64"/>
      <c r="E2975" s="64"/>
      <c r="F2975" s="55"/>
      <c r="G2975" s="102"/>
      <c r="H2975" s="97"/>
      <c r="T2975" s="98"/>
      <c r="U2975" s="97"/>
      <c r="AG2975" s="98"/>
      <c r="AY2975" s="164"/>
      <c r="BK2975" s="98"/>
      <c r="BL2975" s="97"/>
      <c r="BX2975" s="98"/>
      <c r="CL2975" s="97"/>
      <c r="CX2975" s="98"/>
      <c r="DL2975" s="97"/>
      <c r="DX2975" s="98"/>
      <c r="EL2975" s="97"/>
      <c r="EX2975" s="98"/>
      <c r="EY2975" s="97"/>
      <c r="FL2975" s="126"/>
      <c r="FM2975" s="91"/>
      <c r="FN2975" s="91"/>
      <c r="FO2975" s="91"/>
      <c r="FP2975" s="91"/>
      <c r="FQ2975" s="91"/>
      <c r="FR2975" s="91"/>
      <c r="FS2975" s="91"/>
      <c r="FT2975" s="91"/>
      <c r="FU2975" s="91"/>
      <c r="FV2975" s="91"/>
      <c r="FW2975" s="91"/>
      <c r="FX2975" s="127"/>
      <c r="FY2975" s="126"/>
      <c r="FZ2975" s="91"/>
      <c r="GA2975" s="91"/>
      <c r="GB2975" s="91"/>
      <c r="GC2975" s="91"/>
      <c r="GD2975" s="91"/>
      <c r="GE2975" s="91"/>
      <c r="GF2975" s="91"/>
      <c r="GG2975" s="91"/>
      <c r="GH2975" s="91"/>
      <c r="GI2975" s="91"/>
      <c r="GJ2975" s="91"/>
      <c r="GK2975" s="127"/>
      <c r="GL2975" s="126"/>
      <c r="GM2975" s="91"/>
      <c r="GN2975" s="91"/>
      <c r="GO2975" s="91"/>
      <c r="GP2975" s="91"/>
      <c r="GQ2975" s="91"/>
      <c r="GR2975" s="91"/>
      <c r="GS2975" s="91"/>
      <c r="GT2975" s="91"/>
      <c r="GU2975" s="91"/>
      <c r="GV2975" s="91"/>
      <c r="GW2975" s="91"/>
      <c r="GX2975" s="127"/>
      <c r="GY2975" s="126"/>
      <c r="GZ2975" s="91"/>
      <c r="HA2975" s="91"/>
      <c r="HB2975" s="91"/>
      <c r="HC2975" s="91"/>
      <c r="HD2975" s="91"/>
      <c r="HE2975" s="91"/>
      <c r="HF2975" s="91"/>
      <c r="HG2975" s="91"/>
      <c r="HH2975" s="91"/>
      <c r="HI2975" s="91"/>
      <c r="HJ2975" s="91"/>
      <c r="HK2975" s="127"/>
      <c r="HL2975" s="126"/>
      <c r="HM2975" s="91"/>
      <c r="HN2975" s="91"/>
      <c r="HO2975" s="91"/>
      <c r="HP2975" s="91"/>
      <c r="HQ2975" s="91"/>
      <c r="HR2975" s="91"/>
      <c r="HS2975" s="91"/>
      <c r="HT2975" s="91"/>
      <c r="HU2975" s="91"/>
      <c r="HV2975" s="91"/>
      <c r="HW2975" s="91"/>
      <c r="HX2975" s="127"/>
      <c r="HY2975" s="126"/>
      <c r="HZ2975" s="91"/>
      <c r="IA2975" s="91"/>
      <c r="IB2975" s="91"/>
      <c r="IC2975" s="91"/>
      <c r="ID2975" s="91"/>
      <c r="IE2975" s="91"/>
      <c r="IF2975" s="91"/>
      <c r="IG2975" s="91"/>
      <c r="IH2975" s="91"/>
      <c r="II2975" s="91"/>
      <c r="IJ2975" s="91"/>
      <c r="IK2975" s="174"/>
    </row>
    <row r="2976" spans="2:245" x14ac:dyDescent="0.2">
      <c r="B2976" s="43"/>
      <c r="C2976" s="73"/>
      <c r="D2976" s="64"/>
      <c r="E2976" s="64"/>
      <c r="F2976" s="55"/>
      <c r="G2976" s="102"/>
      <c r="H2976" s="97"/>
      <c r="T2976" s="98"/>
      <c r="U2976" s="97"/>
      <c r="AG2976" s="98"/>
      <c r="AY2976" s="164"/>
      <c r="BK2976" s="98"/>
      <c r="BL2976" s="97"/>
      <c r="BX2976" s="98"/>
      <c r="CL2976" s="97"/>
      <c r="CX2976" s="98"/>
      <c r="DL2976" s="97"/>
      <c r="DX2976" s="98"/>
      <c r="EL2976" s="97"/>
      <c r="EX2976" s="98"/>
      <c r="EY2976" s="97"/>
      <c r="FL2976" s="126"/>
      <c r="FM2976" s="91"/>
      <c r="FN2976" s="91"/>
      <c r="FO2976" s="91"/>
      <c r="FP2976" s="91"/>
      <c r="FQ2976" s="91"/>
      <c r="FR2976" s="91"/>
      <c r="FS2976" s="91"/>
      <c r="FT2976" s="91"/>
      <c r="FU2976" s="91"/>
      <c r="FV2976" s="91"/>
      <c r="FW2976" s="91"/>
      <c r="FX2976" s="127"/>
      <c r="FY2976" s="126"/>
      <c r="FZ2976" s="91"/>
      <c r="GA2976" s="91"/>
      <c r="GB2976" s="91"/>
      <c r="GC2976" s="91"/>
      <c r="GD2976" s="91"/>
      <c r="GE2976" s="91"/>
      <c r="GF2976" s="91"/>
      <c r="GG2976" s="91"/>
      <c r="GH2976" s="91"/>
      <c r="GI2976" s="91"/>
      <c r="GJ2976" s="91"/>
      <c r="GK2976" s="127"/>
      <c r="GL2976" s="126"/>
      <c r="GM2976" s="91"/>
      <c r="GN2976" s="91"/>
      <c r="GO2976" s="91"/>
      <c r="GP2976" s="91"/>
      <c r="GQ2976" s="91"/>
      <c r="GR2976" s="91"/>
      <c r="GS2976" s="91"/>
      <c r="GT2976" s="91"/>
      <c r="GU2976" s="91"/>
      <c r="GV2976" s="91"/>
      <c r="GW2976" s="91"/>
      <c r="GX2976" s="127"/>
      <c r="GY2976" s="126"/>
      <c r="GZ2976" s="91"/>
      <c r="HA2976" s="91"/>
      <c r="HB2976" s="91"/>
      <c r="HC2976" s="91"/>
      <c r="HD2976" s="91"/>
      <c r="HE2976" s="91"/>
      <c r="HF2976" s="91"/>
      <c r="HG2976" s="91"/>
      <c r="HH2976" s="91"/>
      <c r="HI2976" s="91"/>
      <c r="HJ2976" s="91"/>
      <c r="HK2976" s="127"/>
      <c r="HL2976" s="126"/>
      <c r="HM2976" s="91"/>
      <c r="HN2976" s="91"/>
      <c r="HO2976" s="91"/>
      <c r="HP2976" s="91"/>
      <c r="HQ2976" s="91"/>
      <c r="HR2976" s="91"/>
      <c r="HS2976" s="91"/>
      <c r="HT2976" s="91"/>
      <c r="HU2976" s="91"/>
      <c r="HV2976" s="91"/>
      <c r="HW2976" s="91"/>
      <c r="HX2976" s="127"/>
      <c r="HY2976" s="126"/>
      <c r="HZ2976" s="91"/>
      <c r="IA2976" s="91"/>
      <c r="IB2976" s="91"/>
      <c r="IC2976" s="91"/>
      <c r="ID2976" s="91"/>
      <c r="IE2976" s="91"/>
      <c r="IF2976" s="91"/>
      <c r="IG2976" s="91"/>
      <c r="IH2976" s="91"/>
      <c r="II2976" s="91"/>
      <c r="IJ2976" s="91"/>
      <c r="IK2976" s="174"/>
    </row>
    <row r="2977" spans="2:245" x14ac:dyDescent="0.2">
      <c r="B2977" s="43"/>
      <c r="C2977" s="73"/>
      <c r="D2977" s="64"/>
      <c r="E2977" s="64"/>
      <c r="F2977" s="55"/>
      <c r="G2977" s="102"/>
      <c r="H2977" s="97"/>
      <c r="T2977" s="98"/>
      <c r="U2977" s="97"/>
      <c r="AG2977" s="98"/>
      <c r="AY2977" s="164"/>
      <c r="BK2977" s="98"/>
      <c r="BL2977" s="97"/>
      <c r="BX2977" s="98"/>
      <c r="CL2977" s="97"/>
      <c r="CX2977" s="98"/>
      <c r="DL2977" s="97"/>
      <c r="DX2977" s="98"/>
      <c r="EL2977" s="97"/>
      <c r="EX2977" s="98"/>
      <c r="EY2977" s="97"/>
      <c r="FL2977" s="126"/>
      <c r="FM2977" s="91"/>
      <c r="FN2977" s="91"/>
      <c r="FO2977" s="91"/>
      <c r="FP2977" s="91"/>
      <c r="FQ2977" s="91"/>
      <c r="FR2977" s="91"/>
      <c r="FS2977" s="91"/>
      <c r="FT2977" s="91"/>
      <c r="FU2977" s="91"/>
      <c r="FV2977" s="91"/>
      <c r="FW2977" s="91"/>
      <c r="FX2977" s="127"/>
      <c r="FY2977" s="126"/>
      <c r="FZ2977" s="91"/>
      <c r="GA2977" s="91"/>
      <c r="GB2977" s="91"/>
      <c r="GC2977" s="91"/>
      <c r="GD2977" s="91"/>
      <c r="GE2977" s="91"/>
      <c r="GF2977" s="91"/>
      <c r="GG2977" s="91"/>
      <c r="GH2977" s="91"/>
      <c r="GI2977" s="91"/>
      <c r="GJ2977" s="91"/>
      <c r="GK2977" s="127"/>
      <c r="GL2977" s="126"/>
      <c r="GM2977" s="91"/>
      <c r="GN2977" s="91"/>
      <c r="GO2977" s="91"/>
      <c r="GP2977" s="91"/>
      <c r="GQ2977" s="91"/>
      <c r="GR2977" s="91"/>
      <c r="GS2977" s="91"/>
      <c r="GT2977" s="91"/>
      <c r="GU2977" s="91"/>
      <c r="GV2977" s="91"/>
      <c r="GW2977" s="91"/>
      <c r="GX2977" s="127"/>
      <c r="GY2977" s="126"/>
      <c r="GZ2977" s="91"/>
      <c r="HA2977" s="91"/>
      <c r="HB2977" s="91"/>
      <c r="HC2977" s="91"/>
      <c r="HD2977" s="91"/>
      <c r="HE2977" s="91"/>
      <c r="HF2977" s="91"/>
      <c r="HG2977" s="91"/>
      <c r="HH2977" s="91"/>
      <c r="HI2977" s="91"/>
      <c r="HJ2977" s="91"/>
      <c r="HK2977" s="127"/>
      <c r="HL2977" s="126"/>
      <c r="HM2977" s="91"/>
      <c r="HN2977" s="91"/>
      <c r="HO2977" s="91"/>
      <c r="HP2977" s="91"/>
      <c r="HQ2977" s="91"/>
      <c r="HR2977" s="91"/>
      <c r="HS2977" s="91"/>
      <c r="HT2977" s="91"/>
      <c r="HU2977" s="91"/>
      <c r="HV2977" s="91"/>
      <c r="HW2977" s="91"/>
      <c r="HX2977" s="127"/>
      <c r="HY2977" s="126"/>
      <c r="HZ2977" s="91"/>
      <c r="IA2977" s="91"/>
      <c r="IB2977" s="91"/>
      <c r="IC2977" s="91"/>
      <c r="ID2977" s="91"/>
      <c r="IE2977" s="91"/>
      <c r="IF2977" s="91"/>
      <c r="IG2977" s="91"/>
      <c r="IH2977" s="91"/>
      <c r="II2977" s="91"/>
      <c r="IJ2977" s="91"/>
      <c r="IK2977" s="174"/>
    </row>
    <row r="2978" spans="2:245" x14ac:dyDescent="0.2">
      <c r="B2978" s="43"/>
      <c r="C2978" s="73"/>
      <c r="D2978" s="64"/>
      <c r="E2978" s="64"/>
      <c r="F2978" s="55"/>
      <c r="G2978" s="102"/>
      <c r="H2978" s="97"/>
      <c r="T2978" s="98"/>
      <c r="U2978" s="97"/>
      <c r="AG2978" s="98"/>
      <c r="AY2978" s="164"/>
      <c r="BK2978" s="98"/>
      <c r="BL2978" s="97"/>
      <c r="BX2978" s="98"/>
      <c r="CL2978" s="97"/>
      <c r="CX2978" s="98"/>
      <c r="DL2978" s="97"/>
      <c r="DX2978" s="98"/>
      <c r="EL2978" s="97"/>
      <c r="EX2978" s="98"/>
      <c r="EY2978" s="97"/>
      <c r="FL2978" s="126"/>
      <c r="FM2978" s="91"/>
      <c r="FN2978" s="91"/>
      <c r="FO2978" s="91"/>
      <c r="FP2978" s="91"/>
      <c r="FQ2978" s="91"/>
      <c r="FR2978" s="91"/>
      <c r="FS2978" s="91"/>
      <c r="FT2978" s="91"/>
      <c r="FU2978" s="91"/>
      <c r="FV2978" s="91"/>
      <c r="FW2978" s="91"/>
      <c r="FX2978" s="127"/>
      <c r="FY2978" s="126"/>
      <c r="FZ2978" s="91"/>
      <c r="GA2978" s="91"/>
      <c r="GB2978" s="91"/>
      <c r="GC2978" s="91"/>
      <c r="GD2978" s="91"/>
      <c r="GE2978" s="91"/>
      <c r="GF2978" s="91"/>
      <c r="GG2978" s="91"/>
      <c r="GH2978" s="91"/>
      <c r="GI2978" s="91"/>
      <c r="GJ2978" s="91"/>
      <c r="GK2978" s="127"/>
      <c r="GL2978" s="126"/>
      <c r="GM2978" s="91"/>
      <c r="GN2978" s="91"/>
      <c r="GO2978" s="91"/>
      <c r="GP2978" s="91"/>
      <c r="GQ2978" s="91"/>
      <c r="GR2978" s="91"/>
      <c r="GS2978" s="91"/>
      <c r="GT2978" s="91"/>
      <c r="GU2978" s="91"/>
      <c r="GV2978" s="91"/>
      <c r="GW2978" s="91"/>
      <c r="GX2978" s="127"/>
      <c r="GY2978" s="126"/>
      <c r="GZ2978" s="91"/>
      <c r="HA2978" s="91"/>
      <c r="HB2978" s="91"/>
      <c r="HC2978" s="91"/>
      <c r="HD2978" s="91"/>
      <c r="HE2978" s="91"/>
      <c r="HF2978" s="91"/>
      <c r="HG2978" s="91"/>
      <c r="HH2978" s="91"/>
      <c r="HI2978" s="91"/>
      <c r="HJ2978" s="91"/>
      <c r="HK2978" s="127"/>
      <c r="HL2978" s="126"/>
      <c r="HM2978" s="91"/>
      <c r="HN2978" s="91"/>
      <c r="HO2978" s="91"/>
      <c r="HP2978" s="91"/>
      <c r="HQ2978" s="91"/>
      <c r="HR2978" s="91"/>
      <c r="HS2978" s="91"/>
      <c r="HT2978" s="91"/>
      <c r="HU2978" s="91"/>
      <c r="HV2978" s="91"/>
      <c r="HW2978" s="91"/>
      <c r="HX2978" s="127"/>
      <c r="HY2978" s="126"/>
      <c r="HZ2978" s="91"/>
      <c r="IA2978" s="91"/>
      <c r="IB2978" s="91"/>
      <c r="IC2978" s="91"/>
      <c r="ID2978" s="91"/>
      <c r="IE2978" s="91"/>
      <c r="IF2978" s="91"/>
      <c r="IG2978" s="91"/>
      <c r="IH2978" s="91"/>
      <c r="II2978" s="91"/>
      <c r="IJ2978" s="91"/>
      <c r="IK2978" s="174"/>
    </row>
    <row r="2979" spans="2:245" x14ac:dyDescent="0.2">
      <c r="B2979" s="43"/>
      <c r="C2979" s="73"/>
      <c r="D2979" s="64"/>
      <c r="E2979" s="64"/>
      <c r="F2979" s="55"/>
      <c r="G2979" s="102"/>
      <c r="H2979" s="97"/>
      <c r="T2979" s="98"/>
      <c r="U2979" s="97"/>
      <c r="AG2979" s="98"/>
      <c r="AY2979" s="164"/>
      <c r="BK2979" s="98"/>
      <c r="BL2979" s="97"/>
      <c r="BX2979" s="98"/>
      <c r="CL2979" s="97"/>
      <c r="CX2979" s="98"/>
      <c r="DL2979" s="97"/>
      <c r="DX2979" s="98"/>
      <c r="EL2979" s="97"/>
      <c r="EX2979" s="98"/>
      <c r="EY2979" s="97"/>
      <c r="FL2979" s="126"/>
      <c r="FM2979" s="91"/>
      <c r="FN2979" s="91"/>
      <c r="FO2979" s="91"/>
      <c r="FP2979" s="91"/>
      <c r="FQ2979" s="91"/>
      <c r="FR2979" s="91"/>
      <c r="FS2979" s="91"/>
      <c r="FT2979" s="91"/>
      <c r="FU2979" s="91"/>
      <c r="FV2979" s="91"/>
      <c r="FW2979" s="91"/>
      <c r="FX2979" s="127"/>
      <c r="FY2979" s="126"/>
      <c r="FZ2979" s="91"/>
      <c r="GA2979" s="91"/>
      <c r="GB2979" s="91"/>
      <c r="GC2979" s="91"/>
      <c r="GD2979" s="91"/>
      <c r="GE2979" s="91"/>
      <c r="GF2979" s="91"/>
      <c r="GG2979" s="91"/>
      <c r="GH2979" s="91"/>
      <c r="GI2979" s="91"/>
      <c r="GJ2979" s="91"/>
      <c r="GK2979" s="127"/>
      <c r="GL2979" s="126"/>
      <c r="GM2979" s="91"/>
      <c r="GN2979" s="91"/>
      <c r="GO2979" s="91"/>
      <c r="GP2979" s="91"/>
      <c r="GQ2979" s="91"/>
      <c r="GR2979" s="91"/>
      <c r="GS2979" s="91"/>
      <c r="GT2979" s="91"/>
      <c r="GU2979" s="91"/>
      <c r="GV2979" s="91"/>
      <c r="GW2979" s="91"/>
      <c r="GX2979" s="127"/>
      <c r="GY2979" s="126"/>
      <c r="GZ2979" s="91"/>
      <c r="HA2979" s="91"/>
      <c r="HB2979" s="91"/>
      <c r="HC2979" s="91"/>
      <c r="HD2979" s="91"/>
      <c r="HE2979" s="91"/>
      <c r="HF2979" s="91"/>
      <c r="HG2979" s="91"/>
      <c r="HH2979" s="91"/>
      <c r="HI2979" s="91"/>
      <c r="HJ2979" s="91"/>
      <c r="HK2979" s="127"/>
      <c r="HL2979" s="126"/>
      <c r="HM2979" s="91"/>
      <c r="HN2979" s="91"/>
      <c r="HO2979" s="91"/>
      <c r="HP2979" s="91"/>
      <c r="HQ2979" s="91"/>
      <c r="HR2979" s="91"/>
      <c r="HS2979" s="91"/>
      <c r="HT2979" s="91"/>
      <c r="HU2979" s="91"/>
      <c r="HV2979" s="91"/>
      <c r="HW2979" s="91"/>
      <c r="HX2979" s="127"/>
      <c r="HY2979" s="126"/>
      <c r="HZ2979" s="91"/>
      <c r="IA2979" s="91"/>
      <c r="IB2979" s="91"/>
      <c r="IC2979" s="91"/>
      <c r="ID2979" s="91"/>
      <c r="IE2979" s="91"/>
      <c r="IF2979" s="91"/>
      <c r="IG2979" s="91"/>
      <c r="IH2979" s="91"/>
      <c r="II2979" s="91"/>
      <c r="IJ2979" s="91"/>
      <c r="IK2979" s="174"/>
    </row>
    <row r="2980" spans="2:245" x14ac:dyDescent="0.2">
      <c r="B2980" s="43"/>
      <c r="C2980" s="73"/>
      <c r="D2980" s="64"/>
      <c r="E2980" s="64"/>
      <c r="F2980" s="55"/>
      <c r="G2980" s="102"/>
      <c r="H2980" s="97"/>
      <c r="T2980" s="98"/>
      <c r="U2980" s="97"/>
      <c r="AG2980" s="98"/>
      <c r="AY2980" s="164"/>
      <c r="BK2980" s="98"/>
      <c r="BL2980" s="97"/>
      <c r="BX2980" s="98"/>
      <c r="CL2980" s="97"/>
      <c r="CX2980" s="98"/>
      <c r="DL2980" s="97"/>
      <c r="DX2980" s="98"/>
      <c r="EL2980" s="97"/>
      <c r="EX2980" s="98"/>
      <c r="EY2980" s="97"/>
      <c r="FL2980" s="126"/>
      <c r="FM2980" s="91"/>
      <c r="FN2980" s="91"/>
      <c r="FO2980" s="91"/>
      <c r="FP2980" s="91"/>
      <c r="FQ2980" s="91"/>
      <c r="FR2980" s="91"/>
      <c r="FS2980" s="91"/>
      <c r="FT2980" s="91"/>
      <c r="FU2980" s="91"/>
      <c r="FV2980" s="91"/>
      <c r="FW2980" s="91"/>
      <c r="FX2980" s="127"/>
      <c r="FY2980" s="126"/>
      <c r="FZ2980" s="91"/>
      <c r="GA2980" s="91"/>
      <c r="GB2980" s="91"/>
      <c r="GC2980" s="91"/>
      <c r="GD2980" s="91"/>
      <c r="GE2980" s="91"/>
      <c r="GF2980" s="91"/>
      <c r="GG2980" s="91"/>
      <c r="GH2980" s="91"/>
      <c r="GI2980" s="91"/>
      <c r="GJ2980" s="91"/>
      <c r="GK2980" s="127"/>
      <c r="GL2980" s="126"/>
      <c r="GM2980" s="91"/>
      <c r="GN2980" s="91"/>
      <c r="GO2980" s="91"/>
      <c r="GP2980" s="91"/>
      <c r="GQ2980" s="91"/>
      <c r="GR2980" s="91"/>
      <c r="GS2980" s="91"/>
      <c r="GT2980" s="91"/>
      <c r="GU2980" s="91"/>
      <c r="GV2980" s="91"/>
      <c r="GW2980" s="91"/>
      <c r="GX2980" s="127"/>
      <c r="GY2980" s="126"/>
      <c r="GZ2980" s="91"/>
      <c r="HA2980" s="91"/>
      <c r="HB2980" s="91"/>
      <c r="HC2980" s="91"/>
      <c r="HD2980" s="91"/>
      <c r="HE2980" s="91"/>
      <c r="HF2980" s="91"/>
      <c r="HG2980" s="91"/>
      <c r="HH2980" s="91"/>
      <c r="HI2980" s="91"/>
      <c r="HJ2980" s="91"/>
      <c r="HK2980" s="127"/>
      <c r="HL2980" s="126"/>
      <c r="HM2980" s="91"/>
      <c r="HN2980" s="91"/>
      <c r="HO2980" s="91"/>
      <c r="HP2980" s="91"/>
      <c r="HQ2980" s="91"/>
      <c r="HR2980" s="91"/>
      <c r="HS2980" s="91"/>
      <c r="HT2980" s="91"/>
      <c r="HU2980" s="91"/>
      <c r="HV2980" s="91"/>
      <c r="HW2980" s="91"/>
      <c r="HX2980" s="127"/>
      <c r="HY2980" s="126"/>
      <c r="HZ2980" s="91"/>
      <c r="IA2980" s="91"/>
      <c r="IB2980" s="91"/>
      <c r="IC2980" s="91"/>
      <c r="ID2980" s="91"/>
      <c r="IE2980" s="91"/>
      <c r="IF2980" s="91"/>
      <c r="IG2980" s="91"/>
      <c r="IH2980" s="91"/>
      <c r="II2980" s="91"/>
      <c r="IJ2980" s="91"/>
      <c r="IK2980" s="174"/>
    </row>
    <row r="2981" spans="2:245" x14ac:dyDescent="0.2">
      <c r="B2981" s="43"/>
      <c r="C2981" s="73"/>
      <c r="D2981" s="64"/>
      <c r="E2981" s="64"/>
      <c r="F2981" s="55"/>
      <c r="G2981" s="102"/>
      <c r="H2981" s="97"/>
      <c r="T2981" s="98"/>
      <c r="U2981" s="97"/>
      <c r="AG2981" s="98"/>
      <c r="AY2981" s="164"/>
      <c r="BK2981" s="98"/>
      <c r="BL2981" s="97"/>
      <c r="BX2981" s="98"/>
      <c r="CL2981" s="97"/>
      <c r="CX2981" s="98"/>
      <c r="DL2981" s="97"/>
      <c r="DX2981" s="98"/>
      <c r="EL2981" s="97"/>
      <c r="EX2981" s="98"/>
      <c r="EY2981" s="97"/>
      <c r="FL2981" s="126"/>
      <c r="FM2981" s="91"/>
      <c r="FN2981" s="91"/>
      <c r="FO2981" s="91"/>
      <c r="FP2981" s="91"/>
      <c r="FQ2981" s="91"/>
      <c r="FR2981" s="91"/>
      <c r="FS2981" s="91"/>
      <c r="FT2981" s="91"/>
      <c r="FU2981" s="91"/>
      <c r="FV2981" s="91"/>
      <c r="FW2981" s="91"/>
      <c r="FX2981" s="127"/>
      <c r="FY2981" s="126"/>
      <c r="FZ2981" s="91"/>
      <c r="GA2981" s="91"/>
      <c r="GB2981" s="91"/>
      <c r="GC2981" s="91"/>
      <c r="GD2981" s="91"/>
      <c r="GE2981" s="91"/>
      <c r="GF2981" s="91"/>
      <c r="GG2981" s="91"/>
      <c r="GH2981" s="91"/>
      <c r="GI2981" s="91"/>
      <c r="GJ2981" s="91"/>
      <c r="GK2981" s="127"/>
      <c r="GL2981" s="126"/>
      <c r="GM2981" s="91"/>
      <c r="GN2981" s="91"/>
      <c r="GO2981" s="91"/>
      <c r="GP2981" s="91"/>
      <c r="GQ2981" s="91"/>
      <c r="GR2981" s="91"/>
      <c r="GS2981" s="91"/>
      <c r="GT2981" s="91"/>
      <c r="GU2981" s="91"/>
      <c r="GV2981" s="91"/>
      <c r="GW2981" s="91"/>
      <c r="GX2981" s="127"/>
      <c r="GY2981" s="126"/>
      <c r="GZ2981" s="91"/>
      <c r="HA2981" s="91"/>
      <c r="HB2981" s="91"/>
      <c r="HC2981" s="91"/>
      <c r="HD2981" s="91"/>
      <c r="HE2981" s="91"/>
      <c r="HF2981" s="91"/>
      <c r="HG2981" s="91"/>
      <c r="HH2981" s="91"/>
      <c r="HI2981" s="91"/>
      <c r="HJ2981" s="91"/>
      <c r="HK2981" s="127"/>
      <c r="HL2981" s="126"/>
      <c r="HM2981" s="91"/>
      <c r="HN2981" s="91"/>
      <c r="HO2981" s="91"/>
      <c r="HP2981" s="91"/>
      <c r="HQ2981" s="91"/>
      <c r="HR2981" s="91"/>
      <c r="HS2981" s="91"/>
      <c r="HT2981" s="91"/>
      <c r="HU2981" s="91"/>
      <c r="HV2981" s="91"/>
      <c r="HW2981" s="91"/>
      <c r="HX2981" s="127"/>
      <c r="HY2981" s="126"/>
      <c r="HZ2981" s="91"/>
      <c r="IA2981" s="91"/>
      <c r="IB2981" s="91"/>
      <c r="IC2981" s="91"/>
      <c r="ID2981" s="91"/>
      <c r="IE2981" s="91"/>
      <c r="IF2981" s="91"/>
      <c r="IG2981" s="91"/>
      <c r="IH2981" s="91"/>
      <c r="II2981" s="91"/>
      <c r="IJ2981" s="91"/>
      <c r="IK2981" s="174"/>
    </row>
    <row r="2982" spans="2:245" x14ac:dyDescent="0.2">
      <c r="B2982" s="43"/>
      <c r="C2982" s="73"/>
      <c r="D2982" s="64"/>
      <c r="E2982" s="64"/>
      <c r="F2982" s="55"/>
      <c r="G2982" s="102"/>
      <c r="H2982" s="97"/>
      <c r="T2982" s="98"/>
      <c r="U2982" s="97"/>
      <c r="AG2982" s="98"/>
      <c r="AY2982" s="164"/>
      <c r="BK2982" s="98"/>
      <c r="BL2982" s="97"/>
      <c r="BX2982" s="98"/>
      <c r="CL2982" s="97"/>
      <c r="CX2982" s="98"/>
      <c r="DL2982" s="97"/>
      <c r="DX2982" s="98"/>
      <c r="EL2982" s="97"/>
      <c r="EX2982" s="98"/>
      <c r="EY2982" s="97"/>
      <c r="FL2982" s="126"/>
      <c r="FM2982" s="91"/>
      <c r="FN2982" s="91"/>
      <c r="FO2982" s="91"/>
      <c r="FP2982" s="91"/>
      <c r="FQ2982" s="91"/>
      <c r="FR2982" s="91"/>
      <c r="FS2982" s="91"/>
      <c r="FT2982" s="91"/>
      <c r="FU2982" s="91"/>
      <c r="FV2982" s="91"/>
      <c r="FW2982" s="91"/>
      <c r="FX2982" s="127"/>
      <c r="FY2982" s="126"/>
      <c r="FZ2982" s="91"/>
      <c r="GA2982" s="91"/>
      <c r="GB2982" s="91"/>
      <c r="GC2982" s="91"/>
      <c r="GD2982" s="91"/>
      <c r="GE2982" s="91"/>
      <c r="GF2982" s="91"/>
      <c r="GG2982" s="91"/>
      <c r="GH2982" s="91"/>
      <c r="GI2982" s="91"/>
      <c r="GJ2982" s="91"/>
      <c r="GK2982" s="127"/>
      <c r="GL2982" s="126"/>
      <c r="GM2982" s="91"/>
      <c r="GN2982" s="91"/>
      <c r="GO2982" s="91"/>
      <c r="GP2982" s="91"/>
      <c r="GQ2982" s="91"/>
      <c r="GR2982" s="91"/>
      <c r="GS2982" s="91"/>
      <c r="GT2982" s="91"/>
      <c r="GU2982" s="91"/>
      <c r="GV2982" s="91"/>
      <c r="GW2982" s="91"/>
      <c r="GX2982" s="127"/>
      <c r="GY2982" s="126"/>
      <c r="GZ2982" s="91"/>
      <c r="HA2982" s="91"/>
      <c r="HB2982" s="91"/>
      <c r="HC2982" s="91"/>
      <c r="HD2982" s="91"/>
      <c r="HE2982" s="91"/>
      <c r="HF2982" s="91"/>
      <c r="HG2982" s="91"/>
      <c r="HH2982" s="91"/>
      <c r="HI2982" s="91"/>
      <c r="HJ2982" s="91"/>
      <c r="HK2982" s="127"/>
      <c r="HL2982" s="126"/>
      <c r="HM2982" s="91"/>
      <c r="HN2982" s="91"/>
      <c r="HO2982" s="91"/>
      <c r="HP2982" s="91"/>
      <c r="HQ2982" s="91"/>
      <c r="HR2982" s="91"/>
      <c r="HS2982" s="91"/>
      <c r="HT2982" s="91"/>
      <c r="HU2982" s="91"/>
      <c r="HV2982" s="91"/>
      <c r="HW2982" s="91"/>
      <c r="HX2982" s="127"/>
      <c r="HY2982" s="126"/>
      <c r="HZ2982" s="91"/>
      <c r="IA2982" s="91"/>
      <c r="IB2982" s="91"/>
      <c r="IC2982" s="91"/>
      <c r="ID2982" s="91"/>
      <c r="IE2982" s="91"/>
      <c r="IF2982" s="91"/>
      <c r="IG2982" s="91"/>
      <c r="IH2982" s="91"/>
      <c r="II2982" s="91"/>
      <c r="IJ2982" s="91"/>
      <c r="IK2982" s="174"/>
    </row>
    <row r="2983" spans="2:245" x14ac:dyDescent="0.2">
      <c r="B2983" s="43"/>
      <c r="C2983" s="73"/>
      <c r="D2983" s="64"/>
      <c r="E2983" s="64"/>
      <c r="F2983" s="55"/>
      <c r="G2983" s="102"/>
      <c r="H2983" s="97"/>
      <c r="T2983" s="98"/>
      <c r="U2983" s="97"/>
      <c r="AG2983" s="98"/>
      <c r="AY2983" s="164"/>
      <c r="BK2983" s="98"/>
      <c r="BL2983" s="97"/>
      <c r="BX2983" s="98"/>
      <c r="CL2983" s="97"/>
      <c r="CX2983" s="98"/>
      <c r="DL2983" s="97"/>
      <c r="DX2983" s="98"/>
      <c r="EL2983" s="97"/>
      <c r="EX2983" s="98"/>
      <c r="EY2983" s="97"/>
      <c r="FL2983" s="126"/>
      <c r="FM2983" s="91"/>
      <c r="FN2983" s="91"/>
      <c r="FO2983" s="91"/>
      <c r="FP2983" s="91"/>
      <c r="FQ2983" s="91"/>
      <c r="FR2983" s="91"/>
      <c r="FS2983" s="91"/>
      <c r="FT2983" s="91"/>
      <c r="FU2983" s="91"/>
      <c r="FV2983" s="91"/>
      <c r="FW2983" s="91"/>
      <c r="FX2983" s="127"/>
      <c r="FY2983" s="126"/>
      <c r="FZ2983" s="91"/>
      <c r="GA2983" s="91"/>
      <c r="GB2983" s="91"/>
      <c r="GC2983" s="91"/>
      <c r="GD2983" s="91"/>
      <c r="GE2983" s="91"/>
      <c r="GF2983" s="91"/>
      <c r="GG2983" s="91"/>
      <c r="GH2983" s="91"/>
      <c r="GI2983" s="91"/>
      <c r="GJ2983" s="91"/>
      <c r="GK2983" s="127"/>
      <c r="GL2983" s="126"/>
      <c r="GM2983" s="91"/>
      <c r="GN2983" s="91"/>
      <c r="GO2983" s="91"/>
      <c r="GP2983" s="91"/>
      <c r="GQ2983" s="91"/>
      <c r="GR2983" s="91"/>
      <c r="GS2983" s="91"/>
      <c r="GT2983" s="91"/>
      <c r="GU2983" s="91"/>
      <c r="GV2983" s="91"/>
      <c r="GW2983" s="91"/>
      <c r="GX2983" s="127"/>
      <c r="GY2983" s="126"/>
      <c r="GZ2983" s="91"/>
      <c r="HA2983" s="91"/>
      <c r="HB2983" s="91"/>
      <c r="HC2983" s="91"/>
      <c r="HD2983" s="91"/>
      <c r="HE2983" s="91"/>
      <c r="HF2983" s="91"/>
      <c r="HG2983" s="91"/>
      <c r="HH2983" s="91"/>
      <c r="HI2983" s="91"/>
      <c r="HJ2983" s="91"/>
      <c r="HK2983" s="127"/>
      <c r="HL2983" s="126"/>
      <c r="HM2983" s="91"/>
      <c r="HN2983" s="91"/>
      <c r="HO2983" s="91"/>
      <c r="HP2983" s="91"/>
      <c r="HQ2983" s="91"/>
      <c r="HR2983" s="91"/>
      <c r="HS2983" s="91"/>
      <c r="HT2983" s="91"/>
      <c r="HU2983" s="91"/>
      <c r="HV2983" s="91"/>
      <c r="HW2983" s="91"/>
      <c r="HX2983" s="127"/>
      <c r="HY2983" s="126"/>
      <c r="HZ2983" s="91"/>
      <c r="IA2983" s="91"/>
      <c r="IB2983" s="91"/>
      <c r="IC2983" s="91"/>
      <c r="ID2983" s="91"/>
      <c r="IE2983" s="91"/>
      <c r="IF2983" s="91"/>
      <c r="IG2983" s="91"/>
      <c r="IH2983" s="91"/>
      <c r="II2983" s="91"/>
      <c r="IJ2983" s="91"/>
      <c r="IK2983" s="174"/>
    </row>
    <row r="2984" spans="2:245" x14ac:dyDescent="0.2">
      <c r="B2984" s="43"/>
      <c r="C2984" s="73"/>
      <c r="D2984" s="64"/>
      <c r="E2984" s="64"/>
      <c r="F2984" s="55"/>
      <c r="G2984" s="102"/>
      <c r="H2984" s="97"/>
      <c r="T2984" s="98"/>
      <c r="U2984" s="97"/>
      <c r="AG2984" s="98"/>
      <c r="AY2984" s="164"/>
      <c r="BK2984" s="98"/>
      <c r="BL2984" s="97"/>
      <c r="BX2984" s="98"/>
      <c r="CL2984" s="97"/>
      <c r="CX2984" s="98"/>
      <c r="DL2984" s="97"/>
      <c r="DX2984" s="98"/>
      <c r="EL2984" s="97"/>
      <c r="EX2984" s="98"/>
      <c r="EY2984" s="97"/>
      <c r="FL2984" s="126"/>
      <c r="FM2984" s="91"/>
      <c r="FN2984" s="91"/>
      <c r="FO2984" s="91"/>
      <c r="FP2984" s="91"/>
      <c r="FQ2984" s="91"/>
      <c r="FR2984" s="91"/>
      <c r="FS2984" s="91"/>
      <c r="FT2984" s="91"/>
      <c r="FU2984" s="91"/>
      <c r="FV2984" s="91"/>
      <c r="FW2984" s="91"/>
      <c r="FX2984" s="127"/>
      <c r="FY2984" s="126"/>
      <c r="FZ2984" s="91"/>
      <c r="GA2984" s="91"/>
      <c r="GB2984" s="91"/>
      <c r="GC2984" s="91"/>
      <c r="GD2984" s="91"/>
      <c r="GE2984" s="91"/>
      <c r="GF2984" s="91"/>
      <c r="GG2984" s="91"/>
      <c r="GH2984" s="91"/>
      <c r="GI2984" s="91"/>
      <c r="GJ2984" s="91"/>
      <c r="GK2984" s="127"/>
      <c r="GL2984" s="126"/>
      <c r="GM2984" s="91"/>
      <c r="GN2984" s="91"/>
      <c r="GO2984" s="91"/>
      <c r="GP2984" s="91"/>
      <c r="GQ2984" s="91"/>
      <c r="GR2984" s="91"/>
      <c r="GS2984" s="91"/>
      <c r="GT2984" s="91"/>
      <c r="GU2984" s="91"/>
      <c r="GV2984" s="91"/>
      <c r="GW2984" s="91"/>
      <c r="GX2984" s="127"/>
      <c r="GY2984" s="126"/>
      <c r="GZ2984" s="91"/>
      <c r="HA2984" s="91"/>
      <c r="HB2984" s="91"/>
      <c r="HC2984" s="91"/>
      <c r="HD2984" s="91"/>
      <c r="HE2984" s="91"/>
      <c r="HF2984" s="91"/>
      <c r="HG2984" s="91"/>
      <c r="HH2984" s="91"/>
      <c r="HI2984" s="91"/>
      <c r="HJ2984" s="91"/>
      <c r="HK2984" s="127"/>
      <c r="HL2984" s="126"/>
      <c r="HM2984" s="91"/>
      <c r="HN2984" s="91"/>
      <c r="HO2984" s="91"/>
      <c r="HP2984" s="91"/>
      <c r="HQ2984" s="91"/>
      <c r="HR2984" s="91"/>
      <c r="HS2984" s="91"/>
      <c r="HT2984" s="91"/>
      <c r="HU2984" s="91"/>
      <c r="HV2984" s="91"/>
      <c r="HW2984" s="91"/>
      <c r="HX2984" s="127"/>
      <c r="HY2984" s="126"/>
      <c r="HZ2984" s="91"/>
      <c r="IA2984" s="91"/>
      <c r="IB2984" s="91"/>
      <c r="IC2984" s="91"/>
      <c r="ID2984" s="91"/>
      <c r="IE2984" s="91"/>
      <c r="IF2984" s="91"/>
      <c r="IG2984" s="91"/>
      <c r="IH2984" s="91"/>
      <c r="II2984" s="91"/>
      <c r="IJ2984" s="91"/>
      <c r="IK2984" s="174"/>
    </row>
    <row r="2985" spans="2:245" x14ac:dyDescent="0.2">
      <c r="B2985" s="43"/>
      <c r="C2985" s="73"/>
      <c r="D2985" s="64"/>
      <c r="E2985" s="64"/>
      <c r="F2985" s="55"/>
      <c r="G2985" s="102"/>
      <c r="H2985" s="97"/>
      <c r="T2985" s="98"/>
      <c r="U2985" s="97"/>
      <c r="AG2985" s="98"/>
      <c r="AY2985" s="164"/>
      <c r="BK2985" s="98"/>
      <c r="BL2985" s="97"/>
      <c r="BX2985" s="98"/>
      <c r="CL2985" s="97"/>
      <c r="CX2985" s="98"/>
      <c r="DL2985" s="97"/>
      <c r="DX2985" s="98"/>
      <c r="EL2985" s="97"/>
      <c r="EX2985" s="98"/>
      <c r="EY2985" s="97"/>
      <c r="FL2985" s="126"/>
      <c r="FM2985" s="91"/>
      <c r="FN2985" s="91"/>
      <c r="FO2985" s="91"/>
      <c r="FP2985" s="91"/>
      <c r="FQ2985" s="91"/>
      <c r="FR2985" s="91"/>
      <c r="FS2985" s="91"/>
      <c r="FT2985" s="91"/>
      <c r="FU2985" s="91"/>
      <c r="FV2985" s="91"/>
      <c r="FW2985" s="91"/>
      <c r="FX2985" s="127"/>
      <c r="FY2985" s="126"/>
      <c r="FZ2985" s="91"/>
      <c r="GA2985" s="91"/>
      <c r="GB2985" s="91"/>
      <c r="GC2985" s="91"/>
      <c r="GD2985" s="91"/>
      <c r="GE2985" s="91"/>
      <c r="GF2985" s="91"/>
      <c r="GG2985" s="91"/>
      <c r="GH2985" s="91"/>
      <c r="GI2985" s="91"/>
      <c r="GJ2985" s="91"/>
      <c r="GK2985" s="127"/>
      <c r="GL2985" s="126"/>
      <c r="GM2985" s="91"/>
      <c r="GN2985" s="91"/>
      <c r="GO2985" s="91"/>
      <c r="GP2985" s="91"/>
      <c r="GQ2985" s="91"/>
      <c r="GR2985" s="91"/>
      <c r="GS2985" s="91"/>
      <c r="GT2985" s="91"/>
      <c r="GU2985" s="91"/>
      <c r="GV2985" s="91"/>
      <c r="GW2985" s="91"/>
      <c r="GX2985" s="127"/>
      <c r="GY2985" s="126"/>
      <c r="GZ2985" s="91"/>
      <c r="HA2985" s="91"/>
      <c r="HB2985" s="91"/>
      <c r="HC2985" s="91"/>
      <c r="HD2985" s="91"/>
      <c r="HE2985" s="91"/>
      <c r="HF2985" s="91"/>
      <c r="HG2985" s="91"/>
      <c r="HH2985" s="91"/>
      <c r="HI2985" s="91"/>
      <c r="HJ2985" s="91"/>
      <c r="HK2985" s="127"/>
      <c r="HL2985" s="126"/>
      <c r="HM2985" s="91"/>
      <c r="HN2985" s="91"/>
      <c r="HO2985" s="91"/>
      <c r="HP2985" s="91"/>
      <c r="HQ2985" s="91"/>
      <c r="HR2985" s="91"/>
      <c r="HS2985" s="91"/>
      <c r="HT2985" s="91"/>
      <c r="HU2985" s="91"/>
      <c r="HV2985" s="91"/>
      <c r="HW2985" s="91"/>
      <c r="HX2985" s="127"/>
      <c r="HY2985" s="126"/>
      <c r="HZ2985" s="91"/>
      <c r="IA2985" s="91"/>
      <c r="IB2985" s="91"/>
      <c r="IC2985" s="91"/>
      <c r="ID2985" s="91"/>
      <c r="IE2985" s="91"/>
      <c r="IF2985" s="91"/>
      <c r="IG2985" s="91"/>
      <c r="IH2985" s="91"/>
      <c r="II2985" s="91"/>
      <c r="IJ2985" s="91"/>
      <c r="IK2985" s="174"/>
    </row>
    <row r="2986" spans="2:245" x14ac:dyDescent="0.2">
      <c r="B2986" s="43"/>
      <c r="C2986" s="73"/>
      <c r="D2986" s="64"/>
      <c r="E2986" s="64"/>
      <c r="F2986" s="55"/>
      <c r="G2986" s="102"/>
      <c r="H2986" s="97"/>
      <c r="T2986" s="98"/>
      <c r="U2986" s="97"/>
      <c r="AG2986" s="98"/>
      <c r="AY2986" s="164"/>
      <c r="BK2986" s="98"/>
      <c r="BL2986" s="97"/>
      <c r="BX2986" s="98"/>
      <c r="CL2986" s="97"/>
      <c r="CX2986" s="98"/>
      <c r="DL2986" s="97"/>
      <c r="DX2986" s="98"/>
      <c r="EL2986" s="97"/>
      <c r="EX2986" s="98"/>
      <c r="EY2986" s="97"/>
      <c r="FL2986" s="126"/>
      <c r="FM2986" s="91"/>
      <c r="FN2986" s="91"/>
      <c r="FO2986" s="91"/>
      <c r="FP2986" s="91"/>
      <c r="FQ2986" s="91"/>
      <c r="FR2986" s="91"/>
      <c r="FS2986" s="91"/>
      <c r="FT2986" s="91"/>
      <c r="FU2986" s="91"/>
      <c r="FV2986" s="91"/>
      <c r="FW2986" s="91"/>
      <c r="FX2986" s="127"/>
      <c r="FY2986" s="126"/>
      <c r="FZ2986" s="91"/>
      <c r="GA2986" s="91"/>
      <c r="GB2986" s="91"/>
      <c r="GC2986" s="91"/>
      <c r="GD2986" s="91"/>
      <c r="GE2986" s="91"/>
      <c r="GF2986" s="91"/>
      <c r="GG2986" s="91"/>
      <c r="GH2986" s="91"/>
      <c r="GI2986" s="91"/>
      <c r="GJ2986" s="91"/>
      <c r="GK2986" s="127"/>
      <c r="GL2986" s="126"/>
      <c r="GM2986" s="91"/>
      <c r="GN2986" s="91"/>
      <c r="GO2986" s="91"/>
      <c r="GP2986" s="91"/>
      <c r="GQ2986" s="91"/>
      <c r="GR2986" s="91"/>
      <c r="GS2986" s="91"/>
      <c r="GT2986" s="91"/>
      <c r="GU2986" s="91"/>
      <c r="GV2986" s="91"/>
      <c r="GW2986" s="91"/>
      <c r="GX2986" s="127"/>
      <c r="GY2986" s="126"/>
      <c r="GZ2986" s="91"/>
      <c r="HA2986" s="91"/>
      <c r="HB2986" s="91"/>
      <c r="HC2986" s="91"/>
      <c r="HD2986" s="91"/>
      <c r="HE2986" s="91"/>
      <c r="HF2986" s="91"/>
      <c r="HG2986" s="91"/>
      <c r="HH2986" s="91"/>
      <c r="HI2986" s="91"/>
      <c r="HJ2986" s="91"/>
      <c r="HK2986" s="127"/>
      <c r="HL2986" s="126"/>
      <c r="HM2986" s="91"/>
      <c r="HN2986" s="91"/>
      <c r="HO2986" s="91"/>
      <c r="HP2986" s="91"/>
      <c r="HQ2986" s="91"/>
      <c r="HR2986" s="91"/>
      <c r="HS2986" s="91"/>
      <c r="HT2986" s="91"/>
      <c r="HU2986" s="91"/>
      <c r="HV2986" s="91"/>
      <c r="HW2986" s="91"/>
      <c r="HX2986" s="127"/>
      <c r="HY2986" s="126"/>
      <c r="HZ2986" s="91"/>
      <c r="IA2986" s="91"/>
      <c r="IB2986" s="91"/>
      <c r="IC2986" s="91"/>
      <c r="ID2986" s="91"/>
      <c r="IE2986" s="91"/>
      <c r="IF2986" s="91"/>
      <c r="IG2986" s="91"/>
      <c r="IH2986" s="91"/>
      <c r="II2986" s="91"/>
      <c r="IJ2986" s="91"/>
      <c r="IK2986" s="174"/>
    </row>
    <row r="2987" spans="2:245" x14ac:dyDescent="0.2">
      <c r="B2987" s="43"/>
      <c r="C2987" s="73"/>
      <c r="D2987" s="64"/>
      <c r="E2987" s="64"/>
      <c r="F2987" s="55"/>
      <c r="G2987" s="102"/>
      <c r="H2987" s="97"/>
      <c r="T2987" s="98"/>
      <c r="U2987" s="97"/>
      <c r="AG2987" s="98"/>
      <c r="AY2987" s="164"/>
      <c r="BK2987" s="98"/>
      <c r="BL2987" s="97"/>
      <c r="BX2987" s="98"/>
      <c r="CL2987" s="97"/>
      <c r="CX2987" s="98"/>
      <c r="DL2987" s="97"/>
      <c r="DX2987" s="98"/>
      <c r="EL2987" s="97"/>
      <c r="EX2987" s="98"/>
      <c r="EY2987" s="97"/>
      <c r="FL2987" s="126"/>
      <c r="FM2987" s="91"/>
      <c r="FN2987" s="91"/>
      <c r="FO2987" s="91"/>
      <c r="FP2987" s="91"/>
      <c r="FQ2987" s="91"/>
      <c r="FR2987" s="91"/>
      <c r="FS2987" s="91"/>
      <c r="FT2987" s="91"/>
      <c r="FU2987" s="91"/>
      <c r="FV2987" s="91"/>
      <c r="FW2987" s="91"/>
      <c r="FX2987" s="127"/>
      <c r="FY2987" s="126"/>
      <c r="FZ2987" s="91"/>
      <c r="GA2987" s="91"/>
      <c r="GB2987" s="91"/>
      <c r="GC2987" s="91"/>
      <c r="GD2987" s="91"/>
      <c r="GE2987" s="91"/>
      <c r="GF2987" s="91"/>
      <c r="GG2987" s="91"/>
      <c r="GH2987" s="91"/>
      <c r="GI2987" s="91"/>
      <c r="GJ2987" s="91"/>
      <c r="GK2987" s="127"/>
      <c r="GL2987" s="126"/>
      <c r="GM2987" s="91"/>
      <c r="GN2987" s="91"/>
      <c r="GO2987" s="91"/>
      <c r="GP2987" s="91"/>
      <c r="GQ2987" s="91"/>
      <c r="GR2987" s="91"/>
      <c r="GS2987" s="91"/>
      <c r="GT2987" s="91"/>
      <c r="GU2987" s="91"/>
      <c r="GV2987" s="91"/>
      <c r="GW2987" s="91"/>
      <c r="GX2987" s="127"/>
      <c r="GY2987" s="126"/>
      <c r="GZ2987" s="91"/>
      <c r="HA2987" s="91"/>
      <c r="HB2987" s="91"/>
      <c r="HC2987" s="91"/>
      <c r="HD2987" s="91"/>
      <c r="HE2987" s="91"/>
      <c r="HF2987" s="91"/>
      <c r="HG2987" s="91"/>
      <c r="HH2987" s="91"/>
      <c r="HI2987" s="91"/>
      <c r="HJ2987" s="91"/>
      <c r="HK2987" s="127"/>
      <c r="HL2987" s="126"/>
      <c r="HM2987" s="91"/>
      <c r="HN2987" s="91"/>
      <c r="HO2987" s="91"/>
      <c r="HP2987" s="91"/>
      <c r="HQ2987" s="91"/>
      <c r="HR2987" s="91"/>
      <c r="HS2987" s="91"/>
      <c r="HT2987" s="91"/>
      <c r="HU2987" s="91"/>
      <c r="HV2987" s="91"/>
      <c r="HW2987" s="91"/>
      <c r="HX2987" s="127"/>
      <c r="HY2987" s="126"/>
      <c r="HZ2987" s="91"/>
      <c r="IA2987" s="91"/>
      <c r="IB2987" s="91"/>
      <c r="IC2987" s="91"/>
      <c r="ID2987" s="91"/>
      <c r="IE2987" s="91"/>
      <c r="IF2987" s="91"/>
      <c r="IG2987" s="91"/>
      <c r="IH2987" s="91"/>
      <c r="II2987" s="91"/>
      <c r="IJ2987" s="91"/>
      <c r="IK2987" s="174"/>
    </row>
    <row r="2988" spans="2:245" x14ac:dyDescent="0.2">
      <c r="B2988" s="43"/>
      <c r="C2988" s="73"/>
      <c r="D2988" s="64"/>
      <c r="E2988" s="64"/>
      <c r="F2988" s="55"/>
      <c r="G2988" s="102"/>
      <c r="H2988" s="97"/>
      <c r="T2988" s="98"/>
      <c r="U2988" s="97"/>
      <c r="AG2988" s="98"/>
      <c r="AY2988" s="164"/>
      <c r="BK2988" s="98"/>
      <c r="BL2988" s="97"/>
      <c r="BX2988" s="98"/>
      <c r="CL2988" s="97"/>
      <c r="CX2988" s="98"/>
      <c r="DL2988" s="97"/>
      <c r="DX2988" s="98"/>
      <c r="EL2988" s="97"/>
      <c r="EX2988" s="98"/>
      <c r="EY2988" s="97"/>
      <c r="FL2988" s="126"/>
      <c r="FM2988" s="91"/>
      <c r="FN2988" s="91"/>
      <c r="FO2988" s="91"/>
      <c r="FP2988" s="91"/>
      <c r="FQ2988" s="91"/>
      <c r="FR2988" s="91"/>
      <c r="FS2988" s="91"/>
      <c r="FT2988" s="91"/>
      <c r="FU2988" s="91"/>
      <c r="FV2988" s="91"/>
      <c r="FW2988" s="91"/>
      <c r="FX2988" s="127"/>
      <c r="FY2988" s="126"/>
      <c r="FZ2988" s="91"/>
      <c r="GA2988" s="91"/>
      <c r="GB2988" s="91"/>
      <c r="GC2988" s="91"/>
      <c r="GD2988" s="91"/>
      <c r="GE2988" s="91"/>
      <c r="GF2988" s="91"/>
      <c r="GG2988" s="91"/>
      <c r="GH2988" s="91"/>
      <c r="GI2988" s="91"/>
      <c r="GJ2988" s="91"/>
      <c r="GK2988" s="127"/>
      <c r="GL2988" s="126"/>
      <c r="GM2988" s="91"/>
      <c r="GN2988" s="91"/>
      <c r="GO2988" s="91"/>
      <c r="GP2988" s="91"/>
      <c r="GQ2988" s="91"/>
      <c r="GR2988" s="91"/>
      <c r="GS2988" s="91"/>
      <c r="GT2988" s="91"/>
      <c r="GU2988" s="91"/>
      <c r="GV2988" s="91"/>
      <c r="GW2988" s="91"/>
      <c r="GX2988" s="127"/>
      <c r="GY2988" s="126"/>
      <c r="GZ2988" s="91"/>
      <c r="HA2988" s="91"/>
      <c r="HB2988" s="91"/>
      <c r="HC2988" s="91"/>
      <c r="HD2988" s="91"/>
      <c r="HE2988" s="91"/>
      <c r="HF2988" s="91"/>
      <c r="HG2988" s="91"/>
      <c r="HH2988" s="91"/>
      <c r="HI2988" s="91"/>
      <c r="HJ2988" s="91"/>
      <c r="HK2988" s="127"/>
      <c r="HL2988" s="126"/>
      <c r="HM2988" s="91"/>
      <c r="HN2988" s="91"/>
      <c r="HO2988" s="91"/>
      <c r="HP2988" s="91"/>
      <c r="HQ2988" s="91"/>
      <c r="HR2988" s="91"/>
      <c r="HS2988" s="91"/>
      <c r="HT2988" s="91"/>
      <c r="HU2988" s="91"/>
      <c r="HV2988" s="91"/>
      <c r="HW2988" s="91"/>
      <c r="HX2988" s="127"/>
      <c r="HY2988" s="126"/>
      <c r="HZ2988" s="91"/>
      <c r="IA2988" s="91"/>
      <c r="IB2988" s="91"/>
      <c r="IC2988" s="91"/>
      <c r="ID2988" s="91"/>
      <c r="IE2988" s="91"/>
      <c r="IF2988" s="91"/>
      <c r="IG2988" s="91"/>
      <c r="IH2988" s="91"/>
      <c r="II2988" s="91"/>
      <c r="IJ2988" s="91"/>
      <c r="IK2988" s="174"/>
    </row>
    <row r="2989" spans="2:245" x14ac:dyDescent="0.2">
      <c r="B2989" s="43"/>
      <c r="C2989" s="73"/>
      <c r="D2989" s="64"/>
      <c r="E2989" s="64"/>
      <c r="F2989" s="55"/>
      <c r="G2989" s="102"/>
      <c r="H2989" s="97"/>
      <c r="T2989" s="98"/>
      <c r="U2989" s="97"/>
      <c r="AG2989" s="98"/>
      <c r="AY2989" s="164"/>
      <c r="BK2989" s="98"/>
      <c r="BL2989" s="97"/>
      <c r="BX2989" s="98"/>
      <c r="CL2989" s="97"/>
      <c r="CX2989" s="98"/>
      <c r="DL2989" s="97"/>
      <c r="DX2989" s="98"/>
      <c r="EL2989" s="97"/>
      <c r="EX2989" s="98"/>
      <c r="EY2989" s="97"/>
      <c r="FL2989" s="126"/>
      <c r="FM2989" s="91"/>
      <c r="FN2989" s="91"/>
      <c r="FO2989" s="91"/>
      <c r="FP2989" s="91"/>
      <c r="FQ2989" s="91"/>
      <c r="FR2989" s="91"/>
      <c r="FS2989" s="91"/>
      <c r="FT2989" s="91"/>
      <c r="FU2989" s="91"/>
      <c r="FV2989" s="91"/>
      <c r="FW2989" s="91"/>
      <c r="FX2989" s="127"/>
      <c r="FY2989" s="126"/>
      <c r="FZ2989" s="91"/>
      <c r="GA2989" s="91"/>
      <c r="GB2989" s="91"/>
      <c r="GC2989" s="91"/>
      <c r="GD2989" s="91"/>
      <c r="GE2989" s="91"/>
      <c r="GF2989" s="91"/>
      <c r="GG2989" s="91"/>
      <c r="GH2989" s="91"/>
      <c r="GI2989" s="91"/>
      <c r="GJ2989" s="91"/>
      <c r="GK2989" s="127"/>
      <c r="GL2989" s="126"/>
      <c r="GM2989" s="91"/>
      <c r="GN2989" s="91"/>
      <c r="GO2989" s="91"/>
      <c r="GP2989" s="91"/>
      <c r="GQ2989" s="91"/>
      <c r="GR2989" s="91"/>
      <c r="GS2989" s="91"/>
      <c r="GT2989" s="91"/>
      <c r="GU2989" s="91"/>
      <c r="GV2989" s="91"/>
      <c r="GW2989" s="91"/>
      <c r="GX2989" s="127"/>
      <c r="GY2989" s="126"/>
      <c r="GZ2989" s="91"/>
      <c r="HA2989" s="91"/>
      <c r="HB2989" s="91"/>
      <c r="HC2989" s="91"/>
      <c r="HD2989" s="91"/>
      <c r="HE2989" s="91"/>
      <c r="HF2989" s="91"/>
      <c r="HG2989" s="91"/>
      <c r="HH2989" s="91"/>
      <c r="HI2989" s="91"/>
      <c r="HJ2989" s="91"/>
      <c r="HK2989" s="127"/>
      <c r="HL2989" s="126"/>
      <c r="HM2989" s="91"/>
      <c r="HN2989" s="91"/>
      <c r="HO2989" s="91"/>
      <c r="HP2989" s="91"/>
      <c r="HQ2989" s="91"/>
      <c r="HR2989" s="91"/>
      <c r="HS2989" s="91"/>
      <c r="HT2989" s="91"/>
      <c r="HU2989" s="91"/>
      <c r="HV2989" s="91"/>
      <c r="HW2989" s="91"/>
      <c r="HX2989" s="127"/>
      <c r="HY2989" s="126"/>
      <c r="HZ2989" s="91"/>
      <c r="IA2989" s="91"/>
      <c r="IB2989" s="91"/>
      <c r="IC2989" s="91"/>
      <c r="ID2989" s="91"/>
      <c r="IE2989" s="91"/>
      <c r="IF2989" s="91"/>
      <c r="IG2989" s="91"/>
      <c r="IH2989" s="91"/>
      <c r="II2989" s="91"/>
      <c r="IJ2989" s="91"/>
      <c r="IK2989" s="174"/>
    </row>
    <row r="2990" spans="2:245" x14ac:dyDescent="0.2">
      <c r="B2990" s="43"/>
      <c r="C2990" s="73"/>
      <c r="D2990" s="64"/>
      <c r="E2990" s="64"/>
      <c r="F2990" s="55"/>
      <c r="G2990" s="102"/>
      <c r="H2990" s="97"/>
      <c r="T2990" s="98"/>
      <c r="U2990" s="97"/>
      <c r="AG2990" s="98"/>
      <c r="AY2990" s="164"/>
      <c r="BK2990" s="98"/>
      <c r="BL2990" s="97"/>
      <c r="BX2990" s="98"/>
      <c r="CL2990" s="97"/>
      <c r="CX2990" s="98"/>
      <c r="DL2990" s="97"/>
      <c r="DX2990" s="98"/>
      <c r="EL2990" s="97"/>
      <c r="EX2990" s="98"/>
      <c r="EY2990" s="97"/>
      <c r="FL2990" s="126"/>
      <c r="FM2990" s="91"/>
      <c r="FN2990" s="91"/>
      <c r="FO2990" s="91"/>
      <c r="FP2990" s="91"/>
      <c r="FQ2990" s="91"/>
      <c r="FR2990" s="91"/>
      <c r="FS2990" s="91"/>
      <c r="FT2990" s="91"/>
      <c r="FU2990" s="91"/>
      <c r="FV2990" s="91"/>
      <c r="FW2990" s="91"/>
      <c r="FX2990" s="127"/>
      <c r="FY2990" s="126"/>
      <c r="FZ2990" s="91"/>
      <c r="GA2990" s="91"/>
      <c r="GB2990" s="91"/>
      <c r="GC2990" s="91"/>
      <c r="GD2990" s="91"/>
      <c r="GE2990" s="91"/>
      <c r="GF2990" s="91"/>
      <c r="GG2990" s="91"/>
      <c r="GH2990" s="91"/>
      <c r="GI2990" s="91"/>
      <c r="GJ2990" s="91"/>
      <c r="GK2990" s="127"/>
      <c r="GL2990" s="126"/>
      <c r="GM2990" s="91"/>
      <c r="GN2990" s="91"/>
      <c r="GO2990" s="91"/>
      <c r="GP2990" s="91"/>
      <c r="GQ2990" s="91"/>
      <c r="GR2990" s="91"/>
      <c r="GS2990" s="91"/>
      <c r="GT2990" s="91"/>
      <c r="GU2990" s="91"/>
      <c r="GV2990" s="91"/>
      <c r="GW2990" s="91"/>
      <c r="GX2990" s="127"/>
      <c r="GY2990" s="126"/>
      <c r="GZ2990" s="91"/>
      <c r="HA2990" s="91"/>
      <c r="HB2990" s="91"/>
      <c r="HC2990" s="91"/>
      <c r="HD2990" s="91"/>
      <c r="HE2990" s="91"/>
      <c r="HF2990" s="91"/>
      <c r="HG2990" s="91"/>
      <c r="HH2990" s="91"/>
      <c r="HI2990" s="91"/>
      <c r="HJ2990" s="91"/>
      <c r="HK2990" s="127"/>
      <c r="HL2990" s="126"/>
      <c r="HM2990" s="91"/>
      <c r="HN2990" s="91"/>
      <c r="HO2990" s="91"/>
      <c r="HP2990" s="91"/>
      <c r="HQ2990" s="91"/>
      <c r="HR2990" s="91"/>
      <c r="HS2990" s="91"/>
      <c r="HT2990" s="91"/>
      <c r="HU2990" s="91"/>
      <c r="HV2990" s="91"/>
      <c r="HW2990" s="91"/>
      <c r="HX2990" s="127"/>
      <c r="HY2990" s="126"/>
      <c r="HZ2990" s="91"/>
      <c r="IA2990" s="91"/>
      <c r="IB2990" s="91"/>
      <c r="IC2990" s="91"/>
      <c r="ID2990" s="91"/>
      <c r="IE2990" s="91"/>
      <c r="IF2990" s="91"/>
      <c r="IG2990" s="91"/>
      <c r="IH2990" s="91"/>
      <c r="II2990" s="91"/>
      <c r="IJ2990" s="91"/>
      <c r="IK2990" s="174"/>
    </row>
    <row r="2991" spans="2:245" x14ac:dyDescent="0.2">
      <c r="B2991" s="43"/>
      <c r="C2991" s="73"/>
      <c r="D2991" s="64"/>
      <c r="E2991" s="64"/>
      <c r="F2991" s="55"/>
      <c r="G2991" s="102"/>
      <c r="H2991" s="97"/>
      <c r="T2991" s="98"/>
      <c r="U2991" s="97"/>
      <c r="AG2991" s="98"/>
      <c r="AY2991" s="164"/>
      <c r="BK2991" s="98"/>
      <c r="BL2991" s="97"/>
      <c r="BX2991" s="98"/>
      <c r="CL2991" s="97"/>
      <c r="CX2991" s="98"/>
      <c r="DL2991" s="97"/>
      <c r="DX2991" s="98"/>
      <c r="EL2991" s="97"/>
      <c r="EX2991" s="98"/>
      <c r="EY2991" s="97"/>
      <c r="FL2991" s="126"/>
      <c r="FM2991" s="91"/>
      <c r="FN2991" s="91"/>
      <c r="FO2991" s="91"/>
      <c r="FP2991" s="91"/>
      <c r="FQ2991" s="91"/>
      <c r="FR2991" s="91"/>
      <c r="FS2991" s="91"/>
      <c r="FT2991" s="91"/>
      <c r="FU2991" s="91"/>
      <c r="FV2991" s="91"/>
      <c r="FW2991" s="91"/>
      <c r="FX2991" s="127"/>
      <c r="FY2991" s="126"/>
      <c r="FZ2991" s="91"/>
      <c r="GA2991" s="91"/>
      <c r="GB2991" s="91"/>
      <c r="GC2991" s="91"/>
      <c r="GD2991" s="91"/>
      <c r="GE2991" s="91"/>
      <c r="GF2991" s="91"/>
      <c r="GG2991" s="91"/>
      <c r="GH2991" s="91"/>
      <c r="GI2991" s="91"/>
      <c r="GJ2991" s="91"/>
      <c r="GK2991" s="127"/>
      <c r="GL2991" s="126"/>
      <c r="GM2991" s="91"/>
      <c r="GN2991" s="91"/>
      <c r="GO2991" s="91"/>
      <c r="GP2991" s="91"/>
      <c r="GQ2991" s="91"/>
      <c r="GR2991" s="91"/>
      <c r="GS2991" s="91"/>
      <c r="GT2991" s="91"/>
      <c r="GU2991" s="91"/>
      <c r="GV2991" s="91"/>
      <c r="GW2991" s="91"/>
      <c r="GX2991" s="127"/>
      <c r="GY2991" s="126"/>
      <c r="GZ2991" s="91"/>
      <c r="HA2991" s="91"/>
      <c r="HB2991" s="91"/>
      <c r="HC2991" s="91"/>
      <c r="HD2991" s="91"/>
      <c r="HE2991" s="91"/>
      <c r="HF2991" s="91"/>
      <c r="HG2991" s="91"/>
      <c r="HH2991" s="91"/>
      <c r="HI2991" s="91"/>
      <c r="HJ2991" s="91"/>
      <c r="HK2991" s="127"/>
      <c r="HL2991" s="126"/>
      <c r="HM2991" s="91"/>
      <c r="HN2991" s="91"/>
      <c r="HO2991" s="91"/>
      <c r="HP2991" s="91"/>
      <c r="HQ2991" s="91"/>
      <c r="HR2991" s="91"/>
      <c r="HS2991" s="91"/>
      <c r="HT2991" s="91"/>
      <c r="HU2991" s="91"/>
      <c r="HV2991" s="91"/>
      <c r="HW2991" s="91"/>
      <c r="HX2991" s="127"/>
      <c r="HY2991" s="126"/>
      <c r="HZ2991" s="91"/>
      <c r="IA2991" s="91"/>
      <c r="IB2991" s="91"/>
      <c r="IC2991" s="91"/>
      <c r="ID2991" s="91"/>
      <c r="IE2991" s="91"/>
      <c r="IF2991" s="91"/>
      <c r="IG2991" s="91"/>
      <c r="IH2991" s="91"/>
      <c r="II2991" s="91"/>
      <c r="IJ2991" s="91"/>
      <c r="IK2991" s="174"/>
    </row>
    <row r="2992" spans="2:245" x14ac:dyDescent="0.2">
      <c r="B2992" s="43"/>
      <c r="C2992" s="73"/>
      <c r="D2992" s="64"/>
      <c r="E2992" s="64"/>
      <c r="F2992" s="55"/>
      <c r="G2992" s="102"/>
      <c r="H2992" s="97"/>
      <c r="T2992" s="98"/>
      <c r="U2992" s="97"/>
      <c r="AG2992" s="98"/>
      <c r="AY2992" s="164"/>
      <c r="BK2992" s="98"/>
      <c r="BL2992" s="97"/>
      <c r="BX2992" s="98"/>
      <c r="CL2992" s="97"/>
      <c r="CX2992" s="98"/>
      <c r="DL2992" s="97"/>
      <c r="DX2992" s="98"/>
      <c r="EL2992" s="97"/>
      <c r="EX2992" s="98"/>
      <c r="EY2992" s="97"/>
      <c r="FL2992" s="126"/>
      <c r="FM2992" s="91"/>
      <c r="FN2992" s="91"/>
      <c r="FO2992" s="91"/>
      <c r="FP2992" s="91"/>
      <c r="FQ2992" s="91"/>
      <c r="FR2992" s="91"/>
      <c r="FS2992" s="91"/>
      <c r="FT2992" s="91"/>
      <c r="FU2992" s="91"/>
      <c r="FV2992" s="91"/>
      <c r="FW2992" s="91"/>
      <c r="FX2992" s="127"/>
      <c r="FY2992" s="126"/>
      <c r="FZ2992" s="91"/>
      <c r="GA2992" s="91"/>
      <c r="GB2992" s="91"/>
      <c r="GC2992" s="91"/>
      <c r="GD2992" s="91"/>
      <c r="GE2992" s="91"/>
      <c r="GF2992" s="91"/>
      <c r="GG2992" s="91"/>
      <c r="GH2992" s="91"/>
      <c r="GI2992" s="91"/>
      <c r="GJ2992" s="91"/>
      <c r="GK2992" s="127"/>
      <c r="GL2992" s="126"/>
      <c r="GM2992" s="91"/>
      <c r="GN2992" s="91"/>
      <c r="GO2992" s="91"/>
      <c r="GP2992" s="91"/>
      <c r="GQ2992" s="91"/>
      <c r="GR2992" s="91"/>
      <c r="GS2992" s="91"/>
      <c r="GT2992" s="91"/>
      <c r="GU2992" s="91"/>
      <c r="GV2992" s="91"/>
      <c r="GW2992" s="91"/>
      <c r="GX2992" s="127"/>
      <c r="GY2992" s="126"/>
      <c r="GZ2992" s="91"/>
      <c r="HA2992" s="91"/>
      <c r="HB2992" s="91"/>
      <c r="HC2992" s="91"/>
      <c r="HD2992" s="91"/>
      <c r="HE2992" s="91"/>
      <c r="HF2992" s="91"/>
      <c r="HG2992" s="91"/>
      <c r="HH2992" s="91"/>
      <c r="HI2992" s="91"/>
      <c r="HJ2992" s="91"/>
      <c r="HK2992" s="127"/>
      <c r="HL2992" s="126"/>
      <c r="HM2992" s="91"/>
      <c r="HN2992" s="91"/>
      <c r="HO2992" s="91"/>
      <c r="HP2992" s="91"/>
      <c r="HQ2992" s="91"/>
      <c r="HR2992" s="91"/>
      <c r="HS2992" s="91"/>
      <c r="HT2992" s="91"/>
      <c r="HU2992" s="91"/>
      <c r="HV2992" s="91"/>
      <c r="HW2992" s="91"/>
      <c r="HX2992" s="127"/>
      <c r="HY2992" s="126"/>
      <c r="HZ2992" s="91"/>
      <c r="IA2992" s="91"/>
      <c r="IB2992" s="91"/>
      <c r="IC2992" s="91"/>
      <c r="ID2992" s="91"/>
      <c r="IE2992" s="91"/>
      <c r="IF2992" s="91"/>
      <c r="IG2992" s="91"/>
      <c r="IH2992" s="91"/>
      <c r="II2992" s="91"/>
      <c r="IJ2992" s="91"/>
      <c r="IK2992" s="174"/>
    </row>
    <row r="2993" spans="2:245" x14ac:dyDescent="0.2">
      <c r="B2993" s="43"/>
      <c r="C2993" s="73"/>
      <c r="D2993" s="64"/>
      <c r="E2993" s="64"/>
      <c r="F2993" s="55"/>
      <c r="G2993" s="102"/>
      <c r="H2993" s="97"/>
      <c r="T2993" s="98"/>
      <c r="U2993" s="97"/>
      <c r="AG2993" s="98"/>
      <c r="AY2993" s="164"/>
      <c r="BK2993" s="98"/>
      <c r="BL2993" s="97"/>
      <c r="BX2993" s="98"/>
      <c r="CL2993" s="97"/>
      <c r="CX2993" s="98"/>
      <c r="DL2993" s="97"/>
      <c r="DX2993" s="98"/>
      <c r="EL2993" s="97"/>
      <c r="EX2993" s="98"/>
      <c r="EY2993" s="97"/>
      <c r="FL2993" s="126"/>
      <c r="FM2993" s="91"/>
      <c r="FN2993" s="91"/>
      <c r="FO2993" s="91"/>
      <c r="FP2993" s="91"/>
      <c r="FQ2993" s="91"/>
      <c r="FR2993" s="91"/>
      <c r="FS2993" s="91"/>
      <c r="FT2993" s="91"/>
      <c r="FU2993" s="91"/>
      <c r="FV2993" s="91"/>
      <c r="FW2993" s="91"/>
      <c r="FX2993" s="127"/>
      <c r="FY2993" s="126"/>
      <c r="FZ2993" s="91"/>
      <c r="GA2993" s="91"/>
      <c r="GB2993" s="91"/>
      <c r="GC2993" s="91"/>
      <c r="GD2993" s="91"/>
      <c r="GE2993" s="91"/>
      <c r="GF2993" s="91"/>
      <c r="GG2993" s="91"/>
      <c r="GH2993" s="91"/>
      <c r="GI2993" s="91"/>
      <c r="GJ2993" s="91"/>
      <c r="GK2993" s="127"/>
      <c r="GL2993" s="126"/>
      <c r="GM2993" s="91"/>
      <c r="GN2993" s="91"/>
      <c r="GO2993" s="91"/>
      <c r="GP2993" s="91"/>
      <c r="GQ2993" s="91"/>
      <c r="GR2993" s="91"/>
      <c r="GS2993" s="91"/>
      <c r="GT2993" s="91"/>
      <c r="GU2993" s="91"/>
      <c r="GV2993" s="91"/>
      <c r="GW2993" s="91"/>
      <c r="GX2993" s="127"/>
      <c r="GY2993" s="126"/>
      <c r="GZ2993" s="91"/>
      <c r="HA2993" s="91"/>
      <c r="HB2993" s="91"/>
      <c r="HC2993" s="91"/>
      <c r="HD2993" s="91"/>
      <c r="HE2993" s="91"/>
      <c r="HF2993" s="91"/>
      <c r="HG2993" s="91"/>
      <c r="HH2993" s="91"/>
      <c r="HI2993" s="91"/>
      <c r="HJ2993" s="91"/>
      <c r="HK2993" s="127"/>
      <c r="HL2993" s="126"/>
      <c r="HM2993" s="91"/>
      <c r="HN2993" s="91"/>
      <c r="HO2993" s="91"/>
      <c r="HP2993" s="91"/>
      <c r="HQ2993" s="91"/>
      <c r="HR2993" s="91"/>
      <c r="HS2993" s="91"/>
      <c r="HT2993" s="91"/>
      <c r="HU2993" s="91"/>
      <c r="HV2993" s="91"/>
      <c r="HW2993" s="91"/>
      <c r="HX2993" s="127"/>
      <c r="HY2993" s="126"/>
      <c r="HZ2993" s="91"/>
      <c r="IA2993" s="91"/>
      <c r="IB2993" s="91"/>
      <c r="IC2993" s="91"/>
      <c r="ID2993" s="91"/>
      <c r="IE2993" s="91"/>
      <c r="IF2993" s="91"/>
      <c r="IG2993" s="91"/>
      <c r="IH2993" s="91"/>
      <c r="II2993" s="91"/>
      <c r="IJ2993" s="91"/>
      <c r="IK2993" s="174"/>
    </row>
    <row r="2994" spans="2:245" x14ac:dyDescent="0.2">
      <c r="B2994" s="43"/>
      <c r="C2994" s="73"/>
      <c r="D2994" s="64"/>
      <c r="E2994" s="64"/>
      <c r="F2994" s="55"/>
      <c r="G2994" s="102"/>
      <c r="H2994" s="97"/>
      <c r="T2994" s="98"/>
      <c r="U2994" s="97"/>
      <c r="AG2994" s="98"/>
      <c r="AY2994" s="164"/>
      <c r="BK2994" s="98"/>
      <c r="BL2994" s="97"/>
      <c r="BX2994" s="98"/>
      <c r="CL2994" s="97"/>
      <c r="CX2994" s="98"/>
      <c r="DL2994" s="97"/>
      <c r="DX2994" s="98"/>
      <c r="EL2994" s="97"/>
      <c r="EX2994" s="98"/>
      <c r="EY2994" s="97"/>
      <c r="FL2994" s="126"/>
      <c r="FM2994" s="91"/>
      <c r="FN2994" s="91"/>
      <c r="FO2994" s="91"/>
      <c r="FP2994" s="91"/>
      <c r="FQ2994" s="91"/>
      <c r="FR2994" s="91"/>
      <c r="FS2994" s="91"/>
      <c r="FT2994" s="91"/>
      <c r="FU2994" s="91"/>
      <c r="FV2994" s="91"/>
      <c r="FW2994" s="91"/>
      <c r="FX2994" s="127"/>
      <c r="FY2994" s="126"/>
      <c r="FZ2994" s="91"/>
      <c r="GA2994" s="91"/>
      <c r="GB2994" s="91"/>
      <c r="GC2994" s="91"/>
      <c r="GD2994" s="91"/>
      <c r="GE2994" s="91"/>
      <c r="GF2994" s="91"/>
      <c r="GG2994" s="91"/>
      <c r="GH2994" s="91"/>
      <c r="GI2994" s="91"/>
      <c r="GJ2994" s="91"/>
      <c r="GK2994" s="127"/>
      <c r="GL2994" s="126"/>
      <c r="GM2994" s="91"/>
      <c r="GN2994" s="91"/>
      <c r="GO2994" s="91"/>
      <c r="GP2994" s="91"/>
      <c r="GQ2994" s="91"/>
      <c r="GR2994" s="91"/>
      <c r="GS2994" s="91"/>
      <c r="GT2994" s="91"/>
      <c r="GU2994" s="91"/>
      <c r="GV2994" s="91"/>
      <c r="GW2994" s="91"/>
      <c r="GX2994" s="127"/>
      <c r="GY2994" s="126"/>
      <c r="GZ2994" s="91"/>
      <c r="HA2994" s="91"/>
      <c r="HB2994" s="91"/>
      <c r="HC2994" s="91"/>
      <c r="HD2994" s="91"/>
      <c r="HE2994" s="91"/>
      <c r="HF2994" s="91"/>
      <c r="HG2994" s="91"/>
      <c r="HH2994" s="91"/>
      <c r="HI2994" s="91"/>
      <c r="HJ2994" s="91"/>
      <c r="HK2994" s="127"/>
      <c r="HL2994" s="126"/>
      <c r="HM2994" s="91"/>
      <c r="HN2994" s="91"/>
      <c r="HO2994" s="91"/>
      <c r="HP2994" s="91"/>
      <c r="HQ2994" s="91"/>
      <c r="HR2994" s="91"/>
      <c r="HS2994" s="91"/>
      <c r="HT2994" s="91"/>
      <c r="HU2994" s="91"/>
      <c r="HV2994" s="91"/>
      <c r="HW2994" s="91"/>
      <c r="HX2994" s="127"/>
      <c r="HY2994" s="126"/>
      <c r="HZ2994" s="91"/>
      <c r="IA2994" s="91"/>
      <c r="IB2994" s="91"/>
      <c r="IC2994" s="91"/>
      <c r="ID2994" s="91"/>
      <c r="IE2994" s="91"/>
      <c r="IF2994" s="91"/>
      <c r="IG2994" s="91"/>
      <c r="IH2994" s="91"/>
      <c r="II2994" s="91"/>
      <c r="IJ2994" s="91"/>
      <c r="IK2994" s="174"/>
    </row>
    <row r="2995" spans="2:245" x14ac:dyDescent="0.2">
      <c r="B2995" s="43"/>
      <c r="C2995" s="73"/>
      <c r="D2995" s="64"/>
      <c r="E2995" s="64"/>
      <c r="F2995" s="55"/>
      <c r="G2995" s="102"/>
      <c r="H2995" s="97"/>
      <c r="T2995" s="98"/>
      <c r="U2995" s="97"/>
      <c r="AG2995" s="98"/>
      <c r="AY2995" s="164"/>
      <c r="BK2995" s="98"/>
      <c r="BL2995" s="97"/>
      <c r="BX2995" s="98"/>
      <c r="CL2995" s="97"/>
      <c r="CX2995" s="98"/>
      <c r="DL2995" s="97"/>
      <c r="DX2995" s="98"/>
      <c r="EL2995" s="97"/>
      <c r="EX2995" s="98"/>
      <c r="EY2995" s="97"/>
      <c r="FL2995" s="126"/>
      <c r="FM2995" s="91"/>
      <c r="FN2995" s="91"/>
      <c r="FO2995" s="91"/>
      <c r="FP2995" s="91"/>
      <c r="FQ2995" s="91"/>
      <c r="FR2995" s="91"/>
      <c r="FS2995" s="91"/>
      <c r="FT2995" s="91"/>
      <c r="FU2995" s="91"/>
      <c r="FV2995" s="91"/>
      <c r="FW2995" s="91"/>
      <c r="FX2995" s="127"/>
      <c r="FY2995" s="126"/>
      <c r="FZ2995" s="91"/>
      <c r="GA2995" s="91"/>
      <c r="GB2995" s="91"/>
      <c r="GC2995" s="91"/>
      <c r="GD2995" s="91"/>
      <c r="GE2995" s="91"/>
      <c r="GF2995" s="91"/>
      <c r="GG2995" s="91"/>
      <c r="GH2995" s="91"/>
      <c r="GI2995" s="91"/>
      <c r="GJ2995" s="91"/>
      <c r="GK2995" s="127"/>
      <c r="GL2995" s="126"/>
      <c r="GM2995" s="91"/>
      <c r="GN2995" s="91"/>
      <c r="GO2995" s="91"/>
      <c r="GP2995" s="91"/>
      <c r="GQ2995" s="91"/>
      <c r="GR2995" s="91"/>
      <c r="GS2995" s="91"/>
      <c r="GT2995" s="91"/>
      <c r="GU2995" s="91"/>
      <c r="GV2995" s="91"/>
      <c r="GW2995" s="91"/>
      <c r="GX2995" s="127"/>
      <c r="GY2995" s="126"/>
      <c r="GZ2995" s="91"/>
      <c r="HA2995" s="91"/>
      <c r="HB2995" s="91"/>
      <c r="HC2995" s="91"/>
      <c r="HD2995" s="91"/>
      <c r="HE2995" s="91"/>
      <c r="HF2995" s="91"/>
      <c r="HG2995" s="91"/>
      <c r="HH2995" s="91"/>
      <c r="HI2995" s="91"/>
      <c r="HJ2995" s="91"/>
      <c r="HK2995" s="127"/>
      <c r="HL2995" s="126"/>
      <c r="HM2995" s="91"/>
      <c r="HN2995" s="91"/>
      <c r="HO2995" s="91"/>
      <c r="HP2995" s="91"/>
      <c r="HQ2995" s="91"/>
      <c r="HR2995" s="91"/>
      <c r="HS2995" s="91"/>
      <c r="HT2995" s="91"/>
      <c r="HU2995" s="91"/>
      <c r="HV2995" s="91"/>
      <c r="HW2995" s="91"/>
      <c r="HX2995" s="127"/>
      <c r="HY2995" s="126"/>
      <c r="HZ2995" s="91"/>
      <c r="IA2995" s="91"/>
      <c r="IB2995" s="91"/>
      <c r="IC2995" s="91"/>
      <c r="ID2995" s="91"/>
      <c r="IE2995" s="91"/>
      <c r="IF2995" s="91"/>
      <c r="IG2995" s="91"/>
      <c r="IH2995" s="91"/>
      <c r="II2995" s="91"/>
      <c r="IJ2995" s="91"/>
      <c r="IK2995" s="174"/>
    </row>
    <row r="2996" spans="2:245" x14ac:dyDescent="0.2">
      <c r="B2996" s="43"/>
      <c r="C2996" s="73"/>
      <c r="D2996" s="64"/>
      <c r="E2996" s="64"/>
      <c r="F2996" s="55"/>
      <c r="G2996" s="102"/>
      <c r="H2996" s="97"/>
      <c r="T2996" s="98"/>
      <c r="U2996" s="97"/>
      <c r="AG2996" s="98"/>
      <c r="AY2996" s="164"/>
      <c r="BK2996" s="98"/>
      <c r="BL2996" s="97"/>
      <c r="BX2996" s="98"/>
      <c r="CL2996" s="97"/>
      <c r="CX2996" s="98"/>
      <c r="DL2996" s="97"/>
      <c r="DX2996" s="98"/>
      <c r="EL2996" s="97"/>
      <c r="EX2996" s="98"/>
      <c r="EY2996" s="97"/>
      <c r="FL2996" s="126"/>
      <c r="FM2996" s="91"/>
      <c r="FN2996" s="91"/>
      <c r="FO2996" s="91"/>
      <c r="FP2996" s="91"/>
      <c r="FQ2996" s="91"/>
      <c r="FR2996" s="91"/>
      <c r="FS2996" s="91"/>
      <c r="FT2996" s="91"/>
      <c r="FU2996" s="91"/>
      <c r="FV2996" s="91"/>
      <c r="FW2996" s="91"/>
      <c r="FX2996" s="127"/>
      <c r="FY2996" s="126"/>
      <c r="FZ2996" s="91"/>
      <c r="GA2996" s="91"/>
      <c r="GB2996" s="91"/>
      <c r="GC2996" s="91"/>
      <c r="GD2996" s="91"/>
      <c r="GE2996" s="91"/>
      <c r="GF2996" s="91"/>
      <c r="GG2996" s="91"/>
      <c r="GH2996" s="91"/>
      <c r="GI2996" s="91"/>
      <c r="GJ2996" s="91"/>
      <c r="GK2996" s="127"/>
      <c r="GL2996" s="126"/>
      <c r="GM2996" s="91"/>
      <c r="GN2996" s="91"/>
      <c r="GO2996" s="91"/>
      <c r="GP2996" s="91"/>
      <c r="GQ2996" s="91"/>
      <c r="GR2996" s="91"/>
      <c r="GS2996" s="91"/>
      <c r="GT2996" s="91"/>
      <c r="GU2996" s="91"/>
      <c r="GV2996" s="91"/>
      <c r="GW2996" s="91"/>
      <c r="GX2996" s="127"/>
      <c r="GY2996" s="126"/>
      <c r="GZ2996" s="91"/>
      <c r="HA2996" s="91"/>
      <c r="HB2996" s="91"/>
      <c r="HC2996" s="91"/>
      <c r="HD2996" s="91"/>
      <c r="HE2996" s="91"/>
      <c r="HF2996" s="91"/>
      <c r="HG2996" s="91"/>
      <c r="HH2996" s="91"/>
      <c r="HI2996" s="91"/>
      <c r="HJ2996" s="91"/>
      <c r="HK2996" s="127"/>
      <c r="HL2996" s="126"/>
      <c r="HM2996" s="91"/>
      <c r="HN2996" s="91"/>
      <c r="HO2996" s="91"/>
      <c r="HP2996" s="91"/>
      <c r="HQ2996" s="91"/>
      <c r="HR2996" s="91"/>
      <c r="HS2996" s="91"/>
      <c r="HT2996" s="91"/>
      <c r="HU2996" s="91"/>
      <c r="HV2996" s="91"/>
      <c r="HW2996" s="91"/>
      <c r="HX2996" s="127"/>
      <c r="HY2996" s="126"/>
      <c r="HZ2996" s="91"/>
      <c r="IA2996" s="91"/>
      <c r="IB2996" s="91"/>
      <c r="IC2996" s="91"/>
      <c r="ID2996" s="91"/>
      <c r="IE2996" s="91"/>
      <c r="IF2996" s="91"/>
      <c r="IG2996" s="91"/>
      <c r="IH2996" s="91"/>
      <c r="II2996" s="91"/>
      <c r="IJ2996" s="91"/>
      <c r="IK2996" s="174"/>
    </row>
    <row r="2997" spans="2:245" x14ac:dyDescent="0.2">
      <c r="B2997" s="43"/>
      <c r="C2997" s="73"/>
      <c r="D2997" s="64"/>
      <c r="E2997" s="64"/>
      <c r="F2997" s="55"/>
      <c r="G2997" s="102"/>
      <c r="H2997" s="97"/>
      <c r="T2997" s="98"/>
      <c r="U2997" s="97"/>
      <c r="AG2997" s="98"/>
      <c r="AY2997" s="164"/>
      <c r="BK2997" s="98"/>
      <c r="BL2997" s="97"/>
      <c r="BX2997" s="98"/>
      <c r="CL2997" s="97"/>
      <c r="CX2997" s="98"/>
      <c r="DL2997" s="97"/>
      <c r="DX2997" s="98"/>
      <c r="EL2997" s="97"/>
      <c r="EX2997" s="98"/>
      <c r="EY2997" s="97"/>
      <c r="FL2997" s="126"/>
      <c r="FM2997" s="91"/>
      <c r="FN2997" s="91"/>
      <c r="FO2997" s="91"/>
      <c r="FP2997" s="91"/>
      <c r="FQ2997" s="91"/>
      <c r="FR2997" s="91"/>
      <c r="FS2997" s="91"/>
      <c r="FT2997" s="91"/>
      <c r="FU2997" s="91"/>
      <c r="FV2997" s="91"/>
      <c r="FW2997" s="91"/>
      <c r="FX2997" s="127"/>
      <c r="FY2997" s="126"/>
      <c r="FZ2997" s="91"/>
      <c r="GA2997" s="91"/>
      <c r="GB2997" s="91"/>
      <c r="GC2997" s="91"/>
      <c r="GD2997" s="91"/>
      <c r="GE2997" s="91"/>
      <c r="GF2997" s="91"/>
      <c r="GG2997" s="91"/>
      <c r="GH2997" s="91"/>
      <c r="GI2997" s="91"/>
      <c r="GJ2997" s="91"/>
      <c r="GK2997" s="127"/>
      <c r="GL2997" s="126"/>
      <c r="GM2997" s="91"/>
      <c r="GN2997" s="91"/>
      <c r="GO2997" s="91"/>
      <c r="GP2997" s="91"/>
      <c r="GQ2997" s="91"/>
      <c r="GR2997" s="91"/>
      <c r="GS2997" s="91"/>
      <c r="GT2997" s="91"/>
      <c r="GU2997" s="91"/>
      <c r="GV2997" s="91"/>
      <c r="GW2997" s="91"/>
      <c r="GX2997" s="127"/>
      <c r="GY2997" s="126"/>
      <c r="GZ2997" s="91"/>
      <c r="HA2997" s="91"/>
      <c r="HB2997" s="91"/>
      <c r="HC2997" s="91"/>
      <c r="HD2997" s="91"/>
      <c r="HE2997" s="91"/>
      <c r="HF2997" s="91"/>
      <c r="HG2997" s="91"/>
      <c r="HH2997" s="91"/>
      <c r="HI2997" s="91"/>
      <c r="HJ2997" s="91"/>
      <c r="HK2997" s="127"/>
      <c r="HL2997" s="126"/>
      <c r="HM2997" s="91"/>
      <c r="HN2997" s="91"/>
      <c r="HO2997" s="91"/>
      <c r="HP2997" s="91"/>
      <c r="HQ2997" s="91"/>
      <c r="HR2997" s="91"/>
      <c r="HS2997" s="91"/>
      <c r="HT2997" s="91"/>
      <c r="HU2997" s="91"/>
      <c r="HV2997" s="91"/>
      <c r="HW2997" s="91"/>
      <c r="HX2997" s="127"/>
      <c r="HY2997" s="126"/>
      <c r="HZ2997" s="91"/>
      <c r="IA2997" s="91"/>
      <c r="IB2997" s="91"/>
      <c r="IC2997" s="91"/>
      <c r="ID2997" s="91"/>
      <c r="IE2997" s="91"/>
      <c r="IF2997" s="91"/>
      <c r="IG2997" s="91"/>
      <c r="IH2997" s="91"/>
      <c r="II2997" s="91"/>
      <c r="IJ2997" s="91"/>
      <c r="IK2997" s="174"/>
    </row>
    <row r="2998" spans="2:245" x14ac:dyDescent="0.2">
      <c r="B2998" s="43"/>
      <c r="C2998" s="73"/>
      <c r="D2998" s="64"/>
      <c r="E2998" s="64"/>
      <c r="F2998" s="55"/>
      <c r="G2998" s="102"/>
      <c r="H2998" s="97"/>
      <c r="T2998" s="98"/>
      <c r="U2998" s="97"/>
      <c r="AG2998" s="98"/>
      <c r="AY2998" s="164"/>
      <c r="BK2998" s="98"/>
      <c r="BL2998" s="97"/>
      <c r="BX2998" s="98"/>
      <c r="CL2998" s="97"/>
      <c r="CX2998" s="98"/>
      <c r="DL2998" s="97"/>
      <c r="DX2998" s="98"/>
      <c r="EL2998" s="97"/>
      <c r="EX2998" s="98"/>
      <c r="EY2998" s="97"/>
      <c r="FL2998" s="126"/>
      <c r="FM2998" s="91"/>
      <c r="FN2998" s="91"/>
      <c r="FO2998" s="91"/>
      <c r="FP2998" s="91"/>
      <c r="FQ2998" s="91"/>
      <c r="FR2998" s="91"/>
      <c r="FS2998" s="91"/>
      <c r="FT2998" s="91"/>
      <c r="FU2998" s="91"/>
      <c r="FV2998" s="91"/>
      <c r="FW2998" s="91"/>
      <c r="FX2998" s="127"/>
      <c r="FY2998" s="126"/>
      <c r="FZ2998" s="91"/>
      <c r="GA2998" s="91"/>
      <c r="GB2998" s="91"/>
      <c r="GC2998" s="91"/>
      <c r="GD2998" s="91"/>
      <c r="GE2998" s="91"/>
      <c r="GF2998" s="91"/>
      <c r="GG2998" s="91"/>
      <c r="GH2998" s="91"/>
      <c r="GI2998" s="91"/>
      <c r="GJ2998" s="91"/>
      <c r="GK2998" s="127"/>
      <c r="GL2998" s="126"/>
      <c r="GM2998" s="91"/>
      <c r="GN2998" s="91"/>
      <c r="GO2998" s="91"/>
      <c r="GP2998" s="91"/>
      <c r="GQ2998" s="91"/>
      <c r="GR2998" s="91"/>
      <c r="GS2998" s="91"/>
      <c r="GT2998" s="91"/>
      <c r="GU2998" s="91"/>
      <c r="GV2998" s="91"/>
      <c r="GW2998" s="91"/>
      <c r="GX2998" s="127"/>
      <c r="GY2998" s="126"/>
      <c r="GZ2998" s="91"/>
      <c r="HA2998" s="91"/>
      <c r="HB2998" s="91"/>
      <c r="HC2998" s="91"/>
      <c r="HD2998" s="91"/>
      <c r="HE2998" s="91"/>
      <c r="HF2998" s="91"/>
      <c r="HG2998" s="91"/>
      <c r="HH2998" s="91"/>
      <c r="HI2998" s="91"/>
      <c r="HJ2998" s="91"/>
      <c r="HK2998" s="127"/>
      <c r="HL2998" s="126"/>
      <c r="HM2998" s="91"/>
      <c r="HN2998" s="91"/>
      <c r="HO2998" s="91"/>
      <c r="HP2998" s="91"/>
      <c r="HQ2998" s="91"/>
      <c r="HR2998" s="91"/>
      <c r="HS2998" s="91"/>
      <c r="HT2998" s="91"/>
      <c r="HU2998" s="91"/>
      <c r="HV2998" s="91"/>
      <c r="HW2998" s="91"/>
      <c r="HX2998" s="127"/>
      <c r="HY2998" s="126"/>
      <c r="HZ2998" s="91"/>
      <c r="IA2998" s="91"/>
      <c r="IB2998" s="91"/>
      <c r="IC2998" s="91"/>
      <c r="ID2998" s="91"/>
      <c r="IE2998" s="91"/>
      <c r="IF2998" s="91"/>
      <c r="IG2998" s="91"/>
      <c r="IH2998" s="91"/>
      <c r="II2998" s="91"/>
      <c r="IJ2998" s="91"/>
      <c r="IK2998" s="174"/>
    </row>
    <row r="2999" spans="2:245" x14ac:dyDescent="0.2">
      <c r="B2999" s="43"/>
      <c r="C2999" s="73"/>
      <c r="D2999" s="64"/>
      <c r="E2999" s="64"/>
      <c r="F2999" s="55"/>
      <c r="G2999" s="102"/>
      <c r="H2999" s="97"/>
      <c r="T2999" s="98"/>
      <c r="U2999" s="97"/>
      <c r="AG2999" s="98"/>
      <c r="AY2999" s="164"/>
      <c r="BK2999" s="98"/>
      <c r="BL2999" s="97"/>
      <c r="BX2999" s="98"/>
      <c r="CL2999" s="97"/>
      <c r="CX2999" s="98"/>
      <c r="DL2999" s="97"/>
      <c r="DX2999" s="98"/>
      <c r="EL2999" s="97"/>
      <c r="EX2999" s="98"/>
      <c r="EY2999" s="97"/>
      <c r="FL2999" s="126"/>
      <c r="FM2999" s="91"/>
      <c r="FN2999" s="91"/>
      <c r="FO2999" s="91"/>
      <c r="FP2999" s="91"/>
      <c r="FQ2999" s="91"/>
      <c r="FR2999" s="91"/>
      <c r="FS2999" s="91"/>
      <c r="FT2999" s="91"/>
      <c r="FU2999" s="91"/>
      <c r="FV2999" s="91"/>
      <c r="FW2999" s="91"/>
      <c r="FX2999" s="127"/>
      <c r="FY2999" s="126"/>
      <c r="FZ2999" s="91"/>
      <c r="GA2999" s="91"/>
      <c r="GB2999" s="91"/>
      <c r="GC2999" s="91"/>
      <c r="GD2999" s="91"/>
      <c r="GE2999" s="91"/>
      <c r="GF2999" s="91"/>
      <c r="GG2999" s="91"/>
      <c r="GH2999" s="91"/>
      <c r="GI2999" s="91"/>
      <c r="GJ2999" s="91"/>
      <c r="GK2999" s="127"/>
      <c r="GL2999" s="126"/>
      <c r="GM2999" s="91"/>
      <c r="GN2999" s="91"/>
      <c r="GO2999" s="91"/>
      <c r="GP2999" s="91"/>
      <c r="GQ2999" s="91"/>
      <c r="GR2999" s="91"/>
      <c r="GS2999" s="91"/>
      <c r="GT2999" s="91"/>
      <c r="GU2999" s="91"/>
      <c r="GV2999" s="91"/>
      <c r="GW2999" s="91"/>
      <c r="GX2999" s="127"/>
      <c r="GY2999" s="126"/>
      <c r="GZ2999" s="91"/>
      <c r="HA2999" s="91"/>
      <c r="HB2999" s="91"/>
      <c r="HC2999" s="91"/>
      <c r="HD2999" s="91"/>
      <c r="HE2999" s="91"/>
      <c r="HF2999" s="91"/>
      <c r="HG2999" s="91"/>
      <c r="HH2999" s="91"/>
      <c r="HI2999" s="91"/>
      <c r="HJ2999" s="91"/>
      <c r="HK2999" s="127"/>
      <c r="HL2999" s="126"/>
      <c r="HM2999" s="91"/>
      <c r="HN2999" s="91"/>
      <c r="HO2999" s="91"/>
      <c r="HP2999" s="91"/>
      <c r="HQ2999" s="91"/>
      <c r="HR2999" s="91"/>
      <c r="HS2999" s="91"/>
      <c r="HT2999" s="91"/>
      <c r="HU2999" s="91"/>
      <c r="HV2999" s="91"/>
      <c r="HW2999" s="91"/>
      <c r="HX2999" s="127"/>
      <c r="HY2999" s="126"/>
      <c r="HZ2999" s="91"/>
      <c r="IA2999" s="91"/>
      <c r="IB2999" s="91"/>
      <c r="IC2999" s="91"/>
      <c r="ID2999" s="91"/>
      <c r="IE2999" s="91"/>
      <c r="IF2999" s="91"/>
      <c r="IG2999" s="91"/>
      <c r="IH2999" s="91"/>
      <c r="II2999" s="91"/>
      <c r="IJ2999" s="91"/>
      <c r="IK2999" s="174"/>
    </row>
    <row r="3000" spans="2:245" x14ac:dyDescent="0.2">
      <c r="B3000" s="43"/>
      <c r="C3000" s="73"/>
      <c r="D3000" s="64"/>
      <c r="E3000" s="64"/>
      <c r="F3000" s="55"/>
      <c r="G3000" s="102"/>
      <c r="H3000" s="97"/>
      <c r="T3000" s="98"/>
      <c r="U3000" s="97"/>
      <c r="AG3000" s="98"/>
      <c r="AY3000" s="164"/>
      <c r="BK3000" s="98"/>
      <c r="BL3000" s="97"/>
      <c r="BX3000" s="98"/>
      <c r="CL3000" s="97"/>
      <c r="CX3000" s="98"/>
      <c r="DL3000" s="97"/>
      <c r="DX3000" s="98"/>
      <c r="EL3000" s="97"/>
      <c r="EX3000" s="98"/>
      <c r="EY3000" s="97"/>
      <c r="FL3000" s="126"/>
      <c r="FM3000" s="91"/>
      <c r="FN3000" s="91"/>
      <c r="FO3000" s="91"/>
      <c r="FP3000" s="91"/>
      <c r="FQ3000" s="91"/>
      <c r="FR3000" s="91"/>
      <c r="FS3000" s="91"/>
      <c r="FT3000" s="91"/>
      <c r="FU3000" s="91"/>
      <c r="FV3000" s="91"/>
      <c r="FW3000" s="91"/>
      <c r="FX3000" s="127"/>
      <c r="FY3000" s="126"/>
      <c r="FZ3000" s="91"/>
      <c r="GA3000" s="91"/>
      <c r="GB3000" s="91"/>
      <c r="GC3000" s="91"/>
      <c r="GD3000" s="91"/>
      <c r="GE3000" s="91"/>
      <c r="GF3000" s="91"/>
      <c r="GG3000" s="91"/>
      <c r="GH3000" s="91"/>
      <c r="GI3000" s="91"/>
      <c r="GJ3000" s="91"/>
      <c r="GK3000" s="127"/>
      <c r="GL3000" s="126"/>
      <c r="GM3000" s="91"/>
      <c r="GN3000" s="91"/>
      <c r="GO3000" s="91"/>
      <c r="GP3000" s="91"/>
      <c r="GQ3000" s="91"/>
      <c r="GR3000" s="91"/>
      <c r="GS3000" s="91"/>
      <c r="GT3000" s="91"/>
      <c r="GU3000" s="91"/>
      <c r="GV3000" s="91"/>
      <c r="GW3000" s="91"/>
      <c r="GX3000" s="127"/>
      <c r="GY3000" s="126"/>
      <c r="GZ3000" s="91"/>
      <c r="HA3000" s="91"/>
      <c r="HB3000" s="91"/>
      <c r="HC3000" s="91"/>
      <c r="HD3000" s="91"/>
      <c r="HE3000" s="91"/>
      <c r="HF3000" s="91"/>
      <c r="HG3000" s="91"/>
      <c r="HH3000" s="91"/>
      <c r="HI3000" s="91"/>
      <c r="HJ3000" s="91"/>
      <c r="HK3000" s="127"/>
      <c r="HL3000" s="126"/>
      <c r="HM3000" s="91"/>
      <c r="HN3000" s="91"/>
      <c r="HO3000" s="91"/>
      <c r="HP3000" s="91"/>
      <c r="HQ3000" s="91"/>
      <c r="HR3000" s="91"/>
      <c r="HS3000" s="91"/>
      <c r="HT3000" s="91"/>
      <c r="HU3000" s="91"/>
      <c r="HV3000" s="91"/>
      <c r="HW3000" s="91"/>
      <c r="HX3000" s="127"/>
      <c r="HY3000" s="126"/>
      <c r="HZ3000" s="91"/>
      <c r="IA3000" s="91"/>
      <c r="IB3000" s="91"/>
      <c r="IC3000" s="91"/>
      <c r="ID3000" s="91"/>
      <c r="IE3000" s="91"/>
      <c r="IF3000" s="91"/>
      <c r="IG3000" s="91"/>
      <c r="IH3000" s="91"/>
      <c r="II3000" s="91"/>
      <c r="IJ3000" s="91"/>
      <c r="IK3000" s="174"/>
    </row>
    <row r="3001" spans="2:245" x14ac:dyDescent="0.2">
      <c r="B3001" s="43"/>
      <c r="C3001" s="73"/>
      <c r="D3001" s="64"/>
      <c r="E3001" s="64"/>
      <c r="F3001" s="55"/>
      <c r="G3001" s="102"/>
      <c r="H3001" s="97"/>
      <c r="T3001" s="98"/>
      <c r="U3001" s="97"/>
      <c r="AG3001" s="98"/>
      <c r="AY3001" s="164"/>
      <c r="BK3001" s="98"/>
      <c r="BL3001" s="97"/>
      <c r="BX3001" s="98"/>
      <c r="CL3001" s="97"/>
      <c r="CX3001" s="98"/>
      <c r="DL3001" s="97"/>
      <c r="DX3001" s="98"/>
      <c r="EL3001" s="97"/>
      <c r="EX3001" s="98"/>
      <c r="EY3001" s="97"/>
      <c r="FL3001" s="126"/>
      <c r="FM3001" s="91"/>
      <c r="FN3001" s="91"/>
      <c r="FO3001" s="91"/>
      <c r="FP3001" s="91"/>
      <c r="FQ3001" s="91"/>
      <c r="FR3001" s="91"/>
      <c r="FS3001" s="91"/>
      <c r="FT3001" s="91"/>
      <c r="FU3001" s="91"/>
      <c r="FV3001" s="91"/>
      <c r="FW3001" s="91"/>
      <c r="FX3001" s="127"/>
      <c r="FY3001" s="126"/>
      <c r="FZ3001" s="91"/>
      <c r="GA3001" s="91"/>
      <c r="GB3001" s="91"/>
      <c r="GC3001" s="91"/>
      <c r="GD3001" s="91"/>
      <c r="GE3001" s="91"/>
      <c r="GF3001" s="91"/>
      <c r="GG3001" s="91"/>
      <c r="GH3001" s="91"/>
      <c r="GI3001" s="91"/>
      <c r="GJ3001" s="91"/>
      <c r="GK3001" s="127"/>
      <c r="GL3001" s="126"/>
      <c r="GM3001" s="91"/>
      <c r="GN3001" s="91"/>
      <c r="GO3001" s="91"/>
      <c r="GP3001" s="91"/>
      <c r="GQ3001" s="91"/>
      <c r="GR3001" s="91"/>
      <c r="GS3001" s="91"/>
      <c r="GT3001" s="91"/>
      <c r="GU3001" s="91"/>
      <c r="GV3001" s="91"/>
      <c r="GW3001" s="91"/>
      <c r="GX3001" s="127"/>
      <c r="GY3001" s="126"/>
      <c r="GZ3001" s="91"/>
      <c r="HA3001" s="91"/>
      <c r="HB3001" s="91"/>
      <c r="HC3001" s="91"/>
      <c r="HD3001" s="91"/>
      <c r="HE3001" s="91"/>
      <c r="HF3001" s="91"/>
      <c r="HG3001" s="91"/>
      <c r="HH3001" s="91"/>
      <c r="HI3001" s="91"/>
      <c r="HJ3001" s="91"/>
      <c r="HK3001" s="127"/>
      <c r="HL3001" s="126"/>
      <c r="HM3001" s="91"/>
      <c r="HN3001" s="91"/>
      <c r="HO3001" s="91"/>
      <c r="HP3001" s="91"/>
      <c r="HQ3001" s="91"/>
      <c r="HR3001" s="91"/>
      <c r="HS3001" s="91"/>
      <c r="HT3001" s="91"/>
      <c r="HU3001" s="91"/>
      <c r="HV3001" s="91"/>
      <c r="HW3001" s="91"/>
      <c r="HX3001" s="127"/>
      <c r="HY3001" s="126"/>
      <c r="HZ3001" s="91"/>
      <c r="IA3001" s="91"/>
      <c r="IB3001" s="91"/>
      <c r="IC3001" s="91"/>
      <c r="ID3001" s="91"/>
      <c r="IE3001" s="91"/>
      <c r="IF3001" s="91"/>
      <c r="IG3001" s="91"/>
      <c r="IH3001" s="91"/>
      <c r="II3001" s="91"/>
      <c r="IJ3001" s="91"/>
      <c r="IK3001" s="174"/>
    </row>
    <row r="3002" spans="2:245" x14ac:dyDescent="0.2">
      <c r="B3002" s="43"/>
      <c r="C3002" s="73"/>
      <c r="D3002" s="64"/>
      <c r="E3002" s="64"/>
      <c r="F3002" s="55"/>
      <c r="G3002" s="102"/>
      <c r="H3002" s="97"/>
      <c r="T3002" s="98"/>
      <c r="U3002" s="97"/>
      <c r="AG3002" s="98"/>
      <c r="AY3002" s="164"/>
      <c r="BK3002" s="98"/>
      <c r="BL3002" s="97"/>
      <c r="BX3002" s="98"/>
      <c r="CL3002" s="97"/>
      <c r="CX3002" s="98"/>
      <c r="DL3002" s="97"/>
      <c r="DX3002" s="98"/>
      <c r="EL3002" s="97"/>
      <c r="EX3002" s="98"/>
      <c r="EY3002" s="97"/>
      <c r="FL3002" s="126"/>
      <c r="FM3002" s="91"/>
      <c r="FN3002" s="91"/>
      <c r="FO3002" s="91"/>
      <c r="FP3002" s="91"/>
      <c r="FQ3002" s="91"/>
      <c r="FR3002" s="91"/>
      <c r="FS3002" s="91"/>
      <c r="FT3002" s="91"/>
      <c r="FU3002" s="91"/>
      <c r="FV3002" s="91"/>
      <c r="FW3002" s="91"/>
      <c r="FX3002" s="127"/>
      <c r="FY3002" s="126"/>
      <c r="FZ3002" s="91"/>
      <c r="GA3002" s="91"/>
      <c r="GB3002" s="91"/>
      <c r="GC3002" s="91"/>
      <c r="GD3002" s="91"/>
      <c r="GE3002" s="91"/>
      <c r="GF3002" s="91"/>
      <c r="GG3002" s="91"/>
      <c r="GH3002" s="91"/>
      <c r="GI3002" s="91"/>
      <c r="GJ3002" s="91"/>
      <c r="GK3002" s="127"/>
      <c r="GL3002" s="126"/>
      <c r="GM3002" s="91"/>
      <c r="GN3002" s="91"/>
      <c r="GO3002" s="91"/>
      <c r="GP3002" s="91"/>
      <c r="GQ3002" s="91"/>
      <c r="GR3002" s="91"/>
      <c r="GS3002" s="91"/>
      <c r="GT3002" s="91"/>
      <c r="GU3002" s="91"/>
      <c r="GV3002" s="91"/>
      <c r="GW3002" s="91"/>
      <c r="GX3002" s="127"/>
      <c r="GY3002" s="126"/>
      <c r="GZ3002" s="91"/>
      <c r="HA3002" s="91"/>
      <c r="HB3002" s="91"/>
      <c r="HC3002" s="91"/>
      <c r="HD3002" s="91"/>
      <c r="HE3002" s="91"/>
      <c r="HF3002" s="91"/>
      <c r="HG3002" s="91"/>
      <c r="HH3002" s="91"/>
      <c r="HI3002" s="91"/>
      <c r="HJ3002" s="91"/>
      <c r="HK3002" s="127"/>
      <c r="HL3002" s="126"/>
      <c r="HM3002" s="91"/>
      <c r="HN3002" s="91"/>
      <c r="HO3002" s="91"/>
      <c r="HP3002" s="91"/>
      <c r="HQ3002" s="91"/>
      <c r="HR3002" s="91"/>
      <c r="HS3002" s="91"/>
      <c r="HT3002" s="91"/>
      <c r="HU3002" s="91"/>
      <c r="HV3002" s="91"/>
      <c r="HW3002" s="91"/>
      <c r="HX3002" s="127"/>
      <c r="HY3002" s="126"/>
      <c r="HZ3002" s="91"/>
      <c r="IA3002" s="91"/>
      <c r="IB3002" s="91"/>
      <c r="IC3002" s="91"/>
      <c r="ID3002" s="91"/>
      <c r="IE3002" s="91"/>
      <c r="IF3002" s="91"/>
      <c r="IG3002" s="91"/>
      <c r="IH3002" s="91"/>
      <c r="II3002" s="91"/>
      <c r="IJ3002" s="91"/>
      <c r="IK3002" s="174"/>
    </row>
    <row r="3003" spans="2:245" x14ac:dyDescent="0.2">
      <c r="B3003" s="43"/>
      <c r="C3003" s="73"/>
      <c r="D3003" s="64"/>
      <c r="E3003" s="64"/>
      <c r="F3003" s="55"/>
      <c r="G3003" s="102"/>
      <c r="H3003" s="97"/>
      <c r="T3003" s="98"/>
      <c r="U3003" s="97"/>
      <c r="AG3003" s="98"/>
      <c r="AY3003" s="164"/>
      <c r="BK3003" s="98"/>
      <c r="BL3003" s="97"/>
      <c r="BX3003" s="98"/>
      <c r="CL3003" s="97"/>
      <c r="CX3003" s="98"/>
      <c r="DL3003" s="97"/>
      <c r="DX3003" s="98"/>
      <c r="EL3003" s="97"/>
      <c r="EX3003" s="98"/>
      <c r="EY3003" s="97"/>
      <c r="FL3003" s="126"/>
      <c r="FM3003" s="91"/>
      <c r="FN3003" s="91"/>
      <c r="FO3003" s="91"/>
      <c r="FP3003" s="91"/>
      <c r="FQ3003" s="91"/>
      <c r="FR3003" s="91"/>
      <c r="FS3003" s="91"/>
      <c r="FT3003" s="91"/>
      <c r="FU3003" s="91"/>
      <c r="FV3003" s="91"/>
      <c r="FW3003" s="91"/>
      <c r="FX3003" s="127"/>
      <c r="FY3003" s="126"/>
      <c r="FZ3003" s="91"/>
      <c r="GA3003" s="91"/>
      <c r="GB3003" s="91"/>
      <c r="GC3003" s="91"/>
      <c r="GD3003" s="91"/>
      <c r="GE3003" s="91"/>
      <c r="GF3003" s="91"/>
      <c r="GG3003" s="91"/>
      <c r="GH3003" s="91"/>
      <c r="GI3003" s="91"/>
      <c r="GJ3003" s="91"/>
      <c r="GK3003" s="127"/>
      <c r="GL3003" s="126"/>
      <c r="GM3003" s="91"/>
      <c r="GN3003" s="91"/>
      <c r="GO3003" s="91"/>
      <c r="GP3003" s="91"/>
      <c r="GQ3003" s="91"/>
      <c r="GR3003" s="91"/>
      <c r="GS3003" s="91"/>
      <c r="GT3003" s="91"/>
      <c r="GU3003" s="91"/>
      <c r="GV3003" s="91"/>
      <c r="GW3003" s="91"/>
      <c r="GX3003" s="127"/>
      <c r="GY3003" s="126"/>
      <c r="GZ3003" s="91"/>
      <c r="HA3003" s="91"/>
      <c r="HB3003" s="91"/>
      <c r="HC3003" s="91"/>
      <c r="HD3003" s="91"/>
      <c r="HE3003" s="91"/>
      <c r="HF3003" s="91"/>
      <c r="HG3003" s="91"/>
      <c r="HH3003" s="91"/>
      <c r="HI3003" s="91"/>
      <c r="HJ3003" s="91"/>
      <c r="HK3003" s="127"/>
      <c r="HL3003" s="126"/>
      <c r="HM3003" s="91"/>
      <c r="HN3003" s="91"/>
      <c r="HO3003" s="91"/>
      <c r="HP3003" s="91"/>
      <c r="HQ3003" s="91"/>
      <c r="HR3003" s="91"/>
      <c r="HS3003" s="91"/>
      <c r="HT3003" s="91"/>
      <c r="HU3003" s="91"/>
      <c r="HV3003" s="91"/>
      <c r="HW3003" s="91"/>
      <c r="HX3003" s="127"/>
      <c r="HY3003" s="126"/>
      <c r="HZ3003" s="91"/>
      <c r="IA3003" s="91"/>
      <c r="IB3003" s="91"/>
      <c r="IC3003" s="91"/>
      <c r="ID3003" s="91"/>
      <c r="IE3003" s="91"/>
      <c r="IF3003" s="91"/>
      <c r="IG3003" s="91"/>
      <c r="IH3003" s="91"/>
      <c r="II3003" s="91"/>
      <c r="IJ3003" s="91"/>
      <c r="IK3003" s="174"/>
    </row>
    <row r="3004" spans="2:245" x14ac:dyDescent="0.2">
      <c r="B3004" s="43"/>
      <c r="C3004" s="73"/>
      <c r="D3004" s="64"/>
      <c r="E3004" s="64"/>
      <c r="F3004" s="55"/>
      <c r="G3004" s="102"/>
      <c r="H3004" s="97"/>
      <c r="T3004" s="98"/>
      <c r="U3004" s="97"/>
      <c r="AG3004" s="98"/>
      <c r="AY3004" s="164"/>
      <c r="BK3004" s="98"/>
      <c r="BL3004" s="97"/>
      <c r="BX3004" s="98"/>
      <c r="CL3004" s="97"/>
      <c r="CX3004" s="98"/>
      <c r="DL3004" s="97"/>
      <c r="DX3004" s="98"/>
      <c r="EL3004" s="97"/>
      <c r="EX3004" s="98"/>
      <c r="EY3004" s="97"/>
      <c r="FL3004" s="126"/>
      <c r="FM3004" s="91"/>
      <c r="FN3004" s="91"/>
      <c r="FO3004" s="91"/>
      <c r="FP3004" s="91"/>
      <c r="FQ3004" s="91"/>
      <c r="FR3004" s="91"/>
      <c r="FS3004" s="91"/>
      <c r="FT3004" s="91"/>
      <c r="FU3004" s="91"/>
      <c r="FV3004" s="91"/>
      <c r="FW3004" s="91"/>
      <c r="FX3004" s="127"/>
      <c r="FY3004" s="126"/>
      <c r="FZ3004" s="91"/>
      <c r="GA3004" s="91"/>
      <c r="GB3004" s="91"/>
      <c r="GC3004" s="91"/>
      <c r="GD3004" s="91"/>
      <c r="GE3004" s="91"/>
      <c r="GF3004" s="91"/>
      <c r="GG3004" s="91"/>
      <c r="GH3004" s="91"/>
      <c r="GI3004" s="91"/>
      <c r="GJ3004" s="91"/>
      <c r="GK3004" s="127"/>
      <c r="GL3004" s="126"/>
      <c r="GM3004" s="91"/>
      <c r="GN3004" s="91"/>
      <c r="GO3004" s="91"/>
      <c r="GP3004" s="91"/>
      <c r="GQ3004" s="91"/>
      <c r="GR3004" s="91"/>
      <c r="GS3004" s="91"/>
      <c r="GT3004" s="91"/>
      <c r="GU3004" s="91"/>
      <c r="GV3004" s="91"/>
      <c r="GW3004" s="91"/>
      <c r="GX3004" s="127"/>
      <c r="GY3004" s="126"/>
      <c r="GZ3004" s="91"/>
      <c r="HA3004" s="91"/>
      <c r="HB3004" s="91"/>
      <c r="HC3004" s="91"/>
      <c r="HD3004" s="91"/>
      <c r="HE3004" s="91"/>
      <c r="HF3004" s="91"/>
      <c r="HG3004" s="91"/>
      <c r="HH3004" s="91"/>
      <c r="HI3004" s="91"/>
      <c r="HJ3004" s="91"/>
      <c r="HK3004" s="127"/>
      <c r="HL3004" s="126"/>
      <c r="HM3004" s="91"/>
      <c r="HN3004" s="91"/>
      <c r="HO3004" s="91"/>
      <c r="HP3004" s="91"/>
      <c r="HQ3004" s="91"/>
      <c r="HR3004" s="91"/>
      <c r="HS3004" s="91"/>
      <c r="HT3004" s="91"/>
      <c r="HU3004" s="91"/>
      <c r="HV3004" s="91"/>
      <c r="HW3004" s="91"/>
      <c r="HX3004" s="127"/>
      <c r="HY3004" s="126"/>
      <c r="HZ3004" s="91"/>
      <c r="IA3004" s="91"/>
      <c r="IB3004" s="91"/>
      <c r="IC3004" s="91"/>
      <c r="ID3004" s="91"/>
      <c r="IE3004" s="91"/>
      <c r="IF3004" s="91"/>
      <c r="IG3004" s="91"/>
      <c r="IH3004" s="91"/>
      <c r="II3004" s="91"/>
      <c r="IJ3004" s="91"/>
      <c r="IK3004" s="174"/>
    </row>
    <row r="3005" spans="2:245" x14ac:dyDescent="0.2">
      <c r="B3005" s="43"/>
      <c r="C3005" s="73"/>
      <c r="D3005" s="64"/>
      <c r="E3005" s="64"/>
      <c r="F3005" s="55"/>
      <c r="G3005" s="102"/>
      <c r="H3005" s="97"/>
      <c r="T3005" s="98"/>
      <c r="U3005" s="97"/>
      <c r="AG3005" s="98"/>
      <c r="AY3005" s="164"/>
      <c r="BK3005" s="98"/>
      <c r="BL3005" s="97"/>
      <c r="BX3005" s="98"/>
      <c r="CL3005" s="97"/>
      <c r="CX3005" s="98"/>
      <c r="DL3005" s="97"/>
      <c r="DX3005" s="98"/>
      <c r="EL3005" s="97"/>
      <c r="EX3005" s="98"/>
      <c r="EY3005" s="97"/>
      <c r="FL3005" s="126"/>
      <c r="FM3005" s="91"/>
      <c r="FN3005" s="91"/>
      <c r="FO3005" s="91"/>
      <c r="FP3005" s="91"/>
      <c r="FQ3005" s="91"/>
      <c r="FR3005" s="91"/>
      <c r="FS3005" s="91"/>
      <c r="FT3005" s="91"/>
      <c r="FU3005" s="91"/>
      <c r="FV3005" s="91"/>
      <c r="FW3005" s="91"/>
      <c r="FX3005" s="127"/>
      <c r="FY3005" s="126"/>
      <c r="FZ3005" s="91"/>
      <c r="GA3005" s="91"/>
      <c r="GB3005" s="91"/>
      <c r="GC3005" s="91"/>
      <c r="GD3005" s="91"/>
      <c r="GE3005" s="91"/>
      <c r="GF3005" s="91"/>
      <c r="GG3005" s="91"/>
      <c r="GH3005" s="91"/>
      <c r="GI3005" s="91"/>
      <c r="GJ3005" s="91"/>
      <c r="GK3005" s="127"/>
      <c r="GL3005" s="126"/>
      <c r="GM3005" s="91"/>
      <c r="GN3005" s="91"/>
      <c r="GO3005" s="91"/>
      <c r="GP3005" s="91"/>
      <c r="GQ3005" s="91"/>
      <c r="GR3005" s="91"/>
      <c r="GS3005" s="91"/>
      <c r="GT3005" s="91"/>
      <c r="GU3005" s="91"/>
      <c r="GV3005" s="91"/>
      <c r="GW3005" s="91"/>
      <c r="GX3005" s="127"/>
      <c r="GY3005" s="126"/>
      <c r="GZ3005" s="91"/>
      <c r="HA3005" s="91"/>
      <c r="HB3005" s="91"/>
      <c r="HC3005" s="91"/>
      <c r="HD3005" s="91"/>
      <c r="HE3005" s="91"/>
      <c r="HF3005" s="91"/>
      <c r="HG3005" s="91"/>
      <c r="HH3005" s="91"/>
      <c r="HI3005" s="91"/>
      <c r="HJ3005" s="91"/>
      <c r="HK3005" s="127"/>
      <c r="HL3005" s="126"/>
      <c r="HM3005" s="91"/>
      <c r="HN3005" s="91"/>
      <c r="HO3005" s="91"/>
      <c r="HP3005" s="91"/>
      <c r="HQ3005" s="91"/>
      <c r="HR3005" s="91"/>
      <c r="HS3005" s="91"/>
      <c r="HT3005" s="91"/>
      <c r="HU3005" s="91"/>
      <c r="HV3005" s="91"/>
      <c r="HW3005" s="91"/>
      <c r="HX3005" s="127"/>
      <c r="HY3005" s="126"/>
      <c r="HZ3005" s="91"/>
      <c r="IA3005" s="91"/>
      <c r="IB3005" s="91"/>
      <c r="IC3005" s="91"/>
      <c r="ID3005" s="91"/>
      <c r="IE3005" s="91"/>
      <c r="IF3005" s="91"/>
      <c r="IG3005" s="91"/>
      <c r="IH3005" s="91"/>
      <c r="II3005" s="91"/>
      <c r="IJ3005" s="91"/>
      <c r="IK3005" s="174"/>
    </row>
    <row r="3006" spans="2:245" x14ac:dyDescent="0.2">
      <c r="B3006" s="43"/>
      <c r="C3006" s="73"/>
      <c r="D3006" s="64"/>
      <c r="E3006" s="64"/>
      <c r="F3006" s="55"/>
      <c r="G3006" s="102"/>
      <c r="H3006" s="97"/>
      <c r="T3006" s="98"/>
      <c r="U3006" s="97"/>
      <c r="AG3006" s="98"/>
      <c r="AY3006" s="164"/>
      <c r="BK3006" s="98"/>
      <c r="BL3006" s="97"/>
      <c r="BX3006" s="98"/>
      <c r="CL3006" s="97"/>
      <c r="CX3006" s="98"/>
      <c r="DL3006" s="97"/>
      <c r="DX3006" s="98"/>
      <c r="EL3006" s="97"/>
      <c r="EX3006" s="98"/>
      <c r="EY3006" s="97"/>
      <c r="FL3006" s="126"/>
      <c r="FM3006" s="91"/>
      <c r="FN3006" s="91"/>
      <c r="FO3006" s="91"/>
      <c r="FP3006" s="91"/>
      <c r="FQ3006" s="91"/>
      <c r="FR3006" s="91"/>
      <c r="FS3006" s="91"/>
      <c r="FT3006" s="91"/>
      <c r="FU3006" s="91"/>
      <c r="FV3006" s="91"/>
      <c r="FW3006" s="91"/>
      <c r="FX3006" s="127"/>
      <c r="FY3006" s="126"/>
      <c r="FZ3006" s="91"/>
      <c r="GA3006" s="91"/>
      <c r="GB3006" s="91"/>
      <c r="GC3006" s="91"/>
      <c r="GD3006" s="91"/>
      <c r="GE3006" s="91"/>
      <c r="GF3006" s="91"/>
      <c r="GG3006" s="91"/>
      <c r="GH3006" s="91"/>
      <c r="GI3006" s="91"/>
      <c r="GJ3006" s="91"/>
      <c r="GK3006" s="127"/>
      <c r="GL3006" s="126"/>
      <c r="GM3006" s="91"/>
      <c r="GN3006" s="91"/>
      <c r="GO3006" s="91"/>
      <c r="GP3006" s="91"/>
      <c r="GQ3006" s="91"/>
      <c r="GR3006" s="91"/>
      <c r="GS3006" s="91"/>
      <c r="GT3006" s="91"/>
      <c r="GU3006" s="91"/>
      <c r="GV3006" s="91"/>
      <c r="GW3006" s="91"/>
      <c r="GX3006" s="127"/>
      <c r="GY3006" s="126"/>
      <c r="GZ3006" s="91"/>
      <c r="HA3006" s="91"/>
      <c r="HB3006" s="91"/>
      <c r="HC3006" s="91"/>
      <c r="HD3006" s="91"/>
      <c r="HE3006" s="91"/>
      <c r="HF3006" s="91"/>
      <c r="HG3006" s="91"/>
      <c r="HH3006" s="91"/>
      <c r="HI3006" s="91"/>
      <c r="HJ3006" s="91"/>
      <c r="HK3006" s="127"/>
      <c r="HL3006" s="126"/>
      <c r="HM3006" s="91"/>
      <c r="HN3006" s="91"/>
      <c r="HO3006" s="91"/>
      <c r="HP3006" s="91"/>
      <c r="HQ3006" s="91"/>
      <c r="HR3006" s="91"/>
      <c r="HS3006" s="91"/>
      <c r="HT3006" s="91"/>
      <c r="HU3006" s="91"/>
      <c r="HV3006" s="91"/>
      <c r="HW3006" s="91"/>
      <c r="HX3006" s="127"/>
      <c r="HY3006" s="126"/>
      <c r="HZ3006" s="91"/>
      <c r="IA3006" s="91"/>
      <c r="IB3006" s="91"/>
      <c r="IC3006" s="91"/>
      <c r="ID3006" s="91"/>
      <c r="IE3006" s="91"/>
      <c r="IF3006" s="91"/>
      <c r="IG3006" s="91"/>
      <c r="IH3006" s="91"/>
      <c r="II3006" s="91"/>
      <c r="IJ3006" s="91"/>
      <c r="IK3006" s="174"/>
    </row>
    <row r="3007" spans="2:245" x14ac:dyDescent="0.2">
      <c r="B3007" s="43"/>
      <c r="C3007" s="73"/>
      <c r="D3007" s="64"/>
      <c r="E3007" s="64"/>
      <c r="F3007" s="55"/>
      <c r="G3007" s="102"/>
      <c r="H3007" s="97"/>
      <c r="T3007" s="98"/>
      <c r="U3007" s="97"/>
      <c r="AG3007" s="98"/>
      <c r="AY3007" s="164"/>
      <c r="BK3007" s="98"/>
      <c r="BL3007" s="97"/>
      <c r="BX3007" s="98"/>
      <c r="CL3007" s="97"/>
      <c r="CX3007" s="98"/>
      <c r="DL3007" s="97"/>
      <c r="DX3007" s="98"/>
      <c r="EL3007" s="97"/>
      <c r="EX3007" s="98"/>
      <c r="EY3007" s="97"/>
      <c r="FL3007" s="126"/>
      <c r="FM3007" s="91"/>
      <c r="FN3007" s="91"/>
      <c r="FO3007" s="91"/>
      <c r="FP3007" s="91"/>
      <c r="FQ3007" s="91"/>
      <c r="FR3007" s="91"/>
      <c r="FS3007" s="91"/>
      <c r="FT3007" s="91"/>
      <c r="FU3007" s="91"/>
      <c r="FV3007" s="91"/>
      <c r="FW3007" s="91"/>
      <c r="FX3007" s="127"/>
      <c r="FY3007" s="126"/>
      <c r="FZ3007" s="91"/>
      <c r="GA3007" s="91"/>
      <c r="GB3007" s="91"/>
      <c r="GC3007" s="91"/>
      <c r="GD3007" s="91"/>
      <c r="GE3007" s="91"/>
      <c r="GF3007" s="91"/>
      <c r="GG3007" s="91"/>
      <c r="GH3007" s="91"/>
      <c r="GI3007" s="91"/>
      <c r="GJ3007" s="91"/>
      <c r="GK3007" s="127"/>
      <c r="GL3007" s="126"/>
      <c r="GM3007" s="91"/>
      <c r="GN3007" s="91"/>
      <c r="GO3007" s="91"/>
      <c r="GP3007" s="91"/>
      <c r="GQ3007" s="91"/>
      <c r="GR3007" s="91"/>
      <c r="GS3007" s="91"/>
      <c r="GT3007" s="91"/>
      <c r="GU3007" s="91"/>
      <c r="GV3007" s="91"/>
      <c r="GW3007" s="91"/>
      <c r="GX3007" s="127"/>
      <c r="GY3007" s="126"/>
      <c r="GZ3007" s="91"/>
      <c r="HA3007" s="91"/>
      <c r="HB3007" s="91"/>
      <c r="HC3007" s="91"/>
      <c r="HD3007" s="91"/>
      <c r="HE3007" s="91"/>
      <c r="HF3007" s="91"/>
      <c r="HG3007" s="91"/>
      <c r="HH3007" s="91"/>
      <c r="HI3007" s="91"/>
      <c r="HJ3007" s="91"/>
      <c r="HK3007" s="127"/>
      <c r="HL3007" s="126"/>
      <c r="HM3007" s="91"/>
      <c r="HN3007" s="91"/>
      <c r="HO3007" s="91"/>
      <c r="HP3007" s="91"/>
      <c r="HQ3007" s="91"/>
      <c r="HR3007" s="91"/>
      <c r="HS3007" s="91"/>
      <c r="HT3007" s="91"/>
      <c r="HU3007" s="91"/>
      <c r="HV3007" s="91"/>
      <c r="HW3007" s="91"/>
      <c r="HX3007" s="127"/>
      <c r="HY3007" s="126"/>
      <c r="HZ3007" s="91"/>
      <c r="IA3007" s="91"/>
      <c r="IB3007" s="91"/>
      <c r="IC3007" s="91"/>
      <c r="ID3007" s="91"/>
      <c r="IE3007" s="91"/>
      <c r="IF3007" s="91"/>
      <c r="IG3007" s="91"/>
      <c r="IH3007" s="91"/>
      <c r="II3007" s="91"/>
      <c r="IJ3007" s="91"/>
      <c r="IK3007" s="174"/>
    </row>
    <row r="3008" spans="2:245" x14ac:dyDescent="0.2">
      <c r="B3008" s="43"/>
      <c r="C3008" s="73"/>
      <c r="D3008" s="64"/>
      <c r="E3008" s="64"/>
      <c r="F3008" s="55"/>
      <c r="G3008" s="102"/>
      <c r="H3008" s="97"/>
      <c r="T3008" s="98"/>
      <c r="U3008" s="97"/>
      <c r="AG3008" s="98"/>
      <c r="AY3008" s="164"/>
      <c r="BK3008" s="98"/>
      <c r="BL3008" s="97"/>
      <c r="BX3008" s="98"/>
      <c r="CL3008" s="97"/>
      <c r="CX3008" s="98"/>
      <c r="DL3008" s="97"/>
      <c r="DX3008" s="98"/>
      <c r="EL3008" s="97"/>
      <c r="EX3008" s="98"/>
      <c r="EY3008" s="97"/>
      <c r="FL3008" s="126"/>
      <c r="FM3008" s="91"/>
      <c r="FN3008" s="91"/>
      <c r="FO3008" s="91"/>
      <c r="FP3008" s="91"/>
      <c r="FQ3008" s="91"/>
      <c r="FR3008" s="91"/>
      <c r="FS3008" s="91"/>
      <c r="FT3008" s="91"/>
      <c r="FU3008" s="91"/>
      <c r="FV3008" s="91"/>
      <c r="FW3008" s="91"/>
      <c r="FX3008" s="127"/>
      <c r="FY3008" s="126"/>
      <c r="FZ3008" s="91"/>
      <c r="GA3008" s="91"/>
      <c r="GB3008" s="91"/>
      <c r="GC3008" s="91"/>
      <c r="GD3008" s="91"/>
      <c r="GE3008" s="91"/>
      <c r="GF3008" s="91"/>
      <c r="GG3008" s="91"/>
      <c r="GH3008" s="91"/>
      <c r="GI3008" s="91"/>
      <c r="GJ3008" s="91"/>
      <c r="GK3008" s="127"/>
      <c r="GL3008" s="126"/>
      <c r="GM3008" s="91"/>
      <c r="GN3008" s="91"/>
      <c r="GO3008" s="91"/>
      <c r="GP3008" s="91"/>
      <c r="GQ3008" s="91"/>
      <c r="GR3008" s="91"/>
      <c r="GS3008" s="91"/>
      <c r="GT3008" s="91"/>
      <c r="GU3008" s="91"/>
      <c r="GV3008" s="91"/>
      <c r="GW3008" s="91"/>
      <c r="GX3008" s="127"/>
      <c r="GY3008" s="126"/>
      <c r="GZ3008" s="91"/>
      <c r="HA3008" s="91"/>
      <c r="HB3008" s="91"/>
      <c r="HC3008" s="91"/>
      <c r="HD3008" s="91"/>
      <c r="HE3008" s="91"/>
      <c r="HF3008" s="91"/>
      <c r="HG3008" s="91"/>
      <c r="HH3008" s="91"/>
      <c r="HI3008" s="91"/>
      <c r="HJ3008" s="91"/>
      <c r="HK3008" s="127"/>
      <c r="HL3008" s="126"/>
      <c r="HM3008" s="91"/>
      <c r="HN3008" s="91"/>
      <c r="HO3008" s="91"/>
      <c r="HP3008" s="91"/>
      <c r="HQ3008" s="91"/>
      <c r="HR3008" s="91"/>
      <c r="HS3008" s="91"/>
      <c r="HT3008" s="91"/>
      <c r="HU3008" s="91"/>
      <c r="HV3008" s="91"/>
      <c r="HW3008" s="91"/>
      <c r="HX3008" s="127"/>
      <c r="HY3008" s="126"/>
      <c r="HZ3008" s="91"/>
      <c r="IA3008" s="91"/>
      <c r="IB3008" s="91"/>
      <c r="IC3008" s="91"/>
      <c r="ID3008" s="91"/>
      <c r="IE3008" s="91"/>
      <c r="IF3008" s="91"/>
      <c r="IG3008" s="91"/>
      <c r="IH3008" s="91"/>
      <c r="II3008" s="91"/>
      <c r="IJ3008" s="91"/>
      <c r="IK3008" s="174"/>
    </row>
    <row r="3009" spans="2:245" x14ac:dyDescent="0.2">
      <c r="B3009" s="43"/>
      <c r="C3009" s="73"/>
      <c r="D3009" s="64"/>
      <c r="E3009" s="64"/>
      <c r="F3009" s="55"/>
      <c r="G3009" s="102"/>
      <c r="H3009" s="97"/>
      <c r="T3009" s="98"/>
      <c r="U3009" s="97"/>
      <c r="AG3009" s="98"/>
      <c r="AY3009" s="164"/>
      <c r="BK3009" s="98"/>
      <c r="BL3009" s="97"/>
      <c r="BX3009" s="98"/>
      <c r="CL3009" s="97"/>
      <c r="CX3009" s="98"/>
      <c r="DL3009" s="97"/>
      <c r="DX3009" s="98"/>
      <c r="EL3009" s="97"/>
      <c r="EX3009" s="98"/>
      <c r="EY3009" s="97"/>
      <c r="FL3009" s="126"/>
      <c r="FM3009" s="91"/>
      <c r="FN3009" s="91"/>
      <c r="FO3009" s="91"/>
      <c r="FP3009" s="91"/>
      <c r="FQ3009" s="91"/>
      <c r="FR3009" s="91"/>
      <c r="FS3009" s="91"/>
      <c r="FT3009" s="91"/>
      <c r="FU3009" s="91"/>
      <c r="FV3009" s="91"/>
      <c r="FW3009" s="91"/>
      <c r="FX3009" s="127"/>
      <c r="FY3009" s="126"/>
      <c r="FZ3009" s="91"/>
      <c r="GA3009" s="91"/>
      <c r="GB3009" s="91"/>
      <c r="GC3009" s="91"/>
      <c r="GD3009" s="91"/>
      <c r="GE3009" s="91"/>
      <c r="GF3009" s="91"/>
      <c r="GG3009" s="91"/>
      <c r="GH3009" s="91"/>
      <c r="GI3009" s="91"/>
      <c r="GJ3009" s="91"/>
      <c r="GK3009" s="127"/>
      <c r="GL3009" s="126"/>
      <c r="GM3009" s="91"/>
      <c r="GN3009" s="91"/>
      <c r="GO3009" s="91"/>
      <c r="GP3009" s="91"/>
      <c r="GQ3009" s="91"/>
      <c r="GR3009" s="91"/>
      <c r="GS3009" s="91"/>
      <c r="GT3009" s="91"/>
      <c r="GU3009" s="91"/>
      <c r="GV3009" s="91"/>
      <c r="GW3009" s="91"/>
      <c r="GX3009" s="127"/>
      <c r="GY3009" s="126"/>
      <c r="GZ3009" s="91"/>
      <c r="HA3009" s="91"/>
      <c r="HB3009" s="91"/>
      <c r="HC3009" s="91"/>
      <c r="HD3009" s="91"/>
      <c r="HE3009" s="91"/>
      <c r="HF3009" s="91"/>
      <c r="HG3009" s="91"/>
      <c r="HH3009" s="91"/>
      <c r="HI3009" s="91"/>
      <c r="HJ3009" s="91"/>
      <c r="HK3009" s="127"/>
      <c r="HL3009" s="126"/>
      <c r="HM3009" s="91"/>
      <c r="HN3009" s="91"/>
      <c r="HO3009" s="91"/>
      <c r="HP3009" s="91"/>
      <c r="HQ3009" s="91"/>
      <c r="HR3009" s="91"/>
      <c r="HS3009" s="91"/>
      <c r="HT3009" s="91"/>
      <c r="HU3009" s="91"/>
      <c r="HV3009" s="91"/>
      <c r="HW3009" s="91"/>
      <c r="HX3009" s="127"/>
      <c r="HY3009" s="126"/>
      <c r="HZ3009" s="91"/>
      <c r="IA3009" s="91"/>
      <c r="IB3009" s="91"/>
      <c r="IC3009" s="91"/>
      <c r="ID3009" s="91"/>
      <c r="IE3009" s="91"/>
      <c r="IF3009" s="91"/>
      <c r="IG3009" s="91"/>
      <c r="IH3009" s="91"/>
      <c r="II3009" s="91"/>
      <c r="IJ3009" s="91"/>
      <c r="IK3009" s="174"/>
    </row>
    <row r="3010" spans="2:245" x14ac:dyDescent="0.2">
      <c r="B3010" s="43"/>
      <c r="C3010" s="73"/>
      <c r="D3010" s="64"/>
      <c r="E3010" s="64"/>
      <c r="F3010" s="55"/>
      <c r="G3010" s="102"/>
      <c r="H3010" s="97"/>
      <c r="T3010" s="98"/>
      <c r="U3010" s="97"/>
      <c r="AG3010" s="98"/>
      <c r="AY3010" s="164"/>
      <c r="BK3010" s="98"/>
      <c r="BL3010" s="97"/>
      <c r="BX3010" s="98"/>
      <c r="CL3010" s="97"/>
      <c r="CX3010" s="98"/>
      <c r="DL3010" s="97"/>
      <c r="DX3010" s="98"/>
      <c r="EL3010" s="97"/>
      <c r="EX3010" s="98"/>
      <c r="EY3010" s="97"/>
      <c r="FL3010" s="126"/>
      <c r="FM3010" s="91"/>
      <c r="FN3010" s="91"/>
      <c r="FO3010" s="91"/>
      <c r="FP3010" s="91"/>
      <c r="FQ3010" s="91"/>
      <c r="FR3010" s="91"/>
      <c r="FS3010" s="91"/>
      <c r="FT3010" s="91"/>
      <c r="FU3010" s="91"/>
      <c r="FV3010" s="91"/>
      <c r="FW3010" s="91"/>
      <c r="FX3010" s="127"/>
      <c r="FY3010" s="126"/>
      <c r="FZ3010" s="91"/>
      <c r="GA3010" s="91"/>
      <c r="GB3010" s="91"/>
      <c r="GC3010" s="91"/>
      <c r="GD3010" s="91"/>
      <c r="GE3010" s="91"/>
      <c r="GF3010" s="91"/>
      <c r="GG3010" s="91"/>
      <c r="GH3010" s="91"/>
      <c r="GI3010" s="91"/>
      <c r="GJ3010" s="91"/>
      <c r="GK3010" s="127"/>
      <c r="GL3010" s="126"/>
      <c r="GM3010" s="91"/>
      <c r="GN3010" s="91"/>
      <c r="GO3010" s="91"/>
      <c r="GP3010" s="91"/>
      <c r="GQ3010" s="91"/>
      <c r="GR3010" s="91"/>
      <c r="GS3010" s="91"/>
      <c r="GT3010" s="91"/>
      <c r="GU3010" s="91"/>
      <c r="GV3010" s="91"/>
      <c r="GW3010" s="91"/>
      <c r="GX3010" s="127"/>
      <c r="GY3010" s="126"/>
      <c r="GZ3010" s="91"/>
      <c r="HA3010" s="91"/>
      <c r="HB3010" s="91"/>
      <c r="HC3010" s="91"/>
      <c r="HD3010" s="91"/>
      <c r="HE3010" s="91"/>
      <c r="HF3010" s="91"/>
      <c r="HG3010" s="91"/>
      <c r="HH3010" s="91"/>
      <c r="HI3010" s="91"/>
      <c r="HJ3010" s="91"/>
      <c r="HK3010" s="127"/>
      <c r="HL3010" s="126"/>
      <c r="HM3010" s="91"/>
      <c r="HN3010" s="91"/>
      <c r="HO3010" s="91"/>
      <c r="HP3010" s="91"/>
      <c r="HQ3010" s="91"/>
      <c r="HR3010" s="91"/>
      <c r="HS3010" s="91"/>
      <c r="HT3010" s="91"/>
      <c r="HU3010" s="91"/>
      <c r="HV3010" s="91"/>
      <c r="HW3010" s="91"/>
      <c r="HX3010" s="127"/>
      <c r="HY3010" s="126"/>
      <c r="HZ3010" s="91"/>
      <c r="IA3010" s="91"/>
      <c r="IB3010" s="91"/>
      <c r="IC3010" s="91"/>
      <c r="ID3010" s="91"/>
      <c r="IE3010" s="91"/>
      <c r="IF3010" s="91"/>
      <c r="IG3010" s="91"/>
      <c r="IH3010" s="91"/>
      <c r="II3010" s="91"/>
      <c r="IJ3010" s="91"/>
      <c r="IK3010" s="174"/>
    </row>
    <row r="3011" spans="2:245" x14ac:dyDescent="0.2">
      <c r="B3011" s="43"/>
      <c r="C3011" s="73"/>
      <c r="D3011" s="64"/>
      <c r="E3011" s="64"/>
      <c r="F3011" s="55"/>
      <c r="G3011" s="102"/>
      <c r="H3011" s="97"/>
      <c r="T3011" s="98"/>
      <c r="U3011" s="97"/>
      <c r="AG3011" s="98"/>
      <c r="AY3011" s="164"/>
      <c r="BK3011" s="98"/>
      <c r="BL3011" s="97"/>
      <c r="BX3011" s="98"/>
      <c r="CL3011" s="97"/>
      <c r="CX3011" s="98"/>
      <c r="DL3011" s="97"/>
      <c r="DX3011" s="98"/>
      <c r="EL3011" s="97"/>
      <c r="EX3011" s="98"/>
      <c r="EY3011" s="97"/>
      <c r="FL3011" s="126"/>
      <c r="FM3011" s="91"/>
      <c r="FN3011" s="91"/>
      <c r="FO3011" s="91"/>
      <c r="FP3011" s="91"/>
      <c r="FQ3011" s="91"/>
      <c r="FR3011" s="91"/>
      <c r="FS3011" s="91"/>
      <c r="FT3011" s="91"/>
      <c r="FU3011" s="91"/>
      <c r="FV3011" s="91"/>
      <c r="FW3011" s="91"/>
      <c r="FX3011" s="127"/>
      <c r="FY3011" s="126"/>
      <c r="FZ3011" s="91"/>
      <c r="GA3011" s="91"/>
      <c r="GB3011" s="91"/>
      <c r="GC3011" s="91"/>
      <c r="GD3011" s="91"/>
      <c r="GE3011" s="91"/>
      <c r="GF3011" s="91"/>
      <c r="GG3011" s="91"/>
      <c r="GH3011" s="91"/>
      <c r="GI3011" s="91"/>
      <c r="GJ3011" s="91"/>
      <c r="GK3011" s="127"/>
      <c r="GL3011" s="126"/>
      <c r="GM3011" s="91"/>
      <c r="GN3011" s="91"/>
      <c r="GO3011" s="91"/>
      <c r="GP3011" s="91"/>
      <c r="GQ3011" s="91"/>
      <c r="GR3011" s="91"/>
      <c r="GS3011" s="91"/>
      <c r="GT3011" s="91"/>
      <c r="GU3011" s="91"/>
      <c r="GV3011" s="91"/>
      <c r="GW3011" s="91"/>
      <c r="GX3011" s="127"/>
      <c r="GY3011" s="126"/>
      <c r="GZ3011" s="91"/>
      <c r="HA3011" s="91"/>
      <c r="HB3011" s="91"/>
      <c r="HC3011" s="91"/>
      <c r="HD3011" s="91"/>
      <c r="HE3011" s="91"/>
      <c r="HF3011" s="91"/>
      <c r="HG3011" s="91"/>
      <c r="HH3011" s="91"/>
      <c r="HI3011" s="91"/>
      <c r="HJ3011" s="91"/>
      <c r="HK3011" s="127"/>
      <c r="HL3011" s="126"/>
      <c r="HM3011" s="91"/>
      <c r="HN3011" s="91"/>
      <c r="HO3011" s="91"/>
      <c r="HP3011" s="91"/>
      <c r="HQ3011" s="91"/>
      <c r="HR3011" s="91"/>
      <c r="HS3011" s="91"/>
      <c r="HT3011" s="91"/>
      <c r="HU3011" s="91"/>
      <c r="HV3011" s="91"/>
      <c r="HW3011" s="91"/>
      <c r="HX3011" s="127"/>
      <c r="HY3011" s="126"/>
      <c r="HZ3011" s="91"/>
      <c r="IA3011" s="91"/>
      <c r="IB3011" s="91"/>
      <c r="IC3011" s="91"/>
      <c r="ID3011" s="91"/>
      <c r="IE3011" s="91"/>
      <c r="IF3011" s="91"/>
      <c r="IG3011" s="91"/>
      <c r="IH3011" s="91"/>
      <c r="II3011" s="91"/>
      <c r="IJ3011" s="91"/>
      <c r="IK3011" s="174"/>
    </row>
    <row r="3012" spans="2:245" x14ac:dyDescent="0.2">
      <c r="B3012" s="43"/>
      <c r="C3012" s="73"/>
      <c r="D3012" s="64"/>
      <c r="E3012" s="64"/>
      <c r="F3012" s="55"/>
      <c r="G3012" s="102"/>
      <c r="H3012" s="97"/>
      <c r="T3012" s="98"/>
      <c r="U3012" s="97"/>
      <c r="AG3012" s="98"/>
      <c r="AY3012" s="164"/>
      <c r="BK3012" s="98"/>
      <c r="BL3012" s="97"/>
      <c r="BX3012" s="98"/>
      <c r="CL3012" s="97"/>
      <c r="CX3012" s="98"/>
      <c r="DL3012" s="97"/>
      <c r="DX3012" s="98"/>
      <c r="EL3012" s="97"/>
      <c r="EX3012" s="98"/>
      <c r="EY3012" s="97"/>
      <c r="FL3012" s="126"/>
      <c r="FM3012" s="91"/>
      <c r="FN3012" s="91"/>
      <c r="FO3012" s="91"/>
      <c r="FP3012" s="91"/>
      <c r="FQ3012" s="91"/>
      <c r="FR3012" s="91"/>
      <c r="FS3012" s="91"/>
      <c r="FT3012" s="91"/>
      <c r="FU3012" s="91"/>
      <c r="FV3012" s="91"/>
      <c r="FW3012" s="91"/>
      <c r="FX3012" s="127"/>
      <c r="FY3012" s="126"/>
      <c r="FZ3012" s="91"/>
      <c r="GA3012" s="91"/>
      <c r="GB3012" s="91"/>
      <c r="GC3012" s="91"/>
      <c r="GD3012" s="91"/>
      <c r="GE3012" s="91"/>
      <c r="GF3012" s="91"/>
      <c r="GG3012" s="91"/>
      <c r="GH3012" s="91"/>
      <c r="GI3012" s="91"/>
      <c r="GJ3012" s="91"/>
      <c r="GK3012" s="127"/>
      <c r="GL3012" s="126"/>
      <c r="GM3012" s="91"/>
      <c r="GN3012" s="91"/>
      <c r="GO3012" s="91"/>
      <c r="GP3012" s="91"/>
      <c r="GQ3012" s="91"/>
      <c r="GR3012" s="91"/>
      <c r="GS3012" s="91"/>
      <c r="GT3012" s="91"/>
      <c r="GU3012" s="91"/>
      <c r="GV3012" s="91"/>
      <c r="GW3012" s="91"/>
      <c r="GX3012" s="127"/>
      <c r="GY3012" s="126"/>
      <c r="GZ3012" s="91"/>
      <c r="HA3012" s="91"/>
      <c r="HB3012" s="91"/>
      <c r="HC3012" s="91"/>
      <c r="HD3012" s="91"/>
      <c r="HE3012" s="91"/>
      <c r="HF3012" s="91"/>
      <c r="HG3012" s="91"/>
      <c r="HH3012" s="91"/>
      <c r="HI3012" s="91"/>
      <c r="HJ3012" s="91"/>
      <c r="HK3012" s="127"/>
      <c r="HL3012" s="126"/>
      <c r="HM3012" s="91"/>
      <c r="HN3012" s="91"/>
      <c r="HO3012" s="91"/>
      <c r="HP3012" s="91"/>
      <c r="HQ3012" s="91"/>
      <c r="HR3012" s="91"/>
      <c r="HS3012" s="91"/>
      <c r="HT3012" s="91"/>
      <c r="HU3012" s="91"/>
      <c r="HV3012" s="91"/>
      <c r="HW3012" s="91"/>
      <c r="HX3012" s="127"/>
      <c r="HY3012" s="126"/>
      <c r="HZ3012" s="91"/>
      <c r="IA3012" s="91"/>
      <c r="IB3012" s="91"/>
      <c r="IC3012" s="91"/>
      <c r="ID3012" s="91"/>
      <c r="IE3012" s="91"/>
      <c r="IF3012" s="91"/>
      <c r="IG3012" s="91"/>
      <c r="IH3012" s="91"/>
      <c r="II3012" s="91"/>
      <c r="IJ3012" s="91"/>
      <c r="IK3012" s="174"/>
    </row>
    <row r="3013" spans="2:245" x14ac:dyDescent="0.2">
      <c r="B3013" s="43"/>
      <c r="C3013" s="73"/>
      <c r="D3013" s="64"/>
      <c r="E3013" s="64"/>
      <c r="F3013" s="55"/>
      <c r="G3013" s="102"/>
      <c r="H3013" s="97"/>
      <c r="T3013" s="98"/>
      <c r="U3013" s="97"/>
      <c r="AG3013" s="98"/>
      <c r="AY3013" s="164"/>
      <c r="BK3013" s="98"/>
      <c r="BL3013" s="97"/>
      <c r="BX3013" s="98"/>
      <c r="CL3013" s="97"/>
      <c r="CX3013" s="98"/>
      <c r="DL3013" s="97"/>
      <c r="DX3013" s="98"/>
      <c r="EL3013" s="97"/>
      <c r="EX3013" s="98"/>
      <c r="EY3013" s="97"/>
      <c r="FL3013" s="126"/>
      <c r="FM3013" s="91"/>
      <c r="FN3013" s="91"/>
      <c r="FO3013" s="91"/>
      <c r="FP3013" s="91"/>
      <c r="FQ3013" s="91"/>
      <c r="FR3013" s="91"/>
      <c r="FS3013" s="91"/>
      <c r="FT3013" s="91"/>
      <c r="FU3013" s="91"/>
      <c r="FV3013" s="91"/>
      <c r="FW3013" s="91"/>
      <c r="FX3013" s="127"/>
      <c r="FY3013" s="126"/>
      <c r="FZ3013" s="91"/>
      <c r="GA3013" s="91"/>
      <c r="GB3013" s="91"/>
      <c r="GC3013" s="91"/>
      <c r="GD3013" s="91"/>
      <c r="GE3013" s="91"/>
      <c r="GF3013" s="91"/>
      <c r="GG3013" s="91"/>
      <c r="GH3013" s="91"/>
      <c r="GI3013" s="91"/>
      <c r="GJ3013" s="91"/>
      <c r="GK3013" s="127"/>
      <c r="GL3013" s="126"/>
      <c r="GM3013" s="91"/>
      <c r="GN3013" s="91"/>
      <c r="GO3013" s="91"/>
      <c r="GP3013" s="91"/>
      <c r="GQ3013" s="91"/>
      <c r="GR3013" s="91"/>
      <c r="GS3013" s="91"/>
      <c r="GT3013" s="91"/>
      <c r="GU3013" s="91"/>
      <c r="GV3013" s="91"/>
      <c r="GW3013" s="91"/>
      <c r="GX3013" s="127"/>
      <c r="GY3013" s="126"/>
      <c r="GZ3013" s="91"/>
      <c r="HA3013" s="91"/>
      <c r="HB3013" s="91"/>
      <c r="HC3013" s="91"/>
      <c r="HD3013" s="91"/>
      <c r="HE3013" s="91"/>
      <c r="HF3013" s="91"/>
      <c r="HG3013" s="91"/>
      <c r="HH3013" s="91"/>
      <c r="HI3013" s="91"/>
      <c r="HJ3013" s="91"/>
      <c r="HK3013" s="127"/>
      <c r="HL3013" s="126"/>
      <c r="HM3013" s="91"/>
      <c r="HN3013" s="91"/>
      <c r="HO3013" s="91"/>
      <c r="HP3013" s="91"/>
      <c r="HQ3013" s="91"/>
      <c r="HR3013" s="91"/>
      <c r="HS3013" s="91"/>
      <c r="HT3013" s="91"/>
      <c r="HU3013" s="91"/>
      <c r="HV3013" s="91"/>
      <c r="HW3013" s="91"/>
      <c r="HX3013" s="127"/>
      <c r="HY3013" s="126"/>
      <c r="HZ3013" s="91"/>
      <c r="IA3013" s="91"/>
      <c r="IB3013" s="91"/>
      <c r="IC3013" s="91"/>
      <c r="ID3013" s="91"/>
      <c r="IE3013" s="91"/>
      <c r="IF3013" s="91"/>
      <c r="IG3013" s="91"/>
      <c r="IH3013" s="91"/>
      <c r="II3013" s="91"/>
      <c r="IJ3013" s="91"/>
      <c r="IK3013" s="174"/>
    </row>
    <row r="3014" spans="2:245" x14ac:dyDescent="0.2">
      <c r="B3014" s="43"/>
      <c r="C3014" s="73"/>
      <c r="D3014" s="64"/>
      <c r="E3014" s="64"/>
      <c r="F3014" s="55"/>
      <c r="G3014" s="102"/>
      <c r="H3014" s="97"/>
      <c r="T3014" s="98"/>
      <c r="U3014" s="97"/>
      <c r="AG3014" s="98"/>
      <c r="AY3014" s="164"/>
      <c r="BK3014" s="98"/>
      <c r="BL3014" s="97"/>
      <c r="BX3014" s="98"/>
      <c r="CL3014" s="97"/>
      <c r="CX3014" s="98"/>
      <c r="DL3014" s="97"/>
      <c r="DX3014" s="98"/>
      <c r="EL3014" s="97"/>
      <c r="EX3014" s="98"/>
      <c r="EY3014" s="97"/>
      <c r="FL3014" s="126"/>
      <c r="FM3014" s="91"/>
      <c r="FN3014" s="91"/>
      <c r="FO3014" s="91"/>
      <c r="FP3014" s="91"/>
      <c r="FQ3014" s="91"/>
      <c r="FR3014" s="91"/>
      <c r="FS3014" s="91"/>
      <c r="FT3014" s="91"/>
      <c r="FU3014" s="91"/>
      <c r="FV3014" s="91"/>
      <c r="FW3014" s="91"/>
      <c r="FX3014" s="127"/>
      <c r="FY3014" s="126"/>
      <c r="FZ3014" s="91"/>
      <c r="GA3014" s="91"/>
      <c r="GB3014" s="91"/>
      <c r="GC3014" s="91"/>
      <c r="GD3014" s="91"/>
      <c r="GE3014" s="91"/>
      <c r="GF3014" s="91"/>
      <c r="GG3014" s="91"/>
      <c r="GH3014" s="91"/>
      <c r="GI3014" s="91"/>
      <c r="GJ3014" s="91"/>
      <c r="GK3014" s="127"/>
      <c r="GL3014" s="126"/>
      <c r="GM3014" s="91"/>
      <c r="GN3014" s="91"/>
      <c r="GO3014" s="91"/>
      <c r="GP3014" s="91"/>
      <c r="GQ3014" s="91"/>
      <c r="GR3014" s="91"/>
      <c r="GS3014" s="91"/>
      <c r="GT3014" s="91"/>
      <c r="GU3014" s="91"/>
      <c r="GV3014" s="91"/>
      <c r="GW3014" s="91"/>
      <c r="GX3014" s="127"/>
      <c r="GY3014" s="126"/>
      <c r="GZ3014" s="91"/>
      <c r="HA3014" s="91"/>
      <c r="HB3014" s="91"/>
      <c r="HC3014" s="91"/>
      <c r="HD3014" s="91"/>
      <c r="HE3014" s="91"/>
      <c r="HF3014" s="91"/>
      <c r="HG3014" s="91"/>
      <c r="HH3014" s="91"/>
      <c r="HI3014" s="91"/>
      <c r="HJ3014" s="91"/>
      <c r="HK3014" s="127"/>
      <c r="HL3014" s="126"/>
      <c r="HM3014" s="91"/>
      <c r="HN3014" s="91"/>
      <c r="HO3014" s="91"/>
      <c r="HP3014" s="91"/>
      <c r="HQ3014" s="91"/>
      <c r="HR3014" s="91"/>
      <c r="HS3014" s="91"/>
      <c r="HT3014" s="91"/>
      <c r="HU3014" s="91"/>
      <c r="HV3014" s="91"/>
      <c r="HW3014" s="91"/>
      <c r="HX3014" s="127"/>
      <c r="HY3014" s="126"/>
      <c r="HZ3014" s="91"/>
      <c r="IA3014" s="91"/>
      <c r="IB3014" s="91"/>
      <c r="IC3014" s="91"/>
      <c r="ID3014" s="91"/>
      <c r="IE3014" s="91"/>
      <c r="IF3014" s="91"/>
      <c r="IG3014" s="91"/>
      <c r="IH3014" s="91"/>
      <c r="II3014" s="91"/>
      <c r="IJ3014" s="91"/>
      <c r="IK3014" s="174"/>
    </row>
    <row r="3015" spans="2:245" x14ac:dyDescent="0.2">
      <c r="B3015" s="43"/>
      <c r="C3015" s="73"/>
      <c r="D3015" s="64"/>
      <c r="E3015" s="64"/>
      <c r="F3015" s="55"/>
      <c r="G3015" s="102"/>
      <c r="H3015" s="97"/>
      <c r="T3015" s="98"/>
      <c r="U3015" s="97"/>
      <c r="AG3015" s="98"/>
      <c r="AY3015" s="164"/>
      <c r="BK3015" s="98"/>
      <c r="BL3015" s="97"/>
      <c r="BX3015" s="98"/>
      <c r="CL3015" s="97"/>
      <c r="CX3015" s="98"/>
      <c r="DL3015" s="97"/>
      <c r="DX3015" s="98"/>
      <c r="EL3015" s="97"/>
      <c r="EX3015" s="98"/>
      <c r="EY3015" s="97"/>
      <c r="FL3015" s="126"/>
      <c r="FM3015" s="91"/>
      <c r="FN3015" s="91"/>
      <c r="FO3015" s="91"/>
      <c r="FP3015" s="91"/>
      <c r="FQ3015" s="91"/>
      <c r="FR3015" s="91"/>
      <c r="FS3015" s="91"/>
      <c r="FT3015" s="91"/>
      <c r="FU3015" s="91"/>
      <c r="FV3015" s="91"/>
      <c r="FW3015" s="91"/>
      <c r="FX3015" s="127"/>
      <c r="FY3015" s="126"/>
      <c r="FZ3015" s="91"/>
      <c r="GA3015" s="91"/>
      <c r="GB3015" s="91"/>
      <c r="GC3015" s="91"/>
      <c r="GD3015" s="91"/>
      <c r="GE3015" s="91"/>
      <c r="GF3015" s="91"/>
      <c r="GG3015" s="91"/>
      <c r="GH3015" s="91"/>
      <c r="GI3015" s="91"/>
      <c r="GJ3015" s="91"/>
      <c r="GK3015" s="127"/>
      <c r="GL3015" s="126"/>
      <c r="GM3015" s="91"/>
      <c r="GN3015" s="91"/>
      <c r="GO3015" s="91"/>
      <c r="GP3015" s="91"/>
      <c r="GQ3015" s="91"/>
      <c r="GR3015" s="91"/>
      <c r="GS3015" s="91"/>
      <c r="GT3015" s="91"/>
      <c r="GU3015" s="91"/>
      <c r="GV3015" s="91"/>
      <c r="GW3015" s="91"/>
      <c r="GX3015" s="127"/>
      <c r="GY3015" s="126"/>
      <c r="GZ3015" s="91"/>
      <c r="HA3015" s="91"/>
      <c r="HB3015" s="91"/>
      <c r="HC3015" s="91"/>
      <c r="HD3015" s="91"/>
      <c r="HE3015" s="91"/>
      <c r="HF3015" s="91"/>
      <c r="HG3015" s="91"/>
      <c r="HH3015" s="91"/>
      <c r="HI3015" s="91"/>
      <c r="HJ3015" s="91"/>
      <c r="HK3015" s="127"/>
      <c r="HL3015" s="126"/>
      <c r="HM3015" s="91"/>
      <c r="HN3015" s="91"/>
      <c r="HO3015" s="91"/>
      <c r="HP3015" s="91"/>
      <c r="HQ3015" s="91"/>
      <c r="HR3015" s="91"/>
      <c r="HS3015" s="91"/>
      <c r="HT3015" s="91"/>
      <c r="HU3015" s="91"/>
      <c r="HV3015" s="91"/>
      <c r="HW3015" s="91"/>
      <c r="HX3015" s="127"/>
      <c r="HY3015" s="126"/>
      <c r="HZ3015" s="91"/>
      <c r="IA3015" s="91"/>
      <c r="IB3015" s="91"/>
      <c r="IC3015" s="91"/>
      <c r="ID3015" s="91"/>
      <c r="IE3015" s="91"/>
      <c r="IF3015" s="91"/>
      <c r="IG3015" s="91"/>
      <c r="IH3015" s="91"/>
      <c r="II3015" s="91"/>
      <c r="IJ3015" s="91"/>
      <c r="IK3015" s="174"/>
    </row>
    <row r="3016" spans="2:245" x14ac:dyDescent="0.2">
      <c r="B3016" s="43"/>
      <c r="C3016" s="73"/>
      <c r="D3016" s="64"/>
      <c r="E3016" s="64"/>
      <c r="F3016" s="55"/>
      <c r="G3016" s="102"/>
      <c r="H3016" s="97"/>
      <c r="T3016" s="98"/>
      <c r="U3016" s="97"/>
      <c r="AG3016" s="98"/>
      <c r="AY3016" s="164"/>
      <c r="BK3016" s="98"/>
      <c r="BL3016" s="97"/>
      <c r="BX3016" s="98"/>
      <c r="CL3016" s="97"/>
      <c r="CX3016" s="98"/>
      <c r="DL3016" s="97"/>
      <c r="DX3016" s="98"/>
      <c r="EL3016" s="97"/>
      <c r="EX3016" s="98"/>
      <c r="EY3016" s="97"/>
      <c r="FL3016" s="126"/>
      <c r="FM3016" s="91"/>
      <c r="FN3016" s="91"/>
      <c r="FO3016" s="91"/>
      <c r="FP3016" s="91"/>
      <c r="FQ3016" s="91"/>
      <c r="FR3016" s="91"/>
      <c r="FS3016" s="91"/>
      <c r="FT3016" s="91"/>
      <c r="FU3016" s="91"/>
      <c r="FV3016" s="91"/>
      <c r="FW3016" s="91"/>
      <c r="FX3016" s="127"/>
      <c r="FY3016" s="126"/>
      <c r="FZ3016" s="91"/>
      <c r="GA3016" s="91"/>
      <c r="GB3016" s="91"/>
      <c r="GC3016" s="91"/>
      <c r="GD3016" s="91"/>
      <c r="GE3016" s="91"/>
      <c r="GF3016" s="91"/>
      <c r="GG3016" s="91"/>
      <c r="GH3016" s="91"/>
      <c r="GI3016" s="91"/>
      <c r="GJ3016" s="91"/>
      <c r="GK3016" s="127"/>
      <c r="GL3016" s="126"/>
      <c r="GM3016" s="91"/>
      <c r="GN3016" s="91"/>
      <c r="GO3016" s="91"/>
      <c r="GP3016" s="91"/>
      <c r="GQ3016" s="91"/>
      <c r="GR3016" s="91"/>
      <c r="GS3016" s="91"/>
      <c r="GT3016" s="91"/>
      <c r="GU3016" s="91"/>
      <c r="GV3016" s="91"/>
      <c r="GW3016" s="91"/>
      <c r="GX3016" s="127"/>
      <c r="GY3016" s="126"/>
      <c r="GZ3016" s="91"/>
      <c r="HA3016" s="91"/>
      <c r="HB3016" s="91"/>
      <c r="HC3016" s="91"/>
      <c r="HD3016" s="91"/>
      <c r="HE3016" s="91"/>
      <c r="HF3016" s="91"/>
      <c r="HG3016" s="91"/>
      <c r="HH3016" s="91"/>
      <c r="HI3016" s="91"/>
      <c r="HJ3016" s="91"/>
      <c r="HK3016" s="127"/>
      <c r="HL3016" s="126"/>
      <c r="HM3016" s="91"/>
      <c r="HN3016" s="91"/>
      <c r="HO3016" s="91"/>
      <c r="HP3016" s="91"/>
      <c r="HQ3016" s="91"/>
      <c r="HR3016" s="91"/>
      <c r="HS3016" s="91"/>
      <c r="HT3016" s="91"/>
      <c r="HU3016" s="91"/>
      <c r="HV3016" s="91"/>
      <c r="HW3016" s="91"/>
      <c r="HX3016" s="127"/>
      <c r="HY3016" s="126"/>
      <c r="HZ3016" s="91"/>
      <c r="IA3016" s="91"/>
      <c r="IB3016" s="91"/>
      <c r="IC3016" s="91"/>
      <c r="ID3016" s="91"/>
      <c r="IE3016" s="91"/>
      <c r="IF3016" s="91"/>
      <c r="IG3016" s="91"/>
      <c r="IH3016" s="91"/>
      <c r="II3016" s="91"/>
      <c r="IJ3016" s="91"/>
      <c r="IK3016" s="174"/>
    </row>
    <row r="3017" spans="2:245" x14ac:dyDescent="0.2">
      <c r="B3017" s="43"/>
      <c r="C3017" s="73"/>
      <c r="D3017" s="64"/>
      <c r="E3017" s="64"/>
      <c r="F3017" s="55"/>
      <c r="G3017" s="102"/>
      <c r="H3017" s="97"/>
      <c r="T3017" s="98"/>
      <c r="U3017" s="97"/>
      <c r="AG3017" s="98"/>
      <c r="AY3017" s="164"/>
      <c r="BK3017" s="98"/>
      <c r="BL3017" s="97"/>
      <c r="BX3017" s="98"/>
      <c r="CL3017" s="97"/>
      <c r="CX3017" s="98"/>
      <c r="DL3017" s="97"/>
      <c r="DX3017" s="98"/>
      <c r="EL3017" s="97"/>
      <c r="EX3017" s="98"/>
      <c r="EY3017" s="97"/>
      <c r="FL3017" s="126"/>
      <c r="FM3017" s="91"/>
      <c r="FN3017" s="91"/>
      <c r="FO3017" s="91"/>
      <c r="FP3017" s="91"/>
      <c r="FQ3017" s="91"/>
      <c r="FR3017" s="91"/>
      <c r="FS3017" s="91"/>
      <c r="FT3017" s="91"/>
      <c r="FU3017" s="91"/>
      <c r="FV3017" s="91"/>
      <c r="FW3017" s="91"/>
      <c r="FX3017" s="127"/>
      <c r="FY3017" s="126"/>
      <c r="FZ3017" s="91"/>
      <c r="GA3017" s="91"/>
      <c r="GB3017" s="91"/>
      <c r="GC3017" s="91"/>
      <c r="GD3017" s="91"/>
      <c r="GE3017" s="91"/>
      <c r="GF3017" s="91"/>
      <c r="GG3017" s="91"/>
      <c r="GH3017" s="91"/>
      <c r="GI3017" s="91"/>
      <c r="GJ3017" s="91"/>
      <c r="GK3017" s="127"/>
      <c r="GL3017" s="126"/>
      <c r="GM3017" s="91"/>
      <c r="GN3017" s="91"/>
      <c r="GO3017" s="91"/>
      <c r="GP3017" s="91"/>
      <c r="GQ3017" s="91"/>
      <c r="GR3017" s="91"/>
      <c r="GS3017" s="91"/>
      <c r="GT3017" s="91"/>
      <c r="GU3017" s="91"/>
      <c r="GV3017" s="91"/>
      <c r="GW3017" s="91"/>
      <c r="GX3017" s="127"/>
      <c r="GY3017" s="126"/>
      <c r="GZ3017" s="91"/>
      <c r="HA3017" s="91"/>
      <c r="HB3017" s="91"/>
      <c r="HC3017" s="91"/>
      <c r="HD3017" s="91"/>
      <c r="HE3017" s="91"/>
      <c r="HF3017" s="91"/>
      <c r="HG3017" s="91"/>
      <c r="HH3017" s="91"/>
      <c r="HI3017" s="91"/>
      <c r="HJ3017" s="91"/>
      <c r="HK3017" s="127"/>
      <c r="HL3017" s="126"/>
      <c r="HM3017" s="91"/>
      <c r="HN3017" s="91"/>
      <c r="HO3017" s="91"/>
      <c r="HP3017" s="91"/>
      <c r="HQ3017" s="91"/>
      <c r="HR3017" s="91"/>
      <c r="HS3017" s="91"/>
      <c r="HT3017" s="91"/>
      <c r="HU3017" s="91"/>
      <c r="HV3017" s="91"/>
      <c r="HW3017" s="91"/>
      <c r="HX3017" s="127"/>
      <c r="HY3017" s="126"/>
      <c r="HZ3017" s="91"/>
      <c r="IA3017" s="91"/>
      <c r="IB3017" s="91"/>
      <c r="IC3017" s="91"/>
      <c r="ID3017" s="91"/>
      <c r="IE3017" s="91"/>
      <c r="IF3017" s="91"/>
      <c r="IG3017" s="91"/>
      <c r="IH3017" s="91"/>
      <c r="II3017" s="91"/>
      <c r="IJ3017" s="91"/>
      <c r="IK3017" s="174"/>
    </row>
    <row r="3018" spans="2:245" x14ac:dyDescent="0.2">
      <c r="B3018" s="43"/>
      <c r="C3018" s="73"/>
      <c r="D3018" s="64"/>
      <c r="E3018" s="64"/>
      <c r="F3018" s="55"/>
      <c r="G3018" s="102"/>
      <c r="H3018" s="97"/>
      <c r="T3018" s="98"/>
      <c r="U3018" s="97"/>
      <c r="AG3018" s="98"/>
      <c r="AY3018" s="164"/>
      <c r="BK3018" s="98"/>
      <c r="BL3018" s="97"/>
      <c r="BX3018" s="98"/>
      <c r="CL3018" s="97"/>
      <c r="CX3018" s="98"/>
      <c r="DL3018" s="97"/>
      <c r="DX3018" s="98"/>
      <c r="EL3018" s="97"/>
      <c r="EX3018" s="98"/>
      <c r="EY3018" s="97"/>
      <c r="FL3018" s="126"/>
      <c r="FM3018" s="91"/>
      <c r="FN3018" s="91"/>
      <c r="FO3018" s="91"/>
      <c r="FP3018" s="91"/>
      <c r="FQ3018" s="91"/>
      <c r="FR3018" s="91"/>
      <c r="FS3018" s="91"/>
      <c r="FT3018" s="91"/>
      <c r="FU3018" s="91"/>
      <c r="FV3018" s="91"/>
      <c r="FW3018" s="91"/>
      <c r="FX3018" s="127"/>
      <c r="FY3018" s="126"/>
      <c r="FZ3018" s="91"/>
      <c r="GA3018" s="91"/>
      <c r="GB3018" s="91"/>
      <c r="GC3018" s="91"/>
      <c r="GD3018" s="91"/>
      <c r="GE3018" s="91"/>
      <c r="GF3018" s="91"/>
      <c r="GG3018" s="91"/>
      <c r="GH3018" s="91"/>
      <c r="GI3018" s="91"/>
      <c r="GJ3018" s="91"/>
      <c r="GK3018" s="127"/>
      <c r="GL3018" s="126"/>
      <c r="GM3018" s="91"/>
      <c r="GN3018" s="91"/>
      <c r="GO3018" s="91"/>
      <c r="GP3018" s="91"/>
      <c r="GQ3018" s="91"/>
      <c r="GR3018" s="91"/>
      <c r="GS3018" s="91"/>
      <c r="GT3018" s="91"/>
      <c r="GU3018" s="91"/>
      <c r="GV3018" s="91"/>
      <c r="GW3018" s="91"/>
      <c r="GX3018" s="127"/>
      <c r="GY3018" s="126"/>
      <c r="GZ3018" s="91"/>
      <c r="HA3018" s="91"/>
      <c r="HB3018" s="91"/>
      <c r="HC3018" s="91"/>
      <c r="HD3018" s="91"/>
      <c r="HE3018" s="91"/>
      <c r="HF3018" s="91"/>
      <c r="HG3018" s="91"/>
      <c r="HH3018" s="91"/>
      <c r="HI3018" s="91"/>
      <c r="HJ3018" s="91"/>
      <c r="HK3018" s="127"/>
      <c r="HL3018" s="126"/>
      <c r="HM3018" s="91"/>
      <c r="HN3018" s="91"/>
      <c r="HO3018" s="91"/>
      <c r="HP3018" s="91"/>
      <c r="HQ3018" s="91"/>
      <c r="HR3018" s="91"/>
      <c r="HS3018" s="91"/>
      <c r="HT3018" s="91"/>
      <c r="HU3018" s="91"/>
      <c r="HV3018" s="91"/>
      <c r="HW3018" s="91"/>
      <c r="HX3018" s="127"/>
      <c r="HY3018" s="126"/>
      <c r="HZ3018" s="91"/>
      <c r="IA3018" s="91"/>
      <c r="IB3018" s="91"/>
      <c r="IC3018" s="91"/>
      <c r="ID3018" s="91"/>
      <c r="IE3018" s="91"/>
      <c r="IF3018" s="91"/>
      <c r="IG3018" s="91"/>
      <c r="IH3018" s="91"/>
      <c r="II3018" s="91"/>
      <c r="IJ3018" s="91"/>
      <c r="IK3018" s="174"/>
    </row>
    <row r="3019" spans="2:245" x14ac:dyDescent="0.2">
      <c r="B3019" s="43"/>
      <c r="C3019" s="73"/>
      <c r="D3019" s="64"/>
      <c r="E3019" s="64"/>
      <c r="F3019" s="55"/>
      <c r="G3019" s="102"/>
      <c r="H3019" s="97"/>
      <c r="T3019" s="98"/>
      <c r="U3019" s="97"/>
      <c r="AG3019" s="98"/>
      <c r="AY3019" s="164"/>
      <c r="BK3019" s="98"/>
      <c r="BL3019" s="97"/>
      <c r="BX3019" s="98"/>
      <c r="CL3019" s="97"/>
      <c r="CX3019" s="98"/>
      <c r="DL3019" s="97"/>
      <c r="DX3019" s="98"/>
      <c r="EL3019" s="97"/>
      <c r="EX3019" s="98"/>
      <c r="EY3019" s="97"/>
      <c r="FL3019" s="126"/>
      <c r="FM3019" s="91"/>
      <c r="FN3019" s="91"/>
      <c r="FO3019" s="91"/>
      <c r="FP3019" s="91"/>
      <c r="FQ3019" s="91"/>
      <c r="FR3019" s="91"/>
      <c r="FS3019" s="91"/>
      <c r="FT3019" s="91"/>
      <c r="FU3019" s="91"/>
      <c r="FV3019" s="91"/>
      <c r="FW3019" s="91"/>
      <c r="FX3019" s="127"/>
      <c r="FY3019" s="126"/>
      <c r="FZ3019" s="91"/>
      <c r="GA3019" s="91"/>
      <c r="GB3019" s="91"/>
      <c r="GC3019" s="91"/>
      <c r="GD3019" s="91"/>
      <c r="GE3019" s="91"/>
      <c r="GF3019" s="91"/>
      <c r="GG3019" s="91"/>
      <c r="GH3019" s="91"/>
      <c r="GI3019" s="91"/>
      <c r="GJ3019" s="91"/>
      <c r="GK3019" s="127"/>
      <c r="GL3019" s="126"/>
      <c r="GM3019" s="91"/>
      <c r="GN3019" s="91"/>
      <c r="GO3019" s="91"/>
      <c r="GP3019" s="91"/>
      <c r="GQ3019" s="91"/>
      <c r="GR3019" s="91"/>
      <c r="GS3019" s="91"/>
      <c r="GT3019" s="91"/>
      <c r="GU3019" s="91"/>
      <c r="GV3019" s="91"/>
      <c r="GW3019" s="91"/>
      <c r="GX3019" s="127"/>
      <c r="GY3019" s="126"/>
      <c r="GZ3019" s="91"/>
      <c r="HA3019" s="91"/>
      <c r="HB3019" s="91"/>
      <c r="HC3019" s="91"/>
      <c r="HD3019" s="91"/>
      <c r="HE3019" s="91"/>
      <c r="HF3019" s="91"/>
      <c r="HG3019" s="91"/>
      <c r="HH3019" s="91"/>
      <c r="HI3019" s="91"/>
      <c r="HJ3019" s="91"/>
      <c r="HK3019" s="127"/>
      <c r="HL3019" s="126"/>
      <c r="HM3019" s="91"/>
      <c r="HN3019" s="91"/>
      <c r="HO3019" s="91"/>
      <c r="HP3019" s="91"/>
      <c r="HQ3019" s="91"/>
      <c r="HR3019" s="91"/>
      <c r="HS3019" s="91"/>
      <c r="HT3019" s="91"/>
      <c r="HU3019" s="91"/>
      <c r="HV3019" s="91"/>
      <c r="HW3019" s="91"/>
      <c r="HX3019" s="127"/>
      <c r="HY3019" s="126"/>
      <c r="HZ3019" s="91"/>
      <c r="IA3019" s="91"/>
      <c r="IB3019" s="91"/>
      <c r="IC3019" s="91"/>
      <c r="ID3019" s="91"/>
      <c r="IE3019" s="91"/>
      <c r="IF3019" s="91"/>
      <c r="IG3019" s="91"/>
      <c r="IH3019" s="91"/>
      <c r="II3019" s="91"/>
      <c r="IJ3019" s="91"/>
      <c r="IK3019" s="174"/>
    </row>
    <row r="3020" spans="2:245" x14ac:dyDescent="0.2">
      <c r="B3020" s="43"/>
      <c r="C3020" s="73"/>
      <c r="D3020" s="64"/>
      <c r="E3020" s="64"/>
      <c r="F3020" s="55"/>
      <c r="G3020" s="102"/>
      <c r="H3020" s="97"/>
      <c r="T3020" s="98"/>
      <c r="U3020" s="97"/>
      <c r="AG3020" s="98"/>
      <c r="AY3020" s="164"/>
      <c r="BK3020" s="98"/>
      <c r="BL3020" s="97"/>
      <c r="BX3020" s="98"/>
      <c r="CL3020" s="97"/>
      <c r="CX3020" s="98"/>
      <c r="DL3020" s="97"/>
      <c r="DX3020" s="98"/>
      <c r="EL3020" s="97"/>
      <c r="EX3020" s="98"/>
      <c r="EY3020" s="97"/>
      <c r="FL3020" s="126"/>
      <c r="FM3020" s="91"/>
      <c r="FN3020" s="91"/>
      <c r="FO3020" s="91"/>
      <c r="FP3020" s="91"/>
      <c r="FQ3020" s="91"/>
      <c r="FR3020" s="91"/>
      <c r="FS3020" s="91"/>
      <c r="FT3020" s="91"/>
      <c r="FU3020" s="91"/>
      <c r="FV3020" s="91"/>
      <c r="FW3020" s="91"/>
      <c r="FX3020" s="127"/>
      <c r="FY3020" s="126"/>
      <c r="FZ3020" s="91"/>
      <c r="GA3020" s="91"/>
      <c r="GB3020" s="91"/>
      <c r="GC3020" s="91"/>
      <c r="GD3020" s="91"/>
      <c r="GE3020" s="91"/>
      <c r="GF3020" s="91"/>
      <c r="GG3020" s="91"/>
      <c r="GH3020" s="91"/>
      <c r="GI3020" s="91"/>
      <c r="GJ3020" s="91"/>
      <c r="GK3020" s="127"/>
      <c r="GL3020" s="126"/>
      <c r="GM3020" s="91"/>
      <c r="GN3020" s="91"/>
      <c r="GO3020" s="91"/>
      <c r="GP3020" s="91"/>
      <c r="GQ3020" s="91"/>
      <c r="GR3020" s="91"/>
      <c r="GS3020" s="91"/>
      <c r="GT3020" s="91"/>
      <c r="GU3020" s="91"/>
      <c r="GV3020" s="91"/>
      <c r="GW3020" s="91"/>
      <c r="GX3020" s="127"/>
      <c r="GY3020" s="126"/>
      <c r="GZ3020" s="91"/>
      <c r="HA3020" s="91"/>
      <c r="HB3020" s="91"/>
      <c r="HC3020" s="91"/>
      <c r="HD3020" s="91"/>
      <c r="HE3020" s="91"/>
      <c r="HF3020" s="91"/>
      <c r="HG3020" s="91"/>
      <c r="HH3020" s="91"/>
      <c r="HI3020" s="91"/>
      <c r="HJ3020" s="91"/>
      <c r="HK3020" s="127"/>
      <c r="HL3020" s="126"/>
      <c r="HM3020" s="91"/>
      <c r="HN3020" s="91"/>
      <c r="HO3020" s="91"/>
      <c r="HP3020" s="91"/>
      <c r="HQ3020" s="91"/>
      <c r="HR3020" s="91"/>
      <c r="HS3020" s="91"/>
      <c r="HT3020" s="91"/>
      <c r="HU3020" s="91"/>
      <c r="HV3020" s="91"/>
      <c r="HW3020" s="91"/>
      <c r="HX3020" s="127"/>
      <c r="HY3020" s="126"/>
      <c r="HZ3020" s="91"/>
      <c r="IA3020" s="91"/>
      <c r="IB3020" s="91"/>
      <c r="IC3020" s="91"/>
      <c r="ID3020" s="91"/>
      <c r="IE3020" s="91"/>
      <c r="IF3020" s="91"/>
      <c r="IG3020" s="91"/>
      <c r="IH3020" s="91"/>
      <c r="II3020" s="91"/>
      <c r="IJ3020" s="91"/>
      <c r="IK3020" s="174"/>
    </row>
    <row r="3021" spans="2:245" x14ac:dyDescent="0.2">
      <c r="B3021" s="43"/>
      <c r="C3021" s="73"/>
      <c r="D3021" s="64"/>
      <c r="E3021" s="64"/>
      <c r="F3021" s="55"/>
      <c r="G3021" s="102"/>
      <c r="H3021" s="97"/>
      <c r="T3021" s="98"/>
      <c r="U3021" s="97"/>
      <c r="AG3021" s="98"/>
      <c r="AY3021" s="164"/>
      <c r="BK3021" s="98"/>
      <c r="BL3021" s="97"/>
      <c r="BX3021" s="98"/>
      <c r="CL3021" s="97"/>
      <c r="CX3021" s="98"/>
      <c r="DL3021" s="97"/>
      <c r="DX3021" s="98"/>
      <c r="EL3021" s="97"/>
      <c r="EX3021" s="98"/>
      <c r="EY3021" s="97"/>
      <c r="FL3021" s="126"/>
      <c r="FM3021" s="91"/>
      <c r="FN3021" s="91"/>
      <c r="FO3021" s="91"/>
      <c r="FP3021" s="91"/>
      <c r="FQ3021" s="91"/>
      <c r="FR3021" s="91"/>
      <c r="FS3021" s="91"/>
      <c r="FT3021" s="91"/>
      <c r="FU3021" s="91"/>
      <c r="FV3021" s="91"/>
      <c r="FW3021" s="91"/>
      <c r="FX3021" s="127"/>
      <c r="FY3021" s="126"/>
      <c r="FZ3021" s="91"/>
      <c r="GA3021" s="91"/>
      <c r="GB3021" s="91"/>
      <c r="GC3021" s="91"/>
      <c r="GD3021" s="91"/>
      <c r="GE3021" s="91"/>
      <c r="GF3021" s="91"/>
      <c r="GG3021" s="91"/>
      <c r="GH3021" s="91"/>
      <c r="GI3021" s="91"/>
      <c r="GJ3021" s="91"/>
      <c r="GK3021" s="127"/>
      <c r="GL3021" s="126"/>
      <c r="GM3021" s="91"/>
      <c r="GN3021" s="91"/>
      <c r="GO3021" s="91"/>
      <c r="GP3021" s="91"/>
      <c r="GQ3021" s="91"/>
      <c r="GR3021" s="91"/>
      <c r="GS3021" s="91"/>
      <c r="GT3021" s="91"/>
      <c r="GU3021" s="91"/>
      <c r="GV3021" s="91"/>
      <c r="GW3021" s="91"/>
      <c r="GX3021" s="127"/>
      <c r="GY3021" s="126"/>
      <c r="GZ3021" s="91"/>
      <c r="HA3021" s="91"/>
      <c r="HB3021" s="91"/>
      <c r="HC3021" s="91"/>
      <c r="HD3021" s="91"/>
      <c r="HE3021" s="91"/>
      <c r="HF3021" s="91"/>
      <c r="HG3021" s="91"/>
      <c r="HH3021" s="91"/>
      <c r="HI3021" s="91"/>
      <c r="HJ3021" s="91"/>
      <c r="HK3021" s="127"/>
      <c r="HL3021" s="126"/>
      <c r="HM3021" s="91"/>
      <c r="HN3021" s="91"/>
      <c r="HO3021" s="91"/>
      <c r="HP3021" s="91"/>
      <c r="HQ3021" s="91"/>
      <c r="HR3021" s="91"/>
      <c r="HS3021" s="91"/>
      <c r="HT3021" s="91"/>
      <c r="HU3021" s="91"/>
      <c r="HV3021" s="91"/>
      <c r="HW3021" s="91"/>
      <c r="HX3021" s="127"/>
      <c r="HY3021" s="126"/>
      <c r="HZ3021" s="91"/>
      <c r="IA3021" s="91"/>
      <c r="IB3021" s="91"/>
      <c r="IC3021" s="91"/>
      <c r="ID3021" s="91"/>
      <c r="IE3021" s="91"/>
      <c r="IF3021" s="91"/>
      <c r="IG3021" s="91"/>
      <c r="IH3021" s="91"/>
      <c r="II3021" s="91"/>
      <c r="IJ3021" s="91"/>
      <c r="IK3021" s="174"/>
    </row>
    <row r="3022" spans="2:245" x14ac:dyDescent="0.2">
      <c r="B3022" s="43"/>
      <c r="C3022" s="73"/>
      <c r="D3022" s="64"/>
      <c r="E3022" s="64"/>
      <c r="F3022" s="55"/>
      <c r="G3022" s="102"/>
      <c r="H3022" s="97"/>
      <c r="T3022" s="98"/>
      <c r="U3022" s="97"/>
      <c r="AG3022" s="98"/>
      <c r="AY3022" s="164"/>
      <c r="BK3022" s="98"/>
      <c r="BL3022" s="97"/>
      <c r="BX3022" s="98"/>
      <c r="CL3022" s="97"/>
      <c r="CX3022" s="98"/>
      <c r="DL3022" s="97"/>
      <c r="DX3022" s="98"/>
      <c r="EL3022" s="97"/>
      <c r="EX3022" s="98"/>
      <c r="EY3022" s="97"/>
      <c r="FL3022" s="126"/>
      <c r="FM3022" s="91"/>
      <c r="FN3022" s="91"/>
      <c r="FO3022" s="91"/>
      <c r="FP3022" s="91"/>
      <c r="FQ3022" s="91"/>
      <c r="FR3022" s="91"/>
      <c r="FS3022" s="91"/>
      <c r="FT3022" s="91"/>
      <c r="FU3022" s="91"/>
      <c r="FV3022" s="91"/>
      <c r="FW3022" s="91"/>
      <c r="FX3022" s="127"/>
      <c r="FY3022" s="126"/>
      <c r="FZ3022" s="91"/>
      <c r="GA3022" s="91"/>
      <c r="GB3022" s="91"/>
      <c r="GC3022" s="91"/>
      <c r="GD3022" s="91"/>
      <c r="GE3022" s="91"/>
      <c r="GF3022" s="91"/>
      <c r="GG3022" s="91"/>
      <c r="GH3022" s="91"/>
      <c r="GI3022" s="91"/>
      <c r="GJ3022" s="91"/>
      <c r="GK3022" s="127"/>
      <c r="GL3022" s="126"/>
      <c r="GM3022" s="91"/>
      <c r="GN3022" s="91"/>
      <c r="GO3022" s="91"/>
      <c r="GP3022" s="91"/>
      <c r="GQ3022" s="91"/>
      <c r="GR3022" s="91"/>
      <c r="GS3022" s="91"/>
      <c r="GT3022" s="91"/>
      <c r="GU3022" s="91"/>
      <c r="GV3022" s="91"/>
      <c r="GW3022" s="91"/>
      <c r="GX3022" s="127"/>
      <c r="GY3022" s="126"/>
      <c r="GZ3022" s="91"/>
      <c r="HA3022" s="91"/>
      <c r="HB3022" s="91"/>
      <c r="HC3022" s="91"/>
      <c r="HD3022" s="91"/>
      <c r="HE3022" s="91"/>
      <c r="HF3022" s="91"/>
      <c r="HG3022" s="91"/>
      <c r="HH3022" s="91"/>
      <c r="HI3022" s="91"/>
      <c r="HJ3022" s="91"/>
      <c r="HK3022" s="127"/>
      <c r="HL3022" s="126"/>
      <c r="HM3022" s="91"/>
      <c r="HN3022" s="91"/>
      <c r="HO3022" s="91"/>
      <c r="HP3022" s="91"/>
      <c r="HQ3022" s="91"/>
      <c r="HR3022" s="91"/>
      <c r="HS3022" s="91"/>
      <c r="HT3022" s="91"/>
      <c r="HU3022" s="91"/>
      <c r="HV3022" s="91"/>
      <c r="HW3022" s="91"/>
      <c r="HX3022" s="127"/>
      <c r="HY3022" s="126"/>
      <c r="HZ3022" s="91"/>
      <c r="IA3022" s="91"/>
      <c r="IB3022" s="91"/>
      <c r="IC3022" s="91"/>
      <c r="ID3022" s="91"/>
      <c r="IE3022" s="91"/>
      <c r="IF3022" s="91"/>
      <c r="IG3022" s="91"/>
      <c r="IH3022" s="91"/>
      <c r="II3022" s="91"/>
      <c r="IJ3022" s="91"/>
      <c r="IK3022" s="174"/>
    </row>
    <row r="3023" spans="2:245" x14ac:dyDescent="0.2">
      <c r="B3023" s="43"/>
      <c r="C3023" s="73"/>
      <c r="D3023" s="64"/>
      <c r="E3023" s="64"/>
      <c r="F3023" s="55"/>
      <c r="G3023" s="102"/>
      <c r="H3023" s="97"/>
      <c r="T3023" s="98"/>
      <c r="U3023" s="97"/>
      <c r="AG3023" s="98"/>
      <c r="AY3023" s="164"/>
      <c r="BK3023" s="98"/>
      <c r="BL3023" s="97"/>
      <c r="BX3023" s="98"/>
      <c r="CL3023" s="97"/>
      <c r="CX3023" s="98"/>
      <c r="DL3023" s="97"/>
      <c r="DX3023" s="98"/>
      <c r="EL3023" s="97"/>
      <c r="EX3023" s="98"/>
      <c r="EY3023" s="97"/>
      <c r="FL3023" s="126"/>
      <c r="FM3023" s="91"/>
      <c r="FN3023" s="91"/>
      <c r="FO3023" s="91"/>
      <c r="FP3023" s="91"/>
      <c r="FQ3023" s="91"/>
      <c r="FR3023" s="91"/>
      <c r="FS3023" s="91"/>
      <c r="FT3023" s="91"/>
      <c r="FU3023" s="91"/>
      <c r="FV3023" s="91"/>
      <c r="FW3023" s="91"/>
      <c r="FX3023" s="127"/>
      <c r="FY3023" s="126"/>
      <c r="FZ3023" s="91"/>
      <c r="GA3023" s="91"/>
      <c r="GB3023" s="91"/>
      <c r="GC3023" s="91"/>
      <c r="GD3023" s="91"/>
      <c r="GE3023" s="91"/>
      <c r="GF3023" s="91"/>
      <c r="GG3023" s="91"/>
      <c r="GH3023" s="91"/>
      <c r="GI3023" s="91"/>
      <c r="GJ3023" s="91"/>
      <c r="GK3023" s="127"/>
      <c r="GL3023" s="126"/>
      <c r="GM3023" s="91"/>
      <c r="GN3023" s="91"/>
      <c r="GO3023" s="91"/>
      <c r="GP3023" s="91"/>
      <c r="GQ3023" s="91"/>
      <c r="GR3023" s="91"/>
      <c r="GS3023" s="91"/>
      <c r="GT3023" s="91"/>
      <c r="GU3023" s="91"/>
      <c r="GV3023" s="91"/>
      <c r="GW3023" s="91"/>
      <c r="GX3023" s="127"/>
      <c r="GY3023" s="126"/>
      <c r="GZ3023" s="91"/>
      <c r="HA3023" s="91"/>
      <c r="HB3023" s="91"/>
      <c r="HC3023" s="91"/>
      <c r="HD3023" s="91"/>
      <c r="HE3023" s="91"/>
      <c r="HF3023" s="91"/>
      <c r="HG3023" s="91"/>
      <c r="HH3023" s="91"/>
      <c r="HI3023" s="91"/>
      <c r="HJ3023" s="91"/>
      <c r="HK3023" s="127"/>
      <c r="HL3023" s="126"/>
      <c r="HM3023" s="91"/>
      <c r="HN3023" s="91"/>
      <c r="HO3023" s="91"/>
      <c r="HP3023" s="91"/>
      <c r="HQ3023" s="91"/>
      <c r="HR3023" s="91"/>
      <c r="HS3023" s="91"/>
      <c r="HT3023" s="91"/>
      <c r="HU3023" s="91"/>
      <c r="HV3023" s="91"/>
      <c r="HW3023" s="91"/>
      <c r="HX3023" s="127"/>
      <c r="HY3023" s="126"/>
      <c r="HZ3023" s="91"/>
      <c r="IA3023" s="91"/>
      <c r="IB3023" s="91"/>
      <c r="IC3023" s="91"/>
      <c r="ID3023" s="91"/>
      <c r="IE3023" s="91"/>
      <c r="IF3023" s="91"/>
      <c r="IG3023" s="91"/>
      <c r="IH3023" s="91"/>
      <c r="II3023" s="91"/>
      <c r="IJ3023" s="91"/>
      <c r="IK3023" s="174"/>
    </row>
    <row r="3024" spans="2:245" x14ac:dyDescent="0.2">
      <c r="B3024" s="43"/>
      <c r="C3024" s="73"/>
      <c r="D3024" s="64"/>
      <c r="E3024" s="64"/>
      <c r="F3024" s="55"/>
      <c r="G3024" s="102"/>
      <c r="H3024" s="97"/>
      <c r="T3024" s="98"/>
      <c r="U3024" s="97"/>
      <c r="AG3024" s="98"/>
      <c r="AY3024" s="164"/>
      <c r="BK3024" s="98"/>
      <c r="BL3024" s="97"/>
      <c r="BX3024" s="98"/>
      <c r="CL3024" s="97"/>
      <c r="CX3024" s="98"/>
      <c r="DL3024" s="97"/>
      <c r="DX3024" s="98"/>
      <c r="EL3024" s="97"/>
      <c r="EX3024" s="98"/>
      <c r="EY3024" s="97"/>
      <c r="FL3024" s="126"/>
      <c r="FM3024" s="91"/>
      <c r="FN3024" s="91"/>
      <c r="FO3024" s="91"/>
      <c r="FP3024" s="91"/>
      <c r="FQ3024" s="91"/>
      <c r="FR3024" s="91"/>
      <c r="FS3024" s="91"/>
      <c r="FT3024" s="91"/>
      <c r="FU3024" s="91"/>
      <c r="FV3024" s="91"/>
      <c r="FW3024" s="91"/>
      <c r="FX3024" s="127"/>
      <c r="FY3024" s="126"/>
      <c r="FZ3024" s="91"/>
      <c r="GA3024" s="91"/>
      <c r="GB3024" s="91"/>
      <c r="GC3024" s="91"/>
      <c r="GD3024" s="91"/>
      <c r="GE3024" s="91"/>
      <c r="GF3024" s="91"/>
      <c r="GG3024" s="91"/>
      <c r="GH3024" s="91"/>
      <c r="GI3024" s="91"/>
      <c r="GJ3024" s="91"/>
      <c r="GK3024" s="127"/>
      <c r="GL3024" s="126"/>
      <c r="GM3024" s="91"/>
      <c r="GN3024" s="91"/>
      <c r="GO3024" s="91"/>
      <c r="GP3024" s="91"/>
      <c r="GQ3024" s="91"/>
      <c r="GR3024" s="91"/>
      <c r="GS3024" s="91"/>
      <c r="GT3024" s="91"/>
      <c r="GU3024" s="91"/>
      <c r="GV3024" s="91"/>
      <c r="GW3024" s="91"/>
      <c r="GX3024" s="127"/>
      <c r="GY3024" s="126"/>
      <c r="GZ3024" s="91"/>
      <c r="HA3024" s="91"/>
      <c r="HB3024" s="91"/>
      <c r="HC3024" s="91"/>
      <c r="HD3024" s="91"/>
      <c r="HE3024" s="91"/>
      <c r="HF3024" s="91"/>
      <c r="HG3024" s="91"/>
      <c r="HH3024" s="91"/>
      <c r="HI3024" s="91"/>
      <c r="HJ3024" s="91"/>
      <c r="HK3024" s="127"/>
      <c r="HL3024" s="126"/>
      <c r="HM3024" s="91"/>
      <c r="HN3024" s="91"/>
      <c r="HO3024" s="91"/>
      <c r="HP3024" s="91"/>
      <c r="HQ3024" s="91"/>
      <c r="HR3024" s="91"/>
      <c r="HS3024" s="91"/>
      <c r="HT3024" s="91"/>
      <c r="HU3024" s="91"/>
      <c r="HV3024" s="91"/>
      <c r="HW3024" s="91"/>
      <c r="HX3024" s="127"/>
      <c r="HY3024" s="126"/>
      <c r="HZ3024" s="91"/>
      <c r="IA3024" s="91"/>
      <c r="IB3024" s="91"/>
      <c r="IC3024" s="91"/>
      <c r="ID3024" s="91"/>
      <c r="IE3024" s="91"/>
      <c r="IF3024" s="91"/>
      <c r="IG3024" s="91"/>
      <c r="IH3024" s="91"/>
      <c r="II3024" s="91"/>
      <c r="IJ3024" s="91"/>
      <c r="IK3024" s="174"/>
    </row>
    <row r="3025" spans="2:245" x14ac:dyDescent="0.2">
      <c r="B3025" s="43"/>
      <c r="C3025" s="73"/>
      <c r="D3025" s="64"/>
      <c r="E3025" s="64"/>
      <c r="F3025" s="55"/>
      <c r="G3025" s="102"/>
      <c r="H3025" s="97"/>
      <c r="T3025" s="98"/>
      <c r="U3025" s="97"/>
      <c r="AG3025" s="98"/>
      <c r="AY3025" s="164"/>
      <c r="BK3025" s="98"/>
      <c r="BL3025" s="97"/>
      <c r="BX3025" s="98"/>
      <c r="CL3025" s="97"/>
      <c r="CX3025" s="98"/>
      <c r="DL3025" s="97"/>
      <c r="DX3025" s="98"/>
      <c r="EL3025" s="97"/>
      <c r="EX3025" s="98"/>
      <c r="EY3025" s="97"/>
      <c r="FL3025" s="126"/>
      <c r="FM3025" s="91"/>
      <c r="FN3025" s="91"/>
      <c r="FO3025" s="91"/>
      <c r="FP3025" s="91"/>
      <c r="FQ3025" s="91"/>
      <c r="FR3025" s="91"/>
      <c r="FS3025" s="91"/>
      <c r="FT3025" s="91"/>
      <c r="FU3025" s="91"/>
      <c r="FV3025" s="91"/>
      <c r="FW3025" s="91"/>
      <c r="FX3025" s="127"/>
      <c r="FY3025" s="126"/>
      <c r="FZ3025" s="91"/>
      <c r="GA3025" s="91"/>
      <c r="GB3025" s="91"/>
      <c r="GC3025" s="91"/>
      <c r="GD3025" s="91"/>
      <c r="GE3025" s="91"/>
      <c r="GF3025" s="91"/>
      <c r="GG3025" s="91"/>
      <c r="GH3025" s="91"/>
      <c r="GI3025" s="91"/>
      <c r="GJ3025" s="91"/>
      <c r="GK3025" s="127"/>
      <c r="GL3025" s="126"/>
      <c r="GM3025" s="91"/>
      <c r="GN3025" s="91"/>
      <c r="GO3025" s="91"/>
      <c r="GP3025" s="91"/>
      <c r="GQ3025" s="91"/>
      <c r="GR3025" s="91"/>
      <c r="GS3025" s="91"/>
      <c r="GT3025" s="91"/>
      <c r="GU3025" s="91"/>
      <c r="GV3025" s="91"/>
      <c r="GW3025" s="91"/>
      <c r="GX3025" s="127"/>
      <c r="GY3025" s="126"/>
      <c r="GZ3025" s="91"/>
      <c r="HA3025" s="91"/>
      <c r="HB3025" s="91"/>
      <c r="HC3025" s="91"/>
      <c r="HD3025" s="91"/>
      <c r="HE3025" s="91"/>
      <c r="HF3025" s="91"/>
      <c r="HG3025" s="91"/>
      <c r="HH3025" s="91"/>
      <c r="HI3025" s="91"/>
      <c r="HJ3025" s="91"/>
      <c r="HK3025" s="127"/>
      <c r="HL3025" s="126"/>
      <c r="HM3025" s="91"/>
      <c r="HN3025" s="91"/>
      <c r="HO3025" s="91"/>
      <c r="HP3025" s="91"/>
      <c r="HQ3025" s="91"/>
      <c r="HR3025" s="91"/>
      <c r="HS3025" s="91"/>
      <c r="HT3025" s="91"/>
      <c r="HU3025" s="91"/>
      <c r="HV3025" s="91"/>
      <c r="HW3025" s="91"/>
      <c r="HX3025" s="127"/>
      <c r="HY3025" s="126"/>
      <c r="HZ3025" s="91"/>
      <c r="IA3025" s="91"/>
      <c r="IB3025" s="91"/>
      <c r="IC3025" s="91"/>
      <c r="ID3025" s="91"/>
      <c r="IE3025" s="91"/>
      <c r="IF3025" s="91"/>
      <c r="IG3025" s="91"/>
      <c r="IH3025" s="91"/>
      <c r="II3025" s="91"/>
      <c r="IJ3025" s="91"/>
      <c r="IK3025" s="174"/>
    </row>
    <row r="3026" spans="2:245" x14ac:dyDescent="0.2">
      <c r="B3026" s="43"/>
      <c r="C3026" s="73"/>
      <c r="D3026" s="64"/>
      <c r="E3026" s="64"/>
      <c r="F3026" s="55"/>
      <c r="G3026" s="102"/>
      <c r="H3026" s="97"/>
      <c r="T3026" s="98"/>
      <c r="U3026" s="97"/>
      <c r="AG3026" s="98"/>
      <c r="AY3026" s="164"/>
      <c r="BK3026" s="98"/>
      <c r="BL3026" s="97"/>
      <c r="BX3026" s="98"/>
      <c r="CL3026" s="97"/>
      <c r="CX3026" s="98"/>
      <c r="DL3026" s="97"/>
      <c r="DX3026" s="98"/>
      <c r="EL3026" s="97"/>
      <c r="EX3026" s="98"/>
      <c r="EY3026" s="97"/>
      <c r="FL3026" s="126"/>
      <c r="FM3026" s="91"/>
      <c r="FN3026" s="91"/>
      <c r="FO3026" s="91"/>
      <c r="FP3026" s="91"/>
      <c r="FQ3026" s="91"/>
      <c r="FR3026" s="91"/>
      <c r="FS3026" s="91"/>
      <c r="FT3026" s="91"/>
      <c r="FU3026" s="91"/>
      <c r="FV3026" s="91"/>
      <c r="FW3026" s="91"/>
      <c r="FX3026" s="127"/>
      <c r="FY3026" s="126"/>
      <c r="FZ3026" s="91"/>
      <c r="GA3026" s="91"/>
      <c r="GB3026" s="91"/>
      <c r="GC3026" s="91"/>
      <c r="GD3026" s="91"/>
      <c r="GE3026" s="91"/>
      <c r="GF3026" s="91"/>
      <c r="GG3026" s="91"/>
      <c r="GH3026" s="91"/>
      <c r="GI3026" s="91"/>
      <c r="GJ3026" s="91"/>
      <c r="GK3026" s="127"/>
      <c r="GL3026" s="126"/>
      <c r="GM3026" s="91"/>
      <c r="GN3026" s="91"/>
      <c r="GO3026" s="91"/>
      <c r="GP3026" s="91"/>
      <c r="GQ3026" s="91"/>
      <c r="GR3026" s="91"/>
      <c r="GS3026" s="91"/>
      <c r="GT3026" s="91"/>
      <c r="GU3026" s="91"/>
      <c r="GV3026" s="91"/>
      <c r="GW3026" s="91"/>
      <c r="GX3026" s="127"/>
      <c r="GY3026" s="126"/>
      <c r="GZ3026" s="91"/>
      <c r="HA3026" s="91"/>
      <c r="HB3026" s="91"/>
      <c r="HC3026" s="91"/>
      <c r="HD3026" s="91"/>
      <c r="HE3026" s="91"/>
      <c r="HF3026" s="91"/>
      <c r="HG3026" s="91"/>
      <c r="HH3026" s="91"/>
      <c r="HI3026" s="91"/>
      <c r="HJ3026" s="91"/>
      <c r="HK3026" s="127"/>
      <c r="HL3026" s="126"/>
      <c r="HM3026" s="91"/>
      <c r="HN3026" s="91"/>
      <c r="HO3026" s="91"/>
      <c r="HP3026" s="91"/>
      <c r="HQ3026" s="91"/>
      <c r="HR3026" s="91"/>
      <c r="HS3026" s="91"/>
      <c r="HT3026" s="91"/>
      <c r="HU3026" s="91"/>
      <c r="HV3026" s="91"/>
      <c r="HW3026" s="91"/>
      <c r="HX3026" s="127"/>
      <c r="HY3026" s="126"/>
      <c r="HZ3026" s="91"/>
      <c r="IA3026" s="91"/>
      <c r="IB3026" s="91"/>
      <c r="IC3026" s="91"/>
      <c r="ID3026" s="91"/>
      <c r="IE3026" s="91"/>
      <c r="IF3026" s="91"/>
      <c r="IG3026" s="91"/>
      <c r="IH3026" s="91"/>
      <c r="II3026" s="91"/>
      <c r="IJ3026" s="91"/>
      <c r="IK3026" s="174"/>
    </row>
    <row r="3027" spans="2:245" x14ac:dyDescent="0.2">
      <c r="B3027" s="43"/>
      <c r="C3027" s="73"/>
      <c r="D3027" s="64"/>
      <c r="E3027" s="64"/>
      <c r="F3027" s="55"/>
      <c r="G3027" s="102"/>
      <c r="H3027" s="97"/>
      <c r="T3027" s="98"/>
      <c r="U3027" s="97"/>
      <c r="AG3027" s="98"/>
      <c r="AY3027" s="164"/>
      <c r="BK3027" s="98"/>
      <c r="BL3027" s="97"/>
      <c r="BX3027" s="98"/>
      <c r="CL3027" s="97"/>
      <c r="CX3027" s="98"/>
      <c r="DL3027" s="97"/>
      <c r="DX3027" s="98"/>
      <c r="EL3027" s="97"/>
      <c r="EX3027" s="98"/>
      <c r="EY3027" s="97"/>
      <c r="FL3027" s="126"/>
      <c r="FM3027" s="91"/>
      <c r="FN3027" s="91"/>
      <c r="FO3027" s="91"/>
      <c r="FP3027" s="91"/>
      <c r="FQ3027" s="91"/>
      <c r="FR3027" s="91"/>
      <c r="FS3027" s="91"/>
      <c r="FT3027" s="91"/>
      <c r="FU3027" s="91"/>
      <c r="FV3027" s="91"/>
      <c r="FW3027" s="91"/>
      <c r="FX3027" s="127"/>
      <c r="FY3027" s="126"/>
      <c r="FZ3027" s="91"/>
      <c r="GA3027" s="91"/>
      <c r="GB3027" s="91"/>
      <c r="GC3027" s="91"/>
      <c r="GD3027" s="91"/>
      <c r="GE3027" s="91"/>
      <c r="GF3027" s="91"/>
      <c r="GG3027" s="91"/>
      <c r="GH3027" s="91"/>
      <c r="GI3027" s="91"/>
      <c r="GJ3027" s="91"/>
      <c r="GK3027" s="127"/>
      <c r="GL3027" s="126"/>
      <c r="GM3027" s="91"/>
      <c r="GN3027" s="91"/>
      <c r="GO3027" s="91"/>
      <c r="GP3027" s="91"/>
      <c r="GQ3027" s="91"/>
      <c r="GR3027" s="91"/>
      <c r="GS3027" s="91"/>
      <c r="GT3027" s="91"/>
      <c r="GU3027" s="91"/>
      <c r="GV3027" s="91"/>
      <c r="GW3027" s="91"/>
      <c r="GX3027" s="127"/>
      <c r="GY3027" s="126"/>
      <c r="GZ3027" s="91"/>
      <c r="HA3027" s="91"/>
      <c r="HB3027" s="91"/>
      <c r="HC3027" s="91"/>
      <c r="HD3027" s="91"/>
      <c r="HE3027" s="91"/>
      <c r="HF3027" s="91"/>
      <c r="HG3027" s="91"/>
      <c r="HH3027" s="91"/>
      <c r="HI3027" s="91"/>
      <c r="HJ3027" s="91"/>
      <c r="HK3027" s="127"/>
      <c r="HL3027" s="126"/>
      <c r="HM3027" s="91"/>
      <c r="HN3027" s="91"/>
      <c r="HO3027" s="91"/>
      <c r="HP3027" s="91"/>
      <c r="HQ3027" s="91"/>
      <c r="HR3027" s="91"/>
      <c r="HS3027" s="91"/>
      <c r="HT3027" s="91"/>
      <c r="HU3027" s="91"/>
      <c r="HV3027" s="91"/>
      <c r="HW3027" s="91"/>
      <c r="HX3027" s="127"/>
      <c r="HY3027" s="126"/>
      <c r="HZ3027" s="91"/>
      <c r="IA3027" s="91"/>
      <c r="IB3027" s="91"/>
      <c r="IC3027" s="91"/>
      <c r="ID3027" s="91"/>
      <c r="IE3027" s="91"/>
      <c r="IF3027" s="91"/>
      <c r="IG3027" s="91"/>
      <c r="IH3027" s="91"/>
      <c r="II3027" s="91"/>
      <c r="IJ3027" s="91"/>
      <c r="IK3027" s="174"/>
    </row>
    <row r="3028" spans="2:245" x14ac:dyDescent="0.2">
      <c r="B3028" s="43"/>
      <c r="C3028" s="73"/>
      <c r="D3028" s="64"/>
      <c r="E3028" s="64"/>
      <c r="F3028" s="55"/>
      <c r="G3028" s="102"/>
      <c r="H3028" s="97"/>
      <c r="T3028" s="98"/>
      <c r="U3028" s="97"/>
      <c r="AG3028" s="98"/>
      <c r="AY3028" s="164"/>
      <c r="BK3028" s="98"/>
      <c r="BL3028" s="97"/>
      <c r="BX3028" s="98"/>
      <c r="CL3028" s="97"/>
      <c r="CX3028" s="98"/>
      <c r="DL3028" s="97"/>
      <c r="DX3028" s="98"/>
      <c r="EL3028" s="97"/>
      <c r="EX3028" s="98"/>
      <c r="EY3028" s="97"/>
      <c r="FL3028" s="126"/>
      <c r="FM3028" s="91"/>
      <c r="FN3028" s="91"/>
      <c r="FO3028" s="91"/>
      <c r="FP3028" s="91"/>
      <c r="FQ3028" s="91"/>
      <c r="FR3028" s="91"/>
      <c r="FS3028" s="91"/>
      <c r="FT3028" s="91"/>
      <c r="FU3028" s="91"/>
      <c r="FV3028" s="91"/>
      <c r="FW3028" s="91"/>
      <c r="FX3028" s="127"/>
      <c r="FY3028" s="126"/>
      <c r="FZ3028" s="91"/>
      <c r="GA3028" s="91"/>
      <c r="GB3028" s="91"/>
      <c r="GC3028" s="91"/>
      <c r="GD3028" s="91"/>
      <c r="GE3028" s="91"/>
      <c r="GF3028" s="91"/>
      <c r="GG3028" s="91"/>
      <c r="GH3028" s="91"/>
      <c r="GI3028" s="91"/>
      <c r="GJ3028" s="91"/>
      <c r="GK3028" s="127"/>
      <c r="GL3028" s="126"/>
      <c r="GM3028" s="91"/>
      <c r="GN3028" s="91"/>
      <c r="GO3028" s="91"/>
      <c r="GP3028" s="91"/>
      <c r="GQ3028" s="91"/>
      <c r="GR3028" s="91"/>
      <c r="GS3028" s="91"/>
      <c r="GT3028" s="91"/>
      <c r="GU3028" s="91"/>
      <c r="GV3028" s="91"/>
      <c r="GW3028" s="91"/>
      <c r="GX3028" s="127"/>
      <c r="GY3028" s="126"/>
      <c r="GZ3028" s="91"/>
      <c r="HA3028" s="91"/>
      <c r="HB3028" s="91"/>
      <c r="HC3028" s="91"/>
      <c r="HD3028" s="91"/>
      <c r="HE3028" s="91"/>
      <c r="HF3028" s="91"/>
      <c r="HG3028" s="91"/>
      <c r="HH3028" s="91"/>
      <c r="HI3028" s="91"/>
      <c r="HJ3028" s="91"/>
      <c r="HK3028" s="127"/>
      <c r="HL3028" s="126"/>
      <c r="HM3028" s="91"/>
      <c r="HN3028" s="91"/>
      <c r="HO3028" s="91"/>
      <c r="HP3028" s="91"/>
      <c r="HQ3028" s="91"/>
      <c r="HR3028" s="91"/>
      <c r="HS3028" s="91"/>
      <c r="HT3028" s="91"/>
      <c r="HU3028" s="91"/>
      <c r="HV3028" s="91"/>
      <c r="HW3028" s="91"/>
      <c r="HX3028" s="127"/>
      <c r="HY3028" s="126"/>
      <c r="HZ3028" s="91"/>
      <c r="IA3028" s="91"/>
      <c r="IB3028" s="91"/>
      <c r="IC3028" s="91"/>
      <c r="ID3028" s="91"/>
      <c r="IE3028" s="91"/>
      <c r="IF3028" s="91"/>
      <c r="IG3028" s="91"/>
      <c r="IH3028" s="91"/>
      <c r="II3028" s="91"/>
      <c r="IJ3028" s="91"/>
      <c r="IK3028" s="174"/>
    </row>
    <row r="3029" spans="2:245" x14ac:dyDescent="0.2">
      <c r="B3029" s="43"/>
      <c r="C3029" s="73"/>
      <c r="D3029" s="64"/>
      <c r="E3029" s="64"/>
      <c r="F3029" s="55"/>
      <c r="G3029" s="102"/>
      <c r="H3029" s="97"/>
      <c r="T3029" s="98"/>
      <c r="U3029" s="97"/>
      <c r="AG3029" s="98"/>
      <c r="AY3029" s="164"/>
      <c r="BK3029" s="98"/>
      <c r="BL3029" s="97"/>
      <c r="BX3029" s="98"/>
      <c r="CL3029" s="97"/>
      <c r="CX3029" s="98"/>
      <c r="DL3029" s="97"/>
      <c r="DX3029" s="98"/>
      <c r="EL3029" s="97"/>
      <c r="EX3029" s="98"/>
      <c r="EY3029" s="97"/>
      <c r="FL3029" s="126"/>
      <c r="FM3029" s="91"/>
      <c r="FN3029" s="91"/>
      <c r="FO3029" s="91"/>
      <c r="FP3029" s="91"/>
      <c r="FQ3029" s="91"/>
      <c r="FR3029" s="91"/>
      <c r="FS3029" s="91"/>
      <c r="FT3029" s="91"/>
      <c r="FU3029" s="91"/>
      <c r="FV3029" s="91"/>
      <c r="FW3029" s="91"/>
      <c r="FX3029" s="127"/>
      <c r="FY3029" s="126"/>
      <c r="FZ3029" s="91"/>
      <c r="GA3029" s="91"/>
      <c r="GB3029" s="91"/>
      <c r="GC3029" s="91"/>
      <c r="GD3029" s="91"/>
      <c r="GE3029" s="91"/>
      <c r="GF3029" s="91"/>
      <c r="GG3029" s="91"/>
      <c r="GH3029" s="91"/>
      <c r="GI3029" s="91"/>
      <c r="GJ3029" s="91"/>
      <c r="GK3029" s="127"/>
      <c r="GL3029" s="126"/>
      <c r="GM3029" s="91"/>
      <c r="GN3029" s="91"/>
      <c r="GO3029" s="91"/>
      <c r="GP3029" s="91"/>
      <c r="GQ3029" s="91"/>
      <c r="GR3029" s="91"/>
      <c r="GS3029" s="91"/>
      <c r="GT3029" s="91"/>
      <c r="GU3029" s="91"/>
      <c r="GV3029" s="91"/>
      <c r="GW3029" s="91"/>
      <c r="GX3029" s="127"/>
      <c r="GY3029" s="126"/>
      <c r="GZ3029" s="91"/>
      <c r="HA3029" s="91"/>
      <c r="HB3029" s="91"/>
      <c r="HC3029" s="91"/>
      <c r="HD3029" s="91"/>
      <c r="HE3029" s="91"/>
      <c r="HF3029" s="91"/>
      <c r="HG3029" s="91"/>
      <c r="HH3029" s="91"/>
      <c r="HI3029" s="91"/>
      <c r="HJ3029" s="91"/>
      <c r="HK3029" s="127"/>
      <c r="HL3029" s="126"/>
      <c r="HM3029" s="91"/>
      <c r="HN3029" s="91"/>
      <c r="HO3029" s="91"/>
      <c r="HP3029" s="91"/>
      <c r="HQ3029" s="91"/>
      <c r="HR3029" s="91"/>
      <c r="HS3029" s="91"/>
      <c r="HT3029" s="91"/>
      <c r="HU3029" s="91"/>
      <c r="HV3029" s="91"/>
      <c r="HW3029" s="91"/>
      <c r="HX3029" s="127"/>
      <c r="HY3029" s="126"/>
      <c r="HZ3029" s="91"/>
      <c r="IA3029" s="91"/>
      <c r="IB3029" s="91"/>
      <c r="IC3029" s="91"/>
      <c r="ID3029" s="91"/>
      <c r="IE3029" s="91"/>
      <c r="IF3029" s="91"/>
      <c r="IG3029" s="91"/>
      <c r="IH3029" s="91"/>
      <c r="II3029" s="91"/>
      <c r="IJ3029" s="91"/>
      <c r="IK3029" s="174"/>
    </row>
    <row r="3030" spans="2:245" x14ac:dyDescent="0.2">
      <c r="B3030" s="43"/>
      <c r="C3030" s="73"/>
      <c r="D3030" s="64"/>
      <c r="E3030" s="64"/>
      <c r="F3030" s="55"/>
      <c r="G3030" s="102"/>
      <c r="H3030" s="97"/>
      <c r="T3030" s="98"/>
      <c r="U3030" s="97"/>
      <c r="AG3030" s="98"/>
      <c r="AY3030" s="164"/>
      <c r="BK3030" s="98"/>
      <c r="BL3030" s="97"/>
      <c r="BX3030" s="98"/>
      <c r="CL3030" s="97"/>
      <c r="CX3030" s="98"/>
      <c r="DL3030" s="97"/>
      <c r="DX3030" s="98"/>
      <c r="EL3030" s="97"/>
      <c r="EX3030" s="98"/>
      <c r="EY3030" s="97"/>
      <c r="FL3030" s="126"/>
      <c r="FM3030" s="91"/>
      <c r="FN3030" s="91"/>
      <c r="FO3030" s="91"/>
      <c r="FP3030" s="91"/>
      <c r="FQ3030" s="91"/>
      <c r="FR3030" s="91"/>
      <c r="FS3030" s="91"/>
      <c r="FT3030" s="91"/>
      <c r="FU3030" s="91"/>
      <c r="FV3030" s="91"/>
      <c r="FW3030" s="91"/>
      <c r="FX3030" s="127"/>
      <c r="FY3030" s="126"/>
      <c r="FZ3030" s="91"/>
      <c r="GA3030" s="91"/>
      <c r="GB3030" s="91"/>
      <c r="GC3030" s="91"/>
      <c r="GD3030" s="91"/>
      <c r="GE3030" s="91"/>
      <c r="GF3030" s="91"/>
      <c r="GG3030" s="91"/>
      <c r="GH3030" s="91"/>
      <c r="GI3030" s="91"/>
      <c r="GJ3030" s="91"/>
      <c r="GK3030" s="127"/>
      <c r="GL3030" s="126"/>
      <c r="GM3030" s="91"/>
      <c r="GN3030" s="91"/>
      <c r="GO3030" s="91"/>
      <c r="GP3030" s="91"/>
      <c r="GQ3030" s="91"/>
      <c r="GR3030" s="91"/>
      <c r="GS3030" s="91"/>
      <c r="GT3030" s="91"/>
      <c r="GU3030" s="91"/>
      <c r="GV3030" s="91"/>
      <c r="GW3030" s="91"/>
      <c r="GX3030" s="127"/>
      <c r="GY3030" s="126"/>
      <c r="GZ3030" s="91"/>
      <c r="HA3030" s="91"/>
      <c r="HB3030" s="91"/>
      <c r="HC3030" s="91"/>
      <c r="HD3030" s="91"/>
      <c r="HE3030" s="91"/>
      <c r="HF3030" s="91"/>
      <c r="HG3030" s="91"/>
      <c r="HH3030" s="91"/>
      <c r="HI3030" s="91"/>
      <c r="HJ3030" s="91"/>
      <c r="HK3030" s="127"/>
      <c r="HL3030" s="126"/>
      <c r="HM3030" s="91"/>
      <c r="HN3030" s="91"/>
      <c r="HO3030" s="91"/>
      <c r="HP3030" s="91"/>
      <c r="HQ3030" s="91"/>
      <c r="HR3030" s="91"/>
      <c r="HS3030" s="91"/>
      <c r="HT3030" s="91"/>
      <c r="HU3030" s="91"/>
      <c r="HV3030" s="91"/>
      <c r="HW3030" s="91"/>
      <c r="HX3030" s="127"/>
      <c r="HY3030" s="126"/>
      <c r="HZ3030" s="91"/>
      <c r="IA3030" s="91"/>
      <c r="IB3030" s="91"/>
      <c r="IC3030" s="91"/>
      <c r="ID3030" s="91"/>
      <c r="IE3030" s="91"/>
      <c r="IF3030" s="91"/>
      <c r="IG3030" s="91"/>
      <c r="IH3030" s="91"/>
      <c r="II3030" s="91"/>
      <c r="IJ3030" s="91"/>
      <c r="IK3030" s="174"/>
    </row>
    <row r="3031" spans="2:245" x14ac:dyDescent="0.2">
      <c r="B3031" s="43"/>
      <c r="C3031" s="73"/>
      <c r="D3031" s="64"/>
      <c r="E3031" s="64"/>
      <c r="F3031" s="55"/>
      <c r="G3031" s="102"/>
      <c r="H3031" s="97"/>
      <c r="T3031" s="98"/>
      <c r="U3031" s="97"/>
      <c r="AG3031" s="98"/>
      <c r="AY3031" s="164"/>
      <c r="BK3031" s="98"/>
      <c r="BL3031" s="97"/>
      <c r="BX3031" s="98"/>
      <c r="CL3031" s="97"/>
      <c r="CX3031" s="98"/>
      <c r="DL3031" s="97"/>
      <c r="DX3031" s="98"/>
      <c r="EL3031" s="97"/>
      <c r="EX3031" s="98"/>
      <c r="EY3031" s="97"/>
      <c r="FL3031" s="126"/>
      <c r="FM3031" s="91"/>
      <c r="FN3031" s="91"/>
      <c r="FO3031" s="91"/>
      <c r="FP3031" s="91"/>
      <c r="FQ3031" s="91"/>
      <c r="FR3031" s="91"/>
      <c r="FS3031" s="91"/>
      <c r="FT3031" s="91"/>
      <c r="FU3031" s="91"/>
      <c r="FV3031" s="91"/>
      <c r="FW3031" s="91"/>
      <c r="FX3031" s="127"/>
      <c r="FY3031" s="126"/>
      <c r="FZ3031" s="91"/>
      <c r="GA3031" s="91"/>
      <c r="GB3031" s="91"/>
      <c r="GC3031" s="91"/>
      <c r="GD3031" s="91"/>
      <c r="GE3031" s="91"/>
      <c r="GF3031" s="91"/>
      <c r="GG3031" s="91"/>
      <c r="GH3031" s="91"/>
      <c r="GI3031" s="91"/>
      <c r="GJ3031" s="91"/>
      <c r="GK3031" s="127"/>
      <c r="GL3031" s="126"/>
      <c r="GM3031" s="91"/>
      <c r="GN3031" s="91"/>
      <c r="GO3031" s="91"/>
      <c r="GP3031" s="91"/>
      <c r="GQ3031" s="91"/>
      <c r="GR3031" s="91"/>
      <c r="GS3031" s="91"/>
      <c r="GT3031" s="91"/>
      <c r="GU3031" s="91"/>
      <c r="GV3031" s="91"/>
      <c r="GW3031" s="91"/>
      <c r="GX3031" s="127"/>
      <c r="GY3031" s="126"/>
      <c r="GZ3031" s="91"/>
      <c r="HA3031" s="91"/>
      <c r="HB3031" s="91"/>
      <c r="HC3031" s="91"/>
      <c r="HD3031" s="91"/>
      <c r="HE3031" s="91"/>
      <c r="HF3031" s="91"/>
      <c r="HG3031" s="91"/>
      <c r="HH3031" s="91"/>
      <c r="HI3031" s="91"/>
      <c r="HJ3031" s="91"/>
      <c r="HK3031" s="127"/>
      <c r="HL3031" s="126"/>
      <c r="HM3031" s="91"/>
      <c r="HN3031" s="91"/>
      <c r="HO3031" s="91"/>
      <c r="HP3031" s="91"/>
      <c r="HQ3031" s="91"/>
      <c r="HR3031" s="91"/>
      <c r="HS3031" s="91"/>
      <c r="HT3031" s="91"/>
      <c r="HU3031" s="91"/>
      <c r="HV3031" s="91"/>
      <c r="HW3031" s="91"/>
      <c r="HX3031" s="127"/>
      <c r="HY3031" s="126"/>
      <c r="HZ3031" s="91"/>
      <c r="IA3031" s="91"/>
      <c r="IB3031" s="91"/>
      <c r="IC3031" s="91"/>
      <c r="ID3031" s="91"/>
      <c r="IE3031" s="91"/>
      <c r="IF3031" s="91"/>
      <c r="IG3031" s="91"/>
      <c r="IH3031" s="91"/>
      <c r="II3031" s="91"/>
      <c r="IJ3031" s="91"/>
      <c r="IK3031" s="174"/>
    </row>
    <row r="3032" spans="2:245" x14ac:dyDescent="0.2">
      <c r="B3032" s="43"/>
      <c r="C3032" s="73"/>
      <c r="D3032" s="64"/>
      <c r="E3032" s="64"/>
      <c r="F3032" s="55"/>
      <c r="G3032" s="102"/>
      <c r="H3032" s="97"/>
      <c r="T3032" s="98"/>
      <c r="U3032" s="97"/>
      <c r="AG3032" s="98"/>
      <c r="AY3032" s="164"/>
      <c r="BK3032" s="98"/>
      <c r="BL3032" s="97"/>
      <c r="BX3032" s="98"/>
      <c r="CL3032" s="97"/>
      <c r="CX3032" s="98"/>
      <c r="DL3032" s="97"/>
      <c r="DX3032" s="98"/>
      <c r="EL3032" s="97"/>
      <c r="EX3032" s="98"/>
      <c r="EY3032" s="97"/>
      <c r="FL3032" s="126"/>
      <c r="FM3032" s="91"/>
      <c r="FN3032" s="91"/>
      <c r="FO3032" s="91"/>
      <c r="FP3032" s="91"/>
      <c r="FQ3032" s="91"/>
      <c r="FR3032" s="91"/>
      <c r="FS3032" s="91"/>
      <c r="FT3032" s="91"/>
      <c r="FU3032" s="91"/>
      <c r="FV3032" s="91"/>
      <c r="FW3032" s="91"/>
      <c r="FX3032" s="127"/>
      <c r="FY3032" s="126"/>
      <c r="FZ3032" s="91"/>
      <c r="GA3032" s="91"/>
      <c r="GB3032" s="91"/>
      <c r="GC3032" s="91"/>
      <c r="GD3032" s="91"/>
      <c r="GE3032" s="91"/>
      <c r="GF3032" s="91"/>
      <c r="GG3032" s="91"/>
      <c r="GH3032" s="91"/>
      <c r="GI3032" s="91"/>
      <c r="GJ3032" s="91"/>
      <c r="GK3032" s="127"/>
      <c r="GL3032" s="126"/>
      <c r="GM3032" s="91"/>
      <c r="GN3032" s="91"/>
      <c r="GO3032" s="91"/>
      <c r="GP3032" s="91"/>
      <c r="GQ3032" s="91"/>
      <c r="GR3032" s="91"/>
      <c r="GS3032" s="91"/>
      <c r="GT3032" s="91"/>
      <c r="GU3032" s="91"/>
      <c r="GV3032" s="91"/>
      <c r="GW3032" s="91"/>
      <c r="GX3032" s="127"/>
      <c r="GY3032" s="126"/>
      <c r="GZ3032" s="91"/>
      <c r="HA3032" s="91"/>
      <c r="HB3032" s="91"/>
      <c r="HC3032" s="91"/>
      <c r="HD3032" s="91"/>
      <c r="HE3032" s="91"/>
      <c r="HF3032" s="91"/>
      <c r="HG3032" s="91"/>
      <c r="HH3032" s="91"/>
      <c r="HI3032" s="91"/>
      <c r="HJ3032" s="91"/>
      <c r="HK3032" s="127"/>
      <c r="HL3032" s="126"/>
      <c r="HM3032" s="91"/>
      <c r="HN3032" s="91"/>
      <c r="HO3032" s="91"/>
      <c r="HP3032" s="91"/>
      <c r="HQ3032" s="91"/>
      <c r="HR3032" s="91"/>
      <c r="HS3032" s="91"/>
      <c r="HT3032" s="91"/>
      <c r="HU3032" s="91"/>
      <c r="HV3032" s="91"/>
      <c r="HW3032" s="91"/>
      <c r="HX3032" s="127"/>
      <c r="HY3032" s="126"/>
      <c r="HZ3032" s="91"/>
      <c r="IA3032" s="91"/>
      <c r="IB3032" s="91"/>
      <c r="IC3032" s="91"/>
      <c r="ID3032" s="91"/>
      <c r="IE3032" s="91"/>
      <c r="IF3032" s="91"/>
      <c r="IG3032" s="91"/>
      <c r="IH3032" s="91"/>
      <c r="II3032" s="91"/>
      <c r="IJ3032" s="91"/>
      <c r="IK3032" s="174"/>
    </row>
    <row r="3033" spans="2:245" x14ac:dyDescent="0.2">
      <c r="B3033" s="43"/>
      <c r="C3033" s="73"/>
      <c r="D3033" s="64"/>
      <c r="E3033" s="64"/>
      <c r="F3033" s="55"/>
      <c r="G3033" s="102"/>
      <c r="H3033" s="97"/>
      <c r="T3033" s="98"/>
      <c r="U3033" s="97"/>
      <c r="AG3033" s="98"/>
      <c r="AY3033" s="164"/>
      <c r="BK3033" s="98"/>
      <c r="BL3033" s="97"/>
      <c r="BX3033" s="98"/>
      <c r="CL3033" s="97"/>
      <c r="CX3033" s="98"/>
      <c r="DL3033" s="97"/>
      <c r="DX3033" s="98"/>
      <c r="EL3033" s="97"/>
      <c r="EX3033" s="98"/>
      <c r="EY3033" s="97"/>
      <c r="FL3033" s="126"/>
      <c r="FM3033" s="91"/>
      <c r="FN3033" s="91"/>
      <c r="FO3033" s="91"/>
      <c r="FP3033" s="91"/>
      <c r="FQ3033" s="91"/>
      <c r="FR3033" s="91"/>
      <c r="FS3033" s="91"/>
      <c r="FT3033" s="91"/>
      <c r="FU3033" s="91"/>
      <c r="FV3033" s="91"/>
      <c r="FW3033" s="91"/>
      <c r="FX3033" s="127"/>
      <c r="FY3033" s="126"/>
      <c r="FZ3033" s="91"/>
      <c r="GA3033" s="91"/>
      <c r="GB3033" s="91"/>
      <c r="GC3033" s="91"/>
      <c r="GD3033" s="91"/>
      <c r="GE3033" s="91"/>
      <c r="GF3033" s="91"/>
      <c r="GG3033" s="91"/>
      <c r="GH3033" s="91"/>
      <c r="GI3033" s="91"/>
      <c r="GJ3033" s="91"/>
      <c r="GK3033" s="127"/>
      <c r="GL3033" s="126"/>
      <c r="GM3033" s="91"/>
      <c r="GN3033" s="91"/>
      <c r="GO3033" s="91"/>
      <c r="GP3033" s="91"/>
      <c r="GQ3033" s="91"/>
      <c r="GR3033" s="91"/>
      <c r="GS3033" s="91"/>
      <c r="GT3033" s="91"/>
      <c r="GU3033" s="91"/>
      <c r="GV3033" s="91"/>
      <c r="GW3033" s="91"/>
      <c r="GX3033" s="127"/>
      <c r="GY3033" s="126"/>
      <c r="GZ3033" s="91"/>
      <c r="HA3033" s="91"/>
      <c r="HB3033" s="91"/>
      <c r="HC3033" s="91"/>
      <c r="HD3033" s="91"/>
      <c r="HE3033" s="91"/>
      <c r="HF3033" s="91"/>
      <c r="HG3033" s="91"/>
      <c r="HH3033" s="91"/>
      <c r="HI3033" s="91"/>
      <c r="HJ3033" s="91"/>
      <c r="HK3033" s="127"/>
      <c r="HL3033" s="126"/>
      <c r="HM3033" s="91"/>
      <c r="HN3033" s="91"/>
      <c r="HO3033" s="91"/>
      <c r="HP3033" s="91"/>
      <c r="HQ3033" s="91"/>
      <c r="HR3033" s="91"/>
      <c r="HS3033" s="91"/>
      <c r="HT3033" s="91"/>
      <c r="HU3033" s="91"/>
      <c r="HV3033" s="91"/>
      <c r="HW3033" s="91"/>
      <c r="HX3033" s="127"/>
      <c r="HY3033" s="126"/>
      <c r="HZ3033" s="91"/>
      <c r="IA3033" s="91"/>
      <c r="IB3033" s="91"/>
      <c r="IC3033" s="91"/>
      <c r="ID3033" s="91"/>
      <c r="IE3033" s="91"/>
      <c r="IF3033" s="91"/>
      <c r="IG3033" s="91"/>
      <c r="IH3033" s="91"/>
      <c r="II3033" s="91"/>
      <c r="IJ3033" s="91"/>
      <c r="IK3033" s="174"/>
    </row>
    <row r="3034" spans="2:245" x14ac:dyDescent="0.2">
      <c r="B3034" s="43"/>
      <c r="C3034" s="73"/>
      <c r="D3034" s="64"/>
      <c r="E3034" s="64"/>
      <c r="F3034" s="55"/>
      <c r="G3034" s="102"/>
      <c r="H3034" s="97"/>
      <c r="T3034" s="98"/>
      <c r="U3034" s="97"/>
      <c r="AG3034" s="98"/>
      <c r="AY3034" s="164"/>
      <c r="BK3034" s="98"/>
      <c r="BL3034" s="97"/>
      <c r="BX3034" s="98"/>
      <c r="CL3034" s="97"/>
      <c r="CX3034" s="98"/>
      <c r="DL3034" s="97"/>
      <c r="DX3034" s="98"/>
      <c r="EL3034" s="97"/>
      <c r="EX3034" s="98"/>
      <c r="EY3034" s="97"/>
      <c r="FL3034" s="126"/>
      <c r="FM3034" s="91"/>
      <c r="FN3034" s="91"/>
      <c r="FO3034" s="91"/>
      <c r="FP3034" s="91"/>
      <c r="FQ3034" s="91"/>
      <c r="FR3034" s="91"/>
      <c r="FS3034" s="91"/>
      <c r="FT3034" s="91"/>
      <c r="FU3034" s="91"/>
      <c r="FV3034" s="91"/>
      <c r="FW3034" s="91"/>
      <c r="FX3034" s="127"/>
      <c r="FY3034" s="126"/>
      <c r="FZ3034" s="91"/>
      <c r="GA3034" s="91"/>
      <c r="GB3034" s="91"/>
      <c r="GC3034" s="91"/>
      <c r="GD3034" s="91"/>
      <c r="GE3034" s="91"/>
      <c r="GF3034" s="91"/>
      <c r="GG3034" s="91"/>
      <c r="GH3034" s="91"/>
      <c r="GI3034" s="91"/>
      <c r="GJ3034" s="91"/>
      <c r="GK3034" s="127"/>
      <c r="GL3034" s="126"/>
      <c r="GM3034" s="91"/>
      <c r="GN3034" s="91"/>
      <c r="GO3034" s="91"/>
      <c r="GP3034" s="91"/>
      <c r="GQ3034" s="91"/>
      <c r="GR3034" s="91"/>
      <c r="GS3034" s="91"/>
      <c r="GT3034" s="91"/>
      <c r="GU3034" s="91"/>
      <c r="GV3034" s="91"/>
      <c r="GW3034" s="91"/>
      <c r="GX3034" s="127"/>
      <c r="GY3034" s="126"/>
      <c r="GZ3034" s="91"/>
      <c r="HA3034" s="91"/>
      <c r="HB3034" s="91"/>
      <c r="HC3034" s="91"/>
      <c r="HD3034" s="91"/>
      <c r="HE3034" s="91"/>
      <c r="HF3034" s="91"/>
      <c r="HG3034" s="91"/>
      <c r="HH3034" s="91"/>
      <c r="HI3034" s="91"/>
      <c r="HJ3034" s="91"/>
      <c r="HK3034" s="127"/>
      <c r="HL3034" s="126"/>
      <c r="HM3034" s="91"/>
      <c r="HN3034" s="91"/>
      <c r="HO3034" s="91"/>
      <c r="HP3034" s="91"/>
      <c r="HQ3034" s="91"/>
      <c r="HR3034" s="91"/>
      <c r="HS3034" s="91"/>
      <c r="HT3034" s="91"/>
      <c r="HU3034" s="91"/>
      <c r="HV3034" s="91"/>
      <c r="HW3034" s="91"/>
      <c r="HX3034" s="127"/>
      <c r="HY3034" s="126"/>
      <c r="HZ3034" s="91"/>
      <c r="IA3034" s="91"/>
      <c r="IB3034" s="91"/>
      <c r="IC3034" s="91"/>
      <c r="ID3034" s="91"/>
      <c r="IE3034" s="91"/>
      <c r="IF3034" s="91"/>
      <c r="IG3034" s="91"/>
      <c r="IH3034" s="91"/>
      <c r="II3034" s="91"/>
      <c r="IJ3034" s="91"/>
      <c r="IK3034" s="174"/>
    </row>
    <row r="3035" spans="2:245" x14ac:dyDescent="0.2">
      <c r="B3035" s="43"/>
      <c r="C3035" s="73"/>
      <c r="D3035" s="64"/>
      <c r="E3035" s="64"/>
      <c r="F3035" s="55"/>
      <c r="G3035" s="102"/>
      <c r="H3035" s="97"/>
      <c r="T3035" s="98"/>
      <c r="U3035" s="97"/>
      <c r="AG3035" s="98"/>
      <c r="AY3035" s="164"/>
      <c r="BK3035" s="98"/>
      <c r="BL3035" s="97"/>
      <c r="BX3035" s="98"/>
      <c r="CL3035" s="97"/>
      <c r="CX3035" s="98"/>
      <c r="DL3035" s="97"/>
      <c r="DX3035" s="98"/>
      <c r="EL3035" s="97"/>
      <c r="EX3035" s="98"/>
      <c r="EY3035" s="97"/>
      <c r="FL3035" s="126"/>
      <c r="FM3035" s="91"/>
      <c r="FN3035" s="91"/>
      <c r="FO3035" s="91"/>
      <c r="FP3035" s="91"/>
      <c r="FQ3035" s="91"/>
      <c r="FR3035" s="91"/>
      <c r="FS3035" s="91"/>
      <c r="FT3035" s="91"/>
      <c r="FU3035" s="91"/>
      <c r="FV3035" s="91"/>
      <c r="FW3035" s="91"/>
      <c r="FX3035" s="127"/>
      <c r="FY3035" s="126"/>
      <c r="FZ3035" s="91"/>
      <c r="GA3035" s="91"/>
      <c r="GB3035" s="91"/>
      <c r="GC3035" s="91"/>
      <c r="GD3035" s="91"/>
      <c r="GE3035" s="91"/>
      <c r="GF3035" s="91"/>
      <c r="GG3035" s="91"/>
      <c r="GH3035" s="91"/>
      <c r="GI3035" s="91"/>
      <c r="GJ3035" s="91"/>
      <c r="GK3035" s="127"/>
      <c r="GL3035" s="126"/>
      <c r="GM3035" s="91"/>
      <c r="GN3035" s="91"/>
      <c r="GO3035" s="91"/>
      <c r="GP3035" s="91"/>
      <c r="GQ3035" s="91"/>
      <c r="GR3035" s="91"/>
      <c r="GS3035" s="91"/>
      <c r="GT3035" s="91"/>
      <c r="GU3035" s="91"/>
      <c r="GV3035" s="91"/>
      <c r="GW3035" s="91"/>
      <c r="GX3035" s="127"/>
      <c r="GY3035" s="126"/>
      <c r="GZ3035" s="91"/>
      <c r="HA3035" s="91"/>
      <c r="HB3035" s="91"/>
      <c r="HC3035" s="91"/>
      <c r="HD3035" s="91"/>
      <c r="HE3035" s="91"/>
      <c r="HF3035" s="91"/>
      <c r="HG3035" s="91"/>
      <c r="HH3035" s="91"/>
      <c r="HI3035" s="91"/>
      <c r="HJ3035" s="91"/>
      <c r="HK3035" s="127"/>
      <c r="HL3035" s="126"/>
      <c r="HM3035" s="91"/>
      <c r="HN3035" s="91"/>
      <c r="HO3035" s="91"/>
      <c r="HP3035" s="91"/>
      <c r="HQ3035" s="91"/>
      <c r="HR3035" s="91"/>
      <c r="HS3035" s="91"/>
      <c r="HT3035" s="91"/>
      <c r="HU3035" s="91"/>
      <c r="HV3035" s="91"/>
      <c r="HW3035" s="91"/>
      <c r="HX3035" s="127"/>
      <c r="HY3035" s="126"/>
      <c r="HZ3035" s="91"/>
      <c r="IA3035" s="91"/>
      <c r="IB3035" s="91"/>
      <c r="IC3035" s="91"/>
      <c r="ID3035" s="91"/>
      <c r="IE3035" s="91"/>
      <c r="IF3035" s="91"/>
      <c r="IG3035" s="91"/>
      <c r="IH3035" s="91"/>
      <c r="II3035" s="91"/>
      <c r="IJ3035" s="91"/>
      <c r="IK3035" s="174"/>
    </row>
    <row r="3036" spans="2:245" x14ac:dyDescent="0.2">
      <c r="B3036" s="43"/>
      <c r="C3036" s="73"/>
      <c r="D3036" s="64"/>
      <c r="E3036" s="64"/>
      <c r="F3036" s="55"/>
      <c r="G3036" s="102"/>
      <c r="H3036" s="97"/>
      <c r="T3036" s="98"/>
      <c r="U3036" s="97"/>
      <c r="AG3036" s="98"/>
      <c r="AY3036" s="164"/>
      <c r="BK3036" s="98"/>
      <c r="BL3036" s="97"/>
      <c r="BX3036" s="98"/>
      <c r="CL3036" s="97"/>
      <c r="CX3036" s="98"/>
      <c r="DL3036" s="97"/>
      <c r="DX3036" s="98"/>
      <c r="EL3036" s="97"/>
      <c r="EX3036" s="98"/>
      <c r="EY3036" s="97"/>
      <c r="FL3036" s="126"/>
      <c r="FM3036" s="91"/>
      <c r="FN3036" s="91"/>
      <c r="FO3036" s="91"/>
      <c r="FP3036" s="91"/>
      <c r="FQ3036" s="91"/>
      <c r="FR3036" s="91"/>
      <c r="FS3036" s="91"/>
      <c r="FT3036" s="91"/>
      <c r="FU3036" s="91"/>
      <c r="FV3036" s="91"/>
      <c r="FW3036" s="91"/>
      <c r="FX3036" s="127"/>
      <c r="FY3036" s="126"/>
      <c r="FZ3036" s="91"/>
      <c r="GA3036" s="91"/>
      <c r="GB3036" s="91"/>
      <c r="GC3036" s="91"/>
      <c r="GD3036" s="91"/>
      <c r="GE3036" s="91"/>
      <c r="GF3036" s="91"/>
      <c r="GG3036" s="91"/>
      <c r="GH3036" s="91"/>
      <c r="GI3036" s="91"/>
      <c r="GJ3036" s="91"/>
      <c r="GK3036" s="127"/>
      <c r="GL3036" s="126"/>
      <c r="GM3036" s="91"/>
      <c r="GN3036" s="91"/>
      <c r="GO3036" s="91"/>
      <c r="GP3036" s="91"/>
      <c r="GQ3036" s="91"/>
      <c r="GR3036" s="91"/>
      <c r="GS3036" s="91"/>
      <c r="GT3036" s="91"/>
      <c r="GU3036" s="91"/>
      <c r="GV3036" s="91"/>
      <c r="GW3036" s="91"/>
      <c r="GX3036" s="127"/>
      <c r="GY3036" s="126"/>
      <c r="GZ3036" s="91"/>
      <c r="HA3036" s="91"/>
      <c r="HB3036" s="91"/>
      <c r="HC3036" s="91"/>
      <c r="HD3036" s="91"/>
      <c r="HE3036" s="91"/>
      <c r="HF3036" s="91"/>
      <c r="HG3036" s="91"/>
      <c r="HH3036" s="91"/>
      <c r="HI3036" s="91"/>
      <c r="HJ3036" s="91"/>
      <c r="HK3036" s="127"/>
      <c r="HL3036" s="126"/>
      <c r="HM3036" s="91"/>
      <c r="HN3036" s="91"/>
      <c r="HO3036" s="91"/>
      <c r="HP3036" s="91"/>
      <c r="HQ3036" s="91"/>
      <c r="HR3036" s="91"/>
      <c r="HS3036" s="91"/>
      <c r="HT3036" s="91"/>
      <c r="HU3036" s="91"/>
      <c r="HV3036" s="91"/>
      <c r="HW3036" s="91"/>
      <c r="HX3036" s="127"/>
      <c r="HY3036" s="126"/>
      <c r="HZ3036" s="91"/>
      <c r="IA3036" s="91"/>
      <c r="IB3036" s="91"/>
      <c r="IC3036" s="91"/>
      <c r="ID3036" s="91"/>
      <c r="IE3036" s="91"/>
      <c r="IF3036" s="91"/>
      <c r="IG3036" s="91"/>
      <c r="IH3036" s="91"/>
      <c r="II3036" s="91"/>
      <c r="IJ3036" s="91"/>
      <c r="IK3036" s="174"/>
    </row>
    <row r="3037" spans="2:245" x14ac:dyDescent="0.2">
      <c r="B3037" s="43"/>
      <c r="C3037" s="73"/>
      <c r="D3037" s="64"/>
      <c r="E3037" s="64"/>
      <c r="F3037" s="55"/>
      <c r="G3037" s="102"/>
      <c r="H3037" s="97"/>
      <c r="T3037" s="98"/>
      <c r="U3037" s="97"/>
      <c r="AG3037" s="98"/>
      <c r="AY3037" s="164"/>
      <c r="BK3037" s="98"/>
      <c r="BL3037" s="97"/>
      <c r="BX3037" s="98"/>
      <c r="CL3037" s="97"/>
      <c r="CX3037" s="98"/>
      <c r="DL3037" s="97"/>
      <c r="DX3037" s="98"/>
      <c r="EL3037" s="97"/>
      <c r="EX3037" s="98"/>
      <c r="EY3037" s="97"/>
      <c r="FL3037" s="126"/>
      <c r="FM3037" s="91"/>
      <c r="FN3037" s="91"/>
      <c r="FO3037" s="91"/>
      <c r="FP3037" s="91"/>
      <c r="FQ3037" s="91"/>
      <c r="FR3037" s="91"/>
      <c r="FS3037" s="91"/>
      <c r="FT3037" s="91"/>
      <c r="FU3037" s="91"/>
      <c r="FV3037" s="91"/>
      <c r="FW3037" s="91"/>
      <c r="FX3037" s="127"/>
      <c r="FY3037" s="126"/>
      <c r="FZ3037" s="91"/>
      <c r="GA3037" s="91"/>
      <c r="GB3037" s="91"/>
      <c r="GC3037" s="91"/>
      <c r="GD3037" s="91"/>
      <c r="GE3037" s="91"/>
      <c r="GF3037" s="91"/>
      <c r="GG3037" s="91"/>
      <c r="GH3037" s="91"/>
      <c r="GI3037" s="91"/>
      <c r="GJ3037" s="91"/>
      <c r="GK3037" s="127"/>
      <c r="GL3037" s="126"/>
      <c r="GM3037" s="91"/>
      <c r="GN3037" s="91"/>
      <c r="GO3037" s="91"/>
      <c r="GP3037" s="91"/>
      <c r="GQ3037" s="91"/>
      <c r="GR3037" s="91"/>
      <c r="GS3037" s="91"/>
      <c r="GT3037" s="91"/>
      <c r="GU3037" s="91"/>
      <c r="GV3037" s="91"/>
      <c r="GW3037" s="91"/>
      <c r="GX3037" s="127"/>
      <c r="GY3037" s="126"/>
      <c r="GZ3037" s="91"/>
      <c r="HA3037" s="91"/>
      <c r="HB3037" s="91"/>
      <c r="HC3037" s="91"/>
      <c r="HD3037" s="91"/>
      <c r="HE3037" s="91"/>
      <c r="HF3037" s="91"/>
      <c r="HG3037" s="91"/>
      <c r="HH3037" s="91"/>
      <c r="HI3037" s="91"/>
      <c r="HJ3037" s="91"/>
      <c r="HK3037" s="127"/>
      <c r="HL3037" s="126"/>
      <c r="HM3037" s="91"/>
      <c r="HN3037" s="91"/>
      <c r="HO3037" s="91"/>
      <c r="HP3037" s="91"/>
      <c r="HQ3037" s="91"/>
      <c r="HR3037" s="91"/>
      <c r="HS3037" s="91"/>
      <c r="HT3037" s="91"/>
      <c r="HU3037" s="91"/>
      <c r="HV3037" s="91"/>
      <c r="HW3037" s="91"/>
      <c r="HX3037" s="127"/>
      <c r="HY3037" s="126"/>
      <c r="HZ3037" s="91"/>
      <c r="IA3037" s="91"/>
      <c r="IB3037" s="91"/>
      <c r="IC3037" s="91"/>
      <c r="ID3037" s="91"/>
      <c r="IE3037" s="91"/>
      <c r="IF3037" s="91"/>
      <c r="IG3037" s="91"/>
      <c r="IH3037" s="91"/>
      <c r="II3037" s="91"/>
      <c r="IJ3037" s="91"/>
      <c r="IK3037" s="174"/>
    </row>
    <row r="3038" spans="2:245" x14ac:dyDescent="0.2">
      <c r="B3038" s="43"/>
      <c r="C3038" s="73"/>
      <c r="D3038" s="64"/>
      <c r="E3038" s="64"/>
      <c r="F3038" s="55"/>
      <c r="G3038" s="102"/>
      <c r="H3038" s="97"/>
      <c r="T3038" s="98"/>
      <c r="U3038" s="97"/>
      <c r="AG3038" s="98"/>
      <c r="AY3038" s="164"/>
      <c r="BK3038" s="98"/>
      <c r="BL3038" s="97"/>
      <c r="BX3038" s="98"/>
      <c r="CL3038" s="97"/>
      <c r="CX3038" s="98"/>
      <c r="DL3038" s="97"/>
      <c r="DX3038" s="98"/>
      <c r="EL3038" s="97"/>
      <c r="EX3038" s="98"/>
      <c r="EY3038" s="97"/>
      <c r="FL3038" s="126"/>
      <c r="FM3038" s="91"/>
      <c r="FN3038" s="91"/>
      <c r="FO3038" s="91"/>
      <c r="FP3038" s="91"/>
      <c r="FQ3038" s="91"/>
      <c r="FR3038" s="91"/>
      <c r="FS3038" s="91"/>
      <c r="FT3038" s="91"/>
      <c r="FU3038" s="91"/>
      <c r="FV3038" s="91"/>
      <c r="FW3038" s="91"/>
      <c r="FX3038" s="127"/>
      <c r="FY3038" s="126"/>
      <c r="FZ3038" s="91"/>
      <c r="GA3038" s="91"/>
      <c r="GB3038" s="91"/>
      <c r="GC3038" s="91"/>
      <c r="GD3038" s="91"/>
      <c r="GE3038" s="91"/>
      <c r="GF3038" s="91"/>
      <c r="GG3038" s="91"/>
      <c r="GH3038" s="91"/>
      <c r="GI3038" s="91"/>
      <c r="GJ3038" s="91"/>
      <c r="GK3038" s="127"/>
      <c r="GL3038" s="126"/>
      <c r="GM3038" s="91"/>
      <c r="GN3038" s="91"/>
      <c r="GO3038" s="91"/>
      <c r="GP3038" s="91"/>
      <c r="GQ3038" s="91"/>
      <c r="GR3038" s="91"/>
      <c r="GS3038" s="91"/>
      <c r="GT3038" s="91"/>
      <c r="GU3038" s="91"/>
      <c r="GV3038" s="91"/>
      <c r="GW3038" s="91"/>
      <c r="GX3038" s="127"/>
      <c r="GY3038" s="126"/>
      <c r="GZ3038" s="91"/>
      <c r="HA3038" s="91"/>
      <c r="HB3038" s="91"/>
      <c r="HC3038" s="91"/>
      <c r="HD3038" s="91"/>
      <c r="HE3038" s="91"/>
      <c r="HF3038" s="91"/>
      <c r="HG3038" s="91"/>
      <c r="HH3038" s="91"/>
      <c r="HI3038" s="91"/>
      <c r="HJ3038" s="91"/>
      <c r="HK3038" s="127"/>
      <c r="HL3038" s="126"/>
      <c r="HM3038" s="91"/>
      <c r="HN3038" s="91"/>
      <c r="HO3038" s="91"/>
      <c r="HP3038" s="91"/>
      <c r="HQ3038" s="91"/>
      <c r="HR3038" s="91"/>
      <c r="HS3038" s="91"/>
      <c r="HT3038" s="91"/>
      <c r="HU3038" s="91"/>
      <c r="HV3038" s="91"/>
      <c r="HW3038" s="91"/>
      <c r="HX3038" s="127"/>
      <c r="HY3038" s="126"/>
      <c r="HZ3038" s="91"/>
      <c r="IA3038" s="91"/>
      <c r="IB3038" s="91"/>
      <c r="IC3038" s="91"/>
      <c r="ID3038" s="91"/>
      <c r="IE3038" s="91"/>
      <c r="IF3038" s="91"/>
      <c r="IG3038" s="91"/>
      <c r="IH3038" s="91"/>
      <c r="II3038" s="91"/>
      <c r="IJ3038" s="91"/>
      <c r="IK3038" s="174"/>
    </row>
    <row r="3039" spans="2:245" x14ac:dyDescent="0.2">
      <c r="B3039" s="43"/>
      <c r="C3039" s="73"/>
      <c r="D3039" s="64"/>
      <c r="E3039" s="64"/>
      <c r="F3039" s="55"/>
      <c r="G3039" s="102"/>
      <c r="H3039" s="97"/>
      <c r="T3039" s="98"/>
      <c r="U3039" s="97"/>
      <c r="AG3039" s="98"/>
      <c r="AY3039" s="164"/>
      <c r="BK3039" s="98"/>
      <c r="BL3039" s="97"/>
      <c r="BX3039" s="98"/>
      <c r="CL3039" s="97"/>
      <c r="CX3039" s="98"/>
      <c r="DL3039" s="97"/>
      <c r="DX3039" s="98"/>
      <c r="EL3039" s="97"/>
      <c r="EX3039" s="98"/>
      <c r="EY3039" s="97"/>
      <c r="FL3039" s="126"/>
      <c r="FM3039" s="91"/>
      <c r="FN3039" s="91"/>
      <c r="FO3039" s="91"/>
      <c r="FP3039" s="91"/>
      <c r="FQ3039" s="91"/>
      <c r="FR3039" s="91"/>
      <c r="FS3039" s="91"/>
      <c r="FT3039" s="91"/>
      <c r="FU3039" s="91"/>
      <c r="FV3039" s="91"/>
      <c r="FW3039" s="91"/>
      <c r="FX3039" s="127"/>
      <c r="FY3039" s="126"/>
      <c r="FZ3039" s="91"/>
      <c r="GA3039" s="91"/>
      <c r="GB3039" s="91"/>
      <c r="GC3039" s="91"/>
      <c r="GD3039" s="91"/>
      <c r="GE3039" s="91"/>
      <c r="GF3039" s="91"/>
      <c r="GG3039" s="91"/>
      <c r="GH3039" s="91"/>
      <c r="GI3039" s="91"/>
      <c r="GJ3039" s="91"/>
      <c r="GK3039" s="127"/>
      <c r="GL3039" s="126"/>
      <c r="GM3039" s="91"/>
      <c r="GN3039" s="91"/>
      <c r="GO3039" s="91"/>
      <c r="GP3039" s="91"/>
      <c r="GQ3039" s="91"/>
      <c r="GR3039" s="91"/>
      <c r="GS3039" s="91"/>
      <c r="GT3039" s="91"/>
      <c r="GU3039" s="91"/>
      <c r="GV3039" s="91"/>
      <c r="GW3039" s="91"/>
      <c r="GX3039" s="127"/>
      <c r="GY3039" s="126"/>
      <c r="GZ3039" s="91"/>
      <c r="HA3039" s="91"/>
      <c r="HB3039" s="91"/>
      <c r="HC3039" s="91"/>
      <c r="HD3039" s="91"/>
      <c r="HE3039" s="91"/>
      <c r="HF3039" s="91"/>
      <c r="HG3039" s="91"/>
      <c r="HH3039" s="91"/>
      <c r="HI3039" s="91"/>
      <c r="HJ3039" s="91"/>
      <c r="HK3039" s="127"/>
      <c r="HL3039" s="126"/>
      <c r="HM3039" s="91"/>
      <c r="HN3039" s="91"/>
      <c r="HO3039" s="91"/>
      <c r="HP3039" s="91"/>
      <c r="HQ3039" s="91"/>
      <c r="HR3039" s="91"/>
      <c r="HS3039" s="91"/>
      <c r="HT3039" s="91"/>
      <c r="HU3039" s="91"/>
      <c r="HV3039" s="91"/>
      <c r="HW3039" s="91"/>
      <c r="HX3039" s="127"/>
      <c r="HY3039" s="126"/>
      <c r="HZ3039" s="91"/>
      <c r="IA3039" s="91"/>
      <c r="IB3039" s="91"/>
      <c r="IC3039" s="91"/>
      <c r="ID3039" s="91"/>
      <c r="IE3039" s="91"/>
      <c r="IF3039" s="91"/>
      <c r="IG3039" s="91"/>
      <c r="IH3039" s="91"/>
      <c r="II3039" s="91"/>
      <c r="IJ3039" s="91"/>
      <c r="IK3039" s="174"/>
    </row>
    <row r="3040" spans="2:245" x14ac:dyDescent="0.2">
      <c r="B3040" s="43"/>
      <c r="C3040" s="73"/>
      <c r="D3040" s="64"/>
      <c r="E3040" s="64"/>
      <c r="F3040" s="55"/>
      <c r="G3040" s="102"/>
      <c r="H3040" s="97"/>
      <c r="T3040" s="98"/>
      <c r="U3040" s="97"/>
      <c r="AG3040" s="98"/>
      <c r="AY3040" s="164"/>
      <c r="BK3040" s="98"/>
      <c r="BL3040" s="97"/>
      <c r="BX3040" s="98"/>
      <c r="CL3040" s="97"/>
      <c r="CX3040" s="98"/>
      <c r="DL3040" s="97"/>
      <c r="DX3040" s="98"/>
      <c r="EL3040" s="97"/>
      <c r="EX3040" s="98"/>
      <c r="EY3040" s="97"/>
      <c r="FL3040" s="126"/>
      <c r="FM3040" s="91"/>
      <c r="FN3040" s="91"/>
      <c r="FO3040" s="91"/>
      <c r="FP3040" s="91"/>
      <c r="FQ3040" s="91"/>
      <c r="FR3040" s="91"/>
      <c r="FS3040" s="91"/>
      <c r="FT3040" s="91"/>
      <c r="FU3040" s="91"/>
      <c r="FV3040" s="91"/>
      <c r="FW3040" s="91"/>
      <c r="FX3040" s="127"/>
      <c r="FY3040" s="126"/>
      <c r="FZ3040" s="91"/>
      <c r="GA3040" s="91"/>
      <c r="GB3040" s="91"/>
      <c r="GC3040" s="91"/>
      <c r="GD3040" s="91"/>
      <c r="GE3040" s="91"/>
      <c r="GF3040" s="91"/>
      <c r="GG3040" s="91"/>
      <c r="GH3040" s="91"/>
      <c r="GI3040" s="91"/>
      <c r="GJ3040" s="91"/>
      <c r="GK3040" s="127"/>
      <c r="GL3040" s="126"/>
      <c r="GM3040" s="91"/>
      <c r="GN3040" s="91"/>
      <c r="GO3040" s="91"/>
      <c r="GP3040" s="91"/>
      <c r="GQ3040" s="91"/>
      <c r="GR3040" s="91"/>
      <c r="GS3040" s="91"/>
      <c r="GT3040" s="91"/>
      <c r="GU3040" s="91"/>
      <c r="GV3040" s="91"/>
      <c r="GW3040" s="91"/>
      <c r="GX3040" s="127"/>
      <c r="GY3040" s="126"/>
      <c r="GZ3040" s="91"/>
      <c r="HA3040" s="91"/>
      <c r="HB3040" s="91"/>
      <c r="HC3040" s="91"/>
      <c r="HD3040" s="91"/>
      <c r="HE3040" s="91"/>
      <c r="HF3040" s="91"/>
      <c r="HG3040" s="91"/>
      <c r="HH3040" s="91"/>
      <c r="HI3040" s="91"/>
      <c r="HJ3040" s="91"/>
      <c r="HK3040" s="127"/>
      <c r="HL3040" s="126"/>
      <c r="HM3040" s="91"/>
      <c r="HN3040" s="91"/>
      <c r="HO3040" s="91"/>
      <c r="HP3040" s="91"/>
      <c r="HQ3040" s="91"/>
      <c r="HR3040" s="91"/>
      <c r="HS3040" s="91"/>
      <c r="HT3040" s="91"/>
      <c r="HU3040" s="91"/>
      <c r="HV3040" s="91"/>
      <c r="HW3040" s="91"/>
      <c r="HX3040" s="127"/>
      <c r="HY3040" s="126"/>
      <c r="HZ3040" s="91"/>
      <c r="IA3040" s="91"/>
      <c r="IB3040" s="91"/>
      <c r="IC3040" s="91"/>
      <c r="ID3040" s="91"/>
      <c r="IE3040" s="91"/>
      <c r="IF3040" s="91"/>
      <c r="IG3040" s="91"/>
      <c r="IH3040" s="91"/>
      <c r="II3040" s="91"/>
      <c r="IJ3040" s="91"/>
      <c r="IK3040" s="174"/>
    </row>
    <row r="3041" spans="2:245" x14ac:dyDescent="0.2">
      <c r="B3041" s="43"/>
      <c r="C3041" s="73"/>
      <c r="D3041" s="64"/>
      <c r="E3041" s="64"/>
      <c r="F3041" s="55"/>
      <c r="G3041" s="102"/>
      <c r="H3041" s="97"/>
      <c r="T3041" s="98"/>
      <c r="U3041" s="97"/>
      <c r="AG3041" s="98"/>
      <c r="AY3041" s="164"/>
      <c r="BK3041" s="98"/>
      <c r="BL3041" s="97"/>
      <c r="BX3041" s="98"/>
      <c r="CL3041" s="97"/>
      <c r="CX3041" s="98"/>
      <c r="DL3041" s="97"/>
      <c r="DX3041" s="98"/>
      <c r="EL3041" s="97"/>
      <c r="EX3041" s="98"/>
      <c r="EY3041" s="97"/>
      <c r="FL3041" s="126"/>
      <c r="FM3041" s="91"/>
      <c r="FN3041" s="91"/>
      <c r="FO3041" s="91"/>
      <c r="FP3041" s="91"/>
      <c r="FQ3041" s="91"/>
      <c r="FR3041" s="91"/>
      <c r="FS3041" s="91"/>
      <c r="FT3041" s="91"/>
      <c r="FU3041" s="91"/>
      <c r="FV3041" s="91"/>
      <c r="FW3041" s="91"/>
      <c r="FX3041" s="127"/>
      <c r="FY3041" s="126"/>
      <c r="FZ3041" s="91"/>
      <c r="GA3041" s="91"/>
      <c r="GB3041" s="91"/>
      <c r="GC3041" s="91"/>
      <c r="GD3041" s="91"/>
      <c r="GE3041" s="91"/>
      <c r="GF3041" s="91"/>
      <c r="GG3041" s="91"/>
      <c r="GH3041" s="91"/>
      <c r="GI3041" s="91"/>
      <c r="GJ3041" s="91"/>
      <c r="GK3041" s="127"/>
      <c r="GL3041" s="126"/>
      <c r="GM3041" s="91"/>
      <c r="GN3041" s="91"/>
      <c r="GO3041" s="91"/>
      <c r="GP3041" s="91"/>
      <c r="GQ3041" s="91"/>
      <c r="GR3041" s="91"/>
      <c r="GS3041" s="91"/>
      <c r="GT3041" s="91"/>
      <c r="GU3041" s="91"/>
      <c r="GV3041" s="91"/>
      <c r="GW3041" s="91"/>
      <c r="GX3041" s="127"/>
      <c r="GY3041" s="126"/>
      <c r="GZ3041" s="91"/>
      <c r="HA3041" s="91"/>
      <c r="HB3041" s="91"/>
      <c r="HC3041" s="91"/>
      <c r="HD3041" s="91"/>
      <c r="HE3041" s="91"/>
      <c r="HF3041" s="91"/>
      <c r="HG3041" s="91"/>
      <c r="HH3041" s="91"/>
      <c r="HI3041" s="91"/>
      <c r="HJ3041" s="91"/>
      <c r="HK3041" s="127"/>
      <c r="HL3041" s="126"/>
      <c r="HM3041" s="91"/>
      <c r="HN3041" s="91"/>
      <c r="HO3041" s="91"/>
      <c r="HP3041" s="91"/>
      <c r="HQ3041" s="91"/>
      <c r="HR3041" s="91"/>
      <c r="HS3041" s="91"/>
      <c r="HT3041" s="91"/>
      <c r="HU3041" s="91"/>
      <c r="HV3041" s="91"/>
      <c r="HW3041" s="91"/>
      <c r="HX3041" s="127"/>
      <c r="HY3041" s="126"/>
      <c r="HZ3041" s="91"/>
      <c r="IA3041" s="91"/>
      <c r="IB3041" s="91"/>
      <c r="IC3041" s="91"/>
      <c r="ID3041" s="91"/>
      <c r="IE3041" s="91"/>
      <c r="IF3041" s="91"/>
      <c r="IG3041" s="91"/>
      <c r="IH3041" s="91"/>
      <c r="II3041" s="91"/>
      <c r="IJ3041" s="91"/>
      <c r="IK3041" s="174"/>
    </row>
    <row r="3042" spans="2:245" x14ac:dyDescent="0.2">
      <c r="B3042" s="43"/>
      <c r="C3042" s="73"/>
      <c r="D3042" s="64"/>
      <c r="E3042" s="64"/>
      <c r="F3042" s="55"/>
      <c r="G3042" s="102"/>
      <c r="H3042" s="97"/>
      <c r="T3042" s="98"/>
      <c r="U3042" s="97"/>
      <c r="AG3042" s="98"/>
      <c r="AY3042" s="164"/>
      <c r="BK3042" s="98"/>
      <c r="BL3042" s="97"/>
      <c r="BX3042" s="98"/>
      <c r="CL3042" s="97"/>
      <c r="CX3042" s="98"/>
      <c r="DL3042" s="97"/>
      <c r="DX3042" s="98"/>
      <c r="EL3042" s="97"/>
      <c r="EX3042" s="98"/>
      <c r="EY3042" s="97"/>
      <c r="FL3042" s="126"/>
      <c r="FM3042" s="91"/>
      <c r="FN3042" s="91"/>
      <c r="FO3042" s="91"/>
      <c r="FP3042" s="91"/>
      <c r="FQ3042" s="91"/>
      <c r="FR3042" s="91"/>
      <c r="FS3042" s="91"/>
      <c r="FT3042" s="91"/>
      <c r="FU3042" s="91"/>
      <c r="FV3042" s="91"/>
      <c r="FW3042" s="91"/>
      <c r="FX3042" s="127"/>
      <c r="FY3042" s="126"/>
      <c r="FZ3042" s="91"/>
      <c r="GA3042" s="91"/>
      <c r="GB3042" s="91"/>
      <c r="GC3042" s="91"/>
      <c r="GD3042" s="91"/>
      <c r="GE3042" s="91"/>
      <c r="GF3042" s="91"/>
      <c r="GG3042" s="91"/>
      <c r="GH3042" s="91"/>
      <c r="GI3042" s="91"/>
      <c r="GJ3042" s="91"/>
      <c r="GK3042" s="127"/>
      <c r="GL3042" s="126"/>
      <c r="GM3042" s="91"/>
      <c r="GN3042" s="91"/>
      <c r="GO3042" s="91"/>
      <c r="GP3042" s="91"/>
      <c r="GQ3042" s="91"/>
      <c r="GR3042" s="91"/>
      <c r="GS3042" s="91"/>
      <c r="GT3042" s="91"/>
      <c r="GU3042" s="91"/>
      <c r="GV3042" s="91"/>
      <c r="GW3042" s="91"/>
      <c r="GX3042" s="127"/>
      <c r="GY3042" s="126"/>
      <c r="GZ3042" s="91"/>
      <c r="HA3042" s="91"/>
      <c r="HB3042" s="91"/>
      <c r="HC3042" s="91"/>
      <c r="HD3042" s="91"/>
      <c r="HE3042" s="91"/>
      <c r="HF3042" s="91"/>
      <c r="HG3042" s="91"/>
      <c r="HH3042" s="91"/>
      <c r="HI3042" s="91"/>
      <c r="HJ3042" s="91"/>
      <c r="HK3042" s="127"/>
      <c r="HL3042" s="126"/>
      <c r="HM3042" s="91"/>
      <c r="HN3042" s="91"/>
      <c r="HO3042" s="91"/>
      <c r="HP3042" s="91"/>
      <c r="HQ3042" s="91"/>
      <c r="HR3042" s="91"/>
      <c r="HS3042" s="91"/>
      <c r="HT3042" s="91"/>
      <c r="HU3042" s="91"/>
      <c r="HV3042" s="91"/>
      <c r="HW3042" s="91"/>
      <c r="HX3042" s="127"/>
      <c r="HY3042" s="126"/>
      <c r="HZ3042" s="91"/>
      <c r="IA3042" s="91"/>
      <c r="IB3042" s="91"/>
      <c r="IC3042" s="91"/>
      <c r="ID3042" s="91"/>
      <c r="IE3042" s="91"/>
      <c r="IF3042" s="91"/>
      <c r="IG3042" s="91"/>
      <c r="IH3042" s="91"/>
      <c r="II3042" s="91"/>
      <c r="IJ3042" s="91"/>
      <c r="IK3042" s="174"/>
    </row>
    <row r="3043" spans="2:245" x14ac:dyDescent="0.2">
      <c r="B3043" s="43"/>
      <c r="C3043" s="73"/>
      <c r="D3043" s="64"/>
      <c r="E3043" s="64"/>
      <c r="F3043" s="55"/>
      <c r="G3043" s="102"/>
      <c r="H3043" s="97"/>
      <c r="T3043" s="98"/>
      <c r="U3043" s="97"/>
      <c r="AG3043" s="98"/>
      <c r="AY3043" s="164"/>
      <c r="BK3043" s="98"/>
      <c r="BL3043" s="97"/>
      <c r="BX3043" s="98"/>
      <c r="CL3043" s="97"/>
      <c r="CX3043" s="98"/>
      <c r="DL3043" s="97"/>
      <c r="DX3043" s="98"/>
      <c r="EL3043" s="97"/>
      <c r="EX3043" s="98"/>
      <c r="EY3043" s="97"/>
      <c r="FL3043" s="126"/>
      <c r="FM3043" s="91"/>
      <c r="FN3043" s="91"/>
      <c r="FO3043" s="91"/>
      <c r="FP3043" s="91"/>
      <c r="FQ3043" s="91"/>
      <c r="FR3043" s="91"/>
      <c r="FS3043" s="91"/>
      <c r="FT3043" s="91"/>
      <c r="FU3043" s="91"/>
      <c r="FV3043" s="91"/>
      <c r="FW3043" s="91"/>
      <c r="FX3043" s="127"/>
      <c r="FY3043" s="126"/>
      <c r="FZ3043" s="91"/>
      <c r="GA3043" s="91"/>
      <c r="GB3043" s="91"/>
      <c r="GC3043" s="91"/>
      <c r="GD3043" s="91"/>
      <c r="GE3043" s="91"/>
      <c r="GF3043" s="91"/>
      <c r="GG3043" s="91"/>
      <c r="GH3043" s="91"/>
      <c r="GI3043" s="91"/>
      <c r="GJ3043" s="91"/>
      <c r="GK3043" s="127"/>
      <c r="GL3043" s="126"/>
      <c r="GM3043" s="91"/>
      <c r="GN3043" s="91"/>
      <c r="GO3043" s="91"/>
      <c r="GP3043" s="91"/>
      <c r="GQ3043" s="91"/>
      <c r="GR3043" s="91"/>
      <c r="GS3043" s="91"/>
      <c r="GT3043" s="91"/>
      <c r="GU3043" s="91"/>
      <c r="GV3043" s="91"/>
      <c r="GW3043" s="91"/>
      <c r="GX3043" s="127"/>
      <c r="GY3043" s="126"/>
      <c r="GZ3043" s="91"/>
      <c r="HA3043" s="91"/>
      <c r="HB3043" s="91"/>
      <c r="HC3043" s="91"/>
      <c r="HD3043" s="91"/>
      <c r="HE3043" s="91"/>
      <c r="HF3043" s="91"/>
      <c r="HG3043" s="91"/>
      <c r="HH3043" s="91"/>
      <c r="HI3043" s="91"/>
      <c r="HJ3043" s="91"/>
      <c r="HK3043" s="127"/>
      <c r="HL3043" s="126"/>
      <c r="HM3043" s="91"/>
      <c r="HN3043" s="91"/>
      <c r="HO3043" s="91"/>
      <c r="HP3043" s="91"/>
      <c r="HQ3043" s="91"/>
      <c r="HR3043" s="91"/>
      <c r="HS3043" s="91"/>
      <c r="HT3043" s="91"/>
      <c r="HU3043" s="91"/>
      <c r="HV3043" s="91"/>
      <c r="HW3043" s="91"/>
      <c r="HX3043" s="127"/>
      <c r="HY3043" s="126"/>
      <c r="HZ3043" s="91"/>
      <c r="IA3043" s="91"/>
      <c r="IB3043" s="91"/>
      <c r="IC3043" s="91"/>
      <c r="ID3043" s="91"/>
      <c r="IE3043" s="91"/>
      <c r="IF3043" s="91"/>
      <c r="IG3043" s="91"/>
      <c r="IH3043" s="91"/>
      <c r="II3043" s="91"/>
      <c r="IJ3043" s="91"/>
      <c r="IK3043" s="174"/>
    </row>
    <row r="3044" spans="2:245" x14ac:dyDescent="0.2">
      <c r="B3044" s="43"/>
      <c r="C3044" s="73"/>
      <c r="D3044" s="64"/>
      <c r="E3044" s="64"/>
      <c r="F3044" s="55"/>
      <c r="G3044" s="102"/>
      <c r="H3044" s="97"/>
      <c r="T3044" s="98"/>
      <c r="U3044" s="97"/>
      <c r="AG3044" s="98"/>
      <c r="AY3044" s="164"/>
      <c r="BK3044" s="98"/>
      <c r="BL3044" s="97"/>
      <c r="BX3044" s="98"/>
      <c r="CL3044" s="97"/>
      <c r="CX3044" s="98"/>
      <c r="DL3044" s="97"/>
      <c r="DX3044" s="98"/>
      <c r="EL3044" s="97"/>
      <c r="EX3044" s="98"/>
      <c r="EY3044" s="97"/>
      <c r="FL3044" s="126"/>
      <c r="FM3044" s="91"/>
      <c r="FN3044" s="91"/>
      <c r="FO3044" s="91"/>
      <c r="FP3044" s="91"/>
      <c r="FQ3044" s="91"/>
      <c r="FR3044" s="91"/>
      <c r="FS3044" s="91"/>
      <c r="FT3044" s="91"/>
      <c r="FU3044" s="91"/>
      <c r="FV3044" s="91"/>
      <c r="FW3044" s="91"/>
      <c r="FX3044" s="127"/>
      <c r="FY3044" s="126"/>
      <c r="FZ3044" s="91"/>
      <c r="GA3044" s="91"/>
      <c r="GB3044" s="91"/>
      <c r="GC3044" s="91"/>
      <c r="GD3044" s="91"/>
      <c r="GE3044" s="91"/>
      <c r="GF3044" s="91"/>
      <c r="GG3044" s="91"/>
      <c r="GH3044" s="91"/>
      <c r="GI3044" s="91"/>
      <c r="GJ3044" s="91"/>
      <c r="GK3044" s="127"/>
      <c r="GL3044" s="126"/>
      <c r="GM3044" s="91"/>
      <c r="GN3044" s="91"/>
      <c r="GO3044" s="91"/>
      <c r="GP3044" s="91"/>
      <c r="GQ3044" s="91"/>
      <c r="GR3044" s="91"/>
      <c r="GS3044" s="91"/>
      <c r="GT3044" s="91"/>
      <c r="GU3044" s="91"/>
      <c r="GV3044" s="91"/>
      <c r="GW3044" s="91"/>
      <c r="GX3044" s="127"/>
      <c r="GY3044" s="126"/>
      <c r="GZ3044" s="91"/>
      <c r="HA3044" s="91"/>
      <c r="HB3044" s="91"/>
      <c r="HC3044" s="91"/>
      <c r="HD3044" s="91"/>
      <c r="HE3044" s="91"/>
      <c r="HF3044" s="91"/>
      <c r="HG3044" s="91"/>
      <c r="HH3044" s="91"/>
      <c r="HI3044" s="91"/>
      <c r="HJ3044" s="91"/>
      <c r="HK3044" s="127"/>
      <c r="HL3044" s="126"/>
      <c r="HM3044" s="91"/>
      <c r="HN3044" s="91"/>
      <c r="HO3044" s="91"/>
      <c r="HP3044" s="91"/>
      <c r="HQ3044" s="91"/>
      <c r="HR3044" s="91"/>
      <c r="HS3044" s="91"/>
      <c r="HT3044" s="91"/>
      <c r="HU3044" s="91"/>
      <c r="HV3044" s="91"/>
      <c r="HW3044" s="91"/>
      <c r="HX3044" s="127"/>
      <c r="HY3044" s="126"/>
      <c r="HZ3044" s="91"/>
      <c r="IA3044" s="91"/>
      <c r="IB3044" s="91"/>
      <c r="IC3044" s="91"/>
      <c r="ID3044" s="91"/>
      <c r="IE3044" s="91"/>
      <c r="IF3044" s="91"/>
      <c r="IG3044" s="91"/>
      <c r="IH3044" s="91"/>
      <c r="II3044" s="91"/>
      <c r="IJ3044" s="91"/>
      <c r="IK3044" s="174"/>
    </row>
    <row r="3045" spans="2:245" x14ac:dyDescent="0.2">
      <c r="B3045" s="43"/>
      <c r="C3045" s="73"/>
      <c r="D3045" s="64"/>
      <c r="E3045" s="64"/>
      <c r="F3045" s="55"/>
      <c r="G3045" s="102"/>
      <c r="H3045" s="97"/>
      <c r="T3045" s="98"/>
      <c r="U3045" s="97"/>
      <c r="AG3045" s="98"/>
      <c r="AY3045" s="164"/>
      <c r="BK3045" s="98"/>
      <c r="BL3045" s="97"/>
      <c r="BX3045" s="98"/>
      <c r="CL3045" s="97"/>
      <c r="CX3045" s="98"/>
      <c r="DL3045" s="97"/>
      <c r="DX3045" s="98"/>
      <c r="EL3045" s="97"/>
      <c r="EX3045" s="98"/>
      <c r="EY3045" s="97"/>
      <c r="FL3045" s="126"/>
      <c r="FM3045" s="91"/>
      <c r="FN3045" s="91"/>
      <c r="FO3045" s="91"/>
      <c r="FP3045" s="91"/>
      <c r="FQ3045" s="91"/>
      <c r="FR3045" s="91"/>
      <c r="FS3045" s="91"/>
      <c r="FT3045" s="91"/>
      <c r="FU3045" s="91"/>
      <c r="FV3045" s="91"/>
      <c r="FW3045" s="91"/>
      <c r="FX3045" s="127"/>
      <c r="FY3045" s="126"/>
      <c r="FZ3045" s="91"/>
      <c r="GA3045" s="91"/>
      <c r="GB3045" s="91"/>
      <c r="GC3045" s="91"/>
      <c r="GD3045" s="91"/>
      <c r="GE3045" s="91"/>
      <c r="GF3045" s="91"/>
      <c r="GG3045" s="91"/>
      <c r="GH3045" s="91"/>
      <c r="GI3045" s="91"/>
      <c r="GJ3045" s="91"/>
      <c r="GK3045" s="127"/>
      <c r="GL3045" s="126"/>
      <c r="GM3045" s="91"/>
      <c r="GN3045" s="91"/>
      <c r="GO3045" s="91"/>
      <c r="GP3045" s="91"/>
      <c r="GQ3045" s="91"/>
      <c r="GR3045" s="91"/>
      <c r="GS3045" s="91"/>
      <c r="GT3045" s="91"/>
      <c r="GU3045" s="91"/>
      <c r="GV3045" s="91"/>
      <c r="GW3045" s="91"/>
      <c r="GX3045" s="127"/>
      <c r="GY3045" s="126"/>
      <c r="GZ3045" s="91"/>
      <c r="HA3045" s="91"/>
      <c r="HB3045" s="91"/>
      <c r="HC3045" s="91"/>
      <c r="HD3045" s="91"/>
      <c r="HE3045" s="91"/>
      <c r="HF3045" s="91"/>
      <c r="HG3045" s="91"/>
      <c r="HH3045" s="91"/>
      <c r="HI3045" s="91"/>
      <c r="HJ3045" s="91"/>
      <c r="HK3045" s="127"/>
      <c r="HL3045" s="126"/>
      <c r="HM3045" s="91"/>
      <c r="HN3045" s="91"/>
      <c r="HO3045" s="91"/>
      <c r="HP3045" s="91"/>
      <c r="HQ3045" s="91"/>
      <c r="HR3045" s="91"/>
      <c r="HS3045" s="91"/>
      <c r="HT3045" s="91"/>
      <c r="HU3045" s="91"/>
      <c r="HV3045" s="91"/>
      <c r="HW3045" s="91"/>
      <c r="HX3045" s="127"/>
      <c r="HY3045" s="126"/>
      <c r="HZ3045" s="91"/>
      <c r="IA3045" s="91"/>
      <c r="IB3045" s="91"/>
      <c r="IC3045" s="91"/>
      <c r="ID3045" s="91"/>
      <c r="IE3045" s="91"/>
      <c r="IF3045" s="91"/>
      <c r="IG3045" s="91"/>
      <c r="IH3045" s="91"/>
      <c r="II3045" s="91"/>
      <c r="IJ3045" s="91"/>
      <c r="IK3045" s="174"/>
    </row>
    <row r="3046" spans="2:245" x14ac:dyDescent="0.2">
      <c r="B3046" s="43"/>
      <c r="C3046" s="73"/>
      <c r="D3046" s="64"/>
      <c r="E3046" s="64"/>
      <c r="F3046" s="55"/>
      <c r="G3046" s="102"/>
      <c r="H3046" s="97"/>
      <c r="T3046" s="98"/>
      <c r="U3046" s="97"/>
      <c r="AG3046" s="98"/>
      <c r="AY3046" s="164"/>
      <c r="BK3046" s="98"/>
      <c r="BL3046" s="97"/>
      <c r="BX3046" s="98"/>
      <c r="CL3046" s="97"/>
      <c r="CX3046" s="98"/>
      <c r="DL3046" s="97"/>
      <c r="DX3046" s="98"/>
      <c r="EL3046" s="97"/>
      <c r="EX3046" s="98"/>
      <c r="EY3046" s="97"/>
      <c r="FL3046" s="126"/>
      <c r="FM3046" s="91"/>
      <c r="FN3046" s="91"/>
      <c r="FO3046" s="91"/>
      <c r="FP3046" s="91"/>
      <c r="FQ3046" s="91"/>
      <c r="FR3046" s="91"/>
      <c r="FS3046" s="91"/>
      <c r="FT3046" s="91"/>
      <c r="FU3046" s="91"/>
      <c r="FV3046" s="91"/>
      <c r="FW3046" s="91"/>
      <c r="FX3046" s="127"/>
      <c r="FY3046" s="126"/>
      <c r="FZ3046" s="91"/>
      <c r="GA3046" s="91"/>
      <c r="GB3046" s="91"/>
      <c r="GC3046" s="91"/>
      <c r="GD3046" s="91"/>
      <c r="GE3046" s="91"/>
      <c r="GF3046" s="91"/>
      <c r="GG3046" s="91"/>
      <c r="GH3046" s="91"/>
      <c r="GI3046" s="91"/>
      <c r="GJ3046" s="91"/>
      <c r="GK3046" s="127"/>
      <c r="GL3046" s="126"/>
      <c r="GM3046" s="91"/>
      <c r="GN3046" s="91"/>
      <c r="GO3046" s="91"/>
      <c r="GP3046" s="91"/>
      <c r="GQ3046" s="91"/>
      <c r="GR3046" s="91"/>
      <c r="GS3046" s="91"/>
      <c r="GT3046" s="91"/>
      <c r="GU3046" s="91"/>
      <c r="GV3046" s="91"/>
      <c r="GW3046" s="91"/>
      <c r="GX3046" s="127"/>
      <c r="GY3046" s="126"/>
      <c r="GZ3046" s="91"/>
      <c r="HA3046" s="91"/>
      <c r="HB3046" s="91"/>
      <c r="HC3046" s="91"/>
      <c r="HD3046" s="91"/>
      <c r="HE3046" s="91"/>
      <c r="HF3046" s="91"/>
      <c r="HG3046" s="91"/>
      <c r="HH3046" s="91"/>
      <c r="HI3046" s="91"/>
      <c r="HJ3046" s="91"/>
      <c r="HK3046" s="127"/>
      <c r="HL3046" s="126"/>
      <c r="HM3046" s="91"/>
      <c r="HN3046" s="91"/>
      <c r="HO3046" s="91"/>
      <c r="HP3046" s="91"/>
      <c r="HQ3046" s="91"/>
      <c r="HR3046" s="91"/>
      <c r="HS3046" s="91"/>
      <c r="HT3046" s="91"/>
      <c r="HU3046" s="91"/>
      <c r="HV3046" s="91"/>
      <c r="HW3046" s="91"/>
      <c r="HX3046" s="127"/>
      <c r="HY3046" s="126"/>
      <c r="HZ3046" s="91"/>
      <c r="IA3046" s="91"/>
      <c r="IB3046" s="91"/>
      <c r="IC3046" s="91"/>
      <c r="ID3046" s="91"/>
      <c r="IE3046" s="91"/>
      <c r="IF3046" s="91"/>
      <c r="IG3046" s="91"/>
      <c r="IH3046" s="91"/>
      <c r="II3046" s="91"/>
      <c r="IJ3046" s="91"/>
      <c r="IK3046" s="174"/>
    </row>
    <row r="3047" spans="2:245" x14ac:dyDescent="0.2">
      <c r="B3047" s="43"/>
      <c r="C3047" s="73"/>
      <c r="D3047" s="64"/>
      <c r="E3047" s="64"/>
      <c r="F3047" s="55"/>
      <c r="G3047" s="102"/>
      <c r="H3047" s="97"/>
      <c r="T3047" s="98"/>
      <c r="U3047" s="97"/>
      <c r="AG3047" s="98"/>
      <c r="AY3047" s="164"/>
      <c r="BK3047" s="98"/>
      <c r="BL3047" s="97"/>
      <c r="BX3047" s="98"/>
      <c r="CL3047" s="97"/>
      <c r="CX3047" s="98"/>
      <c r="DL3047" s="97"/>
      <c r="DX3047" s="98"/>
      <c r="EL3047" s="97"/>
      <c r="EX3047" s="98"/>
      <c r="EY3047" s="97"/>
      <c r="FL3047" s="126"/>
      <c r="FM3047" s="91"/>
      <c r="FN3047" s="91"/>
      <c r="FO3047" s="91"/>
      <c r="FP3047" s="91"/>
      <c r="FQ3047" s="91"/>
      <c r="FR3047" s="91"/>
      <c r="FS3047" s="91"/>
      <c r="FT3047" s="91"/>
      <c r="FU3047" s="91"/>
      <c r="FV3047" s="91"/>
      <c r="FW3047" s="91"/>
      <c r="FX3047" s="127"/>
      <c r="FY3047" s="126"/>
      <c r="FZ3047" s="91"/>
      <c r="GA3047" s="91"/>
      <c r="GB3047" s="91"/>
      <c r="GC3047" s="91"/>
      <c r="GD3047" s="91"/>
      <c r="GE3047" s="91"/>
      <c r="GF3047" s="91"/>
      <c r="GG3047" s="91"/>
      <c r="GH3047" s="91"/>
      <c r="GI3047" s="91"/>
      <c r="GJ3047" s="91"/>
      <c r="GK3047" s="127"/>
      <c r="GL3047" s="126"/>
      <c r="GM3047" s="91"/>
      <c r="GN3047" s="91"/>
      <c r="GO3047" s="91"/>
      <c r="GP3047" s="91"/>
      <c r="GQ3047" s="91"/>
      <c r="GR3047" s="91"/>
      <c r="GS3047" s="91"/>
      <c r="GT3047" s="91"/>
      <c r="GU3047" s="91"/>
      <c r="GV3047" s="91"/>
      <c r="GW3047" s="91"/>
      <c r="GX3047" s="127"/>
      <c r="GY3047" s="126"/>
      <c r="GZ3047" s="91"/>
      <c r="HA3047" s="91"/>
      <c r="HB3047" s="91"/>
      <c r="HC3047" s="91"/>
      <c r="HD3047" s="91"/>
      <c r="HE3047" s="91"/>
      <c r="HF3047" s="91"/>
      <c r="HG3047" s="91"/>
      <c r="HH3047" s="91"/>
      <c r="HI3047" s="91"/>
      <c r="HJ3047" s="91"/>
      <c r="HK3047" s="127"/>
      <c r="HL3047" s="126"/>
      <c r="HM3047" s="91"/>
      <c r="HN3047" s="91"/>
      <c r="HO3047" s="91"/>
      <c r="HP3047" s="91"/>
      <c r="HQ3047" s="91"/>
      <c r="HR3047" s="91"/>
      <c r="HS3047" s="91"/>
      <c r="HT3047" s="91"/>
      <c r="HU3047" s="91"/>
      <c r="HV3047" s="91"/>
      <c r="HW3047" s="91"/>
      <c r="HX3047" s="127"/>
      <c r="HY3047" s="126"/>
      <c r="HZ3047" s="91"/>
      <c r="IA3047" s="91"/>
      <c r="IB3047" s="91"/>
      <c r="IC3047" s="91"/>
      <c r="ID3047" s="91"/>
      <c r="IE3047" s="91"/>
      <c r="IF3047" s="91"/>
      <c r="IG3047" s="91"/>
      <c r="IH3047" s="91"/>
      <c r="II3047" s="91"/>
      <c r="IJ3047" s="91"/>
      <c r="IK3047" s="174"/>
    </row>
    <row r="3048" spans="2:245" x14ac:dyDescent="0.2">
      <c r="B3048" s="43"/>
      <c r="C3048" s="73"/>
      <c r="D3048" s="64"/>
      <c r="E3048" s="64"/>
      <c r="F3048" s="55"/>
      <c r="G3048" s="102"/>
      <c r="H3048" s="97"/>
      <c r="T3048" s="98"/>
      <c r="U3048" s="97"/>
      <c r="AG3048" s="98"/>
      <c r="AY3048" s="164"/>
      <c r="BK3048" s="98"/>
      <c r="BL3048" s="97"/>
      <c r="BX3048" s="98"/>
      <c r="CL3048" s="97"/>
      <c r="CX3048" s="98"/>
      <c r="DL3048" s="97"/>
      <c r="DX3048" s="98"/>
      <c r="EL3048" s="97"/>
      <c r="EX3048" s="98"/>
      <c r="EY3048" s="97"/>
      <c r="FL3048" s="126"/>
      <c r="FM3048" s="91"/>
      <c r="FN3048" s="91"/>
      <c r="FO3048" s="91"/>
      <c r="FP3048" s="91"/>
      <c r="FQ3048" s="91"/>
      <c r="FR3048" s="91"/>
      <c r="FS3048" s="91"/>
      <c r="FT3048" s="91"/>
      <c r="FU3048" s="91"/>
      <c r="FV3048" s="91"/>
      <c r="FW3048" s="91"/>
      <c r="FX3048" s="127"/>
      <c r="FY3048" s="126"/>
      <c r="FZ3048" s="91"/>
      <c r="GA3048" s="91"/>
      <c r="GB3048" s="91"/>
      <c r="GC3048" s="91"/>
      <c r="GD3048" s="91"/>
      <c r="GE3048" s="91"/>
      <c r="GF3048" s="91"/>
      <c r="GG3048" s="91"/>
      <c r="GH3048" s="91"/>
      <c r="GI3048" s="91"/>
      <c r="GJ3048" s="91"/>
      <c r="GK3048" s="127"/>
      <c r="GL3048" s="126"/>
      <c r="GM3048" s="91"/>
      <c r="GN3048" s="91"/>
      <c r="GO3048" s="91"/>
      <c r="GP3048" s="91"/>
      <c r="GQ3048" s="91"/>
      <c r="GR3048" s="91"/>
      <c r="GS3048" s="91"/>
      <c r="GT3048" s="91"/>
      <c r="GU3048" s="91"/>
      <c r="GV3048" s="91"/>
      <c r="GW3048" s="91"/>
      <c r="GX3048" s="127"/>
      <c r="GY3048" s="126"/>
      <c r="GZ3048" s="91"/>
      <c r="HA3048" s="91"/>
      <c r="HB3048" s="91"/>
      <c r="HC3048" s="91"/>
      <c r="HD3048" s="91"/>
      <c r="HE3048" s="91"/>
      <c r="HF3048" s="91"/>
      <c r="HG3048" s="91"/>
      <c r="HH3048" s="91"/>
      <c r="HI3048" s="91"/>
      <c r="HJ3048" s="91"/>
      <c r="HK3048" s="127"/>
      <c r="HL3048" s="126"/>
      <c r="HM3048" s="91"/>
      <c r="HN3048" s="91"/>
      <c r="HO3048" s="91"/>
      <c r="HP3048" s="91"/>
      <c r="HQ3048" s="91"/>
      <c r="HR3048" s="91"/>
      <c r="HS3048" s="91"/>
      <c r="HT3048" s="91"/>
      <c r="HU3048" s="91"/>
      <c r="HV3048" s="91"/>
      <c r="HW3048" s="91"/>
      <c r="HX3048" s="127"/>
      <c r="HY3048" s="126"/>
      <c r="HZ3048" s="91"/>
      <c r="IA3048" s="91"/>
      <c r="IB3048" s="91"/>
      <c r="IC3048" s="91"/>
      <c r="ID3048" s="91"/>
      <c r="IE3048" s="91"/>
      <c r="IF3048" s="91"/>
      <c r="IG3048" s="91"/>
      <c r="IH3048" s="91"/>
      <c r="II3048" s="91"/>
      <c r="IJ3048" s="91"/>
      <c r="IK3048" s="174"/>
    </row>
    <row r="3049" spans="2:245" x14ac:dyDescent="0.2">
      <c r="B3049" s="43"/>
      <c r="C3049" s="73"/>
      <c r="D3049" s="64"/>
      <c r="E3049" s="64"/>
      <c r="F3049" s="55"/>
      <c r="G3049" s="102"/>
      <c r="H3049" s="97"/>
      <c r="T3049" s="98"/>
      <c r="U3049" s="97"/>
      <c r="AG3049" s="98"/>
      <c r="AY3049" s="164"/>
      <c r="BK3049" s="98"/>
      <c r="BL3049" s="97"/>
      <c r="BX3049" s="98"/>
      <c r="CL3049" s="97"/>
      <c r="CX3049" s="98"/>
      <c r="DL3049" s="97"/>
      <c r="DX3049" s="98"/>
      <c r="EL3049" s="97"/>
      <c r="EX3049" s="98"/>
      <c r="EY3049" s="97"/>
      <c r="FL3049" s="126"/>
      <c r="FM3049" s="91"/>
      <c r="FN3049" s="91"/>
      <c r="FO3049" s="91"/>
      <c r="FP3049" s="91"/>
      <c r="FQ3049" s="91"/>
      <c r="FR3049" s="91"/>
      <c r="FS3049" s="91"/>
      <c r="FT3049" s="91"/>
      <c r="FU3049" s="91"/>
      <c r="FV3049" s="91"/>
      <c r="FW3049" s="91"/>
      <c r="FX3049" s="127"/>
      <c r="FY3049" s="126"/>
      <c r="FZ3049" s="91"/>
      <c r="GA3049" s="91"/>
      <c r="GB3049" s="91"/>
      <c r="GC3049" s="91"/>
      <c r="GD3049" s="91"/>
      <c r="GE3049" s="91"/>
      <c r="GF3049" s="91"/>
      <c r="GG3049" s="91"/>
      <c r="GH3049" s="91"/>
      <c r="GI3049" s="91"/>
      <c r="GJ3049" s="91"/>
      <c r="GK3049" s="127"/>
      <c r="GL3049" s="126"/>
      <c r="GM3049" s="91"/>
      <c r="GN3049" s="91"/>
      <c r="GO3049" s="91"/>
      <c r="GP3049" s="91"/>
      <c r="GQ3049" s="91"/>
      <c r="GR3049" s="91"/>
      <c r="GS3049" s="91"/>
      <c r="GT3049" s="91"/>
      <c r="GU3049" s="91"/>
      <c r="GV3049" s="91"/>
      <c r="GW3049" s="91"/>
      <c r="GX3049" s="127"/>
      <c r="GY3049" s="126"/>
      <c r="GZ3049" s="91"/>
      <c r="HA3049" s="91"/>
      <c r="HB3049" s="91"/>
      <c r="HC3049" s="91"/>
      <c r="HD3049" s="91"/>
      <c r="HE3049" s="91"/>
      <c r="HF3049" s="91"/>
      <c r="HG3049" s="91"/>
      <c r="HH3049" s="91"/>
      <c r="HI3049" s="91"/>
      <c r="HJ3049" s="91"/>
      <c r="HK3049" s="127"/>
      <c r="HL3049" s="126"/>
      <c r="HM3049" s="91"/>
      <c r="HN3049" s="91"/>
      <c r="HO3049" s="91"/>
      <c r="HP3049" s="91"/>
      <c r="HQ3049" s="91"/>
      <c r="HR3049" s="91"/>
      <c r="HS3049" s="91"/>
      <c r="HT3049" s="91"/>
      <c r="HU3049" s="91"/>
      <c r="HV3049" s="91"/>
      <c r="HW3049" s="91"/>
      <c r="HX3049" s="127"/>
      <c r="HY3049" s="126"/>
      <c r="HZ3049" s="91"/>
      <c r="IA3049" s="91"/>
      <c r="IB3049" s="91"/>
      <c r="IC3049" s="91"/>
      <c r="ID3049" s="91"/>
      <c r="IE3049" s="91"/>
      <c r="IF3049" s="91"/>
      <c r="IG3049" s="91"/>
      <c r="IH3049" s="91"/>
      <c r="II3049" s="91"/>
      <c r="IJ3049" s="91"/>
      <c r="IK3049" s="174"/>
    </row>
    <row r="3050" spans="2:245" x14ac:dyDescent="0.2">
      <c r="B3050" s="43"/>
      <c r="C3050" s="73"/>
      <c r="D3050" s="64"/>
      <c r="E3050" s="64"/>
      <c r="F3050" s="55"/>
      <c r="G3050" s="102"/>
      <c r="H3050" s="97"/>
      <c r="T3050" s="98"/>
      <c r="U3050" s="97"/>
      <c r="AG3050" s="98"/>
      <c r="AY3050" s="164"/>
      <c r="BK3050" s="98"/>
      <c r="BL3050" s="97"/>
      <c r="BX3050" s="98"/>
      <c r="CL3050" s="97"/>
      <c r="CX3050" s="98"/>
      <c r="DL3050" s="97"/>
      <c r="DX3050" s="98"/>
      <c r="EL3050" s="97"/>
      <c r="EX3050" s="98"/>
      <c r="EY3050" s="97"/>
      <c r="FL3050" s="126"/>
      <c r="FM3050" s="91"/>
      <c r="FN3050" s="91"/>
      <c r="FO3050" s="91"/>
      <c r="FP3050" s="91"/>
      <c r="FQ3050" s="91"/>
      <c r="FR3050" s="91"/>
      <c r="FS3050" s="91"/>
      <c r="FT3050" s="91"/>
      <c r="FU3050" s="91"/>
      <c r="FV3050" s="91"/>
      <c r="FW3050" s="91"/>
      <c r="FX3050" s="127"/>
      <c r="FY3050" s="126"/>
      <c r="FZ3050" s="91"/>
      <c r="GA3050" s="91"/>
      <c r="GB3050" s="91"/>
      <c r="GC3050" s="91"/>
      <c r="GD3050" s="91"/>
      <c r="GE3050" s="91"/>
      <c r="GF3050" s="91"/>
      <c r="GG3050" s="91"/>
      <c r="GH3050" s="91"/>
      <c r="GI3050" s="91"/>
      <c r="GJ3050" s="91"/>
      <c r="GK3050" s="127"/>
      <c r="GL3050" s="126"/>
      <c r="GM3050" s="91"/>
      <c r="GN3050" s="91"/>
      <c r="GO3050" s="91"/>
      <c r="GP3050" s="91"/>
      <c r="GQ3050" s="91"/>
      <c r="GR3050" s="91"/>
      <c r="GS3050" s="91"/>
      <c r="GT3050" s="91"/>
      <c r="GU3050" s="91"/>
      <c r="GV3050" s="91"/>
      <c r="GW3050" s="91"/>
      <c r="GX3050" s="127"/>
      <c r="GY3050" s="126"/>
      <c r="GZ3050" s="91"/>
      <c r="HA3050" s="91"/>
      <c r="HB3050" s="91"/>
      <c r="HC3050" s="91"/>
      <c r="HD3050" s="91"/>
      <c r="HE3050" s="91"/>
      <c r="HF3050" s="91"/>
      <c r="HG3050" s="91"/>
      <c r="HH3050" s="91"/>
      <c r="HI3050" s="91"/>
      <c r="HJ3050" s="91"/>
      <c r="HK3050" s="127"/>
      <c r="HL3050" s="126"/>
      <c r="HM3050" s="91"/>
      <c r="HN3050" s="91"/>
      <c r="HO3050" s="91"/>
      <c r="HP3050" s="91"/>
      <c r="HQ3050" s="91"/>
      <c r="HR3050" s="91"/>
      <c r="HS3050" s="91"/>
      <c r="HT3050" s="91"/>
      <c r="HU3050" s="91"/>
      <c r="HV3050" s="91"/>
      <c r="HW3050" s="91"/>
      <c r="HX3050" s="127"/>
      <c r="HY3050" s="126"/>
      <c r="HZ3050" s="91"/>
      <c r="IA3050" s="91"/>
      <c r="IB3050" s="91"/>
      <c r="IC3050" s="91"/>
      <c r="ID3050" s="91"/>
      <c r="IE3050" s="91"/>
      <c r="IF3050" s="91"/>
      <c r="IG3050" s="91"/>
      <c r="IH3050" s="91"/>
      <c r="II3050" s="91"/>
      <c r="IJ3050" s="91"/>
      <c r="IK3050" s="174"/>
    </row>
    <row r="3051" spans="2:245" x14ac:dyDescent="0.2">
      <c r="B3051" s="43"/>
      <c r="C3051" s="73"/>
      <c r="D3051" s="64"/>
      <c r="E3051" s="64"/>
      <c r="F3051" s="55"/>
      <c r="G3051" s="102"/>
      <c r="H3051" s="97"/>
      <c r="T3051" s="98"/>
      <c r="U3051" s="97"/>
      <c r="AG3051" s="98"/>
      <c r="AY3051" s="164"/>
      <c r="BK3051" s="98"/>
      <c r="BL3051" s="97"/>
      <c r="BX3051" s="98"/>
      <c r="CL3051" s="97"/>
      <c r="CX3051" s="98"/>
      <c r="DL3051" s="97"/>
      <c r="DX3051" s="98"/>
      <c r="EL3051" s="97"/>
      <c r="EX3051" s="98"/>
      <c r="EY3051" s="97"/>
      <c r="FL3051" s="126"/>
      <c r="FM3051" s="91"/>
      <c r="FN3051" s="91"/>
      <c r="FO3051" s="91"/>
      <c r="FP3051" s="91"/>
      <c r="FQ3051" s="91"/>
      <c r="FR3051" s="91"/>
      <c r="FS3051" s="91"/>
      <c r="FT3051" s="91"/>
      <c r="FU3051" s="91"/>
      <c r="FV3051" s="91"/>
      <c r="FW3051" s="91"/>
      <c r="FX3051" s="127"/>
      <c r="FY3051" s="126"/>
      <c r="FZ3051" s="91"/>
      <c r="GA3051" s="91"/>
      <c r="GB3051" s="91"/>
      <c r="GC3051" s="91"/>
      <c r="GD3051" s="91"/>
      <c r="GE3051" s="91"/>
      <c r="GF3051" s="91"/>
      <c r="GG3051" s="91"/>
      <c r="GH3051" s="91"/>
      <c r="GI3051" s="91"/>
      <c r="GJ3051" s="91"/>
      <c r="GK3051" s="127"/>
      <c r="GL3051" s="126"/>
      <c r="GM3051" s="91"/>
      <c r="GN3051" s="91"/>
      <c r="GO3051" s="91"/>
      <c r="GP3051" s="91"/>
      <c r="GQ3051" s="91"/>
      <c r="GR3051" s="91"/>
      <c r="GS3051" s="91"/>
      <c r="GT3051" s="91"/>
      <c r="GU3051" s="91"/>
      <c r="GV3051" s="91"/>
      <c r="GW3051" s="91"/>
      <c r="GX3051" s="127"/>
      <c r="GY3051" s="126"/>
      <c r="GZ3051" s="91"/>
      <c r="HA3051" s="91"/>
      <c r="HB3051" s="91"/>
      <c r="HC3051" s="91"/>
      <c r="HD3051" s="91"/>
      <c r="HE3051" s="91"/>
      <c r="HF3051" s="91"/>
      <c r="HG3051" s="91"/>
      <c r="HH3051" s="91"/>
      <c r="HI3051" s="91"/>
      <c r="HJ3051" s="91"/>
      <c r="HK3051" s="127"/>
      <c r="HL3051" s="126"/>
      <c r="HM3051" s="91"/>
      <c r="HN3051" s="91"/>
      <c r="HO3051" s="91"/>
      <c r="HP3051" s="91"/>
      <c r="HQ3051" s="91"/>
      <c r="HR3051" s="91"/>
      <c r="HS3051" s="91"/>
      <c r="HT3051" s="91"/>
      <c r="HU3051" s="91"/>
      <c r="HV3051" s="91"/>
      <c r="HW3051" s="91"/>
      <c r="HX3051" s="127"/>
      <c r="HY3051" s="126"/>
      <c r="HZ3051" s="91"/>
      <c r="IA3051" s="91"/>
      <c r="IB3051" s="91"/>
      <c r="IC3051" s="91"/>
      <c r="ID3051" s="91"/>
      <c r="IE3051" s="91"/>
      <c r="IF3051" s="91"/>
      <c r="IG3051" s="91"/>
      <c r="IH3051" s="91"/>
      <c r="II3051" s="91"/>
      <c r="IJ3051" s="91"/>
      <c r="IK3051" s="174"/>
    </row>
    <row r="3052" spans="2:245" x14ac:dyDescent="0.2">
      <c r="B3052" s="43"/>
      <c r="C3052" s="73"/>
      <c r="D3052" s="64"/>
      <c r="E3052" s="64"/>
      <c r="F3052" s="55"/>
      <c r="G3052" s="102"/>
      <c r="H3052" s="97"/>
      <c r="T3052" s="98"/>
      <c r="U3052" s="97"/>
      <c r="AG3052" s="98"/>
      <c r="AY3052" s="164"/>
      <c r="BK3052" s="98"/>
      <c r="BL3052" s="97"/>
      <c r="BX3052" s="98"/>
      <c r="CL3052" s="97"/>
      <c r="CX3052" s="98"/>
      <c r="DL3052" s="97"/>
      <c r="DX3052" s="98"/>
      <c r="EL3052" s="97"/>
      <c r="EX3052" s="98"/>
      <c r="EY3052" s="97"/>
      <c r="FL3052" s="126"/>
      <c r="FM3052" s="91"/>
      <c r="FN3052" s="91"/>
      <c r="FO3052" s="91"/>
      <c r="FP3052" s="91"/>
      <c r="FQ3052" s="91"/>
      <c r="FR3052" s="91"/>
      <c r="FS3052" s="91"/>
      <c r="FT3052" s="91"/>
      <c r="FU3052" s="91"/>
      <c r="FV3052" s="91"/>
      <c r="FW3052" s="91"/>
      <c r="FX3052" s="127"/>
      <c r="FY3052" s="126"/>
      <c r="FZ3052" s="91"/>
      <c r="GA3052" s="91"/>
      <c r="GB3052" s="91"/>
      <c r="GC3052" s="91"/>
      <c r="GD3052" s="91"/>
      <c r="GE3052" s="91"/>
      <c r="GF3052" s="91"/>
      <c r="GG3052" s="91"/>
      <c r="GH3052" s="91"/>
      <c r="GI3052" s="91"/>
      <c r="GJ3052" s="91"/>
      <c r="GK3052" s="127"/>
      <c r="GL3052" s="126"/>
      <c r="GM3052" s="91"/>
      <c r="GN3052" s="91"/>
      <c r="GO3052" s="91"/>
      <c r="GP3052" s="91"/>
      <c r="GQ3052" s="91"/>
      <c r="GR3052" s="91"/>
      <c r="GS3052" s="91"/>
      <c r="GT3052" s="91"/>
      <c r="GU3052" s="91"/>
      <c r="GV3052" s="91"/>
      <c r="GW3052" s="91"/>
      <c r="GX3052" s="127"/>
      <c r="GY3052" s="126"/>
      <c r="GZ3052" s="91"/>
      <c r="HA3052" s="91"/>
      <c r="HB3052" s="91"/>
      <c r="HC3052" s="91"/>
      <c r="HD3052" s="91"/>
      <c r="HE3052" s="91"/>
      <c r="HF3052" s="91"/>
      <c r="HG3052" s="91"/>
      <c r="HH3052" s="91"/>
      <c r="HI3052" s="91"/>
      <c r="HJ3052" s="91"/>
      <c r="HK3052" s="127"/>
      <c r="HL3052" s="126"/>
      <c r="HM3052" s="91"/>
      <c r="HN3052" s="91"/>
      <c r="HO3052" s="91"/>
      <c r="HP3052" s="91"/>
      <c r="HQ3052" s="91"/>
      <c r="HR3052" s="91"/>
      <c r="HS3052" s="91"/>
      <c r="HT3052" s="91"/>
      <c r="HU3052" s="91"/>
      <c r="HV3052" s="91"/>
      <c r="HW3052" s="91"/>
      <c r="HX3052" s="127"/>
      <c r="HY3052" s="126"/>
      <c r="HZ3052" s="91"/>
      <c r="IA3052" s="91"/>
      <c r="IB3052" s="91"/>
      <c r="IC3052" s="91"/>
      <c r="ID3052" s="91"/>
      <c r="IE3052" s="91"/>
      <c r="IF3052" s="91"/>
      <c r="IG3052" s="91"/>
      <c r="IH3052" s="91"/>
      <c r="II3052" s="91"/>
      <c r="IJ3052" s="91"/>
      <c r="IK3052" s="174"/>
    </row>
    <row r="3053" spans="2:245" x14ac:dyDescent="0.2">
      <c r="B3053" s="43"/>
      <c r="C3053" s="73"/>
      <c r="D3053" s="64"/>
      <c r="E3053" s="64"/>
      <c r="F3053" s="55"/>
      <c r="G3053" s="102"/>
      <c r="H3053" s="97"/>
      <c r="T3053" s="98"/>
      <c r="U3053" s="97"/>
      <c r="AG3053" s="98"/>
      <c r="AY3053" s="164"/>
      <c r="BK3053" s="98"/>
      <c r="BL3053" s="97"/>
      <c r="BX3053" s="98"/>
      <c r="CL3053" s="97"/>
      <c r="CX3053" s="98"/>
      <c r="DL3053" s="97"/>
      <c r="DX3053" s="98"/>
      <c r="EL3053" s="97"/>
      <c r="EX3053" s="98"/>
      <c r="EY3053" s="97"/>
      <c r="FL3053" s="126"/>
      <c r="FM3053" s="91"/>
      <c r="FN3053" s="91"/>
      <c r="FO3053" s="91"/>
      <c r="FP3053" s="91"/>
      <c r="FQ3053" s="91"/>
      <c r="FR3053" s="91"/>
      <c r="FS3053" s="91"/>
      <c r="FT3053" s="91"/>
      <c r="FU3053" s="91"/>
      <c r="FV3053" s="91"/>
      <c r="FW3053" s="91"/>
      <c r="FX3053" s="127"/>
      <c r="FY3053" s="126"/>
      <c r="FZ3053" s="91"/>
      <c r="GA3053" s="91"/>
      <c r="GB3053" s="91"/>
      <c r="GC3053" s="91"/>
      <c r="GD3053" s="91"/>
      <c r="GE3053" s="91"/>
      <c r="GF3053" s="91"/>
      <c r="GG3053" s="91"/>
      <c r="GH3053" s="91"/>
      <c r="GI3053" s="91"/>
      <c r="GJ3053" s="91"/>
      <c r="GK3053" s="127"/>
      <c r="GL3053" s="126"/>
      <c r="GM3053" s="91"/>
      <c r="GN3053" s="91"/>
      <c r="GO3053" s="91"/>
      <c r="GP3053" s="91"/>
      <c r="GQ3053" s="91"/>
      <c r="GR3053" s="91"/>
      <c r="GS3053" s="91"/>
      <c r="GT3053" s="91"/>
      <c r="GU3053" s="91"/>
      <c r="GV3053" s="91"/>
      <c r="GW3053" s="91"/>
      <c r="GX3053" s="127"/>
      <c r="GY3053" s="126"/>
      <c r="GZ3053" s="91"/>
      <c r="HA3053" s="91"/>
      <c r="HB3053" s="91"/>
      <c r="HC3053" s="91"/>
      <c r="HD3053" s="91"/>
      <c r="HE3053" s="91"/>
      <c r="HF3053" s="91"/>
      <c r="HG3053" s="91"/>
      <c r="HH3053" s="91"/>
      <c r="HI3053" s="91"/>
      <c r="HJ3053" s="91"/>
      <c r="HK3053" s="127"/>
      <c r="HL3053" s="126"/>
      <c r="HM3053" s="91"/>
      <c r="HN3053" s="91"/>
      <c r="HO3053" s="91"/>
      <c r="HP3053" s="91"/>
      <c r="HQ3053" s="91"/>
      <c r="HR3053" s="91"/>
      <c r="HS3053" s="91"/>
      <c r="HT3053" s="91"/>
      <c r="HU3053" s="91"/>
      <c r="HV3053" s="91"/>
      <c r="HW3053" s="91"/>
      <c r="HX3053" s="127"/>
      <c r="HY3053" s="126"/>
      <c r="HZ3053" s="91"/>
      <c r="IA3053" s="91"/>
      <c r="IB3053" s="91"/>
      <c r="IC3053" s="91"/>
      <c r="ID3053" s="91"/>
      <c r="IE3053" s="91"/>
      <c r="IF3053" s="91"/>
      <c r="IG3053" s="91"/>
      <c r="IH3053" s="91"/>
      <c r="II3053" s="91"/>
      <c r="IJ3053" s="91"/>
      <c r="IK3053" s="174"/>
    </row>
    <row r="3054" spans="2:245" x14ac:dyDescent="0.2">
      <c r="B3054" s="43"/>
      <c r="C3054" s="73"/>
      <c r="D3054" s="64"/>
      <c r="E3054" s="64"/>
      <c r="F3054" s="55"/>
      <c r="G3054" s="102"/>
      <c r="H3054" s="97"/>
      <c r="T3054" s="98"/>
      <c r="U3054" s="97"/>
      <c r="AG3054" s="98"/>
      <c r="AY3054" s="164"/>
      <c r="BK3054" s="98"/>
      <c r="BL3054" s="97"/>
      <c r="BX3054" s="98"/>
      <c r="CL3054" s="97"/>
      <c r="CX3054" s="98"/>
      <c r="DL3054" s="97"/>
      <c r="DX3054" s="98"/>
      <c r="EL3054" s="97"/>
      <c r="EX3054" s="98"/>
      <c r="EY3054" s="97"/>
      <c r="FL3054" s="126"/>
      <c r="FM3054" s="91"/>
      <c r="FN3054" s="91"/>
      <c r="FO3054" s="91"/>
      <c r="FP3054" s="91"/>
      <c r="FQ3054" s="91"/>
      <c r="FR3054" s="91"/>
      <c r="FS3054" s="91"/>
      <c r="FT3054" s="91"/>
      <c r="FU3054" s="91"/>
      <c r="FV3054" s="91"/>
      <c r="FW3054" s="91"/>
      <c r="FX3054" s="127"/>
      <c r="FY3054" s="126"/>
      <c r="FZ3054" s="91"/>
      <c r="GA3054" s="91"/>
      <c r="GB3054" s="91"/>
      <c r="GC3054" s="91"/>
      <c r="GD3054" s="91"/>
      <c r="GE3054" s="91"/>
      <c r="GF3054" s="91"/>
      <c r="GG3054" s="91"/>
      <c r="GH3054" s="91"/>
      <c r="GI3054" s="91"/>
      <c r="GJ3054" s="91"/>
      <c r="GK3054" s="127"/>
      <c r="GL3054" s="126"/>
      <c r="GM3054" s="91"/>
      <c r="GN3054" s="91"/>
      <c r="GO3054" s="91"/>
      <c r="GP3054" s="91"/>
      <c r="GQ3054" s="91"/>
      <c r="GR3054" s="91"/>
      <c r="GS3054" s="91"/>
      <c r="GT3054" s="91"/>
      <c r="GU3054" s="91"/>
      <c r="GV3054" s="91"/>
      <c r="GW3054" s="91"/>
      <c r="GX3054" s="127"/>
      <c r="GY3054" s="126"/>
      <c r="GZ3054" s="91"/>
      <c r="HA3054" s="91"/>
      <c r="HB3054" s="91"/>
      <c r="HC3054" s="91"/>
      <c r="HD3054" s="91"/>
      <c r="HE3054" s="91"/>
      <c r="HF3054" s="91"/>
      <c r="HG3054" s="91"/>
      <c r="HH3054" s="91"/>
      <c r="HI3054" s="91"/>
      <c r="HJ3054" s="91"/>
      <c r="HK3054" s="127"/>
      <c r="HL3054" s="126"/>
      <c r="HM3054" s="91"/>
      <c r="HN3054" s="91"/>
      <c r="HO3054" s="91"/>
      <c r="HP3054" s="91"/>
      <c r="HQ3054" s="91"/>
      <c r="HR3054" s="91"/>
      <c r="HS3054" s="91"/>
      <c r="HT3054" s="91"/>
      <c r="HU3054" s="91"/>
      <c r="HV3054" s="91"/>
      <c r="HW3054" s="91"/>
      <c r="HX3054" s="127"/>
      <c r="HY3054" s="126"/>
      <c r="HZ3054" s="91"/>
      <c r="IA3054" s="91"/>
      <c r="IB3054" s="91"/>
      <c r="IC3054" s="91"/>
      <c r="ID3054" s="91"/>
      <c r="IE3054" s="91"/>
      <c r="IF3054" s="91"/>
      <c r="IG3054" s="91"/>
      <c r="IH3054" s="91"/>
      <c r="II3054" s="91"/>
      <c r="IJ3054" s="91"/>
      <c r="IK3054" s="174"/>
    </row>
    <row r="3055" spans="2:245" x14ac:dyDescent="0.2">
      <c r="B3055" s="43"/>
      <c r="C3055" s="73"/>
      <c r="D3055" s="64"/>
      <c r="E3055" s="64"/>
      <c r="F3055" s="55"/>
      <c r="G3055" s="102"/>
      <c r="H3055" s="97"/>
      <c r="T3055" s="98"/>
      <c r="U3055" s="97"/>
      <c r="AG3055" s="98"/>
      <c r="AY3055" s="164"/>
      <c r="BK3055" s="98"/>
      <c r="BL3055" s="97"/>
      <c r="BX3055" s="98"/>
      <c r="CL3055" s="97"/>
      <c r="CX3055" s="98"/>
      <c r="DL3055" s="97"/>
      <c r="DX3055" s="98"/>
      <c r="EL3055" s="97"/>
      <c r="EX3055" s="98"/>
      <c r="EY3055" s="97"/>
      <c r="FL3055" s="126"/>
      <c r="FM3055" s="91"/>
      <c r="FN3055" s="91"/>
      <c r="FO3055" s="91"/>
      <c r="FP3055" s="91"/>
      <c r="FQ3055" s="91"/>
      <c r="FR3055" s="91"/>
      <c r="FS3055" s="91"/>
      <c r="FT3055" s="91"/>
      <c r="FU3055" s="91"/>
      <c r="FV3055" s="91"/>
      <c r="FW3055" s="91"/>
      <c r="FX3055" s="127"/>
      <c r="FY3055" s="126"/>
      <c r="FZ3055" s="91"/>
      <c r="GA3055" s="91"/>
      <c r="GB3055" s="91"/>
      <c r="GC3055" s="91"/>
      <c r="GD3055" s="91"/>
      <c r="GE3055" s="91"/>
      <c r="GF3055" s="91"/>
      <c r="GG3055" s="91"/>
      <c r="GH3055" s="91"/>
      <c r="GI3055" s="91"/>
      <c r="GJ3055" s="91"/>
      <c r="GK3055" s="127"/>
      <c r="GL3055" s="126"/>
      <c r="GM3055" s="91"/>
      <c r="GN3055" s="91"/>
      <c r="GO3055" s="91"/>
      <c r="GP3055" s="91"/>
      <c r="GQ3055" s="91"/>
      <c r="GR3055" s="91"/>
      <c r="GS3055" s="91"/>
      <c r="GT3055" s="91"/>
      <c r="GU3055" s="91"/>
      <c r="GV3055" s="91"/>
      <c r="GW3055" s="91"/>
      <c r="GX3055" s="127"/>
      <c r="GY3055" s="126"/>
      <c r="GZ3055" s="91"/>
      <c r="HA3055" s="91"/>
      <c r="HB3055" s="91"/>
      <c r="HC3055" s="91"/>
      <c r="HD3055" s="91"/>
      <c r="HE3055" s="91"/>
      <c r="HF3055" s="91"/>
      <c r="HG3055" s="91"/>
      <c r="HH3055" s="91"/>
      <c r="HI3055" s="91"/>
      <c r="HJ3055" s="91"/>
      <c r="HK3055" s="127"/>
      <c r="HL3055" s="126"/>
      <c r="HM3055" s="91"/>
      <c r="HN3055" s="91"/>
      <c r="HO3055" s="91"/>
      <c r="HP3055" s="91"/>
      <c r="HQ3055" s="91"/>
      <c r="HR3055" s="91"/>
      <c r="HS3055" s="91"/>
      <c r="HT3055" s="91"/>
      <c r="HU3055" s="91"/>
      <c r="HV3055" s="91"/>
      <c r="HW3055" s="91"/>
      <c r="HX3055" s="127"/>
      <c r="HY3055" s="126"/>
      <c r="HZ3055" s="91"/>
      <c r="IA3055" s="91"/>
      <c r="IB3055" s="91"/>
      <c r="IC3055" s="91"/>
      <c r="ID3055" s="91"/>
      <c r="IE3055" s="91"/>
      <c r="IF3055" s="91"/>
      <c r="IG3055" s="91"/>
      <c r="IH3055" s="91"/>
      <c r="II3055" s="91"/>
      <c r="IJ3055" s="91"/>
      <c r="IK3055" s="174"/>
    </row>
    <row r="3056" spans="2:245" x14ac:dyDescent="0.2">
      <c r="B3056" s="43"/>
      <c r="C3056" s="73"/>
      <c r="D3056" s="64"/>
      <c r="E3056" s="64"/>
      <c r="F3056" s="55"/>
      <c r="G3056" s="102"/>
      <c r="H3056" s="97"/>
      <c r="T3056" s="98"/>
      <c r="U3056" s="97"/>
      <c r="AG3056" s="98"/>
      <c r="AY3056" s="164"/>
      <c r="BK3056" s="98"/>
      <c r="BL3056" s="97"/>
      <c r="BX3056" s="98"/>
      <c r="CL3056" s="97"/>
      <c r="CX3056" s="98"/>
      <c r="DL3056" s="97"/>
      <c r="DX3056" s="98"/>
      <c r="EL3056" s="97"/>
      <c r="EX3056" s="98"/>
      <c r="EY3056" s="97"/>
      <c r="FL3056" s="126"/>
      <c r="FM3056" s="91"/>
      <c r="FN3056" s="91"/>
      <c r="FO3056" s="91"/>
      <c r="FP3056" s="91"/>
      <c r="FQ3056" s="91"/>
      <c r="FR3056" s="91"/>
      <c r="FS3056" s="91"/>
      <c r="FT3056" s="91"/>
      <c r="FU3056" s="91"/>
      <c r="FV3056" s="91"/>
      <c r="FW3056" s="91"/>
      <c r="FX3056" s="127"/>
      <c r="FY3056" s="126"/>
      <c r="FZ3056" s="91"/>
      <c r="GA3056" s="91"/>
      <c r="GB3056" s="91"/>
      <c r="GC3056" s="91"/>
      <c r="GD3056" s="91"/>
      <c r="GE3056" s="91"/>
      <c r="GF3056" s="91"/>
      <c r="GG3056" s="91"/>
      <c r="GH3056" s="91"/>
      <c r="GI3056" s="91"/>
      <c r="GJ3056" s="91"/>
      <c r="GK3056" s="127"/>
      <c r="GL3056" s="126"/>
      <c r="GM3056" s="91"/>
      <c r="GN3056" s="91"/>
      <c r="GO3056" s="91"/>
      <c r="GP3056" s="91"/>
      <c r="GQ3056" s="91"/>
      <c r="GR3056" s="91"/>
      <c r="GS3056" s="91"/>
      <c r="GT3056" s="91"/>
      <c r="GU3056" s="91"/>
      <c r="GV3056" s="91"/>
      <c r="GW3056" s="91"/>
      <c r="GX3056" s="127"/>
      <c r="GY3056" s="126"/>
      <c r="GZ3056" s="91"/>
      <c r="HA3056" s="91"/>
      <c r="HB3056" s="91"/>
      <c r="HC3056" s="91"/>
      <c r="HD3056" s="91"/>
      <c r="HE3056" s="91"/>
      <c r="HF3056" s="91"/>
      <c r="HG3056" s="91"/>
      <c r="HH3056" s="91"/>
      <c r="HI3056" s="91"/>
      <c r="HJ3056" s="91"/>
      <c r="HK3056" s="127"/>
      <c r="HL3056" s="126"/>
      <c r="HM3056" s="91"/>
      <c r="HN3056" s="91"/>
      <c r="HO3056" s="91"/>
      <c r="HP3056" s="91"/>
      <c r="HQ3056" s="91"/>
      <c r="HR3056" s="91"/>
      <c r="HS3056" s="91"/>
      <c r="HT3056" s="91"/>
      <c r="HU3056" s="91"/>
      <c r="HV3056" s="91"/>
      <c r="HW3056" s="91"/>
      <c r="HX3056" s="127"/>
      <c r="HY3056" s="126"/>
      <c r="HZ3056" s="91"/>
      <c r="IA3056" s="91"/>
      <c r="IB3056" s="91"/>
      <c r="IC3056" s="91"/>
      <c r="ID3056" s="91"/>
      <c r="IE3056" s="91"/>
      <c r="IF3056" s="91"/>
      <c r="IG3056" s="91"/>
      <c r="IH3056" s="91"/>
      <c r="II3056" s="91"/>
      <c r="IJ3056" s="91"/>
      <c r="IK3056" s="174"/>
    </row>
    <row r="3057" spans="2:245" x14ac:dyDescent="0.2">
      <c r="B3057" s="43"/>
      <c r="C3057" s="73"/>
      <c r="D3057" s="64"/>
      <c r="E3057" s="64"/>
      <c r="F3057" s="55"/>
      <c r="G3057" s="102"/>
      <c r="H3057" s="97"/>
      <c r="T3057" s="98"/>
      <c r="U3057" s="97"/>
      <c r="AG3057" s="98"/>
      <c r="AY3057" s="164"/>
      <c r="BK3057" s="98"/>
      <c r="BL3057" s="97"/>
      <c r="BX3057" s="98"/>
      <c r="CL3057" s="97"/>
      <c r="CX3057" s="98"/>
      <c r="DL3057" s="97"/>
      <c r="DX3057" s="98"/>
      <c r="EL3057" s="97"/>
      <c r="EX3057" s="98"/>
      <c r="EY3057" s="97"/>
      <c r="FL3057" s="126"/>
      <c r="FM3057" s="91"/>
      <c r="FN3057" s="91"/>
      <c r="FO3057" s="91"/>
      <c r="FP3057" s="91"/>
      <c r="FQ3057" s="91"/>
      <c r="FR3057" s="91"/>
      <c r="FS3057" s="91"/>
      <c r="FT3057" s="91"/>
      <c r="FU3057" s="91"/>
      <c r="FV3057" s="91"/>
      <c r="FW3057" s="91"/>
      <c r="FX3057" s="127"/>
      <c r="FY3057" s="126"/>
      <c r="FZ3057" s="91"/>
      <c r="GA3057" s="91"/>
      <c r="GB3057" s="91"/>
      <c r="GC3057" s="91"/>
      <c r="GD3057" s="91"/>
      <c r="GE3057" s="91"/>
      <c r="GF3057" s="91"/>
      <c r="GG3057" s="91"/>
      <c r="GH3057" s="91"/>
      <c r="GI3057" s="91"/>
      <c r="GJ3057" s="91"/>
      <c r="GK3057" s="127"/>
      <c r="GL3057" s="126"/>
      <c r="GM3057" s="91"/>
      <c r="GN3057" s="91"/>
      <c r="GO3057" s="91"/>
      <c r="GP3057" s="91"/>
      <c r="GQ3057" s="91"/>
      <c r="GR3057" s="91"/>
      <c r="GS3057" s="91"/>
      <c r="GT3057" s="91"/>
      <c r="GU3057" s="91"/>
      <c r="GV3057" s="91"/>
      <c r="GW3057" s="91"/>
      <c r="GX3057" s="127"/>
      <c r="GY3057" s="126"/>
      <c r="GZ3057" s="91"/>
      <c r="HA3057" s="91"/>
      <c r="HB3057" s="91"/>
      <c r="HC3057" s="91"/>
      <c r="HD3057" s="91"/>
      <c r="HE3057" s="91"/>
      <c r="HF3057" s="91"/>
      <c r="HG3057" s="91"/>
      <c r="HH3057" s="91"/>
      <c r="HI3057" s="91"/>
      <c r="HJ3057" s="91"/>
      <c r="HK3057" s="127"/>
      <c r="HL3057" s="126"/>
      <c r="HM3057" s="91"/>
      <c r="HN3057" s="91"/>
      <c r="HO3057" s="91"/>
      <c r="HP3057" s="91"/>
      <c r="HQ3057" s="91"/>
      <c r="HR3057" s="91"/>
      <c r="HS3057" s="91"/>
      <c r="HT3057" s="91"/>
      <c r="HU3057" s="91"/>
      <c r="HV3057" s="91"/>
      <c r="HW3057" s="91"/>
      <c r="HX3057" s="127"/>
      <c r="HY3057" s="126"/>
      <c r="HZ3057" s="91"/>
      <c r="IA3057" s="91"/>
      <c r="IB3057" s="91"/>
      <c r="IC3057" s="91"/>
      <c r="ID3057" s="91"/>
      <c r="IE3057" s="91"/>
      <c r="IF3057" s="91"/>
      <c r="IG3057" s="91"/>
      <c r="IH3057" s="91"/>
      <c r="II3057" s="91"/>
      <c r="IJ3057" s="91"/>
      <c r="IK3057" s="174"/>
    </row>
    <row r="3058" spans="2:245" x14ac:dyDescent="0.2">
      <c r="B3058" s="43"/>
      <c r="C3058" s="73"/>
      <c r="D3058" s="64"/>
      <c r="E3058" s="64"/>
      <c r="F3058" s="55"/>
      <c r="G3058" s="102"/>
      <c r="H3058" s="97"/>
      <c r="T3058" s="98"/>
      <c r="U3058" s="97"/>
      <c r="AG3058" s="98"/>
      <c r="AY3058" s="164"/>
      <c r="BK3058" s="98"/>
      <c r="BL3058" s="97"/>
      <c r="BX3058" s="98"/>
      <c r="CL3058" s="97"/>
      <c r="CX3058" s="98"/>
      <c r="DL3058" s="97"/>
      <c r="DX3058" s="98"/>
      <c r="EL3058" s="97"/>
      <c r="EX3058" s="98"/>
      <c r="EY3058" s="97"/>
      <c r="FL3058" s="126"/>
      <c r="FM3058" s="91"/>
      <c r="FN3058" s="91"/>
      <c r="FO3058" s="91"/>
      <c r="FP3058" s="91"/>
      <c r="FQ3058" s="91"/>
      <c r="FR3058" s="91"/>
      <c r="FS3058" s="91"/>
      <c r="FT3058" s="91"/>
      <c r="FU3058" s="91"/>
      <c r="FV3058" s="91"/>
      <c r="FW3058" s="91"/>
      <c r="FX3058" s="127"/>
      <c r="FY3058" s="126"/>
      <c r="FZ3058" s="91"/>
      <c r="GA3058" s="91"/>
      <c r="GB3058" s="91"/>
      <c r="GC3058" s="91"/>
      <c r="GD3058" s="91"/>
      <c r="GE3058" s="91"/>
      <c r="GF3058" s="91"/>
      <c r="GG3058" s="91"/>
      <c r="GH3058" s="91"/>
      <c r="GI3058" s="91"/>
      <c r="GJ3058" s="91"/>
      <c r="GK3058" s="127"/>
      <c r="GL3058" s="126"/>
      <c r="GM3058" s="91"/>
      <c r="GN3058" s="91"/>
      <c r="GO3058" s="91"/>
      <c r="GP3058" s="91"/>
      <c r="GQ3058" s="91"/>
      <c r="GR3058" s="91"/>
      <c r="GS3058" s="91"/>
      <c r="GT3058" s="91"/>
      <c r="GU3058" s="91"/>
      <c r="GV3058" s="91"/>
      <c r="GW3058" s="91"/>
      <c r="GX3058" s="127"/>
      <c r="GY3058" s="126"/>
      <c r="GZ3058" s="91"/>
      <c r="HA3058" s="91"/>
      <c r="HB3058" s="91"/>
      <c r="HC3058" s="91"/>
      <c r="HD3058" s="91"/>
      <c r="HE3058" s="91"/>
      <c r="HF3058" s="91"/>
      <c r="HG3058" s="91"/>
      <c r="HH3058" s="91"/>
      <c r="HI3058" s="91"/>
      <c r="HJ3058" s="91"/>
      <c r="HK3058" s="127"/>
      <c r="HL3058" s="126"/>
      <c r="HM3058" s="91"/>
      <c r="HN3058" s="91"/>
      <c r="HO3058" s="91"/>
      <c r="HP3058" s="91"/>
      <c r="HQ3058" s="91"/>
      <c r="HR3058" s="91"/>
      <c r="HS3058" s="91"/>
      <c r="HT3058" s="91"/>
      <c r="HU3058" s="91"/>
      <c r="HV3058" s="91"/>
      <c r="HW3058" s="91"/>
      <c r="HX3058" s="127"/>
      <c r="HY3058" s="126"/>
      <c r="HZ3058" s="91"/>
      <c r="IA3058" s="91"/>
      <c r="IB3058" s="91"/>
      <c r="IC3058" s="91"/>
      <c r="ID3058" s="91"/>
      <c r="IE3058" s="91"/>
      <c r="IF3058" s="91"/>
      <c r="IG3058" s="91"/>
      <c r="IH3058" s="91"/>
      <c r="II3058" s="91"/>
      <c r="IJ3058" s="91"/>
      <c r="IK3058" s="174"/>
    </row>
    <row r="3059" spans="2:245" x14ac:dyDescent="0.2">
      <c r="B3059" s="43"/>
      <c r="C3059" s="73"/>
      <c r="D3059" s="64"/>
      <c r="E3059" s="64"/>
      <c r="F3059" s="55"/>
      <c r="G3059" s="102"/>
      <c r="H3059" s="97"/>
      <c r="T3059" s="98"/>
      <c r="U3059" s="97"/>
      <c r="AG3059" s="98"/>
      <c r="AY3059" s="164"/>
      <c r="BK3059" s="98"/>
      <c r="BL3059" s="97"/>
      <c r="BX3059" s="98"/>
      <c r="CL3059" s="97"/>
      <c r="CX3059" s="98"/>
      <c r="DL3059" s="97"/>
      <c r="DX3059" s="98"/>
      <c r="EL3059" s="97"/>
      <c r="EX3059" s="98"/>
      <c r="EY3059" s="97"/>
      <c r="FL3059" s="126"/>
      <c r="FM3059" s="91"/>
      <c r="FN3059" s="91"/>
      <c r="FO3059" s="91"/>
      <c r="FP3059" s="91"/>
      <c r="FQ3059" s="91"/>
      <c r="FR3059" s="91"/>
      <c r="FS3059" s="91"/>
      <c r="FT3059" s="91"/>
      <c r="FU3059" s="91"/>
      <c r="FV3059" s="91"/>
      <c r="FW3059" s="91"/>
      <c r="FX3059" s="127"/>
      <c r="FY3059" s="126"/>
      <c r="FZ3059" s="91"/>
      <c r="GA3059" s="91"/>
      <c r="GB3059" s="91"/>
      <c r="GC3059" s="91"/>
      <c r="GD3059" s="91"/>
      <c r="GE3059" s="91"/>
      <c r="GF3059" s="91"/>
      <c r="GG3059" s="91"/>
      <c r="GH3059" s="91"/>
      <c r="GI3059" s="91"/>
      <c r="GJ3059" s="91"/>
      <c r="GK3059" s="127"/>
      <c r="GL3059" s="126"/>
      <c r="GM3059" s="91"/>
      <c r="GN3059" s="91"/>
      <c r="GO3059" s="91"/>
      <c r="GP3059" s="91"/>
      <c r="GQ3059" s="91"/>
      <c r="GR3059" s="91"/>
      <c r="GS3059" s="91"/>
      <c r="GT3059" s="91"/>
      <c r="GU3059" s="91"/>
      <c r="GV3059" s="91"/>
      <c r="GW3059" s="91"/>
      <c r="GX3059" s="127"/>
      <c r="GY3059" s="126"/>
      <c r="GZ3059" s="91"/>
      <c r="HA3059" s="91"/>
      <c r="HB3059" s="91"/>
      <c r="HC3059" s="91"/>
      <c r="HD3059" s="91"/>
      <c r="HE3059" s="91"/>
      <c r="HF3059" s="91"/>
      <c r="HG3059" s="91"/>
      <c r="HH3059" s="91"/>
      <c r="HI3059" s="91"/>
      <c r="HJ3059" s="91"/>
      <c r="HK3059" s="127"/>
      <c r="HL3059" s="126"/>
      <c r="HM3059" s="91"/>
      <c r="HN3059" s="91"/>
      <c r="HO3059" s="91"/>
      <c r="HP3059" s="91"/>
      <c r="HQ3059" s="91"/>
      <c r="HR3059" s="91"/>
      <c r="HS3059" s="91"/>
      <c r="HT3059" s="91"/>
      <c r="HU3059" s="91"/>
      <c r="HV3059" s="91"/>
      <c r="HW3059" s="91"/>
      <c r="HX3059" s="127"/>
      <c r="HY3059" s="126"/>
      <c r="HZ3059" s="91"/>
      <c r="IA3059" s="91"/>
      <c r="IB3059" s="91"/>
      <c r="IC3059" s="91"/>
      <c r="ID3059" s="91"/>
      <c r="IE3059" s="91"/>
      <c r="IF3059" s="91"/>
      <c r="IG3059" s="91"/>
      <c r="IH3059" s="91"/>
      <c r="II3059" s="91"/>
      <c r="IJ3059" s="91"/>
      <c r="IK3059" s="174"/>
    </row>
    <row r="3060" spans="2:245" x14ac:dyDescent="0.2">
      <c r="B3060" s="43"/>
      <c r="C3060" s="73"/>
      <c r="D3060" s="64"/>
      <c r="E3060" s="64"/>
      <c r="F3060" s="55"/>
      <c r="G3060" s="102"/>
      <c r="H3060" s="97"/>
      <c r="T3060" s="98"/>
      <c r="U3060" s="97"/>
      <c r="AG3060" s="98"/>
      <c r="AY3060" s="164"/>
      <c r="BK3060" s="98"/>
      <c r="BL3060" s="97"/>
      <c r="BX3060" s="98"/>
      <c r="CL3060" s="97"/>
      <c r="CX3060" s="98"/>
      <c r="DL3060" s="97"/>
      <c r="DX3060" s="98"/>
      <c r="EL3060" s="97"/>
      <c r="EX3060" s="98"/>
      <c r="EY3060" s="97"/>
      <c r="FL3060" s="126"/>
      <c r="FM3060" s="91"/>
      <c r="FN3060" s="91"/>
      <c r="FO3060" s="91"/>
      <c r="FP3060" s="91"/>
      <c r="FQ3060" s="91"/>
      <c r="FR3060" s="91"/>
      <c r="FS3060" s="91"/>
      <c r="FT3060" s="91"/>
      <c r="FU3060" s="91"/>
      <c r="FV3060" s="91"/>
      <c r="FW3060" s="91"/>
      <c r="FX3060" s="127"/>
      <c r="FY3060" s="126"/>
      <c r="FZ3060" s="91"/>
      <c r="GA3060" s="91"/>
      <c r="GB3060" s="91"/>
      <c r="GC3060" s="91"/>
      <c r="GD3060" s="91"/>
      <c r="GE3060" s="91"/>
      <c r="GF3060" s="91"/>
      <c r="GG3060" s="91"/>
      <c r="GH3060" s="91"/>
      <c r="GI3060" s="91"/>
      <c r="GJ3060" s="91"/>
      <c r="GK3060" s="127"/>
      <c r="GL3060" s="126"/>
      <c r="GM3060" s="91"/>
      <c r="GN3060" s="91"/>
      <c r="GO3060" s="91"/>
      <c r="GP3060" s="91"/>
      <c r="GQ3060" s="91"/>
      <c r="GR3060" s="91"/>
      <c r="GS3060" s="91"/>
      <c r="GT3060" s="91"/>
      <c r="GU3060" s="91"/>
      <c r="GV3060" s="91"/>
      <c r="GW3060" s="91"/>
      <c r="GX3060" s="127"/>
      <c r="GY3060" s="126"/>
      <c r="GZ3060" s="91"/>
      <c r="HA3060" s="91"/>
      <c r="HB3060" s="91"/>
      <c r="HC3060" s="91"/>
      <c r="HD3060" s="91"/>
      <c r="HE3060" s="91"/>
      <c r="HF3060" s="91"/>
      <c r="HG3060" s="91"/>
      <c r="HH3060" s="91"/>
      <c r="HI3060" s="91"/>
      <c r="HJ3060" s="91"/>
      <c r="HK3060" s="127"/>
      <c r="HL3060" s="126"/>
      <c r="HM3060" s="91"/>
      <c r="HN3060" s="91"/>
      <c r="HO3060" s="91"/>
      <c r="HP3060" s="91"/>
      <c r="HQ3060" s="91"/>
      <c r="HR3060" s="91"/>
      <c r="HS3060" s="91"/>
      <c r="HT3060" s="91"/>
      <c r="HU3060" s="91"/>
      <c r="HV3060" s="91"/>
      <c r="HW3060" s="91"/>
      <c r="HX3060" s="127"/>
      <c r="HY3060" s="126"/>
      <c r="HZ3060" s="91"/>
      <c r="IA3060" s="91"/>
      <c r="IB3060" s="91"/>
      <c r="IC3060" s="91"/>
      <c r="ID3060" s="91"/>
      <c r="IE3060" s="91"/>
      <c r="IF3060" s="91"/>
      <c r="IG3060" s="91"/>
      <c r="IH3060" s="91"/>
      <c r="II3060" s="91"/>
      <c r="IJ3060" s="91"/>
      <c r="IK3060" s="174"/>
    </row>
    <row r="3061" spans="2:245" x14ac:dyDescent="0.2">
      <c r="B3061" s="43"/>
      <c r="C3061" s="73"/>
      <c r="D3061" s="64"/>
      <c r="E3061" s="64"/>
      <c r="F3061" s="55"/>
      <c r="G3061" s="102"/>
      <c r="H3061" s="97"/>
      <c r="T3061" s="98"/>
      <c r="U3061" s="97"/>
      <c r="AG3061" s="98"/>
      <c r="AY3061" s="164"/>
      <c r="BK3061" s="98"/>
      <c r="BL3061" s="97"/>
      <c r="BX3061" s="98"/>
      <c r="CL3061" s="97"/>
      <c r="CX3061" s="98"/>
      <c r="DL3061" s="97"/>
      <c r="DX3061" s="98"/>
      <c r="EL3061" s="97"/>
      <c r="EX3061" s="98"/>
      <c r="EY3061" s="97"/>
      <c r="FL3061" s="126"/>
      <c r="FM3061" s="91"/>
      <c r="FN3061" s="91"/>
      <c r="FO3061" s="91"/>
      <c r="FP3061" s="91"/>
      <c r="FQ3061" s="91"/>
      <c r="FR3061" s="91"/>
      <c r="FS3061" s="91"/>
      <c r="FT3061" s="91"/>
      <c r="FU3061" s="91"/>
      <c r="FV3061" s="91"/>
      <c r="FW3061" s="91"/>
      <c r="FX3061" s="127"/>
      <c r="FY3061" s="126"/>
      <c r="FZ3061" s="91"/>
      <c r="GA3061" s="91"/>
      <c r="GB3061" s="91"/>
      <c r="GC3061" s="91"/>
      <c r="GD3061" s="91"/>
      <c r="GE3061" s="91"/>
      <c r="GF3061" s="91"/>
      <c r="GG3061" s="91"/>
      <c r="GH3061" s="91"/>
      <c r="GI3061" s="91"/>
      <c r="GJ3061" s="91"/>
      <c r="GK3061" s="127"/>
      <c r="GL3061" s="126"/>
      <c r="GM3061" s="91"/>
      <c r="GN3061" s="91"/>
      <c r="GO3061" s="91"/>
      <c r="GP3061" s="91"/>
      <c r="GQ3061" s="91"/>
      <c r="GR3061" s="91"/>
      <c r="GS3061" s="91"/>
      <c r="GT3061" s="91"/>
      <c r="GU3061" s="91"/>
      <c r="GV3061" s="91"/>
      <c r="GW3061" s="91"/>
      <c r="GX3061" s="127"/>
      <c r="GY3061" s="126"/>
      <c r="GZ3061" s="91"/>
      <c r="HA3061" s="91"/>
      <c r="HB3061" s="91"/>
      <c r="HC3061" s="91"/>
      <c r="HD3061" s="91"/>
      <c r="HE3061" s="91"/>
      <c r="HF3061" s="91"/>
      <c r="HG3061" s="91"/>
      <c r="HH3061" s="91"/>
      <c r="HI3061" s="91"/>
      <c r="HJ3061" s="91"/>
      <c r="HK3061" s="127"/>
      <c r="HL3061" s="126"/>
      <c r="HM3061" s="91"/>
      <c r="HN3061" s="91"/>
      <c r="HO3061" s="91"/>
      <c r="HP3061" s="91"/>
      <c r="HQ3061" s="91"/>
      <c r="HR3061" s="91"/>
      <c r="HS3061" s="91"/>
      <c r="HT3061" s="91"/>
      <c r="HU3061" s="91"/>
      <c r="HV3061" s="91"/>
      <c r="HW3061" s="91"/>
      <c r="HX3061" s="127"/>
      <c r="HY3061" s="126"/>
      <c r="HZ3061" s="91"/>
      <c r="IA3061" s="91"/>
      <c r="IB3061" s="91"/>
      <c r="IC3061" s="91"/>
      <c r="ID3061" s="91"/>
      <c r="IE3061" s="91"/>
      <c r="IF3061" s="91"/>
      <c r="IG3061" s="91"/>
      <c r="IH3061" s="91"/>
      <c r="II3061" s="91"/>
      <c r="IJ3061" s="91"/>
      <c r="IK3061" s="174"/>
    </row>
    <row r="3062" spans="2:245" x14ac:dyDescent="0.2">
      <c r="B3062" s="43"/>
      <c r="C3062" s="73"/>
      <c r="D3062" s="64"/>
      <c r="E3062" s="64"/>
      <c r="F3062" s="55"/>
      <c r="G3062" s="102"/>
      <c r="H3062" s="97"/>
      <c r="T3062" s="98"/>
      <c r="U3062" s="97"/>
      <c r="AG3062" s="98"/>
      <c r="AY3062" s="164"/>
      <c r="BK3062" s="98"/>
      <c r="BL3062" s="97"/>
      <c r="BX3062" s="98"/>
      <c r="CL3062" s="97"/>
      <c r="CX3062" s="98"/>
      <c r="DL3062" s="97"/>
      <c r="DX3062" s="98"/>
      <c r="EL3062" s="97"/>
      <c r="EX3062" s="98"/>
      <c r="EY3062" s="97"/>
      <c r="FL3062" s="126"/>
      <c r="FM3062" s="91"/>
      <c r="FN3062" s="91"/>
      <c r="FO3062" s="91"/>
      <c r="FP3062" s="91"/>
      <c r="FQ3062" s="91"/>
      <c r="FR3062" s="91"/>
      <c r="FS3062" s="91"/>
      <c r="FT3062" s="91"/>
      <c r="FU3062" s="91"/>
      <c r="FV3062" s="91"/>
      <c r="FW3062" s="91"/>
      <c r="FX3062" s="127"/>
      <c r="FY3062" s="126"/>
      <c r="FZ3062" s="91"/>
      <c r="GA3062" s="91"/>
      <c r="GB3062" s="91"/>
      <c r="GC3062" s="91"/>
      <c r="GD3062" s="91"/>
      <c r="GE3062" s="91"/>
      <c r="GF3062" s="91"/>
      <c r="GG3062" s="91"/>
      <c r="GH3062" s="91"/>
      <c r="GI3062" s="91"/>
      <c r="GJ3062" s="91"/>
      <c r="GK3062" s="127"/>
      <c r="GL3062" s="126"/>
      <c r="GM3062" s="91"/>
      <c r="GN3062" s="91"/>
      <c r="GO3062" s="91"/>
      <c r="GP3062" s="91"/>
      <c r="GQ3062" s="91"/>
      <c r="GR3062" s="91"/>
      <c r="GS3062" s="91"/>
      <c r="GT3062" s="91"/>
      <c r="GU3062" s="91"/>
      <c r="GV3062" s="91"/>
      <c r="GW3062" s="91"/>
      <c r="GX3062" s="127"/>
      <c r="GY3062" s="126"/>
      <c r="GZ3062" s="91"/>
      <c r="HA3062" s="91"/>
      <c r="HB3062" s="91"/>
      <c r="HC3062" s="91"/>
      <c r="HD3062" s="91"/>
      <c r="HE3062" s="91"/>
      <c r="HF3062" s="91"/>
      <c r="HG3062" s="91"/>
      <c r="HH3062" s="91"/>
      <c r="HI3062" s="91"/>
      <c r="HJ3062" s="91"/>
      <c r="HK3062" s="127"/>
      <c r="HL3062" s="126"/>
      <c r="HM3062" s="91"/>
      <c r="HN3062" s="91"/>
      <c r="HO3062" s="91"/>
      <c r="HP3062" s="91"/>
      <c r="HQ3062" s="91"/>
      <c r="HR3062" s="91"/>
      <c r="HS3062" s="91"/>
      <c r="HT3062" s="91"/>
      <c r="HU3062" s="91"/>
      <c r="HV3062" s="91"/>
      <c r="HW3062" s="91"/>
      <c r="HX3062" s="127"/>
      <c r="HY3062" s="126"/>
      <c r="HZ3062" s="91"/>
      <c r="IA3062" s="91"/>
      <c r="IB3062" s="91"/>
      <c r="IC3062" s="91"/>
      <c r="ID3062" s="91"/>
      <c r="IE3062" s="91"/>
      <c r="IF3062" s="91"/>
      <c r="IG3062" s="91"/>
      <c r="IH3062" s="91"/>
      <c r="II3062" s="91"/>
      <c r="IJ3062" s="91"/>
      <c r="IK3062" s="174"/>
    </row>
    <row r="3063" spans="2:245" x14ac:dyDescent="0.2">
      <c r="B3063" s="43"/>
      <c r="C3063" s="73"/>
      <c r="D3063" s="64"/>
      <c r="E3063" s="64"/>
      <c r="F3063" s="55"/>
      <c r="G3063" s="102"/>
      <c r="H3063" s="97"/>
      <c r="T3063" s="98"/>
      <c r="U3063" s="97"/>
      <c r="AG3063" s="98"/>
      <c r="AY3063" s="164"/>
      <c r="BK3063" s="98"/>
      <c r="BL3063" s="97"/>
      <c r="BX3063" s="98"/>
      <c r="CL3063" s="97"/>
      <c r="CX3063" s="98"/>
      <c r="DL3063" s="97"/>
      <c r="DX3063" s="98"/>
      <c r="EL3063" s="97"/>
      <c r="EX3063" s="98"/>
      <c r="EY3063" s="97"/>
      <c r="FL3063" s="126"/>
      <c r="FM3063" s="91"/>
      <c r="FN3063" s="91"/>
      <c r="FO3063" s="91"/>
      <c r="FP3063" s="91"/>
      <c r="FQ3063" s="91"/>
      <c r="FR3063" s="91"/>
      <c r="FS3063" s="91"/>
      <c r="FT3063" s="91"/>
      <c r="FU3063" s="91"/>
      <c r="FV3063" s="91"/>
      <c r="FW3063" s="91"/>
      <c r="FX3063" s="127"/>
      <c r="FY3063" s="126"/>
      <c r="FZ3063" s="91"/>
      <c r="GA3063" s="91"/>
      <c r="GB3063" s="91"/>
      <c r="GC3063" s="91"/>
      <c r="GD3063" s="91"/>
      <c r="GE3063" s="91"/>
      <c r="GF3063" s="91"/>
      <c r="GG3063" s="91"/>
      <c r="GH3063" s="91"/>
      <c r="GI3063" s="91"/>
      <c r="GJ3063" s="91"/>
      <c r="GK3063" s="127"/>
      <c r="GL3063" s="126"/>
      <c r="GM3063" s="91"/>
      <c r="GN3063" s="91"/>
      <c r="GO3063" s="91"/>
      <c r="GP3063" s="91"/>
      <c r="GQ3063" s="91"/>
      <c r="GR3063" s="91"/>
      <c r="GS3063" s="91"/>
      <c r="GT3063" s="91"/>
      <c r="GU3063" s="91"/>
      <c r="GV3063" s="91"/>
      <c r="GW3063" s="91"/>
      <c r="GX3063" s="127"/>
      <c r="GY3063" s="126"/>
      <c r="GZ3063" s="91"/>
      <c r="HA3063" s="91"/>
      <c r="HB3063" s="91"/>
      <c r="HC3063" s="91"/>
      <c r="HD3063" s="91"/>
      <c r="HE3063" s="91"/>
      <c r="HF3063" s="91"/>
      <c r="HG3063" s="91"/>
      <c r="HH3063" s="91"/>
      <c r="HI3063" s="91"/>
      <c r="HJ3063" s="91"/>
      <c r="HK3063" s="127"/>
      <c r="HL3063" s="126"/>
      <c r="HM3063" s="91"/>
      <c r="HN3063" s="91"/>
      <c r="HO3063" s="91"/>
      <c r="HP3063" s="91"/>
      <c r="HQ3063" s="91"/>
      <c r="HR3063" s="91"/>
      <c r="HS3063" s="91"/>
      <c r="HT3063" s="91"/>
      <c r="HU3063" s="91"/>
      <c r="HV3063" s="91"/>
      <c r="HW3063" s="91"/>
      <c r="HX3063" s="127"/>
      <c r="HY3063" s="126"/>
      <c r="HZ3063" s="91"/>
      <c r="IA3063" s="91"/>
      <c r="IB3063" s="91"/>
      <c r="IC3063" s="91"/>
      <c r="ID3063" s="91"/>
      <c r="IE3063" s="91"/>
      <c r="IF3063" s="91"/>
      <c r="IG3063" s="91"/>
      <c r="IH3063" s="91"/>
      <c r="II3063" s="91"/>
      <c r="IJ3063" s="91"/>
      <c r="IK3063" s="174"/>
    </row>
    <row r="3064" spans="2:245" x14ac:dyDescent="0.2">
      <c r="B3064" s="43"/>
      <c r="C3064" s="73"/>
      <c r="D3064" s="64"/>
      <c r="E3064" s="64"/>
      <c r="F3064" s="55"/>
      <c r="G3064" s="102"/>
      <c r="H3064" s="97"/>
      <c r="T3064" s="98"/>
      <c r="U3064" s="97"/>
      <c r="AG3064" s="98"/>
      <c r="AY3064" s="164"/>
      <c r="BK3064" s="98"/>
      <c r="BL3064" s="97"/>
      <c r="BX3064" s="98"/>
      <c r="CL3064" s="97"/>
      <c r="CX3064" s="98"/>
      <c r="DL3064" s="97"/>
      <c r="DX3064" s="98"/>
      <c r="EL3064" s="97"/>
      <c r="EX3064" s="98"/>
      <c r="EY3064" s="97"/>
      <c r="FL3064" s="126"/>
      <c r="FM3064" s="91"/>
      <c r="FN3064" s="91"/>
      <c r="FO3064" s="91"/>
      <c r="FP3064" s="91"/>
      <c r="FQ3064" s="91"/>
      <c r="FR3064" s="91"/>
      <c r="FS3064" s="91"/>
      <c r="FT3064" s="91"/>
      <c r="FU3064" s="91"/>
      <c r="FV3064" s="91"/>
      <c r="FW3064" s="91"/>
      <c r="FX3064" s="127"/>
      <c r="FY3064" s="126"/>
      <c r="FZ3064" s="91"/>
      <c r="GA3064" s="91"/>
      <c r="GB3064" s="91"/>
      <c r="GC3064" s="91"/>
      <c r="GD3064" s="91"/>
      <c r="GE3064" s="91"/>
      <c r="GF3064" s="91"/>
      <c r="GG3064" s="91"/>
      <c r="GH3064" s="91"/>
      <c r="GI3064" s="91"/>
      <c r="GJ3064" s="91"/>
      <c r="GK3064" s="127"/>
      <c r="GL3064" s="126"/>
      <c r="GM3064" s="91"/>
      <c r="GN3064" s="91"/>
      <c r="GO3064" s="91"/>
      <c r="GP3064" s="91"/>
      <c r="GQ3064" s="91"/>
      <c r="GR3064" s="91"/>
      <c r="GS3064" s="91"/>
      <c r="GT3064" s="91"/>
      <c r="GU3064" s="91"/>
      <c r="GV3064" s="91"/>
      <c r="GW3064" s="91"/>
      <c r="GX3064" s="127"/>
      <c r="GY3064" s="126"/>
      <c r="GZ3064" s="91"/>
      <c r="HA3064" s="91"/>
      <c r="HB3064" s="91"/>
      <c r="HC3064" s="91"/>
      <c r="HD3064" s="91"/>
      <c r="HE3064" s="91"/>
      <c r="HF3064" s="91"/>
      <c r="HG3064" s="91"/>
      <c r="HH3064" s="91"/>
      <c r="HI3064" s="91"/>
      <c r="HJ3064" s="91"/>
      <c r="HK3064" s="127"/>
      <c r="HL3064" s="126"/>
      <c r="HM3064" s="91"/>
      <c r="HN3064" s="91"/>
      <c r="HO3064" s="91"/>
      <c r="HP3064" s="91"/>
      <c r="HQ3064" s="91"/>
      <c r="HR3064" s="91"/>
      <c r="HS3064" s="91"/>
      <c r="HT3064" s="91"/>
      <c r="HU3064" s="91"/>
      <c r="HV3064" s="91"/>
      <c r="HW3064" s="91"/>
      <c r="HX3064" s="127"/>
      <c r="HY3064" s="126"/>
      <c r="HZ3064" s="91"/>
      <c r="IA3064" s="91"/>
      <c r="IB3064" s="91"/>
      <c r="IC3064" s="91"/>
      <c r="ID3064" s="91"/>
      <c r="IE3064" s="91"/>
      <c r="IF3064" s="91"/>
      <c r="IG3064" s="91"/>
      <c r="IH3064" s="91"/>
      <c r="II3064" s="91"/>
      <c r="IJ3064" s="91"/>
      <c r="IK3064" s="174"/>
    </row>
    <row r="3065" spans="2:245" x14ac:dyDescent="0.2">
      <c r="B3065" s="43"/>
      <c r="C3065" s="73"/>
      <c r="D3065" s="64"/>
      <c r="E3065" s="64"/>
      <c r="F3065" s="55"/>
      <c r="G3065" s="102"/>
      <c r="H3065" s="97"/>
      <c r="T3065" s="98"/>
      <c r="U3065" s="97"/>
      <c r="AG3065" s="98"/>
      <c r="AY3065" s="164"/>
      <c r="BK3065" s="98"/>
      <c r="BL3065" s="97"/>
      <c r="BX3065" s="98"/>
      <c r="CL3065" s="97"/>
      <c r="CX3065" s="98"/>
      <c r="DL3065" s="97"/>
      <c r="DX3065" s="98"/>
      <c r="EL3065" s="97"/>
      <c r="EX3065" s="98"/>
      <c r="EY3065" s="97"/>
      <c r="FL3065" s="126"/>
      <c r="FM3065" s="91"/>
      <c r="FN3065" s="91"/>
      <c r="FO3065" s="91"/>
      <c r="FP3065" s="91"/>
      <c r="FQ3065" s="91"/>
      <c r="FR3065" s="91"/>
      <c r="FS3065" s="91"/>
      <c r="FT3065" s="91"/>
      <c r="FU3065" s="91"/>
      <c r="FV3065" s="91"/>
      <c r="FW3065" s="91"/>
      <c r="FX3065" s="127"/>
      <c r="FY3065" s="126"/>
      <c r="FZ3065" s="91"/>
      <c r="GA3065" s="91"/>
      <c r="GB3065" s="91"/>
      <c r="GC3065" s="91"/>
      <c r="GD3065" s="91"/>
      <c r="GE3065" s="91"/>
      <c r="GF3065" s="91"/>
      <c r="GG3065" s="91"/>
      <c r="GH3065" s="91"/>
      <c r="GI3065" s="91"/>
      <c r="GJ3065" s="91"/>
      <c r="GK3065" s="127"/>
      <c r="GL3065" s="126"/>
      <c r="GM3065" s="91"/>
      <c r="GN3065" s="91"/>
      <c r="GO3065" s="91"/>
      <c r="GP3065" s="91"/>
      <c r="GQ3065" s="91"/>
      <c r="GR3065" s="91"/>
      <c r="GS3065" s="91"/>
      <c r="GT3065" s="91"/>
      <c r="GU3065" s="91"/>
      <c r="GV3065" s="91"/>
      <c r="GW3065" s="91"/>
      <c r="GX3065" s="127"/>
      <c r="GY3065" s="126"/>
      <c r="GZ3065" s="91"/>
      <c r="HA3065" s="91"/>
      <c r="HB3065" s="91"/>
      <c r="HC3065" s="91"/>
      <c r="HD3065" s="91"/>
      <c r="HE3065" s="91"/>
      <c r="HF3065" s="91"/>
      <c r="HG3065" s="91"/>
      <c r="HH3065" s="91"/>
      <c r="HI3065" s="91"/>
      <c r="HJ3065" s="91"/>
      <c r="HK3065" s="127"/>
      <c r="HL3065" s="126"/>
      <c r="HM3065" s="91"/>
      <c r="HN3065" s="91"/>
      <c r="HO3065" s="91"/>
      <c r="HP3065" s="91"/>
      <c r="HQ3065" s="91"/>
      <c r="HR3065" s="91"/>
      <c r="HS3065" s="91"/>
      <c r="HT3065" s="91"/>
      <c r="HU3065" s="91"/>
      <c r="HV3065" s="91"/>
      <c r="HW3065" s="91"/>
      <c r="HX3065" s="127"/>
      <c r="HY3065" s="126"/>
      <c r="HZ3065" s="91"/>
      <c r="IA3065" s="91"/>
      <c r="IB3065" s="91"/>
      <c r="IC3065" s="91"/>
      <c r="ID3065" s="91"/>
      <c r="IE3065" s="91"/>
      <c r="IF3065" s="91"/>
      <c r="IG3065" s="91"/>
      <c r="IH3065" s="91"/>
      <c r="II3065" s="91"/>
      <c r="IJ3065" s="91"/>
      <c r="IK3065" s="174"/>
    </row>
    <row r="3066" spans="2:245" x14ac:dyDescent="0.2">
      <c r="B3066" s="43"/>
      <c r="C3066" s="73"/>
      <c r="D3066" s="64"/>
      <c r="E3066" s="64"/>
      <c r="F3066" s="55"/>
      <c r="G3066" s="102"/>
      <c r="H3066" s="97"/>
      <c r="T3066" s="98"/>
      <c r="U3066" s="97"/>
      <c r="AG3066" s="98"/>
      <c r="AY3066" s="164"/>
      <c r="BK3066" s="98"/>
      <c r="BL3066" s="97"/>
      <c r="BX3066" s="98"/>
      <c r="CL3066" s="97"/>
      <c r="CX3066" s="98"/>
      <c r="DL3066" s="97"/>
      <c r="DX3066" s="98"/>
      <c r="EL3066" s="97"/>
      <c r="EX3066" s="98"/>
      <c r="EY3066" s="97"/>
      <c r="FL3066" s="126"/>
      <c r="FM3066" s="91"/>
      <c r="FN3066" s="91"/>
      <c r="FO3066" s="91"/>
      <c r="FP3066" s="91"/>
      <c r="FQ3066" s="91"/>
      <c r="FR3066" s="91"/>
      <c r="FS3066" s="91"/>
      <c r="FT3066" s="91"/>
      <c r="FU3066" s="91"/>
      <c r="FV3066" s="91"/>
      <c r="FW3066" s="91"/>
      <c r="FX3066" s="127"/>
      <c r="FY3066" s="126"/>
      <c r="FZ3066" s="91"/>
      <c r="GA3066" s="91"/>
      <c r="GB3066" s="91"/>
      <c r="GC3066" s="91"/>
      <c r="GD3066" s="91"/>
      <c r="GE3066" s="91"/>
      <c r="GF3066" s="91"/>
      <c r="GG3066" s="91"/>
      <c r="GH3066" s="91"/>
      <c r="GI3066" s="91"/>
      <c r="GJ3066" s="91"/>
      <c r="GK3066" s="127"/>
      <c r="GL3066" s="126"/>
      <c r="GM3066" s="91"/>
      <c r="GN3066" s="91"/>
      <c r="GO3066" s="91"/>
      <c r="GP3066" s="91"/>
      <c r="GQ3066" s="91"/>
      <c r="GR3066" s="91"/>
      <c r="GS3066" s="91"/>
      <c r="GT3066" s="91"/>
      <c r="GU3066" s="91"/>
      <c r="GV3066" s="91"/>
      <c r="GW3066" s="91"/>
      <c r="GX3066" s="127"/>
      <c r="GY3066" s="126"/>
      <c r="GZ3066" s="91"/>
      <c r="HA3066" s="91"/>
      <c r="HB3066" s="91"/>
      <c r="HC3066" s="91"/>
      <c r="HD3066" s="91"/>
      <c r="HE3066" s="91"/>
      <c r="HF3066" s="91"/>
      <c r="HG3066" s="91"/>
      <c r="HH3066" s="91"/>
      <c r="HI3066" s="91"/>
      <c r="HJ3066" s="91"/>
      <c r="HK3066" s="127"/>
      <c r="HL3066" s="126"/>
      <c r="HM3066" s="91"/>
      <c r="HN3066" s="91"/>
      <c r="HO3066" s="91"/>
      <c r="HP3066" s="91"/>
      <c r="HQ3066" s="91"/>
      <c r="HR3066" s="91"/>
      <c r="HS3066" s="91"/>
      <c r="HT3066" s="91"/>
      <c r="HU3066" s="91"/>
      <c r="HV3066" s="91"/>
      <c r="HW3066" s="91"/>
      <c r="HX3066" s="127"/>
      <c r="HY3066" s="126"/>
      <c r="HZ3066" s="91"/>
      <c r="IA3066" s="91"/>
      <c r="IB3066" s="91"/>
      <c r="IC3066" s="91"/>
      <c r="ID3066" s="91"/>
      <c r="IE3066" s="91"/>
      <c r="IF3066" s="91"/>
      <c r="IG3066" s="91"/>
      <c r="IH3066" s="91"/>
      <c r="II3066" s="91"/>
      <c r="IJ3066" s="91"/>
      <c r="IK3066" s="174"/>
    </row>
    <row r="3067" spans="2:245" x14ac:dyDescent="0.2">
      <c r="B3067" s="43"/>
      <c r="C3067" s="73"/>
      <c r="D3067" s="64"/>
      <c r="E3067" s="64"/>
      <c r="F3067" s="55"/>
      <c r="G3067" s="102"/>
      <c r="H3067" s="97"/>
      <c r="T3067" s="98"/>
      <c r="U3067" s="97"/>
      <c r="AG3067" s="98"/>
      <c r="AY3067" s="164"/>
      <c r="BK3067" s="98"/>
      <c r="BL3067" s="97"/>
      <c r="BX3067" s="98"/>
      <c r="CL3067" s="97"/>
      <c r="CX3067" s="98"/>
      <c r="DL3067" s="97"/>
      <c r="DX3067" s="98"/>
      <c r="EL3067" s="97"/>
      <c r="EX3067" s="98"/>
      <c r="EY3067" s="97"/>
      <c r="FL3067" s="126"/>
      <c r="FM3067" s="91"/>
      <c r="FN3067" s="91"/>
      <c r="FO3067" s="91"/>
      <c r="FP3067" s="91"/>
      <c r="FQ3067" s="91"/>
      <c r="FR3067" s="91"/>
      <c r="FS3067" s="91"/>
      <c r="FT3067" s="91"/>
      <c r="FU3067" s="91"/>
      <c r="FV3067" s="91"/>
      <c r="FW3067" s="91"/>
      <c r="FX3067" s="127"/>
      <c r="FY3067" s="126"/>
      <c r="FZ3067" s="91"/>
      <c r="GA3067" s="91"/>
      <c r="GB3067" s="91"/>
      <c r="GC3067" s="91"/>
      <c r="GD3067" s="91"/>
      <c r="GE3067" s="91"/>
      <c r="GF3067" s="91"/>
      <c r="GG3067" s="91"/>
      <c r="GH3067" s="91"/>
      <c r="GI3067" s="91"/>
      <c r="GJ3067" s="91"/>
      <c r="GK3067" s="127"/>
      <c r="GL3067" s="126"/>
      <c r="GM3067" s="91"/>
      <c r="GN3067" s="91"/>
      <c r="GO3067" s="91"/>
      <c r="GP3067" s="91"/>
      <c r="GQ3067" s="91"/>
      <c r="GR3067" s="91"/>
      <c r="GS3067" s="91"/>
      <c r="GT3067" s="91"/>
      <c r="GU3067" s="91"/>
      <c r="GV3067" s="91"/>
      <c r="GW3067" s="91"/>
      <c r="GX3067" s="127"/>
      <c r="GY3067" s="126"/>
      <c r="GZ3067" s="91"/>
      <c r="HA3067" s="91"/>
      <c r="HB3067" s="91"/>
      <c r="HC3067" s="91"/>
      <c r="HD3067" s="91"/>
      <c r="HE3067" s="91"/>
      <c r="HF3067" s="91"/>
      <c r="HG3067" s="91"/>
      <c r="HH3067" s="91"/>
      <c r="HI3067" s="91"/>
      <c r="HJ3067" s="91"/>
      <c r="HK3067" s="127"/>
      <c r="HL3067" s="126"/>
      <c r="HM3067" s="91"/>
      <c r="HN3067" s="91"/>
      <c r="HO3067" s="91"/>
      <c r="HP3067" s="91"/>
      <c r="HQ3067" s="91"/>
      <c r="HR3067" s="91"/>
      <c r="HS3067" s="91"/>
      <c r="HT3067" s="91"/>
      <c r="HU3067" s="91"/>
      <c r="HV3067" s="91"/>
      <c r="HW3067" s="91"/>
      <c r="HX3067" s="127"/>
      <c r="HY3067" s="126"/>
      <c r="HZ3067" s="91"/>
      <c r="IA3067" s="91"/>
      <c r="IB3067" s="91"/>
      <c r="IC3067" s="91"/>
      <c r="ID3067" s="91"/>
      <c r="IE3067" s="91"/>
      <c r="IF3067" s="91"/>
      <c r="IG3067" s="91"/>
      <c r="IH3067" s="91"/>
      <c r="II3067" s="91"/>
      <c r="IJ3067" s="91"/>
      <c r="IK3067" s="174"/>
    </row>
    <row r="3068" spans="2:245" x14ac:dyDescent="0.2">
      <c r="B3068" s="43"/>
      <c r="C3068" s="73"/>
      <c r="D3068" s="64"/>
      <c r="E3068" s="64"/>
      <c r="F3068" s="55"/>
      <c r="G3068" s="102"/>
      <c r="H3068" s="97"/>
      <c r="T3068" s="98"/>
      <c r="U3068" s="97"/>
      <c r="AG3068" s="98"/>
      <c r="AY3068" s="164"/>
      <c r="BK3068" s="98"/>
      <c r="BL3068" s="97"/>
      <c r="BX3068" s="98"/>
      <c r="CL3068" s="97"/>
      <c r="CX3068" s="98"/>
      <c r="DL3068" s="97"/>
      <c r="DX3068" s="98"/>
      <c r="EL3068" s="97"/>
      <c r="EX3068" s="98"/>
      <c r="EY3068" s="97"/>
      <c r="FL3068" s="126"/>
      <c r="FM3068" s="91"/>
      <c r="FN3068" s="91"/>
      <c r="FO3068" s="91"/>
      <c r="FP3068" s="91"/>
      <c r="FQ3068" s="91"/>
      <c r="FR3068" s="91"/>
      <c r="FS3068" s="91"/>
      <c r="FT3068" s="91"/>
      <c r="FU3068" s="91"/>
      <c r="FV3068" s="91"/>
      <c r="FW3068" s="91"/>
      <c r="FX3068" s="127"/>
      <c r="FY3068" s="126"/>
      <c r="FZ3068" s="91"/>
      <c r="GA3068" s="91"/>
      <c r="GB3068" s="91"/>
      <c r="GC3068" s="91"/>
      <c r="GD3068" s="91"/>
      <c r="GE3068" s="91"/>
      <c r="GF3068" s="91"/>
      <c r="GG3068" s="91"/>
      <c r="GH3068" s="91"/>
      <c r="GI3068" s="91"/>
      <c r="GJ3068" s="91"/>
      <c r="GK3068" s="127"/>
      <c r="GL3068" s="126"/>
      <c r="GM3068" s="91"/>
      <c r="GN3068" s="91"/>
      <c r="GO3068" s="91"/>
      <c r="GP3068" s="91"/>
      <c r="GQ3068" s="91"/>
      <c r="GR3068" s="91"/>
      <c r="GS3068" s="91"/>
      <c r="GT3068" s="91"/>
      <c r="GU3068" s="91"/>
      <c r="GV3068" s="91"/>
      <c r="GW3068" s="91"/>
      <c r="GX3068" s="127"/>
      <c r="GY3068" s="126"/>
      <c r="GZ3068" s="91"/>
      <c r="HA3068" s="91"/>
      <c r="HB3068" s="91"/>
      <c r="HC3068" s="91"/>
      <c r="HD3068" s="91"/>
      <c r="HE3068" s="91"/>
      <c r="HF3068" s="91"/>
      <c r="HG3068" s="91"/>
      <c r="HH3068" s="91"/>
      <c r="HI3068" s="91"/>
      <c r="HJ3068" s="91"/>
      <c r="HK3068" s="127"/>
      <c r="HL3068" s="126"/>
      <c r="HM3068" s="91"/>
      <c r="HN3068" s="91"/>
      <c r="HO3068" s="91"/>
      <c r="HP3068" s="91"/>
      <c r="HQ3068" s="91"/>
      <c r="HR3068" s="91"/>
      <c r="HS3068" s="91"/>
      <c r="HT3068" s="91"/>
      <c r="HU3068" s="91"/>
      <c r="HV3068" s="91"/>
      <c r="HW3068" s="91"/>
      <c r="HX3068" s="127"/>
      <c r="HY3068" s="126"/>
      <c r="HZ3068" s="91"/>
      <c r="IA3068" s="91"/>
      <c r="IB3068" s="91"/>
      <c r="IC3068" s="91"/>
      <c r="ID3068" s="91"/>
      <c r="IE3068" s="91"/>
      <c r="IF3068" s="91"/>
      <c r="IG3068" s="91"/>
      <c r="IH3068" s="91"/>
      <c r="II3068" s="91"/>
      <c r="IJ3068" s="91"/>
      <c r="IK3068" s="174"/>
    </row>
    <row r="3069" spans="2:245" x14ac:dyDescent="0.2">
      <c r="B3069" s="43"/>
      <c r="C3069" s="73"/>
      <c r="D3069" s="64"/>
      <c r="E3069" s="64"/>
      <c r="F3069" s="55"/>
      <c r="G3069" s="102"/>
      <c r="H3069" s="97"/>
      <c r="T3069" s="98"/>
      <c r="U3069" s="97"/>
      <c r="AG3069" s="98"/>
      <c r="AY3069" s="164"/>
      <c r="BK3069" s="98"/>
      <c r="BL3069" s="97"/>
      <c r="BX3069" s="98"/>
      <c r="CL3069" s="97"/>
      <c r="CX3069" s="98"/>
      <c r="DL3069" s="97"/>
      <c r="DX3069" s="98"/>
      <c r="EL3069" s="97"/>
      <c r="EX3069" s="98"/>
      <c r="EY3069" s="97"/>
      <c r="FL3069" s="126"/>
      <c r="FM3069" s="91"/>
      <c r="FN3069" s="91"/>
      <c r="FO3069" s="91"/>
      <c r="FP3069" s="91"/>
      <c r="FQ3069" s="91"/>
      <c r="FR3069" s="91"/>
      <c r="FS3069" s="91"/>
      <c r="FT3069" s="91"/>
      <c r="FU3069" s="91"/>
      <c r="FV3069" s="91"/>
      <c r="FW3069" s="91"/>
      <c r="FX3069" s="127"/>
      <c r="FY3069" s="126"/>
      <c r="FZ3069" s="91"/>
      <c r="GA3069" s="91"/>
      <c r="GB3069" s="91"/>
      <c r="GC3069" s="91"/>
      <c r="GD3069" s="91"/>
      <c r="GE3069" s="91"/>
      <c r="GF3069" s="91"/>
      <c r="GG3069" s="91"/>
      <c r="GH3069" s="91"/>
      <c r="GI3069" s="91"/>
      <c r="GJ3069" s="91"/>
      <c r="GK3069" s="127"/>
      <c r="GL3069" s="126"/>
      <c r="GM3069" s="91"/>
      <c r="GN3069" s="91"/>
      <c r="GO3069" s="91"/>
      <c r="GP3069" s="91"/>
      <c r="GQ3069" s="91"/>
      <c r="GR3069" s="91"/>
      <c r="GS3069" s="91"/>
      <c r="GT3069" s="91"/>
      <c r="GU3069" s="91"/>
      <c r="GV3069" s="91"/>
      <c r="GW3069" s="91"/>
      <c r="GX3069" s="127"/>
      <c r="GY3069" s="126"/>
      <c r="GZ3069" s="91"/>
      <c r="HA3069" s="91"/>
      <c r="HB3069" s="91"/>
      <c r="HC3069" s="91"/>
      <c r="HD3069" s="91"/>
      <c r="HE3069" s="91"/>
      <c r="HF3069" s="91"/>
      <c r="HG3069" s="91"/>
      <c r="HH3069" s="91"/>
      <c r="HI3069" s="91"/>
      <c r="HJ3069" s="91"/>
      <c r="HK3069" s="127"/>
      <c r="HL3069" s="126"/>
      <c r="HM3069" s="91"/>
      <c r="HN3069" s="91"/>
      <c r="HO3069" s="91"/>
      <c r="HP3069" s="91"/>
      <c r="HQ3069" s="91"/>
      <c r="HR3069" s="91"/>
      <c r="HS3069" s="91"/>
      <c r="HT3069" s="91"/>
      <c r="HU3069" s="91"/>
      <c r="HV3069" s="91"/>
      <c r="HW3069" s="91"/>
      <c r="HX3069" s="127"/>
      <c r="HY3069" s="126"/>
      <c r="HZ3069" s="91"/>
      <c r="IA3069" s="91"/>
      <c r="IB3069" s="91"/>
      <c r="IC3069" s="91"/>
      <c r="ID3069" s="91"/>
      <c r="IE3069" s="91"/>
      <c r="IF3069" s="91"/>
      <c r="IG3069" s="91"/>
      <c r="IH3069" s="91"/>
      <c r="II3069" s="91"/>
      <c r="IJ3069" s="91"/>
      <c r="IK3069" s="174"/>
    </row>
    <row r="3070" spans="2:245" x14ac:dyDescent="0.2">
      <c r="B3070" s="43"/>
      <c r="C3070" s="73"/>
      <c r="D3070" s="64"/>
      <c r="E3070" s="64"/>
      <c r="F3070" s="55"/>
      <c r="G3070" s="102"/>
      <c r="H3070" s="97"/>
      <c r="T3070" s="98"/>
      <c r="U3070" s="97"/>
      <c r="AG3070" s="98"/>
      <c r="AY3070" s="164"/>
      <c r="BK3070" s="98"/>
      <c r="BL3070" s="97"/>
      <c r="BX3070" s="98"/>
      <c r="CL3070" s="97"/>
      <c r="CX3070" s="98"/>
      <c r="DL3070" s="97"/>
      <c r="DX3070" s="98"/>
      <c r="EL3070" s="97"/>
      <c r="EX3070" s="98"/>
      <c r="EY3070" s="97"/>
      <c r="FL3070" s="126"/>
      <c r="FM3070" s="91"/>
      <c r="FN3070" s="91"/>
      <c r="FO3070" s="91"/>
      <c r="FP3070" s="91"/>
      <c r="FQ3070" s="91"/>
      <c r="FR3070" s="91"/>
      <c r="FS3070" s="91"/>
      <c r="FT3070" s="91"/>
      <c r="FU3070" s="91"/>
      <c r="FV3070" s="91"/>
      <c r="FW3070" s="91"/>
      <c r="FX3070" s="127"/>
      <c r="FY3070" s="126"/>
      <c r="FZ3070" s="91"/>
      <c r="GA3070" s="91"/>
      <c r="GB3070" s="91"/>
      <c r="GC3070" s="91"/>
      <c r="GD3070" s="91"/>
      <c r="GE3070" s="91"/>
      <c r="GF3070" s="91"/>
      <c r="GG3070" s="91"/>
      <c r="GH3070" s="91"/>
      <c r="GI3070" s="91"/>
      <c r="GJ3070" s="91"/>
      <c r="GK3070" s="127"/>
      <c r="GL3070" s="126"/>
      <c r="GM3070" s="91"/>
      <c r="GN3070" s="91"/>
      <c r="GO3070" s="91"/>
      <c r="GP3070" s="91"/>
      <c r="GQ3070" s="91"/>
      <c r="GR3070" s="91"/>
      <c r="GS3070" s="91"/>
      <c r="GT3070" s="91"/>
      <c r="GU3070" s="91"/>
      <c r="GV3070" s="91"/>
      <c r="GW3070" s="91"/>
      <c r="GX3070" s="127"/>
      <c r="GY3070" s="126"/>
      <c r="GZ3070" s="91"/>
      <c r="HA3070" s="91"/>
      <c r="HB3070" s="91"/>
      <c r="HC3070" s="91"/>
      <c r="HD3070" s="91"/>
      <c r="HE3070" s="91"/>
      <c r="HF3070" s="91"/>
      <c r="HG3070" s="91"/>
      <c r="HH3070" s="91"/>
      <c r="HI3070" s="91"/>
      <c r="HJ3070" s="91"/>
      <c r="HK3070" s="127"/>
      <c r="HL3070" s="126"/>
      <c r="HM3070" s="91"/>
      <c r="HN3070" s="91"/>
      <c r="HO3070" s="91"/>
      <c r="HP3070" s="91"/>
      <c r="HQ3070" s="91"/>
      <c r="HR3070" s="91"/>
      <c r="HS3070" s="91"/>
      <c r="HT3070" s="91"/>
      <c r="HU3070" s="91"/>
      <c r="HV3070" s="91"/>
      <c r="HW3070" s="91"/>
      <c r="HX3070" s="127"/>
      <c r="HY3070" s="126"/>
      <c r="HZ3070" s="91"/>
      <c r="IA3070" s="91"/>
      <c r="IB3070" s="91"/>
      <c r="IC3070" s="91"/>
      <c r="ID3070" s="91"/>
      <c r="IE3070" s="91"/>
      <c r="IF3070" s="91"/>
      <c r="IG3070" s="91"/>
      <c r="IH3070" s="91"/>
      <c r="II3070" s="91"/>
      <c r="IJ3070" s="91"/>
      <c r="IK3070" s="174"/>
    </row>
    <row r="3071" spans="2:245" x14ac:dyDescent="0.2">
      <c r="B3071" s="43"/>
      <c r="C3071" s="73"/>
      <c r="D3071" s="64"/>
      <c r="E3071" s="64"/>
      <c r="F3071" s="55"/>
      <c r="G3071" s="102"/>
      <c r="H3071" s="97"/>
      <c r="T3071" s="98"/>
      <c r="U3071" s="97"/>
      <c r="AG3071" s="98"/>
      <c r="AY3071" s="164"/>
      <c r="BK3071" s="98"/>
      <c r="BL3071" s="97"/>
      <c r="BX3071" s="98"/>
      <c r="CL3071" s="97"/>
      <c r="CX3071" s="98"/>
      <c r="DL3071" s="97"/>
      <c r="DX3071" s="98"/>
      <c r="EL3071" s="97"/>
      <c r="EX3071" s="98"/>
      <c r="EY3071" s="97"/>
      <c r="FL3071" s="126"/>
      <c r="FM3071" s="91"/>
      <c r="FN3071" s="91"/>
      <c r="FO3071" s="91"/>
      <c r="FP3071" s="91"/>
      <c r="FQ3071" s="91"/>
      <c r="FR3071" s="91"/>
      <c r="FS3071" s="91"/>
      <c r="FT3071" s="91"/>
      <c r="FU3071" s="91"/>
      <c r="FV3071" s="91"/>
      <c r="FW3071" s="91"/>
      <c r="FX3071" s="127"/>
      <c r="FY3071" s="126"/>
      <c r="FZ3071" s="91"/>
      <c r="GA3071" s="91"/>
      <c r="GB3071" s="91"/>
      <c r="GC3071" s="91"/>
      <c r="GD3071" s="91"/>
      <c r="GE3071" s="91"/>
      <c r="GF3071" s="91"/>
      <c r="GG3071" s="91"/>
      <c r="GH3071" s="91"/>
      <c r="GI3071" s="91"/>
      <c r="GJ3071" s="91"/>
      <c r="GK3071" s="127"/>
      <c r="GL3071" s="126"/>
      <c r="GM3071" s="91"/>
      <c r="GN3071" s="91"/>
      <c r="GO3071" s="91"/>
      <c r="GP3071" s="91"/>
      <c r="GQ3071" s="91"/>
      <c r="GR3071" s="91"/>
      <c r="GS3071" s="91"/>
      <c r="GT3071" s="91"/>
      <c r="GU3071" s="91"/>
      <c r="GV3071" s="91"/>
      <c r="GW3071" s="91"/>
      <c r="GX3071" s="127"/>
      <c r="GY3071" s="126"/>
      <c r="GZ3071" s="91"/>
      <c r="HA3071" s="91"/>
      <c r="HB3071" s="91"/>
      <c r="HC3071" s="91"/>
      <c r="HD3071" s="91"/>
      <c r="HE3071" s="91"/>
      <c r="HF3071" s="91"/>
      <c r="HG3071" s="91"/>
      <c r="HH3071" s="91"/>
      <c r="HI3071" s="91"/>
      <c r="HJ3071" s="91"/>
      <c r="HK3071" s="127"/>
      <c r="HL3071" s="126"/>
      <c r="HM3071" s="91"/>
      <c r="HN3071" s="91"/>
      <c r="HO3071" s="91"/>
      <c r="HP3071" s="91"/>
      <c r="HQ3071" s="91"/>
      <c r="HR3071" s="91"/>
      <c r="HS3071" s="91"/>
      <c r="HT3071" s="91"/>
      <c r="HU3071" s="91"/>
      <c r="HV3071" s="91"/>
      <c r="HW3071" s="91"/>
      <c r="HX3071" s="127"/>
      <c r="HY3071" s="126"/>
      <c r="HZ3071" s="91"/>
      <c r="IA3071" s="91"/>
      <c r="IB3071" s="91"/>
      <c r="IC3071" s="91"/>
      <c r="ID3071" s="91"/>
      <c r="IE3071" s="91"/>
      <c r="IF3071" s="91"/>
      <c r="IG3071" s="91"/>
      <c r="IH3071" s="91"/>
      <c r="II3071" s="91"/>
      <c r="IJ3071" s="91"/>
      <c r="IK3071" s="174"/>
    </row>
    <row r="3072" spans="2:245" x14ac:dyDescent="0.2">
      <c r="B3072" s="43"/>
      <c r="C3072" s="73"/>
      <c r="D3072" s="64"/>
      <c r="E3072" s="64"/>
      <c r="F3072" s="55"/>
      <c r="G3072" s="102"/>
      <c r="H3072" s="97"/>
      <c r="T3072" s="98"/>
      <c r="U3072" s="97"/>
      <c r="AG3072" s="98"/>
      <c r="AY3072" s="164"/>
      <c r="BK3072" s="98"/>
      <c r="BL3072" s="97"/>
      <c r="BX3072" s="98"/>
      <c r="CL3072" s="97"/>
      <c r="CX3072" s="98"/>
      <c r="DL3072" s="97"/>
      <c r="DX3072" s="98"/>
      <c r="EL3072" s="97"/>
      <c r="EX3072" s="98"/>
      <c r="EY3072" s="97"/>
      <c r="FL3072" s="126"/>
      <c r="FM3072" s="91"/>
      <c r="FN3072" s="91"/>
      <c r="FO3072" s="91"/>
      <c r="FP3072" s="91"/>
      <c r="FQ3072" s="91"/>
      <c r="FR3072" s="91"/>
      <c r="FS3072" s="91"/>
      <c r="FT3072" s="91"/>
      <c r="FU3072" s="91"/>
      <c r="FV3072" s="91"/>
      <c r="FW3072" s="91"/>
      <c r="FX3072" s="127"/>
      <c r="FY3072" s="126"/>
      <c r="FZ3072" s="91"/>
      <c r="GA3072" s="91"/>
      <c r="GB3072" s="91"/>
      <c r="GC3072" s="91"/>
      <c r="GD3072" s="91"/>
      <c r="GE3072" s="91"/>
      <c r="GF3072" s="91"/>
      <c r="GG3072" s="91"/>
      <c r="GH3072" s="91"/>
      <c r="GI3072" s="91"/>
      <c r="GJ3072" s="91"/>
      <c r="GK3072" s="127"/>
      <c r="GL3072" s="126"/>
      <c r="GM3072" s="91"/>
      <c r="GN3072" s="91"/>
      <c r="GO3072" s="91"/>
      <c r="GP3072" s="91"/>
      <c r="GQ3072" s="91"/>
      <c r="GR3072" s="91"/>
      <c r="GS3072" s="91"/>
      <c r="GT3072" s="91"/>
      <c r="GU3072" s="91"/>
      <c r="GV3072" s="91"/>
      <c r="GW3072" s="91"/>
      <c r="GX3072" s="127"/>
      <c r="GY3072" s="126"/>
      <c r="GZ3072" s="91"/>
      <c r="HA3072" s="91"/>
      <c r="HB3072" s="91"/>
      <c r="HC3072" s="91"/>
      <c r="HD3072" s="91"/>
      <c r="HE3072" s="91"/>
      <c r="HF3072" s="91"/>
      <c r="HG3072" s="91"/>
      <c r="HH3072" s="91"/>
      <c r="HI3072" s="91"/>
      <c r="HJ3072" s="91"/>
      <c r="HK3072" s="127"/>
      <c r="HL3072" s="126"/>
      <c r="HM3072" s="91"/>
      <c r="HN3072" s="91"/>
      <c r="HO3072" s="91"/>
      <c r="HP3072" s="91"/>
      <c r="HQ3072" s="91"/>
      <c r="HR3072" s="91"/>
      <c r="HS3072" s="91"/>
      <c r="HT3072" s="91"/>
      <c r="HU3072" s="91"/>
      <c r="HV3072" s="91"/>
      <c r="HW3072" s="91"/>
      <c r="HX3072" s="127"/>
      <c r="HY3072" s="126"/>
      <c r="HZ3072" s="91"/>
      <c r="IA3072" s="91"/>
      <c r="IB3072" s="91"/>
      <c r="IC3072" s="91"/>
      <c r="ID3072" s="91"/>
      <c r="IE3072" s="91"/>
      <c r="IF3072" s="91"/>
      <c r="IG3072" s="91"/>
      <c r="IH3072" s="91"/>
      <c r="II3072" s="91"/>
      <c r="IJ3072" s="91"/>
      <c r="IK3072" s="174"/>
    </row>
    <row r="3073" spans="2:245" x14ac:dyDescent="0.2">
      <c r="B3073" s="43"/>
      <c r="C3073" s="73"/>
      <c r="D3073" s="64"/>
      <c r="E3073" s="64"/>
      <c r="F3073" s="55"/>
      <c r="G3073" s="102"/>
      <c r="H3073" s="97"/>
      <c r="T3073" s="98"/>
      <c r="U3073" s="97"/>
      <c r="AG3073" s="98"/>
      <c r="AY3073" s="164"/>
      <c r="BK3073" s="98"/>
      <c r="BL3073" s="97"/>
      <c r="BX3073" s="98"/>
      <c r="CL3073" s="97"/>
      <c r="CX3073" s="98"/>
      <c r="DL3073" s="97"/>
      <c r="DX3073" s="98"/>
      <c r="EL3073" s="97"/>
      <c r="EX3073" s="98"/>
      <c r="EY3073" s="97"/>
      <c r="FL3073" s="126"/>
      <c r="FM3073" s="91"/>
      <c r="FN3073" s="91"/>
      <c r="FO3073" s="91"/>
      <c r="FP3073" s="91"/>
      <c r="FQ3073" s="91"/>
      <c r="FR3073" s="91"/>
      <c r="FS3073" s="91"/>
      <c r="FT3073" s="91"/>
      <c r="FU3073" s="91"/>
      <c r="FV3073" s="91"/>
      <c r="FW3073" s="91"/>
      <c r="FX3073" s="127"/>
      <c r="FY3073" s="126"/>
      <c r="FZ3073" s="91"/>
      <c r="GA3073" s="91"/>
      <c r="GB3073" s="91"/>
      <c r="GC3073" s="91"/>
      <c r="GD3073" s="91"/>
      <c r="GE3073" s="91"/>
      <c r="GF3073" s="91"/>
      <c r="GG3073" s="91"/>
      <c r="GH3073" s="91"/>
      <c r="GI3073" s="91"/>
      <c r="GJ3073" s="91"/>
      <c r="GK3073" s="127"/>
      <c r="GL3073" s="126"/>
      <c r="GM3073" s="91"/>
      <c r="GN3073" s="91"/>
      <c r="GO3073" s="91"/>
      <c r="GP3073" s="91"/>
      <c r="GQ3073" s="91"/>
      <c r="GR3073" s="91"/>
      <c r="GS3073" s="91"/>
      <c r="GT3073" s="91"/>
      <c r="GU3073" s="91"/>
      <c r="GV3073" s="91"/>
      <c r="GW3073" s="91"/>
      <c r="GX3073" s="127"/>
      <c r="GY3073" s="126"/>
      <c r="GZ3073" s="91"/>
      <c r="HA3073" s="91"/>
      <c r="HB3073" s="91"/>
      <c r="HC3073" s="91"/>
      <c r="HD3073" s="91"/>
      <c r="HE3073" s="91"/>
      <c r="HF3073" s="91"/>
      <c r="HG3073" s="91"/>
      <c r="HH3073" s="91"/>
      <c r="HI3073" s="91"/>
      <c r="HJ3073" s="91"/>
      <c r="HK3073" s="127"/>
      <c r="HL3073" s="126"/>
      <c r="HM3073" s="91"/>
      <c r="HN3073" s="91"/>
      <c r="HO3073" s="91"/>
      <c r="HP3073" s="91"/>
      <c r="HQ3073" s="91"/>
      <c r="HR3073" s="91"/>
      <c r="HS3073" s="91"/>
      <c r="HT3073" s="91"/>
      <c r="HU3073" s="91"/>
      <c r="HV3073" s="91"/>
      <c r="HW3073" s="91"/>
      <c r="HX3073" s="127"/>
      <c r="HY3073" s="126"/>
      <c r="HZ3073" s="91"/>
      <c r="IA3073" s="91"/>
      <c r="IB3073" s="91"/>
      <c r="IC3073" s="91"/>
      <c r="ID3073" s="91"/>
      <c r="IE3073" s="91"/>
      <c r="IF3073" s="91"/>
      <c r="IG3073" s="91"/>
      <c r="IH3073" s="91"/>
      <c r="II3073" s="91"/>
      <c r="IJ3073" s="91"/>
      <c r="IK3073" s="174"/>
    </row>
    <row r="3074" spans="2:245" x14ac:dyDescent="0.2">
      <c r="B3074" s="43"/>
      <c r="C3074" s="73"/>
      <c r="D3074" s="64"/>
      <c r="E3074" s="64"/>
      <c r="F3074" s="55"/>
      <c r="G3074" s="102"/>
      <c r="H3074" s="97"/>
      <c r="T3074" s="98"/>
      <c r="U3074" s="97"/>
      <c r="AG3074" s="98"/>
      <c r="AY3074" s="164"/>
      <c r="BK3074" s="98"/>
      <c r="BL3074" s="97"/>
      <c r="BX3074" s="98"/>
      <c r="CL3074" s="97"/>
      <c r="CX3074" s="98"/>
      <c r="DL3074" s="97"/>
      <c r="DX3074" s="98"/>
      <c r="EL3074" s="97"/>
      <c r="EX3074" s="98"/>
      <c r="EY3074" s="97"/>
      <c r="FL3074" s="126"/>
      <c r="FM3074" s="91"/>
      <c r="FN3074" s="91"/>
      <c r="FO3074" s="91"/>
      <c r="FP3074" s="91"/>
      <c r="FQ3074" s="91"/>
      <c r="FR3074" s="91"/>
      <c r="FS3074" s="91"/>
      <c r="FT3074" s="91"/>
      <c r="FU3074" s="91"/>
      <c r="FV3074" s="91"/>
      <c r="FW3074" s="91"/>
      <c r="FX3074" s="127"/>
      <c r="FY3074" s="126"/>
      <c r="FZ3074" s="91"/>
      <c r="GA3074" s="91"/>
      <c r="GB3074" s="91"/>
      <c r="GC3074" s="91"/>
      <c r="GD3074" s="91"/>
      <c r="GE3074" s="91"/>
      <c r="GF3074" s="91"/>
      <c r="GG3074" s="91"/>
      <c r="GH3074" s="91"/>
      <c r="GI3074" s="91"/>
      <c r="GJ3074" s="91"/>
      <c r="GK3074" s="127"/>
      <c r="GL3074" s="126"/>
      <c r="GM3074" s="91"/>
      <c r="GN3074" s="91"/>
      <c r="GO3074" s="91"/>
      <c r="GP3074" s="91"/>
      <c r="GQ3074" s="91"/>
      <c r="GR3074" s="91"/>
      <c r="GS3074" s="91"/>
      <c r="GT3074" s="91"/>
      <c r="GU3074" s="91"/>
      <c r="GV3074" s="91"/>
      <c r="GW3074" s="91"/>
      <c r="GX3074" s="127"/>
      <c r="GY3074" s="126"/>
      <c r="GZ3074" s="91"/>
      <c r="HA3074" s="91"/>
      <c r="HB3074" s="91"/>
      <c r="HC3074" s="91"/>
      <c r="HD3074" s="91"/>
      <c r="HE3074" s="91"/>
      <c r="HF3074" s="91"/>
      <c r="HG3074" s="91"/>
      <c r="HH3074" s="91"/>
      <c r="HI3074" s="91"/>
      <c r="HJ3074" s="91"/>
      <c r="HK3074" s="127"/>
      <c r="HL3074" s="126"/>
      <c r="HM3074" s="91"/>
      <c r="HN3074" s="91"/>
      <c r="HO3074" s="91"/>
      <c r="HP3074" s="91"/>
      <c r="HQ3074" s="91"/>
      <c r="HR3074" s="91"/>
      <c r="HS3074" s="91"/>
      <c r="HT3074" s="91"/>
      <c r="HU3074" s="91"/>
      <c r="HV3074" s="91"/>
      <c r="HW3074" s="91"/>
      <c r="HX3074" s="127"/>
      <c r="HY3074" s="126"/>
      <c r="HZ3074" s="91"/>
      <c r="IA3074" s="91"/>
      <c r="IB3074" s="91"/>
      <c r="IC3074" s="91"/>
      <c r="ID3074" s="91"/>
      <c r="IE3074" s="91"/>
      <c r="IF3074" s="91"/>
      <c r="IG3074" s="91"/>
      <c r="IH3074" s="91"/>
      <c r="II3074" s="91"/>
      <c r="IJ3074" s="91"/>
      <c r="IK3074" s="174"/>
    </row>
    <row r="3075" spans="2:245" x14ac:dyDescent="0.2">
      <c r="B3075" s="43"/>
      <c r="C3075" s="73"/>
      <c r="D3075" s="64"/>
      <c r="E3075" s="64"/>
      <c r="F3075" s="55"/>
      <c r="G3075" s="102"/>
      <c r="H3075" s="97"/>
      <c r="T3075" s="98"/>
      <c r="U3075" s="97"/>
      <c r="AG3075" s="98"/>
      <c r="AY3075" s="164"/>
      <c r="BK3075" s="98"/>
      <c r="BL3075" s="97"/>
      <c r="BX3075" s="98"/>
      <c r="CL3075" s="97"/>
      <c r="CX3075" s="98"/>
      <c r="DL3075" s="97"/>
      <c r="DX3075" s="98"/>
      <c r="EL3075" s="97"/>
      <c r="EX3075" s="98"/>
      <c r="EY3075" s="97"/>
      <c r="FL3075" s="126"/>
      <c r="FM3075" s="91"/>
      <c r="FN3075" s="91"/>
      <c r="FO3075" s="91"/>
      <c r="FP3075" s="91"/>
      <c r="FQ3075" s="91"/>
      <c r="FR3075" s="91"/>
      <c r="FS3075" s="91"/>
      <c r="FT3075" s="91"/>
      <c r="FU3075" s="91"/>
      <c r="FV3075" s="91"/>
      <c r="FW3075" s="91"/>
      <c r="FX3075" s="127"/>
      <c r="FY3075" s="126"/>
      <c r="FZ3075" s="91"/>
      <c r="GA3075" s="91"/>
      <c r="GB3075" s="91"/>
      <c r="GC3075" s="91"/>
      <c r="GD3075" s="91"/>
      <c r="GE3075" s="91"/>
      <c r="GF3075" s="91"/>
      <c r="GG3075" s="91"/>
      <c r="GH3075" s="91"/>
      <c r="GI3075" s="91"/>
      <c r="GJ3075" s="91"/>
      <c r="GK3075" s="127"/>
      <c r="GL3075" s="126"/>
      <c r="GM3075" s="91"/>
      <c r="GN3075" s="91"/>
      <c r="GO3075" s="91"/>
      <c r="GP3075" s="91"/>
      <c r="GQ3075" s="91"/>
      <c r="GR3075" s="91"/>
      <c r="GS3075" s="91"/>
      <c r="GT3075" s="91"/>
      <c r="GU3075" s="91"/>
      <c r="GV3075" s="91"/>
      <c r="GW3075" s="91"/>
      <c r="GX3075" s="127"/>
      <c r="GY3075" s="126"/>
      <c r="GZ3075" s="91"/>
      <c r="HA3075" s="91"/>
      <c r="HB3075" s="91"/>
      <c r="HC3075" s="91"/>
      <c r="HD3075" s="91"/>
      <c r="HE3075" s="91"/>
      <c r="HF3075" s="91"/>
      <c r="HG3075" s="91"/>
      <c r="HH3075" s="91"/>
      <c r="HI3075" s="91"/>
      <c r="HJ3075" s="91"/>
      <c r="HK3075" s="127"/>
      <c r="HL3075" s="126"/>
      <c r="HM3075" s="91"/>
      <c r="HN3075" s="91"/>
      <c r="HO3075" s="91"/>
      <c r="HP3075" s="91"/>
      <c r="HQ3075" s="91"/>
      <c r="HR3075" s="91"/>
      <c r="HS3075" s="91"/>
      <c r="HT3075" s="91"/>
      <c r="HU3075" s="91"/>
      <c r="HV3075" s="91"/>
      <c r="HW3075" s="91"/>
      <c r="HX3075" s="127"/>
      <c r="HY3075" s="126"/>
      <c r="HZ3075" s="91"/>
      <c r="IA3075" s="91"/>
      <c r="IB3075" s="91"/>
      <c r="IC3075" s="91"/>
      <c r="ID3075" s="91"/>
      <c r="IE3075" s="91"/>
      <c r="IF3075" s="91"/>
      <c r="IG3075" s="91"/>
      <c r="IH3075" s="91"/>
      <c r="II3075" s="91"/>
      <c r="IJ3075" s="91"/>
      <c r="IK3075" s="174"/>
    </row>
    <row r="3076" spans="2:245" x14ac:dyDescent="0.2">
      <c r="B3076" s="43"/>
      <c r="C3076" s="73"/>
      <c r="D3076" s="64"/>
      <c r="E3076" s="64"/>
      <c r="F3076" s="55"/>
      <c r="G3076" s="102"/>
      <c r="H3076" s="97"/>
      <c r="T3076" s="98"/>
      <c r="U3076" s="97"/>
      <c r="AG3076" s="98"/>
      <c r="AY3076" s="164"/>
      <c r="BK3076" s="98"/>
      <c r="BL3076" s="97"/>
      <c r="BX3076" s="98"/>
      <c r="CL3076" s="97"/>
      <c r="CX3076" s="98"/>
      <c r="DL3076" s="97"/>
      <c r="DX3076" s="98"/>
      <c r="EL3076" s="97"/>
      <c r="EX3076" s="98"/>
      <c r="EY3076" s="97"/>
      <c r="FL3076" s="126"/>
      <c r="FM3076" s="91"/>
      <c r="FN3076" s="91"/>
      <c r="FO3076" s="91"/>
      <c r="FP3076" s="91"/>
      <c r="FQ3076" s="91"/>
      <c r="FR3076" s="91"/>
      <c r="FS3076" s="91"/>
      <c r="FT3076" s="91"/>
      <c r="FU3076" s="91"/>
      <c r="FV3076" s="91"/>
      <c r="FW3076" s="91"/>
      <c r="FX3076" s="127"/>
      <c r="FY3076" s="126"/>
      <c r="FZ3076" s="91"/>
      <c r="GA3076" s="91"/>
      <c r="GB3076" s="91"/>
      <c r="GC3076" s="91"/>
      <c r="GD3076" s="91"/>
      <c r="GE3076" s="91"/>
      <c r="GF3076" s="91"/>
      <c r="GG3076" s="91"/>
      <c r="GH3076" s="91"/>
      <c r="GI3076" s="91"/>
      <c r="GJ3076" s="91"/>
      <c r="GK3076" s="127"/>
      <c r="GL3076" s="126"/>
      <c r="GM3076" s="91"/>
      <c r="GN3076" s="91"/>
      <c r="GO3076" s="91"/>
      <c r="GP3076" s="91"/>
      <c r="GQ3076" s="91"/>
      <c r="GR3076" s="91"/>
      <c r="GS3076" s="91"/>
      <c r="GT3076" s="91"/>
      <c r="GU3076" s="91"/>
      <c r="GV3076" s="91"/>
      <c r="GW3076" s="91"/>
      <c r="GX3076" s="127"/>
      <c r="GY3076" s="126"/>
      <c r="GZ3076" s="91"/>
      <c r="HA3076" s="91"/>
      <c r="HB3076" s="91"/>
      <c r="HC3076" s="91"/>
      <c r="HD3076" s="91"/>
      <c r="HE3076" s="91"/>
      <c r="HF3076" s="91"/>
      <c r="HG3076" s="91"/>
      <c r="HH3076" s="91"/>
      <c r="HI3076" s="91"/>
      <c r="HJ3076" s="91"/>
      <c r="HK3076" s="127"/>
      <c r="HL3076" s="126"/>
      <c r="HM3076" s="91"/>
      <c r="HN3076" s="91"/>
      <c r="HO3076" s="91"/>
      <c r="HP3076" s="91"/>
      <c r="HQ3076" s="91"/>
      <c r="HR3076" s="91"/>
      <c r="HS3076" s="91"/>
      <c r="HT3076" s="91"/>
      <c r="HU3076" s="91"/>
      <c r="HV3076" s="91"/>
      <c r="HW3076" s="91"/>
      <c r="HX3076" s="127"/>
      <c r="HY3076" s="126"/>
      <c r="HZ3076" s="91"/>
      <c r="IA3076" s="91"/>
      <c r="IB3076" s="91"/>
      <c r="IC3076" s="91"/>
      <c r="ID3076" s="91"/>
      <c r="IE3076" s="91"/>
      <c r="IF3076" s="91"/>
      <c r="IG3076" s="91"/>
      <c r="IH3076" s="91"/>
      <c r="II3076" s="91"/>
      <c r="IJ3076" s="91"/>
      <c r="IK3076" s="174"/>
    </row>
    <row r="3077" spans="2:245" x14ac:dyDescent="0.2">
      <c r="B3077" s="43"/>
      <c r="C3077" s="73"/>
      <c r="D3077" s="64"/>
      <c r="E3077" s="64"/>
      <c r="F3077" s="55"/>
      <c r="G3077" s="102"/>
      <c r="H3077" s="97"/>
      <c r="T3077" s="98"/>
      <c r="U3077" s="97"/>
      <c r="AG3077" s="98"/>
      <c r="AY3077" s="164"/>
      <c r="BK3077" s="98"/>
      <c r="BL3077" s="97"/>
      <c r="BX3077" s="98"/>
      <c r="CL3077" s="97"/>
      <c r="CX3077" s="98"/>
      <c r="DL3077" s="97"/>
      <c r="DX3077" s="98"/>
      <c r="EL3077" s="97"/>
      <c r="EX3077" s="98"/>
      <c r="EY3077" s="97"/>
      <c r="FL3077" s="126"/>
      <c r="FM3077" s="91"/>
      <c r="FN3077" s="91"/>
      <c r="FO3077" s="91"/>
      <c r="FP3077" s="91"/>
      <c r="FQ3077" s="91"/>
      <c r="FR3077" s="91"/>
      <c r="FS3077" s="91"/>
      <c r="FT3077" s="91"/>
      <c r="FU3077" s="91"/>
      <c r="FV3077" s="91"/>
      <c r="FW3077" s="91"/>
      <c r="FX3077" s="127"/>
      <c r="FY3077" s="126"/>
      <c r="FZ3077" s="91"/>
      <c r="GA3077" s="91"/>
      <c r="GB3077" s="91"/>
      <c r="GC3077" s="91"/>
      <c r="GD3077" s="91"/>
      <c r="GE3077" s="91"/>
      <c r="GF3077" s="91"/>
      <c r="GG3077" s="91"/>
      <c r="GH3077" s="91"/>
      <c r="GI3077" s="91"/>
      <c r="GJ3077" s="91"/>
      <c r="GK3077" s="127"/>
      <c r="GL3077" s="126"/>
      <c r="GM3077" s="91"/>
      <c r="GN3077" s="91"/>
      <c r="GO3077" s="91"/>
      <c r="GP3077" s="91"/>
      <c r="GQ3077" s="91"/>
      <c r="GR3077" s="91"/>
      <c r="GS3077" s="91"/>
      <c r="GT3077" s="91"/>
      <c r="GU3077" s="91"/>
      <c r="GV3077" s="91"/>
      <c r="GW3077" s="91"/>
      <c r="GX3077" s="127"/>
      <c r="GY3077" s="126"/>
      <c r="GZ3077" s="91"/>
      <c r="HA3077" s="91"/>
      <c r="HB3077" s="91"/>
      <c r="HC3077" s="91"/>
      <c r="HD3077" s="91"/>
      <c r="HE3077" s="91"/>
      <c r="HF3077" s="91"/>
      <c r="HG3077" s="91"/>
      <c r="HH3077" s="91"/>
      <c r="HI3077" s="91"/>
      <c r="HJ3077" s="91"/>
      <c r="HK3077" s="127"/>
      <c r="HL3077" s="126"/>
      <c r="HM3077" s="91"/>
      <c r="HN3077" s="91"/>
      <c r="HO3077" s="91"/>
      <c r="HP3077" s="91"/>
      <c r="HQ3077" s="91"/>
      <c r="HR3077" s="91"/>
      <c r="HS3077" s="91"/>
      <c r="HT3077" s="91"/>
      <c r="HU3077" s="91"/>
      <c r="HV3077" s="91"/>
      <c r="HW3077" s="91"/>
      <c r="HX3077" s="127"/>
      <c r="HY3077" s="126"/>
      <c r="HZ3077" s="91"/>
      <c r="IA3077" s="91"/>
      <c r="IB3077" s="91"/>
      <c r="IC3077" s="91"/>
      <c r="ID3077" s="91"/>
      <c r="IE3077" s="91"/>
      <c r="IF3077" s="91"/>
      <c r="IG3077" s="91"/>
      <c r="IH3077" s="91"/>
      <c r="II3077" s="91"/>
      <c r="IJ3077" s="91"/>
      <c r="IK3077" s="174"/>
    </row>
    <row r="3078" spans="2:245" x14ac:dyDescent="0.2">
      <c r="B3078" s="43"/>
      <c r="C3078" s="73"/>
      <c r="D3078" s="64"/>
      <c r="E3078" s="64"/>
      <c r="F3078" s="55"/>
      <c r="G3078" s="102"/>
      <c r="H3078" s="97"/>
      <c r="T3078" s="98"/>
      <c r="U3078" s="97"/>
      <c r="AG3078" s="98"/>
      <c r="AY3078" s="164"/>
      <c r="BK3078" s="98"/>
      <c r="BL3078" s="97"/>
      <c r="BX3078" s="98"/>
      <c r="CL3078" s="97"/>
      <c r="CX3078" s="98"/>
      <c r="DL3078" s="97"/>
      <c r="DX3078" s="98"/>
      <c r="EL3078" s="97"/>
      <c r="EX3078" s="98"/>
      <c r="EY3078" s="97"/>
      <c r="FL3078" s="126"/>
      <c r="FM3078" s="91"/>
      <c r="FN3078" s="91"/>
      <c r="FO3078" s="91"/>
      <c r="FP3078" s="91"/>
      <c r="FQ3078" s="91"/>
      <c r="FR3078" s="91"/>
      <c r="FS3078" s="91"/>
      <c r="FT3078" s="91"/>
      <c r="FU3078" s="91"/>
      <c r="FV3078" s="91"/>
      <c r="FW3078" s="91"/>
      <c r="FX3078" s="127"/>
      <c r="FY3078" s="126"/>
      <c r="FZ3078" s="91"/>
      <c r="GA3078" s="91"/>
      <c r="GB3078" s="91"/>
      <c r="GC3078" s="91"/>
      <c r="GD3078" s="91"/>
      <c r="GE3078" s="91"/>
      <c r="GF3078" s="91"/>
      <c r="GG3078" s="91"/>
      <c r="GH3078" s="91"/>
      <c r="GI3078" s="91"/>
      <c r="GJ3078" s="91"/>
      <c r="GK3078" s="127"/>
      <c r="GL3078" s="126"/>
      <c r="GM3078" s="91"/>
      <c r="GN3078" s="91"/>
      <c r="GO3078" s="91"/>
      <c r="GP3078" s="91"/>
      <c r="GQ3078" s="91"/>
      <c r="GR3078" s="91"/>
      <c r="GS3078" s="91"/>
      <c r="GT3078" s="91"/>
      <c r="GU3078" s="91"/>
      <c r="GV3078" s="91"/>
      <c r="GW3078" s="91"/>
      <c r="GX3078" s="127"/>
      <c r="GY3078" s="126"/>
      <c r="GZ3078" s="91"/>
      <c r="HA3078" s="91"/>
      <c r="HB3078" s="91"/>
      <c r="HC3078" s="91"/>
      <c r="HD3078" s="91"/>
      <c r="HE3078" s="91"/>
      <c r="HF3078" s="91"/>
      <c r="HG3078" s="91"/>
      <c r="HH3078" s="91"/>
      <c r="HI3078" s="91"/>
      <c r="HJ3078" s="91"/>
      <c r="HK3078" s="127"/>
      <c r="HL3078" s="126"/>
      <c r="HM3078" s="91"/>
      <c r="HN3078" s="91"/>
      <c r="HO3078" s="91"/>
      <c r="HP3078" s="91"/>
      <c r="HQ3078" s="91"/>
      <c r="HR3078" s="91"/>
      <c r="HS3078" s="91"/>
      <c r="HT3078" s="91"/>
      <c r="HU3078" s="91"/>
      <c r="HV3078" s="91"/>
      <c r="HW3078" s="91"/>
      <c r="HX3078" s="127"/>
      <c r="HY3078" s="126"/>
      <c r="HZ3078" s="91"/>
      <c r="IA3078" s="91"/>
      <c r="IB3078" s="91"/>
      <c r="IC3078" s="91"/>
      <c r="ID3078" s="91"/>
      <c r="IE3078" s="91"/>
      <c r="IF3078" s="91"/>
      <c r="IG3078" s="91"/>
      <c r="IH3078" s="91"/>
      <c r="II3078" s="91"/>
      <c r="IJ3078" s="91"/>
      <c r="IK3078" s="174"/>
    </row>
    <row r="3079" spans="2:245" x14ac:dyDescent="0.2">
      <c r="B3079" s="43"/>
      <c r="C3079" s="73"/>
      <c r="D3079" s="64"/>
      <c r="E3079" s="64"/>
      <c r="F3079" s="55"/>
      <c r="G3079" s="102"/>
      <c r="H3079" s="97"/>
      <c r="T3079" s="98"/>
      <c r="U3079" s="97"/>
      <c r="AG3079" s="98"/>
      <c r="AY3079" s="164"/>
      <c r="BK3079" s="98"/>
      <c r="BL3079" s="97"/>
      <c r="BX3079" s="98"/>
      <c r="CL3079" s="97"/>
      <c r="CX3079" s="98"/>
      <c r="DL3079" s="97"/>
      <c r="DX3079" s="98"/>
      <c r="EL3079" s="97"/>
      <c r="EX3079" s="98"/>
      <c r="EY3079" s="97"/>
      <c r="FL3079" s="126"/>
      <c r="FM3079" s="91"/>
      <c r="FN3079" s="91"/>
      <c r="FO3079" s="91"/>
      <c r="FP3079" s="91"/>
      <c r="FQ3079" s="91"/>
      <c r="FR3079" s="91"/>
      <c r="FS3079" s="91"/>
      <c r="FT3079" s="91"/>
      <c r="FU3079" s="91"/>
      <c r="FV3079" s="91"/>
      <c r="FW3079" s="91"/>
      <c r="FX3079" s="127"/>
      <c r="FY3079" s="126"/>
      <c r="FZ3079" s="91"/>
      <c r="GA3079" s="91"/>
      <c r="GB3079" s="91"/>
      <c r="GC3079" s="91"/>
      <c r="GD3079" s="91"/>
      <c r="GE3079" s="91"/>
      <c r="GF3079" s="91"/>
      <c r="GG3079" s="91"/>
      <c r="GH3079" s="91"/>
      <c r="GI3079" s="91"/>
      <c r="GJ3079" s="91"/>
      <c r="GK3079" s="127"/>
      <c r="GL3079" s="126"/>
      <c r="GM3079" s="91"/>
      <c r="GN3079" s="91"/>
      <c r="GO3079" s="91"/>
      <c r="GP3079" s="91"/>
      <c r="GQ3079" s="91"/>
      <c r="GR3079" s="91"/>
      <c r="GS3079" s="91"/>
      <c r="GT3079" s="91"/>
      <c r="GU3079" s="91"/>
      <c r="GV3079" s="91"/>
      <c r="GW3079" s="91"/>
      <c r="GX3079" s="127"/>
      <c r="GY3079" s="126"/>
      <c r="GZ3079" s="91"/>
      <c r="HA3079" s="91"/>
      <c r="HB3079" s="91"/>
      <c r="HC3079" s="91"/>
      <c r="HD3079" s="91"/>
      <c r="HE3079" s="91"/>
      <c r="HF3079" s="91"/>
      <c r="HG3079" s="91"/>
      <c r="HH3079" s="91"/>
      <c r="HI3079" s="91"/>
      <c r="HJ3079" s="91"/>
      <c r="HK3079" s="127"/>
      <c r="HL3079" s="126"/>
      <c r="HM3079" s="91"/>
      <c r="HN3079" s="91"/>
      <c r="HO3079" s="91"/>
      <c r="HP3079" s="91"/>
      <c r="HQ3079" s="91"/>
      <c r="HR3079" s="91"/>
      <c r="HS3079" s="91"/>
      <c r="HT3079" s="91"/>
      <c r="HU3079" s="91"/>
      <c r="HV3079" s="91"/>
      <c r="HW3079" s="91"/>
      <c r="HX3079" s="127"/>
      <c r="HY3079" s="126"/>
      <c r="HZ3079" s="91"/>
      <c r="IA3079" s="91"/>
      <c r="IB3079" s="91"/>
      <c r="IC3079" s="91"/>
      <c r="ID3079" s="91"/>
      <c r="IE3079" s="91"/>
      <c r="IF3079" s="91"/>
      <c r="IG3079" s="91"/>
      <c r="IH3079" s="91"/>
      <c r="II3079" s="91"/>
      <c r="IJ3079" s="91"/>
      <c r="IK3079" s="174"/>
    </row>
    <row r="3080" spans="2:245" x14ac:dyDescent="0.2">
      <c r="B3080" s="43"/>
      <c r="C3080" s="73"/>
      <c r="D3080" s="64"/>
      <c r="E3080" s="64"/>
      <c r="F3080" s="55"/>
      <c r="G3080" s="102"/>
      <c r="H3080" s="97"/>
      <c r="T3080" s="98"/>
      <c r="U3080" s="97"/>
      <c r="AG3080" s="98"/>
      <c r="AY3080" s="164"/>
      <c r="BK3080" s="98"/>
      <c r="BL3080" s="97"/>
      <c r="BX3080" s="98"/>
      <c r="CL3080" s="97"/>
      <c r="CX3080" s="98"/>
      <c r="DL3080" s="97"/>
      <c r="DX3080" s="98"/>
      <c r="EL3080" s="97"/>
      <c r="EX3080" s="98"/>
      <c r="EY3080" s="97"/>
      <c r="FL3080" s="126"/>
      <c r="FM3080" s="91"/>
      <c r="FN3080" s="91"/>
      <c r="FO3080" s="91"/>
      <c r="FP3080" s="91"/>
      <c r="FQ3080" s="91"/>
      <c r="FR3080" s="91"/>
      <c r="FS3080" s="91"/>
      <c r="FT3080" s="91"/>
      <c r="FU3080" s="91"/>
      <c r="FV3080" s="91"/>
      <c r="FW3080" s="91"/>
      <c r="FX3080" s="127"/>
      <c r="FY3080" s="126"/>
      <c r="FZ3080" s="91"/>
      <c r="GA3080" s="91"/>
      <c r="GB3080" s="91"/>
      <c r="GC3080" s="91"/>
      <c r="GD3080" s="91"/>
      <c r="GE3080" s="91"/>
      <c r="GF3080" s="91"/>
      <c r="GG3080" s="91"/>
      <c r="GH3080" s="91"/>
      <c r="GI3080" s="91"/>
      <c r="GJ3080" s="91"/>
      <c r="GK3080" s="127"/>
      <c r="GL3080" s="126"/>
      <c r="GM3080" s="91"/>
      <c r="GN3080" s="91"/>
      <c r="GO3080" s="91"/>
      <c r="GP3080" s="91"/>
      <c r="GQ3080" s="91"/>
      <c r="GR3080" s="91"/>
      <c r="GS3080" s="91"/>
      <c r="GT3080" s="91"/>
      <c r="GU3080" s="91"/>
      <c r="GV3080" s="91"/>
      <c r="GW3080" s="91"/>
      <c r="GX3080" s="127"/>
      <c r="GY3080" s="126"/>
      <c r="GZ3080" s="91"/>
      <c r="HA3080" s="91"/>
      <c r="HB3080" s="91"/>
      <c r="HC3080" s="91"/>
      <c r="HD3080" s="91"/>
      <c r="HE3080" s="91"/>
      <c r="HF3080" s="91"/>
      <c r="HG3080" s="91"/>
      <c r="HH3080" s="91"/>
      <c r="HI3080" s="91"/>
      <c r="HJ3080" s="91"/>
      <c r="HK3080" s="127"/>
      <c r="HL3080" s="126"/>
      <c r="HM3080" s="91"/>
      <c r="HN3080" s="91"/>
      <c r="HO3080" s="91"/>
      <c r="HP3080" s="91"/>
      <c r="HQ3080" s="91"/>
      <c r="HR3080" s="91"/>
      <c r="HS3080" s="91"/>
      <c r="HT3080" s="91"/>
      <c r="HU3080" s="91"/>
      <c r="HV3080" s="91"/>
      <c r="HW3080" s="91"/>
      <c r="HX3080" s="127"/>
      <c r="HY3080" s="126"/>
      <c r="HZ3080" s="91"/>
      <c r="IA3080" s="91"/>
      <c r="IB3080" s="91"/>
      <c r="IC3080" s="91"/>
      <c r="ID3080" s="91"/>
      <c r="IE3080" s="91"/>
      <c r="IF3080" s="91"/>
      <c r="IG3080" s="91"/>
      <c r="IH3080" s="91"/>
      <c r="II3080" s="91"/>
      <c r="IJ3080" s="91"/>
      <c r="IK3080" s="174"/>
    </row>
    <row r="3081" spans="2:245" x14ac:dyDescent="0.2">
      <c r="B3081" s="43"/>
      <c r="C3081" s="73"/>
      <c r="D3081" s="64"/>
      <c r="E3081" s="64"/>
      <c r="F3081" s="55"/>
      <c r="G3081" s="102"/>
      <c r="H3081" s="97"/>
      <c r="T3081" s="98"/>
      <c r="U3081" s="97"/>
      <c r="AG3081" s="98"/>
      <c r="AY3081" s="164"/>
      <c r="BK3081" s="98"/>
      <c r="BL3081" s="97"/>
      <c r="BX3081" s="98"/>
      <c r="CL3081" s="97"/>
      <c r="CX3081" s="98"/>
      <c r="DL3081" s="97"/>
      <c r="DX3081" s="98"/>
      <c r="EL3081" s="97"/>
      <c r="EX3081" s="98"/>
      <c r="EY3081" s="97"/>
      <c r="FL3081" s="126"/>
      <c r="FM3081" s="91"/>
      <c r="FN3081" s="91"/>
      <c r="FO3081" s="91"/>
      <c r="FP3081" s="91"/>
      <c r="FQ3081" s="91"/>
      <c r="FR3081" s="91"/>
      <c r="FS3081" s="91"/>
      <c r="FT3081" s="91"/>
      <c r="FU3081" s="91"/>
      <c r="FV3081" s="91"/>
      <c r="FW3081" s="91"/>
      <c r="FX3081" s="127"/>
      <c r="FY3081" s="126"/>
      <c r="FZ3081" s="91"/>
      <c r="GA3081" s="91"/>
      <c r="GB3081" s="91"/>
      <c r="GC3081" s="91"/>
      <c r="GD3081" s="91"/>
      <c r="GE3081" s="91"/>
      <c r="GF3081" s="91"/>
      <c r="GG3081" s="91"/>
      <c r="GH3081" s="91"/>
      <c r="GI3081" s="91"/>
      <c r="GJ3081" s="91"/>
      <c r="GK3081" s="127"/>
      <c r="GL3081" s="126"/>
      <c r="GM3081" s="91"/>
      <c r="GN3081" s="91"/>
      <c r="GO3081" s="91"/>
      <c r="GP3081" s="91"/>
      <c r="GQ3081" s="91"/>
      <c r="GR3081" s="91"/>
      <c r="GS3081" s="91"/>
      <c r="GT3081" s="91"/>
      <c r="GU3081" s="91"/>
      <c r="GV3081" s="91"/>
      <c r="GW3081" s="91"/>
      <c r="GX3081" s="127"/>
      <c r="GY3081" s="126"/>
      <c r="GZ3081" s="91"/>
      <c r="HA3081" s="91"/>
      <c r="HB3081" s="91"/>
      <c r="HC3081" s="91"/>
      <c r="HD3081" s="91"/>
      <c r="HE3081" s="91"/>
      <c r="HF3081" s="91"/>
      <c r="HG3081" s="91"/>
      <c r="HH3081" s="91"/>
      <c r="HI3081" s="91"/>
      <c r="HJ3081" s="91"/>
      <c r="HK3081" s="127"/>
      <c r="HL3081" s="126"/>
      <c r="HM3081" s="91"/>
      <c r="HN3081" s="91"/>
      <c r="HO3081" s="91"/>
      <c r="HP3081" s="91"/>
      <c r="HQ3081" s="91"/>
      <c r="HR3081" s="91"/>
      <c r="HS3081" s="91"/>
      <c r="HT3081" s="91"/>
      <c r="HU3081" s="91"/>
      <c r="HV3081" s="91"/>
      <c r="HW3081" s="91"/>
      <c r="HX3081" s="127"/>
      <c r="HY3081" s="126"/>
      <c r="HZ3081" s="91"/>
      <c r="IA3081" s="91"/>
      <c r="IB3081" s="91"/>
      <c r="IC3081" s="91"/>
      <c r="ID3081" s="91"/>
      <c r="IE3081" s="91"/>
      <c r="IF3081" s="91"/>
      <c r="IG3081" s="91"/>
      <c r="IH3081" s="91"/>
      <c r="II3081" s="91"/>
      <c r="IJ3081" s="91"/>
      <c r="IK3081" s="174"/>
    </row>
    <row r="3082" spans="2:245" x14ac:dyDescent="0.2">
      <c r="B3082" s="43"/>
      <c r="C3082" s="73"/>
      <c r="D3082" s="64"/>
      <c r="E3082" s="64"/>
      <c r="F3082" s="55"/>
      <c r="G3082" s="102"/>
      <c r="H3082" s="97"/>
      <c r="T3082" s="98"/>
      <c r="U3082" s="97"/>
      <c r="AG3082" s="98"/>
      <c r="AY3082" s="164"/>
      <c r="BK3082" s="98"/>
      <c r="BL3082" s="97"/>
      <c r="BX3082" s="98"/>
      <c r="CL3082" s="97"/>
      <c r="CX3082" s="98"/>
      <c r="DL3082" s="97"/>
      <c r="DX3082" s="98"/>
      <c r="EL3082" s="97"/>
      <c r="EX3082" s="98"/>
      <c r="EY3082" s="97"/>
      <c r="FL3082" s="126"/>
      <c r="FM3082" s="91"/>
      <c r="FN3082" s="91"/>
      <c r="FO3082" s="91"/>
      <c r="FP3082" s="91"/>
      <c r="FQ3082" s="91"/>
      <c r="FR3082" s="91"/>
      <c r="FS3082" s="91"/>
      <c r="FT3082" s="91"/>
      <c r="FU3082" s="91"/>
      <c r="FV3082" s="91"/>
      <c r="FW3082" s="91"/>
      <c r="FX3082" s="127"/>
      <c r="FY3082" s="126"/>
      <c r="FZ3082" s="91"/>
      <c r="GA3082" s="91"/>
      <c r="GB3082" s="91"/>
      <c r="GC3082" s="91"/>
      <c r="GD3082" s="91"/>
      <c r="GE3082" s="91"/>
      <c r="GF3082" s="91"/>
      <c r="GG3082" s="91"/>
      <c r="GH3082" s="91"/>
      <c r="GI3082" s="91"/>
      <c r="GJ3082" s="91"/>
      <c r="GK3082" s="127"/>
      <c r="GL3082" s="126"/>
      <c r="GM3082" s="91"/>
      <c r="GN3082" s="91"/>
      <c r="GO3082" s="91"/>
      <c r="GP3082" s="91"/>
      <c r="GQ3082" s="91"/>
      <c r="GR3082" s="91"/>
      <c r="GS3082" s="91"/>
      <c r="GT3082" s="91"/>
      <c r="GU3082" s="91"/>
      <c r="GV3082" s="91"/>
      <c r="GW3082" s="91"/>
      <c r="GX3082" s="127"/>
      <c r="GY3082" s="126"/>
      <c r="GZ3082" s="91"/>
      <c r="HA3082" s="91"/>
      <c r="HB3082" s="91"/>
      <c r="HC3082" s="91"/>
      <c r="HD3082" s="91"/>
      <c r="HE3082" s="91"/>
      <c r="HF3082" s="91"/>
      <c r="HG3082" s="91"/>
      <c r="HH3082" s="91"/>
      <c r="HI3082" s="91"/>
      <c r="HJ3082" s="91"/>
      <c r="HK3082" s="127"/>
      <c r="HL3082" s="126"/>
      <c r="HM3082" s="91"/>
      <c r="HN3082" s="91"/>
      <c r="HO3082" s="91"/>
      <c r="HP3082" s="91"/>
      <c r="HQ3082" s="91"/>
      <c r="HR3082" s="91"/>
      <c r="HS3082" s="91"/>
      <c r="HT3082" s="91"/>
      <c r="HU3082" s="91"/>
      <c r="HV3082" s="91"/>
      <c r="HW3082" s="91"/>
      <c r="HX3082" s="127"/>
      <c r="HY3082" s="126"/>
      <c r="HZ3082" s="91"/>
      <c r="IA3082" s="91"/>
      <c r="IB3082" s="91"/>
      <c r="IC3082" s="91"/>
      <c r="ID3082" s="91"/>
      <c r="IE3082" s="91"/>
      <c r="IF3082" s="91"/>
      <c r="IG3082" s="91"/>
      <c r="IH3082" s="91"/>
      <c r="II3082" s="91"/>
      <c r="IJ3082" s="91"/>
      <c r="IK3082" s="174"/>
    </row>
    <row r="3083" spans="2:245" x14ac:dyDescent="0.2">
      <c r="B3083" s="43"/>
      <c r="C3083" s="73"/>
      <c r="D3083" s="64"/>
      <c r="E3083" s="64"/>
      <c r="F3083" s="55"/>
      <c r="G3083" s="102"/>
      <c r="H3083" s="97"/>
      <c r="T3083" s="98"/>
      <c r="U3083" s="97"/>
      <c r="AG3083" s="98"/>
      <c r="AY3083" s="164"/>
      <c r="BK3083" s="98"/>
      <c r="BL3083" s="97"/>
      <c r="BX3083" s="98"/>
      <c r="CL3083" s="97"/>
      <c r="CX3083" s="98"/>
      <c r="DL3083" s="97"/>
      <c r="DX3083" s="98"/>
      <c r="EL3083" s="97"/>
      <c r="EX3083" s="98"/>
      <c r="EY3083" s="97"/>
      <c r="FL3083" s="126"/>
      <c r="FM3083" s="91"/>
      <c r="FN3083" s="91"/>
      <c r="FO3083" s="91"/>
      <c r="FP3083" s="91"/>
      <c r="FQ3083" s="91"/>
      <c r="FR3083" s="91"/>
      <c r="FS3083" s="91"/>
      <c r="FT3083" s="91"/>
      <c r="FU3083" s="91"/>
      <c r="FV3083" s="91"/>
      <c r="FW3083" s="91"/>
      <c r="FX3083" s="127"/>
      <c r="FY3083" s="126"/>
      <c r="FZ3083" s="91"/>
      <c r="GA3083" s="91"/>
      <c r="GB3083" s="91"/>
      <c r="GC3083" s="91"/>
      <c r="GD3083" s="91"/>
      <c r="GE3083" s="91"/>
      <c r="GF3083" s="91"/>
      <c r="GG3083" s="91"/>
      <c r="GH3083" s="91"/>
      <c r="GI3083" s="91"/>
      <c r="GJ3083" s="91"/>
      <c r="GK3083" s="127"/>
      <c r="GL3083" s="126"/>
      <c r="GM3083" s="91"/>
      <c r="GN3083" s="91"/>
      <c r="GO3083" s="91"/>
      <c r="GP3083" s="91"/>
      <c r="GQ3083" s="91"/>
      <c r="GR3083" s="91"/>
      <c r="GS3083" s="91"/>
      <c r="GT3083" s="91"/>
      <c r="GU3083" s="91"/>
      <c r="GV3083" s="91"/>
      <c r="GW3083" s="91"/>
      <c r="GX3083" s="127"/>
      <c r="GY3083" s="126"/>
      <c r="GZ3083" s="91"/>
      <c r="HA3083" s="91"/>
      <c r="HB3083" s="91"/>
      <c r="HC3083" s="91"/>
      <c r="HD3083" s="91"/>
      <c r="HE3083" s="91"/>
      <c r="HF3083" s="91"/>
      <c r="HG3083" s="91"/>
      <c r="HH3083" s="91"/>
      <c r="HI3083" s="91"/>
      <c r="HJ3083" s="91"/>
      <c r="HK3083" s="127"/>
      <c r="HL3083" s="126"/>
      <c r="HM3083" s="91"/>
      <c r="HN3083" s="91"/>
      <c r="HO3083" s="91"/>
      <c r="HP3083" s="91"/>
      <c r="HQ3083" s="91"/>
      <c r="HR3083" s="91"/>
      <c r="HS3083" s="91"/>
      <c r="HT3083" s="91"/>
      <c r="HU3083" s="91"/>
      <c r="HV3083" s="91"/>
      <c r="HW3083" s="91"/>
      <c r="HX3083" s="127"/>
      <c r="HY3083" s="126"/>
      <c r="HZ3083" s="91"/>
      <c r="IA3083" s="91"/>
      <c r="IB3083" s="91"/>
      <c r="IC3083" s="91"/>
      <c r="ID3083" s="91"/>
      <c r="IE3083" s="91"/>
      <c r="IF3083" s="91"/>
      <c r="IG3083" s="91"/>
      <c r="IH3083" s="91"/>
      <c r="II3083" s="91"/>
      <c r="IJ3083" s="91"/>
      <c r="IK3083" s="174"/>
    </row>
    <row r="3084" spans="2:245" x14ac:dyDescent="0.2">
      <c r="B3084" s="43"/>
      <c r="C3084" s="73"/>
      <c r="D3084" s="64"/>
      <c r="E3084" s="64"/>
      <c r="F3084" s="55"/>
      <c r="G3084" s="102"/>
      <c r="H3084" s="97"/>
      <c r="T3084" s="98"/>
      <c r="U3084" s="97"/>
      <c r="AG3084" s="98"/>
      <c r="AY3084" s="164"/>
      <c r="BK3084" s="98"/>
      <c r="BL3084" s="97"/>
      <c r="BX3084" s="98"/>
      <c r="CL3084" s="97"/>
      <c r="CX3084" s="98"/>
      <c r="DL3084" s="97"/>
      <c r="DX3084" s="98"/>
      <c r="EL3084" s="97"/>
      <c r="EX3084" s="98"/>
      <c r="EY3084" s="97"/>
      <c r="FL3084" s="126"/>
      <c r="FM3084" s="91"/>
      <c r="FN3084" s="91"/>
      <c r="FO3084" s="91"/>
      <c r="FP3084" s="91"/>
      <c r="FQ3084" s="91"/>
      <c r="FR3084" s="91"/>
      <c r="FS3084" s="91"/>
      <c r="FT3084" s="91"/>
      <c r="FU3084" s="91"/>
      <c r="FV3084" s="91"/>
      <c r="FW3084" s="91"/>
      <c r="FX3084" s="127"/>
      <c r="FY3084" s="126"/>
      <c r="FZ3084" s="91"/>
      <c r="GA3084" s="91"/>
      <c r="GB3084" s="91"/>
      <c r="GC3084" s="91"/>
      <c r="GD3084" s="91"/>
      <c r="GE3084" s="91"/>
      <c r="GF3084" s="91"/>
      <c r="GG3084" s="91"/>
      <c r="GH3084" s="91"/>
      <c r="GI3084" s="91"/>
      <c r="GJ3084" s="91"/>
      <c r="GK3084" s="127"/>
      <c r="GL3084" s="126"/>
      <c r="GM3084" s="91"/>
      <c r="GN3084" s="91"/>
      <c r="GO3084" s="91"/>
      <c r="GP3084" s="91"/>
      <c r="GQ3084" s="91"/>
      <c r="GR3084" s="91"/>
      <c r="GS3084" s="91"/>
      <c r="GT3084" s="91"/>
      <c r="GU3084" s="91"/>
      <c r="GV3084" s="91"/>
      <c r="GW3084" s="91"/>
      <c r="GX3084" s="127"/>
      <c r="GY3084" s="126"/>
      <c r="GZ3084" s="91"/>
      <c r="HA3084" s="91"/>
      <c r="HB3084" s="91"/>
      <c r="HC3084" s="91"/>
      <c r="HD3084" s="91"/>
      <c r="HE3084" s="91"/>
      <c r="HF3084" s="91"/>
      <c r="HG3084" s="91"/>
      <c r="HH3084" s="91"/>
      <c r="HI3084" s="91"/>
      <c r="HJ3084" s="91"/>
      <c r="HK3084" s="127"/>
      <c r="HL3084" s="126"/>
      <c r="HM3084" s="91"/>
      <c r="HN3084" s="91"/>
      <c r="HO3084" s="91"/>
      <c r="HP3084" s="91"/>
      <c r="HQ3084" s="91"/>
      <c r="HR3084" s="91"/>
      <c r="HS3084" s="91"/>
      <c r="HT3084" s="91"/>
      <c r="HU3084" s="91"/>
      <c r="HV3084" s="91"/>
      <c r="HW3084" s="91"/>
      <c r="HX3084" s="127"/>
      <c r="HY3084" s="126"/>
      <c r="HZ3084" s="91"/>
      <c r="IA3084" s="91"/>
      <c r="IB3084" s="91"/>
      <c r="IC3084" s="91"/>
      <c r="ID3084" s="91"/>
      <c r="IE3084" s="91"/>
      <c r="IF3084" s="91"/>
      <c r="IG3084" s="91"/>
      <c r="IH3084" s="91"/>
      <c r="II3084" s="91"/>
      <c r="IJ3084" s="91"/>
      <c r="IK3084" s="174"/>
    </row>
    <row r="3085" spans="2:245" x14ac:dyDescent="0.2">
      <c r="B3085" s="43"/>
      <c r="C3085" s="73"/>
      <c r="D3085" s="64"/>
      <c r="E3085" s="64"/>
      <c r="F3085" s="55"/>
      <c r="G3085" s="102"/>
      <c r="H3085" s="97"/>
      <c r="T3085" s="98"/>
      <c r="U3085" s="97"/>
      <c r="AG3085" s="98"/>
      <c r="AY3085" s="164"/>
      <c r="BK3085" s="98"/>
      <c r="BL3085" s="97"/>
      <c r="BX3085" s="98"/>
      <c r="CL3085" s="97"/>
      <c r="CX3085" s="98"/>
      <c r="DL3085" s="97"/>
      <c r="DX3085" s="98"/>
      <c r="EL3085" s="97"/>
      <c r="EX3085" s="98"/>
      <c r="EY3085" s="97"/>
      <c r="FL3085" s="126"/>
      <c r="FM3085" s="91"/>
      <c r="FN3085" s="91"/>
      <c r="FO3085" s="91"/>
      <c r="FP3085" s="91"/>
      <c r="FQ3085" s="91"/>
      <c r="FR3085" s="91"/>
      <c r="FS3085" s="91"/>
      <c r="FT3085" s="91"/>
      <c r="FU3085" s="91"/>
      <c r="FV3085" s="91"/>
      <c r="FW3085" s="91"/>
      <c r="FX3085" s="127"/>
      <c r="FY3085" s="126"/>
      <c r="FZ3085" s="91"/>
      <c r="GA3085" s="91"/>
      <c r="GB3085" s="91"/>
      <c r="GC3085" s="91"/>
      <c r="GD3085" s="91"/>
      <c r="GE3085" s="91"/>
      <c r="GF3085" s="91"/>
      <c r="GG3085" s="91"/>
      <c r="GH3085" s="91"/>
      <c r="GI3085" s="91"/>
      <c r="GJ3085" s="91"/>
      <c r="GK3085" s="127"/>
      <c r="GL3085" s="126"/>
      <c r="GM3085" s="91"/>
      <c r="GN3085" s="91"/>
      <c r="GO3085" s="91"/>
      <c r="GP3085" s="91"/>
      <c r="GQ3085" s="91"/>
      <c r="GR3085" s="91"/>
      <c r="GS3085" s="91"/>
      <c r="GT3085" s="91"/>
      <c r="GU3085" s="91"/>
      <c r="GV3085" s="91"/>
      <c r="GW3085" s="91"/>
      <c r="GX3085" s="127"/>
      <c r="GY3085" s="126"/>
      <c r="GZ3085" s="91"/>
      <c r="HA3085" s="91"/>
      <c r="HB3085" s="91"/>
      <c r="HC3085" s="91"/>
      <c r="HD3085" s="91"/>
      <c r="HE3085" s="91"/>
      <c r="HF3085" s="91"/>
      <c r="HG3085" s="91"/>
      <c r="HH3085" s="91"/>
      <c r="HI3085" s="91"/>
      <c r="HJ3085" s="91"/>
      <c r="HK3085" s="127"/>
      <c r="HL3085" s="126"/>
      <c r="HM3085" s="91"/>
      <c r="HN3085" s="91"/>
      <c r="HO3085" s="91"/>
      <c r="HP3085" s="91"/>
      <c r="HQ3085" s="91"/>
      <c r="HR3085" s="91"/>
      <c r="HS3085" s="91"/>
      <c r="HT3085" s="91"/>
      <c r="HU3085" s="91"/>
      <c r="HV3085" s="91"/>
      <c r="HW3085" s="91"/>
      <c r="HX3085" s="127"/>
      <c r="HY3085" s="126"/>
      <c r="HZ3085" s="91"/>
      <c r="IA3085" s="91"/>
      <c r="IB3085" s="91"/>
      <c r="IC3085" s="91"/>
      <c r="ID3085" s="91"/>
      <c r="IE3085" s="91"/>
      <c r="IF3085" s="91"/>
      <c r="IG3085" s="91"/>
      <c r="IH3085" s="91"/>
      <c r="II3085" s="91"/>
      <c r="IJ3085" s="91"/>
      <c r="IK3085" s="174"/>
    </row>
    <row r="3086" spans="2:245" x14ac:dyDescent="0.2">
      <c r="B3086" s="43"/>
      <c r="C3086" s="73"/>
      <c r="D3086" s="64"/>
      <c r="E3086" s="64"/>
      <c r="F3086" s="55"/>
      <c r="G3086" s="102"/>
      <c r="H3086" s="97"/>
      <c r="T3086" s="98"/>
      <c r="U3086" s="97"/>
      <c r="AG3086" s="98"/>
      <c r="AY3086" s="164"/>
      <c r="BK3086" s="98"/>
      <c r="BL3086" s="97"/>
      <c r="BX3086" s="98"/>
      <c r="CL3086" s="97"/>
      <c r="CX3086" s="98"/>
      <c r="DL3086" s="97"/>
      <c r="DX3086" s="98"/>
      <c r="EL3086" s="97"/>
      <c r="EX3086" s="98"/>
      <c r="EY3086" s="97"/>
      <c r="FL3086" s="126"/>
      <c r="FM3086" s="91"/>
      <c r="FN3086" s="91"/>
      <c r="FO3086" s="91"/>
      <c r="FP3086" s="91"/>
      <c r="FQ3086" s="91"/>
      <c r="FR3086" s="91"/>
      <c r="FS3086" s="91"/>
      <c r="FT3086" s="91"/>
      <c r="FU3086" s="91"/>
      <c r="FV3086" s="91"/>
      <c r="FW3086" s="91"/>
      <c r="FX3086" s="127"/>
      <c r="FY3086" s="126"/>
      <c r="FZ3086" s="91"/>
      <c r="GA3086" s="91"/>
      <c r="GB3086" s="91"/>
      <c r="GC3086" s="91"/>
      <c r="GD3086" s="91"/>
      <c r="GE3086" s="91"/>
      <c r="GF3086" s="91"/>
      <c r="GG3086" s="91"/>
      <c r="GH3086" s="91"/>
      <c r="GI3086" s="91"/>
      <c r="GJ3086" s="91"/>
      <c r="GK3086" s="127"/>
      <c r="GL3086" s="126"/>
      <c r="GM3086" s="91"/>
      <c r="GN3086" s="91"/>
      <c r="GO3086" s="91"/>
      <c r="GP3086" s="91"/>
      <c r="GQ3086" s="91"/>
      <c r="GR3086" s="91"/>
      <c r="GS3086" s="91"/>
      <c r="GT3086" s="91"/>
      <c r="GU3086" s="91"/>
      <c r="GV3086" s="91"/>
      <c r="GW3086" s="91"/>
      <c r="GX3086" s="127"/>
      <c r="GY3086" s="126"/>
      <c r="GZ3086" s="91"/>
      <c r="HA3086" s="91"/>
      <c r="HB3086" s="91"/>
      <c r="HC3086" s="91"/>
      <c r="HD3086" s="91"/>
      <c r="HE3086" s="91"/>
      <c r="HF3086" s="91"/>
      <c r="HG3086" s="91"/>
      <c r="HH3086" s="91"/>
      <c r="HI3086" s="91"/>
      <c r="HJ3086" s="91"/>
      <c r="HK3086" s="127"/>
      <c r="HL3086" s="126"/>
      <c r="HM3086" s="91"/>
      <c r="HN3086" s="91"/>
      <c r="HO3086" s="91"/>
      <c r="HP3086" s="91"/>
      <c r="HQ3086" s="91"/>
      <c r="HR3086" s="91"/>
      <c r="HS3086" s="91"/>
      <c r="HT3086" s="91"/>
      <c r="HU3086" s="91"/>
      <c r="HV3086" s="91"/>
      <c r="HW3086" s="91"/>
      <c r="HX3086" s="127"/>
      <c r="HY3086" s="126"/>
      <c r="HZ3086" s="91"/>
      <c r="IA3086" s="91"/>
      <c r="IB3086" s="91"/>
      <c r="IC3086" s="91"/>
      <c r="ID3086" s="91"/>
      <c r="IE3086" s="91"/>
      <c r="IF3086" s="91"/>
      <c r="IG3086" s="91"/>
      <c r="IH3086" s="91"/>
      <c r="II3086" s="91"/>
      <c r="IJ3086" s="91"/>
      <c r="IK3086" s="174"/>
    </row>
    <row r="3087" spans="2:245" x14ac:dyDescent="0.2">
      <c r="B3087" s="43"/>
      <c r="C3087" s="73"/>
      <c r="D3087" s="64"/>
      <c r="E3087" s="64"/>
      <c r="F3087" s="55"/>
      <c r="G3087" s="102"/>
      <c r="H3087" s="97"/>
      <c r="T3087" s="98"/>
      <c r="U3087" s="97"/>
      <c r="AG3087" s="98"/>
      <c r="AY3087" s="164"/>
      <c r="BK3087" s="98"/>
      <c r="BL3087" s="97"/>
      <c r="BX3087" s="98"/>
      <c r="CL3087" s="97"/>
      <c r="CX3087" s="98"/>
      <c r="DL3087" s="97"/>
      <c r="DX3087" s="98"/>
      <c r="EL3087" s="97"/>
      <c r="EX3087" s="98"/>
      <c r="EY3087" s="97"/>
      <c r="FL3087" s="126"/>
      <c r="FM3087" s="91"/>
      <c r="FN3087" s="91"/>
      <c r="FO3087" s="91"/>
      <c r="FP3087" s="91"/>
      <c r="FQ3087" s="91"/>
      <c r="FR3087" s="91"/>
      <c r="FS3087" s="91"/>
      <c r="FT3087" s="91"/>
      <c r="FU3087" s="91"/>
      <c r="FV3087" s="91"/>
      <c r="FW3087" s="91"/>
      <c r="FX3087" s="127"/>
      <c r="FY3087" s="126"/>
      <c r="FZ3087" s="91"/>
      <c r="GA3087" s="91"/>
      <c r="GB3087" s="91"/>
      <c r="GC3087" s="91"/>
      <c r="GD3087" s="91"/>
      <c r="GE3087" s="91"/>
      <c r="GF3087" s="91"/>
      <c r="GG3087" s="91"/>
      <c r="GH3087" s="91"/>
      <c r="GI3087" s="91"/>
      <c r="GJ3087" s="91"/>
      <c r="GK3087" s="127"/>
      <c r="GL3087" s="126"/>
      <c r="GM3087" s="91"/>
      <c r="GN3087" s="91"/>
      <c r="GO3087" s="91"/>
      <c r="GP3087" s="91"/>
      <c r="GQ3087" s="91"/>
      <c r="GR3087" s="91"/>
      <c r="GS3087" s="91"/>
      <c r="GT3087" s="91"/>
      <c r="GU3087" s="91"/>
      <c r="GV3087" s="91"/>
      <c r="GW3087" s="91"/>
      <c r="GX3087" s="127"/>
      <c r="GY3087" s="126"/>
      <c r="GZ3087" s="91"/>
      <c r="HA3087" s="91"/>
      <c r="HB3087" s="91"/>
      <c r="HC3087" s="91"/>
      <c r="HD3087" s="91"/>
      <c r="HE3087" s="91"/>
      <c r="HF3087" s="91"/>
      <c r="HG3087" s="91"/>
      <c r="HH3087" s="91"/>
      <c r="HI3087" s="91"/>
      <c r="HJ3087" s="91"/>
      <c r="HK3087" s="127"/>
      <c r="HL3087" s="126"/>
      <c r="HM3087" s="91"/>
      <c r="HN3087" s="91"/>
      <c r="HO3087" s="91"/>
      <c r="HP3087" s="91"/>
      <c r="HQ3087" s="91"/>
      <c r="HR3087" s="91"/>
      <c r="HS3087" s="91"/>
      <c r="HT3087" s="91"/>
      <c r="HU3087" s="91"/>
      <c r="HV3087" s="91"/>
      <c r="HW3087" s="91"/>
      <c r="HX3087" s="127"/>
      <c r="HY3087" s="126"/>
      <c r="HZ3087" s="91"/>
      <c r="IA3087" s="91"/>
      <c r="IB3087" s="91"/>
      <c r="IC3087" s="91"/>
      <c r="ID3087" s="91"/>
      <c r="IE3087" s="91"/>
      <c r="IF3087" s="91"/>
      <c r="IG3087" s="91"/>
      <c r="IH3087" s="91"/>
      <c r="II3087" s="91"/>
      <c r="IJ3087" s="91"/>
      <c r="IK3087" s="174"/>
    </row>
    <row r="3088" spans="2:245" x14ac:dyDescent="0.2">
      <c r="B3088" s="43"/>
      <c r="C3088" s="73"/>
      <c r="D3088" s="64"/>
      <c r="E3088" s="64"/>
      <c r="F3088" s="55"/>
      <c r="G3088" s="102"/>
      <c r="H3088" s="97"/>
      <c r="T3088" s="98"/>
      <c r="U3088" s="97"/>
      <c r="AG3088" s="98"/>
      <c r="AY3088" s="164"/>
      <c r="BK3088" s="98"/>
      <c r="BL3088" s="97"/>
      <c r="BX3088" s="98"/>
      <c r="CL3088" s="97"/>
      <c r="CX3088" s="98"/>
      <c r="DL3088" s="97"/>
      <c r="DX3088" s="98"/>
      <c r="EL3088" s="97"/>
      <c r="EX3088" s="98"/>
      <c r="EY3088" s="97"/>
      <c r="FL3088" s="126"/>
      <c r="FM3088" s="91"/>
      <c r="FN3088" s="91"/>
      <c r="FO3088" s="91"/>
      <c r="FP3088" s="91"/>
      <c r="FQ3088" s="91"/>
      <c r="FR3088" s="91"/>
      <c r="FS3088" s="91"/>
      <c r="FT3088" s="91"/>
      <c r="FU3088" s="91"/>
      <c r="FV3088" s="91"/>
      <c r="FW3088" s="91"/>
      <c r="FX3088" s="127"/>
      <c r="FY3088" s="126"/>
      <c r="FZ3088" s="91"/>
      <c r="GA3088" s="91"/>
      <c r="GB3088" s="91"/>
      <c r="GC3088" s="91"/>
      <c r="GD3088" s="91"/>
      <c r="GE3088" s="91"/>
      <c r="GF3088" s="91"/>
      <c r="GG3088" s="91"/>
      <c r="GH3088" s="91"/>
      <c r="GI3088" s="91"/>
      <c r="GJ3088" s="91"/>
      <c r="GK3088" s="127"/>
      <c r="GL3088" s="126"/>
      <c r="GM3088" s="91"/>
      <c r="GN3088" s="91"/>
      <c r="GO3088" s="91"/>
      <c r="GP3088" s="91"/>
      <c r="GQ3088" s="91"/>
      <c r="GR3088" s="91"/>
      <c r="GS3088" s="91"/>
      <c r="GT3088" s="91"/>
      <c r="GU3088" s="91"/>
      <c r="GV3088" s="91"/>
      <c r="GW3088" s="91"/>
      <c r="GX3088" s="127"/>
      <c r="GY3088" s="126"/>
      <c r="GZ3088" s="91"/>
      <c r="HA3088" s="91"/>
      <c r="HB3088" s="91"/>
      <c r="HC3088" s="91"/>
      <c r="HD3088" s="91"/>
      <c r="HE3088" s="91"/>
      <c r="HF3088" s="91"/>
      <c r="HG3088" s="91"/>
      <c r="HH3088" s="91"/>
      <c r="HI3088" s="91"/>
      <c r="HJ3088" s="91"/>
      <c r="HK3088" s="127"/>
      <c r="HL3088" s="126"/>
      <c r="HM3088" s="91"/>
      <c r="HN3088" s="91"/>
      <c r="HO3088" s="91"/>
      <c r="HP3088" s="91"/>
      <c r="HQ3088" s="91"/>
      <c r="HR3088" s="91"/>
      <c r="HS3088" s="91"/>
      <c r="HT3088" s="91"/>
      <c r="HU3088" s="91"/>
      <c r="HV3088" s="91"/>
      <c r="HW3088" s="91"/>
      <c r="HX3088" s="127"/>
      <c r="HY3088" s="126"/>
      <c r="HZ3088" s="91"/>
      <c r="IA3088" s="91"/>
      <c r="IB3088" s="91"/>
      <c r="IC3088" s="91"/>
      <c r="ID3088" s="91"/>
      <c r="IE3088" s="91"/>
      <c r="IF3088" s="91"/>
      <c r="IG3088" s="91"/>
      <c r="IH3088" s="91"/>
      <c r="II3088" s="91"/>
      <c r="IJ3088" s="91"/>
      <c r="IK3088" s="174"/>
    </row>
    <row r="3089" spans="2:245" x14ac:dyDescent="0.2">
      <c r="B3089" s="43"/>
      <c r="C3089" s="73"/>
      <c r="D3089" s="64"/>
      <c r="E3089" s="64"/>
      <c r="F3089" s="55"/>
      <c r="G3089" s="102"/>
      <c r="H3089" s="97"/>
      <c r="T3089" s="98"/>
      <c r="U3089" s="97"/>
      <c r="AG3089" s="98"/>
      <c r="AY3089" s="164"/>
      <c r="BK3089" s="98"/>
      <c r="BL3089" s="97"/>
      <c r="BX3089" s="98"/>
      <c r="CL3089" s="97"/>
      <c r="CX3089" s="98"/>
      <c r="DL3089" s="97"/>
      <c r="DX3089" s="98"/>
      <c r="EL3089" s="97"/>
      <c r="EX3089" s="98"/>
      <c r="EY3089" s="97"/>
      <c r="FL3089" s="126"/>
      <c r="FM3089" s="91"/>
      <c r="FN3089" s="91"/>
      <c r="FO3089" s="91"/>
      <c r="FP3089" s="91"/>
      <c r="FQ3089" s="91"/>
      <c r="FR3089" s="91"/>
      <c r="FS3089" s="91"/>
      <c r="FT3089" s="91"/>
      <c r="FU3089" s="91"/>
      <c r="FV3089" s="91"/>
      <c r="FW3089" s="91"/>
      <c r="FX3089" s="127"/>
      <c r="FY3089" s="126"/>
      <c r="FZ3089" s="91"/>
      <c r="GA3089" s="91"/>
      <c r="GB3089" s="91"/>
      <c r="GC3089" s="91"/>
      <c r="GD3089" s="91"/>
      <c r="GE3089" s="91"/>
      <c r="GF3089" s="91"/>
      <c r="GG3089" s="91"/>
      <c r="GH3089" s="91"/>
      <c r="GI3089" s="91"/>
      <c r="GJ3089" s="91"/>
      <c r="GK3089" s="127"/>
      <c r="GL3089" s="126"/>
      <c r="GM3089" s="91"/>
      <c r="GN3089" s="91"/>
      <c r="GO3089" s="91"/>
      <c r="GP3089" s="91"/>
      <c r="GQ3089" s="91"/>
      <c r="GR3089" s="91"/>
      <c r="GS3089" s="91"/>
      <c r="GT3089" s="91"/>
      <c r="GU3089" s="91"/>
      <c r="GV3089" s="91"/>
      <c r="GW3089" s="91"/>
      <c r="GX3089" s="127"/>
      <c r="GY3089" s="126"/>
      <c r="GZ3089" s="91"/>
      <c r="HA3089" s="91"/>
      <c r="HB3089" s="91"/>
      <c r="HC3089" s="91"/>
      <c r="HD3089" s="91"/>
      <c r="HE3089" s="91"/>
      <c r="HF3089" s="91"/>
      <c r="HG3089" s="91"/>
      <c r="HH3089" s="91"/>
      <c r="HI3089" s="91"/>
      <c r="HJ3089" s="91"/>
      <c r="HK3089" s="127"/>
      <c r="HL3089" s="126"/>
      <c r="HM3089" s="91"/>
      <c r="HN3089" s="91"/>
      <c r="HO3089" s="91"/>
      <c r="HP3089" s="91"/>
      <c r="HQ3089" s="91"/>
      <c r="HR3089" s="91"/>
      <c r="HS3089" s="91"/>
      <c r="HT3089" s="91"/>
      <c r="HU3089" s="91"/>
      <c r="HV3089" s="91"/>
      <c r="HW3089" s="91"/>
      <c r="HX3089" s="127"/>
      <c r="HY3089" s="126"/>
      <c r="HZ3089" s="91"/>
      <c r="IA3089" s="91"/>
      <c r="IB3089" s="91"/>
      <c r="IC3089" s="91"/>
      <c r="ID3089" s="91"/>
      <c r="IE3089" s="91"/>
      <c r="IF3089" s="91"/>
      <c r="IG3089" s="91"/>
      <c r="IH3089" s="91"/>
      <c r="II3089" s="91"/>
      <c r="IJ3089" s="91"/>
      <c r="IK3089" s="174"/>
    </row>
    <row r="3090" spans="2:245" x14ac:dyDescent="0.2">
      <c r="B3090" s="43"/>
      <c r="C3090" s="73"/>
      <c r="D3090" s="64"/>
      <c r="E3090" s="64"/>
      <c r="F3090" s="55"/>
      <c r="G3090" s="102"/>
      <c r="H3090" s="97"/>
      <c r="T3090" s="98"/>
      <c r="U3090" s="97"/>
      <c r="AG3090" s="98"/>
      <c r="AY3090" s="164"/>
      <c r="BK3090" s="98"/>
      <c r="BL3090" s="97"/>
      <c r="BX3090" s="98"/>
      <c r="CL3090" s="97"/>
      <c r="CX3090" s="98"/>
      <c r="DL3090" s="97"/>
      <c r="DX3090" s="98"/>
      <c r="EL3090" s="97"/>
      <c r="EX3090" s="98"/>
      <c r="EY3090" s="97"/>
      <c r="FL3090" s="126"/>
      <c r="FM3090" s="91"/>
      <c r="FN3090" s="91"/>
      <c r="FO3090" s="91"/>
      <c r="FP3090" s="91"/>
      <c r="FQ3090" s="91"/>
      <c r="FR3090" s="91"/>
      <c r="FS3090" s="91"/>
      <c r="FT3090" s="91"/>
      <c r="FU3090" s="91"/>
      <c r="FV3090" s="91"/>
      <c r="FW3090" s="91"/>
      <c r="FX3090" s="127"/>
      <c r="FY3090" s="126"/>
      <c r="FZ3090" s="91"/>
      <c r="GA3090" s="91"/>
      <c r="GB3090" s="91"/>
      <c r="GC3090" s="91"/>
      <c r="GD3090" s="91"/>
      <c r="GE3090" s="91"/>
      <c r="GF3090" s="91"/>
      <c r="GG3090" s="91"/>
      <c r="GH3090" s="91"/>
      <c r="GI3090" s="91"/>
      <c r="GJ3090" s="91"/>
      <c r="GK3090" s="127"/>
      <c r="GL3090" s="126"/>
      <c r="GM3090" s="91"/>
      <c r="GN3090" s="91"/>
      <c r="GO3090" s="91"/>
      <c r="GP3090" s="91"/>
      <c r="GQ3090" s="91"/>
      <c r="GR3090" s="91"/>
      <c r="GS3090" s="91"/>
      <c r="GT3090" s="91"/>
      <c r="GU3090" s="91"/>
      <c r="GV3090" s="91"/>
      <c r="GW3090" s="91"/>
      <c r="GX3090" s="127"/>
      <c r="GY3090" s="126"/>
      <c r="GZ3090" s="91"/>
      <c r="HA3090" s="91"/>
      <c r="HB3090" s="91"/>
      <c r="HC3090" s="91"/>
      <c r="HD3090" s="91"/>
      <c r="HE3090" s="91"/>
      <c r="HF3090" s="91"/>
      <c r="HG3090" s="91"/>
      <c r="HH3090" s="91"/>
      <c r="HI3090" s="91"/>
      <c r="HJ3090" s="91"/>
      <c r="HK3090" s="127"/>
      <c r="HL3090" s="126"/>
      <c r="HM3090" s="91"/>
      <c r="HN3090" s="91"/>
      <c r="HO3090" s="91"/>
      <c r="HP3090" s="91"/>
      <c r="HQ3090" s="91"/>
      <c r="HR3090" s="91"/>
      <c r="HS3090" s="91"/>
      <c r="HT3090" s="91"/>
      <c r="HU3090" s="91"/>
      <c r="HV3090" s="91"/>
      <c r="HW3090" s="91"/>
      <c r="HX3090" s="127"/>
      <c r="HY3090" s="126"/>
      <c r="HZ3090" s="91"/>
      <c r="IA3090" s="91"/>
      <c r="IB3090" s="91"/>
      <c r="IC3090" s="91"/>
      <c r="ID3090" s="91"/>
      <c r="IE3090" s="91"/>
      <c r="IF3090" s="91"/>
      <c r="IG3090" s="91"/>
      <c r="IH3090" s="91"/>
      <c r="II3090" s="91"/>
      <c r="IJ3090" s="91"/>
      <c r="IK3090" s="174"/>
    </row>
    <row r="3091" spans="2:245" x14ac:dyDescent="0.2">
      <c r="B3091" s="43"/>
      <c r="C3091" s="73"/>
      <c r="D3091" s="64"/>
      <c r="E3091" s="64"/>
      <c r="F3091" s="55"/>
      <c r="G3091" s="102"/>
      <c r="H3091" s="97"/>
      <c r="T3091" s="98"/>
      <c r="U3091" s="97"/>
      <c r="AG3091" s="98"/>
      <c r="AY3091" s="164"/>
      <c r="BK3091" s="98"/>
      <c r="BL3091" s="97"/>
      <c r="BX3091" s="98"/>
      <c r="CL3091" s="97"/>
      <c r="CX3091" s="98"/>
      <c r="DL3091" s="97"/>
      <c r="DX3091" s="98"/>
      <c r="EL3091" s="97"/>
      <c r="EX3091" s="98"/>
      <c r="EY3091" s="97"/>
      <c r="FL3091" s="126"/>
      <c r="FM3091" s="91"/>
      <c r="FN3091" s="91"/>
      <c r="FO3091" s="91"/>
      <c r="FP3091" s="91"/>
      <c r="FQ3091" s="91"/>
      <c r="FR3091" s="91"/>
      <c r="FS3091" s="91"/>
      <c r="FT3091" s="91"/>
      <c r="FU3091" s="91"/>
      <c r="FV3091" s="91"/>
      <c r="FW3091" s="91"/>
      <c r="FX3091" s="127"/>
      <c r="FY3091" s="126"/>
      <c r="FZ3091" s="91"/>
      <c r="GA3091" s="91"/>
      <c r="GB3091" s="91"/>
      <c r="GC3091" s="91"/>
      <c r="GD3091" s="91"/>
      <c r="GE3091" s="91"/>
      <c r="GF3091" s="91"/>
      <c r="GG3091" s="91"/>
      <c r="GH3091" s="91"/>
      <c r="GI3091" s="91"/>
      <c r="GJ3091" s="91"/>
      <c r="GK3091" s="127"/>
      <c r="GL3091" s="126"/>
      <c r="GM3091" s="91"/>
      <c r="GN3091" s="91"/>
      <c r="GO3091" s="91"/>
      <c r="GP3091" s="91"/>
      <c r="GQ3091" s="91"/>
      <c r="GR3091" s="91"/>
      <c r="GS3091" s="91"/>
      <c r="GT3091" s="91"/>
      <c r="GU3091" s="91"/>
      <c r="GV3091" s="91"/>
      <c r="GW3091" s="91"/>
      <c r="GX3091" s="127"/>
      <c r="GY3091" s="126"/>
      <c r="GZ3091" s="91"/>
      <c r="HA3091" s="91"/>
      <c r="HB3091" s="91"/>
      <c r="HC3091" s="91"/>
      <c r="HD3091" s="91"/>
      <c r="HE3091" s="91"/>
      <c r="HF3091" s="91"/>
      <c r="HG3091" s="91"/>
      <c r="HH3091" s="91"/>
      <c r="HI3091" s="91"/>
      <c r="HJ3091" s="91"/>
      <c r="HK3091" s="127"/>
      <c r="HL3091" s="126"/>
      <c r="HM3091" s="91"/>
      <c r="HN3091" s="91"/>
      <c r="HO3091" s="91"/>
      <c r="HP3091" s="91"/>
      <c r="HQ3091" s="91"/>
      <c r="HR3091" s="91"/>
      <c r="HS3091" s="91"/>
      <c r="HT3091" s="91"/>
      <c r="HU3091" s="91"/>
      <c r="HV3091" s="91"/>
      <c r="HW3091" s="91"/>
      <c r="HX3091" s="127"/>
      <c r="HY3091" s="126"/>
      <c r="HZ3091" s="91"/>
      <c r="IA3091" s="91"/>
      <c r="IB3091" s="91"/>
      <c r="IC3091" s="91"/>
      <c r="ID3091" s="91"/>
      <c r="IE3091" s="91"/>
      <c r="IF3091" s="91"/>
      <c r="IG3091" s="91"/>
      <c r="IH3091" s="91"/>
      <c r="II3091" s="91"/>
      <c r="IJ3091" s="91"/>
      <c r="IK3091" s="174"/>
    </row>
    <row r="3092" spans="2:245" x14ac:dyDescent="0.2">
      <c r="B3092" s="43"/>
      <c r="C3092" s="73"/>
      <c r="D3092" s="64"/>
      <c r="E3092" s="64"/>
      <c r="F3092" s="55"/>
      <c r="G3092" s="102"/>
      <c r="H3092" s="97"/>
      <c r="T3092" s="98"/>
      <c r="U3092" s="97"/>
      <c r="AG3092" s="98"/>
      <c r="AY3092" s="164"/>
      <c r="BK3092" s="98"/>
      <c r="BL3092" s="97"/>
      <c r="BX3092" s="98"/>
      <c r="CL3092" s="97"/>
      <c r="CX3092" s="98"/>
      <c r="DL3092" s="97"/>
      <c r="DX3092" s="98"/>
      <c r="EL3092" s="97"/>
      <c r="EX3092" s="98"/>
      <c r="EY3092" s="97"/>
      <c r="FL3092" s="126"/>
      <c r="FM3092" s="91"/>
      <c r="FN3092" s="91"/>
      <c r="FO3092" s="91"/>
      <c r="FP3092" s="91"/>
      <c r="FQ3092" s="91"/>
      <c r="FR3092" s="91"/>
      <c r="FS3092" s="91"/>
      <c r="FT3092" s="91"/>
      <c r="FU3092" s="91"/>
      <c r="FV3092" s="91"/>
      <c r="FW3092" s="91"/>
      <c r="FX3092" s="127"/>
      <c r="FY3092" s="126"/>
      <c r="FZ3092" s="91"/>
      <c r="GA3092" s="91"/>
      <c r="GB3092" s="91"/>
      <c r="GC3092" s="91"/>
      <c r="GD3092" s="91"/>
      <c r="GE3092" s="91"/>
      <c r="GF3092" s="91"/>
      <c r="GG3092" s="91"/>
      <c r="GH3092" s="91"/>
      <c r="GI3092" s="91"/>
      <c r="GJ3092" s="91"/>
      <c r="GK3092" s="127"/>
      <c r="GL3092" s="126"/>
      <c r="GM3092" s="91"/>
      <c r="GN3092" s="91"/>
      <c r="GO3092" s="91"/>
      <c r="GP3092" s="91"/>
      <c r="GQ3092" s="91"/>
      <c r="GR3092" s="91"/>
      <c r="GS3092" s="91"/>
      <c r="GT3092" s="91"/>
      <c r="GU3092" s="91"/>
      <c r="GV3092" s="91"/>
      <c r="GW3092" s="91"/>
      <c r="GX3092" s="127"/>
      <c r="GY3092" s="126"/>
      <c r="GZ3092" s="91"/>
      <c r="HA3092" s="91"/>
      <c r="HB3092" s="91"/>
      <c r="HC3092" s="91"/>
      <c r="HD3092" s="91"/>
      <c r="HE3092" s="91"/>
      <c r="HF3092" s="91"/>
      <c r="HG3092" s="91"/>
      <c r="HH3092" s="91"/>
      <c r="HI3092" s="91"/>
      <c r="HJ3092" s="91"/>
      <c r="HK3092" s="127"/>
      <c r="HL3092" s="126"/>
      <c r="HM3092" s="91"/>
      <c r="HN3092" s="91"/>
      <c r="HO3092" s="91"/>
      <c r="HP3092" s="91"/>
      <c r="HQ3092" s="91"/>
      <c r="HR3092" s="91"/>
      <c r="HS3092" s="91"/>
      <c r="HT3092" s="91"/>
      <c r="HU3092" s="91"/>
      <c r="HV3092" s="91"/>
      <c r="HW3092" s="91"/>
      <c r="HX3092" s="127"/>
      <c r="HY3092" s="126"/>
      <c r="HZ3092" s="91"/>
      <c r="IA3092" s="91"/>
      <c r="IB3092" s="91"/>
      <c r="IC3092" s="91"/>
      <c r="ID3092" s="91"/>
      <c r="IE3092" s="91"/>
      <c r="IF3092" s="91"/>
      <c r="IG3092" s="91"/>
      <c r="IH3092" s="91"/>
      <c r="II3092" s="91"/>
      <c r="IJ3092" s="91"/>
      <c r="IK3092" s="174"/>
    </row>
    <row r="3093" spans="2:245" x14ac:dyDescent="0.2">
      <c r="B3093" s="43"/>
      <c r="C3093" s="73"/>
      <c r="D3093" s="64"/>
      <c r="E3093" s="64"/>
      <c r="F3093" s="55"/>
      <c r="G3093" s="102"/>
      <c r="H3093" s="97"/>
      <c r="T3093" s="98"/>
      <c r="U3093" s="97"/>
      <c r="AG3093" s="98"/>
      <c r="AY3093" s="164"/>
      <c r="BK3093" s="98"/>
      <c r="BL3093" s="97"/>
      <c r="BX3093" s="98"/>
      <c r="CL3093" s="97"/>
      <c r="CX3093" s="98"/>
      <c r="DL3093" s="97"/>
      <c r="DX3093" s="98"/>
      <c r="EL3093" s="97"/>
      <c r="EX3093" s="98"/>
      <c r="EY3093" s="97"/>
      <c r="FL3093" s="126"/>
      <c r="FM3093" s="91"/>
      <c r="FN3093" s="91"/>
      <c r="FO3093" s="91"/>
      <c r="FP3093" s="91"/>
      <c r="FQ3093" s="91"/>
      <c r="FR3093" s="91"/>
      <c r="FS3093" s="91"/>
      <c r="FT3093" s="91"/>
      <c r="FU3093" s="91"/>
      <c r="FV3093" s="91"/>
      <c r="FW3093" s="91"/>
      <c r="FX3093" s="127"/>
      <c r="FY3093" s="126"/>
      <c r="FZ3093" s="91"/>
      <c r="GA3093" s="91"/>
      <c r="GB3093" s="91"/>
      <c r="GC3093" s="91"/>
      <c r="GD3093" s="91"/>
      <c r="GE3093" s="91"/>
      <c r="GF3093" s="91"/>
      <c r="GG3093" s="91"/>
      <c r="GH3093" s="91"/>
      <c r="GI3093" s="91"/>
      <c r="GJ3093" s="91"/>
      <c r="GK3093" s="127"/>
      <c r="GL3093" s="126"/>
      <c r="GM3093" s="91"/>
      <c r="GN3093" s="91"/>
      <c r="GO3093" s="91"/>
      <c r="GP3093" s="91"/>
      <c r="GQ3093" s="91"/>
      <c r="GR3093" s="91"/>
      <c r="GS3093" s="91"/>
      <c r="GT3093" s="91"/>
      <c r="GU3093" s="91"/>
      <c r="GV3093" s="91"/>
      <c r="GW3093" s="91"/>
      <c r="GX3093" s="127"/>
      <c r="GY3093" s="126"/>
      <c r="GZ3093" s="91"/>
      <c r="HA3093" s="91"/>
      <c r="HB3093" s="91"/>
      <c r="HC3093" s="91"/>
      <c r="HD3093" s="91"/>
      <c r="HE3093" s="91"/>
      <c r="HF3093" s="91"/>
      <c r="HG3093" s="91"/>
      <c r="HH3093" s="91"/>
      <c r="HI3093" s="91"/>
      <c r="HJ3093" s="91"/>
      <c r="HK3093" s="127"/>
      <c r="HL3093" s="126"/>
      <c r="HM3093" s="91"/>
      <c r="HN3093" s="91"/>
      <c r="HO3093" s="91"/>
      <c r="HP3093" s="91"/>
      <c r="HQ3093" s="91"/>
      <c r="HR3093" s="91"/>
      <c r="HS3093" s="91"/>
      <c r="HT3093" s="91"/>
      <c r="HU3093" s="91"/>
      <c r="HV3093" s="91"/>
      <c r="HW3093" s="91"/>
      <c r="HX3093" s="127"/>
      <c r="HY3093" s="126"/>
      <c r="HZ3093" s="91"/>
      <c r="IA3093" s="91"/>
      <c r="IB3093" s="91"/>
      <c r="IC3093" s="91"/>
      <c r="ID3093" s="91"/>
      <c r="IE3093" s="91"/>
      <c r="IF3093" s="91"/>
      <c r="IG3093" s="91"/>
      <c r="IH3093" s="91"/>
      <c r="II3093" s="91"/>
      <c r="IJ3093" s="91"/>
      <c r="IK3093" s="174"/>
    </row>
    <row r="3094" spans="2:245" x14ac:dyDescent="0.2">
      <c r="B3094" s="43"/>
      <c r="C3094" s="73"/>
      <c r="D3094" s="64"/>
      <c r="E3094" s="64"/>
      <c r="F3094" s="55"/>
      <c r="G3094" s="102"/>
      <c r="H3094" s="97"/>
      <c r="T3094" s="98"/>
      <c r="U3094" s="97"/>
      <c r="AG3094" s="98"/>
      <c r="AY3094" s="164"/>
      <c r="BK3094" s="98"/>
      <c r="BL3094" s="97"/>
      <c r="BX3094" s="98"/>
      <c r="CL3094" s="97"/>
      <c r="CX3094" s="98"/>
      <c r="DL3094" s="97"/>
      <c r="DX3094" s="98"/>
      <c r="EL3094" s="97"/>
      <c r="EX3094" s="98"/>
      <c r="EY3094" s="97"/>
      <c r="FL3094" s="126"/>
      <c r="FM3094" s="91"/>
      <c r="FN3094" s="91"/>
      <c r="FO3094" s="91"/>
      <c r="FP3094" s="91"/>
      <c r="FQ3094" s="91"/>
      <c r="FR3094" s="91"/>
      <c r="FS3094" s="91"/>
      <c r="FT3094" s="91"/>
      <c r="FU3094" s="91"/>
      <c r="FV3094" s="91"/>
      <c r="FW3094" s="91"/>
      <c r="FX3094" s="127"/>
      <c r="FY3094" s="126"/>
      <c r="FZ3094" s="91"/>
      <c r="GA3094" s="91"/>
      <c r="GB3094" s="91"/>
      <c r="GC3094" s="91"/>
      <c r="GD3094" s="91"/>
      <c r="GE3094" s="91"/>
      <c r="GF3094" s="91"/>
      <c r="GG3094" s="91"/>
      <c r="GH3094" s="91"/>
      <c r="GI3094" s="91"/>
      <c r="GJ3094" s="91"/>
      <c r="GK3094" s="127"/>
      <c r="GL3094" s="126"/>
      <c r="GM3094" s="91"/>
      <c r="GN3094" s="91"/>
      <c r="GO3094" s="91"/>
      <c r="GP3094" s="91"/>
      <c r="GQ3094" s="91"/>
      <c r="GR3094" s="91"/>
      <c r="GS3094" s="91"/>
      <c r="GT3094" s="91"/>
      <c r="GU3094" s="91"/>
      <c r="GV3094" s="91"/>
      <c r="GW3094" s="91"/>
      <c r="GX3094" s="127"/>
      <c r="GY3094" s="126"/>
      <c r="GZ3094" s="91"/>
      <c r="HA3094" s="91"/>
      <c r="HB3094" s="91"/>
      <c r="HC3094" s="91"/>
      <c r="HD3094" s="91"/>
      <c r="HE3094" s="91"/>
      <c r="HF3094" s="91"/>
      <c r="HG3094" s="91"/>
      <c r="HH3094" s="91"/>
      <c r="HI3094" s="91"/>
      <c r="HJ3094" s="91"/>
      <c r="HK3094" s="127"/>
      <c r="HL3094" s="126"/>
      <c r="HM3094" s="91"/>
      <c r="HN3094" s="91"/>
      <c r="HO3094" s="91"/>
      <c r="HP3094" s="91"/>
      <c r="HQ3094" s="91"/>
      <c r="HR3094" s="91"/>
      <c r="HS3094" s="91"/>
      <c r="HT3094" s="91"/>
      <c r="HU3094" s="91"/>
      <c r="HV3094" s="91"/>
      <c r="HW3094" s="91"/>
      <c r="HX3094" s="127"/>
      <c r="HY3094" s="126"/>
      <c r="HZ3094" s="91"/>
      <c r="IA3094" s="91"/>
      <c r="IB3094" s="91"/>
      <c r="IC3094" s="91"/>
      <c r="ID3094" s="91"/>
      <c r="IE3094" s="91"/>
      <c r="IF3094" s="91"/>
      <c r="IG3094" s="91"/>
      <c r="IH3094" s="91"/>
      <c r="II3094" s="91"/>
      <c r="IJ3094" s="91"/>
      <c r="IK3094" s="174"/>
    </row>
    <row r="3095" spans="2:245" x14ac:dyDescent="0.2">
      <c r="B3095" s="43"/>
      <c r="C3095" s="73"/>
      <c r="D3095" s="64"/>
      <c r="E3095" s="64"/>
      <c r="F3095" s="55"/>
      <c r="G3095" s="102"/>
      <c r="H3095" s="97"/>
      <c r="T3095" s="98"/>
      <c r="U3095" s="97"/>
      <c r="AG3095" s="98"/>
      <c r="AY3095" s="164"/>
      <c r="BK3095" s="98"/>
      <c r="BL3095" s="97"/>
      <c r="BX3095" s="98"/>
      <c r="CL3095" s="97"/>
      <c r="CX3095" s="98"/>
      <c r="DL3095" s="97"/>
      <c r="DX3095" s="98"/>
      <c r="EL3095" s="97"/>
      <c r="EX3095" s="98"/>
      <c r="EY3095" s="97"/>
      <c r="FL3095" s="126"/>
      <c r="FM3095" s="91"/>
      <c r="FN3095" s="91"/>
      <c r="FO3095" s="91"/>
      <c r="FP3095" s="91"/>
      <c r="FQ3095" s="91"/>
      <c r="FR3095" s="91"/>
      <c r="FS3095" s="91"/>
      <c r="FT3095" s="91"/>
      <c r="FU3095" s="91"/>
      <c r="FV3095" s="91"/>
      <c r="FW3095" s="91"/>
      <c r="FX3095" s="127"/>
      <c r="FY3095" s="126"/>
      <c r="FZ3095" s="91"/>
      <c r="GA3095" s="91"/>
      <c r="GB3095" s="91"/>
      <c r="GC3095" s="91"/>
      <c r="GD3095" s="91"/>
      <c r="GE3095" s="91"/>
      <c r="GF3095" s="91"/>
      <c r="GG3095" s="91"/>
      <c r="GH3095" s="91"/>
      <c r="GI3095" s="91"/>
      <c r="GJ3095" s="91"/>
      <c r="GK3095" s="127"/>
      <c r="GL3095" s="126"/>
      <c r="GM3095" s="91"/>
      <c r="GN3095" s="91"/>
      <c r="GO3095" s="91"/>
      <c r="GP3095" s="91"/>
      <c r="GQ3095" s="91"/>
      <c r="GR3095" s="91"/>
      <c r="GS3095" s="91"/>
      <c r="GT3095" s="91"/>
      <c r="GU3095" s="91"/>
      <c r="GV3095" s="91"/>
      <c r="GW3095" s="91"/>
      <c r="GX3095" s="127"/>
      <c r="GY3095" s="126"/>
      <c r="GZ3095" s="91"/>
      <c r="HA3095" s="91"/>
      <c r="HB3095" s="91"/>
      <c r="HC3095" s="91"/>
      <c r="HD3095" s="91"/>
      <c r="HE3095" s="91"/>
      <c r="HF3095" s="91"/>
      <c r="HG3095" s="91"/>
      <c r="HH3095" s="91"/>
      <c r="HI3095" s="91"/>
      <c r="HJ3095" s="91"/>
      <c r="HK3095" s="127"/>
      <c r="HL3095" s="126"/>
      <c r="HM3095" s="91"/>
      <c r="HN3095" s="91"/>
      <c r="HO3095" s="91"/>
      <c r="HP3095" s="91"/>
      <c r="HQ3095" s="91"/>
      <c r="HR3095" s="91"/>
      <c r="HS3095" s="91"/>
      <c r="HT3095" s="91"/>
      <c r="HU3095" s="91"/>
      <c r="HV3095" s="91"/>
      <c r="HW3095" s="91"/>
      <c r="HX3095" s="127"/>
      <c r="HY3095" s="126"/>
      <c r="HZ3095" s="91"/>
      <c r="IA3095" s="91"/>
      <c r="IB3095" s="91"/>
      <c r="IC3095" s="91"/>
      <c r="ID3095" s="91"/>
      <c r="IE3095" s="91"/>
      <c r="IF3095" s="91"/>
      <c r="IG3095" s="91"/>
      <c r="IH3095" s="91"/>
      <c r="II3095" s="91"/>
      <c r="IJ3095" s="91"/>
      <c r="IK3095" s="174"/>
    </row>
    <row r="3096" spans="2:245" x14ac:dyDescent="0.2">
      <c r="B3096" s="43"/>
      <c r="C3096" s="73"/>
      <c r="D3096" s="64"/>
      <c r="E3096" s="64"/>
      <c r="F3096" s="55"/>
      <c r="G3096" s="102"/>
      <c r="H3096" s="97"/>
      <c r="T3096" s="98"/>
      <c r="U3096" s="97"/>
      <c r="AG3096" s="98"/>
      <c r="AY3096" s="164"/>
      <c r="BK3096" s="98"/>
      <c r="BL3096" s="97"/>
      <c r="BX3096" s="98"/>
      <c r="CL3096" s="97"/>
      <c r="CX3096" s="98"/>
      <c r="DL3096" s="97"/>
      <c r="DX3096" s="98"/>
      <c r="EL3096" s="97"/>
      <c r="EX3096" s="98"/>
      <c r="EY3096" s="97"/>
      <c r="FL3096" s="126"/>
      <c r="FM3096" s="91"/>
      <c r="FN3096" s="91"/>
      <c r="FO3096" s="91"/>
      <c r="FP3096" s="91"/>
      <c r="FQ3096" s="91"/>
      <c r="FR3096" s="91"/>
      <c r="FS3096" s="91"/>
      <c r="FT3096" s="91"/>
      <c r="FU3096" s="91"/>
      <c r="FV3096" s="91"/>
      <c r="FW3096" s="91"/>
      <c r="FX3096" s="127"/>
      <c r="FY3096" s="126"/>
      <c r="FZ3096" s="91"/>
      <c r="GA3096" s="91"/>
      <c r="GB3096" s="91"/>
      <c r="GC3096" s="91"/>
      <c r="GD3096" s="91"/>
      <c r="GE3096" s="91"/>
      <c r="GF3096" s="91"/>
      <c r="GG3096" s="91"/>
      <c r="GH3096" s="91"/>
      <c r="GI3096" s="91"/>
      <c r="GJ3096" s="91"/>
      <c r="GK3096" s="127"/>
      <c r="GL3096" s="126"/>
      <c r="GM3096" s="91"/>
      <c r="GN3096" s="91"/>
      <c r="GO3096" s="91"/>
      <c r="GP3096" s="91"/>
      <c r="GQ3096" s="91"/>
      <c r="GR3096" s="91"/>
      <c r="GS3096" s="91"/>
      <c r="GT3096" s="91"/>
      <c r="GU3096" s="91"/>
      <c r="GV3096" s="91"/>
      <c r="GW3096" s="91"/>
      <c r="GX3096" s="127"/>
      <c r="GY3096" s="126"/>
      <c r="GZ3096" s="91"/>
      <c r="HA3096" s="91"/>
      <c r="HB3096" s="91"/>
      <c r="HC3096" s="91"/>
      <c r="HD3096" s="91"/>
      <c r="HE3096" s="91"/>
      <c r="HF3096" s="91"/>
      <c r="HG3096" s="91"/>
      <c r="HH3096" s="91"/>
      <c r="HI3096" s="91"/>
      <c r="HJ3096" s="91"/>
      <c r="HK3096" s="127"/>
      <c r="HL3096" s="126"/>
      <c r="HM3096" s="91"/>
      <c r="HN3096" s="91"/>
      <c r="HO3096" s="91"/>
      <c r="HP3096" s="91"/>
      <c r="HQ3096" s="91"/>
      <c r="HR3096" s="91"/>
      <c r="HS3096" s="91"/>
      <c r="HT3096" s="91"/>
      <c r="HU3096" s="91"/>
      <c r="HV3096" s="91"/>
      <c r="HW3096" s="91"/>
      <c r="HX3096" s="127"/>
      <c r="HY3096" s="126"/>
      <c r="HZ3096" s="91"/>
      <c r="IA3096" s="91"/>
      <c r="IB3096" s="91"/>
      <c r="IC3096" s="91"/>
      <c r="ID3096" s="91"/>
      <c r="IE3096" s="91"/>
      <c r="IF3096" s="91"/>
      <c r="IG3096" s="91"/>
      <c r="IH3096" s="91"/>
      <c r="II3096" s="91"/>
      <c r="IJ3096" s="91"/>
      <c r="IK3096" s="174"/>
    </row>
    <row r="3097" spans="2:245" x14ac:dyDescent="0.2">
      <c r="B3097" s="43"/>
      <c r="C3097" s="73"/>
      <c r="D3097" s="64"/>
      <c r="E3097" s="64"/>
      <c r="F3097" s="55"/>
      <c r="G3097" s="102"/>
      <c r="H3097" s="97"/>
      <c r="T3097" s="98"/>
      <c r="U3097" s="97"/>
      <c r="AG3097" s="98"/>
      <c r="AY3097" s="164"/>
      <c r="BK3097" s="98"/>
      <c r="BL3097" s="97"/>
      <c r="BX3097" s="98"/>
      <c r="CL3097" s="97"/>
      <c r="CX3097" s="98"/>
      <c r="DL3097" s="97"/>
      <c r="DX3097" s="98"/>
      <c r="EL3097" s="97"/>
      <c r="EX3097" s="98"/>
      <c r="EY3097" s="97"/>
      <c r="FL3097" s="126"/>
      <c r="FM3097" s="91"/>
      <c r="FN3097" s="91"/>
      <c r="FO3097" s="91"/>
      <c r="FP3097" s="91"/>
      <c r="FQ3097" s="91"/>
      <c r="FR3097" s="91"/>
      <c r="FS3097" s="91"/>
      <c r="FT3097" s="91"/>
      <c r="FU3097" s="91"/>
      <c r="FV3097" s="91"/>
      <c r="FW3097" s="91"/>
      <c r="FX3097" s="127"/>
      <c r="FY3097" s="126"/>
      <c r="FZ3097" s="91"/>
      <c r="GA3097" s="91"/>
      <c r="GB3097" s="91"/>
      <c r="GC3097" s="91"/>
      <c r="GD3097" s="91"/>
      <c r="GE3097" s="91"/>
      <c r="GF3097" s="91"/>
      <c r="GG3097" s="91"/>
      <c r="GH3097" s="91"/>
      <c r="GI3097" s="91"/>
      <c r="GJ3097" s="91"/>
      <c r="GK3097" s="127"/>
      <c r="GL3097" s="126"/>
      <c r="GM3097" s="91"/>
      <c r="GN3097" s="91"/>
      <c r="GO3097" s="91"/>
      <c r="GP3097" s="91"/>
      <c r="GQ3097" s="91"/>
      <c r="GR3097" s="91"/>
      <c r="GS3097" s="91"/>
      <c r="GT3097" s="91"/>
      <c r="GU3097" s="91"/>
      <c r="GV3097" s="91"/>
      <c r="GW3097" s="91"/>
      <c r="GX3097" s="127"/>
      <c r="GY3097" s="126"/>
      <c r="GZ3097" s="91"/>
      <c r="HA3097" s="91"/>
      <c r="HB3097" s="91"/>
      <c r="HC3097" s="91"/>
      <c r="HD3097" s="91"/>
      <c r="HE3097" s="91"/>
      <c r="HF3097" s="91"/>
      <c r="HG3097" s="91"/>
      <c r="HH3097" s="91"/>
      <c r="HI3097" s="91"/>
      <c r="HJ3097" s="91"/>
      <c r="HK3097" s="127"/>
      <c r="HL3097" s="126"/>
      <c r="HM3097" s="91"/>
      <c r="HN3097" s="91"/>
      <c r="HO3097" s="91"/>
      <c r="HP3097" s="91"/>
      <c r="HQ3097" s="91"/>
      <c r="HR3097" s="91"/>
      <c r="HS3097" s="91"/>
      <c r="HT3097" s="91"/>
      <c r="HU3097" s="91"/>
      <c r="HV3097" s="91"/>
      <c r="HW3097" s="91"/>
      <c r="HX3097" s="127"/>
      <c r="HY3097" s="126"/>
      <c r="HZ3097" s="91"/>
      <c r="IA3097" s="91"/>
      <c r="IB3097" s="91"/>
      <c r="IC3097" s="91"/>
      <c r="ID3097" s="91"/>
      <c r="IE3097" s="91"/>
      <c r="IF3097" s="91"/>
      <c r="IG3097" s="91"/>
      <c r="IH3097" s="91"/>
      <c r="II3097" s="91"/>
      <c r="IJ3097" s="91"/>
      <c r="IK3097" s="174"/>
    </row>
    <row r="3098" spans="2:245" x14ac:dyDescent="0.2">
      <c r="B3098" s="43"/>
      <c r="C3098" s="73"/>
      <c r="D3098" s="64"/>
      <c r="E3098" s="64"/>
      <c r="F3098" s="55"/>
      <c r="G3098" s="102"/>
      <c r="H3098" s="97"/>
      <c r="T3098" s="98"/>
      <c r="U3098" s="97"/>
      <c r="AG3098" s="98"/>
      <c r="AY3098" s="164"/>
      <c r="BK3098" s="98"/>
      <c r="BL3098" s="97"/>
      <c r="BX3098" s="98"/>
      <c r="CL3098" s="97"/>
      <c r="CX3098" s="98"/>
      <c r="DL3098" s="97"/>
      <c r="DX3098" s="98"/>
      <c r="EL3098" s="97"/>
      <c r="EX3098" s="98"/>
      <c r="EY3098" s="97"/>
      <c r="FL3098" s="126"/>
      <c r="FM3098" s="91"/>
      <c r="FN3098" s="91"/>
      <c r="FO3098" s="91"/>
      <c r="FP3098" s="91"/>
      <c r="FQ3098" s="91"/>
      <c r="FR3098" s="91"/>
      <c r="FS3098" s="91"/>
      <c r="FT3098" s="91"/>
      <c r="FU3098" s="91"/>
      <c r="FV3098" s="91"/>
      <c r="FW3098" s="91"/>
      <c r="FX3098" s="127"/>
      <c r="FY3098" s="126"/>
      <c r="FZ3098" s="91"/>
      <c r="GA3098" s="91"/>
      <c r="GB3098" s="91"/>
      <c r="GC3098" s="91"/>
      <c r="GD3098" s="91"/>
      <c r="GE3098" s="91"/>
      <c r="GF3098" s="91"/>
      <c r="GG3098" s="91"/>
      <c r="GH3098" s="91"/>
      <c r="GI3098" s="91"/>
      <c r="GJ3098" s="91"/>
      <c r="GK3098" s="127"/>
      <c r="GL3098" s="126"/>
      <c r="GM3098" s="91"/>
      <c r="GN3098" s="91"/>
      <c r="GO3098" s="91"/>
      <c r="GP3098" s="91"/>
      <c r="GQ3098" s="91"/>
      <c r="GR3098" s="91"/>
      <c r="GS3098" s="91"/>
      <c r="GT3098" s="91"/>
      <c r="GU3098" s="91"/>
      <c r="GV3098" s="91"/>
      <c r="GW3098" s="91"/>
      <c r="GX3098" s="127"/>
      <c r="GY3098" s="126"/>
      <c r="GZ3098" s="91"/>
      <c r="HA3098" s="91"/>
      <c r="HB3098" s="91"/>
      <c r="HC3098" s="91"/>
      <c r="HD3098" s="91"/>
      <c r="HE3098" s="91"/>
      <c r="HF3098" s="91"/>
      <c r="HG3098" s="91"/>
      <c r="HH3098" s="91"/>
      <c r="HI3098" s="91"/>
      <c r="HJ3098" s="91"/>
      <c r="HK3098" s="127"/>
      <c r="HL3098" s="126"/>
      <c r="HM3098" s="91"/>
      <c r="HN3098" s="91"/>
      <c r="HO3098" s="91"/>
      <c r="HP3098" s="91"/>
      <c r="HQ3098" s="91"/>
      <c r="HR3098" s="91"/>
      <c r="HS3098" s="91"/>
      <c r="HT3098" s="91"/>
      <c r="HU3098" s="91"/>
      <c r="HV3098" s="91"/>
      <c r="HW3098" s="91"/>
      <c r="HX3098" s="127"/>
      <c r="HY3098" s="126"/>
      <c r="HZ3098" s="91"/>
      <c r="IA3098" s="91"/>
      <c r="IB3098" s="91"/>
      <c r="IC3098" s="91"/>
      <c r="ID3098" s="91"/>
      <c r="IE3098" s="91"/>
      <c r="IF3098" s="91"/>
      <c r="IG3098" s="91"/>
      <c r="IH3098" s="91"/>
      <c r="II3098" s="91"/>
      <c r="IJ3098" s="91"/>
      <c r="IK3098" s="174"/>
    </row>
    <row r="3099" spans="2:245" x14ac:dyDescent="0.2">
      <c r="B3099" s="43"/>
      <c r="C3099" s="73"/>
      <c r="D3099" s="64"/>
      <c r="E3099" s="64"/>
      <c r="F3099" s="55"/>
      <c r="G3099" s="102"/>
      <c r="H3099" s="97"/>
      <c r="T3099" s="98"/>
      <c r="U3099" s="97"/>
      <c r="AG3099" s="98"/>
      <c r="AY3099" s="164"/>
      <c r="BK3099" s="98"/>
      <c r="BL3099" s="97"/>
      <c r="BX3099" s="98"/>
      <c r="CL3099" s="97"/>
      <c r="CX3099" s="98"/>
      <c r="DL3099" s="97"/>
      <c r="DX3099" s="98"/>
      <c r="EL3099" s="97"/>
      <c r="EX3099" s="98"/>
      <c r="EY3099" s="97"/>
      <c r="FL3099" s="126"/>
      <c r="FM3099" s="91"/>
      <c r="FN3099" s="91"/>
      <c r="FO3099" s="91"/>
      <c r="FP3099" s="91"/>
      <c r="FQ3099" s="91"/>
      <c r="FR3099" s="91"/>
      <c r="FS3099" s="91"/>
      <c r="FT3099" s="91"/>
      <c r="FU3099" s="91"/>
      <c r="FV3099" s="91"/>
      <c r="FW3099" s="91"/>
      <c r="FX3099" s="127"/>
      <c r="FY3099" s="126"/>
      <c r="FZ3099" s="91"/>
      <c r="GA3099" s="91"/>
      <c r="GB3099" s="91"/>
      <c r="GC3099" s="91"/>
      <c r="GD3099" s="91"/>
      <c r="GE3099" s="91"/>
      <c r="GF3099" s="91"/>
      <c r="GG3099" s="91"/>
      <c r="GH3099" s="91"/>
      <c r="GI3099" s="91"/>
      <c r="GJ3099" s="91"/>
      <c r="GK3099" s="127"/>
      <c r="GL3099" s="126"/>
      <c r="GM3099" s="91"/>
      <c r="GN3099" s="91"/>
      <c r="GO3099" s="91"/>
      <c r="GP3099" s="91"/>
      <c r="GQ3099" s="91"/>
      <c r="GR3099" s="91"/>
      <c r="GS3099" s="91"/>
      <c r="GT3099" s="91"/>
      <c r="GU3099" s="91"/>
      <c r="GV3099" s="91"/>
      <c r="GW3099" s="91"/>
      <c r="GX3099" s="127"/>
      <c r="GY3099" s="126"/>
      <c r="GZ3099" s="91"/>
      <c r="HA3099" s="91"/>
      <c r="HB3099" s="91"/>
      <c r="HC3099" s="91"/>
      <c r="HD3099" s="91"/>
      <c r="HE3099" s="91"/>
      <c r="HF3099" s="91"/>
      <c r="HG3099" s="91"/>
      <c r="HH3099" s="91"/>
      <c r="HI3099" s="91"/>
      <c r="HJ3099" s="91"/>
      <c r="HK3099" s="127"/>
      <c r="HL3099" s="126"/>
      <c r="HM3099" s="91"/>
      <c r="HN3099" s="91"/>
      <c r="HO3099" s="91"/>
      <c r="HP3099" s="91"/>
      <c r="HQ3099" s="91"/>
      <c r="HR3099" s="91"/>
      <c r="HS3099" s="91"/>
      <c r="HT3099" s="91"/>
      <c r="HU3099" s="91"/>
      <c r="HV3099" s="91"/>
      <c r="HW3099" s="91"/>
      <c r="HX3099" s="127"/>
      <c r="HY3099" s="126"/>
      <c r="HZ3099" s="91"/>
      <c r="IA3099" s="91"/>
      <c r="IB3099" s="91"/>
      <c r="IC3099" s="91"/>
      <c r="ID3099" s="91"/>
      <c r="IE3099" s="91"/>
      <c r="IF3099" s="91"/>
      <c r="IG3099" s="91"/>
      <c r="IH3099" s="91"/>
      <c r="II3099" s="91"/>
      <c r="IJ3099" s="91"/>
      <c r="IK3099" s="174"/>
    </row>
    <row r="3100" spans="2:245" x14ac:dyDescent="0.2">
      <c r="B3100" s="43"/>
      <c r="C3100" s="73"/>
      <c r="D3100" s="64"/>
      <c r="E3100" s="64"/>
      <c r="F3100" s="55"/>
      <c r="G3100" s="102"/>
      <c r="H3100" s="97"/>
      <c r="T3100" s="98"/>
      <c r="U3100" s="97"/>
      <c r="AG3100" s="98"/>
      <c r="AY3100" s="164"/>
      <c r="BK3100" s="98"/>
      <c r="BL3100" s="97"/>
      <c r="BX3100" s="98"/>
      <c r="CL3100" s="97"/>
      <c r="CX3100" s="98"/>
      <c r="DL3100" s="97"/>
      <c r="DX3100" s="98"/>
      <c r="EL3100" s="97"/>
      <c r="EX3100" s="98"/>
      <c r="EY3100" s="97"/>
      <c r="FL3100" s="126"/>
      <c r="FM3100" s="91"/>
      <c r="FN3100" s="91"/>
      <c r="FO3100" s="91"/>
      <c r="FP3100" s="91"/>
      <c r="FQ3100" s="91"/>
      <c r="FR3100" s="91"/>
      <c r="FS3100" s="91"/>
      <c r="FT3100" s="91"/>
      <c r="FU3100" s="91"/>
      <c r="FV3100" s="91"/>
      <c r="FW3100" s="91"/>
      <c r="FX3100" s="127"/>
      <c r="FY3100" s="126"/>
      <c r="FZ3100" s="91"/>
      <c r="GA3100" s="91"/>
      <c r="GB3100" s="91"/>
      <c r="GC3100" s="91"/>
      <c r="GD3100" s="91"/>
      <c r="GE3100" s="91"/>
      <c r="GF3100" s="91"/>
      <c r="GG3100" s="91"/>
      <c r="GH3100" s="91"/>
      <c r="GI3100" s="91"/>
      <c r="GJ3100" s="91"/>
      <c r="GK3100" s="127"/>
      <c r="GL3100" s="126"/>
      <c r="GM3100" s="91"/>
      <c r="GN3100" s="91"/>
      <c r="GO3100" s="91"/>
      <c r="GP3100" s="91"/>
      <c r="GQ3100" s="91"/>
      <c r="GR3100" s="91"/>
      <c r="GS3100" s="91"/>
      <c r="GT3100" s="91"/>
      <c r="GU3100" s="91"/>
      <c r="GV3100" s="91"/>
      <c r="GW3100" s="91"/>
      <c r="GX3100" s="127"/>
      <c r="GY3100" s="126"/>
      <c r="GZ3100" s="91"/>
      <c r="HA3100" s="91"/>
      <c r="HB3100" s="91"/>
      <c r="HC3100" s="91"/>
      <c r="HD3100" s="91"/>
      <c r="HE3100" s="91"/>
      <c r="HF3100" s="91"/>
      <c r="HG3100" s="91"/>
      <c r="HH3100" s="91"/>
      <c r="HI3100" s="91"/>
      <c r="HJ3100" s="91"/>
      <c r="HK3100" s="127"/>
      <c r="HL3100" s="126"/>
      <c r="HM3100" s="91"/>
      <c r="HN3100" s="91"/>
      <c r="HO3100" s="91"/>
      <c r="HP3100" s="91"/>
      <c r="HQ3100" s="91"/>
      <c r="HR3100" s="91"/>
      <c r="HS3100" s="91"/>
      <c r="HT3100" s="91"/>
      <c r="HU3100" s="91"/>
      <c r="HV3100" s="91"/>
      <c r="HW3100" s="91"/>
      <c r="HX3100" s="127"/>
      <c r="HY3100" s="126"/>
      <c r="HZ3100" s="91"/>
      <c r="IA3100" s="91"/>
      <c r="IB3100" s="91"/>
      <c r="IC3100" s="91"/>
      <c r="ID3100" s="91"/>
      <c r="IE3100" s="91"/>
      <c r="IF3100" s="91"/>
      <c r="IG3100" s="91"/>
      <c r="IH3100" s="91"/>
      <c r="II3100" s="91"/>
      <c r="IJ3100" s="91"/>
      <c r="IK3100" s="174"/>
    </row>
    <row r="3101" spans="2:245" x14ac:dyDescent="0.2">
      <c r="B3101" s="43"/>
      <c r="C3101" s="73"/>
      <c r="D3101" s="64"/>
      <c r="E3101" s="64"/>
      <c r="F3101" s="55"/>
      <c r="G3101" s="102"/>
      <c r="H3101" s="97"/>
      <c r="T3101" s="98"/>
      <c r="U3101" s="97"/>
      <c r="AG3101" s="98"/>
      <c r="AY3101" s="164"/>
      <c r="BK3101" s="98"/>
      <c r="BL3101" s="97"/>
      <c r="BX3101" s="98"/>
      <c r="CL3101" s="97"/>
      <c r="CX3101" s="98"/>
      <c r="DL3101" s="97"/>
      <c r="DX3101" s="98"/>
      <c r="EL3101" s="97"/>
      <c r="EX3101" s="98"/>
      <c r="EY3101" s="97"/>
      <c r="FL3101" s="126"/>
      <c r="FM3101" s="91"/>
      <c r="FN3101" s="91"/>
      <c r="FO3101" s="91"/>
      <c r="FP3101" s="91"/>
      <c r="FQ3101" s="91"/>
      <c r="FR3101" s="91"/>
      <c r="FS3101" s="91"/>
      <c r="FT3101" s="91"/>
      <c r="FU3101" s="91"/>
      <c r="FV3101" s="91"/>
      <c r="FW3101" s="91"/>
      <c r="FX3101" s="127"/>
      <c r="FY3101" s="126"/>
      <c r="FZ3101" s="91"/>
      <c r="GA3101" s="91"/>
      <c r="GB3101" s="91"/>
      <c r="GC3101" s="91"/>
      <c r="GD3101" s="91"/>
      <c r="GE3101" s="91"/>
      <c r="GF3101" s="91"/>
      <c r="GG3101" s="91"/>
      <c r="GH3101" s="91"/>
      <c r="GI3101" s="91"/>
      <c r="GJ3101" s="91"/>
      <c r="GK3101" s="127"/>
      <c r="GL3101" s="126"/>
      <c r="GM3101" s="91"/>
      <c r="GN3101" s="91"/>
      <c r="GO3101" s="91"/>
      <c r="GP3101" s="91"/>
      <c r="GQ3101" s="91"/>
      <c r="GR3101" s="91"/>
      <c r="GS3101" s="91"/>
      <c r="GT3101" s="91"/>
      <c r="GU3101" s="91"/>
      <c r="GV3101" s="91"/>
      <c r="GW3101" s="91"/>
      <c r="GX3101" s="127"/>
      <c r="GY3101" s="126"/>
      <c r="GZ3101" s="91"/>
      <c r="HA3101" s="91"/>
      <c r="HB3101" s="91"/>
      <c r="HC3101" s="91"/>
      <c r="HD3101" s="91"/>
      <c r="HE3101" s="91"/>
      <c r="HF3101" s="91"/>
      <c r="HG3101" s="91"/>
      <c r="HH3101" s="91"/>
      <c r="HI3101" s="91"/>
      <c r="HJ3101" s="91"/>
      <c r="HK3101" s="127"/>
      <c r="HL3101" s="126"/>
      <c r="HM3101" s="91"/>
      <c r="HN3101" s="91"/>
      <c r="HO3101" s="91"/>
      <c r="HP3101" s="91"/>
      <c r="HQ3101" s="91"/>
      <c r="HR3101" s="91"/>
      <c r="HS3101" s="91"/>
      <c r="HT3101" s="91"/>
      <c r="HU3101" s="91"/>
      <c r="HV3101" s="91"/>
      <c r="HW3101" s="91"/>
      <c r="HX3101" s="127"/>
      <c r="HY3101" s="126"/>
      <c r="HZ3101" s="91"/>
      <c r="IA3101" s="91"/>
      <c r="IB3101" s="91"/>
      <c r="IC3101" s="91"/>
      <c r="ID3101" s="91"/>
      <c r="IE3101" s="91"/>
      <c r="IF3101" s="91"/>
      <c r="IG3101" s="91"/>
      <c r="IH3101" s="91"/>
      <c r="II3101" s="91"/>
      <c r="IJ3101" s="91"/>
      <c r="IK3101" s="174"/>
    </row>
    <row r="3102" spans="2:245" x14ac:dyDescent="0.2">
      <c r="B3102" s="43"/>
      <c r="C3102" s="73"/>
      <c r="D3102" s="64"/>
      <c r="E3102" s="64"/>
      <c r="F3102" s="55"/>
      <c r="G3102" s="102"/>
      <c r="H3102" s="97"/>
      <c r="T3102" s="98"/>
      <c r="U3102" s="97"/>
      <c r="AG3102" s="98"/>
      <c r="AY3102" s="164"/>
      <c r="BK3102" s="98"/>
      <c r="BL3102" s="97"/>
      <c r="BX3102" s="98"/>
      <c r="CL3102" s="97"/>
      <c r="CX3102" s="98"/>
      <c r="DL3102" s="97"/>
      <c r="DX3102" s="98"/>
      <c r="EL3102" s="97"/>
      <c r="EX3102" s="98"/>
      <c r="EY3102" s="97"/>
      <c r="FL3102" s="126"/>
      <c r="FM3102" s="91"/>
      <c r="FN3102" s="91"/>
      <c r="FO3102" s="91"/>
      <c r="FP3102" s="91"/>
      <c r="FQ3102" s="91"/>
      <c r="FR3102" s="91"/>
      <c r="FS3102" s="91"/>
      <c r="FT3102" s="91"/>
      <c r="FU3102" s="91"/>
      <c r="FV3102" s="91"/>
      <c r="FW3102" s="91"/>
      <c r="FX3102" s="127"/>
      <c r="FY3102" s="126"/>
      <c r="FZ3102" s="91"/>
      <c r="GA3102" s="91"/>
      <c r="GB3102" s="91"/>
      <c r="GC3102" s="91"/>
      <c r="GD3102" s="91"/>
      <c r="GE3102" s="91"/>
      <c r="GF3102" s="91"/>
      <c r="GG3102" s="91"/>
      <c r="GH3102" s="91"/>
      <c r="GI3102" s="91"/>
      <c r="GJ3102" s="91"/>
      <c r="GK3102" s="127"/>
      <c r="GL3102" s="126"/>
      <c r="GM3102" s="91"/>
      <c r="GN3102" s="91"/>
      <c r="GO3102" s="91"/>
      <c r="GP3102" s="91"/>
      <c r="GQ3102" s="91"/>
      <c r="GR3102" s="91"/>
      <c r="GS3102" s="91"/>
      <c r="GT3102" s="91"/>
      <c r="GU3102" s="91"/>
      <c r="GV3102" s="91"/>
      <c r="GW3102" s="91"/>
      <c r="GX3102" s="127"/>
      <c r="GY3102" s="126"/>
      <c r="GZ3102" s="91"/>
      <c r="HA3102" s="91"/>
      <c r="HB3102" s="91"/>
      <c r="HC3102" s="91"/>
      <c r="HD3102" s="91"/>
      <c r="HE3102" s="91"/>
      <c r="HF3102" s="91"/>
      <c r="HG3102" s="91"/>
      <c r="HH3102" s="91"/>
      <c r="HI3102" s="91"/>
      <c r="HJ3102" s="91"/>
      <c r="HK3102" s="127"/>
      <c r="HL3102" s="126"/>
      <c r="HM3102" s="91"/>
      <c r="HN3102" s="91"/>
      <c r="HO3102" s="91"/>
      <c r="HP3102" s="91"/>
      <c r="HQ3102" s="91"/>
      <c r="HR3102" s="91"/>
      <c r="HS3102" s="91"/>
      <c r="HT3102" s="91"/>
      <c r="HU3102" s="91"/>
      <c r="HV3102" s="91"/>
      <c r="HW3102" s="91"/>
      <c r="HX3102" s="127"/>
      <c r="HY3102" s="126"/>
      <c r="HZ3102" s="91"/>
      <c r="IA3102" s="91"/>
      <c r="IB3102" s="91"/>
      <c r="IC3102" s="91"/>
      <c r="ID3102" s="91"/>
      <c r="IE3102" s="91"/>
      <c r="IF3102" s="91"/>
      <c r="IG3102" s="91"/>
      <c r="IH3102" s="91"/>
      <c r="II3102" s="91"/>
      <c r="IJ3102" s="91"/>
      <c r="IK3102" s="174"/>
    </row>
    <row r="3103" spans="2:245" x14ac:dyDescent="0.2">
      <c r="B3103" s="43"/>
      <c r="C3103" s="73"/>
      <c r="D3103" s="64"/>
      <c r="E3103" s="64"/>
      <c r="F3103" s="55"/>
      <c r="G3103" s="102"/>
      <c r="H3103" s="97"/>
      <c r="T3103" s="98"/>
      <c r="U3103" s="97"/>
      <c r="AG3103" s="98"/>
      <c r="AY3103" s="164"/>
      <c r="BK3103" s="98"/>
      <c r="BL3103" s="97"/>
      <c r="BX3103" s="98"/>
      <c r="CL3103" s="97"/>
      <c r="CX3103" s="98"/>
      <c r="DL3103" s="97"/>
      <c r="DX3103" s="98"/>
      <c r="EL3103" s="97"/>
      <c r="EX3103" s="98"/>
      <c r="EY3103" s="97"/>
      <c r="FL3103" s="126"/>
      <c r="FM3103" s="91"/>
      <c r="FN3103" s="91"/>
      <c r="FO3103" s="91"/>
      <c r="FP3103" s="91"/>
      <c r="FQ3103" s="91"/>
      <c r="FR3103" s="91"/>
      <c r="FS3103" s="91"/>
      <c r="FT3103" s="91"/>
      <c r="FU3103" s="91"/>
      <c r="FV3103" s="91"/>
      <c r="FW3103" s="91"/>
      <c r="FX3103" s="127"/>
      <c r="FY3103" s="126"/>
      <c r="FZ3103" s="91"/>
      <c r="GA3103" s="91"/>
      <c r="GB3103" s="91"/>
      <c r="GC3103" s="91"/>
      <c r="GD3103" s="91"/>
      <c r="GE3103" s="91"/>
      <c r="GF3103" s="91"/>
      <c r="GG3103" s="91"/>
      <c r="GH3103" s="91"/>
      <c r="GI3103" s="91"/>
      <c r="GJ3103" s="91"/>
      <c r="GK3103" s="127"/>
      <c r="GL3103" s="126"/>
      <c r="GM3103" s="91"/>
      <c r="GN3103" s="91"/>
      <c r="GO3103" s="91"/>
      <c r="GP3103" s="91"/>
      <c r="GQ3103" s="91"/>
      <c r="GR3103" s="91"/>
      <c r="GS3103" s="91"/>
      <c r="GT3103" s="91"/>
      <c r="GU3103" s="91"/>
      <c r="GV3103" s="91"/>
      <c r="GW3103" s="91"/>
      <c r="GX3103" s="127"/>
      <c r="GY3103" s="126"/>
      <c r="GZ3103" s="91"/>
      <c r="HA3103" s="91"/>
      <c r="HB3103" s="91"/>
      <c r="HC3103" s="91"/>
      <c r="HD3103" s="91"/>
      <c r="HE3103" s="91"/>
      <c r="HF3103" s="91"/>
      <c r="HG3103" s="91"/>
      <c r="HH3103" s="91"/>
      <c r="HI3103" s="91"/>
      <c r="HJ3103" s="91"/>
      <c r="HK3103" s="127"/>
      <c r="HL3103" s="126"/>
      <c r="HM3103" s="91"/>
      <c r="HN3103" s="91"/>
      <c r="HO3103" s="91"/>
      <c r="HP3103" s="91"/>
      <c r="HQ3103" s="91"/>
      <c r="HR3103" s="91"/>
      <c r="HS3103" s="91"/>
      <c r="HT3103" s="91"/>
      <c r="HU3103" s="91"/>
      <c r="HV3103" s="91"/>
      <c r="HW3103" s="91"/>
      <c r="HX3103" s="127"/>
      <c r="HY3103" s="126"/>
      <c r="HZ3103" s="91"/>
      <c r="IA3103" s="91"/>
      <c r="IB3103" s="91"/>
      <c r="IC3103" s="91"/>
      <c r="ID3103" s="91"/>
      <c r="IE3103" s="91"/>
      <c r="IF3103" s="91"/>
      <c r="IG3103" s="91"/>
      <c r="IH3103" s="91"/>
      <c r="II3103" s="91"/>
      <c r="IJ3103" s="91"/>
      <c r="IK3103" s="174"/>
    </row>
    <row r="3104" spans="2:245" x14ac:dyDescent="0.2">
      <c r="B3104" s="43"/>
      <c r="C3104" s="73"/>
      <c r="D3104" s="64"/>
      <c r="E3104" s="64"/>
      <c r="F3104" s="55"/>
      <c r="G3104" s="102"/>
      <c r="H3104" s="97"/>
      <c r="T3104" s="98"/>
      <c r="U3104" s="97"/>
      <c r="AG3104" s="98"/>
      <c r="AY3104" s="164"/>
      <c r="BK3104" s="98"/>
      <c r="BL3104" s="97"/>
      <c r="BX3104" s="98"/>
      <c r="CL3104" s="97"/>
      <c r="CX3104" s="98"/>
      <c r="DL3104" s="97"/>
      <c r="DX3104" s="98"/>
      <c r="EL3104" s="97"/>
      <c r="EX3104" s="98"/>
      <c r="EY3104" s="97"/>
      <c r="FL3104" s="126"/>
      <c r="FM3104" s="91"/>
      <c r="FN3104" s="91"/>
      <c r="FO3104" s="91"/>
      <c r="FP3104" s="91"/>
      <c r="FQ3104" s="91"/>
      <c r="FR3104" s="91"/>
      <c r="FS3104" s="91"/>
      <c r="FT3104" s="91"/>
      <c r="FU3104" s="91"/>
      <c r="FV3104" s="91"/>
      <c r="FW3104" s="91"/>
      <c r="FX3104" s="127"/>
      <c r="FY3104" s="126"/>
      <c r="FZ3104" s="91"/>
      <c r="GA3104" s="91"/>
      <c r="GB3104" s="91"/>
      <c r="GC3104" s="91"/>
      <c r="GD3104" s="91"/>
      <c r="GE3104" s="91"/>
      <c r="GF3104" s="91"/>
      <c r="GG3104" s="91"/>
      <c r="GH3104" s="91"/>
      <c r="GI3104" s="91"/>
      <c r="GJ3104" s="91"/>
      <c r="GK3104" s="127"/>
      <c r="GL3104" s="126"/>
      <c r="GM3104" s="91"/>
      <c r="GN3104" s="91"/>
      <c r="GO3104" s="91"/>
      <c r="GP3104" s="91"/>
      <c r="GQ3104" s="91"/>
      <c r="GR3104" s="91"/>
      <c r="GS3104" s="91"/>
      <c r="GT3104" s="91"/>
      <c r="GU3104" s="91"/>
      <c r="GV3104" s="91"/>
      <c r="GW3104" s="91"/>
      <c r="GX3104" s="127"/>
      <c r="GY3104" s="126"/>
      <c r="GZ3104" s="91"/>
      <c r="HA3104" s="91"/>
      <c r="HB3104" s="91"/>
      <c r="HC3104" s="91"/>
      <c r="HD3104" s="91"/>
      <c r="HE3104" s="91"/>
      <c r="HF3104" s="91"/>
      <c r="HG3104" s="91"/>
      <c r="HH3104" s="91"/>
      <c r="HI3104" s="91"/>
      <c r="HJ3104" s="91"/>
      <c r="HK3104" s="127"/>
      <c r="HL3104" s="126"/>
      <c r="HM3104" s="91"/>
      <c r="HN3104" s="91"/>
      <c r="HO3104" s="91"/>
      <c r="HP3104" s="91"/>
      <c r="HQ3104" s="91"/>
      <c r="HR3104" s="91"/>
      <c r="HS3104" s="91"/>
      <c r="HT3104" s="91"/>
      <c r="HU3104" s="91"/>
      <c r="HV3104" s="91"/>
      <c r="HW3104" s="91"/>
      <c r="HX3104" s="127"/>
      <c r="HY3104" s="126"/>
      <c r="HZ3104" s="91"/>
      <c r="IA3104" s="91"/>
      <c r="IB3104" s="91"/>
      <c r="IC3104" s="91"/>
      <c r="ID3104" s="91"/>
      <c r="IE3104" s="91"/>
      <c r="IF3104" s="91"/>
      <c r="IG3104" s="91"/>
      <c r="IH3104" s="91"/>
      <c r="II3104" s="91"/>
      <c r="IJ3104" s="91"/>
      <c r="IK3104" s="174"/>
    </row>
    <row r="3105" spans="2:245" x14ac:dyDescent="0.2">
      <c r="B3105" s="43"/>
      <c r="C3105" s="73"/>
      <c r="D3105" s="64"/>
      <c r="E3105" s="64"/>
      <c r="F3105" s="55"/>
      <c r="G3105" s="102"/>
      <c r="H3105" s="97"/>
      <c r="T3105" s="98"/>
      <c r="U3105" s="97"/>
      <c r="AG3105" s="98"/>
      <c r="AY3105" s="164"/>
      <c r="BK3105" s="98"/>
      <c r="BL3105" s="97"/>
      <c r="BX3105" s="98"/>
      <c r="CL3105" s="97"/>
      <c r="CX3105" s="98"/>
      <c r="DL3105" s="97"/>
      <c r="DX3105" s="98"/>
      <c r="EL3105" s="97"/>
      <c r="EX3105" s="98"/>
      <c r="EY3105" s="97"/>
      <c r="FL3105" s="126"/>
      <c r="FM3105" s="91"/>
      <c r="FN3105" s="91"/>
      <c r="FO3105" s="91"/>
      <c r="FP3105" s="91"/>
      <c r="FQ3105" s="91"/>
      <c r="FR3105" s="91"/>
      <c r="FS3105" s="91"/>
      <c r="FT3105" s="91"/>
      <c r="FU3105" s="91"/>
      <c r="FV3105" s="91"/>
      <c r="FW3105" s="91"/>
      <c r="FX3105" s="127"/>
      <c r="FY3105" s="126"/>
      <c r="FZ3105" s="91"/>
      <c r="GA3105" s="91"/>
      <c r="GB3105" s="91"/>
      <c r="GC3105" s="91"/>
      <c r="GD3105" s="91"/>
      <c r="GE3105" s="91"/>
      <c r="GF3105" s="91"/>
      <c r="GG3105" s="91"/>
      <c r="GH3105" s="91"/>
      <c r="GI3105" s="91"/>
      <c r="GJ3105" s="91"/>
      <c r="GK3105" s="127"/>
      <c r="GL3105" s="126"/>
      <c r="GM3105" s="91"/>
      <c r="GN3105" s="91"/>
      <c r="GO3105" s="91"/>
      <c r="GP3105" s="91"/>
      <c r="GQ3105" s="91"/>
      <c r="GR3105" s="91"/>
      <c r="GS3105" s="91"/>
      <c r="GT3105" s="91"/>
      <c r="GU3105" s="91"/>
      <c r="GV3105" s="91"/>
      <c r="GW3105" s="91"/>
      <c r="GX3105" s="127"/>
      <c r="GY3105" s="126"/>
      <c r="GZ3105" s="91"/>
      <c r="HA3105" s="91"/>
      <c r="HB3105" s="91"/>
      <c r="HC3105" s="91"/>
      <c r="HD3105" s="91"/>
      <c r="HE3105" s="91"/>
      <c r="HF3105" s="91"/>
      <c r="HG3105" s="91"/>
      <c r="HH3105" s="91"/>
      <c r="HI3105" s="91"/>
      <c r="HJ3105" s="91"/>
      <c r="HK3105" s="127"/>
      <c r="HL3105" s="126"/>
      <c r="HM3105" s="91"/>
      <c r="HN3105" s="91"/>
      <c r="HO3105" s="91"/>
      <c r="HP3105" s="91"/>
      <c r="HQ3105" s="91"/>
      <c r="HR3105" s="91"/>
      <c r="HS3105" s="91"/>
      <c r="HT3105" s="91"/>
      <c r="HU3105" s="91"/>
      <c r="HV3105" s="91"/>
      <c r="HW3105" s="91"/>
      <c r="HX3105" s="127"/>
      <c r="HY3105" s="126"/>
      <c r="HZ3105" s="91"/>
      <c r="IA3105" s="91"/>
      <c r="IB3105" s="91"/>
      <c r="IC3105" s="91"/>
      <c r="ID3105" s="91"/>
      <c r="IE3105" s="91"/>
      <c r="IF3105" s="91"/>
      <c r="IG3105" s="91"/>
      <c r="IH3105" s="91"/>
      <c r="II3105" s="91"/>
      <c r="IJ3105" s="91"/>
      <c r="IK3105" s="174"/>
    </row>
    <row r="3106" spans="2:245" x14ac:dyDescent="0.2">
      <c r="B3106" s="43"/>
      <c r="C3106" s="73"/>
      <c r="D3106" s="64"/>
      <c r="E3106" s="64"/>
      <c r="F3106" s="55"/>
      <c r="G3106" s="102"/>
      <c r="H3106" s="97"/>
      <c r="T3106" s="98"/>
      <c r="U3106" s="97"/>
      <c r="AG3106" s="98"/>
      <c r="AY3106" s="164"/>
      <c r="BK3106" s="98"/>
      <c r="BL3106" s="97"/>
      <c r="BX3106" s="98"/>
      <c r="CL3106" s="97"/>
      <c r="CX3106" s="98"/>
      <c r="DL3106" s="97"/>
      <c r="DX3106" s="98"/>
      <c r="EL3106" s="97"/>
      <c r="EX3106" s="98"/>
      <c r="EY3106" s="97"/>
      <c r="FL3106" s="126"/>
      <c r="FM3106" s="91"/>
      <c r="FN3106" s="91"/>
      <c r="FO3106" s="91"/>
      <c r="FP3106" s="91"/>
      <c r="FQ3106" s="91"/>
      <c r="FR3106" s="91"/>
      <c r="FS3106" s="91"/>
      <c r="FT3106" s="91"/>
      <c r="FU3106" s="91"/>
      <c r="FV3106" s="91"/>
      <c r="FW3106" s="91"/>
      <c r="FX3106" s="127"/>
      <c r="FY3106" s="126"/>
      <c r="FZ3106" s="91"/>
      <c r="GA3106" s="91"/>
      <c r="GB3106" s="91"/>
      <c r="GC3106" s="91"/>
      <c r="GD3106" s="91"/>
      <c r="GE3106" s="91"/>
      <c r="GF3106" s="91"/>
      <c r="GG3106" s="91"/>
      <c r="GH3106" s="91"/>
      <c r="GI3106" s="91"/>
      <c r="GJ3106" s="91"/>
      <c r="GK3106" s="127"/>
      <c r="GL3106" s="126"/>
      <c r="GM3106" s="91"/>
      <c r="GN3106" s="91"/>
      <c r="GO3106" s="91"/>
      <c r="GP3106" s="91"/>
      <c r="GQ3106" s="91"/>
      <c r="GR3106" s="91"/>
      <c r="GS3106" s="91"/>
      <c r="GT3106" s="91"/>
      <c r="GU3106" s="91"/>
      <c r="GV3106" s="91"/>
      <c r="GW3106" s="91"/>
      <c r="GX3106" s="127"/>
      <c r="GY3106" s="126"/>
      <c r="GZ3106" s="91"/>
      <c r="HA3106" s="91"/>
      <c r="HB3106" s="91"/>
      <c r="HC3106" s="91"/>
      <c r="HD3106" s="91"/>
      <c r="HE3106" s="91"/>
      <c r="HF3106" s="91"/>
      <c r="HG3106" s="91"/>
      <c r="HH3106" s="91"/>
      <c r="HI3106" s="91"/>
      <c r="HJ3106" s="91"/>
      <c r="HK3106" s="127"/>
      <c r="HL3106" s="126"/>
      <c r="HM3106" s="91"/>
      <c r="HN3106" s="91"/>
      <c r="HO3106" s="91"/>
      <c r="HP3106" s="91"/>
      <c r="HQ3106" s="91"/>
      <c r="HR3106" s="91"/>
      <c r="HS3106" s="91"/>
      <c r="HT3106" s="91"/>
      <c r="HU3106" s="91"/>
      <c r="HV3106" s="91"/>
      <c r="HW3106" s="91"/>
      <c r="HX3106" s="127"/>
      <c r="HY3106" s="126"/>
      <c r="HZ3106" s="91"/>
      <c r="IA3106" s="91"/>
      <c r="IB3106" s="91"/>
      <c r="IC3106" s="91"/>
      <c r="ID3106" s="91"/>
      <c r="IE3106" s="91"/>
      <c r="IF3106" s="91"/>
      <c r="IG3106" s="91"/>
      <c r="IH3106" s="91"/>
      <c r="II3106" s="91"/>
      <c r="IJ3106" s="91"/>
      <c r="IK3106" s="174"/>
    </row>
    <row r="3107" spans="2:245" x14ac:dyDescent="0.2">
      <c r="B3107" s="43"/>
      <c r="C3107" s="73"/>
      <c r="D3107" s="64"/>
      <c r="E3107" s="64"/>
      <c r="F3107" s="55"/>
      <c r="G3107" s="102"/>
      <c r="H3107" s="97"/>
      <c r="T3107" s="98"/>
      <c r="U3107" s="97"/>
      <c r="AG3107" s="98"/>
      <c r="AY3107" s="164"/>
      <c r="BK3107" s="98"/>
      <c r="BL3107" s="97"/>
      <c r="BX3107" s="98"/>
      <c r="CL3107" s="97"/>
      <c r="CX3107" s="98"/>
      <c r="DL3107" s="97"/>
      <c r="DX3107" s="98"/>
      <c r="EL3107" s="97"/>
      <c r="EX3107" s="98"/>
      <c r="EY3107" s="97"/>
      <c r="FL3107" s="126"/>
      <c r="FM3107" s="91"/>
      <c r="FN3107" s="91"/>
      <c r="FO3107" s="91"/>
      <c r="FP3107" s="91"/>
      <c r="FQ3107" s="91"/>
      <c r="FR3107" s="91"/>
      <c r="FS3107" s="91"/>
      <c r="FT3107" s="91"/>
      <c r="FU3107" s="91"/>
      <c r="FV3107" s="91"/>
      <c r="FW3107" s="91"/>
      <c r="FX3107" s="127"/>
      <c r="FY3107" s="126"/>
      <c r="FZ3107" s="91"/>
      <c r="GA3107" s="91"/>
      <c r="GB3107" s="91"/>
      <c r="GC3107" s="91"/>
      <c r="GD3107" s="91"/>
      <c r="GE3107" s="91"/>
      <c r="GF3107" s="91"/>
      <c r="GG3107" s="91"/>
      <c r="GH3107" s="91"/>
      <c r="GI3107" s="91"/>
      <c r="GJ3107" s="91"/>
      <c r="GK3107" s="127"/>
      <c r="GL3107" s="126"/>
      <c r="GM3107" s="91"/>
      <c r="GN3107" s="91"/>
      <c r="GO3107" s="91"/>
      <c r="GP3107" s="91"/>
      <c r="GQ3107" s="91"/>
      <c r="GR3107" s="91"/>
      <c r="GS3107" s="91"/>
      <c r="GT3107" s="91"/>
      <c r="GU3107" s="91"/>
      <c r="GV3107" s="91"/>
      <c r="GW3107" s="91"/>
      <c r="GX3107" s="127"/>
      <c r="GY3107" s="126"/>
      <c r="GZ3107" s="91"/>
      <c r="HA3107" s="91"/>
      <c r="HB3107" s="91"/>
      <c r="HC3107" s="91"/>
      <c r="HD3107" s="91"/>
      <c r="HE3107" s="91"/>
      <c r="HF3107" s="91"/>
      <c r="HG3107" s="91"/>
      <c r="HH3107" s="91"/>
      <c r="HI3107" s="91"/>
      <c r="HJ3107" s="91"/>
      <c r="HK3107" s="127"/>
      <c r="HL3107" s="126"/>
      <c r="HM3107" s="91"/>
      <c r="HN3107" s="91"/>
      <c r="HO3107" s="91"/>
      <c r="HP3107" s="91"/>
      <c r="HQ3107" s="91"/>
      <c r="HR3107" s="91"/>
      <c r="HS3107" s="91"/>
      <c r="HT3107" s="91"/>
      <c r="HU3107" s="91"/>
      <c r="HV3107" s="91"/>
      <c r="HW3107" s="91"/>
      <c r="HX3107" s="127"/>
      <c r="HY3107" s="126"/>
      <c r="HZ3107" s="91"/>
      <c r="IA3107" s="91"/>
      <c r="IB3107" s="91"/>
      <c r="IC3107" s="91"/>
      <c r="ID3107" s="91"/>
      <c r="IE3107" s="91"/>
      <c r="IF3107" s="91"/>
      <c r="IG3107" s="91"/>
      <c r="IH3107" s="91"/>
      <c r="II3107" s="91"/>
      <c r="IJ3107" s="91"/>
      <c r="IK3107" s="174"/>
    </row>
    <row r="3108" spans="2:245" x14ac:dyDescent="0.2">
      <c r="B3108" s="43"/>
      <c r="C3108" s="73"/>
      <c r="D3108" s="64"/>
      <c r="E3108" s="64"/>
      <c r="F3108" s="55"/>
      <c r="G3108" s="102"/>
      <c r="H3108" s="97"/>
      <c r="T3108" s="98"/>
      <c r="U3108" s="97"/>
      <c r="AG3108" s="98"/>
      <c r="AY3108" s="164"/>
      <c r="BK3108" s="98"/>
      <c r="BL3108" s="97"/>
      <c r="BX3108" s="98"/>
      <c r="CL3108" s="97"/>
      <c r="CX3108" s="98"/>
      <c r="DL3108" s="97"/>
      <c r="DX3108" s="98"/>
      <c r="EL3108" s="97"/>
      <c r="EX3108" s="98"/>
      <c r="EY3108" s="97"/>
      <c r="FL3108" s="126"/>
      <c r="FM3108" s="91"/>
      <c r="FN3108" s="91"/>
      <c r="FO3108" s="91"/>
      <c r="FP3108" s="91"/>
      <c r="FQ3108" s="91"/>
      <c r="FR3108" s="91"/>
      <c r="FS3108" s="91"/>
      <c r="FT3108" s="91"/>
      <c r="FU3108" s="91"/>
      <c r="FV3108" s="91"/>
      <c r="FW3108" s="91"/>
      <c r="FX3108" s="127"/>
      <c r="FY3108" s="126"/>
      <c r="FZ3108" s="91"/>
      <c r="GA3108" s="91"/>
      <c r="GB3108" s="91"/>
      <c r="GC3108" s="91"/>
      <c r="GD3108" s="91"/>
      <c r="GE3108" s="91"/>
      <c r="GF3108" s="91"/>
      <c r="GG3108" s="91"/>
      <c r="GH3108" s="91"/>
      <c r="GI3108" s="91"/>
      <c r="GJ3108" s="91"/>
      <c r="GK3108" s="127"/>
      <c r="GL3108" s="126"/>
      <c r="GM3108" s="91"/>
      <c r="GN3108" s="91"/>
      <c r="GO3108" s="91"/>
      <c r="GP3108" s="91"/>
      <c r="GQ3108" s="91"/>
      <c r="GR3108" s="91"/>
      <c r="GS3108" s="91"/>
      <c r="GT3108" s="91"/>
      <c r="GU3108" s="91"/>
      <c r="GV3108" s="91"/>
      <c r="GW3108" s="91"/>
      <c r="GX3108" s="127"/>
      <c r="GY3108" s="126"/>
      <c r="GZ3108" s="91"/>
      <c r="HA3108" s="91"/>
      <c r="HB3108" s="91"/>
      <c r="HC3108" s="91"/>
      <c r="HD3108" s="91"/>
      <c r="HE3108" s="91"/>
      <c r="HF3108" s="91"/>
      <c r="HG3108" s="91"/>
      <c r="HH3108" s="91"/>
      <c r="HI3108" s="91"/>
      <c r="HJ3108" s="91"/>
      <c r="HK3108" s="127"/>
      <c r="HL3108" s="126"/>
      <c r="HM3108" s="91"/>
      <c r="HN3108" s="91"/>
      <c r="HO3108" s="91"/>
      <c r="HP3108" s="91"/>
      <c r="HQ3108" s="91"/>
      <c r="HR3108" s="91"/>
      <c r="HS3108" s="91"/>
      <c r="HT3108" s="91"/>
      <c r="HU3108" s="91"/>
      <c r="HV3108" s="91"/>
      <c r="HW3108" s="91"/>
      <c r="HX3108" s="127"/>
      <c r="HY3108" s="126"/>
      <c r="HZ3108" s="91"/>
      <c r="IA3108" s="91"/>
      <c r="IB3108" s="91"/>
      <c r="IC3108" s="91"/>
      <c r="ID3108" s="91"/>
      <c r="IE3108" s="91"/>
      <c r="IF3108" s="91"/>
      <c r="IG3108" s="91"/>
      <c r="IH3108" s="91"/>
      <c r="II3108" s="91"/>
      <c r="IJ3108" s="91"/>
      <c r="IK3108" s="174"/>
    </row>
    <row r="3109" spans="2:245" x14ac:dyDescent="0.2">
      <c r="B3109" s="43"/>
      <c r="C3109" s="73"/>
      <c r="D3109" s="64"/>
      <c r="E3109" s="64"/>
      <c r="F3109" s="55"/>
      <c r="G3109" s="102"/>
      <c r="H3109" s="97"/>
      <c r="T3109" s="98"/>
      <c r="U3109" s="97"/>
      <c r="AG3109" s="98"/>
      <c r="AY3109" s="164"/>
      <c r="BK3109" s="98"/>
      <c r="BL3109" s="97"/>
      <c r="BX3109" s="98"/>
      <c r="CL3109" s="97"/>
      <c r="CX3109" s="98"/>
      <c r="DL3109" s="97"/>
      <c r="DX3109" s="98"/>
      <c r="EL3109" s="97"/>
      <c r="EX3109" s="98"/>
      <c r="EY3109" s="97"/>
      <c r="FL3109" s="126"/>
      <c r="FM3109" s="91"/>
      <c r="FN3109" s="91"/>
      <c r="FO3109" s="91"/>
      <c r="FP3109" s="91"/>
      <c r="FQ3109" s="91"/>
      <c r="FR3109" s="91"/>
      <c r="FS3109" s="91"/>
      <c r="FT3109" s="91"/>
      <c r="FU3109" s="91"/>
      <c r="FV3109" s="91"/>
      <c r="FW3109" s="91"/>
      <c r="FX3109" s="127"/>
      <c r="FY3109" s="126"/>
      <c r="FZ3109" s="91"/>
      <c r="GA3109" s="91"/>
      <c r="GB3109" s="91"/>
      <c r="GC3109" s="91"/>
      <c r="GD3109" s="91"/>
      <c r="GE3109" s="91"/>
      <c r="GF3109" s="91"/>
      <c r="GG3109" s="91"/>
      <c r="GH3109" s="91"/>
      <c r="GI3109" s="91"/>
      <c r="GJ3109" s="91"/>
      <c r="GK3109" s="127"/>
      <c r="GL3109" s="126"/>
      <c r="GM3109" s="91"/>
      <c r="GN3109" s="91"/>
      <c r="GO3109" s="91"/>
      <c r="GP3109" s="91"/>
      <c r="GQ3109" s="91"/>
      <c r="GR3109" s="91"/>
      <c r="GS3109" s="91"/>
      <c r="GT3109" s="91"/>
      <c r="GU3109" s="91"/>
      <c r="GV3109" s="91"/>
      <c r="GW3109" s="91"/>
      <c r="GX3109" s="127"/>
      <c r="GY3109" s="126"/>
      <c r="GZ3109" s="91"/>
      <c r="HA3109" s="91"/>
      <c r="HB3109" s="91"/>
      <c r="HC3109" s="91"/>
      <c r="HD3109" s="91"/>
      <c r="HE3109" s="91"/>
      <c r="HF3109" s="91"/>
      <c r="HG3109" s="91"/>
      <c r="HH3109" s="91"/>
      <c r="HI3109" s="91"/>
      <c r="HJ3109" s="91"/>
      <c r="HK3109" s="127"/>
      <c r="HL3109" s="126"/>
      <c r="HM3109" s="91"/>
      <c r="HN3109" s="91"/>
      <c r="HO3109" s="91"/>
      <c r="HP3109" s="91"/>
      <c r="HQ3109" s="91"/>
      <c r="HR3109" s="91"/>
      <c r="HS3109" s="91"/>
      <c r="HT3109" s="91"/>
      <c r="HU3109" s="91"/>
      <c r="HV3109" s="91"/>
      <c r="HW3109" s="91"/>
      <c r="HX3109" s="127"/>
      <c r="HY3109" s="126"/>
      <c r="HZ3109" s="91"/>
      <c r="IA3109" s="91"/>
      <c r="IB3109" s="91"/>
      <c r="IC3109" s="91"/>
      <c r="ID3109" s="91"/>
      <c r="IE3109" s="91"/>
      <c r="IF3109" s="91"/>
      <c r="IG3109" s="91"/>
      <c r="IH3109" s="91"/>
      <c r="II3109" s="91"/>
      <c r="IJ3109" s="91"/>
      <c r="IK3109" s="174"/>
    </row>
    <row r="3110" spans="2:245" x14ac:dyDescent="0.2">
      <c r="B3110" s="43"/>
      <c r="C3110" s="73"/>
      <c r="D3110" s="64"/>
      <c r="E3110" s="64"/>
      <c r="F3110" s="55"/>
      <c r="G3110" s="102"/>
      <c r="H3110" s="97"/>
      <c r="T3110" s="98"/>
      <c r="U3110" s="97"/>
      <c r="AG3110" s="98"/>
      <c r="AY3110" s="164"/>
      <c r="BK3110" s="98"/>
      <c r="BL3110" s="97"/>
      <c r="BX3110" s="98"/>
      <c r="CL3110" s="97"/>
      <c r="CX3110" s="98"/>
      <c r="DL3110" s="97"/>
      <c r="DX3110" s="98"/>
      <c r="EL3110" s="97"/>
      <c r="EX3110" s="98"/>
      <c r="EY3110" s="97"/>
      <c r="FL3110" s="126"/>
      <c r="FM3110" s="91"/>
      <c r="FN3110" s="91"/>
      <c r="FO3110" s="91"/>
      <c r="FP3110" s="91"/>
      <c r="FQ3110" s="91"/>
      <c r="FR3110" s="91"/>
      <c r="FS3110" s="91"/>
      <c r="FT3110" s="91"/>
      <c r="FU3110" s="91"/>
      <c r="FV3110" s="91"/>
      <c r="FW3110" s="91"/>
      <c r="FX3110" s="127"/>
      <c r="FY3110" s="126"/>
      <c r="FZ3110" s="91"/>
      <c r="GA3110" s="91"/>
      <c r="GB3110" s="91"/>
      <c r="GC3110" s="91"/>
      <c r="GD3110" s="91"/>
      <c r="GE3110" s="91"/>
      <c r="GF3110" s="91"/>
      <c r="GG3110" s="91"/>
      <c r="GH3110" s="91"/>
      <c r="GI3110" s="91"/>
      <c r="GJ3110" s="91"/>
      <c r="GK3110" s="127"/>
      <c r="GL3110" s="126"/>
      <c r="GM3110" s="91"/>
      <c r="GN3110" s="91"/>
      <c r="GO3110" s="91"/>
      <c r="GP3110" s="91"/>
      <c r="GQ3110" s="91"/>
      <c r="GR3110" s="91"/>
      <c r="GS3110" s="91"/>
      <c r="GT3110" s="91"/>
      <c r="GU3110" s="91"/>
      <c r="GV3110" s="91"/>
      <c r="GW3110" s="91"/>
      <c r="GX3110" s="127"/>
      <c r="GY3110" s="126"/>
      <c r="GZ3110" s="91"/>
      <c r="HA3110" s="91"/>
      <c r="HB3110" s="91"/>
      <c r="HC3110" s="91"/>
      <c r="HD3110" s="91"/>
      <c r="HE3110" s="91"/>
      <c r="HF3110" s="91"/>
      <c r="HG3110" s="91"/>
      <c r="HH3110" s="91"/>
      <c r="HI3110" s="91"/>
      <c r="HJ3110" s="91"/>
      <c r="HK3110" s="127"/>
      <c r="HL3110" s="126"/>
      <c r="HM3110" s="91"/>
      <c r="HN3110" s="91"/>
      <c r="HO3110" s="91"/>
      <c r="HP3110" s="91"/>
      <c r="HQ3110" s="91"/>
      <c r="HR3110" s="91"/>
      <c r="HS3110" s="91"/>
      <c r="HT3110" s="91"/>
      <c r="HU3110" s="91"/>
      <c r="HV3110" s="91"/>
      <c r="HW3110" s="91"/>
      <c r="HX3110" s="127"/>
      <c r="HY3110" s="126"/>
      <c r="HZ3110" s="91"/>
      <c r="IA3110" s="91"/>
      <c r="IB3110" s="91"/>
      <c r="IC3110" s="91"/>
      <c r="ID3110" s="91"/>
      <c r="IE3110" s="91"/>
      <c r="IF3110" s="91"/>
      <c r="IG3110" s="91"/>
      <c r="IH3110" s="91"/>
      <c r="II3110" s="91"/>
      <c r="IJ3110" s="91"/>
      <c r="IK3110" s="174"/>
    </row>
    <row r="3111" spans="2:245" x14ac:dyDescent="0.2">
      <c r="B3111" s="43"/>
      <c r="C3111" s="73"/>
      <c r="D3111" s="64"/>
      <c r="E3111" s="64"/>
      <c r="F3111" s="55"/>
      <c r="G3111" s="102"/>
      <c r="H3111" s="97"/>
      <c r="T3111" s="98"/>
      <c r="U3111" s="97"/>
      <c r="AG3111" s="98"/>
      <c r="AY3111" s="164"/>
      <c r="BK3111" s="98"/>
      <c r="BL3111" s="97"/>
      <c r="BX3111" s="98"/>
      <c r="CL3111" s="97"/>
      <c r="CX3111" s="98"/>
      <c r="DL3111" s="97"/>
      <c r="DX3111" s="98"/>
      <c r="EL3111" s="97"/>
      <c r="EX3111" s="98"/>
      <c r="EY3111" s="97"/>
      <c r="FL3111" s="126"/>
      <c r="FM3111" s="91"/>
      <c r="FN3111" s="91"/>
      <c r="FO3111" s="91"/>
      <c r="FP3111" s="91"/>
      <c r="FQ3111" s="91"/>
      <c r="FR3111" s="91"/>
      <c r="FS3111" s="91"/>
      <c r="FT3111" s="91"/>
      <c r="FU3111" s="91"/>
      <c r="FV3111" s="91"/>
      <c r="FW3111" s="91"/>
      <c r="FX3111" s="127"/>
      <c r="FY3111" s="126"/>
      <c r="FZ3111" s="91"/>
      <c r="GA3111" s="91"/>
      <c r="GB3111" s="91"/>
      <c r="GC3111" s="91"/>
      <c r="GD3111" s="91"/>
      <c r="GE3111" s="91"/>
      <c r="GF3111" s="91"/>
      <c r="GG3111" s="91"/>
      <c r="GH3111" s="91"/>
      <c r="GI3111" s="91"/>
      <c r="GJ3111" s="91"/>
      <c r="GK3111" s="127"/>
      <c r="GL3111" s="126"/>
      <c r="GM3111" s="91"/>
      <c r="GN3111" s="91"/>
      <c r="GO3111" s="91"/>
      <c r="GP3111" s="91"/>
      <c r="GQ3111" s="91"/>
      <c r="GR3111" s="91"/>
      <c r="GS3111" s="91"/>
      <c r="GT3111" s="91"/>
      <c r="GU3111" s="91"/>
      <c r="GV3111" s="91"/>
      <c r="GW3111" s="91"/>
      <c r="GX3111" s="127"/>
      <c r="GY3111" s="126"/>
      <c r="GZ3111" s="91"/>
      <c r="HA3111" s="91"/>
      <c r="HB3111" s="91"/>
      <c r="HC3111" s="91"/>
      <c r="HD3111" s="91"/>
      <c r="HE3111" s="91"/>
      <c r="HF3111" s="91"/>
      <c r="HG3111" s="91"/>
      <c r="HH3111" s="91"/>
      <c r="HI3111" s="91"/>
      <c r="HJ3111" s="91"/>
      <c r="HK3111" s="127"/>
      <c r="HL3111" s="126"/>
      <c r="HM3111" s="91"/>
      <c r="HN3111" s="91"/>
      <c r="HO3111" s="91"/>
      <c r="HP3111" s="91"/>
      <c r="HQ3111" s="91"/>
      <c r="HR3111" s="91"/>
      <c r="HS3111" s="91"/>
      <c r="HT3111" s="91"/>
      <c r="HU3111" s="91"/>
      <c r="HV3111" s="91"/>
      <c r="HW3111" s="91"/>
      <c r="HX3111" s="127"/>
      <c r="HY3111" s="126"/>
      <c r="HZ3111" s="91"/>
      <c r="IA3111" s="91"/>
      <c r="IB3111" s="91"/>
      <c r="IC3111" s="91"/>
      <c r="ID3111" s="91"/>
      <c r="IE3111" s="91"/>
      <c r="IF3111" s="91"/>
      <c r="IG3111" s="91"/>
      <c r="IH3111" s="91"/>
      <c r="II3111" s="91"/>
      <c r="IJ3111" s="91"/>
      <c r="IK3111" s="174"/>
    </row>
    <row r="3112" spans="2:245" x14ac:dyDescent="0.2">
      <c r="B3112" s="43"/>
      <c r="C3112" s="73"/>
      <c r="D3112" s="64"/>
      <c r="E3112" s="64"/>
      <c r="F3112" s="55"/>
      <c r="G3112" s="102"/>
      <c r="H3112" s="97"/>
      <c r="T3112" s="98"/>
      <c r="U3112" s="97"/>
      <c r="AG3112" s="98"/>
      <c r="AY3112" s="164"/>
      <c r="BK3112" s="98"/>
      <c r="BL3112" s="97"/>
      <c r="BX3112" s="98"/>
      <c r="CL3112" s="97"/>
      <c r="CX3112" s="98"/>
      <c r="DL3112" s="97"/>
      <c r="DX3112" s="98"/>
      <c r="EL3112" s="97"/>
      <c r="EX3112" s="98"/>
      <c r="EY3112" s="97"/>
      <c r="FL3112" s="126"/>
      <c r="FM3112" s="91"/>
      <c r="FN3112" s="91"/>
      <c r="FO3112" s="91"/>
      <c r="FP3112" s="91"/>
      <c r="FQ3112" s="91"/>
      <c r="FR3112" s="91"/>
      <c r="FS3112" s="91"/>
      <c r="FT3112" s="91"/>
      <c r="FU3112" s="91"/>
      <c r="FV3112" s="91"/>
      <c r="FW3112" s="91"/>
      <c r="FX3112" s="127"/>
      <c r="FY3112" s="126"/>
      <c r="FZ3112" s="91"/>
      <c r="GA3112" s="91"/>
      <c r="GB3112" s="91"/>
      <c r="GC3112" s="91"/>
      <c r="GD3112" s="91"/>
      <c r="GE3112" s="91"/>
      <c r="GF3112" s="91"/>
      <c r="GG3112" s="91"/>
      <c r="GH3112" s="91"/>
      <c r="GI3112" s="91"/>
      <c r="GJ3112" s="91"/>
      <c r="GK3112" s="127"/>
      <c r="GL3112" s="126"/>
      <c r="GM3112" s="91"/>
      <c r="GN3112" s="91"/>
      <c r="GO3112" s="91"/>
      <c r="GP3112" s="91"/>
      <c r="GQ3112" s="91"/>
      <c r="GR3112" s="91"/>
      <c r="GS3112" s="91"/>
      <c r="GT3112" s="91"/>
      <c r="GU3112" s="91"/>
      <c r="GV3112" s="91"/>
      <c r="GW3112" s="91"/>
      <c r="GX3112" s="127"/>
      <c r="GY3112" s="126"/>
      <c r="GZ3112" s="91"/>
      <c r="HA3112" s="91"/>
      <c r="HB3112" s="91"/>
      <c r="HC3112" s="91"/>
      <c r="HD3112" s="91"/>
      <c r="HE3112" s="91"/>
      <c r="HF3112" s="91"/>
      <c r="HG3112" s="91"/>
      <c r="HH3112" s="91"/>
      <c r="HI3112" s="91"/>
      <c r="HJ3112" s="91"/>
      <c r="HK3112" s="127"/>
      <c r="HL3112" s="126"/>
      <c r="HM3112" s="91"/>
      <c r="HN3112" s="91"/>
      <c r="HO3112" s="91"/>
      <c r="HP3112" s="91"/>
      <c r="HQ3112" s="91"/>
      <c r="HR3112" s="91"/>
      <c r="HS3112" s="91"/>
      <c r="HT3112" s="91"/>
      <c r="HU3112" s="91"/>
      <c r="HV3112" s="91"/>
      <c r="HW3112" s="91"/>
      <c r="HX3112" s="127"/>
      <c r="HY3112" s="126"/>
      <c r="HZ3112" s="91"/>
      <c r="IA3112" s="91"/>
      <c r="IB3112" s="91"/>
      <c r="IC3112" s="91"/>
      <c r="ID3112" s="91"/>
      <c r="IE3112" s="91"/>
      <c r="IF3112" s="91"/>
      <c r="IG3112" s="91"/>
      <c r="IH3112" s="91"/>
      <c r="II3112" s="91"/>
      <c r="IJ3112" s="91"/>
      <c r="IK3112" s="174"/>
    </row>
    <row r="3113" spans="2:245" x14ac:dyDescent="0.2">
      <c r="B3113" s="43"/>
      <c r="C3113" s="73"/>
      <c r="D3113" s="64"/>
      <c r="E3113" s="64"/>
      <c r="F3113" s="55"/>
      <c r="G3113" s="102"/>
      <c r="H3113" s="97"/>
      <c r="T3113" s="98"/>
      <c r="U3113" s="97"/>
      <c r="AG3113" s="98"/>
      <c r="AY3113" s="164"/>
      <c r="BK3113" s="98"/>
      <c r="BL3113" s="97"/>
      <c r="BX3113" s="98"/>
      <c r="CL3113" s="97"/>
      <c r="CX3113" s="98"/>
      <c r="DL3113" s="97"/>
      <c r="DX3113" s="98"/>
      <c r="EL3113" s="97"/>
      <c r="EX3113" s="98"/>
      <c r="EY3113" s="97"/>
      <c r="FL3113" s="126"/>
      <c r="FM3113" s="91"/>
      <c r="FN3113" s="91"/>
      <c r="FO3113" s="91"/>
      <c r="FP3113" s="91"/>
      <c r="FQ3113" s="91"/>
      <c r="FR3113" s="91"/>
      <c r="FS3113" s="91"/>
      <c r="FT3113" s="91"/>
      <c r="FU3113" s="91"/>
      <c r="FV3113" s="91"/>
      <c r="FW3113" s="91"/>
      <c r="FX3113" s="127"/>
      <c r="FY3113" s="126"/>
      <c r="FZ3113" s="91"/>
      <c r="GA3113" s="91"/>
      <c r="GB3113" s="91"/>
      <c r="GC3113" s="91"/>
      <c r="GD3113" s="91"/>
      <c r="GE3113" s="91"/>
      <c r="GF3113" s="91"/>
      <c r="GG3113" s="91"/>
      <c r="GH3113" s="91"/>
      <c r="GI3113" s="91"/>
      <c r="GJ3113" s="91"/>
      <c r="GK3113" s="127"/>
      <c r="GL3113" s="126"/>
      <c r="GM3113" s="91"/>
      <c r="GN3113" s="91"/>
      <c r="GO3113" s="91"/>
      <c r="GP3113" s="91"/>
      <c r="GQ3113" s="91"/>
      <c r="GR3113" s="91"/>
      <c r="GS3113" s="91"/>
      <c r="GT3113" s="91"/>
      <c r="GU3113" s="91"/>
      <c r="GV3113" s="91"/>
      <c r="GW3113" s="91"/>
      <c r="GX3113" s="127"/>
      <c r="GY3113" s="126"/>
      <c r="GZ3113" s="91"/>
      <c r="HA3113" s="91"/>
      <c r="HB3113" s="91"/>
      <c r="HC3113" s="91"/>
      <c r="HD3113" s="91"/>
      <c r="HE3113" s="91"/>
      <c r="HF3113" s="91"/>
      <c r="HG3113" s="91"/>
      <c r="HH3113" s="91"/>
      <c r="HI3113" s="91"/>
      <c r="HJ3113" s="91"/>
      <c r="HK3113" s="127"/>
      <c r="HL3113" s="126"/>
      <c r="HM3113" s="91"/>
      <c r="HN3113" s="91"/>
      <c r="HO3113" s="91"/>
      <c r="HP3113" s="91"/>
      <c r="HQ3113" s="91"/>
      <c r="HR3113" s="91"/>
      <c r="HS3113" s="91"/>
      <c r="HT3113" s="91"/>
      <c r="HU3113" s="91"/>
      <c r="HV3113" s="91"/>
      <c r="HW3113" s="91"/>
      <c r="HX3113" s="127"/>
      <c r="HY3113" s="126"/>
      <c r="HZ3113" s="91"/>
      <c r="IA3113" s="91"/>
      <c r="IB3113" s="91"/>
      <c r="IC3113" s="91"/>
      <c r="ID3113" s="91"/>
      <c r="IE3113" s="91"/>
      <c r="IF3113" s="91"/>
      <c r="IG3113" s="91"/>
      <c r="IH3113" s="91"/>
      <c r="II3113" s="91"/>
      <c r="IJ3113" s="91"/>
      <c r="IK3113" s="174"/>
    </row>
    <row r="3114" spans="2:245" x14ac:dyDescent="0.2">
      <c r="B3114" s="43"/>
      <c r="C3114" s="73"/>
      <c r="D3114" s="64"/>
      <c r="E3114" s="64"/>
      <c r="F3114" s="55"/>
      <c r="G3114" s="102"/>
      <c r="H3114" s="97"/>
      <c r="T3114" s="98"/>
      <c r="U3114" s="97"/>
      <c r="AG3114" s="98"/>
      <c r="AY3114" s="164"/>
      <c r="BK3114" s="98"/>
      <c r="BL3114" s="97"/>
      <c r="BX3114" s="98"/>
      <c r="CL3114" s="97"/>
      <c r="CX3114" s="98"/>
      <c r="DL3114" s="97"/>
      <c r="DX3114" s="98"/>
      <c r="EL3114" s="97"/>
      <c r="EX3114" s="98"/>
      <c r="EY3114" s="97"/>
      <c r="FL3114" s="126"/>
      <c r="FM3114" s="91"/>
      <c r="FN3114" s="91"/>
      <c r="FO3114" s="91"/>
      <c r="FP3114" s="91"/>
      <c r="FQ3114" s="91"/>
      <c r="FR3114" s="91"/>
      <c r="FS3114" s="91"/>
      <c r="FT3114" s="91"/>
      <c r="FU3114" s="91"/>
      <c r="FV3114" s="91"/>
      <c r="FW3114" s="91"/>
      <c r="FX3114" s="127"/>
      <c r="FY3114" s="126"/>
      <c r="FZ3114" s="91"/>
      <c r="GA3114" s="91"/>
      <c r="GB3114" s="91"/>
      <c r="GC3114" s="91"/>
      <c r="GD3114" s="91"/>
      <c r="GE3114" s="91"/>
      <c r="GF3114" s="91"/>
      <c r="GG3114" s="91"/>
      <c r="GH3114" s="91"/>
      <c r="GI3114" s="91"/>
      <c r="GJ3114" s="91"/>
      <c r="GK3114" s="127"/>
      <c r="GL3114" s="126"/>
      <c r="GM3114" s="91"/>
      <c r="GN3114" s="91"/>
      <c r="GO3114" s="91"/>
      <c r="GP3114" s="91"/>
      <c r="GQ3114" s="91"/>
      <c r="GR3114" s="91"/>
      <c r="GS3114" s="91"/>
      <c r="GT3114" s="91"/>
      <c r="GU3114" s="91"/>
      <c r="GV3114" s="91"/>
      <c r="GW3114" s="91"/>
      <c r="GX3114" s="127"/>
      <c r="GY3114" s="126"/>
      <c r="GZ3114" s="91"/>
      <c r="HA3114" s="91"/>
      <c r="HB3114" s="91"/>
      <c r="HC3114" s="91"/>
      <c r="HD3114" s="91"/>
      <c r="HE3114" s="91"/>
      <c r="HF3114" s="91"/>
      <c r="HG3114" s="91"/>
      <c r="HH3114" s="91"/>
      <c r="HI3114" s="91"/>
      <c r="HJ3114" s="91"/>
      <c r="HK3114" s="127"/>
      <c r="HL3114" s="126"/>
      <c r="HM3114" s="91"/>
      <c r="HN3114" s="91"/>
      <c r="HO3114" s="91"/>
      <c r="HP3114" s="91"/>
      <c r="HQ3114" s="91"/>
      <c r="HR3114" s="91"/>
      <c r="HS3114" s="91"/>
      <c r="HT3114" s="91"/>
      <c r="HU3114" s="91"/>
      <c r="HV3114" s="91"/>
      <c r="HW3114" s="91"/>
      <c r="HX3114" s="127"/>
      <c r="HY3114" s="126"/>
      <c r="HZ3114" s="91"/>
      <c r="IA3114" s="91"/>
      <c r="IB3114" s="91"/>
      <c r="IC3114" s="91"/>
      <c r="ID3114" s="91"/>
      <c r="IE3114" s="91"/>
      <c r="IF3114" s="91"/>
      <c r="IG3114" s="91"/>
      <c r="IH3114" s="91"/>
      <c r="II3114" s="91"/>
      <c r="IJ3114" s="91"/>
      <c r="IK3114" s="174"/>
    </row>
    <row r="3115" spans="2:245" x14ac:dyDescent="0.2">
      <c r="B3115" s="43"/>
      <c r="C3115" s="73"/>
      <c r="D3115" s="64"/>
      <c r="E3115" s="64"/>
      <c r="F3115" s="55"/>
      <c r="G3115" s="102"/>
      <c r="H3115" s="97"/>
      <c r="T3115" s="98"/>
      <c r="U3115" s="97"/>
      <c r="AG3115" s="98"/>
      <c r="AY3115" s="164"/>
      <c r="BK3115" s="98"/>
      <c r="BL3115" s="97"/>
      <c r="BX3115" s="98"/>
      <c r="CL3115" s="97"/>
      <c r="CX3115" s="98"/>
      <c r="DL3115" s="97"/>
      <c r="DX3115" s="98"/>
      <c r="EL3115" s="97"/>
      <c r="EX3115" s="98"/>
      <c r="EY3115" s="97"/>
      <c r="FL3115" s="126"/>
      <c r="FM3115" s="91"/>
      <c r="FN3115" s="91"/>
      <c r="FO3115" s="91"/>
      <c r="FP3115" s="91"/>
      <c r="FQ3115" s="91"/>
      <c r="FR3115" s="91"/>
      <c r="FS3115" s="91"/>
      <c r="FT3115" s="91"/>
      <c r="FU3115" s="91"/>
      <c r="FV3115" s="91"/>
      <c r="FW3115" s="91"/>
      <c r="FX3115" s="127"/>
      <c r="FY3115" s="126"/>
      <c r="FZ3115" s="91"/>
      <c r="GA3115" s="91"/>
      <c r="GB3115" s="91"/>
      <c r="GC3115" s="91"/>
      <c r="GD3115" s="91"/>
      <c r="GE3115" s="91"/>
      <c r="GF3115" s="91"/>
      <c r="GG3115" s="91"/>
      <c r="GH3115" s="91"/>
      <c r="GI3115" s="91"/>
      <c r="GJ3115" s="91"/>
      <c r="GK3115" s="127"/>
      <c r="GL3115" s="126"/>
      <c r="GM3115" s="91"/>
      <c r="GN3115" s="91"/>
      <c r="GO3115" s="91"/>
      <c r="GP3115" s="91"/>
      <c r="GQ3115" s="91"/>
      <c r="GR3115" s="91"/>
      <c r="GS3115" s="91"/>
      <c r="GT3115" s="91"/>
      <c r="GU3115" s="91"/>
      <c r="GV3115" s="91"/>
      <c r="GW3115" s="91"/>
      <c r="GX3115" s="127"/>
      <c r="GY3115" s="126"/>
      <c r="GZ3115" s="91"/>
      <c r="HA3115" s="91"/>
      <c r="HB3115" s="91"/>
      <c r="HC3115" s="91"/>
      <c r="HD3115" s="91"/>
      <c r="HE3115" s="91"/>
      <c r="HF3115" s="91"/>
      <c r="HG3115" s="91"/>
      <c r="HH3115" s="91"/>
      <c r="HI3115" s="91"/>
      <c r="HJ3115" s="91"/>
      <c r="HK3115" s="127"/>
      <c r="HL3115" s="126"/>
      <c r="HM3115" s="91"/>
      <c r="HN3115" s="91"/>
      <c r="HO3115" s="91"/>
      <c r="HP3115" s="91"/>
      <c r="HQ3115" s="91"/>
      <c r="HR3115" s="91"/>
      <c r="HS3115" s="91"/>
      <c r="HT3115" s="91"/>
      <c r="HU3115" s="91"/>
      <c r="HV3115" s="91"/>
      <c r="HW3115" s="91"/>
      <c r="HX3115" s="127"/>
      <c r="HY3115" s="126"/>
      <c r="HZ3115" s="91"/>
      <c r="IA3115" s="91"/>
      <c r="IB3115" s="91"/>
      <c r="IC3115" s="91"/>
      <c r="ID3115" s="91"/>
      <c r="IE3115" s="91"/>
      <c r="IF3115" s="91"/>
      <c r="IG3115" s="91"/>
      <c r="IH3115" s="91"/>
      <c r="II3115" s="91"/>
      <c r="IJ3115" s="91"/>
      <c r="IK3115" s="174"/>
    </row>
    <row r="3116" spans="2:245" x14ac:dyDescent="0.2">
      <c r="B3116" s="43"/>
      <c r="C3116" s="73"/>
      <c r="D3116" s="64"/>
      <c r="E3116" s="64"/>
      <c r="F3116" s="55"/>
      <c r="G3116" s="102"/>
      <c r="H3116" s="97"/>
      <c r="T3116" s="98"/>
      <c r="U3116" s="97"/>
      <c r="AG3116" s="98"/>
      <c r="AY3116" s="164"/>
      <c r="BK3116" s="98"/>
      <c r="BL3116" s="97"/>
      <c r="BX3116" s="98"/>
      <c r="CL3116" s="97"/>
      <c r="CX3116" s="98"/>
      <c r="DL3116" s="97"/>
      <c r="DX3116" s="98"/>
      <c r="EL3116" s="97"/>
      <c r="EX3116" s="98"/>
      <c r="EY3116" s="97"/>
      <c r="FL3116" s="126"/>
      <c r="FM3116" s="91"/>
      <c r="FN3116" s="91"/>
      <c r="FO3116" s="91"/>
      <c r="FP3116" s="91"/>
      <c r="FQ3116" s="91"/>
      <c r="FR3116" s="91"/>
      <c r="FS3116" s="91"/>
      <c r="FT3116" s="91"/>
      <c r="FU3116" s="91"/>
      <c r="FV3116" s="91"/>
      <c r="FW3116" s="91"/>
      <c r="FX3116" s="127"/>
      <c r="FY3116" s="126"/>
      <c r="FZ3116" s="91"/>
      <c r="GA3116" s="91"/>
      <c r="GB3116" s="91"/>
      <c r="GC3116" s="91"/>
      <c r="GD3116" s="91"/>
      <c r="GE3116" s="91"/>
      <c r="GF3116" s="91"/>
      <c r="GG3116" s="91"/>
      <c r="GH3116" s="91"/>
      <c r="GI3116" s="91"/>
      <c r="GJ3116" s="91"/>
      <c r="GK3116" s="127"/>
      <c r="GL3116" s="126"/>
      <c r="GM3116" s="91"/>
      <c r="GN3116" s="91"/>
      <c r="GO3116" s="91"/>
      <c r="GP3116" s="91"/>
      <c r="GQ3116" s="91"/>
      <c r="GR3116" s="91"/>
      <c r="GS3116" s="91"/>
      <c r="GT3116" s="91"/>
      <c r="GU3116" s="91"/>
      <c r="GV3116" s="91"/>
      <c r="GW3116" s="91"/>
      <c r="GX3116" s="127"/>
      <c r="GY3116" s="126"/>
      <c r="GZ3116" s="91"/>
      <c r="HA3116" s="91"/>
      <c r="HB3116" s="91"/>
      <c r="HC3116" s="91"/>
      <c r="HD3116" s="91"/>
      <c r="HE3116" s="91"/>
      <c r="HF3116" s="91"/>
      <c r="HG3116" s="91"/>
      <c r="HH3116" s="91"/>
      <c r="HI3116" s="91"/>
      <c r="HJ3116" s="91"/>
      <c r="HK3116" s="127"/>
      <c r="HL3116" s="126"/>
      <c r="HM3116" s="91"/>
      <c r="HN3116" s="91"/>
      <c r="HO3116" s="91"/>
      <c r="HP3116" s="91"/>
      <c r="HQ3116" s="91"/>
      <c r="HR3116" s="91"/>
      <c r="HS3116" s="91"/>
      <c r="HT3116" s="91"/>
      <c r="HU3116" s="91"/>
      <c r="HV3116" s="91"/>
      <c r="HW3116" s="91"/>
      <c r="HX3116" s="127"/>
      <c r="HY3116" s="126"/>
      <c r="HZ3116" s="91"/>
      <c r="IA3116" s="91"/>
      <c r="IB3116" s="91"/>
      <c r="IC3116" s="91"/>
      <c r="ID3116" s="91"/>
      <c r="IE3116" s="91"/>
      <c r="IF3116" s="91"/>
      <c r="IG3116" s="91"/>
      <c r="IH3116" s="91"/>
      <c r="II3116" s="91"/>
      <c r="IJ3116" s="91"/>
      <c r="IK3116" s="174"/>
    </row>
    <row r="3117" spans="2:245" x14ac:dyDescent="0.2">
      <c r="B3117" s="43"/>
      <c r="C3117" s="73"/>
      <c r="D3117" s="64"/>
      <c r="E3117" s="64"/>
      <c r="F3117" s="55"/>
      <c r="G3117" s="102"/>
      <c r="H3117" s="97"/>
      <c r="T3117" s="98"/>
      <c r="U3117" s="97"/>
      <c r="AG3117" s="98"/>
      <c r="AY3117" s="164"/>
      <c r="BK3117" s="98"/>
      <c r="BL3117" s="97"/>
      <c r="BX3117" s="98"/>
      <c r="CL3117" s="97"/>
      <c r="CX3117" s="98"/>
      <c r="DL3117" s="97"/>
      <c r="DX3117" s="98"/>
      <c r="EL3117" s="97"/>
      <c r="EX3117" s="98"/>
      <c r="EY3117" s="97"/>
      <c r="FL3117" s="126"/>
      <c r="FM3117" s="91"/>
      <c r="FN3117" s="91"/>
      <c r="FO3117" s="91"/>
      <c r="FP3117" s="91"/>
      <c r="FQ3117" s="91"/>
      <c r="FR3117" s="91"/>
      <c r="FS3117" s="91"/>
      <c r="FT3117" s="91"/>
      <c r="FU3117" s="91"/>
      <c r="FV3117" s="91"/>
      <c r="FW3117" s="91"/>
      <c r="FX3117" s="127"/>
      <c r="FY3117" s="126"/>
      <c r="FZ3117" s="91"/>
      <c r="GA3117" s="91"/>
      <c r="GB3117" s="91"/>
      <c r="GC3117" s="91"/>
      <c r="GD3117" s="91"/>
      <c r="GE3117" s="91"/>
      <c r="GF3117" s="91"/>
      <c r="GG3117" s="91"/>
      <c r="GH3117" s="91"/>
      <c r="GI3117" s="91"/>
      <c r="GJ3117" s="91"/>
      <c r="GK3117" s="127"/>
      <c r="GL3117" s="126"/>
      <c r="GM3117" s="91"/>
      <c r="GN3117" s="91"/>
      <c r="GO3117" s="91"/>
      <c r="GP3117" s="91"/>
      <c r="GQ3117" s="91"/>
      <c r="GR3117" s="91"/>
      <c r="GS3117" s="91"/>
      <c r="GT3117" s="91"/>
      <c r="GU3117" s="91"/>
      <c r="GV3117" s="91"/>
      <c r="GW3117" s="91"/>
      <c r="GX3117" s="127"/>
      <c r="GY3117" s="126"/>
      <c r="GZ3117" s="91"/>
      <c r="HA3117" s="91"/>
      <c r="HB3117" s="91"/>
      <c r="HC3117" s="91"/>
      <c r="HD3117" s="91"/>
      <c r="HE3117" s="91"/>
      <c r="HF3117" s="91"/>
      <c r="HG3117" s="91"/>
      <c r="HH3117" s="91"/>
      <c r="HI3117" s="91"/>
      <c r="HJ3117" s="91"/>
      <c r="HK3117" s="127"/>
      <c r="HL3117" s="126"/>
      <c r="HM3117" s="91"/>
      <c r="HN3117" s="91"/>
      <c r="HO3117" s="91"/>
      <c r="HP3117" s="91"/>
      <c r="HQ3117" s="91"/>
      <c r="HR3117" s="91"/>
      <c r="HS3117" s="91"/>
      <c r="HT3117" s="91"/>
      <c r="HU3117" s="91"/>
      <c r="HV3117" s="91"/>
      <c r="HW3117" s="91"/>
      <c r="HX3117" s="127"/>
      <c r="HY3117" s="126"/>
      <c r="HZ3117" s="91"/>
      <c r="IA3117" s="91"/>
      <c r="IB3117" s="91"/>
      <c r="IC3117" s="91"/>
      <c r="ID3117" s="91"/>
      <c r="IE3117" s="91"/>
      <c r="IF3117" s="91"/>
      <c r="IG3117" s="91"/>
      <c r="IH3117" s="91"/>
      <c r="II3117" s="91"/>
      <c r="IJ3117" s="91"/>
      <c r="IK3117" s="174"/>
    </row>
    <row r="3118" spans="2:245" x14ac:dyDescent="0.2">
      <c r="B3118" s="43"/>
      <c r="C3118" s="73"/>
      <c r="D3118" s="64"/>
      <c r="E3118" s="64"/>
      <c r="F3118" s="55"/>
      <c r="G3118" s="102"/>
      <c r="H3118" s="97"/>
      <c r="T3118" s="98"/>
      <c r="U3118" s="97"/>
      <c r="AG3118" s="98"/>
      <c r="AY3118" s="164"/>
      <c r="BK3118" s="98"/>
      <c r="BL3118" s="97"/>
      <c r="BX3118" s="98"/>
      <c r="CL3118" s="97"/>
      <c r="CX3118" s="98"/>
      <c r="DL3118" s="97"/>
      <c r="DX3118" s="98"/>
      <c r="EL3118" s="97"/>
      <c r="EX3118" s="98"/>
      <c r="EY3118" s="97"/>
      <c r="FL3118" s="126"/>
      <c r="FM3118" s="91"/>
      <c r="FN3118" s="91"/>
      <c r="FO3118" s="91"/>
      <c r="FP3118" s="91"/>
      <c r="FQ3118" s="91"/>
      <c r="FR3118" s="91"/>
      <c r="FS3118" s="91"/>
      <c r="FT3118" s="91"/>
      <c r="FU3118" s="91"/>
      <c r="FV3118" s="91"/>
      <c r="FW3118" s="91"/>
      <c r="FX3118" s="127"/>
      <c r="FY3118" s="126"/>
      <c r="FZ3118" s="91"/>
      <c r="GA3118" s="91"/>
      <c r="GB3118" s="91"/>
      <c r="GC3118" s="91"/>
      <c r="GD3118" s="91"/>
      <c r="GE3118" s="91"/>
      <c r="GF3118" s="91"/>
      <c r="GG3118" s="91"/>
      <c r="GH3118" s="91"/>
      <c r="GI3118" s="91"/>
      <c r="GJ3118" s="91"/>
      <c r="GK3118" s="127"/>
      <c r="GL3118" s="126"/>
      <c r="GM3118" s="91"/>
      <c r="GN3118" s="91"/>
      <c r="GO3118" s="91"/>
      <c r="GP3118" s="91"/>
      <c r="GQ3118" s="91"/>
      <c r="GR3118" s="91"/>
      <c r="GS3118" s="91"/>
      <c r="GT3118" s="91"/>
      <c r="GU3118" s="91"/>
      <c r="GV3118" s="91"/>
      <c r="GW3118" s="91"/>
      <c r="GX3118" s="127"/>
      <c r="GY3118" s="126"/>
      <c r="GZ3118" s="91"/>
      <c r="HA3118" s="91"/>
      <c r="HB3118" s="91"/>
      <c r="HC3118" s="91"/>
      <c r="HD3118" s="91"/>
      <c r="HE3118" s="91"/>
      <c r="HF3118" s="91"/>
      <c r="HG3118" s="91"/>
      <c r="HH3118" s="91"/>
      <c r="HI3118" s="91"/>
      <c r="HJ3118" s="91"/>
      <c r="HK3118" s="127"/>
      <c r="HL3118" s="126"/>
      <c r="HM3118" s="91"/>
      <c r="HN3118" s="91"/>
      <c r="HO3118" s="91"/>
      <c r="HP3118" s="91"/>
      <c r="HQ3118" s="91"/>
      <c r="HR3118" s="91"/>
      <c r="HS3118" s="91"/>
      <c r="HT3118" s="91"/>
      <c r="HU3118" s="91"/>
      <c r="HV3118" s="91"/>
      <c r="HW3118" s="91"/>
      <c r="HX3118" s="127"/>
      <c r="HY3118" s="126"/>
      <c r="HZ3118" s="91"/>
      <c r="IA3118" s="91"/>
      <c r="IB3118" s="91"/>
      <c r="IC3118" s="91"/>
      <c r="ID3118" s="91"/>
      <c r="IE3118" s="91"/>
      <c r="IF3118" s="91"/>
      <c r="IG3118" s="91"/>
      <c r="IH3118" s="91"/>
      <c r="II3118" s="91"/>
      <c r="IJ3118" s="91"/>
      <c r="IK3118" s="174"/>
    </row>
    <row r="3119" spans="2:245" x14ac:dyDescent="0.2">
      <c r="B3119" s="43"/>
      <c r="C3119" s="73"/>
      <c r="D3119" s="64"/>
      <c r="E3119" s="64"/>
      <c r="F3119" s="55"/>
      <c r="G3119" s="102"/>
      <c r="H3119" s="97"/>
      <c r="T3119" s="98"/>
      <c r="U3119" s="97"/>
      <c r="AG3119" s="98"/>
      <c r="AY3119" s="164"/>
      <c r="BK3119" s="98"/>
      <c r="BL3119" s="97"/>
      <c r="BX3119" s="98"/>
      <c r="CL3119" s="97"/>
      <c r="CX3119" s="98"/>
      <c r="DL3119" s="97"/>
      <c r="DX3119" s="98"/>
      <c r="EL3119" s="97"/>
      <c r="EX3119" s="98"/>
      <c r="EY3119" s="97"/>
      <c r="FL3119" s="126"/>
      <c r="FM3119" s="91"/>
      <c r="FN3119" s="91"/>
      <c r="FO3119" s="91"/>
      <c r="FP3119" s="91"/>
      <c r="FQ3119" s="91"/>
      <c r="FR3119" s="91"/>
      <c r="FS3119" s="91"/>
      <c r="FT3119" s="91"/>
      <c r="FU3119" s="91"/>
      <c r="FV3119" s="91"/>
      <c r="FW3119" s="91"/>
      <c r="FX3119" s="127"/>
      <c r="FY3119" s="126"/>
      <c r="FZ3119" s="91"/>
      <c r="GA3119" s="91"/>
      <c r="GB3119" s="91"/>
      <c r="GC3119" s="91"/>
      <c r="GD3119" s="91"/>
      <c r="GE3119" s="91"/>
      <c r="GF3119" s="91"/>
      <c r="GG3119" s="91"/>
      <c r="GH3119" s="91"/>
      <c r="GI3119" s="91"/>
      <c r="GJ3119" s="91"/>
      <c r="GK3119" s="127"/>
      <c r="GL3119" s="126"/>
      <c r="GM3119" s="91"/>
      <c r="GN3119" s="91"/>
      <c r="GO3119" s="91"/>
      <c r="GP3119" s="91"/>
      <c r="GQ3119" s="91"/>
      <c r="GR3119" s="91"/>
      <c r="GS3119" s="91"/>
      <c r="GT3119" s="91"/>
      <c r="GU3119" s="91"/>
      <c r="GV3119" s="91"/>
      <c r="GW3119" s="91"/>
      <c r="GX3119" s="127"/>
      <c r="GY3119" s="126"/>
      <c r="GZ3119" s="91"/>
      <c r="HA3119" s="91"/>
      <c r="HB3119" s="91"/>
      <c r="HC3119" s="91"/>
      <c r="HD3119" s="91"/>
      <c r="HE3119" s="91"/>
      <c r="HF3119" s="91"/>
      <c r="HG3119" s="91"/>
      <c r="HH3119" s="91"/>
      <c r="HI3119" s="91"/>
      <c r="HJ3119" s="91"/>
      <c r="HK3119" s="127"/>
      <c r="HL3119" s="126"/>
      <c r="HM3119" s="91"/>
      <c r="HN3119" s="91"/>
      <c r="HO3119" s="91"/>
      <c r="HP3119" s="91"/>
      <c r="HQ3119" s="91"/>
      <c r="HR3119" s="91"/>
      <c r="HS3119" s="91"/>
      <c r="HT3119" s="91"/>
      <c r="HU3119" s="91"/>
      <c r="HV3119" s="91"/>
      <c r="HW3119" s="91"/>
      <c r="HX3119" s="127"/>
      <c r="HY3119" s="126"/>
      <c r="HZ3119" s="91"/>
      <c r="IA3119" s="91"/>
      <c r="IB3119" s="91"/>
      <c r="IC3119" s="91"/>
      <c r="ID3119" s="91"/>
      <c r="IE3119" s="91"/>
      <c r="IF3119" s="91"/>
      <c r="IG3119" s="91"/>
      <c r="IH3119" s="91"/>
      <c r="II3119" s="91"/>
      <c r="IJ3119" s="91"/>
      <c r="IK3119" s="174"/>
    </row>
    <row r="3120" spans="2:245" x14ac:dyDescent="0.2">
      <c r="B3120" s="43"/>
      <c r="C3120" s="73"/>
      <c r="D3120" s="64"/>
      <c r="E3120" s="64"/>
      <c r="F3120" s="55"/>
      <c r="G3120" s="102"/>
      <c r="H3120" s="97"/>
      <c r="T3120" s="98"/>
      <c r="U3120" s="97"/>
      <c r="AG3120" s="98"/>
      <c r="AY3120" s="164"/>
      <c r="BK3120" s="98"/>
      <c r="BL3120" s="97"/>
      <c r="BX3120" s="98"/>
      <c r="CL3120" s="97"/>
      <c r="CX3120" s="98"/>
      <c r="DL3120" s="97"/>
      <c r="DX3120" s="98"/>
      <c r="EL3120" s="97"/>
      <c r="EX3120" s="98"/>
      <c r="EY3120" s="97"/>
      <c r="FL3120" s="126"/>
      <c r="FM3120" s="91"/>
      <c r="FN3120" s="91"/>
      <c r="FO3120" s="91"/>
      <c r="FP3120" s="91"/>
      <c r="FQ3120" s="91"/>
      <c r="FR3120" s="91"/>
      <c r="FS3120" s="91"/>
      <c r="FT3120" s="91"/>
      <c r="FU3120" s="91"/>
      <c r="FV3120" s="91"/>
      <c r="FW3120" s="91"/>
      <c r="FX3120" s="127"/>
      <c r="FY3120" s="126"/>
      <c r="FZ3120" s="91"/>
      <c r="GA3120" s="91"/>
      <c r="GB3120" s="91"/>
      <c r="GC3120" s="91"/>
      <c r="GD3120" s="91"/>
      <c r="GE3120" s="91"/>
      <c r="GF3120" s="91"/>
      <c r="GG3120" s="91"/>
      <c r="GH3120" s="91"/>
      <c r="GI3120" s="91"/>
      <c r="GJ3120" s="91"/>
      <c r="GK3120" s="127"/>
      <c r="GL3120" s="126"/>
      <c r="GM3120" s="91"/>
      <c r="GN3120" s="91"/>
      <c r="GO3120" s="91"/>
      <c r="GP3120" s="91"/>
      <c r="GQ3120" s="91"/>
      <c r="GR3120" s="91"/>
      <c r="GS3120" s="91"/>
      <c r="GT3120" s="91"/>
      <c r="GU3120" s="91"/>
      <c r="GV3120" s="91"/>
      <c r="GW3120" s="91"/>
      <c r="GX3120" s="127"/>
      <c r="GY3120" s="126"/>
      <c r="GZ3120" s="91"/>
      <c r="HA3120" s="91"/>
      <c r="HB3120" s="91"/>
      <c r="HC3120" s="91"/>
      <c r="HD3120" s="91"/>
      <c r="HE3120" s="91"/>
      <c r="HF3120" s="91"/>
      <c r="HG3120" s="91"/>
      <c r="HH3120" s="91"/>
      <c r="HI3120" s="91"/>
      <c r="HJ3120" s="91"/>
      <c r="HK3120" s="127"/>
      <c r="HL3120" s="126"/>
      <c r="HM3120" s="91"/>
      <c r="HN3120" s="91"/>
      <c r="HO3120" s="91"/>
      <c r="HP3120" s="91"/>
      <c r="HQ3120" s="91"/>
      <c r="HR3120" s="91"/>
      <c r="HS3120" s="91"/>
      <c r="HT3120" s="91"/>
      <c r="HU3120" s="91"/>
      <c r="HV3120" s="91"/>
      <c r="HW3120" s="91"/>
      <c r="HX3120" s="127"/>
      <c r="HY3120" s="126"/>
      <c r="HZ3120" s="91"/>
      <c r="IA3120" s="91"/>
      <c r="IB3120" s="91"/>
      <c r="IC3120" s="91"/>
      <c r="ID3120" s="91"/>
      <c r="IE3120" s="91"/>
      <c r="IF3120" s="91"/>
      <c r="IG3120" s="91"/>
      <c r="IH3120" s="91"/>
      <c r="II3120" s="91"/>
      <c r="IJ3120" s="91"/>
      <c r="IK3120" s="174"/>
    </row>
    <row r="3121" spans="2:245" x14ac:dyDescent="0.2">
      <c r="B3121" s="43"/>
      <c r="C3121" s="73"/>
      <c r="D3121" s="64"/>
      <c r="E3121" s="64"/>
      <c r="F3121" s="55"/>
      <c r="G3121" s="102"/>
      <c r="H3121" s="97"/>
      <c r="T3121" s="98"/>
      <c r="U3121" s="97"/>
      <c r="AG3121" s="98"/>
      <c r="AY3121" s="164"/>
      <c r="BK3121" s="98"/>
      <c r="BL3121" s="97"/>
      <c r="BX3121" s="98"/>
      <c r="CL3121" s="97"/>
      <c r="CX3121" s="98"/>
      <c r="DL3121" s="97"/>
      <c r="DX3121" s="98"/>
      <c r="EL3121" s="97"/>
      <c r="EX3121" s="98"/>
      <c r="EY3121" s="97"/>
      <c r="FL3121" s="126"/>
      <c r="FM3121" s="91"/>
      <c r="FN3121" s="91"/>
      <c r="FO3121" s="91"/>
      <c r="FP3121" s="91"/>
      <c r="FQ3121" s="91"/>
      <c r="FR3121" s="91"/>
      <c r="FS3121" s="91"/>
      <c r="FT3121" s="91"/>
      <c r="FU3121" s="91"/>
      <c r="FV3121" s="91"/>
      <c r="FW3121" s="91"/>
      <c r="FX3121" s="127"/>
      <c r="FY3121" s="126"/>
      <c r="FZ3121" s="91"/>
      <c r="GA3121" s="91"/>
      <c r="GB3121" s="91"/>
      <c r="GC3121" s="91"/>
      <c r="GD3121" s="91"/>
      <c r="GE3121" s="91"/>
      <c r="GF3121" s="91"/>
      <c r="GG3121" s="91"/>
      <c r="GH3121" s="91"/>
      <c r="GI3121" s="91"/>
      <c r="GJ3121" s="91"/>
      <c r="GK3121" s="127"/>
      <c r="GL3121" s="126"/>
      <c r="GM3121" s="91"/>
      <c r="GN3121" s="91"/>
      <c r="GO3121" s="91"/>
      <c r="GP3121" s="91"/>
      <c r="GQ3121" s="91"/>
      <c r="GR3121" s="91"/>
      <c r="GS3121" s="91"/>
      <c r="GT3121" s="91"/>
      <c r="GU3121" s="91"/>
      <c r="GV3121" s="91"/>
      <c r="GW3121" s="91"/>
      <c r="GX3121" s="127"/>
      <c r="GY3121" s="126"/>
      <c r="GZ3121" s="91"/>
      <c r="HA3121" s="91"/>
      <c r="HB3121" s="91"/>
      <c r="HC3121" s="91"/>
      <c r="HD3121" s="91"/>
      <c r="HE3121" s="91"/>
      <c r="HF3121" s="91"/>
      <c r="HG3121" s="91"/>
      <c r="HH3121" s="91"/>
      <c r="HI3121" s="91"/>
      <c r="HJ3121" s="91"/>
      <c r="HK3121" s="127"/>
      <c r="HL3121" s="126"/>
      <c r="HM3121" s="91"/>
      <c r="HN3121" s="91"/>
      <c r="HO3121" s="91"/>
      <c r="HP3121" s="91"/>
      <c r="HQ3121" s="91"/>
      <c r="HR3121" s="91"/>
      <c r="HS3121" s="91"/>
      <c r="HT3121" s="91"/>
      <c r="HU3121" s="91"/>
      <c r="HV3121" s="91"/>
      <c r="HW3121" s="91"/>
      <c r="HX3121" s="127"/>
      <c r="HY3121" s="126"/>
      <c r="HZ3121" s="91"/>
      <c r="IA3121" s="91"/>
      <c r="IB3121" s="91"/>
      <c r="IC3121" s="91"/>
      <c r="ID3121" s="91"/>
      <c r="IE3121" s="91"/>
      <c r="IF3121" s="91"/>
      <c r="IG3121" s="91"/>
      <c r="IH3121" s="91"/>
      <c r="II3121" s="91"/>
      <c r="IJ3121" s="91"/>
      <c r="IK3121" s="174"/>
    </row>
    <row r="3122" spans="2:245" x14ac:dyDescent="0.2">
      <c r="B3122" s="43"/>
      <c r="C3122" s="73"/>
      <c r="D3122" s="64"/>
      <c r="E3122" s="64"/>
      <c r="F3122" s="55"/>
      <c r="G3122" s="102"/>
      <c r="H3122" s="97"/>
      <c r="T3122" s="98"/>
      <c r="U3122" s="97"/>
      <c r="AG3122" s="98"/>
      <c r="AY3122" s="164"/>
      <c r="BK3122" s="98"/>
      <c r="BL3122" s="97"/>
      <c r="BX3122" s="98"/>
      <c r="CL3122" s="97"/>
      <c r="CX3122" s="98"/>
      <c r="DL3122" s="97"/>
      <c r="DX3122" s="98"/>
      <c r="EL3122" s="97"/>
      <c r="EX3122" s="98"/>
      <c r="EY3122" s="97"/>
      <c r="FL3122" s="126"/>
      <c r="FM3122" s="91"/>
      <c r="FN3122" s="91"/>
      <c r="FO3122" s="91"/>
      <c r="FP3122" s="91"/>
      <c r="FQ3122" s="91"/>
      <c r="FR3122" s="91"/>
      <c r="FS3122" s="91"/>
      <c r="FT3122" s="91"/>
      <c r="FU3122" s="91"/>
      <c r="FV3122" s="91"/>
      <c r="FW3122" s="91"/>
      <c r="FX3122" s="127"/>
      <c r="FY3122" s="126"/>
      <c r="FZ3122" s="91"/>
      <c r="GA3122" s="91"/>
      <c r="GB3122" s="91"/>
      <c r="GC3122" s="91"/>
      <c r="GD3122" s="91"/>
      <c r="GE3122" s="91"/>
      <c r="GF3122" s="91"/>
      <c r="GG3122" s="91"/>
      <c r="GH3122" s="91"/>
      <c r="GI3122" s="91"/>
      <c r="GJ3122" s="91"/>
      <c r="GK3122" s="127"/>
      <c r="GL3122" s="126"/>
      <c r="GM3122" s="91"/>
      <c r="GN3122" s="91"/>
      <c r="GO3122" s="91"/>
      <c r="GP3122" s="91"/>
      <c r="GQ3122" s="91"/>
      <c r="GR3122" s="91"/>
      <c r="GS3122" s="91"/>
      <c r="GT3122" s="91"/>
      <c r="GU3122" s="91"/>
      <c r="GV3122" s="91"/>
      <c r="GW3122" s="91"/>
      <c r="GX3122" s="127"/>
      <c r="GY3122" s="126"/>
      <c r="GZ3122" s="91"/>
      <c r="HA3122" s="91"/>
      <c r="HB3122" s="91"/>
      <c r="HC3122" s="91"/>
      <c r="HD3122" s="91"/>
      <c r="HE3122" s="91"/>
      <c r="HF3122" s="91"/>
      <c r="HG3122" s="91"/>
      <c r="HH3122" s="91"/>
      <c r="HI3122" s="91"/>
      <c r="HJ3122" s="91"/>
      <c r="HK3122" s="127"/>
      <c r="HL3122" s="126"/>
      <c r="HM3122" s="91"/>
      <c r="HN3122" s="91"/>
      <c r="HO3122" s="91"/>
      <c r="HP3122" s="91"/>
      <c r="HQ3122" s="91"/>
      <c r="HR3122" s="91"/>
      <c r="HS3122" s="91"/>
      <c r="HT3122" s="91"/>
      <c r="HU3122" s="91"/>
      <c r="HV3122" s="91"/>
      <c r="HW3122" s="91"/>
      <c r="HX3122" s="127"/>
      <c r="HY3122" s="126"/>
      <c r="HZ3122" s="91"/>
      <c r="IA3122" s="91"/>
      <c r="IB3122" s="91"/>
      <c r="IC3122" s="91"/>
      <c r="ID3122" s="91"/>
      <c r="IE3122" s="91"/>
      <c r="IF3122" s="91"/>
      <c r="IG3122" s="91"/>
      <c r="IH3122" s="91"/>
      <c r="II3122" s="91"/>
      <c r="IJ3122" s="91"/>
      <c r="IK3122" s="174"/>
    </row>
    <row r="3123" spans="2:245" x14ac:dyDescent="0.2">
      <c r="B3123" s="43"/>
      <c r="C3123" s="73"/>
      <c r="D3123" s="64"/>
      <c r="E3123" s="64"/>
      <c r="F3123" s="55"/>
      <c r="G3123" s="102"/>
      <c r="H3123" s="97"/>
      <c r="T3123" s="98"/>
      <c r="U3123" s="97"/>
      <c r="AG3123" s="98"/>
      <c r="AY3123" s="164"/>
      <c r="BK3123" s="98"/>
      <c r="BL3123" s="97"/>
      <c r="BX3123" s="98"/>
      <c r="CL3123" s="97"/>
      <c r="CX3123" s="98"/>
      <c r="DL3123" s="97"/>
      <c r="DX3123" s="98"/>
      <c r="EL3123" s="97"/>
      <c r="EX3123" s="98"/>
      <c r="EY3123" s="97"/>
      <c r="FL3123" s="126"/>
      <c r="FM3123" s="91"/>
      <c r="FN3123" s="91"/>
      <c r="FO3123" s="91"/>
      <c r="FP3123" s="91"/>
      <c r="FQ3123" s="91"/>
      <c r="FR3123" s="91"/>
      <c r="FS3123" s="91"/>
      <c r="FT3123" s="91"/>
      <c r="FU3123" s="91"/>
      <c r="FV3123" s="91"/>
      <c r="FW3123" s="91"/>
      <c r="FX3123" s="127"/>
      <c r="FY3123" s="126"/>
      <c r="FZ3123" s="91"/>
      <c r="GA3123" s="91"/>
      <c r="GB3123" s="91"/>
      <c r="GC3123" s="91"/>
      <c r="GD3123" s="91"/>
      <c r="GE3123" s="91"/>
      <c r="GF3123" s="91"/>
      <c r="GG3123" s="91"/>
      <c r="GH3123" s="91"/>
      <c r="GI3123" s="91"/>
      <c r="GJ3123" s="91"/>
      <c r="GK3123" s="127"/>
      <c r="GL3123" s="126"/>
      <c r="GM3123" s="91"/>
      <c r="GN3123" s="91"/>
      <c r="GO3123" s="91"/>
      <c r="GP3123" s="91"/>
      <c r="GQ3123" s="91"/>
      <c r="GR3123" s="91"/>
      <c r="GS3123" s="91"/>
      <c r="GT3123" s="91"/>
      <c r="GU3123" s="91"/>
      <c r="GV3123" s="91"/>
      <c r="GW3123" s="91"/>
      <c r="GX3123" s="127"/>
      <c r="GY3123" s="126"/>
      <c r="GZ3123" s="91"/>
      <c r="HA3123" s="91"/>
      <c r="HB3123" s="91"/>
      <c r="HC3123" s="91"/>
      <c r="HD3123" s="91"/>
      <c r="HE3123" s="91"/>
      <c r="HF3123" s="91"/>
      <c r="HG3123" s="91"/>
      <c r="HH3123" s="91"/>
      <c r="HI3123" s="91"/>
      <c r="HJ3123" s="91"/>
      <c r="HK3123" s="127"/>
      <c r="HL3123" s="126"/>
      <c r="HM3123" s="91"/>
      <c r="HN3123" s="91"/>
      <c r="HO3123" s="91"/>
      <c r="HP3123" s="91"/>
      <c r="HQ3123" s="91"/>
      <c r="HR3123" s="91"/>
      <c r="HS3123" s="91"/>
      <c r="HT3123" s="91"/>
      <c r="HU3123" s="91"/>
      <c r="HV3123" s="91"/>
      <c r="HW3123" s="91"/>
      <c r="HX3123" s="127"/>
      <c r="HY3123" s="126"/>
      <c r="HZ3123" s="91"/>
      <c r="IA3123" s="91"/>
      <c r="IB3123" s="91"/>
      <c r="IC3123" s="91"/>
      <c r="ID3123" s="91"/>
      <c r="IE3123" s="91"/>
      <c r="IF3123" s="91"/>
      <c r="IG3123" s="91"/>
      <c r="IH3123" s="91"/>
      <c r="II3123" s="91"/>
      <c r="IJ3123" s="91"/>
      <c r="IK3123" s="174"/>
    </row>
    <row r="3124" spans="2:245" x14ac:dyDescent="0.2">
      <c r="B3124" s="43"/>
      <c r="C3124" s="73"/>
      <c r="D3124" s="64"/>
      <c r="E3124" s="64"/>
      <c r="F3124" s="55"/>
      <c r="G3124" s="102"/>
      <c r="H3124" s="97"/>
      <c r="T3124" s="98"/>
      <c r="U3124" s="97"/>
      <c r="AG3124" s="98"/>
      <c r="AY3124" s="164"/>
      <c r="BK3124" s="98"/>
      <c r="BL3124" s="97"/>
      <c r="BX3124" s="98"/>
      <c r="CL3124" s="97"/>
      <c r="CX3124" s="98"/>
      <c r="DL3124" s="97"/>
      <c r="DX3124" s="98"/>
      <c r="EL3124" s="97"/>
      <c r="EX3124" s="98"/>
      <c r="EY3124" s="97"/>
      <c r="FL3124" s="126"/>
      <c r="FM3124" s="91"/>
      <c r="FN3124" s="91"/>
      <c r="FO3124" s="91"/>
      <c r="FP3124" s="91"/>
      <c r="FQ3124" s="91"/>
      <c r="FR3124" s="91"/>
      <c r="FS3124" s="91"/>
      <c r="FT3124" s="91"/>
      <c r="FU3124" s="91"/>
      <c r="FV3124" s="91"/>
      <c r="FW3124" s="91"/>
      <c r="FX3124" s="127"/>
      <c r="FY3124" s="126"/>
      <c r="FZ3124" s="91"/>
      <c r="GA3124" s="91"/>
      <c r="GB3124" s="91"/>
      <c r="GC3124" s="91"/>
      <c r="GD3124" s="91"/>
      <c r="GE3124" s="91"/>
      <c r="GF3124" s="91"/>
      <c r="GG3124" s="91"/>
      <c r="GH3124" s="91"/>
      <c r="GI3124" s="91"/>
      <c r="GJ3124" s="91"/>
      <c r="GK3124" s="127"/>
      <c r="GL3124" s="126"/>
      <c r="GM3124" s="91"/>
      <c r="GN3124" s="91"/>
      <c r="GO3124" s="91"/>
      <c r="GP3124" s="91"/>
      <c r="GQ3124" s="91"/>
      <c r="GR3124" s="91"/>
      <c r="GS3124" s="91"/>
      <c r="GT3124" s="91"/>
      <c r="GU3124" s="91"/>
      <c r="GV3124" s="91"/>
      <c r="GW3124" s="91"/>
      <c r="GX3124" s="127"/>
      <c r="GY3124" s="126"/>
      <c r="GZ3124" s="91"/>
      <c r="HA3124" s="91"/>
      <c r="HB3124" s="91"/>
      <c r="HC3124" s="91"/>
      <c r="HD3124" s="91"/>
      <c r="HE3124" s="91"/>
      <c r="HF3124" s="91"/>
      <c r="HG3124" s="91"/>
      <c r="HH3124" s="91"/>
      <c r="HI3124" s="91"/>
      <c r="HJ3124" s="91"/>
      <c r="HK3124" s="127"/>
      <c r="HL3124" s="126"/>
      <c r="HM3124" s="91"/>
      <c r="HN3124" s="91"/>
      <c r="HO3124" s="91"/>
      <c r="HP3124" s="91"/>
      <c r="HQ3124" s="91"/>
      <c r="HR3124" s="91"/>
      <c r="HS3124" s="91"/>
      <c r="HT3124" s="91"/>
      <c r="HU3124" s="91"/>
      <c r="HV3124" s="91"/>
      <c r="HW3124" s="91"/>
      <c r="HX3124" s="127"/>
      <c r="HY3124" s="126"/>
      <c r="HZ3124" s="91"/>
      <c r="IA3124" s="91"/>
      <c r="IB3124" s="91"/>
      <c r="IC3124" s="91"/>
      <c r="ID3124" s="91"/>
      <c r="IE3124" s="91"/>
      <c r="IF3124" s="91"/>
      <c r="IG3124" s="91"/>
      <c r="IH3124" s="91"/>
      <c r="II3124" s="91"/>
      <c r="IJ3124" s="91"/>
      <c r="IK3124" s="174"/>
    </row>
    <row r="3125" spans="2:245" x14ac:dyDescent="0.2">
      <c r="B3125" s="43"/>
      <c r="C3125" s="73"/>
      <c r="D3125" s="64"/>
      <c r="E3125" s="64"/>
      <c r="F3125" s="55"/>
      <c r="G3125" s="102"/>
      <c r="H3125" s="97"/>
      <c r="T3125" s="98"/>
      <c r="U3125" s="97"/>
      <c r="AG3125" s="98"/>
      <c r="AY3125" s="164"/>
      <c r="BK3125" s="98"/>
      <c r="BL3125" s="97"/>
      <c r="BX3125" s="98"/>
      <c r="CL3125" s="97"/>
      <c r="CX3125" s="98"/>
      <c r="DL3125" s="97"/>
      <c r="DX3125" s="98"/>
      <c r="EL3125" s="97"/>
      <c r="EX3125" s="98"/>
      <c r="EY3125" s="97"/>
      <c r="FL3125" s="126"/>
      <c r="FM3125" s="91"/>
      <c r="FN3125" s="91"/>
      <c r="FO3125" s="91"/>
      <c r="FP3125" s="91"/>
      <c r="FQ3125" s="91"/>
      <c r="FR3125" s="91"/>
      <c r="FS3125" s="91"/>
      <c r="FT3125" s="91"/>
      <c r="FU3125" s="91"/>
      <c r="FV3125" s="91"/>
      <c r="FW3125" s="91"/>
      <c r="FX3125" s="127"/>
      <c r="FY3125" s="126"/>
      <c r="FZ3125" s="91"/>
      <c r="GA3125" s="91"/>
      <c r="GB3125" s="91"/>
      <c r="GC3125" s="91"/>
      <c r="GD3125" s="91"/>
      <c r="GE3125" s="91"/>
      <c r="GF3125" s="91"/>
      <c r="GG3125" s="91"/>
      <c r="GH3125" s="91"/>
      <c r="GI3125" s="91"/>
      <c r="GJ3125" s="91"/>
      <c r="GK3125" s="127"/>
      <c r="GL3125" s="126"/>
      <c r="GM3125" s="91"/>
      <c r="GN3125" s="91"/>
      <c r="GO3125" s="91"/>
      <c r="GP3125" s="91"/>
      <c r="GQ3125" s="91"/>
      <c r="GR3125" s="91"/>
      <c r="GS3125" s="91"/>
      <c r="GT3125" s="91"/>
      <c r="GU3125" s="91"/>
      <c r="GV3125" s="91"/>
      <c r="GW3125" s="91"/>
      <c r="GX3125" s="127"/>
      <c r="GY3125" s="126"/>
      <c r="GZ3125" s="91"/>
      <c r="HA3125" s="91"/>
      <c r="HB3125" s="91"/>
      <c r="HC3125" s="91"/>
      <c r="HD3125" s="91"/>
      <c r="HE3125" s="91"/>
      <c r="HF3125" s="91"/>
      <c r="HG3125" s="91"/>
      <c r="HH3125" s="91"/>
      <c r="HI3125" s="91"/>
      <c r="HJ3125" s="91"/>
      <c r="HK3125" s="127"/>
      <c r="HL3125" s="126"/>
      <c r="HM3125" s="91"/>
      <c r="HN3125" s="91"/>
      <c r="HO3125" s="91"/>
      <c r="HP3125" s="91"/>
      <c r="HQ3125" s="91"/>
      <c r="HR3125" s="91"/>
      <c r="HS3125" s="91"/>
      <c r="HT3125" s="91"/>
      <c r="HU3125" s="91"/>
      <c r="HV3125" s="91"/>
      <c r="HW3125" s="91"/>
      <c r="HX3125" s="127"/>
      <c r="HY3125" s="126"/>
      <c r="HZ3125" s="91"/>
      <c r="IA3125" s="91"/>
      <c r="IB3125" s="91"/>
      <c r="IC3125" s="91"/>
      <c r="ID3125" s="91"/>
      <c r="IE3125" s="91"/>
      <c r="IF3125" s="91"/>
      <c r="IG3125" s="91"/>
      <c r="IH3125" s="91"/>
      <c r="II3125" s="91"/>
      <c r="IJ3125" s="91"/>
      <c r="IK3125" s="174"/>
    </row>
    <row r="3126" spans="2:245" x14ac:dyDescent="0.2">
      <c r="B3126" s="43"/>
      <c r="C3126" s="73"/>
      <c r="D3126" s="64"/>
      <c r="E3126" s="64"/>
      <c r="F3126" s="55"/>
      <c r="G3126" s="102"/>
      <c r="H3126" s="97"/>
      <c r="T3126" s="98"/>
      <c r="U3126" s="97"/>
      <c r="AG3126" s="98"/>
      <c r="AY3126" s="164"/>
      <c r="BK3126" s="98"/>
      <c r="BL3126" s="97"/>
      <c r="BX3126" s="98"/>
      <c r="CL3126" s="97"/>
      <c r="CX3126" s="98"/>
      <c r="DL3126" s="97"/>
      <c r="DX3126" s="98"/>
      <c r="EL3126" s="97"/>
      <c r="EX3126" s="98"/>
      <c r="EY3126" s="97"/>
      <c r="FL3126" s="126"/>
      <c r="FM3126" s="91"/>
      <c r="FN3126" s="91"/>
      <c r="FO3126" s="91"/>
      <c r="FP3126" s="91"/>
      <c r="FQ3126" s="91"/>
      <c r="FR3126" s="91"/>
      <c r="FS3126" s="91"/>
      <c r="FT3126" s="91"/>
      <c r="FU3126" s="91"/>
      <c r="FV3126" s="91"/>
      <c r="FW3126" s="91"/>
      <c r="FX3126" s="127"/>
      <c r="FY3126" s="126"/>
      <c r="FZ3126" s="91"/>
      <c r="GA3126" s="91"/>
      <c r="GB3126" s="91"/>
      <c r="GC3126" s="91"/>
      <c r="GD3126" s="91"/>
      <c r="GE3126" s="91"/>
      <c r="GF3126" s="91"/>
      <c r="GG3126" s="91"/>
      <c r="GH3126" s="91"/>
      <c r="GI3126" s="91"/>
      <c r="GJ3126" s="91"/>
      <c r="GK3126" s="127"/>
      <c r="GL3126" s="126"/>
      <c r="GM3126" s="91"/>
      <c r="GN3126" s="91"/>
      <c r="GO3126" s="91"/>
      <c r="GP3126" s="91"/>
      <c r="GQ3126" s="91"/>
      <c r="GR3126" s="91"/>
      <c r="GS3126" s="91"/>
      <c r="GT3126" s="91"/>
      <c r="GU3126" s="91"/>
      <c r="GV3126" s="91"/>
      <c r="GW3126" s="91"/>
      <c r="GX3126" s="127"/>
      <c r="GY3126" s="126"/>
      <c r="GZ3126" s="91"/>
      <c r="HA3126" s="91"/>
      <c r="HB3126" s="91"/>
      <c r="HC3126" s="91"/>
      <c r="HD3126" s="91"/>
      <c r="HE3126" s="91"/>
      <c r="HF3126" s="91"/>
      <c r="HG3126" s="91"/>
      <c r="HH3126" s="91"/>
      <c r="HI3126" s="91"/>
      <c r="HJ3126" s="91"/>
      <c r="HK3126" s="127"/>
      <c r="HL3126" s="126"/>
      <c r="HM3126" s="91"/>
      <c r="HN3126" s="91"/>
      <c r="HO3126" s="91"/>
      <c r="HP3126" s="91"/>
      <c r="HQ3126" s="91"/>
      <c r="HR3126" s="91"/>
      <c r="HS3126" s="91"/>
      <c r="HT3126" s="91"/>
      <c r="HU3126" s="91"/>
      <c r="HV3126" s="91"/>
      <c r="HW3126" s="91"/>
      <c r="HX3126" s="127"/>
      <c r="HY3126" s="126"/>
      <c r="HZ3126" s="91"/>
      <c r="IA3126" s="91"/>
      <c r="IB3126" s="91"/>
      <c r="IC3126" s="91"/>
      <c r="ID3126" s="91"/>
      <c r="IE3126" s="91"/>
      <c r="IF3126" s="91"/>
      <c r="IG3126" s="91"/>
      <c r="IH3126" s="91"/>
      <c r="II3126" s="91"/>
      <c r="IJ3126" s="91"/>
      <c r="IK3126" s="174"/>
    </row>
    <row r="3127" spans="2:245" x14ac:dyDescent="0.2">
      <c r="B3127" s="43"/>
      <c r="C3127" s="73"/>
      <c r="D3127" s="64"/>
      <c r="E3127" s="64"/>
      <c r="F3127" s="55"/>
      <c r="G3127" s="102"/>
      <c r="H3127" s="97"/>
      <c r="T3127" s="98"/>
      <c r="U3127" s="97"/>
      <c r="AG3127" s="98"/>
      <c r="AY3127" s="164"/>
      <c r="BK3127" s="98"/>
      <c r="BL3127" s="97"/>
      <c r="BX3127" s="98"/>
      <c r="CL3127" s="97"/>
      <c r="CX3127" s="98"/>
      <c r="DL3127" s="97"/>
      <c r="DX3127" s="98"/>
      <c r="EL3127" s="97"/>
      <c r="EX3127" s="98"/>
      <c r="EY3127" s="97"/>
      <c r="FL3127" s="126"/>
      <c r="FM3127" s="91"/>
      <c r="FN3127" s="91"/>
      <c r="FO3127" s="91"/>
      <c r="FP3127" s="91"/>
      <c r="FQ3127" s="91"/>
      <c r="FR3127" s="91"/>
      <c r="FS3127" s="91"/>
      <c r="FT3127" s="91"/>
      <c r="FU3127" s="91"/>
      <c r="FV3127" s="91"/>
      <c r="FW3127" s="91"/>
      <c r="FX3127" s="127"/>
      <c r="FY3127" s="126"/>
      <c r="FZ3127" s="91"/>
      <c r="GA3127" s="91"/>
      <c r="GB3127" s="91"/>
      <c r="GC3127" s="91"/>
      <c r="GD3127" s="91"/>
      <c r="GE3127" s="91"/>
      <c r="GF3127" s="91"/>
      <c r="GG3127" s="91"/>
      <c r="GH3127" s="91"/>
      <c r="GI3127" s="91"/>
      <c r="GJ3127" s="91"/>
      <c r="GK3127" s="127"/>
      <c r="GL3127" s="126"/>
      <c r="GM3127" s="91"/>
      <c r="GN3127" s="91"/>
      <c r="GO3127" s="91"/>
      <c r="GP3127" s="91"/>
      <c r="GQ3127" s="91"/>
      <c r="GR3127" s="91"/>
      <c r="GS3127" s="91"/>
      <c r="GT3127" s="91"/>
      <c r="GU3127" s="91"/>
      <c r="GV3127" s="91"/>
      <c r="GW3127" s="91"/>
      <c r="GX3127" s="127"/>
      <c r="GY3127" s="126"/>
      <c r="GZ3127" s="91"/>
      <c r="HA3127" s="91"/>
      <c r="HB3127" s="91"/>
      <c r="HC3127" s="91"/>
      <c r="HD3127" s="91"/>
      <c r="HE3127" s="91"/>
      <c r="HF3127" s="91"/>
      <c r="HG3127" s="91"/>
      <c r="HH3127" s="91"/>
      <c r="HI3127" s="91"/>
      <c r="HJ3127" s="91"/>
      <c r="HK3127" s="127"/>
      <c r="HL3127" s="126"/>
      <c r="HM3127" s="91"/>
      <c r="HN3127" s="91"/>
      <c r="HO3127" s="91"/>
      <c r="HP3127" s="91"/>
      <c r="HQ3127" s="91"/>
      <c r="HR3127" s="91"/>
      <c r="HS3127" s="91"/>
      <c r="HT3127" s="91"/>
      <c r="HU3127" s="91"/>
      <c r="HV3127" s="91"/>
      <c r="HW3127" s="91"/>
      <c r="HX3127" s="127"/>
      <c r="HY3127" s="126"/>
      <c r="HZ3127" s="91"/>
      <c r="IA3127" s="91"/>
      <c r="IB3127" s="91"/>
      <c r="IC3127" s="91"/>
      <c r="ID3127" s="91"/>
      <c r="IE3127" s="91"/>
      <c r="IF3127" s="91"/>
      <c r="IG3127" s="91"/>
      <c r="IH3127" s="91"/>
      <c r="II3127" s="91"/>
      <c r="IJ3127" s="91"/>
      <c r="IK3127" s="174"/>
    </row>
    <row r="3128" spans="2:245" x14ac:dyDescent="0.2">
      <c r="B3128" s="43"/>
      <c r="C3128" s="73"/>
      <c r="D3128" s="64"/>
      <c r="E3128" s="64"/>
      <c r="F3128" s="55"/>
      <c r="G3128" s="102"/>
      <c r="H3128" s="97"/>
      <c r="T3128" s="98"/>
      <c r="U3128" s="97"/>
      <c r="AG3128" s="98"/>
      <c r="AY3128" s="164"/>
      <c r="BK3128" s="98"/>
      <c r="BL3128" s="97"/>
      <c r="BX3128" s="98"/>
      <c r="CL3128" s="97"/>
      <c r="CX3128" s="98"/>
      <c r="DL3128" s="97"/>
      <c r="DX3128" s="98"/>
      <c r="EL3128" s="97"/>
      <c r="EX3128" s="98"/>
      <c r="EY3128" s="97"/>
      <c r="FL3128" s="126"/>
      <c r="FM3128" s="91"/>
      <c r="FN3128" s="91"/>
      <c r="FO3128" s="91"/>
      <c r="FP3128" s="91"/>
      <c r="FQ3128" s="91"/>
      <c r="FR3128" s="91"/>
      <c r="FS3128" s="91"/>
      <c r="FT3128" s="91"/>
      <c r="FU3128" s="91"/>
      <c r="FV3128" s="91"/>
      <c r="FW3128" s="91"/>
      <c r="FX3128" s="127"/>
      <c r="FY3128" s="126"/>
      <c r="FZ3128" s="91"/>
      <c r="GA3128" s="91"/>
      <c r="GB3128" s="91"/>
      <c r="GC3128" s="91"/>
      <c r="GD3128" s="91"/>
      <c r="GE3128" s="91"/>
      <c r="GF3128" s="91"/>
      <c r="GG3128" s="91"/>
      <c r="GH3128" s="91"/>
      <c r="GI3128" s="91"/>
      <c r="GJ3128" s="91"/>
      <c r="GK3128" s="127"/>
      <c r="GL3128" s="126"/>
      <c r="GM3128" s="91"/>
      <c r="GN3128" s="91"/>
      <c r="GO3128" s="91"/>
      <c r="GP3128" s="91"/>
      <c r="GQ3128" s="91"/>
      <c r="GR3128" s="91"/>
      <c r="GS3128" s="91"/>
      <c r="GT3128" s="91"/>
      <c r="GU3128" s="91"/>
      <c r="GV3128" s="91"/>
      <c r="GW3128" s="91"/>
      <c r="GX3128" s="127"/>
      <c r="GY3128" s="126"/>
      <c r="GZ3128" s="91"/>
      <c r="HA3128" s="91"/>
      <c r="HB3128" s="91"/>
      <c r="HC3128" s="91"/>
      <c r="HD3128" s="91"/>
      <c r="HE3128" s="91"/>
      <c r="HF3128" s="91"/>
      <c r="HG3128" s="91"/>
      <c r="HH3128" s="91"/>
      <c r="HI3128" s="91"/>
      <c r="HJ3128" s="91"/>
      <c r="HK3128" s="127"/>
      <c r="HL3128" s="126"/>
      <c r="HM3128" s="91"/>
      <c r="HN3128" s="91"/>
      <c r="HO3128" s="91"/>
      <c r="HP3128" s="91"/>
      <c r="HQ3128" s="91"/>
      <c r="HR3128" s="91"/>
      <c r="HS3128" s="91"/>
      <c r="HT3128" s="91"/>
      <c r="HU3128" s="91"/>
      <c r="HV3128" s="91"/>
      <c r="HW3128" s="91"/>
      <c r="HX3128" s="127"/>
      <c r="HY3128" s="126"/>
      <c r="HZ3128" s="91"/>
      <c r="IA3128" s="91"/>
      <c r="IB3128" s="91"/>
      <c r="IC3128" s="91"/>
      <c r="ID3128" s="91"/>
      <c r="IE3128" s="91"/>
      <c r="IF3128" s="91"/>
      <c r="IG3128" s="91"/>
      <c r="IH3128" s="91"/>
      <c r="II3128" s="91"/>
      <c r="IJ3128" s="91"/>
      <c r="IK3128" s="174"/>
    </row>
    <row r="3129" spans="2:245" x14ac:dyDescent="0.2">
      <c r="B3129" s="43"/>
      <c r="C3129" s="73"/>
      <c r="D3129" s="64"/>
      <c r="E3129" s="64"/>
      <c r="F3129" s="55"/>
      <c r="G3129" s="102"/>
      <c r="H3129" s="97"/>
      <c r="T3129" s="98"/>
      <c r="U3129" s="97"/>
      <c r="AG3129" s="98"/>
      <c r="AY3129" s="164"/>
      <c r="BK3129" s="98"/>
      <c r="BL3129" s="97"/>
      <c r="BX3129" s="98"/>
      <c r="CL3129" s="97"/>
      <c r="CX3129" s="98"/>
      <c r="DL3129" s="97"/>
      <c r="DX3129" s="98"/>
      <c r="EL3129" s="97"/>
      <c r="EX3129" s="98"/>
      <c r="EY3129" s="97"/>
      <c r="FL3129" s="126"/>
      <c r="FM3129" s="91"/>
      <c r="FN3129" s="91"/>
      <c r="FO3129" s="91"/>
      <c r="FP3129" s="91"/>
      <c r="FQ3129" s="91"/>
      <c r="FR3129" s="91"/>
      <c r="FS3129" s="91"/>
      <c r="FT3129" s="91"/>
      <c r="FU3129" s="91"/>
      <c r="FV3129" s="91"/>
      <c r="FW3129" s="91"/>
      <c r="FX3129" s="127"/>
      <c r="FY3129" s="126"/>
      <c r="FZ3129" s="91"/>
      <c r="GA3129" s="91"/>
      <c r="GB3129" s="91"/>
      <c r="GC3129" s="91"/>
      <c r="GD3129" s="91"/>
      <c r="GE3129" s="91"/>
      <c r="GF3129" s="91"/>
      <c r="GG3129" s="91"/>
      <c r="GH3129" s="91"/>
      <c r="GI3129" s="91"/>
      <c r="GJ3129" s="91"/>
      <c r="GK3129" s="127"/>
      <c r="GL3129" s="126"/>
      <c r="GM3129" s="91"/>
      <c r="GN3129" s="91"/>
      <c r="GO3129" s="91"/>
      <c r="GP3129" s="91"/>
      <c r="GQ3129" s="91"/>
      <c r="GR3129" s="91"/>
      <c r="GS3129" s="91"/>
      <c r="GT3129" s="91"/>
      <c r="GU3129" s="91"/>
      <c r="GV3129" s="91"/>
      <c r="GW3129" s="91"/>
      <c r="GX3129" s="127"/>
      <c r="GY3129" s="126"/>
      <c r="GZ3129" s="91"/>
      <c r="HA3129" s="91"/>
      <c r="HB3129" s="91"/>
      <c r="HC3129" s="91"/>
      <c r="HD3129" s="91"/>
      <c r="HE3129" s="91"/>
      <c r="HF3129" s="91"/>
      <c r="HG3129" s="91"/>
      <c r="HH3129" s="91"/>
      <c r="HI3129" s="91"/>
      <c r="HJ3129" s="91"/>
      <c r="HK3129" s="127"/>
      <c r="HL3129" s="126"/>
      <c r="HM3129" s="91"/>
      <c r="HN3129" s="91"/>
      <c r="HO3129" s="91"/>
      <c r="HP3129" s="91"/>
      <c r="HQ3129" s="91"/>
      <c r="HR3129" s="91"/>
      <c r="HS3129" s="91"/>
      <c r="HT3129" s="91"/>
      <c r="HU3129" s="91"/>
      <c r="HV3129" s="91"/>
      <c r="HW3129" s="91"/>
      <c r="HX3129" s="127"/>
      <c r="HY3129" s="126"/>
      <c r="HZ3129" s="91"/>
      <c r="IA3129" s="91"/>
      <c r="IB3129" s="91"/>
      <c r="IC3129" s="91"/>
      <c r="ID3129" s="91"/>
      <c r="IE3129" s="91"/>
      <c r="IF3129" s="91"/>
      <c r="IG3129" s="91"/>
      <c r="IH3129" s="91"/>
      <c r="II3129" s="91"/>
      <c r="IJ3129" s="91"/>
      <c r="IK3129" s="174"/>
    </row>
    <row r="3130" spans="2:245" x14ac:dyDescent="0.2">
      <c r="B3130" s="43"/>
      <c r="C3130" s="73"/>
      <c r="D3130" s="64"/>
      <c r="E3130" s="64"/>
      <c r="F3130" s="55"/>
      <c r="G3130" s="102"/>
      <c r="H3130" s="97"/>
      <c r="T3130" s="98"/>
      <c r="U3130" s="97"/>
      <c r="AG3130" s="98"/>
      <c r="AY3130" s="164"/>
      <c r="BK3130" s="98"/>
      <c r="BL3130" s="97"/>
      <c r="BX3130" s="98"/>
      <c r="CL3130" s="97"/>
      <c r="CX3130" s="98"/>
      <c r="DL3130" s="97"/>
      <c r="DX3130" s="98"/>
      <c r="EL3130" s="97"/>
      <c r="EX3130" s="98"/>
      <c r="EY3130" s="97"/>
      <c r="FL3130" s="126"/>
      <c r="FM3130" s="91"/>
      <c r="FN3130" s="91"/>
      <c r="FO3130" s="91"/>
      <c r="FP3130" s="91"/>
      <c r="FQ3130" s="91"/>
      <c r="FR3130" s="91"/>
      <c r="FS3130" s="91"/>
      <c r="FT3130" s="91"/>
      <c r="FU3130" s="91"/>
      <c r="FV3130" s="91"/>
      <c r="FW3130" s="91"/>
      <c r="FX3130" s="127"/>
      <c r="FY3130" s="126"/>
      <c r="FZ3130" s="91"/>
      <c r="GA3130" s="91"/>
      <c r="GB3130" s="91"/>
      <c r="GC3130" s="91"/>
      <c r="GD3130" s="91"/>
      <c r="GE3130" s="91"/>
      <c r="GF3130" s="91"/>
      <c r="GG3130" s="91"/>
      <c r="GH3130" s="91"/>
      <c r="GI3130" s="91"/>
      <c r="GJ3130" s="91"/>
      <c r="GK3130" s="127"/>
      <c r="GL3130" s="126"/>
      <c r="GM3130" s="91"/>
      <c r="GN3130" s="91"/>
      <c r="GO3130" s="91"/>
      <c r="GP3130" s="91"/>
      <c r="GQ3130" s="91"/>
      <c r="GR3130" s="91"/>
      <c r="GS3130" s="91"/>
      <c r="GT3130" s="91"/>
      <c r="GU3130" s="91"/>
      <c r="GV3130" s="91"/>
      <c r="GW3130" s="91"/>
      <c r="GX3130" s="127"/>
      <c r="GY3130" s="126"/>
      <c r="GZ3130" s="91"/>
      <c r="HA3130" s="91"/>
      <c r="HB3130" s="91"/>
      <c r="HC3130" s="91"/>
      <c r="HD3130" s="91"/>
      <c r="HE3130" s="91"/>
      <c r="HF3130" s="91"/>
      <c r="HG3130" s="91"/>
      <c r="HH3130" s="91"/>
      <c r="HI3130" s="91"/>
      <c r="HJ3130" s="91"/>
      <c r="HK3130" s="127"/>
      <c r="HL3130" s="126"/>
      <c r="HM3130" s="91"/>
      <c r="HN3130" s="91"/>
      <c r="HO3130" s="91"/>
      <c r="HP3130" s="91"/>
      <c r="HQ3130" s="91"/>
      <c r="HR3130" s="91"/>
      <c r="HS3130" s="91"/>
      <c r="HT3130" s="91"/>
      <c r="HU3130" s="91"/>
      <c r="HV3130" s="91"/>
      <c r="HW3130" s="91"/>
      <c r="HX3130" s="127"/>
      <c r="HY3130" s="126"/>
      <c r="HZ3130" s="91"/>
      <c r="IA3130" s="91"/>
      <c r="IB3130" s="91"/>
      <c r="IC3130" s="91"/>
      <c r="ID3130" s="91"/>
      <c r="IE3130" s="91"/>
      <c r="IF3130" s="91"/>
      <c r="IG3130" s="91"/>
      <c r="IH3130" s="91"/>
      <c r="II3130" s="91"/>
      <c r="IJ3130" s="91"/>
      <c r="IK3130" s="174"/>
    </row>
    <row r="3131" spans="2:245" x14ac:dyDescent="0.2">
      <c r="B3131" s="43"/>
      <c r="C3131" s="73"/>
      <c r="D3131" s="64"/>
      <c r="E3131" s="64"/>
      <c r="F3131" s="55"/>
      <c r="G3131" s="102"/>
      <c r="H3131" s="97"/>
      <c r="T3131" s="98"/>
      <c r="U3131" s="97"/>
      <c r="AG3131" s="98"/>
      <c r="AY3131" s="164"/>
      <c r="BK3131" s="98"/>
      <c r="BL3131" s="97"/>
      <c r="BX3131" s="98"/>
      <c r="CL3131" s="97"/>
      <c r="CX3131" s="98"/>
      <c r="DL3131" s="97"/>
      <c r="DX3131" s="98"/>
      <c r="EL3131" s="97"/>
      <c r="EX3131" s="98"/>
      <c r="EY3131" s="97"/>
      <c r="FL3131" s="126"/>
      <c r="FM3131" s="91"/>
      <c r="FN3131" s="91"/>
      <c r="FO3131" s="91"/>
      <c r="FP3131" s="91"/>
      <c r="FQ3131" s="91"/>
      <c r="FR3131" s="91"/>
      <c r="FS3131" s="91"/>
      <c r="FT3131" s="91"/>
      <c r="FU3131" s="91"/>
      <c r="FV3131" s="91"/>
      <c r="FW3131" s="91"/>
      <c r="FX3131" s="127"/>
      <c r="FY3131" s="126"/>
      <c r="FZ3131" s="91"/>
      <c r="GA3131" s="91"/>
      <c r="GB3131" s="91"/>
      <c r="GC3131" s="91"/>
      <c r="GD3131" s="91"/>
      <c r="GE3131" s="91"/>
      <c r="GF3131" s="91"/>
      <c r="GG3131" s="91"/>
      <c r="GH3131" s="91"/>
      <c r="GI3131" s="91"/>
      <c r="GJ3131" s="91"/>
      <c r="GK3131" s="127"/>
      <c r="GL3131" s="126"/>
      <c r="GM3131" s="91"/>
      <c r="GN3131" s="91"/>
      <c r="GO3131" s="91"/>
      <c r="GP3131" s="91"/>
      <c r="GQ3131" s="91"/>
      <c r="GR3131" s="91"/>
      <c r="GS3131" s="91"/>
      <c r="GT3131" s="91"/>
      <c r="GU3131" s="91"/>
      <c r="GV3131" s="91"/>
      <c r="GW3131" s="91"/>
      <c r="GX3131" s="127"/>
      <c r="GY3131" s="126"/>
      <c r="GZ3131" s="91"/>
      <c r="HA3131" s="91"/>
      <c r="HB3131" s="91"/>
      <c r="HC3131" s="91"/>
      <c r="HD3131" s="91"/>
      <c r="HE3131" s="91"/>
      <c r="HF3131" s="91"/>
      <c r="HG3131" s="91"/>
      <c r="HH3131" s="91"/>
      <c r="HI3131" s="91"/>
      <c r="HJ3131" s="91"/>
      <c r="HK3131" s="127"/>
      <c r="HL3131" s="126"/>
      <c r="HM3131" s="91"/>
      <c r="HN3131" s="91"/>
      <c r="HO3131" s="91"/>
      <c r="HP3131" s="91"/>
      <c r="HQ3131" s="91"/>
      <c r="HR3131" s="91"/>
      <c r="HS3131" s="91"/>
      <c r="HT3131" s="91"/>
      <c r="HU3131" s="91"/>
      <c r="HV3131" s="91"/>
      <c r="HW3131" s="91"/>
      <c r="HX3131" s="127"/>
      <c r="HY3131" s="126"/>
      <c r="HZ3131" s="91"/>
      <c r="IA3131" s="91"/>
      <c r="IB3131" s="91"/>
      <c r="IC3131" s="91"/>
      <c r="ID3131" s="91"/>
      <c r="IE3131" s="91"/>
      <c r="IF3131" s="91"/>
      <c r="IG3131" s="91"/>
      <c r="IH3131" s="91"/>
      <c r="II3131" s="91"/>
      <c r="IJ3131" s="91"/>
      <c r="IK3131" s="174"/>
    </row>
    <row r="3132" spans="2:245" x14ac:dyDescent="0.2">
      <c r="B3132" s="43"/>
      <c r="C3132" s="73"/>
      <c r="D3132" s="64"/>
      <c r="E3132" s="64"/>
      <c r="F3132" s="55"/>
      <c r="G3132" s="102"/>
      <c r="H3132" s="97"/>
      <c r="T3132" s="98"/>
      <c r="U3132" s="97"/>
      <c r="AG3132" s="98"/>
      <c r="AY3132" s="164"/>
      <c r="BK3132" s="98"/>
      <c r="BL3132" s="97"/>
      <c r="BX3132" s="98"/>
      <c r="CL3132" s="97"/>
      <c r="CX3132" s="98"/>
      <c r="DL3132" s="97"/>
      <c r="DX3132" s="98"/>
      <c r="EL3132" s="97"/>
      <c r="EX3132" s="98"/>
      <c r="EY3132" s="97"/>
      <c r="FL3132" s="126"/>
      <c r="FM3132" s="91"/>
      <c r="FN3132" s="91"/>
      <c r="FO3132" s="91"/>
      <c r="FP3132" s="91"/>
      <c r="FQ3132" s="91"/>
      <c r="FR3132" s="91"/>
      <c r="FS3132" s="91"/>
      <c r="FT3132" s="91"/>
      <c r="FU3132" s="91"/>
      <c r="FV3132" s="91"/>
      <c r="FW3132" s="91"/>
      <c r="FX3132" s="127"/>
      <c r="FY3132" s="126"/>
      <c r="FZ3132" s="91"/>
      <c r="GA3132" s="91"/>
      <c r="GB3132" s="91"/>
      <c r="GC3132" s="91"/>
      <c r="GD3132" s="91"/>
      <c r="GE3132" s="91"/>
      <c r="GF3132" s="91"/>
      <c r="GG3132" s="91"/>
      <c r="GH3132" s="91"/>
      <c r="GI3132" s="91"/>
      <c r="GJ3132" s="91"/>
      <c r="GK3132" s="127"/>
      <c r="GL3132" s="126"/>
      <c r="GM3132" s="91"/>
      <c r="GN3132" s="91"/>
      <c r="GO3132" s="91"/>
      <c r="GP3132" s="91"/>
      <c r="GQ3132" s="91"/>
      <c r="GR3132" s="91"/>
      <c r="GS3132" s="91"/>
      <c r="GT3132" s="91"/>
      <c r="GU3132" s="91"/>
      <c r="GV3132" s="91"/>
      <c r="GW3132" s="91"/>
      <c r="GX3132" s="127"/>
      <c r="GY3132" s="126"/>
      <c r="GZ3132" s="91"/>
      <c r="HA3132" s="91"/>
      <c r="HB3132" s="91"/>
      <c r="HC3132" s="91"/>
      <c r="HD3132" s="91"/>
      <c r="HE3132" s="91"/>
      <c r="HF3132" s="91"/>
      <c r="HG3132" s="91"/>
      <c r="HH3132" s="91"/>
      <c r="HI3132" s="91"/>
      <c r="HJ3132" s="91"/>
      <c r="HK3132" s="127"/>
      <c r="HL3132" s="126"/>
      <c r="HM3132" s="91"/>
      <c r="HN3132" s="91"/>
      <c r="HO3132" s="91"/>
      <c r="HP3132" s="91"/>
      <c r="HQ3132" s="91"/>
      <c r="HR3132" s="91"/>
      <c r="HS3132" s="91"/>
      <c r="HT3132" s="91"/>
      <c r="HU3132" s="91"/>
      <c r="HV3132" s="91"/>
      <c r="HW3132" s="91"/>
      <c r="HX3132" s="127"/>
      <c r="HY3132" s="126"/>
      <c r="HZ3132" s="91"/>
      <c r="IA3132" s="91"/>
      <c r="IB3132" s="91"/>
      <c r="IC3132" s="91"/>
      <c r="ID3132" s="91"/>
      <c r="IE3132" s="91"/>
      <c r="IF3132" s="91"/>
      <c r="IG3132" s="91"/>
      <c r="IH3132" s="91"/>
      <c r="II3132" s="91"/>
      <c r="IJ3132" s="91"/>
      <c r="IK3132" s="174"/>
    </row>
    <row r="3133" spans="2:245" x14ac:dyDescent="0.2">
      <c r="B3133" s="43"/>
      <c r="C3133" s="73"/>
      <c r="D3133" s="64"/>
      <c r="E3133" s="64"/>
      <c r="F3133" s="55"/>
      <c r="G3133" s="102"/>
      <c r="H3133" s="97"/>
      <c r="T3133" s="98"/>
      <c r="U3133" s="97"/>
      <c r="AG3133" s="98"/>
      <c r="AY3133" s="164"/>
      <c r="BK3133" s="98"/>
      <c r="BL3133" s="97"/>
      <c r="BX3133" s="98"/>
      <c r="CL3133" s="97"/>
      <c r="CX3133" s="98"/>
      <c r="DL3133" s="97"/>
      <c r="DX3133" s="98"/>
      <c r="EL3133" s="97"/>
      <c r="EX3133" s="98"/>
      <c r="EY3133" s="97"/>
      <c r="FL3133" s="126"/>
      <c r="FM3133" s="91"/>
      <c r="FN3133" s="91"/>
      <c r="FO3133" s="91"/>
      <c r="FP3133" s="91"/>
      <c r="FQ3133" s="91"/>
      <c r="FR3133" s="91"/>
      <c r="FS3133" s="91"/>
      <c r="FT3133" s="91"/>
      <c r="FU3133" s="91"/>
      <c r="FV3133" s="91"/>
      <c r="FW3133" s="91"/>
      <c r="FX3133" s="127"/>
      <c r="FY3133" s="126"/>
      <c r="FZ3133" s="91"/>
      <c r="GA3133" s="91"/>
      <c r="GB3133" s="91"/>
      <c r="GC3133" s="91"/>
      <c r="GD3133" s="91"/>
      <c r="GE3133" s="91"/>
      <c r="GF3133" s="91"/>
      <c r="GG3133" s="91"/>
      <c r="GH3133" s="91"/>
      <c r="GI3133" s="91"/>
      <c r="GJ3133" s="91"/>
      <c r="GK3133" s="127"/>
      <c r="GL3133" s="126"/>
      <c r="GM3133" s="91"/>
      <c r="GN3133" s="91"/>
      <c r="GO3133" s="91"/>
      <c r="GP3133" s="91"/>
      <c r="GQ3133" s="91"/>
      <c r="GR3133" s="91"/>
      <c r="GS3133" s="91"/>
      <c r="GT3133" s="91"/>
      <c r="GU3133" s="91"/>
      <c r="GV3133" s="91"/>
      <c r="GW3133" s="91"/>
      <c r="GX3133" s="127"/>
      <c r="GY3133" s="126"/>
      <c r="GZ3133" s="91"/>
      <c r="HA3133" s="91"/>
      <c r="HB3133" s="91"/>
      <c r="HC3133" s="91"/>
      <c r="HD3133" s="91"/>
      <c r="HE3133" s="91"/>
      <c r="HF3133" s="91"/>
      <c r="HG3133" s="91"/>
      <c r="HH3133" s="91"/>
      <c r="HI3133" s="91"/>
      <c r="HJ3133" s="91"/>
      <c r="HK3133" s="127"/>
      <c r="HL3133" s="126"/>
      <c r="HM3133" s="91"/>
      <c r="HN3133" s="91"/>
      <c r="HO3133" s="91"/>
      <c r="HP3133" s="91"/>
      <c r="HQ3133" s="91"/>
      <c r="HR3133" s="91"/>
      <c r="HS3133" s="91"/>
      <c r="HT3133" s="91"/>
      <c r="HU3133" s="91"/>
      <c r="HV3133" s="91"/>
      <c r="HW3133" s="91"/>
      <c r="HX3133" s="127"/>
      <c r="HY3133" s="126"/>
      <c r="HZ3133" s="91"/>
      <c r="IA3133" s="91"/>
      <c r="IB3133" s="91"/>
      <c r="IC3133" s="91"/>
      <c r="ID3133" s="91"/>
      <c r="IE3133" s="91"/>
      <c r="IF3133" s="91"/>
      <c r="IG3133" s="91"/>
      <c r="IH3133" s="91"/>
      <c r="II3133" s="91"/>
      <c r="IJ3133" s="91"/>
      <c r="IK3133" s="174"/>
    </row>
    <row r="3134" spans="2:245" x14ac:dyDescent="0.2">
      <c r="B3134" s="43"/>
      <c r="C3134" s="73"/>
      <c r="D3134" s="64"/>
      <c r="E3134" s="64"/>
      <c r="F3134" s="55"/>
      <c r="G3134" s="102"/>
      <c r="H3134" s="97"/>
      <c r="T3134" s="98"/>
      <c r="U3134" s="97"/>
      <c r="AG3134" s="98"/>
      <c r="AY3134" s="164"/>
      <c r="BK3134" s="98"/>
      <c r="BL3134" s="97"/>
      <c r="BX3134" s="98"/>
      <c r="CL3134" s="97"/>
      <c r="CX3134" s="98"/>
      <c r="DL3134" s="97"/>
      <c r="DX3134" s="98"/>
      <c r="EL3134" s="97"/>
      <c r="EX3134" s="98"/>
      <c r="EY3134" s="97"/>
      <c r="FL3134" s="126"/>
      <c r="FM3134" s="91"/>
      <c r="FN3134" s="91"/>
      <c r="FO3134" s="91"/>
      <c r="FP3134" s="91"/>
      <c r="FQ3134" s="91"/>
      <c r="FR3134" s="91"/>
      <c r="FS3134" s="91"/>
      <c r="FT3134" s="91"/>
      <c r="FU3134" s="91"/>
      <c r="FV3134" s="91"/>
      <c r="FW3134" s="91"/>
      <c r="FX3134" s="127"/>
      <c r="FY3134" s="126"/>
      <c r="FZ3134" s="91"/>
      <c r="GA3134" s="91"/>
      <c r="GB3134" s="91"/>
      <c r="GC3134" s="91"/>
      <c r="GD3134" s="91"/>
      <c r="GE3134" s="91"/>
      <c r="GF3134" s="91"/>
      <c r="GG3134" s="91"/>
      <c r="GH3134" s="91"/>
      <c r="GI3134" s="91"/>
      <c r="GJ3134" s="91"/>
      <c r="GK3134" s="127"/>
      <c r="GL3134" s="126"/>
      <c r="GM3134" s="91"/>
      <c r="GN3134" s="91"/>
      <c r="GO3134" s="91"/>
      <c r="GP3134" s="91"/>
      <c r="GQ3134" s="91"/>
      <c r="GR3134" s="91"/>
      <c r="GS3134" s="91"/>
      <c r="GT3134" s="91"/>
      <c r="GU3134" s="91"/>
      <c r="GV3134" s="91"/>
      <c r="GW3134" s="91"/>
      <c r="GX3134" s="127"/>
      <c r="GY3134" s="126"/>
      <c r="GZ3134" s="91"/>
      <c r="HA3134" s="91"/>
      <c r="HB3134" s="91"/>
      <c r="HC3134" s="91"/>
      <c r="HD3134" s="91"/>
      <c r="HE3134" s="91"/>
      <c r="HF3134" s="91"/>
      <c r="HG3134" s="91"/>
      <c r="HH3134" s="91"/>
      <c r="HI3134" s="91"/>
      <c r="HJ3134" s="91"/>
      <c r="HK3134" s="127"/>
      <c r="HL3134" s="126"/>
      <c r="HM3134" s="91"/>
      <c r="HN3134" s="91"/>
      <c r="HO3134" s="91"/>
      <c r="HP3134" s="91"/>
      <c r="HQ3134" s="91"/>
      <c r="HR3134" s="91"/>
      <c r="HS3134" s="91"/>
      <c r="HT3134" s="91"/>
      <c r="HU3134" s="91"/>
      <c r="HV3134" s="91"/>
      <c r="HW3134" s="91"/>
      <c r="HX3134" s="127"/>
      <c r="HY3134" s="126"/>
      <c r="HZ3134" s="91"/>
      <c r="IA3134" s="91"/>
      <c r="IB3134" s="91"/>
      <c r="IC3134" s="91"/>
      <c r="ID3134" s="91"/>
      <c r="IE3134" s="91"/>
      <c r="IF3134" s="91"/>
      <c r="IG3134" s="91"/>
      <c r="IH3134" s="91"/>
      <c r="II3134" s="91"/>
      <c r="IJ3134" s="91"/>
      <c r="IK3134" s="174"/>
    </row>
    <row r="3135" spans="2:245" x14ac:dyDescent="0.2">
      <c r="B3135" s="43"/>
      <c r="C3135" s="73"/>
      <c r="D3135" s="64"/>
      <c r="E3135" s="64"/>
      <c r="F3135" s="55"/>
      <c r="G3135" s="102"/>
      <c r="H3135" s="97"/>
      <c r="T3135" s="98"/>
      <c r="U3135" s="97"/>
      <c r="AG3135" s="98"/>
      <c r="AY3135" s="164"/>
      <c r="BK3135" s="98"/>
      <c r="BL3135" s="97"/>
      <c r="BX3135" s="98"/>
      <c r="CL3135" s="97"/>
      <c r="CX3135" s="98"/>
      <c r="DL3135" s="97"/>
      <c r="DX3135" s="98"/>
      <c r="EL3135" s="97"/>
      <c r="EX3135" s="98"/>
      <c r="EY3135" s="97"/>
      <c r="FL3135" s="126"/>
      <c r="FM3135" s="91"/>
      <c r="FN3135" s="91"/>
      <c r="FO3135" s="91"/>
      <c r="FP3135" s="91"/>
      <c r="FQ3135" s="91"/>
      <c r="FR3135" s="91"/>
      <c r="FS3135" s="91"/>
      <c r="FT3135" s="91"/>
      <c r="FU3135" s="91"/>
      <c r="FV3135" s="91"/>
      <c r="FW3135" s="91"/>
      <c r="FX3135" s="127"/>
      <c r="FY3135" s="126"/>
      <c r="FZ3135" s="91"/>
      <c r="GA3135" s="91"/>
      <c r="GB3135" s="91"/>
      <c r="GC3135" s="91"/>
      <c r="GD3135" s="91"/>
      <c r="GE3135" s="91"/>
      <c r="GF3135" s="91"/>
      <c r="GG3135" s="91"/>
      <c r="GH3135" s="91"/>
      <c r="GI3135" s="91"/>
      <c r="GJ3135" s="91"/>
      <c r="GK3135" s="127"/>
      <c r="GL3135" s="126"/>
      <c r="GM3135" s="91"/>
      <c r="GN3135" s="91"/>
      <c r="GO3135" s="91"/>
      <c r="GP3135" s="91"/>
      <c r="GQ3135" s="91"/>
      <c r="GR3135" s="91"/>
      <c r="GS3135" s="91"/>
      <c r="GT3135" s="91"/>
      <c r="GU3135" s="91"/>
      <c r="GV3135" s="91"/>
      <c r="GW3135" s="91"/>
      <c r="GX3135" s="127"/>
      <c r="GY3135" s="126"/>
      <c r="GZ3135" s="91"/>
      <c r="HA3135" s="91"/>
      <c r="HB3135" s="91"/>
      <c r="HC3135" s="91"/>
      <c r="HD3135" s="91"/>
      <c r="HE3135" s="91"/>
      <c r="HF3135" s="91"/>
      <c r="HG3135" s="91"/>
      <c r="HH3135" s="91"/>
      <c r="HI3135" s="91"/>
      <c r="HJ3135" s="91"/>
      <c r="HK3135" s="127"/>
      <c r="HL3135" s="126"/>
      <c r="HM3135" s="91"/>
      <c r="HN3135" s="91"/>
      <c r="HO3135" s="91"/>
      <c r="HP3135" s="91"/>
      <c r="HQ3135" s="91"/>
      <c r="HR3135" s="91"/>
      <c r="HS3135" s="91"/>
      <c r="HT3135" s="91"/>
      <c r="HU3135" s="91"/>
      <c r="HV3135" s="91"/>
      <c r="HW3135" s="91"/>
      <c r="HX3135" s="127"/>
      <c r="HY3135" s="126"/>
      <c r="HZ3135" s="91"/>
      <c r="IA3135" s="91"/>
      <c r="IB3135" s="91"/>
      <c r="IC3135" s="91"/>
      <c r="ID3135" s="91"/>
      <c r="IE3135" s="91"/>
      <c r="IF3135" s="91"/>
      <c r="IG3135" s="91"/>
      <c r="IH3135" s="91"/>
      <c r="II3135" s="91"/>
      <c r="IJ3135" s="91"/>
      <c r="IK3135" s="174"/>
    </row>
    <row r="3136" spans="2:245" x14ac:dyDescent="0.2">
      <c r="B3136" s="43"/>
      <c r="C3136" s="73"/>
      <c r="D3136" s="64"/>
      <c r="E3136" s="64"/>
      <c r="F3136" s="55"/>
      <c r="G3136" s="102"/>
      <c r="H3136" s="97"/>
      <c r="T3136" s="98"/>
      <c r="U3136" s="97"/>
      <c r="AG3136" s="98"/>
      <c r="AY3136" s="164"/>
      <c r="BK3136" s="98"/>
      <c r="BL3136" s="97"/>
      <c r="BX3136" s="98"/>
      <c r="CL3136" s="97"/>
      <c r="CX3136" s="98"/>
      <c r="DL3136" s="97"/>
      <c r="DX3136" s="98"/>
      <c r="EL3136" s="97"/>
      <c r="EX3136" s="98"/>
      <c r="EY3136" s="97"/>
      <c r="FL3136" s="126"/>
      <c r="FM3136" s="91"/>
      <c r="FN3136" s="91"/>
      <c r="FO3136" s="91"/>
      <c r="FP3136" s="91"/>
      <c r="FQ3136" s="91"/>
      <c r="FR3136" s="91"/>
      <c r="FS3136" s="91"/>
      <c r="FT3136" s="91"/>
      <c r="FU3136" s="91"/>
      <c r="FV3136" s="91"/>
      <c r="FW3136" s="91"/>
      <c r="FX3136" s="127"/>
      <c r="FY3136" s="126"/>
      <c r="FZ3136" s="91"/>
      <c r="GA3136" s="91"/>
      <c r="GB3136" s="91"/>
      <c r="GC3136" s="91"/>
      <c r="GD3136" s="91"/>
      <c r="GE3136" s="91"/>
      <c r="GF3136" s="91"/>
      <c r="GG3136" s="91"/>
      <c r="GH3136" s="91"/>
      <c r="GI3136" s="91"/>
      <c r="GJ3136" s="91"/>
      <c r="GK3136" s="127"/>
      <c r="GL3136" s="126"/>
      <c r="GM3136" s="91"/>
      <c r="GN3136" s="91"/>
      <c r="GO3136" s="91"/>
      <c r="GP3136" s="91"/>
      <c r="GQ3136" s="91"/>
      <c r="GR3136" s="91"/>
      <c r="GS3136" s="91"/>
      <c r="GT3136" s="91"/>
      <c r="GU3136" s="91"/>
      <c r="GV3136" s="91"/>
      <c r="GW3136" s="91"/>
      <c r="GX3136" s="127"/>
      <c r="GY3136" s="126"/>
      <c r="GZ3136" s="91"/>
      <c r="HA3136" s="91"/>
      <c r="HB3136" s="91"/>
      <c r="HC3136" s="91"/>
      <c r="HD3136" s="91"/>
      <c r="HE3136" s="91"/>
      <c r="HF3136" s="91"/>
      <c r="HG3136" s="91"/>
      <c r="HH3136" s="91"/>
      <c r="HI3136" s="91"/>
      <c r="HJ3136" s="91"/>
      <c r="HK3136" s="127"/>
      <c r="HL3136" s="126"/>
      <c r="HM3136" s="91"/>
      <c r="HN3136" s="91"/>
      <c r="HO3136" s="91"/>
      <c r="HP3136" s="91"/>
      <c r="HQ3136" s="91"/>
      <c r="HR3136" s="91"/>
      <c r="HS3136" s="91"/>
      <c r="HT3136" s="91"/>
      <c r="HU3136" s="91"/>
      <c r="HV3136" s="91"/>
      <c r="HW3136" s="91"/>
      <c r="HX3136" s="127"/>
      <c r="HY3136" s="126"/>
      <c r="HZ3136" s="91"/>
      <c r="IA3136" s="91"/>
      <c r="IB3136" s="91"/>
      <c r="IC3136" s="91"/>
      <c r="ID3136" s="91"/>
      <c r="IE3136" s="91"/>
      <c r="IF3136" s="91"/>
      <c r="IG3136" s="91"/>
      <c r="IH3136" s="91"/>
      <c r="II3136" s="91"/>
      <c r="IJ3136" s="91"/>
      <c r="IK3136" s="174"/>
    </row>
    <row r="3137" spans="2:245" x14ac:dyDescent="0.2">
      <c r="B3137" s="43"/>
      <c r="C3137" s="73"/>
      <c r="D3137" s="64"/>
      <c r="E3137" s="64"/>
      <c r="F3137" s="55"/>
      <c r="G3137" s="102"/>
      <c r="H3137" s="97"/>
      <c r="T3137" s="98"/>
      <c r="U3137" s="97"/>
      <c r="AG3137" s="98"/>
      <c r="AY3137" s="164"/>
      <c r="BK3137" s="98"/>
      <c r="BL3137" s="97"/>
      <c r="BX3137" s="98"/>
      <c r="CL3137" s="97"/>
      <c r="CX3137" s="98"/>
      <c r="DL3137" s="97"/>
      <c r="DX3137" s="98"/>
      <c r="EL3137" s="97"/>
      <c r="EX3137" s="98"/>
      <c r="EY3137" s="97"/>
      <c r="FL3137" s="126"/>
      <c r="FM3137" s="91"/>
      <c r="FN3137" s="91"/>
      <c r="FO3137" s="91"/>
      <c r="FP3137" s="91"/>
      <c r="FQ3137" s="91"/>
      <c r="FR3137" s="91"/>
      <c r="FS3137" s="91"/>
      <c r="FT3137" s="91"/>
      <c r="FU3137" s="91"/>
      <c r="FV3137" s="91"/>
      <c r="FW3137" s="91"/>
      <c r="FX3137" s="127"/>
      <c r="FY3137" s="126"/>
      <c r="FZ3137" s="91"/>
      <c r="GA3137" s="91"/>
      <c r="GB3137" s="91"/>
      <c r="GC3137" s="91"/>
      <c r="GD3137" s="91"/>
      <c r="GE3137" s="91"/>
      <c r="GF3137" s="91"/>
      <c r="GG3137" s="91"/>
      <c r="GH3137" s="91"/>
      <c r="GI3137" s="91"/>
      <c r="GJ3137" s="91"/>
      <c r="GK3137" s="127"/>
      <c r="GL3137" s="126"/>
      <c r="GM3137" s="91"/>
      <c r="GN3137" s="91"/>
      <c r="GO3137" s="91"/>
      <c r="GP3137" s="91"/>
      <c r="GQ3137" s="91"/>
      <c r="GR3137" s="91"/>
      <c r="GS3137" s="91"/>
      <c r="GT3137" s="91"/>
      <c r="GU3137" s="91"/>
      <c r="GV3137" s="91"/>
      <c r="GW3137" s="91"/>
      <c r="GX3137" s="127"/>
      <c r="GY3137" s="126"/>
      <c r="GZ3137" s="91"/>
      <c r="HA3137" s="91"/>
      <c r="HB3137" s="91"/>
      <c r="HC3137" s="91"/>
      <c r="HD3137" s="91"/>
      <c r="HE3137" s="91"/>
      <c r="HF3137" s="91"/>
      <c r="HG3137" s="91"/>
      <c r="HH3137" s="91"/>
      <c r="HI3137" s="91"/>
      <c r="HJ3137" s="91"/>
      <c r="HK3137" s="127"/>
      <c r="HL3137" s="126"/>
      <c r="HM3137" s="91"/>
      <c r="HN3137" s="91"/>
      <c r="HO3137" s="91"/>
      <c r="HP3137" s="91"/>
      <c r="HQ3137" s="91"/>
      <c r="HR3137" s="91"/>
      <c r="HS3137" s="91"/>
      <c r="HT3137" s="91"/>
      <c r="HU3137" s="91"/>
      <c r="HV3137" s="91"/>
      <c r="HW3137" s="91"/>
      <c r="HX3137" s="127"/>
      <c r="HY3137" s="126"/>
      <c r="HZ3137" s="91"/>
      <c r="IA3137" s="91"/>
      <c r="IB3137" s="91"/>
      <c r="IC3137" s="91"/>
      <c r="ID3137" s="91"/>
      <c r="IE3137" s="91"/>
      <c r="IF3137" s="91"/>
      <c r="IG3137" s="91"/>
      <c r="IH3137" s="91"/>
      <c r="II3137" s="91"/>
      <c r="IJ3137" s="91"/>
      <c r="IK3137" s="174"/>
    </row>
    <row r="3138" spans="2:245" x14ac:dyDescent="0.2">
      <c r="B3138" s="43"/>
      <c r="C3138" s="73"/>
      <c r="D3138" s="64"/>
      <c r="E3138" s="64"/>
      <c r="F3138" s="55"/>
      <c r="G3138" s="102"/>
      <c r="H3138" s="97"/>
      <c r="T3138" s="98"/>
      <c r="U3138" s="97"/>
      <c r="AG3138" s="98"/>
      <c r="AY3138" s="164"/>
      <c r="BK3138" s="98"/>
      <c r="BL3138" s="97"/>
      <c r="BX3138" s="98"/>
      <c r="CL3138" s="97"/>
      <c r="CX3138" s="98"/>
      <c r="DL3138" s="97"/>
      <c r="DX3138" s="98"/>
      <c r="EL3138" s="97"/>
      <c r="EX3138" s="98"/>
      <c r="EY3138" s="97"/>
      <c r="FL3138" s="126"/>
      <c r="FM3138" s="91"/>
      <c r="FN3138" s="91"/>
      <c r="FO3138" s="91"/>
      <c r="FP3138" s="91"/>
      <c r="FQ3138" s="91"/>
      <c r="FR3138" s="91"/>
      <c r="FS3138" s="91"/>
      <c r="FT3138" s="91"/>
      <c r="FU3138" s="91"/>
      <c r="FV3138" s="91"/>
      <c r="FW3138" s="91"/>
      <c r="FX3138" s="127"/>
      <c r="FY3138" s="126"/>
      <c r="FZ3138" s="91"/>
      <c r="GA3138" s="91"/>
      <c r="GB3138" s="91"/>
      <c r="GC3138" s="91"/>
      <c r="GD3138" s="91"/>
      <c r="GE3138" s="91"/>
      <c r="GF3138" s="91"/>
      <c r="GG3138" s="91"/>
      <c r="GH3138" s="91"/>
      <c r="GI3138" s="91"/>
      <c r="GJ3138" s="91"/>
      <c r="GK3138" s="127"/>
      <c r="GL3138" s="126"/>
      <c r="GM3138" s="91"/>
      <c r="GN3138" s="91"/>
      <c r="GO3138" s="91"/>
      <c r="GP3138" s="91"/>
      <c r="GQ3138" s="91"/>
      <c r="GR3138" s="91"/>
      <c r="GS3138" s="91"/>
      <c r="GT3138" s="91"/>
      <c r="GU3138" s="91"/>
      <c r="GV3138" s="91"/>
      <c r="GW3138" s="91"/>
      <c r="GX3138" s="127"/>
      <c r="GY3138" s="126"/>
      <c r="GZ3138" s="91"/>
      <c r="HA3138" s="91"/>
      <c r="HB3138" s="91"/>
      <c r="HC3138" s="91"/>
      <c r="HD3138" s="91"/>
      <c r="HE3138" s="91"/>
      <c r="HF3138" s="91"/>
      <c r="HG3138" s="91"/>
      <c r="HH3138" s="91"/>
      <c r="HI3138" s="91"/>
      <c r="HJ3138" s="91"/>
      <c r="HK3138" s="127"/>
      <c r="HL3138" s="126"/>
      <c r="HM3138" s="91"/>
      <c r="HN3138" s="91"/>
      <c r="HO3138" s="91"/>
      <c r="HP3138" s="91"/>
      <c r="HQ3138" s="91"/>
      <c r="HR3138" s="91"/>
      <c r="HS3138" s="91"/>
      <c r="HT3138" s="91"/>
      <c r="HU3138" s="91"/>
      <c r="HV3138" s="91"/>
      <c r="HW3138" s="91"/>
      <c r="HX3138" s="127"/>
      <c r="HY3138" s="126"/>
      <c r="HZ3138" s="91"/>
      <c r="IA3138" s="91"/>
      <c r="IB3138" s="91"/>
      <c r="IC3138" s="91"/>
      <c r="ID3138" s="91"/>
      <c r="IE3138" s="91"/>
      <c r="IF3138" s="91"/>
      <c r="IG3138" s="91"/>
      <c r="IH3138" s="91"/>
      <c r="II3138" s="91"/>
      <c r="IJ3138" s="91"/>
      <c r="IK3138" s="174"/>
    </row>
    <row r="3139" spans="2:245" x14ac:dyDescent="0.2">
      <c r="B3139" s="43"/>
      <c r="C3139" s="73"/>
      <c r="D3139" s="64"/>
      <c r="E3139" s="64"/>
      <c r="F3139" s="55"/>
      <c r="G3139" s="102"/>
      <c r="H3139" s="97"/>
      <c r="T3139" s="98"/>
      <c r="U3139" s="97"/>
      <c r="AG3139" s="98"/>
      <c r="AY3139" s="164"/>
      <c r="BK3139" s="98"/>
      <c r="BL3139" s="97"/>
      <c r="BX3139" s="98"/>
      <c r="CL3139" s="97"/>
      <c r="CX3139" s="98"/>
      <c r="DL3139" s="97"/>
      <c r="DX3139" s="98"/>
      <c r="EL3139" s="97"/>
      <c r="EX3139" s="98"/>
      <c r="EY3139" s="97"/>
      <c r="FL3139" s="126"/>
      <c r="FM3139" s="91"/>
      <c r="FN3139" s="91"/>
      <c r="FO3139" s="91"/>
      <c r="FP3139" s="91"/>
      <c r="FQ3139" s="91"/>
      <c r="FR3139" s="91"/>
      <c r="FS3139" s="91"/>
      <c r="FT3139" s="91"/>
      <c r="FU3139" s="91"/>
      <c r="FV3139" s="91"/>
      <c r="FW3139" s="91"/>
      <c r="FX3139" s="127"/>
      <c r="FY3139" s="126"/>
      <c r="FZ3139" s="91"/>
      <c r="GA3139" s="91"/>
      <c r="GB3139" s="91"/>
      <c r="GC3139" s="91"/>
      <c r="GD3139" s="91"/>
      <c r="GE3139" s="91"/>
      <c r="GF3139" s="91"/>
      <c r="GG3139" s="91"/>
      <c r="GH3139" s="91"/>
      <c r="GI3139" s="91"/>
      <c r="GJ3139" s="91"/>
      <c r="GK3139" s="127"/>
      <c r="GL3139" s="126"/>
      <c r="GM3139" s="91"/>
      <c r="GN3139" s="91"/>
      <c r="GO3139" s="91"/>
      <c r="GP3139" s="91"/>
      <c r="GQ3139" s="91"/>
      <c r="GR3139" s="91"/>
      <c r="GS3139" s="91"/>
      <c r="GT3139" s="91"/>
      <c r="GU3139" s="91"/>
      <c r="GV3139" s="91"/>
      <c r="GW3139" s="91"/>
      <c r="GX3139" s="127"/>
      <c r="GY3139" s="126"/>
      <c r="GZ3139" s="91"/>
      <c r="HA3139" s="91"/>
      <c r="HB3139" s="91"/>
      <c r="HC3139" s="91"/>
      <c r="HD3139" s="91"/>
      <c r="HE3139" s="91"/>
      <c r="HF3139" s="91"/>
      <c r="HG3139" s="91"/>
      <c r="HH3139" s="91"/>
      <c r="HI3139" s="91"/>
      <c r="HJ3139" s="91"/>
      <c r="HK3139" s="127"/>
      <c r="HL3139" s="126"/>
      <c r="HM3139" s="91"/>
      <c r="HN3139" s="91"/>
      <c r="HO3139" s="91"/>
      <c r="HP3139" s="91"/>
      <c r="HQ3139" s="91"/>
      <c r="HR3139" s="91"/>
      <c r="HS3139" s="91"/>
      <c r="HT3139" s="91"/>
      <c r="HU3139" s="91"/>
      <c r="HV3139" s="91"/>
      <c r="HW3139" s="91"/>
      <c r="HX3139" s="127"/>
      <c r="HY3139" s="126"/>
      <c r="HZ3139" s="91"/>
      <c r="IA3139" s="91"/>
      <c r="IB3139" s="91"/>
      <c r="IC3139" s="91"/>
      <c r="ID3139" s="91"/>
      <c r="IE3139" s="91"/>
      <c r="IF3139" s="91"/>
      <c r="IG3139" s="91"/>
      <c r="IH3139" s="91"/>
      <c r="II3139" s="91"/>
      <c r="IJ3139" s="91"/>
      <c r="IK3139" s="174"/>
    </row>
    <row r="3140" spans="2:245" x14ac:dyDescent="0.2">
      <c r="B3140" s="43"/>
      <c r="C3140" s="73"/>
      <c r="D3140" s="64"/>
      <c r="E3140" s="64"/>
      <c r="F3140" s="55"/>
      <c r="G3140" s="102"/>
      <c r="H3140" s="97"/>
      <c r="T3140" s="98"/>
      <c r="U3140" s="97"/>
      <c r="AG3140" s="98"/>
      <c r="AY3140" s="164"/>
      <c r="BK3140" s="98"/>
      <c r="BL3140" s="97"/>
      <c r="BX3140" s="98"/>
      <c r="CL3140" s="97"/>
      <c r="CX3140" s="98"/>
      <c r="DL3140" s="97"/>
      <c r="DX3140" s="98"/>
      <c r="EL3140" s="97"/>
      <c r="EX3140" s="98"/>
      <c r="EY3140" s="97"/>
      <c r="FL3140" s="126"/>
      <c r="FM3140" s="91"/>
      <c r="FN3140" s="91"/>
      <c r="FO3140" s="91"/>
      <c r="FP3140" s="91"/>
      <c r="FQ3140" s="91"/>
      <c r="FR3140" s="91"/>
      <c r="FS3140" s="91"/>
      <c r="FT3140" s="91"/>
      <c r="FU3140" s="91"/>
      <c r="FV3140" s="91"/>
      <c r="FW3140" s="91"/>
      <c r="FX3140" s="127"/>
      <c r="FY3140" s="126"/>
      <c r="FZ3140" s="91"/>
      <c r="GA3140" s="91"/>
      <c r="GB3140" s="91"/>
      <c r="GC3140" s="91"/>
      <c r="GD3140" s="91"/>
      <c r="GE3140" s="91"/>
      <c r="GF3140" s="91"/>
      <c r="GG3140" s="91"/>
      <c r="GH3140" s="91"/>
      <c r="GI3140" s="91"/>
      <c r="GJ3140" s="91"/>
      <c r="GK3140" s="127"/>
      <c r="GL3140" s="126"/>
      <c r="GM3140" s="91"/>
      <c r="GN3140" s="91"/>
      <c r="GO3140" s="91"/>
      <c r="GP3140" s="91"/>
      <c r="GQ3140" s="91"/>
      <c r="GR3140" s="91"/>
      <c r="GS3140" s="91"/>
      <c r="GT3140" s="91"/>
      <c r="GU3140" s="91"/>
      <c r="GV3140" s="91"/>
      <c r="GW3140" s="91"/>
      <c r="GX3140" s="127"/>
      <c r="GY3140" s="126"/>
      <c r="GZ3140" s="91"/>
      <c r="HA3140" s="91"/>
      <c r="HB3140" s="91"/>
      <c r="HC3140" s="91"/>
      <c r="HD3140" s="91"/>
      <c r="HE3140" s="91"/>
      <c r="HF3140" s="91"/>
      <c r="HG3140" s="91"/>
      <c r="HH3140" s="91"/>
      <c r="HI3140" s="91"/>
      <c r="HJ3140" s="91"/>
      <c r="HK3140" s="127"/>
      <c r="HL3140" s="126"/>
      <c r="HM3140" s="91"/>
      <c r="HN3140" s="91"/>
      <c r="HO3140" s="91"/>
      <c r="HP3140" s="91"/>
      <c r="HQ3140" s="91"/>
      <c r="HR3140" s="91"/>
      <c r="HS3140" s="91"/>
      <c r="HT3140" s="91"/>
      <c r="HU3140" s="91"/>
      <c r="HV3140" s="91"/>
      <c r="HW3140" s="91"/>
      <c r="HX3140" s="127"/>
      <c r="HY3140" s="126"/>
      <c r="HZ3140" s="91"/>
      <c r="IA3140" s="91"/>
      <c r="IB3140" s="91"/>
      <c r="IC3140" s="91"/>
      <c r="ID3140" s="91"/>
      <c r="IE3140" s="91"/>
      <c r="IF3140" s="91"/>
      <c r="IG3140" s="91"/>
      <c r="IH3140" s="91"/>
      <c r="II3140" s="91"/>
      <c r="IJ3140" s="91"/>
      <c r="IK3140" s="174"/>
    </row>
    <row r="3141" spans="2:245" x14ac:dyDescent="0.2">
      <c r="B3141" s="43"/>
      <c r="C3141" s="73"/>
      <c r="D3141" s="64"/>
      <c r="E3141" s="64"/>
      <c r="F3141" s="55"/>
      <c r="G3141" s="102"/>
      <c r="H3141" s="97"/>
      <c r="T3141" s="98"/>
      <c r="U3141" s="97"/>
      <c r="AG3141" s="98"/>
      <c r="AY3141" s="164"/>
      <c r="BK3141" s="98"/>
      <c r="BL3141" s="97"/>
      <c r="BX3141" s="98"/>
      <c r="CL3141" s="97"/>
      <c r="CX3141" s="98"/>
      <c r="DL3141" s="97"/>
      <c r="DX3141" s="98"/>
      <c r="EL3141" s="97"/>
      <c r="EX3141" s="98"/>
      <c r="EY3141" s="97"/>
      <c r="FL3141" s="126"/>
      <c r="FM3141" s="91"/>
      <c r="FN3141" s="91"/>
      <c r="FO3141" s="91"/>
      <c r="FP3141" s="91"/>
      <c r="FQ3141" s="91"/>
      <c r="FR3141" s="91"/>
      <c r="FS3141" s="91"/>
      <c r="FT3141" s="91"/>
      <c r="FU3141" s="91"/>
      <c r="FV3141" s="91"/>
      <c r="FW3141" s="91"/>
      <c r="FX3141" s="127"/>
      <c r="FY3141" s="126"/>
      <c r="FZ3141" s="91"/>
      <c r="GA3141" s="91"/>
      <c r="GB3141" s="91"/>
      <c r="GC3141" s="91"/>
      <c r="GD3141" s="91"/>
      <c r="GE3141" s="91"/>
      <c r="GF3141" s="91"/>
      <c r="GG3141" s="91"/>
      <c r="GH3141" s="91"/>
      <c r="GI3141" s="91"/>
      <c r="GJ3141" s="91"/>
      <c r="GK3141" s="127"/>
      <c r="GL3141" s="126"/>
      <c r="GM3141" s="91"/>
      <c r="GN3141" s="91"/>
      <c r="GO3141" s="91"/>
      <c r="GP3141" s="91"/>
      <c r="GQ3141" s="91"/>
      <c r="GR3141" s="91"/>
      <c r="GS3141" s="91"/>
      <c r="GT3141" s="91"/>
      <c r="GU3141" s="91"/>
      <c r="GV3141" s="91"/>
      <c r="GW3141" s="91"/>
      <c r="GX3141" s="127"/>
      <c r="GY3141" s="126"/>
      <c r="GZ3141" s="91"/>
      <c r="HA3141" s="91"/>
      <c r="HB3141" s="91"/>
      <c r="HC3141" s="91"/>
      <c r="HD3141" s="91"/>
      <c r="HE3141" s="91"/>
      <c r="HF3141" s="91"/>
      <c r="HG3141" s="91"/>
      <c r="HH3141" s="91"/>
      <c r="HI3141" s="91"/>
      <c r="HJ3141" s="91"/>
      <c r="HK3141" s="127"/>
      <c r="HL3141" s="126"/>
      <c r="HM3141" s="91"/>
      <c r="HN3141" s="91"/>
      <c r="HO3141" s="91"/>
      <c r="HP3141" s="91"/>
      <c r="HQ3141" s="91"/>
      <c r="HR3141" s="91"/>
      <c r="HS3141" s="91"/>
      <c r="HT3141" s="91"/>
      <c r="HU3141" s="91"/>
      <c r="HV3141" s="91"/>
      <c r="HW3141" s="91"/>
      <c r="HX3141" s="127"/>
      <c r="HY3141" s="126"/>
      <c r="HZ3141" s="91"/>
      <c r="IA3141" s="91"/>
      <c r="IB3141" s="91"/>
      <c r="IC3141" s="91"/>
      <c r="ID3141" s="91"/>
      <c r="IE3141" s="91"/>
      <c r="IF3141" s="91"/>
      <c r="IG3141" s="91"/>
      <c r="IH3141" s="91"/>
      <c r="II3141" s="91"/>
      <c r="IJ3141" s="91"/>
      <c r="IK3141" s="174"/>
    </row>
    <row r="3142" spans="2:245" x14ac:dyDescent="0.2">
      <c r="B3142" s="43"/>
      <c r="C3142" s="73"/>
      <c r="D3142" s="64"/>
      <c r="E3142" s="64"/>
      <c r="F3142" s="55"/>
      <c r="G3142" s="102"/>
      <c r="H3142" s="97"/>
      <c r="T3142" s="98"/>
      <c r="U3142" s="97"/>
      <c r="AG3142" s="98"/>
      <c r="AY3142" s="164"/>
      <c r="BK3142" s="98"/>
      <c r="BL3142" s="97"/>
      <c r="BX3142" s="98"/>
      <c r="CL3142" s="97"/>
      <c r="CX3142" s="98"/>
      <c r="DL3142" s="97"/>
      <c r="DX3142" s="98"/>
      <c r="EL3142" s="97"/>
      <c r="EX3142" s="98"/>
      <c r="EY3142" s="97"/>
      <c r="FL3142" s="126"/>
      <c r="FM3142" s="91"/>
      <c r="FN3142" s="91"/>
      <c r="FO3142" s="91"/>
      <c r="FP3142" s="91"/>
      <c r="FQ3142" s="91"/>
      <c r="FR3142" s="91"/>
      <c r="FS3142" s="91"/>
      <c r="FT3142" s="91"/>
      <c r="FU3142" s="91"/>
      <c r="FV3142" s="91"/>
      <c r="FW3142" s="91"/>
      <c r="FX3142" s="127"/>
      <c r="FY3142" s="126"/>
      <c r="FZ3142" s="91"/>
      <c r="GA3142" s="91"/>
      <c r="GB3142" s="91"/>
      <c r="GC3142" s="91"/>
      <c r="GD3142" s="91"/>
      <c r="GE3142" s="91"/>
      <c r="GF3142" s="91"/>
      <c r="GG3142" s="91"/>
      <c r="GH3142" s="91"/>
      <c r="GI3142" s="91"/>
      <c r="GJ3142" s="91"/>
      <c r="GK3142" s="127"/>
      <c r="GL3142" s="126"/>
      <c r="GM3142" s="91"/>
      <c r="GN3142" s="91"/>
      <c r="GO3142" s="91"/>
      <c r="GP3142" s="91"/>
      <c r="GQ3142" s="91"/>
      <c r="GR3142" s="91"/>
      <c r="GS3142" s="91"/>
      <c r="GT3142" s="91"/>
      <c r="GU3142" s="91"/>
      <c r="GV3142" s="91"/>
      <c r="GW3142" s="91"/>
      <c r="GX3142" s="127"/>
      <c r="GY3142" s="126"/>
      <c r="GZ3142" s="91"/>
      <c r="HA3142" s="91"/>
      <c r="HB3142" s="91"/>
      <c r="HC3142" s="91"/>
      <c r="HD3142" s="91"/>
      <c r="HE3142" s="91"/>
      <c r="HF3142" s="91"/>
      <c r="HG3142" s="91"/>
      <c r="HH3142" s="91"/>
      <c r="HI3142" s="91"/>
      <c r="HJ3142" s="91"/>
      <c r="HK3142" s="127"/>
      <c r="HL3142" s="126"/>
      <c r="HM3142" s="91"/>
      <c r="HN3142" s="91"/>
      <c r="HO3142" s="91"/>
      <c r="HP3142" s="91"/>
      <c r="HQ3142" s="91"/>
      <c r="HR3142" s="91"/>
      <c r="HS3142" s="91"/>
      <c r="HT3142" s="91"/>
      <c r="HU3142" s="91"/>
      <c r="HV3142" s="91"/>
      <c r="HW3142" s="91"/>
      <c r="HX3142" s="127"/>
      <c r="HY3142" s="126"/>
      <c r="HZ3142" s="91"/>
      <c r="IA3142" s="91"/>
      <c r="IB3142" s="91"/>
      <c r="IC3142" s="91"/>
      <c r="ID3142" s="91"/>
      <c r="IE3142" s="91"/>
      <c r="IF3142" s="91"/>
      <c r="IG3142" s="91"/>
      <c r="IH3142" s="91"/>
      <c r="II3142" s="91"/>
      <c r="IJ3142" s="91"/>
      <c r="IK3142" s="174"/>
    </row>
    <row r="3143" spans="2:245" x14ac:dyDescent="0.2">
      <c r="B3143" s="43"/>
      <c r="C3143" s="73"/>
      <c r="D3143" s="64"/>
      <c r="E3143" s="64"/>
      <c r="F3143" s="55"/>
      <c r="G3143" s="102"/>
      <c r="H3143" s="97"/>
      <c r="T3143" s="98"/>
      <c r="U3143" s="97"/>
      <c r="AG3143" s="98"/>
      <c r="AY3143" s="164"/>
      <c r="BK3143" s="98"/>
      <c r="BL3143" s="97"/>
      <c r="BX3143" s="98"/>
      <c r="CL3143" s="97"/>
      <c r="CX3143" s="98"/>
      <c r="DL3143" s="97"/>
      <c r="DX3143" s="98"/>
      <c r="EL3143" s="97"/>
      <c r="EX3143" s="98"/>
      <c r="EY3143" s="97"/>
      <c r="FL3143" s="126"/>
      <c r="FM3143" s="91"/>
      <c r="FN3143" s="91"/>
      <c r="FO3143" s="91"/>
      <c r="FP3143" s="91"/>
      <c r="FQ3143" s="91"/>
      <c r="FR3143" s="91"/>
      <c r="FS3143" s="91"/>
      <c r="FT3143" s="91"/>
      <c r="FU3143" s="91"/>
      <c r="FV3143" s="91"/>
      <c r="FW3143" s="91"/>
      <c r="FX3143" s="127"/>
      <c r="FY3143" s="126"/>
      <c r="FZ3143" s="91"/>
      <c r="GA3143" s="91"/>
      <c r="GB3143" s="91"/>
      <c r="GC3143" s="91"/>
      <c r="GD3143" s="91"/>
      <c r="GE3143" s="91"/>
      <c r="GF3143" s="91"/>
      <c r="GG3143" s="91"/>
      <c r="GH3143" s="91"/>
      <c r="GI3143" s="91"/>
      <c r="GJ3143" s="91"/>
      <c r="GK3143" s="127"/>
      <c r="GL3143" s="126"/>
      <c r="GM3143" s="91"/>
      <c r="GN3143" s="91"/>
      <c r="GO3143" s="91"/>
      <c r="GP3143" s="91"/>
      <c r="GQ3143" s="91"/>
      <c r="GR3143" s="91"/>
      <c r="GS3143" s="91"/>
      <c r="GT3143" s="91"/>
      <c r="GU3143" s="91"/>
      <c r="GV3143" s="91"/>
      <c r="GW3143" s="91"/>
      <c r="GX3143" s="127"/>
      <c r="GY3143" s="126"/>
      <c r="GZ3143" s="91"/>
      <c r="HA3143" s="91"/>
      <c r="HB3143" s="91"/>
      <c r="HC3143" s="91"/>
      <c r="HD3143" s="91"/>
      <c r="HE3143" s="91"/>
      <c r="HF3143" s="91"/>
      <c r="HG3143" s="91"/>
      <c r="HH3143" s="91"/>
      <c r="HI3143" s="91"/>
      <c r="HJ3143" s="91"/>
      <c r="HK3143" s="127"/>
      <c r="HL3143" s="126"/>
      <c r="HM3143" s="91"/>
      <c r="HN3143" s="91"/>
      <c r="HO3143" s="91"/>
      <c r="HP3143" s="91"/>
      <c r="HQ3143" s="91"/>
      <c r="HR3143" s="91"/>
      <c r="HS3143" s="91"/>
      <c r="HT3143" s="91"/>
      <c r="HU3143" s="91"/>
      <c r="HV3143" s="91"/>
      <c r="HW3143" s="91"/>
      <c r="HX3143" s="127"/>
      <c r="HY3143" s="126"/>
      <c r="HZ3143" s="91"/>
      <c r="IA3143" s="91"/>
      <c r="IB3143" s="91"/>
      <c r="IC3143" s="91"/>
      <c r="ID3143" s="91"/>
      <c r="IE3143" s="91"/>
      <c r="IF3143" s="91"/>
      <c r="IG3143" s="91"/>
      <c r="IH3143" s="91"/>
      <c r="II3143" s="91"/>
      <c r="IJ3143" s="91"/>
      <c r="IK3143" s="174"/>
    </row>
    <row r="3144" spans="2:245" x14ac:dyDescent="0.2">
      <c r="B3144" s="43"/>
      <c r="C3144" s="73"/>
      <c r="D3144" s="64"/>
      <c r="E3144" s="64"/>
      <c r="F3144" s="55"/>
      <c r="G3144" s="102"/>
      <c r="H3144" s="97"/>
      <c r="T3144" s="98"/>
      <c r="U3144" s="97"/>
      <c r="AG3144" s="98"/>
      <c r="AY3144" s="164"/>
      <c r="BK3144" s="98"/>
      <c r="BL3144" s="97"/>
      <c r="BX3144" s="98"/>
      <c r="CL3144" s="97"/>
      <c r="CX3144" s="98"/>
      <c r="DL3144" s="97"/>
      <c r="DX3144" s="98"/>
      <c r="EL3144" s="97"/>
      <c r="EX3144" s="98"/>
      <c r="EY3144" s="97"/>
      <c r="FL3144" s="126"/>
      <c r="FM3144" s="91"/>
      <c r="FN3144" s="91"/>
      <c r="FO3144" s="91"/>
      <c r="FP3144" s="91"/>
      <c r="FQ3144" s="91"/>
      <c r="FR3144" s="91"/>
      <c r="FS3144" s="91"/>
      <c r="FT3144" s="91"/>
      <c r="FU3144" s="91"/>
      <c r="FV3144" s="91"/>
      <c r="FW3144" s="91"/>
      <c r="FX3144" s="127"/>
      <c r="FY3144" s="126"/>
      <c r="FZ3144" s="91"/>
      <c r="GA3144" s="91"/>
      <c r="GB3144" s="91"/>
      <c r="GC3144" s="91"/>
      <c r="GD3144" s="91"/>
      <c r="GE3144" s="91"/>
      <c r="GF3144" s="91"/>
      <c r="GG3144" s="91"/>
      <c r="GH3144" s="91"/>
      <c r="GI3144" s="91"/>
      <c r="GJ3144" s="91"/>
      <c r="GK3144" s="127"/>
      <c r="GL3144" s="126"/>
      <c r="GM3144" s="91"/>
      <c r="GN3144" s="91"/>
      <c r="GO3144" s="91"/>
      <c r="GP3144" s="91"/>
      <c r="GQ3144" s="91"/>
      <c r="GR3144" s="91"/>
      <c r="GS3144" s="91"/>
      <c r="GT3144" s="91"/>
      <c r="GU3144" s="91"/>
      <c r="GV3144" s="91"/>
      <c r="GW3144" s="91"/>
      <c r="GX3144" s="127"/>
      <c r="GY3144" s="126"/>
      <c r="GZ3144" s="91"/>
      <c r="HA3144" s="91"/>
      <c r="HB3144" s="91"/>
      <c r="HC3144" s="91"/>
      <c r="HD3144" s="91"/>
      <c r="HE3144" s="91"/>
      <c r="HF3144" s="91"/>
      <c r="HG3144" s="91"/>
      <c r="HH3144" s="91"/>
      <c r="HI3144" s="91"/>
      <c r="HJ3144" s="91"/>
      <c r="HK3144" s="127"/>
      <c r="HL3144" s="126"/>
      <c r="HM3144" s="91"/>
      <c r="HN3144" s="91"/>
      <c r="HO3144" s="91"/>
      <c r="HP3144" s="91"/>
      <c r="HQ3144" s="91"/>
      <c r="HR3144" s="91"/>
      <c r="HS3144" s="91"/>
      <c r="HT3144" s="91"/>
      <c r="HU3144" s="91"/>
      <c r="HV3144" s="91"/>
      <c r="HW3144" s="91"/>
      <c r="HX3144" s="127"/>
      <c r="HY3144" s="126"/>
      <c r="HZ3144" s="91"/>
      <c r="IA3144" s="91"/>
      <c r="IB3144" s="91"/>
      <c r="IC3144" s="91"/>
      <c r="ID3144" s="91"/>
      <c r="IE3144" s="91"/>
      <c r="IF3144" s="91"/>
      <c r="IG3144" s="91"/>
      <c r="IH3144" s="91"/>
      <c r="II3144" s="91"/>
      <c r="IJ3144" s="91"/>
      <c r="IK3144" s="174"/>
    </row>
    <row r="3145" spans="2:245" x14ac:dyDescent="0.2">
      <c r="B3145" s="43"/>
      <c r="C3145" s="73"/>
      <c r="D3145" s="64"/>
      <c r="E3145" s="64"/>
      <c r="F3145" s="55"/>
      <c r="G3145" s="102"/>
      <c r="H3145" s="97"/>
      <c r="T3145" s="98"/>
      <c r="U3145" s="97"/>
      <c r="AG3145" s="98"/>
      <c r="AY3145" s="164"/>
      <c r="BK3145" s="98"/>
      <c r="BL3145" s="97"/>
      <c r="BX3145" s="98"/>
      <c r="CL3145" s="97"/>
      <c r="CX3145" s="98"/>
      <c r="DL3145" s="97"/>
      <c r="DX3145" s="98"/>
      <c r="EL3145" s="97"/>
      <c r="EX3145" s="98"/>
      <c r="EY3145" s="97"/>
      <c r="FL3145" s="126"/>
      <c r="FM3145" s="91"/>
      <c r="FN3145" s="91"/>
      <c r="FO3145" s="91"/>
      <c r="FP3145" s="91"/>
      <c r="FQ3145" s="91"/>
      <c r="FR3145" s="91"/>
      <c r="FS3145" s="91"/>
      <c r="FT3145" s="91"/>
      <c r="FU3145" s="91"/>
      <c r="FV3145" s="91"/>
      <c r="FW3145" s="91"/>
      <c r="FX3145" s="127"/>
      <c r="FY3145" s="126"/>
      <c r="FZ3145" s="91"/>
      <c r="GA3145" s="91"/>
      <c r="GB3145" s="91"/>
      <c r="GC3145" s="91"/>
      <c r="GD3145" s="91"/>
      <c r="GE3145" s="91"/>
      <c r="GF3145" s="91"/>
      <c r="GG3145" s="91"/>
      <c r="GH3145" s="91"/>
      <c r="GI3145" s="91"/>
      <c r="GJ3145" s="91"/>
      <c r="GK3145" s="127"/>
      <c r="GL3145" s="126"/>
      <c r="GM3145" s="91"/>
      <c r="GN3145" s="91"/>
      <c r="GO3145" s="91"/>
      <c r="GP3145" s="91"/>
      <c r="GQ3145" s="91"/>
      <c r="GR3145" s="91"/>
      <c r="GS3145" s="91"/>
      <c r="GT3145" s="91"/>
      <c r="GU3145" s="91"/>
      <c r="GV3145" s="91"/>
      <c r="GW3145" s="91"/>
      <c r="GX3145" s="127"/>
      <c r="GY3145" s="126"/>
      <c r="GZ3145" s="91"/>
      <c r="HA3145" s="91"/>
      <c r="HB3145" s="91"/>
      <c r="HC3145" s="91"/>
      <c r="HD3145" s="91"/>
      <c r="HE3145" s="91"/>
      <c r="HF3145" s="91"/>
      <c r="HG3145" s="91"/>
      <c r="HH3145" s="91"/>
      <c r="HI3145" s="91"/>
      <c r="HJ3145" s="91"/>
      <c r="HK3145" s="127"/>
      <c r="HL3145" s="126"/>
      <c r="HM3145" s="91"/>
      <c r="HN3145" s="91"/>
      <c r="HO3145" s="91"/>
      <c r="HP3145" s="91"/>
      <c r="HQ3145" s="91"/>
      <c r="HR3145" s="91"/>
      <c r="HS3145" s="91"/>
      <c r="HT3145" s="91"/>
      <c r="HU3145" s="91"/>
      <c r="HV3145" s="91"/>
      <c r="HW3145" s="91"/>
      <c r="HX3145" s="127"/>
      <c r="HY3145" s="126"/>
      <c r="HZ3145" s="91"/>
      <c r="IA3145" s="91"/>
      <c r="IB3145" s="91"/>
      <c r="IC3145" s="91"/>
      <c r="ID3145" s="91"/>
      <c r="IE3145" s="91"/>
      <c r="IF3145" s="91"/>
      <c r="IG3145" s="91"/>
      <c r="IH3145" s="91"/>
      <c r="II3145" s="91"/>
      <c r="IJ3145" s="91"/>
      <c r="IK3145" s="174"/>
    </row>
    <row r="3146" spans="2:245" x14ac:dyDescent="0.2">
      <c r="B3146" s="43"/>
      <c r="C3146" s="73"/>
      <c r="D3146" s="64"/>
      <c r="E3146" s="64"/>
      <c r="F3146" s="55"/>
      <c r="G3146" s="102"/>
      <c r="H3146" s="97"/>
      <c r="T3146" s="98"/>
      <c r="U3146" s="97"/>
      <c r="AG3146" s="98"/>
      <c r="AY3146" s="164"/>
      <c r="BK3146" s="98"/>
      <c r="BL3146" s="97"/>
      <c r="BX3146" s="98"/>
      <c r="CL3146" s="97"/>
      <c r="CX3146" s="98"/>
      <c r="DL3146" s="97"/>
      <c r="DX3146" s="98"/>
      <c r="EL3146" s="97"/>
      <c r="EX3146" s="98"/>
      <c r="EY3146" s="97"/>
      <c r="FL3146" s="126"/>
      <c r="FM3146" s="91"/>
      <c r="FN3146" s="91"/>
      <c r="FO3146" s="91"/>
      <c r="FP3146" s="91"/>
      <c r="FQ3146" s="91"/>
      <c r="FR3146" s="91"/>
      <c r="FS3146" s="91"/>
      <c r="FT3146" s="91"/>
      <c r="FU3146" s="91"/>
      <c r="FV3146" s="91"/>
      <c r="FW3146" s="91"/>
      <c r="FX3146" s="127"/>
      <c r="FY3146" s="126"/>
      <c r="FZ3146" s="91"/>
      <c r="GA3146" s="91"/>
      <c r="GB3146" s="91"/>
      <c r="GC3146" s="91"/>
      <c r="GD3146" s="91"/>
      <c r="GE3146" s="91"/>
      <c r="GF3146" s="91"/>
      <c r="GG3146" s="91"/>
      <c r="GH3146" s="91"/>
      <c r="GI3146" s="91"/>
      <c r="GJ3146" s="91"/>
      <c r="GK3146" s="127"/>
      <c r="GL3146" s="126"/>
      <c r="GM3146" s="91"/>
      <c r="GN3146" s="91"/>
      <c r="GO3146" s="91"/>
      <c r="GP3146" s="91"/>
      <c r="GQ3146" s="91"/>
      <c r="GR3146" s="91"/>
      <c r="GS3146" s="91"/>
      <c r="GT3146" s="91"/>
      <c r="GU3146" s="91"/>
      <c r="GV3146" s="91"/>
      <c r="GW3146" s="91"/>
      <c r="GX3146" s="127"/>
      <c r="GY3146" s="126"/>
      <c r="GZ3146" s="91"/>
      <c r="HA3146" s="91"/>
      <c r="HB3146" s="91"/>
      <c r="HC3146" s="91"/>
      <c r="HD3146" s="91"/>
      <c r="HE3146" s="91"/>
      <c r="HF3146" s="91"/>
      <c r="HG3146" s="91"/>
      <c r="HH3146" s="91"/>
      <c r="HI3146" s="91"/>
      <c r="HJ3146" s="91"/>
      <c r="HK3146" s="127"/>
      <c r="HL3146" s="126"/>
      <c r="HM3146" s="91"/>
      <c r="HN3146" s="91"/>
      <c r="HO3146" s="91"/>
      <c r="HP3146" s="91"/>
      <c r="HQ3146" s="91"/>
      <c r="HR3146" s="91"/>
      <c r="HS3146" s="91"/>
      <c r="HT3146" s="91"/>
      <c r="HU3146" s="91"/>
      <c r="HV3146" s="91"/>
      <c r="HW3146" s="91"/>
      <c r="HX3146" s="127"/>
      <c r="HY3146" s="126"/>
      <c r="HZ3146" s="91"/>
      <c r="IA3146" s="91"/>
      <c r="IB3146" s="91"/>
      <c r="IC3146" s="91"/>
      <c r="ID3146" s="91"/>
      <c r="IE3146" s="91"/>
      <c r="IF3146" s="91"/>
      <c r="IG3146" s="91"/>
      <c r="IH3146" s="91"/>
      <c r="II3146" s="91"/>
      <c r="IJ3146" s="91"/>
      <c r="IK3146" s="174"/>
    </row>
    <row r="3147" spans="2:245" x14ac:dyDescent="0.2">
      <c r="B3147" s="43"/>
      <c r="C3147" s="73"/>
      <c r="D3147" s="64"/>
      <c r="E3147" s="64"/>
      <c r="F3147" s="55"/>
      <c r="G3147" s="102"/>
      <c r="H3147" s="97"/>
      <c r="T3147" s="98"/>
      <c r="U3147" s="97"/>
      <c r="AG3147" s="98"/>
      <c r="AY3147" s="164"/>
      <c r="BK3147" s="98"/>
      <c r="BL3147" s="97"/>
      <c r="BX3147" s="98"/>
      <c r="CL3147" s="97"/>
      <c r="CX3147" s="98"/>
      <c r="DL3147" s="97"/>
      <c r="DX3147" s="98"/>
      <c r="EL3147" s="97"/>
      <c r="EX3147" s="98"/>
      <c r="EY3147" s="97"/>
      <c r="FL3147" s="126"/>
      <c r="FM3147" s="91"/>
      <c r="FN3147" s="91"/>
      <c r="FO3147" s="91"/>
      <c r="FP3147" s="91"/>
      <c r="FQ3147" s="91"/>
      <c r="FR3147" s="91"/>
      <c r="FS3147" s="91"/>
      <c r="FT3147" s="91"/>
      <c r="FU3147" s="91"/>
      <c r="FV3147" s="91"/>
      <c r="FW3147" s="91"/>
      <c r="FX3147" s="127"/>
      <c r="FY3147" s="126"/>
      <c r="FZ3147" s="91"/>
      <c r="GA3147" s="91"/>
      <c r="GB3147" s="91"/>
      <c r="GC3147" s="91"/>
      <c r="GD3147" s="91"/>
      <c r="GE3147" s="91"/>
      <c r="GF3147" s="91"/>
      <c r="GG3147" s="91"/>
      <c r="GH3147" s="91"/>
      <c r="GI3147" s="91"/>
      <c r="GJ3147" s="91"/>
      <c r="GK3147" s="127"/>
      <c r="GL3147" s="126"/>
      <c r="GM3147" s="91"/>
      <c r="GN3147" s="91"/>
      <c r="GO3147" s="91"/>
      <c r="GP3147" s="91"/>
      <c r="GQ3147" s="91"/>
      <c r="GR3147" s="91"/>
      <c r="GS3147" s="91"/>
      <c r="GT3147" s="91"/>
      <c r="GU3147" s="91"/>
      <c r="GV3147" s="91"/>
      <c r="GW3147" s="91"/>
      <c r="GX3147" s="127"/>
      <c r="GY3147" s="126"/>
      <c r="GZ3147" s="91"/>
      <c r="HA3147" s="91"/>
      <c r="HB3147" s="91"/>
      <c r="HC3147" s="91"/>
      <c r="HD3147" s="91"/>
      <c r="HE3147" s="91"/>
      <c r="HF3147" s="91"/>
      <c r="HG3147" s="91"/>
      <c r="HH3147" s="91"/>
      <c r="HI3147" s="91"/>
      <c r="HJ3147" s="91"/>
      <c r="HK3147" s="127"/>
      <c r="HL3147" s="126"/>
      <c r="HM3147" s="91"/>
      <c r="HN3147" s="91"/>
      <c r="HO3147" s="91"/>
      <c r="HP3147" s="91"/>
      <c r="HQ3147" s="91"/>
      <c r="HR3147" s="91"/>
      <c r="HS3147" s="91"/>
      <c r="HT3147" s="91"/>
      <c r="HU3147" s="91"/>
      <c r="HV3147" s="91"/>
      <c r="HW3147" s="91"/>
      <c r="HX3147" s="127"/>
      <c r="HY3147" s="126"/>
      <c r="HZ3147" s="91"/>
      <c r="IA3147" s="91"/>
      <c r="IB3147" s="91"/>
      <c r="IC3147" s="91"/>
      <c r="ID3147" s="91"/>
      <c r="IE3147" s="91"/>
      <c r="IF3147" s="91"/>
      <c r="IG3147" s="91"/>
      <c r="IH3147" s="91"/>
      <c r="II3147" s="91"/>
      <c r="IJ3147" s="91"/>
      <c r="IK3147" s="174"/>
    </row>
    <row r="3148" spans="2:245" x14ac:dyDescent="0.2">
      <c r="B3148" s="43"/>
      <c r="C3148" s="73"/>
      <c r="D3148" s="64"/>
      <c r="E3148" s="64"/>
      <c r="F3148" s="55"/>
      <c r="G3148" s="102"/>
      <c r="H3148" s="97"/>
      <c r="T3148" s="98"/>
      <c r="U3148" s="97"/>
      <c r="AG3148" s="98"/>
      <c r="AY3148" s="164"/>
      <c r="BK3148" s="98"/>
      <c r="BL3148" s="97"/>
      <c r="BX3148" s="98"/>
      <c r="CL3148" s="97"/>
      <c r="CX3148" s="98"/>
      <c r="DL3148" s="97"/>
      <c r="DX3148" s="98"/>
      <c r="EL3148" s="97"/>
      <c r="EX3148" s="98"/>
      <c r="EY3148" s="97"/>
      <c r="FL3148" s="126"/>
      <c r="FM3148" s="91"/>
      <c r="FN3148" s="91"/>
      <c r="FO3148" s="91"/>
      <c r="FP3148" s="91"/>
      <c r="FQ3148" s="91"/>
      <c r="FR3148" s="91"/>
      <c r="FS3148" s="91"/>
      <c r="FT3148" s="91"/>
      <c r="FU3148" s="91"/>
      <c r="FV3148" s="91"/>
      <c r="FW3148" s="91"/>
      <c r="FX3148" s="127"/>
      <c r="FY3148" s="126"/>
      <c r="FZ3148" s="91"/>
      <c r="GA3148" s="91"/>
      <c r="GB3148" s="91"/>
      <c r="GC3148" s="91"/>
      <c r="GD3148" s="91"/>
      <c r="GE3148" s="91"/>
      <c r="GF3148" s="91"/>
      <c r="GG3148" s="91"/>
      <c r="GH3148" s="91"/>
      <c r="GI3148" s="91"/>
      <c r="GJ3148" s="91"/>
      <c r="GK3148" s="127"/>
      <c r="GL3148" s="126"/>
      <c r="GM3148" s="91"/>
      <c r="GN3148" s="91"/>
      <c r="GO3148" s="91"/>
      <c r="GP3148" s="91"/>
      <c r="GQ3148" s="91"/>
      <c r="GR3148" s="91"/>
      <c r="GS3148" s="91"/>
      <c r="GT3148" s="91"/>
      <c r="GU3148" s="91"/>
      <c r="GV3148" s="91"/>
      <c r="GW3148" s="91"/>
      <c r="GX3148" s="127"/>
      <c r="GY3148" s="126"/>
      <c r="GZ3148" s="91"/>
      <c r="HA3148" s="91"/>
      <c r="HB3148" s="91"/>
      <c r="HC3148" s="91"/>
      <c r="HD3148" s="91"/>
      <c r="HE3148" s="91"/>
      <c r="HF3148" s="91"/>
      <c r="HG3148" s="91"/>
      <c r="HH3148" s="91"/>
      <c r="HI3148" s="91"/>
      <c r="HJ3148" s="91"/>
      <c r="HK3148" s="127"/>
      <c r="HL3148" s="126"/>
      <c r="HM3148" s="91"/>
      <c r="HN3148" s="91"/>
      <c r="HO3148" s="91"/>
      <c r="HP3148" s="91"/>
      <c r="HQ3148" s="91"/>
      <c r="HR3148" s="91"/>
      <c r="HS3148" s="91"/>
      <c r="HT3148" s="91"/>
      <c r="HU3148" s="91"/>
      <c r="HV3148" s="91"/>
      <c r="HW3148" s="91"/>
      <c r="HX3148" s="127"/>
      <c r="HY3148" s="126"/>
      <c r="HZ3148" s="91"/>
      <c r="IA3148" s="91"/>
      <c r="IB3148" s="91"/>
      <c r="IC3148" s="91"/>
      <c r="ID3148" s="91"/>
      <c r="IE3148" s="91"/>
      <c r="IF3148" s="91"/>
      <c r="IG3148" s="91"/>
      <c r="IH3148" s="91"/>
      <c r="II3148" s="91"/>
      <c r="IJ3148" s="91"/>
      <c r="IK3148" s="174"/>
    </row>
    <row r="3149" spans="2:245" x14ac:dyDescent="0.2">
      <c r="B3149" s="43"/>
      <c r="C3149" s="73"/>
      <c r="D3149" s="64"/>
      <c r="E3149" s="64"/>
      <c r="F3149" s="55"/>
      <c r="G3149" s="102"/>
      <c r="H3149" s="97"/>
      <c r="T3149" s="98"/>
      <c r="U3149" s="97"/>
      <c r="AG3149" s="98"/>
      <c r="AY3149" s="164"/>
      <c r="BK3149" s="98"/>
      <c r="BL3149" s="97"/>
      <c r="BX3149" s="98"/>
      <c r="CL3149" s="97"/>
      <c r="CX3149" s="98"/>
      <c r="DL3149" s="97"/>
      <c r="DX3149" s="98"/>
      <c r="EL3149" s="97"/>
      <c r="EX3149" s="98"/>
      <c r="EY3149" s="97"/>
      <c r="FL3149" s="126"/>
      <c r="FM3149" s="91"/>
      <c r="FN3149" s="91"/>
      <c r="FO3149" s="91"/>
      <c r="FP3149" s="91"/>
      <c r="FQ3149" s="91"/>
      <c r="FR3149" s="91"/>
      <c r="FS3149" s="91"/>
      <c r="FT3149" s="91"/>
      <c r="FU3149" s="91"/>
      <c r="FV3149" s="91"/>
      <c r="FW3149" s="91"/>
      <c r="FX3149" s="127"/>
      <c r="FY3149" s="126"/>
      <c r="FZ3149" s="91"/>
      <c r="GA3149" s="91"/>
      <c r="GB3149" s="91"/>
      <c r="GC3149" s="91"/>
      <c r="GD3149" s="91"/>
      <c r="GE3149" s="91"/>
      <c r="GF3149" s="91"/>
      <c r="GG3149" s="91"/>
      <c r="GH3149" s="91"/>
      <c r="GI3149" s="91"/>
      <c r="GJ3149" s="91"/>
      <c r="GK3149" s="127"/>
      <c r="GL3149" s="126"/>
      <c r="GM3149" s="91"/>
      <c r="GN3149" s="91"/>
      <c r="GO3149" s="91"/>
      <c r="GP3149" s="91"/>
      <c r="GQ3149" s="91"/>
      <c r="GR3149" s="91"/>
      <c r="GS3149" s="91"/>
      <c r="GT3149" s="91"/>
      <c r="GU3149" s="91"/>
      <c r="GV3149" s="91"/>
      <c r="GW3149" s="91"/>
      <c r="GX3149" s="127"/>
      <c r="GY3149" s="126"/>
      <c r="GZ3149" s="91"/>
      <c r="HA3149" s="91"/>
      <c r="HB3149" s="91"/>
      <c r="HC3149" s="91"/>
      <c r="HD3149" s="91"/>
      <c r="HE3149" s="91"/>
      <c r="HF3149" s="91"/>
      <c r="HG3149" s="91"/>
      <c r="HH3149" s="91"/>
      <c r="HI3149" s="91"/>
      <c r="HJ3149" s="91"/>
      <c r="HK3149" s="127"/>
      <c r="HL3149" s="126"/>
      <c r="HM3149" s="91"/>
      <c r="HN3149" s="91"/>
      <c r="HO3149" s="91"/>
      <c r="HP3149" s="91"/>
      <c r="HQ3149" s="91"/>
      <c r="HR3149" s="91"/>
      <c r="HS3149" s="91"/>
      <c r="HT3149" s="91"/>
      <c r="HU3149" s="91"/>
      <c r="HV3149" s="91"/>
      <c r="HW3149" s="91"/>
      <c r="HX3149" s="127"/>
      <c r="HY3149" s="126"/>
      <c r="HZ3149" s="91"/>
      <c r="IA3149" s="91"/>
      <c r="IB3149" s="91"/>
      <c r="IC3149" s="91"/>
      <c r="ID3149" s="91"/>
      <c r="IE3149" s="91"/>
      <c r="IF3149" s="91"/>
      <c r="IG3149" s="91"/>
      <c r="IH3149" s="91"/>
      <c r="II3149" s="91"/>
      <c r="IJ3149" s="91"/>
      <c r="IK3149" s="174"/>
    </row>
    <row r="3150" spans="2:245" x14ac:dyDescent="0.2">
      <c r="B3150" s="43"/>
      <c r="C3150" s="73"/>
      <c r="D3150" s="64"/>
      <c r="E3150" s="64"/>
      <c r="F3150" s="55"/>
      <c r="G3150" s="102"/>
      <c r="H3150" s="97"/>
      <c r="T3150" s="98"/>
      <c r="U3150" s="97"/>
      <c r="AG3150" s="98"/>
      <c r="AY3150" s="164"/>
      <c r="BK3150" s="98"/>
      <c r="BL3150" s="97"/>
      <c r="BX3150" s="98"/>
      <c r="CL3150" s="97"/>
      <c r="CX3150" s="98"/>
      <c r="DL3150" s="97"/>
      <c r="DX3150" s="98"/>
      <c r="EL3150" s="97"/>
      <c r="EX3150" s="98"/>
      <c r="EY3150" s="97"/>
      <c r="FL3150" s="126"/>
      <c r="FM3150" s="91"/>
      <c r="FN3150" s="91"/>
      <c r="FO3150" s="91"/>
      <c r="FP3150" s="91"/>
      <c r="FQ3150" s="91"/>
      <c r="FR3150" s="91"/>
      <c r="FS3150" s="91"/>
      <c r="FT3150" s="91"/>
      <c r="FU3150" s="91"/>
      <c r="FV3150" s="91"/>
      <c r="FW3150" s="91"/>
      <c r="FX3150" s="127"/>
      <c r="FY3150" s="126"/>
      <c r="FZ3150" s="91"/>
      <c r="GA3150" s="91"/>
      <c r="GB3150" s="91"/>
      <c r="GC3150" s="91"/>
      <c r="GD3150" s="91"/>
      <c r="GE3150" s="91"/>
      <c r="GF3150" s="91"/>
      <c r="GG3150" s="91"/>
      <c r="GH3150" s="91"/>
      <c r="GI3150" s="91"/>
      <c r="GJ3150" s="91"/>
      <c r="GK3150" s="127"/>
      <c r="GL3150" s="126"/>
      <c r="GM3150" s="91"/>
      <c r="GN3150" s="91"/>
      <c r="GO3150" s="91"/>
      <c r="GP3150" s="91"/>
      <c r="GQ3150" s="91"/>
      <c r="GR3150" s="91"/>
      <c r="GS3150" s="91"/>
      <c r="GT3150" s="91"/>
      <c r="GU3150" s="91"/>
      <c r="GV3150" s="91"/>
      <c r="GW3150" s="91"/>
      <c r="GX3150" s="127"/>
      <c r="GY3150" s="126"/>
      <c r="GZ3150" s="91"/>
      <c r="HA3150" s="91"/>
      <c r="HB3150" s="91"/>
      <c r="HC3150" s="91"/>
      <c r="HD3150" s="91"/>
      <c r="HE3150" s="91"/>
      <c r="HF3150" s="91"/>
      <c r="HG3150" s="91"/>
      <c r="HH3150" s="91"/>
      <c r="HI3150" s="91"/>
      <c r="HJ3150" s="91"/>
      <c r="HK3150" s="127"/>
      <c r="HL3150" s="126"/>
      <c r="HM3150" s="91"/>
      <c r="HN3150" s="91"/>
      <c r="HO3150" s="91"/>
      <c r="HP3150" s="91"/>
      <c r="HQ3150" s="91"/>
      <c r="HR3150" s="91"/>
      <c r="HS3150" s="91"/>
      <c r="HT3150" s="91"/>
      <c r="HU3150" s="91"/>
      <c r="HV3150" s="91"/>
      <c r="HW3150" s="91"/>
      <c r="HX3150" s="127"/>
      <c r="HY3150" s="126"/>
      <c r="HZ3150" s="91"/>
      <c r="IA3150" s="91"/>
      <c r="IB3150" s="91"/>
      <c r="IC3150" s="91"/>
      <c r="ID3150" s="91"/>
      <c r="IE3150" s="91"/>
      <c r="IF3150" s="91"/>
      <c r="IG3150" s="91"/>
      <c r="IH3150" s="91"/>
      <c r="II3150" s="91"/>
      <c r="IJ3150" s="91"/>
      <c r="IK3150" s="174"/>
    </row>
    <row r="3151" spans="2:245" x14ac:dyDescent="0.2">
      <c r="B3151" s="43"/>
      <c r="C3151" s="73"/>
      <c r="D3151" s="64"/>
      <c r="E3151" s="64"/>
      <c r="F3151" s="55"/>
      <c r="G3151" s="102"/>
      <c r="H3151" s="97"/>
      <c r="T3151" s="98"/>
      <c r="U3151" s="97"/>
      <c r="AG3151" s="98"/>
      <c r="AY3151" s="164"/>
      <c r="BK3151" s="98"/>
      <c r="BL3151" s="97"/>
      <c r="BX3151" s="98"/>
      <c r="CL3151" s="97"/>
      <c r="CX3151" s="98"/>
      <c r="DL3151" s="97"/>
      <c r="DX3151" s="98"/>
      <c r="EL3151" s="97"/>
      <c r="EX3151" s="98"/>
      <c r="EY3151" s="97"/>
      <c r="FL3151" s="126"/>
      <c r="FM3151" s="91"/>
      <c r="FN3151" s="91"/>
      <c r="FO3151" s="91"/>
      <c r="FP3151" s="91"/>
      <c r="FQ3151" s="91"/>
      <c r="FR3151" s="91"/>
      <c r="FS3151" s="91"/>
      <c r="FT3151" s="91"/>
      <c r="FU3151" s="91"/>
      <c r="FV3151" s="91"/>
      <c r="FW3151" s="91"/>
      <c r="FX3151" s="127"/>
      <c r="FY3151" s="126"/>
      <c r="FZ3151" s="91"/>
      <c r="GA3151" s="91"/>
      <c r="GB3151" s="91"/>
      <c r="GC3151" s="91"/>
      <c r="GD3151" s="91"/>
      <c r="GE3151" s="91"/>
      <c r="GF3151" s="91"/>
      <c r="GG3151" s="91"/>
      <c r="GH3151" s="91"/>
      <c r="GI3151" s="91"/>
      <c r="GJ3151" s="91"/>
      <c r="GK3151" s="127"/>
      <c r="GL3151" s="126"/>
      <c r="GM3151" s="91"/>
      <c r="GN3151" s="91"/>
      <c r="GO3151" s="91"/>
      <c r="GP3151" s="91"/>
      <c r="GQ3151" s="91"/>
      <c r="GR3151" s="91"/>
      <c r="GS3151" s="91"/>
      <c r="GT3151" s="91"/>
      <c r="GU3151" s="91"/>
      <c r="GV3151" s="91"/>
      <c r="GW3151" s="91"/>
      <c r="GX3151" s="127"/>
      <c r="GY3151" s="126"/>
      <c r="GZ3151" s="91"/>
      <c r="HA3151" s="91"/>
      <c r="HB3151" s="91"/>
      <c r="HC3151" s="91"/>
      <c r="HD3151" s="91"/>
      <c r="HE3151" s="91"/>
      <c r="HF3151" s="91"/>
      <c r="HG3151" s="91"/>
      <c r="HH3151" s="91"/>
      <c r="HI3151" s="91"/>
      <c r="HJ3151" s="91"/>
      <c r="HK3151" s="127"/>
      <c r="HL3151" s="126"/>
      <c r="HM3151" s="91"/>
      <c r="HN3151" s="91"/>
      <c r="HO3151" s="91"/>
      <c r="HP3151" s="91"/>
      <c r="HQ3151" s="91"/>
      <c r="HR3151" s="91"/>
      <c r="HS3151" s="91"/>
      <c r="HT3151" s="91"/>
      <c r="HU3151" s="91"/>
      <c r="HV3151" s="91"/>
      <c r="HW3151" s="91"/>
      <c r="HX3151" s="127"/>
      <c r="HY3151" s="126"/>
      <c r="HZ3151" s="91"/>
      <c r="IA3151" s="91"/>
      <c r="IB3151" s="91"/>
      <c r="IC3151" s="91"/>
      <c r="ID3151" s="91"/>
      <c r="IE3151" s="91"/>
      <c r="IF3151" s="91"/>
      <c r="IG3151" s="91"/>
      <c r="IH3151" s="91"/>
      <c r="II3151" s="91"/>
      <c r="IJ3151" s="91"/>
      <c r="IK3151" s="174"/>
    </row>
    <row r="3152" spans="2:245" x14ac:dyDescent="0.2">
      <c r="B3152" s="43"/>
      <c r="C3152" s="73"/>
      <c r="D3152" s="64"/>
      <c r="E3152" s="64"/>
      <c r="F3152" s="55"/>
      <c r="G3152" s="102"/>
      <c r="H3152" s="97"/>
      <c r="T3152" s="98"/>
      <c r="U3152" s="97"/>
      <c r="AG3152" s="98"/>
      <c r="AY3152" s="164"/>
      <c r="BK3152" s="98"/>
      <c r="BL3152" s="97"/>
      <c r="BX3152" s="98"/>
      <c r="CL3152" s="97"/>
      <c r="CX3152" s="98"/>
      <c r="DL3152" s="97"/>
      <c r="DX3152" s="98"/>
      <c r="EL3152" s="97"/>
      <c r="EX3152" s="98"/>
      <c r="EY3152" s="97"/>
      <c r="FL3152" s="126"/>
      <c r="FM3152" s="91"/>
      <c r="FN3152" s="91"/>
      <c r="FO3152" s="91"/>
      <c r="FP3152" s="91"/>
      <c r="FQ3152" s="91"/>
      <c r="FR3152" s="91"/>
      <c r="FS3152" s="91"/>
      <c r="FT3152" s="91"/>
      <c r="FU3152" s="91"/>
      <c r="FV3152" s="91"/>
      <c r="FW3152" s="91"/>
      <c r="FX3152" s="127"/>
      <c r="FY3152" s="126"/>
      <c r="FZ3152" s="91"/>
      <c r="GA3152" s="91"/>
      <c r="GB3152" s="91"/>
      <c r="GC3152" s="91"/>
      <c r="GD3152" s="91"/>
      <c r="GE3152" s="91"/>
      <c r="GF3152" s="91"/>
      <c r="GG3152" s="91"/>
      <c r="GH3152" s="91"/>
      <c r="GI3152" s="91"/>
      <c r="GJ3152" s="91"/>
      <c r="GK3152" s="127"/>
      <c r="GL3152" s="126"/>
      <c r="GM3152" s="91"/>
      <c r="GN3152" s="91"/>
      <c r="GO3152" s="91"/>
      <c r="GP3152" s="91"/>
      <c r="GQ3152" s="91"/>
      <c r="GR3152" s="91"/>
      <c r="GS3152" s="91"/>
      <c r="GT3152" s="91"/>
      <c r="GU3152" s="91"/>
      <c r="GV3152" s="91"/>
      <c r="GW3152" s="91"/>
      <c r="GX3152" s="127"/>
      <c r="GY3152" s="126"/>
      <c r="GZ3152" s="91"/>
      <c r="HA3152" s="91"/>
      <c r="HB3152" s="91"/>
      <c r="HC3152" s="91"/>
      <c r="HD3152" s="91"/>
      <c r="HE3152" s="91"/>
      <c r="HF3152" s="91"/>
      <c r="HG3152" s="91"/>
      <c r="HH3152" s="91"/>
      <c r="HI3152" s="91"/>
      <c r="HJ3152" s="91"/>
      <c r="HK3152" s="127"/>
      <c r="HL3152" s="126"/>
      <c r="HM3152" s="91"/>
      <c r="HN3152" s="91"/>
      <c r="HO3152" s="91"/>
      <c r="HP3152" s="91"/>
      <c r="HQ3152" s="91"/>
      <c r="HR3152" s="91"/>
      <c r="HS3152" s="91"/>
      <c r="HT3152" s="91"/>
      <c r="HU3152" s="91"/>
      <c r="HV3152" s="91"/>
      <c r="HW3152" s="91"/>
      <c r="HX3152" s="127"/>
      <c r="HY3152" s="126"/>
      <c r="HZ3152" s="91"/>
      <c r="IA3152" s="91"/>
      <c r="IB3152" s="91"/>
      <c r="IC3152" s="91"/>
      <c r="ID3152" s="91"/>
      <c r="IE3152" s="91"/>
      <c r="IF3152" s="91"/>
      <c r="IG3152" s="91"/>
      <c r="IH3152" s="91"/>
      <c r="II3152" s="91"/>
      <c r="IJ3152" s="91"/>
      <c r="IK3152" s="174"/>
    </row>
    <row r="3153" spans="2:245" x14ac:dyDescent="0.2">
      <c r="B3153" s="43"/>
      <c r="C3153" s="73"/>
      <c r="D3153" s="64"/>
      <c r="E3153" s="64"/>
      <c r="F3153" s="55"/>
      <c r="G3153" s="102"/>
      <c r="H3153" s="97"/>
      <c r="T3153" s="98"/>
      <c r="U3153" s="97"/>
      <c r="AG3153" s="98"/>
      <c r="AY3153" s="164"/>
      <c r="BK3153" s="98"/>
      <c r="BL3153" s="97"/>
      <c r="BX3153" s="98"/>
      <c r="CL3153" s="97"/>
      <c r="CX3153" s="98"/>
      <c r="DL3153" s="97"/>
      <c r="DX3153" s="98"/>
      <c r="EL3153" s="97"/>
      <c r="EX3153" s="98"/>
      <c r="EY3153" s="97"/>
      <c r="FL3153" s="126"/>
      <c r="FM3153" s="91"/>
      <c r="FN3153" s="91"/>
      <c r="FO3153" s="91"/>
      <c r="FP3153" s="91"/>
      <c r="FQ3153" s="91"/>
      <c r="FR3153" s="91"/>
      <c r="FS3153" s="91"/>
      <c r="FT3153" s="91"/>
      <c r="FU3153" s="91"/>
      <c r="FV3153" s="91"/>
      <c r="FW3153" s="91"/>
      <c r="FX3153" s="127"/>
      <c r="FY3153" s="126"/>
      <c r="FZ3153" s="91"/>
      <c r="GA3153" s="91"/>
      <c r="GB3153" s="91"/>
      <c r="GC3153" s="91"/>
      <c r="GD3153" s="91"/>
      <c r="GE3153" s="91"/>
      <c r="GF3153" s="91"/>
      <c r="GG3153" s="91"/>
      <c r="GH3153" s="91"/>
      <c r="GI3153" s="91"/>
      <c r="GJ3153" s="91"/>
      <c r="GK3153" s="127"/>
      <c r="GL3153" s="126"/>
      <c r="GM3153" s="91"/>
      <c r="GN3153" s="91"/>
      <c r="GO3153" s="91"/>
      <c r="GP3153" s="91"/>
      <c r="GQ3153" s="91"/>
      <c r="GR3153" s="91"/>
      <c r="GS3153" s="91"/>
      <c r="GT3153" s="91"/>
      <c r="GU3153" s="91"/>
      <c r="GV3153" s="91"/>
      <c r="GW3153" s="91"/>
      <c r="GX3153" s="127"/>
      <c r="GY3153" s="126"/>
      <c r="GZ3153" s="91"/>
      <c r="HA3153" s="91"/>
      <c r="HB3153" s="91"/>
      <c r="HC3153" s="91"/>
      <c r="HD3153" s="91"/>
      <c r="HE3153" s="91"/>
      <c r="HF3153" s="91"/>
      <c r="HG3153" s="91"/>
      <c r="HH3153" s="91"/>
      <c r="HI3153" s="91"/>
      <c r="HJ3153" s="91"/>
      <c r="HK3153" s="127"/>
      <c r="HL3153" s="126"/>
      <c r="HM3153" s="91"/>
      <c r="HN3153" s="91"/>
      <c r="HO3153" s="91"/>
      <c r="HP3153" s="91"/>
      <c r="HQ3153" s="91"/>
      <c r="HR3153" s="91"/>
      <c r="HS3153" s="91"/>
      <c r="HT3153" s="91"/>
      <c r="HU3153" s="91"/>
      <c r="HV3153" s="91"/>
      <c r="HW3153" s="91"/>
      <c r="HX3153" s="127"/>
      <c r="HY3153" s="126"/>
      <c r="HZ3153" s="91"/>
      <c r="IA3153" s="91"/>
      <c r="IB3153" s="91"/>
      <c r="IC3153" s="91"/>
      <c r="ID3153" s="91"/>
      <c r="IE3153" s="91"/>
      <c r="IF3153" s="91"/>
      <c r="IG3153" s="91"/>
      <c r="IH3153" s="91"/>
      <c r="II3153" s="91"/>
      <c r="IJ3153" s="91"/>
      <c r="IK3153" s="174"/>
    </row>
    <row r="3154" spans="2:245" x14ac:dyDescent="0.2">
      <c r="B3154" s="43"/>
      <c r="C3154" s="73"/>
      <c r="D3154" s="64"/>
      <c r="E3154" s="64"/>
      <c r="F3154" s="55"/>
      <c r="G3154" s="102"/>
      <c r="H3154" s="97"/>
      <c r="T3154" s="98"/>
      <c r="U3154" s="97"/>
      <c r="AG3154" s="98"/>
      <c r="AY3154" s="164"/>
      <c r="BK3154" s="98"/>
      <c r="BL3154" s="97"/>
      <c r="BX3154" s="98"/>
      <c r="CL3154" s="97"/>
      <c r="CX3154" s="98"/>
      <c r="DL3154" s="97"/>
      <c r="DX3154" s="98"/>
      <c r="EL3154" s="97"/>
      <c r="EX3154" s="98"/>
      <c r="EY3154" s="97"/>
      <c r="FL3154" s="126"/>
      <c r="FM3154" s="91"/>
      <c r="FN3154" s="91"/>
      <c r="FO3154" s="91"/>
      <c r="FP3154" s="91"/>
      <c r="FQ3154" s="91"/>
      <c r="FR3154" s="91"/>
      <c r="FS3154" s="91"/>
      <c r="FT3154" s="91"/>
      <c r="FU3154" s="91"/>
      <c r="FV3154" s="91"/>
      <c r="FW3154" s="91"/>
      <c r="FX3154" s="127"/>
      <c r="FY3154" s="126"/>
      <c r="FZ3154" s="91"/>
      <c r="GA3154" s="91"/>
      <c r="GB3154" s="91"/>
      <c r="GC3154" s="91"/>
      <c r="GD3154" s="91"/>
      <c r="GE3154" s="91"/>
      <c r="GF3154" s="91"/>
      <c r="GG3154" s="91"/>
      <c r="GH3154" s="91"/>
      <c r="GI3154" s="91"/>
      <c r="GJ3154" s="91"/>
      <c r="GK3154" s="127"/>
      <c r="GL3154" s="126"/>
      <c r="GM3154" s="91"/>
      <c r="GN3154" s="91"/>
      <c r="GO3154" s="91"/>
      <c r="GP3154" s="91"/>
      <c r="GQ3154" s="91"/>
      <c r="GR3154" s="91"/>
      <c r="GS3154" s="91"/>
      <c r="GT3154" s="91"/>
      <c r="GU3154" s="91"/>
      <c r="GV3154" s="91"/>
      <c r="GW3154" s="91"/>
      <c r="GX3154" s="127"/>
      <c r="GY3154" s="126"/>
      <c r="GZ3154" s="91"/>
      <c r="HA3154" s="91"/>
      <c r="HB3154" s="91"/>
      <c r="HC3154" s="91"/>
      <c r="HD3154" s="91"/>
      <c r="HE3154" s="91"/>
      <c r="HF3154" s="91"/>
      <c r="HG3154" s="91"/>
      <c r="HH3154" s="91"/>
      <c r="HI3154" s="91"/>
      <c r="HJ3154" s="91"/>
      <c r="HK3154" s="127"/>
      <c r="HL3154" s="126"/>
      <c r="HM3154" s="91"/>
      <c r="HN3154" s="91"/>
      <c r="HO3154" s="91"/>
      <c r="HP3154" s="91"/>
      <c r="HQ3154" s="91"/>
      <c r="HR3154" s="91"/>
      <c r="HS3154" s="91"/>
      <c r="HT3154" s="91"/>
      <c r="HU3154" s="91"/>
      <c r="HV3154" s="91"/>
      <c r="HW3154" s="91"/>
      <c r="HX3154" s="127"/>
      <c r="HY3154" s="126"/>
      <c r="HZ3154" s="91"/>
      <c r="IA3154" s="91"/>
      <c r="IB3154" s="91"/>
      <c r="IC3154" s="91"/>
      <c r="ID3154" s="91"/>
      <c r="IE3154" s="91"/>
      <c r="IF3154" s="91"/>
      <c r="IG3154" s="91"/>
      <c r="IH3154" s="91"/>
      <c r="II3154" s="91"/>
      <c r="IJ3154" s="91"/>
      <c r="IK3154" s="174"/>
    </row>
    <row r="3155" spans="2:245" x14ac:dyDescent="0.2">
      <c r="B3155" s="43"/>
      <c r="C3155" s="73"/>
      <c r="D3155" s="64"/>
      <c r="E3155" s="64"/>
      <c r="F3155" s="55"/>
      <c r="G3155" s="102"/>
      <c r="H3155" s="97"/>
      <c r="T3155" s="98"/>
      <c r="U3155" s="97"/>
      <c r="AG3155" s="98"/>
      <c r="AY3155" s="164"/>
      <c r="BK3155" s="98"/>
      <c r="BL3155" s="97"/>
      <c r="BX3155" s="98"/>
      <c r="CL3155" s="97"/>
      <c r="CX3155" s="98"/>
      <c r="DL3155" s="97"/>
      <c r="DX3155" s="98"/>
      <c r="EL3155" s="97"/>
      <c r="EX3155" s="98"/>
      <c r="EY3155" s="97"/>
      <c r="FL3155" s="126"/>
      <c r="FM3155" s="91"/>
      <c r="FN3155" s="91"/>
      <c r="FO3155" s="91"/>
      <c r="FP3155" s="91"/>
      <c r="FQ3155" s="91"/>
      <c r="FR3155" s="91"/>
      <c r="FS3155" s="91"/>
      <c r="FT3155" s="91"/>
      <c r="FU3155" s="91"/>
      <c r="FV3155" s="91"/>
      <c r="FW3155" s="91"/>
      <c r="FX3155" s="127"/>
      <c r="FY3155" s="126"/>
      <c r="FZ3155" s="91"/>
      <c r="GA3155" s="91"/>
      <c r="GB3155" s="91"/>
      <c r="GC3155" s="91"/>
      <c r="GD3155" s="91"/>
      <c r="GE3155" s="91"/>
      <c r="GF3155" s="91"/>
      <c r="GG3155" s="91"/>
      <c r="GH3155" s="91"/>
      <c r="GI3155" s="91"/>
      <c r="GJ3155" s="91"/>
      <c r="GK3155" s="127"/>
      <c r="GL3155" s="126"/>
      <c r="GM3155" s="91"/>
      <c r="GN3155" s="91"/>
      <c r="GO3155" s="91"/>
      <c r="GP3155" s="91"/>
      <c r="GQ3155" s="91"/>
      <c r="GR3155" s="91"/>
      <c r="GS3155" s="91"/>
      <c r="GT3155" s="91"/>
      <c r="GU3155" s="91"/>
      <c r="GV3155" s="91"/>
      <c r="GW3155" s="91"/>
      <c r="GX3155" s="127"/>
      <c r="GY3155" s="126"/>
      <c r="GZ3155" s="91"/>
      <c r="HA3155" s="91"/>
      <c r="HB3155" s="91"/>
      <c r="HC3155" s="91"/>
      <c r="HD3155" s="91"/>
      <c r="HE3155" s="91"/>
      <c r="HF3155" s="91"/>
      <c r="HG3155" s="91"/>
      <c r="HH3155" s="91"/>
      <c r="HI3155" s="91"/>
      <c r="HJ3155" s="91"/>
      <c r="HK3155" s="127"/>
      <c r="HL3155" s="126"/>
      <c r="HM3155" s="91"/>
      <c r="HN3155" s="91"/>
      <c r="HO3155" s="91"/>
      <c r="HP3155" s="91"/>
      <c r="HQ3155" s="91"/>
      <c r="HR3155" s="91"/>
      <c r="HS3155" s="91"/>
      <c r="HT3155" s="91"/>
      <c r="HU3155" s="91"/>
      <c r="HV3155" s="91"/>
      <c r="HW3155" s="91"/>
      <c r="HX3155" s="127"/>
      <c r="HY3155" s="126"/>
      <c r="HZ3155" s="91"/>
      <c r="IA3155" s="91"/>
      <c r="IB3155" s="91"/>
      <c r="IC3155" s="91"/>
      <c r="ID3155" s="91"/>
      <c r="IE3155" s="91"/>
      <c r="IF3155" s="91"/>
      <c r="IG3155" s="91"/>
      <c r="IH3155" s="91"/>
      <c r="II3155" s="91"/>
      <c r="IJ3155" s="91"/>
      <c r="IK3155" s="174"/>
    </row>
    <row r="3156" spans="2:245" x14ac:dyDescent="0.2">
      <c r="B3156" s="43"/>
      <c r="C3156" s="73"/>
      <c r="D3156" s="64"/>
      <c r="E3156" s="64"/>
      <c r="F3156" s="55"/>
      <c r="G3156" s="102"/>
      <c r="H3156" s="97"/>
      <c r="T3156" s="98"/>
      <c r="U3156" s="97"/>
      <c r="AG3156" s="98"/>
      <c r="AY3156" s="164"/>
      <c r="BK3156" s="98"/>
      <c r="BL3156" s="97"/>
      <c r="BX3156" s="98"/>
      <c r="CL3156" s="97"/>
      <c r="CX3156" s="98"/>
      <c r="DL3156" s="97"/>
      <c r="DX3156" s="98"/>
      <c r="EL3156" s="97"/>
      <c r="EX3156" s="98"/>
      <c r="EY3156" s="97"/>
      <c r="FL3156" s="126"/>
      <c r="FM3156" s="91"/>
      <c r="FN3156" s="91"/>
      <c r="FO3156" s="91"/>
      <c r="FP3156" s="91"/>
      <c r="FQ3156" s="91"/>
      <c r="FR3156" s="91"/>
      <c r="FS3156" s="91"/>
      <c r="FT3156" s="91"/>
      <c r="FU3156" s="91"/>
      <c r="FV3156" s="91"/>
      <c r="FW3156" s="91"/>
      <c r="FX3156" s="127"/>
      <c r="FY3156" s="126"/>
      <c r="FZ3156" s="91"/>
      <c r="GA3156" s="91"/>
      <c r="GB3156" s="91"/>
      <c r="GC3156" s="91"/>
      <c r="GD3156" s="91"/>
      <c r="GE3156" s="91"/>
      <c r="GF3156" s="91"/>
      <c r="GG3156" s="91"/>
      <c r="GH3156" s="91"/>
      <c r="GI3156" s="91"/>
      <c r="GJ3156" s="91"/>
      <c r="GK3156" s="127"/>
      <c r="GL3156" s="126"/>
      <c r="GM3156" s="91"/>
      <c r="GN3156" s="91"/>
      <c r="GO3156" s="91"/>
      <c r="GP3156" s="91"/>
      <c r="GQ3156" s="91"/>
      <c r="GR3156" s="91"/>
      <c r="GS3156" s="91"/>
      <c r="GT3156" s="91"/>
      <c r="GU3156" s="91"/>
      <c r="GV3156" s="91"/>
      <c r="GW3156" s="91"/>
      <c r="GX3156" s="127"/>
      <c r="GY3156" s="126"/>
      <c r="GZ3156" s="91"/>
      <c r="HA3156" s="91"/>
      <c r="HB3156" s="91"/>
      <c r="HC3156" s="91"/>
      <c r="HD3156" s="91"/>
      <c r="HE3156" s="91"/>
      <c r="HF3156" s="91"/>
      <c r="HG3156" s="91"/>
      <c r="HH3156" s="91"/>
      <c r="HI3156" s="91"/>
      <c r="HJ3156" s="91"/>
      <c r="HK3156" s="127"/>
      <c r="HL3156" s="126"/>
      <c r="HM3156" s="91"/>
      <c r="HN3156" s="91"/>
      <c r="HO3156" s="91"/>
      <c r="HP3156" s="91"/>
      <c r="HQ3156" s="91"/>
      <c r="HR3156" s="91"/>
      <c r="HS3156" s="91"/>
      <c r="HT3156" s="91"/>
      <c r="HU3156" s="91"/>
      <c r="HV3156" s="91"/>
      <c r="HW3156" s="91"/>
      <c r="HX3156" s="127"/>
      <c r="HY3156" s="126"/>
      <c r="HZ3156" s="91"/>
      <c r="IA3156" s="91"/>
      <c r="IB3156" s="91"/>
      <c r="IC3156" s="91"/>
      <c r="ID3156" s="91"/>
      <c r="IE3156" s="91"/>
      <c r="IF3156" s="91"/>
      <c r="IG3156" s="91"/>
      <c r="IH3156" s="91"/>
      <c r="II3156" s="91"/>
      <c r="IJ3156" s="91"/>
      <c r="IK3156" s="174"/>
    </row>
    <row r="3157" spans="2:245" x14ac:dyDescent="0.2">
      <c r="B3157" s="43"/>
      <c r="C3157" s="73"/>
      <c r="D3157" s="64"/>
      <c r="E3157" s="64"/>
      <c r="F3157" s="55"/>
      <c r="G3157" s="102"/>
      <c r="H3157" s="97"/>
      <c r="T3157" s="98"/>
      <c r="U3157" s="97"/>
      <c r="AG3157" s="98"/>
      <c r="AY3157" s="164"/>
      <c r="BK3157" s="98"/>
      <c r="BL3157" s="97"/>
      <c r="BX3157" s="98"/>
      <c r="CL3157" s="97"/>
      <c r="CX3157" s="98"/>
      <c r="DL3157" s="97"/>
      <c r="DX3157" s="98"/>
      <c r="EL3157" s="97"/>
      <c r="EX3157" s="98"/>
      <c r="EY3157" s="97"/>
      <c r="FL3157" s="126"/>
      <c r="FM3157" s="91"/>
      <c r="FN3157" s="91"/>
      <c r="FO3157" s="91"/>
      <c r="FP3157" s="91"/>
      <c r="FQ3157" s="91"/>
      <c r="FR3157" s="91"/>
      <c r="FS3157" s="91"/>
      <c r="FT3157" s="91"/>
      <c r="FU3157" s="91"/>
      <c r="FV3157" s="91"/>
      <c r="FW3157" s="91"/>
      <c r="FX3157" s="127"/>
      <c r="FY3157" s="126"/>
      <c r="FZ3157" s="91"/>
      <c r="GA3157" s="91"/>
      <c r="GB3157" s="91"/>
      <c r="GC3157" s="91"/>
      <c r="GD3157" s="91"/>
      <c r="GE3157" s="91"/>
      <c r="GF3157" s="91"/>
      <c r="GG3157" s="91"/>
      <c r="GH3157" s="91"/>
      <c r="GI3157" s="91"/>
      <c r="GJ3157" s="91"/>
      <c r="GK3157" s="127"/>
      <c r="GL3157" s="126"/>
      <c r="GM3157" s="91"/>
      <c r="GN3157" s="91"/>
      <c r="GO3157" s="91"/>
      <c r="GP3157" s="91"/>
      <c r="GQ3157" s="91"/>
      <c r="GR3157" s="91"/>
      <c r="GS3157" s="91"/>
      <c r="GT3157" s="91"/>
      <c r="GU3157" s="91"/>
      <c r="GV3157" s="91"/>
      <c r="GW3157" s="91"/>
      <c r="GX3157" s="127"/>
      <c r="GY3157" s="126"/>
      <c r="GZ3157" s="91"/>
      <c r="HA3157" s="91"/>
      <c r="HB3157" s="91"/>
      <c r="HC3157" s="91"/>
      <c r="HD3157" s="91"/>
      <c r="HE3157" s="91"/>
      <c r="HF3157" s="91"/>
      <c r="HG3157" s="91"/>
      <c r="HH3157" s="91"/>
      <c r="HI3157" s="91"/>
      <c r="HJ3157" s="91"/>
      <c r="HK3157" s="127"/>
      <c r="HL3157" s="126"/>
      <c r="HM3157" s="91"/>
      <c r="HN3157" s="91"/>
      <c r="HO3157" s="91"/>
      <c r="HP3157" s="91"/>
      <c r="HQ3157" s="91"/>
      <c r="HR3157" s="91"/>
      <c r="HS3157" s="91"/>
      <c r="HT3157" s="91"/>
      <c r="HU3157" s="91"/>
      <c r="HV3157" s="91"/>
      <c r="HW3157" s="91"/>
      <c r="HX3157" s="127"/>
      <c r="HY3157" s="126"/>
      <c r="HZ3157" s="91"/>
      <c r="IA3157" s="91"/>
      <c r="IB3157" s="91"/>
      <c r="IC3157" s="91"/>
      <c r="ID3157" s="91"/>
      <c r="IE3157" s="91"/>
      <c r="IF3157" s="91"/>
      <c r="IG3157" s="91"/>
      <c r="IH3157" s="91"/>
      <c r="II3157" s="91"/>
      <c r="IJ3157" s="91"/>
      <c r="IK3157" s="174"/>
    </row>
    <row r="3158" spans="2:245" x14ac:dyDescent="0.2">
      <c r="B3158" s="43"/>
      <c r="C3158" s="73"/>
      <c r="D3158" s="64"/>
      <c r="E3158" s="64"/>
      <c r="F3158" s="55"/>
      <c r="G3158" s="102"/>
      <c r="H3158" s="97"/>
      <c r="T3158" s="98"/>
      <c r="U3158" s="97"/>
      <c r="AG3158" s="98"/>
      <c r="AY3158" s="164"/>
      <c r="BK3158" s="98"/>
      <c r="BL3158" s="97"/>
      <c r="BX3158" s="98"/>
      <c r="CL3158" s="97"/>
      <c r="CX3158" s="98"/>
      <c r="DL3158" s="97"/>
      <c r="DX3158" s="98"/>
      <c r="EL3158" s="97"/>
      <c r="EX3158" s="98"/>
      <c r="EY3158" s="97"/>
      <c r="FL3158" s="126"/>
      <c r="FM3158" s="91"/>
      <c r="FN3158" s="91"/>
      <c r="FO3158" s="91"/>
      <c r="FP3158" s="91"/>
      <c r="FQ3158" s="91"/>
      <c r="FR3158" s="91"/>
      <c r="FS3158" s="91"/>
      <c r="FT3158" s="91"/>
      <c r="FU3158" s="91"/>
      <c r="FV3158" s="91"/>
      <c r="FW3158" s="91"/>
      <c r="FX3158" s="127"/>
      <c r="FY3158" s="126"/>
      <c r="FZ3158" s="91"/>
      <c r="GA3158" s="91"/>
      <c r="GB3158" s="91"/>
      <c r="GC3158" s="91"/>
      <c r="GD3158" s="91"/>
      <c r="GE3158" s="91"/>
      <c r="GF3158" s="91"/>
      <c r="GG3158" s="91"/>
      <c r="GH3158" s="91"/>
      <c r="GI3158" s="91"/>
      <c r="GJ3158" s="91"/>
      <c r="GK3158" s="127"/>
      <c r="GL3158" s="126"/>
      <c r="GM3158" s="91"/>
      <c r="GN3158" s="91"/>
      <c r="GO3158" s="91"/>
      <c r="GP3158" s="91"/>
      <c r="GQ3158" s="91"/>
      <c r="GR3158" s="91"/>
      <c r="GS3158" s="91"/>
      <c r="GT3158" s="91"/>
      <c r="GU3158" s="91"/>
      <c r="GV3158" s="91"/>
      <c r="GW3158" s="91"/>
      <c r="GX3158" s="127"/>
      <c r="GY3158" s="126"/>
      <c r="GZ3158" s="91"/>
      <c r="HA3158" s="91"/>
      <c r="HB3158" s="91"/>
      <c r="HC3158" s="91"/>
      <c r="HD3158" s="91"/>
      <c r="HE3158" s="91"/>
      <c r="HF3158" s="91"/>
      <c r="HG3158" s="91"/>
      <c r="HH3158" s="91"/>
      <c r="HI3158" s="91"/>
      <c r="HJ3158" s="91"/>
      <c r="HK3158" s="127"/>
      <c r="HL3158" s="126"/>
      <c r="HM3158" s="91"/>
      <c r="HN3158" s="91"/>
      <c r="HO3158" s="91"/>
      <c r="HP3158" s="91"/>
      <c r="HQ3158" s="91"/>
      <c r="HR3158" s="91"/>
      <c r="HS3158" s="91"/>
      <c r="HT3158" s="91"/>
      <c r="HU3158" s="91"/>
      <c r="HV3158" s="91"/>
      <c r="HW3158" s="91"/>
      <c r="HX3158" s="127"/>
      <c r="HY3158" s="126"/>
      <c r="HZ3158" s="91"/>
      <c r="IA3158" s="91"/>
      <c r="IB3158" s="91"/>
      <c r="IC3158" s="91"/>
      <c r="ID3158" s="91"/>
      <c r="IE3158" s="91"/>
      <c r="IF3158" s="91"/>
      <c r="IG3158" s="91"/>
      <c r="IH3158" s="91"/>
      <c r="II3158" s="91"/>
      <c r="IJ3158" s="91"/>
      <c r="IK3158" s="174"/>
    </row>
    <row r="3159" spans="2:245" x14ac:dyDescent="0.2">
      <c r="B3159" s="43"/>
      <c r="C3159" s="73"/>
      <c r="D3159" s="64"/>
      <c r="E3159" s="64"/>
      <c r="F3159" s="55"/>
      <c r="G3159" s="102"/>
      <c r="H3159" s="97"/>
      <c r="T3159" s="98"/>
      <c r="U3159" s="97"/>
      <c r="AG3159" s="98"/>
      <c r="AY3159" s="164"/>
      <c r="BK3159" s="98"/>
      <c r="BL3159" s="97"/>
      <c r="BX3159" s="98"/>
      <c r="CL3159" s="97"/>
      <c r="CX3159" s="98"/>
      <c r="DL3159" s="97"/>
      <c r="DX3159" s="98"/>
      <c r="EL3159" s="97"/>
      <c r="EX3159" s="98"/>
      <c r="EY3159" s="97"/>
      <c r="FL3159" s="126"/>
      <c r="FM3159" s="91"/>
      <c r="FN3159" s="91"/>
      <c r="FO3159" s="91"/>
      <c r="FP3159" s="91"/>
      <c r="FQ3159" s="91"/>
      <c r="FR3159" s="91"/>
      <c r="FS3159" s="91"/>
      <c r="FT3159" s="91"/>
      <c r="FU3159" s="91"/>
      <c r="FV3159" s="91"/>
      <c r="FW3159" s="91"/>
      <c r="FX3159" s="127"/>
      <c r="FY3159" s="126"/>
      <c r="FZ3159" s="91"/>
      <c r="GA3159" s="91"/>
      <c r="GB3159" s="91"/>
      <c r="GC3159" s="91"/>
      <c r="GD3159" s="91"/>
      <c r="GE3159" s="91"/>
      <c r="GF3159" s="91"/>
      <c r="GG3159" s="91"/>
      <c r="GH3159" s="91"/>
      <c r="GI3159" s="91"/>
      <c r="GJ3159" s="91"/>
      <c r="GK3159" s="127"/>
      <c r="GL3159" s="126"/>
      <c r="GM3159" s="91"/>
      <c r="GN3159" s="91"/>
      <c r="GO3159" s="91"/>
      <c r="GP3159" s="91"/>
      <c r="GQ3159" s="91"/>
      <c r="GR3159" s="91"/>
      <c r="GS3159" s="91"/>
      <c r="GT3159" s="91"/>
      <c r="GU3159" s="91"/>
      <c r="GV3159" s="91"/>
      <c r="GW3159" s="91"/>
      <c r="GX3159" s="127"/>
      <c r="GY3159" s="126"/>
      <c r="GZ3159" s="91"/>
      <c r="HA3159" s="91"/>
      <c r="HB3159" s="91"/>
      <c r="HC3159" s="91"/>
      <c r="HD3159" s="91"/>
      <c r="HE3159" s="91"/>
      <c r="HF3159" s="91"/>
      <c r="HG3159" s="91"/>
      <c r="HH3159" s="91"/>
      <c r="HI3159" s="91"/>
      <c r="HJ3159" s="91"/>
      <c r="HK3159" s="127"/>
      <c r="HL3159" s="126"/>
      <c r="HM3159" s="91"/>
      <c r="HN3159" s="91"/>
      <c r="HO3159" s="91"/>
      <c r="HP3159" s="91"/>
      <c r="HQ3159" s="91"/>
      <c r="HR3159" s="91"/>
      <c r="HS3159" s="91"/>
      <c r="HT3159" s="91"/>
      <c r="HU3159" s="91"/>
      <c r="HV3159" s="91"/>
      <c r="HW3159" s="91"/>
      <c r="HX3159" s="127"/>
      <c r="HY3159" s="126"/>
      <c r="HZ3159" s="91"/>
      <c r="IA3159" s="91"/>
      <c r="IB3159" s="91"/>
      <c r="IC3159" s="91"/>
      <c r="ID3159" s="91"/>
      <c r="IE3159" s="91"/>
      <c r="IF3159" s="91"/>
      <c r="IG3159" s="91"/>
      <c r="IH3159" s="91"/>
      <c r="II3159" s="91"/>
      <c r="IJ3159" s="91"/>
      <c r="IK3159" s="174"/>
    </row>
    <row r="3160" spans="2:245" x14ac:dyDescent="0.2">
      <c r="B3160" s="43"/>
      <c r="C3160" s="73"/>
      <c r="D3160" s="64"/>
      <c r="E3160" s="64"/>
      <c r="F3160" s="55"/>
      <c r="G3160" s="102"/>
      <c r="H3160" s="97"/>
      <c r="T3160" s="98"/>
      <c r="U3160" s="97"/>
      <c r="AG3160" s="98"/>
      <c r="AY3160" s="164"/>
      <c r="BK3160" s="98"/>
      <c r="BL3160" s="97"/>
      <c r="BX3160" s="98"/>
      <c r="CL3160" s="97"/>
      <c r="CX3160" s="98"/>
      <c r="DL3160" s="97"/>
      <c r="DX3160" s="98"/>
      <c r="EL3160" s="97"/>
      <c r="EX3160" s="98"/>
      <c r="EY3160" s="97"/>
      <c r="FL3160" s="126"/>
      <c r="FM3160" s="91"/>
      <c r="FN3160" s="91"/>
      <c r="FO3160" s="91"/>
      <c r="FP3160" s="91"/>
      <c r="FQ3160" s="91"/>
      <c r="FR3160" s="91"/>
      <c r="FS3160" s="91"/>
      <c r="FT3160" s="91"/>
      <c r="FU3160" s="91"/>
      <c r="FV3160" s="91"/>
      <c r="FW3160" s="91"/>
      <c r="FX3160" s="127"/>
      <c r="FY3160" s="126"/>
      <c r="FZ3160" s="91"/>
      <c r="GA3160" s="91"/>
      <c r="GB3160" s="91"/>
      <c r="GC3160" s="91"/>
      <c r="GD3160" s="91"/>
      <c r="GE3160" s="91"/>
      <c r="GF3160" s="91"/>
      <c r="GG3160" s="91"/>
      <c r="GH3160" s="91"/>
      <c r="GI3160" s="91"/>
      <c r="GJ3160" s="91"/>
      <c r="GK3160" s="127"/>
      <c r="GL3160" s="126"/>
      <c r="GM3160" s="91"/>
      <c r="GN3160" s="91"/>
      <c r="GO3160" s="91"/>
      <c r="GP3160" s="91"/>
      <c r="GQ3160" s="91"/>
      <c r="GR3160" s="91"/>
      <c r="GS3160" s="91"/>
      <c r="GT3160" s="91"/>
      <c r="GU3160" s="91"/>
      <c r="GV3160" s="91"/>
      <c r="GW3160" s="91"/>
      <c r="GX3160" s="127"/>
      <c r="GY3160" s="126"/>
      <c r="GZ3160" s="91"/>
      <c r="HA3160" s="91"/>
      <c r="HB3160" s="91"/>
      <c r="HC3160" s="91"/>
      <c r="HD3160" s="91"/>
      <c r="HE3160" s="91"/>
      <c r="HF3160" s="91"/>
      <c r="HG3160" s="91"/>
      <c r="HH3160" s="91"/>
      <c r="HI3160" s="91"/>
      <c r="HJ3160" s="91"/>
      <c r="HK3160" s="127"/>
      <c r="HL3160" s="126"/>
      <c r="HM3160" s="91"/>
      <c r="HN3160" s="91"/>
      <c r="HO3160" s="91"/>
      <c r="HP3160" s="91"/>
      <c r="HQ3160" s="91"/>
      <c r="HR3160" s="91"/>
      <c r="HS3160" s="91"/>
      <c r="HT3160" s="91"/>
      <c r="HU3160" s="91"/>
      <c r="HV3160" s="91"/>
      <c r="HW3160" s="91"/>
      <c r="HX3160" s="127"/>
      <c r="HY3160" s="126"/>
      <c r="HZ3160" s="91"/>
      <c r="IA3160" s="91"/>
      <c r="IB3160" s="91"/>
      <c r="IC3160" s="91"/>
      <c r="ID3160" s="91"/>
      <c r="IE3160" s="91"/>
      <c r="IF3160" s="91"/>
      <c r="IG3160" s="91"/>
      <c r="IH3160" s="91"/>
      <c r="II3160" s="91"/>
      <c r="IJ3160" s="91"/>
      <c r="IK3160" s="174"/>
    </row>
    <row r="3161" spans="2:245" x14ac:dyDescent="0.2">
      <c r="B3161" s="43"/>
      <c r="C3161" s="73"/>
      <c r="D3161" s="64"/>
      <c r="E3161" s="64"/>
      <c r="F3161" s="55"/>
      <c r="G3161" s="102"/>
      <c r="H3161" s="97"/>
      <c r="T3161" s="98"/>
      <c r="U3161" s="97"/>
      <c r="AG3161" s="98"/>
      <c r="AY3161" s="164"/>
      <c r="BK3161" s="98"/>
      <c r="BL3161" s="97"/>
      <c r="BX3161" s="98"/>
      <c r="CL3161" s="97"/>
      <c r="CX3161" s="98"/>
      <c r="DL3161" s="97"/>
      <c r="DX3161" s="98"/>
      <c r="EL3161" s="97"/>
      <c r="EX3161" s="98"/>
      <c r="EY3161" s="97"/>
      <c r="FL3161" s="126"/>
      <c r="FM3161" s="91"/>
      <c r="FN3161" s="91"/>
      <c r="FO3161" s="91"/>
      <c r="FP3161" s="91"/>
      <c r="FQ3161" s="91"/>
      <c r="FR3161" s="91"/>
      <c r="FS3161" s="91"/>
      <c r="FT3161" s="91"/>
      <c r="FU3161" s="91"/>
      <c r="FV3161" s="91"/>
      <c r="FW3161" s="91"/>
      <c r="FX3161" s="127"/>
      <c r="FY3161" s="126"/>
      <c r="FZ3161" s="91"/>
      <c r="GA3161" s="91"/>
      <c r="GB3161" s="91"/>
      <c r="GC3161" s="91"/>
      <c r="GD3161" s="91"/>
      <c r="GE3161" s="91"/>
      <c r="GF3161" s="91"/>
      <c r="GG3161" s="91"/>
      <c r="GH3161" s="91"/>
      <c r="GI3161" s="91"/>
      <c r="GJ3161" s="91"/>
      <c r="GK3161" s="127"/>
      <c r="GL3161" s="126"/>
      <c r="GM3161" s="91"/>
      <c r="GN3161" s="91"/>
      <c r="GO3161" s="91"/>
      <c r="GP3161" s="91"/>
      <c r="GQ3161" s="91"/>
      <c r="GR3161" s="91"/>
      <c r="GS3161" s="91"/>
      <c r="GT3161" s="91"/>
      <c r="GU3161" s="91"/>
      <c r="GV3161" s="91"/>
      <c r="GW3161" s="91"/>
      <c r="GX3161" s="127"/>
      <c r="GY3161" s="126"/>
      <c r="GZ3161" s="91"/>
      <c r="HA3161" s="91"/>
      <c r="HB3161" s="91"/>
      <c r="HC3161" s="91"/>
      <c r="HD3161" s="91"/>
      <c r="HE3161" s="91"/>
      <c r="HF3161" s="91"/>
      <c r="HG3161" s="91"/>
      <c r="HH3161" s="91"/>
      <c r="HI3161" s="91"/>
      <c r="HJ3161" s="91"/>
      <c r="HK3161" s="127"/>
      <c r="HL3161" s="126"/>
      <c r="HM3161" s="91"/>
      <c r="HN3161" s="91"/>
      <c r="HO3161" s="91"/>
      <c r="HP3161" s="91"/>
      <c r="HQ3161" s="91"/>
      <c r="HR3161" s="91"/>
      <c r="HS3161" s="91"/>
      <c r="HT3161" s="91"/>
      <c r="HU3161" s="91"/>
      <c r="HV3161" s="91"/>
      <c r="HW3161" s="91"/>
      <c r="HX3161" s="127"/>
      <c r="HY3161" s="126"/>
      <c r="HZ3161" s="91"/>
      <c r="IA3161" s="91"/>
      <c r="IB3161" s="91"/>
      <c r="IC3161" s="91"/>
      <c r="ID3161" s="91"/>
      <c r="IE3161" s="91"/>
      <c r="IF3161" s="91"/>
      <c r="IG3161" s="91"/>
      <c r="IH3161" s="91"/>
      <c r="II3161" s="91"/>
      <c r="IJ3161" s="91"/>
      <c r="IK3161" s="174"/>
    </row>
    <row r="3162" spans="2:245" x14ac:dyDescent="0.2">
      <c r="B3162" s="43"/>
      <c r="C3162" s="73"/>
      <c r="D3162" s="64"/>
      <c r="E3162" s="64"/>
      <c r="F3162" s="55"/>
      <c r="G3162" s="102"/>
      <c r="H3162" s="97"/>
      <c r="T3162" s="98"/>
      <c r="U3162" s="97"/>
      <c r="AG3162" s="98"/>
      <c r="AY3162" s="164"/>
      <c r="BK3162" s="98"/>
      <c r="BL3162" s="97"/>
      <c r="BX3162" s="98"/>
      <c r="CL3162" s="97"/>
      <c r="CX3162" s="98"/>
      <c r="DL3162" s="97"/>
      <c r="DX3162" s="98"/>
      <c r="EL3162" s="97"/>
      <c r="EX3162" s="98"/>
      <c r="EY3162" s="97"/>
      <c r="FL3162" s="126"/>
      <c r="FM3162" s="91"/>
      <c r="FN3162" s="91"/>
      <c r="FO3162" s="91"/>
      <c r="FP3162" s="91"/>
      <c r="FQ3162" s="91"/>
      <c r="FR3162" s="91"/>
      <c r="FS3162" s="91"/>
      <c r="FT3162" s="91"/>
      <c r="FU3162" s="91"/>
      <c r="FV3162" s="91"/>
      <c r="FW3162" s="91"/>
      <c r="FX3162" s="127"/>
      <c r="FY3162" s="126"/>
      <c r="FZ3162" s="91"/>
      <c r="GA3162" s="91"/>
      <c r="GB3162" s="91"/>
      <c r="GC3162" s="91"/>
      <c r="GD3162" s="91"/>
      <c r="GE3162" s="91"/>
      <c r="GF3162" s="91"/>
      <c r="GG3162" s="91"/>
      <c r="GH3162" s="91"/>
      <c r="GI3162" s="91"/>
      <c r="GJ3162" s="91"/>
      <c r="GK3162" s="127"/>
      <c r="GL3162" s="126"/>
      <c r="GM3162" s="91"/>
      <c r="GN3162" s="91"/>
      <c r="GO3162" s="91"/>
      <c r="GP3162" s="91"/>
      <c r="GQ3162" s="91"/>
      <c r="GR3162" s="91"/>
      <c r="GS3162" s="91"/>
      <c r="GT3162" s="91"/>
      <c r="GU3162" s="91"/>
      <c r="GV3162" s="91"/>
      <c r="GW3162" s="91"/>
      <c r="GX3162" s="127"/>
      <c r="GY3162" s="126"/>
      <c r="GZ3162" s="91"/>
      <c r="HA3162" s="91"/>
      <c r="HB3162" s="91"/>
      <c r="HC3162" s="91"/>
      <c r="HD3162" s="91"/>
      <c r="HE3162" s="91"/>
      <c r="HF3162" s="91"/>
      <c r="HG3162" s="91"/>
      <c r="HH3162" s="91"/>
      <c r="HI3162" s="91"/>
      <c r="HJ3162" s="91"/>
      <c r="HK3162" s="127"/>
      <c r="HL3162" s="126"/>
      <c r="HM3162" s="91"/>
      <c r="HN3162" s="91"/>
      <c r="HO3162" s="91"/>
      <c r="HP3162" s="91"/>
      <c r="HQ3162" s="91"/>
      <c r="HR3162" s="91"/>
      <c r="HS3162" s="91"/>
      <c r="HT3162" s="91"/>
      <c r="HU3162" s="91"/>
      <c r="HV3162" s="91"/>
      <c r="HW3162" s="91"/>
      <c r="HX3162" s="127"/>
      <c r="HY3162" s="126"/>
      <c r="HZ3162" s="91"/>
      <c r="IA3162" s="91"/>
      <c r="IB3162" s="91"/>
      <c r="IC3162" s="91"/>
      <c r="ID3162" s="91"/>
      <c r="IE3162" s="91"/>
      <c r="IF3162" s="91"/>
      <c r="IG3162" s="91"/>
      <c r="IH3162" s="91"/>
      <c r="II3162" s="91"/>
      <c r="IJ3162" s="91"/>
      <c r="IK3162" s="174"/>
    </row>
    <row r="3163" spans="2:245" x14ac:dyDescent="0.2">
      <c r="B3163" s="43"/>
      <c r="C3163" s="73"/>
      <c r="D3163" s="64"/>
      <c r="E3163" s="64"/>
      <c r="F3163" s="55"/>
      <c r="G3163" s="102"/>
      <c r="H3163" s="97"/>
      <c r="T3163" s="98"/>
      <c r="U3163" s="97"/>
      <c r="AG3163" s="98"/>
      <c r="AY3163" s="164"/>
      <c r="BK3163" s="98"/>
      <c r="BL3163" s="97"/>
      <c r="BX3163" s="98"/>
      <c r="CL3163" s="97"/>
      <c r="CX3163" s="98"/>
      <c r="DL3163" s="97"/>
      <c r="DX3163" s="98"/>
      <c r="EL3163" s="97"/>
      <c r="EX3163" s="98"/>
      <c r="EY3163" s="97"/>
      <c r="FL3163" s="126"/>
      <c r="FM3163" s="91"/>
      <c r="FN3163" s="91"/>
      <c r="FO3163" s="91"/>
      <c r="FP3163" s="91"/>
      <c r="FQ3163" s="91"/>
      <c r="FR3163" s="91"/>
      <c r="FS3163" s="91"/>
      <c r="FT3163" s="91"/>
      <c r="FU3163" s="91"/>
      <c r="FV3163" s="91"/>
      <c r="FW3163" s="91"/>
      <c r="FX3163" s="127"/>
      <c r="FY3163" s="126"/>
      <c r="FZ3163" s="91"/>
      <c r="GA3163" s="91"/>
      <c r="GB3163" s="91"/>
      <c r="GC3163" s="91"/>
      <c r="GD3163" s="91"/>
      <c r="GE3163" s="91"/>
      <c r="GF3163" s="91"/>
      <c r="GG3163" s="91"/>
      <c r="GH3163" s="91"/>
      <c r="GI3163" s="91"/>
      <c r="GJ3163" s="91"/>
      <c r="GK3163" s="127"/>
      <c r="GL3163" s="126"/>
      <c r="GM3163" s="91"/>
      <c r="GN3163" s="91"/>
      <c r="GO3163" s="91"/>
      <c r="GP3163" s="91"/>
      <c r="GQ3163" s="91"/>
      <c r="GR3163" s="91"/>
      <c r="GS3163" s="91"/>
      <c r="GT3163" s="91"/>
      <c r="GU3163" s="91"/>
      <c r="GV3163" s="91"/>
      <c r="GW3163" s="91"/>
      <c r="GX3163" s="127"/>
      <c r="GY3163" s="126"/>
      <c r="GZ3163" s="91"/>
      <c r="HA3163" s="91"/>
      <c r="HB3163" s="91"/>
      <c r="HC3163" s="91"/>
      <c r="HD3163" s="91"/>
      <c r="HE3163" s="91"/>
      <c r="HF3163" s="91"/>
      <c r="HG3163" s="91"/>
      <c r="HH3163" s="91"/>
      <c r="HI3163" s="91"/>
      <c r="HJ3163" s="91"/>
      <c r="HK3163" s="127"/>
      <c r="HL3163" s="126"/>
      <c r="HM3163" s="91"/>
      <c r="HN3163" s="91"/>
      <c r="HO3163" s="91"/>
      <c r="HP3163" s="91"/>
      <c r="HQ3163" s="91"/>
      <c r="HR3163" s="91"/>
      <c r="HS3163" s="91"/>
      <c r="HT3163" s="91"/>
      <c r="HU3163" s="91"/>
      <c r="HV3163" s="91"/>
      <c r="HW3163" s="91"/>
      <c r="HX3163" s="127"/>
      <c r="HY3163" s="126"/>
      <c r="HZ3163" s="91"/>
      <c r="IA3163" s="91"/>
      <c r="IB3163" s="91"/>
      <c r="IC3163" s="91"/>
      <c r="ID3163" s="91"/>
      <c r="IE3163" s="91"/>
      <c r="IF3163" s="91"/>
      <c r="IG3163" s="91"/>
      <c r="IH3163" s="91"/>
      <c r="II3163" s="91"/>
      <c r="IJ3163" s="91"/>
      <c r="IK3163" s="174"/>
    </row>
    <row r="3164" spans="2:245" x14ac:dyDescent="0.2">
      <c r="B3164" s="43"/>
      <c r="C3164" s="73"/>
      <c r="D3164" s="64"/>
      <c r="E3164" s="64"/>
      <c r="F3164" s="55"/>
      <c r="G3164" s="102"/>
      <c r="H3164" s="97"/>
      <c r="T3164" s="98"/>
      <c r="U3164" s="97"/>
      <c r="AG3164" s="98"/>
      <c r="AY3164" s="164"/>
      <c r="BK3164" s="98"/>
      <c r="BL3164" s="97"/>
      <c r="BX3164" s="98"/>
      <c r="CL3164" s="97"/>
      <c r="CX3164" s="98"/>
      <c r="DL3164" s="97"/>
      <c r="DX3164" s="98"/>
      <c r="EL3164" s="97"/>
      <c r="EX3164" s="98"/>
      <c r="EY3164" s="97"/>
      <c r="FL3164" s="126"/>
      <c r="FM3164" s="91"/>
      <c r="FN3164" s="91"/>
      <c r="FO3164" s="91"/>
      <c r="FP3164" s="91"/>
      <c r="FQ3164" s="91"/>
      <c r="FR3164" s="91"/>
      <c r="FS3164" s="91"/>
      <c r="FT3164" s="91"/>
      <c r="FU3164" s="91"/>
      <c r="FV3164" s="91"/>
      <c r="FW3164" s="91"/>
      <c r="FX3164" s="127"/>
      <c r="FY3164" s="126"/>
      <c r="FZ3164" s="91"/>
      <c r="GA3164" s="91"/>
      <c r="GB3164" s="91"/>
      <c r="GC3164" s="91"/>
      <c r="GD3164" s="91"/>
      <c r="GE3164" s="91"/>
      <c r="GF3164" s="91"/>
      <c r="GG3164" s="91"/>
      <c r="GH3164" s="91"/>
      <c r="GI3164" s="91"/>
      <c r="GJ3164" s="91"/>
      <c r="GK3164" s="127"/>
      <c r="GL3164" s="126"/>
      <c r="GM3164" s="91"/>
      <c r="GN3164" s="91"/>
      <c r="GO3164" s="91"/>
      <c r="GP3164" s="91"/>
      <c r="GQ3164" s="91"/>
      <c r="GR3164" s="91"/>
      <c r="GS3164" s="91"/>
      <c r="GT3164" s="91"/>
      <c r="GU3164" s="91"/>
      <c r="GV3164" s="91"/>
      <c r="GW3164" s="91"/>
      <c r="GX3164" s="127"/>
      <c r="GY3164" s="126"/>
      <c r="GZ3164" s="91"/>
      <c r="HA3164" s="91"/>
      <c r="HB3164" s="91"/>
      <c r="HC3164" s="91"/>
      <c r="HD3164" s="91"/>
      <c r="HE3164" s="91"/>
      <c r="HF3164" s="91"/>
      <c r="HG3164" s="91"/>
      <c r="HH3164" s="91"/>
      <c r="HI3164" s="91"/>
      <c r="HJ3164" s="91"/>
      <c r="HK3164" s="127"/>
      <c r="HL3164" s="126"/>
      <c r="HM3164" s="91"/>
      <c r="HN3164" s="91"/>
      <c r="HO3164" s="91"/>
      <c r="HP3164" s="91"/>
      <c r="HQ3164" s="91"/>
      <c r="HR3164" s="91"/>
      <c r="HS3164" s="91"/>
      <c r="HT3164" s="91"/>
      <c r="HU3164" s="91"/>
      <c r="HV3164" s="91"/>
      <c r="HW3164" s="91"/>
      <c r="HX3164" s="127"/>
      <c r="HY3164" s="126"/>
      <c r="HZ3164" s="91"/>
      <c r="IA3164" s="91"/>
      <c r="IB3164" s="91"/>
      <c r="IC3164" s="91"/>
      <c r="ID3164" s="91"/>
      <c r="IE3164" s="91"/>
      <c r="IF3164" s="91"/>
      <c r="IG3164" s="91"/>
      <c r="IH3164" s="91"/>
      <c r="II3164" s="91"/>
      <c r="IJ3164" s="91"/>
      <c r="IK3164" s="174"/>
    </row>
    <row r="3165" spans="2:245" x14ac:dyDescent="0.2">
      <c r="B3165" s="43"/>
      <c r="C3165" s="73"/>
      <c r="D3165" s="64"/>
      <c r="E3165" s="64"/>
      <c r="F3165" s="55"/>
      <c r="G3165" s="102"/>
      <c r="H3165" s="97"/>
      <c r="T3165" s="98"/>
      <c r="U3165" s="97"/>
      <c r="AG3165" s="98"/>
      <c r="AY3165" s="164"/>
      <c r="BK3165" s="98"/>
      <c r="BL3165" s="97"/>
      <c r="BX3165" s="98"/>
      <c r="CL3165" s="97"/>
      <c r="CX3165" s="98"/>
      <c r="DL3165" s="97"/>
      <c r="DX3165" s="98"/>
      <c r="EL3165" s="97"/>
      <c r="EX3165" s="98"/>
      <c r="EY3165" s="97"/>
      <c r="FL3165" s="126"/>
      <c r="FM3165" s="91"/>
      <c r="FN3165" s="91"/>
      <c r="FO3165" s="91"/>
      <c r="FP3165" s="91"/>
      <c r="FQ3165" s="91"/>
      <c r="FR3165" s="91"/>
      <c r="FS3165" s="91"/>
      <c r="FT3165" s="91"/>
      <c r="FU3165" s="91"/>
      <c r="FV3165" s="91"/>
      <c r="FW3165" s="91"/>
      <c r="FX3165" s="127"/>
      <c r="FY3165" s="126"/>
      <c r="FZ3165" s="91"/>
      <c r="GA3165" s="91"/>
      <c r="GB3165" s="91"/>
      <c r="GC3165" s="91"/>
      <c r="GD3165" s="91"/>
      <c r="GE3165" s="91"/>
      <c r="GF3165" s="91"/>
      <c r="GG3165" s="91"/>
      <c r="GH3165" s="91"/>
      <c r="GI3165" s="91"/>
      <c r="GJ3165" s="91"/>
      <c r="GK3165" s="127"/>
      <c r="GL3165" s="126"/>
      <c r="GM3165" s="91"/>
      <c r="GN3165" s="91"/>
      <c r="GO3165" s="91"/>
      <c r="GP3165" s="91"/>
      <c r="GQ3165" s="91"/>
      <c r="GR3165" s="91"/>
      <c r="GS3165" s="91"/>
      <c r="GT3165" s="91"/>
      <c r="GU3165" s="91"/>
      <c r="GV3165" s="91"/>
      <c r="GW3165" s="91"/>
      <c r="GX3165" s="127"/>
      <c r="GY3165" s="126"/>
      <c r="GZ3165" s="91"/>
      <c r="HA3165" s="91"/>
      <c r="HB3165" s="91"/>
      <c r="HC3165" s="91"/>
      <c r="HD3165" s="91"/>
      <c r="HE3165" s="91"/>
      <c r="HF3165" s="91"/>
      <c r="HG3165" s="91"/>
      <c r="HH3165" s="91"/>
      <c r="HI3165" s="91"/>
      <c r="HJ3165" s="91"/>
      <c r="HK3165" s="127"/>
      <c r="HL3165" s="126"/>
      <c r="HM3165" s="91"/>
      <c r="HN3165" s="91"/>
      <c r="HO3165" s="91"/>
      <c r="HP3165" s="91"/>
      <c r="HQ3165" s="91"/>
      <c r="HR3165" s="91"/>
      <c r="HS3165" s="91"/>
      <c r="HT3165" s="91"/>
      <c r="HU3165" s="91"/>
      <c r="HV3165" s="91"/>
      <c r="HW3165" s="91"/>
      <c r="HX3165" s="127"/>
      <c r="HY3165" s="126"/>
      <c r="HZ3165" s="91"/>
      <c r="IA3165" s="91"/>
      <c r="IB3165" s="91"/>
      <c r="IC3165" s="91"/>
      <c r="ID3165" s="91"/>
      <c r="IE3165" s="91"/>
      <c r="IF3165" s="91"/>
      <c r="IG3165" s="91"/>
      <c r="IH3165" s="91"/>
      <c r="II3165" s="91"/>
      <c r="IJ3165" s="91"/>
      <c r="IK3165" s="174"/>
    </row>
    <row r="3166" spans="2:245" x14ac:dyDescent="0.2">
      <c r="B3166" s="43"/>
      <c r="C3166" s="73"/>
      <c r="D3166" s="64"/>
      <c r="E3166" s="64"/>
      <c r="F3166" s="55"/>
      <c r="G3166" s="102"/>
      <c r="H3166" s="97"/>
      <c r="T3166" s="98"/>
      <c r="U3166" s="97"/>
      <c r="AG3166" s="98"/>
      <c r="AY3166" s="164"/>
      <c r="BK3166" s="98"/>
      <c r="BL3166" s="97"/>
      <c r="BX3166" s="98"/>
      <c r="CL3166" s="97"/>
      <c r="CX3166" s="98"/>
      <c r="DL3166" s="97"/>
      <c r="DX3166" s="98"/>
      <c r="EL3166" s="97"/>
      <c r="EX3166" s="98"/>
      <c r="EY3166" s="97"/>
      <c r="FL3166" s="126"/>
      <c r="FM3166" s="91"/>
      <c r="FN3166" s="91"/>
      <c r="FO3166" s="91"/>
      <c r="FP3166" s="91"/>
      <c r="FQ3166" s="91"/>
      <c r="FR3166" s="91"/>
      <c r="FS3166" s="91"/>
      <c r="FT3166" s="91"/>
      <c r="FU3166" s="91"/>
      <c r="FV3166" s="91"/>
      <c r="FW3166" s="91"/>
      <c r="FX3166" s="127"/>
      <c r="FY3166" s="126"/>
      <c r="FZ3166" s="91"/>
      <c r="GA3166" s="91"/>
      <c r="GB3166" s="91"/>
      <c r="GC3166" s="91"/>
      <c r="GD3166" s="91"/>
      <c r="GE3166" s="91"/>
      <c r="GF3166" s="91"/>
      <c r="GG3166" s="91"/>
      <c r="GH3166" s="91"/>
      <c r="GI3166" s="91"/>
      <c r="GJ3166" s="91"/>
      <c r="GK3166" s="127"/>
      <c r="GL3166" s="126"/>
      <c r="GM3166" s="91"/>
      <c r="GN3166" s="91"/>
      <c r="GO3166" s="91"/>
      <c r="GP3166" s="91"/>
      <c r="GQ3166" s="91"/>
      <c r="GR3166" s="91"/>
      <c r="GS3166" s="91"/>
      <c r="GT3166" s="91"/>
      <c r="GU3166" s="91"/>
      <c r="GV3166" s="91"/>
      <c r="GW3166" s="91"/>
      <c r="GX3166" s="127"/>
      <c r="GY3166" s="126"/>
      <c r="GZ3166" s="91"/>
      <c r="HA3166" s="91"/>
      <c r="HB3166" s="91"/>
      <c r="HC3166" s="91"/>
      <c r="HD3166" s="91"/>
      <c r="HE3166" s="91"/>
      <c r="HF3166" s="91"/>
      <c r="HG3166" s="91"/>
      <c r="HH3166" s="91"/>
      <c r="HI3166" s="91"/>
      <c r="HJ3166" s="91"/>
      <c r="HK3166" s="127"/>
      <c r="HL3166" s="126"/>
      <c r="HM3166" s="91"/>
      <c r="HN3166" s="91"/>
      <c r="HO3166" s="91"/>
      <c r="HP3166" s="91"/>
      <c r="HQ3166" s="91"/>
      <c r="HR3166" s="91"/>
      <c r="HS3166" s="91"/>
      <c r="HT3166" s="91"/>
      <c r="HU3166" s="91"/>
      <c r="HV3166" s="91"/>
      <c r="HW3166" s="91"/>
      <c r="HX3166" s="127"/>
      <c r="HY3166" s="126"/>
      <c r="HZ3166" s="91"/>
      <c r="IA3166" s="91"/>
      <c r="IB3166" s="91"/>
      <c r="IC3166" s="91"/>
      <c r="ID3166" s="91"/>
      <c r="IE3166" s="91"/>
      <c r="IF3166" s="91"/>
      <c r="IG3166" s="91"/>
      <c r="IH3166" s="91"/>
      <c r="II3166" s="91"/>
      <c r="IJ3166" s="91"/>
      <c r="IK3166" s="174"/>
    </row>
    <row r="3167" spans="2:245" x14ac:dyDescent="0.2">
      <c r="B3167" s="43"/>
      <c r="C3167" s="73"/>
      <c r="D3167" s="64"/>
      <c r="E3167" s="64"/>
      <c r="F3167" s="55"/>
      <c r="G3167" s="102"/>
      <c r="H3167" s="97"/>
      <c r="T3167" s="98"/>
      <c r="U3167" s="97"/>
      <c r="AG3167" s="98"/>
      <c r="AY3167" s="164"/>
      <c r="BK3167" s="98"/>
      <c r="BL3167" s="97"/>
      <c r="BX3167" s="98"/>
      <c r="CL3167" s="97"/>
      <c r="CX3167" s="98"/>
      <c r="DL3167" s="97"/>
      <c r="DX3167" s="98"/>
      <c r="EL3167" s="97"/>
      <c r="EX3167" s="98"/>
      <c r="EY3167" s="97"/>
      <c r="FL3167" s="126"/>
      <c r="FM3167" s="91"/>
      <c r="FN3167" s="91"/>
      <c r="FO3167" s="91"/>
      <c r="FP3167" s="91"/>
      <c r="FQ3167" s="91"/>
      <c r="FR3167" s="91"/>
      <c r="FS3167" s="91"/>
      <c r="FT3167" s="91"/>
      <c r="FU3167" s="91"/>
      <c r="FV3167" s="91"/>
      <c r="FW3167" s="91"/>
      <c r="FX3167" s="127"/>
      <c r="FY3167" s="126"/>
      <c r="FZ3167" s="91"/>
      <c r="GA3167" s="91"/>
      <c r="GB3167" s="91"/>
      <c r="GC3167" s="91"/>
      <c r="GD3167" s="91"/>
      <c r="GE3167" s="91"/>
      <c r="GF3167" s="91"/>
      <c r="GG3167" s="91"/>
      <c r="GH3167" s="91"/>
      <c r="GI3167" s="91"/>
      <c r="GJ3167" s="91"/>
      <c r="GK3167" s="127"/>
      <c r="GL3167" s="126"/>
      <c r="GM3167" s="91"/>
      <c r="GN3167" s="91"/>
      <c r="GO3167" s="91"/>
      <c r="GP3167" s="91"/>
      <c r="GQ3167" s="91"/>
      <c r="GR3167" s="91"/>
      <c r="GS3167" s="91"/>
      <c r="GT3167" s="91"/>
      <c r="GU3167" s="91"/>
      <c r="GV3167" s="91"/>
      <c r="GW3167" s="91"/>
      <c r="GX3167" s="127"/>
      <c r="GY3167" s="126"/>
      <c r="GZ3167" s="91"/>
      <c r="HA3167" s="91"/>
      <c r="HB3167" s="91"/>
      <c r="HC3167" s="91"/>
      <c r="HD3167" s="91"/>
      <c r="HE3167" s="91"/>
      <c r="HF3167" s="91"/>
      <c r="HG3167" s="91"/>
      <c r="HH3167" s="91"/>
      <c r="HI3167" s="91"/>
      <c r="HJ3167" s="91"/>
      <c r="HK3167" s="127"/>
      <c r="HL3167" s="126"/>
      <c r="HM3167" s="91"/>
      <c r="HN3167" s="91"/>
      <c r="HO3167" s="91"/>
      <c r="HP3167" s="91"/>
      <c r="HQ3167" s="91"/>
      <c r="HR3167" s="91"/>
      <c r="HS3167" s="91"/>
      <c r="HT3167" s="91"/>
      <c r="HU3167" s="91"/>
      <c r="HV3167" s="91"/>
      <c r="HW3167" s="91"/>
      <c r="HX3167" s="127"/>
      <c r="HY3167" s="126"/>
      <c r="HZ3167" s="91"/>
      <c r="IA3167" s="91"/>
      <c r="IB3167" s="91"/>
      <c r="IC3167" s="91"/>
      <c r="ID3167" s="91"/>
      <c r="IE3167" s="91"/>
      <c r="IF3167" s="91"/>
      <c r="IG3167" s="91"/>
      <c r="IH3167" s="91"/>
      <c r="II3167" s="91"/>
      <c r="IJ3167" s="91"/>
      <c r="IK3167" s="174"/>
    </row>
    <row r="3168" spans="2:245" x14ac:dyDescent="0.2">
      <c r="B3168" s="43"/>
      <c r="C3168" s="73"/>
      <c r="D3168" s="64"/>
      <c r="E3168" s="64"/>
      <c r="F3168" s="55"/>
      <c r="G3168" s="102"/>
      <c r="H3168" s="97"/>
      <c r="T3168" s="98"/>
      <c r="U3168" s="97"/>
      <c r="AG3168" s="98"/>
      <c r="AY3168" s="164"/>
      <c r="BK3168" s="98"/>
      <c r="BL3168" s="97"/>
      <c r="BX3168" s="98"/>
      <c r="CL3168" s="97"/>
      <c r="CX3168" s="98"/>
      <c r="DL3168" s="97"/>
      <c r="DX3168" s="98"/>
      <c r="EL3168" s="97"/>
      <c r="EX3168" s="98"/>
      <c r="EY3168" s="97"/>
      <c r="FL3168" s="126"/>
      <c r="FM3168" s="91"/>
      <c r="FN3168" s="91"/>
      <c r="FO3168" s="91"/>
      <c r="FP3168" s="91"/>
      <c r="FQ3168" s="91"/>
      <c r="FR3168" s="91"/>
      <c r="FS3168" s="91"/>
      <c r="FT3168" s="91"/>
      <c r="FU3168" s="91"/>
      <c r="FV3168" s="91"/>
      <c r="FW3168" s="91"/>
      <c r="FX3168" s="127"/>
      <c r="FY3168" s="126"/>
      <c r="FZ3168" s="91"/>
      <c r="GA3168" s="91"/>
      <c r="GB3168" s="91"/>
      <c r="GC3168" s="91"/>
      <c r="GD3168" s="91"/>
      <c r="GE3168" s="91"/>
      <c r="GF3168" s="91"/>
      <c r="GG3168" s="91"/>
      <c r="GH3168" s="91"/>
      <c r="GI3168" s="91"/>
      <c r="GJ3168" s="91"/>
      <c r="GK3168" s="127"/>
      <c r="GL3168" s="126"/>
      <c r="GM3168" s="91"/>
      <c r="GN3168" s="91"/>
      <c r="GO3168" s="91"/>
      <c r="GP3168" s="91"/>
      <c r="GQ3168" s="91"/>
      <c r="GR3168" s="91"/>
      <c r="GS3168" s="91"/>
      <c r="GT3168" s="91"/>
      <c r="GU3168" s="91"/>
      <c r="GV3168" s="91"/>
      <c r="GW3168" s="91"/>
      <c r="GX3168" s="127"/>
      <c r="GY3168" s="126"/>
      <c r="GZ3168" s="91"/>
      <c r="HA3168" s="91"/>
      <c r="HB3168" s="91"/>
      <c r="HC3168" s="91"/>
      <c r="HD3168" s="91"/>
      <c r="HE3168" s="91"/>
      <c r="HF3168" s="91"/>
      <c r="HG3168" s="91"/>
      <c r="HH3168" s="91"/>
      <c r="HI3168" s="91"/>
      <c r="HJ3168" s="91"/>
      <c r="HK3168" s="127"/>
      <c r="HL3168" s="126"/>
      <c r="HM3168" s="91"/>
      <c r="HN3168" s="91"/>
      <c r="HO3168" s="91"/>
      <c r="HP3168" s="91"/>
      <c r="HQ3168" s="91"/>
      <c r="HR3168" s="91"/>
      <c r="HS3168" s="91"/>
      <c r="HT3168" s="91"/>
      <c r="HU3168" s="91"/>
      <c r="HV3168" s="91"/>
      <c r="HW3168" s="91"/>
      <c r="HX3168" s="127"/>
      <c r="HY3168" s="126"/>
      <c r="HZ3168" s="91"/>
      <c r="IA3168" s="91"/>
      <c r="IB3168" s="91"/>
      <c r="IC3168" s="91"/>
      <c r="ID3168" s="91"/>
      <c r="IE3168" s="91"/>
      <c r="IF3168" s="91"/>
      <c r="IG3168" s="91"/>
      <c r="IH3168" s="91"/>
      <c r="II3168" s="91"/>
      <c r="IJ3168" s="91"/>
      <c r="IK3168" s="174"/>
    </row>
    <row r="3169" spans="2:245" x14ac:dyDescent="0.2">
      <c r="B3169" s="43"/>
      <c r="C3169" s="73"/>
      <c r="D3169" s="64"/>
      <c r="E3169" s="64"/>
      <c r="F3169" s="55"/>
      <c r="G3169" s="102"/>
      <c r="H3169" s="97"/>
      <c r="T3169" s="98"/>
      <c r="U3169" s="97"/>
      <c r="AG3169" s="98"/>
      <c r="AY3169" s="164"/>
      <c r="BK3169" s="98"/>
      <c r="BL3169" s="97"/>
      <c r="BX3169" s="98"/>
      <c r="CL3169" s="97"/>
      <c r="CX3169" s="98"/>
      <c r="DL3169" s="97"/>
      <c r="DX3169" s="98"/>
      <c r="EL3169" s="97"/>
      <c r="EX3169" s="98"/>
      <c r="EY3169" s="97"/>
      <c r="FL3169" s="126"/>
      <c r="FM3169" s="91"/>
      <c r="FN3169" s="91"/>
      <c r="FO3169" s="91"/>
      <c r="FP3169" s="91"/>
      <c r="FQ3169" s="91"/>
      <c r="FR3169" s="91"/>
      <c r="FS3169" s="91"/>
      <c r="FT3169" s="91"/>
      <c r="FU3169" s="91"/>
      <c r="FV3169" s="91"/>
      <c r="FW3169" s="91"/>
      <c r="FX3169" s="127"/>
      <c r="FY3169" s="126"/>
      <c r="FZ3169" s="91"/>
      <c r="GA3169" s="91"/>
      <c r="GB3169" s="91"/>
      <c r="GC3169" s="91"/>
      <c r="GD3169" s="91"/>
      <c r="GE3169" s="91"/>
      <c r="GF3169" s="91"/>
      <c r="GG3169" s="91"/>
      <c r="GH3169" s="91"/>
      <c r="GI3169" s="91"/>
      <c r="GJ3169" s="91"/>
      <c r="GK3169" s="127"/>
      <c r="GL3169" s="126"/>
      <c r="GM3169" s="91"/>
      <c r="GN3169" s="91"/>
      <c r="GO3169" s="91"/>
      <c r="GP3169" s="91"/>
      <c r="GQ3169" s="91"/>
      <c r="GR3169" s="91"/>
      <c r="GS3169" s="91"/>
      <c r="GT3169" s="91"/>
      <c r="GU3169" s="91"/>
      <c r="GV3169" s="91"/>
      <c r="GW3169" s="91"/>
      <c r="GX3169" s="127"/>
      <c r="GY3169" s="126"/>
      <c r="GZ3169" s="91"/>
      <c r="HA3169" s="91"/>
      <c r="HB3169" s="91"/>
      <c r="HC3169" s="91"/>
      <c r="HD3169" s="91"/>
      <c r="HE3169" s="91"/>
      <c r="HF3169" s="91"/>
      <c r="HG3169" s="91"/>
      <c r="HH3169" s="91"/>
      <c r="HI3169" s="91"/>
      <c r="HJ3169" s="91"/>
      <c r="HK3169" s="127"/>
      <c r="HL3169" s="126"/>
      <c r="HM3169" s="91"/>
      <c r="HN3169" s="91"/>
      <c r="HO3169" s="91"/>
      <c r="HP3169" s="91"/>
      <c r="HQ3169" s="91"/>
      <c r="HR3169" s="91"/>
      <c r="HS3169" s="91"/>
      <c r="HT3169" s="91"/>
      <c r="HU3169" s="91"/>
      <c r="HV3169" s="91"/>
      <c r="HW3169" s="91"/>
      <c r="HX3169" s="127"/>
      <c r="HY3169" s="126"/>
      <c r="HZ3169" s="91"/>
      <c r="IA3169" s="91"/>
      <c r="IB3169" s="91"/>
      <c r="IC3169" s="91"/>
      <c r="ID3169" s="91"/>
      <c r="IE3169" s="91"/>
      <c r="IF3169" s="91"/>
      <c r="IG3169" s="91"/>
      <c r="IH3169" s="91"/>
      <c r="II3169" s="91"/>
      <c r="IJ3169" s="91"/>
      <c r="IK3169" s="174"/>
    </row>
    <row r="3170" spans="2:245" x14ac:dyDescent="0.2">
      <c r="B3170" s="43"/>
      <c r="C3170" s="73"/>
      <c r="D3170" s="64"/>
      <c r="E3170" s="64"/>
      <c r="F3170" s="55"/>
      <c r="G3170" s="102"/>
      <c r="H3170" s="97"/>
      <c r="T3170" s="98"/>
      <c r="U3170" s="97"/>
      <c r="AG3170" s="98"/>
      <c r="AY3170" s="164"/>
      <c r="BK3170" s="98"/>
      <c r="BL3170" s="97"/>
      <c r="BX3170" s="98"/>
      <c r="CL3170" s="97"/>
      <c r="CX3170" s="98"/>
      <c r="DL3170" s="97"/>
      <c r="DX3170" s="98"/>
      <c r="EL3170" s="97"/>
      <c r="EX3170" s="98"/>
      <c r="EY3170" s="97"/>
      <c r="FL3170" s="126"/>
      <c r="FM3170" s="91"/>
      <c r="FN3170" s="91"/>
      <c r="FO3170" s="91"/>
      <c r="FP3170" s="91"/>
      <c r="FQ3170" s="91"/>
      <c r="FR3170" s="91"/>
      <c r="FS3170" s="91"/>
      <c r="FT3170" s="91"/>
      <c r="FU3170" s="91"/>
      <c r="FV3170" s="91"/>
      <c r="FW3170" s="91"/>
      <c r="FX3170" s="127"/>
      <c r="FY3170" s="126"/>
      <c r="FZ3170" s="91"/>
      <c r="GA3170" s="91"/>
      <c r="GB3170" s="91"/>
      <c r="GC3170" s="91"/>
      <c r="GD3170" s="91"/>
      <c r="GE3170" s="91"/>
      <c r="GF3170" s="91"/>
      <c r="GG3170" s="91"/>
      <c r="GH3170" s="91"/>
      <c r="GI3170" s="91"/>
      <c r="GJ3170" s="91"/>
      <c r="GK3170" s="127"/>
      <c r="GL3170" s="126"/>
      <c r="GM3170" s="91"/>
      <c r="GN3170" s="91"/>
      <c r="GO3170" s="91"/>
      <c r="GP3170" s="91"/>
      <c r="GQ3170" s="91"/>
      <c r="GR3170" s="91"/>
      <c r="GS3170" s="91"/>
      <c r="GT3170" s="91"/>
      <c r="GU3170" s="91"/>
      <c r="GV3170" s="91"/>
      <c r="GW3170" s="91"/>
      <c r="GX3170" s="127"/>
      <c r="GY3170" s="126"/>
      <c r="GZ3170" s="91"/>
      <c r="HA3170" s="91"/>
      <c r="HB3170" s="91"/>
      <c r="HC3170" s="91"/>
      <c r="HD3170" s="91"/>
      <c r="HE3170" s="91"/>
      <c r="HF3170" s="91"/>
      <c r="HG3170" s="91"/>
      <c r="HH3170" s="91"/>
      <c r="HI3170" s="91"/>
      <c r="HJ3170" s="91"/>
      <c r="HK3170" s="127"/>
      <c r="HL3170" s="126"/>
      <c r="HM3170" s="91"/>
      <c r="HN3170" s="91"/>
      <c r="HO3170" s="91"/>
      <c r="HP3170" s="91"/>
      <c r="HQ3170" s="91"/>
      <c r="HR3170" s="91"/>
      <c r="HS3170" s="91"/>
      <c r="HT3170" s="91"/>
      <c r="HU3170" s="91"/>
      <c r="HV3170" s="91"/>
      <c r="HW3170" s="91"/>
      <c r="HX3170" s="127"/>
      <c r="HY3170" s="126"/>
      <c r="HZ3170" s="91"/>
      <c r="IA3170" s="91"/>
      <c r="IB3170" s="91"/>
      <c r="IC3170" s="91"/>
      <c r="ID3170" s="91"/>
      <c r="IE3170" s="91"/>
      <c r="IF3170" s="91"/>
      <c r="IG3170" s="91"/>
      <c r="IH3170" s="91"/>
      <c r="II3170" s="91"/>
      <c r="IJ3170" s="91"/>
      <c r="IK3170" s="174"/>
    </row>
    <row r="3171" spans="2:245" x14ac:dyDescent="0.2">
      <c r="B3171" s="43"/>
      <c r="C3171" s="73"/>
      <c r="D3171" s="64"/>
      <c r="E3171" s="64"/>
      <c r="F3171" s="55"/>
      <c r="G3171" s="102"/>
      <c r="H3171" s="97"/>
      <c r="T3171" s="98"/>
      <c r="U3171" s="97"/>
      <c r="AG3171" s="98"/>
      <c r="AY3171" s="164"/>
      <c r="BK3171" s="98"/>
      <c r="BL3171" s="97"/>
      <c r="BX3171" s="98"/>
      <c r="CL3171" s="97"/>
      <c r="CX3171" s="98"/>
      <c r="DL3171" s="97"/>
      <c r="DX3171" s="98"/>
      <c r="EL3171" s="97"/>
      <c r="EX3171" s="98"/>
      <c r="EY3171" s="97"/>
      <c r="FL3171" s="126"/>
      <c r="FM3171" s="91"/>
      <c r="FN3171" s="91"/>
      <c r="FO3171" s="91"/>
      <c r="FP3171" s="91"/>
      <c r="FQ3171" s="91"/>
      <c r="FR3171" s="91"/>
      <c r="FS3171" s="91"/>
      <c r="FT3171" s="91"/>
      <c r="FU3171" s="91"/>
      <c r="FV3171" s="91"/>
      <c r="FW3171" s="91"/>
      <c r="FX3171" s="127"/>
      <c r="FY3171" s="126"/>
      <c r="FZ3171" s="91"/>
      <c r="GA3171" s="91"/>
      <c r="GB3171" s="91"/>
      <c r="GC3171" s="91"/>
      <c r="GD3171" s="91"/>
      <c r="GE3171" s="91"/>
      <c r="GF3171" s="91"/>
      <c r="GG3171" s="91"/>
      <c r="GH3171" s="91"/>
      <c r="GI3171" s="91"/>
      <c r="GJ3171" s="91"/>
      <c r="GK3171" s="127"/>
      <c r="GL3171" s="126"/>
      <c r="GM3171" s="91"/>
      <c r="GN3171" s="91"/>
      <c r="GO3171" s="91"/>
      <c r="GP3171" s="91"/>
      <c r="GQ3171" s="91"/>
      <c r="GR3171" s="91"/>
      <c r="GS3171" s="91"/>
      <c r="GT3171" s="91"/>
      <c r="GU3171" s="91"/>
      <c r="GV3171" s="91"/>
      <c r="GW3171" s="91"/>
      <c r="GX3171" s="127"/>
      <c r="GY3171" s="126"/>
      <c r="GZ3171" s="91"/>
      <c r="HA3171" s="91"/>
      <c r="HB3171" s="91"/>
      <c r="HC3171" s="91"/>
      <c r="HD3171" s="91"/>
      <c r="HE3171" s="91"/>
      <c r="HF3171" s="91"/>
      <c r="HG3171" s="91"/>
      <c r="HH3171" s="91"/>
      <c r="HI3171" s="91"/>
      <c r="HJ3171" s="91"/>
      <c r="HK3171" s="127"/>
      <c r="HL3171" s="126"/>
      <c r="HM3171" s="91"/>
      <c r="HN3171" s="91"/>
      <c r="HO3171" s="91"/>
      <c r="HP3171" s="91"/>
      <c r="HQ3171" s="91"/>
      <c r="HR3171" s="91"/>
      <c r="HS3171" s="91"/>
      <c r="HT3171" s="91"/>
      <c r="HU3171" s="91"/>
      <c r="HV3171" s="91"/>
      <c r="HW3171" s="91"/>
      <c r="HX3171" s="127"/>
      <c r="HY3171" s="126"/>
      <c r="HZ3171" s="91"/>
      <c r="IA3171" s="91"/>
      <c r="IB3171" s="91"/>
      <c r="IC3171" s="91"/>
      <c r="ID3171" s="91"/>
      <c r="IE3171" s="91"/>
      <c r="IF3171" s="91"/>
      <c r="IG3171" s="91"/>
      <c r="IH3171" s="91"/>
      <c r="II3171" s="91"/>
      <c r="IJ3171" s="91"/>
      <c r="IK3171" s="174"/>
    </row>
    <row r="3172" spans="2:245" x14ac:dyDescent="0.2">
      <c r="B3172" s="43"/>
      <c r="C3172" s="73"/>
      <c r="D3172" s="64"/>
      <c r="E3172" s="64"/>
      <c r="F3172" s="55"/>
      <c r="G3172" s="102"/>
      <c r="H3172" s="97"/>
      <c r="T3172" s="98"/>
      <c r="U3172" s="97"/>
      <c r="AG3172" s="98"/>
      <c r="AY3172" s="164"/>
      <c r="BK3172" s="98"/>
      <c r="BL3172" s="97"/>
      <c r="BX3172" s="98"/>
      <c r="CL3172" s="97"/>
      <c r="CX3172" s="98"/>
      <c r="DL3172" s="97"/>
      <c r="DX3172" s="98"/>
      <c r="EL3172" s="97"/>
      <c r="EX3172" s="98"/>
      <c r="EY3172" s="97"/>
      <c r="FL3172" s="126"/>
      <c r="FM3172" s="91"/>
      <c r="FN3172" s="91"/>
      <c r="FO3172" s="91"/>
      <c r="FP3172" s="91"/>
      <c r="FQ3172" s="91"/>
      <c r="FR3172" s="91"/>
      <c r="FS3172" s="91"/>
      <c r="FT3172" s="91"/>
      <c r="FU3172" s="91"/>
      <c r="FV3172" s="91"/>
      <c r="FW3172" s="91"/>
      <c r="FX3172" s="127"/>
      <c r="FY3172" s="126"/>
      <c r="FZ3172" s="91"/>
      <c r="GA3172" s="91"/>
      <c r="GB3172" s="91"/>
      <c r="GC3172" s="91"/>
      <c r="GD3172" s="91"/>
      <c r="GE3172" s="91"/>
      <c r="GF3172" s="91"/>
      <c r="GG3172" s="91"/>
      <c r="GH3172" s="91"/>
      <c r="GI3172" s="91"/>
      <c r="GJ3172" s="91"/>
      <c r="GK3172" s="127"/>
      <c r="GL3172" s="126"/>
      <c r="GM3172" s="91"/>
      <c r="GN3172" s="91"/>
      <c r="GO3172" s="91"/>
      <c r="GP3172" s="91"/>
      <c r="GQ3172" s="91"/>
      <c r="GR3172" s="91"/>
      <c r="GS3172" s="91"/>
      <c r="GT3172" s="91"/>
      <c r="GU3172" s="91"/>
      <c r="GV3172" s="91"/>
      <c r="GW3172" s="91"/>
      <c r="GX3172" s="127"/>
      <c r="GY3172" s="126"/>
      <c r="GZ3172" s="91"/>
      <c r="HA3172" s="91"/>
      <c r="HB3172" s="91"/>
      <c r="HC3172" s="91"/>
      <c r="HD3172" s="91"/>
      <c r="HE3172" s="91"/>
      <c r="HF3172" s="91"/>
      <c r="HG3172" s="91"/>
      <c r="HH3172" s="91"/>
      <c r="HI3172" s="91"/>
      <c r="HJ3172" s="91"/>
      <c r="HK3172" s="127"/>
      <c r="HL3172" s="126"/>
      <c r="HM3172" s="91"/>
      <c r="HN3172" s="91"/>
      <c r="HO3172" s="91"/>
      <c r="HP3172" s="91"/>
      <c r="HQ3172" s="91"/>
      <c r="HR3172" s="91"/>
      <c r="HS3172" s="91"/>
      <c r="HT3172" s="91"/>
      <c r="HU3172" s="91"/>
      <c r="HV3172" s="91"/>
      <c r="HW3172" s="91"/>
      <c r="HX3172" s="127"/>
      <c r="HY3172" s="126"/>
      <c r="HZ3172" s="91"/>
      <c r="IA3172" s="91"/>
      <c r="IB3172" s="91"/>
      <c r="IC3172" s="91"/>
      <c r="ID3172" s="91"/>
      <c r="IE3172" s="91"/>
      <c r="IF3172" s="91"/>
      <c r="IG3172" s="91"/>
      <c r="IH3172" s="91"/>
      <c r="II3172" s="91"/>
      <c r="IJ3172" s="91"/>
      <c r="IK3172" s="174"/>
    </row>
    <row r="3173" spans="2:245" x14ac:dyDescent="0.2">
      <c r="B3173" s="43"/>
      <c r="C3173" s="73"/>
      <c r="D3173" s="64"/>
      <c r="E3173" s="64"/>
      <c r="F3173" s="55"/>
      <c r="G3173" s="102"/>
      <c r="H3173" s="97"/>
      <c r="T3173" s="98"/>
      <c r="U3173" s="97"/>
      <c r="AG3173" s="98"/>
      <c r="AY3173" s="164"/>
      <c r="BK3173" s="98"/>
      <c r="BL3173" s="97"/>
      <c r="BX3173" s="98"/>
      <c r="CL3173" s="97"/>
      <c r="CX3173" s="98"/>
      <c r="DL3173" s="97"/>
      <c r="DX3173" s="98"/>
      <c r="EL3173" s="97"/>
      <c r="EX3173" s="98"/>
      <c r="EY3173" s="97"/>
      <c r="FL3173" s="126"/>
      <c r="FM3173" s="91"/>
      <c r="FN3173" s="91"/>
      <c r="FO3173" s="91"/>
      <c r="FP3173" s="91"/>
      <c r="FQ3173" s="91"/>
      <c r="FR3173" s="91"/>
      <c r="FS3173" s="91"/>
      <c r="FT3173" s="91"/>
      <c r="FU3173" s="91"/>
      <c r="FV3173" s="91"/>
      <c r="FW3173" s="91"/>
      <c r="FX3173" s="127"/>
      <c r="FY3173" s="126"/>
      <c r="FZ3173" s="91"/>
      <c r="GA3173" s="91"/>
      <c r="GB3173" s="91"/>
      <c r="GC3173" s="91"/>
      <c r="GD3173" s="91"/>
      <c r="GE3173" s="91"/>
      <c r="GF3173" s="91"/>
      <c r="GG3173" s="91"/>
      <c r="GH3173" s="91"/>
      <c r="GI3173" s="91"/>
      <c r="GJ3173" s="91"/>
      <c r="GK3173" s="127"/>
      <c r="GL3173" s="126"/>
      <c r="GM3173" s="91"/>
      <c r="GN3173" s="91"/>
      <c r="GO3173" s="91"/>
      <c r="GP3173" s="91"/>
      <c r="GQ3173" s="91"/>
      <c r="GR3173" s="91"/>
      <c r="GS3173" s="91"/>
      <c r="GT3173" s="91"/>
      <c r="GU3173" s="91"/>
      <c r="GV3173" s="91"/>
      <c r="GW3173" s="91"/>
      <c r="GX3173" s="127"/>
      <c r="GY3173" s="126"/>
      <c r="GZ3173" s="91"/>
      <c r="HA3173" s="91"/>
      <c r="HB3173" s="91"/>
      <c r="HC3173" s="91"/>
      <c r="HD3173" s="91"/>
      <c r="HE3173" s="91"/>
      <c r="HF3173" s="91"/>
      <c r="HG3173" s="91"/>
      <c r="HH3173" s="91"/>
      <c r="HI3173" s="91"/>
      <c r="HJ3173" s="91"/>
      <c r="HK3173" s="127"/>
      <c r="HL3173" s="126"/>
      <c r="HM3173" s="91"/>
      <c r="HN3173" s="91"/>
      <c r="HO3173" s="91"/>
      <c r="HP3173" s="91"/>
      <c r="HQ3173" s="91"/>
      <c r="HR3173" s="91"/>
      <c r="HS3173" s="91"/>
      <c r="HT3173" s="91"/>
      <c r="HU3173" s="91"/>
      <c r="HV3173" s="91"/>
      <c r="HW3173" s="91"/>
      <c r="HX3173" s="127"/>
      <c r="HY3173" s="126"/>
      <c r="HZ3173" s="91"/>
      <c r="IA3173" s="91"/>
      <c r="IB3173" s="91"/>
      <c r="IC3173" s="91"/>
      <c r="ID3173" s="91"/>
      <c r="IE3173" s="91"/>
      <c r="IF3173" s="91"/>
      <c r="IG3173" s="91"/>
      <c r="IH3173" s="91"/>
      <c r="II3173" s="91"/>
      <c r="IJ3173" s="91"/>
      <c r="IK3173" s="174"/>
    </row>
    <row r="3174" spans="2:245" x14ac:dyDescent="0.2">
      <c r="B3174" s="43"/>
      <c r="C3174" s="73"/>
      <c r="D3174" s="64"/>
      <c r="E3174" s="64"/>
      <c r="F3174" s="55"/>
      <c r="G3174" s="102"/>
      <c r="H3174" s="97"/>
      <c r="T3174" s="98"/>
      <c r="U3174" s="97"/>
      <c r="AG3174" s="98"/>
      <c r="AY3174" s="164"/>
      <c r="BK3174" s="98"/>
      <c r="BL3174" s="97"/>
      <c r="BX3174" s="98"/>
      <c r="CL3174" s="97"/>
      <c r="CX3174" s="98"/>
      <c r="DL3174" s="97"/>
      <c r="DX3174" s="98"/>
      <c r="EL3174" s="97"/>
      <c r="EX3174" s="98"/>
      <c r="EY3174" s="97"/>
      <c r="FL3174" s="126"/>
      <c r="FM3174" s="91"/>
      <c r="FN3174" s="91"/>
      <c r="FO3174" s="91"/>
      <c r="FP3174" s="91"/>
      <c r="FQ3174" s="91"/>
      <c r="FR3174" s="91"/>
      <c r="FS3174" s="91"/>
      <c r="FT3174" s="91"/>
      <c r="FU3174" s="91"/>
      <c r="FV3174" s="91"/>
      <c r="FW3174" s="91"/>
      <c r="FX3174" s="127"/>
      <c r="FY3174" s="126"/>
      <c r="FZ3174" s="91"/>
      <c r="GA3174" s="91"/>
      <c r="GB3174" s="91"/>
      <c r="GC3174" s="91"/>
      <c r="GD3174" s="91"/>
      <c r="GE3174" s="91"/>
      <c r="GF3174" s="91"/>
      <c r="GG3174" s="91"/>
      <c r="GH3174" s="91"/>
      <c r="GI3174" s="91"/>
      <c r="GJ3174" s="91"/>
      <c r="GK3174" s="127"/>
      <c r="GL3174" s="126"/>
      <c r="GM3174" s="91"/>
      <c r="GN3174" s="91"/>
      <c r="GO3174" s="91"/>
      <c r="GP3174" s="91"/>
      <c r="GQ3174" s="91"/>
      <c r="GR3174" s="91"/>
      <c r="GS3174" s="91"/>
      <c r="GT3174" s="91"/>
      <c r="GU3174" s="91"/>
      <c r="GV3174" s="91"/>
      <c r="GW3174" s="91"/>
      <c r="GX3174" s="127"/>
      <c r="GY3174" s="126"/>
      <c r="GZ3174" s="91"/>
      <c r="HA3174" s="91"/>
      <c r="HB3174" s="91"/>
      <c r="HC3174" s="91"/>
      <c r="HD3174" s="91"/>
      <c r="HE3174" s="91"/>
      <c r="HF3174" s="91"/>
      <c r="HG3174" s="91"/>
      <c r="HH3174" s="91"/>
      <c r="HI3174" s="91"/>
      <c r="HJ3174" s="91"/>
      <c r="HK3174" s="127"/>
      <c r="HL3174" s="126"/>
      <c r="HM3174" s="91"/>
      <c r="HN3174" s="91"/>
      <c r="HO3174" s="91"/>
      <c r="HP3174" s="91"/>
      <c r="HQ3174" s="91"/>
      <c r="HR3174" s="91"/>
      <c r="HS3174" s="91"/>
      <c r="HT3174" s="91"/>
      <c r="HU3174" s="91"/>
      <c r="HV3174" s="91"/>
      <c r="HW3174" s="91"/>
      <c r="HX3174" s="127"/>
      <c r="HY3174" s="126"/>
      <c r="HZ3174" s="91"/>
      <c r="IA3174" s="91"/>
      <c r="IB3174" s="91"/>
      <c r="IC3174" s="91"/>
      <c r="ID3174" s="91"/>
      <c r="IE3174" s="91"/>
      <c r="IF3174" s="91"/>
      <c r="IG3174" s="91"/>
      <c r="IH3174" s="91"/>
      <c r="II3174" s="91"/>
      <c r="IJ3174" s="91"/>
      <c r="IK3174" s="174"/>
    </row>
    <row r="3175" spans="2:245" x14ac:dyDescent="0.2">
      <c r="B3175" s="43"/>
      <c r="C3175" s="73"/>
      <c r="D3175" s="64"/>
      <c r="E3175" s="64"/>
      <c r="F3175" s="55"/>
      <c r="G3175" s="102"/>
      <c r="H3175" s="97"/>
      <c r="T3175" s="98"/>
      <c r="U3175" s="97"/>
      <c r="AG3175" s="98"/>
      <c r="AY3175" s="164"/>
      <c r="BK3175" s="98"/>
      <c r="BL3175" s="97"/>
      <c r="BX3175" s="98"/>
      <c r="CL3175" s="97"/>
      <c r="CX3175" s="98"/>
      <c r="DL3175" s="97"/>
      <c r="DX3175" s="98"/>
      <c r="EL3175" s="97"/>
      <c r="EX3175" s="98"/>
      <c r="EY3175" s="97"/>
      <c r="FL3175" s="126"/>
      <c r="FM3175" s="91"/>
      <c r="FN3175" s="91"/>
      <c r="FO3175" s="91"/>
      <c r="FP3175" s="91"/>
      <c r="FQ3175" s="91"/>
      <c r="FR3175" s="91"/>
      <c r="FS3175" s="91"/>
      <c r="FT3175" s="91"/>
      <c r="FU3175" s="91"/>
      <c r="FV3175" s="91"/>
      <c r="FW3175" s="91"/>
      <c r="FX3175" s="127"/>
      <c r="FY3175" s="126"/>
      <c r="FZ3175" s="91"/>
      <c r="GA3175" s="91"/>
      <c r="GB3175" s="91"/>
      <c r="GC3175" s="91"/>
      <c r="GD3175" s="91"/>
      <c r="GE3175" s="91"/>
      <c r="GF3175" s="91"/>
      <c r="GG3175" s="91"/>
      <c r="GH3175" s="91"/>
      <c r="GI3175" s="91"/>
      <c r="GJ3175" s="91"/>
      <c r="GK3175" s="127"/>
      <c r="GL3175" s="126"/>
      <c r="GM3175" s="91"/>
      <c r="GN3175" s="91"/>
      <c r="GO3175" s="91"/>
      <c r="GP3175" s="91"/>
      <c r="GQ3175" s="91"/>
      <c r="GR3175" s="91"/>
      <c r="GS3175" s="91"/>
      <c r="GT3175" s="91"/>
      <c r="GU3175" s="91"/>
      <c r="GV3175" s="91"/>
      <c r="GW3175" s="91"/>
      <c r="GX3175" s="127"/>
      <c r="GY3175" s="126"/>
      <c r="GZ3175" s="91"/>
      <c r="HA3175" s="91"/>
      <c r="HB3175" s="91"/>
      <c r="HC3175" s="91"/>
      <c r="HD3175" s="91"/>
      <c r="HE3175" s="91"/>
      <c r="HF3175" s="91"/>
      <c r="HG3175" s="91"/>
      <c r="HH3175" s="91"/>
      <c r="HI3175" s="91"/>
      <c r="HJ3175" s="91"/>
      <c r="HK3175" s="127"/>
      <c r="HL3175" s="126"/>
      <c r="HM3175" s="91"/>
      <c r="HN3175" s="91"/>
      <c r="HO3175" s="91"/>
      <c r="HP3175" s="91"/>
      <c r="HQ3175" s="91"/>
      <c r="HR3175" s="91"/>
      <c r="HS3175" s="91"/>
      <c r="HT3175" s="91"/>
      <c r="HU3175" s="91"/>
      <c r="HV3175" s="91"/>
      <c r="HW3175" s="91"/>
      <c r="HX3175" s="127"/>
      <c r="HY3175" s="126"/>
      <c r="HZ3175" s="91"/>
      <c r="IA3175" s="91"/>
      <c r="IB3175" s="91"/>
      <c r="IC3175" s="91"/>
      <c r="ID3175" s="91"/>
      <c r="IE3175" s="91"/>
      <c r="IF3175" s="91"/>
      <c r="IG3175" s="91"/>
      <c r="IH3175" s="91"/>
      <c r="II3175" s="91"/>
      <c r="IJ3175" s="91"/>
      <c r="IK3175" s="174"/>
    </row>
    <row r="3176" spans="2:245" x14ac:dyDescent="0.2">
      <c r="B3176" s="43"/>
      <c r="C3176" s="73"/>
      <c r="D3176" s="64"/>
      <c r="E3176" s="64"/>
      <c r="F3176" s="55"/>
      <c r="G3176" s="102"/>
      <c r="H3176" s="97"/>
      <c r="T3176" s="98"/>
      <c r="U3176" s="97"/>
      <c r="AG3176" s="98"/>
      <c r="AY3176" s="164"/>
      <c r="BK3176" s="98"/>
      <c r="BL3176" s="97"/>
      <c r="BX3176" s="98"/>
      <c r="CL3176" s="97"/>
      <c r="CX3176" s="98"/>
      <c r="DL3176" s="97"/>
      <c r="DX3176" s="98"/>
      <c r="EL3176" s="97"/>
      <c r="EX3176" s="98"/>
      <c r="EY3176" s="97"/>
      <c r="FL3176" s="126"/>
      <c r="FM3176" s="91"/>
      <c r="FN3176" s="91"/>
      <c r="FO3176" s="91"/>
      <c r="FP3176" s="91"/>
      <c r="FQ3176" s="91"/>
      <c r="FR3176" s="91"/>
      <c r="FS3176" s="91"/>
      <c r="FT3176" s="91"/>
      <c r="FU3176" s="91"/>
      <c r="FV3176" s="91"/>
      <c r="FW3176" s="91"/>
      <c r="FX3176" s="127"/>
      <c r="FY3176" s="126"/>
      <c r="FZ3176" s="91"/>
      <c r="GA3176" s="91"/>
      <c r="GB3176" s="91"/>
      <c r="GC3176" s="91"/>
      <c r="GD3176" s="91"/>
      <c r="GE3176" s="91"/>
      <c r="GF3176" s="91"/>
      <c r="GG3176" s="91"/>
      <c r="GH3176" s="91"/>
      <c r="GI3176" s="91"/>
      <c r="GJ3176" s="91"/>
      <c r="GK3176" s="127"/>
      <c r="GL3176" s="126"/>
      <c r="GM3176" s="91"/>
      <c r="GN3176" s="91"/>
      <c r="GO3176" s="91"/>
      <c r="GP3176" s="91"/>
      <c r="GQ3176" s="91"/>
      <c r="GR3176" s="91"/>
      <c r="GS3176" s="91"/>
      <c r="GT3176" s="91"/>
      <c r="GU3176" s="91"/>
      <c r="GV3176" s="91"/>
      <c r="GW3176" s="91"/>
      <c r="GX3176" s="127"/>
      <c r="GY3176" s="126"/>
      <c r="GZ3176" s="91"/>
      <c r="HA3176" s="91"/>
      <c r="HB3176" s="91"/>
      <c r="HC3176" s="91"/>
      <c r="HD3176" s="91"/>
      <c r="HE3176" s="91"/>
      <c r="HF3176" s="91"/>
      <c r="HG3176" s="91"/>
      <c r="HH3176" s="91"/>
      <c r="HI3176" s="91"/>
      <c r="HJ3176" s="91"/>
      <c r="HK3176" s="127"/>
      <c r="HL3176" s="126"/>
      <c r="HM3176" s="91"/>
      <c r="HN3176" s="91"/>
      <c r="HO3176" s="91"/>
      <c r="HP3176" s="91"/>
      <c r="HQ3176" s="91"/>
      <c r="HR3176" s="91"/>
      <c r="HS3176" s="91"/>
      <c r="HT3176" s="91"/>
      <c r="HU3176" s="91"/>
      <c r="HV3176" s="91"/>
      <c r="HW3176" s="91"/>
      <c r="HX3176" s="127"/>
      <c r="HY3176" s="126"/>
      <c r="HZ3176" s="91"/>
      <c r="IA3176" s="91"/>
      <c r="IB3176" s="91"/>
      <c r="IC3176" s="91"/>
      <c r="ID3176" s="91"/>
      <c r="IE3176" s="91"/>
      <c r="IF3176" s="91"/>
      <c r="IG3176" s="91"/>
      <c r="IH3176" s="91"/>
      <c r="II3176" s="91"/>
      <c r="IJ3176" s="91"/>
      <c r="IK3176" s="174"/>
    </row>
    <row r="3177" spans="2:245" x14ac:dyDescent="0.2">
      <c r="B3177" s="43"/>
      <c r="C3177" s="73"/>
      <c r="D3177" s="64"/>
      <c r="E3177" s="64"/>
      <c r="F3177" s="55"/>
      <c r="G3177" s="102"/>
      <c r="H3177" s="97"/>
      <c r="T3177" s="98"/>
      <c r="U3177" s="97"/>
      <c r="AG3177" s="98"/>
      <c r="AY3177" s="164"/>
      <c r="BK3177" s="98"/>
      <c r="BL3177" s="97"/>
      <c r="BX3177" s="98"/>
      <c r="CL3177" s="97"/>
      <c r="CX3177" s="98"/>
      <c r="DL3177" s="97"/>
      <c r="DX3177" s="98"/>
      <c r="EL3177" s="97"/>
      <c r="EX3177" s="98"/>
      <c r="EY3177" s="97"/>
      <c r="FL3177" s="126"/>
      <c r="FM3177" s="91"/>
      <c r="FN3177" s="91"/>
      <c r="FO3177" s="91"/>
      <c r="FP3177" s="91"/>
      <c r="FQ3177" s="91"/>
      <c r="FR3177" s="91"/>
      <c r="FS3177" s="91"/>
      <c r="FT3177" s="91"/>
      <c r="FU3177" s="91"/>
      <c r="FV3177" s="91"/>
      <c r="FW3177" s="91"/>
      <c r="FX3177" s="127"/>
      <c r="FY3177" s="126"/>
      <c r="FZ3177" s="91"/>
      <c r="GA3177" s="91"/>
      <c r="GB3177" s="91"/>
      <c r="GC3177" s="91"/>
      <c r="GD3177" s="91"/>
      <c r="GE3177" s="91"/>
      <c r="GF3177" s="91"/>
      <c r="GG3177" s="91"/>
      <c r="GH3177" s="91"/>
      <c r="GI3177" s="91"/>
      <c r="GJ3177" s="91"/>
      <c r="GK3177" s="127"/>
      <c r="GL3177" s="126"/>
      <c r="GM3177" s="91"/>
      <c r="GN3177" s="91"/>
      <c r="GO3177" s="91"/>
      <c r="GP3177" s="91"/>
      <c r="GQ3177" s="91"/>
      <c r="GR3177" s="91"/>
      <c r="GS3177" s="91"/>
      <c r="GT3177" s="91"/>
      <c r="GU3177" s="91"/>
      <c r="GV3177" s="91"/>
      <c r="GW3177" s="91"/>
      <c r="GX3177" s="127"/>
      <c r="GY3177" s="126"/>
      <c r="GZ3177" s="91"/>
      <c r="HA3177" s="91"/>
      <c r="HB3177" s="91"/>
      <c r="HC3177" s="91"/>
      <c r="HD3177" s="91"/>
      <c r="HE3177" s="91"/>
      <c r="HF3177" s="91"/>
      <c r="HG3177" s="91"/>
      <c r="HH3177" s="91"/>
      <c r="HI3177" s="91"/>
      <c r="HJ3177" s="91"/>
      <c r="HK3177" s="127"/>
      <c r="HL3177" s="126"/>
      <c r="HM3177" s="91"/>
      <c r="HN3177" s="91"/>
      <c r="HO3177" s="91"/>
      <c r="HP3177" s="91"/>
      <c r="HQ3177" s="91"/>
      <c r="HR3177" s="91"/>
      <c r="HS3177" s="91"/>
      <c r="HT3177" s="91"/>
      <c r="HU3177" s="91"/>
      <c r="HV3177" s="91"/>
      <c r="HW3177" s="91"/>
      <c r="HX3177" s="127"/>
      <c r="HY3177" s="126"/>
      <c r="HZ3177" s="91"/>
      <c r="IA3177" s="91"/>
      <c r="IB3177" s="91"/>
      <c r="IC3177" s="91"/>
      <c r="ID3177" s="91"/>
      <c r="IE3177" s="91"/>
      <c r="IF3177" s="91"/>
      <c r="IG3177" s="91"/>
      <c r="IH3177" s="91"/>
      <c r="II3177" s="91"/>
      <c r="IJ3177" s="91"/>
      <c r="IK3177" s="174"/>
    </row>
    <row r="3178" spans="2:245" x14ac:dyDescent="0.2">
      <c r="B3178" s="43"/>
      <c r="C3178" s="73"/>
      <c r="D3178" s="64"/>
      <c r="E3178" s="64"/>
      <c r="F3178" s="55"/>
      <c r="G3178" s="102"/>
      <c r="H3178" s="97"/>
      <c r="T3178" s="98"/>
      <c r="U3178" s="97"/>
      <c r="AG3178" s="98"/>
      <c r="AY3178" s="164"/>
      <c r="BK3178" s="98"/>
      <c r="BL3178" s="97"/>
      <c r="BX3178" s="98"/>
      <c r="CL3178" s="97"/>
      <c r="CX3178" s="98"/>
      <c r="DL3178" s="97"/>
      <c r="DX3178" s="98"/>
      <c r="EL3178" s="97"/>
      <c r="EX3178" s="98"/>
      <c r="EY3178" s="97"/>
      <c r="FL3178" s="126"/>
      <c r="FM3178" s="91"/>
      <c r="FN3178" s="91"/>
      <c r="FO3178" s="91"/>
      <c r="FP3178" s="91"/>
      <c r="FQ3178" s="91"/>
      <c r="FR3178" s="91"/>
      <c r="FS3178" s="91"/>
      <c r="FT3178" s="91"/>
      <c r="FU3178" s="91"/>
      <c r="FV3178" s="91"/>
      <c r="FW3178" s="91"/>
      <c r="FX3178" s="127"/>
      <c r="FY3178" s="126"/>
      <c r="FZ3178" s="91"/>
      <c r="GA3178" s="91"/>
      <c r="GB3178" s="91"/>
      <c r="GC3178" s="91"/>
      <c r="GD3178" s="91"/>
      <c r="GE3178" s="91"/>
      <c r="GF3178" s="91"/>
      <c r="GG3178" s="91"/>
      <c r="GH3178" s="91"/>
      <c r="GI3178" s="91"/>
      <c r="GJ3178" s="91"/>
      <c r="GK3178" s="127"/>
      <c r="GL3178" s="126"/>
      <c r="GM3178" s="91"/>
      <c r="GN3178" s="91"/>
      <c r="GO3178" s="91"/>
      <c r="GP3178" s="91"/>
      <c r="GQ3178" s="91"/>
      <c r="GR3178" s="91"/>
      <c r="GS3178" s="91"/>
      <c r="GT3178" s="91"/>
      <c r="GU3178" s="91"/>
      <c r="GV3178" s="91"/>
      <c r="GW3178" s="91"/>
      <c r="GX3178" s="127"/>
      <c r="GY3178" s="126"/>
      <c r="GZ3178" s="91"/>
      <c r="HA3178" s="91"/>
      <c r="HB3178" s="91"/>
      <c r="HC3178" s="91"/>
      <c r="HD3178" s="91"/>
      <c r="HE3178" s="91"/>
      <c r="HF3178" s="91"/>
      <c r="HG3178" s="91"/>
      <c r="HH3178" s="91"/>
      <c r="HI3178" s="91"/>
      <c r="HJ3178" s="91"/>
      <c r="HK3178" s="127"/>
      <c r="HL3178" s="126"/>
      <c r="HM3178" s="91"/>
      <c r="HN3178" s="91"/>
      <c r="HO3178" s="91"/>
      <c r="HP3178" s="91"/>
      <c r="HQ3178" s="91"/>
      <c r="HR3178" s="91"/>
      <c r="HS3178" s="91"/>
      <c r="HT3178" s="91"/>
      <c r="HU3178" s="91"/>
      <c r="HV3178" s="91"/>
      <c r="HW3178" s="91"/>
      <c r="HX3178" s="127"/>
      <c r="HY3178" s="126"/>
      <c r="HZ3178" s="91"/>
      <c r="IA3178" s="91"/>
      <c r="IB3178" s="91"/>
      <c r="IC3178" s="91"/>
      <c r="ID3178" s="91"/>
      <c r="IE3178" s="91"/>
      <c r="IF3178" s="91"/>
      <c r="IG3178" s="91"/>
      <c r="IH3178" s="91"/>
      <c r="II3178" s="91"/>
      <c r="IJ3178" s="91"/>
      <c r="IK3178" s="174"/>
    </row>
    <row r="3179" spans="2:245" x14ac:dyDescent="0.2">
      <c r="B3179" s="43"/>
      <c r="C3179" s="73"/>
      <c r="D3179" s="64"/>
      <c r="E3179" s="64"/>
      <c r="F3179" s="55"/>
      <c r="G3179" s="102"/>
      <c r="H3179" s="97"/>
      <c r="T3179" s="98"/>
      <c r="U3179" s="97"/>
      <c r="AG3179" s="98"/>
      <c r="AY3179" s="164"/>
      <c r="BK3179" s="98"/>
      <c r="BL3179" s="97"/>
      <c r="BX3179" s="98"/>
      <c r="CL3179" s="97"/>
      <c r="CX3179" s="98"/>
      <c r="DL3179" s="97"/>
      <c r="DX3179" s="98"/>
      <c r="EL3179" s="97"/>
      <c r="EX3179" s="98"/>
      <c r="EY3179" s="97"/>
      <c r="FL3179" s="126"/>
      <c r="FM3179" s="91"/>
      <c r="FN3179" s="91"/>
      <c r="FO3179" s="91"/>
      <c r="FP3179" s="91"/>
      <c r="FQ3179" s="91"/>
      <c r="FR3179" s="91"/>
      <c r="FS3179" s="91"/>
      <c r="FT3179" s="91"/>
      <c r="FU3179" s="91"/>
      <c r="FV3179" s="91"/>
      <c r="FW3179" s="91"/>
      <c r="FX3179" s="127"/>
      <c r="FY3179" s="126"/>
      <c r="FZ3179" s="91"/>
      <c r="GA3179" s="91"/>
      <c r="GB3179" s="91"/>
      <c r="GC3179" s="91"/>
      <c r="GD3179" s="91"/>
      <c r="GE3179" s="91"/>
      <c r="GF3179" s="91"/>
      <c r="GG3179" s="91"/>
      <c r="GH3179" s="91"/>
      <c r="GI3179" s="91"/>
      <c r="GJ3179" s="91"/>
      <c r="GK3179" s="127"/>
      <c r="GL3179" s="126"/>
      <c r="GM3179" s="91"/>
      <c r="GN3179" s="91"/>
      <c r="GO3179" s="91"/>
      <c r="GP3179" s="91"/>
      <c r="GQ3179" s="91"/>
      <c r="GR3179" s="91"/>
      <c r="GS3179" s="91"/>
      <c r="GT3179" s="91"/>
      <c r="GU3179" s="91"/>
      <c r="GV3179" s="91"/>
      <c r="GW3179" s="91"/>
      <c r="GX3179" s="127"/>
      <c r="GY3179" s="126"/>
      <c r="GZ3179" s="91"/>
      <c r="HA3179" s="91"/>
      <c r="HB3179" s="91"/>
      <c r="HC3179" s="91"/>
      <c r="HD3179" s="91"/>
      <c r="HE3179" s="91"/>
      <c r="HF3179" s="91"/>
      <c r="HG3179" s="91"/>
      <c r="HH3179" s="91"/>
      <c r="HI3179" s="91"/>
      <c r="HJ3179" s="91"/>
      <c r="HK3179" s="127"/>
      <c r="HL3179" s="126"/>
      <c r="HM3179" s="91"/>
      <c r="HN3179" s="91"/>
      <c r="HO3179" s="91"/>
      <c r="HP3179" s="91"/>
      <c r="HQ3179" s="91"/>
      <c r="HR3179" s="91"/>
      <c r="HS3179" s="91"/>
      <c r="HT3179" s="91"/>
      <c r="HU3179" s="91"/>
      <c r="HV3179" s="91"/>
      <c r="HW3179" s="91"/>
      <c r="HX3179" s="127"/>
      <c r="HY3179" s="126"/>
      <c r="HZ3179" s="91"/>
      <c r="IA3179" s="91"/>
      <c r="IB3179" s="91"/>
      <c r="IC3179" s="91"/>
      <c r="ID3179" s="91"/>
      <c r="IE3179" s="91"/>
      <c r="IF3179" s="91"/>
      <c r="IG3179" s="91"/>
      <c r="IH3179" s="91"/>
      <c r="II3179" s="91"/>
      <c r="IJ3179" s="91"/>
      <c r="IK3179" s="174"/>
    </row>
    <row r="3180" spans="2:245" x14ac:dyDescent="0.2">
      <c r="B3180" s="43"/>
      <c r="C3180" s="73"/>
      <c r="D3180" s="64"/>
      <c r="E3180" s="64"/>
      <c r="F3180" s="55"/>
      <c r="G3180" s="102"/>
      <c r="H3180" s="97"/>
      <c r="T3180" s="98"/>
      <c r="U3180" s="97"/>
      <c r="AG3180" s="98"/>
      <c r="AY3180" s="164"/>
      <c r="BK3180" s="98"/>
      <c r="BL3180" s="97"/>
      <c r="BX3180" s="98"/>
      <c r="CL3180" s="97"/>
      <c r="CX3180" s="98"/>
      <c r="DL3180" s="97"/>
      <c r="DX3180" s="98"/>
      <c r="EL3180" s="97"/>
      <c r="EX3180" s="98"/>
      <c r="EY3180" s="97"/>
      <c r="FL3180" s="126"/>
      <c r="FM3180" s="91"/>
      <c r="FN3180" s="91"/>
      <c r="FO3180" s="91"/>
      <c r="FP3180" s="91"/>
      <c r="FQ3180" s="91"/>
      <c r="FR3180" s="91"/>
      <c r="FS3180" s="91"/>
      <c r="FT3180" s="91"/>
      <c r="FU3180" s="91"/>
      <c r="FV3180" s="91"/>
      <c r="FW3180" s="91"/>
      <c r="FX3180" s="127"/>
      <c r="FY3180" s="126"/>
      <c r="FZ3180" s="91"/>
      <c r="GA3180" s="91"/>
      <c r="GB3180" s="91"/>
      <c r="GC3180" s="91"/>
      <c r="GD3180" s="91"/>
      <c r="GE3180" s="91"/>
      <c r="GF3180" s="91"/>
      <c r="GG3180" s="91"/>
      <c r="GH3180" s="91"/>
      <c r="GI3180" s="91"/>
      <c r="GJ3180" s="91"/>
      <c r="GK3180" s="127"/>
      <c r="GL3180" s="126"/>
      <c r="GM3180" s="91"/>
      <c r="GN3180" s="91"/>
      <c r="GO3180" s="91"/>
      <c r="GP3180" s="91"/>
      <c r="GQ3180" s="91"/>
      <c r="GR3180" s="91"/>
      <c r="GS3180" s="91"/>
      <c r="GT3180" s="91"/>
      <c r="GU3180" s="91"/>
      <c r="GV3180" s="91"/>
      <c r="GW3180" s="91"/>
      <c r="GX3180" s="127"/>
      <c r="GY3180" s="126"/>
      <c r="GZ3180" s="91"/>
      <c r="HA3180" s="91"/>
      <c r="HB3180" s="91"/>
      <c r="HC3180" s="91"/>
      <c r="HD3180" s="91"/>
      <c r="HE3180" s="91"/>
      <c r="HF3180" s="91"/>
      <c r="HG3180" s="91"/>
      <c r="HH3180" s="91"/>
      <c r="HI3180" s="91"/>
      <c r="HJ3180" s="91"/>
      <c r="HK3180" s="127"/>
      <c r="HL3180" s="126"/>
      <c r="HM3180" s="91"/>
      <c r="HN3180" s="91"/>
      <c r="HO3180" s="91"/>
      <c r="HP3180" s="91"/>
      <c r="HQ3180" s="91"/>
      <c r="HR3180" s="91"/>
      <c r="HS3180" s="91"/>
      <c r="HT3180" s="91"/>
      <c r="HU3180" s="91"/>
      <c r="HV3180" s="91"/>
      <c r="HW3180" s="91"/>
      <c r="HX3180" s="127"/>
      <c r="HY3180" s="126"/>
      <c r="HZ3180" s="91"/>
      <c r="IA3180" s="91"/>
      <c r="IB3180" s="91"/>
      <c r="IC3180" s="91"/>
      <c r="ID3180" s="91"/>
      <c r="IE3180" s="91"/>
      <c r="IF3180" s="91"/>
      <c r="IG3180" s="91"/>
      <c r="IH3180" s="91"/>
      <c r="II3180" s="91"/>
      <c r="IJ3180" s="91"/>
      <c r="IK3180" s="174"/>
    </row>
    <row r="3181" spans="2:245" x14ac:dyDescent="0.2">
      <c r="B3181" s="43"/>
      <c r="C3181" s="73"/>
      <c r="D3181" s="64"/>
      <c r="E3181" s="64"/>
      <c r="F3181" s="55"/>
      <c r="G3181" s="102"/>
      <c r="H3181" s="97"/>
      <c r="T3181" s="98"/>
      <c r="U3181" s="97"/>
      <c r="AG3181" s="98"/>
      <c r="AY3181" s="164"/>
      <c r="BK3181" s="98"/>
      <c r="BL3181" s="97"/>
      <c r="BX3181" s="98"/>
      <c r="CL3181" s="97"/>
      <c r="CX3181" s="98"/>
      <c r="DL3181" s="97"/>
      <c r="DX3181" s="98"/>
      <c r="EL3181" s="97"/>
      <c r="EX3181" s="98"/>
      <c r="EY3181" s="97"/>
      <c r="FL3181" s="126"/>
      <c r="FM3181" s="91"/>
      <c r="FN3181" s="91"/>
      <c r="FO3181" s="91"/>
      <c r="FP3181" s="91"/>
      <c r="FQ3181" s="91"/>
      <c r="FR3181" s="91"/>
      <c r="FS3181" s="91"/>
      <c r="FT3181" s="91"/>
      <c r="FU3181" s="91"/>
      <c r="FV3181" s="91"/>
      <c r="FW3181" s="91"/>
      <c r="FX3181" s="127"/>
      <c r="FY3181" s="126"/>
      <c r="FZ3181" s="91"/>
      <c r="GA3181" s="91"/>
      <c r="GB3181" s="91"/>
      <c r="GC3181" s="91"/>
      <c r="GD3181" s="91"/>
      <c r="GE3181" s="91"/>
      <c r="GF3181" s="91"/>
      <c r="GG3181" s="91"/>
      <c r="GH3181" s="91"/>
      <c r="GI3181" s="91"/>
      <c r="GJ3181" s="91"/>
      <c r="GK3181" s="127"/>
      <c r="GL3181" s="126"/>
      <c r="GM3181" s="91"/>
      <c r="GN3181" s="91"/>
      <c r="GO3181" s="91"/>
      <c r="GP3181" s="91"/>
      <c r="GQ3181" s="91"/>
      <c r="GR3181" s="91"/>
      <c r="GS3181" s="91"/>
      <c r="GT3181" s="91"/>
      <c r="GU3181" s="91"/>
      <c r="GV3181" s="91"/>
      <c r="GW3181" s="91"/>
      <c r="GX3181" s="127"/>
      <c r="GY3181" s="126"/>
      <c r="GZ3181" s="91"/>
      <c r="HA3181" s="91"/>
      <c r="HB3181" s="91"/>
      <c r="HC3181" s="91"/>
      <c r="HD3181" s="91"/>
      <c r="HE3181" s="91"/>
      <c r="HF3181" s="91"/>
      <c r="HG3181" s="91"/>
      <c r="HH3181" s="91"/>
      <c r="HI3181" s="91"/>
      <c r="HJ3181" s="91"/>
      <c r="HK3181" s="127"/>
      <c r="HL3181" s="126"/>
      <c r="HM3181" s="91"/>
      <c r="HN3181" s="91"/>
      <c r="HO3181" s="91"/>
      <c r="HP3181" s="91"/>
      <c r="HQ3181" s="91"/>
      <c r="HR3181" s="91"/>
      <c r="HS3181" s="91"/>
      <c r="HT3181" s="91"/>
      <c r="HU3181" s="91"/>
      <c r="HV3181" s="91"/>
      <c r="HW3181" s="91"/>
      <c r="HX3181" s="127"/>
      <c r="HY3181" s="126"/>
      <c r="HZ3181" s="91"/>
      <c r="IA3181" s="91"/>
      <c r="IB3181" s="91"/>
      <c r="IC3181" s="91"/>
      <c r="ID3181" s="91"/>
      <c r="IE3181" s="91"/>
      <c r="IF3181" s="91"/>
      <c r="IG3181" s="91"/>
      <c r="IH3181" s="91"/>
      <c r="II3181" s="91"/>
      <c r="IJ3181" s="91"/>
      <c r="IK3181" s="174"/>
    </row>
    <row r="3182" spans="2:245" x14ac:dyDescent="0.2">
      <c r="B3182" s="43"/>
      <c r="C3182" s="73"/>
      <c r="D3182" s="64"/>
      <c r="E3182" s="64"/>
      <c r="F3182" s="55"/>
      <c r="G3182" s="102"/>
      <c r="H3182" s="97"/>
      <c r="T3182" s="98"/>
      <c r="U3182" s="97"/>
      <c r="AG3182" s="98"/>
      <c r="AY3182" s="164"/>
      <c r="BK3182" s="98"/>
      <c r="BL3182" s="97"/>
      <c r="BX3182" s="98"/>
      <c r="CL3182" s="97"/>
      <c r="CX3182" s="98"/>
      <c r="DL3182" s="97"/>
      <c r="DX3182" s="98"/>
      <c r="EL3182" s="97"/>
      <c r="EX3182" s="98"/>
      <c r="EY3182" s="97"/>
      <c r="FL3182" s="126"/>
      <c r="FM3182" s="91"/>
      <c r="FN3182" s="91"/>
      <c r="FO3182" s="91"/>
      <c r="FP3182" s="91"/>
      <c r="FQ3182" s="91"/>
      <c r="FR3182" s="91"/>
      <c r="FS3182" s="91"/>
      <c r="FT3182" s="91"/>
      <c r="FU3182" s="91"/>
      <c r="FV3182" s="91"/>
      <c r="FW3182" s="91"/>
      <c r="FX3182" s="127"/>
      <c r="FY3182" s="126"/>
      <c r="FZ3182" s="91"/>
      <c r="GA3182" s="91"/>
      <c r="GB3182" s="91"/>
      <c r="GC3182" s="91"/>
      <c r="GD3182" s="91"/>
      <c r="GE3182" s="91"/>
      <c r="GF3182" s="91"/>
      <c r="GG3182" s="91"/>
      <c r="GH3182" s="91"/>
      <c r="GI3182" s="91"/>
      <c r="GJ3182" s="91"/>
      <c r="GK3182" s="127"/>
      <c r="GL3182" s="126"/>
      <c r="GM3182" s="91"/>
      <c r="GN3182" s="91"/>
      <c r="GO3182" s="91"/>
      <c r="GP3182" s="91"/>
      <c r="GQ3182" s="91"/>
      <c r="GR3182" s="91"/>
      <c r="GS3182" s="91"/>
      <c r="GT3182" s="91"/>
      <c r="GU3182" s="91"/>
      <c r="GV3182" s="91"/>
      <c r="GW3182" s="91"/>
      <c r="GX3182" s="127"/>
      <c r="GY3182" s="126"/>
      <c r="GZ3182" s="91"/>
      <c r="HA3182" s="91"/>
      <c r="HB3182" s="91"/>
      <c r="HC3182" s="91"/>
      <c r="HD3182" s="91"/>
      <c r="HE3182" s="91"/>
      <c r="HF3182" s="91"/>
      <c r="HG3182" s="91"/>
      <c r="HH3182" s="91"/>
      <c r="HI3182" s="91"/>
      <c r="HJ3182" s="91"/>
      <c r="HK3182" s="127"/>
      <c r="HL3182" s="126"/>
      <c r="HM3182" s="91"/>
      <c r="HN3182" s="91"/>
      <c r="HO3182" s="91"/>
      <c r="HP3182" s="91"/>
      <c r="HQ3182" s="91"/>
      <c r="HR3182" s="91"/>
      <c r="HS3182" s="91"/>
      <c r="HT3182" s="91"/>
      <c r="HU3182" s="91"/>
      <c r="HV3182" s="91"/>
      <c r="HW3182" s="91"/>
      <c r="HX3182" s="127"/>
      <c r="HY3182" s="126"/>
      <c r="HZ3182" s="91"/>
      <c r="IA3182" s="91"/>
      <c r="IB3182" s="91"/>
      <c r="IC3182" s="91"/>
      <c r="ID3182" s="91"/>
      <c r="IE3182" s="91"/>
      <c r="IF3182" s="91"/>
      <c r="IG3182" s="91"/>
      <c r="IH3182" s="91"/>
      <c r="II3182" s="91"/>
      <c r="IJ3182" s="91"/>
      <c r="IK3182" s="174"/>
    </row>
    <row r="3183" spans="2:245" x14ac:dyDescent="0.2">
      <c r="B3183" s="43"/>
      <c r="C3183" s="73"/>
      <c r="D3183" s="64"/>
      <c r="E3183" s="64"/>
      <c r="F3183" s="55"/>
      <c r="G3183" s="102"/>
      <c r="H3183" s="97"/>
      <c r="T3183" s="98"/>
      <c r="U3183" s="97"/>
      <c r="AG3183" s="98"/>
      <c r="AY3183" s="164"/>
      <c r="BK3183" s="98"/>
      <c r="BL3183" s="97"/>
      <c r="BX3183" s="98"/>
      <c r="CL3183" s="97"/>
      <c r="CX3183" s="98"/>
      <c r="DL3183" s="97"/>
      <c r="DX3183" s="98"/>
      <c r="EL3183" s="97"/>
      <c r="EX3183" s="98"/>
      <c r="EY3183" s="97"/>
      <c r="FL3183" s="126"/>
      <c r="FM3183" s="91"/>
      <c r="FN3183" s="91"/>
      <c r="FO3183" s="91"/>
      <c r="FP3183" s="91"/>
      <c r="FQ3183" s="91"/>
      <c r="FR3183" s="91"/>
      <c r="FS3183" s="91"/>
      <c r="FT3183" s="91"/>
      <c r="FU3183" s="91"/>
      <c r="FV3183" s="91"/>
      <c r="FW3183" s="91"/>
      <c r="FX3183" s="127"/>
      <c r="FY3183" s="126"/>
      <c r="FZ3183" s="91"/>
      <c r="GA3183" s="91"/>
      <c r="GB3183" s="91"/>
      <c r="GC3183" s="91"/>
      <c r="GD3183" s="91"/>
      <c r="GE3183" s="91"/>
      <c r="GF3183" s="91"/>
      <c r="GG3183" s="91"/>
      <c r="GH3183" s="91"/>
      <c r="GI3183" s="91"/>
      <c r="GJ3183" s="91"/>
      <c r="GK3183" s="127"/>
      <c r="GL3183" s="126"/>
      <c r="GM3183" s="91"/>
      <c r="GN3183" s="91"/>
      <c r="GO3183" s="91"/>
      <c r="GP3183" s="91"/>
      <c r="GQ3183" s="91"/>
      <c r="GR3183" s="91"/>
      <c r="GS3183" s="91"/>
      <c r="GT3183" s="91"/>
      <c r="GU3183" s="91"/>
      <c r="GV3183" s="91"/>
      <c r="GW3183" s="91"/>
      <c r="GX3183" s="127"/>
      <c r="GY3183" s="126"/>
      <c r="GZ3183" s="91"/>
      <c r="HA3183" s="91"/>
      <c r="HB3183" s="91"/>
      <c r="HC3183" s="91"/>
      <c r="HD3183" s="91"/>
      <c r="HE3183" s="91"/>
      <c r="HF3183" s="91"/>
      <c r="HG3183" s="91"/>
      <c r="HH3183" s="91"/>
      <c r="HI3183" s="91"/>
      <c r="HJ3183" s="91"/>
      <c r="HK3183" s="127"/>
      <c r="HL3183" s="126"/>
      <c r="HM3183" s="91"/>
      <c r="HN3183" s="91"/>
      <c r="HO3183" s="91"/>
      <c r="HP3183" s="91"/>
      <c r="HQ3183" s="91"/>
      <c r="HR3183" s="91"/>
      <c r="HS3183" s="91"/>
      <c r="HT3183" s="91"/>
      <c r="HU3183" s="91"/>
      <c r="HV3183" s="91"/>
      <c r="HW3183" s="91"/>
      <c r="HX3183" s="127"/>
      <c r="HY3183" s="126"/>
      <c r="HZ3183" s="91"/>
      <c r="IA3183" s="91"/>
      <c r="IB3183" s="91"/>
      <c r="IC3183" s="91"/>
      <c r="ID3183" s="91"/>
      <c r="IE3183" s="91"/>
      <c r="IF3183" s="91"/>
      <c r="IG3183" s="91"/>
      <c r="IH3183" s="91"/>
      <c r="II3183" s="91"/>
      <c r="IJ3183" s="91"/>
      <c r="IK3183" s="174"/>
    </row>
    <row r="3184" spans="2:245" x14ac:dyDescent="0.2">
      <c r="B3184" s="43"/>
      <c r="C3184" s="73"/>
      <c r="D3184" s="64"/>
      <c r="E3184" s="64"/>
      <c r="F3184" s="55"/>
      <c r="G3184" s="102"/>
      <c r="H3184" s="97"/>
      <c r="T3184" s="98"/>
      <c r="U3184" s="97"/>
      <c r="AG3184" s="98"/>
      <c r="AY3184" s="164"/>
      <c r="BK3184" s="98"/>
      <c r="BL3184" s="97"/>
      <c r="BX3184" s="98"/>
      <c r="CL3184" s="97"/>
      <c r="CX3184" s="98"/>
      <c r="DL3184" s="97"/>
      <c r="DX3184" s="98"/>
      <c r="EL3184" s="97"/>
      <c r="EX3184" s="98"/>
      <c r="EY3184" s="97"/>
      <c r="FL3184" s="126"/>
      <c r="FM3184" s="91"/>
      <c r="FN3184" s="91"/>
      <c r="FO3184" s="91"/>
      <c r="FP3184" s="91"/>
      <c r="FQ3184" s="91"/>
      <c r="FR3184" s="91"/>
      <c r="FS3184" s="91"/>
      <c r="FT3184" s="91"/>
      <c r="FU3184" s="91"/>
      <c r="FV3184" s="91"/>
      <c r="FW3184" s="91"/>
      <c r="FX3184" s="127"/>
      <c r="FY3184" s="126"/>
      <c r="FZ3184" s="91"/>
      <c r="GA3184" s="91"/>
      <c r="GB3184" s="91"/>
      <c r="GC3184" s="91"/>
      <c r="GD3184" s="91"/>
      <c r="GE3184" s="91"/>
      <c r="GF3184" s="91"/>
      <c r="GG3184" s="91"/>
      <c r="GH3184" s="91"/>
      <c r="GI3184" s="91"/>
      <c r="GJ3184" s="91"/>
      <c r="GK3184" s="127"/>
      <c r="GL3184" s="126"/>
      <c r="GM3184" s="91"/>
      <c r="GN3184" s="91"/>
      <c r="GO3184" s="91"/>
      <c r="GP3184" s="91"/>
      <c r="GQ3184" s="91"/>
      <c r="GR3184" s="91"/>
      <c r="GS3184" s="91"/>
      <c r="GT3184" s="91"/>
      <c r="GU3184" s="91"/>
      <c r="GV3184" s="91"/>
      <c r="GW3184" s="91"/>
      <c r="GX3184" s="127"/>
      <c r="GY3184" s="126"/>
      <c r="GZ3184" s="91"/>
      <c r="HA3184" s="91"/>
      <c r="HB3184" s="91"/>
      <c r="HC3184" s="91"/>
      <c r="HD3184" s="91"/>
      <c r="HE3184" s="91"/>
      <c r="HF3184" s="91"/>
      <c r="HG3184" s="91"/>
      <c r="HH3184" s="91"/>
      <c r="HI3184" s="91"/>
      <c r="HJ3184" s="91"/>
      <c r="HK3184" s="127"/>
      <c r="HL3184" s="126"/>
      <c r="HM3184" s="91"/>
      <c r="HN3184" s="91"/>
      <c r="HO3184" s="91"/>
      <c r="HP3184" s="91"/>
      <c r="HQ3184" s="91"/>
      <c r="HR3184" s="91"/>
      <c r="HS3184" s="91"/>
      <c r="HT3184" s="91"/>
      <c r="HU3184" s="91"/>
      <c r="HV3184" s="91"/>
      <c r="HW3184" s="91"/>
      <c r="HX3184" s="127"/>
      <c r="HY3184" s="126"/>
      <c r="HZ3184" s="91"/>
      <c r="IA3184" s="91"/>
      <c r="IB3184" s="91"/>
      <c r="IC3184" s="91"/>
      <c r="ID3184" s="91"/>
      <c r="IE3184" s="91"/>
      <c r="IF3184" s="91"/>
      <c r="IG3184" s="91"/>
      <c r="IH3184" s="91"/>
      <c r="II3184" s="91"/>
      <c r="IJ3184" s="91"/>
      <c r="IK3184" s="174"/>
    </row>
    <row r="3185" spans="2:245" x14ac:dyDescent="0.2">
      <c r="B3185" s="43"/>
      <c r="C3185" s="73"/>
      <c r="D3185" s="64"/>
      <c r="E3185" s="64"/>
      <c r="F3185" s="55"/>
      <c r="G3185" s="102"/>
      <c r="H3185" s="97"/>
      <c r="T3185" s="98"/>
      <c r="U3185" s="97"/>
      <c r="AG3185" s="98"/>
      <c r="AY3185" s="164"/>
      <c r="BK3185" s="98"/>
      <c r="BL3185" s="97"/>
      <c r="BX3185" s="98"/>
      <c r="CL3185" s="97"/>
      <c r="CX3185" s="98"/>
      <c r="DL3185" s="97"/>
      <c r="DX3185" s="98"/>
      <c r="EL3185" s="97"/>
      <c r="EX3185" s="98"/>
      <c r="EY3185" s="97"/>
      <c r="FL3185" s="126"/>
      <c r="FM3185" s="91"/>
      <c r="FN3185" s="91"/>
      <c r="FO3185" s="91"/>
      <c r="FP3185" s="91"/>
      <c r="FQ3185" s="91"/>
      <c r="FR3185" s="91"/>
      <c r="FS3185" s="91"/>
      <c r="FT3185" s="91"/>
      <c r="FU3185" s="91"/>
      <c r="FV3185" s="91"/>
      <c r="FW3185" s="91"/>
      <c r="FX3185" s="127"/>
      <c r="FY3185" s="126"/>
      <c r="FZ3185" s="91"/>
      <c r="GA3185" s="91"/>
      <c r="GB3185" s="91"/>
      <c r="GC3185" s="91"/>
      <c r="GD3185" s="91"/>
      <c r="GE3185" s="91"/>
      <c r="GF3185" s="91"/>
      <c r="GG3185" s="91"/>
      <c r="GH3185" s="91"/>
      <c r="GI3185" s="91"/>
      <c r="GJ3185" s="91"/>
      <c r="GK3185" s="127"/>
      <c r="GL3185" s="126"/>
      <c r="GM3185" s="91"/>
      <c r="GN3185" s="91"/>
      <c r="GO3185" s="91"/>
      <c r="GP3185" s="91"/>
      <c r="GQ3185" s="91"/>
      <c r="GR3185" s="91"/>
      <c r="GS3185" s="91"/>
      <c r="GT3185" s="91"/>
      <c r="GU3185" s="91"/>
      <c r="GV3185" s="91"/>
      <c r="GW3185" s="91"/>
      <c r="GX3185" s="127"/>
      <c r="GY3185" s="126"/>
      <c r="GZ3185" s="91"/>
      <c r="HA3185" s="91"/>
      <c r="HB3185" s="91"/>
      <c r="HC3185" s="91"/>
      <c r="HD3185" s="91"/>
      <c r="HE3185" s="91"/>
      <c r="HF3185" s="91"/>
      <c r="HG3185" s="91"/>
      <c r="HH3185" s="91"/>
      <c r="HI3185" s="91"/>
      <c r="HJ3185" s="91"/>
      <c r="HK3185" s="127"/>
      <c r="HL3185" s="126"/>
      <c r="HM3185" s="91"/>
      <c r="HN3185" s="91"/>
      <c r="HO3185" s="91"/>
      <c r="HP3185" s="91"/>
      <c r="HQ3185" s="91"/>
      <c r="HR3185" s="91"/>
      <c r="HS3185" s="91"/>
      <c r="HT3185" s="91"/>
      <c r="HU3185" s="91"/>
      <c r="HV3185" s="91"/>
      <c r="HW3185" s="91"/>
      <c r="HX3185" s="127"/>
      <c r="HY3185" s="126"/>
      <c r="HZ3185" s="91"/>
      <c r="IA3185" s="91"/>
      <c r="IB3185" s="91"/>
      <c r="IC3185" s="91"/>
      <c r="ID3185" s="91"/>
      <c r="IE3185" s="91"/>
      <c r="IF3185" s="91"/>
      <c r="IG3185" s="91"/>
      <c r="IH3185" s="91"/>
      <c r="II3185" s="91"/>
      <c r="IJ3185" s="91"/>
      <c r="IK3185" s="174"/>
    </row>
    <row r="3186" spans="2:245" x14ac:dyDescent="0.2">
      <c r="B3186" s="43"/>
      <c r="C3186" s="73"/>
      <c r="D3186" s="64"/>
      <c r="E3186" s="64"/>
      <c r="F3186" s="55"/>
      <c r="G3186" s="102"/>
      <c r="H3186" s="97"/>
      <c r="T3186" s="98"/>
      <c r="U3186" s="97"/>
      <c r="AG3186" s="98"/>
      <c r="AY3186" s="164"/>
      <c r="BK3186" s="98"/>
      <c r="BL3186" s="97"/>
      <c r="BX3186" s="98"/>
      <c r="CL3186" s="97"/>
      <c r="CX3186" s="98"/>
      <c r="DL3186" s="97"/>
      <c r="DX3186" s="98"/>
      <c r="EL3186" s="97"/>
      <c r="EX3186" s="98"/>
      <c r="EY3186" s="97"/>
      <c r="FL3186" s="126"/>
      <c r="FM3186" s="91"/>
      <c r="FN3186" s="91"/>
      <c r="FO3186" s="91"/>
      <c r="FP3186" s="91"/>
      <c r="FQ3186" s="91"/>
      <c r="FR3186" s="91"/>
      <c r="FS3186" s="91"/>
      <c r="FT3186" s="91"/>
      <c r="FU3186" s="91"/>
      <c r="FV3186" s="91"/>
      <c r="FW3186" s="91"/>
      <c r="FX3186" s="127"/>
      <c r="FY3186" s="126"/>
      <c r="FZ3186" s="91"/>
      <c r="GA3186" s="91"/>
      <c r="GB3186" s="91"/>
      <c r="GC3186" s="91"/>
      <c r="GD3186" s="91"/>
      <c r="GE3186" s="91"/>
      <c r="GF3186" s="91"/>
      <c r="GG3186" s="91"/>
      <c r="GH3186" s="91"/>
      <c r="GI3186" s="91"/>
      <c r="GJ3186" s="91"/>
      <c r="GK3186" s="127"/>
      <c r="GL3186" s="126"/>
      <c r="GM3186" s="91"/>
      <c r="GN3186" s="91"/>
      <c r="GO3186" s="91"/>
      <c r="GP3186" s="91"/>
      <c r="GQ3186" s="91"/>
      <c r="GR3186" s="91"/>
      <c r="GS3186" s="91"/>
      <c r="GT3186" s="91"/>
      <c r="GU3186" s="91"/>
      <c r="GV3186" s="91"/>
      <c r="GW3186" s="91"/>
      <c r="GX3186" s="127"/>
      <c r="GY3186" s="126"/>
      <c r="GZ3186" s="91"/>
      <c r="HA3186" s="91"/>
      <c r="HB3186" s="91"/>
      <c r="HC3186" s="91"/>
      <c r="HD3186" s="91"/>
      <c r="HE3186" s="91"/>
      <c r="HF3186" s="91"/>
      <c r="HG3186" s="91"/>
      <c r="HH3186" s="91"/>
      <c r="HI3186" s="91"/>
      <c r="HJ3186" s="91"/>
      <c r="HK3186" s="127"/>
      <c r="HL3186" s="126"/>
      <c r="HM3186" s="91"/>
      <c r="HN3186" s="91"/>
      <c r="HO3186" s="91"/>
      <c r="HP3186" s="91"/>
      <c r="HQ3186" s="91"/>
      <c r="HR3186" s="91"/>
      <c r="HS3186" s="91"/>
      <c r="HT3186" s="91"/>
      <c r="HU3186" s="91"/>
      <c r="HV3186" s="91"/>
      <c r="HW3186" s="91"/>
      <c r="HX3186" s="127"/>
      <c r="HY3186" s="126"/>
      <c r="HZ3186" s="91"/>
      <c r="IA3186" s="91"/>
      <c r="IB3186" s="91"/>
      <c r="IC3186" s="91"/>
      <c r="ID3186" s="91"/>
      <c r="IE3186" s="91"/>
      <c r="IF3186" s="91"/>
      <c r="IG3186" s="91"/>
      <c r="IH3186" s="91"/>
      <c r="II3186" s="91"/>
      <c r="IJ3186" s="91"/>
      <c r="IK3186" s="174"/>
    </row>
    <row r="3187" spans="2:245" x14ac:dyDescent="0.2">
      <c r="B3187" s="43"/>
      <c r="C3187" s="73"/>
      <c r="D3187" s="64"/>
      <c r="E3187" s="64"/>
      <c r="F3187" s="55"/>
      <c r="G3187" s="102"/>
      <c r="H3187" s="97"/>
      <c r="T3187" s="98"/>
      <c r="U3187" s="97"/>
      <c r="AG3187" s="98"/>
      <c r="AY3187" s="164"/>
      <c r="BK3187" s="98"/>
      <c r="BL3187" s="97"/>
      <c r="BX3187" s="98"/>
      <c r="CL3187" s="97"/>
      <c r="CX3187" s="98"/>
      <c r="DL3187" s="97"/>
      <c r="DX3187" s="98"/>
      <c r="EL3187" s="97"/>
      <c r="EX3187" s="98"/>
      <c r="EY3187" s="97"/>
      <c r="FL3187" s="126"/>
      <c r="FM3187" s="91"/>
      <c r="FN3187" s="91"/>
      <c r="FO3187" s="91"/>
      <c r="FP3187" s="91"/>
      <c r="FQ3187" s="91"/>
      <c r="FR3187" s="91"/>
      <c r="FS3187" s="91"/>
      <c r="FT3187" s="91"/>
      <c r="FU3187" s="91"/>
      <c r="FV3187" s="91"/>
      <c r="FW3187" s="91"/>
      <c r="FX3187" s="127"/>
      <c r="FY3187" s="126"/>
      <c r="FZ3187" s="91"/>
      <c r="GA3187" s="91"/>
      <c r="GB3187" s="91"/>
      <c r="GC3187" s="91"/>
      <c r="GD3187" s="91"/>
      <c r="GE3187" s="91"/>
      <c r="GF3187" s="91"/>
      <c r="GG3187" s="91"/>
      <c r="GH3187" s="91"/>
      <c r="GI3187" s="91"/>
      <c r="GJ3187" s="91"/>
      <c r="GK3187" s="127"/>
      <c r="GL3187" s="126"/>
      <c r="GM3187" s="91"/>
      <c r="GN3187" s="91"/>
      <c r="GO3187" s="91"/>
      <c r="GP3187" s="91"/>
      <c r="GQ3187" s="91"/>
      <c r="GR3187" s="91"/>
      <c r="GS3187" s="91"/>
      <c r="GT3187" s="91"/>
      <c r="GU3187" s="91"/>
      <c r="GV3187" s="91"/>
      <c r="GW3187" s="91"/>
      <c r="GX3187" s="127"/>
      <c r="GY3187" s="126"/>
      <c r="GZ3187" s="91"/>
      <c r="HA3187" s="91"/>
      <c r="HB3187" s="91"/>
      <c r="HC3187" s="91"/>
      <c r="HD3187" s="91"/>
      <c r="HE3187" s="91"/>
      <c r="HF3187" s="91"/>
      <c r="HG3187" s="91"/>
      <c r="HH3187" s="91"/>
      <c r="HI3187" s="91"/>
      <c r="HJ3187" s="91"/>
      <c r="HK3187" s="127"/>
      <c r="HL3187" s="126"/>
      <c r="HM3187" s="91"/>
      <c r="HN3187" s="91"/>
      <c r="HO3187" s="91"/>
      <c r="HP3187" s="91"/>
      <c r="HQ3187" s="91"/>
      <c r="HR3187" s="91"/>
      <c r="HS3187" s="91"/>
      <c r="HT3187" s="91"/>
      <c r="HU3187" s="91"/>
      <c r="HV3187" s="91"/>
      <c r="HW3187" s="91"/>
      <c r="HX3187" s="127"/>
      <c r="HY3187" s="126"/>
      <c r="HZ3187" s="91"/>
      <c r="IA3187" s="91"/>
      <c r="IB3187" s="91"/>
      <c r="IC3187" s="91"/>
      <c r="ID3187" s="91"/>
      <c r="IE3187" s="91"/>
      <c r="IF3187" s="91"/>
      <c r="IG3187" s="91"/>
      <c r="IH3187" s="91"/>
      <c r="II3187" s="91"/>
      <c r="IJ3187" s="91"/>
      <c r="IK3187" s="174"/>
    </row>
    <row r="3188" spans="2:245" x14ac:dyDescent="0.2">
      <c r="B3188" s="43"/>
      <c r="C3188" s="73"/>
      <c r="D3188" s="64"/>
      <c r="E3188" s="64"/>
      <c r="F3188" s="55"/>
      <c r="G3188" s="102"/>
      <c r="H3188" s="97"/>
      <c r="T3188" s="98"/>
      <c r="U3188" s="97"/>
      <c r="AG3188" s="98"/>
      <c r="AY3188" s="164"/>
      <c r="BK3188" s="98"/>
      <c r="BL3188" s="97"/>
      <c r="BX3188" s="98"/>
      <c r="CL3188" s="97"/>
      <c r="CX3188" s="98"/>
      <c r="DL3188" s="97"/>
      <c r="DX3188" s="98"/>
      <c r="EL3188" s="97"/>
      <c r="EX3188" s="98"/>
      <c r="EY3188" s="97"/>
      <c r="FL3188" s="126"/>
      <c r="FM3188" s="91"/>
      <c r="FN3188" s="91"/>
      <c r="FO3188" s="91"/>
      <c r="FP3188" s="91"/>
      <c r="FQ3188" s="91"/>
      <c r="FR3188" s="91"/>
      <c r="FS3188" s="91"/>
      <c r="FT3188" s="91"/>
      <c r="FU3188" s="91"/>
      <c r="FV3188" s="91"/>
      <c r="FW3188" s="91"/>
      <c r="FX3188" s="127"/>
      <c r="FY3188" s="126"/>
      <c r="FZ3188" s="91"/>
      <c r="GA3188" s="91"/>
      <c r="GB3188" s="91"/>
      <c r="GC3188" s="91"/>
      <c r="GD3188" s="91"/>
      <c r="GE3188" s="91"/>
      <c r="GF3188" s="91"/>
      <c r="GG3188" s="91"/>
      <c r="GH3188" s="91"/>
      <c r="GI3188" s="91"/>
      <c r="GJ3188" s="91"/>
      <c r="GK3188" s="127"/>
      <c r="GL3188" s="126"/>
      <c r="GM3188" s="91"/>
      <c r="GN3188" s="91"/>
      <c r="GO3188" s="91"/>
      <c r="GP3188" s="91"/>
      <c r="GQ3188" s="91"/>
      <c r="GR3188" s="91"/>
      <c r="GS3188" s="91"/>
      <c r="GT3188" s="91"/>
      <c r="GU3188" s="91"/>
      <c r="GV3188" s="91"/>
      <c r="GW3188" s="91"/>
      <c r="GX3188" s="127"/>
      <c r="GY3188" s="126"/>
      <c r="GZ3188" s="91"/>
      <c r="HA3188" s="91"/>
      <c r="HB3188" s="91"/>
      <c r="HC3188" s="91"/>
      <c r="HD3188" s="91"/>
      <c r="HE3188" s="91"/>
      <c r="HF3188" s="91"/>
      <c r="HG3188" s="91"/>
      <c r="HH3188" s="91"/>
      <c r="HI3188" s="91"/>
      <c r="HJ3188" s="91"/>
      <c r="HK3188" s="127"/>
      <c r="HL3188" s="126"/>
      <c r="HM3188" s="91"/>
      <c r="HN3188" s="91"/>
      <c r="HO3188" s="91"/>
      <c r="HP3188" s="91"/>
      <c r="HQ3188" s="91"/>
      <c r="HR3188" s="91"/>
      <c r="HS3188" s="91"/>
      <c r="HT3188" s="91"/>
      <c r="HU3188" s="91"/>
      <c r="HV3188" s="91"/>
      <c r="HW3188" s="91"/>
      <c r="HX3188" s="127"/>
      <c r="HY3188" s="126"/>
      <c r="HZ3188" s="91"/>
      <c r="IA3188" s="91"/>
      <c r="IB3188" s="91"/>
      <c r="IC3188" s="91"/>
      <c r="ID3188" s="91"/>
      <c r="IE3188" s="91"/>
      <c r="IF3188" s="91"/>
      <c r="IG3188" s="91"/>
      <c r="IH3188" s="91"/>
      <c r="II3188" s="91"/>
      <c r="IJ3188" s="91"/>
      <c r="IK3188" s="174"/>
    </row>
    <row r="3189" spans="2:245" x14ac:dyDescent="0.2">
      <c r="B3189" s="43"/>
      <c r="C3189" s="73"/>
      <c r="D3189" s="64"/>
      <c r="E3189" s="64"/>
      <c r="F3189" s="55"/>
      <c r="G3189" s="102"/>
      <c r="H3189" s="97"/>
      <c r="T3189" s="98"/>
      <c r="U3189" s="97"/>
      <c r="AG3189" s="98"/>
      <c r="AY3189" s="164"/>
      <c r="BK3189" s="98"/>
      <c r="BL3189" s="97"/>
      <c r="BX3189" s="98"/>
      <c r="CL3189" s="97"/>
      <c r="CX3189" s="98"/>
      <c r="DL3189" s="97"/>
      <c r="DX3189" s="98"/>
      <c r="EL3189" s="97"/>
      <c r="EX3189" s="98"/>
      <c r="EY3189" s="97"/>
      <c r="FL3189" s="126"/>
      <c r="FM3189" s="91"/>
      <c r="FN3189" s="91"/>
      <c r="FO3189" s="91"/>
      <c r="FP3189" s="91"/>
      <c r="FQ3189" s="91"/>
      <c r="FR3189" s="91"/>
      <c r="FS3189" s="91"/>
      <c r="FT3189" s="91"/>
      <c r="FU3189" s="91"/>
      <c r="FV3189" s="91"/>
      <c r="FW3189" s="91"/>
      <c r="FX3189" s="127"/>
      <c r="FY3189" s="126"/>
      <c r="FZ3189" s="91"/>
      <c r="GA3189" s="91"/>
      <c r="GB3189" s="91"/>
      <c r="GC3189" s="91"/>
      <c r="GD3189" s="91"/>
      <c r="GE3189" s="91"/>
      <c r="GF3189" s="91"/>
      <c r="GG3189" s="91"/>
      <c r="GH3189" s="91"/>
      <c r="GI3189" s="91"/>
      <c r="GJ3189" s="91"/>
      <c r="GK3189" s="127"/>
      <c r="GL3189" s="126"/>
      <c r="GM3189" s="91"/>
      <c r="GN3189" s="91"/>
      <c r="GO3189" s="91"/>
      <c r="GP3189" s="91"/>
      <c r="GQ3189" s="91"/>
      <c r="GR3189" s="91"/>
      <c r="GS3189" s="91"/>
      <c r="GT3189" s="91"/>
      <c r="GU3189" s="91"/>
      <c r="GV3189" s="91"/>
      <c r="GW3189" s="91"/>
      <c r="GX3189" s="127"/>
      <c r="GY3189" s="126"/>
      <c r="GZ3189" s="91"/>
      <c r="HA3189" s="91"/>
      <c r="HB3189" s="91"/>
      <c r="HC3189" s="91"/>
      <c r="HD3189" s="91"/>
      <c r="HE3189" s="91"/>
      <c r="HF3189" s="91"/>
      <c r="HG3189" s="91"/>
      <c r="HH3189" s="91"/>
      <c r="HI3189" s="91"/>
      <c r="HJ3189" s="91"/>
      <c r="HK3189" s="127"/>
      <c r="HL3189" s="126"/>
      <c r="HM3189" s="91"/>
      <c r="HN3189" s="91"/>
      <c r="HO3189" s="91"/>
      <c r="HP3189" s="91"/>
      <c r="HQ3189" s="91"/>
      <c r="HR3189" s="91"/>
      <c r="HS3189" s="91"/>
      <c r="HT3189" s="91"/>
      <c r="HU3189" s="91"/>
      <c r="HV3189" s="91"/>
      <c r="HW3189" s="91"/>
      <c r="HX3189" s="127"/>
      <c r="HY3189" s="126"/>
      <c r="HZ3189" s="91"/>
      <c r="IA3189" s="91"/>
      <c r="IB3189" s="91"/>
      <c r="IC3189" s="91"/>
      <c r="ID3189" s="91"/>
      <c r="IE3189" s="91"/>
      <c r="IF3189" s="91"/>
      <c r="IG3189" s="91"/>
      <c r="IH3189" s="91"/>
      <c r="II3189" s="91"/>
      <c r="IJ3189" s="91"/>
      <c r="IK3189" s="174"/>
    </row>
    <row r="3190" spans="2:245" x14ac:dyDescent="0.2">
      <c r="B3190" s="43"/>
      <c r="C3190" s="73"/>
      <c r="D3190" s="64"/>
      <c r="E3190" s="64"/>
      <c r="F3190" s="55"/>
      <c r="G3190" s="102"/>
      <c r="H3190" s="97"/>
      <c r="T3190" s="98"/>
      <c r="U3190" s="97"/>
      <c r="AG3190" s="98"/>
      <c r="AY3190" s="164"/>
      <c r="BK3190" s="98"/>
      <c r="BL3190" s="97"/>
      <c r="BX3190" s="98"/>
      <c r="CL3190" s="97"/>
      <c r="CX3190" s="98"/>
      <c r="DL3190" s="97"/>
      <c r="DX3190" s="98"/>
      <c r="EL3190" s="97"/>
      <c r="EX3190" s="98"/>
      <c r="EY3190" s="97"/>
      <c r="FL3190" s="126"/>
      <c r="FM3190" s="91"/>
      <c r="FN3190" s="91"/>
      <c r="FO3190" s="91"/>
      <c r="FP3190" s="91"/>
      <c r="FQ3190" s="91"/>
      <c r="FR3190" s="91"/>
      <c r="FS3190" s="91"/>
      <c r="FT3190" s="91"/>
      <c r="FU3190" s="91"/>
      <c r="FV3190" s="91"/>
      <c r="FW3190" s="91"/>
      <c r="FX3190" s="127"/>
      <c r="FY3190" s="126"/>
      <c r="FZ3190" s="91"/>
      <c r="GA3190" s="91"/>
      <c r="GB3190" s="91"/>
      <c r="GC3190" s="91"/>
      <c r="GD3190" s="91"/>
      <c r="GE3190" s="91"/>
      <c r="GF3190" s="91"/>
      <c r="GG3190" s="91"/>
      <c r="GH3190" s="91"/>
      <c r="GI3190" s="91"/>
      <c r="GJ3190" s="91"/>
      <c r="GK3190" s="127"/>
      <c r="GL3190" s="126"/>
      <c r="GM3190" s="91"/>
      <c r="GN3190" s="91"/>
      <c r="GO3190" s="91"/>
      <c r="GP3190" s="91"/>
      <c r="GQ3190" s="91"/>
      <c r="GR3190" s="91"/>
      <c r="GS3190" s="91"/>
      <c r="GT3190" s="91"/>
      <c r="GU3190" s="91"/>
      <c r="GV3190" s="91"/>
      <c r="GW3190" s="91"/>
      <c r="GX3190" s="127"/>
      <c r="GY3190" s="126"/>
      <c r="GZ3190" s="91"/>
      <c r="HA3190" s="91"/>
      <c r="HB3190" s="91"/>
      <c r="HC3190" s="91"/>
      <c r="HD3190" s="91"/>
      <c r="HE3190" s="91"/>
      <c r="HF3190" s="91"/>
      <c r="HG3190" s="91"/>
      <c r="HH3190" s="91"/>
      <c r="HI3190" s="91"/>
      <c r="HJ3190" s="91"/>
      <c r="HK3190" s="127"/>
      <c r="HL3190" s="126"/>
      <c r="HM3190" s="91"/>
      <c r="HN3190" s="91"/>
      <c r="HO3190" s="91"/>
      <c r="HP3190" s="91"/>
      <c r="HQ3190" s="91"/>
      <c r="HR3190" s="91"/>
      <c r="HS3190" s="91"/>
      <c r="HT3190" s="91"/>
      <c r="HU3190" s="91"/>
      <c r="HV3190" s="91"/>
      <c r="HW3190" s="91"/>
      <c r="HX3190" s="127"/>
      <c r="HY3190" s="126"/>
      <c r="HZ3190" s="91"/>
      <c r="IA3190" s="91"/>
      <c r="IB3190" s="91"/>
      <c r="IC3190" s="91"/>
      <c r="ID3190" s="91"/>
      <c r="IE3190" s="91"/>
      <c r="IF3190" s="91"/>
      <c r="IG3190" s="91"/>
      <c r="IH3190" s="91"/>
      <c r="II3190" s="91"/>
      <c r="IJ3190" s="91"/>
      <c r="IK3190" s="174"/>
    </row>
    <row r="3191" spans="2:245" x14ac:dyDescent="0.2">
      <c r="B3191" s="43"/>
      <c r="C3191" s="73"/>
      <c r="D3191" s="64"/>
      <c r="E3191" s="64"/>
      <c r="F3191" s="55"/>
      <c r="G3191" s="102"/>
      <c r="H3191" s="97"/>
      <c r="T3191" s="98"/>
      <c r="U3191" s="97"/>
      <c r="AG3191" s="98"/>
      <c r="AY3191" s="164"/>
      <c r="BK3191" s="98"/>
      <c r="BL3191" s="97"/>
      <c r="BX3191" s="98"/>
      <c r="CL3191" s="97"/>
      <c r="CX3191" s="98"/>
      <c r="DL3191" s="97"/>
      <c r="DX3191" s="98"/>
      <c r="EL3191" s="97"/>
      <c r="EX3191" s="98"/>
      <c r="EY3191" s="97"/>
      <c r="FL3191" s="126"/>
      <c r="FM3191" s="91"/>
      <c r="FN3191" s="91"/>
      <c r="FO3191" s="91"/>
      <c r="FP3191" s="91"/>
      <c r="FQ3191" s="91"/>
      <c r="FR3191" s="91"/>
      <c r="FS3191" s="91"/>
      <c r="FT3191" s="91"/>
      <c r="FU3191" s="91"/>
      <c r="FV3191" s="91"/>
      <c r="FW3191" s="91"/>
      <c r="FX3191" s="127"/>
      <c r="FY3191" s="126"/>
      <c r="FZ3191" s="91"/>
      <c r="GA3191" s="91"/>
      <c r="GB3191" s="91"/>
      <c r="GC3191" s="91"/>
      <c r="GD3191" s="91"/>
      <c r="GE3191" s="91"/>
      <c r="GF3191" s="91"/>
      <c r="GG3191" s="91"/>
      <c r="GH3191" s="91"/>
      <c r="GI3191" s="91"/>
      <c r="GJ3191" s="91"/>
      <c r="GK3191" s="127"/>
      <c r="GL3191" s="126"/>
      <c r="GM3191" s="91"/>
      <c r="GN3191" s="91"/>
      <c r="GO3191" s="91"/>
      <c r="GP3191" s="91"/>
      <c r="GQ3191" s="91"/>
      <c r="GR3191" s="91"/>
      <c r="GS3191" s="91"/>
      <c r="GT3191" s="91"/>
      <c r="GU3191" s="91"/>
      <c r="GV3191" s="91"/>
      <c r="GW3191" s="91"/>
      <c r="GX3191" s="127"/>
      <c r="GY3191" s="126"/>
      <c r="GZ3191" s="91"/>
      <c r="HA3191" s="91"/>
      <c r="HB3191" s="91"/>
      <c r="HC3191" s="91"/>
      <c r="HD3191" s="91"/>
      <c r="HE3191" s="91"/>
      <c r="HF3191" s="91"/>
      <c r="HG3191" s="91"/>
      <c r="HH3191" s="91"/>
      <c r="HI3191" s="91"/>
      <c r="HJ3191" s="91"/>
      <c r="HK3191" s="127"/>
      <c r="HL3191" s="126"/>
      <c r="HM3191" s="91"/>
      <c r="HN3191" s="91"/>
      <c r="HO3191" s="91"/>
      <c r="HP3191" s="91"/>
      <c r="HQ3191" s="91"/>
      <c r="HR3191" s="91"/>
      <c r="HS3191" s="91"/>
      <c r="HT3191" s="91"/>
      <c r="HU3191" s="91"/>
      <c r="HV3191" s="91"/>
      <c r="HW3191" s="91"/>
      <c r="HX3191" s="127"/>
      <c r="HY3191" s="126"/>
      <c r="HZ3191" s="91"/>
      <c r="IA3191" s="91"/>
      <c r="IB3191" s="91"/>
      <c r="IC3191" s="91"/>
      <c r="ID3191" s="91"/>
      <c r="IE3191" s="91"/>
      <c r="IF3191" s="91"/>
      <c r="IG3191" s="91"/>
      <c r="IH3191" s="91"/>
      <c r="II3191" s="91"/>
      <c r="IJ3191" s="91"/>
      <c r="IK3191" s="174"/>
    </row>
    <row r="3192" spans="2:245" x14ac:dyDescent="0.2">
      <c r="B3192" s="43"/>
      <c r="C3192" s="73"/>
      <c r="D3192" s="64"/>
      <c r="E3192" s="64"/>
      <c r="F3192" s="55"/>
      <c r="G3192" s="102"/>
      <c r="H3192" s="97"/>
      <c r="T3192" s="98"/>
      <c r="U3192" s="97"/>
      <c r="AG3192" s="98"/>
      <c r="AY3192" s="164"/>
      <c r="BK3192" s="98"/>
      <c r="BL3192" s="97"/>
      <c r="BX3192" s="98"/>
      <c r="CL3192" s="97"/>
      <c r="CX3192" s="98"/>
      <c r="DL3192" s="97"/>
      <c r="DX3192" s="98"/>
      <c r="EL3192" s="97"/>
      <c r="EX3192" s="98"/>
      <c r="EY3192" s="97"/>
      <c r="FL3192" s="126"/>
      <c r="FM3192" s="91"/>
      <c r="FN3192" s="91"/>
      <c r="FO3192" s="91"/>
      <c r="FP3192" s="91"/>
      <c r="FQ3192" s="91"/>
      <c r="FR3192" s="91"/>
      <c r="FS3192" s="91"/>
      <c r="FT3192" s="91"/>
      <c r="FU3192" s="91"/>
      <c r="FV3192" s="91"/>
      <c r="FW3192" s="91"/>
      <c r="FX3192" s="127"/>
      <c r="FY3192" s="126"/>
      <c r="FZ3192" s="91"/>
      <c r="GA3192" s="91"/>
      <c r="GB3192" s="91"/>
      <c r="GC3192" s="91"/>
      <c r="GD3192" s="91"/>
      <c r="GE3192" s="91"/>
      <c r="GF3192" s="91"/>
      <c r="GG3192" s="91"/>
      <c r="GH3192" s="91"/>
      <c r="GI3192" s="91"/>
      <c r="GJ3192" s="91"/>
      <c r="GK3192" s="127"/>
      <c r="GL3192" s="126"/>
      <c r="GM3192" s="91"/>
      <c r="GN3192" s="91"/>
      <c r="GO3192" s="91"/>
      <c r="GP3192" s="91"/>
      <c r="GQ3192" s="91"/>
      <c r="GR3192" s="91"/>
      <c r="GS3192" s="91"/>
      <c r="GT3192" s="91"/>
      <c r="GU3192" s="91"/>
      <c r="GV3192" s="91"/>
      <c r="GW3192" s="91"/>
      <c r="GX3192" s="127"/>
      <c r="GY3192" s="126"/>
      <c r="GZ3192" s="91"/>
      <c r="HA3192" s="91"/>
      <c r="HB3192" s="91"/>
      <c r="HC3192" s="91"/>
      <c r="HD3192" s="91"/>
      <c r="HE3192" s="91"/>
      <c r="HF3192" s="91"/>
      <c r="HG3192" s="91"/>
      <c r="HH3192" s="91"/>
      <c r="HI3192" s="91"/>
      <c r="HJ3192" s="91"/>
      <c r="HK3192" s="127"/>
      <c r="HL3192" s="126"/>
      <c r="HM3192" s="91"/>
      <c r="HN3192" s="91"/>
      <c r="HO3192" s="91"/>
      <c r="HP3192" s="91"/>
      <c r="HQ3192" s="91"/>
      <c r="HR3192" s="91"/>
      <c r="HS3192" s="91"/>
      <c r="HT3192" s="91"/>
      <c r="HU3192" s="91"/>
      <c r="HV3192" s="91"/>
      <c r="HW3192" s="91"/>
      <c r="HX3192" s="127"/>
      <c r="HY3192" s="126"/>
      <c r="HZ3192" s="91"/>
      <c r="IA3192" s="91"/>
      <c r="IB3192" s="91"/>
      <c r="IC3192" s="91"/>
      <c r="ID3192" s="91"/>
      <c r="IE3192" s="91"/>
      <c r="IF3192" s="91"/>
      <c r="IG3192" s="91"/>
      <c r="IH3192" s="91"/>
      <c r="II3192" s="91"/>
      <c r="IJ3192" s="91"/>
      <c r="IK3192" s="174"/>
    </row>
    <row r="3193" spans="2:245" x14ac:dyDescent="0.2">
      <c r="B3193" s="43"/>
      <c r="C3193" s="73"/>
      <c r="D3193" s="64"/>
      <c r="E3193" s="64"/>
      <c r="F3193" s="55"/>
      <c r="G3193" s="102"/>
      <c r="H3193" s="97"/>
      <c r="T3193" s="98"/>
      <c r="U3193" s="97"/>
      <c r="AG3193" s="98"/>
      <c r="AY3193" s="164"/>
      <c r="BK3193" s="98"/>
      <c r="BL3193" s="97"/>
      <c r="BX3193" s="98"/>
      <c r="CL3193" s="97"/>
      <c r="CX3193" s="98"/>
      <c r="DL3193" s="97"/>
      <c r="DX3193" s="98"/>
      <c r="EL3193" s="97"/>
      <c r="EX3193" s="98"/>
      <c r="EY3193" s="97"/>
      <c r="FL3193" s="126"/>
      <c r="FM3193" s="91"/>
      <c r="FN3193" s="91"/>
      <c r="FO3193" s="91"/>
      <c r="FP3193" s="91"/>
      <c r="FQ3193" s="91"/>
      <c r="FR3193" s="91"/>
      <c r="FS3193" s="91"/>
      <c r="FT3193" s="91"/>
      <c r="FU3193" s="91"/>
      <c r="FV3193" s="91"/>
      <c r="FW3193" s="91"/>
      <c r="FX3193" s="127"/>
      <c r="FY3193" s="126"/>
      <c r="FZ3193" s="91"/>
      <c r="GA3193" s="91"/>
      <c r="GB3193" s="91"/>
      <c r="GC3193" s="91"/>
      <c r="GD3193" s="91"/>
      <c r="GE3193" s="91"/>
      <c r="GF3193" s="91"/>
      <c r="GG3193" s="91"/>
      <c r="GH3193" s="91"/>
      <c r="GI3193" s="91"/>
      <c r="GJ3193" s="91"/>
      <c r="GK3193" s="127"/>
      <c r="GL3193" s="126"/>
      <c r="GM3193" s="91"/>
      <c r="GN3193" s="91"/>
      <c r="GO3193" s="91"/>
      <c r="GP3193" s="91"/>
      <c r="GQ3193" s="91"/>
      <c r="GR3193" s="91"/>
      <c r="GS3193" s="91"/>
      <c r="GT3193" s="91"/>
      <c r="GU3193" s="91"/>
      <c r="GV3193" s="91"/>
      <c r="GW3193" s="91"/>
      <c r="GX3193" s="127"/>
      <c r="GY3193" s="126"/>
      <c r="GZ3193" s="91"/>
      <c r="HA3193" s="91"/>
      <c r="HB3193" s="91"/>
      <c r="HC3193" s="91"/>
      <c r="HD3193" s="91"/>
      <c r="HE3193" s="91"/>
      <c r="HF3193" s="91"/>
      <c r="HG3193" s="91"/>
      <c r="HH3193" s="91"/>
      <c r="HI3193" s="91"/>
      <c r="HJ3193" s="91"/>
      <c r="HK3193" s="127"/>
      <c r="HL3193" s="126"/>
      <c r="HM3193" s="91"/>
      <c r="HN3193" s="91"/>
      <c r="HO3193" s="91"/>
      <c r="HP3193" s="91"/>
      <c r="HQ3193" s="91"/>
      <c r="HR3193" s="91"/>
      <c r="HS3193" s="91"/>
      <c r="HT3193" s="91"/>
      <c r="HU3193" s="91"/>
      <c r="HV3193" s="91"/>
      <c r="HW3193" s="91"/>
      <c r="HX3193" s="127"/>
      <c r="HY3193" s="126"/>
      <c r="HZ3193" s="91"/>
      <c r="IA3193" s="91"/>
      <c r="IB3193" s="91"/>
      <c r="IC3193" s="91"/>
      <c r="ID3193" s="91"/>
      <c r="IE3193" s="91"/>
      <c r="IF3193" s="91"/>
      <c r="IG3193" s="91"/>
      <c r="IH3193" s="91"/>
      <c r="II3193" s="91"/>
      <c r="IJ3193" s="91"/>
      <c r="IK3193" s="174"/>
    </row>
    <row r="3194" spans="2:245" x14ac:dyDescent="0.2">
      <c r="B3194" s="43"/>
      <c r="C3194" s="73"/>
      <c r="D3194" s="64"/>
      <c r="E3194" s="64"/>
      <c r="F3194" s="55"/>
      <c r="G3194" s="102"/>
      <c r="H3194" s="97"/>
      <c r="T3194" s="98"/>
      <c r="U3194" s="97"/>
      <c r="AG3194" s="98"/>
      <c r="AY3194" s="164"/>
      <c r="BK3194" s="98"/>
      <c r="BL3194" s="97"/>
      <c r="BX3194" s="98"/>
      <c r="CL3194" s="97"/>
      <c r="CX3194" s="98"/>
      <c r="DL3194" s="97"/>
      <c r="DX3194" s="98"/>
      <c r="EL3194" s="97"/>
      <c r="EX3194" s="98"/>
      <c r="EY3194" s="97"/>
      <c r="FL3194" s="126"/>
      <c r="FM3194" s="91"/>
      <c r="FN3194" s="91"/>
      <c r="FO3194" s="91"/>
      <c r="FP3194" s="91"/>
      <c r="FQ3194" s="91"/>
      <c r="FR3194" s="91"/>
      <c r="FS3194" s="91"/>
      <c r="FT3194" s="91"/>
      <c r="FU3194" s="91"/>
      <c r="FV3194" s="91"/>
      <c r="FW3194" s="91"/>
      <c r="FX3194" s="127"/>
      <c r="FY3194" s="126"/>
      <c r="FZ3194" s="91"/>
      <c r="GA3194" s="91"/>
      <c r="GB3194" s="91"/>
      <c r="GC3194" s="91"/>
      <c r="GD3194" s="91"/>
      <c r="GE3194" s="91"/>
      <c r="GF3194" s="91"/>
      <c r="GG3194" s="91"/>
      <c r="GH3194" s="91"/>
      <c r="GI3194" s="91"/>
      <c r="GJ3194" s="91"/>
      <c r="GK3194" s="127"/>
      <c r="GL3194" s="126"/>
      <c r="GM3194" s="91"/>
      <c r="GN3194" s="91"/>
      <c r="GO3194" s="91"/>
      <c r="GP3194" s="91"/>
      <c r="GQ3194" s="91"/>
      <c r="GR3194" s="91"/>
      <c r="GS3194" s="91"/>
      <c r="GT3194" s="91"/>
      <c r="GU3194" s="91"/>
      <c r="GV3194" s="91"/>
      <c r="GW3194" s="91"/>
      <c r="GX3194" s="127"/>
      <c r="GY3194" s="126"/>
      <c r="GZ3194" s="91"/>
      <c r="HA3194" s="91"/>
      <c r="HB3194" s="91"/>
      <c r="HC3194" s="91"/>
      <c r="HD3194" s="91"/>
      <c r="HE3194" s="91"/>
      <c r="HF3194" s="91"/>
      <c r="HG3194" s="91"/>
      <c r="HH3194" s="91"/>
      <c r="HI3194" s="91"/>
      <c r="HJ3194" s="91"/>
      <c r="HK3194" s="127"/>
      <c r="HL3194" s="126"/>
      <c r="HM3194" s="91"/>
      <c r="HN3194" s="91"/>
      <c r="HO3194" s="91"/>
      <c r="HP3194" s="91"/>
      <c r="HQ3194" s="91"/>
      <c r="HR3194" s="91"/>
      <c r="HS3194" s="91"/>
      <c r="HT3194" s="91"/>
      <c r="HU3194" s="91"/>
      <c r="HV3194" s="91"/>
      <c r="HW3194" s="91"/>
      <c r="HX3194" s="127"/>
      <c r="HY3194" s="126"/>
      <c r="HZ3194" s="91"/>
      <c r="IA3194" s="91"/>
      <c r="IB3194" s="91"/>
      <c r="IC3194" s="91"/>
      <c r="ID3194" s="91"/>
      <c r="IE3194" s="91"/>
      <c r="IF3194" s="91"/>
      <c r="IG3194" s="91"/>
      <c r="IH3194" s="91"/>
      <c r="II3194" s="91"/>
      <c r="IJ3194" s="91"/>
      <c r="IK3194" s="174"/>
    </row>
    <row r="3195" spans="2:245" x14ac:dyDescent="0.2">
      <c r="B3195" s="43"/>
      <c r="C3195" s="73"/>
      <c r="D3195" s="64"/>
      <c r="E3195" s="64"/>
      <c r="F3195" s="55"/>
      <c r="G3195" s="102"/>
      <c r="H3195" s="97"/>
      <c r="T3195" s="98"/>
      <c r="U3195" s="97"/>
      <c r="AG3195" s="98"/>
      <c r="AY3195" s="164"/>
      <c r="BK3195" s="98"/>
      <c r="BL3195" s="97"/>
      <c r="BX3195" s="98"/>
      <c r="CL3195" s="97"/>
      <c r="CX3195" s="98"/>
      <c r="DL3195" s="97"/>
      <c r="DX3195" s="98"/>
      <c r="EL3195" s="97"/>
      <c r="EX3195" s="98"/>
      <c r="EY3195" s="97"/>
      <c r="FL3195" s="126"/>
      <c r="FM3195" s="91"/>
      <c r="FN3195" s="91"/>
      <c r="FO3195" s="91"/>
      <c r="FP3195" s="91"/>
      <c r="FQ3195" s="91"/>
      <c r="FR3195" s="91"/>
      <c r="FS3195" s="91"/>
      <c r="FT3195" s="91"/>
      <c r="FU3195" s="91"/>
      <c r="FV3195" s="91"/>
      <c r="FW3195" s="91"/>
      <c r="FX3195" s="127"/>
      <c r="FY3195" s="126"/>
      <c r="FZ3195" s="91"/>
      <c r="GA3195" s="91"/>
      <c r="GB3195" s="91"/>
      <c r="GC3195" s="91"/>
      <c r="GD3195" s="91"/>
      <c r="GE3195" s="91"/>
      <c r="GF3195" s="91"/>
      <c r="GG3195" s="91"/>
      <c r="GH3195" s="91"/>
      <c r="GI3195" s="91"/>
      <c r="GJ3195" s="91"/>
      <c r="GK3195" s="127"/>
      <c r="GL3195" s="126"/>
      <c r="GM3195" s="91"/>
      <c r="GN3195" s="91"/>
      <c r="GO3195" s="91"/>
      <c r="GP3195" s="91"/>
      <c r="GQ3195" s="91"/>
      <c r="GR3195" s="91"/>
      <c r="GS3195" s="91"/>
      <c r="GT3195" s="91"/>
      <c r="GU3195" s="91"/>
      <c r="GV3195" s="91"/>
      <c r="GW3195" s="91"/>
      <c r="GX3195" s="127"/>
      <c r="GY3195" s="126"/>
      <c r="GZ3195" s="91"/>
      <c r="HA3195" s="91"/>
      <c r="HB3195" s="91"/>
      <c r="HC3195" s="91"/>
      <c r="HD3195" s="91"/>
      <c r="HE3195" s="91"/>
      <c r="HF3195" s="91"/>
      <c r="HG3195" s="91"/>
      <c r="HH3195" s="91"/>
      <c r="HI3195" s="91"/>
      <c r="HJ3195" s="91"/>
      <c r="HK3195" s="127"/>
      <c r="HL3195" s="126"/>
      <c r="HM3195" s="91"/>
      <c r="HN3195" s="91"/>
      <c r="HO3195" s="91"/>
      <c r="HP3195" s="91"/>
      <c r="HQ3195" s="91"/>
      <c r="HR3195" s="91"/>
      <c r="HS3195" s="91"/>
      <c r="HT3195" s="91"/>
      <c r="HU3195" s="91"/>
      <c r="HV3195" s="91"/>
      <c r="HW3195" s="91"/>
      <c r="HX3195" s="127"/>
      <c r="HY3195" s="126"/>
      <c r="HZ3195" s="91"/>
      <c r="IA3195" s="91"/>
      <c r="IB3195" s="91"/>
      <c r="IC3195" s="91"/>
      <c r="ID3195" s="91"/>
      <c r="IE3195" s="91"/>
      <c r="IF3195" s="91"/>
      <c r="IG3195" s="91"/>
      <c r="IH3195" s="91"/>
      <c r="II3195" s="91"/>
      <c r="IJ3195" s="91"/>
      <c r="IK3195" s="174"/>
    </row>
    <row r="3196" spans="2:245" x14ac:dyDescent="0.2">
      <c r="B3196" s="43"/>
      <c r="C3196" s="73"/>
      <c r="D3196" s="64"/>
      <c r="E3196" s="64"/>
      <c r="F3196" s="55"/>
      <c r="G3196" s="102"/>
      <c r="H3196" s="97"/>
      <c r="T3196" s="98"/>
      <c r="U3196" s="97"/>
      <c r="AG3196" s="98"/>
      <c r="AY3196" s="164"/>
      <c r="BK3196" s="98"/>
      <c r="BL3196" s="97"/>
      <c r="BX3196" s="98"/>
      <c r="CL3196" s="97"/>
      <c r="CX3196" s="98"/>
      <c r="DL3196" s="97"/>
      <c r="DX3196" s="98"/>
      <c r="EL3196" s="97"/>
      <c r="EX3196" s="98"/>
      <c r="EY3196" s="97"/>
      <c r="FL3196" s="126"/>
      <c r="FM3196" s="91"/>
      <c r="FN3196" s="91"/>
      <c r="FO3196" s="91"/>
      <c r="FP3196" s="91"/>
      <c r="FQ3196" s="91"/>
      <c r="FR3196" s="91"/>
      <c r="FS3196" s="91"/>
      <c r="FT3196" s="91"/>
      <c r="FU3196" s="91"/>
      <c r="FV3196" s="91"/>
      <c r="FW3196" s="91"/>
      <c r="FX3196" s="127"/>
      <c r="FY3196" s="126"/>
      <c r="FZ3196" s="91"/>
      <c r="GA3196" s="91"/>
      <c r="GB3196" s="91"/>
      <c r="GC3196" s="91"/>
      <c r="GD3196" s="91"/>
      <c r="GE3196" s="91"/>
      <c r="GF3196" s="91"/>
      <c r="GG3196" s="91"/>
      <c r="GH3196" s="91"/>
      <c r="GI3196" s="91"/>
      <c r="GJ3196" s="91"/>
      <c r="GK3196" s="127"/>
      <c r="GL3196" s="126"/>
      <c r="GM3196" s="91"/>
      <c r="GN3196" s="91"/>
      <c r="GO3196" s="91"/>
      <c r="GP3196" s="91"/>
      <c r="GQ3196" s="91"/>
      <c r="GR3196" s="91"/>
      <c r="GS3196" s="91"/>
      <c r="GT3196" s="91"/>
      <c r="GU3196" s="91"/>
      <c r="GV3196" s="91"/>
      <c r="GW3196" s="91"/>
      <c r="GX3196" s="127"/>
      <c r="GY3196" s="126"/>
      <c r="GZ3196" s="91"/>
      <c r="HA3196" s="91"/>
      <c r="HB3196" s="91"/>
      <c r="HC3196" s="91"/>
      <c r="HD3196" s="91"/>
      <c r="HE3196" s="91"/>
      <c r="HF3196" s="91"/>
      <c r="HG3196" s="91"/>
      <c r="HH3196" s="91"/>
      <c r="HI3196" s="91"/>
      <c r="HJ3196" s="91"/>
      <c r="HK3196" s="127"/>
      <c r="HL3196" s="126"/>
      <c r="HM3196" s="91"/>
      <c r="HN3196" s="91"/>
      <c r="HO3196" s="91"/>
      <c r="HP3196" s="91"/>
      <c r="HQ3196" s="91"/>
      <c r="HR3196" s="91"/>
      <c r="HS3196" s="91"/>
      <c r="HT3196" s="91"/>
      <c r="HU3196" s="91"/>
      <c r="HV3196" s="91"/>
      <c r="HW3196" s="91"/>
      <c r="HX3196" s="127"/>
      <c r="HY3196" s="126"/>
      <c r="HZ3196" s="91"/>
      <c r="IA3196" s="91"/>
      <c r="IB3196" s="91"/>
      <c r="IC3196" s="91"/>
      <c r="ID3196" s="91"/>
      <c r="IE3196" s="91"/>
      <c r="IF3196" s="91"/>
      <c r="IG3196" s="91"/>
      <c r="IH3196" s="91"/>
      <c r="II3196" s="91"/>
      <c r="IJ3196" s="91"/>
      <c r="IK3196" s="174"/>
    </row>
    <row r="3197" spans="2:245" x14ac:dyDescent="0.2">
      <c r="B3197" s="43"/>
      <c r="C3197" s="73"/>
      <c r="D3197" s="64"/>
      <c r="E3197" s="64"/>
      <c r="F3197" s="55"/>
      <c r="G3197" s="102"/>
      <c r="H3197" s="97"/>
      <c r="T3197" s="98"/>
      <c r="U3197" s="97"/>
      <c r="AG3197" s="98"/>
      <c r="AY3197" s="164"/>
      <c r="BK3197" s="98"/>
      <c r="BL3197" s="97"/>
      <c r="BX3197" s="98"/>
      <c r="CL3197" s="97"/>
      <c r="CX3197" s="98"/>
      <c r="DL3197" s="97"/>
      <c r="DX3197" s="98"/>
      <c r="EL3197" s="97"/>
      <c r="EX3197" s="98"/>
      <c r="EY3197" s="97"/>
      <c r="FL3197" s="126"/>
      <c r="FM3197" s="91"/>
      <c r="FN3197" s="91"/>
      <c r="FO3197" s="91"/>
      <c r="FP3197" s="91"/>
      <c r="FQ3197" s="91"/>
      <c r="FR3197" s="91"/>
      <c r="FS3197" s="91"/>
      <c r="FT3197" s="91"/>
      <c r="FU3197" s="91"/>
      <c r="FV3197" s="91"/>
      <c r="FW3197" s="91"/>
      <c r="FX3197" s="127"/>
      <c r="FY3197" s="126"/>
      <c r="FZ3197" s="91"/>
      <c r="GA3197" s="91"/>
      <c r="GB3197" s="91"/>
      <c r="GC3197" s="91"/>
      <c r="GD3197" s="91"/>
      <c r="GE3197" s="91"/>
      <c r="GF3197" s="91"/>
      <c r="GG3197" s="91"/>
      <c r="GH3197" s="91"/>
      <c r="GI3197" s="91"/>
      <c r="GJ3197" s="91"/>
      <c r="GK3197" s="127"/>
      <c r="GL3197" s="126"/>
      <c r="GM3197" s="91"/>
      <c r="GN3197" s="91"/>
      <c r="GO3197" s="91"/>
      <c r="GP3197" s="91"/>
      <c r="GQ3197" s="91"/>
      <c r="GR3197" s="91"/>
      <c r="GS3197" s="91"/>
      <c r="GT3197" s="91"/>
      <c r="GU3197" s="91"/>
      <c r="GV3197" s="91"/>
      <c r="GW3197" s="91"/>
      <c r="GX3197" s="127"/>
      <c r="GY3197" s="126"/>
      <c r="GZ3197" s="91"/>
      <c r="HA3197" s="91"/>
      <c r="HB3197" s="91"/>
      <c r="HC3197" s="91"/>
      <c r="HD3197" s="91"/>
      <c r="HE3197" s="91"/>
      <c r="HF3197" s="91"/>
      <c r="HG3197" s="91"/>
      <c r="HH3197" s="91"/>
      <c r="HI3197" s="91"/>
      <c r="HJ3197" s="91"/>
      <c r="HK3197" s="127"/>
      <c r="HL3197" s="126"/>
      <c r="HM3197" s="91"/>
      <c r="HN3197" s="91"/>
      <c r="HO3197" s="91"/>
      <c r="HP3197" s="91"/>
      <c r="HQ3197" s="91"/>
      <c r="HR3197" s="91"/>
      <c r="HS3197" s="91"/>
      <c r="HT3197" s="91"/>
      <c r="HU3197" s="91"/>
      <c r="HV3197" s="91"/>
      <c r="HW3197" s="91"/>
      <c r="HX3197" s="127"/>
      <c r="HY3197" s="126"/>
      <c r="HZ3197" s="91"/>
      <c r="IA3197" s="91"/>
      <c r="IB3197" s="91"/>
      <c r="IC3197" s="91"/>
      <c r="ID3197" s="91"/>
      <c r="IE3197" s="91"/>
      <c r="IF3197" s="91"/>
      <c r="IG3197" s="91"/>
      <c r="IH3197" s="91"/>
      <c r="II3197" s="91"/>
      <c r="IJ3197" s="91"/>
      <c r="IK3197" s="174"/>
    </row>
    <row r="3198" spans="2:245" x14ac:dyDescent="0.2">
      <c r="B3198" s="43"/>
      <c r="C3198" s="73"/>
      <c r="D3198" s="64"/>
      <c r="E3198" s="64"/>
      <c r="F3198" s="55"/>
      <c r="G3198" s="102"/>
      <c r="H3198" s="97"/>
      <c r="T3198" s="98"/>
      <c r="U3198" s="97"/>
      <c r="AG3198" s="98"/>
      <c r="AY3198" s="164"/>
      <c r="BK3198" s="98"/>
      <c r="BL3198" s="97"/>
      <c r="BX3198" s="98"/>
      <c r="CL3198" s="97"/>
      <c r="CX3198" s="98"/>
      <c r="DL3198" s="97"/>
      <c r="DX3198" s="98"/>
      <c r="EL3198" s="97"/>
      <c r="EX3198" s="98"/>
      <c r="EY3198" s="97"/>
      <c r="FL3198" s="126"/>
      <c r="FM3198" s="91"/>
      <c r="FN3198" s="91"/>
      <c r="FO3198" s="91"/>
      <c r="FP3198" s="91"/>
      <c r="FQ3198" s="91"/>
      <c r="FR3198" s="91"/>
      <c r="FS3198" s="91"/>
      <c r="FT3198" s="91"/>
      <c r="FU3198" s="91"/>
      <c r="FV3198" s="91"/>
      <c r="FW3198" s="91"/>
      <c r="FX3198" s="127"/>
      <c r="FY3198" s="126"/>
      <c r="FZ3198" s="91"/>
      <c r="GA3198" s="91"/>
      <c r="GB3198" s="91"/>
      <c r="GC3198" s="91"/>
      <c r="GD3198" s="91"/>
      <c r="GE3198" s="91"/>
      <c r="GF3198" s="91"/>
      <c r="GG3198" s="91"/>
      <c r="GH3198" s="91"/>
      <c r="GI3198" s="91"/>
      <c r="GJ3198" s="91"/>
      <c r="GK3198" s="127"/>
      <c r="GL3198" s="126"/>
      <c r="GM3198" s="91"/>
      <c r="GN3198" s="91"/>
      <c r="GO3198" s="91"/>
      <c r="GP3198" s="91"/>
      <c r="GQ3198" s="91"/>
      <c r="GR3198" s="91"/>
      <c r="GS3198" s="91"/>
      <c r="GT3198" s="91"/>
      <c r="GU3198" s="91"/>
      <c r="GV3198" s="91"/>
      <c r="GW3198" s="91"/>
      <c r="GX3198" s="127"/>
      <c r="GY3198" s="126"/>
      <c r="GZ3198" s="91"/>
      <c r="HA3198" s="91"/>
      <c r="HB3198" s="91"/>
      <c r="HC3198" s="91"/>
      <c r="HD3198" s="91"/>
      <c r="HE3198" s="91"/>
      <c r="HF3198" s="91"/>
      <c r="HG3198" s="91"/>
      <c r="HH3198" s="91"/>
      <c r="HI3198" s="91"/>
      <c r="HJ3198" s="91"/>
      <c r="HK3198" s="127"/>
      <c r="HL3198" s="126"/>
      <c r="HM3198" s="91"/>
      <c r="HN3198" s="91"/>
      <c r="HO3198" s="91"/>
      <c r="HP3198" s="91"/>
      <c r="HQ3198" s="91"/>
      <c r="HR3198" s="91"/>
      <c r="HS3198" s="91"/>
      <c r="HT3198" s="91"/>
      <c r="HU3198" s="91"/>
      <c r="HV3198" s="91"/>
      <c r="HW3198" s="91"/>
      <c r="HX3198" s="127"/>
      <c r="HY3198" s="126"/>
      <c r="HZ3198" s="91"/>
      <c r="IA3198" s="91"/>
      <c r="IB3198" s="91"/>
      <c r="IC3198" s="91"/>
      <c r="ID3198" s="91"/>
      <c r="IE3198" s="91"/>
      <c r="IF3198" s="91"/>
      <c r="IG3198" s="91"/>
      <c r="IH3198" s="91"/>
      <c r="II3198" s="91"/>
      <c r="IJ3198" s="91"/>
      <c r="IK3198" s="174"/>
    </row>
    <row r="3199" spans="2:245" x14ac:dyDescent="0.2">
      <c r="B3199" s="43"/>
      <c r="C3199" s="73"/>
      <c r="D3199" s="64"/>
      <c r="E3199" s="64"/>
      <c r="F3199" s="55"/>
      <c r="G3199" s="102"/>
      <c r="H3199" s="97"/>
      <c r="T3199" s="98"/>
      <c r="U3199" s="97"/>
      <c r="AG3199" s="98"/>
      <c r="AY3199" s="164"/>
      <c r="BK3199" s="98"/>
      <c r="BL3199" s="97"/>
      <c r="BX3199" s="98"/>
      <c r="CL3199" s="97"/>
      <c r="CX3199" s="98"/>
      <c r="DL3199" s="97"/>
      <c r="DX3199" s="98"/>
      <c r="EL3199" s="97"/>
      <c r="EX3199" s="98"/>
      <c r="EY3199" s="97"/>
      <c r="FL3199" s="126"/>
      <c r="FM3199" s="91"/>
      <c r="FN3199" s="91"/>
      <c r="FO3199" s="91"/>
      <c r="FP3199" s="91"/>
      <c r="FQ3199" s="91"/>
      <c r="FR3199" s="91"/>
      <c r="FS3199" s="91"/>
      <c r="FT3199" s="91"/>
      <c r="FU3199" s="91"/>
      <c r="FV3199" s="91"/>
      <c r="FW3199" s="91"/>
      <c r="FX3199" s="127"/>
      <c r="FY3199" s="126"/>
      <c r="FZ3199" s="91"/>
      <c r="GA3199" s="91"/>
      <c r="GB3199" s="91"/>
      <c r="GC3199" s="91"/>
      <c r="GD3199" s="91"/>
      <c r="GE3199" s="91"/>
      <c r="GF3199" s="91"/>
      <c r="GG3199" s="91"/>
      <c r="GH3199" s="91"/>
      <c r="GI3199" s="91"/>
      <c r="GJ3199" s="91"/>
      <c r="GK3199" s="127"/>
      <c r="GL3199" s="126"/>
      <c r="GM3199" s="91"/>
      <c r="GN3199" s="91"/>
      <c r="GO3199" s="91"/>
      <c r="GP3199" s="91"/>
      <c r="GQ3199" s="91"/>
      <c r="GR3199" s="91"/>
      <c r="GS3199" s="91"/>
      <c r="GT3199" s="91"/>
      <c r="GU3199" s="91"/>
      <c r="GV3199" s="91"/>
      <c r="GW3199" s="91"/>
      <c r="GX3199" s="127"/>
      <c r="GY3199" s="126"/>
      <c r="GZ3199" s="91"/>
      <c r="HA3199" s="91"/>
      <c r="HB3199" s="91"/>
      <c r="HC3199" s="91"/>
      <c r="HD3199" s="91"/>
      <c r="HE3199" s="91"/>
      <c r="HF3199" s="91"/>
      <c r="HG3199" s="91"/>
      <c r="HH3199" s="91"/>
      <c r="HI3199" s="91"/>
      <c r="HJ3199" s="91"/>
      <c r="HK3199" s="127"/>
      <c r="HL3199" s="126"/>
      <c r="HM3199" s="91"/>
      <c r="HN3199" s="91"/>
      <c r="HO3199" s="91"/>
      <c r="HP3199" s="91"/>
      <c r="HQ3199" s="91"/>
      <c r="HR3199" s="91"/>
      <c r="HS3199" s="91"/>
      <c r="HT3199" s="91"/>
      <c r="HU3199" s="91"/>
      <c r="HV3199" s="91"/>
      <c r="HW3199" s="91"/>
      <c r="HX3199" s="127"/>
      <c r="HY3199" s="126"/>
      <c r="HZ3199" s="91"/>
      <c r="IA3199" s="91"/>
      <c r="IB3199" s="91"/>
      <c r="IC3199" s="91"/>
      <c r="ID3199" s="91"/>
      <c r="IE3199" s="91"/>
      <c r="IF3199" s="91"/>
      <c r="IG3199" s="91"/>
      <c r="IH3199" s="91"/>
      <c r="II3199" s="91"/>
      <c r="IJ3199" s="91"/>
      <c r="IK3199" s="174"/>
    </row>
    <row r="3200" spans="2:245" x14ac:dyDescent="0.2">
      <c r="B3200" s="43"/>
      <c r="C3200" s="73"/>
      <c r="D3200" s="64"/>
      <c r="E3200" s="64"/>
      <c r="F3200" s="55"/>
      <c r="G3200" s="102"/>
      <c r="H3200" s="97"/>
      <c r="T3200" s="98"/>
      <c r="U3200" s="97"/>
      <c r="AG3200" s="98"/>
      <c r="AY3200" s="164"/>
      <c r="BK3200" s="98"/>
      <c r="BL3200" s="97"/>
      <c r="BX3200" s="98"/>
      <c r="CL3200" s="97"/>
      <c r="CX3200" s="98"/>
      <c r="DL3200" s="97"/>
      <c r="DX3200" s="98"/>
      <c r="EL3200" s="97"/>
      <c r="EX3200" s="98"/>
      <c r="EY3200" s="97"/>
      <c r="FL3200" s="126"/>
      <c r="FM3200" s="91"/>
      <c r="FN3200" s="91"/>
      <c r="FO3200" s="91"/>
      <c r="FP3200" s="91"/>
      <c r="FQ3200" s="91"/>
      <c r="FR3200" s="91"/>
      <c r="FS3200" s="91"/>
      <c r="FT3200" s="91"/>
      <c r="FU3200" s="91"/>
      <c r="FV3200" s="91"/>
      <c r="FW3200" s="91"/>
      <c r="FX3200" s="127"/>
      <c r="FY3200" s="126"/>
      <c r="FZ3200" s="91"/>
      <c r="GA3200" s="91"/>
      <c r="GB3200" s="91"/>
      <c r="GC3200" s="91"/>
      <c r="GD3200" s="91"/>
      <c r="GE3200" s="91"/>
      <c r="GF3200" s="91"/>
      <c r="GG3200" s="91"/>
      <c r="GH3200" s="91"/>
      <c r="GI3200" s="91"/>
      <c r="GJ3200" s="91"/>
      <c r="GK3200" s="127"/>
      <c r="GL3200" s="126"/>
      <c r="GM3200" s="91"/>
      <c r="GN3200" s="91"/>
      <c r="GO3200" s="91"/>
      <c r="GP3200" s="91"/>
      <c r="GQ3200" s="91"/>
      <c r="GR3200" s="91"/>
      <c r="GS3200" s="91"/>
      <c r="GT3200" s="91"/>
      <c r="GU3200" s="91"/>
      <c r="GV3200" s="91"/>
      <c r="GW3200" s="91"/>
      <c r="GX3200" s="127"/>
      <c r="GY3200" s="126"/>
      <c r="GZ3200" s="91"/>
      <c r="HA3200" s="91"/>
      <c r="HB3200" s="91"/>
      <c r="HC3200" s="91"/>
      <c r="HD3200" s="91"/>
      <c r="HE3200" s="91"/>
      <c r="HF3200" s="91"/>
      <c r="HG3200" s="91"/>
      <c r="HH3200" s="91"/>
      <c r="HI3200" s="91"/>
      <c r="HJ3200" s="91"/>
      <c r="HK3200" s="127"/>
      <c r="HL3200" s="126"/>
      <c r="HM3200" s="91"/>
      <c r="HN3200" s="91"/>
      <c r="HO3200" s="91"/>
      <c r="HP3200" s="91"/>
      <c r="HQ3200" s="91"/>
      <c r="HR3200" s="91"/>
      <c r="HS3200" s="91"/>
      <c r="HT3200" s="91"/>
      <c r="HU3200" s="91"/>
      <c r="HV3200" s="91"/>
      <c r="HW3200" s="91"/>
      <c r="HX3200" s="127"/>
      <c r="HY3200" s="126"/>
      <c r="HZ3200" s="91"/>
      <c r="IA3200" s="91"/>
      <c r="IB3200" s="91"/>
      <c r="IC3200" s="91"/>
      <c r="ID3200" s="91"/>
      <c r="IE3200" s="91"/>
      <c r="IF3200" s="91"/>
      <c r="IG3200" s="91"/>
      <c r="IH3200" s="91"/>
      <c r="II3200" s="91"/>
      <c r="IJ3200" s="91"/>
      <c r="IK3200" s="174"/>
    </row>
    <row r="3201" spans="2:245" x14ac:dyDescent="0.2">
      <c r="B3201" s="43"/>
      <c r="C3201" s="73"/>
      <c r="D3201" s="64"/>
      <c r="E3201" s="64"/>
      <c r="F3201" s="55"/>
      <c r="G3201" s="102"/>
      <c r="H3201" s="97"/>
      <c r="T3201" s="98"/>
      <c r="U3201" s="97"/>
      <c r="AG3201" s="98"/>
      <c r="AY3201" s="164"/>
      <c r="BK3201" s="98"/>
      <c r="BL3201" s="97"/>
      <c r="BX3201" s="98"/>
      <c r="CL3201" s="97"/>
      <c r="CX3201" s="98"/>
      <c r="DL3201" s="97"/>
      <c r="DX3201" s="98"/>
      <c r="EL3201" s="97"/>
      <c r="EX3201" s="98"/>
      <c r="EY3201" s="97"/>
      <c r="FL3201" s="126"/>
      <c r="FM3201" s="91"/>
      <c r="FN3201" s="91"/>
      <c r="FO3201" s="91"/>
      <c r="FP3201" s="91"/>
      <c r="FQ3201" s="91"/>
      <c r="FR3201" s="91"/>
      <c r="FS3201" s="91"/>
      <c r="FT3201" s="91"/>
      <c r="FU3201" s="91"/>
      <c r="FV3201" s="91"/>
      <c r="FW3201" s="91"/>
      <c r="FX3201" s="127"/>
      <c r="FY3201" s="126"/>
      <c r="FZ3201" s="91"/>
      <c r="GA3201" s="91"/>
      <c r="GB3201" s="91"/>
      <c r="GC3201" s="91"/>
      <c r="GD3201" s="91"/>
      <c r="GE3201" s="91"/>
      <c r="GF3201" s="91"/>
      <c r="GG3201" s="91"/>
      <c r="GH3201" s="91"/>
      <c r="GI3201" s="91"/>
      <c r="GJ3201" s="91"/>
      <c r="GK3201" s="127"/>
      <c r="GL3201" s="126"/>
      <c r="GM3201" s="91"/>
      <c r="GN3201" s="91"/>
      <c r="GO3201" s="91"/>
      <c r="GP3201" s="91"/>
      <c r="GQ3201" s="91"/>
      <c r="GR3201" s="91"/>
      <c r="GS3201" s="91"/>
      <c r="GT3201" s="91"/>
      <c r="GU3201" s="91"/>
      <c r="GV3201" s="91"/>
      <c r="GW3201" s="91"/>
      <c r="GX3201" s="127"/>
      <c r="GY3201" s="126"/>
      <c r="GZ3201" s="91"/>
      <c r="HA3201" s="91"/>
      <c r="HB3201" s="91"/>
      <c r="HC3201" s="91"/>
      <c r="HD3201" s="91"/>
      <c r="HE3201" s="91"/>
      <c r="HF3201" s="91"/>
      <c r="HG3201" s="91"/>
      <c r="HH3201" s="91"/>
      <c r="HI3201" s="91"/>
      <c r="HJ3201" s="91"/>
      <c r="HK3201" s="127"/>
      <c r="HL3201" s="126"/>
      <c r="HM3201" s="91"/>
      <c r="HN3201" s="91"/>
      <c r="HO3201" s="91"/>
      <c r="HP3201" s="91"/>
      <c r="HQ3201" s="91"/>
      <c r="HR3201" s="91"/>
      <c r="HS3201" s="91"/>
      <c r="HT3201" s="91"/>
      <c r="HU3201" s="91"/>
      <c r="HV3201" s="91"/>
      <c r="HW3201" s="91"/>
      <c r="HX3201" s="127"/>
      <c r="HY3201" s="126"/>
      <c r="HZ3201" s="91"/>
      <c r="IA3201" s="91"/>
      <c r="IB3201" s="91"/>
      <c r="IC3201" s="91"/>
      <c r="ID3201" s="91"/>
      <c r="IE3201" s="91"/>
      <c r="IF3201" s="91"/>
      <c r="IG3201" s="91"/>
      <c r="IH3201" s="91"/>
      <c r="II3201" s="91"/>
      <c r="IJ3201" s="91"/>
      <c r="IK3201" s="174"/>
    </row>
    <row r="3202" spans="2:245" x14ac:dyDescent="0.2">
      <c r="B3202" s="43"/>
      <c r="C3202" s="73"/>
      <c r="D3202" s="64"/>
      <c r="E3202" s="64"/>
      <c r="F3202" s="55"/>
      <c r="G3202" s="102"/>
      <c r="H3202" s="97"/>
      <c r="T3202" s="98"/>
      <c r="U3202" s="97"/>
      <c r="AG3202" s="98"/>
      <c r="AY3202" s="164"/>
      <c r="BK3202" s="98"/>
      <c r="BL3202" s="97"/>
      <c r="BX3202" s="98"/>
      <c r="CL3202" s="97"/>
      <c r="CX3202" s="98"/>
      <c r="DL3202" s="97"/>
      <c r="DX3202" s="98"/>
      <c r="EL3202" s="97"/>
      <c r="EX3202" s="98"/>
      <c r="EY3202" s="97"/>
      <c r="FL3202" s="126"/>
      <c r="FM3202" s="91"/>
      <c r="FN3202" s="91"/>
      <c r="FO3202" s="91"/>
      <c r="FP3202" s="91"/>
      <c r="FQ3202" s="91"/>
      <c r="FR3202" s="91"/>
      <c r="FS3202" s="91"/>
      <c r="FT3202" s="91"/>
      <c r="FU3202" s="91"/>
      <c r="FV3202" s="91"/>
      <c r="FW3202" s="91"/>
      <c r="FX3202" s="127"/>
      <c r="FY3202" s="126"/>
      <c r="FZ3202" s="91"/>
      <c r="GA3202" s="91"/>
      <c r="GB3202" s="91"/>
      <c r="GC3202" s="91"/>
      <c r="GD3202" s="91"/>
      <c r="GE3202" s="91"/>
      <c r="GF3202" s="91"/>
      <c r="GG3202" s="91"/>
      <c r="GH3202" s="91"/>
      <c r="GI3202" s="91"/>
      <c r="GJ3202" s="91"/>
      <c r="GK3202" s="127"/>
      <c r="GL3202" s="126"/>
      <c r="GM3202" s="91"/>
      <c r="GN3202" s="91"/>
      <c r="GO3202" s="91"/>
      <c r="GP3202" s="91"/>
      <c r="GQ3202" s="91"/>
      <c r="GR3202" s="91"/>
      <c r="GS3202" s="91"/>
      <c r="GT3202" s="91"/>
      <c r="GU3202" s="91"/>
      <c r="GV3202" s="91"/>
      <c r="GW3202" s="91"/>
      <c r="GX3202" s="127"/>
      <c r="GY3202" s="126"/>
      <c r="GZ3202" s="91"/>
      <c r="HA3202" s="91"/>
      <c r="HB3202" s="91"/>
      <c r="HC3202" s="91"/>
      <c r="HD3202" s="91"/>
      <c r="HE3202" s="91"/>
      <c r="HF3202" s="91"/>
      <c r="HG3202" s="91"/>
      <c r="HH3202" s="91"/>
      <c r="HI3202" s="91"/>
      <c r="HJ3202" s="91"/>
      <c r="HK3202" s="127"/>
      <c r="HL3202" s="126"/>
      <c r="HM3202" s="91"/>
      <c r="HN3202" s="91"/>
      <c r="HO3202" s="91"/>
      <c r="HP3202" s="91"/>
      <c r="HQ3202" s="91"/>
      <c r="HR3202" s="91"/>
      <c r="HS3202" s="91"/>
      <c r="HT3202" s="91"/>
      <c r="HU3202" s="91"/>
      <c r="HV3202" s="91"/>
      <c r="HW3202" s="91"/>
      <c r="HX3202" s="127"/>
      <c r="HY3202" s="126"/>
      <c r="HZ3202" s="91"/>
      <c r="IA3202" s="91"/>
      <c r="IB3202" s="91"/>
      <c r="IC3202" s="91"/>
      <c r="ID3202" s="91"/>
      <c r="IE3202" s="91"/>
      <c r="IF3202" s="91"/>
      <c r="IG3202" s="91"/>
      <c r="IH3202" s="91"/>
      <c r="II3202" s="91"/>
      <c r="IJ3202" s="91"/>
      <c r="IK3202" s="174"/>
    </row>
    <row r="3203" spans="2:245" x14ac:dyDescent="0.2">
      <c r="B3203" s="43"/>
      <c r="C3203" s="73"/>
      <c r="D3203" s="64"/>
      <c r="E3203" s="64"/>
      <c r="F3203" s="55"/>
      <c r="G3203" s="102"/>
      <c r="H3203" s="97"/>
      <c r="T3203" s="98"/>
      <c r="U3203" s="97"/>
      <c r="AG3203" s="98"/>
      <c r="AY3203" s="164"/>
      <c r="BK3203" s="98"/>
      <c r="BL3203" s="97"/>
      <c r="BX3203" s="98"/>
      <c r="CL3203" s="97"/>
      <c r="CX3203" s="98"/>
      <c r="DL3203" s="97"/>
      <c r="DX3203" s="98"/>
      <c r="EL3203" s="97"/>
      <c r="EX3203" s="98"/>
      <c r="EY3203" s="97"/>
      <c r="FL3203" s="126"/>
      <c r="FM3203" s="91"/>
      <c r="FN3203" s="91"/>
      <c r="FO3203" s="91"/>
      <c r="FP3203" s="91"/>
      <c r="FQ3203" s="91"/>
      <c r="FR3203" s="91"/>
      <c r="FS3203" s="91"/>
      <c r="FT3203" s="91"/>
      <c r="FU3203" s="91"/>
      <c r="FV3203" s="91"/>
      <c r="FW3203" s="91"/>
      <c r="FX3203" s="127"/>
      <c r="FY3203" s="126"/>
      <c r="FZ3203" s="91"/>
      <c r="GA3203" s="91"/>
      <c r="GB3203" s="91"/>
      <c r="GC3203" s="91"/>
      <c r="GD3203" s="91"/>
      <c r="GE3203" s="91"/>
      <c r="GF3203" s="91"/>
      <c r="GG3203" s="91"/>
      <c r="GH3203" s="91"/>
      <c r="GI3203" s="91"/>
      <c r="GJ3203" s="91"/>
      <c r="GK3203" s="127"/>
      <c r="GL3203" s="126"/>
      <c r="GM3203" s="91"/>
      <c r="GN3203" s="91"/>
      <c r="GO3203" s="91"/>
      <c r="GP3203" s="91"/>
      <c r="GQ3203" s="91"/>
      <c r="GR3203" s="91"/>
      <c r="GS3203" s="91"/>
      <c r="GT3203" s="91"/>
      <c r="GU3203" s="91"/>
      <c r="GV3203" s="91"/>
      <c r="GW3203" s="91"/>
      <c r="GX3203" s="127"/>
      <c r="GY3203" s="126"/>
      <c r="GZ3203" s="91"/>
      <c r="HA3203" s="91"/>
      <c r="HB3203" s="91"/>
      <c r="HC3203" s="91"/>
      <c r="HD3203" s="91"/>
      <c r="HE3203" s="91"/>
      <c r="HF3203" s="91"/>
      <c r="HG3203" s="91"/>
      <c r="HH3203" s="91"/>
      <c r="HI3203" s="91"/>
      <c r="HJ3203" s="91"/>
      <c r="HK3203" s="127"/>
      <c r="HL3203" s="126"/>
      <c r="HM3203" s="91"/>
      <c r="HN3203" s="91"/>
      <c r="HO3203" s="91"/>
      <c r="HP3203" s="91"/>
      <c r="HQ3203" s="91"/>
      <c r="HR3203" s="91"/>
      <c r="HS3203" s="91"/>
      <c r="HT3203" s="91"/>
      <c r="HU3203" s="91"/>
      <c r="HV3203" s="91"/>
      <c r="HW3203" s="91"/>
      <c r="HX3203" s="127"/>
      <c r="HY3203" s="126"/>
      <c r="HZ3203" s="91"/>
      <c r="IA3203" s="91"/>
      <c r="IB3203" s="91"/>
      <c r="IC3203" s="91"/>
      <c r="ID3203" s="91"/>
      <c r="IE3203" s="91"/>
      <c r="IF3203" s="91"/>
      <c r="IG3203" s="91"/>
      <c r="IH3203" s="91"/>
      <c r="II3203" s="91"/>
      <c r="IJ3203" s="91"/>
      <c r="IK3203" s="174"/>
    </row>
    <row r="3204" spans="2:245" x14ac:dyDescent="0.2">
      <c r="B3204" s="43"/>
      <c r="C3204" s="73"/>
      <c r="D3204" s="64"/>
      <c r="E3204" s="64"/>
      <c r="F3204" s="55"/>
      <c r="G3204" s="102"/>
      <c r="H3204" s="97"/>
      <c r="T3204" s="98"/>
      <c r="U3204" s="97"/>
      <c r="AG3204" s="98"/>
      <c r="AY3204" s="164"/>
      <c r="BK3204" s="98"/>
      <c r="BL3204" s="97"/>
      <c r="BX3204" s="98"/>
      <c r="CL3204" s="97"/>
      <c r="CX3204" s="98"/>
      <c r="DL3204" s="97"/>
      <c r="DX3204" s="98"/>
      <c r="EL3204" s="97"/>
      <c r="EX3204" s="98"/>
      <c r="EY3204" s="97"/>
      <c r="FL3204" s="126"/>
      <c r="FM3204" s="91"/>
      <c r="FN3204" s="91"/>
      <c r="FO3204" s="91"/>
      <c r="FP3204" s="91"/>
      <c r="FQ3204" s="91"/>
      <c r="FR3204" s="91"/>
      <c r="FS3204" s="91"/>
      <c r="FT3204" s="91"/>
      <c r="FU3204" s="91"/>
      <c r="FV3204" s="91"/>
      <c r="FW3204" s="91"/>
      <c r="FX3204" s="127"/>
      <c r="FY3204" s="126"/>
      <c r="FZ3204" s="91"/>
      <c r="GA3204" s="91"/>
      <c r="GB3204" s="91"/>
      <c r="GC3204" s="91"/>
      <c r="GD3204" s="91"/>
      <c r="GE3204" s="91"/>
      <c r="GF3204" s="91"/>
      <c r="GG3204" s="91"/>
      <c r="GH3204" s="91"/>
      <c r="GI3204" s="91"/>
      <c r="GJ3204" s="91"/>
      <c r="GK3204" s="127"/>
      <c r="GL3204" s="126"/>
      <c r="GM3204" s="91"/>
      <c r="GN3204" s="91"/>
      <c r="GO3204" s="91"/>
      <c r="GP3204" s="91"/>
      <c r="GQ3204" s="91"/>
      <c r="GR3204" s="91"/>
      <c r="GS3204" s="91"/>
      <c r="GT3204" s="91"/>
      <c r="GU3204" s="91"/>
      <c r="GV3204" s="91"/>
      <c r="GW3204" s="91"/>
      <c r="GX3204" s="127"/>
      <c r="GY3204" s="126"/>
      <c r="GZ3204" s="91"/>
      <c r="HA3204" s="91"/>
      <c r="HB3204" s="91"/>
      <c r="HC3204" s="91"/>
      <c r="HD3204" s="91"/>
      <c r="HE3204" s="91"/>
      <c r="HF3204" s="91"/>
      <c r="HG3204" s="91"/>
      <c r="HH3204" s="91"/>
      <c r="HI3204" s="91"/>
      <c r="HJ3204" s="91"/>
      <c r="HK3204" s="127"/>
      <c r="HL3204" s="126"/>
      <c r="HM3204" s="91"/>
      <c r="HN3204" s="91"/>
      <c r="HO3204" s="91"/>
      <c r="HP3204" s="91"/>
      <c r="HQ3204" s="91"/>
      <c r="HR3204" s="91"/>
      <c r="HS3204" s="91"/>
      <c r="HT3204" s="91"/>
      <c r="HU3204" s="91"/>
      <c r="HV3204" s="91"/>
      <c r="HW3204" s="91"/>
      <c r="HX3204" s="127"/>
      <c r="HY3204" s="126"/>
      <c r="HZ3204" s="91"/>
      <c r="IA3204" s="91"/>
      <c r="IB3204" s="91"/>
      <c r="IC3204" s="91"/>
      <c r="ID3204" s="91"/>
      <c r="IE3204" s="91"/>
      <c r="IF3204" s="91"/>
      <c r="IG3204" s="91"/>
      <c r="IH3204" s="91"/>
      <c r="II3204" s="91"/>
      <c r="IJ3204" s="91"/>
      <c r="IK3204" s="174"/>
    </row>
    <row r="3205" spans="2:245" x14ac:dyDescent="0.2">
      <c r="B3205" s="43"/>
      <c r="C3205" s="73"/>
      <c r="D3205" s="64"/>
      <c r="E3205" s="64"/>
      <c r="F3205" s="55"/>
      <c r="G3205" s="102"/>
      <c r="H3205" s="97"/>
      <c r="T3205" s="98"/>
      <c r="U3205" s="97"/>
      <c r="AG3205" s="98"/>
      <c r="AY3205" s="164"/>
      <c r="BK3205" s="98"/>
      <c r="BL3205" s="97"/>
      <c r="BX3205" s="98"/>
      <c r="CL3205" s="97"/>
      <c r="CX3205" s="98"/>
      <c r="DL3205" s="97"/>
      <c r="DX3205" s="98"/>
      <c r="EL3205" s="97"/>
      <c r="EX3205" s="98"/>
      <c r="EY3205" s="97"/>
      <c r="FL3205" s="126"/>
      <c r="FM3205" s="91"/>
      <c r="FN3205" s="91"/>
      <c r="FO3205" s="91"/>
      <c r="FP3205" s="91"/>
      <c r="FQ3205" s="91"/>
      <c r="FR3205" s="91"/>
      <c r="FS3205" s="91"/>
      <c r="FT3205" s="91"/>
      <c r="FU3205" s="91"/>
      <c r="FV3205" s="91"/>
      <c r="FW3205" s="91"/>
      <c r="FX3205" s="127"/>
      <c r="FY3205" s="126"/>
      <c r="FZ3205" s="91"/>
      <c r="GA3205" s="91"/>
      <c r="GB3205" s="91"/>
      <c r="GC3205" s="91"/>
      <c r="GD3205" s="91"/>
      <c r="GE3205" s="91"/>
      <c r="GF3205" s="91"/>
      <c r="GG3205" s="91"/>
      <c r="GH3205" s="91"/>
      <c r="GI3205" s="91"/>
      <c r="GJ3205" s="91"/>
      <c r="GK3205" s="127"/>
      <c r="GL3205" s="126"/>
      <c r="GM3205" s="91"/>
      <c r="GN3205" s="91"/>
      <c r="GO3205" s="91"/>
      <c r="GP3205" s="91"/>
      <c r="GQ3205" s="91"/>
      <c r="GR3205" s="91"/>
      <c r="GS3205" s="91"/>
      <c r="GT3205" s="91"/>
      <c r="GU3205" s="91"/>
      <c r="GV3205" s="91"/>
      <c r="GW3205" s="91"/>
      <c r="GX3205" s="127"/>
      <c r="GY3205" s="126"/>
      <c r="GZ3205" s="91"/>
      <c r="HA3205" s="91"/>
      <c r="HB3205" s="91"/>
      <c r="HC3205" s="91"/>
      <c r="HD3205" s="91"/>
      <c r="HE3205" s="91"/>
      <c r="HF3205" s="91"/>
      <c r="HG3205" s="91"/>
      <c r="HH3205" s="91"/>
      <c r="HI3205" s="91"/>
      <c r="HJ3205" s="91"/>
      <c r="HK3205" s="127"/>
      <c r="HL3205" s="126"/>
      <c r="HM3205" s="91"/>
      <c r="HN3205" s="91"/>
      <c r="HO3205" s="91"/>
      <c r="HP3205" s="91"/>
      <c r="HQ3205" s="91"/>
      <c r="HR3205" s="91"/>
      <c r="HS3205" s="91"/>
      <c r="HT3205" s="91"/>
      <c r="HU3205" s="91"/>
      <c r="HV3205" s="91"/>
      <c r="HW3205" s="91"/>
      <c r="HX3205" s="127"/>
      <c r="HY3205" s="126"/>
      <c r="HZ3205" s="91"/>
      <c r="IA3205" s="91"/>
      <c r="IB3205" s="91"/>
      <c r="IC3205" s="91"/>
      <c r="ID3205" s="91"/>
      <c r="IE3205" s="91"/>
      <c r="IF3205" s="91"/>
      <c r="IG3205" s="91"/>
      <c r="IH3205" s="91"/>
      <c r="II3205" s="91"/>
      <c r="IJ3205" s="91"/>
      <c r="IK3205" s="174"/>
    </row>
    <row r="3206" spans="2:245" x14ac:dyDescent="0.2">
      <c r="B3206" s="43"/>
      <c r="C3206" s="73"/>
      <c r="D3206" s="64"/>
      <c r="E3206" s="64"/>
      <c r="F3206" s="55"/>
      <c r="G3206" s="102"/>
      <c r="H3206" s="97"/>
      <c r="T3206" s="98"/>
      <c r="U3206" s="97"/>
      <c r="AG3206" s="98"/>
      <c r="AY3206" s="164"/>
      <c r="BK3206" s="98"/>
      <c r="BL3206" s="97"/>
      <c r="BX3206" s="98"/>
      <c r="CL3206" s="97"/>
      <c r="CX3206" s="98"/>
      <c r="DL3206" s="97"/>
      <c r="DX3206" s="98"/>
      <c r="EL3206" s="97"/>
      <c r="EX3206" s="98"/>
      <c r="EY3206" s="97"/>
      <c r="FL3206" s="126"/>
      <c r="FM3206" s="91"/>
      <c r="FN3206" s="91"/>
      <c r="FO3206" s="91"/>
      <c r="FP3206" s="91"/>
      <c r="FQ3206" s="91"/>
      <c r="FR3206" s="91"/>
      <c r="FS3206" s="91"/>
      <c r="FT3206" s="91"/>
      <c r="FU3206" s="91"/>
      <c r="FV3206" s="91"/>
      <c r="FW3206" s="91"/>
      <c r="FX3206" s="127"/>
      <c r="FY3206" s="126"/>
      <c r="FZ3206" s="91"/>
      <c r="GA3206" s="91"/>
      <c r="GB3206" s="91"/>
      <c r="GC3206" s="91"/>
      <c r="GD3206" s="91"/>
      <c r="GE3206" s="91"/>
      <c r="GF3206" s="91"/>
      <c r="GG3206" s="91"/>
      <c r="GH3206" s="91"/>
      <c r="GI3206" s="91"/>
      <c r="GJ3206" s="91"/>
      <c r="GK3206" s="127"/>
      <c r="GL3206" s="126"/>
      <c r="GM3206" s="91"/>
      <c r="GN3206" s="91"/>
      <c r="GO3206" s="91"/>
      <c r="GP3206" s="91"/>
      <c r="GQ3206" s="91"/>
      <c r="GR3206" s="91"/>
      <c r="GS3206" s="91"/>
      <c r="GT3206" s="91"/>
      <c r="GU3206" s="91"/>
      <c r="GV3206" s="91"/>
      <c r="GW3206" s="91"/>
      <c r="GX3206" s="127"/>
      <c r="GY3206" s="126"/>
      <c r="GZ3206" s="91"/>
      <c r="HA3206" s="91"/>
      <c r="HB3206" s="91"/>
      <c r="HC3206" s="91"/>
      <c r="HD3206" s="91"/>
      <c r="HE3206" s="91"/>
      <c r="HF3206" s="91"/>
      <c r="HG3206" s="91"/>
      <c r="HH3206" s="91"/>
      <c r="HI3206" s="91"/>
      <c r="HJ3206" s="91"/>
      <c r="HK3206" s="127"/>
      <c r="HL3206" s="126"/>
      <c r="HM3206" s="91"/>
      <c r="HN3206" s="91"/>
      <c r="HO3206" s="91"/>
      <c r="HP3206" s="91"/>
      <c r="HQ3206" s="91"/>
      <c r="HR3206" s="91"/>
      <c r="HS3206" s="91"/>
      <c r="HT3206" s="91"/>
      <c r="HU3206" s="91"/>
      <c r="HV3206" s="91"/>
      <c r="HW3206" s="91"/>
      <c r="HX3206" s="127"/>
      <c r="HY3206" s="126"/>
      <c r="HZ3206" s="91"/>
      <c r="IA3206" s="91"/>
      <c r="IB3206" s="91"/>
      <c r="IC3206" s="91"/>
      <c r="ID3206" s="91"/>
      <c r="IE3206" s="91"/>
      <c r="IF3206" s="91"/>
      <c r="IG3206" s="91"/>
      <c r="IH3206" s="91"/>
      <c r="II3206" s="91"/>
      <c r="IJ3206" s="91"/>
      <c r="IK3206" s="174"/>
    </row>
    <row r="3207" spans="2:245" x14ac:dyDescent="0.2">
      <c r="B3207" s="43"/>
      <c r="C3207" s="73"/>
      <c r="D3207" s="64"/>
      <c r="E3207" s="64"/>
      <c r="F3207" s="55"/>
      <c r="G3207" s="102"/>
      <c r="H3207" s="97"/>
      <c r="T3207" s="98"/>
      <c r="U3207" s="97"/>
      <c r="AG3207" s="98"/>
      <c r="AY3207" s="164"/>
      <c r="BK3207" s="98"/>
      <c r="BL3207" s="97"/>
      <c r="BX3207" s="98"/>
      <c r="CL3207" s="97"/>
      <c r="CX3207" s="98"/>
      <c r="DL3207" s="97"/>
      <c r="DX3207" s="98"/>
      <c r="EL3207" s="97"/>
      <c r="EX3207" s="98"/>
      <c r="EY3207" s="97"/>
      <c r="FL3207" s="126"/>
      <c r="FM3207" s="91"/>
      <c r="FN3207" s="91"/>
      <c r="FO3207" s="91"/>
      <c r="FP3207" s="91"/>
      <c r="FQ3207" s="91"/>
      <c r="FR3207" s="91"/>
      <c r="FS3207" s="91"/>
      <c r="FT3207" s="91"/>
      <c r="FU3207" s="91"/>
      <c r="FV3207" s="91"/>
      <c r="FW3207" s="91"/>
      <c r="FX3207" s="127"/>
      <c r="FY3207" s="126"/>
      <c r="FZ3207" s="91"/>
      <c r="GA3207" s="91"/>
      <c r="GB3207" s="91"/>
      <c r="GC3207" s="91"/>
      <c r="GD3207" s="91"/>
      <c r="GE3207" s="91"/>
      <c r="GF3207" s="91"/>
      <c r="GG3207" s="91"/>
      <c r="GH3207" s="91"/>
      <c r="GI3207" s="91"/>
      <c r="GJ3207" s="91"/>
      <c r="GK3207" s="127"/>
      <c r="GL3207" s="126"/>
      <c r="GM3207" s="91"/>
      <c r="GN3207" s="91"/>
      <c r="GO3207" s="91"/>
      <c r="GP3207" s="91"/>
      <c r="GQ3207" s="91"/>
      <c r="GR3207" s="91"/>
      <c r="GS3207" s="91"/>
      <c r="GT3207" s="91"/>
      <c r="GU3207" s="91"/>
      <c r="GV3207" s="91"/>
      <c r="GW3207" s="91"/>
      <c r="GX3207" s="127"/>
      <c r="GY3207" s="126"/>
      <c r="GZ3207" s="91"/>
      <c r="HA3207" s="91"/>
      <c r="HB3207" s="91"/>
      <c r="HC3207" s="91"/>
      <c r="HD3207" s="91"/>
      <c r="HE3207" s="91"/>
      <c r="HF3207" s="91"/>
      <c r="HG3207" s="91"/>
      <c r="HH3207" s="91"/>
      <c r="HI3207" s="91"/>
      <c r="HJ3207" s="91"/>
      <c r="HK3207" s="127"/>
      <c r="HL3207" s="126"/>
      <c r="HM3207" s="91"/>
      <c r="HN3207" s="91"/>
      <c r="HO3207" s="91"/>
      <c r="HP3207" s="91"/>
      <c r="HQ3207" s="91"/>
      <c r="HR3207" s="91"/>
      <c r="HS3207" s="91"/>
      <c r="HT3207" s="91"/>
      <c r="HU3207" s="91"/>
      <c r="HV3207" s="91"/>
      <c r="HW3207" s="91"/>
      <c r="HX3207" s="127"/>
      <c r="HY3207" s="126"/>
      <c r="HZ3207" s="91"/>
      <c r="IA3207" s="91"/>
      <c r="IB3207" s="91"/>
      <c r="IC3207" s="91"/>
      <c r="ID3207" s="91"/>
      <c r="IE3207" s="91"/>
      <c r="IF3207" s="91"/>
      <c r="IG3207" s="91"/>
      <c r="IH3207" s="91"/>
      <c r="II3207" s="91"/>
      <c r="IJ3207" s="91"/>
      <c r="IK3207" s="174"/>
    </row>
    <row r="3208" spans="2:245" x14ac:dyDescent="0.2">
      <c r="B3208" s="43"/>
      <c r="C3208" s="73"/>
      <c r="D3208" s="64"/>
      <c r="E3208" s="64"/>
      <c r="F3208" s="55"/>
      <c r="G3208" s="102"/>
      <c r="H3208" s="97"/>
      <c r="T3208" s="98"/>
      <c r="U3208" s="97"/>
      <c r="AG3208" s="98"/>
      <c r="AY3208" s="164"/>
      <c r="BK3208" s="98"/>
      <c r="BL3208" s="97"/>
      <c r="BX3208" s="98"/>
      <c r="CL3208" s="97"/>
      <c r="CX3208" s="98"/>
      <c r="DL3208" s="97"/>
      <c r="DX3208" s="98"/>
      <c r="EL3208" s="97"/>
      <c r="EX3208" s="98"/>
      <c r="EY3208" s="97"/>
      <c r="FL3208" s="126"/>
      <c r="FM3208" s="91"/>
      <c r="FN3208" s="91"/>
      <c r="FO3208" s="91"/>
      <c r="FP3208" s="91"/>
      <c r="FQ3208" s="91"/>
      <c r="FR3208" s="91"/>
      <c r="FS3208" s="91"/>
      <c r="FT3208" s="91"/>
      <c r="FU3208" s="91"/>
      <c r="FV3208" s="91"/>
      <c r="FW3208" s="91"/>
      <c r="FX3208" s="127"/>
      <c r="FY3208" s="126"/>
      <c r="FZ3208" s="91"/>
      <c r="GA3208" s="91"/>
      <c r="GB3208" s="91"/>
      <c r="GC3208" s="91"/>
      <c r="GD3208" s="91"/>
      <c r="GE3208" s="91"/>
      <c r="GF3208" s="91"/>
      <c r="GG3208" s="91"/>
      <c r="GH3208" s="91"/>
      <c r="GI3208" s="91"/>
      <c r="GJ3208" s="91"/>
      <c r="GK3208" s="127"/>
      <c r="GL3208" s="126"/>
      <c r="GM3208" s="91"/>
      <c r="GN3208" s="91"/>
      <c r="GO3208" s="91"/>
      <c r="GP3208" s="91"/>
      <c r="GQ3208" s="91"/>
      <c r="GR3208" s="91"/>
      <c r="GS3208" s="91"/>
      <c r="GT3208" s="91"/>
      <c r="GU3208" s="91"/>
      <c r="GV3208" s="91"/>
      <c r="GW3208" s="91"/>
      <c r="GX3208" s="127"/>
      <c r="GY3208" s="126"/>
      <c r="GZ3208" s="91"/>
      <c r="HA3208" s="91"/>
      <c r="HB3208" s="91"/>
      <c r="HC3208" s="91"/>
      <c r="HD3208" s="91"/>
      <c r="HE3208" s="91"/>
      <c r="HF3208" s="91"/>
      <c r="HG3208" s="91"/>
      <c r="HH3208" s="91"/>
      <c r="HI3208" s="91"/>
      <c r="HJ3208" s="91"/>
      <c r="HK3208" s="127"/>
      <c r="HL3208" s="126"/>
      <c r="HM3208" s="91"/>
      <c r="HN3208" s="91"/>
      <c r="HO3208" s="91"/>
      <c r="HP3208" s="91"/>
      <c r="HQ3208" s="91"/>
      <c r="HR3208" s="91"/>
      <c r="HS3208" s="91"/>
      <c r="HT3208" s="91"/>
      <c r="HU3208" s="91"/>
      <c r="HV3208" s="91"/>
      <c r="HW3208" s="91"/>
      <c r="HX3208" s="127"/>
      <c r="HY3208" s="126"/>
      <c r="HZ3208" s="91"/>
      <c r="IA3208" s="91"/>
      <c r="IB3208" s="91"/>
      <c r="IC3208" s="91"/>
      <c r="ID3208" s="91"/>
      <c r="IE3208" s="91"/>
      <c r="IF3208" s="91"/>
      <c r="IG3208" s="91"/>
      <c r="IH3208" s="91"/>
      <c r="II3208" s="91"/>
      <c r="IJ3208" s="91"/>
      <c r="IK3208" s="174"/>
    </row>
    <row r="3209" spans="2:245" x14ac:dyDescent="0.2">
      <c r="B3209" s="43"/>
      <c r="C3209" s="73"/>
      <c r="D3209" s="64"/>
      <c r="E3209" s="64"/>
      <c r="F3209" s="55"/>
      <c r="G3209" s="102"/>
      <c r="H3209" s="97"/>
      <c r="T3209" s="98"/>
      <c r="U3209" s="97"/>
      <c r="AG3209" s="98"/>
      <c r="AY3209" s="164"/>
      <c r="BK3209" s="98"/>
      <c r="BL3209" s="97"/>
      <c r="BX3209" s="98"/>
      <c r="CL3209" s="97"/>
      <c r="CX3209" s="98"/>
      <c r="DL3209" s="97"/>
      <c r="DX3209" s="98"/>
      <c r="EL3209" s="97"/>
      <c r="EX3209" s="98"/>
      <c r="EY3209" s="97"/>
      <c r="FL3209" s="126"/>
      <c r="FM3209" s="91"/>
      <c r="FN3209" s="91"/>
      <c r="FO3209" s="91"/>
      <c r="FP3209" s="91"/>
      <c r="FQ3209" s="91"/>
      <c r="FR3209" s="91"/>
      <c r="FS3209" s="91"/>
      <c r="FT3209" s="91"/>
      <c r="FU3209" s="91"/>
      <c r="FV3209" s="91"/>
      <c r="FW3209" s="91"/>
      <c r="FX3209" s="127"/>
      <c r="FY3209" s="126"/>
      <c r="FZ3209" s="91"/>
      <c r="GA3209" s="91"/>
      <c r="GB3209" s="91"/>
      <c r="GC3209" s="91"/>
      <c r="GD3209" s="91"/>
      <c r="GE3209" s="91"/>
      <c r="GF3209" s="91"/>
      <c r="GG3209" s="91"/>
      <c r="GH3209" s="91"/>
      <c r="GI3209" s="91"/>
      <c r="GJ3209" s="91"/>
      <c r="GK3209" s="127"/>
      <c r="GL3209" s="126"/>
      <c r="GM3209" s="91"/>
      <c r="GN3209" s="91"/>
      <c r="GO3209" s="91"/>
      <c r="GP3209" s="91"/>
      <c r="GQ3209" s="91"/>
      <c r="GR3209" s="91"/>
      <c r="GS3209" s="91"/>
      <c r="GT3209" s="91"/>
      <c r="GU3209" s="91"/>
      <c r="GV3209" s="91"/>
      <c r="GW3209" s="91"/>
      <c r="GX3209" s="127"/>
      <c r="GY3209" s="126"/>
      <c r="GZ3209" s="91"/>
      <c r="HA3209" s="91"/>
      <c r="HB3209" s="91"/>
      <c r="HC3209" s="91"/>
      <c r="HD3209" s="91"/>
      <c r="HE3209" s="91"/>
      <c r="HF3209" s="91"/>
      <c r="HG3209" s="91"/>
      <c r="HH3209" s="91"/>
      <c r="HI3209" s="91"/>
      <c r="HJ3209" s="91"/>
      <c r="HK3209" s="127"/>
      <c r="HL3209" s="126"/>
      <c r="HM3209" s="91"/>
      <c r="HN3209" s="91"/>
      <c r="HO3209" s="91"/>
      <c r="HP3209" s="91"/>
      <c r="HQ3209" s="91"/>
      <c r="HR3209" s="91"/>
      <c r="HS3209" s="91"/>
      <c r="HT3209" s="91"/>
      <c r="HU3209" s="91"/>
      <c r="HV3209" s="91"/>
      <c r="HW3209" s="91"/>
      <c r="HX3209" s="127"/>
      <c r="HY3209" s="126"/>
      <c r="HZ3209" s="91"/>
      <c r="IA3209" s="91"/>
      <c r="IB3209" s="91"/>
      <c r="IC3209" s="91"/>
      <c r="ID3209" s="91"/>
      <c r="IE3209" s="91"/>
      <c r="IF3209" s="91"/>
      <c r="IG3209" s="91"/>
      <c r="IH3209" s="91"/>
      <c r="II3209" s="91"/>
      <c r="IJ3209" s="91"/>
      <c r="IK3209" s="174"/>
    </row>
    <row r="3210" spans="2:245" x14ac:dyDescent="0.2">
      <c r="B3210" s="43"/>
      <c r="C3210" s="73"/>
      <c r="D3210" s="64"/>
      <c r="E3210" s="64"/>
      <c r="F3210" s="55"/>
      <c r="G3210" s="102"/>
      <c r="H3210" s="97"/>
      <c r="T3210" s="98"/>
      <c r="U3210" s="97"/>
      <c r="AG3210" s="98"/>
      <c r="AY3210" s="164"/>
      <c r="BK3210" s="98"/>
      <c r="BL3210" s="97"/>
      <c r="BX3210" s="98"/>
      <c r="CL3210" s="97"/>
      <c r="CX3210" s="98"/>
      <c r="DL3210" s="97"/>
      <c r="DX3210" s="98"/>
      <c r="EL3210" s="97"/>
      <c r="EX3210" s="98"/>
      <c r="EY3210" s="97"/>
      <c r="FL3210" s="126"/>
      <c r="FM3210" s="91"/>
      <c r="FN3210" s="91"/>
      <c r="FO3210" s="91"/>
      <c r="FP3210" s="91"/>
      <c r="FQ3210" s="91"/>
      <c r="FR3210" s="91"/>
      <c r="FS3210" s="91"/>
      <c r="FT3210" s="91"/>
      <c r="FU3210" s="91"/>
      <c r="FV3210" s="91"/>
      <c r="FW3210" s="91"/>
      <c r="FX3210" s="127"/>
      <c r="FY3210" s="126"/>
      <c r="FZ3210" s="91"/>
      <c r="GA3210" s="91"/>
      <c r="GB3210" s="91"/>
      <c r="GC3210" s="91"/>
      <c r="GD3210" s="91"/>
      <c r="GE3210" s="91"/>
      <c r="GF3210" s="91"/>
      <c r="GG3210" s="91"/>
      <c r="GH3210" s="91"/>
      <c r="GI3210" s="91"/>
      <c r="GJ3210" s="91"/>
      <c r="GK3210" s="127"/>
      <c r="GL3210" s="126"/>
      <c r="GM3210" s="91"/>
      <c r="GN3210" s="91"/>
      <c r="GO3210" s="91"/>
      <c r="GP3210" s="91"/>
      <c r="GQ3210" s="91"/>
      <c r="GR3210" s="91"/>
      <c r="GS3210" s="91"/>
      <c r="GT3210" s="91"/>
      <c r="GU3210" s="91"/>
      <c r="GV3210" s="91"/>
      <c r="GW3210" s="91"/>
      <c r="GX3210" s="127"/>
      <c r="GY3210" s="126"/>
      <c r="GZ3210" s="91"/>
      <c r="HA3210" s="91"/>
      <c r="HB3210" s="91"/>
      <c r="HC3210" s="91"/>
      <c r="HD3210" s="91"/>
      <c r="HE3210" s="91"/>
      <c r="HF3210" s="91"/>
      <c r="HG3210" s="91"/>
      <c r="HH3210" s="91"/>
      <c r="HI3210" s="91"/>
      <c r="HJ3210" s="91"/>
      <c r="HK3210" s="127"/>
      <c r="HL3210" s="126"/>
      <c r="HM3210" s="91"/>
      <c r="HN3210" s="91"/>
      <c r="HO3210" s="91"/>
      <c r="HP3210" s="91"/>
      <c r="HQ3210" s="91"/>
      <c r="HR3210" s="91"/>
      <c r="HS3210" s="91"/>
      <c r="HT3210" s="91"/>
      <c r="HU3210" s="91"/>
      <c r="HV3210" s="91"/>
      <c r="HW3210" s="91"/>
      <c r="HX3210" s="127"/>
      <c r="HY3210" s="126"/>
      <c r="HZ3210" s="91"/>
      <c r="IA3210" s="91"/>
      <c r="IB3210" s="91"/>
      <c r="IC3210" s="91"/>
      <c r="ID3210" s="91"/>
      <c r="IE3210" s="91"/>
      <c r="IF3210" s="91"/>
      <c r="IG3210" s="91"/>
      <c r="IH3210" s="91"/>
      <c r="II3210" s="91"/>
      <c r="IJ3210" s="91"/>
      <c r="IK3210" s="174"/>
    </row>
    <row r="3211" spans="2:245" x14ac:dyDescent="0.2">
      <c r="B3211" s="43"/>
      <c r="C3211" s="73"/>
      <c r="D3211" s="64"/>
      <c r="E3211" s="64"/>
      <c r="F3211" s="55"/>
      <c r="G3211" s="102"/>
      <c r="H3211" s="97"/>
      <c r="T3211" s="98"/>
      <c r="U3211" s="97"/>
      <c r="AG3211" s="98"/>
      <c r="AY3211" s="164"/>
      <c r="BK3211" s="98"/>
      <c r="BL3211" s="97"/>
      <c r="BX3211" s="98"/>
      <c r="CL3211" s="97"/>
      <c r="CX3211" s="98"/>
      <c r="DL3211" s="97"/>
      <c r="DX3211" s="98"/>
      <c r="EL3211" s="97"/>
      <c r="EX3211" s="98"/>
      <c r="EY3211" s="97"/>
      <c r="FL3211" s="126"/>
      <c r="FM3211" s="91"/>
      <c r="FN3211" s="91"/>
      <c r="FO3211" s="91"/>
      <c r="FP3211" s="91"/>
      <c r="FQ3211" s="91"/>
      <c r="FR3211" s="91"/>
      <c r="FS3211" s="91"/>
      <c r="FT3211" s="91"/>
      <c r="FU3211" s="91"/>
      <c r="FV3211" s="91"/>
      <c r="FW3211" s="91"/>
      <c r="FX3211" s="127"/>
      <c r="FY3211" s="126"/>
      <c r="FZ3211" s="91"/>
      <c r="GA3211" s="91"/>
      <c r="GB3211" s="91"/>
      <c r="GC3211" s="91"/>
      <c r="GD3211" s="91"/>
      <c r="GE3211" s="91"/>
      <c r="GF3211" s="91"/>
      <c r="GG3211" s="91"/>
      <c r="GH3211" s="91"/>
      <c r="GI3211" s="91"/>
      <c r="GJ3211" s="91"/>
      <c r="GK3211" s="127"/>
      <c r="GL3211" s="126"/>
      <c r="GM3211" s="91"/>
      <c r="GN3211" s="91"/>
      <c r="GO3211" s="91"/>
      <c r="GP3211" s="91"/>
      <c r="GQ3211" s="91"/>
      <c r="GR3211" s="91"/>
      <c r="GS3211" s="91"/>
      <c r="GT3211" s="91"/>
      <c r="GU3211" s="91"/>
      <c r="GV3211" s="91"/>
      <c r="GW3211" s="91"/>
      <c r="GX3211" s="127"/>
      <c r="GY3211" s="126"/>
      <c r="GZ3211" s="91"/>
      <c r="HA3211" s="91"/>
      <c r="HB3211" s="91"/>
      <c r="HC3211" s="91"/>
      <c r="HD3211" s="91"/>
      <c r="HE3211" s="91"/>
      <c r="HF3211" s="91"/>
      <c r="HG3211" s="91"/>
      <c r="HH3211" s="91"/>
      <c r="HI3211" s="91"/>
      <c r="HJ3211" s="91"/>
      <c r="HK3211" s="127"/>
      <c r="HL3211" s="126"/>
      <c r="HM3211" s="91"/>
      <c r="HN3211" s="91"/>
      <c r="HO3211" s="91"/>
      <c r="HP3211" s="91"/>
      <c r="HQ3211" s="91"/>
      <c r="HR3211" s="91"/>
      <c r="HS3211" s="91"/>
      <c r="HT3211" s="91"/>
      <c r="HU3211" s="91"/>
      <c r="HV3211" s="91"/>
      <c r="HW3211" s="91"/>
      <c r="HX3211" s="127"/>
      <c r="HY3211" s="126"/>
      <c r="HZ3211" s="91"/>
      <c r="IA3211" s="91"/>
      <c r="IB3211" s="91"/>
      <c r="IC3211" s="91"/>
      <c r="ID3211" s="91"/>
      <c r="IE3211" s="91"/>
      <c r="IF3211" s="91"/>
      <c r="IG3211" s="91"/>
      <c r="IH3211" s="91"/>
      <c r="II3211" s="91"/>
      <c r="IJ3211" s="91"/>
      <c r="IK3211" s="174"/>
    </row>
    <row r="3212" spans="2:245" x14ac:dyDescent="0.2">
      <c r="B3212" s="43"/>
      <c r="C3212" s="73"/>
      <c r="D3212" s="64"/>
      <c r="E3212" s="64"/>
      <c r="F3212" s="55"/>
      <c r="G3212" s="102"/>
      <c r="H3212" s="97"/>
      <c r="T3212" s="98"/>
      <c r="U3212" s="97"/>
      <c r="AG3212" s="98"/>
      <c r="AY3212" s="164"/>
      <c r="BK3212" s="98"/>
      <c r="BL3212" s="97"/>
      <c r="BX3212" s="98"/>
      <c r="CL3212" s="97"/>
      <c r="CX3212" s="98"/>
      <c r="DL3212" s="97"/>
      <c r="DX3212" s="98"/>
      <c r="EL3212" s="97"/>
      <c r="EX3212" s="98"/>
      <c r="EY3212" s="97"/>
      <c r="FL3212" s="126"/>
      <c r="FM3212" s="91"/>
      <c r="FN3212" s="91"/>
      <c r="FO3212" s="91"/>
      <c r="FP3212" s="91"/>
      <c r="FQ3212" s="91"/>
      <c r="FR3212" s="91"/>
      <c r="FS3212" s="91"/>
      <c r="FT3212" s="91"/>
      <c r="FU3212" s="91"/>
      <c r="FV3212" s="91"/>
      <c r="FW3212" s="91"/>
      <c r="FX3212" s="127"/>
      <c r="FY3212" s="126"/>
      <c r="FZ3212" s="91"/>
      <c r="GA3212" s="91"/>
      <c r="GB3212" s="91"/>
      <c r="GC3212" s="91"/>
      <c r="GD3212" s="91"/>
      <c r="GE3212" s="91"/>
      <c r="GF3212" s="91"/>
      <c r="GG3212" s="91"/>
      <c r="GH3212" s="91"/>
      <c r="GI3212" s="91"/>
      <c r="GJ3212" s="91"/>
      <c r="GK3212" s="127"/>
      <c r="GL3212" s="126"/>
      <c r="GM3212" s="91"/>
      <c r="GN3212" s="91"/>
      <c r="GO3212" s="91"/>
      <c r="GP3212" s="91"/>
      <c r="GQ3212" s="91"/>
      <c r="GR3212" s="91"/>
      <c r="GS3212" s="91"/>
      <c r="GT3212" s="91"/>
      <c r="GU3212" s="91"/>
      <c r="GV3212" s="91"/>
      <c r="GW3212" s="91"/>
      <c r="GX3212" s="127"/>
      <c r="GY3212" s="126"/>
      <c r="GZ3212" s="91"/>
      <c r="HA3212" s="91"/>
      <c r="HB3212" s="91"/>
      <c r="HC3212" s="91"/>
      <c r="HD3212" s="91"/>
      <c r="HE3212" s="91"/>
      <c r="HF3212" s="91"/>
      <c r="HG3212" s="91"/>
      <c r="HH3212" s="91"/>
      <c r="HI3212" s="91"/>
      <c r="HJ3212" s="91"/>
      <c r="HK3212" s="127"/>
      <c r="HL3212" s="126"/>
      <c r="HM3212" s="91"/>
      <c r="HN3212" s="91"/>
      <c r="HO3212" s="91"/>
      <c r="HP3212" s="91"/>
      <c r="HQ3212" s="91"/>
      <c r="HR3212" s="91"/>
      <c r="HS3212" s="91"/>
      <c r="HT3212" s="91"/>
      <c r="HU3212" s="91"/>
      <c r="HV3212" s="91"/>
      <c r="HW3212" s="91"/>
      <c r="HX3212" s="127"/>
      <c r="HY3212" s="126"/>
      <c r="HZ3212" s="91"/>
      <c r="IA3212" s="91"/>
      <c r="IB3212" s="91"/>
      <c r="IC3212" s="91"/>
      <c r="ID3212" s="91"/>
      <c r="IE3212" s="91"/>
      <c r="IF3212" s="91"/>
      <c r="IG3212" s="91"/>
      <c r="IH3212" s="91"/>
      <c r="II3212" s="91"/>
      <c r="IJ3212" s="91"/>
      <c r="IK3212" s="174"/>
    </row>
    <row r="3213" spans="2:245" x14ac:dyDescent="0.2">
      <c r="B3213" s="43"/>
      <c r="C3213" s="73"/>
      <c r="D3213" s="64"/>
      <c r="E3213" s="64"/>
      <c r="F3213" s="55"/>
      <c r="G3213" s="102"/>
      <c r="H3213" s="97"/>
      <c r="T3213" s="98"/>
      <c r="U3213" s="97"/>
      <c r="AG3213" s="98"/>
      <c r="AY3213" s="164"/>
      <c r="BK3213" s="98"/>
      <c r="BL3213" s="97"/>
      <c r="BX3213" s="98"/>
      <c r="CL3213" s="97"/>
      <c r="CX3213" s="98"/>
      <c r="DL3213" s="97"/>
      <c r="DX3213" s="98"/>
      <c r="EL3213" s="97"/>
      <c r="EX3213" s="98"/>
      <c r="EY3213" s="97"/>
      <c r="FL3213" s="126"/>
      <c r="FM3213" s="91"/>
      <c r="FN3213" s="91"/>
      <c r="FO3213" s="91"/>
      <c r="FP3213" s="91"/>
      <c r="FQ3213" s="91"/>
      <c r="FR3213" s="91"/>
      <c r="FS3213" s="91"/>
      <c r="FT3213" s="91"/>
      <c r="FU3213" s="91"/>
      <c r="FV3213" s="91"/>
      <c r="FW3213" s="91"/>
      <c r="FX3213" s="127"/>
      <c r="FY3213" s="126"/>
      <c r="FZ3213" s="91"/>
      <c r="GA3213" s="91"/>
      <c r="GB3213" s="91"/>
      <c r="GC3213" s="91"/>
      <c r="GD3213" s="91"/>
      <c r="GE3213" s="91"/>
      <c r="GF3213" s="91"/>
      <c r="GG3213" s="91"/>
      <c r="GH3213" s="91"/>
      <c r="GI3213" s="91"/>
      <c r="GJ3213" s="91"/>
      <c r="GK3213" s="127"/>
      <c r="GL3213" s="126"/>
      <c r="GM3213" s="91"/>
      <c r="GN3213" s="91"/>
      <c r="GO3213" s="91"/>
      <c r="GP3213" s="91"/>
      <c r="GQ3213" s="91"/>
      <c r="GR3213" s="91"/>
      <c r="GS3213" s="91"/>
      <c r="GT3213" s="91"/>
      <c r="GU3213" s="91"/>
      <c r="GV3213" s="91"/>
      <c r="GW3213" s="91"/>
      <c r="GX3213" s="127"/>
      <c r="GY3213" s="126"/>
      <c r="GZ3213" s="91"/>
      <c r="HA3213" s="91"/>
      <c r="HB3213" s="91"/>
      <c r="HC3213" s="91"/>
      <c r="HD3213" s="91"/>
      <c r="HE3213" s="91"/>
      <c r="HF3213" s="91"/>
      <c r="HG3213" s="91"/>
      <c r="HH3213" s="91"/>
      <c r="HI3213" s="91"/>
      <c r="HJ3213" s="91"/>
      <c r="HK3213" s="127"/>
      <c r="HL3213" s="126"/>
      <c r="HM3213" s="91"/>
      <c r="HN3213" s="91"/>
      <c r="HO3213" s="91"/>
      <c r="HP3213" s="91"/>
      <c r="HQ3213" s="91"/>
      <c r="HR3213" s="91"/>
      <c r="HS3213" s="91"/>
      <c r="HT3213" s="91"/>
      <c r="HU3213" s="91"/>
      <c r="HV3213" s="91"/>
      <c r="HW3213" s="91"/>
      <c r="HX3213" s="127"/>
      <c r="HY3213" s="126"/>
      <c r="HZ3213" s="91"/>
      <c r="IA3213" s="91"/>
      <c r="IB3213" s="91"/>
      <c r="IC3213" s="91"/>
      <c r="ID3213" s="91"/>
      <c r="IE3213" s="91"/>
      <c r="IF3213" s="91"/>
      <c r="IG3213" s="91"/>
      <c r="IH3213" s="91"/>
      <c r="II3213" s="91"/>
      <c r="IJ3213" s="91"/>
      <c r="IK3213" s="174"/>
    </row>
    <row r="3214" spans="2:245" x14ac:dyDescent="0.2">
      <c r="B3214" s="43"/>
      <c r="C3214" s="73"/>
      <c r="D3214" s="64"/>
      <c r="E3214" s="64"/>
      <c r="F3214" s="55"/>
      <c r="G3214" s="102"/>
      <c r="H3214" s="97"/>
      <c r="T3214" s="98"/>
      <c r="U3214" s="97"/>
      <c r="AG3214" s="98"/>
      <c r="AY3214" s="164"/>
      <c r="BK3214" s="98"/>
      <c r="BL3214" s="97"/>
      <c r="BX3214" s="98"/>
      <c r="CL3214" s="97"/>
      <c r="CX3214" s="98"/>
      <c r="DL3214" s="97"/>
      <c r="DX3214" s="98"/>
      <c r="EL3214" s="97"/>
      <c r="EX3214" s="98"/>
      <c r="EY3214" s="97"/>
      <c r="FL3214" s="126"/>
      <c r="FM3214" s="91"/>
      <c r="FN3214" s="91"/>
      <c r="FO3214" s="91"/>
      <c r="FP3214" s="91"/>
      <c r="FQ3214" s="91"/>
      <c r="FR3214" s="91"/>
      <c r="FS3214" s="91"/>
      <c r="FT3214" s="91"/>
      <c r="FU3214" s="91"/>
      <c r="FV3214" s="91"/>
      <c r="FW3214" s="91"/>
      <c r="FX3214" s="127"/>
      <c r="FY3214" s="126"/>
      <c r="FZ3214" s="91"/>
      <c r="GA3214" s="91"/>
      <c r="GB3214" s="91"/>
      <c r="GC3214" s="91"/>
      <c r="GD3214" s="91"/>
      <c r="GE3214" s="91"/>
      <c r="GF3214" s="91"/>
      <c r="GG3214" s="91"/>
      <c r="GH3214" s="91"/>
      <c r="GI3214" s="91"/>
      <c r="GJ3214" s="91"/>
      <c r="GK3214" s="127"/>
      <c r="GL3214" s="126"/>
      <c r="GM3214" s="91"/>
      <c r="GN3214" s="91"/>
      <c r="GO3214" s="91"/>
      <c r="GP3214" s="91"/>
      <c r="GQ3214" s="91"/>
      <c r="GR3214" s="91"/>
      <c r="GS3214" s="91"/>
      <c r="GT3214" s="91"/>
      <c r="GU3214" s="91"/>
      <c r="GV3214" s="91"/>
      <c r="GW3214" s="91"/>
      <c r="GX3214" s="127"/>
      <c r="GY3214" s="126"/>
      <c r="GZ3214" s="91"/>
      <c r="HA3214" s="91"/>
      <c r="HB3214" s="91"/>
      <c r="HC3214" s="91"/>
      <c r="HD3214" s="91"/>
      <c r="HE3214" s="91"/>
      <c r="HF3214" s="91"/>
      <c r="HG3214" s="91"/>
      <c r="HH3214" s="91"/>
      <c r="HI3214" s="91"/>
      <c r="HJ3214" s="91"/>
      <c r="HK3214" s="127"/>
      <c r="HL3214" s="126"/>
      <c r="HM3214" s="91"/>
      <c r="HN3214" s="91"/>
      <c r="HO3214" s="91"/>
      <c r="HP3214" s="91"/>
      <c r="HQ3214" s="91"/>
      <c r="HR3214" s="91"/>
      <c r="HS3214" s="91"/>
      <c r="HT3214" s="91"/>
      <c r="HU3214" s="91"/>
      <c r="HV3214" s="91"/>
      <c r="HW3214" s="91"/>
      <c r="HX3214" s="127"/>
      <c r="HY3214" s="126"/>
      <c r="HZ3214" s="91"/>
      <c r="IA3214" s="91"/>
      <c r="IB3214" s="91"/>
      <c r="IC3214" s="91"/>
      <c r="ID3214" s="91"/>
      <c r="IE3214" s="91"/>
      <c r="IF3214" s="91"/>
      <c r="IG3214" s="91"/>
      <c r="IH3214" s="91"/>
      <c r="II3214" s="91"/>
      <c r="IJ3214" s="91"/>
      <c r="IK3214" s="174"/>
    </row>
    <row r="3215" spans="2:245" x14ac:dyDescent="0.2">
      <c r="B3215" s="43"/>
      <c r="C3215" s="73"/>
      <c r="D3215" s="64"/>
      <c r="E3215" s="64"/>
      <c r="F3215" s="55"/>
      <c r="G3215" s="102"/>
      <c r="H3215" s="97"/>
      <c r="T3215" s="98"/>
      <c r="U3215" s="97"/>
      <c r="AG3215" s="98"/>
      <c r="AY3215" s="164"/>
      <c r="BK3215" s="98"/>
      <c r="BL3215" s="97"/>
      <c r="BX3215" s="98"/>
      <c r="CL3215" s="97"/>
      <c r="CX3215" s="98"/>
      <c r="DL3215" s="97"/>
      <c r="DX3215" s="98"/>
      <c r="EL3215" s="97"/>
      <c r="EX3215" s="98"/>
      <c r="EY3215" s="97"/>
      <c r="FL3215" s="126"/>
      <c r="FM3215" s="91"/>
      <c r="FN3215" s="91"/>
      <c r="FO3215" s="91"/>
      <c r="FP3215" s="91"/>
      <c r="FQ3215" s="91"/>
      <c r="FR3215" s="91"/>
      <c r="FS3215" s="91"/>
      <c r="FT3215" s="91"/>
      <c r="FU3215" s="91"/>
      <c r="FV3215" s="91"/>
      <c r="FW3215" s="91"/>
      <c r="FX3215" s="127"/>
      <c r="FY3215" s="126"/>
      <c r="FZ3215" s="91"/>
      <c r="GA3215" s="91"/>
      <c r="GB3215" s="91"/>
      <c r="GC3215" s="91"/>
      <c r="GD3215" s="91"/>
      <c r="GE3215" s="91"/>
      <c r="GF3215" s="91"/>
      <c r="GG3215" s="91"/>
      <c r="GH3215" s="91"/>
      <c r="GI3215" s="91"/>
      <c r="GJ3215" s="91"/>
      <c r="GK3215" s="127"/>
      <c r="GL3215" s="126"/>
      <c r="GM3215" s="91"/>
      <c r="GN3215" s="91"/>
      <c r="GO3215" s="91"/>
      <c r="GP3215" s="91"/>
      <c r="GQ3215" s="91"/>
      <c r="GR3215" s="91"/>
      <c r="GS3215" s="91"/>
      <c r="GT3215" s="91"/>
      <c r="GU3215" s="91"/>
      <c r="GV3215" s="91"/>
      <c r="GW3215" s="91"/>
      <c r="GX3215" s="127"/>
      <c r="GY3215" s="126"/>
      <c r="GZ3215" s="91"/>
      <c r="HA3215" s="91"/>
      <c r="HB3215" s="91"/>
      <c r="HC3215" s="91"/>
      <c r="HD3215" s="91"/>
      <c r="HE3215" s="91"/>
      <c r="HF3215" s="91"/>
      <c r="HG3215" s="91"/>
      <c r="HH3215" s="91"/>
      <c r="HI3215" s="91"/>
      <c r="HJ3215" s="91"/>
      <c r="HK3215" s="127"/>
      <c r="HL3215" s="126"/>
      <c r="HM3215" s="91"/>
      <c r="HN3215" s="91"/>
      <c r="HO3215" s="91"/>
      <c r="HP3215" s="91"/>
      <c r="HQ3215" s="91"/>
      <c r="HR3215" s="91"/>
      <c r="HS3215" s="91"/>
      <c r="HT3215" s="91"/>
      <c r="HU3215" s="91"/>
      <c r="HV3215" s="91"/>
      <c r="HW3215" s="91"/>
      <c r="HX3215" s="127"/>
      <c r="HY3215" s="126"/>
      <c r="HZ3215" s="91"/>
      <c r="IA3215" s="91"/>
      <c r="IB3215" s="91"/>
      <c r="IC3215" s="91"/>
      <c r="ID3215" s="91"/>
      <c r="IE3215" s="91"/>
      <c r="IF3215" s="91"/>
      <c r="IG3215" s="91"/>
      <c r="IH3215" s="91"/>
      <c r="II3215" s="91"/>
      <c r="IJ3215" s="91"/>
      <c r="IK3215" s="174"/>
    </row>
    <row r="3216" spans="2:245" x14ac:dyDescent="0.2">
      <c r="B3216" s="43"/>
      <c r="C3216" s="73"/>
      <c r="D3216" s="64"/>
      <c r="E3216" s="64"/>
      <c r="F3216" s="55"/>
      <c r="G3216" s="102"/>
      <c r="H3216" s="97"/>
      <c r="T3216" s="98"/>
      <c r="U3216" s="97"/>
      <c r="AG3216" s="98"/>
      <c r="AY3216" s="164"/>
      <c r="BK3216" s="98"/>
      <c r="BL3216" s="97"/>
      <c r="BX3216" s="98"/>
      <c r="CL3216" s="97"/>
      <c r="CX3216" s="98"/>
      <c r="DL3216" s="97"/>
      <c r="DX3216" s="98"/>
      <c r="EL3216" s="97"/>
      <c r="EX3216" s="98"/>
      <c r="EY3216" s="97"/>
      <c r="FL3216" s="126"/>
      <c r="FM3216" s="91"/>
      <c r="FN3216" s="91"/>
      <c r="FO3216" s="91"/>
      <c r="FP3216" s="91"/>
      <c r="FQ3216" s="91"/>
      <c r="FR3216" s="91"/>
      <c r="FS3216" s="91"/>
      <c r="FT3216" s="91"/>
      <c r="FU3216" s="91"/>
      <c r="FV3216" s="91"/>
      <c r="FW3216" s="91"/>
      <c r="FX3216" s="127"/>
      <c r="FY3216" s="126"/>
      <c r="FZ3216" s="91"/>
      <c r="GA3216" s="91"/>
      <c r="GB3216" s="91"/>
      <c r="GC3216" s="91"/>
      <c r="GD3216" s="91"/>
      <c r="GE3216" s="91"/>
      <c r="GF3216" s="91"/>
      <c r="GG3216" s="91"/>
      <c r="GH3216" s="91"/>
      <c r="GI3216" s="91"/>
      <c r="GJ3216" s="91"/>
      <c r="GK3216" s="127"/>
      <c r="GL3216" s="126"/>
      <c r="GM3216" s="91"/>
      <c r="GN3216" s="91"/>
      <c r="GO3216" s="91"/>
      <c r="GP3216" s="91"/>
      <c r="GQ3216" s="91"/>
      <c r="GR3216" s="91"/>
      <c r="GS3216" s="91"/>
      <c r="GT3216" s="91"/>
      <c r="GU3216" s="91"/>
      <c r="GV3216" s="91"/>
      <c r="GW3216" s="91"/>
      <c r="GX3216" s="127"/>
      <c r="GY3216" s="126"/>
      <c r="GZ3216" s="91"/>
      <c r="HA3216" s="91"/>
      <c r="HB3216" s="91"/>
      <c r="HC3216" s="91"/>
      <c r="HD3216" s="91"/>
      <c r="HE3216" s="91"/>
      <c r="HF3216" s="91"/>
      <c r="HG3216" s="91"/>
      <c r="HH3216" s="91"/>
      <c r="HI3216" s="91"/>
      <c r="HJ3216" s="91"/>
      <c r="HK3216" s="127"/>
      <c r="HL3216" s="126"/>
      <c r="HM3216" s="91"/>
      <c r="HN3216" s="91"/>
      <c r="HO3216" s="91"/>
      <c r="HP3216" s="91"/>
      <c r="HQ3216" s="91"/>
      <c r="HR3216" s="91"/>
      <c r="HS3216" s="91"/>
      <c r="HT3216" s="91"/>
      <c r="HU3216" s="91"/>
      <c r="HV3216" s="91"/>
      <c r="HW3216" s="91"/>
      <c r="HX3216" s="127"/>
      <c r="HY3216" s="126"/>
      <c r="HZ3216" s="91"/>
      <c r="IA3216" s="91"/>
      <c r="IB3216" s="91"/>
      <c r="IC3216" s="91"/>
      <c r="ID3216" s="91"/>
      <c r="IE3216" s="91"/>
      <c r="IF3216" s="91"/>
      <c r="IG3216" s="91"/>
      <c r="IH3216" s="91"/>
      <c r="II3216" s="91"/>
      <c r="IJ3216" s="91"/>
      <c r="IK3216" s="174"/>
    </row>
    <row r="3217" spans="2:245" x14ac:dyDescent="0.2">
      <c r="B3217" s="43"/>
      <c r="C3217" s="73"/>
      <c r="D3217" s="64"/>
      <c r="E3217" s="64"/>
      <c r="F3217" s="55"/>
      <c r="G3217" s="102"/>
      <c r="H3217" s="97"/>
      <c r="T3217" s="98"/>
      <c r="U3217" s="97"/>
      <c r="AG3217" s="98"/>
      <c r="AY3217" s="164"/>
      <c r="BK3217" s="98"/>
      <c r="BL3217" s="97"/>
      <c r="BX3217" s="98"/>
      <c r="CL3217" s="97"/>
      <c r="CX3217" s="98"/>
      <c r="DL3217" s="97"/>
      <c r="DX3217" s="98"/>
      <c r="EL3217" s="97"/>
      <c r="EX3217" s="98"/>
      <c r="EY3217" s="97"/>
      <c r="FL3217" s="126"/>
      <c r="FM3217" s="91"/>
      <c r="FN3217" s="91"/>
      <c r="FO3217" s="91"/>
      <c r="FP3217" s="91"/>
      <c r="FQ3217" s="91"/>
      <c r="FR3217" s="91"/>
      <c r="FS3217" s="91"/>
      <c r="FT3217" s="91"/>
      <c r="FU3217" s="91"/>
      <c r="FV3217" s="91"/>
      <c r="FW3217" s="91"/>
      <c r="FX3217" s="127"/>
      <c r="FY3217" s="126"/>
      <c r="FZ3217" s="91"/>
      <c r="GA3217" s="91"/>
      <c r="GB3217" s="91"/>
      <c r="GC3217" s="91"/>
      <c r="GD3217" s="91"/>
      <c r="GE3217" s="91"/>
      <c r="GF3217" s="91"/>
      <c r="GG3217" s="91"/>
      <c r="GH3217" s="91"/>
      <c r="GI3217" s="91"/>
      <c r="GJ3217" s="91"/>
      <c r="GK3217" s="127"/>
      <c r="GL3217" s="126"/>
      <c r="GM3217" s="91"/>
      <c r="GN3217" s="91"/>
      <c r="GO3217" s="91"/>
      <c r="GP3217" s="91"/>
      <c r="GQ3217" s="91"/>
      <c r="GR3217" s="91"/>
      <c r="GS3217" s="91"/>
      <c r="GT3217" s="91"/>
      <c r="GU3217" s="91"/>
      <c r="GV3217" s="91"/>
      <c r="GW3217" s="91"/>
      <c r="GX3217" s="127"/>
      <c r="GY3217" s="126"/>
      <c r="GZ3217" s="91"/>
      <c r="HA3217" s="91"/>
      <c r="HB3217" s="91"/>
      <c r="HC3217" s="91"/>
      <c r="HD3217" s="91"/>
      <c r="HE3217" s="91"/>
      <c r="HF3217" s="91"/>
      <c r="HG3217" s="91"/>
      <c r="HH3217" s="91"/>
      <c r="HI3217" s="91"/>
      <c r="HJ3217" s="91"/>
      <c r="HK3217" s="127"/>
      <c r="HL3217" s="126"/>
      <c r="HM3217" s="91"/>
      <c r="HN3217" s="91"/>
      <c r="HO3217" s="91"/>
      <c r="HP3217" s="91"/>
      <c r="HQ3217" s="91"/>
      <c r="HR3217" s="91"/>
      <c r="HS3217" s="91"/>
      <c r="HT3217" s="91"/>
      <c r="HU3217" s="91"/>
      <c r="HV3217" s="91"/>
      <c r="HW3217" s="91"/>
      <c r="HX3217" s="127"/>
      <c r="HY3217" s="126"/>
      <c r="HZ3217" s="91"/>
      <c r="IA3217" s="91"/>
      <c r="IB3217" s="91"/>
      <c r="IC3217" s="91"/>
      <c r="ID3217" s="91"/>
      <c r="IE3217" s="91"/>
      <c r="IF3217" s="91"/>
      <c r="IG3217" s="91"/>
      <c r="IH3217" s="91"/>
      <c r="II3217" s="91"/>
      <c r="IJ3217" s="91"/>
      <c r="IK3217" s="174"/>
    </row>
    <row r="3218" spans="2:245" x14ac:dyDescent="0.2">
      <c r="B3218" s="43"/>
      <c r="C3218" s="73"/>
      <c r="D3218" s="64"/>
      <c r="E3218" s="64"/>
      <c r="F3218" s="55"/>
      <c r="G3218" s="102"/>
      <c r="H3218" s="97"/>
      <c r="T3218" s="98"/>
      <c r="U3218" s="97"/>
      <c r="AG3218" s="98"/>
      <c r="AY3218" s="164"/>
      <c r="BK3218" s="98"/>
      <c r="BL3218" s="97"/>
      <c r="BX3218" s="98"/>
      <c r="CL3218" s="97"/>
      <c r="CX3218" s="98"/>
      <c r="DL3218" s="97"/>
      <c r="DX3218" s="98"/>
      <c r="EL3218" s="97"/>
      <c r="EX3218" s="98"/>
      <c r="EY3218" s="97"/>
      <c r="FL3218" s="126"/>
      <c r="FM3218" s="91"/>
      <c r="FN3218" s="91"/>
      <c r="FO3218" s="91"/>
      <c r="FP3218" s="91"/>
      <c r="FQ3218" s="91"/>
      <c r="FR3218" s="91"/>
      <c r="FS3218" s="91"/>
      <c r="FT3218" s="91"/>
      <c r="FU3218" s="91"/>
      <c r="FV3218" s="91"/>
      <c r="FW3218" s="91"/>
      <c r="FX3218" s="127"/>
      <c r="FY3218" s="126"/>
      <c r="FZ3218" s="91"/>
      <c r="GA3218" s="91"/>
      <c r="GB3218" s="91"/>
      <c r="GC3218" s="91"/>
      <c r="GD3218" s="91"/>
      <c r="GE3218" s="91"/>
      <c r="GF3218" s="91"/>
      <c r="GG3218" s="91"/>
      <c r="GH3218" s="91"/>
      <c r="GI3218" s="91"/>
      <c r="GJ3218" s="91"/>
      <c r="GK3218" s="127"/>
      <c r="GL3218" s="126"/>
      <c r="GM3218" s="91"/>
      <c r="GN3218" s="91"/>
      <c r="GO3218" s="91"/>
      <c r="GP3218" s="91"/>
      <c r="GQ3218" s="91"/>
      <c r="GR3218" s="91"/>
      <c r="GS3218" s="91"/>
      <c r="GT3218" s="91"/>
      <c r="GU3218" s="91"/>
      <c r="GV3218" s="91"/>
      <c r="GW3218" s="91"/>
      <c r="GX3218" s="127"/>
      <c r="GY3218" s="126"/>
      <c r="GZ3218" s="91"/>
      <c r="HA3218" s="91"/>
      <c r="HB3218" s="91"/>
      <c r="HC3218" s="91"/>
      <c r="HD3218" s="91"/>
      <c r="HE3218" s="91"/>
      <c r="HF3218" s="91"/>
      <c r="HG3218" s="91"/>
      <c r="HH3218" s="91"/>
      <c r="HI3218" s="91"/>
      <c r="HJ3218" s="91"/>
      <c r="HK3218" s="127"/>
      <c r="HL3218" s="126"/>
      <c r="HM3218" s="91"/>
      <c r="HN3218" s="91"/>
      <c r="HO3218" s="91"/>
      <c r="HP3218" s="91"/>
      <c r="HQ3218" s="91"/>
      <c r="HR3218" s="91"/>
      <c r="HS3218" s="91"/>
      <c r="HT3218" s="91"/>
      <c r="HU3218" s="91"/>
      <c r="HV3218" s="91"/>
      <c r="HW3218" s="91"/>
      <c r="HX3218" s="127"/>
      <c r="HY3218" s="126"/>
      <c r="HZ3218" s="91"/>
      <c r="IA3218" s="91"/>
      <c r="IB3218" s="91"/>
      <c r="IC3218" s="91"/>
      <c r="ID3218" s="91"/>
      <c r="IE3218" s="91"/>
      <c r="IF3218" s="91"/>
      <c r="IG3218" s="91"/>
      <c r="IH3218" s="91"/>
      <c r="II3218" s="91"/>
      <c r="IJ3218" s="91"/>
      <c r="IK3218" s="174"/>
    </row>
    <row r="3219" spans="2:245" x14ac:dyDescent="0.2">
      <c r="B3219" s="43"/>
      <c r="C3219" s="73"/>
      <c r="D3219" s="64"/>
      <c r="E3219" s="64"/>
      <c r="F3219" s="55"/>
      <c r="G3219" s="102"/>
      <c r="H3219" s="97"/>
      <c r="T3219" s="98"/>
      <c r="U3219" s="97"/>
      <c r="AG3219" s="98"/>
      <c r="AY3219" s="164"/>
      <c r="BK3219" s="98"/>
      <c r="BL3219" s="97"/>
      <c r="BX3219" s="98"/>
      <c r="CL3219" s="97"/>
      <c r="CX3219" s="98"/>
      <c r="DL3219" s="97"/>
      <c r="DX3219" s="98"/>
      <c r="EL3219" s="97"/>
      <c r="EX3219" s="98"/>
      <c r="EY3219" s="97"/>
      <c r="FL3219" s="126"/>
      <c r="FM3219" s="91"/>
      <c r="FN3219" s="91"/>
      <c r="FO3219" s="91"/>
      <c r="FP3219" s="91"/>
      <c r="FQ3219" s="91"/>
      <c r="FR3219" s="91"/>
      <c r="FS3219" s="91"/>
      <c r="FT3219" s="91"/>
      <c r="FU3219" s="91"/>
      <c r="FV3219" s="91"/>
      <c r="FW3219" s="91"/>
      <c r="FX3219" s="127"/>
      <c r="FY3219" s="126"/>
      <c r="FZ3219" s="91"/>
      <c r="GA3219" s="91"/>
      <c r="GB3219" s="91"/>
      <c r="GC3219" s="91"/>
      <c r="GD3219" s="91"/>
      <c r="GE3219" s="91"/>
      <c r="GF3219" s="91"/>
      <c r="GG3219" s="91"/>
      <c r="GH3219" s="91"/>
      <c r="GI3219" s="91"/>
      <c r="GJ3219" s="91"/>
      <c r="GK3219" s="127"/>
      <c r="GL3219" s="126"/>
      <c r="GM3219" s="91"/>
      <c r="GN3219" s="91"/>
      <c r="GO3219" s="91"/>
      <c r="GP3219" s="91"/>
      <c r="GQ3219" s="91"/>
      <c r="GR3219" s="91"/>
      <c r="GS3219" s="91"/>
      <c r="GT3219" s="91"/>
      <c r="GU3219" s="91"/>
      <c r="GV3219" s="91"/>
      <c r="GW3219" s="91"/>
      <c r="GX3219" s="127"/>
      <c r="GY3219" s="126"/>
      <c r="GZ3219" s="91"/>
      <c r="HA3219" s="91"/>
      <c r="HB3219" s="91"/>
      <c r="HC3219" s="91"/>
      <c r="HD3219" s="91"/>
      <c r="HE3219" s="91"/>
      <c r="HF3219" s="91"/>
      <c r="HG3219" s="91"/>
      <c r="HH3219" s="91"/>
      <c r="HI3219" s="91"/>
      <c r="HJ3219" s="91"/>
      <c r="HK3219" s="127"/>
      <c r="HL3219" s="126"/>
      <c r="HM3219" s="91"/>
      <c r="HN3219" s="91"/>
      <c r="HO3219" s="91"/>
      <c r="HP3219" s="91"/>
      <c r="HQ3219" s="91"/>
      <c r="HR3219" s="91"/>
      <c r="HS3219" s="91"/>
      <c r="HT3219" s="91"/>
      <c r="HU3219" s="91"/>
      <c r="HV3219" s="91"/>
      <c r="HW3219" s="91"/>
      <c r="HX3219" s="127"/>
      <c r="HY3219" s="126"/>
      <c r="HZ3219" s="91"/>
      <c r="IA3219" s="91"/>
      <c r="IB3219" s="91"/>
      <c r="IC3219" s="91"/>
      <c r="ID3219" s="91"/>
      <c r="IE3219" s="91"/>
      <c r="IF3219" s="91"/>
      <c r="IG3219" s="91"/>
      <c r="IH3219" s="91"/>
      <c r="II3219" s="91"/>
      <c r="IJ3219" s="91"/>
      <c r="IK3219" s="174"/>
    </row>
    <row r="3220" spans="2:245" x14ac:dyDescent="0.2">
      <c r="B3220" s="43"/>
      <c r="C3220" s="73"/>
      <c r="D3220" s="64"/>
      <c r="E3220" s="64"/>
      <c r="F3220" s="55"/>
      <c r="G3220" s="102"/>
      <c r="H3220" s="97"/>
      <c r="T3220" s="98"/>
      <c r="U3220" s="97"/>
      <c r="AG3220" s="98"/>
      <c r="AY3220" s="164"/>
      <c r="BK3220" s="98"/>
      <c r="BL3220" s="97"/>
      <c r="BX3220" s="98"/>
      <c r="CL3220" s="97"/>
      <c r="CX3220" s="98"/>
      <c r="DL3220" s="97"/>
      <c r="DX3220" s="98"/>
      <c r="EL3220" s="97"/>
      <c r="EX3220" s="98"/>
      <c r="EY3220" s="97"/>
      <c r="FL3220" s="126"/>
      <c r="FM3220" s="91"/>
      <c r="FN3220" s="91"/>
      <c r="FO3220" s="91"/>
      <c r="FP3220" s="91"/>
      <c r="FQ3220" s="91"/>
      <c r="FR3220" s="91"/>
      <c r="FS3220" s="91"/>
      <c r="FT3220" s="91"/>
      <c r="FU3220" s="91"/>
      <c r="FV3220" s="91"/>
      <c r="FW3220" s="91"/>
      <c r="FX3220" s="127"/>
      <c r="FY3220" s="126"/>
      <c r="FZ3220" s="91"/>
      <c r="GA3220" s="91"/>
      <c r="GB3220" s="91"/>
      <c r="GC3220" s="91"/>
      <c r="GD3220" s="91"/>
      <c r="GE3220" s="91"/>
      <c r="GF3220" s="91"/>
      <c r="GG3220" s="91"/>
      <c r="GH3220" s="91"/>
      <c r="GI3220" s="91"/>
      <c r="GJ3220" s="91"/>
      <c r="GK3220" s="127"/>
      <c r="GL3220" s="126"/>
      <c r="GM3220" s="91"/>
      <c r="GN3220" s="91"/>
      <c r="GO3220" s="91"/>
      <c r="GP3220" s="91"/>
      <c r="GQ3220" s="91"/>
      <c r="GR3220" s="91"/>
      <c r="GS3220" s="91"/>
      <c r="GT3220" s="91"/>
      <c r="GU3220" s="91"/>
      <c r="GV3220" s="91"/>
      <c r="GW3220" s="91"/>
      <c r="GX3220" s="127"/>
      <c r="GY3220" s="126"/>
      <c r="GZ3220" s="91"/>
      <c r="HA3220" s="91"/>
      <c r="HB3220" s="91"/>
      <c r="HC3220" s="91"/>
      <c r="HD3220" s="91"/>
      <c r="HE3220" s="91"/>
      <c r="HF3220" s="91"/>
      <c r="HG3220" s="91"/>
      <c r="HH3220" s="91"/>
      <c r="HI3220" s="91"/>
      <c r="HJ3220" s="91"/>
      <c r="HK3220" s="127"/>
      <c r="HL3220" s="126"/>
      <c r="HM3220" s="91"/>
      <c r="HN3220" s="91"/>
      <c r="HO3220" s="91"/>
      <c r="HP3220" s="91"/>
      <c r="HQ3220" s="91"/>
      <c r="HR3220" s="91"/>
      <c r="HS3220" s="91"/>
      <c r="HT3220" s="91"/>
      <c r="HU3220" s="91"/>
      <c r="HV3220" s="91"/>
      <c r="HW3220" s="91"/>
      <c r="HX3220" s="127"/>
      <c r="HY3220" s="126"/>
      <c r="HZ3220" s="91"/>
      <c r="IA3220" s="91"/>
      <c r="IB3220" s="91"/>
      <c r="IC3220" s="91"/>
      <c r="ID3220" s="91"/>
      <c r="IE3220" s="91"/>
      <c r="IF3220" s="91"/>
      <c r="IG3220" s="91"/>
      <c r="IH3220" s="91"/>
      <c r="II3220" s="91"/>
      <c r="IJ3220" s="91"/>
      <c r="IK3220" s="174"/>
    </row>
    <row r="3221" spans="2:245" x14ac:dyDescent="0.2">
      <c r="B3221" s="43"/>
      <c r="C3221" s="73"/>
      <c r="D3221" s="64"/>
      <c r="E3221" s="64"/>
      <c r="F3221" s="55"/>
      <c r="G3221" s="102"/>
      <c r="H3221" s="97"/>
      <c r="T3221" s="98"/>
      <c r="U3221" s="97"/>
      <c r="AG3221" s="98"/>
      <c r="AY3221" s="164"/>
      <c r="BK3221" s="98"/>
      <c r="BL3221" s="97"/>
      <c r="BX3221" s="98"/>
      <c r="CL3221" s="97"/>
      <c r="CX3221" s="98"/>
      <c r="DL3221" s="97"/>
      <c r="DX3221" s="98"/>
      <c r="EL3221" s="97"/>
      <c r="EX3221" s="98"/>
      <c r="EY3221" s="97"/>
      <c r="FL3221" s="126"/>
      <c r="FM3221" s="91"/>
      <c r="FN3221" s="91"/>
      <c r="FO3221" s="91"/>
      <c r="FP3221" s="91"/>
      <c r="FQ3221" s="91"/>
      <c r="FR3221" s="91"/>
      <c r="FS3221" s="91"/>
      <c r="FT3221" s="91"/>
      <c r="FU3221" s="91"/>
      <c r="FV3221" s="91"/>
      <c r="FW3221" s="91"/>
      <c r="FX3221" s="127"/>
      <c r="FY3221" s="126"/>
      <c r="FZ3221" s="91"/>
      <c r="GA3221" s="91"/>
      <c r="GB3221" s="91"/>
      <c r="GC3221" s="91"/>
      <c r="GD3221" s="91"/>
      <c r="GE3221" s="91"/>
      <c r="GF3221" s="91"/>
      <c r="GG3221" s="91"/>
      <c r="GH3221" s="91"/>
      <c r="GI3221" s="91"/>
      <c r="GJ3221" s="91"/>
      <c r="GK3221" s="127"/>
      <c r="GL3221" s="126"/>
      <c r="GM3221" s="91"/>
      <c r="GN3221" s="91"/>
      <c r="GO3221" s="91"/>
      <c r="GP3221" s="91"/>
      <c r="GQ3221" s="91"/>
      <c r="GR3221" s="91"/>
      <c r="GS3221" s="91"/>
      <c r="GT3221" s="91"/>
      <c r="GU3221" s="91"/>
      <c r="GV3221" s="91"/>
      <c r="GW3221" s="91"/>
      <c r="GX3221" s="127"/>
      <c r="GY3221" s="126"/>
      <c r="GZ3221" s="91"/>
      <c r="HA3221" s="91"/>
      <c r="HB3221" s="91"/>
      <c r="HC3221" s="91"/>
      <c r="HD3221" s="91"/>
      <c r="HE3221" s="91"/>
      <c r="HF3221" s="91"/>
      <c r="HG3221" s="91"/>
      <c r="HH3221" s="91"/>
      <c r="HI3221" s="91"/>
      <c r="HJ3221" s="91"/>
      <c r="HK3221" s="127"/>
      <c r="HL3221" s="126"/>
      <c r="HM3221" s="91"/>
      <c r="HN3221" s="91"/>
      <c r="HO3221" s="91"/>
      <c r="HP3221" s="91"/>
      <c r="HQ3221" s="91"/>
      <c r="HR3221" s="91"/>
      <c r="HS3221" s="91"/>
      <c r="HT3221" s="91"/>
      <c r="HU3221" s="91"/>
      <c r="HV3221" s="91"/>
      <c r="HW3221" s="91"/>
      <c r="HX3221" s="127"/>
      <c r="HY3221" s="126"/>
      <c r="HZ3221" s="91"/>
      <c r="IA3221" s="91"/>
      <c r="IB3221" s="91"/>
      <c r="IC3221" s="91"/>
      <c r="ID3221" s="91"/>
      <c r="IE3221" s="91"/>
      <c r="IF3221" s="91"/>
      <c r="IG3221" s="91"/>
      <c r="IH3221" s="91"/>
      <c r="II3221" s="91"/>
      <c r="IJ3221" s="91"/>
      <c r="IK3221" s="174"/>
    </row>
    <row r="3222" spans="2:245" x14ac:dyDescent="0.2">
      <c r="B3222" s="43"/>
      <c r="C3222" s="73"/>
      <c r="D3222" s="64"/>
      <c r="E3222" s="64"/>
      <c r="F3222" s="55"/>
      <c r="G3222" s="102"/>
      <c r="H3222" s="97"/>
      <c r="T3222" s="98"/>
      <c r="U3222" s="97"/>
      <c r="AG3222" s="98"/>
      <c r="AY3222" s="164"/>
      <c r="BK3222" s="98"/>
      <c r="BL3222" s="97"/>
      <c r="BX3222" s="98"/>
      <c r="CL3222" s="97"/>
      <c r="CX3222" s="98"/>
      <c r="DL3222" s="97"/>
      <c r="DX3222" s="98"/>
      <c r="EL3222" s="97"/>
      <c r="EX3222" s="98"/>
      <c r="EY3222" s="97"/>
      <c r="FL3222" s="126"/>
      <c r="FM3222" s="91"/>
      <c r="FN3222" s="91"/>
      <c r="FO3222" s="91"/>
      <c r="FP3222" s="91"/>
      <c r="FQ3222" s="91"/>
      <c r="FR3222" s="91"/>
      <c r="FS3222" s="91"/>
      <c r="FT3222" s="91"/>
      <c r="FU3222" s="91"/>
      <c r="FV3222" s="91"/>
      <c r="FW3222" s="91"/>
      <c r="FX3222" s="127"/>
      <c r="FY3222" s="126"/>
      <c r="FZ3222" s="91"/>
      <c r="GA3222" s="91"/>
      <c r="GB3222" s="91"/>
      <c r="GC3222" s="91"/>
      <c r="GD3222" s="91"/>
      <c r="GE3222" s="91"/>
      <c r="GF3222" s="91"/>
      <c r="GG3222" s="91"/>
      <c r="GH3222" s="91"/>
      <c r="GI3222" s="91"/>
      <c r="GJ3222" s="91"/>
      <c r="GK3222" s="127"/>
      <c r="GL3222" s="126"/>
      <c r="GM3222" s="91"/>
      <c r="GN3222" s="91"/>
      <c r="GO3222" s="91"/>
      <c r="GP3222" s="91"/>
      <c r="GQ3222" s="91"/>
      <c r="GR3222" s="91"/>
      <c r="GS3222" s="91"/>
      <c r="GT3222" s="91"/>
      <c r="GU3222" s="91"/>
      <c r="GV3222" s="91"/>
      <c r="GW3222" s="91"/>
      <c r="GX3222" s="127"/>
      <c r="GY3222" s="126"/>
      <c r="GZ3222" s="91"/>
      <c r="HA3222" s="91"/>
      <c r="HB3222" s="91"/>
      <c r="HC3222" s="91"/>
      <c r="HD3222" s="91"/>
      <c r="HE3222" s="91"/>
      <c r="HF3222" s="91"/>
      <c r="HG3222" s="91"/>
      <c r="HH3222" s="91"/>
      <c r="HI3222" s="91"/>
      <c r="HJ3222" s="91"/>
      <c r="HK3222" s="127"/>
      <c r="HL3222" s="126"/>
      <c r="HM3222" s="91"/>
      <c r="HN3222" s="91"/>
      <c r="HO3222" s="91"/>
      <c r="HP3222" s="91"/>
      <c r="HQ3222" s="91"/>
      <c r="HR3222" s="91"/>
      <c r="HS3222" s="91"/>
      <c r="HT3222" s="91"/>
      <c r="HU3222" s="91"/>
      <c r="HV3222" s="91"/>
      <c r="HW3222" s="91"/>
      <c r="HX3222" s="127"/>
      <c r="HY3222" s="126"/>
      <c r="HZ3222" s="91"/>
      <c r="IA3222" s="91"/>
      <c r="IB3222" s="91"/>
      <c r="IC3222" s="91"/>
      <c r="ID3222" s="91"/>
      <c r="IE3222" s="91"/>
      <c r="IF3222" s="91"/>
      <c r="IG3222" s="91"/>
      <c r="IH3222" s="91"/>
      <c r="II3222" s="91"/>
      <c r="IJ3222" s="91"/>
      <c r="IK3222" s="174"/>
    </row>
    <row r="3223" spans="2:245" x14ac:dyDescent="0.2">
      <c r="B3223" s="43"/>
      <c r="C3223" s="73"/>
      <c r="D3223" s="64"/>
      <c r="E3223" s="64"/>
      <c r="F3223" s="55"/>
      <c r="G3223" s="102"/>
      <c r="H3223" s="97"/>
      <c r="T3223" s="98"/>
      <c r="U3223" s="97"/>
      <c r="AG3223" s="98"/>
      <c r="AY3223" s="164"/>
      <c r="BK3223" s="98"/>
      <c r="BL3223" s="97"/>
      <c r="BX3223" s="98"/>
      <c r="CL3223" s="97"/>
      <c r="CX3223" s="98"/>
      <c r="DL3223" s="97"/>
      <c r="DX3223" s="98"/>
      <c r="EL3223" s="97"/>
      <c r="EX3223" s="98"/>
      <c r="EY3223" s="97"/>
      <c r="FL3223" s="126"/>
      <c r="FM3223" s="91"/>
      <c r="FN3223" s="91"/>
      <c r="FO3223" s="91"/>
      <c r="FP3223" s="91"/>
      <c r="FQ3223" s="91"/>
      <c r="FR3223" s="91"/>
      <c r="FS3223" s="91"/>
      <c r="FT3223" s="91"/>
      <c r="FU3223" s="91"/>
      <c r="FV3223" s="91"/>
      <c r="FW3223" s="91"/>
      <c r="FX3223" s="127"/>
      <c r="FY3223" s="126"/>
      <c r="FZ3223" s="91"/>
      <c r="GA3223" s="91"/>
      <c r="GB3223" s="91"/>
      <c r="GC3223" s="91"/>
      <c r="GD3223" s="91"/>
      <c r="GE3223" s="91"/>
      <c r="GF3223" s="91"/>
      <c r="GG3223" s="91"/>
      <c r="GH3223" s="91"/>
      <c r="GI3223" s="91"/>
      <c r="GJ3223" s="91"/>
      <c r="GK3223" s="127"/>
      <c r="GL3223" s="126"/>
      <c r="GM3223" s="91"/>
      <c r="GN3223" s="91"/>
      <c r="GO3223" s="91"/>
      <c r="GP3223" s="91"/>
      <c r="GQ3223" s="91"/>
      <c r="GR3223" s="91"/>
      <c r="GS3223" s="91"/>
      <c r="GT3223" s="91"/>
      <c r="GU3223" s="91"/>
      <c r="GV3223" s="91"/>
      <c r="GW3223" s="91"/>
      <c r="GX3223" s="127"/>
      <c r="GY3223" s="126"/>
      <c r="GZ3223" s="91"/>
      <c r="HA3223" s="91"/>
      <c r="HB3223" s="91"/>
      <c r="HC3223" s="91"/>
      <c r="HD3223" s="91"/>
      <c r="HE3223" s="91"/>
      <c r="HF3223" s="91"/>
      <c r="HG3223" s="91"/>
      <c r="HH3223" s="91"/>
      <c r="HI3223" s="91"/>
      <c r="HJ3223" s="91"/>
      <c r="HK3223" s="127"/>
      <c r="HL3223" s="126"/>
      <c r="HM3223" s="91"/>
      <c r="HN3223" s="91"/>
      <c r="HO3223" s="91"/>
      <c r="HP3223" s="91"/>
      <c r="HQ3223" s="91"/>
      <c r="HR3223" s="91"/>
      <c r="HS3223" s="91"/>
      <c r="HT3223" s="91"/>
      <c r="HU3223" s="91"/>
      <c r="HV3223" s="91"/>
      <c r="HW3223" s="91"/>
      <c r="HX3223" s="127"/>
      <c r="HY3223" s="126"/>
      <c r="HZ3223" s="91"/>
      <c r="IA3223" s="91"/>
      <c r="IB3223" s="91"/>
      <c r="IC3223" s="91"/>
      <c r="ID3223" s="91"/>
      <c r="IE3223" s="91"/>
      <c r="IF3223" s="91"/>
      <c r="IG3223" s="91"/>
      <c r="IH3223" s="91"/>
      <c r="II3223" s="91"/>
      <c r="IJ3223" s="91"/>
      <c r="IK3223" s="174"/>
    </row>
    <row r="3224" spans="2:245" x14ac:dyDescent="0.2">
      <c r="B3224" s="43"/>
      <c r="C3224" s="73"/>
      <c r="D3224" s="64"/>
      <c r="E3224" s="64"/>
      <c r="F3224" s="55"/>
      <c r="G3224" s="102"/>
      <c r="H3224" s="97"/>
      <c r="T3224" s="98"/>
      <c r="U3224" s="97"/>
      <c r="AG3224" s="98"/>
      <c r="AY3224" s="164"/>
      <c r="BK3224" s="98"/>
      <c r="BL3224" s="97"/>
      <c r="BX3224" s="98"/>
      <c r="CL3224" s="97"/>
      <c r="CX3224" s="98"/>
      <c r="DL3224" s="97"/>
      <c r="DX3224" s="98"/>
      <c r="EL3224" s="97"/>
      <c r="EX3224" s="98"/>
      <c r="EY3224" s="97"/>
      <c r="FL3224" s="126"/>
      <c r="FM3224" s="91"/>
      <c r="FN3224" s="91"/>
      <c r="FO3224" s="91"/>
      <c r="FP3224" s="91"/>
      <c r="FQ3224" s="91"/>
      <c r="FR3224" s="91"/>
      <c r="FS3224" s="91"/>
      <c r="FT3224" s="91"/>
      <c r="FU3224" s="91"/>
      <c r="FV3224" s="91"/>
      <c r="FW3224" s="91"/>
      <c r="FX3224" s="127"/>
      <c r="FY3224" s="126"/>
      <c r="FZ3224" s="91"/>
      <c r="GA3224" s="91"/>
      <c r="GB3224" s="91"/>
      <c r="GC3224" s="91"/>
      <c r="GD3224" s="91"/>
      <c r="GE3224" s="91"/>
      <c r="GF3224" s="91"/>
      <c r="GG3224" s="91"/>
      <c r="GH3224" s="91"/>
      <c r="GI3224" s="91"/>
      <c r="GJ3224" s="91"/>
      <c r="GK3224" s="127"/>
      <c r="GL3224" s="126"/>
      <c r="GM3224" s="91"/>
      <c r="GN3224" s="91"/>
      <c r="GO3224" s="91"/>
      <c r="GP3224" s="91"/>
      <c r="GQ3224" s="91"/>
      <c r="GR3224" s="91"/>
      <c r="GS3224" s="91"/>
      <c r="GT3224" s="91"/>
      <c r="GU3224" s="91"/>
      <c r="GV3224" s="91"/>
      <c r="GW3224" s="91"/>
      <c r="GX3224" s="127"/>
      <c r="GY3224" s="126"/>
      <c r="GZ3224" s="91"/>
      <c r="HA3224" s="91"/>
      <c r="HB3224" s="91"/>
      <c r="HC3224" s="91"/>
      <c r="HD3224" s="91"/>
      <c r="HE3224" s="91"/>
      <c r="HF3224" s="91"/>
      <c r="HG3224" s="91"/>
      <c r="HH3224" s="91"/>
      <c r="HI3224" s="91"/>
      <c r="HJ3224" s="91"/>
      <c r="HK3224" s="127"/>
      <c r="HL3224" s="126"/>
      <c r="HM3224" s="91"/>
      <c r="HN3224" s="91"/>
      <c r="HO3224" s="91"/>
      <c r="HP3224" s="91"/>
      <c r="HQ3224" s="91"/>
      <c r="HR3224" s="91"/>
      <c r="HS3224" s="91"/>
      <c r="HT3224" s="91"/>
      <c r="HU3224" s="91"/>
      <c r="HV3224" s="91"/>
      <c r="HW3224" s="91"/>
      <c r="HX3224" s="127"/>
      <c r="HY3224" s="126"/>
      <c r="HZ3224" s="91"/>
      <c r="IA3224" s="91"/>
      <c r="IB3224" s="91"/>
      <c r="IC3224" s="91"/>
      <c r="ID3224" s="91"/>
      <c r="IE3224" s="91"/>
      <c r="IF3224" s="91"/>
      <c r="IG3224" s="91"/>
      <c r="IH3224" s="91"/>
      <c r="II3224" s="91"/>
      <c r="IJ3224" s="91"/>
      <c r="IK3224" s="174"/>
    </row>
    <row r="3225" spans="2:245" x14ac:dyDescent="0.2">
      <c r="B3225" s="43"/>
      <c r="C3225" s="73"/>
      <c r="D3225" s="64"/>
      <c r="E3225" s="64"/>
      <c r="F3225" s="55"/>
      <c r="G3225" s="102"/>
      <c r="H3225" s="97"/>
      <c r="T3225" s="98"/>
      <c r="U3225" s="97"/>
      <c r="AG3225" s="98"/>
      <c r="AY3225" s="164"/>
      <c r="BK3225" s="98"/>
      <c r="BL3225" s="97"/>
      <c r="BX3225" s="98"/>
      <c r="CL3225" s="97"/>
      <c r="CX3225" s="98"/>
      <c r="DL3225" s="97"/>
      <c r="DX3225" s="98"/>
      <c r="EL3225" s="97"/>
      <c r="EX3225" s="98"/>
      <c r="EY3225" s="97"/>
      <c r="FL3225" s="126"/>
      <c r="FM3225" s="91"/>
      <c r="FN3225" s="91"/>
      <c r="FO3225" s="91"/>
      <c r="FP3225" s="91"/>
      <c r="FQ3225" s="91"/>
      <c r="FR3225" s="91"/>
      <c r="FS3225" s="91"/>
      <c r="FT3225" s="91"/>
      <c r="FU3225" s="91"/>
      <c r="FV3225" s="91"/>
      <c r="FW3225" s="91"/>
      <c r="FX3225" s="127"/>
      <c r="FY3225" s="126"/>
      <c r="FZ3225" s="91"/>
      <c r="GA3225" s="91"/>
      <c r="GB3225" s="91"/>
      <c r="GC3225" s="91"/>
      <c r="GD3225" s="91"/>
      <c r="GE3225" s="91"/>
      <c r="GF3225" s="91"/>
      <c r="GG3225" s="91"/>
      <c r="GH3225" s="91"/>
      <c r="GI3225" s="91"/>
      <c r="GJ3225" s="91"/>
      <c r="GK3225" s="127"/>
      <c r="GL3225" s="126"/>
      <c r="GM3225" s="91"/>
      <c r="GN3225" s="91"/>
      <c r="GO3225" s="91"/>
      <c r="GP3225" s="91"/>
      <c r="GQ3225" s="91"/>
      <c r="GR3225" s="91"/>
      <c r="GS3225" s="91"/>
      <c r="GT3225" s="91"/>
      <c r="GU3225" s="91"/>
      <c r="GV3225" s="91"/>
      <c r="GW3225" s="91"/>
      <c r="GX3225" s="127"/>
      <c r="GY3225" s="126"/>
      <c r="GZ3225" s="91"/>
      <c r="HA3225" s="91"/>
      <c r="HB3225" s="91"/>
      <c r="HC3225" s="91"/>
      <c r="HD3225" s="91"/>
      <c r="HE3225" s="91"/>
      <c r="HF3225" s="91"/>
      <c r="HG3225" s="91"/>
      <c r="HH3225" s="91"/>
      <c r="HI3225" s="91"/>
      <c r="HJ3225" s="91"/>
      <c r="HK3225" s="127"/>
      <c r="HL3225" s="126"/>
      <c r="HM3225" s="91"/>
      <c r="HN3225" s="91"/>
      <c r="HO3225" s="91"/>
      <c r="HP3225" s="91"/>
      <c r="HQ3225" s="91"/>
      <c r="HR3225" s="91"/>
      <c r="HS3225" s="91"/>
      <c r="HT3225" s="91"/>
      <c r="HU3225" s="91"/>
      <c r="HV3225" s="91"/>
      <c r="HW3225" s="91"/>
      <c r="HX3225" s="127"/>
      <c r="HY3225" s="126"/>
      <c r="HZ3225" s="91"/>
      <c r="IA3225" s="91"/>
      <c r="IB3225" s="91"/>
      <c r="IC3225" s="91"/>
      <c r="ID3225" s="91"/>
      <c r="IE3225" s="91"/>
      <c r="IF3225" s="91"/>
      <c r="IG3225" s="91"/>
      <c r="IH3225" s="91"/>
      <c r="II3225" s="91"/>
      <c r="IJ3225" s="91"/>
      <c r="IK3225" s="174"/>
    </row>
    <row r="3226" spans="2:245" x14ac:dyDescent="0.2">
      <c r="B3226" s="43"/>
      <c r="C3226" s="73"/>
      <c r="D3226" s="64"/>
      <c r="E3226" s="64"/>
      <c r="F3226" s="55"/>
      <c r="G3226" s="102"/>
      <c r="H3226" s="97"/>
      <c r="T3226" s="98"/>
      <c r="U3226" s="97"/>
      <c r="AG3226" s="98"/>
      <c r="AY3226" s="164"/>
      <c r="BK3226" s="98"/>
      <c r="BL3226" s="97"/>
      <c r="BX3226" s="98"/>
      <c r="CL3226" s="97"/>
      <c r="CX3226" s="98"/>
      <c r="DL3226" s="97"/>
      <c r="DX3226" s="98"/>
      <c r="EL3226" s="97"/>
      <c r="EX3226" s="98"/>
      <c r="EY3226" s="97"/>
      <c r="FL3226" s="126"/>
      <c r="FM3226" s="91"/>
      <c r="FN3226" s="91"/>
      <c r="FO3226" s="91"/>
      <c r="FP3226" s="91"/>
      <c r="FQ3226" s="91"/>
      <c r="FR3226" s="91"/>
      <c r="FS3226" s="91"/>
      <c r="FT3226" s="91"/>
      <c r="FU3226" s="91"/>
      <c r="FV3226" s="91"/>
      <c r="FW3226" s="91"/>
      <c r="FX3226" s="127"/>
      <c r="FY3226" s="126"/>
      <c r="FZ3226" s="91"/>
      <c r="GA3226" s="91"/>
      <c r="GB3226" s="91"/>
      <c r="GC3226" s="91"/>
      <c r="GD3226" s="91"/>
      <c r="GE3226" s="91"/>
      <c r="GF3226" s="91"/>
      <c r="GG3226" s="91"/>
      <c r="GH3226" s="91"/>
      <c r="GI3226" s="91"/>
      <c r="GJ3226" s="91"/>
      <c r="GK3226" s="127"/>
      <c r="GL3226" s="126"/>
      <c r="GM3226" s="91"/>
      <c r="GN3226" s="91"/>
      <c r="GO3226" s="91"/>
      <c r="GP3226" s="91"/>
      <c r="GQ3226" s="91"/>
      <c r="GR3226" s="91"/>
      <c r="GS3226" s="91"/>
      <c r="GT3226" s="91"/>
      <c r="GU3226" s="91"/>
      <c r="GV3226" s="91"/>
      <c r="GW3226" s="91"/>
      <c r="GX3226" s="127"/>
      <c r="GY3226" s="126"/>
      <c r="GZ3226" s="91"/>
      <c r="HA3226" s="91"/>
      <c r="HB3226" s="91"/>
      <c r="HC3226" s="91"/>
      <c r="HD3226" s="91"/>
      <c r="HE3226" s="91"/>
      <c r="HF3226" s="91"/>
      <c r="HG3226" s="91"/>
      <c r="HH3226" s="91"/>
      <c r="HI3226" s="91"/>
      <c r="HJ3226" s="91"/>
      <c r="HK3226" s="127"/>
      <c r="HL3226" s="126"/>
      <c r="HM3226" s="91"/>
      <c r="HN3226" s="91"/>
      <c r="HO3226" s="91"/>
      <c r="HP3226" s="91"/>
      <c r="HQ3226" s="91"/>
      <c r="HR3226" s="91"/>
      <c r="HS3226" s="91"/>
      <c r="HT3226" s="91"/>
      <c r="HU3226" s="91"/>
      <c r="HV3226" s="91"/>
      <c r="HW3226" s="91"/>
      <c r="HX3226" s="127"/>
      <c r="HY3226" s="126"/>
      <c r="HZ3226" s="91"/>
      <c r="IA3226" s="91"/>
      <c r="IB3226" s="91"/>
      <c r="IC3226" s="91"/>
      <c r="ID3226" s="91"/>
      <c r="IE3226" s="91"/>
      <c r="IF3226" s="91"/>
      <c r="IG3226" s="91"/>
      <c r="IH3226" s="91"/>
      <c r="II3226" s="91"/>
      <c r="IJ3226" s="91"/>
      <c r="IK3226" s="174"/>
    </row>
    <row r="3227" spans="2:245" x14ac:dyDescent="0.2">
      <c r="B3227" s="43"/>
      <c r="C3227" s="73"/>
      <c r="D3227" s="64"/>
      <c r="E3227" s="64"/>
      <c r="F3227" s="55"/>
      <c r="G3227" s="102"/>
      <c r="H3227" s="97"/>
      <c r="T3227" s="98"/>
      <c r="U3227" s="97"/>
      <c r="AG3227" s="98"/>
      <c r="AY3227" s="164"/>
      <c r="BK3227" s="98"/>
      <c r="BL3227" s="97"/>
      <c r="BX3227" s="98"/>
      <c r="CL3227" s="97"/>
      <c r="CX3227" s="98"/>
      <c r="DL3227" s="97"/>
      <c r="DX3227" s="98"/>
      <c r="EL3227" s="97"/>
      <c r="EX3227" s="98"/>
      <c r="EY3227" s="97"/>
      <c r="FL3227" s="126"/>
      <c r="FM3227" s="91"/>
      <c r="FN3227" s="91"/>
      <c r="FO3227" s="91"/>
      <c r="FP3227" s="91"/>
      <c r="FQ3227" s="91"/>
      <c r="FR3227" s="91"/>
      <c r="FS3227" s="91"/>
      <c r="FT3227" s="91"/>
      <c r="FU3227" s="91"/>
      <c r="FV3227" s="91"/>
      <c r="FW3227" s="91"/>
      <c r="FX3227" s="127"/>
      <c r="FY3227" s="126"/>
      <c r="FZ3227" s="91"/>
      <c r="GA3227" s="91"/>
      <c r="GB3227" s="91"/>
      <c r="GC3227" s="91"/>
      <c r="GD3227" s="91"/>
      <c r="GE3227" s="91"/>
      <c r="GF3227" s="91"/>
      <c r="GG3227" s="91"/>
      <c r="GH3227" s="91"/>
      <c r="GI3227" s="91"/>
      <c r="GJ3227" s="91"/>
      <c r="GK3227" s="127"/>
      <c r="GL3227" s="126"/>
      <c r="GM3227" s="91"/>
      <c r="GN3227" s="91"/>
      <c r="GO3227" s="91"/>
      <c r="GP3227" s="91"/>
      <c r="GQ3227" s="91"/>
      <c r="GR3227" s="91"/>
      <c r="GS3227" s="91"/>
      <c r="GT3227" s="91"/>
      <c r="GU3227" s="91"/>
      <c r="GV3227" s="91"/>
      <c r="GW3227" s="91"/>
      <c r="GX3227" s="127"/>
      <c r="GY3227" s="126"/>
      <c r="GZ3227" s="91"/>
      <c r="HA3227" s="91"/>
      <c r="HB3227" s="91"/>
      <c r="HC3227" s="91"/>
      <c r="HD3227" s="91"/>
      <c r="HE3227" s="91"/>
      <c r="HF3227" s="91"/>
      <c r="HG3227" s="91"/>
      <c r="HH3227" s="91"/>
      <c r="HI3227" s="91"/>
      <c r="HJ3227" s="91"/>
      <c r="HK3227" s="127"/>
      <c r="HL3227" s="126"/>
      <c r="HM3227" s="91"/>
      <c r="HN3227" s="91"/>
      <c r="HO3227" s="91"/>
      <c r="HP3227" s="91"/>
      <c r="HQ3227" s="91"/>
      <c r="HR3227" s="91"/>
      <c r="HS3227" s="91"/>
      <c r="HT3227" s="91"/>
      <c r="HU3227" s="91"/>
      <c r="HV3227" s="91"/>
      <c r="HW3227" s="91"/>
      <c r="HX3227" s="127"/>
      <c r="HY3227" s="126"/>
      <c r="HZ3227" s="91"/>
      <c r="IA3227" s="91"/>
      <c r="IB3227" s="91"/>
      <c r="IC3227" s="91"/>
      <c r="ID3227" s="91"/>
      <c r="IE3227" s="91"/>
      <c r="IF3227" s="91"/>
      <c r="IG3227" s="91"/>
      <c r="IH3227" s="91"/>
      <c r="II3227" s="91"/>
      <c r="IJ3227" s="91"/>
      <c r="IK3227" s="174"/>
    </row>
    <row r="3228" spans="2:245" x14ac:dyDescent="0.2">
      <c r="B3228" s="43"/>
      <c r="C3228" s="73"/>
      <c r="D3228" s="64"/>
      <c r="E3228" s="64"/>
      <c r="F3228" s="55"/>
      <c r="G3228" s="102"/>
      <c r="H3228" s="97"/>
      <c r="T3228" s="98"/>
      <c r="U3228" s="97"/>
      <c r="AG3228" s="98"/>
      <c r="AY3228" s="164"/>
      <c r="BK3228" s="98"/>
      <c r="BL3228" s="97"/>
      <c r="BX3228" s="98"/>
      <c r="CL3228" s="97"/>
      <c r="CX3228" s="98"/>
      <c r="DL3228" s="97"/>
      <c r="DX3228" s="98"/>
      <c r="EL3228" s="97"/>
      <c r="EX3228" s="98"/>
      <c r="EY3228" s="97"/>
      <c r="FL3228" s="126"/>
      <c r="FM3228" s="91"/>
      <c r="FN3228" s="91"/>
      <c r="FO3228" s="91"/>
      <c r="FP3228" s="91"/>
      <c r="FQ3228" s="91"/>
      <c r="FR3228" s="91"/>
      <c r="FS3228" s="91"/>
      <c r="FT3228" s="91"/>
      <c r="FU3228" s="91"/>
      <c r="FV3228" s="91"/>
      <c r="FW3228" s="91"/>
      <c r="FX3228" s="127"/>
      <c r="FY3228" s="126"/>
      <c r="FZ3228" s="91"/>
      <c r="GA3228" s="91"/>
      <c r="GB3228" s="91"/>
      <c r="GC3228" s="91"/>
      <c r="GD3228" s="91"/>
      <c r="GE3228" s="91"/>
      <c r="GF3228" s="91"/>
      <c r="GG3228" s="91"/>
      <c r="GH3228" s="91"/>
      <c r="GI3228" s="91"/>
      <c r="GJ3228" s="91"/>
      <c r="GK3228" s="127"/>
      <c r="GL3228" s="126"/>
      <c r="GM3228" s="91"/>
      <c r="GN3228" s="91"/>
      <c r="GO3228" s="91"/>
      <c r="GP3228" s="91"/>
      <c r="GQ3228" s="91"/>
      <c r="GR3228" s="91"/>
      <c r="GS3228" s="91"/>
      <c r="GT3228" s="91"/>
      <c r="GU3228" s="91"/>
      <c r="GV3228" s="91"/>
      <c r="GW3228" s="91"/>
      <c r="GX3228" s="127"/>
      <c r="GY3228" s="126"/>
      <c r="GZ3228" s="91"/>
      <c r="HA3228" s="91"/>
      <c r="HB3228" s="91"/>
      <c r="HC3228" s="91"/>
      <c r="HD3228" s="91"/>
      <c r="HE3228" s="91"/>
      <c r="HF3228" s="91"/>
      <c r="HG3228" s="91"/>
      <c r="HH3228" s="91"/>
      <c r="HI3228" s="91"/>
      <c r="HJ3228" s="91"/>
      <c r="HK3228" s="127"/>
      <c r="HL3228" s="126"/>
      <c r="HM3228" s="91"/>
      <c r="HN3228" s="91"/>
      <c r="HO3228" s="91"/>
      <c r="HP3228" s="91"/>
      <c r="HQ3228" s="91"/>
      <c r="HR3228" s="91"/>
      <c r="HS3228" s="91"/>
      <c r="HT3228" s="91"/>
      <c r="HU3228" s="91"/>
      <c r="HV3228" s="91"/>
      <c r="HW3228" s="91"/>
      <c r="HX3228" s="127"/>
      <c r="HY3228" s="126"/>
      <c r="HZ3228" s="91"/>
      <c r="IA3228" s="91"/>
      <c r="IB3228" s="91"/>
      <c r="IC3228" s="91"/>
      <c r="ID3228" s="91"/>
      <c r="IE3228" s="91"/>
      <c r="IF3228" s="91"/>
      <c r="IG3228" s="91"/>
      <c r="IH3228" s="91"/>
      <c r="II3228" s="91"/>
      <c r="IJ3228" s="91"/>
      <c r="IK3228" s="174"/>
    </row>
    <row r="3229" spans="2:245" x14ac:dyDescent="0.2">
      <c r="B3229" s="43"/>
      <c r="C3229" s="73"/>
      <c r="D3229" s="64"/>
      <c r="E3229" s="64"/>
      <c r="F3229" s="55"/>
      <c r="G3229" s="102"/>
      <c r="H3229" s="97"/>
      <c r="T3229" s="98"/>
      <c r="U3229" s="97"/>
      <c r="AG3229" s="98"/>
      <c r="AY3229" s="164"/>
      <c r="BK3229" s="98"/>
      <c r="BL3229" s="97"/>
      <c r="BX3229" s="98"/>
      <c r="CL3229" s="97"/>
      <c r="CX3229" s="98"/>
      <c r="DL3229" s="97"/>
      <c r="DX3229" s="98"/>
      <c r="EL3229" s="97"/>
      <c r="EX3229" s="98"/>
      <c r="EY3229" s="97"/>
      <c r="FL3229" s="126"/>
      <c r="FM3229" s="91"/>
      <c r="FN3229" s="91"/>
      <c r="FO3229" s="91"/>
      <c r="FP3229" s="91"/>
      <c r="FQ3229" s="91"/>
      <c r="FR3229" s="91"/>
      <c r="FS3229" s="91"/>
      <c r="FT3229" s="91"/>
      <c r="FU3229" s="91"/>
      <c r="FV3229" s="91"/>
      <c r="FW3229" s="91"/>
      <c r="FX3229" s="127"/>
      <c r="FY3229" s="126"/>
      <c r="FZ3229" s="91"/>
      <c r="GA3229" s="91"/>
      <c r="GB3229" s="91"/>
      <c r="GC3229" s="91"/>
      <c r="GD3229" s="91"/>
      <c r="GE3229" s="91"/>
      <c r="GF3229" s="91"/>
      <c r="GG3229" s="91"/>
      <c r="GH3229" s="91"/>
      <c r="GI3229" s="91"/>
      <c r="GJ3229" s="91"/>
      <c r="GK3229" s="127"/>
      <c r="GL3229" s="126"/>
      <c r="GM3229" s="91"/>
      <c r="GN3229" s="91"/>
      <c r="GO3229" s="91"/>
      <c r="GP3229" s="91"/>
      <c r="GQ3229" s="91"/>
      <c r="GR3229" s="91"/>
      <c r="GS3229" s="91"/>
      <c r="GT3229" s="91"/>
      <c r="GU3229" s="91"/>
      <c r="GV3229" s="91"/>
      <c r="GW3229" s="91"/>
      <c r="GX3229" s="127"/>
      <c r="GY3229" s="126"/>
      <c r="GZ3229" s="91"/>
      <c r="HA3229" s="91"/>
      <c r="HB3229" s="91"/>
      <c r="HC3229" s="91"/>
      <c r="HD3229" s="91"/>
      <c r="HE3229" s="91"/>
      <c r="HF3229" s="91"/>
      <c r="HG3229" s="91"/>
      <c r="HH3229" s="91"/>
      <c r="HI3229" s="91"/>
      <c r="HJ3229" s="91"/>
      <c r="HK3229" s="127"/>
      <c r="HL3229" s="126"/>
      <c r="HM3229" s="91"/>
      <c r="HN3229" s="91"/>
      <c r="HO3229" s="91"/>
      <c r="HP3229" s="91"/>
      <c r="HQ3229" s="91"/>
      <c r="HR3229" s="91"/>
      <c r="HS3229" s="91"/>
      <c r="HT3229" s="91"/>
      <c r="HU3229" s="91"/>
      <c r="HV3229" s="91"/>
      <c r="HW3229" s="91"/>
      <c r="HX3229" s="127"/>
      <c r="HY3229" s="126"/>
      <c r="HZ3229" s="91"/>
      <c r="IA3229" s="91"/>
      <c r="IB3229" s="91"/>
      <c r="IC3229" s="91"/>
      <c r="ID3229" s="91"/>
      <c r="IE3229" s="91"/>
      <c r="IF3229" s="91"/>
      <c r="IG3229" s="91"/>
      <c r="IH3229" s="91"/>
      <c r="II3229" s="91"/>
      <c r="IJ3229" s="91"/>
      <c r="IK3229" s="174"/>
    </row>
    <row r="3230" spans="2:245" x14ac:dyDescent="0.2">
      <c r="B3230" s="43"/>
      <c r="C3230" s="73"/>
      <c r="D3230" s="64"/>
      <c r="E3230" s="64"/>
      <c r="F3230" s="55"/>
      <c r="G3230" s="102"/>
      <c r="H3230" s="97"/>
      <c r="T3230" s="98"/>
      <c r="U3230" s="97"/>
      <c r="AG3230" s="98"/>
      <c r="AY3230" s="164"/>
      <c r="BK3230" s="98"/>
      <c r="BL3230" s="97"/>
      <c r="BX3230" s="98"/>
      <c r="CL3230" s="97"/>
      <c r="CX3230" s="98"/>
      <c r="DL3230" s="97"/>
      <c r="DX3230" s="98"/>
      <c r="EL3230" s="97"/>
      <c r="EX3230" s="98"/>
      <c r="EY3230" s="97"/>
      <c r="FL3230" s="126"/>
      <c r="FM3230" s="91"/>
      <c r="FN3230" s="91"/>
      <c r="FO3230" s="91"/>
      <c r="FP3230" s="91"/>
      <c r="FQ3230" s="91"/>
      <c r="FR3230" s="91"/>
      <c r="FS3230" s="91"/>
      <c r="FT3230" s="91"/>
      <c r="FU3230" s="91"/>
      <c r="FV3230" s="91"/>
      <c r="FW3230" s="91"/>
      <c r="FX3230" s="127"/>
      <c r="FY3230" s="126"/>
      <c r="FZ3230" s="91"/>
      <c r="GA3230" s="91"/>
      <c r="GB3230" s="91"/>
      <c r="GC3230" s="91"/>
      <c r="GD3230" s="91"/>
      <c r="GE3230" s="91"/>
      <c r="GF3230" s="91"/>
      <c r="GG3230" s="91"/>
      <c r="GH3230" s="91"/>
      <c r="GI3230" s="91"/>
      <c r="GJ3230" s="91"/>
      <c r="GK3230" s="127"/>
      <c r="GL3230" s="126"/>
      <c r="GM3230" s="91"/>
      <c r="GN3230" s="91"/>
      <c r="GO3230" s="91"/>
      <c r="GP3230" s="91"/>
      <c r="GQ3230" s="91"/>
      <c r="GR3230" s="91"/>
      <c r="GS3230" s="91"/>
      <c r="GT3230" s="91"/>
      <c r="GU3230" s="91"/>
      <c r="GV3230" s="91"/>
      <c r="GW3230" s="91"/>
      <c r="GX3230" s="127"/>
      <c r="GY3230" s="126"/>
      <c r="GZ3230" s="91"/>
      <c r="HA3230" s="91"/>
      <c r="HB3230" s="91"/>
      <c r="HC3230" s="91"/>
      <c r="HD3230" s="91"/>
      <c r="HE3230" s="91"/>
      <c r="HF3230" s="91"/>
      <c r="HG3230" s="91"/>
      <c r="HH3230" s="91"/>
      <c r="HI3230" s="91"/>
      <c r="HJ3230" s="91"/>
      <c r="HK3230" s="127"/>
      <c r="HL3230" s="126"/>
      <c r="HM3230" s="91"/>
      <c r="HN3230" s="91"/>
      <c r="HO3230" s="91"/>
      <c r="HP3230" s="91"/>
      <c r="HQ3230" s="91"/>
      <c r="HR3230" s="91"/>
      <c r="HS3230" s="91"/>
      <c r="HT3230" s="91"/>
      <c r="HU3230" s="91"/>
      <c r="HV3230" s="91"/>
      <c r="HW3230" s="91"/>
      <c r="HX3230" s="127"/>
      <c r="HY3230" s="126"/>
      <c r="HZ3230" s="91"/>
      <c r="IA3230" s="91"/>
      <c r="IB3230" s="91"/>
      <c r="IC3230" s="91"/>
      <c r="ID3230" s="91"/>
      <c r="IE3230" s="91"/>
      <c r="IF3230" s="91"/>
      <c r="IG3230" s="91"/>
      <c r="IH3230" s="91"/>
      <c r="II3230" s="91"/>
      <c r="IJ3230" s="91"/>
      <c r="IK3230" s="174"/>
    </row>
    <row r="3231" spans="2:245" x14ac:dyDescent="0.2">
      <c r="B3231" s="43"/>
      <c r="C3231" s="73"/>
      <c r="D3231" s="64"/>
      <c r="E3231" s="64"/>
      <c r="F3231" s="55"/>
      <c r="G3231" s="102"/>
      <c r="H3231" s="97"/>
      <c r="T3231" s="98"/>
      <c r="U3231" s="97"/>
      <c r="AG3231" s="98"/>
      <c r="AY3231" s="164"/>
      <c r="BK3231" s="98"/>
      <c r="BL3231" s="97"/>
      <c r="BX3231" s="98"/>
      <c r="CL3231" s="97"/>
      <c r="CX3231" s="98"/>
      <c r="DL3231" s="97"/>
      <c r="DX3231" s="98"/>
      <c r="EL3231" s="97"/>
      <c r="EX3231" s="98"/>
      <c r="EY3231" s="97"/>
      <c r="FL3231" s="126"/>
      <c r="FM3231" s="91"/>
      <c r="FN3231" s="91"/>
      <c r="FO3231" s="91"/>
      <c r="FP3231" s="91"/>
      <c r="FQ3231" s="91"/>
      <c r="FR3231" s="91"/>
      <c r="FS3231" s="91"/>
      <c r="FT3231" s="91"/>
      <c r="FU3231" s="91"/>
      <c r="FV3231" s="91"/>
      <c r="FW3231" s="91"/>
      <c r="FX3231" s="127"/>
      <c r="FY3231" s="126"/>
      <c r="FZ3231" s="91"/>
      <c r="GA3231" s="91"/>
      <c r="GB3231" s="91"/>
      <c r="GC3231" s="91"/>
      <c r="GD3231" s="91"/>
      <c r="GE3231" s="91"/>
      <c r="GF3231" s="91"/>
      <c r="GG3231" s="91"/>
      <c r="GH3231" s="91"/>
      <c r="GI3231" s="91"/>
      <c r="GJ3231" s="91"/>
      <c r="GK3231" s="127"/>
      <c r="GL3231" s="126"/>
      <c r="GM3231" s="91"/>
      <c r="GN3231" s="91"/>
      <c r="GO3231" s="91"/>
      <c r="GP3231" s="91"/>
      <c r="GQ3231" s="91"/>
      <c r="GR3231" s="91"/>
      <c r="GS3231" s="91"/>
      <c r="GT3231" s="91"/>
      <c r="GU3231" s="91"/>
      <c r="GV3231" s="91"/>
      <c r="GW3231" s="91"/>
      <c r="GX3231" s="127"/>
      <c r="GY3231" s="126"/>
      <c r="GZ3231" s="91"/>
      <c r="HA3231" s="91"/>
      <c r="HB3231" s="91"/>
      <c r="HC3231" s="91"/>
      <c r="HD3231" s="91"/>
      <c r="HE3231" s="91"/>
      <c r="HF3231" s="91"/>
      <c r="HG3231" s="91"/>
      <c r="HH3231" s="91"/>
      <c r="HI3231" s="91"/>
      <c r="HJ3231" s="91"/>
      <c r="HK3231" s="127"/>
      <c r="HL3231" s="126"/>
      <c r="HM3231" s="91"/>
      <c r="HN3231" s="91"/>
      <c r="HO3231" s="91"/>
      <c r="HP3231" s="91"/>
      <c r="HQ3231" s="91"/>
      <c r="HR3231" s="91"/>
      <c r="HS3231" s="91"/>
      <c r="HT3231" s="91"/>
      <c r="HU3231" s="91"/>
      <c r="HV3231" s="91"/>
      <c r="HW3231" s="91"/>
      <c r="HX3231" s="127"/>
      <c r="HY3231" s="126"/>
      <c r="HZ3231" s="91"/>
      <c r="IA3231" s="91"/>
      <c r="IB3231" s="91"/>
      <c r="IC3231" s="91"/>
      <c r="ID3231" s="91"/>
      <c r="IE3231" s="91"/>
      <c r="IF3231" s="91"/>
      <c r="IG3231" s="91"/>
      <c r="IH3231" s="91"/>
      <c r="II3231" s="91"/>
      <c r="IJ3231" s="91"/>
      <c r="IK3231" s="174"/>
    </row>
    <row r="3232" spans="2:245" x14ac:dyDescent="0.2">
      <c r="B3232" s="43"/>
      <c r="C3232" s="73"/>
      <c r="D3232" s="64"/>
      <c r="E3232" s="64"/>
      <c r="F3232" s="55"/>
      <c r="G3232" s="102"/>
      <c r="H3232" s="97"/>
      <c r="T3232" s="98"/>
      <c r="U3232" s="97"/>
      <c r="AG3232" s="98"/>
      <c r="AY3232" s="164"/>
      <c r="BK3232" s="98"/>
      <c r="BL3232" s="97"/>
      <c r="BX3232" s="98"/>
      <c r="CL3232" s="97"/>
      <c r="CX3232" s="98"/>
      <c r="DL3232" s="97"/>
      <c r="DX3232" s="98"/>
      <c r="EL3232" s="97"/>
      <c r="EX3232" s="98"/>
      <c r="EY3232" s="97"/>
      <c r="FL3232" s="126"/>
      <c r="FM3232" s="91"/>
      <c r="FN3232" s="91"/>
      <c r="FO3232" s="91"/>
      <c r="FP3232" s="91"/>
      <c r="FQ3232" s="91"/>
      <c r="FR3232" s="91"/>
      <c r="FS3232" s="91"/>
      <c r="FT3232" s="91"/>
      <c r="FU3232" s="91"/>
      <c r="FV3232" s="91"/>
      <c r="FW3232" s="91"/>
      <c r="FX3232" s="127"/>
      <c r="FY3232" s="126"/>
      <c r="FZ3232" s="91"/>
      <c r="GA3232" s="91"/>
      <c r="GB3232" s="91"/>
      <c r="GC3232" s="91"/>
      <c r="GD3232" s="91"/>
      <c r="GE3232" s="91"/>
      <c r="GF3232" s="91"/>
      <c r="GG3232" s="91"/>
      <c r="GH3232" s="91"/>
      <c r="GI3232" s="91"/>
      <c r="GJ3232" s="91"/>
      <c r="GK3232" s="127"/>
      <c r="GL3232" s="126"/>
      <c r="GM3232" s="91"/>
      <c r="GN3232" s="91"/>
      <c r="GO3232" s="91"/>
      <c r="GP3232" s="91"/>
      <c r="GQ3232" s="91"/>
      <c r="GR3232" s="91"/>
      <c r="GS3232" s="91"/>
      <c r="GT3232" s="91"/>
      <c r="GU3232" s="91"/>
      <c r="GV3232" s="91"/>
      <c r="GW3232" s="91"/>
      <c r="GX3232" s="127"/>
      <c r="GY3232" s="126"/>
      <c r="GZ3232" s="91"/>
      <c r="HA3232" s="91"/>
      <c r="HB3232" s="91"/>
      <c r="HC3232" s="91"/>
      <c r="HD3232" s="91"/>
      <c r="HE3232" s="91"/>
      <c r="HF3232" s="91"/>
      <c r="HG3232" s="91"/>
      <c r="HH3232" s="91"/>
      <c r="HI3232" s="91"/>
      <c r="HJ3232" s="91"/>
      <c r="HK3232" s="127"/>
      <c r="HL3232" s="126"/>
      <c r="HM3232" s="91"/>
      <c r="HN3232" s="91"/>
      <c r="HO3232" s="91"/>
      <c r="HP3232" s="91"/>
      <c r="HQ3232" s="91"/>
      <c r="HR3232" s="91"/>
      <c r="HS3232" s="91"/>
      <c r="HT3232" s="91"/>
      <c r="HU3232" s="91"/>
      <c r="HV3232" s="91"/>
      <c r="HW3232" s="91"/>
      <c r="HX3232" s="127"/>
      <c r="HY3232" s="126"/>
      <c r="HZ3232" s="91"/>
      <c r="IA3232" s="91"/>
      <c r="IB3232" s="91"/>
      <c r="IC3232" s="91"/>
      <c r="ID3232" s="91"/>
      <c r="IE3232" s="91"/>
      <c r="IF3232" s="91"/>
      <c r="IG3232" s="91"/>
      <c r="IH3232" s="91"/>
      <c r="II3232" s="91"/>
      <c r="IJ3232" s="91"/>
      <c r="IK3232" s="174"/>
    </row>
    <row r="3233" spans="2:245" x14ac:dyDescent="0.2">
      <c r="B3233" s="43"/>
      <c r="C3233" s="73"/>
      <c r="D3233" s="64"/>
      <c r="E3233" s="64"/>
      <c r="F3233" s="55"/>
      <c r="G3233" s="102"/>
      <c r="H3233" s="97"/>
      <c r="T3233" s="98"/>
      <c r="U3233" s="97"/>
      <c r="AG3233" s="98"/>
      <c r="AY3233" s="164"/>
      <c r="BK3233" s="98"/>
      <c r="BL3233" s="97"/>
      <c r="BX3233" s="98"/>
      <c r="CL3233" s="97"/>
      <c r="CX3233" s="98"/>
      <c r="DL3233" s="97"/>
      <c r="DX3233" s="98"/>
      <c r="EL3233" s="97"/>
      <c r="EX3233" s="98"/>
      <c r="EY3233" s="97"/>
      <c r="FL3233" s="126"/>
      <c r="FM3233" s="91"/>
      <c r="FN3233" s="91"/>
      <c r="FO3233" s="91"/>
      <c r="FP3233" s="91"/>
      <c r="FQ3233" s="91"/>
      <c r="FR3233" s="91"/>
      <c r="FS3233" s="91"/>
      <c r="FT3233" s="91"/>
      <c r="FU3233" s="91"/>
      <c r="FV3233" s="91"/>
      <c r="FW3233" s="91"/>
      <c r="FX3233" s="127"/>
      <c r="FY3233" s="126"/>
      <c r="FZ3233" s="91"/>
      <c r="GA3233" s="91"/>
      <c r="GB3233" s="91"/>
      <c r="GC3233" s="91"/>
      <c r="GD3233" s="91"/>
      <c r="GE3233" s="91"/>
      <c r="GF3233" s="91"/>
      <c r="GG3233" s="91"/>
      <c r="GH3233" s="91"/>
      <c r="GI3233" s="91"/>
      <c r="GJ3233" s="91"/>
      <c r="GK3233" s="127"/>
      <c r="GL3233" s="126"/>
      <c r="GM3233" s="91"/>
      <c r="GN3233" s="91"/>
      <c r="GO3233" s="91"/>
      <c r="GP3233" s="91"/>
      <c r="GQ3233" s="91"/>
      <c r="GR3233" s="91"/>
      <c r="GS3233" s="91"/>
      <c r="GT3233" s="91"/>
      <c r="GU3233" s="91"/>
      <c r="GV3233" s="91"/>
      <c r="GW3233" s="91"/>
      <c r="GX3233" s="127"/>
      <c r="GY3233" s="126"/>
      <c r="GZ3233" s="91"/>
      <c r="HA3233" s="91"/>
      <c r="HB3233" s="91"/>
      <c r="HC3233" s="91"/>
      <c r="HD3233" s="91"/>
      <c r="HE3233" s="91"/>
      <c r="HF3233" s="91"/>
      <c r="HG3233" s="91"/>
      <c r="HH3233" s="91"/>
      <c r="HI3233" s="91"/>
      <c r="HJ3233" s="91"/>
      <c r="HK3233" s="127"/>
      <c r="HL3233" s="126"/>
      <c r="HM3233" s="91"/>
      <c r="HN3233" s="91"/>
      <c r="HO3233" s="91"/>
      <c r="HP3233" s="91"/>
      <c r="HQ3233" s="91"/>
      <c r="HR3233" s="91"/>
      <c r="HS3233" s="91"/>
      <c r="HT3233" s="91"/>
      <c r="HU3233" s="91"/>
      <c r="HV3233" s="91"/>
      <c r="HW3233" s="91"/>
      <c r="HX3233" s="127"/>
      <c r="HY3233" s="126"/>
      <c r="HZ3233" s="91"/>
      <c r="IA3233" s="91"/>
      <c r="IB3233" s="91"/>
      <c r="IC3233" s="91"/>
      <c r="ID3233" s="91"/>
      <c r="IE3233" s="91"/>
      <c r="IF3233" s="91"/>
      <c r="IG3233" s="91"/>
      <c r="IH3233" s="91"/>
      <c r="II3233" s="91"/>
      <c r="IJ3233" s="91"/>
      <c r="IK3233" s="174"/>
    </row>
    <row r="3234" spans="2:245" x14ac:dyDescent="0.2">
      <c r="B3234" s="43"/>
      <c r="C3234" s="73"/>
      <c r="D3234" s="64"/>
      <c r="E3234" s="64"/>
      <c r="F3234" s="55"/>
      <c r="G3234" s="102"/>
      <c r="H3234" s="97"/>
      <c r="T3234" s="98"/>
      <c r="U3234" s="97"/>
      <c r="AG3234" s="98"/>
      <c r="AY3234" s="164"/>
      <c r="BK3234" s="98"/>
      <c r="BL3234" s="97"/>
      <c r="BX3234" s="98"/>
      <c r="CL3234" s="97"/>
      <c r="CX3234" s="98"/>
      <c r="DL3234" s="97"/>
      <c r="DX3234" s="98"/>
      <c r="EL3234" s="97"/>
      <c r="EX3234" s="98"/>
      <c r="EY3234" s="97"/>
      <c r="FL3234" s="126"/>
      <c r="FM3234" s="91"/>
      <c r="FN3234" s="91"/>
      <c r="FO3234" s="91"/>
      <c r="FP3234" s="91"/>
      <c r="FQ3234" s="91"/>
      <c r="FR3234" s="91"/>
      <c r="FS3234" s="91"/>
      <c r="FT3234" s="91"/>
      <c r="FU3234" s="91"/>
      <c r="FV3234" s="91"/>
      <c r="FW3234" s="91"/>
      <c r="FX3234" s="127"/>
      <c r="FY3234" s="126"/>
      <c r="FZ3234" s="91"/>
      <c r="GA3234" s="91"/>
      <c r="GB3234" s="91"/>
      <c r="GC3234" s="91"/>
      <c r="GD3234" s="91"/>
      <c r="GE3234" s="91"/>
      <c r="GF3234" s="91"/>
      <c r="GG3234" s="91"/>
      <c r="GH3234" s="91"/>
      <c r="GI3234" s="91"/>
      <c r="GJ3234" s="91"/>
      <c r="GK3234" s="127"/>
      <c r="GL3234" s="126"/>
      <c r="GM3234" s="91"/>
      <c r="GN3234" s="91"/>
      <c r="GO3234" s="91"/>
      <c r="GP3234" s="91"/>
      <c r="GQ3234" s="91"/>
      <c r="GR3234" s="91"/>
      <c r="GS3234" s="91"/>
      <c r="GT3234" s="91"/>
      <c r="GU3234" s="91"/>
      <c r="GV3234" s="91"/>
      <c r="GW3234" s="91"/>
      <c r="GX3234" s="127"/>
      <c r="GY3234" s="126"/>
      <c r="GZ3234" s="91"/>
      <c r="HA3234" s="91"/>
      <c r="HB3234" s="91"/>
      <c r="HC3234" s="91"/>
      <c r="HD3234" s="91"/>
      <c r="HE3234" s="91"/>
      <c r="HF3234" s="91"/>
      <c r="HG3234" s="91"/>
      <c r="HH3234" s="91"/>
      <c r="HI3234" s="91"/>
      <c r="HJ3234" s="91"/>
      <c r="HK3234" s="127"/>
      <c r="HL3234" s="126"/>
      <c r="HM3234" s="91"/>
      <c r="HN3234" s="91"/>
      <c r="HO3234" s="91"/>
      <c r="HP3234" s="91"/>
      <c r="HQ3234" s="91"/>
      <c r="HR3234" s="91"/>
      <c r="HS3234" s="91"/>
      <c r="HT3234" s="91"/>
      <c r="HU3234" s="91"/>
      <c r="HV3234" s="91"/>
      <c r="HW3234" s="91"/>
      <c r="HX3234" s="127"/>
      <c r="HY3234" s="126"/>
      <c r="HZ3234" s="91"/>
      <c r="IA3234" s="91"/>
      <c r="IB3234" s="91"/>
      <c r="IC3234" s="91"/>
      <c r="ID3234" s="91"/>
      <c r="IE3234" s="91"/>
      <c r="IF3234" s="91"/>
      <c r="IG3234" s="91"/>
      <c r="IH3234" s="91"/>
      <c r="II3234" s="91"/>
      <c r="IJ3234" s="91"/>
      <c r="IK3234" s="174"/>
    </row>
    <row r="3235" spans="2:245" x14ac:dyDescent="0.2">
      <c r="B3235" s="43"/>
      <c r="C3235" s="73"/>
      <c r="D3235" s="64"/>
      <c r="E3235" s="64"/>
      <c r="F3235" s="55"/>
      <c r="G3235" s="102"/>
      <c r="H3235" s="97"/>
      <c r="T3235" s="98"/>
      <c r="U3235" s="97"/>
      <c r="AG3235" s="98"/>
      <c r="AY3235" s="164"/>
      <c r="BK3235" s="98"/>
      <c r="BL3235" s="97"/>
      <c r="BX3235" s="98"/>
      <c r="CL3235" s="97"/>
      <c r="CX3235" s="98"/>
      <c r="DL3235" s="97"/>
      <c r="DX3235" s="98"/>
      <c r="EL3235" s="97"/>
      <c r="EX3235" s="98"/>
      <c r="EY3235" s="97"/>
      <c r="FL3235" s="126"/>
      <c r="FM3235" s="91"/>
      <c r="FN3235" s="91"/>
      <c r="FO3235" s="91"/>
      <c r="FP3235" s="91"/>
      <c r="FQ3235" s="91"/>
      <c r="FR3235" s="91"/>
      <c r="FS3235" s="91"/>
      <c r="FT3235" s="91"/>
      <c r="FU3235" s="91"/>
      <c r="FV3235" s="91"/>
      <c r="FW3235" s="91"/>
      <c r="FX3235" s="127"/>
      <c r="FY3235" s="126"/>
      <c r="FZ3235" s="91"/>
      <c r="GA3235" s="91"/>
      <c r="GB3235" s="91"/>
      <c r="GC3235" s="91"/>
      <c r="GD3235" s="91"/>
      <c r="GE3235" s="91"/>
      <c r="GF3235" s="91"/>
      <c r="GG3235" s="91"/>
      <c r="GH3235" s="91"/>
      <c r="GI3235" s="91"/>
      <c r="GJ3235" s="91"/>
      <c r="GK3235" s="127"/>
      <c r="GL3235" s="126"/>
      <c r="GM3235" s="91"/>
      <c r="GN3235" s="91"/>
      <c r="GO3235" s="91"/>
      <c r="GP3235" s="91"/>
      <c r="GQ3235" s="91"/>
      <c r="GR3235" s="91"/>
      <c r="GS3235" s="91"/>
      <c r="GT3235" s="91"/>
      <c r="GU3235" s="91"/>
      <c r="GV3235" s="91"/>
      <c r="GW3235" s="91"/>
      <c r="GX3235" s="127"/>
      <c r="GY3235" s="126"/>
      <c r="GZ3235" s="91"/>
      <c r="HA3235" s="91"/>
      <c r="HB3235" s="91"/>
      <c r="HC3235" s="91"/>
      <c r="HD3235" s="91"/>
      <c r="HE3235" s="91"/>
      <c r="HF3235" s="91"/>
      <c r="HG3235" s="91"/>
      <c r="HH3235" s="91"/>
      <c r="HI3235" s="91"/>
      <c r="HJ3235" s="91"/>
      <c r="HK3235" s="127"/>
      <c r="HL3235" s="126"/>
      <c r="HM3235" s="91"/>
      <c r="HN3235" s="91"/>
      <c r="HO3235" s="91"/>
      <c r="HP3235" s="91"/>
      <c r="HQ3235" s="91"/>
      <c r="HR3235" s="91"/>
      <c r="HS3235" s="91"/>
      <c r="HT3235" s="91"/>
      <c r="HU3235" s="91"/>
      <c r="HV3235" s="91"/>
      <c r="HW3235" s="91"/>
      <c r="HX3235" s="127"/>
      <c r="HY3235" s="126"/>
      <c r="HZ3235" s="91"/>
      <c r="IA3235" s="91"/>
      <c r="IB3235" s="91"/>
      <c r="IC3235" s="91"/>
      <c r="ID3235" s="91"/>
      <c r="IE3235" s="91"/>
      <c r="IF3235" s="91"/>
      <c r="IG3235" s="91"/>
      <c r="IH3235" s="91"/>
      <c r="II3235" s="91"/>
      <c r="IJ3235" s="91"/>
      <c r="IK3235" s="174"/>
    </row>
    <row r="3236" spans="2:245" x14ac:dyDescent="0.2">
      <c r="B3236" s="43"/>
      <c r="C3236" s="73"/>
      <c r="D3236" s="64"/>
      <c r="E3236" s="64"/>
      <c r="F3236" s="55"/>
      <c r="G3236" s="102"/>
      <c r="H3236" s="97"/>
      <c r="T3236" s="98"/>
      <c r="U3236" s="97"/>
      <c r="AG3236" s="98"/>
      <c r="AY3236" s="164"/>
      <c r="BK3236" s="98"/>
      <c r="BL3236" s="97"/>
      <c r="BX3236" s="98"/>
      <c r="CL3236" s="97"/>
      <c r="CX3236" s="98"/>
      <c r="DL3236" s="97"/>
      <c r="DX3236" s="98"/>
      <c r="EL3236" s="97"/>
      <c r="EX3236" s="98"/>
      <c r="EY3236" s="97"/>
      <c r="FL3236" s="126"/>
      <c r="FM3236" s="91"/>
      <c r="FN3236" s="91"/>
      <c r="FO3236" s="91"/>
      <c r="FP3236" s="91"/>
      <c r="FQ3236" s="91"/>
      <c r="FR3236" s="91"/>
      <c r="FS3236" s="91"/>
      <c r="FT3236" s="91"/>
      <c r="FU3236" s="91"/>
      <c r="FV3236" s="91"/>
      <c r="FW3236" s="91"/>
      <c r="FX3236" s="127"/>
      <c r="FY3236" s="126"/>
      <c r="FZ3236" s="91"/>
      <c r="GA3236" s="91"/>
      <c r="GB3236" s="91"/>
      <c r="GC3236" s="91"/>
      <c r="GD3236" s="91"/>
      <c r="GE3236" s="91"/>
      <c r="GF3236" s="91"/>
      <c r="GG3236" s="91"/>
      <c r="GH3236" s="91"/>
      <c r="GI3236" s="91"/>
      <c r="GJ3236" s="91"/>
      <c r="GK3236" s="127"/>
      <c r="GL3236" s="126"/>
      <c r="GM3236" s="91"/>
      <c r="GN3236" s="91"/>
      <c r="GO3236" s="91"/>
      <c r="GP3236" s="91"/>
      <c r="GQ3236" s="91"/>
      <c r="GR3236" s="91"/>
      <c r="GS3236" s="91"/>
      <c r="GT3236" s="91"/>
      <c r="GU3236" s="91"/>
      <c r="GV3236" s="91"/>
      <c r="GW3236" s="91"/>
      <c r="GX3236" s="127"/>
      <c r="GY3236" s="126"/>
      <c r="GZ3236" s="91"/>
      <c r="HA3236" s="91"/>
      <c r="HB3236" s="91"/>
      <c r="HC3236" s="91"/>
      <c r="HD3236" s="91"/>
      <c r="HE3236" s="91"/>
      <c r="HF3236" s="91"/>
      <c r="HG3236" s="91"/>
      <c r="HH3236" s="91"/>
      <c r="HI3236" s="91"/>
      <c r="HJ3236" s="91"/>
      <c r="HK3236" s="127"/>
      <c r="HL3236" s="126"/>
      <c r="HM3236" s="91"/>
      <c r="HN3236" s="91"/>
      <c r="HO3236" s="91"/>
      <c r="HP3236" s="91"/>
      <c r="HQ3236" s="91"/>
      <c r="HR3236" s="91"/>
      <c r="HS3236" s="91"/>
      <c r="HT3236" s="91"/>
      <c r="HU3236" s="91"/>
      <c r="HV3236" s="91"/>
      <c r="HW3236" s="91"/>
      <c r="HX3236" s="127"/>
      <c r="HY3236" s="126"/>
      <c r="HZ3236" s="91"/>
      <c r="IA3236" s="91"/>
      <c r="IB3236" s="91"/>
      <c r="IC3236" s="91"/>
      <c r="ID3236" s="91"/>
      <c r="IE3236" s="91"/>
      <c r="IF3236" s="91"/>
      <c r="IG3236" s="91"/>
      <c r="IH3236" s="91"/>
      <c r="II3236" s="91"/>
      <c r="IJ3236" s="91"/>
      <c r="IK3236" s="174"/>
    </row>
    <row r="3237" spans="2:245" x14ac:dyDescent="0.2">
      <c r="B3237" s="43"/>
      <c r="C3237" s="73"/>
      <c r="D3237" s="64"/>
      <c r="E3237" s="64"/>
      <c r="F3237" s="55"/>
      <c r="G3237" s="102"/>
      <c r="H3237" s="97"/>
      <c r="T3237" s="98"/>
      <c r="U3237" s="97"/>
      <c r="AG3237" s="98"/>
      <c r="AY3237" s="164"/>
      <c r="BK3237" s="98"/>
      <c r="BL3237" s="97"/>
      <c r="BX3237" s="98"/>
      <c r="CL3237" s="97"/>
      <c r="CX3237" s="98"/>
      <c r="DL3237" s="97"/>
      <c r="DX3237" s="98"/>
      <c r="EL3237" s="97"/>
      <c r="EX3237" s="98"/>
      <c r="EY3237" s="97"/>
      <c r="FL3237" s="126"/>
      <c r="FM3237" s="91"/>
      <c r="FN3237" s="91"/>
      <c r="FO3237" s="91"/>
      <c r="FP3237" s="91"/>
      <c r="FQ3237" s="91"/>
      <c r="FR3237" s="91"/>
      <c r="FS3237" s="91"/>
      <c r="FT3237" s="91"/>
      <c r="FU3237" s="91"/>
      <c r="FV3237" s="91"/>
      <c r="FW3237" s="91"/>
      <c r="FX3237" s="127"/>
      <c r="FY3237" s="126"/>
      <c r="FZ3237" s="91"/>
      <c r="GA3237" s="91"/>
      <c r="GB3237" s="91"/>
      <c r="GC3237" s="91"/>
      <c r="GD3237" s="91"/>
      <c r="GE3237" s="91"/>
      <c r="GF3237" s="91"/>
      <c r="GG3237" s="91"/>
      <c r="GH3237" s="91"/>
      <c r="GI3237" s="91"/>
      <c r="GJ3237" s="91"/>
      <c r="GK3237" s="127"/>
      <c r="GL3237" s="126"/>
      <c r="GM3237" s="91"/>
      <c r="GN3237" s="91"/>
      <c r="GO3237" s="91"/>
      <c r="GP3237" s="91"/>
      <c r="GQ3237" s="91"/>
      <c r="GR3237" s="91"/>
      <c r="GS3237" s="91"/>
      <c r="GT3237" s="91"/>
      <c r="GU3237" s="91"/>
      <c r="GV3237" s="91"/>
      <c r="GW3237" s="91"/>
      <c r="GX3237" s="127"/>
      <c r="GY3237" s="126"/>
      <c r="GZ3237" s="91"/>
      <c r="HA3237" s="91"/>
      <c r="HB3237" s="91"/>
      <c r="HC3237" s="91"/>
      <c r="HD3237" s="91"/>
      <c r="HE3237" s="91"/>
      <c r="HF3237" s="91"/>
      <c r="HG3237" s="91"/>
      <c r="HH3237" s="91"/>
      <c r="HI3237" s="91"/>
      <c r="HJ3237" s="91"/>
      <c r="HK3237" s="127"/>
      <c r="HL3237" s="126"/>
      <c r="HM3237" s="91"/>
      <c r="HN3237" s="91"/>
      <c r="HO3237" s="91"/>
      <c r="HP3237" s="91"/>
      <c r="HQ3237" s="91"/>
      <c r="HR3237" s="91"/>
      <c r="HS3237" s="91"/>
      <c r="HT3237" s="91"/>
      <c r="HU3237" s="91"/>
      <c r="HV3237" s="91"/>
      <c r="HW3237" s="91"/>
      <c r="HX3237" s="127"/>
      <c r="HY3237" s="126"/>
      <c r="HZ3237" s="91"/>
      <c r="IA3237" s="91"/>
      <c r="IB3237" s="91"/>
      <c r="IC3237" s="91"/>
      <c r="ID3237" s="91"/>
      <c r="IE3237" s="91"/>
      <c r="IF3237" s="91"/>
      <c r="IG3237" s="91"/>
      <c r="IH3237" s="91"/>
      <c r="II3237" s="91"/>
      <c r="IJ3237" s="91"/>
      <c r="IK3237" s="174"/>
    </row>
    <row r="3238" spans="2:245" x14ac:dyDescent="0.2">
      <c r="B3238" s="43"/>
      <c r="C3238" s="73"/>
      <c r="D3238" s="64"/>
      <c r="E3238" s="64"/>
      <c r="F3238" s="55"/>
      <c r="G3238" s="102"/>
      <c r="H3238" s="97"/>
      <c r="T3238" s="98"/>
      <c r="U3238" s="97"/>
      <c r="AG3238" s="98"/>
      <c r="AY3238" s="164"/>
      <c r="BK3238" s="98"/>
      <c r="BL3238" s="97"/>
      <c r="BX3238" s="98"/>
      <c r="CL3238" s="97"/>
      <c r="CX3238" s="98"/>
      <c r="DL3238" s="97"/>
      <c r="DX3238" s="98"/>
      <c r="EL3238" s="97"/>
      <c r="EX3238" s="98"/>
      <c r="EY3238" s="97"/>
      <c r="FL3238" s="126"/>
      <c r="FM3238" s="91"/>
      <c r="FN3238" s="91"/>
      <c r="FO3238" s="91"/>
      <c r="FP3238" s="91"/>
      <c r="FQ3238" s="91"/>
      <c r="FR3238" s="91"/>
      <c r="FS3238" s="91"/>
      <c r="FT3238" s="91"/>
      <c r="FU3238" s="91"/>
      <c r="FV3238" s="91"/>
      <c r="FW3238" s="91"/>
      <c r="FX3238" s="127"/>
      <c r="FY3238" s="126"/>
      <c r="FZ3238" s="91"/>
      <c r="GA3238" s="91"/>
      <c r="GB3238" s="91"/>
      <c r="GC3238" s="91"/>
      <c r="GD3238" s="91"/>
      <c r="GE3238" s="91"/>
      <c r="GF3238" s="91"/>
      <c r="GG3238" s="91"/>
      <c r="GH3238" s="91"/>
      <c r="GI3238" s="91"/>
      <c r="GJ3238" s="91"/>
      <c r="GK3238" s="127"/>
      <c r="GL3238" s="126"/>
      <c r="GM3238" s="91"/>
      <c r="GN3238" s="91"/>
      <c r="GO3238" s="91"/>
      <c r="GP3238" s="91"/>
      <c r="GQ3238" s="91"/>
      <c r="GR3238" s="91"/>
      <c r="GS3238" s="91"/>
      <c r="GT3238" s="91"/>
      <c r="GU3238" s="91"/>
      <c r="GV3238" s="91"/>
      <c r="GW3238" s="91"/>
      <c r="GX3238" s="127"/>
      <c r="GY3238" s="126"/>
      <c r="GZ3238" s="91"/>
      <c r="HA3238" s="91"/>
      <c r="HB3238" s="91"/>
      <c r="HC3238" s="91"/>
      <c r="HD3238" s="91"/>
      <c r="HE3238" s="91"/>
      <c r="HF3238" s="91"/>
      <c r="HG3238" s="91"/>
      <c r="HH3238" s="91"/>
      <c r="HI3238" s="91"/>
      <c r="HJ3238" s="91"/>
      <c r="HK3238" s="127"/>
      <c r="HL3238" s="126"/>
      <c r="HM3238" s="91"/>
      <c r="HN3238" s="91"/>
      <c r="HO3238" s="91"/>
      <c r="HP3238" s="91"/>
      <c r="HQ3238" s="91"/>
      <c r="HR3238" s="91"/>
      <c r="HS3238" s="91"/>
      <c r="HT3238" s="91"/>
      <c r="HU3238" s="91"/>
      <c r="HV3238" s="91"/>
      <c r="HW3238" s="91"/>
      <c r="HX3238" s="127"/>
      <c r="HY3238" s="126"/>
      <c r="HZ3238" s="91"/>
      <c r="IA3238" s="91"/>
      <c r="IB3238" s="91"/>
      <c r="IC3238" s="91"/>
      <c r="ID3238" s="91"/>
      <c r="IE3238" s="91"/>
      <c r="IF3238" s="91"/>
      <c r="IG3238" s="91"/>
      <c r="IH3238" s="91"/>
      <c r="II3238" s="91"/>
      <c r="IJ3238" s="91"/>
      <c r="IK3238" s="174"/>
    </row>
    <row r="3239" spans="2:245" x14ac:dyDescent="0.2">
      <c r="B3239" s="43"/>
      <c r="C3239" s="73"/>
      <c r="D3239" s="64"/>
      <c r="E3239" s="64"/>
      <c r="F3239" s="55"/>
      <c r="G3239" s="102"/>
      <c r="H3239" s="97"/>
      <c r="T3239" s="98"/>
      <c r="U3239" s="97"/>
      <c r="AG3239" s="98"/>
      <c r="AY3239" s="164"/>
      <c r="BK3239" s="98"/>
      <c r="BL3239" s="97"/>
      <c r="BX3239" s="98"/>
      <c r="CL3239" s="97"/>
      <c r="CX3239" s="98"/>
      <c r="DL3239" s="97"/>
      <c r="DX3239" s="98"/>
      <c r="EL3239" s="97"/>
      <c r="EX3239" s="98"/>
      <c r="EY3239" s="97"/>
      <c r="FL3239" s="126"/>
      <c r="FM3239" s="91"/>
      <c r="FN3239" s="91"/>
      <c r="FO3239" s="91"/>
      <c r="FP3239" s="91"/>
      <c r="FQ3239" s="91"/>
      <c r="FR3239" s="91"/>
      <c r="FS3239" s="91"/>
      <c r="FT3239" s="91"/>
      <c r="FU3239" s="91"/>
      <c r="FV3239" s="91"/>
      <c r="FW3239" s="91"/>
      <c r="FX3239" s="127"/>
      <c r="FY3239" s="126"/>
      <c r="FZ3239" s="91"/>
      <c r="GA3239" s="91"/>
      <c r="GB3239" s="91"/>
      <c r="GC3239" s="91"/>
      <c r="GD3239" s="91"/>
      <c r="GE3239" s="91"/>
      <c r="GF3239" s="91"/>
      <c r="GG3239" s="91"/>
      <c r="GH3239" s="91"/>
      <c r="GI3239" s="91"/>
      <c r="GJ3239" s="91"/>
      <c r="GK3239" s="127"/>
      <c r="GL3239" s="126"/>
      <c r="GM3239" s="91"/>
      <c r="GN3239" s="91"/>
      <c r="GO3239" s="91"/>
      <c r="GP3239" s="91"/>
      <c r="GQ3239" s="91"/>
      <c r="GR3239" s="91"/>
      <c r="GS3239" s="91"/>
      <c r="GT3239" s="91"/>
      <c r="GU3239" s="91"/>
      <c r="GV3239" s="91"/>
      <c r="GW3239" s="91"/>
      <c r="GX3239" s="127"/>
      <c r="GY3239" s="126"/>
      <c r="GZ3239" s="91"/>
      <c r="HA3239" s="91"/>
      <c r="HB3239" s="91"/>
      <c r="HC3239" s="91"/>
      <c r="HD3239" s="91"/>
      <c r="HE3239" s="91"/>
      <c r="HF3239" s="91"/>
      <c r="HG3239" s="91"/>
      <c r="HH3239" s="91"/>
      <c r="HI3239" s="91"/>
      <c r="HJ3239" s="91"/>
      <c r="HK3239" s="127"/>
      <c r="HL3239" s="126"/>
      <c r="HM3239" s="91"/>
      <c r="HN3239" s="91"/>
      <c r="HO3239" s="91"/>
      <c r="HP3239" s="91"/>
      <c r="HQ3239" s="91"/>
      <c r="HR3239" s="91"/>
      <c r="HS3239" s="91"/>
      <c r="HT3239" s="91"/>
      <c r="HU3239" s="91"/>
      <c r="HV3239" s="91"/>
      <c r="HW3239" s="91"/>
      <c r="HX3239" s="127"/>
      <c r="HY3239" s="126"/>
      <c r="HZ3239" s="91"/>
      <c r="IA3239" s="91"/>
      <c r="IB3239" s="91"/>
      <c r="IC3239" s="91"/>
      <c r="ID3239" s="91"/>
      <c r="IE3239" s="91"/>
      <c r="IF3239" s="91"/>
      <c r="IG3239" s="91"/>
      <c r="IH3239" s="91"/>
      <c r="II3239" s="91"/>
      <c r="IJ3239" s="91"/>
      <c r="IK3239" s="174"/>
    </row>
    <row r="3240" spans="2:245" x14ac:dyDescent="0.2">
      <c r="B3240" s="43"/>
      <c r="C3240" s="73"/>
      <c r="D3240" s="64"/>
      <c r="E3240" s="64"/>
      <c r="F3240" s="55"/>
      <c r="G3240" s="102"/>
      <c r="H3240" s="97"/>
      <c r="T3240" s="98"/>
      <c r="U3240" s="97"/>
      <c r="AG3240" s="98"/>
      <c r="AY3240" s="164"/>
      <c r="BK3240" s="98"/>
      <c r="BL3240" s="97"/>
      <c r="BX3240" s="98"/>
      <c r="CL3240" s="97"/>
      <c r="CX3240" s="98"/>
      <c r="DL3240" s="97"/>
      <c r="DX3240" s="98"/>
      <c r="EL3240" s="97"/>
      <c r="EX3240" s="98"/>
      <c r="EY3240" s="97"/>
      <c r="FL3240" s="126"/>
      <c r="FM3240" s="91"/>
      <c r="FN3240" s="91"/>
      <c r="FO3240" s="91"/>
      <c r="FP3240" s="91"/>
      <c r="FQ3240" s="91"/>
      <c r="FR3240" s="91"/>
      <c r="FS3240" s="91"/>
      <c r="FT3240" s="91"/>
      <c r="FU3240" s="91"/>
      <c r="FV3240" s="91"/>
      <c r="FW3240" s="91"/>
      <c r="FX3240" s="127"/>
      <c r="FY3240" s="126"/>
      <c r="FZ3240" s="91"/>
      <c r="GA3240" s="91"/>
      <c r="GB3240" s="91"/>
      <c r="GC3240" s="91"/>
      <c r="GD3240" s="91"/>
      <c r="GE3240" s="91"/>
      <c r="GF3240" s="91"/>
      <c r="GG3240" s="91"/>
      <c r="GH3240" s="91"/>
      <c r="GI3240" s="91"/>
      <c r="GJ3240" s="91"/>
      <c r="GK3240" s="127"/>
      <c r="GL3240" s="126"/>
      <c r="GM3240" s="91"/>
      <c r="GN3240" s="91"/>
      <c r="GO3240" s="91"/>
      <c r="GP3240" s="91"/>
      <c r="GQ3240" s="91"/>
      <c r="GR3240" s="91"/>
      <c r="GS3240" s="91"/>
      <c r="GT3240" s="91"/>
      <c r="GU3240" s="91"/>
      <c r="GV3240" s="91"/>
      <c r="GW3240" s="91"/>
      <c r="GX3240" s="127"/>
      <c r="GY3240" s="126"/>
      <c r="GZ3240" s="91"/>
      <c r="HA3240" s="91"/>
      <c r="HB3240" s="91"/>
      <c r="HC3240" s="91"/>
      <c r="HD3240" s="91"/>
      <c r="HE3240" s="91"/>
      <c r="HF3240" s="91"/>
      <c r="HG3240" s="91"/>
      <c r="HH3240" s="91"/>
      <c r="HI3240" s="91"/>
      <c r="HJ3240" s="91"/>
      <c r="HK3240" s="127"/>
      <c r="HL3240" s="126"/>
      <c r="HM3240" s="91"/>
      <c r="HN3240" s="91"/>
      <c r="HO3240" s="91"/>
      <c r="HP3240" s="91"/>
      <c r="HQ3240" s="91"/>
      <c r="HR3240" s="91"/>
      <c r="HS3240" s="91"/>
      <c r="HT3240" s="91"/>
      <c r="HU3240" s="91"/>
      <c r="HV3240" s="91"/>
      <c r="HW3240" s="91"/>
      <c r="HX3240" s="127"/>
      <c r="HY3240" s="126"/>
      <c r="HZ3240" s="91"/>
      <c r="IA3240" s="91"/>
      <c r="IB3240" s="91"/>
      <c r="IC3240" s="91"/>
      <c r="ID3240" s="91"/>
      <c r="IE3240" s="91"/>
      <c r="IF3240" s="91"/>
      <c r="IG3240" s="91"/>
      <c r="IH3240" s="91"/>
      <c r="II3240" s="91"/>
      <c r="IJ3240" s="91"/>
      <c r="IK3240" s="174"/>
    </row>
    <row r="3241" spans="2:245" x14ac:dyDescent="0.2">
      <c r="B3241" s="43"/>
      <c r="C3241" s="73"/>
      <c r="D3241" s="64"/>
      <c r="E3241" s="64"/>
      <c r="F3241" s="55"/>
      <c r="G3241" s="102"/>
      <c r="H3241" s="97"/>
      <c r="T3241" s="98"/>
      <c r="U3241" s="97"/>
      <c r="AG3241" s="98"/>
      <c r="AY3241" s="164"/>
      <c r="BK3241" s="98"/>
      <c r="BL3241" s="97"/>
      <c r="BX3241" s="98"/>
      <c r="CL3241" s="97"/>
      <c r="CX3241" s="98"/>
      <c r="DL3241" s="97"/>
      <c r="DX3241" s="98"/>
      <c r="EL3241" s="97"/>
      <c r="EX3241" s="98"/>
      <c r="EY3241" s="97"/>
      <c r="FL3241" s="126"/>
      <c r="FM3241" s="91"/>
      <c r="FN3241" s="91"/>
      <c r="FO3241" s="91"/>
      <c r="FP3241" s="91"/>
      <c r="FQ3241" s="91"/>
      <c r="FR3241" s="91"/>
      <c r="FS3241" s="91"/>
      <c r="FT3241" s="91"/>
      <c r="FU3241" s="91"/>
      <c r="FV3241" s="91"/>
      <c r="FW3241" s="91"/>
      <c r="FX3241" s="127"/>
      <c r="FY3241" s="126"/>
      <c r="FZ3241" s="91"/>
      <c r="GA3241" s="91"/>
      <c r="GB3241" s="91"/>
      <c r="GC3241" s="91"/>
      <c r="GD3241" s="91"/>
      <c r="GE3241" s="91"/>
      <c r="GF3241" s="91"/>
      <c r="GG3241" s="91"/>
      <c r="GH3241" s="91"/>
      <c r="GI3241" s="91"/>
      <c r="GJ3241" s="91"/>
      <c r="GK3241" s="127"/>
      <c r="GL3241" s="126"/>
      <c r="GM3241" s="91"/>
      <c r="GN3241" s="91"/>
      <c r="GO3241" s="91"/>
      <c r="GP3241" s="91"/>
      <c r="GQ3241" s="91"/>
      <c r="GR3241" s="91"/>
      <c r="GS3241" s="91"/>
      <c r="GT3241" s="91"/>
      <c r="GU3241" s="91"/>
      <c r="GV3241" s="91"/>
      <c r="GW3241" s="91"/>
      <c r="GX3241" s="127"/>
      <c r="GY3241" s="126"/>
      <c r="GZ3241" s="91"/>
      <c r="HA3241" s="91"/>
      <c r="HB3241" s="91"/>
      <c r="HC3241" s="91"/>
      <c r="HD3241" s="91"/>
      <c r="HE3241" s="91"/>
      <c r="HF3241" s="91"/>
      <c r="HG3241" s="91"/>
      <c r="HH3241" s="91"/>
      <c r="HI3241" s="91"/>
      <c r="HJ3241" s="91"/>
      <c r="HK3241" s="127"/>
      <c r="HL3241" s="126"/>
      <c r="HM3241" s="91"/>
      <c r="HN3241" s="91"/>
      <c r="HO3241" s="91"/>
      <c r="HP3241" s="91"/>
      <c r="HQ3241" s="91"/>
      <c r="HR3241" s="91"/>
      <c r="HS3241" s="91"/>
      <c r="HT3241" s="91"/>
      <c r="HU3241" s="91"/>
      <c r="HV3241" s="91"/>
      <c r="HW3241" s="91"/>
      <c r="HX3241" s="127"/>
      <c r="HY3241" s="126"/>
      <c r="HZ3241" s="91"/>
      <c r="IA3241" s="91"/>
      <c r="IB3241" s="91"/>
      <c r="IC3241" s="91"/>
      <c r="ID3241" s="91"/>
      <c r="IE3241" s="91"/>
      <c r="IF3241" s="91"/>
      <c r="IG3241" s="91"/>
      <c r="IH3241" s="91"/>
      <c r="II3241" s="91"/>
      <c r="IJ3241" s="91"/>
      <c r="IK3241" s="174"/>
    </row>
    <row r="3242" spans="2:245" x14ac:dyDescent="0.2">
      <c r="B3242" s="43"/>
      <c r="C3242" s="73"/>
      <c r="D3242" s="64"/>
      <c r="E3242" s="64"/>
      <c r="F3242" s="55"/>
      <c r="G3242" s="102"/>
      <c r="H3242" s="97"/>
      <c r="T3242" s="98"/>
      <c r="U3242" s="97"/>
      <c r="AG3242" s="98"/>
      <c r="AY3242" s="164"/>
      <c r="BK3242" s="98"/>
      <c r="BL3242" s="97"/>
      <c r="BX3242" s="98"/>
      <c r="CL3242" s="97"/>
      <c r="CX3242" s="98"/>
      <c r="DL3242" s="97"/>
      <c r="DX3242" s="98"/>
      <c r="EL3242" s="97"/>
      <c r="EX3242" s="98"/>
      <c r="EY3242" s="97"/>
      <c r="FL3242" s="126"/>
      <c r="FM3242" s="91"/>
      <c r="FN3242" s="91"/>
      <c r="FO3242" s="91"/>
      <c r="FP3242" s="91"/>
      <c r="FQ3242" s="91"/>
      <c r="FR3242" s="91"/>
      <c r="FS3242" s="91"/>
      <c r="FT3242" s="91"/>
      <c r="FU3242" s="91"/>
      <c r="FV3242" s="91"/>
      <c r="FW3242" s="91"/>
      <c r="FX3242" s="127"/>
      <c r="FY3242" s="126"/>
      <c r="FZ3242" s="91"/>
      <c r="GA3242" s="91"/>
      <c r="GB3242" s="91"/>
      <c r="GC3242" s="91"/>
      <c r="GD3242" s="91"/>
      <c r="GE3242" s="91"/>
      <c r="GF3242" s="91"/>
      <c r="GG3242" s="91"/>
      <c r="GH3242" s="91"/>
      <c r="GI3242" s="91"/>
      <c r="GJ3242" s="91"/>
      <c r="GK3242" s="127"/>
      <c r="GL3242" s="126"/>
      <c r="GM3242" s="91"/>
      <c r="GN3242" s="91"/>
      <c r="GO3242" s="91"/>
      <c r="GP3242" s="91"/>
      <c r="GQ3242" s="91"/>
      <c r="GR3242" s="91"/>
      <c r="GS3242" s="91"/>
      <c r="GT3242" s="91"/>
      <c r="GU3242" s="91"/>
      <c r="GV3242" s="91"/>
      <c r="GW3242" s="91"/>
      <c r="GX3242" s="127"/>
      <c r="GY3242" s="126"/>
      <c r="GZ3242" s="91"/>
      <c r="HA3242" s="91"/>
      <c r="HB3242" s="91"/>
      <c r="HC3242" s="91"/>
      <c r="HD3242" s="91"/>
      <c r="HE3242" s="91"/>
      <c r="HF3242" s="91"/>
      <c r="HG3242" s="91"/>
      <c r="HH3242" s="91"/>
      <c r="HI3242" s="91"/>
      <c r="HJ3242" s="91"/>
      <c r="HK3242" s="127"/>
      <c r="HL3242" s="126"/>
      <c r="HM3242" s="91"/>
      <c r="HN3242" s="91"/>
      <c r="HO3242" s="91"/>
      <c r="HP3242" s="91"/>
      <c r="HQ3242" s="91"/>
      <c r="HR3242" s="91"/>
      <c r="HS3242" s="91"/>
      <c r="HT3242" s="91"/>
      <c r="HU3242" s="91"/>
      <c r="HV3242" s="91"/>
      <c r="HW3242" s="91"/>
      <c r="HX3242" s="127"/>
      <c r="HY3242" s="126"/>
      <c r="HZ3242" s="91"/>
      <c r="IA3242" s="91"/>
      <c r="IB3242" s="91"/>
      <c r="IC3242" s="91"/>
      <c r="ID3242" s="91"/>
      <c r="IE3242" s="91"/>
      <c r="IF3242" s="91"/>
      <c r="IG3242" s="91"/>
      <c r="IH3242" s="91"/>
      <c r="II3242" s="91"/>
      <c r="IJ3242" s="91"/>
      <c r="IK3242" s="174"/>
    </row>
    <row r="3243" spans="2:245" x14ac:dyDescent="0.2">
      <c r="B3243" s="43"/>
      <c r="C3243" s="73"/>
      <c r="D3243" s="64"/>
      <c r="E3243" s="64"/>
      <c r="F3243" s="55"/>
      <c r="G3243" s="102"/>
      <c r="H3243" s="97"/>
      <c r="T3243" s="98"/>
      <c r="U3243" s="97"/>
      <c r="AG3243" s="98"/>
      <c r="AY3243" s="164"/>
      <c r="BK3243" s="98"/>
      <c r="BL3243" s="97"/>
      <c r="BX3243" s="98"/>
      <c r="CL3243" s="97"/>
      <c r="CX3243" s="98"/>
      <c r="DL3243" s="97"/>
      <c r="DX3243" s="98"/>
      <c r="EL3243" s="97"/>
      <c r="EX3243" s="98"/>
      <c r="EY3243" s="97"/>
      <c r="FL3243" s="126"/>
      <c r="FM3243" s="91"/>
      <c r="FN3243" s="91"/>
      <c r="FO3243" s="91"/>
      <c r="FP3243" s="91"/>
      <c r="FQ3243" s="91"/>
      <c r="FR3243" s="91"/>
      <c r="FS3243" s="91"/>
      <c r="FT3243" s="91"/>
      <c r="FU3243" s="91"/>
      <c r="FV3243" s="91"/>
      <c r="FW3243" s="91"/>
      <c r="FX3243" s="127"/>
      <c r="FY3243" s="126"/>
      <c r="FZ3243" s="91"/>
      <c r="GA3243" s="91"/>
      <c r="GB3243" s="91"/>
      <c r="GC3243" s="91"/>
      <c r="GD3243" s="91"/>
      <c r="GE3243" s="91"/>
      <c r="GF3243" s="91"/>
      <c r="GG3243" s="91"/>
      <c r="GH3243" s="91"/>
      <c r="GI3243" s="91"/>
      <c r="GJ3243" s="91"/>
      <c r="GK3243" s="127"/>
      <c r="GL3243" s="126"/>
      <c r="GM3243" s="91"/>
      <c r="GN3243" s="91"/>
      <c r="GO3243" s="91"/>
      <c r="GP3243" s="91"/>
      <c r="GQ3243" s="91"/>
      <c r="GR3243" s="91"/>
      <c r="GS3243" s="91"/>
      <c r="GT3243" s="91"/>
      <c r="GU3243" s="91"/>
      <c r="GV3243" s="91"/>
      <c r="GW3243" s="91"/>
      <c r="GX3243" s="127"/>
      <c r="GY3243" s="126"/>
      <c r="GZ3243" s="91"/>
      <c r="HA3243" s="91"/>
      <c r="HB3243" s="91"/>
      <c r="HC3243" s="91"/>
      <c r="HD3243" s="91"/>
      <c r="HE3243" s="91"/>
      <c r="HF3243" s="91"/>
      <c r="HG3243" s="91"/>
      <c r="HH3243" s="91"/>
      <c r="HI3243" s="91"/>
      <c r="HJ3243" s="91"/>
      <c r="HK3243" s="127"/>
      <c r="HL3243" s="126"/>
      <c r="HM3243" s="91"/>
      <c r="HN3243" s="91"/>
      <c r="HO3243" s="91"/>
      <c r="HP3243" s="91"/>
      <c r="HQ3243" s="91"/>
      <c r="HR3243" s="91"/>
      <c r="HS3243" s="91"/>
      <c r="HT3243" s="91"/>
      <c r="HU3243" s="91"/>
      <c r="HV3243" s="91"/>
      <c r="HW3243" s="91"/>
      <c r="HX3243" s="127"/>
      <c r="HY3243" s="126"/>
      <c r="HZ3243" s="91"/>
      <c r="IA3243" s="91"/>
      <c r="IB3243" s="91"/>
      <c r="IC3243" s="91"/>
      <c r="ID3243" s="91"/>
      <c r="IE3243" s="91"/>
      <c r="IF3243" s="91"/>
      <c r="IG3243" s="91"/>
      <c r="IH3243" s="91"/>
      <c r="II3243" s="91"/>
      <c r="IJ3243" s="91"/>
      <c r="IK3243" s="174"/>
    </row>
    <row r="3244" spans="2:245" x14ac:dyDescent="0.2">
      <c r="B3244" s="43"/>
      <c r="C3244" s="73"/>
      <c r="D3244" s="64"/>
      <c r="E3244" s="64"/>
      <c r="F3244" s="55"/>
      <c r="G3244" s="102"/>
      <c r="H3244" s="97"/>
      <c r="T3244" s="98"/>
      <c r="U3244" s="97"/>
      <c r="AG3244" s="98"/>
      <c r="AY3244" s="164"/>
      <c r="BK3244" s="98"/>
      <c r="BL3244" s="97"/>
      <c r="BX3244" s="98"/>
      <c r="CL3244" s="97"/>
      <c r="CX3244" s="98"/>
      <c r="DL3244" s="97"/>
      <c r="DX3244" s="98"/>
      <c r="EL3244" s="97"/>
      <c r="EX3244" s="98"/>
      <c r="EY3244" s="97"/>
      <c r="FL3244" s="126"/>
      <c r="FM3244" s="91"/>
      <c r="FN3244" s="91"/>
      <c r="FO3244" s="91"/>
      <c r="FP3244" s="91"/>
      <c r="FQ3244" s="91"/>
      <c r="FR3244" s="91"/>
      <c r="FS3244" s="91"/>
      <c r="FT3244" s="91"/>
      <c r="FU3244" s="91"/>
      <c r="FV3244" s="91"/>
      <c r="FW3244" s="91"/>
      <c r="FX3244" s="127"/>
      <c r="FY3244" s="126"/>
      <c r="FZ3244" s="91"/>
      <c r="GA3244" s="91"/>
      <c r="GB3244" s="91"/>
      <c r="GC3244" s="91"/>
      <c r="GD3244" s="91"/>
      <c r="GE3244" s="91"/>
      <c r="GF3244" s="91"/>
      <c r="GG3244" s="91"/>
      <c r="GH3244" s="91"/>
      <c r="GI3244" s="91"/>
      <c r="GJ3244" s="91"/>
      <c r="GK3244" s="127"/>
      <c r="GL3244" s="126"/>
      <c r="GM3244" s="91"/>
      <c r="GN3244" s="91"/>
      <c r="GO3244" s="91"/>
      <c r="GP3244" s="91"/>
      <c r="GQ3244" s="91"/>
      <c r="GR3244" s="91"/>
      <c r="GS3244" s="91"/>
      <c r="GT3244" s="91"/>
      <c r="GU3244" s="91"/>
      <c r="GV3244" s="91"/>
      <c r="GW3244" s="91"/>
      <c r="GX3244" s="127"/>
      <c r="GY3244" s="126"/>
      <c r="GZ3244" s="91"/>
      <c r="HA3244" s="91"/>
      <c r="HB3244" s="91"/>
      <c r="HC3244" s="91"/>
      <c r="HD3244" s="91"/>
      <c r="HE3244" s="91"/>
      <c r="HF3244" s="91"/>
      <c r="HG3244" s="91"/>
      <c r="HH3244" s="91"/>
      <c r="HI3244" s="91"/>
      <c r="HJ3244" s="91"/>
      <c r="HK3244" s="127"/>
      <c r="HL3244" s="126"/>
      <c r="HM3244" s="91"/>
      <c r="HN3244" s="91"/>
      <c r="HO3244" s="91"/>
      <c r="HP3244" s="91"/>
      <c r="HQ3244" s="91"/>
      <c r="HR3244" s="91"/>
      <c r="HS3244" s="91"/>
      <c r="HT3244" s="91"/>
      <c r="HU3244" s="91"/>
      <c r="HV3244" s="91"/>
      <c r="HW3244" s="91"/>
      <c r="HX3244" s="127"/>
      <c r="HY3244" s="126"/>
      <c r="HZ3244" s="91"/>
      <c r="IA3244" s="91"/>
      <c r="IB3244" s="91"/>
      <c r="IC3244" s="91"/>
      <c r="ID3244" s="91"/>
      <c r="IE3244" s="91"/>
      <c r="IF3244" s="91"/>
      <c r="IG3244" s="91"/>
      <c r="IH3244" s="91"/>
      <c r="II3244" s="91"/>
      <c r="IJ3244" s="91"/>
      <c r="IK3244" s="174"/>
    </row>
    <row r="3245" spans="2:245" x14ac:dyDescent="0.2">
      <c r="B3245" s="43"/>
      <c r="C3245" s="73"/>
      <c r="D3245" s="64"/>
      <c r="E3245" s="64"/>
      <c r="F3245" s="55"/>
      <c r="G3245" s="102"/>
      <c r="H3245" s="97"/>
      <c r="T3245" s="98"/>
      <c r="U3245" s="97"/>
      <c r="AG3245" s="98"/>
      <c r="AY3245" s="164"/>
      <c r="BK3245" s="98"/>
      <c r="BL3245" s="97"/>
      <c r="BX3245" s="98"/>
      <c r="CL3245" s="97"/>
      <c r="CX3245" s="98"/>
      <c r="DL3245" s="97"/>
      <c r="DX3245" s="98"/>
      <c r="EL3245" s="97"/>
      <c r="EX3245" s="98"/>
      <c r="EY3245" s="97"/>
      <c r="FL3245" s="126"/>
      <c r="FM3245" s="91"/>
      <c r="FN3245" s="91"/>
      <c r="FO3245" s="91"/>
      <c r="FP3245" s="91"/>
      <c r="FQ3245" s="91"/>
      <c r="FR3245" s="91"/>
      <c r="FS3245" s="91"/>
      <c r="FT3245" s="91"/>
      <c r="FU3245" s="91"/>
      <c r="FV3245" s="91"/>
      <c r="FW3245" s="91"/>
      <c r="FX3245" s="127"/>
      <c r="FY3245" s="126"/>
      <c r="FZ3245" s="91"/>
      <c r="GA3245" s="91"/>
      <c r="GB3245" s="91"/>
      <c r="GC3245" s="91"/>
      <c r="GD3245" s="91"/>
      <c r="GE3245" s="91"/>
      <c r="GF3245" s="91"/>
      <c r="GG3245" s="91"/>
      <c r="GH3245" s="91"/>
      <c r="GI3245" s="91"/>
      <c r="GJ3245" s="91"/>
      <c r="GK3245" s="127"/>
      <c r="GL3245" s="126"/>
      <c r="GM3245" s="91"/>
      <c r="GN3245" s="91"/>
      <c r="GO3245" s="91"/>
      <c r="GP3245" s="91"/>
      <c r="GQ3245" s="91"/>
      <c r="GR3245" s="91"/>
      <c r="GS3245" s="91"/>
      <c r="GT3245" s="91"/>
      <c r="GU3245" s="91"/>
      <c r="GV3245" s="91"/>
      <c r="GW3245" s="91"/>
      <c r="GX3245" s="127"/>
      <c r="GY3245" s="126"/>
      <c r="GZ3245" s="91"/>
      <c r="HA3245" s="91"/>
      <c r="HB3245" s="91"/>
      <c r="HC3245" s="91"/>
      <c r="HD3245" s="91"/>
      <c r="HE3245" s="91"/>
      <c r="HF3245" s="91"/>
      <c r="HG3245" s="91"/>
      <c r="HH3245" s="91"/>
      <c r="HI3245" s="91"/>
      <c r="HJ3245" s="91"/>
      <c r="HK3245" s="127"/>
      <c r="HL3245" s="126"/>
      <c r="HM3245" s="91"/>
      <c r="HN3245" s="91"/>
      <c r="HO3245" s="91"/>
      <c r="HP3245" s="91"/>
      <c r="HQ3245" s="91"/>
      <c r="HR3245" s="91"/>
      <c r="HS3245" s="91"/>
      <c r="HT3245" s="91"/>
      <c r="HU3245" s="91"/>
      <c r="HV3245" s="91"/>
      <c r="HW3245" s="91"/>
      <c r="HX3245" s="127"/>
      <c r="HY3245" s="126"/>
      <c r="HZ3245" s="91"/>
      <c r="IA3245" s="91"/>
      <c r="IB3245" s="91"/>
      <c r="IC3245" s="91"/>
      <c r="ID3245" s="91"/>
      <c r="IE3245" s="91"/>
      <c r="IF3245" s="91"/>
      <c r="IG3245" s="91"/>
      <c r="IH3245" s="91"/>
      <c r="II3245" s="91"/>
      <c r="IJ3245" s="91"/>
      <c r="IK3245" s="174"/>
    </row>
    <row r="3246" spans="2:245" x14ac:dyDescent="0.2">
      <c r="B3246" s="43"/>
      <c r="C3246" s="73"/>
      <c r="D3246" s="64"/>
      <c r="E3246" s="64"/>
      <c r="F3246" s="55"/>
      <c r="G3246" s="102"/>
      <c r="H3246" s="97"/>
      <c r="T3246" s="98"/>
      <c r="U3246" s="97"/>
      <c r="AG3246" s="98"/>
      <c r="AY3246" s="164"/>
      <c r="BK3246" s="98"/>
      <c r="BL3246" s="97"/>
      <c r="BX3246" s="98"/>
      <c r="CL3246" s="97"/>
      <c r="CX3246" s="98"/>
      <c r="DL3246" s="97"/>
      <c r="DX3246" s="98"/>
      <c r="EL3246" s="97"/>
      <c r="EX3246" s="98"/>
      <c r="EY3246" s="97"/>
      <c r="FL3246" s="126"/>
      <c r="FM3246" s="91"/>
      <c r="FN3246" s="91"/>
      <c r="FO3246" s="91"/>
      <c r="FP3246" s="91"/>
      <c r="FQ3246" s="91"/>
      <c r="FR3246" s="91"/>
      <c r="FS3246" s="91"/>
      <c r="FT3246" s="91"/>
      <c r="FU3246" s="91"/>
      <c r="FV3246" s="91"/>
      <c r="FW3246" s="91"/>
      <c r="FX3246" s="127"/>
      <c r="FY3246" s="126"/>
      <c r="FZ3246" s="91"/>
      <c r="GA3246" s="91"/>
      <c r="GB3246" s="91"/>
      <c r="GC3246" s="91"/>
      <c r="GD3246" s="91"/>
      <c r="GE3246" s="91"/>
      <c r="GF3246" s="91"/>
      <c r="GG3246" s="91"/>
      <c r="GH3246" s="91"/>
      <c r="GI3246" s="91"/>
      <c r="GJ3246" s="91"/>
      <c r="GK3246" s="127"/>
      <c r="GL3246" s="126"/>
      <c r="GM3246" s="91"/>
      <c r="GN3246" s="91"/>
      <c r="GO3246" s="91"/>
      <c r="GP3246" s="91"/>
      <c r="GQ3246" s="91"/>
      <c r="GR3246" s="91"/>
      <c r="GS3246" s="91"/>
      <c r="GT3246" s="91"/>
      <c r="GU3246" s="91"/>
      <c r="GV3246" s="91"/>
      <c r="GW3246" s="91"/>
      <c r="GX3246" s="127"/>
      <c r="GY3246" s="126"/>
      <c r="GZ3246" s="91"/>
      <c r="HA3246" s="91"/>
      <c r="HB3246" s="91"/>
      <c r="HC3246" s="91"/>
      <c r="HD3246" s="91"/>
      <c r="HE3246" s="91"/>
      <c r="HF3246" s="91"/>
      <c r="HG3246" s="91"/>
      <c r="HH3246" s="91"/>
      <c r="HI3246" s="91"/>
      <c r="HJ3246" s="91"/>
      <c r="HK3246" s="127"/>
      <c r="HL3246" s="126"/>
      <c r="HM3246" s="91"/>
      <c r="HN3246" s="91"/>
      <c r="HO3246" s="91"/>
      <c r="HP3246" s="91"/>
      <c r="HQ3246" s="91"/>
      <c r="HR3246" s="91"/>
      <c r="HS3246" s="91"/>
      <c r="HT3246" s="91"/>
      <c r="HU3246" s="91"/>
      <c r="HV3246" s="91"/>
      <c r="HW3246" s="91"/>
      <c r="HX3246" s="127"/>
      <c r="HY3246" s="126"/>
      <c r="HZ3246" s="91"/>
      <c r="IA3246" s="91"/>
      <c r="IB3246" s="91"/>
      <c r="IC3246" s="91"/>
      <c r="ID3246" s="91"/>
      <c r="IE3246" s="91"/>
      <c r="IF3246" s="91"/>
      <c r="IG3246" s="91"/>
      <c r="IH3246" s="91"/>
      <c r="II3246" s="91"/>
      <c r="IJ3246" s="91"/>
      <c r="IK3246" s="174"/>
    </row>
    <row r="3247" spans="2:245" x14ac:dyDescent="0.2">
      <c r="B3247" s="43"/>
      <c r="C3247" s="73"/>
      <c r="D3247" s="64"/>
      <c r="E3247" s="64"/>
      <c r="F3247" s="55"/>
      <c r="G3247" s="102"/>
      <c r="H3247" s="97"/>
      <c r="T3247" s="98"/>
      <c r="U3247" s="97"/>
      <c r="AG3247" s="98"/>
      <c r="AY3247" s="164"/>
      <c r="BK3247" s="98"/>
      <c r="BL3247" s="97"/>
      <c r="BX3247" s="98"/>
      <c r="CL3247" s="97"/>
      <c r="CX3247" s="98"/>
      <c r="DL3247" s="97"/>
      <c r="DX3247" s="98"/>
      <c r="EL3247" s="97"/>
      <c r="EX3247" s="98"/>
      <c r="EY3247" s="97"/>
      <c r="FL3247" s="126"/>
      <c r="FM3247" s="91"/>
      <c r="FN3247" s="91"/>
      <c r="FO3247" s="91"/>
      <c r="FP3247" s="91"/>
      <c r="FQ3247" s="91"/>
      <c r="FR3247" s="91"/>
      <c r="FS3247" s="91"/>
      <c r="FT3247" s="91"/>
      <c r="FU3247" s="91"/>
      <c r="FV3247" s="91"/>
      <c r="FW3247" s="91"/>
      <c r="FX3247" s="127"/>
      <c r="FY3247" s="126"/>
      <c r="FZ3247" s="91"/>
      <c r="GA3247" s="91"/>
      <c r="GB3247" s="91"/>
      <c r="GC3247" s="91"/>
      <c r="GD3247" s="91"/>
      <c r="GE3247" s="91"/>
      <c r="GF3247" s="91"/>
      <c r="GG3247" s="91"/>
      <c r="GH3247" s="91"/>
      <c r="GI3247" s="91"/>
      <c r="GJ3247" s="91"/>
      <c r="GK3247" s="127"/>
      <c r="GL3247" s="126"/>
      <c r="GM3247" s="91"/>
      <c r="GN3247" s="91"/>
      <c r="GO3247" s="91"/>
      <c r="GP3247" s="91"/>
      <c r="GQ3247" s="91"/>
      <c r="GR3247" s="91"/>
      <c r="GS3247" s="91"/>
      <c r="GT3247" s="91"/>
      <c r="GU3247" s="91"/>
      <c r="GV3247" s="91"/>
      <c r="GW3247" s="91"/>
      <c r="GX3247" s="127"/>
      <c r="GY3247" s="126"/>
      <c r="GZ3247" s="91"/>
      <c r="HA3247" s="91"/>
      <c r="HB3247" s="91"/>
      <c r="HC3247" s="91"/>
      <c r="HD3247" s="91"/>
      <c r="HE3247" s="91"/>
      <c r="HF3247" s="91"/>
      <c r="HG3247" s="91"/>
      <c r="HH3247" s="91"/>
      <c r="HI3247" s="91"/>
      <c r="HJ3247" s="91"/>
      <c r="HK3247" s="127"/>
      <c r="HL3247" s="126"/>
      <c r="HM3247" s="91"/>
      <c r="HN3247" s="91"/>
      <c r="HO3247" s="91"/>
      <c r="HP3247" s="91"/>
      <c r="HQ3247" s="91"/>
      <c r="HR3247" s="91"/>
      <c r="HS3247" s="91"/>
      <c r="HT3247" s="91"/>
      <c r="HU3247" s="91"/>
      <c r="HV3247" s="91"/>
      <c r="HW3247" s="91"/>
      <c r="HX3247" s="127"/>
      <c r="HY3247" s="126"/>
      <c r="HZ3247" s="91"/>
      <c r="IA3247" s="91"/>
      <c r="IB3247" s="91"/>
      <c r="IC3247" s="91"/>
      <c r="ID3247" s="91"/>
      <c r="IE3247" s="91"/>
      <c r="IF3247" s="91"/>
      <c r="IG3247" s="91"/>
      <c r="IH3247" s="91"/>
      <c r="II3247" s="91"/>
      <c r="IJ3247" s="91"/>
      <c r="IK3247" s="174"/>
    </row>
    <row r="3248" spans="2:245" x14ac:dyDescent="0.2">
      <c r="B3248" s="43"/>
      <c r="C3248" s="73"/>
      <c r="D3248" s="64"/>
      <c r="E3248" s="64"/>
      <c r="F3248" s="55"/>
      <c r="G3248" s="102"/>
      <c r="H3248" s="97"/>
      <c r="T3248" s="98"/>
      <c r="U3248" s="97"/>
      <c r="AG3248" s="98"/>
      <c r="AY3248" s="164"/>
      <c r="BK3248" s="98"/>
      <c r="BL3248" s="97"/>
      <c r="BX3248" s="98"/>
      <c r="CL3248" s="97"/>
      <c r="CX3248" s="98"/>
      <c r="DL3248" s="97"/>
      <c r="DX3248" s="98"/>
      <c r="EL3248" s="97"/>
      <c r="EX3248" s="98"/>
      <c r="EY3248" s="97"/>
      <c r="FL3248" s="126"/>
      <c r="FM3248" s="91"/>
      <c r="FN3248" s="91"/>
      <c r="FO3248" s="91"/>
      <c r="FP3248" s="91"/>
      <c r="FQ3248" s="91"/>
      <c r="FR3248" s="91"/>
      <c r="FS3248" s="91"/>
      <c r="FT3248" s="91"/>
      <c r="FU3248" s="91"/>
      <c r="FV3248" s="91"/>
      <c r="FW3248" s="91"/>
      <c r="FX3248" s="127"/>
      <c r="FY3248" s="126"/>
      <c r="FZ3248" s="91"/>
      <c r="GA3248" s="91"/>
      <c r="GB3248" s="91"/>
      <c r="GC3248" s="91"/>
      <c r="GD3248" s="91"/>
      <c r="GE3248" s="91"/>
      <c r="GF3248" s="91"/>
      <c r="GG3248" s="91"/>
      <c r="GH3248" s="91"/>
      <c r="GI3248" s="91"/>
      <c r="GJ3248" s="91"/>
      <c r="GK3248" s="127"/>
      <c r="GL3248" s="126"/>
      <c r="GM3248" s="91"/>
      <c r="GN3248" s="91"/>
      <c r="GO3248" s="91"/>
      <c r="GP3248" s="91"/>
      <c r="GQ3248" s="91"/>
      <c r="GR3248" s="91"/>
      <c r="GS3248" s="91"/>
      <c r="GT3248" s="91"/>
      <c r="GU3248" s="91"/>
      <c r="GV3248" s="91"/>
      <c r="GW3248" s="91"/>
      <c r="GX3248" s="127"/>
      <c r="GY3248" s="126"/>
      <c r="GZ3248" s="91"/>
      <c r="HA3248" s="91"/>
      <c r="HB3248" s="91"/>
      <c r="HC3248" s="91"/>
      <c r="HD3248" s="91"/>
      <c r="HE3248" s="91"/>
      <c r="HF3248" s="91"/>
      <c r="HG3248" s="91"/>
      <c r="HH3248" s="91"/>
      <c r="HI3248" s="91"/>
      <c r="HJ3248" s="91"/>
      <c r="HK3248" s="127"/>
      <c r="HL3248" s="126"/>
      <c r="HM3248" s="91"/>
      <c r="HN3248" s="91"/>
      <c r="HO3248" s="91"/>
      <c r="HP3248" s="91"/>
      <c r="HQ3248" s="91"/>
      <c r="HR3248" s="91"/>
      <c r="HS3248" s="91"/>
      <c r="HT3248" s="91"/>
      <c r="HU3248" s="91"/>
      <c r="HV3248" s="91"/>
      <c r="HW3248" s="91"/>
      <c r="HX3248" s="127"/>
      <c r="HY3248" s="126"/>
      <c r="HZ3248" s="91"/>
      <c r="IA3248" s="91"/>
      <c r="IB3248" s="91"/>
      <c r="IC3248" s="91"/>
      <c r="ID3248" s="91"/>
      <c r="IE3248" s="91"/>
      <c r="IF3248" s="91"/>
      <c r="IG3248" s="91"/>
      <c r="IH3248" s="91"/>
      <c r="II3248" s="91"/>
      <c r="IJ3248" s="91"/>
      <c r="IK3248" s="174"/>
    </row>
    <row r="3249" spans="2:245" x14ac:dyDescent="0.2">
      <c r="B3249" s="43"/>
      <c r="C3249" s="73"/>
      <c r="D3249" s="64"/>
      <c r="E3249" s="64"/>
      <c r="F3249" s="55"/>
      <c r="G3249" s="102"/>
      <c r="H3249" s="97"/>
      <c r="T3249" s="98"/>
      <c r="U3249" s="97"/>
      <c r="AG3249" s="98"/>
      <c r="AY3249" s="164"/>
      <c r="BK3249" s="98"/>
      <c r="BL3249" s="97"/>
      <c r="BX3249" s="98"/>
      <c r="CL3249" s="97"/>
      <c r="CX3249" s="98"/>
      <c r="DL3249" s="97"/>
      <c r="DX3249" s="98"/>
      <c r="EL3249" s="97"/>
      <c r="EX3249" s="98"/>
      <c r="EY3249" s="97"/>
      <c r="FL3249" s="126"/>
      <c r="FM3249" s="91"/>
      <c r="FN3249" s="91"/>
      <c r="FO3249" s="91"/>
      <c r="FP3249" s="91"/>
      <c r="FQ3249" s="91"/>
      <c r="FR3249" s="91"/>
      <c r="FS3249" s="91"/>
      <c r="FT3249" s="91"/>
      <c r="FU3249" s="91"/>
      <c r="FV3249" s="91"/>
      <c r="FW3249" s="91"/>
      <c r="FX3249" s="127"/>
      <c r="FY3249" s="126"/>
      <c r="FZ3249" s="91"/>
      <c r="GA3249" s="91"/>
      <c r="GB3249" s="91"/>
      <c r="GC3249" s="91"/>
      <c r="GD3249" s="91"/>
      <c r="GE3249" s="91"/>
      <c r="GF3249" s="91"/>
      <c r="GG3249" s="91"/>
      <c r="GH3249" s="91"/>
      <c r="GI3249" s="91"/>
      <c r="GJ3249" s="91"/>
      <c r="GK3249" s="127"/>
      <c r="GL3249" s="126"/>
      <c r="GM3249" s="91"/>
      <c r="GN3249" s="91"/>
      <c r="GO3249" s="91"/>
      <c r="GP3249" s="91"/>
      <c r="GQ3249" s="91"/>
      <c r="GR3249" s="91"/>
      <c r="GS3249" s="91"/>
      <c r="GT3249" s="91"/>
      <c r="GU3249" s="91"/>
      <c r="GV3249" s="91"/>
      <c r="GW3249" s="91"/>
      <c r="GX3249" s="127"/>
      <c r="GY3249" s="126"/>
      <c r="GZ3249" s="91"/>
      <c r="HA3249" s="91"/>
      <c r="HB3249" s="91"/>
      <c r="HC3249" s="91"/>
      <c r="HD3249" s="91"/>
      <c r="HE3249" s="91"/>
      <c r="HF3249" s="91"/>
      <c r="HG3249" s="91"/>
      <c r="HH3249" s="91"/>
      <c r="HI3249" s="91"/>
      <c r="HJ3249" s="91"/>
      <c r="HK3249" s="127"/>
      <c r="HL3249" s="126"/>
      <c r="HM3249" s="91"/>
      <c r="HN3249" s="91"/>
      <c r="HO3249" s="91"/>
      <c r="HP3249" s="91"/>
      <c r="HQ3249" s="91"/>
      <c r="HR3249" s="91"/>
      <c r="HS3249" s="91"/>
      <c r="HT3249" s="91"/>
      <c r="HU3249" s="91"/>
      <c r="HV3249" s="91"/>
      <c r="HW3249" s="91"/>
      <c r="HX3249" s="127"/>
      <c r="HY3249" s="126"/>
      <c r="HZ3249" s="91"/>
      <c r="IA3249" s="91"/>
      <c r="IB3249" s="91"/>
      <c r="IC3249" s="91"/>
      <c r="ID3249" s="91"/>
      <c r="IE3249" s="91"/>
      <c r="IF3249" s="91"/>
      <c r="IG3249" s="91"/>
      <c r="IH3249" s="91"/>
      <c r="II3249" s="91"/>
      <c r="IJ3249" s="91"/>
      <c r="IK3249" s="174"/>
    </row>
    <row r="3250" spans="2:245" x14ac:dyDescent="0.2">
      <c r="B3250" s="43"/>
      <c r="C3250" s="73"/>
      <c r="D3250" s="64"/>
      <c r="E3250" s="64"/>
      <c r="F3250" s="55"/>
      <c r="G3250" s="102"/>
      <c r="H3250" s="97"/>
      <c r="T3250" s="98"/>
      <c r="U3250" s="97"/>
      <c r="AG3250" s="98"/>
      <c r="AY3250" s="164"/>
      <c r="BK3250" s="98"/>
      <c r="BL3250" s="97"/>
      <c r="BX3250" s="98"/>
      <c r="CL3250" s="97"/>
      <c r="CX3250" s="98"/>
      <c r="DL3250" s="97"/>
      <c r="DX3250" s="98"/>
      <c r="EL3250" s="97"/>
      <c r="EX3250" s="98"/>
      <c r="EY3250" s="97"/>
      <c r="FL3250" s="126"/>
      <c r="FM3250" s="91"/>
      <c r="FN3250" s="91"/>
      <c r="FO3250" s="91"/>
      <c r="FP3250" s="91"/>
      <c r="FQ3250" s="91"/>
      <c r="FR3250" s="91"/>
      <c r="FS3250" s="91"/>
      <c r="FT3250" s="91"/>
      <c r="FU3250" s="91"/>
      <c r="FV3250" s="91"/>
      <c r="FW3250" s="91"/>
      <c r="FX3250" s="127"/>
      <c r="FY3250" s="126"/>
      <c r="FZ3250" s="91"/>
      <c r="GA3250" s="91"/>
      <c r="GB3250" s="91"/>
      <c r="GC3250" s="91"/>
      <c r="GD3250" s="91"/>
      <c r="GE3250" s="91"/>
      <c r="GF3250" s="91"/>
      <c r="GG3250" s="91"/>
      <c r="GH3250" s="91"/>
      <c r="GI3250" s="91"/>
      <c r="GJ3250" s="91"/>
      <c r="GK3250" s="127"/>
      <c r="GL3250" s="126"/>
      <c r="GM3250" s="91"/>
      <c r="GN3250" s="91"/>
      <c r="GO3250" s="91"/>
      <c r="GP3250" s="91"/>
      <c r="GQ3250" s="91"/>
      <c r="GR3250" s="91"/>
      <c r="GS3250" s="91"/>
      <c r="GT3250" s="91"/>
      <c r="GU3250" s="91"/>
      <c r="GV3250" s="91"/>
      <c r="GW3250" s="91"/>
      <c r="GX3250" s="127"/>
      <c r="GY3250" s="126"/>
      <c r="GZ3250" s="91"/>
      <c r="HA3250" s="91"/>
      <c r="HB3250" s="91"/>
      <c r="HC3250" s="91"/>
      <c r="HD3250" s="91"/>
      <c r="HE3250" s="91"/>
      <c r="HF3250" s="91"/>
      <c r="HG3250" s="91"/>
      <c r="HH3250" s="91"/>
      <c r="HI3250" s="91"/>
      <c r="HJ3250" s="91"/>
      <c r="HK3250" s="127"/>
      <c r="HL3250" s="126"/>
      <c r="HM3250" s="91"/>
      <c r="HN3250" s="91"/>
      <c r="HO3250" s="91"/>
      <c r="HP3250" s="91"/>
      <c r="HQ3250" s="91"/>
      <c r="HR3250" s="91"/>
      <c r="HS3250" s="91"/>
      <c r="HT3250" s="91"/>
      <c r="HU3250" s="91"/>
      <c r="HV3250" s="91"/>
      <c r="HW3250" s="91"/>
      <c r="HX3250" s="127"/>
      <c r="HY3250" s="126"/>
      <c r="HZ3250" s="91"/>
      <c r="IA3250" s="91"/>
      <c r="IB3250" s="91"/>
      <c r="IC3250" s="91"/>
      <c r="ID3250" s="91"/>
      <c r="IE3250" s="91"/>
      <c r="IF3250" s="91"/>
      <c r="IG3250" s="91"/>
      <c r="IH3250" s="91"/>
      <c r="II3250" s="91"/>
      <c r="IJ3250" s="91"/>
      <c r="IK3250" s="174"/>
    </row>
    <row r="3251" spans="2:245" x14ac:dyDescent="0.2">
      <c r="B3251" s="43"/>
      <c r="C3251" s="73"/>
      <c r="D3251" s="64"/>
      <c r="E3251" s="64"/>
      <c r="F3251" s="55"/>
      <c r="G3251" s="102"/>
      <c r="H3251" s="97"/>
      <c r="T3251" s="98"/>
      <c r="U3251" s="97"/>
      <c r="AG3251" s="98"/>
      <c r="AY3251" s="164"/>
      <c r="BK3251" s="98"/>
      <c r="BL3251" s="97"/>
      <c r="BX3251" s="98"/>
      <c r="CL3251" s="97"/>
      <c r="CX3251" s="98"/>
      <c r="DL3251" s="97"/>
      <c r="DX3251" s="98"/>
      <c r="EL3251" s="97"/>
      <c r="EX3251" s="98"/>
      <c r="EY3251" s="97"/>
      <c r="FL3251" s="126"/>
      <c r="FM3251" s="91"/>
      <c r="FN3251" s="91"/>
      <c r="FO3251" s="91"/>
      <c r="FP3251" s="91"/>
      <c r="FQ3251" s="91"/>
      <c r="FR3251" s="91"/>
      <c r="FS3251" s="91"/>
      <c r="FT3251" s="91"/>
      <c r="FU3251" s="91"/>
      <c r="FV3251" s="91"/>
      <c r="FW3251" s="91"/>
      <c r="FX3251" s="127"/>
      <c r="FY3251" s="126"/>
      <c r="FZ3251" s="91"/>
      <c r="GA3251" s="91"/>
      <c r="GB3251" s="91"/>
      <c r="GC3251" s="91"/>
      <c r="GD3251" s="91"/>
      <c r="GE3251" s="91"/>
      <c r="GF3251" s="91"/>
      <c r="GG3251" s="91"/>
      <c r="GH3251" s="91"/>
      <c r="GI3251" s="91"/>
      <c r="GJ3251" s="91"/>
      <c r="GK3251" s="127"/>
      <c r="GL3251" s="126"/>
      <c r="GM3251" s="91"/>
      <c r="GN3251" s="91"/>
      <c r="GO3251" s="91"/>
      <c r="GP3251" s="91"/>
      <c r="GQ3251" s="91"/>
      <c r="GR3251" s="91"/>
      <c r="GS3251" s="91"/>
      <c r="GT3251" s="91"/>
      <c r="GU3251" s="91"/>
      <c r="GV3251" s="91"/>
      <c r="GW3251" s="91"/>
      <c r="GX3251" s="127"/>
      <c r="GY3251" s="126"/>
      <c r="GZ3251" s="91"/>
      <c r="HA3251" s="91"/>
      <c r="HB3251" s="91"/>
      <c r="HC3251" s="91"/>
      <c r="HD3251" s="91"/>
      <c r="HE3251" s="91"/>
      <c r="HF3251" s="91"/>
      <c r="HG3251" s="91"/>
      <c r="HH3251" s="91"/>
      <c r="HI3251" s="91"/>
      <c r="HJ3251" s="91"/>
      <c r="HK3251" s="127"/>
      <c r="HL3251" s="126"/>
      <c r="HM3251" s="91"/>
      <c r="HN3251" s="91"/>
      <c r="HO3251" s="91"/>
      <c r="HP3251" s="91"/>
      <c r="HQ3251" s="91"/>
      <c r="HR3251" s="91"/>
      <c r="HS3251" s="91"/>
      <c r="HT3251" s="91"/>
      <c r="HU3251" s="91"/>
      <c r="HV3251" s="91"/>
      <c r="HW3251" s="91"/>
      <c r="HX3251" s="127"/>
      <c r="HY3251" s="126"/>
      <c r="HZ3251" s="91"/>
      <c r="IA3251" s="91"/>
      <c r="IB3251" s="91"/>
      <c r="IC3251" s="91"/>
      <c r="ID3251" s="91"/>
      <c r="IE3251" s="91"/>
      <c r="IF3251" s="91"/>
      <c r="IG3251" s="91"/>
      <c r="IH3251" s="91"/>
      <c r="II3251" s="91"/>
      <c r="IJ3251" s="91"/>
      <c r="IK3251" s="174"/>
    </row>
    <row r="3252" spans="2:245" x14ac:dyDescent="0.2">
      <c r="B3252" s="43"/>
      <c r="C3252" s="73"/>
      <c r="D3252" s="64"/>
      <c r="E3252" s="64"/>
      <c r="F3252" s="55"/>
      <c r="G3252" s="102"/>
      <c r="H3252" s="97"/>
      <c r="T3252" s="98"/>
      <c r="U3252" s="97"/>
      <c r="AG3252" s="98"/>
      <c r="AY3252" s="164"/>
      <c r="BK3252" s="98"/>
      <c r="BL3252" s="97"/>
      <c r="BX3252" s="98"/>
      <c r="CL3252" s="97"/>
      <c r="CX3252" s="98"/>
      <c r="DL3252" s="97"/>
      <c r="DX3252" s="98"/>
      <c r="EL3252" s="97"/>
      <c r="EX3252" s="98"/>
      <c r="EY3252" s="97"/>
      <c r="FL3252" s="126"/>
      <c r="FM3252" s="91"/>
      <c r="FN3252" s="91"/>
      <c r="FO3252" s="91"/>
      <c r="FP3252" s="91"/>
      <c r="FQ3252" s="91"/>
      <c r="FR3252" s="91"/>
      <c r="FS3252" s="91"/>
      <c r="FT3252" s="91"/>
      <c r="FU3252" s="91"/>
      <c r="FV3252" s="91"/>
      <c r="FW3252" s="91"/>
      <c r="FX3252" s="127"/>
      <c r="FY3252" s="126"/>
      <c r="FZ3252" s="91"/>
      <c r="GA3252" s="91"/>
      <c r="GB3252" s="91"/>
      <c r="GC3252" s="91"/>
      <c r="GD3252" s="91"/>
      <c r="GE3252" s="91"/>
      <c r="GF3252" s="91"/>
      <c r="GG3252" s="91"/>
      <c r="GH3252" s="91"/>
      <c r="GI3252" s="91"/>
      <c r="GJ3252" s="91"/>
      <c r="GK3252" s="127"/>
      <c r="GL3252" s="126"/>
      <c r="GM3252" s="91"/>
      <c r="GN3252" s="91"/>
      <c r="GO3252" s="91"/>
      <c r="GP3252" s="91"/>
      <c r="GQ3252" s="91"/>
      <c r="GR3252" s="91"/>
      <c r="GS3252" s="91"/>
      <c r="GT3252" s="91"/>
      <c r="GU3252" s="91"/>
      <c r="GV3252" s="91"/>
      <c r="GW3252" s="91"/>
      <c r="GX3252" s="127"/>
      <c r="GY3252" s="126"/>
      <c r="GZ3252" s="91"/>
      <c r="HA3252" s="91"/>
      <c r="HB3252" s="91"/>
      <c r="HC3252" s="91"/>
      <c r="HD3252" s="91"/>
      <c r="HE3252" s="91"/>
      <c r="HF3252" s="91"/>
      <c r="HG3252" s="91"/>
      <c r="HH3252" s="91"/>
      <c r="HI3252" s="91"/>
      <c r="HJ3252" s="91"/>
      <c r="HK3252" s="127"/>
      <c r="HL3252" s="126"/>
      <c r="HM3252" s="91"/>
      <c r="HN3252" s="91"/>
      <c r="HO3252" s="91"/>
      <c r="HP3252" s="91"/>
      <c r="HQ3252" s="91"/>
      <c r="HR3252" s="91"/>
      <c r="HS3252" s="91"/>
      <c r="HT3252" s="91"/>
      <c r="HU3252" s="91"/>
      <c r="HV3252" s="91"/>
      <c r="HW3252" s="91"/>
      <c r="HX3252" s="127"/>
      <c r="HY3252" s="126"/>
      <c r="HZ3252" s="91"/>
      <c r="IA3252" s="91"/>
      <c r="IB3252" s="91"/>
      <c r="IC3252" s="91"/>
      <c r="ID3252" s="91"/>
      <c r="IE3252" s="91"/>
      <c r="IF3252" s="91"/>
      <c r="IG3252" s="91"/>
      <c r="IH3252" s="91"/>
      <c r="II3252" s="91"/>
      <c r="IJ3252" s="91"/>
      <c r="IK3252" s="174"/>
    </row>
    <row r="3253" spans="2:245" x14ac:dyDescent="0.2">
      <c r="B3253" s="43"/>
      <c r="C3253" s="73"/>
      <c r="D3253" s="64"/>
      <c r="E3253" s="64"/>
      <c r="F3253" s="55"/>
      <c r="G3253" s="102"/>
      <c r="H3253" s="97"/>
      <c r="T3253" s="98"/>
      <c r="U3253" s="97"/>
      <c r="AG3253" s="98"/>
      <c r="AY3253" s="164"/>
      <c r="BK3253" s="98"/>
      <c r="BL3253" s="97"/>
      <c r="BX3253" s="98"/>
      <c r="CL3253" s="97"/>
      <c r="CX3253" s="98"/>
      <c r="DL3253" s="97"/>
      <c r="DX3253" s="98"/>
      <c r="EL3253" s="97"/>
      <c r="EX3253" s="98"/>
      <c r="EY3253" s="97"/>
      <c r="FL3253" s="126"/>
      <c r="FM3253" s="91"/>
      <c r="FN3253" s="91"/>
      <c r="FO3253" s="91"/>
      <c r="FP3253" s="91"/>
      <c r="FQ3253" s="91"/>
      <c r="FR3253" s="91"/>
      <c r="FS3253" s="91"/>
      <c r="FT3253" s="91"/>
      <c r="FU3253" s="91"/>
      <c r="FV3253" s="91"/>
      <c r="FW3253" s="91"/>
      <c r="FX3253" s="127"/>
      <c r="FY3253" s="126"/>
      <c r="FZ3253" s="91"/>
      <c r="GA3253" s="91"/>
      <c r="GB3253" s="91"/>
      <c r="GC3253" s="91"/>
      <c r="GD3253" s="91"/>
      <c r="GE3253" s="91"/>
      <c r="GF3253" s="91"/>
      <c r="GG3253" s="91"/>
      <c r="GH3253" s="91"/>
      <c r="GI3253" s="91"/>
      <c r="GJ3253" s="91"/>
      <c r="GK3253" s="127"/>
      <c r="GL3253" s="126"/>
      <c r="GM3253" s="91"/>
      <c r="GN3253" s="91"/>
      <c r="GO3253" s="91"/>
      <c r="GP3253" s="91"/>
      <c r="GQ3253" s="91"/>
      <c r="GR3253" s="91"/>
      <c r="GS3253" s="91"/>
      <c r="GT3253" s="91"/>
      <c r="GU3253" s="91"/>
      <c r="GV3253" s="91"/>
      <c r="GW3253" s="91"/>
      <c r="GX3253" s="127"/>
      <c r="GY3253" s="126"/>
      <c r="GZ3253" s="91"/>
      <c r="HA3253" s="91"/>
      <c r="HB3253" s="91"/>
      <c r="HC3253" s="91"/>
      <c r="HD3253" s="91"/>
      <c r="HE3253" s="91"/>
      <c r="HF3253" s="91"/>
      <c r="HG3253" s="91"/>
      <c r="HH3253" s="91"/>
      <c r="HI3253" s="91"/>
      <c r="HJ3253" s="91"/>
      <c r="HK3253" s="127"/>
      <c r="HL3253" s="126"/>
      <c r="HM3253" s="91"/>
      <c r="HN3253" s="91"/>
      <c r="HO3253" s="91"/>
      <c r="HP3253" s="91"/>
      <c r="HQ3253" s="91"/>
      <c r="HR3253" s="91"/>
      <c r="HS3253" s="91"/>
      <c r="HT3253" s="91"/>
      <c r="HU3253" s="91"/>
      <c r="HV3253" s="91"/>
      <c r="HW3253" s="91"/>
      <c r="HX3253" s="127"/>
      <c r="HY3253" s="126"/>
      <c r="HZ3253" s="91"/>
      <c r="IA3253" s="91"/>
      <c r="IB3253" s="91"/>
      <c r="IC3253" s="91"/>
      <c r="ID3253" s="91"/>
      <c r="IE3253" s="91"/>
      <c r="IF3253" s="91"/>
      <c r="IG3253" s="91"/>
      <c r="IH3253" s="91"/>
      <c r="II3253" s="91"/>
      <c r="IJ3253" s="91"/>
      <c r="IK3253" s="174"/>
    </row>
    <row r="3254" spans="2:245" x14ac:dyDescent="0.2">
      <c r="B3254" s="43"/>
      <c r="C3254" s="73"/>
      <c r="D3254" s="64"/>
      <c r="E3254" s="64"/>
      <c r="F3254" s="55"/>
      <c r="G3254" s="102"/>
      <c r="H3254" s="97"/>
      <c r="T3254" s="98"/>
      <c r="U3254" s="97"/>
      <c r="AG3254" s="98"/>
      <c r="AY3254" s="164"/>
      <c r="BK3254" s="98"/>
      <c r="BL3254" s="97"/>
      <c r="BX3254" s="98"/>
      <c r="CL3254" s="97"/>
      <c r="CX3254" s="98"/>
      <c r="DL3254" s="97"/>
      <c r="DX3254" s="98"/>
      <c r="EL3254" s="97"/>
      <c r="EX3254" s="98"/>
      <c r="EY3254" s="97"/>
      <c r="FL3254" s="126"/>
      <c r="FM3254" s="91"/>
      <c r="FN3254" s="91"/>
      <c r="FO3254" s="91"/>
      <c r="FP3254" s="91"/>
      <c r="FQ3254" s="91"/>
      <c r="FR3254" s="91"/>
      <c r="FS3254" s="91"/>
      <c r="FT3254" s="91"/>
      <c r="FU3254" s="91"/>
      <c r="FV3254" s="91"/>
      <c r="FW3254" s="91"/>
      <c r="FX3254" s="127"/>
      <c r="FY3254" s="126"/>
      <c r="FZ3254" s="91"/>
      <c r="GA3254" s="91"/>
      <c r="GB3254" s="91"/>
      <c r="GC3254" s="91"/>
      <c r="GD3254" s="91"/>
      <c r="GE3254" s="91"/>
      <c r="GF3254" s="91"/>
      <c r="GG3254" s="91"/>
      <c r="GH3254" s="91"/>
      <c r="GI3254" s="91"/>
      <c r="GJ3254" s="91"/>
      <c r="GK3254" s="127"/>
      <c r="GL3254" s="126"/>
      <c r="GM3254" s="91"/>
      <c r="GN3254" s="91"/>
      <c r="GO3254" s="91"/>
      <c r="GP3254" s="91"/>
      <c r="GQ3254" s="91"/>
      <c r="GR3254" s="91"/>
      <c r="GS3254" s="91"/>
      <c r="GT3254" s="91"/>
      <c r="GU3254" s="91"/>
      <c r="GV3254" s="91"/>
      <c r="GW3254" s="91"/>
      <c r="GX3254" s="127"/>
      <c r="GY3254" s="126"/>
      <c r="GZ3254" s="91"/>
      <c r="HA3254" s="91"/>
      <c r="HB3254" s="91"/>
      <c r="HC3254" s="91"/>
      <c r="HD3254" s="91"/>
      <c r="HE3254" s="91"/>
      <c r="HF3254" s="91"/>
      <c r="HG3254" s="91"/>
      <c r="HH3254" s="91"/>
      <c r="HI3254" s="91"/>
      <c r="HJ3254" s="91"/>
      <c r="HK3254" s="127"/>
      <c r="HL3254" s="126"/>
      <c r="HM3254" s="91"/>
      <c r="HN3254" s="91"/>
      <c r="HO3254" s="91"/>
      <c r="HP3254" s="91"/>
      <c r="HQ3254" s="91"/>
      <c r="HR3254" s="91"/>
      <c r="HS3254" s="91"/>
      <c r="HT3254" s="91"/>
      <c r="HU3254" s="91"/>
      <c r="HV3254" s="91"/>
      <c r="HW3254" s="91"/>
      <c r="HX3254" s="127"/>
      <c r="HY3254" s="126"/>
      <c r="HZ3254" s="91"/>
      <c r="IA3254" s="91"/>
      <c r="IB3254" s="91"/>
      <c r="IC3254" s="91"/>
      <c r="ID3254" s="91"/>
      <c r="IE3254" s="91"/>
      <c r="IF3254" s="91"/>
      <c r="IG3254" s="91"/>
      <c r="IH3254" s="91"/>
      <c r="II3254" s="91"/>
      <c r="IJ3254" s="91"/>
      <c r="IK3254" s="174"/>
    </row>
    <row r="3255" spans="2:245" x14ac:dyDescent="0.2">
      <c r="B3255" s="43"/>
      <c r="C3255" s="73"/>
      <c r="D3255" s="64"/>
      <c r="E3255" s="64"/>
      <c r="F3255" s="55"/>
      <c r="G3255" s="102"/>
      <c r="H3255" s="97"/>
      <c r="T3255" s="98"/>
      <c r="U3255" s="97"/>
      <c r="AG3255" s="98"/>
      <c r="AY3255" s="164"/>
      <c r="BK3255" s="98"/>
      <c r="BL3255" s="97"/>
      <c r="BX3255" s="98"/>
      <c r="CL3255" s="97"/>
      <c r="CX3255" s="98"/>
      <c r="DL3255" s="97"/>
      <c r="DX3255" s="98"/>
      <c r="EL3255" s="97"/>
      <c r="EX3255" s="98"/>
      <c r="EY3255" s="97"/>
      <c r="FL3255" s="126"/>
      <c r="FM3255" s="91"/>
      <c r="FN3255" s="91"/>
      <c r="FO3255" s="91"/>
      <c r="FP3255" s="91"/>
      <c r="FQ3255" s="91"/>
      <c r="FR3255" s="91"/>
      <c r="FS3255" s="91"/>
      <c r="FT3255" s="91"/>
      <c r="FU3255" s="91"/>
      <c r="FV3255" s="91"/>
      <c r="FW3255" s="91"/>
      <c r="FX3255" s="127"/>
      <c r="FY3255" s="126"/>
      <c r="FZ3255" s="91"/>
      <c r="GA3255" s="91"/>
      <c r="GB3255" s="91"/>
      <c r="GC3255" s="91"/>
      <c r="GD3255" s="91"/>
      <c r="GE3255" s="91"/>
      <c r="GF3255" s="91"/>
      <c r="GG3255" s="91"/>
      <c r="GH3255" s="91"/>
      <c r="GI3255" s="91"/>
      <c r="GJ3255" s="91"/>
      <c r="GK3255" s="127"/>
      <c r="GL3255" s="126"/>
      <c r="GM3255" s="91"/>
      <c r="GN3255" s="91"/>
      <c r="GO3255" s="91"/>
      <c r="GP3255" s="91"/>
      <c r="GQ3255" s="91"/>
      <c r="GR3255" s="91"/>
      <c r="GS3255" s="91"/>
      <c r="GT3255" s="91"/>
      <c r="GU3255" s="91"/>
      <c r="GV3255" s="91"/>
      <c r="GW3255" s="91"/>
      <c r="GX3255" s="127"/>
      <c r="GY3255" s="126"/>
      <c r="GZ3255" s="91"/>
      <c r="HA3255" s="91"/>
      <c r="HB3255" s="91"/>
      <c r="HC3255" s="91"/>
      <c r="HD3255" s="91"/>
      <c r="HE3255" s="91"/>
      <c r="HF3255" s="91"/>
      <c r="HG3255" s="91"/>
      <c r="HH3255" s="91"/>
      <c r="HI3255" s="91"/>
      <c r="HJ3255" s="91"/>
      <c r="HK3255" s="127"/>
      <c r="HL3255" s="126"/>
      <c r="HM3255" s="91"/>
      <c r="HN3255" s="91"/>
      <c r="HO3255" s="91"/>
      <c r="HP3255" s="91"/>
      <c r="HQ3255" s="91"/>
      <c r="HR3255" s="91"/>
      <c r="HS3255" s="91"/>
      <c r="HT3255" s="91"/>
      <c r="HU3255" s="91"/>
      <c r="HV3255" s="91"/>
      <c r="HW3255" s="91"/>
      <c r="HX3255" s="127"/>
      <c r="HY3255" s="126"/>
      <c r="HZ3255" s="91"/>
      <c r="IA3255" s="91"/>
      <c r="IB3255" s="91"/>
      <c r="IC3255" s="91"/>
      <c r="ID3255" s="91"/>
      <c r="IE3255" s="91"/>
      <c r="IF3255" s="91"/>
      <c r="IG3255" s="91"/>
      <c r="IH3255" s="91"/>
      <c r="II3255" s="91"/>
      <c r="IJ3255" s="91"/>
      <c r="IK3255" s="174"/>
    </row>
    <row r="3256" spans="2:245" x14ac:dyDescent="0.2">
      <c r="B3256" s="43"/>
      <c r="C3256" s="73"/>
      <c r="D3256" s="64"/>
      <c r="E3256" s="64"/>
      <c r="F3256" s="55"/>
      <c r="G3256" s="102"/>
      <c r="H3256" s="97"/>
      <c r="T3256" s="98"/>
      <c r="U3256" s="97"/>
      <c r="AG3256" s="98"/>
      <c r="AY3256" s="164"/>
      <c r="BK3256" s="98"/>
      <c r="BL3256" s="97"/>
      <c r="BX3256" s="98"/>
      <c r="CL3256" s="97"/>
      <c r="CX3256" s="98"/>
      <c r="DL3256" s="97"/>
      <c r="DX3256" s="98"/>
      <c r="EL3256" s="97"/>
      <c r="EX3256" s="98"/>
      <c r="EY3256" s="97"/>
      <c r="FL3256" s="126"/>
      <c r="FM3256" s="91"/>
      <c r="FN3256" s="91"/>
      <c r="FO3256" s="91"/>
      <c r="FP3256" s="91"/>
      <c r="FQ3256" s="91"/>
      <c r="FR3256" s="91"/>
      <c r="FS3256" s="91"/>
      <c r="FT3256" s="91"/>
      <c r="FU3256" s="91"/>
      <c r="FV3256" s="91"/>
      <c r="FW3256" s="91"/>
      <c r="FX3256" s="127"/>
      <c r="FY3256" s="126"/>
      <c r="FZ3256" s="91"/>
      <c r="GA3256" s="91"/>
      <c r="GB3256" s="91"/>
      <c r="GC3256" s="91"/>
      <c r="GD3256" s="91"/>
      <c r="GE3256" s="91"/>
      <c r="GF3256" s="91"/>
      <c r="GG3256" s="91"/>
      <c r="GH3256" s="91"/>
      <c r="GI3256" s="91"/>
      <c r="GJ3256" s="91"/>
      <c r="GK3256" s="127"/>
      <c r="GL3256" s="126"/>
      <c r="GM3256" s="91"/>
      <c r="GN3256" s="91"/>
      <c r="GO3256" s="91"/>
      <c r="GP3256" s="91"/>
      <c r="GQ3256" s="91"/>
      <c r="GR3256" s="91"/>
      <c r="GS3256" s="91"/>
      <c r="GT3256" s="91"/>
      <c r="GU3256" s="91"/>
      <c r="GV3256" s="91"/>
      <c r="GW3256" s="91"/>
      <c r="GX3256" s="127"/>
      <c r="GY3256" s="126"/>
      <c r="GZ3256" s="91"/>
      <c r="HA3256" s="91"/>
      <c r="HB3256" s="91"/>
      <c r="HC3256" s="91"/>
      <c r="HD3256" s="91"/>
      <c r="HE3256" s="91"/>
      <c r="HF3256" s="91"/>
      <c r="HG3256" s="91"/>
      <c r="HH3256" s="91"/>
      <c r="HI3256" s="91"/>
      <c r="HJ3256" s="91"/>
      <c r="HK3256" s="127"/>
      <c r="HL3256" s="126"/>
      <c r="HM3256" s="91"/>
      <c r="HN3256" s="91"/>
      <c r="HO3256" s="91"/>
      <c r="HP3256" s="91"/>
      <c r="HQ3256" s="91"/>
      <c r="HR3256" s="91"/>
      <c r="HS3256" s="91"/>
      <c r="HT3256" s="91"/>
      <c r="HU3256" s="91"/>
      <c r="HV3256" s="91"/>
      <c r="HW3256" s="91"/>
      <c r="HX3256" s="127"/>
      <c r="HY3256" s="126"/>
      <c r="HZ3256" s="91"/>
      <c r="IA3256" s="91"/>
      <c r="IB3256" s="91"/>
      <c r="IC3256" s="91"/>
      <c r="ID3256" s="91"/>
      <c r="IE3256" s="91"/>
      <c r="IF3256" s="91"/>
      <c r="IG3256" s="91"/>
      <c r="IH3256" s="91"/>
      <c r="II3256" s="91"/>
      <c r="IJ3256" s="91"/>
      <c r="IK3256" s="174"/>
    </row>
    <row r="3257" spans="2:245" x14ac:dyDescent="0.2">
      <c r="B3257" s="43"/>
      <c r="C3257" s="73"/>
      <c r="D3257" s="64"/>
      <c r="E3257" s="64"/>
      <c r="F3257" s="55"/>
      <c r="G3257" s="102"/>
      <c r="H3257" s="97"/>
      <c r="T3257" s="98"/>
      <c r="U3257" s="97"/>
      <c r="AG3257" s="98"/>
      <c r="AY3257" s="164"/>
      <c r="BK3257" s="98"/>
      <c r="BL3257" s="97"/>
      <c r="BX3257" s="98"/>
      <c r="CL3257" s="97"/>
      <c r="CX3257" s="98"/>
      <c r="DL3257" s="97"/>
      <c r="DX3257" s="98"/>
      <c r="EL3257" s="97"/>
      <c r="EX3257" s="98"/>
      <c r="EY3257" s="97"/>
      <c r="FL3257" s="126"/>
      <c r="FM3257" s="91"/>
      <c r="FN3257" s="91"/>
      <c r="FO3257" s="91"/>
      <c r="FP3257" s="91"/>
      <c r="FQ3257" s="91"/>
      <c r="FR3257" s="91"/>
      <c r="FS3257" s="91"/>
      <c r="FT3257" s="91"/>
      <c r="FU3257" s="91"/>
      <c r="FV3257" s="91"/>
      <c r="FW3257" s="91"/>
      <c r="FX3257" s="127"/>
      <c r="FY3257" s="126"/>
      <c r="FZ3257" s="91"/>
      <c r="GA3257" s="91"/>
      <c r="GB3257" s="91"/>
      <c r="GC3257" s="91"/>
      <c r="GD3257" s="91"/>
      <c r="GE3257" s="91"/>
      <c r="GF3257" s="91"/>
      <c r="GG3257" s="91"/>
      <c r="GH3257" s="91"/>
      <c r="GI3257" s="91"/>
      <c r="GJ3257" s="91"/>
      <c r="GK3257" s="127"/>
      <c r="GL3257" s="126"/>
      <c r="GM3257" s="91"/>
      <c r="GN3257" s="91"/>
      <c r="GO3257" s="91"/>
      <c r="GP3257" s="91"/>
      <c r="GQ3257" s="91"/>
      <c r="GR3257" s="91"/>
      <c r="GS3257" s="91"/>
      <c r="GT3257" s="91"/>
      <c r="GU3257" s="91"/>
      <c r="GV3257" s="91"/>
      <c r="GW3257" s="91"/>
      <c r="GX3257" s="127"/>
      <c r="GY3257" s="126"/>
      <c r="GZ3257" s="91"/>
      <c r="HA3257" s="91"/>
      <c r="HB3257" s="91"/>
      <c r="HC3257" s="91"/>
      <c r="HD3257" s="91"/>
      <c r="HE3257" s="91"/>
      <c r="HF3257" s="91"/>
      <c r="HG3257" s="91"/>
      <c r="HH3257" s="91"/>
      <c r="HI3257" s="91"/>
      <c r="HJ3257" s="91"/>
      <c r="HK3257" s="127"/>
      <c r="HL3257" s="126"/>
      <c r="HM3257" s="91"/>
      <c r="HN3257" s="91"/>
      <c r="HO3257" s="91"/>
      <c r="HP3257" s="91"/>
      <c r="HQ3257" s="91"/>
      <c r="HR3257" s="91"/>
      <c r="HS3257" s="91"/>
      <c r="HT3257" s="91"/>
      <c r="HU3257" s="91"/>
      <c r="HV3257" s="91"/>
      <c r="HW3257" s="91"/>
      <c r="HX3257" s="127"/>
      <c r="HY3257" s="126"/>
      <c r="HZ3257" s="91"/>
      <c r="IA3257" s="91"/>
      <c r="IB3257" s="91"/>
      <c r="IC3257" s="91"/>
      <c r="ID3257" s="91"/>
      <c r="IE3257" s="91"/>
      <c r="IF3257" s="91"/>
      <c r="IG3257" s="91"/>
      <c r="IH3257" s="91"/>
      <c r="II3257" s="91"/>
      <c r="IJ3257" s="91"/>
      <c r="IK3257" s="174"/>
    </row>
    <row r="3258" spans="2:245" x14ac:dyDescent="0.2">
      <c r="B3258" s="43"/>
      <c r="C3258" s="73"/>
      <c r="D3258" s="64"/>
      <c r="E3258" s="64"/>
      <c r="F3258" s="55"/>
      <c r="G3258" s="102"/>
      <c r="H3258" s="97"/>
      <c r="T3258" s="98"/>
      <c r="U3258" s="97"/>
      <c r="AG3258" s="98"/>
      <c r="AY3258" s="164"/>
      <c r="BK3258" s="98"/>
      <c r="BL3258" s="97"/>
      <c r="BX3258" s="98"/>
      <c r="CL3258" s="97"/>
      <c r="CX3258" s="98"/>
      <c r="DL3258" s="97"/>
      <c r="DX3258" s="98"/>
      <c r="EL3258" s="97"/>
      <c r="EX3258" s="98"/>
      <c r="EY3258" s="97"/>
      <c r="FL3258" s="126"/>
      <c r="FM3258" s="91"/>
      <c r="FN3258" s="91"/>
      <c r="FO3258" s="91"/>
      <c r="FP3258" s="91"/>
      <c r="FQ3258" s="91"/>
      <c r="FR3258" s="91"/>
      <c r="FS3258" s="91"/>
      <c r="FT3258" s="91"/>
      <c r="FU3258" s="91"/>
      <c r="FV3258" s="91"/>
      <c r="FW3258" s="91"/>
      <c r="FX3258" s="127"/>
      <c r="FY3258" s="126"/>
      <c r="FZ3258" s="91"/>
      <c r="GA3258" s="91"/>
      <c r="GB3258" s="91"/>
      <c r="GC3258" s="91"/>
      <c r="GD3258" s="91"/>
      <c r="GE3258" s="91"/>
      <c r="GF3258" s="91"/>
      <c r="GG3258" s="91"/>
      <c r="GH3258" s="91"/>
      <c r="GI3258" s="91"/>
      <c r="GJ3258" s="91"/>
      <c r="GK3258" s="127"/>
      <c r="GL3258" s="126"/>
      <c r="GM3258" s="91"/>
      <c r="GN3258" s="91"/>
      <c r="GO3258" s="91"/>
      <c r="GP3258" s="91"/>
      <c r="GQ3258" s="91"/>
      <c r="GR3258" s="91"/>
      <c r="GS3258" s="91"/>
      <c r="GT3258" s="91"/>
      <c r="GU3258" s="91"/>
      <c r="GV3258" s="91"/>
      <c r="GW3258" s="91"/>
      <c r="GX3258" s="127"/>
      <c r="GY3258" s="126"/>
      <c r="GZ3258" s="91"/>
      <c r="HA3258" s="91"/>
      <c r="HB3258" s="91"/>
      <c r="HC3258" s="91"/>
      <c r="HD3258" s="91"/>
      <c r="HE3258" s="91"/>
      <c r="HF3258" s="91"/>
      <c r="HG3258" s="91"/>
      <c r="HH3258" s="91"/>
      <c r="HI3258" s="91"/>
      <c r="HJ3258" s="91"/>
      <c r="HK3258" s="127"/>
      <c r="HL3258" s="126"/>
      <c r="HM3258" s="91"/>
      <c r="HN3258" s="91"/>
      <c r="HO3258" s="91"/>
      <c r="HP3258" s="91"/>
      <c r="HQ3258" s="91"/>
      <c r="HR3258" s="91"/>
      <c r="HS3258" s="91"/>
      <c r="HT3258" s="91"/>
      <c r="HU3258" s="91"/>
      <c r="HV3258" s="91"/>
      <c r="HW3258" s="91"/>
      <c r="HX3258" s="127"/>
      <c r="HY3258" s="126"/>
      <c r="HZ3258" s="91"/>
      <c r="IA3258" s="91"/>
      <c r="IB3258" s="91"/>
      <c r="IC3258" s="91"/>
      <c r="ID3258" s="91"/>
      <c r="IE3258" s="91"/>
      <c r="IF3258" s="91"/>
      <c r="IG3258" s="91"/>
      <c r="IH3258" s="91"/>
      <c r="II3258" s="91"/>
      <c r="IJ3258" s="91"/>
      <c r="IK3258" s="174"/>
    </row>
    <row r="3259" spans="2:245" x14ac:dyDescent="0.2">
      <c r="B3259" s="43"/>
      <c r="C3259" s="73"/>
      <c r="D3259" s="64"/>
      <c r="E3259" s="64"/>
      <c r="F3259" s="55"/>
      <c r="G3259" s="102"/>
      <c r="H3259" s="97"/>
      <c r="T3259" s="98"/>
      <c r="U3259" s="97"/>
      <c r="AG3259" s="98"/>
      <c r="AY3259" s="164"/>
      <c r="BK3259" s="98"/>
      <c r="BL3259" s="97"/>
      <c r="BX3259" s="98"/>
      <c r="CL3259" s="97"/>
      <c r="CX3259" s="98"/>
      <c r="DL3259" s="97"/>
      <c r="DX3259" s="98"/>
      <c r="EL3259" s="97"/>
      <c r="EX3259" s="98"/>
      <c r="EY3259" s="97"/>
      <c r="FL3259" s="126"/>
      <c r="FM3259" s="91"/>
      <c r="FN3259" s="91"/>
      <c r="FO3259" s="91"/>
      <c r="FP3259" s="91"/>
      <c r="FQ3259" s="91"/>
      <c r="FR3259" s="91"/>
      <c r="FS3259" s="91"/>
      <c r="FT3259" s="91"/>
      <c r="FU3259" s="91"/>
      <c r="FV3259" s="91"/>
      <c r="FW3259" s="91"/>
      <c r="FX3259" s="127"/>
      <c r="FY3259" s="126"/>
      <c r="FZ3259" s="91"/>
      <c r="GA3259" s="91"/>
      <c r="GB3259" s="91"/>
      <c r="GC3259" s="91"/>
      <c r="GD3259" s="91"/>
      <c r="GE3259" s="91"/>
      <c r="GF3259" s="91"/>
      <c r="GG3259" s="91"/>
      <c r="GH3259" s="91"/>
      <c r="GI3259" s="91"/>
      <c r="GJ3259" s="91"/>
      <c r="GK3259" s="127"/>
      <c r="GL3259" s="126"/>
      <c r="GM3259" s="91"/>
      <c r="GN3259" s="91"/>
      <c r="GO3259" s="91"/>
      <c r="GP3259" s="91"/>
      <c r="GQ3259" s="91"/>
      <c r="GR3259" s="91"/>
      <c r="GS3259" s="91"/>
      <c r="GT3259" s="91"/>
      <c r="GU3259" s="91"/>
      <c r="GV3259" s="91"/>
      <c r="GW3259" s="91"/>
      <c r="GX3259" s="127"/>
      <c r="GY3259" s="126"/>
      <c r="GZ3259" s="91"/>
      <c r="HA3259" s="91"/>
      <c r="HB3259" s="91"/>
      <c r="HC3259" s="91"/>
      <c r="HD3259" s="91"/>
      <c r="HE3259" s="91"/>
      <c r="HF3259" s="91"/>
      <c r="HG3259" s="91"/>
      <c r="HH3259" s="91"/>
      <c r="HI3259" s="91"/>
      <c r="HJ3259" s="91"/>
      <c r="HK3259" s="127"/>
      <c r="HL3259" s="126"/>
      <c r="HM3259" s="91"/>
      <c r="HN3259" s="91"/>
      <c r="HO3259" s="91"/>
      <c r="HP3259" s="91"/>
      <c r="HQ3259" s="91"/>
      <c r="HR3259" s="91"/>
      <c r="HS3259" s="91"/>
      <c r="HT3259" s="91"/>
      <c r="HU3259" s="91"/>
      <c r="HV3259" s="91"/>
      <c r="HW3259" s="91"/>
      <c r="HX3259" s="127"/>
      <c r="HY3259" s="126"/>
      <c r="HZ3259" s="91"/>
      <c r="IA3259" s="91"/>
      <c r="IB3259" s="91"/>
      <c r="IC3259" s="91"/>
      <c r="ID3259" s="91"/>
      <c r="IE3259" s="91"/>
      <c r="IF3259" s="91"/>
      <c r="IG3259" s="91"/>
      <c r="IH3259" s="91"/>
      <c r="II3259" s="91"/>
      <c r="IJ3259" s="91"/>
      <c r="IK3259" s="174"/>
    </row>
    <row r="3260" spans="2:245" x14ac:dyDescent="0.2">
      <c r="B3260" s="43"/>
      <c r="C3260" s="73"/>
      <c r="D3260" s="64"/>
      <c r="E3260" s="64"/>
      <c r="F3260" s="55"/>
      <c r="G3260" s="102"/>
      <c r="H3260" s="97"/>
      <c r="T3260" s="98"/>
      <c r="U3260" s="97"/>
      <c r="AG3260" s="98"/>
      <c r="AY3260" s="164"/>
      <c r="BK3260" s="98"/>
      <c r="BL3260" s="97"/>
      <c r="BX3260" s="98"/>
      <c r="CL3260" s="97"/>
      <c r="CX3260" s="98"/>
      <c r="DL3260" s="97"/>
      <c r="DX3260" s="98"/>
      <c r="EL3260" s="97"/>
      <c r="EX3260" s="98"/>
      <c r="EY3260" s="97"/>
      <c r="FL3260" s="126"/>
      <c r="FM3260" s="91"/>
      <c r="FN3260" s="91"/>
      <c r="FO3260" s="91"/>
      <c r="FP3260" s="91"/>
      <c r="FQ3260" s="91"/>
      <c r="FR3260" s="91"/>
      <c r="FS3260" s="91"/>
      <c r="FT3260" s="91"/>
      <c r="FU3260" s="91"/>
      <c r="FV3260" s="91"/>
      <c r="FW3260" s="91"/>
      <c r="FX3260" s="127"/>
      <c r="FY3260" s="126"/>
      <c r="FZ3260" s="91"/>
      <c r="GA3260" s="91"/>
      <c r="GB3260" s="91"/>
      <c r="GC3260" s="91"/>
      <c r="GD3260" s="91"/>
      <c r="GE3260" s="91"/>
      <c r="GF3260" s="91"/>
      <c r="GG3260" s="91"/>
      <c r="GH3260" s="91"/>
      <c r="GI3260" s="91"/>
      <c r="GJ3260" s="91"/>
      <c r="GK3260" s="127"/>
      <c r="GL3260" s="126"/>
      <c r="GM3260" s="91"/>
      <c r="GN3260" s="91"/>
      <c r="GO3260" s="91"/>
      <c r="GP3260" s="91"/>
      <c r="GQ3260" s="91"/>
      <c r="GR3260" s="91"/>
      <c r="GS3260" s="91"/>
      <c r="GT3260" s="91"/>
      <c r="GU3260" s="91"/>
      <c r="GV3260" s="91"/>
      <c r="GW3260" s="91"/>
      <c r="GX3260" s="127"/>
      <c r="GY3260" s="126"/>
      <c r="GZ3260" s="91"/>
      <c r="HA3260" s="91"/>
      <c r="HB3260" s="91"/>
      <c r="HC3260" s="91"/>
      <c r="HD3260" s="91"/>
      <c r="HE3260" s="91"/>
      <c r="HF3260" s="91"/>
      <c r="HG3260" s="91"/>
      <c r="HH3260" s="91"/>
      <c r="HI3260" s="91"/>
      <c r="HJ3260" s="91"/>
      <c r="HK3260" s="127"/>
      <c r="HL3260" s="126"/>
      <c r="HM3260" s="91"/>
      <c r="HN3260" s="91"/>
      <c r="HO3260" s="91"/>
      <c r="HP3260" s="91"/>
      <c r="HQ3260" s="91"/>
      <c r="HR3260" s="91"/>
      <c r="HS3260" s="91"/>
      <c r="HT3260" s="91"/>
      <c r="HU3260" s="91"/>
      <c r="HV3260" s="91"/>
      <c r="HW3260" s="91"/>
      <c r="HX3260" s="127"/>
      <c r="HY3260" s="126"/>
      <c r="HZ3260" s="91"/>
      <c r="IA3260" s="91"/>
      <c r="IB3260" s="91"/>
      <c r="IC3260" s="91"/>
      <c r="ID3260" s="91"/>
      <c r="IE3260" s="91"/>
      <c r="IF3260" s="91"/>
      <c r="IG3260" s="91"/>
      <c r="IH3260" s="91"/>
      <c r="II3260" s="91"/>
      <c r="IJ3260" s="91"/>
      <c r="IK3260" s="174"/>
    </row>
    <row r="3261" spans="2:245" x14ac:dyDescent="0.2">
      <c r="B3261" s="43"/>
      <c r="C3261" s="73"/>
      <c r="D3261" s="64"/>
      <c r="E3261" s="64"/>
      <c r="F3261" s="55"/>
      <c r="G3261" s="102"/>
      <c r="H3261" s="97"/>
      <c r="T3261" s="98"/>
      <c r="U3261" s="97"/>
      <c r="AG3261" s="98"/>
      <c r="AY3261" s="164"/>
      <c r="BK3261" s="98"/>
      <c r="BL3261" s="97"/>
      <c r="BX3261" s="98"/>
      <c r="CL3261" s="97"/>
      <c r="CX3261" s="98"/>
      <c r="DL3261" s="97"/>
      <c r="DX3261" s="98"/>
      <c r="EL3261" s="97"/>
      <c r="EX3261" s="98"/>
      <c r="EY3261" s="97"/>
      <c r="FL3261" s="126"/>
      <c r="FM3261" s="91"/>
      <c r="FN3261" s="91"/>
      <c r="FO3261" s="91"/>
      <c r="FP3261" s="91"/>
      <c r="FQ3261" s="91"/>
      <c r="FR3261" s="91"/>
      <c r="FS3261" s="91"/>
      <c r="FT3261" s="91"/>
      <c r="FU3261" s="91"/>
      <c r="FV3261" s="91"/>
      <c r="FW3261" s="91"/>
      <c r="FX3261" s="127"/>
      <c r="FY3261" s="126"/>
      <c r="FZ3261" s="91"/>
      <c r="GA3261" s="91"/>
      <c r="GB3261" s="91"/>
      <c r="GC3261" s="91"/>
      <c r="GD3261" s="91"/>
      <c r="GE3261" s="91"/>
      <c r="GF3261" s="91"/>
      <c r="GG3261" s="91"/>
      <c r="GH3261" s="91"/>
      <c r="GI3261" s="91"/>
      <c r="GJ3261" s="91"/>
      <c r="GK3261" s="127"/>
      <c r="GL3261" s="126"/>
      <c r="GM3261" s="91"/>
      <c r="GN3261" s="91"/>
      <c r="GO3261" s="91"/>
      <c r="GP3261" s="91"/>
      <c r="GQ3261" s="91"/>
      <c r="GR3261" s="91"/>
      <c r="GS3261" s="91"/>
      <c r="GT3261" s="91"/>
      <c r="GU3261" s="91"/>
      <c r="GV3261" s="91"/>
      <c r="GW3261" s="91"/>
      <c r="GX3261" s="127"/>
      <c r="GY3261" s="126"/>
      <c r="GZ3261" s="91"/>
      <c r="HA3261" s="91"/>
      <c r="HB3261" s="91"/>
      <c r="HC3261" s="91"/>
      <c r="HD3261" s="91"/>
      <c r="HE3261" s="91"/>
      <c r="HF3261" s="91"/>
      <c r="HG3261" s="91"/>
      <c r="HH3261" s="91"/>
      <c r="HI3261" s="91"/>
      <c r="HJ3261" s="91"/>
      <c r="HK3261" s="127"/>
      <c r="HL3261" s="126"/>
      <c r="HM3261" s="91"/>
      <c r="HN3261" s="91"/>
      <c r="HO3261" s="91"/>
      <c r="HP3261" s="91"/>
      <c r="HQ3261" s="91"/>
      <c r="HR3261" s="91"/>
      <c r="HS3261" s="91"/>
      <c r="HT3261" s="91"/>
      <c r="HU3261" s="91"/>
      <c r="HV3261" s="91"/>
      <c r="HW3261" s="91"/>
      <c r="HX3261" s="127"/>
      <c r="HY3261" s="126"/>
      <c r="HZ3261" s="91"/>
      <c r="IA3261" s="91"/>
      <c r="IB3261" s="91"/>
      <c r="IC3261" s="91"/>
      <c r="ID3261" s="91"/>
      <c r="IE3261" s="91"/>
      <c r="IF3261" s="91"/>
      <c r="IG3261" s="91"/>
      <c r="IH3261" s="91"/>
      <c r="II3261" s="91"/>
      <c r="IJ3261" s="91"/>
      <c r="IK3261" s="174"/>
    </row>
    <row r="3262" spans="2:245" x14ac:dyDescent="0.2">
      <c r="B3262" s="43"/>
      <c r="C3262" s="73"/>
      <c r="D3262" s="64"/>
      <c r="E3262" s="64"/>
      <c r="F3262" s="55"/>
      <c r="G3262" s="102"/>
      <c r="H3262" s="97"/>
      <c r="T3262" s="98"/>
      <c r="U3262" s="97"/>
      <c r="AG3262" s="98"/>
      <c r="AY3262" s="164"/>
      <c r="BK3262" s="98"/>
      <c r="BL3262" s="97"/>
      <c r="BX3262" s="98"/>
      <c r="CL3262" s="97"/>
      <c r="CX3262" s="98"/>
      <c r="DL3262" s="97"/>
      <c r="DX3262" s="98"/>
      <c r="EL3262" s="97"/>
      <c r="EX3262" s="98"/>
      <c r="EY3262" s="97"/>
      <c r="FL3262" s="126"/>
      <c r="FM3262" s="91"/>
      <c r="FN3262" s="91"/>
      <c r="FO3262" s="91"/>
      <c r="FP3262" s="91"/>
      <c r="FQ3262" s="91"/>
      <c r="FR3262" s="91"/>
      <c r="FS3262" s="91"/>
      <c r="FT3262" s="91"/>
      <c r="FU3262" s="91"/>
      <c r="FV3262" s="91"/>
      <c r="FW3262" s="91"/>
      <c r="FX3262" s="127"/>
      <c r="FY3262" s="126"/>
      <c r="FZ3262" s="91"/>
      <c r="GA3262" s="91"/>
      <c r="GB3262" s="91"/>
      <c r="GC3262" s="91"/>
      <c r="GD3262" s="91"/>
      <c r="GE3262" s="91"/>
      <c r="GF3262" s="91"/>
      <c r="GG3262" s="91"/>
      <c r="GH3262" s="91"/>
      <c r="GI3262" s="91"/>
      <c r="GJ3262" s="91"/>
      <c r="GK3262" s="127"/>
      <c r="GL3262" s="126"/>
      <c r="GM3262" s="91"/>
      <c r="GN3262" s="91"/>
      <c r="GO3262" s="91"/>
      <c r="GP3262" s="91"/>
      <c r="GQ3262" s="91"/>
      <c r="GR3262" s="91"/>
      <c r="GS3262" s="91"/>
      <c r="GT3262" s="91"/>
      <c r="GU3262" s="91"/>
      <c r="GV3262" s="91"/>
      <c r="GW3262" s="91"/>
      <c r="GX3262" s="127"/>
      <c r="GY3262" s="126"/>
      <c r="GZ3262" s="91"/>
      <c r="HA3262" s="91"/>
      <c r="HB3262" s="91"/>
      <c r="HC3262" s="91"/>
      <c r="HD3262" s="91"/>
      <c r="HE3262" s="91"/>
      <c r="HF3262" s="91"/>
      <c r="HG3262" s="91"/>
      <c r="HH3262" s="91"/>
      <c r="HI3262" s="91"/>
      <c r="HJ3262" s="91"/>
      <c r="HK3262" s="127"/>
      <c r="HL3262" s="126"/>
      <c r="HM3262" s="91"/>
      <c r="HN3262" s="91"/>
      <c r="HO3262" s="91"/>
      <c r="HP3262" s="91"/>
      <c r="HQ3262" s="91"/>
      <c r="HR3262" s="91"/>
      <c r="HS3262" s="91"/>
      <c r="HT3262" s="91"/>
      <c r="HU3262" s="91"/>
      <c r="HV3262" s="91"/>
      <c r="HW3262" s="91"/>
      <c r="HX3262" s="127"/>
      <c r="HY3262" s="126"/>
      <c r="HZ3262" s="91"/>
      <c r="IA3262" s="91"/>
      <c r="IB3262" s="91"/>
      <c r="IC3262" s="91"/>
      <c r="ID3262" s="91"/>
      <c r="IE3262" s="91"/>
      <c r="IF3262" s="91"/>
      <c r="IG3262" s="91"/>
      <c r="IH3262" s="91"/>
      <c r="II3262" s="91"/>
      <c r="IJ3262" s="91"/>
      <c r="IK3262" s="174"/>
    </row>
    <row r="3263" spans="2:245" x14ac:dyDescent="0.2">
      <c r="B3263" s="43"/>
      <c r="C3263" s="73"/>
      <c r="D3263" s="64"/>
      <c r="E3263" s="64"/>
      <c r="F3263" s="55"/>
      <c r="G3263" s="102"/>
      <c r="H3263" s="97"/>
      <c r="T3263" s="98"/>
      <c r="U3263" s="97"/>
      <c r="AG3263" s="98"/>
      <c r="AY3263" s="164"/>
      <c r="BK3263" s="98"/>
      <c r="BL3263" s="97"/>
      <c r="BX3263" s="98"/>
      <c r="CL3263" s="97"/>
      <c r="CX3263" s="98"/>
      <c r="DL3263" s="97"/>
      <c r="DX3263" s="98"/>
      <c r="EL3263" s="97"/>
      <c r="EX3263" s="98"/>
      <c r="EY3263" s="97"/>
      <c r="FL3263" s="126"/>
      <c r="FM3263" s="91"/>
      <c r="FN3263" s="91"/>
      <c r="FO3263" s="91"/>
      <c r="FP3263" s="91"/>
      <c r="FQ3263" s="91"/>
      <c r="FR3263" s="91"/>
      <c r="FS3263" s="91"/>
      <c r="FT3263" s="91"/>
      <c r="FU3263" s="91"/>
      <c r="FV3263" s="91"/>
      <c r="FW3263" s="91"/>
      <c r="FX3263" s="127"/>
      <c r="FY3263" s="126"/>
      <c r="FZ3263" s="91"/>
      <c r="GA3263" s="91"/>
      <c r="GB3263" s="91"/>
      <c r="GC3263" s="91"/>
      <c r="GD3263" s="91"/>
      <c r="GE3263" s="91"/>
      <c r="GF3263" s="91"/>
      <c r="GG3263" s="91"/>
      <c r="GH3263" s="91"/>
      <c r="GI3263" s="91"/>
      <c r="GJ3263" s="91"/>
      <c r="GK3263" s="127"/>
      <c r="GL3263" s="126"/>
      <c r="GM3263" s="91"/>
      <c r="GN3263" s="91"/>
      <c r="GO3263" s="91"/>
      <c r="GP3263" s="91"/>
      <c r="GQ3263" s="91"/>
      <c r="GR3263" s="91"/>
      <c r="GS3263" s="91"/>
      <c r="GT3263" s="91"/>
      <c r="GU3263" s="91"/>
      <c r="GV3263" s="91"/>
      <c r="GW3263" s="91"/>
      <c r="GX3263" s="127"/>
      <c r="GY3263" s="126"/>
      <c r="GZ3263" s="91"/>
      <c r="HA3263" s="91"/>
      <c r="HB3263" s="91"/>
      <c r="HC3263" s="91"/>
      <c r="HD3263" s="91"/>
      <c r="HE3263" s="91"/>
      <c r="HF3263" s="91"/>
      <c r="HG3263" s="91"/>
      <c r="HH3263" s="91"/>
      <c r="HI3263" s="91"/>
      <c r="HJ3263" s="91"/>
      <c r="HK3263" s="127"/>
      <c r="HL3263" s="126"/>
      <c r="HM3263" s="91"/>
      <c r="HN3263" s="91"/>
      <c r="HO3263" s="91"/>
      <c r="HP3263" s="91"/>
      <c r="HQ3263" s="91"/>
      <c r="HR3263" s="91"/>
      <c r="HS3263" s="91"/>
      <c r="HT3263" s="91"/>
      <c r="HU3263" s="91"/>
      <c r="HV3263" s="91"/>
      <c r="HW3263" s="91"/>
      <c r="HX3263" s="127"/>
      <c r="HY3263" s="126"/>
      <c r="HZ3263" s="91"/>
      <c r="IA3263" s="91"/>
      <c r="IB3263" s="91"/>
      <c r="IC3263" s="91"/>
      <c r="ID3263" s="91"/>
      <c r="IE3263" s="91"/>
      <c r="IF3263" s="91"/>
      <c r="IG3263" s="91"/>
      <c r="IH3263" s="91"/>
      <c r="II3263" s="91"/>
      <c r="IJ3263" s="91"/>
      <c r="IK3263" s="174"/>
    </row>
    <row r="3264" spans="2:245" x14ac:dyDescent="0.2">
      <c r="B3264" s="43"/>
      <c r="C3264" s="73"/>
      <c r="D3264" s="64"/>
      <c r="E3264" s="64"/>
      <c r="F3264" s="55"/>
      <c r="G3264" s="102"/>
      <c r="H3264" s="97"/>
      <c r="T3264" s="98"/>
      <c r="U3264" s="97"/>
      <c r="AG3264" s="98"/>
      <c r="AY3264" s="164"/>
      <c r="BK3264" s="98"/>
      <c r="BL3264" s="97"/>
      <c r="BX3264" s="98"/>
      <c r="CL3264" s="97"/>
      <c r="CX3264" s="98"/>
      <c r="DL3264" s="97"/>
      <c r="DX3264" s="98"/>
      <c r="EL3264" s="97"/>
      <c r="EX3264" s="98"/>
      <c r="EY3264" s="97"/>
      <c r="FL3264" s="126"/>
      <c r="FM3264" s="91"/>
      <c r="FN3264" s="91"/>
      <c r="FO3264" s="91"/>
      <c r="FP3264" s="91"/>
      <c r="FQ3264" s="91"/>
      <c r="FR3264" s="91"/>
      <c r="FS3264" s="91"/>
      <c r="FT3264" s="91"/>
      <c r="FU3264" s="91"/>
      <c r="FV3264" s="91"/>
      <c r="FW3264" s="91"/>
      <c r="FX3264" s="127"/>
      <c r="FY3264" s="126"/>
      <c r="FZ3264" s="91"/>
      <c r="GA3264" s="91"/>
      <c r="GB3264" s="91"/>
      <c r="GC3264" s="91"/>
      <c r="GD3264" s="91"/>
      <c r="GE3264" s="91"/>
      <c r="GF3264" s="91"/>
      <c r="GG3264" s="91"/>
      <c r="GH3264" s="91"/>
      <c r="GI3264" s="91"/>
      <c r="GJ3264" s="91"/>
      <c r="GK3264" s="127"/>
      <c r="GL3264" s="126"/>
      <c r="GM3264" s="91"/>
      <c r="GN3264" s="91"/>
      <c r="GO3264" s="91"/>
      <c r="GP3264" s="91"/>
      <c r="GQ3264" s="91"/>
      <c r="GR3264" s="91"/>
      <c r="GS3264" s="91"/>
      <c r="GT3264" s="91"/>
      <c r="GU3264" s="91"/>
      <c r="GV3264" s="91"/>
      <c r="GW3264" s="91"/>
      <c r="GX3264" s="127"/>
      <c r="GY3264" s="126"/>
      <c r="GZ3264" s="91"/>
      <c r="HA3264" s="91"/>
      <c r="HB3264" s="91"/>
      <c r="HC3264" s="91"/>
      <c r="HD3264" s="91"/>
      <c r="HE3264" s="91"/>
      <c r="HF3264" s="91"/>
      <c r="HG3264" s="91"/>
      <c r="HH3264" s="91"/>
      <c r="HI3264" s="91"/>
      <c r="HJ3264" s="91"/>
      <c r="HK3264" s="127"/>
      <c r="HL3264" s="126"/>
      <c r="HM3264" s="91"/>
      <c r="HN3264" s="91"/>
      <c r="HO3264" s="91"/>
      <c r="HP3264" s="91"/>
      <c r="HQ3264" s="91"/>
      <c r="HR3264" s="91"/>
      <c r="HS3264" s="91"/>
      <c r="HT3264" s="91"/>
      <c r="HU3264" s="91"/>
      <c r="HV3264" s="91"/>
      <c r="HW3264" s="91"/>
      <c r="HX3264" s="127"/>
      <c r="HY3264" s="126"/>
      <c r="HZ3264" s="91"/>
      <c r="IA3264" s="91"/>
      <c r="IB3264" s="91"/>
      <c r="IC3264" s="91"/>
      <c r="ID3264" s="91"/>
      <c r="IE3264" s="91"/>
      <c r="IF3264" s="91"/>
      <c r="IG3264" s="91"/>
      <c r="IH3264" s="91"/>
      <c r="II3264" s="91"/>
      <c r="IJ3264" s="91"/>
      <c r="IK3264" s="174"/>
    </row>
    <row r="3265" spans="2:245" x14ac:dyDescent="0.2">
      <c r="B3265" s="43"/>
      <c r="C3265" s="73"/>
      <c r="D3265" s="64"/>
      <c r="E3265" s="64"/>
      <c r="F3265" s="55"/>
      <c r="G3265" s="102"/>
      <c r="H3265" s="97"/>
      <c r="T3265" s="98"/>
      <c r="U3265" s="97"/>
      <c r="AG3265" s="98"/>
      <c r="AY3265" s="164"/>
      <c r="BK3265" s="98"/>
      <c r="BL3265" s="97"/>
      <c r="BX3265" s="98"/>
      <c r="CL3265" s="97"/>
      <c r="CX3265" s="98"/>
      <c r="DL3265" s="97"/>
      <c r="DX3265" s="98"/>
      <c r="EL3265" s="97"/>
      <c r="EX3265" s="98"/>
      <c r="EY3265" s="97"/>
      <c r="FL3265" s="126"/>
      <c r="FM3265" s="91"/>
      <c r="FN3265" s="91"/>
      <c r="FO3265" s="91"/>
      <c r="FP3265" s="91"/>
      <c r="FQ3265" s="91"/>
      <c r="FR3265" s="91"/>
      <c r="FS3265" s="91"/>
      <c r="FT3265" s="91"/>
      <c r="FU3265" s="91"/>
      <c r="FV3265" s="91"/>
      <c r="FW3265" s="91"/>
      <c r="FX3265" s="127"/>
      <c r="FY3265" s="126"/>
      <c r="FZ3265" s="91"/>
      <c r="GA3265" s="91"/>
      <c r="GB3265" s="91"/>
      <c r="GC3265" s="91"/>
      <c r="GD3265" s="91"/>
      <c r="GE3265" s="91"/>
      <c r="GF3265" s="91"/>
      <c r="GG3265" s="91"/>
      <c r="GH3265" s="91"/>
      <c r="GI3265" s="91"/>
      <c r="GJ3265" s="91"/>
      <c r="GK3265" s="127"/>
      <c r="GL3265" s="126"/>
      <c r="GM3265" s="91"/>
      <c r="GN3265" s="91"/>
      <c r="GO3265" s="91"/>
      <c r="GP3265" s="91"/>
      <c r="GQ3265" s="91"/>
      <c r="GR3265" s="91"/>
      <c r="GS3265" s="91"/>
      <c r="GT3265" s="91"/>
      <c r="GU3265" s="91"/>
      <c r="GV3265" s="91"/>
      <c r="GW3265" s="91"/>
      <c r="GX3265" s="127"/>
      <c r="GY3265" s="126"/>
      <c r="GZ3265" s="91"/>
      <c r="HA3265" s="91"/>
      <c r="HB3265" s="91"/>
      <c r="HC3265" s="91"/>
      <c r="HD3265" s="91"/>
      <c r="HE3265" s="91"/>
      <c r="HF3265" s="91"/>
      <c r="HG3265" s="91"/>
      <c r="HH3265" s="91"/>
      <c r="HI3265" s="91"/>
      <c r="HJ3265" s="91"/>
      <c r="HK3265" s="127"/>
      <c r="HL3265" s="126"/>
      <c r="HM3265" s="91"/>
      <c r="HN3265" s="91"/>
      <c r="HO3265" s="91"/>
      <c r="HP3265" s="91"/>
      <c r="HQ3265" s="91"/>
      <c r="HR3265" s="91"/>
      <c r="HS3265" s="91"/>
      <c r="HT3265" s="91"/>
      <c r="HU3265" s="91"/>
      <c r="HV3265" s="91"/>
      <c r="HW3265" s="91"/>
      <c r="HX3265" s="127"/>
      <c r="HY3265" s="126"/>
      <c r="HZ3265" s="91"/>
      <c r="IA3265" s="91"/>
      <c r="IB3265" s="91"/>
      <c r="IC3265" s="91"/>
      <c r="ID3265" s="91"/>
      <c r="IE3265" s="91"/>
      <c r="IF3265" s="91"/>
      <c r="IG3265" s="91"/>
      <c r="IH3265" s="91"/>
      <c r="II3265" s="91"/>
      <c r="IJ3265" s="91"/>
      <c r="IK3265" s="174"/>
    </row>
    <row r="3266" spans="2:245" x14ac:dyDescent="0.2">
      <c r="B3266" s="43"/>
      <c r="C3266" s="73"/>
      <c r="D3266" s="64"/>
      <c r="E3266" s="64"/>
      <c r="F3266" s="55"/>
      <c r="G3266" s="102"/>
      <c r="H3266" s="97"/>
      <c r="T3266" s="98"/>
      <c r="U3266" s="97"/>
      <c r="AG3266" s="98"/>
      <c r="AY3266" s="164"/>
      <c r="BK3266" s="98"/>
      <c r="BL3266" s="97"/>
      <c r="BX3266" s="98"/>
      <c r="CL3266" s="97"/>
      <c r="CX3266" s="98"/>
      <c r="DL3266" s="97"/>
      <c r="DX3266" s="98"/>
      <c r="EL3266" s="97"/>
      <c r="EX3266" s="98"/>
      <c r="EY3266" s="97"/>
      <c r="FL3266" s="126"/>
      <c r="FM3266" s="91"/>
      <c r="FN3266" s="91"/>
      <c r="FO3266" s="91"/>
      <c r="FP3266" s="91"/>
      <c r="FQ3266" s="91"/>
      <c r="FR3266" s="91"/>
      <c r="FS3266" s="91"/>
      <c r="FT3266" s="91"/>
      <c r="FU3266" s="91"/>
      <c r="FV3266" s="91"/>
      <c r="FW3266" s="91"/>
      <c r="FX3266" s="127"/>
      <c r="FY3266" s="126"/>
      <c r="FZ3266" s="91"/>
      <c r="GA3266" s="91"/>
      <c r="GB3266" s="91"/>
      <c r="GC3266" s="91"/>
      <c r="GD3266" s="91"/>
      <c r="GE3266" s="91"/>
      <c r="GF3266" s="91"/>
      <c r="GG3266" s="91"/>
      <c r="GH3266" s="91"/>
      <c r="GI3266" s="91"/>
      <c r="GJ3266" s="91"/>
      <c r="GK3266" s="127"/>
      <c r="GL3266" s="126"/>
      <c r="GM3266" s="91"/>
      <c r="GN3266" s="91"/>
      <c r="GO3266" s="91"/>
      <c r="GP3266" s="91"/>
      <c r="GQ3266" s="91"/>
      <c r="GR3266" s="91"/>
      <c r="GS3266" s="91"/>
      <c r="GT3266" s="91"/>
      <c r="GU3266" s="91"/>
      <c r="GV3266" s="91"/>
      <c r="GW3266" s="91"/>
      <c r="GX3266" s="127"/>
      <c r="GY3266" s="126"/>
      <c r="GZ3266" s="91"/>
      <c r="HA3266" s="91"/>
      <c r="HB3266" s="91"/>
      <c r="HC3266" s="91"/>
      <c r="HD3266" s="91"/>
      <c r="HE3266" s="91"/>
      <c r="HF3266" s="91"/>
      <c r="HG3266" s="91"/>
      <c r="HH3266" s="91"/>
      <c r="HI3266" s="91"/>
      <c r="HJ3266" s="91"/>
      <c r="HK3266" s="127"/>
      <c r="HL3266" s="126"/>
      <c r="HM3266" s="91"/>
      <c r="HN3266" s="91"/>
      <c r="HO3266" s="91"/>
      <c r="HP3266" s="91"/>
      <c r="HQ3266" s="91"/>
      <c r="HR3266" s="91"/>
      <c r="HS3266" s="91"/>
      <c r="HT3266" s="91"/>
      <c r="HU3266" s="91"/>
      <c r="HV3266" s="91"/>
      <c r="HW3266" s="91"/>
      <c r="HX3266" s="127"/>
      <c r="HY3266" s="126"/>
      <c r="HZ3266" s="91"/>
      <c r="IA3266" s="91"/>
      <c r="IB3266" s="91"/>
      <c r="IC3266" s="91"/>
      <c r="ID3266" s="91"/>
      <c r="IE3266" s="91"/>
      <c r="IF3266" s="91"/>
      <c r="IG3266" s="91"/>
      <c r="IH3266" s="91"/>
      <c r="II3266" s="91"/>
      <c r="IJ3266" s="91"/>
      <c r="IK3266" s="174"/>
    </row>
    <row r="3267" spans="2:245" x14ac:dyDescent="0.2">
      <c r="B3267" s="43"/>
      <c r="C3267" s="73"/>
      <c r="D3267" s="64"/>
      <c r="E3267" s="64"/>
      <c r="F3267" s="55"/>
      <c r="G3267" s="102"/>
      <c r="H3267" s="97"/>
      <c r="T3267" s="98"/>
      <c r="U3267" s="97"/>
      <c r="AG3267" s="98"/>
      <c r="AY3267" s="164"/>
      <c r="BK3267" s="98"/>
      <c r="BL3267" s="97"/>
      <c r="BX3267" s="98"/>
      <c r="CL3267" s="97"/>
      <c r="CX3267" s="98"/>
      <c r="DL3267" s="97"/>
      <c r="DX3267" s="98"/>
      <c r="EL3267" s="97"/>
      <c r="EX3267" s="98"/>
      <c r="EY3267" s="97"/>
      <c r="FL3267" s="126"/>
      <c r="FM3267" s="91"/>
      <c r="FN3267" s="91"/>
      <c r="FO3267" s="91"/>
      <c r="FP3267" s="91"/>
      <c r="FQ3267" s="91"/>
      <c r="FR3267" s="91"/>
      <c r="FS3267" s="91"/>
      <c r="FT3267" s="91"/>
      <c r="FU3267" s="91"/>
      <c r="FV3267" s="91"/>
      <c r="FW3267" s="91"/>
      <c r="FX3267" s="127"/>
      <c r="FY3267" s="126"/>
      <c r="FZ3267" s="91"/>
      <c r="GA3267" s="91"/>
      <c r="GB3267" s="91"/>
      <c r="GC3267" s="91"/>
      <c r="GD3267" s="91"/>
      <c r="GE3267" s="91"/>
      <c r="GF3267" s="91"/>
      <c r="GG3267" s="91"/>
      <c r="GH3267" s="91"/>
      <c r="GI3267" s="91"/>
      <c r="GJ3267" s="91"/>
      <c r="GK3267" s="127"/>
      <c r="GL3267" s="126"/>
      <c r="GM3267" s="91"/>
      <c r="GN3267" s="91"/>
      <c r="GO3267" s="91"/>
      <c r="GP3267" s="91"/>
      <c r="GQ3267" s="91"/>
      <c r="GR3267" s="91"/>
      <c r="GS3267" s="91"/>
      <c r="GT3267" s="91"/>
      <c r="GU3267" s="91"/>
      <c r="GV3267" s="91"/>
      <c r="GW3267" s="91"/>
      <c r="GX3267" s="127"/>
      <c r="GY3267" s="126"/>
      <c r="GZ3267" s="91"/>
      <c r="HA3267" s="91"/>
      <c r="HB3267" s="91"/>
      <c r="HC3267" s="91"/>
      <c r="HD3267" s="91"/>
      <c r="HE3267" s="91"/>
      <c r="HF3267" s="91"/>
      <c r="HG3267" s="91"/>
      <c r="HH3267" s="91"/>
      <c r="HI3267" s="91"/>
      <c r="HJ3267" s="91"/>
      <c r="HK3267" s="127"/>
      <c r="HL3267" s="126"/>
      <c r="HM3267" s="91"/>
      <c r="HN3267" s="91"/>
      <c r="HO3267" s="91"/>
      <c r="HP3267" s="91"/>
      <c r="HQ3267" s="91"/>
      <c r="HR3267" s="91"/>
      <c r="HS3267" s="91"/>
      <c r="HT3267" s="91"/>
      <c r="HU3267" s="91"/>
      <c r="HV3267" s="91"/>
      <c r="HW3267" s="91"/>
      <c r="HX3267" s="127"/>
      <c r="HY3267" s="126"/>
      <c r="HZ3267" s="91"/>
      <c r="IA3267" s="91"/>
      <c r="IB3267" s="91"/>
      <c r="IC3267" s="91"/>
      <c r="ID3267" s="91"/>
      <c r="IE3267" s="91"/>
      <c r="IF3267" s="91"/>
      <c r="IG3267" s="91"/>
      <c r="IH3267" s="91"/>
      <c r="II3267" s="91"/>
      <c r="IJ3267" s="91"/>
      <c r="IK3267" s="174"/>
    </row>
    <row r="3268" spans="2:245" x14ac:dyDescent="0.2">
      <c r="B3268" s="43"/>
      <c r="C3268" s="73"/>
      <c r="D3268" s="64"/>
      <c r="E3268" s="64"/>
      <c r="F3268" s="55"/>
      <c r="G3268" s="102"/>
      <c r="H3268" s="97"/>
      <c r="T3268" s="98"/>
      <c r="U3268" s="97"/>
      <c r="AG3268" s="98"/>
      <c r="AY3268" s="164"/>
      <c r="BK3268" s="98"/>
      <c r="BL3268" s="97"/>
      <c r="BX3268" s="98"/>
      <c r="CL3268" s="97"/>
      <c r="CX3268" s="98"/>
      <c r="DL3268" s="97"/>
      <c r="DX3268" s="98"/>
      <c r="EL3268" s="97"/>
      <c r="EX3268" s="98"/>
      <c r="EY3268" s="97"/>
      <c r="FL3268" s="126"/>
      <c r="FM3268" s="91"/>
      <c r="FN3268" s="91"/>
      <c r="FO3268" s="91"/>
      <c r="FP3268" s="91"/>
      <c r="FQ3268" s="91"/>
      <c r="FR3268" s="91"/>
      <c r="FS3268" s="91"/>
      <c r="FT3268" s="91"/>
      <c r="FU3268" s="91"/>
      <c r="FV3268" s="91"/>
      <c r="FW3268" s="91"/>
      <c r="FX3268" s="127"/>
      <c r="FY3268" s="126"/>
      <c r="FZ3268" s="91"/>
      <c r="GA3268" s="91"/>
      <c r="GB3268" s="91"/>
      <c r="GC3268" s="91"/>
      <c r="GD3268" s="91"/>
      <c r="GE3268" s="91"/>
      <c r="GF3268" s="91"/>
      <c r="GG3268" s="91"/>
      <c r="GH3268" s="91"/>
      <c r="GI3268" s="91"/>
      <c r="GJ3268" s="91"/>
      <c r="GK3268" s="127"/>
      <c r="GL3268" s="126"/>
      <c r="GM3268" s="91"/>
      <c r="GN3268" s="91"/>
      <c r="GO3268" s="91"/>
      <c r="GP3268" s="91"/>
      <c r="GQ3268" s="91"/>
      <c r="GR3268" s="91"/>
      <c r="GS3268" s="91"/>
      <c r="GT3268" s="91"/>
      <c r="GU3268" s="91"/>
      <c r="GV3268" s="91"/>
      <c r="GW3268" s="91"/>
      <c r="GX3268" s="127"/>
      <c r="GY3268" s="126"/>
      <c r="GZ3268" s="91"/>
      <c r="HA3268" s="91"/>
      <c r="HB3268" s="91"/>
      <c r="HC3268" s="91"/>
      <c r="HD3268" s="91"/>
      <c r="HE3268" s="91"/>
      <c r="HF3268" s="91"/>
      <c r="HG3268" s="91"/>
      <c r="HH3268" s="91"/>
      <c r="HI3268" s="91"/>
      <c r="HJ3268" s="91"/>
      <c r="HK3268" s="127"/>
      <c r="HL3268" s="126"/>
      <c r="HM3268" s="91"/>
      <c r="HN3268" s="91"/>
      <c r="HO3268" s="91"/>
      <c r="HP3268" s="91"/>
      <c r="HQ3268" s="91"/>
      <c r="HR3268" s="91"/>
      <c r="HS3268" s="91"/>
      <c r="HT3268" s="91"/>
      <c r="HU3268" s="91"/>
      <c r="HV3268" s="91"/>
      <c r="HW3268" s="91"/>
      <c r="HX3268" s="127"/>
      <c r="HY3268" s="126"/>
      <c r="HZ3268" s="91"/>
      <c r="IA3268" s="91"/>
      <c r="IB3268" s="91"/>
      <c r="IC3268" s="91"/>
      <c r="ID3268" s="91"/>
      <c r="IE3268" s="91"/>
      <c r="IF3268" s="91"/>
      <c r="IG3268" s="91"/>
      <c r="IH3268" s="91"/>
      <c r="II3268" s="91"/>
      <c r="IJ3268" s="91"/>
      <c r="IK3268" s="174"/>
    </row>
    <row r="3269" spans="2:245" x14ac:dyDescent="0.2">
      <c r="B3269" s="43"/>
      <c r="C3269" s="73"/>
      <c r="D3269" s="64"/>
      <c r="E3269" s="64"/>
      <c r="F3269" s="55"/>
      <c r="G3269" s="102"/>
      <c r="H3269" s="97"/>
      <c r="T3269" s="98"/>
      <c r="U3269" s="97"/>
      <c r="AG3269" s="98"/>
      <c r="AY3269" s="164"/>
      <c r="BK3269" s="98"/>
      <c r="BL3269" s="97"/>
      <c r="BX3269" s="98"/>
      <c r="CL3269" s="97"/>
      <c r="CX3269" s="98"/>
      <c r="DL3269" s="97"/>
      <c r="DX3269" s="98"/>
      <c r="EL3269" s="97"/>
      <c r="EX3269" s="98"/>
      <c r="EY3269" s="97"/>
      <c r="FL3269" s="126"/>
      <c r="FM3269" s="91"/>
      <c r="FN3269" s="91"/>
      <c r="FO3269" s="91"/>
      <c r="FP3269" s="91"/>
      <c r="FQ3269" s="91"/>
      <c r="FR3269" s="91"/>
      <c r="FS3269" s="91"/>
      <c r="FT3269" s="91"/>
      <c r="FU3269" s="91"/>
      <c r="FV3269" s="91"/>
      <c r="FW3269" s="91"/>
      <c r="FX3269" s="127"/>
      <c r="FY3269" s="126"/>
      <c r="FZ3269" s="91"/>
      <c r="GA3269" s="91"/>
      <c r="GB3269" s="91"/>
      <c r="GC3269" s="91"/>
      <c r="GD3269" s="91"/>
      <c r="GE3269" s="91"/>
      <c r="GF3269" s="91"/>
      <c r="GG3269" s="91"/>
      <c r="GH3269" s="91"/>
      <c r="GI3269" s="91"/>
      <c r="GJ3269" s="91"/>
      <c r="GK3269" s="127"/>
      <c r="GL3269" s="126"/>
      <c r="GM3269" s="91"/>
      <c r="GN3269" s="91"/>
      <c r="GO3269" s="91"/>
      <c r="GP3269" s="91"/>
      <c r="GQ3269" s="91"/>
      <c r="GR3269" s="91"/>
      <c r="GS3269" s="91"/>
      <c r="GT3269" s="91"/>
      <c r="GU3269" s="91"/>
      <c r="GV3269" s="91"/>
      <c r="GW3269" s="91"/>
      <c r="GX3269" s="127"/>
      <c r="GY3269" s="126"/>
      <c r="GZ3269" s="91"/>
      <c r="HA3269" s="91"/>
      <c r="HB3269" s="91"/>
      <c r="HC3269" s="91"/>
      <c r="HD3269" s="91"/>
      <c r="HE3269" s="91"/>
      <c r="HF3269" s="91"/>
      <c r="HG3269" s="91"/>
      <c r="HH3269" s="91"/>
      <c r="HI3269" s="91"/>
      <c r="HJ3269" s="91"/>
      <c r="HK3269" s="127"/>
      <c r="HL3269" s="126"/>
      <c r="HM3269" s="91"/>
      <c r="HN3269" s="91"/>
      <c r="HO3269" s="91"/>
      <c r="HP3269" s="91"/>
      <c r="HQ3269" s="91"/>
      <c r="HR3269" s="91"/>
      <c r="HS3269" s="91"/>
      <c r="HT3269" s="91"/>
      <c r="HU3269" s="91"/>
      <c r="HV3269" s="91"/>
      <c r="HW3269" s="91"/>
      <c r="HX3269" s="127"/>
      <c r="HY3269" s="126"/>
      <c r="HZ3269" s="91"/>
      <c r="IA3269" s="91"/>
      <c r="IB3269" s="91"/>
      <c r="IC3269" s="91"/>
      <c r="ID3269" s="91"/>
      <c r="IE3269" s="91"/>
      <c r="IF3269" s="91"/>
      <c r="IG3269" s="91"/>
      <c r="IH3269" s="91"/>
      <c r="II3269" s="91"/>
      <c r="IJ3269" s="91"/>
      <c r="IK3269" s="174"/>
    </row>
    <row r="3270" spans="2:245" x14ac:dyDescent="0.2">
      <c r="B3270" s="43"/>
      <c r="C3270" s="73"/>
      <c r="D3270" s="64"/>
      <c r="E3270" s="64"/>
      <c r="F3270" s="55"/>
      <c r="G3270" s="102"/>
      <c r="H3270" s="97"/>
      <c r="T3270" s="98"/>
      <c r="U3270" s="97"/>
      <c r="AG3270" s="98"/>
      <c r="AY3270" s="164"/>
      <c r="BK3270" s="98"/>
      <c r="BL3270" s="97"/>
      <c r="BX3270" s="98"/>
      <c r="CL3270" s="97"/>
      <c r="CX3270" s="98"/>
      <c r="DL3270" s="97"/>
      <c r="DX3270" s="98"/>
      <c r="EL3270" s="97"/>
      <c r="EX3270" s="98"/>
      <c r="EY3270" s="97"/>
      <c r="FL3270" s="126"/>
      <c r="FM3270" s="91"/>
      <c r="FN3270" s="91"/>
      <c r="FO3270" s="91"/>
      <c r="FP3270" s="91"/>
      <c r="FQ3270" s="91"/>
      <c r="FR3270" s="91"/>
      <c r="FS3270" s="91"/>
      <c r="FT3270" s="91"/>
      <c r="FU3270" s="91"/>
      <c r="FV3270" s="91"/>
      <c r="FW3270" s="91"/>
      <c r="FX3270" s="127"/>
      <c r="FY3270" s="126"/>
      <c r="FZ3270" s="91"/>
      <c r="GA3270" s="91"/>
      <c r="GB3270" s="91"/>
      <c r="GC3270" s="91"/>
      <c r="GD3270" s="91"/>
      <c r="GE3270" s="91"/>
      <c r="GF3270" s="91"/>
      <c r="GG3270" s="91"/>
      <c r="GH3270" s="91"/>
      <c r="GI3270" s="91"/>
      <c r="GJ3270" s="91"/>
      <c r="GK3270" s="127"/>
      <c r="GL3270" s="126"/>
      <c r="GM3270" s="91"/>
      <c r="GN3270" s="91"/>
      <c r="GO3270" s="91"/>
      <c r="GP3270" s="91"/>
      <c r="GQ3270" s="91"/>
      <c r="GR3270" s="91"/>
      <c r="GS3270" s="91"/>
      <c r="GT3270" s="91"/>
      <c r="GU3270" s="91"/>
      <c r="GV3270" s="91"/>
      <c r="GW3270" s="91"/>
      <c r="GX3270" s="127"/>
      <c r="GY3270" s="126"/>
      <c r="GZ3270" s="91"/>
      <c r="HA3270" s="91"/>
      <c r="HB3270" s="91"/>
      <c r="HC3270" s="91"/>
      <c r="HD3270" s="91"/>
      <c r="HE3270" s="91"/>
      <c r="HF3270" s="91"/>
      <c r="HG3270" s="91"/>
      <c r="HH3270" s="91"/>
      <c r="HI3270" s="91"/>
      <c r="HJ3270" s="91"/>
      <c r="HK3270" s="127"/>
      <c r="HL3270" s="126"/>
      <c r="HM3270" s="91"/>
      <c r="HN3270" s="91"/>
      <c r="HO3270" s="91"/>
      <c r="HP3270" s="91"/>
      <c r="HQ3270" s="91"/>
      <c r="HR3270" s="91"/>
      <c r="HS3270" s="91"/>
      <c r="HT3270" s="91"/>
      <c r="HU3270" s="91"/>
      <c r="HV3270" s="91"/>
      <c r="HW3270" s="91"/>
      <c r="HX3270" s="127"/>
      <c r="HY3270" s="126"/>
      <c r="HZ3270" s="91"/>
      <c r="IA3270" s="91"/>
      <c r="IB3270" s="91"/>
      <c r="IC3270" s="91"/>
      <c r="ID3270" s="91"/>
      <c r="IE3270" s="91"/>
      <c r="IF3270" s="91"/>
      <c r="IG3270" s="91"/>
      <c r="IH3270" s="91"/>
      <c r="II3270" s="91"/>
      <c r="IJ3270" s="91"/>
      <c r="IK3270" s="174"/>
    </row>
    <row r="3271" spans="2:245" x14ac:dyDescent="0.2">
      <c r="B3271" s="43"/>
      <c r="C3271" s="73"/>
      <c r="D3271" s="64"/>
      <c r="E3271" s="64"/>
      <c r="F3271" s="55"/>
      <c r="G3271" s="102"/>
      <c r="H3271" s="97"/>
      <c r="T3271" s="98"/>
      <c r="U3271" s="97"/>
      <c r="AG3271" s="98"/>
      <c r="AY3271" s="164"/>
      <c r="BK3271" s="98"/>
      <c r="BL3271" s="97"/>
      <c r="BX3271" s="98"/>
      <c r="CL3271" s="97"/>
      <c r="CX3271" s="98"/>
      <c r="DL3271" s="97"/>
      <c r="DX3271" s="98"/>
      <c r="EL3271" s="97"/>
      <c r="EX3271" s="98"/>
      <c r="EY3271" s="97"/>
      <c r="FL3271" s="126"/>
      <c r="FM3271" s="91"/>
      <c r="FN3271" s="91"/>
      <c r="FO3271" s="91"/>
      <c r="FP3271" s="91"/>
      <c r="FQ3271" s="91"/>
      <c r="FR3271" s="91"/>
      <c r="FS3271" s="91"/>
      <c r="FT3271" s="91"/>
      <c r="FU3271" s="91"/>
      <c r="FV3271" s="91"/>
      <c r="FW3271" s="91"/>
      <c r="FX3271" s="127"/>
      <c r="FY3271" s="126"/>
      <c r="FZ3271" s="91"/>
      <c r="GA3271" s="91"/>
      <c r="GB3271" s="91"/>
      <c r="GC3271" s="91"/>
      <c r="GD3271" s="91"/>
      <c r="GE3271" s="91"/>
      <c r="GF3271" s="91"/>
      <c r="GG3271" s="91"/>
      <c r="GH3271" s="91"/>
      <c r="GI3271" s="91"/>
      <c r="GJ3271" s="91"/>
      <c r="GK3271" s="127"/>
      <c r="GL3271" s="126"/>
      <c r="GM3271" s="91"/>
      <c r="GN3271" s="91"/>
      <c r="GO3271" s="91"/>
      <c r="GP3271" s="91"/>
      <c r="GQ3271" s="91"/>
      <c r="GR3271" s="91"/>
      <c r="GS3271" s="91"/>
      <c r="GT3271" s="91"/>
      <c r="GU3271" s="91"/>
      <c r="GV3271" s="91"/>
      <c r="GW3271" s="91"/>
      <c r="GX3271" s="127"/>
      <c r="GY3271" s="126"/>
      <c r="GZ3271" s="91"/>
      <c r="HA3271" s="91"/>
      <c r="HB3271" s="91"/>
      <c r="HC3271" s="91"/>
      <c r="HD3271" s="91"/>
      <c r="HE3271" s="91"/>
      <c r="HF3271" s="91"/>
      <c r="HG3271" s="91"/>
      <c r="HH3271" s="91"/>
      <c r="HI3271" s="91"/>
      <c r="HJ3271" s="91"/>
      <c r="HK3271" s="127"/>
      <c r="HL3271" s="126"/>
      <c r="HM3271" s="91"/>
      <c r="HN3271" s="91"/>
      <c r="HO3271" s="91"/>
      <c r="HP3271" s="91"/>
      <c r="HQ3271" s="91"/>
      <c r="HR3271" s="91"/>
      <c r="HS3271" s="91"/>
      <c r="HT3271" s="91"/>
      <c r="HU3271" s="91"/>
      <c r="HV3271" s="91"/>
      <c r="HW3271" s="91"/>
      <c r="HX3271" s="127"/>
      <c r="HY3271" s="126"/>
      <c r="HZ3271" s="91"/>
      <c r="IA3271" s="91"/>
      <c r="IB3271" s="91"/>
      <c r="IC3271" s="91"/>
      <c r="ID3271" s="91"/>
      <c r="IE3271" s="91"/>
      <c r="IF3271" s="91"/>
      <c r="IG3271" s="91"/>
      <c r="IH3271" s="91"/>
      <c r="II3271" s="91"/>
      <c r="IJ3271" s="91"/>
      <c r="IK3271" s="174"/>
    </row>
    <row r="3272" spans="2:245" x14ac:dyDescent="0.2">
      <c r="B3272" s="43"/>
      <c r="C3272" s="73"/>
      <c r="D3272" s="64"/>
      <c r="E3272" s="64"/>
      <c r="F3272" s="55"/>
      <c r="G3272" s="102"/>
      <c r="H3272" s="97"/>
      <c r="T3272" s="98"/>
      <c r="U3272" s="97"/>
      <c r="AG3272" s="98"/>
      <c r="AY3272" s="164"/>
      <c r="BK3272" s="98"/>
      <c r="BL3272" s="97"/>
      <c r="BX3272" s="98"/>
      <c r="CL3272" s="97"/>
      <c r="CX3272" s="98"/>
      <c r="DL3272" s="97"/>
      <c r="DX3272" s="98"/>
      <c r="EL3272" s="97"/>
      <c r="EX3272" s="98"/>
      <c r="EY3272" s="97"/>
      <c r="FL3272" s="126"/>
      <c r="FM3272" s="91"/>
      <c r="FN3272" s="91"/>
      <c r="FO3272" s="91"/>
      <c r="FP3272" s="91"/>
      <c r="FQ3272" s="91"/>
      <c r="FR3272" s="91"/>
      <c r="FS3272" s="91"/>
      <c r="FT3272" s="91"/>
      <c r="FU3272" s="91"/>
      <c r="FV3272" s="91"/>
      <c r="FW3272" s="91"/>
      <c r="FX3272" s="127"/>
      <c r="FY3272" s="126"/>
      <c r="FZ3272" s="91"/>
      <c r="GA3272" s="91"/>
      <c r="GB3272" s="91"/>
      <c r="GC3272" s="91"/>
      <c r="GD3272" s="91"/>
      <c r="GE3272" s="91"/>
      <c r="GF3272" s="91"/>
      <c r="GG3272" s="91"/>
      <c r="GH3272" s="91"/>
      <c r="GI3272" s="91"/>
      <c r="GJ3272" s="91"/>
      <c r="GK3272" s="127"/>
      <c r="GL3272" s="126"/>
      <c r="GM3272" s="91"/>
      <c r="GN3272" s="91"/>
      <c r="GO3272" s="91"/>
      <c r="GP3272" s="91"/>
      <c r="GQ3272" s="91"/>
      <c r="GR3272" s="91"/>
      <c r="GS3272" s="91"/>
      <c r="GT3272" s="91"/>
      <c r="GU3272" s="91"/>
      <c r="GV3272" s="91"/>
      <c r="GW3272" s="91"/>
      <c r="GX3272" s="127"/>
      <c r="GY3272" s="126"/>
      <c r="GZ3272" s="91"/>
      <c r="HA3272" s="91"/>
      <c r="HB3272" s="91"/>
      <c r="HC3272" s="91"/>
      <c r="HD3272" s="91"/>
      <c r="HE3272" s="91"/>
      <c r="HF3272" s="91"/>
      <c r="HG3272" s="91"/>
      <c r="HH3272" s="91"/>
      <c r="HI3272" s="91"/>
      <c r="HJ3272" s="91"/>
      <c r="HK3272" s="127"/>
      <c r="HL3272" s="126"/>
      <c r="HM3272" s="91"/>
      <c r="HN3272" s="91"/>
      <c r="HO3272" s="91"/>
      <c r="HP3272" s="91"/>
      <c r="HQ3272" s="91"/>
      <c r="HR3272" s="91"/>
      <c r="HS3272" s="91"/>
      <c r="HT3272" s="91"/>
      <c r="HU3272" s="91"/>
      <c r="HV3272" s="91"/>
      <c r="HW3272" s="91"/>
      <c r="HX3272" s="127"/>
      <c r="HY3272" s="126"/>
      <c r="HZ3272" s="91"/>
      <c r="IA3272" s="91"/>
      <c r="IB3272" s="91"/>
      <c r="IC3272" s="91"/>
      <c r="ID3272" s="91"/>
      <c r="IE3272" s="91"/>
      <c r="IF3272" s="91"/>
      <c r="IG3272" s="91"/>
      <c r="IH3272" s="91"/>
      <c r="II3272" s="91"/>
      <c r="IJ3272" s="91"/>
      <c r="IK3272" s="174"/>
    </row>
    <row r="3273" spans="2:245" x14ac:dyDescent="0.2">
      <c r="B3273" s="43"/>
      <c r="C3273" s="73"/>
      <c r="D3273" s="64"/>
      <c r="E3273" s="64"/>
      <c r="F3273" s="55"/>
      <c r="G3273" s="102"/>
      <c r="H3273" s="97"/>
      <c r="T3273" s="98"/>
      <c r="U3273" s="97"/>
      <c r="AG3273" s="98"/>
      <c r="AY3273" s="164"/>
      <c r="BK3273" s="98"/>
      <c r="BL3273" s="97"/>
      <c r="BX3273" s="98"/>
      <c r="CL3273" s="97"/>
      <c r="CX3273" s="98"/>
      <c r="DL3273" s="97"/>
      <c r="DX3273" s="98"/>
      <c r="EL3273" s="97"/>
      <c r="EX3273" s="98"/>
      <c r="EY3273" s="97"/>
      <c r="FL3273" s="126"/>
      <c r="FM3273" s="91"/>
      <c r="FN3273" s="91"/>
      <c r="FO3273" s="91"/>
      <c r="FP3273" s="91"/>
      <c r="FQ3273" s="91"/>
      <c r="FR3273" s="91"/>
      <c r="FS3273" s="91"/>
      <c r="FT3273" s="91"/>
      <c r="FU3273" s="91"/>
      <c r="FV3273" s="91"/>
      <c r="FW3273" s="91"/>
      <c r="FX3273" s="127"/>
      <c r="FY3273" s="126"/>
      <c r="FZ3273" s="91"/>
      <c r="GA3273" s="91"/>
      <c r="GB3273" s="91"/>
      <c r="GC3273" s="91"/>
      <c r="GD3273" s="91"/>
      <c r="GE3273" s="91"/>
      <c r="GF3273" s="91"/>
      <c r="GG3273" s="91"/>
      <c r="GH3273" s="91"/>
      <c r="GI3273" s="91"/>
      <c r="GJ3273" s="91"/>
      <c r="GK3273" s="127"/>
      <c r="GL3273" s="126"/>
      <c r="GM3273" s="91"/>
      <c r="GN3273" s="91"/>
      <c r="GO3273" s="91"/>
      <c r="GP3273" s="91"/>
      <c r="GQ3273" s="91"/>
      <c r="GR3273" s="91"/>
      <c r="GS3273" s="91"/>
      <c r="GT3273" s="91"/>
      <c r="GU3273" s="91"/>
      <c r="GV3273" s="91"/>
      <c r="GW3273" s="91"/>
      <c r="GX3273" s="127"/>
      <c r="GY3273" s="126"/>
      <c r="GZ3273" s="91"/>
      <c r="HA3273" s="91"/>
      <c r="HB3273" s="91"/>
      <c r="HC3273" s="91"/>
      <c r="HD3273" s="91"/>
      <c r="HE3273" s="91"/>
      <c r="HF3273" s="91"/>
      <c r="HG3273" s="91"/>
      <c r="HH3273" s="91"/>
      <c r="HI3273" s="91"/>
      <c r="HJ3273" s="91"/>
      <c r="HK3273" s="127"/>
      <c r="HL3273" s="126"/>
      <c r="HM3273" s="91"/>
      <c r="HN3273" s="91"/>
      <c r="HO3273" s="91"/>
      <c r="HP3273" s="91"/>
      <c r="HQ3273" s="91"/>
      <c r="HR3273" s="91"/>
      <c r="HS3273" s="91"/>
      <c r="HT3273" s="91"/>
      <c r="HU3273" s="91"/>
      <c r="HV3273" s="91"/>
      <c r="HW3273" s="91"/>
      <c r="HX3273" s="127"/>
      <c r="HY3273" s="126"/>
      <c r="HZ3273" s="91"/>
      <c r="IA3273" s="91"/>
      <c r="IB3273" s="91"/>
      <c r="IC3273" s="91"/>
      <c r="ID3273" s="91"/>
      <c r="IE3273" s="91"/>
      <c r="IF3273" s="91"/>
      <c r="IG3273" s="91"/>
      <c r="IH3273" s="91"/>
      <c r="II3273" s="91"/>
      <c r="IJ3273" s="91"/>
      <c r="IK3273" s="174"/>
    </row>
    <row r="3274" spans="2:245" x14ac:dyDescent="0.2">
      <c r="B3274" s="43"/>
      <c r="C3274" s="73"/>
      <c r="D3274" s="64"/>
      <c r="E3274" s="64"/>
      <c r="F3274" s="55"/>
      <c r="G3274" s="102"/>
      <c r="H3274" s="97"/>
      <c r="T3274" s="98"/>
      <c r="U3274" s="97"/>
      <c r="AG3274" s="98"/>
      <c r="AY3274" s="164"/>
      <c r="BK3274" s="98"/>
      <c r="BL3274" s="97"/>
      <c r="BX3274" s="98"/>
      <c r="CL3274" s="97"/>
      <c r="CX3274" s="98"/>
      <c r="DL3274" s="97"/>
      <c r="DX3274" s="98"/>
      <c r="EL3274" s="97"/>
      <c r="EX3274" s="98"/>
      <c r="EY3274" s="97"/>
      <c r="FL3274" s="126"/>
      <c r="FM3274" s="91"/>
      <c r="FN3274" s="91"/>
      <c r="FO3274" s="91"/>
      <c r="FP3274" s="91"/>
      <c r="FQ3274" s="91"/>
      <c r="FR3274" s="91"/>
      <c r="FS3274" s="91"/>
      <c r="FT3274" s="91"/>
      <c r="FU3274" s="91"/>
      <c r="FV3274" s="91"/>
      <c r="FW3274" s="91"/>
      <c r="FX3274" s="127"/>
      <c r="FY3274" s="126"/>
      <c r="FZ3274" s="91"/>
      <c r="GA3274" s="91"/>
      <c r="GB3274" s="91"/>
      <c r="GC3274" s="91"/>
      <c r="GD3274" s="91"/>
      <c r="GE3274" s="91"/>
      <c r="GF3274" s="91"/>
      <c r="GG3274" s="91"/>
      <c r="GH3274" s="91"/>
      <c r="GI3274" s="91"/>
      <c r="GJ3274" s="91"/>
      <c r="GK3274" s="127"/>
      <c r="GL3274" s="126"/>
      <c r="GM3274" s="91"/>
      <c r="GN3274" s="91"/>
      <c r="GO3274" s="91"/>
      <c r="GP3274" s="91"/>
      <c r="GQ3274" s="91"/>
      <c r="GR3274" s="91"/>
      <c r="GS3274" s="91"/>
      <c r="GT3274" s="91"/>
      <c r="GU3274" s="91"/>
      <c r="GV3274" s="91"/>
      <c r="GW3274" s="91"/>
      <c r="GX3274" s="127"/>
      <c r="GY3274" s="126"/>
      <c r="GZ3274" s="91"/>
      <c r="HA3274" s="91"/>
      <c r="HB3274" s="91"/>
      <c r="HC3274" s="91"/>
      <c r="HD3274" s="91"/>
      <c r="HE3274" s="91"/>
      <c r="HF3274" s="91"/>
      <c r="HG3274" s="91"/>
      <c r="HH3274" s="91"/>
      <c r="HI3274" s="91"/>
      <c r="HJ3274" s="91"/>
      <c r="HK3274" s="127"/>
      <c r="HL3274" s="126"/>
      <c r="HM3274" s="91"/>
      <c r="HN3274" s="91"/>
      <c r="HO3274" s="91"/>
      <c r="HP3274" s="91"/>
      <c r="HQ3274" s="91"/>
      <c r="HR3274" s="91"/>
      <c r="HS3274" s="91"/>
      <c r="HT3274" s="91"/>
      <c r="HU3274" s="91"/>
      <c r="HV3274" s="91"/>
      <c r="HW3274" s="91"/>
      <c r="HX3274" s="127"/>
      <c r="HY3274" s="126"/>
      <c r="HZ3274" s="91"/>
      <c r="IA3274" s="91"/>
      <c r="IB3274" s="91"/>
      <c r="IC3274" s="91"/>
      <c r="ID3274" s="91"/>
      <c r="IE3274" s="91"/>
      <c r="IF3274" s="91"/>
      <c r="IG3274" s="91"/>
      <c r="IH3274" s="91"/>
      <c r="II3274" s="91"/>
      <c r="IJ3274" s="91"/>
      <c r="IK3274" s="174"/>
    </row>
    <row r="3275" spans="2:245" x14ac:dyDescent="0.2">
      <c r="B3275" s="43"/>
      <c r="C3275" s="73"/>
      <c r="D3275" s="64"/>
      <c r="E3275" s="64"/>
      <c r="F3275" s="55"/>
      <c r="G3275" s="102"/>
      <c r="H3275" s="97"/>
      <c r="T3275" s="98"/>
      <c r="U3275" s="97"/>
      <c r="AG3275" s="98"/>
      <c r="AY3275" s="164"/>
      <c r="BK3275" s="98"/>
      <c r="BL3275" s="97"/>
      <c r="BX3275" s="98"/>
      <c r="CL3275" s="97"/>
      <c r="CX3275" s="98"/>
      <c r="DL3275" s="97"/>
      <c r="DX3275" s="98"/>
      <c r="EL3275" s="97"/>
      <c r="EX3275" s="98"/>
      <c r="EY3275" s="97"/>
      <c r="FL3275" s="126"/>
      <c r="FM3275" s="91"/>
      <c r="FN3275" s="91"/>
      <c r="FO3275" s="91"/>
      <c r="FP3275" s="91"/>
      <c r="FQ3275" s="91"/>
      <c r="FR3275" s="91"/>
      <c r="FS3275" s="91"/>
      <c r="FT3275" s="91"/>
      <c r="FU3275" s="91"/>
      <c r="FV3275" s="91"/>
      <c r="FW3275" s="91"/>
      <c r="FX3275" s="127"/>
      <c r="FY3275" s="126"/>
      <c r="FZ3275" s="91"/>
      <c r="GA3275" s="91"/>
      <c r="GB3275" s="91"/>
      <c r="GC3275" s="91"/>
      <c r="GD3275" s="91"/>
      <c r="GE3275" s="91"/>
      <c r="GF3275" s="91"/>
      <c r="GG3275" s="91"/>
      <c r="GH3275" s="91"/>
      <c r="GI3275" s="91"/>
      <c r="GJ3275" s="91"/>
      <c r="GK3275" s="127"/>
      <c r="GL3275" s="126"/>
      <c r="GM3275" s="91"/>
      <c r="GN3275" s="91"/>
      <c r="GO3275" s="91"/>
      <c r="GP3275" s="91"/>
      <c r="GQ3275" s="91"/>
      <c r="GR3275" s="91"/>
      <c r="GS3275" s="91"/>
      <c r="GT3275" s="91"/>
      <c r="GU3275" s="91"/>
      <c r="GV3275" s="91"/>
      <c r="GW3275" s="91"/>
      <c r="GX3275" s="127"/>
      <c r="GY3275" s="126"/>
      <c r="GZ3275" s="91"/>
      <c r="HA3275" s="91"/>
      <c r="HB3275" s="91"/>
      <c r="HC3275" s="91"/>
      <c r="HD3275" s="91"/>
      <c r="HE3275" s="91"/>
      <c r="HF3275" s="91"/>
      <c r="HG3275" s="91"/>
      <c r="HH3275" s="91"/>
      <c r="HI3275" s="91"/>
      <c r="HJ3275" s="91"/>
      <c r="HK3275" s="127"/>
      <c r="HL3275" s="126"/>
      <c r="HM3275" s="91"/>
      <c r="HN3275" s="91"/>
      <c r="HO3275" s="91"/>
      <c r="HP3275" s="91"/>
      <c r="HQ3275" s="91"/>
      <c r="HR3275" s="91"/>
      <c r="HS3275" s="91"/>
      <c r="HT3275" s="91"/>
      <c r="HU3275" s="91"/>
      <c r="HV3275" s="91"/>
      <c r="HW3275" s="91"/>
      <c r="HX3275" s="127"/>
      <c r="HY3275" s="126"/>
      <c r="HZ3275" s="91"/>
      <c r="IA3275" s="91"/>
      <c r="IB3275" s="91"/>
      <c r="IC3275" s="91"/>
      <c r="ID3275" s="91"/>
      <c r="IE3275" s="91"/>
      <c r="IF3275" s="91"/>
      <c r="IG3275" s="91"/>
      <c r="IH3275" s="91"/>
      <c r="II3275" s="91"/>
      <c r="IJ3275" s="91"/>
      <c r="IK3275" s="174"/>
    </row>
    <row r="3276" spans="2:245" x14ac:dyDescent="0.2">
      <c r="B3276" s="43"/>
      <c r="C3276" s="73"/>
      <c r="D3276" s="64"/>
      <c r="E3276" s="64"/>
      <c r="F3276" s="55"/>
      <c r="G3276" s="102"/>
      <c r="H3276" s="97"/>
      <c r="T3276" s="98"/>
      <c r="U3276" s="97"/>
      <c r="AG3276" s="98"/>
      <c r="AY3276" s="164"/>
      <c r="BK3276" s="98"/>
      <c r="BL3276" s="97"/>
      <c r="BX3276" s="98"/>
      <c r="CL3276" s="97"/>
      <c r="CX3276" s="98"/>
      <c r="DL3276" s="97"/>
      <c r="DX3276" s="98"/>
      <c r="EL3276" s="97"/>
      <c r="EX3276" s="98"/>
      <c r="EY3276" s="97"/>
      <c r="FL3276" s="126"/>
      <c r="FM3276" s="91"/>
      <c r="FN3276" s="91"/>
      <c r="FO3276" s="91"/>
      <c r="FP3276" s="91"/>
      <c r="FQ3276" s="91"/>
      <c r="FR3276" s="91"/>
      <c r="FS3276" s="91"/>
      <c r="FT3276" s="91"/>
      <c r="FU3276" s="91"/>
      <c r="FV3276" s="91"/>
      <c r="FW3276" s="91"/>
      <c r="FX3276" s="127"/>
      <c r="FY3276" s="126"/>
      <c r="FZ3276" s="91"/>
      <c r="GA3276" s="91"/>
      <c r="GB3276" s="91"/>
      <c r="GC3276" s="91"/>
      <c r="GD3276" s="91"/>
      <c r="GE3276" s="91"/>
      <c r="GF3276" s="91"/>
      <c r="GG3276" s="91"/>
      <c r="GH3276" s="91"/>
      <c r="GI3276" s="91"/>
      <c r="GJ3276" s="91"/>
      <c r="GK3276" s="127"/>
      <c r="GL3276" s="126"/>
      <c r="GM3276" s="91"/>
      <c r="GN3276" s="91"/>
      <c r="GO3276" s="91"/>
      <c r="GP3276" s="91"/>
      <c r="GQ3276" s="91"/>
      <c r="GR3276" s="91"/>
      <c r="GS3276" s="91"/>
      <c r="GT3276" s="91"/>
      <c r="GU3276" s="91"/>
      <c r="GV3276" s="91"/>
      <c r="GW3276" s="91"/>
      <c r="GX3276" s="127"/>
      <c r="GY3276" s="126"/>
      <c r="GZ3276" s="91"/>
      <c r="HA3276" s="91"/>
      <c r="HB3276" s="91"/>
      <c r="HC3276" s="91"/>
      <c r="HD3276" s="91"/>
      <c r="HE3276" s="91"/>
      <c r="HF3276" s="91"/>
      <c r="HG3276" s="91"/>
      <c r="HH3276" s="91"/>
      <c r="HI3276" s="91"/>
      <c r="HJ3276" s="91"/>
      <c r="HK3276" s="127"/>
      <c r="HL3276" s="126"/>
      <c r="HM3276" s="91"/>
      <c r="HN3276" s="91"/>
      <c r="HO3276" s="91"/>
      <c r="HP3276" s="91"/>
      <c r="HQ3276" s="91"/>
      <c r="HR3276" s="91"/>
      <c r="HS3276" s="91"/>
      <c r="HT3276" s="91"/>
      <c r="HU3276" s="91"/>
      <c r="HV3276" s="91"/>
      <c r="HW3276" s="91"/>
      <c r="HX3276" s="127"/>
      <c r="HY3276" s="126"/>
      <c r="HZ3276" s="91"/>
      <c r="IA3276" s="91"/>
      <c r="IB3276" s="91"/>
      <c r="IC3276" s="91"/>
      <c r="ID3276" s="91"/>
      <c r="IE3276" s="91"/>
      <c r="IF3276" s="91"/>
      <c r="IG3276" s="91"/>
      <c r="IH3276" s="91"/>
      <c r="II3276" s="91"/>
      <c r="IJ3276" s="91"/>
      <c r="IK3276" s="174"/>
    </row>
    <row r="3277" spans="2:245" x14ac:dyDescent="0.2">
      <c r="B3277" s="43"/>
      <c r="C3277" s="73"/>
      <c r="D3277" s="64"/>
      <c r="E3277" s="64"/>
      <c r="F3277" s="55"/>
      <c r="G3277" s="102"/>
      <c r="H3277" s="97"/>
      <c r="T3277" s="98"/>
      <c r="U3277" s="97"/>
      <c r="AG3277" s="98"/>
      <c r="AY3277" s="164"/>
      <c r="BK3277" s="98"/>
      <c r="BL3277" s="97"/>
      <c r="BX3277" s="98"/>
      <c r="CL3277" s="97"/>
      <c r="CX3277" s="98"/>
      <c r="DL3277" s="97"/>
      <c r="DX3277" s="98"/>
      <c r="EL3277" s="97"/>
      <c r="EX3277" s="98"/>
      <c r="EY3277" s="97"/>
      <c r="FL3277" s="126"/>
      <c r="FM3277" s="91"/>
      <c r="FN3277" s="91"/>
      <c r="FO3277" s="91"/>
      <c r="FP3277" s="91"/>
      <c r="FQ3277" s="91"/>
      <c r="FR3277" s="91"/>
      <c r="FS3277" s="91"/>
      <c r="FT3277" s="91"/>
      <c r="FU3277" s="91"/>
      <c r="FV3277" s="91"/>
      <c r="FW3277" s="91"/>
      <c r="FX3277" s="127"/>
      <c r="FY3277" s="126"/>
      <c r="FZ3277" s="91"/>
      <c r="GA3277" s="91"/>
      <c r="GB3277" s="91"/>
      <c r="GC3277" s="91"/>
      <c r="GD3277" s="91"/>
      <c r="GE3277" s="91"/>
      <c r="GF3277" s="91"/>
      <c r="GG3277" s="91"/>
      <c r="GH3277" s="91"/>
      <c r="GI3277" s="91"/>
      <c r="GJ3277" s="91"/>
      <c r="GK3277" s="127"/>
      <c r="GL3277" s="126"/>
      <c r="GM3277" s="91"/>
      <c r="GN3277" s="91"/>
      <c r="GO3277" s="91"/>
      <c r="GP3277" s="91"/>
      <c r="GQ3277" s="91"/>
      <c r="GR3277" s="91"/>
      <c r="GS3277" s="91"/>
      <c r="GT3277" s="91"/>
      <c r="GU3277" s="91"/>
      <c r="GV3277" s="91"/>
      <c r="GW3277" s="91"/>
      <c r="GX3277" s="127"/>
      <c r="GY3277" s="126"/>
      <c r="GZ3277" s="91"/>
      <c r="HA3277" s="91"/>
      <c r="HB3277" s="91"/>
      <c r="HC3277" s="91"/>
      <c r="HD3277" s="91"/>
      <c r="HE3277" s="91"/>
      <c r="HF3277" s="91"/>
      <c r="HG3277" s="91"/>
      <c r="HH3277" s="91"/>
      <c r="HI3277" s="91"/>
      <c r="HJ3277" s="91"/>
      <c r="HK3277" s="127"/>
      <c r="HL3277" s="126"/>
      <c r="HM3277" s="91"/>
      <c r="HN3277" s="91"/>
      <c r="HO3277" s="91"/>
      <c r="HP3277" s="91"/>
      <c r="HQ3277" s="91"/>
      <c r="HR3277" s="91"/>
      <c r="HS3277" s="91"/>
      <c r="HT3277" s="91"/>
      <c r="HU3277" s="91"/>
      <c r="HV3277" s="91"/>
      <c r="HW3277" s="91"/>
      <c r="HX3277" s="127"/>
      <c r="HY3277" s="126"/>
      <c r="HZ3277" s="91"/>
      <c r="IA3277" s="91"/>
      <c r="IB3277" s="91"/>
      <c r="IC3277" s="91"/>
      <c r="ID3277" s="91"/>
      <c r="IE3277" s="91"/>
      <c r="IF3277" s="91"/>
      <c r="IG3277" s="91"/>
      <c r="IH3277" s="91"/>
      <c r="II3277" s="91"/>
      <c r="IJ3277" s="91"/>
      <c r="IK3277" s="174"/>
    </row>
    <row r="3278" spans="2:245" x14ac:dyDescent="0.2">
      <c r="B3278" s="43"/>
      <c r="C3278" s="73"/>
      <c r="D3278" s="64"/>
      <c r="E3278" s="64"/>
      <c r="F3278" s="55"/>
      <c r="G3278" s="102"/>
      <c r="H3278" s="97"/>
      <c r="T3278" s="98"/>
      <c r="U3278" s="97"/>
      <c r="AG3278" s="98"/>
      <c r="AY3278" s="164"/>
      <c r="BK3278" s="98"/>
      <c r="BL3278" s="97"/>
      <c r="BX3278" s="98"/>
      <c r="CL3278" s="97"/>
      <c r="CX3278" s="98"/>
      <c r="DL3278" s="97"/>
      <c r="DX3278" s="98"/>
      <c r="EL3278" s="97"/>
      <c r="EX3278" s="98"/>
      <c r="EY3278" s="97"/>
      <c r="FL3278" s="126"/>
      <c r="FM3278" s="91"/>
      <c r="FN3278" s="91"/>
      <c r="FO3278" s="91"/>
      <c r="FP3278" s="91"/>
      <c r="FQ3278" s="91"/>
      <c r="FR3278" s="91"/>
      <c r="FS3278" s="91"/>
      <c r="FT3278" s="91"/>
      <c r="FU3278" s="91"/>
      <c r="FV3278" s="91"/>
      <c r="FW3278" s="91"/>
      <c r="FX3278" s="127"/>
      <c r="FY3278" s="126"/>
      <c r="FZ3278" s="91"/>
      <c r="GA3278" s="91"/>
      <c r="GB3278" s="91"/>
      <c r="GC3278" s="91"/>
      <c r="GD3278" s="91"/>
      <c r="GE3278" s="91"/>
      <c r="GF3278" s="91"/>
      <c r="GG3278" s="91"/>
      <c r="GH3278" s="91"/>
      <c r="GI3278" s="91"/>
      <c r="GJ3278" s="91"/>
      <c r="GK3278" s="127"/>
      <c r="GL3278" s="126"/>
      <c r="GM3278" s="91"/>
      <c r="GN3278" s="91"/>
      <c r="GO3278" s="91"/>
      <c r="GP3278" s="91"/>
      <c r="GQ3278" s="91"/>
      <c r="GR3278" s="91"/>
      <c r="GS3278" s="91"/>
      <c r="GT3278" s="91"/>
      <c r="GU3278" s="91"/>
      <c r="GV3278" s="91"/>
      <c r="GW3278" s="91"/>
      <c r="GX3278" s="127"/>
      <c r="GY3278" s="126"/>
      <c r="GZ3278" s="91"/>
      <c r="HA3278" s="91"/>
      <c r="HB3278" s="91"/>
      <c r="HC3278" s="91"/>
      <c r="HD3278" s="91"/>
      <c r="HE3278" s="91"/>
      <c r="HF3278" s="91"/>
      <c r="HG3278" s="91"/>
      <c r="HH3278" s="91"/>
      <c r="HI3278" s="91"/>
      <c r="HJ3278" s="91"/>
      <c r="HK3278" s="127"/>
      <c r="HL3278" s="126"/>
      <c r="HM3278" s="91"/>
      <c r="HN3278" s="91"/>
      <c r="HO3278" s="91"/>
      <c r="HP3278" s="91"/>
      <c r="HQ3278" s="91"/>
      <c r="HR3278" s="91"/>
      <c r="HS3278" s="91"/>
      <c r="HT3278" s="91"/>
      <c r="HU3278" s="91"/>
      <c r="HV3278" s="91"/>
      <c r="HW3278" s="91"/>
      <c r="HX3278" s="127"/>
      <c r="HY3278" s="126"/>
      <c r="HZ3278" s="91"/>
      <c r="IA3278" s="91"/>
      <c r="IB3278" s="91"/>
      <c r="IC3278" s="91"/>
      <c r="ID3278" s="91"/>
      <c r="IE3278" s="91"/>
      <c r="IF3278" s="91"/>
      <c r="IG3278" s="91"/>
      <c r="IH3278" s="91"/>
      <c r="II3278" s="91"/>
      <c r="IJ3278" s="91"/>
      <c r="IK3278" s="174"/>
    </row>
    <row r="3279" spans="2:245" x14ac:dyDescent="0.2">
      <c r="B3279" s="43"/>
      <c r="C3279" s="73"/>
      <c r="D3279" s="64"/>
      <c r="E3279" s="64"/>
      <c r="F3279" s="55"/>
      <c r="G3279" s="102"/>
      <c r="H3279" s="97"/>
      <c r="T3279" s="98"/>
      <c r="U3279" s="97"/>
      <c r="AG3279" s="98"/>
      <c r="AY3279" s="164"/>
      <c r="BK3279" s="98"/>
      <c r="BL3279" s="97"/>
      <c r="BX3279" s="98"/>
      <c r="CL3279" s="97"/>
      <c r="CX3279" s="98"/>
      <c r="DL3279" s="97"/>
      <c r="DX3279" s="98"/>
      <c r="EL3279" s="97"/>
      <c r="EX3279" s="98"/>
      <c r="EY3279" s="97"/>
      <c r="FL3279" s="126"/>
      <c r="FM3279" s="91"/>
      <c r="FN3279" s="91"/>
      <c r="FO3279" s="91"/>
      <c r="FP3279" s="91"/>
      <c r="FQ3279" s="91"/>
      <c r="FR3279" s="91"/>
      <c r="FS3279" s="91"/>
      <c r="FT3279" s="91"/>
      <c r="FU3279" s="91"/>
      <c r="FV3279" s="91"/>
      <c r="FW3279" s="91"/>
      <c r="FX3279" s="127"/>
      <c r="FY3279" s="126"/>
      <c r="FZ3279" s="91"/>
      <c r="GA3279" s="91"/>
      <c r="GB3279" s="91"/>
      <c r="GC3279" s="91"/>
      <c r="GD3279" s="91"/>
      <c r="GE3279" s="91"/>
      <c r="GF3279" s="91"/>
      <c r="GG3279" s="91"/>
      <c r="GH3279" s="91"/>
      <c r="GI3279" s="91"/>
      <c r="GJ3279" s="91"/>
      <c r="GK3279" s="127"/>
      <c r="GL3279" s="126"/>
      <c r="GM3279" s="91"/>
      <c r="GN3279" s="91"/>
      <c r="GO3279" s="91"/>
      <c r="GP3279" s="91"/>
      <c r="GQ3279" s="91"/>
      <c r="GR3279" s="91"/>
      <c r="GS3279" s="91"/>
      <c r="GT3279" s="91"/>
      <c r="GU3279" s="91"/>
      <c r="GV3279" s="91"/>
      <c r="GW3279" s="91"/>
      <c r="GX3279" s="127"/>
      <c r="GY3279" s="126"/>
      <c r="GZ3279" s="91"/>
      <c r="HA3279" s="91"/>
      <c r="HB3279" s="91"/>
      <c r="HC3279" s="91"/>
      <c r="HD3279" s="91"/>
      <c r="HE3279" s="91"/>
      <c r="HF3279" s="91"/>
      <c r="HG3279" s="91"/>
      <c r="HH3279" s="91"/>
      <c r="HI3279" s="91"/>
      <c r="HJ3279" s="91"/>
      <c r="HK3279" s="127"/>
      <c r="HL3279" s="126"/>
      <c r="HM3279" s="91"/>
      <c r="HN3279" s="91"/>
      <c r="HO3279" s="91"/>
      <c r="HP3279" s="91"/>
      <c r="HQ3279" s="91"/>
      <c r="HR3279" s="91"/>
      <c r="HS3279" s="91"/>
      <c r="HT3279" s="91"/>
      <c r="HU3279" s="91"/>
      <c r="HV3279" s="91"/>
      <c r="HW3279" s="91"/>
      <c r="HX3279" s="127"/>
      <c r="HY3279" s="126"/>
      <c r="HZ3279" s="91"/>
      <c r="IA3279" s="91"/>
      <c r="IB3279" s="91"/>
      <c r="IC3279" s="91"/>
      <c r="ID3279" s="91"/>
      <c r="IE3279" s="91"/>
      <c r="IF3279" s="91"/>
      <c r="IG3279" s="91"/>
      <c r="IH3279" s="91"/>
      <c r="II3279" s="91"/>
      <c r="IJ3279" s="91"/>
      <c r="IK3279" s="174"/>
    </row>
    <row r="3280" spans="2:245" x14ac:dyDescent="0.2">
      <c r="B3280" s="43"/>
      <c r="C3280" s="73"/>
      <c r="D3280" s="64"/>
      <c r="E3280" s="64"/>
      <c r="F3280" s="55"/>
      <c r="G3280" s="102"/>
      <c r="H3280" s="97"/>
      <c r="T3280" s="98"/>
      <c r="U3280" s="97"/>
      <c r="AG3280" s="98"/>
      <c r="AY3280" s="164"/>
      <c r="BK3280" s="98"/>
      <c r="BL3280" s="97"/>
      <c r="BX3280" s="98"/>
      <c r="CL3280" s="97"/>
      <c r="CX3280" s="98"/>
      <c r="DL3280" s="97"/>
      <c r="DX3280" s="98"/>
      <c r="EL3280" s="97"/>
      <c r="EX3280" s="98"/>
      <c r="EY3280" s="97"/>
      <c r="FL3280" s="126"/>
      <c r="FM3280" s="91"/>
      <c r="FN3280" s="91"/>
      <c r="FO3280" s="91"/>
      <c r="FP3280" s="91"/>
      <c r="FQ3280" s="91"/>
      <c r="FR3280" s="91"/>
      <c r="FS3280" s="91"/>
      <c r="FT3280" s="91"/>
      <c r="FU3280" s="91"/>
      <c r="FV3280" s="91"/>
      <c r="FW3280" s="91"/>
      <c r="FX3280" s="127"/>
      <c r="FY3280" s="126"/>
      <c r="FZ3280" s="91"/>
      <c r="GA3280" s="91"/>
      <c r="GB3280" s="91"/>
      <c r="GC3280" s="91"/>
      <c r="GD3280" s="91"/>
      <c r="GE3280" s="91"/>
      <c r="GF3280" s="91"/>
      <c r="GG3280" s="91"/>
      <c r="GH3280" s="91"/>
      <c r="GI3280" s="91"/>
      <c r="GJ3280" s="91"/>
      <c r="GK3280" s="127"/>
      <c r="GL3280" s="126"/>
      <c r="GM3280" s="91"/>
      <c r="GN3280" s="91"/>
      <c r="GO3280" s="91"/>
      <c r="GP3280" s="91"/>
      <c r="GQ3280" s="91"/>
      <c r="GR3280" s="91"/>
      <c r="GS3280" s="91"/>
      <c r="GT3280" s="91"/>
      <c r="GU3280" s="91"/>
      <c r="GV3280" s="91"/>
      <c r="GW3280" s="91"/>
      <c r="GX3280" s="127"/>
      <c r="GY3280" s="126"/>
      <c r="GZ3280" s="91"/>
      <c r="HA3280" s="91"/>
      <c r="HB3280" s="91"/>
      <c r="HC3280" s="91"/>
      <c r="HD3280" s="91"/>
      <c r="HE3280" s="91"/>
      <c r="HF3280" s="91"/>
      <c r="HG3280" s="91"/>
      <c r="HH3280" s="91"/>
      <c r="HI3280" s="91"/>
      <c r="HJ3280" s="91"/>
      <c r="HK3280" s="127"/>
      <c r="HL3280" s="126"/>
      <c r="HM3280" s="91"/>
      <c r="HN3280" s="91"/>
      <c r="HO3280" s="91"/>
      <c r="HP3280" s="91"/>
      <c r="HQ3280" s="91"/>
      <c r="HR3280" s="91"/>
      <c r="HS3280" s="91"/>
      <c r="HT3280" s="91"/>
      <c r="HU3280" s="91"/>
      <c r="HV3280" s="91"/>
      <c r="HW3280" s="91"/>
      <c r="HX3280" s="127"/>
      <c r="HY3280" s="126"/>
      <c r="HZ3280" s="91"/>
      <c r="IA3280" s="91"/>
      <c r="IB3280" s="91"/>
      <c r="IC3280" s="91"/>
      <c r="ID3280" s="91"/>
      <c r="IE3280" s="91"/>
      <c r="IF3280" s="91"/>
      <c r="IG3280" s="91"/>
      <c r="IH3280" s="91"/>
      <c r="II3280" s="91"/>
      <c r="IJ3280" s="91"/>
      <c r="IK3280" s="174"/>
    </row>
    <row r="3281" spans="2:245" x14ac:dyDescent="0.2">
      <c r="B3281" s="43"/>
      <c r="C3281" s="73"/>
      <c r="D3281" s="64"/>
      <c r="E3281" s="64"/>
      <c r="F3281" s="55"/>
      <c r="G3281" s="102"/>
      <c r="H3281" s="97"/>
      <c r="T3281" s="98"/>
      <c r="U3281" s="97"/>
      <c r="AG3281" s="98"/>
      <c r="AY3281" s="164"/>
      <c r="BK3281" s="98"/>
      <c r="BL3281" s="97"/>
      <c r="BX3281" s="98"/>
      <c r="CL3281" s="97"/>
      <c r="CX3281" s="98"/>
      <c r="DL3281" s="97"/>
      <c r="DX3281" s="98"/>
      <c r="EL3281" s="97"/>
      <c r="EX3281" s="98"/>
      <c r="EY3281" s="97"/>
      <c r="FL3281" s="126"/>
      <c r="FM3281" s="91"/>
      <c r="FN3281" s="91"/>
      <c r="FO3281" s="91"/>
      <c r="FP3281" s="91"/>
      <c r="FQ3281" s="91"/>
      <c r="FR3281" s="91"/>
      <c r="FS3281" s="91"/>
      <c r="FT3281" s="91"/>
      <c r="FU3281" s="91"/>
      <c r="FV3281" s="91"/>
      <c r="FW3281" s="91"/>
      <c r="FX3281" s="127"/>
      <c r="FY3281" s="126"/>
      <c r="FZ3281" s="91"/>
      <c r="GA3281" s="91"/>
      <c r="GB3281" s="91"/>
      <c r="GC3281" s="91"/>
      <c r="GD3281" s="91"/>
      <c r="GE3281" s="91"/>
      <c r="GF3281" s="91"/>
      <c r="GG3281" s="91"/>
      <c r="GH3281" s="91"/>
      <c r="GI3281" s="91"/>
      <c r="GJ3281" s="91"/>
      <c r="GK3281" s="127"/>
      <c r="GL3281" s="126"/>
      <c r="GM3281" s="91"/>
      <c r="GN3281" s="91"/>
      <c r="GO3281" s="91"/>
      <c r="GP3281" s="91"/>
      <c r="GQ3281" s="91"/>
      <c r="GR3281" s="91"/>
      <c r="GS3281" s="91"/>
      <c r="GT3281" s="91"/>
      <c r="GU3281" s="91"/>
      <c r="GV3281" s="91"/>
      <c r="GW3281" s="91"/>
      <c r="GX3281" s="127"/>
      <c r="GY3281" s="126"/>
      <c r="GZ3281" s="91"/>
      <c r="HA3281" s="91"/>
      <c r="HB3281" s="91"/>
      <c r="HC3281" s="91"/>
      <c r="HD3281" s="91"/>
      <c r="HE3281" s="91"/>
      <c r="HF3281" s="91"/>
      <c r="HG3281" s="91"/>
      <c r="HH3281" s="91"/>
      <c r="HI3281" s="91"/>
      <c r="HJ3281" s="91"/>
      <c r="HK3281" s="127"/>
      <c r="HL3281" s="126"/>
      <c r="HM3281" s="91"/>
      <c r="HN3281" s="91"/>
      <c r="HO3281" s="91"/>
      <c r="HP3281" s="91"/>
      <c r="HQ3281" s="91"/>
      <c r="HR3281" s="91"/>
      <c r="HS3281" s="91"/>
      <c r="HT3281" s="91"/>
      <c r="HU3281" s="91"/>
      <c r="HV3281" s="91"/>
      <c r="HW3281" s="91"/>
      <c r="HX3281" s="127"/>
      <c r="HY3281" s="126"/>
      <c r="HZ3281" s="91"/>
      <c r="IA3281" s="91"/>
      <c r="IB3281" s="91"/>
      <c r="IC3281" s="91"/>
      <c r="ID3281" s="91"/>
      <c r="IE3281" s="91"/>
      <c r="IF3281" s="91"/>
      <c r="IG3281" s="91"/>
      <c r="IH3281" s="91"/>
      <c r="II3281" s="91"/>
      <c r="IJ3281" s="91"/>
      <c r="IK3281" s="174"/>
    </row>
    <row r="3282" spans="2:245" x14ac:dyDescent="0.2">
      <c r="B3282" s="43"/>
      <c r="C3282" s="73"/>
      <c r="D3282" s="64"/>
      <c r="E3282" s="64"/>
      <c r="F3282" s="55"/>
      <c r="G3282" s="102"/>
      <c r="H3282" s="97"/>
      <c r="T3282" s="98"/>
      <c r="U3282" s="97"/>
      <c r="AG3282" s="98"/>
      <c r="AY3282" s="164"/>
      <c r="BK3282" s="98"/>
      <c r="BL3282" s="97"/>
      <c r="BX3282" s="98"/>
      <c r="CL3282" s="97"/>
      <c r="CX3282" s="98"/>
      <c r="DL3282" s="97"/>
      <c r="DX3282" s="98"/>
      <c r="EL3282" s="97"/>
      <c r="EX3282" s="98"/>
      <c r="EY3282" s="97"/>
      <c r="FL3282" s="126"/>
      <c r="FM3282" s="91"/>
      <c r="FN3282" s="91"/>
      <c r="FO3282" s="91"/>
      <c r="FP3282" s="91"/>
      <c r="FQ3282" s="91"/>
      <c r="FR3282" s="91"/>
      <c r="FS3282" s="91"/>
      <c r="FT3282" s="91"/>
      <c r="FU3282" s="91"/>
      <c r="FV3282" s="91"/>
      <c r="FW3282" s="91"/>
      <c r="FX3282" s="127"/>
      <c r="FY3282" s="126"/>
      <c r="FZ3282" s="91"/>
      <c r="GA3282" s="91"/>
      <c r="GB3282" s="91"/>
      <c r="GC3282" s="91"/>
      <c r="GD3282" s="91"/>
      <c r="GE3282" s="91"/>
      <c r="GF3282" s="91"/>
      <c r="GG3282" s="91"/>
      <c r="GH3282" s="91"/>
      <c r="GI3282" s="91"/>
      <c r="GJ3282" s="91"/>
      <c r="GK3282" s="127"/>
      <c r="GL3282" s="126"/>
      <c r="GM3282" s="91"/>
      <c r="GN3282" s="91"/>
      <c r="GO3282" s="91"/>
      <c r="GP3282" s="91"/>
      <c r="GQ3282" s="91"/>
      <c r="GR3282" s="91"/>
      <c r="GS3282" s="91"/>
      <c r="GT3282" s="91"/>
      <c r="GU3282" s="91"/>
      <c r="GV3282" s="91"/>
      <c r="GW3282" s="91"/>
      <c r="GX3282" s="127"/>
      <c r="GY3282" s="126"/>
      <c r="GZ3282" s="91"/>
      <c r="HA3282" s="91"/>
      <c r="HB3282" s="91"/>
      <c r="HC3282" s="91"/>
      <c r="HD3282" s="91"/>
      <c r="HE3282" s="91"/>
      <c r="HF3282" s="91"/>
      <c r="HG3282" s="91"/>
      <c r="HH3282" s="91"/>
      <c r="HI3282" s="91"/>
      <c r="HJ3282" s="91"/>
      <c r="HK3282" s="127"/>
      <c r="HL3282" s="126"/>
      <c r="HM3282" s="91"/>
      <c r="HN3282" s="91"/>
      <c r="HO3282" s="91"/>
      <c r="HP3282" s="91"/>
      <c r="HQ3282" s="91"/>
      <c r="HR3282" s="91"/>
      <c r="HS3282" s="91"/>
      <c r="HT3282" s="91"/>
      <c r="HU3282" s="91"/>
      <c r="HV3282" s="91"/>
      <c r="HW3282" s="91"/>
      <c r="HX3282" s="127"/>
      <c r="HY3282" s="126"/>
      <c r="HZ3282" s="91"/>
      <c r="IA3282" s="91"/>
      <c r="IB3282" s="91"/>
      <c r="IC3282" s="91"/>
      <c r="ID3282" s="91"/>
      <c r="IE3282" s="91"/>
      <c r="IF3282" s="91"/>
      <c r="IG3282" s="91"/>
      <c r="IH3282" s="91"/>
      <c r="II3282" s="91"/>
      <c r="IJ3282" s="91"/>
      <c r="IK3282" s="174"/>
    </row>
    <row r="3283" spans="2:245" x14ac:dyDescent="0.2">
      <c r="B3283" s="43"/>
      <c r="C3283" s="73"/>
      <c r="D3283" s="64"/>
      <c r="E3283" s="64"/>
      <c r="F3283" s="55"/>
      <c r="G3283" s="102"/>
      <c r="H3283" s="97"/>
      <c r="T3283" s="98"/>
      <c r="U3283" s="97"/>
      <c r="AG3283" s="98"/>
      <c r="AY3283" s="164"/>
      <c r="BK3283" s="98"/>
      <c r="BL3283" s="97"/>
      <c r="BX3283" s="98"/>
      <c r="CL3283" s="97"/>
      <c r="CX3283" s="98"/>
      <c r="DL3283" s="97"/>
      <c r="DX3283" s="98"/>
      <c r="EL3283" s="97"/>
      <c r="EX3283" s="98"/>
      <c r="EY3283" s="97"/>
      <c r="FL3283" s="126"/>
      <c r="FM3283" s="91"/>
      <c r="FN3283" s="91"/>
      <c r="FO3283" s="91"/>
      <c r="FP3283" s="91"/>
      <c r="FQ3283" s="91"/>
      <c r="FR3283" s="91"/>
      <c r="FS3283" s="91"/>
      <c r="FT3283" s="91"/>
      <c r="FU3283" s="91"/>
      <c r="FV3283" s="91"/>
      <c r="FW3283" s="91"/>
      <c r="FX3283" s="127"/>
      <c r="FY3283" s="126"/>
      <c r="FZ3283" s="91"/>
      <c r="GA3283" s="91"/>
      <c r="GB3283" s="91"/>
      <c r="GC3283" s="91"/>
      <c r="GD3283" s="91"/>
      <c r="GE3283" s="91"/>
      <c r="GF3283" s="91"/>
      <c r="GG3283" s="91"/>
      <c r="GH3283" s="91"/>
      <c r="GI3283" s="91"/>
      <c r="GJ3283" s="91"/>
      <c r="GK3283" s="127"/>
      <c r="GL3283" s="126"/>
      <c r="GM3283" s="91"/>
      <c r="GN3283" s="91"/>
      <c r="GO3283" s="91"/>
      <c r="GP3283" s="91"/>
      <c r="GQ3283" s="91"/>
      <c r="GR3283" s="91"/>
      <c r="GS3283" s="91"/>
      <c r="GT3283" s="91"/>
      <c r="GU3283" s="91"/>
      <c r="GV3283" s="91"/>
      <c r="GW3283" s="91"/>
      <c r="GX3283" s="127"/>
      <c r="GY3283" s="126"/>
      <c r="GZ3283" s="91"/>
      <c r="HA3283" s="91"/>
      <c r="HB3283" s="91"/>
      <c r="HC3283" s="91"/>
      <c r="HD3283" s="91"/>
      <c r="HE3283" s="91"/>
      <c r="HF3283" s="91"/>
      <c r="HG3283" s="91"/>
      <c r="HH3283" s="91"/>
      <c r="HI3283" s="91"/>
      <c r="HJ3283" s="91"/>
      <c r="HK3283" s="127"/>
      <c r="HL3283" s="126"/>
      <c r="HM3283" s="91"/>
      <c r="HN3283" s="91"/>
      <c r="HO3283" s="91"/>
      <c r="HP3283" s="91"/>
      <c r="HQ3283" s="91"/>
      <c r="HR3283" s="91"/>
      <c r="HS3283" s="91"/>
      <c r="HT3283" s="91"/>
      <c r="HU3283" s="91"/>
      <c r="HV3283" s="91"/>
      <c r="HW3283" s="91"/>
      <c r="HX3283" s="127"/>
      <c r="HY3283" s="126"/>
      <c r="HZ3283" s="91"/>
      <c r="IA3283" s="91"/>
      <c r="IB3283" s="91"/>
      <c r="IC3283" s="91"/>
      <c r="ID3283" s="91"/>
      <c r="IE3283" s="91"/>
      <c r="IF3283" s="91"/>
      <c r="IG3283" s="91"/>
      <c r="IH3283" s="91"/>
      <c r="II3283" s="91"/>
      <c r="IJ3283" s="91"/>
      <c r="IK3283" s="174"/>
    </row>
    <row r="3284" spans="2:245" x14ac:dyDescent="0.2">
      <c r="B3284" s="43"/>
      <c r="C3284" s="73"/>
      <c r="D3284" s="64"/>
      <c r="E3284" s="64"/>
      <c r="F3284" s="55"/>
      <c r="G3284" s="102"/>
      <c r="H3284" s="97"/>
      <c r="T3284" s="98"/>
      <c r="U3284" s="97"/>
      <c r="AG3284" s="98"/>
      <c r="AY3284" s="164"/>
      <c r="BK3284" s="98"/>
      <c r="BL3284" s="97"/>
      <c r="BX3284" s="98"/>
      <c r="CL3284" s="97"/>
      <c r="CX3284" s="98"/>
      <c r="DL3284" s="97"/>
      <c r="DX3284" s="98"/>
      <c r="EL3284" s="97"/>
      <c r="EX3284" s="98"/>
      <c r="EY3284" s="97"/>
      <c r="FL3284" s="126"/>
      <c r="FM3284" s="91"/>
      <c r="FN3284" s="91"/>
      <c r="FO3284" s="91"/>
      <c r="FP3284" s="91"/>
      <c r="FQ3284" s="91"/>
      <c r="FR3284" s="91"/>
      <c r="FS3284" s="91"/>
      <c r="FT3284" s="91"/>
      <c r="FU3284" s="91"/>
      <c r="FV3284" s="91"/>
      <c r="FW3284" s="91"/>
      <c r="FX3284" s="127"/>
      <c r="FY3284" s="126"/>
      <c r="FZ3284" s="91"/>
      <c r="GA3284" s="91"/>
      <c r="GB3284" s="91"/>
      <c r="GC3284" s="91"/>
      <c r="GD3284" s="91"/>
      <c r="GE3284" s="91"/>
      <c r="GF3284" s="91"/>
      <c r="GG3284" s="91"/>
      <c r="GH3284" s="91"/>
      <c r="GI3284" s="91"/>
      <c r="GJ3284" s="91"/>
      <c r="GK3284" s="127"/>
      <c r="GL3284" s="126"/>
      <c r="GM3284" s="91"/>
      <c r="GN3284" s="91"/>
      <c r="GO3284" s="91"/>
      <c r="GP3284" s="91"/>
      <c r="GQ3284" s="91"/>
      <c r="GR3284" s="91"/>
      <c r="GS3284" s="91"/>
      <c r="GT3284" s="91"/>
      <c r="GU3284" s="91"/>
      <c r="GV3284" s="91"/>
      <c r="GW3284" s="91"/>
      <c r="GX3284" s="127"/>
      <c r="GY3284" s="126"/>
      <c r="GZ3284" s="91"/>
      <c r="HA3284" s="91"/>
      <c r="HB3284" s="91"/>
      <c r="HC3284" s="91"/>
      <c r="HD3284" s="91"/>
      <c r="HE3284" s="91"/>
      <c r="HF3284" s="91"/>
      <c r="HG3284" s="91"/>
      <c r="HH3284" s="91"/>
      <c r="HI3284" s="91"/>
      <c r="HJ3284" s="91"/>
      <c r="HK3284" s="127"/>
      <c r="HL3284" s="126"/>
      <c r="HM3284" s="91"/>
      <c r="HN3284" s="91"/>
      <c r="HO3284" s="91"/>
      <c r="HP3284" s="91"/>
      <c r="HQ3284" s="91"/>
      <c r="HR3284" s="91"/>
      <c r="HS3284" s="91"/>
      <c r="HT3284" s="91"/>
      <c r="HU3284" s="91"/>
      <c r="HV3284" s="91"/>
      <c r="HW3284" s="91"/>
      <c r="HX3284" s="127"/>
      <c r="HY3284" s="126"/>
      <c r="HZ3284" s="91"/>
      <c r="IA3284" s="91"/>
      <c r="IB3284" s="91"/>
      <c r="IC3284" s="91"/>
      <c r="ID3284" s="91"/>
      <c r="IE3284" s="91"/>
      <c r="IF3284" s="91"/>
      <c r="IG3284" s="91"/>
      <c r="IH3284" s="91"/>
      <c r="II3284" s="91"/>
      <c r="IJ3284" s="91"/>
      <c r="IK3284" s="174"/>
    </row>
    <row r="3285" spans="2:245" x14ac:dyDescent="0.2">
      <c r="B3285" s="43"/>
      <c r="C3285" s="73"/>
      <c r="D3285" s="64"/>
      <c r="E3285" s="64"/>
      <c r="F3285" s="55"/>
      <c r="G3285" s="102"/>
      <c r="H3285" s="97"/>
      <c r="T3285" s="98"/>
      <c r="U3285" s="97"/>
      <c r="AG3285" s="98"/>
      <c r="AY3285" s="164"/>
      <c r="BK3285" s="98"/>
      <c r="BL3285" s="97"/>
      <c r="BX3285" s="98"/>
      <c r="CL3285" s="97"/>
      <c r="CX3285" s="98"/>
      <c r="DL3285" s="97"/>
      <c r="DX3285" s="98"/>
      <c r="EL3285" s="97"/>
      <c r="EX3285" s="98"/>
      <c r="EY3285" s="97"/>
      <c r="FL3285" s="126"/>
      <c r="FM3285" s="91"/>
      <c r="FN3285" s="91"/>
      <c r="FO3285" s="91"/>
      <c r="FP3285" s="91"/>
      <c r="FQ3285" s="91"/>
      <c r="FR3285" s="91"/>
      <c r="FS3285" s="91"/>
      <c r="FT3285" s="91"/>
      <c r="FU3285" s="91"/>
      <c r="FV3285" s="91"/>
      <c r="FW3285" s="91"/>
      <c r="FX3285" s="127"/>
      <c r="FY3285" s="126"/>
      <c r="FZ3285" s="91"/>
      <c r="GA3285" s="91"/>
      <c r="GB3285" s="91"/>
      <c r="GC3285" s="91"/>
      <c r="GD3285" s="91"/>
      <c r="GE3285" s="91"/>
      <c r="GF3285" s="91"/>
      <c r="GG3285" s="91"/>
      <c r="GH3285" s="91"/>
      <c r="GI3285" s="91"/>
      <c r="GJ3285" s="91"/>
      <c r="GK3285" s="127"/>
      <c r="GL3285" s="126"/>
      <c r="GM3285" s="91"/>
      <c r="GN3285" s="91"/>
      <c r="GO3285" s="91"/>
      <c r="GP3285" s="91"/>
      <c r="GQ3285" s="91"/>
      <c r="GR3285" s="91"/>
      <c r="GS3285" s="91"/>
      <c r="GT3285" s="91"/>
      <c r="GU3285" s="91"/>
      <c r="GV3285" s="91"/>
      <c r="GW3285" s="91"/>
      <c r="GX3285" s="127"/>
      <c r="GY3285" s="126"/>
      <c r="GZ3285" s="91"/>
      <c r="HA3285" s="91"/>
      <c r="HB3285" s="91"/>
      <c r="HC3285" s="91"/>
      <c r="HD3285" s="91"/>
      <c r="HE3285" s="91"/>
      <c r="HF3285" s="91"/>
      <c r="HG3285" s="91"/>
      <c r="HH3285" s="91"/>
      <c r="HI3285" s="91"/>
      <c r="HJ3285" s="91"/>
      <c r="HK3285" s="127"/>
      <c r="HL3285" s="126"/>
      <c r="HM3285" s="91"/>
      <c r="HN3285" s="91"/>
      <c r="HO3285" s="91"/>
      <c r="HP3285" s="91"/>
      <c r="HQ3285" s="91"/>
      <c r="HR3285" s="91"/>
      <c r="HS3285" s="91"/>
      <c r="HT3285" s="91"/>
      <c r="HU3285" s="91"/>
      <c r="HV3285" s="91"/>
      <c r="HW3285" s="91"/>
      <c r="HX3285" s="127"/>
      <c r="HY3285" s="126"/>
      <c r="HZ3285" s="91"/>
      <c r="IA3285" s="91"/>
      <c r="IB3285" s="91"/>
      <c r="IC3285" s="91"/>
      <c r="ID3285" s="91"/>
      <c r="IE3285" s="91"/>
      <c r="IF3285" s="91"/>
      <c r="IG3285" s="91"/>
      <c r="IH3285" s="91"/>
      <c r="II3285" s="91"/>
      <c r="IJ3285" s="91"/>
      <c r="IK3285" s="174"/>
    </row>
    <row r="3286" spans="2:245" x14ac:dyDescent="0.2">
      <c r="B3286" s="43"/>
      <c r="C3286" s="73"/>
      <c r="D3286" s="64"/>
      <c r="E3286" s="64"/>
      <c r="F3286" s="55"/>
      <c r="G3286" s="102"/>
      <c r="H3286" s="97"/>
      <c r="T3286" s="98"/>
      <c r="U3286" s="97"/>
      <c r="AG3286" s="98"/>
      <c r="AY3286" s="164"/>
      <c r="BK3286" s="98"/>
      <c r="BL3286" s="97"/>
      <c r="BX3286" s="98"/>
      <c r="CL3286" s="97"/>
      <c r="CX3286" s="98"/>
      <c r="DL3286" s="97"/>
      <c r="DX3286" s="98"/>
      <c r="EL3286" s="97"/>
      <c r="EX3286" s="98"/>
      <c r="EY3286" s="97"/>
      <c r="FL3286" s="126"/>
      <c r="FM3286" s="91"/>
      <c r="FN3286" s="91"/>
      <c r="FO3286" s="91"/>
      <c r="FP3286" s="91"/>
      <c r="FQ3286" s="91"/>
      <c r="FR3286" s="91"/>
      <c r="FS3286" s="91"/>
      <c r="FT3286" s="91"/>
      <c r="FU3286" s="91"/>
      <c r="FV3286" s="91"/>
      <c r="FW3286" s="91"/>
      <c r="FX3286" s="127"/>
      <c r="FY3286" s="126"/>
      <c r="FZ3286" s="91"/>
      <c r="GA3286" s="91"/>
      <c r="GB3286" s="91"/>
      <c r="GC3286" s="91"/>
      <c r="GD3286" s="91"/>
      <c r="GE3286" s="91"/>
      <c r="GF3286" s="91"/>
      <c r="GG3286" s="91"/>
      <c r="GH3286" s="91"/>
      <c r="GI3286" s="91"/>
      <c r="GJ3286" s="91"/>
      <c r="GK3286" s="127"/>
      <c r="GL3286" s="126"/>
      <c r="GM3286" s="91"/>
      <c r="GN3286" s="91"/>
      <c r="GO3286" s="91"/>
      <c r="GP3286" s="91"/>
      <c r="GQ3286" s="91"/>
      <c r="GR3286" s="91"/>
      <c r="GS3286" s="91"/>
      <c r="GT3286" s="91"/>
      <c r="GU3286" s="91"/>
      <c r="GV3286" s="91"/>
      <c r="GW3286" s="91"/>
      <c r="GX3286" s="127"/>
      <c r="GY3286" s="126"/>
      <c r="GZ3286" s="91"/>
      <c r="HA3286" s="91"/>
      <c r="HB3286" s="91"/>
      <c r="HC3286" s="91"/>
      <c r="HD3286" s="91"/>
      <c r="HE3286" s="91"/>
      <c r="HF3286" s="91"/>
      <c r="HG3286" s="91"/>
      <c r="HH3286" s="91"/>
      <c r="HI3286" s="91"/>
      <c r="HJ3286" s="91"/>
      <c r="HK3286" s="127"/>
      <c r="HL3286" s="126"/>
      <c r="HM3286" s="91"/>
      <c r="HN3286" s="91"/>
      <c r="HO3286" s="91"/>
      <c r="HP3286" s="91"/>
      <c r="HQ3286" s="91"/>
      <c r="HR3286" s="91"/>
      <c r="HS3286" s="91"/>
      <c r="HT3286" s="91"/>
      <c r="HU3286" s="91"/>
      <c r="HV3286" s="91"/>
      <c r="HW3286" s="91"/>
      <c r="HX3286" s="127"/>
      <c r="HY3286" s="126"/>
      <c r="HZ3286" s="91"/>
      <c r="IA3286" s="91"/>
      <c r="IB3286" s="91"/>
      <c r="IC3286" s="91"/>
      <c r="ID3286" s="91"/>
      <c r="IE3286" s="91"/>
      <c r="IF3286" s="91"/>
      <c r="IG3286" s="91"/>
      <c r="IH3286" s="91"/>
      <c r="II3286" s="91"/>
      <c r="IJ3286" s="91"/>
      <c r="IK3286" s="174"/>
    </row>
    <row r="3287" spans="2:245" x14ac:dyDescent="0.2">
      <c r="B3287" s="43"/>
      <c r="C3287" s="73"/>
      <c r="D3287" s="64"/>
      <c r="E3287" s="64"/>
      <c r="F3287" s="55"/>
      <c r="G3287" s="102"/>
      <c r="H3287" s="97"/>
      <c r="T3287" s="98"/>
      <c r="U3287" s="97"/>
      <c r="AG3287" s="98"/>
      <c r="AY3287" s="164"/>
      <c r="BK3287" s="98"/>
      <c r="BL3287" s="97"/>
      <c r="BX3287" s="98"/>
      <c r="CL3287" s="97"/>
      <c r="CX3287" s="98"/>
      <c r="DL3287" s="97"/>
      <c r="DX3287" s="98"/>
      <c r="EL3287" s="97"/>
      <c r="EX3287" s="98"/>
      <c r="EY3287" s="97"/>
      <c r="FL3287" s="126"/>
      <c r="FM3287" s="91"/>
      <c r="FN3287" s="91"/>
      <c r="FO3287" s="91"/>
      <c r="FP3287" s="91"/>
      <c r="FQ3287" s="91"/>
      <c r="FR3287" s="91"/>
      <c r="FS3287" s="91"/>
      <c r="FT3287" s="91"/>
      <c r="FU3287" s="91"/>
      <c r="FV3287" s="91"/>
      <c r="FW3287" s="91"/>
      <c r="FX3287" s="127"/>
      <c r="FY3287" s="126"/>
      <c r="FZ3287" s="91"/>
      <c r="GA3287" s="91"/>
      <c r="GB3287" s="91"/>
      <c r="GC3287" s="91"/>
      <c r="GD3287" s="91"/>
      <c r="GE3287" s="91"/>
      <c r="GF3287" s="91"/>
      <c r="GG3287" s="91"/>
      <c r="GH3287" s="91"/>
      <c r="GI3287" s="91"/>
      <c r="GJ3287" s="91"/>
      <c r="GK3287" s="127"/>
      <c r="GL3287" s="126"/>
      <c r="GM3287" s="91"/>
      <c r="GN3287" s="91"/>
      <c r="GO3287" s="91"/>
      <c r="GP3287" s="91"/>
      <c r="GQ3287" s="91"/>
      <c r="GR3287" s="91"/>
      <c r="GS3287" s="91"/>
      <c r="GT3287" s="91"/>
      <c r="GU3287" s="91"/>
      <c r="GV3287" s="91"/>
      <c r="GW3287" s="91"/>
      <c r="GX3287" s="127"/>
      <c r="GY3287" s="126"/>
      <c r="GZ3287" s="91"/>
      <c r="HA3287" s="91"/>
      <c r="HB3287" s="91"/>
      <c r="HC3287" s="91"/>
      <c r="HD3287" s="91"/>
      <c r="HE3287" s="91"/>
      <c r="HF3287" s="91"/>
      <c r="HG3287" s="91"/>
      <c r="HH3287" s="91"/>
      <c r="HI3287" s="91"/>
      <c r="HJ3287" s="91"/>
      <c r="HK3287" s="127"/>
      <c r="HL3287" s="126"/>
      <c r="HM3287" s="91"/>
      <c r="HN3287" s="91"/>
      <c r="HO3287" s="91"/>
      <c r="HP3287" s="91"/>
      <c r="HQ3287" s="91"/>
      <c r="HR3287" s="91"/>
      <c r="HS3287" s="91"/>
      <c r="HT3287" s="91"/>
      <c r="HU3287" s="91"/>
      <c r="HV3287" s="91"/>
      <c r="HW3287" s="91"/>
      <c r="HX3287" s="127"/>
      <c r="HY3287" s="126"/>
      <c r="HZ3287" s="91"/>
      <c r="IA3287" s="91"/>
      <c r="IB3287" s="91"/>
      <c r="IC3287" s="91"/>
      <c r="ID3287" s="91"/>
      <c r="IE3287" s="91"/>
      <c r="IF3287" s="91"/>
      <c r="IG3287" s="91"/>
      <c r="IH3287" s="91"/>
      <c r="II3287" s="91"/>
      <c r="IJ3287" s="91"/>
      <c r="IK3287" s="174"/>
    </row>
    <row r="3288" spans="2:245" x14ac:dyDescent="0.2">
      <c r="B3288" s="43"/>
      <c r="C3288" s="73"/>
      <c r="D3288" s="64"/>
      <c r="E3288" s="64"/>
      <c r="F3288" s="55"/>
      <c r="G3288" s="102"/>
      <c r="H3288" s="97"/>
      <c r="T3288" s="98"/>
      <c r="U3288" s="97"/>
      <c r="AG3288" s="98"/>
      <c r="AY3288" s="164"/>
      <c r="BK3288" s="98"/>
      <c r="BL3288" s="97"/>
      <c r="BX3288" s="98"/>
      <c r="CL3288" s="97"/>
      <c r="CX3288" s="98"/>
      <c r="DL3288" s="97"/>
      <c r="DX3288" s="98"/>
      <c r="EL3288" s="97"/>
      <c r="EX3288" s="98"/>
      <c r="EY3288" s="97"/>
      <c r="FL3288" s="126"/>
      <c r="FM3288" s="91"/>
      <c r="FN3288" s="91"/>
      <c r="FO3288" s="91"/>
      <c r="FP3288" s="91"/>
      <c r="FQ3288" s="91"/>
      <c r="FR3288" s="91"/>
      <c r="FS3288" s="91"/>
      <c r="FT3288" s="91"/>
      <c r="FU3288" s="91"/>
      <c r="FV3288" s="91"/>
      <c r="FW3288" s="91"/>
      <c r="FX3288" s="127"/>
      <c r="FY3288" s="126"/>
      <c r="FZ3288" s="91"/>
      <c r="GA3288" s="91"/>
      <c r="GB3288" s="91"/>
      <c r="GC3288" s="91"/>
      <c r="GD3288" s="91"/>
      <c r="GE3288" s="91"/>
      <c r="GF3288" s="91"/>
      <c r="GG3288" s="91"/>
      <c r="GH3288" s="91"/>
      <c r="GI3288" s="91"/>
      <c r="GJ3288" s="91"/>
      <c r="GK3288" s="127"/>
      <c r="GL3288" s="126"/>
      <c r="GM3288" s="91"/>
      <c r="GN3288" s="91"/>
      <c r="GO3288" s="91"/>
      <c r="GP3288" s="91"/>
      <c r="GQ3288" s="91"/>
      <c r="GR3288" s="91"/>
      <c r="GS3288" s="91"/>
      <c r="GT3288" s="91"/>
      <c r="GU3288" s="91"/>
      <c r="GV3288" s="91"/>
      <c r="GW3288" s="91"/>
      <c r="GX3288" s="127"/>
      <c r="GY3288" s="126"/>
      <c r="GZ3288" s="91"/>
      <c r="HA3288" s="91"/>
      <c r="HB3288" s="91"/>
      <c r="HC3288" s="91"/>
      <c r="HD3288" s="91"/>
      <c r="HE3288" s="91"/>
      <c r="HF3288" s="91"/>
      <c r="HG3288" s="91"/>
      <c r="HH3288" s="91"/>
      <c r="HI3288" s="91"/>
      <c r="HJ3288" s="91"/>
      <c r="HK3288" s="127"/>
      <c r="HL3288" s="126"/>
      <c r="HM3288" s="91"/>
      <c r="HN3288" s="91"/>
      <c r="HO3288" s="91"/>
      <c r="HP3288" s="91"/>
      <c r="HQ3288" s="91"/>
      <c r="HR3288" s="91"/>
      <c r="HS3288" s="91"/>
      <c r="HT3288" s="91"/>
      <c r="HU3288" s="91"/>
      <c r="HV3288" s="91"/>
      <c r="HW3288" s="91"/>
      <c r="HX3288" s="127"/>
      <c r="HY3288" s="126"/>
      <c r="HZ3288" s="91"/>
      <c r="IA3288" s="91"/>
      <c r="IB3288" s="91"/>
      <c r="IC3288" s="91"/>
      <c r="ID3288" s="91"/>
      <c r="IE3288" s="91"/>
      <c r="IF3288" s="91"/>
      <c r="IG3288" s="91"/>
      <c r="IH3288" s="91"/>
      <c r="II3288" s="91"/>
      <c r="IJ3288" s="91"/>
      <c r="IK3288" s="174"/>
    </row>
    <row r="3289" spans="2:245" x14ac:dyDescent="0.2">
      <c r="B3289" s="43"/>
      <c r="C3289" s="73"/>
      <c r="D3289" s="64"/>
      <c r="E3289" s="64"/>
      <c r="F3289" s="55"/>
      <c r="G3289" s="102"/>
      <c r="H3289" s="97"/>
      <c r="T3289" s="98"/>
      <c r="U3289" s="97"/>
      <c r="AG3289" s="98"/>
      <c r="AY3289" s="164"/>
      <c r="BK3289" s="98"/>
      <c r="BL3289" s="97"/>
      <c r="BX3289" s="98"/>
      <c r="CL3289" s="97"/>
      <c r="CX3289" s="98"/>
      <c r="DL3289" s="97"/>
      <c r="DX3289" s="98"/>
      <c r="EL3289" s="97"/>
      <c r="EX3289" s="98"/>
      <c r="EY3289" s="97"/>
      <c r="FL3289" s="126"/>
      <c r="FM3289" s="91"/>
      <c r="FN3289" s="91"/>
      <c r="FO3289" s="91"/>
      <c r="FP3289" s="91"/>
      <c r="FQ3289" s="91"/>
      <c r="FR3289" s="91"/>
      <c r="FS3289" s="91"/>
      <c r="FT3289" s="91"/>
      <c r="FU3289" s="91"/>
      <c r="FV3289" s="91"/>
      <c r="FW3289" s="91"/>
      <c r="FX3289" s="127"/>
      <c r="FY3289" s="126"/>
      <c r="FZ3289" s="91"/>
      <c r="GA3289" s="91"/>
      <c r="GB3289" s="91"/>
      <c r="GC3289" s="91"/>
      <c r="GD3289" s="91"/>
      <c r="GE3289" s="91"/>
      <c r="GF3289" s="91"/>
      <c r="GG3289" s="91"/>
      <c r="GH3289" s="91"/>
      <c r="GI3289" s="91"/>
      <c r="GJ3289" s="91"/>
      <c r="GK3289" s="127"/>
      <c r="GL3289" s="126"/>
      <c r="GM3289" s="91"/>
      <c r="GN3289" s="91"/>
      <c r="GO3289" s="91"/>
      <c r="GP3289" s="91"/>
      <c r="GQ3289" s="91"/>
      <c r="GR3289" s="91"/>
      <c r="GS3289" s="91"/>
      <c r="GT3289" s="91"/>
      <c r="GU3289" s="91"/>
      <c r="GV3289" s="91"/>
      <c r="GW3289" s="91"/>
      <c r="GX3289" s="127"/>
      <c r="GY3289" s="126"/>
      <c r="GZ3289" s="91"/>
      <c r="HA3289" s="91"/>
      <c r="HB3289" s="91"/>
      <c r="HC3289" s="91"/>
      <c r="HD3289" s="91"/>
      <c r="HE3289" s="91"/>
      <c r="HF3289" s="91"/>
      <c r="HG3289" s="91"/>
      <c r="HH3289" s="91"/>
      <c r="HI3289" s="91"/>
      <c r="HJ3289" s="91"/>
      <c r="HK3289" s="127"/>
      <c r="HL3289" s="126"/>
      <c r="HM3289" s="91"/>
      <c r="HN3289" s="91"/>
      <c r="HO3289" s="91"/>
      <c r="HP3289" s="91"/>
      <c r="HQ3289" s="91"/>
      <c r="HR3289" s="91"/>
      <c r="HS3289" s="91"/>
      <c r="HT3289" s="91"/>
      <c r="HU3289" s="91"/>
      <c r="HV3289" s="91"/>
      <c r="HW3289" s="91"/>
      <c r="HX3289" s="127"/>
      <c r="HY3289" s="126"/>
      <c r="HZ3289" s="91"/>
      <c r="IA3289" s="91"/>
      <c r="IB3289" s="91"/>
      <c r="IC3289" s="91"/>
      <c r="ID3289" s="91"/>
      <c r="IE3289" s="91"/>
      <c r="IF3289" s="91"/>
      <c r="IG3289" s="91"/>
      <c r="IH3289" s="91"/>
      <c r="II3289" s="91"/>
      <c r="IJ3289" s="91"/>
      <c r="IK3289" s="174"/>
    </row>
    <row r="3290" spans="2:245" x14ac:dyDescent="0.2">
      <c r="B3290" s="43"/>
      <c r="C3290" s="73"/>
      <c r="D3290" s="64"/>
      <c r="E3290" s="64"/>
      <c r="F3290" s="55"/>
      <c r="G3290" s="102"/>
      <c r="H3290" s="97"/>
      <c r="T3290" s="98"/>
      <c r="U3290" s="97"/>
      <c r="AG3290" s="98"/>
      <c r="AY3290" s="164"/>
      <c r="BK3290" s="98"/>
      <c r="BL3290" s="97"/>
      <c r="BX3290" s="98"/>
      <c r="CL3290" s="97"/>
      <c r="CX3290" s="98"/>
      <c r="DL3290" s="97"/>
      <c r="DX3290" s="98"/>
      <c r="EL3290" s="97"/>
      <c r="EX3290" s="98"/>
      <c r="EY3290" s="97"/>
      <c r="FL3290" s="126"/>
      <c r="FM3290" s="91"/>
      <c r="FN3290" s="91"/>
      <c r="FO3290" s="91"/>
      <c r="FP3290" s="91"/>
      <c r="FQ3290" s="91"/>
      <c r="FR3290" s="91"/>
      <c r="FS3290" s="91"/>
      <c r="FT3290" s="91"/>
      <c r="FU3290" s="91"/>
      <c r="FV3290" s="91"/>
      <c r="FW3290" s="91"/>
      <c r="FX3290" s="127"/>
      <c r="FY3290" s="126"/>
      <c r="FZ3290" s="91"/>
      <c r="GA3290" s="91"/>
      <c r="GB3290" s="91"/>
      <c r="GC3290" s="91"/>
      <c r="GD3290" s="91"/>
      <c r="GE3290" s="91"/>
      <c r="GF3290" s="91"/>
      <c r="GG3290" s="91"/>
      <c r="GH3290" s="91"/>
      <c r="GI3290" s="91"/>
      <c r="GJ3290" s="91"/>
      <c r="GK3290" s="127"/>
      <c r="GL3290" s="126"/>
      <c r="GM3290" s="91"/>
      <c r="GN3290" s="91"/>
      <c r="GO3290" s="91"/>
      <c r="GP3290" s="91"/>
      <c r="GQ3290" s="91"/>
      <c r="GR3290" s="91"/>
      <c r="GS3290" s="91"/>
      <c r="GT3290" s="91"/>
      <c r="GU3290" s="91"/>
      <c r="GV3290" s="91"/>
      <c r="GW3290" s="91"/>
      <c r="GX3290" s="127"/>
      <c r="GY3290" s="126"/>
      <c r="GZ3290" s="91"/>
      <c r="HA3290" s="91"/>
      <c r="HB3290" s="91"/>
      <c r="HC3290" s="91"/>
      <c r="HD3290" s="91"/>
      <c r="HE3290" s="91"/>
      <c r="HF3290" s="91"/>
      <c r="HG3290" s="91"/>
      <c r="HH3290" s="91"/>
      <c r="HI3290" s="91"/>
      <c r="HJ3290" s="91"/>
      <c r="HK3290" s="127"/>
      <c r="HL3290" s="126"/>
      <c r="HM3290" s="91"/>
      <c r="HN3290" s="91"/>
      <c r="HO3290" s="91"/>
      <c r="HP3290" s="91"/>
      <c r="HQ3290" s="91"/>
      <c r="HR3290" s="91"/>
      <c r="HS3290" s="91"/>
      <c r="HT3290" s="91"/>
      <c r="HU3290" s="91"/>
      <c r="HV3290" s="91"/>
      <c r="HW3290" s="91"/>
      <c r="HX3290" s="127"/>
      <c r="HY3290" s="126"/>
      <c r="HZ3290" s="91"/>
      <c r="IA3290" s="91"/>
      <c r="IB3290" s="91"/>
      <c r="IC3290" s="91"/>
      <c r="ID3290" s="91"/>
      <c r="IE3290" s="91"/>
      <c r="IF3290" s="91"/>
      <c r="IG3290" s="91"/>
      <c r="IH3290" s="91"/>
      <c r="II3290" s="91"/>
      <c r="IJ3290" s="91"/>
      <c r="IK3290" s="174"/>
    </row>
    <row r="3291" spans="2:245" x14ac:dyDescent="0.2">
      <c r="B3291" s="43"/>
      <c r="C3291" s="73"/>
      <c r="D3291" s="64"/>
      <c r="E3291" s="64"/>
      <c r="F3291" s="55"/>
      <c r="G3291" s="102"/>
      <c r="H3291" s="97"/>
      <c r="T3291" s="98"/>
      <c r="U3291" s="97"/>
      <c r="AG3291" s="98"/>
      <c r="AY3291" s="164"/>
      <c r="BK3291" s="98"/>
      <c r="BL3291" s="97"/>
      <c r="BX3291" s="98"/>
      <c r="CL3291" s="97"/>
      <c r="CX3291" s="98"/>
      <c r="DL3291" s="97"/>
      <c r="DX3291" s="98"/>
      <c r="EL3291" s="97"/>
      <c r="EX3291" s="98"/>
      <c r="EY3291" s="97"/>
      <c r="FL3291" s="126"/>
      <c r="FM3291" s="91"/>
      <c r="FN3291" s="91"/>
      <c r="FO3291" s="91"/>
      <c r="FP3291" s="91"/>
      <c r="FQ3291" s="91"/>
      <c r="FR3291" s="91"/>
      <c r="FS3291" s="91"/>
      <c r="FT3291" s="91"/>
      <c r="FU3291" s="91"/>
      <c r="FV3291" s="91"/>
      <c r="FW3291" s="91"/>
      <c r="FX3291" s="127"/>
      <c r="FY3291" s="126"/>
      <c r="FZ3291" s="91"/>
      <c r="GA3291" s="91"/>
      <c r="GB3291" s="91"/>
      <c r="GC3291" s="91"/>
      <c r="GD3291" s="91"/>
      <c r="GE3291" s="91"/>
      <c r="GF3291" s="91"/>
      <c r="GG3291" s="91"/>
      <c r="GH3291" s="91"/>
      <c r="GI3291" s="91"/>
      <c r="GJ3291" s="91"/>
      <c r="GK3291" s="127"/>
      <c r="GL3291" s="126"/>
      <c r="GM3291" s="91"/>
      <c r="GN3291" s="91"/>
      <c r="GO3291" s="91"/>
      <c r="GP3291" s="91"/>
      <c r="GQ3291" s="91"/>
      <c r="GR3291" s="91"/>
      <c r="GS3291" s="91"/>
      <c r="GT3291" s="91"/>
      <c r="GU3291" s="91"/>
      <c r="GV3291" s="91"/>
      <c r="GW3291" s="91"/>
      <c r="GX3291" s="127"/>
      <c r="GY3291" s="126"/>
      <c r="GZ3291" s="91"/>
      <c r="HA3291" s="91"/>
      <c r="HB3291" s="91"/>
      <c r="HC3291" s="91"/>
      <c r="HD3291" s="91"/>
      <c r="HE3291" s="91"/>
      <c r="HF3291" s="91"/>
      <c r="HG3291" s="91"/>
      <c r="HH3291" s="91"/>
      <c r="HI3291" s="91"/>
      <c r="HJ3291" s="91"/>
      <c r="HK3291" s="127"/>
      <c r="HL3291" s="126"/>
      <c r="HM3291" s="91"/>
      <c r="HN3291" s="91"/>
      <c r="HO3291" s="91"/>
      <c r="HP3291" s="91"/>
      <c r="HQ3291" s="91"/>
      <c r="HR3291" s="91"/>
      <c r="HS3291" s="91"/>
      <c r="HT3291" s="91"/>
      <c r="HU3291" s="91"/>
      <c r="HV3291" s="91"/>
      <c r="HW3291" s="91"/>
      <c r="HX3291" s="127"/>
      <c r="HY3291" s="126"/>
      <c r="HZ3291" s="91"/>
      <c r="IA3291" s="91"/>
      <c r="IB3291" s="91"/>
      <c r="IC3291" s="91"/>
      <c r="ID3291" s="91"/>
      <c r="IE3291" s="91"/>
      <c r="IF3291" s="91"/>
      <c r="IG3291" s="91"/>
      <c r="IH3291" s="91"/>
      <c r="II3291" s="91"/>
      <c r="IJ3291" s="91"/>
      <c r="IK3291" s="174"/>
    </row>
    <row r="3292" spans="2:245" x14ac:dyDescent="0.2">
      <c r="B3292" s="43"/>
      <c r="C3292" s="73"/>
      <c r="D3292" s="64"/>
      <c r="E3292" s="64"/>
      <c r="F3292" s="55"/>
      <c r="G3292" s="102"/>
      <c r="H3292" s="97"/>
      <c r="T3292" s="98"/>
      <c r="U3292" s="97"/>
      <c r="AG3292" s="98"/>
      <c r="AY3292" s="164"/>
      <c r="BK3292" s="98"/>
      <c r="BL3292" s="97"/>
      <c r="BX3292" s="98"/>
      <c r="CL3292" s="97"/>
      <c r="CX3292" s="98"/>
      <c r="DL3292" s="97"/>
      <c r="DX3292" s="98"/>
      <c r="EL3292" s="97"/>
      <c r="EX3292" s="98"/>
      <c r="EY3292" s="97"/>
      <c r="FL3292" s="126"/>
      <c r="FM3292" s="91"/>
      <c r="FN3292" s="91"/>
      <c r="FO3292" s="91"/>
      <c r="FP3292" s="91"/>
      <c r="FQ3292" s="91"/>
      <c r="FR3292" s="91"/>
      <c r="FS3292" s="91"/>
      <c r="FT3292" s="91"/>
      <c r="FU3292" s="91"/>
      <c r="FV3292" s="91"/>
      <c r="FW3292" s="91"/>
      <c r="FX3292" s="127"/>
      <c r="FY3292" s="126"/>
      <c r="FZ3292" s="91"/>
      <c r="GA3292" s="91"/>
      <c r="GB3292" s="91"/>
      <c r="GC3292" s="91"/>
      <c r="GD3292" s="91"/>
      <c r="GE3292" s="91"/>
      <c r="GF3292" s="91"/>
      <c r="GG3292" s="91"/>
      <c r="GH3292" s="91"/>
      <c r="GI3292" s="91"/>
      <c r="GJ3292" s="91"/>
      <c r="GK3292" s="127"/>
      <c r="GL3292" s="126"/>
      <c r="GM3292" s="91"/>
      <c r="GN3292" s="91"/>
      <c r="GO3292" s="91"/>
      <c r="GP3292" s="91"/>
      <c r="GQ3292" s="91"/>
      <c r="GR3292" s="91"/>
      <c r="GS3292" s="91"/>
      <c r="GT3292" s="91"/>
      <c r="GU3292" s="91"/>
      <c r="GV3292" s="91"/>
      <c r="GW3292" s="91"/>
      <c r="GX3292" s="127"/>
      <c r="GY3292" s="126"/>
      <c r="GZ3292" s="91"/>
      <c r="HA3292" s="91"/>
      <c r="HB3292" s="91"/>
      <c r="HC3292" s="91"/>
      <c r="HD3292" s="91"/>
      <c r="HE3292" s="91"/>
      <c r="HF3292" s="91"/>
      <c r="HG3292" s="91"/>
      <c r="HH3292" s="91"/>
      <c r="HI3292" s="91"/>
      <c r="HJ3292" s="91"/>
      <c r="HK3292" s="127"/>
      <c r="HL3292" s="126"/>
      <c r="HM3292" s="91"/>
      <c r="HN3292" s="91"/>
      <c r="HO3292" s="91"/>
      <c r="HP3292" s="91"/>
      <c r="HQ3292" s="91"/>
      <c r="HR3292" s="91"/>
      <c r="HS3292" s="91"/>
      <c r="HT3292" s="91"/>
      <c r="HU3292" s="91"/>
      <c r="HV3292" s="91"/>
      <c r="HW3292" s="91"/>
      <c r="HX3292" s="127"/>
      <c r="HY3292" s="126"/>
      <c r="HZ3292" s="91"/>
      <c r="IA3292" s="91"/>
      <c r="IB3292" s="91"/>
      <c r="IC3292" s="91"/>
      <c r="ID3292" s="91"/>
      <c r="IE3292" s="91"/>
      <c r="IF3292" s="91"/>
      <c r="IG3292" s="91"/>
      <c r="IH3292" s="91"/>
      <c r="II3292" s="91"/>
      <c r="IJ3292" s="91"/>
      <c r="IK3292" s="174"/>
    </row>
    <row r="3293" spans="2:245" x14ac:dyDescent="0.2">
      <c r="B3293" s="43"/>
      <c r="C3293" s="73"/>
      <c r="D3293" s="64"/>
      <c r="E3293" s="64"/>
      <c r="F3293" s="55"/>
      <c r="G3293" s="102"/>
      <c r="H3293" s="97"/>
      <c r="T3293" s="98"/>
      <c r="U3293" s="97"/>
      <c r="AG3293" s="98"/>
      <c r="AY3293" s="164"/>
      <c r="BK3293" s="98"/>
      <c r="BL3293" s="97"/>
      <c r="BX3293" s="98"/>
      <c r="CL3293" s="97"/>
      <c r="CX3293" s="98"/>
      <c r="DL3293" s="97"/>
      <c r="DX3293" s="98"/>
      <c r="EL3293" s="97"/>
      <c r="EX3293" s="98"/>
      <c r="EY3293" s="97"/>
      <c r="FL3293" s="126"/>
      <c r="FM3293" s="91"/>
      <c r="FN3293" s="91"/>
      <c r="FO3293" s="91"/>
      <c r="FP3293" s="91"/>
      <c r="FQ3293" s="91"/>
      <c r="FR3293" s="91"/>
      <c r="FS3293" s="91"/>
      <c r="FT3293" s="91"/>
      <c r="FU3293" s="91"/>
      <c r="FV3293" s="91"/>
      <c r="FW3293" s="91"/>
      <c r="FX3293" s="127"/>
      <c r="FY3293" s="126"/>
      <c r="FZ3293" s="91"/>
      <c r="GA3293" s="91"/>
      <c r="GB3293" s="91"/>
      <c r="GC3293" s="91"/>
      <c r="GD3293" s="91"/>
      <c r="GE3293" s="91"/>
      <c r="GF3293" s="91"/>
      <c r="GG3293" s="91"/>
      <c r="GH3293" s="91"/>
      <c r="GI3293" s="91"/>
      <c r="GJ3293" s="91"/>
      <c r="GK3293" s="127"/>
      <c r="GL3293" s="126"/>
      <c r="GM3293" s="91"/>
      <c r="GN3293" s="91"/>
      <c r="GO3293" s="91"/>
      <c r="GP3293" s="91"/>
      <c r="GQ3293" s="91"/>
      <c r="GR3293" s="91"/>
      <c r="GS3293" s="91"/>
      <c r="GT3293" s="91"/>
      <c r="GU3293" s="91"/>
      <c r="GV3293" s="91"/>
      <c r="GW3293" s="91"/>
      <c r="GX3293" s="127"/>
      <c r="GY3293" s="126"/>
      <c r="GZ3293" s="91"/>
      <c r="HA3293" s="91"/>
      <c r="HB3293" s="91"/>
      <c r="HC3293" s="91"/>
      <c r="HD3293" s="91"/>
      <c r="HE3293" s="91"/>
      <c r="HF3293" s="91"/>
      <c r="HG3293" s="91"/>
      <c r="HH3293" s="91"/>
      <c r="HI3293" s="91"/>
      <c r="HJ3293" s="91"/>
      <c r="HK3293" s="127"/>
      <c r="HL3293" s="126"/>
      <c r="HM3293" s="91"/>
      <c r="HN3293" s="91"/>
      <c r="HO3293" s="91"/>
      <c r="HP3293" s="91"/>
      <c r="HQ3293" s="91"/>
      <c r="HR3293" s="91"/>
      <c r="HS3293" s="91"/>
      <c r="HT3293" s="91"/>
      <c r="HU3293" s="91"/>
      <c r="HV3293" s="91"/>
      <c r="HW3293" s="91"/>
      <c r="HX3293" s="127"/>
      <c r="HY3293" s="126"/>
      <c r="HZ3293" s="91"/>
      <c r="IA3293" s="91"/>
      <c r="IB3293" s="91"/>
      <c r="IC3293" s="91"/>
      <c r="ID3293" s="91"/>
      <c r="IE3293" s="91"/>
      <c r="IF3293" s="91"/>
      <c r="IG3293" s="91"/>
      <c r="IH3293" s="91"/>
      <c r="II3293" s="91"/>
      <c r="IJ3293" s="91"/>
      <c r="IK3293" s="174"/>
    </row>
    <row r="3294" spans="2:245" x14ac:dyDescent="0.2">
      <c r="B3294" s="43"/>
      <c r="C3294" s="73"/>
      <c r="D3294" s="64"/>
      <c r="E3294" s="64"/>
      <c r="F3294" s="55"/>
      <c r="G3294" s="102"/>
      <c r="H3294" s="97"/>
      <c r="T3294" s="98"/>
      <c r="U3294" s="97"/>
      <c r="AG3294" s="98"/>
      <c r="AY3294" s="164"/>
      <c r="BK3294" s="98"/>
      <c r="BL3294" s="97"/>
      <c r="BX3294" s="98"/>
      <c r="CL3294" s="97"/>
      <c r="CX3294" s="98"/>
      <c r="DL3294" s="97"/>
      <c r="DX3294" s="98"/>
      <c r="EL3294" s="97"/>
      <c r="EX3294" s="98"/>
      <c r="EY3294" s="97"/>
      <c r="FL3294" s="126"/>
      <c r="FM3294" s="91"/>
      <c r="FN3294" s="91"/>
      <c r="FO3294" s="91"/>
      <c r="FP3294" s="91"/>
      <c r="FQ3294" s="91"/>
      <c r="FR3294" s="91"/>
      <c r="FS3294" s="91"/>
      <c r="FT3294" s="91"/>
      <c r="FU3294" s="91"/>
      <c r="FV3294" s="91"/>
      <c r="FW3294" s="91"/>
      <c r="FX3294" s="127"/>
      <c r="FY3294" s="126"/>
      <c r="FZ3294" s="91"/>
      <c r="GA3294" s="91"/>
      <c r="GB3294" s="91"/>
      <c r="GC3294" s="91"/>
      <c r="GD3294" s="91"/>
      <c r="GE3294" s="91"/>
      <c r="GF3294" s="91"/>
      <c r="GG3294" s="91"/>
      <c r="GH3294" s="91"/>
      <c r="GI3294" s="91"/>
      <c r="GJ3294" s="91"/>
      <c r="GK3294" s="127"/>
      <c r="GL3294" s="126"/>
      <c r="GM3294" s="91"/>
      <c r="GN3294" s="91"/>
      <c r="GO3294" s="91"/>
      <c r="GP3294" s="91"/>
      <c r="GQ3294" s="91"/>
      <c r="GR3294" s="91"/>
      <c r="GS3294" s="91"/>
      <c r="GT3294" s="91"/>
      <c r="GU3294" s="91"/>
      <c r="GV3294" s="91"/>
      <c r="GW3294" s="91"/>
      <c r="GX3294" s="127"/>
      <c r="GY3294" s="126"/>
      <c r="GZ3294" s="91"/>
      <c r="HA3294" s="91"/>
      <c r="HB3294" s="91"/>
      <c r="HC3294" s="91"/>
      <c r="HD3294" s="91"/>
      <c r="HE3294" s="91"/>
      <c r="HF3294" s="91"/>
      <c r="HG3294" s="91"/>
      <c r="HH3294" s="91"/>
      <c r="HI3294" s="91"/>
      <c r="HJ3294" s="91"/>
      <c r="HK3294" s="127"/>
      <c r="HL3294" s="126"/>
      <c r="HM3294" s="91"/>
      <c r="HN3294" s="91"/>
      <c r="HO3294" s="91"/>
      <c r="HP3294" s="91"/>
      <c r="HQ3294" s="91"/>
      <c r="HR3294" s="91"/>
      <c r="HS3294" s="91"/>
      <c r="HT3294" s="91"/>
      <c r="HU3294" s="91"/>
      <c r="HV3294" s="91"/>
      <c r="HW3294" s="91"/>
      <c r="HX3294" s="127"/>
      <c r="HY3294" s="126"/>
      <c r="HZ3294" s="91"/>
      <c r="IA3294" s="91"/>
      <c r="IB3294" s="91"/>
      <c r="IC3294" s="91"/>
      <c r="ID3294" s="91"/>
      <c r="IE3294" s="91"/>
      <c r="IF3294" s="91"/>
      <c r="IG3294" s="91"/>
      <c r="IH3294" s="91"/>
      <c r="II3294" s="91"/>
      <c r="IJ3294" s="91"/>
      <c r="IK3294" s="174"/>
    </row>
    <row r="3295" spans="2:245" x14ac:dyDescent="0.2">
      <c r="B3295" s="43"/>
      <c r="C3295" s="73"/>
      <c r="D3295" s="64"/>
      <c r="E3295" s="64"/>
      <c r="F3295" s="55"/>
      <c r="G3295" s="102"/>
      <c r="H3295" s="97"/>
      <c r="T3295" s="98"/>
      <c r="U3295" s="97"/>
      <c r="AG3295" s="98"/>
      <c r="AY3295" s="164"/>
      <c r="BK3295" s="98"/>
      <c r="BL3295" s="97"/>
      <c r="BX3295" s="98"/>
      <c r="CL3295" s="97"/>
      <c r="CX3295" s="98"/>
      <c r="DL3295" s="97"/>
      <c r="DX3295" s="98"/>
      <c r="EL3295" s="97"/>
      <c r="EX3295" s="98"/>
      <c r="EY3295" s="97"/>
      <c r="FL3295" s="126"/>
      <c r="FM3295" s="91"/>
      <c r="FN3295" s="91"/>
      <c r="FO3295" s="91"/>
      <c r="FP3295" s="91"/>
      <c r="FQ3295" s="91"/>
      <c r="FR3295" s="91"/>
      <c r="FS3295" s="91"/>
      <c r="FT3295" s="91"/>
      <c r="FU3295" s="91"/>
      <c r="FV3295" s="91"/>
      <c r="FW3295" s="91"/>
      <c r="FX3295" s="127"/>
      <c r="FY3295" s="126"/>
      <c r="FZ3295" s="91"/>
      <c r="GA3295" s="91"/>
      <c r="GB3295" s="91"/>
      <c r="GC3295" s="91"/>
      <c r="GD3295" s="91"/>
      <c r="GE3295" s="91"/>
      <c r="GF3295" s="91"/>
      <c r="GG3295" s="91"/>
      <c r="GH3295" s="91"/>
      <c r="GI3295" s="91"/>
      <c r="GJ3295" s="91"/>
      <c r="GK3295" s="127"/>
      <c r="GL3295" s="126"/>
      <c r="GM3295" s="91"/>
      <c r="GN3295" s="91"/>
      <c r="GO3295" s="91"/>
      <c r="GP3295" s="91"/>
      <c r="GQ3295" s="91"/>
      <c r="GR3295" s="91"/>
      <c r="GS3295" s="91"/>
      <c r="GT3295" s="91"/>
      <c r="GU3295" s="91"/>
      <c r="GV3295" s="91"/>
      <c r="GW3295" s="91"/>
      <c r="GX3295" s="127"/>
      <c r="GY3295" s="126"/>
      <c r="GZ3295" s="91"/>
      <c r="HA3295" s="91"/>
      <c r="HB3295" s="91"/>
      <c r="HC3295" s="91"/>
      <c r="HD3295" s="91"/>
      <c r="HE3295" s="91"/>
      <c r="HF3295" s="91"/>
      <c r="HG3295" s="91"/>
      <c r="HH3295" s="91"/>
      <c r="HI3295" s="91"/>
      <c r="HJ3295" s="91"/>
      <c r="HK3295" s="127"/>
      <c r="HL3295" s="126"/>
      <c r="HM3295" s="91"/>
      <c r="HN3295" s="91"/>
      <c r="HO3295" s="91"/>
      <c r="HP3295" s="91"/>
      <c r="HQ3295" s="91"/>
      <c r="HR3295" s="91"/>
      <c r="HS3295" s="91"/>
      <c r="HT3295" s="91"/>
      <c r="HU3295" s="91"/>
      <c r="HV3295" s="91"/>
      <c r="HW3295" s="91"/>
      <c r="HX3295" s="127"/>
      <c r="HY3295" s="126"/>
      <c r="HZ3295" s="91"/>
      <c r="IA3295" s="91"/>
      <c r="IB3295" s="91"/>
      <c r="IC3295" s="91"/>
      <c r="ID3295" s="91"/>
      <c r="IE3295" s="91"/>
      <c r="IF3295" s="91"/>
      <c r="IG3295" s="91"/>
      <c r="IH3295" s="91"/>
      <c r="II3295" s="91"/>
      <c r="IJ3295" s="91"/>
      <c r="IK3295" s="174"/>
    </row>
    <row r="3296" spans="2:245" x14ac:dyDescent="0.2">
      <c r="B3296" s="43"/>
      <c r="C3296" s="73"/>
      <c r="D3296" s="64"/>
      <c r="E3296" s="64"/>
      <c r="F3296" s="55"/>
      <c r="G3296" s="102"/>
      <c r="H3296" s="97"/>
      <c r="T3296" s="98"/>
      <c r="U3296" s="97"/>
      <c r="AG3296" s="98"/>
      <c r="AY3296" s="164"/>
      <c r="BK3296" s="98"/>
      <c r="BL3296" s="97"/>
      <c r="BX3296" s="98"/>
      <c r="CL3296" s="97"/>
      <c r="CX3296" s="98"/>
      <c r="DL3296" s="97"/>
      <c r="DX3296" s="98"/>
      <c r="EL3296" s="97"/>
      <c r="EX3296" s="98"/>
      <c r="EY3296" s="97"/>
      <c r="FL3296" s="126"/>
      <c r="FM3296" s="91"/>
      <c r="FN3296" s="91"/>
      <c r="FO3296" s="91"/>
      <c r="FP3296" s="91"/>
      <c r="FQ3296" s="91"/>
      <c r="FR3296" s="91"/>
      <c r="FS3296" s="91"/>
      <c r="FT3296" s="91"/>
      <c r="FU3296" s="91"/>
      <c r="FV3296" s="91"/>
      <c r="FW3296" s="91"/>
      <c r="FX3296" s="127"/>
      <c r="FY3296" s="126"/>
      <c r="FZ3296" s="91"/>
      <c r="GA3296" s="91"/>
      <c r="GB3296" s="91"/>
      <c r="GC3296" s="91"/>
      <c r="GD3296" s="91"/>
      <c r="GE3296" s="91"/>
      <c r="GF3296" s="91"/>
      <c r="GG3296" s="91"/>
      <c r="GH3296" s="91"/>
      <c r="GI3296" s="91"/>
      <c r="GJ3296" s="91"/>
      <c r="GK3296" s="127"/>
      <c r="GL3296" s="126"/>
      <c r="GM3296" s="91"/>
      <c r="GN3296" s="91"/>
      <c r="GO3296" s="91"/>
      <c r="GP3296" s="91"/>
      <c r="GQ3296" s="91"/>
      <c r="GR3296" s="91"/>
      <c r="GS3296" s="91"/>
      <c r="GT3296" s="91"/>
      <c r="GU3296" s="91"/>
      <c r="GV3296" s="91"/>
      <c r="GW3296" s="91"/>
      <c r="GX3296" s="127"/>
      <c r="GY3296" s="126"/>
      <c r="GZ3296" s="91"/>
      <c r="HA3296" s="91"/>
      <c r="HB3296" s="91"/>
      <c r="HC3296" s="91"/>
      <c r="HD3296" s="91"/>
      <c r="HE3296" s="91"/>
      <c r="HF3296" s="91"/>
      <c r="HG3296" s="91"/>
      <c r="HH3296" s="91"/>
      <c r="HI3296" s="91"/>
      <c r="HJ3296" s="91"/>
      <c r="HK3296" s="127"/>
      <c r="HL3296" s="126"/>
      <c r="HM3296" s="91"/>
      <c r="HN3296" s="91"/>
      <c r="HO3296" s="91"/>
      <c r="HP3296" s="91"/>
      <c r="HQ3296" s="91"/>
      <c r="HR3296" s="91"/>
      <c r="HS3296" s="91"/>
      <c r="HT3296" s="91"/>
      <c r="HU3296" s="91"/>
      <c r="HV3296" s="91"/>
      <c r="HW3296" s="91"/>
      <c r="HX3296" s="127"/>
      <c r="HY3296" s="126"/>
      <c r="HZ3296" s="91"/>
      <c r="IA3296" s="91"/>
      <c r="IB3296" s="91"/>
      <c r="IC3296" s="91"/>
      <c r="ID3296" s="91"/>
      <c r="IE3296" s="91"/>
      <c r="IF3296" s="91"/>
      <c r="IG3296" s="91"/>
      <c r="IH3296" s="91"/>
      <c r="II3296" s="91"/>
      <c r="IJ3296" s="91"/>
      <c r="IK3296" s="174"/>
    </row>
    <row r="3297" spans="2:245" x14ac:dyDescent="0.2">
      <c r="B3297" s="43"/>
      <c r="C3297" s="73"/>
      <c r="D3297" s="64"/>
      <c r="E3297" s="64"/>
      <c r="F3297" s="55"/>
      <c r="G3297" s="102"/>
      <c r="H3297" s="97"/>
      <c r="T3297" s="98"/>
      <c r="U3297" s="97"/>
      <c r="AG3297" s="98"/>
      <c r="AY3297" s="164"/>
      <c r="BK3297" s="98"/>
      <c r="BL3297" s="97"/>
      <c r="BX3297" s="98"/>
      <c r="CL3297" s="97"/>
      <c r="CX3297" s="98"/>
      <c r="DL3297" s="97"/>
      <c r="DX3297" s="98"/>
      <c r="EL3297" s="97"/>
      <c r="EX3297" s="98"/>
      <c r="EY3297" s="97"/>
      <c r="FL3297" s="126"/>
      <c r="FM3297" s="91"/>
      <c r="FN3297" s="91"/>
      <c r="FO3297" s="91"/>
      <c r="FP3297" s="91"/>
      <c r="FQ3297" s="91"/>
      <c r="FR3297" s="91"/>
      <c r="FS3297" s="91"/>
      <c r="FT3297" s="91"/>
      <c r="FU3297" s="91"/>
      <c r="FV3297" s="91"/>
      <c r="FW3297" s="91"/>
      <c r="FX3297" s="127"/>
      <c r="FY3297" s="126"/>
      <c r="FZ3297" s="91"/>
      <c r="GA3297" s="91"/>
      <c r="GB3297" s="91"/>
      <c r="GC3297" s="91"/>
      <c r="GD3297" s="91"/>
      <c r="GE3297" s="91"/>
      <c r="GF3297" s="91"/>
      <c r="GG3297" s="91"/>
      <c r="GH3297" s="91"/>
      <c r="GI3297" s="91"/>
      <c r="GJ3297" s="91"/>
      <c r="GK3297" s="127"/>
      <c r="GL3297" s="126"/>
      <c r="GM3297" s="91"/>
      <c r="GN3297" s="91"/>
      <c r="GO3297" s="91"/>
      <c r="GP3297" s="91"/>
      <c r="GQ3297" s="91"/>
      <c r="GR3297" s="91"/>
      <c r="GS3297" s="91"/>
      <c r="GT3297" s="91"/>
      <c r="GU3297" s="91"/>
      <c r="GV3297" s="91"/>
      <c r="GW3297" s="91"/>
      <c r="GX3297" s="127"/>
      <c r="GY3297" s="126"/>
      <c r="GZ3297" s="91"/>
      <c r="HA3297" s="91"/>
      <c r="HB3297" s="91"/>
      <c r="HC3297" s="91"/>
      <c r="HD3297" s="91"/>
      <c r="HE3297" s="91"/>
      <c r="HF3297" s="91"/>
      <c r="HG3297" s="91"/>
      <c r="HH3297" s="91"/>
      <c r="HI3297" s="91"/>
      <c r="HJ3297" s="91"/>
      <c r="HK3297" s="127"/>
      <c r="HL3297" s="126"/>
      <c r="HM3297" s="91"/>
      <c r="HN3297" s="91"/>
      <c r="HO3297" s="91"/>
      <c r="HP3297" s="91"/>
      <c r="HQ3297" s="91"/>
      <c r="HR3297" s="91"/>
      <c r="HS3297" s="91"/>
      <c r="HT3297" s="91"/>
      <c r="HU3297" s="91"/>
      <c r="HV3297" s="91"/>
      <c r="HW3297" s="91"/>
      <c r="HX3297" s="127"/>
      <c r="HY3297" s="126"/>
      <c r="HZ3297" s="91"/>
      <c r="IA3297" s="91"/>
      <c r="IB3297" s="91"/>
      <c r="IC3297" s="91"/>
      <c r="ID3297" s="91"/>
      <c r="IE3297" s="91"/>
      <c r="IF3297" s="91"/>
      <c r="IG3297" s="91"/>
      <c r="IH3297" s="91"/>
      <c r="II3297" s="91"/>
      <c r="IJ3297" s="91"/>
      <c r="IK3297" s="174"/>
    </row>
    <row r="3298" spans="2:245" x14ac:dyDescent="0.2">
      <c r="B3298" s="43"/>
      <c r="C3298" s="73"/>
      <c r="D3298" s="64"/>
      <c r="E3298" s="64"/>
      <c r="F3298" s="55"/>
      <c r="G3298" s="102"/>
      <c r="H3298" s="97"/>
      <c r="T3298" s="98"/>
      <c r="U3298" s="97"/>
      <c r="AG3298" s="98"/>
      <c r="AY3298" s="164"/>
      <c r="BK3298" s="98"/>
      <c r="BL3298" s="97"/>
      <c r="BX3298" s="98"/>
      <c r="CL3298" s="97"/>
      <c r="CX3298" s="98"/>
      <c r="DL3298" s="97"/>
      <c r="DX3298" s="98"/>
      <c r="EL3298" s="97"/>
      <c r="EX3298" s="98"/>
      <c r="EY3298" s="97"/>
      <c r="FL3298" s="126"/>
      <c r="FM3298" s="91"/>
      <c r="FN3298" s="91"/>
      <c r="FO3298" s="91"/>
      <c r="FP3298" s="91"/>
      <c r="FQ3298" s="91"/>
      <c r="FR3298" s="91"/>
      <c r="FS3298" s="91"/>
      <c r="FT3298" s="91"/>
      <c r="FU3298" s="91"/>
      <c r="FV3298" s="91"/>
      <c r="FW3298" s="91"/>
      <c r="FX3298" s="127"/>
      <c r="FY3298" s="126"/>
      <c r="FZ3298" s="91"/>
      <c r="GA3298" s="91"/>
      <c r="GB3298" s="91"/>
      <c r="GC3298" s="91"/>
      <c r="GD3298" s="91"/>
      <c r="GE3298" s="91"/>
      <c r="GF3298" s="91"/>
      <c r="GG3298" s="91"/>
      <c r="GH3298" s="91"/>
      <c r="GI3298" s="91"/>
      <c r="GJ3298" s="91"/>
      <c r="GK3298" s="127"/>
      <c r="GL3298" s="126"/>
      <c r="GM3298" s="91"/>
      <c r="GN3298" s="91"/>
      <c r="GO3298" s="91"/>
      <c r="GP3298" s="91"/>
      <c r="GQ3298" s="91"/>
      <c r="GR3298" s="91"/>
      <c r="GS3298" s="91"/>
      <c r="GT3298" s="91"/>
      <c r="GU3298" s="91"/>
      <c r="GV3298" s="91"/>
      <c r="GW3298" s="91"/>
      <c r="GX3298" s="127"/>
      <c r="GY3298" s="126"/>
      <c r="GZ3298" s="91"/>
      <c r="HA3298" s="91"/>
      <c r="HB3298" s="91"/>
      <c r="HC3298" s="91"/>
      <c r="HD3298" s="91"/>
      <c r="HE3298" s="91"/>
      <c r="HF3298" s="91"/>
      <c r="HG3298" s="91"/>
      <c r="HH3298" s="91"/>
      <c r="HI3298" s="91"/>
      <c r="HJ3298" s="91"/>
      <c r="HK3298" s="127"/>
      <c r="HL3298" s="126"/>
      <c r="HM3298" s="91"/>
      <c r="HN3298" s="91"/>
      <c r="HO3298" s="91"/>
      <c r="HP3298" s="91"/>
      <c r="HQ3298" s="91"/>
      <c r="HR3298" s="91"/>
      <c r="HS3298" s="91"/>
      <c r="HT3298" s="91"/>
      <c r="HU3298" s="91"/>
      <c r="HV3298" s="91"/>
      <c r="HW3298" s="91"/>
      <c r="HX3298" s="127"/>
      <c r="HY3298" s="126"/>
      <c r="HZ3298" s="91"/>
      <c r="IA3298" s="91"/>
      <c r="IB3298" s="91"/>
      <c r="IC3298" s="91"/>
      <c r="ID3298" s="91"/>
      <c r="IE3298" s="91"/>
      <c r="IF3298" s="91"/>
      <c r="IG3298" s="91"/>
      <c r="IH3298" s="91"/>
      <c r="II3298" s="91"/>
      <c r="IJ3298" s="91"/>
      <c r="IK3298" s="174"/>
    </row>
    <row r="3299" spans="2:245" x14ac:dyDescent="0.2">
      <c r="B3299" s="43"/>
      <c r="C3299" s="73"/>
      <c r="D3299" s="64"/>
      <c r="E3299" s="64"/>
      <c r="F3299" s="55"/>
      <c r="G3299" s="102"/>
      <c r="H3299" s="97"/>
      <c r="T3299" s="98"/>
      <c r="U3299" s="97"/>
      <c r="AG3299" s="98"/>
      <c r="AY3299" s="164"/>
      <c r="BK3299" s="98"/>
      <c r="BL3299" s="97"/>
      <c r="BX3299" s="98"/>
      <c r="CL3299" s="97"/>
      <c r="CX3299" s="98"/>
      <c r="DL3299" s="97"/>
      <c r="DX3299" s="98"/>
      <c r="EL3299" s="97"/>
      <c r="EX3299" s="98"/>
      <c r="EY3299" s="97"/>
      <c r="FL3299" s="126"/>
      <c r="FM3299" s="91"/>
      <c r="FN3299" s="91"/>
      <c r="FO3299" s="91"/>
      <c r="FP3299" s="91"/>
      <c r="FQ3299" s="91"/>
      <c r="FR3299" s="91"/>
      <c r="FS3299" s="91"/>
      <c r="FT3299" s="91"/>
      <c r="FU3299" s="91"/>
      <c r="FV3299" s="91"/>
      <c r="FW3299" s="91"/>
      <c r="FX3299" s="127"/>
      <c r="FY3299" s="126"/>
      <c r="FZ3299" s="91"/>
      <c r="GA3299" s="91"/>
      <c r="GB3299" s="91"/>
      <c r="GC3299" s="91"/>
      <c r="GD3299" s="91"/>
      <c r="GE3299" s="91"/>
      <c r="GF3299" s="91"/>
      <c r="GG3299" s="91"/>
      <c r="GH3299" s="91"/>
      <c r="GI3299" s="91"/>
      <c r="GJ3299" s="91"/>
      <c r="GK3299" s="127"/>
      <c r="GL3299" s="126"/>
      <c r="GM3299" s="91"/>
      <c r="GN3299" s="91"/>
      <c r="GO3299" s="91"/>
      <c r="GP3299" s="91"/>
      <c r="GQ3299" s="91"/>
      <c r="GR3299" s="91"/>
      <c r="GS3299" s="91"/>
      <c r="GT3299" s="91"/>
      <c r="GU3299" s="91"/>
      <c r="GV3299" s="91"/>
      <c r="GW3299" s="91"/>
      <c r="GX3299" s="127"/>
      <c r="GY3299" s="126"/>
      <c r="GZ3299" s="91"/>
      <c r="HA3299" s="91"/>
      <c r="HB3299" s="91"/>
      <c r="HC3299" s="91"/>
      <c r="HD3299" s="91"/>
      <c r="HE3299" s="91"/>
      <c r="HF3299" s="91"/>
      <c r="HG3299" s="91"/>
      <c r="HH3299" s="91"/>
      <c r="HI3299" s="91"/>
      <c r="HJ3299" s="91"/>
      <c r="HK3299" s="127"/>
      <c r="HL3299" s="126"/>
      <c r="HM3299" s="91"/>
      <c r="HN3299" s="91"/>
      <c r="HO3299" s="91"/>
      <c r="HP3299" s="91"/>
      <c r="HQ3299" s="91"/>
      <c r="HR3299" s="91"/>
      <c r="HS3299" s="91"/>
      <c r="HT3299" s="91"/>
      <c r="HU3299" s="91"/>
      <c r="HV3299" s="91"/>
      <c r="HW3299" s="91"/>
      <c r="HX3299" s="127"/>
      <c r="HY3299" s="126"/>
      <c r="HZ3299" s="91"/>
      <c r="IA3299" s="91"/>
      <c r="IB3299" s="91"/>
      <c r="IC3299" s="91"/>
      <c r="ID3299" s="91"/>
      <c r="IE3299" s="91"/>
      <c r="IF3299" s="91"/>
      <c r="IG3299" s="91"/>
      <c r="IH3299" s="91"/>
      <c r="II3299" s="91"/>
      <c r="IJ3299" s="91"/>
      <c r="IK3299" s="174"/>
    </row>
    <row r="3300" spans="2:245" x14ac:dyDescent="0.2">
      <c r="B3300" s="43"/>
      <c r="C3300" s="73"/>
      <c r="D3300" s="64"/>
      <c r="E3300" s="64"/>
      <c r="F3300" s="55"/>
      <c r="G3300" s="102"/>
      <c r="H3300" s="97"/>
      <c r="T3300" s="98"/>
      <c r="U3300" s="97"/>
      <c r="AG3300" s="98"/>
      <c r="AY3300" s="164"/>
      <c r="BK3300" s="98"/>
      <c r="BL3300" s="97"/>
      <c r="BX3300" s="98"/>
      <c r="CL3300" s="97"/>
      <c r="CX3300" s="98"/>
      <c r="DL3300" s="97"/>
      <c r="DX3300" s="98"/>
      <c r="EL3300" s="97"/>
      <c r="EX3300" s="98"/>
      <c r="EY3300" s="97"/>
      <c r="FL3300" s="126"/>
      <c r="FM3300" s="91"/>
      <c r="FN3300" s="91"/>
      <c r="FO3300" s="91"/>
      <c r="FP3300" s="91"/>
      <c r="FQ3300" s="91"/>
      <c r="FR3300" s="91"/>
      <c r="FS3300" s="91"/>
      <c r="FT3300" s="91"/>
      <c r="FU3300" s="91"/>
      <c r="FV3300" s="91"/>
      <c r="FW3300" s="91"/>
      <c r="FX3300" s="127"/>
      <c r="FY3300" s="126"/>
      <c r="FZ3300" s="91"/>
      <c r="GA3300" s="91"/>
      <c r="GB3300" s="91"/>
      <c r="GC3300" s="91"/>
      <c r="GD3300" s="91"/>
      <c r="GE3300" s="91"/>
      <c r="GF3300" s="91"/>
      <c r="GG3300" s="91"/>
      <c r="GH3300" s="91"/>
      <c r="GI3300" s="91"/>
      <c r="GJ3300" s="91"/>
      <c r="GK3300" s="127"/>
      <c r="GL3300" s="126"/>
      <c r="GM3300" s="91"/>
      <c r="GN3300" s="91"/>
      <c r="GO3300" s="91"/>
      <c r="GP3300" s="91"/>
      <c r="GQ3300" s="91"/>
      <c r="GR3300" s="91"/>
      <c r="GS3300" s="91"/>
      <c r="GT3300" s="91"/>
      <c r="GU3300" s="91"/>
      <c r="GV3300" s="91"/>
      <c r="GW3300" s="91"/>
      <c r="GX3300" s="127"/>
      <c r="GY3300" s="126"/>
      <c r="GZ3300" s="91"/>
      <c r="HA3300" s="91"/>
      <c r="HB3300" s="91"/>
      <c r="HC3300" s="91"/>
      <c r="HD3300" s="91"/>
      <c r="HE3300" s="91"/>
      <c r="HF3300" s="91"/>
      <c r="HG3300" s="91"/>
      <c r="HH3300" s="91"/>
      <c r="HI3300" s="91"/>
      <c r="HJ3300" s="91"/>
      <c r="HK3300" s="127"/>
      <c r="HL3300" s="126"/>
      <c r="HM3300" s="91"/>
      <c r="HN3300" s="91"/>
      <c r="HO3300" s="91"/>
      <c r="HP3300" s="91"/>
      <c r="HQ3300" s="91"/>
      <c r="HR3300" s="91"/>
      <c r="HS3300" s="91"/>
      <c r="HT3300" s="91"/>
      <c r="HU3300" s="91"/>
      <c r="HV3300" s="91"/>
      <c r="HW3300" s="91"/>
      <c r="HX3300" s="127"/>
      <c r="HY3300" s="126"/>
      <c r="HZ3300" s="91"/>
      <c r="IA3300" s="91"/>
      <c r="IB3300" s="91"/>
      <c r="IC3300" s="91"/>
      <c r="ID3300" s="91"/>
      <c r="IE3300" s="91"/>
      <c r="IF3300" s="91"/>
      <c r="IG3300" s="91"/>
      <c r="IH3300" s="91"/>
      <c r="II3300" s="91"/>
      <c r="IJ3300" s="91"/>
      <c r="IK3300" s="174"/>
    </row>
    <row r="3301" spans="2:245" x14ac:dyDescent="0.2">
      <c r="B3301" s="43"/>
      <c r="C3301" s="73"/>
      <c r="D3301" s="64"/>
      <c r="E3301" s="64"/>
      <c r="F3301" s="55"/>
      <c r="G3301" s="102"/>
      <c r="H3301" s="97"/>
      <c r="T3301" s="98"/>
      <c r="U3301" s="97"/>
      <c r="AG3301" s="98"/>
      <c r="AY3301" s="164"/>
      <c r="BK3301" s="98"/>
      <c r="BL3301" s="97"/>
      <c r="BX3301" s="98"/>
      <c r="CL3301" s="97"/>
      <c r="CX3301" s="98"/>
      <c r="DL3301" s="97"/>
      <c r="DX3301" s="98"/>
      <c r="EL3301" s="97"/>
      <c r="EX3301" s="98"/>
      <c r="EY3301" s="97"/>
      <c r="FL3301" s="126"/>
      <c r="FM3301" s="91"/>
      <c r="FN3301" s="91"/>
      <c r="FO3301" s="91"/>
      <c r="FP3301" s="91"/>
      <c r="FQ3301" s="91"/>
      <c r="FR3301" s="91"/>
      <c r="FS3301" s="91"/>
      <c r="FT3301" s="91"/>
      <c r="FU3301" s="91"/>
      <c r="FV3301" s="91"/>
      <c r="FW3301" s="91"/>
      <c r="FX3301" s="127"/>
      <c r="FY3301" s="126"/>
      <c r="FZ3301" s="91"/>
      <c r="GA3301" s="91"/>
      <c r="GB3301" s="91"/>
      <c r="GC3301" s="91"/>
      <c r="GD3301" s="91"/>
      <c r="GE3301" s="91"/>
      <c r="GF3301" s="91"/>
      <c r="GG3301" s="91"/>
      <c r="GH3301" s="91"/>
      <c r="GI3301" s="91"/>
      <c r="GJ3301" s="91"/>
      <c r="GK3301" s="127"/>
      <c r="GL3301" s="126"/>
      <c r="GM3301" s="91"/>
      <c r="GN3301" s="91"/>
      <c r="GO3301" s="91"/>
      <c r="GP3301" s="91"/>
      <c r="GQ3301" s="91"/>
      <c r="GR3301" s="91"/>
      <c r="GS3301" s="91"/>
      <c r="GT3301" s="91"/>
      <c r="GU3301" s="91"/>
      <c r="GV3301" s="91"/>
      <c r="GW3301" s="91"/>
      <c r="GX3301" s="127"/>
      <c r="GY3301" s="126"/>
      <c r="GZ3301" s="91"/>
      <c r="HA3301" s="91"/>
      <c r="HB3301" s="91"/>
      <c r="HC3301" s="91"/>
      <c r="HD3301" s="91"/>
      <c r="HE3301" s="91"/>
      <c r="HF3301" s="91"/>
      <c r="HG3301" s="91"/>
      <c r="HH3301" s="91"/>
      <c r="HI3301" s="91"/>
      <c r="HJ3301" s="91"/>
      <c r="HK3301" s="127"/>
      <c r="HL3301" s="126"/>
      <c r="HM3301" s="91"/>
      <c r="HN3301" s="91"/>
      <c r="HO3301" s="91"/>
      <c r="HP3301" s="91"/>
      <c r="HQ3301" s="91"/>
      <c r="HR3301" s="91"/>
      <c r="HS3301" s="91"/>
      <c r="HT3301" s="91"/>
      <c r="HU3301" s="91"/>
      <c r="HV3301" s="91"/>
      <c r="HW3301" s="91"/>
      <c r="HX3301" s="127"/>
      <c r="HY3301" s="126"/>
      <c r="HZ3301" s="91"/>
      <c r="IA3301" s="91"/>
      <c r="IB3301" s="91"/>
      <c r="IC3301" s="91"/>
      <c r="ID3301" s="91"/>
      <c r="IE3301" s="91"/>
      <c r="IF3301" s="91"/>
      <c r="IG3301" s="91"/>
      <c r="IH3301" s="91"/>
      <c r="II3301" s="91"/>
      <c r="IJ3301" s="91"/>
      <c r="IK3301" s="174"/>
    </row>
    <row r="3302" spans="2:245" x14ac:dyDescent="0.2">
      <c r="B3302" s="43"/>
      <c r="C3302" s="73"/>
      <c r="D3302" s="64"/>
      <c r="E3302" s="64"/>
      <c r="F3302" s="55"/>
      <c r="G3302" s="102"/>
      <c r="H3302" s="97"/>
      <c r="T3302" s="98"/>
      <c r="U3302" s="97"/>
      <c r="AG3302" s="98"/>
      <c r="AY3302" s="164"/>
      <c r="BK3302" s="98"/>
      <c r="BL3302" s="97"/>
      <c r="BX3302" s="98"/>
      <c r="CL3302" s="97"/>
      <c r="CX3302" s="98"/>
      <c r="DL3302" s="97"/>
      <c r="DX3302" s="98"/>
      <c r="EL3302" s="97"/>
      <c r="EX3302" s="98"/>
      <c r="EY3302" s="97"/>
      <c r="FL3302" s="126"/>
      <c r="FM3302" s="91"/>
      <c r="FN3302" s="91"/>
      <c r="FO3302" s="91"/>
      <c r="FP3302" s="91"/>
      <c r="FQ3302" s="91"/>
      <c r="FR3302" s="91"/>
      <c r="FS3302" s="91"/>
      <c r="FT3302" s="91"/>
      <c r="FU3302" s="91"/>
      <c r="FV3302" s="91"/>
      <c r="FW3302" s="91"/>
      <c r="FX3302" s="127"/>
      <c r="FY3302" s="126"/>
      <c r="FZ3302" s="91"/>
      <c r="GA3302" s="91"/>
      <c r="GB3302" s="91"/>
      <c r="GC3302" s="91"/>
      <c r="GD3302" s="91"/>
      <c r="GE3302" s="91"/>
      <c r="GF3302" s="91"/>
      <c r="GG3302" s="91"/>
      <c r="GH3302" s="91"/>
      <c r="GI3302" s="91"/>
      <c r="GJ3302" s="91"/>
      <c r="GK3302" s="127"/>
      <c r="GL3302" s="126"/>
      <c r="GM3302" s="91"/>
      <c r="GN3302" s="91"/>
      <c r="GO3302" s="91"/>
      <c r="GP3302" s="91"/>
      <c r="GQ3302" s="91"/>
      <c r="GR3302" s="91"/>
      <c r="GS3302" s="91"/>
      <c r="GT3302" s="91"/>
      <c r="GU3302" s="91"/>
      <c r="GV3302" s="91"/>
      <c r="GW3302" s="91"/>
      <c r="GX3302" s="127"/>
      <c r="GY3302" s="126"/>
      <c r="GZ3302" s="91"/>
      <c r="HA3302" s="91"/>
      <c r="HB3302" s="91"/>
      <c r="HC3302" s="91"/>
      <c r="HD3302" s="91"/>
      <c r="HE3302" s="91"/>
      <c r="HF3302" s="91"/>
      <c r="HG3302" s="91"/>
      <c r="HH3302" s="91"/>
      <c r="HI3302" s="91"/>
      <c r="HJ3302" s="91"/>
      <c r="HK3302" s="127"/>
      <c r="HL3302" s="126"/>
      <c r="HM3302" s="91"/>
      <c r="HN3302" s="91"/>
      <c r="HO3302" s="91"/>
      <c r="HP3302" s="91"/>
      <c r="HQ3302" s="91"/>
      <c r="HR3302" s="91"/>
      <c r="HS3302" s="91"/>
      <c r="HT3302" s="91"/>
      <c r="HU3302" s="91"/>
      <c r="HV3302" s="91"/>
      <c r="HW3302" s="91"/>
      <c r="HX3302" s="127"/>
      <c r="HY3302" s="126"/>
      <c r="HZ3302" s="91"/>
      <c r="IA3302" s="91"/>
      <c r="IB3302" s="91"/>
      <c r="IC3302" s="91"/>
      <c r="ID3302" s="91"/>
      <c r="IE3302" s="91"/>
      <c r="IF3302" s="91"/>
      <c r="IG3302" s="91"/>
      <c r="IH3302" s="91"/>
      <c r="II3302" s="91"/>
      <c r="IJ3302" s="91"/>
      <c r="IK3302" s="174"/>
    </row>
    <row r="3303" spans="2:245" x14ac:dyDescent="0.2">
      <c r="B3303" s="43"/>
      <c r="C3303" s="73"/>
      <c r="D3303" s="64"/>
      <c r="E3303" s="64"/>
      <c r="F3303" s="55"/>
      <c r="G3303" s="102"/>
      <c r="H3303" s="97"/>
      <c r="T3303" s="98"/>
      <c r="U3303" s="97"/>
      <c r="AG3303" s="98"/>
      <c r="AY3303" s="164"/>
      <c r="BK3303" s="98"/>
      <c r="BL3303" s="97"/>
      <c r="BX3303" s="98"/>
      <c r="CL3303" s="97"/>
      <c r="CX3303" s="98"/>
      <c r="DL3303" s="97"/>
      <c r="DX3303" s="98"/>
      <c r="EL3303" s="97"/>
      <c r="EX3303" s="98"/>
      <c r="EY3303" s="97"/>
      <c r="FL3303" s="126"/>
      <c r="FM3303" s="91"/>
      <c r="FN3303" s="91"/>
      <c r="FO3303" s="91"/>
      <c r="FP3303" s="91"/>
      <c r="FQ3303" s="91"/>
      <c r="FR3303" s="91"/>
      <c r="FS3303" s="91"/>
      <c r="FT3303" s="91"/>
      <c r="FU3303" s="91"/>
      <c r="FV3303" s="91"/>
      <c r="FW3303" s="91"/>
      <c r="FX3303" s="127"/>
      <c r="FY3303" s="126"/>
      <c r="FZ3303" s="91"/>
      <c r="GA3303" s="91"/>
      <c r="GB3303" s="91"/>
      <c r="GC3303" s="91"/>
      <c r="GD3303" s="91"/>
      <c r="GE3303" s="91"/>
      <c r="GF3303" s="91"/>
      <c r="GG3303" s="91"/>
      <c r="GH3303" s="91"/>
      <c r="GI3303" s="91"/>
      <c r="GJ3303" s="91"/>
      <c r="GK3303" s="127"/>
      <c r="GL3303" s="126"/>
      <c r="GM3303" s="91"/>
      <c r="GN3303" s="91"/>
      <c r="GO3303" s="91"/>
      <c r="GP3303" s="91"/>
      <c r="GQ3303" s="91"/>
      <c r="GR3303" s="91"/>
      <c r="GS3303" s="91"/>
      <c r="GT3303" s="91"/>
      <c r="GU3303" s="91"/>
      <c r="GV3303" s="91"/>
      <c r="GW3303" s="91"/>
      <c r="GX3303" s="127"/>
      <c r="GY3303" s="126"/>
      <c r="GZ3303" s="91"/>
      <c r="HA3303" s="91"/>
      <c r="HB3303" s="91"/>
      <c r="HC3303" s="91"/>
      <c r="HD3303" s="91"/>
      <c r="HE3303" s="91"/>
      <c r="HF3303" s="91"/>
      <c r="HG3303" s="91"/>
      <c r="HH3303" s="91"/>
      <c r="HI3303" s="91"/>
      <c r="HJ3303" s="91"/>
      <c r="HK3303" s="127"/>
      <c r="HL3303" s="126"/>
      <c r="HM3303" s="91"/>
      <c r="HN3303" s="91"/>
      <c r="HO3303" s="91"/>
      <c r="HP3303" s="91"/>
      <c r="HQ3303" s="91"/>
      <c r="HR3303" s="91"/>
      <c r="HS3303" s="91"/>
      <c r="HT3303" s="91"/>
      <c r="HU3303" s="91"/>
      <c r="HV3303" s="91"/>
      <c r="HW3303" s="91"/>
      <c r="HX3303" s="127"/>
      <c r="HY3303" s="126"/>
      <c r="HZ3303" s="91"/>
      <c r="IA3303" s="91"/>
      <c r="IB3303" s="91"/>
      <c r="IC3303" s="91"/>
      <c r="ID3303" s="91"/>
      <c r="IE3303" s="91"/>
      <c r="IF3303" s="91"/>
      <c r="IG3303" s="91"/>
      <c r="IH3303" s="91"/>
      <c r="II3303" s="91"/>
      <c r="IJ3303" s="91"/>
      <c r="IK3303" s="174"/>
    </row>
    <row r="3304" spans="2:245" x14ac:dyDescent="0.2">
      <c r="B3304" s="43"/>
      <c r="C3304" s="73"/>
      <c r="D3304" s="64"/>
      <c r="E3304" s="64"/>
      <c r="F3304" s="55"/>
      <c r="G3304" s="102"/>
      <c r="H3304" s="97"/>
      <c r="T3304" s="98"/>
      <c r="U3304" s="97"/>
      <c r="AG3304" s="98"/>
      <c r="AY3304" s="164"/>
      <c r="BK3304" s="98"/>
      <c r="BL3304" s="97"/>
      <c r="BX3304" s="98"/>
      <c r="CL3304" s="97"/>
      <c r="CX3304" s="98"/>
      <c r="DL3304" s="97"/>
      <c r="DX3304" s="98"/>
      <c r="EL3304" s="97"/>
      <c r="EX3304" s="98"/>
      <c r="EY3304" s="97"/>
      <c r="FL3304" s="126"/>
      <c r="FM3304" s="91"/>
      <c r="FN3304" s="91"/>
      <c r="FO3304" s="91"/>
      <c r="FP3304" s="91"/>
      <c r="FQ3304" s="91"/>
      <c r="FR3304" s="91"/>
      <c r="FS3304" s="91"/>
      <c r="FT3304" s="91"/>
      <c r="FU3304" s="91"/>
      <c r="FV3304" s="91"/>
      <c r="FW3304" s="91"/>
      <c r="FX3304" s="127"/>
      <c r="FY3304" s="126"/>
      <c r="FZ3304" s="91"/>
      <c r="GA3304" s="91"/>
      <c r="GB3304" s="91"/>
      <c r="GC3304" s="91"/>
      <c r="GD3304" s="91"/>
      <c r="GE3304" s="91"/>
      <c r="GF3304" s="91"/>
      <c r="GG3304" s="91"/>
      <c r="GH3304" s="91"/>
      <c r="GI3304" s="91"/>
      <c r="GJ3304" s="91"/>
      <c r="GK3304" s="127"/>
      <c r="GL3304" s="126"/>
      <c r="GM3304" s="91"/>
      <c r="GN3304" s="91"/>
      <c r="GO3304" s="91"/>
      <c r="GP3304" s="91"/>
      <c r="GQ3304" s="91"/>
      <c r="GR3304" s="91"/>
      <c r="GS3304" s="91"/>
      <c r="GT3304" s="91"/>
      <c r="GU3304" s="91"/>
      <c r="GV3304" s="91"/>
      <c r="GW3304" s="91"/>
      <c r="GX3304" s="127"/>
      <c r="GY3304" s="126"/>
      <c r="GZ3304" s="91"/>
      <c r="HA3304" s="91"/>
      <c r="HB3304" s="91"/>
      <c r="HC3304" s="91"/>
      <c r="HD3304" s="91"/>
      <c r="HE3304" s="91"/>
      <c r="HF3304" s="91"/>
      <c r="HG3304" s="91"/>
      <c r="HH3304" s="91"/>
      <c r="HI3304" s="91"/>
      <c r="HJ3304" s="91"/>
      <c r="HK3304" s="127"/>
      <c r="HL3304" s="126"/>
      <c r="HM3304" s="91"/>
      <c r="HN3304" s="91"/>
      <c r="HO3304" s="91"/>
      <c r="HP3304" s="91"/>
      <c r="HQ3304" s="91"/>
      <c r="HR3304" s="91"/>
      <c r="HS3304" s="91"/>
      <c r="HT3304" s="91"/>
      <c r="HU3304" s="91"/>
      <c r="HV3304" s="91"/>
      <c r="HW3304" s="91"/>
      <c r="HX3304" s="127"/>
      <c r="HY3304" s="126"/>
      <c r="HZ3304" s="91"/>
      <c r="IA3304" s="91"/>
      <c r="IB3304" s="91"/>
      <c r="IC3304" s="91"/>
      <c r="ID3304" s="91"/>
      <c r="IE3304" s="91"/>
      <c r="IF3304" s="91"/>
      <c r="IG3304" s="91"/>
      <c r="IH3304" s="91"/>
      <c r="II3304" s="91"/>
      <c r="IJ3304" s="91"/>
      <c r="IK3304" s="174"/>
    </row>
    <row r="3305" spans="2:245" x14ac:dyDescent="0.2">
      <c r="B3305" s="43"/>
      <c r="C3305" s="73"/>
      <c r="D3305" s="64"/>
      <c r="E3305" s="64"/>
      <c r="F3305" s="55"/>
      <c r="G3305" s="102"/>
      <c r="H3305" s="97"/>
      <c r="T3305" s="98"/>
      <c r="U3305" s="97"/>
      <c r="AG3305" s="98"/>
      <c r="AY3305" s="164"/>
      <c r="BK3305" s="98"/>
      <c r="BL3305" s="97"/>
      <c r="BX3305" s="98"/>
      <c r="CL3305" s="97"/>
      <c r="CX3305" s="98"/>
      <c r="DL3305" s="97"/>
      <c r="DX3305" s="98"/>
      <c r="EL3305" s="97"/>
      <c r="EX3305" s="98"/>
      <c r="EY3305" s="97"/>
      <c r="FL3305" s="126"/>
      <c r="FM3305" s="91"/>
      <c r="FN3305" s="91"/>
      <c r="FO3305" s="91"/>
      <c r="FP3305" s="91"/>
      <c r="FQ3305" s="91"/>
      <c r="FR3305" s="91"/>
      <c r="FS3305" s="91"/>
      <c r="FT3305" s="91"/>
      <c r="FU3305" s="91"/>
      <c r="FV3305" s="91"/>
      <c r="FW3305" s="91"/>
      <c r="FX3305" s="127"/>
      <c r="FY3305" s="126"/>
      <c r="FZ3305" s="91"/>
      <c r="GA3305" s="91"/>
      <c r="GB3305" s="91"/>
      <c r="GC3305" s="91"/>
      <c r="GD3305" s="91"/>
      <c r="GE3305" s="91"/>
      <c r="GF3305" s="91"/>
      <c r="GG3305" s="91"/>
      <c r="GH3305" s="91"/>
      <c r="GI3305" s="91"/>
      <c r="GJ3305" s="91"/>
      <c r="GK3305" s="127"/>
      <c r="GL3305" s="126"/>
      <c r="GM3305" s="91"/>
      <c r="GN3305" s="91"/>
      <c r="GO3305" s="91"/>
      <c r="GP3305" s="91"/>
      <c r="GQ3305" s="91"/>
      <c r="GR3305" s="91"/>
      <c r="GS3305" s="91"/>
      <c r="GT3305" s="91"/>
      <c r="GU3305" s="91"/>
      <c r="GV3305" s="91"/>
      <c r="GW3305" s="91"/>
      <c r="GX3305" s="127"/>
      <c r="GY3305" s="126"/>
      <c r="GZ3305" s="91"/>
      <c r="HA3305" s="91"/>
      <c r="HB3305" s="91"/>
      <c r="HC3305" s="91"/>
      <c r="HD3305" s="91"/>
      <c r="HE3305" s="91"/>
      <c r="HF3305" s="91"/>
      <c r="HG3305" s="91"/>
      <c r="HH3305" s="91"/>
      <c r="HI3305" s="91"/>
      <c r="HJ3305" s="91"/>
      <c r="HK3305" s="127"/>
      <c r="HL3305" s="126"/>
      <c r="HM3305" s="91"/>
      <c r="HN3305" s="91"/>
      <c r="HO3305" s="91"/>
      <c r="HP3305" s="91"/>
      <c r="HQ3305" s="91"/>
      <c r="HR3305" s="91"/>
      <c r="HS3305" s="91"/>
      <c r="HT3305" s="91"/>
      <c r="HU3305" s="91"/>
      <c r="HV3305" s="91"/>
      <c r="HW3305" s="91"/>
      <c r="HX3305" s="127"/>
      <c r="HY3305" s="126"/>
      <c r="HZ3305" s="91"/>
      <c r="IA3305" s="91"/>
      <c r="IB3305" s="91"/>
      <c r="IC3305" s="91"/>
      <c r="ID3305" s="91"/>
      <c r="IE3305" s="91"/>
      <c r="IF3305" s="91"/>
      <c r="IG3305" s="91"/>
      <c r="IH3305" s="91"/>
      <c r="II3305" s="91"/>
      <c r="IJ3305" s="91"/>
      <c r="IK3305" s="174"/>
    </row>
    <row r="3306" spans="2:245" x14ac:dyDescent="0.2">
      <c r="B3306" s="43"/>
      <c r="C3306" s="73"/>
      <c r="D3306" s="64"/>
      <c r="E3306" s="64"/>
      <c r="F3306" s="55"/>
      <c r="G3306" s="102"/>
      <c r="H3306" s="97"/>
      <c r="T3306" s="98"/>
      <c r="U3306" s="97"/>
      <c r="AG3306" s="98"/>
      <c r="AY3306" s="164"/>
      <c r="BK3306" s="98"/>
      <c r="BL3306" s="97"/>
      <c r="BX3306" s="98"/>
      <c r="CL3306" s="97"/>
      <c r="CX3306" s="98"/>
      <c r="DL3306" s="97"/>
      <c r="DX3306" s="98"/>
      <c r="EL3306" s="97"/>
      <c r="EX3306" s="98"/>
      <c r="EY3306" s="97"/>
      <c r="FL3306" s="126"/>
      <c r="FM3306" s="91"/>
      <c r="FN3306" s="91"/>
      <c r="FO3306" s="91"/>
      <c r="FP3306" s="91"/>
      <c r="FQ3306" s="91"/>
      <c r="FR3306" s="91"/>
      <c r="FS3306" s="91"/>
      <c r="FT3306" s="91"/>
      <c r="FU3306" s="91"/>
      <c r="FV3306" s="91"/>
      <c r="FW3306" s="91"/>
      <c r="FX3306" s="127"/>
      <c r="FY3306" s="126"/>
      <c r="FZ3306" s="91"/>
      <c r="GA3306" s="91"/>
      <c r="GB3306" s="91"/>
      <c r="GC3306" s="91"/>
      <c r="GD3306" s="91"/>
      <c r="GE3306" s="91"/>
      <c r="GF3306" s="91"/>
      <c r="GG3306" s="91"/>
      <c r="GH3306" s="91"/>
      <c r="GI3306" s="91"/>
      <c r="GJ3306" s="91"/>
      <c r="GK3306" s="127"/>
      <c r="GL3306" s="126"/>
      <c r="GM3306" s="91"/>
      <c r="GN3306" s="91"/>
      <c r="GO3306" s="91"/>
      <c r="GP3306" s="91"/>
      <c r="GQ3306" s="91"/>
      <c r="GR3306" s="91"/>
      <c r="GS3306" s="91"/>
      <c r="GT3306" s="91"/>
      <c r="GU3306" s="91"/>
      <c r="GV3306" s="91"/>
      <c r="GW3306" s="91"/>
      <c r="GX3306" s="127"/>
      <c r="GY3306" s="126"/>
      <c r="GZ3306" s="91"/>
      <c r="HA3306" s="91"/>
      <c r="HB3306" s="91"/>
      <c r="HC3306" s="91"/>
      <c r="HD3306" s="91"/>
      <c r="HE3306" s="91"/>
      <c r="HF3306" s="91"/>
      <c r="HG3306" s="91"/>
      <c r="HH3306" s="91"/>
      <c r="HI3306" s="91"/>
      <c r="HJ3306" s="91"/>
      <c r="HK3306" s="127"/>
      <c r="HL3306" s="126"/>
      <c r="HM3306" s="91"/>
      <c r="HN3306" s="91"/>
      <c r="HO3306" s="91"/>
      <c r="HP3306" s="91"/>
      <c r="HQ3306" s="91"/>
      <c r="HR3306" s="91"/>
      <c r="HS3306" s="91"/>
      <c r="HT3306" s="91"/>
      <c r="HU3306" s="91"/>
      <c r="HV3306" s="91"/>
      <c r="HW3306" s="91"/>
      <c r="HX3306" s="127"/>
      <c r="HY3306" s="126"/>
      <c r="HZ3306" s="91"/>
      <c r="IA3306" s="91"/>
      <c r="IB3306" s="91"/>
      <c r="IC3306" s="91"/>
      <c r="ID3306" s="91"/>
      <c r="IE3306" s="91"/>
      <c r="IF3306" s="91"/>
      <c r="IG3306" s="91"/>
      <c r="IH3306" s="91"/>
      <c r="II3306" s="91"/>
      <c r="IJ3306" s="91"/>
      <c r="IK3306" s="174"/>
    </row>
    <row r="3307" spans="2:245" x14ac:dyDescent="0.2">
      <c r="B3307" s="43"/>
      <c r="C3307" s="73"/>
      <c r="D3307" s="64"/>
      <c r="E3307" s="64"/>
      <c r="F3307" s="55"/>
      <c r="G3307" s="102"/>
      <c r="H3307" s="97"/>
      <c r="T3307" s="98"/>
      <c r="U3307" s="97"/>
      <c r="AG3307" s="98"/>
      <c r="AY3307" s="164"/>
      <c r="BK3307" s="98"/>
      <c r="BL3307" s="97"/>
      <c r="BX3307" s="98"/>
      <c r="CL3307" s="97"/>
      <c r="CX3307" s="98"/>
      <c r="DL3307" s="97"/>
      <c r="DX3307" s="98"/>
      <c r="EL3307" s="97"/>
      <c r="EX3307" s="98"/>
      <c r="EY3307" s="97"/>
      <c r="FL3307" s="126"/>
      <c r="FM3307" s="91"/>
      <c r="FN3307" s="91"/>
      <c r="FO3307" s="91"/>
      <c r="FP3307" s="91"/>
      <c r="FQ3307" s="91"/>
      <c r="FR3307" s="91"/>
      <c r="FS3307" s="91"/>
      <c r="FT3307" s="91"/>
      <c r="FU3307" s="91"/>
      <c r="FV3307" s="91"/>
      <c r="FW3307" s="91"/>
      <c r="FX3307" s="127"/>
      <c r="FY3307" s="126"/>
      <c r="FZ3307" s="91"/>
      <c r="GA3307" s="91"/>
      <c r="GB3307" s="91"/>
      <c r="GC3307" s="91"/>
      <c r="GD3307" s="91"/>
      <c r="GE3307" s="91"/>
      <c r="GF3307" s="91"/>
      <c r="GG3307" s="91"/>
      <c r="GH3307" s="91"/>
      <c r="GI3307" s="91"/>
      <c r="GJ3307" s="91"/>
      <c r="GK3307" s="127"/>
      <c r="GL3307" s="126"/>
      <c r="GM3307" s="91"/>
      <c r="GN3307" s="91"/>
      <c r="GO3307" s="91"/>
      <c r="GP3307" s="91"/>
      <c r="GQ3307" s="91"/>
      <c r="GR3307" s="91"/>
      <c r="GS3307" s="91"/>
      <c r="GT3307" s="91"/>
      <c r="GU3307" s="91"/>
      <c r="GV3307" s="91"/>
      <c r="GW3307" s="91"/>
      <c r="GX3307" s="127"/>
      <c r="GY3307" s="126"/>
      <c r="GZ3307" s="91"/>
      <c r="HA3307" s="91"/>
      <c r="HB3307" s="91"/>
      <c r="HC3307" s="91"/>
      <c r="HD3307" s="91"/>
      <c r="HE3307" s="91"/>
      <c r="HF3307" s="91"/>
      <c r="HG3307" s="91"/>
      <c r="HH3307" s="91"/>
      <c r="HI3307" s="91"/>
      <c r="HJ3307" s="91"/>
      <c r="HK3307" s="127"/>
      <c r="HL3307" s="126"/>
      <c r="HM3307" s="91"/>
      <c r="HN3307" s="91"/>
      <c r="HO3307" s="91"/>
      <c r="HP3307" s="91"/>
      <c r="HQ3307" s="91"/>
      <c r="HR3307" s="91"/>
      <c r="HS3307" s="91"/>
      <c r="HT3307" s="91"/>
      <c r="HU3307" s="91"/>
      <c r="HV3307" s="91"/>
      <c r="HW3307" s="91"/>
      <c r="HX3307" s="127"/>
      <c r="HY3307" s="126"/>
      <c r="HZ3307" s="91"/>
      <c r="IA3307" s="91"/>
      <c r="IB3307" s="91"/>
      <c r="IC3307" s="91"/>
      <c r="ID3307" s="91"/>
      <c r="IE3307" s="91"/>
      <c r="IF3307" s="91"/>
      <c r="IG3307" s="91"/>
      <c r="IH3307" s="91"/>
      <c r="II3307" s="91"/>
      <c r="IJ3307" s="91"/>
      <c r="IK3307" s="174"/>
    </row>
    <row r="3308" spans="2:245" x14ac:dyDescent="0.2">
      <c r="B3308" s="43"/>
      <c r="C3308" s="73"/>
      <c r="D3308" s="64"/>
      <c r="E3308" s="64"/>
      <c r="F3308" s="55"/>
      <c r="G3308" s="102"/>
      <c r="H3308" s="97"/>
      <c r="T3308" s="98"/>
      <c r="U3308" s="97"/>
      <c r="AG3308" s="98"/>
      <c r="AY3308" s="164"/>
      <c r="BK3308" s="98"/>
      <c r="BL3308" s="97"/>
      <c r="BX3308" s="98"/>
      <c r="CL3308" s="97"/>
      <c r="CX3308" s="98"/>
      <c r="DL3308" s="97"/>
      <c r="DX3308" s="98"/>
      <c r="EL3308" s="97"/>
      <c r="EX3308" s="98"/>
      <c r="EY3308" s="97"/>
      <c r="FL3308" s="126"/>
      <c r="FM3308" s="91"/>
      <c r="FN3308" s="91"/>
      <c r="FO3308" s="91"/>
      <c r="FP3308" s="91"/>
      <c r="FQ3308" s="91"/>
      <c r="FR3308" s="91"/>
      <c r="FS3308" s="91"/>
      <c r="FT3308" s="91"/>
      <c r="FU3308" s="91"/>
      <c r="FV3308" s="91"/>
      <c r="FW3308" s="91"/>
      <c r="FX3308" s="127"/>
      <c r="FY3308" s="126"/>
      <c r="FZ3308" s="91"/>
      <c r="GA3308" s="91"/>
      <c r="GB3308" s="91"/>
      <c r="GC3308" s="91"/>
      <c r="GD3308" s="91"/>
      <c r="GE3308" s="91"/>
      <c r="GF3308" s="91"/>
      <c r="GG3308" s="91"/>
      <c r="GH3308" s="91"/>
      <c r="GI3308" s="91"/>
      <c r="GJ3308" s="91"/>
      <c r="GK3308" s="127"/>
      <c r="GL3308" s="126"/>
      <c r="GM3308" s="91"/>
      <c r="GN3308" s="91"/>
      <c r="GO3308" s="91"/>
      <c r="GP3308" s="91"/>
      <c r="GQ3308" s="91"/>
      <c r="GR3308" s="91"/>
      <c r="GS3308" s="91"/>
      <c r="GT3308" s="91"/>
      <c r="GU3308" s="91"/>
      <c r="GV3308" s="91"/>
      <c r="GW3308" s="91"/>
      <c r="GX3308" s="127"/>
      <c r="GY3308" s="126"/>
      <c r="GZ3308" s="91"/>
      <c r="HA3308" s="91"/>
      <c r="HB3308" s="91"/>
      <c r="HC3308" s="91"/>
      <c r="HD3308" s="91"/>
      <c r="HE3308" s="91"/>
      <c r="HF3308" s="91"/>
      <c r="HG3308" s="91"/>
      <c r="HH3308" s="91"/>
      <c r="HI3308" s="91"/>
      <c r="HJ3308" s="91"/>
      <c r="HK3308" s="127"/>
      <c r="HL3308" s="126"/>
      <c r="HM3308" s="91"/>
      <c r="HN3308" s="91"/>
      <c r="HO3308" s="91"/>
      <c r="HP3308" s="91"/>
      <c r="HQ3308" s="91"/>
      <c r="HR3308" s="91"/>
      <c r="HS3308" s="91"/>
      <c r="HT3308" s="91"/>
      <c r="HU3308" s="91"/>
      <c r="HV3308" s="91"/>
      <c r="HW3308" s="91"/>
      <c r="HX3308" s="127"/>
      <c r="HY3308" s="126"/>
      <c r="HZ3308" s="91"/>
      <c r="IA3308" s="91"/>
      <c r="IB3308" s="91"/>
      <c r="IC3308" s="91"/>
      <c r="ID3308" s="91"/>
      <c r="IE3308" s="91"/>
      <c r="IF3308" s="91"/>
      <c r="IG3308" s="91"/>
      <c r="IH3308" s="91"/>
      <c r="II3308" s="91"/>
      <c r="IJ3308" s="91"/>
      <c r="IK3308" s="174"/>
    </row>
    <row r="3309" spans="2:245" x14ac:dyDescent="0.2">
      <c r="B3309" s="43"/>
      <c r="C3309" s="73"/>
      <c r="D3309" s="64"/>
      <c r="E3309" s="64"/>
      <c r="F3309" s="55"/>
      <c r="G3309" s="102"/>
      <c r="H3309" s="97"/>
      <c r="T3309" s="98"/>
      <c r="U3309" s="97"/>
      <c r="AG3309" s="98"/>
      <c r="AY3309" s="164"/>
      <c r="BK3309" s="98"/>
      <c r="BL3309" s="97"/>
      <c r="BX3309" s="98"/>
      <c r="CL3309" s="97"/>
      <c r="CX3309" s="98"/>
      <c r="DL3309" s="97"/>
      <c r="DX3309" s="98"/>
      <c r="EL3309" s="97"/>
      <c r="EX3309" s="98"/>
      <c r="EY3309" s="97"/>
      <c r="FL3309" s="126"/>
      <c r="FM3309" s="91"/>
      <c r="FN3309" s="91"/>
      <c r="FO3309" s="91"/>
      <c r="FP3309" s="91"/>
      <c r="FQ3309" s="91"/>
      <c r="FR3309" s="91"/>
      <c r="FS3309" s="91"/>
      <c r="FT3309" s="91"/>
      <c r="FU3309" s="91"/>
      <c r="FV3309" s="91"/>
      <c r="FW3309" s="91"/>
      <c r="FX3309" s="127"/>
      <c r="FY3309" s="126"/>
      <c r="FZ3309" s="91"/>
      <c r="GA3309" s="91"/>
      <c r="GB3309" s="91"/>
      <c r="GC3309" s="91"/>
      <c r="GD3309" s="91"/>
      <c r="GE3309" s="91"/>
      <c r="GF3309" s="91"/>
      <c r="GG3309" s="91"/>
      <c r="GH3309" s="91"/>
      <c r="GI3309" s="91"/>
      <c r="GJ3309" s="91"/>
      <c r="GK3309" s="127"/>
      <c r="GL3309" s="126"/>
      <c r="GM3309" s="91"/>
      <c r="GN3309" s="91"/>
      <c r="GO3309" s="91"/>
      <c r="GP3309" s="91"/>
      <c r="GQ3309" s="91"/>
      <c r="GR3309" s="91"/>
      <c r="GS3309" s="91"/>
      <c r="GT3309" s="91"/>
      <c r="GU3309" s="91"/>
      <c r="GV3309" s="91"/>
      <c r="GW3309" s="91"/>
      <c r="GX3309" s="127"/>
      <c r="GY3309" s="126"/>
      <c r="GZ3309" s="91"/>
      <c r="HA3309" s="91"/>
      <c r="HB3309" s="91"/>
      <c r="HC3309" s="91"/>
      <c r="HD3309" s="91"/>
      <c r="HE3309" s="91"/>
      <c r="HF3309" s="91"/>
      <c r="HG3309" s="91"/>
      <c r="HH3309" s="91"/>
      <c r="HI3309" s="91"/>
      <c r="HJ3309" s="91"/>
      <c r="HK3309" s="127"/>
      <c r="HL3309" s="126"/>
      <c r="HM3309" s="91"/>
      <c r="HN3309" s="91"/>
      <c r="HO3309" s="91"/>
      <c r="HP3309" s="91"/>
      <c r="HQ3309" s="91"/>
      <c r="HR3309" s="91"/>
      <c r="HS3309" s="91"/>
      <c r="HT3309" s="91"/>
      <c r="HU3309" s="91"/>
      <c r="HV3309" s="91"/>
      <c r="HW3309" s="91"/>
      <c r="HX3309" s="127"/>
      <c r="HY3309" s="126"/>
      <c r="HZ3309" s="91"/>
      <c r="IA3309" s="91"/>
      <c r="IB3309" s="91"/>
      <c r="IC3309" s="91"/>
      <c r="ID3309" s="91"/>
      <c r="IE3309" s="91"/>
      <c r="IF3309" s="91"/>
      <c r="IG3309" s="91"/>
      <c r="IH3309" s="91"/>
      <c r="II3309" s="91"/>
      <c r="IJ3309" s="91"/>
      <c r="IK3309" s="174"/>
    </row>
    <row r="3310" spans="2:245" x14ac:dyDescent="0.2">
      <c r="B3310" s="43"/>
      <c r="C3310" s="73"/>
      <c r="D3310" s="64"/>
      <c r="E3310" s="64"/>
      <c r="F3310" s="55"/>
      <c r="G3310" s="102"/>
      <c r="H3310" s="97"/>
      <c r="T3310" s="98"/>
      <c r="U3310" s="97"/>
      <c r="AG3310" s="98"/>
      <c r="AY3310" s="164"/>
      <c r="BK3310" s="98"/>
      <c r="BL3310" s="97"/>
      <c r="BX3310" s="98"/>
      <c r="CL3310" s="97"/>
      <c r="CX3310" s="98"/>
      <c r="DL3310" s="97"/>
      <c r="DX3310" s="98"/>
      <c r="EL3310" s="97"/>
      <c r="EX3310" s="98"/>
      <c r="EY3310" s="97"/>
      <c r="FL3310" s="126"/>
      <c r="FM3310" s="91"/>
      <c r="FN3310" s="91"/>
      <c r="FO3310" s="91"/>
      <c r="FP3310" s="91"/>
      <c r="FQ3310" s="91"/>
      <c r="FR3310" s="91"/>
      <c r="FS3310" s="91"/>
      <c r="FT3310" s="91"/>
      <c r="FU3310" s="91"/>
      <c r="FV3310" s="91"/>
      <c r="FW3310" s="91"/>
      <c r="FX3310" s="127"/>
      <c r="FY3310" s="126"/>
      <c r="FZ3310" s="91"/>
      <c r="GA3310" s="91"/>
      <c r="GB3310" s="91"/>
      <c r="GC3310" s="91"/>
      <c r="GD3310" s="91"/>
      <c r="GE3310" s="91"/>
      <c r="GF3310" s="91"/>
      <c r="GG3310" s="91"/>
      <c r="GH3310" s="91"/>
      <c r="GI3310" s="91"/>
      <c r="GJ3310" s="91"/>
      <c r="GK3310" s="127"/>
      <c r="GL3310" s="126"/>
      <c r="GM3310" s="91"/>
      <c r="GN3310" s="91"/>
      <c r="GO3310" s="91"/>
      <c r="GP3310" s="91"/>
      <c r="GQ3310" s="91"/>
      <c r="GR3310" s="91"/>
      <c r="GS3310" s="91"/>
      <c r="GT3310" s="91"/>
      <c r="GU3310" s="91"/>
      <c r="GV3310" s="91"/>
      <c r="GW3310" s="91"/>
      <c r="GX3310" s="127"/>
      <c r="GY3310" s="126"/>
      <c r="GZ3310" s="91"/>
      <c r="HA3310" s="91"/>
      <c r="HB3310" s="91"/>
      <c r="HC3310" s="91"/>
      <c r="HD3310" s="91"/>
      <c r="HE3310" s="91"/>
      <c r="HF3310" s="91"/>
      <c r="HG3310" s="91"/>
      <c r="HH3310" s="91"/>
      <c r="HI3310" s="91"/>
      <c r="HJ3310" s="91"/>
      <c r="HK3310" s="127"/>
      <c r="HL3310" s="126"/>
      <c r="HM3310" s="91"/>
      <c r="HN3310" s="91"/>
      <c r="HO3310" s="91"/>
      <c r="HP3310" s="91"/>
      <c r="HQ3310" s="91"/>
      <c r="HR3310" s="91"/>
      <c r="HS3310" s="91"/>
      <c r="HT3310" s="91"/>
      <c r="HU3310" s="91"/>
      <c r="HV3310" s="91"/>
      <c r="HW3310" s="91"/>
      <c r="HX3310" s="127"/>
      <c r="HY3310" s="126"/>
      <c r="HZ3310" s="91"/>
      <c r="IA3310" s="91"/>
      <c r="IB3310" s="91"/>
      <c r="IC3310" s="91"/>
      <c r="ID3310" s="91"/>
      <c r="IE3310" s="91"/>
      <c r="IF3310" s="91"/>
      <c r="IG3310" s="91"/>
      <c r="IH3310" s="91"/>
      <c r="II3310" s="91"/>
      <c r="IJ3310" s="91"/>
      <c r="IK3310" s="174"/>
    </row>
    <row r="3311" spans="2:245" x14ac:dyDescent="0.2">
      <c r="B3311" s="43"/>
      <c r="C3311" s="73"/>
      <c r="D3311" s="64"/>
      <c r="E3311" s="64"/>
      <c r="F3311" s="55"/>
      <c r="G3311" s="102"/>
      <c r="H3311" s="97"/>
      <c r="T3311" s="98"/>
      <c r="U3311" s="97"/>
      <c r="AG3311" s="98"/>
      <c r="AY3311" s="164"/>
      <c r="BK3311" s="98"/>
      <c r="BL3311" s="97"/>
      <c r="BX3311" s="98"/>
      <c r="CL3311" s="97"/>
      <c r="CX3311" s="98"/>
      <c r="DL3311" s="97"/>
      <c r="DX3311" s="98"/>
      <c r="EL3311" s="97"/>
      <c r="EX3311" s="98"/>
      <c r="EY3311" s="97"/>
      <c r="FL3311" s="126"/>
      <c r="FM3311" s="91"/>
      <c r="FN3311" s="91"/>
      <c r="FO3311" s="91"/>
      <c r="FP3311" s="91"/>
      <c r="FQ3311" s="91"/>
      <c r="FR3311" s="91"/>
      <c r="FS3311" s="91"/>
      <c r="FT3311" s="91"/>
      <c r="FU3311" s="91"/>
      <c r="FV3311" s="91"/>
      <c r="FW3311" s="91"/>
      <c r="FX3311" s="127"/>
      <c r="FY3311" s="126"/>
      <c r="FZ3311" s="91"/>
      <c r="GA3311" s="91"/>
      <c r="GB3311" s="91"/>
      <c r="GC3311" s="91"/>
      <c r="GD3311" s="91"/>
      <c r="GE3311" s="91"/>
      <c r="GF3311" s="91"/>
      <c r="GG3311" s="91"/>
      <c r="GH3311" s="91"/>
      <c r="GI3311" s="91"/>
      <c r="GJ3311" s="91"/>
      <c r="GK3311" s="127"/>
      <c r="GL3311" s="126"/>
      <c r="GM3311" s="91"/>
      <c r="GN3311" s="91"/>
      <c r="GO3311" s="91"/>
      <c r="GP3311" s="91"/>
      <c r="GQ3311" s="91"/>
      <c r="GR3311" s="91"/>
      <c r="GS3311" s="91"/>
      <c r="GT3311" s="91"/>
      <c r="GU3311" s="91"/>
      <c r="GV3311" s="91"/>
      <c r="GW3311" s="91"/>
      <c r="GX3311" s="127"/>
      <c r="GY3311" s="126"/>
      <c r="GZ3311" s="91"/>
      <c r="HA3311" s="91"/>
      <c r="HB3311" s="91"/>
      <c r="HC3311" s="91"/>
      <c r="HD3311" s="91"/>
      <c r="HE3311" s="91"/>
      <c r="HF3311" s="91"/>
      <c r="HG3311" s="91"/>
      <c r="HH3311" s="91"/>
      <c r="HI3311" s="91"/>
      <c r="HJ3311" s="91"/>
      <c r="HK3311" s="127"/>
      <c r="HL3311" s="126"/>
      <c r="HM3311" s="91"/>
      <c r="HN3311" s="91"/>
      <c r="HO3311" s="91"/>
      <c r="HP3311" s="91"/>
      <c r="HQ3311" s="91"/>
      <c r="HR3311" s="91"/>
      <c r="HS3311" s="91"/>
      <c r="HT3311" s="91"/>
      <c r="HU3311" s="91"/>
      <c r="HV3311" s="91"/>
      <c r="HW3311" s="91"/>
      <c r="HX3311" s="127"/>
      <c r="HY3311" s="126"/>
      <c r="HZ3311" s="91"/>
      <c r="IA3311" s="91"/>
      <c r="IB3311" s="91"/>
      <c r="IC3311" s="91"/>
      <c r="ID3311" s="91"/>
      <c r="IE3311" s="91"/>
      <c r="IF3311" s="91"/>
      <c r="IG3311" s="91"/>
      <c r="IH3311" s="91"/>
      <c r="II3311" s="91"/>
      <c r="IJ3311" s="91"/>
      <c r="IK3311" s="174"/>
    </row>
    <row r="3312" spans="2:245" x14ac:dyDescent="0.2">
      <c r="B3312" s="43"/>
      <c r="C3312" s="73"/>
      <c r="D3312" s="64"/>
      <c r="E3312" s="64"/>
      <c r="F3312" s="55"/>
      <c r="G3312" s="102"/>
      <c r="H3312" s="97"/>
      <c r="T3312" s="98"/>
      <c r="U3312" s="97"/>
      <c r="AG3312" s="98"/>
      <c r="AY3312" s="164"/>
      <c r="BK3312" s="98"/>
      <c r="BL3312" s="97"/>
      <c r="BX3312" s="98"/>
      <c r="CL3312" s="97"/>
      <c r="CX3312" s="98"/>
      <c r="DL3312" s="97"/>
      <c r="DX3312" s="98"/>
      <c r="EL3312" s="97"/>
      <c r="EX3312" s="98"/>
      <c r="EY3312" s="97"/>
      <c r="FL3312" s="126"/>
      <c r="FM3312" s="91"/>
      <c r="FN3312" s="91"/>
      <c r="FO3312" s="91"/>
      <c r="FP3312" s="91"/>
      <c r="FQ3312" s="91"/>
      <c r="FR3312" s="91"/>
      <c r="FS3312" s="91"/>
      <c r="FT3312" s="91"/>
      <c r="FU3312" s="91"/>
      <c r="FV3312" s="91"/>
      <c r="FW3312" s="91"/>
      <c r="FX3312" s="127"/>
      <c r="FY3312" s="126"/>
      <c r="FZ3312" s="91"/>
      <c r="GA3312" s="91"/>
      <c r="GB3312" s="91"/>
      <c r="GC3312" s="91"/>
      <c r="GD3312" s="91"/>
      <c r="GE3312" s="91"/>
      <c r="GF3312" s="91"/>
      <c r="GG3312" s="91"/>
      <c r="GH3312" s="91"/>
      <c r="GI3312" s="91"/>
      <c r="GJ3312" s="91"/>
      <c r="GK3312" s="127"/>
      <c r="GL3312" s="126"/>
      <c r="GM3312" s="91"/>
      <c r="GN3312" s="91"/>
      <c r="GO3312" s="91"/>
      <c r="GP3312" s="91"/>
      <c r="GQ3312" s="91"/>
      <c r="GR3312" s="91"/>
      <c r="GS3312" s="91"/>
      <c r="GT3312" s="91"/>
      <c r="GU3312" s="91"/>
      <c r="GV3312" s="91"/>
      <c r="GW3312" s="91"/>
      <c r="GX3312" s="127"/>
      <c r="GY3312" s="126"/>
      <c r="GZ3312" s="91"/>
      <c r="HA3312" s="91"/>
      <c r="HB3312" s="91"/>
      <c r="HC3312" s="91"/>
      <c r="HD3312" s="91"/>
      <c r="HE3312" s="91"/>
      <c r="HF3312" s="91"/>
      <c r="HG3312" s="91"/>
      <c r="HH3312" s="91"/>
      <c r="HI3312" s="91"/>
      <c r="HJ3312" s="91"/>
      <c r="HK3312" s="127"/>
      <c r="HL3312" s="126"/>
      <c r="HM3312" s="91"/>
      <c r="HN3312" s="91"/>
      <c r="HO3312" s="91"/>
      <c r="HP3312" s="91"/>
      <c r="HQ3312" s="91"/>
      <c r="HR3312" s="91"/>
      <c r="HS3312" s="91"/>
      <c r="HT3312" s="91"/>
      <c r="HU3312" s="91"/>
      <c r="HV3312" s="91"/>
      <c r="HW3312" s="91"/>
      <c r="HX3312" s="127"/>
      <c r="HY3312" s="126"/>
      <c r="HZ3312" s="91"/>
      <c r="IA3312" s="91"/>
      <c r="IB3312" s="91"/>
      <c r="IC3312" s="91"/>
      <c r="ID3312" s="91"/>
      <c r="IE3312" s="91"/>
      <c r="IF3312" s="91"/>
      <c r="IG3312" s="91"/>
      <c r="IH3312" s="91"/>
      <c r="II3312" s="91"/>
      <c r="IJ3312" s="91"/>
      <c r="IK3312" s="174"/>
    </row>
    <row r="3313" spans="2:245" x14ac:dyDescent="0.2">
      <c r="B3313" s="43"/>
      <c r="C3313" s="73"/>
      <c r="D3313" s="64"/>
      <c r="E3313" s="64"/>
      <c r="F3313" s="55"/>
      <c r="G3313" s="102"/>
      <c r="H3313" s="97"/>
      <c r="T3313" s="98"/>
      <c r="U3313" s="97"/>
      <c r="AG3313" s="98"/>
      <c r="AY3313" s="164"/>
      <c r="BK3313" s="98"/>
      <c r="BL3313" s="97"/>
      <c r="BX3313" s="98"/>
      <c r="CL3313" s="97"/>
      <c r="CX3313" s="98"/>
      <c r="DL3313" s="97"/>
      <c r="DX3313" s="98"/>
      <c r="EL3313" s="97"/>
      <c r="EX3313" s="98"/>
      <c r="EY3313" s="97"/>
      <c r="FL3313" s="126"/>
      <c r="FM3313" s="91"/>
      <c r="FN3313" s="91"/>
      <c r="FO3313" s="91"/>
      <c r="FP3313" s="91"/>
      <c r="FQ3313" s="91"/>
      <c r="FR3313" s="91"/>
      <c r="FS3313" s="91"/>
      <c r="FT3313" s="91"/>
      <c r="FU3313" s="91"/>
      <c r="FV3313" s="91"/>
      <c r="FW3313" s="91"/>
      <c r="FX3313" s="127"/>
      <c r="FY3313" s="126"/>
      <c r="FZ3313" s="91"/>
      <c r="GA3313" s="91"/>
      <c r="GB3313" s="91"/>
      <c r="GC3313" s="91"/>
      <c r="GD3313" s="91"/>
      <c r="GE3313" s="91"/>
      <c r="GF3313" s="91"/>
      <c r="GG3313" s="91"/>
      <c r="GH3313" s="91"/>
      <c r="GI3313" s="91"/>
      <c r="GJ3313" s="91"/>
      <c r="GK3313" s="127"/>
      <c r="GL3313" s="126"/>
      <c r="GM3313" s="91"/>
      <c r="GN3313" s="91"/>
      <c r="GO3313" s="91"/>
      <c r="GP3313" s="91"/>
      <c r="GQ3313" s="91"/>
      <c r="GR3313" s="91"/>
      <c r="GS3313" s="91"/>
      <c r="GT3313" s="91"/>
      <c r="GU3313" s="91"/>
      <c r="GV3313" s="91"/>
      <c r="GW3313" s="91"/>
      <c r="GX3313" s="127"/>
      <c r="GY3313" s="126"/>
      <c r="GZ3313" s="91"/>
      <c r="HA3313" s="91"/>
      <c r="HB3313" s="91"/>
      <c r="HC3313" s="91"/>
      <c r="HD3313" s="91"/>
      <c r="HE3313" s="91"/>
      <c r="HF3313" s="91"/>
      <c r="HG3313" s="91"/>
      <c r="HH3313" s="91"/>
      <c r="HI3313" s="91"/>
      <c r="HJ3313" s="91"/>
      <c r="HK3313" s="127"/>
      <c r="HL3313" s="126"/>
      <c r="HM3313" s="91"/>
      <c r="HN3313" s="91"/>
      <c r="HO3313" s="91"/>
      <c r="HP3313" s="91"/>
      <c r="HQ3313" s="91"/>
      <c r="HR3313" s="91"/>
      <c r="HS3313" s="91"/>
      <c r="HT3313" s="91"/>
      <c r="HU3313" s="91"/>
      <c r="HV3313" s="91"/>
      <c r="HW3313" s="91"/>
      <c r="HX3313" s="127"/>
      <c r="HY3313" s="126"/>
      <c r="HZ3313" s="91"/>
      <c r="IA3313" s="91"/>
      <c r="IB3313" s="91"/>
      <c r="IC3313" s="91"/>
      <c r="ID3313" s="91"/>
      <c r="IE3313" s="91"/>
      <c r="IF3313" s="91"/>
      <c r="IG3313" s="91"/>
      <c r="IH3313" s="91"/>
      <c r="II3313" s="91"/>
      <c r="IJ3313" s="91"/>
      <c r="IK3313" s="174"/>
    </row>
    <row r="3314" spans="2:245" x14ac:dyDescent="0.2">
      <c r="B3314" s="43"/>
      <c r="C3314" s="73"/>
      <c r="D3314" s="64"/>
      <c r="E3314" s="64"/>
      <c r="F3314" s="55"/>
      <c r="G3314" s="102"/>
      <c r="H3314" s="97"/>
      <c r="T3314" s="98"/>
      <c r="U3314" s="97"/>
      <c r="AG3314" s="98"/>
      <c r="AY3314" s="164"/>
      <c r="BK3314" s="98"/>
      <c r="BL3314" s="97"/>
      <c r="BX3314" s="98"/>
      <c r="CL3314" s="97"/>
      <c r="CX3314" s="98"/>
      <c r="DL3314" s="97"/>
      <c r="DX3314" s="98"/>
      <c r="EL3314" s="97"/>
      <c r="EX3314" s="98"/>
      <c r="EY3314" s="97"/>
      <c r="FL3314" s="126"/>
      <c r="FM3314" s="91"/>
      <c r="FN3314" s="91"/>
      <c r="FO3314" s="91"/>
      <c r="FP3314" s="91"/>
      <c r="FQ3314" s="91"/>
      <c r="FR3314" s="91"/>
      <c r="FS3314" s="91"/>
      <c r="FT3314" s="91"/>
      <c r="FU3314" s="91"/>
      <c r="FV3314" s="91"/>
      <c r="FW3314" s="91"/>
      <c r="FX3314" s="127"/>
      <c r="FY3314" s="126"/>
      <c r="FZ3314" s="91"/>
      <c r="GA3314" s="91"/>
      <c r="GB3314" s="91"/>
      <c r="GC3314" s="91"/>
      <c r="GD3314" s="91"/>
      <c r="GE3314" s="91"/>
      <c r="GF3314" s="91"/>
      <c r="GG3314" s="91"/>
      <c r="GH3314" s="91"/>
      <c r="GI3314" s="91"/>
      <c r="GJ3314" s="91"/>
      <c r="GK3314" s="127"/>
      <c r="GL3314" s="126"/>
      <c r="GM3314" s="91"/>
      <c r="GN3314" s="91"/>
      <c r="GO3314" s="91"/>
      <c r="GP3314" s="91"/>
      <c r="GQ3314" s="91"/>
      <c r="GR3314" s="91"/>
      <c r="GS3314" s="91"/>
      <c r="GT3314" s="91"/>
      <c r="GU3314" s="91"/>
      <c r="GV3314" s="91"/>
      <c r="GW3314" s="91"/>
      <c r="GX3314" s="127"/>
      <c r="GY3314" s="126"/>
      <c r="GZ3314" s="91"/>
      <c r="HA3314" s="91"/>
      <c r="HB3314" s="91"/>
      <c r="HC3314" s="91"/>
      <c r="HD3314" s="91"/>
      <c r="HE3314" s="91"/>
      <c r="HF3314" s="91"/>
      <c r="HG3314" s="91"/>
      <c r="HH3314" s="91"/>
      <c r="HI3314" s="91"/>
      <c r="HJ3314" s="91"/>
      <c r="HK3314" s="127"/>
      <c r="HL3314" s="126"/>
      <c r="HM3314" s="91"/>
      <c r="HN3314" s="91"/>
      <c r="HO3314" s="91"/>
      <c r="HP3314" s="91"/>
      <c r="HQ3314" s="91"/>
      <c r="HR3314" s="91"/>
      <c r="HS3314" s="91"/>
      <c r="HT3314" s="91"/>
      <c r="HU3314" s="91"/>
      <c r="HV3314" s="91"/>
      <c r="HW3314" s="91"/>
      <c r="HX3314" s="127"/>
      <c r="HY3314" s="126"/>
      <c r="HZ3314" s="91"/>
      <c r="IA3314" s="91"/>
      <c r="IB3314" s="91"/>
      <c r="IC3314" s="91"/>
      <c r="ID3314" s="91"/>
      <c r="IE3314" s="91"/>
      <c r="IF3314" s="91"/>
      <c r="IG3314" s="91"/>
      <c r="IH3314" s="91"/>
      <c r="II3314" s="91"/>
      <c r="IJ3314" s="91"/>
      <c r="IK3314" s="174"/>
    </row>
    <row r="3315" spans="2:245" x14ac:dyDescent="0.2">
      <c r="B3315" s="43"/>
      <c r="C3315" s="73"/>
      <c r="D3315" s="64"/>
      <c r="E3315" s="64"/>
      <c r="F3315" s="55"/>
      <c r="G3315" s="102"/>
      <c r="H3315" s="97"/>
      <c r="T3315" s="98"/>
      <c r="U3315" s="97"/>
      <c r="AG3315" s="98"/>
      <c r="AY3315" s="164"/>
      <c r="BK3315" s="98"/>
      <c r="BL3315" s="97"/>
      <c r="BX3315" s="98"/>
      <c r="CL3315" s="97"/>
      <c r="CX3315" s="98"/>
      <c r="DL3315" s="97"/>
      <c r="DX3315" s="98"/>
      <c r="EL3315" s="97"/>
      <c r="EX3315" s="98"/>
      <c r="EY3315" s="97"/>
      <c r="FL3315" s="126"/>
      <c r="FM3315" s="91"/>
      <c r="FN3315" s="91"/>
      <c r="FO3315" s="91"/>
      <c r="FP3315" s="91"/>
      <c r="FQ3315" s="91"/>
      <c r="FR3315" s="91"/>
      <c r="FS3315" s="91"/>
      <c r="FT3315" s="91"/>
      <c r="FU3315" s="91"/>
      <c r="FV3315" s="91"/>
      <c r="FW3315" s="91"/>
      <c r="FX3315" s="127"/>
      <c r="FY3315" s="126"/>
      <c r="FZ3315" s="91"/>
      <c r="GA3315" s="91"/>
      <c r="GB3315" s="91"/>
      <c r="GC3315" s="91"/>
      <c r="GD3315" s="91"/>
      <c r="GE3315" s="91"/>
      <c r="GF3315" s="91"/>
      <c r="GG3315" s="91"/>
      <c r="GH3315" s="91"/>
      <c r="GI3315" s="91"/>
      <c r="GJ3315" s="91"/>
      <c r="GK3315" s="127"/>
      <c r="GL3315" s="126"/>
      <c r="GM3315" s="91"/>
      <c r="GN3315" s="91"/>
      <c r="GO3315" s="91"/>
      <c r="GP3315" s="91"/>
      <c r="GQ3315" s="91"/>
      <c r="GR3315" s="91"/>
      <c r="GS3315" s="91"/>
      <c r="GT3315" s="91"/>
      <c r="GU3315" s="91"/>
      <c r="GV3315" s="91"/>
      <c r="GW3315" s="91"/>
      <c r="GX3315" s="127"/>
      <c r="GY3315" s="126"/>
      <c r="GZ3315" s="91"/>
      <c r="HA3315" s="91"/>
      <c r="HB3315" s="91"/>
      <c r="HC3315" s="91"/>
      <c r="HD3315" s="91"/>
      <c r="HE3315" s="91"/>
      <c r="HF3315" s="91"/>
      <c r="HG3315" s="91"/>
      <c r="HH3315" s="91"/>
      <c r="HI3315" s="91"/>
      <c r="HJ3315" s="91"/>
      <c r="HK3315" s="127"/>
      <c r="HL3315" s="126"/>
      <c r="HM3315" s="91"/>
      <c r="HN3315" s="91"/>
      <c r="HO3315" s="91"/>
      <c r="HP3315" s="91"/>
      <c r="HQ3315" s="91"/>
      <c r="HR3315" s="91"/>
      <c r="HS3315" s="91"/>
      <c r="HT3315" s="91"/>
      <c r="HU3315" s="91"/>
      <c r="HV3315" s="91"/>
      <c r="HW3315" s="91"/>
      <c r="HX3315" s="127"/>
      <c r="HY3315" s="126"/>
      <c r="HZ3315" s="91"/>
      <c r="IA3315" s="91"/>
      <c r="IB3315" s="91"/>
      <c r="IC3315" s="91"/>
      <c r="ID3315" s="91"/>
      <c r="IE3315" s="91"/>
      <c r="IF3315" s="91"/>
      <c r="IG3315" s="91"/>
      <c r="IH3315" s="91"/>
      <c r="II3315" s="91"/>
      <c r="IJ3315" s="91"/>
      <c r="IK3315" s="174"/>
    </row>
    <row r="3316" spans="2:245" x14ac:dyDescent="0.2">
      <c r="B3316" s="43"/>
      <c r="C3316" s="73"/>
      <c r="D3316" s="64"/>
      <c r="E3316" s="64"/>
      <c r="F3316" s="55"/>
      <c r="G3316" s="102"/>
      <c r="H3316" s="97"/>
      <c r="T3316" s="98"/>
      <c r="U3316" s="97"/>
      <c r="AG3316" s="98"/>
      <c r="AY3316" s="164"/>
      <c r="BK3316" s="98"/>
      <c r="BL3316" s="97"/>
      <c r="BX3316" s="98"/>
      <c r="CL3316" s="97"/>
      <c r="CX3316" s="98"/>
      <c r="DL3316" s="97"/>
      <c r="DX3316" s="98"/>
      <c r="EL3316" s="97"/>
      <c r="EX3316" s="98"/>
      <c r="EY3316" s="97"/>
      <c r="FL3316" s="126"/>
      <c r="FM3316" s="91"/>
      <c r="FN3316" s="91"/>
      <c r="FO3316" s="91"/>
      <c r="FP3316" s="91"/>
      <c r="FQ3316" s="91"/>
      <c r="FR3316" s="91"/>
      <c r="FS3316" s="91"/>
      <c r="FT3316" s="91"/>
      <c r="FU3316" s="91"/>
      <c r="FV3316" s="91"/>
      <c r="FW3316" s="91"/>
      <c r="FX3316" s="127"/>
      <c r="FY3316" s="126"/>
      <c r="FZ3316" s="91"/>
      <c r="GA3316" s="91"/>
      <c r="GB3316" s="91"/>
      <c r="GC3316" s="91"/>
      <c r="GD3316" s="91"/>
      <c r="GE3316" s="91"/>
      <c r="GF3316" s="91"/>
      <c r="GG3316" s="91"/>
      <c r="GH3316" s="91"/>
      <c r="GI3316" s="91"/>
      <c r="GJ3316" s="91"/>
      <c r="GK3316" s="127"/>
      <c r="GL3316" s="126"/>
      <c r="GM3316" s="91"/>
      <c r="GN3316" s="91"/>
      <c r="GO3316" s="91"/>
      <c r="GP3316" s="91"/>
      <c r="GQ3316" s="91"/>
      <c r="GR3316" s="91"/>
      <c r="GS3316" s="91"/>
      <c r="GT3316" s="91"/>
      <c r="GU3316" s="91"/>
      <c r="GV3316" s="91"/>
      <c r="GW3316" s="91"/>
      <c r="GX3316" s="127"/>
      <c r="GY3316" s="126"/>
      <c r="GZ3316" s="91"/>
      <c r="HA3316" s="91"/>
      <c r="HB3316" s="91"/>
      <c r="HC3316" s="91"/>
      <c r="HD3316" s="91"/>
      <c r="HE3316" s="91"/>
      <c r="HF3316" s="91"/>
      <c r="HG3316" s="91"/>
      <c r="HH3316" s="91"/>
      <c r="HI3316" s="91"/>
      <c r="HJ3316" s="91"/>
      <c r="HK3316" s="127"/>
      <c r="HL3316" s="126"/>
      <c r="HM3316" s="91"/>
      <c r="HN3316" s="91"/>
      <c r="HO3316" s="91"/>
      <c r="HP3316" s="91"/>
      <c r="HQ3316" s="91"/>
      <c r="HR3316" s="91"/>
      <c r="HS3316" s="91"/>
      <c r="HT3316" s="91"/>
      <c r="HU3316" s="91"/>
      <c r="HV3316" s="91"/>
      <c r="HW3316" s="91"/>
      <c r="HX3316" s="127"/>
      <c r="HY3316" s="126"/>
      <c r="HZ3316" s="91"/>
      <c r="IA3316" s="91"/>
      <c r="IB3316" s="91"/>
      <c r="IC3316" s="91"/>
      <c r="ID3316" s="91"/>
      <c r="IE3316" s="91"/>
      <c r="IF3316" s="91"/>
      <c r="IG3316" s="91"/>
      <c r="IH3316" s="91"/>
      <c r="II3316" s="91"/>
      <c r="IJ3316" s="91"/>
      <c r="IK3316" s="174"/>
    </row>
    <row r="3317" spans="2:245" x14ac:dyDescent="0.2">
      <c r="B3317" s="43"/>
      <c r="C3317" s="73"/>
      <c r="D3317" s="64"/>
      <c r="E3317" s="64"/>
      <c r="F3317" s="55"/>
      <c r="G3317" s="102"/>
      <c r="H3317" s="97"/>
      <c r="T3317" s="98"/>
      <c r="U3317" s="97"/>
      <c r="AG3317" s="98"/>
      <c r="AY3317" s="164"/>
      <c r="BK3317" s="98"/>
      <c r="BL3317" s="97"/>
      <c r="BX3317" s="98"/>
      <c r="CL3317" s="97"/>
      <c r="CX3317" s="98"/>
      <c r="DL3317" s="97"/>
      <c r="DX3317" s="98"/>
      <c r="EL3317" s="97"/>
      <c r="EX3317" s="98"/>
      <c r="EY3317" s="97"/>
      <c r="FL3317" s="126"/>
      <c r="FM3317" s="91"/>
      <c r="FN3317" s="91"/>
      <c r="FO3317" s="91"/>
      <c r="FP3317" s="91"/>
      <c r="FQ3317" s="91"/>
      <c r="FR3317" s="91"/>
      <c r="FS3317" s="91"/>
      <c r="FT3317" s="91"/>
      <c r="FU3317" s="91"/>
      <c r="FV3317" s="91"/>
      <c r="FW3317" s="91"/>
      <c r="FX3317" s="127"/>
      <c r="FY3317" s="126"/>
      <c r="FZ3317" s="91"/>
      <c r="GA3317" s="91"/>
      <c r="GB3317" s="91"/>
      <c r="GC3317" s="91"/>
      <c r="GD3317" s="91"/>
      <c r="GE3317" s="91"/>
      <c r="GF3317" s="91"/>
      <c r="GG3317" s="91"/>
      <c r="GH3317" s="91"/>
      <c r="GI3317" s="91"/>
      <c r="GJ3317" s="91"/>
      <c r="GK3317" s="127"/>
      <c r="GL3317" s="126"/>
      <c r="GM3317" s="91"/>
      <c r="GN3317" s="91"/>
      <c r="GO3317" s="91"/>
      <c r="GP3317" s="91"/>
      <c r="GQ3317" s="91"/>
      <c r="GR3317" s="91"/>
      <c r="GS3317" s="91"/>
      <c r="GT3317" s="91"/>
      <c r="GU3317" s="91"/>
      <c r="GV3317" s="91"/>
      <c r="GW3317" s="91"/>
      <c r="GX3317" s="127"/>
      <c r="GY3317" s="126"/>
      <c r="GZ3317" s="91"/>
      <c r="HA3317" s="91"/>
      <c r="HB3317" s="91"/>
      <c r="HC3317" s="91"/>
      <c r="HD3317" s="91"/>
      <c r="HE3317" s="91"/>
      <c r="HF3317" s="91"/>
      <c r="HG3317" s="91"/>
      <c r="HH3317" s="91"/>
      <c r="HI3317" s="91"/>
      <c r="HJ3317" s="91"/>
      <c r="HK3317" s="127"/>
      <c r="HL3317" s="126"/>
      <c r="HM3317" s="91"/>
      <c r="HN3317" s="91"/>
      <c r="HO3317" s="91"/>
      <c r="HP3317" s="91"/>
      <c r="HQ3317" s="91"/>
      <c r="HR3317" s="91"/>
      <c r="HS3317" s="91"/>
      <c r="HT3317" s="91"/>
      <c r="HU3317" s="91"/>
      <c r="HV3317" s="91"/>
      <c r="HW3317" s="91"/>
      <c r="HX3317" s="127"/>
      <c r="HY3317" s="126"/>
      <c r="HZ3317" s="91"/>
      <c r="IA3317" s="91"/>
      <c r="IB3317" s="91"/>
      <c r="IC3317" s="91"/>
      <c r="ID3317" s="91"/>
      <c r="IE3317" s="91"/>
      <c r="IF3317" s="91"/>
      <c r="IG3317" s="91"/>
      <c r="IH3317" s="91"/>
      <c r="II3317" s="91"/>
      <c r="IJ3317" s="91"/>
      <c r="IK3317" s="174"/>
    </row>
    <row r="3318" spans="2:245" x14ac:dyDescent="0.2">
      <c r="B3318" s="43"/>
      <c r="C3318" s="73"/>
      <c r="D3318" s="64"/>
      <c r="E3318" s="64"/>
      <c r="F3318" s="55"/>
      <c r="G3318" s="102"/>
      <c r="H3318" s="97"/>
      <c r="T3318" s="98"/>
      <c r="U3318" s="97"/>
      <c r="AG3318" s="98"/>
      <c r="AY3318" s="164"/>
      <c r="BK3318" s="98"/>
      <c r="BL3318" s="97"/>
      <c r="BX3318" s="98"/>
      <c r="CL3318" s="97"/>
      <c r="CX3318" s="98"/>
      <c r="DL3318" s="97"/>
      <c r="DX3318" s="98"/>
      <c r="EL3318" s="97"/>
      <c r="EX3318" s="98"/>
      <c r="EY3318" s="97"/>
      <c r="FL3318" s="126"/>
      <c r="FM3318" s="91"/>
      <c r="FN3318" s="91"/>
      <c r="FO3318" s="91"/>
      <c r="FP3318" s="91"/>
      <c r="FQ3318" s="91"/>
      <c r="FR3318" s="91"/>
      <c r="FS3318" s="91"/>
      <c r="FT3318" s="91"/>
      <c r="FU3318" s="91"/>
      <c r="FV3318" s="91"/>
      <c r="FW3318" s="91"/>
      <c r="FX3318" s="127"/>
      <c r="FY3318" s="126"/>
      <c r="FZ3318" s="91"/>
      <c r="GA3318" s="91"/>
      <c r="GB3318" s="91"/>
      <c r="GC3318" s="91"/>
      <c r="GD3318" s="91"/>
      <c r="GE3318" s="91"/>
      <c r="GF3318" s="91"/>
      <c r="GG3318" s="91"/>
      <c r="GH3318" s="91"/>
      <c r="GI3318" s="91"/>
      <c r="GJ3318" s="91"/>
      <c r="GK3318" s="127"/>
      <c r="GL3318" s="126"/>
      <c r="GM3318" s="91"/>
      <c r="GN3318" s="91"/>
      <c r="GO3318" s="91"/>
      <c r="GP3318" s="91"/>
      <c r="GQ3318" s="91"/>
      <c r="GR3318" s="91"/>
      <c r="GS3318" s="91"/>
      <c r="GT3318" s="91"/>
      <c r="GU3318" s="91"/>
      <c r="GV3318" s="91"/>
      <c r="GW3318" s="91"/>
      <c r="GX3318" s="127"/>
      <c r="GY3318" s="126"/>
      <c r="GZ3318" s="91"/>
      <c r="HA3318" s="91"/>
      <c r="HB3318" s="91"/>
      <c r="HC3318" s="91"/>
      <c r="HD3318" s="91"/>
      <c r="HE3318" s="91"/>
      <c r="HF3318" s="91"/>
      <c r="HG3318" s="91"/>
      <c r="HH3318" s="91"/>
      <c r="HI3318" s="91"/>
      <c r="HJ3318" s="91"/>
      <c r="HK3318" s="127"/>
      <c r="HL3318" s="126"/>
      <c r="HM3318" s="91"/>
      <c r="HN3318" s="91"/>
      <c r="HO3318" s="91"/>
      <c r="HP3318" s="91"/>
      <c r="HQ3318" s="91"/>
      <c r="HR3318" s="91"/>
      <c r="HS3318" s="91"/>
      <c r="HT3318" s="91"/>
      <c r="HU3318" s="91"/>
      <c r="HV3318" s="91"/>
      <c r="HW3318" s="91"/>
      <c r="HX3318" s="127"/>
      <c r="HY3318" s="126"/>
      <c r="HZ3318" s="91"/>
      <c r="IA3318" s="91"/>
      <c r="IB3318" s="91"/>
      <c r="IC3318" s="91"/>
      <c r="ID3318" s="91"/>
      <c r="IE3318" s="91"/>
      <c r="IF3318" s="91"/>
      <c r="IG3318" s="91"/>
      <c r="IH3318" s="91"/>
      <c r="II3318" s="91"/>
      <c r="IJ3318" s="91"/>
      <c r="IK3318" s="174"/>
    </row>
    <row r="3319" spans="2:245" x14ac:dyDescent="0.2">
      <c r="B3319" s="43"/>
      <c r="C3319" s="73"/>
      <c r="D3319" s="64"/>
      <c r="E3319" s="64"/>
      <c r="F3319" s="55"/>
      <c r="G3319" s="102"/>
      <c r="H3319" s="97"/>
      <c r="T3319" s="98"/>
      <c r="U3319" s="97"/>
      <c r="AG3319" s="98"/>
      <c r="AY3319" s="164"/>
      <c r="BK3319" s="98"/>
      <c r="BL3319" s="97"/>
      <c r="BX3319" s="98"/>
      <c r="CL3319" s="97"/>
      <c r="CX3319" s="98"/>
      <c r="DL3319" s="97"/>
      <c r="DX3319" s="98"/>
      <c r="EL3319" s="97"/>
      <c r="EX3319" s="98"/>
      <c r="EY3319" s="97"/>
      <c r="FL3319" s="126"/>
      <c r="FM3319" s="91"/>
      <c r="FN3319" s="91"/>
      <c r="FO3319" s="91"/>
      <c r="FP3319" s="91"/>
      <c r="FQ3319" s="91"/>
      <c r="FR3319" s="91"/>
      <c r="FS3319" s="91"/>
      <c r="FT3319" s="91"/>
      <c r="FU3319" s="91"/>
      <c r="FV3319" s="91"/>
      <c r="FW3319" s="91"/>
      <c r="FX3319" s="127"/>
      <c r="FY3319" s="126"/>
      <c r="FZ3319" s="91"/>
      <c r="GA3319" s="91"/>
      <c r="GB3319" s="91"/>
      <c r="GC3319" s="91"/>
      <c r="GD3319" s="91"/>
      <c r="GE3319" s="91"/>
      <c r="GF3319" s="91"/>
      <c r="GG3319" s="91"/>
      <c r="GH3319" s="91"/>
      <c r="GI3319" s="91"/>
      <c r="GJ3319" s="91"/>
      <c r="GK3319" s="127"/>
      <c r="GL3319" s="126"/>
      <c r="GM3319" s="91"/>
      <c r="GN3319" s="91"/>
      <c r="GO3319" s="91"/>
      <c r="GP3319" s="91"/>
      <c r="GQ3319" s="91"/>
      <c r="GR3319" s="91"/>
      <c r="GS3319" s="91"/>
      <c r="GT3319" s="91"/>
      <c r="GU3319" s="91"/>
      <c r="GV3319" s="91"/>
      <c r="GW3319" s="91"/>
      <c r="GX3319" s="127"/>
      <c r="GY3319" s="126"/>
      <c r="GZ3319" s="91"/>
      <c r="HA3319" s="91"/>
      <c r="HB3319" s="91"/>
      <c r="HC3319" s="91"/>
      <c r="HD3319" s="91"/>
      <c r="HE3319" s="91"/>
      <c r="HF3319" s="91"/>
      <c r="HG3319" s="91"/>
      <c r="HH3319" s="91"/>
      <c r="HI3319" s="91"/>
      <c r="HJ3319" s="91"/>
      <c r="HK3319" s="127"/>
      <c r="HL3319" s="126"/>
      <c r="HM3319" s="91"/>
      <c r="HN3319" s="91"/>
      <c r="HO3319" s="91"/>
      <c r="HP3319" s="91"/>
      <c r="HQ3319" s="91"/>
      <c r="HR3319" s="91"/>
      <c r="HS3319" s="91"/>
      <c r="HT3319" s="91"/>
      <c r="HU3319" s="91"/>
      <c r="HV3319" s="91"/>
      <c r="HW3319" s="91"/>
      <c r="HX3319" s="127"/>
      <c r="HY3319" s="126"/>
      <c r="HZ3319" s="91"/>
      <c r="IA3319" s="91"/>
      <c r="IB3319" s="91"/>
      <c r="IC3319" s="91"/>
      <c r="ID3319" s="91"/>
      <c r="IE3319" s="91"/>
      <c r="IF3319" s="91"/>
      <c r="IG3319" s="91"/>
      <c r="IH3319" s="91"/>
      <c r="II3319" s="91"/>
      <c r="IJ3319" s="91"/>
      <c r="IK3319" s="174"/>
    </row>
    <row r="3320" spans="2:245" x14ac:dyDescent="0.2">
      <c r="B3320" s="43"/>
      <c r="C3320" s="73"/>
      <c r="D3320" s="64"/>
      <c r="E3320" s="64"/>
      <c r="F3320" s="55"/>
      <c r="G3320" s="102"/>
      <c r="H3320" s="97"/>
      <c r="T3320" s="98"/>
      <c r="U3320" s="97"/>
      <c r="AG3320" s="98"/>
      <c r="AY3320" s="164"/>
      <c r="BK3320" s="98"/>
      <c r="BL3320" s="97"/>
      <c r="BX3320" s="98"/>
      <c r="CL3320" s="97"/>
      <c r="CX3320" s="98"/>
      <c r="DL3320" s="97"/>
      <c r="DX3320" s="98"/>
      <c r="EL3320" s="97"/>
      <c r="EX3320" s="98"/>
      <c r="EY3320" s="97"/>
      <c r="FL3320" s="126"/>
      <c r="FM3320" s="91"/>
      <c r="FN3320" s="91"/>
      <c r="FO3320" s="91"/>
      <c r="FP3320" s="91"/>
      <c r="FQ3320" s="91"/>
      <c r="FR3320" s="91"/>
      <c r="FS3320" s="91"/>
      <c r="FT3320" s="91"/>
      <c r="FU3320" s="91"/>
      <c r="FV3320" s="91"/>
      <c r="FW3320" s="91"/>
      <c r="FX3320" s="127"/>
      <c r="FY3320" s="126"/>
      <c r="FZ3320" s="91"/>
      <c r="GA3320" s="91"/>
      <c r="GB3320" s="91"/>
      <c r="GC3320" s="91"/>
      <c r="GD3320" s="91"/>
      <c r="GE3320" s="91"/>
      <c r="GF3320" s="91"/>
      <c r="GG3320" s="91"/>
      <c r="GH3320" s="91"/>
      <c r="GI3320" s="91"/>
      <c r="GJ3320" s="91"/>
      <c r="GK3320" s="127"/>
      <c r="GL3320" s="126"/>
      <c r="GM3320" s="91"/>
      <c r="GN3320" s="91"/>
      <c r="GO3320" s="91"/>
      <c r="GP3320" s="91"/>
      <c r="GQ3320" s="91"/>
      <c r="GR3320" s="91"/>
      <c r="GS3320" s="91"/>
      <c r="GT3320" s="91"/>
      <c r="GU3320" s="91"/>
      <c r="GV3320" s="91"/>
      <c r="GW3320" s="91"/>
      <c r="GX3320" s="127"/>
      <c r="GY3320" s="126"/>
      <c r="GZ3320" s="91"/>
      <c r="HA3320" s="91"/>
      <c r="HB3320" s="91"/>
      <c r="HC3320" s="91"/>
      <c r="HD3320" s="91"/>
      <c r="HE3320" s="91"/>
      <c r="HF3320" s="91"/>
      <c r="HG3320" s="91"/>
      <c r="HH3320" s="91"/>
      <c r="HI3320" s="91"/>
      <c r="HJ3320" s="91"/>
      <c r="HK3320" s="127"/>
      <c r="HL3320" s="126"/>
      <c r="HM3320" s="91"/>
      <c r="HN3320" s="91"/>
      <c r="HO3320" s="91"/>
      <c r="HP3320" s="91"/>
      <c r="HQ3320" s="91"/>
      <c r="HR3320" s="91"/>
      <c r="HS3320" s="91"/>
      <c r="HT3320" s="91"/>
      <c r="HU3320" s="91"/>
      <c r="HV3320" s="91"/>
      <c r="HW3320" s="91"/>
      <c r="HX3320" s="127"/>
      <c r="HY3320" s="126"/>
      <c r="HZ3320" s="91"/>
      <c r="IA3320" s="91"/>
      <c r="IB3320" s="91"/>
      <c r="IC3320" s="91"/>
      <c r="ID3320" s="91"/>
      <c r="IE3320" s="91"/>
      <c r="IF3320" s="91"/>
      <c r="IG3320" s="91"/>
      <c r="IH3320" s="91"/>
      <c r="II3320" s="91"/>
      <c r="IJ3320" s="91"/>
      <c r="IK3320" s="174"/>
    </row>
    <row r="3321" spans="2:245" x14ac:dyDescent="0.2">
      <c r="B3321" s="43"/>
      <c r="C3321" s="73"/>
      <c r="D3321" s="64"/>
      <c r="E3321" s="64"/>
      <c r="F3321" s="55"/>
      <c r="G3321" s="102"/>
      <c r="H3321" s="97"/>
      <c r="T3321" s="98"/>
      <c r="U3321" s="97"/>
      <c r="AG3321" s="98"/>
      <c r="AY3321" s="164"/>
      <c r="BK3321" s="98"/>
      <c r="BL3321" s="97"/>
      <c r="BX3321" s="98"/>
      <c r="CL3321" s="97"/>
      <c r="CX3321" s="98"/>
      <c r="DL3321" s="97"/>
      <c r="DX3321" s="98"/>
      <c r="EL3321" s="97"/>
      <c r="EX3321" s="98"/>
      <c r="EY3321" s="97"/>
      <c r="FL3321" s="126"/>
      <c r="FM3321" s="91"/>
      <c r="FN3321" s="91"/>
      <c r="FO3321" s="91"/>
      <c r="FP3321" s="91"/>
      <c r="FQ3321" s="91"/>
      <c r="FR3321" s="91"/>
      <c r="FS3321" s="91"/>
      <c r="FT3321" s="91"/>
      <c r="FU3321" s="91"/>
      <c r="FV3321" s="91"/>
      <c r="FW3321" s="91"/>
      <c r="FX3321" s="127"/>
      <c r="FY3321" s="126"/>
      <c r="FZ3321" s="91"/>
      <c r="GA3321" s="91"/>
      <c r="GB3321" s="91"/>
      <c r="GC3321" s="91"/>
      <c r="GD3321" s="91"/>
      <c r="GE3321" s="91"/>
      <c r="GF3321" s="91"/>
      <c r="GG3321" s="91"/>
      <c r="GH3321" s="91"/>
      <c r="GI3321" s="91"/>
      <c r="GJ3321" s="91"/>
      <c r="GK3321" s="127"/>
      <c r="GL3321" s="126"/>
      <c r="GM3321" s="91"/>
      <c r="GN3321" s="91"/>
      <c r="GO3321" s="91"/>
      <c r="GP3321" s="91"/>
      <c r="GQ3321" s="91"/>
      <c r="GR3321" s="91"/>
      <c r="GS3321" s="91"/>
      <c r="GT3321" s="91"/>
      <c r="GU3321" s="91"/>
      <c r="GV3321" s="91"/>
      <c r="GW3321" s="91"/>
      <c r="GX3321" s="127"/>
      <c r="GY3321" s="126"/>
      <c r="GZ3321" s="91"/>
      <c r="HA3321" s="91"/>
      <c r="HB3321" s="91"/>
      <c r="HC3321" s="91"/>
      <c r="HD3321" s="91"/>
      <c r="HE3321" s="91"/>
      <c r="HF3321" s="91"/>
      <c r="HG3321" s="91"/>
      <c r="HH3321" s="91"/>
      <c r="HI3321" s="91"/>
      <c r="HJ3321" s="91"/>
      <c r="HK3321" s="127"/>
      <c r="HL3321" s="126"/>
      <c r="HM3321" s="91"/>
      <c r="HN3321" s="91"/>
      <c r="HO3321" s="91"/>
      <c r="HP3321" s="91"/>
      <c r="HQ3321" s="91"/>
      <c r="HR3321" s="91"/>
      <c r="HS3321" s="91"/>
      <c r="HT3321" s="91"/>
      <c r="HU3321" s="91"/>
      <c r="HV3321" s="91"/>
      <c r="HW3321" s="91"/>
      <c r="HX3321" s="127"/>
      <c r="HY3321" s="126"/>
      <c r="HZ3321" s="91"/>
      <c r="IA3321" s="91"/>
      <c r="IB3321" s="91"/>
      <c r="IC3321" s="91"/>
      <c r="ID3321" s="91"/>
      <c r="IE3321" s="91"/>
      <c r="IF3321" s="91"/>
      <c r="IG3321" s="91"/>
      <c r="IH3321" s="91"/>
      <c r="II3321" s="91"/>
      <c r="IJ3321" s="91"/>
      <c r="IK3321" s="174"/>
    </row>
    <row r="3322" spans="2:245" x14ac:dyDescent="0.2">
      <c r="B3322" s="43"/>
      <c r="C3322" s="73"/>
      <c r="D3322" s="64"/>
      <c r="E3322" s="64"/>
      <c r="F3322" s="55"/>
      <c r="G3322" s="102"/>
      <c r="H3322" s="97"/>
      <c r="T3322" s="98"/>
      <c r="U3322" s="97"/>
      <c r="AG3322" s="98"/>
      <c r="AY3322" s="164"/>
      <c r="BK3322" s="98"/>
      <c r="BL3322" s="97"/>
      <c r="BX3322" s="98"/>
      <c r="CL3322" s="97"/>
      <c r="CX3322" s="98"/>
      <c r="DL3322" s="97"/>
      <c r="DX3322" s="98"/>
      <c r="EL3322" s="97"/>
      <c r="EX3322" s="98"/>
      <c r="EY3322" s="97"/>
      <c r="FL3322" s="126"/>
      <c r="FM3322" s="91"/>
      <c r="FN3322" s="91"/>
      <c r="FO3322" s="91"/>
      <c r="FP3322" s="91"/>
      <c r="FQ3322" s="91"/>
      <c r="FR3322" s="91"/>
      <c r="FS3322" s="91"/>
      <c r="FT3322" s="91"/>
      <c r="FU3322" s="91"/>
      <c r="FV3322" s="91"/>
      <c r="FW3322" s="91"/>
      <c r="FX3322" s="127"/>
      <c r="FY3322" s="126"/>
      <c r="FZ3322" s="91"/>
      <c r="GA3322" s="91"/>
      <c r="GB3322" s="91"/>
      <c r="GC3322" s="91"/>
      <c r="GD3322" s="91"/>
      <c r="GE3322" s="91"/>
      <c r="GF3322" s="91"/>
      <c r="GG3322" s="91"/>
      <c r="GH3322" s="91"/>
      <c r="GI3322" s="91"/>
      <c r="GJ3322" s="91"/>
      <c r="GK3322" s="127"/>
      <c r="GL3322" s="126"/>
      <c r="GM3322" s="91"/>
      <c r="GN3322" s="91"/>
      <c r="GO3322" s="91"/>
      <c r="GP3322" s="91"/>
      <c r="GQ3322" s="91"/>
      <c r="GR3322" s="91"/>
      <c r="GS3322" s="91"/>
      <c r="GT3322" s="91"/>
      <c r="GU3322" s="91"/>
      <c r="GV3322" s="91"/>
      <c r="GW3322" s="91"/>
      <c r="GX3322" s="127"/>
      <c r="GY3322" s="126"/>
      <c r="GZ3322" s="91"/>
      <c r="HA3322" s="91"/>
      <c r="HB3322" s="91"/>
      <c r="HC3322" s="91"/>
      <c r="HD3322" s="91"/>
      <c r="HE3322" s="91"/>
      <c r="HF3322" s="91"/>
      <c r="HG3322" s="91"/>
      <c r="HH3322" s="91"/>
      <c r="HI3322" s="91"/>
      <c r="HJ3322" s="91"/>
      <c r="HK3322" s="127"/>
      <c r="HL3322" s="126"/>
      <c r="HM3322" s="91"/>
      <c r="HN3322" s="91"/>
      <c r="HO3322" s="91"/>
      <c r="HP3322" s="91"/>
      <c r="HQ3322" s="91"/>
      <c r="HR3322" s="91"/>
      <c r="HS3322" s="91"/>
      <c r="HT3322" s="91"/>
      <c r="HU3322" s="91"/>
      <c r="HV3322" s="91"/>
      <c r="HW3322" s="91"/>
      <c r="HX3322" s="127"/>
      <c r="HY3322" s="126"/>
      <c r="HZ3322" s="91"/>
      <c r="IA3322" s="91"/>
      <c r="IB3322" s="91"/>
      <c r="IC3322" s="91"/>
      <c r="ID3322" s="91"/>
      <c r="IE3322" s="91"/>
      <c r="IF3322" s="91"/>
      <c r="IG3322" s="91"/>
      <c r="IH3322" s="91"/>
      <c r="II3322" s="91"/>
      <c r="IJ3322" s="91"/>
      <c r="IK3322" s="174"/>
    </row>
    <row r="3323" spans="2:245" x14ac:dyDescent="0.2">
      <c r="B3323" s="43"/>
      <c r="C3323" s="73"/>
      <c r="D3323" s="64"/>
      <c r="E3323" s="64"/>
      <c r="F3323" s="55"/>
      <c r="G3323" s="102"/>
      <c r="H3323" s="97"/>
      <c r="T3323" s="98"/>
      <c r="U3323" s="97"/>
      <c r="AG3323" s="98"/>
      <c r="AY3323" s="164"/>
      <c r="BK3323" s="98"/>
      <c r="BL3323" s="97"/>
      <c r="BX3323" s="98"/>
      <c r="CL3323" s="97"/>
      <c r="CX3323" s="98"/>
      <c r="DL3323" s="97"/>
      <c r="DX3323" s="98"/>
      <c r="EL3323" s="97"/>
      <c r="EX3323" s="98"/>
      <c r="EY3323" s="97"/>
      <c r="FL3323" s="126"/>
      <c r="FM3323" s="91"/>
      <c r="FN3323" s="91"/>
      <c r="FO3323" s="91"/>
      <c r="FP3323" s="91"/>
      <c r="FQ3323" s="91"/>
      <c r="FR3323" s="91"/>
      <c r="FS3323" s="91"/>
      <c r="FT3323" s="91"/>
      <c r="FU3323" s="91"/>
      <c r="FV3323" s="91"/>
      <c r="FW3323" s="91"/>
      <c r="FX3323" s="127"/>
      <c r="FY3323" s="126"/>
      <c r="FZ3323" s="91"/>
      <c r="GA3323" s="91"/>
      <c r="GB3323" s="91"/>
      <c r="GC3323" s="91"/>
      <c r="GD3323" s="91"/>
      <c r="GE3323" s="91"/>
      <c r="GF3323" s="91"/>
      <c r="GG3323" s="91"/>
      <c r="GH3323" s="91"/>
      <c r="GI3323" s="91"/>
      <c r="GJ3323" s="91"/>
      <c r="GK3323" s="127"/>
      <c r="GL3323" s="126"/>
      <c r="GM3323" s="91"/>
      <c r="GN3323" s="91"/>
      <c r="GO3323" s="91"/>
      <c r="GP3323" s="91"/>
      <c r="GQ3323" s="91"/>
      <c r="GR3323" s="91"/>
      <c r="GS3323" s="91"/>
      <c r="GT3323" s="91"/>
      <c r="GU3323" s="91"/>
      <c r="GV3323" s="91"/>
      <c r="GW3323" s="91"/>
      <c r="GX3323" s="127"/>
      <c r="GY3323" s="126"/>
      <c r="GZ3323" s="91"/>
      <c r="HA3323" s="91"/>
      <c r="HB3323" s="91"/>
      <c r="HC3323" s="91"/>
      <c r="HD3323" s="91"/>
      <c r="HE3323" s="91"/>
      <c r="HF3323" s="91"/>
      <c r="HG3323" s="91"/>
      <c r="HH3323" s="91"/>
      <c r="HI3323" s="91"/>
      <c r="HJ3323" s="91"/>
      <c r="HK3323" s="127"/>
      <c r="HL3323" s="126"/>
      <c r="HM3323" s="91"/>
      <c r="HN3323" s="91"/>
      <c r="HO3323" s="91"/>
      <c r="HP3323" s="91"/>
      <c r="HQ3323" s="91"/>
      <c r="HR3323" s="91"/>
      <c r="HS3323" s="91"/>
      <c r="HT3323" s="91"/>
      <c r="HU3323" s="91"/>
      <c r="HV3323" s="91"/>
      <c r="HW3323" s="91"/>
      <c r="HX3323" s="127"/>
      <c r="HY3323" s="126"/>
      <c r="HZ3323" s="91"/>
      <c r="IA3323" s="91"/>
      <c r="IB3323" s="91"/>
      <c r="IC3323" s="91"/>
      <c r="ID3323" s="91"/>
      <c r="IE3323" s="91"/>
      <c r="IF3323" s="91"/>
      <c r="IG3323" s="91"/>
      <c r="IH3323" s="91"/>
      <c r="II3323" s="91"/>
      <c r="IJ3323" s="91"/>
      <c r="IK3323" s="174"/>
    </row>
    <row r="3324" spans="2:245" x14ac:dyDescent="0.2">
      <c r="B3324" s="43"/>
      <c r="C3324" s="73"/>
      <c r="D3324" s="64"/>
      <c r="E3324" s="64"/>
      <c r="F3324" s="55"/>
      <c r="G3324" s="102"/>
      <c r="H3324" s="97"/>
      <c r="T3324" s="98"/>
      <c r="U3324" s="97"/>
      <c r="AG3324" s="98"/>
      <c r="AY3324" s="164"/>
      <c r="BK3324" s="98"/>
      <c r="BL3324" s="97"/>
      <c r="BX3324" s="98"/>
      <c r="CL3324" s="97"/>
      <c r="CX3324" s="98"/>
      <c r="DL3324" s="97"/>
      <c r="DX3324" s="98"/>
      <c r="EL3324" s="97"/>
      <c r="EX3324" s="98"/>
      <c r="EY3324" s="97"/>
      <c r="FL3324" s="126"/>
      <c r="FM3324" s="91"/>
      <c r="FN3324" s="91"/>
      <c r="FO3324" s="91"/>
      <c r="FP3324" s="91"/>
      <c r="FQ3324" s="91"/>
      <c r="FR3324" s="91"/>
      <c r="FS3324" s="91"/>
      <c r="FT3324" s="91"/>
      <c r="FU3324" s="91"/>
      <c r="FV3324" s="91"/>
      <c r="FW3324" s="91"/>
      <c r="FX3324" s="127"/>
      <c r="FY3324" s="126"/>
      <c r="FZ3324" s="91"/>
      <c r="GA3324" s="91"/>
      <c r="GB3324" s="91"/>
      <c r="GC3324" s="91"/>
      <c r="GD3324" s="91"/>
      <c r="GE3324" s="91"/>
      <c r="GF3324" s="91"/>
      <c r="GG3324" s="91"/>
      <c r="GH3324" s="91"/>
      <c r="GI3324" s="91"/>
      <c r="GJ3324" s="91"/>
      <c r="GK3324" s="127"/>
      <c r="GL3324" s="126"/>
      <c r="GM3324" s="91"/>
      <c r="GN3324" s="91"/>
      <c r="GO3324" s="91"/>
      <c r="GP3324" s="91"/>
      <c r="GQ3324" s="91"/>
      <c r="GR3324" s="91"/>
      <c r="GS3324" s="91"/>
      <c r="GT3324" s="91"/>
      <c r="GU3324" s="91"/>
      <c r="GV3324" s="91"/>
      <c r="GW3324" s="91"/>
      <c r="GX3324" s="127"/>
      <c r="GY3324" s="126"/>
      <c r="GZ3324" s="91"/>
      <c r="HA3324" s="91"/>
      <c r="HB3324" s="91"/>
      <c r="HC3324" s="91"/>
      <c r="HD3324" s="91"/>
      <c r="HE3324" s="91"/>
      <c r="HF3324" s="91"/>
      <c r="HG3324" s="91"/>
      <c r="HH3324" s="91"/>
      <c r="HI3324" s="91"/>
      <c r="HJ3324" s="91"/>
      <c r="HK3324" s="127"/>
      <c r="HL3324" s="126"/>
      <c r="HM3324" s="91"/>
      <c r="HN3324" s="91"/>
      <c r="HO3324" s="91"/>
      <c r="HP3324" s="91"/>
      <c r="HQ3324" s="91"/>
      <c r="HR3324" s="91"/>
      <c r="HS3324" s="91"/>
      <c r="HT3324" s="91"/>
      <c r="HU3324" s="91"/>
      <c r="HV3324" s="91"/>
      <c r="HW3324" s="91"/>
      <c r="HX3324" s="127"/>
      <c r="HY3324" s="126"/>
      <c r="HZ3324" s="91"/>
      <c r="IA3324" s="91"/>
      <c r="IB3324" s="91"/>
      <c r="IC3324" s="91"/>
      <c r="ID3324" s="91"/>
      <c r="IE3324" s="91"/>
      <c r="IF3324" s="91"/>
      <c r="IG3324" s="91"/>
      <c r="IH3324" s="91"/>
      <c r="II3324" s="91"/>
      <c r="IJ3324" s="91"/>
      <c r="IK3324" s="174"/>
    </row>
    <row r="3325" spans="2:245" x14ac:dyDescent="0.2">
      <c r="B3325" s="43"/>
      <c r="C3325" s="73"/>
      <c r="D3325" s="64"/>
      <c r="E3325" s="64"/>
      <c r="F3325" s="55"/>
      <c r="G3325" s="102"/>
      <c r="H3325" s="97"/>
      <c r="T3325" s="98"/>
      <c r="U3325" s="97"/>
      <c r="AG3325" s="98"/>
      <c r="AY3325" s="164"/>
      <c r="BK3325" s="98"/>
      <c r="BL3325" s="97"/>
      <c r="BX3325" s="98"/>
      <c r="CL3325" s="97"/>
      <c r="CX3325" s="98"/>
      <c r="DL3325" s="97"/>
      <c r="DX3325" s="98"/>
      <c r="EL3325" s="97"/>
      <c r="EX3325" s="98"/>
      <c r="EY3325" s="97"/>
      <c r="FL3325" s="126"/>
      <c r="FM3325" s="91"/>
      <c r="FN3325" s="91"/>
      <c r="FO3325" s="91"/>
      <c r="FP3325" s="91"/>
      <c r="FQ3325" s="91"/>
      <c r="FR3325" s="91"/>
      <c r="FS3325" s="91"/>
      <c r="FT3325" s="91"/>
      <c r="FU3325" s="91"/>
      <c r="FV3325" s="91"/>
      <c r="FW3325" s="91"/>
      <c r="FX3325" s="127"/>
      <c r="FY3325" s="126"/>
      <c r="FZ3325" s="91"/>
      <c r="GA3325" s="91"/>
      <c r="GB3325" s="91"/>
      <c r="GC3325" s="91"/>
      <c r="GD3325" s="91"/>
      <c r="GE3325" s="91"/>
      <c r="GF3325" s="91"/>
      <c r="GG3325" s="91"/>
      <c r="GH3325" s="91"/>
      <c r="GI3325" s="91"/>
      <c r="GJ3325" s="91"/>
      <c r="GK3325" s="127"/>
      <c r="GL3325" s="126"/>
      <c r="GM3325" s="91"/>
      <c r="GN3325" s="91"/>
      <c r="GO3325" s="91"/>
      <c r="GP3325" s="91"/>
      <c r="GQ3325" s="91"/>
      <c r="GR3325" s="91"/>
      <c r="GS3325" s="91"/>
      <c r="GT3325" s="91"/>
      <c r="GU3325" s="91"/>
      <c r="GV3325" s="91"/>
      <c r="GW3325" s="91"/>
      <c r="GX3325" s="127"/>
      <c r="GY3325" s="126"/>
      <c r="GZ3325" s="91"/>
      <c r="HA3325" s="91"/>
      <c r="HB3325" s="91"/>
      <c r="HC3325" s="91"/>
      <c r="HD3325" s="91"/>
      <c r="HE3325" s="91"/>
      <c r="HF3325" s="91"/>
      <c r="HG3325" s="91"/>
      <c r="HH3325" s="91"/>
      <c r="HI3325" s="91"/>
      <c r="HJ3325" s="91"/>
      <c r="HK3325" s="127"/>
      <c r="HL3325" s="126"/>
      <c r="HM3325" s="91"/>
      <c r="HN3325" s="91"/>
      <c r="HO3325" s="91"/>
      <c r="HP3325" s="91"/>
      <c r="HQ3325" s="91"/>
      <c r="HR3325" s="91"/>
      <c r="HS3325" s="91"/>
      <c r="HT3325" s="91"/>
      <c r="HU3325" s="91"/>
      <c r="HV3325" s="91"/>
      <c r="HW3325" s="91"/>
      <c r="HX3325" s="127"/>
      <c r="HY3325" s="126"/>
      <c r="HZ3325" s="91"/>
      <c r="IA3325" s="91"/>
      <c r="IB3325" s="91"/>
      <c r="IC3325" s="91"/>
      <c r="ID3325" s="91"/>
      <c r="IE3325" s="91"/>
      <c r="IF3325" s="91"/>
      <c r="IG3325" s="91"/>
      <c r="IH3325" s="91"/>
      <c r="II3325" s="91"/>
      <c r="IJ3325" s="91"/>
      <c r="IK3325" s="174"/>
    </row>
    <row r="3326" spans="2:245" x14ac:dyDescent="0.2">
      <c r="B3326" s="43"/>
      <c r="C3326" s="73"/>
      <c r="D3326" s="64"/>
      <c r="E3326" s="64"/>
      <c r="F3326" s="55"/>
      <c r="G3326" s="102"/>
      <c r="H3326" s="97"/>
      <c r="T3326" s="98"/>
      <c r="U3326" s="97"/>
      <c r="AG3326" s="98"/>
      <c r="AY3326" s="164"/>
      <c r="BK3326" s="98"/>
      <c r="BL3326" s="97"/>
      <c r="BX3326" s="98"/>
      <c r="CL3326" s="97"/>
      <c r="CX3326" s="98"/>
      <c r="DL3326" s="97"/>
      <c r="DX3326" s="98"/>
      <c r="EL3326" s="97"/>
      <c r="EX3326" s="98"/>
      <c r="EY3326" s="97"/>
      <c r="FL3326" s="126"/>
      <c r="FM3326" s="91"/>
      <c r="FN3326" s="91"/>
      <c r="FO3326" s="91"/>
      <c r="FP3326" s="91"/>
      <c r="FQ3326" s="91"/>
      <c r="FR3326" s="91"/>
      <c r="FS3326" s="91"/>
      <c r="FT3326" s="91"/>
      <c r="FU3326" s="91"/>
      <c r="FV3326" s="91"/>
      <c r="FW3326" s="91"/>
      <c r="FX3326" s="127"/>
      <c r="FY3326" s="126"/>
      <c r="FZ3326" s="91"/>
      <c r="GA3326" s="91"/>
      <c r="GB3326" s="91"/>
      <c r="GC3326" s="91"/>
      <c r="GD3326" s="91"/>
      <c r="GE3326" s="91"/>
      <c r="GF3326" s="91"/>
      <c r="GG3326" s="91"/>
      <c r="GH3326" s="91"/>
      <c r="GI3326" s="91"/>
      <c r="GJ3326" s="91"/>
      <c r="GK3326" s="127"/>
      <c r="GL3326" s="126"/>
      <c r="GM3326" s="91"/>
      <c r="GN3326" s="91"/>
      <c r="GO3326" s="91"/>
      <c r="GP3326" s="91"/>
      <c r="GQ3326" s="91"/>
      <c r="GR3326" s="91"/>
      <c r="GS3326" s="91"/>
      <c r="GT3326" s="91"/>
      <c r="GU3326" s="91"/>
      <c r="GV3326" s="91"/>
      <c r="GW3326" s="91"/>
      <c r="GX3326" s="127"/>
      <c r="GY3326" s="126"/>
      <c r="GZ3326" s="91"/>
      <c r="HA3326" s="91"/>
      <c r="HB3326" s="91"/>
      <c r="HC3326" s="91"/>
      <c r="HD3326" s="91"/>
      <c r="HE3326" s="91"/>
      <c r="HF3326" s="91"/>
      <c r="HG3326" s="91"/>
      <c r="HH3326" s="91"/>
      <c r="HI3326" s="91"/>
      <c r="HJ3326" s="91"/>
      <c r="HK3326" s="127"/>
      <c r="HL3326" s="126"/>
      <c r="HM3326" s="91"/>
      <c r="HN3326" s="91"/>
      <c r="HO3326" s="91"/>
      <c r="HP3326" s="91"/>
      <c r="HQ3326" s="91"/>
      <c r="HR3326" s="91"/>
      <c r="HS3326" s="91"/>
      <c r="HT3326" s="91"/>
      <c r="HU3326" s="91"/>
      <c r="HV3326" s="91"/>
      <c r="HW3326" s="91"/>
      <c r="HX3326" s="127"/>
      <c r="HY3326" s="126"/>
      <c r="HZ3326" s="91"/>
      <c r="IA3326" s="91"/>
      <c r="IB3326" s="91"/>
      <c r="IC3326" s="91"/>
      <c r="ID3326" s="91"/>
      <c r="IE3326" s="91"/>
      <c r="IF3326" s="91"/>
      <c r="IG3326" s="91"/>
      <c r="IH3326" s="91"/>
      <c r="II3326" s="91"/>
      <c r="IJ3326" s="91"/>
      <c r="IK3326" s="174"/>
    </row>
    <row r="3327" spans="2:245" x14ac:dyDescent="0.2">
      <c r="B3327" s="43"/>
      <c r="C3327" s="73"/>
      <c r="D3327" s="64"/>
      <c r="E3327" s="64"/>
      <c r="F3327" s="55"/>
      <c r="G3327" s="102"/>
      <c r="H3327" s="97"/>
      <c r="T3327" s="98"/>
      <c r="U3327" s="97"/>
      <c r="AG3327" s="98"/>
      <c r="AY3327" s="164"/>
      <c r="BK3327" s="98"/>
      <c r="BL3327" s="97"/>
      <c r="BX3327" s="98"/>
      <c r="CL3327" s="97"/>
      <c r="CX3327" s="98"/>
      <c r="DL3327" s="97"/>
      <c r="DX3327" s="98"/>
      <c r="EL3327" s="97"/>
      <c r="EX3327" s="98"/>
      <c r="EY3327" s="97"/>
      <c r="FL3327" s="126"/>
      <c r="FM3327" s="91"/>
      <c r="FN3327" s="91"/>
      <c r="FO3327" s="91"/>
      <c r="FP3327" s="91"/>
      <c r="FQ3327" s="91"/>
      <c r="FR3327" s="91"/>
      <c r="FS3327" s="91"/>
      <c r="FT3327" s="91"/>
      <c r="FU3327" s="91"/>
      <c r="FV3327" s="91"/>
      <c r="FW3327" s="91"/>
      <c r="FX3327" s="127"/>
      <c r="FY3327" s="126"/>
      <c r="FZ3327" s="91"/>
      <c r="GA3327" s="91"/>
      <c r="GB3327" s="91"/>
      <c r="GC3327" s="91"/>
      <c r="GD3327" s="91"/>
      <c r="GE3327" s="91"/>
      <c r="GF3327" s="91"/>
      <c r="GG3327" s="91"/>
      <c r="GH3327" s="91"/>
      <c r="GI3327" s="91"/>
      <c r="GJ3327" s="91"/>
      <c r="GK3327" s="127"/>
      <c r="GL3327" s="126"/>
      <c r="GM3327" s="91"/>
      <c r="GN3327" s="91"/>
      <c r="GO3327" s="91"/>
      <c r="GP3327" s="91"/>
      <c r="GQ3327" s="91"/>
      <c r="GR3327" s="91"/>
      <c r="GS3327" s="91"/>
      <c r="GT3327" s="91"/>
      <c r="GU3327" s="91"/>
      <c r="GV3327" s="91"/>
      <c r="GW3327" s="91"/>
      <c r="GX3327" s="127"/>
      <c r="GY3327" s="126"/>
      <c r="GZ3327" s="91"/>
      <c r="HA3327" s="91"/>
      <c r="HB3327" s="91"/>
      <c r="HC3327" s="91"/>
      <c r="HD3327" s="91"/>
      <c r="HE3327" s="91"/>
      <c r="HF3327" s="91"/>
      <c r="HG3327" s="91"/>
      <c r="HH3327" s="91"/>
      <c r="HI3327" s="91"/>
      <c r="HJ3327" s="91"/>
      <c r="HK3327" s="127"/>
      <c r="HL3327" s="126"/>
      <c r="HM3327" s="91"/>
      <c r="HN3327" s="91"/>
      <c r="HO3327" s="91"/>
      <c r="HP3327" s="91"/>
      <c r="HQ3327" s="91"/>
      <c r="HR3327" s="91"/>
      <c r="HS3327" s="91"/>
      <c r="HT3327" s="91"/>
      <c r="HU3327" s="91"/>
      <c r="HV3327" s="91"/>
      <c r="HW3327" s="91"/>
      <c r="HX3327" s="127"/>
      <c r="HY3327" s="126"/>
      <c r="HZ3327" s="91"/>
      <c r="IA3327" s="91"/>
      <c r="IB3327" s="91"/>
      <c r="IC3327" s="91"/>
      <c r="ID3327" s="91"/>
      <c r="IE3327" s="91"/>
      <c r="IF3327" s="91"/>
      <c r="IG3327" s="91"/>
      <c r="IH3327" s="91"/>
      <c r="II3327" s="91"/>
      <c r="IJ3327" s="91"/>
      <c r="IK3327" s="174"/>
    </row>
    <row r="3328" spans="2:245" x14ac:dyDescent="0.2">
      <c r="B3328" s="43"/>
      <c r="C3328" s="73"/>
      <c r="D3328" s="64"/>
      <c r="E3328" s="64"/>
      <c r="F3328" s="55"/>
      <c r="G3328" s="102"/>
      <c r="H3328" s="97"/>
      <c r="T3328" s="98"/>
      <c r="U3328" s="97"/>
      <c r="AG3328" s="98"/>
      <c r="AY3328" s="164"/>
      <c r="BK3328" s="98"/>
      <c r="BL3328" s="97"/>
      <c r="BX3328" s="98"/>
      <c r="CL3328" s="97"/>
      <c r="CX3328" s="98"/>
      <c r="DL3328" s="97"/>
      <c r="DX3328" s="98"/>
      <c r="EL3328" s="97"/>
      <c r="EX3328" s="98"/>
      <c r="EY3328" s="97"/>
      <c r="FL3328" s="126"/>
      <c r="FM3328" s="91"/>
      <c r="FN3328" s="91"/>
      <c r="FO3328" s="91"/>
      <c r="FP3328" s="91"/>
      <c r="FQ3328" s="91"/>
      <c r="FR3328" s="91"/>
      <c r="FS3328" s="91"/>
      <c r="FT3328" s="91"/>
      <c r="FU3328" s="91"/>
      <c r="FV3328" s="91"/>
      <c r="FW3328" s="91"/>
      <c r="FX3328" s="127"/>
      <c r="FY3328" s="126"/>
      <c r="FZ3328" s="91"/>
      <c r="GA3328" s="91"/>
      <c r="GB3328" s="91"/>
      <c r="GC3328" s="91"/>
      <c r="GD3328" s="91"/>
      <c r="GE3328" s="91"/>
      <c r="GF3328" s="91"/>
      <c r="GG3328" s="91"/>
      <c r="GH3328" s="91"/>
      <c r="GI3328" s="91"/>
      <c r="GJ3328" s="91"/>
      <c r="GK3328" s="127"/>
      <c r="GL3328" s="126"/>
      <c r="GM3328" s="91"/>
      <c r="GN3328" s="91"/>
      <c r="GO3328" s="91"/>
      <c r="GP3328" s="91"/>
      <c r="GQ3328" s="91"/>
      <c r="GR3328" s="91"/>
      <c r="GS3328" s="91"/>
      <c r="GT3328" s="91"/>
      <c r="GU3328" s="91"/>
      <c r="GV3328" s="91"/>
      <c r="GW3328" s="91"/>
      <c r="GX3328" s="127"/>
      <c r="GY3328" s="126"/>
      <c r="GZ3328" s="91"/>
      <c r="HA3328" s="91"/>
      <c r="HB3328" s="91"/>
      <c r="HC3328" s="91"/>
      <c r="HD3328" s="91"/>
      <c r="HE3328" s="91"/>
      <c r="HF3328" s="91"/>
      <c r="HG3328" s="91"/>
      <c r="HH3328" s="91"/>
      <c r="HI3328" s="91"/>
      <c r="HJ3328" s="91"/>
      <c r="HK3328" s="127"/>
      <c r="HL3328" s="126"/>
      <c r="HM3328" s="91"/>
      <c r="HN3328" s="91"/>
      <c r="HO3328" s="91"/>
      <c r="HP3328" s="91"/>
      <c r="HQ3328" s="91"/>
      <c r="HR3328" s="91"/>
      <c r="HS3328" s="91"/>
      <c r="HT3328" s="91"/>
      <c r="HU3328" s="91"/>
      <c r="HV3328" s="91"/>
      <c r="HW3328" s="91"/>
      <c r="HX3328" s="127"/>
      <c r="HY3328" s="126"/>
      <c r="HZ3328" s="91"/>
      <c r="IA3328" s="91"/>
      <c r="IB3328" s="91"/>
      <c r="IC3328" s="91"/>
      <c r="ID3328" s="91"/>
      <c r="IE3328" s="91"/>
      <c r="IF3328" s="91"/>
      <c r="IG3328" s="91"/>
      <c r="IH3328" s="91"/>
      <c r="II3328" s="91"/>
      <c r="IJ3328" s="91"/>
      <c r="IK3328" s="174"/>
    </row>
    <row r="3329" spans="2:245" x14ac:dyDescent="0.2">
      <c r="B3329" s="43"/>
      <c r="C3329" s="73"/>
      <c r="D3329" s="64"/>
      <c r="E3329" s="64"/>
      <c r="F3329" s="55"/>
      <c r="G3329" s="102"/>
      <c r="H3329" s="97"/>
      <c r="T3329" s="98"/>
      <c r="U3329" s="97"/>
      <c r="AG3329" s="98"/>
      <c r="AY3329" s="164"/>
      <c r="BK3329" s="98"/>
      <c r="BL3329" s="97"/>
      <c r="BX3329" s="98"/>
      <c r="CL3329" s="97"/>
      <c r="CX3329" s="98"/>
      <c r="DL3329" s="97"/>
      <c r="DX3329" s="98"/>
      <c r="EL3329" s="97"/>
      <c r="EX3329" s="98"/>
      <c r="EY3329" s="97"/>
      <c r="FL3329" s="126"/>
      <c r="FM3329" s="91"/>
      <c r="FN3329" s="91"/>
      <c r="FO3329" s="91"/>
      <c r="FP3329" s="91"/>
      <c r="FQ3329" s="91"/>
      <c r="FR3329" s="91"/>
      <c r="FS3329" s="91"/>
      <c r="FT3329" s="91"/>
      <c r="FU3329" s="91"/>
      <c r="FV3329" s="91"/>
      <c r="FW3329" s="91"/>
      <c r="FX3329" s="127"/>
      <c r="FY3329" s="126"/>
      <c r="FZ3329" s="91"/>
      <c r="GA3329" s="91"/>
      <c r="GB3329" s="91"/>
      <c r="GC3329" s="91"/>
      <c r="GD3329" s="91"/>
      <c r="GE3329" s="91"/>
      <c r="GF3329" s="91"/>
      <c r="GG3329" s="91"/>
      <c r="GH3329" s="91"/>
      <c r="GI3329" s="91"/>
      <c r="GJ3329" s="91"/>
      <c r="GK3329" s="127"/>
      <c r="GL3329" s="126"/>
      <c r="GM3329" s="91"/>
      <c r="GN3329" s="91"/>
      <c r="GO3329" s="91"/>
      <c r="GP3329" s="91"/>
      <c r="GQ3329" s="91"/>
      <c r="GR3329" s="91"/>
      <c r="GS3329" s="91"/>
      <c r="GT3329" s="91"/>
      <c r="GU3329" s="91"/>
      <c r="GV3329" s="91"/>
      <c r="GW3329" s="91"/>
      <c r="GX3329" s="127"/>
      <c r="GY3329" s="126"/>
      <c r="GZ3329" s="91"/>
      <c r="HA3329" s="91"/>
      <c r="HB3329" s="91"/>
      <c r="HC3329" s="91"/>
      <c r="HD3329" s="91"/>
      <c r="HE3329" s="91"/>
      <c r="HF3329" s="91"/>
      <c r="HG3329" s="91"/>
      <c r="HH3329" s="91"/>
      <c r="HI3329" s="91"/>
      <c r="HJ3329" s="91"/>
      <c r="HK3329" s="127"/>
      <c r="HL3329" s="126"/>
      <c r="HM3329" s="91"/>
      <c r="HN3329" s="91"/>
      <c r="HO3329" s="91"/>
      <c r="HP3329" s="91"/>
      <c r="HQ3329" s="91"/>
      <c r="HR3329" s="91"/>
      <c r="HS3329" s="91"/>
      <c r="HT3329" s="91"/>
      <c r="HU3329" s="91"/>
      <c r="HV3329" s="91"/>
      <c r="HW3329" s="91"/>
      <c r="HX3329" s="127"/>
      <c r="HY3329" s="126"/>
      <c r="HZ3329" s="91"/>
      <c r="IA3329" s="91"/>
      <c r="IB3329" s="91"/>
      <c r="IC3329" s="91"/>
      <c r="ID3329" s="91"/>
      <c r="IE3329" s="91"/>
      <c r="IF3329" s="91"/>
      <c r="IG3329" s="91"/>
      <c r="IH3329" s="91"/>
      <c r="II3329" s="91"/>
      <c r="IJ3329" s="91"/>
      <c r="IK3329" s="174"/>
    </row>
    <row r="3330" spans="2:245" x14ac:dyDescent="0.2">
      <c r="B3330" s="43"/>
      <c r="C3330" s="73"/>
      <c r="D3330" s="64"/>
      <c r="E3330" s="64"/>
      <c r="F3330" s="55"/>
      <c r="G3330" s="102"/>
      <c r="H3330" s="97"/>
      <c r="T3330" s="98"/>
      <c r="U3330" s="97"/>
      <c r="AG3330" s="98"/>
      <c r="AY3330" s="164"/>
      <c r="BK3330" s="98"/>
      <c r="BL3330" s="97"/>
      <c r="BX3330" s="98"/>
      <c r="CL3330" s="97"/>
      <c r="CX3330" s="98"/>
      <c r="DL3330" s="97"/>
      <c r="DX3330" s="98"/>
      <c r="EL3330" s="97"/>
      <c r="EX3330" s="98"/>
      <c r="EY3330" s="97"/>
      <c r="FL3330" s="126"/>
      <c r="FM3330" s="91"/>
      <c r="FN3330" s="91"/>
      <c r="FO3330" s="91"/>
      <c r="FP3330" s="91"/>
      <c r="FQ3330" s="91"/>
      <c r="FR3330" s="91"/>
      <c r="FS3330" s="91"/>
      <c r="FT3330" s="91"/>
      <c r="FU3330" s="91"/>
      <c r="FV3330" s="91"/>
      <c r="FW3330" s="91"/>
      <c r="FX3330" s="127"/>
      <c r="FY3330" s="126"/>
      <c r="FZ3330" s="91"/>
      <c r="GA3330" s="91"/>
      <c r="GB3330" s="91"/>
      <c r="GC3330" s="91"/>
      <c r="GD3330" s="91"/>
      <c r="GE3330" s="91"/>
      <c r="GF3330" s="91"/>
      <c r="GG3330" s="91"/>
      <c r="GH3330" s="91"/>
      <c r="GI3330" s="91"/>
      <c r="GJ3330" s="91"/>
      <c r="GK3330" s="127"/>
      <c r="GL3330" s="126"/>
      <c r="GM3330" s="91"/>
      <c r="GN3330" s="91"/>
      <c r="GO3330" s="91"/>
      <c r="GP3330" s="91"/>
      <c r="GQ3330" s="91"/>
      <c r="GR3330" s="91"/>
      <c r="GS3330" s="91"/>
      <c r="GT3330" s="91"/>
      <c r="GU3330" s="91"/>
      <c r="GV3330" s="91"/>
      <c r="GW3330" s="91"/>
      <c r="GX3330" s="127"/>
      <c r="GY3330" s="126"/>
      <c r="GZ3330" s="91"/>
      <c r="HA3330" s="91"/>
      <c r="HB3330" s="91"/>
      <c r="HC3330" s="91"/>
      <c r="HD3330" s="91"/>
      <c r="HE3330" s="91"/>
      <c r="HF3330" s="91"/>
      <c r="HG3330" s="91"/>
      <c r="HH3330" s="91"/>
      <c r="HI3330" s="91"/>
      <c r="HJ3330" s="91"/>
      <c r="HK3330" s="127"/>
      <c r="HL3330" s="126"/>
      <c r="HM3330" s="91"/>
      <c r="HN3330" s="91"/>
      <c r="HO3330" s="91"/>
      <c r="HP3330" s="91"/>
      <c r="HQ3330" s="91"/>
      <c r="HR3330" s="91"/>
      <c r="HS3330" s="91"/>
      <c r="HT3330" s="91"/>
      <c r="HU3330" s="91"/>
      <c r="HV3330" s="91"/>
      <c r="HW3330" s="91"/>
      <c r="HX3330" s="127"/>
      <c r="HY3330" s="126"/>
      <c r="HZ3330" s="91"/>
      <c r="IA3330" s="91"/>
      <c r="IB3330" s="91"/>
      <c r="IC3330" s="91"/>
      <c r="ID3330" s="91"/>
      <c r="IE3330" s="91"/>
      <c r="IF3330" s="91"/>
      <c r="IG3330" s="91"/>
      <c r="IH3330" s="91"/>
      <c r="II3330" s="91"/>
      <c r="IJ3330" s="91"/>
      <c r="IK3330" s="174"/>
    </row>
    <row r="3331" spans="2:245" x14ac:dyDescent="0.2">
      <c r="B3331" s="43"/>
      <c r="C3331" s="73"/>
      <c r="D3331" s="64"/>
      <c r="E3331" s="64"/>
      <c r="F3331" s="55"/>
      <c r="G3331" s="102"/>
      <c r="H3331" s="97"/>
      <c r="T3331" s="98"/>
      <c r="U3331" s="97"/>
      <c r="AG3331" s="98"/>
      <c r="AY3331" s="164"/>
      <c r="BK3331" s="98"/>
      <c r="BL3331" s="97"/>
      <c r="BX3331" s="98"/>
      <c r="CL3331" s="97"/>
      <c r="CX3331" s="98"/>
      <c r="DL3331" s="97"/>
      <c r="DX3331" s="98"/>
      <c r="EL3331" s="97"/>
      <c r="EX3331" s="98"/>
      <c r="EY3331" s="97"/>
      <c r="FL3331" s="126"/>
      <c r="FM3331" s="91"/>
      <c r="FN3331" s="91"/>
      <c r="FO3331" s="91"/>
      <c r="FP3331" s="91"/>
      <c r="FQ3331" s="91"/>
      <c r="FR3331" s="91"/>
      <c r="FS3331" s="91"/>
      <c r="FT3331" s="91"/>
      <c r="FU3331" s="91"/>
      <c r="FV3331" s="91"/>
      <c r="FW3331" s="91"/>
      <c r="FX3331" s="127"/>
      <c r="FY3331" s="126"/>
      <c r="FZ3331" s="91"/>
      <c r="GA3331" s="91"/>
      <c r="GB3331" s="91"/>
      <c r="GC3331" s="91"/>
      <c r="GD3331" s="91"/>
      <c r="GE3331" s="91"/>
      <c r="GF3331" s="91"/>
      <c r="GG3331" s="91"/>
      <c r="GH3331" s="91"/>
      <c r="GI3331" s="91"/>
      <c r="GJ3331" s="91"/>
      <c r="GK3331" s="127"/>
      <c r="GL3331" s="126"/>
      <c r="GM3331" s="91"/>
      <c r="GN3331" s="91"/>
      <c r="GO3331" s="91"/>
      <c r="GP3331" s="91"/>
      <c r="GQ3331" s="91"/>
      <c r="GR3331" s="91"/>
      <c r="GS3331" s="91"/>
      <c r="GT3331" s="91"/>
      <c r="GU3331" s="91"/>
      <c r="GV3331" s="91"/>
      <c r="GW3331" s="91"/>
      <c r="GX3331" s="127"/>
      <c r="GY3331" s="126"/>
      <c r="GZ3331" s="91"/>
      <c r="HA3331" s="91"/>
      <c r="HB3331" s="91"/>
      <c r="HC3331" s="91"/>
      <c r="HD3331" s="91"/>
      <c r="HE3331" s="91"/>
      <c r="HF3331" s="91"/>
      <c r="HG3331" s="91"/>
      <c r="HH3331" s="91"/>
      <c r="HI3331" s="91"/>
      <c r="HJ3331" s="91"/>
      <c r="HK3331" s="127"/>
      <c r="HL3331" s="126"/>
      <c r="HM3331" s="91"/>
      <c r="HN3331" s="91"/>
      <c r="HO3331" s="91"/>
      <c r="HP3331" s="91"/>
      <c r="HQ3331" s="91"/>
      <c r="HR3331" s="91"/>
      <c r="HS3331" s="91"/>
      <c r="HT3331" s="91"/>
      <c r="HU3331" s="91"/>
      <c r="HV3331" s="91"/>
      <c r="HW3331" s="91"/>
      <c r="HX3331" s="127"/>
      <c r="HY3331" s="126"/>
      <c r="HZ3331" s="91"/>
      <c r="IA3331" s="91"/>
      <c r="IB3331" s="91"/>
      <c r="IC3331" s="91"/>
      <c r="ID3331" s="91"/>
      <c r="IE3331" s="91"/>
      <c r="IF3331" s="91"/>
      <c r="IG3331" s="91"/>
      <c r="IH3331" s="91"/>
      <c r="II3331" s="91"/>
      <c r="IJ3331" s="91"/>
      <c r="IK3331" s="174"/>
    </row>
    <row r="3332" spans="2:245" x14ac:dyDescent="0.2">
      <c r="B3332" s="43"/>
      <c r="C3332" s="73"/>
      <c r="D3332" s="64"/>
      <c r="E3332" s="64"/>
      <c r="F3332" s="55"/>
      <c r="G3332" s="102"/>
      <c r="H3332" s="97"/>
      <c r="T3332" s="98"/>
      <c r="U3332" s="97"/>
      <c r="AG3332" s="98"/>
      <c r="AY3332" s="164"/>
      <c r="BK3332" s="98"/>
      <c r="BL3332" s="97"/>
      <c r="BX3332" s="98"/>
      <c r="CL3332" s="97"/>
      <c r="CX3332" s="98"/>
      <c r="DL3332" s="97"/>
      <c r="DX3332" s="98"/>
      <c r="EL3332" s="97"/>
      <c r="EX3332" s="98"/>
      <c r="EY3332" s="97"/>
      <c r="FL3332" s="126"/>
      <c r="FM3332" s="91"/>
      <c r="FN3332" s="91"/>
      <c r="FO3332" s="91"/>
      <c r="FP3332" s="91"/>
      <c r="FQ3332" s="91"/>
      <c r="FR3332" s="91"/>
      <c r="FS3332" s="91"/>
      <c r="FT3332" s="91"/>
      <c r="FU3332" s="91"/>
      <c r="FV3332" s="91"/>
      <c r="FW3332" s="91"/>
      <c r="FX3332" s="127"/>
      <c r="FY3332" s="126"/>
      <c r="FZ3332" s="91"/>
      <c r="GA3332" s="91"/>
      <c r="GB3332" s="91"/>
      <c r="GC3332" s="91"/>
      <c r="GD3332" s="91"/>
      <c r="GE3332" s="91"/>
      <c r="GF3332" s="91"/>
      <c r="GG3332" s="91"/>
      <c r="GH3332" s="91"/>
      <c r="GI3332" s="91"/>
      <c r="GJ3332" s="91"/>
      <c r="GK3332" s="127"/>
      <c r="GL3332" s="126"/>
      <c r="GM3332" s="91"/>
      <c r="GN3332" s="91"/>
      <c r="GO3332" s="91"/>
      <c r="GP3332" s="91"/>
      <c r="GQ3332" s="91"/>
      <c r="GR3332" s="91"/>
      <c r="GS3332" s="91"/>
      <c r="GT3332" s="91"/>
      <c r="GU3332" s="91"/>
      <c r="GV3332" s="91"/>
      <c r="GW3332" s="91"/>
      <c r="GX3332" s="127"/>
      <c r="GY3332" s="126"/>
      <c r="GZ3332" s="91"/>
      <c r="HA3332" s="91"/>
      <c r="HB3332" s="91"/>
      <c r="HC3332" s="91"/>
      <c r="HD3332" s="91"/>
      <c r="HE3332" s="91"/>
      <c r="HF3332" s="91"/>
      <c r="HG3332" s="91"/>
      <c r="HH3332" s="91"/>
      <c r="HI3332" s="91"/>
      <c r="HJ3332" s="91"/>
      <c r="HK3332" s="127"/>
      <c r="HL3332" s="126"/>
      <c r="HM3332" s="91"/>
      <c r="HN3332" s="91"/>
      <c r="HO3332" s="91"/>
      <c r="HP3332" s="91"/>
      <c r="HQ3332" s="91"/>
      <c r="HR3332" s="91"/>
      <c r="HS3332" s="91"/>
      <c r="HT3332" s="91"/>
      <c r="HU3332" s="91"/>
      <c r="HV3332" s="91"/>
      <c r="HW3332" s="91"/>
      <c r="HX3332" s="127"/>
      <c r="HY3332" s="126"/>
      <c r="HZ3332" s="91"/>
      <c r="IA3332" s="91"/>
      <c r="IB3332" s="91"/>
      <c r="IC3332" s="91"/>
      <c r="ID3332" s="91"/>
      <c r="IE3332" s="91"/>
      <c r="IF3332" s="91"/>
      <c r="IG3332" s="91"/>
      <c r="IH3332" s="91"/>
      <c r="II3332" s="91"/>
      <c r="IJ3332" s="91"/>
      <c r="IK3332" s="174"/>
    </row>
    <row r="3333" spans="2:245" x14ac:dyDescent="0.2">
      <c r="B3333" s="43"/>
      <c r="C3333" s="73"/>
      <c r="D3333" s="64"/>
      <c r="E3333" s="64"/>
      <c r="F3333" s="55"/>
      <c r="G3333" s="102"/>
      <c r="H3333" s="97"/>
      <c r="T3333" s="98"/>
      <c r="U3333" s="97"/>
      <c r="AG3333" s="98"/>
      <c r="AY3333" s="164"/>
      <c r="BK3333" s="98"/>
      <c r="BL3333" s="97"/>
      <c r="BX3333" s="98"/>
      <c r="CL3333" s="97"/>
      <c r="CX3333" s="98"/>
      <c r="DL3333" s="97"/>
      <c r="DX3333" s="98"/>
      <c r="EL3333" s="97"/>
      <c r="EX3333" s="98"/>
      <c r="EY3333" s="97"/>
      <c r="FL3333" s="126"/>
      <c r="FM3333" s="91"/>
      <c r="FN3333" s="91"/>
      <c r="FO3333" s="91"/>
      <c r="FP3333" s="91"/>
      <c r="FQ3333" s="91"/>
      <c r="FR3333" s="91"/>
      <c r="FS3333" s="91"/>
      <c r="FT3333" s="91"/>
      <c r="FU3333" s="91"/>
      <c r="FV3333" s="91"/>
      <c r="FW3333" s="91"/>
      <c r="FX3333" s="127"/>
      <c r="FY3333" s="126"/>
      <c r="FZ3333" s="91"/>
      <c r="GA3333" s="91"/>
      <c r="GB3333" s="91"/>
      <c r="GC3333" s="91"/>
      <c r="GD3333" s="91"/>
      <c r="GE3333" s="91"/>
      <c r="GF3333" s="91"/>
      <c r="GG3333" s="91"/>
      <c r="GH3333" s="91"/>
      <c r="GI3333" s="91"/>
      <c r="GJ3333" s="91"/>
      <c r="GK3333" s="127"/>
      <c r="GL3333" s="126"/>
      <c r="GM3333" s="91"/>
      <c r="GN3333" s="91"/>
      <c r="GO3333" s="91"/>
      <c r="GP3333" s="91"/>
      <c r="GQ3333" s="91"/>
      <c r="GR3333" s="91"/>
      <c r="GS3333" s="91"/>
      <c r="GT3333" s="91"/>
      <c r="GU3333" s="91"/>
      <c r="GV3333" s="91"/>
      <c r="GW3333" s="91"/>
      <c r="GX3333" s="127"/>
      <c r="GY3333" s="126"/>
      <c r="GZ3333" s="91"/>
      <c r="HA3333" s="91"/>
      <c r="HB3333" s="91"/>
      <c r="HC3333" s="91"/>
      <c r="HD3333" s="91"/>
      <c r="HE3333" s="91"/>
      <c r="HF3333" s="91"/>
      <c r="HG3333" s="91"/>
      <c r="HH3333" s="91"/>
      <c r="HI3333" s="91"/>
      <c r="HJ3333" s="91"/>
      <c r="HK3333" s="127"/>
      <c r="HL3333" s="126"/>
      <c r="HM3333" s="91"/>
      <c r="HN3333" s="91"/>
      <c r="HO3333" s="91"/>
      <c r="HP3333" s="91"/>
      <c r="HQ3333" s="91"/>
      <c r="HR3333" s="91"/>
      <c r="HS3333" s="91"/>
      <c r="HT3333" s="91"/>
      <c r="HU3333" s="91"/>
      <c r="HV3333" s="91"/>
      <c r="HW3333" s="91"/>
      <c r="HX3333" s="127"/>
      <c r="HY3333" s="126"/>
      <c r="HZ3333" s="91"/>
      <c r="IA3333" s="91"/>
      <c r="IB3333" s="91"/>
      <c r="IC3333" s="91"/>
      <c r="ID3333" s="91"/>
      <c r="IE3333" s="91"/>
      <c r="IF3333" s="91"/>
      <c r="IG3333" s="91"/>
      <c r="IH3333" s="91"/>
      <c r="II3333" s="91"/>
      <c r="IJ3333" s="91"/>
      <c r="IK3333" s="174"/>
    </row>
    <row r="3334" spans="2:245" x14ac:dyDescent="0.2">
      <c r="B3334" s="43"/>
      <c r="C3334" s="73"/>
      <c r="D3334" s="64"/>
      <c r="E3334" s="64"/>
      <c r="F3334" s="55"/>
      <c r="G3334" s="102"/>
      <c r="H3334" s="97"/>
      <c r="T3334" s="98"/>
      <c r="U3334" s="97"/>
      <c r="AG3334" s="98"/>
      <c r="AY3334" s="164"/>
      <c r="BK3334" s="98"/>
      <c r="BL3334" s="97"/>
      <c r="BX3334" s="98"/>
      <c r="CL3334" s="97"/>
      <c r="CX3334" s="98"/>
      <c r="DL3334" s="97"/>
      <c r="DX3334" s="98"/>
      <c r="EL3334" s="97"/>
      <c r="EX3334" s="98"/>
      <c r="EY3334" s="97"/>
      <c r="FL3334" s="126"/>
      <c r="FM3334" s="91"/>
      <c r="FN3334" s="91"/>
      <c r="FO3334" s="91"/>
      <c r="FP3334" s="91"/>
      <c r="FQ3334" s="91"/>
      <c r="FR3334" s="91"/>
      <c r="FS3334" s="91"/>
      <c r="FT3334" s="91"/>
      <c r="FU3334" s="91"/>
      <c r="FV3334" s="91"/>
      <c r="FW3334" s="91"/>
      <c r="FX3334" s="127"/>
      <c r="FY3334" s="126"/>
      <c r="FZ3334" s="91"/>
      <c r="GA3334" s="91"/>
      <c r="GB3334" s="91"/>
      <c r="GC3334" s="91"/>
      <c r="GD3334" s="91"/>
      <c r="GE3334" s="91"/>
      <c r="GF3334" s="91"/>
      <c r="GG3334" s="91"/>
      <c r="GH3334" s="91"/>
      <c r="GI3334" s="91"/>
      <c r="GJ3334" s="91"/>
      <c r="GK3334" s="127"/>
      <c r="GL3334" s="126"/>
      <c r="GM3334" s="91"/>
      <c r="GN3334" s="91"/>
      <c r="GO3334" s="91"/>
      <c r="GP3334" s="91"/>
      <c r="GQ3334" s="91"/>
      <c r="GR3334" s="91"/>
      <c r="GS3334" s="91"/>
      <c r="GT3334" s="91"/>
      <c r="GU3334" s="91"/>
      <c r="GV3334" s="91"/>
      <c r="GW3334" s="91"/>
      <c r="GX3334" s="127"/>
      <c r="GY3334" s="126"/>
      <c r="GZ3334" s="91"/>
      <c r="HA3334" s="91"/>
      <c r="HB3334" s="91"/>
      <c r="HC3334" s="91"/>
      <c r="HD3334" s="91"/>
      <c r="HE3334" s="91"/>
      <c r="HF3334" s="91"/>
      <c r="HG3334" s="91"/>
      <c r="HH3334" s="91"/>
      <c r="HI3334" s="91"/>
      <c r="HJ3334" s="91"/>
      <c r="HK3334" s="127"/>
      <c r="HL3334" s="126"/>
      <c r="HM3334" s="91"/>
      <c r="HN3334" s="91"/>
      <c r="HO3334" s="91"/>
      <c r="HP3334" s="91"/>
      <c r="HQ3334" s="91"/>
      <c r="HR3334" s="91"/>
      <c r="HS3334" s="91"/>
      <c r="HT3334" s="91"/>
      <c r="HU3334" s="91"/>
      <c r="HV3334" s="91"/>
      <c r="HW3334" s="91"/>
      <c r="HX3334" s="127"/>
      <c r="HY3334" s="126"/>
      <c r="HZ3334" s="91"/>
      <c r="IA3334" s="91"/>
      <c r="IB3334" s="91"/>
      <c r="IC3334" s="91"/>
      <c r="ID3334" s="91"/>
      <c r="IE3334" s="91"/>
      <c r="IF3334" s="91"/>
      <c r="IG3334" s="91"/>
      <c r="IH3334" s="91"/>
      <c r="II3334" s="91"/>
      <c r="IJ3334" s="91"/>
      <c r="IK3334" s="174"/>
    </row>
    <row r="3335" spans="2:245" x14ac:dyDescent="0.2">
      <c r="B3335" s="43"/>
      <c r="C3335" s="73"/>
      <c r="D3335" s="64"/>
      <c r="E3335" s="64"/>
      <c r="F3335" s="55"/>
      <c r="G3335" s="102"/>
      <c r="H3335" s="97"/>
      <c r="T3335" s="98"/>
      <c r="U3335" s="97"/>
      <c r="AG3335" s="98"/>
      <c r="AY3335" s="164"/>
      <c r="BK3335" s="98"/>
      <c r="BL3335" s="97"/>
      <c r="BX3335" s="98"/>
      <c r="CL3335" s="97"/>
      <c r="CX3335" s="98"/>
      <c r="DL3335" s="97"/>
      <c r="DX3335" s="98"/>
      <c r="EL3335" s="97"/>
      <c r="EX3335" s="98"/>
      <c r="EY3335" s="97"/>
      <c r="FL3335" s="126"/>
      <c r="FM3335" s="91"/>
      <c r="FN3335" s="91"/>
      <c r="FO3335" s="91"/>
      <c r="FP3335" s="91"/>
      <c r="FQ3335" s="91"/>
      <c r="FR3335" s="91"/>
      <c r="FS3335" s="91"/>
      <c r="FT3335" s="91"/>
      <c r="FU3335" s="91"/>
      <c r="FV3335" s="91"/>
      <c r="FW3335" s="91"/>
      <c r="FX3335" s="127"/>
      <c r="FY3335" s="126"/>
      <c r="FZ3335" s="91"/>
      <c r="GA3335" s="91"/>
      <c r="GB3335" s="91"/>
      <c r="GC3335" s="91"/>
      <c r="GD3335" s="91"/>
      <c r="GE3335" s="91"/>
      <c r="GF3335" s="91"/>
      <c r="GG3335" s="91"/>
      <c r="GH3335" s="91"/>
      <c r="GI3335" s="91"/>
      <c r="GJ3335" s="91"/>
      <c r="GK3335" s="127"/>
      <c r="GL3335" s="126"/>
      <c r="GM3335" s="91"/>
      <c r="GN3335" s="91"/>
      <c r="GO3335" s="91"/>
      <c r="GP3335" s="91"/>
      <c r="GQ3335" s="91"/>
      <c r="GR3335" s="91"/>
      <c r="GS3335" s="91"/>
      <c r="GT3335" s="91"/>
      <c r="GU3335" s="91"/>
      <c r="GV3335" s="91"/>
      <c r="GW3335" s="91"/>
      <c r="GX3335" s="127"/>
      <c r="GY3335" s="126"/>
      <c r="GZ3335" s="91"/>
      <c r="HA3335" s="91"/>
      <c r="HB3335" s="91"/>
      <c r="HC3335" s="91"/>
      <c r="HD3335" s="91"/>
      <c r="HE3335" s="91"/>
      <c r="HF3335" s="91"/>
      <c r="HG3335" s="91"/>
      <c r="HH3335" s="91"/>
      <c r="HI3335" s="91"/>
      <c r="HJ3335" s="91"/>
      <c r="HK3335" s="127"/>
      <c r="HL3335" s="126"/>
      <c r="HM3335" s="91"/>
      <c r="HN3335" s="91"/>
      <c r="HO3335" s="91"/>
      <c r="HP3335" s="91"/>
      <c r="HQ3335" s="91"/>
      <c r="HR3335" s="91"/>
      <c r="HS3335" s="91"/>
      <c r="HT3335" s="91"/>
      <c r="HU3335" s="91"/>
      <c r="HV3335" s="91"/>
      <c r="HW3335" s="91"/>
      <c r="HX3335" s="127"/>
      <c r="HY3335" s="126"/>
      <c r="HZ3335" s="91"/>
      <c r="IA3335" s="91"/>
      <c r="IB3335" s="91"/>
      <c r="IC3335" s="91"/>
      <c r="ID3335" s="91"/>
      <c r="IE3335" s="91"/>
      <c r="IF3335" s="91"/>
      <c r="IG3335" s="91"/>
      <c r="IH3335" s="91"/>
      <c r="II3335" s="91"/>
      <c r="IJ3335" s="91"/>
      <c r="IK3335" s="174"/>
    </row>
    <row r="3336" spans="2:245" x14ac:dyDescent="0.2">
      <c r="B3336" s="43"/>
      <c r="C3336" s="73"/>
      <c r="D3336" s="64"/>
      <c r="E3336" s="64"/>
      <c r="F3336" s="55"/>
      <c r="G3336" s="102"/>
      <c r="H3336" s="97"/>
      <c r="T3336" s="98"/>
      <c r="U3336" s="97"/>
      <c r="AG3336" s="98"/>
      <c r="AY3336" s="164"/>
      <c r="BK3336" s="98"/>
      <c r="BL3336" s="97"/>
      <c r="BX3336" s="98"/>
      <c r="CL3336" s="97"/>
      <c r="CX3336" s="98"/>
      <c r="DL3336" s="97"/>
      <c r="DX3336" s="98"/>
      <c r="EL3336" s="97"/>
      <c r="EX3336" s="98"/>
      <c r="EY3336" s="97"/>
      <c r="FL3336" s="126"/>
      <c r="FM3336" s="91"/>
      <c r="FN3336" s="91"/>
      <c r="FO3336" s="91"/>
      <c r="FP3336" s="91"/>
      <c r="FQ3336" s="91"/>
      <c r="FR3336" s="91"/>
      <c r="FS3336" s="91"/>
      <c r="FT3336" s="91"/>
      <c r="FU3336" s="91"/>
      <c r="FV3336" s="91"/>
      <c r="FW3336" s="91"/>
      <c r="FX3336" s="127"/>
      <c r="FY3336" s="126"/>
      <c r="FZ3336" s="91"/>
      <c r="GA3336" s="91"/>
      <c r="GB3336" s="91"/>
      <c r="GC3336" s="91"/>
      <c r="GD3336" s="91"/>
      <c r="GE3336" s="91"/>
      <c r="GF3336" s="91"/>
      <c r="GG3336" s="91"/>
      <c r="GH3336" s="91"/>
      <c r="GI3336" s="91"/>
      <c r="GJ3336" s="91"/>
      <c r="GK3336" s="127"/>
      <c r="GL3336" s="126"/>
      <c r="GM3336" s="91"/>
      <c r="GN3336" s="91"/>
      <c r="GO3336" s="91"/>
      <c r="GP3336" s="91"/>
      <c r="GQ3336" s="91"/>
      <c r="GR3336" s="91"/>
      <c r="GS3336" s="91"/>
      <c r="GT3336" s="91"/>
      <c r="GU3336" s="91"/>
      <c r="GV3336" s="91"/>
      <c r="GW3336" s="91"/>
      <c r="GX3336" s="127"/>
      <c r="GY3336" s="126"/>
      <c r="GZ3336" s="91"/>
      <c r="HA3336" s="91"/>
      <c r="HB3336" s="91"/>
      <c r="HC3336" s="91"/>
      <c r="HD3336" s="91"/>
      <c r="HE3336" s="91"/>
      <c r="HF3336" s="91"/>
      <c r="HG3336" s="91"/>
      <c r="HH3336" s="91"/>
      <c r="HI3336" s="91"/>
      <c r="HJ3336" s="91"/>
      <c r="HK3336" s="127"/>
      <c r="HL3336" s="126"/>
      <c r="HM3336" s="91"/>
      <c r="HN3336" s="91"/>
      <c r="HO3336" s="91"/>
      <c r="HP3336" s="91"/>
      <c r="HQ3336" s="91"/>
      <c r="HR3336" s="91"/>
      <c r="HS3336" s="91"/>
      <c r="HT3336" s="91"/>
      <c r="HU3336" s="91"/>
      <c r="HV3336" s="91"/>
      <c r="HW3336" s="91"/>
      <c r="HX3336" s="127"/>
      <c r="HY3336" s="126"/>
      <c r="HZ3336" s="91"/>
      <c r="IA3336" s="91"/>
      <c r="IB3336" s="91"/>
      <c r="IC3336" s="91"/>
      <c r="ID3336" s="91"/>
      <c r="IE3336" s="91"/>
      <c r="IF3336" s="91"/>
      <c r="IG3336" s="91"/>
      <c r="IH3336" s="91"/>
      <c r="II3336" s="91"/>
      <c r="IJ3336" s="91"/>
      <c r="IK3336" s="174"/>
    </row>
    <row r="3337" spans="2:245" x14ac:dyDescent="0.2">
      <c r="B3337" s="43"/>
      <c r="C3337" s="73"/>
      <c r="D3337" s="64"/>
      <c r="E3337" s="64"/>
      <c r="F3337" s="55"/>
      <c r="G3337" s="102"/>
      <c r="H3337" s="97"/>
      <c r="T3337" s="98"/>
      <c r="U3337" s="97"/>
      <c r="AG3337" s="98"/>
      <c r="AY3337" s="164"/>
      <c r="BK3337" s="98"/>
      <c r="BL3337" s="97"/>
      <c r="BX3337" s="98"/>
      <c r="CL3337" s="97"/>
      <c r="CX3337" s="98"/>
      <c r="DL3337" s="97"/>
      <c r="DX3337" s="98"/>
      <c r="EL3337" s="97"/>
      <c r="EX3337" s="98"/>
      <c r="EY3337" s="97"/>
      <c r="FL3337" s="126"/>
      <c r="FM3337" s="91"/>
      <c r="FN3337" s="91"/>
      <c r="FO3337" s="91"/>
      <c r="FP3337" s="91"/>
      <c r="FQ3337" s="91"/>
      <c r="FR3337" s="91"/>
      <c r="FS3337" s="91"/>
      <c r="FT3337" s="91"/>
      <c r="FU3337" s="91"/>
      <c r="FV3337" s="91"/>
      <c r="FW3337" s="91"/>
      <c r="FX3337" s="127"/>
      <c r="FY3337" s="126"/>
      <c r="FZ3337" s="91"/>
      <c r="GA3337" s="91"/>
      <c r="GB3337" s="91"/>
      <c r="GC3337" s="91"/>
      <c r="GD3337" s="91"/>
      <c r="GE3337" s="91"/>
      <c r="GF3337" s="91"/>
      <c r="GG3337" s="91"/>
      <c r="GH3337" s="91"/>
      <c r="GI3337" s="91"/>
      <c r="GJ3337" s="91"/>
      <c r="GK3337" s="127"/>
      <c r="GL3337" s="126"/>
      <c r="GM3337" s="91"/>
      <c r="GN3337" s="91"/>
      <c r="GO3337" s="91"/>
      <c r="GP3337" s="91"/>
      <c r="GQ3337" s="91"/>
      <c r="GR3337" s="91"/>
      <c r="GS3337" s="91"/>
      <c r="GT3337" s="91"/>
      <c r="GU3337" s="91"/>
      <c r="GV3337" s="91"/>
      <c r="GW3337" s="91"/>
      <c r="GX3337" s="127"/>
      <c r="GY3337" s="126"/>
      <c r="GZ3337" s="91"/>
      <c r="HA3337" s="91"/>
      <c r="HB3337" s="91"/>
      <c r="HC3337" s="91"/>
      <c r="HD3337" s="91"/>
      <c r="HE3337" s="91"/>
      <c r="HF3337" s="91"/>
      <c r="HG3337" s="91"/>
      <c r="HH3337" s="91"/>
      <c r="HI3337" s="91"/>
      <c r="HJ3337" s="91"/>
      <c r="HK3337" s="127"/>
      <c r="HL3337" s="126"/>
      <c r="HM3337" s="91"/>
      <c r="HN3337" s="91"/>
      <c r="HO3337" s="91"/>
      <c r="HP3337" s="91"/>
      <c r="HQ3337" s="91"/>
      <c r="HR3337" s="91"/>
      <c r="HS3337" s="91"/>
      <c r="HT3337" s="91"/>
      <c r="HU3337" s="91"/>
      <c r="HV3337" s="91"/>
      <c r="HW3337" s="91"/>
      <c r="HX3337" s="127"/>
      <c r="HY3337" s="126"/>
      <c r="HZ3337" s="91"/>
      <c r="IA3337" s="91"/>
      <c r="IB3337" s="91"/>
      <c r="IC3337" s="91"/>
      <c r="ID3337" s="91"/>
      <c r="IE3337" s="91"/>
      <c r="IF3337" s="91"/>
      <c r="IG3337" s="91"/>
      <c r="IH3337" s="91"/>
      <c r="II3337" s="91"/>
      <c r="IJ3337" s="91"/>
      <c r="IK3337" s="174"/>
    </row>
    <row r="3338" spans="2:245" x14ac:dyDescent="0.2">
      <c r="B3338" s="43"/>
      <c r="C3338" s="73"/>
      <c r="D3338" s="64"/>
      <c r="E3338" s="64"/>
      <c r="F3338" s="55"/>
      <c r="G3338" s="102"/>
      <c r="H3338" s="97"/>
      <c r="T3338" s="98"/>
      <c r="U3338" s="97"/>
      <c r="AG3338" s="98"/>
      <c r="AY3338" s="164"/>
      <c r="BK3338" s="98"/>
      <c r="BL3338" s="97"/>
      <c r="BX3338" s="98"/>
      <c r="CL3338" s="97"/>
      <c r="CX3338" s="98"/>
      <c r="DL3338" s="97"/>
      <c r="DX3338" s="98"/>
      <c r="EL3338" s="97"/>
      <c r="EX3338" s="98"/>
      <c r="EY3338" s="97"/>
      <c r="FL3338" s="126"/>
      <c r="FM3338" s="91"/>
      <c r="FN3338" s="91"/>
      <c r="FO3338" s="91"/>
      <c r="FP3338" s="91"/>
      <c r="FQ3338" s="91"/>
      <c r="FR3338" s="91"/>
      <c r="FS3338" s="91"/>
      <c r="FT3338" s="91"/>
      <c r="FU3338" s="91"/>
      <c r="FV3338" s="91"/>
      <c r="FW3338" s="91"/>
      <c r="FX3338" s="127"/>
      <c r="FY3338" s="126"/>
      <c r="FZ3338" s="91"/>
      <c r="GA3338" s="91"/>
      <c r="GB3338" s="91"/>
      <c r="GC3338" s="91"/>
      <c r="GD3338" s="91"/>
      <c r="GE3338" s="91"/>
      <c r="GF3338" s="91"/>
      <c r="GG3338" s="91"/>
      <c r="GH3338" s="91"/>
      <c r="GI3338" s="91"/>
      <c r="GJ3338" s="91"/>
      <c r="GK3338" s="127"/>
      <c r="GL3338" s="126"/>
      <c r="GM3338" s="91"/>
      <c r="GN3338" s="91"/>
      <c r="GO3338" s="91"/>
      <c r="GP3338" s="91"/>
      <c r="GQ3338" s="91"/>
      <c r="GR3338" s="91"/>
      <c r="GS3338" s="91"/>
      <c r="GT3338" s="91"/>
      <c r="GU3338" s="91"/>
      <c r="GV3338" s="91"/>
      <c r="GW3338" s="91"/>
      <c r="GX3338" s="127"/>
      <c r="GY3338" s="126"/>
      <c r="GZ3338" s="91"/>
      <c r="HA3338" s="91"/>
      <c r="HB3338" s="91"/>
      <c r="HC3338" s="91"/>
      <c r="HD3338" s="91"/>
      <c r="HE3338" s="91"/>
      <c r="HF3338" s="91"/>
      <c r="HG3338" s="91"/>
      <c r="HH3338" s="91"/>
      <c r="HI3338" s="91"/>
      <c r="HJ3338" s="91"/>
      <c r="HK3338" s="127"/>
      <c r="HL3338" s="126"/>
      <c r="HM3338" s="91"/>
      <c r="HN3338" s="91"/>
      <c r="HO3338" s="91"/>
      <c r="HP3338" s="91"/>
      <c r="HQ3338" s="91"/>
      <c r="HR3338" s="91"/>
      <c r="HS3338" s="91"/>
      <c r="HT3338" s="91"/>
      <c r="HU3338" s="91"/>
      <c r="HV3338" s="91"/>
      <c r="HW3338" s="91"/>
      <c r="HX3338" s="127"/>
      <c r="HY3338" s="126"/>
      <c r="HZ3338" s="91"/>
      <c r="IA3338" s="91"/>
      <c r="IB3338" s="91"/>
      <c r="IC3338" s="91"/>
      <c r="ID3338" s="91"/>
      <c r="IE3338" s="91"/>
      <c r="IF3338" s="91"/>
      <c r="IG3338" s="91"/>
      <c r="IH3338" s="91"/>
      <c r="II3338" s="91"/>
      <c r="IJ3338" s="91"/>
      <c r="IK3338" s="174"/>
    </row>
    <row r="3339" spans="2:245" x14ac:dyDescent="0.2">
      <c r="B3339" s="43"/>
      <c r="C3339" s="73"/>
      <c r="D3339" s="64"/>
      <c r="E3339" s="64"/>
      <c r="F3339" s="55"/>
      <c r="G3339" s="102"/>
      <c r="H3339" s="97"/>
      <c r="T3339" s="98"/>
      <c r="U3339" s="97"/>
      <c r="AG3339" s="98"/>
      <c r="AY3339" s="164"/>
      <c r="BK3339" s="98"/>
      <c r="BL3339" s="97"/>
      <c r="BX3339" s="98"/>
      <c r="CL3339" s="97"/>
      <c r="CX3339" s="98"/>
      <c r="DL3339" s="97"/>
      <c r="DX3339" s="98"/>
      <c r="EL3339" s="97"/>
      <c r="EX3339" s="98"/>
      <c r="EY3339" s="97"/>
      <c r="FL3339" s="126"/>
      <c r="FM3339" s="91"/>
      <c r="FN3339" s="91"/>
      <c r="FO3339" s="91"/>
      <c r="FP3339" s="91"/>
      <c r="FQ3339" s="91"/>
      <c r="FR3339" s="91"/>
      <c r="FS3339" s="91"/>
      <c r="FT3339" s="91"/>
      <c r="FU3339" s="91"/>
      <c r="FV3339" s="91"/>
      <c r="FW3339" s="91"/>
      <c r="FX3339" s="127"/>
      <c r="FY3339" s="126"/>
      <c r="FZ3339" s="91"/>
      <c r="GA3339" s="91"/>
      <c r="GB3339" s="91"/>
      <c r="GC3339" s="91"/>
      <c r="GD3339" s="91"/>
      <c r="GE3339" s="91"/>
      <c r="GF3339" s="91"/>
      <c r="GG3339" s="91"/>
      <c r="GH3339" s="91"/>
      <c r="GI3339" s="91"/>
      <c r="GJ3339" s="91"/>
      <c r="GK3339" s="127"/>
      <c r="GL3339" s="126"/>
      <c r="GM3339" s="91"/>
      <c r="GN3339" s="91"/>
      <c r="GO3339" s="91"/>
      <c r="GP3339" s="91"/>
      <c r="GQ3339" s="91"/>
      <c r="GR3339" s="91"/>
      <c r="GS3339" s="91"/>
      <c r="GT3339" s="91"/>
      <c r="GU3339" s="91"/>
      <c r="GV3339" s="91"/>
      <c r="GW3339" s="91"/>
      <c r="GX3339" s="127"/>
      <c r="GY3339" s="126"/>
      <c r="GZ3339" s="91"/>
      <c r="HA3339" s="91"/>
      <c r="HB3339" s="91"/>
      <c r="HC3339" s="91"/>
      <c r="HD3339" s="91"/>
      <c r="HE3339" s="91"/>
      <c r="HF3339" s="91"/>
      <c r="HG3339" s="91"/>
      <c r="HH3339" s="91"/>
      <c r="HI3339" s="91"/>
      <c r="HJ3339" s="91"/>
      <c r="HK3339" s="127"/>
      <c r="HL3339" s="126"/>
      <c r="HM3339" s="91"/>
      <c r="HN3339" s="91"/>
      <c r="HO3339" s="91"/>
      <c r="HP3339" s="91"/>
      <c r="HQ3339" s="91"/>
      <c r="HR3339" s="91"/>
      <c r="HS3339" s="91"/>
      <c r="HT3339" s="91"/>
      <c r="HU3339" s="91"/>
      <c r="HV3339" s="91"/>
      <c r="HW3339" s="91"/>
      <c r="HX3339" s="127"/>
      <c r="HY3339" s="126"/>
      <c r="HZ3339" s="91"/>
      <c r="IA3339" s="91"/>
      <c r="IB3339" s="91"/>
      <c r="IC3339" s="91"/>
      <c r="ID3339" s="91"/>
      <c r="IE3339" s="91"/>
      <c r="IF3339" s="91"/>
      <c r="IG3339" s="91"/>
      <c r="IH3339" s="91"/>
      <c r="II3339" s="91"/>
      <c r="IJ3339" s="91"/>
      <c r="IK3339" s="174"/>
    </row>
    <row r="3340" spans="2:245" x14ac:dyDescent="0.2">
      <c r="B3340" s="43"/>
      <c r="C3340" s="73"/>
      <c r="D3340" s="64"/>
      <c r="E3340" s="64"/>
      <c r="F3340" s="55"/>
      <c r="G3340" s="102"/>
      <c r="H3340" s="97"/>
      <c r="T3340" s="98"/>
      <c r="U3340" s="97"/>
      <c r="AG3340" s="98"/>
      <c r="AY3340" s="164"/>
      <c r="BK3340" s="98"/>
      <c r="BL3340" s="97"/>
      <c r="BX3340" s="98"/>
      <c r="CL3340" s="97"/>
      <c r="CX3340" s="98"/>
      <c r="DL3340" s="97"/>
      <c r="DX3340" s="98"/>
      <c r="EL3340" s="97"/>
      <c r="EX3340" s="98"/>
      <c r="EY3340" s="97"/>
      <c r="FL3340" s="126"/>
      <c r="FM3340" s="91"/>
      <c r="FN3340" s="91"/>
      <c r="FO3340" s="91"/>
      <c r="FP3340" s="91"/>
      <c r="FQ3340" s="91"/>
      <c r="FR3340" s="91"/>
      <c r="FS3340" s="91"/>
      <c r="FT3340" s="91"/>
      <c r="FU3340" s="91"/>
      <c r="FV3340" s="91"/>
      <c r="FW3340" s="91"/>
      <c r="FX3340" s="127"/>
      <c r="FY3340" s="126"/>
      <c r="FZ3340" s="91"/>
      <c r="GA3340" s="91"/>
      <c r="GB3340" s="91"/>
      <c r="GC3340" s="91"/>
      <c r="GD3340" s="91"/>
      <c r="GE3340" s="91"/>
      <c r="GF3340" s="91"/>
      <c r="GG3340" s="91"/>
      <c r="GH3340" s="91"/>
      <c r="GI3340" s="91"/>
      <c r="GJ3340" s="91"/>
      <c r="GK3340" s="127"/>
      <c r="GL3340" s="126"/>
      <c r="GM3340" s="91"/>
      <c r="GN3340" s="91"/>
      <c r="GO3340" s="91"/>
      <c r="GP3340" s="91"/>
      <c r="GQ3340" s="91"/>
      <c r="GR3340" s="91"/>
      <c r="GS3340" s="91"/>
      <c r="GT3340" s="91"/>
      <c r="GU3340" s="91"/>
      <c r="GV3340" s="91"/>
      <c r="GW3340" s="91"/>
      <c r="GX3340" s="127"/>
      <c r="GY3340" s="126"/>
      <c r="GZ3340" s="91"/>
      <c r="HA3340" s="91"/>
      <c r="HB3340" s="91"/>
      <c r="HC3340" s="91"/>
      <c r="HD3340" s="91"/>
      <c r="HE3340" s="91"/>
      <c r="HF3340" s="91"/>
      <c r="HG3340" s="91"/>
      <c r="HH3340" s="91"/>
      <c r="HI3340" s="91"/>
      <c r="HJ3340" s="91"/>
      <c r="HK3340" s="127"/>
      <c r="HL3340" s="126"/>
      <c r="HM3340" s="91"/>
      <c r="HN3340" s="91"/>
      <c r="HO3340" s="91"/>
      <c r="HP3340" s="91"/>
      <c r="HQ3340" s="91"/>
      <c r="HR3340" s="91"/>
      <c r="HS3340" s="91"/>
      <c r="HT3340" s="91"/>
      <c r="HU3340" s="91"/>
      <c r="HV3340" s="91"/>
      <c r="HW3340" s="91"/>
      <c r="HX3340" s="127"/>
      <c r="HY3340" s="126"/>
      <c r="HZ3340" s="91"/>
      <c r="IA3340" s="91"/>
      <c r="IB3340" s="91"/>
      <c r="IC3340" s="91"/>
      <c r="ID3340" s="91"/>
      <c r="IE3340" s="91"/>
      <c r="IF3340" s="91"/>
      <c r="IG3340" s="91"/>
      <c r="IH3340" s="91"/>
      <c r="II3340" s="91"/>
      <c r="IJ3340" s="91"/>
      <c r="IK3340" s="174"/>
    </row>
    <row r="3341" spans="2:245" x14ac:dyDescent="0.2">
      <c r="B3341" s="43"/>
      <c r="C3341" s="73"/>
      <c r="D3341" s="64"/>
      <c r="E3341" s="64"/>
      <c r="F3341" s="55"/>
      <c r="G3341" s="102"/>
      <c r="H3341" s="97"/>
      <c r="T3341" s="98"/>
      <c r="U3341" s="97"/>
      <c r="AG3341" s="98"/>
      <c r="AY3341" s="164"/>
      <c r="BK3341" s="98"/>
      <c r="BL3341" s="97"/>
      <c r="BX3341" s="98"/>
      <c r="CL3341" s="97"/>
      <c r="CX3341" s="98"/>
      <c r="DL3341" s="97"/>
      <c r="DX3341" s="98"/>
      <c r="EL3341" s="97"/>
      <c r="EX3341" s="98"/>
      <c r="EY3341" s="97"/>
      <c r="FL3341" s="126"/>
      <c r="FM3341" s="91"/>
      <c r="FN3341" s="91"/>
      <c r="FO3341" s="91"/>
      <c r="FP3341" s="91"/>
      <c r="FQ3341" s="91"/>
      <c r="FR3341" s="91"/>
      <c r="FS3341" s="91"/>
      <c r="FT3341" s="91"/>
      <c r="FU3341" s="91"/>
      <c r="FV3341" s="91"/>
      <c r="FW3341" s="91"/>
      <c r="FX3341" s="127"/>
      <c r="FY3341" s="126"/>
      <c r="FZ3341" s="91"/>
      <c r="GA3341" s="91"/>
      <c r="GB3341" s="91"/>
      <c r="GC3341" s="91"/>
      <c r="GD3341" s="91"/>
      <c r="GE3341" s="91"/>
      <c r="GF3341" s="91"/>
      <c r="GG3341" s="91"/>
      <c r="GH3341" s="91"/>
      <c r="GI3341" s="91"/>
      <c r="GJ3341" s="91"/>
      <c r="GK3341" s="127"/>
      <c r="GL3341" s="126"/>
      <c r="GM3341" s="91"/>
      <c r="GN3341" s="91"/>
      <c r="GO3341" s="91"/>
      <c r="GP3341" s="91"/>
      <c r="GQ3341" s="91"/>
      <c r="GR3341" s="91"/>
      <c r="GS3341" s="91"/>
      <c r="GT3341" s="91"/>
      <c r="GU3341" s="91"/>
      <c r="GV3341" s="91"/>
      <c r="GW3341" s="91"/>
      <c r="GX3341" s="127"/>
      <c r="GY3341" s="126"/>
      <c r="GZ3341" s="91"/>
      <c r="HA3341" s="91"/>
      <c r="HB3341" s="91"/>
      <c r="HC3341" s="91"/>
      <c r="HD3341" s="91"/>
      <c r="HE3341" s="91"/>
      <c r="HF3341" s="91"/>
      <c r="HG3341" s="91"/>
      <c r="HH3341" s="91"/>
      <c r="HI3341" s="91"/>
      <c r="HJ3341" s="91"/>
      <c r="HK3341" s="127"/>
      <c r="HL3341" s="126"/>
      <c r="HM3341" s="91"/>
      <c r="HN3341" s="91"/>
      <c r="HO3341" s="91"/>
      <c r="HP3341" s="91"/>
      <c r="HQ3341" s="91"/>
      <c r="HR3341" s="91"/>
      <c r="HS3341" s="91"/>
      <c r="HT3341" s="91"/>
      <c r="HU3341" s="91"/>
      <c r="HV3341" s="91"/>
      <c r="HW3341" s="91"/>
      <c r="HX3341" s="127"/>
      <c r="HY3341" s="126"/>
      <c r="HZ3341" s="91"/>
      <c r="IA3341" s="91"/>
      <c r="IB3341" s="91"/>
      <c r="IC3341" s="91"/>
      <c r="ID3341" s="91"/>
      <c r="IE3341" s="91"/>
      <c r="IF3341" s="91"/>
      <c r="IG3341" s="91"/>
      <c r="IH3341" s="91"/>
      <c r="II3341" s="91"/>
      <c r="IJ3341" s="91"/>
      <c r="IK3341" s="174"/>
    </row>
    <row r="3342" spans="2:245" x14ac:dyDescent="0.2">
      <c r="B3342" s="43"/>
      <c r="C3342" s="73"/>
      <c r="D3342" s="64"/>
      <c r="E3342" s="64"/>
      <c r="F3342" s="55"/>
      <c r="G3342" s="102"/>
      <c r="H3342" s="97"/>
      <c r="T3342" s="98"/>
      <c r="U3342" s="97"/>
      <c r="AG3342" s="98"/>
      <c r="AY3342" s="164"/>
      <c r="BK3342" s="98"/>
      <c r="BL3342" s="97"/>
      <c r="BX3342" s="98"/>
      <c r="CL3342" s="97"/>
      <c r="CX3342" s="98"/>
      <c r="DL3342" s="97"/>
      <c r="DX3342" s="98"/>
      <c r="EL3342" s="97"/>
      <c r="EX3342" s="98"/>
      <c r="EY3342" s="97"/>
      <c r="FL3342" s="126"/>
      <c r="FM3342" s="91"/>
      <c r="FN3342" s="91"/>
      <c r="FO3342" s="91"/>
      <c r="FP3342" s="91"/>
      <c r="FQ3342" s="91"/>
      <c r="FR3342" s="91"/>
      <c r="FS3342" s="91"/>
      <c r="FT3342" s="91"/>
      <c r="FU3342" s="91"/>
      <c r="FV3342" s="91"/>
      <c r="FW3342" s="91"/>
      <c r="FX3342" s="127"/>
      <c r="FY3342" s="126"/>
      <c r="FZ3342" s="91"/>
      <c r="GA3342" s="91"/>
      <c r="GB3342" s="91"/>
      <c r="GC3342" s="91"/>
      <c r="GD3342" s="91"/>
      <c r="GE3342" s="91"/>
      <c r="GF3342" s="91"/>
      <c r="GG3342" s="91"/>
      <c r="GH3342" s="91"/>
      <c r="GI3342" s="91"/>
      <c r="GJ3342" s="91"/>
      <c r="GK3342" s="127"/>
      <c r="GL3342" s="126"/>
      <c r="GM3342" s="91"/>
      <c r="GN3342" s="91"/>
      <c r="GO3342" s="91"/>
      <c r="GP3342" s="91"/>
      <c r="GQ3342" s="91"/>
      <c r="GR3342" s="91"/>
      <c r="GS3342" s="91"/>
      <c r="GT3342" s="91"/>
      <c r="GU3342" s="91"/>
      <c r="GV3342" s="91"/>
      <c r="GW3342" s="91"/>
      <c r="GX3342" s="127"/>
      <c r="GY3342" s="126"/>
      <c r="GZ3342" s="91"/>
      <c r="HA3342" s="91"/>
      <c r="HB3342" s="91"/>
      <c r="HC3342" s="91"/>
      <c r="HD3342" s="91"/>
      <c r="HE3342" s="91"/>
      <c r="HF3342" s="91"/>
      <c r="HG3342" s="91"/>
      <c r="HH3342" s="91"/>
      <c r="HI3342" s="91"/>
      <c r="HJ3342" s="91"/>
      <c r="HK3342" s="127"/>
      <c r="HL3342" s="126"/>
      <c r="HM3342" s="91"/>
      <c r="HN3342" s="91"/>
      <c r="HO3342" s="91"/>
      <c r="HP3342" s="91"/>
      <c r="HQ3342" s="91"/>
      <c r="HR3342" s="91"/>
      <c r="HS3342" s="91"/>
      <c r="HT3342" s="91"/>
      <c r="HU3342" s="91"/>
      <c r="HV3342" s="91"/>
      <c r="HW3342" s="91"/>
      <c r="HX3342" s="127"/>
      <c r="HY3342" s="126"/>
      <c r="HZ3342" s="91"/>
      <c r="IA3342" s="91"/>
      <c r="IB3342" s="91"/>
      <c r="IC3342" s="91"/>
      <c r="ID3342" s="91"/>
      <c r="IE3342" s="91"/>
      <c r="IF3342" s="91"/>
      <c r="IG3342" s="91"/>
      <c r="IH3342" s="91"/>
      <c r="II3342" s="91"/>
      <c r="IJ3342" s="91"/>
      <c r="IK3342" s="174"/>
    </row>
    <row r="3343" spans="2:245" x14ac:dyDescent="0.2">
      <c r="B3343" s="43"/>
      <c r="C3343" s="73"/>
      <c r="D3343" s="64"/>
      <c r="E3343" s="64"/>
      <c r="F3343" s="55"/>
      <c r="G3343" s="102"/>
      <c r="H3343" s="97"/>
      <c r="T3343" s="98"/>
      <c r="U3343" s="97"/>
      <c r="AG3343" s="98"/>
      <c r="AY3343" s="164"/>
      <c r="BK3343" s="98"/>
      <c r="BL3343" s="97"/>
      <c r="BX3343" s="98"/>
      <c r="CL3343" s="97"/>
      <c r="CX3343" s="98"/>
      <c r="DL3343" s="97"/>
      <c r="DX3343" s="98"/>
      <c r="EL3343" s="97"/>
      <c r="EX3343" s="98"/>
      <c r="EY3343" s="97"/>
      <c r="FL3343" s="126"/>
      <c r="FM3343" s="91"/>
      <c r="FN3343" s="91"/>
      <c r="FO3343" s="91"/>
      <c r="FP3343" s="91"/>
      <c r="FQ3343" s="91"/>
      <c r="FR3343" s="91"/>
      <c r="FS3343" s="91"/>
      <c r="FT3343" s="91"/>
      <c r="FU3343" s="91"/>
      <c r="FV3343" s="91"/>
      <c r="FW3343" s="91"/>
      <c r="FX3343" s="127"/>
      <c r="FY3343" s="126"/>
      <c r="FZ3343" s="91"/>
      <c r="GA3343" s="91"/>
      <c r="GB3343" s="91"/>
      <c r="GC3343" s="91"/>
      <c r="GD3343" s="91"/>
      <c r="GE3343" s="91"/>
      <c r="GF3343" s="91"/>
      <c r="GG3343" s="91"/>
      <c r="GH3343" s="91"/>
      <c r="GI3343" s="91"/>
      <c r="GJ3343" s="91"/>
      <c r="GK3343" s="127"/>
      <c r="GL3343" s="126"/>
      <c r="GM3343" s="91"/>
      <c r="GN3343" s="91"/>
      <c r="GO3343" s="91"/>
      <c r="GP3343" s="91"/>
      <c r="GQ3343" s="91"/>
      <c r="GR3343" s="91"/>
      <c r="GS3343" s="91"/>
      <c r="GT3343" s="91"/>
      <c r="GU3343" s="91"/>
      <c r="GV3343" s="91"/>
      <c r="GW3343" s="91"/>
      <c r="GX3343" s="127"/>
      <c r="GY3343" s="126"/>
      <c r="GZ3343" s="91"/>
      <c r="HA3343" s="91"/>
      <c r="HB3343" s="91"/>
      <c r="HC3343" s="91"/>
      <c r="HD3343" s="91"/>
      <c r="HE3343" s="91"/>
      <c r="HF3343" s="91"/>
      <c r="HG3343" s="91"/>
      <c r="HH3343" s="91"/>
      <c r="HI3343" s="91"/>
      <c r="HJ3343" s="91"/>
      <c r="HK3343" s="127"/>
      <c r="HL3343" s="126"/>
      <c r="HM3343" s="91"/>
      <c r="HN3343" s="91"/>
      <c r="HO3343" s="91"/>
      <c r="HP3343" s="91"/>
      <c r="HQ3343" s="91"/>
      <c r="HR3343" s="91"/>
      <c r="HS3343" s="91"/>
      <c r="HT3343" s="91"/>
      <c r="HU3343" s="91"/>
      <c r="HV3343" s="91"/>
      <c r="HW3343" s="91"/>
      <c r="HX3343" s="127"/>
      <c r="HY3343" s="126"/>
      <c r="HZ3343" s="91"/>
      <c r="IA3343" s="91"/>
      <c r="IB3343" s="91"/>
      <c r="IC3343" s="91"/>
      <c r="ID3343" s="91"/>
      <c r="IE3343" s="91"/>
      <c r="IF3343" s="91"/>
      <c r="IG3343" s="91"/>
      <c r="IH3343" s="91"/>
      <c r="II3343" s="91"/>
      <c r="IJ3343" s="91"/>
      <c r="IK3343" s="174"/>
    </row>
    <row r="3344" spans="2:245" x14ac:dyDescent="0.2">
      <c r="B3344" s="43"/>
      <c r="C3344" s="73"/>
      <c r="D3344" s="64"/>
      <c r="E3344" s="64"/>
      <c r="F3344" s="55"/>
      <c r="G3344" s="102"/>
      <c r="H3344" s="97"/>
      <c r="T3344" s="98"/>
      <c r="U3344" s="97"/>
      <c r="AG3344" s="98"/>
      <c r="AY3344" s="164"/>
      <c r="BK3344" s="98"/>
      <c r="BL3344" s="97"/>
      <c r="BX3344" s="98"/>
      <c r="CL3344" s="97"/>
      <c r="CX3344" s="98"/>
      <c r="DL3344" s="97"/>
      <c r="DX3344" s="98"/>
      <c r="EL3344" s="97"/>
      <c r="EX3344" s="98"/>
      <c r="EY3344" s="97"/>
      <c r="FL3344" s="126"/>
      <c r="FM3344" s="91"/>
      <c r="FN3344" s="91"/>
      <c r="FO3344" s="91"/>
      <c r="FP3344" s="91"/>
      <c r="FQ3344" s="91"/>
      <c r="FR3344" s="91"/>
      <c r="FS3344" s="91"/>
      <c r="FT3344" s="91"/>
      <c r="FU3344" s="91"/>
      <c r="FV3344" s="91"/>
      <c r="FW3344" s="91"/>
      <c r="FX3344" s="127"/>
      <c r="FY3344" s="126"/>
      <c r="FZ3344" s="91"/>
      <c r="GA3344" s="91"/>
      <c r="GB3344" s="91"/>
      <c r="GC3344" s="91"/>
      <c r="GD3344" s="91"/>
      <c r="GE3344" s="91"/>
      <c r="GF3344" s="91"/>
      <c r="GG3344" s="91"/>
      <c r="GH3344" s="91"/>
      <c r="GI3344" s="91"/>
      <c r="GJ3344" s="91"/>
      <c r="GK3344" s="127"/>
      <c r="GL3344" s="126"/>
      <c r="GM3344" s="91"/>
      <c r="GN3344" s="91"/>
      <c r="GO3344" s="91"/>
      <c r="GP3344" s="91"/>
      <c r="GQ3344" s="91"/>
      <c r="GR3344" s="91"/>
      <c r="GS3344" s="91"/>
      <c r="GT3344" s="91"/>
      <c r="GU3344" s="91"/>
      <c r="GV3344" s="91"/>
      <c r="GW3344" s="91"/>
      <c r="GX3344" s="127"/>
      <c r="GY3344" s="126"/>
      <c r="GZ3344" s="91"/>
      <c r="HA3344" s="91"/>
      <c r="HB3344" s="91"/>
      <c r="HC3344" s="91"/>
      <c r="HD3344" s="91"/>
      <c r="HE3344" s="91"/>
      <c r="HF3344" s="91"/>
      <c r="HG3344" s="91"/>
      <c r="HH3344" s="91"/>
      <c r="HI3344" s="91"/>
      <c r="HJ3344" s="91"/>
      <c r="HK3344" s="127"/>
      <c r="HL3344" s="126"/>
      <c r="HM3344" s="91"/>
      <c r="HN3344" s="91"/>
      <c r="HO3344" s="91"/>
      <c r="HP3344" s="91"/>
      <c r="HQ3344" s="91"/>
      <c r="HR3344" s="91"/>
      <c r="HS3344" s="91"/>
      <c r="HT3344" s="91"/>
      <c r="HU3344" s="91"/>
      <c r="HV3344" s="91"/>
      <c r="HW3344" s="91"/>
      <c r="HX3344" s="127"/>
      <c r="HY3344" s="126"/>
      <c r="HZ3344" s="91"/>
      <c r="IA3344" s="91"/>
      <c r="IB3344" s="91"/>
      <c r="IC3344" s="91"/>
      <c r="ID3344" s="91"/>
      <c r="IE3344" s="91"/>
      <c r="IF3344" s="91"/>
      <c r="IG3344" s="91"/>
      <c r="IH3344" s="91"/>
      <c r="II3344" s="91"/>
      <c r="IJ3344" s="91"/>
      <c r="IK3344" s="174"/>
    </row>
    <row r="3345" spans="2:245" x14ac:dyDescent="0.2">
      <c r="B3345" s="43"/>
      <c r="C3345" s="73"/>
      <c r="D3345" s="64"/>
      <c r="E3345" s="64"/>
      <c r="F3345" s="55"/>
      <c r="G3345" s="102"/>
      <c r="H3345" s="97"/>
      <c r="T3345" s="98"/>
      <c r="U3345" s="97"/>
      <c r="AG3345" s="98"/>
      <c r="AY3345" s="164"/>
      <c r="BK3345" s="98"/>
      <c r="BL3345" s="97"/>
      <c r="BX3345" s="98"/>
      <c r="CL3345" s="97"/>
      <c r="CX3345" s="98"/>
      <c r="DL3345" s="97"/>
      <c r="DX3345" s="98"/>
      <c r="EL3345" s="97"/>
      <c r="EX3345" s="98"/>
      <c r="EY3345" s="97"/>
      <c r="FL3345" s="126"/>
      <c r="FM3345" s="91"/>
      <c r="FN3345" s="91"/>
      <c r="FO3345" s="91"/>
      <c r="FP3345" s="91"/>
      <c r="FQ3345" s="91"/>
      <c r="FR3345" s="91"/>
      <c r="FS3345" s="91"/>
      <c r="FT3345" s="91"/>
      <c r="FU3345" s="91"/>
      <c r="FV3345" s="91"/>
      <c r="FW3345" s="91"/>
      <c r="FX3345" s="127"/>
      <c r="FY3345" s="126"/>
      <c r="FZ3345" s="91"/>
      <c r="GA3345" s="91"/>
      <c r="GB3345" s="91"/>
      <c r="GC3345" s="91"/>
      <c r="GD3345" s="91"/>
      <c r="GE3345" s="91"/>
      <c r="GF3345" s="91"/>
      <c r="GG3345" s="91"/>
      <c r="GH3345" s="91"/>
      <c r="GI3345" s="91"/>
      <c r="GJ3345" s="91"/>
      <c r="GK3345" s="127"/>
      <c r="GL3345" s="126"/>
      <c r="GM3345" s="91"/>
      <c r="GN3345" s="91"/>
      <c r="GO3345" s="91"/>
      <c r="GP3345" s="91"/>
      <c r="GQ3345" s="91"/>
      <c r="GR3345" s="91"/>
      <c r="GS3345" s="91"/>
      <c r="GT3345" s="91"/>
      <c r="GU3345" s="91"/>
      <c r="GV3345" s="91"/>
      <c r="GW3345" s="91"/>
      <c r="GX3345" s="127"/>
      <c r="GY3345" s="126"/>
      <c r="GZ3345" s="91"/>
      <c r="HA3345" s="91"/>
      <c r="HB3345" s="91"/>
      <c r="HC3345" s="91"/>
      <c r="HD3345" s="91"/>
      <c r="HE3345" s="91"/>
      <c r="HF3345" s="91"/>
      <c r="HG3345" s="91"/>
      <c r="HH3345" s="91"/>
      <c r="HI3345" s="91"/>
      <c r="HJ3345" s="91"/>
      <c r="HK3345" s="127"/>
      <c r="HL3345" s="126"/>
      <c r="HM3345" s="91"/>
      <c r="HN3345" s="91"/>
      <c r="HO3345" s="91"/>
      <c r="HP3345" s="91"/>
      <c r="HQ3345" s="91"/>
      <c r="HR3345" s="91"/>
      <c r="HS3345" s="91"/>
      <c r="HT3345" s="91"/>
      <c r="HU3345" s="91"/>
      <c r="HV3345" s="91"/>
      <c r="HW3345" s="91"/>
      <c r="HX3345" s="127"/>
      <c r="HY3345" s="126"/>
      <c r="HZ3345" s="91"/>
      <c r="IA3345" s="91"/>
      <c r="IB3345" s="91"/>
      <c r="IC3345" s="91"/>
      <c r="ID3345" s="91"/>
      <c r="IE3345" s="91"/>
      <c r="IF3345" s="91"/>
      <c r="IG3345" s="91"/>
      <c r="IH3345" s="91"/>
      <c r="II3345" s="91"/>
      <c r="IJ3345" s="91"/>
      <c r="IK3345" s="174"/>
    </row>
    <row r="3346" spans="2:245" x14ac:dyDescent="0.2">
      <c r="B3346" s="43"/>
      <c r="C3346" s="73"/>
      <c r="D3346" s="64"/>
      <c r="E3346" s="64"/>
      <c r="F3346" s="55"/>
      <c r="G3346" s="102"/>
      <c r="H3346" s="97"/>
      <c r="T3346" s="98"/>
      <c r="U3346" s="97"/>
      <c r="AG3346" s="98"/>
      <c r="AY3346" s="164"/>
      <c r="BK3346" s="98"/>
      <c r="BL3346" s="97"/>
      <c r="BX3346" s="98"/>
      <c r="CL3346" s="97"/>
      <c r="CX3346" s="98"/>
      <c r="DL3346" s="97"/>
      <c r="DX3346" s="98"/>
      <c r="EL3346" s="97"/>
      <c r="EX3346" s="98"/>
      <c r="EY3346" s="97"/>
      <c r="FL3346" s="126"/>
      <c r="FM3346" s="91"/>
      <c r="FN3346" s="91"/>
      <c r="FO3346" s="91"/>
      <c r="FP3346" s="91"/>
      <c r="FQ3346" s="91"/>
      <c r="FR3346" s="91"/>
      <c r="FS3346" s="91"/>
      <c r="FT3346" s="91"/>
      <c r="FU3346" s="91"/>
      <c r="FV3346" s="91"/>
      <c r="FW3346" s="91"/>
      <c r="FX3346" s="127"/>
      <c r="FY3346" s="126"/>
      <c r="FZ3346" s="91"/>
      <c r="GA3346" s="91"/>
      <c r="GB3346" s="91"/>
      <c r="GC3346" s="91"/>
      <c r="GD3346" s="91"/>
      <c r="GE3346" s="91"/>
      <c r="GF3346" s="91"/>
      <c r="GG3346" s="91"/>
      <c r="GH3346" s="91"/>
      <c r="GI3346" s="91"/>
      <c r="GJ3346" s="91"/>
      <c r="GK3346" s="127"/>
      <c r="GL3346" s="126"/>
      <c r="GM3346" s="91"/>
      <c r="GN3346" s="91"/>
      <c r="GO3346" s="91"/>
      <c r="GP3346" s="91"/>
      <c r="GQ3346" s="91"/>
      <c r="GR3346" s="91"/>
      <c r="GS3346" s="91"/>
      <c r="GT3346" s="91"/>
      <c r="GU3346" s="91"/>
      <c r="GV3346" s="91"/>
      <c r="GW3346" s="91"/>
      <c r="GX3346" s="127"/>
      <c r="GY3346" s="126"/>
      <c r="GZ3346" s="91"/>
      <c r="HA3346" s="91"/>
      <c r="HB3346" s="91"/>
      <c r="HC3346" s="91"/>
      <c r="HD3346" s="91"/>
      <c r="HE3346" s="91"/>
      <c r="HF3346" s="91"/>
      <c r="HG3346" s="91"/>
      <c r="HH3346" s="91"/>
      <c r="HI3346" s="91"/>
      <c r="HJ3346" s="91"/>
      <c r="HK3346" s="127"/>
      <c r="HL3346" s="126"/>
      <c r="HM3346" s="91"/>
      <c r="HN3346" s="91"/>
      <c r="HO3346" s="91"/>
      <c r="HP3346" s="91"/>
      <c r="HQ3346" s="91"/>
      <c r="HR3346" s="91"/>
      <c r="HS3346" s="91"/>
      <c r="HT3346" s="91"/>
      <c r="HU3346" s="91"/>
      <c r="HV3346" s="91"/>
      <c r="HW3346" s="91"/>
      <c r="HX3346" s="127"/>
      <c r="HY3346" s="126"/>
      <c r="HZ3346" s="91"/>
      <c r="IA3346" s="91"/>
      <c r="IB3346" s="91"/>
      <c r="IC3346" s="91"/>
      <c r="ID3346" s="91"/>
      <c r="IE3346" s="91"/>
      <c r="IF3346" s="91"/>
      <c r="IG3346" s="91"/>
      <c r="IH3346" s="91"/>
      <c r="II3346" s="91"/>
      <c r="IJ3346" s="91"/>
      <c r="IK3346" s="174"/>
    </row>
    <row r="3347" spans="2:245" x14ac:dyDescent="0.2">
      <c r="B3347" s="43"/>
      <c r="C3347" s="73"/>
      <c r="D3347" s="64"/>
      <c r="E3347" s="64"/>
      <c r="F3347" s="55"/>
      <c r="G3347" s="102"/>
      <c r="H3347" s="97"/>
      <c r="T3347" s="98"/>
      <c r="U3347" s="97"/>
      <c r="AG3347" s="98"/>
      <c r="AY3347" s="164"/>
      <c r="BK3347" s="98"/>
      <c r="BL3347" s="97"/>
      <c r="BX3347" s="98"/>
      <c r="CL3347" s="97"/>
      <c r="CX3347" s="98"/>
      <c r="DL3347" s="97"/>
      <c r="DX3347" s="98"/>
      <c r="EL3347" s="97"/>
      <c r="EX3347" s="98"/>
      <c r="EY3347" s="97"/>
      <c r="FL3347" s="126"/>
      <c r="FM3347" s="91"/>
      <c r="FN3347" s="91"/>
      <c r="FO3347" s="91"/>
      <c r="FP3347" s="91"/>
      <c r="FQ3347" s="91"/>
      <c r="FR3347" s="91"/>
      <c r="FS3347" s="91"/>
      <c r="FT3347" s="91"/>
      <c r="FU3347" s="91"/>
      <c r="FV3347" s="91"/>
      <c r="FW3347" s="91"/>
      <c r="FX3347" s="127"/>
      <c r="FY3347" s="126"/>
      <c r="FZ3347" s="91"/>
      <c r="GA3347" s="91"/>
      <c r="GB3347" s="91"/>
      <c r="GC3347" s="91"/>
      <c r="GD3347" s="91"/>
      <c r="GE3347" s="91"/>
      <c r="GF3347" s="91"/>
      <c r="GG3347" s="91"/>
      <c r="GH3347" s="91"/>
      <c r="GI3347" s="91"/>
      <c r="GJ3347" s="91"/>
      <c r="GK3347" s="127"/>
      <c r="GL3347" s="126"/>
      <c r="GM3347" s="91"/>
      <c r="GN3347" s="91"/>
      <c r="GO3347" s="91"/>
      <c r="GP3347" s="91"/>
      <c r="GQ3347" s="91"/>
      <c r="GR3347" s="91"/>
      <c r="GS3347" s="91"/>
      <c r="GT3347" s="91"/>
      <c r="GU3347" s="91"/>
      <c r="GV3347" s="91"/>
      <c r="GW3347" s="91"/>
      <c r="GX3347" s="127"/>
      <c r="GY3347" s="126"/>
      <c r="GZ3347" s="91"/>
      <c r="HA3347" s="91"/>
      <c r="HB3347" s="91"/>
      <c r="HC3347" s="91"/>
      <c r="HD3347" s="91"/>
      <c r="HE3347" s="91"/>
      <c r="HF3347" s="91"/>
      <c r="HG3347" s="91"/>
      <c r="HH3347" s="91"/>
      <c r="HI3347" s="91"/>
      <c r="HJ3347" s="91"/>
      <c r="HK3347" s="127"/>
      <c r="HL3347" s="126"/>
      <c r="HM3347" s="91"/>
      <c r="HN3347" s="91"/>
      <c r="HO3347" s="91"/>
      <c r="HP3347" s="91"/>
      <c r="HQ3347" s="91"/>
      <c r="HR3347" s="91"/>
      <c r="HS3347" s="91"/>
      <c r="HT3347" s="91"/>
      <c r="HU3347" s="91"/>
      <c r="HV3347" s="91"/>
      <c r="HW3347" s="91"/>
      <c r="HX3347" s="127"/>
      <c r="HY3347" s="126"/>
      <c r="HZ3347" s="91"/>
      <c r="IA3347" s="91"/>
      <c r="IB3347" s="91"/>
      <c r="IC3347" s="91"/>
      <c r="ID3347" s="91"/>
      <c r="IE3347" s="91"/>
      <c r="IF3347" s="91"/>
      <c r="IG3347" s="91"/>
      <c r="IH3347" s="91"/>
      <c r="II3347" s="91"/>
      <c r="IJ3347" s="91"/>
      <c r="IK3347" s="174"/>
    </row>
    <row r="3348" spans="2:245" x14ac:dyDescent="0.2">
      <c r="B3348" s="43"/>
      <c r="C3348" s="73"/>
      <c r="D3348" s="64"/>
      <c r="E3348" s="64"/>
      <c r="F3348" s="55"/>
      <c r="G3348" s="102"/>
      <c r="H3348" s="97"/>
      <c r="T3348" s="98"/>
      <c r="U3348" s="97"/>
      <c r="AG3348" s="98"/>
      <c r="AY3348" s="164"/>
      <c r="BK3348" s="98"/>
      <c r="BL3348" s="97"/>
      <c r="BX3348" s="98"/>
      <c r="CL3348" s="97"/>
      <c r="CX3348" s="98"/>
      <c r="DL3348" s="97"/>
      <c r="DX3348" s="98"/>
      <c r="EL3348" s="97"/>
      <c r="EX3348" s="98"/>
      <c r="EY3348" s="97"/>
      <c r="FL3348" s="126"/>
      <c r="FM3348" s="91"/>
      <c r="FN3348" s="91"/>
      <c r="FO3348" s="91"/>
      <c r="FP3348" s="91"/>
      <c r="FQ3348" s="91"/>
      <c r="FR3348" s="91"/>
      <c r="FS3348" s="91"/>
      <c r="FT3348" s="91"/>
      <c r="FU3348" s="91"/>
      <c r="FV3348" s="91"/>
      <c r="FW3348" s="91"/>
      <c r="FX3348" s="127"/>
      <c r="FY3348" s="126"/>
      <c r="FZ3348" s="91"/>
      <c r="GA3348" s="91"/>
      <c r="GB3348" s="91"/>
      <c r="GC3348" s="91"/>
      <c r="GD3348" s="91"/>
      <c r="GE3348" s="91"/>
      <c r="GF3348" s="91"/>
      <c r="GG3348" s="91"/>
      <c r="GH3348" s="91"/>
      <c r="GI3348" s="91"/>
      <c r="GJ3348" s="91"/>
      <c r="GK3348" s="127"/>
      <c r="GL3348" s="126"/>
      <c r="GM3348" s="91"/>
      <c r="GN3348" s="91"/>
      <c r="GO3348" s="91"/>
      <c r="GP3348" s="91"/>
      <c r="GQ3348" s="91"/>
      <c r="GR3348" s="91"/>
      <c r="GS3348" s="91"/>
      <c r="GT3348" s="91"/>
      <c r="GU3348" s="91"/>
      <c r="GV3348" s="91"/>
      <c r="GW3348" s="91"/>
      <c r="GX3348" s="127"/>
      <c r="GY3348" s="126"/>
      <c r="GZ3348" s="91"/>
      <c r="HA3348" s="91"/>
      <c r="HB3348" s="91"/>
      <c r="HC3348" s="91"/>
      <c r="HD3348" s="91"/>
      <c r="HE3348" s="91"/>
      <c r="HF3348" s="91"/>
      <c r="HG3348" s="91"/>
      <c r="HH3348" s="91"/>
      <c r="HI3348" s="91"/>
      <c r="HJ3348" s="91"/>
      <c r="HK3348" s="127"/>
      <c r="HL3348" s="126"/>
      <c r="HM3348" s="91"/>
      <c r="HN3348" s="91"/>
      <c r="HO3348" s="91"/>
      <c r="HP3348" s="91"/>
      <c r="HQ3348" s="91"/>
      <c r="HR3348" s="91"/>
      <c r="HS3348" s="91"/>
      <c r="HT3348" s="91"/>
      <c r="HU3348" s="91"/>
      <c r="HV3348" s="91"/>
      <c r="HW3348" s="91"/>
      <c r="HX3348" s="127"/>
      <c r="HY3348" s="126"/>
      <c r="HZ3348" s="91"/>
      <c r="IA3348" s="91"/>
      <c r="IB3348" s="91"/>
      <c r="IC3348" s="91"/>
      <c r="ID3348" s="91"/>
      <c r="IE3348" s="91"/>
      <c r="IF3348" s="91"/>
      <c r="IG3348" s="91"/>
      <c r="IH3348" s="91"/>
      <c r="II3348" s="91"/>
      <c r="IJ3348" s="91"/>
      <c r="IK3348" s="174"/>
    </row>
    <row r="3349" spans="2:245" x14ac:dyDescent="0.2">
      <c r="B3349" s="43"/>
      <c r="C3349" s="73"/>
      <c r="D3349" s="64"/>
      <c r="E3349" s="64"/>
      <c r="F3349" s="55"/>
      <c r="G3349" s="102"/>
      <c r="H3349" s="97"/>
      <c r="T3349" s="98"/>
      <c r="U3349" s="97"/>
      <c r="AG3349" s="98"/>
      <c r="AY3349" s="164"/>
      <c r="BK3349" s="98"/>
      <c r="BL3349" s="97"/>
      <c r="BX3349" s="98"/>
      <c r="CL3349" s="97"/>
      <c r="CX3349" s="98"/>
      <c r="DL3349" s="97"/>
      <c r="DX3349" s="98"/>
      <c r="EL3349" s="97"/>
      <c r="EX3349" s="98"/>
      <c r="EY3349" s="97"/>
      <c r="FL3349" s="126"/>
      <c r="FM3349" s="91"/>
      <c r="FN3349" s="91"/>
      <c r="FO3349" s="91"/>
      <c r="FP3349" s="91"/>
      <c r="FQ3349" s="91"/>
      <c r="FR3349" s="91"/>
      <c r="FS3349" s="91"/>
      <c r="FT3349" s="91"/>
      <c r="FU3349" s="91"/>
      <c r="FV3349" s="91"/>
      <c r="FW3349" s="91"/>
      <c r="FX3349" s="127"/>
      <c r="FY3349" s="126"/>
      <c r="FZ3349" s="91"/>
      <c r="GA3349" s="91"/>
      <c r="GB3349" s="91"/>
      <c r="GC3349" s="91"/>
      <c r="GD3349" s="91"/>
      <c r="GE3349" s="91"/>
      <c r="GF3349" s="91"/>
      <c r="GG3349" s="91"/>
      <c r="GH3349" s="91"/>
      <c r="GI3349" s="91"/>
      <c r="GJ3349" s="91"/>
      <c r="GK3349" s="127"/>
      <c r="GL3349" s="126"/>
      <c r="GM3349" s="91"/>
      <c r="GN3349" s="91"/>
      <c r="GO3349" s="91"/>
      <c r="GP3349" s="91"/>
      <c r="GQ3349" s="91"/>
      <c r="GR3349" s="91"/>
      <c r="GS3349" s="91"/>
      <c r="GT3349" s="91"/>
      <c r="GU3349" s="91"/>
      <c r="GV3349" s="91"/>
      <c r="GW3349" s="91"/>
      <c r="GX3349" s="127"/>
      <c r="GY3349" s="126"/>
      <c r="GZ3349" s="91"/>
      <c r="HA3349" s="91"/>
      <c r="HB3349" s="91"/>
      <c r="HC3349" s="91"/>
      <c r="HD3349" s="91"/>
      <c r="HE3349" s="91"/>
      <c r="HF3349" s="91"/>
      <c r="HG3349" s="91"/>
      <c r="HH3349" s="91"/>
      <c r="HI3349" s="91"/>
      <c r="HJ3349" s="91"/>
      <c r="HK3349" s="127"/>
      <c r="HL3349" s="126"/>
      <c r="HM3349" s="91"/>
      <c r="HN3349" s="91"/>
      <c r="HO3349" s="91"/>
      <c r="HP3349" s="91"/>
      <c r="HQ3349" s="91"/>
      <c r="HR3349" s="91"/>
      <c r="HS3349" s="91"/>
      <c r="HT3349" s="91"/>
      <c r="HU3349" s="91"/>
      <c r="HV3349" s="91"/>
      <c r="HW3349" s="91"/>
      <c r="HX3349" s="127"/>
      <c r="HY3349" s="126"/>
      <c r="HZ3349" s="91"/>
      <c r="IA3349" s="91"/>
      <c r="IB3349" s="91"/>
      <c r="IC3349" s="91"/>
      <c r="ID3349" s="91"/>
      <c r="IE3349" s="91"/>
      <c r="IF3349" s="91"/>
      <c r="IG3349" s="91"/>
      <c r="IH3349" s="91"/>
      <c r="II3349" s="91"/>
      <c r="IJ3349" s="91"/>
      <c r="IK3349" s="174"/>
    </row>
    <row r="3350" spans="2:245" x14ac:dyDescent="0.2">
      <c r="B3350" s="43"/>
      <c r="C3350" s="73"/>
      <c r="D3350" s="64"/>
      <c r="E3350" s="64"/>
      <c r="F3350" s="55"/>
      <c r="G3350" s="102"/>
      <c r="H3350" s="97"/>
      <c r="T3350" s="98"/>
      <c r="U3350" s="97"/>
      <c r="AG3350" s="98"/>
      <c r="AY3350" s="164"/>
      <c r="BK3350" s="98"/>
      <c r="BL3350" s="97"/>
      <c r="BX3350" s="98"/>
      <c r="CL3350" s="97"/>
      <c r="CX3350" s="98"/>
      <c r="DL3350" s="97"/>
      <c r="DX3350" s="98"/>
      <c r="EL3350" s="97"/>
      <c r="EX3350" s="98"/>
      <c r="EY3350" s="97"/>
      <c r="FL3350" s="126"/>
      <c r="FM3350" s="91"/>
      <c r="FN3350" s="91"/>
      <c r="FO3350" s="91"/>
      <c r="FP3350" s="91"/>
      <c r="FQ3350" s="91"/>
      <c r="FR3350" s="91"/>
      <c r="FS3350" s="91"/>
      <c r="FT3350" s="91"/>
      <c r="FU3350" s="91"/>
      <c r="FV3350" s="91"/>
      <c r="FW3350" s="91"/>
      <c r="FX3350" s="127"/>
      <c r="FY3350" s="126"/>
      <c r="FZ3350" s="91"/>
      <c r="GA3350" s="91"/>
      <c r="GB3350" s="91"/>
      <c r="GC3350" s="91"/>
      <c r="GD3350" s="91"/>
      <c r="GE3350" s="91"/>
      <c r="GF3350" s="91"/>
      <c r="GG3350" s="91"/>
      <c r="GH3350" s="91"/>
      <c r="GI3350" s="91"/>
      <c r="GJ3350" s="91"/>
      <c r="GK3350" s="127"/>
      <c r="GL3350" s="126"/>
      <c r="GM3350" s="91"/>
      <c r="GN3350" s="91"/>
      <c r="GO3350" s="91"/>
      <c r="GP3350" s="91"/>
      <c r="GQ3350" s="91"/>
      <c r="GR3350" s="91"/>
      <c r="GS3350" s="91"/>
      <c r="GT3350" s="91"/>
      <c r="GU3350" s="91"/>
      <c r="GV3350" s="91"/>
      <c r="GW3350" s="91"/>
      <c r="GX3350" s="127"/>
      <c r="GY3350" s="126"/>
      <c r="GZ3350" s="91"/>
      <c r="HA3350" s="91"/>
      <c r="HB3350" s="91"/>
      <c r="HC3350" s="91"/>
      <c r="HD3350" s="91"/>
      <c r="HE3350" s="91"/>
      <c r="HF3350" s="91"/>
      <c r="HG3350" s="91"/>
      <c r="HH3350" s="91"/>
      <c r="HI3350" s="91"/>
      <c r="HJ3350" s="91"/>
      <c r="HK3350" s="127"/>
      <c r="HL3350" s="126"/>
      <c r="HM3350" s="91"/>
      <c r="HN3350" s="91"/>
      <c r="HO3350" s="91"/>
      <c r="HP3350" s="91"/>
      <c r="HQ3350" s="91"/>
      <c r="HR3350" s="91"/>
      <c r="HS3350" s="91"/>
      <c r="HT3350" s="91"/>
      <c r="HU3350" s="91"/>
      <c r="HV3350" s="91"/>
      <c r="HW3350" s="91"/>
      <c r="HX3350" s="127"/>
      <c r="HY3350" s="126"/>
      <c r="HZ3350" s="91"/>
      <c r="IA3350" s="91"/>
      <c r="IB3350" s="91"/>
      <c r="IC3350" s="91"/>
      <c r="ID3350" s="91"/>
      <c r="IE3350" s="91"/>
      <c r="IF3350" s="91"/>
      <c r="IG3350" s="91"/>
      <c r="IH3350" s="91"/>
      <c r="II3350" s="91"/>
      <c r="IJ3350" s="91"/>
      <c r="IK3350" s="174"/>
    </row>
    <row r="3351" spans="2:245" x14ac:dyDescent="0.2">
      <c r="B3351" s="43"/>
      <c r="C3351" s="73"/>
      <c r="D3351" s="64"/>
      <c r="E3351" s="64"/>
      <c r="F3351" s="55"/>
      <c r="G3351" s="102"/>
      <c r="H3351" s="97"/>
      <c r="T3351" s="98"/>
      <c r="U3351" s="97"/>
      <c r="AG3351" s="98"/>
      <c r="AY3351" s="164"/>
      <c r="BK3351" s="98"/>
      <c r="BL3351" s="97"/>
      <c r="BX3351" s="98"/>
      <c r="CL3351" s="97"/>
      <c r="CX3351" s="98"/>
      <c r="DL3351" s="97"/>
      <c r="DX3351" s="98"/>
      <c r="EL3351" s="97"/>
      <c r="EX3351" s="98"/>
      <c r="EY3351" s="97"/>
      <c r="FL3351" s="126"/>
      <c r="FM3351" s="91"/>
      <c r="FN3351" s="91"/>
      <c r="FO3351" s="91"/>
      <c r="FP3351" s="91"/>
      <c r="FQ3351" s="91"/>
      <c r="FR3351" s="91"/>
      <c r="FS3351" s="91"/>
      <c r="FT3351" s="91"/>
      <c r="FU3351" s="91"/>
      <c r="FV3351" s="91"/>
      <c r="FW3351" s="91"/>
      <c r="FX3351" s="127"/>
      <c r="FY3351" s="126"/>
      <c r="FZ3351" s="91"/>
      <c r="GA3351" s="91"/>
      <c r="GB3351" s="91"/>
      <c r="GC3351" s="91"/>
      <c r="GD3351" s="91"/>
      <c r="GE3351" s="91"/>
      <c r="GF3351" s="91"/>
      <c r="GG3351" s="91"/>
      <c r="GH3351" s="91"/>
      <c r="GI3351" s="91"/>
      <c r="GJ3351" s="91"/>
      <c r="GK3351" s="127"/>
      <c r="GL3351" s="126"/>
      <c r="GM3351" s="91"/>
      <c r="GN3351" s="91"/>
      <c r="GO3351" s="91"/>
      <c r="GP3351" s="91"/>
      <c r="GQ3351" s="91"/>
      <c r="GR3351" s="91"/>
      <c r="GS3351" s="91"/>
      <c r="GT3351" s="91"/>
      <c r="GU3351" s="91"/>
      <c r="GV3351" s="91"/>
      <c r="GW3351" s="91"/>
      <c r="GX3351" s="127"/>
      <c r="GY3351" s="126"/>
      <c r="GZ3351" s="91"/>
      <c r="HA3351" s="91"/>
      <c r="HB3351" s="91"/>
      <c r="HC3351" s="91"/>
      <c r="HD3351" s="91"/>
      <c r="HE3351" s="91"/>
      <c r="HF3351" s="91"/>
      <c r="HG3351" s="91"/>
      <c r="HH3351" s="91"/>
      <c r="HI3351" s="91"/>
      <c r="HJ3351" s="91"/>
      <c r="HK3351" s="127"/>
      <c r="HL3351" s="126"/>
      <c r="HM3351" s="91"/>
      <c r="HN3351" s="91"/>
      <c r="HO3351" s="91"/>
      <c r="HP3351" s="91"/>
      <c r="HQ3351" s="91"/>
      <c r="HR3351" s="91"/>
      <c r="HS3351" s="91"/>
      <c r="HT3351" s="91"/>
      <c r="HU3351" s="91"/>
      <c r="HV3351" s="91"/>
      <c r="HW3351" s="91"/>
      <c r="HX3351" s="127"/>
      <c r="HY3351" s="126"/>
      <c r="HZ3351" s="91"/>
      <c r="IA3351" s="91"/>
      <c r="IB3351" s="91"/>
      <c r="IC3351" s="91"/>
      <c r="ID3351" s="91"/>
      <c r="IE3351" s="91"/>
      <c r="IF3351" s="91"/>
      <c r="IG3351" s="91"/>
      <c r="IH3351" s="91"/>
      <c r="II3351" s="91"/>
      <c r="IJ3351" s="91"/>
      <c r="IK3351" s="174"/>
    </row>
    <row r="3352" spans="2:245" x14ac:dyDescent="0.2">
      <c r="B3352" s="43"/>
      <c r="C3352" s="73"/>
      <c r="D3352" s="64"/>
      <c r="E3352" s="64"/>
      <c r="F3352" s="55"/>
      <c r="G3352" s="102"/>
      <c r="H3352" s="97"/>
      <c r="T3352" s="98"/>
      <c r="U3352" s="97"/>
      <c r="AG3352" s="98"/>
      <c r="AY3352" s="164"/>
      <c r="BK3352" s="98"/>
      <c r="BL3352" s="97"/>
      <c r="BX3352" s="98"/>
      <c r="CL3352" s="97"/>
      <c r="CX3352" s="98"/>
      <c r="DL3352" s="97"/>
      <c r="DX3352" s="98"/>
      <c r="EL3352" s="97"/>
      <c r="EX3352" s="98"/>
      <c r="EY3352" s="97"/>
      <c r="FL3352" s="126"/>
      <c r="FM3352" s="91"/>
      <c r="FN3352" s="91"/>
      <c r="FO3352" s="91"/>
      <c r="FP3352" s="91"/>
      <c r="FQ3352" s="91"/>
      <c r="FR3352" s="91"/>
      <c r="FS3352" s="91"/>
      <c r="FT3352" s="91"/>
      <c r="FU3352" s="91"/>
      <c r="FV3352" s="91"/>
      <c r="FW3352" s="91"/>
      <c r="FX3352" s="127"/>
      <c r="FY3352" s="126"/>
      <c r="FZ3352" s="91"/>
      <c r="GA3352" s="91"/>
      <c r="GB3352" s="91"/>
      <c r="GC3352" s="91"/>
      <c r="GD3352" s="91"/>
      <c r="GE3352" s="91"/>
      <c r="GF3352" s="91"/>
      <c r="GG3352" s="91"/>
      <c r="GH3352" s="91"/>
      <c r="GI3352" s="91"/>
      <c r="GJ3352" s="91"/>
      <c r="GK3352" s="127"/>
      <c r="GL3352" s="126"/>
      <c r="GM3352" s="91"/>
      <c r="GN3352" s="91"/>
      <c r="GO3352" s="91"/>
      <c r="GP3352" s="91"/>
      <c r="GQ3352" s="91"/>
      <c r="GR3352" s="91"/>
      <c r="GS3352" s="91"/>
      <c r="GT3352" s="91"/>
      <c r="GU3352" s="91"/>
      <c r="GV3352" s="91"/>
      <c r="GW3352" s="91"/>
      <c r="GX3352" s="127"/>
      <c r="GY3352" s="126"/>
      <c r="GZ3352" s="91"/>
      <c r="HA3352" s="91"/>
      <c r="HB3352" s="91"/>
      <c r="HC3352" s="91"/>
      <c r="HD3352" s="91"/>
      <c r="HE3352" s="91"/>
      <c r="HF3352" s="91"/>
      <c r="HG3352" s="91"/>
      <c r="HH3352" s="91"/>
      <c r="HI3352" s="91"/>
      <c r="HJ3352" s="91"/>
      <c r="HK3352" s="127"/>
      <c r="HL3352" s="126"/>
      <c r="HM3352" s="91"/>
      <c r="HN3352" s="91"/>
      <c r="HO3352" s="91"/>
      <c r="HP3352" s="91"/>
      <c r="HQ3352" s="91"/>
      <c r="HR3352" s="91"/>
      <c r="HS3352" s="91"/>
      <c r="HT3352" s="91"/>
      <c r="HU3352" s="91"/>
      <c r="HV3352" s="91"/>
      <c r="HW3352" s="91"/>
      <c r="HX3352" s="127"/>
      <c r="HY3352" s="126"/>
      <c r="HZ3352" s="91"/>
      <c r="IA3352" s="91"/>
      <c r="IB3352" s="91"/>
      <c r="IC3352" s="91"/>
      <c r="ID3352" s="91"/>
      <c r="IE3352" s="91"/>
      <c r="IF3352" s="91"/>
      <c r="IG3352" s="91"/>
      <c r="IH3352" s="91"/>
      <c r="II3352" s="91"/>
      <c r="IJ3352" s="91"/>
      <c r="IK3352" s="174"/>
    </row>
    <row r="3353" spans="2:245" x14ac:dyDescent="0.2">
      <c r="B3353" s="43"/>
      <c r="C3353" s="73"/>
      <c r="D3353" s="64"/>
      <c r="E3353" s="64"/>
      <c r="F3353" s="55"/>
      <c r="G3353" s="102"/>
      <c r="H3353" s="97"/>
      <c r="T3353" s="98"/>
      <c r="U3353" s="97"/>
      <c r="AG3353" s="98"/>
      <c r="AY3353" s="164"/>
      <c r="BK3353" s="98"/>
      <c r="BL3353" s="97"/>
      <c r="BX3353" s="98"/>
      <c r="CL3353" s="97"/>
      <c r="CX3353" s="98"/>
      <c r="DL3353" s="97"/>
      <c r="DX3353" s="98"/>
      <c r="EL3353" s="97"/>
      <c r="EX3353" s="98"/>
      <c r="EY3353" s="97"/>
      <c r="FL3353" s="126"/>
      <c r="FM3353" s="91"/>
      <c r="FN3353" s="91"/>
      <c r="FO3353" s="91"/>
      <c r="FP3353" s="91"/>
      <c r="FQ3353" s="91"/>
      <c r="FR3353" s="91"/>
      <c r="FS3353" s="91"/>
      <c r="FT3353" s="91"/>
      <c r="FU3353" s="91"/>
      <c r="FV3353" s="91"/>
      <c r="FW3353" s="91"/>
      <c r="FX3353" s="127"/>
      <c r="FY3353" s="126"/>
      <c r="FZ3353" s="91"/>
      <c r="GA3353" s="91"/>
      <c r="GB3353" s="91"/>
      <c r="GC3353" s="91"/>
      <c r="GD3353" s="91"/>
      <c r="GE3353" s="91"/>
      <c r="GF3353" s="91"/>
      <c r="GG3353" s="91"/>
      <c r="GH3353" s="91"/>
      <c r="GI3353" s="91"/>
      <c r="GJ3353" s="91"/>
      <c r="GK3353" s="127"/>
      <c r="GL3353" s="126"/>
      <c r="GM3353" s="91"/>
      <c r="GN3353" s="91"/>
      <c r="GO3353" s="91"/>
      <c r="GP3353" s="91"/>
      <c r="GQ3353" s="91"/>
      <c r="GR3353" s="91"/>
      <c r="GS3353" s="91"/>
      <c r="GT3353" s="91"/>
      <c r="GU3353" s="91"/>
      <c r="GV3353" s="91"/>
      <c r="GW3353" s="91"/>
      <c r="GX3353" s="127"/>
      <c r="GY3353" s="126"/>
      <c r="GZ3353" s="91"/>
      <c r="HA3353" s="91"/>
      <c r="HB3353" s="91"/>
      <c r="HC3353" s="91"/>
      <c r="HD3353" s="91"/>
      <c r="HE3353" s="91"/>
      <c r="HF3353" s="91"/>
      <c r="HG3353" s="91"/>
      <c r="HH3353" s="91"/>
      <c r="HI3353" s="91"/>
      <c r="HJ3353" s="91"/>
      <c r="HK3353" s="127"/>
      <c r="HL3353" s="126"/>
      <c r="HM3353" s="91"/>
      <c r="HN3353" s="91"/>
      <c r="HO3353" s="91"/>
      <c r="HP3353" s="91"/>
      <c r="HQ3353" s="91"/>
      <c r="HR3353" s="91"/>
      <c r="HS3353" s="91"/>
      <c r="HT3353" s="91"/>
      <c r="HU3353" s="91"/>
      <c r="HV3353" s="91"/>
      <c r="HW3353" s="91"/>
      <c r="HX3353" s="127"/>
      <c r="HY3353" s="126"/>
      <c r="HZ3353" s="91"/>
      <c r="IA3353" s="91"/>
      <c r="IB3353" s="91"/>
      <c r="IC3353" s="91"/>
      <c r="ID3353" s="91"/>
      <c r="IE3353" s="91"/>
      <c r="IF3353" s="91"/>
      <c r="IG3353" s="91"/>
      <c r="IH3353" s="91"/>
      <c r="II3353" s="91"/>
      <c r="IJ3353" s="91"/>
      <c r="IK3353" s="174"/>
    </row>
    <row r="3354" spans="2:245" x14ac:dyDescent="0.2">
      <c r="B3354" s="43"/>
      <c r="C3354" s="73"/>
      <c r="D3354" s="64"/>
      <c r="E3354" s="64"/>
      <c r="F3354" s="55"/>
      <c r="G3354" s="102"/>
      <c r="H3354" s="97"/>
      <c r="T3354" s="98"/>
      <c r="U3354" s="97"/>
      <c r="AG3354" s="98"/>
      <c r="AY3354" s="164"/>
      <c r="BK3354" s="98"/>
      <c r="BL3354" s="97"/>
      <c r="BX3354" s="98"/>
      <c r="CL3354" s="97"/>
      <c r="CX3354" s="98"/>
      <c r="DL3354" s="97"/>
      <c r="DX3354" s="98"/>
      <c r="EL3354" s="97"/>
      <c r="EX3354" s="98"/>
      <c r="EY3354" s="97"/>
      <c r="FL3354" s="126"/>
      <c r="FM3354" s="91"/>
      <c r="FN3354" s="91"/>
      <c r="FO3354" s="91"/>
      <c r="FP3354" s="91"/>
      <c r="FQ3354" s="91"/>
      <c r="FR3354" s="91"/>
      <c r="FS3354" s="91"/>
      <c r="FT3354" s="91"/>
      <c r="FU3354" s="91"/>
      <c r="FV3354" s="91"/>
      <c r="FW3354" s="91"/>
      <c r="FX3354" s="127"/>
      <c r="FY3354" s="126"/>
      <c r="FZ3354" s="91"/>
      <c r="GA3354" s="91"/>
      <c r="GB3354" s="91"/>
      <c r="GC3354" s="91"/>
      <c r="GD3354" s="91"/>
      <c r="GE3354" s="91"/>
      <c r="GF3354" s="91"/>
      <c r="GG3354" s="91"/>
      <c r="GH3354" s="91"/>
      <c r="GI3354" s="91"/>
      <c r="GJ3354" s="91"/>
      <c r="GK3354" s="127"/>
      <c r="GL3354" s="126"/>
      <c r="GM3354" s="91"/>
      <c r="GN3354" s="91"/>
      <c r="GO3354" s="91"/>
      <c r="GP3354" s="91"/>
      <c r="GQ3354" s="91"/>
      <c r="GR3354" s="91"/>
      <c r="GS3354" s="91"/>
      <c r="GT3354" s="91"/>
      <c r="GU3354" s="91"/>
      <c r="GV3354" s="91"/>
      <c r="GW3354" s="91"/>
      <c r="GX3354" s="127"/>
      <c r="GY3354" s="126"/>
      <c r="GZ3354" s="91"/>
      <c r="HA3354" s="91"/>
      <c r="HB3354" s="91"/>
      <c r="HC3354" s="91"/>
      <c r="HD3354" s="91"/>
      <c r="HE3354" s="91"/>
      <c r="HF3354" s="91"/>
      <c r="HG3354" s="91"/>
      <c r="HH3354" s="91"/>
      <c r="HI3354" s="91"/>
      <c r="HJ3354" s="91"/>
      <c r="HK3354" s="127"/>
      <c r="HL3354" s="126"/>
      <c r="HM3354" s="91"/>
      <c r="HN3354" s="91"/>
      <c r="HO3354" s="91"/>
      <c r="HP3354" s="91"/>
      <c r="HQ3354" s="91"/>
      <c r="HR3354" s="91"/>
      <c r="HS3354" s="91"/>
      <c r="HT3354" s="91"/>
      <c r="HU3354" s="91"/>
      <c r="HV3354" s="91"/>
      <c r="HW3354" s="91"/>
      <c r="HX3354" s="127"/>
      <c r="HY3354" s="126"/>
      <c r="HZ3354" s="91"/>
      <c r="IA3354" s="91"/>
      <c r="IB3354" s="91"/>
      <c r="IC3354" s="91"/>
      <c r="ID3354" s="91"/>
      <c r="IE3354" s="91"/>
      <c r="IF3354" s="91"/>
      <c r="IG3354" s="91"/>
      <c r="IH3354" s="91"/>
      <c r="II3354" s="91"/>
      <c r="IJ3354" s="91"/>
      <c r="IK3354" s="174"/>
    </row>
    <row r="3355" spans="2:245" x14ac:dyDescent="0.2">
      <c r="B3355" s="43"/>
      <c r="C3355" s="73"/>
      <c r="D3355" s="64"/>
      <c r="E3355" s="64"/>
      <c r="F3355" s="55"/>
      <c r="G3355" s="102"/>
      <c r="H3355" s="97"/>
      <c r="T3355" s="98"/>
      <c r="U3355" s="97"/>
      <c r="AG3355" s="98"/>
      <c r="AY3355" s="164"/>
      <c r="BK3355" s="98"/>
      <c r="BL3355" s="97"/>
      <c r="BX3355" s="98"/>
      <c r="CL3355" s="97"/>
      <c r="CX3355" s="98"/>
      <c r="DL3355" s="97"/>
      <c r="DX3355" s="98"/>
      <c r="EL3355" s="97"/>
      <c r="EX3355" s="98"/>
      <c r="EY3355" s="97"/>
      <c r="FL3355" s="126"/>
      <c r="FM3355" s="91"/>
      <c r="FN3355" s="91"/>
      <c r="FO3355" s="91"/>
      <c r="FP3355" s="91"/>
      <c r="FQ3355" s="91"/>
      <c r="FR3355" s="91"/>
      <c r="FS3355" s="91"/>
      <c r="FT3355" s="91"/>
      <c r="FU3355" s="91"/>
      <c r="FV3355" s="91"/>
      <c r="FW3355" s="91"/>
      <c r="FX3355" s="127"/>
      <c r="FY3355" s="126"/>
      <c r="FZ3355" s="91"/>
      <c r="GA3355" s="91"/>
      <c r="GB3355" s="91"/>
      <c r="GC3355" s="91"/>
      <c r="GD3355" s="91"/>
      <c r="GE3355" s="91"/>
      <c r="GF3355" s="91"/>
      <c r="GG3355" s="91"/>
      <c r="GH3355" s="91"/>
      <c r="GI3355" s="91"/>
      <c r="GJ3355" s="91"/>
      <c r="GK3355" s="127"/>
      <c r="GL3355" s="126"/>
      <c r="GM3355" s="91"/>
      <c r="GN3355" s="91"/>
      <c r="GO3355" s="91"/>
      <c r="GP3355" s="91"/>
      <c r="GQ3355" s="91"/>
      <c r="GR3355" s="91"/>
      <c r="GS3355" s="91"/>
      <c r="GT3355" s="91"/>
      <c r="GU3355" s="91"/>
      <c r="GV3355" s="91"/>
      <c r="GW3355" s="91"/>
      <c r="GX3355" s="127"/>
      <c r="GY3355" s="126"/>
      <c r="GZ3355" s="91"/>
      <c r="HA3355" s="91"/>
      <c r="HB3355" s="91"/>
      <c r="HC3355" s="91"/>
      <c r="HD3355" s="91"/>
      <c r="HE3355" s="91"/>
      <c r="HF3355" s="91"/>
      <c r="HG3355" s="91"/>
      <c r="HH3355" s="91"/>
      <c r="HI3355" s="91"/>
      <c r="HJ3355" s="91"/>
      <c r="HK3355" s="127"/>
      <c r="HL3355" s="126"/>
      <c r="HM3355" s="91"/>
      <c r="HN3355" s="91"/>
      <c r="HO3355" s="91"/>
      <c r="HP3355" s="91"/>
      <c r="HQ3355" s="91"/>
      <c r="HR3355" s="91"/>
      <c r="HS3355" s="91"/>
      <c r="HT3355" s="91"/>
      <c r="HU3355" s="91"/>
      <c r="HV3355" s="91"/>
      <c r="HW3355" s="91"/>
      <c r="HX3355" s="127"/>
      <c r="HY3355" s="126"/>
      <c r="HZ3355" s="91"/>
      <c r="IA3355" s="91"/>
      <c r="IB3355" s="91"/>
      <c r="IC3355" s="91"/>
      <c r="ID3355" s="91"/>
      <c r="IE3355" s="91"/>
      <c r="IF3355" s="91"/>
      <c r="IG3355" s="91"/>
      <c r="IH3355" s="91"/>
      <c r="II3355" s="91"/>
      <c r="IJ3355" s="91"/>
      <c r="IK3355" s="174"/>
    </row>
    <row r="3356" spans="2:245" x14ac:dyDescent="0.2">
      <c r="B3356" s="43"/>
      <c r="C3356" s="73"/>
      <c r="D3356" s="64"/>
      <c r="E3356" s="64"/>
      <c r="F3356" s="55"/>
      <c r="G3356" s="102"/>
      <c r="H3356" s="97"/>
      <c r="T3356" s="98"/>
      <c r="U3356" s="97"/>
      <c r="AG3356" s="98"/>
      <c r="AY3356" s="164"/>
      <c r="BK3356" s="98"/>
      <c r="BL3356" s="97"/>
      <c r="BX3356" s="98"/>
      <c r="CL3356" s="97"/>
      <c r="CX3356" s="98"/>
      <c r="DL3356" s="97"/>
      <c r="DX3356" s="98"/>
      <c r="EL3356" s="97"/>
      <c r="EX3356" s="98"/>
      <c r="EY3356" s="97"/>
      <c r="FL3356" s="126"/>
      <c r="FM3356" s="91"/>
      <c r="FN3356" s="91"/>
      <c r="FO3356" s="91"/>
      <c r="FP3356" s="91"/>
      <c r="FQ3356" s="91"/>
      <c r="FR3356" s="91"/>
      <c r="FS3356" s="91"/>
      <c r="FT3356" s="91"/>
      <c r="FU3356" s="91"/>
      <c r="FV3356" s="91"/>
      <c r="FW3356" s="91"/>
      <c r="FX3356" s="127"/>
      <c r="FY3356" s="126"/>
      <c r="FZ3356" s="91"/>
      <c r="GA3356" s="91"/>
      <c r="GB3356" s="91"/>
      <c r="GC3356" s="91"/>
      <c r="GD3356" s="91"/>
      <c r="GE3356" s="91"/>
      <c r="GF3356" s="91"/>
      <c r="GG3356" s="91"/>
      <c r="GH3356" s="91"/>
      <c r="GI3356" s="91"/>
      <c r="GJ3356" s="91"/>
      <c r="GK3356" s="127"/>
      <c r="GL3356" s="126"/>
      <c r="GM3356" s="91"/>
      <c r="GN3356" s="91"/>
      <c r="GO3356" s="91"/>
      <c r="GP3356" s="91"/>
      <c r="GQ3356" s="91"/>
      <c r="GR3356" s="91"/>
      <c r="GS3356" s="91"/>
      <c r="GT3356" s="91"/>
      <c r="GU3356" s="91"/>
      <c r="GV3356" s="91"/>
      <c r="GW3356" s="91"/>
      <c r="GX3356" s="127"/>
      <c r="GY3356" s="126"/>
      <c r="GZ3356" s="91"/>
      <c r="HA3356" s="91"/>
      <c r="HB3356" s="91"/>
      <c r="HC3356" s="91"/>
      <c r="HD3356" s="91"/>
      <c r="HE3356" s="91"/>
      <c r="HF3356" s="91"/>
      <c r="HG3356" s="91"/>
      <c r="HH3356" s="91"/>
      <c r="HI3356" s="91"/>
      <c r="HJ3356" s="91"/>
      <c r="HK3356" s="127"/>
      <c r="HL3356" s="126"/>
      <c r="HM3356" s="91"/>
      <c r="HN3356" s="91"/>
      <c r="HO3356" s="91"/>
      <c r="HP3356" s="91"/>
      <c r="HQ3356" s="91"/>
      <c r="HR3356" s="91"/>
      <c r="HS3356" s="91"/>
      <c r="HT3356" s="91"/>
      <c r="HU3356" s="91"/>
      <c r="HV3356" s="91"/>
      <c r="HW3356" s="91"/>
      <c r="HX3356" s="127"/>
      <c r="HY3356" s="126"/>
      <c r="HZ3356" s="91"/>
      <c r="IA3356" s="91"/>
      <c r="IB3356" s="91"/>
      <c r="IC3356" s="91"/>
      <c r="ID3356" s="91"/>
      <c r="IE3356" s="91"/>
      <c r="IF3356" s="91"/>
      <c r="IG3356" s="91"/>
      <c r="IH3356" s="91"/>
      <c r="II3356" s="91"/>
      <c r="IJ3356" s="91"/>
      <c r="IK3356" s="174"/>
    </row>
    <row r="3357" spans="2:245" x14ac:dyDescent="0.2">
      <c r="B3357" s="43"/>
      <c r="C3357" s="73"/>
      <c r="D3357" s="64"/>
      <c r="E3357" s="64"/>
      <c r="F3357" s="55"/>
      <c r="G3357" s="102"/>
      <c r="H3357" s="97"/>
      <c r="T3357" s="98"/>
      <c r="U3357" s="97"/>
      <c r="AG3357" s="98"/>
      <c r="AY3357" s="164"/>
      <c r="BK3357" s="98"/>
      <c r="BL3357" s="97"/>
      <c r="BX3357" s="98"/>
      <c r="CL3357" s="97"/>
      <c r="CX3357" s="98"/>
      <c r="DL3357" s="97"/>
      <c r="DX3357" s="98"/>
      <c r="EL3357" s="97"/>
      <c r="EX3357" s="98"/>
      <c r="EY3357" s="97"/>
      <c r="FL3357" s="126"/>
      <c r="FM3357" s="91"/>
      <c r="FN3357" s="91"/>
      <c r="FO3357" s="91"/>
      <c r="FP3357" s="91"/>
      <c r="FQ3357" s="91"/>
      <c r="FR3357" s="91"/>
      <c r="FS3357" s="91"/>
      <c r="FT3357" s="91"/>
      <c r="FU3357" s="91"/>
      <c r="FV3357" s="91"/>
      <c r="FW3357" s="91"/>
      <c r="FX3357" s="127"/>
      <c r="FY3357" s="126"/>
      <c r="FZ3357" s="91"/>
      <c r="GA3357" s="91"/>
      <c r="GB3357" s="91"/>
      <c r="GC3357" s="91"/>
      <c r="GD3357" s="91"/>
      <c r="GE3357" s="91"/>
      <c r="GF3357" s="91"/>
      <c r="GG3357" s="91"/>
      <c r="GH3357" s="91"/>
      <c r="GI3357" s="91"/>
      <c r="GJ3357" s="91"/>
      <c r="GK3357" s="127"/>
      <c r="GL3357" s="126"/>
      <c r="GM3357" s="91"/>
      <c r="GN3357" s="91"/>
      <c r="GO3357" s="91"/>
      <c r="GP3357" s="91"/>
      <c r="GQ3357" s="91"/>
      <c r="GR3357" s="91"/>
      <c r="GS3357" s="91"/>
      <c r="GT3357" s="91"/>
      <c r="GU3357" s="91"/>
      <c r="GV3357" s="91"/>
      <c r="GW3357" s="91"/>
      <c r="GX3357" s="127"/>
      <c r="GY3357" s="126"/>
      <c r="GZ3357" s="91"/>
      <c r="HA3357" s="91"/>
      <c r="HB3357" s="91"/>
      <c r="HC3357" s="91"/>
      <c r="HD3357" s="91"/>
      <c r="HE3357" s="91"/>
      <c r="HF3357" s="91"/>
      <c r="HG3357" s="91"/>
      <c r="HH3357" s="91"/>
      <c r="HI3357" s="91"/>
      <c r="HJ3357" s="91"/>
      <c r="HK3357" s="127"/>
      <c r="HL3357" s="126"/>
      <c r="HM3357" s="91"/>
      <c r="HN3357" s="91"/>
      <c r="HO3357" s="91"/>
      <c r="HP3357" s="91"/>
      <c r="HQ3357" s="91"/>
      <c r="HR3357" s="91"/>
      <c r="HS3357" s="91"/>
      <c r="HT3357" s="91"/>
      <c r="HU3357" s="91"/>
      <c r="HV3357" s="91"/>
      <c r="HW3357" s="91"/>
      <c r="HX3357" s="127"/>
      <c r="HY3357" s="126"/>
      <c r="HZ3357" s="91"/>
      <c r="IA3357" s="91"/>
      <c r="IB3357" s="91"/>
      <c r="IC3357" s="91"/>
      <c r="ID3357" s="91"/>
      <c r="IE3357" s="91"/>
      <c r="IF3357" s="91"/>
      <c r="IG3357" s="91"/>
      <c r="IH3357" s="91"/>
      <c r="II3357" s="91"/>
      <c r="IJ3357" s="91"/>
      <c r="IK3357" s="174"/>
    </row>
    <row r="3358" spans="2:245" x14ac:dyDescent="0.2">
      <c r="B3358" s="43"/>
      <c r="C3358" s="73"/>
      <c r="D3358" s="64"/>
      <c r="E3358" s="64"/>
      <c r="F3358" s="55"/>
      <c r="G3358" s="102"/>
      <c r="H3358" s="97"/>
      <c r="T3358" s="98"/>
      <c r="U3358" s="97"/>
      <c r="AG3358" s="98"/>
      <c r="AY3358" s="164"/>
      <c r="BK3358" s="98"/>
      <c r="BL3358" s="97"/>
      <c r="BX3358" s="98"/>
      <c r="CL3358" s="97"/>
      <c r="CX3358" s="98"/>
      <c r="DL3358" s="97"/>
      <c r="DX3358" s="98"/>
      <c r="EL3358" s="97"/>
      <c r="EX3358" s="98"/>
      <c r="EY3358" s="97"/>
      <c r="FL3358" s="126"/>
      <c r="FM3358" s="91"/>
      <c r="FN3358" s="91"/>
      <c r="FO3358" s="91"/>
      <c r="FP3358" s="91"/>
      <c r="FQ3358" s="91"/>
      <c r="FR3358" s="91"/>
      <c r="FS3358" s="91"/>
      <c r="FT3358" s="91"/>
      <c r="FU3358" s="91"/>
      <c r="FV3358" s="91"/>
      <c r="FW3358" s="91"/>
      <c r="FX3358" s="127"/>
      <c r="FY3358" s="126"/>
      <c r="FZ3358" s="91"/>
      <c r="GA3358" s="91"/>
      <c r="GB3358" s="91"/>
      <c r="GC3358" s="91"/>
      <c r="GD3358" s="91"/>
      <c r="GE3358" s="91"/>
      <c r="GF3358" s="91"/>
      <c r="GG3358" s="91"/>
      <c r="GH3358" s="91"/>
      <c r="GI3358" s="91"/>
      <c r="GJ3358" s="91"/>
      <c r="GK3358" s="127"/>
      <c r="GL3358" s="126"/>
      <c r="GM3358" s="91"/>
      <c r="GN3358" s="91"/>
      <c r="GO3358" s="91"/>
      <c r="GP3358" s="91"/>
      <c r="GQ3358" s="91"/>
      <c r="GR3358" s="91"/>
      <c r="GS3358" s="91"/>
      <c r="GT3358" s="91"/>
      <c r="GU3358" s="91"/>
      <c r="GV3358" s="91"/>
      <c r="GW3358" s="91"/>
      <c r="GX3358" s="127"/>
      <c r="GY3358" s="126"/>
      <c r="GZ3358" s="91"/>
      <c r="HA3358" s="91"/>
      <c r="HB3358" s="91"/>
      <c r="HC3358" s="91"/>
      <c r="HD3358" s="91"/>
      <c r="HE3358" s="91"/>
      <c r="HF3358" s="91"/>
      <c r="HG3358" s="91"/>
      <c r="HH3358" s="91"/>
      <c r="HI3358" s="91"/>
      <c r="HJ3358" s="91"/>
      <c r="HK3358" s="127"/>
      <c r="HL3358" s="126"/>
      <c r="HM3358" s="91"/>
      <c r="HN3358" s="91"/>
      <c r="HO3358" s="91"/>
      <c r="HP3358" s="91"/>
      <c r="HQ3358" s="91"/>
      <c r="HR3358" s="91"/>
      <c r="HS3358" s="91"/>
      <c r="HT3358" s="91"/>
      <c r="HU3358" s="91"/>
      <c r="HV3358" s="91"/>
      <c r="HW3358" s="91"/>
      <c r="HX3358" s="127"/>
      <c r="HY3358" s="126"/>
      <c r="HZ3358" s="91"/>
      <c r="IA3358" s="91"/>
      <c r="IB3358" s="91"/>
      <c r="IC3358" s="91"/>
      <c r="ID3358" s="91"/>
      <c r="IE3358" s="91"/>
      <c r="IF3358" s="91"/>
      <c r="IG3358" s="91"/>
      <c r="IH3358" s="91"/>
      <c r="II3358" s="91"/>
      <c r="IJ3358" s="91"/>
      <c r="IK3358" s="174"/>
    </row>
    <row r="3359" spans="2:245" x14ac:dyDescent="0.2">
      <c r="B3359" s="43"/>
      <c r="C3359" s="73"/>
      <c r="D3359" s="64"/>
      <c r="E3359" s="64"/>
      <c r="F3359" s="55"/>
      <c r="G3359" s="102"/>
      <c r="H3359" s="97"/>
      <c r="T3359" s="98"/>
      <c r="U3359" s="97"/>
      <c r="AG3359" s="98"/>
      <c r="AY3359" s="164"/>
      <c r="BK3359" s="98"/>
      <c r="BL3359" s="97"/>
      <c r="BX3359" s="98"/>
      <c r="CL3359" s="97"/>
      <c r="CX3359" s="98"/>
      <c r="DL3359" s="97"/>
      <c r="DX3359" s="98"/>
      <c r="EL3359" s="97"/>
      <c r="EX3359" s="98"/>
      <c r="EY3359" s="97"/>
      <c r="FL3359" s="126"/>
      <c r="FM3359" s="91"/>
      <c r="FN3359" s="91"/>
      <c r="FO3359" s="91"/>
      <c r="FP3359" s="91"/>
      <c r="FQ3359" s="91"/>
      <c r="FR3359" s="91"/>
      <c r="FS3359" s="91"/>
      <c r="FT3359" s="91"/>
      <c r="FU3359" s="91"/>
      <c r="FV3359" s="91"/>
      <c r="FW3359" s="91"/>
      <c r="FX3359" s="127"/>
      <c r="FY3359" s="126"/>
      <c r="FZ3359" s="91"/>
      <c r="GA3359" s="91"/>
      <c r="GB3359" s="91"/>
      <c r="GC3359" s="91"/>
      <c r="GD3359" s="91"/>
      <c r="GE3359" s="91"/>
      <c r="GF3359" s="91"/>
      <c r="GG3359" s="91"/>
      <c r="GH3359" s="91"/>
      <c r="GI3359" s="91"/>
      <c r="GJ3359" s="91"/>
      <c r="GK3359" s="127"/>
      <c r="GL3359" s="126"/>
      <c r="GM3359" s="91"/>
      <c r="GN3359" s="91"/>
      <c r="GO3359" s="91"/>
      <c r="GP3359" s="91"/>
      <c r="GQ3359" s="91"/>
      <c r="GR3359" s="91"/>
      <c r="GS3359" s="91"/>
      <c r="GT3359" s="91"/>
      <c r="GU3359" s="91"/>
      <c r="GV3359" s="91"/>
      <c r="GW3359" s="91"/>
      <c r="GX3359" s="127"/>
      <c r="GY3359" s="126"/>
      <c r="GZ3359" s="91"/>
      <c r="HA3359" s="91"/>
      <c r="HB3359" s="91"/>
      <c r="HC3359" s="91"/>
      <c r="HD3359" s="91"/>
      <c r="HE3359" s="91"/>
      <c r="HF3359" s="91"/>
      <c r="HG3359" s="91"/>
      <c r="HH3359" s="91"/>
      <c r="HI3359" s="91"/>
      <c r="HJ3359" s="91"/>
      <c r="HK3359" s="127"/>
      <c r="HL3359" s="126"/>
      <c r="HM3359" s="91"/>
      <c r="HN3359" s="91"/>
      <c r="HO3359" s="91"/>
      <c r="HP3359" s="91"/>
      <c r="HQ3359" s="91"/>
      <c r="HR3359" s="91"/>
      <c r="HS3359" s="91"/>
      <c r="HT3359" s="91"/>
      <c r="HU3359" s="91"/>
      <c r="HV3359" s="91"/>
      <c r="HW3359" s="91"/>
      <c r="HX3359" s="127"/>
      <c r="HY3359" s="126"/>
      <c r="HZ3359" s="91"/>
      <c r="IA3359" s="91"/>
      <c r="IB3359" s="91"/>
      <c r="IC3359" s="91"/>
      <c r="ID3359" s="91"/>
      <c r="IE3359" s="91"/>
      <c r="IF3359" s="91"/>
      <c r="IG3359" s="91"/>
      <c r="IH3359" s="91"/>
      <c r="II3359" s="91"/>
      <c r="IJ3359" s="91"/>
      <c r="IK3359" s="174"/>
    </row>
    <row r="3360" spans="2:245" x14ac:dyDescent="0.2">
      <c r="B3360" s="43"/>
      <c r="C3360" s="73"/>
      <c r="D3360" s="64"/>
      <c r="E3360" s="64"/>
      <c r="F3360" s="55"/>
      <c r="G3360" s="102"/>
      <c r="H3360" s="97"/>
      <c r="T3360" s="98"/>
      <c r="U3360" s="97"/>
      <c r="AG3360" s="98"/>
      <c r="AY3360" s="164"/>
      <c r="BK3360" s="98"/>
      <c r="BL3360" s="97"/>
      <c r="BX3360" s="98"/>
      <c r="CL3360" s="97"/>
      <c r="CX3360" s="98"/>
      <c r="DL3360" s="97"/>
      <c r="DX3360" s="98"/>
      <c r="EL3360" s="97"/>
      <c r="EX3360" s="98"/>
      <c r="EY3360" s="97"/>
      <c r="FL3360" s="126"/>
      <c r="FM3360" s="91"/>
      <c r="FN3360" s="91"/>
      <c r="FO3360" s="91"/>
      <c r="FP3360" s="91"/>
      <c r="FQ3360" s="91"/>
      <c r="FR3360" s="91"/>
      <c r="FS3360" s="91"/>
      <c r="FT3360" s="91"/>
      <c r="FU3360" s="91"/>
      <c r="FV3360" s="91"/>
      <c r="FW3360" s="91"/>
      <c r="FX3360" s="127"/>
      <c r="FY3360" s="126"/>
      <c r="FZ3360" s="91"/>
      <c r="GA3360" s="91"/>
      <c r="GB3360" s="91"/>
      <c r="GC3360" s="91"/>
      <c r="GD3360" s="91"/>
      <c r="GE3360" s="91"/>
      <c r="GF3360" s="91"/>
      <c r="GG3360" s="91"/>
      <c r="GH3360" s="91"/>
      <c r="GI3360" s="91"/>
      <c r="GJ3360" s="91"/>
      <c r="GK3360" s="127"/>
      <c r="GL3360" s="126"/>
      <c r="GM3360" s="91"/>
      <c r="GN3360" s="91"/>
      <c r="GO3360" s="91"/>
      <c r="GP3360" s="91"/>
      <c r="GQ3360" s="91"/>
      <c r="GR3360" s="91"/>
      <c r="GS3360" s="91"/>
      <c r="GT3360" s="91"/>
      <c r="GU3360" s="91"/>
      <c r="GV3360" s="91"/>
      <c r="GW3360" s="91"/>
      <c r="GX3360" s="127"/>
      <c r="GY3360" s="126"/>
      <c r="GZ3360" s="91"/>
      <c r="HA3360" s="91"/>
      <c r="HB3360" s="91"/>
      <c r="HC3360" s="91"/>
      <c r="HD3360" s="91"/>
      <c r="HE3360" s="91"/>
      <c r="HF3360" s="91"/>
      <c r="HG3360" s="91"/>
      <c r="HH3360" s="91"/>
      <c r="HI3360" s="91"/>
      <c r="HJ3360" s="91"/>
      <c r="HK3360" s="127"/>
      <c r="HL3360" s="126"/>
      <c r="HM3360" s="91"/>
      <c r="HN3360" s="91"/>
      <c r="HO3360" s="91"/>
      <c r="HP3360" s="91"/>
      <c r="HQ3360" s="91"/>
      <c r="HR3360" s="91"/>
      <c r="HS3360" s="91"/>
      <c r="HT3360" s="91"/>
      <c r="HU3360" s="91"/>
      <c r="HV3360" s="91"/>
      <c r="HW3360" s="91"/>
      <c r="HX3360" s="127"/>
      <c r="HY3360" s="126"/>
      <c r="HZ3360" s="91"/>
      <c r="IA3360" s="91"/>
      <c r="IB3360" s="91"/>
      <c r="IC3360" s="91"/>
      <c r="ID3360" s="91"/>
      <c r="IE3360" s="91"/>
      <c r="IF3360" s="91"/>
      <c r="IG3360" s="91"/>
      <c r="IH3360" s="91"/>
      <c r="II3360" s="91"/>
      <c r="IJ3360" s="91"/>
      <c r="IK3360" s="174"/>
    </row>
    <row r="3361" spans="2:245" x14ac:dyDescent="0.2">
      <c r="B3361" s="43"/>
      <c r="C3361" s="73"/>
      <c r="D3361" s="64"/>
      <c r="E3361" s="64"/>
      <c r="F3361" s="55"/>
      <c r="G3361" s="102"/>
      <c r="H3361" s="97"/>
      <c r="T3361" s="98"/>
      <c r="U3361" s="97"/>
      <c r="AG3361" s="98"/>
      <c r="AY3361" s="164"/>
      <c r="BK3361" s="98"/>
      <c r="BL3361" s="97"/>
      <c r="BX3361" s="98"/>
      <c r="CL3361" s="97"/>
      <c r="CX3361" s="98"/>
      <c r="DL3361" s="97"/>
      <c r="DX3361" s="98"/>
      <c r="EL3361" s="97"/>
      <c r="EX3361" s="98"/>
      <c r="EY3361" s="97"/>
      <c r="FL3361" s="126"/>
      <c r="FM3361" s="91"/>
      <c r="FN3361" s="91"/>
      <c r="FO3361" s="91"/>
      <c r="FP3361" s="91"/>
      <c r="FQ3361" s="91"/>
      <c r="FR3361" s="91"/>
      <c r="FS3361" s="91"/>
      <c r="FT3361" s="91"/>
      <c r="FU3361" s="91"/>
      <c r="FV3361" s="91"/>
      <c r="FW3361" s="91"/>
      <c r="FX3361" s="127"/>
      <c r="FY3361" s="126"/>
      <c r="FZ3361" s="91"/>
      <c r="GA3361" s="91"/>
      <c r="GB3361" s="91"/>
      <c r="GC3361" s="91"/>
      <c r="GD3361" s="91"/>
      <c r="GE3361" s="91"/>
      <c r="GF3361" s="91"/>
      <c r="GG3361" s="91"/>
      <c r="GH3361" s="91"/>
      <c r="GI3361" s="91"/>
      <c r="GJ3361" s="91"/>
      <c r="GK3361" s="127"/>
      <c r="GL3361" s="126"/>
      <c r="GM3361" s="91"/>
      <c r="GN3361" s="91"/>
      <c r="GO3361" s="91"/>
      <c r="GP3361" s="91"/>
      <c r="GQ3361" s="91"/>
      <c r="GR3361" s="91"/>
      <c r="GS3361" s="91"/>
      <c r="GT3361" s="91"/>
      <c r="GU3361" s="91"/>
      <c r="GV3361" s="91"/>
      <c r="GW3361" s="91"/>
      <c r="GX3361" s="127"/>
      <c r="GY3361" s="126"/>
      <c r="GZ3361" s="91"/>
      <c r="HA3361" s="91"/>
      <c r="HB3361" s="91"/>
      <c r="HC3361" s="91"/>
      <c r="HD3361" s="91"/>
      <c r="HE3361" s="91"/>
      <c r="HF3361" s="91"/>
      <c r="HG3361" s="91"/>
      <c r="HH3361" s="91"/>
      <c r="HI3361" s="91"/>
      <c r="HJ3361" s="91"/>
      <c r="HK3361" s="127"/>
      <c r="HL3361" s="126"/>
      <c r="HM3361" s="91"/>
      <c r="HN3361" s="91"/>
      <c r="HO3361" s="91"/>
      <c r="HP3361" s="91"/>
      <c r="HQ3361" s="91"/>
      <c r="HR3361" s="91"/>
      <c r="HS3361" s="91"/>
      <c r="HT3361" s="91"/>
      <c r="HU3361" s="91"/>
      <c r="HV3361" s="91"/>
      <c r="HW3361" s="91"/>
      <c r="HX3361" s="127"/>
      <c r="HY3361" s="126"/>
      <c r="HZ3361" s="91"/>
      <c r="IA3361" s="91"/>
      <c r="IB3361" s="91"/>
      <c r="IC3361" s="91"/>
      <c r="ID3361" s="91"/>
      <c r="IE3361" s="91"/>
      <c r="IF3361" s="91"/>
      <c r="IG3361" s="91"/>
      <c r="IH3361" s="91"/>
      <c r="II3361" s="91"/>
      <c r="IJ3361" s="91"/>
      <c r="IK3361" s="174"/>
    </row>
    <row r="3362" spans="2:245" x14ac:dyDescent="0.2">
      <c r="B3362" s="43"/>
      <c r="C3362" s="73"/>
      <c r="D3362" s="64"/>
      <c r="E3362" s="64"/>
      <c r="F3362" s="55"/>
      <c r="G3362" s="102"/>
      <c r="H3362" s="97"/>
      <c r="T3362" s="98"/>
      <c r="U3362" s="97"/>
      <c r="AG3362" s="98"/>
      <c r="AY3362" s="164"/>
      <c r="BK3362" s="98"/>
      <c r="BL3362" s="97"/>
      <c r="BX3362" s="98"/>
      <c r="CL3362" s="97"/>
      <c r="CX3362" s="98"/>
      <c r="DL3362" s="97"/>
      <c r="DX3362" s="98"/>
      <c r="EL3362" s="97"/>
      <c r="EX3362" s="98"/>
      <c r="EY3362" s="97"/>
      <c r="FL3362" s="126"/>
      <c r="FM3362" s="91"/>
      <c r="FN3362" s="91"/>
      <c r="FO3362" s="91"/>
      <c r="FP3362" s="91"/>
      <c r="FQ3362" s="91"/>
      <c r="FR3362" s="91"/>
      <c r="FS3362" s="91"/>
      <c r="FT3362" s="91"/>
      <c r="FU3362" s="91"/>
      <c r="FV3362" s="91"/>
      <c r="FW3362" s="91"/>
      <c r="FX3362" s="127"/>
      <c r="FY3362" s="126"/>
      <c r="FZ3362" s="91"/>
      <c r="GA3362" s="91"/>
      <c r="GB3362" s="91"/>
      <c r="GC3362" s="91"/>
      <c r="GD3362" s="91"/>
      <c r="GE3362" s="91"/>
      <c r="GF3362" s="91"/>
      <c r="GG3362" s="91"/>
      <c r="GH3362" s="91"/>
      <c r="GI3362" s="91"/>
      <c r="GJ3362" s="91"/>
      <c r="GK3362" s="127"/>
      <c r="GL3362" s="126"/>
      <c r="GM3362" s="91"/>
      <c r="GN3362" s="91"/>
      <c r="GO3362" s="91"/>
      <c r="GP3362" s="91"/>
      <c r="GQ3362" s="91"/>
      <c r="GR3362" s="91"/>
      <c r="GS3362" s="91"/>
      <c r="GT3362" s="91"/>
      <c r="GU3362" s="91"/>
      <c r="GV3362" s="91"/>
      <c r="GW3362" s="91"/>
      <c r="GX3362" s="127"/>
      <c r="GY3362" s="126"/>
      <c r="GZ3362" s="91"/>
      <c r="HA3362" s="91"/>
      <c r="HB3362" s="91"/>
      <c r="HC3362" s="91"/>
      <c r="HD3362" s="91"/>
      <c r="HE3362" s="91"/>
      <c r="HF3362" s="91"/>
      <c r="HG3362" s="91"/>
      <c r="HH3362" s="91"/>
      <c r="HI3362" s="91"/>
      <c r="HJ3362" s="91"/>
      <c r="HK3362" s="127"/>
      <c r="HL3362" s="126"/>
      <c r="HM3362" s="91"/>
      <c r="HN3362" s="91"/>
      <c r="HO3362" s="91"/>
      <c r="HP3362" s="91"/>
      <c r="HQ3362" s="91"/>
      <c r="HR3362" s="91"/>
      <c r="HS3362" s="91"/>
      <c r="HT3362" s="91"/>
      <c r="HU3362" s="91"/>
      <c r="HV3362" s="91"/>
      <c r="HW3362" s="91"/>
      <c r="HX3362" s="127"/>
      <c r="HY3362" s="126"/>
      <c r="HZ3362" s="91"/>
      <c r="IA3362" s="91"/>
      <c r="IB3362" s="91"/>
      <c r="IC3362" s="91"/>
      <c r="ID3362" s="91"/>
      <c r="IE3362" s="91"/>
      <c r="IF3362" s="91"/>
      <c r="IG3362" s="91"/>
      <c r="IH3362" s="91"/>
      <c r="II3362" s="91"/>
      <c r="IJ3362" s="91"/>
      <c r="IK3362" s="174"/>
    </row>
    <row r="3363" spans="2:245" x14ac:dyDescent="0.2">
      <c r="B3363" s="43"/>
      <c r="C3363" s="73"/>
      <c r="D3363" s="64"/>
      <c r="E3363" s="64"/>
      <c r="F3363" s="55"/>
      <c r="G3363" s="102"/>
      <c r="H3363" s="97"/>
      <c r="T3363" s="98"/>
      <c r="U3363" s="97"/>
      <c r="AG3363" s="98"/>
      <c r="AY3363" s="164"/>
      <c r="BK3363" s="98"/>
      <c r="BL3363" s="97"/>
      <c r="BX3363" s="98"/>
      <c r="CL3363" s="97"/>
      <c r="CX3363" s="98"/>
      <c r="DL3363" s="97"/>
      <c r="DX3363" s="98"/>
      <c r="EL3363" s="97"/>
      <c r="EX3363" s="98"/>
      <c r="EY3363" s="97"/>
      <c r="FL3363" s="126"/>
      <c r="FM3363" s="91"/>
      <c r="FN3363" s="91"/>
      <c r="FO3363" s="91"/>
      <c r="FP3363" s="91"/>
      <c r="FQ3363" s="91"/>
      <c r="FR3363" s="91"/>
      <c r="FS3363" s="91"/>
      <c r="FT3363" s="91"/>
      <c r="FU3363" s="91"/>
      <c r="FV3363" s="91"/>
      <c r="FW3363" s="91"/>
      <c r="FX3363" s="127"/>
      <c r="FY3363" s="126"/>
      <c r="FZ3363" s="91"/>
      <c r="GA3363" s="91"/>
      <c r="GB3363" s="91"/>
      <c r="GC3363" s="91"/>
      <c r="GD3363" s="91"/>
      <c r="GE3363" s="91"/>
      <c r="GF3363" s="91"/>
      <c r="GG3363" s="91"/>
      <c r="GH3363" s="91"/>
      <c r="GI3363" s="91"/>
      <c r="GJ3363" s="91"/>
      <c r="GK3363" s="127"/>
      <c r="GL3363" s="126"/>
      <c r="GM3363" s="91"/>
      <c r="GN3363" s="91"/>
      <c r="GO3363" s="91"/>
      <c r="GP3363" s="91"/>
      <c r="GQ3363" s="91"/>
      <c r="GR3363" s="91"/>
      <c r="GS3363" s="91"/>
      <c r="GT3363" s="91"/>
      <c r="GU3363" s="91"/>
      <c r="GV3363" s="91"/>
      <c r="GW3363" s="91"/>
      <c r="GX3363" s="127"/>
      <c r="GY3363" s="126"/>
      <c r="GZ3363" s="91"/>
      <c r="HA3363" s="91"/>
      <c r="HB3363" s="91"/>
      <c r="HC3363" s="91"/>
      <c r="HD3363" s="91"/>
      <c r="HE3363" s="91"/>
      <c r="HF3363" s="91"/>
      <c r="HG3363" s="91"/>
      <c r="HH3363" s="91"/>
      <c r="HI3363" s="91"/>
      <c r="HJ3363" s="91"/>
      <c r="HK3363" s="127"/>
      <c r="HL3363" s="126"/>
      <c r="HM3363" s="91"/>
      <c r="HN3363" s="91"/>
      <c r="HO3363" s="91"/>
      <c r="HP3363" s="91"/>
      <c r="HQ3363" s="91"/>
      <c r="HR3363" s="91"/>
      <c r="HS3363" s="91"/>
      <c r="HT3363" s="91"/>
      <c r="HU3363" s="91"/>
      <c r="HV3363" s="91"/>
      <c r="HW3363" s="91"/>
      <c r="HX3363" s="127"/>
      <c r="HY3363" s="126"/>
      <c r="HZ3363" s="91"/>
      <c r="IA3363" s="91"/>
      <c r="IB3363" s="91"/>
      <c r="IC3363" s="91"/>
      <c r="ID3363" s="91"/>
      <c r="IE3363" s="91"/>
      <c r="IF3363" s="91"/>
      <c r="IG3363" s="91"/>
      <c r="IH3363" s="91"/>
      <c r="II3363" s="91"/>
      <c r="IJ3363" s="91"/>
      <c r="IK3363" s="174"/>
    </row>
    <row r="3364" spans="2:245" x14ac:dyDescent="0.2">
      <c r="B3364" s="43"/>
      <c r="C3364" s="73"/>
      <c r="D3364" s="64"/>
      <c r="E3364" s="64"/>
      <c r="F3364" s="55"/>
      <c r="G3364" s="102"/>
      <c r="H3364" s="97"/>
      <c r="T3364" s="98"/>
      <c r="U3364" s="97"/>
      <c r="AG3364" s="98"/>
      <c r="AY3364" s="164"/>
      <c r="BK3364" s="98"/>
      <c r="BL3364" s="97"/>
      <c r="BX3364" s="98"/>
      <c r="CL3364" s="97"/>
      <c r="CX3364" s="98"/>
      <c r="DL3364" s="97"/>
      <c r="DX3364" s="98"/>
      <c r="EL3364" s="97"/>
      <c r="EX3364" s="98"/>
      <c r="EY3364" s="97"/>
      <c r="FL3364" s="126"/>
      <c r="FM3364" s="91"/>
      <c r="FN3364" s="91"/>
      <c r="FO3364" s="91"/>
      <c r="FP3364" s="91"/>
      <c r="FQ3364" s="91"/>
      <c r="FR3364" s="91"/>
      <c r="FS3364" s="91"/>
      <c r="FT3364" s="91"/>
      <c r="FU3364" s="91"/>
      <c r="FV3364" s="91"/>
      <c r="FW3364" s="91"/>
      <c r="FX3364" s="127"/>
      <c r="FY3364" s="126"/>
      <c r="FZ3364" s="91"/>
      <c r="GA3364" s="91"/>
      <c r="GB3364" s="91"/>
      <c r="GC3364" s="91"/>
      <c r="GD3364" s="91"/>
      <c r="GE3364" s="91"/>
      <c r="GF3364" s="91"/>
      <c r="GG3364" s="91"/>
      <c r="GH3364" s="91"/>
      <c r="GI3364" s="91"/>
      <c r="GJ3364" s="91"/>
      <c r="GK3364" s="127"/>
      <c r="GL3364" s="126"/>
      <c r="GM3364" s="91"/>
      <c r="GN3364" s="91"/>
      <c r="GO3364" s="91"/>
      <c r="GP3364" s="91"/>
      <c r="GQ3364" s="91"/>
      <c r="GR3364" s="91"/>
      <c r="GS3364" s="91"/>
      <c r="GT3364" s="91"/>
      <c r="GU3364" s="91"/>
      <c r="GV3364" s="91"/>
      <c r="GW3364" s="91"/>
      <c r="GX3364" s="127"/>
      <c r="GY3364" s="126"/>
      <c r="GZ3364" s="91"/>
      <c r="HA3364" s="91"/>
      <c r="HB3364" s="91"/>
      <c r="HC3364" s="91"/>
      <c r="HD3364" s="91"/>
      <c r="HE3364" s="91"/>
      <c r="HF3364" s="91"/>
      <c r="HG3364" s="91"/>
      <c r="HH3364" s="91"/>
      <c r="HI3364" s="91"/>
      <c r="HJ3364" s="91"/>
      <c r="HK3364" s="127"/>
      <c r="HL3364" s="126"/>
      <c r="HM3364" s="91"/>
      <c r="HN3364" s="91"/>
      <c r="HO3364" s="91"/>
      <c r="HP3364" s="91"/>
      <c r="HQ3364" s="91"/>
      <c r="HR3364" s="91"/>
      <c r="HS3364" s="91"/>
      <c r="HT3364" s="91"/>
      <c r="HU3364" s="91"/>
      <c r="HV3364" s="91"/>
      <c r="HW3364" s="91"/>
      <c r="HX3364" s="127"/>
      <c r="HY3364" s="126"/>
      <c r="HZ3364" s="91"/>
      <c r="IA3364" s="91"/>
      <c r="IB3364" s="91"/>
      <c r="IC3364" s="91"/>
      <c r="ID3364" s="91"/>
      <c r="IE3364" s="91"/>
      <c r="IF3364" s="91"/>
      <c r="IG3364" s="91"/>
      <c r="IH3364" s="91"/>
      <c r="II3364" s="91"/>
      <c r="IJ3364" s="91"/>
      <c r="IK3364" s="174"/>
    </row>
    <row r="3365" spans="2:245" x14ac:dyDescent="0.2">
      <c r="B3365" s="43"/>
      <c r="C3365" s="73"/>
      <c r="D3365" s="64"/>
      <c r="E3365" s="64"/>
      <c r="F3365" s="55"/>
      <c r="G3365" s="102"/>
      <c r="H3365" s="97"/>
      <c r="T3365" s="98"/>
      <c r="U3365" s="97"/>
      <c r="AG3365" s="98"/>
      <c r="AY3365" s="164"/>
      <c r="BK3365" s="98"/>
      <c r="BL3365" s="97"/>
      <c r="BX3365" s="98"/>
      <c r="CL3365" s="97"/>
      <c r="CX3365" s="98"/>
      <c r="DL3365" s="97"/>
      <c r="DX3365" s="98"/>
      <c r="EL3365" s="97"/>
      <c r="EX3365" s="98"/>
      <c r="EY3365" s="97"/>
      <c r="FL3365" s="126"/>
      <c r="FM3365" s="91"/>
      <c r="FN3365" s="91"/>
      <c r="FO3365" s="91"/>
      <c r="FP3365" s="91"/>
      <c r="FQ3365" s="91"/>
      <c r="FR3365" s="91"/>
      <c r="FS3365" s="91"/>
      <c r="FT3365" s="91"/>
      <c r="FU3365" s="91"/>
      <c r="FV3365" s="91"/>
      <c r="FW3365" s="91"/>
      <c r="FX3365" s="127"/>
      <c r="FY3365" s="126"/>
      <c r="FZ3365" s="91"/>
      <c r="GA3365" s="91"/>
      <c r="GB3365" s="91"/>
      <c r="GC3365" s="91"/>
      <c r="GD3365" s="91"/>
      <c r="GE3365" s="91"/>
      <c r="GF3365" s="91"/>
      <c r="GG3365" s="91"/>
      <c r="GH3365" s="91"/>
      <c r="GI3365" s="91"/>
      <c r="GJ3365" s="91"/>
      <c r="GK3365" s="127"/>
      <c r="GL3365" s="126"/>
      <c r="GM3365" s="91"/>
      <c r="GN3365" s="91"/>
      <c r="GO3365" s="91"/>
      <c r="GP3365" s="91"/>
      <c r="GQ3365" s="91"/>
      <c r="GR3365" s="91"/>
      <c r="GS3365" s="91"/>
      <c r="GT3365" s="91"/>
      <c r="GU3365" s="91"/>
      <c r="GV3365" s="91"/>
      <c r="GW3365" s="91"/>
      <c r="GX3365" s="127"/>
      <c r="GY3365" s="126"/>
      <c r="GZ3365" s="91"/>
      <c r="HA3365" s="91"/>
      <c r="HB3365" s="91"/>
      <c r="HC3365" s="91"/>
      <c r="HD3365" s="91"/>
      <c r="HE3365" s="91"/>
      <c r="HF3365" s="91"/>
      <c r="HG3365" s="91"/>
      <c r="HH3365" s="91"/>
      <c r="HI3365" s="91"/>
      <c r="HJ3365" s="91"/>
      <c r="HK3365" s="127"/>
      <c r="HL3365" s="126"/>
      <c r="HM3365" s="91"/>
      <c r="HN3365" s="91"/>
      <c r="HO3365" s="91"/>
      <c r="HP3365" s="91"/>
      <c r="HQ3365" s="91"/>
      <c r="HR3365" s="91"/>
      <c r="HS3365" s="91"/>
      <c r="HT3365" s="91"/>
      <c r="HU3365" s="91"/>
      <c r="HV3365" s="91"/>
      <c r="HW3365" s="91"/>
      <c r="HX3365" s="127"/>
      <c r="HY3365" s="126"/>
      <c r="HZ3365" s="91"/>
      <c r="IA3365" s="91"/>
      <c r="IB3365" s="91"/>
      <c r="IC3365" s="91"/>
      <c r="ID3365" s="91"/>
      <c r="IE3365" s="91"/>
      <c r="IF3365" s="91"/>
      <c r="IG3365" s="91"/>
      <c r="IH3365" s="91"/>
      <c r="II3365" s="91"/>
      <c r="IJ3365" s="91"/>
      <c r="IK3365" s="174"/>
    </row>
    <row r="3366" spans="2:245" x14ac:dyDescent="0.2">
      <c r="B3366" s="43"/>
      <c r="C3366" s="73"/>
      <c r="D3366" s="64"/>
      <c r="E3366" s="64"/>
      <c r="F3366" s="55"/>
      <c r="G3366" s="102"/>
      <c r="H3366" s="97"/>
      <c r="T3366" s="98"/>
      <c r="U3366" s="97"/>
      <c r="AG3366" s="98"/>
      <c r="AY3366" s="164"/>
      <c r="BK3366" s="98"/>
      <c r="BL3366" s="97"/>
      <c r="BX3366" s="98"/>
      <c r="CL3366" s="97"/>
      <c r="CX3366" s="98"/>
      <c r="DL3366" s="97"/>
      <c r="DX3366" s="98"/>
      <c r="EL3366" s="97"/>
      <c r="EX3366" s="98"/>
      <c r="EY3366" s="97"/>
      <c r="FL3366" s="126"/>
      <c r="FM3366" s="91"/>
      <c r="FN3366" s="91"/>
      <c r="FO3366" s="91"/>
      <c r="FP3366" s="91"/>
      <c r="FQ3366" s="91"/>
      <c r="FR3366" s="91"/>
      <c r="FS3366" s="91"/>
      <c r="FT3366" s="91"/>
      <c r="FU3366" s="91"/>
      <c r="FV3366" s="91"/>
      <c r="FW3366" s="91"/>
      <c r="FX3366" s="127"/>
      <c r="FY3366" s="126"/>
      <c r="FZ3366" s="91"/>
      <c r="GA3366" s="91"/>
      <c r="GB3366" s="91"/>
      <c r="GC3366" s="91"/>
      <c r="GD3366" s="91"/>
      <c r="GE3366" s="91"/>
      <c r="GF3366" s="91"/>
      <c r="GG3366" s="91"/>
      <c r="GH3366" s="91"/>
      <c r="GI3366" s="91"/>
      <c r="GJ3366" s="91"/>
      <c r="GK3366" s="127"/>
      <c r="GL3366" s="126"/>
      <c r="GM3366" s="91"/>
      <c r="GN3366" s="91"/>
      <c r="GO3366" s="91"/>
      <c r="GP3366" s="91"/>
      <c r="GQ3366" s="91"/>
      <c r="GR3366" s="91"/>
      <c r="GS3366" s="91"/>
      <c r="GT3366" s="91"/>
      <c r="GU3366" s="91"/>
      <c r="GV3366" s="91"/>
      <c r="GW3366" s="91"/>
      <c r="GX3366" s="127"/>
      <c r="GY3366" s="126"/>
      <c r="GZ3366" s="91"/>
      <c r="HA3366" s="91"/>
      <c r="HB3366" s="91"/>
      <c r="HC3366" s="91"/>
      <c r="HD3366" s="91"/>
      <c r="HE3366" s="91"/>
      <c r="HF3366" s="91"/>
      <c r="HG3366" s="91"/>
      <c r="HH3366" s="91"/>
      <c r="HI3366" s="91"/>
      <c r="HJ3366" s="91"/>
      <c r="HK3366" s="127"/>
      <c r="HL3366" s="126"/>
      <c r="HM3366" s="91"/>
      <c r="HN3366" s="91"/>
      <c r="HO3366" s="91"/>
      <c r="HP3366" s="91"/>
      <c r="HQ3366" s="91"/>
      <c r="HR3366" s="91"/>
      <c r="HS3366" s="91"/>
      <c r="HT3366" s="91"/>
      <c r="HU3366" s="91"/>
      <c r="HV3366" s="91"/>
      <c r="HW3366" s="91"/>
      <c r="HX3366" s="127"/>
      <c r="HY3366" s="126"/>
      <c r="HZ3366" s="91"/>
      <c r="IA3366" s="91"/>
      <c r="IB3366" s="91"/>
      <c r="IC3366" s="91"/>
      <c r="ID3366" s="91"/>
      <c r="IE3366" s="91"/>
      <c r="IF3366" s="91"/>
      <c r="IG3366" s="91"/>
      <c r="IH3366" s="91"/>
      <c r="II3366" s="91"/>
      <c r="IJ3366" s="91"/>
      <c r="IK3366" s="174"/>
    </row>
    <row r="3367" spans="2:245" x14ac:dyDescent="0.2">
      <c r="B3367" s="43"/>
      <c r="C3367" s="73"/>
      <c r="D3367" s="64"/>
      <c r="E3367" s="64"/>
      <c r="F3367" s="55"/>
      <c r="G3367" s="102"/>
      <c r="H3367" s="97"/>
      <c r="T3367" s="98"/>
      <c r="U3367" s="97"/>
      <c r="AG3367" s="98"/>
      <c r="AY3367" s="164"/>
      <c r="BK3367" s="98"/>
      <c r="BL3367" s="97"/>
      <c r="BX3367" s="98"/>
      <c r="CL3367" s="97"/>
      <c r="CX3367" s="98"/>
      <c r="DL3367" s="97"/>
      <c r="DX3367" s="98"/>
      <c r="EL3367" s="97"/>
      <c r="EX3367" s="98"/>
      <c r="EY3367" s="97"/>
      <c r="FL3367" s="126"/>
      <c r="FM3367" s="91"/>
      <c r="FN3367" s="91"/>
      <c r="FO3367" s="91"/>
      <c r="FP3367" s="91"/>
      <c r="FQ3367" s="91"/>
      <c r="FR3367" s="91"/>
      <c r="FS3367" s="91"/>
      <c r="FT3367" s="91"/>
      <c r="FU3367" s="91"/>
      <c r="FV3367" s="91"/>
      <c r="FW3367" s="91"/>
      <c r="FX3367" s="127"/>
      <c r="FY3367" s="126"/>
      <c r="FZ3367" s="91"/>
      <c r="GA3367" s="91"/>
      <c r="GB3367" s="91"/>
      <c r="GC3367" s="91"/>
      <c r="GD3367" s="91"/>
      <c r="GE3367" s="91"/>
      <c r="GF3367" s="91"/>
      <c r="GG3367" s="91"/>
      <c r="GH3367" s="91"/>
      <c r="GI3367" s="91"/>
      <c r="GJ3367" s="91"/>
      <c r="GK3367" s="127"/>
      <c r="GL3367" s="126"/>
      <c r="GM3367" s="91"/>
      <c r="GN3367" s="91"/>
      <c r="GO3367" s="91"/>
      <c r="GP3367" s="91"/>
      <c r="GQ3367" s="91"/>
      <c r="GR3367" s="91"/>
      <c r="GS3367" s="91"/>
      <c r="GT3367" s="91"/>
      <c r="GU3367" s="91"/>
      <c r="GV3367" s="91"/>
      <c r="GW3367" s="91"/>
      <c r="GX3367" s="127"/>
      <c r="GY3367" s="126"/>
      <c r="GZ3367" s="91"/>
      <c r="HA3367" s="91"/>
      <c r="HB3367" s="91"/>
      <c r="HC3367" s="91"/>
      <c r="HD3367" s="91"/>
      <c r="HE3367" s="91"/>
      <c r="HF3367" s="91"/>
      <c r="HG3367" s="91"/>
      <c r="HH3367" s="91"/>
      <c r="HI3367" s="91"/>
      <c r="HJ3367" s="91"/>
      <c r="HK3367" s="127"/>
      <c r="HL3367" s="126"/>
      <c r="HM3367" s="91"/>
      <c r="HN3367" s="91"/>
      <c r="HO3367" s="91"/>
      <c r="HP3367" s="91"/>
      <c r="HQ3367" s="91"/>
      <c r="HR3367" s="91"/>
      <c r="HS3367" s="91"/>
      <c r="HT3367" s="91"/>
      <c r="HU3367" s="91"/>
      <c r="HV3367" s="91"/>
      <c r="HW3367" s="91"/>
      <c r="HX3367" s="127"/>
      <c r="HY3367" s="126"/>
      <c r="HZ3367" s="91"/>
      <c r="IA3367" s="91"/>
      <c r="IB3367" s="91"/>
      <c r="IC3367" s="91"/>
      <c r="ID3367" s="91"/>
      <c r="IE3367" s="91"/>
      <c r="IF3367" s="91"/>
      <c r="IG3367" s="91"/>
      <c r="IH3367" s="91"/>
      <c r="II3367" s="91"/>
      <c r="IJ3367" s="91"/>
      <c r="IK3367" s="174"/>
    </row>
    <row r="3368" spans="2:245" x14ac:dyDescent="0.2">
      <c r="B3368" s="43"/>
      <c r="C3368" s="73"/>
      <c r="D3368" s="64"/>
      <c r="E3368" s="64"/>
      <c r="F3368" s="55"/>
      <c r="G3368" s="102"/>
      <c r="H3368" s="97"/>
      <c r="T3368" s="98"/>
      <c r="U3368" s="97"/>
      <c r="AG3368" s="98"/>
      <c r="AY3368" s="164"/>
      <c r="BK3368" s="98"/>
      <c r="BL3368" s="97"/>
      <c r="BX3368" s="98"/>
      <c r="CL3368" s="97"/>
      <c r="CX3368" s="98"/>
      <c r="DL3368" s="97"/>
      <c r="DX3368" s="98"/>
      <c r="EL3368" s="97"/>
      <c r="EX3368" s="98"/>
      <c r="EY3368" s="97"/>
      <c r="FL3368" s="126"/>
      <c r="FM3368" s="91"/>
      <c r="FN3368" s="91"/>
      <c r="FO3368" s="91"/>
      <c r="FP3368" s="91"/>
      <c r="FQ3368" s="91"/>
      <c r="FR3368" s="91"/>
      <c r="FS3368" s="91"/>
      <c r="FT3368" s="91"/>
      <c r="FU3368" s="91"/>
      <c r="FV3368" s="91"/>
      <c r="FW3368" s="91"/>
      <c r="FX3368" s="127"/>
      <c r="FY3368" s="126"/>
      <c r="FZ3368" s="91"/>
      <c r="GA3368" s="91"/>
      <c r="GB3368" s="91"/>
      <c r="GC3368" s="91"/>
      <c r="GD3368" s="91"/>
      <c r="GE3368" s="91"/>
      <c r="GF3368" s="91"/>
      <c r="GG3368" s="91"/>
      <c r="GH3368" s="91"/>
      <c r="GI3368" s="91"/>
      <c r="GJ3368" s="91"/>
      <c r="GK3368" s="127"/>
      <c r="GL3368" s="126"/>
      <c r="GM3368" s="91"/>
      <c r="GN3368" s="91"/>
      <c r="GO3368" s="91"/>
      <c r="GP3368" s="91"/>
      <c r="GQ3368" s="91"/>
      <c r="GR3368" s="91"/>
      <c r="GS3368" s="91"/>
      <c r="GT3368" s="91"/>
      <c r="GU3368" s="91"/>
      <c r="GV3368" s="91"/>
      <c r="GW3368" s="91"/>
      <c r="GX3368" s="127"/>
      <c r="GY3368" s="126"/>
      <c r="GZ3368" s="91"/>
      <c r="HA3368" s="91"/>
      <c r="HB3368" s="91"/>
      <c r="HC3368" s="91"/>
      <c r="HD3368" s="91"/>
      <c r="HE3368" s="91"/>
      <c r="HF3368" s="91"/>
      <c r="HG3368" s="91"/>
      <c r="HH3368" s="91"/>
      <c r="HI3368" s="91"/>
      <c r="HJ3368" s="91"/>
      <c r="HK3368" s="127"/>
      <c r="HL3368" s="126"/>
      <c r="HM3368" s="91"/>
      <c r="HN3368" s="91"/>
      <c r="HO3368" s="91"/>
      <c r="HP3368" s="91"/>
      <c r="HQ3368" s="91"/>
      <c r="HR3368" s="91"/>
      <c r="HS3368" s="91"/>
      <c r="HT3368" s="91"/>
      <c r="HU3368" s="91"/>
      <c r="HV3368" s="91"/>
      <c r="HW3368" s="91"/>
      <c r="HX3368" s="127"/>
      <c r="HY3368" s="126"/>
      <c r="HZ3368" s="91"/>
      <c r="IA3368" s="91"/>
      <c r="IB3368" s="91"/>
      <c r="IC3368" s="91"/>
      <c r="ID3368" s="91"/>
      <c r="IE3368" s="91"/>
      <c r="IF3368" s="91"/>
      <c r="IG3368" s="91"/>
      <c r="IH3368" s="91"/>
      <c r="II3368" s="91"/>
      <c r="IJ3368" s="91"/>
      <c r="IK3368" s="174"/>
    </row>
    <row r="3369" spans="2:245" x14ac:dyDescent="0.2">
      <c r="B3369" s="43"/>
      <c r="C3369" s="73"/>
      <c r="D3369" s="64"/>
      <c r="E3369" s="64"/>
      <c r="F3369" s="55"/>
      <c r="G3369" s="102"/>
      <c r="H3369" s="97"/>
      <c r="T3369" s="98"/>
      <c r="U3369" s="97"/>
      <c r="AG3369" s="98"/>
      <c r="AY3369" s="164"/>
      <c r="BK3369" s="98"/>
      <c r="BL3369" s="97"/>
      <c r="BX3369" s="98"/>
      <c r="CL3369" s="97"/>
      <c r="CX3369" s="98"/>
      <c r="DL3369" s="97"/>
      <c r="DX3369" s="98"/>
      <c r="EL3369" s="97"/>
      <c r="EX3369" s="98"/>
      <c r="EY3369" s="97"/>
      <c r="FL3369" s="126"/>
      <c r="FM3369" s="91"/>
      <c r="FN3369" s="91"/>
      <c r="FO3369" s="91"/>
      <c r="FP3369" s="91"/>
      <c r="FQ3369" s="91"/>
      <c r="FR3369" s="91"/>
      <c r="FS3369" s="91"/>
      <c r="FT3369" s="91"/>
      <c r="FU3369" s="91"/>
      <c r="FV3369" s="91"/>
      <c r="FW3369" s="91"/>
      <c r="FX3369" s="127"/>
      <c r="FY3369" s="126"/>
      <c r="FZ3369" s="91"/>
      <c r="GA3369" s="91"/>
      <c r="GB3369" s="91"/>
      <c r="GC3369" s="91"/>
      <c r="GD3369" s="91"/>
      <c r="GE3369" s="91"/>
      <c r="GF3369" s="91"/>
      <c r="GG3369" s="91"/>
      <c r="GH3369" s="91"/>
      <c r="GI3369" s="91"/>
      <c r="GJ3369" s="91"/>
      <c r="GK3369" s="127"/>
      <c r="GL3369" s="126"/>
      <c r="GM3369" s="91"/>
      <c r="GN3369" s="91"/>
      <c r="GO3369" s="91"/>
      <c r="GP3369" s="91"/>
      <c r="GQ3369" s="91"/>
      <c r="GR3369" s="91"/>
      <c r="GS3369" s="91"/>
      <c r="GT3369" s="91"/>
      <c r="GU3369" s="91"/>
      <c r="GV3369" s="91"/>
      <c r="GW3369" s="91"/>
      <c r="GX3369" s="127"/>
      <c r="GY3369" s="126"/>
      <c r="GZ3369" s="91"/>
      <c r="HA3369" s="91"/>
      <c r="HB3369" s="91"/>
      <c r="HC3369" s="91"/>
      <c r="HD3369" s="91"/>
      <c r="HE3369" s="91"/>
      <c r="HF3369" s="91"/>
      <c r="HG3369" s="91"/>
      <c r="HH3369" s="91"/>
      <c r="HI3369" s="91"/>
      <c r="HJ3369" s="91"/>
      <c r="HK3369" s="127"/>
      <c r="HL3369" s="126"/>
      <c r="HM3369" s="91"/>
      <c r="HN3369" s="91"/>
      <c r="HO3369" s="91"/>
      <c r="HP3369" s="91"/>
      <c r="HQ3369" s="91"/>
      <c r="HR3369" s="91"/>
      <c r="HS3369" s="91"/>
      <c r="HT3369" s="91"/>
      <c r="HU3369" s="91"/>
      <c r="HV3369" s="91"/>
      <c r="HW3369" s="91"/>
      <c r="HX3369" s="127"/>
      <c r="HY3369" s="126"/>
      <c r="HZ3369" s="91"/>
      <c r="IA3369" s="91"/>
      <c r="IB3369" s="91"/>
      <c r="IC3369" s="91"/>
      <c r="ID3369" s="91"/>
      <c r="IE3369" s="91"/>
      <c r="IF3369" s="91"/>
      <c r="IG3369" s="91"/>
      <c r="IH3369" s="91"/>
      <c r="II3369" s="91"/>
      <c r="IJ3369" s="91"/>
      <c r="IK3369" s="174"/>
    </row>
    <row r="3370" spans="2:245" x14ac:dyDescent="0.2">
      <c r="B3370" s="43"/>
      <c r="C3370" s="73"/>
      <c r="D3370" s="64"/>
      <c r="E3370" s="64"/>
      <c r="F3370" s="55"/>
      <c r="G3370" s="102"/>
      <c r="H3370" s="97"/>
      <c r="T3370" s="98"/>
      <c r="U3370" s="97"/>
      <c r="AG3370" s="98"/>
      <c r="AY3370" s="164"/>
      <c r="BK3370" s="98"/>
      <c r="BL3370" s="97"/>
      <c r="BX3370" s="98"/>
      <c r="CL3370" s="97"/>
      <c r="CX3370" s="98"/>
      <c r="DL3370" s="97"/>
      <c r="DX3370" s="98"/>
      <c r="EL3370" s="97"/>
      <c r="EX3370" s="98"/>
      <c r="EY3370" s="97"/>
      <c r="FL3370" s="126"/>
      <c r="FM3370" s="91"/>
      <c r="FN3370" s="91"/>
      <c r="FO3370" s="91"/>
      <c r="FP3370" s="91"/>
      <c r="FQ3370" s="91"/>
      <c r="FR3370" s="91"/>
      <c r="FS3370" s="91"/>
      <c r="FT3370" s="91"/>
      <c r="FU3370" s="91"/>
      <c r="FV3370" s="91"/>
      <c r="FW3370" s="91"/>
      <c r="FX3370" s="127"/>
      <c r="FY3370" s="126"/>
      <c r="FZ3370" s="91"/>
      <c r="GA3370" s="91"/>
      <c r="GB3370" s="91"/>
      <c r="GC3370" s="91"/>
      <c r="GD3370" s="91"/>
      <c r="GE3370" s="91"/>
      <c r="GF3370" s="91"/>
      <c r="GG3370" s="91"/>
      <c r="GH3370" s="91"/>
      <c r="GI3370" s="91"/>
      <c r="GJ3370" s="91"/>
      <c r="GK3370" s="127"/>
      <c r="GL3370" s="126"/>
      <c r="GM3370" s="91"/>
      <c r="GN3370" s="91"/>
      <c r="GO3370" s="91"/>
      <c r="GP3370" s="91"/>
      <c r="GQ3370" s="91"/>
      <c r="GR3370" s="91"/>
      <c r="GS3370" s="91"/>
      <c r="GT3370" s="91"/>
      <c r="GU3370" s="91"/>
      <c r="GV3370" s="91"/>
      <c r="GW3370" s="91"/>
      <c r="GX3370" s="127"/>
      <c r="GY3370" s="126"/>
      <c r="GZ3370" s="91"/>
      <c r="HA3370" s="91"/>
      <c r="HB3370" s="91"/>
      <c r="HC3370" s="91"/>
      <c r="HD3370" s="91"/>
      <c r="HE3370" s="91"/>
      <c r="HF3370" s="91"/>
      <c r="HG3370" s="91"/>
      <c r="HH3370" s="91"/>
      <c r="HI3370" s="91"/>
      <c r="HJ3370" s="91"/>
      <c r="HK3370" s="127"/>
      <c r="HL3370" s="126"/>
      <c r="HM3370" s="91"/>
      <c r="HN3370" s="91"/>
      <c r="HO3370" s="91"/>
      <c r="HP3370" s="91"/>
      <c r="HQ3370" s="91"/>
      <c r="HR3370" s="91"/>
      <c r="HS3370" s="91"/>
      <c r="HT3370" s="91"/>
      <c r="HU3370" s="91"/>
      <c r="HV3370" s="91"/>
      <c r="HW3370" s="91"/>
      <c r="HX3370" s="127"/>
      <c r="HY3370" s="126"/>
      <c r="HZ3370" s="91"/>
      <c r="IA3370" s="91"/>
      <c r="IB3370" s="91"/>
      <c r="IC3370" s="91"/>
      <c r="ID3370" s="91"/>
      <c r="IE3370" s="91"/>
      <c r="IF3370" s="91"/>
      <c r="IG3370" s="91"/>
      <c r="IH3370" s="91"/>
      <c r="II3370" s="91"/>
      <c r="IJ3370" s="91"/>
      <c r="IK3370" s="174"/>
    </row>
    <row r="3371" spans="2:245" x14ac:dyDescent="0.2">
      <c r="B3371" s="43"/>
      <c r="C3371" s="73"/>
      <c r="D3371" s="64"/>
      <c r="E3371" s="64"/>
      <c r="F3371" s="55"/>
      <c r="G3371" s="102"/>
      <c r="H3371" s="97"/>
      <c r="T3371" s="98"/>
      <c r="U3371" s="97"/>
      <c r="AG3371" s="98"/>
      <c r="AY3371" s="164"/>
      <c r="BK3371" s="98"/>
      <c r="BL3371" s="97"/>
      <c r="BX3371" s="98"/>
      <c r="CL3371" s="97"/>
      <c r="CX3371" s="98"/>
      <c r="DL3371" s="97"/>
      <c r="DX3371" s="98"/>
      <c r="EL3371" s="97"/>
      <c r="EX3371" s="98"/>
      <c r="EY3371" s="97"/>
      <c r="FL3371" s="126"/>
      <c r="FM3371" s="91"/>
      <c r="FN3371" s="91"/>
      <c r="FO3371" s="91"/>
      <c r="FP3371" s="91"/>
      <c r="FQ3371" s="91"/>
      <c r="FR3371" s="91"/>
      <c r="FS3371" s="91"/>
      <c r="FT3371" s="91"/>
      <c r="FU3371" s="91"/>
      <c r="FV3371" s="91"/>
      <c r="FW3371" s="91"/>
      <c r="FX3371" s="127"/>
      <c r="FY3371" s="126"/>
      <c r="FZ3371" s="91"/>
      <c r="GA3371" s="91"/>
      <c r="GB3371" s="91"/>
      <c r="GC3371" s="91"/>
      <c r="GD3371" s="91"/>
      <c r="GE3371" s="91"/>
      <c r="GF3371" s="91"/>
      <c r="GG3371" s="91"/>
      <c r="GH3371" s="91"/>
      <c r="GI3371" s="91"/>
      <c r="GJ3371" s="91"/>
      <c r="GK3371" s="127"/>
      <c r="GL3371" s="126"/>
      <c r="GM3371" s="91"/>
      <c r="GN3371" s="91"/>
      <c r="GO3371" s="91"/>
      <c r="GP3371" s="91"/>
      <c r="GQ3371" s="91"/>
      <c r="GR3371" s="91"/>
      <c r="GS3371" s="91"/>
      <c r="GT3371" s="91"/>
      <c r="GU3371" s="91"/>
      <c r="GV3371" s="91"/>
      <c r="GW3371" s="91"/>
      <c r="GX3371" s="127"/>
      <c r="GY3371" s="126"/>
      <c r="GZ3371" s="91"/>
      <c r="HA3371" s="91"/>
      <c r="HB3371" s="91"/>
      <c r="HC3371" s="91"/>
      <c r="HD3371" s="91"/>
      <c r="HE3371" s="91"/>
      <c r="HF3371" s="91"/>
      <c r="HG3371" s="91"/>
      <c r="HH3371" s="91"/>
      <c r="HI3371" s="91"/>
      <c r="HJ3371" s="91"/>
      <c r="HK3371" s="127"/>
      <c r="HL3371" s="126"/>
      <c r="HM3371" s="91"/>
      <c r="HN3371" s="91"/>
      <c r="HO3371" s="91"/>
      <c r="HP3371" s="91"/>
      <c r="HQ3371" s="91"/>
      <c r="HR3371" s="91"/>
      <c r="HS3371" s="91"/>
      <c r="HT3371" s="91"/>
      <c r="HU3371" s="91"/>
      <c r="HV3371" s="91"/>
      <c r="HW3371" s="91"/>
      <c r="HX3371" s="127"/>
      <c r="HY3371" s="126"/>
      <c r="HZ3371" s="91"/>
      <c r="IA3371" s="91"/>
      <c r="IB3371" s="91"/>
      <c r="IC3371" s="91"/>
      <c r="ID3371" s="91"/>
      <c r="IE3371" s="91"/>
      <c r="IF3371" s="91"/>
      <c r="IG3371" s="91"/>
      <c r="IH3371" s="91"/>
      <c r="II3371" s="91"/>
      <c r="IJ3371" s="91"/>
      <c r="IK3371" s="174"/>
    </row>
    <row r="3372" spans="2:245" x14ac:dyDescent="0.2">
      <c r="B3372" s="43"/>
      <c r="C3372" s="73"/>
      <c r="D3372" s="64"/>
      <c r="E3372" s="64"/>
      <c r="F3372" s="55"/>
      <c r="G3372" s="102"/>
      <c r="H3372" s="97"/>
      <c r="T3372" s="98"/>
      <c r="U3372" s="97"/>
      <c r="AG3372" s="98"/>
      <c r="AY3372" s="164"/>
      <c r="BK3372" s="98"/>
      <c r="BL3372" s="97"/>
      <c r="BX3372" s="98"/>
      <c r="CL3372" s="97"/>
      <c r="CX3372" s="98"/>
      <c r="DL3372" s="97"/>
      <c r="DX3372" s="98"/>
      <c r="EL3372" s="97"/>
      <c r="EX3372" s="98"/>
      <c r="EY3372" s="97"/>
      <c r="FL3372" s="126"/>
      <c r="FM3372" s="91"/>
      <c r="FN3372" s="91"/>
      <c r="FO3372" s="91"/>
      <c r="FP3372" s="91"/>
      <c r="FQ3372" s="91"/>
      <c r="FR3372" s="91"/>
      <c r="FS3372" s="91"/>
      <c r="FT3372" s="91"/>
      <c r="FU3372" s="91"/>
      <c r="FV3372" s="91"/>
      <c r="FW3372" s="91"/>
      <c r="FX3372" s="127"/>
      <c r="FY3372" s="126"/>
      <c r="FZ3372" s="91"/>
      <c r="GA3372" s="91"/>
      <c r="GB3372" s="91"/>
      <c r="GC3372" s="91"/>
      <c r="GD3372" s="91"/>
      <c r="GE3372" s="91"/>
      <c r="GF3372" s="91"/>
      <c r="GG3372" s="91"/>
      <c r="GH3372" s="91"/>
      <c r="GI3372" s="91"/>
      <c r="GJ3372" s="91"/>
      <c r="GK3372" s="127"/>
      <c r="GL3372" s="126"/>
      <c r="GM3372" s="91"/>
      <c r="GN3372" s="91"/>
      <c r="GO3372" s="91"/>
      <c r="GP3372" s="91"/>
      <c r="GQ3372" s="91"/>
      <c r="GR3372" s="91"/>
      <c r="GS3372" s="91"/>
      <c r="GT3372" s="91"/>
      <c r="GU3372" s="91"/>
      <c r="GV3372" s="91"/>
      <c r="GW3372" s="91"/>
      <c r="GX3372" s="127"/>
      <c r="GY3372" s="126"/>
      <c r="GZ3372" s="91"/>
      <c r="HA3372" s="91"/>
      <c r="HB3372" s="91"/>
      <c r="HC3372" s="91"/>
      <c r="HD3372" s="91"/>
      <c r="HE3372" s="91"/>
      <c r="HF3372" s="91"/>
      <c r="HG3372" s="91"/>
      <c r="HH3372" s="91"/>
      <c r="HI3372" s="91"/>
      <c r="HJ3372" s="91"/>
      <c r="HK3372" s="127"/>
      <c r="HL3372" s="126"/>
      <c r="HM3372" s="91"/>
      <c r="HN3372" s="91"/>
      <c r="HO3372" s="91"/>
      <c r="HP3372" s="91"/>
      <c r="HQ3372" s="91"/>
      <c r="HR3372" s="91"/>
      <c r="HS3372" s="91"/>
      <c r="HT3372" s="91"/>
      <c r="HU3372" s="91"/>
      <c r="HV3372" s="91"/>
      <c r="HW3372" s="91"/>
      <c r="HX3372" s="127"/>
      <c r="HY3372" s="126"/>
      <c r="HZ3372" s="91"/>
      <c r="IA3372" s="91"/>
      <c r="IB3372" s="91"/>
      <c r="IC3372" s="91"/>
      <c r="ID3372" s="91"/>
      <c r="IE3372" s="91"/>
      <c r="IF3372" s="91"/>
      <c r="IG3372" s="91"/>
      <c r="IH3372" s="91"/>
      <c r="II3372" s="91"/>
      <c r="IJ3372" s="91"/>
      <c r="IK3372" s="174"/>
    </row>
    <row r="3373" spans="2:245" x14ac:dyDescent="0.2">
      <c r="B3373" s="43"/>
      <c r="C3373" s="73"/>
      <c r="D3373" s="64"/>
      <c r="E3373" s="64"/>
      <c r="F3373" s="55"/>
      <c r="G3373" s="102"/>
      <c r="H3373" s="97"/>
      <c r="T3373" s="98"/>
      <c r="U3373" s="97"/>
      <c r="AG3373" s="98"/>
      <c r="AY3373" s="164"/>
      <c r="BK3373" s="98"/>
      <c r="BL3373" s="97"/>
      <c r="BX3373" s="98"/>
      <c r="CL3373" s="97"/>
      <c r="CX3373" s="98"/>
      <c r="DL3373" s="97"/>
      <c r="DX3373" s="98"/>
      <c r="EL3373" s="97"/>
      <c r="EX3373" s="98"/>
      <c r="EY3373" s="97"/>
      <c r="FL3373" s="126"/>
      <c r="FM3373" s="91"/>
      <c r="FN3373" s="91"/>
      <c r="FO3373" s="91"/>
      <c r="FP3373" s="91"/>
      <c r="FQ3373" s="91"/>
      <c r="FR3373" s="91"/>
      <c r="FS3373" s="91"/>
      <c r="FT3373" s="91"/>
      <c r="FU3373" s="91"/>
      <c r="FV3373" s="91"/>
      <c r="FW3373" s="91"/>
      <c r="FX3373" s="127"/>
      <c r="FY3373" s="126"/>
      <c r="FZ3373" s="91"/>
      <c r="GA3373" s="91"/>
      <c r="GB3373" s="91"/>
      <c r="GC3373" s="91"/>
      <c r="GD3373" s="91"/>
      <c r="GE3373" s="91"/>
      <c r="GF3373" s="91"/>
      <c r="GG3373" s="91"/>
      <c r="GH3373" s="91"/>
      <c r="GI3373" s="91"/>
      <c r="GJ3373" s="91"/>
      <c r="GK3373" s="127"/>
      <c r="GL3373" s="126"/>
      <c r="GM3373" s="91"/>
      <c r="GN3373" s="91"/>
      <c r="GO3373" s="91"/>
      <c r="GP3373" s="91"/>
      <c r="GQ3373" s="91"/>
      <c r="GR3373" s="91"/>
      <c r="GS3373" s="91"/>
      <c r="GT3373" s="91"/>
      <c r="GU3373" s="91"/>
      <c r="GV3373" s="91"/>
      <c r="GW3373" s="91"/>
      <c r="GX3373" s="127"/>
      <c r="GY3373" s="126"/>
      <c r="GZ3373" s="91"/>
      <c r="HA3373" s="91"/>
      <c r="HB3373" s="91"/>
      <c r="HC3373" s="91"/>
      <c r="HD3373" s="91"/>
      <c r="HE3373" s="91"/>
      <c r="HF3373" s="91"/>
      <c r="HG3373" s="91"/>
      <c r="HH3373" s="91"/>
      <c r="HI3373" s="91"/>
      <c r="HJ3373" s="91"/>
      <c r="HK3373" s="127"/>
      <c r="HL3373" s="126"/>
      <c r="HM3373" s="91"/>
      <c r="HN3373" s="91"/>
      <c r="HO3373" s="91"/>
      <c r="HP3373" s="91"/>
      <c r="HQ3373" s="91"/>
      <c r="HR3373" s="91"/>
      <c r="HS3373" s="91"/>
      <c r="HT3373" s="91"/>
      <c r="HU3373" s="91"/>
      <c r="HV3373" s="91"/>
      <c r="HW3373" s="91"/>
      <c r="HX3373" s="127"/>
      <c r="HY3373" s="126"/>
      <c r="HZ3373" s="91"/>
      <c r="IA3373" s="91"/>
      <c r="IB3373" s="91"/>
      <c r="IC3373" s="91"/>
      <c r="ID3373" s="91"/>
      <c r="IE3373" s="91"/>
      <c r="IF3373" s="91"/>
      <c r="IG3373" s="91"/>
      <c r="IH3373" s="91"/>
      <c r="II3373" s="91"/>
      <c r="IJ3373" s="91"/>
      <c r="IK3373" s="174"/>
    </row>
    <row r="3374" spans="2:245" x14ac:dyDescent="0.2">
      <c r="B3374" s="43"/>
      <c r="C3374" s="73"/>
      <c r="D3374" s="64"/>
      <c r="E3374" s="64"/>
      <c r="F3374" s="55"/>
      <c r="G3374" s="102"/>
      <c r="H3374" s="97"/>
      <c r="T3374" s="98"/>
      <c r="U3374" s="97"/>
      <c r="AG3374" s="98"/>
      <c r="AY3374" s="164"/>
      <c r="BK3374" s="98"/>
      <c r="BL3374" s="97"/>
      <c r="BX3374" s="98"/>
      <c r="CL3374" s="97"/>
      <c r="CX3374" s="98"/>
      <c r="DL3374" s="97"/>
      <c r="DX3374" s="98"/>
      <c r="EL3374" s="97"/>
      <c r="EX3374" s="98"/>
      <c r="EY3374" s="97"/>
      <c r="FL3374" s="126"/>
      <c r="FM3374" s="91"/>
      <c r="FN3374" s="91"/>
      <c r="FO3374" s="91"/>
      <c r="FP3374" s="91"/>
      <c r="FQ3374" s="91"/>
      <c r="FR3374" s="91"/>
      <c r="FS3374" s="91"/>
      <c r="FT3374" s="91"/>
      <c r="FU3374" s="91"/>
      <c r="FV3374" s="91"/>
      <c r="FW3374" s="91"/>
      <c r="FX3374" s="127"/>
      <c r="FY3374" s="126"/>
      <c r="FZ3374" s="91"/>
      <c r="GA3374" s="91"/>
      <c r="GB3374" s="91"/>
      <c r="GC3374" s="91"/>
      <c r="GD3374" s="91"/>
      <c r="GE3374" s="91"/>
      <c r="GF3374" s="91"/>
      <c r="GG3374" s="91"/>
      <c r="GH3374" s="91"/>
      <c r="GI3374" s="91"/>
      <c r="GJ3374" s="91"/>
      <c r="GK3374" s="127"/>
      <c r="GL3374" s="126"/>
      <c r="GM3374" s="91"/>
      <c r="GN3374" s="91"/>
      <c r="GO3374" s="91"/>
      <c r="GP3374" s="91"/>
      <c r="GQ3374" s="91"/>
      <c r="GR3374" s="91"/>
      <c r="GS3374" s="91"/>
      <c r="GT3374" s="91"/>
      <c r="GU3374" s="91"/>
      <c r="GV3374" s="91"/>
      <c r="GW3374" s="91"/>
      <c r="GX3374" s="127"/>
      <c r="GY3374" s="126"/>
      <c r="GZ3374" s="91"/>
      <c r="HA3374" s="91"/>
      <c r="HB3374" s="91"/>
      <c r="HC3374" s="91"/>
      <c r="HD3374" s="91"/>
      <c r="HE3374" s="91"/>
      <c r="HF3374" s="91"/>
      <c r="HG3374" s="91"/>
      <c r="HH3374" s="91"/>
      <c r="HI3374" s="91"/>
      <c r="HJ3374" s="91"/>
      <c r="HK3374" s="127"/>
      <c r="HL3374" s="126"/>
      <c r="HM3374" s="91"/>
      <c r="HN3374" s="91"/>
      <c r="HO3374" s="91"/>
      <c r="HP3374" s="91"/>
      <c r="HQ3374" s="91"/>
      <c r="HR3374" s="91"/>
      <c r="HS3374" s="91"/>
      <c r="HT3374" s="91"/>
      <c r="HU3374" s="91"/>
      <c r="HV3374" s="91"/>
      <c r="HW3374" s="91"/>
      <c r="HX3374" s="127"/>
      <c r="HY3374" s="126"/>
      <c r="HZ3374" s="91"/>
      <c r="IA3374" s="91"/>
      <c r="IB3374" s="91"/>
      <c r="IC3374" s="91"/>
      <c r="ID3374" s="91"/>
      <c r="IE3374" s="91"/>
      <c r="IF3374" s="91"/>
      <c r="IG3374" s="91"/>
      <c r="IH3374" s="91"/>
      <c r="II3374" s="91"/>
      <c r="IJ3374" s="91"/>
      <c r="IK3374" s="174"/>
    </row>
    <row r="3375" spans="2:245" x14ac:dyDescent="0.2">
      <c r="B3375" s="43"/>
      <c r="C3375" s="73"/>
      <c r="D3375" s="64"/>
      <c r="E3375" s="64"/>
      <c r="F3375" s="55"/>
      <c r="G3375" s="102"/>
      <c r="H3375" s="97"/>
      <c r="T3375" s="98"/>
      <c r="U3375" s="97"/>
      <c r="AG3375" s="98"/>
      <c r="AY3375" s="164"/>
      <c r="BK3375" s="98"/>
      <c r="BL3375" s="97"/>
      <c r="BX3375" s="98"/>
      <c r="CL3375" s="97"/>
      <c r="CX3375" s="98"/>
      <c r="DL3375" s="97"/>
      <c r="DX3375" s="98"/>
      <c r="EL3375" s="97"/>
      <c r="EX3375" s="98"/>
      <c r="EY3375" s="97"/>
      <c r="FL3375" s="126"/>
      <c r="FM3375" s="91"/>
      <c r="FN3375" s="91"/>
      <c r="FO3375" s="91"/>
      <c r="FP3375" s="91"/>
      <c r="FQ3375" s="91"/>
      <c r="FR3375" s="91"/>
      <c r="FS3375" s="91"/>
      <c r="FT3375" s="91"/>
      <c r="FU3375" s="91"/>
      <c r="FV3375" s="91"/>
      <c r="FW3375" s="91"/>
      <c r="FX3375" s="127"/>
      <c r="FY3375" s="126"/>
      <c r="FZ3375" s="91"/>
      <c r="GA3375" s="91"/>
      <c r="GB3375" s="91"/>
      <c r="GC3375" s="91"/>
      <c r="GD3375" s="91"/>
      <c r="GE3375" s="91"/>
      <c r="GF3375" s="91"/>
      <c r="GG3375" s="91"/>
      <c r="GH3375" s="91"/>
      <c r="GI3375" s="91"/>
      <c r="GJ3375" s="91"/>
      <c r="GK3375" s="127"/>
      <c r="GL3375" s="126"/>
      <c r="GM3375" s="91"/>
      <c r="GN3375" s="91"/>
      <c r="GO3375" s="91"/>
      <c r="GP3375" s="91"/>
      <c r="GQ3375" s="91"/>
      <c r="GR3375" s="91"/>
      <c r="GS3375" s="91"/>
      <c r="GT3375" s="91"/>
      <c r="GU3375" s="91"/>
      <c r="GV3375" s="91"/>
      <c r="GW3375" s="91"/>
      <c r="GX3375" s="127"/>
      <c r="GY3375" s="126"/>
      <c r="GZ3375" s="91"/>
      <c r="HA3375" s="91"/>
      <c r="HB3375" s="91"/>
      <c r="HC3375" s="91"/>
      <c r="HD3375" s="91"/>
      <c r="HE3375" s="91"/>
      <c r="HF3375" s="91"/>
      <c r="HG3375" s="91"/>
      <c r="HH3375" s="91"/>
      <c r="HI3375" s="91"/>
      <c r="HJ3375" s="91"/>
      <c r="HK3375" s="127"/>
      <c r="HL3375" s="126"/>
      <c r="HM3375" s="91"/>
      <c r="HN3375" s="91"/>
      <c r="HO3375" s="91"/>
      <c r="HP3375" s="91"/>
      <c r="HQ3375" s="91"/>
      <c r="HR3375" s="91"/>
      <c r="HS3375" s="91"/>
      <c r="HT3375" s="91"/>
      <c r="HU3375" s="91"/>
      <c r="HV3375" s="91"/>
      <c r="HW3375" s="91"/>
      <c r="HX3375" s="127"/>
      <c r="HY3375" s="126"/>
      <c r="HZ3375" s="91"/>
      <c r="IA3375" s="91"/>
      <c r="IB3375" s="91"/>
      <c r="IC3375" s="91"/>
      <c r="ID3375" s="91"/>
      <c r="IE3375" s="91"/>
      <c r="IF3375" s="91"/>
      <c r="IG3375" s="91"/>
      <c r="IH3375" s="91"/>
      <c r="II3375" s="91"/>
      <c r="IJ3375" s="91"/>
      <c r="IK3375" s="174"/>
    </row>
    <row r="3376" spans="2:245" x14ac:dyDescent="0.2">
      <c r="B3376" s="43"/>
      <c r="C3376" s="73"/>
      <c r="D3376" s="64"/>
      <c r="E3376" s="64"/>
      <c r="F3376" s="55"/>
      <c r="G3376" s="102"/>
      <c r="H3376" s="97"/>
      <c r="T3376" s="98"/>
      <c r="U3376" s="97"/>
      <c r="AG3376" s="98"/>
      <c r="AY3376" s="164"/>
      <c r="BK3376" s="98"/>
      <c r="BL3376" s="97"/>
      <c r="BX3376" s="98"/>
      <c r="CL3376" s="97"/>
      <c r="CX3376" s="98"/>
      <c r="DL3376" s="97"/>
      <c r="DX3376" s="98"/>
      <c r="EL3376" s="97"/>
      <c r="EX3376" s="98"/>
      <c r="EY3376" s="97"/>
      <c r="FL3376" s="126"/>
      <c r="FM3376" s="91"/>
      <c r="FN3376" s="91"/>
      <c r="FO3376" s="91"/>
      <c r="FP3376" s="91"/>
      <c r="FQ3376" s="91"/>
      <c r="FR3376" s="91"/>
      <c r="FS3376" s="91"/>
      <c r="FT3376" s="91"/>
      <c r="FU3376" s="91"/>
      <c r="FV3376" s="91"/>
      <c r="FW3376" s="91"/>
      <c r="FX3376" s="127"/>
      <c r="FY3376" s="126"/>
      <c r="FZ3376" s="91"/>
      <c r="GA3376" s="91"/>
      <c r="GB3376" s="91"/>
      <c r="GC3376" s="91"/>
      <c r="GD3376" s="91"/>
      <c r="GE3376" s="91"/>
      <c r="GF3376" s="91"/>
      <c r="GG3376" s="91"/>
      <c r="GH3376" s="91"/>
      <c r="GI3376" s="91"/>
      <c r="GJ3376" s="91"/>
      <c r="GK3376" s="127"/>
      <c r="GL3376" s="126"/>
      <c r="GM3376" s="91"/>
      <c r="GN3376" s="91"/>
      <c r="GO3376" s="91"/>
      <c r="GP3376" s="91"/>
      <c r="GQ3376" s="91"/>
      <c r="GR3376" s="91"/>
      <c r="GS3376" s="91"/>
      <c r="GT3376" s="91"/>
      <c r="GU3376" s="91"/>
      <c r="GV3376" s="91"/>
      <c r="GW3376" s="91"/>
      <c r="GX3376" s="127"/>
      <c r="GY3376" s="126"/>
      <c r="GZ3376" s="91"/>
      <c r="HA3376" s="91"/>
      <c r="HB3376" s="91"/>
      <c r="HC3376" s="91"/>
      <c r="HD3376" s="91"/>
      <c r="HE3376" s="91"/>
      <c r="HF3376" s="91"/>
      <c r="HG3376" s="91"/>
      <c r="HH3376" s="91"/>
      <c r="HI3376" s="91"/>
      <c r="HJ3376" s="91"/>
      <c r="HK3376" s="127"/>
      <c r="HL3376" s="126"/>
      <c r="HM3376" s="91"/>
      <c r="HN3376" s="91"/>
      <c r="HO3376" s="91"/>
      <c r="HP3376" s="91"/>
      <c r="HQ3376" s="91"/>
      <c r="HR3376" s="91"/>
      <c r="HS3376" s="91"/>
      <c r="HT3376" s="91"/>
      <c r="HU3376" s="91"/>
      <c r="HV3376" s="91"/>
      <c r="HW3376" s="91"/>
      <c r="HX3376" s="127"/>
      <c r="HY3376" s="126"/>
      <c r="HZ3376" s="91"/>
      <c r="IA3376" s="91"/>
      <c r="IB3376" s="91"/>
      <c r="IC3376" s="91"/>
      <c r="ID3376" s="91"/>
      <c r="IE3376" s="91"/>
      <c r="IF3376" s="91"/>
      <c r="IG3376" s="91"/>
      <c r="IH3376" s="91"/>
      <c r="II3376" s="91"/>
      <c r="IJ3376" s="91"/>
      <c r="IK3376" s="174"/>
    </row>
    <row r="3377" spans="2:245" x14ac:dyDescent="0.2">
      <c r="B3377" s="43"/>
      <c r="C3377" s="73"/>
      <c r="D3377" s="64"/>
      <c r="E3377" s="64"/>
      <c r="F3377" s="55"/>
      <c r="G3377" s="102"/>
      <c r="H3377" s="97"/>
      <c r="T3377" s="98"/>
      <c r="U3377" s="97"/>
      <c r="AG3377" s="98"/>
      <c r="AY3377" s="164"/>
      <c r="BK3377" s="98"/>
      <c r="BL3377" s="97"/>
      <c r="BX3377" s="98"/>
      <c r="CL3377" s="97"/>
      <c r="CX3377" s="98"/>
      <c r="DL3377" s="97"/>
      <c r="DX3377" s="98"/>
      <c r="EL3377" s="97"/>
      <c r="EX3377" s="98"/>
      <c r="EY3377" s="97"/>
      <c r="FL3377" s="126"/>
      <c r="FM3377" s="91"/>
      <c r="FN3377" s="91"/>
      <c r="FO3377" s="91"/>
      <c r="FP3377" s="91"/>
      <c r="FQ3377" s="91"/>
      <c r="FR3377" s="91"/>
      <c r="FS3377" s="91"/>
      <c r="FT3377" s="91"/>
      <c r="FU3377" s="91"/>
      <c r="FV3377" s="91"/>
      <c r="FW3377" s="91"/>
      <c r="FX3377" s="127"/>
      <c r="FY3377" s="126"/>
      <c r="FZ3377" s="91"/>
      <c r="GA3377" s="91"/>
      <c r="GB3377" s="91"/>
      <c r="GC3377" s="91"/>
      <c r="GD3377" s="91"/>
      <c r="GE3377" s="91"/>
      <c r="GF3377" s="91"/>
      <c r="GG3377" s="91"/>
      <c r="GH3377" s="91"/>
      <c r="GI3377" s="91"/>
      <c r="GJ3377" s="91"/>
      <c r="GK3377" s="127"/>
      <c r="GL3377" s="126"/>
      <c r="GM3377" s="91"/>
      <c r="GN3377" s="91"/>
      <c r="GO3377" s="91"/>
      <c r="GP3377" s="91"/>
      <c r="GQ3377" s="91"/>
      <c r="GR3377" s="91"/>
      <c r="GS3377" s="91"/>
      <c r="GT3377" s="91"/>
      <c r="GU3377" s="91"/>
      <c r="GV3377" s="91"/>
      <c r="GW3377" s="91"/>
      <c r="GX3377" s="127"/>
      <c r="GY3377" s="126"/>
      <c r="GZ3377" s="91"/>
      <c r="HA3377" s="91"/>
      <c r="HB3377" s="91"/>
      <c r="HC3377" s="91"/>
      <c r="HD3377" s="91"/>
      <c r="HE3377" s="91"/>
      <c r="HF3377" s="91"/>
      <c r="HG3377" s="91"/>
      <c r="HH3377" s="91"/>
      <c r="HI3377" s="91"/>
      <c r="HJ3377" s="91"/>
      <c r="HK3377" s="127"/>
      <c r="HL3377" s="126"/>
      <c r="HM3377" s="91"/>
      <c r="HN3377" s="91"/>
      <c r="HO3377" s="91"/>
      <c r="HP3377" s="91"/>
      <c r="HQ3377" s="91"/>
      <c r="HR3377" s="91"/>
      <c r="HS3377" s="91"/>
      <c r="HT3377" s="91"/>
      <c r="HU3377" s="91"/>
      <c r="HV3377" s="91"/>
      <c r="HW3377" s="91"/>
      <c r="HX3377" s="127"/>
      <c r="HY3377" s="126"/>
      <c r="HZ3377" s="91"/>
      <c r="IA3377" s="91"/>
      <c r="IB3377" s="91"/>
      <c r="IC3377" s="91"/>
      <c r="ID3377" s="91"/>
      <c r="IE3377" s="91"/>
      <c r="IF3377" s="91"/>
      <c r="IG3377" s="91"/>
      <c r="IH3377" s="91"/>
      <c r="II3377" s="91"/>
      <c r="IJ3377" s="91"/>
      <c r="IK3377" s="174"/>
    </row>
    <row r="3378" spans="2:245" x14ac:dyDescent="0.2">
      <c r="B3378" s="43"/>
      <c r="C3378" s="73"/>
      <c r="D3378" s="64"/>
      <c r="E3378" s="64"/>
      <c r="F3378" s="55"/>
      <c r="G3378" s="102"/>
      <c r="H3378" s="97"/>
      <c r="T3378" s="98"/>
      <c r="U3378" s="97"/>
      <c r="AG3378" s="98"/>
      <c r="AY3378" s="164"/>
      <c r="BK3378" s="98"/>
      <c r="BL3378" s="97"/>
      <c r="BX3378" s="98"/>
      <c r="CL3378" s="97"/>
      <c r="CX3378" s="98"/>
      <c r="DL3378" s="97"/>
      <c r="DX3378" s="98"/>
      <c r="EL3378" s="97"/>
      <c r="EX3378" s="98"/>
      <c r="EY3378" s="97"/>
      <c r="FL3378" s="126"/>
      <c r="FM3378" s="91"/>
      <c r="FN3378" s="91"/>
      <c r="FO3378" s="91"/>
      <c r="FP3378" s="91"/>
      <c r="FQ3378" s="91"/>
      <c r="FR3378" s="91"/>
      <c r="FS3378" s="91"/>
      <c r="FT3378" s="91"/>
      <c r="FU3378" s="91"/>
      <c r="FV3378" s="91"/>
      <c r="FW3378" s="91"/>
      <c r="FX3378" s="127"/>
      <c r="FY3378" s="126"/>
      <c r="FZ3378" s="91"/>
      <c r="GA3378" s="91"/>
      <c r="GB3378" s="91"/>
      <c r="GC3378" s="91"/>
      <c r="GD3378" s="91"/>
      <c r="GE3378" s="91"/>
      <c r="GF3378" s="91"/>
      <c r="GG3378" s="91"/>
      <c r="GH3378" s="91"/>
      <c r="GI3378" s="91"/>
      <c r="GJ3378" s="91"/>
      <c r="GK3378" s="127"/>
      <c r="GL3378" s="126"/>
      <c r="GM3378" s="91"/>
      <c r="GN3378" s="91"/>
      <c r="GO3378" s="91"/>
      <c r="GP3378" s="91"/>
      <c r="GQ3378" s="91"/>
      <c r="GR3378" s="91"/>
      <c r="GS3378" s="91"/>
      <c r="GT3378" s="91"/>
      <c r="GU3378" s="91"/>
      <c r="GV3378" s="91"/>
      <c r="GW3378" s="91"/>
      <c r="GX3378" s="127"/>
      <c r="GY3378" s="126"/>
      <c r="GZ3378" s="91"/>
      <c r="HA3378" s="91"/>
      <c r="HB3378" s="91"/>
      <c r="HC3378" s="91"/>
      <c r="HD3378" s="91"/>
      <c r="HE3378" s="91"/>
      <c r="HF3378" s="91"/>
      <c r="HG3378" s="91"/>
      <c r="HH3378" s="91"/>
      <c r="HI3378" s="91"/>
      <c r="HJ3378" s="91"/>
      <c r="HK3378" s="127"/>
      <c r="HL3378" s="126"/>
      <c r="HM3378" s="91"/>
      <c r="HN3378" s="91"/>
      <c r="HO3378" s="91"/>
      <c r="HP3378" s="91"/>
      <c r="HQ3378" s="91"/>
      <c r="HR3378" s="91"/>
      <c r="HS3378" s="91"/>
      <c r="HT3378" s="91"/>
      <c r="HU3378" s="91"/>
      <c r="HV3378" s="91"/>
      <c r="HW3378" s="91"/>
      <c r="HX3378" s="127"/>
      <c r="HY3378" s="126"/>
      <c r="HZ3378" s="91"/>
      <c r="IA3378" s="91"/>
      <c r="IB3378" s="91"/>
      <c r="IC3378" s="91"/>
      <c r="ID3378" s="91"/>
      <c r="IE3378" s="91"/>
      <c r="IF3378" s="91"/>
      <c r="IG3378" s="91"/>
      <c r="IH3378" s="91"/>
      <c r="II3378" s="91"/>
      <c r="IJ3378" s="91"/>
      <c r="IK3378" s="174"/>
    </row>
    <row r="3379" spans="2:245" x14ac:dyDescent="0.2">
      <c r="B3379" s="43"/>
      <c r="C3379" s="73"/>
      <c r="D3379" s="64"/>
      <c r="E3379" s="64"/>
      <c r="F3379" s="55"/>
      <c r="G3379" s="102"/>
      <c r="H3379" s="97"/>
      <c r="T3379" s="98"/>
      <c r="U3379" s="97"/>
      <c r="AG3379" s="98"/>
      <c r="AY3379" s="164"/>
      <c r="BK3379" s="98"/>
      <c r="BL3379" s="97"/>
      <c r="BX3379" s="98"/>
      <c r="CL3379" s="97"/>
      <c r="CX3379" s="98"/>
      <c r="DL3379" s="97"/>
      <c r="DX3379" s="98"/>
      <c r="EL3379" s="97"/>
      <c r="EX3379" s="98"/>
      <c r="EY3379" s="97"/>
      <c r="FL3379" s="126"/>
      <c r="FM3379" s="91"/>
      <c r="FN3379" s="91"/>
      <c r="FO3379" s="91"/>
      <c r="FP3379" s="91"/>
      <c r="FQ3379" s="91"/>
      <c r="FR3379" s="91"/>
      <c r="FS3379" s="91"/>
      <c r="FT3379" s="91"/>
      <c r="FU3379" s="91"/>
      <c r="FV3379" s="91"/>
      <c r="FW3379" s="91"/>
      <c r="FX3379" s="127"/>
      <c r="FY3379" s="126"/>
      <c r="FZ3379" s="91"/>
      <c r="GA3379" s="91"/>
      <c r="GB3379" s="91"/>
      <c r="GC3379" s="91"/>
      <c r="GD3379" s="91"/>
      <c r="GE3379" s="91"/>
      <c r="GF3379" s="91"/>
      <c r="GG3379" s="91"/>
      <c r="GH3379" s="91"/>
      <c r="GI3379" s="91"/>
      <c r="GJ3379" s="91"/>
      <c r="GK3379" s="127"/>
      <c r="GL3379" s="126"/>
      <c r="GM3379" s="91"/>
      <c r="GN3379" s="91"/>
      <c r="GO3379" s="91"/>
      <c r="GP3379" s="91"/>
      <c r="GQ3379" s="91"/>
      <c r="GR3379" s="91"/>
      <c r="GS3379" s="91"/>
      <c r="GT3379" s="91"/>
      <c r="GU3379" s="91"/>
      <c r="GV3379" s="91"/>
      <c r="GW3379" s="91"/>
      <c r="GX3379" s="127"/>
      <c r="GY3379" s="126"/>
      <c r="GZ3379" s="91"/>
      <c r="HA3379" s="91"/>
      <c r="HB3379" s="91"/>
      <c r="HC3379" s="91"/>
      <c r="HD3379" s="91"/>
      <c r="HE3379" s="91"/>
      <c r="HF3379" s="91"/>
      <c r="HG3379" s="91"/>
      <c r="HH3379" s="91"/>
      <c r="HI3379" s="91"/>
      <c r="HJ3379" s="91"/>
      <c r="HK3379" s="127"/>
      <c r="HL3379" s="126"/>
      <c r="HM3379" s="91"/>
      <c r="HN3379" s="91"/>
      <c r="HO3379" s="91"/>
      <c r="HP3379" s="91"/>
      <c r="HQ3379" s="91"/>
      <c r="HR3379" s="91"/>
      <c r="HS3379" s="91"/>
      <c r="HT3379" s="91"/>
      <c r="HU3379" s="91"/>
      <c r="HV3379" s="91"/>
      <c r="HW3379" s="91"/>
      <c r="HX3379" s="127"/>
      <c r="HY3379" s="126"/>
      <c r="HZ3379" s="91"/>
      <c r="IA3379" s="91"/>
      <c r="IB3379" s="91"/>
      <c r="IC3379" s="91"/>
      <c r="ID3379" s="91"/>
      <c r="IE3379" s="91"/>
      <c r="IF3379" s="91"/>
      <c r="IG3379" s="91"/>
      <c r="IH3379" s="91"/>
      <c r="II3379" s="91"/>
      <c r="IJ3379" s="91"/>
      <c r="IK3379" s="174"/>
    </row>
    <row r="3380" spans="2:245" x14ac:dyDescent="0.2">
      <c r="B3380" s="43"/>
      <c r="C3380" s="73"/>
      <c r="D3380" s="64"/>
      <c r="E3380" s="64"/>
      <c r="F3380" s="55"/>
      <c r="G3380" s="102"/>
      <c r="H3380" s="97"/>
      <c r="T3380" s="98"/>
      <c r="U3380" s="97"/>
      <c r="AG3380" s="98"/>
      <c r="AY3380" s="164"/>
      <c r="BK3380" s="98"/>
      <c r="BL3380" s="97"/>
      <c r="BX3380" s="98"/>
      <c r="CL3380" s="97"/>
      <c r="CX3380" s="98"/>
      <c r="DL3380" s="97"/>
      <c r="DX3380" s="98"/>
      <c r="EL3380" s="97"/>
      <c r="EX3380" s="98"/>
      <c r="EY3380" s="97"/>
      <c r="FL3380" s="126"/>
      <c r="FM3380" s="91"/>
      <c r="FN3380" s="91"/>
      <c r="FO3380" s="91"/>
      <c r="FP3380" s="91"/>
      <c r="FQ3380" s="91"/>
      <c r="FR3380" s="91"/>
      <c r="FS3380" s="91"/>
      <c r="FT3380" s="91"/>
      <c r="FU3380" s="91"/>
      <c r="FV3380" s="91"/>
      <c r="FW3380" s="91"/>
      <c r="FX3380" s="127"/>
      <c r="FY3380" s="126"/>
      <c r="FZ3380" s="91"/>
      <c r="GA3380" s="91"/>
      <c r="GB3380" s="91"/>
      <c r="GC3380" s="91"/>
      <c r="GD3380" s="91"/>
      <c r="GE3380" s="91"/>
      <c r="GF3380" s="91"/>
      <c r="GG3380" s="91"/>
      <c r="GH3380" s="91"/>
      <c r="GI3380" s="91"/>
      <c r="GJ3380" s="91"/>
      <c r="GK3380" s="127"/>
      <c r="GL3380" s="126"/>
      <c r="GM3380" s="91"/>
      <c r="GN3380" s="91"/>
      <c r="GO3380" s="91"/>
      <c r="GP3380" s="91"/>
      <c r="GQ3380" s="91"/>
      <c r="GR3380" s="91"/>
      <c r="GS3380" s="91"/>
      <c r="GT3380" s="91"/>
      <c r="GU3380" s="91"/>
      <c r="GV3380" s="91"/>
      <c r="GW3380" s="91"/>
      <c r="GX3380" s="127"/>
      <c r="GY3380" s="126"/>
      <c r="GZ3380" s="91"/>
      <c r="HA3380" s="91"/>
      <c r="HB3380" s="91"/>
      <c r="HC3380" s="91"/>
      <c r="HD3380" s="91"/>
      <c r="HE3380" s="91"/>
      <c r="HF3380" s="91"/>
      <c r="HG3380" s="91"/>
      <c r="HH3380" s="91"/>
      <c r="HI3380" s="91"/>
      <c r="HJ3380" s="91"/>
      <c r="HK3380" s="127"/>
      <c r="HL3380" s="126"/>
      <c r="HM3380" s="91"/>
      <c r="HN3380" s="91"/>
      <c r="HO3380" s="91"/>
      <c r="HP3380" s="91"/>
      <c r="HQ3380" s="91"/>
      <c r="HR3380" s="91"/>
      <c r="HS3380" s="91"/>
      <c r="HT3380" s="91"/>
      <c r="HU3380" s="91"/>
      <c r="HV3380" s="91"/>
      <c r="HW3380" s="91"/>
      <c r="HX3380" s="127"/>
      <c r="HY3380" s="126"/>
      <c r="HZ3380" s="91"/>
      <c r="IA3380" s="91"/>
      <c r="IB3380" s="91"/>
      <c r="IC3380" s="91"/>
      <c r="ID3380" s="91"/>
      <c r="IE3380" s="91"/>
      <c r="IF3380" s="91"/>
      <c r="IG3380" s="91"/>
      <c r="IH3380" s="91"/>
      <c r="II3380" s="91"/>
      <c r="IJ3380" s="91"/>
      <c r="IK3380" s="174"/>
    </row>
    <row r="3381" spans="2:245" x14ac:dyDescent="0.2">
      <c r="B3381" s="43"/>
      <c r="C3381" s="73"/>
      <c r="D3381" s="64"/>
      <c r="E3381" s="64"/>
      <c r="F3381" s="55"/>
      <c r="G3381" s="102"/>
      <c r="H3381" s="97"/>
      <c r="T3381" s="98"/>
      <c r="U3381" s="97"/>
      <c r="AG3381" s="98"/>
      <c r="AY3381" s="164"/>
      <c r="BK3381" s="98"/>
      <c r="BL3381" s="97"/>
      <c r="BX3381" s="98"/>
      <c r="CL3381" s="97"/>
      <c r="CX3381" s="98"/>
      <c r="DL3381" s="97"/>
      <c r="DX3381" s="98"/>
      <c r="EL3381" s="97"/>
      <c r="EX3381" s="98"/>
      <c r="EY3381" s="97"/>
      <c r="FL3381" s="126"/>
      <c r="FM3381" s="91"/>
      <c r="FN3381" s="91"/>
      <c r="FO3381" s="91"/>
      <c r="FP3381" s="91"/>
      <c r="FQ3381" s="91"/>
      <c r="FR3381" s="91"/>
      <c r="FS3381" s="91"/>
      <c r="FT3381" s="91"/>
      <c r="FU3381" s="91"/>
      <c r="FV3381" s="91"/>
      <c r="FW3381" s="91"/>
      <c r="FX3381" s="127"/>
      <c r="FY3381" s="126"/>
      <c r="FZ3381" s="91"/>
      <c r="GA3381" s="91"/>
      <c r="GB3381" s="91"/>
      <c r="GC3381" s="91"/>
      <c r="GD3381" s="91"/>
      <c r="GE3381" s="91"/>
      <c r="GF3381" s="91"/>
      <c r="GG3381" s="91"/>
      <c r="GH3381" s="91"/>
      <c r="GI3381" s="91"/>
      <c r="GJ3381" s="91"/>
      <c r="GK3381" s="127"/>
      <c r="GL3381" s="126"/>
      <c r="GM3381" s="91"/>
      <c r="GN3381" s="91"/>
      <c r="GO3381" s="91"/>
      <c r="GP3381" s="91"/>
      <c r="GQ3381" s="91"/>
      <c r="GR3381" s="91"/>
      <c r="GS3381" s="91"/>
      <c r="GT3381" s="91"/>
      <c r="GU3381" s="91"/>
      <c r="GV3381" s="91"/>
      <c r="GW3381" s="91"/>
      <c r="GX3381" s="127"/>
      <c r="GY3381" s="126"/>
      <c r="GZ3381" s="91"/>
      <c r="HA3381" s="91"/>
      <c r="HB3381" s="91"/>
      <c r="HC3381" s="91"/>
      <c r="HD3381" s="91"/>
      <c r="HE3381" s="91"/>
      <c r="HF3381" s="91"/>
      <c r="HG3381" s="91"/>
      <c r="HH3381" s="91"/>
      <c r="HI3381" s="91"/>
      <c r="HJ3381" s="91"/>
      <c r="HK3381" s="127"/>
      <c r="HL3381" s="126"/>
      <c r="HM3381" s="91"/>
      <c r="HN3381" s="91"/>
      <c r="HO3381" s="91"/>
      <c r="HP3381" s="91"/>
      <c r="HQ3381" s="91"/>
      <c r="HR3381" s="91"/>
      <c r="HS3381" s="91"/>
      <c r="HT3381" s="91"/>
      <c r="HU3381" s="91"/>
      <c r="HV3381" s="91"/>
      <c r="HW3381" s="91"/>
      <c r="HX3381" s="127"/>
      <c r="HY3381" s="126"/>
      <c r="HZ3381" s="91"/>
      <c r="IA3381" s="91"/>
      <c r="IB3381" s="91"/>
      <c r="IC3381" s="91"/>
      <c r="ID3381" s="91"/>
      <c r="IE3381" s="91"/>
      <c r="IF3381" s="91"/>
      <c r="IG3381" s="91"/>
      <c r="IH3381" s="91"/>
      <c r="II3381" s="91"/>
      <c r="IJ3381" s="91"/>
      <c r="IK3381" s="174"/>
    </row>
    <row r="3382" spans="2:245" x14ac:dyDescent="0.2">
      <c r="B3382" s="43"/>
      <c r="C3382" s="73"/>
      <c r="D3382" s="64"/>
      <c r="E3382" s="64"/>
      <c r="F3382" s="55"/>
      <c r="G3382" s="102"/>
      <c r="H3382" s="97"/>
      <c r="T3382" s="98"/>
      <c r="U3382" s="97"/>
      <c r="AG3382" s="98"/>
      <c r="AY3382" s="164"/>
      <c r="BK3382" s="98"/>
      <c r="BL3382" s="97"/>
      <c r="BX3382" s="98"/>
      <c r="CL3382" s="97"/>
      <c r="CX3382" s="98"/>
      <c r="DL3382" s="97"/>
      <c r="DX3382" s="98"/>
      <c r="EL3382" s="97"/>
      <c r="EX3382" s="98"/>
      <c r="EY3382" s="97"/>
      <c r="FL3382" s="126"/>
      <c r="FM3382" s="91"/>
      <c r="FN3382" s="91"/>
      <c r="FO3382" s="91"/>
      <c r="FP3382" s="91"/>
      <c r="FQ3382" s="91"/>
      <c r="FR3382" s="91"/>
      <c r="FS3382" s="91"/>
      <c r="FT3382" s="91"/>
      <c r="FU3382" s="91"/>
      <c r="FV3382" s="91"/>
      <c r="FW3382" s="91"/>
      <c r="FX3382" s="127"/>
      <c r="FY3382" s="126"/>
      <c r="FZ3382" s="91"/>
      <c r="GA3382" s="91"/>
      <c r="GB3382" s="91"/>
      <c r="GC3382" s="91"/>
      <c r="GD3382" s="91"/>
      <c r="GE3382" s="91"/>
      <c r="GF3382" s="91"/>
      <c r="GG3382" s="91"/>
      <c r="GH3382" s="91"/>
      <c r="GI3382" s="91"/>
      <c r="GJ3382" s="91"/>
      <c r="GK3382" s="127"/>
      <c r="GL3382" s="126"/>
      <c r="GM3382" s="91"/>
      <c r="GN3382" s="91"/>
      <c r="GO3382" s="91"/>
      <c r="GP3382" s="91"/>
      <c r="GQ3382" s="91"/>
      <c r="GR3382" s="91"/>
      <c r="GS3382" s="91"/>
      <c r="GT3382" s="91"/>
      <c r="GU3382" s="91"/>
      <c r="GV3382" s="91"/>
      <c r="GW3382" s="91"/>
      <c r="GX3382" s="127"/>
      <c r="GY3382" s="126"/>
      <c r="GZ3382" s="91"/>
      <c r="HA3382" s="91"/>
      <c r="HB3382" s="91"/>
      <c r="HC3382" s="91"/>
      <c r="HD3382" s="91"/>
      <c r="HE3382" s="91"/>
      <c r="HF3382" s="91"/>
      <c r="HG3382" s="91"/>
      <c r="HH3382" s="91"/>
      <c r="HI3382" s="91"/>
      <c r="HJ3382" s="91"/>
      <c r="HK3382" s="127"/>
      <c r="HL3382" s="126"/>
      <c r="HM3382" s="91"/>
      <c r="HN3382" s="91"/>
      <c r="HO3382" s="91"/>
      <c r="HP3382" s="91"/>
      <c r="HQ3382" s="91"/>
      <c r="HR3382" s="91"/>
      <c r="HS3382" s="91"/>
      <c r="HT3382" s="91"/>
      <c r="HU3382" s="91"/>
      <c r="HV3382" s="91"/>
      <c r="HW3382" s="91"/>
      <c r="HX3382" s="127"/>
      <c r="HY3382" s="126"/>
      <c r="HZ3382" s="91"/>
      <c r="IA3382" s="91"/>
      <c r="IB3382" s="91"/>
      <c r="IC3382" s="91"/>
      <c r="ID3382" s="91"/>
      <c r="IE3382" s="91"/>
      <c r="IF3382" s="91"/>
      <c r="IG3382" s="91"/>
      <c r="IH3382" s="91"/>
      <c r="II3382" s="91"/>
      <c r="IJ3382" s="91"/>
      <c r="IK3382" s="174"/>
    </row>
    <row r="3383" spans="2:245" x14ac:dyDescent="0.2">
      <c r="B3383" s="43"/>
      <c r="C3383" s="73"/>
      <c r="D3383" s="64"/>
      <c r="E3383" s="64"/>
      <c r="F3383" s="55"/>
      <c r="G3383" s="102"/>
      <c r="H3383" s="97"/>
      <c r="T3383" s="98"/>
      <c r="U3383" s="97"/>
      <c r="AG3383" s="98"/>
      <c r="AY3383" s="164"/>
      <c r="BK3383" s="98"/>
      <c r="BL3383" s="97"/>
      <c r="BX3383" s="98"/>
      <c r="CL3383" s="97"/>
      <c r="CX3383" s="98"/>
      <c r="DL3383" s="97"/>
      <c r="DX3383" s="98"/>
      <c r="EL3383" s="97"/>
      <c r="EX3383" s="98"/>
      <c r="EY3383" s="97"/>
      <c r="FL3383" s="126"/>
      <c r="FM3383" s="91"/>
      <c r="FN3383" s="91"/>
      <c r="FO3383" s="91"/>
      <c r="FP3383" s="91"/>
      <c r="FQ3383" s="91"/>
      <c r="FR3383" s="91"/>
      <c r="FS3383" s="91"/>
      <c r="FT3383" s="91"/>
      <c r="FU3383" s="91"/>
      <c r="FV3383" s="91"/>
      <c r="FW3383" s="91"/>
      <c r="FX3383" s="127"/>
      <c r="FY3383" s="126"/>
      <c r="FZ3383" s="91"/>
      <c r="GA3383" s="91"/>
      <c r="GB3383" s="91"/>
      <c r="GC3383" s="91"/>
      <c r="GD3383" s="91"/>
      <c r="GE3383" s="91"/>
      <c r="GF3383" s="91"/>
      <c r="GG3383" s="91"/>
      <c r="GH3383" s="91"/>
      <c r="GI3383" s="91"/>
      <c r="GJ3383" s="91"/>
      <c r="GK3383" s="127"/>
      <c r="GL3383" s="126"/>
      <c r="GM3383" s="91"/>
      <c r="GN3383" s="91"/>
      <c r="GO3383" s="91"/>
      <c r="GP3383" s="91"/>
      <c r="GQ3383" s="91"/>
      <c r="GR3383" s="91"/>
      <c r="GS3383" s="91"/>
      <c r="GT3383" s="91"/>
      <c r="GU3383" s="91"/>
      <c r="GV3383" s="91"/>
      <c r="GW3383" s="91"/>
      <c r="GX3383" s="127"/>
      <c r="GY3383" s="126"/>
      <c r="GZ3383" s="91"/>
      <c r="HA3383" s="91"/>
      <c r="HB3383" s="91"/>
      <c r="HC3383" s="91"/>
      <c r="HD3383" s="91"/>
      <c r="HE3383" s="91"/>
      <c r="HF3383" s="91"/>
      <c r="HG3383" s="91"/>
      <c r="HH3383" s="91"/>
      <c r="HI3383" s="91"/>
      <c r="HJ3383" s="91"/>
      <c r="HK3383" s="127"/>
      <c r="HL3383" s="126"/>
      <c r="HM3383" s="91"/>
      <c r="HN3383" s="91"/>
      <c r="HO3383" s="91"/>
      <c r="HP3383" s="91"/>
      <c r="HQ3383" s="91"/>
      <c r="HR3383" s="91"/>
      <c r="HS3383" s="91"/>
      <c r="HT3383" s="91"/>
      <c r="HU3383" s="91"/>
      <c r="HV3383" s="91"/>
      <c r="HW3383" s="91"/>
      <c r="HX3383" s="127"/>
      <c r="HY3383" s="126"/>
      <c r="HZ3383" s="91"/>
      <c r="IA3383" s="91"/>
      <c r="IB3383" s="91"/>
      <c r="IC3383" s="91"/>
      <c r="ID3383" s="91"/>
      <c r="IE3383" s="91"/>
      <c r="IF3383" s="91"/>
      <c r="IG3383" s="91"/>
      <c r="IH3383" s="91"/>
      <c r="II3383" s="91"/>
      <c r="IJ3383" s="91"/>
      <c r="IK3383" s="174"/>
    </row>
    <row r="3384" spans="2:245" x14ac:dyDescent="0.2">
      <c r="B3384" s="43"/>
      <c r="C3384" s="73"/>
      <c r="D3384" s="64"/>
      <c r="E3384" s="64"/>
      <c r="F3384" s="55"/>
      <c r="G3384" s="102"/>
      <c r="H3384" s="97"/>
      <c r="T3384" s="98"/>
      <c r="U3384" s="97"/>
      <c r="AG3384" s="98"/>
      <c r="AY3384" s="164"/>
      <c r="BK3384" s="98"/>
      <c r="BL3384" s="97"/>
      <c r="BX3384" s="98"/>
      <c r="CL3384" s="97"/>
      <c r="CX3384" s="98"/>
      <c r="DL3384" s="97"/>
      <c r="DX3384" s="98"/>
      <c r="EL3384" s="97"/>
      <c r="EX3384" s="98"/>
      <c r="EY3384" s="97"/>
      <c r="FL3384" s="126"/>
      <c r="FM3384" s="91"/>
      <c r="FN3384" s="91"/>
      <c r="FO3384" s="91"/>
      <c r="FP3384" s="91"/>
      <c r="FQ3384" s="91"/>
      <c r="FR3384" s="91"/>
      <c r="FS3384" s="91"/>
      <c r="FT3384" s="91"/>
      <c r="FU3384" s="91"/>
      <c r="FV3384" s="91"/>
      <c r="FW3384" s="91"/>
      <c r="FX3384" s="127"/>
      <c r="FY3384" s="126"/>
      <c r="FZ3384" s="91"/>
      <c r="GA3384" s="91"/>
      <c r="GB3384" s="91"/>
      <c r="GC3384" s="91"/>
      <c r="GD3384" s="91"/>
      <c r="GE3384" s="91"/>
      <c r="GF3384" s="91"/>
      <c r="GG3384" s="91"/>
      <c r="GH3384" s="91"/>
      <c r="GI3384" s="91"/>
      <c r="GJ3384" s="91"/>
      <c r="GK3384" s="127"/>
      <c r="GL3384" s="126"/>
      <c r="GM3384" s="91"/>
      <c r="GN3384" s="91"/>
      <c r="GO3384" s="91"/>
      <c r="GP3384" s="91"/>
      <c r="GQ3384" s="91"/>
      <c r="GR3384" s="91"/>
      <c r="GS3384" s="91"/>
      <c r="GT3384" s="91"/>
      <c r="GU3384" s="91"/>
      <c r="GV3384" s="91"/>
      <c r="GW3384" s="91"/>
      <c r="GX3384" s="127"/>
      <c r="GY3384" s="126"/>
      <c r="GZ3384" s="91"/>
      <c r="HA3384" s="91"/>
      <c r="HB3384" s="91"/>
      <c r="HC3384" s="91"/>
      <c r="HD3384" s="91"/>
      <c r="HE3384" s="91"/>
      <c r="HF3384" s="91"/>
      <c r="HG3384" s="91"/>
      <c r="HH3384" s="91"/>
      <c r="HI3384" s="91"/>
      <c r="HJ3384" s="91"/>
      <c r="HK3384" s="127"/>
      <c r="HL3384" s="126"/>
      <c r="HM3384" s="91"/>
      <c r="HN3384" s="91"/>
      <c r="HO3384" s="91"/>
      <c r="HP3384" s="91"/>
      <c r="HQ3384" s="91"/>
      <c r="HR3384" s="91"/>
      <c r="HS3384" s="91"/>
      <c r="HT3384" s="91"/>
      <c r="HU3384" s="91"/>
      <c r="HV3384" s="91"/>
      <c r="HW3384" s="91"/>
      <c r="HX3384" s="127"/>
      <c r="HY3384" s="126"/>
      <c r="HZ3384" s="91"/>
      <c r="IA3384" s="91"/>
      <c r="IB3384" s="91"/>
      <c r="IC3384" s="91"/>
      <c r="ID3384" s="91"/>
      <c r="IE3384" s="91"/>
      <c r="IF3384" s="91"/>
      <c r="IG3384" s="91"/>
      <c r="IH3384" s="91"/>
      <c r="II3384" s="91"/>
      <c r="IJ3384" s="91"/>
      <c r="IK3384" s="174"/>
    </row>
    <row r="3385" spans="2:245" x14ac:dyDescent="0.2">
      <c r="B3385" s="43"/>
      <c r="C3385" s="73"/>
      <c r="D3385" s="64"/>
      <c r="E3385" s="64"/>
      <c r="F3385" s="55"/>
      <c r="G3385" s="102"/>
      <c r="H3385" s="97"/>
      <c r="T3385" s="98"/>
      <c r="U3385" s="97"/>
      <c r="AG3385" s="98"/>
      <c r="AY3385" s="164"/>
      <c r="BK3385" s="98"/>
      <c r="BL3385" s="97"/>
      <c r="BX3385" s="98"/>
      <c r="CL3385" s="97"/>
      <c r="CX3385" s="98"/>
      <c r="DL3385" s="97"/>
      <c r="DX3385" s="98"/>
      <c r="EL3385" s="97"/>
      <c r="EX3385" s="98"/>
      <c r="EY3385" s="97"/>
      <c r="FL3385" s="126"/>
      <c r="FM3385" s="91"/>
      <c r="FN3385" s="91"/>
      <c r="FO3385" s="91"/>
      <c r="FP3385" s="91"/>
      <c r="FQ3385" s="91"/>
      <c r="FR3385" s="91"/>
      <c r="FS3385" s="91"/>
      <c r="FT3385" s="91"/>
      <c r="FU3385" s="91"/>
      <c r="FV3385" s="91"/>
      <c r="FW3385" s="91"/>
      <c r="FX3385" s="127"/>
      <c r="FY3385" s="126"/>
      <c r="FZ3385" s="91"/>
      <c r="GA3385" s="91"/>
      <c r="GB3385" s="91"/>
      <c r="GC3385" s="91"/>
      <c r="GD3385" s="91"/>
      <c r="GE3385" s="91"/>
      <c r="GF3385" s="91"/>
      <c r="GG3385" s="91"/>
      <c r="GH3385" s="91"/>
      <c r="GI3385" s="91"/>
      <c r="GJ3385" s="91"/>
      <c r="GK3385" s="127"/>
      <c r="GL3385" s="126"/>
      <c r="GM3385" s="91"/>
      <c r="GN3385" s="91"/>
      <c r="GO3385" s="91"/>
      <c r="GP3385" s="91"/>
      <c r="GQ3385" s="91"/>
      <c r="GR3385" s="91"/>
      <c r="GS3385" s="91"/>
      <c r="GT3385" s="91"/>
      <c r="GU3385" s="91"/>
      <c r="GV3385" s="91"/>
      <c r="GW3385" s="91"/>
      <c r="GX3385" s="127"/>
      <c r="GY3385" s="126"/>
      <c r="GZ3385" s="91"/>
      <c r="HA3385" s="91"/>
      <c r="HB3385" s="91"/>
      <c r="HC3385" s="91"/>
      <c r="HD3385" s="91"/>
      <c r="HE3385" s="91"/>
      <c r="HF3385" s="91"/>
      <c r="HG3385" s="91"/>
      <c r="HH3385" s="91"/>
      <c r="HI3385" s="91"/>
      <c r="HJ3385" s="91"/>
      <c r="HK3385" s="127"/>
      <c r="HL3385" s="126"/>
      <c r="HM3385" s="91"/>
      <c r="HN3385" s="91"/>
      <c r="HO3385" s="91"/>
      <c r="HP3385" s="91"/>
      <c r="HQ3385" s="91"/>
      <c r="HR3385" s="91"/>
      <c r="HS3385" s="91"/>
      <c r="HT3385" s="91"/>
      <c r="HU3385" s="91"/>
      <c r="HV3385" s="91"/>
      <c r="HW3385" s="91"/>
      <c r="HX3385" s="127"/>
      <c r="HY3385" s="126"/>
      <c r="HZ3385" s="91"/>
      <c r="IA3385" s="91"/>
      <c r="IB3385" s="91"/>
      <c r="IC3385" s="91"/>
      <c r="ID3385" s="91"/>
      <c r="IE3385" s="91"/>
      <c r="IF3385" s="91"/>
      <c r="IG3385" s="91"/>
      <c r="IH3385" s="91"/>
      <c r="II3385" s="91"/>
      <c r="IJ3385" s="91"/>
      <c r="IK3385" s="174"/>
    </row>
    <row r="3386" spans="2:245" x14ac:dyDescent="0.2">
      <c r="B3386" s="43"/>
      <c r="C3386" s="73"/>
      <c r="D3386" s="64"/>
      <c r="E3386" s="64"/>
      <c r="F3386" s="55"/>
      <c r="G3386" s="102"/>
      <c r="H3386" s="97"/>
      <c r="T3386" s="98"/>
      <c r="U3386" s="97"/>
      <c r="AG3386" s="98"/>
      <c r="AY3386" s="164"/>
      <c r="BK3386" s="98"/>
      <c r="BL3386" s="97"/>
      <c r="BX3386" s="98"/>
      <c r="CL3386" s="97"/>
      <c r="CX3386" s="98"/>
      <c r="DL3386" s="97"/>
      <c r="DX3386" s="98"/>
      <c r="EL3386" s="97"/>
      <c r="EX3386" s="98"/>
      <c r="EY3386" s="97"/>
      <c r="FL3386" s="126"/>
      <c r="FM3386" s="91"/>
      <c r="FN3386" s="91"/>
      <c r="FO3386" s="91"/>
      <c r="FP3386" s="91"/>
      <c r="FQ3386" s="91"/>
      <c r="FR3386" s="91"/>
      <c r="FS3386" s="91"/>
      <c r="FT3386" s="91"/>
      <c r="FU3386" s="91"/>
      <c r="FV3386" s="91"/>
      <c r="FW3386" s="91"/>
      <c r="FX3386" s="127"/>
      <c r="FY3386" s="126"/>
      <c r="FZ3386" s="91"/>
      <c r="GA3386" s="91"/>
      <c r="GB3386" s="91"/>
      <c r="GC3386" s="91"/>
      <c r="GD3386" s="91"/>
      <c r="GE3386" s="91"/>
      <c r="GF3386" s="91"/>
      <c r="GG3386" s="91"/>
      <c r="GH3386" s="91"/>
      <c r="GI3386" s="91"/>
      <c r="GJ3386" s="91"/>
      <c r="GK3386" s="127"/>
      <c r="GL3386" s="126"/>
      <c r="GM3386" s="91"/>
      <c r="GN3386" s="91"/>
      <c r="GO3386" s="91"/>
      <c r="GP3386" s="91"/>
      <c r="GQ3386" s="91"/>
      <c r="GR3386" s="91"/>
      <c r="GS3386" s="91"/>
      <c r="GT3386" s="91"/>
      <c r="GU3386" s="91"/>
      <c r="GV3386" s="91"/>
      <c r="GW3386" s="91"/>
      <c r="GX3386" s="127"/>
      <c r="GY3386" s="126"/>
      <c r="GZ3386" s="91"/>
      <c r="HA3386" s="91"/>
      <c r="HB3386" s="91"/>
      <c r="HC3386" s="91"/>
      <c r="HD3386" s="91"/>
      <c r="HE3386" s="91"/>
      <c r="HF3386" s="91"/>
      <c r="HG3386" s="91"/>
      <c r="HH3386" s="91"/>
      <c r="HI3386" s="91"/>
      <c r="HJ3386" s="91"/>
      <c r="HK3386" s="127"/>
      <c r="HL3386" s="126"/>
      <c r="HM3386" s="91"/>
      <c r="HN3386" s="91"/>
      <c r="HO3386" s="91"/>
      <c r="HP3386" s="91"/>
      <c r="HQ3386" s="91"/>
      <c r="HR3386" s="91"/>
      <c r="HS3386" s="91"/>
      <c r="HT3386" s="91"/>
      <c r="HU3386" s="91"/>
      <c r="HV3386" s="91"/>
      <c r="HW3386" s="91"/>
      <c r="HX3386" s="127"/>
      <c r="HY3386" s="126"/>
      <c r="HZ3386" s="91"/>
      <c r="IA3386" s="91"/>
      <c r="IB3386" s="91"/>
      <c r="IC3386" s="91"/>
      <c r="ID3386" s="91"/>
      <c r="IE3386" s="91"/>
      <c r="IF3386" s="91"/>
      <c r="IG3386" s="91"/>
      <c r="IH3386" s="91"/>
      <c r="II3386" s="91"/>
      <c r="IJ3386" s="91"/>
      <c r="IK3386" s="174"/>
    </row>
    <row r="3387" spans="2:245" x14ac:dyDescent="0.2">
      <c r="B3387" s="43"/>
      <c r="C3387" s="73"/>
      <c r="D3387" s="64"/>
      <c r="E3387" s="64"/>
      <c r="F3387" s="55"/>
      <c r="G3387" s="102"/>
      <c r="H3387" s="97"/>
      <c r="T3387" s="98"/>
      <c r="U3387" s="97"/>
      <c r="AG3387" s="98"/>
      <c r="AY3387" s="164"/>
      <c r="BK3387" s="98"/>
      <c r="BL3387" s="97"/>
      <c r="BX3387" s="98"/>
      <c r="CL3387" s="97"/>
      <c r="CX3387" s="98"/>
      <c r="DL3387" s="97"/>
      <c r="DX3387" s="98"/>
      <c r="EL3387" s="97"/>
      <c r="EX3387" s="98"/>
      <c r="EY3387" s="97"/>
      <c r="FL3387" s="126"/>
      <c r="FM3387" s="91"/>
      <c r="FN3387" s="91"/>
      <c r="FO3387" s="91"/>
      <c r="FP3387" s="91"/>
      <c r="FQ3387" s="91"/>
      <c r="FR3387" s="91"/>
      <c r="FS3387" s="91"/>
      <c r="FT3387" s="91"/>
      <c r="FU3387" s="91"/>
      <c r="FV3387" s="91"/>
      <c r="FW3387" s="91"/>
      <c r="FX3387" s="127"/>
      <c r="FY3387" s="126"/>
      <c r="FZ3387" s="91"/>
      <c r="GA3387" s="91"/>
      <c r="GB3387" s="91"/>
      <c r="GC3387" s="91"/>
      <c r="GD3387" s="91"/>
      <c r="GE3387" s="91"/>
      <c r="GF3387" s="91"/>
      <c r="GG3387" s="91"/>
      <c r="GH3387" s="91"/>
      <c r="GI3387" s="91"/>
      <c r="GJ3387" s="91"/>
      <c r="GK3387" s="127"/>
      <c r="GL3387" s="126"/>
      <c r="GM3387" s="91"/>
      <c r="GN3387" s="91"/>
      <c r="GO3387" s="91"/>
      <c r="GP3387" s="91"/>
      <c r="GQ3387" s="91"/>
      <c r="GR3387" s="91"/>
      <c r="GS3387" s="91"/>
      <c r="GT3387" s="91"/>
      <c r="GU3387" s="91"/>
      <c r="GV3387" s="91"/>
      <c r="GW3387" s="91"/>
      <c r="GX3387" s="127"/>
      <c r="GY3387" s="126"/>
      <c r="GZ3387" s="91"/>
      <c r="HA3387" s="91"/>
      <c r="HB3387" s="91"/>
      <c r="HC3387" s="91"/>
      <c r="HD3387" s="91"/>
      <c r="HE3387" s="91"/>
      <c r="HF3387" s="91"/>
      <c r="HG3387" s="91"/>
      <c r="HH3387" s="91"/>
      <c r="HI3387" s="91"/>
      <c r="HJ3387" s="91"/>
      <c r="HK3387" s="127"/>
      <c r="HL3387" s="126"/>
      <c r="HM3387" s="91"/>
      <c r="HN3387" s="91"/>
      <c r="HO3387" s="91"/>
      <c r="HP3387" s="91"/>
      <c r="HQ3387" s="91"/>
      <c r="HR3387" s="91"/>
      <c r="HS3387" s="91"/>
      <c r="HT3387" s="91"/>
      <c r="HU3387" s="91"/>
      <c r="HV3387" s="91"/>
      <c r="HW3387" s="91"/>
      <c r="HX3387" s="127"/>
      <c r="HY3387" s="126"/>
      <c r="HZ3387" s="91"/>
      <c r="IA3387" s="91"/>
      <c r="IB3387" s="91"/>
      <c r="IC3387" s="91"/>
      <c r="ID3387" s="91"/>
      <c r="IE3387" s="91"/>
      <c r="IF3387" s="91"/>
      <c r="IG3387" s="91"/>
      <c r="IH3387" s="91"/>
      <c r="II3387" s="91"/>
      <c r="IJ3387" s="91"/>
      <c r="IK3387" s="174"/>
    </row>
    <row r="3388" spans="2:245" x14ac:dyDescent="0.2">
      <c r="B3388" s="43"/>
      <c r="C3388" s="73"/>
      <c r="D3388" s="64"/>
      <c r="E3388" s="64"/>
      <c r="F3388" s="55"/>
      <c r="G3388" s="102"/>
      <c r="H3388" s="97"/>
      <c r="T3388" s="98"/>
      <c r="U3388" s="97"/>
      <c r="AG3388" s="98"/>
      <c r="AY3388" s="164"/>
      <c r="BK3388" s="98"/>
      <c r="BL3388" s="97"/>
      <c r="BX3388" s="98"/>
      <c r="CL3388" s="97"/>
      <c r="CX3388" s="98"/>
      <c r="DL3388" s="97"/>
      <c r="DX3388" s="98"/>
      <c r="EL3388" s="97"/>
      <c r="EX3388" s="98"/>
      <c r="EY3388" s="97"/>
      <c r="FL3388" s="126"/>
      <c r="FM3388" s="91"/>
      <c r="FN3388" s="91"/>
      <c r="FO3388" s="91"/>
      <c r="FP3388" s="91"/>
      <c r="FQ3388" s="91"/>
      <c r="FR3388" s="91"/>
      <c r="FS3388" s="91"/>
      <c r="FT3388" s="91"/>
      <c r="FU3388" s="91"/>
      <c r="FV3388" s="91"/>
      <c r="FW3388" s="91"/>
      <c r="FX3388" s="127"/>
      <c r="FY3388" s="126"/>
      <c r="FZ3388" s="91"/>
      <c r="GA3388" s="91"/>
      <c r="GB3388" s="91"/>
      <c r="GC3388" s="91"/>
      <c r="GD3388" s="91"/>
      <c r="GE3388" s="91"/>
      <c r="GF3388" s="91"/>
      <c r="GG3388" s="91"/>
      <c r="GH3388" s="91"/>
      <c r="GI3388" s="91"/>
      <c r="GJ3388" s="91"/>
      <c r="GK3388" s="127"/>
      <c r="GL3388" s="126"/>
      <c r="GM3388" s="91"/>
      <c r="GN3388" s="91"/>
      <c r="GO3388" s="91"/>
      <c r="GP3388" s="91"/>
      <c r="GQ3388" s="91"/>
      <c r="GR3388" s="91"/>
      <c r="GS3388" s="91"/>
      <c r="GT3388" s="91"/>
      <c r="GU3388" s="91"/>
      <c r="GV3388" s="91"/>
      <c r="GW3388" s="91"/>
      <c r="GX3388" s="127"/>
      <c r="GY3388" s="126"/>
      <c r="GZ3388" s="91"/>
      <c r="HA3388" s="91"/>
      <c r="HB3388" s="91"/>
      <c r="HC3388" s="91"/>
      <c r="HD3388" s="91"/>
      <c r="HE3388" s="91"/>
      <c r="HF3388" s="91"/>
      <c r="HG3388" s="91"/>
      <c r="HH3388" s="91"/>
      <c r="HI3388" s="91"/>
      <c r="HJ3388" s="91"/>
      <c r="HK3388" s="127"/>
      <c r="HL3388" s="126"/>
      <c r="HM3388" s="91"/>
      <c r="HN3388" s="91"/>
      <c r="HO3388" s="91"/>
      <c r="HP3388" s="91"/>
      <c r="HQ3388" s="91"/>
      <c r="HR3388" s="91"/>
      <c r="HS3388" s="91"/>
      <c r="HT3388" s="91"/>
      <c r="HU3388" s="91"/>
      <c r="HV3388" s="91"/>
      <c r="HW3388" s="91"/>
      <c r="HX3388" s="127"/>
      <c r="HY3388" s="126"/>
      <c r="HZ3388" s="91"/>
      <c r="IA3388" s="91"/>
      <c r="IB3388" s="91"/>
      <c r="IC3388" s="91"/>
      <c r="ID3388" s="91"/>
      <c r="IE3388" s="91"/>
      <c r="IF3388" s="91"/>
      <c r="IG3388" s="91"/>
      <c r="IH3388" s="91"/>
      <c r="II3388" s="91"/>
      <c r="IJ3388" s="91"/>
      <c r="IK3388" s="174"/>
    </row>
    <row r="3389" spans="2:245" x14ac:dyDescent="0.2">
      <c r="B3389" s="43"/>
      <c r="C3389" s="73"/>
      <c r="D3389" s="64"/>
      <c r="E3389" s="64"/>
      <c r="F3389" s="55"/>
      <c r="G3389" s="102"/>
      <c r="H3389" s="97"/>
      <c r="T3389" s="98"/>
      <c r="U3389" s="97"/>
      <c r="AG3389" s="98"/>
      <c r="AY3389" s="164"/>
      <c r="BK3389" s="98"/>
      <c r="BL3389" s="97"/>
      <c r="BX3389" s="98"/>
      <c r="CL3389" s="97"/>
      <c r="CX3389" s="98"/>
      <c r="DL3389" s="97"/>
      <c r="DX3389" s="98"/>
      <c r="EL3389" s="97"/>
      <c r="EX3389" s="98"/>
      <c r="EY3389" s="97"/>
      <c r="FL3389" s="126"/>
      <c r="FM3389" s="91"/>
      <c r="FN3389" s="91"/>
      <c r="FO3389" s="91"/>
      <c r="FP3389" s="91"/>
      <c r="FQ3389" s="91"/>
      <c r="FR3389" s="91"/>
      <c r="FS3389" s="91"/>
      <c r="FT3389" s="91"/>
      <c r="FU3389" s="91"/>
      <c r="FV3389" s="91"/>
      <c r="FW3389" s="91"/>
      <c r="FX3389" s="127"/>
      <c r="FY3389" s="126"/>
      <c r="FZ3389" s="91"/>
      <c r="GA3389" s="91"/>
      <c r="GB3389" s="91"/>
      <c r="GC3389" s="91"/>
      <c r="GD3389" s="91"/>
      <c r="GE3389" s="91"/>
      <c r="GF3389" s="91"/>
      <c r="GG3389" s="91"/>
      <c r="GH3389" s="91"/>
      <c r="GI3389" s="91"/>
      <c r="GJ3389" s="91"/>
      <c r="GK3389" s="127"/>
      <c r="GL3389" s="126"/>
      <c r="GM3389" s="91"/>
      <c r="GN3389" s="91"/>
      <c r="GO3389" s="91"/>
      <c r="GP3389" s="91"/>
      <c r="GQ3389" s="91"/>
      <c r="GR3389" s="91"/>
      <c r="GS3389" s="91"/>
      <c r="GT3389" s="91"/>
      <c r="GU3389" s="91"/>
      <c r="GV3389" s="91"/>
      <c r="GW3389" s="91"/>
      <c r="GX3389" s="127"/>
      <c r="GY3389" s="126"/>
      <c r="GZ3389" s="91"/>
      <c r="HA3389" s="91"/>
      <c r="HB3389" s="91"/>
      <c r="HC3389" s="91"/>
      <c r="HD3389" s="91"/>
      <c r="HE3389" s="91"/>
      <c r="HF3389" s="91"/>
      <c r="HG3389" s="91"/>
      <c r="HH3389" s="91"/>
      <c r="HI3389" s="91"/>
      <c r="HJ3389" s="91"/>
      <c r="HK3389" s="127"/>
      <c r="HL3389" s="126"/>
      <c r="HM3389" s="91"/>
      <c r="HN3389" s="91"/>
      <c r="HO3389" s="91"/>
      <c r="HP3389" s="91"/>
      <c r="HQ3389" s="91"/>
      <c r="HR3389" s="91"/>
      <c r="HS3389" s="91"/>
      <c r="HT3389" s="91"/>
      <c r="HU3389" s="91"/>
      <c r="HV3389" s="91"/>
      <c r="HW3389" s="91"/>
      <c r="HX3389" s="127"/>
      <c r="HY3389" s="126"/>
      <c r="HZ3389" s="91"/>
      <c r="IA3389" s="91"/>
      <c r="IB3389" s="91"/>
      <c r="IC3389" s="91"/>
      <c r="ID3389" s="91"/>
      <c r="IE3389" s="91"/>
      <c r="IF3389" s="91"/>
      <c r="IG3389" s="91"/>
      <c r="IH3389" s="91"/>
      <c r="II3389" s="91"/>
      <c r="IJ3389" s="91"/>
      <c r="IK3389" s="174"/>
    </row>
    <row r="3390" spans="2:245" x14ac:dyDescent="0.2">
      <c r="B3390" s="43"/>
      <c r="C3390" s="73"/>
      <c r="D3390" s="64"/>
      <c r="E3390" s="64"/>
      <c r="F3390" s="55"/>
      <c r="G3390" s="102"/>
      <c r="H3390" s="97"/>
      <c r="T3390" s="98"/>
      <c r="U3390" s="97"/>
      <c r="AG3390" s="98"/>
      <c r="AY3390" s="164"/>
      <c r="BK3390" s="98"/>
      <c r="BL3390" s="97"/>
      <c r="BX3390" s="98"/>
      <c r="CL3390" s="97"/>
      <c r="CX3390" s="98"/>
      <c r="DL3390" s="97"/>
      <c r="DX3390" s="98"/>
      <c r="EL3390" s="97"/>
      <c r="EX3390" s="98"/>
      <c r="EY3390" s="97"/>
      <c r="FL3390" s="126"/>
      <c r="FM3390" s="91"/>
      <c r="FN3390" s="91"/>
      <c r="FO3390" s="91"/>
      <c r="FP3390" s="91"/>
      <c r="FQ3390" s="91"/>
      <c r="FR3390" s="91"/>
      <c r="FS3390" s="91"/>
      <c r="FT3390" s="91"/>
      <c r="FU3390" s="91"/>
      <c r="FV3390" s="91"/>
      <c r="FW3390" s="91"/>
      <c r="FX3390" s="127"/>
      <c r="FY3390" s="126"/>
      <c r="FZ3390" s="91"/>
      <c r="GA3390" s="91"/>
      <c r="GB3390" s="91"/>
      <c r="GC3390" s="91"/>
      <c r="GD3390" s="91"/>
      <c r="GE3390" s="91"/>
      <c r="GF3390" s="91"/>
      <c r="GG3390" s="91"/>
      <c r="GH3390" s="91"/>
      <c r="GI3390" s="91"/>
      <c r="GJ3390" s="91"/>
      <c r="GK3390" s="127"/>
      <c r="GL3390" s="126"/>
      <c r="GM3390" s="91"/>
      <c r="GN3390" s="91"/>
      <c r="GO3390" s="91"/>
      <c r="GP3390" s="91"/>
      <c r="GQ3390" s="91"/>
      <c r="GR3390" s="91"/>
      <c r="GS3390" s="91"/>
      <c r="GT3390" s="91"/>
      <c r="GU3390" s="91"/>
      <c r="GV3390" s="91"/>
      <c r="GW3390" s="91"/>
      <c r="GX3390" s="127"/>
      <c r="GY3390" s="126"/>
      <c r="GZ3390" s="91"/>
      <c r="HA3390" s="91"/>
      <c r="HB3390" s="91"/>
      <c r="HC3390" s="91"/>
      <c r="HD3390" s="91"/>
      <c r="HE3390" s="91"/>
      <c r="HF3390" s="91"/>
      <c r="HG3390" s="91"/>
      <c r="HH3390" s="91"/>
      <c r="HI3390" s="91"/>
      <c r="HJ3390" s="91"/>
      <c r="HK3390" s="127"/>
      <c r="HL3390" s="126"/>
      <c r="HM3390" s="91"/>
      <c r="HN3390" s="91"/>
      <c r="HO3390" s="91"/>
      <c r="HP3390" s="91"/>
      <c r="HQ3390" s="91"/>
      <c r="HR3390" s="91"/>
      <c r="HS3390" s="91"/>
      <c r="HT3390" s="91"/>
      <c r="HU3390" s="91"/>
      <c r="HV3390" s="91"/>
      <c r="HW3390" s="91"/>
      <c r="HX3390" s="127"/>
      <c r="HY3390" s="126"/>
      <c r="HZ3390" s="91"/>
      <c r="IA3390" s="91"/>
      <c r="IB3390" s="91"/>
      <c r="IC3390" s="91"/>
      <c r="ID3390" s="91"/>
      <c r="IE3390" s="91"/>
      <c r="IF3390" s="91"/>
      <c r="IG3390" s="91"/>
      <c r="IH3390" s="91"/>
      <c r="II3390" s="91"/>
      <c r="IJ3390" s="91"/>
      <c r="IK3390" s="174"/>
    </row>
    <row r="3391" spans="2:245" x14ac:dyDescent="0.2">
      <c r="B3391" s="43"/>
      <c r="C3391" s="73"/>
      <c r="D3391" s="64"/>
      <c r="E3391" s="64"/>
      <c r="F3391" s="55"/>
      <c r="G3391" s="102"/>
      <c r="H3391" s="97"/>
      <c r="T3391" s="98"/>
      <c r="U3391" s="97"/>
      <c r="AG3391" s="98"/>
      <c r="AY3391" s="164"/>
      <c r="BK3391" s="98"/>
      <c r="BL3391" s="97"/>
      <c r="BX3391" s="98"/>
      <c r="CL3391" s="97"/>
      <c r="CX3391" s="98"/>
      <c r="DL3391" s="97"/>
      <c r="DX3391" s="98"/>
      <c r="EL3391" s="97"/>
      <c r="EX3391" s="98"/>
      <c r="EY3391" s="97"/>
      <c r="FL3391" s="126"/>
      <c r="FM3391" s="91"/>
      <c r="FN3391" s="91"/>
      <c r="FO3391" s="91"/>
      <c r="FP3391" s="91"/>
      <c r="FQ3391" s="91"/>
      <c r="FR3391" s="91"/>
      <c r="FS3391" s="91"/>
      <c r="FT3391" s="91"/>
      <c r="FU3391" s="91"/>
      <c r="FV3391" s="91"/>
      <c r="FW3391" s="91"/>
      <c r="FX3391" s="127"/>
      <c r="FY3391" s="126"/>
      <c r="FZ3391" s="91"/>
      <c r="GA3391" s="91"/>
      <c r="GB3391" s="91"/>
      <c r="GC3391" s="91"/>
      <c r="GD3391" s="91"/>
      <c r="GE3391" s="91"/>
      <c r="GF3391" s="91"/>
      <c r="GG3391" s="91"/>
      <c r="GH3391" s="91"/>
      <c r="GI3391" s="91"/>
      <c r="GJ3391" s="91"/>
      <c r="GK3391" s="127"/>
      <c r="GL3391" s="126"/>
      <c r="GM3391" s="91"/>
      <c r="GN3391" s="91"/>
      <c r="GO3391" s="91"/>
      <c r="GP3391" s="91"/>
      <c r="GQ3391" s="91"/>
      <c r="GR3391" s="91"/>
      <c r="GS3391" s="91"/>
      <c r="GT3391" s="91"/>
      <c r="GU3391" s="91"/>
      <c r="GV3391" s="91"/>
      <c r="GW3391" s="91"/>
      <c r="GX3391" s="127"/>
      <c r="GY3391" s="126"/>
      <c r="GZ3391" s="91"/>
      <c r="HA3391" s="91"/>
      <c r="HB3391" s="91"/>
      <c r="HC3391" s="91"/>
      <c r="HD3391" s="91"/>
      <c r="HE3391" s="91"/>
      <c r="HF3391" s="91"/>
      <c r="HG3391" s="91"/>
      <c r="HH3391" s="91"/>
      <c r="HI3391" s="91"/>
      <c r="HJ3391" s="91"/>
      <c r="HK3391" s="127"/>
      <c r="HL3391" s="126"/>
      <c r="HM3391" s="91"/>
      <c r="HN3391" s="91"/>
      <c r="HO3391" s="91"/>
      <c r="HP3391" s="91"/>
      <c r="HQ3391" s="91"/>
      <c r="HR3391" s="91"/>
      <c r="HS3391" s="91"/>
      <c r="HT3391" s="91"/>
      <c r="HU3391" s="91"/>
      <c r="HV3391" s="91"/>
      <c r="HW3391" s="91"/>
      <c r="HX3391" s="127"/>
      <c r="HY3391" s="126"/>
      <c r="HZ3391" s="91"/>
      <c r="IA3391" s="91"/>
      <c r="IB3391" s="91"/>
      <c r="IC3391" s="91"/>
      <c r="ID3391" s="91"/>
      <c r="IE3391" s="91"/>
      <c r="IF3391" s="91"/>
      <c r="IG3391" s="91"/>
      <c r="IH3391" s="91"/>
      <c r="II3391" s="91"/>
      <c r="IJ3391" s="91"/>
      <c r="IK3391" s="174"/>
    </row>
    <row r="3392" spans="2:245" x14ac:dyDescent="0.2">
      <c r="B3392" s="43"/>
      <c r="C3392" s="73"/>
      <c r="D3392" s="64"/>
      <c r="E3392" s="64"/>
      <c r="F3392" s="55"/>
      <c r="G3392" s="102"/>
      <c r="H3392" s="97"/>
      <c r="T3392" s="98"/>
      <c r="U3392" s="97"/>
      <c r="AG3392" s="98"/>
      <c r="AY3392" s="164"/>
      <c r="BK3392" s="98"/>
      <c r="BL3392" s="97"/>
      <c r="BX3392" s="98"/>
      <c r="CL3392" s="97"/>
      <c r="CX3392" s="98"/>
      <c r="DL3392" s="97"/>
      <c r="DX3392" s="98"/>
      <c r="EL3392" s="97"/>
      <c r="EX3392" s="98"/>
      <c r="EY3392" s="97"/>
      <c r="FL3392" s="126"/>
      <c r="FM3392" s="91"/>
      <c r="FN3392" s="91"/>
      <c r="FO3392" s="91"/>
      <c r="FP3392" s="91"/>
      <c r="FQ3392" s="91"/>
      <c r="FR3392" s="91"/>
      <c r="FS3392" s="91"/>
      <c r="FT3392" s="91"/>
      <c r="FU3392" s="91"/>
      <c r="FV3392" s="91"/>
      <c r="FW3392" s="91"/>
      <c r="FX3392" s="127"/>
      <c r="FY3392" s="126"/>
      <c r="FZ3392" s="91"/>
      <c r="GA3392" s="91"/>
      <c r="GB3392" s="91"/>
      <c r="GC3392" s="91"/>
      <c r="GD3392" s="91"/>
      <c r="GE3392" s="91"/>
      <c r="GF3392" s="91"/>
      <c r="GG3392" s="91"/>
      <c r="GH3392" s="91"/>
      <c r="GI3392" s="91"/>
      <c r="GJ3392" s="91"/>
      <c r="GK3392" s="127"/>
      <c r="GL3392" s="126"/>
      <c r="GM3392" s="91"/>
      <c r="GN3392" s="91"/>
      <c r="GO3392" s="91"/>
      <c r="GP3392" s="91"/>
      <c r="GQ3392" s="91"/>
      <c r="GR3392" s="91"/>
      <c r="GS3392" s="91"/>
      <c r="GT3392" s="91"/>
      <c r="GU3392" s="91"/>
      <c r="GV3392" s="91"/>
      <c r="GW3392" s="91"/>
      <c r="GX3392" s="127"/>
      <c r="GY3392" s="126"/>
      <c r="GZ3392" s="91"/>
      <c r="HA3392" s="91"/>
      <c r="HB3392" s="91"/>
      <c r="HC3392" s="91"/>
      <c r="HD3392" s="91"/>
      <c r="HE3392" s="91"/>
      <c r="HF3392" s="91"/>
      <c r="HG3392" s="91"/>
      <c r="HH3392" s="91"/>
      <c r="HI3392" s="91"/>
      <c r="HJ3392" s="91"/>
      <c r="HK3392" s="127"/>
      <c r="HL3392" s="126"/>
      <c r="HM3392" s="91"/>
      <c r="HN3392" s="91"/>
      <c r="HO3392" s="91"/>
      <c r="HP3392" s="91"/>
      <c r="HQ3392" s="91"/>
      <c r="HR3392" s="91"/>
      <c r="HS3392" s="91"/>
      <c r="HT3392" s="91"/>
      <c r="HU3392" s="91"/>
      <c r="HV3392" s="91"/>
      <c r="HW3392" s="91"/>
      <c r="HX3392" s="127"/>
      <c r="HY3392" s="126"/>
      <c r="HZ3392" s="91"/>
      <c r="IA3392" s="91"/>
      <c r="IB3392" s="91"/>
      <c r="IC3392" s="91"/>
      <c r="ID3392" s="91"/>
      <c r="IE3392" s="91"/>
      <c r="IF3392" s="91"/>
      <c r="IG3392" s="91"/>
      <c r="IH3392" s="91"/>
      <c r="II3392" s="91"/>
      <c r="IJ3392" s="91"/>
      <c r="IK3392" s="174"/>
    </row>
    <row r="3393" spans="2:245" x14ac:dyDescent="0.2">
      <c r="B3393" s="43"/>
      <c r="C3393" s="73"/>
      <c r="D3393" s="64"/>
      <c r="E3393" s="64"/>
      <c r="F3393" s="55"/>
      <c r="G3393" s="102"/>
      <c r="H3393" s="97"/>
      <c r="T3393" s="98"/>
      <c r="U3393" s="97"/>
      <c r="AG3393" s="98"/>
      <c r="AY3393" s="164"/>
      <c r="BK3393" s="98"/>
      <c r="BL3393" s="97"/>
      <c r="BX3393" s="98"/>
      <c r="CL3393" s="97"/>
      <c r="CX3393" s="98"/>
      <c r="DL3393" s="97"/>
      <c r="DX3393" s="98"/>
      <c r="EL3393" s="97"/>
      <c r="EX3393" s="98"/>
      <c r="EY3393" s="97"/>
      <c r="FL3393" s="126"/>
      <c r="FM3393" s="91"/>
      <c r="FN3393" s="91"/>
      <c r="FO3393" s="91"/>
      <c r="FP3393" s="91"/>
      <c r="FQ3393" s="91"/>
      <c r="FR3393" s="91"/>
      <c r="FS3393" s="91"/>
      <c r="FT3393" s="91"/>
      <c r="FU3393" s="91"/>
      <c r="FV3393" s="91"/>
      <c r="FW3393" s="91"/>
      <c r="FX3393" s="127"/>
      <c r="FY3393" s="126"/>
      <c r="FZ3393" s="91"/>
      <c r="GA3393" s="91"/>
      <c r="GB3393" s="91"/>
      <c r="GC3393" s="91"/>
      <c r="GD3393" s="91"/>
      <c r="GE3393" s="91"/>
      <c r="GF3393" s="91"/>
      <c r="GG3393" s="91"/>
      <c r="GH3393" s="91"/>
      <c r="GI3393" s="91"/>
      <c r="GJ3393" s="91"/>
      <c r="GK3393" s="127"/>
      <c r="GL3393" s="126"/>
      <c r="GM3393" s="91"/>
      <c r="GN3393" s="91"/>
      <c r="GO3393" s="91"/>
      <c r="GP3393" s="91"/>
      <c r="GQ3393" s="91"/>
      <c r="GR3393" s="91"/>
      <c r="GS3393" s="91"/>
      <c r="GT3393" s="91"/>
      <c r="GU3393" s="91"/>
      <c r="GV3393" s="91"/>
      <c r="GW3393" s="91"/>
      <c r="GX3393" s="127"/>
      <c r="GY3393" s="126"/>
      <c r="GZ3393" s="91"/>
      <c r="HA3393" s="91"/>
      <c r="HB3393" s="91"/>
      <c r="HC3393" s="91"/>
      <c r="HD3393" s="91"/>
      <c r="HE3393" s="91"/>
      <c r="HF3393" s="91"/>
      <c r="HG3393" s="91"/>
      <c r="HH3393" s="91"/>
      <c r="HI3393" s="91"/>
      <c r="HJ3393" s="91"/>
      <c r="HK3393" s="127"/>
      <c r="HL3393" s="126"/>
      <c r="HM3393" s="91"/>
      <c r="HN3393" s="91"/>
      <c r="HO3393" s="91"/>
      <c r="HP3393" s="91"/>
      <c r="HQ3393" s="91"/>
      <c r="HR3393" s="91"/>
      <c r="HS3393" s="91"/>
      <c r="HT3393" s="91"/>
      <c r="HU3393" s="91"/>
      <c r="HV3393" s="91"/>
      <c r="HW3393" s="91"/>
      <c r="HX3393" s="127"/>
      <c r="HY3393" s="126"/>
      <c r="HZ3393" s="91"/>
      <c r="IA3393" s="91"/>
      <c r="IB3393" s="91"/>
      <c r="IC3393" s="91"/>
      <c r="ID3393" s="91"/>
      <c r="IE3393" s="91"/>
      <c r="IF3393" s="91"/>
      <c r="IG3393" s="91"/>
      <c r="IH3393" s="91"/>
      <c r="II3393" s="91"/>
      <c r="IJ3393" s="91"/>
      <c r="IK3393" s="174"/>
    </row>
    <row r="3394" spans="2:245" x14ac:dyDescent="0.2">
      <c r="B3394" s="43"/>
      <c r="C3394" s="73"/>
      <c r="D3394" s="64"/>
      <c r="E3394" s="64"/>
      <c r="F3394" s="55"/>
      <c r="G3394" s="102"/>
      <c r="H3394" s="97"/>
      <c r="T3394" s="98"/>
      <c r="U3394" s="97"/>
      <c r="AG3394" s="98"/>
      <c r="AY3394" s="164"/>
      <c r="BK3394" s="98"/>
      <c r="BL3394" s="97"/>
      <c r="BX3394" s="98"/>
      <c r="CL3394" s="97"/>
      <c r="CX3394" s="98"/>
      <c r="DL3394" s="97"/>
      <c r="DX3394" s="98"/>
      <c r="EL3394" s="97"/>
      <c r="EX3394" s="98"/>
      <c r="EY3394" s="97"/>
      <c r="FL3394" s="126"/>
      <c r="FM3394" s="91"/>
      <c r="FN3394" s="91"/>
      <c r="FO3394" s="91"/>
      <c r="FP3394" s="91"/>
      <c r="FQ3394" s="91"/>
      <c r="FR3394" s="91"/>
      <c r="FS3394" s="91"/>
      <c r="FT3394" s="91"/>
      <c r="FU3394" s="91"/>
      <c r="FV3394" s="91"/>
      <c r="FW3394" s="91"/>
      <c r="FX3394" s="127"/>
      <c r="FY3394" s="126"/>
      <c r="FZ3394" s="91"/>
      <c r="GA3394" s="91"/>
      <c r="GB3394" s="91"/>
      <c r="GC3394" s="91"/>
      <c r="GD3394" s="91"/>
      <c r="GE3394" s="91"/>
      <c r="GF3394" s="91"/>
      <c r="GG3394" s="91"/>
      <c r="GH3394" s="91"/>
      <c r="GI3394" s="91"/>
      <c r="GJ3394" s="91"/>
      <c r="GK3394" s="127"/>
      <c r="GL3394" s="126"/>
      <c r="GM3394" s="91"/>
      <c r="GN3394" s="91"/>
      <c r="GO3394" s="91"/>
      <c r="GP3394" s="91"/>
      <c r="GQ3394" s="91"/>
      <c r="GR3394" s="91"/>
      <c r="GS3394" s="91"/>
      <c r="GT3394" s="91"/>
      <c r="GU3394" s="91"/>
      <c r="GV3394" s="91"/>
      <c r="GW3394" s="91"/>
      <c r="GX3394" s="127"/>
      <c r="GY3394" s="126"/>
      <c r="GZ3394" s="91"/>
      <c r="HA3394" s="91"/>
      <c r="HB3394" s="91"/>
      <c r="HC3394" s="91"/>
      <c r="HD3394" s="91"/>
      <c r="HE3394" s="91"/>
      <c r="HF3394" s="91"/>
      <c r="HG3394" s="91"/>
      <c r="HH3394" s="91"/>
      <c r="HI3394" s="91"/>
      <c r="HJ3394" s="91"/>
      <c r="HK3394" s="127"/>
      <c r="HL3394" s="126"/>
      <c r="HM3394" s="91"/>
      <c r="HN3394" s="91"/>
      <c r="HO3394" s="91"/>
      <c r="HP3394" s="91"/>
      <c r="HQ3394" s="91"/>
      <c r="HR3394" s="91"/>
      <c r="HS3394" s="91"/>
      <c r="HT3394" s="91"/>
      <c r="HU3394" s="91"/>
      <c r="HV3394" s="91"/>
      <c r="HW3394" s="91"/>
      <c r="HX3394" s="127"/>
      <c r="HY3394" s="126"/>
      <c r="HZ3394" s="91"/>
      <c r="IA3394" s="91"/>
      <c r="IB3394" s="91"/>
      <c r="IC3394" s="91"/>
      <c r="ID3394" s="91"/>
      <c r="IE3394" s="91"/>
      <c r="IF3394" s="91"/>
      <c r="IG3394" s="91"/>
      <c r="IH3394" s="91"/>
      <c r="II3394" s="91"/>
      <c r="IJ3394" s="91"/>
      <c r="IK3394" s="174"/>
    </row>
    <row r="3395" spans="2:245" x14ac:dyDescent="0.2">
      <c r="B3395" s="43"/>
      <c r="C3395" s="73"/>
      <c r="D3395" s="64"/>
      <c r="E3395" s="64"/>
      <c r="F3395" s="55"/>
      <c r="G3395" s="102"/>
      <c r="H3395" s="97"/>
      <c r="T3395" s="98"/>
      <c r="U3395" s="97"/>
      <c r="AG3395" s="98"/>
      <c r="AY3395" s="164"/>
      <c r="BK3395" s="98"/>
      <c r="BL3395" s="97"/>
      <c r="BX3395" s="98"/>
      <c r="CL3395" s="97"/>
      <c r="CX3395" s="98"/>
      <c r="DL3395" s="97"/>
      <c r="DX3395" s="98"/>
      <c r="EL3395" s="97"/>
      <c r="EX3395" s="98"/>
      <c r="EY3395" s="97"/>
      <c r="FL3395" s="126"/>
      <c r="FM3395" s="91"/>
      <c r="FN3395" s="91"/>
      <c r="FO3395" s="91"/>
      <c r="FP3395" s="91"/>
      <c r="FQ3395" s="91"/>
      <c r="FR3395" s="91"/>
      <c r="FS3395" s="91"/>
      <c r="FT3395" s="91"/>
      <c r="FU3395" s="91"/>
      <c r="FV3395" s="91"/>
      <c r="FW3395" s="91"/>
      <c r="FX3395" s="127"/>
      <c r="FY3395" s="126"/>
      <c r="FZ3395" s="91"/>
      <c r="GA3395" s="91"/>
      <c r="GB3395" s="91"/>
      <c r="GC3395" s="91"/>
      <c r="GD3395" s="91"/>
      <c r="GE3395" s="91"/>
      <c r="GF3395" s="91"/>
      <c r="GG3395" s="91"/>
      <c r="GH3395" s="91"/>
      <c r="GI3395" s="91"/>
      <c r="GJ3395" s="91"/>
      <c r="GK3395" s="127"/>
      <c r="GL3395" s="126"/>
      <c r="GM3395" s="91"/>
      <c r="GN3395" s="91"/>
      <c r="GO3395" s="91"/>
      <c r="GP3395" s="91"/>
      <c r="GQ3395" s="91"/>
      <c r="GR3395" s="91"/>
      <c r="GS3395" s="91"/>
      <c r="GT3395" s="91"/>
      <c r="GU3395" s="91"/>
      <c r="GV3395" s="91"/>
      <c r="GW3395" s="91"/>
      <c r="GX3395" s="127"/>
      <c r="GY3395" s="126"/>
      <c r="GZ3395" s="91"/>
      <c r="HA3395" s="91"/>
      <c r="HB3395" s="91"/>
      <c r="HC3395" s="91"/>
      <c r="HD3395" s="91"/>
      <c r="HE3395" s="91"/>
      <c r="HF3395" s="91"/>
      <c r="HG3395" s="91"/>
      <c r="HH3395" s="91"/>
      <c r="HI3395" s="91"/>
      <c r="HJ3395" s="91"/>
      <c r="HK3395" s="127"/>
      <c r="HL3395" s="126"/>
      <c r="HM3395" s="91"/>
      <c r="HN3395" s="91"/>
      <c r="HO3395" s="91"/>
      <c r="HP3395" s="91"/>
      <c r="HQ3395" s="91"/>
      <c r="HR3395" s="91"/>
      <c r="HS3395" s="91"/>
      <c r="HT3395" s="91"/>
      <c r="HU3395" s="91"/>
      <c r="HV3395" s="91"/>
      <c r="HW3395" s="91"/>
      <c r="HX3395" s="127"/>
      <c r="HY3395" s="126"/>
      <c r="HZ3395" s="91"/>
      <c r="IA3395" s="91"/>
      <c r="IB3395" s="91"/>
      <c r="IC3395" s="91"/>
      <c r="ID3395" s="91"/>
      <c r="IE3395" s="91"/>
      <c r="IF3395" s="91"/>
      <c r="IG3395" s="91"/>
      <c r="IH3395" s="91"/>
      <c r="II3395" s="91"/>
      <c r="IJ3395" s="91"/>
      <c r="IK3395" s="174"/>
    </row>
    <row r="3396" spans="2:245" x14ac:dyDescent="0.2">
      <c r="B3396" s="43"/>
      <c r="C3396" s="73"/>
      <c r="D3396" s="64"/>
      <c r="E3396" s="64"/>
      <c r="F3396" s="55"/>
      <c r="G3396" s="102"/>
      <c r="H3396" s="97"/>
      <c r="T3396" s="98"/>
      <c r="U3396" s="97"/>
      <c r="AG3396" s="98"/>
      <c r="AY3396" s="164"/>
      <c r="BK3396" s="98"/>
      <c r="BL3396" s="97"/>
      <c r="BX3396" s="98"/>
      <c r="CL3396" s="97"/>
      <c r="CX3396" s="98"/>
      <c r="DL3396" s="97"/>
      <c r="DX3396" s="98"/>
      <c r="EL3396" s="97"/>
      <c r="EX3396" s="98"/>
      <c r="EY3396" s="97"/>
      <c r="FL3396" s="126"/>
      <c r="FM3396" s="91"/>
      <c r="FN3396" s="91"/>
      <c r="FO3396" s="91"/>
      <c r="FP3396" s="91"/>
      <c r="FQ3396" s="91"/>
      <c r="FR3396" s="91"/>
      <c r="FS3396" s="91"/>
      <c r="FT3396" s="91"/>
      <c r="FU3396" s="91"/>
      <c r="FV3396" s="91"/>
      <c r="FW3396" s="91"/>
      <c r="FX3396" s="127"/>
      <c r="FY3396" s="126"/>
      <c r="FZ3396" s="91"/>
      <c r="GA3396" s="91"/>
      <c r="GB3396" s="91"/>
      <c r="GC3396" s="91"/>
      <c r="GD3396" s="91"/>
      <c r="GE3396" s="91"/>
      <c r="GF3396" s="91"/>
      <c r="GG3396" s="91"/>
      <c r="GH3396" s="91"/>
      <c r="GI3396" s="91"/>
      <c r="GJ3396" s="91"/>
      <c r="GK3396" s="127"/>
      <c r="GL3396" s="126"/>
      <c r="GM3396" s="91"/>
      <c r="GN3396" s="91"/>
      <c r="GO3396" s="91"/>
      <c r="GP3396" s="91"/>
      <c r="GQ3396" s="91"/>
      <c r="GR3396" s="91"/>
      <c r="GS3396" s="91"/>
      <c r="GT3396" s="91"/>
      <c r="GU3396" s="91"/>
      <c r="GV3396" s="91"/>
      <c r="GW3396" s="91"/>
      <c r="GX3396" s="127"/>
      <c r="GY3396" s="126"/>
      <c r="GZ3396" s="91"/>
      <c r="HA3396" s="91"/>
      <c r="HB3396" s="91"/>
      <c r="HC3396" s="91"/>
      <c r="HD3396" s="91"/>
      <c r="HE3396" s="91"/>
      <c r="HF3396" s="91"/>
      <c r="HG3396" s="91"/>
      <c r="HH3396" s="91"/>
      <c r="HI3396" s="91"/>
      <c r="HJ3396" s="91"/>
      <c r="HK3396" s="127"/>
      <c r="HL3396" s="126"/>
      <c r="HM3396" s="91"/>
      <c r="HN3396" s="91"/>
      <c r="HO3396" s="91"/>
      <c r="HP3396" s="91"/>
      <c r="HQ3396" s="91"/>
      <c r="HR3396" s="91"/>
      <c r="HS3396" s="91"/>
      <c r="HT3396" s="91"/>
      <c r="HU3396" s="91"/>
      <c r="HV3396" s="91"/>
      <c r="HW3396" s="91"/>
      <c r="HX3396" s="127"/>
      <c r="HY3396" s="126"/>
      <c r="HZ3396" s="91"/>
      <c r="IA3396" s="91"/>
      <c r="IB3396" s="91"/>
      <c r="IC3396" s="91"/>
      <c r="ID3396" s="91"/>
      <c r="IE3396" s="91"/>
      <c r="IF3396" s="91"/>
      <c r="IG3396" s="91"/>
      <c r="IH3396" s="91"/>
      <c r="II3396" s="91"/>
      <c r="IJ3396" s="91"/>
      <c r="IK3396" s="174"/>
    </row>
    <row r="3397" spans="2:245" x14ac:dyDescent="0.2">
      <c r="B3397" s="43"/>
      <c r="C3397" s="73"/>
      <c r="D3397" s="64"/>
      <c r="E3397" s="64"/>
      <c r="F3397" s="55"/>
      <c r="G3397" s="102"/>
      <c r="H3397" s="97"/>
      <c r="T3397" s="98"/>
      <c r="U3397" s="97"/>
      <c r="AG3397" s="98"/>
      <c r="AY3397" s="164"/>
      <c r="BK3397" s="98"/>
      <c r="BL3397" s="97"/>
      <c r="BX3397" s="98"/>
      <c r="CL3397" s="97"/>
      <c r="CX3397" s="98"/>
      <c r="DL3397" s="97"/>
      <c r="DX3397" s="98"/>
      <c r="EL3397" s="97"/>
      <c r="EX3397" s="98"/>
      <c r="EY3397" s="97"/>
      <c r="FL3397" s="126"/>
      <c r="FM3397" s="91"/>
      <c r="FN3397" s="91"/>
      <c r="FO3397" s="91"/>
      <c r="FP3397" s="91"/>
      <c r="FQ3397" s="91"/>
      <c r="FR3397" s="91"/>
      <c r="FS3397" s="91"/>
      <c r="FT3397" s="91"/>
      <c r="FU3397" s="91"/>
      <c r="FV3397" s="91"/>
      <c r="FW3397" s="91"/>
      <c r="FX3397" s="127"/>
      <c r="FY3397" s="126"/>
      <c r="FZ3397" s="91"/>
      <c r="GA3397" s="91"/>
      <c r="GB3397" s="91"/>
      <c r="GC3397" s="91"/>
      <c r="GD3397" s="91"/>
      <c r="GE3397" s="91"/>
      <c r="GF3397" s="91"/>
      <c r="GG3397" s="91"/>
      <c r="GH3397" s="91"/>
      <c r="GI3397" s="91"/>
      <c r="GJ3397" s="91"/>
      <c r="GK3397" s="127"/>
      <c r="GL3397" s="126"/>
      <c r="GM3397" s="91"/>
      <c r="GN3397" s="91"/>
      <c r="GO3397" s="91"/>
      <c r="GP3397" s="91"/>
      <c r="GQ3397" s="91"/>
      <c r="GR3397" s="91"/>
      <c r="GS3397" s="91"/>
      <c r="GT3397" s="91"/>
      <c r="GU3397" s="91"/>
      <c r="GV3397" s="91"/>
      <c r="GW3397" s="91"/>
      <c r="GX3397" s="127"/>
      <c r="GY3397" s="126"/>
      <c r="GZ3397" s="91"/>
      <c r="HA3397" s="91"/>
      <c r="HB3397" s="91"/>
      <c r="HC3397" s="91"/>
      <c r="HD3397" s="91"/>
      <c r="HE3397" s="91"/>
      <c r="HF3397" s="91"/>
      <c r="HG3397" s="91"/>
      <c r="HH3397" s="91"/>
      <c r="HI3397" s="91"/>
      <c r="HJ3397" s="91"/>
      <c r="HK3397" s="127"/>
      <c r="HL3397" s="126"/>
      <c r="HM3397" s="91"/>
      <c r="HN3397" s="91"/>
      <c r="HO3397" s="91"/>
      <c r="HP3397" s="91"/>
      <c r="HQ3397" s="91"/>
      <c r="HR3397" s="91"/>
      <c r="HS3397" s="91"/>
      <c r="HT3397" s="91"/>
      <c r="HU3397" s="91"/>
      <c r="HV3397" s="91"/>
      <c r="HW3397" s="91"/>
      <c r="HX3397" s="127"/>
      <c r="HY3397" s="126"/>
      <c r="HZ3397" s="91"/>
      <c r="IA3397" s="91"/>
      <c r="IB3397" s="91"/>
      <c r="IC3397" s="91"/>
      <c r="ID3397" s="91"/>
      <c r="IE3397" s="91"/>
      <c r="IF3397" s="91"/>
      <c r="IG3397" s="91"/>
      <c r="IH3397" s="91"/>
      <c r="II3397" s="91"/>
      <c r="IJ3397" s="91"/>
      <c r="IK3397" s="174"/>
    </row>
    <row r="3398" spans="2:245" x14ac:dyDescent="0.2">
      <c r="B3398" s="43"/>
      <c r="C3398" s="73"/>
      <c r="D3398" s="64"/>
      <c r="E3398" s="64"/>
      <c r="F3398" s="55"/>
      <c r="G3398" s="102"/>
      <c r="H3398" s="97"/>
      <c r="T3398" s="98"/>
      <c r="U3398" s="97"/>
      <c r="AG3398" s="98"/>
      <c r="AY3398" s="164"/>
      <c r="BK3398" s="98"/>
      <c r="BL3398" s="97"/>
      <c r="BX3398" s="98"/>
      <c r="CL3398" s="97"/>
      <c r="CX3398" s="98"/>
      <c r="DL3398" s="97"/>
      <c r="DX3398" s="98"/>
      <c r="EL3398" s="97"/>
      <c r="EX3398" s="98"/>
      <c r="EY3398" s="97"/>
      <c r="FL3398" s="126"/>
      <c r="FM3398" s="91"/>
      <c r="FN3398" s="91"/>
      <c r="FO3398" s="91"/>
      <c r="FP3398" s="91"/>
      <c r="FQ3398" s="91"/>
      <c r="FR3398" s="91"/>
      <c r="FS3398" s="91"/>
      <c r="FT3398" s="91"/>
      <c r="FU3398" s="91"/>
      <c r="FV3398" s="91"/>
      <c r="FW3398" s="91"/>
      <c r="FX3398" s="127"/>
      <c r="FY3398" s="126"/>
      <c r="FZ3398" s="91"/>
      <c r="GA3398" s="91"/>
      <c r="GB3398" s="91"/>
      <c r="GC3398" s="91"/>
      <c r="GD3398" s="91"/>
      <c r="GE3398" s="91"/>
      <c r="GF3398" s="91"/>
      <c r="GG3398" s="91"/>
      <c r="GH3398" s="91"/>
      <c r="GI3398" s="91"/>
      <c r="GJ3398" s="91"/>
      <c r="GK3398" s="127"/>
      <c r="GL3398" s="126"/>
      <c r="GM3398" s="91"/>
      <c r="GN3398" s="91"/>
      <c r="GO3398" s="91"/>
      <c r="GP3398" s="91"/>
      <c r="GQ3398" s="91"/>
      <c r="GR3398" s="91"/>
      <c r="GS3398" s="91"/>
      <c r="GT3398" s="91"/>
      <c r="GU3398" s="91"/>
      <c r="GV3398" s="91"/>
      <c r="GW3398" s="91"/>
      <c r="GX3398" s="127"/>
      <c r="GY3398" s="126"/>
      <c r="GZ3398" s="91"/>
      <c r="HA3398" s="91"/>
      <c r="HB3398" s="91"/>
      <c r="HC3398" s="91"/>
      <c r="HD3398" s="91"/>
      <c r="HE3398" s="91"/>
      <c r="HF3398" s="91"/>
      <c r="HG3398" s="91"/>
      <c r="HH3398" s="91"/>
      <c r="HI3398" s="91"/>
      <c r="HJ3398" s="91"/>
      <c r="HK3398" s="127"/>
      <c r="HL3398" s="126"/>
      <c r="HM3398" s="91"/>
      <c r="HN3398" s="91"/>
      <c r="HO3398" s="91"/>
      <c r="HP3398" s="91"/>
      <c r="HQ3398" s="91"/>
      <c r="HR3398" s="91"/>
      <c r="HS3398" s="91"/>
      <c r="HT3398" s="91"/>
      <c r="HU3398" s="91"/>
      <c r="HV3398" s="91"/>
      <c r="HW3398" s="91"/>
      <c r="HX3398" s="127"/>
      <c r="HY3398" s="126"/>
      <c r="HZ3398" s="91"/>
      <c r="IA3398" s="91"/>
      <c r="IB3398" s="91"/>
      <c r="IC3398" s="91"/>
      <c r="ID3398" s="91"/>
      <c r="IE3398" s="91"/>
      <c r="IF3398" s="91"/>
      <c r="IG3398" s="91"/>
      <c r="IH3398" s="91"/>
      <c r="II3398" s="91"/>
      <c r="IJ3398" s="91"/>
      <c r="IK3398" s="174"/>
    </row>
    <row r="3399" spans="2:245" x14ac:dyDescent="0.2">
      <c r="B3399" s="43"/>
      <c r="C3399" s="73"/>
      <c r="D3399" s="64"/>
      <c r="E3399" s="64"/>
      <c r="F3399" s="55"/>
      <c r="G3399" s="102"/>
      <c r="H3399" s="97"/>
      <c r="T3399" s="98"/>
      <c r="U3399" s="97"/>
      <c r="AG3399" s="98"/>
      <c r="AY3399" s="164"/>
      <c r="BK3399" s="98"/>
      <c r="BL3399" s="97"/>
      <c r="BX3399" s="98"/>
      <c r="CL3399" s="97"/>
      <c r="CX3399" s="98"/>
      <c r="DL3399" s="97"/>
      <c r="DX3399" s="98"/>
      <c r="EL3399" s="97"/>
      <c r="EX3399" s="98"/>
      <c r="EY3399" s="97"/>
      <c r="FL3399" s="126"/>
      <c r="FM3399" s="91"/>
      <c r="FN3399" s="91"/>
      <c r="FO3399" s="91"/>
      <c r="FP3399" s="91"/>
      <c r="FQ3399" s="91"/>
      <c r="FR3399" s="91"/>
      <c r="FS3399" s="91"/>
      <c r="FT3399" s="91"/>
      <c r="FU3399" s="91"/>
      <c r="FV3399" s="91"/>
      <c r="FW3399" s="91"/>
      <c r="FX3399" s="127"/>
      <c r="FY3399" s="126"/>
      <c r="FZ3399" s="91"/>
      <c r="GA3399" s="91"/>
      <c r="GB3399" s="91"/>
      <c r="GC3399" s="91"/>
      <c r="GD3399" s="91"/>
      <c r="GE3399" s="91"/>
      <c r="GF3399" s="91"/>
      <c r="GG3399" s="91"/>
      <c r="GH3399" s="91"/>
      <c r="GI3399" s="91"/>
      <c r="GJ3399" s="91"/>
      <c r="GK3399" s="127"/>
      <c r="GL3399" s="126"/>
      <c r="GM3399" s="91"/>
      <c r="GN3399" s="91"/>
      <c r="GO3399" s="91"/>
      <c r="GP3399" s="91"/>
      <c r="GQ3399" s="91"/>
      <c r="GR3399" s="91"/>
      <c r="GS3399" s="91"/>
      <c r="GT3399" s="91"/>
      <c r="GU3399" s="91"/>
      <c r="GV3399" s="91"/>
      <c r="GW3399" s="91"/>
      <c r="GX3399" s="127"/>
      <c r="GY3399" s="126"/>
      <c r="GZ3399" s="91"/>
      <c r="HA3399" s="91"/>
      <c r="HB3399" s="91"/>
      <c r="HC3399" s="91"/>
      <c r="HD3399" s="91"/>
      <c r="HE3399" s="91"/>
      <c r="HF3399" s="91"/>
      <c r="HG3399" s="91"/>
      <c r="HH3399" s="91"/>
      <c r="HI3399" s="91"/>
      <c r="HJ3399" s="91"/>
      <c r="HK3399" s="127"/>
      <c r="HL3399" s="126"/>
      <c r="HM3399" s="91"/>
      <c r="HN3399" s="91"/>
      <c r="HO3399" s="91"/>
      <c r="HP3399" s="91"/>
      <c r="HQ3399" s="91"/>
      <c r="HR3399" s="91"/>
      <c r="HS3399" s="91"/>
      <c r="HT3399" s="91"/>
      <c r="HU3399" s="91"/>
      <c r="HV3399" s="91"/>
      <c r="HW3399" s="91"/>
      <c r="HX3399" s="127"/>
      <c r="HY3399" s="126"/>
      <c r="HZ3399" s="91"/>
      <c r="IA3399" s="91"/>
      <c r="IB3399" s="91"/>
      <c r="IC3399" s="91"/>
      <c r="ID3399" s="91"/>
      <c r="IE3399" s="91"/>
      <c r="IF3399" s="91"/>
      <c r="IG3399" s="91"/>
      <c r="IH3399" s="91"/>
      <c r="II3399" s="91"/>
      <c r="IJ3399" s="91"/>
      <c r="IK3399" s="174"/>
    </row>
    <row r="3400" spans="2:245" x14ac:dyDescent="0.2">
      <c r="B3400" s="43"/>
      <c r="C3400" s="73"/>
      <c r="D3400" s="64"/>
      <c r="E3400" s="64"/>
      <c r="F3400" s="55"/>
      <c r="G3400" s="102"/>
      <c r="H3400" s="97"/>
      <c r="T3400" s="98"/>
      <c r="U3400" s="97"/>
      <c r="AG3400" s="98"/>
      <c r="AY3400" s="164"/>
      <c r="BK3400" s="98"/>
      <c r="BL3400" s="97"/>
      <c r="BX3400" s="98"/>
      <c r="CL3400" s="97"/>
      <c r="CX3400" s="98"/>
      <c r="DL3400" s="97"/>
      <c r="DX3400" s="98"/>
      <c r="EL3400" s="97"/>
      <c r="EX3400" s="98"/>
      <c r="EY3400" s="97"/>
      <c r="FL3400" s="126"/>
      <c r="FM3400" s="91"/>
      <c r="FN3400" s="91"/>
      <c r="FO3400" s="91"/>
      <c r="FP3400" s="91"/>
      <c r="FQ3400" s="91"/>
      <c r="FR3400" s="91"/>
      <c r="FS3400" s="91"/>
      <c r="FT3400" s="91"/>
      <c r="FU3400" s="91"/>
      <c r="FV3400" s="91"/>
      <c r="FW3400" s="91"/>
      <c r="FX3400" s="127"/>
      <c r="FY3400" s="126"/>
      <c r="FZ3400" s="91"/>
      <c r="GA3400" s="91"/>
      <c r="GB3400" s="91"/>
      <c r="GC3400" s="91"/>
      <c r="GD3400" s="91"/>
      <c r="GE3400" s="91"/>
      <c r="GF3400" s="91"/>
      <c r="GG3400" s="91"/>
      <c r="GH3400" s="91"/>
      <c r="GI3400" s="91"/>
      <c r="GJ3400" s="91"/>
      <c r="GK3400" s="127"/>
      <c r="GL3400" s="126"/>
      <c r="GM3400" s="91"/>
      <c r="GN3400" s="91"/>
      <c r="GO3400" s="91"/>
      <c r="GP3400" s="91"/>
      <c r="GQ3400" s="91"/>
      <c r="GR3400" s="91"/>
      <c r="GS3400" s="91"/>
      <c r="GT3400" s="91"/>
      <c r="GU3400" s="91"/>
      <c r="GV3400" s="91"/>
      <c r="GW3400" s="91"/>
      <c r="GX3400" s="127"/>
      <c r="GY3400" s="126"/>
      <c r="GZ3400" s="91"/>
      <c r="HA3400" s="91"/>
      <c r="HB3400" s="91"/>
      <c r="HC3400" s="91"/>
      <c r="HD3400" s="91"/>
      <c r="HE3400" s="91"/>
      <c r="HF3400" s="91"/>
      <c r="HG3400" s="91"/>
      <c r="HH3400" s="91"/>
      <c r="HI3400" s="91"/>
      <c r="HJ3400" s="91"/>
      <c r="HK3400" s="127"/>
      <c r="HL3400" s="126"/>
      <c r="HM3400" s="91"/>
      <c r="HN3400" s="91"/>
      <c r="HO3400" s="91"/>
      <c r="HP3400" s="91"/>
      <c r="HQ3400" s="91"/>
      <c r="HR3400" s="91"/>
      <c r="HS3400" s="91"/>
      <c r="HT3400" s="91"/>
      <c r="HU3400" s="91"/>
      <c r="HV3400" s="91"/>
      <c r="HW3400" s="91"/>
      <c r="HX3400" s="127"/>
      <c r="HY3400" s="126"/>
      <c r="HZ3400" s="91"/>
      <c r="IA3400" s="91"/>
      <c r="IB3400" s="91"/>
      <c r="IC3400" s="91"/>
      <c r="ID3400" s="91"/>
      <c r="IE3400" s="91"/>
      <c r="IF3400" s="91"/>
      <c r="IG3400" s="91"/>
      <c r="IH3400" s="91"/>
      <c r="II3400" s="91"/>
      <c r="IJ3400" s="91"/>
      <c r="IK3400" s="174"/>
    </row>
    <row r="3401" spans="2:245" x14ac:dyDescent="0.2">
      <c r="B3401" s="43"/>
      <c r="C3401" s="73"/>
      <c r="D3401" s="64"/>
      <c r="E3401" s="64"/>
      <c r="F3401" s="55"/>
      <c r="G3401" s="102"/>
      <c r="H3401" s="97"/>
      <c r="T3401" s="98"/>
      <c r="U3401" s="97"/>
      <c r="AG3401" s="98"/>
      <c r="AY3401" s="164"/>
      <c r="BK3401" s="98"/>
      <c r="BL3401" s="97"/>
      <c r="BX3401" s="98"/>
      <c r="CL3401" s="97"/>
      <c r="CX3401" s="98"/>
      <c r="DL3401" s="97"/>
      <c r="DX3401" s="98"/>
      <c r="EL3401" s="97"/>
      <c r="EX3401" s="98"/>
      <c r="EY3401" s="97"/>
      <c r="FL3401" s="126"/>
      <c r="FM3401" s="91"/>
      <c r="FN3401" s="91"/>
      <c r="FO3401" s="91"/>
      <c r="FP3401" s="91"/>
      <c r="FQ3401" s="91"/>
      <c r="FR3401" s="91"/>
      <c r="FS3401" s="91"/>
      <c r="FT3401" s="91"/>
      <c r="FU3401" s="91"/>
      <c r="FV3401" s="91"/>
      <c r="FW3401" s="91"/>
      <c r="FX3401" s="127"/>
      <c r="FY3401" s="126"/>
      <c r="FZ3401" s="91"/>
      <c r="GA3401" s="91"/>
      <c r="GB3401" s="91"/>
      <c r="GC3401" s="91"/>
      <c r="GD3401" s="91"/>
      <c r="GE3401" s="91"/>
      <c r="GF3401" s="91"/>
      <c r="GG3401" s="91"/>
      <c r="GH3401" s="91"/>
      <c r="GI3401" s="91"/>
      <c r="GJ3401" s="91"/>
      <c r="GK3401" s="127"/>
      <c r="GL3401" s="126"/>
      <c r="GM3401" s="91"/>
      <c r="GN3401" s="91"/>
      <c r="GO3401" s="91"/>
      <c r="GP3401" s="91"/>
      <c r="GQ3401" s="91"/>
      <c r="GR3401" s="91"/>
      <c r="GS3401" s="91"/>
      <c r="GT3401" s="91"/>
      <c r="GU3401" s="91"/>
      <c r="GV3401" s="91"/>
      <c r="GW3401" s="91"/>
      <c r="GX3401" s="127"/>
      <c r="GY3401" s="126"/>
      <c r="GZ3401" s="91"/>
      <c r="HA3401" s="91"/>
      <c r="HB3401" s="91"/>
      <c r="HC3401" s="91"/>
      <c r="HD3401" s="91"/>
      <c r="HE3401" s="91"/>
      <c r="HF3401" s="91"/>
      <c r="HG3401" s="91"/>
      <c r="HH3401" s="91"/>
      <c r="HI3401" s="91"/>
      <c r="HJ3401" s="91"/>
      <c r="HK3401" s="127"/>
      <c r="HL3401" s="126"/>
      <c r="HM3401" s="91"/>
      <c r="HN3401" s="91"/>
      <c r="HO3401" s="91"/>
      <c r="HP3401" s="91"/>
      <c r="HQ3401" s="91"/>
      <c r="HR3401" s="91"/>
      <c r="HS3401" s="91"/>
      <c r="HT3401" s="91"/>
      <c r="HU3401" s="91"/>
      <c r="HV3401" s="91"/>
      <c r="HW3401" s="91"/>
      <c r="HX3401" s="127"/>
      <c r="HY3401" s="126"/>
      <c r="HZ3401" s="91"/>
      <c r="IA3401" s="91"/>
      <c r="IB3401" s="91"/>
      <c r="IC3401" s="91"/>
      <c r="ID3401" s="91"/>
      <c r="IE3401" s="91"/>
      <c r="IF3401" s="91"/>
      <c r="IG3401" s="91"/>
      <c r="IH3401" s="91"/>
      <c r="II3401" s="91"/>
      <c r="IJ3401" s="91"/>
      <c r="IK3401" s="174"/>
    </row>
    <row r="3402" spans="2:245" x14ac:dyDescent="0.2">
      <c r="B3402" s="43"/>
      <c r="C3402" s="73"/>
      <c r="D3402" s="64"/>
      <c r="E3402" s="64"/>
      <c r="F3402" s="55"/>
      <c r="G3402" s="102"/>
      <c r="H3402" s="97"/>
      <c r="T3402" s="98"/>
      <c r="U3402" s="97"/>
      <c r="AG3402" s="98"/>
      <c r="AY3402" s="164"/>
      <c r="BK3402" s="98"/>
      <c r="BL3402" s="97"/>
      <c r="BX3402" s="98"/>
      <c r="CL3402" s="97"/>
      <c r="CX3402" s="98"/>
      <c r="DL3402" s="97"/>
      <c r="DX3402" s="98"/>
      <c r="EL3402" s="97"/>
      <c r="EX3402" s="98"/>
      <c r="EY3402" s="97"/>
      <c r="FL3402" s="126"/>
      <c r="FM3402" s="91"/>
      <c r="FN3402" s="91"/>
      <c r="FO3402" s="91"/>
      <c r="FP3402" s="91"/>
      <c r="FQ3402" s="91"/>
      <c r="FR3402" s="91"/>
      <c r="FS3402" s="91"/>
      <c r="FT3402" s="91"/>
      <c r="FU3402" s="91"/>
      <c r="FV3402" s="91"/>
      <c r="FW3402" s="91"/>
      <c r="FX3402" s="127"/>
      <c r="FY3402" s="126"/>
      <c r="FZ3402" s="91"/>
      <c r="GA3402" s="91"/>
      <c r="GB3402" s="91"/>
      <c r="GC3402" s="91"/>
      <c r="GD3402" s="91"/>
      <c r="GE3402" s="91"/>
      <c r="GF3402" s="91"/>
      <c r="GG3402" s="91"/>
      <c r="GH3402" s="91"/>
      <c r="GI3402" s="91"/>
      <c r="GJ3402" s="91"/>
      <c r="GK3402" s="127"/>
      <c r="GL3402" s="126"/>
      <c r="GM3402" s="91"/>
      <c r="GN3402" s="91"/>
      <c r="GO3402" s="91"/>
      <c r="GP3402" s="91"/>
      <c r="GQ3402" s="91"/>
      <c r="GR3402" s="91"/>
      <c r="GS3402" s="91"/>
      <c r="GT3402" s="91"/>
      <c r="GU3402" s="91"/>
      <c r="GV3402" s="91"/>
      <c r="GW3402" s="91"/>
      <c r="GX3402" s="127"/>
      <c r="GY3402" s="126"/>
      <c r="GZ3402" s="91"/>
      <c r="HA3402" s="91"/>
      <c r="HB3402" s="91"/>
      <c r="HC3402" s="91"/>
      <c r="HD3402" s="91"/>
      <c r="HE3402" s="91"/>
      <c r="HF3402" s="91"/>
      <c r="HG3402" s="91"/>
      <c r="HH3402" s="91"/>
      <c r="HI3402" s="91"/>
      <c r="HJ3402" s="91"/>
      <c r="HK3402" s="127"/>
      <c r="HL3402" s="126"/>
      <c r="HM3402" s="91"/>
      <c r="HN3402" s="91"/>
      <c r="HO3402" s="91"/>
      <c r="HP3402" s="91"/>
      <c r="HQ3402" s="91"/>
      <c r="HR3402" s="91"/>
      <c r="HS3402" s="91"/>
      <c r="HT3402" s="91"/>
      <c r="HU3402" s="91"/>
      <c r="HV3402" s="91"/>
      <c r="HW3402" s="91"/>
      <c r="HX3402" s="127"/>
      <c r="HY3402" s="126"/>
      <c r="HZ3402" s="91"/>
      <c r="IA3402" s="91"/>
      <c r="IB3402" s="91"/>
      <c r="IC3402" s="91"/>
      <c r="ID3402" s="91"/>
      <c r="IE3402" s="91"/>
      <c r="IF3402" s="91"/>
      <c r="IG3402" s="91"/>
      <c r="IH3402" s="91"/>
      <c r="II3402" s="91"/>
      <c r="IJ3402" s="91"/>
      <c r="IK3402" s="174"/>
    </row>
    <row r="3403" spans="2:245" x14ac:dyDescent="0.2">
      <c r="B3403" s="43"/>
      <c r="C3403" s="73"/>
      <c r="D3403" s="64"/>
      <c r="E3403" s="64"/>
      <c r="F3403" s="55"/>
      <c r="G3403" s="102"/>
      <c r="H3403" s="97"/>
      <c r="T3403" s="98"/>
      <c r="U3403" s="97"/>
      <c r="AG3403" s="98"/>
      <c r="AY3403" s="164"/>
      <c r="BK3403" s="98"/>
      <c r="BL3403" s="97"/>
      <c r="BX3403" s="98"/>
      <c r="CL3403" s="97"/>
      <c r="CX3403" s="98"/>
      <c r="DL3403" s="97"/>
      <c r="DX3403" s="98"/>
      <c r="EL3403" s="97"/>
      <c r="EX3403" s="98"/>
      <c r="EY3403" s="97"/>
      <c r="FL3403" s="126"/>
      <c r="FM3403" s="91"/>
      <c r="FN3403" s="91"/>
      <c r="FO3403" s="91"/>
      <c r="FP3403" s="91"/>
      <c r="FQ3403" s="91"/>
      <c r="FR3403" s="91"/>
      <c r="FS3403" s="91"/>
      <c r="FT3403" s="91"/>
      <c r="FU3403" s="91"/>
      <c r="FV3403" s="91"/>
      <c r="FW3403" s="91"/>
      <c r="FX3403" s="127"/>
      <c r="FY3403" s="126"/>
      <c r="FZ3403" s="91"/>
      <c r="GA3403" s="91"/>
      <c r="GB3403" s="91"/>
      <c r="GC3403" s="91"/>
      <c r="GD3403" s="91"/>
      <c r="GE3403" s="91"/>
      <c r="GF3403" s="91"/>
      <c r="GG3403" s="91"/>
      <c r="GH3403" s="91"/>
      <c r="GI3403" s="91"/>
      <c r="GJ3403" s="91"/>
      <c r="GK3403" s="127"/>
      <c r="GL3403" s="126"/>
      <c r="GM3403" s="91"/>
      <c r="GN3403" s="91"/>
      <c r="GO3403" s="91"/>
      <c r="GP3403" s="91"/>
      <c r="GQ3403" s="91"/>
      <c r="GR3403" s="91"/>
      <c r="GS3403" s="91"/>
      <c r="GT3403" s="91"/>
      <c r="GU3403" s="91"/>
      <c r="GV3403" s="91"/>
      <c r="GW3403" s="91"/>
      <c r="GX3403" s="127"/>
      <c r="GY3403" s="126"/>
      <c r="GZ3403" s="91"/>
      <c r="HA3403" s="91"/>
      <c r="HB3403" s="91"/>
      <c r="HC3403" s="91"/>
      <c r="HD3403" s="91"/>
      <c r="HE3403" s="91"/>
      <c r="HF3403" s="91"/>
      <c r="HG3403" s="91"/>
      <c r="HH3403" s="91"/>
      <c r="HI3403" s="91"/>
      <c r="HJ3403" s="91"/>
      <c r="HK3403" s="127"/>
      <c r="HL3403" s="126"/>
      <c r="HM3403" s="91"/>
      <c r="HN3403" s="91"/>
      <c r="HO3403" s="91"/>
      <c r="HP3403" s="91"/>
      <c r="HQ3403" s="91"/>
      <c r="HR3403" s="91"/>
      <c r="HS3403" s="91"/>
      <c r="HT3403" s="91"/>
      <c r="HU3403" s="91"/>
      <c r="HV3403" s="91"/>
      <c r="HW3403" s="91"/>
      <c r="HX3403" s="127"/>
      <c r="HY3403" s="126"/>
      <c r="HZ3403" s="91"/>
      <c r="IA3403" s="91"/>
      <c r="IB3403" s="91"/>
      <c r="IC3403" s="91"/>
      <c r="ID3403" s="91"/>
      <c r="IE3403" s="91"/>
      <c r="IF3403" s="91"/>
      <c r="IG3403" s="91"/>
      <c r="IH3403" s="91"/>
      <c r="II3403" s="91"/>
      <c r="IJ3403" s="91"/>
      <c r="IK3403" s="174"/>
    </row>
    <row r="3404" spans="2:245" x14ac:dyDescent="0.2">
      <c r="B3404" s="43"/>
      <c r="C3404" s="73"/>
      <c r="D3404" s="64"/>
      <c r="E3404" s="64"/>
      <c r="F3404" s="55"/>
      <c r="G3404" s="102"/>
      <c r="H3404" s="97"/>
      <c r="T3404" s="98"/>
      <c r="U3404" s="97"/>
      <c r="AG3404" s="98"/>
      <c r="AY3404" s="164"/>
      <c r="BK3404" s="98"/>
      <c r="BL3404" s="97"/>
      <c r="BX3404" s="98"/>
      <c r="CL3404" s="97"/>
      <c r="CX3404" s="98"/>
      <c r="DL3404" s="97"/>
      <c r="DX3404" s="98"/>
      <c r="EL3404" s="97"/>
      <c r="EX3404" s="98"/>
      <c r="EY3404" s="97"/>
      <c r="FL3404" s="126"/>
      <c r="FM3404" s="91"/>
      <c r="FN3404" s="91"/>
      <c r="FO3404" s="91"/>
      <c r="FP3404" s="91"/>
      <c r="FQ3404" s="91"/>
      <c r="FR3404" s="91"/>
      <c r="FS3404" s="91"/>
      <c r="FT3404" s="91"/>
      <c r="FU3404" s="91"/>
      <c r="FV3404" s="91"/>
      <c r="FW3404" s="91"/>
      <c r="FX3404" s="127"/>
      <c r="FY3404" s="126"/>
      <c r="FZ3404" s="91"/>
      <c r="GA3404" s="91"/>
      <c r="GB3404" s="91"/>
      <c r="GC3404" s="91"/>
      <c r="GD3404" s="91"/>
      <c r="GE3404" s="91"/>
      <c r="GF3404" s="91"/>
      <c r="GG3404" s="91"/>
      <c r="GH3404" s="91"/>
      <c r="GI3404" s="91"/>
      <c r="GJ3404" s="91"/>
      <c r="GK3404" s="127"/>
      <c r="GL3404" s="126"/>
      <c r="GM3404" s="91"/>
      <c r="GN3404" s="91"/>
      <c r="GO3404" s="91"/>
      <c r="GP3404" s="91"/>
      <c r="GQ3404" s="91"/>
      <c r="GR3404" s="91"/>
      <c r="GS3404" s="91"/>
      <c r="GT3404" s="91"/>
      <c r="GU3404" s="91"/>
      <c r="GV3404" s="91"/>
      <c r="GW3404" s="91"/>
      <c r="GX3404" s="127"/>
      <c r="GY3404" s="126"/>
      <c r="GZ3404" s="91"/>
      <c r="HA3404" s="91"/>
      <c r="HB3404" s="91"/>
      <c r="HC3404" s="91"/>
      <c r="HD3404" s="91"/>
      <c r="HE3404" s="91"/>
      <c r="HF3404" s="91"/>
      <c r="HG3404" s="91"/>
      <c r="HH3404" s="91"/>
      <c r="HI3404" s="91"/>
      <c r="HJ3404" s="91"/>
      <c r="HK3404" s="127"/>
      <c r="HL3404" s="126"/>
      <c r="HM3404" s="91"/>
      <c r="HN3404" s="91"/>
      <c r="HO3404" s="91"/>
      <c r="HP3404" s="91"/>
      <c r="HQ3404" s="91"/>
      <c r="HR3404" s="91"/>
      <c r="HS3404" s="91"/>
      <c r="HT3404" s="91"/>
      <c r="HU3404" s="91"/>
      <c r="HV3404" s="91"/>
      <c r="HW3404" s="91"/>
      <c r="HX3404" s="127"/>
      <c r="HY3404" s="126"/>
      <c r="HZ3404" s="91"/>
      <c r="IA3404" s="91"/>
      <c r="IB3404" s="91"/>
      <c r="IC3404" s="91"/>
      <c r="ID3404" s="91"/>
      <c r="IE3404" s="91"/>
      <c r="IF3404" s="91"/>
      <c r="IG3404" s="91"/>
      <c r="IH3404" s="91"/>
      <c r="II3404" s="91"/>
      <c r="IJ3404" s="91"/>
      <c r="IK3404" s="174"/>
    </row>
    <row r="3405" spans="2:245" x14ac:dyDescent="0.2">
      <c r="B3405" s="43"/>
      <c r="C3405" s="73"/>
      <c r="D3405" s="64"/>
      <c r="E3405" s="64"/>
      <c r="F3405" s="55"/>
      <c r="G3405" s="102"/>
      <c r="H3405" s="97"/>
      <c r="T3405" s="98"/>
      <c r="U3405" s="97"/>
      <c r="AG3405" s="98"/>
      <c r="AY3405" s="164"/>
      <c r="BK3405" s="98"/>
      <c r="BL3405" s="97"/>
      <c r="BX3405" s="98"/>
      <c r="CL3405" s="97"/>
      <c r="CX3405" s="98"/>
      <c r="DL3405" s="97"/>
      <c r="DX3405" s="98"/>
      <c r="EL3405" s="97"/>
      <c r="EX3405" s="98"/>
      <c r="EY3405" s="97"/>
      <c r="FL3405" s="126"/>
      <c r="FM3405" s="91"/>
      <c r="FN3405" s="91"/>
      <c r="FO3405" s="91"/>
      <c r="FP3405" s="91"/>
      <c r="FQ3405" s="91"/>
      <c r="FR3405" s="91"/>
      <c r="FS3405" s="91"/>
      <c r="FT3405" s="91"/>
      <c r="FU3405" s="91"/>
      <c r="FV3405" s="91"/>
      <c r="FW3405" s="91"/>
      <c r="FX3405" s="127"/>
      <c r="FY3405" s="126"/>
      <c r="FZ3405" s="91"/>
      <c r="GA3405" s="91"/>
      <c r="GB3405" s="91"/>
      <c r="GC3405" s="91"/>
      <c r="GD3405" s="91"/>
      <c r="GE3405" s="91"/>
      <c r="GF3405" s="91"/>
      <c r="GG3405" s="91"/>
      <c r="GH3405" s="91"/>
      <c r="GI3405" s="91"/>
      <c r="GJ3405" s="91"/>
      <c r="GK3405" s="127"/>
      <c r="GL3405" s="126"/>
      <c r="GM3405" s="91"/>
      <c r="GN3405" s="91"/>
      <c r="GO3405" s="91"/>
      <c r="GP3405" s="91"/>
      <c r="GQ3405" s="91"/>
      <c r="GR3405" s="91"/>
      <c r="GS3405" s="91"/>
      <c r="GT3405" s="91"/>
      <c r="GU3405" s="91"/>
      <c r="GV3405" s="91"/>
      <c r="GW3405" s="91"/>
      <c r="GX3405" s="127"/>
      <c r="GY3405" s="126"/>
      <c r="GZ3405" s="91"/>
      <c r="HA3405" s="91"/>
      <c r="HB3405" s="91"/>
      <c r="HC3405" s="91"/>
      <c r="HD3405" s="91"/>
      <c r="HE3405" s="91"/>
      <c r="HF3405" s="91"/>
      <c r="HG3405" s="91"/>
      <c r="HH3405" s="91"/>
      <c r="HI3405" s="91"/>
      <c r="HJ3405" s="91"/>
      <c r="HK3405" s="127"/>
      <c r="HL3405" s="126"/>
      <c r="HM3405" s="91"/>
      <c r="HN3405" s="91"/>
      <c r="HO3405" s="91"/>
      <c r="HP3405" s="91"/>
      <c r="HQ3405" s="91"/>
      <c r="HR3405" s="91"/>
      <c r="HS3405" s="91"/>
      <c r="HT3405" s="91"/>
      <c r="HU3405" s="91"/>
      <c r="HV3405" s="91"/>
      <c r="HW3405" s="91"/>
      <c r="HX3405" s="127"/>
      <c r="HY3405" s="126"/>
      <c r="HZ3405" s="91"/>
      <c r="IA3405" s="91"/>
      <c r="IB3405" s="91"/>
      <c r="IC3405" s="91"/>
      <c r="ID3405" s="91"/>
      <c r="IE3405" s="91"/>
      <c r="IF3405" s="91"/>
      <c r="IG3405" s="91"/>
      <c r="IH3405" s="91"/>
      <c r="II3405" s="91"/>
      <c r="IJ3405" s="91"/>
      <c r="IK3405" s="174"/>
    </row>
    <row r="3406" spans="2:245" x14ac:dyDescent="0.2">
      <c r="B3406" s="43"/>
      <c r="C3406" s="73"/>
      <c r="D3406" s="64"/>
      <c r="E3406" s="64"/>
      <c r="F3406" s="55"/>
      <c r="G3406" s="102"/>
      <c r="H3406" s="97"/>
      <c r="T3406" s="98"/>
      <c r="U3406" s="97"/>
      <c r="AG3406" s="98"/>
      <c r="AY3406" s="164"/>
      <c r="BK3406" s="98"/>
      <c r="BL3406" s="97"/>
      <c r="BX3406" s="98"/>
      <c r="CL3406" s="97"/>
      <c r="CX3406" s="98"/>
      <c r="DL3406" s="97"/>
      <c r="DX3406" s="98"/>
      <c r="EL3406" s="97"/>
      <c r="EX3406" s="98"/>
      <c r="EY3406" s="97"/>
      <c r="FL3406" s="126"/>
      <c r="FM3406" s="91"/>
      <c r="FN3406" s="91"/>
      <c r="FO3406" s="91"/>
      <c r="FP3406" s="91"/>
      <c r="FQ3406" s="91"/>
      <c r="FR3406" s="91"/>
      <c r="FS3406" s="91"/>
      <c r="FT3406" s="91"/>
      <c r="FU3406" s="91"/>
      <c r="FV3406" s="91"/>
      <c r="FW3406" s="91"/>
      <c r="FX3406" s="127"/>
      <c r="FY3406" s="126"/>
      <c r="FZ3406" s="91"/>
      <c r="GA3406" s="91"/>
      <c r="GB3406" s="91"/>
      <c r="GC3406" s="91"/>
      <c r="GD3406" s="91"/>
      <c r="GE3406" s="91"/>
      <c r="GF3406" s="91"/>
      <c r="GG3406" s="91"/>
      <c r="GH3406" s="91"/>
      <c r="GI3406" s="91"/>
      <c r="GJ3406" s="91"/>
      <c r="GK3406" s="127"/>
      <c r="GL3406" s="126"/>
      <c r="GM3406" s="91"/>
      <c r="GN3406" s="91"/>
      <c r="GO3406" s="91"/>
      <c r="GP3406" s="91"/>
      <c r="GQ3406" s="91"/>
      <c r="GR3406" s="91"/>
      <c r="GS3406" s="91"/>
      <c r="GT3406" s="91"/>
      <c r="GU3406" s="91"/>
      <c r="GV3406" s="91"/>
      <c r="GW3406" s="91"/>
      <c r="GX3406" s="127"/>
      <c r="GY3406" s="126"/>
      <c r="GZ3406" s="91"/>
      <c r="HA3406" s="91"/>
      <c r="HB3406" s="91"/>
      <c r="HC3406" s="91"/>
      <c r="HD3406" s="91"/>
      <c r="HE3406" s="91"/>
      <c r="HF3406" s="91"/>
      <c r="HG3406" s="91"/>
      <c r="HH3406" s="91"/>
      <c r="HI3406" s="91"/>
      <c r="HJ3406" s="91"/>
      <c r="HK3406" s="127"/>
      <c r="HL3406" s="126"/>
      <c r="HM3406" s="91"/>
      <c r="HN3406" s="91"/>
      <c r="HO3406" s="91"/>
      <c r="HP3406" s="91"/>
      <c r="HQ3406" s="91"/>
      <c r="HR3406" s="91"/>
      <c r="HS3406" s="91"/>
      <c r="HT3406" s="91"/>
      <c r="HU3406" s="91"/>
      <c r="HV3406" s="91"/>
      <c r="HW3406" s="91"/>
      <c r="HX3406" s="127"/>
      <c r="HY3406" s="126"/>
      <c r="HZ3406" s="91"/>
      <c r="IA3406" s="91"/>
      <c r="IB3406" s="91"/>
      <c r="IC3406" s="91"/>
      <c r="ID3406" s="91"/>
      <c r="IE3406" s="91"/>
      <c r="IF3406" s="91"/>
      <c r="IG3406" s="91"/>
      <c r="IH3406" s="91"/>
      <c r="II3406" s="91"/>
      <c r="IJ3406" s="91"/>
      <c r="IK3406" s="174"/>
    </row>
    <row r="3407" spans="2:245" x14ac:dyDescent="0.2">
      <c r="B3407" s="43"/>
      <c r="C3407" s="73"/>
      <c r="D3407" s="64"/>
      <c r="E3407" s="64"/>
      <c r="F3407" s="55"/>
      <c r="G3407" s="102"/>
      <c r="H3407" s="97"/>
      <c r="T3407" s="98"/>
      <c r="U3407" s="97"/>
      <c r="AG3407" s="98"/>
      <c r="AY3407" s="164"/>
      <c r="BK3407" s="98"/>
      <c r="BL3407" s="97"/>
      <c r="BX3407" s="98"/>
      <c r="CL3407" s="97"/>
      <c r="CX3407" s="98"/>
      <c r="DL3407" s="97"/>
      <c r="DX3407" s="98"/>
      <c r="EL3407" s="97"/>
      <c r="EX3407" s="98"/>
      <c r="EY3407" s="97"/>
      <c r="FL3407" s="126"/>
      <c r="FM3407" s="91"/>
      <c r="FN3407" s="91"/>
      <c r="FO3407" s="91"/>
      <c r="FP3407" s="91"/>
      <c r="FQ3407" s="91"/>
      <c r="FR3407" s="91"/>
      <c r="FS3407" s="91"/>
      <c r="FT3407" s="91"/>
      <c r="FU3407" s="91"/>
      <c r="FV3407" s="91"/>
      <c r="FW3407" s="91"/>
      <c r="FX3407" s="127"/>
      <c r="FY3407" s="126"/>
      <c r="FZ3407" s="91"/>
      <c r="GA3407" s="91"/>
      <c r="GB3407" s="91"/>
      <c r="GC3407" s="91"/>
      <c r="GD3407" s="91"/>
      <c r="GE3407" s="91"/>
      <c r="GF3407" s="91"/>
      <c r="GG3407" s="91"/>
      <c r="GH3407" s="91"/>
      <c r="GI3407" s="91"/>
      <c r="GJ3407" s="91"/>
      <c r="GK3407" s="127"/>
      <c r="GL3407" s="126"/>
      <c r="GM3407" s="91"/>
      <c r="GN3407" s="91"/>
      <c r="GO3407" s="91"/>
      <c r="GP3407" s="91"/>
      <c r="GQ3407" s="91"/>
      <c r="GR3407" s="91"/>
      <c r="GS3407" s="91"/>
      <c r="GT3407" s="91"/>
      <c r="GU3407" s="91"/>
      <c r="GV3407" s="91"/>
      <c r="GW3407" s="91"/>
      <c r="GX3407" s="127"/>
      <c r="GY3407" s="126"/>
      <c r="GZ3407" s="91"/>
      <c r="HA3407" s="91"/>
      <c r="HB3407" s="91"/>
      <c r="HC3407" s="91"/>
      <c r="HD3407" s="91"/>
      <c r="HE3407" s="91"/>
      <c r="HF3407" s="91"/>
      <c r="HG3407" s="91"/>
      <c r="HH3407" s="91"/>
      <c r="HI3407" s="91"/>
      <c r="HJ3407" s="91"/>
      <c r="HK3407" s="127"/>
      <c r="HL3407" s="126"/>
      <c r="HM3407" s="91"/>
      <c r="HN3407" s="91"/>
      <c r="HO3407" s="91"/>
      <c r="HP3407" s="91"/>
      <c r="HQ3407" s="91"/>
      <c r="HR3407" s="91"/>
      <c r="HS3407" s="91"/>
      <c r="HT3407" s="91"/>
      <c r="HU3407" s="91"/>
      <c r="HV3407" s="91"/>
      <c r="HW3407" s="91"/>
      <c r="HX3407" s="127"/>
      <c r="HY3407" s="126"/>
      <c r="HZ3407" s="91"/>
      <c r="IA3407" s="91"/>
      <c r="IB3407" s="91"/>
      <c r="IC3407" s="91"/>
      <c r="ID3407" s="91"/>
      <c r="IE3407" s="91"/>
      <c r="IF3407" s="91"/>
      <c r="IG3407" s="91"/>
      <c r="IH3407" s="91"/>
      <c r="II3407" s="91"/>
      <c r="IJ3407" s="91"/>
      <c r="IK3407" s="174"/>
    </row>
    <row r="3408" spans="2:245" x14ac:dyDescent="0.2">
      <c r="B3408" s="43"/>
      <c r="C3408" s="73"/>
      <c r="D3408" s="64"/>
      <c r="E3408" s="64"/>
      <c r="F3408" s="55"/>
      <c r="G3408" s="102"/>
      <c r="H3408" s="97"/>
      <c r="T3408" s="98"/>
      <c r="U3408" s="97"/>
      <c r="AG3408" s="98"/>
      <c r="AY3408" s="164"/>
      <c r="BK3408" s="98"/>
      <c r="BL3408" s="97"/>
      <c r="BX3408" s="98"/>
      <c r="CL3408" s="97"/>
      <c r="CX3408" s="98"/>
      <c r="DL3408" s="97"/>
      <c r="DX3408" s="98"/>
      <c r="EL3408" s="97"/>
      <c r="EX3408" s="98"/>
      <c r="EY3408" s="97"/>
      <c r="FL3408" s="126"/>
      <c r="FM3408" s="91"/>
      <c r="FN3408" s="91"/>
      <c r="FO3408" s="91"/>
      <c r="FP3408" s="91"/>
      <c r="FQ3408" s="91"/>
      <c r="FR3408" s="91"/>
      <c r="FS3408" s="91"/>
      <c r="FT3408" s="91"/>
      <c r="FU3408" s="91"/>
      <c r="FV3408" s="91"/>
      <c r="FW3408" s="91"/>
      <c r="FX3408" s="127"/>
      <c r="FY3408" s="126"/>
      <c r="FZ3408" s="91"/>
      <c r="GA3408" s="91"/>
      <c r="GB3408" s="91"/>
      <c r="GC3408" s="91"/>
      <c r="GD3408" s="91"/>
      <c r="GE3408" s="91"/>
      <c r="GF3408" s="91"/>
      <c r="GG3408" s="91"/>
      <c r="GH3408" s="91"/>
      <c r="GI3408" s="91"/>
      <c r="GJ3408" s="91"/>
      <c r="GK3408" s="127"/>
      <c r="GL3408" s="126"/>
      <c r="GM3408" s="91"/>
      <c r="GN3408" s="91"/>
      <c r="GO3408" s="91"/>
      <c r="GP3408" s="91"/>
      <c r="GQ3408" s="91"/>
      <c r="GR3408" s="91"/>
      <c r="GS3408" s="91"/>
      <c r="GT3408" s="91"/>
      <c r="GU3408" s="91"/>
      <c r="GV3408" s="91"/>
      <c r="GW3408" s="91"/>
      <c r="GX3408" s="127"/>
      <c r="GY3408" s="126"/>
      <c r="GZ3408" s="91"/>
      <c r="HA3408" s="91"/>
      <c r="HB3408" s="91"/>
      <c r="HC3408" s="91"/>
      <c r="HD3408" s="91"/>
      <c r="HE3408" s="91"/>
      <c r="HF3408" s="91"/>
      <c r="HG3408" s="91"/>
      <c r="HH3408" s="91"/>
      <c r="HI3408" s="91"/>
      <c r="HJ3408" s="91"/>
      <c r="HK3408" s="127"/>
      <c r="HL3408" s="126"/>
      <c r="HM3408" s="91"/>
      <c r="HN3408" s="91"/>
      <c r="HO3408" s="91"/>
      <c r="HP3408" s="91"/>
      <c r="HQ3408" s="91"/>
      <c r="HR3408" s="91"/>
      <c r="HS3408" s="91"/>
      <c r="HT3408" s="91"/>
      <c r="HU3408" s="91"/>
      <c r="HV3408" s="91"/>
      <c r="HW3408" s="91"/>
      <c r="HX3408" s="127"/>
      <c r="HY3408" s="126"/>
      <c r="HZ3408" s="91"/>
      <c r="IA3408" s="91"/>
      <c r="IB3408" s="91"/>
      <c r="IC3408" s="91"/>
      <c r="ID3408" s="91"/>
      <c r="IE3408" s="91"/>
      <c r="IF3408" s="91"/>
      <c r="IG3408" s="91"/>
      <c r="IH3408" s="91"/>
      <c r="II3408" s="91"/>
      <c r="IJ3408" s="91"/>
      <c r="IK3408" s="174"/>
    </row>
    <row r="3409" spans="2:245" x14ac:dyDescent="0.2">
      <c r="B3409" s="43"/>
      <c r="C3409" s="73"/>
      <c r="D3409" s="64"/>
      <c r="E3409" s="64"/>
      <c r="F3409" s="55"/>
      <c r="G3409" s="102"/>
      <c r="H3409" s="97"/>
      <c r="T3409" s="98"/>
      <c r="U3409" s="97"/>
      <c r="AG3409" s="98"/>
      <c r="AY3409" s="164"/>
      <c r="BK3409" s="98"/>
      <c r="BL3409" s="97"/>
      <c r="BX3409" s="98"/>
      <c r="CL3409" s="97"/>
      <c r="CX3409" s="98"/>
      <c r="DL3409" s="97"/>
      <c r="DX3409" s="98"/>
      <c r="EL3409" s="97"/>
      <c r="EX3409" s="98"/>
      <c r="EY3409" s="97"/>
      <c r="FL3409" s="126"/>
      <c r="FM3409" s="91"/>
      <c r="FN3409" s="91"/>
      <c r="FO3409" s="91"/>
      <c r="FP3409" s="91"/>
      <c r="FQ3409" s="91"/>
      <c r="FR3409" s="91"/>
      <c r="FS3409" s="91"/>
      <c r="FT3409" s="91"/>
      <c r="FU3409" s="91"/>
      <c r="FV3409" s="91"/>
      <c r="FW3409" s="91"/>
      <c r="FX3409" s="127"/>
      <c r="FY3409" s="126"/>
      <c r="FZ3409" s="91"/>
      <c r="GA3409" s="91"/>
      <c r="GB3409" s="91"/>
      <c r="GC3409" s="91"/>
      <c r="GD3409" s="91"/>
      <c r="GE3409" s="91"/>
      <c r="GF3409" s="91"/>
      <c r="GG3409" s="91"/>
      <c r="GH3409" s="91"/>
      <c r="GI3409" s="91"/>
      <c r="GJ3409" s="91"/>
      <c r="GK3409" s="127"/>
      <c r="GL3409" s="126"/>
      <c r="GM3409" s="91"/>
      <c r="GN3409" s="91"/>
      <c r="GO3409" s="91"/>
      <c r="GP3409" s="91"/>
      <c r="GQ3409" s="91"/>
      <c r="GR3409" s="91"/>
      <c r="GS3409" s="91"/>
      <c r="GT3409" s="91"/>
      <c r="GU3409" s="91"/>
      <c r="GV3409" s="91"/>
      <c r="GW3409" s="91"/>
      <c r="GX3409" s="127"/>
      <c r="GY3409" s="126"/>
      <c r="GZ3409" s="91"/>
      <c r="HA3409" s="91"/>
      <c r="HB3409" s="91"/>
      <c r="HC3409" s="91"/>
      <c r="HD3409" s="91"/>
      <c r="HE3409" s="91"/>
      <c r="HF3409" s="91"/>
      <c r="HG3409" s="91"/>
      <c r="HH3409" s="91"/>
      <c r="HI3409" s="91"/>
      <c r="HJ3409" s="91"/>
      <c r="HK3409" s="127"/>
      <c r="HL3409" s="126"/>
      <c r="HM3409" s="91"/>
      <c r="HN3409" s="91"/>
      <c r="HO3409" s="91"/>
      <c r="HP3409" s="91"/>
      <c r="HQ3409" s="91"/>
      <c r="HR3409" s="91"/>
      <c r="HS3409" s="91"/>
      <c r="HT3409" s="91"/>
      <c r="HU3409" s="91"/>
      <c r="HV3409" s="91"/>
      <c r="HW3409" s="91"/>
      <c r="HX3409" s="127"/>
      <c r="HY3409" s="126"/>
      <c r="HZ3409" s="91"/>
      <c r="IA3409" s="91"/>
      <c r="IB3409" s="91"/>
      <c r="IC3409" s="91"/>
      <c r="ID3409" s="91"/>
      <c r="IE3409" s="91"/>
      <c r="IF3409" s="91"/>
      <c r="IG3409" s="91"/>
      <c r="IH3409" s="91"/>
      <c r="II3409" s="91"/>
      <c r="IJ3409" s="91"/>
      <c r="IK3409" s="174"/>
    </row>
    <row r="3410" spans="2:245" x14ac:dyDescent="0.2">
      <c r="B3410" s="43"/>
      <c r="C3410" s="73"/>
      <c r="D3410" s="64"/>
      <c r="E3410" s="64"/>
      <c r="F3410" s="55"/>
      <c r="G3410" s="102"/>
      <c r="H3410" s="97"/>
      <c r="T3410" s="98"/>
      <c r="U3410" s="97"/>
      <c r="AG3410" s="98"/>
      <c r="AY3410" s="164"/>
      <c r="BK3410" s="98"/>
      <c r="BL3410" s="97"/>
      <c r="BX3410" s="98"/>
      <c r="CL3410" s="97"/>
      <c r="CX3410" s="98"/>
      <c r="DL3410" s="97"/>
      <c r="DX3410" s="98"/>
      <c r="EL3410" s="97"/>
      <c r="EX3410" s="98"/>
      <c r="EY3410" s="97"/>
      <c r="FL3410" s="126"/>
      <c r="FM3410" s="91"/>
      <c r="FN3410" s="91"/>
      <c r="FO3410" s="91"/>
      <c r="FP3410" s="91"/>
      <c r="FQ3410" s="91"/>
      <c r="FR3410" s="91"/>
      <c r="FS3410" s="91"/>
      <c r="FT3410" s="91"/>
      <c r="FU3410" s="91"/>
      <c r="FV3410" s="91"/>
      <c r="FW3410" s="91"/>
      <c r="FX3410" s="127"/>
      <c r="FY3410" s="126"/>
      <c r="FZ3410" s="91"/>
      <c r="GA3410" s="91"/>
      <c r="GB3410" s="91"/>
      <c r="GC3410" s="91"/>
      <c r="GD3410" s="91"/>
      <c r="GE3410" s="91"/>
      <c r="GF3410" s="91"/>
      <c r="GG3410" s="91"/>
      <c r="GH3410" s="91"/>
      <c r="GI3410" s="91"/>
      <c r="GJ3410" s="91"/>
      <c r="GK3410" s="127"/>
      <c r="GL3410" s="126"/>
      <c r="GM3410" s="91"/>
      <c r="GN3410" s="91"/>
      <c r="GO3410" s="91"/>
      <c r="GP3410" s="91"/>
      <c r="GQ3410" s="91"/>
      <c r="GR3410" s="91"/>
      <c r="GS3410" s="91"/>
      <c r="GT3410" s="91"/>
      <c r="GU3410" s="91"/>
      <c r="GV3410" s="91"/>
      <c r="GW3410" s="91"/>
      <c r="GX3410" s="127"/>
      <c r="GY3410" s="126"/>
      <c r="GZ3410" s="91"/>
      <c r="HA3410" s="91"/>
      <c r="HB3410" s="91"/>
      <c r="HC3410" s="91"/>
      <c r="HD3410" s="91"/>
      <c r="HE3410" s="91"/>
      <c r="HF3410" s="91"/>
      <c r="HG3410" s="91"/>
      <c r="HH3410" s="91"/>
      <c r="HI3410" s="91"/>
      <c r="HJ3410" s="91"/>
      <c r="HK3410" s="127"/>
      <c r="HL3410" s="126"/>
      <c r="HM3410" s="91"/>
      <c r="HN3410" s="91"/>
      <c r="HO3410" s="91"/>
      <c r="HP3410" s="91"/>
      <c r="HQ3410" s="91"/>
      <c r="HR3410" s="91"/>
      <c r="HS3410" s="91"/>
      <c r="HT3410" s="91"/>
      <c r="HU3410" s="91"/>
      <c r="HV3410" s="91"/>
      <c r="HW3410" s="91"/>
      <c r="HX3410" s="127"/>
      <c r="HY3410" s="126"/>
      <c r="HZ3410" s="91"/>
      <c r="IA3410" s="91"/>
      <c r="IB3410" s="91"/>
      <c r="IC3410" s="91"/>
      <c r="ID3410" s="91"/>
      <c r="IE3410" s="91"/>
      <c r="IF3410" s="91"/>
      <c r="IG3410" s="91"/>
      <c r="IH3410" s="91"/>
      <c r="II3410" s="91"/>
      <c r="IJ3410" s="91"/>
      <c r="IK3410" s="174"/>
    </row>
    <row r="3411" spans="2:245" x14ac:dyDescent="0.2">
      <c r="B3411" s="43"/>
      <c r="C3411" s="73"/>
      <c r="D3411" s="64"/>
      <c r="E3411" s="64"/>
      <c r="F3411" s="55"/>
      <c r="G3411" s="102"/>
      <c r="H3411" s="97"/>
      <c r="T3411" s="98"/>
      <c r="U3411" s="97"/>
      <c r="AG3411" s="98"/>
      <c r="AY3411" s="164"/>
      <c r="BK3411" s="98"/>
      <c r="BL3411" s="97"/>
      <c r="BX3411" s="98"/>
      <c r="CL3411" s="97"/>
      <c r="CX3411" s="98"/>
      <c r="DL3411" s="97"/>
      <c r="DX3411" s="98"/>
      <c r="EL3411" s="97"/>
      <c r="EX3411" s="98"/>
      <c r="EY3411" s="97"/>
      <c r="FL3411" s="126"/>
      <c r="FM3411" s="91"/>
      <c r="FN3411" s="91"/>
      <c r="FO3411" s="91"/>
      <c r="FP3411" s="91"/>
      <c r="FQ3411" s="91"/>
      <c r="FR3411" s="91"/>
      <c r="FS3411" s="91"/>
      <c r="FT3411" s="91"/>
      <c r="FU3411" s="91"/>
      <c r="FV3411" s="91"/>
      <c r="FW3411" s="91"/>
      <c r="FX3411" s="127"/>
      <c r="FY3411" s="126"/>
      <c r="FZ3411" s="91"/>
      <c r="GA3411" s="91"/>
      <c r="GB3411" s="91"/>
      <c r="GC3411" s="91"/>
      <c r="GD3411" s="91"/>
      <c r="GE3411" s="91"/>
      <c r="GF3411" s="91"/>
      <c r="GG3411" s="91"/>
      <c r="GH3411" s="91"/>
      <c r="GI3411" s="91"/>
      <c r="GJ3411" s="91"/>
      <c r="GK3411" s="127"/>
      <c r="GL3411" s="126"/>
      <c r="GM3411" s="91"/>
      <c r="GN3411" s="91"/>
      <c r="GO3411" s="91"/>
      <c r="GP3411" s="91"/>
      <c r="GQ3411" s="91"/>
      <c r="GR3411" s="91"/>
      <c r="GS3411" s="91"/>
      <c r="GT3411" s="91"/>
      <c r="GU3411" s="91"/>
      <c r="GV3411" s="91"/>
      <c r="GW3411" s="91"/>
      <c r="GX3411" s="127"/>
      <c r="GY3411" s="126"/>
      <c r="GZ3411" s="91"/>
      <c r="HA3411" s="91"/>
      <c r="HB3411" s="91"/>
      <c r="HC3411" s="91"/>
      <c r="HD3411" s="91"/>
      <c r="HE3411" s="91"/>
      <c r="HF3411" s="91"/>
      <c r="HG3411" s="91"/>
      <c r="HH3411" s="91"/>
      <c r="HI3411" s="91"/>
      <c r="HJ3411" s="91"/>
      <c r="HK3411" s="127"/>
      <c r="HL3411" s="126"/>
      <c r="HM3411" s="91"/>
      <c r="HN3411" s="91"/>
      <c r="HO3411" s="91"/>
      <c r="HP3411" s="91"/>
      <c r="HQ3411" s="91"/>
      <c r="HR3411" s="91"/>
      <c r="HS3411" s="91"/>
      <c r="HT3411" s="91"/>
      <c r="HU3411" s="91"/>
      <c r="HV3411" s="91"/>
      <c r="HW3411" s="91"/>
      <c r="HX3411" s="127"/>
      <c r="HY3411" s="126"/>
      <c r="HZ3411" s="91"/>
      <c r="IA3411" s="91"/>
      <c r="IB3411" s="91"/>
      <c r="IC3411" s="91"/>
      <c r="ID3411" s="91"/>
      <c r="IE3411" s="91"/>
      <c r="IF3411" s="91"/>
      <c r="IG3411" s="91"/>
      <c r="IH3411" s="91"/>
      <c r="II3411" s="91"/>
      <c r="IJ3411" s="91"/>
      <c r="IK3411" s="174"/>
    </row>
    <row r="3412" spans="2:245" x14ac:dyDescent="0.2">
      <c r="B3412" s="43"/>
      <c r="C3412" s="73"/>
      <c r="D3412" s="64"/>
      <c r="E3412" s="64"/>
      <c r="F3412" s="55"/>
      <c r="G3412" s="102"/>
      <c r="H3412" s="97"/>
      <c r="T3412" s="98"/>
      <c r="U3412" s="97"/>
      <c r="AG3412" s="98"/>
      <c r="AY3412" s="164"/>
      <c r="BK3412" s="98"/>
      <c r="BL3412" s="97"/>
      <c r="BX3412" s="98"/>
      <c r="CL3412" s="97"/>
      <c r="CX3412" s="98"/>
      <c r="DL3412" s="97"/>
      <c r="DX3412" s="98"/>
      <c r="EL3412" s="97"/>
      <c r="EX3412" s="98"/>
      <c r="EY3412" s="97"/>
      <c r="FL3412" s="126"/>
      <c r="FM3412" s="91"/>
      <c r="FN3412" s="91"/>
      <c r="FO3412" s="91"/>
      <c r="FP3412" s="91"/>
      <c r="FQ3412" s="91"/>
      <c r="FR3412" s="91"/>
      <c r="FS3412" s="91"/>
      <c r="FT3412" s="91"/>
      <c r="FU3412" s="91"/>
      <c r="FV3412" s="91"/>
      <c r="FW3412" s="91"/>
      <c r="FX3412" s="127"/>
      <c r="FY3412" s="126"/>
      <c r="FZ3412" s="91"/>
      <c r="GA3412" s="91"/>
      <c r="GB3412" s="91"/>
      <c r="GC3412" s="91"/>
      <c r="GD3412" s="91"/>
      <c r="GE3412" s="91"/>
      <c r="GF3412" s="91"/>
      <c r="GG3412" s="91"/>
      <c r="GH3412" s="91"/>
      <c r="GI3412" s="91"/>
      <c r="GJ3412" s="91"/>
      <c r="GK3412" s="127"/>
      <c r="GL3412" s="126"/>
      <c r="GM3412" s="91"/>
      <c r="GN3412" s="91"/>
      <c r="GO3412" s="91"/>
      <c r="GP3412" s="91"/>
      <c r="GQ3412" s="91"/>
      <c r="GR3412" s="91"/>
      <c r="GS3412" s="91"/>
      <c r="GT3412" s="91"/>
      <c r="GU3412" s="91"/>
      <c r="GV3412" s="91"/>
      <c r="GW3412" s="91"/>
      <c r="GX3412" s="127"/>
      <c r="GY3412" s="126"/>
      <c r="GZ3412" s="91"/>
      <c r="HA3412" s="91"/>
      <c r="HB3412" s="91"/>
      <c r="HC3412" s="91"/>
      <c r="HD3412" s="91"/>
      <c r="HE3412" s="91"/>
      <c r="HF3412" s="91"/>
      <c r="HG3412" s="91"/>
      <c r="HH3412" s="91"/>
      <c r="HI3412" s="91"/>
      <c r="HJ3412" s="91"/>
      <c r="HK3412" s="127"/>
      <c r="HL3412" s="126"/>
      <c r="HM3412" s="91"/>
      <c r="HN3412" s="91"/>
      <c r="HO3412" s="91"/>
      <c r="HP3412" s="91"/>
      <c r="HQ3412" s="91"/>
      <c r="HR3412" s="91"/>
      <c r="HS3412" s="91"/>
      <c r="HT3412" s="91"/>
      <c r="HU3412" s="91"/>
      <c r="HV3412" s="91"/>
      <c r="HW3412" s="91"/>
      <c r="HX3412" s="127"/>
      <c r="HY3412" s="126"/>
      <c r="HZ3412" s="91"/>
      <c r="IA3412" s="91"/>
      <c r="IB3412" s="91"/>
      <c r="IC3412" s="91"/>
      <c r="ID3412" s="91"/>
      <c r="IE3412" s="91"/>
      <c r="IF3412" s="91"/>
      <c r="IG3412" s="91"/>
      <c r="IH3412" s="91"/>
      <c r="II3412" s="91"/>
      <c r="IJ3412" s="91"/>
      <c r="IK3412" s="174"/>
    </row>
    <row r="3413" spans="2:245" x14ac:dyDescent="0.2">
      <c r="B3413" s="43"/>
      <c r="C3413" s="73"/>
      <c r="D3413" s="64"/>
      <c r="E3413" s="64"/>
      <c r="F3413" s="55"/>
      <c r="G3413" s="102"/>
      <c r="H3413" s="97"/>
      <c r="T3413" s="98"/>
      <c r="U3413" s="97"/>
      <c r="AG3413" s="98"/>
      <c r="AY3413" s="164"/>
      <c r="BK3413" s="98"/>
      <c r="BL3413" s="97"/>
      <c r="BX3413" s="98"/>
      <c r="CL3413" s="97"/>
      <c r="CX3413" s="98"/>
      <c r="DL3413" s="97"/>
      <c r="DX3413" s="98"/>
      <c r="EL3413" s="97"/>
      <c r="EX3413" s="98"/>
      <c r="EY3413" s="97"/>
      <c r="FL3413" s="126"/>
      <c r="FM3413" s="91"/>
      <c r="FN3413" s="91"/>
      <c r="FO3413" s="91"/>
      <c r="FP3413" s="91"/>
      <c r="FQ3413" s="91"/>
      <c r="FR3413" s="91"/>
      <c r="FS3413" s="91"/>
      <c r="FT3413" s="91"/>
      <c r="FU3413" s="91"/>
      <c r="FV3413" s="91"/>
      <c r="FW3413" s="91"/>
      <c r="FX3413" s="127"/>
      <c r="FY3413" s="126"/>
      <c r="FZ3413" s="91"/>
      <c r="GA3413" s="91"/>
      <c r="GB3413" s="91"/>
      <c r="GC3413" s="91"/>
      <c r="GD3413" s="91"/>
      <c r="GE3413" s="91"/>
      <c r="GF3413" s="91"/>
      <c r="GG3413" s="91"/>
      <c r="GH3413" s="91"/>
      <c r="GI3413" s="91"/>
      <c r="GJ3413" s="91"/>
      <c r="GK3413" s="127"/>
      <c r="GL3413" s="126"/>
      <c r="GM3413" s="91"/>
      <c r="GN3413" s="91"/>
      <c r="GO3413" s="91"/>
      <c r="GP3413" s="91"/>
      <c r="GQ3413" s="91"/>
      <c r="GR3413" s="91"/>
      <c r="GS3413" s="91"/>
      <c r="GT3413" s="91"/>
      <c r="GU3413" s="91"/>
      <c r="GV3413" s="91"/>
      <c r="GW3413" s="91"/>
      <c r="GX3413" s="127"/>
      <c r="GY3413" s="126"/>
      <c r="GZ3413" s="91"/>
      <c r="HA3413" s="91"/>
      <c r="HB3413" s="91"/>
      <c r="HC3413" s="91"/>
      <c r="HD3413" s="91"/>
      <c r="HE3413" s="91"/>
      <c r="HF3413" s="91"/>
      <c r="HG3413" s="91"/>
      <c r="HH3413" s="91"/>
      <c r="HI3413" s="91"/>
      <c r="HJ3413" s="91"/>
      <c r="HK3413" s="127"/>
      <c r="HL3413" s="126"/>
      <c r="HM3413" s="91"/>
      <c r="HN3413" s="91"/>
      <c r="HO3413" s="91"/>
      <c r="HP3413" s="91"/>
      <c r="HQ3413" s="91"/>
      <c r="HR3413" s="91"/>
      <c r="HS3413" s="91"/>
      <c r="HT3413" s="91"/>
      <c r="HU3413" s="91"/>
      <c r="HV3413" s="91"/>
      <c r="HW3413" s="91"/>
      <c r="HX3413" s="127"/>
      <c r="HY3413" s="126"/>
      <c r="HZ3413" s="91"/>
      <c r="IA3413" s="91"/>
      <c r="IB3413" s="91"/>
      <c r="IC3413" s="91"/>
      <c r="ID3413" s="91"/>
      <c r="IE3413" s="91"/>
      <c r="IF3413" s="91"/>
      <c r="IG3413" s="91"/>
      <c r="IH3413" s="91"/>
      <c r="II3413" s="91"/>
      <c r="IJ3413" s="91"/>
      <c r="IK3413" s="174"/>
    </row>
    <row r="3414" spans="2:245" x14ac:dyDescent="0.2">
      <c r="B3414" s="43"/>
      <c r="C3414" s="73"/>
      <c r="D3414" s="64"/>
      <c r="E3414" s="64"/>
      <c r="F3414" s="55"/>
      <c r="G3414" s="102"/>
      <c r="H3414" s="97"/>
      <c r="T3414" s="98"/>
      <c r="U3414" s="97"/>
      <c r="AG3414" s="98"/>
      <c r="AY3414" s="164"/>
      <c r="BK3414" s="98"/>
      <c r="BL3414" s="97"/>
      <c r="BX3414" s="98"/>
      <c r="CL3414" s="97"/>
      <c r="CX3414" s="98"/>
      <c r="DL3414" s="97"/>
      <c r="DX3414" s="98"/>
      <c r="EL3414" s="97"/>
      <c r="EX3414" s="98"/>
      <c r="EY3414" s="97"/>
      <c r="FL3414" s="126"/>
      <c r="FM3414" s="91"/>
      <c r="FN3414" s="91"/>
      <c r="FO3414" s="91"/>
      <c r="FP3414" s="91"/>
      <c r="FQ3414" s="91"/>
      <c r="FR3414" s="91"/>
      <c r="FS3414" s="91"/>
      <c r="FT3414" s="91"/>
      <c r="FU3414" s="91"/>
      <c r="FV3414" s="91"/>
      <c r="FW3414" s="91"/>
      <c r="FX3414" s="127"/>
      <c r="FY3414" s="126"/>
      <c r="FZ3414" s="91"/>
      <c r="GA3414" s="91"/>
      <c r="GB3414" s="91"/>
      <c r="GC3414" s="91"/>
      <c r="GD3414" s="91"/>
      <c r="GE3414" s="91"/>
      <c r="GF3414" s="91"/>
      <c r="GG3414" s="91"/>
      <c r="GH3414" s="91"/>
      <c r="GI3414" s="91"/>
      <c r="GJ3414" s="91"/>
      <c r="GK3414" s="127"/>
      <c r="GL3414" s="126"/>
      <c r="GM3414" s="91"/>
      <c r="GN3414" s="91"/>
      <c r="GO3414" s="91"/>
      <c r="GP3414" s="91"/>
      <c r="GQ3414" s="91"/>
      <c r="GR3414" s="91"/>
      <c r="GS3414" s="91"/>
      <c r="GT3414" s="91"/>
      <c r="GU3414" s="91"/>
      <c r="GV3414" s="91"/>
      <c r="GW3414" s="91"/>
      <c r="GX3414" s="127"/>
      <c r="GY3414" s="126"/>
      <c r="GZ3414" s="91"/>
      <c r="HA3414" s="91"/>
      <c r="HB3414" s="91"/>
      <c r="HC3414" s="91"/>
      <c r="HD3414" s="91"/>
      <c r="HE3414" s="91"/>
      <c r="HF3414" s="91"/>
      <c r="HG3414" s="91"/>
      <c r="HH3414" s="91"/>
      <c r="HI3414" s="91"/>
      <c r="HJ3414" s="91"/>
      <c r="HK3414" s="127"/>
      <c r="HL3414" s="126"/>
      <c r="HM3414" s="91"/>
      <c r="HN3414" s="91"/>
      <c r="HO3414" s="91"/>
      <c r="HP3414" s="91"/>
      <c r="HQ3414" s="91"/>
      <c r="HR3414" s="91"/>
      <c r="HS3414" s="91"/>
      <c r="HT3414" s="91"/>
      <c r="HU3414" s="91"/>
      <c r="HV3414" s="91"/>
      <c r="HW3414" s="91"/>
      <c r="HX3414" s="127"/>
      <c r="HY3414" s="126"/>
      <c r="HZ3414" s="91"/>
      <c r="IA3414" s="91"/>
      <c r="IB3414" s="91"/>
      <c r="IC3414" s="91"/>
      <c r="ID3414" s="91"/>
      <c r="IE3414" s="91"/>
      <c r="IF3414" s="91"/>
      <c r="IG3414" s="91"/>
      <c r="IH3414" s="91"/>
      <c r="II3414" s="91"/>
      <c r="IJ3414" s="91"/>
      <c r="IK3414" s="174"/>
    </row>
    <row r="3415" spans="2:245" x14ac:dyDescent="0.2">
      <c r="B3415" s="43"/>
      <c r="C3415" s="73"/>
      <c r="D3415" s="64"/>
      <c r="E3415" s="64"/>
      <c r="F3415" s="55"/>
      <c r="G3415" s="102"/>
      <c r="H3415" s="97"/>
      <c r="T3415" s="98"/>
      <c r="U3415" s="97"/>
      <c r="AG3415" s="98"/>
      <c r="AY3415" s="164"/>
      <c r="BK3415" s="98"/>
      <c r="BL3415" s="97"/>
      <c r="BX3415" s="98"/>
      <c r="CL3415" s="97"/>
      <c r="CX3415" s="98"/>
      <c r="DL3415" s="97"/>
      <c r="DX3415" s="98"/>
      <c r="EL3415" s="97"/>
      <c r="EX3415" s="98"/>
      <c r="EY3415" s="97"/>
      <c r="FL3415" s="126"/>
      <c r="FM3415" s="91"/>
      <c r="FN3415" s="91"/>
      <c r="FO3415" s="91"/>
      <c r="FP3415" s="91"/>
      <c r="FQ3415" s="91"/>
      <c r="FR3415" s="91"/>
      <c r="FS3415" s="91"/>
      <c r="FT3415" s="91"/>
      <c r="FU3415" s="91"/>
      <c r="FV3415" s="91"/>
      <c r="FW3415" s="91"/>
      <c r="FX3415" s="127"/>
      <c r="FY3415" s="126"/>
      <c r="FZ3415" s="91"/>
      <c r="GA3415" s="91"/>
      <c r="GB3415" s="91"/>
      <c r="GC3415" s="91"/>
      <c r="GD3415" s="91"/>
      <c r="GE3415" s="91"/>
      <c r="GF3415" s="91"/>
      <c r="GG3415" s="91"/>
      <c r="GH3415" s="91"/>
      <c r="GI3415" s="91"/>
      <c r="GJ3415" s="91"/>
      <c r="GK3415" s="127"/>
      <c r="GL3415" s="126"/>
      <c r="GM3415" s="91"/>
      <c r="GN3415" s="91"/>
      <c r="GO3415" s="91"/>
      <c r="GP3415" s="91"/>
      <c r="GQ3415" s="91"/>
      <c r="GR3415" s="91"/>
      <c r="GS3415" s="91"/>
      <c r="GT3415" s="91"/>
      <c r="GU3415" s="91"/>
      <c r="GV3415" s="91"/>
      <c r="GW3415" s="91"/>
      <c r="GX3415" s="127"/>
      <c r="GY3415" s="126"/>
      <c r="GZ3415" s="91"/>
      <c r="HA3415" s="91"/>
      <c r="HB3415" s="91"/>
      <c r="HC3415" s="91"/>
      <c r="HD3415" s="91"/>
      <c r="HE3415" s="91"/>
      <c r="HF3415" s="91"/>
      <c r="HG3415" s="91"/>
      <c r="HH3415" s="91"/>
      <c r="HI3415" s="91"/>
      <c r="HJ3415" s="91"/>
      <c r="HK3415" s="127"/>
      <c r="HL3415" s="126"/>
      <c r="HM3415" s="91"/>
      <c r="HN3415" s="91"/>
      <c r="HO3415" s="91"/>
      <c r="HP3415" s="91"/>
      <c r="HQ3415" s="91"/>
      <c r="HR3415" s="91"/>
      <c r="HS3415" s="91"/>
      <c r="HT3415" s="91"/>
      <c r="HU3415" s="91"/>
      <c r="HV3415" s="91"/>
      <c r="HW3415" s="91"/>
      <c r="HX3415" s="127"/>
      <c r="HY3415" s="126"/>
      <c r="HZ3415" s="91"/>
      <c r="IA3415" s="91"/>
      <c r="IB3415" s="91"/>
      <c r="IC3415" s="91"/>
      <c r="ID3415" s="91"/>
      <c r="IE3415" s="91"/>
      <c r="IF3415" s="91"/>
      <c r="IG3415" s="91"/>
      <c r="IH3415" s="91"/>
      <c r="II3415" s="91"/>
      <c r="IJ3415" s="91"/>
      <c r="IK3415" s="174"/>
    </row>
    <row r="3416" spans="2:245" x14ac:dyDescent="0.2">
      <c r="B3416" s="43"/>
      <c r="C3416" s="73"/>
      <c r="D3416" s="64"/>
      <c r="E3416" s="64"/>
      <c r="F3416" s="55"/>
      <c r="G3416" s="102"/>
      <c r="H3416" s="97"/>
      <c r="T3416" s="98"/>
      <c r="U3416" s="97"/>
      <c r="AG3416" s="98"/>
      <c r="AY3416" s="164"/>
      <c r="BK3416" s="98"/>
      <c r="BL3416" s="97"/>
      <c r="BX3416" s="98"/>
      <c r="CL3416" s="97"/>
      <c r="CX3416" s="98"/>
      <c r="DL3416" s="97"/>
      <c r="DX3416" s="98"/>
      <c r="EL3416" s="97"/>
      <c r="EX3416" s="98"/>
      <c r="EY3416" s="97"/>
      <c r="FL3416" s="126"/>
      <c r="FM3416" s="91"/>
      <c r="FN3416" s="91"/>
      <c r="FO3416" s="91"/>
      <c r="FP3416" s="91"/>
      <c r="FQ3416" s="91"/>
      <c r="FR3416" s="91"/>
      <c r="FS3416" s="91"/>
      <c r="FT3416" s="91"/>
      <c r="FU3416" s="91"/>
      <c r="FV3416" s="91"/>
      <c r="FW3416" s="91"/>
      <c r="FX3416" s="127"/>
      <c r="FY3416" s="126"/>
      <c r="FZ3416" s="91"/>
      <c r="GA3416" s="91"/>
      <c r="GB3416" s="91"/>
      <c r="GC3416" s="91"/>
      <c r="GD3416" s="91"/>
      <c r="GE3416" s="91"/>
      <c r="GF3416" s="91"/>
      <c r="GG3416" s="91"/>
      <c r="GH3416" s="91"/>
      <c r="GI3416" s="91"/>
      <c r="GJ3416" s="91"/>
      <c r="GK3416" s="127"/>
      <c r="GL3416" s="126"/>
      <c r="GM3416" s="91"/>
      <c r="GN3416" s="91"/>
      <c r="GO3416" s="91"/>
      <c r="GP3416" s="91"/>
      <c r="GQ3416" s="91"/>
      <c r="GR3416" s="91"/>
      <c r="GS3416" s="91"/>
      <c r="GT3416" s="91"/>
      <c r="GU3416" s="91"/>
      <c r="GV3416" s="91"/>
      <c r="GW3416" s="91"/>
      <c r="GX3416" s="127"/>
      <c r="GY3416" s="126"/>
      <c r="GZ3416" s="91"/>
      <c r="HA3416" s="91"/>
      <c r="HB3416" s="91"/>
      <c r="HC3416" s="91"/>
      <c r="HD3416" s="91"/>
      <c r="HE3416" s="91"/>
      <c r="HF3416" s="91"/>
      <c r="HG3416" s="91"/>
      <c r="HH3416" s="91"/>
      <c r="HI3416" s="91"/>
      <c r="HJ3416" s="91"/>
      <c r="HK3416" s="127"/>
      <c r="HL3416" s="126"/>
      <c r="HM3416" s="91"/>
      <c r="HN3416" s="91"/>
      <c r="HO3416" s="91"/>
      <c r="HP3416" s="91"/>
      <c r="HQ3416" s="91"/>
      <c r="HR3416" s="91"/>
      <c r="HS3416" s="91"/>
      <c r="HT3416" s="91"/>
      <c r="HU3416" s="91"/>
      <c r="HV3416" s="91"/>
      <c r="HW3416" s="91"/>
      <c r="HX3416" s="127"/>
      <c r="HY3416" s="126"/>
      <c r="HZ3416" s="91"/>
      <c r="IA3416" s="91"/>
      <c r="IB3416" s="91"/>
      <c r="IC3416" s="91"/>
      <c r="ID3416" s="91"/>
      <c r="IE3416" s="91"/>
      <c r="IF3416" s="91"/>
      <c r="IG3416" s="91"/>
      <c r="IH3416" s="91"/>
      <c r="II3416" s="91"/>
      <c r="IJ3416" s="91"/>
      <c r="IK3416" s="174"/>
    </row>
    <row r="3417" spans="2:245" x14ac:dyDescent="0.2">
      <c r="B3417" s="43"/>
      <c r="C3417" s="73"/>
      <c r="D3417" s="64"/>
      <c r="E3417" s="64"/>
      <c r="F3417" s="55"/>
      <c r="G3417" s="102"/>
      <c r="H3417" s="97"/>
      <c r="T3417" s="98"/>
      <c r="U3417" s="97"/>
      <c r="AG3417" s="98"/>
      <c r="AY3417" s="164"/>
      <c r="BK3417" s="98"/>
      <c r="BL3417" s="97"/>
      <c r="BX3417" s="98"/>
      <c r="CL3417" s="97"/>
      <c r="CX3417" s="98"/>
      <c r="DL3417" s="97"/>
      <c r="DX3417" s="98"/>
      <c r="EL3417" s="97"/>
      <c r="EX3417" s="98"/>
      <c r="EY3417" s="97"/>
      <c r="FL3417" s="126"/>
      <c r="FM3417" s="91"/>
      <c r="FN3417" s="91"/>
      <c r="FO3417" s="91"/>
      <c r="FP3417" s="91"/>
      <c r="FQ3417" s="91"/>
      <c r="FR3417" s="91"/>
      <c r="FS3417" s="91"/>
      <c r="FT3417" s="91"/>
      <c r="FU3417" s="91"/>
      <c r="FV3417" s="91"/>
      <c r="FW3417" s="91"/>
      <c r="FX3417" s="127"/>
      <c r="FY3417" s="126"/>
      <c r="FZ3417" s="91"/>
      <c r="GA3417" s="91"/>
      <c r="GB3417" s="91"/>
      <c r="GC3417" s="91"/>
      <c r="GD3417" s="91"/>
      <c r="GE3417" s="91"/>
      <c r="GF3417" s="91"/>
      <c r="GG3417" s="91"/>
      <c r="GH3417" s="91"/>
      <c r="GI3417" s="91"/>
      <c r="GJ3417" s="91"/>
      <c r="GK3417" s="127"/>
      <c r="GL3417" s="126"/>
      <c r="GM3417" s="91"/>
      <c r="GN3417" s="91"/>
      <c r="GO3417" s="91"/>
      <c r="GP3417" s="91"/>
      <c r="GQ3417" s="91"/>
      <c r="GR3417" s="91"/>
      <c r="GS3417" s="91"/>
      <c r="GT3417" s="91"/>
      <c r="GU3417" s="91"/>
      <c r="GV3417" s="91"/>
      <c r="GW3417" s="91"/>
      <c r="GX3417" s="127"/>
      <c r="GY3417" s="126"/>
      <c r="GZ3417" s="91"/>
      <c r="HA3417" s="91"/>
      <c r="HB3417" s="91"/>
      <c r="HC3417" s="91"/>
      <c r="HD3417" s="91"/>
      <c r="HE3417" s="91"/>
      <c r="HF3417" s="91"/>
      <c r="HG3417" s="91"/>
      <c r="HH3417" s="91"/>
      <c r="HI3417" s="91"/>
      <c r="HJ3417" s="91"/>
      <c r="HK3417" s="127"/>
      <c r="HL3417" s="126"/>
      <c r="HM3417" s="91"/>
      <c r="HN3417" s="91"/>
      <c r="HO3417" s="91"/>
      <c r="HP3417" s="91"/>
      <c r="HQ3417" s="91"/>
      <c r="HR3417" s="91"/>
      <c r="HS3417" s="91"/>
      <c r="HT3417" s="91"/>
      <c r="HU3417" s="91"/>
      <c r="HV3417" s="91"/>
      <c r="HW3417" s="91"/>
      <c r="HX3417" s="127"/>
      <c r="HY3417" s="126"/>
      <c r="HZ3417" s="91"/>
      <c r="IA3417" s="91"/>
      <c r="IB3417" s="91"/>
      <c r="IC3417" s="91"/>
      <c r="ID3417" s="91"/>
      <c r="IE3417" s="91"/>
      <c r="IF3417" s="91"/>
      <c r="IG3417" s="91"/>
      <c r="IH3417" s="91"/>
      <c r="II3417" s="91"/>
      <c r="IJ3417" s="91"/>
      <c r="IK3417" s="174"/>
    </row>
    <row r="3418" spans="2:245" x14ac:dyDescent="0.2">
      <c r="B3418" s="43"/>
      <c r="C3418" s="73"/>
      <c r="D3418" s="64"/>
      <c r="E3418" s="64"/>
      <c r="F3418" s="55"/>
      <c r="G3418" s="102"/>
      <c r="H3418" s="97"/>
      <c r="T3418" s="98"/>
      <c r="U3418" s="97"/>
      <c r="AG3418" s="98"/>
      <c r="AY3418" s="164"/>
      <c r="BK3418" s="98"/>
      <c r="BL3418" s="97"/>
      <c r="BX3418" s="98"/>
      <c r="CL3418" s="97"/>
      <c r="CX3418" s="98"/>
      <c r="DL3418" s="97"/>
      <c r="DX3418" s="98"/>
      <c r="EL3418" s="97"/>
      <c r="EX3418" s="98"/>
      <c r="EY3418" s="97"/>
      <c r="FL3418" s="126"/>
      <c r="FM3418" s="91"/>
      <c r="FN3418" s="91"/>
      <c r="FO3418" s="91"/>
      <c r="FP3418" s="91"/>
      <c r="FQ3418" s="91"/>
      <c r="FR3418" s="91"/>
      <c r="FS3418" s="91"/>
      <c r="FT3418" s="91"/>
      <c r="FU3418" s="91"/>
      <c r="FV3418" s="91"/>
      <c r="FW3418" s="91"/>
      <c r="FX3418" s="127"/>
      <c r="FY3418" s="126"/>
      <c r="FZ3418" s="91"/>
      <c r="GA3418" s="91"/>
      <c r="GB3418" s="91"/>
      <c r="GC3418" s="91"/>
      <c r="GD3418" s="91"/>
      <c r="GE3418" s="91"/>
      <c r="GF3418" s="91"/>
      <c r="GG3418" s="91"/>
      <c r="GH3418" s="91"/>
      <c r="GI3418" s="91"/>
      <c r="GJ3418" s="91"/>
      <c r="GK3418" s="127"/>
      <c r="GL3418" s="126"/>
      <c r="GM3418" s="91"/>
      <c r="GN3418" s="91"/>
      <c r="GO3418" s="91"/>
      <c r="GP3418" s="91"/>
      <c r="GQ3418" s="91"/>
      <c r="GR3418" s="91"/>
      <c r="GS3418" s="91"/>
      <c r="GT3418" s="91"/>
      <c r="GU3418" s="91"/>
      <c r="GV3418" s="91"/>
      <c r="GW3418" s="91"/>
      <c r="GX3418" s="127"/>
      <c r="GY3418" s="126"/>
      <c r="GZ3418" s="91"/>
      <c r="HA3418" s="91"/>
      <c r="HB3418" s="91"/>
      <c r="HC3418" s="91"/>
      <c r="HD3418" s="91"/>
      <c r="HE3418" s="91"/>
      <c r="HF3418" s="91"/>
      <c r="HG3418" s="91"/>
      <c r="HH3418" s="91"/>
      <c r="HI3418" s="91"/>
      <c r="HJ3418" s="91"/>
      <c r="HK3418" s="127"/>
      <c r="HL3418" s="126"/>
      <c r="HM3418" s="91"/>
      <c r="HN3418" s="91"/>
      <c r="HO3418" s="91"/>
      <c r="HP3418" s="91"/>
      <c r="HQ3418" s="91"/>
      <c r="HR3418" s="91"/>
      <c r="HS3418" s="91"/>
      <c r="HT3418" s="91"/>
      <c r="HU3418" s="91"/>
      <c r="HV3418" s="91"/>
      <c r="HW3418" s="91"/>
      <c r="HX3418" s="127"/>
      <c r="HY3418" s="126"/>
      <c r="HZ3418" s="91"/>
      <c r="IA3418" s="91"/>
      <c r="IB3418" s="91"/>
      <c r="IC3418" s="91"/>
      <c r="ID3418" s="91"/>
      <c r="IE3418" s="91"/>
      <c r="IF3418" s="91"/>
      <c r="IG3418" s="91"/>
      <c r="IH3418" s="91"/>
      <c r="II3418" s="91"/>
      <c r="IJ3418" s="91"/>
      <c r="IK3418" s="174"/>
    </row>
    <row r="3419" spans="2:245" x14ac:dyDescent="0.2">
      <c r="B3419" s="43"/>
      <c r="C3419" s="73"/>
      <c r="D3419" s="64"/>
      <c r="E3419" s="64"/>
      <c r="F3419" s="55"/>
      <c r="G3419" s="102"/>
      <c r="H3419" s="97"/>
      <c r="T3419" s="98"/>
      <c r="U3419" s="97"/>
      <c r="AG3419" s="98"/>
      <c r="AY3419" s="164"/>
      <c r="BK3419" s="98"/>
      <c r="BL3419" s="97"/>
      <c r="BX3419" s="98"/>
      <c r="CL3419" s="97"/>
      <c r="CX3419" s="98"/>
      <c r="DL3419" s="97"/>
      <c r="DX3419" s="98"/>
      <c r="EL3419" s="97"/>
      <c r="EX3419" s="98"/>
      <c r="EY3419" s="97"/>
      <c r="FL3419" s="126"/>
      <c r="FM3419" s="91"/>
      <c r="FN3419" s="91"/>
      <c r="FO3419" s="91"/>
      <c r="FP3419" s="91"/>
      <c r="FQ3419" s="91"/>
      <c r="FR3419" s="91"/>
      <c r="FS3419" s="91"/>
      <c r="FT3419" s="91"/>
      <c r="FU3419" s="91"/>
      <c r="FV3419" s="91"/>
      <c r="FW3419" s="91"/>
      <c r="FX3419" s="127"/>
      <c r="FY3419" s="126"/>
      <c r="FZ3419" s="91"/>
      <c r="GA3419" s="91"/>
      <c r="GB3419" s="91"/>
      <c r="GC3419" s="91"/>
      <c r="GD3419" s="91"/>
      <c r="GE3419" s="91"/>
      <c r="GF3419" s="91"/>
      <c r="GG3419" s="91"/>
      <c r="GH3419" s="91"/>
      <c r="GI3419" s="91"/>
      <c r="GJ3419" s="91"/>
      <c r="GK3419" s="127"/>
      <c r="GL3419" s="126"/>
      <c r="GM3419" s="91"/>
      <c r="GN3419" s="91"/>
      <c r="GO3419" s="91"/>
      <c r="GP3419" s="91"/>
      <c r="GQ3419" s="91"/>
      <c r="GR3419" s="91"/>
      <c r="GS3419" s="91"/>
      <c r="GT3419" s="91"/>
      <c r="GU3419" s="91"/>
      <c r="GV3419" s="91"/>
      <c r="GW3419" s="91"/>
      <c r="GX3419" s="127"/>
      <c r="GY3419" s="126"/>
      <c r="GZ3419" s="91"/>
      <c r="HA3419" s="91"/>
      <c r="HB3419" s="91"/>
      <c r="HC3419" s="91"/>
      <c r="HD3419" s="91"/>
      <c r="HE3419" s="91"/>
      <c r="HF3419" s="91"/>
      <c r="HG3419" s="91"/>
      <c r="HH3419" s="91"/>
      <c r="HI3419" s="91"/>
      <c r="HJ3419" s="91"/>
      <c r="HK3419" s="127"/>
      <c r="HL3419" s="126"/>
      <c r="HM3419" s="91"/>
      <c r="HN3419" s="91"/>
      <c r="HO3419" s="91"/>
      <c r="HP3419" s="91"/>
      <c r="HQ3419" s="91"/>
      <c r="HR3419" s="91"/>
      <c r="HS3419" s="91"/>
      <c r="HT3419" s="91"/>
      <c r="HU3419" s="91"/>
      <c r="HV3419" s="91"/>
      <c r="HW3419" s="91"/>
      <c r="HX3419" s="127"/>
      <c r="HY3419" s="126"/>
      <c r="HZ3419" s="91"/>
      <c r="IA3419" s="91"/>
      <c r="IB3419" s="91"/>
      <c r="IC3419" s="91"/>
      <c r="ID3419" s="91"/>
      <c r="IE3419" s="91"/>
      <c r="IF3419" s="91"/>
      <c r="IG3419" s="91"/>
      <c r="IH3419" s="91"/>
      <c r="II3419" s="91"/>
      <c r="IJ3419" s="91"/>
      <c r="IK3419" s="174"/>
    </row>
    <row r="3420" spans="2:245" x14ac:dyDescent="0.2">
      <c r="B3420" s="43"/>
      <c r="C3420" s="73"/>
      <c r="D3420" s="64"/>
      <c r="E3420" s="64"/>
      <c r="F3420" s="55"/>
      <c r="G3420" s="102"/>
      <c r="H3420" s="97"/>
      <c r="T3420" s="98"/>
      <c r="U3420" s="97"/>
      <c r="AG3420" s="98"/>
      <c r="AY3420" s="164"/>
      <c r="BK3420" s="98"/>
      <c r="BL3420" s="97"/>
      <c r="BX3420" s="98"/>
      <c r="CL3420" s="97"/>
      <c r="CX3420" s="98"/>
      <c r="DL3420" s="97"/>
      <c r="DX3420" s="98"/>
      <c r="EL3420" s="97"/>
      <c r="EX3420" s="98"/>
      <c r="EY3420" s="97"/>
      <c r="FL3420" s="126"/>
      <c r="FM3420" s="91"/>
      <c r="FN3420" s="91"/>
      <c r="FO3420" s="91"/>
      <c r="FP3420" s="91"/>
      <c r="FQ3420" s="91"/>
      <c r="FR3420" s="91"/>
      <c r="FS3420" s="91"/>
      <c r="FT3420" s="91"/>
      <c r="FU3420" s="91"/>
      <c r="FV3420" s="91"/>
      <c r="FW3420" s="91"/>
      <c r="FX3420" s="127"/>
      <c r="FY3420" s="126"/>
      <c r="FZ3420" s="91"/>
      <c r="GA3420" s="91"/>
      <c r="GB3420" s="91"/>
      <c r="GC3420" s="91"/>
      <c r="GD3420" s="91"/>
      <c r="GE3420" s="91"/>
      <c r="GF3420" s="91"/>
      <c r="GG3420" s="91"/>
      <c r="GH3420" s="91"/>
      <c r="GI3420" s="91"/>
      <c r="GJ3420" s="91"/>
      <c r="GK3420" s="127"/>
      <c r="GL3420" s="126"/>
      <c r="GM3420" s="91"/>
      <c r="GN3420" s="91"/>
      <c r="GO3420" s="91"/>
      <c r="GP3420" s="91"/>
      <c r="GQ3420" s="91"/>
      <c r="GR3420" s="91"/>
      <c r="GS3420" s="91"/>
      <c r="GT3420" s="91"/>
      <c r="GU3420" s="91"/>
      <c r="GV3420" s="91"/>
      <c r="GW3420" s="91"/>
      <c r="GX3420" s="127"/>
      <c r="GY3420" s="126"/>
      <c r="GZ3420" s="91"/>
      <c r="HA3420" s="91"/>
      <c r="HB3420" s="91"/>
      <c r="HC3420" s="91"/>
      <c r="HD3420" s="91"/>
      <c r="HE3420" s="91"/>
      <c r="HF3420" s="91"/>
      <c r="HG3420" s="91"/>
      <c r="HH3420" s="91"/>
      <c r="HI3420" s="91"/>
      <c r="HJ3420" s="91"/>
      <c r="HK3420" s="127"/>
      <c r="HL3420" s="126"/>
      <c r="HM3420" s="91"/>
      <c r="HN3420" s="91"/>
      <c r="HO3420" s="91"/>
      <c r="HP3420" s="91"/>
      <c r="HQ3420" s="91"/>
      <c r="HR3420" s="91"/>
      <c r="HS3420" s="91"/>
      <c r="HT3420" s="91"/>
      <c r="HU3420" s="91"/>
      <c r="HV3420" s="91"/>
      <c r="HW3420" s="91"/>
      <c r="HX3420" s="127"/>
      <c r="HY3420" s="126"/>
      <c r="HZ3420" s="91"/>
      <c r="IA3420" s="91"/>
      <c r="IB3420" s="91"/>
      <c r="IC3420" s="91"/>
      <c r="ID3420" s="91"/>
      <c r="IE3420" s="91"/>
      <c r="IF3420" s="91"/>
      <c r="IG3420" s="91"/>
      <c r="IH3420" s="91"/>
      <c r="II3420" s="91"/>
      <c r="IJ3420" s="91"/>
      <c r="IK3420" s="174"/>
    </row>
    <row r="3421" spans="2:245" x14ac:dyDescent="0.2">
      <c r="B3421" s="43"/>
      <c r="C3421" s="73"/>
      <c r="D3421" s="64"/>
      <c r="E3421" s="64"/>
      <c r="F3421" s="55"/>
      <c r="G3421" s="102"/>
      <c r="H3421" s="97"/>
      <c r="T3421" s="98"/>
      <c r="U3421" s="97"/>
      <c r="AG3421" s="98"/>
      <c r="AY3421" s="164"/>
      <c r="BK3421" s="98"/>
      <c r="BL3421" s="97"/>
      <c r="BX3421" s="98"/>
      <c r="CL3421" s="97"/>
      <c r="CX3421" s="98"/>
      <c r="DL3421" s="97"/>
      <c r="DX3421" s="98"/>
      <c r="EL3421" s="97"/>
      <c r="EX3421" s="98"/>
      <c r="EY3421" s="97"/>
      <c r="FL3421" s="126"/>
      <c r="FM3421" s="91"/>
      <c r="FN3421" s="91"/>
      <c r="FO3421" s="91"/>
      <c r="FP3421" s="91"/>
      <c r="FQ3421" s="91"/>
      <c r="FR3421" s="91"/>
      <c r="FS3421" s="91"/>
      <c r="FT3421" s="91"/>
      <c r="FU3421" s="91"/>
      <c r="FV3421" s="91"/>
      <c r="FW3421" s="91"/>
      <c r="FX3421" s="127"/>
      <c r="FY3421" s="126"/>
      <c r="FZ3421" s="91"/>
      <c r="GA3421" s="91"/>
      <c r="GB3421" s="91"/>
      <c r="GC3421" s="91"/>
      <c r="GD3421" s="91"/>
      <c r="GE3421" s="91"/>
      <c r="GF3421" s="91"/>
      <c r="GG3421" s="91"/>
      <c r="GH3421" s="91"/>
      <c r="GI3421" s="91"/>
      <c r="GJ3421" s="91"/>
      <c r="GK3421" s="127"/>
      <c r="GL3421" s="126"/>
      <c r="GM3421" s="91"/>
      <c r="GN3421" s="91"/>
      <c r="GO3421" s="91"/>
      <c r="GP3421" s="91"/>
      <c r="GQ3421" s="91"/>
      <c r="GR3421" s="91"/>
      <c r="GS3421" s="91"/>
      <c r="GT3421" s="91"/>
      <c r="GU3421" s="91"/>
      <c r="GV3421" s="91"/>
      <c r="GW3421" s="91"/>
      <c r="GX3421" s="127"/>
      <c r="GY3421" s="126"/>
      <c r="GZ3421" s="91"/>
      <c r="HA3421" s="91"/>
      <c r="HB3421" s="91"/>
      <c r="HC3421" s="91"/>
      <c r="HD3421" s="91"/>
      <c r="HE3421" s="91"/>
      <c r="HF3421" s="91"/>
      <c r="HG3421" s="91"/>
      <c r="HH3421" s="91"/>
      <c r="HI3421" s="91"/>
      <c r="HJ3421" s="91"/>
      <c r="HK3421" s="127"/>
      <c r="HL3421" s="126"/>
      <c r="HM3421" s="91"/>
      <c r="HN3421" s="91"/>
      <c r="HO3421" s="91"/>
      <c r="HP3421" s="91"/>
      <c r="HQ3421" s="91"/>
      <c r="HR3421" s="91"/>
      <c r="HS3421" s="91"/>
      <c r="HT3421" s="91"/>
      <c r="HU3421" s="91"/>
      <c r="HV3421" s="91"/>
      <c r="HW3421" s="91"/>
      <c r="HX3421" s="127"/>
      <c r="HY3421" s="126"/>
      <c r="HZ3421" s="91"/>
      <c r="IA3421" s="91"/>
      <c r="IB3421" s="91"/>
      <c r="IC3421" s="91"/>
      <c r="ID3421" s="91"/>
      <c r="IE3421" s="91"/>
      <c r="IF3421" s="91"/>
      <c r="IG3421" s="91"/>
      <c r="IH3421" s="91"/>
      <c r="II3421" s="91"/>
      <c r="IJ3421" s="91"/>
      <c r="IK3421" s="174"/>
    </row>
    <row r="3422" spans="2:245" x14ac:dyDescent="0.2">
      <c r="B3422" s="43"/>
      <c r="C3422" s="73"/>
      <c r="D3422" s="64"/>
      <c r="E3422" s="64"/>
      <c r="F3422" s="55"/>
      <c r="G3422" s="102"/>
      <c r="H3422" s="97"/>
      <c r="T3422" s="98"/>
      <c r="U3422" s="97"/>
      <c r="AG3422" s="98"/>
      <c r="AY3422" s="164"/>
      <c r="BK3422" s="98"/>
      <c r="BL3422" s="97"/>
      <c r="BX3422" s="98"/>
      <c r="CL3422" s="97"/>
      <c r="CX3422" s="98"/>
      <c r="DL3422" s="97"/>
      <c r="DX3422" s="98"/>
      <c r="EL3422" s="97"/>
      <c r="EX3422" s="98"/>
      <c r="EY3422" s="97"/>
      <c r="FL3422" s="126"/>
      <c r="FM3422" s="91"/>
      <c r="FN3422" s="91"/>
      <c r="FO3422" s="91"/>
      <c r="FP3422" s="91"/>
      <c r="FQ3422" s="91"/>
      <c r="FR3422" s="91"/>
      <c r="FS3422" s="91"/>
      <c r="FT3422" s="91"/>
      <c r="FU3422" s="91"/>
      <c r="FV3422" s="91"/>
      <c r="FW3422" s="91"/>
      <c r="FX3422" s="127"/>
      <c r="FY3422" s="126"/>
      <c r="FZ3422" s="91"/>
      <c r="GA3422" s="91"/>
      <c r="GB3422" s="91"/>
      <c r="GC3422" s="91"/>
      <c r="GD3422" s="91"/>
      <c r="GE3422" s="91"/>
      <c r="GF3422" s="91"/>
      <c r="GG3422" s="91"/>
      <c r="GH3422" s="91"/>
      <c r="GI3422" s="91"/>
      <c r="GJ3422" s="91"/>
      <c r="GK3422" s="127"/>
      <c r="GL3422" s="126"/>
      <c r="GM3422" s="91"/>
      <c r="GN3422" s="91"/>
      <c r="GO3422" s="91"/>
      <c r="GP3422" s="91"/>
      <c r="GQ3422" s="91"/>
      <c r="GR3422" s="91"/>
      <c r="GS3422" s="91"/>
      <c r="GT3422" s="91"/>
      <c r="GU3422" s="91"/>
      <c r="GV3422" s="91"/>
      <c r="GW3422" s="91"/>
      <c r="GX3422" s="127"/>
      <c r="GY3422" s="126"/>
      <c r="GZ3422" s="91"/>
      <c r="HA3422" s="91"/>
      <c r="HB3422" s="91"/>
      <c r="HC3422" s="91"/>
      <c r="HD3422" s="91"/>
      <c r="HE3422" s="91"/>
      <c r="HF3422" s="91"/>
      <c r="HG3422" s="91"/>
      <c r="HH3422" s="91"/>
      <c r="HI3422" s="91"/>
      <c r="HJ3422" s="91"/>
      <c r="HK3422" s="127"/>
      <c r="HL3422" s="126"/>
      <c r="HM3422" s="91"/>
      <c r="HN3422" s="91"/>
      <c r="HO3422" s="91"/>
      <c r="HP3422" s="91"/>
      <c r="HQ3422" s="91"/>
      <c r="HR3422" s="91"/>
      <c r="HS3422" s="91"/>
      <c r="HT3422" s="91"/>
      <c r="HU3422" s="91"/>
      <c r="HV3422" s="91"/>
      <c r="HW3422" s="91"/>
      <c r="HX3422" s="127"/>
      <c r="HY3422" s="126"/>
      <c r="HZ3422" s="91"/>
      <c r="IA3422" s="91"/>
      <c r="IB3422" s="91"/>
      <c r="IC3422" s="91"/>
      <c r="ID3422" s="91"/>
      <c r="IE3422" s="91"/>
      <c r="IF3422" s="91"/>
      <c r="IG3422" s="91"/>
      <c r="IH3422" s="91"/>
      <c r="II3422" s="91"/>
      <c r="IJ3422" s="91"/>
      <c r="IK3422" s="174"/>
    </row>
    <row r="3423" spans="2:245" x14ac:dyDescent="0.2">
      <c r="B3423" s="43"/>
      <c r="C3423" s="73"/>
      <c r="D3423" s="64"/>
      <c r="E3423" s="64"/>
      <c r="F3423" s="55"/>
      <c r="G3423" s="102"/>
      <c r="H3423" s="97"/>
      <c r="T3423" s="98"/>
      <c r="U3423" s="97"/>
      <c r="AG3423" s="98"/>
      <c r="AY3423" s="164"/>
      <c r="BK3423" s="98"/>
      <c r="BL3423" s="97"/>
      <c r="BX3423" s="98"/>
      <c r="CL3423" s="97"/>
      <c r="CX3423" s="98"/>
      <c r="DL3423" s="97"/>
      <c r="DX3423" s="98"/>
      <c r="EL3423" s="97"/>
      <c r="EX3423" s="98"/>
      <c r="EY3423" s="97"/>
      <c r="FL3423" s="126"/>
      <c r="FM3423" s="91"/>
      <c r="FN3423" s="91"/>
      <c r="FO3423" s="91"/>
      <c r="FP3423" s="91"/>
      <c r="FQ3423" s="91"/>
      <c r="FR3423" s="91"/>
      <c r="FS3423" s="91"/>
      <c r="FT3423" s="91"/>
      <c r="FU3423" s="91"/>
      <c r="FV3423" s="91"/>
      <c r="FW3423" s="91"/>
      <c r="FX3423" s="127"/>
      <c r="FY3423" s="126"/>
      <c r="FZ3423" s="91"/>
      <c r="GA3423" s="91"/>
      <c r="GB3423" s="91"/>
      <c r="GC3423" s="91"/>
      <c r="GD3423" s="91"/>
      <c r="GE3423" s="91"/>
      <c r="GF3423" s="91"/>
      <c r="GG3423" s="91"/>
      <c r="GH3423" s="91"/>
      <c r="GI3423" s="91"/>
      <c r="GJ3423" s="91"/>
      <c r="GK3423" s="127"/>
      <c r="GL3423" s="126"/>
      <c r="GM3423" s="91"/>
      <c r="GN3423" s="91"/>
      <c r="GO3423" s="91"/>
      <c r="GP3423" s="91"/>
      <c r="GQ3423" s="91"/>
      <c r="GR3423" s="91"/>
      <c r="GS3423" s="91"/>
      <c r="GT3423" s="91"/>
      <c r="GU3423" s="91"/>
      <c r="GV3423" s="91"/>
      <c r="GW3423" s="91"/>
      <c r="GX3423" s="127"/>
      <c r="GY3423" s="126"/>
      <c r="GZ3423" s="91"/>
      <c r="HA3423" s="91"/>
      <c r="HB3423" s="91"/>
      <c r="HC3423" s="91"/>
      <c r="HD3423" s="91"/>
      <c r="HE3423" s="91"/>
      <c r="HF3423" s="91"/>
      <c r="HG3423" s="91"/>
      <c r="HH3423" s="91"/>
      <c r="HI3423" s="91"/>
      <c r="HJ3423" s="91"/>
      <c r="HK3423" s="127"/>
      <c r="HL3423" s="126"/>
      <c r="HM3423" s="91"/>
      <c r="HN3423" s="91"/>
      <c r="HO3423" s="91"/>
      <c r="HP3423" s="91"/>
      <c r="HQ3423" s="91"/>
      <c r="HR3423" s="91"/>
      <c r="HS3423" s="91"/>
      <c r="HT3423" s="91"/>
      <c r="HU3423" s="91"/>
      <c r="HV3423" s="91"/>
      <c r="HW3423" s="91"/>
      <c r="HX3423" s="127"/>
      <c r="HY3423" s="126"/>
      <c r="HZ3423" s="91"/>
      <c r="IA3423" s="91"/>
      <c r="IB3423" s="91"/>
      <c r="IC3423" s="91"/>
      <c r="ID3423" s="91"/>
      <c r="IE3423" s="91"/>
      <c r="IF3423" s="91"/>
      <c r="IG3423" s="91"/>
      <c r="IH3423" s="91"/>
      <c r="II3423" s="91"/>
      <c r="IJ3423" s="91"/>
      <c r="IK3423" s="174"/>
    </row>
    <row r="3424" spans="2:245" x14ac:dyDescent="0.2">
      <c r="B3424" s="43"/>
      <c r="C3424" s="73"/>
      <c r="D3424" s="64"/>
      <c r="E3424" s="64"/>
      <c r="F3424" s="55"/>
      <c r="G3424" s="102"/>
      <c r="H3424" s="97"/>
      <c r="T3424" s="98"/>
      <c r="U3424" s="97"/>
      <c r="AG3424" s="98"/>
      <c r="AY3424" s="164"/>
      <c r="BK3424" s="98"/>
      <c r="BL3424" s="97"/>
      <c r="BX3424" s="98"/>
      <c r="CL3424" s="97"/>
      <c r="CX3424" s="98"/>
      <c r="DL3424" s="97"/>
      <c r="DX3424" s="98"/>
      <c r="EL3424" s="97"/>
      <c r="EX3424" s="98"/>
      <c r="EY3424" s="97"/>
      <c r="FL3424" s="126"/>
      <c r="FM3424" s="91"/>
      <c r="FN3424" s="91"/>
      <c r="FO3424" s="91"/>
      <c r="FP3424" s="91"/>
      <c r="FQ3424" s="91"/>
      <c r="FR3424" s="91"/>
      <c r="FS3424" s="91"/>
      <c r="FT3424" s="91"/>
      <c r="FU3424" s="91"/>
      <c r="FV3424" s="91"/>
      <c r="FW3424" s="91"/>
      <c r="FX3424" s="127"/>
      <c r="FY3424" s="126"/>
      <c r="FZ3424" s="91"/>
      <c r="GA3424" s="91"/>
      <c r="GB3424" s="91"/>
      <c r="GC3424" s="91"/>
      <c r="GD3424" s="91"/>
      <c r="GE3424" s="91"/>
      <c r="GF3424" s="91"/>
      <c r="GG3424" s="91"/>
      <c r="GH3424" s="91"/>
      <c r="GI3424" s="91"/>
      <c r="GJ3424" s="91"/>
      <c r="GK3424" s="127"/>
      <c r="GL3424" s="126"/>
      <c r="GM3424" s="91"/>
      <c r="GN3424" s="91"/>
      <c r="GO3424" s="91"/>
      <c r="GP3424" s="91"/>
      <c r="GQ3424" s="91"/>
      <c r="GR3424" s="91"/>
      <c r="GS3424" s="91"/>
      <c r="GT3424" s="91"/>
      <c r="GU3424" s="91"/>
      <c r="GV3424" s="91"/>
      <c r="GW3424" s="91"/>
      <c r="GX3424" s="127"/>
      <c r="GY3424" s="126"/>
      <c r="GZ3424" s="91"/>
      <c r="HA3424" s="91"/>
      <c r="HB3424" s="91"/>
      <c r="HC3424" s="91"/>
      <c r="HD3424" s="91"/>
      <c r="HE3424" s="91"/>
      <c r="HF3424" s="91"/>
      <c r="HG3424" s="91"/>
      <c r="HH3424" s="91"/>
      <c r="HI3424" s="91"/>
      <c r="HJ3424" s="91"/>
      <c r="HK3424" s="127"/>
      <c r="HL3424" s="126"/>
      <c r="HM3424" s="91"/>
      <c r="HN3424" s="91"/>
      <c r="HO3424" s="91"/>
      <c r="HP3424" s="91"/>
      <c r="HQ3424" s="91"/>
      <c r="HR3424" s="91"/>
      <c r="HS3424" s="91"/>
      <c r="HT3424" s="91"/>
      <c r="HU3424" s="91"/>
      <c r="HV3424" s="91"/>
      <c r="HW3424" s="91"/>
      <c r="HX3424" s="127"/>
      <c r="HY3424" s="126"/>
      <c r="HZ3424" s="91"/>
      <c r="IA3424" s="91"/>
      <c r="IB3424" s="91"/>
      <c r="IC3424" s="91"/>
      <c r="ID3424" s="91"/>
      <c r="IE3424" s="91"/>
      <c r="IF3424" s="91"/>
      <c r="IG3424" s="91"/>
      <c r="IH3424" s="91"/>
      <c r="II3424" s="91"/>
      <c r="IJ3424" s="91"/>
      <c r="IK3424" s="174"/>
    </row>
    <row r="3425" spans="2:245" x14ac:dyDescent="0.2">
      <c r="B3425" s="43"/>
      <c r="C3425" s="73"/>
      <c r="D3425" s="64"/>
      <c r="E3425" s="64"/>
      <c r="F3425" s="55"/>
      <c r="G3425" s="102"/>
      <c r="H3425" s="97"/>
      <c r="T3425" s="98"/>
      <c r="U3425" s="97"/>
      <c r="AG3425" s="98"/>
      <c r="AY3425" s="164"/>
      <c r="BK3425" s="98"/>
      <c r="BL3425" s="97"/>
      <c r="BX3425" s="98"/>
      <c r="CL3425" s="97"/>
      <c r="CX3425" s="98"/>
      <c r="DL3425" s="97"/>
      <c r="DX3425" s="98"/>
      <c r="EL3425" s="97"/>
      <c r="EX3425" s="98"/>
      <c r="EY3425" s="97"/>
      <c r="FL3425" s="126"/>
      <c r="FM3425" s="91"/>
      <c r="FN3425" s="91"/>
      <c r="FO3425" s="91"/>
      <c r="FP3425" s="91"/>
      <c r="FQ3425" s="91"/>
      <c r="FR3425" s="91"/>
      <c r="FS3425" s="91"/>
      <c r="FT3425" s="91"/>
      <c r="FU3425" s="91"/>
      <c r="FV3425" s="91"/>
      <c r="FW3425" s="91"/>
      <c r="FX3425" s="127"/>
      <c r="FY3425" s="126"/>
      <c r="FZ3425" s="91"/>
      <c r="GA3425" s="91"/>
      <c r="GB3425" s="91"/>
      <c r="GC3425" s="91"/>
      <c r="GD3425" s="91"/>
      <c r="GE3425" s="91"/>
      <c r="GF3425" s="91"/>
      <c r="GG3425" s="91"/>
      <c r="GH3425" s="91"/>
      <c r="GI3425" s="91"/>
      <c r="GJ3425" s="91"/>
      <c r="GK3425" s="127"/>
      <c r="GL3425" s="126"/>
      <c r="GM3425" s="91"/>
      <c r="GN3425" s="91"/>
      <c r="GO3425" s="91"/>
      <c r="GP3425" s="91"/>
      <c r="GQ3425" s="91"/>
      <c r="GR3425" s="91"/>
      <c r="GS3425" s="91"/>
      <c r="GT3425" s="91"/>
      <c r="GU3425" s="91"/>
      <c r="GV3425" s="91"/>
      <c r="GW3425" s="91"/>
      <c r="GX3425" s="127"/>
      <c r="GY3425" s="126"/>
      <c r="GZ3425" s="91"/>
      <c r="HA3425" s="91"/>
      <c r="HB3425" s="91"/>
      <c r="HC3425" s="91"/>
      <c r="HD3425" s="91"/>
      <c r="HE3425" s="91"/>
      <c r="HF3425" s="91"/>
      <c r="HG3425" s="91"/>
      <c r="HH3425" s="91"/>
      <c r="HI3425" s="91"/>
      <c r="HJ3425" s="91"/>
      <c r="HK3425" s="127"/>
      <c r="HL3425" s="126"/>
      <c r="HM3425" s="91"/>
      <c r="HN3425" s="91"/>
      <c r="HO3425" s="91"/>
      <c r="HP3425" s="91"/>
      <c r="HQ3425" s="91"/>
      <c r="HR3425" s="91"/>
      <c r="HS3425" s="91"/>
      <c r="HT3425" s="91"/>
      <c r="HU3425" s="91"/>
      <c r="HV3425" s="91"/>
      <c r="HW3425" s="91"/>
      <c r="HX3425" s="127"/>
      <c r="HY3425" s="126"/>
      <c r="HZ3425" s="91"/>
      <c r="IA3425" s="91"/>
      <c r="IB3425" s="91"/>
      <c r="IC3425" s="91"/>
      <c r="ID3425" s="91"/>
      <c r="IE3425" s="91"/>
      <c r="IF3425" s="91"/>
      <c r="IG3425" s="91"/>
      <c r="IH3425" s="91"/>
      <c r="II3425" s="91"/>
      <c r="IJ3425" s="91"/>
      <c r="IK3425" s="174"/>
    </row>
    <row r="3426" spans="2:245" x14ac:dyDescent="0.2">
      <c r="B3426" s="43"/>
      <c r="C3426" s="73"/>
      <c r="D3426" s="64"/>
      <c r="E3426" s="64"/>
      <c r="F3426" s="55"/>
      <c r="G3426" s="102"/>
      <c r="H3426" s="97"/>
      <c r="T3426" s="98"/>
      <c r="U3426" s="97"/>
      <c r="AG3426" s="98"/>
      <c r="AY3426" s="164"/>
      <c r="BK3426" s="98"/>
      <c r="BL3426" s="97"/>
      <c r="BX3426" s="98"/>
      <c r="CL3426" s="97"/>
      <c r="CX3426" s="98"/>
      <c r="DL3426" s="97"/>
      <c r="DX3426" s="98"/>
      <c r="EL3426" s="97"/>
      <c r="EX3426" s="98"/>
      <c r="EY3426" s="97"/>
      <c r="FL3426" s="126"/>
      <c r="FM3426" s="91"/>
      <c r="FN3426" s="91"/>
      <c r="FO3426" s="91"/>
      <c r="FP3426" s="91"/>
      <c r="FQ3426" s="91"/>
      <c r="FR3426" s="91"/>
      <c r="FS3426" s="91"/>
      <c r="FT3426" s="91"/>
      <c r="FU3426" s="91"/>
      <c r="FV3426" s="91"/>
      <c r="FW3426" s="91"/>
      <c r="FX3426" s="127"/>
      <c r="FY3426" s="126"/>
      <c r="FZ3426" s="91"/>
      <c r="GA3426" s="91"/>
      <c r="GB3426" s="91"/>
      <c r="GC3426" s="91"/>
      <c r="GD3426" s="91"/>
      <c r="GE3426" s="91"/>
      <c r="GF3426" s="91"/>
      <c r="GG3426" s="91"/>
      <c r="GH3426" s="91"/>
      <c r="GI3426" s="91"/>
      <c r="GJ3426" s="91"/>
      <c r="GK3426" s="127"/>
      <c r="GL3426" s="126"/>
      <c r="GM3426" s="91"/>
      <c r="GN3426" s="91"/>
      <c r="GO3426" s="91"/>
      <c r="GP3426" s="91"/>
      <c r="GQ3426" s="91"/>
      <c r="GR3426" s="91"/>
      <c r="GS3426" s="91"/>
      <c r="GT3426" s="91"/>
      <c r="GU3426" s="91"/>
      <c r="GV3426" s="91"/>
      <c r="GW3426" s="91"/>
      <c r="GX3426" s="127"/>
      <c r="GY3426" s="126"/>
      <c r="GZ3426" s="91"/>
      <c r="HA3426" s="91"/>
      <c r="HB3426" s="91"/>
      <c r="HC3426" s="91"/>
      <c r="HD3426" s="91"/>
      <c r="HE3426" s="91"/>
      <c r="HF3426" s="91"/>
      <c r="HG3426" s="91"/>
      <c r="HH3426" s="91"/>
      <c r="HI3426" s="91"/>
      <c r="HJ3426" s="91"/>
      <c r="HK3426" s="127"/>
      <c r="HL3426" s="126"/>
      <c r="HM3426" s="91"/>
      <c r="HN3426" s="91"/>
      <c r="HO3426" s="91"/>
      <c r="HP3426" s="91"/>
      <c r="HQ3426" s="91"/>
      <c r="HR3426" s="91"/>
      <c r="HS3426" s="91"/>
      <c r="HT3426" s="91"/>
      <c r="HU3426" s="91"/>
      <c r="HV3426" s="91"/>
      <c r="HW3426" s="91"/>
      <c r="HX3426" s="127"/>
      <c r="HY3426" s="126"/>
      <c r="HZ3426" s="91"/>
      <c r="IA3426" s="91"/>
      <c r="IB3426" s="91"/>
      <c r="IC3426" s="91"/>
      <c r="ID3426" s="91"/>
      <c r="IE3426" s="91"/>
      <c r="IF3426" s="91"/>
      <c r="IG3426" s="91"/>
      <c r="IH3426" s="91"/>
      <c r="II3426" s="91"/>
      <c r="IJ3426" s="91"/>
      <c r="IK3426" s="174"/>
    </row>
    <row r="3427" spans="2:245" x14ac:dyDescent="0.2">
      <c r="B3427" s="43"/>
      <c r="C3427" s="73"/>
      <c r="D3427" s="64"/>
      <c r="E3427" s="64"/>
      <c r="F3427" s="55"/>
      <c r="G3427" s="102"/>
      <c r="H3427" s="97"/>
      <c r="T3427" s="98"/>
      <c r="U3427" s="97"/>
      <c r="AG3427" s="98"/>
      <c r="AY3427" s="164"/>
      <c r="BK3427" s="98"/>
      <c r="BL3427" s="97"/>
      <c r="BX3427" s="98"/>
      <c r="CL3427" s="97"/>
      <c r="CX3427" s="98"/>
      <c r="DL3427" s="97"/>
      <c r="DX3427" s="98"/>
      <c r="EL3427" s="97"/>
      <c r="EX3427" s="98"/>
      <c r="EY3427" s="97"/>
      <c r="FL3427" s="126"/>
      <c r="FM3427" s="91"/>
      <c r="FN3427" s="91"/>
      <c r="FO3427" s="91"/>
      <c r="FP3427" s="91"/>
      <c r="FQ3427" s="91"/>
      <c r="FR3427" s="91"/>
      <c r="FS3427" s="91"/>
      <c r="FT3427" s="91"/>
      <c r="FU3427" s="91"/>
      <c r="FV3427" s="91"/>
      <c r="FW3427" s="91"/>
      <c r="FX3427" s="127"/>
      <c r="FY3427" s="126"/>
      <c r="FZ3427" s="91"/>
      <c r="GA3427" s="91"/>
      <c r="GB3427" s="91"/>
      <c r="GC3427" s="91"/>
      <c r="GD3427" s="91"/>
      <c r="GE3427" s="91"/>
      <c r="GF3427" s="91"/>
      <c r="GG3427" s="91"/>
      <c r="GH3427" s="91"/>
      <c r="GI3427" s="91"/>
      <c r="GJ3427" s="91"/>
      <c r="GK3427" s="127"/>
      <c r="GL3427" s="126"/>
      <c r="GM3427" s="91"/>
      <c r="GN3427" s="91"/>
      <c r="GO3427" s="91"/>
      <c r="GP3427" s="91"/>
      <c r="GQ3427" s="91"/>
      <c r="GR3427" s="91"/>
      <c r="GS3427" s="91"/>
      <c r="GT3427" s="91"/>
      <c r="GU3427" s="91"/>
      <c r="GV3427" s="91"/>
      <c r="GW3427" s="91"/>
      <c r="GX3427" s="127"/>
      <c r="GY3427" s="126"/>
      <c r="GZ3427" s="91"/>
      <c r="HA3427" s="91"/>
      <c r="HB3427" s="91"/>
      <c r="HC3427" s="91"/>
      <c r="HD3427" s="91"/>
      <c r="HE3427" s="91"/>
      <c r="HF3427" s="91"/>
      <c r="HG3427" s="91"/>
      <c r="HH3427" s="91"/>
      <c r="HI3427" s="91"/>
      <c r="HJ3427" s="91"/>
      <c r="HK3427" s="127"/>
      <c r="HL3427" s="126"/>
      <c r="HM3427" s="91"/>
      <c r="HN3427" s="91"/>
      <c r="HO3427" s="91"/>
      <c r="HP3427" s="91"/>
      <c r="HQ3427" s="91"/>
      <c r="HR3427" s="91"/>
      <c r="HS3427" s="91"/>
      <c r="HT3427" s="91"/>
      <c r="HU3427" s="91"/>
      <c r="HV3427" s="91"/>
      <c r="HW3427" s="91"/>
      <c r="HX3427" s="127"/>
      <c r="HY3427" s="126"/>
      <c r="HZ3427" s="91"/>
      <c r="IA3427" s="91"/>
      <c r="IB3427" s="91"/>
      <c r="IC3427" s="91"/>
      <c r="ID3427" s="91"/>
      <c r="IE3427" s="91"/>
      <c r="IF3427" s="91"/>
      <c r="IG3427" s="91"/>
      <c r="IH3427" s="91"/>
      <c r="II3427" s="91"/>
      <c r="IJ3427" s="91"/>
      <c r="IK3427" s="174"/>
    </row>
    <row r="3428" spans="2:245" x14ac:dyDescent="0.2">
      <c r="B3428" s="43"/>
      <c r="C3428" s="73"/>
      <c r="D3428" s="64"/>
      <c r="E3428" s="64"/>
      <c r="F3428" s="55"/>
      <c r="G3428" s="102"/>
      <c r="H3428" s="97"/>
      <c r="T3428" s="98"/>
      <c r="U3428" s="97"/>
      <c r="AG3428" s="98"/>
      <c r="AY3428" s="164"/>
      <c r="BK3428" s="98"/>
      <c r="BL3428" s="97"/>
      <c r="BX3428" s="98"/>
      <c r="CL3428" s="97"/>
      <c r="CX3428" s="98"/>
      <c r="DL3428" s="97"/>
      <c r="DX3428" s="98"/>
      <c r="EL3428" s="97"/>
      <c r="EX3428" s="98"/>
      <c r="EY3428" s="97"/>
      <c r="FL3428" s="126"/>
      <c r="FM3428" s="91"/>
      <c r="FN3428" s="91"/>
      <c r="FO3428" s="91"/>
      <c r="FP3428" s="91"/>
      <c r="FQ3428" s="91"/>
      <c r="FR3428" s="91"/>
      <c r="FS3428" s="91"/>
      <c r="FT3428" s="91"/>
      <c r="FU3428" s="91"/>
      <c r="FV3428" s="91"/>
      <c r="FW3428" s="91"/>
      <c r="FX3428" s="127"/>
      <c r="FY3428" s="126"/>
      <c r="FZ3428" s="91"/>
      <c r="GA3428" s="91"/>
      <c r="GB3428" s="91"/>
      <c r="GC3428" s="91"/>
      <c r="GD3428" s="91"/>
      <c r="GE3428" s="91"/>
      <c r="GF3428" s="91"/>
      <c r="GG3428" s="91"/>
      <c r="GH3428" s="91"/>
      <c r="GI3428" s="91"/>
      <c r="GJ3428" s="91"/>
      <c r="GK3428" s="127"/>
      <c r="GL3428" s="126"/>
      <c r="GM3428" s="91"/>
      <c r="GN3428" s="91"/>
      <c r="GO3428" s="91"/>
      <c r="GP3428" s="91"/>
      <c r="GQ3428" s="91"/>
      <c r="GR3428" s="91"/>
      <c r="GS3428" s="91"/>
      <c r="GT3428" s="91"/>
      <c r="GU3428" s="91"/>
      <c r="GV3428" s="91"/>
      <c r="GW3428" s="91"/>
      <c r="GX3428" s="127"/>
      <c r="GY3428" s="126"/>
      <c r="GZ3428" s="91"/>
      <c r="HA3428" s="91"/>
      <c r="HB3428" s="91"/>
      <c r="HC3428" s="91"/>
      <c r="HD3428" s="91"/>
      <c r="HE3428" s="91"/>
      <c r="HF3428" s="91"/>
      <c r="HG3428" s="91"/>
      <c r="HH3428" s="91"/>
      <c r="HI3428" s="91"/>
      <c r="HJ3428" s="91"/>
      <c r="HK3428" s="127"/>
      <c r="HL3428" s="126"/>
      <c r="HM3428" s="91"/>
      <c r="HN3428" s="91"/>
      <c r="HO3428" s="91"/>
      <c r="HP3428" s="91"/>
      <c r="HQ3428" s="91"/>
      <c r="HR3428" s="91"/>
      <c r="HS3428" s="91"/>
      <c r="HT3428" s="91"/>
      <c r="HU3428" s="91"/>
      <c r="HV3428" s="91"/>
      <c r="HW3428" s="91"/>
      <c r="HX3428" s="127"/>
      <c r="HY3428" s="126"/>
      <c r="HZ3428" s="91"/>
      <c r="IA3428" s="91"/>
      <c r="IB3428" s="91"/>
      <c r="IC3428" s="91"/>
      <c r="ID3428" s="91"/>
      <c r="IE3428" s="91"/>
      <c r="IF3428" s="91"/>
      <c r="IG3428" s="91"/>
      <c r="IH3428" s="91"/>
      <c r="II3428" s="91"/>
      <c r="IJ3428" s="91"/>
      <c r="IK3428" s="174"/>
    </row>
    <row r="3429" spans="2:245" x14ac:dyDescent="0.2">
      <c r="B3429" s="43"/>
      <c r="C3429" s="73"/>
      <c r="D3429" s="64"/>
      <c r="E3429" s="64"/>
      <c r="F3429" s="55"/>
      <c r="G3429" s="102"/>
      <c r="H3429" s="97"/>
      <c r="T3429" s="98"/>
      <c r="U3429" s="97"/>
      <c r="AG3429" s="98"/>
      <c r="AY3429" s="164"/>
      <c r="BK3429" s="98"/>
      <c r="BL3429" s="97"/>
      <c r="BX3429" s="98"/>
      <c r="CL3429" s="97"/>
      <c r="CX3429" s="98"/>
      <c r="DL3429" s="97"/>
      <c r="DX3429" s="98"/>
      <c r="EL3429" s="97"/>
      <c r="EX3429" s="98"/>
      <c r="EY3429" s="97"/>
      <c r="FL3429" s="126"/>
      <c r="FM3429" s="91"/>
      <c r="FN3429" s="91"/>
      <c r="FO3429" s="91"/>
      <c r="FP3429" s="91"/>
      <c r="FQ3429" s="91"/>
      <c r="FR3429" s="91"/>
      <c r="FS3429" s="91"/>
      <c r="FT3429" s="91"/>
      <c r="FU3429" s="91"/>
      <c r="FV3429" s="91"/>
      <c r="FW3429" s="91"/>
      <c r="FX3429" s="127"/>
      <c r="FY3429" s="126"/>
      <c r="FZ3429" s="91"/>
      <c r="GA3429" s="91"/>
      <c r="GB3429" s="91"/>
      <c r="GC3429" s="91"/>
      <c r="GD3429" s="91"/>
      <c r="GE3429" s="91"/>
      <c r="GF3429" s="91"/>
      <c r="GG3429" s="91"/>
      <c r="GH3429" s="91"/>
      <c r="GI3429" s="91"/>
      <c r="GJ3429" s="91"/>
      <c r="GK3429" s="127"/>
      <c r="GL3429" s="126"/>
      <c r="GM3429" s="91"/>
      <c r="GN3429" s="91"/>
      <c r="GO3429" s="91"/>
      <c r="GP3429" s="91"/>
      <c r="GQ3429" s="91"/>
      <c r="GR3429" s="91"/>
      <c r="GS3429" s="91"/>
      <c r="GT3429" s="91"/>
      <c r="GU3429" s="91"/>
      <c r="GV3429" s="91"/>
      <c r="GW3429" s="91"/>
      <c r="GX3429" s="127"/>
      <c r="GY3429" s="126"/>
      <c r="GZ3429" s="91"/>
      <c r="HA3429" s="91"/>
      <c r="HB3429" s="91"/>
      <c r="HC3429" s="91"/>
      <c r="HD3429" s="91"/>
      <c r="HE3429" s="91"/>
      <c r="HF3429" s="91"/>
      <c r="HG3429" s="91"/>
      <c r="HH3429" s="91"/>
      <c r="HI3429" s="91"/>
      <c r="HJ3429" s="91"/>
      <c r="HK3429" s="127"/>
      <c r="HL3429" s="126"/>
      <c r="HM3429" s="91"/>
      <c r="HN3429" s="91"/>
      <c r="HO3429" s="91"/>
      <c r="HP3429" s="91"/>
      <c r="HQ3429" s="91"/>
      <c r="HR3429" s="91"/>
      <c r="HS3429" s="91"/>
      <c r="HT3429" s="91"/>
      <c r="HU3429" s="91"/>
      <c r="HV3429" s="91"/>
      <c r="HW3429" s="91"/>
      <c r="HX3429" s="127"/>
      <c r="HY3429" s="126"/>
      <c r="HZ3429" s="91"/>
      <c r="IA3429" s="91"/>
      <c r="IB3429" s="91"/>
      <c r="IC3429" s="91"/>
      <c r="ID3429" s="91"/>
      <c r="IE3429" s="91"/>
      <c r="IF3429" s="91"/>
      <c r="IG3429" s="91"/>
      <c r="IH3429" s="91"/>
      <c r="II3429" s="91"/>
      <c r="IJ3429" s="91"/>
      <c r="IK3429" s="174"/>
    </row>
    <row r="3430" spans="2:245" x14ac:dyDescent="0.2">
      <c r="B3430" s="43"/>
      <c r="C3430" s="73"/>
      <c r="D3430" s="64"/>
      <c r="E3430" s="64"/>
      <c r="F3430" s="55"/>
      <c r="G3430" s="102"/>
      <c r="H3430" s="97"/>
      <c r="T3430" s="98"/>
      <c r="U3430" s="97"/>
      <c r="AG3430" s="98"/>
      <c r="AY3430" s="164"/>
      <c r="BK3430" s="98"/>
      <c r="BL3430" s="97"/>
      <c r="BX3430" s="98"/>
      <c r="CL3430" s="97"/>
      <c r="CX3430" s="98"/>
      <c r="DL3430" s="97"/>
      <c r="DX3430" s="98"/>
      <c r="EL3430" s="97"/>
      <c r="EX3430" s="98"/>
      <c r="EY3430" s="97"/>
      <c r="FL3430" s="126"/>
      <c r="FM3430" s="91"/>
      <c r="FN3430" s="91"/>
      <c r="FO3430" s="91"/>
      <c r="FP3430" s="91"/>
      <c r="FQ3430" s="91"/>
      <c r="FR3430" s="91"/>
      <c r="FS3430" s="91"/>
      <c r="FT3430" s="91"/>
      <c r="FU3430" s="91"/>
      <c r="FV3430" s="91"/>
      <c r="FW3430" s="91"/>
      <c r="FX3430" s="127"/>
      <c r="FY3430" s="126"/>
      <c r="FZ3430" s="91"/>
      <c r="GA3430" s="91"/>
      <c r="GB3430" s="91"/>
      <c r="GC3430" s="91"/>
      <c r="GD3430" s="91"/>
      <c r="GE3430" s="91"/>
      <c r="GF3430" s="91"/>
      <c r="GG3430" s="91"/>
      <c r="GH3430" s="91"/>
      <c r="GI3430" s="91"/>
      <c r="GJ3430" s="91"/>
      <c r="GK3430" s="127"/>
      <c r="GL3430" s="126"/>
      <c r="GM3430" s="91"/>
      <c r="GN3430" s="91"/>
      <c r="GO3430" s="91"/>
      <c r="GP3430" s="91"/>
      <c r="GQ3430" s="91"/>
      <c r="GR3430" s="91"/>
      <c r="GS3430" s="91"/>
      <c r="GT3430" s="91"/>
      <c r="GU3430" s="91"/>
      <c r="GV3430" s="91"/>
      <c r="GW3430" s="91"/>
      <c r="GX3430" s="127"/>
      <c r="GY3430" s="126"/>
      <c r="GZ3430" s="91"/>
      <c r="HA3430" s="91"/>
      <c r="HB3430" s="91"/>
      <c r="HC3430" s="91"/>
      <c r="HD3430" s="91"/>
      <c r="HE3430" s="91"/>
      <c r="HF3430" s="91"/>
      <c r="HG3430" s="91"/>
      <c r="HH3430" s="91"/>
      <c r="HI3430" s="91"/>
      <c r="HJ3430" s="91"/>
      <c r="HK3430" s="127"/>
      <c r="HL3430" s="126"/>
      <c r="HM3430" s="91"/>
      <c r="HN3430" s="91"/>
      <c r="HO3430" s="91"/>
      <c r="HP3430" s="91"/>
      <c r="HQ3430" s="91"/>
      <c r="HR3430" s="91"/>
      <c r="HS3430" s="91"/>
      <c r="HT3430" s="91"/>
      <c r="HU3430" s="91"/>
      <c r="HV3430" s="91"/>
      <c r="HW3430" s="91"/>
      <c r="HX3430" s="127"/>
      <c r="HY3430" s="126"/>
      <c r="HZ3430" s="91"/>
      <c r="IA3430" s="91"/>
      <c r="IB3430" s="91"/>
      <c r="IC3430" s="91"/>
      <c r="ID3430" s="91"/>
      <c r="IE3430" s="91"/>
      <c r="IF3430" s="91"/>
      <c r="IG3430" s="91"/>
      <c r="IH3430" s="91"/>
      <c r="II3430" s="91"/>
      <c r="IJ3430" s="91"/>
      <c r="IK3430" s="174"/>
    </row>
    <row r="3431" spans="2:245" x14ac:dyDescent="0.2">
      <c r="B3431" s="43"/>
      <c r="C3431" s="73"/>
      <c r="D3431" s="64"/>
      <c r="E3431" s="64"/>
      <c r="F3431" s="55"/>
      <c r="G3431" s="102"/>
      <c r="H3431" s="97"/>
      <c r="T3431" s="98"/>
      <c r="U3431" s="97"/>
      <c r="AG3431" s="98"/>
      <c r="AY3431" s="164"/>
      <c r="BK3431" s="98"/>
      <c r="BL3431" s="97"/>
      <c r="BX3431" s="98"/>
      <c r="CL3431" s="97"/>
      <c r="CX3431" s="98"/>
      <c r="DL3431" s="97"/>
      <c r="DX3431" s="98"/>
      <c r="EL3431" s="97"/>
      <c r="EX3431" s="98"/>
      <c r="EY3431" s="97"/>
      <c r="FL3431" s="126"/>
      <c r="FM3431" s="91"/>
      <c r="FN3431" s="91"/>
      <c r="FO3431" s="91"/>
      <c r="FP3431" s="91"/>
      <c r="FQ3431" s="91"/>
      <c r="FR3431" s="91"/>
      <c r="FS3431" s="91"/>
      <c r="FT3431" s="91"/>
      <c r="FU3431" s="91"/>
      <c r="FV3431" s="91"/>
      <c r="FW3431" s="91"/>
      <c r="FX3431" s="127"/>
      <c r="FY3431" s="126"/>
      <c r="FZ3431" s="91"/>
      <c r="GA3431" s="91"/>
      <c r="GB3431" s="91"/>
      <c r="GC3431" s="91"/>
      <c r="GD3431" s="91"/>
      <c r="GE3431" s="91"/>
      <c r="GF3431" s="91"/>
      <c r="GG3431" s="91"/>
      <c r="GH3431" s="91"/>
      <c r="GI3431" s="91"/>
      <c r="GJ3431" s="91"/>
      <c r="GK3431" s="127"/>
      <c r="GL3431" s="126"/>
      <c r="GM3431" s="91"/>
      <c r="GN3431" s="91"/>
      <c r="GO3431" s="91"/>
      <c r="GP3431" s="91"/>
      <c r="GQ3431" s="91"/>
      <c r="GR3431" s="91"/>
      <c r="GS3431" s="91"/>
      <c r="GT3431" s="91"/>
      <c r="GU3431" s="91"/>
      <c r="GV3431" s="91"/>
      <c r="GW3431" s="91"/>
      <c r="GX3431" s="127"/>
      <c r="GY3431" s="126"/>
      <c r="GZ3431" s="91"/>
      <c r="HA3431" s="91"/>
      <c r="HB3431" s="91"/>
      <c r="HC3431" s="91"/>
      <c r="HD3431" s="91"/>
      <c r="HE3431" s="91"/>
      <c r="HF3431" s="91"/>
      <c r="HG3431" s="91"/>
      <c r="HH3431" s="91"/>
      <c r="HI3431" s="91"/>
      <c r="HJ3431" s="91"/>
      <c r="HK3431" s="127"/>
      <c r="HL3431" s="126"/>
      <c r="HM3431" s="91"/>
      <c r="HN3431" s="91"/>
      <c r="HO3431" s="91"/>
      <c r="HP3431" s="91"/>
      <c r="HQ3431" s="91"/>
      <c r="HR3431" s="91"/>
      <c r="HS3431" s="91"/>
      <c r="HT3431" s="91"/>
      <c r="HU3431" s="91"/>
      <c r="HV3431" s="91"/>
      <c r="HW3431" s="91"/>
      <c r="HX3431" s="127"/>
      <c r="HY3431" s="126"/>
      <c r="HZ3431" s="91"/>
      <c r="IA3431" s="91"/>
      <c r="IB3431" s="91"/>
      <c r="IC3431" s="91"/>
      <c r="ID3431" s="91"/>
      <c r="IE3431" s="91"/>
      <c r="IF3431" s="91"/>
      <c r="IG3431" s="91"/>
      <c r="IH3431" s="91"/>
      <c r="II3431" s="91"/>
      <c r="IJ3431" s="91"/>
      <c r="IK3431" s="174"/>
    </row>
    <row r="3432" spans="2:245" x14ac:dyDescent="0.2">
      <c r="B3432" s="43"/>
      <c r="C3432" s="73"/>
      <c r="D3432" s="64"/>
      <c r="E3432" s="64"/>
      <c r="F3432" s="55"/>
      <c r="G3432" s="102"/>
      <c r="H3432" s="97"/>
      <c r="T3432" s="98"/>
      <c r="U3432" s="97"/>
      <c r="AG3432" s="98"/>
      <c r="AY3432" s="164"/>
      <c r="BK3432" s="98"/>
      <c r="BL3432" s="97"/>
      <c r="BX3432" s="98"/>
      <c r="CL3432" s="97"/>
      <c r="CX3432" s="98"/>
      <c r="DL3432" s="97"/>
      <c r="DX3432" s="98"/>
      <c r="EL3432" s="97"/>
      <c r="EX3432" s="98"/>
      <c r="EY3432" s="97"/>
      <c r="FL3432" s="126"/>
      <c r="FM3432" s="91"/>
      <c r="FN3432" s="91"/>
      <c r="FO3432" s="91"/>
      <c r="FP3432" s="91"/>
      <c r="FQ3432" s="91"/>
      <c r="FR3432" s="91"/>
      <c r="FS3432" s="91"/>
      <c r="FT3432" s="91"/>
      <c r="FU3432" s="91"/>
      <c r="FV3432" s="91"/>
      <c r="FW3432" s="91"/>
      <c r="FX3432" s="127"/>
      <c r="FY3432" s="126"/>
      <c r="FZ3432" s="91"/>
      <c r="GA3432" s="91"/>
      <c r="GB3432" s="91"/>
      <c r="GC3432" s="91"/>
      <c r="GD3432" s="91"/>
      <c r="GE3432" s="91"/>
      <c r="GF3432" s="91"/>
      <c r="GG3432" s="91"/>
      <c r="GH3432" s="91"/>
      <c r="GI3432" s="91"/>
      <c r="GJ3432" s="91"/>
      <c r="GK3432" s="127"/>
      <c r="GL3432" s="126"/>
      <c r="GM3432" s="91"/>
      <c r="GN3432" s="91"/>
      <c r="GO3432" s="91"/>
      <c r="GP3432" s="91"/>
      <c r="GQ3432" s="91"/>
      <c r="GR3432" s="91"/>
      <c r="GS3432" s="91"/>
      <c r="GT3432" s="91"/>
      <c r="GU3432" s="91"/>
      <c r="GV3432" s="91"/>
      <c r="GW3432" s="91"/>
      <c r="GX3432" s="127"/>
      <c r="GY3432" s="126"/>
      <c r="GZ3432" s="91"/>
      <c r="HA3432" s="91"/>
      <c r="HB3432" s="91"/>
      <c r="HC3432" s="91"/>
      <c r="HD3432" s="91"/>
      <c r="HE3432" s="91"/>
      <c r="HF3432" s="91"/>
      <c r="HG3432" s="91"/>
      <c r="HH3432" s="91"/>
      <c r="HI3432" s="91"/>
      <c r="HJ3432" s="91"/>
      <c r="HK3432" s="127"/>
      <c r="HL3432" s="126"/>
      <c r="HM3432" s="91"/>
      <c r="HN3432" s="91"/>
      <c r="HO3432" s="91"/>
      <c r="HP3432" s="91"/>
      <c r="HQ3432" s="91"/>
      <c r="HR3432" s="91"/>
      <c r="HS3432" s="91"/>
      <c r="HT3432" s="91"/>
      <c r="HU3432" s="91"/>
      <c r="HV3432" s="91"/>
      <c r="HW3432" s="91"/>
      <c r="HX3432" s="127"/>
      <c r="HY3432" s="126"/>
      <c r="HZ3432" s="91"/>
      <c r="IA3432" s="91"/>
      <c r="IB3432" s="91"/>
      <c r="IC3432" s="91"/>
      <c r="ID3432" s="91"/>
      <c r="IE3432" s="91"/>
      <c r="IF3432" s="91"/>
      <c r="IG3432" s="91"/>
      <c r="IH3432" s="91"/>
      <c r="II3432" s="91"/>
      <c r="IJ3432" s="91"/>
      <c r="IK3432" s="174"/>
    </row>
    <row r="3433" spans="2:245" x14ac:dyDescent="0.2">
      <c r="B3433" s="43"/>
      <c r="C3433" s="73"/>
      <c r="D3433" s="64"/>
      <c r="E3433" s="64"/>
      <c r="F3433" s="55"/>
      <c r="G3433" s="102"/>
      <c r="H3433" s="97"/>
      <c r="T3433" s="98"/>
      <c r="U3433" s="97"/>
      <c r="AG3433" s="98"/>
      <c r="AY3433" s="164"/>
      <c r="BK3433" s="98"/>
      <c r="BL3433" s="97"/>
      <c r="BX3433" s="98"/>
      <c r="CL3433" s="97"/>
      <c r="CX3433" s="98"/>
      <c r="DL3433" s="97"/>
      <c r="DX3433" s="98"/>
      <c r="EL3433" s="97"/>
      <c r="EX3433" s="98"/>
      <c r="EY3433" s="97"/>
      <c r="FL3433" s="126"/>
      <c r="FM3433" s="91"/>
      <c r="FN3433" s="91"/>
      <c r="FO3433" s="91"/>
      <c r="FP3433" s="91"/>
      <c r="FQ3433" s="91"/>
      <c r="FR3433" s="91"/>
      <c r="FS3433" s="91"/>
      <c r="FT3433" s="91"/>
      <c r="FU3433" s="91"/>
      <c r="FV3433" s="91"/>
      <c r="FW3433" s="91"/>
      <c r="FX3433" s="127"/>
      <c r="FY3433" s="126"/>
      <c r="FZ3433" s="91"/>
      <c r="GA3433" s="91"/>
      <c r="GB3433" s="91"/>
      <c r="GC3433" s="91"/>
      <c r="GD3433" s="91"/>
      <c r="GE3433" s="91"/>
      <c r="GF3433" s="91"/>
      <c r="GG3433" s="91"/>
      <c r="GH3433" s="91"/>
      <c r="GI3433" s="91"/>
      <c r="GJ3433" s="91"/>
      <c r="GK3433" s="127"/>
      <c r="GL3433" s="126"/>
      <c r="GM3433" s="91"/>
      <c r="GN3433" s="91"/>
      <c r="GO3433" s="91"/>
      <c r="GP3433" s="91"/>
      <c r="GQ3433" s="91"/>
      <c r="GR3433" s="91"/>
      <c r="GS3433" s="91"/>
      <c r="GT3433" s="91"/>
      <c r="GU3433" s="91"/>
      <c r="GV3433" s="91"/>
      <c r="GW3433" s="91"/>
      <c r="GX3433" s="127"/>
      <c r="GY3433" s="126"/>
      <c r="GZ3433" s="91"/>
      <c r="HA3433" s="91"/>
      <c r="HB3433" s="91"/>
      <c r="HC3433" s="91"/>
      <c r="HD3433" s="91"/>
      <c r="HE3433" s="91"/>
      <c r="HF3433" s="91"/>
      <c r="HG3433" s="91"/>
      <c r="HH3433" s="91"/>
      <c r="HI3433" s="91"/>
      <c r="HJ3433" s="91"/>
      <c r="HK3433" s="127"/>
      <c r="HL3433" s="126"/>
      <c r="HM3433" s="91"/>
      <c r="HN3433" s="91"/>
      <c r="HO3433" s="91"/>
      <c r="HP3433" s="91"/>
      <c r="HQ3433" s="91"/>
      <c r="HR3433" s="91"/>
      <c r="HS3433" s="91"/>
      <c r="HT3433" s="91"/>
      <c r="HU3433" s="91"/>
      <c r="HV3433" s="91"/>
      <c r="HW3433" s="91"/>
      <c r="HX3433" s="127"/>
      <c r="HY3433" s="126"/>
      <c r="HZ3433" s="91"/>
      <c r="IA3433" s="91"/>
      <c r="IB3433" s="91"/>
      <c r="IC3433" s="91"/>
      <c r="ID3433" s="91"/>
      <c r="IE3433" s="91"/>
      <c r="IF3433" s="91"/>
      <c r="IG3433" s="91"/>
      <c r="IH3433" s="91"/>
      <c r="II3433" s="91"/>
      <c r="IJ3433" s="91"/>
      <c r="IK3433" s="174"/>
    </row>
    <row r="3434" spans="2:245" x14ac:dyDescent="0.2">
      <c r="B3434" s="43"/>
      <c r="C3434" s="73"/>
      <c r="D3434" s="64"/>
      <c r="E3434" s="64"/>
      <c r="F3434" s="55"/>
      <c r="G3434" s="102"/>
      <c r="H3434" s="97"/>
      <c r="T3434" s="98"/>
      <c r="U3434" s="97"/>
      <c r="AG3434" s="98"/>
      <c r="AY3434" s="164"/>
      <c r="BK3434" s="98"/>
      <c r="BL3434" s="97"/>
      <c r="BX3434" s="98"/>
      <c r="CL3434" s="97"/>
      <c r="CX3434" s="98"/>
      <c r="DL3434" s="97"/>
      <c r="DX3434" s="98"/>
      <c r="EL3434" s="97"/>
      <c r="EX3434" s="98"/>
      <c r="EY3434" s="97"/>
      <c r="FL3434" s="126"/>
      <c r="FM3434" s="91"/>
      <c r="FN3434" s="91"/>
      <c r="FO3434" s="91"/>
      <c r="FP3434" s="91"/>
      <c r="FQ3434" s="91"/>
      <c r="FR3434" s="91"/>
      <c r="FS3434" s="91"/>
      <c r="FT3434" s="91"/>
      <c r="FU3434" s="91"/>
      <c r="FV3434" s="91"/>
      <c r="FW3434" s="91"/>
      <c r="FX3434" s="127"/>
      <c r="FY3434" s="126"/>
      <c r="FZ3434" s="91"/>
      <c r="GA3434" s="91"/>
      <c r="GB3434" s="91"/>
      <c r="GC3434" s="91"/>
      <c r="GD3434" s="91"/>
      <c r="GE3434" s="91"/>
      <c r="GF3434" s="91"/>
      <c r="GG3434" s="91"/>
      <c r="GH3434" s="91"/>
      <c r="GI3434" s="91"/>
      <c r="GJ3434" s="91"/>
      <c r="GK3434" s="127"/>
      <c r="GL3434" s="126"/>
      <c r="GM3434" s="91"/>
      <c r="GN3434" s="91"/>
      <c r="GO3434" s="91"/>
      <c r="GP3434" s="91"/>
      <c r="GQ3434" s="91"/>
      <c r="GR3434" s="91"/>
      <c r="GS3434" s="91"/>
      <c r="GT3434" s="91"/>
      <c r="GU3434" s="91"/>
      <c r="GV3434" s="91"/>
      <c r="GW3434" s="91"/>
      <c r="GX3434" s="127"/>
      <c r="GY3434" s="126"/>
      <c r="GZ3434" s="91"/>
      <c r="HA3434" s="91"/>
      <c r="HB3434" s="91"/>
      <c r="HC3434" s="91"/>
      <c r="HD3434" s="91"/>
      <c r="HE3434" s="91"/>
      <c r="HF3434" s="91"/>
      <c r="HG3434" s="91"/>
      <c r="HH3434" s="91"/>
      <c r="HI3434" s="91"/>
      <c r="HJ3434" s="91"/>
      <c r="HK3434" s="127"/>
      <c r="HL3434" s="126"/>
      <c r="HM3434" s="91"/>
      <c r="HN3434" s="91"/>
      <c r="HO3434" s="91"/>
      <c r="HP3434" s="91"/>
      <c r="HQ3434" s="91"/>
      <c r="HR3434" s="91"/>
      <c r="HS3434" s="91"/>
      <c r="HT3434" s="91"/>
      <c r="HU3434" s="91"/>
      <c r="HV3434" s="91"/>
      <c r="HW3434" s="91"/>
      <c r="HX3434" s="127"/>
      <c r="HY3434" s="126"/>
      <c r="HZ3434" s="91"/>
      <c r="IA3434" s="91"/>
      <c r="IB3434" s="91"/>
      <c r="IC3434" s="91"/>
      <c r="ID3434" s="91"/>
      <c r="IE3434" s="91"/>
      <c r="IF3434" s="91"/>
      <c r="IG3434" s="91"/>
      <c r="IH3434" s="91"/>
      <c r="II3434" s="91"/>
      <c r="IJ3434" s="91"/>
      <c r="IK3434" s="174"/>
    </row>
    <row r="3435" spans="2:245" x14ac:dyDescent="0.2">
      <c r="B3435" s="43"/>
      <c r="C3435" s="73"/>
      <c r="D3435" s="64"/>
      <c r="E3435" s="64"/>
      <c r="F3435" s="55"/>
      <c r="G3435" s="102"/>
      <c r="H3435" s="97"/>
      <c r="T3435" s="98"/>
      <c r="U3435" s="97"/>
      <c r="AG3435" s="98"/>
      <c r="AY3435" s="164"/>
      <c r="BK3435" s="98"/>
      <c r="BL3435" s="97"/>
      <c r="BX3435" s="98"/>
      <c r="CL3435" s="97"/>
      <c r="CX3435" s="98"/>
      <c r="DL3435" s="97"/>
      <c r="DX3435" s="98"/>
      <c r="EL3435" s="97"/>
      <c r="EX3435" s="98"/>
      <c r="EY3435" s="97"/>
      <c r="FL3435" s="126"/>
      <c r="FM3435" s="91"/>
      <c r="FN3435" s="91"/>
      <c r="FO3435" s="91"/>
      <c r="FP3435" s="91"/>
      <c r="FQ3435" s="91"/>
      <c r="FR3435" s="91"/>
      <c r="FS3435" s="91"/>
      <c r="FT3435" s="91"/>
      <c r="FU3435" s="91"/>
      <c r="FV3435" s="91"/>
      <c r="FW3435" s="91"/>
      <c r="FX3435" s="127"/>
      <c r="FY3435" s="126"/>
      <c r="FZ3435" s="91"/>
      <c r="GA3435" s="91"/>
      <c r="GB3435" s="91"/>
      <c r="GC3435" s="91"/>
      <c r="GD3435" s="91"/>
      <c r="GE3435" s="91"/>
      <c r="GF3435" s="91"/>
      <c r="GG3435" s="91"/>
      <c r="GH3435" s="91"/>
      <c r="GI3435" s="91"/>
      <c r="GJ3435" s="91"/>
      <c r="GK3435" s="127"/>
      <c r="GL3435" s="126"/>
      <c r="GM3435" s="91"/>
      <c r="GN3435" s="91"/>
      <c r="GO3435" s="91"/>
      <c r="GP3435" s="91"/>
      <c r="GQ3435" s="91"/>
      <c r="GR3435" s="91"/>
      <c r="GS3435" s="91"/>
      <c r="GT3435" s="91"/>
      <c r="GU3435" s="91"/>
      <c r="GV3435" s="91"/>
      <c r="GW3435" s="91"/>
      <c r="GX3435" s="127"/>
      <c r="GY3435" s="126"/>
      <c r="GZ3435" s="91"/>
      <c r="HA3435" s="91"/>
      <c r="HB3435" s="91"/>
      <c r="HC3435" s="91"/>
      <c r="HD3435" s="91"/>
      <c r="HE3435" s="91"/>
      <c r="HF3435" s="91"/>
      <c r="HG3435" s="91"/>
      <c r="HH3435" s="91"/>
      <c r="HI3435" s="91"/>
      <c r="HJ3435" s="91"/>
      <c r="HK3435" s="127"/>
      <c r="HL3435" s="126"/>
      <c r="HM3435" s="91"/>
      <c r="HN3435" s="91"/>
      <c r="HO3435" s="91"/>
      <c r="HP3435" s="91"/>
      <c r="HQ3435" s="91"/>
      <c r="HR3435" s="91"/>
      <c r="HS3435" s="91"/>
      <c r="HT3435" s="91"/>
      <c r="HU3435" s="91"/>
      <c r="HV3435" s="91"/>
      <c r="HW3435" s="91"/>
      <c r="HX3435" s="127"/>
      <c r="HY3435" s="126"/>
      <c r="HZ3435" s="91"/>
      <c r="IA3435" s="91"/>
      <c r="IB3435" s="91"/>
      <c r="IC3435" s="91"/>
      <c r="ID3435" s="91"/>
      <c r="IE3435" s="91"/>
      <c r="IF3435" s="91"/>
      <c r="IG3435" s="91"/>
      <c r="IH3435" s="91"/>
      <c r="II3435" s="91"/>
      <c r="IJ3435" s="91"/>
      <c r="IK3435" s="174"/>
    </row>
    <row r="3436" spans="2:245" x14ac:dyDescent="0.2">
      <c r="B3436" s="43"/>
      <c r="C3436" s="73"/>
      <c r="D3436" s="64"/>
      <c r="E3436" s="64"/>
      <c r="F3436" s="55"/>
      <c r="G3436" s="102"/>
      <c r="H3436" s="97"/>
      <c r="T3436" s="98"/>
      <c r="U3436" s="97"/>
      <c r="AG3436" s="98"/>
      <c r="AY3436" s="164"/>
      <c r="BK3436" s="98"/>
      <c r="BL3436" s="97"/>
      <c r="BX3436" s="98"/>
      <c r="CL3436" s="97"/>
      <c r="CX3436" s="98"/>
      <c r="DL3436" s="97"/>
      <c r="DX3436" s="98"/>
      <c r="EL3436" s="97"/>
      <c r="EX3436" s="98"/>
      <c r="EY3436" s="97"/>
      <c r="FL3436" s="126"/>
      <c r="FM3436" s="91"/>
      <c r="FN3436" s="91"/>
      <c r="FO3436" s="91"/>
      <c r="FP3436" s="91"/>
      <c r="FQ3436" s="91"/>
      <c r="FR3436" s="91"/>
      <c r="FS3436" s="91"/>
      <c r="FT3436" s="91"/>
      <c r="FU3436" s="91"/>
      <c r="FV3436" s="91"/>
      <c r="FW3436" s="91"/>
      <c r="FX3436" s="127"/>
      <c r="FY3436" s="126"/>
      <c r="FZ3436" s="91"/>
      <c r="GA3436" s="91"/>
      <c r="GB3436" s="91"/>
      <c r="GC3436" s="91"/>
      <c r="GD3436" s="91"/>
      <c r="GE3436" s="91"/>
      <c r="GF3436" s="91"/>
      <c r="GG3436" s="91"/>
      <c r="GH3436" s="91"/>
      <c r="GI3436" s="91"/>
      <c r="GJ3436" s="91"/>
      <c r="GK3436" s="127"/>
      <c r="GL3436" s="126"/>
      <c r="GM3436" s="91"/>
      <c r="GN3436" s="91"/>
      <c r="GO3436" s="91"/>
      <c r="GP3436" s="91"/>
      <c r="GQ3436" s="91"/>
      <c r="GR3436" s="91"/>
      <c r="GS3436" s="91"/>
      <c r="GT3436" s="91"/>
      <c r="GU3436" s="91"/>
      <c r="GV3436" s="91"/>
      <c r="GW3436" s="91"/>
      <c r="GX3436" s="127"/>
      <c r="GY3436" s="126"/>
      <c r="GZ3436" s="91"/>
      <c r="HA3436" s="91"/>
      <c r="HB3436" s="91"/>
      <c r="HC3436" s="91"/>
      <c r="HD3436" s="91"/>
      <c r="HE3436" s="91"/>
      <c r="HF3436" s="91"/>
      <c r="HG3436" s="91"/>
      <c r="HH3436" s="91"/>
      <c r="HI3436" s="91"/>
      <c r="HJ3436" s="91"/>
      <c r="HK3436" s="127"/>
      <c r="HL3436" s="126"/>
      <c r="HM3436" s="91"/>
      <c r="HN3436" s="91"/>
      <c r="HO3436" s="91"/>
      <c r="HP3436" s="91"/>
      <c r="HQ3436" s="91"/>
      <c r="HR3436" s="91"/>
      <c r="HS3436" s="91"/>
      <c r="HT3436" s="91"/>
      <c r="HU3436" s="91"/>
      <c r="HV3436" s="91"/>
      <c r="HW3436" s="91"/>
      <c r="HX3436" s="127"/>
      <c r="HY3436" s="126"/>
      <c r="HZ3436" s="91"/>
      <c r="IA3436" s="91"/>
      <c r="IB3436" s="91"/>
      <c r="IC3436" s="91"/>
      <c r="ID3436" s="91"/>
      <c r="IE3436" s="91"/>
      <c r="IF3436" s="91"/>
      <c r="IG3436" s="91"/>
      <c r="IH3436" s="91"/>
      <c r="II3436" s="91"/>
      <c r="IJ3436" s="91"/>
      <c r="IK3436" s="174"/>
    </row>
    <row r="3437" spans="2:245" x14ac:dyDescent="0.2">
      <c r="B3437" s="43"/>
      <c r="C3437" s="73"/>
      <c r="D3437" s="64"/>
      <c r="E3437" s="64"/>
      <c r="F3437" s="55"/>
      <c r="G3437" s="102"/>
      <c r="H3437" s="97"/>
      <c r="T3437" s="98"/>
      <c r="U3437" s="97"/>
      <c r="AG3437" s="98"/>
      <c r="AY3437" s="164"/>
      <c r="BK3437" s="98"/>
      <c r="BL3437" s="97"/>
      <c r="BX3437" s="98"/>
      <c r="CL3437" s="97"/>
      <c r="CX3437" s="98"/>
      <c r="DL3437" s="97"/>
      <c r="DX3437" s="98"/>
      <c r="EL3437" s="97"/>
      <c r="EX3437" s="98"/>
      <c r="EY3437" s="97"/>
      <c r="FL3437" s="126"/>
      <c r="FM3437" s="91"/>
      <c r="FN3437" s="91"/>
      <c r="FO3437" s="91"/>
      <c r="FP3437" s="91"/>
      <c r="FQ3437" s="91"/>
      <c r="FR3437" s="91"/>
      <c r="FS3437" s="91"/>
      <c r="FT3437" s="91"/>
      <c r="FU3437" s="91"/>
      <c r="FV3437" s="91"/>
      <c r="FW3437" s="91"/>
      <c r="FX3437" s="127"/>
      <c r="FY3437" s="126"/>
      <c r="FZ3437" s="91"/>
      <c r="GA3437" s="91"/>
      <c r="GB3437" s="91"/>
      <c r="GC3437" s="91"/>
      <c r="GD3437" s="91"/>
      <c r="GE3437" s="91"/>
      <c r="GF3437" s="91"/>
      <c r="GG3437" s="91"/>
      <c r="GH3437" s="91"/>
      <c r="GI3437" s="91"/>
      <c r="GJ3437" s="91"/>
      <c r="GK3437" s="127"/>
      <c r="GL3437" s="126"/>
      <c r="GM3437" s="91"/>
      <c r="GN3437" s="91"/>
      <c r="GO3437" s="91"/>
      <c r="GP3437" s="91"/>
      <c r="GQ3437" s="91"/>
      <c r="GR3437" s="91"/>
      <c r="GS3437" s="91"/>
      <c r="GT3437" s="91"/>
      <c r="GU3437" s="91"/>
      <c r="GV3437" s="91"/>
      <c r="GW3437" s="91"/>
      <c r="GX3437" s="127"/>
      <c r="GY3437" s="126"/>
      <c r="GZ3437" s="91"/>
      <c r="HA3437" s="91"/>
      <c r="HB3437" s="91"/>
      <c r="HC3437" s="91"/>
      <c r="HD3437" s="91"/>
      <c r="HE3437" s="91"/>
      <c r="HF3437" s="91"/>
      <c r="HG3437" s="91"/>
      <c r="HH3437" s="91"/>
      <c r="HI3437" s="91"/>
      <c r="HJ3437" s="91"/>
      <c r="HK3437" s="127"/>
      <c r="HL3437" s="126"/>
      <c r="HM3437" s="91"/>
      <c r="HN3437" s="91"/>
      <c r="HO3437" s="91"/>
      <c r="HP3437" s="91"/>
      <c r="HQ3437" s="91"/>
      <c r="HR3437" s="91"/>
      <c r="HS3437" s="91"/>
      <c r="HT3437" s="91"/>
      <c r="HU3437" s="91"/>
      <c r="HV3437" s="91"/>
      <c r="HW3437" s="91"/>
      <c r="HX3437" s="127"/>
      <c r="HY3437" s="126"/>
      <c r="HZ3437" s="91"/>
      <c r="IA3437" s="91"/>
      <c r="IB3437" s="91"/>
      <c r="IC3437" s="91"/>
      <c r="ID3437" s="91"/>
      <c r="IE3437" s="91"/>
      <c r="IF3437" s="91"/>
      <c r="IG3437" s="91"/>
      <c r="IH3437" s="91"/>
      <c r="II3437" s="91"/>
      <c r="IJ3437" s="91"/>
      <c r="IK3437" s="174"/>
    </row>
    <row r="3438" spans="2:245" x14ac:dyDescent="0.2">
      <c r="B3438" s="43"/>
      <c r="C3438" s="73"/>
      <c r="D3438" s="64"/>
      <c r="E3438" s="64"/>
      <c r="F3438" s="55"/>
      <c r="G3438" s="102"/>
      <c r="H3438" s="97"/>
      <c r="T3438" s="98"/>
      <c r="U3438" s="97"/>
      <c r="AG3438" s="98"/>
      <c r="AY3438" s="164"/>
      <c r="BK3438" s="98"/>
      <c r="BL3438" s="97"/>
      <c r="BX3438" s="98"/>
      <c r="CL3438" s="97"/>
      <c r="CX3438" s="98"/>
      <c r="DL3438" s="97"/>
      <c r="DX3438" s="98"/>
      <c r="EL3438" s="97"/>
      <c r="EX3438" s="98"/>
      <c r="EY3438" s="97"/>
      <c r="FL3438" s="126"/>
      <c r="FM3438" s="91"/>
      <c r="FN3438" s="91"/>
      <c r="FO3438" s="91"/>
      <c r="FP3438" s="91"/>
      <c r="FQ3438" s="91"/>
      <c r="FR3438" s="91"/>
      <c r="FS3438" s="91"/>
      <c r="FT3438" s="91"/>
      <c r="FU3438" s="91"/>
      <c r="FV3438" s="91"/>
      <c r="FW3438" s="91"/>
      <c r="FX3438" s="127"/>
      <c r="FY3438" s="126"/>
      <c r="FZ3438" s="91"/>
      <c r="GA3438" s="91"/>
      <c r="GB3438" s="91"/>
      <c r="GC3438" s="91"/>
      <c r="GD3438" s="91"/>
      <c r="GE3438" s="91"/>
      <c r="GF3438" s="91"/>
      <c r="GG3438" s="91"/>
      <c r="GH3438" s="91"/>
      <c r="GI3438" s="91"/>
      <c r="GJ3438" s="91"/>
      <c r="GK3438" s="127"/>
      <c r="GL3438" s="126"/>
      <c r="GM3438" s="91"/>
      <c r="GN3438" s="91"/>
      <c r="GO3438" s="91"/>
      <c r="GP3438" s="91"/>
      <c r="GQ3438" s="91"/>
      <c r="GR3438" s="91"/>
      <c r="GS3438" s="91"/>
      <c r="GT3438" s="91"/>
      <c r="GU3438" s="91"/>
      <c r="GV3438" s="91"/>
      <c r="GW3438" s="91"/>
      <c r="GX3438" s="127"/>
      <c r="GY3438" s="126"/>
      <c r="GZ3438" s="91"/>
      <c r="HA3438" s="91"/>
      <c r="HB3438" s="91"/>
      <c r="HC3438" s="91"/>
      <c r="HD3438" s="91"/>
      <c r="HE3438" s="91"/>
      <c r="HF3438" s="91"/>
      <c r="HG3438" s="91"/>
      <c r="HH3438" s="91"/>
      <c r="HI3438" s="91"/>
      <c r="HJ3438" s="91"/>
      <c r="HK3438" s="127"/>
      <c r="HL3438" s="126"/>
      <c r="HM3438" s="91"/>
      <c r="HN3438" s="91"/>
      <c r="HO3438" s="91"/>
      <c r="HP3438" s="91"/>
      <c r="HQ3438" s="91"/>
      <c r="HR3438" s="91"/>
      <c r="HS3438" s="91"/>
      <c r="HT3438" s="91"/>
      <c r="HU3438" s="91"/>
      <c r="HV3438" s="91"/>
      <c r="HW3438" s="91"/>
      <c r="HX3438" s="127"/>
      <c r="HY3438" s="126"/>
      <c r="HZ3438" s="91"/>
      <c r="IA3438" s="91"/>
      <c r="IB3438" s="91"/>
      <c r="IC3438" s="91"/>
      <c r="ID3438" s="91"/>
      <c r="IE3438" s="91"/>
      <c r="IF3438" s="91"/>
      <c r="IG3438" s="91"/>
      <c r="IH3438" s="91"/>
      <c r="II3438" s="91"/>
      <c r="IJ3438" s="91"/>
      <c r="IK3438" s="174"/>
    </row>
    <row r="3439" spans="2:245" x14ac:dyDescent="0.2">
      <c r="B3439" s="43"/>
      <c r="C3439" s="73"/>
      <c r="D3439" s="64"/>
      <c r="E3439" s="64"/>
      <c r="F3439" s="55"/>
      <c r="G3439" s="102"/>
      <c r="H3439" s="97"/>
      <c r="T3439" s="98"/>
      <c r="U3439" s="97"/>
      <c r="AG3439" s="98"/>
      <c r="AY3439" s="164"/>
      <c r="BK3439" s="98"/>
      <c r="BL3439" s="97"/>
      <c r="BX3439" s="98"/>
      <c r="CL3439" s="97"/>
      <c r="CX3439" s="98"/>
      <c r="DL3439" s="97"/>
      <c r="DX3439" s="98"/>
      <c r="EL3439" s="97"/>
      <c r="EX3439" s="98"/>
      <c r="EY3439" s="97"/>
      <c r="FL3439" s="126"/>
      <c r="FM3439" s="91"/>
      <c r="FN3439" s="91"/>
      <c r="FO3439" s="91"/>
      <c r="FP3439" s="91"/>
      <c r="FQ3439" s="91"/>
      <c r="FR3439" s="91"/>
      <c r="FS3439" s="91"/>
      <c r="FT3439" s="91"/>
      <c r="FU3439" s="91"/>
      <c r="FV3439" s="91"/>
      <c r="FW3439" s="91"/>
      <c r="FX3439" s="127"/>
      <c r="FY3439" s="126"/>
      <c r="FZ3439" s="91"/>
      <c r="GA3439" s="91"/>
      <c r="GB3439" s="91"/>
      <c r="GC3439" s="91"/>
      <c r="GD3439" s="91"/>
      <c r="GE3439" s="91"/>
      <c r="GF3439" s="91"/>
      <c r="GG3439" s="91"/>
      <c r="GH3439" s="91"/>
      <c r="GI3439" s="91"/>
      <c r="GJ3439" s="91"/>
      <c r="GK3439" s="127"/>
      <c r="GL3439" s="126"/>
      <c r="GM3439" s="91"/>
      <c r="GN3439" s="91"/>
      <c r="GO3439" s="91"/>
      <c r="GP3439" s="91"/>
      <c r="GQ3439" s="91"/>
      <c r="GR3439" s="91"/>
      <c r="GS3439" s="91"/>
      <c r="GT3439" s="91"/>
      <c r="GU3439" s="91"/>
      <c r="GV3439" s="91"/>
      <c r="GW3439" s="91"/>
      <c r="GX3439" s="127"/>
      <c r="GY3439" s="126"/>
      <c r="GZ3439" s="91"/>
      <c r="HA3439" s="91"/>
      <c r="HB3439" s="91"/>
      <c r="HC3439" s="91"/>
      <c r="HD3439" s="91"/>
      <c r="HE3439" s="91"/>
      <c r="HF3439" s="91"/>
      <c r="HG3439" s="91"/>
      <c r="HH3439" s="91"/>
      <c r="HI3439" s="91"/>
      <c r="HJ3439" s="91"/>
      <c r="HK3439" s="127"/>
      <c r="HL3439" s="126"/>
      <c r="HM3439" s="91"/>
      <c r="HN3439" s="91"/>
      <c r="HO3439" s="91"/>
      <c r="HP3439" s="91"/>
      <c r="HQ3439" s="91"/>
      <c r="HR3439" s="91"/>
      <c r="HS3439" s="91"/>
      <c r="HT3439" s="91"/>
      <c r="HU3439" s="91"/>
      <c r="HV3439" s="91"/>
      <c r="HW3439" s="91"/>
      <c r="HX3439" s="127"/>
      <c r="HY3439" s="126"/>
      <c r="HZ3439" s="91"/>
      <c r="IA3439" s="91"/>
      <c r="IB3439" s="91"/>
      <c r="IC3439" s="91"/>
      <c r="ID3439" s="91"/>
      <c r="IE3439" s="91"/>
      <c r="IF3439" s="91"/>
      <c r="IG3439" s="91"/>
      <c r="IH3439" s="91"/>
      <c r="II3439" s="91"/>
      <c r="IJ3439" s="91"/>
      <c r="IK3439" s="174"/>
    </row>
    <row r="3440" spans="2:245" x14ac:dyDescent="0.2">
      <c r="B3440" s="43"/>
      <c r="C3440" s="73"/>
      <c r="D3440" s="64"/>
      <c r="E3440" s="64"/>
      <c r="F3440" s="55"/>
      <c r="G3440" s="102"/>
      <c r="H3440" s="97"/>
      <c r="T3440" s="98"/>
      <c r="U3440" s="97"/>
      <c r="AG3440" s="98"/>
      <c r="AY3440" s="164"/>
      <c r="BK3440" s="98"/>
      <c r="BL3440" s="97"/>
      <c r="BX3440" s="98"/>
      <c r="CL3440" s="97"/>
      <c r="CX3440" s="98"/>
      <c r="DL3440" s="97"/>
      <c r="DX3440" s="98"/>
      <c r="EL3440" s="97"/>
      <c r="EX3440" s="98"/>
      <c r="EY3440" s="97"/>
      <c r="FL3440" s="126"/>
      <c r="FM3440" s="91"/>
      <c r="FN3440" s="91"/>
      <c r="FO3440" s="91"/>
      <c r="FP3440" s="91"/>
      <c r="FQ3440" s="91"/>
      <c r="FR3440" s="91"/>
      <c r="FS3440" s="91"/>
      <c r="FT3440" s="91"/>
      <c r="FU3440" s="91"/>
      <c r="FV3440" s="91"/>
      <c r="FW3440" s="91"/>
      <c r="FX3440" s="127"/>
      <c r="FY3440" s="126"/>
      <c r="FZ3440" s="91"/>
      <c r="GA3440" s="91"/>
      <c r="GB3440" s="91"/>
      <c r="GC3440" s="91"/>
      <c r="GD3440" s="91"/>
      <c r="GE3440" s="91"/>
      <c r="GF3440" s="91"/>
      <c r="GG3440" s="91"/>
      <c r="GH3440" s="91"/>
      <c r="GI3440" s="91"/>
      <c r="GJ3440" s="91"/>
      <c r="GK3440" s="127"/>
      <c r="GL3440" s="126"/>
      <c r="GM3440" s="91"/>
      <c r="GN3440" s="91"/>
      <c r="GO3440" s="91"/>
      <c r="GP3440" s="91"/>
      <c r="GQ3440" s="91"/>
      <c r="GR3440" s="91"/>
      <c r="GS3440" s="91"/>
      <c r="GT3440" s="91"/>
      <c r="GU3440" s="91"/>
      <c r="GV3440" s="91"/>
      <c r="GW3440" s="91"/>
      <c r="GX3440" s="127"/>
      <c r="GY3440" s="126"/>
      <c r="GZ3440" s="91"/>
      <c r="HA3440" s="91"/>
      <c r="HB3440" s="91"/>
      <c r="HC3440" s="91"/>
      <c r="HD3440" s="91"/>
      <c r="HE3440" s="91"/>
      <c r="HF3440" s="91"/>
      <c r="HG3440" s="91"/>
      <c r="HH3440" s="91"/>
      <c r="HI3440" s="91"/>
      <c r="HJ3440" s="91"/>
      <c r="HK3440" s="127"/>
      <c r="HL3440" s="126"/>
      <c r="HM3440" s="91"/>
      <c r="HN3440" s="91"/>
      <c r="HO3440" s="91"/>
      <c r="HP3440" s="91"/>
      <c r="HQ3440" s="91"/>
      <c r="HR3440" s="91"/>
      <c r="HS3440" s="91"/>
      <c r="HT3440" s="91"/>
      <c r="HU3440" s="91"/>
      <c r="HV3440" s="91"/>
      <c r="HW3440" s="91"/>
      <c r="HX3440" s="127"/>
      <c r="HY3440" s="126"/>
      <c r="HZ3440" s="91"/>
      <c r="IA3440" s="91"/>
      <c r="IB3440" s="91"/>
      <c r="IC3440" s="91"/>
      <c r="ID3440" s="91"/>
      <c r="IE3440" s="91"/>
      <c r="IF3440" s="91"/>
      <c r="IG3440" s="91"/>
      <c r="IH3440" s="91"/>
      <c r="II3440" s="91"/>
      <c r="IJ3440" s="91"/>
      <c r="IK3440" s="174"/>
    </row>
    <row r="3441" spans="2:245" x14ac:dyDescent="0.2">
      <c r="B3441" s="43"/>
      <c r="C3441" s="73"/>
      <c r="D3441" s="64"/>
      <c r="E3441" s="64"/>
      <c r="F3441" s="55"/>
      <c r="G3441" s="102"/>
      <c r="H3441" s="97"/>
      <c r="T3441" s="98"/>
      <c r="U3441" s="97"/>
      <c r="AG3441" s="98"/>
      <c r="AY3441" s="164"/>
      <c r="BK3441" s="98"/>
      <c r="BL3441" s="97"/>
      <c r="BX3441" s="98"/>
      <c r="CL3441" s="97"/>
      <c r="CX3441" s="98"/>
      <c r="DL3441" s="97"/>
      <c r="DX3441" s="98"/>
      <c r="EL3441" s="97"/>
      <c r="EX3441" s="98"/>
      <c r="EY3441" s="97"/>
      <c r="FL3441" s="126"/>
      <c r="FM3441" s="91"/>
      <c r="FN3441" s="91"/>
      <c r="FO3441" s="91"/>
      <c r="FP3441" s="91"/>
      <c r="FQ3441" s="91"/>
      <c r="FR3441" s="91"/>
      <c r="FS3441" s="91"/>
      <c r="FT3441" s="91"/>
      <c r="FU3441" s="91"/>
      <c r="FV3441" s="91"/>
      <c r="FW3441" s="91"/>
      <c r="FX3441" s="127"/>
      <c r="FY3441" s="126"/>
      <c r="FZ3441" s="91"/>
      <c r="GA3441" s="91"/>
      <c r="GB3441" s="91"/>
      <c r="GC3441" s="91"/>
      <c r="GD3441" s="91"/>
      <c r="GE3441" s="91"/>
      <c r="GF3441" s="91"/>
      <c r="GG3441" s="91"/>
      <c r="GH3441" s="91"/>
      <c r="GI3441" s="91"/>
      <c r="GJ3441" s="91"/>
      <c r="GK3441" s="127"/>
      <c r="GL3441" s="126"/>
      <c r="GM3441" s="91"/>
      <c r="GN3441" s="91"/>
      <c r="GO3441" s="91"/>
      <c r="GP3441" s="91"/>
      <c r="GQ3441" s="91"/>
      <c r="GR3441" s="91"/>
      <c r="GS3441" s="91"/>
      <c r="GT3441" s="91"/>
      <c r="GU3441" s="91"/>
      <c r="GV3441" s="91"/>
      <c r="GW3441" s="91"/>
      <c r="GX3441" s="127"/>
      <c r="GY3441" s="126"/>
      <c r="GZ3441" s="91"/>
      <c r="HA3441" s="91"/>
      <c r="HB3441" s="91"/>
      <c r="HC3441" s="91"/>
      <c r="HD3441" s="91"/>
      <c r="HE3441" s="91"/>
      <c r="HF3441" s="91"/>
      <c r="HG3441" s="91"/>
      <c r="HH3441" s="91"/>
      <c r="HI3441" s="91"/>
      <c r="HJ3441" s="91"/>
      <c r="HK3441" s="127"/>
      <c r="HL3441" s="126"/>
      <c r="HM3441" s="91"/>
      <c r="HN3441" s="91"/>
      <c r="HO3441" s="91"/>
      <c r="HP3441" s="91"/>
      <c r="HQ3441" s="91"/>
      <c r="HR3441" s="91"/>
      <c r="HS3441" s="91"/>
      <c r="HT3441" s="91"/>
      <c r="HU3441" s="91"/>
      <c r="HV3441" s="91"/>
      <c r="HW3441" s="91"/>
      <c r="HX3441" s="127"/>
      <c r="HY3441" s="126"/>
      <c r="HZ3441" s="91"/>
      <c r="IA3441" s="91"/>
      <c r="IB3441" s="91"/>
      <c r="IC3441" s="91"/>
      <c r="ID3441" s="91"/>
      <c r="IE3441" s="91"/>
      <c r="IF3441" s="91"/>
      <c r="IG3441" s="91"/>
      <c r="IH3441" s="91"/>
      <c r="II3441" s="91"/>
      <c r="IJ3441" s="91"/>
      <c r="IK3441" s="174"/>
    </row>
    <row r="3442" spans="2:245" x14ac:dyDescent="0.2">
      <c r="B3442" s="43"/>
      <c r="C3442" s="73"/>
      <c r="D3442" s="64"/>
      <c r="E3442" s="64"/>
      <c r="F3442" s="55"/>
      <c r="G3442" s="102"/>
      <c r="H3442" s="97"/>
      <c r="T3442" s="98"/>
      <c r="U3442" s="97"/>
      <c r="AG3442" s="98"/>
      <c r="AY3442" s="164"/>
      <c r="BK3442" s="98"/>
      <c r="BL3442" s="97"/>
      <c r="BX3442" s="98"/>
      <c r="CL3442" s="97"/>
      <c r="CX3442" s="98"/>
      <c r="DL3442" s="97"/>
      <c r="DX3442" s="98"/>
      <c r="EL3442" s="97"/>
      <c r="EX3442" s="98"/>
      <c r="EY3442" s="97"/>
      <c r="FL3442" s="126"/>
      <c r="FM3442" s="91"/>
      <c r="FN3442" s="91"/>
      <c r="FO3442" s="91"/>
      <c r="FP3442" s="91"/>
      <c r="FQ3442" s="91"/>
      <c r="FR3442" s="91"/>
      <c r="FS3442" s="91"/>
      <c r="FT3442" s="91"/>
      <c r="FU3442" s="91"/>
      <c r="FV3442" s="91"/>
      <c r="FW3442" s="91"/>
      <c r="FX3442" s="127"/>
      <c r="FY3442" s="126"/>
      <c r="FZ3442" s="91"/>
      <c r="GA3442" s="91"/>
      <c r="GB3442" s="91"/>
      <c r="GC3442" s="91"/>
      <c r="GD3442" s="91"/>
      <c r="GE3442" s="91"/>
      <c r="GF3442" s="91"/>
      <c r="GG3442" s="91"/>
      <c r="GH3442" s="91"/>
      <c r="GI3442" s="91"/>
      <c r="GJ3442" s="91"/>
      <c r="GK3442" s="127"/>
      <c r="GL3442" s="126"/>
      <c r="GM3442" s="91"/>
      <c r="GN3442" s="91"/>
      <c r="GO3442" s="91"/>
      <c r="GP3442" s="91"/>
      <c r="GQ3442" s="91"/>
      <c r="GR3442" s="91"/>
      <c r="GS3442" s="91"/>
      <c r="GT3442" s="91"/>
      <c r="GU3442" s="91"/>
      <c r="GV3442" s="91"/>
      <c r="GW3442" s="91"/>
      <c r="GX3442" s="127"/>
      <c r="GY3442" s="126"/>
      <c r="GZ3442" s="91"/>
      <c r="HA3442" s="91"/>
      <c r="HB3442" s="91"/>
      <c r="HC3442" s="91"/>
      <c r="HD3442" s="91"/>
      <c r="HE3442" s="91"/>
      <c r="HF3442" s="91"/>
      <c r="HG3442" s="91"/>
      <c r="HH3442" s="91"/>
      <c r="HI3442" s="91"/>
      <c r="HJ3442" s="91"/>
      <c r="HK3442" s="127"/>
      <c r="HL3442" s="126"/>
      <c r="HM3442" s="91"/>
      <c r="HN3442" s="91"/>
      <c r="HO3442" s="91"/>
      <c r="HP3442" s="91"/>
      <c r="HQ3442" s="91"/>
      <c r="HR3442" s="91"/>
      <c r="HS3442" s="91"/>
      <c r="HT3442" s="91"/>
      <c r="HU3442" s="91"/>
      <c r="HV3442" s="91"/>
      <c r="HW3442" s="91"/>
      <c r="HX3442" s="127"/>
      <c r="HY3442" s="126"/>
      <c r="HZ3442" s="91"/>
      <c r="IA3442" s="91"/>
      <c r="IB3442" s="91"/>
      <c r="IC3442" s="91"/>
      <c r="ID3442" s="91"/>
      <c r="IE3442" s="91"/>
      <c r="IF3442" s="91"/>
      <c r="IG3442" s="91"/>
      <c r="IH3442" s="91"/>
      <c r="II3442" s="91"/>
      <c r="IJ3442" s="91"/>
      <c r="IK3442" s="174"/>
    </row>
    <row r="3443" spans="2:245" x14ac:dyDescent="0.2">
      <c r="B3443" s="43"/>
      <c r="C3443" s="73"/>
      <c r="D3443" s="64"/>
      <c r="E3443" s="64"/>
      <c r="F3443" s="55"/>
      <c r="G3443" s="102"/>
      <c r="H3443" s="97"/>
      <c r="T3443" s="98"/>
      <c r="U3443" s="97"/>
      <c r="AG3443" s="98"/>
      <c r="AY3443" s="164"/>
      <c r="BK3443" s="98"/>
      <c r="BL3443" s="97"/>
      <c r="BX3443" s="98"/>
      <c r="CL3443" s="97"/>
      <c r="CX3443" s="98"/>
      <c r="DL3443" s="97"/>
      <c r="DX3443" s="98"/>
      <c r="EL3443" s="97"/>
      <c r="EX3443" s="98"/>
      <c r="EY3443" s="97"/>
      <c r="FL3443" s="126"/>
      <c r="FM3443" s="91"/>
      <c r="FN3443" s="91"/>
      <c r="FO3443" s="91"/>
      <c r="FP3443" s="91"/>
      <c r="FQ3443" s="91"/>
      <c r="FR3443" s="91"/>
      <c r="FS3443" s="91"/>
      <c r="FT3443" s="91"/>
      <c r="FU3443" s="91"/>
      <c r="FV3443" s="91"/>
      <c r="FW3443" s="91"/>
      <c r="FX3443" s="127"/>
      <c r="FY3443" s="126"/>
      <c r="FZ3443" s="91"/>
      <c r="GA3443" s="91"/>
      <c r="GB3443" s="91"/>
      <c r="GC3443" s="91"/>
      <c r="GD3443" s="91"/>
      <c r="GE3443" s="91"/>
      <c r="GF3443" s="91"/>
      <c r="GG3443" s="91"/>
      <c r="GH3443" s="91"/>
      <c r="GI3443" s="91"/>
      <c r="GJ3443" s="91"/>
      <c r="GK3443" s="127"/>
      <c r="GL3443" s="126"/>
      <c r="GM3443" s="91"/>
      <c r="GN3443" s="91"/>
      <c r="GO3443" s="91"/>
      <c r="GP3443" s="91"/>
      <c r="GQ3443" s="91"/>
      <c r="GR3443" s="91"/>
      <c r="GS3443" s="91"/>
      <c r="GT3443" s="91"/>
      <c r="GU3443" s="91"/>
      <c r="GV3443" s="91"/>
      <c r="GW3443" s="91"/>
      <c r="GX3443" s="127"/>
      <c r="GY3443" s="126"/>
      <c r="GZ3443" s="91"/>
      <c r="HA3443" s="91"/>
      <c r="HB3443" s="91"/>
      <c r="HC3443" s="91"/>
      <c r="HD3443" s="91"/>
      <c r="HE3443" s="91"/>
      <c r="HF3443" s="91"/>
      <c r="HG3443" s="91"/>
      <c r="HH3443" s="91"/>
      <c r="HI3443" s="91"/>
      <c r="HJ3443" s="91"/>
      <c r="HK3443" s="127"/>
      <c r="HL3443" s="126"/>
      <c r="HM3443" s="91"/>
      <c r="HN3443" s="91"/>
      <c r="HO3443" s="91"/>
      <c r="HP3443" s="91"/>
      <c r="HQ3443" s="91"/>
      <c r="HR3443" s="91"/>
      <c r="HS3443" s="91"/>
      <c r="HT3443" s="91"/>
      <c r="HU3443" s="91"/>
      <c r="HV3443" s="91"/>
      <c r="HW3443" s="91"/>
      <c r="HX3443" s="127"/>
      <c r="HY3443" s="126"/>
      <c r="HZ3443" s="91"/>
      <c r="IA3443" s="91"/>
      <c r="IB3443" s="91"/>
      <c r="IC3443" s="91"/>
      <c r="ID3443" s="91"/>
      <c r="IE3443" s="91"/>
      <c r="IF3443" s="91"/>
      <c r="IG3443" s="91"/>
      <c r="IH3443" s="91"/>
      <c r="II3443" s="91"/>
      <c r="IJ3443" s="91"/>
      <c r="IK3443" s="174"/>
    </row>
    <row r="3444" spans="2:245" x14ac:dyDescent="0.2">
      <c r="B3444" s="43"/>
      <c r="C3444" s="73"/>
      <c r="D3444" s="64"/>
      <c r="E3444" s="64"/>
      <c r="F3444" s="55"/>
      <c r="G3444" s="102"/>
      <c r="H3444" s="97"/>
      <c r="T3444" s="98"/>
      <c r="U3444" s="97"/>
      <c r="AG3444" s="98"/>
      <c r="AY3444" s="164"/>
      <c r="BK3444" s="98"/>
      <c r="BL3444" s="97"/>
      <c r="BX3444" s="98"/>
      <c r="CL3444" s="97"/>
      <c r="CX3444" s="98"/>
      <c r="DL3444" s="97"/>
      <c r="DX3444" s="98"/>
      <c r="EL3444" s="97"/>
      <c r="EX3444" s="98"/>
      <c r="EY3444" s="97"/>
      <c r="FL3444" s="126"/>
      <c r="FM3444" s="91"/>
      <c r="FN3444" s="91"/>
      <c r="FO3444" s="91"/>
      <c r="FP3444" s="91"/>
      <c r="FQ3444" s="91"/>
      <c r="FR3444" s="91"/>
      <c r="FS3444" s="91"/>
      <c r="FT3444" s="91"/>
      <c r="FU3444" s="91"/>
      <c r="FV3444" s="91"/>
      <c r="FW3444" s="91"/>
      <c r="FX3444" s="127"/>
      <c r="FY3444" s="126"/>
      <c r="FZ3444" s="91"/>
      <c r="GA3444" s="91"/>
      <c r="GB3444" s="91"/>
      <c r="GC3444" s="91"/>
      <c r="GD3444" s="91"/>
      <c r="GE3444" s="91"/>
      <c r="GF3444" s="91"/>
      <c r="GG3444" s="91"/>
      <c r="GH3444" s="91"/>
      <c r="GI3444" s="91"/>
      <c r="GJ3444" s="91"/>
      <c r="GK3444" s="127"/>
      <c r="GL3444" s="126"/>
      <c r="GM3444" s="91"/>
      <c r="GN3444" s="91"/>
      <c r="GO3444" s="91"/>
      <c r="GP3444" s="91"/>
      <c r="GQ3444" s="91"/>
      <c r="GR3444" s="91"/>
      <c r="GS3444" s="91"/>
      <c r="GT3444" s="91"/>
      <c r="GU3444" s="91"/>
      <c r="GV3444" s="91"/>
      <c r="GW3444" s="91"/>
      <c r="GX3444" s="127"/>
      <c r="GY3444" s="126"/>
      <c r="GZ3444" s="91"/>
      <c r="HA3444" s="91"/>
      <c r="HB3444" s="91"/>
      <c r="HC3444" s="91"/>
      <c r="HD3444" s="91"/>
      <c r="HE3444" s="91"/>
      <c r="HF3444" s="91"/>
      <c r="HG3444" s="91"/>
      <c r="HH3444" s="91"/>
      <c r="HI3444" s="91"/>
      <c r="HJ3444" s="91"/>
      <c r="HK3444" s="127"/>
      <c r="HL3444" s="126"/>
      <c r="HM3444" s="91"/>
      <c r="HN3444" s="91"/>
      <c r="HO3444" s="91"/>
      <c r="HP3444" s="91"/>
      <c r="HQ3444" s="91"/>
      <c r="HR3444" s="91"/>
      <c r="HS3444" s="91"/>
      <c r="HT3444" s="91"/>
      <c r="HU3444" s="91"/>
      <c r="HV3444" s="91"/>
      <c r="HW3444" s="91"/>
      <c r="HX3444" s="127"/>
      <c r="HY3444" s="126"/>
      <c r="HZ3444" s="91"/>
      <c r="IA3444" s="91"/>
      <c r="IB3444" s="91"/>
      <c r="IC3444" s="91"/>
      <c r="ID3444" s="91"/>
      <c r="IE3444" s="91"/>
      <c r="IF3444" s="91"/>
      <c r="IG3444" s="91"/>
      <c r="IH3444" s="91"/>
      <c r="II3444" s="91"/>
      <c r="IJ3444" s="91"/>
      <c r="IK3444" s="174"/>
    </row>
    <row r="3445" spans="2:245" x14ac:dyDescent="0.2">
      <c r="B3445" s="43"/>
      <c r="C3445" s="73"/>
      <c r="D3445" s="64"/>
      <c r="E3445" s="64"/>
      <c r="F3445" s="55"/>
      <c r="G3445" s="102"/>
      <c r="H3445" s="97"/>
      <c r="T3445" s="98"/>
      <c r="U3445" s="97"/>
      <c r="AG3445" s="98"/>
      <c r="AY3445" s="164"/>
      <c r="BK3445" s="98"/>
      <c r="BL3445" s="97"/>
      <c r="BX3445" s="98"/>
      <c r="CL3445" s="97"/>
      <c r="CX3445" s="98"/>
      <c r="DL3445" s="97"/>
      <c r="DX3445" s="98"/>
      <c r="EL3445" s="97"/>
      <c r="EX3445" s="98"/>
      <c r="EY3445" s="97"/>
      <c r="FL3445" s="126"/>
      <c r="FM3445" s="91"/>
      <c r="FN3445" s="91"/>
      <c r="FO3445" s="91"/>
      <c r="FP3445" s="91"/>
      <c r="FQ3445" s="91"/>
      <c r="FR3445" s="91"/>
      <c r="FS3445" s="91"/>
      <c r="FT3445" s="91"/>
      <c r="FU3445" s="91"/>
      <c r="FV3445" s="91"/>
      <c r="FW3445" s="91"/>
      <c r="FX3445" s="127"/>
      <c r="FY3445" s="126"/>
      <c r="FZ3445" s="91"/>
      <c r="GA3445" s="91"/>
      <c r="GB3445" s="91"/>
      <c r="GC3445" s="91"/>
      <c r="GD3445" s="91"/>
      <c r="GE3445" s="91"/>
      <c r="GF3445" s="91"/>
      <c r="GG3445" s="91"/>
      <c r="GH3445" s="91"/>
      <c r="GI3445" s="91"/>
      <c r="GJ3445" s="91"/>
      <c r="GK3445" s="127"/>
      <c r="GL3445" s="126"/>
      <c r="GM3445" s="91"/>
      <c r="GN3445" s="91"/>
      <c r="GO3445" s="91"/>
      <c r="GP3445" s="91"/>
      <c r="GQ3445" s="91"/>
      <c r="GR3445" s="91"/>
      <c r="GS3445" s="91"/>
      <c r="GT3445" s="91"/>
      <c r="GU3445" s="91"/>
      <c r="GV3445" s="91"/>
      <c r="GW3445" s="91"/>
      <c r="GX3445" s="127"/>
      <c r="GY3445" s="126"/>
      <c r="GZ3445" s="91"/>
      <c r="HA3445" s="91"/>
      <c r="HB3445" s="91"/>
      <c r="HC3445" s="91"/>
      <c r="HD3445" s="91"/>
      <c r="HE3445" s="91"/>
      <c r="HF3445" s="91"/>
      <c r="HG3445" s="91"/>
      <c r="HH3445" s="91"/>
      <c r="HI3445" s="91"/>
      <c r="HJ3445" s="91"/>
      <c r="HK3445" s="127"/>
      <c r="HL3445" s="126"/>
      <c r="HM3445" s="91"/>
      <c r="HN3445" s="91"/>
      <c r="HO3445" s="91"/>
      <c r="HP3445" s="91"/>
      <c r="HQ3445" s="91"/>
      <c r="HR3445" s="91"/>
      <c r="HS3445" s="91"/>
      <c r="HT3445" s="91"/>
      <c r="HU3445" s="91"/>
      <c r="HV3445" s="91"/>
      <c r="HW3445" s="91"/>
      <c r="HX3445" s="127"/>
      <c r="HY3445" s="126"/>
      <c r="HZ3445" s="91"/>
      <c r="IA3445" s="91"/>
      <c r="IB3445" s="91"/>
      <c r="IC3445" s="91"/>
      <c r="ID3445" s="91"/>
      <c r="IE3445" s="91"/>
      <c r="IF3445" s="91"/>
      <c r="IG3445" s="91"/>
      <c r="IH3445" s="91"/>
      <c r="II3445" s="91"/>
      <c r="IJ3445" s="91"/>
      <c r="IK3445" s="174"/>
    </row>
    <row r="3446" spans="2:245" x14ac:dyDescent="0.2">
      <c r="B3446" s="43"/>
      <c r="C3446" s="73"/>
      <c r="D3446" s="64"/>
      <c r="E3446" s="64"/>
      <c r="F3446" s="55"/>
      <c r="G3446" s="102"/>
      <c r="H3446" s="97"/>
      <c r="T3446" s="98"/>
      <c r="U3446" s="97"/>
      <c r="AG3446" s="98"/>
      <c r="AY3446" s="164"/>
      <c r="BK3446" s="98"/>
      <c r="BL3446" s="97"/>
      <c r="BX3446" s="98"/>
      <c r="CL3446" s="97"/>
      <c r="CX3446" s="98"/>
      <c r="DL3446" s="97"/>
      <c r="DX3446" s="98"/>
      <c r="EL3446" s="97"/>
      <c r="EX3446" s="98"/>
      <c r="EY3446" s="97"/>
      <c r="FL3446" s="126"/>
      <c r="FM3446" s="91"/>
      <c r="FN3446" s="91"/>
      <c r="FO3446" s="91"/>
      <c r="FP3446" s="91"/>
      <c r="FQ3446" s="91"/>
      <c r="FR3446" s="91"/>
      <c r="FS3446" s="91"/>
      <c r="FT3446" s="91"/>
      <c r="FU3446" s="91"/>
      <c r="FV3446" s="91"/>
      <c r="FW3446" s="91"/>
      <c r="FX3446" s="127"/>
      <c r="FY3446" s="126"/>
      <c r="FZ3446" s="91"/>
      <c r="GA3446" s="91"/>
      <c r="GB3446" s="91"/>
      <c r="GC3446" s="91"/>
      <c r="GD3446" s="91"/>
      <c r="GE3446" s="91"/>
      <c r="GF3446" s="91"/>
      <c r="GG3446" s="91"/>
      <c r="GH3446" s="91"/>
      <c r="GI3446" s="91"/>
      <c r="GJ3446" s="91"/>
      <c r="GK3446" s="127"/>
      <c r="GL3446" s="126"/>
      <c r="GM3446" s="91"/>
      <c r="GN3446" s="91"/>
      <c r="GO3446" s="91"/>
      <c r="GP3446" s="91"/>
      <c r="GQ3446" s="91"/>
      <c r="GR3446" s="91"/>
      <c r="GS3446" s="91"/>
      <c r="GT3446" s="91"/>
      <c r="GU3446" s="91"/>
      <c r="GV3446" s="91"/>
      <c r="GW3446" s="91"/>
      <c r="GX3446" s="127"/>
      <c r="GY3446" s="126"/>
      <c r="GZ3446" s="91"/>
      <c r="HA3446" s="91"/>
      <c r="HB3446" s="91"/>
      <c r="HC3446" s="91"/>
      <c r="HD3446" s="91"/>
      <c r="HE3446" s="91"/>
      <c r="HF3446" s="91"/>
      <c r="HG3446" s="91"/>
      <c r="HH3446" s="91"/>
      <c r="HI3446" s="91"/>
      <c r="HJ3446" s="91"/>
      <c r="HK3446" s="127"/>
      <c r="HL3446" s="126"/>
      <c r="HM3446" s="91"/>
      <c r="HN3446" s="91"/>
      <c r="HO3446" s="91"/>
      <c r="HP3446" s="91"/>
      <c r="HQ3446" s="91"/>
      <c r="HR3446" s="91"/>
      <c r="HS3446" s="91"/>
      <c r="HT3446" s="91"/>
      <c r="HU3446" s="91"/>
      <c r="HV3446" s="91"/>
      <c r="HW3446" s="91"/>
      <c r="HX3446" s="127"/>
      <c r="HY3446" s="126"/>
      <c r="HZ3446" s="91"/>
      <c r="IA3446" s="91"/>
      <c r="IB3446" s="91"/>
      <c r="IC3446" s="91"/>
      <c r="ID3446" s="91"/>
      <c r="IE3446" s="91"/>
      <c r="IF3446" s="91"/>
      <c r="IG3446" s="91"/>
      <c r="IH3446" s="91"/>
      <c r="II3446" s="91"/>
      <c r="IJ3446" s="91"/>
      <c r="IK3446" s="174"/>
    </row>
    <row r="3447" spans="2:245" x14ac:dyDescent="0.2">
      <c r="B3447" s="43"/>
      <c r="C3447" s="73"/>
      <c r="D3447" s="64"/>
      <c r="E3447" s="64"/>
      <c r="F3447" s="55"/>
      <c r="G3447" s="102"/>
      <c r="H3447" s="97"/>
      <c r="T3447" s="98"/>
      <c r="U3447" s="97"/>
      <c r="AG3447" s="98"/>
      <c r="AY3447" s="164"/>
      <c r="BK3447" s="98"/>
      <c r="BL3447" s="97"/>
      <c r="BX3447" s="98"/>
      <c r="CL3447" s="97"/>
      <c r="CX3447" s="98"/>
      <c r="DL3447" s="97"/>
      <c r="DX3447" s="98"/>
      <c r="EL3447" s="97"/>
      <c r="EX3447" s="98"/>
      <c r="EY3447" s="97"/>
      <c r="FL3447" s="126"/>
      <c r="FM3447" s="91"/>
      <c r="FN3447" s="91"/>
      <c r="FO3447" s="91"/>
      <c r="FP3447" s="91"/>
      <c r="FQ3447" s="91"/>
      <c r="FR3447" s="91"/>
      <c r="FS3447" s="91"/>
      <c r="FT3447" s="91"/>
      <c r="FU3447" s="91"/>
      <c r="FV3447" s="91"/>
      <c r="FW3447" s="91"/>
      <c r="FX3447" s="127"/>
      <c r="FY3447" s="126"/>
      <c r="FZ3447" s="91"/>
      <c r="GA3447" s="91"/>
      <c r="GB3447" s="91"/>
      <c r="GC3447" s="91"/>
      <c r="GD3447" s="91"/>
      <c r="GE3447" s="91"/>
      <c r="GF3447" s="91"/>
      <c r="GG3447" s="91"/>
      <c r="GH3447" s="91"/>
      <c r="GI3447" s="91"/>
      <c r="GJ3447" s="91"/>
      <c r="GK3447" s="127"/>
      <c r="GL3447" s="126"/>
      <c r="GM3447" s="91"/>
      <c r="GN3447" s="91"/>
      <c r="GO3447" s="91"/>
      <c r="GP3447" s="91"/>
      <c r="GQ3447" s="91"/>
      <c r="GR3447" s="91"/>
      <c r="GS3447" s="91"/>
      <c r="GT3447" s="91"/>
      <c r="GU3447" s="91"/>
      <c r="GV3447" s="91"/>
      <c r="GW3447" s="91"/>
      <c r="GX3447" s="127"/>
      <c r="GY3447" s="126"/>
      <c r="GZ3447" s="91"/>
      <c r="HA3447" s="91"/>
      <c r="HB3447" s="91"/>
      <c r="HC3447" s="91"/>
      <c r="HD3447" s="91"/>
      <c r="HE3447" s="91"/>
      <c r="HF3447" s="91"/>
      <c r="HG3447" s="91"/>
      <c r="HH3447" s="91"/>
      <c r="HI3447" s="91"/>
      <c r="HJ3447" s="91"/>
      <c r="HK3447" s="127"/>
      <c r="HL3447" s="126"/>
      <c r="HM3447" s="91"/>
      <c r="HN3447" s="91"/>
      <c r="HO3447" s="91"/>
      <c r="HP3447" s="91"/>
      <c r="HQ3447" s="91"/>
      <c r="HR3447" s="91"/>
      <c r="HS3447" s="91"/>
      <c r="HT3447" s="91"/>
      <c r="HU3447" s="91"/>
      <c r="HV3447" s="91"/>
      <c r="HW3447" s="91"/>
      <c r="HX3447" s="127"/>
      <c r="HY3447" s="126"/>
      <c r="HZ3447" s="91"/>
      <c r="IA3447" s="91"/>
      <c r="IB3447" s="91"/>
      <c r="IC3447" s="91"/>
      <c r="ID3447" s="91"/>
      <c r="IE3447" s="91"/>
      <c r="IF3447" s="91"/>
      <c r="IG3447" s="91"/>
      <c r="IH3447" s="91"/>
      <c r="II3447" s="91"/>
      <c r="IJ3447" s="91"/>
      <c r="IK3447" s="174"/>
    </row>
    <row r="3448" spans="2:245" x14ac:dyDescent="0.2">
      <c r="B3448" s="43"/>
      <c r="C3448" s="73"/>
      <c r="D3448" s="64"/>
      <c r="E3448" s="64"/>
      <c r="F3448" s="55"/>
      <c r="G3448" s="102"/>
      <c r="H3448" s="97"/>
      <c r="T3448" s="98"/>
      <c r="U3448" s="97"/>
      <c r="AG3448" s="98"/>
      <c r="AY3448" s="164"/>
      <c r="BK3448" s="98"/>
      <c r="BL3448" s="97"/>
      <c r="BX3448" s="98"/>
      <c r="CL3448" s="97"/>
      <c r="CX3448" s="98"/>
      <c r="DL3448" s="97"/>
      <c r="DX3448" s="98"/>
      <c r="EL3448" s="97"/>
      <c r="EX3448" s="98"/>
      <c r="EY3448" s="97"/>
      <c r="FL3448" s="126"/>
      <c r="FM3448" s="91"/>
      <c r="FN3448" s="91"/>
      <c r="FO3448" s="91"/>
      <c r="FP3448" s="91"/>
      <c r="FQ3448" s="91"/>
      <c r="FR3448" s="91"/>
      <c r="FS3448" s="91"/>
      <c r="FT3448" s="91"/>
      <c r="FU3448" s="91"/>
      <c r="FV3448" s="91"/>
      <c r="FW3448" s="91"/>
      <c r="FX3448" s="127"/>
      <c r="FY3448" s="126"/>
      <c r="FZ3448" s="91"/>
      <c r="GA3448" s="91"/>
      <c r="GB3448" s="91"/>
      <c r="GC3448" s="91"/>
      <c r="GD3448" s="91"/>
      <c r="GE3448" s="91"/>
      <c r="GF3448" s="91"/>
      <c r="GG3448" s="91"/>
      <c r="GH3448" s="91"/>
      <c r="GI3448" s="91"/>
      <c r="GJ3448" s="91"/>
      <c r="GK3448" s="127"/>
      <c r="GL3448" s="126"/>
      <c r="GM3448" s="91"/>
      <c r="GN3448" s="91"/>
      <c r="GO3448" s="91"/>
      <c r="GP3448" s="91"/>
      <c r="GQ3448" s="91"/>
      <c r="GR3448" s="91"/>
      <c r="GS3448" s="91"/>
      <c r="GT3448" s="91"/>
      <c r="GU3448" s="91"/>
      <c r="GV3448" s="91"/>
      <c r="GW3448" s="91"/>
      <c r="GX3448" s="127"/>
      <c r="GY3448" s="126"/>
      <c r="GZ3448" s="91"/>
      <c r="HA3448" s="91"/>
      <c r="HB3448" s="91"/>
      <c r="HC3448" s="91"/>
      <c r="HD3448" s="91"/>
      <c r="HE3448" s="91"/>
      <c r="HF3448" s="91"/>
      <c r="HG3448" s="91"/>
      <c r="HH3448" s="91"/>
      <c r="HI3448" s="91"/>
      <c r="HJ3448" s="91"/>
      <c r="HK3448" s="127"/>
      <c r="HL3448" s="126"/>
      <c r="HM3448" s="91"/>
      <c r="HN3448" s="91"/>
      <c r="HO3448" s="91"/>
      <c r="HP3448" s="91"/>
      <c r="HQ3448" s="91"/>
      <c r="HR3448" s="91"/>
      <c r="HS3448" s="91"/>
      <c r="HT3448" s="91"/>
      <c r="HU3448" s="91"/>
      <c r="HV3448" s="91"/>
      <c r="HW3448" s="91"/>
      <c r="HX3448" s="127"/>
      <c r="HY3448" s="126"/>
      <c r="HZ3448" s="91"/>
      <c r="IA3448" s="91"/>
      <c r="IB3448" s="91"/>
      <c r="IC3448" s="91"/>
      <c r="ID3448" s="91"/>
      <c r="IE3448" s="91"/>
      <c r="IF3448" s="91"/>
      <c r="IG3448" s="91"/>
      <c r="IH3448" s="91"/>
      <c r="II3448" s="91"/>
      <c r="IJ3448" s="91"/>
      <c r="IK3448" s="174"/>
    </row>
    <row r="3449" spans="2:245" x14ac:dyDescent="0.2">
      <c r="B3449" s="43"/>
      <c r="C3449" s="73"/>
      <c r="D3449" s="64"/>
      <c r="E3449" s="64"/>
      <c r="F3449" s="55"/>
      <c r="G3449" s="102"/>
      <c r="H3449" s="97"/>
      <c r="T3449" s="98"/>
      <c r="U3449" s="97"/>
      <c r="AG3449" s="98"/>
      <c r="AY3449" s="164"/>
      <c r="BK3449" s="98"/>
      <c r="BL3449" s="97"/>
      <c r="BX3449" s="98"/>
      <c r="CL3449" s="97"/>
      <c r="CX3449" s="98"/>
      <c r="DL3449" s="97"/>
      <c r="DX3449" s="98"/>
      <c r="EL3449" s="97"/>
      <c r="EX3449" s="98"/>
      <c r="EY3449" s="97"/>
      <c r="FL3449" s="126"/>
      <c r="FM3449" s="91"/>
      <c r="FN3449" s="91"/>
      <c r="FO3449" s="91"/>
      <c r="FP3449" s="91"/>
      <c r="FQ3449" s="91"/>
      <c r="FR3449" s="91"/>
      <c r="FS3449" s="91"/>
      <c r="FT3449" s="91"/>
      <c r="FU3449" s="91"/>
      <c r="FV3449" s="91"/>
      <c r="FW3449" s="91"/>
      <c r="FX3449" s="127"/>
      <c r="FY3449" s="126"/>
      <c r="FZ3449" s="91"/>
      <c r="GA3449" s="91"/>
      <c r="GB3449" s="91"/>
      <c r="GC3449" s="91"/>
      <c r="GD3449" s="91"/>
      <c r="GE3449" s="91"/>
      <c r="GF3449" s="91"/>
      <c r="GG3449" s="91"/>
      <c r="GH3449" s="91"/>
      <c r="GI3449" s="91"/>
      <c r="GJ3449" s="91"/>
      <c r="GK3449" s="127"/>
      <c r="GL3449" s="126"/>
      <c r="GM3449" s="91"/>
      <c r="GN3449" s="91"/>
      <c r="GO3449" s="91"/>
      <c r="GP3449" s="91"/>
      <c r="GQ3449" s="91"/>
      <c r="GR3449" s="91"/>
      <c r="GS3449" s="91"/>
      <c r="GT3449" s="91"/>
      <c r="GU3449" s="91"/>
      <c r="GV3449" s="91"/>
      <c r="GW3449" s="91"/>
      <c r="GX3449" s="127"/>
      <c r="GY3449" s="126"/>
      <c r="GZ3449" s="91"/>
      <c r="HA3449" s="91"/>
      <c r="HB3449" s="91"/>
      <c r="HC3449" s="91"/>
      <c r="HD3449" s="91"/>
      <c r="HE3449" s="91"/>
      <c r="HF3449" s="91"/>
      <c r="HG3449" s="91"/>
      <c r="HH3449" s="91"/>
      <c r="HI3449" s="91"/>
      <c r="HJ3449" s="91"/>
      <c r="HK3449" s="127"/>
      <c r="HL3449" s="126"/>
      <c r="HM3449" s="91"/>
      <c r="HN3449" s="91"/>
      <c r="HO3449" s="91"/>
      <c r="HP3449" s="91"/>
      <c r="HQ3449" s="91"/>
      <c r="HR3449" s="91"/>
      <c r="HS3449" s="91"/>
      <c r="HT3449" s="91"/>
      <c r="HU3449" s="91"/>
      <c r="HV3449" s="91"/>
      <c r="HW3449" s="91"/>
      <c r="HX3449" s="127"/>
      <c r="HY3449" s="126"/>
      <c r="HZ3449" s="91"/>
      <c r="IA3449" s="91"/>
      <c r="IB3449" s="91"/>
      <c r="IC3449" s="91"/>
      <c r="ID3449" s="91"/>
      <c r="IE3449" s="91"/>
      <c r="IF3449" s="91"/>
      <c r="IG3449" s="91"/>
      <c r="IH3449" s="91"/>
      <c r="II3449" s="91"/>
      <c r="IJ3449" s="91"/>
      <c r="IK3449" s="174"/>
    </row>
    <row r="3450" spans="2:245" x14ac:dyDescent="0.2">
      <c r="B3450" s="43"/>
      <c r="C3450" s="73"/>
      <c r="D3450" s="64"/>
      <c r="E3450" s="64"/>
      <c r="F3450" s="55"/>
      <c r="G3450" s="102"/>
      <c r="H3450" s="97"/>
      <c r="T3450" s="98"/>
      <c r="U3450" s="97"/>
      <c r="AG3450" s="98"/>
      <c r="AY3450" s="164"/>
      <c r="BK3450" s="98"/>
      <c r="BL3450" s="97"/>
      <c r="BX3450" s="98"/>
      <c r="CL3450" s="97"/>
      <c r="CX3450" s="98"/>
      <c r="DL3450" s="97"/>
      <c r="DX3450" s="98"/>
      <c r="EL3450" s="97"/>
      <c r="EX3450" s="98"/>
      <c r="EY3450" s="97"/>
      <c r="FL3450" s="126"/>
      <c r="FM3450" s="91"/>
      <c r="FN3450" s="91"/>
      <c r="FO3450" s="91"/>
      <c r="FP3450" s="91"/>
      <c r="FQ3450" s="91"/>
      <c r="FR3450" s="91"/>
      <c r="FS3450" s="91"/>
      <c r="FT3450" s="91"/>
      <c r="FU3450" s="91"/>
      <c r="FV3450" s="91"/>
      <c r="FW3450" s="91"/>
      <c r="FX3450" s="127"/>
      <c r="FY3450" s="126"/>
      <c r="FZ3450" s="91"/>
      <c r="GA3450" s="91"/>
      <c r="GB3450" s="91"/>
      <c r="GC3450" s="91"/>
      <c r="GD3450" s="91"/>
      <c r="GE3450" s="91"/>
      <c r="GF3450" s="91"/>
      <c r="GG3450" s="91"/>
      <c r="GH3450" s="91"/>
      <c r="GI3450" s="91"/>
      <c r="GJ3450" s="91"/>
      <c r="GK3450" s="127"/>
      <c r="GL3450" s="126"/>
      <c r="GM3450" s="91"/>
      <c r="GN3450" s="91"/>
      <c r="GO3450" s="91"/>
      <c r="GP3450" s="91"/>
      <c r="GQ3450" s="91"/>
      <c r="GR3450" s="91"/>
      <c r="GS3450" s="91"/>
      <c r="GT3450" s="91"/>
      <c r="GU3450" s="91"/>
      <c r="GV3450" s="91"/>
      <c r="GW3450" s="91"/>
      <c r="GX3450" s="127"/>
      <c r="GY3450" s="126"/>
      <c r="GZ3450" s="91"/>
      <c r="HA3450" s="91"/>
      <c r="HB3450" s="91"/>
      <c r="HC3450" s="91"/>
      <c r="HD3450" s="91"/>
      <c r="HE3450" s="91"/>
      <c r="HF3450" s="91"/>
      <c r="HG3450" s="91"/>
      <c r="HH3450" s="91"/>
      <c r="HI3450" s="91"/>
      <c r="HJ3450" s="91"/>
      <c r="HK3450" s="127"/>
      <c r="HL3450" s="126"/>
      <c r="HM3450" s="91"/>
      <c r="HN3450" s="91"/>
      <c r="HO3450" s="91"/>
      <c r="HP3450" s="91"/>
      <c r="HQ3450" s="91"/>
      <c r="HR3450" s="91"/>
      <c r="HS3450" s="91"/>
      <c r="HT3450" s="91"/>
      <c r="HU3450" s="91"/>
      <c r="HV3450" s="91"/>
      <c r="HW3450" s="91"/>
      <c r="HX3450" s="127"/>
      <c r="HY3450" s="126"/>
      <c r="HZ3450" s="91"/>
      <c r="IA3450" s="91"/>
      <c r="IB3450" s="91"/>
      <c r="IC3450" s="91"/>
      <c r="ID3450" s="91"/>
      <c r="IE3450" s="91"/>
      <c r="IF3450" s="91"/>
      <c r="IG3450" s="91"/>
      <c r="IH3450" s="91"/>
      <c r="II3450" s="91"/>
      <c r="IJ3450" s="91"/>
      <c r="IK3450" s="174"/>
    </row>
    <row r="3451" spans="2:245" x14ac:dyDescent="0.2">
      <c r="B3451" s="43"/>
      <c r="C3451" s="73"/>
      <c r="D3451" s="64"/>
      <c r="E3451" s="64"/>
      <c r="F3451" s="55"/>
      <c r="G3451" s="102"/>
      <c r="H3451" s="97"/>
      <c r="T3451" s="98"/>
      <c r="U3451" s="97"/>
      <c r="AG3451" s="98"/>
      <c r="AY3451" s="164"/>
      <c r="BK3451" s="98"/>
      <c r="BL3451" s="97"/>
      <c r="BX3451" s="98"/>
      <c r="CL3451" s="97"/>
      <c r="CX3451" s="98"/>
      <c r="DL3451" s="97"/>
      <c r="DX3451" s="98"/>
      <c r="EL3451" s="97"/>
      <c r="EX3451" s="98"/>
      <c r="EY3451" s="97"/>
      <c r="FL3451" s="126"/>
      <c r="FM3451" s="91"/>
      <c r="FN3451" s="91"/>
      <c r="FO3451" s="91"/>
      <c r="FP3451" s="91"/>
      <c r="FQ3451" s="91"/>
      <c r="FR3451" s="91"/>
      <c r="FS3451" s="91"/>
      <c r="FT3451" s="91"/>
      <c r="FU3451" s="91"/>
      <c r="FV3451" s="91"/>
      <c r="FW3451" s="91"/>
      <c r="FX3451" s="127"/>
      <c r="FY3451" s="126"/>
      <c r="FZ3451" s="91"/>
      <c r="GA3451" s="91"/>
      <c r="GB3451" s="91"/>
      <c r="GC3451" s="91"/>
      <c r="GD3451" s="91"/>
      <c r="GE3451" s="91"/>
      <c r="GF3451" s="91"/>
      <c r="GG3451" s="91"/>
      <c r="GH3451" s="91"/>
      <c r="GI3451" s="91"/>
      <c r="GJ3451" s="91"/>
      <c r="GK3451" s="127"/>
      <c r="GL3451" s="126"/>
      <c r="GM3451" s="91"/>
      <c r="GN3451" s="91"/>
      <c r="GO3451" s="91"/>
      <c r="GP3451" s="91"/>
      <c r="GQ3451" s="91"/>
      <c r="GR3451" s="91"/>
      <c r="GS3451" s="91"/>
      <c r="GT3451" s="91"/>
      <c r="GU3451" s="91"/>
      <c r="GV3451" s="91"/>
      <c r="GW3451" s="91"/>
      <c r="GX3451" s="127"/>
      <c r="GY3451" s="126"/>
      <c r="GZ3451" s="91"/>
      <c r="HA3451" s="91"/>
      <c r="HB3451" s="91"/>
      <c r="HC3451" s="91"/>
      <c r="HD3451" s="91"/>
      <c r="HE3451" s="91"/>
      <c r="HF3451" s="91"/>
      <c r="HG3451" s="91"/>
      <c r="HH3451" s="91"/>
      <c r="HI3451" s="91"/>
      <c r="HJ3451" s="91"/>
      <c r="HK3451" s="127"/>
      <c r="HL3451" s="126"/>
      <c r="HM3451" s="91"/>
      <c r="HN3451" s="91"/>
      <c r="HO3451" s="91"/>
      <c r="HP3451" s="91"/>
      <c r="HQ3451" s="91"/>
      <c r="HR3451" s="91"/>
      <c r="HS3451" s="91"/>
      <c r="HT3451" s="91"/>
      <c r="HU3451" s="91"/>
      <c r="HV3451" s="91"/>
      <c r="HW3451" s="91"/>
      <c r="HX3451" s="127"/>
      <c r="HY3451" s="126"/>
      <c r="HZ3451" s="91"/>
      <c r="IA3451" s="91"/>
      <c r="IB3451" s="91"/>
      <c r="IC3451" s="91"/>
      <c r="ID3451" s="91"/>
      <c r="IE3451" s="91"/>
      <c r="IF3451" s="91"/>
      <c r="IG3451" s="91"/>
      <c r="IH3451" s="91"/>
      <c r="II3451" s="91"/>
      <c r="IJ3451" s="91"/>
      <c r="IK3451" s="174"/>
    </row>
    <row r="3452" spans="2:245" x14ac:dyDescent="0.2">
      <c r="B3452" s="43"/>
      <c r="C3452" s="73"/>
      <c r="D3452" s="64"/>
      <c r="E3452" s="64"/>
      <c r="F3452" s="55"/>
      <c r="G3452" s="102"/>
      <c r="H3452" s="97"/>
      <c r="T3452" s="98"/>
      <c r="U3452" s="97"/>
      <c r="AG3452" s="98"/>
      <c r="AY3452" s="164"/>
      <c r="BK3452" s="98"/>
      <c r="BL3452" s="97"/>
      <c r="BX3452" s="98"/>
      <c r="CL3452" s="97"/>
      <c r="CX3452" s="98"/>
      <c r="DL3452" s="97"/>
      <c r="DX3452" s="98"/>
      <c r="EL3452" s="97"/>
      <c r="EX3452" s="98"/>
      <c r="EY3452" s="97"/>
      <c r="FL3452" s="126"/>
      <c r="FM3452" s="91"/>
      <c r="FN3452" s="91"/>
      <c r="FO3452" s="91"/>
      <c r="FP3452" s="91"/>
      <c r="FQ3452" s="91"/>
      <c r="FR3452" s="91"/>
      <c r="FS3452" s="91"/>
      <c r="FT3452" s="91"/>
      <c r="FU3452" s="91"/>
      <c r="FV3452" s="91"/>
      <c r="FW3452" s="91"/>
      <c r="FX3452" s="127"/>
      <c r="FY3452" s="126"/>
      <c r="FZ3452" s="91"/>
      <c r="GA3452" s="91"/>
      <c r="GB3452" s="91"/>
      <c r="GC3452" s="91"/>
      <c r="GD3452" s="91"/>
      <c r="GE3452" s="91"/>
      <c r="GF3452" s="91"/>
      <c r="GG3452" s="91"/>
      <c r="GH3452" s="91"/>
      <c r="GI3452" s="91"/>
      <c r="GJ3452" s="91"/>
      <c r="GK3452" s="127"/>
      <c r="GL3452" s="126"/>
      <c r="GM3452" s="91"/>
      <c r="GN3452" s="91"/>
      <c r="GO3452" s="91"/>
      <c r="GP3452" s="91"/>
      <c r="GQ3452" s="91"/>
      <c r="GR3452" s="91"/>
      <c r="GS3452" s="91"/>
      <c r="GT3452" s="91"/>
      <c r="GU3452" s="91"/>
      <c r="GV3452" s="91"/>
      <c r="GW3452" s="91"/>
      <c r="GX3452" s="127"/>
      <c r="GY3452" s="126"/>
      <c r="GZ3452" s="91"/>
      <c r="HA3452" s="91"/>
      <c r="HB3452" s="91"/>
      <c r="HC3452" s="91"/>
      <c r="HD3452" s="91"/>
      <c r="HE3452" s="91"/>
      <c r="HF3452" s="91"/>
      <c r="HG3452" s="91"/>
      <c r="HH3452" s="91"/>
      <c r="HI3452" s="91"/>
      <c r="HJ3452" s="91"/>
      <c r="HK3452" s="127"/>
      <c r="HL3452" s="126"/>
      <c r="HM3452" s="91"/>
      <c r="HN3452" s="91"/>
      <c r="HO3452" s="91"/>
      <c r="HP3452" s="91"/>
      <c r="HQ3452" s="91"/>
      <c r="HR3452" s="91"/>
      <c r="HS3452" s="91"/>
      <c r="HT3452" s="91"/>
      <c r="HU3452" s="91"/>
      <c r="HV3452" s="91"/>
      <c r="HW3452" s="91"/>
      <c r="HX3452" s="127"/>
      <c r="HY3452" s="126"/>
      <c r="HZ3452" s="91"/>
      <c r="IA3452" s="91"/>
      <c r="IB3452" s="91"/>
      <c r="IC3452" s="91"/>
      <c r="ID3452" s="91"/>
      <c r="IE3452" s="91"/>
      <c r="IF3452" s="91"/>
      <c r="IG3452" s="91"/>
      <c r="IH3452" s="91"/>
      <c r="II3452" s="91"/>
      <c r="IJ3452" s="91"/>
      <c r="IK3452" s="174"/>
    </row>
    <row r="3453" spans="2:245" x14ac:dyDescent="0.2">
      <c r="B3453" s="43"/>
      <c r="C3453" s="73"/>
      <c r="D3453" s="64"/>
      <c r="E3453" s="64"/>
      <c r="F3453" s="55"/>
      <c r="G3453" s="102"/>
      <c r="H3453" s="97"/>
      <c r="T3453" s="98"/>
      <c r="U3453" s="97"/>
      <c r="AG3453" s="98"/>
      <c r="AY3453" s="164"/>
      <c r="BK3453" s="98"/>
      <c r="BL3453" s="97"/>
      <c r="BX3453" s="98"/>
      <c r="CL3453" s="97"/>
      <c r="CX3453" s="98"/>
      <c r="DL3453" s="97"/>
      <c r="DX3453" s="98"/>
      <c r="EL3453" s="97"/>
      <c r="EX3453" s="98"/>
      <c r="EY3453" s="97"/>
      <c r="FL3453" s="126"/>
      <c r="FM3453" s="91"/>
      <c r="FN3453" s="91"/>
      <c r="FO3453" s="91"/>
      <c r="FP3453" s="91"/>
      <c r="FQ3453" s="91"/>
      <c r="FR3453" s="91"/>
      <c r="FS3453" s="91"/>
      <c r="FT3453" s="91"/>
      <c r="FU3453" s="91"/>
      <c r="FV3453" s="91"/>
      <c r="FW3453" s="91"/>
      <c r="FX3453" s="127"/>
      <c r="FY3453" s="126"/>
      <c r="FZ3453" s="91"/>
      <c r="GA3453" s="91"/>
      <c r="GB3453" s="91"/>
      <c r="GC3453" s="91"/>
      <c r="GD3453" s="91"/>
      <c r="GE3453" s="91"/>
      <c r="GF3453" s="91"/>
      <c r="GG3453" s="91"/>
      <c r="GH3453" s="91"/>
      <c r="GI3453" s="91"/>
      <c r="GJ3453" s="91"/>
      <c r="GK3453" s="127"/>
      <c r="GL3453" s="126"/>
      <c r="GM3453" s="91"/>
      <c r="GN3453" s="91"/>
      <c r="GO3453" s="91"/>
      <c r="GP3453" s="91"/>
      <c r="GQ3453" s="91"/>
      <c r="GR3453" s="91"/>
      <c r="GS3453" s="91"/>
      <c r="GT3453" s="91"/>
      <c r="GU3453" s="91"/>
      <c r="GV3453" s="91"/>
      <c r="GW3453" s="91"/>
      <c r="GX3453" s="127"/>
      <c r="GY3453" s="126"/>
      <c r="GZ3453" s="91"/>
      <c r="HA3453" s="91"/>
      <c r="HB3453" s="91"/>
      <c r="HC3453" s="91"/>
      <c r="HD3453" s="91"/>
      <c r="HE3453" s="91"/>
      <c r="HF3453" s="91"/>
      <c r="HG3453" s="91"/>
      <c r="HH3453" s="91"/>
      <c r="HI3453" s="91"/>
      <c r="HJ3453" s="91"/>
      <c r="HK3453" s="127"/>
      <c r="HL3453" s="126"/>
      <c r="HM3453" s="91"/>
      <c r="HN3453" s="91"/>
      <c r="HO3453" s="91"/>
      <c r="HP3453" s="91"/>
      <c r="HQ3453" s="91"/>
      <c r="HR3453" s="91"/>
      <c r="HS3453" s="91"/>
      <c r="HT3453" s="91"/>
      <c r="HU3453" s="91"/>
      <c r="HV3453" s="91"/>
      <c r="HW3453" s="91"/>
      <c r="HX3453" s="127"/>
      <c r="HY3453" s="126"/>
      <c r="HZ3453" s="91"/>
      <c r="IA3453" s="91"/>
      <c r="IB3453" s="91"/>
      <c r="IC3453" s="91"/>
      <c r="ID3453" s="91"/>
      <c r="IE3453" s="91"/>
      <c r="IF3453" s="91"/>
      <c r="IG3453" s="91"/>
      <c r="IH3453" s="91"/>
      <c r="II3453" s="91"/>
      <c r="IJ3453" s="91"/>
      <c r="IK3453" s="174"/>
    </row>
    <row r="3454" spans="2:245" x14ac:dyDescent="0.2">
      <c r="B3454" s="43"/>
      <c r="C3454" s="73"/>
      <c r="D3454" s="64"/>
      <c r="E3454" s="64"/>
      <c r="F3454" s="55"/>
      <c r="G3454" s="102"/>
      <c r="H3454" s="97"/>
      <c r="T3454" s="98"/>
      <c r="U3454" s="97"/>
      <c r="AG3454" s="98"/>
      <c r="AY3454" s="164"/>
      <c r="BK3454" s="98"/>
      <c r="BL3454" s="97"/>
      <c r="BX3454" s="98"/>
      <c r="CL3454" s="97"/>
      <c r="CX3454" s="98"/>
      <c r="DL3454" s="97"/>
      <c r="DX3454" s="98"/>
      <c r="EL3454" s="97"/>
      <c r="EX3454" s="98"/>
      <c r="EY3454" s="97"/>
      <c r="FL3454" s="126"/>
      <c r="FM3454" s="91"/>
      <c r="FN3454" s="91"/>
      <c r="FO3454" s="91"/>
      <c r="FP3454" s="91"/>
      <c r="FQ3454" s="91"/>
      <c r="FR3454" s="91"/>
      <c r="FS3454" s="91"/>
      <c r="FT3454" s="91"/>
      <c r="FU3454" s="91"/>
      <c r="FV3454" s="91"/>
      <c r="FW3454" s="91"/>
      <c r="FX3454" s="127"/>
      <c r="FY3454" s="126"/>
      <c r="FZ3454" s="91"/>
      <c r="GA3454" s="91"/>
      <c r="GB3454" s="91"/>
      <c r="GC3454" s="91"/>
      <c r="GD3454" s="91"/>
      <c r="GE3454" s="91"/>
      <c r="GF3454" s="91"/>
      <c r="GG3454" s="91"/>
      <c r="GH3454" s="91"/>
      <c r="GI3454" s="91"/>
      <c r="GJ3454" s="91"/>
      <c r="GK3454" s="127"/>
      <c r="GL3454" s="126"/>
      <c r="GM3454" s="91"/>
      <c r="GN3454" s="91"/>
      <c r="GO3454" s="91"/>
      <c r="GP3454" s="91"/>
      <c r="GQ3454" s="91"/>
      <c r="GR3454" s="91"/>
      <c r="GS3454" s="91"/>
      <c r="GT3454" s="91"/>
      <c r="GU3454" s="91"/>
      <c r="GV3454" s="91"/>
      <c r="GW3454" s="91"/>
      <c r="GX3454" s="127"/>
      <c r="GY3454" s="126"/>
      <c r="GZ3454" s="91"/>
      <c r="HA3454" s="91"/>
      <c r="HB3454" s="91"/>
      <c r="HC3454" s="91"/>
      <c r="HD3454" s="91"/>
      <c r="HE3454" s="91"/>
      <c r="HF3454" s="91"/>
      <c r="HG3454" s="91"/>
      <c r="HH3454" s="91"/>
      <c r="HI3454" s="91"/>
      <c r="HJ3454" s="91"/>
      <c r="HK3454" s="127"/>
      <c r="HL3454" s="126"/>
      <c r="HM3454" s="91"/>
      <c r="HN3454" s="91"/>
      <c r="HO3454" s="91"/>
      <c r="HP3454" s="91"/>
      <c r="HQ3454" s="91"/>
      <c r="HR3454" s="91"/>
      <c r="HS3454" s="91"/>
      <c r="HT3454" s="91"/>
      <c r="HU3454" s="91"/>
      <c r="HV3454" s="91"/>
      <c r="HW3454" s="91"/>
      <c r="HX3454" s="127"/>
      <c r="HY3454" s="126"/>
      <c r="HZ3454" s="91"/>
      <c r="IA3454" s="91"/>
      <c r="IB3454" s="91"/>
      <c r="IC3454" s="91"/>
      <c r="ID3454" s="91"/>
      <c r="IE3454" s="91"/>
      <c r="IF3454" s="91"/>
      <c r="IG3454" s="91"/>
      <c r="IH3454" s="91"/>
      <c r="II3454" s="91"/>
      <c r="IJ3454" s="91"/>
      <c r="IK3454" s="174"/>
    </row>
    <row r="3455" spans="2:245" x14ac:dyDescent="0.2">
      <c r="B3455" s="43"/>
      <c r="C3455" s="73"/>
      <c r="D3455" s="64"/>
      <c r="E3455" s="64"/>
      <c r="F3455" s="55"/>
      <c r="G3455" s="102"/>
      <c r="H3455" s="97"/>
      <c r="T3455" s="98"/>
      <c r="U3455" s="97"/>
      <c r="AG3455" s="98"/>
      <c r="AY3455" s="164"/>
      <c r="BK3455" s="98"/>
      <c r="BL3455" s="97"/>
      <c r="BX3455" s="98"/>
      <c r="CL3455" s="97"/>
      <c r="CX3455" s="98"/>
      <c r="DL3455" s="97"/>
      <c r="DX3455" s="98"/>
      <c r="EL3455" s="97"/>
      <c r="EX3455" s="98"/>
      <c r="EY3455" s="97"/>
      <c r="FL3455" s="126"/>
      <c r="FM3455" s="91"/>
      <c r="FN3455" s="91"/>
      <c r="FO3455" s="91"/>
      <c r="FP3455" s="91"/>
      <c r="FQ3455" s="91"/>
      <c r="FR3455" s="91"/>
      <c r="FS3455" s="91"/>
      <c r="FT3455" s="91"/>
      <c r="FU3455" s="91"/>
      <c r="FV3455" s="91"/>
      <c r="FW3455" s="91"/>
      <c r="FX3455" s="127"/>
      <c r="FY3455" s="126"/>
      <c r="FZ3455" s="91"/>
      <c r="GA3455" s="91"/>
      <c r="GB3455" s="91"/>
      <c r="GC3455" s="91"/>
      <c r="GD3455" s="91"/>
      <c r="GE3455" s="91"/>
      <c r="GF3455" s="91"/>
      <c r="GG3455" s="91"/>
      <c r="GH3455" s="91"/>
      <c r="GI3455" s="91"/>
      <c r="GJ3455" s="91"/>
      <c r="GK3455" s="127"/>
      <c r="GL3455" s="126"/>
      <c r="GM3455" s="91"/>
      <c r="GN3455" s="91"/>
      <c r="GO3455" s="91"/>
      <c r="GP3455" s="91"/>
      <c r="GQ3455" s="91"/>
      <c r="GR3455" s="91"/>
      <c r="GS3455" s="91"/>
      <c r="GT3455" s="91"/>
      <c r="GU3455" s="91"/>
      <c r="GV3455" s="91"/>
      <c r="GW3455" s="91"/>
      <c r="GX3455" s="127"/>
      <c r="GY3455" s="126"/>
      <c r="GZ3455" s="91"/>
      <c r="HA3455" s="91"/>
      <c r="HB3455" s="91"/>
      <c r="HC3455" s="91"/>
      <c r="HD3455" s="91"/>
      <c r="HE3455" s="91"/>
      <c r="HF3455" s="91"/>
      <c r="HG3455" s="91"/>
      <c r="HH3455" s="91"/>
      <c r="HI3455" s="91"/>
      <c r="HJ3455" s="91"/>
      <c r="HK3455" s="127"/>
      <c r="HL3455" s="126"/>
      <c r="HM3455" s="91"/>
      <c r="HN3455" s="91"/>
      <c r="HO3455" s="91"/>
      <c r="HP3455" s="91"/>
      <c r="HQ3455" s="91"/>
      <c r="HR3455" s="91"/>
      <c r="HS3455" s="91"/>
      <c r="HT3455" s="91"/>
      <c r="HU3455" s="91"/>
      <c r="HV3455" s="91"/>
      <c r="HW3455" s="91"/>
      <c r="HX3455" s="127"/>
      <c r="HY3455" s="126"/>
      <c r="HZ3455" s="91"/>
      <c r="IA3455" s="91"/>
      <c r="IB3455" s="91"/>
      <c r="IC3455" s="91"/>
      <c r="ID3455" s="91"/>
      <c r="IE3455" s="91"/>
      <c r="IF3455" s="91"/>
      <c r="IG3455" s="91"/>
      <c r="IH3455" s="91"/>
      <c r="II3455" s="91"/>
      <c r="IJ3455" s="91"/>
      <c r="IK3455" s="174"/>
    </row>
    <row r="3456" spans="2:245" x14ac:dyDescent="0.2">
      <c r="B3456" s="43"/>
      <c r="C3456" s="73"/>
      <c r="D3456" s="64"/>
      <c r="E3456" s="64"/>
      <c r="F3456" s="55"/>
      <c r="G3456" s="102"/>
      <c r="H3456" s="97"/>
      <c r="T3456" s="98"/>
      <c r="U3456" s="97"/>
      <c r="AG3456" s="98"/>
      <c r="AY3456" s="164"/>
      <c r="BK3456" s="98"/>
      <c r="BL3456" s="97"/>
      <c r="BX3456" s="98"/>
      <c r="CL3456" s="97"/>
      <c r="CX3456" s="98"/>
      <c r="DL3456" s="97"/>
      <c r="DX3456" s="98"/>
      <c r="EL3456" s="97"/>
      <c r="EX3456" s="98"/>
      <c r="EY3456" s="97"/>
      <c r="FL3456" s="126"/>
      <c r="FM3456" s="91"/>
      <c r="FN3456" s="91"/>
      <c r="FO3456" s="91"/>
      <c r="FP3456" s="91"/>
      <c r="FQ3456" s="91"/>
      <c r="FR3456" s="91"/>
      <c r="FS3456" s="91"/>
      <c r="FT3456" s="91"/>
      <c r="FU3456" s="91"/>
      <c r="FV3456" s="91"/>
      <c r="FW3456" s="91"/>
      <c r="FX3456" s="127"/>
      <c r="FY3456" s="126"/>
      <c r="FZ3456" s="91"/>
      <c r="GA3456" s="91"/>
      <c r="GB3456" s="91"/>
      <c r="GC3456" s="91"/>
      <c r="GD3456" s="91"/>
      <c r="GE3456" s="91"/>
      <c r="GF3456" s="91"/>
      <c r="GG3456" s="91"/>
      <c r="GH3456" s="91"/>
      <c r="GI3456" s="91"/>
      <c r="GJ3456" s="91"/>
      <c r="GK3456" s="127"/>
      <c r="GL3456" s="126"/>
      <c r="GM3456" s="91"/>
      <c r="GN3456" s="91"/>
      <c r="GO3456" s="91"/>
      <c r="GP3456" s="91"/>
      <c r="GQ3456" s="91"/>
      <c r="GR3456" s="91"/>
      <c r="GS3456" s="91"/>
      <c r="GT3456" s="91"/>
      <c r="GU3456" s="91"/>
      <c r="GV3456" s="91"/>
      <c r="GW3456" s="91"/>
      <c r="GX3456" s="127"/>
      <c r="GY3456" s="126"/>
      <c r="GZ3456" s="91"/>
      <c r="HA3456" s="91"/>
      <c r="HB3456" s="91"/>
      <c r="HC3456" s="91"/>
      <c r="HD3456" s="91"/>
      <c r="HE3456" s="91"/>
      <c r="HF3456" s="91"/>
      <c r="HG3456" s="91"/>
      <c r="HH3456" s="91"/>
      <c r="HI3456" s="91"/>
      <c r="HJ3456" s="91"/>
      <c r="HK3456" s="127"/>
      <c r="HL3456" s="126"/>
      <c r="HM3456" s="91"/>
      <c r="HN3456" s="91"/>
      <c r="HO3456" s="91"/>
      <c r="HP3456" s="91"/>
      <c r="HQ3456" s="91"/>
      <c r="HR3456" s="91"/>
      <c r="HS3456" s="91"/>
      <c r="HT3456" s="91"/>
      <c r="HU3456" s="91"/>
      <c r="HV3456" s="91"/>
      <c r="HW3456" s="91"/>
      <c r="HX3456" s="127"/>
      <c r="HY3456" s="126"/>
      <c r="HZ3456" s="91"/>
      <c r="IA3456" s="91"/>
      <c r="IB3456" s="91"/>
      <c r="IC3456" s="91"/>
      <c r="ID3456" s="91"/>
      <c r="IE3456" s="91"/>
      <c r="IF3456" s="91"/>
      <c r="IG3456" s="91"/>
      <c r="IH3456" s="91"/>
      <c r="II3456" s="91"/>
      <c r="IJ3456" s="91"/>
      <c r="IK3456" s="174"/>
    </row>
    <row r="3457" spans="2:245" x14ac:dyDescent="0.2">
      <c r="B3457" s="43"/>
      <c r="C3457" s="73"/>
      <c r="D3457" s="64"/>
      <c r="E3457" s="64"/>
      <c r="F3457" s="55"/>
      <c r="G3457" s="102"/>
      <c r="H3457" s="97"/>
      <c r="T3457" s="98"/>
      <c r="U3457" s="97"/>
      <c r="AG3457" s="98"/>
      <c r="AY3457" s="164"/>
      <c r="BK3457" s="98"/>
      <c r="BL3457" s="97"/>
      <c r="BX3457" s="98"/>
      <c r="CL3457" s="97"/>
      <c r="CX3457" s="98"/>
      <c r="DL3457" s="97"/>
      <c r="DX3457" s="98"/>
      <c r="EL3457" s="97"/>
      <c r="EX3457" s="98"/>
      <c r="EY3457" s="97"/>
      <c r="FL3457" s="126"/>
      <c r="FM3457" s="91"/>
      <c r="FN3457" s="91"/>
      <c r="FO3457" s="91"/>
      <c r="FP3457" s="91"/>
      <c r="FQ3457" s="91"/>
      <c r="FR3457" s="91"/>
      <c r="FS3457" s="91"/>
      <c r="FT3457" s="91"/>
      <c r="FU3457" s="91"/>
      <c r="FV3457" s="91"/>
      <c r="FW3457" s="91"/>
      <c r="FX3457" s="127"/>
      <c r="FY3457" s="126"/>
      <c r="FZ3457" s="91"/>
      <c r="GA3457" s="91"/>
      <c r="GB3457" s="91"/>
      <c r="GC3457" s="91"/>
      <c r="GD3457" s="91"/>
      <c r="GE3457" s="91"/>
      <c r="GF3457" s="91"/>
      <c r="GG3457" s="91"/>
      <c r="GH3457" s="91"/>
      <c r="GI3457" s="91"/>
      <c r="GJ3457" s="91"/>
      <c r="GK3457" s="127"/>
      <c r="GL3457" s="126"/>
      <c r="GM3457" s="91"/>
      <c r="GN3457" s="91"/>
      <c r="GO3457" s="91"/>
      <c r="GP3457" s="91"/>
      <c r="GQ3457" s="91"/>
      <c r="GR3457" s="91"/>
      <c r="GS3457" s="91"/>
      <c r="GT3457" s="91"/>
      <c r="GU3457" s="91"/>
      <c r="GV3457" s="91"/>
      <c r="GW3457" s="91"/>
      <c r="GX3457" s="127"/>
      <c r="GY3457" s="126"/>
      <c r="GZ3457" s="91"/>
      <c r="HA3457" s="91"/>
      <c r="HB3457" s="91"/>
      <c r="HC3457" s="91"/>
      <c r="HD3457" s="91"/>
      <c r="HE3457" s="91"/>
      <c r="HF3457" s="91"/>
      <c r="HG3457" s="91"/>
      <c r="HH3457" s="91"/>
      <c r="HI3457" s="91"/>
      <c r="HJ3457" s="91"/>
      <c r="HK3457" s="127"/>
      <c r="HL3457" s="126"/>
      <c r="HM3457" s="91"/>
      <c r="HN3457" s="91"/>
      <c r="HO3457" s="91"/>
      <c r="HP3457" s="91"/>
      <c r="HQ3457" s="91"/>
      <c r="HR3457" s="91"/>
      <c r="HS3457" s="91"/>
      <c r="HT3457" s="91"/>
      <c r="HU3457" s="91"/>
      <c r="HV3457" s="91"/>
      <c r="HW3457" s="91"/>
      <c r="HX3457" s="127"/>
      <c r="HY3457" s="126"/>
      <c r="HZ3457" s="91"/>
      <c r="IA3457" s="91"/>
      <c r="IB3457" s="91"/>
      <c r="IC3457" s="91"/>
      <c r="ID3457" s="91"/>
      <c r="IE3457" s="91"/>
      <c r="IF3457" s="91"/>
      <c r="IG3457" s="91"/>
      <c r="IH3457" s="91"/>
      <c r="II3457" s="91"/>
      <c r="IJ3457" s="91"/>
      <c r="IK3457" s="174"/>
    </row>
    <row r="3458" spans="2:245" x14ac:dyDescent="0.2">
      <c r="B3458" s="43"/>
      <c r="C3458" s="73"/>
      <c r="D3458" s="64"/>
      <c r="E3458" s="64"/>
      <c r="F3458" s="55"/>
      <c r="G3458" s="102"/>
      <c r="H3458" s="97"/>
      <c r="T3458" s="98"/>
      <c r="U3458" s="97"/>
      <c r="AG3458" s="98"/>
      <c r="AY3458" s="164"/>
      <c r="BK3458" s="98"/>
      <c r="BL3458" s="97"/>
      <c r="BX3458" s="98"/>
      <c r="CL3458" s="97"/>
      <c r="CX3458" s="98"/>
      <c r="DL3458" s="97"/>
      <c r="DX3458" s="98"/>
      <c r="EL3458" s="97"/>
      <c r="EX3458" s="98"/>
      <c r="EY3458" s="97"/>
      <c r="FL3458" s="126"/>
      <c r="FM3458" s="91"/>
      <c r="FN3458" s="91"/>
      <c r="FO3458" s="91"/>
      <c r="FP3458" s="91"/>
      <c r="FQ3458" s="91"/>
      <c r="FR3458" s="91"/>
      <c r="FS3458" s="91"/>
      <c r="FT3458" s="91"/>
      <c r="FU3458" s="91"/>
      <c r="FV3458" s="91"/>
      <c r="FW3458" s="91"/>
      <c r="FX3458" s="127"/>
      <c r="FY3458" s="126"/>
      <c r="FZ3458" s="91"/>
      <c r="GA3458" s="91"/>
      <c r="GB3458" s="91"/>
      <c r="GC3458" s="91"/>
      <c r="GD3458" s="91"/>
      <c r="GE3458" s="91"/>
      <c r="GF3458" s="91"/>
      <c r="GG3458" s="91"/>
      <c r="GH3458" s="91"/>
      <c r="GI3458" s="91"/>
      <c r="GJ3458" s="91"/>
      <c r="GK3458" s="127"/>
      <c r="GL3458" s="126"/>
      <c r="GM3458" s="91"/>
      <c r="GN3458" s="91"/>
      <c r="GO3458" s="91"/>
      <c r="GP3458" s="91"/>
      <c r="GQ3458" s="91"/>
      <c r="GR3458" s="91"/>
      <c r="GS3458" s="91"/>
      <c r="GT3458" s="91"/>
      <c r="GU3458" s="91"/>
      <c r="GV3458" s="91"/>
      <c r="GW3458" s="91"/>
      <c r="GX3458" s="127"/>
      <c r="GY3458" s="126"/>
      <c r="GZ3458" s="91"/>
      <c r="HA3458" s="91"/>
      <c r="HB3458" s="91"/>
      <c r="HC3458" s="91"/>
      <c r="HD3458" s="91"/>
      <c r="HE3458" s="91"/>
      <c r="HF3458" s="91"/>
      <c r="HG3458" s="91"/>
      <c r="HH3458" s="91"/>
      <c r="HI3458" s="91"/>
      <c r="HJ3458" s="91"/>
      <c r="HK3458" s="127"/>
      <c r="HL3458" s="126"/>
      <c r="HM3458" s="91"/>
      <c r="HN3458" s="91"/>
      <c r="HO3458" s="91"/>
      <c r="HP3458" s="91"/>
      <c r="HQ3458" s="91"/>
      <c r="HR3458" s="91"/>
      <c r="HS3458" s="91"/>
      <c r="HT3458" s="91"/>
      <c r="HU3458" s="91"/>
      <c r="HV3458" s="91"/>
      <c r="HW3458" s="91"/>
      <c r="HX3458" s="127"/>
      <c r="HY3458" s="126"/>
      <c r="HZ3458" s="91"/>
      <c r="IA3458" s="91"/>
      <c r="IB3458" s="91"/>
      <c r="IC3458" s="91"/>
      <c r="ID3458" s="91"/>
      <c r="IE3458" s="91"/>
      <c r="IF3458" s="91"/>
      <c r="IG3458" s="91"/>
      <c r="IH3458" s="91"/>
      <c r="II3458" s="91"/>
      <c r="IJ3458" s="91"/>
      <c r="IK3458" s="174"/>
    </row>
    <row r="3459" spans="2:245" x14ac:dyDescent="0.2">
      <c r="B3459" s="43"/>
      <c r="C3459" s="73"/>
      <c r="D3459" s="64"/>
      <c r="E3459" s="64"/>
      <c r="F3459" s="55"/>
      <c r="G3459" s="102"/>
      <c r="H3459" s="97"/>
      <c r="T3459" s="98"/>
      <c r="U3459" s="97"/>
      <c r="AG3459" s="98"/>
      <c r="AY3459" s="164"/>
      <c r="BK3459" s="98"/>
      <c r="BL3459" s="97"/>
      <c r="BX3459" s="98"/>
      <c r="CL3459" s="97"/>
      <c r="CX3459" s="98"/>
      <c r="DL3459" s="97"/>
      <c r="DX3459" s="98"/>
      <c r="EL3459" s="97"/>
      <c r="EX3459" s="98"/>
      <c r="EY3459" s="97"/>
      <c r="FL3459" s="126"/>
      <c r="FM3459" s="91"/>
      <c r="FN3459" s="91"/>
      <c r="FO3459" s="91"/>
      <c r="FP3459" s="91"/>
      <c r="FQ3459" s="91"/>
      <c r="FR3459" s="91"/>
      <c r="FS3459" s="91"/>
      <c r="FT3459" s="91"/>
      <c r="FU3459" s="91"/>
      <c r="FV3459" s="91"/>
      <c r="FW3459" s="91"/>
      <c r="FX3459" s="127"/>
      <c r="FY3459" s="126"/>
      <c r="FZ3459" s="91"/>
      <c r="GA3459" s="91"/>
      <c r="GB3459" s="91"/>
      <c r="GC3459" s="91"/>
      <c r="GD3459" s="91"/>
      <c r="GE3459" s="91"/>
      <c r="GF3459" s="91"/>
      <c r="GG3459" s="91"/>
      <c r="GH3459" s="91"/>
      <c r="GI3459" s="91"/>
      <c r="GJ3459" s="91"/>
      <c r="GK3459" s="127"/>
      <c r="GL3459" s="126"/>
      <c r="GM3459" s="91"/>
      <c r="GN3459" s="91"/>
      <c r="GO3459" s="91"/>
      <c r="GP3459" s="91"/>
      <c r="GQ3459" s="91"/>
      <c r="GR3459" s="91"/>
      <c r="GS3459" s="91"/>
      <c r="GT3459" s="91"/>
      <c r="GU3459" s="91"/>
      <c r="GV3459" s="91"/>
      <c r="GW3459" s="91"/>
      <c r="GX3459" s="127"/>
      <c r="GY3459" s="126"/>
      <c r="GZ3459" s="91"/>
      <c r="HA3459" s="91"/>
      <c r="HB3459" s="91"/>
      <c r="HC3459" s="91"/>
      <c r="HD3459" s="91"/>
      <c r="HE3459" s="91"/>
      <c r="HF3459" s="91"/>
      <c r="HG3459" s="91"/>
      <c r="HH3459" s="91"/>
      <c r="HI3459" s="91"/>
      <c r="HJ3459" s="91"/>
      <c r="HK3459" s="127"/>
      <c r="HL3459" s="126"/>
      <c r="HM3459" s="91"/>
      <c r="HN3459" s="91"/>
      <c r="HO3459" s="91"/>
      <c r="HP3459" s="91"/>
      <c r="HQ3459" s="91"/>
      <c r="HR3459" s="91"/>
      <c r="HS3459" s="91"/>
      <c r="HT3459" s="91"/>
      <c r="HU3459" s="91"/>
      <c r="HV3459" s="91"/>
      <c r="HW3459" s="91"/>
      <c r="HX3459" s="127"/>
      <c r="HY3459" s="126"/>
      <c r="HZ3459" s="91"/>
      <c r="IA3459" s="91"/>
      <c r="IB3459" s="91"/>
      <c r="IC3459" s="91"/>
      <c r="ID3459" s="91"/>
      <c r="IE3459" s="91"/>
      <c r="IF3459" s="91"/>
      <c r="IG3459" s="91"/>
      <c r="IH3459" s="91"/>
      <c r="II3459" s="91"/>
      <c r="IJ3459" s="91"/>
      <c r="IK3459" s="174"/>
    </row>
    <row r="3460" spans="2:245" x14ac:dyDescent="0.2">
      <c r="B3460" s="43"/>
      <c r="C3460" s="73"/>
      <c r="D3460" s="64"/>
      <c r="E3460" s="64"/>
      <c r="F3460" s="55"/>
      <c r="G3460" s="102"/>
      <c r="H3460" s="97"/>
      <c r="T3460" s="98"/>
      <c r="U3460" s="97"/>
      <c r="AG3460" s="98"/>
      <c r="AY3460" s="164"/>
      <c r="BK3460" s="98"/>
      <c r="BL3460" s="97"/>
      <c r="BX3460" s="98"/>
      <c r="CL3460" s="97"/>
      <c r="CX3460" s="98"/>
      <c r="DL3460" s="97"/>
      <c r="DX3460" s="98"/>
      <c r="EL3460" s="97"/>
      <c r="EX3460" s="98"/>
      <c r="EY3460" s="97"/>
      <c r="FL3460" s="126"/>
      <c r="FM3460" s="91"/>
      <c r="FN3460" s="91"/>
      <c r="FO3460" s="91"/>
      <c r="FP3460" s="91"/>
      <c r="FQ3460" s="91"/>
      <c r="FR3460" s="91"/>
      <c r="FS3460" s="91"/>
      <c r="FT3460" s="91"/>
      <c r="FU3460" s="91"/>
      <c r="FV3460" s="91"/>
      <c r="FW3460" s="91"/>
      <c r="FX3460" s="127"/>
      <c r="FY3460" s="126"/>
      <c r="FZ3460" s="91"/>
      <c r="GA3460" s="91"/>
      <c r="GB3460" s="91"/>
      <c r="GC3460" s="91"/>
      <c r="GD3460" s="91"/>
      <c r="GE3460" s="91"/>
      <c r="GF3460" s="91"/>
      <c r="GG3460" s="91"/>
      <c r="GH3460" s="91"/>
      <c r="GI3460" s="91"/>
      <c r="GJ3460" s="91"/>
      <c r="GK3460" s="127"/>
      <c r="GL3460" s="126"/>
      <c r="GM3460" s="91"/>
      <c r="GN3460" s="91"/>
      <c r="GO3460" s="91"/>
      <c r="GP3460" s="91"/>
      <c r="GQ3460" s="91"/>
      <c r="GR3460" s="91"/>
      <c r="GS3460" s="91"/>
      <c r="GT3460" s="91"/>
      <c r="GU3460" s="91"/>
      <c r="GV3460" s="91"/>
      <c r="GW3460" s="91"/>
      <c r="GX3460" s="127"/>
      <c r="GY3460" s="126"/>
      <c r="GZ3460" s="91"/>
      <c r="HA3460" s="91"/>
      <c r="HB3460" s="91"/>
      <c r="HC3460" s="91"/>
      <c r="HD3460" s="91"/>
      <c r="HE3460" s="91"/>
      <c r="HF3460" s="91"/>
      <c r="HG3460" s="91"/>
      <c r="HH3460" s="91"/>
      <c r="HI3460" s="91"/>
      <c r="HJ3460" s="91"/>
      <c r="HK3460" s="127"/>
      <c r="HL3460" s="126"/>
      <c r="HM3460" s="91"/>
      <c r="HN3460" s="91"/>
      <c r="HO3460" s="91"/>
      <c r="HP3460" s="91"/>
      <c r="HQ3460" s="91"/>
      <c r="HR3460" s="91"/>
      <c r="HS3460" s="91"/>
      <c r="HT3460" s="91"/>
      <c r="HU3460" s="91"/>
      <c r="HV3460" s="91"/>
      <c r="HW3460" s="91"/>
      <c r="HX3460" s="127"/>
      <c r="HY3460" s="126"/>
      <c r="HZ3460" s="91"/>
      <c r="IA3460" s="91"/>
      <c r="IB3460" s="91"/>
      <c r="IC3460" s="91"/>
      <c r="ID3460" s="91"/>
      <c r="IE3460" s="91"/>
      <c r="IF3460" s="91"/>
      <c r="IG3460" s="91"/>
      <c r="IH3460" s="91"/>
      <c r="II3460" s="91"/>
      <c r="IJ3460" s="91"/>
      <c r="IK3460" s="174"/>
    </row>
    <row r="3461" spans="2:245" x14ac:dyDescent="0.2">
      <c r="B3461" s="43"/>
      <c r="C3461" s="73"/>
      <c r="D3461" s="64"/>
      <c r="E3461" s="64"/>
      <c r="F3461" s="55"/>
      <c r="G3461" s="102"/>
      <c r="H3461" s="97"/>
      <c r="T3461" s="98"/>
      <c r="U3461" s="97"/>
      <c r="AG3461" s="98"/>
      <c r="AY3461" s="164"/>
      <c r="BK3461" s="98"/>
      <c r="BL3461" s="97"/>
      <c r="BX3461" s="98"/>
      <c r="CL3461" s="97"/>
      <c r="CX3461" s="98"/>
      <c r="DL3461" s="97"/>
      <c r="DX3461" s="98"/>
      <c r="EL3461" s="97"/>
      <c r="EX3461" s="98"/>
      <c r="EY3461" s="97"/>
      <c r="FL3461" s="126"/>
      <c r="FM3461" s="91"/>
      <c r="FN3461" s="91"/>
      <c r="FO3461" s="91"/>
      <c r="FP3461" s="91"/>
      <c r="FQ3461" s="91"/>
      <c r="FR3461" s="91"/>
      <c r="FS3461" s="91"/>
      <c r="FT3461" s="91"/>
      <c r="FU3461" s="91"/>
      <c r="FV3461" s="91"/>
      <c r="FW3461" s="91"/>
      <c r="FX3461" s="127"/>
      <c r="FY3461" s="126"/>
      <c r="FZ3461" s="91"/>
      <c r="GA3461" s="91"/>
      <c r="GB3461" s="91"/>
      <c r="GC3461" s="91"/>
      <c r="GD3461" s="91"/>
      <c r="GE3461" s="91"/>
      <c r="GF3461" s="91"/>
      <c r="GG3461" s="91"/>
      <c r="GH3461" s="91"/>
      <c r="GI3461" s="91"/>
      <c r="GJ3461" s="91"/>
      <c r="GK3461" s="127"/>
      <c r="GL3461" s="126"/>
      <c r="GM3461" s="91"/>
      <c r="GN3461" s="91"/>
      <c r="GO3461" s="91"/>
      <c r="GP3461" s="91"/>
      <c r="GQ3461" s="91"/>
      <c r="GR3461" s="91"/>
      <c r="GS3461" s="91"/>
      <c r="GT3461" s="91"/>
      <c r="GU3461" s="91"/>
      <c r="GV3461" s="91"/>
      <c r="GW3461" s="91"/>
      <c r="GX3461" s="127"/>
      <c r="GY3461" s="126"/>
      <c r="GZ3461" s="91"/>
      <c r="HA3461" s="91"/>
      <c r="HB3461" s="91"/>
      <c r="HC3461" s="91"/>
      <c r="HD3461" s="91"/>
      <c r="HE3461" s="91"/>
      <c r="HF3461" s="91"/>
      <c r="HG3461" s="91"/>
      <c r="HH3461" s="91"/>
      <c r="HI3461" s="91"/>
      <c r="HJ3461" s="91"/>
      <c r="HK3461" s="127"/>
      <c r="HL3461" s="126"/>
      <c r="HM3461" s="91"/>
      <c r="HN3461" s="91"/>
      <c r="HO3461" s="91"/>
      <c r="HP3461" s="91"/>
      <c r="HQ3461" s="91"/>
      <c r="HR3461" s="91"/>
      <c r="HS3461" s="91"/>
      <c r="HT3461" s="91"/>
      <c r="HU3461" s="91"/>
      <c r="HV3461" s="91"/>
      <c r="HW3461" s="91"/>
      <c r="HX3461" s="127"/>
      <c r="HY3461" s="126"/>
      <c r="HZ3461" s="91"/>
      <c r="IA3461" s="91"/>
      <c r="IB3461" s="91"/>
      <c r="IC3461" s="91"/>
      <c r="ID3461" s="91"/>
      <c r="IE3461" s="91"/>
      <c r="IF3461" s="91"/>
      <c r="IG3461" s="91"/>
      <c r="IH3461" s="91"/>
      <c r="II3461" s="91"/>
      <c r="IJ3461" s="91"/>
      <c r="IK3461" s="174"/>
    </row>
    <row r="3462" spans="2:245" x14ac:dyDescent="0.2">
      <c r="B3462" s="43"/>
      <c r="C3462" s="73"/>
      <c r="D3462" s="64"/>
      <c r="E3462" s="64"/>
      <c r="F3462" s="55"/>
      <c r="G3462" s="102"/>
      <c r="H3462" s="97"/>
      <c r="T3462" s="98"/>
      <c r="U3462" s="97"/>
      <c r="AG3462" s="98"/>
      <c r="AY3462" s="164"/>
      <c r="BK3462" s="98"/>
      <c r="BL3462" s="97"/>
      <c r="BX3462" s="98"/>
      <c r="CL3462" s="97"/>
      <c r="CX3462" s="98"/>
      <c r="DL3462" s="97"/>
      <c r="DX3462" s="98"/>
      <c r="EL3462" s="97"/>
      <c r="EX3462" s="98"/>
      <c r="EY3462" s="97"/>
      <c r="FL3462" s="126"/>
      <c r="FM3462" s="91"/>
      <c r="FN3462" s="91"/>
      <c r="FO3462" s="91"/>
      <c r="FP3462" s="91"/>
      <c r="FQ3462" s="91"/>
      <c r="FR3462" s="91"/>
      <c r="FS3462" s="91"/>
      <c r="FT3462" s="91"/>
      <c r="FU3462" s="91"/>
      <c r="FV3462" s="91"/>
      <c r="FW3462" s="91"/>
      <c r="FX3462" s="127"/>
      <c r="FY3462" s="126"/>
      <c r="FZ3462" s="91"/>
      <c r="GA3462" s="91"/>
      <c r="GB3462" s="91"/>
      <c r="GC3462" s="91"/>
      <c r="GD3462" s="91"/>
      <c r="GE3462" s="91"/>
      <c r="GF3462" s="91"/>
      <c r="GG3462" s="91"/>
      <c r="GH3462" s="91"/>
      <c r="GI3462" s="91"/>
      <c r="GJ3462" s="91"/>
      <c r="GK3462" s="127"/>
      <c r="GL3462" s="126"/>
      <c r="GM3462" s="91"/>
      <c r="GN3462" s="91"/>
      <c r="GO3462" s="91"/>
      <c r="GP3462" s="91"/>
      <c r="GQ3462" s="91"/>
      <c r="GR3462" s="91"/>
      <c r="GS3462" s="91"/>
      <c r="GT3462" s="91"/>
      <c r="GU3462" s="91"/>
      <c r="GV3462" s="91"/>
      <c r="GW3462" s="91"/>
      <c r="GX3462" s="127"/>
      <c r="GY3462" s="126"/>
      <c r="GZ3462" s="91"/>
      <c r="HA3462" s="91"/>
      <c r="HB3462" s="91"/>
      <c r="HC3462" s="91"/>
      <c r="HD3462" s="91"/>
      <c r="HE3462" s="91"/>
      <c r="HF3462" s="91"/>
      <c r="HG3462" s="91"/>
      <c r="HH3462" s="91"/>
      <c r="HI3462" s="91"/>
      <c r="HJ3462" s="91"/>
      <c r="HK3462" s="127"/>
      <c r="HL3462" s="126"/>
      <c r="HM3462" s="91"/>
      <c r="HN3462" s="91"/>
      <c r="HO3462" s="91"/>
      <c r="HP3462" s="91"/>
      <c r="HQ3462" s="91"/>
      <c r="HR3462" s="91"/>
      <c r="HS3462" s="91"/>
      <c r="HT3462" s="91"/>
      <c r="HU3462" s="91"/>
      <c r="HV3462" s="91"/>
      <c r="HW3462" s="91"/>
      <c r="HX3462" s="127"/>
      <c r="HY3462" s="126"/>
      <c r="HZ3462" s="91"/>
      <c r="IA3462" s="91"/>
      <c r="IB3462" s="91"/>
      <c r="IC3462" s="91"/>
      <c r="ID3462" s="91"/>
      <c r="IE3462" s="91"/>
      <c r="IF3462" s="91"/>
      <c r="IG3462" s="91"/>
      <c r="IH3462" s="91"/>
      <c r="II3462" s="91"/>
      <c r="IJ3462" s="91"/>
      <c r="IK3462" s="174"/>
    </row>
    <row r="3463" spans="2:245" x14ac:dyDescent="0.2">
      <c r="B3463" s="43"/>
      <c r="C3463" s="73"/>
      <c r="D3463" s="64"/>
      <c r="E3463" s="64"/>
      <c r="F3463" s="55"/>
      <c r="G3463" s="102"/>
      <c r="H3463" s="97"/>
      <c r="T3463" s="98"/>
      <c r="U3463" s="97"/>
      <c r="AG3463" s="98"/>
      <c r="AY3463" s="164"/>
      <c r="BK3463" s="98"/>
      <c r="BL3463" s="97"/>
      <c r="BX3463" s="98"/>
      <c r="CL3463" s="97"/>
      <c r="CX3463" s="98"/>
      <c r="DL3463" s="97"/>
      <c r="DX3463" s="98"/>
      <c r="EL3463" s="97"/>
      <c r="EX3463" s="98"/>
      <c r="EY3463" s="97"/>
      <c r="FL3463" s="126"/>
      <c r="FM3463" s="91"/>
      <c r="FN3463" s="91"/>
      <c r="FO3463" s="91"/>
      <c r="FP3463" s="91"/>
      <c r="FQ3463" s="91"/>
      <c r="FR3463" s="91"/>
      <c r="FS3463" s="91"/>
      <c r="FT3463" s="91"/>
      <c r="FU3463" s="91"/>
      <c r="FV3463" s="91"/>
      <c r="FW3463" s="91"/>
      <c r="FX3463" s="127"/>
      <c r="FY3463" s="126"/>
      <c r="FZ3463" s="91"/>
      <c r="GA3463" s="91"/>
      <c r="GB3463" s="91"/>
      <c r="GC3463" s="91"/>
      <c r="GD3463" s="91"/>
      <c r="GE3463" s="91"/>
      <c r="GF3463" s="91"/>
      <c r="GG3463" s="91"/>
      <c r="GH3463" s="91"/>
      <c r="GI3463" s="91"/>
      <c r="GJ3463" s="91"/>
      <c r="GK3463" s="127"/>
      <c r="GL3463" s="126"/>
      <c r="GM3463" s="91"/>
      <c r="GN3463" s="91"/>
      <c r="GO3463" s="91"/>
      <c r="GP3463" s="91"/>
      <c r="GQ3463" s="91"/>
      <c r="GR3463" s="91"/>
      <c r="GS3463" s="91"/>
      <c r="GT3463" s="91"/>
      <c r="GU3463" s="91"/>
      <c r="GV3463" s="91"/>
      <c r="GW3463" s="91"/>
      <c r="GX3463" s="127"/>
      <c r="GY3463" s="126"/>
      <c r="GZ3463" s="91"/>
      <c r="HA3463" s="91"/>
      <c r="HB3463" s="91"/>
      <c r="HC3463" s="91"/>
      <c r="HD3463" s="91"/>
      <c r="HE3463" s="91"/>
      <c r="HF3463" s="91"/>
      <c r="HG3463" s="91"/>
      <c r="HH3463" s="91"/>
      <c r="HI3463" s="91"/>
      <c r="HJ3463" s="91"/>
      <c r="HK3463" s="127"/>
      <c r="HL3463" s="126"/>
      <c r="HM3463" s="91"/>
      <c r="HN3463" s="91"/>
      <c r="HO3463" s="91"/>
      <c r="HP3463" s="91"/>
      <c r="HQ3463" s="91"/>
      <c r="HR3463" s="91"/>
      <c r="HS3463" s="91"/>
      <c r="HT3463" s="91"/>
      <c r="HU3463" s="91"/>
      <c r="HV3463" s="91"/>
      <c r="HW3463" s="91"/>
      <c r="HX3463" s="127"/>
      <c r="HY3463" s="126"/>
      <c r="HZ3463" s="91"/>
      <c r="IA3463" s="91"/>
      <c r="IB3463" s="91"/>
      <c r="IC3463" s="91"/>
      <c r="ID3463" s="91"/>
      <c r="IE3463" s="91"/>
      <c r="IF3463" s="91"/>
      <c r="IG3463" s="91"/>
      <c r="IH3463" s="91"/>
      <c r="II3463" s="91"/>
      <c r="IJ3463" s="91"/>
      <c r="IK3463" s="174"/>
    </row>
    <row r="3464" spans="2:245" x14ac:dyDescent="0.2">
      <c r="B3464" s="43"/>
      <c r="C3464" s="73"/>
      <c r="D3464" s="64"/>
      <c r="E3464" s="64"/>
      <c r="F3464" s="55"/>
      <c r="G3464" s="102"/>
      <c r="H3464" s="97"/>
      <c r="T3464" s="98"/>
      <c r="U3464" s="97"/>
      <c r="AG3464" s="98"/>
      <c r="AY3464" s="164"/>
      <c r="BK3464" s="98"/>
      <c r="BL3464" s="97"/>
      <c r="BX3464" s="98"/>
      <c r="CL3464" s="97"/>
      <c r="CX3464" s="98"/>
      <c r="DL3464" s="97"/>
      <c r="DX3464" s="98"/>
      <c r="EL3464" s="97"/>
      <c r="EX3464" s="98"/>
      <c r="EY3464" s="97"/>
      <c r="FL3464" s="126"/>
      <c r="FM3464" s="91"/>
      <c r="FN3464" s="91"/>
      <c r="FO3464" s="91"/>
      <c r="FP3464" s="91"/>
      <c r="FQ3464" s="91"/>
      <c r="FR3464" s="91"/>
      <c r="FS3464" s="91"/>
      <c r="FT3464" s="91"/>
      <c r="FU3464" s="91"/>
      <c r="FV3464" s="91"/>
      <c r="FW3464" s="91"/>
      <c r="FX3464" s="127"/>
      <c r="FY3464" s="126"/>
      <c r="FZ3464" s="91"/>
      <c r="GA3464" s="91"/>
      <c r="GB3464" s="91"/>
      <c r="GC3464" s="91"/>
      <c r="GD3464" s="91"/>
      <c r="GE3464" s="91"/>
      <c r="GF3464" s="91"/>
      <c r="GG3464" s="91"/>
      <c r="GH3464" s="91"/>
      <c r="GI3464" s="91"/>
      <c r="GJ3464" s="91"/>
      <c r="GK3464" s="127"/>
      <c r="GL3464" s="126"/>
      <c r="GM3464" s="91"/>
      <c r="GN3464" s="91"/>
      <c r="GO3464" s="91"/>
      <c r="GP3464" s="91"/>
      <c r="GQ3464" s="91"/>
      <c r="GR3464" s="91"/>
      <c r="GS3464" s="91"/>
      <c r="GT3464" s="91"/>
      <c r="GU3464" s="91"/>
      <c r="GV3464" s="91"/>
      <c r="GW3464" s="91"/>
      <c r="GX3464" s="127"/>
      <c r="GY3464" s="126"/>
      <c r="GZ3464" s="91"/>
      <c r="HA3464" s="91"/>
      <c r="HB3464" s="91"/>
      <c r="HC3464" s="91"/>
      <c r="HD3464" s="91"/>
      <c r="HE3464" s="91"/>
      <c r="HF3464" s="91"/>
      <c r="HG3464" s="91"/>
      <c r="HH3464" s="91"/>
      <c r="HI3464" s="91"/>
      <c r="HJ3464" s="91"/>
      <c r="HK3464" s="127"/>
      <c r="HL3464" s="126"/>
      <c r="HM3464" s="91"/>
      <c r="HN3464" s="91"/>
      <c r="HO3464" s="91"/>
      <c r="HP3464" s="91"/>
      <c r="HQ3464" s="91"/>
      <c r="HR3464" s="91"/>
      <c r="HS3464" s="91"/>
      <c r="HT3464" s="91"/>
      <c r="HU3464" s="91"/>
      <c r="HV3464" s="91"/>
      <c r="HW3464" s="91"/>
      <c r="HX3464" s="127"/>
      <c r="HY3464" s="126"/>
      <c r="HZ3464" s="91"/>
      <c r="IA3464" s="91"/>
      <c r="IB3464" s="91"/>
      <c r="IC3464" s="91"/>
      <c r="ID3464" s="91"/>
      <c r="IE3464" s="91"/>
      <c r="IF3464" s="91"/>
      <c r="IG3464" s="91"/>
      <c r="IH3464" s="91"/>
      <c r="II3464" s="91"/>
      <c r="IJ3464" s="91"/>
      <c r="IK3464" s="174"/>
    </row>
    <row r="3465" spans="2:245" x14ac:dyDescent="0.2">
      <c r="B3465" s="43"/>
      <c r="C3465" s="73"/>
      <c r="D3465" s="64"/>
      <c r="E3465" s="64"/>
      <c r="F3465" s="55"/>
      <c r="G3465" s="102"/>
      <c r="H3465" s="97"/>
      <c r="T3465" s="98"/>
      <c r="U3465" s="97"/>
      <c r="AG3465" s="98"/>
      <c r="AY3465" s="164"/>
      <c r="BK3465" s="98"/>
      <c r="BL3465" s="97"/>
      <c r="BX3465" s="98"/>
      <c r="CL3465" s="97"/>
      <c r="CX3465" s="98"/>
      <c r="DL3465" s="97"/>
      <c r="DX3465" s="98"/>
      <c r="EL3465" s="97"/>
      <c r="EX3465" s="98"/>
      <c r="EY3465" s="97"/>
      <c r="FL3465" s="126"/>
      <c r="FM3465" s="91"/>
      <c r="FN3465" s="91"/>
      <c r="FO3465" s="91"/>
      <c r="FP3465" s="91"/>
      <c r="FQ3465" s="91"/>
      <c r="FR3465" s="91"/>
      <c r="FS3465" s="91"/>
      <c r="FT3465" s="91"/>
      <c r="FU3465" s="91"/>
      <c r="FV3465" s="91"/>
      <c r="FW3465" s="91"/>
      <c r="FX3465" s="127"/>
      <c r="FY3465" s="126"/>
      <c r="FZ3465" s="91"/>
      <c r="GA3465" s="91"/>
      <c r="GB3465" s="91"/>
      <c r="GC3465" s="91"/>
      <c r="GD3465" s="91"/>
      <c r="GE3465" s="91"/>
      <c r="GF3465" s="91"/>
      <c r="GG3465" s="91"/>
      <c r="GH3465" s="91"/>
      <c r="GI3465" s="91"/>
      <c r="GJ3465" s="91"/>
      <c r="GK3465" s="127"/>
      <c r="GL3465" s="126"/>
      <c r="GM3465" s="91"/>
      <c r="GN3465" s="91"/>
      <c r="GO3465" s="91"/>
      <c r="GP3465" s="91"/>
      <c r="GQ3465" s="91"/>
      <c r="GR3465" s="91"/>
      <c r="GS3465" s="91"/>
      <c r="GT3465" s="91"/>
      <c r="GU3465" s="91"/>
      <c r="GV3465" s="91"/>
      <c r="GW3465" s="91"/>
      <c r="GX3465" s="127"/>
      <c r="GY3465" s="126"/>
      <c r="GZ3465" s="91"/>
      <c r="HA3465" s="91"/>
      <c r="HB3465" s="91"/>
      <c r="HC3465" s="91"/>
      <c r="HD3465" s="91"/>
      <c r="HE3465" s="91"/>
      <c r="HF3465" s="91"/>
      <c r="HG3465" s="91"/>
      <c r="HH3465" s="91"/>
      <c r="HI3465" s="91"/>
      <c r="HJ3465" s="91"/>
      <c r="HK3465" s="127"/>
      <c r="HL3465" s="126"/>
      <c r="HM3465" s="91"/>
      <c r="HN3465" s="91"/>
      <c r="HO3465" s="91"/>
      <c r="HP3465" s="91"/>
      <c r="HQ3465" s="91"/>
      <c r="HR3465" s="91"/>
      <c r="HS3465" s="91"/>
      <c r="HT3465" s="91"/>
      <c r="HU3465" s="91"/>
      <c r="HV3465" s="91"/>
      <c r="HW3465" s="91"/>
      <c r="HX3465" s="127"/>
      <c r="HY3465" s="126"/>
      <c r="HZ3465" s="91"/>
      <c r="IA3465" s="91"/>
      <c r="IB3465" s="91"/>
      <c r="IC3465" s="91"/>
      <c r="ID3465" s="91"/>
      <c r="IE3465" s="91"/>
      <c r="IF3465" s="91"/>
      <c r="IG3465" s="91"/>
      <c r="IH3465" s="91"/>
      <c r="II3465" s="91"/>
      <c r="IJ3465" s="91"/>
      <c r="IK3465" s="174"/>
    </row>
    <row r="3466" spans="2:245" x14ac:dyDescent="0.2">
      <c r="B3466" s="43"/>
      <c r="C3466" s="73"/>
      <c r="D3466" s="64"/>
      <c r="E3466" s="64"/>
      <c r="F3466" s="55"/>
      <c r="G3466" s="102"/>
      <c r="H3466" s="97"/>
      <c r="T3466" s="98"/>
      <c r="U3466" s="97"/>
      <c r="AG3466" s="98"/>
      <c r="AY3466" s="164"/>
      <c r="BK3466" s="98"/>
      <c r="BL3466" s="97"/>
      <c r="BX3466" s="98"/>
      <c r="CL3466" s="97"/>
      <c r="CX3466" s="98"/>
      <c r="DL3466" s="97"/>
      <c r="DX3466" s="98"/>
      <c r="EL3466" s="97"/>
      <c r="EX3466" s="98"/>
      <c r="EY3466" s="97"/>
      <c r="FL3466" s="126"/>
      <c r="FM3466" s="91"/>
      <c r="FN3466" s="91"/>
      <c r="FO3466" s="91"/>
      <c r="FP3466" s="91"/>
      <c r="FQ3466" s="91"/>
      <c r="FR3466" s="91"/>
      <c r="FS3466" s="91"/>
      <c r="FT3466" s="91"/>
      <c r="FU3466" s="91"/>
      <c r="FV3466" s="91"/>
      <c r="FW3466" s="91"/>
      <c r="FX3466" s="127"/>
      <c r="FY3466" s="126"/>
      <c r="FZ3466" s="91"/>
      <c r="GA3466" s="91"/>
      <c r="GB3466" s="91"/>
      <c r="GC3466" s="91"/>
      <c r="GD3466" s="91"/>
      <c r="GE3466" s="91"/>
      <c r="GF3466" s="91"/>
      <c r="GG3466" s="91"/>
      <c r="GH3466" s="91"/>
      <c r="GI3466" s="91"/>
      <c r="GJ3466" s="91"/>
      <c r="GK3466" s="127"/>
      <c r="GL3466" s="126"/>
      <c r="GM3466" s="91"/>
      <c r="GN3466" s="91"/>
      <c r="GO3466" s="91"/>
      <c r="GP3466" s="91"/>
      <c r="GQ3466" s="91"/>
      <c r="GR3466" s="91"/>
      <c r="GS3466" s="91"/>
      <c r="GT3466" s="91"/>
      <c r="GU3466" s="91"/>
      <c r="GV3466" s="91"/>
      <c r="GW3466" s="91"/>
      <c r="GX3466" s="127"/>
      <c r="GY3466" s="126"/>
      <c r="GZ3466" s="91"/>
      <c r="HA3466" s="91"/>
      <c r="HB3466" s="91"/>
      <c r="HC3466" s="91"/>
      <c r="HD3466" s="91"/>
      <c r="HE3466" s="91"/>
      <c r="HF3466" s="91"/>
      <c r="HG3466" s="91"/>
      <c r="HH3466" s="91"/>
      <c r="HI3466" s="91"/>
      <c r="HJ3466" s="91"/>
      <c r="HK3466" s="127"/>
      <c r="HL3466" s="126"/>
      <c r="HM3466" s="91"/>
      <c r="HN3466" s="91"/>
      <c r="HO3466" s="91"/>
      <c r="HP3466" s="91"/>
      <c r="HQ3466" s="91"/>
      <c r="HR3466" s="91"/>
      <c r="HS3466" s="91"/>
      <c r="HT3466" s="91"/>
      <c r="HU3466" s="91"/>
      <c r="HV3466" s="91"/>
      <c r="HW3466" s="91"/>
      <c r="HX3466" s="127"/>
      <c r="HY3466" s="126"/>
      <c r="HZ3466" s="91"/>
      <c r="IA3466" s="91"/>
      <c r="IB3466" s="91"/>
      <c r="IC3466" s="91"/>
      <c r="ID3466" s="91"/>
      <c r="IE3466" s="91"/>
      <c r="IF3466" s="91"/>
      <c r="IG3466" s="91"/>
      <c r="IH3466" s="91"/>
      <c r="II3466" s="91"/>
      <c r="IJ3466" s="91"/>
      <c r="IK3466" s="174"/>
    </row>
    <row r="3467" spans="2:245" x14ac:dyDescent="0.2">
      <c r="B3467" s="43"/>
      <c r="C3467" s="73"/>
      <c r="D3467" s="64"/>
      <c r="E3467" s="64"/>
      <c r="F3467" s="55"/>
      <c r="G3467" s="102"/>
      <c r="H3467" s="97"/>
      <c r="T3467" s="98"/>
      <c r="U3467" s="97"/>
      <c r="AG3467" s="98"/>
      <c r="AY3467" s="164"/>
      <c r="BK3467" s="98"/>
      <c r="BL3467" s="97"/>
      <c r="BX3467" s="98"/>
      <c r="CL3467" s="97"/>
      <c r="CX3467" s="98"/>
      <c r="DL3467" s="97"/>
      <c r="DX3467" s="98"/>
      <c r="EL3467" s="97"/>
      <c r="EX3467" s="98"/>
      <c r="EY3467" s="97"/>
      <c r="FL3467" s="126"/>
      <c r="FM3467" s="91"/>
      <c r="FN3467" s="91"/>
      <c r="FO3467" s="91"/>
      <c r="FP3467" s="91"/>
      <c r="FQ3467" s="91"/>
      <c r="FR3467" s="91"/>
      <c r="FS3467" s="91"/>
      <c r="FT3467" s="91"/>
      <c r="FU3467" s="91"/>
      <c r="FV3467" s="91"/>
      <c r="FW3467" s="91"/>
      <c r="FX3467" s="127"/>
      <c r="FY3467" s="126"/>
      <c r="FZ3467" s="91"/>
      <c r="GA3467" s="91"/>
      <c r="GB3467" s="91"/>
      <c r="GC3467" s="91"/>
      <c r="GD3467" s="91"/>
      <c r="GE3467" s="91"/>
      <c r="GF3467" s="91"/>
      <c r="GG3467" s="91"/>
      <c r="GH3467" s="91"/>
      <c r="GI3467" s="91"/>
      <c r="GJ3467" s="91"/>
      <c r="GK3467" s="127"/>
      <c r="GL3467" s="126"/>
      <c r="GM3467" s="91"/>
      <c r="GN3467" s="91"/>
      <c r="GO3467" s="91"/>
      <c r="GP3467" s="91"/>
      <c r="GQ3467" s="91"/>
      <c r="GR3467" s="91"/>
      <c r="GS3467" s="91"/>
      <c r="GT3467" s="91"/>
      <c r="GU3467" s="91"/>
      <c r="GV3467" s="91"/>
      <c r="GW3467" s="91"/>
      <c r="GX3467" s="127"/>
      <c r="GY3467" s="126"/>
      <c r="GZ3467" s="91"/>
      <c r="HA3467" s="91"/>
      <c r="HB3467" s="91"/>
      <c r="HC3467" s="91"/>
      <c r="HD3467" s="91"/>
      <c r="HE3467" s="91"/>
      <c r="HF3467" s="91"/>
      <c r="HG3467" s="91"/>
      <c r="HH3467" s="91"/>
      <c r="HI3467" s="91"/>
      <c r="HJ3467" s="91"/>
      <c r="HK3467" s="127"/>
      <c r="HL3467" s="126"/>
      <c r="HM3467" s="91"/>
      <c r="HN3467" s="91"/>
      <c r="HO3467" s="91"/>
      <c r="HP3467" s="91"/>
      <c r="HQ3467" s="91"/>
      <c r="HR3467" s="91"/>
      <c r="HS3467" s="91"/>
      <c r="HT3467" s="91"/>
      <c r="HU3467" s="91"/>
      <c r="HV3467" s="91"/>
      <c r="HW3467" s="91"/>
      <c r="HX3467" s="127"/>
      <c r="HY3467" s="126"/>
      <c r="HZ3467" s="91"/>
      <c r="IA3467" s="91"/>
      <c r="IB3467" s="91"/>
      <c r="IC3467" s="91"/>
      <c r="ID3467" s="91"/>
      <c r="IE3467" s="91"/>
      <c r="IF3467" s="91"/>
      <c r="IG3467" s="91"/>
      <c r="IH3467" s="91"/>
      <c r="II3467" s="91"/>
      <c r="IJ3467" s="91"/>
      <c r="IK3467" s="174"/>
    </row>
    <row r="3468" spans="2:245" x14ac:dyDescent="0.2">
      <c r="B3468" s="43"/>
      <c r="C3468" s="73"/>
      <c r="D3468" s="64"/>
      <c r="E3468" s="64"/>
      <c r="F3468" s="55"/>
      <c r="G3468" s="102"/>
      <c r="H3468" s="97"/>
      <c r="T3468" s="98"/>
      <c r="U3468" s="97"/>
      <c r="AG3468" s="98"/>
      <c r="AY3468" s="164"/>
      <c r="BK3468" s="98"/>
      <c r="BL3468" s="97"/>
      <c r="BX3468" s="98"/>
      <c r="CL3468" s="97"/>
      <c r="CX3468" s="98"/>
      <c r="DL3468" s="97"/>
      <c r="DX3468" s="98"/>
      <c r="EL3468" s="97"/>
      <c r="EX3468" s="98"/>
      <c r="EY3468" s="97"/>
      <c r="FL3468" s="126"/>
      <c r="FM3468" s="91"/>
      <c r="FN3468" s="91"/>
      <c r="FO3468" s="91"/>
      <c r="FP3468" s="91"/>
      <c r="FQ3468" s="91"/>
      <c r="FR3468" s="91"/>
      <c r="FS3468" s="91"/>
      <c r="FT3468" s="91"/>
      <c r="FU3468" s="91"/>
      <c r="FV3468" s="91"/>
      <c r="FW3468" s="91"/>
      <c r="FX3468" s="127"/>
      <c r="FY3468" s="126"/>
      <c r="FZ3468" s="91"/>
      <c r="GA3468" s="91"/>
      <c r="GB3468" s="91"/>
      <c r="GC3468" s="91"/>
      <c r="GD3468" s="91"/>
      <c r="GE3468" s="91"/>
      <c r="GF3468" s="91"/>
      <c r="GG3468" s="91"/>
      <c r="GH3468" s="91"/>
      <c r="GI3468" s="91"/>
      <c r="GJ3468" s="91"/>
      <c r="GK3468" s="127"/>
      <c r="GL3468" s="126"/>
      <c r="GM3468" s="91"/>
      <c r="GN3468" s="91"/>
      <c r="GO3468" s="91"/>
      <c r="GP3468" s="91"/>
      <c r="GQ3468" s="91"/>
      <c r="GR3468" s="91"/>
      <c r="GS3468" s="91"/>
      <c r="GT3468" s="91"/>
      <c r="GU3468" s="91"/>
      <c r="GV3468" s="91"/>
      <c r="GW3468" s="91"/>
      <c r="GX3468" s="127"/>
      <c r="GY3468" s="126"/>
      <c r="GZ3468" s="91"/>
      <c r="HA3468" s="91"/>
      <c r="HB3468" s="91"/>
      <c r="HC3468" s="91"/>
      <c r="HD3468" s="91"/>
      <c r="HE3468" s="91"/>
      <c r="HF3468" s="91"/>
      <c r="HG3468" s="91"/>
      <c r="HH3468" s="91"/>
      <c r="HI3468" s="91"/>
      <c r="HJ3468" s="91"/>
      <c r="HK3468" s="127"/>
      <c r="HL3468" s="126"/>
      <c r="HM3468" s="91"/>
      <c r="HN3468" s="91"/>
      <c r="HO3468" s="91"/>
      <c r="HP3468" s="91"/>
      <c r="HQ3468" s="91"/>
      <c r="HR3468" s="91"/>
      <c r="HS3468" s="91"/>
      <c r="HT3468" s="91"/>
      <c r="HU3468" s="91"/>
      <c r="HV3468" s="91"/>
      <c r="HW3468" s="91"/>
      <c r="HX3468" s="127"/>
      <c r="HY3468" s="126"/>
      <c r="HZ3468" s="91"/>
      <c r="IA3468" s="91"/>
      <c r="IB3468" s="91"/>
      <c r="IC3468" s="91"/>
      <c r="ID3468" s="91"/>
      <c r="IE3468" s="91"/>
      <c r="IF3468" s="91"/>
      <c r="IG3468" s="91"/>
      <c r="IH3468" s="91"/>
      <c r="II3468" s="91"/>
      <c r="IJ3468" s="91"/>
      <c r="IK3468" s="174"/>
    </row>
    <row r="3469" spans="2:245" x14ac:dyDescent="0.2">
      <c r="B3469" s="43"/>
      <c r="C3469" s="73"/>
      <c r="D3469" s="64"/>
      <c r="E3469" s="64"/>
      <c r="F3469" s="55"/>
      <c r="G3469" s="102"/>
      <c r="H3469" s="97"/>
      <c r="T3469" s="98"/>
      <c r="U3469" s="97"/>
      <c r="AG3469" s="98"/>
      <c r="AY3469" s="164"/>
      <c r="BK3469" s="98"/>
      <c r="BL3469" s="97"/>
      <c r="BX3469" s="98"/>
      <c r="CL3469" s="97"/>
      <c r="CX3469" s="98"/>
      <c r="DL3469" s="97"/>
      <c r="DX3469" s="98"/>
      <c r="EL3469" s="97"/>
      <c r="EX3469" s="98"/>
      <c r="EY3469" s="97"/>
      <c r="FL3469" s="126"/>
      <c r="FM3469" s="91"/>
      <c r="FN3469" s="91"/>
      <c r="FO3469" s="91"/>
      <c r="FP3469" s="91"/>
      <c r="FQ3469" s="91"/>
      <c r="FR3469" s="91"/>
      <c r="FS3469" s="91"/>
      <c r="FT3469" s="91"/>
      <c r="FU3469" s="91"/>
      <c r="FV3469" s="91"/>
      <c r="FW3469" s="91"/>
      <c r="FX3469" s="127"/>
      <c r="FY3469" s="126"/>
      <c r="FZ3469" s="91"/>
      <c r="GA3469" s="91"/>
      <c r="GB3469" s="91"/>
      <c r="GC3469" s="91"/>
      <c r="GD3469" s="91"/>
      <c r="GE3469" s="91"/>
      <c r="GF3469" s="91"/>
      <c r="GG3469" s="91"/>
      <c r="GH3469" s="91"/>
      <c r="GI3469" s="91"/>
      <c r="GJ3469" s="91"/>
      <c r="GK3469" s="127"/>
      <c r="GL3469" s="126"/>
      <c r="GM3469" s="91"/>
      <c r="GN3469" s="91"/>
      <c r="GO3469" s="91"/>
      <c r="GP3469" s="91"/>
      <c r="GQ3469" s="91"/>
      <c r="GR3469" s="91"/>
      <c r="GS3469" s="91"/>
      <c r="GT3469" s="91"/>
      <c r="GU3469" s="91"/>
      <c r="GV3469" s="91"/>
      <c r="GW3469" s="91"/>
      <c r="GX3469" s="127"/>
      <c r="GY3469" s="126"/>
      <c r="GZ3469" s="91"/>
      <c r="HA3469" s="91"/>
      <c r="HB3469" s="91"/>
      <c r="HC3469" s="91"/>
      <c r="HD3469" s="91"/>
      <c r="HE3469" s="91"/>
      <c r="HF3469" s="91"/>
      <c r="HG3469" s="91"/>
      <c r="HH3469" s="91"/>
      <c r="HI3469" s="91"/>
      <c r="HJ3469" s="91"/>
      <c r="HK3469" s="127"/>
      <c r="HL3469" s="126"/>
      <c r="HM3469" s="91"/>
      <c r="HN3469" s="91"/>
      <c r="HO3469" s="91"/>
      <c r="HP3469" s="91"/>
      <c r="HQ3469" s="91"/>
      <c r="HR3469" s="91"/>
      <c r="HS3469" s="91"/>
      <c r="HT3469" s="91"/>
      <c r="HU3469" s="91"/>
      <c r="HV3469" s="91"/>
      <c r="HW3469" s="91"/>
      <c r="HX3469" s="127"/>
      <c r="HY3469" s="126"/>
      <c r="HZ3469" s="91"/>
      <c r="IA3469" s="91"/>
      <c r="IB3469" s="91"/>
      <c r="IC3469" s="91"/>
      <c r="ID3469" s="91"/>
      <c r="IE3469" s="91"/>
      <c r="IF3469" s="91"/>
      <c r="IG3469" s="91"/>
      <c r="IH3469" s="91"/>
      <c r="II3469" s="91"/>
      <c r="IJ3469" s="91"/>
      <c r="IK3469" s="174"/>
    </row>
    <row r="3470" spans="2:245" x14ac:dyDescent="0.2">
      <c r="B3470" s="43"/>
      <c r="C3470" s="73"/>
      <c r="D3470" s="64"/>
      <c r="E3470" s="64"/>
      <c r="F3470" s="55"/>
      <c r="G3470" s="102"/>
      <c r="H3470" s="97"/>
      <c r="T3470" s="98"/>
      <c r="U3470" s="97"/>
      <c r="AG3470" s="98"/>
      <c r="AY3470" s="164"/>
      <c r="BK3470" s="98"/>
      <c r="BL3470" s="97"/>
      <c r="BX3470" s="98"/>
      <c r="CL3470" s="97"/>
      <c r="CX3470" s="98"/>
      <c r="DL3470" s="97"/>
      <c r="DX3470" s="98"/>
      <c r="EL3470" s="97"/>
      <c r="EX3470" s="98"/>
      <c r="EY3470" s="97"/>
      <c r="FL3470" s="126"/>
      <c r="FM3470" s="91"/>
      <c r="FN3470" s="91"/>
      <c r="FO3470" s="91"/>
      <c r="FP3470" s="91"/>
      <c r="FQ3470" s="91"/>
      <c r="FR3470" s="91"/>
      <c r="FS3470" s="91"/>
      <c r="FT3470" s="91"/>
      <c r="FU3470" s="91"/>
      <c r="FV3470" s="91"/>
      <c r="FW3470" s="91"/>
      <c r="FX3470" s="127"/>
      <c r="FY3470" s="126"/>
      <c r="FZ3470" s="91"/>
      <c r="GA3470" s="91"/>
      <c r="GB3470" s="91"/>
      <c r="GC3470" s="91"/>
      <c r="GD3470" s="91"/>
      <c r="GE3470" s="91"/>
      <c r="GF3470" s="91"/>
      <c r="GG3470" s="91"/>
      <c r="GH3470" s="91"/>
      <c r="GI3470" s="91"/>
      <c r="GJ3470" s="91"/>
      <c r="GK3470" s="127"/>
      <c r="GL3470" s="126"/>
      <c r="GM3470" s="91"/>
      <c r="GN3470" s="91"/>
      <c r="GO3470" s="91"/>
      <c r="GP3470" s="91"/>
      <c r="GQ3470" s="91"/>
      <c r="GR3470" s="91"/>
      <c r="GS3470" s="91"/>
      <c r="GT3470" s="91"/>
      <c r="GU3470" s="91"/>
      <c r="GV3470" s="91"/>
      <c r="GW3470" s="91"/>
      <c r="GX3470" s="127"/>
      <c r="GY3470" s="126"/>
      <c r="GZ3470" s="91"/>
      <c r="HA3470" s="91"/>
      <c r="HB3470" s="91"/>
      <c r="HC3470" s="91"/>
      <c r="HD3470" s="91"/>
      <c r="HE3470" s="91"/>
      <c r="HF3470" s="91"/>
      <c r="HG3470" s="91"/>
      <c r="HH3470" s="91"/>
      <c r="HI3470" s="91"/>
      <c r="HJ3470" s="91"/>
      <c r="HK3470" s="127"/>
      <c r="HL3470" s="126"/>
      <c r="HM3470" s="91"/>
      <c r="HN3470" s="91"/>
      <c r="HO3470" s="91"/>
      <c r="HP3470" s="91"/>
      <c r="HQ3470" s="91"/>
      <c r="HR3470" s="91"/>
      <c r="HS3470" s="91"/>
      <c r="HT3470" s="91"/>
      <c r="HU3470" s="91"/>
      <c r="HV3470" s="91"/>
      <c r="HW3470" s="91"/>
      <c r="HX3470" s="127"/>
      <c r="HY3470" s="126"/>
      <c r="HZ3470" s="91"/>
      <c r="IA3470" s="91"/>
      <c r="IB3470" s="91"/>
      <c r="IC3470" s="91"/>
      <c r="ID3470" s="91"/>
      <c r="IE3470" s="91"/>
      <c r="IF3470" s="91"/>
      <c r="IG3470" s="91"/>
      <c r="IH3470" s="91"/>
      <c r="II3470" s="91"/>
      <c r="IJ3470" s="91"/>
      <c r="IK3470" s="174"/>
    </row>
    <row r="3471" spans="2:245" x14ac:dyDescent="0.2">
      <c r="B3471" s="43"/>
      <c r="C3471" s="73"/>
      <c r="D3471" s="64"/>
      <c r="E3471" s="64"/>
      <c r="F3471" s="55"/>
      <c r="G3471" s="102"/>
      <c r="H3471" s="97"/>
      <c r="T3471" s="98"/>
      <c r="U3471" s="97"/>
      <c r="AG3471" s="98"/>
      <c r="AY3471" s="164"/>
      <c r="BK3471" s="98"/>
      <c r="BL3471" s="97"/>
      <c r="BX3471" s="98"/>
      <c r="CL3471" s="97"/>
      <c r="CX3471" s="98"/>
      <c r="DL3471" s="97"/>
      <c r="DX3471" s="98"/>
      <c r="EL3471" s="97"/>
      <c r="EX3471" s="98"/>
      <c r="EY3471" s="97"/>
      <c r="FL3471" s="126"/>
      <c r="FM3471" s="91"/>
      <c r="FN3471" s="91"/>
      <c r="FO3471" s="91"/>
      <c r="FP3471" s="91"/>
      <c r="FQ3471" s="91"/>
      <c r="FR3471" s="91"/>
      <c r="FS3471" s="91"/>
      <c r="FT3471" s="91"/>
      <c r="FU3471" s="91"/>
      <c r="FV3471" s="91"/>
      <c r="FW3471" s="91"/>
      <c r="FX3471" s="127"/>
      <c r="FY3471" s="126"/>
      <c r="FZ3471" s="91"/>
      <c r="GA3471" s="91"/>
      <c r="GB3471" s="91"/>
      <c r="GC3471" s="91"/>
      <c r="GD3471" s="91"/>
      <c r="GE3471" s="91"/>
      <c r="GF3471" s="91"/>
      <c r="GG3471" s="91"/>
      <c r="GH3471" s="91"/>
      <c r="GI3471" s="91"/>
      <c r="GJ3471" s="91"/>
      <c r="GK3471" s="127"/>
      <c r="GL3471" s="126"/>
      <c r="GM3471" s="91"/>
      <c r="GN3471" s="91"/>
      <c r="GO3471" s="91"/>
      <c r="GP3471" s="91"/>
      <c r="GQ3471" s="91"/>
      <c r="GR3471" s="91"/>
      <c r="GS3471" s="91"/>
      <c r="GT3471" s="91"/>
      <c r="GU3471" s="91"/>
      <c r="GV3471" s="91"/>
      <c r="GW3471" s="91"/>
      <c r="GX3471" s="127"/>
      <c r="GY3471" s="126"/>
      <c r="GZ3471" s="91"/>
      <c r="HA3471" s="91"/>
      <c r="HB3471" s="91"/>
      <c r="HC3471" s="91"/>
      <c r="HD3471" s="91"/>
      <c r="HE3471" s="91"/>
      <c r="HF3471" s="91"/>
      <c r="HG3471" s="91"/>
      <c r="HH3471" s="91"/>
      <c r="HI3471" s="91"/>
      <c r="HJ3471" s="91"/>
      <c r="HK3471" s="127"/>
      <c r="HL3471" s="126"/>
      <c r="HM3471" s="91"/>
      <c r="HN3471" s="91"/>
      <c r="HO3471" s="91"/>
      <c r="HP3471" s="91"/>
      <c r="HQ3471" s="91"/>
      <c r="HR3471" s="91"/>
      <c r="HS3471" s="91"/>
      <c r="HT3471" s="91"/>
      <c r="HU3471" s="91"/>
      <c r="HV3471" s="91"/>
      <c r="HW3471" s="91"/>
      <c r="HX3471" s="127"/>
      <c r="HY3471" s="126"/>
      <c r="HZ3471" s="91"/>
      <c r="IA3471" s="91"/>
      <c r="IB3471" s="91"/>
      <c r="IC3471" s="91"/>
      <c r="ID3471" s="91"/>
      <c r="IE3471" s="91"/>
      <c r="IF3471" s="91"/>
      <c r="IG3471" s="91"/>
      <c r="IH3471" s="91"/>
      <c r="II3471" s="91"/>
      <c r="IJ3471" s="91"/>
      <c r="IK3471" s="174"/>
    </row>
    <row r="3472" spans="2:245" x14ac:dyDescent="0.2">
      <c r="B3472" s="43"/>
      <c r="C3472" s="73"/>
      <c r="D3472" s="64"/>
      <c r="E3472" s="64"/>
      <c r="F3472" s="55"/>
      <c r="G3472" s="102"/>
      <c r="H3472" s="97"/>
      <c r="T3472" s="98"/>
      <c r="U3472" s="97"/>
      <c r="AG3472" s="98"/>
      <c r="AY3472" s="164"/>
      <c r="BK3472" s="98"/>
      <c r="BL3472" s="97"/>
      <c r="BX3472" s="98"/>
      <c r="CL3472" s="97"/>
      <c r="CX3472" s="98"/>
      <c r="DL3472" s="97"/>
      <c r="DX3472" s="98"/>
      <c r="EL3472" s="97"/>
      <c r="EX3472" s="98"/>
      <c r="EY3472" s="97"/>
      <c r="FL3472" s="126"/>
      <c r="FM3472" s="91"/>
      <c r="FN3472" s="91"/>
      <c r="FO3472" s="91"/>
      <c r="FP3472" s="91"/>
      <c r="FQ3472" s="91"/>
      <c r="FR3472" s="91"/>
      <c r="FS3472" s="91"/>
      <c r="FT3472" s="91"/>
      <c r="FU3472" s="91"/>
      <c r="FV3472" s="91"/>
      <c r="FW3472" s="91"/>
      <c r="FX3472" s="127"/>
      <c r="FY3472" s="126"/>
      <c r="FZ3472" s="91"/>
      <c r="GA3472" s="91"/>
      <c r="GB3472" s="91"/>
      <c r="GC3472" s="91"/>
      <c r="GD3472" s="91"/>
      <c r="GE3472" s="91"/>
      <c r="GF3472" s="91"/>
      <c r="GG3472" s="91"/>
      <c r="GH3472" s="91"/>
      <c r="GI3472" s="91"/>
      <c r="GJ3472" s="91"/>
      <c r="GK3472" s="127"/>
      <c r="GL3472" s="126"/>
      <c r="GM3472" s="91"/>
      <c r="GN3472" s="91"/>
      <c r="GO3472" s="91"/>
      <c r="GP3472" s="91"/>
      <c r="GQ3472" s="91"/>
      <c r="GR3472" s="91"/>
      <c r="GS3472" s="91"/>
      <c r="GT3472" s="91"/>
      <c r="GU3472" s="91"/>
      <c r="GV3472" s="91"/>
      <c r="GW3472" s="91"/>
      <c r="GX3472" s="127"/>
      <c r="GY3472" s="126"/>
      <c r="GZ3472" s="91"/>
      <c r="HA3472" s="91"/>
      <c r="HB3472" s="91"/>
      <c r="HC3472" s="91"/>
      <c r="HD3472" s="91"/>
      <c r="HE3472" s="91"/>
      <c r="HF3472" s="91"/>
      <c r="HG3472" s="91"/>
      <c r="HH3472" s="91"/>
      <c r="HI3472" s="91"/>
      <c r="HJ3472" s="91"/>
      <c r="HK3472" s="127"/>
      <c r="HL3472" s="126"/>
      <c r="HM3472" s="91"/>
      <c r="HN3472" s="91"/>
      <c r="HO3472" s="91"/>
      <c r="HP3472" s="91"/>
      <c r="HQ3472" s="91"/>
      <c r="HR3472" s="91"/>
      <c r="HS3472" s="91"/>
      <c r="HT3472" s="91"/>
      <c r="HU3472" s="91"/>
      <c r="HV3472" s="91"/>
      <c r="HW3472" s="91"/>
      <c r="HX3472" s="127"/>
      <c r="HY3472" s="126"/>
      <c r="HZ3472" s="91"/>
      <c r="IA3472" s="91"/>
      <c r="IB3472" s="91"/>
      <c r="IC3472" s="91"/>
      <c r="ID3472" s="91"/>
      <c r="IE3472" s="91"/>
      <c r="IF3472" s="91"/>
      <c r="IG3472" s="91"/>
      <c r="IH3472" s="91"/>
      <c r="II3472" s="91"/>
      <c r="IJ3472" s="91"/>
      <c r="IK3472" s="174"/>
    </row>
    <row r="3473" spans="2:245" x14ac:dyDescent="0.2">
      <c r="B3473" s="43"/>
      <c r="C3473" s="73"/>
      <c r="D3473" s="64"/>
      <c r="E3473" s="64"/>
      <c r="F3473" s="55"/>
      <c r="G3473" s="102"/>
      <c r="H3473" s="97"/>
      <c r="T3473" s="98"/>
      <c r="U3473" s="97"/>
      <c r="AG3473" s="98"/>
      <c r="AY3473" s="164"/>
      <c r="BK3473" s="98"/>
      <c r="BL3473" s="97"/>
      <c r="BX3473" s="98"/>
      <c r="CL3473" s="97"/>
      <c r="CX3473" s="98"/>
      <c r="DL3473" s="97"/>
      <c r="DX3473" s="98"/>
      <c r="EL3473" s="97"/>
      <c r="EX3473" s="98"/>
      <c r="EY3473" s="97"/>
      <c r="FL3473" s="126"/>
      <c r="FM3473" s="91"/>
      <c r="FN3473" s="91"/>
      <c r="FO3473" s="91"/>
      <c r="FP3473" s="91"/>
      <c r="FQ3473" s="91"/>
      <c r="FR3473" s="91"/>
      <c r="FS3473" s="91"/>
      <c r="FT3473" s="91"/>
      <c r="FU3473" s="91"/>
      <c r="FV3473" s="91"/>
      <c r="FW3473" s="91"/>
      <c r="FX3473" s="127"/>
      <c r="FY3473" s="126"/>
      <c r="FZ3473" s="91"/>
      <c r="GA3473" s="91"/>
      <c r="GB3473" s="91"/>
      <c r="GC3473" s="91"/>
      <c r="GD3473" s="91"/>
      <c r="GE3473" s="91"/>
      <c r="GF3473" s="91"/>
      <c r="GG3473" s="91"/>
      <c r="GH3473" s="91"/>
      <c r="GI3473" s="91"/>
      <c r="GJ3473" s="91"/>
      <c r="GK3473" s="127"/>
      <c r="GL3473" s="126"/>
      <c r="GM3473" s="91"/>
      <c r="GN3473" s="91"/>
      <c r="GO3473" s="91"/>
      <c r="GP3473" s="91"/>
      <c r="GQ3473" s="91"/>
      <c r="GR3473" s="91"/>
      <c r="GS3473" s="91"/>
      <c r="GT3473" s="91"/>
      <c r="GU3473" s="91"/>
      <c r="GV3473" s="91"/>
      <c r="GW3473" s="91"/>
      <c r="GX3473" s="127"/>
      <c r="GY3473" s="126"/>
      <c r="GZ3473" s="91"/>
      <c r="HA3473" s="91"/>
      <c r="HB3473" s="91"/>
      <c r="HC3473" s="91"/>
      <c r="HD3473" s="91"/>
      <c r="HE3473" s="91"/>
      <c r="HF3473" s="91"/>
      <c r="HG3473" s="91"/>
      <c r="HH3473" s="91"/>
      <c r="HI3473" s="91"/>
      <c r="HJ3473" s="91"/>
      <c r="HK3473" s="127"/>
      <c r="HL3473" s="126"/>
      <c r="HM3473" s="91"/>
      <c r="HN3473" s="91"/>
      <c r="HO3473" s="91"/>
      <c r="HP3473" s="91"/>
      <c r="HQ3473" s="91"/>
      <c r="HR3473" s="91"/>
      <c r="HS3473" s="91"/>
      <c r="HT3473" s="91"/>
      <c r="HU3473" s="91"/>
      <c r="HV3473" s="91"/>
      <c r="HW3473" s="91"/>
      <c r="HX3473" s="127"/>
      <c r="HY3473" s="126"/>
      <c r="HZ3473" s="91"/>
      <c r="IA3473" s="91"/>
      <c r="IB3473" s="91"/>
      <c r="IC3473" s="91"/>
      <c r="ID3473" s="91"/>
      <c r="IE3473" s="91"/>
      <c r="IF3473" s="91"/>
      <c r="IG3473" s="91"/>
      <c r="IH3473" s="91"/>
      <c r="II3473" s="91"/>
      <c r="IJ3473" s="91"/>
      <c r="IK3473" s="174"/>
    </row>
    <row r="3474" spans="2:245" x14ac:dyDescent="0.2">
      <c r="B3474" s="43"/>
      <c r="C3474" s="73"/>
      <c r="D3474" s="64"/>
      <c r="E3474" s="64"/>
      <c r="F3474" s="55"/>
      <c r="G3474" s="102"/>
      <c r="H3474" s="97"/>
      <c r="T3474" s="98"/>
      <c r="U3474" s="97"/>
      <c r="AG3474" s="98"/>
      <c r="AY3474" s="164"/>
      <c r="BK3474" s="98"/>
      <c r="BL3474" s="97"/>
      <c r="BX3474" s="98"/>
      <c r="CL3474" s="97"/>
      <c r="CX3474" s="98"/>
      <c r="DL3474" s="97"/>
      <c r="DX3474" s="98"/>
      <c r="EL3474" s="97"/>
      <c r="EX3474" s="98"/>
      <c r="EY3474" s="97"/>
      <c r="FL3474" s="126"/>
      <c r="FM3474" s="91"/>
      <c r="FN3474" s="91"/>
      <c r="FO3474" s="91"/>
      <c r="FP3474" s="91"/>
      <c r="FQ3474" s="91"/>
      <c r="FR3474" s="91"/>
      <c r="FS3474" s="91"/>
      <c r="FT3474" s="91"/>
      <c r="FU3474" s="91"/>
      <c r="FV3474" s="91"/>
      <c r="FW3474" s="91"/>
      <c r="FX3474" s="127"/>
      <c r="FY3474" s="126"/>
      <c r="FZ3474" s="91"/>
      <c r="GA3474" s="91"/>
      <c r="GB3474" s="91"/>
      <c r="GC3474" s="91"/>
      <c r="GD3474" s="91"/>
      <c r="GE3474" s="91"/>
      <c r="GF3474" s="91"/>
      <c r="GG3474" s="91"/>
      <c r="GH3474" s="91"/>
      <c r="GI3474" s="91"/>
      <c r="GJ3474" s="91"/>
      <c r="GK3474" s="127"/>
      <c r="GL3474" s="126"/>
      <c r="GM3474" s="91"/>
      <c r="GN3474" s="91"/>
      <c r="GO3474" s="91"/>
      <c r="GP3474" s="91"/>
      <c r="GQ3474" s="91"/>
      <c r="GR3474" s="91"/>
      <c r="GS3474" s="91"/>
      <c r="GT3474" s="91"/>
      <c r="GU3474" s="91"/>
      <c r="GV3474" s="91"/>
      <c r="GW3474" s="91"/>
      <c r="GX3474" s="127"/>
      <c r="GY3474" s="126"/>
      <c r="GZ3474" s="91"/>
      <c r="HA3474" s="91"/>
      <c r="HB3474" s="91"/>
      <c r="HC3474" s="91"/>
      <c r="HD3474" s="91"/>
      <c r="HE3474" s="91"/>
      <c r="HF3474" s="91"/>
      <c r="HG3474" s="91"/>
      <c r="HH3474" s="91"/>
      <c r="HI3474" s="91"/>
      <c r="HJ3474" s="91"/>
      <c r="HK3474" s="127"/>
      <c r="HL3474" s="126"/>
      <c r="HM3474" s="91"/>
      <c r="HN3474" s="91"/>
      <c r="HO3474" s="91"/>
      <c r="HP3474" s="91"/>
      <c r="HQ3474" s="91"/>
      <c r="HR3474" s="91"/>
      <c r="HS3474" s="91"/>
      <c r="HT3474" s="91"/>
      <c r="HU3474" s="91"/>
      <c r="HV3474" s="91"/>
      <c r="HW3474" s="91"/>
      <c r="HX3474" s="127"/>
      <c r="HY3474" s="126"/>
      <c r="HZ3474" s="91"/>
      <c r="IA3474" s="91"/>
      <c r="IB3474" s="91"/>
      <c r="IC3474" s="91"/>
      <c r="ID3474" s="91"/>
      <c r="IE3474" s="91"/>
      <c r="IF3474" s="91"/>
      <c r="IG3474" s="91"/>
      <c r="IH3474" s="91"/>
      <c r="II3474" s="91"/>
      <c r="IJ3474" s="91"/>
      <c r="IK3474" s="174"/>
    </row>
    <row r="3475" spans="2:245" x14ac:dyDescent="0.2">
      <c r="B3475" s="43"/>
      <c r="C3475" s="73"/>
      <c r="D3475" s="64"/>
      <c r="E3475" s="64"/>
      <c r="F3475" s="55"/>
      <c r="G3475" s="102"/>
      <c r="H3475" s="97"/>
      <c r="T3475" s="98"/>
      <c r="U3475" s="97"/>
      <c r="AG3475" s="98"/>
      <c r="AY3475" s="164"/>
      <c r="BK3475" s="98"/>
      <c r="BL3475" s="97"/>
      <c r="BX3475" s="98"/>
      <c r="CL3475" s="97"/>
      <c r="CX3475" s="98"/>
      <c r="DL3475" s="97"/>
      <c r="DX3475" s="98"/>
      <c r="EL3475" s="97"/>
      <c r="EX3475" s="98"/>
      <c r="EY3475" s="97"/>
      <c r="FL3475" s="126"/>
      <c r="FM3475" s="91"/>
      <c r="FN3475" s="91"/>
      <c r="FO3475" s="91"/>
      <c r="FP3475" s="91"/>
      <c r="FQ3475" s="91"/>
      <c r="FR3475" s="91"/>
      <c r="FS3475" s="91"/>
      <c r="FT3475" s="91"/>
      <c r="FU3475" s="91"/>
      <c r="FV3475" s="91"/>
      <c r="FW3475" s="91"/>
      <c r="FX3475" s="127"/>
      <c r="FY3475" s="126"/>
      <c r="FZ3475" s="91"/>
      <c r="GA3475" s="91"/>
      <c r="GB3475" s="91"/>
      <c r="GC3475" s="91"/>
      <c r="GD3475" s="91"/>
      <c r="GE3475" s="91"/>
      <c r="GF3475" s="91"/>
      <c r="GG3475" s="91"/>
      <c r="GH3475" s="91"/>
      <c r="GI3475" s="91"/>
      <c r="GJ3475" s="91"/>
      <c r="GK3475" s="127"/>
      <c r="GL3475" s="126"/>
      <c r="GM3475" s="91"/>
      <c r="GN3475" s="91"/>
      <c r="GO3475" s="91"/>
      <c r="GP3475" s="91"/>
      <c r="GQ3475" s="91"/>
      <c r="GR3475" s="91"/>
      <c r="GS3475" s="91"/>
      <c r="GT3475" s="91"/>
      <c r="GU3475" s="91"/>
      <c r="GV3475" s="91"/>
      <c r="GW3475" s="91"/>
      <c r="GX3475" s="127"/>
      <c r="GY3475" s="126"/>
      <c r="GZ3475" s="91"/>
      <c r="HA3475" s="91"/>
      <c r="HB3475" s="91"/>
      <c r="HC3475" s="91"/>
      <c r="HD3475" s="91"/>
      <c r="HE3475" s="91"/>
      <c r="HF3475" s="91"/>
      <c r="HG3475" s="91"/>
      <c r="HH3475" s="91"/>
      <c r="HI3475" s="91"/>
      <c r="HJ3475" s="91"/>
      <c r="HK3475" s="127"/>
      <c r="HL3475" s="126"/>
      <c r="HM3475" s="91"/>
      <c r="HN3475" s="91"/>
      <c r="HO3475" s="91"/>
      <c r="HP3475" s="91"/>
      <c r="HQ3475" s="91"/>
      <c r="HR3475" s="91"/>
      <c r="HS3475" s="91"/>
      <c r="HT3475" s="91"/>
      <c r="HU3475" s="91"/>
      <c r="HV3475" s="91"/>
      <c r="HW3475" s="91"/>
      <c r="HX3475" s="127"/>
      <c r="HY3475" s="126"/>
      <c r="HZ3475" s="91"/>
      <c r="IA3475" s="91"/>
      <c r="IB3475" s="91"/>
      <c r="IC3475" s="91"/>
      <c r="ID3475" s="91"/>
      <c r="IE3475" s="91"/>
      <c r="IF3475" s="91"/>
      <c r="IG3475" s="91"/>
      <c r="IH3475" s="91"/>
      <c r="II3475" s="91"/>
      <c r="IJ3475" s="91"/>
      <c r="IK3475" s="174"/>
    </row>
    <row r="3476" spans="2:245" x14ac:dyDescent="0.2">
      <c r="B3476" s="43"/>
      <c r="C3476" s="73"/>
      <c r="D3476" s="64"/>
      <c r="E3476" s="64"/>
      <c r="F3476" s="55"/>
      <c r="G3476" s="102"/>
      <c r="H3476" s="97"/>
      <c r="T3476" s="98"/>
      <c r="U3476" s="97"/>
      <c r="AG3476" s="98"/>
      <c r="AY3476" s="164"/>
      <c r="BK3476" s="98"/>
      <c r="BL3476" s="97"/>
      <c r="BX3476" s="98"/>
      <c r="CL3476" s="97"/>
      <c r="CX3476" s="98"/>
      <c r="DL3476" s="97"/>
      <c r="DX3476" s="98"/>
      <c r="EL3476" s="97"/>
      <c r="EX3476" s="98"/>
      <c r="EY3476" s="97"/>
      <c r="FL3476" s="126"/>
      <c r="FM3476" s="91"/>
      <c r="FN3476" s="91"/>
      <c r="FO3476" s="91"/>
      <c r="FP3476" s="91"/>
      <c r="FQ3476" s="91"/>
      <c r="FR3476" s="91"/>
      <c r="FS3476" s="91"/>
      <c r="FT3476" s="91"/>
      <c r="FU3476" s="91"/>
      <c r="FV3476" s="91"/>
      <c r="FW3476" s="91"/>
      <c r="FX3476" s="127"/>
      <c r="FY3476" s="126"/>
      <c r="FZ3476" s="91"/>
      <c r="GA3476" s="91"/>
      <c r="GB3476" s="91"/>
      <c r="GC3476" s="91"/>
      <c r="GD3476" s="91"/>
      <c r="GE3476" s="91"/>
      <c r="GF3476" s="91"/>
      <c r="GG3476" s="91"/>
      <c r="GH3476" s="91"/>
      <c r="GI3476" s="91"/>
      <c r="GJ3476" s="91"/>
      <c r="GK3476" s="127"/>
      <c r="GL3476" s="126"/>
      <c r="GM3476" s="91"/>
      <c r="GN3476" s="91"/>
      <c r="GO3476" s="91"/>
      <c r="GP3476" s="91"/>
      <c r="GQ3476" s="91"/>
      <c r="GR3476" s="91"/>
      <c r="GS3476" s="91"/>
      <c r="GT3476" s="91"/>
      <c r="GU3476" s="91"/>
      <c r="GV3476" s="91"/>
      <c r="GW3476" s="91"/>
      <c r="GX3476" s="127"/>
      <c r="GY3476" s="126"/>
      <c r="GZ3476" s="91"/>
      <c r="HA3476" s="91"/>
      <c r="HB3476" s="91"/>
      <c r="HC3476" s="91"/>
      <c r="HD3476" s="91"/>
      <c r="HE3476" s="91"/>
      <c r="HF3476" s="91"/>
      <c r="HG3476" s="91"/>
      <c r="HH3476" s="91"/>
      <c r="HI3476" s="91"/>
      <c r="HJ3476" s="91"/>
      <c r="HK3476" s="127"/>
      <c r="HL3476" s="126"/>
      <c r="HM3476" s="91"/>
      <c r="HN3476" s="91"/>
      <c r="HO3476" s="91"/>
      <c r="HP3476" s="91"/>
      <c r="HQ3476" s="91"/>
      <c r="HR3476" s="91"/>
      <c r="HS3476" s="91"/>
      <c r="HT3476" s="91"/>
      <c r="HU3476" s="91"/>
      <c r="HV3476" s="91"/>
      <c r="HW3476" s="91"/>
      <c r="HX3476" s="127"/>
      <c r="HY3476" s="126"/>
      <c r="HZ3476" s="91"/>
      <c r="IA3476" s="91"/>
      <c r="IB3476" s="91"/>
      <c r="IC3476" s="91"/>
      <c r="ID3476" s="91"/>
      <c r="IE3476" s="91"/>
      <c r="IF3476" s="91"/>
      <c r="IG3476" s="91"/>
      <c r="IH3476" s="91"/>
      <c r="II3476" s="91"/>
      <c r="IJ3476" s="91"/>
      <c r="IK3476" s="174"/>
    </row>
    <row r="3477" spans="2:245" x14ac:dyDescent="0.2">
      <c r="B3477" s="43"/>
      <c r="C3477" s="73"/>
      <c r="D3477" s="64"/>
      <c r="E3477" s="64"/>
      <c r="F3477" s="55"/>
      <c r="G3477" s="102"/>
      <c r="H3477" s="97"/>
      <c r="T3477" s="98"/>
      <c r="U3477" s="97"/>
      <c r="AG3477" s="98"/>
      <c r="AY3477" s="164"/>
      <c r="BK3477" s="98"/>
      <c r="BL3477" s="97"/>
      <c r="BX3477" s="98"/>
      <c r="CL3477" s="97"/>
      <c r="CX3477" s="98"/>
      <c r="DL3477" s="97"/>
      <c r="DX3477" s="98"/>
      <c r="EL3477" s="97"/>
      <c r="EX3477" s="98"/>
      <c r="EY3477" s="97"/>
      <c r="FL3477" s="126"/>
      <c r="FM3477" s="91"/>
      <c r="FN3477" s="91"/>
      <c r="FO3477" s="91"/>
      <c r="FP3477" s="91"/>
      <c r="FQ3477" s="91"/>
      <c r="FR3477" s="91"/>
      <c r="FS3477" s="91"/>
      <c r="FT3477" s="91"/>
      <c r="FU3477" s="91"/>
      <c r="FV3477" s="91"/>
      <c r="FW3477" s="91"/>
      <c r="FX3477" s="127"/>
      <c r="FY3477" s="126"/>
      <c r="FZ3477" s="91"/>
      <c r="GA3477" s="91"/>
      <c r="GB3477" s="91"/>
      <c r="GC3477" s="91"/>
      <c r="GD3477" s="91"/>
      <c r="GE3477" s="91"/>
      <c r="GF3477" s="91"/>
      <c r="GG3477" s="91"/>
      <c r="GH3477" s="91"/>
      <c r="GI3477" s="91"/>
      <c r="GJ3477" s="91"/>
      <c r="GK3477" s="127"/>
      <c r="GL3477" s="126"/>
      <c r="GM3477" s="91"/>
      <c r="GN3477" s="91"/>
      <c r="GO3477" s="91"/>
      <c r="GP3477" s="91"/>
      <c r="GQ3477" s="91"/>
      <c r="GR3477" s="91"/>
      <c r="GS3477" s="91"/>
      <c r="GT3477" s="91"/>
      <c r="GU3477" s="91"/>
      <c r="GV3477" s="91"/>
      <c r="GW3477" s="91"/>
      <c r="GX3477" s="127"/>
      <c r="GY3477" s="126"/>
      <c r="GZ3477" s="91"/>
      <c r="HA3477" s="91"/>
      <c r="HB3477" s="91"/>
      <c r="HC3477" s="91"/>
      <c r="HD3477" s="91"/>
      <c r="HE3477" s="91"/>
      <c r="HF3477" s="91"/>
      <c r="HG3477" s="91"/>
      <c r="HH3477" s="91"/>
      <c r="HI3477" s="91"/>
      <c r="HJ3477" s="91"/>
      <c r="HK3477" s="127"/>
      <c r="HL3477" s="126"/>
      <c r="HM3477" s="91"/>
      <c r="HN3477" s="91"/>
      <c r="HO3477" s="91"/>
      <c r="HP3477" s="91"/>
      <c r="HQ3477" s="91"/>
      <c r="HR3477" s="91"/>
      <c r="HS3477" s="91"/>
      <c r="HT3477" s="91"/>
      <c r="HU3477" s="91"/>
      <c r="HV3477" s="91"/>
      <c r="HW3477" s="91"/>
      <c r="HX3477" s="127"/>
      <c r="HY3477" s="126"/>
      <c r="HZ3477" s="91"/>
      <c r="IA3477" s="91"/>
      <c r="IB3477" s="91"/>
      <c r="IC3477" s="91"/>
      <c r="ID3477" s="91"/>
      <c r="IE3477" s="91"/>
      <c r="IF3477" s="91"/>
      <c r="IG3477" s="91"/>
      <c r="IH3477" s="91"/>
      <c r="II3477" s="91"/>
      <c r="IJ3477" s="91"/>
      <c r="IK3477" s="174"/>
    </row>
    <row r="3478" spans="2:245" x14ac:dyDescent="0.2">
      <c r="B3478" s="43"/>
      <c r="C3478" s="73"/>
      <c r="D3478" s="64"/>
      <c r="E3478" s="64"/>
      <c r="F3478" s="55"/>
      <c r="G3478" s="102"/>
      <c r="H3478" s="97"/>
      <c r="T3478" s="98"/>
      <c r="U3478" s="97"/>
      <c r="AG3478" s="98"/>
      <c r="AY3478" s="164"/>
      <c r="BK3478" s="98"/>
      <c r="BL3478" s="97"/>
      <c r="BX3478" s="98"/>
      <c r="CL3478" s="97"/>
      <c r="CX3478" s="98"/>
      <c r="DL3478" s="97"/>
      <c r="DX3478" s="98"/>
      <c r="EL3478" s="97"/>
      <c r="EX3478" s="98"/>
      <c r="EY3478" s="97"/>
      <c r="FL3478" s="126"/>
      <c r="FM3478" s="91"/>
      <c r="FN3478" s="91"/>
      <c r="FO3478" s="91"/>
      <c r="FP3478" s="91"/>
      <c r="FQ3478" s="91"/>
      <c r="FR3478" s="91"/>
      <c r="FS3478" s="91"/>
      <c r="FT3478" s="91"/>
      <c r="FU3478" s="91"/>
      <c r="FV3478" s="91"/>
      <c r="FW3478" s="91"/>
      <c r="FX3478" s="127"/>
      <c r="FY3478" s="126"/>
      <c r="FZ3478" s="91"/>
      <c r="GA3478" s="91"/>
      <c r="GB3478" s="91"/>
      <c r="GC3478" s="91"/>
      <c r="GD3478" s="91"/>
      <c r="GE3478" s="91"/>
      <c r="GF3478" s="91"/>
      <c r="GG3478" s="91"/>
      <c r="GH3478" s="91"/>
      <c r="GI3478" s="91"/>
      <c r="GJ3478" s="91"/>
      <c r="GK3478" s="127"/>
      <c r="GL3478" s="126"/>
      <c r="GM3478" s="91"/>
      <c r="GN3478" s="91"/>
      <c r="GO3478" s="91"/>
      <c r="GP3478" s="91"/>
      <c r="GQ3478" s="91"/>
      <c r="GR3478" s="91"/>
      <c r="GS3478" s="91"/>
      <c r="GT3478" s="91"/>
      <c r="GU3478" s="91"/>
      <c r="GV3478" s="91"/>
      <c r="GW3478" s="91"/>
      <c r="GX3478" s="127"/>
      <c r="GY3478" s="126"/>
      <c r="GZ3478" s="91"/>
      <c r="HA3478" s="91"/>
      <c r="HB3478" s="91"/>
      <c r="HC3478" s="91"/>
      <c r="HD3478" s="91"/>
      <c r="HE3478" s="91"/>
      <c r="HF3478" s="91"/>
      <c r="HG3478" s="91"/>
      <c r="HH3478" s="91"/>
      <c r="HI3478" s="91"/>
      <c r="HJ3478" s="91"/>
      <c r="HK3478" s="127"/>
      <c r="HL3478" s="126"/>
      <c r="HM3478" s="91"/>
      <c r="HN3478" s="91"/>
      <c r="HO3478" s="91"/>
      <c r="HP3478" s="91"/>
      <c r="HQ3478" s="91"/>
      <c r="HR3478" s="91"/>
      <c r="HS3478" s="91"/>
      <c r="HT3478" s="91"/>
      <c r="HU3478" s="91"/>
      <c r="HV3478" s="91"/>
      <c r="HW3478" s="91"/>
      <c r="HX3478" s="127"/>
      <c r="HY3478" s="126"/>
      <c r="HZ3478" s="91"/>
      <c r="IA3478" s="91"/>
      <c r="IB3478" s="91"/>
      <c r="IC3478" s="91"/>
      <c r="ID3478" s="91"/>
      <c r="IE3478" s="91"/>
      <c r="IF3478" s="91"/>
      <c r="IG3478" s="91"/>
      <c r="IH3478" s="91"/>
      <c r="II3478" s="91"/>
      <c r="IJ3478" s="91"/>
      <c r="IK3478" s="174"/>
    </row>
    <row r="3479" spans="2:245" x14ac:dyDescent="0.2">
      <c r="B3479" s="43"/>
      <c r="C3479" s="73"/>
      <c r="D3479" s="64"/>
      <c r="E3479" s="64"/>
      <c r="F3479" s="55"/>
      <c r="G3479" s="102"/>
      <c r="H3479" s="97"/>
      <c r="T3479" s="98"/>
      <c r="U3479" s="97"/>
      <c r="AG3479" s="98"/>
      <c r="AY3479" s="164"/>
      <c r="BK3479" s="98"/>
      <c r="BL3479" s="97"/>
      <c r="BX3479" s="98"/>
      <c r="CL3479" s="97"/>
      <c r="CX3479" s="98"/>
      <c r="DL3479" s="97"/>
      <c r="DX3479" s="98"/>
      <c r="EL3479" s="97"/>
      <c r="EX3479" s="98"/>
      <c r="EY3479" s="97"/>
      <c r="FL3479" s="126"/>
      <c r="FM3479" s="91"/>
      <c r="FN3479" s="91"/>
      <c r="FO3479" s="91"/>
      <c r="FP3479" s="91"/>
      <c r="FQ3479" s="91"/>
      <c r="FR3479" s="91"/>
      <c r="FS3479" s="91"/>
      <c r="FT3479" s="91"/>
      <c r="FU3479" s="91"/>
      <c r="FV3479" s="91"/>
      <c r="FW3479" s="91"/>
      <c r="FX3479" s="127"/>
      <c r="FY3479" s="126"/>
      <c r="FZ3479" s="91"/>
      <c r="GA3479" s="91"/>
      <c r="GB3479" s="91"/>
      <c r="GC3479" s="91"/>
      <c r="GD3479" s="91"/>
      <c r="GE3479" s="91"/>
      <c r="GF3479" s="91"/>
      <c r="GG3479" s="91"/>
      <c r="GH3479" s="91"/>
      <c r="GI3479" s="91"/>
      <c r="GJ3479" s="91"/>
      <c r="GK3479" s="127"/>
      <c r="GL3479" s="126"/>
      <c r="GM3479" s="91"/>
      <c r="GN3479" s="91"/>
      <c r="GO3479" s="91"/>
      <c r="GP3479" s="91"/>
      <c r="GQ3479" s="91"/>
      <c r="GR3479" s="91"/>
      <c r="GS3479" s="91"/>
      <c r="GT3479" s="91"/>
      <c r="GU3479" s="91"/>
      <c r="GV3479" s="91"/>
      <c r="GW3479" s="91"/>
      <c r="GX3479" s="127"/>
      <c r="GY3479" s="126"/>
      <c r="GZ3479" s="91"/>
      <c r="HA3479" s="91"/>
      <c r="HB3479" s="91"/>
      <c r="HC3479" s="91"/>
      <c r="HD3479" s="91"/>
      <c r="HE3479" s="91"/>
      <c r="HF3479" s="91"/>
      <c r="HG3479" s="91"/>
      <c r="HH3479" s="91"/>
      <c r="HI3479" s="91"/>
      <c r="HJ3479" s="91"/>
      <c r="HK3479" s="127"/>
      <c r="HL3479" s="126"/>
      <c r="HM3479" s="91"/>
      <c r="HN3479" s="91"/>
      <c r="HO3479" s="91"/>
      <c r="HP3479" s="91"/>
      <c r="HQ3479" s="91"/>
      <c r="HR3479" s="91"/>
      <c r="HS3479" s="91"/>
      <c r="HT3479" s="91"/>
      <c r="HU3479" s="91"/>
      <c r="HV3479" s="91"/>
      <c r="HW3479" s="91"/>
      <c r="HX3479" s="127"/>
      <c r="HY3479" s="126"/>
      <c r="HZ3479" s="91"/>
      <c r="IA3479" s="91"/>
      <c r="IB3479" s="91"/>
      <c r="IC3479" s="91"/>
      <c r="ID3479" s="91"/>
      <c r="IE3479" s="91"/>
      <c r="IF3479" s="91"/>
      <c r="IG3479" s="91"/>
      <c r="IH3479" s="91"/>
      <c r="II3479" s="91"/>
      <c r="IJ3479" s="91"/>
      <c r="IK3479" s="174"/>
    </row>
    <row r="3480" spans="2:245" x14ac:dyDescent="0.2">
      <c r="B3480" s="43"/>
      <c r="C3480" s="73"/>
      <c r="D3480" s="64"/>
      <c r="E3480" s="64"/>
      <c r="F3480" s="55"/>
      <c r="G3480" s="102"/>
      <c r="H3480" s="97"/>
      <c r="T3480" s="98"/>
      <c r="U3480" s="97"/>
      <c r="AG3480" s="98"/>
      <c r="AY3480" s="164"/>
      <c r="BK3480" s="98"/>
      <c r="BL3480" s="97"/>
      <c r="BX3480" s="98"/>
      <c r="CL3480" s="97"/>
      <c r="CX3480" s="98"/>
      <c r="DL3480" s="97"/>
      <c r="DX3480" s="98"/>
      <c r="EL3480" s="97"/>
      <c r="EX3480" s="98"/>
      <c r="EY3480" s="97"/>
      <c r="FL3480" s="126"/>
      <c r="FM3480" s="91"/>
      <c r="FN3480" s="91"/>
      <c r="FO3480" s="91"/>
      <c r="FP3480" s="91"/>
      <c r="FQ3480" s="91"/>
      <c r="FR3480" s="91"/>
      <c r="FS3480" s="91"/>
      <c r="FT3480" s="91"/>
      <c r="FU3480" s="91"/>
      <c r="FV3480" s="91"/>
      <c r="FW3480" s="91"/>
      <c r="FX3480" s="127"/>
      <c r="FY3480" s="126"/>
      <c r="FZ3480" s="91"/>
      <c r="GA3480" s="91"/>
      <c r="GB3480" s="91"/>
      <c r="GC3480" s="91"/>
      <c r="GD3480" s="91"/>
      <c r="GE3480" s="91"/>
      <c r="GF3480" s="91"/>
      <c r="GG3480" s="91"/>
      <c r="GH3480" s="91"/>
      <c r="GI3480" s="91"/>
      <c r="GJ3480" s="91"/>
      <c r="GK3480" s="127"/>
      <c r="GL3480" s="126"/>
      <c r="GM3480" s="91"/>
      <c r="GN3480" s="91"/>
      <c r="GO3480" s="91"/>
      <c r="GP3480" s="91"/>
      <c r="GQ3480" s="91"/>
      <c r="GR3480" s="91"/>
      <c r="GS3480" s="91"/>
      <c r="GT3480" s="91"/>
      <c r="GU3480" s="91"/>
      <c r="GV3480" s="91"/>
      <c r="GW3480" s="91"/>
      <c r="GX3480" s="127"/>
      <c r="GY3480" s="126"/>
      <c r="GZ3480" s="91"/>
      <c r="HA3480" s="91"/>
      <c r="HB3480" s="91"/>
      <c r="HC3480" s="91"/>
      <c r="HD3480" s="91"/>
      <c r="HE3480" s="91"/>
      <c r="HF3480" s="91"/>
      <c r="HG3480" s="91"/>
      <c r="HH3480" s="91"/>
      <c r="HI3480" s="91"/>
      <c r="HJ3480" s="91"/>
      <c r="HK3480" s="127"/>
      <c r="HL3480" s="126"/>
      <c r="HM3480" s="91"/>
      <c r="HN3480" s="91"/>
      <c r="HO3480" s="91"/>
      <c r="HP3480" s="91"/>
      <c r="HQ3480" s="91"/>
      <c r="HR3480" s="91"/>
      <c r="HS3480" s="91"/>
      <c r="HT3480" s="91"/>
      <c r="HU3480" s="91"/>
      <c r="HV3480" s="91"/>
      <c r="HW3480" s="91"/>
      <c r="HX3480" s="127"/>
      <c r="HY3480" s="126"/>
      <c r="HZ3480" s="91"/>
      <c r="IA3480" s="91"/>
      <c r="IB3480" s="91"/>
      <c r="IC3480" s="91"/>
      <c r="ID3480" s="91"/>
      <c r="IE3480" s="91"/>
      <c r="IF3480" s="91"/>
      <c r="IG3480" s="91"/>
      <c r="IH3480" s="91"/>
      <c r="II3480" s="91"/>
      <c r="IJ3480" s="91"/>
      <c r="IK3480" s="174"/>
    </row>
    <row r="3481" spans="2:245" x14ac:dyDescent="0.2">
      <c r="B3481" s="43"/>
      <c r="C3481" s="73"/>
      <c r="D3481" s="64"/>
      <c r="E3481" s="64"/>
      <c r="F3481" s="55"/>
      <c r="G3481" s="102"/>
      <c r="H3481" s="97"/>
      <c r="T3481" s="98"/>
      <c r="U3481" s="97"/>
      <c r="AG3481" s="98"/>
      <c r="AY3481" s="164"/>
      <c r="BK3481" s="98"/>
      <c r="BL3481" s="97"/>
      <c r="BX3481" s="98"/>
      <c r="CL3481" s="97"/>
      <c r="CX3481" s="98"/>
      <c r="DL3481" s="97"/>
      <c r="DX3481" s="98"/>
      <c r="EL3481" s="97"/>
      <c r="EX3481" s="98"/>
      <c r="EY3481" s="97"/>
      <c r="FL3481" s="126"/>
      <c r="FM3481" s="91"/>
      <c r="FN3481" s="91"/>
      <c r="FO3481" s="91"/>
      <c r="FP3481" s="91"/>
      <c r="FQ3481" s="91"/>
      <c r="FR3481" s="91"/>
      <c r="FS3481" s="91"/>
      <c r="FT3481" s="91"/>
      <c r="FU3481" s="91"/>
      <c r="FV3481" s="91"/>
      <c r="FW3481" s="91"/>
      <c r="FX3481" s="127"/>
      <c r="FY3481" s="126"/>
      <c r="FZ3481" s="91"/>
      <c r="GA3481" s="91"/>
      <c r="GB3481" s="91"/>
      <c r="GC3481" s="91"/>
      <c r="GD3481" s="91"/>
      <c r="GE3481" s="91"/>
      <c r="GF3481" s="91"/>
      <c r="GG3481" s="91"/>
      <c r="GH3481" s="91"/>
      <c r="GI3481" s="91"/>
      <c r="GJ3481" s="91"/>
      <c r="GK3481" s="127"/>
      <c r="GL3481" s="126"/>
      <c r="GM3481" s="91"/>
      <c r="GN3481" s="91"/>
      <c r="GO3481" s="91"/>
      <c r="GP3481" s="91"/>
      <c r="GQ3481" s="91"/>
      <c r="GR3481" s="91"/>
      <c r="GS3481" s="91"/>
      <c r="GT3481" s="91"/>
      <c r="GU3481" s="91"/>
      <c r="GV3481" s="91"/>
      <c r="GW3481" s="91"/>
      <c r="GX3481" s="127"/>
      <c r="GY3481" s="126"/>
      <c r="GZ3481" s="91"/>
      <c r="HA3481" s="91"/>
      <c r="HB3481" s="91"/>
      <c r="HC3481" s="91"/>
      <c r="HD3481" s="91"/>
      <c r="HE3481" s="91"/>
      <c r="HF3481" s="91"/>
      <c r="HG3481" s="91"/>
      <c r="HH3481" s="91"/>
      <c r="HI3481" s="91"/>
      <c r="HJ3481" s="91"/>
      <c r="HK3481" s="127"/>
      <c r="HL3481" s="126"/>
      <c r="HM3481" s="91"/>
      <c r="HN3481" s="91"/>
      <c r="HO3481" s="91"/>
      <c r="HP3481" s="91"/>
      <c r="HQ3481" s="91"/>
      <c r="HR3481" s="91"/>
      <c r="HS3481" s="91"/>
      <c r="HT3481" s="91"/>
      <c r="HU3481" s="91"/>
      <c r="HV3481" s="91"/>
      <c r="HW3481" s="91"/>
      <c r="HX3481" s="127"/>
      <c r="HY3481" s="126"/>
      <c r="HZ3481" s="91"/>
      <c r="IA3481" s="91"/>
      <c r="IB3481" s="91"/>
      <c r="IC3481" s="91"/>
      <c r="ID3481" s="91"/>
      <c r="IE3481" s="91"/>
      <c r="IF3481" s="91"/>
      <c r="IG3481" s="91"/>
      <c r="IH3481" s="91"/>
      <c r="II3481" s="91"/>
      <c r="IJ3481" s="91"/>
      <c r="IK3481" s="174"/>
    </row>
    <row r="3482" spans="2:245" x14ac:dyDescent="0.2">
      <c r="B3482" s="43"/>
      <c r="C3482" s="73"/>
      <c r="D3482" s="64"/>
      <c r="E3482" s="64"/>
      <c r="F3482" s="55"/>
      <c r="G3482" s="102"/>
      <c r="H3482" s="97"/>
      <c r="T3482" s="98"/>
      <c r="U3482" s="97"/>
      <c r="AG3482" s="98"/>
      <c r="AY3482" s="164"/>
      <c r="BK3482" s="98"/>
      <c r="BL3482" s="97"/>
      <c r="BX3482" s="98"/>
      <c r="CL3482" s="97"/>
      <c r="CX3482" s="98"/>
      <c r="DL3482" s="97"/>
      <c r="DX3482" s="98"/>
      <c r="EL3482" s="97"/>
      <c r="EX3482" s="98"/>
      <c r="EY3482" s="97"/>
      <c r="FL3482" s="126"/>
      <c r="FM3482" s="91"/>
      <c r="FN3482" s="91"/>
      <c r="FO3482" s="91"/>
      <c r="FP3482" s="91"/>
      <c r="FQ3482" s="91"/>
      <c r="FR3482" s="91"/>
      <c r="FS3482" s="91"/>
      <c r="FT3482" s="91"/>
      <c r="FU3482" s="91"/>
      <c r="FV3482" s="91"/>
      <c r="FW3482" s="91"/>
      <c r="FX3482" s="127"/>
      <c r="FY3482" s="126"/>
      <c r="FZ3482" s="91"/>
      <c r="GA3482" s="91"/>
      <c r="GB3482" s="91"/>
      <c r="GC3482" s="91"/>
      <c r="GD3482" s="91"/>
      <c r="GE3482" s="91"/>
      <c r="GF3482" s="91"/>
      <c r="GG3482" s="91"/>
      <c r="GH3482" s="91"/>
      <c r="GI3482" s="91"/>
      <c r="GJ3482" s="91"/>
      <c r="GK3482" s="127"/>
      <c r="GL3482" s="126"/>
      <c r="GM3482" s="91"/>
      <c r="GN3482" s="91"/>
      <c r="GO3482" s="91"/>
      <c r="GP3482" s="91"/>
      <c r="GQ3482" s="91"/>
      <c r="GR3482" s="91"/>
      <c r="GS3482" s="91"/>
      <c r="GT3482" s="91"/>
      <c r="GU3482" s="91"/>
      <c r="GV3482" s="91"/>
      <c r="GW3482" s="91"/>
      <c r="GX3482" s="127"/>
      <c r="GY3482" s="126"/>
      <c r="GZ3482" s="91"/>
      <c r="HA3482" s="91"/>
      <c r="HB3482" s="91"/>
      <c r="HC3482" s="91"/>
      <c r="HD3482" s="91"/>
      <c r="HE3482" s="91"/>
      <c r="HF3482" s="91"/>
      <c r="HG3482" s="91"/>
      <c r="HH3482" s="91"/>
      <c r="HI3482" s="91"/>
      <c r="HJ3482" s="91"/>
      <c r="HK3482" s="127"/>
      <c r="HL3482" s="126"/>
      <c r="HM3482" s="91"/>
      <c r="HN3482" s="91"/>
      <c r="HO3482" s="91"/>
      <c r="HP3482" s="91"/>
      <c r="HQ3482" s="91"/>
      <c r="HR3482" s="91"/>
      <c r="HS3482" s="91"/>
      <c r="HT3482" s="91"/>
      <c r="HU3482" s="91"/>
      <c r="HV3482" s="91"/>
      <c r="HW3482" s="91"/>
      <c r="HX3482" s="127"/>
      <c r="HY3482" s="126"/>
      <c r="HZ3482" s="91"/>
      <c r="IA3482" s="91"/>
      <c r="IB3482" s="91"/>
      <c r="IC3482" s="91"/>
      <c r="ID3482" s="91"/>
      <c r="IE3482" s="91"/>
      <c r="IF3482" s="91"/>
      <c r="IG3482" s="91"/>
      <c r="IH3482" s="91"/>
      <c r="II3482" s="91"/>
      <c r="IJ3482" s="91"/>
      <c r="IK3482" s="174"/>
    </row>
    <row r="3483" spans="2:245" x14ac:dyDescent="0.2">
      <c r="B3483" s="43"/>
      <c r="C3483" s="73"/>
      <c r="D3483" s="64"/>
      <c r="E3483" s="64"/>
      <c r="F3483" s="55"/>
      <c r="G3483" s="102"/>
      <c r="H3483" s="97"/>
      <c r="T3483" s="98"/>
      <c r="U3483" s="97"/>
      <c r="AG3483" s="98"/>
      <c r="AY3483" s="164"/>
      <c r="BK3483" s="98"/>
      <c r="BL3483" s="97"/>
      <c r="BX3483" s="98"/>
      <c r="CL3483" s="97"/>
      <c r="CX3483" s="98"/>
      <c r="DL3483" s="97"/>
      <c r="DX3483" s="98"/>
      <c r="EL3483" s="97"/>
      <c r="EX3483" s="98"/>
      <c r="EY3483" s="97"/>
      <c r="FL3483" s="126"/>
      <c r="FM3483" s="91"/>
      <c r="FN3483" s="91"/>
      <c r="FO3483" s="91"/>
      <c r="FP3483" s="91"/>
      <c r="FQ3483" s="91"/>
      <c r="FR3483" s="91"/>
      <c r="FS3483" s="91"/>
      <c r="FT3483" s="91"/>
      <c r="FU3483" s="91"/>
      <c r="FV3483" s="91"/>
      <c r="FW3483" s="91"/>
      <c r="FX3483" s="127"/>
      <c r="FY3483" s="126"/>
      <c r="FZ3483" s="91"/>
      <c r="GA3483" s="91"/>
      <c r="GB3483" s="91"/>
      <c r="GC3483" s="91"/>
      <c r="GD3483" s="91"/>
      <c r="GE3483" s="91"/>
      <c r="GF3483" s="91"/>
      <c r="GG3483" s="91"/>
      <c r="GH3483" s="91"/>
      <c r="GI3483" s="91"/>
      <c r="GJ3483" s="91"/>
      <c r="GK3483" s="127"/>
      <c r="GL3483" s="126"/>
      <c r="GM3483" s="91"/>
      <c r="GN3483" s="91"/>
      <c r="GO3483" s="91"/>
      <c r="GP3483" s="91"/>
      <c r="GQ3483" s="91"/>
      <c r="GR3483" s="91"/>
      <c r="GS3483" s="91"/>
      <c r="GT3483" s="91"/>
      <c r="GU3483" s="91"/>
      <c r="GV3483" s="91"/>
      <c r="GW3483" s="91"/>
      <c r="GX3483" s="127"/>
      <c r="GY3483" s="126"/>
      <c r="GZ3483" s="91"/>
      <c r="HA3483" s="91"/>
      <c r="HB3483" s="91"/>
      <c r="HC3483" s="91"/>
      <c r="HD3483" s="91"/>
      <c r="HE3483" s="91"/>
      <c r="HF3483" s="91"/>
      <c r="HG3483" s="91"/>
      <c r="HH3483" s="91"/>
      <c r="HI3483" s="91"/>
      <c r="HJ3483" s="91"/>
      <c r="HK3483" s="127"/>
      <c r="HL3483" s="126"/>
      <c r="HM3483" s="91"/>
      <c r="HN3483" s="91"/>
      <c r="HO3483" s="91"/>
      <c r="HP3483" s="91"/>
      <c r="HQ3483" s="91"/>
      <c r="HR3483" s="91"/>
      <c r="HS3483" s="91"/>
      <c r="HT3483" s="91"/>
      <c r="HU3483" s="91"/>
      <c r="HV3483" s="91"/>
      <c r="HW3483" s="91"/>
      <c r="HX3483" s="127"/>
      <c r="HY3483" s="126"/>
      <c r="HZ3483" s="91"/>
      <c r="IA3483" s="91"/>
      <c r="IB3483" s="91"/>
      <c r="IC3483" s="91"/>
      <c r="ID3483" s="91"/>
      <c r="IE3483" s="91"/>
      <c r="IF3483" s="91"/>
      <c r="IG3483" s="91"/>
      <c r="IH3483" s="91"/>
      <c r="II3483" s="91"/>
      <c r="IJ3483" s="91"/>
      <c r="IK3483" s="174"/>
    </row>
    <row r="3484" spans="2:245" x14ac:dyDescent="0.2">
      <c r="B3484" s="43"/>
      <c r="C3484" s="73"/>
      <c r="D3484" s="64"/>
      <c r="E3484" s="64"/>
      <c r="F3484" s="55"/>
      <c r="G3484" s="102"/>
      <c r="H3484" s="97"/>
      <c r="T3484" s="98"/>
      <c r="U3484" s="97"/>
      <c r="AG3484" s="98"/>
      <c r="AY3484" s="164"/>
      <c r="BK3484" s="98"/>
      <c r="BL3484" s="97"/>
      <c r="BX3484" s="98"/>
      <c r="CL3484" s="97"/>
      <c r="CX3484" s="98"/>
      <c r="DL3484" s="97"/>
      <c r="DX3484" s="98"/>
      <c r="EL3484" s="97"/>
      <c r="EX3484" s="98"/>
      <c r="EY3484" s="97"/>
      <c r="FL3484" s="126"/>
      <c r="FM3484" s="91"/>
      <c r="FN3484" s="91"/>
      <c r="FO3484" s="91"/>
      <c r="FP3484" s="91"/>
      <c r="FQ3484" s="91"/>
      <c r="FR3484" s="91"/>
      <c r="FS3484" s="91"/>
      <c r="FT3484" s="91"/>
      <c r="FU3484" s="91"/>
      <c r="FV3484" s="91"/>
      <c r="FW3484" s="91"/>
      <c r="FX3484" s="127"/>
      <c r="FY3484" s="126"/>
      <c r="FZ3484" s="91"/>
      <c r="GA3484" s="91"/>
      <c r="GB3484" s="91"/>
      <c r="GC3484" s="91"/>
      <c r="GD3484" s="91"/>
      <c r="GE3484" s="91"/>
      <c r="GF3484" s="91"/>
      <c r="GG3484" s="91"/>
      <c r="GH3484" s="91"/>
      <c r="GI3484" s="91"/>
      <c r="GJ3484" s="91"/>
      <c r="GK3484" s="127"/>
      <c r="GL3484" s="126"/>
      <c r="GM3484" s="91"/>
      <c r="GN3484" s="91"/>
      <c r="GO3484" s="91"/>
      <c r="GP3484" s="91"/>
      <c r="GQ3484" s="91"/>
      <c r="GR3484" s="91"/>
      <c r="GS3484" s="91"/>
      <c r="GT3484" s="91"/>
      <c r="GU3484" s="91"/>
      <c r="GV3484" s="91"/>
      <c r="GW3484" s="91"/>
      <c r="GX3484" s="127"/>
      <c r="GY3484" s="126"/>
      <c r="GZ3484" s="91"/>
      <c r="HA3484" s="91"/>
      <c r="HB3484" s="91"/>
      <c r="HC3484" s="91"/>
      <c r="HD3484" s="91"/>
      <c r="HE3484" s="91"/>
      <c r="HF3484" s="91"/>
      <c r="HG3484" s="91"/>
      <c r="HH3484" s="91"/>
      <c r="HI3484" s="91"/>
      <c r="HJ3484" s="91"/>
      <c r="HK3484" s="127"/>
      <c r="HL3484" s="126"/>
      <c r="HM3484" s="91"/>
      <c r="HN3484" s="91"/>
      <c r="HO3484" s="91"/>
      <c r="HP3484" s="91"/>
      <c r="HQ3484" s="91"/>
      <c r="HR3484" s="91"/>
      <c r="HS3484" s="91"/>
      <c r="HT3484" s="91"/>
      <c r="HU3484" s="91"/>
      <c r="HV3484" s="91"/>
      <c r="HW3484" s="91"/>
      <c r="HX3484" s="127"/>
      <c r="HY3484" s="126"/>
      <c r="HZ3484" s="91"/>
      <c r="IA3484" s="91"/>
      <c r="IB3484" s="91"/>
      <c r="IC3484" s="91"/>
      <c r="ID3484" s="91"/>
      <c r="IE3484" s="91"/>
      <c r="IF3484" s="91"/>
      <c r="IG3484" s="91"/>
      <c r="IH3484" s="91"/>
      <c r="II3484" s="91"/>
      <c r="IJ3484" s="91"/>
      <c r="IK3484" s="174"/>
    </row>
    <row r="3485" spans="2:245" x14ac:dyDescent="0.2">
      <c r="B3485" s="43"/>
      <c r="C3485" s="73"/>
      <c r="D3485" s="64"/>
      <c r="E3485" s="64"/>
      <c r="F3485" s="55"/>
      <c r="G3485" s="102"/>
      <c r="H3485" s="97"/>
      <c r="T3485" s="98"/>
      <c r="U3485" s="97"/>
      <c r="AG3485" s="98"/>
      <c r="AY3485" s="164"/>
      <c r="BK3485" s="98"/>
      <c r="BL3485" s="97"/>
      <c r="BX3485" s="98"/>
      <c r="CL3485" s="97"/>
      <c r="CX3485" s="98"/>
      <c r="DL3485" s="97"/>
      <c r="DX3485" s="98"/>
      <c r="EL3485" s="97"/>
      <c r="EX3485" s="98"/>
      <c r="EY3485" s="97"/>
      <c r="FL3485" s="126"/>
      <c r="FM3485" s="91"/>
      <c r="FN3485" s="91"/>
      <c r="FO3485" s="91"/>
      <c r="FP3485" s="91"/>
      <c r="FQ3485" s="91"/>
      <c r="FR3485" s="91"/>
      <c r="FS3485" s="91"/>
      <c r="FT3485" s="91"/>
      <c r="FU3485" s="91"/>
      <c r="FV3485" s="91"/>
      <c r="FW3485" s="91"/>
      <c r="FX3485" s="127"/>
      <c r="FY3485" s="126"/>
      <c r="FZ3485" s="91"/>
      <c r="GA3485" s="91"/>
      <c r="GB3485" s="91"/>
      <c r="GC3485" s="91"/>
      <c r="GD3485" s="91"/>
      <c r="GE3485" s="91"/>
      <c r="GF3485" s="91"/>
      <c r="GG3485" s="91"/>
      <c r="GH3485" s="91"/>
      <c r="GI3485" s="91"/>
      <c r="GJ3485" s="91"/>
      <c r="GK3485" s="127"/>
      <c r="GL3485" s="126"/>
      <c r="GM3485" s="91"/>
      <c r="GN3485" s="91"/>
      <c r="GO3485" s="91"/>
      <c r="GP3485" s="91"/>
      <c r="GQ3485" s="91"/>
      <c r="GR3485" s="91"/>
      <c r="GS3485" s="91"/>
      <c r="GT3485" s="91"/>
      <c r="GU3485" s="91"/>
      <c r="GV3485" s="91"/>
      <c r="GW3485" s="91"/>
      <c r="GX3485" s="127"/>
      <c r="GY3485" s="126"/>
      <c r="GZ3485" s="91"/>
      <c r="HA3485" s="91"/>
      <c r="HB3485" s="91"/>
      <c r="HC3485" s="91"/>
      <c r="HD3485" s="91"/>
      <c r="HE3485" s="91"/>
      <c r="HF3485" s="91"/>
      <c r="HG3485" s="91"/>
      <c r="HH3485" s="91"/>
      <c r="HI3485" s="91"/>
      <c r="HJ3485" s="91"/>
      <c r="HK3485" s="127"/>
      <c r="HL3485" s="126"/>
      <c r="HM3485" s="91"/>
      <c r="HN3485" s="91"/>
      <c r="HO3485" s="91"/>
      <c r="HP3485" s="91"/>
      <c r="HQ3485" s="91"/>
      <c r="HR3485" s="91"/>
      <c r="HS3485" s="91"/>
      <c r="HT3485" s="91"/>
      <c r="HU3485" s="91"/>
      <c r="HV3485" s="91"/>
      <c r="HW3485" s="91"/>
      <c r="HX3485" s="127"/>
      <c r="HY3485" s="126"/>
      <c r="HZ3485" s="91"/>
      <c r="IA3485" s="91"/>
      <c r="IB3485" s="91"/>
      <c r="IC3485" s="91"/>
      <c r="ID3485" s="91"/>
      <c r="IE3485" s="91"/>
      <c r="IF3485" s="91"/>
      <c r="IG3485" s="91"/>
      <c r="IH3485" s="91"/>
      <c r="II3485" s="91"/>
      <c r="IJ3485" s="91"/>
      <c r="IK3485" s="174"/>
    </row>
    <row r="3486" spans="2:245" x14ac:dyDescent="0.2">
      <c r="B3486" s="43"/>
      <c r="C3486" s="73"/>
      <c r="D3486" s="64"/>
      <c r="E3486" s="64"/>
      <c r="F3486" s="55"/>
      <c r="G3486" s="102"/>
      <c r="H3486" s="97"/>
      <c r="T3486" s="98"/>
      <c r="U3486" s="97"/>
      <c r="AG3486" s="98"/>
      <c r="AY3486" s="164"/>
      <c r="BK3486" s="98"/>
      <c r="BL3486" s="97"/>
      <c r="BX3486" s="98"/>
      <c r="CL3486" s="97"/>
      <c r="CX3486" s="98"/>
      <c r="DL3486" s="97"/>
      <c r="DX3486" s="98"/>
      <c r="EL3486" s="97"/>
      <c r="EX3486" s="98"/>
      <c r="EY3486" s="97"/>
      <c r="FL3486" s="126"/>
      <c r="FM3486" s="91"/>
      <c r="FN3486" s="91"/>
      <c r="FO3486" s="91"/>
      <c r="FP3486" s="91"/>
      <c r="FQ3486" s="91"/>
      <c r="FR3486" s="91"/>
      <c r="FS3486" s="91"/>
      <c r="FT3486" s="91"/>
      <c r="FU3486" s="91"/>
      <c r="FV3486" s="91"/>
      <c r="FW3486" s="91"/>
      <c r="FX3486" s="127"/>
      <c r="FY3486" s="126"/>
      <c r="FZ3486" s="91"/>
      <c r="GA3486" s="91"/>
      <c r="GB3486" s="91"/>
      <c r="GC3486" s="91"/>
      <c r="GD3486" s="91"/>
      <c r="GE3486" s="91"/>
      <c r="GF3486" s="91"/>
      <c r="GG3486" s="91"/>
      <c r="GH3486" s="91"/>
      <c r="GI3486" s="91"/>
      <c r="GJ3486" s="91"/>
      <c r="GK3486" s="127"/>
      <c r="GL3486" s="126"/>
      <c r="GM3486" s="91"/>
      <c r="GN3486" s="91"/>
      <c r="GO3486" s="91"/>
      <c r="GP3486" s="91"/>
      <c r="GQ3486" s="91"/>
      <c r="GR3486" s="91"/>
      <c r="GS3486" s="91"/>
      <c r="GT3486" s="91"/>
      <c r="GU3486" s="91"/>
      <c r="GV3486" s="91"/>
      <c r="GW3486" s="91"/>
      <c r="GX3486" s="127"/>
      <c r="GY3486" s="126"/>
      <c r="GZ3486" s="91"/>
      <c r="HA3486" s="91"/>
      <c r="HB3486" s="91"/>
      <c r="HC3486" s="91"/>
      <c r="HD3486" s="91"/>
      <c r="HE3486" s="91"/>
      <c r="HF3486" s="91"/>
      <c r="HG3486" s="91"/>
      <c r="HH3486" s="91"/>
      <c r="HI3486" s="91"/>
      <c r="HJ3486" s="91"/>
      <c r="HK3486" s="127"/>
      <c r="HL3486" s="126"/>
      <c r="HM3486" s="91"/>
      <c r="HN3486" s="91"/>
      <c r="HO3486" s="91"/>
      <c r="HP3486" s="91"/>
      <c r="HQ3486" s="91"/>
      <c r="HR3486" s="91"/>
      <c r="HS3486" s="91"/>
      <c r="HT3486" s="91"/>
      <c r="HU3486" s="91"/>
      <c r="HV3486" s="91"/>
      <c r="HW3486" s="91"/>
      <c r="HX3486" s="127"/>
      <c r="HY3486" s="126"/>
      <c r="HZ3486" s="91"/>
      <c r="IA3486" s="91"/>
      <c r="IB3486" s="91"/>
      <c r="IC3486" s="91"/>
      <c r="ID3486" s="91"/>
      <c r="IE3486" s="91"/>
      <c r="IF3486" s="91"/>
      <c r="IG3486" s="91"/>
      <c r="IH3486" s="91"/>
      <c r="II3486" s="91"/>
      <c r="IJ3486" s="91"/>
      <c r="IK3486" s="174"/>
    </row>
    <row r="3487" spans="2:245" x14ac:dyDescent="0.2">
      <c r="B3487" s="43"/>
      <c r="C3487" s="73"/>
      <c r="D3487" s="64"/>
      <c r="E3487" s="64"/>
      <c r="F3487" s="55"/>
      <c r="G3487" s="102"/>
      <c r="H3487" s="97"/>
      <c r="T3487" s="98"/>
      <c r="U3487" s="97"/>
      <c r="AG3487" s="98"/>
      <c r="AY3487" s="164"/>
      <c r="BK3487" s="98"/>
      <c r="BL3487" s="97"/>
      <c r="BX3487" s="98"/>
      <c r="CL3487" s="97"/>
      <c r="CX3487" s="98"/>
      <c r="DL3487" s="97"/>
      <c r="DX3487" s="98"/>
      <c r="EL3487" s="97"/>
      <c r="EX3487" s="98"/>
      <c r="EY3487" s="97"/>
      <c r="FL3487" s="126"/>
      <c r="FM3487" s="91"/>
      <c r="FN3487" s="91"/>
      <c r="FO3487" s="91"/>
      <c r="FP3487" s="91"/>
      <c r="FQ3487" s="91"/>
      <c r="FR3487" s="91"/>
      <c r="FS3487" s="91"/>
      <c r="FT3487" s="91"/>
      <c r="FU3487" s="91"/>
      <c r="FV3487" s="91"/>
      <c r="FW3487" s="91"/>
      <c r="FX3487" s="127"/>
      <c r="FY3487" s="126"/>
      <c r="FZ3487" s="91"/>
      <c r="GA3487" s="91"/>
      <c r="GB3487" s="91"/>
      <c r="GC3487" s="91"/>
      <c r="GD3487" s="91"/>
      <c r="GE3487" s="91"/>
      <c r="GF3487" s="91"/>
      <c r="GG3487" s="91"/>
      <c r="GH3487" s="91"/>
      <c r="GI3487" s="91"/>
      <c r="GJ3487" s="91"/>
      <c r="GK3487" s="127"/>
      <c r="GL3487" s="126"/>
      <c r="GM3487" s="91"/>
      <c r="GN3487" s="91"/>
      <c r="GO3487" s="91"/>
      <c r="GP3487" s="91"/>
      <c r="GQ3487" s="91"/>
      <c r="GR3487" s="91"/>
      <c r="GS3487" s="91"/>
      <c r="GT3487" s="91"/>
      <c r="GU3487" s="91"/>
      <c r="GV3487" s="91"/>
      <c r="GW3487" s="91"/>
      <c r="GX3487" s="127"/>
      <c r="GY3487" s="126"/>
      <c r="GZ3487" s="91"/>
      <c r="HA3487" s="91"/>
      <c r="HB3487" s="91"/>
      <c r="HC3487" s="91"/>
      <c r="HD3487" s="91"/>
      <c r="HE3487" s="91"/>
      <c r="HF3487" s="91"/>
      <c r="HG3487" s="91"/>
      <c r="HH3487" s="91"/>
      <c r="HI3487" s="91"/>
      <c r="HJ3487" s="91"/>
      <c r="HK3487" s="127"/>
      <c r="HL3487" s="126"/>
      <c r="HM3487" s="91"/>
      <c r="HN3487" s="91"/>
      <c r="HO3487" s="91"/>
      <c r="HP3487" s="91"/>
      <c r="HQ3487" s="91"/>
      <c r="HR3487" s="91"/>
      <c r="HS3487" s="91"/>
      <c r="HT3487" s="91"/>
      <c r="HU3487" s="91"/>
      <c r="HV3487" s="91"/>
      <c r="HW3487" s="91"/>
      <c r="HX3487" s="127"/>
      <c r="HY3487" s="126"/>
      <c r="HZ3487" s="91"/>
      <c r="IA3487" s="91"/>
      <c r="IB3487" s="91"/>
      <c r="IC3487" s="91"/>
      <c r="ID3487" s="91"/>
      <c r="IE3487" s="91"/>
      <c r="IF3487" s="91"/>
      <c r="IG3487" s="91"/>
      <c r="IH3487" s="91"/>
      <c r="II3487" s="91"/>
      <c r="IJ3487" s="91"/>
      <c r="IK3487" s="174"/>
    </row>
    <row r="3488" spans="2:245" x14ac:dyDescent="0.2">
      <c r="B3488" s="43"/>
      <c r="C3488" s="73"/>
      <c r="D3488" s="64"/>
      <c r="E3488" s="64"/>
      <c r="F3488" s="55"/>
      <c r="G3488" s="102"/>
      <c r="H3488" s="97"/>
      <c r="T3488" s="98"/>
      <c r="U3488" s="97"/>
      <c r="AG3488" s="98"/>
      <c r="AY3488" s="164"/>
      <c r="BK3488" s="98"/>
      <c r="BL3488" s="97"/>
      <c r="BX3488" s="98"/>
      <c r="CL3488" s="97"/>
      <c r="CX3488" s="98"/>
      <c r="DL3488" s="97"/>
      <c r="DX3488" s="98"/>
      <c r="EL3488" s="97"/>
      <c r="EX3488" s="98"/>
      <c r="EY3488" s="97"/>
      <c r="FL3488" s="126"/>
      <c r="FM3488" s="91"/>
      <c r="FN3488" s="91"/>
      <c r="FO3488" s="91"/>
      <c r="FP3488" s="91"/>
      <c r="FQ3488" s="91"/>
      <c r="FR3488" s="91"/>
      <c r="FS3488" s="91"/>
      <c r="FT3488" s="91"/>
      <c r="FU3488" s="91"/>
      <c r="FV3488" s="91"/>
      <c r="FW3488" s="91"/>
      <c r="FX3488" s="127"/>
      <c r="FY3488" s="126"/>
      <c r="FZ3488" s="91"/>
      <c r="GA3488" s="91"/>
      <c r="GB3488" s="91"/>
      <c r="GC3488" s="91"/>
      <c r="GD3488" s="91"/>
      <c r="GE3488" s="91"/>
      <c r="GF3488" s="91"/>
      <c r="GG3488" s="91"/>
      <c r="GH3488" s="91"/>
      <c r="GI3488" s="91"/>
      <c r="GJ3488" s="91"/>
      <c r="GK3488" s="127"/>
      <c r="GL3488" s="126"/>
      <c r="GM3488" s="91"/>
      <c r="GN3488" s="91"/>
      <c r="GO3488" s="91"/>
      <c r="GP3488" s="91"/>
      <c r="GQ3488" s="91"/>
      <c r="GR3488" s="91"/>
      <c r="GS3488" s="91"/>
      <c r="GT3488" s="91"/>
      <c r="GU3488" s="91"/>
      <c r="GV3488" s="91"/>
      <c r="GW3488" s="91"/>
      <c r="GX3488" s="127"/>
      <c r="GY3488" s="126"/>
      <c r="GZ3488" s="91"/>
      <c r="HA3488" s="91"/>
      <c r="HB3488" s="91"/>
      <c r="HC3488" s="91"/>
      <c r="HD3488" s="91"/>
      <c r="HE3488" s="91"/>
      <c r="HF3488" s="91"/>
      <c r="HG3488" s="91"/>
      <c r="HH3488" s="91"/>
      <c r="HI3488" s="91"/>
      <c r="HJ3488" s="91"/>
      <c r="HK3488" s="127"/>
      <c r="HL3488" s="126"/>
      <c r="HM3488" s="91"/>
      <c r="HN3488" s="91"/>
      <c r="HO3488" s="91"/>
      <c r="HP3488" s="91"/>
      <c r="HQ3488" s="91"/>
      <c r="HR3488" s="91"/>
      <c r="HS3488" s="91"/>
      <c r="HT3488" s="91"/>
      <c r="HU3488" s="91"/>
      <c r="HV3488" s="91"/>
      <c r="HW3488" s="91"/>
      <c r="HX3488" s="127"/>
      <c r="HY3488" s="126"/>
      <c r="HZ3488" s="91"/>
      <c r="IA3488" s="91"/>
      <c r="IB3488" s="91"/>
      <c r="IC3488" s="91"/>
      <c r="ID3488" s="91"/>
      <c r="IE3488" s="91"/>
      <c r="IF3488" s="91"/>
      <c r="IG3488" s="91"/>
      <c r="IH3488" s="91"/>
      <c r="II3488" s="91"/>
      <c r="IJ3488" s="91"/>
      <c r="IK3488" s="174"/>
    </row>
    <row r="3489" spans="2:245" x14ac:dyDescent="0.2">
      <c r="B3489" s="43"/>
      <c r="C3489" s="73"/>
      <c r="D3489" s="64"/>
      <c r="E3489" s="64"/>
      <c r="F3489" s="55"/>
      <c r="G3489" s="102"/>
      <c r="H3489" s="97"/>
      <c r="T3489" s="98"/>
      <c r="U3489" s="97"/>
      <c r="AG3489" s="98"/>
      <c r="AY3489" s="164"/>
      <c r="BK3489" s="98"/>
      <c r="BL3489" s="97"/>
      <c r="BX3489" s="98"/>
      <c r="CL3489" s="97"/>
      <c r="CX3489" s="98"/>
      <c r="DL3489" s="97"/>
      <c r="DX3489" s="98"/>
      <c r="EL3489" s="97"/>
      <c r="EX3489" s="98"/>
      <c r="EY3489" s="97"/>
      <c r="FL3489" s="126"/>
      <c r="FM3489" s="91"/>
      <c r="FN3489" s="91"/>
      <c r="FO3489" s="91"/>
      <c r="FP3489" s="91"/>
      <c r="FQ3489" s="91"/>
      <c r="FR3489" s="91"/>
      <c r="FS3489" s="91"/>
      <c r="FT3489" s="91"/>
      <c r="FU3489" s="91"/>
      <c r="FV3489" s="91"/>
      <c r="FW3489" s="91"/>
      <c r="FX3489" s="127"/>
      <c r="FY3489" s="126"/>
      <c r="FZ3489" s="91"/>
      <c r="GA3489" s="91"/>
      <c r="GB3489" s="91"/>
      <c r="GC3489" s="91"/>
      <c r="GD3489" s="91"/>
      <c r="GE3489" s="91"/>
      <c r="GF3489" s="91"/>
      <c r="GG3489" s="91"/>
      <c r="GH3489" s="91"/>
      <c r="GI3489" s="91"/>
      <c r="GJ3489" s="91"/>
      <c r="GK3489" s="127"/>
      <c r="GL3489" s="126"/>
      <c r="GM3489" s="91"/>
      <c r="GN3489" s="91"/>
      <c r="GO3489" s="91"/>
      <c r="GP3489" s="91"/>
      <c r="GQ3489" s="91"/>
      <c r="GR3489" s="91"/>
      <c r="GS3489" s="91"/>
      <c r="GT3489" s="91"/>
      <c r="GU3489" s="91"/>
      <c r="GV3489" s="91"/>
      <c r="GW3489" s="91"/>
      <c r="GX3489" s="127"/>
      <c r="GY3489" s="126"/>
      <c r="GZ3489" s="91"/>
      <c r="HA3489" s="91"/>
      <c r="HB3489" s="91"/>
      <c r="HC3489" s="91"/>
      <c r="HD3489" s="91"/>
      <c r="HE3489" s="91"/>
      <c r="HF3489" s="91"/>
      <c r="HG3489" s="91"/>
      <c r="HH3489" s="91"/>
      <c r="HI3489" s="91"/>
      <c r="HJ3489" s="91"/>
      <c r="HK3489" s="127"/>
      <c r="HL3489" s="126"/>
      <c r="HM3489" s="91"/>
      <c r="HN3489" s="91"/>
      <c r="HO3489" s="91"/>
      <c r="HP3489" s="91"/>
      <c r="HQ3489" s="91"/>
      <c r="HR3489" s="91"/>
      <c r="HS3489" s="91"/>
      <c r="HT3489" s="91"/>
      <c r="HU3489" s="91"/>
      <c r="HV3489" s="91"/>
      <c r="HW3489" s="91"/>
      <c r="HX3489" s="127"/>
      <c r="HY3489" s="126"/>
      <c r="HZ3489" s="91"/>
      <c r="IA3489" s="91"/>
      <c r="IB3489" s="91"/>
      <c r="IC3489" s="91"/>
      <c r="ID3489" s="91"/>
      <c r="IE3489" s="91"/>
      <c r="IF3489" s="91"/>
      <c r="IG3489" s="91"/>
      <c r="IH3489" s="91"/>
      <c r="II3489" s="91"/>
      <c r="IJ3489" s="91"/>
      <c r="IK3489" s="174"/>
    </row>
    <row r="3490" spans="2:245" x14ac:dyDescent="0.2">
      <c r="B3490" s="43"/>
      <c r="C3490" s="73"/>
      <c r="D3490" s="64"/>
      <c r="E3490" s="64"/>
      <c r="F3490" s="55"/>
      <c r="G3490" s="102"/>
      <c r="H3490" s="97"/>
      <c r="T3490" s="98"/>
      <c r="U3490" s="97"/>
      <c r="AG3490" s="98"/>
      <c r="AY3490" s="164"/>
      <c r="BK3490" s="98"/>
      <c r="BL3490" s="97"/>
      <c r="BX3490" s="98"/>
      <c r="CL3490" s="97"/>
      <c r="CX3490" s="98"/>
      <c r="DL3490" s="97"/>
      <c r="DX3490" s="98"/>
      <c r="EL3490" s="97"/>
      <c r="EX3490" s="98"/>
      <c r="EY3490" s="97"/>
      <c r="FL3490" s="126"/>
      <c r="FM3490" s="91"/>
      <c r="FN3490" s="91"/>
      <c r="FO3490" s="91"/>
      <c r="FP3490" s="91"/>
      <c r="FQ3490" s="91"/>
      <c r="FR3490" s="91"/>
      <c r="FS3490" s="91"/>
      <c r="FT3490" s="91"/>
      <c r="FU3490" s="91"/>
      <c r="FV3490" s="91"/>
      <c r="FW3490" s="91"/>
      <c r="FX3490" s="127"/>
      <c r="FY3490" s="126"/>
      <c r="FZ3490" s="91"/>
      <c r="GA3490" s="91"/>
      <c r="GB3490" s="91"/>
      <c r="GC3490" s="91"/>
      <c r="GD3490" s="91"/>
      <c r="GE3490" s="91"/>
      <c r="GF3490" s="91"/>
      <c r="GG3490" s="91"/>
      <c r="GH3490" s="91"/>
      <c r="GI3490" s="91"/>
      <c r="GJ3490" s="91"/>
      <c r="GK3490" s="127"/>
      <c r="GL3490" s="126"/>
      <c r="GM3490" s="91"/>
      <c r="GN3490" s="91"/>
      <c r="GO3490" s="91"/>
      <c r="GP3490" s="91"/>
      <c r="GQ3490" s="91"/>
      <c r="GR3490" s="91"/>
      <c r="GS3490" s="91"/>
      <c r="GT3490" s="91"/>
      <c r="GU3490" s="91"/>
      <c r="GV3490" s="91"/>
      <c r="GW3490" s="91"/>
      <c r="GX3490" s="127"/>
      <c r="GY3490" s="126"/>
      <c r="GZ3490" s="91"/>
      <c r="HA3490" s="91"/>
      <c r="HB3490" s="91"/>
      <c r="HC3490" s="91"/>
      <c r="HD3490" s="91"/>
      <c r="HE3490" s="91"/>
      <c r="HF3490" s="91"/>
      <c r="HG3490" s="91"/>
      <c r="HH3490" s="91"/>
      <c r="HI3490" s="91"/>
      <c r="HJ3490" s="91"/>
      <c r="HK3490" s="127"/>
      <c r="HL3490" s="126"/>
      <c r="HM3490" s="91"/>
      <c r="HN3490" s="91"/>
      <c r="HO3490" s="91"/>
      <c r="HP3490" s="91"/>
      <c r="HQ3490" s="91"/>
      <c r="HR3490" s="91"/>
      <c r="HS3490" s="91"/>
      <c r="HT3490" s="91"/>
      <c r="HU3490" s="91"/>
      <c r="HV3490" s="91"/>
      <c r="HW3490" s="91"/>
      <c r="HX3490" s="127"/>
      <c r="HY3490" s="126"/>
      <c r="HZ3490" s="91"/>
      <c r="IA3490" s="91"/>
      <c r="IB3490" s="91"/>
      <c r="IC3490" s="91"/>
      <c r="ID3490" s="91"/>
      <c r="IE3490" s="91"/>
      <c r="IF3490" s="91"/>
      <c r="IG3490" s="91"/>
      <c r="IH3490" s="91"/>
      <c r="II3490" s="91"/>
      <c r="IJ3490" s="91"/>
      <c r="IK3490" s="174"/>
    </row>
    <row r="3491" spans="2:245" x14ac:dyDescent="0.2">
      <c r="B3491" s="43"/>
      <c r="C3491" s="73"/>
      <c r="D3491" s="64"/>
      <c r="E3491" s="64"/>
      <c r="F3491" s="55"/>
      <c r="G3491" s="102"/>
      <c r="H3491" s="97"/>
      <c r="T3491" s="98"/>
      <c r="U3491" s="97"/>
      <c r="AG3491" s="98"/>
      <c r="AY3491" s="164"/>
      <c r="BK3491" s="98"/>
      <c r="BL3491" s="97"/>
      <c r="BX3491" s="98"/>
      <c r="CL3491" s="97"/>
      <c r="CX3491" s="98"/>
      <c r="DL3491" s="97"/>
      <c r="DX3491" s="98"/>
      <c r="EL3491" s="97"/>
      <c r="EX3491" s="98"/>
      <c r="EY3491" s="97"/>
      <c r="FL3491" s="126"/>
      <c r="FM3491" s="91"/>
      <c r="FN3491" s="91"/>
      <c r="FO3491" s="91"/>
      <c r="FP3491" s="91"/>
      <c r="FQ3491" s="91"/>
      <c r="FR3491" s="91"/>
      <c r="FS3491" s="91"/>
      <c r="FT3491" s="91"/>
      <c r="FU3491" s="91"/>
      <c r="FV3491" s="91"/>
      <c r="FW3491" s="91"/>
      <c r="FX3491" s="127"/>
      <c r="FY3491" s="126"/>
      <c r="FZ3491" s="91"/>
      <c r="GA3491" s="91"/>
      <c r="GB3491" s="91"/>
      <c r="GC3491" s="91"/>
      <c r="GD3491" s="91"/>
      <c r="GE3491" s="91"/>
      <c r="GF3491" s="91"/>
      <c r="GG3491" s="91"/>
      <c r="GH3491" s="91"/>
      <c r="GI3491" s="91"/>
      <c r="GJ3491" s="91"/>
      <c r="GK3491" s="127"/>
      <c r="GL3491" s="126"/>
      <c r="GM3491" s="91"/>
      <c r="GN3491" s="91"/>
      <c r="GO3491" s="91"/>
      <c r="GP3491" s="91"/>
      <c r="GQ3491" s="91"/>
      <c r="GR3491" s="91"/>
      <c r="GS3491" s="91"/>
      <c r="GT3491" s="91"/>
      <c r="GU3491" s="91"/>
      <c r="GV3491" s="91"/>
      <c r="GW3491" s="91"/>
      <c r="GX3491" s="127"/>
      <c r="GY3491" s="126"/>
      <c r="GZ3491" s="91"/>
      <c r="HA3491" s="91"/>
      <c r="HB3491" s="91"/>
      <c r="HC3491" s="91"/>
      <c r="HD3491" s="91"/>
      <c r="HE3491" s="91"/>
      <c r="HF3491" s="91"/>
      <c r="HG3491" s="91"/>
      <c r="HH3491" s="91"/>
      <c r="HI3491" s="91"/>
      <c r="HJ3491" s="91"/>
      <c r="HK3491" s="127"/>
      <c r="HL3491" s="126"/>
      <c r="HM3491" s="91"/>
      <c r="HN3491" s="91"/>
      <c r="HO3491" s="91"/>
      <c r="HP3491" s="91"/>
      <c r="HQ3491" s="91"/>
      <c r="HR3491" s="91"/>
      <c r="HS3491" s="91"/>
      <c r="HT3491" s="91"/>
      <c r="HU3491" s="91"/>
      <c r="HV3491" s="91"/>
      <c r="HW3491" s="91"/>
      <c r="HX3491" s="127"/>
      <c r="HY3491" s="126"/>
      <c r="HZ3491" s="91"/>
      <c r="IA3491" s="91"/>
      <c r="IB3491" s="91"/>
      <c r="IC3491" s="91"/>
      <c r="ID3491" s="91"/>
      <c r="IE3491" s="91"/>
      <c r="IF3491" s="91"/>
      <c r="IG3491" s="91"/>
      <c r="IH3491" s="91"/>
      <c r="II3491" s="91"/>
      <c r="IJ3491" s="91"/>
      <c r="IK3491" s="174"/>
    </row>
    <row r="3492" spans="2:245" x14ac:dyDescent="0.2">
      <c r="B3492" s="43"/>
      <c r="C3492" s="73"/>
      <c r="D3492" s="64"/>
      <c r="E3492" s="64"/>
      <c r="F3492" s="55"/>
      <c r="G3492" s="102"/>
      <c r="H3492" s="97"/>
      <c r="T3492" s="98"/>
      <c r="U3492" s="97"/>
      <c r="AG3492" s="98"/>
      <c r="AY3492" s="164"/>
      <c r="BK3492" s="98"/>
      <c r="BL3492" s="97"/>
      <c r="BX3492" s="98"/>
      <c r="CL3492" s="97"/>
      <c r="CX3492" s="98"/>
      <c r="DL3492" s="97"/>
      <c r="DX3492" s="98"/>
      <c r="EL3492" s="97"/>
      <c r="EX3492" s="98"/>
      <c r="EY3492" s="97"/>
      <c r="FL3492" s="126"/>
      <c r="FM3492" s="91"/>
      <c r="FN3492" s="91"/>
      <c r="FO3492" s="91"/>
      <c r="FP3492" s="91"/>
      <c r="FQ3492" s="91"/>
      <c r="FR3492" s="91"/>
      <c r="FS3492" s="91"/>
      <c r="FT3492" s="91"/>
      <c r="FU3492" s="91"/>
      <c r="FV3492" s="91"/>
      <c r="FW3492" s="91"/>
      <c r="FX3492" s="127"/>
      <c r="FY3492" s="126"/>
      <c r="FZ3492" s="91"/>
      <c r="GA3492" s="91"/>
      <c r="GB3492" s="91"/>
      <c r="GC3492" s="91"/>
      <c r="GD3492" s="91"/>
      <c r="GE3492" s="91"/>
      <c r="GF3492" s="91"/>
      <c r="GG3492" s="91"/>
      <c r="GH3492" s="91"/>
      <c r="GI3492" s="91"/>
      <c r="GJ3492" s="91"/>
      <c r="GK3492" s="127"/>
      <c r="GL3492" s="126"/>
      <c r="GM3492" s="91"/>
      <c r="GN3492" s="91"/>
      <c r="GO3492" s="91"/>
      <c r="GP3492" s="91"/>
      <c r="GQ3492" s="91"/>
      <c r="GR3492" s="91"/>
      <c r="GS3492" s="91"/>
      <c r="GT3492" s="91"/>
      <c r="GU3492" s="91"/>
      <c r="GV3492" s="91"/>
      <c r="GW3492" s="91"/>
      <c r="GX3492" s="127"/>
      <c r="GY3492" s="126"/>
      <c r="GZ3492" s="91"/>
      <c r="HA3492" s="91"/>
      <c r="HB3492" s="91"/>
      <c r="HC3492" s="91"/>
      <c r="HD3492" s="91"/>
      <c r="HE3492" s="91"/>
      <c r="HF3492" s="91"/>
      <c r="HG3492" s="91"/>
      <c r="HH3492" s="91"/>
      <c r="HI3492" s="91"/>
      <c r="HJ3492" s="91"/>
      <c r="HK3492" s="127"/>
      <c r="HL3492" s="126"/>
      <c r="HM3492" s="91"/>
      <c r="HN3492" s="91"/>
      <c r="HO3492" s="91"/>
      <c r="HP3492" s="91"/>
      <c r="HQ3492" s="91"/>
      <c r="HR3492" s="91"/>
      <c r="HS3492" s="91"/>
      <c r="HT3492" s="91"/>
      <c r="HU3492" s="91"/>
      <c r="HV3492" s="91"/>
      <c r="HW3492" s="91"/>
      <c r="HX3492" s="127"/>
      <c r="HY3492" s="126"/>
      <c r="HZ3492" s="91"/>
      <c r="IA3492" s="91"/>
      <c r="IB3492" s="91"/>
      <c r="IC3492" s="91"/>
      <c r="ID3492" s="91"/>
      <c r="IE3492" s="91"/>
      <c r="IF3492" s="91"/>
      <c r="IG3492" s="91"/>
      <c r="IH3492" s="91"/>
      <c r="II3492" s="91"/>
      <c r="IJ3492" s="91"/>
      <c r="IK3492" s="174"/>
    </row>
    <row r="3493" spans="2:245" x14ac:dyDescent="0.2">
      <c r="B3493" s="43"/>
      <c r="C3493" s="73"/>
      <c r="D3493" s="64"/>
      <c r="E3493" s="64"/>
      <c r="F3493" s="55"/>
      <c r="G3493" s="102"/>
      <c r="H3493" s="97"/>
      <c r="T3493" s="98"/>
      <c r="U3493" s="97"/>
      <c r="AG3493" s="98"/>
      <c r="AY3493" s="164"/>
      <c r="BK3493" s="98"/>
      <c r="BL3493" s="97"/>
      <c r="BX3493" s="98"/>
      <c r="CL3493" s="97"/>
      <c r="CX3493" s="98"/>
      <c r="DL3493" s="97"/>
      <c r="DX3493" s="98"/>
      <c r="EL3493" s="97"/>
      <c r="EX3493" s="98"/>
      <c r="EY3493" s="97"/>
      <c r="FL3493" s="126"/>
      <c r="FM3493" s="91"/>
      <c r="FN3493" s="91"/>
      <c r="FO3493" s="91"/>
      <c r="FP3493" s="91"/>
      <c r="FQ3493" s="91"/>
      <c r="FR3493" s="91"/>
      <c r="FS3493" s="91"/>
      <c r="FT3493" s="91"/>
      <c r="FU3493" s="91"/>
      <c r="FV3493" s="91"/>
      <c r="FW3493" s="91"/>
      <c r="FX3493" s="127"/>
      <c r="FY3493" s="126"/>
      <c r="FZ3493" s="91"/>
      <c r="GA3493" s="91"/>
      <c r="GB3493" s="91"/>
      <c r="GC3493" s="91"/>
      <c r="GD3493" s="91"/>
      <c r="GE3493" s="91"/>
      <c r="GF3493" s="91"/>
      <c r="GG3493" s="91"/>
      <c r="GH3493" s="91"/>
      <c r="GI3493" s="91"/>
      <c r="GJ3493" s="91"/>
      <c r="GK3493" s="127"/>
      <c r="GL3493" s="126"/>
      <c r="GM3493" s="91"/>
      <c r="GN3493" s="91"/>
      <c r="GO3493" s="91"/>
      <c r="GP3493" s="91"/>
      <c r="GQ3493" s="91"/>
      <c r="GR3493" s="91"/>
      <c r="GS3493" s="91"/>
      <c r="GT3493" s="91"/>
      <c r="GU3493" s="91"/>
      <c r="GV3493" s="91"/>
      <c r="GW3493" s="91"/>
      <c r="GX3493" s="127"/>
      <c r="GY3493" s="126"/>
      <c r="GZ3493" s="91"/>
      <c r="HA3493" s="91"/>
      <c r="HB3493" s="91"/>
      <c r="HC3493" s="91"/>
      <c r="HD3493" s="91"/>
      <c r="HE3493" s="91"/>
      <c r="HF3493" s="91"/>
      <c r="HG3493" s="91"/>
      <c r="HH3493" s="91"/>
      <c r="HI3493" s="91"/>
      <c r="HJ3493" s="91"/>
      <c r="HK3493" s="127"/>
      <c r="HL3493" s="126"/>
      <c r="HM3493" s="91"/>
      <c r="HN3493" s="91"/>
      <c r="HO3493" s="91"/>
      <c r="HP3493" s="91"/>
      <c r="HQ3493" s="91"/>
      <c r="HR3493" s="91"/>
      <c r="HS3493" s="91"/>
      <c r="HT3493" s="91"/>
      <c r="HU3493" s="91"/>
      <c r="HV3493" s="91"/>
      <c r="HW3493" s="91"/>
      <c r="HX3493" s="127"/>
      <c r="HY3493" s="126"/>
      <c r="HZ3493" s="91"/>
      <c r="IA3493" s="91"/>
      <c r="IB3493" s="91"/>
      <c r="IC3493" s="91"/>
      <c r="ID3493" s="91"/>
      <c r="IE3493" s="91"/>
      <c r="IF3493" s="91"/>
      <c r="IG3493" s="91"/>
      <c r="IH3493" s="91"/>
      <c r="II3493" s="91"/>
      <c r="IJ3493" s="91"/>
      <c r="IK3493" s="174"/>
    </row>
    <row r="3494" spans="2:245" x14ac:dyDescent="0.2">
      <c r="B3494" s="43"/>
      <c r="C3494" s="73"/>
      <c r="D3494" s="64"/>
      <c r="E3494" s="64"/>
      <c r="F3494" s="55"/>
      <c r="G3494" s="102"/>
      <c r="H3494" s="97"/>
      <c r="T3494" s="98"/>
      <c r="U3494" s="97"/>
      <c r="AG3494" s="98"/>
      <c r="AY3494" s="164"/>
      <c r="BK3494" s="98"/>
      <c r="BL3494" s="97"/>
      <c r="BX3494" s="98"/>
      <c r="CL3494" s="97"/>
      <c r="CX3494" s="98"/>
      <c r="DL3494" s="97"/>
      <c r="DX3494" s="98"/>
      <c r="EL3494" s="97"/>
      <c r="EX3494" s="98"/>
      <c r="EY3494" s="97"/>
      <c r="FL3494" s="126"/>
      <c r="FM3494" s="91"/>
      <c r="FN3494" s="91"/>
      <c r="FO3494" s="91"/>
      <c r="FP3494" s="91"/>
      <c r="FQ3494" s="91"/>
      <c r="FR3494" s="91"/>
      <c r="FS3494" s="91"/>
      <c r="FT3494" s="91"/>
      <c r="FU3494" s="91"/>
      <c r="FV3494" s="91"/>
      <c r="FW3494" s="91"/>
      <c r="FX3494" s="127"/>
      <c r="FY3494" s="126"/>
      <c r="FZ3494" s="91"/>
      <c r="GA3494" s="91"/>
      <c r="GB3494" s="91"/>
      <c r="GC3494" s="91"/>
      <c r="GD3494" s="91"/>
      <c r="GE3494" s="91"/>
      <c r="GF3494" s="91"/>
      <c r="GG3494" s="91"/>
      <c r="GH3494" s="91"/>
      <c r="GI3494" s="91"/>
      <c r="GJ3494" s="91"/>
      <c r="GK3494" s="127"/>
      <c r="GL3494" s="126"/>
      <c r="GM3494" s="91"/>
      <c r="GN3494" s="91"/>
      <c r="GO3494" s="91"/>
      <c r="GP3494" s="91"/>
      <c r="GQ3494" s="91"/>
      <c r="GR3494" s="91"/>
      <c r="GS3494" s="91"/>
      <c r="GT3494" s="91"/>
      <c r="GU3494" s="91"/>
      <c r="GV3494" s="91"/>
      <c r="GW3494" s="91"/>
      <c r="GX3494" s="127"/>
      <c r="GY3494" s="126"/>
      <c r="GZ3494" s="91"/>
      <c r="HA3494" s="91"/>
      <c r="HB3494" s="91"/>
      <c r="HC3494" s="91"/>
      <c r="HD3494" s="91"/>
      <c r="HE3494" s="91"/>
      <c r="HF3494" s="91"/>
      <c r="HG3494" s="91"/>
      <c r="HH3494" s="91"/>
      <c r="HI3494" s="91"/>
      <c r="HJ3494" s="91"/>
      <c r="HK3494" s="127"/>
      <c r="HL3494" s="126"/>
      <c r="HM3494" s="91"/>
      <c r="HN3494" s="91"/>
      <c r="HO3494" s="91"/>
      <c r="HP3494" s="91"/>
      <c r="HQ3494" s="91"/>
      <c r="HR3494" s="91"/>
      <c r="HS3494" s="91"/>
      <c r="HT3494" s="91"/>
      <c r="HU3494" s="91"/>
      <c r="HV3494" s="91"/>
      <c r="HW3494" s="91"/>
      <c r="HX3494" s="127"/>
      <c r="HY3494" s="126"/>
      <c r="HZ3494" s="91"/>
      <c r="IA3494" s="91"/>
      <c r="IB3494" s="91"/>
      <c r="IC3494" s="91"/>
      <c r="ID3494" s="91"/>
      <c r="IE3494" s="91"/>
      <c r="IF3494" s="91"/>
      <c r="IG3494" s="91"/>
      <c r="IH3494" s="91"/>
      <c r="II3494" s="91"/>
      <c r="IJ3494" s="91"/>
      <c r="IK3494" s="174"/>
    </row>
    <row r="3495" spans="2:245" x14ac:dyDescent="0.2">
      <c r="B3495" s="43"/>
      <c r="C3495" s="73"/>
      <c r="D3495" s="64"/>
      <c r="E3495" s="64"/>
      <c r="F3495" s="55"/>
      <c r="G3495" s="102"/>
      <c r="H3495" s="97"/>
      <c r="T3495" s="98"/>
      <c r="U3495" s="97"/>
      <c r="AG3495" s="98"/>
      <c r="AY3495" s="164"/>
      <c r="BK3495" s="98"/>
      <c r="BL3495" s="97"/>
      <c r="BX3495" s="98"/>
      <c r="CL3495" s="97"/>
      <c r="CX3495" s="98"/>
      <c r="DL3495" s="97"/>
      <c r="DX3495" s="98"/>
      <c r="EL3495" s="97"/>
      <c r="EX3495" s="98"/>
      <c r="EY3495" s="97"/>
      <c r="FL3495" s="126"/>
      <c r="FM3495" s="91"/>
      <c r="FN3495" s="91"/>
      <c r="FO3495" s="91"/>
      <c r="FP3495" s="91"/>
      <c r="FQ3495" s="91"/>
      <c r="FR3495" s="91"/>
      <c r="FS3495" s="91"/>
      <c r="FT3495" s="91"/>
      <c r="FU3495" s="91"/>
      <c r="FV3495" s="91"/>
      <c r="FW3495" s="91"/>
      <c r="FX3495" s="127"/>
      <c r="FY3495" s="126"/>
      <c r="FZ3495" s="91"/>
      <c r="GA3495" s="91"/>
      <c r="GB3495" s="91"/>
      <c r="GC3495" s="91"/>
      <c r="GD3495" s="91"/>
      <c r="GE3495" s="91"/>
      <c r="GF3495" s="91"/>
      <c r="GG3495" s="91"/>
      <c r="GH3495" s="91"/>
      <c r="GI3495" s="91"/>
      <c r="GJ3495" s="91"/>
      <c r="GK3495" s="127"/>
      <c r="GL3495" s="126"/>
      <c r="GM3495" s="91"/>
      <c r="GN3495" s="91"/>
      <c r="GO3495" s="91"/>
      <c r="GP3495" s="91"/>
      <c r="GQ3495" s="91"/>
      <c r="GR3495" s="91"/>
      <c r="GS3495" s="91"/>
      <c r="GT3495" s="91"/>
      <c r="GU3495" s="91"/>
      <c r="GV3495" s="91"/>
      <c r="GW3495" s="91"/>
      <c r="GX3495" s="127"/>
      <c r="GY3495" s="126"/>
      <c r="GZ3495" s="91"/>
      <c r="HA3495" s="91"/>
      <c r="HB3495" s="91"/>
      <c r="HC3495" s="91"/>
      <c r="HD3495" s="91"/>
      <c r="HE3495" s="91"/>
      <c r="HF3495" s="91"/>
      <c r="HG3495" s="91"/>
      <c r="HH3495" s="91"/>
      <c r="HI3495" s="91"/>
      <c r="HJ3495" s="91"/>
      <c r="HK3495" s="127"/>
      <c r="HL3495" s="126"/>
      <c r="HM3495" s="91"/>
      <c r="HN3495" s="91"/>
      <c r="HO3495" s="91"/>
      <c r="HP3495" s="91"/>
      <c r="HQ3495" s="91"/>
      <c r="HR3495" s="91"/>
      <c r="HS3495" s="91"/>
      <c r="HT3495" s="91"/>
      <c r="HU3495" s="91"/>
      <c r="HV3495" s="91"/>
      <c r="HW3495" s="91"/>
      <c r="HX3495" s="127"/>
      <c r="HY3495" s="126"/>
      <c r="HZ3495" s="91"/>
      <c r="IA3495" s="91"/>
      <c r="IB3495" s="91"/>
      <c r="IC3495" s="91"/>
      <c r="ID3495" s="91"/>
      <c r="IE3495" s="91"/>
      <c r="IF3495" s="91"/>
      <c r="IG3495" s="91"/>
      <c r="IH3495" s="91"/>
      <c r="II3495" s="91"/>
      <c r="IJ3495" s="91"/>
      <c r="IK3495" s="174"/>
    </row>
    <row r="3496" spans="2:245" x14ac:dyDescent="0.2">
      <c r="B3496" s="43"/>
      <c r="C3496" s="73"/>
      <c r="D3496" s="64"/>
      <c r="E3496" s="64"/>
      <c r="F3496" s="55"/>
      <c r="G3496" s="102"/>
      <c r="H3496" s="97"/>
      <c r="T3496" s="98"/>
      <c r="U3496" s="97"/>
      <c r="AG3496" s="98"/>
      <c r="AY3496" s="164"/>
      <c r="BK3496" s="98"/>
      <c r="BL3496" s="97"/>
      <c r="BX3496" s="98"/>
      <c r="CL3496" s="97"/>
      <c r="CX3496" s="98"/>
      <c r="DL3496" s="97"/>
      <c r="DX3496" s="98"/>
      <c r="EL3496" s="97"/>
      <c r="EX3496" s="98"/>
      <c r="EY3496" s="97"/>
      <c r="FL3496" s="126"/>
      <c r="FM3496" s="91"/>
      <c r="FN3496" s="91"/>
      <c r="FO3496" s="91"/>
      <c r="FP3496" s="91"/>
      <c r="FQ3496" s="91"/>
      <c r="FR3496" s="91"/>
      <c r="FS3496" s="91"/>
      <c r="FT3496" s="91"/>
      <c r="FU3496" s="91"/>
      <c r="FV3496" s="91"/>
      <c r="FW3496" s="91"/>
      <c r="FX3496" s="127"/>
      <c r="FY3496" s="126"/>
      <c r="FZ3496" s="91"/>
      <c r="GA3496" s="91"/>
      <c r="GB3496" s="91"/>
      <c r="GC3496" s="91"/>
      <c r="GD3496" s="91"/>
      <c r="GE3496" s="91"/>
      <c r="GF3496" s="91"/>
      <c r="GG3496" s="91"/>
      <c r="GH3496" s="91"/>
      <c r="GI3496" s="91"/>
      <c r="GJ3496" s="91"/>
      <c r="GK3496" s="127"/>
      <c r="GL3496" s="126"/>
      <c r="GM3496" s="91"/>
      <c r="GN3496" s="91"/>
      <c r="GO3496" s="91"/>
      <c r="GP3496" s="91"/>
      <c r="GQ3496" s="91"/>
      <c r="GR3496" s="91"/>
      <c r="GS3496" s="91"/>
      <c r="GT3496" s="91"/>
      <c r="GU3496" s="91"/>
      <c r="GV3496" s="91"/>
      <c r="GW3496" s="91"/>
      <c r="GX3496" s="127"/>
      <c r="GY3496" s="126"/>
      <c r="GZ3496" s="91"/>
      <c r="HA3496" s="91"/>
      <c r="HB3496" s="91"/>
      <c r="HC3496" s="91"/>
      <c r="HD3496" s="91"/>
      <c r="HE3496" s="91"/>
      <c r="HF3496" s="91"/>
      <c r="HG3496" s="91"/>
      <c r="HH3496" s="91"/>
      <c r="HI3496" s="91"/>
      <c r="HJ3496" s="91"/>
      <c r="HK3496" s="127"/>
      <c r="HL3496" s="126"/>
      <c r="HM3496" s="91"/>
      <c r="HN3496" s="91"/>
      <c r="HO3496" s="91"/>
      <c r="HP3496" s="91"/>
      <c r="HQ3496" s="91"/>
      <c r="HR3496" s="91"/>
      <c r="HS3496" s="91"/>
      <c r="HT3496" s="91"/>
      <c r="HU3496" s="91"/>
      <c r="HV3496" s="91"/>
      <c r="HW3496" s="91"/>
      <c r="HX3496" s="127"/>
      <c r="HY3496" s="126"/>
      <c r="HZ3496" s="91"/>
      <c r="IA3496" s="91"/>
      <c r="IB3496" s="91"/>
      <c r="IC3496" s="91"/>
      <c r="ID3496" s="91"/>
      <c r="IE3496" s="91"/>
      <c r="IF3496" s="91"/>
      <c r="IG3496" s="91"/>
      <c r="IH3496" s="91"/>
      <c r="II3496" s="91"/>
      <c r="IJ3496" s="91"/>
      <c r="IK3496" s="174"/>
    </row>
    <row r="3497" spans="2:245" x14ac:dyDescent="0.2">
      <c r="B3497" s="43"/>
      <c r="C3497" s="73"/>
      <c r="D3497" s="64"/>
      <c r="E3497" s="64"/>
      <c r="F3497" s="55"/>
      <c r="G3497" s="102"/>
      <c r="H3497" s="97"/>
      <c r="T3497" s="98"/>
      <c r="U3497" s="97"/>
      <c r="AG3497" s="98"/>
      <c r="AY3497" s="164"/>
      <c r="BK3497" s="98"/>
      <c r="BL3497" s="97"/>
      <c r="BX3497" s="98"/>
      <c r="CL3497" s="97"/>
      <c r="CX3497" s="98"/>
      <c r="DL3497" s="97"/>
      <c r="DX3497" s="98"/>
      <c r="EL3497" s="97"/>
      <c r="EX3497" s="98"/>
      <c r="EY3497" s="97"/>
      <c r="FL3497" s="126"/>
      <c r="FM3497" s="91"/>
      <c r="FN3497" s="91"/>
      <c r="FO3497" s="91"/>
      <c r="FP3497" s="91"/>
      <c r="FQ3497" s="91"/>
      <c r="FR3497" s="91"/>
      <c r="FS3497" s="91"/>
      <c r="FT3497" s="91"/>
      <c r="FU3497" s="91"/>
      <c r="FV3497" s="91"/>
      <c r="FW3497" s="91"/>
      <c r="FX3497" s="127"/>
      <c r="FY3497" s="126"/>
      <c r="FZ3497" s="91"/>
      <c r="GA3497" s="91"/>
      <c r="GB3497" s="91"/>
      <c r="GC3497" s="91"/>
      <c r="GD3497" s="91"/>
      <c r="GE3497" s="91"/>
      <c r="GF3497" s="91"/>
      <c r="GG3497" s="91"/>
      <c r="GH3497" s="91"/>
      <c r="GI3497" s="91"/>
      <c r="GJ3497" s="91"/>
      <c r="GK3497" s="127"/>
      <c r="GL3497" s="126"/>
      <c r="GM3497" s="91"/>
      <c r="GN3497" s="91"/>
      <c r="GO3497" s="91"/>
      <c r="GP3497" s="91"/>
      <c r="GQ3497" s="91"/>
      <c r="GR3497" s="91"/>
      <c r="GS3497" s="91"/>
      <c r="GT3497" s="91"/>
      <c r="GU3497" s="91"/>
      <c r="GV3497" s="91"/>
      <c r="GW3497" s="91"/>
      <c r="GX3497" s="127"/>
      <c r="GY3497" s="126"/>
      <c r="GZ3497" s="91"/>
      <c r="HA3497" s="91"/>
      <c r="HB3497" s="91"/>
      <c r="HC3497" s="91"/>
      <c r="HD3497" s="91"/>
      <c r="HE3497" s="91"/>
      <c r="HF3497" s="91"/>
      <c r="HG3497" s="91"/>
      <c r="HH3497" s="91"/>
      <c r="HI3497" s="91"/>
      <c r="HJ3497" s="91"/>
      <c r="HK3497" s="127"/>
      <c r="HL3497" s="126"/>
      <c r="HM3497" s="91"/>
      <c r="HN3497" s="91"/>
      <c r="HO3497" s="91"/>
      <c r="HP3497" s="91"/>
      <c r="HQ3497" s="91"/>
      <c r="HR3497" s="91"/>
      <c r="HS3497" s="91"/>
      <c r="HT3497" s="91"/>
      <c r="HU3497" s="91"/>
      <c r="HV3497" s="91"/>
      <c r="HW3497" s="91"/>
      <c r="HX3497" s="127"/>
      <c r="HY3497" s="126"/>
      <c r="HZ3497" s="91"/>
      <c r="IA3497" s="91"/>
      <c r="IB3497" s="91"/>
      <c r="IC3497" s="91"/>
      <c r="ID3497" s="91"/>
      <c r="IE3497" s="91"/>
      <c r="IF3497" s="91"/>
      <c r="IG3497" s="91"/>
      <c r="IH3497" s="91"/>
      <c r="II3497" s="91"/>
      <c r="IJ3497" s="91"/>
      <c r="IK3497" s="174"/>
    </row>
    <row r="3498" spans="2:245" x14ac:dyDescent="0.2">
      <c r="B3498" s="43"/>
      <c r="C3498" s="73"/>
      <c r="D3498" s="64"/>
      <c r="E3498" s="64"/>
      <c r="F3498" s="55"/>
      <c r="G3498" s="102"/>
      <c r="H3498" s="97"/>
      <c r="T3498" s="98"/>
      <c r="U3498" s="97"/>
      <c r="AG3498" s="98"/>
      <c r="AY3498" s="164"/>
      <c r="BK3498" s="98"/>
      <c r="BL3498" s="97"/>
      <c r="BX3498" s="98"/>
      <c r="CL3498" s="97"/>
      <c r="CX3498" s="98"/>
      <c r="DL3498" s="97"/>
      <c r="DX3498" s="98"/>
      <c r="EL3498" s="97"/>
      <c r="EX3498" s="98"/>
      <c r="EY3498" s="97"/>
      <c r="FL3498" s="126"/>
      <c r="FM3498" s="91"/>
      <c r="FN3498" s="91"/>
      <c r="FO3498" s="91"/>
      <c r="FP3498" s="91"/>
      <c r="FQ3498" s="91"/>
      <c r="FR3498" s="91"/>
      <c r="FS3498" s="91"/>
      <c r="FT3498" s="91"/>
      <c r="FU3498" s="91"/>
      <c r="FV3498" s="91"/>
      <c r="FW3498" s="91"/>
      <c r="FX3498" s="127"/>
      <c r="FY3498" s="126"/>
      <c r="FZ3498" s="91"/>
      <c r="GA3498" s="91"/>
      <c r="GB3498" s="91"/>
      <c r="GC3498" s="91"/>
      <c r="GD3498" s="91"/>
      <c r="GE3498" s="91"/>
      <c r="GF3498" s="91"/>
      <c r="GG3498" s="91"/>
      <c r="GH3498" s="91"/>
      <c r="GI3498" s="91"/>
      <c r="GJ3498" s="91"/>
      <c r="GK3498" s="127"/>
      <c r="GL3498" s="126"/>
      <c r="GM3498" s="91"/>
      <c r="GN3498" s="91"/>
      <c r="GO3498" s="91"/>
      <c r="GP3498" s="91"/>
      <c r="GQ3498" s="91"/>
      <c r="GR3498" s="91"/>
      <c r="GS3498" s="91"/>
      <c r="GT3498" s="91"/>
      <c r="GU3498" s="91"/>
      <c r="GV3498" s="91"/>
      <c r="GW3498" s="91"/>
      <c r="GX3498" s="127"/>
      <c r="GY3498" s="126"/>
      <c r="GZ3498" s="91"/>
      <c r="HA3498" s="91"/>
      <c r="HB3498" s="91"/>
      <c r="HC3498" s="91"/>
      <c r="HD3498" s="91"/>
      <c r="HE3498" s="91"/>
      <c r="HF3498" s="91"/>
      <c r="HG3498" s="91"/>
      <c r="HH3498" s="91"/>
      <c r="HI3498" s="91"/>
      <c r="HJ3498" s="91"/>
      <c r="HK3498" s="127"/>
      <c r="HL3498" s="126"/>
      <c r="HM3498" s="91"/>
      <c r="HN3498" s="91"/>
      <c r="HO3498" s="91"/>
      <c r="HP3498" s="91"/>
      <c r="HQ3498" s="91"/>
      <c r="HR3498" s="91"/>
      <c r="HS3498" s="91"/>
      <c r="HT3498" s="91"/>
      <c r="HU3498" s="91"/>
      <c r="HV3498" s="91"/>
      <c r="HW3498" s="91"/>
      <c r="HX3498" s="127"/>
      <c r="HY3498" s="126"/>
      <c r="HZ3498" s="91"/>
      <c r="IA3498" s="91"/>
      <c r="IB3498" s="91"/>
      <c r="IC3498" s="91"/>
      <c r="ID3498" s="91"/>
      <c r="IE3498" s="91"/>
      <c r="IF3498" s="91"/>
      <c r="IG3498" s="91"/>
      <c r="IH3498" s="91"/>
      <c r="II3498" s="91"/>
      <c r="IJ3498" s="91"/>
      <c r="IK3498" s="174"/>
    </row>
    <row r="3499" spans="2:245" x14ac:dyDescent="0.2">
      <c r="B3499" s="43"/>
      <c r="C3499" s="73"/>
      <c r="D3499" s="64"/>
      <c r="E3499" s="64"/>
      <c r="F3499" s="55"/>
      <c r="G3499" s="102"/>
      <c r="H3499" s="97"/>
      <c r="T3499" s="98"/>
      <c r="U3499" s="97"/>
      <c r="AG3499" s="98"/>
      <c r="AY3499" s="164"/>
      <c r="BK3499" s="98"/>
      <c r="BL3499" s="97"/>
      <c r="BX3499" s="98"/>
      <c r="CL3499" s="97"/>
      <c r="CX3499" s="98"/>
      <c r="DL3499" s="97"/>
      <c r="DX3499" s="98"/>
      <c r="EL3499" s="97"/>
      <c r="EX3499" s="98"/>
      <c r="EY3499" s="97"/>
      <c r="FL3499" s="126"/>
      <c r="FM3499" s="91"/>
      <c r="FN3499" s="91"/>
      <c r="FO3499" s="91"/>
      <c r="FP3499" s="91"/>
      <c r="FQ3499" s="91"/>
      <c r="FR3499" s="91"/>
      <c r="FS3499" s="91"/>
      <c r="FT3499" s="91"/>
      <c r="FU3499" s="91"/>
      <c r="FV3499" s="91"/>
      <c r="FW3499" s="91"/>
      <c r="FX3499" s="127"/>
      <c r="FY3499" s="126"/>
      <c r="FZ3499" s="91"/>
      <c r="GA3499" s="91"/>
      <c r="GB3499" s="91"/>
      <c r="GC3499" s="91"/>
      <c r="GD3499" s="91"/>
      <c r="GE3499" s="91"/>
      <c r="GF3499" s="91"/>
      <c r="GG3499" s="91"/>
      <c r="GH3499" s="91"/>
      <c r="GI3499" s="91"/>
      <c r="GJ3499" s="91"/>
      <c r="GK3499" s="127"/>
      <c r="GL3499" s="126"/>
      <c r="GM3499" s="91"/>
      <c r="GN3499" s="91"/>
      <c r="GO3499" s="91"/>
      <c r="GP3499" s="91"/>
      <c r="GQ3499" s="91"/>
      <c r="GR3499" s="91"/>
      <c r="GS3499" s="91"/>
      <c r="GT3499" s="91"/>
      <c r="GU3499" s="91"/>
      <c r="GV3499" s="91"/>
      <c r="GW3499" s="91"/>
      <c r="GX3499" s="127"/>
      <c r="GY3499" s="126"/>
      <c r="GZ3499" s="91"/>
      <c r="HA3499" s="91"/>
      <c r="HB3499" s="91"/>
      <c r="HC3499" s="91"/>
      <c r="HD3499" s="91"/>
      <c r="HE3499" s="91"/>
      <c r="HF3499" s="91"/>
      <c r="HG3499" s="91"/>
      <c r="HH3499" s="91"/>
      <c r="HI3499" s="91"/>
      <c r="HJ3499" s="91"/>
      <c r="HK3499" s="127"/>
      <c r="HL3499" s="126"/>
      <c r="HM3499" s="91"/>
      <c r="HN3499" s="91"/>
      <c r="HO3499" s="91"/>
      <c r="HP3499" s="91"/>
      <c r="HQ3499" s="91"/>
      <c r="HR3499" s="91"/>
      <c r="HS3499" s="91"/>
      <c r="HT3499" s="91"/>
      <c r="HU3499" s="91"/>
      <c r="HV3499" s="91"/>
      <c r="HW3499" s="91"/>
      <c r="HX3499" s="127"/>
      <c r="HY3499" s="126"/>
      <c r="HZ3499" s="91"/>
      <c r="IA3499" s="91"/>
      <c r="IB3499" s="91"/>
      <c r="IC3499" s="91"/>
      <c r="ID3499" s="91"/>
      <c r="IE3499" s="91"/>
      <c r="IF3499" s="91"/>
      <c r="IG3499" s="91"/>
      <c r="IH3499" s="91"/>
      <c r="II3499" s="91"/>
      <c r="IJ3499" s="91"/>
      <c r="IK3499" s="174"/>
    </row>
    <row r="3500" spans="2:245" x14ac:dyDescent="0.2">
      <c r="B3500" s="43"/>
      <c r="C3500" s="73"/>
      <c r="D3500" s="64"/>
      <c r="E3500" s="64"/>
      <c r="F3500" s="55"/>
      <c r="G3500" s="102"/>
      <c r="H3500" s="97"/>
      <c r="T3500" s="98"/>
      <c r="U3500" s="97"/>
      <c r="AG3500" s="98"/>
      <c r="AY3500" s="164"/>
      <c r="BK3500" s="98"/>
      <c r="BL3500" s="97"/>
      <c r="BX3500" s="98"/>
      <c r="CL3500" s="97"/>
      <c r="CX3500" s="98"/>
      <c r="DL3500" s="97"/>
      <c r="DX3500" s="98"/>
      <c r="EL3500" s="97"/>
      <c r="EX3500" s="98"/>
      <c r="EY3500" s="97"/>
      <c r="FL3500" s="126"/>
      <c r="FM3500" s="91"/>
      <c r="FN3500" s="91"/>
      <c r="FO3500" s="91"/>
      <c r="FP3500" s="91"/>
      <c r="FQ3500" s="91"/>
      <c r="FR3500" s="91"/>
      <c r="FS3500" s="91"/>
      <c r="FT3500" s="91"/>
      <c r="FU3500" s="91"/>
      <c r="FV3500" s="91"/>
      <c r="FW3500" s="91"/>
      <c r="FX3500" s="127"/>
      <c r="FY3500" s="126"/>
      <c r="FZ3500" s="91"/>
      <c r="GA3500" s="91"/>
      <c r="GB3500" s="91"/>
      <c r="GC3500" s="91"/>
      <c r="GD3500" s="91"/>
      <c r="GE3500" s="91"/>
      <c r="GF3500" s="91"/>
      <c r="GG3500" s="91"/>
      <c r="GH3500" s="91"/>
      <c r="GI3500" s="91"/>
      <c r="GJ3500" s="91"/>
      <c r="GK3500" s="127"/>
      <c r="GL3500" s="126"/>
      <c r="GM3500" s="91"/>
      <c r="GN3500" s="91"/>
      <c r="GO3500" s="91"/>
      <c r="GP3500" s="91"/>
      <c r="GQ3500" s="91"/>
      <c r="GR3500" s="91"/>
      <c r="GS3500" s="91"/>
      <c r="GT3500" s="91"/>
      <c r="GU3500" s="91"/>
      <c r="GV3500" s="91"/>
      <c r="GW3500" s="91"/>
      <c r="GX3500" s="127"/>
      <c r="GY3500" s="126"/>
      <c r="GZ3500" s="91"/>
      <c r="HA3500" s="91"/>
      <c r="HB3500" s="91"/>
      <c r="HC3500" s="91"/>
      <c r="HD3500" s="91"/>
      <c r="HE3500" s="91"/>
      <c r="HF3500" s="91"/>
      <c r="HG3500" s="91"/>
      <c r="HH3500" s="91"/>
      <c r="HI3500" s="91"/>
      <c r="HJ3500" s="91"/>
      <c r="HK3500" s="127"/>
      <c r="HL3500" s="126"/>
      <c r="HM3500" s="91"/>
      <c r="HN3500" s="91"/>
      <c r="HO3500" s="91"/>
      <c r="HP3500" s="91"/>
      <c r="HQ3500" s="91"/>
      <c r="HR3500" s="91"/>
      <c r="HS3500" s="91"/>
      <c r="HT3500" s="91"/>
      <c r="HU3500" s="91"/>
      <c r="HV3500" s="91"/>
      <c r="HW3500" s="91"/>
      <c r="HX3500" s="127"/>
      <c r="HY3500" s="126"/>
      <c r="HZ3500" s="91"/>
      <c r="IA3500" s="91"/>
      <c r="IB3500" s="91"/>
      <c r="IC3500" s="91"/>
      <c r="ID3500" s="91"/>
      <c r="IE3500" s="91"/>
      <c r="IF3500" s="91"/>
      <c r="IG3500" s="91"/>
      <c r="IH3500" s="91"/>
      <c r="II3500" s="91"/>
      <c r="IJ3500" s="91"/>
      <c r="IK3500" s="174"/>
    </row>
    <row r="3501" spans="2:245" x14ac:dyDescent="0.2">
      <c r="B3501" s="43"/>
      <c r="C3501" s="73"/>
      <c r="D3501" s="64"/>
      <c r="E3501" s="64"/>
      <c r="F3501" s="55"/>
      <c r="G3501" s="102"/>
      <c r="H3501" s="97"/>
      <c r="T3501" s="98"/>
      <c r="U3501" s="97"/>
      <c r="AG3501" s="98"/>
      <c r="AY3501" s="164"/>
      <c r="BK3501" s="98"/>
      <c r="BL3501" s="97"/>
      <c r="BX3501" s="98"/>
      <c r="CL3501" s="97"/>
      <c r="CX3501" s="98"/>
      <c r="DL3501" s="97"/>
      <c r="DX3501" s="98"/>
      <c r="EL3501" s="97"/>
      <c r="EX3501" s="98"/>
      <c r="EY3501" s="97"/>
      <c r="FL3501" s="126"/>
      <c r="FM3501" s="91"/>
      <c r="FN3501" s="91"/>
      <c r="FO3501" s="91"/>
      <c r="FP3501" s="91"/>
      <c r="FQ3501" s="91"/>
      <c r="FR3501" s="91"/>
      <c r="FS3501" s="91"/>
      <c r="FT3501" s="91"/>
      <c r="FU3501" s="91"/>
      <c r="FV3501" s="91"/>
      <c r="FW3501" s="91"/>
      <c r="FX3501" s="127"/>
      <c r="FY3501" s="126"/>
      <c r="FZ3501" s="91"/>
      <c r="GA3501" s="91"/>
      <c r="GB3501" s="91"/>
      <c r="GC3501" s="91"/>
      <c r="GD3501" s="91"/>
      <c r="GE3501" s="91"/>
      <c r="GF3501" s="91"/>
      <c r="GG3501" s="91"/>
      <c r="GH3501" s="91"/>
      <c r="GI3501" s="91"/>
      <c r="GJ3501" s="91"/>
      <c r="GK3501" s="127"/>
      <c r="GL3501" s="126"/>
      <c r="GM3501" s="91"/>
      <c r="GN3501" s="91"/>
      <c r="GO3501" s="91"/>
      <c r="GP3501" s="91"/>
      <c r="GQ3501" s="91"/>
      <c r="GR3501" s="91"/>
      <c r="GS3501" s="91"/>
      <c r="GT3501" s="91"/>
      <c r="GU3501" s="91"/>
      <c r="GV3501" s="91"/>
      <c r="GW3501" s="91"/>
      <c r="GX3501" s="127"/>
      <c r="GY3501" s="126"/>
      <c r="GZ3501" s="91"/>
      <c r="HA3501" s="91"/>
      <c r="HB3501" s="91"/>
      <c r="HC3501" s="91"/>
      <c r="HD3501" s="91"/>
      <c r="HE3501" s="91"/>
      <c r="HF3501" s="91"/>
      <c r="HG3501" s="91"/>
      <c r="HH3501" s="91"/>
      <c r="HI3501" s="91"/>
      <c r="HJ3501" s="91"/>
      <c r="HK3501" s="127"/>
      <c r="HL3501" s="126"/>
      <c r="HM3501" s="91"/>
      <c r="HN3501" s="91"/>
      <c r="HO3501" s="91"/>
      <c r="HP3501" s="91"/>
      <c r="HQ3501" s="91"/>
      <c r="HR3501" s="91"/>
      <c r="HS3501" s="91"/>
      <c r="HT3501" s="91"/>
      <c r="HU3501" s="91"/>
      <c r="HV3501" s="91"/>
      <c r="HW3501" s="91"/>
      <c r="HX3501" s="127"/>
      <c r="HY3501" s="126"/>
      <c r="HZ3501" s="91"/>
      <c r="IA3501" s="91"/>
      <c r="IB3501" s="91"/>
      <c r="IC3501" s="91"/>
      <c r="ID3501" s="91"/>
      <c r="IE3501" s="91"/>
      <c r="IF3501" s="91"/>
      <c r="IG3501" s="91"/>
      <c r="IH3501" s="91"/>
      <c r="II3501" s="91"/>
      <c r="IJ3501" s="91"/>
      <c r="IK3501" s="174"/>
    </row>
    <row r="3502" spans="2:245" x14ac:dyDescent="0.2">
      <c r="B3502" s="43"/>
      <c r="C3502" s="73"/>
      <c r="D3502" s="64"/>
      <c r="E3502" s="64"/>
      <c r="F3502" s="55"/>
      <c r="G3502" s="102"/>
      <c r="H3502" s="97"/>
      <c r="T3502" s="98"/>
      <c r="U3502" s="97"/>
      <c r="AG3502" s="98"/>
      <c r="AY3502" s="164"/>
      <c r="BK3502" s="98"/>
      <c r="BL3502" s="97"/>
      <c r="BX3502" s="98"/>
      <c r="CL3502" s="97"/>
      <c r="CX3502" s="98"/>
      <c r="DL3502" s="97"/>
      <c r="DX3502" s="98"/>
      <c r="EL3502" s="97"/>
      <c r="EX3502" s="98"/>
      <c r="EY3502" s="97"/>
      <c r="FL3502" s="126"/>
      <c r="FM3502" s="91"/>
      <c r="FN3502" s="91"/>
      <c r="FO3502" s="91"/>
      <c r="FP3502" s="91"/>
      <c r="FQ3502" s="91"/>
      <c r="FR3502" s="91"/>
      <c r="FS3502" s="91"/>
      <c r="FT3502" s="91"/>
      <c r="FU3502" s="91"/>
      <c r="FV3502" s="91"/>
      <c r="FW3502" s="91"/>
      <c r="FX3502" s="127"/>
      <c r="FY3502" s="126"/>
      <c r="FZ3502" s="91"/>
      <c r="GA3502" s="91"/>
      <c r="GB3502" s="91"/>
      <c r="GC3502" s="91"/>
      <c r="GD3502" s="91"/>
      <c r="GE3502" s="91"/>
      <c r="GF3502" s="91"/>
      <c r="GG3502" s="91"/>
      <c r="GH3502" s="91"/>
      <c r="GI3502" s="91"/>
      <c r="GJ3502" s="91"/>
      <c r="GK3502" s="127"/>
      <c r="GL3502" s="126"/>
      <c r="GM3502" s="91"/>
      <c r="GN3502" s="91"/>
      <c r="GO3502" s="91"/>
      <c r="GP3502" s="91"/>
      <c r="GQ3502" s="91"/>
      <c r="GR3502" s="91"/>
      <c r="GS3502" s="91"/>
      <c r="GT3502" s="91"/>
      <c r="GU3502" s="91"/>
      <c r="GV3502" s="91"/>
      <c r="GW3502" s="91"/>
      <c r="GX3502" s="127"/>
      <c r="GY3502" s="126"/>
      <c r="GZ3502" s="91"/>
      <c r="HA3502" s="91"/>
      <c r="HB3502" s="91"/>
      <c r="HC3502" s="91"/>
      <c r="HD3502" s="91"/>
      <c r="HE3502" s="91"/>
      <c r="HF3502" s="91"/>
      <c r="HG3502" s="91"/>
      <c r="HH3502" s="91"/>
      <c r="HI3502" s="91"/>
      <c r="HJ3502" s="91"/>
      <c r="HK3502" s="127"/>
      <c r="HL3502" s="126"/>
      <c r="HM3502" s="91"/>
      <c r="HN3502" s="91"/>
      <c r="HO3502" s="91"/>
      <c r="HP3502" s="91"/>
      <c r="HQ3502" s="91"/>
      <c r="HR3502" s="91"/>
      <c r="HS3502" s="91"/>
      <c r="HT3502" s="91"/>
      <c r="HU3502" s="91"/>
      <c r="HV3502" s="91"/>
      <c r="HW3502" s="91"/>
      <c r="HX3502" s="127"/>
      <c r="HY3502" s="126"/>
      <c r="HZ3502" s="91"/>
      <c r="IA3502" s="91"/>
      <c r="IB3502" s="91"/>
      <c r="IC3502" s="91"/>
      <c r="ID3502" s="91"/>
      <c r="IE3502" s="91"/>
      <c r="IF3502" s="91"/>
      <c r="IG3502" s="91"/>
      <c r="IH3502" s="91"/>
      <c r="II3502" s="91"/>
      <c r="IJ3502" s="91"/>
      <c r="IK3502" s="174"/>
    </row>
    <row r="3503" spans="2:245" x14ac:dyDescent="0.2">
      <c r="B3503" s="43"/>
      <c r="C3503" s="73"/>
      <c r="D3503" s="64"/>
      <c r="E3503" s="64"/>
      <c r="F3503" s="55"/>
      <c r="G3503" s="102"/>
      <c r="H3503" s="97"/>
      <c r="T3503" s="98"/>
      <c r="U3503" s="97"/>
      <c r="AG3503" s="98"/>
      <c r="AY3503" s="164"/>
      <c r="BK3503" s="98"/>
      <c r="BL3503" s="97"/>
      <c r="BX3503" s="98"/>
      <c r="CL3503" s="97"/>
      <c r="CX3503" s="98"/>
      <c r="DL3503" s="97"/>
      <c r="DX3503" s="98"/>
      <c r="EL3503" s="97"/>
      <c r="EX3503" s="98"/>
      <c r="EY3503" s="97"/>
      <c r="FL3503" s="126"/>
      <c r="FM3503" s="91"/>
      <c r="FN3503" s="91"/>
      <c r="FO3503" s="91"/>
      <c r="FP3503" s="91"/>
      <c r="FQ3503" s="91"/>
      <c r="FR3503" s="91"/>
      <c r="FS3503" s="91"/>
      <c r="FT3503" s="91"/>
      <c r="FU3503" s="91"/>
      <c r="FV3503" s="91"/>
      <c r="FW3503" s="91"/>
      <c r="FX3503" s="127"/>
      <c r="FY3503" s="126"/>
      <c r="FZ3503" s="91"/>
      <c r="GA3503" s="91"/>
      <c r="GB3503" s="91"/>
      <c r="GC3503" s="91"/>
      <c r="GD3503" s="91"/>
      <c r="GE3503" s="91"/>
      <c r="GF3503" s="91"/>
      <c r="GG3503" s="91"/>
      <c r="GH3503" s="91"/>
      <c r="GI3503" s="91"/>
      <c r="GJ3503" s="91"/>
      <c r="GK3503" s="127"/>
      <c r="GL3503" s="126"/>
      <c r="GM3503" s="91"/>
      <c r="GN3503" s="91"/>
      <c r="GO3503" s="91"/>
      <c r="GP3503" s="91"/>
      <c r="GQ3503" s="91"/>
      <c r="GR3503" s="91"/>
      <c r="GS3503" s="91"/>
      <c r="GT3503" s="91"/>
      <c r="GU3503" s="91"/>
      <c r="GV3503" s="91"/>
      <c r="GW3503" s="91"/>
      <c r="GX3503" s="127"/>
      <c r="GY3503" s="126"/>
      <c r="GZ3503" s="91"/>
      <c r="HA3503" s="91"/>
      <c r="HB3503" s="91"/>
      <c r="HC3503" s="91"/>
      <c r="HD3503" s="91"/>
      <c r="HE3503" s="91"/>
      <c r="HF3503" s="91"/>
      <c r="HG3503" s="91"/>
      <c r="HH3503" s="91"/>
      <c r="HI3503" s="91"/>
      <c r="HJ3503" s="91"/>
      <c r="HK3503" s="127"/>
      <c r="HL3503" s="126"/>
      <c r="HM3503" s="91"/>
      <c r="HN3503" s="91"/>
      <c r="HO3503" s="91"/>
      <c r="HP3503" s="91"/>
      <c r="HQ3503" s="91"/>
      <c r="HR3503" s="91"/>
      <c r="HS3503" s="91"/>
      <c r="HT3503" s="91"/>
      <c r="HU3503" s="91"/>
      <c r="HV3503" s="91"/>
      <c r="HW3503" s="91"/>
      <c r="HX3503" s="127"/>
      <c r="HY3503" s="126"/>
      <c r="HZ3503" s="91"/>
      <c r="IA3503" s="91"/>
      <c r="IB3503" s="91"/>
      <c r="IC3503" s="91"/>
      <c r="ID3503" s="91"/>
      <c r="IE3503" s="91"/>
      <c r="IF3503" s="91"/>
      <c r="IG3503" s="91"/>
      <c r="IH3503" s="91"/>
      <c r="II3503" s="91"/>
      <c r="IJ3503" s="91"/>
      <c r="IK3503" s="174"/>
    </row>
    <row r="3504" spans="2:245" x14ac:dyDescent="0.2">
      <c r="B3504" s="43"/>
      <c r="C3504" s="73"/>
      <c r="D3504" s="64"/>
      <c r="E3504" s="64"/>
      <c r="F3504" s="55"/>
      <c r="G3504" s="102"/>
      <c r="H3504" s="97"/>
      <c r="T3504" s="98"/>
      <c r="U3504" s="97"/>
      <c r="AG3504" s="98"/>
      <c r="AY3504" s="164"/>
      <c r="BK3504" s="98"/>
      <c r="BL3504" s="97"/>
      <c r="BX3504" s="98"/>
      <c r="CL3504" s="97"/>
      <c r="CX3504" s="98"/>
      <c r="DL3504" s="97"/>
      <c r="DX3504" s="98"/>
      <c r="EL3504" s="97"/>
      <c r="EX3504" s="98"/>
      <c r="EY3504" s="97"/>
      <c r="FL3504" s="126"/>
      <c r="FM3504" s="91"/>
      <c r="FN3504" s="91"/>
      <c r="FO3504" s="91"/>
      <c r="FP3504" s="91"/>
      <c r="FQ3504" s="91"/>
      <c r="FR3504" s="91"/>
      <c r="FS3504" s="91"/>
      <c r="FT3504" s="91"/>
      <c r="FU3504" s="91"/>
      <c r="FV3504" s="91"/>
      <c r="FW3504" s="91"/>
      <c r="FX3504" s="127"/>
      <c r="FY3504" s="126"/>
      <c r="FZ3504" s="91"/>
      <c r="GA3504" s="91"/>
      <c r="GB3504" s="91"/>
      <c r="GC3504" s="91"/>
      <c r="GD3504" s="91"/>
      <c r="GE3504" s="91"/>
      <c r="GF3504" s="91"/>
      <c r="GG3504" s="91"/>
      <c r="GH3504" s="91"/>
      <c r="GI3504" s="91"/>
      <c r="GJ3504" s="91"/>
      <c r="GK3504" s="127"/>
      <c r="GL3504" s="126"/>
      <c r="GM3504" s="91"/>
      <c r="GN3504" s="91"/>
      <c r="GO3504" s="91"/>
      <c r="GP3504" s="91"/>
      <c r="GQ3504" s="91"/>
      <c r="GR3504" s="91"/>
      <c r="GS3504" s="91"/>
      <c r="GT3504" s="91"/>
      <c r="GU3504" s="91"/>
      <c r="GV3504" s="91"/>
      <c r="GW3504" s="91"/>
      <c r="GX3504" s="127"/>
      <c r="GY3504" s="126"/>
      <c r="GZ3504" s="91"/>
      <c r="HA3504" s="91"/>
      <c r="HB3504" s="91"/>
      <c r="HC3504" s="91"/>
      <c r="HD3504" s="91"/>
      <c r="HE3504" s="91"/>
      <c r="HF3504" s="91"/>
      <c r="HG3504" s="91"/>
      <c r="HH3504" s="91"/>
      <c r="HI3504" s="91"/>
      <c r="HJ3504" s="91"/>
      <c r="HK3504" s="127"/>
      <c r="HL3504" s="126"/>
      <c r="HM3504" s="91"/>
      <c r="HN3504" s="91"/>
      <c r="HO3504" s="91"/>
      <c r="HP3504" s="91"/>
      <c r="HQ3504" s="91"/>
      <c r="HR3504" s="91"/>
      <c r="HS3504" s="91"/>
      <c r="HT3504" s="91"/>
      <c r="HU3504" s="91"/>
      <c r="HV3504" s="91"/>
      <c r="HW3504" s="91"/>
      <c r="HX3504" s="127"/>
      <c r="HY3504" s="126"/>
      <c r="HZ3504" s="91"/>
      <c r="IA3504" s="91"/>
      <c r="IB3504" s="91"/>
      <c r="IC3504" s="91"/>
      <c r="ID3504" s="91"/>
      <c r="IE3504" s="91"/>
      <c r="IF3504" s="91"/>
      <c r="IG3504" s="91"/>
      <c r="IH3504" s="91"/>
      <c r="II3504" s="91"/>
      <c r="IJ3504" s="91"/>
      <c r="IK3504" s="174"/>
    </row>
    <row r="3505" spans="2:245" x14ac:dyDescent="0.2">
      <c r="B3505" s="43"/>
      <c r="C3505" s="73"/>
      <c r="D3505" s="64"/>
      <c r="E3505" s="64"/>
      <c r="F3505" s="55"/>
      <c r="G3505" s="102"/>
      <c r="H3505" s="97"/>
      <c r="T3505" s="98"/>
      <c r="U3505" s="97"/>
      <c r="AG3505" s="98"/>
      <c r="AY3505" s="164"/>
      <c r="BK3505" s="98"/>
      <c r="BL3505" s="97"/>
      <c r="BX3505" s="98"/>
      <c r="CL3505" s="97"/>
      <c r="CX3505" s="98"/>
      <c r="DL3505" s="97"/>
      <c r="DX3505" s="98"/>
      <c r="EL3505" s="97"/>
      <c r="EX3505" s="98"/>
      <c r="EY3505" s="97"/>
      <c r="FL3505" s="126"/>
      <c r="FM3505" s="91"/>
      <c r="FN3505" s="91"/>
      <c r="FO3505" s="91"/>
      <c r="FP3505" s="91"/>
      <c r="FQ3505" s="91"/>
      <c r="FR3505" s="91"/>
      <c r="FS3505" s="91"/>
      <c r="FT3505" s="91"/>
      <c r="FU3505" s="91"/>
      <c r="FV3505" s="91"/>
      <c r="FW3505" s="91"/>
      <c r="FX3505" s="127"/>
      <c r="FY3505" s="126"/>
      <c r="FZ3505" s="91"/>
      <c r="GA3505" s="91"/>
      <c r="GB3505" s="91"/>
      <c r="GC3505" s="91"/>
      <c r="GD3505" s="91"/>
      <c r="GE3505" s="91"/>
      <c r="GF3505" s="91"/>
      <c r="GG3505" s="91"/>
      <c r="GH3505" s="91"/>
      <c r="GI3505" s="91"/>
      <c r="GJ3505" s="91"/>
      <c r="GK3505" s="127"/>
      <c r="GL3505" s="126"/>
      <c r="GM3505" s="91"/>
      <c r="GN3505" s="91"/>
      <c r="GO3505" s="91"/>
      <c r="GP3505" s="91"/>
      <c r="GQ3505" s="91"/>
      <c r="GR3505" s="91"/>
      <c r="GS3505" s="91"/>
      <c r="GT3505" s="91"/>
      <c r="GU3505" s="91"/>
      <c r="GV3505" s="91"/>
      <c r="GW3505" s="91"/>
      <c r="GX3505" s="127"/>
      <c r="GY3505" s="126"/>
      <c r="GZ3505" s="91"/>
      <c r="HA3505" s="91"/>
      <c r="HB3505" s="91"/>
      <c r="HC3505" s="91"/>
      <c r="HD3505" s="91"/>
      <c r="HE3505" s="91"/>
      <c r="HF3505" s="91"/>
      <c r="HG3505" s="91"/>
      <c r="HH3505" s="91"/>
      <c r="HI3505" s="91"/>
      <c r="HJ3505" s="91"/>
      <c r="HK3505" s="127"/>
      <c r="HL3505" s="126"/>
      <c r="HM3505" s="91"/>
      <c r="HN3505" s="91"/>
      <c r="HO3505" s="91"/>
      <c r="HP3505" s="91"/>
      <c r="HQ3505" s="91"/>
      <c r="HR3505" s="91"/>
      <c r="HS3505" s="91"/>
      <c r="HT3505" s="91"/>
      <c r="HU3505" s="91"/>
      <c r="HV3505" s="91"/>
      <c r="HW3505" s="91"/>
      <c r="HX3505" s="127"/>
      <c r="HY3505" s="126"/>
      <c r="HZ3505" s="91"/>
      <c r="IA3505" s="91"/>
      <c r="IB3505" s="91"/>
      <c r="IC3505" s="91"/>
      <c r="ID3505" s="91"/>
      <c r="IE3505" s="91"/>
      <c r="IF3505" s="91"/>
      <c r="IG3505" s="91"/>
      <c r="IH3505" s="91"/>
      <c r="II3505" s="91"/>
      <c r="IJ3505" s="91"/>
      <c r="IK3505" s="174"/>
    </row>
    <row r="3506" spans="2:245" x14ac:dyDescent="0.2">
      <c r="B3506" s="43"/>
      <c r="C3506" s="73"/>
      <c r="D3506" s="64"/>
      <c r="E3506" s="64"/>
      <c r="F3506" s="55"/>
      <c r="G3506" s="102"/>
      <c r="H3506" s="97"/>
      <c r="T3506" s="98"/>
      <c r="U3506" s="97"/>
      <c r="AG3506" s="98"/>
      <c r="AY3506" s="164"/>
      <c r="BK3506" s="98"/>
      <c r="BL3506" s="97"/>
      <c r="BX3506" s="98"/>
      <c r="CL3506" s="97"/>
      <c r="CX3506" s="98"/>
      <c r="DL3506" s="97"/>
      <c r="DX3506" s="98"/>
      <c r="EL3506" s="97"/>
      <c r="EX3506" s="98"/>
      <c r="EY3506" s="97"/>
      <c r="FL3506" s="126"/>
      <c r="FM3506" s="91"/>
      <c r="FN3506" s="91"/>
      <c r="FO3506" s="91"/>
      <c r="FP3506" s="91"/>
      <c r="FQ3506" s="91"/>
      <c r="FR3506" s="91"/>
      <c r="FS3506" s="91"/>
      <c r="FT3506" s="91"/>
      <c r="FU3506" s="91"/>
      <c r="FV3506" s="91"/>
      <c r="FW3506" s="91"/>
      <c r="FX3506" s="127"/>
      <c r="FY3506" s="126"/>
      <c r="FZ3506" s="91"/>
      <c r="GA3506" s="91"/>
      <c r="GB3506" s="91"/>
      <c r="GC3506" s="91"/>
      <c r="GD3506" s="91"/>
      <c r="GE3506" s="91"/>
      <c r="GF3506" s="91"/>
      <c r="GG3506" s="91"/>
      <c r="GH3506" s="91"/>
      <c r="GI3506" s="91"/>
      <c r="GJ3506" s="91"/>
      <c r="GK3506" s="127"/>
      <c r="GL3506" s="126"/>
      <c r="GM3506" s="91"/>
      <c r="GN3506" s="91"/>
      <c r="GO3506" s="91"/>
      <c r="GP3506" s="91"/>
      <c r="GQ3506" s="91"/>
      <c r="GR3506" s="91"/>
      <c r="GS3506" s="91"/>
      <c r="GT3506" s="91"/>
      <c r="GU3506" s="91"/>
      <c r="GV3506" s="91"/>
      <c r="GW3506" s="91"/>
      <c r="GX3506" s="127"/>
      <c r="GY3506" s="126"/>
      <c r="GZ3506" s="91"/>
      <c r="HA3506" s="91"/>
      <c r="HB3506" s="91"/>
      <c r="HC3506" s="91"/>
      <c r="HD3506" s="91"/>
      <c r="HE3506" s="91"/>
      <c r="HF3506" s="91"/>
      <c r="HG3506" s="91"/>
      <c r="HH3506" s="91"/>
      <c r="HI3506" s="91"/>
      <c r="HJ3506" s="91"/>
      <c r="HK3506" s="127"/>
      <c r="HL3506" s="126"/>
      <c r="HM3506" s="91"/>
      <c r="HN3506" s="91"/>
      <c r="HO3506" s="91"/>
      <c r="HP3506" s="91"/>
      <c r="HQ3506" s="91"/>
      <c r="HR3506" s="91"/>
      <c r="HS3506" s="91"/>
      <c r="HT3506" s="91"/>
      <c r="HU3506" s="91"/>
      <c r="HV3506" s="91"/>
      <c r="HW3506" s="91"/>
      <c r="HX3506" s="127"/>
      <c r="HY3506" s="126"/>
      <c r="HZ3506" s="91"/>
      <c r="IA3506" s="91"/>
      <c r="IB3506" s="91"/>
      <c r="IC3506" s="91"/>
      <c r="ID3506" s="91"/>
      <c r="IE3506" s="91"/>
      <c r="IF3506" s="91"/>
      <c r="IG3506" s="91"/>
      <c r="IH3506" s="91"/>
      <c r="II3506" s="91"/>
      <c r="IJ3506" s="91"/>
      <c r="IK3506" s="174"/>
    </row>
    <row r="3507" spans="2:245" x14ac:dyDescent="0.2">
      <c r="B3507" s="43"/>
      <c r="C3507" s="73"/>
      <c r="D3507" s="64"/>
      <c r="E3507" s="64"/>
      <c r="F3507" s="55"/>
      <c r="G3507" s="102"/>
      <c r="H3507" s="97"/>
      <c r="T3507" s="98"/>
      <c r="U3507" s="97"/>
      <c r="AG3507" s="98"/>
      <c r="AY3507" s="164"/>
      <c r="BK3507" s="98"/>
      <c r="BL3507" s="97"/>
      <c r="BX3507" s="98"/>
      <c r="CL3507" s="97"/>
      <c r="CX3507" s="98"/>
      <c r="DL3507" s="97"/>
      <c r="DX3507" s="98"/>
      <c r="EL3507" s="97"/>
      <c r="EX3507" s="98"/>
      <c r="EY3507" s="97"/>
      <c r="FL3507" s="126"/>
      <c r="FM3507" s="91"/>
      <c r="FN3507" s="91"/>
      <c r="FO3507" s="91"/>
      <c r="FP3507" s="91"/>
      <c r="FQ3507" s="91"/>
      <c r="FR3507" s="91"/>
      <c r="FS3507" s="91"/>
      <c r="FT3507" s="91"/>
      <c r="FU3507" s="91"/>
      <c r="FV3507" s="91"/>
      <c r="FW3507" s="91"/>
      <c r="FX3507" s="127"/>
      <c r="FY3507" s="126"/>
      <c r="FZ3507" s="91"/>
      <c r="GA3507" s="91"/>
      <c r="GB3507" s="91"/>
      <c r="GC3507" s="91"/>
      <c r="GD3507" s="91"/>
      <c r="GE3507" s="91"/>
      <c r="GF3507" s="91"/>
      <c r="GG3507" s="91"/>
      <c r="GH3507" s="91"/>
      <c r="GI3507" s="91"/>
      <c r="GJ3507" s="91"/>
      <c r="GK3507" s="127"/>
      <c r="GL3507" s="126"/>
      <c r="GM3507" s="91"/>
      <c r="GN3507" s="91"/>
      <c r="GO3507" s="91"/>
      <c r="GP3507" s="91"/>
      <c r="GQ3507" s="91"/>
      <c r="GR3507" s="91"/>
      <c r="GS3507" s="91"/>
      <c r="GT3507" s="91"/>
      <c r="GU3507" s="91"/>
      <c r="GV3507" s="91"/>
      <c r="GW3507" s="91"/>
      <c r="GX3507" s="127"/>
      <c r="GY3507" s="126"/>
      <c r="GZ3507" s="91"/>
      <c r="HA3507" s="91"/>
      <c r="HB3507" s="91"/>
      <c r="HC3507" s="91"/>
      <c r="HD3507" s="91"/>
      <c r="HE3507" s="91"/>
      <c r="HF3507" s="91"/>
      <c r="HG3507" s="91"/>
      <c r="HH3507" s="91"/>
      <c r="HI3507" s="91"/>
      <c r="HJ3507" s="91"/>
      <c r="HK3507" s="127"/>
      <c r="HL3507" s="126"/>
      <c r="HM3507" s="91"/>
      <c r="HN3507" s="91"/>
      <c r="HO3507" s="91"/>
      <c r="HP3507" s="91"/>
      <c r="HQ3507" s="91"/>
      <c r="HR3507" s="91"/>
      <c r="HS3507" s="91"/>
      <c r="HT3507" s="91"/>
      <c r="HU3507" s="91"/>
      <c r="HV3507" s="91"/>
      <c r="HW3507" s="91"/>
      <c r="HX3507" s="127"/>
      <c r="HY3507" s="126"/>
      <c r="HZ3507" s="91"/>
      <c r="IA3507" s="91"/>
      <c r="IB3507" s="91"/>
      <c r="IC3507" s="91"/>
      <c r="ID3507" s="91"/>
      <c r="IE3507" s="91"/>
      <c r="IF3507" s="91"/>
      <c r="IG3507" s="91"/>
      <c r="IH3507" s="91"/>
      <c r="II3507" s="91"/>
      <c r="IJ3507" s="91"/>
      <c r="IK3507" s="174"/>
    </row>
    <row r="3508" spans="2:245" x14ac:dyDescent="0.2">
      <c r="B3508" s="43"/>
      <c r="C3508" s="73"/>
      <c r="D3508" s="64"/>
      <c r="E3508" s="64"/>
      <c r="F3508" s="55"/>
      <c r="G3508" s="102"/>
      <c r="H3508" s="97"/>
      <c r="T3508" s="98"/>
      <c r="U3508" s="97"/>
      <c r="AG3508" s="98"/>
      <c r="AY3508" s="164"/>
      <c r="BK3508" s="98"/>
      <c r="BL3508" s="97"/>
      <c r="BX3508" s="98"/>
      <c r="CL3508" s="97"/>
      <c r="CX3508" s="98"/>
      <c r="DL3508" s="97"/>
      <c r="DX3508" s="98"/>
      <c r="EL3508" s="97"/>
      <c r="EX3508" s="98"/>
      <c r="EY3508" s="97"/>
      <c r="FL3508" s="126"/>
      <c r="FM3508" s="91"/>
      <c r="FN3508" s="91"/>
      <c r="FO3508" s="91"/>
      <c r="FP3508" s="91"/>
      <c r="FQ3508" s="91"/>
      <c r="FR3508" s="91"/>
      <c r="FS3508" s="91"/>
      <c r="FT3508" s="91"/>
      <c r="FU3508" s="91"/>
      <c r="FV3508" s="91"/>
      <c r="FW3508" s="91"/>
      <c r="FX3508" s="127"/>
      <c r="FY3508" s="126"/>
      <c r="FZ3508" s="91"/>
      <c r="GA3508" s="91"/>
      <c r="GB3508" s="91"/>
      <c r="GC3508" s="91"/>
      <c r="GD3508" s="91"/>
      <c r="GE3508" s="91"/>
      <c r="GF3508" s="91"/>
      <c r="GG3508" s="91"/>
      <c r="GH3508" s="91"/>
      <c r="GI3508" s="91"/>
      <c r="GJ3508" s="91"/>
      <c r="GK3508" s="127"/>
      <c r="GL3508" s="126"/>
      <c r="GM3508" s="91"/>
      <c r="GN3508" s="91"/>
      <c r="GO3508" s="91"/>
      <c r="GP3508" s="91"/>
      <c r="GQ3508" s="91"/>
      <c r="GR3508" s="91"/>
      <c r="GS3508" s="91"/>
      <c r="GT3508" s="91"/>
      <c r="GU3508" s="91"/>
      <c r="GV3508" s="91"/>
      <c r="GW3508" s="91"/>
      <c r="GX3508" s="127"/>
      <c r="GY3508" s="126"/>
      <c r="GZ3508" s="91"/>
      <c r="HA3508" s="91"/>
      <c r="HB3508" s="91"/>
      <c r="HC3508" s="91"/>
      <c r="HD3508" s="91"/>
      <c r="HE3508" s="91"/>
      <c r="HF3508" s="91"/>
      <c r="HG3508" s="91"/>
      <c r="HH3508" s="91"/>
      <c r="HI3508" s="91"/>
      <c r="HJ3508" s="91"/>
      <c r="HK3508" s="127"/>
      <c r="HL3508" s="126"/>
      <c r="HM3508" s="91"/>
      <c r="HN3508" s="91"/>
      <c r="HO3508" s="91"/>
      <c r="HP3508" s="91"/>
      <c r="HQ3508" s="91"/>
      <c r="HR3508" s="91"/>
      <c r="HS3508" s="91"/>
      <c r="HT3508" s="91"/>
      <c r="HU3508" s="91"/>
      <c r="HV3508" s="91"/>
      <c r="HW3508" s="91"/>
      <c r="HX3508" s="127"/>
      <c r="HY3508" s="126"/>
      <c r="HZ3508" s="91"/>
      <c r="IA3508" s="91"/>
      <c r="IB3508" s="91"/>
      <c r="IC3508" s="91"/>
      <c r="ID3508" s="91"/>
      <c r="IE3508" s="91"/>
      <c r="IF3508" s="91"/>
      <c r="IG3508" s="91"/>
      <c r="IH3508" s="91"/>
      <c r="II3508" s="91"/>
      <c r="IJ3508" s="91"/>
      <c r="IK3508" s="174"/>
    </row>
    <row r="3509" spans="2:245" x14ac:dyDescent="0.2">
      <c r="B3509" s="43"/>
      <c r="C3509" s="73"/>
      <c r="D3509" s="64"/>
      <c r="E3509" s="64"/>
      <c r="F3509" s="55"/>
      <c r="G3509" s="102"/>
      <c r="H3509" s="97"/>
      <c r="T3509" s="98"/>
      <c r="U3509" s="97"/>
      <c r="AG3509" s="98"/>
      <c r="AY3509" s="164"/>
      <c r="BK3509" s="98"/>
      <c r="BL3509" s="97"/>
      <c r="BX3509" s="98"/>
      <c r="CL3509" s="97"/>
      <c r="CX3509" s="98"/>
      <c r="DL3509" s="97"/>
      <c r="DX3509" s="98"/>
      <c r="EL3509" s="97"/>
      <c r="EX3509" s="98"/>
      <c r="EY3509" s="97"/>
      <c r="FL3509" s="126"/>
      <c r="FM3509" s="91"/>
      <c r="FN3509" s="91"/>
      <c r="FO3509" s="91"/>
      <c r="FP3509" s="91"/>
      <c r="FQ3509" s="91"/>
      <c r="FR3509" s="91"/>
      <c r="FS3509" s="91"/>
      <c r="FT3509" s="91"/>
      <c r="FU3509" s="91"/>
      <c r="FV3509" s="91"/>
      <c r="FW3509" s="91"/>
      <c r="FX3509" s="127"/>
      <c r="FY3509" s="126"/>
      <c r="FZ3509" s="91"/>
      <c r="GA3509" s="91"/>
      <c r="GB3509" s="91"/>
      <c r="GC3509" s="91"/>
      <c r="GD3509" s="91"/>
      <c r="GE3509" s="91"/>
      <c r="GF3509" s="91"/>
      <c r="GG3509" s="91"/>
      <c r="GH3509" s="91"/>
      <c r="GI3509" s="91"/>
      <c r="GJ3509" s="91"/>
      <c r="GK3509" s="127"/>
      <c r="GL3509" s="126"/>
      <c r="GM3509" s="91"/>
      <c r="GN3509" s="91"/>
      <c r="GO3509" s="91"/>
      <c r="GP3509" s="91"/>
      <c r="GQ3509" s="91"/>
      <c r="GR3509" s="91"/>
      <c r="GS3509" s="91"/>
      <c r="GT3509" s="91"/>
      <c r="GU3509" s="91"/>
      <c r="GV3509" s="91"/>
      <c r="GW3509" s="91"/>
      <c r="GX3509" s="127"/>
      <c r="GY3509" s="126"/>
      <c r="GZ3509" s="91"/>
      <c r="HA3509" s="91"/>
      <c r="HB3509" s="91"/>
      <c r="HC3509" s="91"/>
      <c r="HD3509" s="91"/>
      <c r="HE3509" s="91"/>
      <c r="HF3509" s="91"/>
      <c r="HG3509" s="91"/>
      <c r="HH3509" s="91"/>
      <c r="HI3509" s="91"/>
      <c r="HJ3509" s="91"/>
      <c r="HK3509" s="127"/>
      <c r="HL3509" s="126"/>
      <c r="HM3509" s="91"/>
      <c r="HN3509" s="91"/>
      <c r="HO3509" s="91"/>
      <c r="HP3509" s="91"/>
      <c r="HQ3509" s="91"/>
      <c r="HR3509" s="91"/>
      <c r="HS3509" s="91"/>
      <c r="HT3509" s="91"/>
      <c r="HU3509" s="91"/>
      <c r="HV3509" s="91"/>
      <c r="HW3509" s="91"/>
      <c r="HX3509" s="127"/>
      <c r="HY3509" s="126"/>
      <c r="HZ3509" s="91"/>
      <c r="IA3509" s="91"/>
      <c r="IB3509" s="91"/>
      <c r="IC3509" s="91"/>
      <c r="ID3509" s="91"/>
      <c r="IE3509" s="91"/>
      <c r="IF3509" s="91"/>
      <c r="IG3509" s="91"/>
      <c r="IH3509" s="91"/>
      <c r="II3509" s="91"/>
      <c r="IJ3509" s="91"/>
      <c r="IK3509" s="174"/>
    </row>
    <row r="3510" spans="2:245" x14ac:dyDescent="0.2">
      <c r="B3510" s="43"/>
      <c r="C3510" s="73"/>
      <c r="D3510" s="64"/>
      <c r="E3510" s="64"/>
      <c r="F3510" s="55"/>
      <c r="G3510" s="102"/>
      <c r="H3510" s="97"/>
      <c r="T3510" s="98"/>
      <c r="U3510" s="97"/>
      <c r="AG3510" s="98"/>
      <c r="AY3510" s="164"/>
      <c r="BK3510" s="98"/>
      <c r="BL3510" s="97"/>
      <c r="BX3510" s="98"/>
      <c r="CL3510" s="97"/>
      <c r="CX3510" s="98"/>
      <c r="DL3510" s="97"/>
      <c r="DX3510" s="98"/>
      <c r="EL3510" s="97"/>
      <c r="EX3510" s="98"/>
      <c r="EY3510" s="97"/>
      <c r="FL3510" s="126"/>
      <c r="FM3510" s="91"/>
      <c r="FN3510" s="91"/>
      <c r="FO3510" s="91"/>
      <c r="FP3510" s="91"/>
      <c r="FQ3510" s="91"/>
      <c r="FR3510" s="91"/>
      <c r="FS3510" s="91"/>
      <c r="FT3510" s="91"/>
      <c r="FU3510" s="91"/>
      <c r="FV3510" s="91"/>
      <c r="FW3510" s="91"/>
      <c r="FX3510" s="127"/>
      <c r="FY3510" s="126"/>
      <c r="FZ3510" s="91"/>
      <c r="GA3510" s="91"/>
      <c r="GB3510" s="91"/>
      <c r="GC3510" s="91"/>
      <c r="GD3510" s="91"/>
      <c r="GE3510" s="91"/>
      <c r="GF3510" s="91"/>
      <c r="GG3510" s="91"/>
      <c r="GH3510" s="91"/>
      <c r="GI3510" s="91"/>
      <c r="GJ3510" s="91"/>
      <c r="GK3510" s="127"/>
      <c r="GL3510" s="126"/>
      <c r="GM3510" s="91"/>
      <c r="GN3510" s="91"/>
      <c r="GO3510" s="91"/>
      <c r="GP3510" s="91"/>
      <c r="GQ3510" s="91"/>
      <c r="GR3510" s="91"/>
      <c r="GS3510" s="91"/>
      <c r="GT3510" s="91"/>
      <c r="GU3510" s="91"/>
      <c r="GV3510" s="91"/>
      <c r="GW3510" s="91"/>
      <c r="GX3510" s="127"/>
      <c r="GY3510" s="126"/>
      <c r="GZ3510" s="91"/>
      <c r="HA3510" s="91"/>
      <c r="HB3510" s="91"/>
      <c r="HC3510" s="91"/>
      <c r="HD3510" s="91"/>
      <c r="HE3510" s="91"/>
      <c r="HF3510" s="91"/>
      <c r="HG3510" s="91"/>
      <c r="HH3510" s="91"/>
      <c r="HI3510" s="91"/>
      <c r="HJ3510" s="91"/>
      <c r="HK3510" s="127"/>
      <c r="HL3510" s="126"/>
      <c r="HM3510" s="91"/>
      <c r="HN3510" s="91"/>
      <c r="HO3510" s="91"/>
      <c r="HP3510" s="91"/>
      <c r="HQ3510" s="91"/>
      <c r="HR3510" s="91"/>
      <c r="HS3510" s="91"/>
      <c r="HT3510" s="91"/>
      <c r="HU3510" s="91"/>
      <c r="HV3510" s="91"/>
      <c r="HW3510" s="91"/>
      <c r="HX3510" s="127"/>
      <c r="HY3510" s="126"/>
      <c r="HZ3510" s="91"/>
      <c r="IA3510" s="91"/>
      <c r="IB3510" s="91"/>
      <c r="IC3510" s="91"/>
      <c r="ID3510" s="91"/>
      <c r="IE3510" s="91"/>
      <c r="IF3510" s="91"/>
      <c r="IG3510" s="91"/>
      <c r="IH3510" s="91"/>
      <c r="II3510" s="91"/>
      <c r="IJ3510" s="91"/>
      <c r="IK3510" s="174"/>
    </row>
    <row r="3511" spans="2:245" x14ac:dyDescent="0.2">
      <c r="B3511" s="43"/>
      <c r="C3511" s="73"/>
      <c r="D3511" s="64"/>
      <c r="E3511" s="64"/>
      <c r="F3511" s="55"/>
      <c r="G3511" s="102"/>
      <c r="H3511" s="97"/>
      <c r="T3511" s="98"/>
      <c r="U3511" s="97"/>
      <c r="AG3511" s="98"/>
      <c r="AY3511" s="164"/>
      <c r="BK3511" s="98"/>
      <c r="BL3511" s="97"/>
      <c r="BX3511" s="98"/>
      <c r="CL3511" s="97"/>
      <c r="CX3511" s="98"/>
      <c r="DL3511" s="97"/>
      <c r="DX3511" s="98"/>
      <c r="EL3511" s="97"/>
      <c r="EX3511" s="98"/>
      <c r="EY3511" s="97"/>
      <c r="FL3511" s="126"/>
      <c r="FM3511" s="91"/>
      <c r="FN3511" s="91"/>
      <c r="FO3511" s="91"/>
      <c r="FP3511" s="91"/>
      <c r="FQ3511" s="91"/>
      <c r="FR3511" s="91"/>
      <c r="FS3511" s="91"/>
      <c r="FT3511" s="91"/>
      <c r="FU3511" s="91"/>
      <c r="FV3511" s="91"/>
      <c r="FW3511" s="91"/>
      <c r="FX3511" s="127"/>
      <c r="FY3511" s="126"/>
      <c r="FZ3511" s="91"/>
      <c r="GA3511" s="91"/>
      <c r="GB3511" s="91"/>
      <c r="GC3511" s="91"/>
      <c r="GD3511" s="91"/>
      <c r="GE3511" s="91"/>
      <c r="GF3511" s="91"/>
      <c r="GG3511" s="91"/>
      <c r="GH3511" s="91"/>
      <c r="GI3511" s="91"/>
      <c r="GJ3511" s="91"/>
      <c r="GK3511" s="127"/>
      <c r="GL3511" s="126"/>
      <c r="GM3511" s="91"/>
      <c r="GN3511" s="91"/>
      <c r="GO3511" s="91"/>
      <c r="GP3511" s="91"/>
      <c r="GQ3511" s="91"/>
      <c r="GR3511" s="91"/>
      <c r="GS3511" s="91"/>
      <c r="GT3511" s="91"/>
      <c r="GU3511" s="91"/>
      <c r="GV3511" s="91"/>
      <c r="GW3511" s="91"/>
      <c r="GX3511" s="127"/>
      <c r="GY3511" s="126"/>
      <c r="GZ3511" s="91"/>
      <c r="HA3511" s="91"/>
      <c r="HB3511" s="91"/>
      <c r="HC3511" s="91"/>
      <c r="HD3511" s="91"/>
      <c r="HE3511" s="91"/>
      <c r="HF3511" s="91"/>
      <c r="HG3511" s="91"/>
      <c r="HH3511" s="91"/>
      <c r="HI3511" s="91"/>
      <c r="HJ3511" s="91"/>
      <c r="HK3511" s="127"/>
      <c r="HL3511" s="126"/>
      <c r="HM3511" s="91"/>
      <c r="HN3511" s="91"/>
      <c r="HO3511" s="91"/>
      <c r="HP3511" s="91"/>
      <c r="HQ3511" s="91"/>
      <c r="HR3511" s="91"/>
      <c r="HS3511" s="91"/>
      <c r="HT3511" s="91"/>
      <c r="HU3511" s="91"/>
      <c r="HV3511" s="91"/>
      <c r="HW3511" s="91"/>
      <c r="HX3511" s="127"/>
      <c r="HY3511" s="126"/>
      <c r="HZ3511" s="91"/>
      <c r="IA3511" s="91"/>
      <c r="IB3511" s="91"/>
      <c r="IC3511" s="91"/>
      <c r="ID3511" s="91"/>
      <c r="IE3511" s="91"/>
      <c r="IF3511" s="91"/>
      <c r="IG3511" s="91"/>
      <c r="IH3511" s="91"/>
      <c r="II3511" s="91"/>
      <c r="IJ3511" s="91"/>
      <c r="IK3511" s="174"/>
    </row>
    <row r="3512" spans="2:245" x14ac:dyDescent="0.2">
      <c r="B3512" s="43"/>
      <c r="C3512" s="73"/>
      <c r="D3512" s="64"/>
      <c r="E3512" s="64"/>
      <c r="F3512" s="55"/>
      <c r="G3512" s="102"/>
      <c r="H3512" s="97"/>
      <c r="T3512" s="98"/>
      <c r="U3512" s="97"/>
      <c r="AG3512" s="98"/>
      <c r="AY3512" s="164"/>
      <c r="BK3512" s="98"/>
      <c r="BL3512" s="97"/>
      <c r="BX3512" s="98"/>
      <c r="CL3512" s="97"/>
      <c r="CX3512" s="98"/>
      <c r="DL3512" s="97"/>
      <c r="DX3512" s="98"/>
      <c r="EL3512" s="97"/>
      <c r="EX3512" s="98"/>
      <c r="EY3512" s="97"/>
      <c r="FL3512" s="126"/>
      <c r="FM3512" s="91"/>
      <c r="FN3512" s="91"/>
      <c r="FO3512" s="91"/>
      <c r="FP3512" s="91"/>
      <c r="FQ3512" s="91"/>
      <c r="FR3512" s="91"/>
      <c r="FS3512" s="91"/>
      <c r="FT3512" s="91"/>
      <c r="FU3512" s="91"/>
      <c r="FV3512" s="91"/>
      <c r="FW3512" s="91"/>
      <c r="FX3512" s="127"/>
      <c r="FY3512" s="126"/>
      <c r="FZ3512" s="91"/>
      <c r="GA3512" s="91"/>
      <c r="GB3512" s="91"/>
      <c r="GC3512" s="91"/>
      <c r="GD3512" s="91"/>
      <c r="GE3512" s="91"/>
      <c r="GF3512" s="91"/>
      <c r="GG3512" s="91"/>
      <c r="GH3512" s="91"/>
      <c r="GI3512" s="91"/>
      <c r="GJ3512" s="91"/>
      <c r="GK3512" s="127"/>
      <c r="GL3512" s="126"/>
      <c r="GM3512" s="91"/>
      <c r="GN3512" s="91"/>
      <c r="GO3512" s="91"/>
      <c r="GP3512" s="91"/>
      <c r="GQ3512" s="91"/>
      <c r="GR3512" s="91"/>
      <c r="GS3512" s="91"/>
      <c r="GT3512" s="91"/>
      <c r="GU3512" s="91"/>
      <c r="GV3512" s="91"/>
      <c r="GW3512" s="91"/>
      <c r="GX3512" s="127"/>
      <c r="GY3512" s="126"/>
      <c r="GZ3512" s="91"/>
      <c r="HA3512" s="91"/>
      <c r="HB3512" s="91"/>
      <c r="HC3512" s="91"/>
      <c r="HD3512" s="91"/>
      <c r="HE3512" s="91"/>
      <c r="HF3512" s="91"/>
      <c r="HG3512" s="91"/>
      <c r="HH3512" s="91"/>
      <c r="HI3512" s="91"/>
      <c r="HJ3512" s="91"/>
      <c r="HK3512" s="127"/>
      <c r="HL3512" s="126"/>
      <c r="HM3512" s="91"/>
      <c r="HN3512" s="91"/>
      <c r="HO3512" s="91"/>
      <c r="HP3512" s="91"/>
      <c r="HQ3512" s="91"/>
      <c r="HR3512" s="91"/>
      <c r="HS3512" s="91"/>
      <c r="HT3512" s="91"/>
      <c r="HU3512" s="91"/>
      <c r="HV3512" s="91"/>
      <c r="HW3512" s="91"/>
      <c r="HX3512" s="127"/>
      <c r="HY3512" s="126"/>
      <c r="HZ3512" s="91"/>
      <c r="IA3512" s="91"/>
      <c r="IB3512" s="91"/>
      <c r="IC3512" s="91"/>
      <c r="ID3512" s="91"/>
      <c r="IE3512" s="91"/>
      <c r="IF3512" s="91"/>
      <c r="IG3512" s="91"/>
      <c r="IH3512" s="91"/>
      <c r="II3512" s="91"/>
      <c r="IJ3512" s="91"/>
      <c r="IK3512" s="174"/>
    </row>
    <row r="3513" spans="2:245" x14ac:dyDescent="0.2">
      <c r="B3513" s="43"/>
      <c r="C3513" s="73"/>
      <c r="D3513" s="64"/>
      <c r="E3513" s="64"/>
      <c r="F3513" s="55"/>
      <c r="G3513" s="102"/>
      <c r="H3513" s="97"/>
      <c r="T3513" s="98"/>
      <c r="U3513" s="97"/>
      <c r="AG3513" s="98"/>
      <c r="AY3513" s="164"/>
      <c r="BK3513" s="98"/>
      <c r="BL3513" s="97"/>
      <c r="BX3513" s="98"/>
      <c r="CL3513" s="97"/>
      <c r="CX3513" s="98"/>
      <c r="DL3513" s="97"/>
      <c r="DX3513" s="98"/>
      <c r="EL3513" s="97"/>
      <c r="EX3513" s="98"/>
      <c r="EY3513" s="97"/>
      <c r="FL3513" s="126"/>
      <c r="FM3513" s="91"/>
      <c r="FN3513" s="91"/>
      <c r="FO3513" s="91"/>
      <c r="FP3513" s="91"/>
      <c r="FQ3513" s="91"/>
      <c r="FR3513" s="91"/>
      <c r="FS3513" s="91"/>
      <c r="FT3513" s="91"/>
      <c r="FU3513" s="91"/>
      <c r="FV3513" s="91"/>
      <c r="FW3513" s="91"/>
      <c r="FX3513" s="127"/>
      <c r="FY3513" s="126"/>
      <c r="FZ3513" s="91"/>
      <c r="GA3513" s="91"/>
      <c r="GB3513" s="91"/>
      <c r="GC3513" s="91"/>
      <c r="GD3513" s="91"/>
      <c r="GE3513" s="91"/>
      <c r="GF3513" s="91"/>
      <c r="GG3513" s="91"/>
      <c r="GH3513" s="91"/>
      <c r="GI3513" s="91"/>
      <c r="GJ3513" s="91"/>
      <c r="GK3513" s="127"/>
      <c r="GL3513" s="126"/>
      <c r="GM3513" s="91"/>
      <c r="GN3513" s="91"/>
      <c r="GO3513" s="91"/>
      <c r="GP3513" s="91"/>
      <c r="GQ3513" s="91"/>
      <c r="GR3513" s="91"/>
      <c r="GS3513" s="91"/>
      <c r="GT3513" s="91"/>
      <c r="GU3513" s="91"/>
      <c r="GV3513" s="91"/>
      <c r="GW3513" s="91"/>
      <c r="GX3513" s="127"/>
      <c r="GY3513" s="126"/>
      <c r="GZ3513" s="91"/>
      <c r="HA3513" s="91"/>
      <c r="HB3513" s="91"/>
      <c r="HC3513" s="91"/>
      <c r="HD3513" s="91"/>
      <c r="HE3513" s="91"/>
      <c r="HF3513" s="91"/>
      <c r="HG3513" s="91"/>
      <c r="HH3513" s="91"/>
      <c r="HI3513" s="91"/>
      <c r="HJ3513" s="91"/>
      <c r="HK3513" s="127"/>
      <c r="HL3513" s="126"/>
      <c r="HM3513" s="91"/>
      <c r="HN3513" s="91"/>
      <c r="HO3513" s="91"/>
      <c r="HP3513" s="91"/>
      <c r="HQ3513" s="91"/>
      <c r="HR3513" s="91"/>
      <c r="HS3513" s="91"/>
      <c r="HT3513" s="91"/>
      <c r="HU3513" s="91"/>
      <c r="HV3513" s="91"/>
      <c r="HW3513" s="91"/>
      <c r="HX3513" s="127"/>
      <c r="HY3513" s="126"/>
      <c r="HZ3513" s="91"/>
      <c r="IA3513" s="91"/>
      <c r="IB3513" s="91"/>
      <c r="IC3513" s="91"/>
      <c r="ID3513" s="91"/>
      <c r="IE3513" s="91"/>
      <c r="IF3513" s="91"/>
      <c r="IG3513" s="91"/>
      <c r="IH3513" s="91"/>
      <c r="II3513" s="91"/>
      <c r="IJ3513" s="91"/>
      <c r="IK3513" s="174"/>
    </row>
    <row r="3514" spans="2:245" x14ac:dyDescent="0.2">
      <c r="B3514" s="43"/>
      <c r="C3514" s="73"/>
      <c r="D3514" s="64"/>
      <c r="E3514" s="64"/>
      <c r="F3514" s="55"/>
      <c r="G3514" s="102"/>
      <c r="H3514" s="97"/>
      <c r="T3514" s="98"/>
      <c r="U3514" s="97"/>
      <c r="AG3514" s="98"/>
      <c r="AY3514" s="164"/>
      <c r="BK3514" s="98"/>
      <c r="BL3514" s="97"/>
      <c r="BX3514" s="98"/>
      <c r="CL3514" s="97"/>
      <c r="CX3514" s="98"/>
      <c r="DL3514" s="97"/>
      <c r="DX3514" s="98"/>
      <c r="EL3514" s="97"/>
      <c r="EX3514" s="98"/>
      <c r="EY3514" s="97"/>
      <c r="FL3514" s="126"/>
      <c r="FM3514" s="91"/>
      <c r="FN3514" s="91"/>
      <c r="FO3514" s="91"/>
      <c r="FP3514" s="91"/>
      <c r="FQ3514" s="91"/>
      <c r="FR3514" s="91"/>
      <c r="FS3514" s="91"/>
      <c r="FT3514" s="91"/>
      <c r="FU3514" s="91"/>
      <c r="FV3514" s="91"/>
      <c r="FW3514" s="91"/>
      <c r="FX3514" s="127"/>
      <c r="FY3514" s="126"/>
      <c r="FZ3514" s="91"/>
      <c r="GA3514" s="91"/>
      <c r="GB3514" s="91"/>
      <c r="GC3514" s="91"/>
      <c r="GD3514" s="91"/>
      <c r="GE3514" s="91"/>
      <c r="GF3514" s="91"/>
      <c r="GG3514" s="91"/>
      <c r="GH3514" s="91"/>
      <c r="GI3514" s="91"/>
      <c r="GJ3514" s="91"/>
      <c r="GK3514" s="127"/>
      <c r="GL3514" s="126"/>
      <c r="GM3514" s="91"/>
      <c r="GN3514" s="91"/>
      <c r="GO3514" s="91"/>
      <c r="GP3514" s="91"/>
      <c r="GQ3514" s="91"/>
      <c r="GR3514" s="91"/>
      <c r="GS3514" s="91"/>
      <c r="GT3514" s="91"/>
      <c r="GU3514" s="91"/>
      <c r="GV3514" s="91"/>
      <c r="GW3514" s="91"/>
      <c r="GX3514" s="127"/>
      <c r="GY3514" s="126"/>
      <c r="GZ3514" s="91"/>
      <c r="HA3514" s="91"/>
      <c r="HB3514" s="91"/>
      <c r="HC3514" s="91"/>
      <c r="HD3514" s="91"/>
      <c r="HE3514" s="91"/>
      <c r="HF3514" s="91"/>
      <c r="HG3514" s="91"/>
      <c r="HH3514" s="91"/>
      <c r="HI3514" s="91"/>
      <c r="HJ3514" s="91"/>
      <c r="HK3514" s="127"/>
      <c r="HL3514" s="126"/>
      <c r="HM3514" s="91"/>
      <c r="HN3514" s="91"/>
      <c r="HO3514" s="91"/>
      <c r="HP3514" s="91"/>
      <c r="HQ3514" s="91"/>
      <c r="HR3514" s="91"/>
      <c r="HS3514" s="91"/>
      <c r="HT3514" s="91"/>
      <c r="HU3514" s="91"/>
      <c r="HV3514" s="91"/>
      <c r="HW3514" s="91"/>
      <c r="HX3514" s="127"/>
      <c r="HY3514" s="126"/>
      <c r="HZ3514" s="91"/>
      <c r="IA3514" s="91"/>
      <c r="IB3514" s="91"/>
      <c r="IC3514" s="91"/>
      <c r="ID3514" s="91"/>
      <c r="IE3514" s="91"/>
      <c r="IF3514" s="91"/>
      <c r="IG3514" s="91"/>
      <c r="IH3514" s="91"/>
      <c r="II3514" s="91"/>
      <c r="IJ3514" s="91"/>
      <c r="IK3514" s="174"/>
    </row>
    <row r="3515" spans="2:245" x14ac:dyDescent="0.2">
      <c r="B3515" s="43"/>
      <c r="C3515" s="73"/>
      <c r="D3515" s="64"/>
      <c r="E3515" s="64"/>
      <c r="F3515" s="55"/>
      <c r="G3515" s="102"/>
      <c r="H3515" s="97"/>
      <c r="T3515" s="98"/>
      <c r="U3515" s="97"/>
      <c r="AG3515" s="98"/>
      <c r="AY3515" s="164"/>
      <c r="BK3515" s="98"/>
      <c r="BL3515" s="97"/>
      <c r="BX3515" s="98"/>
      <c r="CL3515" s="97"/>
      <c r="CX3515" s="98"/>
      <c r="DL3515" s="97"/>
      <c r="DX3515" s="98"/>
      <c r="EL3515" s="97"/>
      <c r="EX3515" s="98"/>
      <c r="EY3515" s="97"/>
      <c r="FL3515" s="126"/>
      <c r="FM3515" s="91"/>
      <c r="FN3515" s="91"/>
      <c r="FO3515" s="91"/>
      <c r="FP3515" s="91"/>
      <c r="FQ3515" s="91"/>
      <c r="FR3515" s="91"/>
      <c r="FS3515" s="91"/>
      <c r="FT3515" s="91"/>
      <c r="FU3515" s="91"/>
      <c r="FV3515" s="91"/>
      <c r="FW3515" s="91"/>
      <c r="FX3515" s="127"/>
      <c r="FY3515" s="126"/>
      <c r="FZ3515" s="91"/>
      <c r="GA3515" s="91"/>
      <c r="GB3515" s="91"/>
      <c r="GC3515" s="91"/>
      <c r="GD3515" s="91"/>
      <c r="GE3515" s="91"/>
      <c r="GF3515" s="91"/>
      <c r="GG3515" s="91"/>
      <c r="GH3515" s="91"/>
      <c r="GI3515" s="91"/>
      <c r="GJ3515" s="91"/>
      <c r="GK3515" s="127"/>
      <c r="GL3515" s="126"/>
      <c r="GM3515" s="91"/>
      <c r="GN3515" s="91"/>
      <c r="GO3515" s="91"/>
      <c r="GP3515" s="91"/>
      <c r="GQ3515" s="91"/>
      <c r="GR3515" s="91"/>
      <c r="GS3515" s="91"/>
      <c r="GT3515" s="91"/>
      <c r="GU3515" s="91"/>
      <c r="GV3515" s="91"/>
      <c r="GW3515" s="91"/>
      <c r="GX3515" s="127"/>
      <c r="GY3515" s="126"/>
      <c r="GZ3515" s="91"/>
      <c r="HA3515" s="91"/>
      <c r="HB3515" s="91"/>
      <c r="HC3515" s="91"/>
      <c r="HD3515" s="91"/>
      <c r="HE3515" s="91"/>
      <c r="HF3515" s="91"/>
      <c r="HG3515" s="91"/>
      <c r="HH3515" s="91"/>
      <c r="HI3515" s="91"/>
      <c r="HJ3515" s="91"/>
      <c r="HK3515" s="127"/>
      <c r="HL3515" s="126"/>
      <c r="HM3515" s="91"/>
      <c r="HN3515" s="91"/>
      <c r="HO3515" s="91"/>
      <c r="HP3515" s="91"/>
      <c r="HQ3515" s="91"/>
      <c r="HR3515" s="91"/>
      <c r="HS3515" s="91"/>
      <c r="HT3515" s="91"/>
      <c r="HU3515" s="91"/>
      <c r="HV3515" s="91"/>
      <c r="HW3515" s="91"/>
      <c r="HX3515" s="127"/>
      <c r="HY3515" s="126"/>
      <c r="HZ3515" s="91"/>
      <c r="IA3515" s="91"/>
      <c r="IB3515" s="91"/>
      <c r="IC3515" s="91"/>
      <c r="ID3515" s="91"/>
      <c r="IE3515" s="91"/>
      <c r="IF3515" s="91"/>
      <c r="IG3515" s="91"/>
      <c r="IH3515" s="91"/>
      <c r="II3515" s="91"/>
      <c r="IJ3515" s="91"/>
      <c r="IK3515" s="174"/>
    </row>
    <row r="3516" spans="2:245" x14ac:dyDescent="0.2">
      <c r="B3516" s="43"/>
      <c r="C3516" s="73"/>
      <c r="D3516" s="64"/>
      <c r="E3516" s="64"/>
      <c r="F3516" s="55"/>
      <c r="G3516" s="102"/>
      <c r="H3516" s="97"/>
      <c r="T3516" s="98"/>
      <c r="U3516" s="97"/>
      <c r="AG3516" s="98"/>
      <c r="AY3516" s="164"/>
      <c r="BK3516" s="98"/>
      <c r="BL3516" s="97"/>
      <c r="BX3516" s="98"/>
      <c r="CL3516" s="97"/>
      <c r="CX3516" s="98"/>
      <c r="DL3516" s="97"/>
      <c r="DX3516" s="98"/>
      <c r="EL3516" s="97"/>
      <c r="EX3516" s="98"/>
      <c r="EY3516" s="97"/>
      <c r="FL3516" s="126"/>
      <c r="FM3516" s="91"/>
      <c r="FN3516" s="91"/>
      <c r="FO3516" s="91"/>
      <c r="FP3516" s="91"/>
      <c r="FQ3516" s="91"/>
      <c r="FR3516" s="91"/>
      <c r="FS3516" s="91"/>
      <c r="FT3516" s="91"/>
      <c r="FU3516" s="91"/>
      <c r="FV3516" s="91"/>
      <c r="FW3516" s="91"/>
      <c r="FX3516" s="127"/>
      <c r="FY3516" s="126"/>
      <c r="FZ3516" s="91"/>
      <c r="GA3516" s="91"/>
      <c r="GB3516" s="91"/>
      <c r="GC3516" s="91"/>
      <c r="GD3516" s="91"/>
      <c r="GE3516" s="91"/>
      <c r="GF3516" s="91"/>
      <c r="GG3516" s="91"/>
      <c r="GH3516" s="91"/>
      <c r="GI3516" s="91"/>
      <c r="GJ3516" s="91"/>
      <c r="GK3516" s="127"/>
      <c r="GL3516" s="126"/>
      <c r="GM3516" s="91"/>
      <c r="GN3516" s="91"/>
      <c r="GO3516" s="91"/>
      <c r="GP3516" s="91"/>
      <c r="GQ3516" s="91"/>
      <c r="GR3516" s="91"/>
      <c r="GS3516" s="91"/>
      <c r="GT3516" s="91"/>
      <c r="GU3516" s="91"/>
      <c r="GV3516" s="91"/>
      <c r="GW3516" s="91"/>
      <c r="GX3516" s="127"/>
      <c r="GY3516" s="126"/>
      <c r="GZ3516" s="91"/>
      <c r="HA3516" s="91"/>
      <c r="HB3516" s="91"/>
      <c r="HC3516" s="91"/>
      <c r="HD3516" s="91"/>
      <c r="HE3516" s="91"/>
      <c r="HF3516" s="91"/>
      <c r="HG3516" s="91"/>
      <c r="HH3516" s="91"/>
      <c r="HI3516" s="91"/>
      <c r="HJ3516" s="91"/>
      <c r="HK3516" s="127"/>
      <c r="HL3516" s="126"/>
      <c r="HM3516" s="91"/>
      <c r="HN3516" s="91"/>
      <c r="HO3516" s="91"/>
      <c r="HP3516" s="91"/>
      <c r="HQ3516" s="91"/>
      <c r="HR3516" s="91"/>
      <c r="HS3516" s="91"/>
      <c r="HT3516" s="91"/>
      <c r="HU3516" s="91"/>
      <c r="HV3516" s="91"/>
      <c r="HW3516" s="91"/>
      <c r="HX3516" s="127"/>
      <c r="HY3516" s="126"/>
      <c r="HZ3516" s="91"/>
      <c r="IA3516" s="91"/>
      <c r="IB3516" s="91"/>
      <c r="IC3516" s="91"/>
      <c r="ID3516" s="91"/>
      <c r="IE3516" s="91"/>
      <c r="IF3516" s="91"/>
      <c r="IG3516" s="91"/>
      <c r="IH3516" s="91"/>
      <c r="II3516" s="91"/>
      <c r="IJ3516" s="91"/>
      <c r="IK3516" s="174"/>
    </row>
    <row r="3517" spans="2:245" x14ac:dyDescent="0.2">
      <c r="B3517" s="43"/>
      <c r="C3517" s="73"/>
      <c r="D3517" s="64"/>
      <c r="E3517" s="64"/>
      <c r="F3517" s="55"/>
      <c r="G3517" s="102"/>
      <c r="H3517" s="97"/>
      <c r="T3517" s="98"/>
      <c r="U3517" s="97"/>
      <c r="AG3517" s="98"/>
      <c r="AY3517" s="164"/>
      <c r="BK3517" s="98"/>
      <c r="BL3517" s="97"/>
      <c r="BX3517" s="98"/>
      <c r="CL3517" s="97"/>
      <c r="CX3517" s="98"/>
      <c r="DL3517" s="97"/>
      <c r="DX3517" s="98"/>
      <c r="EL3517" s="97"/>
      <c r="EX3517" s="98"/>
      <c r="EY3517" s="97"/>
      <c r="FL3517" s="126"/>
      <c r="FM3517" s="91"/>
      <c r="FN3517" s="91"/>
      <c r="FO3517" s="91"/>
      <c r="FP3517" s="91"/>
      <c r="FQ3517" s="91"/>
      <c r="FR3517" s="91"/>
      <c r="FS3517" s="91"/>
      <c r="FT3517" s="91"/>
      <c r="FU3517" s="91"/>
      <c r="FV3517" s="91"/>
      <c r="FW3517" s="91"/>
      <c r="FX3517" s="127"/>
      <c r="FY3517" s="126"/>
      <c r="FZ3517" s="91"/>
      <c r="GA3517" s="91"/>
      <c r="GB3517" s="91"/>
      <c r="GC3517" s="91"/>
      <c r="GD3517" s="91"/>
      <c r="GE3517" s="91"/>
      <c r="GF3517" s="91"/>
      <c r="GG3517" s="91"/>
      <c r="GH3517" s="91"/>
      <c r="GI3517" s="91"/>
      <c r="GJ3517" s="91"/>
      <c r="GK3517" s="127"/>
      <c r="GL3517" s="126"/>
      <c r="GM3517" s="91"/>
      <c r="GN3517" s="91"/>
      <c r="GO3517" s="91"/>
      <c r="GP3517" s="91"/>
      <c r="GQ3517" s="91"/>
      <c r="GR3517" s="91"/>
      <c r="GS3517" s="91"/>
      <c r="GT3517" s="91"/>
      <c r="GU3517" s="91"/>
      <c r="GV3517" s="91"/>
      <c r="GW3517" s="91"/>
      <c r="GX3517" s="127"/>
      <c r="GY3517" s="126"/>
      <c r="GZ3517" s="91"/>
      <c r="HA3517" s="91"/>
      <c r="HB3517" s="91"/>
      <c r="HC3517" s="91"/>
      <c r="HD3517" s="91"/>
      <c r="HE3517" s="91"/>
      <c r="HF3517" s="91"/>
      <c r="HG3517" s="91"/>
      <c r="HH3517" s="91"/>
      <c r="HI3517" s="91"/>
      <c r="HJ3517" s="91"/>
      <c r="HK3517" s="127"/>
      <c r="HL3517" s="126"/>
      <c r="HM3517" s="91"/>
      <c r="HN3517" s="91"/>
      <c r="HO3517" s="91"/>
      <c r="HP3517" s="91"/>
      <c r="HQ3517" s="91"/>
      <c r="HR3517" s="91"/>
      <c r="HS3517" s="91"/>
      <c r="HT3517" s="91"/>
      <c r="HU3517" s="91"/>
      <c r="HV3517" s="91"/>
      <c r="HW3517" s="91"/>
      <c r="HX3517" s="127"/>
      <c r="HY3517" s="126"/>
      <c r="HZ3517" s="91"/>
      <c r="IA3517" s="91"/>
      <c r="IB3517" s="91"/>
      <c r="IC3517" s="91"/>
      <c r="ID3517" s="91"/>
      <c r="IE3517" s="91"/>
      <c r="IF3517" s="91"/>
      <c r="IG3517" s="91"/>
      <c r="IH3517" s="91"/>
      <c r="II3517" s="91"/>
      <c r="IJ3517" s="91"/>
      <c r="IK3517" s="174"/>
    </row>
    <row r="3518" spans="2:245" x14ac:dyDescent="0.2">
      <c r="B3518" s="43"/>
      <c r="C3518" s="73"/>
      <c r="D3518" s="64"/>
      <c r="E3518" s="64"/>
      <c r="F3518" s="55"/>
      <c r="G3518" s="102"/>
      <c r="H3518" s="97"/>
      <c r="T3518" s="98"/>
      <c r="U3518" s="97"/>
      <c r="AG3518" s="98"/>
      <c r="AY3518" s="164"/>
      <c r="BK3518" s="98"/>
      <c r="BL3518" s="97"/>
      <c r="BX3518" s="98"/>
      <c r="CL3518" s="97"/>
      <c r="CX3518" s="98"/>
      <c r="DL3518" s="97"/>
      <c r="DX3518" s="98"/>
      <c r="EL3518" s="97"/>
      <c r="EX3518" s="98"/>
      <c r="EY3518" s="97"/>
      <c r="FL3518" s="126"/>
      <c r="FM3518" s="91"/>
      <c r="FN3518" s="91"/>
      <c r="FO3518" s="91"/>
      <c r="FP3518" s="91"/>
      <c r="FQ3518" s="91"/>
      <c r="FR3518" s="91"/>
      <c r="FS3518" s="91"/>
      <c r="FT3518" s="91"/>
      <c r="FU3518" s="91"/>
      <c r="FV3518" s="91"/>
      <c r="FW3518" s="91"/>
      <c r="FX3518" s="127"/>
      <c r="FY3518" s="126"/>
      <c r="FZ3518" s="91"/>
      <c r="GA3518" s="91"/>
      <c r="GB3518" s="91"/>
      <c r="GC3518" s="91"/>
      <c r="GD3518" s="91"/>
      <c r="GE3518" s="91"/>
      <c r="GF3518" s="91"/>
      <c r="GG3518" s="91"/>
      <c r="GH3518" s="91"/>
      <c r="GI3518" s="91"/>
      <c r="GJ3518" s="91"/>
      <c r="GK3518" s="127"/>
      <c r="GL3518" s="126"/>
      <c r="GM3518" s="91"/>
      <c r="GN3518" s="91"/>
      <c r="GO3518" s="91"/>
      <c r="GP3518" s="91"/>
      <c r="GQ3518" s="91"/>
      <c r="GR3518" s="91"/>
      <c r="GS3518" s="91"/>
      <c r="GT3518" s="91"/>
      <c r="GU3518" s="91"/>
      <c r="GV3518" s="91"/>
      <c r="GW3518" s="91"/>
      <c r="GX3518" s="127"/>
      <c r="GY3518" s="126"/>
      <c r="GZ3518" s="91"/>
      <c r="HA3518" s="91"/>
      <c r="HB3518" s="91"/>
      <c r="HC3518" s="91"/>
      <c r="HD3518" s="91"/>
      <c r="HE3518" s="91"/>
      <c r="HF3518" s="91"/>
      <c r="HG3518" s="91"/>
      <c r="HH3518" s="91"/>
      <c r="HI3518" s="91"/>
      <c r="HJ3518" s="91"/>
      <c r="HK3518" s="127"/>
      <c r="HL3518" s="126"/>
      <c r="HM3518" s="91"/>
      <c r="HN3518" s="91"/>
      <c r="HO3518" s="91"/>
      <c r="HP3518" s="91"/>
      <c r="HQ3518" s="91"/>
      <c r="HR3518" s="91"/>
      <c r="HS3518" s="91"/>
      <c r="HT3518" s="91"/>
      <c r="HU3518" s="91"/>
      <c r="HV3518" s="91"/>
      <c r="HW3518" s="91"/>
      <c r="HX3518" s="127"/>
      <c r="HY3518" s="126"/>
      <c r="HZ3518" s="91"/>
      <c r="IA3518" s="91"/>
      <c r="IB3518" s="91"/>
      <c r="IC3518" s="91"/>
      <c r="ID3518" s="91"/>
      <c r="IE3518" s="91"/>
      <c r="IF3518" s="91"/>
      <c r="IG3518" s="91"/>
      <c r="IH3518" s="91"/>
      <c r="II3518" s="91"/>
      <c r="IJ3518" s="91"/>
      <c r="IK3518" s="174"/>
    </row>
    <row r="3519" spans="2:245" x14ac:dyDescent="0.2">
      <c r="B3519" s="43"/>
      <c r="C3519" s="73"/>
      <c r="D3519" s="64"/>
      <c r="E3519" s="64"/>
      <c r="F3519" s="55"/>
      <c r="G3519" s="102"/>
      <c r="H3519" s="97"/>
      <c r="T3519" s="98"/>
      <c r="U3519" s="97"/>
      <c r="AG3519" s="98"/>
      <c r="AY3519" s="164"/>
      <c r="BK3519" s="98"/>
      <c r="BL3519" s="97"/>
      <c r="BX3519" s="98"/>
      <c r="CL3519" s="97"/>
      <c r="CX3519" s="98"/>
      <c r="DL3519" s="97"/>
      <c r="DX3519" s="98"/>
      <c r="EL3519" s="97"/>
      <c r="EX3519" s="98"/>
      <c r="EY3519" s="97"/>
      <c r="FL3519" s="126"/>
      <c r="FM3519" s="91"/>
      <c r="FN3519" s="91"/>
      <c r="FO3519" s="91"/>
      <c r="FP3519" s="91"/>
      <c r="FQ3519" s="91"/>
      <c r="FR3519" s="91"/>
      <c r="FS3519" s="91"/>
      <c r="FT3519" s="91"/>
      <c r="FU3519" s="91"/>
      <c r="FV3519" s="91"/>
      <c r="FW3519" s="91"/>
      <c r="FX3519" s="127"/>
      <c r="FY3519" s="126"/>
      <c r="FZ3519" s="91"/>
      <c r="GA3519" s="91"/>
      <c r="GB3519" s="91"/>
      <c r="GC3519" s="91"/>
      <c r="GD3519" s="91"/>
      <c r="GE3519" s="91"/>
      <c r="GF3519" s="91"/>
      <c r="GG3519" s="91"/>
      <c r="GH3519" s="91"/>
      <c r="GI3519" s="91"/>
      <c r="GJ3519" s="91"/>
      <c r="GK3519" s="127"/>
      <c r="GL3519" s="126"/>
      <c r="GM3519" s="91"/>
      <c r="GN3519" s="91"/>
      <c r="GO3519" s="91"/>
      <c r="GP3519" s="91"/>
      <c r="GQ3519" s="91"/>
      <c r="GR3519" s="91"/>
      <c r="GS3519" s="91"/>
      <c r="GT3519" s="91"/>
      <c r="GU3519" s="91"/>
      <c r="GV3519" s="91"/>
      <c r="GW3519" s="91"/>
      <c r="GX3519" s="127"/>
      <c r="GY3519" s="126"/>
      <c r="GZ3519" s="91"/>
      <c r="HA3519" s="91"/>
      <c r="HB3519" s="91"/>
      <c r="HC3519" s="91"/>
      <c r="HD3519" s="91"/>
      <c r="HE3519" s="91"/>
      <c r="HF3519" s="91"/>
      <c r="HG3519" s="91"/>
      <c r="HH3519" s="91"/>
      <c r="HI3519" s="91"/>
      <c r="HJ3519" s="91"/>
      <c r="HK3519" s="127"/>
      <c r="HL3519" s="126"/>
      <c r="HM3519" s="91"/>
      <c r="HN3519" s="91"/>
      <c r="HO3519" s="91"/>
      <c r="HP3519" s="91"/>
      <c r="HQ3519" s="91"/>
      <c r="HR3519" s="91"/>
      <c r="HS3519" s="91"/>
      <c r="HT3519" s="91"/>
      <c r="HU3519" s="91"/>
      <c r="HV3519" s="91"/>
      <c r="HW3519" s="91"/>
      <c r="HX3519" s="127"/>
      <c r="HY3519" s="126"/>
      <c r="HZ3519" s="91"/>
      <c r="IA3519" s="91"/>
      <c r="IB3519" s="91"/>
      <c r="IC3519" s="91"/>
      <c r="ID3519" s="91"/>
      <c r="IE3519" s="91"/>
      <c r="IF3519" s="91"/>
      <c r="IG3519" s="91"/>
      <c r="IH3519" s="91"/>
      <c r="II3519" s="91"/>
      <c r="IJ3519" s="91"/>
      <c r="IK3519" s="174"/>
    </row>
    <row r="3520" spans="2:245" x14ac:dyDescent="0.2">
      <c r="B3520" s="43"/>
      <c r="C3520" s="73"/>
      <c r="D3520" s="64"/>
      <c r="E3520" s="64"/>
      <c r="F3520" s="55"/>
      <c r="G3520" s="102"/>
      <c r="H3520" s="97"/>
      <c r="T3520" s="98"/>
      <c r="U3520" s="97"/>
      <c r="AG3520" s="98"/>
      <c r="AY3520" s="164"/>
      <c r="BK3520" s="98"/>
      <c r="BL3520" s="97"/>
      <c r="BX3520" s="98"/>
      <c r="CL3520" s="97"/>
      <c r="CX3520" s="98"/>
      <c r="DL3520" s="97"/>
      <c r="DX3520" s="98"/>
      <c r="EL3520" s="97"/>
      <c r="EX3520" s="98"/>
      <c r="EY3520" s="97"/>
      <c r="FL3520" s="126"/>
      <c r="FM3520" s="91"/>
      <c r="FN3520" s="91"/>
      <c r="FO3520" s="91"/>
      <c r="FP3520" s="91"/>
      <c r="FQ3520" s="91"/>
      <c r="FR3520" s="91"/>
      <c r="FS3520" s="91"/>
      <c r="FT3520" s="91"/>
      <c r="FU3520" s="91"/>
      <c r="FV3520" s="91"/>
      <c r="FW3520" s="91"/>
      <c r="FX3520" s="127"/>
      <c r="FY3520" s="126"/>
      <c r="FZ3520" s="91"/>
      <c r="GA3520" s="91"/>
      <c r="GB3520" s="91"/>
      <c r="GC3520" s="91"/>
      <c r="GD3520" s="91"/>
      <c r="GE3520" s="91"/>
      <c r="GF3520" s="91"/>
      <c r="GG3520" s="91"/>
      <c r="GH3520" s="91"/>
      <c r="GI3520" s="91"/>
      <c r="GJ3520" s="91"/>
      <c r="GK3520" s="127"/>
      <c r="GL3520" s="126"/>
      <c r="GM3520" s="91"/>
      <c r="GN3520" s="91"/>
      <c r="GO3520" s="91"/>
      <c r="GP3520" s="91"/>
      <c r="GQ3520" s="91"/>
      <c r="GR3520" s="91"/>
      <c r="GS3520" s="91"/>
      <c r="GT3520" s="91"/>
      <c r="GU3520" s="91"/>
      <c r="GV3520" s="91"/>
      <c r="GW3520" s="91"/>
      <c r="GX3520" s="127"/>
      <c r="GY3520" s="126"/>
      <c r="GZ3520" s="91"/>
      <c r="HA3520" s="91"/>
      <c r="HB3520" s="91"/>
      <c r="HC3520" s="91"/>
      <c r="HD3520" s="91"/>
      <c r="HE3520" s="91"/>
      <c r="HF3520" s="91"/>
      <c r="HG3520" s="91"/>
      <c r="HH3520" s="91"/>
      <c r="HI3520" s="91"/>
      <c r="HJ3520" s="91"/>
      <c r="HK3520" s="127"/>
      <c r="HL3520" s="126"/>
      <c r="HM3520" s="91"/>
      <c r="HN3520" s="91"/>
      <c r="HO3520" s="91"/>
      <c r="HP3520" s="91"/>
      <c r="HQ3520" s="91"/>
      <c r="HR3520" s="91"/>
      <c r="HS3520" s="91"/>
      <c r="HT3520" s="91"/>
      <c r="HU3520" s="91"/>
      <c r="HV3520" s="91"/>
      <c r="HW3520" s="91"/>
      <c r="HX3520" s="127"/>
      <c r="HY3520" s="126"/>
      <c r="HZ3520" s="91"/>
      <c r="IA3520" s="91"/>
      <c r="IB3520" s="91"/>
      <c r="IC3520" s="91"/>
      <c r="ID3520" s="91"/>
      <c r="IE3520" s="91"/>
      <c r="IF3520" s="91"/>
      <c r="IG3520" s="91"/>
      <c r="IH3520" s="91"/>
      <c r="II3520" s="91"/>
      <c r="IJ3520" s="91"/>
      <c r="IK3520" s="174"/>
    </row>
    <row r="3521" spans="2:245" x14ac:dyDescent="0.2">
      <c r="B3521" s="43"/>
      <c r="C3521" s="73"/>
      <c r="D3521" s="64"/>
      <c r="E3521" s="64"/>
      <c r="F3521" s="55"/>
      <c r="G3521" s="102"/>
      <c r="H3521" s="97"/>
      <c r="T3521" s="98"/>
      <c r="U3521" s="97"/>
      <c r="AG3521" s="98"/>
      <c r="AY3521" s="164"/>
      <c r="BK3521" s="98"/>
      <c r="BL3521" s="97"/>
      <c r="BX3521" s="98"/>
      <c r="CL3521" s="97"/>
      <c r="CX3521" s="98"/>
      <c r="DL3521" s="97"/>
      <c r="DX3521" s="98"/>
      <c r="EL3521" s="97"/>
      <c r="EX3521" s="98"/>
      <c r="EY3521" s="97"/>
      <c r="FL3521" s="126"/>
      <c r="FM3521" s="91"/>
      <c r="FN3521" s="91"/>
      <c r="FO3521" s="91"/>
      <c r="FP3521" s="91"/>
      <c r="FQ3521" s="91"/>
      <c r="FR3521" s="91"/>
      <c r="FS3521" s="91"/>
      <c r="FT3521" s="91"/>
      <c r="FU3521" s="91"/>
      <c r="FV3521" s="91"/>
      <c r="FW3521" s="91"/>
      <c r="FX3521" s="127"/>
      <c r="FY3521" s="126"/>
      <c r="FZ3521" s="91"/>
      <c r="GA3521" s="91"/>
      <c r="GB3521" s="91"/>
      <c r="GC3521" s="91"/>
      <c r="GD3521" s="91"/>
      <c r="GE3521" s="91"/>
      <c r="GF3521" s="91"/>
      <c r="GG3521" s="91"/>
      <c r="GH3521" s="91"/>
      <c r="GI3521" s="91"/>
      <c r="GJ3521" s="91"/>
      <c r="GK3521" s="127"/>
      <c r="GL3521" s="126"/>
      <c r="GM3521" s="91"/>
      <c r="GN3521" s="91"/>
      <c r="GO3521" s="91"/>
      <c r="GP3521" s="91"/>
      <c r="GQ3521" s="91"/>
      <c r="GR3521" s="91"/>
      <c r="GS3521" s="91"/>
      <c r="GT3521" s="91"/>
      <c r="GU3521" s="91"/>
      <c r="GV3521" s="91"/>
      <c r="GW3521" s="91"/>
      <c r="GX3521" s="127"/>
      <c r="GY3521" s="126"/>
      <c r="GZ3521" s="91"/>
      <c r="HA3521" s="91"/>
      <c r="HB3521" s="91"/>
      <c r="HC3521" s="91"/>
      <c r="HD3521" s="91"/>
      <c r="HE3521" s="91"/>
      <c r="HF3521" s="91"/>
      <c r="HG3521" s="91"/>
      <c r="HH3521" s="91"/>
      <c r="HI3521" s="91"/>
      <c r="HJ3521" s="91"/>
      <c r="HK3521" s="127"/>
      <c r="HL3521" s="126"/>
      <c r="HM3521" s="91"/>
      <c r="HN3521" s="91"/>
      <c r="HO3521" s="91"/>
      <c r="HP3521" s="91"/>
      <c r="HQ3521" s="91"/>
      <c r="HR3521" s="91"/>
      <c r="HS3521" s="91"/>
      <c r="HT3521" s="91"/>
      <c r="HU3521" s="91"/>
      <c r="HV3521" s="91"/>
      <c r="HW3521" s="91"/>
      <c r="HX3521" s="127"/>
      <c r="HY3521" s="126"/>
      <c r="HZ3521" s="91"/>
      <c r="IA3521" s="91"/>
      <c r="IB3521" s="91"/>
      <c r="IC3521" s="91"/>
      <c r="ID3521" s="91"/>
      <c r="IE3521" s="91"/>
      <c r="IF3521" s="91"/>
      <c r="IG3521" s="91"/>
      <c r="IH3521" s="91"/>
      <c r="II3521" s="91"/>
      <c r="IJ3521" s="91"/>
      <c r="IK3521" s="174"/>
    </row>
    <row r="3522" spans="2:245" x14ac:dyDescent="0.2">
      <c r="B3522" s="43"/>
      <c r="C3522" s="73"/>
      <c r="D3522" s="64"/>
      <c r="E3522" s="64"/>
      <c r="F3522" s="55"/>
      <c r="G3522" s="102"/>
      <c r="H3522" s="97"/>
      <c r="T3522" s="98"/>
      <c r="U3522" s="97"/>
      <c r="AG3522" s="98"/>
      <c r="AY3522" s="164"/>
      <c r="BK3522" s="98"/>
      <c r="BL3522" s="97"/>
      <c r="BX3522" s="98"/>
      <c r="CL3522" s="97"/>
      <c r="CX3522" s="98"/>
      <c r="DL3522" s="97"/>
      <c r="DX3522" s="98"/>
      <c r="EL3522" s="97"/>
      <c r="EX3522" s="98"/>
      <c r="EY3522" s="97"/>
      <c r="FL3522" s="126"/>
      <c r="FM3522" s="91"/>
      <c r="FN3522" s="91"/>
      <c r="FO3522" s="91"/>
      <c r="FP3522" s="91"/>
      <c r="FQ3522" s="91"/>
      <c r="FR3522" s="91"/>
      <c r="FS3522" s="91"/>
      <c r="FT3522" s="91"/>
      <c r="FU3522" s="91"/>
      <c r="FV3522" s="91"/>
      <c r="FW3522" s="91"/>
      <c r="FX3522" s="127"/>
      <c r="FY3522" s="126"/>
      <c r="FZ3522" s="91"/>
      <c r="GA3522" s="91"/>
      <c r="GB3522" s="91"/>
      <c r="GC3522" s="91"/>
      <c r="GD3522" s="91"/>
      <c r="GE3522" s="91"/>
      <c r="GF3522" s="91"/>
      <c r="GG3522" s="91"/>
      <c r="GH3522" s="91"/>
      <c r="GI3522" s="91"/>
      <c r="GJ3522" s="91"/>
      <c r="GK3522" s="127"/>
      <c r="GL3522" s="126"/>
      <c r="GM3522" s="91"/>
      <c r="GN3522" s="91"/>
      <c r="GO3522" s="91"/>
      <c r="GP3522" s="91"/>
      <c r="GQ3522" s="91"/>
      <c r="GR3522" s="91"/>
      <c r="GS3522" s="91"/>
      <c r="GT3522" s="91"/>
      <c r="GU3522" s="91"/>
      <c r="GV3522" s="91"/>
      <c r="GW3522" s="91"/>
      <c r="GX3522" s="127"/>
      <c r="GY3522" s="126"/>
      <c r="GZ3522" s="91"/>
      <c r="HA3522" s="91"/>
      <c r="HB3522" s="91"/>
      <c r="HC3522" s="91"/>
      <c r="HD3522" s="91"/>
      <c r="HE3522" s="91"/>
      <c r="HF3522" s="91"/>
      <c r="HG3522" s="91"/>
      <c r="HH3522" s="91"/>
      <c r="HI3522" s="91"/>
      <c r="HJ3522" s="91"/>
      <c r="HK3522" s="127"/>
      <c r="HL3522" s="126"/>
      <c r="HM3522" s="91"/>
      <c r="HN3522" s="91"/>
      <c r="HO3522" s="91"/>
      <c r="HP3522" s="91"/>
      <c r="HQ3522" s="91"/>
      <c r="HR3522" s="91"/>
      <c r="HS3522" s="91"/>
      <c r="HT3522" s="91"/>
      <c r="HU3522" s="91"/>
      <c r="HV3522" s="91"/>
      <c r="HW3522" s="91"/>
      <c r="HX3522" s="127"/>
      <c r="HY3522" s="126"/>
      <c r="HZ3522" s="91"/>
      <c r="IA3522" s="91"/>
      <c r="IB3522" s="91"/>
      <c r="IC3522" s="91"/>
      <c r="ID3522" s="91"/>
      <c r="IE3522" s="91"/>
      <c r="IF3522" s="91"/>
      <c r="IG3522" s="91"/>
      <c r="IH3522" s="91"/>
      <c r="II3522" s="91"/>
      <c r="IJ3522" s="91"/>
      <c r="IK3522" s="174"/>
    </row>
    <row r="3523" spans="2:245" x14ac:dyDescent="0.2">
      <c r="B3523" s="43"/>
      <c r="C3523" s="73"/>
      <c r="D3523" s="64"/>
      <c r="E3523" s="64"/>
      <c r="F3523" s="55"/>
      <c r="G3523" s="102"/>
      <c r="H3523" s="97"/>
      <c r="T3523" s="98"/>
      <c r="U3523" s="97"/>
      <c r="AG3523" s="98"/>
      <c r="AY3523" s="164"/>
      <c r="BK3523" s="98"/>
      <c r="BL3523" s="97"/>
      <c r="BX3523" s="98"/>
      <c r="CL3523" s="97"/>
      <c r="CX3523" s="98"/>
      <c r="DL3523" s="97"/>
      <c r="DX3523" s="98"/>
      <c r="EL3523" s="97"/>
      <c r="EX3523" s="98"/>
      <c r="EY3523" s="97"/>
      <c r="FL3523" s="126"/>
      <c r="FM3523" s="91"/>
      <c r="FN3523" s="91"/>
      <c r="FO3523" s="91"/>
      <c r="FP3523" s="91"/>
      <c r="FQ3523" s="91"/>
      <c r="FR3523" s="91"/>
      <c r="FS3523" s="91"/>
      <c r="FT3523" s="91"/>
      <c r="FU3523" s="91"/>
      <c r="FV3523" s="91"/>
      <c r="FW3523" s="91"/>
      <c r="FX3523" s="127"/>
      <c r="FY3523" s="126"/>
      <c r="FZ3523" s="91"/>
      <c r="GA3523" s="91"/>
      <c r="GB3523" s="91"/>
      <c r="GC3523" s="91"/>
      <c r="GD3523" s="91"/>
      <c r="GE3523" s="91"/>
      <c r="GF3523" s="91"/>
      <c r="GG3523" s="91"/>
      <c r="GH3523" s="91"/>
      <c r="GI3523" s="91"/>
      <c r="GJ3523" s="91"/>
      <c r="GK3523" s="127"/>
      <c r="GL3523" s="126"/>
      <c r="GM3523" s="91"/>
      <c r="GN3523" s="91"/>
      <c r="GO3523" s="91"/>
      <c r="GP3523" s="91"/>
      <c r="GQ3523" s="91"/>
      <c r="GR3523" s="91"/>
      <c r="GS3523" s="91"/>
      <c r="GT3523" s="91"/>
      <c r="GU3523" s="91"/>
      <c r="GV3523" s="91"/>
      <c r="GW3523" s="91"/>
      <c r="GX3523" s="127"/>
      <c r="GY3523" s="126"/>
      <c r="GZ3523" s="91"/>
      <c r="HA3523" s="91"/>
      <c r="HB3523" s="91"/>
      <c r="HC3523" s="91"/>
      <c r="HD3523" s="91"/>
      <c r="HE3523" s="91"/>
      <c r="HF3523" s="91"/>
      <c r="HG3523" s="91"/>
      <c r="HH3523" s="91"/>
      <c r="HI3523" s="91"/>
      <c r="HJ3523" s="91"/>
      <c r="HK3523" s="127"/>
      <c r="HL3523" s="126"/>
      <c r="HM3523" s="91"/>
      <c r="HN3523" s="91"/>
      <c r="HO3523" s="91"/>
      <c r="HP3523" s="91"/>
      <c r="HQ3523" s="91"/>
      <c r="HR3523" s="91"/>
      <c r="HS3523" s="91"/>
      <c r="HT3523" s="91"/>
      <c r="HU3523" s="91"/>
      <c r="HV3523" s="91"/>
      <c r="HW3523" s="91"/>
      <c r="HX3523" s="127"/>
      <c r="HY3523" s="126"/>
      <c r="HZ3523" s="91"/>
      <c r="IA3523" s="91"/>
      <c r="IB3523" s="91"/>
      <c r="IC3523" s="91"/>
      <c r="ID3523" s="91"/>
      <c r="IE3523" s="91"/>
      <c r="IF3523" s="91"/>
      <c r="IG3523" s="91"/>
      <c r="IH3523" s="91"/>
      <c r="II3523" s="91"/>
      <c r="IJ3523" s="91"/>
      <c r="IK3523" s="174"/>
    </row>
    <row r="3524" spans="2:245" x14ac:dyDescent="0.2">
      <c r="B3524" s="43"/>
      <c r="C3524" s="73"/>
      <c r="D3524" s="64"/>
      <c r="E3524" s="64"/>
      <c r="F3524" s="55"/>
      <c r="G3524" s="102"/>
      <c r="H3524" s="97"/>
      <c r="T3524" s="98"/>
      <c r="U3524" s="97"/>
      <c r="AG3524" s="98"/>
      <c r="AY3524" s="164"/>
      <c r="BK3524" s="98"/>
      <c r="BL3524" s="97"/>
      <c r="BX3524" s="98"/>
      <c r="CL3524" s="97"/>
      <c r="CX3524" s="98"/>
      <c r="DL3524" s="97"/>
      <c r="DX3524" s="98"/>
      <c r="EL3524" s="97"/>
      <c r="EX3524" s="98"/>
      <c r="EY3524" s="97"/>
      <c r="FL3524" s="126"/>
      <c r="FM3524" s="91"/>
      <c r="FN3524" s="91"/>
      <c r="FO3524" s="91"/>
      <c r="FP3524" s="91"/>
      <c r="FQ3524" s="91"/>
      <c r="FR3524" s="91"/>
      <c r="FS3524" s="91"/>
      <c r="FT3524" s="91"/>
      <c r="FU3524" s="91"/>
      <c r="FV3524" s="91"/>
      <c r="FW3524" s="91"/>
      <c r="FX3524" s="127"/>
      <c r="FY3524" s="126"/>
      <c r="FZ3524" s="91"/>
      <c r="GA3524" s="91"/>
      <c r="GB3524" s="91"/>
      <c r="GC3524" s="91"/>
      <c r="GD3524" s="91"/>
      <c r="GE3524" s="91"/>
      <c r="GF3524" s="91"/>
      <c r="GG3524" s="91"/>
      <c r="GH3524" s="91"/>
      <c r="GI3524" s="91"/>
      <c r="GJ3524" s="91"/>
      <c r="GK3524" s="127"/>
      <c r="GL3524" s="126"/>
      <c r="GM3524" s="91"/>
      <c r="GN3524" s="91"/>
      <c r="GO3524" s="91"/>
      <c r="GP3524" s="91"/>
      <c r="GQ3524" s="91"/>
      <c r="GR3524" s="91"/>
      <c r="GS3524" s="91"/>
      <c r="GT3524" s="91"/>
      <c r="GU3524" s="91"/>
      <c r="GV3524" s="91"/>
      <c r="GW3524" s="91"/>
      <c r="GX3524" s="127"/>
      <c r="GY3524" s="126"/>
      <c r="GZ3524" s="91"/>
      <c r="HA3524" s="91"/>
      <c r="HB3524" s="91"/>
      <c r="HC3524" s="91"/>
      <c r="HD3524" s="91"/>
      <c r="HE3524" s="91"/>
      <c r="HF3524" s="91"/>
      <c r="HG3524" s="91"/>
      <c r="HH3524" s="91"/>
      <c r="HI3524" s="91"/>
      <c r="HJ3524" s="91"/>
      <c r="HK3524" s="127"/>
      <c r="HL3524" s="126"/>
      <c r="HM3524" s="91"/>
      <c r="HN3524" s="91"/>
      <c r="HO3524" s="91"/>
      <c r="HP3524" s="91"/>
      <c r="HQ3524" s="91"/>
      <c r="HR3524" s="91"/>
      <c r="HS3524" s="91"/>
      <c r="HT3524" s="91"/>
      <c r="HU3524" s="91"/>
      <c r="HV3524" s="91"/>
      <c r="HW3524" s="91"/>
      <c r="HX3524" s="127"/>
      <c r="HY3524" s="126"/>
      <c r="HZ3524" s="91"/>
      <c r="IA3524" s="91"/>
      <c r="IB3524" s="91"/>
      <c r="IC3524" s="91"/>
      <c r="ID3524" s="91"/>
      <c r="IE3524" s="91"/>
      <c r="IF3524" s="91"/>
      <c r="IG3524" s="91"/>
      <c r="IH3524" s="91"/>
      <c r="II3524" s="91"/>
      <c r="IJ3524" s="91"/>
      <c r="IK3524" s="174"/>
    </row>
    <row r="3525" spans="2:245" x14ac:dyDescent="0.2">
      <c r="B3525" s="43"/>
      <c r="C3525" s="73"/>
      <c r="D3525" s="64"/>
      <c r="E3525" s="64"/>
      <c r="F3525" s="55"/>
      <c r="G3525" s="102"/>
      <c r="H3525" s="97"/>
      <c r="T3525" s="98"/>
      <c r="U3525" s="97"/>
      <c r="AG3525" s="98"/>
      <c r="AY3525" s="164"/>
      <c r="BK3525" s="98"/>
      <c r="BL3525" s="97"/>
      <c r="BX3525" s="98"/>
      <c r="CL3525" s="97"/>
      <c r="CX3525" s="98"/>
      <c r="DL3525" s="97"/>
      <c r="DX3525" s="98"/>
      <c r="EL3525" s="97"/>
      <c r="EX3525" s="98"/>
      <c r="EY3525" s="97"/>
      <c r="FL3525" s="126"/>
      <c r="FM3525" s="91"/>
      <c r="FN3525" s="91"/>
      <c r="FO3525" s="91"/>
      <c r="FP3525" s="91"/>
      <c r="FQ3525" s="91"/>
      <c r="FR3525" s="91"/>
      <c r="FS3525" s="91"/>
      <c r="FT3525" s="91"/>
      <c r="FU3525" s="91"/>
      <c r="FV3525" s="91"/>
      <c r="FW3525" s="91"/>
      <c r="FX3525" s="127"/>
      <c r="FY3525" s="126"/>
      <c r="FZ3525" s="91"/>
      <c r="GA3525" s="91"/>
      <c r="GB3525" s="91"/>
      <c r="GC3525" s="91"/>
      <c r="GD3525" s="91"/>
      <c r="GE3525" s="91"/>
      <c r="GF3525" s="91"/>
      <c r="GG3525" s="91"/>
      <c r="GH3525" s="91"/>
      <c r="GI3525" s="91"/>
      <c r="GJ3525" s="91"/>
      <c r="GK3525" s="127"/>
      <c r="GL3525" s="126"/>
      <c r="GM3525" s="91"/>
      <c r="GN3525" s="91"/>
      <c r="GO3525" s="91"/>
      <c r="GP3525" s="91"/>
      <c r="GQ3525" s="91"/>
      <c r="GR3525" s="91"/>
      <c r="GS3525" s="91"/>
      <c r="GT3525" s="91"/>
      <c r="GU3525" s="91"/>
      <c r="GV3525" s="91"/>
      <c r="GW3525" s="91"/>
      <c r="GX3525" s="127"/>
      <c r="GY3525" s="126"/>
      <c r="GZ3525" s="91"/>
      <c r="HA3525" s="91"/>
      <c r="HB3525" s="91"/>
      <c r="HC3525" s="91"/>
      <c r="HD3525" s="91"/>
      <c r="HE3525" s="91"/>
      <c r="HF3525" s="91"/>
      <c r="HG3525" s="91"/>
      <c r="HH3525" s="91"/>
      <c r="HI3525" s="91"/>
      <c r="HJ3525" s="91"/>
      <c r="HK3525" s="127"/>
      <c r="HL3525" s="126"/>
      <c r="HM3525" s="91"/>
      <c r="HN3525" s="91"/>
      <c r="HO3525" s="91"/>
      <c r="HP3525" s="91"/>
      <c r="HQ3525" s="91"/>
      <c r="HR3525" s="91"/>
      <c r="HS3525" s="91"/>
      <c r="HT3525" s="91"/>
      <c r="HU3525" s="91"/>
      <c r="HV3525" s="91"/>
      <c r="HW3525" s="91"/>
      <c r="HX3525" s="127"/>
      <c r="HY3525" s="126"/>
      <c r="HZ3525" s="91"/>
      <c r="IA3525" s="91"/>
      <c r="IB3525" s="91"/>
      <c r="IC3525" s="91"/>
      <c r="ID3525" s="91"/>
      <c r="IE3525" s="91"/>
      <c r="IF3525" s="91"/>
      <c r="IG3525" s="91"/>
      <c r="IH3525" s="91"/>
      <c r="II3525" s="91"/>
      <c r="IJ3525" s="91"/>
      <c r="IK3525" s="174"/>
    </row>
    <row r="3526" spans="2:245" x14ac:dyDescent="0.2">
      <c r="B3526" s="43"/>
      <c r="C3526" s="73"/>
      <c r="D3526" s="64"/>
      <c r="E3526" s="64"/>
      <c r="F3526" s="55"/>
      <c r="G3526" s="102"/>
      <c r="H3526" s="97"/>
      <c r="T3526" s="98"/>
      <c r="U3526" s="97"/>
      <c r="AG3526" s="98"/>
      <c r="AY3526" s="164"/>
      <c r="BK3526" s="98"/>
      <c r="BL3526" s="97"/>
      <c r="BX3526" s="98"/>
      <c r="CL3526" s="97"/>
      <c r="CX3526" s="98"/>
      <c r="DL3526" s="97"/>
      <c r="DX3526" s="98"/>
      <c r="EL3526" s="97"/>
      <c r="EX3526" s="98"/>
      <c r="EY3526" s="97"/>
      <c r="FL3526" s="126"/>
      <c r="FM3526" s="91"/>
      <c r="FN3526" s="91"/>
      <c r="FO3526" s="91"/>
      <c r="FP3526" s="91"/>
      <c r="FQ3526" s="91"/>
      <c r="FR3526" s="91"/>
      <c r="FS3526" s="91"/>
      <c r="FT3526" s="91"/>
      <c r="FU3526" s="91"/>
      <c r="FV3526" s="91"/>
      <c r="FW3526" s="91"/>
      <c r="FX3526" s="127"/>
      <c r="FY3526" s="126"/>
      <c r="FZ3526" s="91"/>
      <c r="GA3526" s="91"/>
      <c r="GB3526" s="91"/>
      <c r="GC3526" s="91"/>
      <c r="GD3526" s="91"/>
      <c r="GE3526" s="91"/>
      <c r="GF3526" s="91"/>
      <c r="GG3526" s="91"/>
      <c r="GH3526" s="91"/>
      <c r="GI3526" s="91"/>
      <c r="GJ3526" s="91"/>
      <c r="GK3526" s="127"/>
      <c r="GL3526" s="126"/>
      <c r="GM3526" s="91"/>
      <c r="GN3526" s="91"/>
      <c r="GO3526" s="91"/>
      <c r="GP3526" s="91"/>
      <c r="GQ3526" s="91"/>
      <c r="GR3526" s="91"/>
      <c r="GS3526" s="91"/>
      <c r="GT3526" s="91"/>
      <c r="GU3526" s="91"/>
      <c r="GV3526" s="91"/>
      <c r="GW3526" s="91"/>
      <c r="GX3526" s="127"/>
      <c r="GY3526" s="126"/>
      <c r="GZ3526" s="91"/>
      <c r="HA3526" s="91"/>
      <c r="HB3526" s="91"/>
      <c r="HC3526" s="91"/>
      <c r="HD3526" s="91"/>
      <c r="HE3526" s="91"/>
      <c r="HF3526" s="91"/>
      <c r="HG3526" s="91"/>
      <c r="HH3526" s="91"/>
      <c r="HI3526" s="91"/>
      <c r="HJ3526" s="91"/>
      <c r="HK3526" s="127"/>
      <c r="HL3526" s="126"/>
      <c r="HM3526" s="91"/>
      <c r="HN3526" s="91"/>
      <c r="HO3526" s="91"/>
      <c r="HP3526" s="91"/>
      <c r="HQ3526" s="91"/>
      <c r="HR3526" s="91"/>
      <c r="HS3526" s="91"/>
      <c r="HT3526" s="91"/>
      <c r="HU3526" s="91"/>
      <c r="HV3526" s="91"/>
      <c r="HW3526" s="91"/>
      <c r="HX3526" s="127"/>
      <c r="HY3526" s="126"/>
      <c r="HZ3526" s="91"/>
      <c r="IA3526" s="91"/>
      <c r="IB3526" s="91"/>
      <c r="IC3526" s="91"/>
      <c r="ID3526" s="91"/>
      <c r="IE3526" s="91"/>
      <c r="IF3526" s="91"/>
      <c r="IG3526" s="91"/>
      <c r="IH3526" s="91"/>
      <c r="II3526" s="91"/>
      <c r="IJ3526" s="91"/>
      <c r="IK3526" s="174"/>
    </row>
    <row r="3527" spans="2:245" x14ac:dyDescent="0.2">
      <c r="B3527" s="43"/>
      <c r="C3527" s="73"/>
      <c r="D3527" s="64"/>
      <c r="E3527" s="64"/>
      <c r="F3527" s="55"/>
      <c r="G3527" s="102"/>
      <c r="H3527" s="97"/>
      <c r="T3527" s="98"/>
      <c r="U3527" s="97"/>
      <c r="AG3527" s="98"/>
      <c r="AY3527" s="164"/>
      <c r="BK3527" s="98"/>
      <c r="BL3527" s="97"/>
      <c r="BX3527" s="98"/>
      <c r="CL3527" s="97"/>
      <c r="CX3527" s="98"/>
      <c r="DL3527" s="97"/>
      <c r="DX3527" s="98"/>
      <c r="EL3527" s="97"/>
      <c r="EX3527" s="98"/>
      <c r="EY3527" s="97"/>
      <c r="FL3527" s="126"/>
      <c r="FM3527" s="91"/>
      <c r="FN3527" s="91"/>
      <c r="FO3527" s="91"/>
      <c r="FP3527" s="91"/>
      <c r="FQ3527" s="91"/>
      <c r="FR3527" s="91"/>
      <c r="FS3527" s="91"/>
      <c r="FT3527" s="91"/>
      <c r="FU3527" s="91"/>
      <c r="FV3527" s="91"/>
      <c r="FW3527" s="91"/>
      <c r="FX3527" s="127"/>
      <c r="FY3527" s="126"/>
      <c r="FZ3527" s="91"/>
      <c r="GA3527" s="91"/>
      <c r="GB3527" s="91"/>
      <c r="GC3527" s="91"/>
      <c r="GD3527" s="91"/>
      <c r="GE3527" s="91"/>
      <c r="GF3527" s="91"/>
      <c r="GG3527" s="91"/>
      <c r="GH3527" s="91"/>
      <c r="GI3527" s="91"/>
      <c r="GJ3527" s="91"/>
      <c r="GK3527" s="127"/>
      <c r="GL3527" s="126"/>
      <c r="GM3527" s="91"/>
      <c r="GN3527" s="91"/>
      <c r="GO3527" s="91"/>
      <c r="GP3527" s="91"/>
      <c r="GQ3527" s="91"/>
      <c r="GR3527" s="91"/>
      <c r="GS3527" s="91"/>
      <c r="GT3527" s="91"/>
      <c r="GU3527" s="91"/>
      <c r="GV3527" s="91"/>
      <c r="GW3527" s="91"/>
      <c r="GX3527" s="127"/>
      <c r="GY3527" s="126"/>
      <c r="GZ3527" s="91"/>
      <c r="HA3527" s="91"/>
      <c r="HB3527" s="91"/>
      <c r="HC3527" s="91"/>
      <c r="HD3527" s="91"/>
      <c r="HE3527" s="91"/>
      <c r="HF3527" s="91"/>
      <c r="HG3527" s="91"/>
      <c r="HH3527" s="91"/>
      <c r="HI3527" s="91"/>
      <c r="HJ3527" s="91"/>
      <c r="HK3527" s="127"/>
      <c r="HL3527" s="126"/>
      <c r="HM3527" s="91"/>
      <c r="HN3527" s="91"/>
      <c r="HO3527" s="91"/>
      <c r="HP3527" s="91"/>
      <c r="HQ3527" s="91"/>
      <c r="HR3527" s="91"/>
      <c r="HS3527" s="91"/>
      <c r="HT3527" s="91"/>
      <c r="HU3527" s="91"/>
      <c r="HV3527" s="91"/>
      <c r="HW3527" s="91"/>
      <c r="HX3527" s="127"/>
      <c r="HY3527" s="126"/>
      <c r="HZ3527" s="91"/>
      <c r="IA3527" s="91"/>
      <c r="IB3527" s="91"/>
      <c r="IC3527" s="91"/>
      <c r="ID3527" s="91"/>
      <c r="IE3527" s="91"/>
      <c r="IF3527" s="91"/>
      <c r="IG3527" s="91"/>
      <c r="IH3527" s="91"/>
      <c r="II3527" s="91"/>
      <c r="IJ3527" s="91"/>
      <c r="IK3527" s="174"/>
    </row>
    <row r="3528" spans="2:245" x14ac:dyDescent="0.2">
      <c r="B3528" s="43"/>
      <c r="C3528" s="73"/>
      <c r="D3528" s="64"/>
      <c r="E3528" s="64"/>
      <c r="F3528" s="55"/>
      <c r="G3528" s="102"/>
      <c r="H3528" s="97"/>
      <c r="T3528" s="98"/>
      <c r="U3528" s="97"/>
      <c r="AG3528" s="98"/>
      <c r="AY3528" s="164"/>
      <c r="BK3528" s="98"/>
      <c r="BL3528" s="97"/>
      <c r="BX3528" s="98"/>
      <c r="CL3528" s="97"/>
      <c r="CX3528" s="98"/>
      <c r="DL3528" s="97"/>
      <c r="DX3528" s="98"/>
      <c r="EL3528" s="97"/>
      <c r="EX3528" s="98"/>
      <c r="EY3528" s="97"/>
      <c r="FL3528" s="126"/>
      <c r="FM3528" s="91"/>
      <c r="FN3528" s="91"/>
      <c r="FO3528" s="91"/>
      <c r="FP3528" s="91"/>
      <c r="FQ3528" s="91"/>
      <c r="FR3528" s="91"/>
      <c r="FS3528" s="91"/>
      <c r="FT3528" s="91"/>
      <c r="FU3528" s="91"/>
      <c r="FV3528" s="91"/>
      <c r="FW3528" s="91"/>
      <c r="FX3528" s="127"/>
      <c r="FY3528" s="126"/>
      <c r="FZ3528" s="91"/>
      <c r="GA3528" s="91"/>
      <c r="GB3528" s="91"/>
      <c r="GC3528" s="91"/>
      <c r="GD3528" s="91"/>
      <c r="GE3528" s="91"/>
      <c r="GF3528" s="91"/>
      <c r="GG3528" s="91"/>
      <c r="GH3528" s="91"/>
      <c r="GI3528" s="91"/>
      <c r="GJ3528" s="91"/>
      <c r="GK3528" s="127"/>
      <c r="GL3528" s="126"/>
      <c r="GM3528" s="91"/>
      <c r="GN3528" s="91"/>
      <c r="GO3528" s="91"/>
      <c r="GP3528" s="91"/>
      <c r="GQ3528" s="91"/>
      <c r="GR3528" s="91"/>
      <c r="GS3528" s="91"/>
      <c r="GT3528" s="91"/>
      <c r="GU3528" s="91"/>
      <c r="GV3528" s="91"/>
      <c r="GW3528" s="91"/>
      <c r="GX3528" s="127"/>
      <c r="GY3528" s="126"/>
      <c r="GZ3528" s="91"/>
      <c r="HA3528" s="91"/>
      <c r="HB3528" s="91"/>
      <c r="HC3528" s="91"/>
      <c r="HD3528" s="91"/>
      <c r="HE3528" s="91"/>
      <c r="HF3528" s="91"/>
      <c r="HG3528" s="91"/>
      <c r="HH3528" s="91"/>
      <c r="HI3528" s="91"/>
      <c r="HJ3528" s="91"/>
      <c r="HK3528" s="127"/>
      <c r="HL3528" s="126"/>
      <c r="HM3528" s="91"/>
      <c r="HN3528" s="91"/>
      <c r="HO3528" s="91"/>
      <c r="HP3528" s="91"/>
      <c r="HQ3528" s="91"/>
      <c r="HR3528" s="91"/>
      <c r="HS3528" s="91"/>
      <c r="HT3528" s="91"/>
      <c r="HU3528" s="91"/>
      <c r="HV3528" s="91"/>
      <c r="HW3528" s="91"/>
      <c r="HX3528" s="127"/>
      <c r="HY3528" s="126"/>
      <c r="HZ3528" s="91"/>
      <c r="IA3528" s="91"/>
      <c r="IB3528" s="91"/>
      <c r="IC3528" s="91"/>
      <c r="ID3528" s="91"/>
      <c r="IE3528" s="91"/>
      <c r="IF3528" s="91"/>
      <c r="IG3528" s="91"/>
      <c r="IH3528" s="91"/>
      <c r="II3528" s="91"/>
      <c r="IJ3528" s="91"/>
      <c r="IK3528" s="174"/>
    </row>
    <row r="3529" spans="2:245" x14ac:dyDescent="0.2">
      <c r="B3529" s="43"/>
      <c r="C3529" s="73"/>
      <c r="D3529" s="64"/>
      <c r="E3529" s="64"/>
      <c r="F3529" s="55"/>
      <c r="G3529" s="102"/>
      <c r="H3529" s="97"/>
      <c r="T3529" s="98"/>
      <c r="U3529" s="97"/>
      <c r="AG3529" s="98"/>
      <c r="AY3529" s="164"/>
      <c r="BK3529" s="98"/>
      <c r="BL3529" s="97"/>
      <c r="BX3529" s="98"/>
      <c r="CL3529" s="97"/>
      <c r="CX3529" s="98"/>
      <c r="DL3529" s="97"/>
      <c r="DX3529" s="98"/>
      <c r="EL3529" s="97"/>
      <c r="EX3529" s="98"/>
      <c r="EY3529" s="97"/>
      <c r="FL3529" s="126"/>
      <c r="FM3529" s="91"/>
      <c r="FN3529" s="91"/>
      <c r="FO3529" s="91"/>
      <c r="FP3529" s="91"/>
      <c r="FQ3529" s="91"/>
      <c r="FR3529" s="91"/>
      <c r="FS3529" s="91"/>
      <c r="FT3529" s="91"/>
      <c r="FU3529" s="91"/>
      <c r="FV3529" s="91"/>
      <c r="FW3529" s="91"/>
      <c r="FX3529" s="127"/>
      <c r="FY3529" s="126"/>
      <c r="FZ3529" s="91"/>
      <c r="GA3529" s="91"/>
      <c r="GB3529" s="91"/>
      <c r="GC3529" s="91"/>
      <c r="GD3529" s="91"/>
      <c r="GE3529" s="91"/>
      <c r="GF3529" s="91"/>
      <c r="GG3529" s="91"/>
      <c r="GH3529" s="91"/>
      <c r="GI3529" s="91"/>
      <c r="GJ3529" s="91"/>
      <c r="GK3529" s="127"/>
      <c r="GL3529" s="126"/>
      <c r="GM3529" s="91"/>
      <c r="GN3529" s="91"/>
      <c r="GO3529" s="91"/>
      <c r="GP3529" s="91"/>
      <c r="GQ3529" s="91"/>
      <c r="GR3529" s="91"/>
      <c r="GS3529" s="91"/>
      <c r="GT3529" s="91"/>
      <c r="GU3529" s="91"/>
      <c r="GV3529" s="91"/>
      <c r="GW3529" s="91"/>
      <c r="GX3529" s="127"/>
      <c r="GY3529" s="126"/>
      <c r="GZ3529" s="91"/>
      <c r="HA3529" s="91"/>
      <c r="HB3529" s="91"/>
      <c r="HC3529" s="91"/>
      <c r="HD3529" s="91"/>
      <c r="HE3529" s="91"/>
      <c r="HF3529" s="91"/>
      <c r="HG3529" s="91"/>
      <c r="HH3529" s="91"/>
      <c r="HI3529" s="91"/>
      <c r="HJ3529" s="91"/>
      <c r="HK3529" s="127"/>
      <c r="HL3529" s="126"/>
      <c r="HM3529" s="91"/>
      <c r="HN3529" s="91"/>
      <c r="HO3529" s="91"/>
      <c r="HP3529" s="91"/>
      <c r="HQ3529" s="91"/>
      <c r="HR3529" s="91"/>
      <c r="HS3529" s="91"/>
      <c r="HT3529" s="91"/>
      <c r="HU3529" s="91"/>
      <c r="HV3529" s="91"/>
      <c r="HW3529" s="91"/>
      <c r="HX3529" s="127"/>
      <c r="HY3529" s="126"/>
      <c r="HZ3529" s="91"/>
      <c r="IA3529" s="91"/>
      <c r="IB3529" s="91"/>
      <c r="IC3529" s="91"/>
      <c r="ID3529" s="91"/>
      <c r="IE3529" s="91"/>
      <c r="IF3529" s="91"/>
      <c r="IG3529" s="91"/>
      <c r="IH3529" s="91"/>
      <c r="II3529" s="91"/>
      <c r="IJ3529" s="91"/>
      <c r="IK3529" s="174"/>
    </row>
    <row r="3530" spans="2:245" x14ac:dyDescent="0.2">
      <c r="B3530" s="43"/>
      <c r="C3530" s="73"/>
      <c r="D3530" s="64"/>
      <c r="E3530" s="64"/>
      <c r="F3530" s="55"/>
      <c r="G3530" s="102"/>
      <c r="H3530" s="97"/>
      <c r="T3530" s="98"/>
      <c r="U3530" s="97"/>
      <c r="AG3530" s="98"/>
      <c r="AY3530" s="164"/>
      <c r="BK3530" s="98"/>
      <c r="BL3530" s="97"/>
      <c r="BX3530" s="98"/>
      <c r="CL3530" s="97"/>
      <c r="CX3530" s="98"/>
      <c r="DL3530" s="97"/>
      <c r="DX3530" s="98"/>
      <c r="EL3530" s="97"/>
      <c r="EX3530" s="98"/>
      <c r="EY3530" s="97"/>
      <c r="FL3530" s="126"/>
      <c r="FM3530" s="91"/>
      <c r="FN3530" s="91"/>
      <c r="FO3530" s="91"/>
      <c r="FP3530" s="91"/>
      <c r="FQ3530" s="91"/>
      <c r="FR3530" s="91"/>
      <c r="FS3530" s="91"/>
      <c r="FT3530" s="91"/>
      <c r="FU3530" s="91"/>
      <c r="FV3530" s="91"/>
      <c r="FW3530" s="91"/>
      <c r="FX3530" s="127"/>
      <c r="FY3530" s="126"/>
      <c r="FZ3530" s="91"/>
      <c r="GA3530" s="91"/>
      <c r="GB3530" s="91"/>
      <c r="GC3530" s="91"/>
      <c r="GD3530" s="91"/>
      <c r="GE3530" s="91"/>
      <c r="GF3530" s="91"/>
      <c r="GG3530" s="91"/>
      <c r="GH3530" s="91"/>
      <c r="GI3530" s="91"/>
      <c r="GJ3530" s="91"/>
      <c r="GK3530" s="127"/>
      <c r="GL3530" s="126"/>
      <c r="GM3530" s="91"/>
      <c r="GN3530" s="91"/>
      <c r="GO3530" s="91"/>
      <c r="GP3530" s="91"/>
      <c r="GQ3530" s="91"/>
      <c r="GR3530" s="91"/>
      <c r="GS3530" s="91"/>
      <c r="GT3530" s="91"/>
      <c r="GU3530" s="91"/>
      <c r="GV3530" s="91"/>
      <c r="GW3530" s="91"/>
      <c r="GX3530" s="127"/>
      <c r="GY3530" s="126"/>
      <c r="GZ3530" s="91"/>
      <c r="HA3530" s="91"/>
      <c r="HB3530" s="91"/>
      <c r="HC3530" s="91"/>
      <c r="HD3530" s="91"/>
      <c r="HE3530" s="91"/>
      <c r="HF3530" s="91"/>
      <c r="HG3530" s="91"/>
      <c r="HH3530" s="91"/>
      <c r="HI3530" s="91"/>
      <c r="HJ3530" s="91"/>
      <c r="HK3530" s="127"/>
      <c r="HL3530" s="126"/>
      <c r="HM3530" s="91"/>
      <c r="HN3530" s="91"/>
      <c r="HO3530" s="91"/>
      <c r="HP3530" s="91"/>
      <c r="HQ3530" s="91"/>
      <c r="HR3530" s="91"/>
      <c r="HS3530" s="91"/>
      <c r="HT3530" s="91"/>
      <c r="HU3530" s="91"/>
      <c r="HV3530" s="91"/>
      <c r="HW3530" s="91"/>
      <c r="HX3530" s="127"/>
      <c r="HY3530" s="126"/>
      <c r="HZ3530" s="91"/>
      <c r="IA3530" s="91"/>
      <c r="IB3530" s="91"/>
      <c r="IC3530" s="91"/>
      <c r="ID3530" s="91"/>
      <c r="IE3530" s="91"/>
      <c r="IF3530" s="91"/>
      <c r="IG3530" s="91"/>
      <c r="IH3530" s="91"/>
      <c r="II3530" s="91"/>
      <c r="IJ3530" s="91"/>
      <c r="IK3530" s="174"/>
    </row>
    <row r="3531" spans="2:245" x14ac:dyDescent="0.2">
      <c r="B3531" s="43"/>
      <c r="C3531" s="73"/>
      <c r="D3531" s="64"/>
      <c r="E3531" s="64"/>
      <c r="F3531" s="55"/>
      <c r="G3531" s="102"/>
      <c r="H3531" s="97"/>
      <c r="T3531" s="98"/>
      <c r="U3531" s="97"/>
      <c r="AG3531" s="98"/>
      <c r="AY3531" s="164"/>
      <c r="BK3531" s="98"/>
      <c r="BL3531" s="97"/>
      <c r="BX3531" s="98"/>
      <c r="CL3531" s="97"/>
      <c r="CX3531" s="98"/>
      <c r="DL3531" s="97"/>
      <c r="DX3531" s="98"/>
      <c r="EL3531" s="97"/>
      <c r="EX3531" s="98"/>
      <c r="EY3531" s="97"/>
      <c r="FL3531" s="126"/>
      <c r="FM3531" s="91"/>
      <c r="FN3531" s="91"/>
      <c r="FO3531" s="91"/>
      <c r="FP3531" s="91"/>
      <c r="FQ3531" s="91"/>
      <c r="FR3531" s="91"/>
      <c r="FS3531" s="91"/>
      <c r="FT3531" s="91"/>
      <c r="FU3531" s="91"/>
      <c r="FV3531" s="91"/>
      <c r="FW3531" s="91"/>
      <c r="FX3531" s="127"/>
      <c r="FY3531" s="126"/>
      <c r="FZ3531" s="91"/>
      <c r="GA3531" s="91"/>
      <c r="GB3531" s="91"/>
      <c r="GC3531" s="91"/>
      <c r="GD3531" s="91"/>
      <c r="GE3531" s="91"/>
      <c r="GF3531" s="91"/>
      <c r="GG3531" s="91"/>
      <c r="GH3531" s="91"/>
      <c r="GI3531" s="91"/>
      <c r="GJ3531" s="91"/>
      <c r="GK3531" s="127"/>
      <c r="GL3531" s="126"/>
      <c r="GM3531" s="91"/>
      <c r="GN3531" s="91"/>
      <c r="GO3531" s="91"/>
      <c r="GP3531" s="91"/>
      <c r="GQ3531" s="91"/>
      <c r="GR3531" s="91"/>
      <c r="GS3531" s="91"/>
      <c r="GT3531" s="91"/>
      <c r="GU3531" s="91"/>
      <c r="GV3531" s="91"/>
      <c r="GW3531" s="91"/>
      <c r="GX3531" s="127"/>
      <c r="GY3531" s="126"/>
      <c r="GZ3531" s="91"/>
      <c r="HA3531" s="91"/>
      <c r="HB3531" s="91"/>
      <c r="HC3531" s="91"/>
      <c r="HD3531" s="91"/>
      <c r="HE3531" s="91"/>
      <c r="HF3531" s="91"/>
      <c r="HG3531" s="91"/>
      <c r="HH3531" s="91"/>
      <c r="HI3531" s="91"/>
      <c r="HJ3531" s="91"/>
      <c r="HK3531" s="127"/>
      <c r="HL3531" s="126"/>
      <c r="HM3531" s="91"/>
      <c r="HN3531" s="91"/>
      <c r="HO3531" s="91"/>
      <c r="HP3531" s="91"/>
      <c r="HQ3531" s="91"/>
      <c r="HR3531" s="91"/>
      <c r="HS3531" s="91"/>
      <c r="HT3531" s="91"/>
      <c r="HU3531" s="91"/>
      <c r="HV3531" s="91"/>
      <c r="HW3531" s="91"/>
      <c r="HX3531" s="127"/>
      <c r="HY3531" s="126"/>
      <c r="HZ3531" s="91"/>
      <c r="IA3531" s="91"/>
      <c r="IB3531" s="91"/>
      <c r="IC3531" s="91"/>
      <c r="ID3531" s="91"/>
      <c r="IE3531" s="91"/>
      <c r="IF3531" s="91"/>
      <c r="IG3531" s="91"/>
      <c r="IH3531" s="91"/>
      <c r="II3531" s="91"/>
      <c r="IJ3531" s="91"/>
      <c r="IK3531" s="174"/>
    </row>
    <row r="3532" spans="2:245" x14ac:dyDescent="0.2">
      <c r="B3532" s="43"/>
      <c r="C3532" s="73"/>
      <c r="D3532" s="64"/>
      <c r="E3532" s="64"/>
      <c r="F3532" s="55"/>
      <c r="G3532" s="102"/>
      <c r="H3532" s="97"/>
      <c r="T3532" s="98"/>
      <c r="U3532" s="97"/>
      <c r="AG3532" s="98"/>
      <c r="AY3532" s="164"/>
      <c r="BK3532" s="98"/>
      <c r="BL3532" s="97"/>
      <c r="BX3532" s="98"/>
      <c r="CL3532" s="97"/>
      <c r="CX3532" s="98"/>
      <c r="DL3532" s="97"/>
      <c r="DX3532" s="98"/>
      <c r="EL3532" s="97"/>
      <c r="EX3532" s="98"/>
      <c r="EY3532" s="97"/>
      <c r="FL3532" s="126"/>
      <c r="FM3532" s="91"/>
      <c r="FN3532" s="91"/>
      <c r="FO3532" s="91"/>
      <c r="FP3532" s="91"/>
      <c r="FQ3532" s="91"/>
      <c r="FR3532" s="91"/>
      <c r="FS3532" s="91"/>
      <c r="FT3532" s="91"/>
      <c r="FU3532" s="91"/>
      <c r="FV3532" s="91"/>
      <c r="FW3532" s="91"/>
      <c r="FX3532" s="127"/>
      <c r="FY3532" s="126"/>
      <c r="FZ3532" s="91"/>
      <c r="GA3532" s="91"/>
      <c r="GB3532" s="91"/>
      <c r="GC3532" s="91"/>
      <c r="GD3532" s="91"/>
      <c r="GE3532" s="91"/>
      <c r="GF3532" s="91"/>
      <c r="GG3532" s="91"/>
      <c r="GH3532" s="91"/>
      <c r="GI3532" s="91"/>
      <c r="GJ3532" s="91"/>
      <c r="GK3532" s="127"/>
      <c r="GL3532" s="126"/>
      <c r="GM3532" s="91"/>
      <c r="GN3532" s="91"/>
      <c r="GO3532" s="91"/>
      <c r="GP3532" s="91"/>
      <c r="GQ3532" s="91"/>
      <c r="GR3532" s="91"/>
      <c r="GS3532" s="91"/>
      <c r="GT3532" s="91"/>
      <c r="GU3532" s="91"/>
      <c r="GV3532" s="91"/>
      <c r="GW3532" s="91"/>
      <c r="GX3532" s="127"/>
      <c r="GY3532" s="126"/>
      <c r="GZ3532" s="91"/>
      <c r="HA3532" s="91"/>
      <c r="HB3532" s="91"/>
      <c r="HC3532" s="91"/>
      <c r="HD3532" s="91"/>
      <c r="HE3532" s="91"/>
      <c r="HF3532" s="91"/>
      <c r="HG3532" s="91"/>
      <c r="HH3532" s="91"/>
      <c r="HI3532" s="91"/>
      <c r="HJ3532" s="91"/>
      <c r="HK3532" s="127"/>
      <c r="HL3532" s="126"/>
      <c r="HM3532" s="91"/>
      <c r="HN3532" s="91"/>
      <c r="HO3532" s="91"/>
      <c r="HP3532" s="91"/>
      <c r="HQ3532" s="91"/>
      <c r="HR3532" s="91"/>
      <c r="HS3532" s="91"/>
      <c r="HT3532" s="91"/>
      <c r="HU3532" s="91"/>
      <c r="HV3532" s="91"/>
      <c r="HW3532" s="91"/>
      <c r="HX3532" s="127"/>
      <c r="HY3532" s="126"/>
      <c r="HZ3532" s="91"/>
      <c r="IA3532" s="91"/>
      <c r="IB3532" s="91"/>
      <c r="IC3532" s="91"/>
      <c r="ID3532" s="91"/>
      <c r="IE3532" s="91"/>
      <c r="IF3532" s="91"/>
      <c r="IG3532" s="91"/>
      <c r="IH3532" s="91"/>
      <c r="II3532" s="91"/>
      <c r="IJ3532" s="91"/>
      <c r="IK3532" s="174"/>
    </row>
    <row r="3533" spans="2:245" x14ac:dyDescent="0.2">
      <c r="B3533" s="43"/>
      <c r="C3533" s="73"/>
      <c r="D3533" s="64"/>
      <c r="E3533" s="64"/>
      <c r="F3533" s="55"/>
      <c r="G3533" s="102"/>
      <c r="H3533" s="97"/>
      <c r="T3533" s="98"/>
      <c r="U3533" s="97"/>
      <c r="AG3533" s="98"/>
      <c r="AY3533" s="164"/>
      <c r="BK3533" s="98"/>
      <c r="BL3533" s="97"/>
      <c r="BX3533" s="98"/>
      <c r="CL3533" s="97"/>
      <c r="CX3533" s="98"/>
      <c r="DL3533" s="97"/>
      <c r="DX3533" s="98"/>
      <c r="EL3533" s="97"/>
      <c r="EX3533" s="98"/>
      <c r="EY3533" s="97"/>
      <c r="FL3533" s="126"/>
      <c r="FM3533" s="91"/>
      <c r="FN3533" s="91"/>
      <c r="FO3533" s="91"/>
      <c r="FP3533" s="91"/>
      <c r="FQ3533" s="91"/>
      <c r="FR3533" s="91"/>
      <c r="FS3533" s="91"/>
      <c r="FT3533" s="91"/>
      <c r="FU3533" s="91"/>
      <c r="FV3533" s="91"/>
      <c r="FW3533" s="91"/>
      <c r="FX3533" s="127"/>
      <c r="FY3533" s="126"/>
      <c r="FZ3533" s="91"/>
      <c r="GA3533" s="91"/>
      <c r="GB3533" s="91"/>
      <c r="GC3533" s="91"/>
      <c r="GD3533" s="91"/>
      <c r="GE3533" s="91"/>
      <c r="GF3533" s="91"/>
      <c r="GG3533" s="91"/>
      <c r="GH3533" s="91"/>
      <c r="GI3533" s="91"/>
      <c r="GJ3533" s="91"/>
      <c r="GK3533" s="127"/>
      <c r="GL3533" s="126"/>
      <c r="GM3533" s="91"/>
      <c r="GN3533" s="91"/>
      <c r="GO3533" s="91"/>
      <c r="GP3533" s="91"/>
      <c r="GQ3533" s="91"/>
      <c r="GR3533" s="91"/>
      <c r="GS3533" s="91"/>
      <c r="GT3533" s="91"/>
      <c r="GU3533" s="91"/>
      <c r="GV3533" s="91"/>
      <c r="GW3533" s="91"/>
      <c r="GX3533" s="127"/>
      <c r="GY3533" s="126"/>
      <c r="GZ3533" s="91"/>
      <c r="HA3533" s="91"/>
      <c r="HB3533" s="91"/>
      <c r="HC3533" s="91"/>
      <c r="HD3533" s="91"/>
      <c r="HE3533" s="91"/>
      <c r="HF3533" s="91"/>
      <c r="HG3533" s="91"/>
      <c r="HH3533" s="91"/>
      <c r="HI3533" s="91"/>
      <c r="HJ3533" s="91"/>
      <c r="HK3533" s="127"/>
      <c r="HL3533" s="126"/>
      <c r="HM3533" s="91"/>
      <c r="HN3533" s="91"/>
      <c r="HO3533" s="91"/>
      <c r="HP3533" s="91"/>
      <c r="HQ3533" s="91"/>
      <c r="HR3533" s="91"/>
      <c r="HS3533" s="91"/>
      <c r="HT3533" s="91"/>
      <c r="HU3533" s="91"/>
      <c r="HV3533" s="91"/>
      <c r="HW3533" s="91"/>
      <c r="HX3533" s="127"/>
      <c r="HY3533" s="126"/>
      <c r="HZ3533" s="91"/>
      <c r="IA3533" s="91"/>
      <c r="IB3533" s="91"/>
      <c r="IC3533" s="91"/>
      <c r="ID3533" s="91"/>
      <c r="IE3533" s="91"/>
      <c r="IF3533" s="91"/>
      <c r="IG3533" s="91"/>
      <c r="IH3533" s="91"/>
      <c r="II3533" s="91"/>
      <c r="IJ3533" s="91"/>
      <c r="IK3533" s="174"/>
    </row>
    <row r="3534" spans="2:245" x14ac:dyDescent="0.2">
      <c r="B3534" s="43"/>
      <c r="C3534" s="73"/>
      <c r="D3534" s="64"/>
      <c r="E3534" s="64"/>
      <c r="F3534" s="55"/>
      <c r="G3534" s="102"/>
      <c r="H3534" s="97"/>
      <c r="T3534" s="98"/>
      <c r="U3534" s="97"/>
      <c r="AG3534" s="98"/>
      <c r="AY3534" s="164"/>
      <c r="BK3534" s="98"/>
      <c r="BL3534" s="97"/>
      <c r="BX3534" s="98"/>
      <c r="CL3534" s="97"/>
      <c r="CX3534" s="98"/>
      <c r="DL3534" s="97"/>
      <c r="DX3534" s="98"/>
      <c r="EL3534" s="97"/>
      <c r="EX3534" s="98"/>
      <c r="EY3534" s="97"/>
      <c r="FL3534" s="126"/>
      <c r="FM3534" s="91"/>
      <c r="FN3534" s="91"/>
      <c r="FO3534" s="91"/>
      <c r="FP3534" s="91"/>
      <c r="FQ3534" s="91"/>
      <c r="FR3534" s="91"/>
      <c r="FS3534" s="91"/>
      <c r="FT3534" s="91"/>
      <c r="FU3534" s="91"/>
      <c r="FV3534" s="91"/>
      <c r="FW3534" s="91"/>
      <c r="FX3534" s="127"/>
      <c r="FY3534" s="126"/>
      <c r="FZ3534" s="91"/>
      <c r="GA3534" s="91"/>
      <c r="GB3534" s="91"/>
      <c r="GC3534" s="91"/>
      <c r="GD3534" s="91"/>
      <c r="GE3534" s="91"/>
      <c r="GF3534" s="91"/>
      <c r="GG3534" s="91"/>
      <c r="GH3534" s="91"/>
      <c r="GI3534" s="91"/>
      <c r="GJ3534" s="91"/>
      <c r="GK3534" s="127"/>
      <c r="GL3534" s="126"/>
      <c r="GM3534" s="91"/>
      <c r="GN3534" s="91"/>
      <c r="GO3534" s="91"/>
      <c r="GP3534" s="91"/>
      <c r="GQ3534" s="91"/>
      <c r="GR3534" s="91"/>
      <c r="GS3534" s="91"/>
      <c r="GT3534" s="91"/>
      <c r="GU3534" s="91"/>
      <c r="GV3534" s="91"/>
      <c r="GW3534" s="91"/>
      <c r="GX3534" s="127"/>
      <c r="GY3534" s="126"/>
      <c r="GZ3534" s="91"/>
      <c r="HA3534" s="91"/>
      <c r="HB3534" s="91"/>
      <c r="HC3534" s="91"/>
      <c r="HD3534" s="91"/>
      <c r="HE3534" s="91"/>
      <c r="HF3534" s="91"/>
      <c r="HG3534" s="91"/>
      <c r="HH3534" s="91"/>
      <c r="HI3534" s="91"/>
      <c r="HJ3534" s="91"/>
      <c r="HK3534" s="127"/>
      <c r="HL3534" s="126"/>
      <c r="HM3534" s="91"/>
      <c r="HN3534" s="91"/>
      <c r="HO3534" s="91"/>
      <c r="HP3534" s="91"/>
      <c r="HQ3534" s="91"/>
      <c r="HR3534" s="91"/>
      <c r="HS3534" s="91"/>
      <c r="HT3534" s="91"/>
      <c r="HU3534" s="91"/>
      <c r="HV3534" s="91"/>
      <c r="HW3534" s="91"/>
      <c r="HX3534" s="127"/>
      <c r="HY3534" s="126"/>
      <c r="HZ3534" s="91"/>
      <c r="IA3534" s="91"/>
      <c r="IB3534" s="91"/>
      <c r="IC3534" s="91"/>
      <c r="ID3534" s="91"/>
      <c r="IE3534" s="91"/>
      <c r="IF3534" s="91"/>
      <c r="IG3534" s="91"/>
      <c r="IH3534" s="91"/>
      <c r="II3534" s="91"/>
      <c r="IJ3534" s="91"/>
      <c r="IK3534" s="174"/>
    </row>
    <row r="3535" spans="2:245" x14ac:dyDescent="0.2">
      <c r="B3535" s="43"/>
      <c r="C3535" s="73"/>
      <c r="D3535" s="64"/>
      <c r="E3535" s="64"/>
      <c r="F3535" s="55"/>
      <c r="G3535" s="102"/>
      <c r="H3535" s="97"/>
      <c r="T3535" s="98"/>
      <c r="U3535" s="97"/>
      <c r="AG3535" s="98"/>
      <c r="AY3535" s="164"/>
      <c r="BK3535" s="98"/>
      <c r="BL3535" s="97"/>
      <c r="BX3535" s="98"/>
      <c r="CL3535" s="97"/>
      <c r="CX3535" s="98"/>
      <c r="DL3535" s="97"/>
      <c r="DX3535" s="98"/>
      <c r="EL3535" s="97"/>
      <c r="EX3535" s="98"/>
      <c r="EY3535" s="97"/>
      <c r="FL3535" s="126"/>
      <c r="FM3535" s="91"/>
      <c r="FN3535" s="91"/>
      <c r="FO3535" s="91"/>
      <c r="FP3535" s="91"/>
      <c r="FQ3535" s="91"/>
      <c r="FR3535" s="91"/>
      <c r="FS3535" s="91"/>
      <c r="FT3535" s="91"/>
      <c r="FU3535" s="91"/>
      <c r="FV3535" s="91"/>
      <c r="FW3535" s="91"/>
      <c r="FX3535" s="127"/>
      <c r="FY3535" s="126"/>
      <c r="FZ3535" s="91"/>
      <c r="GA3535" s="91"/>
      <c r="GB3535" s="91"/>
      <c r="GC3535" s="91"/>
      <c r="GD3535" s="91"/>
      <c r="GE3535" s="91"/>
      <c r="GF3535" s="91"/>
      <c r="GG3535" s="91"/>
      <c r="GH3535" s="91"/>
      <c r="GI3535" s="91"/>
      <c r="GJ3535" s="91"/>
      <c r="GK3535" s="127"/>
      <c r="GL3535" s="126"/>
      <c r="GM3535" s="91"/>
      <c r="GN3535" s="91"/>
      <c r="GO3535" s="91"/>
      <c r="GP3535" s="91"/>
      <c r="GQ3535" s="91"/>
      <c r="GR3535" s="91"/>
      <c r="GS3535" s="91"/>
      <c r="GT3535" s="91"/>
      <c r="GU3535" s="91"/>
      <c r="GV3535" s="91"/>
      <c r="GW3535" s="91"/>
      <c r="GX3535" s="127"/>
      <c r="GY3535" s="126"/>
      <c r="GZ3535" s="91"/>
      <c r="HA3535" s="91"/>
      <c r="HB3535" s="91"/>
      <c r="HC3535" s="91"/>
      <c r="HD3535" s="91"/>
      <c r="HE3535" s="91"/>
      <c r="HF3535" s="91"/>
      <c r="HG3535" s="91"/>
      <c r="HH3535" s="91"/>
      <c r="HI3535" s="91"/>
      <c r="HJ3535" s="91"/>
      <c r="HK3535" s="127"/>
      <c r="HL3535" s="126"/>
      <c r="HM3535" s="91"/>
      <c r="HN3535" s="91"/>
      <c r="HO3535" s="91"/>
      <c r="HP3535" s="91"/>
      <c r="HQ3535" s="91"/>
      <c r="HR3535" s="91"/>
      <c r="HS3535" s="91"/>
      <c r="HT3535" s="91"/>
      <c r="HU3535" s="91"/>
      <c r="HV3535" s="91"/>
      <c r="HW3535" s="91"/>
      <c r="HX3535" s="127"/>
      <c r="HY3535" s="126"/>
      <c r="HZ3535" s="91"/>
      <c r="IA3535" s="91"/>
      <c r="IB3535" s="91"/>
      <c r="IC3535" s="91"/>
      <c r="ID3535" s="91"/>
      <c r="IE3535" s="91"/>
      <c r="IF3535" s="91"/>
      <c r="IG3535" s="91"/>
      <c r="IH3535" s="91"/>
      <c r="II3535" s="91"/>
      <c r="IJ3535" s="91"/>
      <c r="IK3535" s="174"/>
    </row>
    <row r="3536" spans="2:245" x14ac:dyDescent="0.2">
      <c r="B3536" s="43"/>
      <c r="C3536" s="73"/>
      <c r="D3536" s="64"/>
      <c r="E3536" s="64"/>
      <c r="F3536" s="55"/>
      <c r="G3536" s="102"/>
      <c r="H3536" s="97"/>
      <c r="T3536" s="98"/>
      <c r="U3536" s="97"/>
      <c r="AG3536" s="98"/>
      <c r="AY3536" s="164"/>
      <c r="BK3536" s="98"/>
      <c r="BL3536" s="97"/>
      <c r="BX3536" s="98"/>
      <c r="CL3536" s="97"/>
      <c r="CX3536" s="98"/>
      <c r="DL3536" s="97"/>
      <c r="DX3536" s="98"/>
      <c r="EL3536" s="97"/>
      <c r="EX3536" s="98"/>
      <c r="EY3536" s="97"/>
      <c r="FL3536" s="126"/>
      <c r="FM3536" s="91"/>
      <c r="FN3536" s="91"/>
      <c r="FO3536" s="91"/>
      <c r="FP3536" s="91"/>
      <c r="FQ3536" s="91"/>
      <c r="FR3536" s="91"/>
      <c r="FS3536" s="91"/>
      <c r="FT3536" s="91"/>
      <c r="FU3536" s="91"/>
      <c r="FV3536" s="91"/>
      <c r="FW3536" s="91"/>
      <c r="FX3536" s="127"/>
      <c r="FY3536" s="126"/>
      <c r="FZ3536" s="91"/>
      <c r="GA3536" s="91"/>
      <c r="GB3536" s="91"/>
      <c r="GC3536" s="91"/>
      <c r="GD3536" s="91"/>
      <c r="GE3536" s="91"/>
      <c r="GF3536" s="91"/>
      <c r="GG3536" s="91"/>
      <c r="GH3536" s="91"/>
      <c r="GI3536" s="91"/>
      <c r="GJ3536" s="91"/>
      <c r="GK3536" s="127"/>
      <c r="GL3536" s="126"/>
      <c r="GM3536" s="91"/>
      <c r="GN3536" s="91"/>
      <c r="GO3536" s="91"/>
      <c r="GP3536" s="91"/>
      <c r="GQ3536" s="91"/>
      <c r="GR3536" s="91"/>
      <c r="GS3536" s="91"/>
      <c r="GT3536" s="91"/>
      <c r="GU3536" s="91"/>
      <c r="GV3536" s="91"/>
      <c r="GW3536" s="91"/>
      <c r="GX3536" s="127"/>
      <c r="GY3536" s="126"/>
      <c r="GZ3536" s="91"/>
      <c r="HA3536" s="91"/>
      <c r="HB3536" s="91"/>
      <c r="HC3536" s="91"/>
      <c r="HD3536" s="91"/>
      <c r="HE3536" s="91"/>
      <c r="HF3536" s="91"/>
      <c r="HG3536" s="91"/>
      <c r="HH3536" s="91"/>
      <c r="HI3536" s="91"/>
      <c r="HJ3536" s="91"/>
      <c r="HK3536" s="127"/>
      <c r="HL3536" s="126"/>
      <c r="HM3536" s="91"/>
      <c r="HN3536" s="91"/>
      <c r="HO3536" s="91"/>
      <c r="HP3536" s="91"/>
      <c r="HQ3536" s="91"/>
      <c r="HR3536" s="91"/>
      <c r="HS3536" s="91"/>
      <c r="HT3536" s="91"/>
      <c r="HU3536" s="91"/>
      <c r="HV3536" s="91"/>
      <c r="HW3536" s="91"/>
      <c r="HX3536" s="127"/>
      <c r="HY3536" s="126"/>
      <c r="HZ3536" s="91"/>
      <c r="IA3536" s="91"/>
      <c r="IB3536" s="91"/>
      <c r="IC3536" s="91"/>
      <c r="ID3536" s="91"/>
      <c r="IE3536" s="91"/>
      <c r="IF3536" s="91"/>
      <c r="IG3536" s="91"/>
      <c r="IH3536" s="91"/>
      <c r="II3536" s="91"/>
      <c r="IJ3536" s="91"/>
      <c r="IK3536" s="174"/>
    </row>
    <row r="3537" spans="2:245" x14ac:dyDescent="0.2">
      <c r="B3537" s="43"/>
      <c r="C3537" s="73"/>
      <c r="D3537" s="64"/>
      <c r="E3537" s="64"/>
      <c r="F3537" s="55"/>
      <c r="G3537" s="102"/>
      <c r="H3537" s="97"/>
      <c r="T3537" s="98"/>
      <c r="U3537" s="97"/>
      <c r="AG3537" s="98"/>
      <c r="AY3537" s="164"/>
      <c r="BK3537" s="98"/>
      <c r="BL3537" s="97"/>
      <c r="BX3537" s="98"/>
      <c r="CL3537" s="97"/>
      <c r="CX3537" s="98"/>
      <c r="DL3537" s="97"/>
      <c r="DX3537" s="98"/>
      <c r="EL3537" s="97"/>
      <c r="EX3537" s="98"/>
      <c r="EY3537" s="97"/>
      <c r="FL3537" s="126"/>
      <c r="FM3537" s="91"/>
      <c r="FN3537" s="91"/>
      <c r="FO3537" s="91"/>
      <c r="FP3537" s="91"/>
      <c r="FQ3537" s="91"/>
      <c r="FR3537" s="91"/>
      <c r="FS3537" s="91"/>
      <c r="FT3537" s="91"/>
      <c r="FU3537" s="91"/>
      <c r="FV3537" s="91"/>
      <c r="FW3537" s="91"/>
      <c r="FX3537" s="127"/>
      <c r="FY3537" s="126"/>
      <c r="FZ3537" s="91"/>
      <c r="GA3537" s="91"/>
      <c r="GB3537" s="91"/>
      <c r="GC3537" s="91"/>
      <c r="GD3537" s="91"/>
      <c r="GE3537" s="91"/>
      <c r="GF3537" s="91"/>
      <c r="GG3537" s="91"/>
      <c r="GH3537" s="91"/>
      <c r="GI3537" s="91"/>
      <c r="GJ3537" s="91"/>
      <c r="GK3537" s="127"/>
      <c r="GL3537" s="126"/>
      <c r="GM3537" s="91"/>
      <c r="GN3537" s="91"/>
      <c r="GO3537" s="91"/>
      <c r="GP3537" s="91"/>
      <c r="GQ3537" s="91"/>
      <c r="GR3537" s="91"/>
      <c r="GS3537" s="91"/>
      <c r="GT3537" s="91"/>
      <c r="GU3537" s="91"/>
      <c r="GV3537" s="91"/>
      <c r="GW3537" s="91"/>
      <c r="GX3537" s="127"/>
      <c r="GY3537" s="126"/>
      <c r="GZ3537" s="91"/>
      <c r="HA3537" s="91"/>
      <c r="HB3537" s="91"/>
      <c r="HC3537" s="91"/>
      <c r="HD3537" s="91"/>
      <c r="HE3537" s="91"/>
      <c r="HF3537" s="91"/>
      <c r="HG3537" s="91"/>
      <c r="HH3537" s="91"/>
      <c r="HI3537" s="91"/>
      <c r="HJ3537" s="91"/>
      <c r="HK3537" s="127"/>
      <c r="HL3537" s="126"/>
      <c r="HM3537" s="91"/>
      <c r="HN3537" s="91"/>
      <c r="HO3537" s="91"/>
      <c r="HP3537" s="91"/>
      <c r="HQ3537" s="91"/>
      <c r="HR3537" s="91"/>
      <c r="HS3537" s="91"/>
      <c r="HT3537" s="91"/>
      <c r="HU3537" s="91"/>
      <c r="HV3537" s="91"/>
      <c r="HW3537" s="91"/>
      <c r="HX3537" s="127"/>
      <c r="HY3537" s="126"/>
      <c r="HZ3537" s="91"/>
      <c r="IA3537" s="91"/>
      <c r="IB3537" s="91"/>
      <c r="IC3537" s="91"/>
      <c r="ID3537" s="91"/>
      <c r="IE3537" s="91"/>
      <c r="IF3537" s="91"/>
      <c r="IG3537" s="91"/>
      <c r="IH3537" s="91"/>
      <c r="II3537" s="91"/>
      <c r="IJ3537" s="91"/>
      <c r="IK3537" s="174"/>
    </row>
    <row r="3538" spans="2:245" x14ac:dyDescent="0.2">
      <c r="B3538" s="43"/>
      <c r="C3538" s="73"/>
      <c r="D3538" s="64"/>
      <c r="E3538" s="64"/>
      <c r="F3538" s="55"/>
      <c r="G3538" s="102"/>
      <c r="H3538" s="97"/>
      <c r="T3538" s="98"/>
      <c r="U3538" s="97"/>
      <c r="AG3538" s="98"/>
      <c r="AY3538" s="164"/>
      <c r="BK3538" s="98"/>
      <c r="BL3538" s="97"/>
      <c r="BX3538" s="98"/>
      <c r="CL3538" s="97"/>
      <c r="CX3538" s="98"/>
      <c r="DL3538" s="97"/>
      <c r="DX3538" s="98"/>
      <c r="EL3538" s="97"/>
      <c r="EX3538" s="98"/>
      <c r="EY3538" s="97"/>
      <c r="FL3538" s="126"/>
      <c r="FM3538" s="91"/>
      <c r="FN3538" s="91"/>
      <c r="FO3538" s="91"/>
      <c r="FP3538" s="91"/>
      <c r="FQ3538" s="91"/>
      <c r="FR3538" s="91"/>
      <c r="FS3538" s="91"/>
      <c r="FT3538" s="91"/>
      <c r="FU3538" s="91"/>
      <c r="FV3538" s="91"/>
      <c r="FW3538" s="91"/>
      <c r="FX3538" s="127"/>
      <c r="FY3538" s="126"/>
      <c r="FZ3538" s="91"/>
      <c r="GA3538" s="91"/>
      <c r="GB3538" s="91"/>
      <c r="GC3538" s="91"/>
      <c r="GD3538" s="91"/>
      <c r="GE3538" s="91"/>
      <c r="GF3538" s="91"/>
      <c r="GG3538" s="91"/>
      <c r="GH3538" s="91"/>
      <c r="GI3538" s="91"/>
      <c r="GJ3538" s="91"/>
      <c r="GK3538" s="127"/>
      <c r="GL3538" s="126"/>
      <c r="GM3538" s="91"/>
      <c r="GN3538" s="91"/>
      <c r="GO3538" s="91"/>
      <c r="GP3538" s="91"/>
      <c r="GQ3538" s="91"/>
      <c r="GR3538" s="91"/>
      <c r="GS3538" s="91"/>
      <c r="GT3538" s="91"/>
      <c r="GU3538" s="91"/>
      <c r="GV3538" s="91"/>
      <c r="GW3538" s="91"/>
      <c r="GX3538" s="127"/>
      <c r="GY3538" s="126"/>
      <c r="GZ3538" s="91"/>
      <c r="HA3538" s="91"/>
      <c r="HB3538" s="91"/>
      <c r="HC3538" s="91"/>
      <c r="HD3538" s="91"/>
      <c r="HE3538" s="91"/>
      <c r="HF3538" s="91"/>
      <c r="HG3538" s="91"/>
      <c r="HH3538" s="91"/>
      <c r="HI3538" s="91"/>
      <c r="HJ3538" s="91"/>
      <c r="HK3538" s="127"/>
      <c r="HL3538" s="126"/>
      <c r="HM3538" s="91"/>
      <c r="HN3538" s="91"/>
      <c r="HO3538" s="91"/>
      <c r="HP3538" s="91"/>
      <c r="HQ3538" s="91"/>
      <c r="HR3538" s="91"/>
      <c r="HS3538" s="91"/>
      <c r="HT3538" s="91"/>
      <c r="HU3538" s="91"/>
      <c r="HV3538" s="91"/>
      <c r="HW3538" s="91"/>
      <c r="HX3538" s="127"/>
      <c r="HY3538" s="126"/>
      <c r="HZ3538" s="91"/>
      <c r="IA3538" s="91"/>
      <c r="IB3538" s="91"/>
      <c r="IC3538" s="91"/>
      <c r="ID3538" s="91"/>
      <c r="IE3538" s="91"/>
      <c r="IF3538" s="91"/>
      <c r="IG3538" s="91"/>
      <c r="IH3538" s="91"/>
      <c r="II3538" s="91"/>
      <c r="IJ3538" s="91"/>
      <c r="IK3538" s="174"/>
    </row>
    <row r="3539" spans="2:245" x14ac:dyDescent="0.2">
      <c r="B3539" s="43"/>
      <c r="C3539" s="73"/>
      <c r="D3539" s="64"/>
      <c r="E3539" s="64"/>
      <c r="F3539" s="55"/>
      <c r="G3539" s="102"/>
      <c r="H3539" s="97"/>
      <c r="T3539" s="98"/>
      <c r="U3539" s="97"/>
      <c r="AG3539" s="98"/>
      <c r="AY3539" s="164"/>
      <c r="BK3539" s="98"/>
      <c r="BL3539" s="97"/>
      <c r="BX3539" s="98"/>
      <c r="CL3539" s="97"/>
      <c r="CX3539" s="98"/>
      <c r="DL3539" s="97"/>
      <c r="DX3539" s="98"/>
      <c r="EL3539" s="97"/>
      <c r="EX3539" s="98"/>
      <c r="EY3539" s="97"/>
      <c r="FL3539" s="126"/>
      <c r="FM3539" s="91"/>
      <c r="FN3539" s="91"/>
      <c r="FO3539" s="91"/>
      <c r="FP3539" s="91"/>
      <c r="FQ3539" s="91"/>
      <c r="FR3539" s="91"/>
      <c r="FS3539" s="91"/>
      <c r="FT3539" s="91"/>
      <c r="FU3539" s="91"/>
      <c r="FV3539" s="91"/>
      <c r="FW3539" s="91"/>
      <c r="FX3539" s="127"/>
      <c r="FY3539" s="126"/>
      <c r="FZ3539" s="91"/>
      <c r="GA3539" s="91"/>
      <c r="GB3539" s="91"/>
      <c r="GC3539" s="91"/>
      <c r="GD3539" s="91"/>
      <c r="GE3539" s="91"/>
      <c r="GF3539" s="91"/>
      <c r="GG3539" s="91"/>
      <c r="GH3539" s="91"/>
      <c r="GI3539" s="91"/>
      <c r="GJ3539" s="91"/>
      <c r="GK3539" s="127"/>
      <c r="GL3539" s="126"/>
      <c r="GM3539" s="91"/>
      <c r="GN3539" s="91"/>
      <c r="GO3539" s="91"/>
      <c r="GP3539" s="91"/>
      <c r="GQ3539" s="91"/>
      <c r="GR3539" s="91"/>
      <c r="GS3539" s="91"/>
      <c r="GT3539" s="91"/>
      <c r="GU3539" s="91"/>
      <c r="GV3539" s="91"/>
      <c r="GW3539" s="91"/>
      <c r="GX3539" s="127"/>
      <c r="GY3539" s="126"/>
      <c r="GZ3539" s="91"/>
      <c r="HA3539" s="91"/>
      <c r="HB3539" s="91"/>
      <c r="HC3539" s="91"/>
      <c r="HD3539" s="91"/>
      <c r="HE3539" s="91"/>
      <c r="HF3539" s="91"/>
      <c r="HG3539" s="91"/>
      <c r="HH3539" s="91"/>
      <c r="HI3539" s="91"/>
      <c r="HJ3539" s="91"/>
      <c r="HK3539" s="127"/>
      <c r="HL3539" s="126"/>
      <c r="HM3539" s="91"/>
      <c r="HN3539" s="91"/>
      <c r="HO3539" s="91"/>
      <c r="HP3539" s="91"/>
      <c r="HQ3539" s="91"/>
      <c r="HR3539" s="91"/>
      <c r="HS3539" s="91"/>
      <c r="HT3539" s="91"/>
      <c r="HU3539" s="91"/>
      <c r="HV3539" s="91"/>
      <c r="HW3539" s="91"/>
      <c r="HX3539" s="127"/>
      <c r="HY3539" s="126"/>
      <c r="HZ3539" s="91"/>
      <c r="IA3539" s="91"/>
      <c r="IB3539" s="91"/>
      <c r="IC3539" s="91"/>
      <c r="ID3539" s="91"/>
      <c r="IE3539" s="91"/>
      <c r="IF3539" s="91"/>
      <c r="IG3539" s="91"/>
      <c r="IH3539" s="91"/>
      <c r="II3539" s="91"/>
      <c r="IJ3539" s="91"/>
      <c r="IK3539" s="174"/>
    </row>
    <row r="3540" spans="2:245" x14ac:dyDescent="0.2">
      <c r="B3540" s="43"/>
      <c r="C3540" s="73"/>
      <c r="D3540" s="64"/>
      <c r="E3540" s="64"/>
      <c r="F3540" s="55"/>
      <c r="G3540" s="102"/>
      <c r="H3540" s="97"/>
      <c r="T3540" s="98"/>
      <c r="U3540" s="97"/>
      <c r="AG3540" s="98"/>
      <c r="AY3540" s="164"/>
      <c r="BK3540" s="98"/>
      <c r="BL3540" s="97"/>
      <c r="BX3540" s="98"/>
      <c r="CL3540" s="97"/>
      <c r="CX3540" s="98"/>
      <c r="DL3540" s="97"/>
      <c r="DX3540" s="98"/>
      <c r="EL3540" s="97"/>
      <c r="EX3540" s="98"/>
      <c r="EY3540" s="97"/>
      <c r="FL3540" s="126"/>
      <c r="FM3540" s="91"/>
      <c r="FN3540" s="91"/>
      <c r="FO3540" s="91"/>
      <c r="FP3540" s="91"/>
      <c r="FQ3540" s="91"/>
      <c r="FR3540" s="91"/>
      <c r="FS3540" s="91"/>
      <c r="FT3540" s="91"/>
      <c r="FU3540" s="91"/>
      <c r="FV3540" s="91"/>
      <c r="FW3540" s="91"/>
      <c r="FX3540" s="127"/>
      <c r="FY3540" s="126"/>
      <c r="FZ3540" s="91"/>
      <c r="GA3540" s="91"/>
      <c r="GB3540" s="91"/>
      <c r="GC3540" s="91"/>
      <c r="GD3540" s="91"/>
      <c r="GE3540" s="91"/>
      <c r="GF3540" s="91"/>
      <c r="GG3540" s="91"/>
      <c r="GH3540" s="91"/>
      <c r="GI3540" s="91"/>
      <c r="GJ3540" s="91"/>
      <c r="GK3540" s="127"/>
      <c r="GL3540" s="126"/>
      <c r="GM3540" s="91"/>
      <c r="GN3540" s="91"/>
      <c r="GO3540" s="91"/>
      <c r="GP3540" s="91"/>
      <c r="GQ3540" s="91"/>
      <c r="GR3540" s="91"/>
      <c r="GS3540" s="91"/>
      <c r="GT3540" s="91"/>
      <c r="GU3540" s="91"/>
      <c r="GV3540" s="91"/>
      <c r="GW3540" s="91"/>
      <c r="GX3540" s="127"/>
      <c r="GY3540" s="126"/>
      <c r="GZ3540" s="91"/>
      <c r="HA3540" s="91"/>
      <c r="HB3540" s="91"/>
      <c r="HC3540" s="91"/>
      <c r="HD3540" s="91"/>
      <c r="HE3540" s="91"/>
      <c r="HF3540" s="91"/>
      <c r="HG3540" s="91"/>
      <c r="HH3540" s="91"/>
      <c r="HI3540" s="91"/>
      <c r="HJ3540" s="91"/>
      <c r="HK3540" s="127"/>
      <c r="HL3540" s="126"/>
      <c r="HM3540" s="91"/>
      <c r="HN3540" s="91"/>
      <c r="HO3540" s="91"/>
      <c r="HP3540" s="91"/>
      <c r="HQ3540" s="91"/>
      <c r="HR3540" s="91"/>
      <c r="HS3540" s="91"/>
      <c r="HT3540" s="91"/>
      <c r="HU3540" s="91"/>
      <c r="HV3540" s="91"/>
      <c r="HW3540" s="91"/>
      <c r="HX3540" s="127"/>
      <c r="HY3540" s="126"/>
      <c r="HZ3540" s="91"/>
      <c r="IA3540" s="91"/>
      <c r="IB3540" s="91"/>
      <c r="IC3540" s="91"/>
      <c r="ID3540" s="91"/>
      <c r="IE3540" s="91"/>
      <c r="IF3540" s="91"/>
      <c r="IG3540" s="91"/>
      <c r="IH3540" s="91"/>
      <c r="II3540" s="91"/>
      <c r="IJ3540" s="91"/>
      <c r="IK3540" s="174"/>
    </row>
    <row r="3541" spans="2:245" x14ac:dyDescent="0.2">
      <c r="B3541" s="43"/>
      <c r="C3541" s="73"/>
      <c r="D3541" s="64"/>
      <c r="E3541" s="64"/>
      <c r="F3541" s="55"/>
      <c r="G3541" s="102"/>
      <c r="H3541" s="97"/>
      <c r="T3541" s="98"/>
      <c r="U3541" s="97"/>
      <c r="AG3541" s="98"/>
      <c r="AY3541" s="164"/>
      <c r="BK3541" s="98"/>
      <c r="BL3541" s="97"/>
      <c r="BX3541" s="98"/>
      <c r="CL3541" s="97"/>
      <c r="CX3541" s="98"/>
      <c r="DL3541" s="97"/>
      <c r="DX3541" s="98"/>
      <c r="EL3541" s="97"/>
      <c r="EX3541" s="98"/>
      <c r="EY3541" s="97"/>
      <c r="FL3541" s="126"/>
      <c r="FM3541" s="91"/>
      <c r="FN3541" s="91"/>
      <c r="FO3541" s="91"/>
      <c r="FP3541" s="91"/>
      <c r="FQ3541" s="91"/>
      <c r="FR3541" s="91"/>
      <c r="FS3541" s="91"/>
      <c r="FT3541" s="91"/>
      <c r="FU3541" s="91"/>
      <c r="FV3541" s="91"/>
      <c r="FW3541" s="91"/>
      <c r="FX3541" s="127"/>
      <c r="FY3541" s="126"/>
      <c r="FZ3541" s="91"/>
      <c r="GA3541" s="91"/>
      <c r="GB3541" s="91"/>
      <c r="GC3541" s="91"/>
      <c r="GD3541" s="91"/>
      <c r="GE3541" s="91"/>
      <c r="GF3541" s="91"/>
      <c r="GG3541" s="91"/>
      <c r="GH3541" s="91"/>
      <c r="GI3541" s="91"/>
      <c r="GJ3541" s="91"/>
      <c r="GK3541" s="127"/>
      <c r="GL3541" s="126"/>
      <c r="GM3541" s="91"/>
      <c r="GN3541" s="91"/>
      <c r="GO3541" s="91"/>
      <c r="GP3541" s="91"/>
      <c r="GQ3541" s="91"/>
      <c r="GR3541" s="91"/>
      <c r="GS3541" s="91"/>
      <c r="GT3541" s="91"/>
      <c r="GU3541" s="91"/>
      <c r="GV3541" s="91"/>
      <c r="GW3541" s="91"/>
      <c r="GX3541" s="127"/>
      <c r="GY3541" s="126"/>
      <c r="GZ3541" s="91"/>
      <c r="HA3541" s="91"/>
      <c r="HB3541" s="91"/>
      <c r="HC3541" s="91"/>
      <c r="HD3541" s="91"/>
      <c r="HE3541" s="91"/>
      <c r="HF3541" s="91"/>
      <c r="HG3541" s="91"/>
      <c r="HH3541" s="91"/>
      <c r="HI3541" s="91"/>
      <c r="HJ3541" s="91"/>
      <c r="HK3541" s="127"/>
      <c r="HL3541" s="126"/>
      <c r="HM3541" s="91"/>
      <c r="HN3541" s="91"/>
      <c r="HO3541" s="91"/>
      <c r="HP3541" s="91"/>
      <c r="HQ3541" s="91"/>
      <c r="HR3541" s="91"/>
      <c r="HS3541" s="91"/>
      <c r="HT3541" s="91"/>
      <c r="HU3541" s="91"/>
      <c r="HV3541" s="91"/>
      <c r="HW3541" s="91"/>
      <c r="HX3541" s="127"/>
      <c r="HY3541" s="126"/>
      <c r="HZ3541" s="91"/>
      <c r="IA3541" s="91"/>
      <c r="IB3541" s="91"/>
      <c r="IC3541" s="91"/>
      <c r="ID3541" s="91"/>
      <c r="IE3541" s="91"/>
      <c r="IF3541" s="91"/>
      <c r="IG3541" s="91"/>
      <c r="IH3541" s="91"/>
      <c r="II3541" s="91"/>
      <c r="IJ3541" s="91"/>
      <c r="IK3541" s="174"/>
    </row>
    <row r="3542" spans="2:245" x14ac:dyDescent="0.2">
      <c r="B3542" s="43"/>
      <c r="C3542" s="73"/>
      <c r="D3542" s="64"/>
      <c r="E3542" s="64"/>
      <c r="F3542" s="55"/>
      <c r="G3542" s="102"/>
      <c r="H3542" s="97"/>
      <c r="T3542" s="98"/>
      <c r="U3542" s="97"/>
      <c r="AG3542" s="98"/>
      <c r="AY3542" s="164"/>
      <c r="BK3542" s="98"/>
      <c r="BL3542" s="97"/>
      <c r="BX3542" s="98"/>
      <c r="CL3542" s="97"/>
      <c r="CX3542" s="98"/>
      <c r="DL3542" s="97"/>
      <c r="DX3542" s="98"/>
      <c r="EL3542" s="97"/>
      <c r="EX3542" s="98"/>
      <c r="EY3542" s="97"/>
      <c r="FL3542" s="126"/>
      <c r="FM3542" s="91"/>
      <c r="FN3542" s="91"/>
      <c r="FO3542" s="91"/>
      <c r="FP3542" s="91"/>
      <c r="FQ3542" s="91"/>
      <c r="FR3542" s="91"/>
      <c r="FS3542" s="91"/>
      <c r="FT3542" s="91"/>
      <c r="FU3542" s="91"/>
      <c r="FV3542" s="91"/>
      <c r="FW3542" s="91"/>
      <c r="FX3542" s="127"/>
      <c r="FY3542" s="126"/>
      <c r="FZ3542" s="91"/>
      <c r="GA3542" s="91"/>
      <c r="GB3542" s="91"/>
      <c r="GC3542" s="91"/>
      <c r="GD3542" s="91"/>
      <c r="GE3542" s="91"/>
      <c r="GF3542" s="91"/>
      <c r="GG3542" s="91"/>
      <c r="GH3542" s="91"/>
      <c r="GI3542" s="91"/>
      <c r="GJ3542" s="91"/>
      <c r="GK3542" s="127"/>
      <c r="GL3542" s="126"/>
      <c r="GM3542" s="91"/>
      <c r="GN3542" s="91"/>
      <c r="GO3542" s="91"/>
      <c r="GP3542" s="91"/>
      <c r="GQ3542" s="91"/>
      <c r="GR3542" s="91"/>
      <c r="GS3542" s="91"/>
      <c r="GT3542" s="91"/>
      <c r="GU3542" s="91"/>
      <c r="GV3542" s="91"/>
      <c r="GW3542" s="91"/>
      <c r="GX3542" s="127"/>
      <c r="GY3542" s="126"/>
      <c r="GZ3542" s="91"/>
      <c r="HA3542" s="91"/>
      <c r="HB3542" s="91"/>
      <c r="HC3542" s="91"/>
      <c r="HD3542" s="91"/>
      <c r="HE3542" s="91"/>
      <c r="HF3542" s="91"/>
      <c r="HG3542" s="91"/>
      <c r="HH3542" s="91"/>
      <c r="HI3542" s="91"/>
      <c r="HJ3542" s="91"/>
      <c r="HK3542" s="127"/>
      <c r="HL3542" s="126"/>
      <c r="HM3542" s="91"/>
      <c r="HN3542" s="91"/>
      <c r="HO3542" s="91"/>
      <c r="HP3542" s="91"/>
      <c r="HQ3542" s="91"/>
      <c r="HR3542" s="91"/>
      <c r="HS3542" s="91"/>
      <c r="HT3542" s="91"/>
      <c r="HU3542" s="91"/>
      <c r="HV3542" s="91"/>
      <c r="HW3542" s="91"/>
      <c r="HX3542" s="127"/>
      <c r="HY3542" s="126"/>
      <c r="HZ3542" s="91"/>
      <c r="IA3542" s="91"/>
      <c r="IB3542" s="91"/>
      <c r="IC3542" s="91"/>
      <c r="ID3542" s="91"/>
      <c r="IE3542" s="91"/>
      <c r="IF3542" s="91"/>
      <c r="IG3542" s="91"/>
      <c r="IH3542" s="91"/>
      <c r="II3542" s="91"/>
      <c r="IJ3542" s="91"/>
      <c r="IK3542" s="174"/>
    </row>
    <row r="3543" spans="2:245" x14ac:dyDescent="0.2">
      <c r="B3543" s="43"/>
      <c r="C3543" s="73"/>
      <c r="D3543" s="64"/>
      <c r="E3543" s="64"/>
      <c r="F3543" s="55"/>
      <c r="G3543" s="102"/>
      <c r="H3543" s="97"/>
      <c r="T3543" s="98"/>
      <c r="U3543" s="97"/>
      <c r="AG3543" s="98"/>
      <c r="AY3543" s="164"/>
      <c r="BK3543" s="98"/>
      <c r="BL3543" s="97"/>
      <c r="BX3543" s="98"/>
      <c r="CL3543" s="97"/>
      <c r="CX3543" s="98"/>
      <c r="DL3543" s="97"/>
      <c r="DX3543" s="98"/>
      <c r="EL3543" s="97"/>
      <c r="EX3543" s="98"/>
      <c r="EY3543" s="97"/>
      <c r="FL3543" s="126"/>
      <c r="FM3543" s="91"/>
      <c r="FN3543" s="91"/>
      <c r="FO3543" s="91"/>
      <c r="FP3543" s="91"/>
      <c r="FQ3543" s="91"/>
      <c r="FR3543" s="91"/>
      <c r="FS3543" s="91"/>
      <c r="FT3543" s="91"/>
      <c r="FU3543" s="91"/>
      <c r="FV3543" s="91"/>
      <c r="FW3543" s="91"/>
      <c r="FX3543" s="127"/>
      <c r="FY3543" s="126"/>
      <c r="FZ3543" s="91"/>
      <c r="GA3543" s="91"/>
      <c r="GB3543" s="91"/>
      <c r="GC3543" s="91"/>
      <c r="GD3543" s="91"/>
      <c r="GE3543" s="91"/>
      <c r="GF3543" s="91"/>
      <c r="GG3543" s="91"/>
      <c r="GH3543" s="91"/>
      <c r="GI3543" s="91"/>
      <c r="GJ3543" s="91"/>
      <c r="GK3543" s="127"/>
      <c r="GL3543" s="126"/>
      <c r="GM3543" s="91"/>
      <c r="GN3543" s="91"/>
      <c r="GO3543" s="91"/>
      <c r="GP3543" s="91"/>
      <c r="GQ3543" s="91"/>
      <c r="GR3543" s="91"/>
      <c r="GS3543" s="91"/>
      <c r="GT3543" s="91"/>
      <c r="GU3543" s="91"/>
      <c r="GV3543" s="91"/>
      <c r="GW3543" s="91"/>
      <c r="GX3543" s="127"/>
      <c r="GY3543" s="126"/>
      <c r="GZ3543" s="91"/>
      <c r="HA3543" s="91"/>
      <c r="HB3543" s="91"/>
      <c r="HC3543" s="91"/>
      <c r="HD3543" s="91"/>
      <c r="HE3543" s="91"/>
      <c r="HF3543" s="91"/>
      <c r="HG3543" s="91"/>
      <c r="HH3543" s="91"/>
      <c r="HI3543" s="91"/>
      <c r="HJ3543" s="91"/>
      <c r="HK3543" s="127"/>
      <c r="HL3543" s="126"/>
      <c r="HM3543" s="91"/>
      <c r="HN3543" s="91"/>
      <c r="HO3543" s="91"/>
      <c r="HP3543" s="91"/>
      <c r="HQ3543" s="91"/>
      <c r="HR3543" s="91"/>
      <c r="HS3543" s="91"/>
      <c r="HT3543" s="91"/>
      <c r="HU3543" s="91"/>
      <c r="HV3543" s="91"/>
      <c r="HW3543" s="91"/>
      <c r="HX3543" s="127"/>
      <c r="HY3543" s="126"/>
      <c r="HZ3543" s="91"/>
      <c r="IA3543" s="91"/>
      <c r="IB3543" s="91"/>
      <c r="IC3543" s="91"/>
      <c r="ID3543" s="91"/>
      <c r="IE3543" s="91"/>
      <c r="IF3543" s="91"/>
      <c r="IG3543" s="91"/>
      <c r="IH3543" s="91"/>
      <c r="II3543" s="91"/>
      <c r="IJ3543" s="91"/>
      <c r="IK3543" s="174"/>
    </row>
    <row r="3544" spans="2:245" x14ac:dyDescent="0.2">
      <c r="B3544" s="43"/>
      <c r="C3544" s="73"/>
      <c r="D3544" s="64"/>
      <c r="E3544" s="64"/>
      <c r="F3544" s="55"/>
      <c r="G3544" s="102"/>
      <c r="H3544" s="97"/>
      <c r="T3544" s="98"/>
      <c r="U3544" s="97"/>
      <c r="AG3544" s="98"/>
      <c r="AY3544" s="164"/>
      <c r="BK3544" s="98"/>
      <c r="BL3544" s="97"/>
      <c r="BX3544" s="98"/>
      <c r="CL3544" s="97"/>
      <c r="CX3544" s="98"/>
      <c r="DL3544" s="97"/>
      <c r="DX3544" s="98"/>
      <c r="EL3544" s="97"/>
      <c r="EX3544" s="98"/>
      <c r="EY3544" s="97"/>
      <c r="FL3544" s="126"/>
      <c r="FM3544" s="91"/>
      <c r="FN3544" s="91"/>
      <c r="FO3544" s="91"/>
      <c r="FP3544" s="91"/>
      <c r="FQ3544" s="91"/>
      <c r="FR3544" s="91"/>
      <c r="FS3544" s="91"/>
      <c r="FT3544" s="91"/>
      <c r="FU3544" s="91"/>
      <c r="FV3544" s="91"/>
      <c r="FW3544" s="91"/>
      <c r="FX3544" s="127"/>
      <c r="FY3544" s="126"/>
      <c r="FZ3544" s="91"/>
      <c r="GA3544" s="91"/>
      <c r="GB3544" s="91"/>
      <c r="GC3544" s="91"/>
      <c r="GD3544" s="91"/>
      <c r="GE3544" s="91"/>
      <c r="GF3544" s="91"/>
      <c r="GG3544" s="91"/>
      <c r="GH3544" s="91"/>
      <c r="GI3544" s="91"/>
      <c r="GJ3544" s="91"/>
      <c r="GK3544" s="127"/>
      <c r="GL3544" s="126"/>
      <c r="GM3544" s="91"/>
      <c r="GN3544" s="91"/>
      <c r="GO3544" s="91"/>
      <c r="GP3544" s="91"/>
      <c r="GQ3544" s="91"/>
      <c r="GR3544" s="91"/>
      <c r="GS3544" s="91"/>
      <c r="GT3544" s="91"/>
      <c r="GU3544" s="91"/>
      <c r="GV3544" s="91"/>
      <c r="GW3544" s="91"/>
      <c r="GX3544" s="127"/>
      <c r="GY3544" s="126"/>
      <c r="GZ3544" s="91"/>
      <c r="HA3544" s="91"/>
      <c r="HB3544" s="91"/>
      <c r="HC3544" s="91"/>
      <c r="HD3544" s="91"/>
      <c r="HE3544" s="91"/>
      <c r="HF3544" s="91"/>
      <c r="HG3544" s="91"/>
      <c r="HH3544" s="91"/>
      <c r="HI3544" s="91"/>
      <c r="HJ3544" s="91"/>
      <c r="HK3544" s="127"/>
      <c r="HL3544" s="126"/>
      <c r="HM3544" s="91"/>
      <c r="HN3544" s="91"/>
      <c r="HO3544" s="91"/>
      <c r="HP3544" s="91"/>
      <c r="HQ3544" s="91"/>
      <c r="HR3544" s="91"/>
      <c r="HS3544" s="91"/>
      <c r="HT3544" s="91"/>
      <c r="HU3544" s="91"/>
      <c r="HV3544" s="91"/>
      <c r="HW3544" s="91"/>
      <c r="HX3544" s="127"/>
      <c r="HY3544" s="126"/>
      <c r="HZ3544" s="91"/>
      <c r="IA3544" s="91"/>
      <c r="IB3544" s="91"/>
      <c r="IC3544" s="91"/>
      <c r="ID3544" s="91"/>
      <c r="IE3544" s="91"/>
      <c r="IF3544" s="91"/>
      <c r="IG3544" s="91"/>
      <c r="IH3544" s="91"/>
      <c r="II3544" s="91"/>
      <c r="IJ3544" s="91"/>
      <c r="IK3544" s="174"/>
    </row>
    <row r="3545" spans="2:245" x14ac:dyDescent="0.2">
      <c r="B3545" s="43"/>
      <c r="C3545" s="73"/>
      <c r="D3545" s="64"/>
      <c r="E3545" s="64"/>
      <c r="F3545" s="55"/>
      <c r="G3545" s="102"/>
      <c r="H3545" s="97"/>
      <c r="T3545" s="98"/>
      <c r="U3545" s="97"/>
      <c r="AG3545" s="98"/>
      <c r="AY3545" s="164"/>
      <c r="BK3545" s="98"/>
      <c r="BL3545" s="97"/>
      <c r="BX3545" s="98"/>
      <c r="CL3545" s="97"/>
      <c r="CX3545" s="98"/>
      <c r="DL3545" s="97"/>
      <c r="DX3545" s="98"/>
      <c r="EL3545" s="97"/>
      <c r="EX3545" s="98"/>
      <c r="EY3545" s="97"/>
      <c r="FL3545" s="126"/>
      <c r="FM3545" s="91"/>
      <c r="FN3545" s="91"/>
      <c r="FO3545" s="91"/>
      <c r="FP3545" s="91"/>
      <c r="FQ3545" s="91"/>
      <c r="FR3545" s="91"/>
      <c r="FS3545" s="91"/>
      <c r="FT3545" s="91"/>
      <c r="FU3545" s="91"/>
      <c r="FV3545" s="91"/>
      <c r="FW3545" s="91"/>
      <c r="FX3545" s="127"/>
      <c r="FY3545" s="126"/>
      <c r="FZ3545" s="91"/>
      <c r="GA3545" s="91"/>
      <c r="GB3545" s="91"/>
      <c r="GC3545" s="91"/>
      <c r="GD3545" s="91"/>
      <c r="GE3545" s="91"/>
      <c r="GF3545" s="91"/>
      <c r="GG3545" s="91"/>
      <c r="GH3545" s="91"/>
      <c r="GI3545" s="91"/>
      <c r="GJ3545" s="91"/>
      <c r="GK3545" s="127"/>
      <c r="GL3545" s="126"/>
      <c r="GM3545" s="91"/>
      <c r="GN3545" s="91"/>
      <c r="GO3545" s="91"/>
      <c r="GP3545" s="91"/>
      <c r="GQ3545" s="91"/>
      <c r="GR3545" s="91"/>
      <c r="GS3545" s="91"/>
      <c r="GT3545" s="91"/>
      <c r="GU3545" s="91"/>
      <c r="GV3545" s="91"/>
      <c r="GW3545" s="91"/>
      <c r="GX3545" s="127"/>
      <c r="GY3545" s="126"/>
      <c r="GZ3545" s="91"/>
      <c r="HA3545" s="91"/>
      <c r="HB3545" s="91"/>
      <c r="HC3545" s="91"/>
      <c r="HD3545" s="91"/>
      <c r="HE3545" s="91"/>
      <c r="HF3545" s="91"/>
      <c r="HG3545" s="91"/>
      <c r="HH3545" s="91"/>
      <c r="HI3545" s="91"/>
      <c r="HJ3545" s="91"/>
      <c r="HK3545" s="127"/>
      <c r="HL3545" s="126"/>
      <c r="HM3545" s="91"/>
      <c r="HN3545" s="91"/>
      <c r="HO3545" s="91"/>
      <c r="HP3545" s="91"/>
      <c r="HQ3545" s="91"/>
      <c r="HR3545" s="91"/>
      <c r="HS3545" s="91"/>
      <c r="HT3545" s="91"/>
      <c r="HU3545" s="91"/>
      <c r="HV3545" s="91"/>
      <c r="HW3545" s="91"/>
      <c r="HX3545" s="127"/>
      <c r="HY3545" s="126"/>
      <c r="HZ3545" s="91"/>
      <c r="IA3545" s="91"/>
      <c r="IB3545" s="91"/>
      <c r="IC3545" s="91"/>
      <c r="ID3545" s="91"/>
      <c r="IE3545" s="91"/>
      <c r="IF3545" s="91"/>
      <c r="IG3545" s="91"/>
      <c r="IH3545" s="91"/>
      <c r="II3545" s="91"/>
      <c r="IJ3545" s="91"/>
      <c r="IK3545" s="174"/>
    </row>
    <row r="3546" spans="2:245" x14ac:dyDescent="0.2">
      <c r="B3546" s="43"/>
      <c r="C3546" s="73"/>
      <c r="D3546" s="64"/>
      <c r="E3546" s="64"/>
      <c r="F3546" s="55"/>
      <c r="G3546" s="102"/>
      <c r="H3546" s="97"/>
      <c r="T3546" s="98"/>
      <c r="U3546" s="97"/>
      <c r="AG3546" s="98"/>
      <c r="AY3546" s="164"/>
      <c r="BK3546" s="98"/>
      <c r="BL3546" s="97"/>
      <c r="BX3546" s="98"/>
      <c r="CL3546" s="97"/>
      <c r="CX3546" s="98"/>
      <c r="DL3546" s="97"/>
      <c r="DX3546" s="98"/>
      <c r="EL3546" s="97"/>
      <c r="EX3546" s="98"/>
      <c r="EY3546" s="97"/>
      <c r="FL3546" s="126"/>
      <c r="FM3546" s="91"/>
      <c r="FN3546" s="91"/>
      <c r="FO3546" s="91"/>
      <c r="FP3546" s="91"/>
      <c r="FQ3546" s="91"/>
      <c r="FR3546" s="91"/>
      <c r="FS3546" s="91"/>
      <c r="FT3546" s="91"/>
      <c r="FU3546" s="91"/>
      <c r="FV3546" s="91"/>
      <c r="FW3546" s="91"/>
      <c r="FX3546" s="127"/>
      <c r="FY3546" s="126"/>
      <c r="FZ3546" s="91"/>
      <c r="GA3546" s="91"/>
      <c r="GB3546" s="91"/>
      <c r="GC3546" s="91"/>
      <c r="GD3546" s="91"/>
      <c r="GE3546" s="91"/>
      <c r="GF3546" s="91"/>
      <c r="GG3546" s="91"/>
      <c r="GH3546" s="91"/>
      <c r="GI3546" s="91"/>
      <c r="GJ3546" s="91"/>
      <c r="GK3546" s="127"/>
      <c r="GL3546" s="126"/>
      <c r="GM3546" s="91"/>
      <c r="GN3546" s="91"/>
      <c r="GO3546" s="91"/>
      <c r="GP3546" s="91"/>
      <c r="GQ3546" s="91"/>
      <c r="GR3546" s="91"/>
      <c r="GS3546" s="91"/>
      <c r="GT3546" s="91"/>
      <c r="GU3546" s="91"/>
      <c r="GV3546" s="91"/>
      <c r="GW3546" s="91"/>
      <c r="GX3546" s="127"/>
      <c r="GY3546" s="126"/>
      <c r="GZ3546" s="91"/>
      <c r="HA3546" s="91"/>
      <c r="HB3546" s="91"/>
      <c r="HC3546" s="91"/>
      <c r="HD3546" s="91"/>
      <c r="HE3546" s="91"/>
      <c r="HF3546" s="91"/>
      <c r="HG3546" s="91"/>
      <c r="HH3546" s="91"/>
      <c r="HI3546" s="91"/>
      <c r="HJ3546" s="91"/>
      <c r="HK3546" s="127"/>
      <c r="HL3546" s="126"/>
      <c r="HM3546" s="91"/>
      <c r="HN3546" s="91"/>
      <c r="HO3546" s="91"/>
      <c r="HP3546" s="91"/>
      <c r="HQ3546" s="91"/>
      <c r="HR3546" s="91"/>
      <c r="HS3546" s="91"/>
      <c r="HT3546" s="91"/>
      <c r="HU3546" s="91"/>
      <c r="HV3546" s="91"/>
      <c r="HW3546" s="91"/>
      <c r="HX3546" s="127"/>
      <c r="HY3546" s="126"/>
      <c r="HZ3546" s="91"/>
      <c r="IA3546" s="91"/>
      <c r="IB3546" s="91"/>
      <c r="IC3546" s="91"/>
      <c r="ID3546" s="91"/>
      <c r="IE3546" s="91"/>
      <c r="IF3546" s="91"/>
      <c r="IG3546" s="91"/>
      <c r="IH3546" s="91"/>
      <c r="II3546" s="91"/>
      <c r="IJ3546" s="91"/>
      <c r="IK3546" s="174"/>
    </row>
    <row r="3547" spans="2:245" x14ac:dyDescent="0.2">
      <c r="B3547" s="43"/>
      <c r="C3547" s="73"/>
      <c r="D3547" s="64"/>
      <c r="E3547" s="64"/>
      <c r="F3547" s="55"/>
      <c r="G3547" s="102"/>
      <c r="H3547" s="97"/>
      <c r="T3547" s="98"/>
      <c r="U3547" s="97"/>
      <c r="AG3547" s="98"/>
      <c r="AY3547" s="164"/>
      <c r="BK3547" s="98"/>
      <c r="BL3547" s="97"/>
      <c r="BX3547" s="98"/>
      <c r="CL3547" s="97"/>
      <c r="CX3547" s="98"/>
      <c r="DL3547" s="97"/>
      <c r="DX3547" s="98"/>
      <c r="EL3547" s="97"/>
      <c r="EX3547" s="98"/>
      <c r="EY3547" s="97"/>
      <c r="FL3547" s="126"/>
      <c r="FM3547" s="91"/>
      <c r="FN3547" s="91"/>
      <c r="FO3547" s="91"/>
      <c r="FP3547" s="91"/>
      <c r="FQ3547" s="91"/>
      <c r="FR3547" s="91"/>
      <c r="FS3547" s="91"/>
      <c r="FT3547" s="91"/>
      <c r="FU3547" s="91"/>
      <c r="FV3547" s="91"/>
      <c r="FW3547" s="91"/>
      <c r="FX3547" s="127"/>
      <c r="FY3547" s="126"/>
      <c r="FZ3547" s="91"/>
      <c r="GA3547" s="91"/>
      <c r="GB3547" s="91"/>
      <c r="GC3547" s="91"/>
      <c r="GD3547" s="91"/>
      <c r="GE3547" s="91"/>
      <c r="GF3547" s="91"/>
      <c r="GG3547" s="91"/>
      <c r="GH3547" s="91"/>
      <c r="GI3547" s="91"/>
      <c r="GJ3547" s="91"/>
      <c r="GK3547" s="127"/>
      <c r="GL3547" s="126"/>
      <c r="GM3547" s="91"/>
      <c r="GN3547" s="91"/>
      <c r="GO3547" s="91"/>
      <c r="GP3547" s="91"/>
      <c r="GQ3547" s="91"/>
      <c r="GR3547" s="91"/>
      <c r="GS3547" s="91"/>
      <c r="GT3547" s="91"/>
      <c r="GU3547" s="91"/>
      <c r="GV3547" s="91"/>
      <c r="GW3547" s="91"/>
      <c r="GX3547" s="127"/>
      <c r="GY3547" s="126"/>
      <c r="GZ3547" s="91"/>
      <c r="HA3547" s="91"/>
      <c r="HB3547" s="91"/>
      <c r="HC3547" s="91"/>
      <c r="HD3547" s="91"/>
      <c r="HE3547" s="91"/>
      <c r="HF3547" s="91"/>
      <c r="HG3547" s="91"/>
      <c r="HH3547" s="91"/>
      <c r="HI3547" s="91"/>
      <c r="HJ3547" s="91"/>
      <c r="HK3547" s="127"/>
      <c r="HL3547" s="126"/>
      <c r="HM3547" s="91"/>
      <c r="HN3547" s="91"/>
      <c r="HO3547" s="91"/>
      <c r="HP3547" s="91"/>
      <c r="HQ3547" s="91"/>
      <c r="HR3547" s="91"/>
      <c r="HS3547" s="91"/>
      <c r="HT3547" s="91"/>
      <c r="HU3547" s="91"/>
      <c r="HV3547" s="91"/>
      <c r="HW3547" s="91"/>
      <c r="HX3547" s="127"/>
      <c r="HY3547" s="126"/>
      <c r="HZ3547" s="91"/>
      <c r="IA3547" s="91"/>
      <c r="IB3547" s="91"/>
      <c r="IC3547" s="91"/>
      <c r="ID3547" s="91"/>
      <c r="IE3547" s="91"/>
      <c r="IF3547" s="91"/>
      <c r="IG3547" s="91"/>
      <c r="IH3547" s="91"/>
      <c r="II3547" s="91"/>
      <c r="IJ3547" s="91"/>
      <c r="IK3547" s="174"/>
    </row>
    <row r="3548" spans="2:245" x14ac:dyDescent="0.2">
      <c r="B3548" s="43"/>
      <c r="C3548" s="73"/>
      <c r="D3548" s="64"/>
      <c r="E3548" s="64"/>
      <c r="F3548" s="55"/>
      <c r="G3548" s="102"/>
      <c r="H3548" s="97"/>
      <c r="T3548" s="98"/>
      <c r="U3548" s="97"/>
      <c r="AG3548" s="98"/>
      <c r="AY3548" s="164"/>
      <c r="BK3548" s="98"/>
      <c r="BL3548" s="97"/>
      <c r="BX3548" s="98"/>
      <c r="CL3548" s="97"/>
      <c r="CX3548" s="98"/>
      <c r="DL3548" s="97"/>
      <c r="DX3548" s="98"/>
      <c r="EL3548" s="97"/>
      <c r="EX3548" s="98"/>
      <c r="EY3548" s="97"/>
      <c r="FL3548" s="126"/>
      <c r="FM3548" s="91"/>
      <c r="FN3548" s="91"/>
      <c r="FO3548" s="91"/>
      <c r="FP3548" s="91"/>
      <c r="FQ3548" s="91"/>
      <c r="FR3548" s="91"/>
      <c r="FS3548" s="91"/>
      <c r="FT3548" s="91"/>
      <c r="FU3548" s="91"/>
      <c r="FV3548" s="91"/>
      <c r="FW3548" s="91"/>
      <c r="FX3548" s="127"/>
      <c r="FY3548" s="126"/>
      <c r="FZ3548" s="91"/>
      <c r="GA3548" s="91"/>
      <c r="GB3548" s="91"/>
      <c r="GC3548" s="91"/>
      <c r="GD3548" s="91"/>
      <c r="GE3548" s="91"/>
      <c r="GF3548" s="91"/>
      <c r="GG3548" s="91"/>
      <c r="GH3548" s="91"/>
      <c r="GI3548" s="91"/>
      <c r="GJ3548" s="91"/>
      <c r="GK3548" s="127"/>
      <c r="GL3548" s="126"/>
      <c r="GM3548" s="91"/>
      <c r="GN3548" s="91"/>
      <c r="GO3548" s="91"/>
      <c r="GP3548" s="91"/>
      <c r="GQ3548" s="91"/>
      <c r="GR3548" s="91"/>
      <c r="GS3548" s="91"/>
      <c r="GT3548" s="91"/>
      <c r="GU3548" s="91"/>
      <c r="GV3548" s="91"/>
      <c r="GW3548" s="91"/>
      <c r="GX3548" s="127"/>
      <c r="GY3548" s="126"/>
      <c r="GZ3548" s="91"/>
      <c r="HA3548" s="91"/>
      <c r="HB3548" s="91"/>
      <c r="HC3548" s="91"/>
      <c r="HD3548" s="91"/>
      <c r="HE3548" s="91"/>
      <c r="HF3548" s="91"/>
      <c r="HG3548" s="91"/>
      <c r="HH3548" s="91"/>
      <c r="HI3548" s="91"/>
      <c r="HJ3548" s="91"/>
      <c r="HK3548" s="127"/>
      <c r="HL3548" s="126"/>
      <c r="HM3548" s="91"/>
      <c r="HN3548" s="91"/>
      <c r="HO3548" s="91"/>
      <c r="HP3548" s="91"/>
      <c r="HQ3548" s="91"/>
      <c r="HR3548" s="91"/>
      <c r="HS3548" s="91"/>
      <c r="HT3548" s="91"/>
      <c r="HU3548" s="91"/>
      <c r="HV3548" s="91"/>
      <c r="HW3548" s="91"/>
      <c r="HX3548" s="127"/>
      <c r="HY3548" s="126"/>
      <c r="HZ3548" s="91"/>
      <c r="IA3548" s="91"/>
      <c r="IB3548" s="91"/>
      <c r="IC3548" s="91"/>
      <c r="ID3548" s="91"/>
      <c r="IE3548" s="91"/>
      <c r="IF3548" s="91"/>
      <c r="IG3548" s="91"/>
      <c r="IH3548" s="91"/>
      <c r="II3548" s="91"/>
      <c r="IJ3548" s="91"/>
      <c r="IK3548" s="174"/>
    </row>
    <row r="3549" spans="2:245" x14ac:dyDescent="0.2">
      <c r="B3549" s="43"/>
      <c r="C3549" s="73"/>
      <c r="D3549" s="64"/>
      <c r="E3549" s="64"/>
      <c r="F3549" s="55"/>
      <c r="G3549" s="102"/>
      <c r="H3549" s="97"/>
      <c r="T3549" s="98"/>
      <c r="U3549" s="97"/>
      <c r="AG3549" s="98"/>
      <c r="AY3549" s="164"/>
      <c r="BK3549" s="98"/>
      <c r="BL3549" s="97"/>
      <c r="BX3549" s="98"/>
      <c r="CL3549" s="97"/>
      <c r="CX3549" s="98"/>
      <c r="DL3549" s="97"/>
      <c r="DX3549" s="98"/>
      <c r="EL3549" s="97"/>
      <c r="EX3549" s="98"/>
      <c r="EY3549" s="97"/>
      <c r="FL3549" s="126"/>
      <c r="FM3549" s="91"/>
      <c r="FN3549" s="91"/>
      <c r="FO3549" s="91"/>
      <c r="FP3549" s="91"/>
      <c r="FQ3549" s="91"/>
      <c r="FR3549" s="91"/>
      <c r="FS3549" s="91"/>
      <c r="FT3549" s="91"/>
      <c r="FU3549" s="91"/>
      <c r="FV3549" s="91"/>
      <c r="FW3549" s="91"/>
      <c r="FX3549" s="127"/>
      <c r="FY3549" s="126"/>
      <c r="FZ3549" s="91"/>
      <c r="GA3549" s="91"/>
      <c r="GB3549" s="91"/>
      <c r="GC3549" s="91"/>
      <c r="GD3549" s="91"/>
      <c r="GE3549" s="91"/>
      <c r="GF3549" s="91"/>
      <c r="GG3549" s="91"/>
      <c r="GH3549" s="91"/>
      <c r="GI3549" s="91"/>
      <c r="GJ3549" s="91"/>
      <c r="GK3549" s="127"/>
      <c r="GL3549" s="126"/>
      <c r="GM3549" s="91"/>
      <c r="GN3549" s="91"/>
      <c r="GO3549" s="91"/>
      <c r="GP3549" s="91"/>
      <c r="GQ3549" s="91"/>
      <c r="GR3549" s="91"/>
      <c r="GS3549" s="91"/>
      <c r="GT3549" s="91"/>
      <c r="GU3549" s="91"/>
      <c r="GV3549" s="91"/>
      <c r="GW3549" s="91"/>
      <c r="GX3549" s="127"/>
      <c r="GY3549" s="126"/>
      <c r="GZ3549" s="91"/>
      <c r="HA3549" s="91"/>
      <c r="HB3549" s="91"/>
      <c r="HC3549" s="91"/>
      <c r="HD3549" s="91"/>
      <c r="HE3549" s="91"/>
      <c r="HF3549" s="91"/>
      <c r="HG3549" s="91"/>
      <c r="HH3549" s="91"/>
      <c r="HI3549" s="91"/>
      <c r="HJ3549" s="91"/>
      <c r="HK3549" s="127"/>
      <c r="HL3549" s="126"/>
      <c r="HM3549" s="91"/>
      <c r="HN3549" s="91"/>
      <c r="HO3549" s="91"/>
      <c r="HP3549" s="91"/>
      <c r="HQ3549" s="91"/>
      <c r="HR3549" s="91"/>
      <c r="HS3549" s="91"/>
      <c r="HT3549" s="91"/>
      <c r="HU3549" s="91"/>
      <c r="HV3549" s="91"/>
      <c r="HW3549" s="91"/>
      <c r="HX3549" s="127"/>
      <c r="HY3549" s="126"/>
      <c r="HZ3549" s="91"/>
      <c r="IA3549" s="91"/>
      <c r="IB3549" s="91"/>
      <c r="IC3549" s="91"/>
      <c r="ID3549" s="91"/>
      <c r="IE3549" s="91"/>
      <c r="IF3549" s="91"/>
      <c r="IG3549" s="91"/>
      <c r="IH3549" s="91"/>
      <c r="II3549" s="91"/>
      <c r="IJ3549" s="91"/>
      <c r="IK3549" s="174"/>
    </row>
    <row r="3550" spans="2:245" x14ac:dyDescent="0.2">
      <c r="B3550" s="43"/>
      <c r="C3550" s="73"/>
      <c r="D3550" s="64"/>
      <c r="E3550" s="64"/>
      <c r="F3550" s="55"/>
      <c r="G3550" s="102"/>
      <c r="H3550" s="97"/>
      <c r="T3550" s="98"/>
      <c r="U3550" s="97"/>
      <c r="AG3550" s="98"/>
      <c r="AY3550" s="164"/>
      <c r="BK3550" s="98"/>
      <c r="BL3550" s="97"/>
      <c r="BX3550" s="98"/>
      <c r="CL3550" s="97"/>
      <c r="CX3550" s="98"/>
      <c r="DL3550" s="97"/>
      <c r="DX3550" s="98"/>
      <c r="EL3550" s="97"/>
      <c r="EX3550" s="98"/>
      <c r="EY3550" s="97"/>
      <c r="FL3550" s="126"/>
      <c r="FM3550" s="91"/>
      <c r="FN3550" s="91"/>
      <c r="FO3550" s="91"/>
      <c r="FP3550" s="91"/>
      <c r="FQ3550" s="91"/>
      <c r="FR3550" s="91"/>
      <c r="FS3550" s="91"/>
      <c r="FT3550" s="91"/>
      <c r="FU3550" s="91"/>
      <c r="FV3550" s="91"/>
      <c r="FW3550" s="91"/>
      <c r="FX3550" s="127"/>
      <c r="FY3550" s="126"/>
      <c r="FZ3550" s="91"/>
      <c r="GA3550" s="91"/>
      <c r="GB3550" s="91"/>
      <c r="GC3550" s="91"/>
      <c r="GD3550" s="91"/>
      <c r="GE3550" s="91"/>
      <c r="GF3550" s="91"/>
      <c r="GG3550" s="91"/>
      <c r="GH3550" s="91"/>
      <c r="GI3550" s="91"/>
      <c r="GJ3550" s="91"/>
      <c r="GK3550" s="127"/>
      <c r="GL3550" s="126"/>
      <c r="GM3550" s="91"/>
      <c r="GN3550" s="91"/>
      <c r="GO3550" s="91"/>
      <c r="GP3550" s="91"/>
      <c r="GQ3550" s="91"/>
      <c r="GR3550" s="91"/>
      <c r="GS3550" s="91"/>
      <c r="GT3550" s="91"/>
      <c r="GU3550" s="91"/>
      <c r="GV3550" s="91"/>
      <c r="GW3550" s="91"/>
      <c r="GX3550" s="127"/>
      <c r="GY3550" s="126"/>
      <c r="GZ3550" s="91"/>
      <c r="HA3550" s="91"/>
      <c r="HB3550" s="91"/>
      <c r="HC3550" s="91"/>
      <c r="HD3550" s="91"/>
      <c r="HE3550" s="91"/>
      <c r="HF3550" s="91"/>
      <c r="HG3550" s="91"/>
      <c r="HH3550" s="91"/>
      <c r="HI3550" s="91"/>
      <c r="HJ3550" s="91"/>
      <c r="HK3550" s="127"/>
      <c r="HL3550" s="126"/>
      <c r="HM3550" s="91"/>
      <c r="HN3550" s="91"/>
      <c r="HO3550" s="91"/>
      <c r="HP3550" s="91"/>
      <c r="HQ3550" s="91"/>
      <c r="HR3550" s="91"/>
      <c r="HS3550" s="91"/>
      <c r="HT3550" s="91"/>
      <c r="HU3550" s="91"/>
      <c r="HV3550" s="91"/>
      <c r="HW3550" s="91"/>
      <c r="HX3550" s="127"/>
      <c r="HY3550" s="126"/>
      <c r="HZ3550" s="91"/>
      <c r="IA3550" s="91"/>
      <c r="IB3550" s="91"/>
      <c r="IC3550" s="91"/>
      <c r="ID3550" s="91"/>
      <c r="IE3550" s="91"/>
      <c r="IF3550" s="91"/>
      <c r="IG3550" s="91"/>
      <c r="IH3550" s="91"/>
      <c r="II3550" s="91"/>
      <c r="IJ3550" s="91"/>
      <c r="IK3550" s="174"/>
    </row>
    <row r="3551" spans="2:245" x14ac:dyDescent="0.2">
      <c r="B3551" s="43"/>
      <c r="C3551" s="73"/>
      <c r="D3551" s="64"/>
      <c r="E3551" s="64"/>
      <c r="F3551" s="55"/>
      <c r="G3551" s="102"/>
      <c r="H3551" s="97"/>
      <c r="T3551" s="98"/>
      <c r="U3551" s="97"/>
      <c r="AG3551" s="98"/>
      <c r="AY3551" s="164"/>
      <c r="BK3551" s="98"/>
      <c r="BL3551" s="97"/>
      <c r="BX3551" s="98"/>
      <c r="CL3551" s="97"/>
      <c r="CX3551" s="98"/>
      <c r="DL3551" s="97"/>
      <c r="DX3551" s="98"/>
      <c r="EL3551" s="97"/>
      <c r="EX3551" s="98"/>
      <c r="EY3551" s="97"/>
      <c r="FL3551" s="126"/>
      <c r="FM3551" s="91"/>
      <c r="FN3551" s="91"/>
      <c r="FO3551" s="91"/>
      <c r="FP3551" s="91"/>
      <c r="FQ3551" s="91"/>
      <c r="FR3551" s="91"/>
      <c r="FS3551" s="91"/>
      <c r="FT3551" s="91"/>
      <c r="FU3551" s="91"/>
      <c r="FV3551" s="91"/>
      <c r="FW3551" s="91"/>
      <c r="FX3551" s="127"/>
      <c r="FY3551" s="126"/>
      <c r="FZ3551" s="91"/>
      <c r="GA3551" s="91"/>
      <c r="GB3551" s="91"/>
      <c r="GC3551" s="91"/>
      <c r="GD3551" s="91"/>
      <c r="GE3551" s="91"/>
      <c r="GF3551" s="91"/>
      <c r="GG3551" s="91"/>
      <c r="GH3551" s="91"/>
      <c r="GI3551" s="91"/>
      <c r="GJ3551" s="91"/>
      <c r="GK3551" s="127"/>
      <c r="GL3551" s="126"/>
      <c r="GM3551" s="91"/>
      <c r="GN3551" s="91"/>
      <c r="GO3551" s="91"/>
      <c r="GP3551" s="91"/>
      <c r="GQ3551" s="91"/>
      <c r="GR3551" s="91"/>
      <c r="GS3551" s="91"/>
      <c r="GT3551" s="91"/>
      <c r="GU3551" s="91"/>
      <c r="GV3551" s="91"/>
      <c r="GW3551" s="91"/>
      <c r="GX3551" s="127"/>
      <c r="GY3551" s="126"/>
      <c r="GZ3551" s="91"/>
      <c r="HA3551" s="91"/>
      <c r="HB3551" s="91"/>
      <c r="HC3551" s="91"/>
      <c r="HD3551" s="91"/>
      <c r="HE3551" s="91"/>
      <c r="HF3551" s="91"/>
      <c r="HG3551" s="91"/>
      <c r="HH3551" s="91"/>
      <c r="HI3551" s="91"/>
      <c r="HJ3551" s="91"/>
      <c r="HK3551" s="127"/>
      <c r="HL3551" s="126"/>
      <c r="HM3551" s="91"/>
      <c r="HN3551" s="91"/>
      <c r="HO3551" s="91"/>
      <c r="HP3551" s="91"/>
      <c r="HQ3551" s="91"/>
      <c r="HR3551" s="91"/>
      <c r="HS3551" s="91"/>
      <c r="HT3551" s="91"/>
      <c r="HU3551" s="91"/>
      <c r="HV3551" s="91"/>
      <c r="HW3551" s="91"/>
      <c r="HX3551" s="127"/>
      <c r="HY3551" s="126"/>
      <c r="HZ3551" s="91"/>
      <c r="IA3551" s="91"/>
      <c r="IB3551" s="91"/>
      <c r="IC3551" s="91"/>
      <c r="ID3551" s="91"/>
      <c r="IE3551" s="91"/>
      <c r="IF3551" s="91"/>
      <c r="IG3551" s="91"/>
      <c r="IH3551" s="91"/>
      <c r="II3551" s="91"/>
      <c r="IJ3551" s="91"/>
      <c r="IK3551" s="174"/>
    </row>
    <row r="3552" spans="2:245" x14ac:dyDescent="0.2">
      <c r="B3552" s="43"/>
      <c r="C3552" s="73"/>
      <c r="D3552" s="64"/>
      <c r="E3552" s="64"/>
      <c r="F3552" s="55"/>
      <c r="G3552" s="102"/>
      <c r="H3552" s="97"/>
      <c r="T3552" s="98"/>
      <c r="U3552" s="97"/>
      <c r="AG3552" s="98"/>
      <c r="AY3552" s="164"/>
      <c r="BK3552" s="98"/>
      <c r="BL3552" s="97"/>
      <c r="BX3552" s="98"/>
      <c r="CL3552" s="97"/>
      <c r="CX3552" s="98"/>
      <c r="DL3552" s="97"/>
      <c r="DX3552" s="98"/>
      <c r="EL3552" s="97"/>
      <c r="EX3552" s="98"/>
      <c r="EY3552" s="97"/>
      <c r="FL3552" s="126"/>
      <c r="FM3552" s="91"/>
      <c r="FN3552" s="91"/>
      <c r="FO3552" s="91"/>
      <c r="FP3552" s="91"/>
      <c r="FQ3552" s="91"/>
      <c r="FR3552" s="91"/>
      <c r="FS3552" s="91"/>
      <c r="FT3552" s="91"/>
      <c r="FU3552" s="91"/>
      <c r="FV3552" s="91"/>
      <c r="FW3552" s="91"/>
      <c r="FX3552" s="127"/>
      <c r="FY3552" s="126"/>
      <c r="FZ3552" s="91"/>
      <c r="GA3552" s="91"/>
      <c r="GB3552" s="91"/>
      <c r="GC3552" s="91"/>
      <c r="GD3552" s="91"/>
      <c r="GE3552" s="91"/>
      <c r="GF3552" s="91"/>
      <c r="GG3552" s="91"/>
      <c r="GH3552" s="91"/>
      <c r="GI3552" s="91"/>
      <c r="GJ3552" s="91"/>
      <c r="GK3552" s="127"/>
      <c r="GL3552" s="126"/>
      <c r="GM3552" s="91"/>
      <c r="GN3552" s="91"/>
      <c r="GO3552" s="91"/>
      <c r="GP3552" s="91"/>
      <c r="GQ3552" s="91"/>
      <c r="GR3552" s="91"/>
      <c r="GS3552" s="91"/>
      <c r="GT3552" s="91"/>
      <c r="GU3552" s="91"/>
      <c r="GV3552" s="91"/>
      <c r="GW3552" s="91"/>
      <c r="GX3552" s="127"/>
      <c r="GY3552" s="126"/>
      <c r="GZ3552" s="91"/>
      <c r="HA3552" s="91"/>
      <c r="HB3552" s="91"/>
      <c r="HC3552" s="91"/>
      <c r="HD3552" s="91"/>
      <c r="HE3552" s="91"/>
      <c r="HF3552" s="91"/>
      <c r="HG3552" s="91"/>
      <c r="HH3552" s="91"/>
      <c r="HI3552" s="91"/>
      <c r="HJ3552" s="91"/>
      <c r="HK3552" s="127"/>
      <c r="HL3552" s="126"/>
      <c r="HM3552" s="91"/>
      <c r="HN3552" s="91"/>
      <c r="HO3552" s="91"/>
      <c r="HP3552" s="91"/>
      <c r="HQ3552" s="91"/>
      <c r="HR3552" s="91"/>
      <c r="HS3552" s="91"/>
      <c r="HT3552" s="91"/>
      <c r="HU3552" s="91"/>
      <c r="HV3552" s="91"/>
      <c r="HW3552" s="91"/>
      <c r="HX3552" s="127"/>
      <c r="HY3552" s="126"/>
      <c r="HZ3552" s="91"/>
      <c r="IA3552" s="91"/>
      <c r="IB3552" s="91"/>
      <c r="IC3552" s="91"/>
      <c r="ID3552" s="91"/>
      <c r="IE3552" s="91"/>
      <c r="IF3552" s="91"/>
      <c r="IG3552" s="91"/>
      <c r="IH3552" s="91"/>
      <c r="II3552" s="91"/>
      <c r="IJ3552" s="91"/>
      <c r="IK3552" s="174"/>
    </row>
    <row r="3553" spans="2:245" x14ac:dyDescent="0.2">
      <c r="B3553" s="43"/>
      <c r="C3553" s="73"/>
      <c r="D3553" s="64"/>
      <c r="E3553" s="64"/>
      <c r="F3553" s="55"/>
      <c r="G3553" s="102"/>
      <c r="H3553" s="97"/>
      <c r="T3553" s="98"/>
      <c r="U3553" s="97"/>
      <c r="AG3553" s="98"/>
      <c r="AY3553" s="164"/>
      <c r="BK3553" s="98"/>
      <c r="BL3553" s="97"/>
      <c r="BX3553" s="98"/>
      <c r="CL3553" s="97"/>
      <c r="CX3553" s="98"/>
      <c r="DL3553" s="97"/>
      <c r="DX3553" s="98"/>
      <c r="EL3553" s="97"/>
      <c r="EX3553" s="98"/>
      <c r="EY3553" s="97"/>
      <c r="FL3553" s="126"/>
      <c r="FM3553" s="91"/>
      <c r="FN3553" s="91"/>
      <c r="FO3553" s="91"/>
      <c r="FP3553" s="91"/>
      <c r="FQ3553" s="91"/>
      <c r="FR3553" s="91"/>
      <c r="FS3553" s="91"/>
      <c r="FT3553" s="91"/>
      <c r="FU3553" s="91"/>
      <c r="FV3553" s="91"/>
      <c r="FW3553" s="91"/>
      <c r="FX3553" s="127"/>
      <c r="FY3553" s="126"/>
      <c r="FZ3553" s="91"/>
      <c r="GA3553" s="91"/>
      <c r="GB3553" s="91"/>
      <c r="GC3553" s="91"/>
      <c r="GD3553" s="91"/>
      <c r="GE3553" s="91"/>
      <c r="GF3553" s="91"/>
      <c r="GG3553" s="91"/>
      <c r="GH3553" s="91"/>
      <c r="GI3553" s="91"/>
      <c r="GJ3553" s="91"/>
      <c r="GK3553" s="127"/>
      <c r="GL3553" s="126"/>
      <c r="GM3553" s="91"/>
      <c r="GN3553" s="91"/>
      <c r="GO3553" s="91"/>
      <c r="GP3553" s="91"/>
      <c r="GQ3553" s="91"/>
      <c r="GR3553" s="91"/>
      <c r="GS3553" s="91"/>
      <c r="GT3553" s="91"/>
      <c r="GU3553" s="91"/>
      <c r="GV3553" s="91"/>
      <c r="GW3553" s="91"/>
      <c r="GX3553" s="127"/>
      <c r="GY3553" s="126"/>
      <c r="GZ3553" s="91"/>
      <c r="HA3553" s="91"/>
      <c r="HB3553" s="91"/>
      <c r="HC3553" s="91"/>
      <c r="HD3553" s="91"/>
      <c r="HE3553" s="91"/>
      <c r="HF3553" s="91"/>
      <c r="HG3553" s="91"/>
      <c r="HH3553" s="91"/>
      <c r="HI3553" s="91"/>
      <c r="HJ3553" s="91"/>
      <c r="HK3553" s="127"/>
      <c r="HL3553" s="126"/>
      <c r="HM3553" s="91"/>
      <c r="HN3553" s="91"/>
      <c r="HO3553" s="91"/>
      <c r="HP3553" s="91"/>
      <c r="HQ3553" s="91"/>
      <c r="HR3553" s="91"/>
      <c r="HS3553" s="91"/>
      <c r="HT3553" s="91"/>
      <c r="HU3553" s="91"/>
      <c r="HV3553" s="91"/>
      <c r="HW3553" s="91"/>
      <c r="HX3553" s="127"/>
      <c r="HY3553" s="126"/>
      <c r="HZ3553" s="91"/>
      <c r="IA3553" s="91"/>
      <c r="IB3553" s="91"/>
      <c r="IC3553" s="91"/>
      <c r="ID3553" s="91"/>
      <c r="IE3553" s="91"/>
      <c r="IF3553" s="91"/>
      <c r="IG3553" s="91"/>
      <c r="IH3553" s="91"/>
      <c r="II3553" s="91"/>
      <c r="IJ3553" s="91"/>
      <c r="IK3553" s="174"/>
    </row>
    <row r="3554" spans="2:245" x14ac:dyDescent="0.2">
      <c r="B3554" s="43"/>
      <c r="C3554" s="73"/>
      <c r="D3554" s="64"/>
      <c r="E3554" s="64"/>
      <c r="F3554" s="55"/>
      <c r="G3554" s="102"/>
      <c r="H3554" s="97"/>
      <c r="T3554" s="98"/>
      <c r="U3554" s="97"/>
      <c r="AG3554" s="98"/>
      <c r="AY3554" s="164"/>
      <c r="BK3554" s="98"/>
      <c r="BL3554" s="97"/>
      <c r="BX3554" s="98"/>
      <c r="CL3554" s="97"/>
      <c r="CX3554" s="98"/>
      <c r="DL3554" s="97"/>
      <c r="DX3554" s="98"/>
      <c r="EL3554" s="97"/>
      <c r="EX3554" s="98"/>
      <c r="EY3554" s="97"/>
      <c r="FL3554" s="126"/>
      <c r="FM3554" s="91"/>
      <c r="FN3554" s="91"/>
      <c r="FO3554" s="91"/>
      <c r="FP3554" s="91"/>
      <c r="FQ3554" s="91"/>
      <c r="FR3554" s="91"/>
      <c r="FS3554" s="91"/>
      <c r="FT3554" s="91"/>
      <c r="FU3554" s="91"/>
      <c r="FV3554" s="91"/>
      <c r="FW3554" s="91"/>
      <c r="FX3554" s="127"/>
      <c r="FY3554" s="126"/>
      <c r="FZ3554" s="91"/>
      <c r="GA3554" s="91"/>
      <c r="GB3554" s="91"/>
      <c r="GC3554" s="91"/>
      <c r="GD3554" s="91"/>
      <c r="GE3554" s="91"/>
      <c r="GF3554" s="91"/>
      <c r="GG3554" s="91"/>
      <c r="GH3554" s="91"/>
      <c r="GI3554" s="91"/>
      <c r="GJ3554" s="91"/>
      <c r="GK3554" s="127"/>
      <c r="GL3554" s="126"/>
      <c r="GM3554" s="91"/>
      <c r="GN3554" s="91"/>
      <c r="GO3554" s="91"/>
      <c r="GP3554" s="91"/>
      <c r="GQ3554" s="91"/>
      <c r="GR3554" s="91"/>
      <c r="GS3554" s="91"/>
      <c r="GT3554" s="91"/>
      <c r="GU3554" s="91"/>
      <c r="GV3554" s="91"/>
      <c r="GW3554" s="91"/>
      <c r="GX3554" s="127"/>
      <c r="GY3554" s="126"/>
      <c r="GZ3554" s="91"/>
      <c r="HA3554" s="91"/>
      <c r="HB3554" s="91"/>
      <c r="HC3554" s="91"/>
      <c r="HD3554" s="91"/>
      <c r="HE3554" s="91"/>
      <c r="HF3554" s="91"/>
      <c r="HG3554" s="91"/>
      <c r="HH3554" s="91"/>
      <c r="HI3554" s="91"/>
      <c r="HJ3554" s="91"/>
      <c r="HK3554" s="127"/>
      <c r="HL3554" s="126"/>
      <c r="HM3554" s="91"/>
      <c r="HN3554" s="91"/>
      <c r="HO3554" s="91"/>
      <c r="HP3554" s="91"/>
      <c r="HQ3554" s="91"/>
      <c r="HR3554" s="91"/>
      <c r="HS3554" s="91"/>
      <c r="HT3554" s="91"/>
      <c r="HU3554" s="91"/>
      <c r="HV3554" s="91"/>
      <c r="HW3554" s="91"/>
      <c r="HX3554" s="127"/>
      <c r="HY3554" s="126"/>
      <c r="HZ3554" s="91"/>
      <c r="IA3554" s="91"/>
      <c r="IB3554" s="91"/>
      <c r="IC3554" s="91"/>
      <c r="ID3554" s="91"/>
      <c r="IE3554" s="91"/>
      <c r="IF3554" s="91"/>
      <c r="IG3554" s="91"/>
      <c r="IH3554" s="91"/>
      <c r="II3554" s="91"/>
      <c r="IJ3554" s="91"/>
      <c r="IK3554" s="174"/>
    </row>
    <row r="3555" spans="2:245" x14ac:dyDescent="0.2">
      <c r="B3555" s="43"/>
      <c r="C3555" s="73"/>
      <c r="D3555" s="64"/>
      <c r="E3555" s="64"/>
      <c r="F3555" s="55"/>
      <c r="G3555" s="102"/>
      <c r="H3555" s="97"/>
      <c r="T3555" s="98"/>
      <c r="U3555" s="97"/>
      <c r="AG3555" s="98"/>
      <c r="AY3555" s="164"/>
      <c r="BK3555" s="98"/>
      <c r="BL3555" s="97"/>
      <c r="BX3555" s="98"/>
      <c r="CL3555" s="97"/>
      <c r="CX3555" s="98"/>
      <c r="DL3555" s="97"/>
      <c r="DX3555" s="98"/>
      <c r="EL3555" s="97"/>
      <c r="EX3555" s="98"/>
      <c r="EY3555" s="97"/>
      <c r="FL3555" s="126"/>
      <c r="FM3555" s="91"/>
      <c r="FN3555" s="91"/>
      <c r="FO3555" s="91"/>
      <c r="FP3555" s="91"/>
      <c r="FQ3555" s="91"/>
      <c r="FR3555" s="91"/>
      <c r="FS3555" s="91"/>
      <c r="FT3555" s="91"/>
      <c r="FU3555" s="91"/>
      <c r="FV3555" s="91"/>
      <c r="FW3555" s="91"/>
      <c r="FX3555" s="127"/>
      <c r="FY3555" s="126"/>
      <c r="FZ3555" s="91"/>
      <c r="GA3555" s="91"/>
      <c r="GB3555" s="91"/>
      <c r="GC3555" s="91"/>
      <c r="GD3555" s="91"/>
      <c r="GE3555" s="91"/>
      <c r="GF3555" s="91"/>
      <c r="GG3555" s="91"/>
      <c r="GH3555" s="91"/>
      <c r="GI3555" s="91"/>
      <c r="GJ3555" s="91"/>
      <c r="GK3555" s="127"/>
      <c r="GL3555" s="126"/>
      <c r="GM3555" s="91"/>
      <c r="GN3555" s="91"/>
      <c r="GO3555" s="91"/>
      <c r="GP3555" s="91"/>
      <c r="GQ3555" s="91"/>
      <c r="GR3555" s="91"/>
      <c r="GS3555" s="91"/>
      <c r="GT3555" s="91"/>
      <c r="GU3555" s="91"/>
      <c r="GV3555" s="91"/>
      <c r="GW3555" s="91"/>
      <c r="GX3555" s="127"/>
      <c r="GY3555" s="126"/>
      <c r="GZ3555" s="91"/>
      <c r="HA3555" s="91"/>
      <c r="HB3555" s="91"/>
      <c r="HC3555" s="91"/>
      <c r="HD3555" s="91"/>
      <c r="HE3555" s="91"/>
      <c r="HF3555" s="91"/>
      <c r="HG3555" s="91"/>
      <c r="HH3555" s="91"/>
      <c r="HI3555" s="91"/>
      <c r="HJ3555" s="91"/>
      <c r="HK3555" s="127"/>
      <c r="HL3555" s="126"/>
      <c r="HM3555" s="91"/>
      <c r="HN3555" s="91"/>
      <c r="HO3555" s="91"/>
      <c r="HP3555" s="91"/>
      <c r="HQ3555" s="91"/>
      <c r="HR3555" s="91"/>
      <c r="HS3555" s="91"/>
      <c r="HT3555" s="91"/>
      <c r="HU3555" s="91"/>
      <c r="HV3555" s="91"/>
      <c r="HW3555" s="91"/>
      <c r="HX3555" s="127"/>
      <c r="HY3555" s="126"/>
      <c r="HZ3555" s="91"/>
      <c r="IA3555" s="91"/>
      <c r="IB3555" s="91"/>
      <c r="IC3555" s="91"/>
      <c r="ID3555" s="91"/>
      <c r="IE3555" s="91"/>
      <c r="IF3555" s="91"/>
      <c r="IG3555" s="91"/>
      <c r="IH3555" s="91"/>
      <c r="II3555" s="91"/>
      <c r="IJ3555" s="91"/>
      <c r="IK3555" s="174"/>
    </row>
    <row r="3556" spans="2:245" x14ac:dyDescent="0.2">
      <c r="B3556" s="43"/>
      <c r="C3556" s="73"/>
      <c r="D3556" s="64"/>
      <c r="E3556" s="64"/>
      <c r="F3556" s="55"/>
      <c r="G3556" s="102"/>
      <c r="H3556" s="97"/>
      <c r="T3556" s="98"/>
      <c r="U3556" s="97"/>
      <c r="AG3556" s="98"/>
      <c r="AY3556" s="164"/>
      <c r="BK3556" s="98"/>
      <c r="BL3556" s="97"/>
      <c r="BX3556" s="98"/>
      <c r="CL3556" s="97"/>
      <c r="CX3556" s="98"/>
      <c r="DL3556" s="97"/>
      <c r="DX3556" s="98"/>
      <c r="EL3556" s="97"/>
      <c r="EX3556" s="98"/>
      <c r="EY3556" s="97"/>
      <c r="FL3556" s="126"/>
      <c r="FM3556" s="91"/>
      <c r="FN3556" s="91"/>
      <c r="FO3556" s="91"/>
      <c r="FP3556" s="91"/>
      <c r="FQ3556" s="91"/>
      <c r="FR3556" s="91"/>
      <c r="FS3556" s="91"/>
      <c r="FT3556" s="91"/>
      <c r="FU3556" s="91"/>
      <c r="FV3556" s="91"/>
      <c r="FW3556" s="91"/>
      <c r="FX3556" s="127"/>
      <c r="FY3556" s="126"/>
      <c r="FZ3556" s="91"/>
      <c r="GA3556" s="91"/>
      <c r="GB3556" s="91"/>
      <c r="GC3556" s="91"/>
      <c r="GD3556" s="91"/>
      <c r="GE3556" s="91"/>
      <c r="GF3556" s="91"/>
      <c r="GG3556" s="91"/>
      <c r="GH3556" s="91"/>
      <c r="GI3556" s="91"/>
      <c r="GJ3556" s="91"/>
      <c r="GK3556" s="127"/>
      <c r="GL3556" s="126"/>
      <c r="GM3556" s="91"/>
      <c r="GN3556" s="91"/>
      <c r="GO3556" s="91"/>
      <c r="GP3556" s="91"/>
      <c r="GQ3556" s="91"/>
      <c r="GR3556" s="91"/>
      <c r="GS3556" s="91"/>
      <c r="GT3556" s="91"/>
      <c r="GU3556" s="91"/>
      <c r="GV3556" s="91"/>
      <c r="GW3556" s="91"/>
      <c r="GX3556" s="127"/>
      <c r="GY3556" s="126"/>
      <c r="GZ3556" s="91"/>
      <c r="HA3556" s="91"/>
      <c r="HB3556" s="91"/>
      <c r="HC3556" s="91"/>
      <c r="HD3556" s="91"/>
      <c r="HE3556" s="91"/>
      <c r="HF3556" s="91"/>
      <c r="HG3556" s="91"/>
      <c r="HH3556" s="91"/>
      <c r="HI3556" s="91"/>
      <c r="HJ3556" s="91"/>
      <c r="HK3556" s="127"/>
      <c r="HL3556" s="126"/>
      <c r="HM3556" s="91"/>
      <c r="HN3556" s="91"/>
      <c r="HO3556" s="91"/>
      <c r="HP3556" s="91"/>
      <c r="HQ3556" s="91"/>
      <c r="HR3556" s="91"/>
      <c r="HS3556" s="91"/>
      <c r="HT3556" s="91"/>
      <c r="HU3556" s="91"/>
      <c r="HV3556" s="91"/>
      <c r="HW3556" s="91"/>
      <c r="HX3556" s="127"/>
      <c r="HY3556" s="126"/>
      <c r="HZ3556" s="91"/>
      <c r="IA3556" s="91"/>
      <c r="IB3556" s="91"/>
      <c r="IC3556" s="91"/>
      <c r="ID3556" s="91"/>
      <c r="IE3556" s="91"/>
      <c r="IF3556" s="91"/>
      <c r="IG3556" s="91"/>
      <c r="IH3556" s="91"/>
      <c r="II3556" s="91"/>
      <c r="IJ3556" s="91"/>
      <c r="IK3556" s="174"/>
    </row>
    <row r="3557" spans="2:245" x14ac:dyDescent="0.2">
      <c r="B3557" s="43"/>
      <c r="C3557" s="73"/>
      <c r="D3557" s="64"/>
      <c r="E3557" s="64"/>
      <c r="F3557" s="55"/>
      <c r="G3557" s="102"/>
      <c r="H3557" s="97"/>
      <c r="T3557" s="98"/>
      <c r="U3557" s="97"/>
      <c r="AG3557" s="98"/>
      <c r="AY3557" s="164"/>
      <c r="BK3557" s="98"/>
      <c r="BL3557" s="97"/>
      <c r="BX3557" s="98"/>
      <c r="CL3557" s="97"/>
      <c r="CX3557" s="98"/>
      <c r="DL3557" s="97"/>
      <c r="DX3557" s="98"/>
      <c r="EL3557" s="97"/>
      <c r="EX3557" s="98"/>
      <c r="EY3557" s="97"/>
      <c r="FL3557" s="126"/>
      <c r="FM3557" s="91"/>
      <c r="FN3557" s="91"/>
      <c r="FO3557" s="91"/>
      <c r="FP3557" s="91"/>
      <c r="FQ3557" s="91"/>
      <c r="FR3557" s="91"/>
      <c r="FS3557" s="91"/>
      <c r="FT3557" s="91"/>
      <c r="FU3557" s="91"/>
      <c r="FV3557" s="91"/>
      <c r="FW3557" s="91"/>
      <c r="FX3557" s="127"/>
      <c r="FY3557" s="126"/>
      <c r="FZ3557" s="91"/>
      <c r="GA3557" s="91"/>
      <c r="GB3557" s="91"/>
      <c r="GC3557" s="91"/>
      <c r="GD3557" s="91"/>
      <c r="GE3557" s="91"/>
      <c r="GF3557" s="91"/>
      <c r="GG3557" s="91"/>
      <c r="GH3557" s="91"/>
      <c r="GI3557" s="91"/>
      <c r="GJ3557" s="91"/>
      <c r="GK3557" s="127"/>
      <c r="GL3557" s="126"/>
      <c r="GM3557" s="91"/>
      <c r="GN3557" s="91"/>
      <c r="GO3557" s="91"/>
      <c r="GP3557" s="91"/>
      <c r="GQ3557" s="91"/>
      <c r="GR3557" s="91"/>
      <c r="GS3557" s="91"/>
      <c r="GT3557" s="91"/>
      <c r="GU3557" s="91"/>
      <c r="GV3557" s="91"/>
      <c r="GW3557" s="91"/>
      <c r="GX3557" s="127"/>
      <c r="GY3557" s="126"/>
      <c r="GZ3557" s="91"/>
      <c r="HA3557" s="91"/>
      <c r="HB3557" s="91"/>
      <c r="HC3557" s="91"/>
      <c r="HD3557" s="91"/>
      <c r="HE3557" s="91"/>
      <c r="HF3557" s="91"/>
      <c r="HG3557" s="91"/>
      <c r="HH3557" s="91"/>
      <c r="HI3557" s="91"/>
      <c r="HJ3557" s="91"/>
      <c r="HK3557" s="127"/>
      <c r="HL3557" s="126"/>
      <c r="HM3557" s="91"/>
      <c r="HN3557" s="91"/>
      <c r="HO3557" s="91"/>
      <c r="HP3557" s="91"/>
      <c r="HQ3557" s="91"/>
      <c r="HR3557" s="91"/>
      <c r="HS3557" s="91"/>
      <c r="HT3557" s="91"/>
      <c r="HU3557" s="91"/>
      <c r="HV3557" s="91"/>
      <c r="HW3557" s="91"/>
      <c r="HX3557" s="127"/>
      <c r="HY3557" s="126"/>
      <c r="HZ3557" s="91"/>
      <c r="IA3557" s="91"/>
      <c r="IB3557" s="91"/>
      <c r="IC3557" s="91"/>
      <c r="ID3557" s="91"/>
      <c r="IE3557" s="91"/>
      <c r="IF3557" s="91"/>
      <c r="IG3557" s="91"/>
      <c r="IH3557" s="91"/>
      <c r="II3557" s="91"/>
      <c r="IJ3557" s="91"/>
      <c r="IK3557" s="174"/>
    </row>
    <row r="3558" spans="2:245" x14ac:dyDescent="0.2">
      <c r="B3558" s="43"/>
      <c r="C3558" s="73"/>
      <c r="D3558" s="64"/>
      <c r="E3558" s="64"/>
      <c r="F3558" s="55"/>
      <c r="G3558" s="102"/>
      <c r="H3558" s="97"/>
      <c r="T3558" s="98"/>
      <c r="U3558" s="97"/>
      <c r="AG3558" s="98"/>
      <c r="AY3558" s="164"/>
      <c r="BK3558" s="98"/>
      <c r="BL3558" s="97"/>
      <c r="BX3558" s="98"/>
      <c r="CL3558" s="97"/>
      <c r="CX3558" s="98"/>
      <c r="DL3558" s="97"/>
      <c r="DX3558" s="98"/>
      <c r="EL3558" s="97"/>
      <c r="EX3558" s="98"/>
      <c r="EY3558" s="97"/>
      <c r="FL3558" s="126"/>
      <c r="FM3558" s="91"/>
      <c r="FN3558" s="91"/>
      <c r="FO3558" s="91"/>
      <c r="FP3558" s="91"/>
      <c r="FQ3558" s="91"/>
      <c r="FR3558" s="91"/>
      <c r="FS3558" s="91"/>
      <c r="FT3558" s="91"/>
      <c r="FU3558" s="91"/>
      <c r="FV3558" s="91"/>
      <c r="FW3558" s="91"/>
      <c r="FX3558" s="127"/>
      <c r="FY3558" s="126"/>
      <c r="FZ3558" s="91"/>
      <c r="GA3558" s="91"/>
      <c r="GB3558" s="91"/>
      <c r="GC3558" s="91"/>
      <c r="GD3558" s="91"/>
      <c r="GE3558" s="91"/>
      <c r="GF3558" s="91"/>
      <c r="GG3558" s="91"/>
      <c r="GH3558" s="91"/>
      <c r="GI3558" s="91"/>
      <c r="GJ3558" s="91"/>
      <c r="GK3558" s="127"/>
      <c r="GL3558" s="126"/>
      <c r="GM3558" s="91"/>
      <c r="GN3558" s="91"/>
      <c r="GO3558" s="91"/>
      <c r="GP3558" s="91"/>
      <c r="GQ3558" s="91"/>
      <c r="GR3558" s="91"/>
      <c r="GS3558" s="91"/>
      <c r="GT3558" s="91"/>
      <c r="GU3558" s="91"/>
      <c r="GV3558" s="91"/>
      <c r="GW3558" s="91"/>
      <c r="GX3558" s="127"/>
      <c r="GY3558" s="126"/>
      <c r="GZ3558" s="91"/>
      <c r="HA3558" s="91"/>
      <c r="HB3558" s="91"/>
      <c r="HC3558" s="91"/>
      <c r="HD3558" s="91"/>
      <c r="HE3558" s="91"/>
      <c r="HF3558" s="91"/>
      <c r="HG3558" s="91"/>
      <c r="HH3558" s="91"/>
      <c r="HI3558" s="91"/>
      <c r="HJ3558" s="91"/>
      <c r="HK3558" s="127"/>
      <c r="HL3558" s="126"/>
      <c r="HM3558" s="91"/>
      <c r="HN3558" s="91"/>
      <c r="HO3558" s="91"/>
      <c r="HP3558" s="91"/>
      <c r="HQ3558" s="91"/>
      <c r="HR3558" s="91"/>
      <c r="HS3558" s="91"/>
      <c r="HT3558" s="91"/>
      <c r="HU3558" s="91"/>
      <c r="HV3558" s="91"/>
      <c r="HW3558" s="91"/>
      <c r="HX3558" s="127"/>
      <c r="HY3558" s="126"/>
      <c r="HZ3558" s="91"/>
      <c r="IA3558" s="91"/>
      <c r="IB3558" s="91"/>
      <c r="IC3558" s="91"/>
      <c r="ID3558" s="91"/>
      <c r="IE3558" s="91"/>
      <c r="IF3558" s="91"/>
      <c r="IG3558" s="91"/>
      <c r="IH3558" s="91"/>
      <c r="II3558" s="91"/>
      <c r="IJ3558" s="91"/>
      <c r="IK3558" s="174"/>
    </row>
    <row r="3559" spans="2:245" x14ac:dyDescent="0.2">
      <c r="B3559" s="43"/>
      <c r="C3559" s="73"/>
      <c r="D3559" s="64"/>
      <c r="E3559" s="64"/>
      <c r="F3559" s="55"/>
      <c r="G3559" s="102"/>
      <c r="H3559" s="97"/>
      <c r="T3559" s="98"/>
      <c r="U3559" s="97"/>
      <c r="AG3559" s="98"/>
      <c r="AY3559" s="164"/>
      <c r="BK3559" s="98"/>
      <c r="BL3559" s="97"/>
      <c r="BX3559" s="98"/>
      <c r="CL3559" s="97"/>
      <c r="CX3559" s="98"/>
      <c r="DL3559" s="97"/>
      <c r="DX3559" s="98"/>
      <c r="EL3559" s="97"/>
      <c r="EX3559" s="98"/>
      <c r="EY3559" s="97"/>
      <c r="FL3559" s="126"/>
      <c r="FM3559" s="91"/>
      <c r="FN3559" s="91"/>
      <c r="FO3559" s="91"/>
      <c r="FP3559" s="91"/>
      <c r="FQ3559" s="91"/>
      <c r="FR3559" s="91"/>
      <c r="FS3559" s="91"/>
      <c r="FT3559" s="91"/>
      <c r="FU3559" s="91"/>
      <c r="FV3559" s="91"/>
      <c r="FW3559" s="91"/>
      <c r="FX3559" s="127"/>
      <c r="FY3559" s="126"/>
      <c r="FZ3559" s="91"/>
      <c r="GA3559" s="91"/>
      <c r="GB3559" s="91"/>
      <c r="GC3559" s="91"/>
      <c r="GD3559" s="91"/>
      <c r="GE3559" s="91"/>
      <c r="GF3559" s="91"/>
      <c r="GG3559" s="91"/>
      <c r="GH3559" s="91"/>
      <c r="GI3559" s="91"/>
      <c r="GJ3559" s="91"/>
      <c r="GK3559" s="127"/>
      <c r="GL3559" s="126"/>
      <c r="GM3559" s="91"/>
      <c r="GN3559" s="91"/>
      <c r="GO3559" s="91"/>
      <c r="GP3559" s="91"/>
      <c r="GQ3559" s="91"/>
      <c r="GR3559" s="91"/>
      <c r="GS3559" s="91"/>
      <c r="GT3559" s="91"/>
      <c r="GU3559" s="91"/>
      <c r="GV3559" s="91"/>
      <c r="GW3559" s="91"/>
      <c r="GX3559" s="127"/>
      <c r="GY3559" s="126"/>
      <c r="GZ3559" s="91"/>
      <c r="HA3559" s="91"/>
      <c r="HB3559" s="91"/>
      <c r="HC3559" s="91"/>
      <c r="HD3559" s="91"/>
      <c r="HE3559" s="91"/>
      <c r="HF3559" s="91"/>
      <c r="HG3559" s="91"/>
      <c r="HH3559" s="91"/>
      <c r="HI3559" s="91"/>
      <c r="HJ3559" s="91"/>
      <c r="HK3559" s="127"/>
      <c r="HL3559" s="126"/>
      <c r="HM3559" s="91"/>
      <c r="HN3559" s="91"/>
      <c r="HO3559" s="91"/>
      <c r="HP3559" s="91"/>
      <c r="HQ3559" s="91"/>
      <c r="HR3559" s="91"/>
      <c r="HS3559" s="91"/>
      <c r="HT3559" s="91"/>
      <c r="HU3559" s="91"/>
      <c r="HV3559" s="91"/>
      <c r="HW3559" s="91"/>
      <c r="HX3559" s="127"/>
      <c r="HY3559" s="126"/>
      <c r="HZ3559" s="91"/>
      <c r="IA3559" s="91"/>
      <c r="IB3559" s="91"/>
      <c r="IC3559" s="91"/>
      <c r="ID3559" s="91"/>
      <c r="IE3559" s="91"/>
      <c r="IF3559" s="91"/>
      <c r="IG3559" s="91"/>
      <c r="IH3559" s="91"/>
      <c r="II3559" s="91"/>
      <c r="IJ3559" s="91"/>
      <c r="IK3559" s="174"/>
    </row>
    <row r="3560" spans="2:245" x14ac:dyDescent="0.2">
      <c r="B3560" s="43"/>
      <c r="C3560" s="73"/>
      <c r="D3560" s="64"/>
      <c r="E3560" s="64"/>
      <c r="F3560" s="55"/>
      <c r="G3560" s="102"/>
      <c r="H3560" s="97"/>
      <c r="T3560" s="98"/>
      <c r="U3560" s="97"/>
      <c r="AG3560" s="98"/>
      <c r="AY3560" s="164"/>
      <c r="BK3560" s="98"/>
      <c r="BL3560" s="97"/>
      <c r="BX3560" s="98"/>
      <c r="CL3560" s="97"/>
      <c r="CX3560" s="98"/>
      <c r="DL3560" s="97"/>
      <c r="DX3560" s="98"/>
      <c r="EL3560" s="97"/>
      <c r="EX3560" s="98"/>
      <c r="EY3560" s="97"/>
      <c r="FL3560" s="126"/>
      <c r="FM3560" s="91"/>
      <c r="FN3560" s="91"/>
      <c r="FO3560" s="91"/>
      <c r="FP3560" s="91"/>
      <c r="FQ3560" s="91"/>
      <c r="FR3560" s="91"/>
      <c r="FS3560" s="91"/>
      <c r="FT3560" s="91"/>
      <c r="FU3560" s="91"/>
      <c r="FV3560" s="91"/>
      <c r="FW3560" s="91"/>
      <c r="FX3560" s="127"/>
      <c r="FY3560" s="126"/>
      <c r="FZ3560" s="91"/>
      <c r="GA3560" s="91"/>
      <c r="GB3560" s="91"/>
      <c r="GC3560" s="91"/>
      <c r="GD3560" s="91"/>
      <c r="GE3560" s="91"/>
      <c r="GF3560" s="91"/>
      <c r="GG3560" s="91"/>
      <c r="GH3560" s="91"/>
      <c r="GI3560" s="91"/>
      <c r="GJ3560" s="91"/>
      <c r="GK3560" s="127"/>
      <c r="GL3560" s="126"/>
      <c r="GM3560" s="91"/>
      <c r="GN3560" s="91"/>
      <c r="GO3560" s="91"/>
      <c r="GP3560" s="91"/>
      <c r="GQ3560" s="91"/>
      <c r="GR3560" s="91"/>
      <c r="GS3560" s="91"/>
      <c r="GT3560" s="91"/>
      <c r="GU3560" s="91"/>
      <c r="GV3560" s="91"/>
      <c r="GW3560" s="91"/>
      <c r="GX3560" s="127"/>
      <c r="GY3560" s="126"/>
      <c r="GZ3560" s="91"/>
      <c r="HA3560" s="91"/>
      <c r="HB3560" s="91"/>
      <c r="HC3560" s="91"/>
      <c r="HD3560" s="91"/>
      <c r="HE3560" s="91"/>
      <c r="HF3560" s="91"/>
      <c r="HG3560" s="91"/>
      <c r="HH3560" s="91"/>
      <c r="HI3560" s="91"/>
      <c r="HJ3560" s="91"/>
      <c r="HK3560" s="127"/>
      <c r="HL3560" s="126"/>
      <c r="HM3560" s="91"/>
      <c r="HN3560" s="91"/>
      <c r="HO3560" s="91"/>
      <c r="HP3560" s="91"/>
      <c r="HQ3560" s="91"/>
      <c r="HR3560" s="91"/>
      <c r="HS3560" s="91"/>
      <c r="HT3560" s="91"/>
      <c r="HU3560" s="91"/>
      <c r="HV3560" s="91"/>
      <c r="HW3560" s="91"/>
      <c r="HX3560" s="127"/>
      <c r="HY3560" s="126"/>
      <c r="HZ3560" s="91"/>
      <c r="IA3560" s="91"/>
      <c r="IB3560" s="91"/>
      <c r="IC3560" s="91"/>
      <c r="ID3560" s="91"/>
      <c r="IE3560" s="91"/>
      <c r="IF3560" s="91"/>
      <c r="IG3560" s="91"/>
      <c r="IH3560" s="91"/>
      <c r="II3560" s="91"/>
      <c r="IJ3560" s="91"/>
      <c r="IK3560" s="174"/>
    </row>
    <row r="3561" spans="2:245" x14ac:dyDescent="0.2">
      <c r="B3561" s="43"/>
      <c r="C3561" s="73"/>
      <c r="D3561" s="64"/>
      <c r="E3561" s="64"/>
      <c r="F3561" s="55"/>
      <c r="G3561" s="102"/>
      <c r="H3561" s="97"/>
      <c r="T3561" s="98"/>
      <c r="U3561" s="97"/>
      <c r="AG3561" s="98"/>
      <c r="AY3561" s="164"/>
      <c r="BK3561" s="98"/>
      <c r="BL3561" s="97"/>
      <c r="BX3561" s="98"/>
      <c r="CL3561" s="97"/>
      <c r="CX3561" s="98"/>
      <c r="DL3561" s="97"/>
      <c r="DX3561" s="98"/>
      <c r="EL3561" s="97"/>
      <c r="EX3561" s="98"/>
      <c r="EY3561" s="97"/>
      <c r="FL3561" s="126"/>
      <c r="FM3561" s="91"/>
      <c r="FN3561" s="91"/>
      <c r="FO3561" s="91"/>
      <c r="FP3561" s="91"/>
      <c r="FQ3561" s="91"/>
      <c r="FR3561" s="91"/>
      <c r="FS3561" s="91"/>
      <c r="FT3561" s="91"/>
      <c r="FU3561" s="91"/>
      <c r="FV3561" s="91"/>
      <c r="FW3561" s="91"/>
      <c r="FX3561" s="127"/>
      <c r="FY3561" s="126"/>
      <c r="FZ3561" s="91"/>
      <c r="GA3561" s="91"/>
      <c r="GB3561" s="91"/>
      <c r="GC3561" s="91"/>
      <c r="GD3561" s="91"/>
      <c r="GE3561" s="91"/>
      <c r="GF3561" s="91"/>
      <c r="GG3561" s="91"/>
      <c r="GH3561" s="91"/>
      <c r="GI3561" s="91"/>
      <c r="GJ3561" s="91"/>
      <c r="GK3561" s="127"/>
      <c r="GL3561" s="126"/>
      <c r="GM3561" s="91"/>
      <c r="GN3561" s="91"/>
      <c r="GO3561" s="91"/>
      <c r="GP3561" s="91"/>
      <c r="GQ3561" s="91"/>
      <c r="GR3561" s="91"/>
      <c r="GS3561" s="91"/>
      <c r="GT3561" s="91"/>
      <c r="GU3561" s="91"/>
      <c r="GV3561" s="91"/>
      <c r="GW3561" s="91"/>
      <c r="GX3561" s="127"/>
      <c r="GY3561" s="126"/>
      <c r="GZ3561" s="91"/>
      <c r="HA3561" s="91"/>
      <c r="HB3561" s="91"/>
      <c r="HC3561" s="91"/>
      <c r="HD3561" s="91"/>
      <c r="HE3561" s="91"/>
      <c r="HF3561" s="91"/>
      <c r="HG3561" s="91"/>
      <c r="HH3561" s="91"/>
      <c r="HI3561" s="91"/>
      <c r="HJ3561" s="91"/>
      <c r="HK3561" s="127"/>
      <c r="HL3561" s="126"/>
      <c r="HM3561" s="91"/>
      <c r="HN3561" s="91"/>
      <c r="HO3561" s="91"/>
      <c r="HP3561" s="91"/>
      <c r="HQ3561" s="91"/>
      <c r="HR3561" s="91"/>
      <c r="HS3561" s="91"/>
      <c r="HT3561" s="91"/>
      <c r="HU3561" s="91"/>
      <c r="HV3561" s="91"/>
      <c r="HW3561" s="91"/>
      <c r="HX3561" s="127"/>
      <c r="HY3561" s="126"/>
      <c r="HZ3561" s="91"/>
      <c r="IA3561" s="91"/>
      <c r="IB3561" s="91"/>
      <c r="IC3561" s="91"/>
      <c r="ID3561" s="91"/>
      <c r="IE3561" s="91"/>
      <c r="IF3561" s="91"/>
      <c r="IG3561" s="91"/>
      <c r="IH3561" s="91"/>
      <c r="II3561" s="91"/>
      <c r="IJ3561" s="91"/>
      <c r="IK3561" s="174"/>
    </row>
    <row r="3562" spans="2:245" x14ac:dyDescent="0.2">
      <c r="B3562" s="43"/>
      <c r="C3562" s="73"/>
      <c r="D3562" s="64"/>
      <c r="E3562" s="64"/>
      <c r="F3562" s="55"/>
      <c r="G3562" s="102"/>
      <c r="H3562" s="97"/>
      <c r="T3562" s="98"/>
      <c r="U3562" s="97"/>
      <c r="AG3562" s="98"/>
      <c r="AY3562" s="164"/>
      <c r="BK3562" s="98"/>
      <c r="BL3562" s="97"/>
      <c r="BX3562" s="98"/>
      <c r="CL3562" s="97"/>
      <c r="CX3562" s="98"/>
      <c r="DL3562" s="97"/>
      <c r="DX3562" s="98"/>
      <c r="EL3562" s="97"/>
      <c r="EX3562" s="98"/>
      <c r="EY3562" s="97"/>
      <c r="FL3562" s="126"/>
      <c r="FM3562" s="91"/>
      <c r="FN3562" s="91"/>
      <c r="FO3562" s="91"/>
      <c r="FP3562" s="91"/>
      <c r="FQ3562" s="91"/>
      <c r="FR3562" s="91"/>
      <c r="FS3562" s="91"/>
      <c r="FT3562" s="91"/>
      <c r="FU3562" s="91"/>
      <c r="FV3562" s="91"/>
      <c r="FW3562" s="91"/>
      <c r="FX3562" s="127"/>
      <c r="FY3562" s="126"/>
      <c r="FZ3562" s="91"/>
      <c r="GA3562" s="91"/>
      <c r="GB3562" s="91"/>
      <c r="GC3562" s="91"/>
      <c r="GD3562" s="91"/>
      <c r="GE3562" s="91"/>
      <c r="GF3562" s="91"/>
      <c r="GG3562" s="91"/>
      <c r="GH3562" s="91"/>
      <c r="GI3562" s="91"/>
      <c r="GJ3562" s="91"/>
      <c r="GK3562" s="127"/>
      <c r="GL3562" s="126"/>
      <c r="GM3562" s="91"/>
      <c r="GN3562" s="91"/>
      <c r="GO3562" s="91"/>
      <c r="GP3562" s="91"/>
      <c r="GQ3562" s="91"/>
      <c r="GR3562" s="91"/>
      <c r="GS3562" s="91"/>
      <c r="GT3562" s="91"/>
      <c r="GU3562" s="91"/>
      <c r="GV3562" s="91"/>
      <c r="GW3562" s="91"/>
      <c r="GX3562" s="127"/>
      <c r="GY3562" s="126"/>
      <c r="GZ3562" s="91"/>
      <c r="HA3562" s="91"/>
      <c r="HB3562" s="91"/>
      <c r="HC3562" s="91"/>
      <c r="HD3562" s="91"/>
      <c r="HE3562" s="91"/>
      <c r="HF3562" s="91"/>
      <c r="HG3562" s="91"/>
      <c r="HH3562" s="91"/>
      <c r="HI3562" s="91"/>
      <c r="HJ3562" s="91"/>
      <c r="HK3562" s="127"/>
      <c r="HL3562" s="126"/>
      <c r="HM3562" s="91"/>
      <c r="HN3562" s="91"/>
      <c r="HO3562" s="91"/>
      <c r="HP3562" s="91"/>
      <c r="HQ3562" s="91"/>
      <c r="HR3562" s="91"/>
      <c r="HS3562" s="91"/>
      <c r="HT3562" s="91"/>
      <c r="HU3562" s="91"/>
      <c r="HV3562" s="91"/>
      <c r="HW3562" s="91"/>
      <c r="HX3562" s="127"/>
      <c r="HY3562" s="126"/>
      <c r="HZ3562" s="91"/>
      <c r="IA3562" s="91"/>
      <c r="IB3562" s="91"/>
      <c r="IC3562" s="91"/>
      <c r="ID3562" s="91"/>
      <c r="IE3562" s="91"/>
      <c r="IF3562" s="91"/>
      <c r="IG3562" s="91"/>
      <c r="IH3562" s="91"/>
      <c r="II3562" s="91"/>
      <c r="IJ3562" s="91"/>
      <c r="IK3562" s="174"/>
    </row>
    <row r="3563" spans="2:245" x14ac:dyDescent="0.2">
      <c r="B3563" s="43"/>
      <c r="C3563" s="73"/>
      <c r="D3563" s="64"/>
      <c r="E3563" s="64"/>
      <c r="F3563" s="55"/>
      <c r="G3563" s="102"/>
      <c r="H3563" s="97"/>
      <c r="T3563" s="98"/>
      <c r="U3563" s="97"/>
      <c r="AG3563" s="98"/>
      <c r="AY3563" s="164"/>
      <c r="BK3563" s="98"/>
      <c r="BL3563" s="97"/>
      <c r="BX3563" s="98"/>
      <c r="CL3563" s="97"/>
      <c r="CX3563" s="98"/>
      <c r="DL3563" s="97"/>
      <c r="DX3563" s="98"/>
      <c r="EL3563" s="97"/>
      <c r="EX3563" s="98"/>
      <c r="EY3563" s="97"/>
      <c r="FL3563" s="126"/>
      <c r="FM3563" s="91"/>
      <c r="FN3563" s="91"/>
      <c r="FO3563" s="91"/>
      <c r="FP3563" s="91"/>
      <c r="FQ3563" s="91"/>
      <c r="FR3563" s="91"/>
      <c r="FS3563" s="91"/>
      <c r="FT3563" s="91"/>
      <c r="FU3563" s="91"/>
      <c r="FV3563" s="91"/>
      <c r="FW3563" s="91"/>
      <c r="FX3563" s="127"/>
      <c r="FY3563" s="126"/>
      <c r="FZ3563" s="91"/>
      <c r="GA3563" s="91"/>
      <c r="GB3563" s="91"/>
      <c r="GC3563" s="91"/>
      <c r="GD3563" s="91"/>
      <c r="GE3563" s="91"/>
      <c r="GF3563" s="91"/>
      <c r="GG3563" s="91"/>
      <c r="GH3563" s="91"/>
      <c r="GI3563" s="91"/>
      <c r="GJ3563" s="91"/>
      <c r="GK3563" s="127"/>
      <c r="GL3563" s="126"/>
      <c r="GM3563" s="91"/>
      <c r="GN3563" s="91"/>
      <c r="GO3563" s="91"/>
      <c r="GP3563" s="91"/>
      <c r="GQ3563" s="91"/>
      <c r="GR3563" s="91"/>
      <c r="GS3563" s="91"/>
      <c r="GT3563" s="91"/>
      <c r="GU3563" s="91"/>
      <c r="GV3563" s="91"/>
      <c r="GW3563" s="91"/>
      <c r="GX3563" s="127"/>
      <c r="GY3563" s="126"/>
      <c r="GZ3563" s="91"/>
      <c r="HA3563" s="91"/>
      <c r="HB3563" s="91"/>
      <c r="HC3563" s="91"/>
      <c r="HD3563" s="91"/>
      <c r="HE3563" s="91"/>
      <c r="HF3563" s="91"/>
      <c r="HG3563" s="91"/>
      <c r="HH3563" s="91"/>
      <c r="HI3563" s="91"/>
      <c r="HJ3563" s="91"/>
      <c r="HK3563" s="127"/>
      <c r="HL3563" s="126"/>
      <c r="HM3563" s="91"/>
      <c r="HN3563" s="91"/>
      <c r="HO3563" s="91"/>
      <c r="HP3563" s="91"/>
      <c r="HQ3563" s="91"/>
      <c r="HR3563" s="91"/>
      <c r="HS3563" s="91"/>
      <c r="HT3563" s="91"/>
      <c r="HU3563" s="91"/>
      <c r="HV3563" s="91"/>
      <c r="HW3563" s="91"/>
      <c r="HX3563" s="127"/>
      <c r="HY3563" s="126"/>
      <c r="HZ3563" s="91"/>
      <c r="IA3563" s="91"/>
      <c r="IB3563" s="91"/>
      <c r="IC3563" s="91"/>
      <c r="ID3563" s="91"/>
      <c r="IE3563" s="91"/>
      <c r="IF3563" s="91"/>
      <c r="IG3563" s="91"/>
      <c r="IH3563" s="91"/>
      <c r="II3563" s="91"/>
      <c r="IJ3563" s="91"/>
      <c r="IK3563" s="174"/>
    </row>
    <row r="3564" spans="2:245" x14ac:dyDescent="0.2">
      <c r="B3564" s="43"/>
      <c r="C3564" s="73"/>
      <c r="D3564" s="64"/>
      <c r="E3564" s="64"/>
      <c r="F3564" s="55"/>
      <c r="G3564" s="102"/>
      <c r="H3564" s="97"/>
      <c r="T3564" s="98"/>
      <c r="U3564" s="97"/>
      <c r="AG3564" s="98"/>
      <c r="AY3564" s="164"/>
      <c r="BK3564" s="98"/>
      <c r="BL3564" s="97"/>
      <c r="BX3564" s="98"/>
      <c r="CL3564" s="97"/>
      <c r="CX3564" s="98"/>
      <c r="DL3564" s="97"/>
      <c r="DX3564" s="98"/>
      <c r="EL3564" s="97"/>
      <c r="EX3564" s="98"/>
      <c r="EY3564" s="97"/>
      <c r="FL3564" s="126"/>
      <c r="FM3564" s="91"/>
      <c r="FN3564" s="91"/>
      <c r="FO3564" s="91"/>
      <c r="FP3564" s="91"/>
      <c r="FQ3564" s="91"/>
      <c r="FR3564" s="91"/>
      <c r="FS3564" s="91"/>
      <c r="FT3564" s="91"/>
      <c r="FU3564" s="91"/>
      <c r="FV3564" s="91"/>
      <c r="FW3564" s="91"/>
      <c r="FX3564" s="127"/>
      <c r="FY3564" s="126"/>
      <c r="FZ3564" s="91"/>
      <c r="GA3564" s="91"/>
      <c r="GB3564" s="91"/>
      <c r="GC3564" s="91"/>
      <c r="GD3564" s="91"/>
      <c r="GE3564" s="91"/>
      <c r="GF3564" s="91"/>
      <c r="GG3564" s="91"/>
      <c r="GH3564" s="91"/>
      <c r="GI3564" s="91"/>
      <c r="GJ3564" s="91"/>
      <c r="GK3564" s="127"/>
      <c r="GL3564" s="126"/>
      <c r="GM3564" s="91"/>
      <c r="GN3564" s="91"/>
      <c r="GO3564" s="91"/>
      <c r="GP3564" s="91"/>
      <c r="GQ3564" s="91"/>
      <c r="GR3564" s="91"/>
      <c r="GS3564" s="91"/>
      <c r="GT3564" s="91"/>
      <c r="GU3564" s="91"/>
      <c r="GV3564" s="91"/>
      <c r="GW3564" s="91"/>
      <c r="GX3564" s="127"/>
      <c r="GY3564" s="126"/>
      <c r="GZ3564" s="91"/>
      <c r="HA3564" s="91"/>
      <c r="HB3564" s="91"/>
      <c r="HC3564" s="91"/>
      <c r="HD3564" s="91"/>
      <c r="HE3564" s="91"/>
      <c r="HF3564" s="91"/>
      <c r="HG3564" s="91"/>
      <c r="HH3564" s="91"/>
      <c r="HI3564" s="91"/>
      <c r="HJ3564" s="91"/>
      <c r="HK3564" s="127"/>
      <c r="HL3564" s="126"/>
      <c r="HM3564" s="91"/>
      <c r="HN3564" s="91"/>
      <c r="HO3564" s="91"/>
      <c r="HP3564" s="91"/>
      <c r="HQ3564" s="91"/>
      <c r="HR3564" s="91"/>
      <c r="HS3564" s="91"/>
      <c r="HT3564" s="91"/>
      <c r="HU3564" s="91"/>
      <c r="HV3564" s="91"/>
      <c r="HW3564" s="91"/>
      <c r="HX3564" s="127"/>
      <c r="HY3564" s="126"/>
      <c r="HZ3564" s="91"/>
      <c r="IA3564" s="91"/>
      <c r="IB3564" s="91"/>
      <c r="IC3564" s="91"/>
      <c r="ID3564" s="91"/>
      <c r="IE3564" s="91"/>
      <c r="IF3564" s="91"/>
      <c r="IG3564" s="91"/>
      <c r="IH3564" s="91"/>
      <c r="II3564" s="91"/>
      <c r="IJ3564" s="91"/>
      <c r="IK3564" s="174"/>
    </row>
    <row r="3565" spans="2:245" x14ac:dyDescent="0.2">
      <c r="B3565" s="43"/>
      <c r="C3565" s="73"/>
      <c r="D3565" s="64"/>
      <c r="E3565" s="64"/>
      <c r="F3565" s="55"/>
      <c r="G3565" s="102"/>
      <c r="H3565" s="97"/>
      <c r="T3565" s="98"/>
      <c r="U3565" s="97"/>
      <c r="AG3565" s="98"/>
      <c r="AY3565" s="164"/>
      <c r="BK3565" s="98"/>
      <c r="BL3565" s="97"/>
      <c r="BX3565" s="98"/>
      <c r="CL3565" s="97"/>
      <c r="CX3565" s="98"/>
      <c r="DL3565" s="97"/>
      <c r="DX3565" s="98"/>
      <c r="EL3565" s="97"/>
      <c r="EX3565" s="98"/>
      <c r="EY3565" s="97"/>
      <c r="FL3565" s="126"/>
      <c r="FM3565" s="91"/>
      <c r="FN3565" s="91"/>
      <c r="FO3565" s="91"/>
      <c r="FP3565" s="91"/>
      <c r="FQ3565" s="91"/>
      <c r="FR3565" s="91"/>
      <c r="FS3565" s="91"/>
      <c r="FT3565" s="91"/>
      <c r="FU3565" s="91"/>
      <c r="FV3565" s="91"/>
      <c r="FW3565" s="91"/>
      <c r="FX3565" s="127"/>
      <c r="FY3565" s="126"/>
      <c r="FZ3565" s="91"/>
      <c r="GA3565" s="91"/>
      <c r="GB3565" s="91"/>
      <c r="GC3565" s="91"/>
      <c r="GD3565" s="91"/>
      <c r="GE3565" s="91"/>
      <c r="GF3565" s="91"/>
      <c r="GG3565" s="91"/>
      <c r="GH3565" s="91"/>
      <c r="GI3565" s="91"/>
      <c r="GJ3565" s="91"/>
      <c r="GK3565" s="127"/>
      <c r="GL3565" s="126"/>
      <c r="GM3565" s="91"/>
      <c r="GN3565" s="91"/>
      <c r="GO3565" s="91"/>
      <c r="GP3565" s="91"/>
      <c r="GQ3565" s="91"/>
      <c r="GR3565" s="91"/>
      <c r="GS3565" s="91"/>
      <c r="GT3565" s="91"/>
      <c r="GU3565" s="91"/>
      <c r="GV3565" s="91"/>
      <c r="GW3565" s="91"/>
      <c r="GX3565" s="127"/>
      <c r="GY3565" s="126"/>
      <c r="GZ3565" s="91"/>
      <c r="HA3565" s="91"/>
      <c r="HB3565" s="91"/>
      <c r="HC3565" s="91"/>
      <c r="HD3565" s="91"/>
      <c r="HE3565" s="91"/>
      <c r="HF3565" s="91"/>
      <c r="HG3565" s="91"/>
      <c r="HH3565" s="91"/>
      <c r="HI3565" s="91"/>
      <c r="HJ3565" s="91"/>
      <c r="HK3565" s="127"/>
      <c r="HL3565" s="126"/>
      <c r="HM3565" s="91"/>
      <c r="HN3565" s="91"/>
      <c r="HO3565" s="91"/>
      <c r="HP3565" s="91"/>
      <c r="HQ3565" s="91"/>
      <c r="HR3565" s="91"/>
      <c r="HS3565" s="91"/>
      <c r="HT3565" s="91"/>
      <c r="HU3565" s="91"/>
      <c r="HV3565" s="91"/>
      <c r="HW3565" s="91"/>
      <c r="HX3565" s="127"/>
      <c r="HY3565" s="126"/>
      <c r="HZ3565" s="91"/>
      <c r="IA3565" s="91"/>
      <c r="IB3565" s="91"/>
      <c r="IC3565" s="91"/>
      <c r="ID3565" s="91"/>
      <c r="IE3565" s="91"/>
      <c r="IF3565" s="91"/>
      <c r="IG3565" s="91"/>
      <c r="IH3565" s="91"/>
      <c r="II3565" s="91"/>
      <c r="IJ3565" s="91"/>
      <c r="IK3565" s="174"/>
    </row>
    <row r="3566" spans="2:245" x14ac:dyDescent="0.2">
      <c r="B3566" s="43"/>
      <c r="C3566" s="73"/>
      <c r="D3566" s="64"/>
      <c r="E3566" s="64"/>
      <c r="F3566" s="55"/>
      <c r="G3566" s="102"/>
      <c r="H3566" s="97"/>
      <c r="T3566" s="98"/>
      <c r="U3566" s="97"/>
      <c r="AG3566" s="98"/>
      <c r="AY3566" s="164"/>
      <c r="BK3566" s="98"/>
      <c r="BL3566" s="97"/>
      <c r="BX3566" s="98"/>
      <c r="CL3566" s="97"/>
      <c r="CX3566" s="98"/>
      <c r="DL3566" s="97"/>
      <c r="DX3566" s="98"/>
      <c r="EL3566" s="97"/>
      <c r="EX3566" s="98"/>
      <c r="EY3566" s="97"/>
      <c r="FL3566" s="126"/>
      <c r="FM3566" s="91"/>
      <c r="FN3566" s="91"/>
      <c r="FO3566" s="91"/>
      <c r="FP3566" s="91"/>
      <c r="FQ3566" s="91"/>
      <c r="FR3566" s="91"/>
      <c r="FS3566" s="91"/>
      <c r="FT3566" s="91"/>
      <c r="FU3566" s="91"/>
      <c r="FV3566" s="91"/>
      <c r="FW3566" s="91"/>
      <c r="FX3566" s="127"/>
      <c r="FY3566" s="126"/>
      <c r="FZ3566" s="91"/>
      <c r="GA3566" s="91"/>
      <c r="GB3566" s="91"/>
      <c r="GC3566" s="91"/>
      <c r="GD3566" s="91"/>
      <c r="GE3566" s="91"/>
      <c r="GF3566" s="91"/>
      <c r="GG3566" s="91"/>
      <c r="GH3566" s="91"/>
      <c r="GI3566" s="91"/>
      <c r="GJ3566" s="91"/>
      <c r="GK3566" s="127"/>
      <c r="GL3566" s="126"/>
      <c r="GM3566" s="91"/>
      <c r="GN3566" s="91"/>
      <c r="GO3566" s="91"/>
      <c r="GP3566" s="91"/>
      <c r="GQ3566" s="91"/>
      <c r="GR3566" s="91"/>
      <c r="GS3566" s="91"/>
      <c r="GT3566" s="91"/>
      <c r="GU3566" s="91"/>
      <c r="GV3566" s="91"/>
      <c r="GW3566" s="91"/>
      <c r="GX3566" s="127"/>
      <c r="GY3566" s="126"/>
      <c r="GZ3566" s="91"/>
      <c r="HA3566" s="91"/>
      <c r="HB3566" s="91"/>
      <c r="HC3566" s="91"/>
      <c r="HD3566" s="91"/>
      <c r="HE3566" s="91"/>
      <c r="HF3566" s="91"/>
      <c r="HG3566" s="91"/>
      <c r="HH3566" s="91"/>
      <c r="HI3566" s="91"/>
      <c r="HJ3566" s="91"/>
      <c r="HK3566" s="127"/>
      <c r="HL3566" s="126"/>
      <c r="HM3566" s="91"/>
      <c r="HN3566" s="91"/>
      <c r="HO3566" s="91"/>
      <c r="HP3566" s="91"/>
      <c r="HQ3566" s="91"/>
      <c r="HR3566" s="91"/>
      <c r="HS3566" s="91"/>
      <c r="HT3566" s="91"/>
      <c r="HU3566" s="91"/>
      <c r="HV3566" s="91"/>
      <c r="HW3566" s="91"/>
      <c r="HX3566" s="127"/>
      <c r="HY3566" s="126"/>
      <c r="HZ3566" s="91"/>
      <c r="IA3566" s="91"/>
      <c r="IB3566" s="91"/>
      <c r="IC3566" s="91"/>
      <c r="ID3566" s="91"/>
      <c r="IE3566" s="91"/>
      <c r="IF3566" s="91"/>
      <c r="IG3566" s="91"/>
      <c r="IH3566" s="91"/>
      <c r="II3566" s="91"/>
      <c r="IJ3566" s="91"/>
      <c r="IK3566" s="174"/>
    </row>
    <row r="3567" spans="2:245" x14ac:dyDescent="0.2">
      <c r="B3567" s="43"/>
      <c r="C3567" s="73"/>
      <c r="D3567" s="64"/>
      <c r="E3567" s="64"/>
      <c r="F3567" s="55"/>
      <c r="G3567" s="102"/>
      <c r="H3567" s="97"/>
      <c r="T3567" s="98"/>
      <c r="U3567" s="97"/>
      <c r="AG3567" s="98"/>
      <c r="AY3567" s="164"/>
      <c r="BK3567" s="98"/>
      <c r="BL3567" s="97"/>
      <c r="BX3567" s="98"/>
      <c r="CL3567" s="97"/>
      <c r="CX3567" s="98"/>
      <c r="DL3567" s="97"/>
      <c r="DX3567" s="98"/>
      <c r="EL3567" s="97"/>
      <c r="EX3567" s="98"/>
      <c r="EY3567" s="97"/>
      <c r="FL3567" s="126"/>
      <c r="FM3567" s="91"/>
      <c r="FN3567" s="91"/>
      <c r="FO3567" s="91"/>
      <c r="FP3567" s="91"/>
      <c r="FQ3567" s="91"/>
      <c r="FR3567" s="91"/>
      <c r="FS3567" s="91"/>
      <c r="FT3567" s="91"/>
      <c r="FU3567" s="91"/>
      <c r="FV3567" s="91"/>
      <c r="FW3567" s="91"/>
      <c r="FX3567" s="127"/>
      <c r="FY3567" s="126"/>
      <c r="FZ3567" s="91"/>
      <c r="GA3567" s="91"/>
      <c r="GB3567" s="91"/>
      <c r="GC3567" s="91"/>
      <c r="GD3567" s="91"/>
      <c r="GE3567" s="91"/>
      <c r="GF3567" s="91"/>
      <c r="GG3567" s="91"/>
      <c r="GH3567" s="91"/>
      <c r="GI3567" s="91"/>
      <c r="GJ3567" s="91"/>
      <c r="GK3567" s="127"/>
      <c r="GL3567" s="126"/>
      <c r="GM3567" s="91"/>
      <c r="GN3567" s="91"/>
      <c r="GO3567" s="91"/>
      <c r="GP3567" s="91"/>
      <c r="GQ3567" s="91"/>
      <c r="GR3567" s="91"/>
      <c r="GS3567" s="91"/>
      <c r="GT3567" s="91"/>
      <c r="GU3567" s="91"/>
      <c r="GV3567" s="91"/>
      <c r="GW3567" s="91"/>
      <c r="GX3567" s="127"/>
      <c r="GY3567" s="126"/>
      <c r="GZ3567" s="91"/>
      <c r="HA3567" s="91"/>
      <c r="HB3567" s="91"/>
      <c r="HC3567" s="91"/>
      <c r="HD3567" s="91"/>
      <c r="HE3567" s="91"/>
      <c r="HF3567" s="91"/>
      <c r="HG3567" s="91"/>
      <c r="HH3567" s="91"/>
      <c r="HI3567" s="91"/>
      <c r="HJ3567" s="91"/>
      <c r="HK3567" s="127"/>
      <c r="HL3567" s="126"/>
      <c r="HM3567" s="91"/>
      <c r="HN3567" s="91"/>
      <c r="HO3567" s="91"/>
      <c r="HP3567" s="91"/>
      <c r="HQ3567" s="91"/>
      <c r="HR3567" s="91"/>
      <c r="HS3567" s="91"/>
      <c r="HT3567" s="91"/>
      <c r="HU3567" s="91"/>
      <c r="HV3567" s="91"/>
      <c r="HW3567" s="91"/>
      <c r="HX3567" s="127"/>
      <c r="HY3567" s="126"/>
      <c r="HZ3567" s="91"/>
      <c r="IA3567" s="91"/>
      <c r="IB3567" s="91"/>
      <c r="IC3567" s="91"/>
      <c r="ID3567" s="91"/>
      <c r="IE3567" s="91"/>
      <c r="IF3567" s="91"/>
      <c r="IG3567" s="91"/>
      <c r="IH3567" s="91"/>
      <c r="II3567" s="91"/>
      <c r="IJ3567" s="91"/>
      <c r="IK3567" s="174"/>
    </row>
    <row r="3568" spans="2:245" x14ac:dyDescent="0.2">
      <c r="B3568" s="43"/>
      <c r="C3568" s="73"/>
      <c r="D3568" s="64"/>
      <c r="E3568" s="64"/>
      <c r="F3568" s="55"/>
      <c r="G3568" s="102"/>
      <c r="H3568" s="97"/>
      <c r="T3568" s="98"/>
      <c r="U3568" s="97"/>
      <c r="AG3568" s="98"/>
      <c r="AY3568" s="164"/>
      <c r="BK3568" s="98"/>
      <c r="BL3568" s="97"/>
      <c r="BX3568" s="98"/>
      <c r="CL3568" s="97"/>
      <c r="CX3568" s="98"/>
      <c r="DL3568" s="97"/>
      <c r="DX3568" s="98"/>
      <c r="EL3568" s="97"/>
      <c r="EX3568" s="98"/>
      <c r="EY3568" s="97"/>
      <c r="FL3568" s="126"/>
      <c r="FM3568" s="91"/>
      <c r="FN3568" s="91"/>
      <c r="FO3568" s="91"/>
      <c r="FP3568" s="91"/>
      <c r="FQ3568" s="91"/>
      <c r="FR3568" s="91"/>
      <c r="FS3568" s="91"/>
      <c r="FT3568" s="91"/>
      <c r="FU3568" s="91"/>
      <c r="FV3568" s="91"/>
      <c r="FW3568" s="91"/>
      <c r="FX3568" s="127"/>
      <c r="FY3568" s="126"/>
      <c r="FZ3568" s="91"/>
      <c r="GA3568" s="91"/>
      <c r="GB3568" s="91"/>
      <c r="GC3568" s="91"/>
      <c r="GD3568" s="91"/>
      <c r="GE3568" s="91"/>
      <c r="GF3568" s="91"/>
      <c r="GG3568" s="91"/>
      <c r="GH3568" s="91"/>
      <c r="GI3568" s="91"/>
      <c r="GJ3568" s="91"/>
      <c r="GK3568" s="127"/>
      <c r="GL3568" s="126"/>
      <c r="GM3568" s="91"/>
      <c r="GN3568" s="91"/>
      <c r="GO3568" s="91"/>
      <c r="GP3568" s="91"/>
      <c r="GQ3568" s="91"/>
      <c r="GR3568" s="91"/>
      <c r="GS3568" s="91"/>
      <c r="GT3568" s="91"/>
      <c r="GU3568" s="91"/>
      <c r="GV3568" s="91"/>
      <c r="GW3568" s="91"/>
      <c r="GX3568" s="127"/>
      <c r="GY3568" s="126"/>
      <c r="GZ3568" s="91"/>
      <c r="HA3568" s="91"/>
      <c r="HB3568" s="91"/>
      <c r="HC3568" s="91"/>
      <c r="HD3568" s="91"/>
      <c r="HE3568" s="91"/>
      <c r="HF3568" s="91"/>
      <c r="HG3568" s="91"/>
      <c r="HH3568" s="91"/>
      <c r="HI3568" s="91"/>
      <c r="HJ3568" s="91"/>
      <c r="HK3568" s="127"/>
      <c r="HL3568" s="126"/>
      <c r="HM3568" s="91"/>
      <c r="HN3568" s="91"/>
      <c r="HO3568" s="91"/>
      <c r="HP3568" s="91"/>
      <c r="HQ3568" s="91"/>
      <c r="HR3568" s="91"/>
      <c r="HS3568" s="91"/>
      <c r="HT3568" s="91"/>
      <c r="HU3568" s="91"/>
      <c r="HV3568" s="91"/>
      <c r="HW3568" s="91"/>
      <c r="HX3568" s="127"/>
      <c r="HY3568" s="126"/>
      <c r="HZ3568" s="91"/>
      <c r="IA3568" s="91"/>
      <c r="IB3568" s="91"/>
      <c r="IC3568" s="91"/>
      <c r="ID3568" s="91"/>
      <c r="IE3568" s="91"/>
      <c r="IF3568" s="91"/>
      <c r="IG3568" s="91"/>
      <c r="IH3568" s="91"/>
      <c r="II3568" s="91"/>
      <c r="IJ3568" s="91"/>
      <c r="IK3568" s="174"/>
    </row>
    <row r="3569" spans="2:245" x14ac:dyDescent="0.2">
      <c r="B3569" s="43"/>
      <c r="C3569" s="73"/>
      <c r="D3569" s="64"/>
      <c r="E3569" s="64"/>
      <c r="F3569" s="55"/>
      <c r="G3569" s="102"/>
      <c r="H3569" s="97"/>
      <c r="T3569" s="98"/>
      <c r="U3569" s="97"/>
      <c r="AG3569" s="98"/>
      <c r="AY3569" s="164"/>
      <c r="BK3569" s="98"/>
      <c r="BL3569" s="97"/>
      <c r="BX3569" s="98"/>
      <c r="CL3569" s="97"/>
      <c r="CX3569" s="98"/>
      <c r="DL3569" s="97"/>
      <c r="DX3569" s="98"/>
      <c r="EL3569" s="97"/>
      <c r="EX3569" s="98"/>
      <c r="EY3569" s="97"/>
      <c r="FL3569" s="126"/>
      <c r="FM3569" s="91"/>
      <c r="FN3569" s="91"/>
      <c r="FO3569" s="91"/>
      <c r="FP3569" s="91"/>
      <c r="FQ3569" s="91"/>
      <c r="FR3569" s="91"/>
      <c r="FS3569" s="91"/>
      <c r="FT3569" s="91"/>
      <c r="FU3569" s="91"/>
      <c r="FV3569" s="91"/>
      <c r="FW3569" s="91"/>
      <c r="FX3569" s="127"/>
      <c r="FY3569" s="126"/>
      <c r="FZ3569" s="91"/>
      <c r="GA3569" s="91"/>
      <c r="GB3569" s="91"/>
      <c r="GC3569" s="91"/>
      <c r="GD3569" s="91"/>
      <c r="GE3569" s="91"/>
      <c r="GF3569" s="91"/>
      <c r="GG3569" s="91"/>
      <c r="GH3569" s="91"/>
      <c r="GI3569" s="91"/>
      <c r="GJ3569" s="91"/>
      <c r="GK3569" s="127"/>
      <c r="GL3569" s="126"/>
      <c r="GM3569" s="91"/>
      <c r="GN3569" s="91"/>
      <c r="GO3569" s="91"/>
      <c r="GP3569" s="91"/>
      <c r="GQ3569" s="91"/>
      <c r="GR3569" s="91"/>
      <c r="GS3569" s="91"/>
      <c r="GT3569" s="91"/>
      <c r="GU3569" s="91"/>
      <c r="GV3569" s="91"/>
      <c r="GW3569" s="91"/>
      <c r="GX3569" s="127"/>
      <c r="GY3569" s="126"/>
      <c r="GZ3569" s="91"/>
      <c r="HA3569" s="91"/>
      <c r="HB3569" s="91"/>
      <c r="HC3569" s="91"/>
      <c r="HD3569" s="91"/>
      <c r="HE3569" s="91"/>
      <c r="HF3569" s="91"/>
      <c r="HG3569" s="91"/>
      <c r="HH3569" s="91"/>
      <c r="HI3569" s="91"/>
      <c r="HJ3569" s="91"/>
      <c r="HK3569" s="127"/>
      <c r="HL3569" s="126"/>
      <c r="HM3569" s="91"/>
      <c r="HN3569" s="91"/>
      <c r="HO3569" s="91"/>
      <c r="HP3569" s="91"/>
      <c r="HQ3569" s="91"/>
      <c r="HR3569" s="91"/>
      <c r="HS3569" s="91"/>
      <c r="HT3569" s="91"/>
      <c r="HU3569" s="91"/>
      <c r="HV3569" s="91"/>
      <c r="HW3569" s="91"/>
      <c r="HX3569" s="127"/>
      <c r="HY3569" s="126"/>
      <c r="HZ3569" s="91"/>
      <c r="IA3569" s="91"/>
      <c r="IB3569" s="91"/>
      <c r="IC3569" s="91"/>
      <c r="ID3569" s="91"/>
      <c r="IE3569" s="91"/>
      <c r="IF3569" s="91"/>
      <c r="IG3569" s="91"/>
      <c r="IH3569" s="91"/>
      <c r="II3569" s="91"/>
      <c r="IJ3569" s="91"/>
      <c r="IK3569" s="174"/>
    </row>
    <row r="3570" spans="2:245" x14ac:dyDescent="0.2">
      <c r="B3570" s="43"/>
      <c r="C3570" s="73"/>
      <c r="D3570" s="64"/>
      <c r="E3570" s="64"/>
      <c r="F3570" s="55"/>
      <c r="G3570" s="102"/>
      <c r="H3570" s="97"/>
      <c r="T3570" s="98"/>
      <c r="U3570" s="97"/>
      <c r="AG3570" s="98"/>
      <c r="AY3570" s="164"/>
      <c r="BK3570" s="98"/>
      <c r="BL3570" s="97"/>
      <c r="BX3570" s="98"/>
      <c r="CL3570" s="97"/>
      <c r="CX3570" s="98"/>
      <c r="DL3570" s="97"/>
      <c r="DX3570" s="98"/>
      <c r="EL3570" s="97"/>
      <c r="EX3570" s="98"/>
      <c r="EY3570" s="97"/>
      <c r="FL3570" s="126"/>
      <c r="FM3570" s="91"/>
      <c r="FN3570" s="91"/>
      <c r="FO3570" s="91"/>
      <c r="FP3570" s="91"/>
      <c r="FQ3570" s="91"/>
      <c r="FR3570" s="91"/>
      <c r="FS3570" s="91"/>
      <c r="FT3570" s="91"/>
      <c r="FU3570" s="91"/>
      <c r="FV3570" s="91"/>
      <c r="FW3570" s="91"/>
      <c r="FX3570" s="127"/>
      <c r="FY3570" s="126"/>
      <c r="FZ3570" s="91"/>
      <c r="GA3570" s="91"/>
      <c r="GB3570" s="91"/>
      <c r="GC3570" s="91"/>
      <c r="GD3570" s="91"/>
      <c r="GE3570" s="91"/>
      <c r="GF3570" s="91"/>
      <c r="GG3570" s="91"/>
      <c r="GH3570" s="91"/>
      <c r="GI3570" s="91"/>
      <c r="GJ3570" s="91"/>
      <c r="GK3570" s="127"/>
      <c r="GL3570" s="126"/>
      <c r="GM3570" s="91"/>
      <c r="GN3570" s="91"/>
      <c r="GO3570" s="91"/>
      <c r="GP3570" s="91"/>
      <c r="GQ3570" s="91"/>
      <c r="GR3570" s="91"/>
      <c r="GS3570" s="91"/>
      <c r="GT3570" s="91"/>
      <c r="GU3570" s="91"/>
      <c r="GV3570" s="91"/>
      <c r="GW3570" s="91"/>
      <c r="GX3570" s="127"/>
      <c r="GY3570" s="126"/>
      <c r="GZ3570" s="91"/>
      <c r="HA3570" s="91"/>
      <c r="HB3570" s="91"/>
      <c r="HC3570" s="91"/>
      <c r="HD3570" s="91"/>
      <c r="HE3570" s="91"/>
      <c r="HF3570" s="91"/>
      <c r="HG3570" s="91"/>
      <c r="HH3570" s="91"/>
      <c r="HI3570" s="91"/>
      <c r="HJ3570" s="91"/>
      <c r="HK3570" s="127"/>
      <c r="HL3570" s="126"/>
      <c r="HM3570" s="91"/>
      <c r="HN3570" s="91"/>
      <c r="HO3570" s="91"/>
      <c r="HP3570" s="91"/>
      <c r="HQ3570" s="91"/>
      <c r="HR3570" s="91"/>
      <c r="HS3570" s="91"/>
      <c r="HT3570" s="91"/>
      <c r="HU3570" s="91"/>
      <c r="HV3570" s="91"/>
      <c r="HW3570" s="91"/>
      <c r="HX3570" s="127"/>
      <c r="HY3570" s="126"/>
      <c r="HZ3570" s="91"/>
      <c r="IA3570" s="91"/>
      <c r="IB3570" s="91"/>
      <c r="IC3570" s="91"/>
      <c r="ID3570" s="91"/>
      <c r="IE3570" s="91"/>
      <c r="IF3570" s="91"/>
      <c r="IG3570" s="91"/>
      <c r="IH3570" s="91"/>
      <c r="II3570" s="91"/>
      <c r="IJ3570" s="91"/>
      <c r="IK3570" s="174"/>
    </row>
    <row r="3571" spans="2:245" x14ac:dyDescent="0.2">
      <c r="B3571" s="43"/>
      <c r="C3571" s="73"/>
      <c r="D3571" s="64"/>
      <c r="E3571" s="64"/>
      <c r="F3571" s="55"/>
      <c r="G3571" s="102"/>
      <c r="H3571" s="97"/>
      <c r="T3571" s="98"/>
      <c r="U3571" s="97"/>
      <c r="AG3571" s="98"/>
      <c r="AY3571" s="164"/>
      <c r="BK3571" s="98"/>
      <c r="BL3571" s="97"/>
      <c r="BX3571" s="98"/>
      <c r="CL3571" s="97"/>
      <c r="CX3571" s="98"/>
      <c r="DL3571" s="97"/>
      <c r="DX3571" s="98"/>
      <c r="EL3571" s="97"/>
      <c r="EX3571" s="98"/>
      <c r="EY3571" s="97"/>
      <c r="FL3571" s="126"/>
      <c r="FM3571" s="91"/>
      <c r="FN3571" s="91"/>
      <c r="FO3571" s="91"/>
      <c r="FP3571" s="91"/>
      <c r="FQ3571" s="91"/>
      <c r="FR3571" s="91"/>
      <c r="FS3571" s="91"/>
      <c r="FT3571" s="91"/>
      <c r="FU3571" s="91"/>
      <c r="FV3571" s="91"/>
      <c r="FW3571" s="91"/>
      <c r="FX3571" s="127"/>
      <c r="FY3571" s="126"/>
      <c r="FZ3571" s="91"/>
      <c r="GA3571" s="91"/>
      <c r="GB3571" s="91"/>
      <c r="GC3571" s="91"/>
      <c r="GD3571" s="91"/>
      <c r="GE3571" s="91"/>
      <c r="GF3571" s="91"/>
      <c r="GG3571" s="91"/>
      <c r="GH3571" s="91"/>
      <c r="GI3571" s="91"/>
      <c r="GJ3571" s="91"/>
      <c r="GK3571" s="127"/>
      <c r="GL3571" s="126"/>
      <c r="GM3571" s="91"/>
      <c r="GN3571" s="91"/>
      <c r="GO3571" s="91"/>
      <c r="GP3571" s="91"/>
      <c r="GQ3571" s="91"/>
      <c r="GR3571" s="91"/>
      <c r="GS3571" s="91"/>
      <c r="GT3571" s="91"/>
      <c r="GU3571" s="91"/>
      <c r="GV3571" s="91"/>
      <c r="GW3571" s="91"/>
      <c r="GX3571" s="127"/>
      <c r="GY3571" s="126"/>
      <c r="GZ3571" s="91"/>
      <c r="HA3571" s="91"/>
      <c r="HB3571" s="91"/>
      <c r="HC3571" s="91"/>
      <c r="HD3571" s="91"/>
      <c r="HE3571" s="91"/>
      <c r="HF3571" s="91"/>
      <c r="HG3571" s="91"/>
      <c r="HH3571" s="91"/>
      <c r="HI3571" s="91"/>
      <c r="HJ3571" s="91"/>
      <c r="HK3571" s="127"/>
      <c r="HL3571" s="126"/>
      <c r="HM3571" s="91"/>
      <c r="HN3571" s="91"/>
      <c r="HO3571" s="91"/>
      <c r="HP3571" s="91"/>
      <c r="HQ3571" s="91"/>
      <c r="HR3571" s="91"/>
      <c r="HS3571" s="91"/>
      <c r="HT3571" s="91"/>
      <c r="HU3571" s="91"/>
      <c r="HV3571" s="91"/>
      <c r="HW3571" s="91"/>
      <c r="HX3571" s="127"/>
      <c r="HY3571" s="126"/>
      <c r="HZ3571" s="91"/>
      <c r="IA3571" s="91"/>
      <c r="IB3571" s="91"/>
      <c r="IC3571" s="91"/>
      <c r="ID3571" s="91"/>
      <c r="IE3571" s="91"/>
      <c r="IF3571" s="91"/>
      <c r="IG3571" s="91"/>
      <c r="IH3571" s="91"/>
      <c r="II3571" s="91"/>
      <c r="IJ3571" s="91"/>
      <c r="IK3571" s="174"/>
    </row>
    <row r="3572" spans="2:245" x14ac:dyDescent="0.2">
      <c r="B3572" s="43"/>
      <c r="C3572" s="73"/>
      <c r="D3572" s="64"/>
      <c r="E3572" s="64"/>
      <c r="F3572" s="55"/>
      <c r="G3572" s="102"/>
      <c r="H3572" s="97"/>
      <c r="T3572" s="98"/>
      <c r="U3572" s="97"/>
      <c r="AG3572" s="98"/>
      <c r="AY3572" s="164"/>
      <c r="BK3572" s="98"/>
      <c r="BL3572" s="97"/>
      <c r="BX3572" s="98"/>
      <c r="CL3572" s="97"/>
      <c r="CX3572" s="98"/>
      <c r="DL3572" s="97"/>
      <c r="DX3572" s="98"/>
      <c r="EL3572" s="97"/>
      <c r="EX3572" s="98"/>
      <c r="EY3572" s="97"/>
      <c r="FL3572" s="126"/>
      <c r="FM3572" s="91"/>
      <c r="FN3572" s="91"/>
      <c r="FO3572" s="91"/>
      <c r="FP3572" s="91"/>
      <c r="FQ3572" s="91"/>
      <c r="FR3572" s="91"/>
      <c r="FS3572" s="91"/>
      <c r="FT3572" s="91"/>
      <c r="FU3572" s="91"/>
      <c r="FV3572" s="91"/>
      <c r="FW3572" s="91"/>
      <c r="FX3572" s="127"/>
      <c r="FY3572" s="126"/>
      <c r="FZ3572" s="91"/>
      <c r="GA3572" s="91"/>
      <c r="GB3572" s="91"/>
      <c r="GC3572" s="91"/>
      <c r="GD3572" s="91"/>
      <c r="GE3572" s="91"/>
      <c r="GF3572" s="91"/>
      <c r="GG3572" s="91"/>
      <c r="GH3572" s="91"/>
      <c r="GI3572" s="91"/>
      <c r="GJ3572" s="91"/>
      <c r="GK3572" s="127"/>
      <c r="GL3572" s="126"/>
      <c r="GM3572" s="91"/>
      <c r="GN3572" s="91"/>
      <c r="GO3572" s="91"/>
      <c r="GP3572" s="91"/>
      <c r="GQ3572" s="91"/>
      <c r="GR3572" s="91"/>
      <c r="GS3572" s="91"/>
      <c r="GT3572" s="91"/>
      <c r="GU3572" s="91"/>
      <c r="GV3572" s="91"/>
      <c r="GW3572" s="91"/>
      <c r="GX3572" s="127"/>
      <c r="GY3572" s="126"/>
      <c r="GZ3572" s="91"/>
      <c r="HA3572" s="91"/>
      <c r="HB3572" s="91"/>
      <c r="HC3572" s="91"/>
      <c r="HD3572" s="91"/>
      <c r="HE3572" s="91"/>
      <c r="HF3572" s="91"/>
      <c r="HG3572" s="91"/>
      <c r="HH3572" s="91"/>
      <c r="HI3572" s="91"/>
      <c r="HJ3572" s="91"/>
      <c r="HK3572" s="127"/>
      <c r="HL3572" s="126"/>
      <c r="HM3572" s="91"/>
      <c r="HN3572" s="91"/>
      <c r="HO3572" s="91"/>
      <c r="HP3572" s="91"/>
      <c r="HQ3572" s="91"/>
      <c r="HR3572" s="91"/>
      <c r="HS3572" s="91"/>
      <c r="HT3572" s="91"/>
      <c r="HU3572" s="91"/>
      <c r="HV3572" s="91"/>
      <c r="HW3572" s="91"/>
      <c r="HX3572" s="127"/>
      <c r="HY3572" s="126"/>
      <c r="HZ3572" s="91"/>
      <c r="IA3572" s="91"/>
      <c r="IB3572" s="91"/>
      <c r="IC3572" s="91"/>
      <c r="ID3572" s="91"/>
      <c r="IE3572" s="91"/>
      <c r="IF3572" s="91"/>
      <c r="IG3572" s="91"/>
      <c r="IH3572" s="91"/>
      <c r="II3572" s="91"/>
      <c r="IJ3572" s="91"/>
      <c r="IK3572" s="174"/>
    </row>
    <row r="3573" spans="2:245" x14ac:dyDescent="0.2">
      <c r="B3573" s="43"/>
      <c r="C3573" s="73"/>
      <c r="D3573" s="64"/>
      <c r="E3573" s="64"/>
      <c r="F3573" s="55"/>
      <c r="G3573" s="102"/>
      <c r="H3573" s="97"/>
      <c r="T3573" s="98"/>
      <c r="U3573" s="97"/>
      <c r="AG3573" s="98"/>
      <c r="AY3573" s="164"/>
      <c r="BK3573" s="98"/>
      <c r="BL3573" s="97"/>
      <c r="BX3573" s="98"/>
      <c r="CL3573" s="97"/>
      <c r="CX3573" s="98"/>
      <c r="DL3573" s="97"/>
      <c r="DX3573" s="98"/>
      <c r="EL3573" s="97"/>
      <c r="EX3573" s="98"/>
      <c r="EY3573" s="97"/>
      <c r="FL3573" s="126"/>
      <c r="FM3573" s="91"/>
      <c r="FN3573" s="91"/>
      <c r="FO3573" s="91"/>
      <c r="FP3573" s="91"/>
      <c r="FQ3573" s="91"/>
      <c r="FR3573" s="91"/>
      <c r="FS3573" s="91"/>
      <c r="FT3573" s="91"/>
      <c r="FU3573" s="91"/>
      <c r="FV3573" s="91"/>
      <c r="FW3573" s="91"/>
      <c r="FX3573" s="127"/>
      <c r="FY3573" s="126"/>
      <c r="FZ3573" s="91"/>
      <c r="GA3573" s="91"/>
      <c r="GB3573" s="91"/>
      <c r="GC3573" s="91"/>
      <c r="GD3573" s="91"/>
      <c r="GE3573" s="91"/>
      <c r="GF3573" s="91"/>
      <c r="GG3573" s="91"/>
      <c r="GH3573" s="91"/>
      <c r="GI3573" s="91"/>
      <c r="GJ3573" s="91"/>
      <c r="GK3573" s="127"/>
      <c r="GL3573" s="126"/>
      <c r="GM3573" s="91"/>
      <c r="GN3573" s="91"/>
      <c r="GO3573" s="91"/>
      <c r="GP3573" s="91"/>
      <c r="GQ3573" s="91"/>
      <c r="GR3573" s="91"/>
      <c r="GS3573" s="91"/>
      <c r="GT3573" s="91"/>
      <c r="GU3573" s="91"/>
      <c r="GV3573" s="91"/>
      <c r="GW3573" s="91"/>
      <c r="GX3573" s="127"/>
      <c r="GY3573" s="126"/>
      <c r="GZ3573" s="91"/>
      <c r="HA3573" s="91"/>
      <c r="HB3573" s="91"/>
      <c r="HC3573" s="91"/>
      <c r="HD3573" s="91"/>
      <c r="HE3573" s="91"/>
      <c r="HF3573" s="91"/>
      <c r="HG3573" s="91"/>
      <c r="HH3573" s="91"/>
      <c r="HI3573" s="91"/>
      <c r="HJ3573" s="91"/>
      <c r="HK3573" s="127"/>
      <c r="HL3573" s="126"/>
      <c r="HM3573" s="91"/>
      <c r="HN3573" s="91"/>
      <c r="HO3573" s="91"/>
      <c r="HP3573" s="91"/>
      <c r="HQ3573" s="91"/>
      <c r="HR3573" s="91"/>
      <c r="HS3573" s="91"/>
      <c r="HT3573" s="91"/>
      <c r="HU3573" s="91"/>
      <c r="HV3573" s="91"/>
      <c r="HW3573" s="91"/>
      <c r="HX3573" s="127"/>
      <c r="HY3573" s="126"/>
      <c r="HZ3573" s="91"/>
      <c r="IA3573" s="91"/>
      <c r="IB3573" s="91"/>
      <c r="IC3573" s="91"/>
      <c r="ID3573" s="91"/>
      <c r="IE3573" s="91"/>
      <c r="IF3573" s="91"/>
      <c r="IG3573" s="91"/>
      <c r="IH3573" s="91"/>
      <c r="II3573" s="91"/>
      <c r="IJ3573" s="91"/>
      <c r="IK3573" s="174"/>
    </row>
    <row r="3574" spans="2:245" x14ac:dyDescent="0.2">
      <c r="B3574" s="43"/>
      <c r="C3574" s="73"/>
      <c r="D3574" s="64"/>
      <c r="E3574" s="64"/>
      <c r="F3574" s="55"/>
      <c r="G3574" s="102"/>
      <c r="H3574" s="97"/>
      <c r="T3574" s="98"/>
      <c r="U3574" s="97"/>
      <c r="AG3574" s="98"/>
      <c r="AY3574" s="164"/>
      <c r="BK3574" s="98"/>
      <c r="BL3574" s="97"/>
      <c r="BX3574" s="98"/>
      <c r="CL3574" s="97"/>
      <c r="CX3574" s="98"/>
      <c r="DL3574" s="97"/>
      <c r="DX3574" s="98"/>
      <c r="EL3574" s="97"/>
      <c r="EX3574" s="98"/>
      <c r="EY3574" s="97"/>
      <c r="FL3574" s="126"/>
      <c r="FM3574" s="91"/>
      <c r="FN3574" s="91"/>
      <c r="FO3574" s="91"/>
      <c r="FP3574" s="91"/>
      <c r="FQ3574" s="91"/>
      <c r="FR3574" s="91"/>
      <c r="FS3574" s="91"/>
      <c r="FT3574" s="91"/>
      <c r="FU3574" s="91"/>
      <c r="FV3574" s="91"/>
      <c r="FW3574" s="91"/>
      <c r="FX3574" s="127"/>
      <c r="FY3574" s="126"/>
      <c r="FZ3574" s="91"/>
      <c r="GA3574" s="91"/>
      <c r="GB3574" s="91"/>
      <c r="GC3574" s="91"/>
      <c r="GD3574" s="91"/>
      <c r="GE3574" s="91"/>
      <c r="GF3574" s="91"/>
      <c r="GG3574" s="91"/>
      <c r="GH3574" s="91"/>
      <c r="GI3574" s="91"/>
      <c r="GJ3574" s="91"/>
      <c r="GK3574" s="127"/>
      <c r="GL3574" s="126"/>
      <c r="GM3574" s="91"/>
      <c r="GN3574" s="91"/>
      <c r="GO3574" s="91"/>
      <c r="GP3574" s="91"/>
      <c r="GQ3574" s="91"/>
      <c r="GR3574" s="91"/>
      <c r="GS3574" s="91"/>
      <c r="GT3574" s="91"/>
      <c r="GU3574" s="91"/>
      <c r="GV3574" s="91"/>
      <c r="GW3574" s="91"/>
      <c r="GX3574" s="127"/>
      <c r="GY3574" s="126"/>
      <c r="GZ3574" s="91"/>
      <c r="HA3574" s="91"/>
      <c r="HB3574" s="91"/>
      <c r="HC3574" s="91"/>
      <c r="HD3574" s="91"/>
      <c r="HE3574" s="91"/>
      <c r="HF3574" s="91"/>
      <c r="HG3574" s="91"/>
      <c r="HH3574" s="91"/>
      <c r="HI3574" s="91"/>
      <c r="HJ3574" s="91"/>
      <c r="HK3574" s="127"/>
      <c r="HL3574" s="126"/>
      <c r="HM3574" s="91"/>
      <c r="HN3574" s="91"/>
      <c r="HO3574" s="91"/>
      <c r="HP3574" s="91"/>
      <c r="HQ3574" s="91"/>
      <c r="HR3574" s="91"/>
      <c r="HS3574" s="91"/>
      <c r="HT3574" s="91"/>
      <c r="HU3574" s="91"/>
      <c r="HV3574" s="91"/>
      <c r="HW3574" s="91"/>
      <c r="HX3574" s="127"/>
      <c r="HY3574" s="126"/>
      <c r="HZ3574" s="91"/>
      <c r="IA3574" s="91"/>
      <c r="IB3574" s="91"/>
      <c r="IC3574" s="91"/>
      <c r="ID3574" s="91"/>
      <c r="IE3574" s="91"/>
      <c r="IF3574" s="91"/>
      <c r="IG3574" s="91"/>
      <c r="IH3574" s="91"/>
      <c r="II3574" s="91"/>
      <c r="IJ3574" s="91"/>
      <c r="IK3574" s="174"/>
    </row>
    <row r="3575" spans="2:245" x14ac:dyDescent="0.2">
      <c r="B3575" s="43"/>
      <c r="C3575" s="73"/>
      <c r="D3575" s="64"/>
      <c r="E3575" s="64"/>
      <c r="F3575" s="55"/>
      <c r="G3575" s="102"/>
      <c r="H3575" s="97"/>
      <c r="T3575" s="98"/>
      <c r="U3575" s="97"/>
      <c r="AG3575" s="98"/>
      <c r="AY3575" s="164"/>
      <c r="BK3575" s="98"/>
      <c r="BL3575" s="97"/>
      <c r="BX3575" s="98"/>
      <c r="CL3575" s="97"/>
      <c r="CX3575" s="98"/>
      <c r="DL3575" s="97"/>
      <c r="DX3575" s="98"/>
      <c r="EL3575" s="97"/>
      <c r="EX3575" s="98"/>
      <c r="EY3575" s="97"/>
      <c r="FL3575" s="126"/>
      <c r="FM3575" s="91"/>
      <c r="FN3575" s="91"/>
      <c r="FO3575" s="91"/>
      <c r="FP3575" s="91"/>
      <c r="FQ3575" s="91"/>
      <c r="FR3575" s="91"/>
      <c r="FS3575" s="91"/>
      <c r="FT3575" s="91"/>
      <c r="FU3575" s="91"/>
      <c r="FV3575" s="91"/>
      <c r="FW3575" s="91"/>
      <c r="FX3575" s="127"/>
      <c r="FY3575" s="126"/>
      <c r="FZ3575" s="91"/>
      <c r="GA3575" s="91"/>
      <c r="GB3575" s="91"/>
      <c r="GC3575" s="91"/>
      <c r="GD3575" s="91"/>
      <c r="GE3575" s="91"/>
      <c r="GF3575" s="91"/>
      <c r="GG3575" s="91"/>
      <c r="GH3575" s="91"/>
      <c r="GI3575" s="91"/>
      <c r="GJ3575" s="91"/>
      <c r="GK3575" s="127"/>
      <c r="GL3575" s="126"/>
      <c r="GM3575" s="91"/>
      <c r="GN3575" s="91"/>
      <c r="GO3575" s="91"/>
      <c r="GP3575" s="91"/>
      <c r="GQ3575" s="91"/>
      <c r="GR3575" s="91"/>
      <c r="GS3575" s="91"/>
      <c r="GT3575" s="91"/>
      <c r="GU3575" s="91"/>
      <c r="GV3575" s="91"/>
      <c r="GW3575" s="91"/>
      <c r="GX3575" s="127"/>
      <c r="GY3575" s="126"/>
      <c r="GZ3575" s="91"/>
      <c r="HA3575" s="91"/>
      <c r="HB3575" s="91"/>
      <c r="HC3575" s="91"/>
      <c r="HD3575" s="91"/>
      <c r="HE3575" s="91"/>
      <c r="HF3575" s="91"/>
      <c r="HG3575" s="91"/>
      <c r="HH3575" s="91"/>
      <c r="HI3575" s="91"/>
      <c r="HJ3575" s="91"/>
      <c r="HK3575" s="127"/>
      <c r="HL3575" s="126"/>
      <c r="HM3575" s="91"/>
      <c r="HN3575" s="91"/>
      <c r="HO3575" s="91"/>
      <c r="HP3575" s="91"/>
      <c r="HQ3575" s="91"/>
      <c r="HR3575" s="91"/>
      <c r="HS3575" s="91"/>
      <c r="HT3575" s="91"/>
      <c r="HU3575" s="91"/>
      <c r="HV3575" s="91"/>
      <c r="HW3575" s="91"/>
      <c r="HX3575" s="127"/>
      <c r="HY3575" s="126"/>
      <c r="HZ3575" s="91"/>
      <c r="IA3575" s="91"/>
      <c r="IB3575" s="91"/>
      <c r="IC3575" s="91"/>
      <c r="ID3575" s="91"/>
      <c r="IE3575" s="91"/>
      <c r="IF3575" s="91"/>
      <c r="IG3575" s="91"/>
      <c r="IH3575" s="91"/>
      <c r="II3575" s="91"/>
      <c r="IJ3575" s="91"/>
      <c r="IK3575" s="174"/>
    </row>
    <row r="3576" spans="2:245" x14ac:dyDescent="0.2">
      <c r="B3576" s="43"/>
      <c r="C3576" s="73"/>
      <c r="D3576" s="64"/>
      <c r="E3576" s="64"/>
      <c r="F3576" s="55"/>
      <c r="G3576" s="102"/>
      <c r="H3576" s="97"/>
      <c r="T3576" s="98"/>
      <c r="U3576" s="97"/>
      <c r="AG3576" s="98"/>
      <c r="AY3576" s="164"/>
      <c r="BK3576" s="98"/>
      <c r="BL3576" s="97"/>
      <c r="BX3576" s="98"/>
      <c r="CL3576" s="97"/>
      <c r="CX3576" s="98"/>
      <c r="DL3576" s="97"/>
      <c r="DX3576" s="98"/>
      <c r="EL3576" s="97"/>
      <c r="EX3576" s="98"/>
      <c r="EY3576" s="97"/>
      <c r="FL3576" s="126"/>
      <c r="FM3576" s="91"/>
      <c r="FN3576" s="91"/>
      <c r="FO3576" s="91"/>
      <c r="FP3576" s="91"/>
      <c r="FQ3576" s="91"/>
      <c r="FR3576" s="91"/>
      <c r="FS3576" s="91"/>
      <c r="FT3576" s="91"/>
      <c r="FU3576" s="91"/>
      <c r="FV3576" s="91"/>
      <c r="FW3576" s="91"/>
      <c r="FX3576" s="127"/>
      <c r="FY3576" s="126"/>
      <c r="FZ3576" s="91"/>
      <c r="GA3576" s="91"/>
      <c r="GB3576" s="91"/>
      <c r="GC3576" s="91"/>
      <c r="GD3576" s="91"/>
      <c r="GE3576" s="91"/>
      <c r="GF3576" s="91"/>
      <c r="GG3576" s="91"/>
      <c r="GH3576" s="91"/>
      <c r="GI3576" s="91"/>
      <c r="GJ3576" s="91"/>
      <c r="GK3576" s="127"/>
      <c r="GL3576" s="126"/>
      <c r="GM3576" s="91"/>
      <c r="GN3576" s="91"/>
      <c r="GO3576" s="91"/>
      <c r="GP3576" s="91"/>
      <c r="GQ3576" s="91"/>
      <c r="GR3576" s="91"/>
      <c r="GS3576" s="91"/>
      <c r="GT3576" s="91"/>
      <c r="GU3576" s="91"/>
      <c r="GV3576" s="91"/>
      <c r="GW3576" s="91"/>
      <c r="GX3576" s="127"/>
      <c r="GY3576" s="126"/>
      <c r="GZ3576" s="91"/>
      <c r="HA3576" s="91"/>
      <c r="HB3576" s="91"/>
      <c r="HC3576" s="91"/>
      <c r="HD3576" s="91"/>
      <c r="HE3576" s="91"/>
      <c r="HF3576" s="91"/>
      <c r="HG3576" s="91"/>
      <c r="HH3576" s="91"/>
      <c r="HI3576" s="91"/>
      <c r="HJ3576" s="91"/>
      <c r="HK3576" s="127"/>
      <c r="HL3576" s="126"/>
      <c r="HM3576" s="91"/>
      <c r="HN3576" s="91"/>
      <c r="HO3576" s="91"/>
      <c r="HP3576" s="91"/>
      <c r="HQ3576" s="91"/>
      <c r="HR3576" s="91"/>
      <c r="HS3576" s="91"/>
      <c r="HT3576" s="91"/>
      <c r="HU3576" s="91"/>
      <c r="HV3576" s="91"/>
      <c r="HW3576" s="91"/>
      <c r="HX3576" s="127"/>
      <c r="HY3576" s="126"/>
      <c r="HZ3576" s="91"/>
      <c r="IA3576" s="91"/>
      <c r="IB3576" s="91"/>
      <c r="IC3576" s="91"/>
      <c r="ID3576" s="91"/>
      <c r="IE3576" s="91"/>
      <c r="IF3576" s="91"/>
      <c r="IG3576" s="91"/>
      <c r="IH3576" s="91"/>
      <c r="II3576" s="91"/>
      <c r="IJ3576" s="91"/>
      <c r="IK3576" s="174"/>
    </row>
    <row r="3577" spans="2:245" x14ac:dyDescent="0.2">
      <c r="B3577" s="43"/>
      <c r="C3577" s="73"/>
      <c r="D3577" s="64"/>
      <c r="E3577" s="64"/>
      <c r="F3577" s="55"/>
      <c r="G3577" s="102"/>
      <c r="H3577" s="97"/>
      <c r="T3577" s="98"/>
      <c r="U3577" s="97"/>
      <c r="AG3577" s="98"/>
      <c r="AY3577" s="164"/>
      <c r="BK3577" s="98"/>
      <c r="BL3577" s="97"/>
      <c r="BX3577" s="98"/>
      <c r="CL3577" s="97"/>
      <c r="CX3577" s="98"/>
      <c r="DL3577" s="97"/>
      <c r="DX3577" s="98"/>
      <c r="EL3577" s="97"/>
      <c r="EX3577" s="98"/>
      <c r="EY3577" s="97"/>
      <c r="FL3577" s="126"/>
      <c r="FM3577" s="91"/>
      <c r="FN3577" s="91"/>
      <c r="FO3577" s="91"/>
      <c r="FP3577" s="91"/>
      <c r="FQ3577" s="91"/>
      <c r="FR3577" s="91"/>
      <c r="FS3577" s="91"/>
      <c r="FT3577" s="91"/>
      <c r="FU3577" s="91"/>
      <c r="FV3577" s="91"/>
      <c r="FW3577" s="91"/>
      <c r="FX3577" s="127"/>
      <c r="FY3577" s="126"/>
      <c r="FZ3577" s="91"/>
      <c r="GA3577" s="91"/>
      <c r="GB3577" s="91"/>
      <c r="GC3577" s="91"/>
      <c r="GD3577" s="91"/>
      <c r="GE3577" s="91"/>
      <c r="GF3577" s="91"/>
      <c r="GG3577" s="91"/>
      <c r="GH3577" s="91"/>
      <c r="GI3577" s="91"/>
      <c r="GJ3577" s="91"/>
      <c r="GK3577" s="127"/>
      <c r="GL3577" s="126"/>
      <c r="GM3577" s="91"/>
      <c r="GN3577" s="91"/>
      <c r="GO3577" s="91"/>
      <c r="GP3577" s="91"/>
      <c r="GQ3577" s="91"/>
      <c r="GR3577" s="91"/>
      <c r="GS3577" s="91"/>
      <c r="GT3577" s="91"/>
      <c r="GU3577" s="91"/>
      <c r="GV3577" s="91"/>
      <c r="GW3577" s="91"/>
      <c r="GX3577" s="127"/>
      <c r="GY3577" s="126"/>
      <c r="GZ3577" s="91"/>
      <c r="HA3577" s="91"/>
      <c r="HB3577" s="91"/>
      <c r="HC3577" s="91"/>
      <c r="HD3577" s="91"/>
      <c r="HE3577" s="91"/>
      <c r="HF3577" s="91"/>
      <c r="HG3577" s="91"/>
      <c r="HH3577" s="91"/>
      <c r="HI3577" s="91"/>
      <c r="HJ3577" s="91"/>
      <c r="HK3577" s="127"/>
      <c r="HL3577" s="126"/>
      <c r="HM3577" s="91"/>
      <c r="HN3577" s="91"/>
      <c r="HO3577" s="91"/>
      <c r="HP3577" s="91"/>
      <c r="HQ3577" s="91"/>
      <c r="HR3577" s="91"/>
      <c r="HS3577" s="91"/>
      <c r="HT3577" s="91"/>
      <c r="HU3577" s="91"/>
      <c r="HV3577" s="91"/>
      <c r="HW3577" s="91"/>
      <c r="HX3577" s="127"/>
      <c r="HY3577" s="126"/>
      <c r="HZ3577" s="91"/>
      <c r="IA3577" s="91"/>
      <c r="IB3577" s="91"/>
      <c r="IC3577" s="91"/>
      <c r="ID3577" s="91"/>
      <c r="IE3577" s="91"/>
      <c r="IF3577" s="91"/>
      <c r="IG3577" s="91"/>
      <c r="IH3577" s="91"/>
      <c r="II3577" s="91"/>
      <c r="IJ3577" s="91"/>
      <c r="IK3577" s="174"/>
    </row>
    <row r="3578" spans="2:245" x14ac:dyDescent="0.2">
      <c r="B3578" s="43"/>
      <c r="C3578" s="73"/>
      <c r="D3578" s="64"/>
      <c r="E3578" s="64"/>
      <c r="F3578" s="55"/>
      <c r="G3578" s="102"/>
      <c r="H3578" s="97"/>
      <c r="T3578" s="98"/>
      <c r="U3578" s="97"/>
      <c r="AG3578" s="98"/>
      <c r="AY3578" s="164"/>
      <c r="BK3578" s="98"/>
      <c r="BL3578" s="97"/>
      <c r="BX3578" s="98"/>
      <c r="CL3578" s="97"/>
      <c r="CX3578" s="98"/>
      <c r="DL3578" s="97"/>
      <c r="DX3578" s="98"/>
      <c r="EL3578" s="97"/>
      <c r="EX3578" s="98"/>
      <c r="EY3578" s="97"/>
      <c r="FL3578" s="126"/>
      <c r="FM3578" s="91"/>
      <c r="FN3578" s="91"/>
      <c r="FO3578" s="91"/>
      <c r="FP3578" s="91"/>
      <c r="FQ3578" s="91"/>
      <c r="FR3578" s="91"/>
      <c r="FS3578" s="91"/>
      <c r="FT3578" s="91"/>
      <c r="FU3578" s="91"/>
      <c r="FV3578" s="91"/>
      <c r="FW3578" s="91"/>
      <c r="FX3578" s="127"/>
      <c r="FY3578" s="126"/>
      <c r="FZ3578" s="91"/>
      <c r="GA3578" s="91"/>
      <c r="GB3578" s="91"/>
      <c r="GC3578" s="91"/>
      <c r="GD3578" s="91"/>
      <c r="GE3578" s="91"/>
      <c r="GF3578" s="91"/>
      <c r="GG3578" s="91"/>
      <c r="GH3578" s="91"/>
      <c r="GI3578" s="91"/>
      <c r="GJ3578" s="91"/>
      <c r="GK3578" s="127"/>
      <c r="GL3578" s="126"/>
      <c r="GM3578" s="91"/>
      <c r="GN3578" s="91"/>
      <c r="GO3578" s="91"/>
      <c r="GP3578" s="91"/>
      <c r="GQ3578" s="91"/>
      <c r="GR3578" s="91"/>
      <c r="GS3578" s="91"/>
      <c r="GT3578" s="91"/>
      <c r="GU3578" s="91"/>
      <c r="GV3578" s="91"/>
      <c r="GW3578" s="91"/>
      <c r="GX3578" s="127"/>
      <c r="GY3578" s="126"/>
      <c r="GZ3578" s="91"/>
      <c r="HA3578" s="91"/>
      <c r="HB3578" s="91"/>
      <c r="HC3578" s="91"/>
      <c r="HD3578" s="91"/>
      <c r="HE3578" s="91"/>
      <c r="HF3578" s="91"/>
      <c r="HG3578" s="91"/>
      <c r="HH3578" s="91"/>
      <c r="HI3578" s="91"/>
      <c r="HJ3578" s="91"/>
      <c r="HK3578" s="127"/>
      <c r="HL3578" s="126"/>
      <c r="HM3578" s="91"/>
      <c r="HN3578" s="91"/>
      <c r="HO3578" s="91"/>
      <c r="HP3578" s="91"/>
      <c r="HQ3578" s="91"/>
      <c r="HR3578" s="91"/>
      <c r="HS3578" s="91"/>
      <c r="HT3578" s="91"/>
      <c r="HU3578" s="91"/>
      <c r="HV3578" s="91"/>
      <c r="HW3578" s="91"/>
      <c r="HX3578" s="127"/>
      <c r="HY3578" s="126"/>
      <c r="HZ3578" s="91"/>
      <c r="IA3578" s="91"/>
      <c r="IB3578" s="91"/>
      <c r="IC3578" s="91"/>
      <c r="ID3578" s="91"/>
      <c r="IE3578" s="91"/>
      <c r="IF3578" s="91"/>
      <c r="IG3578" s="91"/>
      <c r="IH3578" s="91"/>
      <c r="II3578" s="91"/>
      <c r="IJ3578" s="91"/>
      <c r="IK3578" s="174"/>
    </row>
    <row r="3579" spans="2:245" x14ac:dyDescent="0.2">
      <c r="B3579" s="43"/>
      <c r="C3579" s="73"/>
      <c r="D3579" s="64"/>
      <c r="E3579" s="64"/>
      <c r="F3579" s="55"/>
      <c r="G3579" s="102"/>
      <c r="H3579" s="97"/>
      <c r="T3579" s="98"/>
      <c r="U3579" s="97"/>
      <c r="AG3579" s="98"/>
      <c r="AY3579" s="164"/>
      <c r="BK3579" s="98"/>
      <c r="BL3579" s="97"/>
      <c r="BX3579" s="98"/>
      <c r="CL3579" s="97"/>
      <c r="CX3579" s="98"/>
      <c r="DL3579" s="97"/>
      <c r="DX3579" s="98"/>
      <c r="EL3579" s="97"/>
      <c r="EX3579" s="98"/>
      <c r="EY3579" s="97"/>
      <c r="FL3579" s="126"/>
      <c r="FM3579" s="91"/>
      <c r="FN3579" s="91"/>
      <c r="FO3579" s="91"/>
      <c r="FP3579" s="91"/>
      <c r="FQ3579" s="91"/>
      <c r="FR3579" s="91"/>
      <c r="FS3579" s="91"/>
      <c r="FT3579" s="91"/>
      <c r="FU3579" s="91"/>
      <c r="FV3579" s="91"/>
      <c r="FW3579" s="91"/>
      <c r="FX3579" s="127"/>
      <c r="FY3579" s="126"/>
      <c r="FZ3579" s="91"/>
      <c r="GA3579" s="91"/>
      <c r="GB3579" s="91"/>
      <c r="GC3579" s="91"/>
      <c r="GD3579" s="91"/>
      <c r="GE3579" s="91"/>
      <c r="GF3579" s="91"/>
      <c r="GG3579" s="91"/>
      <c r="GH3579" s="91"/>
      <c r="GI3579" s="91"/>
      <c r="GJ3579" s="91"/>
      <c r="GK3579" s="127"/>
      <c r="GL3579" s="126"/>
      <c r="GM3579" s="91"/>
      <c r="GN3579" s="91"/>
      <c r="GO3579" s="91"/>
      <c r="GP3579" s="91"/>
      <c r="GQ3579" s="91"/>
      <c r="GR3579" s="91"/>
      <c r="GS3579" s="91"/>
      <c r="GT3579" s="91"/>
      <c r="GU3579" s="91"/>
      <c r="GV3579" s="91"/>
      <c r="GW3579" s="91"/>
      <c r="GX3579" s="127"/>
      <c r="GY3579" s="126"/>
      <c r="GZ3579" s="91"/>
      <c r="HA3579" s="91"/>
      <c r="HB3579" s="91"/>
      <c r="HC3579" s="91"/>
      <c r="HD3579" s="91"/>
      <c r="HE3579" s="91"/>
      <c r="HF3579" s="91"/>
      <c r="HG3579" s="91"/>
      <c r="HH3579" s="91"/>
      <c r="HI3579" s="91"/>
      <c r="HJ3579" s="91"/>
      <c r="HK3579" s="127"/>
      <c r="HL3579" s="126"/>
      <c r="HM3579" s="91"/>
      <c r="HN3579" s="91"/>
      <c r="HO3579" s="91"/>
      <c r="HP3579" s="91"/>
      <c r="HQ3579" s="91"/>
      <c r="HR3579" s="91"/>
      <c r="HS3579" s="91"/>
      <c r="HT3579" s="91"/>
      <c r="HU3579" s="91"/>
      <c r="HV3579" s="91"/>
      <c r="HW3579" s="91"/>
      <c r="HX3579" s="127"/>
      <c r="HY3579" s="126"/>
      <c r="HZ3579" s="91"/>
      <c r="IA3579" s="91"/>
      <c r="IB3579" s="91"/>
      <c r="IC3579" s="91"/>
      <c r="ID3579" s="91"/>
      <c r="IE3579" s="91"/>
      <c r="IF3579" s="91"/>
      <c r="IG3579" s="91"/>
      <c r="IH3579" s="91"/>
      <c r="II3579" s="91"/>
      <c r="IJ3579" s="91"/>
      <c r="IK3579" s="174"/>
    </row>
    <row r="3580" spans="2:245" x14ac:dyDescent="0.2">
      <c r="B3580" s="43"/>
      <c r="C3580" s="73"/>
      <c r="D3580" s="64"/>
      <c r="E3580" s="64"/>
      <c r="F3580" s="55"/>
      <c r="G3580" s="102"/>
      <c r="H3580" s="97"/>
      <c r="T3580" s="98"/>
      <c r="U3580" s="97"/>
      <c r="AG3580" s="98"/>
      <c r="AY3580" s="164"/>
      <c r="BK3580" s="98"/>
      <c r="BL3580" s="97"/>
      <c r="BX3580" s="98"/>
      <c r="CL3580" s="97"/>
      <c r="CX3580" s="98"/>
      <c r="DL3580" s="97"/>
      <c r="DX3580" s="98"/>
      <c r="EL3580" s="97"/>
      <c r="EX3580" s="98"/>
      <c r="EY3580" s="97"/>
      <c r="FL3580" s="126"/>
      <c r="FM3580" s="91"/>
      <c r="FN3580" s="91"/>
      <c r="FO3580" s="91"/>
      <c r="FP3580" s="91"/>
      <c r="FQ3580" s="91"/>
      <c r="FR3580" s="91"/>
      <c r="FS3580" s="91"/>
      <c r="FT3580" s="91"/>
      <c r="FU3580" s="91"/>
      <c r="FV3580" s="91"/>
      <c r="FW3580" s="91"/>
      <c r="FX3580" s="127"/>
      <c r="FY3580" s="126"/>
      <c r="FZ3580" s="91"/>
      <c r="GA3580" s="91"/>
      <c r="GB3580" s="91"/>
      <c r="GC3580" s="91"/>
      <c r="GD3580" s="91"/>
      <c r="GE3580" s="91"/>
      <c r="GF3580" s="91"/>
      <c r="GG3580" s="91"/>
      <c r="GH3580" s="91"/>
      <c r="GI3580" s="91"/>
      <c r="GJ3580" s="91"/>
      <c r="GK3580" s="127"/>
      <c r="GL3580" s="126"/>
      <c r="GM3580" s="91"/>
      <c r="GN3580" s="91"/>
      <c r="GO3580" s="91"/>
      <c r="GP3580" s="91"/>
      <c r="GQ3580" s="91"/>
      <c r="GR3580" s="91"/>
      <c r="GS3580" s="91"/>
      <c r="GT3580" s="91"/>
      <c r="GU3580" s="91"/>
      <c r="GV3580" s="91"/>
      <c r="GW3580" s="91"/>
      <c r="GX3580" s="127"/>
      <c r="GY3580" s="126"/>
      <c r="GZ3580" s="91"/>
      <c r="HA3580" s="91"/>
      <c r="HB3580" s="91"/>
      <c r="HC3580" s="91"/>
      <c r="HD3580" s="91"/>
      <c r="HE3580" s="91"/>
      <c r="HF3580" s="91"/>
      <c r="HG3580" s="91"/>
      <c r="HH3580" s="91"/>
      <c r="HI3580" s="91"/>
      <c r="HJ3580" s="91"/>
      <c r="HK3580" s="127"/>
      <c r="HL3580" s="126"/>
      <c r="HM3580" s="91"/>
      <c r="HN3580" s="91"/>
      <c r="HO3580" s="91"/>
      <c r="HP3580" s="91"/>
      <c r="HQ3580" s="91"/>
      <c r="HR3580" s="91"/>
      <c r="HS3580" s="91"/>
      <c r="HT3580" s="91"/>
      <c r="HU3580" s="91"/>
      <c r="HV3580" s="91"/>
      <c r="HW3580" s="91"/>
      <c r="HX3580" s="127"/>
      <c r="HY3580" s="126"/>
      <c r="HZ3580" s="91"/>
      <c r="IA3580" s="91"/>
      <c r="IB3580" s="91"/>
      <c r="IC3580" s="91"/>
      <c r="ID3580" s="91"/>
      <c r="IE3580" s="91"/>
      <c r="IF3580" s="91"/>
      <c r="IG3580" s="91"/>
      <c r="IH3580" s="91"/>
      <c r="II3580" s="91"/>
      <c r="IJ3580" s="91"/>
      <c r="IK3580" s="174"/>
    </row>
    <row r="3581" spans="2:245" x14ac:dyDescent="0.2">
      <c r="B3581" s="43"/>
      <c r="C3581" s="73"/>
      <c r="D3581" s="64"/>
      <c r="E3581" s="64"/>
      <c r="F3581" s="55"/>
      <c r="G3581" s="102"/>
      <c r="H3581" s="97"/>
      <c r="T3581" s="98"/>
      <c r="U3581" s="97"/>
      <c r="AG3581" s="98"/>
      <c r="AY3581" s="164"/>
      <c r="BK3581" s="98"/>
      <c r="BL3581" s="97"/>
      <c r="BX3581" s="98"/>
      <c r="CL3581" s="97"/>
      <c r="CX3581" s="98"/>
      <c r="DL3581" s="97"/>
      <c r="DX3581" s="98"/>
      <c r="EL3581" s="97"/>
      <c r="EX3581" s="98"/>
      <c r="EY3581" s="97"/>
      <c r="FL3581" s="126"/>
      <c r="FM3581" s="91"/>
      <c r="FN3581" s="91"/>
      <c r="FO3581" s="91"/>
      <c r="FP3581" s="91"/>
      <c r="FQ3581" s="91"/>
      <c r="FR3581" s="91"/>
      <c r="FS3581" s="91"/>
      <c r="FT3581" s="91"/>
      <c r="FU3581" s="91"/>
      <c r="FV3581" s="91"/>
      <c r="FW3581" s="91"/>
      <c r="FX3581" s="127"/>
      <c r="FY3581" s="126"/>
      <c r="FZ3581" s="91"/>
      <c r="GA3581" s="91"/>
      <c r="GB3581" s="91"/>
      <c r="GC3581" s="91"/>
      <c r="GD3581" s="91"/>
      <c r="GE3581" s="91"/>
      <c r="GF3581" s="91"/>
      <c r="GG3581" s="91"/>
      <c r="GH3581" s="91"/>
      <c r="GI3581" s="91"/>
      <c r="GJ3581" s="91"/>
      <c r="GK3581" s="127"/>
      <c r="GL3581" s="126"/>
      <c r="GM3581" s="91"/>
      <c r="GN3581" s="91"/>
      <c r="GO3581" s="91"/>
      <c r="GP3581" s="91"/>
      <c r="GQ3581" s="91"/>
      <c r="GR3581" s="91"/>
      <c r="GS3581" s="91"/>
      <c r="GT3581" s="91"/>
      <c r="GU3581" s="91"/>
      <c r="GV3581" s="91"/>
      <c r="GW3581" s="91"/>
      <c r="GX3581" s="127"/>
      <c r="GY3581" s="126"/>
      <c r="GZ3581" s="91"/>
      <c r="HA3581" s="91"/>
      <c r="HB3581" s="91"/>
      <c r="HC3581" s="91"/>
      <c r="HD3581" s="91"/>
      <c r="HE3581" s="91"/>
      <c r="HF3581" s="91"/>
      <c r="HG3581" s="91"/>
      <c r="HH3581" s="91"/>
      <c r="HI3581" s="91"/>
      <c r="HJ3581" s="91"/>
      <c r="HK3581" s="127"/>
      <c r="HL3581" s="126"/>
      <c r="HM3581" s="91"/>
      <c r="HN3581" s="91"/>
      <c r="HO3581" s="91"/>
      <c r="HP3581" s="91"/>
      <c r="HQ3581" s="91"/>
      <c r="HR3581" s="91"/>
      <c r="HS3581" s="91"/>
      <c r="HT3581" s="91"/>
      <c r="HU3581" s="91"/>
      <c r="HV3581" s="91"/>
      <c r="HW3581" s="91"/>
      <c r="HX3581" s="127"/>
      <c r="HY3581" s="126"/>
      <c r="HZ3581" s="91"/>
      <c r="IA3581" s="91"/>
      <c r="IB3581" s="91"/>
      <c r="IC3581" s="91"/>
      <c r="ID3581" s="91"/>
      <c r="IE3581" s="91"/>
      <c r="IF3581" s="91"/>
      <c r="IG3581" s="91"/>
      <c r="IH3581" s="91"/>
      <c r="II3581" s="91"/>
      <c r="IJ3581" s="91"/>
      <c r="IK3581" s="174"/>
    </row>
    <row r="3582" spans="2:245" x14ac:dyDescent="0.2">
      <c r="B3582" s="43"/>
      <c r="C3582" s="73"/>
      <c r="D3582" s="64"/>
      <c r="E3582" s="64"/>
      <c r="F3582" s="55"/>
      <c r="G3582" s="102"/>
      <c r="H3582" s="97"/>
      <c r="T3582" s="98"/>
      <c r="U3582" s="97"/>
      <c r="AG3582" s="98"/>
      <c r="AY3582" s="164"/>
      <c r="BK3582" s="98"/>
      <c r="BL3582" s="97"/>
      <c r="BX3582" s="98"/>
      <c r="CL3582" s="97"/>
      <c r="CX3582" s="98"/>
      <c r="DL3582" s="97"/>
      <c r="DX3582" s="98"/>
      <c r="EL3582" s="97"/>
      <c r="EX3582" s="98"/>
      <c r="EY3582" s="97"/>
      <c r="FL3582" s="126"/>
      <c r="FM3582" s="91"/>
      <c r="FN3582" s="91"/>
      <c r="FO3582" s="91"/>
      <c r="FP3582" s="91"/>
      <c r="FQ3582" s="91"/>
      <c r="FR3582" s="91"/>
      <c r="FS3582" s="91"/>
      <c r="FT3582" s="91"/>
      <c r="FU3582" s="91"/>
      <c r="FV3582" s="91"/>
      <c r="FW3582" s="91"/>
      <c r="FX3582" s="127"/>
      <c r="FY3582" s="126"/>
      <c r="FZ3582" s="91"/>
      <c r="GA3582" s="91"/>
      <c r="GB3582" s="91"/>
      <c r="GC3582" s="91"/>
      <c r="GD3582" s="91"/>
      <c r="GE3582" s="91"/>
      <c r="GF3582" s="91"/>
      <c r="GG3582" s="91"/>
      <c r="GH3582" s="91"/>
      <c r="GI3582" s="91"/>
      <c r="GJ3582" s="91"/>
      <c r="GK3582" s="127"/>
      <c r="GL3582" s="126"/>
      <c r="GM3582" s="91"/>
      <c r="GN3582" s="91"/>
      <c r="GO3582" s="91"/>
      <c r="GP3582" s="91"/>
      <c r="GQ3582" s="91"/>
      <c r="GR3582" s="91"/>
      <c r="GS3582" s="91"/>
      <c r="GT3582" s="91"/>
      <c r="GU3582" s="91"/>
      <c r="GV3582" s="91"/>
      <c r="GW3582" s="91"/>
      <c r="GX3582" s="127"/>
      <c r="GY3582" s="126"/>
      <c r="GZ3582" s="91"/>
      <c r="HA3582" s="91"/>
      <c r="HB3582" s="91"/>
      <c r="HC3582" s="91"/>
      <c r="HD3582" s="91"/>
      <c r="HE3582" s="91"/>
      <c r="HF3582" s="91"/>
      <c r="HG3582" s="91"/>
      <c r="HH3582" s="91"/>
      <c r="HI3582" s="91"/>
      <c r="HJ3582" s="91"/>
      <c r="HK3582" s="127"/>
      <c r="HL3582" s="126"/>
      <c r="HM3582" s="91"/>
      <c r="HN3582" s="91"/>
      <c r="HO3582" s="91"/>
      <c r="HP3582" s="91"/>
      <c r="HQ3582" s="91"/>
      <c r="HR3582" s="91"/>
      <c r="HS3582" s="91"/>
      <c r="HT3582" s="91"/>
      <c r="HU3582" s="91"/>
      <c r="HV3582" s="91"/>
      <c r="HW3582" s="91"/>
      <c r="HX3582" s="127"/>
      <c r="HY3582" s="126"/>
      <c r="HZ3582" s="91"/>
      <c r="IA3582" s="91"/>
      <c r="IB3582" s="91"/>
      <c r="IC3582" s="91"/>
      <c r="ID3582" s="91"/>
      <c r="IE3582" s="91"/>
      <c r="IF3582" s="91"/>
      <c r="IG3582" s="91"/>
      <c r="IH3582" s="91"/>
      <c r="II3582" s="91"/>
      <c r="IJ3582" s="91"/>
      <c r="IK3582" s="174"/>
    </row>
    <row r="3583" spans="2:245" x14ac:dyDescent="0.2">
      <c r="B3583" s="43"/>
      <c r="C3583" s="73"/>
      <c r="D3583" s="64"/>
      <c r="E3583" s="64"/>
      <c r="F3583" s="55"/>
      <c r="G3583" s="102"/>
      <c r="H3583" s="97"/>
      <c r="T3583" s="98"/>
      <c r="U3583" s="97"/>
      <c r="AG3583" s="98"/>
      <c r="AY3583" s="164"/>
      <c r="BK3583" s="98"/>
      <c r="BL3583" s="97"/>
      <c r="BX3583" s="98"/>
      <c r="CL3583" s="97"/>
      <c r="CX3583" s="98"/>
      <c r="DL3583" s="97"/>
      <c r="DX3583" s="98"/>
      <c r="EL3583" s="97"/>
      <c r="EX3583" s="98"/>
      <c r="EY3583" s="97"/>
      <c r="FL3583" s="126"/>
      <c r="FM3583" s="91"/>
      <c r="FN3583" s="91"/>
      <c r="FO3583" s="91"/>
      <c r="FP3583" s="91"/>
      <c r="FQ3583" s="91"/>
      <c r="FR3583" s="91"/>
      <c r="FS3583" s="91"/>
      <c r="FT3583" s="91"/>
      <c r="FU3583" s="91"/>
      <c r="FV3583" s="91"/>
      <c r="FW3583" s="91"/>
      <c r="FX3583" s="127"/>
      <c r="FY3583" s="126"/>
      <c r="FZ3583" s="91"/>
      <c r="GA3583" s="91"/>
      <c r="GB3583" s="91"/>
      <c r="GC3583" s="91"/>
      <c r="GD3583" s="91"/>
      <c r="GE3583" s="91"/>
      <c r="GF3583" s="91"/>
      <c r="GG3583" s="91"/>
      <c r="GH3583" s="91"/>
      <c r="GI3583" s="91"/>
      <c r="GJ3583" s="91"/>
      <c r="GK3583" s="127"/>
      <c r="GL3583" s="126"/>
      <c r="GM3583" s="91"/>
      <c r="GN3583" s="91"/>
      <c r="GO3583" s="91"/>
      <c r="GP3583" s="91"/>
      <c r="GQ3583" s="91"/>
      <c r="GR3583" s="91"/>
      <c r="GS3583" s="91"/>
      <c r="GT3583" s="91"/>
      <c r="GU3583" s="91"/>
      <c r="GV3583" s="91"/>
      <c r="GW3583" s="91"/>
      <c r="GX3583" s="127"/>
      <c r="GY3583" s="126"/>
      <c r="GZ3583" s="91"/>
      <c r="HA3583" s="91"/>
      <c r="HB3583" s="91"/>
      <c r="HC3583" s="91"/>
      <c r="HD3583" s="91"/>
      <c r="HE3583" s="91"/>
      <c r="HF3583" s="91"/>
      <c r="HG3583" s="91"/>
      <c r="HH3583" s="91"/>
      <c r="HI3583" s="91"/>
      <c r="HJ3583" s="91"/>
      <c r="HK3583" s="127"/>
      <c r="HL3583" s="126"/>
      <c r="HM3583" s="91"/>
      <c r="HN3583" s="91"/>
      <c r="HO3583" s="91"/>
      <c r="HP3583" s="91"/>
      <c r="HQ3583" s="91"/>
      <c r="HR3583" s="91"/>
      <c r="HS3583" s="91"/>
      <c r="HT3583" s="91"/>
      <c r="HU3583" s="91"/>
      <c r="HV3583" s="91"/>
      <c r="HW3583" s="91"/>
      <c r="HX3583" s="127"/>
      <c r="HY3583" s="126"/>
      <c r="HZ3583" s="91"/>
      <c r="IA3583" s="91"/>
      <c r="IB3583" s="91"/>
      <c r="IC3583" s="91"/>
      <c r="ID3583" s="91"/>
      <c r="IE3583" s="91"/>
      <c r="IF3583" s="91"/>
      <c r="IG3583" s="91"/>
      <c r="IH3583" s="91"/>
      <c r="II3583" s="91"/>
      <c r="IJ3583" s="91"/>
      <c r="IK3583" s="174"/>
    </row>
    <row r="3584" spans="2:245" x14ac:dyDescent="0.2">
      <c r="B3584" s="43"/>
      <c r="C3584" s="73"/>
      <c r="D3584" s="64"/>
      <c r="E3584" s="64"/>
      <c r="F3584" s="55"/>
      <c r="G3584" s="102"/>
      <c r="H3584" s="97"/>
      <c r="T3584" s="98"/>
      <c r="U3584" s="97"/>
      <c r="AG3584" s="98"/>
      <c r="AY3584" s="164"/>
      <c r="BK3584" s="98"/>
      <c r="BL3584" s="97"/>
      <c r="BX3584" s="98"/>
      <c r="CL3584" s="97"/>
      <c r="CX3584" s="98"/>
      <c r="DL3584" s="97"/>
      <c r="DX3584" s="98"/>
      <c r="EL3584" s="97"/>
      <c r="EX3584" s="98"/>
      <c r="EY3584" s="97"/>
      <c r="FL3584" s="126"/>
      <c r="FM3584" s="91"/>
      <c r="FN3584" s="91"/>
      <c r="FO3584" s="91"/>
      <c r="FP3584" s="91"/>
      <c r="FQ3584" s="91"/>
      <c r="FR3584" s="91"/>
      <c r="FS3584" s="91"/>
      <c r="FT3584" s="91"/>
      <c r="FU3584" s="91"/>
      <c r="FV3584" s="91"/>
      <c r="FW3584" s="91"/>
      <c r="FX3584" s="127"/>
      <c r="FY3584" s="126"/>
      <c r="FZ3584" s="91"/>
      <c r="GA3584" s="91"/>
      <c r="GB3584" s="91"/>
      <c r="GC3584" s="91"/>
      <c r="GD3584" s="91"/>
      <c r="GE3584" s="91"/>
      <c r="GF3584" s="91"/>
      <c r="GG3584" s="91"/>
      <c r="GH3584" s="91"/>
      <c r="GI3584" s="91"/>
      <c r="GJ3584" s="91"/>
      <c r="GK3584" s="127"/>
      <c r="GL3584" s="126"/>
      <c r="GM3584" s="91"/>
      <c r="GN3584" s="91"/>
      <c r="GO3584" s="91"/>
      <c r="GP3584" s="91"/>
      <c r="GQ3584" s="91"/>
      <c r="GR3584" s="91"/>
      <c r="GS3584" s="91"/>
      <c r="GT3584" s="91"/>
      <c r="GU3584" s="91"/>
      <c r="GV3584" s="91"/>
      <c r="GW3584" s="91"/>
      <c r="GX3584" s="127"/>
      <c r="GY3584" s="126"/>
      <c r="GZ3584" s="91"/>
      <c r="HA3584" s="91"/>
      <c r="HB3584" s="91"/>
      <c r="HC3584" s="91"/>
      <c r="HD3584" s="91"/>
      <c r="HE3584" s="91"/>
      <c r="HF3584" s="91"/>
      <c r="HG3584" s="91"/>
      <c r="HH3584" s="91"/>
      <c r="HI3584" s="91"/>
      <c r="HJ3584" s="91"/>
      <c r="HK3584" s="127"/>
      <c r="HL3584" s="126"/>
      <c r="HM3584" s="91"/>
      <c r="HN3584" s="91"/>
      <c r="HO3584" s="91"/>
      <c r="HP3584" s="91"/>
      <c r="HQ3584" s="91"/>
      <c r="HR3584" s="91"/>
      <c r="HS3584" s="91"/>
      <c r="HT3584" s="91"/>
      <c r="HU3584" s="91"/>
      <c r="HV3584" s="91"/>
      <c r="HW3584" s="91"/>
      <c r="HX3584" s="127"/>
      <c r="HY3584" s="126"/>
      <c r="HZ3584" s="91"/>
      <c r="IA3584" s="91"/>
      <c r="IB3584" s="91"/>
      <c r="IC3584" s="91"/>
      <c r="ID3584" s="91"/>
      <c r="IE3584" s="91"/>
      <c r="IF3584" s="91"/>
      <c r="IG3584" s="91"/>
      <c r="IH3584" s="91"/>
      <c r="II3584" s="91"/>
      <c r="IJ3584" s="91"/>
      <c r="IK3584" s="174"/>
    </row>
    <row r="3585" spans="2:245" x14ac:dyDescent="0.2">
      <c r="B3585" s="43"/>
      <c r="C3585" s="73"/>
      <c r="D3585" s="64"/>
      <c r="E3585" s="64"/>
      <c r="F3585" s="55"/>
      <c r="G3585" s="102"/>
      <c r="H3585" s="97"/>
      <c r="T3585" s="98"/>
      <c r="U3585" s="97"/>
      <c r="AG3585" s="98"/>
      <c r="AY3585" s="164"/>
      <c r="BK3585" s="98"/>
      <c r="BL3585" s="97"/>
      <c r="BX3585" s="98"/>
      <c r="CL3585" s="97"/>
      <c r="CX3585" s="98"/>
      <c r="DL3585" s="97"/>
      <c r="DX3585" s="98"/>
      <c r="EL3585" s="97"/>
      <c r="EX3585" s="98"/>
      <c r="EY3585" s="97"/>
      <c r="FL3585" s="126"/>
      <c r="FM3585" s="91"/>
      <c r="FN3585" s="91"/>
      <c r="FO3585" s="91"/>
      <c r="FP3585" s="91"/>
      <c r="FQ3585" s="91"/>
      <c r="FR3585" s="91"/>
      <c r="FS3585" s="91"/>
      <c r="FT3585" s="91"/>
      <c r="FU3585" s="91"/>
      <c r="FV3585" s="91"/>
      <c r="FW3585" s="91"/>
      <c r="FX3585" s="127"/>
      <c r="FY3585" s="126"/>
      <c r="FZ3585" s="91"/>
      <c r="GA3585" s="91"/>
      <c r="GB3585" s="91"/>
      <c r="GC3585" s="91"/>
      <c r="GD3585" s="91"/>
      <c r="GE3585" s="91"/>
      <c r="GF3585" s="91"/>
      <c r="GG3585" s="91"/>
      <c r="GH3585" s="91"/>
      <c r="GI3585" s="91"/>
      <c r="GJ3585" s="91"/>
      <c r="GK3585" s="127"/>
      <c r="GL3585" s="126"/>
      <c r="GM3585" s="91"/>
      <c r="GN3585" s="91"/>
      <c r="GO3585" s="91"/>
      <c r="GP3585" s="91"/>
      <c r="GQ3585" s="91"/>
      <c r="GR3585" s="91"/>
      <c r="GS3585" s="91"/>
      <c r="GT3585" s="91"/>
      <c r="GU3585" s="91"/>
      <c r="GV3585" s="91"/>
      <c r="GW3585" s="91"/>
      <c r="GX3585" s="127"/>
      <c r="GY3585" s="126"/>
      <c r="GZ3585" s="91"/>
      <c r="HA3585" s="91"/>
      <c r="HB3585" s="91"/>
      <c r="HC3585" s="91"/>
      <c r="HD3585" s="91"/>
      <c r="HE3585" s="91"/>
      <c r="HF3585" s="91"/>
      <c r="HG3585" s="91"/>
      <c r="HH3585" s="91"/>
      <c r="HI3585" s="91"/>
      <c r="HJ3585" s="91"/>
      <c r="HK3585" s="127"/>
      <c r="HL3585" s="126"/>
      <c r="HM3585" s="91"/>
      <c r="HN3585" s="91"/>
      <c r="HO3585" s="91"/>
      <c r="HP3585" s="91"/>
      <c r="HQ3585" s="91"/>
      <c r="HR3585" s="91"/>
      <c r="HS3585" s="91"/>
      <c r="HT3585" s="91"/>
      <c r="HU3585" s="91"/>
      <c r="HV3585" s="91"/>
      <c r="HW3585" s="91"/>
      <c r="HX3585" s="127"/>
      <c r="HY3585" s="126"/>
      <c r="HZ3585" s="91"/>
      <c r="IA3585" s="91"/>
      <c r="IB3585" s="91"/>
      <c r="IC3585" s="91"/>
      <c r="ID3585" s="91"/>
      <c r="IE3585" s="91"/>
      <c r="IF3585" s="91"/>
      <c r="IG3585" s="91"/>
      <c r="IH3585" s="91"/>
      <c r="II3585" s="91"/>
      <c r="IJ3585" s="91"/>
      <c r="IK3585" s="174"/>
    </row>
    <row r="3586" spans="2:245" x14ac:dyDescent="0.2">
      <c r="B3586" s="43"/>
      <c r="C3586" s="73"/>
      <c r="D3586" s="64"/>
      <c r="E3586" s="64"/>
      <c r="F3586" s="55"/>
      <c r="G3586" s="102"/>
      <c r="H3586" s="97"/>
      <c r="T3586" s="98"/>
      <c r="U3586" s="97"/>
      <c r="AG3586" s="98"/>
      <c r="AY3586" s="164"/>
      <c r="BK3586" s="98"/>
      <c r="BL3586" s="97"/>
      <c r="BX3586" s="98"/>
      <c r="CL3586" s="97"/>
      <c r="CX3586" s="98"/>
      <c r="DL3586" s="97"/>
      <c r="DX3586" s="98"/>
      <c r="EL3586" s="97"/>
      <c r="EX3586" s="98"/>
      <c r="EY3586" s="97"/>
      <c r="FL3586" s="126"/>
      <c r="FM3586" s="91"/>
      <c r="FN3586" s="91"/>
      <c r="FO3586" s="91"/>
      <c r="FP3586" s="91"/>
      <c r="FQ3586" s="91"/>
      <c r="FR3586" s="91"/>
      <c r="FS3586" s="91"/>
      <c r="FT3586" s="91"/>
      <c r="FU3586" s="91"/>
      <c r="FV3586" s="91"/>
      <c r="FW3586" s="91"/>
      <c r="FX3586" s="127"/>
      <c r="FY3586" s="126"/>
      <c r="FZ3586" s="91"/>
      <c r="GA3586" s="91"/>
      <c r="GB3586" s="91"/>
      <c r="GC3586" s="91"/>
      <c r="GD3586" s="91"/>
      <c r="GE3586" s="91"/>
      <c r="GF3586" s="91"/>
      <c r="GG3586" s="91"/>
      <c r="GH3586" s="91"/>
      <c r="GI3586" s="91"/>
      <c r="GJ3586" s="91"/>
      <c r="GK3586" s="127"/>
      <c r="GL3586" s="126"/>
      <c r="GM3586" s="91"/>
      <c r="GN3586" s="91"/>
      <c r="GO3586" s="91"/>
      <c r="GP3586" s="91"/>
      <c r="GQ3586" s="91"/>
      <c r="GR3586" s="91"/>
      <c r="GS3586" s="91"/>
      <c r="GT3586" s="91"/>
      <c r="GU3586" s="91"/>
      <c r="GV3586" s="91"/>
      <c r="GW3586" s="91"/>
      <c r="GX3586" s="127"/>
      <c r="GY3586" s="126"/>
      <c r="GZ3586" s="91"/>
      <c r="HA3586" s="91"/>
      <c r="HB3586" s="91"/>
      <c r="HC3586" s="91"/>
      <c r="HD3586" s="91"/>
      <c r="HE3586" s="91"/>
      <c r="HF3586" s="91"/>
      <c r="HG3586" s="91"/>
      <c r="HH3586" s="91"/>
      <c r="HI3586" s="91"/>
      <c r="HJ3586" s="91"/>
      <c r="HK3586" s="127"/>
      <c r="HL3586" s="126"/>
      <c r="HM3586" s="91"/>
      <c r="HN3586" s="91"/>
      <c r="HO3586" s="91"/>
      <c r="HP3586" s="91"/>
      <c r="HQ3586" s="91"/>
      <c r="HR3586" s="91"/>
      <c r="HS3586" s="91"/>
      <c r="HT3586" s="91"/>
      <c r="HU3586" s="91"/>
      <c r="HV3586" s="91"/>
      <c r="HW3586" s="91"/>
      <c r="HX3586" s="127"/>
      <c r="HY3586" s="126"/>
      <c r="HZ3586" s="91"/>
      <c r="IA3586" s="91"/>
      <c r="IB3586" s="91"/>
      <c r="IC3586" s="91"/>
      <c r="ID3586" s="91"/>
      <c r="IE3586" s="91"/>
      <c r="IF3586" s="91"/>
      <c r="IG3586" s="91"/>
      <c r="IH3586" s="91"/>
      <c r="II3586" s="91"/>
      <c r="IJ3586" s="91"/>
      <c r="IK3586" s="174"/>
    </row>
    <row r="3587" spans="2:245" x14ac:dyDescent="0.2">
      <c r="B3587" s="43"/>
      <c r="C3587" s="73"/>
      <c r="D3587" s="64"/>
      <c r="E3587" s="64"/>
      <c r="F3587" s="55"/>
      <c r="G3587" s="102"/>
      <c r="H3587" s="97"/>
      <c r="T3587" s="98"/>
      <c r="U3587" s="97"/>
      <c r="AG3587" s="98"/>
      <c r="AY3587" s="164"/>
      <c r="BK3587" s="98"/>
      <c r="BL3587" s="97"/>
      <c r="BX3587" s="98"/>
      <c r="CL3587" s="97"/>
      <c r="CX3587" s="98"/>
      <c r="DL3587" s="97"/>
      <c r="DX3587" s="98"/>
      <c r="EL3587" s="97"/>
      <c r="EX3587" s="98"/>
      <c r="EY3587" s="97"/>
      <c r="FL3587" s="126"/>
      <c r="FM3587" s="91"/>
      <c r="FN3587" s="91"/>
      <c r="FO3587" s="91"/>
      <c r="FP3587" s="91"/>
      <c r="FQ3587" s="91"/>
      <c r="FR3587" s="91"/>
      <c r="FS3587" s="91"/>
      <c r="FT3587" s="91"/>
      <c r="FU3587" s="91"/>
      <c r="FV3587" s="91"/>
      <c r="FW3587" s="91"/>
      <c r="FX3587" s="127"/>
      <c r="FY3587" s="126"/>
      <c r="FZ3587" s="91"/>
      <c r="GA3587" s="91"/>
      <c r="GB3587" s="91"/>
      <c r="GC3587" s="91"/>
      <c r="GD3587" s="91"/>
      <c r="GE3587" s="91"/>
      <c r="GF3587" s="91"/>
      <c r="GG3587" s="91"/>
      <c r="GH3587" s="91"/>
      <c r="GI3587" s="91"/>
      <c r="GJ3587" s="91"/>
      <c r="GK3587" s="127"/>
      <c r="GL3587" s="126"/>
      <c r="GM3587" s="91"/>
      <c r="GN3587" s="91"/>
      <c r="GO3587" s="91"/>
      <c r="GP3587" s="91"/>
      <c r="GQ3587" s="91"/>
      <c r="GR3587" s="91"/>
      <c r="GS3587" s="91"/>
      <c r="GT3587" s="91"/>
      <c r="GU3587" s="91"/>
      <c r="GV3587" s="91"/>
      <c r="GW3587" s="91"/>
      <c r="GX3587" s="127"/>
      <c r="GY3587" s="126"/>
      <c r="GZ3587" s="91"/>
      <c r="HA3587" s="91"/>
      <c r="HB3587" s="91"/>
      <c r="HC3587" s="91"/>
      <c r="HD3587" s="91"/>
      <c r="HE3587" s="91"/>
      <c r="HF3587" s="91"/>
      <c r="HG3587" s="91"/>
      <c r="HH3587" s="91"/>
      <c r="HI3587" s="91"/>
      <c r="HJ3587" s="91"/>
      <c r="HK3587" s="127"/>
      <c r="HL3587" s="126"/>
      <c r="HM3587" s="91"/>
      <c r="HN3587" s="91"/>
      <c r="HO3587" s="91"/>
      <c r="HP3587" s="91"/>
      <c r="HQ3587" s="91"/>
      <c r="HR3587" s="91"/>
      <c r="HS3587" s="91"/>
      <c r="HT3587" s="91"/>
      <c r="HU3587" s="91"/>
      <c r="HV3587" s="91"/>
      <c r="HW3587" s="91"/>
      <c r="HX3587" s="127"/>
      <c r="HY3587" s="126"/>
      <c r="HZ3587" s="91"/>
      <c r="IA3587" s="91"/>
      <c r="IB3587" s="91"/>
      <c r="IC3587" s="91"/>
      <c r="ID3587" s="91"/>
      <c r="IE3587" s="91"/>
      <c r="IF3587" s="91"/>
      <c r="IG3587" s="91"/>
      <c r="IH3587" s="91"/>
      <c r="II3587" s="91"/>
      <c r="IJ3587" s="91"/>
      <c r="IK3587" s="174"/>
    </row>
    <row r="3588" spans="2:245" x14ac:dyDescent="0.2">
      <c r="B3588" s="43"/>
      <c r="C3588" s="73"/>
      <c r="D3588" s="64"/>
      <c r="E3588" s="64"/>
      <c r="F3588" s="55"/>
      <c r="G3588" s="102"/>
      <c r="H3588" s="97"/>
      <c r="T3588" s="98"/>
      <c r="U3588" s="97"/>
      <c r="AG3588" s="98"/>
      <c r="AY3588" s="164"/>
      <c r="BK3588" s="98"/>
      <c r="BL3588" s="97"/>
      <c r="BX3588" s="98"/>
      <c r="CL3588" s="97"/>
      <c r="CX3588" s="98"/>
      <c r="DL3588" s="97"/>
      <c r="DX3588" s="98"/>
      <c r="EL3588" s="97"/>
      <c r="EX3588" s="98"/>
      <c r="EY3588" s="97"/>
      <c r="FL3588" s="126"/>
      <c r="FM3588" s="91"/>
      <c r="FN3588" s="91"/>
      <c r="FO3588" s="91"/>
      <c r="FP3588" s="91"/>
      <c r="FQ3588" s="91"/>
      <c r="FR3588" s="91"/>
      <c r="FS3588" s="91"/>
      <c r="FT3588" s="91"/>
      <c r="FU3588" s="91"/>
      <c r="FV3588" s="91"/>
      <c r="FW3588" s="91"/>
      <c r="FX3588" s="127"/>
      <c r="FY3588" s="126"/>
      <c r="FZ3588" s="91"/>
      <c r="GA3588" s="91"/>
      <c r="GB3588" s="91"/>
      <c r="GC3588" s="91"/>
      <c r="GD3588" s="91"/>
      <c r="GE3588" s="91"/>
      <c r="GF3588" s="91"/>
      <c r="GG3588" s="91"/>
      <c r="GH3588" s="91"/>
      <c r="GI3588" s="91"/>
      <c r="GJ3588" s="91"/>
      <c r="GK3588" s="127"/>
      <c r="GL3588" s="126"/>
      <c r="GM3588" s="91"/>
      <c r="GN3588" s="91"/>
      <c r="GO3588" s="91"/>
      <c r="GP3588" s="91"/>
      <c r="GQ3588" s="91"/>
      <c r="GR3588" s="91"/>
      <c r="GS3588" s="91"/>
      <c r="GT3588" s="91"/>
      <c r="GU3588" s="91"/>
      <c r="GV3588" s="91"/>
      <c r="GW3588" s="91"/>
      <c r="GX3588" s="127"/>
      <c r="GY3588" s="126"/>
      <c r="GZ3588" s="91"/>
      <c r="HA3588" s="91"/>
      <c r="HB3588" s="91"/>
      <c r="HC3588" s="91"/>
      <c r="HD3588" s="91"/>
      <c r="HE3588" s="91"/>
      <c r="HF3588" s="91"/>
      <c r="HG3588" s="91"/>
      <c r="HH3588" s="91"/>
      <c r="HI3588" s="91"/>
      <c r="HJ3588" s="91"/>
      <c r="HK3588" s="127"/>
      <c r="HL3588" s="126"/>
      <c r="HM3588" s="91"/>
      <c r="HN3588" s="91"/>
      <c r="HO3588" s="91"/>
      <c r="HP3588" s="91"/>
      <c r="HQ3588" s="91"/>
      <c r="HR3588" s="91"/>
      <c r="HS3588" s="91"/>
      <c r="HT3588" s="91"/>
      <c r="HU3588" s="91"/>
      <c r="HV3588" s="91"/>
      <c r="HW3588" s="91"/>
      <c r="HX3588" s="127"/>
      <c r="HY3588" s="126"/>
      <c r="HZ3588" s="91"/>
      <c r="IA3588" s="91"/>
      <c r="IB3588" s="91"/>
      <c r="IC3588" s="91"/>
      <c r="ID3588" s="91"/>
      <c r="IE3588" s="91"/>
      <c r="IF3588" s="91"/>
      <c r="IG3588" s="91"/>
      <c r="IH3588" s="91"/>
      <c r="II3588" s="91"/>
      <c r="IJ3588" s="91"/>
      <c r="IK3588" s="174"/>
    </row>
    <row r="3589" spans="2:245" x14ac:dyDescent="0.2">
      <c r="B3589" s="43"/>
      <c r="C3589" s="73"/>
      <c r="D3589" s="64"/>
      <c r="E3589" s="64"/>
      <c r="F3589" s="55"/>
      <c r="G3589" s="102"/>
      <c r="H3589" s="97"/>
      <c r="T3589" s="98"/>
      <c r="U3589" s="97"/>
      <c r="AG3589" s="98"/>
      <c r="AY3589" s="164"/>
      <c r="BK3589" s="98"/>
      <c r="BL3589" s="97"/>
      <c r="BX3589" s="98"/>
      <c r="CL3589" s="97"/>
      <c r="CX3589" s="98"/>
      <c r="DL3589" s="97"/>
      <c r="DX3589" s="98"/>
      <c r="EL3589" s="97"/>
      <c r="EX3589" s="98"/>
      <c r="EY3589" s="97"/>
      <c r="FL3589" s="126"/>
      <c r="FM3589" s="91"/>
      <c r="FN3589" s="91"/>
      <c r="FO3589" s="91"/>
      <c r="FP3589" s="91"/>
      <c r="FQ3589" s="91"/>
      <c r="FR3589" s="91"/>
      <c r="FS3589" s="91"/>
      <c r="FT3589" s="91"/>
      <c r="FU3589" s="91"/>
      <c r="FV3589" s="91"/>
      <c r="FW3589" s="91"/>
      <c r="FX3589" s="127"/>
      <c r="FY3589" s="126"/>
      <c r="FZ3589" s="91"/>
      <c r="GA3589" s="91"/>
      <c r="GB3589" s="91"/>
      <c r="GC3589" s="91"/>
      <c r="GD3589" s="91"/>
      <c r="GE3589" s="91"/>
      <c r="GF3589" s="91"/>
      <c r="GG3589" s="91"/>
      <c r="GH3589" s="91"/>
      <c r="GI3589" s="91"/>
      <c r="GJ3589" s="91"/>
      <c r="GK3589" s="127"/>
      <c r="GL3589" s="126"/>
      <c r="GM3589" s="91"/>
      <c r="GN3589" s="91"/>
      <c r="GO3589" s="91"/>
      <c r="GP3589" s="91"/>
      <c r="GQ3589" s="91"/>
      <c r="GR3589" s="91"/>
      <c r="GS3589" s="91"/>
      <c r="GT3589" s="91"/>
      <c r="GU3589" s="91"/>
      <c r="GV3589" s="91"/>
      <c r="GW3589" s="91"/>
      <c r="GX3589" s="127"/>
      <c r="GY3589" s="126"/>
      <c r="GZ3589" s="91"/>
      <c r="HA3589" s="91"/>
      <c r="HB3589" s="91"/>
      <c r="HC3589" s="91"/>
      <c r="HD3589" s="91"/>
      <c r="HE3589" s="91"/>
      <c r="HF3589" s="91"/>
      <c r="HG3589" s="91"/>
      <c r="HH3589" s="91"/>
      <c r="HI3589" s="91"/>
      <c r="HJ3589" s="91"/>
      <c r="HK3589" s="127"/>
      <c r="HL3589" s="126"/>
      <c r="HM3589" s="91"/>
      <c r="HN3589" s="91"/>
      <c r="HO3589" s="91"/>
      <c r="HP3589" s="91"/>
      <c r="HQ3589" s="91"/>
      <c r="HR3589" s="91"/>
      <c r="HS3589" s="91"/>
      <c r="HT3589" s="91"/>
      <c r="HU3589" s="91"/>
      <c r="HV3589" s="91"/>
      <c r="HW3589" s="91"/>
      <c r="HX3589" s="127"/>
      <c r="HY3589" s="126"/>
      <c r="HZ3589" s="91"/>
      <c r="IA3589" s="91"/>
      <c r="IB3589" s="91"/>
      <c r="IC3589" s="91"/>
      <c r="ID3589" s="91"/>
      <c r="IE3589" s="91"/>
      <c r="IF3589" s="91"/>
      <c r="IG3589" s="91"/>
      <c r="IH3589" s="91"/>
      <c r="II3589" s="91"/>
      <c r="IJ3589" s="91"/>
      <c r="IK3589" s="174"/>
    </row>
    <row r="3590" spans="2:245" x14ac:dyDescent="0.2">
      <c r="B3590" s="43"/>
      <c r="C3590" s="73"/>
      <c r="D3590" s="64"/>
      <c r="E3590" s="64"/>
      <c r="F3590" s="55"/>
      <c r="G3590" s="102"/>
      <c r="H3590" s="97"/>
      <c r="T3590" s="98"/>
      <c r="U3590" s="97"/>
      <c r="AG3590" s="98"/>
      <c r="AY3590" s="164"/>
      <c r="BK3590" s="98"/>
      <c r="BL3590" s="97"/>
      <c r="BX3590" s="98"/>
      <c r="CL3590" s="97"/>
      <c r="CX3590" s="98"/>
      <c r="DL3590" s="97"/>
      <c r="DX3590" s="98"/>
      <c r="EL3590" s="97"/>
      <c r="EX3590" s="98"/>
      <c r="EY3590" s="97"/>
      <c r="FL3590" s="126"/>
      <c r="FM3590" s="91"/>
      <c r="FN3590" s="91"/>
      <c r="FO3590" s="91"/>
      <c r="FP3590" s="91"/>
      <c r="FQ3590" s="91"/>
      <c r="FR3590" s="91"/>
      <c r="FS3590" s="91"/>
      <c r="FT3590" s="91"/>
      <c r="FU3590" s="91"/>
      <c r="FV3590" s="91"/>
      <c r="FW3590" s="91"/>
      <c r="FX3590" s="127"/>
      <c r="FY3590" s="126"/>
      <c r="FZ3590" s="91"/>
      <c r="GA3590" s="91"/>
      <c r="GB3590" s="91"/>
      <c r="GC3590" s="91"/>
      <c r="GD3590" s="91"/>
      <c r="GE3590" s="91"/>
      <c r="GF3590" s="91"/>
      <c r="GG3590" s="91"/>
      <c r="GH3590" s="91"/>
      <c r="GI3590" s="91"/>
      <c r="GJ3590" s="91"/>
      <c r="GK3590" s="127"/>
      <c r="GL3590" s="126"/>
      <c r="GM3590" s="91"/>
      <c r="GN3590" s="91"/>
      <c r="GO3590" s="91"/>
      <c r="GP3590" s="91"/>
      <c r="GQ3590" s="91"/>
      <c r="GR3590" s="91"/>
      <c r="GS3590" s="91"/>
      <c r="GT3590" s="91"/>
      <c r="GU3590" s="91"/>
      <c r="GV3590" s="91"/>
      <c r="GW3590" s="91"/>
      <c r="GX3590" s="127"/>
      <c r="GY3590" s="126"/>
      <c r="GZ3590" s="91"/>
      <c r="HA3590" s="91"/>
      <c r="HB3590" s="91"/>
      <c r="HC3590" s="91"/>
      <c r="HD3590" s="91"/>
      <c r="HE3590" s="91"/>
      <c r="HF3590" s="91"/>
      <c r="HG3590" s="91"/>
      <c r="HH3590" s="91"/>
      <c r="HI3590" s="91"/>
      <c r="HJ3590" s="91"/>
      <c r="HK3590" s="127"/>
      <c r="HL3590" s="126"/>
      <c r="HM3590" s="91"/>
      <c r="HN3590" s="91"/>
      <c r="HO3590" s="91"/>
      <c r="HP3590" s="91"/>
      <c r="HQ3590" s="91"/>
      <c r="HR3590" s="91"/>
      <c r="HS3590" s="91"/>
      <c r="HT3590" s="91"/>
      <c r="HU3590" s="91"/>
      <c r="HV3590" s="91"/>
      <c r="HW3590" s="91"/>
      <c r="HX3590" s="127"/>
      <c r="HY3590" s="126"/>
      <c r="HZ3590" s="91"/>
      <c r="IA3590" s="91"/>
      <c r="IB3590" s="91"/>
      <c r="IC3590" s="91"/>
      <c r="ID3590" s="91"/>
      <c r="IE3590" s="91"/>
      <c r="IF3590" s="91"/>
      <c r="IG3590" s="91"/>
      <c r="IH3590" s="91"/>
      <c r="II3590" s="91"/>
      <c r="IJ3590" s="91"/>
      <c r="IK3590" s="174"/>
    </row>
    <row r="3591" spans="2:245" x14ac:dyDescent="0.2">
      <c r="B3591" s="43"/>
      <c r="C3591" s="73"/>
      <c r="D3591" s="64"/>
      <c r="E3591" s="64"/>
      <c r="F3591" s="55"/>
      <c r="G3591" s="102"/>
      <c r="H3591" s="97"/>
      <c r="T3591" s="98"/>
      <c r="U3591" s="97"/>
      <c r="AG3591" s="98"/>
      <c r="AY3591" s="164"/>
      <c r="BK3591" s="98"/>
      <c r="BL3591" s="97"/>
      <c r="BX3591" s="98"/>
      <c r="CL3591" s="97"/>
      <c r="CX3591" s="98"/>
      <c r="DL3591" s="97"/>
      <c r="DX3591" s="98"/>
      <c r="EL3591" s="97"/>
      <c r="EX3591" s="98"/>
      <c r="EY3591" s="97"/>
      <c r="FL3591" s="126"/>
      <c r="FM3591" s="91"/>
      <c r="FN3591" s="91"/>
      <c r="FO3591" s="91"/>
      <c r="FP3591" s="91"/>
      <c r="FQ3591" s="91"/>
      <c r="FR3591" s="91"/>
      <c r="FS3591" s="91"/>
      <c r="FT3591" s="91"/>
      <c r="FU3591" s="91"/>
      <c r="FV3591" s="91"/>
      <c r="FW3591" s="91"/>
      <c r="FX3591" s="127"/>
      <c r="FY3591" s="126"/>
      <c r="FZ3591" s="91"/>
      <c r="GA3591" s="91"/>
      <c r="GB3591" s="91"/>
      <c r="GC3591" s="91"/>
      <c r="GD3591" s="91"/>
      <c r="GE3591" s="91"/>
      <c r="GF3591" s="91"/>
      <c r="GG3591" s="91"/>
      <c r="GH3591" s="91"/>
      <c r="GI3591" s="91"/>
      <c r="GJ3591" s="91"/>
      <c r="GK3591" s="127"/>
      <c r="GL3591" s="126"/>
      <c r="GM3591" s="91"/>
      <c r="GN3591" s="91"/>
      <c r="GO3591" s="91"/>
      <c r="GP3591" s="91"/>
      <c r="GQ3591" s="91"/>
      <c r="GR3591" s="91"/>
      <c r="GS3591" s="91"/>
      <c r="GT3591" s="91"/>
      <c r="GU3591" s="91"/>
      <c r="GV3591" s="91"/>
      <c r="GW3591" s="91"/>
      <c r="GX3591" s="127"/>
      <c r="GY3591" s="126"/>
      <c r="GZ3591" s="91"/>
      <c r="HA3591" s="91"/>
      <c r="HB3591" s="91"/>
      <c r="HC3591" s="91"/>
      <c r="HD3591" s="91"/>
      <c r="HE3591" s="91"/>
      <c r="HF3591" s="91"/>
      <c r="HG3591" s="91"/>
      <c r="HH3591" s="91"/>
      <c r="HI3591" s="91"/>
      <c r="HJ3591" s="91"/>
      <c r="HK3591" s="127"/>
      <c r="HL3591" s="126"/>
      <c r="HM3591" s="91"/>
      <c r="HN3591" s="91"/>
      <c r="HO3591" s="91"/>
      <c r="HP3591" s="91"/>
      <c r="HQ3591" s="91"/>
      <c r="HR3591" s="91"/>
      <c r="HS3591" s="91"/>
      <c r="HT3591" s="91"/>
      <c r="HU3591" s="91"/>
      <c r="HV3591" s="91"/>
      <c r="HW3591" s="91"/>
      <c r="HX3591" s="127"/>
      <c r="HY3591" s="126"/>
      <c r="HZ3591" s="91"/>
      <c r="IA3591" s="91"/>
      <c r="IB3591" s="91"/>
      <c r="IC3591" s="91"/>
      <c r="ID3591" s="91"/>
      <c r="IE3591" s="91"/>
      <c r="IF3591" s="91"/>
      <c r="IG3591" s="91"/>
      <c r="IH3591" s="91"/>
      <c r="II3591" s="91"/>
      <c r="IJ3591" s="91"/>
      <c r="IK3591" s="174"/>
    </row>
    <row r="3592" spans="2:245" x14ac:dyDescent="0.2">
      <c r="B3592" s="43"/>
      <c r="C3592" s="73"/>
      <c r="D3592" s="64"/>
      <c r="E3592" s="64"/>
      <c r="F3592" s="55"/>
      <c r="G3592" s="102"/>
      <c r="H3592" s="97"/>
      <c r="T3592" s="98"/>
      <c r="U3592" s="97"/>
      <c r="AG3592" s="98"/>
      <c r="AY3592" s="164"/>
      <c r="BK3592" s="98"/>
      <c r="BL3592" s="97"/>
      <c r="BX3592" s="98"/>
      <c r="CL3592" s="97"/>
      <c r="CX3592" s="98"/>
      <c r="DL3592" s="97"/>
      <c r="DX3592" s="98"/>
      <c r="EL3592" s="97"/>
      <c r="EX3592" s="98"/>
      <c r="EY3592" s="97"/>
      <c r="FL3592" s="126"/>
      <c r="FM3592" s="91"/>
      <c r="FN3592" s="91"/>
      <c r="FO3592" s="91"/>
      <c r="FP3592" s="91"/>
      <c r="FQ3592" s="91"/>
      <c r="FR3592" s="91"/>
      <c r="FS3592" s="91"/>
      <c r="FT3592" s="91"/>
      <c r="FU3592" s="91"/>
      <c r="FV3592" s="91"/>
      <c r="FW3592" s="91"/>
      <c r="FX3592" s="127"/>
      <c r="FY3592" s="126"/>
      <c r="FZ3592" s="91"/>
      <c r="GA3592" s="91"/>
      <c r="GB3592" s="91"/>
      <c r="GC3592" s="91"/>
      <c r="GD3592" s="91"/>
      <c r="GE3592" s="91"/>
      <c r="GF3592" s="91"/>
      <c r="GG3592" s="91"/>
      <c r="GH3592" s="91"/>
      <c r="GI3592" s="91"/>
      <c r="GJ3592" s="91"/>
      <c r="GK3592" s="127"/>
      <c r="GL3592" s="126"/>
      <c r="GM3592" s="91"/>
      <c r="GN3592" s="91"/>
      <c r="GO3592" s="91"/>
      <c r="GP3592" s="91"/>
      <c r="GQ3592" s="91"/>
      <c r="GR3592" s="91"/>
      <c r="GS3592" s="91"/>
      <c r="GT3592" s="91"/>
      <c r="GU3592" s="91"/>
      <c r="GV3592" s="91"/>
      <c r="GW3592" s="91"/>
      <c r="GX3592" s="127"/>
      <c r="GY3592" s="126"/>
      <c r="GZ3592" s="91"/>
      <c r="HA3592" s="91"/>
      <c r="HB3592" s="91"/>
      <c r="HC3592" s="91"/>
      <c r="HD3592" s="91"/>
      <c r="HE3592" s="91"/>
      <c r="HF3592" s="91"/>
      <c r="HG3592" s="91"/>
      <c r="HH3592" s="91"/>
      <c r="HI3592" s="91"/>
      <c r="HJ3592" s="91"/>
      <c r="HK3592" s="127"/>
      <c r="HL3592" s="126"/>
      <c r="HM3592" s="91"/>
      <c r="HN3592" s="91"/>
      <c r="HO3592" s="91"/>
      <c r="HP3592" s="91"/>
      <c r="HQ3592" s="91"/>
      <c r="HR3592" s="91"/>
      <c r="HS3592" s="91"/>
      <c r="HT3592" s="91"/>
      <c r="HU3592" s="91"/>
      <c r="HV3592" s="91"/>
      <c r="HW3592" s="91"/>
      <c r="HX3592" s="127"/>
      <c r="HY3592" s="126"/>
      <c r="HZ3592" s="91"/>
      <c r="IA3592" s="91"/>
      <c r="IB3592" s="91"/>
      <c r="IC3592" s="91"/>
      <c r="ID3592" s="91"/>
      <c r="IE3592" s="91"/>
      <c r="IF3592" s="91"/>
      <c r="IG3592" s="91"/>
      <c r="IH3592" s="91"/>
      <c r="II3592" s="91"/>
      <c r="IJ3592" s="91"/>
      <c r="IK3592" s="174"/>
    </row>
    <row r="3593" spans="2:245" x14ac:dyDescent="0.2">
      <c r="B3593" s="43"/>
      <c r="C3593" s="73"/>
      <c r="D3593" s="64"/>
      <c r="E3593" s="64"/>
      <c r="F3593" s="55"/>
      <c r="G3593" s="102"/>
      <c r="H3593" s="97"/>
      <c r="T3593" s="98"/>
      <c r="U3593" s="97"/>
      <c r="AG3593" s="98"/>
      <c r="AY3593" s="164"/>
      <c r="BK3593" s="98"/>
      <c r="BL3593" s="97"/>
      <c r="BX3593" s="98"/>
      <c r="CL3593" s="97"/>
      <c r="CX3593" s="98"/>
      <c r="DL3593" s="97"/>
      <c r="DX3593" s="98"/>
      <c r="EL3593" s="97"/>
      <c r="EX3593" s="98"/>
      <c r="EY3593" s="97"/>
      <c r="FL3593" s="126"/>
      <c r="FM3593" s="91"/>
      <c r="FN3593" s="91"/>
      <c r="FO3593" s="91"/>
      <c r="FP3593" s="91"/>
      <c r="FQ3593" s="91"/>
      <c r="FR3593" s="91"/>
      <c r="FS3593" s="91"/>
      <c r="FT3593" s="91"/>
      <c r="FU3593" s="91"/>
      <c r="FV3593" s="91"/>
      <c r="FW3593" s="91"/>
      <c r="FX3593" s="127"/>
      <c r="FY3593" s="126"/>
      <c r="FZ3593" s="91"/>
      <c r="GA3593" s="91"/>
      <c r="GB3593" s="91"/>
      <c r="GC3593" s="91"/>
      <c r="GD3593" s="91"/>
      <c r="GE3593" s="91"/>
      <c r="GF3593" s="91"/>
      <c r="GG3593" s="91"/>
      <c r="GH3593" s="91"/>
      <c r="GI3593" s="91"/>
      <c r="GJ3593" s="91"/>
      <c r="GK3593" s="127"/>
      <c r="GL3593" s="126"/>
      <c r="GM3593" s="91"/>
      <c r="GN3593" s="91"/>
      <c r="GO3593" s="91"/>
      <c r="GP3593" s="91"/>
      <c r="GQ3593" s="91"/>
      <c r="GR3593" s="91"/>
      <c r="GS3593" s="91"/>
      <c r="GT3593" s="91"/>
      <c r="GU3593" s="91"/>
      <c r="GV3593" s="91"/>
      <c r="GW3593" s="91"/>
      <c r="GX3593" s="127"/>
      <c r="GY3593" s="126"/>
      <c r="GZ3593" s="91"/>
      <c r="HA3593" s="91"/>
      <c r="HB3593" s="91"/>
      <c r="HC3593" s="91"/>
      <c r="HD3593" s="91"/>
      <c r="HE3593" s="91"/>
      <c r="HF3593" s="91"/>
      <c r="HG3593" s="91"/>
      <c r="HH3593" s="91"/>
      <c r="HI3593" s="91"/>
      <c r="HJ3593" s="91"/>
      <c r="HK3593" s="127"/>
      <c r="HL3593" s="126"/>
      <c r="HM3593" s="91"/>
      <c r="HN3593" s="91"/>
      <c r="HO3593" s="91"/>
      <c r="HP3593" s="91"/>
      <c r="HQ3593" s="91"/>
      <c r="HR3593" s="91"/>
      <c r="HS3593" s="91"/>
      <c r="HT3593" s="91"/>
      <c r="HU3593" s="91"/>
      <c r="HV3593" s="91"/>
      <c r="HW3593" s="91"/>
      <c r="HX3593" s="127"/>
      <c r="HY3593" s="126"/>
      <c r="HZ3593" s="91"/>
      <c r="IA3593" s="91"/>
      <c r="IB3593" s="91"/>
      <c r="IC3593" s="91"/>
      <c r="ID3593" s="91"/>
      <c r="IE3593" s="91"/>
      <c r="IF3593" s="91"/>
      <c r="IG3593" s="91"/>
      <c r="IH3593" s="91"/>
      <c r="II3593" s="91"/>
      <c r="IJ3593" s="91"/>
      <c r="IK3593" s="174"/>
    </row>
    <row r="3594" spans="2:245" x14ac:dyDescent="0.2">
      <c r="B3594" s="43"/>
      <c r="C3594" s="73"/>
      <c r="D3594" s="64"/>
      <c r="E3594" s="64"/>
      <c r="F3594" s="55"/>
      <c r="G3594" s="102"/>
      <c r="H3594" s="97"/>
      <c r="T3594" s="98"/>
      <c r="U3594" s="97"/>
      <c r="AG3594" s="98"/>
      <c r="AY3594" s="164"/>
      <c r="BK3594" s="98"/>
      <c r="BL3594" s="97"/>
      <c r="BX3594" s="98"/>
      <c r="CL3594" s="97"/>
      <c r="CX3594" s="98"/>
      <c r="DL3594" s="97"/>
      <c r="DX3594" s="98"/>
      <c r="EL3594" s="97"/>
      <c r="EX3594" s="98"/>
      <c r="EY3594" s="97"/>
      <c r="FL3594" s="126"/>
      <c r="FM3594" s="91"/>
      <c r="FN3594" s="91"/>
      <c r="FO3594" s="91"/>
      <c r="FP3594" s="91"/>
      <c r="FQ3594" s="91"/>
      <c r="FR3594" s="91"/>
      <c r="FS3594" s="91"/>
      <c r="FT3594" s="91"/>
      <c r="FU3594" s="91"/>
      <c r="FV3594" s="91"/>
      <c r="FW3594" s="91"/>
      <c r="FX3594" s="127"/>
      <c r="FY3594" s="126"/>
      <c r="FZ3594" s="91"/>
      <c r="GA3594" s="91"/>
      <c r="GB3594" s="91"/>
      <c r="GC3594" s="91"/>
      <c r="GD3594" s="91"/>
      <c r="GE3594" s="91"/>
      <c r="GF3594" s="91"/>
      <c r="GG3594" s="91"/>
      <c r="GH3594" s="91"/>
      <c r="GI3594" s="91"/>
      <c r="GJ3594" s="91"/>
      <c r="GK3594" s="127"/>
      <c r="GL3594" s="126"/>
      <c r="GM3594" s="91"/>
      <c r="GN3594" s="91"/>
      <c r="GO3594" s="91"/>
      <c r="GP3594" s="91"/>
      <c r="GQ3594" s="91"/>
      <c r="GR3594" s="91"/>
      <c r="GS3594" s="91"/>
      <c r="GT3594" s="91"/>
      <c r="GU3594" s="91"/>
      <c r="GV3594" s="91"/>
      <c r="GW3594" s="91"/>
      <c r="GX3594" s="127"/>
      <c r="GY3594" s="126"/>
      <c r="GZ3594" s="91"/>
      <c r="HA3594" s="91"/>
      <c r="HB3594" s="91"/>
      <c r="HC3594" s="91"/>
      <c r="HD3594" s="91"/>
      <c r="HE3594" s="91"/>
      <c r="HF3594" s="91"/>
      <c r="HG3594" s="91"/>
      <c r="HH3594" s="91"/>
      <c r="HI3594" s="91"/>
      <c r="HJ3594" s="91"/>
      <c r="HK3594" s="127"/>
      <c r="HL3594" s="126"/>
      <c r="HM3594" s="91"/>
      <c r="HN3594" s="91"/>
      <c r="HO3594" s="91"/>
      <c r="HP3594" s="91"/>
      <c r="HQ3594" s="91"/>
      <c r="HR3594" s="91"/>
      <c r="HS3594" s="91"/>
      <c r="HT3594" s="91"/>
      <c r="HU3594" s="91"/>
      <c r="HV3594" s="91"/>
      <c r="HW3594" s="91"/>
      <c r="HX3594" s="127"/>
      <c r="HY3594" s="126"/>
      <c r="HZ3594" s="91"/>
      <c r="IA3594" s="91"/>
      <c r="IB3594" s="91"/>
      <c r="IC3594" s="91"/>
      <c r="ID3594" s="91"/>
      <c r="IE3594" s="91"/>
      <c r="IF3594" s="91"/>
      <c r="IG3594" s="91"/>
      <c r="IH3594" s="91"/>
      <c r="II3594" s="91"/>
      <c r="IJ3594" s="91"/>
      <c r="IK3594" s="174"/>
    </row>
    <row r="3595" spans="2:245" x14ac:dyDescent="0.2">
      <c r="B3595" s="43"/>
      <c r="C3595" s="73"/>
      <c r="D3595" s="64"/>
      <c r="E3595" s="64"/>
      <c r="F3595" s="55"/>
      <c r="G3595" s="102"/>
      <c r="H3595" s="97"/>
      <c r="T3595" s="98"/>
      <c r="U3595" s="97"/>
      <c r="AG3595" s="98"/>
      <c r="AY3595" s="164"/>
      <c r="BK3595" s="98"/>
      <c r="BL3595" s="97"/>
      <c r="BX3595" s="98"/>
      <c r="CL3595" s="97"/>
      <c r="CX3595" s="98"/>
      <c r="DL3595" s="97"/>
      <c r="DX3595" s="98"/>
      <c r="EL3595" s="97"/>
      <c r="EX3595" s="98"/>
      <c r="EY3595" s="97"/>
      <c r="FL3595" s="126"/>
      <c r="FM3595" s="91"/>
      <c r="FN3595" s="91"/>
      <c r="FO3595" s="91"/>
      <c r="FP3595" s="91"/>
      <c r="FQ3595" s="91"/>
      <c r="FR3595" s="91"/>
      <c r="FS3595" s="91"/>
      <c r="FT3595" s="91"/>
      <c r="FU3595" s="91"/>
      <c r="FV3595" s="91"/>
      <c r="FW3595" s="91"/>
      <c r="FX3595" s="127"/>
      <c r="FY3595" s="126"/>
      <c r="FZ3595" s="91"/>
      <c r="GA3595" s="91"/>
      <c r="GB3595" s="91"/>
      <c r="GC3595" s="91"/>
      <c r="GD3595" s="91"/>
      <c r="GE3595" s="91"/>
      <c r="GF3595" s="91"/>
      <c r="GG3595" s="91"/>
      <c r="GH3595" s="91"/>
      <c r="GI3595" s="91"/>
      <c r="GJ3595" s="91"/>
      <c r="GK3595" s="127"/>
      <c r="GL3595" s="126"/>
      <c r="GM3595" s="91"/>
      <c r="GN3595" s="91"/>
      <c r="GO3595" s="91"/>
      <c r="GP3595" s="91"/>
      <c r="GQ3595" s="91"/>
      <c r="GR3595" s="91"/>
      <c r="GS3595" s="91"/>
      <c r="GT3595" s="91"/>
      <c r="GU3595" s="91"/>
      <c r="GV3595" s="91"/>
      <c r="GW3595" s="91"/>
      <c r="GX3595" s="127"/>
      <c r="GY3595" s="126"/>
      <c r="GZ3595" s="91"/>
      <c r="HA3595" s="91"/>
      <c r="HB3595" s="91"/>
      <c r="HC3595" s="91"/>
      <c r="HD3595" s="91"/>
      <c r="HE3595" s="91"/>
      <c r="HF3595" s="91"/>
      <c r="HG3595" s="91"/>
      <c r="HH3595" s="91"/>
      <c r="HI3595" s="91"/>
      <c r="HJ3595" s="91"/>
      <c r="HK3595" s="127"/>
      <c r="HL3595" s="126"/>
      <c r="HM3595" s="91"/>
      <c r="HN3595" s="91"/>
      <c r="HO3595" s="91"/>
      <c r="HP3595" s="91"/>
      <c r="HQ3595" s="91"/>
      <c r="HR3595" s="91"/>
      <c r="HS3595" s="91"/>
      <c r="HT3595" s="91"/>
      <c r="HU3595" s="91"/>
      <c r="HV3595" s="91"/>
      <c r="HW3595" s="91"/>
      <c r="HX3595" s="127"/>
      <c r="HY3595" s="126"/>
      <c r="HZ3595" s="91"/>
      <c r="IA3595" s="91"/>
      <c r="IB3595" s="91"/>
      <c r="IC3595" s="91"/>
      <c r="ID3595" s="91"/>
      <c r="IE3595" s="91"/>
      <c r="IF3595" s="91"/>
      <c r="IG3595" s="91"/>
      <c r="IH3595" s="91"/>
      <c r="II3595" s="91"/>
      <c r="IJ3595" s="91"/>
      <c r="IK3595" s="174"/>
    </row>
    <row r="3596" spans="2:245" x14ac:dyDescent="0.2">
      <c r="B3596" s="43"/>
      <c r="C3596" s="73"/>
      <c r="D3596" s="64"/>
      <c r="E3596" s="64"/>
      <c r="F3596" s="55"/>
      <c r="G3596" s="102"/>
      <c r="H3596" s="97"/>
      <c r="T3596" s="98"/>
      <c r="U3596" s="97"/>
      <c r="AG3596" s="98"/>
      <c r="AY3596" s="164"/>
      <c r="BK3596" s="98"/>
      <c r="BL3596" s="97"/>
      <c r="BX3596" s="98"/>
      <c r="CL3596" s="97"/>
      <c r="CX3596" s="98"/>
      <c r="DL3596" s="97"/>
      <c r="DX3596" s="98"/>
      <c r="EL3596" s="97"/>
      <c r="EX3596" s="98"/>
      <c r="EY3596" s="97"/>
      <c r="FL3596" s="126"/>
      <c r="FM3596" s="91"/>
      <c r="FN3596" s="91"/>
      <c r="FO3596" s="91"/>
      <c r="FP3596" s="91"/>
      <c r="FQ3596" s="91"/>
      <c r="FR3596" s="91"/>
      <c r="FS3596" s="91"/>
      <c r="FT3596" s="91"/>
      <c r="FU3596" s="91"/>
      <c r="FV3596" s="91"/>
      <c r="FW3596" s="91"/>
      <c r="FX3596" s="127"/>
      <c r="FY3596" s="126"/>
      <c r="FZ3596" s="91"/>
      <c r="GA3596" s="91"/>
      <c r="GB3596" s="91"/>
      <c r="GC3596" s="91"/>
      <c r="GD3596" s="91"/>
      <c r="GE3596" s="91"/>
      <c r="GF3596" s="91"/>
      <c r="GG3596" s="91"/>
      <c r="GH3596" s="91"/>
      <c r="GI3596" s="91"/>
      <c r="GJ3596" s="91"/>
      <c r="GK3596" s="127"/>
      <c r="GL3596" s="126"/>
      <c r="GM3596" s="91"/>
      <c r="GN3596" s="91"/>
      <c r="GO3596" s="91"/>
      <c r="GP3596" s="91"/>
      <c r="GQ3596" s="91"/>
      <c r="GR3596" s="91"/>
      <c r="GS3596" s="91"/>
      <c r="GT3596" s="91"/>
      <c r="GU3596" s="91"/>
      <c r="GV3596" s="91"/>
      <c r="GW3596" s="91"/>
      <c r="GX3596" s="127"/>
      <c r="GY3596" s="126"/>
      <c r="GZ3596" s="91"/>
      <c r="HA3596" s="91"/>
      <c r="HB3596" s="91"/>
      <c r="HC3596" s="91"/>
      <c r="HD3596" s="91"/>
      <c r="HE3596" s="91"/>
      <c r="HF3596" s="91"/>
      <c r="HG3596" s="91"/>
      <c r="HH3596" s="91"/>
      <c r="HI3596" s="91"/>
      <c r="HJ3596" s="91"/>
      <c r="HK3596" s="127"/>
      <c r="HL3596" s="126"/>
      <c r="HM3596" s="91"/>
      <c r="HN3596" s="91"/>
      <c r="HO3596" s="91"/>
      <c r="HP3596" s="91"/>
      <c r="HQ3596" s="91"/>
      <c r="HR3596" s="91"/>
      <c r="HS3596" s="91"/>
      <c r="HT3596" s="91"/>
      <c r="HU3596" s="91"/>
      <c r="HV3596" s="91"/>
      <c r="HW3596" s="91"/>
      <c r="HX3596" s="127"/>
      <c r="HY3596" s="126"/>
      <c r="HZ3596" s="91"/>
      <c r="IA3596" s="91"/>
      <c r="IB3596" s="91"/>
      <c r="IC3596" s="91"/>
      <c r="ID3596" s="91"/>
      <c r="IE3596" s="91"/>
      <c r="IF3596" s="91"/>
      <c r="IG3596" s="91"/>
      <c r="IH3596" s="91"/>
      <c r="II3596" s="91"/>
      <c r="IJ3596" s="91"/>
      <c r="IK3596" s="174"/>
    </row>
    <row r="3597" spans="2:245" x14ac:dyDescent="0.2">
      <c r="B3597" s="43"/>
      <c r="C3597" s="73"/>
      <c r="D3597" s="64"/>
      <c r="E3597" s="64"/>
      <c r="F3597" s="55"/>
      <c r="G3597" s="102"/>
      <c r="H3597" s="97"/>
      <c r="T3597" s="98"/>
      <c r="U3597" s="97"/>
      <c r="AG3597" s="98"/>
      <c r="AY3597" s="164"/>
      <c r="BK3597" s="98"/>
      <c r="BL3597" s="97"/>
      <c r="BX3597" s="98"/>
      <c r="CL3597" s="97"/>
      <c r="CX3597" s="98"/>
      <c r="DL3597" s="97"/>
      <c r="DX3597" s="98"/>
      <c r="EL3597" s="97"/>
      <c r="EX3597" s="98"/>
      <c r="EY3597" s="97"/>
      <c r="FL3597" s="126"/>
      <c r="FM3597" s="91"/>
      <c r="FN3597" s="91"/>
      <c r="FO3597" s="91"/>
      <c r="FP3597" s="91"/>
      <c r="FQ3597" s="91"/>
      <c r="FR3597" s="91"/>
      <c r="FS3597" s="91"/>
      <c r="FT3597" s="91"/>
      <c r="FU3597" s="91"/>
      <c r="FV3597" s="91"/>
      <c r="FW3597" s="91"/>
      <c r="FX3597" s="127"/>
      <c r="FY3597" s="126"/>
      <c r="FZ3597" s="91"/>
      <c r="GA3597" s="91"/>
      <c r="GB3597" s="91"/>
      <c r="GC3597" s="91"/>
      <c r="GD3597" s="91"/>
      <c r="GE3597" s="91"/>
      <c r="GF3597" s="91"/>
      <c r="GG3597" s="91"/>
      <c r="GH3597" s="91"/>
      <c r="GI3597" s="91"/>
      <c r="GJ3597" s="91"/>
      <c r="GK3597" s="127"/>
      <c r="GL3597" s="126"/>
      <c r="GM3597" s="91"/>
      <c r="GN3597" s="91"/>
      <c r="GO3597" s="91"/>
      <c r="GP3597" s="91"/>
      <c r="GQ3597" s="91"/>
      <c r="GR3597" s="91"/>
      <c r="GS3597" s="91"/>
      <c r="GT3597" s="91"/>
      <c r="GU3597" s="91"/>
      <c r="GV3597" s="91"/>
      <c r="GW3597" s="91"/>
      <c r="GX3597" s="127"/>
      <c r="GY3597" s="126"/>
      <c r="GZ3597" s="91"/>
      <c r="HA3597" s="91"/>
      <c r="HB3597" s="91"/>
      <c r="HC3597" s="91"/>
      <c r="HD3597" s="91"/>
      <c r="HE3597" s="91"/>
      <c r="HF3597" s="91"/>
      <c r="HG3597" s="91"/>
      <c r="HH3597" s="91"/>
      <c r="HI3597" s="91"/>
      <c r="HJ3597" s="91"/>
      <c r="HK3597" s="127"/>
      <c r="HL3597" s="126"/>
      <c r="HM3597" s="91"/>
      <c r="HN3597" s="91"/>
      <c r="HO3597" s="91"/>
      <c r="HP3597" s="91"/>
      <c r="HQ3597" s="91"/>
      <c r="HR3597" s="91"/>
      <c r="HS3597" s="91"/>
      <c r="HT3597" s="91"/>
      <c r="HU3597" s="91"/>
      <c r="HV3597" s="91"/>
      <c r="HW3597" s="91"/>
      <c r="HX3597" s="127"/>
      <c r="HY3597" s="126"/>
      <c r="HZ3597" s="91"/>
      <c r="IA3597" s="91"/>
      <c r="IB3597" s="91"/>
      <c r="IC3597" s="91"/>
      <c r="ID3597" s="91"/>
      <c r="IE3597" s="91"/>
      <c r="IF3597" s="91"/>
      <c r="IG3597" s="91"/>
      <c r="IH3597" s="91"/>
      <c r="II3597" s="91"/>
      <c r="IJ3597" s="91"/>
      <c r="IK3597" s="174"/>
    </row>
    <row r="3598" spans="2:245" x14ac:dyDescent="0.2">
      <c r="B3598" s="43"/>
      <c r="C3598" s="73"/>
      <c r="D3598" s="64"/>
      <c r="E3598" s="64"/>
      <c r="F3598" s="55"/>
      <c r="G3598" s="102"/>
      <c r="H3598" s="97"/>
      <c r="T3598" s="98"/>
      <c r="U3598" s="97"/>
      <c r="AG3598" s="98"/>
      <c r="AY3598" s="164"/>
      <c r="BK3598" s="98"/>
      <c r="BL3598" s="97"/>
      <c r="BX3598" s="98"/>
      <c r="CL3598" s="97"/>
      <c r="CX3598" s="98"/>
      <c r="DL3598" s="97"/>
      <c r="DX3598" s="98"/>
      <c r="EL3598" s="97"/>
      <c r="EX3598" s="98"/>
      <c r="EY3598" s="97"/>
      <c r="FL3598" s="126"/>
      <c r="FM3598" s="91"/>
      <c r="FN3598" s="91"/>
      <c r="FO3598" s="91"/>
      <c r="FP3598" s="91"/>
      <c r="FQ3598" s="91"/>
      <c r="FR3598" s="91"/>
      <c r="FS3598" s="91"/>
      <c r="FT3598" s="91"/>
      <c r="FU3598" s="91"/>
      <c r="FV3598" s="91"/>
      <c r="FW3598" s="91"/>
      <c r="FX3598" s="127"/>
      <c r="FY3598" s="126"/>
      <c r="FZ3598" s="91"/>
      <c r="GA3598" s="91"/>
      <c r="GB3598" s="91"/>
      <c r="GC3598" s="91"/>
      <c r="GD3598" s="91"/>
      <c r="GE3598" s="91"/>
      <c r="GF3598" s="91"/>
      <c r="GG3598" s="91"/>
      <c r="GH3598" s="91"/>
      <c r="GI3598" s="91"/>
      <c r="GJ3598" s="91"/>
      <c r="GK3598" s="127"/>
      <c r="GL3598" s="126"/>
      <c r="GM3598" s="91"/>
      <c r="GN3598" s="91"/>
      <c r="GO3598" s="91"/>
      <c r="GP3598" s="91"/>
      <c r="GQ3598" s="91"/>
      <c r="GR3598" s="91"/>
      <c r="GS3598" s="91"/>
      <c r="GT3598" s="91"/>
      <c r="GU3598" s="91"/>
      <c r="GV3598" s="91"/>
      <c r="GW3598" s="91"/>
      <c r="GX3598" s="127"/>
      <c r="GY3598" s="126"/>
      <c r="GZ3598" s="91"/>
      <c r="HA3598" s="91"/>
      <c r="HB3598" s="91"/>
      <c r="HC3598" s="91"/>
      <c r="HD3598" s="91"/>
      <c r="HE3598" s="91"/>
      <c r="HF3598" s="91"/>
      <c r="HG3598" s="91"/>
      <c r="HH3598" s="91"/>
      <c r="HI3598" s="91"/>
      <c r="HJ3598" s="91"/>
      <c r="HK3598" s="127"/>
      <c r="HL3598" s="126"/>
      <c r="HM3598" s="91"/>
      <c r="HN3598" s="91"/>
      <c r="HO3598" s="91"/>
      <c r="HP3598" s="91"/>
      <c r="HQ3598" s="91"/>
      <c r="HR3598" s="91"/>
      <c r="HS3598" s="91"/>
      <c r="HT3598" s="91"/>
      <c r="HU3598" s="91"/>
      <c r="HV3598" s="91"/>
      <c r="HW3598" s="91"/>
      <c r="HX3598" s="127"/>
      <c r="HY3598" s="126"/>
      <c r="HZ3598" s="91"/>
      <c r="IA3598" s="91"/>
      <c r="IB3598" s="91"/>
      <c r="IC3598" s="91"/>
      <c r="ID3598" s="91"/>
      <c r="IE3598" s="91"/>
      <c r="IF3598" s="91"/>
      <c r="IG3598" s="91"/>
      <c r="IH3598" s="91"/>
      <c r="II3598" s="91"/>
      <c r="IJ3598" s="91"/>
      <c r="IK3598" s="174"/>
    </row>
    <row r="3599" spans="2:245" x14ac:dyDescent="0.2">
      <c r="B3599" s="43"/>
      <c r="C3599" s="73"/>
      <c r="D3599" s="64"/>
      <c r="E3599" s="64"/>
      <c r="F3599" s="55"/>
      <c r="G3599" s="102"/>
      <c r="H3599" s="97"/>
      <c r="T3599" s="98"/>
      <c r="U3599" s="97"/>
      <c r="AG3599" s="98"/>
      <c r="AY3599" s="164"/>
      <c r="BK3599" s="98"/>
      <c r="BL3599" s="97"/>
      <c r="BX3599" s="98"/>
      <c r="CL3599" s="97"/>
      <c r="CX3599" s="98"/>
      <c r="DL3599" s="97"/>
      <c r="DX3599" s="98"/>
      <c r="EL3599" s="97"/>
      <c r="EX3599" s="98"/>
      <c r="EY3599" s="97"/>
      <c r="FL3599" s="126"/>
      <c r="FM3599" s="91"/>
      <c r="FN3599" s="91"/>
      <c r="FO3599" s="91"/>
      <c r="FP3599" s="91"/>
      <c r="FQ3599" s="91"/>
      <c r="FR3599" s="91"/>
      <c r="FS3599" s="91"/>
      <c r="FT3599" s="91"/>
      <c r="FU3599" s="91"/>
      <c r="FV3599" s="91"/>
      <c r="FW3599" s="91"/>
      <c r="FX3599" s="127"/>
      <c r="FY3599" s="126"/>
      <c r="FZ3599" s="91"/>
      <c r="GA3599" s="91"/>
      <c r="GB3599" s="91"/>
      <c r="GC3599" s="91"/>
      <c r="GD3599" s="91"/>
      <c r="GE3599" s="91"/>
      <c r="GF3599" s="91"/>
      <c r="GG3599" s="91"/>
      <c r="GH3599" s="91"/>
      <c r="GI3599" s="91"/>
      <c r="GJ3599" s="91"/>
      <c r="GK3599" s="127"/>
      <c r="GL3599" s="126"/>
      <c r="GM3599" s="91"/>
      <c r="GN3599" s="91"/>
      <c r="GO3599" s="91"/>
      <c r="GP3599" s="91"/>
      <c r="GQ3599" s="91"/>
      <c r="GR3599" s="91"/>
      <c r="GS3599" s="91"/>
      <c r="GT3599" s="91"/>
      <c r="GU3599" s="91"/>
      <c r="GV3599" s="91"/>
      <c r="GW3599" s="91"/>
      <c r="GX3599" s="127"/>
      <c r="GY3599" s="126"/>
      <c r="GZ3599" s="91"/>
      <c r="HA3599" s="91"/>
      <c r="HB3599" s="91"/>
      <c r="HC3599" s="91"/>
      <c r="HD3599" s="91"/>
      <c r="HE3599" s="91"/>
      <c r="HF3599" s="91"/>
      <c r="HG3599" s="91"/>
      <c r="HH3599" s="91"/>
      <c r="HI3599" s="91"/>
      <c r="HJ3599" s="91"/>
      <c r="HK3599" s="127"/>
      <c r="HL3599" s="126"/>
      <c r="HM3599" s="91"/>
      <c r="HN3599" s="91"/>
      <c r="HO3599" s="91"/>
      <c r="HP3599" s="91"/>
      <c r="HQ3599" s="91"/>
      <c r="HR3599" s="91"/>
      <c r="HS3599" s="91"/>
      <c r="HT3599" s="91"/>
      <c r="HU3599" s="91"/>
      <c r="HV3599" s="91"/>
      <c r="HW3599" s="91"/>
      <c r="HX3599" s="127"/>
      <c r="HY3599" s="126"/>
      <c r="HZ3599" s="91"/>
      <c r="IA3599" s="91"/>
      <c r="IB3599" s="91"/>
      <c r="IC3599" s="91"/>
      <c r="ID3599" s="91"/>
      <c r="IE3599" s="91"/>
      <c r="IF3599" s="91"/>
      <c r="IG3599" s="91"/>
      <c r="IH3599" s="91"/>
      <c r="II3599" s="91"/>
      <c r="IJ3599" s="91"/>
      <c r="IK3599" s="174"/>
    </row>
    <row r="3600" spans="2:245" x14ac:dyDescent="0.2">
      <c r="B3600" s="43"/>
      <c r="C3600" s="73"/>
      <c r="D3600" s="64"/>
      <c r="E3600" s="64"/>
      <c r="F3600" s="55"/>
      <c r="G3600" s="102"/>
      <c r="H3600" s="97"/>
      <c r="T3600" s="98"/>
      <c r="U3600" s="97"/>
      <c r="AG3600" s="98"/>
      <c r="AY3600" s="164"/>
      <c r="BK3600" s="98"/>
      <c r="BL3600" s="97"/>
      <c r="BX3600" s="98"/>
      <c r="CL3600" s="97"/>
      <c r="CX3600" s="98"/>
      <c r="DL3600" s="97"/>
      <c r="DX3600" s="98"/>
      <c r="EL3600" s="97"/>
      <c r="EX3600" s="98"/>
      <c r="EY3600" s="97"/>
      <c r="FL3600" s="126"/>
      <c r="FM3600" s="91"/>
      <c r="FN3600" s="91"/>
      <c r="FO3600" s="91"/>
      <c r="FP3600" s="91"/>
      <c r="FQ3600" s="91"/>
      <c r="FR3600" s="91"/>
      <c r="FS3600" s="91"/>
      <c r="FT3600" s="91"/>
      <c r="FU3600" s="91"/>
      <c r="FV3600" s="91"/>
      <c r="FW3600" s="91"/>
      <c r="FX3600" s="127"/>
      <c r="FY3600" s="126"/>
      <c r="FZ3600" s="91"/>
      <c r="GA3600" s="91"/>
      <c r="GB3600" s="91"/>
      <c r="GC3600" s="91"/>
      <c r="GD3600" s="91"/>
      <c r="GE3600" s="91"/>
      <c r="GF3600" s="91"/>
      <c r="GG3600" s="91"/>
      <c r="GH3600" s="91"/>
      <c r="GI3600" s="91"/>
      <c r="GJ3600" s="91"/>
      <c r="GK3600" s="127"/>
      <c r="GL3600" s="126"/>
      <c r="GM3600" s="91"/>
      <c r="GN3600" s="91"/>
      <c r="GO3600" s="91"/>
      <c r="GP3600" s="91"/>
      <c r="GQ3600" s="91"/>
      <c r="GR3600" s="91"/>
      <c r="GS3600" s="91"/>
      <c r="GT3600" s="91"/>
      <c r="GU3600" s="91"/>
      <c r="GV3600" s="91"/>
      <c r="GW3600" s="91"/>
      <c r="GX3600" s="127"/>
      <c r="GY3600" s="126"/>
      <c r="GZ3600" s="91"/>
      <c r="HA3600" s="91"/>
      <c r="HB3600" s="91"/>
      <c r="HC3600" s="91"/>
      <c r="HD3600" s="91"/>
      <c r="HE3600" s="91"/>
      <c r="HF3600" s="91"/>
      <c r="HG3600" s="91"/>
      <c r="HH3600" s="91"/>
      <c r="HI3600" s="91"/>
      <c r="HJ3600" s="91"/>
      <c r="HK3600" s="127"/>
      <c r="HL3600" s="126"/>
      <c r="HM3600" s="91"/>
      <c r="HN3600" s="91"/>
      <c r="HO3600" s="91"/>
      <c r="HP3600" s="91"/>
      <c r="HQ3600" s="91"/>
      <c r="HR3600" s="91"/>
      <c r="HS3600" s="91"/>
      <c r="HT3600" s="91"/>
      <c r="HU3600" s="91"/>
      <c r="HV3600" s="91"/>
      <c r="HW3600" s="91"/>
      <c r="HX3600" s="127"/>
      <c r="HY3600" s="126"/>
      <c r="HZ3600" s="91"/>
      <c r="IA3600" s="91"/>
      <c r="IB3600" s="91"/>
      <c r="IC3600" s="91"/>
      <c r="ID3600" s="91"/>
      <c r="IE3600" s="91"/>
      <c r="IF3600" s="91"/>
      <c r="IG3600" s="91"/>
      <c r="IH3600" s="91"/>
      <c r="II3600" s="91"/>
      <c r="IJ3600" s="91"/>
      <c r="IK3600" s="174"/>
    </row>
    <row r="3601" spans="2:245" x14ac:dyDescent="0.2">
      <c r="B3601" s="43"/>
      <c r="C3601" s="73"/>
      <c r="D3601" s="64"/>
      <c r="E3601" s="64"/>
      <c r="F3601" s="55"/>
      <c r="G3601" s="102"/>
      <c r="H3601" s="97"/>
      <c r="T3601" s="98"/>
      <c r="U3601" s="97"/>
      <c r="AG3601" s="98"/>
      <c r="AY3601" s="164"/>
      <c r="BK3601" s="98"/>
      <c r="BL3601" s="97"/>
      <c r="BX3601" s="98"/>
      <c r="CL3601" s="97"/>
      <c r="CX3601" s="98"/>
      <c r="DL3601" s="97"/>
      <c r="DX3601" s="98"/>
      <c r="EL3601" s="97"/>
      <c r="EX3601" s="98"/>
      <c r="EY3601" s="97"/>
      <c r="FL3601" s="126"/>
      <c r="FM3601" s="91"/>
      <c r="FN3601" s="91"/>
      <c r="FO3601" s="91"/>
      <c r="FP3601" s="91"/>
      <c r="FQ3601" s="91"/>
      <c r="FR3601" s="91"/>
      <c r="FS3601" s="91"/>
      <c r="FT3601" s="91"/>
      <c r="FU3601" s="91"/>
      <c r="FV3601" s="91"/>
      <c r="FW3601" s="91"/>
      <c r="FX3601" s="127"/>
      <c r="FY3601" s="126"/>
      <c r="FZ3601" s="91"/>
      <c r="GA3601" s="91"/>
      <c r="GB3601" s="91"/>
      <c r="GC3601" s="91"/>
      <c r="GD3601" s="91"/>
      <c r="GE3601" s="91"/>
      <c r="GF3601" s="91"/>
      <c r="GG3601" s="91"/>
      <c r="GH3601" s="91"/>
      <c r="GI3601" s="91"/>
      <c r="GJ3601" s="91"/>
      <c r="GK3601" s="127"/>
      <c r="GL3601" s="126"/>
      <c r="GM3601" s="91"/>
      <c r="GN3601" s="91"/>
      <c r="GO3601" s="91"/>
      <c r="GP3601" s="91"/>
      <c r="GQ3601" s="91"/>
      <c r="GR3601" s="91"/>
      <c r="GS3601" s="91"/>
      <c r="GT3601" s="91"/>
      <c r="GU3601" s="91"/>
      <c r="GV3601" s="91"/>
      <c r="GW3601" s="91"/>
      <c r="GX3601" s="127"/>
      <c r="GY3601" s="126"/>
      <c r="GZ3601" s="91"/>
      <c r="HA3601" s="91"/>
      <c r="HB3601" s="91"/>
      <c r="HC3601" s="91"/>
      <c r="HD3601" s="91"/>
      <c r="HE3601" s="91"/>
      <c r="HF3601" s="91"/>
      <c r="HG3601" s="91"/>
      <c r="HH3601" s="91"/>
      <c r="HI3601" s="91"/>
      <c r="HJ3601" s="91"/>
      <c r="HK3601" s="127"/>
      <c r="HL3601" s="126"/>
      <c r="HM3601" s="91"/>
      <c r="HN3601" s="91"/>
      <c r="HO3601" s="91"/>
      <c r="HP3601" s="91"/>
      <c r="HQ3601" s="91"/>
      <c r="HR3601" s="91"/>
      <c r="HS3601" s="91"/>
      <c r="HT3601" s="91"/>
      <c r="HU3601" s="91"/>
      <c r="HV3601" s="91"/>
      <c r="HW3601" s="91"/>
      <c r="HX3601" s="127"/>
      <c r="HY3601" s="126"/>
      <c r="HZ3601" s="91"/>
      <c r="IA3601" s="91"/>
      <c r="IB3601" s="91"/>
      <c r="IC3601" s="91"/>
      <c r="ID3601" s="91"/>
      <c r="IE3601" s="91"/>
      <c r="IF3601" s="91"/>
      <c r="IG3601" s="91"/>
      <c r="IH3601" s="91"/>
      <c r="II3601" s="91"/>
      <c r="IJ3601" s="91"/>
      <c r="IK3601" s="174"/>
    </row>
    <row r="3602" spans="2:245" x14ac:dyDescent="0.2">
      <c r="B3602" s="43"/>
      <c r="C3602" s="73"/>
      <c r="D3602" s="64"/>
      <c r="E3602" s="64"/>
      <c r="F3602" s="55"/>
      <c r="G3602" s="102"/>
      <c r="H3602" s="97"/>
      <c r="T3602" s="98"/>
      <c r="U3602" s="97"/>
      <c r="AG3602" s="98"/>
      <c r="AY3602" s="164"/>
      <c r="BK3602" s="98"/>
      <c r="BL3602" s="97"/>
      <c r="BX3602" s="98"/>
      <c r="CL3602" s="97"/>
      <c r="CX3602" s="98"/>
      <c r="DL3602" s="97"/>
      <c r="DX3602" s="98"/>
      <c r="EL3602" s="97"/>
      <c r="EX3602" s="98"/>
      <c r="EY3602" s="97"/>
      <c r="FL3602" s="126"/>
      <c r="FM3602" s="91"/>
      <c r="FN3602" s="91"/>
      <c r="FO3602" s="91"/>
      <c r="FP3602" s="91"/>
      <c r="FQ3602" s="91"/>
      <c r="FR3602" s="91"/>
      <c r="FS3602" s="91"/>
      <c r="FT3602" s="91"/>
      <c r="FU3602" s="91"/>
      <c r="FV3602" s="91"/>
      <c r="FW3602" s="91"/>
      <c r="FX3602" s="127"/>
      <c r="FY3602" s="126"/>
      <c r="FZ3602" s="91"/>
      <c r="GA3602" s="91"/>
      <c r="GB3602" s="91"/>
      <c r="GC3602" s="91"/>
      <c r="GD3602" s="91"/>
      <c r="GE3602" s="91"/>
      <c r="GF3602" s="91"/>
      <c r="GG3602" s="91"/>
      <c r="GH3602" s="91"/>
      <c r="GI3602" s="91"/>
      <c r="GJ3602" s="91"/>
      <c r="GK3602" s="127"/>
      <c r="GL3602" s="126"/>
      <c r="GM3602" s="91"/>
      <c r="GN3602" s="91"/>
      <c r="GO3602" s="91"/>
      <c r="GP3602" s="91"/>
      <c r="GQ3602" s="91"/>
      <c r="GR3602" s="91"/>
      <c r="GS3602" s="91"/>
      <c r="GT3602" s="91"/>
      <c r="GU3602" s="91"/>
      <c r="GV3602" s="91"/>
      <c r="GW3602" s="91"/>
      <c r="GX3602" s="127"/>
      <c r="GY3602" s="126"/>
      <c r="GZ3602" s="91"/>
      <c r="HA3602" s="91"/>
      <c r="HB3602" s="91"/>
      <c r="HC3602" s="91"/>
      <c r="HD3602" s="91"/>
      <c r="HE3602" s="91"/>
      <c r="HF3602" s="91"/>
      <c r="HG3602" s="91"/>
      <c r="HH3602" s="91"/>
      <c r="HI3602" s="91"/>
      <c r="HJ3602" s="91"/>
      <c r="HK3602" s="127"/>
      <c r="HL3602" s="126"/>
      <c r="HM3602" s="91"/>
      <c r="HN3602" s="91"/>
      <c r="HO3602" s="91"/>
      <c r="HP3602" s="91"/>
      <c r="HQ3602" s="91"/>
      <c r="HR3602" s="91"/>
      <c r="HS3602" s="91"/>
      <c r="HT3602" s="91"/>
      <c r="HU3602" s="91"/>
      <c r="HV3602" s="91"/>
      <c r="HW3602" s="91"/>
      <c r="HX3602" s="127"/>
      <c r="HY3602" s="126"/>
      <c r="HZ3602" s="91"/>
      <c r="IA3602" s="91"/>
      <c r="IB3602" s="91"/>
      <c r="IC3602" s="91"/>
      <c r="ID3602" s="91"/>
      <c r="IE3602" s="91"/>
      <c r="IF3602" s="91"/>
      <c r="IG3602" s="91"/>
      <c r="IH3602" s="91"/>
      <c r="II3602" s="91"/>
      <c r="IJ3602" s="91"/>
      <c r="IK3602" s="174"/>
    </row>
    <row r="3603" spans="2:245" x14ac:dyDescent="0.2">
      <c r="B3603" s="43"/>
      <c r="C3603" s="73"/>
      <c r="D3603" s="64"/>
      <c r="E3603" s="64"/>
      <c r="F3603" s="55"/>
      <c r="G3603" s="102"/>
      <c r="H3603" s="97"/>
      <c r="T3603" s="98"/>
      <c r="U3603" s="97"/>
      <c r="AG3603" s="98"/>
      <c r="AY3603" s="164"/>
      <c r="BK3603" s="98"/>
      <c r="BL3603" s="97"/>
      <c r="BX3603" s="98"/>
      <c r="CL3603" s="97"/>
      <c r="CX3603" s="98"/>
      <c r="DL3603" s="97"/>
      <c r="DX3603" s="98"/>
      <c r="EL3603" s="97"/>
      <c r="EX3603" s="98"/>
      <c r="EY3603" s="97"/>
      <c r="FL3603" s="126"/>
      <c r="FM3603" s="91"/>
      <c r="FN3603" s="91"/>
      <c r="FO3603" s="91"/>
      <c r="FP3603" s="91"/>
      <c r="FQ3603" s="91"/>
      <c r="FR3603" s="91"/>
      <c r="FS3603" s="91"/>
      <c r="FT3603" s="91"/>
      <c r="FU3603" s="91"/>
      <c r="FV3603" s="91"/>
      <c r="FW3603" s="91"/>
      <c r="FX3603" s="127"/>
      <c r="FY3603" s="126"/>
      <c r="FZ3603" s="91"/>
      <c r="GA3603" s="91"/>
      <c r="GB3603" s="91"/>
      <c r="GC3603" s="91"/>
      <c r="GD3603" s="91"/>
      <c r="GE3603" s="91"/>
      <c r="GF3603" s="91"/>
      <c r="GG3603" s="91"/>
      <c r="GH3603" s="91"/>
      <c r="GI3603" s="91"/>
      <c r="GJ3603" s="91"/>
      <c r="GK3603" s="127"/>
      <c r="GL3603" s="126"/>
      <c r="GM3603" s="91"/>
      <c r="GN3603" s="91"/>
      <c r="GO3603" s="91"/>
      <c r="GP3603" s="91"/>
      <c r="GQ3603" s="91"/>
      <c r="GR3603" s="91"/>
      <c r="GS3603" s="91"/>
      <c r="GT3603" s="91"/>
      <c r="GU3603" s="91"/>
      <c r="GV3603" s="91"/>
      <c r="GW3603" s="91"/>
      <c r="GX3603" s="127"/>
      <c r="GY3603" s="126"/>
      <c r="GZ3603" s="91"/>
      <c r="HA3603" s="91"/>
      <c r="HB3603" s="91"/>
      <c r="HC3603" s="91"/>
      <c r="HD3603" s="91"/>
      <c r="HE3603" s="91"/>
      <c r="HF3603" s="91"/>
      <c r="HG3603" s="91"/>
      <c r="HH3603" s="91"/>
      <c r="HI3603" s="91"/>
      <c r="HJ3603" s="91"/>
      <c r="HK3603" s="127"/>
      <c r="HL3603" s="126"/>
      <c r="HM3603" s="91"/>
      <c r="HN3603" s="91"/>
      <c r="HO3603" s="91"/>
      <c r="HP3603" s="91"/>
      <c r="HQ3603" s="91"/>
      <c r="HR3603" s="91"/>
      <c r="HS3603" s="91"/>
      <c r="HT3603" s="91"/>
      <c r="HU3603" s="91"/>
      <c r="HV3603" s="91"/>
      <c r="HW3603" s="91"/>
      <c r="HX3603" s="127"/>
      <c r="HY3603" s="126"/>
      <c r="HZ3603" s="91"/>
      <c r="IA3603" s="91"/>
      <c r="IB3603" s="91"/>
      <c r="IC3603" s="91"/>
      <c r="ID3603" s="91"/>
      <c r="IE3603" s="91"/>
      <c r="IF3603" s="91"/>
      <c r="IG3603" s="91"/>
      <c r="IH3603" s="91"/>
      <c r="II3603" s="91"/>
      <c r="IJ3603" s="91"/>
      <c r="IK3603" s="174"/>
    </row>
    <row r="3604" spans="2:245" x14ac:dyDescent="0.2">
      <c r="B3604" s="43"/>
      <c r="C3604" s="73"/>
      <c r="D3604" s="64"/>
      <c r="E3604" s="64"/>
      <c r="F3604" s="55"/>
      <c r="G3604" s="102"/>
      <c r="H3604" s="97"/>
      <c r="T3604" s="98"/>
      <c r="U3604" s="97"/>
      <c r="AG3604" s="98"/>
      <c r="AY3604" s="164"/>
      <c r="BK3604" s="98"/>
      <c r="BL3604" s="97"/>
      <c r="BX3604" s="98"/>
      <c r="CL3604" s="97"/>
      <c r="CX3604" s="98"/>
      <c r="DL3604" s="97"/>
      <c r="DX3604" s="98"/>
      <c r="EL3604" s="97"/>
      <c r="EX3604" s="98"/>
      <c r="EY3604" s="97"/>
      <c r="FL3604" s="126"/>
      <c r="FM3604" s="91"/>
      <c r="FN3604" s="91"/>
      <c r="FO3604" s="91"/>
      <c r="FP3604" s="91"/>
      <c r="FQ3604" s="91"/>
      <c r="FR3604" s="91"/>
      <c r="FS3604" s="91"/>
      <c r="FT3604" s="91"/>
      <c r="FU3604" s="91"/>
      <c r="FV3604" s="91"/>
      <c r="FW3604" s="91"/>
      <c r="FX3604" s="127"/>
      <c r="FY3604" s="126"/>
      <c r="FZ3604" s="91"/>
      <c r="GA3604" s="91"/>
      <c r="GB3604" s="91"/>
      <c r="GC3604" s="91"/>
      <c r="GD3604" s="91"/>
      <c r="GE3604" s="91"/>
      <c r="GF3604" s="91"/>
      <c r="GG3604" s="91"/>
      <c r="GH3604" s="91"/>
      <c r="GI3604" s="91"/>
      <c r="GJ3604" s="91"/>
      <c r="GK3604" s="127"/>
      <c r="GL3604" s="126"/>
      <c r="GM3604" s="91"/>
      <c r="GN3604" s="91"/>
      <c r="GO3604" s="91"/>
      <c r="GP3604" s="91"/>
      <c r="GQ3604" s="91"/>
      <c r="GR3604" s="91"/>
      <c r="GS3604" s="91"/>
      <c r="GT3604" s="91"/>
      <c r="GU3604" s="91"/>
      <c r="GV3604" s="91"/>
      <c r="GW3604" s="91"/>
      <c r="GX3604" s="127"/>
      <c r="GY3604" s="126"/>
      <c r="GZ3604" s="91"/>
      <c r="HA3604" s="91"/>
      <c r="HB3604" s="91"/>
      <c r="HC3604" s="91"/>
      <c r="HD3604" s="91"/>
      <c r="HE3604" s="91"/>
      <c r="HF3604" s="91"/>
      <c r="HG3604" s="91"/>
      <c r="HH3604" s="91"/>
      <c r="HI3604" s="91"/>
      <c r="HJ3604" s="91"/>
      <c r="HK3604" s="127"/>
      <c r="HL3604" s="126"/>
      <c r="HM3604" s="91"/>
      <c r="HN3604" s="91"/>
      <c r="HO3604" s="91"/>
      <c r="HP3604" s="91"/>
      <c r="HQ3604" s="91"/>
      <c r="HR3604" s="91"/>
      <c r="HS3604" s="91"/>
      <c r="HT3604" s="91"/>
      <c r="HU3604" s="91"/>
      <c r="HV3604" s="91"/>
      <c r="HW3604" s="91"/>
      <c r="HX3604" s="127"/>
      <c r="HY3604" s="126"/>
      <c r="HZ3604" s="91"/>
      <c r="IA3604" s="91"/>
      <c r="IB3604" s="91"/>
      <c r="IC3604" s="91"/>
      <c r="ID3604" s="91"/>
      <c r="IE3604" s="91"/>
      <c r="IF3604" s="91"/>
      <c r="IG3604" s="91"/>
      <c r="IH3604" s="91"/>
      <c r="II3604" s="91"/>
      <c r="IJ3604" s="91"/>
      <c r="IK3604" s="174"/>
    </row>
    <row r="3605" spans="2:245" x14ac:dyDescent="0.2">
      <c r="B3605" s="43"/>
      <c r="C3605" s="73"/>
      <c r="D3605" s="64"/>
      <c r="E3605" s="64"/>
      <c r="F3605" s="55"/>
      <c r="G3605" s="102"/>
      <c r="H3605" s="97"/>
      <c r="T3605" s="98"/>
      <c r="U3605" s="97"/>
      <c r="AG3605" s="98"/>
      <c r="AY3605" s="164"/>
      <c r="BK3605" s="98"/>
      <c r="BL3605" s="97"/>
      <c r="BX3605" s="98"/>
      <c r="CL3605" s="97"/>
      <c r="CX3605" s="98"/>
      <c r="DL3605" s="97"/>
      <c r="DX3605" s="98"/>
      <c r="EL3605" s="97"/>
      <c r="EX3605" s="98"/>
      <c r="EY3605" s="97"/>
      <c r="FL3605" s="126"/>
      <c r="FM3605" s="91"/>
      <c r="FN3605" s="91"/>
      <c r="FO3605" s="91"/>
      <c r="FP3605" s="91"/>
      <c r="FQ3605" s="91"/>
      <c r="FR3605" s="91"/>
      <c r="FS3605" s="91"/>
      <c r="FT3605" s="91"/>
      <c r="FU3605" s="91"/>
      <c r="FV3605" s="91"/>
      <c r="FW3605" s="91"/>
      <c r="FX3605" s="127"/>
      <c r="FY3605" s="126"/>
      <c r="FZ3605" s="91"/>
      <c r="GA3605" s="91"/>
      <c r="GB3605" s="91"/>
      <c r="GC3605" s="91"/>
      <c r="GD3605" s="91"/>
      <c r="GE3605" s="91"/>
      <c r="GF3605" s="91"/>
      <c r="GG3605" s="91"/>
      <c r="GH3605" s="91"/>
      <c r="GI3605" s="91"/>
      <c r="GJ3605" s="91"/>
      <c r="GK3605" s="127"/>
      <c r="GL3605" s="126"/>
      <c r="GM3605" s="91"/>
      <c r="GN3605" s="91"/>
      <c r="GO3605" s="91"/>
      <c r="GP3605" s="91"/>
      <c r="GQ3605" s="91"/>
      <c r="GR3605" s="91"/>
      <c r="GS3605" s="91"/>
      <c r="GT3605" s="91"/>
      <c r="GU3605" s="91"/>
      <c r="GV3605" s="91"/>
      <c r="GW3605" s="91"/>
      <c r="GX3605" s="127"/>
      <c r="GY3605" s="126"/>
      <c r="GZ3605" s="91"/>
      <c r="HA3605" s="91"/>
      <c r="HB3605" s="91"/>
      <c r="HC3605" s="91"/>
      <c r="HD3605" s="91"/>
      <c r="HE3605" s="91"/>
      <c r="HF3605" s="91"/>
      <c r="HG3605" s="91"/>
      <c r="HH3605" s="91"/>
      <c r="HI3605" s="91"/>
      <c r="HJ3605" s="91"/>
      <c r="HK3605" s="127"/>
      <c r="HL3605" s="126"/>
      <c r="HM3605" s="91"/>
      <c r="HN3605" s="91"/>
      <c r="HO3605" s="91"/>
      <c r="HP3605" s="91"/>
      <c r="HQ3605" s="91"/>
      <c r="HR3605" s="91"/>
      <c r="HS3605" s="91"/>
      <c r="HT3605" s="91"/>
      <c r="HU3605" s="91"/>
      <c r="HV3605" s="91"/>
      <c r="HW3605" s="91"/>
      <c r="HX3605" s="127"/>
      <c r="HY3605" s="126"/>
      <c r="HZ3605" s="91"/>
      <c r="IA3605" s="91"/>
      <c r="IB3605" s="91"/>
      <c r="IC3605" s="91"/>
      <c r="ID3605" s="91"/>
      <c r="IE3605" s="91"/>
      <c r="IF3605" s="91"/>
      <c r="IG3605" s="91"/>
      <c r="IH3605" s="91"/>
      <c r="II3605" s="91"/>
      <c r="IJ3605" s="91"/>
      <c r="IK3605" s="174"/>
    </row>
    <row r="3606" spans="2:245" x14ac:dyDescent="0.2">
      <c r="B3606" s="43"/>
      <c r="C3606" s="73"/>
      <c r="D3606" s="64"/>
      <c r="E3606" s="64"/>
      <c r="F3606" s="55"/>
      <c r="G3606" s="102"/>
      <c r="H3606" s="97"/>
      <c r="T3606" s="98"/>
      <c r="U3606" s="97"/>
      <c r="AG3606" s="98"/>
      <c r="AY3606" s="164"/>
      <c r="BK3606" s="98"/>
      <c r="BL3606" s="97"/>
      <c r="BX3606" s="98"/>
      <c r="CL3606" s="97"/>
      <c r="CX3606" s="98"/>
      <c r="DL3606" s="97"/>
      <c r="DX3606" s="98"/>
      <c r="EL3606" s="97"/>
      <c r="EX3606" s="98"/>
      <c r="EY3606" s="97"/>
      <c r="FL3606" s="126"/>
      <c r="FM3606" s="91"/>
      <c r="FN3606" s="91"/>
      <c r="FO3606" s="91"/>
      <c r="FP3606" s="91"/>
      <c r="FQ3606" s="91"/>
      <c r="FR3606" s="91"/>
      <c r="FS3606" s="91"/>
      <c r="FT3606" s="91"/>
      <c r="FU3606" s="91"/>
      <c r="FV3606" s="91"/>
      <c r="FW3606" s="91"/>
      <c r="FX3606" s="127"/>
      <c r="FY3606" s="126"/>
      <c r="FZ3606" s="91"/>
      <c r="GA3606" s="91"/>
      <c r="GB3606" s="91"/>
      <c r="GC3606" s="91"/>
      <c r="GD3606" s="91"/>
      <c r="GE3606" s="91"/>
      <c r="GF3606" s="91"/>
      <c r="GG3606" s="91"/>
      <c r="GH3606" s="91"/>
      <c r="GI3606" s="91"/>
      <c r="GJ3606" s="91"/>
      <c r="GK3606" s="127"/>
      <c r="GL3606" s="126"/>
      <c r="GM3606" s="91"/>
      <c r="GN3606" s="91"/>
      <c r="GO3606" s="91"/>
      <c r="GP3606" s="91"/>
      <c r="GQ3606" s="91"/>
      <c r="GR3606" s="91"/>
      <c r="GS3606" s="91"/>
      <c r="GT3606" s="91"/>
      <c r="GU3606" s="91"/>
      <c r="GV3606" s="91"/>
      <c r="GW3606" s="91"/>
      <c r="GX3606" s="127"/>
      <c r="GY3606" s="126"/>
      <c r="GZ3606" s="91"/>
      <c r="HA3606" s="91"/>
      <c r="HB3606" s="91"/>
      <c r="HC3606" s="91"/>
      <c r="HD3606" s="91"/>
      <c r="HE3606" s="91"/>
      <c r="HF3606" s="91"/>
      <c r="HG3606" s="91"/>
      <c r="HH3606" s="91"/>
      <c r="HI3606" s="91"/>
      <c r="HJ3606" s="91"/>
      <c r="HK3606" s="127"/>
      <c r="HL3606" s="126"/>
      <c r="HM3606" s="91"/>
      <c r="HN3606" s="91"/>
      <c r="HO3606" s="91"/>
      <c r="HP3606" s="91"/>
      <c r="HQ3606" s="91"/>
      <c r="HR3606" s="91"/>
      <c r="HS3606" s="91"/>
      <c r="HT3606" s="91"/>
      <c r="HU3606" s="91"/>
      <c r="HV3606" s="91"/>
      <c r="HW3606" s="91"/>
      <c r="HX3606" s="127"/>
      <c r="HY3606" s="126"/>
      <c r="HZ3606" s="91"/>
      <c r="IA3606" s="91"/>
      <c r="IB3606" s="91"/>
      <c r="IC3606" s="91"/>
      <c r="ID3606" s="91"/>
      <c r="IE3606" s="91"/>
      <c r="IF3606" s="91"/>
      <c r="IG3606" s="91"/>
      <c r="IH3606" s="91"/>
      <c r="II3606" s="91"/>
      <c r="IJ3606" s="91"/>
      <c r="IK3606" s="174"/>
    </row>
    <row r="3607" spans="2:245" x14ac:dyDescent="0.2">
      <c r="B3607" s="43"/>
      <c r="C3607" s="73"/>
      <c r="D3607" s="64"/>
      <c r="E3607" s="64"/>
      <c r="F3607" s="55"/>
      <c r="G3607" s="102"/>
      <c r="H3607" s="97"/>
      <c r="T3607" s="98"/>
      <c r="U3607" s="97"/>
      <c r="AG3607" s="98"/>
      <c r="AY3607" s="164"/>
      <c r="BK3607" s="98"/>
      <c r="BL3607" s="97"/>
      <c r="BX3607" s="98"/>
      <c r="CL3607" s="97"/>
      <c r="CX3607" s="98"/>
      <c r="DL3607" s="97"/>
      <c r="DX3607" s="98"/>
      <c r="EL3607" s="97"/>
      <c r="EX3607" s="98"/>
      <c r="EY3607" s="97"/>
      <c r="FL3607" s="126"/>
      <c r="FM3607" s="91"/>
      <c r="FN3607" s="91"/>
      <c r="FO3607" s="91"/>
      <c r="FP3607" s="91"/>
      <c r="FQ3607" s="91"/>
      <c r="FR3607" s="91"/>
      <c r="FS3607" s="91"/>
      <c r="FT3607" s="91"/>
      <c r="FU3607" s="91"/>
      <c r="FV3607" s="91"/>
      <c r="FW3607" s="91"/>
      <c r="FX3607" s="127"/>
      <c r="FY3607" s="126"/>
      <c r="FZ3607" s="91"/>
      <c r="GA3607" s="91"/>
      <c r="GB3607" s="91"/>
      <c r="GC3607" s="91"/>
      <c r="GD3607" s="91"/>
      <c r="GE3607" s="91"/>
      <c r="GF3607" s="91"/>
      <c r="GG3607" s="91"/>
      <c r="GH3607" s="91"/>
      <c r="GI3607" s="91"/>
      <c r="GJ3607" s="91"/>
      <c r="GK3607" s="127"/>
      <c r="GL3607" s="126"/>
      <c r="GM3607" s="91"/>
      <c r="GN3607" s="91"/>
      <c r="GO3607" s="91"/>
      <c r="GP3607" s="91"/>
      <c r="GQ3607" s="91"/>
      <c r="GR3607" s="91"/>
      <c r="GS3607" s="91"/>
      <c r="GT3607" s="91"/>
      <c r="GU3607" s="91"/>
      <c r="GV3607" s="91"/>
      <c r="GW3607" s="91"/>
      <c r="GX3607" s="127"/>
      <c r="GY3607" s="126"/>
      <c r="GZ3607" s="91"/>
      <c r="HA3607" s="91"/>
      <c r="HB3607" s="91"/>
      <c r="HC3607" s="91"/>
      <c r="HD3607" s="91"/>
      <c r="HE3607" s="91"/>
      <c r="HF3607" s="91"/>
      <c r="HG3607" s="91"/>
      <c r="HH3607" s="91"/>
      <c r="HI3607" s="91"/>
      <c r="HJ3607" s="91"/>
      <c r="HK3607" s="127"/>
      <c r="HL3607" s="126"/>
      <c r="HM3607" s="91"/>
      <c r="HN3607" s="91"/>
      <c r="HO3607" s="91"/>
      <c r="HP3607" s="91"/>
      <c r="HQ3607" s="91"/>
      <c r="HR3607" s="91"/>
      <c r="HS3607" s="91"/>
      <c r="HT3607" s="91"/>
      <c r="HU3607" s="91"/>
      <c r="HV3607" s="91"/>
      <c r="HW3607" s="91"/>
      <c r="HX3607" s="127"/>
      <c r="HY3607" s="126"/>
      <c r="HZ3607" s="91"/>
      <c r="IA3607" s="91"/>
      <c r="IB3607" s="91"/>
      <c r="IC3607" s="91"/>
      <c r="ID3607" s="91"/>
      <c r="IE3607" s="91"/>
      <c r="IF3607" s="91"/>
      <c r="IG3607" s="91"/>
      <c r="IH3607" s="91"/>
      <c r="II3607" s="91"/>
      <c r="IJ3607" s="91"/>
      <c r="IK3607" s="174"/>
    </row>
    <row r="3608" spans="2:245" x14ac:dyDescent="0.2">
      <c r="B3608" s="43"/>
      <c r="C3608" s="73"/>
      <c r="D3608" s="64"/>
      <c r="E3608" s="64"/>
      <c r="F3608" s="55"/>
      <c r="G3608" s="102"/>
      <c r="H3608" s="97"/>
      <c r="T3608" s="98"/>
      <c r="U3608" s="97"/>
      <c r="AG3608" s="98"/>
      <c r="AY3608" s="164"/>
      <c r="BK3608" s="98"/>
      <c r="BL3608" s="97"/>
      <c r="BX3608" s="98"/>
      <c r="CL3608" s="97"/>
      <c r="CX3608" s="98"/>
      <c r="DL3608" s="97"/>
      <c r="DX3608" s="98"/>
      <c r="EL3608" s="97"/>
      <c r="EX3608" s="98"/>
      <c r="EY3608" s="97"/>
      <c r="FL3608" s="126"/>
      <c r="FM3608" s="91"/>
      <c r="FN3608" s="91"/>
      <c r="FO3608" s="91"/>
      <c r="FP3608" s="91"/>
      <c r="FQ3608" s="91"/>
      <c r="FR3608" s="91"/>
      <c r="FS3608" s="91"/>
      <c r="FT3608" s="91"/>
      <c r="FU3608" s="91"/>
      <c r="FV3608" s="91"/>
      <c r="FW3608" s="91"/>
      <c r="FX3608" s="127"/>
      <c r="FY3608" s="126"/>
      <c r="FZ3608" s="91"/>
      <c r="GA3608" s="91"/>
      <c r="GB3608" s="91"/>
      <c r="GC3608" s="91"/>
      <c r="GD3608" s="91"/>
      <c r="GE3608" s="91"/>
      <c r="GF3608" s="91"/>
      <c r="GG3608" s="91"/>
      <c r="GH3608" s="91"/>
      <c r="GI3608" s="91"/>
      <c r="GJ3608" s="91"/>
      <c r="GK3608" s="127"/>
      <c r="GL3608" s="126"/>
      <c r="GM3608" s="91"/>
      <c r="GN3608" s="91"/>
      <c r="GO3608" s="91"/>
      <c r="GP3608" s="91"/>
      <c r="GQ3608" s="91"/>
      <c r="GR3608" s="91"/>
      <c r="GS3608" s="91"/>
      <c r="GT3608" s="91"/>
      <c r="GU3608" s="91"/>
      <c r="GV3608" s="91"/>
      <c r="GW3608" s="91"/>
      <c r="GX3608" s="127"/>
      <c r="GY3608" s="126"/>
      <c r="GZ3608" s="91"/>
      <c r="HA3608" s="91"/>
      <c r="HB3608" s="91"/>
      <c r="HC3608" s="91"/>
      <c r="HD3608" s="91"/>
      <c r="HE3608" s="91"/>
      <c r="HF3608" s="91"/>
      <c r="HG3608" s="91"/>
      <c r="HH3608" s="91"/>
      <c r="HI3608" s="91"/>
      <c r="HJ3608" s="91"/>
      <c r="HK3608" s="127"/>
      <c r="HL3608" s="126"/>
      <c r="HM3608" s="91"/>
      <c r="HN3608" s="91"/>
      <c r="HO3608" s="91"/>
      <c r="HP3608" s="91"/>
      <c r="HQ3608" s="91"/>
      <c r="HR3608" s="91"/>
      <c r="HS3608" s="91"/>
      <c r="HT3608" s="91"/>
      <c r="HU3608" s="91"/>
      <c r="HV3608" s="91"/>
      <c r="HW3608" s="91"/>
      <c r="HX3608" s="127"/>
      <c r="HY3608" s="126"/>
      <c r="HZ3608" s="91"/>
      <c r="IA3608" s="91"/>
      <c r="IB3608" s="91"/>
      <c r="IC3608" s="91"/>
      <c r="ID3608" s="91"/>
      <c r="IE3608" s="91"/>
      <c r="IF3608" s="91"/>
      <c r="IG3608" s="91"/>
      <c r="IH3608" s="91"/>
      <c r="II3608" s="91"/>
      <c r="IJ3608" s="91"/>
      <c r="IK3608" s="174"/>
    </row>
    <row r="3609" spans="2:245" x14ac:dyDescent="0.2">
      <c r="B3609" s="43"/>
      <c r="C3609" s="73"/>
      <c r="D3609" s="64"/>
      <c r="E3609" s="64"/>
      <c r="F3609" s="55"/>
      <c r="G3609" s="102"/>
      <c r="H3609" s="97"/>
      <c r="T3609" s="98"/>
      <c r="U3609" s="97"/>
      <c r="AG3609" s="98"/>
      <c r="AY3609" s="164"/>
      <c r="BK3609" s="98"/>
      <c r="BL3609" s="97"/>
      <c r="BX3609" s="98"/>
      <c r="CL3609" s="97"/>
      <c r="CX3609" s="98"/>
      <c r="DL3609" s="97"/>
      <c r="DX3609" s="98"/>
      <c r="EL3609" s="97"/>
      <c r="EX3609" s="98"/>
      <c r="EY3609" s="97"/>
      <c r="FL3609" s="126"/>
      <c r="FM3609" s="91"/>
      <c r="FN3609" s="91"/>
      <c r="FO3609" s="91"/>
      <c r="FP3609" s="91"/>
      <c r="FQ3609" s="91"/>
      <c r="FR3609" s="91"/>
      <c r="FS3609" s="91"/>
      <c r="FT3609" s="91"/>
      <c r="FU3609" s="91"/>
      <c r="FV3609" s="91"/>
      <c r="FW3609" s="91"/>
      <c r="FX3609" s="127"/>
      <c r="FY3609" s="126"/>
      <c r="FZ3609" s="91"/>
      <c r="GA3609" s="91"/>
      <c r="GB3609" s="91"/>
      <c r="GC3609" s="91"/>
      <c r="GD3609" s="91"/>
      <c r="GE3609" s="91"/>
      <c r="GF3609" s="91"/>
      <c r="GG3609" s="91"/>
      <c r="GH3609" s="91"/>
      <c r="GI3609" s="91"/>
      <c r="GJ3609" s="91"/>
      <c r="GK3609" s="127"/>
      <c r="GL3609" s="126"/>
      <c r="GM3609" s="91"/>
      <c r="GN3609" s="91"/>
      <c r="GO3609" s="91"/>
      <c r="GP3609" s="91"/>
      <c r="GQ3609" s="91"/>
      <c r="GR3609" s="91"/>
      <c r="GS3609" s="91"/>
      <c r="GT3609" s="91"/>
      <c r="GU3609" s="91"/>
      <c r="GV3609" s="91"/>
      <c r="GW3609" s="91"/>
      <c r="GX3609" s="127"/>
      <c r="GY3609" s="126"/>
      <c r="GZ3609" s="91"/>
      <c r="HA3609" s="91"/>
      <c r="HB3609" s="91"/>
      <c r="HC3609" s="91"/>
      <c r="HD3609" s="91"/>
      <c r="HE3609" s="91"/>
      <c r="HF3609" s="91"/>
      <c r="HG3609" s="91"/>
      <c r="HH3609" s="91"/>
      <c r="HI3609" s="91"/>
      <c r="HJ3609" s="91"/>
      <c r="HK3609" s="127"/>
      <c r="HL3609" s="126"/>
      <c r="HM3609" s="91"/>
      <c r="HN3609" s="91"/>
      <c r="HO3609" s="91"/>
      <c r="HP3609" s="91"/>
      <c r="HQ3609" s="91"/>
      <c r="HR3609" s="91"/>
      <c r="HS3609" s="91"/>
      <c r="HT3609" s="91"/>
      <c r="HU3609" s="91"/>
      <c r="HV3609" s="91"/>
      <c r="HW3609" s="91"/>
      <c r="HX3609" s="127"/>
      <c r="HY3609" s="126"/>
      <c r="HZ3609" s="91"/>
      <c r="IA3609" s="91"/>
      <c r="IB3609" s="91"/>
      <c r="IC3609" s="91"/>
      <c r="ID3609" s="91"/>
      <c r="IE3609" s="91"/>
      <c r="IF3609" s="91"/>
      <c r="IG3609" s="91"/>
      <c r="IH3609" s="91"/>
      <c r="II3609" s="91"/>
      <c r="IJ3609" s="91"/>
      <c r="IK3609" s="174"/>
    </row>
    <row r="3610" spans="2:245" x14ac:dyDescent="0.2">
      <c r="B3610" s="43"/>
      <c r="C3610" s="73"/>
      <c r="D3610" s="64"/>
      <c r="E3610" s="64"/>
      <c r="F3610" s="55"/>
      <c r="G3610" s="102"/>
      <c r="H3610" s="97"/>
      <c r="T3610" s="98"/>
      <c r="U3610" s="97"/>
      <c r="AG3610" s="98"/>
      <c r="AY3610" s="164"/>
      <c r="BK3610" s="98"/>
      <c r="BL3610" s="97"/>
      <c r="BX3610" s="98"/>
      <c r="CL3610" s="97"/>
      <c r="CX3610" s="98"/>
      <c r="DL3610" s="97"/>
      <c r="DX3610" s="98"/>
      <c r="EL3610" s="97"/>
      <c r="EX3610" s="98"/>
      <c r="EY3610" s="97"/>
      <c r="FL3610" s="126"/>
      <c r="FM3610" s="91"/>
      <c r="FN3610" s="91"/>
      <c r="FO3610" s="91"/>
      <c r="FP3610" s="91"/>
      <c r="FQ3610" s="91"/>
      <c r="FR3610" s="91"/>
      <c r="FS3610" s="91"/>
      <c r="FT3610" s="91"/>
      <c r="FU3610" s="91"/>
      <c r="FV3610" s="91"/>
      <c r="FW3610" s="91"/>
      <c r="FX3610" s="127"/>
      <c r="FY3610" s="126"/>
      <c r="FZ3610" s="91"/>
      <c r="GA3610" s="91"/>
      <c r="GB3610" s="91"/>
      <c r="GC3610" s="91"/>
      <c r="GD3610" s="91"/>
      <c r="GE3610" s="91"/>
      <c r="GF3610" s="91"/>
      <c r="GG3610" s="91"/>
      <c r="GH3610" s="91"/>
      <c r="GI3610" s="91"/>
      <c r="GJ3610" s="91"/>
      <c r="GK3610" s="127"/>
      <c r="GL3610" s="126"/>
      <c r="GM3610" s="91"/>
      <c r="GN3610" s="91"/>
      <c r="GO3610" s="91"/>
      <c r="GP3610" s="91"/>
      <c r="GQ3610" s="91"/>
      <c r="GR3610" s="91"/>
      <c r="GS3610" s="91"/>
      <c r="GT3610" s="91"/>
      <c r="GU3610" s="91"/>
      <c r="GV3610" s="91"/>
      <c r="GW3610" s="91"/>
      <c r="GX3610" s="127"/>
      <c r="GY3610" s="126"/>
      <c r="GZ3610" s="91"/>
      <c r="HA3610" s="91"/>
      <c r="HB3610" s="91"/>
      <c r="HC3610" s="91"/>
      <c r="HD3610" s="91"/>
      <c r="HE3610" s="91"/>
      <c r="HF3610" s="91"/>
      <c r="HG3610" s="91"/>
      <c r="HH3610" s="91"/>
      <c r="HI3610" s="91"/>
      <c r="HJ3610" s="91"/>
      <c r="HK3610" s="127"/>
      <c r="HL3610" s="126"/>
      <c r="HM3610" s="91"/>
      <c r="HN3610" s="91"/>
      <c r="HO3610" s="91"/>
      <c r="HP3610" s="91"/>
      <c r="HQ3610" s="91"/>
      <c r="HR3610" s="91"/>
      <c r="HS3610" s="91"/>
      <c r="HT3610" s="91"/>
      <c r="HU3610" s="91"/>
      <c r="HV3610" s="91"/>
      <c r="HW3610" s="91"/>
      <c r="HX3610" s="127"/>
      <c r="HY3610" s="126"/>
      <c r="HZ3610" s="91"/>
      <c r="IA3610" s="91"/>
      <c r="IB3610" s="91"/>
      <c r="IC3610" s="91"/>
      <c r="ID3610" s="91"/>
      <c r="IE3610" s="91"/>
      <c r="IF3610" s="91"/>
      <c r="IG3610" s="91"/>
      <c r="IH3610" s="91"/>
      <c r="II3610" s="91"/>
      <c r="IJ3610" s="91"/>
      <c r="IK3610" s="174"/>
    </row>
    <row r="3611" spans="2:245" x14ac:dyDescent="0.2">
      <c r="B3611" s="43"/>
      <c r="C3611" s="73"/>
      <c r="D3611" s="64"/>
      <c r="E3611" s="64"/>
      <c r="F3611" s="55"/>
      <c r="G3611" s="102"/>
      <c r="H3611" s="97"/>
      <c r="T3611" s="98"/>
      <c r="U3611" s="97"/>
      <c r="AG3611" s="98"/>
      <c r="AY3611" s="164"/>
      <c r="BK3611" s="98"/>
      <c r="BL3611" s="97"/>
      <c r="BX3611" s="98"/>
      <c r="CL3611" s="97"/>
      <c r="CX3611" s="98"/>
      <c r="DL3611" s="97"/>
      <c r="DX3611" s="98"/>
      <c r="EL3611" s="97"/>
      <c r="EX3611" s="98"/>
      <c r="EY3611" s="97"/>
      <c r="FL3611" s="126"/>
      <c r="FM3611" s="91"/>
      <c r="FN3611" s="91"/>
      <c r="FO3611" s="91"/>
      <c r="FP3611" s="91"/>
      <c r="FQ3611" s="91"/>
      <c r="FR3611" s="91"/>
      <c r="FS3611" s="91"/>
      <c r="FT3611" s="91"/>
      <c r="FU3611" s="91"/>
      <c r="FV3611" s="91"/>
      <c r="FW3611" s="91"/>
      <c r="FX3611" s="127"/>
      <c r="FY3611" s="126"/>
      <c r="FZ3611" s="91"/>
      <c r="GA3611" s="91"/>
      <c r="GB3611" s="91"/>
      <c r="GC3611" s="91"/>
      <c r="GD3611" s="91"/>
      <c r="GE3611" s="91"/>
      <c r="GF3611" s="91"/>
      <c r="GG3611" s="91"/>
      <c r="GH3611" s="91"/>
      <c r="GI3611" s="91"/>
      <c r="GJ3611" s="91"/>
      <c r="GK3611" s="127"/>
      <c r="GL3611" s="126"/>
      <c r="GM3611" s="91"/>
      <c r="GN3611" s="91"/>
      <c r="GO3611" s="91"/>
      <c r="GP3611" s="91"/>
      <c r="GQ3611" s="91"/>
      <c r="GR3611" s="91"/>
      <c r="GS3611" s="91"/>
      <c r="GT3611" s="91"/>
      <c r="GU3611" s="91"/>
      <c r="GV3611" s="91"/>
      <c r="GW3611" s="91"/>
      <c r="GX3611" s="127"/>
      <c r="GY3611" s="126"/>
      <c r="GZ3611" s="91"/>
      <c r="HA3611" s="91"/>
      <c r="HB3611" s="91"/>
      <c r="HC3611" s="91"/>
      <c r="HD3611" s="91"/>
      <c r="HE3611" s="91"/>
      <c r="HF3611" s="91"/>
      <c r="HG3611" s="91"/>
      <c r="HH3611" s="91"/>
      <c r="HI3611" s="91"/>
      <c r="HJ3611" s="91"/>
      <c r="HK3611" s="127"/>
      <c r="HL3611" s="126"/>
      <c r="HM3611" s="91"/>
      <c r="HN3611" s="91"/>
      <c r="HO3611" s="91"/>
      <c r="HP3611" s="91"/>
      <c r="HQ3611" s="91"/>
      <c r="HR3611" s="91"/>
      <c r="HS3611" s="91"/>
      <c r="HT3611" s="91"/>
      <c r="HU3611" s="91"/>
      <c r="HV3611" s="91"/>
      <c r="HW3611" s="91"/>
      <c r="HX3611" s="127"/>
      <c r="HY3611" s="126"/>
      <c r="HZ3611" s="91"/>
      <c r="IA3611" s="91"/>
      <c r="IB3611" s="91"/>
      <c r="IC3611" s="91"/>
      <c r="ID3611" s="91"/>
      <c r="IE3611" s="91"/>
      <c r="IF3611" s="91"/>
      <c r="IG3611" s="91"/>
      <c r="IH3611" s="91"/>
      <c r="II3611" s="91"/>
      <c r="IJ3611" s="91"/>
      <c r="IK3611" s="174"/>
    </row>
    <row r="3612" spans="2:245" x14ac:dyDescent="0.2">
      <c r="B3612" s="43"/>
      <c r="C3612" s="73"/>
      <c r="D3612" s="64"/>
      <c r="E3612" s="64"/>
      <c r="F3612" s="55"/>
      <c r="G3612" s="102"/>
      <c r="H3612" s="97"/>
      <c r="T3612" s="98"/>
      <c r="U3612" s="97"/>
      <c r="AG3612" s="98"/>
      <c r="AY3612" s="164"/>
      <c r="BK3612" s="98"/>
      <c r="BL3612" s="97"/>
      <c r="BX3612" s="98"/>
      <c r="CL3612" s="97"/>
      <c r="CX3612" s="98"/>
      <c r="DL3612" s="97"/>
      <c r="DX3612" s="98"/>
      <c r="EL3612" s="97"/>
      <c r="EX3612" s="98"/>
      <c r="EY3612" s="97"/>
      <c r="FL3612" s="126"/>
      <c r="FM3612" s="91"/>
      <c r="FN3612" s="91"/>
      <c r="FO3612" s="91"/>
      <c r="FP3612" s="91"/>
      <c r="FQ3612" s="91"/>
      <c r="FR3612" s="91"/>
      <c r="FS3612" s="91"/>
      <c r="FT3612" s="91"/>
      <c r="FU3612" s="91"/>
      <c r="FV3612" s="91"/>
      <c r="FW3612" s="91"/>
      <c r="FX3612" s="127"/>
      <c r="FY3612" s="126"/>
      <c r="FZ3612" s="91"/>
      <c r="GA3612" s="91"/>
      <c r="GB3612" s="91"/>
      <c r="GC3612" s="91"/>
      <c r="GD3612" s="91"/>
      <c r="GE3612" s="91"/>
      <c r="GF3612" s="91"/>
      <c r="GG3612" s="91"/>
      <c r="GH3612" s="91"/>
      <c r="GI3612" s="91"/>
      <c r="GJ3612" s="91"/>
      <c r="GK3612" s="127"/>
      <c r="GL3612" s="126"/>
      <c r="GM3612" s="91"/>
      <c r="GN3612" s="91"/>
      <c r="GO3612" s="91"/>
      <c r="GP3612" s="91"/>
      <c r="GQ3612" s="91"/>
      <c r="GR3612" s="91"/>
      <c r="GS3612" s="91"/>
      <c r="GT3612" s="91"/>
      <c r="GU3612" s="91"/>
      <c r="GV3612" s="91"/>
      <c r="GW3612" s="91"/>
      <c r="GX3612" s="127"/>
      <c r="GY3612" s="126"/>
      <c r="GZ3612" s="91"/>
      <c r="HA3612" s="91"/>
      <c r="HB3612" s="91"/>
      <c r="HC3612" s="91"/>
      <c r="HD3612" s="91"/>
      <c r="HE3612" s="91"/>
      <c r="HF3612" s="91"/>
      <c r="HG3612" s="91"/>
      <c r="HH3612" s="91"/>
      <c r="HI3612" s="91"/>
      <c r="HJ3612" s="91"/>
      <c r="HK3612" s="127"/>
      <c r="HL3612" s="126"/>
      <c r="HM3612" s="91"/>
      <c r="HN3612" s="91"/>
      <c r="HO3612" s="91"/>
      <c r="HP3612" s="91"/>
      <c r="HQ3612" s="91"/>
      <c r="HR3612" s="91"/>
      <c r="HS3612" s="91"/>
      <c r="HT3612" s="91"/>
      <c r="HU3612" s="91"/>
      <c r="HV3612" s="91"/>
      <c r="HW3612" s="91"/>
      <c r="HX3612" s="127"/>
      <c r="HY3612" s="126"/>
      <c r="HZ3612" s="91"/>
      <c r="IA3612" s="91"/>
      <c r="IB3612" s="91"/>
      <c r="IC3612" s="91"/>
      <c r="ID3612" s="91"/>
      <c r="IE3612" s="91"/>
      <c r="IF3612" s="91"/>
      <c r="IG3612" s="91"/>
      <c r="IH3612" s="91"/>
      <c r="II3612" s="91"/>
      <c r="IJ3612" s="91"/>
      <c r="IK3612" s="174"/>
    </row>
    <row r="3613" spans="2:245" x14ac:dyDescent="0.2">
      <c r="B3613" s="43"/>
      <c r="C3613" s="73"/>
      <c r="D3613" s="64"/>
      <c r="E3613" s="64"/>
      <c r="F3613" s="55"/>
      <c r="G3613" s="102"/>
      <c r="H3613" s="97"/>
      <c r="T3613" s="98"/>
      <c r="U3613" s="97"/>
      <c r="AG3613" s="98"/>
      <c r="AY3613" s="164"/>
      <c r="BK3613" s="98"/>
      <c r="BL3613" s="97"/>
      <c r="BX3613" s="98"/>
      <c r="CL3613" s="97"/>
      <c r="CX3613" s="98"/>
      <c r="DL3613" s="97"/>
      <c r="DX3613" s="98"/>
      <c r="EL3613" s="97"/>
      <c r="EX3613" s="98"/>
      <c r="EY3613" s="97"/>
      <c r="FL3613" s="126"/>
      <c r="FM3613" s="91"/>
      <c r="FN3613" s="91"/>
      <c r="FO3613" s="91"/>
      <c r="FP3613" s="91"/>
      <c r="FQ3613" s="91"/>
      <c r="FR3613" s="91"/>
      <c r="FS3613" s="91"/>
      <c r="FT3613" s="91"/>
      <c r="FU3613" s="91"/>
      <c r="FV3613" s="91"/>
      <c r="FW3613" s="91"/>
      <c r="FX3613" s="127"/>
      <c r="FY3613" s="126"/>
      <c r="FZ3613" s="91"/>
      <c r="GA3613" s="91"/>
      <c r="GB3613" s="91"/>
      <c r="GC3613" s="91"/>
      <c r="GD3613" s="91"/>
      <c r="GE3613" s="91"/>
      <c r="GF3613" s="91"/>
      <c r="GG3613" s="91"/>
      <c r="GH3613" s="91"/>
      <c r="GI3613" s="91"/>
      <c r="GJ3613" s="91"/>
      <c r="GK3613" s="127"/>
      <c r="GL3613" s="126"/>
      <c r="GM3613" s="91"/>
      <c r="GN3613" s="91"/>
      <c r="GO3613" s="91"/>
      <c r="GP3613" s="91"/>
      <c r="GQ3613" s="91"/>
      <c r="GR3613" s="91"/>
      <c r="GS3613" s="91"/>
      <c r="GT3613" s="91"/>
      <c r="GU3613" s="91"/>
      <c r="GV3613" s="91"/>
      <c r="GW3613" s="91"/>
      <c r="GX3613" s="127"/>
      <c r="GY3613" s="126"/>
      <c r="GZ3613" s="91"/>
      <c r="HA3613" s="91"/>
      <c r="HB3613" s="91"/>
      <c r="HC3613" s="91"/>
      <c r="HD3613" s="91"/>
      <c r="HE3613" s="91"/>
      <c r="HF3613" s="91"/>
      <c r="HG3613" s="91"/>
      <c r="HH3613" s="91"/>
      <c r="HI3613" s="91"/>
      <c r="HJ3613" s="91"/>
      <c r="HK3613" s="127"/>
      <c r="HL3613" s="126"/>
      <c r="HM3613" s="91"/>
      <c r="HN3613" s="91"/>
      <c r="HO3613" s="91"/>
      <c r="HP3613" s="91"/>
      <c r="HQ3613" s="91"/>
      <c r="HR3613" s="91"/>
      <c r="HS3613" s="91"/>
      <c r="HT3613" s="91"/>
      <c r="HU3613" s="91"/>
      <c r="HV3613" s="91"/>
      <c r="HW3613" s="91"/>
      <c r="HX3613" s="127"/>
      <c r="HY3613" s="126"/>
      <c r="HZ3613" s="91"/>
      <c r="IA3613" s="91"/>
      <c r="IB3613" s="91"/>
      <c r="IC3613" s="91"/>
      <c r="ID3613" s="91"/>
      <c r="IE3613" s="91"/>
      <c r="IF3613" s="91"/>
      <c r="IG3613" s="91"/>
      <c r="IH3613" s="91"/>
      <c r="II3613" s="91"/>
      <c r="IJ3613" s="91"/>
      <c r="IK3613" s="174"/>
    </row>
    <row r="3614" spans="2:245" x14ac:dyDescent="0.2">
      <c r="B3614" s="43"/>
      <c r="C3614" s="73"/>
      <c r="D3614" s="64"/>
      <c r="E3614" s="64"/>
      <c r="F3614" s="55"/>
      <c r="G3614" s="102"/>
      <c r="H3614" s="97"/>
      <c r="T3614" s="98"/>
      <c r="U3614" s="97"/>
      <c r="AG3614" s="98"/>
      <c r="AY3614" s="164"/>
      <c r="BK3614" s="98"/>
      <c r="BL3614" s="97"/>
      <c r="BX3614" s="98"/>
      <c r="CL3614" s="97"/>
      <c r="CX3614" s="98"/>
      <c r="DL3614" s="97"/>
      <c r="DX3614" s="98"/>
      <c r="EL3614" s="97"/>
      <c r="EX3614" s="98"/>
      <c r="EY3614" s="97"/>
      <c r="FL3614" s="126"/>
      <c r="FM3614" s="91"/>
      <c r="FN3614" s="91"/>
      <c r="FO3614" s="91"/>
      <c r="FP3614" s="91"/>
      <c r="FQ3614" s="91"/>
      <c r="FR3614" s="91"/>
      <c r="FS3614" s="91"/>
      <c r="FT3614" s="91"/>
      <c r="FU3614" s="91"/>
      <c r="FV3614" s="91"/>
      <c r="FW3614" s="91"/>
      <c r="FX3614" s="127"/>
      <c r="FY3614" s="126"/>
      <c r="FZ3614" s="91"/>
      <c r="GA3614" s="91"/>
      <c r="GB3614" s="91"/>
      <c r="GC3614" s="91"/>
      <c r="GD3614" s="91"/>
      <c r="GE3614" s="91"/>
      <c r="GF3614" s="91"/>
      <c r="GG3614" s="91"/>
      <c r="GH3614" s="91"/>
      <c r="GI3614" s="91"/>
      <c r="GJ3614" s="91"/>
      <c r="GK3614" s="127"/>
      <c r="GL3614" s="126"/>
      <c r="GM3614" s="91"/>
      <c r="GN3614" s="91"/>
      <c r="GO3614" s="91"/>
      <c r="GP3614" s="91"/>
      <c r="GQ3614" s="91"/>
      <c r="GR3614" s="91"/>
      <c r="GS3614" s="91"/>
      <c r="GT3614" s="91"/>
      <c r="GU3614" s="91"/>
      <c r="GV3614" s="91"/>
      <c r="GW3614" s="91"/>
      <c r="GX3614" s="127"/>
      <c r="GY3614" s="126"/>
      <c r="GZ3614" s="91"/>
      <c r="HA3614" s="91"/>
      <c r="HB3614" s="91"/>
      <c r="HC3614" s="91"/>
      <c r="HD3614" s="91"/>
      <c r="HE3614" s="91"/>
      <c r="HF3614" s="91"/>
      <c r="HG3614" s="91"/>
      <c r="HH3614" s="91"/>
      <c r="HI3614" s="91"/>
      <c r="HJ3614" s="91"/>
      <c r="HK3614" s="127"/>
      <c r="HL3614" s="126"/>
      <c r="HM3614" s="91"/>
      <c r="HN3614" s="91"/>
      <c r="HO3614" s="91"/>
      <c r="HP3614" s="91"/>
      <c r="HQ3614" s="91"/>
      <c r="HR3614" s="91"/>
      <c r="HS3614" s="91"/>
      <c r="HT3614" s="91"/>
      <c r="HU3614" s="91"/>
      <c r="HV3614" s="91"/>
      <c r="HW3614" s="91"/>
      <c r="HX3614" s="127"/>
      <c r="HY3614" s="126"/>
      <c r="HZ3614" s="91"/>
      <c r="IA3614" s="91"/>
      <c r="IB3614" s="91"/>
      <c r="IC3614" s="91"/>
      <c r="ID3614" s="91"/>
      <c r="IE3614" s="91"/>
      <c r="IF3614" s="91"/>
      <c r="IG3614" s="91"/>
      <c r="IH3614" s="91"/>
      <c r="II3614" s="91"/>
      <c r="IJ3614" s="91"/>
      <c r="IK3614" s="174"/>
    </row>
    <row r="3615" spans="2:245" x14ac:dyDescent="0.2">
      <c r="B3615" s="43"/>
      <c r="C3615" s="73"/>
      <c r="D3615" s="64"/>
      <c r="E3615" s="64"/>
      <c r="F3615" s="55"/>
      <c r="G3615" s="102"/>
      <c r="H3615" s="97"/>
      <c r="T3615" s="98"/>
      <c r="U3615" s="97"/>
      <c r="AG3615" s="98"/>
      <c r="AY3615" s="164"/>
      <c r="BK3615" s="98"/>
      <c r="BL3615" s="97"/>
      <c r="BX3615" s="98"/>
      <c r="CL3615" s="97"/>
      <c r="CX3615" s="98"/>
      <c r="DL3615" s="97"/>
      <c r="DX3615" s="98"/>
      <c r="EL3615" s="97"/>
      <c r="EX3615" s="98"/>
      <c r="EY3615" s="97"/>
      <c r="FL3615" s="126"/>
      <c r="FM3615" s="91"/>
      <c r="FN3615" s="91"/>
      <c r="FO3615" s="91"/>
      <c r="FP3615" s="91"/>
      <c r="FQ3615" s="91"/>
      <c r="FR3615" s="91"/>
      <c r="FS3615" s="91"/>
      <c r="FT3615" s="91"/>
      <c r="FU3615" s="91"/>
      <c r="FV3615" s="91"/>
      <c r="FW3615" s="91"/>
      <c r="FX3615" s="127"/>
      <c r="FY3615" s="126"/>
      <c r="FZ3615" s="91"/>
      <c r="GA3615" s="91"/>
      <c r="GB3615" s="91"/>
      <c r="GC3615" s="91"/>
      <c r="GD3615" s="91"/>
      <c r="GE3615" s="91"/>
      <c r="GF3615" s="91"/>
      <c r="GG3615" s="91"/>
      <c r="GH3615" s="91"/>
      <c r="GI3615" s="91"/>
      <c r="GJ3615" s="91"/>
      <c r="GK3615" s="127"/>
      <c r="GL3615" s="126"/>
      <c r="GM3615" s="91"/>
      <c r="GN3615" s="91"/>
      <c r="GO3615" s="91"/>
      <c r="GP3615" s="91"/>
      <c r="GQ3615" s="91"/>
      <c r="GR3615" s="91"/>
      <c r="GS3615" s="91"/>
      <c r="GT3615" s="91"/>
      <c r="GU3615" s="91"/>
      <c r="GV3615" s="91"/>
      <c r="GW3615" s="91"/>
      <c r="GX3615" s="127"/>
      <c r="GY3615" s="126"/>
      <c r="GZ3615" s="91"/>
      <c r="HA3615" s="91"/>
      <c r="HB3615" s="91"/>
      <c r="HC3615" s="91"/>
      <c r="HD3615" s="91"/>
      <c r="HE3615" s="91"/>
      <c r="HF3615" s="91"/>
      <c r="HG3615" s="91"/>
      <c r="HH3615" s="91"/>
      <c r="HI3615" s="91"/>
      <c r="HJ3615" s="91"/>
      <c r="HK3615" s="127"/>
      <c r="HL3615" s="126"/>
      <c r="HM3615" s="91"/>
      <c r="HN3615" s="91"/>
      <c r="HO3615" s="91"/>
      <c r="HP3615" s="91"/>
      <c r="HQ3615" s="91"/>
      <c r="HR3615" s="91"/>
      <c r="HS3615" s="91"/>
      <c r="HT3615" s="91"/>
      <c r="HU3615" s="91"/>
      <c r="HV3615" s="91"/>
      <c r="HW3615" s="91"/>
      <c r="HX3615" s="127"/>
      <c r="HY3615" s="126"/>
      <c r="HZ3615" s="91"/>
      <c r="IA3615" s="91"/>
      <c r="IB3615" s="91"/>
      <c r="IC3615" s="91"/>
      <c r="ID3615" s="91"/>
      <c r="IE3615" s="91"/>
      <c r="IF3615" s="91"/>
      <c r="IG3615" s="91"/>
      <c r="IH3615" s="91"/>
      <c r="II3615" s="91"/>
      <c r="IJ3615" s="91"/>
      <c r="IK3615" s="174"/>
    </row>
    <row r="3616" spans="2:245" x14ac:dyDescent="0.2">
      <c r="B3616" s="43"/>
      <c r="C3616" s="73"/>
      <c r="D3616" s="64"/>
      <c r="E3616" s="64"/>
      <c r="F3616" s="55"/>
      <c r="G3616" s="102"/>
      <c r="H3616" s="97"/>
      <c r="T3616" s="98"/>
      <c r="U3616" s="97"/>
      <c r="AG3616" s="98"/>
      <c r="AY3616" s="164"/>
      <c r="BK3616" s="98"/>
      <c r="BL3616" s="97"/>
      <c r="BX3616" s="98"/>
      <c r="CL3616" s="97"/>
      <c r="CX3616" s="98"/>
      <c r="DL3616" s="97"/>
      <c r="DX3616" s="98"/>
      <c r="EL3616" s="97"/>
      <c r="EX3616" s="98"/>
      <c r="EY3616" s="97"/>
      <c r="FL3616" s="126"/>
      <c r="FM3616" s="91"/>
      <c r="FN3616" s="91"/>
      <c r="FO3616" s="91"/>
      <c r="FP3616" s="91"/>
      <c r="FQ3616" s="91"/>
      <c r="FR3616" s="91"/>
      <c r="FS3616" s="91"/>
      <c r="FT3616" s="91"/>
      <c r="FU3616" s="91"/>
      <c r="FV3616" s="91"/>
      <c r="FW3616" s="91"/>
      <c r="FX3616" s="127"/>
      <c r="FY3616" s="126"/>
      <c r="FZ3616" s="91"/>
      <c r="GA3616" s="91"/>
      <c r="GB3616" s="91"/>
      <c r="GC3616" s="91"/>
      <c r="GD3616" s="91"/>
      <c r="GE3616" s="91"/>
      <c r="GF3616" s="91"/>
      <c r="GG3616" s="91"/>
      <c r="GH3616" s="91"/>
      <c r="GI3616" s="91"/>
      <c r="GJ3616" s="91"/>
      <c r="GK3616" s="127"/>
      <c r="GL3616" s="126"/>
      <c r="GM3616" s="91"/>
      <c r="GN3616" s="91"/>
      <c r="GO3616" s="91"/>
      <c r="GP3616" s="91"/>
      <c r="GQ3616" s="91"/>
      <c r="GR3616" s="91"/>
      <c r="GS3616" s="91"/>
      <c r="GT3616" s="91"/>
      <c r="GU3616" s="91"/>
      <c r="GV3616" s="91"/>
      <c r="GW3616" s="91"/>
      <c r="GX3616" s="127"/>
      <c r="GY3616" s="126"/>
      <c r="GZ3616" s="91"/>
      <c r="HA3616" s="91"/>
      <c r="HB3616" s="91"/>
      <c r="HC3616" s="91"/>
      <c r="HD3616" s="91"/>
      <c r="HE3616" s="91"/>
      <c r="HF3616" s="91"/>
      <c r="HG3616" s="91"/>
      <c r="HH3616" s="91"/>
      <c r="HI3616" s="91"/>
      <c r="HJ3616" s="91"/>
      <c r="HK3616" s="127"/>
      <c r="HL3616" s="126"/>
      <c r="HM3616" s="91"/>
      <c r="HN3616" s="91"/>
      <c r="HO3616" s="91"/>
      <c r="HP3616" s="91"/>
      <c r="HQ3616" s="91"/>
      <c r="HR3616" s="91"/>
      <c r="HS3616" s="91"/>
      <c r="HT3616" s="91"/>
      <c r="HU3616" s="91"/>
      <c r="HV3616" s="91"/>
      <c r="HW3616" s="91"/>
      <c r="HX3616" s="127"/>
      <c r="HY3616" s="126"/>
      <c r="HZ3616" s="91"/>
      <c r="IA3616" s="91"/>
      <c r="IB3616" s="91"/>
      <c r="IC3616" s="91"/>
      <c r="ID3616" s="91"/>
      <c r="IE3616" s="91"/>
      <c r="IF3616" s="91"/>
      <c r="IG3616" s="91"/>
      <c r="IH3616" s="91"/>
      <c r="II3616" s="91"/>
      <c r="IJ3616" s="91"/>
      <c r="IK3616" s="174"/>
    </row>
    <row r="3617" spans="2:245" x14ac:dyDescent="0.2">
      <c r="B3617" s="43"/>
      <c r="C3617" s="73"/>
      <c r="D3617" s="64"/>
      <c r="E3617" s="64"/>
      <c r="F3617" s="55"/>
      <c r="G3617" s="102"/>
      <c r="H3617" s="97"/>
      <c r="T3617" s="98"/>
      <c r="U3617" s="97"/>
      <c r="AG3617" s="98"/>
      <c r="AY3617" s="164"/>
      <c r="BK3617" s="98"/>
      <c r="BL3617" s="97"/>
      <c r="BX3617" s="98"/>
      <c r="CL3617" s="97"/>
      <c r="CX3617" s="98"/>
      <c r="DL3617" s="97"/>
      <c r="DX3617" s="98"/>
      <c r="EL3617" s="97"/>
      <c r="EX3617" s="98"/>
      <c r="EY3617" s="97"/>
      <c r="FL3617" s="126"/>
      <c r="FM3617" s="91"/>
      <c r="FN3617" s="91"/>
      <c r="FO3617" s="91"/>
      <c r="FP3617" s="91"/>
      <c r="FQ3617" s="91"/>
      <c r="FR3617" s="91"/>
      <c r="FS3617" s="91"/>
      <c r="FT3617" s="91"/>
      <c r="FU3617" s="91"/>
      <c r="FV3617" s="91"/>
      <c r="FW3617" s="91"/>
      <c r="FX3617" s="127"/>
      <c r="FY3617" s="126"/>
      <c r="FZ3617" s="91"/>
      <c r="GA3617" s="91"/>
      <c r="GB3617" s="91"/>
      <c r="GC3617" s="91"/>
      <c r="GD3617" s="91"/>
      <c r="GE3617" s="91"/>
      <c r="GF3617" s="91"/>
      <c r="GG3617" s="91"/>
      <c r="GH3617" s="91"/>
      <c r="GI3617" s="91"/>
      <c r="GJ3617" s="91"/>
      <c r="GK3617" s="127"/>
      <c r="GL3617" s="126"/>
      <c r="GM3617" s="91"/>
      <c r="GN3617" s="91"/>
      <c r="GO3617" s="91"/>
      <c r="GP3617" s="91"/>
      <c r="GQ3617" s="91"/>
      <c r="GR3617" s="91"/>
      <c r="GS3617" s="91"/>
      <c r="GT3617" s="91"/>
      <c r="GU3617" s="91"/>
      <c r="GV3617" s="91"/>
      <c r="GW3617" s="91"/>
      <c r="GX3617" s="127"/>
      <c r="GY3617" s="126"/>
      <c r="GZ3617" s="91"/>
      <c r="HA3617" s="91"/>
      <c r="HB3617" s="91"/>
      <c r="HC3617" s="91"/>
      <c r="HD3617" s="91"/>
      <c r="HE3617" s="91"/>
      <c r="HF3617" s="91"/>
      <c r="HG3617" s="91"/>
      <c r="HH3617" s="91"/>
      <c r="HI3617" s="91"/>
      <c r="HJ3617" s="91"/>
      <c r="HK3617" s="127"/>
      <c r="HL3617" s="126"/>
      <c r="HM3617" s="91"/>
      <c r="HN3617" s="91"/>
      <c r="HO3617" s="91"/>
      <c r="HP3617" s="91"/>
      <c r="HQ3617" s="91"/>
      <c r="HR3617" s="91"/>
      <c r="HS3617" s="91"/>
      <c r="HT3617" s="91"/>
      <c r="HU3617" s="91"/>
      <c r="HV3617" s="91"/>
      <c r="HW3617" s="91"/>
      <c r="HX3617" s="127"/>
      <c r="HY3617" s="126"/>
      <c r="HZ3617" s="91"/>
      <c r="IA3617" s="91"/>
      <c r="IB3617" s="91"/>
      <c r="IC3617" s="91"/>
      <c r="ID3617" s="91"/>
      <c r="IE3617" s="91"/>
      <c r="IF3617" s="91"/>
      <c r="IG3617" s="91"/>
      <c r="IH3617" s="91"/>
      <c r="II3617" s="91"/>
      <c r="IJ3617" s="91"/>
      <c r="IK3617" s="174"/>
    </row>
    <row r="3618" spans="2:245" x14ac:dyDescent="0.2">
      <c r="B3618" s="43"/>
      <c r="C3618" s="73"/>
      <c r="D3618" s="64"/>
      <c r="E3618" s="64"/>
      <c r="F3618" s="55"/>
      <c r="G3618" s="102"/>
      <c r="H3618" s="97"/>
      <c r="T3618" s="98"/>
      <c r="U3618" s="97"/>
      <c r="AG3618" s="98"/>
      <c r="AY3618" s="164"/>
      <c r="BK3618" s="98"/>
      <c r="BL3618" s="97"/>
      <c r="BX3618" s="98"/>
      <c r="CL3618" s="97"/>
      <c r="CX3618" s="98"/>
      <c r="DL3618" s="97"/>
      <c r="DX3618" s="98"/>
      <c r="EL3618" s="97"/>
      <c r="EX3618" s="98"/>
      <c r="EY3618" s="97"/>
      <c r="FL3618" s="126"/>
      <c r="FM3618" s="91"/>
      <c r="FN3618" s="91"/>
      <c r="FO3618" s="91"/>
      <c r="FP3618" s="91"/>
      <c r="FQ3618" s="91"/>
      <c r="FR3618" s="91"/>
      <c r="FS3618" s="91"/>
      <c r="FT3618" s="91"/>
      <c r="FU3618" s="91"/>
      <c r="FV3618" s="91"/>
      <c r="FW3618" s="91"/>
      <c r="FX3618" s="127"/>
      <c r="FY3618" s="126"/>
      <c r="FZ3618" s="91"/>
      <c r="GA3618" s="91"/>
      <c r="GB3618" s="91"/>
      <c r="GC3618" s="91"/>
      <c r="GD3618" s="91"/>
      <c r="GE3618" s="91"/>
      <c r="GF3618" s="91"/>
      <c r="GG3618" s="91"/>
      <c r="GH3618" s="91"/>
      <c r="GI3618" s="91"/>
      <c r="GJ3618" s="91"/>
      <c r="GK3618" s="127"/>
      <c r="GL3618" s="126"/>
      <c r="GM3618" s="91"/>
      <c r="GN3618" s="91"/>
      <c r="GO3618" s="91"/>
      <c r="GP3618" s="91"/>
      <c r="GQ3618" s="91"/>
      <c r="GR3618" s="91"/>
      <c r="GS3618" s="91"/>
      <c r="GT3618" s="91"/>
      <c r="GU3618" s="91"/>
      <c r="GV3618" s="91"/>
      <c r="GW3618" s="91"/>
      <c r="GX3618" s="127"/>
      <c r="GY3618" s="126"/>
      <c r="GZ3618" s="91"/>
      <c r="HA3618" s="91"/>
      <c r="HB3618" s="91"/>
      <c r="HC3618" s="91"/>
      <c r="HD3618" s="91"/>
      <c r="HE3618" s="91"/>
      <c r="HF3618" s="91"/>
      <c r="HG3618" s="91"/>
      <c r="HH3618" s="91"/>
      <c r="HI3618" s="91"/>
      <c r="HJ3618" s="91"/>
      <c r="HK3618" s="127"/>
      <c r="HL3618" s="126"/>
      <c r="HM3618" s="91"/>
      <c r="HN3618" s="91"/>
      <c r="HO3618" s="91"/>
      <c r="HP3618" s="91"/>
      <c r="HQ3618" s="91"/>
      <c r="HR3618" s="91"/>
      <c r="HS3618" s="91"/>
      <c r="HT3618" s="91"/>
      <c r="HU3618" s="91"/>
      <c r="HV3618" s="91"/>
      <c r="HW3618" s="91"/>
      <c r="HX3618" s="127"/>
      <c r="HY3618" s="126"/>
      <c r="HZ3618" s="91"/>
      <c r="IA3618" s="91"/>
      <c r="IB3618" s="91"/>
      <c r="IC3618" s="91"/>
      <c r="ID3618" s="91"/>
      <c r="IE3618" s="91"/>
      <c r="IF3618" s="91"/>
      <c r="IG3618" s="91"/>
      <c r="IH3618" s="91"/>
      <c r="II3618" s="91"/>
      <c r="IJ3618" s="91"/>
      <c r="IK3618" s="174"/>
    </row>
    <row r="3619" spans="2:245" x14ac:dyDescent="0.2">
      <c r="B3619" s="43"/>
      <c r="C3619" s="73"/>
      <c r="D3619" s="64"/>
      <c r="E3619" s="64"/>
      <c r="F3619" s="55"/>
      <c r="G3619" s="102"/>
      <c r="H3619" s="97"/>
      <c r="T3619" s="98"/>
      <c r="U3619" s="97"/>
      <c r="AG3619" s="98"/>
      <c r="AY3619" s="164"/>
      <c r="BK3619" s="98"/>
      <c r="BL3619" s="97"/>
      <c r="BX3619" s="98"/>
      <c r="CL3619" s="97"/>
      <c r="CX3619" s="98"/>
      <c r="DL3619" s="97"/>
      <c r="DX3619" s="98"/>
      <c r="EL3619" s="97"/>
      <c r="EX3619" s="98"/>
      <c r="EY3619" s="97"/>
      <c r="FL3619" s="126"/>
      <c r="FM3619" s="91"/>
      <c r="FN3619" s="91"/>
      <c r="FO3619" s="91"/>
      <c r="FP3619" s="91"/>
      <c r="FQ3619" s="91"/>
      <c r="FR3619" s="91"/>
      <c r="FS3619" s="91"/>
      <c r="FT3619" s="91"/>
      <c r="FU3619" s="91"/>
      <c r="FV3619" s="91"/>
      <c r="FW3619" s="91"/>
      <c r="FX3619" s="127"/>
      <c r="FY3619" s="126"/>
      <c r="FZ3619" s="91"/>
      <c r="GA3619" s="91"/>
      <c r="GB3619" s="91"/>
      <c r="GC3619" s="91"/>
      <c r="GD3619" s="91"/>
      <c r="GE3619" s="91"/>
      <c r="GF3619" s="91"/>
      <c r="GG3619" s="91"/>
      <c r="GH3619" s="91"/>
      <c r="GI3619" s="91"/>
      <c r="GJ3619" s="91"/>
      <c r="GK3619" s="127"/>
      <c r="GL3619" s="126"/>
      <c r="GM3619" s="91"/>
      <c r="GN3619" s="91"/>
      <c r="GO3619" s="91"/>
      <c r="GP3619" s="91"/>
      <c r="GQ3619" s="91"/>
      <c r="GR3619" s="91"/>
      <c r="GS3619" s="91"/>
      <c r="GT3619" s="91"/>
      <c r="GU3619" s="91"/>
      <c r="GV3619" s="91"/>
      <c r="GW3619" s="91"/>
      <c r="GX3619" s="127"/>
      <c r="GY3619" s="126"/>
      <c r="GZ3619" s="91"/>
      <c r="HA3619" s="91"/>
      <c r="HB3619" s="91"/>
      <c r="HC3619" s="91"/>
      <c r="HD3619" s="91"/>
      <c r="HE3619" s="91"/>
      <c r="HF3619" s="91"/>
      <c r="HG3619" s="91"/>
      <c r="HH3619" s="91"/>
      <c r="HI3619" s="91"/>
      <c r="HJ3619" s="91"/>
      <c r="HK3619" s="127"/>
      <c r="HL3619" s="126"/>
      <c r="HM3619" s="91"/>
      <c r="HN3619" s="91"/>
      <c r="HO3619" s="91"/>
      <c r="HP3619" s="91"/>
      <c r="HQ3619" s="91"/>
      <c r="HR3619" s="91"/>
      <c r="HS3619" s="91"/>
      <c r="HT3619" s="91"/>
      <c r="HU3619" s="91"/>
      <c r="HV3619" s="91"/>
      <c r="HW3619" s="91"/>
      <c r="HX3619" s="127"/>
      <c r="HY3619" s="126"/>
      <c r="HZ3619" s="91"/>
      <c r="IA3619" s="91"/>
      <c r="IB3619" s="91"/>
      <c r="IC3619" s="91"/>
      <c r="ID3619" s="91"/>
      <c r="IE3619" s="91"/>
      <c r="IF3619" s="91"/>
      <c r="IG3619" s="91"/>
      <c r="IH3619" s="91"/>
      <c r="II3619" s="91"/>
      <c r="IJ3619" s="91"/>
      <c r="IK3619" s="174"/>
    </row>
    <row r="3620" spans="2:245" x14ac:dyDescent="0.2">
      <c r="B3620" s="43"/>
      <c r="C3620" s="73"/>
      <c r="D3620" s="64"/>
      <c r="E3620" s="64"/>
      <c r="F3620" s="55"/>
      <c r="G3620" s="102"/>
      <c r="H3620" s="97"/>
      <c r="T3620" s="98"/>
      <c r="U3620" s="97"/>
      <c r="AG3620" s="98"/>
      <c r="AY3620" s="164"/>
      <c r="BK3620" s="98"/>
      <c r="BL3620" s="97"/>
      <c r="BX3620" s="98"/>
      <c r="CL3620" s="97"/>
      <c r="CX3620" s="98"/>
      <c r="DL3620" s="97"/>
      <c r="DX3620" s="98"/>
      <c r="EL3620" s="97"/>
      <c r="EX3620" s="98"/>
      <c r="EY3620" s="97"/>
      <c r="FL3620" s="126"/>
      <c r="FM3620" s="91"/>
      <c r="FN3620" s="91"/>
      <c r="FO3620" s="91"/>
      <c r="FP3620" s="91"/>
      <c r="FQ3620" s="91"/>
      <c r="FR3620" s="91"/>
      <c r="FS3620" s="91"/>
      <c r="FT3620" s="91"/>
      <c r="FU3620" s="91"/>
      <c r="FV3620" s="91"/>
      <c r="FW3620" s="91"/>
      <c r="FX3620" s="127"/>
      <c r="FY3620" s="126"/>
      <c r="FZ3620" s="91"/>
      <c r="GA3620" s="91"/>
      <c r="GB3620" s="91"/>
      <c r="GC3620" s="91"/>
      <c r="GD3620" s="91"/>
      <c r="GE3620" s="91"/>
      <c r="GF3620" s="91"/>
      <c r="GG3620" s="91"/>
      <c r="GH3620" s="91"/>
      <c r="GI3620" s="91"/>
      <c r="GJ3620" s="91"/>
      <c r="GK3620" s="127"/>
      <c r="GL3620" s="126"/>
      <c r="GM3620" s="91"/>
      <c r="GN3620" s="91"/>
      <c r="GO3620" s="91"/>
      <c r="GP3620" s="91"/>
      <c r="GQ3620" s="91"/>
      <c r="GR3620" s="91"/>
      <c r="GS3620" s="91"/>
      <c r="GT3620" s="91"/>
      <c r="GU3620" s="91"/>
      <c r="GV3620" s="91"/>
      <c r="GW3620" s="91"/>
      <c r="GX3620" s="127"/>
      <c r="GY3620" s="126"/>
      <c r="GZ3620" s="91"/>
      <c r="HA3620" s="91"/>
      <c r="HB3620" s="91"/>
      <c r="HC3620" s="91"/>
      <c r="HD3620" s="91"/>
      <c r="HE3620" s="91"/>
      <c r="HF3620" s="91"/>
      <c r="HG3620" s="91"/>
      <c r="HH3620" s="91"/>
      <c r="HI3620" s="91"/>
      <c r="HJ3620" s="91"/>
      <c r="HK3620" s="127"/>
      <c r="HL3620" s="126"/>
      <c r="HM3620" s="91"/>
      <c r="HN3620" s="91"/>
      <c r="HO3620" s="91"/>
      <c r="HP3620" s="91"/>
      <c r="HQ3620" s="91"/>
      <c r="HR3620" s="91"/>
      <c r="HS3620" s="91"/>
      <c r="HT3620" s="91"/>
      <c r="HU3620" s="91"/>
      <c r="HV3620" s="91"/>
      <c r="HW3620" s="91"/>
      <c r="HX3620" s="127"/>
      <c r="HY3620" s="126"/>
      <c r="HZ3620" s="91"/>
      <c r="IA3620" s="91"/>
      <c r="IB3620" s="91"/>
      <c r="IC3620" s="91"/>
      <c r="ID3620" s="91"/>
      <c r="IE3620" s="91"/>
      <c r="IF3620" s="91"/>
      <c r="IG3620" s="91"/>
      <c r="IH3620" s="91"/>
      <c r="II3620" s="91"/>
      <c r="IJ3620" s="91"/>
      <c r="IK3620" s="174"/>
    </row>
    <row r="3621" spans="2:245" x14ac:dyDescent="0.2">
      <c r="B3621" s="43"/>
      <c r="C3621" s="73"/>
      <c r="D3621" s="64"/>
      <c r="E3621" s="64"/>
      <c r="F3621" s="55"/>
      <c r="G3621" s="102"/>
      <c r="H3621" s="97"/>
      <c r="T3621" s="98"/>
      <c r="U3621" s="97"/>
      <c r="AG3621" s="98"/>
      <c r="AY3621" s="164"/>
      <c r="BK3621" s="98"/>
      <c r="BL3621" s="97"/>
      <c r="BX3621" s="98"/>
      <c r="CL3621" s="97"/>
      <c r="CX3621" s="98"/>
      <c r="DL3621" s="97"/>
      <c r="DX3621" s="98"/>
      <c r="EL3621" s="97"/>
      <c r="EX3621" s="98"/>
      <c r="EY3621" s="97"/>
      <c r="FL3621" s="126"/>
      <c r="FM3621" s="91"/>
      <c r="FN3621" s="91"/>
      <c r="FO3621" s="91"/>
      <c r="FP3621" s="91"/>
      <c r="FQ3621" s="91"/>
      <c r="FR3621" s="91"/>
      <c r="FS3621" s="91"/>
      <c r="FT3621" s="91"/>
      <c r="FU3621" s="91"/>
      <c r="FV3621" s="91"/>
      <c r="FW3621" s="91"/>
      <c r="FX3621" s="127"/>
      <c r="FY3621" s="126"/>
      <c r="FZ3621" s="91"/>
      <c r="GA3621" s="91"/>
      <c r="GB3621" s="91"/>
      <c r="GC3621" s="91"/>
      <c r="GD3621" s="91"/>
      <c r="GE3621" s="91"/>
      <c r="GF3621" s="91"/>
      <c r="GG3621" s="91"/>
      <c r="GH3621" s="91"/>
      <c r="GI3621" s="91"/>
      <c r="GJ3621" s="91"/>
      <c r="GK3621" s="127"/>
      <c r="GL3621" s="126"/>
      <c r="GM3621" s="91"/>
      <c r="GN3621" s="91"/>
      <c r="GO3621" s="91"/>
      <c r="GP3621" s="91"/>
      <c r="GQ3621" s="91"/>
      <c r="GR3621" s="91"/>
      <c r="GS3621" s="91"/>
      <c r="GT3621" s="91"/>
      <c r="GU3621" s="91"/>
      <c r="GV3621" s="91"/>
      <c r="GW3621" s="91"/>
      <c r="GX3621" s="127"/>
      <c r="GY3621" s="126"/>
      <c r="GZ3621" s="91"/>
      <c r="HA3621" s="91"/>
      <c r="HB3621" s="91"/>
      <c r="HC3621" s="91"/>
      <c r="HD3621" s="91"/>
      <c r="HE3621" s="91"/>
      <c r="HF3621" s="91"/>
      <c r="HG3621" s="91"/>
      <c r="HH3621" s="91"/>
      <c r="HI3621" s="91"/>
      <c r="HJ3621" s="91"/>
      <c r="HK3621" s="127"/>
      <c r="HL3621" s="126"/>
      <c r="HM3621" s="91"/>
      <c r="HN3621" s="91"/>
      <c r="HO3621" s="91"/>
      <c r="HP3621" s="91"/>
      <c r="HQ3621" s="91"/>
      <c r="HR3621" s="91"/>
      <c r="HS3621" s="91"/>
      <c r="HT3621" s="91"/>
      <c r="HU3621" s="91"/>
      <c r="HV3621" s="91"/>
      <c r="HW3621" s="91"/>
      <c r="HX3621" s="127"/>
      <c r="HY3621" s="126"/>
      <c r="HZ3621" s="91"/>
      <c r="IA3621" s="91"/>
      <c r="IB3621" s="91"/>
      <c r="IC3621" s="91"/>
      <c r="ID3621" s="91"/>
      <c r="IE3621" s="91"/>
      <c r="IF3621" s="91"/>
      <c r="IG3621" s="91"/>
      <c r="IH3621" s="91"/>
      <c r="II3621" s="91"/>
      <c r="IJ3621" s="91"/>
      <c r="IK3621" s="174"/>
    </row>
    <row r="3622" spans="2:245" x14ac:dyDescent="0.2">
      <c r="B3622" s="43"/>
      <c r="C3622" s="73"/>
      <c r="D3622" s="64"/>
      <c r="E3622" s="64"/>
      <c r="F3622" s="55"/>
      <c r="G3622" s="102"/>
      <c r="H3622" s="97"/>
      <c r="T3622" s="98"/>
      <c r="U3622" s="97"/>
      <c r="AG3622" s="98"/>
      <c r="AY3622" s="164"/>
      <c r="BK3622" s="98"/>
      <c r="BL3622" s="97"/>
      <c r="BX3622" s="98"/>
      <c r="CL3622" s="97"/>
      <c r="CX3622" s="98"/>
      <c r="DL3622" s="97"/>
      <c r="DX3622" s="98"/>
      <c r="EL3622" s="97"/>
      <c r="EX3622" s="98"/>
      <c r="EY3622" s="97"/>
      <c r="FL3622" s="126"/>
      <c r="FM3622" s="91"/>
      <c r="FN3622" s="91"/>
      <c r="FO3622" s="91"/>
      <c r="FP3622" s="91"/>
      <c r="FQ3622" s="91"/>
      <c r="FR3622" s="91"/>
      <c r="FS3622" s="91"/>
      <c r="FT3622" s="91"/>
      <c r="FU3622" s="91"/>
      <c r="FV3622" s="91"/>
      <c r="FW3622" s="91"/>
      <c r="FX3622" s="127"/>
      <c r="FY3622" s="126"/>
      <c r="FZ3622" s="91"/>
      <c r="GA3622" s="91"/>
      <c r="GB3622" s="91"/>
      <c r="GC3622" s="91"/>
      <c r="GD3622" s="91"/>
      <c r="GE3622" s="91"/>
      <c r="GF3622" s="91"/>
      <c r="GG3622" s="91"/>
      <c r="GH3622" s="91"/>
      <c r="GI3622" s="91"/>
      <c r="GJ3622" s="91"/>
      <c r="GK3622" s="127"/>
      <c r="GL3622" s="126"/>
      <c r="GM3622" s="91"/>
      <c r="GN3622" s="91"/>
      <c r="GO3622" s="91"/>
      <c r="GP3622" s="91"/>
      <c r="GQ3622" s="91"/>
      <c r="GR3622" s="91"/>
      <c r="GS3622" s="91"/>
      <c r="GT3622" s="91"/>
      <c r="GU3622" s="91"/>
      <c r="GV3622" s="91"/>
      <c r="GW3622" s="91"/>
      <c r="GX3622" s="127"/>
      <c r="GY3622" s="126"/>
      <c r="GZ3622" s="91"/>
      <c r="HA3622" s="91"/>
      <c r="HB3622" s="91"/>
      <c r="HC3622" s="91"/>
      <c r="HD3622" s="91"/>
      <c r="HE3622" s="91"/>
      <c r="HF3622" s="91"/>
      <c r="HG3622" s="91"/>
      <c r="HH3622" s="91"/>
      <c r="HI3622" s="91"/>
      <c r="HJ3622" s="91"/>
      <c r="HK3622" s="127"/>
      <c r="HL3622" s="126"/>
      <c r="HM3622" s="91"/>
      <c r="HN3622" s="91"/>
      <c r="HO3622" s="91"/>
      <c r="HP3622" s="91"/>
      <c r="HQ3622" s="91"/>
      <c r="HR3622" s="91"/>
      <c r="HS3622" s="91"/>
      <c r="HT3622" s="91"/>
      <c r="HU3622" s="91"/>
      <c r="HV3622" s="91"/>
      <c r="HW3622" s="91"/>
      <c r="HX3622" s="127"/>
      <c r="HY3622" s="126"/>
      <c r="HZ3622" s="91"/>
      <c r="IA3622" s="91"/>
      <c r="IB3622" s="91"/>
      <c r="IC3622" s="91"/>
      <c r="ID3622" s="91"/>
      <c r="IE3622" s="91"/>
      <c r="IF3622" s="91"/>
      <c r="IG3622" s="91"/>
      <c r="IH3622" s="91"/>
      <c r="II3622" s="91"/>
      <c r="IJ3622" s="91"/>
      <c r="IK3622" s="174"/>
    </row>
    <row r="3623" spans="2:245" x14ac:dyDescent="0.2">
      <c r="B3623" s="43"/>
      <c r="C3623" s="73"/>
      <c r="D3623" s="64"/>
      <c r="E3623" s="64"/>
      <c r="F3623" s="55"/>
      <c r="G3623" s="102"/>
      <c r="H3623" s="97"/>
      <c r="T3623" s="98"/>
      <c r="U3623" s="97"/>
      <c r="AG3623" s="98"/>
      <c r="AY3623" s="164"/>
      <c r="BK3623" s="98"/>
      <c r="BL3623" s="97"/>
      <c r="BX3623" s="98"/>
      <c r="CL3623" s="97"/>
      <c r="CX3623" s="98"/>
      <c r="DL3623" s="97"/>
      <c r="DX3623" s="98"/>
      <c r="EL3623" s="97"/>
      <c r="EX3623" s="98"/>
      <c r="EY3623" s="97"/>
      <c r="FL3623" s="126"/>
      <c r="FM3623" s="91"/>
      <c r="FN3623" s="91"/>
      <c r="FO3623" s="91"/>
      <c r="FP3623" s="91"/>
      <c r="FQ3623" s="91"/>
      <c r="FR3623" s="91"/>
      <c r="FS3623" s="91"/>
      <c r="FT3623" s="91"/>
      <c r="FU3623" s="91"/>
      <c r="FV3623" s="91"/>
      <c r="FW3623" s="91"/>
      <c r="FX3623" s="127"/>
      <c r="FY3623" s="126"/>
      <c r="FZ3623" s="91"/>
      <c r="GA3623" s="91"/>
      <c r="GB3623" s="91"/>
      <c r="GC3623" s="91"/>
      <c r="GD3623" s="91"/>
      <c r="GE3623" s="91"/>
      <c r="GF3623" s="91"/>
      <c r="GG3623" s="91"/>
      <c r="GH3623" s="91"/>
      <c r="GI3623" s="91"/>
      <c r="GJ3623" s="91"/>
      <c r="GK3623" s="127"/>
      <c r="GL3623" s="126"/>
      <c r="GM3623" s="91"/>
      <c r="GN3623" s="91"/>
      <c r="GO3623" s="91"/>
      <c r="GP3623" s="91"/>
      <c r="GQ3623" s="91"/>
      <c r="GR3623" s="91"/>
      <c r="GS3623" s="91"/>
      <c r="GT3623" s="91"/>
      <c r="GU3623" s="91"/>
      <c r="GV3623" s="91"/>
      <c r="GW3623" s="91"/>
      <c r="GX3623" s="127"/>
      <c r="GY3623" s="126"/>
      <c r="GZ3623" s="91"/>
      <c r="HA3623" s="91"/>
      <c r="HB3623" s="91"/>
      <c r="HC3623" s="91"/>
      <c r="HD3623" s="91"/>
      <c r="HE3623" s="91"/>
      <c r="HF3623" s="91"/>
      <c r="HG3623" s="91"/>
      <c r="HH3623" s="91"/>
      <c r="HI3623" s="91"/>
      <c r="HJ3623" s="91"/>
      <c r="HK3623" s="127"/>
      <c r="HL3623" s="126"/>
      <c r="HM3623" s="91"/>
      <c r="HN3623" s="91"/>
      <c r="HO3623" s="91"/>
      <c r="HP3623" s="91"/>
      <c r="HQ3623" s="91"/>
      <c r="HR3623" s="91"/>
      <c r="HS3623" s="91"/>
      <c r="HT3623" s="91"/>
      <c r="HU3623" s="91"/>
      <c r="HV3623" s="91"/>
      <c r="HW3623" s="91"/>
      <c r="HX3623" s="127"/>
      <c r="HY3623" s="126"/>
      <c r="HZ3623" s="91"/>
      <c r="IA3623" s="91"/>
      <c r="IB3623" s="91"/>
      <c r="IC3623" s="91"/>
      <c r="ID3623" s="91"/>
      <c r="IE3623" s="91"/>
      <c r="IF3623" s="91"/>
      <c r="IG3623" s="91"/>
      <c r="IH3623" s="91"/>
      <c r="II3623" s="91"/>
      <c r="IJ3623" s="91"/>
      <c r="IK3623" s="174"/>
    </row>
    <row r="3624" spans="2:245" x14ac:dyDescent="0.2">
      <c r="B3624" s="43"/>
      <c r="C3624" s="73"/>
      <c r="D3624" s="64"/>
      <c r="E3624" s="64"/>
      <c r="F3624" s="55"/>
      <c r="G3624" s="102"/>
      <c r="H3624" s="97"/>
      <c r="T3624" s="98"/>
      <c r="U3624" s="97"/>
      <c r="AG3624" s="98"/>
      <c r="AY3624" s="164"/>
      <c r="BK3624" s="98"/>
      <c r="BL3624" s="97"/>
      <c r="BX3624" s="98"/>
      <c r="CL3624" s="97"/>
      <c r="CX3624" s="98"/>
      <c r="DL3624" s="97"/>
      <c r="DX3624" s="98"/>
      <c r="EL3624" s="97"/>
      <c r="EX3624" s="98"/>
      <c r="EY3624" s="97"/>
      <c r="FL3624" s="126"/>
      <c r="FM3624" s="91"/>
      <c r="FN3624" s="91"/>
      <c r="FO3624" s="91"/>
      <c r="FP3624" s="91"/>
      <c r="FQ3624" s="91"/>
      <c r="FR3624" s="91"/>
      <c r="FS3624" s="91"/>
      <c r="FT3624" s="91"/>
      <c r="FU3624" s="91"/>
      <c r="FV3624" s="91"/>
      <c r="FW3624" s="91"/>
      <c r="FX3624" s="127"/>
      <c r="FY3624" s="126"/>
      <c r="FZ3624" s="91"/>
      <c r="GA3624" s="91"/>
      <c r="GB3624" s="91"/>
      <c r="GC3624" s="91"/>
      <c r="GD3624" s="91"/>
      <c r="GE3624" s="91"/>
      <c r="GF3624" s="91"/>
      <c r="GG3624" s="91"/>
      <c r="GH3624" s="91"/>
      <c r="GI3624" s="91"/>
      <c r="GJ3624" s="91"/>
      <c r="GK3624" s="127"/>
      <c r="GL3624" s="126"/>
      <c r="GM3624" s="91"/>
      <c r="GN3624" s="91"/>
      <c r="GO3624" s="91"/>
      <c r="GP3624" s="91"/>
      <c r="GQ3624" s="91"/>
      <c r="GR3624" s="91"/>
      <c r="GS3624" s="91"/>
      <c r="GT3624" s="91"/>
      <c r="GU3624" s="91"/>
      <c r="GV3624" s="91"/>
      <c r="GW3624" s="91"/>
      <c r="GX3624" s="127"/>
      <c r="GY3624" s="126"/>
      <c r="GZ3624" s="91"/>
      <c r="HA3624" s="91"/>
      <c r="HB3624" s="91"/>
      <c r="HC3624" s="91"/>
      <c r="HD3624" s="91"/>
      <c r="HE3624" s="91"/>
      <c r="HF3624" s="91"/>
      <c r="HG3624" s="91"/>
      <c r="HH3624" s="91"/>
      <c r="HI3624" s="91"/>
      <c r="HJ3624" s="91"/>
      <c r="HK3624" s="127"/>
      <c r="HL3624" s="126"/>
      <c r="HM3624" s="91"/>
      <c r="HN3624" s="91"/>
      <c r="HO3624" s="91"/>
      <c r="HP3624" s="91"/>
      <c r="HQ3624" s="91"/>
      <c r="HR3624" s="91"/>
      <c r="HS3624" s="91"/>
      <c r="HT3624" s="91"/>
      <c r="HU3624" s="91"/>
      <c r="HV3624" s="91"/>
      <c r="HW3624" s="91"/>
      <c r="HX3624" s="127"/>
      <c r="HY3624" s="126"/>
      <c r="HZ3624" s="91"/>
      <c r="IA3624" s="91"/>
      <c r="IB3624" s="91"/>
      <c r="IC3624" s="91"/>
      <c r="ID3624" s="91"/>
      <c r="IE3624" s="91"/>
      <c r="IF3624" s="91"/>
      <c r="IG3624" s="91"/>
      <c r="IH3624" s="91"/>
      <c r="II3624" s="91"/>
      <c r="IJ3624" s="91"/>
      <c r="IK3624" s="174"/>
    </row>
    <row r="3625" spans="2:245" x14ac:dyDescent="0.2">
      <c r="B3625" s="43"/>
      <c r="C3625" s="73"/>
      <c r="D3625" s="64"/>
      <c r="E3625" s="64"/>
      <c r="F3625" s="55"/>
      <c r="G3625" s="102"/>
      <c r="H3625" s="97"/>
      <c r="T3625" s="98"/>
      <c r="U3625" s="97"/>
      <c r="AG3625" s="98"/>
      <c r="AY3625" s="164"/>
      <c r="BK3625" s="98"/>
      <c r="BL3625" s="97"/>
      <c r="BX3625" s="98"/>
      <c r="CL3625" s="97"/>
      <c r="CX3625" s="98"/>
      <c r="DL3625" s="97"/>
      <c r="DX3625" s="98"/>
      <c r="EL3625" s="97"/>
      <c r="EX3625" s="98"/>
      <c r="EY3625" s="97"/>
      <c r="FL3625" s="126"/>
      <c r="FM3625" s="91"/>
      <c r="FN3625" s="91"/>
      <c r="FO3625" s="91"/>
      <c r="FP3625" s="91"/>
      <c r="FQ3625" s="91"/>
      <c r="FR3625" s="91"/>
      <c r="FS3625" s="91"/>
      <c r="FT3625" s="91"/>
      <c r="FU3625" s="91"/>
      <c r="FV3625" s="91"/>
      <c r="FW3625" s="91"/>
      <c r="FX3625" s="127"/>
      <c r="FY3625" s="126"/>
      <c r="FZ3625" s="91"/>
      <c r="GA3625" s="91"/>
      <c r="GB3625" s="91"/>
      <c r="GC3625" s="91"/>
      <c r="GD3625" s="91"/>
      <c r="GE3625" s="91"/>
      <c r="GF3625" s="91"/>
      <c r="GG3625" s="91"/>
      <c r="GH3625" s="91"/>
      <c r="GI3625" s="91"/>
      <c r="GJ3625" s="91"/>
      <c r="GK3625" s="127"/>
      <c r="GL3625" s="126"/>
      <c r="GM3625" s="91"/>
      <c r="GN3625" s="91"/>
      <c r="GO3625" s="91"/>
      <c r="GP3625" s="91"/>
      <c r="GQ3625" s="91"/>
      <c r="GR3625" s="91"/>
      <c r="GS3625" s="91"/>
      <c r="GT3625" s="91"/>
      <c r="GU3625" s="91"/>
      <c r="GV3625" s="91"/>
      <c r="GW3625" s="91"/>
      <c r="GX3625" s="127"/>
      <c r="GY3625" s="126"/>
      <c r="GZ3625" s="91"/>
      <c r="HA3625" s="91"/>
      <c r="HB3625" s="91"/>
      <c r="HC3625" s="91"/>
      <c r="HD3625" s="91"/>
      <c r="HE3625" s="91"/>
      <c r="HF3625" s="91"/>
      <c r="HG3625" s="91"/>
      <c r="HH3625" s="91"/>
      <c r="HI3625" s="91"/>
      <c r="HJ3625" s="91"/>
      <c r="HK3625" s="127"/>
      <c r="HL3625" s="126"/>
      <c r="HM3625" s="91"/>
      <c r="HN3625" s="91"/>
      <c r="HO3625" s="91"/>
      <c r="HP3625" s="91"/>
      <c r="HQ3625" s="91"/>
      <c r="HR3625" s="91"/>
      <c r="HS3625" s="91"/>
      <c r="HT3625" s="91"/>
      <c r="HU3625" s="91"/>
      <c r="HV3625" s="91"/>
      <c r="HW3625" s="91"/>
      <c r="HX3625" s="127"/>
      <c r="HY3625" s="126"/>
      <c r="HZ3625" s="91"/>
      <c r="IA3625" s="91"/>
      <c r="IB3625" s="91"/>
      <c r="IC3625" s="91"/>
      <c r="ID3625" s="91"/>
      <c r="IE3625" s="91"/>
      <c r="IF3625" s="91"/>
      <c r="IG3625" s="91"/>
      <c r="IH3625" s="91"/>
      <c r="II3625" s="91"/>
      <c r="IJ3625" s="91"/>
      <c r="IK3625" s="174"/>
    </row>
    <row r="3626" spans="2:245" x14ac:dyDescent="0.2">
      <c r="B3626" s="43"/>
      <c r="C3626" s="73"/>
      <c r="D3626" s="64"/>
      <c r="E3626" s="64"/>
      <c r="F3626" s="55"/>
      <c r="G3626" s="102"/>
      <c r="H3626" s="97"/>
      <c r="T3626" s="98"/>
      <c r="U3626" s="97"/>
      <c r="AG3626" s="98"/>
      <c r="AY3626" s="164"/>
      <c r="BK3626" s="98"/>
      <c r="BL3626" s="97"/>
      <c r="BX3626" s="98"/>
      <c r="CL3626" s="97"/>
      <c r="CX3626" s="98"/>
      <c r="DL3626" s="97"/>
      <c r="DX3626" s="98"/>
      <c r="EL3626" s="97"/>
      <c r="EX3626" s="98"/>
      <c r="EY3626" s="97"/>
      <c r="FL3626" s="126"/>
      <c r="FM3626" s="91"/>
      <c r="FN3626" s="91"/>
      <c r="FO3626" s="91"/>
      <c r="FP3626" s="91"/>
      <c r="FQ3626" s="91"/>
      <c r="FR3626" s="91"/>
      <c r="FS3626" s="91"/>
      <c r="FT3626" s="91"/>
      <c r="FU3626" s="91"/>
      <c r="FV3626" s="91"/>
      <c r="FW3626" s="91"/>
      <c r="FX3626" s="127"/>
      <c r="FY3626" s="126"/>
      <c r="FZ3626" s="91"/>
      <c r="GA3626" s="91"/>
      <c r="GB3626" s="91"/>
      <c r="GC3626" s="91"/>
      <c r="GD3626" s="91"/>
      <c r="GE3626" s="91"/>
      <c r="GF3626" s="91"/>
      <c r="GG3626" s="91"/>
      <c r="GH3626" s="91"/>
      <c r="GI3626" s="91"/>
      <c r="GJ3626" s="91"/>
      <c r="GK3626" s="127"/>
      <c r="GL3626" s="126"/>
      <c r="GM3626" s="91"/>
      <c r="GN3626" s="91"/>
      <c r="GO3626" s="91"/>
      <c r="GP3626" s="91"/>
      <c r="GQ3626" s="91"/>
      <c r="GR3626" s="91"/>
      <c r="GS3626" s="91"/>
      <c r="GT3626" s="91"/>
      <c r="GU3626" s="91"/>
      <c r="GV3626" s="91"/>
      <c r="GW3626" s="91"/>
      <c r="GX3626" s="127"/>
      <c r="GY3626" s="126"/>
      <c r="GZ3626" s="91"/>
      <c r="HA3626" s="91"/>
      <c r="HB3626" s="91"/>
      <c r="HC3626" s="91"/>
      <c r="HD3626" s="91"/>
      <c r="HE3626" s="91"/>
      <c r="HF3626" s="91"/>
      <c r="HG3626" s="91"/>
      <c r="HH3626" s="91"/>
      <c r="HI3626" s="91"/>
      <c r="HJ3626" s="91"/>
      <c r="HK3626" s="127"/>
      <c r="HL3626" s="126"/>
      <c r="HM3626" s="91"/>
      <c r="HN3626" s="91"/>
      <c r="HO3626" s="91"/>
      <c r="HP3626" s="91"/>
      <c r="HQ3626" s="91"/>
      <c r="HR3626" s="91"/>
      <c r="HS3626" s="91"/>
      <c r="HT3626" s="91"/>
      <c r="HU3626" s="91"/>
      <c r="HV3626" s="91"/>
      <c r="HW3626" s="91"/>
      <c r="HX3626" s="127"/>
      <c r="HY3626" s="126"/>
      <c r="HZ3626" s="91"/>
      <c r="IA3626" s="91"/>
      <c r="IB3626" s="91"/>
      <c r="IC3626" s="91"/>
      <c r="ID3626" s="91"/>
      <c r="IE3626" s="91"/>
      <c r="IF3626" s="91"/>
      <c r="IG3626" s="91"/>
      <c r="IH3626" s="91"/>
      <c r="II3626" s="91"/>
      <c r="IJ3626" s="91"/>
      <c r="IK3626" s="174"/>
    </row>
    <row r="3627" spans="2:245" x14ac:dyDescent="0.2">
      <c r="B3627" s="43"/>
      <c r="C3627" s="73"/>
      <c r="D3627" s="64"/>
      <c r="E3627" s="64"/>
      <c r="F3627" s="55"/>
      <c r="G3627" s="102"/>
      <c r="H3627" s="97"/>
      <c r="T3627" s="98"/>
      <c r="U3627" s="97"/>
      <c r="AG3627" s="98"/>
      <c r="AY3627" s="164"/>
      <c r="BK3627" s="98"/>
      <c r="BL3627" s="97"/>
      <c r="BX3627" s="98"/>
      <c r="CL3627" s="97"/>
      <c r="CX3627" s="98"/>
      <c r="DL3627" s="97"/>
      <c r="DX3627" s="98"/>
      <c r="EL3627" s="97"/>
      <c r="EX3627" s="98"/>
      <c r="EY3627" s="97"/>
      <c r="FL3627" s="126"/>
      <c r="FM3627" s="91"/>
      <c r="FN3627" s="91"/>
      <c r="FO3627" s="91"/>
      <c r="FP3627" s="91"/>
      <c r="FQ3627" s="91"/>
      <c r="FR3627" s="91"/>
      <c r="FS3627" s="91"/>
      <c r="FT3627" s="91"/>
      <c r="FU3627" s="91"/>
      <c r="FV3627" s="91"/>
      <c r="FW3627" s="91"/>
      <c r="FX3627" s="127"/>
      <c r="FY3627" s="126"/>
      <c r="FZ3627" s="91"/>
      <c r="GA3627" s="91"/>
      <c r="GB3627" s="91"/>
      <c r="GC3627" s="91"/>
      <c r="GD3627" s="91"/>
      <c r="GE3627" s="91"/>
      <c r="GF3627" s="91"/>
      <c r="GG3627" s="91"/>
      <c r="GH3627" s="91"/>
      <c r="GI3627" s="91"/>
      <c r="GJ3627" s="91"/>
      <c r="GK3627" s="127"/>
      <c r="GL3627" s="126"/>
      <c r="GM3627" s="91"/>
      <c r="GN3627" s="91"/>
      <c r="GO3627" s="91"/>
      <c r="GP3627" s="91"/>
      <c r="GQ3627" s="91"/>
      <c r="GR3627" s="91"/>
      <c r="GS3627" s="91"/>
      <c r="GT3627" s="91"/>
      <c r="GU3627" s="91"/>
      <c r="GV3627" s="91"/>
      <c r="GW3627" s="91"/>
      <c r="GX3627" s="127"/>
      <c r="GY3627" s="126"/>
      <c r="GZ3627" s="91"/>
      <c r="HA3627" s="91"/>
      <c r="HB3627" s="91"/>
      <c r="HC3627" s="91"/>
      <c r="HD3627" s="91"/>
      <c r="HE3627" s="91"/>
      <c r="HF3627" s="91"/>
      <c r="HG3627" s="91"/>
      <c r="HH3627" s="91"/>
      <c r="HI3627" s="91"/>
      <c r="HJ3627" s="91"/>
      <c r="HK3627" s="127"/>
      <c r="HL3627" s="126"/>
      <c r="HM3627" s="91"/>
      <c r="HN3627" s="91"/>
      <c r="HO3627" s="91"/>
      <c r="HP3627" s="91"/>
      <c r="HQ3627" s="91"/>
      <c r="HR3627" s="91"/>
      <c r="HS3627" s="91"/>
      <c r="HT3627" s="91"/>
      <c r="HU3627" s="91"/>
      <c r="HV3627" s="91"/>
      <c r="HW3627" s="91"/>
      <c r="HX3627" s="127"/>
      <c r="HY3627" s="126"/>
      <c r="HZ3627" s="91"/>
      <c r="IA3627" s="91"/>
      <c r="IB3627" s="91"/>
      <c r="IC3627" s="91"/>
      <c r="ID3627" s="91"/>
      <c r="IE3627" s="91"/>
      <c r="IF3627" s="91"/>
      <c r="IG3627" s="91"/>
      <c r="IH3627" s="91"/>
      <c r="II3627" s="91"/>
      <c r="IJ3627" s="91"/>
      <c r="IK3627" s="174"/>
    </row>
    <row r="3628" spans="2:245" x14ac:dyDescent="0.2">
      <c r="B3628" s="43"/>
      <c r="C3628" s="73"/>
      <c r="D3628" s="64"/>
      <c r="E3628" s="64"/>
      <c r="F3628" s="55"/>
      <c r="G3628" s="102"/>
      <c r="H3628" s="97"/>
      <c r="T3628" s="98"/>
      <c r="U3628" s="97"/>
      <c r="AG3628" s="98"/>
      <c r="AY3628" s="164"/>
      <c r="BK3628" s="98"/>
      <c r="BL3628" s="97"/>
      <c r="BX3628" s="98"/>
      <c r="CL3628" s="97"/>
      <c r="CX3628" s="98"/>
      <c r="DL3628" s="97"/>
      <c r="DX3628" s="98"/>
      <c r="EL3628" s="97"/>
      <c r="EX3628" s="98"/>
      <c r="EY3628" s="97"/>
      <c r="FL3628" s="126"/>
      <c r="FM3628" s="91"/>
      <c r="FN3628" s="91"/>
      <c r="FO3628" s="91"/>
      <c r="FP3628" s="91"/>
      <c r="FQ3628" s="91"/>
      <c r="FR3628" s="91"/>
      <c r="FS3628" s="91"/>
      <c r="FT3628" s="91"/>
      <c r="FU3628" s="91"/>
      <c r="FV3628" s="91"/>
      <c r="FW3628" s="91"/>
      <c r="FX3628" s="127"/>
      <c r="FY3628" s="126"/>
      <c r="FZ3628" s="91"/>
      <c r="GA3628" s="91"/>
      <c r="GB3628" s="91"/>
      <c r="GC3628" s="91"/>
      <c r="GD3628" s="91"/>
      <c r="GE3628" s="91"/>
      <c r="GF3628" s="91"/>
      <c r="GG3628" s="91"/>
      <c r="GH3628" s="91"/>
      <c r="GI3628" s="91"/>
      <c r="GJ3628" s="91"/>
      <c r="GK3628" s="127"/>
      <c r="GL3628" s="126"/>
      <c r="GM3628" s="91"/>
      <c r="GN3628" s="91"/>
      <c r="GO3628" s="91"/>
      <c r="GP3628" s="91"/>
      <c r="GQ3628" s="91"/>
      <c r="GR3628" s="91"/>
      <c r="GS3628" s="91"/>
      <c r="GT3628" s="91"/>
      <c r="GU3628" s="91"/>
      <c r="GV3628" s="91"/>
      <c r="GW3628" s="91"/>
      <c r="GX3628" s="127"/>
      <c r="GY3628" s="126"/>
      <c r="GZ3628" s="91"/>
      <c r="HA3628" s="91"/>
      <c r="HB3628" s="91"/>
      <c r="HC3628" s="91"/>
      <c r="HD3628" s="91"/>
      <c r="HE3628" s="91"/>
      <c r="HF3628" s="91"/>
      <c r="HG3628" s="91"/>
      <c r="HH3628" s="91"/>
      <c r="HI3628" s="91"/>
      <c r="HJ3628" s="91"/>
      <c r="HK3628" s="127"/>
      <c r="HL3628" s="126"/>
      <c r="HM3628" s="91"/>
      <c r="HN3628" s="91"/>
      <c r="HO3628" s="91"/>
      <c r="HP3628" s="91"/>
      <c r="HQ3628" s="91"/>
      <c r="HR3628" s="91"/>
      <c r="HS3628" s="91"/>
      <c r="HT3628" s="91"/>
      <c r="HU3628" s="91"/>
      <c r="HV3628" s="91"/>
      <c r="HW3628" s="91"/>
      <c r="HX3628" s="127"/>
      <c r="HY3628" s="126"/>
      <c r="HZ3628" s="91"/>
      <c r="IA3628" s="91"/>
      <c r="IB3628" s="91"/>
      <c r="IC3628" s="91"/>
      <c r="ID3628" s="91"/>
      <c r="IE3628" s="91"/>
      <c r="IF3628" s="91"/>
      <c r="IG3628" s="91"/>
      <c r="IH3628" s="91"/>
      <c r="II3628" s="91"/>
      <c r="IJ3628" s="91"/>
      <c r="IK3628" s="174"/>
    </row>
    <row r="3629" spans="2:245" x14ac:dyDescent="0.2">
      <c r="B3629" s="43"/>
      <c r="C3629" s="73"/>
      <c r="D3629" s="64"/>
      <c r="E3629" s="64"/>
      <c r="F3629" s="55"/>
      <c r="G3629" s="102"/>
      <c r="H3629" s="97"/>
      <c r="T3629" s="98"/>
      <c r="U3629" s="97"/>
      <c r="AG3629" s="98"/>
      <c r="AY3629" s="164"/>
      <c r="BK3629" s="98"/>
      <c r="BL3629" s="97"/>
      <c r="BX3629" s="98"/>
      <c r="CL3629" s="97"/>
      <c r="CX3629" s="98"/>
      <c r="DL3629" s="97"/>
      <c r="DX3629" s="98"/>
      <c r="EL3629" s="97"/>
      <c r="EX3629" s="98"/>
      <c r="EY3629" s="97"/>
      <c r="FL3629" s="126"/>
      <c r="FM3629" s="91"/>
      <c r="FN3629" s="91"/>
      <c r="FO3629" s="91"/>
      <c r="FP3629" s="91"/>
      <c r="FQ3629" s="91"/>
      <c r="FR3629" s="91"/>
      <c r="FS3629" s="91"/>
      <c r="FT3629" s="91"/>
      <c r="FU3629" s="91"/>
      <c r="FV3629" s="91"/>
      <c r="FW3629" s="91"/>
      <c r="FX3629" s="127"/>
      <c r="FY3629" s="126"/>
      <c r="FZ3629" s="91"/>
      <c r="GA3629" s="91"/>
      <c r="GB3629" s="91"/>
      <c r="GC3629" s="91"/>
      <c r="GD3629" s="91"/>
      <c r="GE3629" s="91"/>
      <c r="GF3629" s="91"/>
      <c r="GG3629" s="91"/>
      <c r="GH3629" s="91"/>
      <c r="GI3629" s="91"/>
      <c r="GJ3629" s="91"/>
      <c r="GK3629" s="127"/>
      <c r="GL3629" s="126"/>
      <c r="GM3629" s="91"/>
      <c r="GN3629" s="91"/>
      <c r="GO3629" s="91"/>
      <c r="GP3629" s="91"/>
      <c r="GQ3629" s="91"/>
      <c r="GR3629" s="91"/>
      <c r="GS3629" s="91"/>
      <c r="GT3629" s="91"/>
      <c r="GU3629" s="91"/>
      <c r="GV3629" s="91"/>
      <c r="GW3629" s="91"/>
      <c r="GX3629" s="127"/>
      <c r="GY3629" s="126"/>
      <c r="GZ3629" s="91"/>
      <c r="HA3629" s="91"/>
      <c r="HB3629" s="91"/>
      <c r="HC3629" s="91"/>
      <c r="HD3629" s="91"/>
      <c r="HE3629" s="91"/>
      <c r="HF3629" s="91"/>
      <c r="HG3629" s="91"/>
      <c r="HH3629" s="91"/>
      <c r="HI3629" s="91"/>
      <c r="HJ3629" s="91"/>
      <c r="HK3629" s="127"/>
      <c r="HL3629" s="126"/>
      <c r="HM3629" s="91"/>
      <c r="HN3629" s="91"/>
      <c r="HO3629" s="91"/>
      <c r="HP3629" s="91"/>
      <c r="HQ3629" s="91"/>
      <c r="HR3629" s="91"/>
      <c r="HS3629" s="91"/>
      <c r="HT3629" s="91"/>
      <c r="HU3629" s="91"/>
      <c r="HV3629" s="91"/>
      <c r="HW3629" s="91"/>
      <c r="HX3629" s="127"/>
      <c r="HY3629" s="126"/>
      <c r="HZ3629" s="91"/>
      <c r="IA3629" s="91"/>
      <c r="IB3629" s="91"/>
      <c r="IC3629" s="91"/>
      <c r="ID3629" s="91"/>
      <c r="IE3629" s="91"/>
      <c r="IF3629" s="91"/>
      <c r="IG3629" s="91"/>
      <c r="IH3629" s="91"/>
      <c r="II3629" s="91"/>
      <c r="IJ3629" s="91"/>
      <c r="IK3629" s="174"/>
    </row>
    <row r="3630" spans="2:245" x14ac:dyDescent="0.2">
      <c r="B3630" s="43"/>
      <c r="C3630" s="73"/>
      <c r="D3630" s="64"/>
      <c r="E3630" s="64"/>
      <c r="F3630" s="55"/>
      <c r="G3630" s="102"/>
      <c r="H3630" s="97"/>
      <c r="T3630" s="98"/>
      <c r="U3630" s="97"/>
      <c r="AG3630" s="98"/>
      <c r="AY3630" s="164"/>
      <c r="BK3630" s="98"/>
      <c r="BL3630" s="97"/>
      <c r="BX3630" s="98"/>
      <c r="CL3630" s="97"/>
      <c r="CX3630" s="98"/>
      <c r="DL3630" s="97"/>
      <c r="DX3630" s="98"/>
      <c r="EL3630" s="97"/>
      <c r="EX3630" s="98"/>
      <c r="EY3630" s="97"/>
      <c r="FL3630" s="126"/>
      <c r="FM3630" s="91"/>
      <c r="FN3630" s="91"/>
      <c r="FO3630" s="91"/>
      <c r="FP3630" s="91"/>
      <c r="FQ3630" s="91"/>
      <c r="FR3630" s="91"/>
      <c r="FS3630" s="91"/>
      <c r="FT3630" s="91"/>
      <c r="FU3630" s="91"/>
      <c r="FV3630" s="91"/>
      <c r="FW3630" s="91"/>
      <c r="FX3630" s="127"/>
      <c r="FY3630" s="126"/>
      <c r="FZ3630" s="91"/>
      <c r="GA3630" s="91"/>
      <c r="GB3630" s="91"/>
      <c r="GC3630" s="91"/>
      <c r="GD3630" s="91"/>
      <c r="GE3630" s="91"/>
      <c r="GF3630" s="91"/>
      <c r="GG3630" s="91"/>
      <c r="GH3630" s="91"/>
      <c r="GI3630" s="91"/>
      <c r="GJ3630" s="91"/>
      <c r="GK3630" s="127"/>
      <c r="GL3630" s="126"/>
      <c r="GM3630" s="91"/>
      <c r="GN3630" s="91"/>
      <c r="GO3630" s="91"/>
      <c r="GP3630" s="91"/>
      <c r="GQ3630" s="91"/>
      <c r="GR3630" s="91"/>
      <c r="GS3630" s="91"/>
      <c r="GT3630" s="91"/>
      <c r="GU3630" s="91"/>
      <c r="GV3630" s="91"/>
      <c r="GW3630" s="91"/>
      <c r="GX3630" s="127"/>
      <c r="GY3630" s="126"/>
      <c r="GZ3630" s="91"/>
      <c r="HA3630" s="91"/>
      <c r="HB3630" s="91"/>
      <c r="HC3630" s="91"/>
      <c r="HD3630" s="91"/>
      <c r="HE3630" s="91"/>
      <c r="HF3630" s="91"/>
      <c r="HG3630" s="91"/>
      <c r="HH3630" s="91"/>
      <c r="HI3630" s="91"/>
      <c r="HJ3630" s="91"/>
      <c r="HK3630" s="127"/>
      <c r="HL3630" s="126"/>
      <c r="HM3630" s="91"/>
      <c r="HN3630" s="91"/>
      <c r="HO3630" s="91"/>
      <c r="HP3630" s="91"/>
      <c r="HQ3630" s="91"/>
      <c r="HR3630" s="91"/>
      <c r="HS3630" s="91"/>
      <c r="HT3630" s="91"/>
      <c r="HU3630" s="91"/>
      <c r="HV3630" s="91"/>
      <c r="HW3630" s="91"/>
      <c r="HX3630" s="127"/>
      <c r="HY3630" s="126"/>
      <c r="HZ3630" s="91"/>
      <c r="IA3630" s="91"/>
      <c r="IB3630" s="91"/>
      <c r="IC3630" s="91"/>
      <c r="ID3630" s="91"/>
      <c r="IE3630" s="91"/>
      <c r="IF3630" s="91"/>
      <c r="IG3630" s="91"/>
      <c r="IH3630" s="91"/>
      <c r="II3630" s="91"/>
      <c r="IJ3630" s="91"/>
      <c r="IK3630" s="174"/>
    </row>
    <row r="3631" spans="2:245" x14ac:dyDescent="0.2">
      <c r="B3631" s="43"/>
      <c r="C3631" s="73"/>
      <c r="D3631" s="64"/>
      <c r="E3631" s="64"/>
      <c r="F3631" s="55"/>
      <c r="G3631" s="102"/>
      <c r="H3631" s="97"/>
      <c r="T3631" s="98"/>
      <c r="U3631" s="97"/>
      <c r="AG3631" s="98"/>
      <c r="AY3631" s="164"/>
      <c r="BK3631" s="98"/>
      <c r="BL3631" s="97"/>
      <c r="BX3631" s="98"/>
      <c r="CL3631" s="97"/>
      <c r="CX3631" s="98"/>
      <c r="DL3631" s="97"/>
      <c r="DX3631" s="98"/>
      <c r="EL3631" s="97"/>
      <c r="EX3631" s="98"/>
      <c r="EY3631" s="97"/>
      <c r="FL3631" s="126"/>
      <c r="FM3631" s="91"/>
      <c r="FN3631" s="91"/>
      <c r="FO3631" s="91"/>
      <c r="FP3631" s="91"/>
      <c r="FQ3631" s="91"/>
      <c r="FR3631" s="91"/>
      <c r="FS3631" s="91"/>
      <c r="FT3631" s="91"/>
      <c r="FU3631" s="91"/>
      <c r="FV3631" s="91"/>
      <c r="FW3631" s="91"/>
      <c r="FX3631" s="127"/>
      <c r="FY3631" s="126"/>
      <c r="FZ3631" s="91"/>
      <c r="GA3631" s="91"/>
      <c r="GB3631" s="91"/>
      <c r="GC3631" s="91"/>
      <c r="GD3631" s="91"/>
      <c r="GE3631" s="91"/>
      <c r="GF3631" s="91"/>
      <c r="GG3631" s="91"/>
      <c r="GH3631" s="91"/>
      <c r="GI3631" s="91"/>
      <c r="GJ3631" s="91"/>
      <c r="GK3631" s="127"/>
      <c r="GL3631" s="126"/>
      <c r="GM3631" s="91"/>
      <c r="GN3631" s="91"/>
      <c r="GO3631" s="91"/>
      <c r="GP3631" s="91"/>
      <c r="GQ3631" s="91"/>
      <c r="GR3631" s="91"/>
      <c r="GS3631" s="91"/>
      <c r="GT3631" s="91"/>
      <c r="GU3631" s="91"/>
      <c r="GV3631" s="91"/>
      <c r="GW3631" s="91"/>
      <c r="GX3631" s="127"/>
      <c r="GY3631" s="126"/>
      <c r="GZ3631" s="91"/>
      <c r="HA3631" s="91"/>
      <c r="HB3631" s="91"/>
      <c r="HC3631" s="91"/>
      <c r="HD3631" s="91"/>
      <c r="HE3631" s="91"/>
      <c r="HF3631" s="91"/>
      <c r="HG3631" s="91"/>
      <c r="HH3631" s="91"/>
      <c r="HI3631" s="91"/>
      <c r="HJ3631" s="91"/>
      <c r="HK3631" s="127"/>
      <c r="HL3631" s="126"/>
      <c r="HM3631" s="91"/>
      <c r="HN3631" s="91"/>
      <c r="HO3631" s="91"/>
      <c r="HP3631" s="91"/>
      <c r="HQ3631" s="91"/>
      <c r="HR3631" s="91"/>
      <c r="HS3631" s="91"/>
      <c r="HT3631" s="91"/>
      <c r="HU3631" s="91"/>
      <c r="HV3631" s="91"/>
      <c r="HW3631" s="91"/>
      <c r="HX3631" s="127"/>
      <c r="HY3631" s="126"/>
      <c r="HZ3631" s="91"/>
      <c r="IA3631" s="91"/>
      <c r="IB3631" s="91"/>
      <c r="IC3631" s="91"/>
      <c r="ID3631" s="91"/>
      <c r="IE3631" s="91"/>
      <c r="IF3631" s="91"/>
      <c r="IG3631" s="91"/>
      <c r="IH3631" s="91"/>
      <c r="II3631" s="91"/>
      <c r="IJ3631" s="91"/>
      <c r="IK3631" s="174"/>
    </row>
    <row r="3632" spans="2:245" x14ac:dyDescent="0.2">
      <c r="B3632" s="43"/>
      <c r="C3632" s="73"/>
      <c r="D3632" s="64"/>
      <c r="E3632" s="64"/>
      <c r="F3632" s="55"/>
      <c r="G3632" s="102"/>
      <c r="H3632" s="97"/>
      <c r="T3632" s="98"/>
      <c r="U3632" s="97"/>
      <c r="AG3632" s="98"/>
      <c r="AY3632" s="164"/>
      <c r="BK3632" s="98"/>
      <c r="BL3632" s="97"/>
      <c r="BX3632" s="98"/>
      <c r="CL3632" s="97"/>
      <c r="CX3632" s="98"/>
      <c r="DL3632" s="97"/>
      <c r="DX3632" s="98"/>
      <c r="EL3632" s="97"/>
      <c r="EX3632" s="98"/>
      <c r="EY3632" s="97"/>
      <c r="FL3632" s="126"/>
      <c r="FM3632" s="91"/>
      <c r="FN3632" s="91"/>
      <c r="FO3632" s="91"/>
      <c r="FP3632" s="91"/>
      <c r="FQ3632" s="91"/>
      <c r="FR3632" s="91"/>
      <c r="FS3632" s="91"/>
      <c r="FT3632" s="91"/>
      <c r="FU3632" s="91"/>
      <c r="FV3632" s="91"/>
      <c r="FW3632" s="91"/>
      <c r="FX3632" s="127"/>
      <c r="FY3632" s="126"/>
      <c r="FZ3632" s="91"/>
      <c r="GA3632" s="91"/>
      <c r="GB3632" s="91"/>
      <c r="GC3632" s="91"/>
      <c r="GD3632" s="91"/>
      <c r="GE3632" s="91"/>
      <c r="GF3632" s="91"/>
      <c r="GG3632" s="91"/>
      <c r="GH3632" s="91"/>
      <c r="GI3632" s="91"/>
      <c r="GJ3632" s="91"/>
      <c r="GK3632" s="127"/>
      <c r="GL3632" s="126"/>
      <c r="GM3632" s="91"/>
      <c r="GN3632" s="91"/>
      <c r="GO3632" s="91"/>
      <c r="GP3632" s="91"/>
      <c r="GQ3632" s="91"/>
      <c r="GR3632" s="91"/>
      <c r="GS3632" s="91"/>
      <c r="GT3632" s="91"/>
      <c r="GU3632" s="91"/>
      <c r="GV3632" s="91"/>
      <c r="GW3632" s="91"/>
      <c r="GX3632" s="127"/>
      <c r="GY3632" s="126"/>
      <c r="GZ3632" s="91"/>
      <c r="HA3632" s="91"/>
      <c r="HB3632" s="91"/>
      <c r="HC3632" s="91"/>
      <c r="HD3632" s="91"/>
      <c r="HE3632" s="91"/>
      <c r="HF3632" s="91"/>
      <c r="HG3632" s="91"/>
      <c r="HH3632" s="91"/>
      <c r="HI3632" s="91"/>
      <c r="HJ3632" s="91"/>
      <c r="HK3632" s="127"/>
      <c r="HL3632" s="126"/>
      <c r="HM3632" s="91"/>
      <c r="HN3632" s="91"/>
      <c r="HO3632" s="91"/>
      <c r="HP3632" s="91"/>
      <c r="HQ3632" s="91"/>
      <c r="HR3632" s="91"/>
      <c r="HS3632" s="91"/>
      <c r="HT3632" s="91"/>
      <c r="HU3632" s="91"/>
      <c r="HV3632" s="91"/>
      <c r="HW3632" s="91"/>
      <c r="HX3632" s="127"/>
      <c r="HY3632" s="126"/>
      <c r="HZ3632" s="91"/>
      <c r="IA3632" s="91"/>
      <c r="IB3632" s="91"/>
      <c r="IC3632" s="91"/>
      <c r="ID3632" s="91"/>
      <c r="IE3632" s="91"/>
      <c r="IF3632" s="91"/>
      <c r="IG3632" s="91"/>
      <c r="IH3632" s="91"/>
      <c r="II3632" s="91"/>
      <c r="IJ3632" s="91"/>
      <c r="IK3632" s="174"/>
    </row>
    <row r="3633" spans="2:245" x14ac:dyDescent="0.2">
      <c r="B3633" s="43"/>
      <c r="C3633" s="73"/>
      <c r="D3633" s="64"/>
      <c r="E3633" s="64"/>
      <c r="F3633" s="55"/>
      <c r="G3633" s="102"/>
      <c r="H3633" s="97"/>
      <c r="T3633" s="98"/>
      <c r="U3633" s="97"/>
      <c r="AG3633" s="98"/>
      <c r="AY3633" s="164"/>
      <c r="BK3633" s="98"/>
      <c r="BL3633" s="97"/>
      <c r="BX3633" s="98"/>
      <c r="CL3633" s="97"/>
      <c r="CX3633" s="98"/>
      <c r="DL3633" s="97"/>
      <c r="DX3633" s="98"/>
      <c r="EL3633" s="97"/>
      <c r="EX3633" s="98"/>
      <c r="EY3633" s="97"/>
      <c r="FL3633" s="126"/>
      <c r="FM3633" s="91"/>
      <c r="FN3633" s="91"/>
      <c r="FO3633" s="91"/>
      <c r="FP3633" s="91"/>
      <c r="FQ3633" s="91"/>
      <c r="FR3633" s="91"/>
      <c r="FS3633" s="91"/>
      <c r="FT3633" s="91"/>
      <c r="FU3633" s="91"/>
      <c r="FV3633" s="91"/>
      <c r="FW3633" s="91"/>
      <c r="FX3633" s="127"/>
      <c r="FY3633" s="126"/>
      <c r="FZ3633" s="91"/>
      <c r="GA3633" s="91"/>
      <c r="GB3633" s="91"/>
      <c r="GC3633" s="91"/>
      <c r="GD3633" s="91"/>
      <c r="GE3633" s="91"/>
      <c r="GF3633" s="91"/>
      <c r="GG3633" s="91"/>
      <c r="GH3633" s="91"/>
      <c r="GI3633" s="91"/>
      <c r="GJ3633" s="91"/>
      <c r="GK3633" s="127"/>
      <c r="GL3633" s="126"/>
      <c r="GM3633" s="91"/>
      <c r="GN3633" s="91"/>
      <c r="GO3633" s="91"/>
      <c r="GP3633" s="91"/>
      <c r="GQ3633" s="91"/>
      <c r="GR3633" s="91"/>
      <c r="GS3633" s="91"/>
      <c r="GT3633" s="91"/>
      <c r="GU3633" s="91"/>
      <c r="GV3633" s="91"/>
      <c r="GW3633" s="91"/>
      <c r="GX3633" s="127"/>
      <c r="GY3633" s="126"/>
      <c r="GZ3633" s="91"/>
      <c r="HA3633" s="91"/>
      <c r="HB3633" s="91"/>
      <c r="HC3633" s="91"/>
      <c r="HD3633" s="91"/>
      <c r="HE3633" s="91"/>
      <c r="HF3633" s="91"/>
      <c r="HG3633" s="91"/>
      <c r="HH3633" s="91"/>
      <c r="HI3633" s="91"/>
      <c r="HJ3633" s="91"/>
      <c r="HK3633" s="127"/>
      <c r="HL3633" s="126"/>
      <c r="HM3633" s="91"/>
      <c r="HN3633" s="91"/>
      <c r="HO3633" s="91"/>
      <c r="HP3633" s="91"/>
      <c r="HQ3633" s="91"/>
      <c r="HR3633" s="91"/>
      <c r="HS3633" s="91"/>
      <c r="HT3633" s="91"/>
      <c r="HU3633" s="91"/>
      <c r="HV3633" s="91"/>
      <c r="HW3633" s="91"/>
      <c r="HX3633" s="127"/>
      <c r="HY3633" s="126"/>
      <c r="HZ3633" s="91"/>
      <c r="IA3633" s="91"/>
      <c r="IB3633" s="91"/>
      <c r="IC3633" s="91"/>
      <c r="ID3633" s="91"/>
      <c r="IE3633" s="91"/>
      <c r="IF3633" s="91"/>
      <c r="IG3633" s="91"/>
      <c r="IH3633" s="91"/>
      <c r="II3633" s="91"/>
      <c r="IJ3633" s="91"/>
      <c r="IK3633" s="174"/>
    </row>
    <row r="3634" spans="2:245" x14ac:dyDescent="0.2">
      <c r="B3634" s="43"/>
      <c r="C3634" s="73"/>
      <c r="D3634" s="64"/>
      <c r="E3634" s="64"/>
      <c r="F3634" s="55"/>
      <c r="G3634" s="102"/>
      <c r="H3634" s="97"/>
      <c r="T3634" s="98"/>
      <c r="U3634" s="97"/>
      <c r="AG3634" s="98"/>
      <c r="AY3634" s="164"/>
      <c r="BK3634" s="98"/>
      <c r="BL3634" s="97"/>
      <c r="BX3634" s="98"/>
      <c r="CL3634" s="97"/>
      <c r="CX3634" s="98"/>
      <c r="DL3634" s="97"/>
      <c r="DX3634" s="98"/>
      <c r="EL3634" s="97"/>
      <c r="EX3634" s="98"/>
      <c r="EY3634" s="97"/>
      <c r="FL3634" s="126"/>
      <c r="FM3634" s="91"/>
      <c r="FN3634" s="91"/>
      <c r="FO3634" s="91"/>
      <c r="FP3634" s="91"/>
      <c r="FQ3634" s="91"/>
      <c r="FR3634" s="91"/>
      <c r="FS3634" s="91"/>
      <c r="FT3634" s="91"/>
      <c r="FU3634" s="91"/>
      <c r="FV3634" s="91"/>
      <c r="FW3634" s="91"/>
      <c r="FX3634" s="127"/>
      <c r="FY3634" s="126"/>
      <c r="FZ3634" s="91"/>
      <c r="GA3634" s="91"/>
      <c r="GB3634" s="91"/>
      <c r="GC3634" s="91"/>
      <c r="GD3634" s="91"/>
      <c r="GE3634" s="91"/>
      <c r="GF3634" s="91"/>
      <c r="GG3634" s="91"/>
      <c r="GH3634" s="91"/>
      <c r="GI3634" s="91"/>
      <c r="GJ3634" s="91"/>
      <c r="GK3634" s="127"/>
      <c r="GL3634" s="126"/>
      <c r="GM3634" s="91"/>
      <c r="GN3634" s="91"/>
      <c r="GO3634" s="91"/>
      <c r="GP3634" s="91"/>
      <c r="GQ3634" s="91"/>
      <c r="GR3634" s="91"/>
      <c r="GS3634" s="91"/>
      <c r="GT3634" s="91"/>
      <c r="GU3634" s="91"/>
      <c r="GV3634" s="91"/>
      <c r="GW3634" s="91"/>
      <c r="GX3634" s="127"/>
      <c r="GY3634" s="126"/>
      <c r="GZ3634" s="91"/>
      <c r="HA3634" s="91"/>
      <c r="HB3634" s="91"/>
      <c r="HC3634" s="91"/>
      <c r="HD3634" s="91"/>
      <c r="HE3634" s="91"/>
      <c r="HF3634" s="91"/>
      <c r="HG3634" s="91"/>
      <c r="HH3634" s="91"/>
      <c r="HI3634" s="91"/>
      <c r="HJ3634" s="91"/>
      <c r="HK3634" s="127"/>
      <c r="HL3634" s="126"/>
      <c r="HM3634" s="91"/>
      <c r="HN3634" s="91"/>
      <c r="HO3634" s="91"/>
      <c r="HP3634" s="91"/>
      <c r="HQ3634" s="91"/>
      <c r="HR3634" s="91"/>
      <c r="HS3634" s="91"/>
      <c r="HT3634" s="91"/>
      <c r="HU3634" s="91"/>
      <c r="HV3634" s="91"/>
      <c r="HW3634" s="91"/>
      <c r="HX3634" s="127"/>
      <c r="HY3634" s="126"/>
      <c r="HZ3634" s="91"/>
      <c r="IA3634" s="91"/>
      <c r="IB3634" s="91"/>
      <c r="IC3634" s="91"/>
      <c r="ID3634" s="91"/>
      <c r="IE3634" s="91"/>
      <c r="IF3634" s="91"/>
      <c r="IG3634" s="91"/>
      <c r="IH3634" s="91"/>
      <c r="II3634" s="91"/>
      <c r="IJ3634" s="91"/>
      <c r="IK3634" s="174"/>
    </row>
    <row r="3635" spans="2:245" x14ac:dyDescent="0.2">
      <c r="B3635" s="43"/>
      <c r="C3635" s="73"/>
      <c r="D3635" s="64"/>
      <c r="E3635" s="64"/>
      <c r="F3635" s="55"/>
      <c r="G3635" s="102"/>
      <c r="H3635" s="97"/>
      <c r="T3635" s="98"/>
      <c r="U3635" s="97"/>
      <c r="AG3635" s="98"/>
      <c r="AY3635" s="164"/>
      <c r="BK3635" s="98"/>
      <c r="BL3635" s="97"/>
      <c r="BX3635" s="98"/>
      <c r="CL3635" s="97"/>
      <c r="CX3635" s="98"/>
      <c r="DL3635" s="97"/>
      <c r="DX3635" s="98"/>
      <c r="EL3635" s="97"/>
      <c r="EX3635" s="98"/>
      <c r="EY3635" s="97"/>
      <c r="FL3635" s="126"/>
      <c r="FM3635" s="91"/>
      <c r="FN3635" s="91"/>
      <c r="FO3635" s="91"/>
      <c r="FP3635" s="91"/>
      <c r="FQ3635" s="91"/>
      <c r="FR3635" s="91"/>
      <c r="FS3635" s="91"/>
      <c r="FT3635" s="91"/>
      <c r="FU3635" s="91"/>
      <c r="FV3635" s="91"/>
      <c r="FW3635" s="91"/>
      <c r="FX3635" s="127"/>
      <c r="FY3635" s="126"/>
      <c r="FZ3635" s="91"/>
      <c r="GA3635" s="91"/>
      <c r="GB3635" s="91"/>
      <c r="GC3635" s="91"/>
      <c r="GD3635" s="91"/>
      <c r="GE3635" s="91"/>
      <c r="GF3635" s="91"/>
      <c r="GG3635" s="91"/>
      <c r="GH3635" s="91"/>
      <c r="GI3635" s="91"/>
      <c r="GJ3635" s="91"/>
      <c r="GK3635" s="127"/>
      <c r="GL3635" s="126"/>
      <c r="GM3635" s="91"/>
      <c r="GN3635" s="91"/>
      <c r="GO3635" s="91"/>
      <c r="GP3635" s="91"/>
      <c r="GQ3635" s="91"/>
      <c r="GR3635" s="91"/>
      <c r="GS3635" s="91"/>
      <c r="GT3635" s="91"/>
      <c r="GU3635" s="91"/>
      <c r="GV3635" s="91"/>
      <c r="GW3635" s="91"/>
      <c r="GX3635" s="127"/>
      <c r="GY3635" s="126"/>
      <c r="GZ3635" s="91"/>
      <c r="HA3635" s="91"/>
      <c r="HB3635" s="91"/>
      <c r="HC3635" s="91"/>
      <c r="HD3635" s="91"/>
      <c r="HE3635" s="91"/>
      <c r="HF3635" s="91"/>
      <c r="HG3635" s="91"/>
      <c r="HH3635" s="91"/>
      <c r="HI3635" s="91"/>
      <c r="HJ3635" s="91"/>
      <c r="HK3635" s="127"/>
      <c r="HL3635" s="126"/>
      <c r="HM3635" s="91"/>
      <c r="HN3635" s="91"/>
      <c r="HO3635" s="91"/>
      <c r="HP3635" s="91"/>
      <c r="HQ3635" s="91"/>
      <c r="HR3635" s="91"/>
      <c r="HS3635" s="91"/>
      <c r="HT3635" s="91"/>
      <c r="HU3635" s="91"/>
      <c r="HV3635" s="91"/>
      <c r="HW3635" s="91"/>
      <c r="HX3635" s="127"/>
      <c r="HY3635" s="126"/>
      <c r="HZ3635" s="91"/>
      <c r="IA3635" s="91"/>
      <c r="IB3635" s="91"/>
      <c r="IC3635" s="91"/>
      <c r="ID3635" s="91"/>
      <c r="IE3635" s="91"/>
      <c r="IF3635" s="91"/>
      <c r="IG3635" s="91"/>
      <c r="IH3635" s="91"/>
      <c r="II3635" s="91"/>
      <c r="IJ3635" s="91"/>
      <c r="IK3635" s="174"/>
    </row>
    <row r="3636" spans="2:245" x14ac:dyDescent="0.2">
      <c r="B3636" s="43"/>
      <c r="C3636" s="73"/>
      <c r="D3636" s="64"/>
      <c r="E3636" s="64"/>
      <c r="F3636" s="55"/>
      <c r="G3636" s="102"/>
      <c r="H3636" s="97"/>
      <c r="T3636" s="98"/>
      <c r="U3636" s="97"/>
      <c r="AG3636" s="98"/>
      <c r="AY3636" s="164"/>
      <c r="BK3636" s="98"/>
      <c r="BL3636" s="97"/>
      <c r="BX3636" s="98"/>
      <c r="CL3636" s="97"/>
      <c r="CX3636" s="98"/>
      <c r="DL3636" s="97"/>
      <c r="DX3636" s="98"/>
      <c r="EL3636" s="97"/>
      <c r="EX3636" s="98"/>
      <c r="EY3636" s="97"/>
      <c r="FL3636" s="126"/>
      <c r="FM3636" s="91"/>
      <c r="FN3636" s="91"/>
      <c r="FO3636" s="91"/>
      <c r="FP3636" s="91"/>
      <c r="FQ3636" s="91"/>
      <c r="FR3636" s="91"/>
      <c r="FS3636" s="91"/>
      <c r="FT3636" s="91"/>
      <c r="FU3636" s="91"/>
      <c r="FV3636" s="91"/>
      <c r="FW3636" s="91"/>
      <c r="FX3636" s="127"/>
      <c r="FY3636" s="126"/>
      <c r="FZ3636" s="91"/>
      <c r="GA3636" s="91"/>
      <c r="GB3636" s="91"/>
      <c r="GC3636" s="91"/>
      <c r="GD3636" s="91"/>
      <c r="GE3636" s="91"/>
      <c r="GF3636" s="91"/>
      <c r="GG3636" s="91"/>
      <c r="GH3636" s="91"/>
      <c r="GI3636" s="91"/>
      <c r="GJ3636" s="91"/>
      <c r="GK3636" s="127"/>
      <c r="GL3636" s="126"/>
      <c r="GM3636" s="91"/>
      <c r="GN3636" s="91"/>
      <c r="GO3636" s="91"/>
      <c r="GP3636" s="91"/>
      <c r="GQ3636" s="91"/>
      <c r="GR3636" s="91"/>
      <c r="GS3636" s="91"/>
      <c r="GT3636" s="91"/>
      <c r="GU3636" s="91"/>
      <c r="GV3636" s="91"/>
      <c r="GW3636" s="91"/>
      <c r="GX3636" s="127"/>
      <c r="GY3636" s="126"/>
      <c r="GZ3636" s="91"/>
      <c r="HA3636" s="91"/>
      <c r="HB3636" s="91"/>
      <c r="HC3636" s="91"/>
      <c r="HD3636" s="91"/>
      <c r="HE3636" s="91"/>
      <c r="HF3636" s="91"/>
      <c r="HG3636" s="91"/>
      <c r="HH3636" s="91"/>
      <c r="HI3636" s="91"/>
      <c r="HJ3636" s="91"/>
      <c r="HK3636" s="127"/>
      <c r="HL3636" s="126"/>
      <c r="HM3636" s="91"/>
      <c r="HN3636" s="91"/>
      <c r="HO3636" s="91"/>
      <c r="HP3636" s="91"/>
      <c r="HQ3636" s="91"/>
      <c r="HR3636" s="91"/>
      <c r="HS3636" s="91"/>
      <c r="HT3636" s="91"/>
      <c r="HU3636" s="91"/>
      <c r="HV3636" s="91"/>
      <c r="HW3636" s="91"/>
      <c r="HX3636" s="127"/>
      <c r="HY3636" s="126"/>
      <c r="HZ3636" s="91"/>
      <c r="IA3636" s="91"/>
      <c r="IB3636" s="91"/>
      <c r="IC3636" s="91"/>
      <c r="ID3636" s="91"/>
      <c r="IE3636" s="91"/>
      <c r="IF3636" s="91"/>
      <c r="IG3636" s="91"/>
      <c r="IH3636" s="91"/>
      <c r="II3636" s="91"/>
      <c r="IJ3636" s="91"/>
      <c r="IK3636" s="174"/>
    </row>
    <row r="3637" spans="2:245" x14ac:dyDescent="0.2">
      <c r="B3637" s="43"/>
      <c r="C3637" s="73"/>
      <c r="D3637" s="64"/>
      <c r="E3637" s="64"/>
      <c r="F3637" s="55"/>
      <c r="G3637" s="102"/>
      <c r="H3637" s="97"/>
      <c r="T3637" s="98"/>
      <c r="U3637" s="97"/>
      <c r="AG3637" s="98"/>
      <c r="AY3637" s="164"/>
      <c r="BK3637" s="98"/>
      <c r="BL3637" s="97"/>
      <c r="BX3637" s="98"/>
      <c r="CL3637" s="97"/>
      <c r="CX3637" s="98"/>
      <c r="DL3637" s="97"/>
      <c r="DX3637" s="98"/>
      <c r="EL3637" s="97"/>
      <c r="EX3637" s="98"/>
      <c r="EY3637" s="97"/>
      <c r="FL3637" s="126"/>
      <c r="FM3637" s="91"/>
      <c r="FN3637" s="91"/>
      <c r="FO3637" s="91"/>
      <c r="FP3637" s="91"/>
      <c r="FQ3637" s="91"/>
      <c r="FR3637" s="91"/>
      <c r="FS3637" s="91"/>
      <c r="FT3637" s="91"/>
      <c r="FU3637" s="91"/>
      <c r="FV3637" s="91"/>
      <c r="FW3637" s="91"/>
      <c r="FX3637" s="127"/>
      <c r="FY3637" s="126"/>
      <c r="FZ3637" s="91"/>
      <c r="GA3637" s="91"/>
      <c r="GB3637" s="91"/>
      <c r="GC3637" s="91"/>
      <c r="GD3637" s="91"/>
      <c r="GE3637" s="91"/>
      <c r="GF3637" s="91"/>
      <c r="GG3637" s="91"/>
      <c r="GH3637" s="91"/>
      <c r="GI3637" s="91"/>
      <c r="GJ3637" s="91"/>
      <c r="GK3637" s="127"/>
      <c r="GL3637" s="126"/>
      <c r="GM3637" s="91"/>
      <c r="GN3637" s="91"/>
      <c r="GO3637" s="91"/>
      <c r="GP3637" s="91"/>
      <c r="GQ3637" s="91"/>
      <c r="GR3637" s="91"/>
      <c r="GS3637" s="91"/>
      <c r="GT3637" s="91"/>
      <c r="GU3637" s="91"/>
      <c r="GV3637" s="91"/>
      <c r="GW3637" s="91"/>
      <c r="GX3637" s="127"/>
      <c r="GY3637" s="126"/>
      <c r="GZ3637" s="91"/>
      <c r="HA3637" s="91"/>
      <c r="HB3637" s="91"/>
      <c r="HC3637" s="91"/>
      <c r="HD3637" s="91"/>
      <c r="HE3637" s="91"/>
      <c r="HF3637" s="91"/>
      <c r="HG3637" s="91"/>
      <c r="HH3637" s="91"/>
      <c r="HI3637" s="91"/>
      <c r="HJ3637" s="91"/>
      <c r="HK3637" s="127"/>
      <c r="HL3637" s="126"/>
      <c r="HM3637" s="91"/>
      <c r="HN3637" s="91"/>
      <c r="HO3637" s="91"/>
      <c r="HP3637" s="91"/>
      <c r="HQ3637" s="91"/>
      <c r="HR3637" s="91"/>
      <c r="HS3637" s="91"/>
      <c r="HT3637" s="91"/>
      <c r="HU3637" s="91"/>
      <c r="HV3637" s="91"/>
      <c r="HW3637" s="91"/>
      <c r="HX3637" s="127"/>
      <c r="HY3637" s="126"/>
      <c r="HZ3637" s="91"/>
      <c r="IA3637" s="91"/>
      <c r="IB3637" s="91"/>
      <c r="IC3637" s="91"/>
      <c r="ID3637" s="91"/>
      <c r="IE3637" s="91"/>
      <c r="IF3637" s="91"/>
      <c r="IG3637" s="91"/>
      <c r="IH3637" s="91"/>
      <c r="II3637" s="91"/>
      <c r="IJ3637" s="91"/>
      <c r="IK3637" s="174"/>
    </row>
    <row r="3638" spans="2:245" x14ac:dyDescent="0.2">
      <c r="B3638" s="43"/>
      <c r="C3638" s="73"/>
      <c r="D3638" s="64"/>
      <c r="E3638" s="64"/>
      <c r="F3638" s="55"/>
      <c r="G3638" s="102"/>
      <c r="H3638" s="97"/>
      <c r="T3638" s="98"/>
      <c r="U3638" s="97"/>
      <c r="AG3638" s="98"/>
      <c r="AY3638" s="164"/>
      <c r="BK3638" s="98"/>
      <c r="BL3638" s="97"/>
      <c r="BX3638" s="98"/>
      <c r="CL3638" s="97"/>
      <c r="CX3638" s="98"/>
      <c r="DL3638" s="97"/>
      <c r="DX3638" s="98"/>
      <c r="EL3638" s="97"/>
      <c r="EX3638" s="98"/>
      <c r="EY3638" s="97"/>
      <c r="FL3638" s="126"/>
      <c r="FM3638" s="91"/>
      <c r="FN3638" s="91"/>
      <c r="FO3638" s="91"/>
      <c r="FP3638" s="91"/>
      <c r="FQ3638" s="91"/>
      <c r="FR3638" s="91"/>
      <c r="FS3638" s="91"/>
      <c r="FT3638" s="91"/>
      <c r="FU3638" s="91"/>
      <c r="FV3638" s="91"/>
      <c r="FW3638" s="91"/>
      <c r="FX3638" s="127"/>
      <c r="FY3638" s="126"/>
      <c r="FZ3638" s="91"/>
      <c r="GA3638" s="91"/>
      <c r="GB3638" s="91"/>
      <c r="GC3638" s="91"/>
      <c r="GD3638" s="91"/>
      <c r="GE3638" s="91"/>
      <c r="GF3638" s="91"/>
      <c r="GG3638" s="91"/>
      <c r="GH3638" s="91"/>
      <c r="GI3638" s="91"/>
      <c r="GJ3638" s="91"/>
      <c r="GK3638" s="127"/>
      <c r="GL3638" s="126"/>
      <c r="GM3638" s="91"/>
      <c r="GN3638" s="91"/>
      <c r="GO3638" s="91"/>
      <c r="GP3638" s="91"/>
      <c r="GQ3638" s="91"/>
      <c r="GR3638" s="91"/>
      <c r="GS3638" s="91"/>
      <c r="GT3638" s="91"/>
      <c r="GU3638" s="91"/>
      <c r="GV3638" s="91"/>
      <c r="GW3638" s="91"/>
      <c r="GX3638" s="127"/>
      <c r="GY3638" s="126"/>
      <c r="GZ3638" s="91"/>
      <c r="HA3638" s="91"/>
      <c r="HB3638" s="91"/>
      <c r="HC3638" s="91"/>
      <c r="HD3638" s="91"/>
      <c r="HE3638" s="91"/>
      <c r="HF3638" s="91"/>
      <c r="HG3638" s="91"/>
      <c r="HH3638" s="91"/>
      <c r="HI3638" s="91"/>
      <c r="HJ3638" s="91"/>
      <c r="HK3638" s="127"/>
      <c r="HL3638" s="126"/>
      <c r="HM3638" s="91"/>
      <c r="HN3638" s="91"/>
      <c r="HO3638" s="91"/>
      <c r="HP3638" s="91"/>
      <c r="HQ3638" s="91"/>
      <c r="HR3638" s="91"/>
      <c r="HS3638" s="91"/>
      <c r="HT3638" s="91"/>
      <c r="HU3638" s="91"/>
      <c r="HV3638" s="91"/>
      <c r="HW3638" s="91"/>
      <c r="HX3638" s="127"/>
      <c r="HY3638" s="126"/>
      <c r="HZ3638" s="91"/>
      <c r="IA3638" s="91"/>
      <c r="IB3638" s="91"/>
      <c r="IC3638" s="91"/>
      <c r="ID3638" s="91"/>
      <c r="IE3638" s="91"/>
      <c r="IF3638" s="91"/>
      <c r="IG3638" s="91"/>
      <c r="IH3638" s="91"/>
      <c r="II3638" s="91"/>
      <c r="IJ3638" s="91"/>
      <c r="IK3638" s="174"/>
    </row>
    <row r="3639" spans="2:245" x14ac:dyDescent="0.2">
      <c r="B3639" s="43"/>
      <c r="C3639" s="73"/>
      <c r="D3639" s="64"/>
      <c r="E3639" s="64"/>
      <c r="F3639" s="55"/>
      <c r="G3639" s="102"/>
      <c r="H3639" s="97"/>
      <c r="T3639" s="98"/>
      <c r="U3639" s="97"/>
      <c r="AG3639" s="98"/>
      <c r="AY3639" s="164"/>
      <c r="BK3639" s="98"/>
      <c r="BL3639" s="97"/>
      <c r="BX3639" s="98"/>
      <c r="CL3639" s="97"/>
      <c r="CX3639" s="98"/>
      <c r="DL3639" s="97"/>
      <c r="DX3639" s="98"/>
      <c r="EL3639" s="97"/>
      <c r="EX3639" s="98"/>
      <c r="EY3639" s="97"/>
      <c r="FL3639" s="126"/>
      <c r="FM3639" s="91"/>
      <c r="FN3639" s="91"/>
      <c r="FO3639" s="91"/>
      <c r="FP3639" s="91"/>
      <c r="FQ3639" s="91"/>
      <c r="FR3639" s="91"/>
      <c r="FS3639" s="91"/>
      <c r="FT3639" s="91"/>
      <c r="FU3639" s="91"/>
      <c r="FV3639" s="91"/>
      <c r="FW3639" s="91"/>
      <c r="FX3639" s="127"/>
      <c r="FY3639" s="126"/>
      <c r="FZ3639" s="91"/>
      <c r="GA3639" s="91"/>
      <c r="GB3639" s="91"/>
      <c r="GC3639" s="91"/>
      <c r="GD3639" s="91"/>
      <c r="GE3639" s="91"/>
      <c r="GF3639" s="91"/>
      <c r="GG3639" s="91"/>
      <c r="GH3639" s="91"/>
      <c r="GI3639" s="91"/>
      <c r="GJ3639" s="91"/>
      <c r="GK3639" s="127"/>
      <c r="GL3639" s="126"/>
      <c r="GM3639" s="91"/>
      <c r="GN3639" s="91"/>
      <c r="GO3639" s="91"/>
      <c r="GP3639" s="91"/>
      <c r="GQ3639" s="91"/>
      <c r="GR3639" s="91"/>
      <c r="GS3639" s="91"/>
      <c r="GT3639" s="91"/>
      <c r="GU3639" s="91"/>
      <c r="GV3639" s="91"/>
      <c r="GW3639" s="91"/>
      <c r="GX3639" s="127"/>
      <c r="GY3639" s="126"/>
      <c r="GZ3639" s="91"/>
      <c r="HA3639" s="91"/>
      <c r="HB3639" s="91"/>
      <c r="HC3639" s="91"/>
      <c r="HD3639" s="91"/>
      <c r="HE3639" s="91"/>
      <c r="HF3639" s="91"/>
      <c r="HG3639" s="91"/>
      <c r="HH3639" s="91"/>
      <c r="HI3639" s="91"/>
      <c r="HJ3639" s="91"/>
      <c r="HK3639" s="127"/>
      <c r="HL3639" s="126"/>
      <c r="HM3639" s="91"/>
      <c r="HN3639" s="91"/>
      <c r="HO3639" s="91"/>
      <c r="HP3639" s="91"/>
      <c r="HQ3639" s="91"/>
      <c r="HR3639" s="91"/>
      <c r="HS3639" s="91"/>
      <c r="HT3639" s="91"/>
      <c r="HU3639" s="91"/>
      <c r="HV3639" s="91"/>
      <c r="HW3639" s="91"/>
      <c r="HX3639" s="127"/>
      <c r="HY3639" s="126"/>
      <c r="HZ3639" s="91"/>
      <c r="IA3639" s="91"/>
      <c r="IB3639" s="91"/>
      <c r="IC3639" s="91"/>
      <c r="ID3639" s="91"/>
      <c r="IE3639" s="91"/>
      <c r="IF3639" s="91"/>
      <c r="IG3639" s="91"/>
      <c r="IH3639" s="91"/>
      <c r="II3639" s="91"/>
      <c r="IJ3639" s="91"/>
      <c r="IK3639" s="174"/>
    </row>
    <row r="3640" spans="2:245" x14ac:dyDescent="0.2">
      <c r="B3640" s="43"/>
      <c r="C3640" s="73"/>
      <c r="D3640" s="64"/>
      <c r="E3640" s="64"/>
      <c r="F3640" s="55"/>
      <c r="G3640" s="102"/>
      <c r="H3640" s="97"/>
      <c r="T3640" s="98"/>
      <c r="U3640" s="97"/>
      <c r="AG3640" s="98"/>
      <c r="AY3640" s="164"/>
      <c r="BK3640" s="98"/>
      <c r="BL3640" s="97"/>
      <c r="BX3640" s="98"/>
      <c r="CL3640" s="97"/>
      <c r="CX3640" s="98"/>
      <c r="DL3640" s="97"/>
      <c r="DX3640" s="98"/>
      <c r="EL3640" s="97"/>
      <c r="EX3640" s="98"/>
      <c r="EY3640" s="97"/>
      <c r="FL3640" s="126"/>
      <c r="FM3640" s="91"/>
      <c r="FN3640" s="91"/>
      <c r="FO3640" s="91"/>
      <c r="FP3640" s="91"/>
      <c r="FQ3640" s="91"/>
      <c r="FR3640" s="91"/>
      <c r="FS3640" s="91"/>
      <c r="FT3640" s="91"/>
      <c r="FU3640" s="91"/>
      <c r="FV3640" s="91"/>
      <c r="FW3640" s="91"/>
      <c r="FX3640" s="127"/>
      <c r="FY3640" s="126"/>
      <c r="FZ3640" s="91"/>
      <c r="GA3640" s="91"/>
      <c r="GB3640" s="91"/>
      <c r="GC3640" s="91"/>
      <c r="GD3640" s="91"/>
      <c r="GE3640" s="91"/>
      <c r="GF3640" s="91"/>
      <c r="GG3640" s="91"/>
      <c r="GH3640" s="91"/>
      <c r="GI3640" s="91"/>
      <c r="GJ3640" s="91"/>
      <c r="GK3640" s="127"/>
      <c r="GL3640" s="126"/>
      <c r="GM3640" s="91"/>
      <c r="GN3640" s="91"/>
      <c r="GO3640" s="91"/>
      <c r="GP3640" s="91"/>
      <c r="GQ3640" s="91"/>
      <c r="GR3640" s="91"/>
      <c r="GS3640" s="91"/>
      <c r="GT3640" s="91"/>
      <c r="GU3640" s="91"/>
      <c r="GV3640" s="91"/>
      <c r="GW3640" s="91"/>
      <c r="GX3640" s="127"/>
      <c r="GY3640" s="126"/>
      <c r="GZ3640" s="91"/>
      <c r="HA3640" s="91"/>
      <c r="HB3640" s="91"/>
      <c r="HC3640" s="91"/>
      <c r="HD3640" s="91"/>
      <c r="HE3640" s="91"/>
      <c r="HF3640" s="91"/>
      <c r="HG3640" s="91"/>
      <c r="HH3640" s="91"/>
      <c r="HI3640" s="91"/>
      <c r="HJ3640" s="91"/>
      <c r="HK3640" s="127"/>
      <c r="HL3640" s="126"/>
      <c r="HM3640" s="91"/>
      <c r="HN3640" s="91"/>
      <c r="HO3640" s="91"/>
      <c r="HP3640" s="91"/>
      <c r="HQ3640" s="91"/>
      <c r="HR3640" s="91"/>
      <c r="HS3640" s="91"/>
      <c r="HT3640" s="91"/>
      <c r="HU3640" s="91"/>
      <c r="HV3640" s="91"/>
      <c r="HW3640" s="91"/>
      <c r="HX3640" s="127"/>
      <c r="HY3640" s="126"/>
      <c r="HZ3640" s="91"/>
      <c r="IA3640" s="91"/>
      <c r="IB3640" s="91"/>
      <c r="IC3640" s="91"/>
      <c r="ID3640" s="91"/>
      <c r="IE3640" s="91"/>
      <c r="IF3640" s="91"/>
      <c r="IG3640" s="91"/>
      <c r="IH3640" s="91"/>
      <c r="II3640" s="91"/>
      <c r="IJ3640" s="91"/>
      <c r="IK3640" s="174"/>
    </row>
    <row r="3641" spans="2:245" x14ac:dyDescent="0.2">
      <c r="B3641" s="43"/>
      <c r="C3641" s="73"/>
      <c r="D3641" s="64"/>
      <c r="E3641" s="64"/>
      <c r="F3641" s="55"/>
      <c r="G3641" s="102"/>
      <c r="H3641" s="97"/>
      <c r="T3641" s="98"/>
      <c r="U3641" s="97"/>
      <c r="AG3641" s="98"/>
      <c r="AY3641" s="164"/>
      <c r="BK3641" s="98"/>
      <c r="BL3641" s="97"/>
      <c r="BX3641" s="98"/>
      <c r="CL3641" s="97"/>
      <c r="CX3641" s="98"/>
      <c r="DL3641" s="97"/>
      <c r="DX3641" s="98"/>
      <c r="EL3641" s="97"/>
      <c r="EX3641" s="98"/>
      <c r="EY3641" s="97"/>
      <c r="FL3641" s="126"/>
      <c r="FM3641" s="91"/>
      <c r="FN3641" s="91"/>
      <c r="FO3641" s="91"/>
      <c r="FP3641" s="91"/>
      <c r="FQ3641" s="91"/>
      <c r="FR3641" s="91"/>
      <c r="FS3641" s="91"/>
      <c r="FT3641" s="91"/>
      <c r="FU3641" s="91"/>
      <c r="FV3641" s="91"/>
      <c r="FW3641" s="91"/>
      <c r="FX3641" s="127"/>
      <c r="FY3641" s="126"/>
      <c r="FZ3641" s="91"/>
      <c r="GA3641" s="91"/>
      <c r="GB3641" s="91"/>
      <c r="GC3641" s="91"/>
      <c r="GD3641" s="91"/>
      <c r="GE3641" s="91"/>
      <c r="GF3641" s="91"/>
      <c r="GG3641" s="91"/>
      <c r="GH3641" s="91"/>
      <c r="GI3641" s="91"/>
      <c r="GJ3641" s="91"/>
      <c r="GK3641" s="127"/>
      <c r="GL3641" s="126"/>
      <c r="GM3641" s="91"/>
      <c r="GN3641" s="91"/>
      <c r="GO3641" s="91"/>
      <c r="GP3641" s="91"/>
      <c r="GQ3641" s="91"/>
      <c r="GR3641" s="91"/>
      <c r="GS3641" s="91"/>
      <c r="GT3641" s="91"/>
      <c r="GU3641" s="91"/>
      <c r="GV3641" s="91"/>
      <c r="GW3641" s="91"/>
      <c r="GX3641" s="127"/>
      <c r="GY3641" s="126"/>
      <c r="GZ3641" s="91"/>
      <c r="HA3641" s="91"/>
      <c r="HB3641" s="91"/>
      <c r="HC3641" s="91"/>
      <c r="HD3641" s="91"/>
      <c r="HE3641" s="91"/>
      <c r="HF3641" s="91"/>
      <c r="HG3641" s="91"/>
      <c r="HH3641" s="91"/>
      <c r="HI3641" s="91"/>
      <c r="HJ3641" s="91"/>
      <c r="HK3641" s="127"/>
      <c r="HL3641" s="126"/>
      <c r="HM3641" s="91"/>
      <c r="HN3641" s="91"/>
      <c r="HO3641" s="91"/>
      <c r="HP3641" s="91"/>
      <c r="HQ3641" s="91"/>
      <c r="HR3641" s="91"/>
      <c r="HS3641" s="91"/>
      <c r="HT3641" s="91"/>
      <c r="HU3641" s="91"/>
      <c r="HV3641" s="91"/>
      <c r="HW3641" s="91"/>
      <c r="HX3641" s="127"/>
      <c r="HY3641" s="126"/>
      <c r="HZ3641" s="91"/>
      <c r="IA3641" s="91"/>
      <c r="IB3641" s="91"/>
      <c r="IC3641" s="91"/>
      <c r="ID3641" s="91"/>
      <c r="IE3641" s="91"/>
      <c r="IF3641" s="91"/>
      <c r="IG3641" s="91"/>
      <c r="IH3641" s="91"/>
      <c r="II3641" s="91"/>
      <c r="IJ3641" s="91"/>
      <c r="IK3641" s="174"/>
    </row>
    <row r="3642" spans="2:245" x14ac:dyDescent="0.2">
      <c r="B3642" s="43"/>
      <c r="C3642" s="73"/>
      <c r="D3642" s="64"/>
      <c r="E3642" s="64"/>
      <c r="F3642" s="55"/>
      <c r="G3642" s="102"/>
      <c r="H3642" s="97"/>
      <c r="T3642" s="98"/>
      <c r="U3642" s="97"/>
      <c r="AG3642" s="98"/>
      <c r="AY3642" s="164"/>
      <c r="BK3642" s="98"/>
      <c r="BL3642" s="97"/>
      <c r="BX3642" s="98"/>
      <c r="CL3642" s="97"/>
      <c r="CX3642" s="98"/>
      <c r="DL3642" s="97"/>
      <c r="DX3642" s="98"/>
      <c r="EL3642" s="97"/>
      <c r="EX3642" s="98"/>
      <c r="EY3642" s="97"/>
      <c r="FL3642" s="126"/>
      <c r="FM3642" s="91"/>
      <c r="FN3642" s="91"/>
      <c r="FO3642" s="91"/>
      <c r="FP3642" s="91"/>
      <c r="FQ3642" s="91"/>
      <c r="FR3642" s="91"/>
      <c r="FS3642" s="91"/>
      <c r="FT3642" s="91"/>
      <c r="FU3642" s="91"/>
      <c r="FV3642" s="91"/>
      <c r="FW3642" s="91"/>
      <c r="FX3642" s="127"/>
      <c r="FY3642" s="126"/>
      <c r="FZ3642" s="91"/>
      <c r="GA3642" s="91"/>
      <c r="GB3642" s="91"/>
      <c r="GC3642" s="91"/>
      <c r="GD3642" s="91"/>
      <c r="GE3642" s="91"/>
      <c r="GF3642" s="91"/>
      <c r="GG3642" s="91"/>
      <c r="GH3642" s="91"/>
      <c r="GI3642" s="91"/>
      <c r="GJ3642" s="91"/>
      <c r="GK3642" s="127"/>
      <c r="GL3642" s="126"/>
      <c r="GM3642" s="91"/>
      <c r="GN3642" s="91"/>
      <c r="GO3642" s="91"/>
      <c r="GP3642" s="91"/>
      <c r="GQ3642" s="91"/>
      <c r="GR3642" s="91"/>
      <c r="GS3642" s="91"/>
      <c r="GT3642" s="91"/>
      <c r="GU3642" s="91"/>
      <c r="GV3642" s="91"/>
      <c r="GW3642" s="91"/>
      <c r="GX3642" s="127"/>
      <c r="GY3642" s="126"/>
      <c r="GZ3642" s="91"/>
      <c r="HA3642" s="91"/>
      <c r="HB3642" s="91"/>
      <c r="HC3642" s="91"/>
      <c r="HD3642" s="91"/>
      <c r="HE3642" s="91"/>
      <c r="HF3642" s="91"/>
      <c r="HG3642" s="91"/>
      <c r="HH3642" s="91"/>
      <c r="HI3642" s="91"/>
      <c r="HJ3642" s="91"/>
      <c r="HK3642" s="127"/>
      <c r="HL3642" s="126"/>
      <c r="HM3642" s="91"/>
      <c r="HN3642" s="91"/>
      <c r="HO3642" s="91"/>
      <c r="HP3642" s="91"/>
      <c r="HQ3642" s="91"/>
      <c r="HR3642" s="91"/>
      <c r="HS3642" s="91"/>
      <c r="HT3642" s="91"/>
      <c r="HU3642" s="91"/>
      <c r="HV3642" s="91"/>
      <c r="HW3642" s="91"/>
      <c r="HX3642" s="127"/>
      <c r="HY3642" s="126"/>
      <c r="HZ3642" s="91"/>
      <c r="IA3642" s="91"/>
      <c r="IB3642" s="91"/>
      <c r="IC3642" s="91"/>
      <c r="ID3642" s="91"/>
      <c r="IE3642" s="91"/>
      <c r="IF3642" s="91"/>
      <c r="IG3642" s="91"/>
      <c r="IH3642" s="91"/>
      <c r="II3642" s="91"/>
      <c r="IJ3642" s="91"/>
      <c r="IK3642" s="174"/>
    </row>
    <row r="3643" spans="2:245" x14ac:dyDescent="0.2">
      <c r="B3643" s="43"/>
      <c r="C3643" s="73"/>
      <c r="D3643" s="64"/>
      <c r="E3643" s="64"/>
      <c r="F3643" s="55"/>
      <c r="G3643" s="102"/>
      <c r="H3643" s="97"/>
      <c r="T3643" s="98"/>
      <c r="U3643" s="97"/>
      <c r="AG3643" s="98"/>
      <c r="AY3643" s="164"/>
      <c r="BK3643" s="98"/>
      <c r="BL3643" s="97"/>
      <c r="BX3643" s="98"/>
      <c r="CL3643" s="97"/>
      <c r="CX3643" s="98"/>
      <c r="DL3643" s="97"/>
      <c r="DX3643" s="98"/>
      <c r="EL3643" s="97"/>
      <c r="EX3643" s="98"/>
      <c r="EY3643" s="97"/>
      <c r="FL3643" s="126"/>
      <c r="FM3643" s="91"/>
      <c r="FN3643" s="91"/>
      <c r="FO3643" s="91"/>
      <c r="FP3643" s="91"/>
      <c r="FQ3643" s="91"/>
      <c r="FR3643" s="91"/>
      <c r="FS3643" s="91"/>
      <c r="FT3643" s="91"/>
      <c r="FU3643" s="91"/>
      <c r="FV3643" s="91"/>
      <c r="FW3643" s="91"/>
      <c r="FX3643" s="127"/>
      <c r="FY3643" s="126"/>
      <c r="FZ3643" s="91"/>
      <c r="GA3643" s="91"/>
      <c r="GB3643" s="91"/>
      <c r="GC3643" s="91"/>
      <c r="GD3643" s="91"/>
      <c r="GE3643" s="91"/>
      <c r="GF3643" s="91"/>
      <c r="GG3643" s="91"/>
      <c r="GH3643" s="91"/>
      <c r="GI3643" s="91"/>
      <c r="GJ3643" s="91"/>
      <c r="GK3643" s="127"/>
      <c r="GL3643" s="126"/>
      <c r="GM3643" s="91"/>
      <c r="GN3643" s="91"/>
      <c r="GO3643" s="91"/>
      <c r="GP3643" s="91"/>
      <c r="GQ3643" s="91"/>
      <c r="GR3643" s="91"/>
      <c r="GS3643" s="91"/>
      <c r="GT3643" s="91"/>
      <c r="GU3643" s="91"/>
      <c r="GV3643" s="91"/>
      <c r="GW3643" s="91"/>
      <c r="GX3643" s="127"/>
      <c r="GY3643" s="126"/>
      <c r="GZ3643" s="91"/>
      <c r="HA3643" s="91"/>
      <c r="HB3643" s="91"/>
      <c r="HC3643" s="91"/>
      <c r="HD3643" s="91"/>
      <c r="HE3643" s="91"/>
      <c r="HF3643" s="91"/>
      <c r="HG3643" s="91"/>
      <c r="HH3643" s="91"/>
      <c r="HI3643" s="91"/>
      <c r="HJ3643" s="91"/>
      <c r="HK3643" s="127"/>
      <c r="HL3643" s="126"/>
      <c r="HM3643" s="91"/>
      <c r="HN3643" s="91"/>
      <c r="HO3643" s="91"/>
      <c r="HP3643" s="91"/>
      <c r="HQ3643" s="91"/>
      <c r="HR3643" s="91"/>
      <c r="HS3643" s="91"/>
      <c r="HT3643" s="91"/>
      <c r="HU3643" s="91"/>
      <c r="HV3643" s="91"/>
      <c r="HW3643" s="91"/>
      <c r="HX3643" s="127"/>
      <c r="HY3643" s="126"/>
      <c r="HZ3643" s="91"/>
      <c r="IA3643" s="91"/>
      <c r="IB3643" s="91"/>
      <c r="IC3643" s="91"/>
      <c r="ID3643" s="91"/>
      <c r="IE3643" s="91"/>
      <c r="IF3643" s="91"/>
      <c r="IG3643" s="91"/>
      <c r="IH3643" s="91"/>
      <c r="II3643" s="91"/>
      <c r="IJ3643" s="91"/>
      <c r="IK3643" s="174"/>
    </row>
    <row r="3644" spans="2:245" x14ac:dyDescent="0.2">
      <c r="B3644" s="43"/>
      <c r="C3644" s="73"/>
      <c r="D3644" s="64"/>
      <c r="E3644" s="64"/>
      <c r="F3644" s="55"/>
      <c r="G3644" s="102"/>
      <c r="H3644" s="97"/>
      <c r="T3644" s="98"/>
      <c r="U3644" s="97"/>
      <c r="AG3644" s="98"/>
      <c r="AY3644" s="164"/>
      <c r="BK3644" s="98"/>
      <c r="BL3644" s="97"/>
      <c r="BX3644" s="98"/>
      <c r="CL3644" s="97"/>
      <c r="CX3644" s="98"/>
      <c r="DL3644" s="97"/>
      <c r="DX3644" s="98"/>
      <c r="EL3644" s="97"/>
      <c r="EX3644" s="98"/>
      <c r="EY3644" s="97"/>
      <c r="FL3644" s="126"/>
      <c r="FM3644" s="91"/>
      <c r="FN3644" s="91"/>
      <c r="FO3644" s="91"/>
      <c r="FP3644" s="91"/>
      <c r="FQ3644" s="91"/>
      <c r="FR3644" s="91"/>
      <c r="FS3644" s="91"/>
      <c r="FT3644" s="91"/>
      <c r="FU3644" s="91"/>
      <c r="FV3644" s="91"/>
      <c r="FW3644" s="91"/>
      <c r="FX3644" s="127"/>
      <c r="FY3644" s="126"/>
      <c r="FZ3644" s="91"/>
      <c r="GA3644" s="91"/>
      <c r="GB3644" s="91"/>
      <c r="GC3644" s="91"/>
      <c r="GD3644" s="91"/>
      <c r="GE3644" s="91"/>
      <c r="GF3644" s="91"/>
      <c r="GG3644" s="91"/>
      <c r="GH3644" s="91"/>
      <c r="GI3644" s="91"/>
      <c r="GJ3644" s="91"/>
      <c r="GK3644" s="127"/>
      <c r="GL3644" s="126"/>
      <c r="GM3644" s="91"/>
      <c r="GN3644" s="91"/>
      <c r="GO3644" s="91"/>
      <c r="GP3644" s="91"/>
      <c r="GQ3644" s="91"/>
      <c r="GR3644" s="91"/>
      <c r="GS3644" s="91"/>
      <c r="GT3644" s="91"/>
      <c r="GU3644" s="91"/>
      <c r="GV3644" s="91"/>
      <c r="GW3644" s="91"/>
      <c r="GX3644" s="127"/>
      <c r="GY3644" s="126"/>
      <c r="GZ3644" s="91"/>
      <c r="HA3644" s="91"/>
      <c r="HB3644" s="91"/>
      <c r="HC3644" s="91"/>
      <c r="HD3644" s="91"/>
      <c r="HE3644" s="91"/>
      <c r="HF3644" s="91"/>
      <c r="HG3644" s="91"/>
      <c r="HH3644" s="91"/>
      <c r="HI3644" s="91"/>
      <c r="HJ3644" s="91"/>
      <c r="HK3644" s="127"/>
      <c r="HL3644" s="126"/>
      <c r="HM3644" s="91"/>
      <c r="HN3644" s="91"/>
      <c r="HO3644" s="91"/>
      <c r="HP3644" s="91"/>
      <c r="HQ3644" s="91"/>
      <c r="HR3644" s="91"/>
      <c r="HS3644" s="91"/>
      <c r="HT3644" s="91"/>
      <c r="HU3644" s="91"/>
      <c r="HV3644" s="91"/>
      <c r="HW3644" s="91"/>
      <c r="HX3644" s="127"/>
      <c r="HY3644" s="126"/>
      <c r="HZ3644" s="91"/>
      <c r="IA3644" s="91"/>
      <c r="IB3644" s="91"/>
      <c r="IC3644" s="91"/>
      <c r="ID3644" s="91"/>
      <c r="IE3644" s="91"/>
      <c r="IF3644" s="91"/>
      <c r="IG3644" s="91"/>
      <c r="IH3644" s="91"/>
      <c r="II3644" s="91"/>
      <c r="IJ3644" s="91"/>
      <c r="IK3644" s="174"/>
    </row>
    <row r="3645" spans="2:245" x14ac:dyDescent="0.2">
      <c r="B3645" s="43"/>
      <c r="C3645" s="73"/>
      <c r="D3645" s="64"/>
      <c r="E3645" s="64"/>
      <c r="F3645" s="55"/>
      <c r="G3645" s="102"/>
      <c r="H3645" s="97"/>
      <c r="T3645" s="98"/>
      <c r="U3645" s="97"/>
      <c r="AG3645" s="98"/>
      <c r="AY3645" s="164"/>
      <c r="BK3645" s="98"/>
      <c r="BL3645" s="97"/>
      <c r="BX3645" s="98"/>
      <c r="CL3645" s="97"/>
      <c r="CX3645" s="98"/>
      <c r="DL3645" s="97"/>
      <c r="DX3645" s="98"/>
      <c r="EL3645" s="97"/>
      <c r="EX3645" s="98"/>
      <c r="EY3645" s="97"/>
      <c r="FL3645" s="126"/>
      <c r="FM3645" s="91"/>
      <c r="FN3645" s="91"/>
      <c r="FO3645" s="91"/>
      <c r="FP3645" s="91"/>
      <c r="FQ3645" s="91"/>
      <c r="FR3645" s="91"/>
      <c r="FS3645" s="91"/>
      <c r="FT3645" s="91"/>
      <c r="FU3645" s="91"/>
      <c r="FV3645" s="91"/>
      <c r="FW3645" s="91"/>
      <c r="FX3645" s="127"/>
      <c r="FY3645" s="126"/>
      <c r="FZ3645" s="91"/>
      <c r="GA3645" s="91"/>
      <c r="GB3645" s="91"/>
      <c r="GC3645" s="91"/>
      <c r="GD3645" s="91"/>
      <c r="GE3645" s="91"/>
      <c r="GF3645" s="91"/>
      <c r="GG3645" s="91"/>
      <c r="GH3645" s="91"/>
      <c r="GI3645" s="91"/>
      <c r="GJ3645" s="91"/>
      <c r="GK3645" s="127"/>
      <c r="GL3645" s="126"/>
      <c r="GM3645" s="91"/>
      <c r="GN3645" s="91"/>
      <c r="GO3645" s="91"/>
      <c r="GP3645" s="91"/>
      <c r="GQ3645" s="91"/>
      <c r="GR3645" s="91"/>
      <c r="GS3645" s="91"/>
      <c r="GT3645" s="91"/>
      <c r="GU3645" s="91"/>
      <c r="GV3645" s="91"/>
      <c r="GW3645" s="91"/>
      <c r="GX3645" s="127"/>
      <c r="GY3645" s="126"/>
      <c r="GZ3645" s="91"/>
      <c r="HA3645" s="91"/>
      <c r="HB3645" s="91"/>
      <c r="HC3645" s="91"/>
      <c r="HD3645" s="91"/>
      <c r="HE3645" s="91"/>
      <c r="HF3645" s="91"/>
      <c r="HG3645" s="91"/>
      <c r="HH3645" s="91"/>
      <c r="HI3645" s="91"/>
      <c r="HJ3645" s="91"/>
      <c r="HK3645" s="127"/>
      <c r="HL3645" s="126"/>
      <c r="HM3645" s="91"/>
      <c r="HN3645" s="91"/>
      <c r="HO3645" s="91"/>
      <c r="HP3645" s="91"/>
      <c r="HQ3645" s="91"/>
      <c r="HR3645" s="91"/>
      <c r="HS3645" s="91"/>
      <c r="HT3645" s="91"/>
      <c r="HU3645" s="91"/>
      <c r="HV3645" s="91"/>
      <c r="HW3645" s="91"/>
      <c r="HX3645" s="127"/>
      <c r="HY3645" s="126"/>
      <c r="HZ3645" s="91"/>
      <c r="IA3645" s="91"/>
      <c r="IB3645" s="91"/>
      <c r="IC3645" s="91"/>
      <c r="ID3645" s="91"/>
      <c r="IE3645" s="91"/>
      <c r="IF3645" s="91"/>
      <c r="IG3645" s="91"/>
      <c r="IH3645" s="91"/>
      <c r="II3645" s="91"/>
      <c r="IJ3645" s="91"/>
      <c r="IK3645" s="174"/>
    </row>
    <row r="3646" spans="2:245" x14ac:dyDescent="0.2">
      <c r="B3646" s="43"/>
      <c r="C3646" s="73"/>
      <c r="D3646" s="64"/>
      <c r="E3646" s="64"/>
      <c r="F3646" s="55"/>
      <c r="G3646" s="102"/>
      <c r="H3646" s="97"/>
      <c r="T3646" s="98"/>
      <c r="U3646" s="97"/>
      <c r="AG3646" s="98"/>
      <c r="AY3646" s="164"/>
      <c r="BK3646" s="98"/>
      <c r="BL3646" s="97"/>
      <c r="BX3646" s="98"/>
      <c r="CL3646" s="97"/>
      <c r="CX3646" s="98"/>
      <c r="DL3646" s="97"/>
      <c r="DX3646" s="98"/>
      <c r="EL3646" s="97"/>
      <c r="EX3646" s="98"/>
      <c r="EY3646" s="97"/>
      <c r="FL3646" s="126"/>
      <c r="FM3646" s="91"/>
      <c r="FN3646" s="91"/>
      <c r="FO3646" s="91"/>
      <c r="FP3646" s="91"/>
      <c r="FQ3646" s="91"/>
      <c r="FR3646" s="91"/>
      <c r="FS3646" s="91"/>
      <c r="FT3646" s="91"/>
      <c r="FU3646" s="91"/>
      <c r="FV3646" s="91"/>
      <c r="FW3646" s="91"/>
      <c r="FX3646" s="127"/>
      <c r="FY3646" s="126"/>
      <c r="FZ3646" s="91"/>
      <c r="GA3646" s="91"/>
      <c r="GB3646" s="91"/>
      <c r="GC3646" s="91"/>
      <c r="GD3646" s="91"/>
      <c r="GE3646" s="91"/>
      <c r="GF3646" s="91"/>
      <c r="GG3646" s="91"/>
      <c r="GH3646" s="91"/>
      <c r="GI3646" s="91"/>
      <c r="GJ3646" s="91"/>
      <c r="GK3646" s="127"/>
      <c r="GL3646" s="126"/>
      <c r="GM3646" s="91"/>
      <c r="GN3646" s="91"/>
      <c r="GO3646" s="91"/>
      <c r="GP3646" s="91"/>
      <c r="GQ3646" s="91"/>
      <c r="GR3646" s="91"/>
      <c r="GS3646" s="91"/>
      <c r="GT3646" s="91"/>
      <c r="GU3646" s="91"/>
      <c r="GV3646" s="91"/>
      <c r="GW3646" s="91"/>
      <c r="GX3646" s="127"/>
      <c r="GY3646" s="126"/>
      <c r="GZ3646" s="91"/>
      <c r="HA3646" s="91"/>
      <c r="HB3646" s="91"/>
      <c r="HC3646" s="91"/>
      <c r="HD3646" s="91"/>
      <c r="HE3646" s="91"/>
      <c r="HF3646" s="91"/>
      <c r="HG3646" s="91"/>
      <c r="HH3646" s="91"/>
      <c r="HI3646" s="91"/>
      <c r="HJ3646" s="91"/>
      <c r="HK3646" s="127"/>
      <c r="HL3646" s="126"/>
      <c r="HM3646" s="91"/>
      <c r="HN3646" s="91"/>
      <c r="HO3646" s="91"/>
      <c r="HP3646" s="91"/>
      <c r="HQ3646" s="91"/>
      <c r="HR3646" s="91"/>
      <c r="HS3646" s="91"/>
      <c r="HT3646" s="91"/>
      <c r="HU3646" s="91"/>
      <c r="HV3646" s="91"/>
      <c r="HW3646" s="91"/>
      <c r="HX3646" s="127"/>
      <c r="HY3646" s="126"/>
      <c r="HZ3646" s="91"/>
      <c r="IA3646" s="91"/>
      <c r="IB3646" s="91"/>
      <c r="IC3646" s="91"/>
      <c r="ID3646" s="91"/>
      <c r="IE3646" s="91"/>
      <c r="IF3646" s="91"/>
      <c r="IG3646" s="91"/>
      <c r="IH3646" s="91"/>
      <c r="II3646" s="91"/>
      <c r="IJ3646" s="91"/>
      <c r="IK3646" s="174"/>
    </row>
    <row r="3647" spans="2:245" x14ac:dyDescent="0.2">
      <c r="B3647" s="43"/>
      <c r="C3647" s="73"/>
      <c r="D3647" s="64"/>
      <c r="E3647" s="64"/>
      <c r="F3647" s="55"/>
      <c r="G3647" s="102"/>
      <c r="H3647" s="97"/>
      <c r="T3647" s="98"/>
      <c r="U3647" s="97"/>
      <c r="AG3647" s="98"/>
      <c r="AY3647" s="164"/>
      <c r="BK3647" s="98"/>
      <c r="BL3647" s="97"/>
      <c r="BX3647" s="98"/>
      <c r="CL3647" s="97"/>
      <c r="CX3647" s="98"/>
      <c r="DL3647" s="97"/>
      <c r="DX3647" s="98"/>
      <c r="EL3647" s="97"/>
      <c r="EX3647" s="98"/>
      <c r="EY3647" s="97"/>
      <c r="FL3647" s="126"/>
      <c r="FM3647" s="91"/>
      <c r="FN3647" s="91"/>
      <c r="FO3647" s="91"/>
      <c r="FP3647" s="91"/>
      <c r="FQ3647" s="91"/>
      <c r="FR3647" s="91"/>
      <c r="FS3647" s="91"/>
      <c r="FT3647" s="91"/>
      <c r="FU3647" s="91"/>
      <c r="FV3647" s="91"/>
      <c r="FW3647" s="91"/>
      <c r="FX3647" s="127"/>
      <c r="FY3647" s="126"/>
      <c r="FZ3647" s="91"/>
      <c r="GA3647" s="91"/>
      <c r="GB3647" s="91"/>
      <c r="GC3647" s="91"/>
      <c r="GD3647" s="91"/>
      <c r="GE3647" s="91"/>
      <c r="GF3647" s="91"/>
      <c r="GG3647" s="91"/>
      <c r="GH3647" s="91"/>
      <c r="GI3647" s="91"/>
      <c r="GJ3647" s="91"/>
      <c r="GK3647" s="127"/>
      <c r="GL3647" s="126"/>
      <c r="GM3647" s="91"/>
      <c r="GN3647" s="91"/>
      <c r="GO3647" s="91"/>
      <c r="GP3647" s="91"/>
      <c r="GQ3647" s="91"/>
      <c r="GR3647" s="91"/>
      <c r="GS3647" s="91"/>
      <c r="GT3647" s="91"/>
      <c r="GU3647" s="91"/>
      <c r="GV3647" s="91"/>
      <c r="GW3647" s="91"/>
      <c r="GX3647" s="127"/>
      <c r="GY3647" s="126"/>
      <c r="GZ3647" s="91"/>
      <c r="HA3647" s="91"/>
      <c r="HB3647" s="91"/>
      <c r="HC3647" s="91"/>
      <c r="HD3647" s="91"/>
      <c r="HE3647" s="91"/>
      <c r="HF3647" s="91"/>
      <c r="HG3647" s="91"/>
      <c r="HH3647" s="91"/>
      <c r="HI3647" s="91"/>
      <c r="HJ3647" s="91"/>
      <c r="HK3647" s="127"/>
      <c r="HL3647" s="126"/>
      <c r="HM3647" s="91"/>
      <c r="HN3647" s="91"/>
      <c r="HO3647" s="91"/>
      <c r="HP3647" s="91"/>
      <c r="HQ3647" s="91"/>
      <c r="HR3647" s="91"/>
      <c r="HS3647" s="91"/>
      <c r="HT3647" s="91"/>
      <c r="HU3647" s="91"/>
      <c r="HV3647" s="91"/>
      <c r="HW3647" s="91"/>
      <c r="HX3647" s="127"/>
      <c r="HY3647" s="126"/>
      <c r="HZ3647" s="91"/>
      <c r="IA3647" s="91"/>
      <c r="IB3647" s="91"/>
      <c r="IC3647" s="91"/>
      <c r="ID3647" s="91"/>
      <c r="IE3647" s="91"/>
      <c r="IF3647" s="91"/>
      <c r="IG3647" s="91"/>
      <c r="IH3647" s="91"/>
      <c r="II3647" s="91"/>
      <c r="IJ3647" s="91"/>
      <c r="IK3647" s="174"/>
    </row>
    <row r="3648" spans="2:245" x14ac:dyDescent="0.2">
      <c r="B3648" s="43"/>
      <c r="C3648" s="73"/>
      <c r="D3648" s="64"/>
      <c r="E3648" s="64"/>
      <c r="F3648" s="55"/>
      <c r="G3648" s="102"/>
      <c r="H3648" s="97"/>
      <c r="T3648" s="98"/>
      <c r="U3648" s="97"/>
      <c r="AG3648" s="98"/>
      <c r="AY3648" s="164"/>
      <c r="BK3648" s="98"/>
      <c r="BL3648" s="97"/>
      <c r="BX3648" s="98"/>
      <c r="CL3648" s="97"/>
      <c r="CX3648" s="98"/>
      <c r="DL3648" s="97"/>
      <c r="DX3648" s="98"/>
      <c r="EL3648" s="97"/>
      <c r="EX3648" s="98"/>
      <c r="EY3648" s="97"/>
      <c r="FL3648" s="126"/>
      <c r="FM3648" s="91"/>
      <c r="FN3648" s="91"/>
      <c r="FO3648" s="91"/>
      <c r="FP3648" s="91"/>
      <c r="FQ3648" s="91"/>
      <c r="FR3648" s="91"/>
      <c r="FS3648" s="91"/>
      <c r="FT3648" s="91"/>
      <c r="FU3648" s="91"/>
      <c r="FV3648" s="91"/>
      <c r="FW3648" s="91"/>
      <c r="FX3648" s="127"/>
      <c r="FY3648" s="126"/>
      <c r="FZ3648" s="91"/>
      <c r="GA3648" s="91"/>
      <c r="GB3648" s="91"/>
      <c r="GC3648" s="91"/>
      <c r="GD3648" s="91"/>
      <c r="GE3648" s="91"/>
      <c r="GF3648" s="91"/>
      <c r="GG3648" s="91"/>
      <c r="GH3648" s="91"/>
      <c r="GI3648" s="91"/>
      <c r="GJ3648" s="91"/>
      <c r="GK3648" s="127"/>
      <c r="GL3648" s="126"/>
      <c r="GM3648" s="91"/>
      <c r="GN3648" s="91"/>
      <c r="GO3648" s="91"/>
      <c r="GP3648" s="91"/>
      <c r="GQ3648" s="91"/>
      <c r="GR3648" s="91"/>
      <c r="GS3648" s="91"/>
      <c r="GT3648" s="91"/>
      <c r="GU3648" s="91"/>
      <c r="GV3648" s="91"/>
      <c r="GW3648" s="91"/>
      <c r="GX3648" s="127"/>
      <c r="GY3648" s="126"/>
      <c r="GZ3648" s="91"/>
      <c r="HA3648" s="91"/>
      <c r="HB3648" s="91"/>
      <c r="HC3648" s="91"/>
      <c r="HD3648" s="91"/>
      <c r="HE3648" s="91"/>
      <c r="HF3648" s="91"/>
      <c r="HG3648" s="91"/>
      <c r="HH3648" s="91"/>
      <c r="HI3648" s="91"/>
      <c r="HJ3648" s="91"/>
      <c r="HK3648" s="127"/>
      <c r="HL3648" s="126"/>
      <c r="HM3648" s="91"/>
      <c r="HN3648" s="91"/>
      <c r="HO3648" s="91"/>
      <c r="HP3648" s="91"/>
      <c r="HQ3648" s="91"/>
      <c r="HR3648" s="91"/>
      <c r="HS3648" s="91"/>
      <c r="HT3648" s="91"/>
      <c r="HU3648" s="91"/>
      <c r="HV3648" s="91"/>
      <c r="HW3648" s="91"/>
      <c r="HX3648" s="127"/>
      <c r="HY3648" s="126"/>
      <c r="HZ3648" s="91"/>
      <c r="IA3648" s="91"/>
      <c r="IB3648" s="91"/>
      <c r="IC3648" s="91"/>
      <c r="ID3648" s="91"/>
      <c r="IE3648" s="91"/>
      <c r="IF3648" s="91"/>
      <c r="IG3648" s="91"/>
      <c r="IH3648" s="91"/>
      <c r="II3648" s="91"/>
      <c r="IJ3648" s="91"/>
      <c r="IK3648" s="174"/>
    </row>
    <row r="3649" spans="2:245" x14ac:dyDescent="0.2">
      <c r="B3649" s="43"/>
      <c r="C3649" s="73"/>
      <c r="D3649" s="64"/>
      <c r="E3649" s="64"/>
      <c r="F3649" s="55"/>
      <c r="G3649" s="102"/>
      <c r="H3649" s="97"/>
      <c r="T3649" s="98"/>
      <c r="U3649" s="97"/>
      <c r="AG3649" s="98"/>
      <c r="AY3649" s="164"/>
      <c r="BK3649" s="98"/>
      <c r="BL3649" s="97"/>
      <c r="BX3649" s="98"/>
      <c r="CL3649" s="97"/>
      <c r="CX3649" s="98"/>
      <c r="DL3649" s="97"/>
      <c r="DX3649" s="98"/>
      <c r="EL3649" s="97"/>
      <c r="EX3649" s="98"/>
      <c r="EY3649" s="97"/>
      <c r="FL3649" s="126"/>
      <c r="FM3649" s="91"/>
      <c r="FN3649" s="91"/>
      <c r="FO3649" s="91"/>
      <c r="FP3649" s="91"/>
      <c r="FQ3649" s="91"/>
      <c r="FR3649" s="91"/>
      <c r="FS3649" s="91"/>
      <c r="FT3649" s="91"/>
      <c r="FU3649" s="91"/>
      <c r="FV3649" s="91"/>
      <c r="FW3649" s="91"/>
      <c r="FX3649" s="127"/>
      <c r="FY3649" s="126"/>
      <c r="FZ3649" s="91"/>
      <c r="GA3649" s="91"/>
      <c r="GB3649" s="91"/>
      <c r="GC3649" s="91"/>
      <c r="GD3649" s="91"/>
      <c r="GE3649" s="91"/>
      <c r="GF3649" s="91"/>
      <c r="GG3649" s="91"/>
      <c r="GH3649" s="91"/>
      <c r="GI3649" s="91"/>
      <c r="GJ3649" s="91"/>
      <c r="GK3649" s="127"/>
      <c r="GL3649" s="126"/>
      <c r="GM3649" s="91"/>
      <c r="GN3649" s="91"/>
      <c r="GO3649" s="91"/>
      <c r="GP3649" s="91"/>
      <c r="GQ3649" s="91"/>
      <c r="GR3649" s="91"/>
      <c r="GS3649" s="91"/>
      <c r="GT3649" s="91"/>
      <c r="GU3649" s="91"/>
      <c r="GV3649" s="91"/>
      <c r="GW3649" s="91"/>
      <c r="GX3649" s="127"/>
      <c r="GY3649" s="126"/>
      <c r="GZ3649" s="91"/>
      <c r="HA3649" s="91"/>
      <c r="HB3649" s="91"/>
      <c r="HC3649" s="91"/>
      <c r="HD3649" s="91"/>
      <c r="HE3649" s="91"/>
      <c r="HF3649" s="91"/>
      <c r="HG3649" s="91"/>
      <c r="HH3649" s="91"/>
      <c r="HI3649" s="91"/>
      <c r="HJ3649" s="91"/>
      <c r="HK3649" s="127"/>
      <c r="HL3649" s="126"/>
      <c r="HM3649" s="91"/>
      <c r="HN3649" s="91"/>
      <c r="HO3649" s="91"/>
      <c r="HP3649" s="91"/>
      <c r="HQ3649" s="91"/>
      <c r="HR3649" s="91"/>
      <c r="HS3649" s="91"/>
      <c r="HT3649" s="91"/>
      <c r="HU3649" s="91"/>
      <c r="HV3649" s="91"/>
      <c r="HW3649" s="91"/>
      <c r="HX3649" s="127"/>
      <c r="HY3649" s="126"/>
      <c r="HZ3649" s="91"/>
      <c r="IA3649" s="91"/>
      <c r="IB3649" s="91"/>
      <c r="IC3649" s="91"/>
      <c r="ID3649" s="91"/>
      <c r="IE3649" s="91"/>
      <c r="IF3649" s="91"/>
      <c r="IG3649" s="91"/>
      <c r="IH3649" s="91"/>
      <c r="II3649" s="91"/>
      <c r="IJ3649" s="91"/>
      <c r="IK3649" s="174"/>
    </row>
    <row r="3650" spans="2:245" x14ac:dyDescent="0.2">
      <c r="B3650" s="43"/>
      <c r="C3650" s="73"/>
      <c r="D3650" s="64"/>
      <c r="E3650" s="64"/>
      <c r="F3650" s="55"/>
      <c r="G3650" s="102"/>
      <c r="H3650" s="97"/>
      <c r="T3650" s="98"/>
      <c r="U3650" s="97"/>
      <c r="AG3650" s="98"/>
      <c r="AY3650" s="164"/>
      <c r="BK3650" s="98"/>
      <c r="BL3650" s="97"/>
      <c r="BX3650" s="98"/>
      <c r="CL3650" s="97"/>
      <c r="CX3650" s="98"/>
      <c r="DL3650" s="97"/>
      <c r="DX3650" s="98"/>
      <c r="EL3650" s="97"/>
      <c r="EX3650" s="98"/>
      <c r="EY3650" s="97"/>
      <c r="FL3650" s="126"/>
      <c r="FM3650" s="91"/>
      <c r="FN3650" s="91"/>
      <c r="FO3650" s="91"/>
      <c r="FP3650" s="91"/>
      <c r="FQ3650" s="91"/>
      <c r="FR3650" s="91"/>
      <c r="FS3650" s="91"/>
      <c r="FT3650" s="91"/>
      <c r="FU3650" s="91"/>
      <c r="FV3650" s="91"/>
      <c r="FW3650" s="91"/>
      <c r="FX3650" s="127"/>
      <c r="FY3650" s="126"/>
      <c r="FZ3650" s="91"/>
      <c r="GA3650" s="91"/>
      <c r="GB3650" s="91"/>
      <c r="GC3650" s="91"/>
      <c r="GD3650" s="91"/>
      <c r="GE3650" s="91"/>
      <c r="GF3650" s="91"/>
      <c r="GG3650" s="91"/>
      <c r="GH3650" s="91"/>
      <c r="GI3650" s="91"/>
      <c r="GJ3650" s="91"/>
      <c r="GK3650" s="127"/>
      <c r="GL3650" s="126"/>
      <c r="GM3650" s="91"/>
      <c r="GN3650" s="91"/>
      <c r="GO3650" s="91"/>
      <c r="GP3650" s="91"/>
      <c r="GQ3650" s="91"/>
      <c r="GR3650" s="91"/>
      <c r="GS3650" s="91"/>
      <c r="GT3650" s="91"/>
      <c r="GU3650" s="91"/>
      <c r="GV3650" s="91"/>
      <c r="GW3650" s="91"/>
      <c r="GX3650" s="127"/>
      <c r="GY3650" s="126"/>
      <c r="GZ3650" s="91"/>
      <c r="HA3650" s="91"/>
      <c r="HB3650" s="91"/>
      <c r="HC3650" s="91"/>
      <c r="HD3650" s="91"/>
      <c r="HE3650" s="91"/>
      <c r="HF3650" s="91"/>
      <c r="HG3650" s="91"/>
      <c r="HH3650" s="91"/>
      <c r="HI3650" s="91"/>
      <c r="HJ3650" s="91"/>
      <c r="HK3650" s="127"/>
      <c r="HL3650" s="126"/>
      <c r="HM3650" s="91"/>
      <c r="HN3650" s="91"/>
      <c r="HO3650" s="91"/>
      <c r="HP3650" s="91"/>
      <c r="HQ3650" s="91"/>
      <c r="HR3650" s="91"/>
      <c r="HS3650" s="91"/>
      <c r="HT3650" s="91"/>
      <c r="HU3650" s="91"/>
      <c r="HV3650" s="91"/>
      <c r="HW3650" s="91"/>
      <c r="HX3650" s="127"/>
      <c r="HY3650" s="126"/>
      <c r="HZ3650" s="91"/>
      <c r="IA3650" s="91"/>
      <c r="IB3650" s="91"/>
      <c r="IC3650" s="91"/>
      <c r="ID3650" s="91"/>
      <c r="IE3650" s="91"/>
      <c r="IF3650" s="91"/>
      <c r="IG3650" s="91"/>
      <c r="IH3650" s="91"/>
      <c r="II3650" s="91"/>
      <c r="IJ3650" s="91"/>
      <c r="IK3650" s="174"/>
    </row>
    <row r="3651" spans="2:245" x14ac:dyDescent="0.2">
      <c r="B3651" s="43"/>
      <c r="C3651" s="73"/>
      <c r="D3651" s="64"/>
      <c r="E3651" s="64"/>
      <c r="F3651" s="55"/>
      <c r="G3651" s="102"/>
      <c r="H3651" s="97"/>
      <c r="T3651" s="98"/>
      <c r="U3651" s="97"/>
      <c r="AG3651" s="98"/>
      <c r="AY3651" s="164"/>
      <c r="BK3651" s="98"/>
      <c r="BL3651" s="97"/>
      <c r="BX3651" s="98"/>
      <c r="CL3651" s="97"/>
      <c r="CX3651" s="98"/>
      <c r="DL3651" s="97"/>
      <c r="DX3651" s="98"/>
      <c r="EL3651" s="97"/>
      <c r="EX3651" s="98"/>
      <c r="EY3651" s="97"/>
      <c r="FL3651" s="126"/>
      <c r="FM3651" s="91"/>
      <c r="FN3651" s="91"/>
      <c r="FO3651" s="91"/>
      <c r="FP3651" s="91"/>
      <c r="FQ3651" s="91"/>
      <c r="FR3651" s="91"/>
      <c r="FS3651" s="91"/>
      <c r="FT3651" s="91"/>
      <c r="FU3651" s="91"/>
      <c r="FV3651" s="91"/>
      <c r="FW3651" s="91"/>
      <c r="FX3651" s="127"/>
      <c r="FY3651" s="126"/>
      <c r="FZ3651" s="91"/>
      <c r="GA3651" s="91"/>
      <c r="GB3651" s="91"/>
      <c r="GC3651" s="91"/>
      <c r="GD3651" s="91"/>
      <c r="GE3651" s="91"/>
      <c r="GF3651" s="91"/>
      <c r="GG3651" s="91"/>
      <c r="GH3651" s="91"/>
      <c r="GI3651" s="91"/>
      <c r="GJ3651" s="91"/>
      <c r="GK3651" s="127"/>
      <c r="GL3651" s="126"/>
      <c r="GM3651" s="91"/>
      <c r="GN3651" s="91"/>
      <c r="GO3651" s="91"/>
      <c r="GP3651" s="91"/>
      <c r="GQ3651" s="91"/>
      <c r="GR3651" s="91"/>
      <c r="GS3651" s="91"/>
      <c r="GT3651" s="91"/>
      <c r="GU3651" s="91"/>
      <c r="GV3651" s="91"/>
      <c r="GW3651" s="91"/>
      <c r="GX3651" s="127"/>
      <c r="GY3651" s="126"/>
      <c r="GZ3651" s="91"/>
      <c r="HA3651" s="91"/>
      <c r="HB3651" s="91"/>
      <c r="HC3651" s="91"/>
      <c r="HD3651" s="91"/>
      <c r="HE3651" s="91"/>
      <c r="HF3651" s="91"/>
      <c r="HG3651" s="91"/>
      <c r="HH3651" s="91"/>
      <c r="HI3651" s="91"/>
      <c r="HJ3651" s="91"/>
      <c r="HK3651" s="127"/>
      <c r="HL3651" s="126"/>
      <c r="HM3651" s="91"/>
      <c r="HN3651" s="91"/>
      <c r="HO3651" s="91"/>
      <c r="HP3651" s="91"/>
      <c r="HQ3651" s="91"/>
      <c r="HR3651" s="91"/>
      <c r="HS3651" s="91"/>
      <c r="HT3651" s="91"/>
      <c r="HU3651" s="91"/>
      <c r="HV3651" s="91"/>
      <c r="HW3651" s="91"/>
      <c r="HX3651" s="127"/>
      <c r="HY3651" s="126"/>
      <c r="HZ3651" s="91"/>
      <c r="IA3651" s="91"/>
      <c r="IB3651" s="91"/>
      <c r="IC3651" s="91"/>
      <c r="ID3651" s="91"/>
      <c r="IE3651" s="91"/>
      <c r="IF3651" s="91"/>
      <c r="IG3651" s="91"/>
      <c r="IH3651" s="91"/>
      <c r="II3651" s="91"/>
      <c r="IJ3651" s="91"/>
      <c r="IK3651" s="174"/>
    </row>
    <row r="3652" spans="2:245" x14ac:dyDescent="0.2">
      <c r="B3652" s="43"/>
      <c r="C3652" s="73"/>
      <c r="D3652" s="64"/>
      <c r="E3652" s="64"/>
      <c r="F3652" s="55"/>
      <c r="G3652" s="102"/>
      <c r="H3652" s="97"/>
      <c r="T3652" s="98"/>
      <c r="U3652" s="97"/>
      <c r="AG3652" s="98"/>
      <c r="AY3652" s="164"/>
      <c r="BK3652" s="98"/>
      <c r="BL3652" s="97"/>
      <c r="BX3652" s="98"/>
      <c r="CL3652" s="97"/>
      <c r="CX3652" s="98"/>
      <c r="DL3652" s="97"/>
      <c r="DX3652" s="98"/>
      <c r="EL3652" s="97"/>
      <c r="EX3652" s="98"/>
      <c r="EY3652" s="97"/>
      <c r="FL3652" s="126"/>
      <c r="FM3652" s="91"/>
      <c r="FN3652" s="91"/>
      <c r="FO3652" s="91"/>
      <c r="FP3652" s="91"/>
      <c r="FQ3652" s="91"/>
      <c r="FR3652" s="91"/>
      <c r="FS3652" s="91"/>
      <c r="FT3652" s="91"/>
      <c r="FU3652" s="91"/>
      <c r="FV3652" s="91"/>
      <c r="FW3652" s="91"/>
      <c r="FX3652" s="127"/>
      <c r="FY3652" s="126"/>
      <c r="FZ3652" s="91"/>
      <c r="GA3652" s="91"/>
      <c r="GB3652" s="91"/>
      <c r="GC3652" s="91"/>
      <c r="GD3652" s="91"/>
      <c r="GE3652" s="91"/>
      <c r="GF3652" s="91"/>
      <c r="GG3652" s="91"/>
      <c r="GH3652" s="91"/>
      <c r="GI3652" s="91"/>
      <c r="GJ3652" s="91"/>
      <c r="GK3652" s="127"/>
      <c r="GL3652" s="126"/>
      <c r="GM3652" s="91"/>
      <c r="GN3652" s="91"/>
      <c r="GO3652" s="91"/>
      <c r="GP3652" s="91"/>
      <c r="GQ3652" s="91"/>
      <c r="GR3652" s="91"/>
      <c r="GS3652" s="91"/>
      <c r="GT3652" s="91"/>
      <c r="GU3652" s="91"/>
      <c r="GV3652" s="91"/>
      <c r="GW3652" s="91"/>
      <c r="GX3652" s="127"/>
      <c r="GY3652" s="126"/>
      <c r="GZ3652" s="91"/>
      <c r="HA3652" s="91"/>
      <c r="HB3652" s="91"/>
      <c r="HC3652" s="91"/>
      <c r="HD3652" s="91"/>
      <c r="HE3652" s="91"/>
      <c r="HF3652" s="91"/>
      <c r="HG3652" s="91"/>
      <c r="HH3652" s="91"/>
      <c r="HI3652" s="91"/>
      <c r="HJ3652" s="91"/>
      <c r="HK3652" s="127"/>
      <c r="HL3652" s="126"/>
      <c r="HM3652" s="91"/>
      <c r="HN3652" s="91"/>
      <c r="HO3652" s="91"/>
      <c r="HP3652" s="91"/>
      <c r="HQ3652" s="91"/>
      <c r="HR3652" s="91"/>
      <c r="HS3652" s="91"/>
      <c r="HT3652" s="91"/>
      <c r="HU3652" s="91"/>
      <c r="HV3652" s="91"/>
      <c r="HW3652" s="91"/>
      <c r="HX3652" s="127"/>
      <c r="HY3652" s="126"/>
      <c r="HZ3652" s="91"/>
      <c r="IA3652" s="91"/>
      <c r="IB3652" s="91"/>
      <c r="IC3652" s="91"/>
      <c r="ID3652" s="91"/>
      <c r="IE3652" s="91"/>
      <c r="IF3652" s="91"/>
      <c r="IG3652" s="91"/>
      <c r="IH3652" s="91"/>
      <c r="II3652" s="91"/>
      <c r="IJ3652" s="91"/>
      <c r="IK3652" s="174"/>
    </row>
    <row r="3653" spans="2:245" x14ac:dyDescent="0.2">
      <c r="B3653" s="43"/>
      <c r="C3653" s="73"/>
      <c r="D3653" s="64"/>
      <c r="E3653" s="64"/>
      <c r="F3653" s="55"/>
      <c r="G3653" s="102"/>
      <c r="H3653" s="97"/>
      <c r="T3653" s="98"/>
      <c r="U3653" s="97"/>
      <c r="AG3653" s="98"/>
      <c r="AY3653" s="164"/>
      <c r="BK3653" s="98"/>
      <c r="BL3653" s="97"/>
      <c r="BX3653" s="98"/>
      <c r="CL3653" s="97"/>
      <c r="CX3653" s="98"/>
      <c r="DL3653" s="97"/>
      <c r="DX3653" s="98"/>
      <c r="EL3653" s="97"/>
      <c r="EX3653" s="98"/>
      <c r="EY3653" s="97"/>
      <c r="FL3653" s="126"/>
      <c r="FM3653" s="91"/>
      <c r="FN3653" s="91"/>
      <c r="FO3653" s="91"/>
      <c r="FP3653" s="91"/>
      <c r="FQ3653" s="91"/>
      <c r="FR3653" s="91"/>
      <c r="FS3653" s="91"/>
      <c r="FT3653" s="91"/>
      <c r="FU3653" s="91"/>
      <c r="FV3653" s="91"/>
      <c r="FW3653" s="91"/>
      <c r="FX3653" s="127"/>
      <c r="FY3653" s="126"/>
      <c r="FZ3653" s="91"/>
      <c r="GA3653" s="91"/>
      <c r="GB3653" s="91"/>
      <c r="GC3653" s="91"/>
      <c r="GD3653" s="91"/>
      <c r="GE3653" s="91"/>
      <c r="GF3653" s="91"/>
      <c r="GG3653" s="91"/>
      <c r="GH3653" s="91"/>
      <c r="GI3653" s="91"/>
      <c r="GJ3653" s="91"/>
      <c r="GK3653" s="127"/>
      <c r="GL3653" s="126"/>
      <c r="GM3653" s="91"/>
      <c r="GN3653" s="91"/>
      <c r="GO3653" s="91"/>
      <c r="GP3653" s="91"/>
      <c r="GQ3653" s="91"/>
      <c r="GR3653" s="91"/>
      <c r="GS3653" s="91"/>
      <c r="GT3653" s="91"/>
      <c r="GU3653" s="91"/>
      <c r="GV3653" s="91"/>
      <c r="GW3653" s="91"/>
      <c r="GX3653" s="127"/>
      <c r="GY3653" s="126"/>
      <c r="GZ3653" s="91"/>
      <c r="HA3653" s="91"/>
      <c r="HB3653" s="91"/>
      <c r="HC3653" s="91"/>
      <c r="HD3653" s="91"/>
      <c r="HE3653" s="91"/>
      <c r="HF3653" s="91"/>
      <c r="HG3653" s="91"/>
      <c r="HH3653" s="91"/>
      <c r="HI3653" s="91"/>
      <c r="HJ3653" s="91"/>
      <c r="HK3653" s="127"/>
      <c r="HL3653" s="126"/>
      <c r="HM3653" s="91"/>
      <c r="HN3653" s="91"/>
      <c r="HO3653" s="91"/>
      <c r="HP3653" s="91"/>
      <c r="HQ3653" s="91"/>
      <c r="HR3653" s="91"/>
      <c r="HS3653" s="91"/>
      <c r="HT3653" s="91"/>
      <c r="HU3653" s="91"/>
      <c r="HV3653" s="91"/>
      <c r="HW3653" s="91"/>
      <c r="HX3653" s="127"/>
      <c r="HY3653" s="126"/>
      <c r="HZ3653" s="91"/>
      <c r="IA3653" s="91"/>
      <c r="IB3653" s="91"/>
      <c r="IC3653" s="91"/>
      <c r="ID3653" s="91"/>
      <c r="IE3653" s="91"/>
      <c r="IF3653" s="91"/>
      <c r="IG3653" s="91"/>
      <c r="IH3653" s="91"/>
      <c r="II3653" s="91"/>
      <c r="IJ3653" s="91"/>
      <c r="IK3653" s="174"/>
    </row>
    <row r="3654" spans="2:245" x14ac:dyDescent="0.2">
      <c r="B3654" s="43"/>
      <c r="C3654" s="73"/>
      <c r="D3654" s="64"/>
      <c r="E3654" s="64"/>
      <c r="F3654" s="55"/>
      <c r="G3654" s="102"/>
      <c r="H3654" s="97"/>
      <c r="T3654" s="98"/>
      <c r="U3654" s="97"/>
      <c r="AG3654" s="98"/>
      <c r="AY3654" s="164"/>
      <c r="BK3654" s="98"/>
      <c r="BL3654" s="97"/>
      <c r="BX3654" s="98"/>
      <c r="CL3654" s="97"/>
      <c r="CX3654" s="98"/>
      <c r="DL3654" s="97"/>
      <c r="DX3654" s="98"/>
      <c r="EL3654" s="97"/>
      <c r="EX3654" s="98"/>
      <c r="EY3654" s="97"/>
      <c r="FL3654" s="126"/>
      <c r="FM3654" s="91"/>
      <c r="FN3654" s="91"/>
      <c r="FO3654" s="91"/>
      <c r="FP3654" s="91"/>
      <c r="FQ3654" s="91"/>
      <c r="FR3654" s="91"/>
      <c r="FS3654" s="91"/>
      <c r="FT3654" s="91"/>
      <c r="FU3654" s="91"/>
      <c r="FV3654" s="91"/>
      <c r="FW3654" s="91"/>
      <c r="FX3654" s="127"/>
      <c r="FY3654" s="126"/>
      <c r="FZ3654" s="91"/>
      <c r="GA3654" s="91"/>
      <c r="GB3654" s="91"/>
      <c r="GC3654" s="91"/>
      <c r="GD3654" s="91"/>
      <c r="GE3654" s="91"/>
      <c r="GF3654" s="91"/>
      <c r="GG3654" s="91"/>
      <c r="GH3654" s="91"/>
      <c r="GI3654" s="91"/>
      <c r="GJ3654" s="91"/>
      <c r="GK3654" s="127"/>
      <c r="GL3654" s="126"/>
      <c r="GM3654" s="91"/>
      <c r="GN3654" s="91"/>
      <c r="GO3654" s="91"/>
      <c r="GP3654" s="91"/>
      <c r="GQ3654" s="91"/>
      <c r="GR3654" s="91"/>
      <c r="GS3654" s="91"/>
      <c r="GT3654" s="91"/>
      <c r="GU3654" s="91"/>
      <c r="GV3654" s="91"/>
      <c r="GW3654" s="91"/>
      <c r="GX3654" s="127"/>
      <c r="GY3654" s="126"/>
      <c r="GZ3654" s="91"/>
      <c r="HA3654" s="91"/>
      <c r="HB3654" s="91"/>
      <c r="HC3654" s="91"/>
      <c r="HD3654" s="91"/>
      <c r="HE3654" s="91"/>
      <c r="HF3654" s="91"/>
      <c r="HG3654" s="91"/>
      <c r="HH3654" s="91"/>
      <c r="HI3654" s="91"/>
      <c r="HJ3654" s="91"/>
      <c r="HK3654" s="127"/>
      <c r="HL3654" s="126"/>
      <c r="HM3654" s="91"/>
      <c r="HN3654" s="91"/>
      <c r="HO3654" s="91"/>
      <c r="HP3654" s="91"/>
      <c r="HQ3654" s="91"/>
      <c r="HR3654" s="91"/>
      <c r="HS3654" s="91"/>
      <c r="HT3654" s="91"/>
      <c r="HU3654" s="91"/>
      <c r="HV3654" s="91"/>
      <c r="HW3654" s="91"/>
      <c r="HX3654" s="127"/>
      <c r="HY3654" s="126"/>
      <c r="HZ3654" s="91"/>
      <c r="IA3654" s="91"/>
      <c r="IB3654" s="91"/>
      <c r="IC3654" s="91"/>
      <c r="ID3654" s="91"/>
      <c r="IE3654" s="91"/>
      <c r="IF3654" s="91"/>
      <c r="IG3654" s="91"/>
      <c r="IH3654" s="91"/>
      <c r="II3654" s="91"/>
      <c r="IJ3654" s="91"/>
      <c r="IK3654" s="174"/>
    </row>
    <row r="3655" spans="2:245" x14ac:dyDescent="0.2">
      <c r="B3655" s="43"/>
      <c r="C3655" s="73"/>
      <c r="D3655" s="64"/>
      <c r="E3655" s="64"/>
      <c r="F3655" s="55"/>
      <c r="G3655" s="102"/>
      <c r="H3655" s="97"/>
      <c r="T3655" s="98"/>
      <c r="U3655" s="97"/>
      <c r="AG3655" s="98"/>
      <c r="AY3655" s="164"/>
      <c r="BK3655" s="98"/>
      <c r="BL3655" s="97"/>
      <c r="BX3655" s="98"/>
      <c r="CL3655" s="97"/>
      <c r="CX3655" s="98"/>
      <c r="DL3655" s="97"/>
      <c r="DX3655" s="98"/>
      <c r="EL3655" s="97"/>
      <c r="EX3655" s="98"/>
      <c r="EY3655" s="97"/>
      <c r="FL3655" s="126"/>
      <c r="FM3655" s="91"/>
      <c r="FN3655" s="91"/>
      <c r="FO3655" s="91"/>
      <c r="FP3655" s="91"/>
      <c r="FQ3655" s="91"/>
      <c r="FR3655" s="91"/>
      <c r="FS3655" s="91"/>
      <c r="FT3655" s="91"/>
      <c r="FU3655" s="91"/>
      <c r="FV3655" s="91"/>
      <c r="FW3655" s="91"/>
      <c r="FX3655" s="127"/>
      <c r="FY3655" s="126"/>
      <c r="FZ3655" s="91"/>
      <c r="GA3655" s="91"/>
      <c r="GB3655" s="91"/>
      <c r="GC3655" s="91"/>
      <c r="GD3655" s="91"/>
      <c r="GE3655" s="91"/>
      <c r="GF3655" s="91"/>
      <c r="GG3655" s="91"/>
      <c r="GH3655" s="91"/>
      <c r="GI3655" s="91"/>
      <c r="GJ3655" s="91"/>
      <c r="GK3655" s="127"/>
      <c r="GL3655" s="126"/>
      <c r="GM3655" s="91"/>
      <c r="GN3655" s="91"/>
      <c r="GO3655" s="91"/>
      <c r="GP3655" s="91"/>
      <c r="GQ3655" s="91"/>
      <c r="GR3655" s="91"/>
      <c r="GS3655" s="91"/>
      <c r="GT3655" s="91"/>
      <c r="GU3655" s="91"/>
      <c r="GV3655" s="91"/>
      <c r="GW3655" s="91"/>
      <c r="GX3655" s="127"/>
      <c r="GY3655" s="126"/>
      <c r="GZ3655" s="91"/>
      <c r="HA3655" s="91"/>
      <c r="HB3655" s="91"/>
      <c r="HC3655" s="91"/>
      <c r="HD3655" s="91"/>
      <c r="HE3655" s="91"/>
      <c r="HF3655" s="91"/>
      <c r="HG3655" s="91"/>
      <c r="HH3655" s="91"/>
      <c r="HI3655" s="91"/>
      <c r="HJ3655" s="91"/>
      <c r="HK3655" s="127"/>
      <c r="HL3655" s="126"/>
      <c r="HM3655" s="91"/>
      <c r="HN3655" s="91"/>
      <c r="HO3655" s="91"/>
      <c r="HP3655" s="91"/>
      <c r="HQ3655" s="91"/>
      <c r="HR3655" s="91"/>
      <c r="HS3655" s="91"/>
      <c r="HT3655" s="91"/>
      <c r="HU3655" s="91"/>
      <c r="HV3655" s="91"/>
      <c r="HW3655" s="91"/>
      <c r="HX3655" s="127"/>
      <c r="HY3655" s="126"/>
      <c r="HZ3655" s="91"/>
      <c r="IA3655" s="91"/>
      <c r="IB3655" s="91"/>
      <c r="IC3655" s="91"/>
      <c r="ID3655" s="91"/>
      <c r="IE3655" s="91"/>
      <c r="IF3655" s="91"/>
      <c r="IG3655" s="91"/>
      <c r="IH3655" s="91"/>
      <c r="II3655" s="91"/>
      <c r="IJ3655" s="91"/>
      <c r="IK3655" s="174"/>
    </row>
    <row r="3656" spans="2:245" x14ac:dyDescent="0.2">
      <c r="B3656" s="43"/>
      <c r="C3656" s="73"/>
      <c r="D3656" s="64"/>
      <c r="E3656" s="64"/>
      <c r="F3656" s="55"/>
      <c r="G3656" s="102"/>
      <c r="H3656" s="97"/>
      <c r="T3656" s="98"/>
      <c r="U3656" s="97"/>
      <c r="AG3656" s="98"/>
      <c r="AY3656" s="164"/>
      <c r="BK3656" s="98"/>
      <c r="BL3656" s="97"/>
      <c r="BX3656" s="98"/>
      <c r="CL3656" s="97"/>
      <c r="CX3656" s="98"/>
      <c r="DL3656" s="97"/>
      <c r="DX3656" s="98"/>
      <c r="EL3656" s="97"/>
      <c r="EX3656" s="98"/>
      <c r="EY3656" s="97"/>
      <c r="FL3656" s="126"/>
      <c r="FM3656" s="91"/>
      <c r="FN3656" s="91"/>
      <c r="FO3656" s="91"/>
      <c r="FP3656" s="91"/>
      <c r="FQ3656" s="91"/>
      <c r="FR3656" s="91"/>
      <c r="FS3656" s="91"/>
      <c r="FT3656" s="91"/>
      <c r="FU3656" s="91"/>
      <c r="FV3656" s="91"/>
      <c r="FW3656" s="91"/>
      <c r="FX3656" s="127"/>
      <c r="FY3656" s="126"/>
      <c r="FZ3656" s="91"/>
      <c r="GA3656" s="91"/>
      <c r="GB3656" s="91"/>
      <c r="GC3656" s="91"/>
      <c r="GD3656" s="91"/>
      <c r="GE3656" s="91"/>
      <c r="GF3656" s="91"/>
      <c r="GG3656" s="91"/>
      <c r="GH3656" s="91"/>
      <c r="GI3656" s="91"/>
      <c r="GJ3656" s="91"/>
      <c r="GK3656" s="127"/>
      <c r="GL3656" s="126"/>
      <c r="GM3656" s="91"/>
      <c r="GN3656" s="91"/>
      <c r="GO3656" s="91"/>
      <c r="GP3656" s="91"/>
      <c r="GQ3656" s="91"/>
      <c r="GR3656" s="91"/>
      <c r="GS3656" s="91"/>
      <c r="GT3656" s="91"/>
      <c r="GU3656" s="91"/>
      <c r="GV3656" s="91"/>
      <c r="GW3656" s="91"/>
      <c r="GX3656" s="127"/>
      <c r="GY3656" s="126"/>
      <c r="GZ3656" s="91"/>
      <c r="HA3656" s="91"/>
      <c r="HB3656" s="91"/>
      <c r="HC3656" s="91"/>
      <c r="HD3656" s="91"/>
      <c r="HE3656" s="91"/>
      <c r="HF3656" s="91"/>
      <c r="HG3656" s="91"/>
      <c r="HH3656" s="91"/>
      <c r="HI3656" s="91"/>
      <c r="HJ3656" s="91"/>
      <c r="HK3656" s="127"/>
      <c r="HL3656" s="126"/>
      <c r="HM3656" s="91"/>
      <c r="HN3656" s="91"/>
      <c r="HO3656" s="91"/>
      <c r="HP3656" s="91"/>
      <c r="HQ3656" s="91"/>
      <c r="HR3656" s="91"/>
      <c r="HS3656" s="91"/>
      <c r="HT3656" s="91"/>
      <c r="HU3656" s="91"/>
      <c r="HV3656" s="91"/>
      <c r="HW3656" s="91"/>
      <c r="HX3656" s="127"/>
      <c r="HY3656" s="126"/>
      <c r="HZ3656" s="91"/>
      <c r="IA3656" s="91"/>
      <c r="IB3656" s="91"/>
      <c r="IC3656" s="91"/>
      <c r="ID3656" s="91"/>
      <c r="IE3656" s="91"/>
      <c r="IF3656" s="91"/>
      <c r="IG3656" s="91"/>
      <c r="IH3656" s="91"/>
      <c r="II3656" s="91"/>
      <c r="IJ3656" s="91"/>
      <c r="IK3656" s="174"/>
    </row>
    <row r="3657" spans="2:245" x14ac:dyDescent="0.2">
      <c r="B3657" s="43"/>
      <c r="C3657" s="73"/>
      <c r="D3657" s="64"/>
      <c r="E3657" s="64"/>
      <c r="F3657" s="55"/>
      <c r="G3657" s="102"/>
      <c r="H3657" s="97"/>
      <c r="T3657" s="98"/>
      <c r="U3657" s="97"/>
      <c r="AG3657" s="98"/>
      <c r="AY3657" s="164"/>
      <c r="BK3657" s="98"/>
      <c r="BL3657" s="97"/>
      <c r="BX3657" s="98"/>
      <c r="CL3657" s="97"/>
      <c r="CX3657" s="98"/>
      <c r="DL3657" s="97"/>
      <c r="DX3657" s="98"/>
      <c r="EL3657" s="97"/>
      <c r="EX3657" s="98"/>
      <c r="EY3657" s="97"/>
      <c r="FL3657" s="126"/>
      <c r="FM3657" s="91"/>
      <c r="FN3657" s="91"/>
      <c r="FO3657" s="91"/>
      <c r="FP3657" s="91"/>
      <c r="FQ3657" s="91"/>
      <c r="FR3657" s="91"/>
      <c r="FS3657" s="91"/>
      <c r="FT3657" s="91"/>
      <c r="FU3657" s="91"/>
      <c r="FV3657" s="91"/>
      <c r="FW3657" s="91"/>
      <c r="FX3657" s="127"/>
      <c r="FY3657" s="126"/>
      <c r="FZ3657" s="91"/>
      <c r="GA3657" s="91"/>
      <c r="GB3657" s="91"/>
      <c r="GC3657" s="91"/>
      <c r="GD3657" s="91"/>
      <c r="GE3657" s="91"/>
      <c r="GF3657" s="91"/>
      <c r="GG3657" s="91"/>
      <c r="GH3657" s="91"/>
      <c r="GI3657" s="91"/>
      <c r="GJ3657" s="91"/>
      <c r="GK3657" s="127"/>
      <c r="GL3657" s="126"/>
      <c r="GM3657" s="91"/>
      <c r="GN3657" s="91"/>
      <c r="GO3657" s="91"/>
      <c r="GP3657" s="91"/>
      <c r="GQ3657" s="91"/>
      <c r="GR3657" s="91"/>
      <c r="GS3657" s="91"/>
      <c r="GT3657" s="91"/>
      <c r="GU3657" s="91"/>
      <c r="GV3657" s="91"/>
      <c r="GW3657" s="91"/>
      <c r="GX3657" s="127"/>
      <c r="GY3657" s="126"/>
      <c r="GZ3657" s="91"/>
      <c r="HA3657" s="91"/>
      <c r="HB3657" s="91"/>
      <c r="HC3657" s="91"/>
      <c r="HD3657" s="91"/>
      <c r="HE3657" s="91"/>
      <c r="HF3657" s="91"/>
      <c r="HG3657" s="91"/>
      <c r="HH3657" s="91"/>
      <c r="HI3657" s="91"/>
      <c r="HJ3657" s="91"/>
      <c r="HK3657" s="127"/>
      <c r="HL3657" s="126"/>
      <c r="HM3657" s="91"/>
      <c r="HN3657" s="91"/>
      <c r="HO3657" s="91"/>
      <c r="HP3657" s="91"/>
      <c r="HQ3657" s="91"/>
      <c r="HR3657" s="91"/>
      <c r="HS3657" s="91"/>
      <c r="HT3657" s="91"/>
      <c r="HU3657" s="91"/>
      <c r="HV3657" s="91"/>
      <c r="HW3657" s="91"/>
      <c r="HX3657" s="127"/>
      <c r="HY3657" s="126"/>
      <c r="HZ3657" s="91"/>
      <c r="IA3657" s="91"/>
      <c r="IB3657" s="91"/>
      <c r="IC3657" s="91"/>
      <c r="ID3657" s="91"/>
      <c r="IE3657" s="91"/>
      <c r="IF3657" s="91"/>
      <c r="IG3657" s="91"/>
      <c r="IH3657" s="91"/>
      <c r="II3657" s="91"/>
      <c r="IJ3657" s="91"/>
      <c r="IK3657" s="174"/>
    </row>
    <row r="3658" spans="2:245" x14ac:dyDescent="0.2">
      <c r="B3658" s="43"/>
      <c r="C3658" s="73"/>
      <c r="D3658" s="64"/>
      <c r="E3658" s="64"/>
      <c r="F3658" s="55"/>
      <c r="G3658" s="102"/>
      <c r="H3658" s="97"/>
      <c r="T3658" s="98"/>
      <c r="U3658" s="97"/>
      <c r="AG3658" s="98"/>
      <c r="AY3658" s="164"/>
      <c r="BK3658" s="98"/>
      <c r="BL3658" s="97"/>
      <c r="BX3658" s="98"/>
      <c r="CL3658" s="97"/>
      <c r="CX3658" s="98"/>
      <c r="DL3658" s="97"/>
      <c r="DX3658" s="98"/>
      <c r="EL3658" s="97"/>
      <c r="EX3658" s="98"/>
      <c r="EY3658" s="97"/>
      <c r="FL3658" s="126"/>
      <c r="FM3658" s="91"/>
      <c r="FN3658" s="91"/>
      <c r="FO3658" s="91"/>
      <c r="FP3658" s="91"/>
      <c r="FQ3658" s="91"/>
      <c r="FR3658" s="91"/>
      <c r="FS3658" s="91"/>
      <c r="FT3658" s="91"/>
      <c r="FU3658" s="91"/>
      <c r="FV3658" s="91"/>
      <c r="FW3658" s="91"/>
      <c r="FX3658" s="127"/>
      <c r="FY3658" s="126"/>
      <c r="FZ3658" s="91"/>
      <c r="GA3658" s="91"/>
      <c r="GB3658" s="91"/>
      <c r="GC3658" s="91"/>
      <c r="GD3658" s="91"/>
      <c r="GE3658" s="91"/>
      <c r="GF3658" s="91"/>
      <c r="GG3658" s="91"/>
      <c r="GH3658" s="91"/>
      <c r="GI3658" s="91"/>
      <c r="GJ3658" s="91"/>
      <c r="GK3658" s="127"/>
      <c r="GL3658" s="126"/>
      <c r="GM3658" s="91"/>
      <c r="GN3658" s="91"/>
      <c r="GO3658" s="91"/>
      <c r="GP3658" s="91"/>
      <c r="GQ3658" s="91"/>
      <c r="GR3658" s="91"/>
      <c r="GS3658" s="91"/>
      <c r="GT3658" s="91"/>
      <c r="GU3658" s="91"/>
      <c r="GV3658" s="91"/>
      <c r="GW3658" s="91"/>
      <c r="GX3658" s="127"/>
      <c r="GY3658" s="126"/>
      <c r="GZ3658" s="91"/>
      <c r="HA3658" s="91"/>
      <c r="HB3658" s="91"/>
      <c r="HC3658" s="91"/>
      <c r="HD3658" s="91"/>
      <c r="HE3658" s="91"/>
      <c r="HF3658" s="91"/>
      <c r="HG3658" s="91"/>
      <c r="HH3658" s="91"/>
      <c r="HI3658" s="91"/>
      <c r="HJ3658" s="91"/>
      <c r="HK3658" s="127"/>
      <c r="HL3658" s="126"/>
      <c r="HM3658" s="91"/>
      <c r="HN3658" s="91"/>
      <c r="HO3658" s="91"/>
      <c r="HP3658" s="91"/>
      <c r="HQ3658" s="91"/>
      <c r="HR3658" s="91"/>
      <c r="HS3658" s="91"/>
      <c r="HT3658" s="91"/>
      <c r="HU3658" s="91"/>
      <c r="HV3658" s="91"/>
      <c r="HW3658" s="91"/>
      <c r="HX3658" s="127"/>
      <c r="HY3658" s="126"/>
      <c r="HZ3658" s="91"/>
      <c r="IA3658" s="91"/>
      <c r="IB3658" s="91"/>
      <c r="IC3658" s="91"/>
      <c r="ID3658" s="91"/>
      <c r="IE3658" s="91"/>
      <c r="IF3658" s="91"/>
      <c r="IG3658" s="91"/>
      <c r="IH3658" s="91"/>
      <c r="II3658" s="91"/>
      <c r="IJ3658" s="91"/>
      <c r="IK3658" s="174"/>
    </row>
    <row r="3659" spans="2:245" x14ac:dyDescent="0.2">
      <c r="B3659" s="43"/>
      <c r="C3659" s="73"/>
      <c r="D3659" s="64"/>
      <c r="E3659" s="64"/>
      <c r="F3659" s="55"/>
      <c r="G3659" s="102"/>
      <c r="H3659" s="97"/>
      <c r="T3659" s="98"/>
      <c r="U3659" s="97"/>
      <c r="AG3659" s="98"/>
      <c r="AY3659" s="164"/>
      <c r="BK3659" s="98"/>
      <c r="BL3659" s="97"/>
      <c r="BX3659" s="98"/>
      <c r="CL3659" s="97"/>
      <c r="CX3659" s="98"/>
      <c r="DL3659" s="97"/>
      <c r="DX3659" s="98"/>
      <c r="EL3659" s="97"/>
      <c r="EX3659" s="98"/>
      <c r="EY3659" s="97"/>
      <c r="FL3659" s="126"/>
      <c r="FM3659" s="91"/>
      <c r="FN3659" s="91"/>
      <c r="FO3659" s="91"/>
      <c r="FP3659" s="91"/>
      <c r="FQ3659" s="91"/>
      <c r="FR3659" s="91"/>
      <c r="FS3659" s="91"/>
      <c r="FT3659" s="91"/>
      <c r="FU3659" s="91"/>
      <c r="FV3659" s="91"/>
      <c r="FW3659" s="91"/>
      <c r="FX3659" s="127"/>
      <c r="FY3659" s="126"/>
      <c r="FZ3659" s="91"/>
      <c r="GA3659" s="91"/>
      <c r="GB3659" s="91"/>
      <c r="GC3659" s="91"/>
      <c r="GD3659" s="91"/>
      <c r="GE3659" s="91"/>
      <c r="GF3659" s="91"/>
      <c r="GG3659" s="91"/>
      <c r="GH3659" s="91"/>
      <c r="GI3659" s="91"/>
      <c r="GJ3659" s="91"/>
      <c r="GK3659" s="127"/>
      <c r="GL3659" s="126"/>
      <c r="GM3659" s="91"/>
      <c r="GN3659" s="91"/>
      <c r="GO3659" s="91"/>
      <c r="GP3659" s="91"/>
      <c r="GQ3659" s="91"/>
      <c r="GR3659" s="91"/>
      <c r="GS3659" s="91"/>
      <c r="GT3659" s="91"/>
      <c r="GU3659" s="91"/>
      <c r="GV3659" s="91"/>
      <c r="GW3659" s="91"/>
      <c r="GX3659" s="127"/>
      <c r="GY3659" s="126"/>
      <c r="GZ3659" s="91"/>
      <c r="HA3659" s="91"/>
      <c r="HB3659" s="91"/>
      <c r="HC3659" s="91"/>
      <c r="HD3659" s="91"/>
      <c r="HE3659" s="91"/>
      <c r="HF3659" s="91"/>
      <c r="HG3659" s="91"/>
      <c r="HH3659" s="91"/>
      <c r="HI3659" s="91"/>
      <c r="HJ3659" s="91"/>
      <c r="HK3659" s="127"/>
      <c r="HL3659" s="126"/>
      <c r="HM3659" s="91"/>
      <c r="HN3659" s="91"/>
      <c r="HO3659" s="91"/>
      <c r="HP3659" s="91"/>
      <c r="HQ3659" s="91"/>
      <c r="HR3659" s="91"/>
      <c r="HS3659" s="91"/>
      <c r="HT3659" s="91"/>
      <c r="HU3659" s="91"/>
      <c r="HV3659" s="91"/>
      <c r="HW3659" s="91"/>
      <c r="HX3659" s="127"/>
      <c r="HY3659" s="126"/>
      <c r="HZ3659" s="91"/>
      <c r="IA3659" s="91"/>
      <c r="IB3659" s="91"/>
      <c r="IC3659" s="91"/>
      <c r="ID3659" s="91"/>
      <c r="IE3659" s="91"/>
      <c r="IF3659" s="91"/>
      <c r="IG3659" s="91"/>
      <c r="IH3659" s="91"/>
      <c r="II3659" s="91"/>
      <c r="IJ3659" s="91"/>
      <c r="IK3659" s="174"/>
    </row>
    <row r="3660" spans="2:245" x14ac:dyDescent="0.2">
      <c r="B3660" s="43"/>
      <c r="C3660" s="73"/>
      <c r="D3660" s="64"/>
      <c r="E3660" s="64"/>
      <c r="F3660" s="55"/>
      <c r="G3660" s="102"/>
      <c r="H3660" s="97"/>
      <c r="T3660" s="98"/>
      <c r="U3660" s="97"/>
      <c r="AG3660" s="98"/>
      <c r="AY3660" s="164"/>
      <c r="BK3660" s="98"/>
      <c r="BL3660" s="97"/>
      <c r="BX3660" s="98"/>
      <c r="CL3660" s="97"/>
      <c r="CX3660" s="98"/>
      <c r="DL3660" s="97"/>
      <c r="DX3660" s="98"/>
      <c r="EL3660" s="97"/>
      <c r="EX3660" s="98"/>
      <c r="EY3660" s="97"/>
      <c r="FL3660" s="126"/>
      <c r="FM3660" s="91"/>
      <c r="FN3660" s="91"/>
      <c r="FO3660" s="91"/>
      <c r="FP3660" s="91"/>
      <c r="FQ3660" s="91"/>
      <c r="FR3660" s="91"/>
      <c r="FS3660" s="91"/>
      <c r="FT3660" s="91"/>
      <c r="FU3660" s="91"/>
      <c r="FV3660" s="91"/>
      <c r="FW3660" s="91"/>
      <c r="FX3660" s="127"/>
      <c r="FY3660" s="126"/>
      <c r="FZ3660" s="91"/>
      <c r="GA3660" s="91"/>
      <c r="GB3660" s="91"/>
      <c r="GC3660" s="91"/>
      <c r="GD3660" s="91"/>
      <c r="GE3660" s="91"/>
      <c r="GF3660" s="91"/>
      <c r="GG3660" s="91"/>
      <c r="GH3660" s="91"/>
      <c r="GI3660" s="91"/>
      <c r="GJ3660" s="91"/>
      <c r="GK3660" s="127"/>
      <c r="GL3660" s="126"/>
      <c r="GM3660" s="91"/>
      <c r="GN3660" s="91"/>
      <c r="GO3660" s="91"/>
      <c r="GP3660" s="91"/>
      <c r="GQ3660" s="91"/>
      <c r="GR3660" s="91"/>
      <c r="GS3660" s="91"/>
      <c r="GT3660" s="91"/>
      <c r="GU3660" s="91"/>
      <c r="GV3660" s="91"/>
      <c r="GW3660" s="91"/>
      <c r="GX3660" s="127"/>
      <c r="GY3660" s="126"/>
      <c r="GZ3660" s="91"/>
      <c r="HA3660" s="91"/>
      <c r="HB3660" s="91"/>
      <c r="HC3660" s="91"/>
      <c r="HD3660" s="91"/>
      <c r="HE3660" s="91"/>
      <c r="HF3660" s="91"/>
      <c r="HG3660" s="91"/>
      <c r="HH3660" s="91"/>
      <c r="HI3660" s="91"/>
      <c r="HJ3660" s="91"/>
      <c r="HK3660" s="127"/>
      <c r="HL3660" s="126"/>
      <c r="HM3660" s="91"/>
      <c r="HN3660" s="91"/>
      <c r="HO3660" s="91"/>
      <c r="HP3660" s="91"/>
      <c r="HQ3660" s="91"/>
      <c r="HR3660" s="91"/>
      <c r="HS3660" s="91"/>
      <c r="HT3660" s="91"/>
      <c r="HU3660" s="91"/>
      <c r="HV3660" s="91"/>
      <c r="HW3660" s="91"/>
      <c r="HX3660" s="127"/>
      <c r="HY3660" s="126"/>
      <c r="HZ3660" s="91"/>
      <c r="IA3660" s="91"/>
      <c r="IB3660" s="91"/>
      <c r="IC3660" s="91"/>
      <c r="ID3660" s="91"/>
      <c r="IE3660" s="91"/>
      <c r="IF3660" s="91"/>
      <c r="IG3660" s="91"/>
      <c r="IH3660" s="91"/>
      <c r="II3660" s="91"/>
      <c r="IJ3660" s="91"/>
      <c r="IK3660" s="174"/>
    </row>
    <row r="3661" spans="2:245" x14ac:dyDescent="0.2">
      <c r="B3661" s="43"/>
      <c r="C3661" s="73"/>
      <c r="D3661" s="64"/>
      <c r="E3661" s="64"/>
      <c r="F3661" s="55"/>
      <c r="G3661" s="102"/>
      <c r="H3661" s="97"/>
      <c r="T3661" s="98"/>
      <c r="U3661" s="97"/>
      <c r="AG3661" s="98"/>
      <c r="AY3661" s="164"/>
      <c r="BK3661" s="98"/>
      <c r="BL3661" s="97"/>
      <c r="BX3661" s="98"/>
      <c r="CL3661" s="97"/>
      <c r="CX3661" s="98"/>
      <c r="DL3661" s="97"/>
      <c r="DX3661" s="98"/>
      <c r="EL3661" s="97"/>
      <c r="EX3661" s="98"/>
      <c r="EY3661" s="97"/>
      <c r="FL3661" s="126"/>
      <c r="FM3661" s="91"/>
      <c r="FN3661" s="91"/>
      <c r="FO3661" s="91"/>
      <c r="FP3661" s="91"/>
      <c r="FQ3661" s="91"/>
      <c r="FR3661" s="91"/>
      <c r="FS3661" s="91"/>
      <c r="FT3661" s="91"/>
      <c r="FU3661" s="91"/>
      <c r="FV3661" s="91"/>
      <c r="FW3661" s="91"/>
      <c r="FX3661" s="127"/>
      <c r="FY3661" s="126"/>
      <c r="FZ3661" s="91"/>
      <c r="GA3661" s="91"/>
      <c r="GB3661" s="91"/>
      <c r="GC3661" s="91"/>
      <c r="GD3661" s="91"/>
      <c r="GE3661" s="91"/>
      <c r="GF3661" s="91"/>
      <c r="GG3661" s="91"/>
      <c r="GH3661" s="91"/>
      <c r="GI3661" s="91"/>
      <c r="GJ3661" s="91"/>
      <c r="GK3661" s="127"/>
      <c r="GL3661" s="126"/>
      <c r="GM3661" s="91"/>
      <c r="GN3661" s="91"/>
      <c r="GO3661" s="91"/>
      <c r="GP3661" s="91"/>
      <c r="GQ3661" s="91"/>
      <c r="GR3661" s="91"/>
      <c r="GS3661" s="91"/>
      <c r="GT3661" s="91"/>
      <c r="GU3661" s="91"/>
      <c r="GV3661" s="91"/>
      <c r="GW3661" s="91"/>
      <c r="GX3661" s="127"/>
      <c r="GY3661" s="126"/>
      <c r="GZ3661" s="91"/>
      <c r="HA3661" s="91"/>
      <c r="HB3661" s="91"/>
      <c r="HC3661" s="91"/>
      <c r="HD3661" s="91"/>
      <c r="HE3661" s="91"/>
      <c r="HF3661" s="91"/>
      <c r="HG3661" s="91"/>
      <c r="HH3661" s="91"/>
      <c r="HI3661" s="91"/>
      <c r="HJ3661" s="91"/>
      <c r="HK3661" s="127"/>
      <c r="HL3661" s="126"/>
      <c r="HM3661" s="91"/>
      <c r="HN3661" s="91"/>
      <c r="HO3661" s="91"/>
      <c r="HP3661" s="91"/>
      <c r="HQ3661" s="91"/>
      <c r="HR3661" s="91"/>
      <c r="HS3661" s="91"/>
      <c r="HT3661" s="91"/>
      <c r="HU3661" s="91"/>
      <c r="HV3661" s="91"/>
      <c r="HW3661" s="91"/>
      <c r="HX3661" s="127"/>
      <c r="HY3661" s="126"/>
      <c r="HZ3661" s="91"/>
      <c r="IA3661" s="91"/>
      <c r="IB3661" s="91"/>
      <c r="IC3661" s="91"/>
      <c r="ID3661" s="91"/>
      <c r="IE3661" s="91"/>
      <c r="IF3661" s="91"/>
      <c r="IG3661" s="91"/>
      <c r="IH3661" s="91"/>
      <c r="II3661" s="91"/>
      <c r="IJ3661" s="91"/>
      <c r="IK3661" s="174"/>
    </row>
    <row r="3662" spans="2:245" x14ac:dyDescent="0.2">
      <c r="B3662" s="43"/>
      <c r="C3662" s="73"/>
      <c r="D3662" s="64"/>
      <c r="E3662" s="64"/>
      <c r="F3662" s="55"/>
      <c r="G3662" s="102"/>
      <c r="H3662" s="97"/>
      <c r="T3662" s="98"/>
      <c r="U3662" s="97"/>
      <c r="AG3662" s="98"/>
      <c r="AY3662" s="164"/>
      <c r="BK3662" s="98"/>
      <c r="BL3662" s="97"/>
      <c r="BX3662" s="98"/>
      <c r="CL3662" s="97"/>
      <c r="CX3662" s="98"/>
      <c r="DL3662" s="97"/>
      <c r="DX3662" s="98"/>
      <c r="EL3662" s="97"/>
      <c r="EX3662" s="98"/>
      <c r="EY3662" s="97"/>
      <c r="FL3662" s="126"/>
      <c r="FM3662" s="91"/>
      <c r="FN3662" s="91"/>
      <c r="FO3662" s="91"/>
      <c r="FP3662" s="91"/>
      <c r="FQ3662" s="91"/>
      <c r="FR3662" s="91"/>
      <c r="FS3662" s="91"/>
      <c r="FT3662" s="91"/>
      <c r="FU3662" s="91"/>
      <c r="FV3662" s="91"/>
      <c r="FW3662" s="91"/>
      <c r="FX3662" s="127"/>
      <c r="FY3662" s="126"/>
      <c r="FZ3662" s="91"/>
      <c r="GA3662" s="91"/>
      <c r="GB3662" s="91"/>
      <c r="GC3662" s="91"/>
      <c r="GD3662" s="91"/>
      <c r="GE3662" s="91"/>
      <c r="GF3662" s="91"/>
      <c r="GG3662" s="91"/>
      <c r="GH3662" s="91"/>
      <c r="GI3662" s="91"/>
      <c r="GJ3662" s="91"/>
      <c r="GK3662" s="127"/>
      <c r="GL3662" s="126"/>
      <c r="GM3662" s="91"/>
      <c r="GN3662" s="91"/>
      <c r="GO3662" s="91"/>
      <c r="GP3662" s="91"/>
      <c r="GQ3662" s="91"/>
      <c r="GR3662" s="91"/>
      <c r="GS3662" s="91"/>
      <c r="GT3662" s="91"/>
      <c r="GU3662" s="91"/>
      <c r="GV3662" s="91"/>
      <c r="GW3662" s="91"/>
      <c r="GX3662" s="127"/>
      <c r="GY3662" s="126"/>
      <c r="GZ3662" s="91"/>
      <c r="HA3662" s="91"/>
      <c r="HB3662" s="91"/>
      <c r="HC3662" s="91"/>
      <c r="HD3662" s="91"/>
      <c r="HE3662" s="91"/>
      <c r="HF3662" s="91"/>
      <c r="HG3662" s="91"/>
      <c r="HH3662" s="91"/>
      <c r="HI3662" s="91"/>
      <c r="HJ3662" s="91"/>
      <c r="HK3662" s="127"/>
      <c r="HL3662" s="126"/>
      <c r="HM3662" s="91"/>
      <c r="HN3662" s="91"/>
      <c r="HO3662" s="91"/>
      <c r="HP3662" s="91"/>
      <c r="HQ3662" s="91"/>
      <c r="HR3662" s="91"/>
      <c r="HS3662" s="91"/>
      <c r="HT3662" s="91"/>
      <c r="HU3662" s="91"/>
      <c r="HV3662" s="91"/>
      <c r="HW3662" s="91"/>
      <c r="HX3662" s="127"/>
      <c r="HY3662" s="126"/>
      <c r="HZ3662" s="91"/>
      <c r="IA3662" s="91"/>
      <c r="IB3662" s="91"/>
      <c r="IC3662" s="91"/>
      <c r="ID3662" s="91"/>
      <c r="IE3662" s="91"/>
      <c r="IF3662" s="91"/>
      <c r="IG3662" s="91"/>
      <c r="IH3662" s="91"/>
      <c r="II3662" s="91"/>
      <c r="IJ3662" s="91"/>
      <c r="IK3662" s="174"/>
    </row>
    <row r="3663" spans="2:245" x14ac:dyDescent="0.2">
      <c r="B3663" s="43"/>
      <c r="C3663" s="73"/>
      <c r="D3663" s="64"/>
      <c r="E3663" s="64"/>
      <c r="F3663" s="55"/>
      <c r="G3663" s="102"/>
      <c r="H3663" s="97"/>
      <c r="T3663" s="98"/>
      <c r="U3663" s="97"/>
      <c r="AG3663" s="98"/>
      <c r="AY3663" s="164"/>
      <c r="BK3663" s="98"/>
      <c r="BL3663" s="97"/>
      <c r="BX3663" s="98"/>
      <c r="CL3663" s="97"/>
      <c r="CX3663" s="98"/>
      <c r="DL3663" s="97"/>
      <c r="DX3663" s="98"/>
      <c r="EL3663" s="97"/>
      <c r="EX3663" s="98"/>
      <c r="EY3663" s="97"/>
      <c r="FL3663" s="126"/>
      <c r="FM3663" s="91"/>
      <c r="FN3663" s="91"/>
      <c r="FO3663" s="91"/>
      <c r="FP3663" s="91"/>
      <c r="FQ3663" s="91"/>
      <c r="FR3663" s="91"/>
      <c r="FS3663" s="91"/>
      <c r="FT3663" s="91"/>
      <c r="FU3663" s="91"/>
      <c r="FV3663" s="91"/>
      <c r="FW3663" s="91"/>
      <c r="FX3663" s="127"/>
      <c r="FY3663" s="126"/>
      <c r="FZ3663" s="91"/>
      <c r="GA3663" s="91"/>
      <c r="GB3663" s="91"/>
      <c r="GC3663" s="91"/>
      <c r="GD3663" s="91"/>
      <c r="GE3663" s="91"/>
      <c r="GF3663" s="91"/>
      <c r="GG3663" s="91"/>
      <c r="GH3663" s="91"/>
      <c r="GI3663" s="91"/>
      <c r="GJ3663" s="91"/>
      <c r="GK3663" s="127"/>
      <c r="GL3663" s="126"/>
      <c r="GM3663" s="91"/>
      <c r="GN3663" s="91"/>
      <c r="GO3663" s="91"/>
      <c r="GP3663" s="91"/>
      <c r="GQ3663" s="91"/>
      <c r="GR3663" s="91"/>
      <c r="GS3663" s="91"/>
      <c r="GT3663" s="91"/>
      <c r="GU3663" s="91"/>
      <c r="GV3663" s="91"/>
      <c r="GW3663" s="91"/>
      <c r="GX3663" s="127"/>
      <c r="GY3663" s="126"/>
      <c r="GZ3663" s="91"/>
      <c r="HA3663" s="91"/>
      <c r="HB3663" s="91"/>
      <c r="HC3663" s="91"/>
      <c r="HD3663" s="91"/>
      <c r="HE3663" s="91"/>
      <c r="HF3663" s="91"/>
      <c r="HG3663" s="91"/>
      <c r="HH3663" s="91"/>
      <c r="HI3663" s="91"/>
      <c r="HJ3663" s="91"/>
      <c r="HK3663" s="127"/>
      <c r="HL3663" s="126"/>
      <c r="HM3663" s="91"/>
      <c r="HN3663" s="91"/>
      <c r="HO3663" s="91"/>
      <c r="HP3663" s="91"/>
      <c r="HQ3663" s="91"/>
      <c r="HR3663" s="91"/>
      <c r="HS3663" s="91"/>
      <c r="HT3663" s="91"/>
      <c r="HU3663" s="91"/>
      <c r="HV3663" s="91"/>
      <c r="HW3663" s="91"/>
      <c r="HX3663" s="127"/>
      <c r="HY3663" s="126"/>
      <c r="HZ3663" s="91"/>
      <c r="IA3663" s="91"/>
      <c r="IB3663" s="91"/>
      <c r="IC3663" s="91"/>
      <c r="ID3663" s="91"/>
      <c r="IE3663" s="91"/>
      <c r="IF3663" s="91"/>
      <c r="IG3663" s="91"/>
      <c r="IH3663" s="91"/>
      <c r="II3663" s="91"/>
      <c r="IJ3663" s="91"/>
      <c r="IK3663" s="174"/>
    </row>
    <row r="3664" spans="2:245" x14ac:dyDescent="0.2">
      <c r="B3664" s="43"/>
      <c r="C3664" s="73"/>
      <c r="D3664" s="64"/>
      <c r="E3664" s="64"/>
      <c r="F3664" s="55"/>
      <c r="G3664" s="102"/>
      <c r="H3664" s="97"/>
      <c r="T3664" s="98"/>
      <c r="U3664" s="97"/>
      <c r="AG3664" s="98"/>
      <c r="AY3664" s="164"/>
      <c r="BK3664" s="98"/>
      <c r="BL3664" s="97"/>
      <c r="BX3664" s="98"/>
      <c r="CL3664" s="97"/>
      <c r="CX3664" s="98"/>
      <c r="DL3664" s="97"/>
      <c r="DX3664" s="98"/>
      <c r="EL3664" s="97"/>
      <c r="EX3664" s="98"/>
      <c r="EY3664" s="97"/>
      <c r="FL3664" s="126"/>
      <c r="FM3664" s="91"/>
      <c r="FN3664" s="91"/>
      <c r="FO3664" s="91"/>
      <c r="FP3664" s="91"/>
      <c r="FQ3664" s="91"/>
      <c r="FR3664" s="91"/>
      <c r="FS3664" s="91"/>
      <c r="FT3664" s="91"/>
      <c r="FU3664" s="91"/>
      <c r="FV3664" s="91"/>
      <c r="FW3664" s="91"/>
      <c r="FX3664" s="127"/>
      <c r="FY3664" s="126"/>
      <c r="FZ3664" s="91"/>
      <c r="GA3664" s="91"/>
      <c r="GB3664" s="91"/>
      <c r="GC3664" s="91"/>
      <c r="GD3664" s="91"/>
      <c r="GE3664" s="91"/>
      <c r="GF3664" s="91"/>
      <c r="GG3664" s="91"/>
      <c r="GH3664" s="91"/>
      <c r="GI3664" s="91"/>
      <c r="GJ3664" s="91"/>
      <c r="GK3664" s="127"/>
      <c r="GL3664" s="126"/>
      <c r="GM3664" s="91"/>
      <c r="GN3664" s="91"/>
      <c r="GO3664" s="91"/>
      <c r="GP3664" s="91"/>
      <c r="GQ3664" s="91"/>
      <c r="GR3664" s="91"/>
      <c r="GS3664" s="91"/>
      <c r="GT3664" s="91"/>
      <c r="GU3664" s="91"/>
      <c r="GV3664" s="91"/>
      <c r="GW3664" s="91"/>
      <c r="GX3664" s="127"/>
      <c r="GY3664" s="126"/>
      <c r="GZ3664" s="91"/>
      <c r="HA3664" s="91"/>
      <c r="HB3664" s="91"/>
      <c r="HC3664" s="91"/>
      <c r="HD3664" s="91"/>
      <c r="HE3664" s="91"/>
      <c r="HF3664" s="91"/>
      <c r="HG3664" s="91"/>
      <c r="HH3664" s="91"/>
      <c r="HI3664" s="91"/>
      <c r="HJ3664" s="91"/>
      <c r="HK3664" s="127"/>
      <c r="HL3664" s="126"/>
      <c r="HM3664" s="91"/>
      <c r="HN3664" s="91"/>
      <c r="HO3664" s="91"/>
      <c r="HP3664" s="91"/>
      <c r="HQ3664" s="91"/>
      <c r="HR3664" s="91"/>
      <c r="HS3664" s="91"/>
      <c r="HT3664" s="91"/>
      <c r="HU3664" s="91"/>
      <c r="HV3664" s="91"/>
      <c r="HW3664" s="91"/>
      <c r="HX3664" s="127"/>
      <c r="HY3664" s="126"/>
      <c r="HZ3664" s="91"/>
      <c r="IA3664" s="91"/>
      <c r="IB3664" s="91"/>
      <c r="IC3664" s="91"/>
      <c r="ID3664" s="91"/>
      <c r="IE3664" s="91"/>
      <c r="IF3664" s="91"/>
      <c r="IG3664" s="91"/>
      <c r="IH3664" s="91"/>
      <c r="II3664" s="91"/>
      <c r="IJ3664" s="91"/>
      <c r="IK3664" s="174"/>
    </row>
    <row r="3665" spans="2:245" x14ac:dyDescent="0.2">
      <c r="B3665" s="43"/>
      <c r="C3665" s="73"/>
      <c r="D3665" s="64"/>
      <c r="E3665" s="64"/>
      <c r="F3665" s="55"/>
      <c r="G3665" s="102"/>
      <c r="H3665" s="97"/>
      <c r="T3665" s="98"/>
      <c r="U3665" s="97"/>
      <c r="AG3665" s="98"/>
      <c r="AY3665" s="164"/>
      <c r="BK3665" s="98"/>
      <c r="BL3665" s="97"/>
      <c r="BX3665" s="98"/>
      <c r="CL3665" s="97"/>
      <c r="CX3665" s="98"/>
      <c r="DL3665" s="97"/>
      <c r="DX3665" s="98"/>
      <c r="EL3665" s="97"/>
      <c r="EX3665" s="98"/>
      <c r="EY3665" s="97"/>
      <c r="FL3665" s="126"/>
      <c r="FM3665" s="91"/>
      <c r="FN3665" s="91"/>
      <c r="FO3665" s="91"/>
      <c r="FP3665" s="91"/>
      <c r="FQ3665" s="91"/>
      <c r="FR3665" s="91"/>
      <c r="FS3665" s="91"/>
      <c r="FT3665" s="91"/>
      <c r="FU3665" s="91"/>
      <c r="FV3665" s="91"/>
      <c r="FW3665" s="91"/>
      <c r="FX3665" s="127"/>
      <c r="FY3665" s="126"/>
      <c r="FZ3665" s="91"/>
      <c r="GA3665" s="91"/>
      <c r="GB3665" s="91"/>
      <c r="GC3665" s="91"/>
      <c r="GD3665" s="91"/>
      <c r="GE3665" s="91"/>
      <c r="GF3665" s="91"/>
      <c r="GG3665" s="91"/>
      <c r="GH3665" s="91"/>
      <c r="GI3665" s="91"/>
      <c r="GJ3665" s="91"/>
      <c r="GK3665" s="127"/>
      <c r="GL3665" s="126"/>
      <c r="GM3665" s="91"/>
      <c r="GN3665" s="91"/>
      <c r="GO3665" s="91"/>
      <c r="GP3665" s="91"/>
      <c r="GQ3665" s="91"/>
      <c r="GR3665" s="91"/>
      <c r="GS3665" s="91"/>
      <c r="GT3665" s="91"/>
      <c r="GU3665" s="91"/>
      <c r="GV3665" s="91"/>
      <c r="GW3665" s="91"/>
      <c r="GX3665" s="127"/>
      <c r="GY3665" s="126"/>
      <c r="GZ3665" s="91"/>
      <c r="HA3665" s="91"/>
      <c r="HB3665" s="91"/>
      <c r="HC3665" s="91"/>
      <c r="HD3665" s="91"/>
      <c r="HE3665" s="91"/>
      <c r="HF3665" s="91"/>
      <c r="HG3665" s="91"/>
      <c r="HH3665" s="91"/>
      <c r="HI3665" s="91"/>
      <c r="HJ3665" s="91"/>
      <c r="HK3665" s="127"/>
      <c r="HL3665" s="126"/>
      <c r="HM3665" s="91"/>
      <c r="HN3665" s="91"/>
      <c r="HO3665" s="91"/>
      <c r="HP3665" s="91"/>
      <c r="HQ3665" s="91"/>
      <c r="HR3665" s="91"/>
      <c r="HS3665" s="91"/>
      <c r="HT3665" s="91"/>
      <c r="HU3665" s="91"/>
      <c r="HV3665" s="91"/>
      <c r="HW3665" s="91"/>
      <c r="HX3665" s="127"/>
      <c r="HY3665" s="126"/>
      <c r="HZ3665" s="91"/>
      <c r="IA3665" s="91"/>
      <c r="IB3665" s="91"/>
      <c r="IC3665" s="91"/>
      <c r="ID3665" s="91"/>
      <c r="IE3665" s="91"/>
      <c r="IF3665" s="91"/>
      <c r="IG3665" s="91"/>
      <c r="IH3665" s="91"/>
      <c r="II3665" s="91"/>
      <c r="IJ3665" s="91"/>
      <c r="IK3665" s="174"/>
    </row>
    <row r="3666" spans="2:245" x14ac:dyDescent="0.2">
      <c r="B3666" s="43"/>
      <c r="C3666" s="73"/>
      <c r="D3666" s="64"/>
      <c r="E3666" s="64"/>
      <c r="F3666" s="55"/>
      <c r="G3666" s="102"/>
      <c r="H3666" s="97"/>
      <c r="T3666" s="98"/>
      <c r="U3666" s="97"/>
      <c r="AG3666" s="98"/>
      <c r="AY3666" s="164"/>
      <c r="BK3666" s="98"/>
      <c r="BL3666" s="97"/>
      <c r="BX3666" s="98"/>
      <c r="CL3666" s="97"/>
      <c r="CX3666" s="98"/>
      <c r="DL3666" s="97"/>
      <c r="DX3666" s="98"/>
      <c r="EL3666" s="97"/>
      <c r="EX3666" s="98"/>
      <c r="EY3666" s="97"/>
      <c r="FL3666" s="126"/>
      <c r="FM3666" s="91"/>
      <c r="FN3666" s="91"/>
      <c r="FO3666" s="91"/>
      <c r="FP3666" s="91"/>
      <c r="FQ3666" s="91"/>
      <c r="FR3666" s="91"/>
      <c r="FS3666" s="91"/>
      <c r="FT3666" s="91"/>
      <c r="FU3666" s="91"/>
      <c r="FV3666" s="91"/>
      <c r="FW3666" s="91"/>
      <c r="FX3666" s="127"/>
      <c r="FY3666" s="126"/>
      <c r="FZ3666" s="91"/>
      <c r="GA3666" s="91"/>
      <c r="GB3666" s="91"/>
      <c r="GC3666" s="91"/>
      <c r="GD3666" s="91"/>
      <c r="GE3666" s="91"/>
      <c r="GF3666" s="91"/>
      <c r="GG3666" s="91"/>
      <c r="GH3666" s="91"/>
      <c r="GI3666" s="91"/>
      <c r="GJ3666" s="91"/>
      <c r="GK3666" s="127"/>
      <c r="GL3666" s="126"/>
      <c r="GM3666" s="91"/>
      <c r="GN3666" s="91"/>
      <c r="GO3666" s="91"/>
      <c r="GP3666" s="91"/>
      <c r="GQ3666" s="91"/>
      <c r="GR3666" s="91"/>
      <c r="GS3666" s="91"/>
      <c r="GT3666" s="91"/>
      <c r="GU3666" s="91"/>
      <c r="GV3666" s="91"/>
      <c r="GW3666" s="91"/>
      <c r="GX3666" s="127"/>
      <c r="GY3666" s="126"/>
      <c r="GZ3666" s="91"/>
      <c r="HA3666" s="91"/>
      <c r="HB3666" s="91"/>
      <c r="HC3666" s="91"/>
      <c r="HD3666" s="91"/>
      <c r="HE3666" s="91"/>
      <c r="HF3666" s="91"/>
      <c r="HG3666" s="91"/>
      <c r="HH3666" s="91"/>
      <c r="HI3666" s="91"/>
      <c r="HJ3666" s="91"/>
      <c r="HK3666" s="127"/>
      <c r="HL3666" s="126"/>
      <c r="HM3666" s="91"/>
      <c r="HN3666" s="91"/>
      <c r="HO3666" s="91"/>
      <c r="HP3666" s="91"/>
      <c r="HQ3666" s="91"/>
      <c r="HR3666" s="91"/>
      <c r="HS3666" s="91"/>
      <c r="HT3666" s="91"/>
      <c r="HU3666" s="91"/>
      <c r="HV3666" s="91"/>
      <c r="HW3666" s="91"/>
      <c r="HX3666" s="127"/>
      <c r="HY3666" s="126"/>
      <c r="HZ3666" s="91"/>
      <c r="IA3666" s="91"/>
      <c r="IB3666" s="91"/>
      <c r="IC3666" s="91"/>
      <c r="ID3666" s="91"/>
      <c r="IE3666" s="91"/>
      <c r="IF3666" s="91"/>
      <c r="IG3666" s="91"/>
      <c r="IH3666" s="91"/>
      <c r="II3666" s="91"/>
      <c r="IJ3666" s="91"/>
      <c r="IK3666" s="174"/>
    </row>
    <row r="3667" spans="2:245" x14ac:dyDescent="0.2">
      <c r="B3667" s="43"/>
      <c r="C3667" s="73"/>
      <c r="D3667" s="64"/>
      <c r="E3667" s="64"/>
      <c r="F3667" s="55"/>
      <c r="G3667" s="102"/>
      <c r="H3667" s="97"/>
      <c r="T3667" s="98"/>
      <c r="U3667" s="97"/>
      <c r="AG3667" s="98"/>
      <c r="AY3667" s="164"/>
      <c r="BK3667" s="98"/>
      <c r="BL3667" s="97"/>
      <c r="BX3667" s="98"/>
      <c r="CL3667" s="97"/>
      <c r="CX3667" s="98"/>
      <c r="DL3667" s="97"/>
      <c r="DX3667" s="98"/>
      <c r="EL3667" s="97"/>
      <c r="EX3667" s="98"/>
      <c r="EY3667" s="97"/>
      <c r="FL3667" s="126"/>
      <c r="FM3667" s="91"/>
      <c r="FN3667" s="91"/>
      <c r="FO3667" s="91"/>
      <c r="FP3667" s="91"/>
      <c r="FQ3667" s="91"/>
      <c r="FR3667" s="91"/>
      <c r="FS3667" s="91"/>
      <c r="FT3667" s="91"/>
      <c r="FU3667" s="91"/>
      <c r="FV3667" s="91"/>
      <c r="FW3667" s="91"/>
      <c r="FX3667" s="127"/>
      <c r="FY3667" s="126"/>
      <c r="FZ3667" s="91"/>
      <c r="GA3667" s="91"/>
      <c r="GB3667" s="91"/>
      <c r="GC3667" s="91"/>
      <c r="GD3667" s="91"/>
      <c r="GE3667" s="91"/>
      <c r="GF3667" s="91"/>
      <c r="GG3667" s="91"/>
      <c r="GH3667" s="91"/>
      <c r="GI3667" s="91"/>
      <c r="GJ3667" s="91"/>
      <c r="GK3667" s="127"/>
      <c r="GL3667" s="126"/>
      <c r="GM3667" s="91"/>
      <c r="GN3667" s="91"/>
      <c r="GO3667" s="91"/>
      <c r="GP3667" s="91"/>
      <c r="GQ3667" s="91"/>
      <c r="GR3667" s="91"/>
      <c r="GS3667" s="91"/>
      <c r="GT3667" s="91"/>
      <c r="GU3667" s="91"/>
      <c r="GV3667" s="91"/>
      <c r="GW3667" s="91"/>
      <c r="GX3667" s="127"/>
      <c r="GY3667" s="126"/>
      <c r="GZ3667" s="91"/>
      <c r="HA3667" s="91"/>
      <c r="HB3667" s="91"/>
      <c r="HC3667" s="91"/>
      <c r="HD3667" s="91"/>
      <c r="HE3667" s="91"/>
      <c r="HF3667" s="91"/>
      <c r="HG3667" s="91"/>
      <c r="HH3667" s="91"/>
      <c r="HI3667" s="91"/>
      <c r="HJ3667" s="91"/>
      <c r="HK3667" s="127"/>
      <c r="HL3667" s="126"/>
      <c r="HM3667" s="91"/>
      <c r="HN3667" s="91"/>
      <c r="HO3667" s="91"/>
      <c r="HP3667" s="91"/>
      <c r="HQ3667" s="91"/>
      <c r="HR3667" s="91"/>
      <c r="HS3667" s="91"/>
      <c r="HT3667" s="91"/>
      <c r="HU3667" s="91"/>
      <c r="HV3667" s="91"/>
      <c r="HW3667" s="91"/>
      <c r="HX3667" s="127"/>
      <c r="HY3667" s="126"/>
      <c r="HZ3667" s="91"/>
      <c r="IA3667" s="91"/>
      <c r="IB3667" s="91"/>
      <c r="IC3667" s="91"/>
      <c r="ID3667" s="91"/>
      <c r="IE3667" s="91"/>
      <c r="IF3667" s="91"/>
      <c r="IG3667" s="91"/>
      <c r="IH3667" s="91"/>
      <c r="II3667" s="91"/>
      <c r="IJ3667" s="91"/>
      <c r="IK3667" s="174"/>
    </row>
    <row r="3668" spans="2:245" x14ac:dyDescent="0.2">
      <c r="B3668" s="43"/>
      <c r="C3668" s="73"/>
      <c r="D3668" s="64"/>
      <c r="E3668" s="64"/>
      <c r="F3668" s="55"/>
      <c r="G3668" s="102"/>
      <c r="H3668" s="97"/>
      <c r="T3668" s="98"/>
      <c r="U3668" s="97"/>
      <c r="AG3668" s="98"/>
      <c r="AY3668" s="164"/>
      <c r="BK3668" s="98"/>
      <c r="BL3668" s="97"/>
      <c r="BX3668" s="98"/>
      <c r="CL3668" s="97"/>
      <c r="CX3668" s="98"/>
      <c r="DL3668" s="97"/>
      <c r="DX3668" s="98"/>
      <c r="EL3668" s="97"/>
      <c r="EX3668" s="98"/>
      <c r="EY3668" s="97"/>
      <c r="FL3668" s="126"/>
      <c r="FM3668" s="91"/>
      <c r="FN3668" s="91"/>
      <c r="FO3668" s="91"/>
      <c r="FP3668" s="91"/>
      <c r="FQ3668" s="91"/>
      <c r="FR3668" s="91"/>
      <c r="FS3668" s="91"/>
      <c r="FT3668" s="91"/>
      <c r="FU3668" s="91"/>
      <c r="FV3668" s="91"/>
      <c r="FW3668" s="91"/>
      <c r="FX3668" s="127"/>
      <c r="FY3668" s="126"/>
      <c r="FZ3668" s="91"/>
      <c r="GA3668" s="91"/>
      <c r="GB3668" s="91"/>
      <c r="GC3668" s="91"/>
      <c r="GD3668" s="91"/>
      <c r="GE3668" s="91"/>
      <c r="GF3668" s="91"/>
      <c r="GG3668" s="91"/>
      <c r="GH3668" s="91"/>
      <c r="GI3668" s="91"/>
      <c r="GJ3668" s="91"/>
      <c r="GK3668" s="127"/>
      <c r="GL3668" s="126"/>
      <c r="GM3668" s="91"/>
      <c r="GN3668" s="91"/>
      <c r="GO3668" s="91"/>
      <c r="GP3668" s="91"/>
      <c r="GQ3668" s="91"/>
      <c r="GR3668" s="91"/>
      <c r="GS3668" s="91"/>
      <c r="GT3668" s="91"/>
      <c r="GU3668" s="91"/>
      <c r="GV3668" s="91"/>
      <c r="GW3668" s="91"/>
      <c r="GX3668" s="127"/>
      <c r="GY3668" s="126"/>
      <c r="GZ3668" s="91"/>
      <c r="HA3668" s="91"/>
      <c r="HB3668" s="91"/>
      <c r="HC3668" s="91"/>
      <c r="HD3668" s="91"/>
      <c r="HE3668" s="91"/>
      <c r="HF3668" s="91"/>
      <c r="HG3668" s="91"/>
      <c r="HH3668" s="91"/>
      <c r="HI3668" s="91"/>
      <c r="HJ3668" s="91"/>
      <c r="HK3668" s="127"/>
      <c r="HL3668" s="126"/>
      <c r="HM3668" s="91"/>
      <c r="HN3668" s="91"/>
      <c r="HO3668" s="91"/>
      <c r="HP3668" s="91"/>
      <c r="HQ3668" s="91"/>
      <c r="HR3668" s="91"/>
      <c r="HS3668" s="91"/>
      <c r="HT3668" s="91"/>
      <c r="HU3668" s="91"/>
      <c r="HV3668" s="91"/>
      <c r="HW3668" s="91"/>
      <c r="HX3668" s="127"/>
      <c r="HY3668" s="126"/>
      <c r="HZ3668" s="91"/>
      <c r="IA3668" s="91"/>
      <c r="IB3668" s="91"/>
      <c r="IC3668" s="91"/>
      <c r="ID3668" s="91"/>
      <c r="IE3668" s="91"/>
      <c r="IF3668" s="91"/>
      <c r="IG3668" s="91"/>
      <c r="IH3668" s="91"/>
      <c r="II3668" s="91"/>
      <c r="IJ3668" s="91"/>
      <c r="IK3668" s="174"/>
    </row>
    <row r="3669" spans="2:245" x14ac:dyDescent="0.2">
      <c r="B3669" s="43"/>
      <c r="C3669" s="73"/>
      <c r="D3669" s="64"/>
      <c r="E3669" s="64"/>
      <c r="F3669" s="55"/>
      <c r="G3669" s="102"/>
      <c r="H3669" s="97"/>
      <c r="T3669" s="98"/>
      <c r="U3669" s="97"/>
      <c r="AG3669" s="98"/>
      <c r="AY3669" s="164"/>
      <c r="BK3669" s="98"/>
      <c r="BL3669" s="97"/>
      <c r="BX3669" s="98"/>
      <c r="CL3669" s="97"/>
      <c r="CX3669" s="98"/>
      <c r="DL3669" s="97"/>
      <c r="DX3669" s="98"/>
      <c r="EL3669" s="97"/>
      <c r="EX3669" s="98"/>
      <c r="EY3669" s="97"/>
      <c r="FL3669" s="126"/>
      <c r="FM3669" s="91"/>
      <c r="FN3669" s="91"/>
      <c r="FO3669" s="91"/>
      <c r="FP3669" s="91"/>
      <c r="FQ3669" s="91"/>
      <c r="FR3669" s="91"/>
      <c r="FS3669" s="91"/>
      <c r="FT3669" s="91"/>
      <c r="FU3669" s="91"/>
      <c r="FV3669" s="91"/>
      <c r="FW3669" s="91"/>
      <c r="FX3669" s="127"/>
      <c r="FY3669" s="126"/>
      <c r="FZ3669" s="91"/>
      <c r="GA3669" s="91"/>
      <c r="GB3669" s="91"/>
      <c r="GC3669" s="91"/>
      <c r="GD3669" s="91"/>
      <c r="GE3669" s="91"/>
      <c r="GF3669" s="91"/>
      <c r="GG3669" s="91"/>
      <c r="GH3669" s="91"/>
      <c r="GI3669" s="91"/>
      <c r="GJ3669" s="91"/>
      <c r="GK3669" s="127"/>
      <c r="GL3669" s="126"/>
      <c r="GM3669" s="91"/>
      <c r="GN3669" s="91"/>
      <c r="GO3669" s="91"/>
      <c r="GP3669" s="91"/>
      <c r="GQ3669" s="91"/>
      <c r="GR3669" s="91"/>
      <c r="GS3669" s="91"/>
      <c r="GT3669" s="91"/>
      <c r="GU3669" s="91"/>
      <c r="GV3669" s="91"/>
      <c r="GW3669" s="91"/>
      <c r="GX3669" s="127"/>
      <c r="GY3669" s="126"/>
      <c r="GZ3669" s="91"/>
      <c r="HA3669" s="91"/>
      <c r="HB3669" s="91"/>
      <c r="HC3669" s="91"/>
      <c r="HD3669" s="91"/>
      <c r="HE3669" s="91"/>
      <c r="HF3669" s="91"/>
      <c r="HG3669" s="91"/>
      <c r="HH3669" s="91"/>
      <c r="HI3669" s="91"/>
      <c r="HJ3669" s="91"/>
      <c r="HK3669" s="127"/>
      <c r="HL3669" s="126"/>
      <c r="HM3669" s="91"/>
      <c r="HN3669" s="91"/>
      <c r="HO3669" s="91"/>
      <c r="HP3669" s="91"/>
      <c r="HQ3669" s="91"/>
      <c r="HR3669" s="91"/>
      <c r="HS3669" s="91"/>
      <c r="HT3669" s="91"/>
      <c r="HU3669" s="91"/>
      <c r="HV3669" s="91"/>
      <c r="HW3669" s="91"/>
      <c r="HX3669" s="127"/>
      <c r="HY3669" s="126"/>
      <c r="HZ3669" s="91"/>
      <c r="IA3669" s="91"/>
      <c r="IB3669" s="91"/>
      <c r="IC3669" s="91"/>
      <c r="ID3669" s="91"/>
      <c r="IE3669" s="91"/>
      <c r="IF3669" s="91"/>
      <c r="IG3669" s="91"/>
      <c r="IH3669" s="91"/>
      <c r="II3669" s="91"/>
      <c r="IJ3669" s="91"/>
      <c r="IK3669" s="174"/>
    </row>
    <row r="3670" spans="2:245" x14ac:dyDescent="0.2">
      <c r="B3670" s="43"/>
      <c r="C3670" s="73"/>
      <c r="D3670" s="64"/>
      <c r="E3670" s="64"/>
      <c r="F3670" s="55"/>
      <c r="G3670" s="102"/>
      <c r="H3670" s="97"/>
      <c r="T3670" s="98"/>
      <c r="U3670" s="97"/>
      <c r="AG3670" s="98"/>
      <c r="AY3670" s="164"/>
      <c r="BK3670" s="98"/>
      <c r="BL3670" s="97"/>
      <c r="BX3670" s="98"/>
      <c r="CL3670" s="97"/>
      <c r="CX3670" s="98"/>
      <c r="DL3670" s="97"/>
      <c r="DX3670" s="98"/>
      <c r="EL3670" s="97"/>
      <c r="EX3670" s="98"/>
      <c r="EY3670" s="97"/>
      <c r="FL3670" s="126"/>
      <c r="FM3670" s="91"/>
      <c r="FN3670" s="91"/>
      <c r="FO3670" s="91"/>
      <c r="FP3670" s="91"/>
      <c r="FQ3670" s="91"/>
      <c r="FR3670" s="91"/>
      <c r="FS3670" s="91"/>
      <c r="FT3670" s="91"/>
      <c r="FU3670" s="91"/>
      <c r="FV3670" s="91"/>
      <c r="FW3670" s="91"/>
      <c r="FX3670" s="127"/>
      <c r="FY3670" s="126"/>
      <c r="FZ3670" s="91"/>
      <c r="GA3670" s="91"/>
      <c r="GB3670" s="91"/>
      <c r="GC3670" s="91"/>
      <c r="GD3670" s="91"/>
      <c r="GE3670" s="91"/>
      <c r="GF3670" s="91"/>
      <c r="GG3670" s="91"/>
      <c r="GH3670" s="91"/>
      <c r="GI3670" s="91"/>
      <c r="GJ3670" s="91"/>
      <c r="GK3670" s="127"/>
      <c r="GL3670" s="126"/>
      <c r="GM3670" s="91"/>
      <c r="GN3670" s="91"/>
      <c r="GO3670" s="91"/>
      <c r="GP3670" s="91"/>
      <c r="GQ3670" s="91"/>
      <c r="GR3670" s="91"/>
      <c r="GS3670" s="91"/>
      <c r="GT3670" s="91"/>
      <c r="GU3670" s="91"/>
      <c r="GV3670" s="91"/>
      <c r="GW3670" s="91"/>
      <c r="GX3670" s="127"/>
      <c r="GY3670" s="126"/>
      <c r="GZ3670" s="91"/>
      <c r="HA3670" s="91"/>
      <c r="HB3670" s="91"/>
      <c r="HC3670" s="91"/>
      <c r="HD3670" s="91"/>
      <c r="HE3670" s="91"/>
      <c r="HF3670" s="91"/>
      <c r="HG3670" s="91"/>
      <c r="HH3670" s="91"/>
      <c r="HI3670" s="91"/>
      <c r="HJ3670" s="91"/>
      <c r="HK3670" s="127"/>
      <c r="HL3670" s="126"/>
      <c r="HM3670" s="91"/>
      <c r="HN3670" s="91"/>
      <c r="HO3670" s="91"/>
      <c r="HP3670" s="91"/>
      <c r="HQ3670" s="91"/>
      <c r="HR3670" s="91"/>
      <c r="HS3670" s="91"/>
      <c r="HT3670" s="91"/>
      <c r="HU3670" s="91"/>
      <c r="HV3670" s="91"/>
      <c r="HW3670" s="91"/>
      <c r="HX3670" s="127"/>
      <c r="HY3670" s="126"/>
      <c r="HZ3670" s="91"/>
      <c r="IA3670" s="91"/>
      <c r="IB3670" s="91"/>
      <c r="IC3670" s="91"/>
      <c r="ID3670" s="91"/>
      <c r="IE3670" s="91"/>
      <c r="IF3670" s="91"/>
      <c r="IG3670" s="91"/>
      <c r="IH3670" s="91"/>
      <c r="II3670" s="91"/>
      <c r="IJ3670" s="91"/>
      <c r="IK3670" s="174"/>
    </row>
    <row r="3671" spans="2:245" x14ac:dyDescent="0.2">
      <c r="B3671" s="43"/>
      <c r="C3671" s="73"/>
      <c r="D3671" s="64"/>
      <c r="E3671" s="64"/>
      <c r="F3671" s="55"/>
      <c r="G3671" s="102"/>
      <c r="H3671" s="97"/>
      <c r="T3671" s="98"/>
      <c r="U3671" s="97"/>
      <c r="AG3671" s="98"/>
      <c r="AY3671" s="164"/>
      <c r="BK3671" s="98"/>
      <c r="BL3671" s="97"/>
      <c r="BX3671" s="98"/>
      <c r="CL3671" s="97"/>
      <c r="CX3671" s="98"/>
      <c r="DL3671" s="97"/>
      <c r="DX3671" s="98"/>
      <c r="EL3671" s="97"/>
      <c r="EX3671" s="98"/>
      <c r="EY3671" s="97"/>
      <c r="FL3671" s="126"/>
      <c r="FM3671" s="91"/>
      <c r="FN3671" s="91"/>
      <c r="FO3671" s="91"/>
      <c r="FP3671" s="91"/>
      <c r="FQ3671" s="91"/>
      <c r="FR3671" s="91"/>
      <c r="FS3671" s="91"/>
      <c r="FT3671" s="91"/>
      <c r="FU3671" s="91"/>
      <c r="FV3671" s="91"/>
      <c r="FW3671" s="91"/>
      <c r="FX3671" s="127"/>
      <c r="FY3671" s="126"/>
      <c r="FZ3671" s="91"/>
      <c r="GA3671" s="91"/>
      <c r="GB3671" s="91"/>
      <c r="GC3671" s="91"/>
      <c r="GD3671" s="91"/>
      <c r="GE3671" s="91"/>
      <c r="GF3671" s="91"/>
      <c r="GG3671" s="91"/>
      <c r="GH3671" s="91"/>
      <c r="GI3671" s="91"/>
      <c r="GJ3671" s="91"/>
      <c r="GK3671" s="127"/>
      <c r="GL3671" s="126"/>
      <c r="GM3671" s="91"/>
      <c r="GN3671" s="91"/>
      <c r="GO3671" s="91"/>
      <c r="GP3671" s="91"/>
      <c r="GQ3671" s="91"/>
      <c r="GR3671" s="91"/>
      <c r="GS3671" s="91"/>
      <c r="GT3671" s="91"/>
      <c r="GU3671" s="91"/>
      <c r="GV3671" s="91"/>
      <c r="GW3671" s="91"/>
      <c r="GX3671" s="127"/>
      <c r="GY3671" s="126"/>
      <c r="GZ3671" s="91"/>
      <c r="HA3671" s="91"/>
      <c r="HB3671" s="91"/>
      <c r="HC3671" s="91"/>
      <c r="HD3671" s="91"/>
      <c r="HE3671" s="91"/>
      <c r="HF3671" s="91"/>
      <c r="HG3671" s="91"/>
      <c r="HH3671" s="91"/>
      <c r="HI3671" s="91"/>
      <c r="HJ3671" s="91"/>
      <c r="HK3671" s="127"/>
      <c r="HL3671" s="126"/>
      <c r="HM3671" s="91"/>
      <c r="HN3671" s="91"/>
      <c r="HO3671" s="91"/>
      <c r="HP3671" s="91"/>
      <c r="HQ3671" s="91"/>
      <c r="HR3671" s="91"/>
      <c r="HS3671" s="91"/>
      <c r="HT3671" s="91"/>
      <c r="HU3671" s="91"/>
      <c r="HV3671" s="91"/>
      <c r="HW3671" s="91"/>
      <c r="HX3671" s="127"/>
      <c r="HY3671" s="126"/>
      <c r="HZ3671" s="91"/>
      <c r="IA3671" s="91"/>
      <c r="IB3671" s="91"/>
      <c r="IC3671" s="91"/>
      <c r="ID3671" s="91"/>
      <c r="IE3671" s="91"/>
      <c r="IF3671" s="91"/>
      <c r="IG3671" s="91"/>
      <c r="IH3671" s="91"/>
      <c r="II3671" s="91"/>
      <c r="IJ3671" s="91"/>
      <c r="IK3671" s="174"/>
    </row>
    <row r="3672" spans="2:245" x14ac:dyDescent="0.2">
      <c r="B3672" s="43"/>
      <c r="C3672" s="73"/>
      <c r="D3672" s="64"/>
      <c r="E3672" s="64"/>
      <c r="F3672" s="55"/>
      <c r="G3672" s="102"/>
      <c r="H3672" s="97"/>
      <c r="T3672" s="98"/>
      <c r="U3672" s="97"/>
      <c r="AG3672" s="98"/>
      <c r="AY3672" s="164"/>
      <c r="BK3672" s="98"/>
      <c r="BL3672" s="97"/>
      <c r="BX3672" s="98"/>
      <c r="CL3672" s="97"/>
      <c r="CX3672" s="98"/>
      <c r="DL3672" s="97"/>
      <c r="DX3672" s="98"/>
      <c r="EL3672" s="97"/>
      <c r="EX3672" s="98"/>
      <c r="EY3672" s="97"/>
      <c r="FL3672" s="126"/>
      <c r="FM3672" s="91"/>
      <c r="FN3672" s="91"/>
      <c r="FO3672" s="91"/>
      <c r="FP3672" s="91"/>
      <c r="FQ3672" s="91"/>
      <c r="FR3672" s="91"/>
      <c r="FS3672" s="91"/>
      <c r="FT3672" s="91"/>
      <c r="FU3672" s="91"/>
      <c r="FV3672" s="91"/>
      <c r="FW3672" s="91"/>
      <c r="FX3672" s="127"/>
      <c r="FY3672" s="126"/>
      <c r="FZ3672" s="91"/>
      <c r="GA3672" s="91"/>
      <c r="GB3672" s="91"/>
      <c r="GC3672" s="91"/>
      <c r="GD3672" s="91"/>
      <c r="GE3672" s="91"/>
      <c r="GF3672" s="91"/>
      <c r="GG3672" s="91"/>
      <c r="GH3672" s="91"/>
      <c r="GI3672" s="91"/>
      <c r="GJ3672" s="91"/>
      <c r="GK3672" s="127"/>
      <c r="GL3672" s="126"/>
      <c r="GM3672" s="91"/>
      <c r="GN3672" s="91"/>
      <c r="GO3672" s="91"/>
      <c r="GP3672" s="91"/>
      <c r="GQ3672" s="91"/>
      <c r="GR3672" s="91"/>
      <c r="GS3672" s="91"/>
      <c r="GT3672" s="91"/>
      <c r="GU3672" s="91"/>
      <c r="GV3672" s="91"/>
      <c r="GW3672" s="91"/>
      <c r="GX3672" s="127"/>
      <c r="GY3672" s="126"/>
      <c r="GZ3672" s="91"/>
      <c r="HA3672" s="91"/>
      <c r="HB3672" s="91"/>
      <c r="HC3672" s="91"/>
      <c r="HD3672" s="91"/>
      <c r="HE3672" s="91"/>
      <c r="HF3672" s="91"/>
      <c r="HG3672" s="91"/>
      <c r="HH3672" s="91"/>
      <c r="HI3672" s="91"/>
      <c r="HJ3672" s="91"/>
      <c r="HK3672" s="127"/>
      <c r="HL3672" s="126"/>
      <c r="HM3672" s="91"/>
      <c r="HN3672" s="91"/>
      <c r="HO3672" s="91"/>
      <c r="HP3672" s="91"/>
      <c r="HQ3672" s="91"/>
      <c r="HR3672" s="91"/>
      <c r="HS3672" s="91"/>
      <c r="HT3672" s="91"/>
      <c r="HU3672" s="91"/>
      <c r="HV3672" s="91"/>
      <c r="HW3672" s="91"/>
      <c r="HX3672" s="127"/>
      <c r="HY3672" s="126"/>
      <c r="HZ3672" s="91"/>
      <c r="IA3672" s="91"/>
      <c r="IB3672" s="91"/>
      <c r="IC3672" s="91"/>
      <c r="ID3672" s="91"/>
      <c r="IE3672" s="91"/>
      <c r="IF3672" s="91"/>
      <c r="IG3672" s="91"/>
      <c r="IH3672" s="91"/>
      <c r="II3672" s="91"/>
      <c r="IJ3672" s="91"/>
      <c r="IK3672" s="174"/>
    </row>
    <row r="3673" spans="2:245" x14ac:dyDescent="0.2">
      <c r="B3673" s="43"/>
      <c r="C3673" s="73"/>
      <c r="D3673" s="64"/>
      <c r="E3673" s="64"/>
      <c r="F3673" s="55"/>
      <c r="G3673" s="102"/>
      <c r="H3673" s="97"/>
      <c r="T3673" s="98"/>
      <c r="U3673" s="97"/>
      <c r="AG3673" s="98"/>
      <c r="AY3673" s="164"/>
      <c r="BK3673" s="98"/>
      <c r="BL3673" s="97"/>
      <c r="BX3673" s="98"/>
      <c r="CL3673" s="97"/>
      <c r="CX3673" s="98"/>
      <c r="DL3673" s="97"/>
      <c r="DX3673" s="98"/>
      <c r="EL3673" s="97"/>
      <c r="EX3673" s="98"/>
      <c r="EY3673" s="97"/>
      <c r="FL3673" s="126"/>
      <c r="FM3673" s="91"/>
      <c r="FN3673" s="91"/>
      <c r="FO3673" s="91"/>
      <c r="FP3673" s="91"/>
      <c r="FQ3673" s="91"/>
      <c r="FR3673" s="91"/>
      <c r="FS3673" s="91"/>
      <c r="FT3673" s="91"/>
      <c r="FU3673" s="91"/>
      <c r="FV3673" s="91"/>
      <c r="FW3673" s="91"/>
      <c r="FX3673" s="127"/>
      <c r="FY3673" s="126"/>
      <c r="FZ3673" s="91"/>
      <c r="GA3673" s="91"/>
      <c r="GB3673" s="91"/>
      <c r="GC3673" s="91"/>
      <c r="GD3673" s="91"/>
      <c r="GE3673" s="91"/>
      <c r="GF3673" s="91"/>
      <c r="GG3673" s="91"/>
      <c r="GH3673" s="91"/>
      <c r="GI3673" s="91"/>
      <c r="GJ3673" s="91"/>
      <c r="GK3673" s="127"/>
      <c r="GL3673" s="126"/>
      <c r="GM3673" s="91"/>
      <c r="GN3673" s="91"/>
      <c r="GO3673" s="91"/>
      <c r="GP3673" s="91"/>
      <c r="GQ3673" s="91"/>
      <c r="GR3673" s="91"/>
      <c r="GS3673" s="91"/>
      <c r="GT3673" s="91"/>
      <c r="GU3673" s="91"/>
      <c r="GV3673" s="91"/>
      <c r="GW3673" s="91"/>
      <c r="GX3673" s="127"/>
      <c r="GY3673" s="126"/>
      <c r="GZ3673" s="91"/>
      <c r="HA3673" s="91"/>
      <c r="HB3673" s="91"/>
      <c r="HC3673" s="91"/>
      <c r="HD3673" s="91"/>
      <c r="HE3673" s="91"/>
      <c r="HF3673" s="91"/>
      <c r="HG3673" s="91"/>
      <c r="HH3673" s="91"/>
      <c r="HI3673" s="91"/>
      <c r="HJ3673" s="91"/>
      <c r="HK3673" s="127"/>
      <c r="HL3673" s="126"/>
      <c r="HM3673" s="91"/>
      <c r="HN3673" s="91"/>
      <c r="HO3673" s="91"/>
      <c r="HP3673" s="91"/>
      <c r="HQ3673" s="91"/>
      <c r="HR3673" s="91"/>
      <c r="HS3673" s="91"/>
      <c r="HT3673" s="91"/>
      <c r="HU3673" s="91"/>
      <c r="HV3673" s="91"/>
      <c r="HW3673" s="91"/>
      <c r="HX3673" s="127"/>
      <c r="HY3673" s="126"/>
      <c r="HZ3673" s="91"/>
      <c r="IA3673" s="91"/>
      <c r="IB3673" s="91"/>
      <c r="IC3673" s="91"/>
      <c r="ID3673" s="91"/>
      <c r="IE3673" s="91"/>
      <c r="IF3673" s="91"/>
      <c r="IG3673" s="91"/>
      <c r="IH3673" s="91"/>
      <c r="II3673" s="91"/>
      <c r="IJ3673" s="91"/>
      <c r="IK3673" s="174"/>
    </row>
    <row r="3674" spans="2:245" x14ac:dyDescent="0.2">
      <c r="B3674" s="43"/>
      <c r="C3674" s="73"/>
      <c r="D3674" s="64"/>
      <c r="E3674" s="64"/>
      <c r="F3674" s="55"/>
      <c r="G3674" s="102"/>
      <c r="H3674" s="97"/>
      <c r="T3674" s="98"/>
      <c r="U3674" s="97"/>
      <c r="AG3674" s="98"/>
      <c r="AY3674" s="164"/>
      <c r="BK3674" s="98"/>
      <c r="BL3674" s="97"/>
      <c r="BX3674" s="98"/>
      <c r="CL3674" s="97"/>
      <c r="CX3674" s="98"/>
      <c r="DL3674" s="97"/>
      <c r="DX3674" s="98"/>
      <c r="EL3674" s="97"/>
      <c r="EX3674" s="98"/>
      <c r="EY3674" s="97"/>
      <c r="FL3674" s="126"/>
      <c r="FM3674" s="91"/>
      <c r="FN3674" s="91"/>
      <c r="FO3674" s="91"/>
      <c r="FP3674" s="91"/>
      <c r="FQ3674" s="91"/>
      <c r="FR3674" s="91"/>
      <c r="FS3674" s="91"/>
      <c r="FT3674" s="91"/>
      <c r="FU3674" s="91"/>
      <c r="FV3674" s="91"/>
      <c r="FW3674" s="91"/>
      <c r="FX3674" s="127"/>
      <c r="FY3674" s="126"/>
      <c r="FZ3674" s="91"/>
      <c r="GA3674" s="91"/>
      <c r="GB3674" s="91"/>
      <c r="GC3674" s="91"/>
      <c r="GD3674" s="91"/>
      <c r="GE3674" s="91"/>
      <c r="GF3674" s="91"/>
      <c r="GG3674" s="91"/>
      <c r="GH3674" s="91"/>
      <c r="GI3674" s="91"/>
      <c r="GJ3674" s="91"/>
      <c r="GK3674" s="127"/>
      <c r="GL3674" s="126"/>
      <c r="GM3674" s="91"/>
      <c r="GN3674" s="91"/>
      <c r="GO3674" s="91"/>
      <c r="GP3674" s="91"/>
      <c r="GQ3674" s="91"/>
      <c r="GR3674" s="91"/>
      <c r="GS3674" s="91"/>
      <c r="GT3674" s="91"/>
      <c r="GU3674" s="91"/>
      <c r="GV3674" s="91"/>
      <c r="GW3674" s="91"/>
      <c r="GX3674" s="127"/>
      <c r="GY3674" s="126"/>
      <c r="GZ3674" s="91"/>
      <c r="HA3674" s="91"/>
      <c r="HB3674" s="91"/>
      <c r="HC3674" s="91"/>
      <c r="HD3674" s="91"/>
      <c r="HE3674" s="91"/>
      <c r="HF3674" s="91"/>
      <c r="HG3674" s="91"/>
      <c r="HH3674" s="91"/>
      <c r="HI3674" s="91"/>
      <c r="HJ3674" s="91"/>
      <c r="HK3674" s="127"/>
      <c r="HL3674" s="126"/>
      <c r="HM3674" s="91"/>
      <c r="HN3674" s="91"/>
      <c r="HO3674" s="91"/>
      <c r="HP3674" s="91"/>
      <c r="HQ3674" s="91"/>
      <c r="HR3674" s="91"/>
      <c r="HS3674" s="91"/>
      <c r="HT3674" s="91"/>
      <c r="HU3674" s="91"/>
      <c r="HV3674" s="91"/>
      <c r="HW3674" s="91"/>
      <c r="HX3674" s="127"/>
      <c r="HY3674" s="126"/>
      <c r="HZ3674" s="91"/>
      <c r="IA3674" s="91"/>
      <c r="IB3674" s="91"/>
      <c r="IC3674" s="91"/>
      <c r="ID3674" s="91"/>
      <c r="IE3674" s="91"/>
      <c r="IF3674" s="91"/>
      <c r="IG3674" s="91"/>
      <c r="IH3674" s="91"/>
      <c r="II3674" s="91"/>
      <c r="IJ3674" s="91"/>
      <c r="IK3674" s="174"/>
    </row>
    <row r="3675" spans="2:245" x14ac:dyDescent="0.2">
      <c r="B3675" s="43"/>
      <c r="C3675" s="73"/>
      <c r="D3675" s="64"/>
      <c r="E3675" s="64"/>
      <c r="F3675" s="55"/>
      <c r="G3675" s="102"/>
      <c r="H3675" s="97"/>
      <c r="T3675" s="98"/>
      <c r="U3675" s="97"/>
      <c r="AG3675" s="98"/>
      <c r="AY3675" s="164"/>
      <c r="BK3675" s="98"/>
      <c r="BL3675" s="97"/>
      <c r="BX3675" s="98"/>
      <c r="CL3675" s="97"/>
      <c r="CX3675" s="98"/>
      <c r="DL3675" s="97"/>
      <c r="DX3675" s="98"/>
      <c r="EL3675" s="97"/>
      <c r="EX3675" s="98"/>
      <c r="EY3675" s="97"/>
      <c r="FL3675" s="126"/>
      <c r="FM3675" s="91"/>
      <c r="FN3675" s="91"/>
      <c r="FO3675" s="91"/>
      <c r="FP3675" s="91"/>
      <c r="FQ3675" s="91"/>
      <c r="FR3675" s="91"/>
      <c r="FS3675" s="91"/>
      <c r="FT3675" s="91"/>
      <c r="FU3675" s="91"/>
      <c r="FV3675" s="91"/>
      <c r="FW3675" s="91"/>
      <c r="FX3675" s="127"/>
      <c r="FY3675" s="126"/>
      <c r="FZ3675" s="91"/>
      <c r="GA3675" s="91"/>
      <c r="GB3675" s="91"/>
      <c r="GC3675" s="91"/>
      <c r="GD3675" s="91"/>
      <c r="GE3675" s="91"/>
      <c r="GF3675" s="91"/>
      <c r="GG3675" s="91"/>
      <c r="GH3675" s="91"/>
      <c r="GI3675" s="91"/>
      <c r="GJ3675" s="91"/>
      <c r="GK3675" s="127"/>
      <c r="GL3675" s="126"/>
      <c r="GM3675" s="91"/>
      <c r="GN3675" s="91"/>
      <c r="GO3675" s="91"/>
      <c r="GP3675" s="91"/>
      <c r="GQ3675" s="91"/>
      <c r="GR3675" s="91"/>
      <c r="GS3675" s="91"/>
      <c r="GT3675" s="91"/>
      <c r="GU3675" s="91"/>
      <c r="GV3675" s="91"/>
      <c r="GW3675" s="91"/>
      <c r="GX3675" s="127"/>
      <c r="GY3675" s="126"/>
      <c r="GZ3675" s="91"/>
      <c r="HA3675" s="91"/>
      <c r="HB3675" s="91"/>
      <c r="HC3675" s="91"/>
      <c r="HD3675" s="91"/>
      <c r="HE3675" s="91"/>
      <c r="HF3675" s="91"/>
      <c r="HG3675" s="91"/>
      <c r="HH3675" s="91"/>
      <c r="HI3675" s="91"/>
      <c r="HJ3675" s="91"/>
      <c r="HK3675" s="127"/>
      <c r="HL3675" s="126"/>
      <c r="HM3675" s="91"/>
      <c r="HN3675" s="91"/>
      <c r="HO3675" s="91"/>
      <c r="HP3675" s="91"/>
      <c r="HQ3675" s="91"/>
      <c r="HR3675" s="91"/>
      <c r="HS3675" s="91"/>
      <c r="HT3675" s="91"/>
      <c r="HU3675" s="91"/>
      <c r="HV3675" s="91"/>
      <c r="HW3675" s="91"/>
      <c r="HX3675" s="127"/>
      <c r="HY3675" s="126"/>
      <c r="HZ3675" s="91"/>
      <c r="IA3675" s="91"/>
      <c r="IB3675" s="91"/>
      <c r="IC3675" s="91"/>
      <c r="ID3675" s="91"/>
      <c r="IE3675" s="91"/>
      <c r="IF3675" s="91"/>
      <c r="IG3675" s="91"/>
      <c r="IH3675" s="91"/>
      <c r="II3675" s="91"/>
      <c r="IJ3675" s="91"/>
      <c r="IK3675" s="174"/>
    </row>
    <row r="3676" spans="2:245" x14ac:dyDescent="0.2">
      <c r="B3676" s="43"/>
      <c r="C3676" s="73"/>
      <c r="D3676" s="64"/>
      <c r="E3676" s="64"/>
      <c r="F3676" s="55"/>
      <c r="G3676" s="102"/>
      <c r="H3676" s="97"/>
      <c r="T3676" s="98"/>
      <c r="U3676" s="97"/>
      <c r="AG3676" s="98"/>
      <c r="AY3676" s="164"/>
      <c r="BK3676" s="98"/>
      <c r="BL3676" s="97"/>
      <c r="BX3676" s="98"/>
      <c r="CL3676" s="97"/>
      <c r="CX3676" s="98"/>
      <c r="DL3676" s="97"/>
      <c r="DX3676" s="98"/>
      <c r="EL3676" s="97"/>
      <c r="EX3676" s="98"/>
      <c r="EY3676" s="97"/>
      <c r="FL3676" s="126"/>
      <c r="FM3676" s="91"/>
      <c r="FN3676" s="91"/>
      <c r="FO3676" s="91"/>
      <c r="FP3676" s="91"/>
      <c r="FQ3676" s="91"/>
      <c r="FR3676" s="91"/>
      <c r="FS3676" s="91"/>
      <c r="FT3676" s="91"/>
      <c r="FU3676" s="91"/>
      <c r="FV3676" s="91"/>
      <c r="FW3676" s="91"/>
      <c r="FX3676" s="127"/>
      <c r="FY3676" s="126"/>
      <c r="FZ3676" s="91"/>
      <c r="GA3676" s="91"/>
      <c r="GB3676" s="91"/>
      <c r="GC3676" s="91"/>
      <c r="GD3676" s="91"/>
      <c r="GE3676" s="91"/>
      <c r="GF3676" s="91"/>
      <c r="GG3676" s="91"/>
      <c r="GH3676" s="91"/>
      <c r="GI3676" s="91"/>
      <c r="GJ3676" s="91"/>
      <c r="GK3676" s="127"/>
      <c r="GL3676" s="126"/>
      <c r="GM3676" s="91"/>
      <c r="GN3676" s="91"/>
      <c r="GO3676" s="91"/>
      <c r="GP3676" s="91"/>
      <c r="GQ3676" s="91"/>
      <c r="GR3676" s="91"/>
      <c r="GS3676" s="91"/>
      <c r="GT3676" s="91"/>
      <c r="GU3676" s="91"/>
      <c r="GV3676" s="91"/>
      <c r="GW3676" s="91"/>
      <c r="GX3676" s="127"/>
      <c r="GY3676" s="126"/>
      <c r="GZ3676" s="91"/>
      <c r="HA3676" s="91"/>
      <c r="HB3676" s="91"/>
      <c r="HC3676" s="91"/>
      <c r="HD3676" s="91"/>
      <c r="HE3676" s="91"/>
      <c r="HF3676" s="91"/>
      <c r="HG3676" s="91"/>
      <c r="HH3676" s="91"/>
      <c r="HI3676" s="91"/>
      <c r="HJ3676" s="91"/>
      <c r="HK3676" s="127"/>
      <c r="HL3676" s="126"/>
      <c r="HM3676" s="91"/>
      <c r="HN3676" s="91"/>
      <c r="HO3676" s="91"/>
      <c r="HP3676" s="91"/>
      <c r="HQ3676" s="91"/>
      <c r="HR3676" s="91"/>
      <c r="HS3676" s="91"/>
      <c r="HT3676" s="91"/>
      <c r="HU3676" s="91"/>
      <c r="HV3676" s="91"/>
      <c r="HW3676" s="91"/>
      <c r="HX3676" s="127"/>
      <c r="HY3676" s="126"/>
      <c r="HZ3676" s="91"/>
      <c r="IA3676" s="91"/>
      <c r="IB3676" s="91"/>
      <c r="IC3676" s="91"/>
      <c r="ID3676" s="91"/>
      <c r="IE3676" s="91"/>
      <c r="IF3676" s="91"/>
      <c r="IG3676" s="91"/>
      <c r="IH3676" s="91"/>
      <c r="II3676" s="91"/>
      <c r="IJ3676" s="91"/>
      <c r="IK3676" s="174"/>
    </row>
    <row r="3677" spans="2:245" x14ac:dyDescent="0.2">
      <c r="B3677" s="43"/>
      <c r="C3677" s="73"/>
      <c r="D3677" s="64"/>
      <c r="E3677" s="64"/>
      <c r="F3677" s="55"/>
      <c r="G3677" s="102"/>
      <c r="H3677" s="97"/>
      <c r="T3677" s="98"/>
      <c r="U3677" s="97"/>
      <c r="AG3677" s="98"/>
      <c r="AY3677" s="164"/>
      <c r="BK3677" s="98"/>
      <c r="BL3677" s="97"/>
      <c r="BX3677" s="98"/>
      <c r="CL3677" s="97"/>
      <c r="CX3677" s="98"/>
      <c r="DL3677" s="97"/>
      <c r="DX3677" s="98"/>
      <c r="EL3677" s="97"/>
      <c r="EX3677" s="98"/>
      <c r="EY3677" s="97"/>
      <c r="FL3677" s="126"/>
      <c r="FM3677" s="91"/>
      <c r="FN3677" s="91"/>
      <c r="FO3677" s="91"/>
      <c r="FP3677" s="91"/>
      <c r="FQ3677" s="91"/>
      <c r="FR3677" s="91"/>
      <c r="FS3677" s="91"/>
      <c r="FT3677" s="91"/>
      <c r="FU3677" s="91"/>
      <c r="FV3677" s="91"/>
      <c r="FW3677" s="91"/>
      <c r="FX3677" s="127"/>
      <c r="FY3677" s="126"/>
      <c r="FZ3677" s="91"/>
      <c r="GA3677" s="91"/>
      <c r="GB3677" s="91"/>
      <c r="GC3677" s="91"/>
      <c r="GD3677" s="91"/>
      <c r="GE3677" s="91"/>
      <c r="GF3677" s="91"/>
      <c r="GG3677" s="91"/>
      <c r="GH3677" s="91"/>
      <c r="GI3677" s="91"/>
      <c r="GJ3677" s="91"/>
      <c r="GK3677" s="127"/>
      <c r="GL3677" s="126"/>
      <c r="GM3677" s="91"/>
      <c r="GN3677" s="91"/>
      <c r="GO3677" s="91"/>
      <c r="GP3677" s="91"/>
      <c r="GQ3677" s="91"/>
      <c r="GR3677" s="91"/>
      <c r="GS3677" s="91"/>
      <c r="GT3677" s="91"/>
      <c r="GU3677" s="91"/>
      <c r="GV3677" s="91"/>
      <c r="GW3677" s="91"/>
      <c r="GX3677" s="127"/>
      <c r="GY3677" s="126"/>
      <c r="GZ3677" s="91"/>
      <c r="HA3677" s="91"/>
      <c r="HB3677" s="91"/>
      <c r="HC3677" s="91"/>
      <c r="HD3677" s="91"/>
      <c r="HE3677" s="91"/>
      <c r="HF3677" s="91"/>
      <c r="HG3677" s="91"/>
      <c r="HH3677" s="91"/>
      <c r="HI3677" s="91"/>
      <c r="HJ3677" s="91"/>
      <c r="HK3677" s="127"/>
      <c r="HL3677" s="126"/>
      <c r="HM3677" s="91"/>
      <c r="HN3677" s="91"/>
      <c r="HO3677" s="91"/>
      <c r="HP3677" s="91"/>
      <c r="HQ3677" s="91"/>
      <c r="HR3677" s="91"/>
      <c r="HS3677" s="91"/>
      <c r="HT3677" s="91"/>
      <c r="HU3677" s="91"/>
      <c r="HV3677" s="91"/>
      <c r="HW3677" s="91"/>
      <c r="HX3677" s="127"/>
      <c r="HY3677" s="126"/>
      <c r="HZ3677" s="91"/>
      <c r="IA3677" s="91"/>
      <c r="IB3677" s="91"/>
      <c r="IC3677" s="91"/>
      <c r="ID3677" s="91"/>
      <c r="IE3677" s="91"/>
      <c r="IF3677" s="91"/>
      <c r="IG3677" s="91"/>
      <c r="IH3677" s="91"/>
      <c r="II3677" s="91"/>
      <c r="IJ3677" s="91"/>
      <c r="IK3677" s="174"/>
    </row>
    <row r="3678" spans="2:245" x14ac:dyDescent="0.2">
      <c r="B3678" s="43"/>
      <c r="C3678" s="73"/>
      <c r="D3678" s="64"/>
      <c r="E3678" s="64"/>
      <c r="F3678" s="55"/>
      <c r="G3678" s="102"/>
      <c r="H3678" s="97"/>
      <c r="T3678" s="98"/>
      <c r="U3678" s="97"/>
      <c r="AG3678" s="98"/>
      <c r="AY3678" s="164"/>
      <c r="BK3678" s="98"/>
      <c r="BL3678" s="97"/>
      <c r="BX3678" s="98"/>
      <c r="CL3678" s="97"/>
      <c r="CX3678" s="98"/>
      <c r="DL3678" s="97"/>
      <c r="DX3678" s="98"/>
      <c r="EL3678" s="97"/>
      <c r="EX3678" s="98"/>
      <c r="EY3678" s="97"/>
      <c r="FL3678" s="126"/>
      <c r="FM3678" s="91"/>
      <c r="FN3678" s="91"/>
      <c r="FO3678" s="91"/>
      <c r="FP3678" s="91"/>
      <c r="FQ3678" s="91"/>
      <c r="FR3678" s="91"/>
      <c r="FS3678" s="91"/>
      <c r="FT3678" s="91"/>
      <c r="FU3678" s="91"/>
      <c r="FV3678" s="91"/>
      <c r="FW3678" s="91"/>
      <c r="FX3678" s="127"/>
      <c r="FY3678" s="126"/>
      <c r="FZ3678" s="91"/>
      <c r="GA3678" s="91"/>
      <c r="GB3678" s="91"/>
      <c r="GC3678" s="91"/>
      <c r="GD3678" s="91"/>
      <c r="GE3678" s="91"/>
      <c r="GF3678" s="91"/>
      <c r="GG3678" s="91"/>
      <c r="GH3678" s="91"/>
      <c r="GI3678" s="91"/>
      <c r="GJ3678" s="91"/>
      <c r="GK3678" s="127"/>
      <c r="GL3678" s="126"/>
      <c r="GM3678" s="91"/>
      <c r="GN3678" s="91"/>
      <c r="GO3678" s="91"/>
      <c r="GP3678" s="91"/>
      <c r="GQ3678" s="91"/>
      <c r="GR3678" s="91"/>
      <c r="GS3678" s="91"/>
      <c r="GT3678" s="91"/>
      <c r="GU3678" s="91"/>
      <c r="GV3678" s="91"/>
      <c r="GW3678" s="91"/>
      <c r="GX3678" s="127"/>
      <c r="GY3678" s="126"/>
      <c r="GZ3678" s="91"/>
      <c r="HA3678" s="91"/>
      <c r="HB3678" s="91"/>
      <c r="HC3678" s="91"/>
      <c r="HD3678" s="91"/>
      <c r="HE3678" s="91"/>
      <c r="HF3678" s="91"/>
      <c r="HG3678" s="91"/>
      <c r="HH3678" s="91"/>
      <c r="HI3678" s="91"/>
      <c r="HJ3678" s="91"/>
      <c r="HK3678" s="127"/>
      <c r="HL3678" s="126"/>
      <c r="HM3678" s="91"/>
      <c r="HN3678" s="91"/>
      <c r="HO3678" s="91"/>
      <c r="HP3678" s="91"/>
      <c r="HQ3678" s="91"/>
      <c r="HR3678" s="91"/>
      <c r="HS3678" s="91"/>
      <c r="HT3678" s="91"/>
      <c r="HU3678" s="91"/>
      <c r="HV3678" s="91"/>
      <c r="HW3678" s="91"/>
      <c r="HX3678" s="127"/>
      <c r="HY3678" s="126"/>
      <c r="HZ3678" s="91"/>
      <c r="IA3678" s="91"/>
      <c r="IB3678" s="91"/>
      <c r="IC3678" s="91"/>
      <c r="ID3678" s="91"/>
      <c r="IE3678" s="91"/>
      <c r="IF3678" s="91"/>
      <c r="IG3678" s="91"/>
      <c r="IH3678" s="91"/>
      <c r="II3678" s="91"/>
      <c r="IJ3678" s="91"/>
      <c r="IK3678" s="174"/>
    </row>
    <row r="3679" spans="2:245" x14ac:dyDescent="0.2">
      <c r="B3679" s="43"/>
      <c r="C3679" s="73"/>
      <c r="D3679" s="64"/>
      <c r="E3679" s="64"/>
      <c r="F3679" s="55"/>
      <c r="G3679" s="102"/>
      <c r="H3679" s="97"/>
      <c r="T3679" s="98"/>
      <c r="U3679" s="97"/>
      <c r="AG3679" s="98"/>
      <c r="AY3679" s="164"/>
      <c r="BK3679" s="98"/>
      <c r="BL3679" s="97"/>
      <c r="BX3679" s="98"/>
      <c r="CL3679" s="97"/>
      <c r="CX3679" s="98"/>
      <c r="DL3679" s="97"/>
      <c r="DX3679" s="98"/>
      <c r="EL3679" s="97"/>
      <c r="EX3679" s="98"/>
      <c r="EY3679" s="97"/>
      <c r="FL3679" s="126"/>
      <c r="FM3679" s="91"/>
      <c r="FN3679" s="91"/>
      <c r="FO3679" s="91"/>
      <c r="FP3679" s="91"/>
      <c r="FQ3679" s="91"/>
      <c r="FR3679" s="91"/>
      <c r="FS3679" s="91"/>
      <c r="FT3679" s="91"/>
      <c r="FU3679" s="91"/>
      <c r="FV3679" s="91"/>
      <c r="FW3679" s="91"/>
      <c r="FX3679" s="127"/>
      <c r="FY3679" s="126"/>
      <c r="FZ3679" s="91"/>
      <c r="GA3679" s="91"/>
      <c r="GB3679" s="91"/>
      <c r="GC3679" s="91"/>
      <c r="GD3679" s="91"/>
      <c r="GE3679" s="91"/>
      <c r="GF3679" s="91"/>
      <c r="GG3679" s="91"/>
      <c r="GH3679" s="91"/>
      <c r="GI3679" s="91"/>
      <c r="GJ3679" s="91"/>
      <c r="GK3679" s="127"/>
      <c r="GL3679" s="126"/>
      <c r="GM3679" s="91"/>
      <c r="GN3679" s="91"/>
      <c r="GO3679" s="91"/>
      <c r="GP3679" s="91"/>
      <c r="GQ3679" s="91"/>
      <c r="GR3679" s="91"/>
      <c r="GS3679" s="91"/>
      <c r="GT3679" s="91"/>
      <c r="GU3679" s="91"/>
      <c r="GV3679" s="91"/>
      <c r="GW3679" s="91"/>
      <c r="GX3679" s="127"/>
      <c r="GY3679" s="126"/>
      <c r="GZ3679" s="91"/>
      <c r="HA3679" s="91"/>
      <c r="HB3679" s="91"/>
      <c r="HC3679" s="91"/>
      <c r="HD3679" s="91"/>
      <c r="HE3679" s="91"/>
      <c r="HF3679" s="91"/>
      <c r="HG3679" s="91"/>
      <c r="HH3679" s="91"/>
      <c r="HI3679" s="91"/>
      <c r="HJ3679" s="91"/>
      <c r="HK3679" s="127"/>
      <c r="HL3679" s="126"/>
      <c r="HM3679" s="91"/>
      <c r="HN3679" s="91"/>
      <c r="HO3679" s="91"/>
      <c r="HP3679" s="91"/>
      <c r="HQ3679" s="91"/>
      <c r="HR3679" s="91"/>
      <c r="HS3679" s="91"/>
      <c r="HT3679" s="91"/>
      <c r="HU3679" s="91"/>
      <c r="HV3679" s="91"/>
      <c r="HW3679" s="91"/>
      <c r="HX3679" s="127"/>
      <c r="HY3679" s="126"/>
      <c r="HZ3679" s="91"/>
      <c r="IA3679" s="91"/>
      <c r="IB3679" s="91"/>
      <c r="IC3679" s="91"/>
      <c r="ID3679" s="91"/>
      <c r="IE3679" s="91"/>
      <c r="IF3679" s="91"/>
      <c r="IG3679" s="91"/>
      <c r="IH3679" s="91"/>
      <c r="II3679" s="91"/>
      <c r="IJ3679" s="91"/>
      <c r="IK3679" s="174"/>
    </row>
    <row r="3680" spans="2:245" x14ac:dyDescent="0.2">
      <c r="B3680" s="43"/>
      <c r="C3680" s="73"/>
      <c r="D3680" s="64"/>
      <c r="E3680" s="64"/>
      <c r="F3680" s="55"/>
      <c r="G3680" s="102"/>
      <c r="H3680" s="97"/>
      <c r="T3680" s="98"/>
      <c r="U3680" s="97"/>
      <c r="AG3680" s="98"/>
      <c r="AY3680" s="164"/>
      <c r="BK3680" s="98"/>
      <c r="BL3680" s="97"/>
      <c r="BX3680" s="98"/>
      <c r="CL3680" s="97"/>
      <c r="CX3680" s="98"/>
      <c r="DL3680" s="97"/>
      <c r="DX3680" s="98"/>
      <c r="EL3680" s="97"/>
      <c r="EX3680" s="98"/>
      <c r="EY3680" s="97"/>
      <c r="FL3680" s="126"/>
      <c r="FM3680" s="91"/>
      <c r="FN3680" s="91"/>
      <c r="FO3680" s="91"/>
      <c r="FP3680" s="91"/>
      <c r="FQ3680" s="91"/>
      <c r="FR3680" s="91"/>
      <c r="FS3680" s="91"/>
      <c r="FT3680" s="91"/>
      <c r="FU3680" s="91"/>
      <c r="FV3680" s="91"/>
      <c r="FW3680" s="91"/>
      <c r="FX3680" s="127"/>
      <c r="FY3680" s="126"/>
      <c r="FZ3680" s="91"/>
      <c r="GA3680" s="91"/>
      <c r="GB3680" s="91"/>
      <c r="GC3680" s="91"/>
      <c r="GD3680" s="91"/>
      <c r="GE3680" s="91"/>
      <c r="GF3680" s="91"/>
      <c r="GG3680" s="91"/>
      <c r="GH3680" s="91"/>
      <c r="GI3680" s="91"/>
      <c r="GJ3680" s="91"/>
      <c r="GK3680" s="127"/>
      <c r="GL3680" s="126"/>
      <c r="GM3680" s="91"/>
      <c r="GN3680" s="91"/>
      <c r="GO3680" s="91"/>
      <c r="GP3680" s="91"/>
      <c r="GQ3680" s="91"/>
      <c r="GR3680" s="91"/>
      <c r="GS3680" s="91"/>
      <c r="GT3680" s="91"/>
      <c r="GU3680" s="91"/>
      <c r="GV3680" s="91"/>
      <c r="GW3680" s="91"/>
      <c r="GX3680" s="127"/>
      <c r="GY3680" s="126"/>
      <c r="GZ3680" s="91"/>
      <c r="HA3680" s="91"/>
      <c r="HB3680" s="91"/>
      <c r="HC3680" s="91"/>
      <c r="HD3680" s="91"/>
      <c r="HE3680" s="91"/>
      <c r="HF3680" s="91"/>
      <c r="HG3680" s="91"/>
      <c r="HH3680" s="91"/>
      <c r="HI3680" s="91"/>
      <c r="HJ3680" s="91"/>
      <c r="HK3680" s="127"/>
      <c r="HL3680" s="126"/>
      <c r="HM3680" s="91"/>
      <c r="HN3680" s="91"/>
      <c r="HO3680" s="91"/>
      <c r="HP3680" s="91"/>
      <c r="HQ3680" s="91"/>
      <c r="HR3680" s="91"/>
      <c r="HS3680" s="91"/>
      <c r="HT3680" s="91"/>
      <c r="HU3680" s="91"/>
      <c r="HV3680" s="91"/>
      <c r="HW3680" s="91"/>
      <c r="HX3680" s="127"/>
      <c r="HY3680" s="126"/>
      <c r="HZ3680" s="91"/>
      <c r="IA3680" s="91"/>
      <c r="IB3680" s="91"/>
      <c r="IC3680" s="91"/>
      <c r="ID3680" s="91"/>
      <c r="IE3680" s="91"/>
      <c r="IF3680" s="91"/>
      <c r="IG3680" s="91"/>
      <c r="IH3680" s="91"/>
      <c r="II3680" s="91"/>
      <c r="IJ3680" s="91"/>
      <c r="IK3680" s="174"/>
    </row>
    <row r="3681" spans="2:245" x14ac:dyDescent="0.2">
      <c r="B3681" s="43"/>
      <c r="C3681" s="73"/>
      <c r="D3681" s="64"/>
      <c r="E3681" s="64"/>
      <c r="F3681" s="55"/>
      <c r="G3681" s="102"/>
      <c r="H3681" s="97"/>
      <c r="T3681" s="98"/>
      <c r="U3681" s="97"/>
      <c r="AG3681" s="98"/>
      <c r="AY3681" s="164"/>
      <c r="BK3681" s="98"/>
      <c r="BL3681" s="97"/>
      <c r="BX3681" s="98"/>
      <c r="CL3681" s="97"/>
      <c r="CX3681" s="98"/>
      <c r="DL3681" s="97"/>
      <c r="DX3681" s="98"/>
      <c r="EL3681" s="97"/>
      <c r="EX3681" s="98"/>
      <c r="EY3681" s="97"/>
      <c r="FL3681" s="126"/>
      <c r="FM3681" s="91"/>
      <c r="FN3681" s="91"/>
      <c r="FO3681" s="91"/>
      <c r="FP3681" s="91"/>
      <c r="FQ3681" s="91"/>
      <c r="FR3681" s="91"/>
      <c r="FS3681" s="91"/>
      <c r="FT3681" s="91"/>
      <c r="FU3681" s="91"/>
      <c r="FV3681" s="91"/>
      <c r="FW3681" s="91"/>
      <c r="FX3681" s="127"/>
      <c r="FY3681" s="126"/>
      <c r="FZ3681" s="91"/>
      <c r="GA3681" s="91"/>
      <c r="GB3681" s="91"/>
      <c r="GC3681" s="91"/>
      <c r="GD3681" s="91"/>
      <c r="GE3681" s="91"/>
      <c r="GF3681" s="91"/>
      <c r="GG3681" s="91"/>
      <c r="GH3681" s="91"/>
      <c r="GI3681" s="91"/>
      <c r="GJ3681" s="91"/>
      <c r="GK3681" s="127"/>
      <c r="GL3681" s="126"/>
      <c r="GM3681" s="91"/>
      <c r="GN3681" s="91"/>
      <c r="GO3681" s="91"/>
      <c r="GP3681" s="91"/>
      <c r="GQ3681" s="91"/>
      <c r="GR3681" s="91"/>
      <c r="GS3681" s="91"/>
      <c r="GT3681" s="91"/>
      <c r="GU3681" s="91"/>
      <c r="GV3681" s="91"/>
      <c r="GW3681" s="91"/>
      <c r="GX3681" s="127"/>
      <c r="GY3681" s="126"/>
      <c r="GZ3681" s="91"/>
      <c r="HA3681" s="91"/>
      <c r="HB3681" s="91"/>
      <c r="HC3681" s="91"/>
      <c r="HD3681" s="91"/>
      <c r="HE3681" s="91"/>
      <c r="HF3681" s="91"/>
      <c r="HG3681" s="91"/>
      <c r="HH3681" s="91"/>
      <c r="HI3681" s="91"/>
      <c r="HJ3681" s="91"/>
      <c r="HK3681" s="127"/>
      <c r="HL3681" s="126"/>
      <c r="HM3681" s="91"/>
      <c r="HN3681" s="91"/>
      <c r="HO3681" s="91"/>
      <c r="HP3681" s="91"/>
      <c r="HQ3681" s="91"/>
      <c r="HR3681" s="91"/>
      <c r="HS3681" s="91"/>
      <c r="HT3681" s="91"/>
      <c r="HU3681" s="91"/>
      <c r="HV3681" s="91"/>
      <c r="HW3681" s="91"/>
      <c r="HX3681" s="127"/>
      <c r="HY3681" s="126"/>
      <c r="HZ3681" s="91"/>
      <c r="IA3681" s="91"/>
      <c r="IB3681" s="91"/>
      <c r="IC3681" s="91"/>
      <c r="ID3681" s="91"/>
      <c r="IE3681" s="91"/>
      <c r="IF3681" s="91"/>
      <c r="IG3681" s="91"/>
      <c r="IH3681" s="91"/>
      <c r="II3681" s="91"/>
      <c r="IJ3681" s="91"/>
      <c r="IK3681" s="174"/>
    </row>
    <row r="3682" spans="2:245" x14ac:dyDescent="0.2">
      <c r="B3682" s="43"/>
      <c r="C3682" s="73"/>
      <c r="D3682" s="64"/>
      <c r="E3682" s="64"/>
      <c r="F3682" s="55"/>
      <c r="G3682" s="102"/>
      <c r="H3682" s="97"/>
      <c r="T3682" s="98"/>
      <c r="U3682" s="97"/>
      <c r="AG3682" s="98"/>
      <c r="AY3682" s="164"/>
      <c r="BK3682" s="98"/>
      <c r="BL3682" s="97"/>
      <c r="BX3682" s="98"/>
      <c r="CL3682" s="97"/>
      <c r="CX3682" s="98"/>
      <c r="DL3682" s="97"/>
      <c r="DX3682" s="98"/>
      <c r="EL3682" s="97"/>
      <c r="EX3682" s="98"/>
      <c r="EY3682" s="97"/>
      <c r="FL3682" s="126"/>
      <c r="FM3682" s="91"/>
      <c r="FN3682" s="91"/>
      <c r="FO3682" s="91"/>
      <c r="FP3682" s="91"/>
      <c r="FQ3682" s="91"/>
      <c r="FR3682" s="91"/>
      <c r="FS3682" s="91"/>
      <c r="FT3682" s="91"/>
      <c r="FU3682" s="91"/>
      <c r="FV3682" s="91"/>
      <c r="FW3682" s="91"/>
      <c r="FX3682" s="127"/>
      <c r="FY3682" s="126"/>
      <c r="FZ3682" s="91"/>
      <c r="GA3682" s="91"/>
      <c r="GB3682" s="91"/>
      <c r="GC3682" s="91"/>
      <c r="GD3682" s="91"/>
      <c r="GE3682" s="91"/>
      <c r="GF3682" s="91"/>
      <c r="GG3682" s="91"/>
      <c r="GH3682" s="91"/>
      <c r="GI3682" s="91"/>
      <c r="GJ3682" s="91"/>
      <c r="GK3682" s="127"/>
      <c r="GL3682" s="126"/>
      <c r="GM3682" s="91"/>
      <c r="GN3682" s="91"/>
      <c r="GO3682" s="91"/>
      <c r="GP3682" s="91"/>
      <c r="GQ3682" s="91"/>
      <c r="GR3682" s="91"/>
      <c r="GS3682" s="91"/>
      <c r="GT3682" s="91"/>
      <c r="GU3682" s="91"/>
      <c r="GV3682" s="91"/>
      <c r="GW3682" s="91"/>
      <c r="GX3682" s="127"/>
      <c r="GY3682" s="126"/>
      <c r="GZ3682" s="91"/>
      <c r="HA3682" s="91"/>
      <c r="HB3682" s="91"/>
      <c r="HC3682" s="91"/>
      <c r="HD3682" s="91"/>
      <c r="HE3682" s="91"/>
      <c r="HF3682" s="91"/>
      <c r="HG3682" s="91"/>
      <c r="HH3682" s="91"/>
      <c r="HI3682" s="91"/>
      <c r="HJ3682" s="91"/>
      <c r="HK3682" s="127"/>
      <c r="HL3682" s="126"/>
      <c r="HM3682" s="91"/>
      <c r="HN3682" s="91"/>
      <c r="HO3682" s="91"/>
      <c r="HP3682" s="91"/>
      <c r="HQ3682" s="91"/>
      <c r="HR3682" s="91"/>
      <c r="HS3682" s="91"/>
      <c r="HT3682" s="91"/>
      <c r="HU3682" s="91"/>
      <c r="HV3682" s="91"/>
      <c r="HW3682" s="91"/>
      <c r="HX3682" s="127"/>
      <c r="HY3682" s="126"/>
      <c r="HZ3682" s="91"/>
      <c r="IA3682" s="91"/>
      <c r="IB3682" s="91"/>
      <c r="IC3682" s="91"/>
      <c r="ID3682" s="91"/>
      <c r="IE3682" s="91"/>
      <c r="IF3682" s="91"/>
      <c r="IG3682" s="91"/>
      <c r="IH3682" s="91"/>
      <c r="II3682" s="91"/>
      <c r="IJ3682" s="91"/>
      <c r="IK3682" s="174"/>
    </row>
    <row r="3683" spans="2:245" x14ac:dyDescent="0.2">
      <c r="B3683" s="43"/>
      <c r="C3683" s="73"/>
      <c r="D3683" s="64"/>
      <c r="E3683" s="64"/>
      <c r="F3683" s="55"/>
      <c r="G3683" s="102"/>
      <c r="H3683" s="97"/>
      <c r="T3683" s="98"/>
      <c r="U3683" s="97"/>
      <c r="AG3683" s="98"/>
      <c r="AY3683" s="164"/>
      <c r="BK3683" s="98"/>
      <c r="BL3683" s="97"/>
      <c r="BX3683" s="98"/>
      <c r="CL3683" s="97"/>
      <c r="CX3683" s="98"/>
      <c r="DL3683" s="97"/>
      <c r="DX3683" s="98"/>
      <c r="EL3683" s="97"/>
      <c r="EX3683" s="98"/>
      <c r="EY3683" s="97"/>
      <c r="FL3683" s="126"/>
      <c r="FM3683" s="91"/>
      <c r="FN3683" s="91"/>
      <c r="FO3683" s="91"/>
      <c r="FP3683" s="91"/>
      <c r="FQ3683" s="91"/>
      <c r="FR3683" s="91"/>
      <c r="FS3683" s="91"/>
      <c r="FT3683" s="91"/>
      <c r="FU3683" s="91"/>
      <c r="FV3683" s="91"/>
      <c r="FW3683" s="91"/>
      <c r="FX3683" s="127"/>
      <c r="FY3683" s="126"/>
      <c r="FZ3683" s="91"/>
      <c r="GA3683" s="91"/>
      <c r="GB3683" s="91"/>
      <c r="GC3683" s="91"/>
      <c r="GD3683" s="91"/>
      <c r="GE3683" s="91"/>
      <c r="GF3683" s="91"/>
      <c r="GG3683" s="91"/>
      <c r="GH3683" s="91"/>
      <c r="GI3683" s="91"/>
      <c r="GJ3683" s="91"/>
      <c r="GK3683" s="127"/>
      <c r="GL3683" s="126"/>
      <c r="GM3683" s="91"/>
      <c r="GN3683" s="91"/>
      <c r="GO3683" s="91"/>
      <c r="GP3683" s="91"/>
      <c r="GQ3683" s="91"/>
      <c r="GR3683" s="91"/>
      <c r="GS3683" s="91"/>
      <c r="GT3683" s="91"/>
      <c r="GU3683" s="91"/>
      <c r="GV3683" s="91"/>
      <c r="GW3683" s="91"/>
      <c r="GX3683" s="127"/>
      <c r="GY3683" s="126"/>
      <c r="GZ3683" s="91"/>
      <c r="HA3683" s="91"/>
      <c r="HB3683" s="91"/>
      <c r="HC3683" s="91"/>
      <c r="HD3683" s="91"/>
      <c r="HE3683" s="91"/>
      <c r="HF3683" s="91"/>
      <c r="HG3683" s="91"/>
      <c r="HH3683" s="91"/>
      <c r="HI3683" s="91"/>
      <c r="HJ3683" s="91"/>
      <c r="HK3683" s="127"/>
      <c r="HL3683" s="126"/>
      <c r="HM3683" s="91"/>
      <c r="HN3683" s="91"/>
      <c r="HO3683" s="91"/>
      <c r="HP3683" s="91"/>
      <c r="HQ3683" s="91"/>
      <c r="HR3683" s="91"/>
      <c r="HS3683" s="91"/>
      <c r="HT3683" s="91"/>
      <c r="HU3683" s="91"/>
      <c r="HV3683" s="91"/>
      <c r="HW3683" s="91"/>
      <c r="HX3683" s="127"/>
      <c r="HY3683" s="126"/>
      <c r="HZ3683" s="91"/>
      <c r="IA3683" s="91"/>
      <c r="IB3683" s="91"/>
      <c r="IC3683" s="91"/>
      <c r="ID3683" s="91"/>
      <c r="IE3683" s="91"/>
      <c r="IF3683" s="91"/>
      <c r="IG3683" s="91"/>
      <c r="IH3683" s="91"/>
      <c r="II3683" s="91"/>
      <c r="IJ3683" s="91"/>
      <c r="IK3683" s="174"/>
    </row>
    <row r="3684" spans="2:245" x14ac:dyDescent="0.2">
      <c r="B3684" s="43"/>
      <c r="C3684" s="73"/>
      <c r="D3684" s="64"/>
      <c r="E3684" s="64"/>
      <c r="F3684" s="55"/>
      <c r="G3684" s="102"/>
      <c r="H3684" s="97"/>
      <c r="T3684" s="98"/>
      <c r="U3684" s="97"/>
      <c r="AG3684" s="98"/>
      <c r="AY3684" s="164"/>
      <c r="BK3684" s="98"/>
      <c r="BL3684" s="97"/>
      <c r="BX3684" s="98"/>
      <c r="CL3684" s="97"/>
      <c r="CX3684" s="98"/>
      <c r="DL3684" s="97"/>
      <c r="DX3684" s="98"/>
      <c r="EL3684" s="97"/>
      <c r="EX3684" s="98"/>
      <c r="EY3684" s="97"/>
      <c r="FL3684" s="126"/>
      <c r="FM3684" s="91"/>
      <c r="FN3684" s="91"/>
      <c r="FO3684" s="91"/>
      <c r="FP3684" s="91"/>
      <c r="FQ3684" s="91"/>
      <c r="FR3684" s="91"/>
      <c r="FS3684" s="91"/>
      <c r="FT3684" s="91"/>
      <c r="FU3684" s="91"/>
      <c r="FV3684" s="91"/>
      <c r="FW3684" s="91"/>
      <c r="FX3684" s="127"/>
      <c r="FY3684" s="126"/>
      <c r="FZ3684" s="91"/>
      <c r="GA3684" s="91"/>
      <c r="GB3684" s="91"/>
      <c r="GC3684" s="91"/>
      <c r="GD3684" s="91"/>
      <c r="GE3684" s="91"/>
      <c r="GF3684" s="91"/>
      <c r="GG3684" s="91"/>
      <c r="GH3684" s="91"/>
      <c r="GI3684" s="91"/>
      <c r="GJ3684" s="91"/>
      <c r="GK3684" s="127"/>
      <c r="GL3684" s="126"/>
      <c r="GM3684" s="91"/>
      <c r="GN3684" s="91"/>
      <c r="GO3684" s="91"/>
      <c r="GP3684" s="91"/>
      <c r="GQ3684" s="91"/>
      <c r="GR3684" s="91"/>
      <c r="GS3684" s="91"/>
      <c r="GT3684" s="91"/>
      <c r="GU3684" s="91"/>
      <c r="GV3684" s="91"/>
      <c r="GW3684" s="91"/>
      <c r="GX3684" s="127"/>
      <c r="GY3684" s="126"/>
      <c r="GZ3684" s="91"/>
      <c r="HA3684" s="91"/>
      <c r="HB3684" s="91"/>
      <c r="HC3684" s="91"/>
      <c r="HD3684" s="91"/>
      <c r="HE3684" s="91"/>
      <c r="HF3684" s="91"/>
      <c r="HG3684" s="91"/>
      <c r="HH3684" s="91"/>
      <c r="HI3684" s="91"/>
      <c r="HJ3684" s="91"/>
      <c r="HK3684" s="127"/>
      <c r="HL3684" s="126"/>
      <c r="HM3684" s="91"/>
      <c r="HN3684" s="91"/>
      <c r="HO3684" s="91"/>
      <c r="HP3684" s="91"/>
      <c r="HQ3684" s="91"/>
      <c r="HR3684" s="91"/>
      <c r="HS3684" s="91"/>
      <c r="HT3684" s="91"/>
      <c r="HU3684" s="91"/>
      <c r="HV3684" s="91"/>
      <c r="HW3684" s="91"/>
      <c r="HX3684" s="127"/>
      <c r="HY3684" s="126"/>
      <c r="HZ3684" s="91"/>
      <c r="IA3684" s="91"/>
      <c r="IB3684" s="91"/>
      <c r="IC3684" s="91"/>
      <c r="ID3684" s="91"/>
      <c r="IE3684" s="91"/>
      <c r="IF3684" s="91"/>
      <c r="IG3684" s="91"/>
      <c r="IH3684" s="91"/>
      <c r="II3684" s="91"/>
      <c r="IJ3684" s="91"/>
      <c r="IK3684" s="174"/>
    </row>
    <row r="3685" spans="2:245" x14ac:dyDescent="0.2">
      <c r="B3685" s="43"/>
      <c r="C3685" s="73"/>
      <c r="D3685" s="64"/>
      <c r="E3685" s="64"/>
      <c r="F3685" s="55"/>
      <c r="G3685" s="102"/>
      <c r="H3685" s="97"/>
      <c r="T3685" s="98"/>
      <c r="U3685" s="97"/>
      <c r="AG3685" s="98"/>
      <c r="AY3685" s="164"/>
      <c r="BK3685" s="98"/>
      <c r="BL3685" s="97"/>
      <c r="BX3685" s="98"/>
      <c r="CL3685" s="97"/>
      <c r="CX3685" s="98"/>
      <c r="DL3685" s="97"/>
      <c r="DX3685" s="98"/>
      <c r="EL3685" s="97"/>
      <c r="EX3685" s="98"/>
      <c r="EY3685" s="97"/>
      <c r="FL3685" s="126"/>
      <c r="FM3685" s="91"/>
      <c r="FN3685" s="91"/>
      <c r="FO3685" s="91"/>
      <c r="FP3685" s="91"/>
      <c r="FQ3685" s="91"/>
      <c r="FR3685" s="91"/>
      <c r="FS3685" s="91"/>
      <c r="FT3685" s="91"/>
      <c r="FU3685" s="91"/>
      <c r="FV3685" s="91"/>
      <c r="FW3685" s="91"/>
      <c r="FX3685" s="127"/>
      <c r="FY3685" s="126"/>
      <c r="FZ3685" s="91"/>
      <c r="GA3685" s="91"/>
      <c r="GB3685" s="91"/>
      <c r="GC3685" s="91"/>
      <c r="GD3685" s="91"/>
      <c r="GE3685" s="91"/>
      <c r="GF3685" s="91"/>
      <c r="GG3685" s="91"/>
      <c r="GH3685" s="91"/>
      <c r="GI3685" s="91"/>
      <c r="GJ3685" s="91"/>
      <c r="GK3685" s="127"/>
      <c r="GL3685" s="126"/>
      <c r="GM3685" s="91"/>
      <c r="GN3685" s="91"/>
      <c r="GO3685" s="91"/>
      <c r="GP3685" s="91"/>
      <c r="GQ3685" s="91"/>
      <c r="GR3685" s="91"/>
      <c r="GS3685" s="91"/>
      <c r="GT3685" s="91"/>
      <c r="GU3685" s="91"/>
      <c r="GV3685" s="91"/>
      <c r="GW3685" s="91"/>
      <c r="GX3685" s="127"/>
      <c r="GY3685" s="126"/>
      <c r="GZ3685" s="91"/>
      <c r="HA3685" s="91"/>
      <c r="HB3685" s="91"/>
      <c r="HC3685" s="91"/>
      <c r="HD3685" s="91"/>
      <c r="HE3685" s="91"/>
      <c r="HF3685" s="91"/>
      <c r="HG3685" s="91"/>
      <c r="HH3685" s="91"/>
      <c r="HI3685" s="91"/>
      <c r="HJ3685" s="91"/>
      <c r="HK3685" s="127"/>
      <c r="HL3685" s="126"/>
      <c r="HM3685" s="91"/>
      <c r="HN3685" s="91"/>
      <c r="HO3685" s="91"/>
      <c r="HP3685" s="91"/>
      <c r="HQ3685" s="91"/>
      <c r="HR3685" s="91"/>
      <c r="HS3685" s="91"/>
      <c r="HT3685" s="91"/>
      <c r="HU3685" s="91"/>
      <c r="HV3685" s="91"/>
      <c r="HW3685" s="91"/>
      <c r="HX3685" s="127"/>
      <c r="HY3685" s="126"/>
      <c r="HZ3685" s="91"/>
      <c r="IA3685" s="91"/>
      <c r="IB3685" s="91"/>
      <c r="IC3685" s="91"/>
      <c r="ID3685" s="91"/>
      <c r="IE3685" s="91"/>
      <c r="IF3685" s="91"/>
      <c r="IG3685" s="91"/>
      <c r="IH3685" s="91"/>
      <c r="II3685" s="91"/>
      <c r="IJ3685" s="91"/>
      <c r="IK3685" s="174"/>
    </row>
    <row r="3686" spans="2:245" x14ac:dyDescent="0.2">
      <c r="B3686" s="43"/>
      <c r="C3686" s="73"/>
      <c r="D3686" s="64"/>
      <c r="E3686" s="64"/>
      <c r="F3686" s="55"/>
      <c r="G3686" s="102"/>
      <c r="H3686" s="97"/>
      <c r="T3686" s="98"/>
      <c r="U3686" s="97"/>
      <c r="AG3686" s="98"/>
      <c r="AY3686" s="164"/>
      <c r="BK3686" s="98"/>
      <c r="BL3686" s="97"/>
      <c r="BX3686" s="98"/>
      <c r="CL3686" s="97"/>
      <c r="CX3686" s="98"/>
      <c r="DL3686" s="97"/>
      <c r="DX3686" s="98"/>
      <c r="EL3686" s="97"/>
      <c r="EX3686" s="98"/>
      <c r="EY3686" s="97"/>
      <c r="FL3686" s="126"/>
      <c r="FM3686" s="91"/>
      <c r="FN3686" s="91"/>
      <c r="FO3686" s="91"/>
      <c r="FP3686" s="91"/>
      <c r="FQ3686" s="91"/>
      <c r="FR3686" s="91"/>
      <c r="FS3686" s="91"/>
      <c r="FT3686" s="91"/>
      <c r="FU3686" s="91"/>
      <c r="FV3686" s="91"/>
      <c r="FW3686" s="91"/>
      <c r="FX3686" s="127"/>
      <c r="FY3686" s="126"/>
      <c r="FZ3686" s="91"/>
      <c r="GA3686" s="91"/>
      <c r="GB3686" s="91"/>
      <c r="GC3686" s="91"/>
      <c r="GD3686" s="91"/>
      <c r="GE3686" s="91"/>
      <c r="GF3686" s="91"/>
      <c r="GG3686" s="91"/>
      <c r="GH3686" s="91"/>
      <c r="GI3686" s="91"/>
      <c r="GJ3686" s="91"/>
      <c r="GK3686" s="127"/>
      <c r="GL3686" s="126"/>
      <c r="GM3686" s="91"/>
      <c r="GN3686" s="91"/>
      <c r="GO3686" s="91"/>
      <c r="GP3686" s="91"/>
      <c r="GQ3686" s="91"/>
      <c r="GR3686" s="91"/>
      <c r="GS3686" s="91"/>
      <c r="GT3686" s="91"/>
      <c r="GU3686" s="91"/>
      <c r="GV3686" s="91"/>
      <c r="GW3686" s="91"/>
      <c r="GX3686" s="127"/>
      <c r="GY3686" s="126"/>
      <c r="GZ3686" s="91"/>
      <c r="HA3686" s="91"/>
      <c r="HB3686" s="91"/>
      <c r="HC3686" s="91"/>
      <c r="HD3686" s="91"/>
      <c r="HE3686" s="91"/>
      <c r="HF3686" s="91"/>
      <c r="HG3686" s="91"/>
      <c r="HH3686" s="91"/>
      <c r="HI3686" s="91"/>
      <c r="HJ3686" s="91"/>
      <c r="HK3686" s="127"/>
      <c r="HL3686" s="126"/>
      <c r="HM3686" s="91"/>
      <c r="HN3686" s="91"/>
      <c r="HO3686" s="91"/>
      <c r="HP3686" s="91"/>
      <c r="HQ3686" s="91"/>
      <c r="HR3686" s="91"/>
      <c r="HS3686" s="91"/>
      <c r="HT3686" s="91"/>
      <c r="HU3686" s="91"/>
      <c r="HV3686" s="91"/>
      <c r="HW3686" s="91"/>
      <c r="HX3686" s="127"/>
      <c r="HY3686" s="126"/>
      <c r="HZ3686" s="91"/>
      <c r="IA3686" s="91"/>
      <c r="IB3686" s="91"/>
      <c r="IC3686" s="91"/>
      <c r="ID3686" s="91"/>
      <c r="IE3686" s="91"/>
      <c r="IF3686" s="91"/>
      <c r="IG3686" s="91"/>
      <c r="IH3686" s="91"/>
      <c r="II3686" s="91"/>
      <c r="IJ3686" s="91"/>
      <c r="IK3686" s="174"/>
    </row>
    <row r="3687" spans="2:245" x14ac:dyDescent="0.2">
      <c r="B3687" s="43"/>
      <c r="C3687" s="73"/>
      <c r="D3687" s="64"/>
      <c r="E3687" s="64"/>
      <c r="F3687" s="55"/>
      <c r="G3687" s="102"/>
      <c r="H3687" s="97"/>
      <c r="T3687" s="98"/>
      <c r="U3687" s="97"/>
      <c r="AG3687" s="98"/>
      <c r="AY3687" s="164"/>
      <c r="BK3687" s="98"/>
      <c r="BL3687" s="97"/>
      <c r="BX3687" s="98"/>
      <c r="CL3687" s="97"/>
      <c r="CX3687" s="98"/>
      <c r="DL3687" s="97"/>
      <c r="DX3687" s="98"/>
      <c r="EL3687" s="97"/>
      <c r="EX3687" s="98"/>
      <c r="EY3687" s="97"/>
      <c r="FL3687" s="126"/>
      <c r="FM3687" s="91"/>
      <c r="FN3687" s="91"/>
      <c r="FO3687" s="91"/>
      <c r="FP3687" s="91"/>
      <c r="FQ3687" s="91"/>
      <c r="FR3687" s="91"/>
      <c r="FS3687" s="91"/>
      <c r="FT3687" s="91"/>
      <c r="FU3687" s="91"/>
      <c r="FV3687" s="91"/>
      <c r="FW3687" s="91"/>
      <c r="FX3687" s="127"/>
      <c r="FY3687" s="126"/>
      <c r="FZ3687" s="91"/>
      <c r="GA3687" s="91"/>
      <c r="GB3687" s="91"/>
      <c r="GC3687" s="91"/>
      <c r="GD3687" s="91"/>
      <c r="GE3687" s="91"/>
      <c r="GF3687" s="91"/>
      <c r="GG3687" s="91"/>
      <c r="GH3687" s="91"/>
      <c r="GI3687" s="91"/>
      <c r="GJ3687" s="91"/>
      <c r="GK3687" s="127"/>
      <c r="GL3687" s="126"/>
      <c r="GM3687" s="91"/>
      <c r="GN3687" s="91"/>
      <c r="GO3687" s="91"/>
      <c r="GP3687" s="91"/>
      <c r="GQ3687" s="91"/>
      <c r="GR3687" s="91"/>
      <c r="GS3687" s="91"/>
      <c r="GT3687" s="91"/>
      <c r="GU3687" s="91"/>
      <c r="GV3687" s="91"/>
      <c r="GW3687" s="91"/>
      <c r="GX3687" s="127"/>
      <c r="GY3687" s="126"/>
      <c r="GZ3687" s="91"/>
      <c r="HA3687" s="91"/>
      <c r="HB3687" s="91"/>
      <c r="HC3687" s="91"/>
      <c r="HD3687" s="91"/>
      <c r="HE3687" s="91"/>
      <c r="HF3687" s="91"/>
      <c r="HG3687" s="91"/>
      <c r="HH3687" s="91"/>
      <c r="HI3687" s="91"/>
      <c r="HJ3687" s="91"/>
      <c r="HK3687" s="127"/>
      <c r="HL3687" s="126"/>
      <c r="HM3687" s="91"/>
      <c r="HN3687" s="91"/>
      <c r="HO3687" s="91"/>
      <c r="HP3687" s="91"/>
      <c r="HQ3687" s="91"/>
      <c r="HR3687" s="91"/>
      <c r="HS3687" s="91"/>
      <c r="HT3687" s="91"/>
      <c r="HU3687" s="91"/>
      <c r="HV3687" s="91"/>
      <c r="HW3687" s="91"/>
      <c r="HX3687" s="127"/>
      <c r="HY3687" s="126"/>
      <c r="HZ3687" s="91"/>
      <c r="IA3687" s="91"/>
      <c r="IB3687" s="91"/>
      <c r="IC3687" s="91"/>
      <c r="ID3687" s="91"/>
      <c r="IE3687" s="91"/>
      <c r="IF3687" s="91"/>
      <c r="IG3687" s="91"/>
      <c r="IH3687" s="91"/>
      <c r="II3687" s="91"/>
      <c r="IJ3687" s="91"/>
      <c r="IK3687" s="174"/>
    </row>
    <row r="3688" spans="2:245" x14ac:dyDescent="0.2">
      <c r="B3688" s="43"/>
      <c r="C3688" s="73"/>
      <c r="D3688" s="64"/>
      <c r="E3688" s="64"/>
      <c r="F3688" s="55"/>
      <c r="G3688" s="102"/>
      <c r="H3688" s="97"/>
      <c r="T3688" s="98"/>
      <c r="U3688" s="97"/>
      <c r="AG3688" s="98"/>
      <c r="AY3688" s="164"/>
      <c r="BK3688" s="98"/>
      <c r="BL3688" s="97"/>
      <c r="BX3688" s="98"/>
      <c r="CL3688" s="97"/>
      <c r="CX3688" s="98"/>
      <c r="DL3688" s="97"/>
      <c r="DX3688" s="98"/>
      <c r="EL3688" s="97"/>
      <c r="EX3688" s="98"/>
      <c r="EY3688" s="97"/>
      <c r="FL3688" s="126"/>
      <c r="FM3688" s="91"/>
      <c r="FN3688" s="91"/>
      <c r="FO3688" s="91"/>
      <c r="FP3688" s="91"/>
      <c r="FQ3688" s="91"/>
      <c r="FR3688" s="91"/>
      <c r="FS3688" s="91"/>
      <c r="FT3688" s="91"/>
      <c r="FU3688" s="91"/>
      <c r="FV3688" s="91"/>
      <c r="FW3688" s="91"/>
      <c r="FX3688" s="127"/>
      <c r="FY3688" s="126"/>
      <c r="FZ3688" s="91"/>
      <c r="GA3688" s="91"/>
      <c r="GB3688" s="91"/>
      <c r="GC3688" s="91"/>
      <c r="GD3688" s="91"/>
      <c r="GE3688" s="91"/>
      <c r="GF3688" s="91"/>
      <c r="GG3688" s="91"/>
      <c r="GH3688" s="91"/>
      <c r="GI3688" s="91"/>
      <c r="GJ3688" s="91"/>
      <c r="GK3688" s="127"/>
      <c r="GL3688" s="126"/>
      <c r="GM3688" s="91"/>
      <c r="GN3688" s="91"/>
      <c r="GO3688" s="91"/>
      <c r="GP3688" s="91"/>
      <c r="GQ3688" s="91"/>
      <c r="GR3688" s="91"/>
      <c r="GS3688" s="91"/>
      <c r="GT3688" s="91"/>
      <c r="GU3688" s="91"/>
      <c r="GV3688" s="91"/>
      <c r="GW3688" s="91"/>
      <c r="GX3688" s="127"/>
      <c r="GY3688" s="126"/>
      <c r="GZ3688" s="91"/>
      <c r="HA3688" s="91"/>
      <c r="HB3688" s="91"/>
      <c r="HC3688" s="91"/>
      <c r="HD3688" s="91"/>
      <c r="HE3688" s="91"/>
      <c r="HF3688" s="91"/>
      <c r="HG3688" s="91"/>
      <c r="HH3688" s="91"/>
      <c r="HI3688" s="91"/>
      <c r="HJ3688" s="91"/>
      <c r="HK3688" s="127"/>
      <c r="HL3688" s="126"/>
      <c r="HM3688" s="91"/>
      <c r="HN3688" s="91"/>
      <c r="HO3688" s="91"/>
      <c r="HP3688" s="91"/>
      <c r="HQ3688" s="91"/>
      <c r="HR3688" s="91"/>
      <c r="HS3688" s="91"/>
      <c r="HT3688" s="91"/>
      <c r="HU3688" s="91"/>
      <c r="HV3688" s="91"/>
      <c r="HW3688" s="91"/>
      <c r="HX3688" s="127"/>
      <c r="HY3688" s="126"/>
      <c r="HZ3688" s="91"/>
      <c r="IA3688" s="91"/>
      <c r="IB3688" s="91"/>
      <c r="IC3688" s="91"/>
      <c r="ID3688" s="91"/>
      <c r="IE3688" s="91"/>
      <c r="IF3688" s="91"/>
      <c r="IG3688" s="91"/>
      <c r="IH3688" s="91"/>
      <c r="II3688" s="91"/>
      <c r="IJ3688" s="91"/>
      <c r="IK3688" s="174"/>
    </row>
    <row r="3689" spans="2:245" x14ac:dyDescent="0.2">
      <c r="B3689" s="43"/>
      <c r="C3689" s="73"/>
      <c r="D3689" s="64"/>
      <c r="E3689" s="64"/>
      <c r="F3689" s="55"/>
      <c r="G3689" s="102"/>
      <c r="H3689" s="97"/>
      <c r="T3689" s="98"/>
      <c r="U3689" s="97"/>
      <c r="AG3689" s="98"/>
      <c r="AY3689" s="164"/>
      <c r="BK3689" s="98"/>
      <c r="BL3689" s="97"/>
      <c r="BX3689" s="98"/>
      <c r="CL3689" s="97"/>
      <c r="CX3689" s="98"/>
      <c r="DL3689" s="97"/>
      <c r="DX3689" s="98"/>
      <c r="EL3689" s="97"/>
      <c r="EX3689" s="98"/>
      <c r="EY3689" s="97"/>
      <c r="FL3689" s="126"/>
      <c r="FM3689" s="91"/>
      <c r="FN3689" s="91"/>
      <c r="FO3689" s="91"/>
      <c r="FP3689" s="91"/>
      <c r="FQ3689" s="91"/>
      <c r="FR3689" s="91"/>
      <c r="FS3689" s="91"/>
      <c r="FT3689" s="91"/>
      <c r="FU3689" s="91"/>
      <c r="FV3689" s="91"/>
      <c r="FW3689" s="91"/>
      <c r="FX3689" s="127"/>
      <c r="FY3689" s="126"/>
      <c r="FZ3689" s="91"/>
      <c r="GA3689" s="91"/>
      <c r="GB3689" s="91"/>
      <c r="GC3689" s="91"/>
      <c r="GD3689" s="91"/>
      <c r="GE3689" s="91"/>
      <c r="GF3689" s="91"/>
      <c r="GG3689" s="91"/>
      <c r="GH3689" s="91"/>
      <c r="GI3689" s="91"/>
      <c r="GJ3689" s="91"/>
      <c r="GK3689" s="127"/>
      <c r="GL3689" s="126"/>
      <c r="GM3689" s="91"/>
      <c r="GN3689" s="91"/>
      <c r="GO3689" s="91"/>
      <c r="GP3689" s="91"/>
      <c r="GQ3689" s="91"/>
      <c r="GR3689" s="91"/>
      <c r="GS3689" s="91"/>
      <c r="GT3689" s="91"/>
      <c r="GU3689" s="91"/>
      <c r="GV3689" s="91"/>
      <c r="GW3689" s="91"/>
      <c r="GX3689" s="127"/>
      <c r="GY3689" s="126"/>
      <c r="GZ3689" s="91"/>
      <c r="HA3689" s="91"/>
      <c r="HB3689" s="91"/>
      <c r="HC3689" s="91"/>
      <c r="HD3689" s="91"/>
      <c r="HE3689" s="91"/>
      <c r="HF3689" s="91"/>
      <c r="HG3689" s="91"/>
      <c r="HH3689" s="91"/>
      <c r="HI3689" s="91"/>
      <c r="HJ3689" s="91"/>
      <c r="HK3689" s="127"/>
      <c r="HL3689" s="126"/>
      <c r="HM3689" s="91"/>
      <c r="HN3689" s="91"/>
      <c r="HO3689" s="91"/>
      <c r="HP3689" s="91"/>
      <c r="HQ3689" s="91"/>
      <c r="HR3689" s="91"/>
      <c r="HS3689" s="91"/>
      <c r="HT3689" s="91"/>
      <c r="HU3689" s="91"/>
      <c r="HV3689" s="91"/>
      <c r="HW3689" s="91"/>
      <c r="HX3689" s="127"/>
      <c r="HY3689" s="126"/>
      <c r="HZ3689" s="91"/>
      <c r="IA3689" s="91"/>
      <c r="IB3689" s="91"/>
      <c r="IC3689" s="91"/>
      <c r="ID3689" s="91"/>
      <c r="IE3689" s="91"/>
      <c r="IF3689" s="91"/>
      <c r="IG3689" s="91"/>
      <c r="IH3689" s="91"/>
      <c r="II3689" s="91"/>
      <c r="IJ3689" s="91"/>
      <c r="IK3689" s="174"/>
    </row>
    <row r="3690" spans="2:245" x14ac:dyDescent="0.2">
      <c r="B3690" s="43"/>
      <c r="C3690" s="73"/>
      <c r="D3690" s="64"/>
      <c r="E3690" s="64"/>
      <c r="F3690" s="55"/>
      <c r="G3690" s="102"/>
      <c r="H3690" s="97"/>
      <c r="T3690" s="98"/>
      <c r="U3690" s="97"/>
      <c r="AG3690" s="98"/>
      <c r="AY3690" s="164"/>
      <c r="BK3690" s="98"/>
      <c r="BL3690" s="97"/>
      <c r="BX3690" s="98"/>
      <c r="CL3690" s="97"/>
      <c r="CX3690" s="98"/>
      <c r="DL3690" s="97"/>
      <c r="DX3690" s="98"/>
      <c r="EL3690" s="97"/>
      <c r="EX3690" s="98"/>
      <c r="EY3690" s="97"/>
      <c r="FL3690" s="126"/>
      <c r="FM3690" s="91"/>
      <c r="FN3690" s="91"/>
      <c r="FO3690" s="91"/>
      <c r="FP3690" s="91"/>
      <c r="FQ3690" s="91"/>
      <c r="FR3690" s="91"/>
      <c r="FS3690" s="91"/>
      <c r="FT3690" s="91"/>
      <c r="FU3690" s="91"/>
      <c r="FV3690" s="91"/>
      <c r="FW3690" s="91"/>
      <c r="FX3690" s="127"/>
      <c r="FY3690" s="126"/>
      <c r="FZ3690" s="91"/>
      <c r="GA3690" s="91"/>
      <c r="GB3690" s="91"/>
      <c r="GC3690" s="91"/>
      <c r="GD3690" s="91"/>
      <c r="GE3690" s="91"/>
      <c r="GF3690" s="91"/>
      <c r="GG3690" s="91"/>
      <c r="GH3690" s="91"/>
      <c r="GI3690" s="91"/>
      <c r="GJ3690" s="91"/>
      <c r="GK3690" s="127"/>
      <c r="GL3690" s="126"/>
      <c r="GM3690" s="91"/>
      <c r="GN3690" s="91"/>
      <c r="GO3690" s="91"/>
      <c r="GP3690" s="91"/>
      <c r="GQ3690" s="91"/>
      <c r="GR3690" s="91"/>
      <c r="GS3690" s="91"/>
      <c r="GT3690" s="91"/>
      <c r="GU3690" s="91"/>
      <c r="GV3690" s="91"/>
      <c r="GW3690" s="91"/>
      <c r="GX3690" s="127"/>
      <c r="GY3690" s="126"/>
      <c r="GZ3690" s="91"/>
      <c r="HA3690" s="91"/>
      <c r="HB3690" s="91"/>
      <c r="HC3690" s="91"/>
      <c r="HD3690" s="91"/>
      <c r="HE3690" s="91"/>
      <c r="HF3690" s="91"/>
      <c r="HG3690" s="91"/>
      <c r="HH3690" s="91"/>
      <c r="HI3690" s="91"/>
      <c r="HJ3690" s="91"/>
      <c r="HK3690" s="127"/>
      <c r="HL3690" s="126"/>
      <c r="HM3690" s="91"/>
      <c r="HN3690" s="91"/>
      <c r="HO3690" s="91"/>
      <c r="HP3690" s="91"/>
      <c r="HQ3690" s="91"/>
      <c r="HR3690" s="91"/>
      <c r="HS3690" s="91"/>
      <c r="HT3690" s="91"/>
      <c r="HU3690" s="91"/>
      <c r="HV3690" s="91"/>
      <c r="HW3690" s="91"/>
      <c r="HX3690" s="127"/>
      <c r="HY3690" s="126"/>
      <c r="HZ3690" s="91"/>
      <c r="IA3690" s="91"/>
      <c r="IB3690" s="91"/>
      <c r="IC3690" s="91"/>
      <c r="ID3690" s="91"/>
      <c r="IE3690" s="91"/>
      <c r="IF3690" s="91"/>
      <c r="IG3690" s="91"/>
      <c r="IH3690" s="91"/>
      <c r="II3690" s="91"/>
      <c r="IJ3690" s="91"/>
      <c r="IK3690" s="174"/>
    </row>
    <row r="3691" spans="2:245" x14ac:dyDescent="0.2">
      <c r="B3691" s="43"/>
      <c r="C3691" s="73"/>
      <c r="D3691" s="64"/>
      <c r="E3691" s="64"/>
      <c r="F3691" s="55"/>
      <c r="G3691" s="102"/>
      <c r="H3691" s="97"/>
      <c r="T3691" s="98"/>
      <c r="U3691" s="97"/>
      <c r="AG3691" s="98"/>
      <c r="AY3691" s="164"/>
      <c r="BK3691" s="98"/>
      <c r="BL3691" s="97"/>
      <c r="BX3691" s="98"/>
      <c r="CL3691" s="97"/>
      <c r="CX3691" s="98"/>
      <c r="DL3691" s="97"/>
      <c r="DX3691" s="98"/>
      <c r="EL3691" s="97"/>
      <c r="EX3691" s="98"/>
      <c r="EY3691" s="97"/>
      <c r="FL3691" s="126"/>
      <c r="FM3691" s="91"/>
      <c r="FN3691" s="91"/>
      <c r="FO3691" s="91"/>
      <c r="FP3691" s="91"/>
      <c r="FQ3691" s="91"/>
      <c r="FR3691" s="91"/>
      <c r="FS3691" s="91"/>
      <c r="FT3691" s="91"/>
      <c r="FU3691" s="91"/>
      <c r="FV3691" s="91"/>
      <c r="FW3691" s="91"/>
      <c r="FX3691" s="127"/>
      <c r="FY3691" s="126"/>
      <c r="FZ3691" s="91"/>
      <c r="GA3691" s="91"/>
      <c r="GB3691" s="91"/>
      <c r="GC3691" s="91"/>
      <c r="GD3691" s="91"/>
      <c r="GE3691" s="91"/>
      <c r="GF3691" s="91"/>
      <c r="GG3691" s="91"/>
      <c r="GH3691" s="91"/>
      <c r="GI3691" s="91"/>
      <c r="GJ3691" s="91"/>
      <c r="GK3691" s="127"/>
      <c r="GL3691" s="126"/>
      <c r="GM3691" s="91"/>
      <c r="GN3691" s="91"/>
      <c r="GO3691" s="91"/>
      <c r="GP3691" s="91"/>
      <c r="GQ3691" s="91"/>
      <c r="GR3691" s="91"/>
      <c r="GS3691" s="91"/>
      <c r="GT3691" s="91"/>
      <c r="GU3691" s="91"/>
      <c r="GV3691" s="91"/>
      <c r="GW3691" s="91"/>
      <c r="GX3691" s="127"/>
      <c r="GY3691" s="126"/>
      <c r="GZ3691" s="91"/>
      <c r="HA3691" s="91"/>
      <c r="HB3691" s="91"/>
      <c r="HC3691" s="91"/>
      <c r="HD3691" s="91"/>
      <c r="HE3691" s="91"/>
      <c r="HF3691" s="91"/>
      <c r="HG3691" s="91"/>
      <c r="HH3691" s="91"/>
      <c r="HI3691" s="91"/>
      <c r="HJ3691" s="91"/>
      <c r="HK3691" s="127"/>
      <c r="HL3691" s="126"/>
      <c r="HM3691" s="91"/>
      <c r="HN3691" s="91"/>
      <c r="HO3691" s="91"/>
      <c r="HP3691" s="91"/>
      <c r="HQ3691" s="91"/>
      <c r="HR3691" s="91"/>
      <c r="HS3691" s="91"/>
      <c r="HT3691" s="91"/>
      <c r="HU3691" s="91"/>
      <c r="HV3691" s="91"/>
      <c r="HW3691" s="91"/>
      <c r="HX3691" s="127"/>
      <c r="HY3691" s="126"/>
      <c r="HZ3691" s="91"/>
      <c r="IA3691" s="91"/>
      <c r="IB3691" s="91"/>
      <c r="IC3691" s="91"/>
      <c r="ID3691" s="91"/>
      <c r="IE3691" s="91"/>
      <c r="IF3691" s="91"/>
      <c r="IG3691" s="91"/>
      <c r="IH3691" s="91"/>
      <c r="II3691" s="91"/>
      <c r="IJ3691" s="91"/>
      <c r="IK3691" s="174"/>
    </row>
    <row r="3692" spans="2:245" x14ac:dyDescent="0.2">
      <c r="B3692" s="43"/>
      <c r="C3692" s="73"/>
      <c r="D3692" s="64"/>
      <c r="E3692" s="64"/>
      <c r="F3692" s="55"/>
      <c r="G3692" s="102"/>
      <c r="H3692" s="97"/>
      <c r="T3692" s="98"/>
      <c r="U3692" s="97"/>
      <c r="AG3692" s="98"/>
      <c r="AY3692" s="164"/>
      <c r="BK3692" s="98"/>
      <c r="BL3692" s="97"/>
      <c r="BX3692" s="98"/>
      <c r="CL3692" s="97"/>
      <c r="CX3692" s="98"/>
      <c r="DL3692" s="97"/>
      <c r="DX3692" s="98"/>
      <c r="EL3692" s="97"/>
      <c r="EX3692" s="98"/>
      <c r="EY3692" s="97"/>
      <c r="FL3692" s="126"/>
      <c r="FM3692" s="91"/>
      <c r="FN3692" s="91"/>
      <c r="FO3692" s="91"/>
      <c r="FP3692" s="91"/>
      <c r="FQ3692" s="91"/>
      <c r="FR3692" s="91"/>
      <c r="FS3692" s="91"/>
      <c r="FT3692" s="91"/>
      <c r="FU3692" s="91"/>
      <c r="FV3692" s="91"/>
      <c r="FW3692" s="91"/>
      <c r="FX3692" s="127"/>
      <c r="FY3692" s="126"/>
      <c r="FZ3692" s="91"/>
      <c r="GA3692" s="91"/>
      <c r="GB3692" s="91"/>
      <c r="GC3692" s="91"/>
      <c r="GD3692" s="91"/>
      <c r="GE3692" s="91"/>
      <c r="GF3692" s="91"/>
      <c r="GG3692" s="91"/>
      <c r="GH3692" s="91"/>
      <c r="GI3692" s="91"/>
      <c r="GJ3692" s="91"/>
      <c r="GK3692" s="127"/>
      <c r="GL3692" s="126"/>
      <c r="GM3692" s="91"/>
      <c r="GN3692" s="91"/>
      <c r="GO3692" s="91"/>
      <c r="GP3692" s="91"/>
      <c r="GQ3692" s="91"/>
      <c r="GR3692" s="91"/>
      <c r="GS3692" s="91"/>
      <c r="GT3692" s="91"/>
      <c r="GU3692" s="91"/>
      <c r="GV3692" s="91"/>
      <c r="GW3692" s="91"/>
      <c r="GX3692" s="127"/>
      <c r="GY3692" s="126"/>
      <c r="GZ3692" s="91"/>
      <c r="HA3692" s="91"/>
      <c r="HB3692" s="91"/>
      <c r="HC3692" s="91"/>
      <c r="HD3692" s="91"/>
      <c r="HE3692" s="91"/>
      <c r="HF3692" s="91"/>
      <c r="HG3692" s="91"/>
      <c r="HH3692" s="91"/>
      <c r="HI3692" s="91"/>
      <c r="HJ3692" s="91"/>
      <c r="HK3692" s="127"/>
      <c r="HL3692" s="126"/>
      <c r="HM3692" s="91"/>
      <c r="HN3692" s="91"/>
      <c r="HO3692" s="91"/>
      <c r="HP3692" s="91"/>
      <c r="HQ3692" s="91"/>
      <c r="HR3692" s="91"/>
      <c r="HS3692" s="91"/>
      <c r="HT3692" s="91"/>
      <c r="HU3692" s="91"/>
      <c r="HV3692" s="91"/>
      <c r="HW3692" s="91"/>
      <c r="HX3692" s="127"/>
      <c r="HY3692" s="126"/>
      <c r="HZ3692" s="91"/>
      <c r="IA3692" s="91"/>
      <c r="IB3692" s="91"/>
      <c r="IC3692" s="91"/>
      <c r="ID3692" s="91"/>
      <c r="IE3692" s="91"/>
      <c r="IF3692" s="91"/>
      <c r="IG3692" s="91"/>
      <c r="IH3692" s="91"/>
      <c r="II3692" s="91"/>
      <c r="IJ3692" s="91"/>
      <c r="IK3692" s="174"/>
    </row>
    <row r="3693" spans="2:245" x14ac:dyDescent="0.2">
      <c r="B3693" s="43"/>
      <c r="C3693" s="73"/>
      <c r="D3693" s="64"/>
      <c r="E3693" s="64"/>
      <c r="F3693" s="55"/>
      <c r="G3693" s="102"/>
      <c r="H3693" s="97"/>
      <c r="T3693" s="98"/>
      <c r="U3693" s="97"/>
      <c r="AG3693" s="98"/>
      <c r="AY3693" s="164"/>
      <c r="BK3693" s="98"/>
      <c r="BL3693" s="97"/>
      <c r="BX3693" s="98"/>
      <c r="CL3693" s="97"/>
      <c r="CX3693" s="98"/>
      <c r="DL3693" s="97"/>
      <c r="DX3693" s="98"/>
      <c r="EL3693" s="97"/>
      <c r="EX3693" s="98"/>
      <c r="EY3693" s="97"/>
      <c r="FL3693" s="126"/>
      <c r="FM3693" s="91"/>
      <c r="FN3693" s="91"/>
      <c r="FO3693" s="91"/>
      <c r="FP3693" s="91"/>
      <c r="FQ3693" s="91"/>
      <c r="FR3693" s="91"/>
      <c r="FS3693" s="91"/>
      <c r="FT3693" s="91"/>
      <c r="FU3693" s="91"/>
      <c r="FV3693" s="91"/>
      <c r="FW3693" s="91"/>
      <c r="FX3693" s="127"/>
      <c r="FY3693" s="126"/>
      <c r="FZ3693" s="91"/>
      <c r="GA3693" s="91"/>
      <c r="GB3693" s="91"/>
      <c r="GC3693" s="91"/>
      <c r="GD3693" s="91"/>
      <c r="GE3693" s="91"/>
      <c r="GF3693" s="91"/>
      <c r="GG3693" s="91"/>
      <c r="GH3693" s="91"/>
      <c r="GI3693" s="91"/>
      <c r="GJ3693" s="91"/>
      <c r="GK3693" s="127"/>
      <c r="GL3693" s="126"/>
      <c r="GM3693" s="91"/>
      <c r="GN3693" s="91"/>
      <c r="GO3693" s="91"/>
      <c r="GP3693" s="91"/>
      <c r="GQ3693" s="91"/>
      <c r="GR3693" s="91"/>
      <c r="GS3693" s="91"/>
      <c r="GT3693" s="91"/>
      <c r="GU3693" s="91"/>
      <c r="GV3693" s="91"/>
      <c r="GW3693" s="91"/>
      <c r="GX3693" s="127"/>
      <c r="GY3693" s="126"/>
      <c r="GZ3693" s="91"/>
      <c r="HA3693" s="91"/>
      <c r="HB3693" s="91"/>
      <c r="HC3693" s="91"/>
      <c r="HD3693" s="91"/>
      <c r="HE3693" s="91"/>
      <c r="HF3693" s="91"/>
      <c r="HG3693" s="91"/>
      <c r="HH3693" s="91"/>
      <c r="HI3693" s="91"/>
      <c r="HJ3693" s="91"/>
      <c r="HK3693" s="127"/>
      <c r="HL3693" s="126"/>
      <c r="HM3693" s="91"/>
      <c r="HN3693" s="91"/>
      <c r="HO3693" s="91"/>
      <c r="HP3693" s="91"/>
      <c r="HQ3693" s="91"/>
      <c r="HR3693" s="91"/>
      <c r="HS3693" s="91"/>
      <c r="HT3693" s="91"/>
      <c r="HU3693" s="91"/>
      <c r="HV3693" s="91"/>
      <c r="HW3693" s="91"/>
      <c r="HX3693" s="127"/>
      <c r="HY3693" s="126"/>
      <c r="HZ3693" s="91"/>
      <c r="IA3693" s="91"/>
      <c r="IB3693" s="91"/>
      <c r="IC3693" s="91"/>
      <c r="ID3693" s="91"/>
      <c r="IE3693" s="91"/>
      <c r="IF3693" s="91"/>
      <c r="IG3693" s="91"/>
      <c r="IH3693" s="91"/>
      <c r="II3693" s="91"/>
      <c r="IJ3693" s="91"/>
      <c r="IK3693" s="174"/>
    </row>
    <row r="3694" spans="2:245" x14ac:dyDescent="0.2">
      <c r="B3694" s="43"/>
      <c r="C3694" s="73"/>
      <c r="D3694" s="64"/>
      <c r="E3694" s="64"/>
      <c r="F3694" s="55"/>
      <c r="G3694" s="102"/>
      <c r="H3694" s="97"/>
      <c r="T3694" s="98"/>
      <c r="U3694" s="97"/>
      <c r="AG3694" s="98"/>
      <c r="AY3694" s="164"/>
      <c r="BK3694" s="98"/>
      <c r="BL3694" s="97"/>
      <c r="BX3694" s="98"/>
      <c r="CL3694" s="97"/>
      <c r="CX3694" s="98"/>
      <c r="DL3694" s="97"/>
      <c r="DX3694" s="98"/>
      <c r="EL3694" s="97"/>
      <c r="EX3694" s="98"/>
      <c r="EY3694" s="97"/>
      <c r="FL3694" s="126"/>
      <c r="FM3694" s="91"/>
      <c r="FN3694" s="91"/>
      <c r="FO3694" s="91"/>
      <c r="FP3694" s="91"/>
      <c r="FQ3694" s="91"/>
      <c r="FR3694" s="91"/>
      <c r="FS3694" s="91"/>
      <c r="FT3694" s="91"/>
      <c r="FU3694" s="91"/>
      <c r="FV3694" s="91"/>
      <c r="FW3694" s="91"/>
      <c r="FX3694" s="127"/>
      <c r="FY3694" s="126"/>
      <c r="FZ3694" s="91"/>
      <c r="GA3694" s="91"/>
      <c r="GB3694" s="91"/>
      <c r="GC3694" s="91"/>
      <c r="GD3694" s="91"/>
      <c r="GE3694" s="91"/>
      <c r="GF3694" s="91"/>
      <c r="GG3694" s="91"/>
      <c r="GH3694" s="91"/>
      <c r="GI3694" s="91"/>
      <c r="GJ3694" s="91"/>
      <c r="GK3694" s="127"/>
      <c r="GL3694" s="126"/>
      <c r="GM3694" s="91"/>
      <c r="GN3694" s="91"/>
      <c r="GO3694" s="91"/>
      <c r="GP3694" s="91"/>
      <c r="GQ3694" s="91"/>
      <c r="GR3694" s="91"/>
      <c r="GS3694" s="91"/>
      <c r="GT3694" s="91"/>
      <c r="GU3694" s="91"/>
      <c r="GV3694" s="91"/>
      <c r="GW3694" s="91"/>
      <c r="GX3694" s="127"/>
      <c r="GY3694" s="126"/>
      <c r="GZ3694" s="91"/>
      <c r="HA3694" s="91"/>
      <c r="HB3694" s="91"/>
      <c r="HC3694" s="91"/>
      <c r="HD3694" s="91"/>
      <c r="HE3694" s="91"/>
      <c r="HF3694" s="91"/>
      <c r="HG3694" s="91"/>
      <c r="HH3694" s="91"/>
      <c r="HI3694" s="91"/>
      <c r="HJ3694" s="91"/>
      <c r="HK3694" s="127"/>
      <c r="HL3694" s="126"/>
      <c r="HM3694" s="91"/>
      <c r="HN3694" s="91"/>
      <c r="HO3694" s="91"/>
      <c r="HP3694" s="91"/>
      <c r="HQ3694" s="91"/>
      <c r="HR3694" s="91"/>
      <c r="HS3694" s="91"/>
      <c r="HT3694" s="91"/>
      <c r="HU3694" s="91"/>
      <c r="HV3694" s="91"/>
      <c r="HW3694" s="91"/>
      <c r="HX3694" s="127"/>
      <c r="HY3694" s="126"/>
      <c r="HZ3694" s="91"/>
      <c r="IA3694" s="91"/>
      <c r="IB3694" s="91"/>
      <c r="IC3694" s="91"/>
      <c r="ID3694" s="91"/>
      <c r="IE3694" s="91"/>
      <c r="IF3694" s="91"/>
      <c r="IG3694" s="91"/>
      <c r="IH3694" s="91"/>
      <c r="II3694" s="91"/>
      <c r="IJ3694" s="91"/>
      <c r="IK3694" s="174"/>
    </row>
    <row r="3695" spans="2:245" x14ac:dyDescent="0.2">
      <c r="B3695" s="43"/>
      <c r="C3695" s="73"/>
      <c r="D3695" s="64"/>
      <c r="E3695" s="64"/>
      <c r="F3695" s="55"/>
      <c r="G3695" s="102"/>
      <c r="H3695" s="97"/>
      <c r="T3695" s="98"/>
      <c r="U3695" s="97"/>
      <c r="AG3695" s="98"/>
      <c r="AY3695" s="164"/>
      <c r="BK3695" s="98"/>
      <c r="BL3695" s="97"/>
      <c r="BX3695" s="98"/>
      <c r="CL3695" s="97"/>
      <c r="CX3695" s="98"/>
      <c r="DL3695" s="97"/>
      <c r="DX3695" s="98"/>
      <c r="EL3695" s="97"/>
      <c r="EX3695" s="98"/>
      <c r="EY3695" s="97"/>
      <c r="FL3695" s="126"/>
      <c r="FM3695" s="91"/>
      <c r="FN3695" s="91"/>
      <c r="FO3695" s="91"/>
      <c r="FP3695" s="91"/>
      <c r="FQ3695" s="91"/>
      <c r="FR3695" s="91"/>
      <c r="FS3695" s="91"/>
      <c r="FT3695" s="91"/>
      <c r="FU3695" s="91"/>
      <c r="FV3695" s="91"/>
      <c r="FW3695" s="91"/>
      <c r="FX3695" s="127"/>
      <c r="FY3695" s="126"/>
      <c r="FZ3695" s="91"/>
      <c r="GA3695" s="91"/>
      <c r="GB3695" s="91"/>
      <c r="GC3695" s="91"/>
      <c r="GD3695" s="91"/>
      <c r="GE3695" s="91"/>
      <c r="GF3695" s="91"/>
      <c r="GG3695" s="91"/>
      <c r="GH3695" s="91"/>
      <c r="GI3695" s="91"/>
      <c r="GJ3695" s="91"/>
      <c r="GK3695" s="127"/>
      <c r="GL3695" s="126"/>
      <c r="GM3695" s="91"/>
      <c r="GN3695" s="91"/>
      <c r="GO3695" s="91"/>
      <c r="GP3695" s="91"/>
      <c r="GQ3695" s="91"/>
      <c r="GR3695" s="91"/>
      <c r="GS3695" s="91"/>
      <c r="GT3695" s="91"/>
      <c r="GU3695" s="91"/>
      <c r="GV3695" s="91"/>
      <c r="GW3695" s="91"/>
      <c r="GX3695" s="127"/>
      <c r="GY3695" s="126"/>
      <c r="GZ3695" s="91"/>
      <c r="HA3695" s="91"/>
      <c r="HB3695" s="91"/>
      <c r="HC3695" s="91"/>
      <c r="HD3695" s="91"/>
      <c r="HE3695" s="91"/>
      <c r="HF3695" s="91"/>
      <c r="HG3695" s="91"/>
      <c r="HH3695" s="91"/>
      <c r="HI3695" s="91"/>
      <c r="HJ3695" s="91"/>
      <c r="HK3695" s="127"/>
      <c r="HL3695" s="126"/>
      <c r="HM3695" s="91"/>
      <c r="HN3695" s="91"/>
      <c r="HO3695" s="91"/>
      <c r="HP3695" s="91"/>
      <c r="HQ3695" s="91"/>
      <c r="HR3695" s="91"/>
      <c r="HS3695" s="91"/>
      <c r="HT3695" s="91"/>
      <c r="HU3695" s="91"/>
      <c r="HV3695" s="91"/>
      <c r="HW3695" s="91"/>
      <c r="HX3695" s="127"/>
      <c r="HY3695" s="126"/>
      <c r="HZ3695" s="91"/>
      <c r="IA3695" s="91"/>
      <c r="IB3695" s="91"/>
      <c r="IC3695" s="91"/>
      <c r="ID3695" s="91"/>
      <c r="IE3695" s="91"/>
      <c r="IF3695" s="91"/>
      <c r="IG3695" s="91"/>
      <c r="IH3695" s="91"/>
      <c r="II3695" s="91"/>
      <c r="IJ3695" s="91"/>
      <c r="IK3695" s="174"/>
    </row>
    <row r="3696" spans="2:245" x14ac:dyDescent="0.2">
      <c r="B3696" s="43"/>
      <c r="C3696" s="73"/>
      <c r="D3696" s="64"/>
      <c r="E3696" s="64"/>
      <c r="F3696" s="55"/>
      <c r="G3696" s="102"/>
      <c r="H3696" s="97"/>
      <c r="T3696" s="98"/>
      <c r="U3696" s="97"/>
      <c r="AG3696" s="98"/>
      <c r="AY3696" s="164"/>
      <c r="BK3696" s="98"/>
      <c r="BL3696" s="97"/>
      <c r="BX3696" s="98"/>
      <c r="CL3696" s="97"/>
      <c r="CX3696" s="98"/>
      <c r="DL3696" s="97"/>
      <c r="DX3696" s="98"/>
      <c r="EL3696" s="97"/>
      <c r="EX3696" s="98"/>
      <c r="EY3696" s="97"/>
      <c r="FL3696" s="126"/>
      <c r="FM3696" s="91"/>
      <c r="FN3696" s="91"/>
      <c r="FO3696" s="91"/>
      <c r="FP3696" s="91"/>
      <c r="FQ3696" s="91"/>
      <c r="FR3696" s="91"/>
      <c r="FS3696" s="91"/>
      <c r="FT3696" s="91"/>
      <c r="FU3696" s="91"/>
      <c r="FV3696" s="91"/>
      <c r="FW3696" s="91"/>
      <c r="FX3696" s="127"/>
      <c r="FY3696" s="126"/>
      <c r="FZ3696" s="91"/>
      <c r="GA3696" s="91"/>
      <c r="GB3696" s="91"/>
      <c r="GC3696" s="91"/>
      <c r="GD3696" s="91"/>
      <c r="GE3696" s="91"/>
      <c r="GF3696" s="91"/>
      <c r="GG3696" s="91"/>
      <c r="GH3696" s="91"/>
      <c r="GI3696" s="91"/>
      <c r="GJ3696" s="91"/>
      <c r="GK3696" s="127"/>
      <c r="GL3696" s="126"/>
      <c r="GM3696" s="91"/>
      <c r="GN3696" s="91"/>
      <c r="GO3696" s="91"/>
      <c r="GP3696" s="91"/>
      <c r="GQ3696" s="91"/>
      <c r="GR3696" s="91"/>
      <c r="GS3696" s="91"/>
      <c r="GT3696" s="91"/>
      <c r="GU3696" s="91"/>
      <c r="GV3696" s="91"/>
      <c r="GW3696" s="91"/>
      <c r="GX3696" s="127"/>
      <c r="GY3696" s="126"/>
      <c r="GZ3696" s="91"/>
      <c r="HA3696" s="91"/>
      <c r="HB3696" s="91"/>
      <c r="HC3696" s="91"/>
      <c r="HD3696" s="91"/>
      <c r="HE3696" s="91"/>
      <c r="HF3696" s="91"/>
      <c r="HG3696" s="91"/>
      <c r="HH3696" s="91"/>
      <c r="HI3696" s="91"/>
      <c r="HJ3696" s="91"/>
      <c r="HK3696" s="127"/>
      <c r="HL3696" s="126"/>
      <c r="HM3696" s="91"/>
      <c r="HN3696" s="91"/>
      <c r="HO3696" s="91"/>
      <c r="HP3696" s="91"/>
      <c r="HQ3696" s="91"/>
      <c r="HR3696" s="91"/>
      <c r="HS3696" s="91"/>
      <c r="HT3696" s="91"/>
      <c r="HU3696" s="91"/>
      <c r="HV3696" s="91"/>
      <c r="HW3696" s="91"/>
      <c r="HX3696" s="127"/>
      <c r="HY3696" s="126"/>
      <c r="HZ3696" s="91"/>
      <c r="IA3696" s="91"/>
      <c r="IB3696" s="91"/>
      <c r="IC3696" s="91"/>
      <c r="ID3696" s="91"/>
      <c r="IE3696" s="91"/>
      <c r="IF3696" s="91"/>
      <c r="IG3696" s="91"/>
      <c r="IH3696" s="91"/>
      <c r="II3696" s="91"/>
      <c r="IJ3696" s="91"/>
      <c r="IK3696" s="174"/>
    </row>
    <row r="3697" spans="2:245" x14ac:dyDescent="0.2">
      <c r="B3697" s="43"/>
      <c r="C3697" s="73"/>
      <c r="D3697" s="64"/>
      <c r="E3697" s="64"/>
      <c r="F3697" s="55"/>
      <c r="G3697" s="102"/>
      <c r="H3697" s="97"/>
      <c r="T3697" s="98"/>
      <c r="U3697" s="97"/>
      <c r="AG3697" s="98"/>
      <c r="AY3697" s="164"/>
      <c r="BK3697" s="98"/>
      <c r="BL3697" s="97"/>
      <c r="BX3697" s="98"/>
      <c r="CL3697" s="97"/>
      <c r="CX3697" s="98"/>
      <c r="DL3697" s="97"/>
      <c r="DX3697" s="98"/>
      <c r="EL3697" s="97"/>
      <c r="EX3697" s="98"/>
      <c r="EY3697" s="97"/>
      <c r="FL3697" s="126"/>
      <c r="FM3697" s="91"/>
      <c r="FN3697" s="91"/>
      <c r="FO3697" s="91"/>
      <c r="FP3697" s="91"/>
      <c r="FQ3697" s="91"/>
      <c r="FR3697" s="91"/>
      <c r="FS3697" s="91"/>
      <c r="FT3697" s="91"/>
      <c r="FU3697" s="91"/>
      <c r="FV3697" s="91"/>
      <c r="FW3697" s="91"/>
      <c r="FX3697" s="127"/>
      <c r="FY3697" s="126"/>
      <c r="FZ3697" s="91"/>
      <c r="GA3697" s="91"/>
      <c r="GB3697" s="91"/>
      <c r="GC3697" s="91"/>
      <c r="GD3697" s="91"/>
      <c r="GE3697" s="91"/>
      <c r="GF3697" s="91"/>
      <c r="GG3697" s="91"/>
      <c r="GH3697" s="91"/>
      <c r="GI3697" s="91"/>
      <c r="GJ3697" s="91"/>
      <c r="GK3697" s="127"/>
      <c r="GL3697" s="126"/>
      <c r="GM3697" s="91"/>
      <c r="GN3697" s="91"/>
      <c r="GO3697" s="91"/>
      <c r="GP3697" s="91"/>
      <c r="GQ3697" s="91"/>
      <c r="GR3697" s="91"/>
      <c r="GS3697" s="91"/>
      <c r="GT3697" s="91"/>
      <c r="GU3697" s="91"/>
      <c r="GV3697" s="91"/>
      <c r="GW3697" s="91"/>
      <c r="GX3697" s="127"/>
      <c r="GY3697" s="126"/>
      <c r="GZ3697" s="91"/>
      <c r="HA3697" s="91"/>
      <c r="HB3697" s="91"/>
      <c r="HC3697" s="91"/>
      <c r="HD3697" s="91"/>
      <c r="HE3697" s="91"/>
      <c r="HF3697" s="91"/>
      <c r="HG3697" s="91"/>
      <c r="HH3697" s="91"/>
      <c r="HI3697" s="91"/>
      <c r="HJ3697" s="91"/>
      <c r="HK3697" s="127"/>
      <c r="HL3697" s="126"/>
      <c r="HM3697" s="91"/>
      <c r="HN3697" s="91"/>
      <c r="HO3697" s="91"/>
      <c r="HP3697" s="91"/>
      <c r="HQ3697" s="91"/>
      <c r="HR3697" s="91"/>
      <c r="HS3697" s="91"/>
      <c r="HT3697" s="91"/>
      <c r="HU3697" s="91"/>
      <c r="HV3697" s="91"/>
      <c r="HW3697" s="91"/>
      <c r="HX3697" s="127"/>
      <c r="HY3697" s="126"/>
      <c r="HZ3697" s="91"/>
      <c r="IA3697" s="91"/>
      <c r="IB3697" s="91"/>
      <c r="IC3697" s="91"/>
      <c r="ID3697" s="91"/>
      <c r="IE3697" s="91"/>
      <c r="IF3697" s="91"/>
      <c r="IG3697" s="91"/>
      <c r="IH3697" s="91"/>
      <c r="II3697" s="91"/>
      <c r="IJ3697" s="91"/>
      <c r="IK3697" s="174"/>
    </row>
    <row r="3698" spans="2:245" x14ac:dyDescent="0.2">
      <c r="B3698" s="43"/>
      <c r="C3698" s="73"/>
      <c r="D3698" s="64"/>
      <c r="E3698" s="64"/>
      <c r="F3698" s="55"/>
      <c r="G3698" s="102"/>
      <c r="H3698" s="97"/>
      <c r="T3698" s="98"/>
      <c r="U3698" s="97"/>
      <c r="AG3698" s="98"/>
      <c r="AY3698" s="164"/>
      <c r="BK3698" s="98"/>
      <c r="BL3698" s="97"/>
      <c r="BX3698" s="98"/>
      <c r="CL3698" s="97"/>
      <c r="CX3698" s="98"/>
      <c r="DL3698" s="97"/>
      <c r="DX3698" s="98"/>
      <c r="EL3698" s="97"/>
      <c r="EX3698" s="98"/>
      <c r="EY3698" s="97"/>
      <c r="FL3698" s="126"/>
      <c r="FM3698" s="91"/>
      <c r="FN3698" s="91"/>
      <c r="FO3698" s="91"/>
      <c r="FP3698" s="91"/>
      <c r="FQ3698" s="91"/>
      <c r="FR3698" s="91"/>
      <c r="FS3698" s="91"/>
      <c r="FT3698" s="91"/>
      <c r="FU3698" s="91"/>
      <c r="FV3698" s="91"/>
      <c r="FW3698" s="91"/>
      <c r="FX3698" s="127"/>
      <c r="FY3698" s="126"/>
      <c r="FZ3698" s="91"/>
      <c r="GA3698" s="91"/>
      <c r="GB3698" s="91"/>
      <c r="GC3698" s="91"/>
      <c r="GD3698" s="91"/>
      <c r="GE3698" s="91"/>
      <c r="GF3698" s="91"/>
      <c r="GG3698" s="91"/>
      <c r="GH3698" s="91"/>
      <c r="GI3698" s="91"/>
      <c r="GJ3698" s="91"/>
      <c r="GK3698" s="127"/>
      <c r="GL3698" s="126"/>
      <c r="GM3698" s="91"/>
      <c r="GN3698" s="91"/>
      <c r="GO3698" s="91"/>
      <c r="GP3698" s="91"/>
      <c r="GQ3698" s="91"/>
      <c r="GR3698" s="91"/>
      <c r="GS3698" s="91"/>
      <c r="GT3698" s="91"/>
      <c r="GU3698" s="91"/>
      <c r="GV3698" s="91"/>
      <c r="GW3698" s="91"/>
      <c r="GX3698" s="127"/>
      <c r="GY3698" s="126"/>
      <c r="GZ3698" s="91"/>
      <c r="HA3698" s="91"/>
      <c r="HB3698" s="91"/>
      <c r="HC3698" s="91"/>
      <c r="HD3698" s="91"/>
      <c r="HE3698" s="91"/>
      <c r="HF3698" s="91"/>
      <c r="HG3698" s="91"/>
      <c r="HH3698" s="91"/>
      <c r="HI3698" s="91"/>
      <c r="HJ3698" s="91"/>
      <c r="HK3698" s="127"/>
      <c r="HL3698" s="126"/>
      <c r="HM3698" s="91"/>
      <c r="HN3698" s="91"/>
      <c r="HO3698" s="91"/>
      <c r="HP3698" s="91"/>
      <c r="HQ3698" s="91"/>
      <c r="HR3698" s="91"/>
      <c r="HS3698" s="91"/>
      <c r="HT3698" s="91"/>
      <c r="HU3698" s="91"/>
      <c r="HV3698" s="91"/>
      <c r="HW3698" s="91"/>
      <c r="HX3698" s="127"/>
      <c r="HY3698" s="126"/>
      <c r="HZ3698" s="91"/>
      <c r="IA3698" s="91"/>
      <c r="IB3698" s="91"/>
      <c r="IC3698" s="91"/>
      <c r="ID3698" s="91"/>
      <c r="IE3698" s="91"/>
      <c r="IF3698" s="91"/>
      <c r="IG3698" s="91"/>
      <c r="IH3698" s="91"/>
      <c r="II3698" s="91"/>
      <c r="IJ3698" s="91"/>
      <c r="IK3698" s="174"/>
    </row>
    <row r="3699" spans="2:245" x14ac:dyDescent="0.2">
      <c r="B3699" s="43"/>
      <c r="C3699" s="73"/>
      <c r="D3699" s="64"/>
      <c r="E3699" s="64"/>
      <c r="F3699" s="55"/>
      <c r="G3699" s="102"/>
      <c r="H3699" s="97"/>
      <c r="T3699" s="98"/>
      <c r="U3699" s="97"/>
      <c r="AG3699" s="98"/>
      <c r="AY3699" s="164"/>
      <c r="BK3699" s="98"/>
      <c r="BL3699" s="97"/>
      <c r="BX3699" s="98"/>
      <c r="CL3699" s="97"/>
      <c r="CX3699" s="98"/>
      <c r="DL3699" s="97"/>
      <c r="DX3699" s="98"/>
      <c r="EL3699" s="97"/>
      <c r="EX3699" s="98"/>
      <c r="EY3699" s="97"/>
      <c r="FL3699" s="126"/>
      <c r="FM3699" s="91"/>
      <c r="FN3699" s="91"/>
      <c r="FO3699" s="91"/>
      <c r="FP3699" s="91"/>
      <c r="FQ3699" s="91"/>
      <c r="FR3699" s="91"/>
      <c r="FS3699" s="91"/>
      <c r="FT3699" s="91"/>
      <c r="FU3699" s="91"/>
      <c r="FV3699" s="91"/>
      <c r="FW3699" s="91"/>
      <c r="FX3699" s="127"/>
      <c r="FY3699" s="126"/>
      <c r="FZ3699" s="91"/>
      <c r="GA3699" s="91"/>
      <c r="GB3699" s="91"/>
      <c r="GC3699" s="91"/>
      <c r="GD3699" s="91"/>
      <c r="GE3699" s="91"/>
      <c r="GF3699" s="91"/>
      <c r="GG3699" s="91"/>
      <c r="GH3699" s="91"/>
      <c r="GI3699" s="91"/>
      <c r="GJ3699" s="91"/>
      <c r="GK3699" s="127"/>
      <c r="GL3699" s="126"/>
      <c r="GM3699" s="91"/>
      <c r="GN3699" s="91"/>
      <c r="GO3699" s="91"/>
      <c r="GP3699" s="91"/>
      <c r="GQ3699" s="91"/>
      <c r="GR3699" s="91"/>
      <c r="GS3699" s="91"/>
      <c r="GT3699" s="91"/>
      <c r="GU3699" s="91"/>
      <c r="GV3699" s="91"/>
      <c r="GW3699" s="91"/>
      <c r="GX3699" s="127"/>
      <c r="GY3699" s="126"/>
      <c r="GZ3699" s="91"/>
      <c r="HA3699" s="91"/>
      <c r="HB3699" s="91"/>
      <c r="HC3699" s="91"/>
      <c r="HD3699" s="91"/>
      <c r="HE3699" s="91"/>
      <c r="HF3699" s="91"/>
      <c r="HG3699" s="91"/>
      <c r="HH3699" s="91"/>
      <c r="HI3699" s="91"/>
      <c r="HJ3699" s="91"/>
      <c r="HK3699" s="127"/>
      <c r="HL3699" s="126"/>
      <c r="HM3699" s="91"/>
      <c r="HN3699" s="91"/>
      <c r="HO3699" s="91"/>
      <c r="HP3699" s="91"/>
      <c r="HQ3699" s="91"/>
      <c r="HR3699" s="91"/>
      <c r="HS3699" s="91"/>
      <c r="HT3699" s="91"/>
      <c r="HU3699" s="91"/>
      <c r="HV3699" s="91"/>
      <c r="HW3699" s="91"/>
      <c r="HX3699" s="127"/>
      <c r="HY3699" s="126"/>
      <c r="HZ3699" s="91"/>
      <c r="IA3699" s="91"/>
      <c r="IB3699" s="91"/>
      <c r="IC3699" s="91"/>
      <c r="ID3699" s="91"/>
      <c r="IE3699" s="91"/>
      <c r="IF3699" s="91"/>
      <c r="IG3699" s="91"/>
      <c r="IH3699" s="91"/>
      <c r="II3699" s="91"/>
      <c r="IJ3699" s="91"/>
      <c r="IK3699" s="174"/>
    </row>
    <row r="3700" spans="2:245" x14ac:dyDescent="0.2">
      <c r="B3700" s="43"/>
      <c r="C3700" s="73"/>
      <c r="D3700" s="64"/>
      <c r="E3700" s="64"/>
      <c r="F3700" s="55"/>
      <c r="G3700" s="102"/>
      <c r="H3700" s="97"/>
      <c r="T3700" s="98"/>
      <c r="U3700" s="97"/>
      <c r="AG3700" s="98"/>
      <c r="AY3700" s="164"/>
      <c r="BK3700" s="98"/>
      <c r="BL3700" s="97"/>
      <c r="BX3700" s="98"/>
      <c r="CL3700" s="97"/>
      <c r="CX3700" s="98"/>
      <c r="DL3700" s="97"/>
      <c r="DX3700" s="98"/>
      <c r="EL3700" s="97"/>
      <c r="EX3700" s="98"/>
      <c r="EY3700" s="97"/>
      <c r="FL3700" s="126"/>
      <c r="FM3700" s="91"/>
      <c r="FN3700" s="91"/>
      <c r="FO3700" s="91"/>
      <c r="FP3700" s="91"/>
      <c r="FQ3700" s="91"/>
      <c r="FR3700" s="91"/>
      <c r="FS3700" s="91"/>
      <c r="FT3700" s="91"/>
      <c r="FU3700" s="91"/>
      <c r="FV3700" s="91"/>
      <c r="FW3700" s="91"/>
      <c r="FX3700" s="127"/>
      <c r="FY3700" s="126"/>
      <c r="FZ3700" s="91"/>
      <c r="GA3700" s="91"/>
      <c r="GB3700" s="91"/>
      <c r="GC3700" s="91"/>
      <c r="GD3700" s="91"/>
      <c r="GE3700" s="91"/>
      <c r="GF3700" s="91"/>
      <c r="GG3700" s="91"/>
      <c r="GH3700" s="91"/>
      <c r="GI3700" s="91"/>
      <c r="GJ3700" s="91"/>
      <c r="GK3700" s="127"/>
      <c r="GL3700" s="126"/>
      <c r="GM3700" s="91"/>
      <c r="GN3700" s="91"/>
      <c r="GO3700" s="91"/>
      <c r="GP3700" s="91"/>
      <c r="GQ3700" s="91"/>
      <c r="GR3700" s="91"/>
      <c r="GS3700" s="91"/>
      <c r="GT3700" s="91"/>
      <c r="GU3700" s="91"/>
      <c r="GV3700" s="91"/>
      <c r="GW3700" s="91"/>
      <c r="GX3700" s="127"/>
      <c r="GY3700" s="126"/>
      <c r="GZ3700" s="91"/>
      <c r="HA3700" s="91"/>
      <c r="HB3700" s="91"/>
      <c r="HC3700" s="91"/>
      <c r="HD3700" s="91"/>
      <c r="HE3700" s="91"/>
      <c r="HF3700" s="91"/>
      <c r="HG3700" s="91"/>
      <c r="HH3700" s="91"/>
      <c r="HI3700" s="91"/>
      <c r="HJ3700" s="91"/>
      <c r="HK3700" s="127"/>
      <c r="HL3700" s="126"/>
      <c r="HM3700" s="91"/>
      <c r="HN3700" s="91"/>
      <c r="HO3700" s="91"/>
      <c r="HP3700" s="91"/>
      <c r="HQ3700" s="91"/>
      <c r="HR3700" s="91"/>
      <c r="HS3700" s="91"/>
      <c r="HT3700" s="91"/>
      <c r="HU3700" s="91"/>
      <c r="HV3700" s="91"/>
      <c r="HW3700" s="91"/>
      <c r="HX3700" s="127"/>
      <c r="HY3700" s="126"/>
      <c r="HZ3700" s="91"/>
      <c r="IA3700" s="91"/>
      <c r="IB3700" s="91"/>
      <c r="IC3700" s="91"/>
      <c r="ID3700" s="91"/>
      <c r="IE3700" s="91"/>
      <c r="IF3700" s="91"/>
      <c r="IG3700" s="91"/>
      <c r="IH3700" s="91"/>
      <c r="II3700" s="91"/>
      <c r="IJ3700" s="91"/>
      <c r="IK3700" s="174"/>
    </row>
    <row r="3701" spans="2:245" x14ac:dyDescent="0.2">
      <c r="B3701" s="43"/>
      <c r="C3701" s="73"/>
      <c r="D3701" s="64"/>
      <c r="E3701" s="64"/>
      <c r="F3701" s="55"/>
      <c r="G3701" s="102"/>
      <c r="H3701" s="97"/>
      <c r="T3701" s="98"/>
      <c r="U3701" s="97"/>
      <c r="AG3701" s="98"/>
      <c r="AY3701" s="164"/>
      <c r="BK3701" s="98"/>
      <c r="BL3701" s="97"/>
      <c r="BX3701" s="98"/>
      <c r="CL3701" s="97"/>
      <c r="CX3701" s="98"/>
      <c r="DL3701" s="97"/>
      <c r="DX3701" s="98"/>
      <c r="EL3701" s="97"/>
      <c r="EX3701" s="98"/>
      <c r="EY3701" s="97"/>
      <c r="FL3701" s="126"/>
      <c r="FM3701" s="91"/>
      <c r="FN3701" s="91"/>
      <c r="FO3701" s="91"/>
      <c r="FP3701" s="91"/>
      <c r="FQ3701" s="91"/>
      <c r="FR3701" s="91"/>
      <c r="FS3701" s="91"/>
      <c r="FT3701" s="91"/>
      <c r="FU3701" s="91"/>
      <c r="FV3701" s="91"/>
      <c r="FW3701" s="91"/>
      <c r="FX3701" s="127"/>
      <c r="FY3701" s="126"/>
      <c r="FZ3701" s="91"/>
      <c r="GA3701" s="91"/>
      <c r="GB3701" s="91"/>
      <c r="GC3701" s="91"/>
      <c r="GD3701" s="91"/>
      <c r="GE3701" s="91"/>
      <c r="GF3701" s="91"/>
      <c r="GG3701" s="91"/>
      <c r="GH3701" s="91"/>
      <c r="GI3701" s="91"/>
      <c r="GJ3701" s="91"/>
      <c r="GK3701" s="127"/>
      <c r="GL3701" s="126"/>
      <c r="GM3701" s="91"/>
      <c r="GN3701" s="91"/>
      <c r="GO3701" s="91"/>
      <c r="GP3701" s="91"/>
      <c r="GQ3701" s="91"/>
      <c r="GR3701" s="91"/>
      <c r="GS3701" s="91"/>
      <c r="GT3701" s="91"/>
      <c r="GU3701" s="91"/>
      <c r="GV3701" s="91"/>
      <c r="GW3701" s="91"/>
      <c r="GX3701" s="127"/>
      <c r="GY3701" s="126"/>
      <c r="GZ3701" s="91"/>
      <c r="HA3701" s="91"/>
      <c r="HB3701" s="91"/>
      <c r="HC3701" s="91"/>
      <c r="HD3701" s="91"/>
      <c r="HE3701" s="91"/>
      <c r="HF3701" s="91"/>
      <c r="HG3701" s="91"/>
      <c r="HH3701" s="91"/>
      <c r="HI3701" s="91"/>
      <c r="HJ3701" s="91"/>
      <c r="HK3701" s="127"/>
      <c r="HL3701" s="126"/>
      <c r="HM3701" s="91"/>
      <c r="HN3701" s="91"/>
      <c r="HO3701" s="91"/>
      <c r="HP3701" s="91"/>
      <c r="HQ3701" s="91"/>
      <c r="HR3701" s="91"/>
      <c r="HS3701" s="91"/>
      <c r="HT3701" s="91"/>
      <c r="HU3701" s="91"/>
      <c r="HV3701" s="91"/>
      <c r="HW3701" s="91"/>
      <c r="HX3701" s="127"/>
      <c r="HY3701" s="126"/>
      <c r="HZ3701" s="91"/>
      <c r="IA3701" s="91"/>
      <c r="IB3701" s="91"/>
      <c r="IC3701" s="91"/>
      <c r="ID3701" s="91"/>
      <c r="IE3701" s="91"/>
      <c r="IF3701" s="91"/>
      <c r="IG3701" s="91"/>
      <c r="IH3701" s="91"/>
      <c r="II3701" s="91"/>
      <c r="IJ3701" s="91"/>
      <c r="IK3701" s="174"/>
    </row>
    <row r="3702" spans="2:245" x14ac:dyDescent="0.2">
      <c r="B3702" s="43"/>
      <c r="C3702" s="73"/>
      <c r="D3702" s="64"/>
      <c r="E3702" s="64"/>
      <c r="F3702" s="55"/>
      <c r="G3702" s="102"/>
      <c r="H3702" s="97"/>
      <c r="T3702" s="98"/>
      <c r="U3702" s="97"/>
      <c r="AG3702" s="98"/>
      <c r="AY3702" s="164"/>
      <c r="BK3702" s="98"/>
      <c r="BL3702" s="97"/>
      <c r="BX3702" s="98"/>
      <c r="CL3702" s="97"/>
      <c r="CX3702" s="98"/>
      <c r="DL3702" s="97"/>
      <c r="DX3702" s="98"/>
      <c r="EL3702" s="97"/>
      <c r="EX3702" s="98"/>
      <c r="EY3702" s="97"/>
      <c r="FL3702" s="126"/>
      <c r="FM3702" s="91"/>
      <c r="FN3702" s="91"/>
      <c r="FO3702" s="91"/>
      <c r="FP3702" s="91"/>
      <c r="FQ3702" s="91"/>
      <c r="FR3702" s="91"/>
      <c r="FS3702" s="91"/>
      <c r="FT3702" s="91"/>
      <c r="FU3702" s="91"/>
      <c r="FV3702" s="91"/>
      <c r="FW3702" s="91"/>
      <c r="FX3702" s="127"/>
      <c r="FY3702" s="126"/>
      <c r="FZ3702" s="91"/>
      <c r="GA3702" s="91"/>
      <c r="GB3702" s="91"/>
      <c r="GC3702" s="91"/>
      <c r="GD3702" s="91"/>
      <c r="GE3702" s="91"/>
      <c r="GF3702" s="91"/>
      <c r="GG3702" s="91"/>
      <c r="GH3702" s="91"/>
      <c r="GI3702" s="91"/>
      <c r="GJ3702" s="91"/>
      <c r="GK3702" s="127"/>
      <c r="GL3702" s="126"/>
      <c r="GM3702" s="91"/>
      <c r="GN3702" s="91"/>
      <c r="GO3702" s="91"/>
      <c r="GP3702" s="91"/>
      <c r="GQ3702" s="91"/>
      <c r="GR3702" s="91"/>
      <c r="GS3702" s="91"/>
      <c r="GT3702" s="91"/>
      <c r="GU3702" s="91"/>
      <c r="GV3702" s="91"/>
      <c r="GW3702" s="91"/>
      <c r="GX3702" s="127"/>
      <c r="GY3702" s="126"/>
      <c r="GZ3702" s="91"/>
      <c r="HA3702" s="91"/>
      <c r="HB3702" s="91"/>
      <c r="HC3702" s="91"/>
      <c r="HD3702" s="91"/>
      <c r="HE3702" s="91"/>
      <c r="HF3702" s="91"/>
      <c r="HG3702" s="91"/>
      <c r="HH3702" s="91"/>
      <c r="HI3702" s="91"/>
      <c r="HJ3702" s="91"/>
      <c r="HK3702" s="127"/>
      <c r="HL3702" s="126"/>
      <c r="HM3702" s="91"/>
      <c r="HN3702" s="91"/>
      <c r="HO3702" s="91"/>
      <c r="HP3702" s="91"/>
      <c r="HQ3702" s="91"/>
      <c r="HR3702" s="91"/>
      <c r="HS3702" s="91"/>
      <c r="HT3702" s="91"/>
      <c r="HU3702" s="91"/>
      <c r="HV3702" s="91"/>
      <c r="HW3702" s="91"/>
      <c r="HX3702" s="127"/>
      <c r="HY3702" s="126"/>
      <c r="HZ3702" s="91"/>
      <c r="IA3702" s="91"/>
      <c r="IB3702" s="91"/>
      <c r="IC3702" s="91"/>
      <c r="ID3702" s="91"/>
      <c r="IE3702" s="91"/>
      <c r="IF3702" s="91"/>
      <c r="IG3702" s="91"/>
      <c r="IH3702" s="91"/>
      <c r="II3702" s="91"/>
      <c r="IJ3702" s="91"/>
      <c r="IK3702" s="174"/>
    </row>
    <row r="3703" spans="2:245" x14ac:dyDescent="0.2">
      <c r="B3703" s="43"/>
      <c r="C3703" s="73"/>
      <c r="D3703" s="64"/>
      <c r="E3703" s="64"/>
      <c r="F3703" s="55"/>
      <c r="G3703" s="102"/>
      <c r="H3703" s="97"/>
      <c r="T3703" s="98"/>
      <c r="U3703" s="97"/>
      <c r="AG3703" s="98"/>
      <c r="AY3703" s="164"/>
      <c r="BK3703" s="98"/>
      <c r="BL3703" s="97"/>
      <c r="BX3703" s="98"/>
      <c r="CL3703" s="97"/>
      <c r="CX3703" s="98"/>
      <c r="DL3703" s="97"/>
      <c r="DX3703" s="98"/>
      <c r="EL3703" s="97"/>
      <c r="EX3703" s="98"/>
      <c r="EY3703" s="97"/>
      <c r="FL3703" s="126"/>
      <c r="FM3703" s="91"/>
      <c r="FN3703" s="91"/>
      <c r="FO3703" s="91"/>
      <c r="FP3703" s="91"/>
      <c r="FQ3703" s="91"/>
      <c r="FR3703" s="91"/>
      <c r="FS3703" s="91"/>
      <c r="FT3703" s="91"/>
      <c r="FU3703" s="91"/>
      <c r="FV3703" s="91"/>
      <c r="FW3703" s="91"/>
      <c r="FX3703" s="127"/>
      <c r="FY3703" s="126"/>
      <c r="FZ3703" s="91"/>
      <c r="GA3703" s="91"/>
      <c r="GB3703" s="91"/>
      <c r="GC3703" s="91"/>
      <c r="GD3703" s="91"/>
      <c r="GE3703" s="91"/>
      <c r="GF3703" s="91"/>
      <c r="GG3703" s="91"/>
      <c r="GH3703" s="91"/>
      <c r="GI3703" s="91"/>
      <c r="GJ3703" s="91"/>
      <c r="GK3703" s="127"/>
      <c r="GL3703" s="126"/>
      <c r="GM3703" s="91"/>
      <c r="GN3703" s="91"/>
      <c r="GO3703" s="91"/>
      <c r="GP3703" s="91"/>
      <c r="GQ3703" s="91"/>
      <c r="GR3703" s="91"/>
      <c r="GS3703" s="91"/>
      <c r="GT3703" s="91"/>
      <c r="GU3703" s="91"/>
      <c r="GV3703" s="91"/>
      <c r="GW3703" s="91"/>
      <c r="GX3703" s="127"/>
      <c r="GY3703" s="126"/>
      <c r="GZ3703" s="91"/>
      <c r="HA3703" s="91"/>
      <c r="HB3703" s="91"/>
      <c r="HC3703" s="91"/>
      <c r="HD3703" s="91"/>
      <c r="HE3703" s="91"/>
      <c r="HF3703" s="91"/>
      <c r="HG3703" s="91"/>
      <c r="HH3703" s="91"/>
      <c r="HI3703" s="91"/>
      <c r="HJ3703" s="91"/>
      <c r="HK3703" s="127"/>
      <c r="HL3703" s="126"/>
      <c r="HM3703" s="91"/>
      <c r="HN3703" s="91"/>
      <c r="HO3703" s="91"/>
      <c r="HP3703" s="91"/>
      <c r="HQ3703" s="91"/>
      <c r="HR3703" s="91"/>
      <c r="HS3703" s="91"/>
      <c r="HT3703" s="91"/>
      <c r="HU3703" s="91"/>
      <c r="HV3703" s="91"/>
      <c r="HW3703" s="91"/>
      <c r="HX3703" s="127"/>
      <c r="HY3703" s="126"/>
      <c r="HZ3703" s="91"/>
      <c r="IA3703" s="91"/>
      <c r="IB3703" s="91"/>
      <c r="IC3703" s="91"/>
      <c r="ID3703" s="91"/>
      <c r="IE3703" s="91"/>
      <c r="IF3703" s="91"/>
      <c r="IG3703" s="91"/>
      <c r="IH3703" s="91"/>
      <c r="II3703" s="91"/>
      <c r="IJ3703" s="91"/>
      <c r="IK3703" s="174"/>
    </row>
    <row r="3704" spans="2:245" x14ac:dyDescent="0.2">
      <c r="B3704" s="43"/>
      <c r="C3704" s="73"/>
      <c r="D3704" s="64"/>
      <c r="E3704" s="64"/>
      <c r="F3704" s="55"/>
      <c r="G3704" s="102"/>
      <c r="H3704" s="97"/>
      <c r="T3704" s="98"/>
      <c r="U3704" s="97"/>
      <c r="AG3704" s="98"/>
      <c r="AY3704" s="164"/>
      <c r="BK3704" s="98"/>
      <c r="BL3704" s="97"/>
      <c r="BX3704" s="98"/>
      <c r="CL3704" s="97"/>
      <c r="CX3704" s="98"/>
      <c r="DL3704" s="97"/>
      <c r="DX3704" s="98"/>
      <c r="EL3704" s="97"/>
      <c r="EX3704" s="98"/>
      <c r="EY3704" s="97"/>
      <c r="FL3704" s="126"/>
      <c r="FM3704" s="91"/>
      <c r="FN3704" s="91"/>
      <c r="FO3704" s="91"/>
      <c r="FP3704" s="91"/>
      <c r="FQ3704" s="91"/>
      <c r="FR3704" s="91"/>
      <c r="FS3704" s="91"/>
      <c r="FT3704" s="91"/>
      <c r="FU3704" s="91"/>
      <c r="FV3704" s="91"/>
      <c r="FW3704" s="91"/>
      <c r="FX3704" s="127"/>
      <c r="FY3704" s="126"/>
      <c r="FZ3704" s="91"/>
      <c r="GA3704" s="91"/>
      <c r="GB3704" s="91"/>
      <c r="GC3704" s="91"/>
      <c r="GD3704" s="91"/>
      <c r="GE3704" s="91"/>
      <c r="GF3704" s="91"/>
      <c r="GG3704" s="91"/>
      <c r="GH3704" s="91"/>
      <c r="GI3704" s="91"/>
      <c r="GJ3704" s="91"/>
      <c r="GK3704" s="127"/>
      <c r="GL3704" s="126"/>
      <c r="GM3704" s="91"/>
      <c r="GN3704" s="91"/>
      <c r="GO3704" s="91"/>
      <c r="GP3704" s="91"/>
      <c r="GQ3704" s="91"/>
      <c r="GR3704" s="91"/>
      <c r="GS3704" s="91"/>
      <c r="GT3704" s="91"/>
      <c r="GU3704" s="91"/>
      <c r="GV3704" s="91"/>
      <c r="GW3704" s="91"/>
      <c r="GX3704" s="127"/>
      <c r="GY3704" s="126"/>
      <c r="GZ3704" s="91"/>
      <c r="HA3704" s="91"/>
      <c r="HB3704" s="91"/>
      <c r="HC3704" s="91"/>
      <c r="HD3704" s="91"/>
      <c r="HE3704" s="91"/>
      <c r="HF3704" s="91"/>
      <c r="HG3704" s="91"/>
      <c r="HH3704" s="91"/>
      <c r="HI3704" s="91"/>
      <c r="HJ3704" s="91"/>
      <c r="HK3704" s="127"/>
      <c r="HL3704" s="126"/>
      <c r="HM3704" s="91"/>
      <c r="HN3704" s="91"/>
      <c r="HO3704" s="91"/>
      <c r="HP3704" s="91"/>
      <c r="HQ3704" s="91"/>
      <c r="HR3704" s="91"/>
      <c r="HS3704" s="91"/>
      <c r="HT3704" s="91"/>
      <c r="HU3704" s="91"/>
      <c r="HV3704" s="91"/>
      <c r="HW3704" s="91"/>
      <c r="HX3704" s="127"/>
      <c r="HY3704" s="126"/>
      <c r="HZ3704" s="91"/>
      <c r="IA3704" s="91"/>
      <c r="IB3704" s="91"/>
      <c r="IC3704" s="91"/>
      <c r="ID3704" s="91"/>
      <c r="IE3704" s="91"/>
      <c r="IF3704" s="91"/>
      <c r="IG3704" s="91"/>
      <c r="IH3704" s="91"/>
      <c r="II3704" s="91"/>
      <c r="IJ3704" s="91"/>
      <c r="IK3704" s="174"/>
    </row>
    <row r="3705" spans="2:245" x14ac:dyDescent="0.2">
      <c r="B3705" s="43"/>
      <c r="C3705" s="73"/>
      <c r="D3705" s="64"/>
      <c r="E3705" s="64"/>
      <c r="F3705" s="55"/>
      <c r="G3705" s="102"/>
      <c r="H3705" s="97"/>
      <c r="T3705" s="98"/>
      <c r="U3705" s="97"/>
      <c r="AG3705" s="98"/>
      <c r="AY3705" s="164"/>
      <c r="BK3705" s="98"/>
      <c r="BL3705" s="97"/>
      <c r="BX3705" s="98"/>
      <c r="CL3705" s="97"/>
      <c r="CX3705" s="98"/>
      <c r="DL3705" s="97"/>
      <c r="DX3705" s="98"/>
      <c r="EL3705" s="97"/>
      <c r="EX3705" s="98"/>
      <c r="EY3705" s="97"/>
      <c r="FL3705" s="126"/>
      <c r="FM3705" s="91"/>
      <c r="FN3705" s="91"/>
      <c r="FO3705" s="91"/>
      <c r="FP3705" s="91"/>
      <c r="FQ3705" s="91"/>
      <c r="FR3705" s="91"/>
      <c r="FS3705" s="91"/>
      <c r="FT3705" s="91"/>
      <c r="FU3705" s="91"/>
      <c r="FV3705" s="91"/>
      <c r="FW3705" s="91"/>
      <c r="FX3705" s="127"/>
      <c r="FY3705" s="126"/>
      <c r="FZ3705" s="91"/>
      <c r="GA3705" s="91"/>
      <c r="GB3705" s="91"/>
      <c r="GC3705" s="91"/>
      <c r="GD3705" s="91"/>
      <c r="GE3705" s="91"/>
      <c r="GF3705" s="91"/>
      <c r="GG3705" s="91"/>
      <c r="GH3705" s="91"/>
      <c r="GI3705" s="91"/>
      <c r="GJ3705" s="91"/>
      <c r="GK3705" s="127"/>
      <c r="GL3705" s="126"/>
      <c r="GM3705" s="91"/>
      <c r="GN3705" s="91"/>
      <c r="GO3705" s="91"/>
      <c r="GP3705" s="91"/>
      <c r="GQ3705" s="91"/>
      <c r="GR3705" s="91"/>
      <c r="GS3705" s="91"/>
      <c r="GT3705" s="91"/>
      <c r="GU3705" s="91"/>
      <c r="GV3705" s="91"/>
      <c r="GW3705" s="91"/>
      <c r="GX3705" s="127"/>
      <c r="GY3705" s="126"/>
      <c r="GZ3705" s="91"/>
      <c r="HA3705" s="91"/>
      <c r="HB3705" s="91"/>
      <c r="HC3705" s="91"/>
      <c r="HD3705" s="91"/>
      <c r="HE3705" s="91"/>
      <c r="HF3705" s="91"/>
      <c r="HG3705" s="91"/>
      <c r="HH3705" s="91"/>
      <c r="HI3705" s="91"/>
      <c r="HJ3705" s="91"/>
      <c r="HK3705" s="127"/>
      <c r="HL3705" s="126"/>
      <c r="HM3705" s="91"/>
      <c r="HN3705" s="91"/>
      <c r="HO3705" s="91"/>
      <c r="HP3705" s="91"/>
      <c r="HQ3705" s="91"/>
      <c r="HR3705" s="91"/>
      <c r="HS3705" s="91"/>
      <c r="HT3705" s="91"/>
      <c r="HU3705" s="91"/>
      <c r="HV3705" s="91"/>
      <c r="HW3705" s="91"/>
      <c r="HX3705" s="127"/>
      <c r="HY3705" s="126"/>
      <c r="HZ3705" s="91"/>
      <c r="IA3705" s="91"/>
      <c r="IB3705" s="91"/>
      <c r="IC3705" s="91"/>
      <c r="ID3705" s="91"/>
      <c r="IE3705" s="91"/>
      <c r="IF3705" s="91"/>
      <c r="IG3705" s="91"/>
      <c r="IH3705" s="91"/>
      <c r="II3705" s="91"/>
      <c r="IJ3705" s="91"/>
      <c r="IK3705" s="174"/>
    </row>
    <row r="3706" spans="2:245" x14ac:dyDescent="0.2">
      <c r="B3706" s="43"/>
      <c r="C3706" s="73"/>
      <c r="D3706" s="64"/>
      <c r="E3706" s="64"/>
      <c r="F3706" s="55"/>
      <c r="G3706" s="102"/>
      <c r="H3706" s="97"/>
      <c r="T3706" s="98"/>
      <c r="U3706" s="97"/>
      <c r="AG3706" s="98"/>
      <c r="AY3706" s="164"/>
      <c r="BK3706" s="98"/>
      <c r="BL3706" s="97"/>
      <c r="BX3706" s="98"/>
      <c r="CL3706" s="97"/>
      <c r="CX3706" s="98"/>
      <c r="DL3706" s="97"/>
      <c r="DX3706" s="98"/>
      <c r="EL3706" s="97"/>
      <c r="EX3706" s="98"/>
      <c r="EY3706" s="97"/>
      <c r="FL3706" s="126"/>
      <c r="FM3706" s="91"/>
      <c r="FN3706" s="91"/>
      <c r="FO3706" s="91"/>
      <c r="FP3706" s="91"/>
      <c r="FQ3706" s="91"/>
      <c r="FR3706" s="91"/>
      <c r="FS3706" s="91"/>
      <c r="FT3706" s="91"/>
      <c r="FU3706" s="91"/>
      <c r="FV3706" s="91"/>
      <c r="FW3706" s="91"/>
      <c r="FX3706" s="127"/>
      <c r="FY3706" s="126"/>
      <c r="FZ3706" s="91"/>
      <c r="GA3706" s="91"/>
      <c r="GB3706" s="91"/>
      <c r="GC3706" s="91"/>
      <c r="GD3706" s="91"/>
      <c r="GE3706" s="91"/>
      <c r="GF3706" s="91"/>
      <c r="GG3706" s="91"/>
      <c r="GH3706" s="91"/>
      <c r="GI3706" s="91"/>
      <c r="GJ3706" s="91"/>
      <c r="GK3706" s="127"/>
      <c r="GL3706" s="126"/>
      <c r="GM3706" s="91"/>
      <c r="GN3706" s="91"/>
      <c r="GO3706" s="91"/>
      <c r="GP3706" s="91"/>
      <c r="GQ3706" s="91"/>
      <c r="GR3706" s="91"/>
      <c r="GS3706" s="91"/>
      <c r="GT3706" s="91"/>
      <c r="GU3706" s="91"/>
      <c r="GV3706" s="91"/>
      <c r="GW3706" s="91"/>
      <c r="GX3706" s="127"/>
      <c r="GY3706" s="126"/>
      <c r="GZ3706" s="91"/>
      <c r="HA3706" s="91"/>
      <c r="HB3706" s="91"/>
      <c r="HC3706" s="91"/>
      <c r="HD3706" s="91"/>
      <c r="HE3706" s="91"/>
      <c r="HF3706" s="91"/>
      <c r="HG3706" s="91"/>
      <c r="HH3706" s="91"/>
      <c r="HI3706" s="91"/>
      <c r="HJ3706" s="91"/>
      <c r="HK3706" s="127"/>
      <c r="HL3706" s="126"/>
      <c r="HM3706" s="91"/>
      <c r="HN3706" s="91"/>
      <c r="HO3706" s="91"/>
      <c r="HP3706" s="91"/>
      <c r="HQ3706" s="91"/>
      <c r="HR3706" s="91"/>
      <c r="HS3706" s="91"/>
      <c r="HT3706" s="91"/>
      <c r="HU3706" s="91"/>
      <c r="HV3706" s="91"/>
      <c r="HW3706" s="91"/>
      <c r="HX3706" s="127"/>
      <c r="HY3706" s="126"/>
      <c r="HZ3706" s="91"/>
      <c r="IA3706" s="91"/>
      <c r="IB3706" s="91"/>
      <c r="IC3706" s="91"/>
      <c r="ID3706" s="91"/>
      <c r="IE3706" s="91"/>
      <c r="IF3706" s="91"/>
      <c r="IG3706" s="91"/>
      <c r="IH3706" s="91"/>
      <c r="II3706" s="91"/>
      <c r="IJ3706" s="91"/>
      <c r="IK3706" s="174"/>
    </row>
    <row r="3707" spans="2:245" x14ac:dyDescent="0.2">
      <c r="B3707" s="43"/>
      <c r="C3707" s="73"/>
      <c r="D3707" s="64"/>
      <c r="E3707" s="64"/>
      <c r="F3707" s="55"/>
      <c r="G3707" s="102"/>
      <c r="H3707" s="97"/>
      <c r="T3707" s="98"/>
      <c r="U3707" s="97"/>
      <c r="AG3707" s="98"/>
      <c r="AY3707" s="164"/>
      <c r="BK3707" s="98"/>
      <c r="BL3707" s="97"/>
      <c r="BX3707" s="98"/>
      <c r="CL3707" s="97"/>
      <c r="CX3707" s="98"/>
      <c r="DL3707" s="97"/>
      <c r="DX3707" s="98"/>
      <c r="EL3707" s="97"/>
      <c r="EX3707" s="98"/>
      <c r="EY3707" s="97"/>
      <c r="FL3707" s="126"/>
      <c r="FM3707" s="91"/>
      <c r="FN3707" s="91"/>
      <c r="FO3707" s="91"/>
      <c r="FP3707" s="91"/>
      <c r="FQ3707" s="91"/>
      <c r="FR3707" s="91"/>
      <c r="FS3707" s="91"/>
      <c r="FT3707" s="91"/>
      <c r="FU3707" s="91"/>
      <c r="FV3707" s="91"/>
      <c r="FW3707" s="91"/>
      <c r="FX3707" s="127"/>
      <c r="FY3707" s="126"/>
      <c r="FZ3707" s="91"/>
      <c r="GA3707" s="91"/>
      <c r="GB3707" s="91"/>
      <c r="GC3707" s="91"/>
      <c r="GD3707" s="91"/>
      <c r="GE3707" s="91"/>
      <c r="GF3707" s="91"/>
      <c r="GG3707" s="91"/>
      <c r="GH3707" s="91"/>
      <c r="GI3707" s="91"/>
      <c r="GJ3707" s="91"/>
      <c r="GK3707" s="127"/>
      <c r="GL3707" s="126"/>
      <c r="GM3707" s="91"/>
      <c r="GN3707" s="91"/>
      <c r="GO3707" s="91"/>
      <c r="GP3707" s="91"/>
      <c r="GQ3707" s="91"/>
      <c r="GR3707" s="91"/>
      <c r="GS3707" s="91"/>
      <c r="GT3707" s="91"/>
      <c r="GU3707" s="91"/>
      <c r="GV3707" s="91"/>
      <c r="GW3707" s="91"/>
      <c r="GX3707" s="127"/>
      <c r="GY3707" s="126"/>
      <c r="GZ3707" s="91"/>
      <c r="HA3707" s="91"/>
      <c r="HB3707" s="91"/>
      <c r="HC3707" s="91"/>
      <c r="HD3707" s="91"/>
      <c r="HE3707" s="91"/>
      <c r="HF3707" s="91"/>
      <c r="HG3707" s="91"/>
      <c r="HH3707" s="91"/>
      <c r="HI3707" s="91"/>
      <c r="HJ3707" s="91"/>
      <c r="HK3707" s="127"/>
      <c r="HL3707" s="126"/>
      <c r="HM3707" s="91"/>
      <c r="HN3707" s="91"/>
      <c r="HO3707" s="91"/>
      <c r="HP3707" s="91"/>
      <c r="HQ3707" s="91"/>
      <c r="HR3707" s="91"/>
      <c r="HS3707" s="91"/>
      <c r="HT3707" s="91"/>
      <c r="HU3707" s="91"/>
      <c r="HV3707" s="91"/>
      <c r="HW3707" s="91"/>
      <c r="HX3707" s="127"/>
      <c r="HY3707" s="126"/>
      <c r="HZ3707" s="91"/>
      <c r="IA3707" s="91"/>
      <c r="IB3707" s="91"/>
      <c r="IC3707" s="91"/>
      <c r="ID3707" s="91"/>
      <c r="IE3707" s="91"/>
      <c r="IF3707" s="91"/>
      <c r="IG3707" s="91"/>
      <c r="IH3707" s="91"/>
      <c r="II3707" s="91"/>
      <c r="IJ3707" s="91"/>
      <c r="IK3707" s="174"/>
    </row>
    <row r="3708" spans="2:245" x14ac:dyDescent="0.2">
      <c r="B3708" s="43"/>
      <c r="C3708" s="73"/>
      <c r="D3708" s="64"/>
      <c r="E3708" s="64"/>
      <c r="F3708" s="55"/>
      <c r="G3708" s="102"/>
      <c r="H3708" s="97"/>
      <c r="T3708" s="98"/>
      <c r="U3708" s="97"/>
      <c r="AG3708" s="98"/>
      <c r="AY3708" s="164"/>
      <c r="BK3708" s="98"/>
      <c r="BL3708" s="97"/>
      <c r="BX3708" s="98"/>
      <c r="CL3708" s="97"/>
      <c r="CX3708" s="98"/>
      <c r="DL3708" s="97"/>
      <c r="DX3708" s="98"/>
      <c r="EL3708" s="97"/>
      <c r="EX3708" s="98"/>
      <c r="EY3708" s="97"/>
      <c r="FL3708" s="126"/>
      <c r="FM3708" s="91"/>
      <c r="FN3708" s="91"/>
      <c r="FO3708" s="91"/>
      <c r="FP3708" s="91"/>
      <c r="FQ3708" s="91"/>
      <c r="FR3708" s="91"/>
      <c r="FS3708" s="91"/>
      <c r="FT3708" s="91"/>
      <c r="FU3708" s="91"/>
      <c r="FV3708" s="91"/>
      <c r="FW3708" s="91"/>
      <c r="FX3708" s="127"/>
      <c r="FY3708" s="126"/>
      <c r="FZ3708" s="91"/>
      <c r="GA3708" s="91"/>
      <c r="GB3708" s="91"/>
      <c r="GC3708" s="91"/>
      <c r="GD3708" s="91"/>
      <c r="GE3708" s="91"/>
      <c r="GF3708" s="91"/>
      <c r="GG3708" s="91"/>
      <c r="GH3708" s="91"/>
      <c r="GI3708" s="91"/>
      <c r="GJ3708" s="91"/>
      <c r="GK3708" s="127"/>
      <c r="GL3708" s="126"/>
      <c r="GM3708" s="91"/>
      <c r="GN3708" s="91"/>
      <c r="GO3708" s="91"/>
      <c r="GP3708" s="91"/>
      <c r="GQ3708" s="91"/>
      <c r="GR3708" s="91"/>
      <c r="GS3708" s="91"/>
      <c r="GT3708" s="91"/>
      <c r="GU3708" s="91"/>
      <c r="GV3708" s="91"/>
      <c r="GW3708" s="91"/>
      <c r="GX3708" s="127"/>
      <c r="GY3708" s="126"/>
      <c r="GZ3708" s="91"/>
      <c r="HA3708" s="91"/>
      <c r="HB3708" s="91"/>
      <c r="HC3708" s="91"/>
      <c r="HD3708" s="91"/>
      <c r="HE3708" s="91"/>
      <c r="HF3708" s="91"/>
      <c r="HG3708" s="91"/>
      <c r="HH3708" s="91"/>
      <c r="HI3708" s="91"/>
      <c r="HJ3708" s="91"/>
      <c r="HK3708" s="127"/>
      <c r="HL3708" s="126"/>
      <c r="HM3708" s="91"/>
      <c r="HN3708" s="91"/>
      <c r="HO3708" s="91"/>
      <c r="HP3708" s="91"/>
      <c r="HQ3708" s="91"/>
      <c r="HR3708" s="91"/>
      <c r="HS3708" s="91"/>
      <c r="HT3708" s="91"/>
      <c r="HU3708" s="91"/>
      <c r="HV3708" s="91"/>
      <c r="HW3708" s="91"/>
      <c r="HX3708" s="127"/>
      <c r="HY3708" s="126"/>
      <c r="HZ3708" s="91"/>
      <c r="IA3708" s="91"/>
      <c r="IB3708" s="91"/>
      <c r="IC3708" s="91"/>
      <c r="ID3708" s="91"/>
      <c r="IE3708" s="91"/>
      <c r="IF3708" s="91"/>
      <c r="IG3708" s="91"/>
      <c r="IH3708" s="91"/>
      <c r="II3708" s="91"/>
      <c r="IJ3708" s="91"/>
      <c r="IK3708" s="174"/>
    </row>
    <row r="3709" spans="2:245" x14ac:dyDescent="0.2">
      <c r="B3709" s="43"/>
      <c r="C3709" s="73"/>
      <c r="D3709" s="64"/>
      <c r="E3709" s="64"/>
      <c r="F3709" s="55"/>
      <c r="G3709" s="102"/>
      <c r="H3709" s="97"/>
      <c r="T3709" s="98"/>
      <c r="U3709" s="97"/>
      <c r="AG3709" s="98"/>
      <c r="AY3709" s="164"/>
      <c r="BK3709" s="98"/>
      <c r="BL3709" s="97"/>
      <c r="BX3709" s="98"/>
      <c r="CL3709" s="97"/>
      <c r="CX3709" s="98"/>
      <c r="DL3709" s="97"/>
      <c r="DX3709" s="98"/>
      <c r="EL3709" s="97"/>
      <c r="EX3709" s="98"/>
      <c r="EY3709" s="97"/>
      <c r="FL3709" s="126"/>
      <c r="FM3709" s="91"/>
      <c r="FN3709" s="91"/>
      <c r="FO3709" s="91"/>
      <c r="FP3709" s="91"/>
      <c r="FQ3709" s="91"/>
      <c r="FR3709" s="91"/>
      <c r="FS3709" s="91"/>
      <c r="FT3709" s="91"/>
      <c r="FU3709" s="91"/>
      <c r="FV3709" s="91"/>
      <c r="FW3709" s="91"/>
      <c r="FX3709" s="127"/>
      <c r="FY3709" s="126"/>
      <c r="FZ3709" s="91"/>
      <c r="GA3709" s="91"/>
      <c r="GB3709" s="91"/>
      <c r="GC3709" s="91"/>
      <c r="GD3709" s="91"/>
      <c r="GE3709" s="91"/>
      <c r="GF3709" s="91"/>
      <c r="GG3709" s="91"/>
      <c r="GH3709" s="91"/>
      <c r="GI3709" s="91"/>
      <c r="GJ3709" s="91"/>
      <c r="GK3709" s="127"/>
      <c r="GL3709" s="126"/>
      <c r="GM3709" s="91"/>
      <c r="GN3709" s="91"/>
      <c r="GO3709" s="91"/>
      <c r="GP3709" s="91"/>
      <c r="GQ3709" s="91"/>
      <c r="GR3709" s="91"/>
      <c r="GS3709" s="91"/>
      <c r="GT3709" s="91"/>
      <c r="GU3709" s="91"/>
      <c r="GV3709" s="91"/>
      <c r="GW3709" s="91"/>
      <c r="GX3709" s="127"/>
      <c r="GY3709" s="126"/>
      <c r="GZ3709" s="91"/>
      <c r="HA3709" s="91"/>
      <c r="HB3709" s="91"/>
      <c r="HC3709" s="91"/>
      <c r="HD3709" s="91"/>
      <c r="HE3709" s="91"/>
      <c r="HF3709" s="91"/>
      <c r="HG3709" s="91"/>
      <c r="HH3709" s="91"/>
      <c r="HI3709" s="91"/>
      <c r="HJ3709" s="91"/>
      <c r="HK3709" s="127"/>
      <c r="HL3709" s="126"/>
      <c r="HM3709" s="91"/>
      <c r="HN3709" s="91"/>
      <c r="HO3709" s="91"/>
      <c r="HP3709" s="91"/>
      <c r="HQ3709" s="91"/>
      <c r="HR3709" s="91"/>
      <c r="HS3709" s="91"/>
      <c r="HT3709" s="91"/>
      <c r="HU3709" s="91"/>
      <c r="HV3709" s="91"/>
      <c r="HW3709" s="91"/>
      <c r="HX3709" s="127"/>
      <c r="HY3709" s="126"/>
      <c r="HZ3709" s="91"/>
      <c r="IA3709" s="91"/>
      <c r="IB3709" s="91"/>
      <c r="IC3709" s="91"/>
      <c r="ID3709" s="91"/>
      <c r="IE3709" s="91"/>
      <c r="IF3709" s="91"/>
      <c r="IG3709" s="91"/>
      <c r="IH3709" s="91"/>
      <c r="II3709" s="91"/>
      <c r="IJ3709" s="91"/>
      <c r="IK3709" s="174"/>
    </row>
    <row r="3710" spans="2:245" x14ac:dyDescent="0.2">
      <c r="B3710" s="43"/>
      <c r="C3710" s="73"/>
      <c r="D3710" s="64"/>
      <c r="E3710" s="64"/>
      <c r="F3710" s="55"/>
      <c r="G3710" s="102"/>
      <c r="H3710" s="97"/>
      <c r="T3710" s="98"/>
      <c r="U3710" s="97"/>
      <c r="AG3710" s="98"/>
      <c r="AY3710" s="164"/>
      <c r="BK3710" s="98"/>
      <c r="BL3710" s="97"/>
      <c r="BX3710" s="98"/>
      <c r="CL3710" s="97"/>
      <c r="CX3710" s="98"/>
      <c r="DL3710" s="97"/>
      <c r="DX3710" s="98"/>
      <c r="EL3710" s="97"/>
      <c r="EX3710" s="98"/>
      <c r="EY3710" s="97"/>
      <c r="FL3710" s="126"/>
      <c r="FM3710" s="91"/>
      <c r="FN3710" s="91"/>
      <c r="FO3710" s="91"/>
      <c r="FP3710" s="91"/>
      <c r="FQ3710" s="91"/>
      <c r="FR3710" s="91"/>
      <c r="FS3710" s="91"/>
      <c r="FT3710" s="91"/>
      <c r="FU3710" s="91"/>
      <c r="FV3710" s="91"/>
      <c r="FW3710" s="91"/>
      <c r="FX3710" s="127"/>
      <c r="FY3710" s="126"/>
      <c r="FZ3710" s="91"/>
      <c r="GA3710" s="91"/>
      <c r="GB3710" s="91"/>
      <c r="GC3710" s="91"/>
      <c r="GD3710" s="91"/>
      <c r="GE3710" s="91"/>
      <c r="GF3710" s="91"/>
      <c r="GG3710" s="91"/>
      <c r="GH3710" s="91"/>
      <c r="GI3710" s="91"/>
      <c r="GJ3710" s="91"/>
      <c r="GK3710" s="127"/>
      <c r="GL3710" s="126"/>
      <c r="GM3710" s="91"/>
      <c r="GN3710" s="91"/>
      <c r="GO3710" s="91"/>
      <c r="GP3710" s="91"/>
      <c r="GQ3710" s="91"/>
      <c r="GR3710" s="91"/>
      <c r="GS3710" s="91"/>
      <c r="GT3710" s="91"/>
      <c r="GU3710" s="91"/>
      <c r="GV3710" s="91"/>
      <c r="GW3710" s="91"/>
      <c r="GX3710" s="127"/>
      <c r="GY3710" s="126"/>
      <c r="GZ3710" s="91"/>
      <c r="HA3710" s="91"/>
      <c r="HB3710" s="91"/>
      <c r="HC3710" s="91"/>
      <c r="HD3710" s="91"/>
      <c r="HE3710" s="91"/>
      <c r="HF3710" s="91"/>
      <c r="HG3710" s="91"/>
      <c r="HH3710" s="91"/>
      <c r="HI3710" s="91"/>
      <c r="HJ3710" s="91"/>
      <c r="HK3710" s="127"/>
      <c r="HL3710" s="126"/>
      <c r="HM3710" s="91"/>
      <c r="HN3710" s="91"/>
      <c r="HO3710" s="91"/>
      <c r="HP3710" s="91"/>
      <c r="HQ3710" s="91"/>
      <c r="HR3710" s="91"/>
      <c r="HS3710" s="91"/>
      <c r="HT3710" s="91"/>
      <c r="HU3710" s="91"/>
      <c r="HV3710" s="91"/>
      <c r="HW3710" s="91"/>
      <c r="HX3710" s="127"/>
      <c r="HY3710" s="126"/>
      <c r="HZ3710" s="91"/>
      <c r="IA3710" s="91"/>
      <c r="IB3710" s="91"/>
      <c r="IC3710" s="91"/>
      <c r="ID3710" s="91"/>
      <c r="IE3710" s="91"/>
      <c r="IF3710" s="91"/>
      <c r="IG3710" s="91"/>
      <c r="IH3710" s="91"/>
      <c r="II3710" s="91"/>
      <c r="IJ3710" s="91"/>
      <c r="IK3710" s="174"/>
    </row>
    <row r="3711" spans="2:245" x14ac:dyDescent="0.2">
      <c r="B3711" s="43"/>
      <c r="C3711" s="73"/>
      <c r="D3711" s="64"/>
      <c r="E3711" s="64"/>
      <c r="F3711" s="55"/>
      <c r="G3711" s="102"/>
      <c r="H3711" s="97"/>
      <c r="T3711" s="98"/>
      <c r="U3711" s="97"/>
      <c r="AG3711" s="98"/>
      <c r="AY3711" s="164"/>
      <c r="BK3711" s="98"/>
      <c r="BL3711" s="97"/>
      <c r="BX3711" s="98"/>
      <c r="CL3711" s="97"/>
      <c r="CX3711" s="98"/>
      <c r="DL3711" s="97"/>
      <c r="DX3711" s="98"/>
      <c r="EL3711" s="97"/>
      <c r="EX3711" s="98"/>
      <c r="EY3711" s="97"/>
      <c r="FL3711" s="126"/>
      <c r="FM3711" s="91"/>
      <c r="FN3711" s="91"/>
      <c r="FO3711" s="91"/>
      <c r="FP3711" s="91"/>
      <c r="FQ3711" s="91"/>
      <c r="FR3711" s="91"/>
      <c r="FS3711" s="91"/>
      <c r="FT3711" s="91"/>
      <c r="FU3711" s="91"/>
      <c r="FV3711" s="91"/>
      <c r="FW3711" s="91"/>
      <c r="FX3711" s="127"/>
      <c r="FY3711" s="126"/>
      <c r="FZ3711" s="91"/>
      <c r="GA3711" s="91"/>
      <c r="GB3711" s="91"/>
      <c r="GC3711" s="91"/>
      <c r="GD3711" s="91"/>
      <c r="GE3711" s="91"/>
      <c r="GF3711" s="91"/>
      <c r="GG3711" s="91"/>
      <c r="GH3711" s="91"/>
      <c r="GI3711" s="91"/>
      <c r="GJ3711" s="91"/>
      <c r="GK3711" s="127"/>
      <c r="GL3711" s="126"/>
      <c r="GM3711" s="91"/>
      <c r="GN3711" s="91"/>
      <c r="GO3711" s="91"/>
      <c r="GP3711" s="91"/>
      <c r="GQ3711" s="91"/>
      <c r="GR3711" s="91"/>
      <c r="GS3711" s="91"/>
      <c r="GT3711" s="91"/>
      <c r="GU3711" s="91"/>
      <c r="GV3711" s="91"/>
      <c r="GW3711" s="91"/>
      <c r="GX3711" s="127"/>
      <c r="GY3711" s="126"/>
      <c r="GZ3711" s="91"/>
      <c r="HA3711" s="91"/>
      <c r="HB3711" s="91"/>
      <c r="HC3711" s="91"/>
      <c r="HD3711" s="91"/>
      <c r="HE3711" s="91"/>
      <c r="HF3711" s="91"/>
      <c r="HG3711" s="91"/>
      <c r="HH3711" s="91"/>
      <c r="HI3711" s="91"/>
      <c r="HJ3711" s="91"/>
      <c r="HK3711" s="127"/>
      <c r="HL3711" s="126"/>
      <c r="HM3711" s="91"/>
      <c r="HN3711" s="91"/>
      <c r="HO3711" s="91"/>
      <c r="HP3711" s="91"/>
      <c r="HQ3711" s="91"/>
      <c r="HR3711" s="91"/>
      <c r="HS3711" s="91"/>
      <c r="HT3711" s="91"/>
      <c r="HU3711" s="91"/>
      <c r="HV3711" s="91"/>
      <c r="HW3711" s="91"/>
      <c r="HX3711" s="127"/>
      <c r="HY3711" s="126"/>
      <c r="HZ3711" s="91"/>
      <c r="IA3711" s="91"/>
      <c r="IB3711" s="91"/>
      <c r="IC3711" s="91"/>
      <c r="ID3711" s="91"/>
      <c r="IE3711" s="91"/>
      <c r="IF3711" s="91"/>
      <c r="IG3711" s="91"/>
      <c r="IH3711" s="91"/>
      <c r="II3711" s="91"/>
      <c r="IJ3711" s="91"/>
      <c r="IK3711" s="174"/>
    </row>
    <row r="3712" spans="2:245" x14ac:dyDescent="0.2">
      <c r="B3712" s="43"/>
      <c r="C3712" s="73"/>
      <c r="D3712" s="64"/>
      <c r="E3712" s="64"/>
      <c r="F3712" s="55"/>
      <c r="G3712" s="102"/>
      <c r="H3712" s="97"/>
      <c r="T3712" s="98"/>
      <c r="U3712" s="97"/>
      <c r="AG3712" s="98"/>
      <c r="AY3712" s="164"/>
      <c r="BK3712" s="98"/>
      <c r="BL3712" s="97"/>
      <c r="BX3712" s="98"/>
      <c r="CL3712" s="97"/>
      <c r="CX3712" s="98"/>
      <c r="DL3712" s="97"/>
      <c r="DX3712" s="98"/>
      <c r="EL3712" s="97"/>
      <c r="EX3712" s="98"/>
      <c r="EY3712" s="97"/>
      <c r="FL3712" s="126"/>
      <c r="FM3712" s="91"/>
      <c r="FN3712" s="91"/>
      <c r="FO3712" s="91"/>
      <c r="FP3712" s="91"/>
      <c r="FQ3712" s="91"/>
      <c r="FR3712" s="91"/>
      <c r="FS3712" s="91"/>
      <c r="FT3712" s="91"/>
      <c r="FU3712" s="91"/>
      <c r="FV3712" s="91"/>
      <c r="FW3712" s="91"/>
      <c r="FX3712" s="127"/>
      <c r="FY3712" s="126"/>
      <c r="FZ3712" s="91"/>
      <c r="GA3712" s="91"/>
      <c r="GB3712" s="91"/>
      <c r="GC3712" s="91"/>
      <c r="GD3712" s="91"/>
      <c r="GE3712" s="91"/>
      <c r="GF3712" s="91"/>
      <c r="GG3712" s="91"/>
      <c r="GH3712" s="91"/>
      <c r="GI3712" s="91"/>
      <c r="GJ3712" s="91"/>
      <c r="GK3712" s="127"/>
      <c r="GL3712" s="126"/>
      <c r="GM3712" s="91"/>
      <c r="GN3712" s="91"/>
      <c r="GO3712" s="91"/>
      <c r="GP3712" s="91"/>
      <c r="GQ3712" s="91"/>
      <c r="GR3712" s="91"/>
      <c r="GS3712" s="91"/>
      <c r="GT3712" s="91"/>
      <c r="GU3712" s="91"/>
      <c r="GV3712" s="91"/>
      <c r="GW3712" s="91"/>
      <c r="GX3712" s="127"/>
      <c r="GY3712" s="126"/>
      <c r="GZ3712" s="91"/>
      <c r="HA3712" s="91"/>
      <c r="HB3712" s="91"/>
      <c r="HC3712" s="91"/>
      <c r="HD3712" s="91"/>
      <c r="HE3712" s="91"/>
      <c r="HF3712" s="91"/>
      <c r="HG3712" s="91"/>
      <c r="HH3712" s="91"/>
      <c r="HI3712" s="91"/>
      <c r="HJ3712" s="91"/>
      <c r="HK3712" s="127"/>
      <c r="HL3712" s="126"/>
      <c r="HM3712" s="91"/>
      <c r="HN3712" s="91"/>
      <c r="HO3712" s="91"/>
      <c r="HP3712" s="91"/>
      <c r="HQ3712" s="91"/>
      <c r="HR3712" s="91"/>
      <c r="HS3712" s="91"/>
      <c r="HT3712" s="91"/>
      <c r="HU3712" s="91"/>
      <c r="HV3712" s="91"/>
      <c r="HW3712" s="91"/>
      <c r="HX3712" s="127"/>
      <c r="HY3712" s="126"/>
      <c r="HZ3712" s="91"/>
      <c r="IA3712" s="91"/>
      <c r="IB3712" s="91"/>
      <c r="IC3712" s="91"/>
      <c r="ID3712" s="91"/>
      <c r="IE3712" s="91"/>
      <c r="IF3712" s="91"/>
      <c r="IG3712" s="91"/>
      <c r="IH3712" s="91"/>
      <c r="II3712" s="91"/>
      <c r="IJ3712" s="91"/>
      <c r="IK3712" s="174"/>
    </row>
    <row r="3713" spans="2:245" x14ac:dyDescent="0.2">
      <c r="B3713" s="43"/>
      <c r="C3713" s="73"/>
      <c r="D3713" s="64"/>
      <c r="E3713" s="64"/>
      <c r="F3713" s="55"/>
      <c r="G3713" s="102"/>
      <c r="H3713" s="97"/>
      <c r="T3713" s="98"/>
      <c r="U3713" s="97"/>
      <c r="AG3713" s="98"/>
      <c r="AY3713" s="164"/>
      <c r="BK3713" s="98"/>
      <c r="BL3713" s="97"/>
      <c r="BX3713" s="98"/>
      <c r="CL3713" s="97"/>
      <c r="CX3713" s="98"/>
      <c r="DL3713" s="97"/>
      <c r="DX3713" s="98"/>
      <c r="EL3713" s="97"/>
      <c r="EX3713" s="98"/>
      <c r="EY3713" s="97"/>
      <c r="FL3713" s="126"/>
      <c r="FM3713" s="91"/>
      <c r="FN3713" s="91"/>
      <c r="FO3713" s="91"/>
      <c r="FP3713" s="91"/>
      <c r="FQ3713" s="91"/>
      <c r="FR3713" s="91"/>
      <c r="FS3713" s="91"/>
      <c r="FT3713" s="91"/>
      <c r="FU3713" s="91"/>
      <c r="FV3713" s="91"/>
      <c r="FW3713" s="91"/>
      <c r="FX3713" s="127"/>
      <c r="FY3713" s="126"/>
      <c r="FZ3713" s="91"/>
      <c r="GA3713" s="91"/>
      <c r="GB3713" s="91"/>
      <c r="GC3713" s="91"/>
      <c r="GD3713" s="91"/>
      <c r="GE3713" s="91"/>
      <c r="GF3713" s="91"/>
      <c r="GG3713" s="91"/>
      <c r="GH3713" s="91"/>
      <c r="GI3713" s="91"/>
      <c r="GJ3713" s="91"/>
      <c r="GK3713" s="127"/>
      <c r="GL3713" s="126"/>
      <c r="GM3713" s="91"/>
      <c r="GN3713" s="91"/>
      <c r="GO3713" s="91"/>
      <c r="GP3713" s="91"/>
      <c r="GQ3713" s="91"/>
      <c r="GR3713" s="91"/>
      <c r="GS3713" s="91"/>
      <c r="GT3713" s="91"/>
      <c r="GU3713" s="91"/>
      <c r="GV3713" s="91"/>
      <c r="GW3713" s="91"/>
      <c r="GX3713" s="127"/>
      <c r="GY3713" s="126"/>
      <c r="GZ3713" s="91"/>
      <c r="HA3713" s="91"/>
      <c r="HB3713" s="91"/>
      <c r="HC3713" s="91"/>
      <c r="HD3713" s="91"/>
      <c r="HE3713" s="91"/>
      <c r="HF3713" s="91"/>
      <c r="HG3713" s="91"/>
      <c r="HH3713" s="91"/>
      <c r="HI3713" s="91"/>
      <c r="HJ3713" s="91"/>
      <c r="HK3713" s="127"/>
      <c r="HL3713" s="126"/>
      <c r="HM3713" s="91"/>
      <c r="HN3713" s="91"/>
      <c r="HO3713" s="91"/>
      <c r="HP3713" s="91"/>
      <c r="HQ3713" s="91"/>
      <c r="HR3713" s="91"/>
      <c r="HS3713" s="91"/>
      <c r="HT3713" s="91"/>
      <c r="HU3713" s="91"/>
      <c r="HV3713" s="91"/>
      <c r="HW3713" s="91"/>
      <c r="HX3713" s="127"/>
      <c r="HY3713" s="126"/>
      <c r="HZ3713" s="91"/>
      <c r="IA3713" s="91"/>
      <c r="IB3713" s="91"/>
      <c r="IC3713" s="91"/>
      <c r="ID3713" s="91"/>
      <c r="IE3713" s="91"/>
      <c r="IF3713" s="91"/>
      <c r="IG3713" s="91"/>
      <c r="IH3713" s="91"/>
      <c r="II3713" s="91"/>
      <c r="IJ3713" s="91"/>
      <c r="IK3713" s="174"/>
    </row>
    <row r="3714" spans="2:245" x14ac:dyDescent="0.2">
      <c r="B3714" s="43"/>
      <c r="C3714" s="73"/>
      <c r="D3714" s="64"/>
      <c r="E3714" s="64"/>
      <c r="F3714" s="55"/>
      <c r="G3714" s="102"/>
      <c r="H3714" s="97"/>
      <c r="T3714" s="98"/>
      <c r="U3714" s="97"/>
      <c r="AG3714" s="98"/>
      <c r="AY3714" s="164"/>
      <c r="BK3714" s="98"/>
      <c r="BL3714" s="97"/>
      <c r="BX3714" s="98"/>
      <c r="CL3714" s="97"/>
      <c r="CX3714" s="98"/>
      <c r="DL3714" s="97"/>
      <c r="DX3714" s="98"/>
      <c r="EL3714" s="97"/>
      <c r="EX3714" s="98"/>
      <c r="EY3714" s="97"/>
      <c r="FL3714" s="126"/>
      <c r="FM3714" s="91"/>
      <c r="FN3714" s="91"/>
      <c r="FO3714" s="91"/>
      <c r="FP3714" s="91"/>
      <c r="FQ3714" s="91"/>
      <c r="FR3714" s="91"/>
      <c r="FS3714" s="91"/>
      <c r="FT3714" s="91"/>
      <c r="FU3714" s="91"/>
      <c r="FV3714" s="91"/>
      <c r="FW3714" s="91"/>
      <c r="FX3714" s="127"/>
      <c r="FY3714" s="126"/>
      <c r="FZ3714" s="91"/>
      <c r="GA3714" s="91"/>
      <c r="GB3714" s="91"/>
      <c r="GC3714" s="91"/>
      <c r="GD3714" s="91"/>
      <c r="GE3714" s="91"/>
      <c r="GF3714" s="91"/>
      <c r="GG3714" s="91"/>
      <c r="GH3714" s="91"/>
      <c r="GI3714" s="91"/>
      <c r="GJ3714" s="91"/>
      <c r="GK3714" s="127"/>
      <c r="GL3714" s="126"/>
      <c r="GM3714" s="91"/>
      <c r="GN3714" s="91"/>
      <c r="GO3714" s="91"/>
      <c r="GP3714" s="91"/>
      <c r="GQ3714" s="91"/>
      <c r="GR3714" s="91"/>
      <c r="GS3714" s="91"/>
      <c r="GT3714" s="91"/>
      <c r="GU3714" s="91"/>
      <c r="GV3714" s="91"/>
      <c r="GW3714" s="91"/>
      <c r="GX3714" s="127"/>
      <c r="GY3714" s="126"/>
      <c r="GZ3714" s="91"/>
      <c r="HA3714" s="91"/>
      <c r="HB3714" s="91"/>
      <c r="HC3714" s="91"/>
      <c r="HD3714" s="91"/>
      <c r="HE3714" s="91"/>
      <c r="HF3714" s="91"/>
      <c r="HG3714" s="91"/>
      <c r="HH3714" s="91"/>
      <c r="HI3714" s="91"/>
      <c r="HJ3714" s="91"/>
      <c r="HK3714" s="127"/>
      <c r="HL3714" s="126"/>
      <c r="HM3714" s="91"/>
      <c r="HN3714" s="91"/>
      <c r="HO3714" s="91"/>
      <c r="HP3714" s="91"/>
      <c r="HQ3714" s="91"/>
      <c r="HR3714" s="91"/>
      <c r="HS3714" s="91"/>
      <c r="HT3714" s="91"/>
      <c r="HU3714" s="91"/>
      <c r="HV3714" s="91"/>
      <c r="HW3714" s="91"/>
      <c r="HX3714" s="127"/>
      <c r="HY3714" s="126"/>
      <c r="HZ3714" s="91"/>
      <c r="IA3714" s="91"/>
      <c r="IB3714" s="91"/>
      <c r="IC3714" s="91"/>
      <c r="ID3714" s="91"/>
      <c r="IE3714" s="91"/>
      <c r="IF3714" s="91"/>
      <c r="IG3714" s="91"/>
      <c r="IH3714" s="91"/>
      <c r="II3714" s="91"/>
      <c r="IJ3714" s="91"/>
      <c r="IK3714" s="174"/>
    </row>
    <row r="3715" spans="2:245" x14ac:dyDescent="0.2">
      <c r="B3715" s="43"/>
      <c r="C3715" s="73"/>
      <c r="D3715" s="64"/>
      <c r="E3715" s="64"/>
      <c r="F3715" s="55"/>
      <c r="G3715" s="102"/>
      <c r="H3715" s="97"/>
      <c r="T3715" s="98"/>
      <c r="U3715" s="97"/>
      <c r="AG3715" s="98"/>
      <c r="AY3715" s="164"/>
      <c r="BK3715" s="98"/>
      <c r="BL3715" s="97"/>
      <c r="BX3715" s="98"/>
      <c r="CL3715" s="97"/>
      <c r="CX3715" s="98"/>
      <c r="DL3715" s="97"/>
      <c r="DX3715" s="98"/>
      <c r="EL3715" s="97"/>
      <c r="EX3715" s="98"/>
      <c r="EY3715" s="97"/>
      <c r="FL3715" s="126"/>
      <c r="FM3715" s="91"/>
      <c r="FN3715" s="91"/>
      <c r="FO3715" s="91"/>
      <c r="FP3715" s="91"/>
      <c r="FQ3715" s="91"/>
      <c r="FR3715" s="91"/>
      <c r="FS3715" s="91"/>
      <c r="FT3715" s="91"/>
      <c r="FU3715" s="91"/>
      <c r="FV3715" s="91"/>
      <c r="FW3715" s="91"/>
      <c r="FX3715" s="127"/>
      <c r="FY3715" s="126"/>
      <c r="FZ3715" s="91"/>
      <c r="GA3715" s="91"/>
      <c r="GB3715" s="91"/>
      <c r="GC3715" s="91"/>
      <c r="GD3715" s="91"/>
      <c r="GE3715" s="91"/>
      <c r="GF3715" s="91"/>
      <c r="GG3715" s="91"/>
      <c r="GH3715" s="91"/>
      <c r="GI3715" s="91"/>
      <c r="GJ3715" s="91"/>
      <c r="GK3715" s="127"/>
      <c r="GL3715" s="126"/>
      <c r="GM3715" s="91"/>
      <c r="GN3715" s="91"/>
      <c r="GO3715" s="91"/>
      <c r="GP3715" s="91"/>
      <c r="GQ3715" s="91"/>
      <c r="GR3715" s="91"/>
      <c r="GS3715" s="91"/>
      <c r="GT3715" s="91"/>
      <c r="GU3715" s="91"/>
      <c r="GV3715" s="91"/>
      <c r="GW3715" s="91"/>
      <c r="GX3715" s="127"/>
      <c r="GY3715" s="126"/>
      <c r="GZ3715" s="91"/>
      <c r="HA3715" s="91"/>
      <c r="HB3715" s="91"/>
      <c r="HC3715" s="91"/>
      <c r="HD3715" s="91"/>
      <c r="HE3715" s="91"/>
      <c r="HF3715" s="91"/>
      <c r="HG3715" s="91"/>
      <c r="HH3715" s="91"/>
      <c r="HI3715" s="91"/>
      <c r="HJ3715" s="91"/>
      <c r="HK3715" s="127"/>
      <c r="HL3715" s="126"/>
      <c r="HM3715" s="91"/>
      <c r="HN3715" s="91"/>
      <c r="HO3715" s="91"/>
      <c r="HP3715" s="91"/>
      <c r="HQ3715" s="91"/>
      <c r="HR3715" s="91"/>
      <c r="HS3715" s="91"/>
      <c r="HT3715" s="91"/>
      <c r="HU3715" s="91"/>
      <c r="HV3715" s="91"/>
      <c r="HW3715" s="91"/>
      <c r="HX3715" s="127"/>
      <c r="HY3715" s="126"/>
      <c r="HZ3715" s="91"/>
      <c r="IA3715" s="91"/>
      <c r="IB3715" s="91"/>
      <c r="IC3715" s="91"/>
      <c r="ID3715" s="91"/>
      <c r="IE3715" s="91"/>
      <c r="IF3715" s="91"/>
      <c r="IG3715" s="91"/>
      <c r="IH3715" s="91"/>
      <c r="II3715" s="91"/>
      <c r="IJ3715" s="91"/>
      <c r="IK3715" s="174"/>
    </row>
    <row r="3716" spans="2:245" x14ac:dyDescent="0.2">
      <c r="B3716" s="43"/>
      <c r="C3716" s="73"/>
      <c r="D3716" s="64"/>
      <c r="E3716" s="64"/>
      <c r="F3716" s="55"/>
      <c r="G3716" s="102"/>
      <c r="H3716" s="97"/>
      <c r="T3716" s="98"/>
      <c r="U3716" s="97"/>
      <c r="AG3716" s="98"/>
      <c r="AY3716" s="164"/>
      <c r="BK3716" s="98"/>
      <c r="BL3716" s="97"/>
      <c r="BX3716" s="98"/>
      <c r="CL3716" s="97"/>
      <c r="CX3716" s="98"/>
      <c r="DL3716" s="97"/>
      <c r="DX3716" s="98"/>
      <c r="EL3716" s="97"/>
      <c r="EX3716" s="98"/>
      <c r="EY3716" s="97"/>
      <c r="FL3716" s="126"/>
      <c r="FM3716" s="91"/>
      <c r="FN3716" s="91"/>
      <c r="FO3716" s="91"/>
      <c r="FP3716" s="91"/>
      <c r="FQ3716" s="91"/>
      <c r="FR3716" s="91"/>
      <c r="FS3716" s="91"/>
      <c r="FT3716" s="91"/>
      <c r="FU3716" s="91"/>
      <c r="FV3716" s="91"/>
      <c r="FW3716" s="91"/>
      <c r="FX3716" s="127"/>
      <c r="FY3716" s="126"/>
      <c r="FZ3716" s="91"/>
      <c r="GA3716" s="91"/>
      <c r="GB3716" s="91"/>
      <c r="GC3716" s="91"/>
      <c r="GD3716" s="91"/>
      <c r="GE3716" s="91"/>
      <c r="GF3716" s="91"/>
      <c r="GG3716" s="91"/>
      <c r="GH3716" s="91"/>
      <c r="GI3716" s="91"/>
      <c r="GJ3716" s="91"/>
      <c r="GK3716" s="127"/>
      <c r="GL3716" s="126"/>
      <c r="GM3716" s="91"/>
      <c r="GN3716" s="91"/>
      <c r="GO3716" s="91"/>
      <c r="GP3716" s="91"/>
      <c r="GQ3716" s="91"/>
      <c r="GR3716" s="91"/>
      <c r="GS3716" s="91"/>
      <c r="GT3716" s="91"/>
      <c r="GU3716" s="91"/>
      <c r="GV3716" s="91"/>
      <c r="GW3716" s="91"/>
      <c r="GX3716" s="127"/>
      <c r="GY3716" s="126"/>
      <c r="GZ3716" s="91"/>
      <c r="HA3716" s="91"/>
      <c r="HB3716" s="91"/>
      <c r="HC3716" s="91"/>
      <c r="HD3716" s="91"/>
      <c r="HE3716" s="91"/>
      <c r="HF3716" s="91"/>
      <c r="HG3716" s="91"/>
      <c r="HH3716" s="91"/>
      <c r="HI3716" s="91"/>
      <c r="HJ3716" s="91"/>
      <c r="HK3716" s="127"/>
      <c r="HL3716" s="126"/>
      <c r="HM3716" s="91"/>
      <c r="HN3716" s="91"/>
      <c r="HO3716" s="91"/>
      <c r="HP3716" s="91"/>
      <c r="HQ3716" s="91"/>
      <c r="HR3716" s="91"/>
      <c r="HS3716" s="91"/>
      <c r="HT3716" s="91"/>
      <c r="HU3716" s="91"/>
      <c r="HV3716" s="91"/>
      <c r="HW3716" s="91"/>
      <c r="HX3716" s="127"/>
      <c r="HY3716" s="126"/>
      <c r="HZ3716" s="91"/>
      <c r="IA3716" s="91"/>
      <c r="IB3716" s="91"/>
      <c r="IC3716" s="91"/>
      <c r="ID3716" s="91"/>
      <c r="IE3716" s="91"/>
      <c r="IF3716" s="91"/>
      <c r="IG3716" s="91"/>
      <c r="IH3716" s="91"/>
      <c r="II3716" s="91"/>
      <c r="IJ3716" s="91"/>
      <c r="IK3716" s="174"/>
    </row>
    <row r="3717" spans="2:245" x14ac:dyDescent="0.2">
      <c r="B3717" s="43"/>
      <c r="C3717" s="73"/>
      <c r="D3717" s="64"/>
      <c r="E3717" s="64"/>
      <c r="F3717" s="55"/>
      <c r="G3717" s="102"/>
      <c r="H3717" s="97"/>
      <c r="T3717" s="98"/>
      <c r="U3717" s="97"/>
      <c r="AG3717" s="98"/>
      <c r="AY3717" s="164"/>
      <c r="BK3717" s="98"/>
      <c r="BL3717" s="97"/>
      <c r="BX3717" s="98"/>
      <c r="CL3717" s="97"/>
      <c r="CX3717" s="98"/>
      <c r="DL3717" s="97"/>
      <c r="DX3717" s="98"/>
      <c r="EL3717" s="97"/>
      <c r="EX3717" s="98"/>
      <c r="EY3717" s="97"/>
      <c r="FL3717" s="126"/>
      <c r="FM3717" s="91"/>
      <c r="FN3717" s="91"/>
      <c r="FO3717" s="91"/>
      <c r="FP3717" s="91"/>
      <c r="FQ3717" s="91"/>
      <c r="FR3717" s="91"/>
      <c r="FS3717" s="91"/>
      <c r="FT3717" s="91"/>
      <c r="FU3717" s="91"/>
      <c r="FV3717" s="91"/>
      <c r="FW3717" s="91"/>
      <c r="FX3717" s="127"/>
      <c r="FY3717" s="126"/>
      <c r="FZ3717" s="91"/>
      <c r="GA3717" s="91"/>
      <c r="GB3717" s="91"/>
      <c r="GC3717" s="91"/>
      <c r="GD3717" s="91"/>
      <c r="GE3717" s="91"/>
      <c r="GF3717" s="91"/>
      <c r="GG3717" s="91"/>
      <c r="GH3717" s="91"/>
      <c r="GI3717" s="91"/>
      <c r="GJ3717" s="91"/>
      <c r="GK3717" s="127"/>
      <c r="GL3717" s="126"/>
      <c r="GM3717" s="91"/>
      <c r="GN3717" s="91"/>
      <c r="GO3717" s="91"/>
      <c r="GP3717" s="91"/>
      <c r="GQ3717" s="91"/>
      <c r="GR3717" s="91"/>
      <c r="GS3717" s="91"/>
      <c r="GT3717" s="91"/>
      <c r="GU3717" s="91"/>
      <c r="GV3717" s="91"/>
      <c r="GW3717" s="91"/>
      <c r="GX3717" s="127"/>
      <c r="GY3717" s="126"/>
      <c r="GZ3717" s="91"/>
      <c r="HA3717" s="91"/>
      <c r="HB3717" s="91"/>
      <c r="HC3717" s="91"/>
      <c r="HD3717" s="91"/>
      <c r="HE3717" s="91"/>
      <c r="HF3717" s="91"/>
      <c r="HG3717" s="91"/>
      <c r="HH3717" s="91"/>
      <c r="HI3717" s="91"/>
      <c r="HJ3717" s="91"/>
      <c r="HK3717" s="127"/>
      <c r="HL3717" s="126"/>
      <c r="HM3717" s="91"/>
      <c r="HN3717" s="91"/>
      <c r="HO3717" s="91"/>
      <c r="HP3717" s="91"/>
      <c r="HQ3717" s="91"/>
      <c r="HR3717" s="91"/>
      <c r="HS3717" s="91"/>
      <c r="HT3717" s="91"/>
      <c r="HU3717" s="91"/>
      <c r="HV3717" s="91"/>
      <c r="HW3717" s="91"/>
      <c r="HX3717" s="127"/>
      <c r="HY3717" s="126"/>
      <c r="HZ3717" s="91"/>
      <c r="IA3717" s="91"/>
      <c r="IB3717" s="91"/>
      <c r="IC3717" s="91"/>
      <c r="ID3717" s="91"/>
      <c r="IE3717" s="91"/>
      <c r="IF3717" s="91"/>
      <c r="IG3717" s="91"/>
      <c r="IH3717" s="91"/>
      <c r="II3717" s="91"/>
      <c r="IJ3717" s="91"/>
      <c r="IK3717" s="174"/>
    </row>
    <row r="3718" spans="2:245" x14ac:dyDescent="0.2">
      <c r="B3718" s="43"/>
      <c r="C3718" s="73"/>
      <c r="D3718" s="64"/>
      <c r="E3718" s="64"/>
      <c r="F3718" s="55"/>
      <c r="G3718" s="102"/>
      <c r="H3718" s="97"/>
      <c r="T3718" s="98"/>
      <c r="U3718" s="97"/>
      <c r="AG3718" s="98"/>
      <c r="AY3718" s="164"/>
      <c r="BK3718" s="98"/>
      <c r="BL3718" s="97"/>
      <c r="BX3718" s="98"/>
      <c r="CL3718" s="97"/>
      <c r="CX3718" s="98"/>
      <c r="DL3718" s="97"/>
      <c r="DX3718" s="98"/>
      <c r="EL3718" s="97"/>
      <c r="EX3718" s="98"/>
      <c r="EY3718" s="97"/>
      <c r="FL3718" s="126"/>
      <c r="FM3718" s="91"/>
      <c r="FN3718" s="91"/>
      <c r="FO3718" s="91"/>
      <c r="FP3718" s="91"/>
      <c r="FQ3718" s="91"/>
      <c r="FR3718" s="91"/>
      <c r="FS3718" s="91"/>
      <c r="FT3718" s="91"/>
      <c r="FU3718" s="91"/>
      <c r="FV3718" s="91"/>
      <c r="FW3718" s="91"/>
      <c r="FX3718" s="127"/>
      <c r="FY3718" s="126"/>
      <c r="FZ3718" s="91"/>
      <c r="GA3718" s="91"/>
      <c r="GB3718" s="91"/>
      <c r="GC3718" s="91"/>
      <c r="GD3718" s="91"/>
      <c r="GE3718" s="91"/>
      <c r="GF3718" s="91"/>
      <c r="GG3718" s="91"/>
      <c r="GH3718" s="91"/>
      <c r="GI3718" s="91"/>
      <c r="GJ3718" s="91"/>
      <c r="GK3718" s="127"/>
      <c r="GL3718" s="126"/>
      <c r="GM3718" s="91"/>
      <c r="GN3718" s="91"/>
      <c r="GO3718" s="91"/>
      <c r="GP3718" s="91"/>
      <c r="GQ3718" s="91"/>
      <c r="GR3718" s="91"/>
      <c r="GS3718" s="91"/>
      <c r="GT3718" s="91"/>
      <c r="GU3718" s="91"/>
      <c r="GV3718" s="91"/>
      <c r="GW3718" s="91"/>
      <c r="GX3718" s="127"/>
      <c r="GY3718" s="126"/>
      <c r="GZ3718" s="91"/>
      <c r="HA3718" s="91"/>
      <c r="HB3718" s="91"/>
      <c r="HC3718" s="91"/>
      <c r="HD3718" s="91"/>
      <c r="HE3718" s="91"/>
      <c r="HF3718" s="91"/>
      <c r="HG3718" s="91"/>
      <c r="HH3718" s="91"/>
      <c r="HI3718" s="91"/>
      <c r="HJ3718" s="91"/>
      <c r="HK3718" s="127"/>
      <c r="HL3718" s="126"/>
      <c r="HM3718" s="91"/>
      <c r="HN3718" s="91"/>
      <c r="HO3718" s="91"/>
      <c r="HP3718" s="91"/>
      <c r="HQ3718" s="91"/>
      <c r="HR3718" s="91"/>
      <c r="HS3718" s="91"/>
      <c r="HT3718" s="91"/>
      <c r="HU3718" s="91"/>
      <c r="HV3718" s="91"/>
      <c r="HW3718" s="91"/>
      <c r="HX3718" s="127"/>
      <c r="HY3718" s="126"/>
      <c r="HZ3718" s="91"/>
      <c r="IA3718" s="91"/>
      <c r="IB3718" s="91"/>
      <c r="IC3718" s="91"/>
      <c r="ID3718" s="91"/>
      <c r="IE3718" s="91"/>
      <c r="IF3718" s="91"/>
      <c r="IG3718" s="91"/>
      <c r="IH3718" s="91"/>
      <c r="II3718" s="91"/>
      <c r="IJ3718" s="91"/>
      <c r="IK3718" s="174"/>
    </row>
    <row r="3719" spans="2:245" x14ac:dyDescent="0.2">
      <c r="B3719" s="43"/>
      <c r="C3719" s="73"/>
      <c r="D3719" s="64"/>
      <c r="E3719" s="64"/>
      <c r="F3719" s="55"/>
      <c r="G3719" s="102"/>
      <c r="H3719" s="97"/>
      <c r="T3719" s="98"/>
      <c r="U3719" s="97"/>
      <c r="AG3719" s="98"/>
      <c r="AY3719" s="164"/>
      <c r="BK3719" s="98"/>
      <c r="BL3719" s="97"/>
      <c r="BX3719" s="98"/>
      <c r="CL3719" s="97"/>
      <c r="CX3719" s="98"/>
      <c r="DL3719" s="97"/>
      <c r="DX3719" s="98"/>
      <c r="EL3719" s="97"/>
      <c r="EX3719" s="98"/>
      <c r="EY3719" s="97"/>
      <c r="FL3719" s="126"/>
      <c r="FM3719" s="91"/>
      <c r="FN3719" s="91"/>
      <c r="FO3719" s="91"/>
      <c r="FP3719" s="91"/>
      <c r="FQ3719" s="91"/>
      <c r="FR3719" s="91"/>
      <c r="FS3719" s="91"/>
      <c r="FT3719" s="91"/>
      <c r="FU3719" s="91"/>
      <c r="FV3719" s="91"/>
      <c r="FW3719" s="91"/>
      <c r="FX3719" s="127"/>
      <c r="FY3719" s="126"/>
      <c r="FZ3719" s="91"/>
      <c r="GA3719" s="91"/>
      <c r="GB3719" s="91"/>
      <c r="GC3719" s="91"/>
      <c r="GD3719" s="91"/>
      <c r="GE3719" s="91"/>
      <c r="GF3719" s="91"/>
      <c r="GG3719" s="91"/>
      <c r="GH3719" s="91"/>
      <c r="GI3719" s="91"/>
      <c r="GJ3719" s="91"/>
      <c r="GK3719" s="127"/>
      <c r="GL3719" s="126"/>
      <c r="GM3719" s="91"/>
      <c r="GN3719" s="91"/>
      <c r="GO3719" s="91"/>
      <c r="GP3719" s="91"/>
      <c r="GQ3719" s="91"/>
      <c r="GR3719" s="91"/>
      <c r="GS3719" s="91"/>
      <c r="GT3719" s="91"/>
      <c r="GU3719" s="91"/>
      <c r="GV3719" s="91"/>
      <c r="GW3719" s="91"/>
      <c r="GX3719" s="127"/>
      <c r="GY3719" s="126"/>
      <c r="GZ3719" s="91"/>
      <c r="HA3719" s="91"/>
      <c r="HB3719" s="91"/>
      <c r="HC3719" s="91"/>
      <c r="HD3719" s="91"/>
      <c r="HE3719" s="91"/>
      <c r="HF3719" s="91"/>
      <c r="HG3719" s="91"/>
      <c r="HH3719" s="91"/>
      <c r="HI3719" s="91"/>
      <c r="HJ3719" s="91"/>
      <c r="HK3719" s="127"/>
      <c r="HL3719" s="126"/>
      <c r="HM3719" s="91"/>
      <c r="HN3719" s="91"/>
      <c r="HO3719" s="91"/>
      <c r="HP3719" s="91"/>
      <c r="HQ3719" s="91"/>
      <c r="HR3719" s="91"/>
      <c r="HS3719" s="91"/>
      <c r="HT3719" s="91"/>
      <c r="HU3719" s="91"/>
      <c r="HV3719" s="91"/>
      <c r="HW3719" s="91"/>
      <c r="HX3719" s="127"/>
      <c r="HY3719" s="126"/>
      <c r="HZ3719" s="91"/>
      <c r="IA3719" s="91"/>
      <c r="IB3719" s="91"/>
      <c r="IC3719" s="91"/>
      <c r="ID3719" s="91"/>
      <c r="IE3719" s="91"/>
      <c r="IF3719" s="91"/>
      <c r="IG3719" s="91"/>
      <c r="IH3719" s="91"/>
      <c r="II3719" s="91"/>
      <c r="IJ3719" s="91"/>
      <c r="IK3719" s="174"/>
    </row>
    <row r="3720" spans="2:245" x14ac:dyDescent="0.2">
      <c r="B3720" s="43"/>
      <c r="C3720" s="73"/>
      <c r="D3720" s="64"/>
      <c r="E3720" s="64"/>
      <c r="F3720" s="55"/>
      <c r="G3720" s="102"/>
      <c r="H3720" s="97"/>
      <c r="T3720" s="98"/>
      <c r="U3720" s="97"/>
      <c r="AG3720" s="98"/>
      <c r="AY3720" s="164"/>
      <c r="BK3720" s="98"/>
      <c r="BL3720" s="97"/>
      <c r="BX3720" s="98"/>
      <c r="CL3720" s="97"/>
      <c r="CX3720" s="98"/>
      <c r="DL3720" s="97"/>
      <c r="DX3720" s="98"/>
      <c r="EL3720" s="97"/>
      <c r="EX3720" s="98"/>
      <c r="EY3720" s="97"/>
      <c r="FL3720" s="126"/>
      <c r="FM3720" s="91"/>
      <c r="FN3720" s="91"/>
      <c r="FO3720" s="91"/>
      <c r="FP3720" s="91"/>
      <c r="FQ3720" s="91"/>
      <c r="FR3720" s="91"/>
      <c r="FS3720" s="91"/>
      <c r="FT3720" s="91"/>
      <c r="FU3720" s="91"/>
      <c r="FV3720" s="91"/>
      <c r="FW3720" s="91"/>
      <c r="FX3720" s="127"/>
      <c r="FY3720" s="126"/>
      <c r="FZ3720" s="91"/>
      <c r="GA3720" s="91"/>
      <c r="GB3720" s="91"/>
      <c r="GC3720" s="91"/>
      <c r="GD3720" s="91"/>
      <c r="GE3720" s="91"/>
      <c r="GF3720" s="91"/>
      <c r="GG3720" s="91"/>
      <c r="GH3720" s="91"/>
      <c r="GI3720" s="91"/>
      <c r="GJ3720" s="91"/>
      <c r="GK3720" s="127"/>
      <c r="GL3720" s="126"/>
      <c r="GM3720" s="91"/>
      <c r="GN3720" s="91"/>
      <c r="GO3720" s="91"/>
      <c r="GP3720" s="91"/>
      <c r="GQ3720" s="91"/>
      <c r="GR3720" s="91"/>
      <c r="GS3720" s="91"/>
      <c r="GT3720" s="91"/>
      <c r="GU3720" s="91"/>
      <c r="GV3720" s="91"/>
      <c r="GW3720" s="91"/>
      <c r="GX3720" s="127"/>
      <c r="GY3720" s="126"/>
      <c r="GZ3720" s="91"/>
      <c r="HA3720" s="91"/>
      <c r="HB3720" s="91"/>
      <c r="HC3720" s="91"/>
      <c r="HD3720" s="91"/>
      <c r="HE3720" s="91"/>
      <c r="HF3720" s="91"/>
      <c r="HG3720" s="91"/>
      <c r="HH3720" s="91"/>
      <c r="HI3720" s="91"/>
      <c r="HJ3720" s="91"/>
      <c r="HK3720" s="127"/>
      <c r="HL3720" s="126"/>
      <c r="HM3720" s="91"/>
      <c r="HN3720" s="91"/>
      <c r="HO3720" s="91"/>
      <c r="HP3720" s="91"/>
      <c r="HQ3720" s="91"/>
      <c r="HR3720" s="91"/>
      <c r="HS3720" s="91"/>
      <c r="HT3720" s="91"/>
      <c r="HU3720" s="91"/>
      <c r="HV3720" s="91"/>
      <c r="HW3720" s="91"/>
      <c r="HX3720" s="127"/>
      <c r="HY3720" s="126"/>
      <c r="HZ3720" s="91"/>
      <c r="IA3720" s="91"/>
      <c r="IB3720" s="91"/>
      <c r="IC3720" s="91"/>
      <c r="ID3720" s="91"/>
      <c r="IE3720" s="91"/>
      <c r="IF3720" s="91"/>
      <c r="IG3720" s="91"/>
      <c r="IH3720" s="91"/>
      <c r="II3720" s="91"/>
      <c r="IJ3720" s="91"/>
      <c r="IK3720" s="174"/>
    </row>
    <row r="3721" spans="2:245" x14ac:dyDescent="0.2">
      <c r="B3721" s="43"/>
      <c r="C3721" s="73"/>
      <c r="D3721" s="64"/>
      <c r="E3721" s="64"/>
      <c r="F3721" s="55"/>
      <c r="G3721" s="102"/>
      <c r="H3721" s="97"/>
      <c r="T3721" s="98"/>
      <c r="U3721" s="97"/>
      <c r="AG3721" s="98"/>
      <c r="AY3721" s="164"/>
      <c r="BK3721" s="98"/>
      <c r="BL3721" s="97"/>
      <c r="BX3721" s="98"/>
      <c r="CL3721" s="97"/>
      <c r="CX3721" s="98"/>
      <c r="DL3721" s="97"/>
      <c r="DX3721" s="98"/>
      <c r="EL3721" s="97"/>
      <c r="EX3721" s="98"/>
      <c r="EY3721" s="97"/>
      <c r="FL3721" s="126"/>
      <c r="FM3721" s="91"/>
      <c r="FN3721" s="91"/>
      <c r="FO3721" s="91"/>
      <c r="FP3721" s="91"/>
      <c r="FQ3721" s="91"/>
      <c r="FR3721" s="91"/>
      <c r="FS3721" s="91"/>
      <c r="FT3721" s="91"/>
      <c r="FU3721" s="91"/>
      <c r="FV3721" s="91"/>
      <c r="FW3721" s="91"/>
      <c r="FX3721" s="127"/>
      <c r="FY3721" s="126"/>
      <c r="FZ3721" s="91"/>
      <c r="GA3721" s="91"/>
      <c r="GB3721" s="91"/>
      <c r="GC3721" s="91"/>
      <c r="GD3721" s="91"/>
      <c r="GE3721" s="91"/>
      <c r="GF3721" s="91"/>
      <c r="GG3721" s="91"/>
      <c r="GH3721" s="91"/>
      <c r="GI3721" s="91"/>
      <c r="GJ3721" s="91"/>
      <c r="GK3721" s="127"/>
      <c r="GL3721" s="126"/>
      <c r="GM3721" s="91"/>
      <c r="GN3721" s="91"/>
      <c r="GO3721" s="91"/>
      <c r="GP3721" s="91"/>
      <c r="GQ3721" s="91"/>
      <c r="GR3721" s="91"/>
      <c r="GS3721" s="91"/>
      <c r="GT3721" s="91"/>
      <c r="GU3721" s="91"/>
      <c r="GV3721" s="91"/>
      <c r="GW3721" s="91"/>
      <c r="GX3721" s="127"/>
      <c r="GY3721" s="126"/>
      <c r="GZ3721" s="91"/>
      <c r="HA3721" s="91"/>
      <c r="HB3721" s="91"/>
      <c r="HC3721" s="91"/>
      <c r="HD3721" s="91"/>
      <c r="HE3721" s="91"/>
      <c r="HF3721" s="91"/>
      <c r="HG3721" s="91"/>
      <c r="HH3721" s="91"/>
      <c r="HI3721" s="91"/>
      <c r="HJ3721" s="91"/>
      <c r="HK3721" s="127"/>
      <c r="HL3721" s="126"/>
      <c r="HM3721" s="91"/>
      <c r="HN3721" s="91"/>
      <c r="HO3721" s="91"/>
      <c r="HP3721" s="91"/>
      <c r="HQ3721" s="91"/>
      <c r="HR3721" s="91"/>
      <c r="HS3721" s="91"/>
      <c r="HT3721" s="91"/>
      <c r="HU3721" s="91"/>
      <c r="HV3721" s="91"/>
      <c r="HW3721" s="91"/>
      <c r="HX3721" s="127"/>
      <c r="HY3721" s="126"/>
      <c r="HZ3721" s="91"/>
      <c r="IA3721" s="91"/>
      <c r="IB3721" s="91"/>
      <c r="IC3721" s="91"/>
      <c r="ID3721" s="91"/>
      <c r="IE3721" s="91"/>
      <c r="IF3721" s="91"/>
      <c r="IG3721" s="91"/>
      <c r="IH3721" s="91"/>
      <c r="II3721" s="91"/>
      <c r="IJ3721" s="91"/>
      <c r="IK3721" s="174"/>
    </row>
    <row r="3722" spans="2:245" x14ac:dyDescent="0.2">
      <c r="B3722" s="43"/>
      <c r="C3722" s="73"/>
      <c r="D3722" s="64"/>
      <c r="E3722" s="64"/>
      <c r="F3722" s="55"/>
      <c r="G3722" s="102"/>
      <c r="H3722" s="97"/>
      <c r="T3722" s="98"/>
      <c r="U3722" s="97"/>
      <c r="AG3722" s="98"/>
      <c r="AY3722" s="164"/>
      <c r="BK3722" s="98"/>
      <c r="BL3722" s="97"/>
      <c r="BX3722" s="98"/>
      <c r="CL3722" s="97"/>
      <c r="CX3722" s="98"/>
      <c r="DL3722" s="97"/>
      <c r="DX3722" s="98"/>
      <c r="EL3722" s="97"/>
      <c r="EX3722" s="98"/>
      <c r="EY3722" s="97"/>
      <c r="FL3722" s="126"/>
      <c r="FM3722" s="91"/>
      <c r="FN3722" s="91"/>
      <c r="FO3722" s="91"/>
      <c r="FP3722" s="91"/>
      <c r="FQ3722" s="91"/>
      <c r="FR3722" s="91"/>
      <c r="FS3722" s="91"/>
      <c r="FT3722" s="91"/>
      <c r="FU3722" s="91"/>
      <c r="FV3722" s="91"/>
      <c r="FW3722" s="91"/>
      <c r="FX3722" s="127"/>
      <c r="FY3722" s="126"/>
      <c r="FZ3722" s="91"/>
      <c r="GA3722" s="91"/>
      <c r="GB3722" s="91"/>
      <c r="GC3722" s="91"/>
      <c r="GD3722" s="91"/>
      <c r="GE3722" s="91"/>
      <c r="GF3722" s="91"/>
      <c r="GG3722" s="91"/>
      <c r="GH3722" s="91"/>
      <c r="GI3722" s="91"/>
      <c r="GJ3722" s="91"/>
      <c r="GK3722" s="127"/>
      <c r="GL3722" s="126"/>
      <c r="GM3722" s="91"/>
      <c r="GN3722" s="91"/>
      <c r="GO3722" s="91"/>
      <c r="GP3722" s="91"/>
      <c r="GQ3722" s="91"/>
      <c r="GR3722" s="91"/>
      <c r="GS3722" s="91"/>
      <c r="GT3722" s="91"/>
      <c r="GU3722" s="91"/>
      <c r="GV3722" s="91"/>
      <c r="GW3722" s="91"/>
      <c r="GX3722" s="127"/>
      <c r="GY3722" s="126"/>
      <c r="GZ3722" s="91"/>
      <c r="HA3722" s="91"/>
      <c r="HB3722" s="91"/>
      <c r="HC3722" s="91"/>
      <c r="HD3722" s="91"/>
      <c r="HE3722" s="91"/>
      <c r="HF3722" s="91"/>
      <c r="HG3722" s="91"/>
      <c r="HH3722" s="91"/>
      <c r="HI3722" s="91"/>
      <c r="HJ3722" s="91"/>
      <c r="HK3722" s="127"/>
      <c r="HL3722" s="126"/>
      <c r="HM3722" s="91"/>
      <c r="HN3722" s="91"/>
      <c r="HO3722" s="91"/>
      <c r="HP3722" s="91"/>
      <c r="HQ3722" s="91"/>
      <c r="HR3722" s="91"/>
      <c r="HS3722" s="91"/>
      <c r="HT3722" s="91"/>
      <c r="HU3722" s="91"/>
      <c r="HV3722" s="91"/>
      <c r="HW3722" s="91"/>
      <c r="HX3722" s="127"/>
      <c r="HY3722" s="126"/>
      <c r="HZ3722" s="91"/>
      <c r="IA3722" s="91"/>
      <c r="IB3722" s="91"/>
      <c r="IC3722" s="91"/>
      <c r="ID3722" s="91"/>
      <c r="IE3722" s="91"/>
      <c r="IF3722" s="91"/>
      <c r="IG3722" s="91"/>
      <c r="IH3722" s="91"/>
      <c r="II3722" s="91"/>
      <c r="IJ3722" s="91"/>
      <c r="IK3722" s="174"/>
    </row>
    <row r="3723" spans="2:245" x14ac:dyDescent="0.2">
      <c r="B3723" s="43"/>
      <c r="C3723" s="73"/>
      <c r="D3723" s="64"/>
      <c r="E3723" s="64"/>
      <c r="F3723" s="55"/>
      <c r="G3723" s="102"/>
      <c r="H3723" s="97"/>
      <c r="T3723" s="98"/>
      <c r="U3723" s="97"/>
      <c r="AG3723" s="98"/>
      <c r="AY3723" s="164"/>
      <c r="BK3723" s="98"/>
      <c r="BL3723" s="97"/>
      <c r="BX3723" s="98"/>
      <c r="CL3723" s="97"/>
      <c r="CX3723" s="98"/>
      <c r="DL3723" s="97"/>
      <c r="DX3723" s="98"/>
      <c r="EL3723" s="97"/>
      <c r="EX3723" s="98"/>
      <c r="EY3723" s="97"/>
      <c r="FL3723" s="126"/>
      <c r="FM3723" s="91"/>
      <c r="FN3723" s="91"/>
      <c r="FO3723" s="91"/>
      <c r="FP3723" s="91"/>
      <c r="FQ3723" s="91"/>
      <c r="FR3723" s="91"/>
      <c r="FS3723" s="91"/>
      <c r="FT3723" s="91"/>
      <c r="FU3723" s="91"/>
      <c r="FV3723" s="91"/>
      <c r="FW3723" s="91"/>
      <c r="FX3723" s="127"/>
      <c r="FY3723" s="126"/>
      <c r="FZ3723" s="91"/>
      <c r="GA3723" s="91"/>
      <c r="GB3723" s="91"/>
      <c r="GC3723" s="91"/>
      <c r="GD3723" s="91"/>
      <c r="GE3723" s="91"/>
      <c r="GF3723" s="91"/>
      <c r="GG3723" s="91"/>
      <c r="GH3723" s="91"/>
      <c r="GI3723" s="91"/>
      <c r="GJ3723" s="91"/>
      <c r="GK3723" s="127"/>
      <c r="GL3723" s="126"/>
      <c r="GM3723" s="91"/>
      <c r="GN3723" s="91"/>
      <c r="GO3723" s="91"/>
      <c r="GP3723" s="91"/>
      <c r="GQ3723" s="91"/>
      <c r="GR3723" s="91"/>
      <c r="GS3723" s="91"/>
      <c r="GT3723" s="91"/>
      <c r="GU3723" s="91"/>
      <c r="GV3723" s="91"/>
      <c r="GW3723" s="91"/>
      <c r="GX3723" s="127"/>
      <c r="GY3723" s="126"/>
      <c r="GZ3723" s="91"/>
      <c r="HA3723" s="91"/>
      <c r="HB3723" s="91"/>
      <c r="HC3723" s="91"/>
      <c r="HD3723" s="91"/>
      <c r="HE3723" s="91"/>
      <c r="HF3723" s="91"/>
      <c r="HG3723" s="91"/>
      <c r="HH3723" s="91"/>
      <c r="HI3723" s="91"/>
      <c r="HJ3723" s="91"/>
      <c r="HK3723" s="127"/>
      <c r="HL3723" s="126"/>
      <c r="HM3723" s="91"/>
      <c r="HN3723" s="91"/>
      <c r="HO3723" s="91"/>
      <c r="HP3723" s="91"/>
      <c r="HQ3723" s="91"/>
      <c r="HR3723" s="91"/>
      <c r="HS3723" s="91"/>
      <c r="HT3723" s="91"/>
      <c r="HU3723" s="91"/>
      <c r="HV3723" s="91"/>
      <c r="HW3723" s="91"/>
      <c r="HX3723" s="127"/>
      <c r="HY3723" s="126"/>
      <c r="HZ3723" s="91"/>
      <c r="IA3723" s="91"/>
      <c r="IB3723" s="91"/>
      <c r="IC3723" s="91"/>
      <c r="ID3723" s="91"/>
      <c r="IE3723" s="91"/>
      <c r="IF3723" s="91"/>
      <c r="IG3723" s="91"/>
      <c r="IH3723" s="91"/>
      <c r="II3723" s="91"/>
      <c r="IJ3723" s="91"/>
      <c r="IK3723" s="174"/>
    </row>
    <row r="3724" spans="2:245" x14ac:dyDescent="0.2">
      <c r="B3724" s="43"/>
      <c r="C3724" s="73"/>
      <c r="D3724" s="64"/>
      <c r="E3724" s="64"/>
      <c r="F3724" s="55"/>
      <c r="G3724" s="102"/>
      <c r="H3724" s="97"/>
      <c r="T3724" s="98"/>
      <c r="U3724" s="97"/>
      <c r="AG3724" s="98"/>
      <c r="AY3724" s="164"/>
      <c r="BK3724" s="98"/>
      <c r="BL3724" s="97"/>
      <c r="BX3724" s="98"/>
      <c r="CL3724" s="97"/>
      <c r="CX3724" s="98"/>
      <c r="DL3724" s="97"/>
      <c r="DX3724" s="98"/>
      <c r="EL3724" s="97"/>
      <c r="EX3724" s="98"/>
      <c r="EY3724" s="97"/>
      <c r="FL3724" s="126"/>
      <c r="FM3724" s="91"/>
      <c r="FN3724" s="91"/>
      <c r="FO3724" s="91"/>
      <c r="FP3724" s="91"/>
      <c r="FQ3724" s="91"/>
      <c r="FR3724" s="91"/>
      <c r="FS3724" s="91"/>
      <c r="FT3724" s="91"/>
      <c r="FU3724" s="91"/>
      <c r="FV3724" s="91"/>
      <c r="FW3724" s="91"/>
      <c r="FX3724" s="127"/>
      <c r="FY3724" s="126"/>
      <c r="FZ3724" s="91"/>
      <c r="GA3724" s="91"/>
      <c r="GB3724" s="91"/>
      <c r="GC3724" s="91"/>
      <c r="GD3724" s="91"/>
      <c r="GE3724" s="91"/>
      <c r="GF3724" s="91"/>
      <c r="GG3724" s="91"/>
      <c r="GH3724" s="91"/>
      <c r="GI3724" s="91"/>
      <c r="GJ3724" s="91"/>
      <c r="GK3724" s="127"/>
      <c r="GL3724" s="126"/>
      <c r="GM3724" s="91"/>
      <c r="GN3724" s="91"/>
      <c r="GO3724" s="91"/>
      <c r="GP3724" s="91"/>
      <c r="GQ3724" s="91"/>
      <c r="GR3724" s="91"/>
      <c r="GS3724" s="91"/>
      <c r="GT3724" s="91"/>
      <c r="GU3724" s="91"/>
      <c r="GV3724" s="91"/>
      <c r="GW3724" s="91"/>
      <c r="GX3724" s="127"/>
      <c r="GY3724" s="126"/>
      <c r="GZ3724" s="91"/>
      <c r="HA3724" s="91"/>
      <c r="HB3724" s="91"/>
      <c r="HC3724" s="91"/>
      <c r="HD3724" s="91"/>
      <c r="HE3724" s="91"/>
      <c r="HF3724" s="91"/>
      <c r="HG3724" s="91"/>
      <c r="HH3724" s="91"/>
      <c r="HI3724" s="91"/>
      <c r="HJ3724" s="91"/>
      <c r="HK3724" s="127"/>
      <c r="HL3724" s="126"/>
      <c r="HM3724" s="91"/>
      <c r="HN3724" s="91"/>
      <c r="HO3724" s="91"/>
      <c r="HP3724" s="91"/>
      <c r="HQ3724" s="91"/>
      <c r="HR3724" s="91"/>
      <c r="HS3724" s="91"/>
      <c r="HT3724" s="91"/>
      <c r="HU3724" s="91"/>
      <c r="HV3724" s="91"/>
      <c r="HW3724" s="91"/>
      <c r="HX3724" s="127"/>
      <c r="HY3724" s="126"/>
      <c r="HZ3724" s="91"/>
      <c r="IA3724" s="91"/>
      <c r="IB3724" s="91"/>
      <c r="IC3724" s="91"/>
      <c r="ID3724" s="91"/>
      <c r="IE3724" s="91"/>
      <c r="IF3724" s="91"/>
      <c r="IG3724" s="91"/>
      <c r="IH3724" s="91"/>
      <c r="II3724" s="91"/>
      <c r="IJ3724" s="91"/>
      <c r="IK3724" s="174"/>
    </row>
    <row r="3725" spans="2:245" x14ac:dyDescent="0.2">
      <c r="B3725" s="43"/>
      <c r="C3725" s="73"/>
      <c r="D3725" s="64"/>
      <c r="E3725" s="64"/>
      <c r="F3725" s="55"/>
      <c r="G3725" s="102"/>
      <c r="H3725" s="97"/>
      <c r="T3725" s="98"/>
      <c r="U3725" s="97"/>
      <c r="AG3725" s="98"/>
      <c r="AY3725" s="164"/>
      <c r="BK3725" s="98"/>
      <c r="BL3725" s="97"/>
      <c r="BX3725" s="98"/>
      <c r="CL3725" s="97"/>
      <c r="CX3725" s="98"/>
      <c r="DL3725" s="97"/>
      <c r="DX3725" s="98"/>
      <c r="EL3725" s="97"/>
      <c r="EX3725" s="98"/>
      <c r="EY3725" s="97"/>
      <c r="FL3725" s="126"/>
      <c r="FM3725" s="91"/>
      <c r="FN3725" s="91"/>
      <c r="FO3725" s="91"/>
      <c r="FP3725" s="91"/>
      <c r="FQ3725" s="91"/>
      <c r="FR3725" s="91"/>
      <c r="FS3725" s="91"/>
      <c r="FT3725" s="91"/>
      <c r="FU3725" s="91"/>
      <c r="FV3725" s="91"/>
      <c r="FW3725" s="91"/>
      <c r="FX3725" s="127"/>
      <c r="FY3725" s="126"/>
      <c r="FZ3725" s="91"/>
      <c r="GA3725" s="91"/>
      <c r="GB3725" s="91"/>
      <c r="GC3725" s="91"/>
      <c r="GD3725" s="91"/>
      <c r="GE3725" s="91"/>
      <c r="GF3725" s="91"/>
      <c r="GG3725" s="91"/>
      <c r="GH3725" s="91"/>
      <c r="GI3725" s="91"/>
      <c r="GJ3725" s="91"/>
      <c r="GK3725" s="127"/>
      <c r="GL3725" s="126"/>
      <c r="GM3725" s="91"/>
      <c r="GN3725" s="91"/>
      <c r="GO3725" s="91"/>
      <c r="GP3725" s="91"/>
      <c r="GQ3725" s="91"/>
      <c r="GR3725" s="91"/>
      <c r="GS3725" s="91"/>
      <c r="GT3725" s="91"/>
      <c r="GU3725" s="91"/>
      <c r="GV3725" s="91"/>
      <c r="GW3725" s="91"/>
      <c r="GX3725" s="127"/>
      <c r="GY3725" s="126"/>
      <c r="GZ3725" s="91"/>
      <c r="HA3725" s="91"/>
      <c r="HB3725" s="91"/>
      <c r="HC3725" s="91"/>
      <c r="HD3725" s="91"/>
      <c r="HE3725" s="91"/>
      <c r="HF3725" s="91"/>
      <c r="HG3725" s="91"/>
      <c r="HH3725" s="91"/>
      <c r="HI3725" s="91"/>
      <c r="HJ3725" s="91"/>
      <c r="HK3725" s="127"/>
      <c r="HL3725" s="126"/>
      <c r="HM3725" s="91"/>
      <c r="HN3725" s="91"/>
      <c r="HO3725" s="91"/>
      <c r="HP3725" s="91"/>
      <c r="HQ3725" s="91"/>
      <c r="HR3725" s="91"/>
      <c r="HS3725" s="91"/>
      <c r="HT3725" s="91"/>
      <c r="HU3725" s="91"/>
      <c r="HV3725" s="91"/>
      <c r="HW3725" s="91"/>
      <c r="HX3725" s="127"/>
      <c r="HY3725" s="126"/>
      <c r="HZ3725" s="91"/>
      <c r="IA3725" s="91"/>
      <c r="IB3725" s="91"/>
      <c r="IC3725" s="91"/>
      <c r="ID3725" s="91"/>
      <c r="IE3725" s="91"/>
      <c r="IF3725" s="91"/>
      <c r="IG3725" s="91"/>
      <c r="IH3725" s="91"/>
      <c r="II3725" s="91"/>
      <c r="IJ3725" s="91"/>
      <c r="IK3725" s="174"/>
    </row>
    <row r="3726" spans="2:245" x14ac:dyDescent="0.2">
      <c r="B3726" s="43"/>
      <c r="C3726" s="73"/>
      <c r="D3726" s="64"/>
      <c r="E3726" s="64"/>
      <c r="F3726" s="55"/>
      <c r="G3726" s="102"/>
      <c r="H3726" s="97"/>
      <c r="T3726" s="98"/>
      <c r="U3726" s="97"/>
      <c r="AG3726" s="98"/>
      <c r="AY3726" s="164"/>
      <c r="BK3726" s="98"/>
      <c r="BL3726" s="97"/>
      <c r="BX3726" s="98"/>
      <c r="CL3726" s="97"/>
      <c r="CX3726" s="98"/>
      <c r="DL3726" s="97"/>
      <c r="DX3726" s="98"/>
      <c r="EL3726" s="97"/>
      <c r="EX3726" s="98"/>
      <c r="EY3726" s="97"/>
      <c r="FL3726" s="126"/>
      <c r="FM3726" s="91"/>
      <c r="FN3726" s="91"/>
      <c r="FO3726" s="91"/>
      <c r="FP3726" s="91"/>
      <c r="FQ3726" s="91"/>
      <c r="FR3726" s="91"/>
      <c r="FS3726" s="91"/>
      <c r="FT3726" s="91"/>
      <c r="FU3726" s="91"/>
      <c r="FV3726" s="91"/>
      <c r="FW3726" s="91"/>
      <c r="FX3726" s="127"/>
      <c r="FY3726" s="126"/>
      <c r="FZ3726" s="91"/>
      <c r="GA3726" s="91"/>
      <c r="GB3726" s="91"/>
      <c r="GC3726" s="91"/>
      <c r="GD3726" s="91"/>
      <c r="GE3726" s="91"/>
      <c r="GF3726" s="91"/>
      <c r="GG3726" s="91"/>
      <c r="GH3726" s="91"/>
      <c r="GI3726" s="91"/>
      <c r="GJ3726" s="91"/>
      <c r="GK3726" s="127"/>
      <c r="GL3726" s="126"/>
      <c r="GM3726" s="91"/>
      <c r="GN3726" s="91"/>
      <c r="GO3726" s="91"/>
      <c r="GP3726" s="91"/>
      <c r="GQ3726" s="91"/>
      <c r="GR3726" s="91"/>
      <c r="GS3726" s="91"/>
      <c r="GT3726" s="91"/>
      <c r="GU3726" s="91"/>
      <c r="GV3726" s="91"/>
      <c r="GW3726" s="91"/>
      <c r="GX3726" s="127"/>
      <c r="GY3726" s="126"/>
      <c r="GZ3726" s="91"/>
      <c r="HA3726" s="91"/>
      <c r="HB3726" s="91"/>
      <c r="HC3726" s="91"/>
      <c r="HD3726" s="91"/>
      <c r="HE3726" s="91"/>
      <c r="HF3726" s="91"/>
      <c r="HG3726" s="91"/>
      <c r="HH3726" s="91"/>
      <c r="HI3726" s="91"/>
      <c r="HJ3726" s="91"/>
      <c r="HK3726" s="127"/>
      <c r="HL3726" s="126"/>
      <c r="HM3726" s="91"/>
      <c r="HN3726" s="91"/>
      <c r="HO3726" s="91"/>
      <c r="HP3726" s="91"/>
      <c r="HQ3726" s="91"/>
      <c r="HR3726" s="91"/>
      <c r="HS3726" s="91"/>
      <c r="HT3726" s="91"/>
      <c r="HU3726" s="91"/>
      <c r="HV3726" s="91"/>
      <c r="HW3726" s="91"/>
      <c r="HX3726" s="127"/>
      <c r="HY3726" s="126"/>
      <c r="HZ3726" s="91"/>
      <c r="IA3726" s="91"/>
      <c r="IB3726" s="91"/>
      <c r="IC3726" s="91"/>
      <c r="ID3726" s="91"/>
      <c r="IE3726" s="91"/>
      <c r="IF3726" s="91"/>
      <c r="IG3726" s="91"/>
      <c r="IH3726" s="91"/>
      <c r="II3726" s="91"/>
      <c r="IJ3726" s="91"/>
      <c r="IK3726" s="174"/>
    </row>
    <row r="3727" spans="2:245" x14ac:dyDescent="0.2">
      <c r="B3727" s="43"/>
      <c r="C3727" s="73"/>
      <c r="D3727" s="64"/>
      <c r="E3727" s="64"/>
      <c r="F3727" s="55"/>
      <c r="G3727" s="102"/>
      <c r="H3727" s="97"/>
      <c r="T3727" s="98"/>
      <c r="U3727" s="97"/>
      <c r="AG3727" s="98"/>
      <c r="AY3727" s="164"/>
      <c r="BK3727" s="98"/>
      <c r="BL3727" s="97"/>
      <c r="BX3727" s="98"/>
      <c r="CL3727" s="97"/>
      <c r="CX3727" s="98"/>
      <c r="DL3727" s="97"/>
      <c r="DX3727" s="98"/>
      <c r="EL3727" s="97"/>
      <c r="EX3727" s="98"/>
      <c r="EY3727" s="97"/>
      <c r="FL3727" s="126"/>
      <c r="FM3727" s="91"/>
      <c r="FN3727" s="91"/>
      <c r="FO3727" s="91"/>
      <c r="FP3727" s="91"/>
      <c r="FQ3727" s="91"/>
      <c r="FR3727" s="91"/>
      <c r="FS3727" s="91"/>
      <c r="FT3727" s="91"/>
      <c r="FU3727" s="91"/>
      <c r="FV3727" s="91"/>
      <c r="FW3727" s="91"/>
      <c r="FX3727" s="127"/>
      <c r="FY3727" s="126"/>
      <c r="FZ3727" s="91"/>
      <c r="GA3727" s="91"/>
      <c r="GB3727" s="91"/>
      <c r="GC3727" s="91"/>
      <c r="GD3727" s="91"/>
      <c r="GE3727" s="91"/>
      <c r="GF3727" s="91"/>
      <c r="GG3727" s="91"/>
      <c r="GH3727" s="91"/>
      <c r="GI3727" s="91"/>
      <c r="GJ3727" s="91"/>
      <c r="GK3727" s="127"/>
      <c r="GL3727" s="126"/>
      <c r="GM3727" s="91"/>
      <c r="GN3727" s="91"/>
      <c r="GO3727" s="91"/>
      <c r="GP3727" s="91"/>
      <c r="GQ3727" s="91"/>
      <c r="GR3727" s="91"/>
      <c r="GS3727" s="91"/>
      <c r="GT3727" s="91"/>
      <c r="GU3727" s="91"/>
      <c r="GV3727" s="91"/>
      <c r="GW3727" s="91"/>
      <c r="GX3727" s="127"/>
      <c r="GY3727" s="126"/>
      <c r="GZ3727" s="91"/>
      <c r="HA3727" s="91"/>
      <c r="HB3727" s="91"/>
      <c r="HC3727" s="91"/>
      <c r="HD3727" s="91"/>
      <c r="HE3727" s="91"/>
      <c r="HF3727" s="91"/>
      <c r="HG3727" s="91"/>
      <c r="HH3727" s="91"/>
      <c r="HI3727" s="91"/>
      <c r="HJ3727" s="91"/>
      <c r="HK3727" s="127"/>
      <c r="HL3727" s="126"/>
      <c r="HM3727" s="91"/>
      <c r="HN3727" s="91"/>
      <c r="HO3727" s="91"/>
      <c r="HP3727" s="91"/>
      <c r="HQ3727" s="91"/>
      <c r="HR3727" s="91"/>
      <c r="HS3727" s="91"/>
      <c r="HT3727" s="91"/>
      <c r="HU3727" s="91"/>
      <c r="HV3727" s="91"/>
      <c r="HW3727" s="91"/>
      <c r="HX3727" s="127"/>
      <c r="HY3727" s="126"/>
      <c r="HZ3727" s="91"/>
      <c r="IA3727" s="91"/>
      <c r="IB3727" s="91"/>
      <c r="IC3727" s="91"/>
      <c r="ID3727" s="91"/>
      <c r="IE3727" s="91"/>
      <c r="IF3727" s="91"/>
      <c r="IG3727" s="91"/>
      <c r="IH3727" s="91"/>
      <c r="II3727" s="91"/>
      <c r="IJ3727" s="91"/>
      <c r="IK3727" s="174"/>
    </row>
    <row r="3728" spans="2:245" x14ac:dyDescent="0.2">
      <c r="B3728" s="43"/>
      <c r="C3728" s="73"/>
      <c r="D3728" s="64"/>
      <c r="E3728" s="64"/>
      <c r="F3728" s="55"/>
      <c r="G3728" s="102"/>
      <c r="H3728" s="97"/>
      <c r="T3728" s="98"/>
      <c r="U3728" s="97"/>
      <c r="AG3728" s="98"/>
      <c r="AY3728" s="164"/>
      <c r="BK3728" s="98"/>
      <c r="BL3728" s="97"/>
      <c r="BX3728" s="98"/>
      <c r="CL3728" s="97"/>
      <c r="CX3728" s="98"/>
      <c r="DL3728" s="97"/>
      <c r="DX3728" s="98"/>
      <c r="EL3728" s="97"/>
      <c r="EX3728" s="98"/>
      <c r="EY3728" s="97"/>
      <c r="FL3728" s="126"/>
      <c r="FM3728" s="91"/>
      <c r="FN3728" s="91"/>
      <c r="FO3728" s="91"/>
      <c r="FP3728" s="91"/>
      <c r="FQ3728" s="91"/>
      <c r="FR3728" s="91"/>
      <c r="FS3728" s="91"/>
      <c r="FT3728" s="91"/>
      <c r="FU3728" s="91"/>
      <c r="FV3728" s="91"/>
      <c r="FW3728" s="91"/>
      <c r="FX3728" s="127"/>
      <c r="FY3728" s="126"/>
      <c r="FZ3728" s="91"/>
      <c r="GA3728" s="91"/>
      <c r="GB3728" s="91"/>
      <c r="GC3728" s="91"/>
      <c r="GD3728" s="91"/>
      <c r="GE3728" s="91"/>
      <c r="GF3728" s="91"/>
      <c r="GG3728" s="91"/>
      <c r="GH3728" s="91"/>
      <c r="GI3728" s="91"/>
      <c r="GJ3728" s="91"/>
      <c r="GK3728" s="127"/>
      <c r="GL3728" s="126"/>
      <c r="GM3728" s="91"/>
      <c r="GN3728" s="91"/>
      <c r="GO3728" s="91"/>
      <c r="GP3728" s="91"/>
      <c r="GQ3728" s="91"/>
      <c r="GR3728" s="91"/>
      <c r="GS3728" s="91"/>
      <c r="GT3728" s="91"/>
      <c r="GU3728" s="91"/>
      <c r="GV3728" s="91"/>
      <c r="GW3728" s="91"/>
      <c r="GX3728" s="127"/>
      <c r="GY3728" s="126"/>
      <c r="GZ3728" s="91"/>
      <c r="HA3728" s="91"/>
      <c r="HB3728" s="91"/>
      <c r="HC3728" s="91"/>
      <c r="HD3728" s="91"/>
      <c r="HE3728" s="91"/>
      <c r="HF3728" s="91"/>
      <c r="HG3728" s="91"/>
      <c r="HH3728" s="91"/>
      <c r="HI3728" s="91"/>
      <c r="HJ3728" s="91"/>
      <c r="HK3728" s="127"/>
      <c r="HL3728" s="126"/>
      <c r="HM3728" s="91"/>
      <c r="HN3728" s="91"/>
      <c r="HO3728" s="91"/>
      <c r="HP3728" s="91"/>
      <c r="HQ3728" s="91"/>
      <c r="HR3728" s="91"/>
      <c r="HS3728" s="91"/>
      <c r="HT3728" s="91"/>
      <c r="HU3728" s="91"/>
      <c r="HV3728" s="91"/>
      <c r="HW3728" s="91"/>
      <c r="HX3728" s="127"/>
      <c r="HY3728" s="126"/>
      <c r="HZ3728" s="91"/>
      <c r="IA3728" s="91"/>
      <c r="IB3728" s="91"/>
      <c r="IC3728" s="91"/>
      <c r="ID3728" s="91"/>
      <c r="IE3728" s="91"/>
      <c r="IF3728" s="91"/>
      <c r="IG3728" s="91"/>
      <c r="IH3728" s="91"/>
      <c r="II3728" s="91"/>
      <c r="IJ3728" s="91"/>
      <c r="IK3728" s="174"/>
    </row>
    <row r="3729" spans="2:245" x14ac:dyDescent="0.2">
      <c r="B3729" s="43"/>
      <c r="C3729" s="73"/>
      <c r="D3729" s="64"/>
      <c r="E3729" s="64"/>
      <c r="F3729" s="55"/>
      <c r="G3729" s="102"/>
      <c r="H3729" s="97"/>
      <c r="T3729" s="98"/>
      <c r="U3729" s="97"/>
      <c r="AG3729" s="98"/>
      <c r="AY3729" s="164"/>
      <c r="BK3729" s="98"/>
      <c r="BL3729" s="97"/>
      <c r="BX3729" s="98"/>
      <c r="CL3729" s="97"/>
      <c r="CX3729" s="98"/>
      <c r="DL3729" s="97"/>
      <c r="DX3729" s="98"/>
      <c r="EL3729" s="97"/>
      <c r="EX3729" s="98"/>
      <c r="EY3729" s="97"/>
      <c r="FL3729" s="126"/>
      <c r="FM3729" s="91"/>
      <c r="FN3729" s="91"/>
      <c r="FO3729" s="91"/>
      <c r="FP3729" s="91"/>
      <c r="FQ3729" s="91"/>
      <c r="FR3729" s="91"/>
      <c r="FS3729" s="91"/>
      <c r="FT3729" s="91"/>
      <c r="FU3729" s="91"/>
      <c r="FV3729" s="91"/>
      <c r="FW3729" s="91"/>
      <c r="FX3729" s="127"/>
      <c r="FY3729" s="126"/>
      <c r="FZ3729" s="91"/>
      <c r="GA3729" s="91"/>
      <c r="GB3729" s="91"/>
      <c r="GC3729" s="91"/>
      <c r="GD3729" s="91"/>
      <c r="GE3729" s="91"/>
      <c r="GF3729" s="91"/>
      <c r="GG3729" s="91"/>
      <c r="GH3729" s="91"/>
      <c r="GI3729" s="91"/>
      <c r="GJ3729" s="91"/>
      <c r="GK3729" s="127"/>
      <c r="GL3729" s="126"/>
      <c r="GM3729" s="91"/>
      <c r="GN3729" s="91"/>
      <c r="GO3729" s="91"/>
      <c r="GP3729" s="91"/>
      <c r="GQ3729" s="91"/>
      <c r="GR3729" s="91"/>
      <c r="GS3729" s="91"/>
      <c r="GT3729" s="91"/>
      <c r="GU3729" s="91"/>
      <c r="GV3729" s="91"/>
      <c r="GW3729" s="91"/>
      <c r="GX3729" s="127"/>
      <c r="GY3729" s="126"/>
      <c r="GZ3729" s="91"/>
      <c r="HA3729" s="91"/>
      <c r="HB3729" s="91"/>
      <c r="HC3729" s="91"/>
      <c r="HD3729" s="91"/>
      <c r="HE3729" s="91"/>
      <c r="HF3729" s="91"/>
      <c r="HG3729" s="91"/>
      <c r="HH3729" s="91"/>
      <c r="HI3729" s="91"/>
      <c r="HJ3729" s="91"/>
      <c r="HK3729" s="127"/>
      <c r="HL3729" s="126"/>
      <c r="HM3729" s="91"/>
      <c r="HN3729" s="91"/>
      <c r="HO3729" s="91"/>
      <c r="HP3729" s="91"/>
      <c r="HQ3729" s="91"/>
      <c r="HR3729" s="91"/>
      <c r="HS3729" s="91"/>
      <c r="HT3729" s="91"/>
      <c r="HU3729" s="91"/>
      <c r="HV3729" s="91"/>
      <c r="HW3729" s="91"/>
      <c r="HX3729" s="127"/>
      <c r="HY3729" s="126"/>
      <c r="HZ3729" s="91"/>
      <c r="IA3729" s="91"/>
      <c r="IB3729" s="91"/>
      <c r="IC3729" s="91"/>
      <c r="ID3729" s="91"/>
      <c r="IE3729" s="91"/>
      <c r="IF3729" s="91"/>
      <c r="IG3729" s="91"/>
      <c r="IH3729" s="91"/>
      <c r="II3729" s="91"/>
      <c r="IJ3729" s="91"/>
      <c r="IK3729" s="174"/>
    </row>
    <row r="3730" spans="2:245" x14ac:dyDescent="0.2">
      <c r="B3730" s="43"/>
      <c r="C3730" s="73"/>
      <c r="D3730" s="64"/>
      <c r="E3730" s="64"/>
      <c r="F3730" s="55"/>
      <c r="G3730" s="102"/>
      <c r="H3730" s="97"/>
      <c r="T3730" s="98"/>
      <c r="U3730" s="97"/>
      <c r="AG3730" s="98"/>
      <c r="AY3730" s="164"/>
      <c r="BK3730" s="98"/>
      <c r="BL3730" s="97"/>
      <c r="BX3730" s="98"/>
      <c r="CL3730" s="97"/>
      <c r="CX3730" s="98"/>
      <c r="DL3730" s="97"/>
      <c r="DX3730" s="98"/>
      <c r="EL3730" s="97"/>
      <c r="EX3730" s="98"/>
      <c r="EY3730" s="97"/>
      <c r="FL3730" s="126"/>
      <c r="FM3730" s="91"/>
      <c r="FN3730" s="91"/>
      <c r="FO3730" s="91"/>
      <c r="FP3730" s="91"/>
      <c r="FQ3730" s="91"/>
      <c r="FR3730" s="91"/>
      <c r="FS3730" s="91"/>
      <c r="FT3730" s="91"/>
      <c r="FU3730" s="91"/>
      <c r="FV3730" s="91"/>
      <c r="FW3730" s="91"/>
      <c r="FX3730" s="127"/>
      <c r="FY3730" s="126"/>
      <c r="FZ3730" s="91"/>
      <c r="GA3730" s="91"/>
      <c r="GB3730" s="91"/>
      <c r="GC3730" s="91"/>
      <c r="GD3730" s="91"/>
      <c r="GE3730" s="91"/>
      <c r="GF3730" s="91"/>
      <c r="GG3730" s="91"/>
      <c r="GH3730" s="91"/>
      <c r="GI3730" s="91"/>
      <c r="GJ3730" s="91"/>
      <c r="GK3730" s="127"/>
      <c r="GL3730" s="126"/>
      <c r="GM3730" s="91"/>
      <c r="GN3730" s="91"/>
      <c r="GO3730" s="91"/>
      <c r="GP3730" s="91"/>
      <c r="GQ3730" s="91"/>
      <c r="GR3730" s="91"/>
      <c r="GS3730" s="91"/>
      <c r="GT3730" s="91"/>
      <c r="GU3730" s="91"/>
      <c r="GV3730" s="91"/>
      <c r="GW3730" s="91"/>
      <c r="GX3730" s="127"/>
      <c r="GY3730" s="126"/>
      <c r="GZ3730" s="91"/>
      <c r="HA3730" s="91"/>
      <c r="HB3730" s="91"/>
      <c r="HC3730" s="91"/>
      <c r="HD3730" s="91"/>
      <c r="HE3730" s="91"/>
      <c r="HF3730" s="91"/>
      <c r="HG3730" s="91"/>
      <c r="HH3730" s="91"/>
      <c r="HI3730" s="91"/>
      <c r="HJ3730" s="91"/>
      <c r="HK3730" s="127"/>
      <c r="HL3730" s="126"/>
      <c r="HM3730" s="91"/>
      <c r="HN3730" s="91"/>
      <c r="HO3730" s="91"/>
      <c r="HP3730" s="91"/>
      <c r="HQ3730" s="91"/>
      <c r="HR3730" s="91"/>
      <c r="HS3730" s="91"/>
      <c r="HT3730" s="91"/>
      <c r="HU3730" s="91"/>
      <c r="HV3730" s="91"/>
      <c r="HW3730" s="91"/>
      <c r="HX3730" s="127"/>
      <c r="HY3730" s="126"/>
      <c r="HZ3730" s="91"/>
      <c r="IA3730" s="91"/>
      <c r="IB3730" s="91"/>
      <c r="IC3730" s="91"/>
      <c r="ID3730" s="91"/>
      <c r="IE3730" s="91"/>
      <c r="IF3730" s="91"/>
      <c r="IG3730" s="91"/>
      <c r="IH3730" s="91"/>
      <c r="II3730" s="91"/>
      <c r="IJ3730" s="91"/>
      <c r="IK3730" s="174"/>
    </row>
    <row r="3731" spans="2:245" x14ac:dyDescent="0.2">
      <c r="B3731" s="43"/>
      <c r="C3731" s="73"/>
      <c r="D3731" s="64"/>
      <c r="E3731" s="64"/>
      <c r="F3731" s="55"/>
      <c r="G3731" s="102"/>
      <c r="H3731" s="97"/>
      <c r="T3731" s="98"/>
      <c r="U3731" s="97"/>
      <c r="AG3731" s="98"/>
      <c r="AY3731" s="164"/>
      <c r="BK3731" s="98"/>
      <c r="BL3731" s="97"/>
      <c r="BX3731" s="98"/>
      <c r="CL3731" s="97"/>
      <c r="CX3731" s="98"/>
      <c r="DL3731" s="97"/>
      <c r="DX3731" s="98"/>
      <c r="EL3731" s="97"/>
      <c r="EX3731" s="98"/>
      <c r="EY3731" s="97"/>
      <c r="FL3731" s="126"/>
      <c r="FM3731" s="91"/>
      <c r="FN3731" s="91"/>
      <c r="FO3731" s="91"/>
      <c r="FP3731" s="91"/>
      <c r="FQ3731" s="91"/>
      <c r="FR3731" s="91"/>
      <c r="FS3731" s="91"/>
      <c r="FT3731" s="91"/>
      <c r="FU3731" s="91"/>
      <c r="FV3731" s="91"/>
      <c r="FW3731" s="91"/>
      <c r="FX3731" s="127"/>
      <c r="FY3731" s="126"/>
      <c r="FZ3731" s="91"/>
      <c r="GA3731" s="91"/>
      <c r="GB3731" s="91"/>
      <c r="GC3731" s="91"/>
      <c r="GD3731" s="91"/>
      <c r="GE3731" s="91"/>
      <c r="GF3731" s="91"/>
      <c r="GG3731" s="91"/>
      <c r="GH3731" s="91"/>
      <c r="GI3731" s="91"/>
      <c r="GJ3731" s="91"/>
      <c r="GK3731" s="127"/>
      <c r="GL3731" s="126"/>
      <c r="GM3731" s="91"/>
      <c r="GN3731" s="91"/>
      <c r="GO3731" s="91"/>
      <c r="GP3731" s="91"/>
      <c r="GQ3731" s="91"/>
      <c r="GR3731" s="91"/>
      <c r="GS3731" s="91"/>
      <c r="GT3731" s="91"/>
      <c r="GU3731" s="91"/>
      <c r="GV3731" s="91"/>
      <c r="GW3731" s="91"/>
      <c r="GX3731" s="127"/>
      <c r="GY3731" s="126"/>
      <c r="GZ3731" s="91"/>
      <c r="HA3731" s="91"/>
      <c r="HB3731" s="91"/>
      <c r="HC3731" s="91"/>
      <c r="HD3731" s="91"/>
      <c r="HE3731" s="91"/>
      <c r="HF3731" s="91"/>
      <c r="HG3731" s="91"/>
      <c r="HH3731" s="91"/>
      <c r="HI3731" s="91"/>
      <c r="HJ3731" s="91"/>
      <c r="HK3731" s="127"/>
      <c r="HL3731" s="126"/>
      <c r="HM3731" s="91"/>
      <c r="HN3731" s="91"/>
      <c r="HO3731" s="91"/>
      <c r="HP3731" s="91"/>
      <c r="HQ3731" s="91"/>
      <c r="HR3731" s="91"/>
      <c r="HS3731" s="91"/>
      <c r="HT3731" s="91"/>
      <c r="HU3731" s="91"/>
      <c r="HV3731" s="91"/>
      <c r="HW3731" s="91"/>
      <c r="HX3731" s="127"/>
      <c r="HY3731" s="126"/>
      <c r="HZ3731" s="91"/>
      <c r="IA3731" s="91"/>
      <c r="IB3731" s="91"/>
      <c r="IC3731" s="91"/>
      <c r="ID3731" s="91"/>
      <c r="IE3731" s="91"/>
      <c r="IF3731" s="91"/>
      <c r="IG3731" s="91"/>
      <c r="IH3731" s="91"/>
      <c r="II3731" s="91"/>
      <c r="IJ3731" s="91"/>
      <c r="IK3731" s="174"/>
    </row>
    <row r="3732" spans="2:245" x14ac:dyDescent="0.2">
      <c r="B3732" s="43"/>
      <c r="C3732" s="73"/>
      <c r="D3732" s="64"/>
      <c r="E3732" s="64"/>
      <c r="F3732" s="55"/>
      <c r="G3732" s="102"/>
      <c r="H3732" s="97"/>
      <c r="T3732" s="98"/>
      <c r="U3732" s="97"/>
      <c r="AG3732" s="98"/>
      <c r="AY3732" s="164"/>
      <c r="BK3732" s="98"/>
      <c r="BL3732" s="97"/>
      <c r="BX3732" s="98"/>
      <c r="CL3732" s="97"/>
      <c r="CX3732" s="98"/>
      <c r="DL3732" s="97"/>
      <c r="DX3732" s="98"/>
      <c r="EL3732" s="97"/>
      <c r="EX3732" s="98"/>
      <c r="EY3732" s="97"/>
      <c r="FL3732" s="126"/>
      <c r="FM3732" s="91"/>
      <c r="FN3732" s="91"/>
      <c r="FO3732" s="91"/>
      <c r="FP3732" s="91"/>
      <c r="FQ3732" s="91"/>
      <c r="FR3732" s="91"/>
      <c r="FS3732" s="91"/>
      <c r="FT3732" s="91"/>
      <c r="FU3732" s="91"/>
      <c r="FV3732" s="91"/>
      <c r="FW3732" s="91"/>
      <c r="FX3732" s="127"/>
      <c r="FY3732" s="126"/>
      <c r="FZ3732" s="91"/>
      <c r="GA3732" s="91"/>
      <c r="GB3732" s="91"/>
      <c r="GC3732" s="91"/>
      <c r="GD3732" s="91"/>
      <c r="GE3732" s="91"/>
      <c r="GF3732" s="91"/>
      <c r="GG3732" s="91"/>
      <c r="GH3732" s="91"/>
      <c r="GI3732" s="91"/>
      <c r="GJ3732" s="91"/>
      <c r="GK3732" s="127"/>
      <c r="GL3732" s="126"/>
      <c r="GM3732" s="91"/>
      <c r="GN3732" s="91"/>
      <c r="GO3732" s="91"/>
      <c r="GP3732" s="91"/>
      <c r="GQ3732" s="91"/>
      <c r="GR3732" s="91"/>
      <c r="GS3732" s="91"/>
      <c r="GT3732" s="91"/>
      <c r="GU3732" s="91"/>
      <c r="GV3732" s="91"/>
      <c r="GW3732" s="91"/>
      <c r="GX3732" s="127"/>
      <c r="GY3732" s="126"/>
      <c r="GZ3732" s="91"/>
      <c r="HA3732" s="91"/>
      <c r="HB3732" s="91"/>
      <c r="HC3732" s="91"/>
      <c r="HD3732" s="91"/>
      <c r="HE3732" s="91"/>
      <c r="HF3732" s="91"/>
      <c r="HG3732" s="91"/>
      <c r="HH3732" s="91"/>
      <c r="HI3732" s="91"/>
      <c r="HJ3732" s="91"/>
      <c r="HK3732" s="127"/>
      <c r="HL3732" s="126"/>
      <c r="HM3732" s="91"/>
      <c r="HN3732" s="91"/>
      <c r="HO3732" s="91"/>
      <c r="HP3732" s="91"/>
      <c r="HQ3732" s="91"/>
      <c r="HR3732" s="91"/>
      <c r="HS3732" s="91"/>
      <c r="HT3732" s="91"/>
      <c r="HU3732" s="91"/>
      <c r="HV3732" s="91"/>
      <c r="HW3732" s="91"/>
      <c r="HX3732" s="127"/>
      <c r="HY3732" s="126"/>
      <c r="HZ3732" s="91"/>
      <c r="IA3732" s="91"/>
      <c r="IB3732" s="91"/>
      <c r="IC3732" s="91"/>
      <c r="ID3732" s="91"/>
      <c r="IE3732" s="91"/>
      <c r="IF3732" s="91"/>
      <c r="IG3732" s="91"/>
      <c r="IH3732" s="91"/>
      <c r="II3732" s="91"/>
      <c r="IJ3732" s="91"/>
      <c r="IK3732" s="174"/>
    </row>
    <row r="3733" spans="2:245" x14ac:dyDescent="0.2">
      <c r="B3733" s="43"/>
      <c r="C3733" s="73"/>
      <c r="D3733" s="64"/>
      <c r="E3733" s="64"/>
      <c r="F3733" s="55"/>
      <c r="G3733" s="102"/>
      <c r="H3733" s="97"/>
      <c r="T3733" s="98"/>
      <c r="U3733" s="97"/>
      <c r="AG3733" s="98"/>
      <c r="AY3733" s="164"/>
      <c r="BK3733" s="98"/>
      <c r="BL3733" s="97"/>
      <c r="BX3733" s="98"/>
      <c r="CL3733" s="97"/>
      <c r="CX3733" s="98"/>
      <c r="DL3733" s="97"/>
      <c r="DX3733" s="98"/>
      <c r="EL3733" s="97"/>
      <c r="EX3733" s="98"/>
      <c r="EY3733" s="97"/>
      <c r="FL3733" s="126"/>
      <c r="FM3733" s="91"/>
      <c r="FN3733" s="91"/>
      <c r="FO3733" s="91"/>
      <c r="FP3733" s="91"/>
      <c r="FQ3733" s="91"/>
      <c r="FR3733" s="91"/>
      <c r="FS3733" s="91"/>
      <c r="FT3733" s="91"/>
      <c r="FU3733" s="91"/>
      <c r="FV3733" s="91"/>
      <c r="FW3733" s="91"/>
      <c r="FX3733" s="127"/>
      <c r="FY3733" s="126"/>
      <c r="FZ3733" s="91"/>
      <c r="GA3733" s="91"/>
      <c r="GB3733" s="91"/>
      <c r="GC3733" s="91"/>
      <c r="GD3733" s="91"/>
      <c r="GE3733" s="91"/>
      <c r="GF3733" s="91"/>
      <c r="GG3733" s="91"/>
      <c r="GH3733" s="91"/>
      <c r="GI3733" s="91"/>
      <c r="GJ3733" s="91"/>
      <c r="GK3733" s="127"/>
      <c r="GL3733" s="126"/>
      <c r="GM3733" s="91"/>
      <c r="GN3733" s="91"/>
      <c r="GO3733" s="91"/>
      <c r="GP3733" s="91"/>
      <c r="GQ3733" s="91"/>
      <c r="GR3733" s="91"/>
      <c r="GS3733" s="91"/>
      <c r="GT3733" s="91"/>
      <c r="GU3733" s="91"/>
      <c r="GV3733" s="91"/>
      <c r="GW3733" s="91"/>
      <c r="GX3733" s="127"/>
      <c r="GY3733" s="126"/>
      <c r="GZ3733" s="91"/>
      <c r="HA3733" s="91"/>
      <c r="HB3733" s="91"/>
      <c r="HC3733" s="91"/>
      <c r="HD3733" s="91"/>
      <c r="HE3733" s="91"/>
      <c r="HF3733" s="91"/>
      <c r="HG3733" s="91"/>
      <c r="HH3733" s="91"/>
      <c r="HI3733" s="91"/>
      <c r="HJ3733" s="91"/>
      <c r="HK3733" s="127"/>
      <c r="HL3733" s="126"/>
      <c r="HM3733" s="91"/>
      <c r="HN3733" s="91"/>
      <c r="HO3733" s="91"/>
      <c r="HP3733" s="91"/>
      <c r="HQ3733" s="91"/>
      <c r="HR3733" s="91"/>
      <c r="HS3733" s="91"/>
      <c r="HT3733" s="91"/>
      <c r="HU3733" s="91"/>
      <c r="HV3733" s="91"/>
      <c r="HW3733" s="91"/>
      <c r="HX3733" s="127"/>
      <c r="HY3733" s="126"/>
      <c r="HZ3733" s="91"/>
      <c r="IA3733" s="91"/>
      <c r="IB3733" s="91"/>
      <c r="IC3733" s="91"/>
      <c r="ID3733" s="91"/>
      <c r="IE3733" s="91"/>
      <c r="IF3733" s="91"/>
      <c r="IG3733" s="91"/>
      <c r="IH3733" s="91"/>
      <c r="II3733" s="91"/>
      <c r="IJ3733" s="91"/>
      <c r="IK3733" s="174"/>
    </row>
    <row r="3734" spans="2:245" x14ac:dyDescent="0.2">
      <c r="B3734" s="43"/>
      <c r="C3734" s="73"/>
      <c r="D3734" s="64"/>
      <c r="E3734" s="64"/>
      <c r="F3734" s="55"/>
      <c r="G3734" s="102"/>
      <c r="H3734" s="97"/>
      <c r="T3734" s="98"/>
      <c r="U3734" s="97"/>
      <c r="AG3734" s="98"/>
      <c r="AY3734" s="164"/>
      <c r="BK3734" s="98"/>
      <c r="BL3734" s="97"/>
      <c r="BX3734" s="98"/>
      <c r="CL3734" s="97"/>
      <c r="CX3734" s="98"/>
      <c r="DL3734" s="97"/>
      <c r="DX3734" s="98"/>
      <c r="EL3734" s="97"/>
      <c r="EX3734" s="98"/>
      <c r="EY3734" s="97"/>
      <c r="FL3734" s="126"/>
      <c r="FM3734" s="91"/>
      <c r="FN3734" s="91"/>
      <c r="FO3734" s="91"/>
      <c r="FP3734" s="91"/>
      <c r="FQ3734" s="91"/>
      <c r="FR3734" s="91"/>
      <c r="FS3734" s="91"/>
      <c r="FT3734" s="91"/>
      <c r="FU3734" s="91"/>
      <c r="FV3734" s="91"/>
      <c r="FW3734" s="91"/>
      <c r="FX3734" s="127"/>
      <c r="FY3734" s="126"/>
      <c r="FZ3734" s="91"/>
      <c r="GA3734" s="91"/>
      <c r="GB3734" s="91"/>
      <c r="GC3734" s="91"/>
      <c r="GD3734" s="91"/>
      <c r="GE3734" s="91"/>
      <c r="GF3734" s="91"/>
      <c r="GG3734" s="91"/>
      <c r="GH3734" s="91"/>
      <c r="GI3734" s="91"/>
      <c r="GJ3734" s="91"/>
      <c r="GK3734" s="127"/>
      <c r="GL3734" s="126"/>
      <c r="GM3734" s="91"/>
      <c r="GN3734" s="91"/>
      <c r="GO3734" s="91"/>
      <c r="GP3734" s="91"/>
      <c r="GQ3734" s="91"/>
      <c r="GR3734" s="91"/>
      <c r="GS3734" s="91"/>
      <c r="GT3734" s="91"/>
      <c r="GU3734" s="91"/>
      <c r="GV3734" s="91"/>
      <c r="GW3734" s="91"/>
      <c r="GX3734" s="127"/>
      <c r="GY3734" s="126"/>
      <c r="GZ3734" s="91"/>
      <c r="HA3734" s="91"/>
      <c r="HB3734" s="91"/>
      <c r="HC3734" s="91"/>
      <c r="HD3734" s="91"/>
      <c r="HE3734" s="91"/>
      <c r="HF3734" s="91"/>
      <c r="HG3734" s="91"/>
      <c r="HH3734" s="91"/>
      <c r="HI3734" s="91"/>
      <c r="HJ3734" s="91"/>
      <c r="HK3734" s="127"/>
      <c r="HL3734" s="126"/>
      <c r="HM3734" s="91"/>
      <c r="HN3734" s="91"/>
      <c r="HO3734" s="91"/>
      <c r="HP3734" s="91"/>
      <c r="HQ3734" s="91"/>
      <c r="HR3734" s="91"/>
      <c r="HS3734" s="91"/>
      <c r="HT3734" s="91"/>
      <c r="HU3734" s="91"/>
      <c r="HV3734" s="91"/>
      <c r="HW3734" s="91"/>
      <c r="HX3734" s="127"/>
      <c r="HY3734" s="126"/>
      <c r="HZ3734" s="91"/>
      <c r="IA3734" s="91"/>
      <c r="IB3734" s="91"/>
      <c r="IC3734" s="91"/>
      <c r="ID3734" s="91"/>
      <c r="IE3734" s="91"/>
      <c r="IF3734" s="91"/>
      <c r="IG3734" s="91"/>
      <c r="IH3734" s="91"/>
      <c r="II3734" s="91"/>
      <c r="IJ3734" s="91"/>
      <c r="IK3734" s="174"/>
    </row>
    <row r="3735" spans="2:245" x14ac:dyDescent="0.2">
      <c r="B3735" s="43"/>
      <c r="C3735" s="73"/>
      <c r="D3735" s="64"/>
      <c r="E3735" s="64"/>
      <c r="F3735" s="55"/>
      <c r="G3735" s="102"/>
      <c r="H3735" s="97"/>
      <c r="T3735" s="98"/>
      <c r="U3735" s="97"/>
      <c r="AG3735" s="98"/>
      <c r="AY3735" s="164"/>
      <c r="BK3735" s="98"/>
      <c r="BL3735" s="97"/>
      <c r="BX3735" s="98"/>
      <c r="CL3735" s="97"/>
      <c r="CX3735" s="98"/>
      <c r="DL3735" s="97"/>
      <c r="DX3735" s="98"/>
      <c r="EL3735" s="97"/>
      <c r="EX3735" s="98"/>
      <c r="EY3735" s="97"/>
      <c r="FL3735" s="126"/>
      <c r="FM3735" s="91"/>
      <c r="FN3735" s="91"/>
      <c r="FO3735" s="91"/>
      <c r="FP3735" s="91"/>
      <c r="FQ3735" s="91"/>
      <c r="FR3735" s="91"/>
      <c r="FS3735" s="91"/>
      <c r="FT3735" s="91"/>
      <c r="FU3735" s="91"/>
      <c r="FV3735" s="91"/>
      <c r="FW3735" s="91"/>
      <c r="FX3735" s="127"/>
      <c r="FY3735" s="126"/>
      <c r="FZ3735" s="91"/>
      <c r="GA3735" s="91"/>
      <c r="GB3735" s="91"/>
      <c r="GC3735" s="91"/>
      <c r="GD3735" s="91"/>
      <c r="GE3735" s="91"/>
      <c r="GF3735" s="91"/>
      <c r="GG3735" s="91"/>
      <c r="GH3735" s="91"/>
      <c r="GI3735" s="91"/>
      <c r="GJ3735" s="91"/>
      <c r="GK3735" s="127"/>
      <c r="GL3735" s="126"/>
      <c r="GM3735" s="91"/>
      <c r="GN3735" s="91"/>
      <c r="GO3735" s="91"/>
      <c r="GP3735" s="91"/>
      <c r="GQ3735" s="91"/>
      <c r="GR3735" s="91"/>
      <c r="GS3735" s="91"/>
      <c r="GT3735" s="91"/>
      <c r="GU3735" s="91"/>
      <c r="GV3735" s="91"/>
      <c r="GW3735" s="91"/>
      <c r="GX3735" s="127"/>
      <c r="GY3735" s="126"/>
      <c r="GZ3735" s="91"/>
      <c r="HA3735" s="91"/>
      <c r="HB3735" s="91"/>
      <c r="HC3735" s="91"/>
      <c r="HD3735" s="91"/>
      <c r="HE3735" s="91"/>
      <c r="HF3735" s="91"/>
      <c r="HG3735" s="91"/>
      <c r="HH3735" s="91"/>
      <c r="HI3735" s="91"/>
      <c r="HJ3735" s="91"/>
      <c r="HK3735" s="127"/>
      <c r="HL3735" s="126"/>
      <c r="HM3735" s="91"/>
      <c r="HN3735" s="91"/>
      <c r="HO3735" s="91"/>
      <c r="HP3735" s="91"/>
      <c r="HQ3735" s="91"/>
      <c r="HR3735" s="91"/>
      <c r="HS3735" s="91"/>
      <c r="HT3735" s="91"/>
      <c r="HU3735" s="91"/>
      <c r="HV3735" s="91"/>
      <c r="HW3735" s="91"/>
      <c r="HX3735" s="127"/>
      <c r="HY3735" s="126"/>
      <c r="HZ3735" s="91"/>
      <c r="IA3735" s="91"/>
      <c r="IB3735" s="91"/>
      <c r="IC3735" s="91"/>
      <c r="ID3735" s="91"/>
      <c r="IE3735" s="91"/>
      <c r="IF3735" s="91"/>
      <c r="IG3735" s="91"/>
      <c r="IH3735" s="91"/>
      <c r="II3735" s="91"/>
      <c r="IJ3735" s="91"/>
      <c r="IK3735" s="174"/>
    </row>
    <row r="3736" spans="2:245" x14ac:dyDescent="0.2">
      <c r="B3736" s="43"/>
      <c r="C3736" s="73"/>
      <c r="D3736" s="64"/>
      <c r="E3736" s="64"/>
      <c r="F3736" s="55"/>
      <c r="G3736" s="102"/>
      <c r="H3736" s="97"/>
      <c r="T3736" s="98"/>
      <c r="U3736" s="97"/>
      <c r="AG3736" s="98"/>
      <c r="AY3736" s="164"/>
      <c r="BK3736" s="98"/>
      <c r="BL3736" s="97"/>
      <c r="BX3736" s="98"/>
      <c r="CL3736" s="97"/>
      <c r="CX3736" s="98"/>
      <c r="DL3736" s="97"/>
      <c r="DX3736" s="98"/>
      <c r="EL3736" s="97"/>
      <c r="EX3736" s="98"/>
      <c r="EY3736" s="97"/>
      <c r="FL3736" s="126"/>
      <c r="FM3736" s="91"/>
      <c r="FN3736" s="91"/>
      <c r="FO3736" s="91"/>
      <c r="FP3736" s="91"/>
      <c r="FQ3736" s="91"/>
      <c r="FR3736" s="91"/>
      <c r="FS3736" s="91"/>
      <c r="FT3736" s="91"/>
      <c r="FU3736" s="91"/>
      <c r="FV3736" s="91"/>
      <c r="FW3736" s="91"/>
      <c r="FX3736" s="127"/>
      <c r="FY3736" s="126"/>
      <c r="FZ3736" s="91"/>
      <c r="GA3736" s="91"/>
      <c r="GB3736" s="91"/>
      <c r="GC3736" s="91"/>
      <c r="GD3736" s="91"/>
      <c r="GE3736" s="91"/>
      <c r="GF3736" s="91"/>
      <c r="GG3736" s="91"/>
      <c r="GH3736" s="91"/>
      <c r="GI3736" s="91"/>
      <c r="GJ3736" s="91"/>
      <c r="GK3736" s="127"/>
      <c r="GL3736" s="126"/>
      <c r="GM3736" s="91"/>
      <c r="GN3736" s="91"/>
      <c r="GO3736" s="91"/>
      <c r="GP3736" s="91"/>
      <c r="GQ3736" s="91"/>
      <c r="GR3736" s="91"/>
      <c r="GS3736" s="91"/>
      <c r="GT3736" s="91"/>
      <c r="GU3736" s="91"/>
      <c r="GV3736" s="91"/>
      <c r="GW3736" s="91"/>
      <c r="GX3736" s="127"/>
      <c r="GY3736" s="126"/>
      <c r="GZ3736" s="91"/>
      <c r="HA3736" s="91"/>
      <c r="HB3736" s="91"/>
      <c r="HC3736" s="91"/>
      <c r="HD3736" s="91"/>
      <c r="HE3736" s="91"/>
      <c r="HF3736" s="91"/>
      <c r="HG3736" s="91"/>
      <c r="HH3736" s="91"/>
      <c r="HI3736" s="91"/>
      <c r="HJ3736" s="91"/>
      <c r="HK3736" s="127"/>
      <c r="HL3736" s="126"/>
      <c r="HM3736" s="91"/>
      <c r="HN3736" s="91"/>
      <c r="HO3736" s="91"/>
      <c r="HP3736" s="91"/>
      <c r="HQ3736" s="91"/>
      <c r="HR3736" s="91"/>
      <c r="HS3736" s="91"/>
      <c r="HT3736" s="91"/>
      <c r="HU3736" s="91"/>
      <c r="HV3736" s="91"/>
      <c r="HW3736" s="91"/>
      <c r="HX3736" s="127"/>
      <c r="HY3736" s="126"/>
      <c r="HZ3736" s="91"/>
      <c r="IA3736" s="91"/>
      <c r="IB3736" s="91"/>
      <c r="IC3736" s="91"/>
      <c r="ID3736" s="91"/>
      <c r="IE3736" s="91"/>
      <c r="IF3736" s="91"/>
      <c r="IG3736" s="91"/>
      <c r="IH3736" s="91"/>
      <c r="II3736" s="91"/>
      <c r="IJ3736" s="91"/>
      <c r="IK3736" s="174"/>
    </row>
    <row r="3737" spans="2:245" x14ac:dyDescent="0.2">
      <c r="B3737" s="43"/>
      <c r="C3737" s="73"/>
      <c r="D3737" s="64"/>
      <c r="E3737" s="64"/>
      <c r="F3737" s="55"/>
      <c r="G3737" s="102"/>
      <c r="H3737" s="97"/>
      <c r="T3737" s="98"/>
      <c r="U3737" s="97"/>
      <c r="AG3737" s="98"/>
      <c r="AY3737" s="164"/>
      <c r="BK3737" s="98"/>
      <c r="BL3737" s="97"/>
      <c r="BX3737" s="98"/>
      <c r="CL3737" s="97"/>
      <c r="CX3737" s="98"/>
      <c r="DL3737" s="97"/>
      <c r="DX3737" s="98"/>
      <c r="EL3737" s="97"/>
      <c r="EX3737" s="98"/>
      <c r="EY3737" s="97"/>
      <c r="FL3737" s="126"/>
      <c r="FM3737" s="91"/>
      <c r="FN3737" s="91"/>
      <c r="FO3737" s="91"/>
      <c r="FP3737" s="91"/>
      <c r="FQ3737" s="91"/>
      <c r="FR3737" s="91"/>
      <c r="FS3737" s="91"/>
      <c r="FT3737" s="91"/>
      <c r="FU3737" s="91"/>
      <c r="FV3737" s="91"/>
      <c r="FW3737" s="91"/>
      <c r="FX3737" s="127"/>
      <c r="FY3737" s="126"/>
      <c r="FZ3737" s="91"/>
      <c r="GA3737" s="91"/>
      <c r="GB3737" s="91"/>
      <c r="GC3737" s="91"/>
      <c r="GD3737" s="91"/>
      <c r="GE3737" s="91"/>
      <c r="GF3737" s="91"/>
      <c r="GG3737" s="91"/>
      <c r="GH3737" s="91"/>
      <c r="GI3737" s="91"/>
      <c r="GJ3737" s="91"/>
      <c r="GK3737" s="127"/>
      <c r="GL3737" s="126"/>
      <c r="GM3737" s="91"/>
      <c r="GN3737" s="91"/>
      <c r="GO3737" s="91"/>
      <c r="GP3737" s="91"/>
      <c r="GQ3737" s="91"/>
      <c r="GR3737" s="91"/>
      <c r="GS3737" s="91"/>
      <c r="GT3737" s="91"/>
      <c r="GU3737" s="91"/>
      <c r="GV3737" s="91"/>
      <c r="GW3737" s="91"/>
      <c r="GX3737" s="127"/>
      <c r="GY3737" s="126"/>
      <c r="GZ3737" s="91"/>
      <c r="HA3737" s="91"/>
      <c r="HB3737" s="91"/>
      <c r="HC3737" s="91"/>
      <c r="HD3737" s="91"/>
      <c r="HE3737" s="91"/>
      <c r="HF3737" s="91"/>
      <c r="HG3737" s="91"/>
      <c r="HH3737" s="91"/>
      <c r="HI3737" s="91"/>
      <c r="HJ3737" s="91"/>
      <c r="HK3737" s="127"/>
      <c r="HL3737" s="126"/>
      <c r="HM3737" s="91"/>
      <c r="HN3737" s="91"/>
      <c r="HO3737" s="91"/>
      <c r="HP3737" s="91"/>
      <c r="HQ3737" s="91"/>
      <c r="HR3737" s="91"/>
      <c r="HS3737" s="91"/>
      <c r="HT3737" s="91"/>
      <c r="HU3737" s="91"/>
      <c r="HV3737" s="91"/>
      <c r="HW3737" s="91"/>
      <c r="HX3737" s="127"/>
      <c r="HY3737" s="126"/>
      <c r="HZ3737" s="91"/>
      <c r="IA3737" s="91"/>
      <c r="IB3737" s="91"/>
      <c r="IC3737" s="91"/>
      <c r="ID3737" s="91"/>
      <c r="IE3737" s="91"/>
      <c r="IF3737" s="91"/>
      <c r="IG3737" s="91"/>
      <c r="IH3737" s="91"/>
      <c r="II3737" s="91"/>
      <c r="IJ3737" s="91"/>
      <c r="IK3737" s="174"/>
    </row>
    <row r="3738" spans="2:245" x14ac:dyDescent="0.2">
      <c r="B3738" s="43"/>
      <c r="C3738" s="73"/>
      <c r="D3738" s="64"/>
      <c r="E3738" s="64"/>
      <c r="F3738" s="55"/>
      <c r="G3738" s="102"/>
      <c r="H3738" s="97"/>
      <c r="T3738" s="98"/>
      <c r="U3738" s="97"/>
      <c r="AG3738" s="98"/>
      <c r="AY3738" s="164"/>
      <c r="BK3738" s="98"/>
      <c r="BL3738" s="97"/>
      <c r="BX3738" s="98"/>
      <c r="CL3738" s="97"/>
      <c r="CX3738" s="98"/>
      <c r="DL3738" s="97"/>
      <c r="DX3738" s="98"/>
      <c r="EL3738" s="97"/>
      <c r="EX3738" s="98"/>
      <c r="EY3738" s="97"/>
      <c r="FL3738" s="126"/>
      <c r="FM3738" s="91"/>
      <c r="FN3738" s="91"/>
      <c r="FO3738" s="91"/>
      <c r="FP3738" s="91"/>
      <c r="FQ3738" s="91"/>
      <c r="FR3738" s="91"/>
      <c r="FS3738" s="91"/>
      <c r="FT3738" s="91"/>
      <c r="FU3738" s="91"/>
      <c r="FV3738" s="91"/>
      <c r="FW3738" s="91"/>
      <c r="FX3738" s="127"/>
      <c r="FY3738" s="126"/>
      <c r="FZ3738" s="91"/>
      <c r="GA3738" s="91"/>
      <c r="GB3738" s="91"/>
      <c r="GC3738" s="91"/>
      <c r="GD3738" s="91"/>
      <c r="GE3738" s="91"/>
      <c r="GF3738" s="91"/>
      <c r="GG3738" s="91"/>
      <c r="GH3738" s="91"/>
      <c r="GI3738" s="91"/>
      <c r="GJ3738" s="91"/>
      <c r="GK3738" s="127"/>
      <c r="GL3738" s="126"/>
      <c r="GM3738" s="91"/>
      <c r="GN3738" s="91"/>
      <c r="GO3738" s="91"/>
      <c r="GP3738" s="91"/>
      <c r="GQ3738" s="91"/>
      <c r="GR3738" s="91"/>
      <c r="GS3738" s="91"/>
      <c r="GT3738" s="91"/>
      <c r="GU3738" s="91"/>
      <c r="GV3738" s="91"/>
      <c r="GW3738" s="91"/>
      <c r="GX3738" s="127"/>
      <c r="GY3738" s="126"/>
      <c r="GZ3738" s="91"/>
      <c r="HA3738" s="91"/>
      <c r="HB3738" s="91"/>
      <c r="HC3738" s="91"/>
      <c r="HD3738" s="91"/>
      <c r="HE3738" s="91"/>
      <c r="HF3738" s="91"/>
      <c r="HG3738" s="91"/>
      <c r="HH3738" s="91"/>
      <c r="HI3738" s="91"/>
      <c r="HJ3738" s="91"/>
      <c r="HK3738" s="127"/>
      <c r="HL3738" s="126"/>
      <c r="HM3738" s="91"/>
      <c r="HN3738" s="91"/>
      <c r="HO3738" s="91"/>
      <c r="HP3738" s="91"/>
      <c r="HQ3738" s="91"/>
      <c r="HR3738" s="91"/>
      <c r="HS3738" s="91"/>
      <c r="HT3738" s="91"/>
      <c r="HU3738" s="91"/>
      <c r="HV3738" s="91"/>
      <c r="HW3738" s="91"/>
      <c r="HX3738" s="127"/>
      <c r="HY3738" s="126"/>
      <c r="HZ3738" s="91"/>
      <c r="IA3738" s="91"/>
      <c r="IB3738" s="91"/>
      <c r="IC3738" s="91"/>
      <c r="ID3738" s="91"/>
      <c r="IE3738" s="91"/>
      <c r="IF3738" s="91"/>
      <c r="IG3738" s="91"/>
      <c r="IH3738" s="91"/>
      <c r="II3738" s="91"/>
      <c r="IJ3738" s="91"/>
      <c r="IK3738" s="174"/>
    </row>
    <row r="3739" spans="2:245" x14ac:dyDescent="0.2">
      <c r="B3739" s="43"/>
      <c r="C3739" s="73"/>
      <c r="D3739" s="64"/>
      <c r="E3739" s="64"/>
      <c r="F3739" s="55"/>
      <c r="G3739" s="102"/>
      <c r="H3739" s="97"/>
      <c r="T3739" s="98"/>
      <c r="U3739" s="97"/>
      <c r="AG3739" s="98"/>
      <c r="AY3739" s="164"/>
      <c r="BK3739" s="98"/>
      <c r="BL3739" s="97"/>
      <c r="BX3739" s="98"/>
      <c r="CL3739" s="97"/>
      <c r="CX3739" s="98"/>
      <c r="DL3739" s="97"/>
      <c r="DX3739" s="98"/>
      <c r="EL3739" s="97"/>
      <c r="EX3739" s="98"/>
      <c r="EY3739" s="97"/>
      <c r="FL3739" s="126"/>
      <c r="FM3739" s="91"/>
      <c r="FN3739" s="91"/>
      <c r="FO3739" s="91"/>
      <c r="FP3739" s="91"/>
      <c r="FQ3739" s="91"/>
      <c r="FR3739" s="91"/>
      <c r="FS3739" s="91"/>
      <c r="FT3739" s="91"/>
      <c r="FU3739" s="91"/>
      <c r="FV3739" s="91"/>
      <c r="FW3739" s="91"/>
      <c r="FX3739" s="127"/>
      <c r="FY3739" s="126"/>
      <c r="FZ3739" s="91"/>
      <c r="GA3739" s="91"/>
      <c r="GB3739" s="91"/>
      <c r="GC3739" s="91"/>
      <c r="GD3739" s="91"/>
      <c r="GE3739" s="91"/>
      <c r="GF3739" s="91"/>
      <c r="GG3739" s="91"/>
      <c r="GH3739" s="91"/>
      <c r="GI3739" s="91"/>
      <c r="GJ3739" s="91"/>
      <c r="GK3739" s="127"/>
      <c r="GL3739" s="126"/>
      <c r="GM3739" s="91"/>
      <c r="GN3739" s="91"/>
      <c r="GO3739" s="91"/>
      <c r="GP3739" s="91"/>
      <c r="GQ3739" s="91"/>
      <c r="GR3739" s="91"/>
      <c r="GS3739" s="91"/>
      <c r="GT3739" s="91"/>
      <c r="GU3739" s="91"/>
      <c r="GV3739" s="91"/>
      <c r="GW3739" s="91"/>
      <c r="GX3739" s="127"/>
      <c r="GY3739" s="126"/>
      <c r="GZ3739" s="91"/>
      <c r="HA3739" s="91"/>
      <c r="HB3739" s="91"/>
      <c r="HC3739" s="91"/>
      <c r="HD3739" s="91"/>
      <c r="HE3739" s="91"/>
      <c r="HF3739" s="91"/>
      <c r="HG3739" s="91"/>
      <c r="HH3739" s="91"/>
      <c r="HI3739" s="91"/>
      <c r="HJ3739" s="91"/>
      <c r="HK3739" s="127"/>
      <c r="HL3739" s="126"/>
      <c r="HM3739" s="91"/>
      <c r="HN3739" s="91"/>
      <c r="HO3739" s="91"/>
      <c r="HP3739" s="91"/>
      <c r="HQ3739" s="91"/>
      <c r="HR3739" s="91"/>
      <c r="HS3739" s="91"/>
      <c r="HT3739" s="91"/>
      <c r="HU3739" s="91"/>
      <c r="HV3739" s="91"/>
      <c r="HW3739" s="91"/>
      <c r="HX3739" s="127"/>
      <c r="HY3739" s="126"/>
      <c r="HZ3739" s="91"/>
      <c r="IA3739" s="91"/>
      <c r="IB3739" s="91"/>
      <c r="IC3739" s="91"/>
      <c r="ID3739" s="91"/>
      <c r="IE3739" s="91"/>
      <c r="IF3739" s="91"/>
      <c r="IG3739" s="91"/>
      <c r="IH3739" s="91"/>
      <c r="II3739" s="91"/>
      <c r="IJ3739" s="91"/>
      <c r="IK3739" s="174"/>
    </row>
    <row r="3740" spans="2:245" x14ac:dyDescent="0.2">
      <c r="B3740" s="43"/>
      <c r="C3740" s="73"/>
      <c r="D3740" s="64"/>
      <c r="E3740" s="64"/>
      <c r="F3740" s="55"/>
      <c r="G3740" s="102"/>
      <c r="H3740" s="97"/>
      <c r="T3740" s="98"/>
      <c r="U3740" s="97"/>
      <c r="AG3740" s="98"/>
      <c r="AY3740" s="164"/>
      <c r="BK3740" s="98"/>
      <c r="BL3740" s="97"/>
      <c r="BX3740" s="98"/>
      <c r="CL3740" s="97"/>
      <c r="CX3740" s="98"/>
      <c r="DL3740" s="97"/>
      <c r="DX3740" s="98"/>
      <c r="EL3740" s="97"/>
      <c r="EX3740" s="98"/>
      <c r="EY3740" s="97"/>
      <c r="FL3740" s="126"/>
      <c r="FM3740" s="91"/>
      <c r="FN3740" s="91"/>
      <c r="FO3740" s="91"/>
      <c r="FP3740" s="91"/>
      <c r="FQ3740" s="91"/>
      <c r="FR3740" s="91"/>
      <c r="FS3740" s="91"/>
      <c r="FT3740" s="91"/>
      <c r="FU3740" s="91"/>
      <c r="FV3740" s="91"/>
      <c r="FW3740" s="91"/>
      <c r="FX3740" s="127"/>
      <c r="FY3740" s="126"/>
      <c r="FZ3740" s="91"/>
      <c r="GA3740" s="91"/>
      <c r="GB3740" s="91"/>
      <c r="GC3740" s="91"/>
      <c r="GD3740" s="91"/>
      <c r="GE3740" s="91"/>
      <c r="GF3740" s="91"/>
      <c r="GG3740" s="91"/>
      <c r="GH3740" s="91"/>
      <c r="GI3740" s="91"/>
      <c r="GJ3740" s="91"/>
      <c r="GK3740" s="127"/>
      <c r="GL3740" s="126"/>
      <c r="GM3740" s="91"/>
      <c r="GN3740" s="91"/>
      <c r="GO3740" s="91"/>
      <c r="GP3740" s="91"/>
      <c r="GQ3740" s="91"/>
      <c r="GR3740" s="91"/>
      <c r="GS3740" s="91"/>
      <c r="GT3740" s="91"/>
      <c r="GU3740" s="91"/>
      <c r="GV3740" s="91"/>
      <c r="GW3740" s="91"/>
      <c r="GX3740" s="127"/>
      <c r="GY3740" s="126"/>
      <c r="GZ3740" s="91"/>
      <c r="HA3740" s="91"/>
      <c r="HB3740" s="91"/>
      <c r="HC3740" s="91"/>
      <c r="HD3740" s="91"/>
      <c r="HE3740" s="91"/>
      <c r="HF3740" s="91"/>
      <c r="HG3740" s="91"/>
      <c r="HH3740" s="91"/>
      <c r="HI3740" s="91"/>
      <c r="HJ3740" s="91"/>
      <c r="HK3740" s="127"/>
      <c r="HL3740" s="126"/>
      <c r="HM3740" s="91"/>
      <c r="HN3740" s="91"/>
      <c r="HO3740" s="91"/>
      <c r="HP3740" s="91"/>
      <c r="HQ3740" s="91"/>
      <c r="HR3740" s="91"/>
      <c r="HS3740" s="91"/>
      <c r="HT3740" s="91"/>
      <c r="HU3740" s="91"/>
      <c r="HV3740" s="91"/>
      <c r="HW3740" s="91"/>
      <c r="HX3740" s="127"/>
      <c r="HY3740" s="126"/>
      <c r="HZ3740" s="91"/>
      <c r="IA3740" s="91"/>
      <c r="IB3740" s="91"/>
      <c r="IC3740" s="91"/>
      <c r="ID3740" s="91"/>
      <c r="IE3740" s="91"/>
      <c r="IF3740" s="91"/>
      <c r="IG3740" s="91"/>
      <c r="IH3740" s="91"/>
      <c r="II3740" s="91"/>
      <c r="IJ3740" s="91"/>
      <c r="IK3740" s="174"/>
    </row>
    <row r="3741" spans="2:245" x14ac:dyDescent="0.2">
      <c r="B3741" s="43"/>
      <c r="C3741" s="73"/>
      <c r="D3741" s="64"/>
      <c r="E3741" s="64"/>
      <c r="F3741" s="55"/>
      <c r="G3741" s="102"/>
      <c r="H3741" s="97"/>
      <c r="T3741" s="98"/>
      <c r="U3741" s="97"/>
      <c r="AG3741" s="98"/>
      <c r="AY3741" s="164"/>
      <c r="BK3741" s="98"/>
      <c r="BL3741" s="97"/>
      <c r="BX3741" s="98"/>
      <c r="CL3741" s="97"/>
      <c r="CX3741" s="98"/>
      <c r="DL3741" s="97"/>
      <c r="DX3741" s="98"/>
      <c r="EL3741" s="97"/>
      <c r="EX3741" s="98"/>
      <c r="EY3741" s="97"/>
      <c r="FL3741" s="126"/>
      <c r="FM3741" s="91"/>
      <c r="FN3741" s="91"/>
      <c r="FO3741" s="91"/>
      <c r="FP3741" s="91"/>
      <c r="FQ3741" s="91"/>
      <c r="FR3741" s="91"/>
      <c r="FS3741" s="91"/>
      <c r="FT3741" s="91"/>
      <c r="FU3741" s="91"/>
      <c r="FV3741" s="91"/>
      <c r="FW3741" s="91"/>
      <c r="FX3741" s="127"/>
      <c r="FY3741" s="126"/>
      <c r="FZ3741" s="91"/>
      <c r="GA3741" s="91"/>
      <c r="GB3741" s="91"/>
      <c r="GC3741" s="91"/>
      <c r="GD3741" s="91"/>
      <c r="GE3741" s="91"/>
      <c r="GF3741" s="91"/>
      <c r="GG3741" s="91"/>
      <c r="GH3741" s="91"/>
      <c r="GI3741" s="91"/>
      <c r="GJ3741" s="91"/>
      <c r="GK3741" s="127"/>
      <c r="GL3741" s="126"/>
      <c r="GM3741" s="91"/>
      <c r="GN3741" s="91"/>
      <c r="GO3741" s="91"/>
      <c r="GP3741" s="91"/>
      <c r="GQ3741" s="91"/>
      <c r="GR3741" s="91"/>
      <c r="GS3741" s="91"/>
      <c r="GT3741" s="91"/>
      <c r="GU3741" s="91"/>
      <c r="GV3741" s="91"/>
      <c r="GW3741" s="91"/>
      <c r="GX3741" s="127"/>
      <c r="GY3741" s="126"/>
      <c r="GZ3741" s="91"/>
      <c r="HA3741" s="91"/>
      <c r="HB3741" s="91"/>
      <c r="HC3741" s="91"/>
      <c r="HD3741" s="91"/>
      <c r="HE3741" s="91"/>
      <c r="HF3741" s="91"/>
      <c r="HG3741" s="91"/>
      <c r="HH3741" s="91"/>
      <c r="HI3741" s="91"/>
      <c r="HJ3741" s="91"/>
      <c r="HK3741" s="127"/>
      <c r="HL3741" s="126"/>
      <c r="HM3741" s="91"/>
      <c r="HN3741" s="91"/>
      <c r="HO3741" s="91"/>
      <c r="HP3741" s="91"/>
      <c r="HQ3741" s="91"/>
      <c r="HR3741" s="91"/>
      <c r="HS3741" s="91"/>
      <c r="HT3741" s="91"/>
      <c r="HU3741" s="91"/>
      <c r="HV3741" s="91"/>
      <c r="HW3741" s="91"/>
      <c r="HX3741" s="127"/>
      <c r="HY3741" s="126"/>
      <c r="HZ3741" s="91"/>
      <c r="IA3741" s="91"/>
      <c r="IB3741" s="91"/>
      <c r="IC3741" s="91"/>
      <c r="ID3741" s="91"/>
      <c r="IE3741" s="91"/>
      <c r="IF3741" s="91"/>
      <c r="IG3741" s="91"/>
      <c r="IH3741" s="91"/>
      <c r="II3741" s="91"/>
      <c r="IJ3741" s="91"/>
      <c r="IK3741" s="174"/>
    </row>
    <row r="3742" spans="2:245" x14ac:dyDescent="0.2">
      <c r="B3742" s="43"/>
      <c r="C3742" s="73"/>
      <c r="D3742" s="64"/>
      <c r="E3742" s="64"/>
      <c r="F3742" s="55"/>
      <c r="G3742" s="102"/>
      <c r="H3742" s="97"/>
      <c r="T3742" s="98"/>
      <c r="U3742" s="97"/>
      <c r="AG3742" s="98"/>
      <c r="AY3742" s="164"/>
      <c r="BK3742" s="98"/>
      <c r="BL3742" s="97"/>
      <c r="BX3742" s="98"/>
      <c r="CL3742" s="97"/>
      <c r="CX3742" s="98"/>
      <c r="DL3742" s="97"/>
      <c r="DX3742" s="98"/>
      <c r="EL3742" s="97"/>
      <c r="EX3742" s="98"/>
      <c r="EY3742" s="97"/>
      <c r="FL3742" s="126"/>
      <c r="FM3742" s="91"/>
      <c r="FN3742" s="91"/>
      <c r="FO3742" s="91"/>
      <c r="FP3742" s="91"/>
      <c r="FQ3742" s="91"/>
      <c r="FR3742" s="91"/>
      <c r="FS3742" s="91"/>
      <c r="FT3742" s="91"/>
      <c r="FU3742" s="91"/>
      <c r="FV3742" s="91"/>
      <c r="FW3742" s="91"/>
      <c r="FX3742" s="127"/>
      <c r="FY3742" s="126"/>
      <c r="FZ3742" s="91"/>
      <c r="GA3742" s="91"/>
      <c r="GB3742" s="91"/>
      <c r="GC3742" s="91"/>
      <c r="GD3742" s="91"/>
      <c r="GE3742" s="91"/>
      <c r="GF3742" s="91"/>
      <c r="GG3742" s="91"/>
      <c r="GH3742" s="91"/>
      <c r="GI3742" s="91"/>
      <c r="GJ3742" s="91"/>
      <c r="GK3742" s="127"/>
      <c r="GL3742" s="126"/>
      <c r="GM3742" s="91"/>
      <c r="GN3742" s="91"/>
      <c r="GO3742" s="91"/>
      <c r="GP3742" s="91"/>
      <c r="GQ3742" s="91"/>
      <c r="GR3742" s="91"/>
      <c r="GS3742" s="91"/>
      <c r="GT3742" s="91"/>
      <c r="GU3742" s="91"/>
      <c r="GV3742" s="91"/>
      <c r="GW3742" s="91"/>
      <c r="GX3742" s="127"/>
      <c r="GY3742" s="126"/>
      <c r="GZ3742" s="91"/>
      <c r="HA3742" s="91"/>
      <c r="HB3742" s="91"/>
      <c r="HC3742" s="91"/>
      <c r="HD3742" s="91"/>
      <c r="HE3742" s="91"/>
      <c r="HF3742" s="91"/>
      <c r="HG3742" s="91"/>
      <c r="HH3742" s="91"/>
      <c r="HI3742" s="91"/>
      <c r="HJ3742" s="91"/>
      <c r="HK3742" s="127"/>
      <c r="HL3742" s="126"/>
      <c r="HM3742" s="91"/>
      <c r="HN3742" s="91"/>
      <c r="HO3742" s="91"/>
      <c r="HP3742" s="91"/>
      <c r="HQ3742" s="91"/>
      <c r="HR3742" s="91"/>
      <c r="HS3742" s="91"/>
      <c r="HT3742" s="91"/>
      <c r="HU3742" s="91"/>
      <c r="HV3742" s="91"/>
      <c r="HW3742" s="91"/>
      <c r="HX3742" s="127"/>
      <c r="HY3742" s="126"/>
      <c r="HZ3742" s="91"/>
      <c r="IA3742" s="91"/>
      <c r="IB3742" s="91"/>
      <c r="IC3742" s="91"/>
      <c r="ID3742" s="91"/>
      <c r="IE3742" s="91"/>
      <c r="IF3742" s="91"/>
      <c r="IG3742" s="91"/>
      <c r="IH3742" s="91"/>
      <c r="II3742" s="91"/>
      <c r="IJ3742" s="91"/>
      <c r="IK3742" s="174"/>
    </row>
    <row r="3743" spans="2:245" x14ac:dyDescent="0.2">
      <c r="B3743" s="43"/>
      <c r="C3743" s="73"/>
      <c r="D3743" s="64"/>
      <c r="E3743" s="64"/>
      <c r="F3743" s="55"/>
      <c r="G3743" s="102"/>
      <c r="H3743" s="97"/>
      <c r="T3743" s="98"/>
      <c r="U3743" s="97"/>
      <c r="AG3743" s="98"/>
      <c r="AY3743" s="164"/>
      <c r="BK3743" s="98"/>
      <c r="BL3743" s="97"/>
      <c r="BX3743" s="98"/>
      <c r="CL3743" s="97"/>
      <c r="CX3743" s="98"/>
      <c r="DL3743" s="97"/>
      <c r="DX3743" s="98"/>
      <c r="EL3743" s="97"/>
      <c r="EX3743" s="98"/>
      <c r="EY3743" s="97"/>
      <c r="FL3743" s="126"/>
      <c r="FM3743" s="91"/>
      <c r="FN3743" s="91"/>
      <c r="FO3743" s="91"/>
      <c r="FP3743" s="91"/>
      <c r="FQ3743" s="91"/>
      <c r="FR3743" s="91"/>
      <c r="FS3743" s="91"/>
      <c r="FT3743" s="91"/>
      <c r="FU3743" s="91"/>
      <c r="FV3743" s="91"/>
      <c r="FW3743" s="91"/>
      <c r="FX3743" s="127"/>
      <c r="FY3743" s="126"/>
      <c r="FZ3743" s="91"/>
      <c r="GA3743" s="91"/>
      <c r="GB3743" s="91"/>
      <c r="GC3743" s="91"/>
      <c r="GD3743" s="91"/>
      <c r="GE3743" s="91"/>
      <c r="GF3743" s="91"/>
      <c r="GG3743" s="91"/>
      <c r="GH3743" s="91"/>
      <c r="GI3743" s="91"/>
      <c r="GJ3743" s="91"/>
      <c r="GK3743" s="127"/>
      <c r="GL3743" s="126"/>
      <c r="GM3743" s="91"/>
      <c r="GN3743" s="91"/>
      <c r="GO3743" s="91"/>
      <c r="GP3743" s="91"/>
      <c r="GQ3743" s="91"/>
      <c r="GR3743" s="91"/>
      <c r="GS3743" s="91"/>
      <c r="GT3743" s="91"/>
      <c r="GU3743" s="91"/>
      <c r="GV3743" s="91"/>
      <c r="GW3743" s="91"/>
      <c r="GX3743" s="127"/>
      <c r="GY3743" s="126"/>
      <c r="GZ3743" s="91"/>
      <c r="HA3743" s="91"/>
      <c r="HB3743" s="91"/>
      <c r="HC3743" s="91"/>
      <c r="HD3743" s="91"/>
      <c r="HE3743" s="91"/>
      <c r="HF3743" s="91"/>
      <c r="HG3743" s="91"/>
      <c r="HH3743" s="91"/>
      <c r="HI3743" s="91"/>
      <c r="HJ3743" s="91"/>
      <c r="HK3743" s="127"/>
      <c r="HL3743" s="126"/>
      <c r="HM3743" s="91"/>
      <c r="HN3743" s="91"/>
      <c r="HO3743" s="91"/>
      <c r="HP3743" s="91"/>
      <c r="HQ3743" s="91"/>
      <c r="HR3743" s="91"/>
      <c r="HS3743" s="91"/>
      <c r="HT3743" s="91"/>
      <c r="HU3743" s="91"/>
      <c r="HV3743" s="91"/>
      <c r="HW3743" s="91"/>
      <c r="HX3743" s="127"/>
      <c r="HY3743" s="126"/>
      <c r="HZ3743" s="91"/>
      <c r="IA3743" s="91"/>
      <c r="IB3743" s="91"/>
      <c r="IC3743" s="91"/>
      <c r="ID3743" s="91"/>
      <c r="IE3743" s="91"/>
      <c r="IF3743" s="91"/>
      <c r="IG3743" s="91"/>
      <c r="IH3743" s="91"/>
      <c r="II3743" s="91"/>
      <c r="IJ3743" s="91"/>
      <c r="IK3743" s="174"/>
    </row>
    <row r="3744" spans="2:245" x14ac:dyDescent="0.2">
      <c r="B3744" s="43"/>
      <c r="C3744" s="73"/>
      <c r="D3744" s="64"/>
      <c r="E3744" s="64"/>
      <c r="F3744" s="55"/>
      <c r="G3744" s="102"/>
      <c r="H3744" s="97"/>
      <c r="T3744" s="98"/>
      <c r="U3744" s="97"/>
      <c r="AG3744" s="98"/>
      <c r="AY3744" s="164"/>
      <c r="BK3744" s="98"/>
      <c r="BL3744" s="97"/>
      <c r="BX3744" s="98"/>
      <c r="CL3744" s="97"/>
      <c r="CX3744" s="98"/>
      <c r="DL3744" s="97"/>
      <c r="DX3744" s="98"/>
      <c r="EL3744" s="97"/>
      <c r="EX3744" s="98"/>
      <c r="EY3744" s="97"/>
      <c r="FL3744" s="126"/>
      <c r="FM3744" s="91"/>
      <c r="FN3744" s="91"/>
      <c r="FO3744" s="91"/>
      <c r="FP3744" s="91"/>
      <c r="FQ3744" s="91"/>
      <c r="FR3744" s="91"/>
      <c r="FS3744" s="91"/>
      <c r="FT3744" s="91"/>
      <c r="FU3744" s="91"/>
      <c r="FV3744" s="91"/>
      <c r="FW3744" s="91"/>
      <c r="FX3744" s="127"/>
      <c r="FY3744" s="126"/>
      <c r="FZ3744" s="91"/>
      <c r="GA3744" s="91"/>
      <c r="GB3744" s="91"/>
      <c r="GC3744" s="91"/>
      <c r="GD3744" s="91"/>
      <c r="GE3744" s="91"/>
      <c r="GF3744" s="91"/>
      <c r="GG3744" s="91"/>
      <c r="GH3744" s="91"/>
      <c r="GI3744" s="91"/>
      <c r="GJ3744" s="91"/>
      <c r="GK3744" s="127"/>
      <c r="GL3744" s="126"/>
      <c r="GM3744" s="91"/>
      <c r="GN3744" s="91"/>
      <c r="GO3744" s="91"/>
      <c r="GP3744" s="91"/>
      <c r="GQ3744" s="91"/>
      <c r="GR3744" s="91"/>
      <c r="GS3744" s="91"/>
      <c r="GT3744" s="91"/>
      <c r="GU3744" s="91"/>
      <c r="GV3744" s="91"/>
      <c r="GW3744" s="91"/>
      <c r="GX3744" s="127"/>
      <c r="GY3744" s="126"/>
      <c r="GZ3744" s="91"/>
      <c r="HA3744" s="91"/>
      <c r="HB3744" s="91"/>
      <c r="HC3744" s="91"/>
      <c r="HD3744" s="91"/>
      <c r="HE3744" s="91"/>
      <c r="HF3744" s="91"/>
      <c r="HG3744" s="91"/>
      <c r="HH3744" s="91"/>
      <c r="HI3744" s="91"/>
      <c r="HJ3744" s="91"/>
      <c r="HK3744" s="127"/>
      <c r="HL3744" s="126"/>
      <c r="HM3744" s="91"/>
      <c r="HN3744" s="91"/>
      <c r="HO3744" s="91"/>
      <c r="HP3744" s="91"/>
      <c r="HQ3744" s="91"/>
      <c r="HR3744" s="91"/>
      <c r="HS3744" s="91"/>
      <c r="HT3744" s="91"/>
      <c r="HU3744" s="91"/>
      <c r="HV3744" s="91"/>
      <c r="HW3744" s="91"/>
      <c r="HX3744" s="127"/>
      <c r="HY3744" s="126"/>
      <c r="HZ3744" s="91"/>
      <c r="IA3744" s="91"/>
      <c r="IB3744" s="91"/>
      <c r="IC3744" s="91"/>
      <c r="ID3744" s="91"/>
      <c r="IE3744" s="91"/>
      <c r="IF3744" s="91"/>
      <c r="IG3744" s="91"/>
      <c r="IH3744" s="91"/>
      <c r="II3744" s="91"/>
      <c r="IJ3744" s="91"/>
      <c r="IK3744" s="174"/>
    </row>
    <row r="3745" spans="2:245" x14ac:dyDescent="0.2">
      <c r="B3745" s="43"/>
      <c r="C3745" s="73"/>
      <c r="D3745" s="64"/>
      <c r="E3745" s="64"/>
      <c r="F3745" s="55"/>
      <c r="G3745" s="102"/>
      <c r="H3745" s="97"/>
      <c r="T3745" s="98"/>
      <c r="U3745" s="97"/>
      <c r="AG3745" s="98"/>
      <c r="AY3745" s="164"/>
      <c r="BK3745" s="98"/>
      <c r="BL3745" s="97"/>
      <c r="BX3745" s="98"/>
      <c r="CL3745" s="97"/>
      <c r="CX3745" s="98"/>
      <c r="DL3745" s="97"/>
      <c r="DX3745" s="98"/>
      <c r="EL3745" s="97"/>
      <c r="EX3745" s="98"/>
      <c r="EY3745" s="97"/>
      <c r="FL3745" s="126"/>
      <c r="FM3745" s="91"/>
      <c r="FN3745" s="91"/>
      <c r="FO3745" s="91"/>
      <c r="FP3745" s="91"/>
      <c r="FQ3745" s="91"/>
      <c r="FR3745" s="91"/>
      <c r="FS3745" s="91"/>
      <c r="FT3745" s="91"/>
      <c r="FU3745" s="91"/>
      <c r="FV3745" s="91"/>
      <c r="FW3745" s="91"/>
      <c r="FX3745" s="127"/>
      <c r="FY3745" s="126"/>
      <c r="FZ3745" s="91"/>
      <c r="GA3745" s="91"/>
      <c r="GB3745" s="91"/>
      <c r="GC3745" s="91"/>
      <c r="GD3745" s="91"/>
      <c r="GE3745" s="91"/>
      <c r="GF3745" s="91"/>
      <c r="GG3745" s="91"/>
      <c r="GH3745" s="91"/>
      <c r="GI3745" s="91"/>
      <c r="GJ3745" s="91"/>
      <c r="GK3745" s="127"/>
      <c r="GL3745" s="126"/>
      <c r="GM3745" s="91"/>
      <c r="GN3745" s="91"/>
      <c r="GO3745" s="91"/>
      <c r="GP3745" s="91"/>
      <c r="GQ3745" s="91"/>
      <c r="GR3745" s="91"/>
      <c r="GS3745" s="91"/>
      <c r="GT3745" s="91"/>
      <c r="GU3745" s="91"/>
      <c r="GV3745" s="91"/>
      <c r="GW3745" s="91"/>
      <c r="GX3745" s="127"/>
      <c r="GY3745" s="126"/>
      <c r="GZ3745" s="91"/>
      <c r="HA3745" s="91"/>
      <c r="HB3745" s="91"/>
      <c r="HC3745" s="91"/>
      <c r="HD3745" s="91"/>
      <c r="HE3745" s="91"/>
      <c r="HF3745" s="91"/>
      <c r="HG3745" s="91"/>
      <c r="HH3745" s="91"/>
      <c r="HI3745" s="91"/>
      <c r="HJ3745" s="91"/>
      <c r="HK3745" s="127"/>
      <c r="HL3745" s="126"/>
      <c r="HM3745" s="91"/>
      <c r="HN3745" s="91"/>
      <c r="HO3745" s="91"/>
      <c r="HP3745" s="91"/>
      <c r="HQ3745" s="91"/>
      <c r="HR3745" s="91"/>
      <c r="HS3745" s="91"/>
      <c r="HT3745" s="91"/>
      <c r="HU3745" s="91"/>
      <c r="HV3745" s="91"/>
      <c r="HW3745" s="91"/>
      <c r="HX3745" s="127"/>
      <c r="HY3745" s="126"/>
      <c r="HZ3745" s="91"/>
      <c r="IA3745" s="91"/>
      <c r="IB3745" s="91"/>
      <c r="IC3745" s="91"/>
      <c r="ID3745" s="91"/>
      <c r="IE3745" s="91"/>
      <c r="IF3745" s="91"/>
      <c r="IG3745" s="91"/>
      <c r="IH3745" s="91"/>
      <c r="II3745" s="91"/>
      <c r="IJ3745" s="91"/>
      <c r="IK3745" s="174"/>
    </row>
    <row r="3746" spans="2:245" x14ac:dyDescent="0.2">
      <c r="B3746" s="43"/>
      <c r="C3746" s="73"/>
      <c r="D3746" s="64"/>
      <c r="E3746" s="64"/>
      <c r="F3746" s="55"/>
      <c r="G3746" s="102"/>
      <c r="H3746" s="97"/>
      <c r="T3746" s="98"/>
      <c r="U3746" s="97"/>
      <c r="AG3746" s="98"/>
      <c r="AY3746" s="164"/>
      <c r="BK3746" s="98"/>
      <c r="BL3746" s="97"/>
      <c r="BX3746" s="98"/>
      <c r="CL3746" s="97"/>
      <c r="CX3746" s="98"/>
      <c r="DL3746" s="97"/>
      <c r="DX3746" s="98"/>
      <c r="EL3746" s="97"/>
      <c r="EX3746" s="98"/>
      <c r="EY3746" s="97"/>
      <c r="FL3746" s="126"/>
      <c r="FM3746" s="91"/>
      <c r="FN3746" s="91"/>
      <c r="FO3746" s="91"/>
      <c r="FP3746" s="91"/>
      <c r="FQ3746" s="91"/>
      <c r="FR3746" s="91"/>
      <c r="FS3746" s="91"/>
      <c r="FT3746" s="91"/>
      <c r="FU3746" s="91"/>
      <c r="FV3746" s="91"/>
      <c r="FW3746" s="91"/>
      <c r="FX3746" s="127"/>
      <c r="FY3746" s="126"/>
      <c r="FZ3746" s="91"/>
      <c r="GA3746" s="91"/>
      <c r="GB3746" s="91"/>
      <c r="GC3746" s="91"/>
      <c r="GD3746" s="91"/>
      <c r="GE3746" s="91"/>
      <c r="GF3746" s="91"/>
      <c r="GG3746" s="91"/>
      <c r="GH3746" s="91"/>
      <c r="GI3746" s="91"/>
      <c r="GJ3746" s="91"/>
      <c r="GK3746" s="127"/>
      <c r="GL3746" s="126"/>
      <c r="GM3746" s="91"/>
      <c r="GN3746" s="91"/>
      <c r="GO3746" s="91"/>
      <c r="GP3746" s="91"/>
      <c r="GQ3746" s="91"/>
      <c r="GR3746" s="91"/>
      <c r="GS3746" s="91"/>
      <c r="GT3746" s="91"/>
      <c r="GU3746" s="91"/>
      <c r="GV3746" s="91"/>
      <c r="GW3746" s="91"/>
      <c r="GX3746" s="127"/>
      <c r="GY3746" s="126"/>
      <c r="GZ3746" s="91"/>
      <c r="HA3746" s="91"/>
      <c r="HB3746" s="91"/>
      <c r="HC3746" s="91"/>
      <c r="HD3746" s="91"/>
      <c r="HE3746" s="91"/>
      <c r="HF3746" s="91"/>
      <c r="HG3746" s="91"/>
      <c r="HH3746" s="91"/>
      <c r="HI3746" s="91"/>
      <c r="HJ3746" s="91"/>
      <c r="HK3746" s="127"/>
      <c r="HL3746" s="126"/>
      <c r="HM3746" s="91"/>
      <c r="HN3746" s="91"/>
      <c r="HO3746" s="91"/>
      <c r="HP3746" s="91"/>
      <c r="HQ3746" s="91"/>
      <c r="HR3746" s="91"/>
      <c r="HS3746" s="91"/>
      <c r="HT3746" s="91"/>
      <c r="HU3746" s="91"/>
      <c r="HV3746" s="91"/>
      <c r="HW3746" s="91"/>
      <c r="HX3746" s="127"/>
      <c r="HY3746" s="126"/>
      <c r="HZ3746" s="91"/>
      <c r="IA3746" s="91"/>
      <c r="IB3746" s="91"/>
      <c r="IC3746" s="91"/>
      <c r="ID3746" s="91"/>
      <c r="IE3746" s="91"/>
      <c r="IF3746" s="91"/>
      <c r="IG3746" s="91"/>
      <c r="IH3746" s="91"/>
      <c r="II3746" s="91"/>
      <c r="IJ3746" s="91"/>
      <c r="IK3746" s="174"/>
    </row>
    <row r="3747" spans="2:245" x14ac:dyDescent="0.2">
      <c r="B3747" s="43"/>
      <c r="C3747" s="73"/>
      <c r="D3747" s="64"/>
      <c r="E3747" s="64"/>
      <c r="F3747" s="55"/>
      <c r="G3747" s="102"/>
      <c r="H3747" s="97"/>
      <c r="T3747" s="98"/>
      <c r="U3747" s="97"/>
      <c r="AG3747" s="98"/>
      <c r="AY3747" s="164"/>
      <c r="BK3747" s="98"/>
      <c r="BL3747" s="97"/>
      <c r="BX3747" s="98"/>
      <c r="CL3747" s="97"/>
      <c r="CX3747" s="98"/>
      <c r="DL3747" s="97"/>
      <c r="DX3747" s="98"/>
      <c r="EL3747" s="97"/>
      <c r="EX3747" s="98"/>
      <c r="EY3747" s="97"/>
      <c r="FL3747" s="126"/>
      <c r="FM3747" s="91"/>
      <c r="FN3747" s="91"/>
      <c r="FO3747" s="91"/>
      <c r="FP3747" s="91"/>
      <c r="FQ3747" s="91"/>
      <c r="FR3747" s="91"/>
      <c r="FS3747" s="91"/>
      <c r="FT3747" s="91"/>
      <c r="FU3747" s="91"/>
      <c r="FV3747" s="91"/>
      <c r="FW3747" s="91"/>
      <c r="FX3747" s="127"/>
      <c r="FY3747" s="126"/>
      <c r="FZ3747" s="91"/>
      <c r="GA3747" s="91"/>
      <c r="GB3747" s="91"/>
      <c r="GC3747" s="91"/>
      <c r="GD3747" s="91"/>
      <c r="GE3747" s="91"/>
      <c r="GF3747" s="91"/>
      <c r="GG3747" s="91"/>
      <c r="GH3747" s="91"/>
      <c r="GI3747" s="91"/>
      <c r="GJ3747" s="91"/>
      <c r="GK3747" s="127"/>
      <c r="GL3747" s="126"/>
      <c r="GM3747" s="91"/>
      <c r="GN3747" s="91"/>
      <c r="GO3747" s="91"/>
      <c r="GP3747" s="91"/>
      <c r="GQ3747" s="91"/>
      <c r="GR3747" s="91"/>
      <c r="GS3747" s="91"/>
      <c r="GT3747" s="91"/>
      <c r="GU3747" s="91"/>
      <c r="GV3747" s="91"/>
      <c r="GW3747" s="91"/>
      <c r="GX3747" s="127"/>
      <c r="GY3747" s="126"/>
      <c r="GZ3747" s="91"/>
      <c r="HA3747" s="91"/>
      <c r="HB3747" s="91"/>
      <c r="HC3747" s="91"/>
      <c r="HD3747" s="91"/>
      <c r="HE3747" s="91"/>
      <c r="HF3747" s="91"/>
      <c r="HG3747" s="91"/>
      <c r="HH3747" s="91"/>
      <c r="HI3747" s="91"/>
      <c r="HJ3747" s="91"/>
      <c r="HK3747" s="127"/>
      <c r="HL3747" s="126"/>
      <c r="HM3747" s="91"/>
      <c r="HN3747" s="91"/>
      <c r="HO3747" s="91"/>
      <c r="HP3747" s="91"/>
      <c r="HQ3747" s="91"/>
      <c r="HR3747" s="91"/>
      <c r="HS3747" s="91"/>
      <c r="HT3747" s="91"/>
      <c r="HU3747" s="91"/>
      <c r="HV3747" s="91"/>
      <c r="HW3747" s="91"/>
      <c r="HX3747" s="127"/>
      <c r="HY3747" s="126"/>
      <c r="HZ3747" s="91"/>
      <c r="IA3747" s="91"/>
      <c r="IB3747" s="91"/>
      <c r="IC3747" s="91"/>
      <c r="ID3747" s="91"/>
      <c r="IE3747" s="91"/>
      <c r="IF3747" s="91"/>
      <c r="IG3747" s="91"/>
      <c r="IH3747" s="91"/>
      <c r="II3747" s="91"/>
      <c r="IJ3747" s="91"/>
      <c r="IK3747" s="174"/>
    </row>
    <row r="3748" spans="2:245" x14ac:dyDescent="0.2">
      <c r="B3748" s="43"/>
      <c r="C3748" s="73"/>
      <c r="D3748" s="64"/>
      <c r="E3748" s="64"/>
      <c r="F3748" s="55"/>
      <c r="G3748" s="102"/>
      <c r="H3748" s="97"/>
      <c r="T3748" s="98"/>
      <c r="U3748" s="97"/>
      <c r="AG3748" s="98"/>
      <c r="AY3748" s="164"/>
      <c r="BK3748" s="98"/>
      <c r="BL3748" s="97"/>
      <c r="BX3748" s="98"/>
      <c r="CL3748" s="97"/>
      <c r="CX3748" s="98"/>
      <c r="DL3748" s="97"/>
      <c r="DX3748" s="98"/>
      <c r="EL3748" s="97"/>
      <c r="EX3748" s="98"/>
      <c r="EY3748" s="97"/>
      <c r="FL3748" s="126"/>
      <c r="FM3748" s="91"/>
      <c r="FN3748" s="91"/>
      <c r="FO3748" s="91"/>
      <c r="FP3748" s="91"/>
      <c r="FQ3748" s="91"/>
      <c r="FR3748" s="91"/>
      <c r="FS3748" s="91"/>
      <c r="FT3748" s="91"/>
      <c r="FU3748" s="91"/>
      <c r="FV3748" s="91"/>
      <c r="FW3748" s="91"/>
      <c r="FX3748" s="127"/>
      <c r="FY3748" s="126"/>
      <c r="FZ3748" s="91"/>
      <c r="GA3748" s="91"/>
      <c r="GB3748" s="91"/>
      <c r="GC3748" s="91"/>
      <c r="GD3748" s="91"/>
      <c r="GE3748" s="91"/>
      <c r="GF3748" s="91"/>
      <c r="GG3748" s="91"/>
      <c r="GH3748" s="91"/>
      <c r="GI3748" s="91"/>
      <c r="GJ3748" s="91"/>
      <c r="GK3748" s="127"/>
      <c r="GL3748" s="126"/>
      <c r="GM3748" s="91"/>
      <c r="GN3748" s="91"/>
      <c r="GO3748" s="91"/>
      <c r="GP3748" s="91"/>
      <c r="GQ3748" s="91"/>
      <c r="GR3748" s="91"/>
      <c r="GS3748" s="91"/>
      <c r="GT3748" s="91"/>
      <c r="GU3748" s="91"/>
      <c r="GV3748" s="91"/>
      <c r="GW3748" s="91"/>
      <c r="GX3748" s="127"/>
      <c r="GY3748" s="126"/>
      <c r="GZ3748" s="91"/>
      <c r="HA3748" s="91"/>
      <c r="HB3748" s="91"/>
      <c r="HC3748" s="91"/>
      <c r="HD3748" s="91"/>
      <c r="HE3748" s="91"/>
      <c r="HF3748" s="91"/>
      <c r="HG3748" s="91"/>
      <c r="HH3748" s="91"/>
      <c r="HI3748" s="91"/>
      <c r="HJ3748" s="91"/>
      <c r="HK3748" s="127"/>
      <c r="HL3748" s="126"/>
      <c r="HM3748" s="91"/>
      <c r="HN3748" s="91"/>
      <c r="HO3748" s="91"/>
      <c r="HP3748" s="91"/>
      <c r="HQ3748" s="91"/>
      <c r="HR3748" s="91"/>
      <c r="HS3748" s="91"/>
      <c r="HT3748" s="91"/>
      <c r="HU3748" s="91"/>
      <c r="HV3748" s="91"/>
      <c r="HW3748" s="91"/>
      <c r="HX3748" s="127"/>
      <c r="HY3748" s="126"/>
      <c r="HZ3748" s="91"/>
      <c r="IA3748" s="91"/>
      <c r="IB3748" s="91"/>
      <c r="IC3748" s="91"/>
      <c r="ID3748" s="91"/>
      <c r="IE3748" s="91"/>
      <c r="IF3748" s="91"/>
      <c r="IG3748" s="91"/>
      <c r="IH3748" s="91"/>
      <c r="II3748" s="91"/>
      <c r="IJ3748" s="91"/>
      <c r="IK3748" s="174"/>
    </row>
    <row r="3749" spans="2:245" x14ac:dyDescent="0.2">
      <c r="B3749" s="43"/>
      <c r="C3749" s="73"/>
      <c r="D3749" s="64"/>
      <c r="E3749" s="64"/>
      <c r="F3749" s="55"/>
      <c r="G3749" s="102"/>
      <c r="H3749" s="97"/>
      <c r="T3749" s="98"/>
      <c r="U3749" s="97"/>
      <c r="AG3749" s="98"/>
      <c r="AY3749" s="164"/>
      <c r="BK3749" s="98"/>
      <c r="BL3749" s="97"/>
      <c r="BX3749" s="98"/>
      <c r="CL3749" s="97"/>
      <c r="CX3749" s="98"/>
      <c r="DL3749" s="97"/>
      <c r="DX3749" s="98"/>
      <c r="EL3749" s="97"/>
      <c r="EX3749" s="98"/>
      <c r="EY3749" s="97"/>
      <c r="FL3749" s="126"/>
      <c r="FM3749" s="91"/>
      <c r="FN3749" s="91"/>
      <c r="FO3749" s="91"/>
      <c r="FP3749" s="91"/>
      <c r="FQ3749" s="91"/>
      <c r="FR3749" s="91"/>
      <c r="FS3749" s="91"/>
      <c r="FT3749" s="91"/>
      <c r="FU3749" s="91"/>
      <c r="FV3749" s="91"/>
      <c r="FW3749" s="91"/>
      <c r="FX3749" s="127"/>
      <c r="FY3749" s="126"/>
      <c r="FZ3749" s="91"/>
      <c r="GA3749" s="91"/>
      <c r="GB3749" s="91"/>
      <c r="GC3749" s="91"/>
      <c r="GD3749" s="91"/>
      <c r="GE3749" s="91"/>
      <c r="GF3749" s="91"/>
      <c r="GG3749" s="91"/>
      <c r="GH3749" s="91"/>
      <c r="GI3749" s="91"/>
      <c r="GJ3749" s="91"/>
      <c r="GK3749" s="127"/>
      <c r="GL3749" s="126"/>
      <c r="GM3749" s="91"/>
      <c r="GN3749" s="91"/>
      <c r="GO3749" s="91"/>
      <c r="GP3749" s="91"/>
      <c r="GQ3749" s="91"/>
      <c r="GR3749" s="91"/>
      <c r="GS3749" s="91"/>
      <c r="GT3749" s="91"/>
      <c r="GU3749" s="91"/>
      <c r="GV3749" s="91"/>
      <c r="GW3749" s="91"/>
      <c r="GX3749" s="127"/>
      <c r="GY3749" s="126"/>
      <c r="GZ3749" s="91"/>
      <c r="HA3749" s="91"/>
      <c r="HB3749" s="91"/>
      <c r="HC3749" s="91"/>
      <c r="HD3749" s="91"/>
      <c r="HE3749" s="91"/>
      <c r="HF3749" s="91"/>
      <c r="HG3749" s="91"/>
      <c r="HH3749" s="91"/>
      <c r="HI3749" s="91"/>
      <c r="HJ3749" s="91"/>
      <c r="HK3749" s="127"/>
      <c r="HL3749" s="126"/>
      <c r="HM3749" s="91"/>
      <c r="HN3749" s="91"/>
      <c r="HO3749" s="91"/>
      <c r="HP3749" s="91"/>
      <c r="HQ3749" s="91"/>
      <c r="HR3749" s="91"/>
      <c r="HS3749" s="91"/>
      <c r="HT3749" s="91"/>
      <c r="HU3749" s="91"/>
      <c r="HV3749" s="91"/>
      <c r="HW3749" s="91"/>
      <c r="HX3749" s="127"/>
      <c r="HY3749" s="126"/>
      <c r="HZ3749" s="91"/>
      <c r="IA3749" s="91"/>
      <c r="IB3749" s="91"/>
      <c r="IC3749" s="91"/>
      <c r="ID3749" s="91"/>
      <c r="IE3749" s="91"/>
      <c r="IF3749" s="91"/>
      <c r="IG3749" s="91"/>
      <c r="IH3749" s="91"/>
      <c r="II3749" s="91"/>
      <c r="IJ3749" s="91"/>
      <c r="IK3749" s="174"/>
    </row>
    <row r="3750" spans="2:245" x14ac:dyDescent="0.2">
      <c r="B3750" s="43"/>
      <c r="C3750" s="73"/>
      <c r="D3750" s="64"/>
      <c r="E3750" s="64"/>
      <c r="F3750" s="55"/>
      <c r="G3750" s="102"/>
      <c r="H3750" s="97"/>
      <c r="T3750" s="98"/>
      <c r="U3750" s="97"/>
      <c r="AG3750" s="98"/>
      <c r="AY3750" s="164"/>
      <c r="BK3750" s="98"/>
      <c r="BL3750" s="97"/>
      <c r="BX3750" s="98"/>
      <c r="CL3750" s="97"/>
      <c r="CX3750" s="98"/>
      <c r="DL3750" s="97"/>
      <c r="DX3750" s="98"/>
      <c r="EL3750" s="97"/>
      <c r="EX3750" s="98"/>
      <c r="EY3750" s="97"/>
      <c r="FL3750" s="126"/>
      <c r="FM3750" s="91"/>
      <c r="FN3750" s="91"/>
      <c r="FO3750" s="91"/>
      <c r="FP3750" s="91"/>
      <c r="FQ3750" s="91"/>
      <c r="FR3750" s="91"/>
      <c r="FS3750" s="91"/>
      <c r="FT3750" s="91"/>
      <c r="FU3750" s="91"/>
      <c r="FV3750" s="91"/>
      <c r="FW3750" s="91"/>
      <c r="FX3750" s="127"/>
      <c r="FY3750" s="126"/>
      <c r="FZ3750" s="91"/>
      <c r="GA3750" s="91"/>
      <c r="GB3750" s="91"/>
      <c r="GC3750" s="91"/>
      <c r="GD3750" s="91"/>
      <c r="GE3750" s="91"/>
      <c r="GF3750" s="91"/>
      <c r="GG3750" s="91"/>
      <c r="GH3750" s="91"/>
      <c r="GI3750" s="91"/>
      <c r="GJ3750" s="91"/>
      <c r="GK3750" s="127"/>
      <c r="GL3750" s="126"/>
      <c r="GM3750" s="91"/>
      <c r="GN3750" s="91"/>
      <c r="GO3750" s="91"/>
      <c r="GP3750" s="91"/>
      <c r="GQ3750" s="91"/>
      <c r="GR3750" s="91"/>
      <c r="GS3750" s="91"/>
      <c r="GT3750" s="91"/>
      <c r="GU3750" s="91"/>
      <c r="GV3750" s="91"/>
      <c r="GW3750" s="91"/>
      <c r="GX3750" s="127"/>
      <c r="GY3750" s="126"/>
      <c r="GZ3750" s="91"/>
      <c r="HA3750" s="91"/>
      <c r="HB3750" s="91"/>
      <c r="HC3750" s="91"/>
      <c r="HD3750" s="91"/>
      <c r="HE3750" s="91"/>
      <c r="HF3750" s="91"/>
      <c r="HG3750" s="91"/>
      <c r="HH3750" s="91"/>
      <c r="HI3750" s="91"/>
      <c r="HJ3750" s="91"/>
      <c r="HK3750" s="127"/>
      <c r="HL3750" s="126"/>
      <c r="HM3750" s="91"/>
      <c r="HN3750" s="91"/>
      <c r="HO3750" s="91"/>
      <c r="HP3750" s="91"/>
      <c r="HQ3750" s="91"/>
      <c r="HR3750" s="91"/>
      <c r="HS3750" s="91"/>
      <c r="HT3750" s="91"/>
      <c r="HU3750" s="91"/>
      <c r="HV3750" s="91"/>
      <c r="HW3750" s="91"/>
      <c r="HX3750" s="127"/>
      <c r="HY3750" s="126"/>
      <c r="HZ3750" s="91"/>
      <c r="IA3750" s="91"/>
      <c r="IB3750" s="91"/>
      <c r="IC3750" s="91"/>
      <c r="ID3750" s="91"/>
      <c r="IE3750" s="91"/>
      <c r="IF3750" s="91"/>
      <c r="IG3750" s="91"/>
      <c r="IH3750" s="91"/>
      <c r="II3750" s="91"/>
      <c r="IJ3750" s="91"/>
      <c r="IK3750" s="174"/>
    </row>
    <row r="3751" spans="2:245" x14ac:dyDescent="0.2">
      <c r="B3751" s="43"/>
      <c r="C3751" s="73"/>
      <c r="D3751" s="64"/>
      <c r="E3751" s="64"/>
      <c r="F3751" s="55"/>
      <c r="G3751" s="102"/>
      <c r="H3751" s="97"/>
      <c r="T3751" s="98"/>
      <c r="U3751" s="97"/>
      <c r="AG3751" s="98"/>
      <c r="AY3751" s="164"/>
      <c r="BK3751" s="98"/>
      <c r="BL3751" s="97"/>
      <c r="BX3751" s="98"/>
      <c r="CL3751" s="97"/>
      <c r="CX3751" s="98"/>
      <c r="DL3751" s="97"/>
      <c r="DX3751" s="98"/>
      <c r="EL3751" s="97"/>
      <c r="EX3751" s="98"/>
      <c r="EY3751" s="97"/>
      <c r="FL3751" s="126"/>
      <c r="FM3751" s="91"/>
      <c r="FN3751" s="91"/>
      <c r="FO3751" s="91"/>
      <c r="FP3751" s="91"/>
      <c r="FQ3751" s="91"/>
      <c r="FR3751" s="91"/>
      <c r="FS3751" s="91"/>
      <c r="FT3751" s="91"/>
      <c r="FU3751" s="91"/>
      <c r="FV3751" s="91"/>
      <c r="FW3751" s="91"/>
      <c r="FX3751" s="127"/>
      <c r="FY3751" s="126"/>
      <c r="FZ3751" s="91"/>
      <c r="GA3751" s="91"/>
      <c r="GB3751" s="91"/>
      <c r="GC3751" s="91"/>
      <c r="GD3751" s="91"/>
      <c r="GE3751" s="91"/>
      <c r="GF3751" s="91"/>
      <c r="GG3751" s="91"/>
      <c r="GH3751" s="91"/>
      <c r="GI3751" s="91"/>
      <c r="GJ3751" s="91"/>
      <c r="GK3751" s="127"/>
      <c r="GL3751" s="126"/>
      <c r="GM3751" s="91"/>
      <c r="GN3751" s="91"/>
      <c r="GO3751" s="91"/>
      <c r="GP3751" s="91"/>
      <c r="GQ3751" s="91"/>
      <c r="GR3751" s="91"/>
      <c r="GS3751" s="91"/>
      <c r="GT3751" s="91"/>
      <c r="GU3751" s="91"/>
      <c r="GV3751" s="91"/>
      <c r="GW3751" s="91"/>
      <c r="GX3751" s="127"/>
      <c r="GY3751" s="126"/>
      <c r="GZ3751" s="91"/>
      <c r="HA3751" s="91"/>
      <c r="HB3751" s="91"/>
      <c r="HC3751" s="91"/>
      <c r="HD3751" s="91"/>
      <c r="HE3751" s="91"/>
      <c r="HF3751" s="91"/>
      <c r="HG3751" s="91"/>
      <c r="HH3751" s="91"/>
      <c r="HI3751" s="91"/>
      <c r="HJ3751" s="91"/>
      <c r="HK3751" s="127"/>
      <c r="HL3751" s="126"/>
      <c r="HM3751" s="91"/>
      <c r="HN3751" s="91"/>
      <c r="HO3751" s="91"/>
      <c r="HP3751" s="91"/>
      <c r="HQ3751" s="91"/>
      <c r="HR3751" s="91"/>
      <c r="HS3751" s="91"/>
      <c r="HT3751" s="91"/>
      <c r="HU3751" s="91"/>
      <c r="HV3751" s="91"/>
      <c r="HW3751" s="91"/>
      <c r="HX3751" s="127"/>
      <c r="HY3751" s="126"/>
      <c r="HZ3751" s="91"/>
      <c r="IA3751" s="91"/>
      <c r="IB3751" s="91"/>
      <c r="IC3751" s="91"/>
      <c r="ID3751" s="91"/>
      <c r="IE3751" s="91"/>
      <c r="IF3751" s="91"/>
      <c r="IG3751" s="91"/>
      <c r="IH3751" s="91"/>
      <c r="II3751" s="91"/>
      <c r="IJ3751" s="91"/>
      <c r="IK3751" s="174"/>
    </row>
    <row r="3752" spans="2:245" x14ac:dyDescent="0.2">
      <c r="B3752" s="43"/>
      <c r="C3752" s="73"/>
      <c r="D3752" s="64"/>
      <c r="E3752" s="64"/>
      <c r="F3752" s="55"/>
      <c r="G3752" s="102"/>
      <c r="H3752" s="97"/>
      <c r="T3752" s="98"/>
      <c r="U3752" s="97"/>
      <c r="AG3752" s="98"/>
      <c r="AY3752" s="164"/>
      <c r="BK3752" s="98"/>
      <c r="BL3752" s="97"/>
      <c r="BX3752" s="98"/>
      <c r="CL3752" s="97"/>
      <c r="CX3752" s="98"/>
      <c r="DL3752" s="97"/>
      <c r="DX3752" s="98"/>
      <c r="EL3752" s="97"/>
      <c r="EX3752" s="98"/>
      <c r="EY3752" s="97"/>
      <c r="FL3752" s="126"/>
      <c r="FM3752" s="91"/>
      <c r="FN3752" s="91"/>
      <c r="FO3752" s="91"/>
      <c r="FP3752" s="91"/>
      <c r="FQ3752" s="91"/>
      <c r="FR3752" s="91"/>
      <c r="FS3752" s="91"/>
      <c r="FT3752" s="91"/>
      <c r="FU3752" s="91"/>
      <c r="FV3752" s="91"/>
      <c r="FW3752" s="91"/>
      <c r="FX3752" s="127"/>
      <c r="FY3752" s="126"/>
      <c r="FZ3752" s="91"/>
      <c r="GA3752" s="91"/>
      <c r="GB3752" s="91"/>
      <c r="GC3752" s="91"/>
      <c r="GD3752" s="91"/>
      <c r="GE3752" s="91"/>
      <c r="GF3752" s="91"/>
      <c r="GG3752" s="91"/>
      <c r="GH3752" s="91"/>
      <c r="GI3752" s="91"/>
      <c r="GJ3752" s="91"/>
      <c r="GK3752" s="127"/>
      <c r="GL3752" s="126"/>
      <c r="GM3752" s="91"/>
      <c r="GN3752" s="91"/>
      <c r="GO3752" s="91"/>
      <c r="GP3752" s="91"/>
      <c r="GQ3752" s="91"/>
      <c r="GR3752" s="91"/>
      <c r="GS3752" s="91"/>
      <c r="GT3752" s="91"/>
      <c r="GU3752" s="91"/>
      <c r="GV3752" s="91"/>
      <c r="GW3752" s="91"/>
      <c r="GX3752" s="127"/>
      <c r="GY3752" s="126"/>
      <c r="GZ3752" s="91"/>
      <c r="HA3752" s="91"/>
      <c r="HB3752" s="91"/>
      <c r="HC3752" s="91"/>
      <c r="HD3752" s="91"/>
      <c r="HE3752" s="91"/>
      <c r="HF3752" s="91"/>
      <c r="HG3752" s="91"/>
      <c r="HH3752" s="91"/>
      <c r="HI3752" s="91"/>
      <c r="HJ3752" s="91"/>
      <c r="HK3752" s="127"/>
      <c r="HL3752" s="126"/>
      <c r="HM3752" s="91"/>
      <c r="HN3752" s="91"/>
      <c r="HO3752" s="91"/>
      <c r="HP3752" s="91"/>
      <c r="HQ3752" s="91"/>
      <c r="HR3752" s="91"/>
      <c r="HS3752" s="91"/>
      <c r="HT3752" s="91"/>
      <c r="HU3752" s="91"/>
      <c r="HV3752" s="91"/>
      <c r="HW3752" s="91"/>
      <c r="HX3752" s="127"/>
      <c r="HY3752" s="126"/>
      <c r="HZ3752" s="91"/>
      <c r="IA3752" s="91"/>
      <c r="IB3752" s="91"/>
      <c r="IC3752" s="91"/>
      <c r="ID3752" s="91"/>
      <c r="IE3752" s="91"/>
      <c r="IF3752" s="91"/>
      <c r="IG3752" s="91"/>
      <c r="IH3752" s="91"/>
      <c r="II3752" s="91"/>
      <c r="IJ3752" s="91"/>
      <c r="IK3752" s="174"/>
    </row>
    <row r="3753" spans="2:245" x14ac:dyDescent="0.2">
      <c r="B3753" s="43"/>
      <c r="C3753" s="73"/>
      <c r="D3753" s="64"/>
      <c r="E3753" s="64"/>
      <c r="F3753" s="55"/>
      <c r="G3753" s="102"/>
      <c r="H3753" s="97"/>
      <c r="T3753" s="98"/>
      <c r="U3753" s="97"/>
      <c r="AG3753" s="98"/>
      <c r="AY3753" s="164"/>
      <c r="BK3753" s="98"/>
      <c r="BL3753" s="97"/>
      <c r="BX3753" s="98"/>
      <c r="CL3753" s="97"/>
      <c r="CX3753" s="98"/>
      <c r="DL3753" s="97"/>
      <c r="DX3753" s="98"/>
      <c r="EL3753" s="97"/>
      <c r="EX3753" s="98"/>
      <c r="EY3753" s="97"/>
      <c r="FL3753" s="126"/>
      <c r="FM3753" s="91"/>
      <c r="FN3753" s="91"/>
      <c r="FO3753" s="91"/>
      <c r="FP3753" s="91"/>
      <c r="FQ3753" s="91"/>
      <c r="FR3753" s="91"/>
      <c r="FS3753" s="91"/>
      <c r="FT3753" s="91"/>
      <c r="FU3753" s="91"/>
      <c r="FV3753" s="91"/>
      <c r="FW3753" s="91"/>
      <c r="FX3753" s="127"/>
      <c r="FY3753" s="126"/>
      <c r="FZ3753" s="91"/>
      <c r="GA3753" s="91"/>
      <c r="GB3753" s="91"/>
      <c r="GC3753" s="91"/>
      <c r="GD3753" s="91"/>
      <c r="GE3753" s="91"/>
      <c r="GF3753" s="91"/>
      <c r="GG3753" s="91"/>
      <c r="GH3753" s="91"/>
      <c r="GI3753" s="91"/>
      <c r="GJ3753" s="91"/>
      <c r="GK3753" s="127"/>
      <c r="GL3753" s="126"/>
      <c r="GM3753" s="91"/>
      <c r="GN3753" s="91"/>
      <c r="GO3753" s="91"/>
      <c r="GP3753" s="91"/>
      <c r="GQ3753" s="91"/>
      <c r="GR3753" s="91"/>
      <c r="GS3753" s="91"/>
      <c r="GT3753" s="91"/>
      <c r="GU3753" s="91"/>
      <c r="GV3753" s="91"/>
      <c r="GW3753" s="91"/>
      <c r="GX3753" s="127"/>
      <c r="GY3753" s="126"/>
      <c r="GZ3753" s="91"/>
      <c r="HA3753" s="91"/>
      <c r="HB3753" s="91"/>
      <c r="HC3753" s="91"/>
      <c r="HD3753" s="91"/>
      <c r="HE3753" s="91"/>
      <c r="HF3753" s="91"/>
      <c r="HG3753" s="91"/>
      <c r="HH3753" s="91"/>
      <c r="HI3753" s="91"/>
      <c r="HJ3753" s="91"/>
      <c r="HK3753" s="127"/>
      <c r="HL3753" s="126"/>
      <c r="HM3753" s="91"/>
      <c r="HN3753" s="91"/>
      <c r="HO3753" s="91"/>
      <c r="HP3753" s="91"/>
      <c r="HQ3753" s="91"/>
      <c r="HR3753" s="91"/>
      <c r="HS3753" s="91"/>
      <c r="HT3753" s="91"/>
      <c r="HU3753" s="91"/>
      <c r="HV3753" s="91"/>
      <c r="HW3753" s="91"/>
      <c r="HX3753" s="127"/>
      <c r="HY3753" s="126"/>
      <c r="HZ3753" s="91"/>
      <c r="IA3753" s="91"/>
      <c r="IB3753" s="91"/>
      <c r="IC3753" s="91"/>
      <c r="ID3753" s="91"/>
      <c r="IE3753" s="91"/>
      <c r="IF3753" s="91"/>
      <c r="IG3753" s="91"/>
      <c r="IH3753" s="91"/>
      <c r="II3753" s="91"/>
      <c r="IJ3753" s="91"/>
      <c r="IK3753" s="174"/>
    </row>
    <row r="3754" spans="2:245" x14ac:dyDescent="0.2">
      <c r="B3754" s="43"/>
      <c r="C3754" s="73"/>
      <c r="D3754" s="64"/>
      <c r="E3754" s="64"/>
      <c r="F3754" s="55"/>
      <c r="G3754" s="102"/>
      <c r="H3754" s="97"/>
      <c r="T3754" s="98"/>
      <c r="U3754" s="97"/>
      <c r="AG3754" s="98"/>
      <c r="AY3754" s="164"/>
      <c r="BK3754" s="98"/>
      <c r="BL3754" s="97"/>
      <c r="BX3754" s="98"/>
      <c r="CL3754" s="97"/>
      <c r="CX3754" s="98"/>
      <c r="DL3754" s="97"/>
      <c r="DX3754" s="98"/>
      <c r="EL3754" s="97"/>
      <c r="EX3754" s="98"/>
      <c r="EY3754" s="97"/>
      <c r="FL3754" s="126"/>
      <c r="FM3754" s="91"/>
      <c r="FN3754" s="91"/>
      <c r="FO3754" s="91"/>
      <c r="FP3754" s="91"/>
      <c r="FQ3754" s="91"/>
      <c r="FR3754" s="91"/>
      <c r="FS3754" s="91"/>
      <c r="FT3754" s="91"/>
      <c r="FU3754" s="91"/>
      <c r="FV3754" s="91"/>
      <c r="FW3754" s="91"/>
      <c r="FX3754" s="127"/>
      <c r="FY3754" s="126"/>
      <c r="FZ3754" s="91"/>
      <c r="GA3754" s="91"/>
      <c r="GB3754" s="91"/>
      <c r="GC3754" s="91"/>
      <c r="GD3754" s="91"/>
      <c r="GE3754" s="91"/>
      <c r="GF3754" s="91"/>
      <c r="GG3754" s="91"/>
      <c r="GH3754" s="91"/>
      <c r="GI3754" s="91"/>
      <c r="GJ3754" s="91"/>
      <c r="GK3754" s="127"/>
      <c r="GL3754" s="126"/>
      <c r="GM3754" s="91"/>
      <c r="GN3754" s="91"/>
      <c r="GO3754" s="91"/>
      <c r="GP3754" s="91"/>
      <c r="GQ3754" s="91"/>
      <c r="GR3754" s="91"/>
      <c r="GS3754" s="91"/>
      <c r="GT3754" s="91"/>
      <c r="GU3754" s="91"/>
      <c r="GV3754" s="91"/>
      <c r="GW3754" s="91"/>
      <c r="GX3754" s="127"/>
      <c r="GY3754" s="126"/>
      <c r="GZ3754" s="91"/>
      <c r="HA3754" s="91"/>
      <c r="HB3754" s="91"/>
      <c r="HC3754" s="91"/>
      <c r="HD3754" s="91"/>
      <c r="HE3754" s="91"/>
      <c r="HF3754" s="91"/>
      <c r="HG3754" s="91"/>
      <c r="HH3754" s="91"/>
      <c r="HI3754" s="91"/>
      <c r="HJ3754" s="91"/>
      <c r="HK3754" s="127"/>
      <c r="HL3754" s="126"/>
      <c r="HM3754" s="91"/>
      <c r="HN3754" s="91"/>
      <c r="HO3754" s="91"/>
      <c r="HP3754" s="91"/>
      <c r="HQ3754" s="91"/>
      <c r="HR3754" s="91"/>
      <c r="HS3754" s="91"/>
      <c r="HT3754" s="91"/>
      <c r="HU3754" s="91"/>
      <c r="HV3754" s="91"/>
      <c r="HW3754" s="91"/>
      <c r="HX3754" s="127"/>
      <c r="HY3754" s="126"/>
      <c r="HZ3754" s="91"/>
      <c r="IA3754" s="91"/>
      <c r="IB3754" s="91"/>
      <c r="IC3754" s="91"/>
      <c r="ID3754" s="91"/>
      <c r="IE3754" s="91"/>
      <c r="IF3754" s="91"/>
      <c r="IG3754" s="91"/>
      <c r="IH3754" s="91"/>
      <c r="II3754" s="91"/>
      <c r="IJ3754" s="91"/>
      <c r="IK3754" s="174"/>
    </row>
    <row r="3755" spans="2:245" x14ac:dyDescent="0.2">
      <c r="B3755" s="43"/>
      <c r="C3755" s="73"/>
      <c r="D3755" s="64"/>
      <c r="E3755" s="64"/>
      <c r="F3755" s="55"/>
      <c r="G3755" s="102"/>
      <c r="H3755" s="97"/>
      <c r="T3755" s="98"/>
      <c r="U3755" s="97"/>
      <c r="AG3755" s="98"/>
      <c r="AY3755" s="164"/>
      <c r="BK3755" s="98"/>
      <c r="BL3755" s="97"/>
      <c r="BX3755" s="98"/>
      <c r="CL3755" s="97"/>
      <c r="CX3755" s="98"/>
      <c r="DL3755" s="97"/>
      <c r="DX3755" s="98"/>
      <c r="EL3755" s="97"/>
      <c r="EX3755" s="98"/>
      <c r="EY3755" s="97"/>
      <c r="FL3755" s="126"/>
      <c r="FM3755" s="91"/>
      <c r="FN3755" s="91"/>
      <c r="FO3755" s="91"/>
      <c r="FP3755" s="91"/>
      <c r="FQ3755" s="91"/>
      <c r="FR3755" s="91"/>
      <c r="FS3755" s="91"/>
      <c r="FT3755" s="91"/>
      <c r="FU3755" s="91"/>
      <c r="FV3755" s="91"/>
      <c r="FW3755" s="91"/>
      <c r="FX3755" s="127"/>
      <c r="FY3755" s="126"/>
      <c r="FZ3755" s="91"/>
      <c r="GA3755" s="91"/>
      <c r="GB3755" s="91"/>
      <c r="GC3755" s="91"/>
      <c r="GD3755" s="91"/>
      <c r="GE3755" s="91"/>
      <c r="GF3755" s="91"/>
      <c r="GG3755" s="91"/>
      <c r="GH3755" s="91"/>
      <c r="GI3755" s="91"/>
      <c r="GJ3755" s="91"/>
      <c r="GK3755" s="127"/>
      <c r="GL3755" s="126"/>
      <c r="GM3755" s="91"/>
      <c r="GN3755" s="91"/>
      <c r="GO3755" s="91"/>
      <c r="GP3755" s="91"/>
      <c r="GQ3755" s="91"/>
      <c r="GR3755" s="91"/>
      <c r="GS3755" s="91"/>
      <c r="GT3755" s="91"/>
      <c r="GU3755" s="91"/>
      <c r="GV3755" s="91"/>
      <c r="GW3755" s="91"/>
      <c r="GX3755" s="127"/>
      <c r="GY3755" s="126"/>
      <c r="GZ3755" s="91"/>
      <c r="HA3755" s="91"/>
      <c r="HB3755" s="91"/>
      <c r="HC3755" s="91"/>
      <c r="HD3755" s="91"/>
      <c r="HE3755" s="91"/>
      <c r="HF3755" s="91"/>
      <c r="HG3755" s="91"/>
      <c r="HH3755" s="91"/>
      <c r="HI3755" s="91"/>
      <c r="HJ3755" s="91"/>
      <c r="HK3755" s="127"/>
      <c r="HL3755" s="126"/>
      <c r="HM3755" s="91"/>
      <c r="HN3755" s="91"/>
      <c r="HO3755" s="91"/>
      <c r="HP3755" s="91"/>
      <c r="HQ3755" s="91"/>
      <c r="HR3755" s="91"/>
      <c r="HS3755" s="91"/>
      <c r="HT3755" s="91"/>
      <c r="HU3755" s="91"/>
      <c r="HV3755" s="91"/>
      <c r="HW3755" s="91"/>
      <c r="HX3755" s="127"/>
      <c r="HY3755" s="126"/>
      <c r="HZ3755" s="91"/>
      <c r="IA3755" s="91"/>
      <c r="IB3755" s="91"/>
      <c r="IC3755" s="91"/>
      <c r="ID3755" s="91"/>
      <c r="IE3755" s="91"/>
      <c r="IF3755" s="91"/>
      <c r="IG3755" s="91"/>
      <c r="IH3755" s="91"/>
      <c r="II3755" s="91"/>
      <c r="IJ3755" s="91"/>
      <c r="IK3755" s="174"/>
    </row>
    <row r="3756" spans="2:245" x14ac:dyDescent="0.2">
      <c r="B3756" s="43"/>
      <c r="C3756" s="73"/>
      <c r="D3756" s="64"/>
      <c r="E3756" s="64"/>
      <c r="F3756" s="55"/>
      <c r="G3756" s="102"/>
      <c r="H3756" s="97"/>
      <c r="T3756" s="98"/>
      <c r="U3756" s="97"/>
      <c r="AG3756" s="98"/>
      <c r="AY3756" s="164"/>
      <c r="BK3756" s="98"/>
      <c r="BL3756" s="97"/>
      <c r="BX3756" s="98"/>
      <c r="CL3756" s="97"/>
      <c r="CX3756" s="98"/>
      <c r="DL3756" s="97"/>
      <c r="DX3756" s="98"/>
      <c r="EL3756" s="97"/>
      <c r="EX3756" s="98"/>
      <c r="EY3756" s="97"/>
      <c r="FL3756" s="126"/>
      <c r="FM3756" s="91"/>
      <c r="FN3756" s="91"/>
      <c r="FO3756" s="91"/>
      <c r="FP3756" s="91"/>
      <c r="FQ3756" s="91"/>
      <c r="FR3756" s="91"/>
      <c r="FS3756" s="91"/>
      <c r="FT3756" s="91"/>
      <c r="FU3756" s="91"/>
      <c r="FV3756" s="91"/>
      <c r="FW3756" s="91"/>
      <c r="FX3756" s="127"/>
      <c r="FY3756" s="126"/>
      <c r="FZ3756" s="91"/>
      <c r="GA3756" s="91"/>
      <c r="GB3756" s="91"/>
      <c r="GC3756" s="91"/>
      <c r="GD3756" s="91"/>
      <c r="GE3756" s="91"/>
      <c r="GF3756" s="91"/>
      <c r="GG3756" s="91"/>
      <c r="GH3756" s="91"/>
      <c r="GI3756" s="91"/>
      <c r="GJ3756" s="91"/>
      <c r="GK3756" s="127"/>
      <c r="GL3756" s="126"/>
      <c r="GM3756" s="91"/>
      <c r="GN3756" s="91"/>
      <c r="GO3756" s="91"/>
      <c r="GP3756" s="91"/>
      <c r="GQ3756" s="91"/>
      <c r="GR3756" s="91"/>
      <c r="GS3756" s="91"/>
      <c r="GT3756" s="91"/>
      <c r="GU3756" s="91"/>
      <c r="GV3756" s="91"/>
      <c r="GW3756" s="91"/>
      <c r="GX3756" s="127"/>
      <c r="GY3756" s="126"/>
      <c r="GZ3756" s="91"/>
      <c r="HA3756" s="91"/>
      <c r="HB3756" s="91"/>
      <c r="HC3756" s="91"/>
      <c r="HD3756" s="91"/>
      <c r="HE3756" s="91"/>
      <c r="HF3756" s="91"/>
      <c r="HG3756" s="91"/>
      <c r="HH3756" s="91"/>
      <c r="HI3756" s="91"/>
      <c r="HJ3756" s="91"/>
      <c r="HK3756" s="127"/>
      <c r="HL3756" s="126"/>
      <c r="HM3756" s="91"/>
      <c r="HN3756" s="91"/>
      <c r="HO3756" s="91"/>
      <c r="HP3756" s="91"/>
      <c r="HQ3756" s="91"/>
      <c r="HR3756" s="91"/>
      <c r="HS3756" s="91"/>
      <c r="HT3756" s="91"/>
      <c r="HU3756" s="91"/>
      <c r="HV3756" s="91"/>
      <c r="HW3756" s="91"/>
      <c r="HX3756" s="127"/>
      <c r="HY3756" s="126"/>
      <c r="HZ3756" s="91"/>
      <c r="IA3756" s="91"/>
      <c r="IB3756" s="91"/>
      <c r="IC3756" s="91"/>
      <c r="ID3756" s="91"/>
      <c r="IE3756" s="91"/>
      <c r="IF3756" s="91"/>
      <c r="IG3756" s="91"/>
      <c r="IH3756" s="91"/>
      <c r="II3756" s="91"/>
      <c r="IJ3756" s="91"/>
      <c r="IK3756" s="174"/>
    </row>
    <row r="3757" spans="2:245" x14ac:dyDescent="0.2">
      <c r="B3757" s="43"/>
      <c r="C3757" s="73"/>
      <c r="D3757" s="64"/>
      <c r="E3757" s="64"/>
      <c r="F3757" s="55"/>
      <c r="G3757" s="102"/>
      <c r="H3757" s="97"/>
      <c r="T3757" s="98"/>
      <c r="U3757" s="97"/>
      <c r="AG3757" s="98"/>
      <c r="AY3757" s="164"/>
      <c r="BK3757" s="98"/>
      <c r="BL3757" s="97"/>
      <c r="BX3757" s="98"/>
      <c r="CL3757" s="97"/>
      <c r="CX3757" s="98"/>
      <c r="DL3757" s="97"/>
      <c r="DX3757" s="98"/>
      <c r="EL3757" s="97"/>
      <c r="EX3757" s="98"/>
      <c r="EY3757" s="97"/>
      <c r="FL3757" s="126"/>
      <c r="FM3757" s="91"/>
      <c r="FN3757" s="91"/>
      <c r="FO3757" s="91"/>
      <c r="FP3757" s="91"/>
      <c r="FQ3757" s="91"/>
      <c r="FR3757" s="91"/>
      <c r="FS3757" s="91"/>
      <c r="FT3757" s="91"/>
      <c r="FU3757" s="91"/>
      <c r="FV3757" s="91"/>
      <c r="FW3757" s="91"/>
      <c r="FX3757" s="127"/>
      <c r="FY3757" s="126"/>
      <c r="FZ3757" s="91"/>
      <c r="GA3757" s="91"/>
      <c r="GB3757" s="91"/>
      <c r="GC3757" s="91"/>
      <c r="GD3757" s="91"/>
      <c r="GE3757" s="91"/>
      <c r="GF3757" s="91"/>
      <c r="GG3757" s="91"/>
      <c r="GH3757" s="91"/>
      <c r="GI3757" s="91"/>
      <c r="GJ3757" s="91"/>
      <c r="GK3757" s="127"/>
      <c r="GL3757" s="126"/>
      <c r="GM3757" s="91"/>
      <c r="GN3757" s="91"/>
      <c r="GO3757" s="91"/>
      <c r="GP3757" s="91"/>
      <c r="GQ3757" s="91"/>
      <c r="GR3757" s="91"/>
      <c r="GS3757" s="91"/>
      <c r="GT3757" s="91"/>
      <c r="GU3757" s="91"/>
      <c r="GV3757" s="91"/>
      <c r="GW3757" s="91"/>
      <c r="GX3757" s="127"/>
      <c r="GY3757" s="126"/>
      <c r="GZ3757" s="91"/>
      <c r="HA3757" s="91"/>
      <c r="HB3757" s="91"/>
      <c r="HC3757" s="91"/>
      <c r="HD3757" s="91"/>
      <c r="HE3757" s="91"/>
      <c r="HF3757" s="91"/>
      <c r="HG3757" s="91"/>
      <c r="HH3757" s="91"/>
      <c r="HI3757" s="91"/>
      <c r="HJ3757" s="91"/>
      <c r="HK3757" s="127"/>
      <c r="HL3757" s="126"/>
      <c r="HM3757" s="91"/>
      <c r="HN3757" s="91"/>
      <c r="HO3757" s="91"/>
      <c r="HP3757" s="91"/>
      <c r="HQ3757" s="91"/>
      <c r="HR3757" s="91"/>
      <c r="HS3757" s="91"/>
      <c r="HT3757" s="91"/>
      <c r="HU3757" s="91"/>
      <c r="HV3757" s="91"/>
      <c r="HW3757" s="91"/>
      <c r="HX3757" s="127"/>
      <c r="HY3757" s="126"/>
      <c r="HZ3757" s="91"/>
      <c r="IA3757" s="91"/>
      <c r="IB3757" s="91"/>
      <c r="IC3757" s="91"/>
      <c r="ID3757" s="91"/>
      <c r="IE3757" s="91"/>
      <c r="IF3757" s="91"/>
      <c r="IG3757" s="91"/>
      <c r="IH3757" s="91"/>
      <c r="II3757" s="91"/>
      <c r="IJ3757" s="91"/>
      <c r="IK3757" s="174"/>
    </row>
    <row r="3758" spans="2:245" x14ac:dyDescent="0.2">
      <c r="B3758" s="43"/>
      <c r="C3758" s="73"/>
      <c r="D3758" s="64"/>
      <c r="E3758" s="64"/>
      <c r="F3758" s="55"/>
      <c r="G3758" s="102"/>
      <c r="H3758" s="97"/>
      <c r="T3758" s="98"/>
      <c r="U3758" s="97"/>
      <c r="AG3758" s="98"/>
      <c r="AY3758" s="164"/>
      <c r="BK3758" s="98"/>
      <c r="BL3758" s="97"/>
      <c r="BX3758" s="98"/>
      <c r="CL3758" s="97"/>
      <c r="CX3758" s="98"/>
      <c r="DL3758" s="97"/>
      <c r="DX3758" s="98"/>
      <c r="EL3758" s="97"/>
      <c r="EX3758" s="98"/>
      <c r="EY3758" s="97"/>
      <c r="FL3758" s="126"/>
      <c r="FM3758" s="91"/>
      <c r="FN3758" s="91"/>
      <c r="FO3758" s="91"/>
      <c r="FP3758" s="91"/>
      <c r="FQ3758" s="91"/>
      <c r="FR3758" s="91"/>
      <c r="FS3758" s="91"/>
      <c r="FT3758" s="91"/>
      <c r="FU3758" s="91"/>
      <c r="FV3758" s="91"/>
      <c r="FW3758" s="91"/>
      <c r="FX3758" s="127"/>
      <c r="FY3758" s="126"/>
      <c r="FZ3758" s="91"/>
      <c r="GA3758" s="91"/>
      <c r="GB3758" s="91"/>
      <c r="GC3758" s="91"/>
      <c r="GD3758" s="91"/>
      <c r="GE3758" s="91"/>
      <c r="GF3758" s="91"/>
      <c r="GG3758" s="91"/>
      <c r="GH3758" s="91"/>
      <c r="GI3758" s="91"/>
      <c r="GJ3758" s="91"/>
      <c r="GK3758" s="127"/>
      <c r="GL3758" s="126"/>
      <c r="GM3758" s="91"/>
      <c r="GN3758" s="91"/>
      <c r="GO3758" s="91"/>
      <c r="GP3758" s="91"/>
      <c r="GQ3758" s="91"/>
      <c r="GR3758" s="91"/>
      <c r="GS3758" s="91"/>
      <c r="GT3758" s="91"/>
      <c r="GU3758" s="91"/>
      <c r="GV3758" s="91"/>
      <c r="GW3758" s="91"/>
      <c r="GX3758" s="127"/>
      <c r="GY3758" s="126"/>
      <c r="GZ3758" s="91"/>
      <c r="HA3758" s="91"/>
      <c r="HB3758" s="91"/>
      <c r="HC3758" s="91"/>
      <c r="HD3758" s="91"/>
      <c r="HE3758" s="91"/>
      <c r="HF3758" s="91"/>
      <c r="HG3758" s="91"/>
      <c r="HH3758" s="91"/>
      <c r="HI3758" s="91"/>
      <c r="HJ3758" s="91"/>
      <c r="HK3758" s="127"/>
      <c r="HL3758" s="126"/>
      <c r="HM3758" s="91"/>
      <c r="HN3758" s="91"/>
      <c r="HO3758" s="91"/>
      <c r="HP3758" s="91"/>
      <c r="HQ3758" s="91"/>
      <c r="HR3758" s="91"/>
      <c r="HS3758" s="91"/>
      <c r="HT3758" s="91"/>
      <c r="HU3758" s="91"/>
      <c r="HV3758" s="91"/>
      <c r="HW3758" s="91"/>
      <c r="HX3758" s="127"/>
      <c r="HY3758" s="126"/>
      <c r="HZ3758" s="91"/>
      <c r="IA3758" s="91"/>
      <c r="IB3758" s="91"/>
      <c r="IC3758" s="91"/>
      <c r="ID3758" s="91"/>
      <c r="IE3758" s="91"/>
      <c r="IF3758" s="91"/>
      <c r="IG3758" s="91"/>
      <c r="IH3758" s="91"/>
      <c r="II3758" s="91"/>
      <c r="IJ3758" s="91"/>
      <c r="IK3758" s="174"/>
    </row>
    <row r="3759" spans="2:245" x14ac:dyDescent="0.2">
      <c r="B3759" s="43"/>
      <c r="C3759" s="73"/>
      <c r="D3759" s="64"/>
      <c r="E3759" s="64"/>
      <c r="F3759" s="55"/>
      <c r="G3759" s="102"/>
      <c r="H3759" s="97"/>
      <c r="T3759" s="98"/>
      <c r="U3759" s="97"/>
      <c r="AG3759" s="98"/>
      <c r="AY3759" s="164"/>
      <c r="BK3759" s="98"/>
      <c r="BL3759" s="97"/>
      <c r="BX3759" s="98"/>
      <c r="CL3759" s="97"/>
      <c r="CX3759" s="98"/>
      <c r="DL3759" s="97"/>
      <c r="DX3759" s="98"/>
      <c r="EL3759" s="97"/>
      <c r="EX3759" s="98"/>
      <c r="EY3759" s="97"/>
      <c r="FL3759" s="126"/>
      <c r="FM3759" s="91"/>
      <c r="FN3759" s="91"/>
      <c r="FO3759" s="91"/>
      <c r="FP3759" s="91"/>
      <c r="FQ3759" s="91"/>
      <c r="FR3759" s="91"/>
      <c r="FS3759" s="91"/>
      <c r="FT3759" s="91"/>
      <c r="FU3759" s="91"/>
      <c r="FV3759" s="91"/>
      <c r="FW3759" s="91"/>
      <c r="FX3759" s="127"/>
      <c r="FY3759" s="126"/>
      <c r="FZ3759" s="91"/>
      <c r="GA3759" s="91"/>
      <c r="GB3759" s="91"/>
      <c r="GC3759" s="91"/>
      <c r="GD3759" s="91"/>
      <c r="GE3759" s="91"/>
      <c r="GF3759" s="91"/>
      <c r="GG3759" s="91"/>
      <c r="GH3759" s="91"/>
      <c r="GI3759" s="91"/>
      <c r="GJ3759" s="91"/>
      <c r="GK3759" s="127"/>
      <c r="GL3759" s="126"/>
      <c r="GM3759" s="91"/>
      <c r="GN3759" s="91"/>
      <c r="GO3759" s="91"/>
      <c r="GP3759" s="91"/>
      <c r="GQ3759" s="91"/>
      <c r="GR3759" s="91"/>
      <c r="GS3759" s="91"/>
      <c r="GT3759" s="91"/>
      <c r="GU3759" s="91"/>
      <c r="GV3759" s="91"/>
      <c r="GW3759" s="91"/>
      <c r="GX3759" s="127"/>
      <c r="GY3759" s="126"/>
      <c r="GZ3759" s="91"/>
      <c r="HA3759" s="91"/>
      <c r="HB3759" s="91"/>
      <c r="HC3759" s="91"/>
      <c r="HD3759" s="91"/>
      <c r="HE3759" s="91"/>
      <c r="HF3759" s="91"/>
      <c r="HG3759" s="91"/>
      <c r="HH3759" s="91"/>
      <c r="HI3759" s="91"/>
      <c r="HJ3759" s="91"/>
      <c r="HK3759" s="127"/>
      <c r="HL3759" s="126"/>
      <c r="HM3759" s="91"/>
      <c r="HN3759" s="91"/>
      <c r="HO3759" s="91"/>
      <c r="HP3759" s="91"/>
      <c r="HQ3759" s="91"/>
      <c r="HR3759" s="91"/>
      <c r="HS3759" s="91"/>
      <c r="HT3759" s="91"/>
      <c r="HU3759" s="91"/>
      <c r="HV3759" s="91"/>
      <c r="HW3759" s="91"/>
      <c r="HX3759" s="127"/>
      <c r="HY3759" s="126"/>
      <c r="HZ3759" s="91"/>
      <c r="IA3759" s="91"/>
      <c r="IB3759" s="91"/>
      <c r="IC3759" s="91"/>
      <c r="ID3759" s="91"/>
      <c r="IE3759" s="91"/>
      <c r="IF3759" s="91"/>
      <c r="IG3759" s="91"/>
      <c r="IH3759" s="91"/>
      <c r="II3759" s="91"/>
      <c r="IJ3759" s="91"/>
      <c r="IK3759" s="174"/>
    </row>
    <row r="3760" spans="2:245" x14ac:dyDescent="0.2">
      <c r="B3760" s="43"/>
      <c r="C3760" s="73"/>
      <c r="D3760" s="64"/>
      <c r="E3760" s="64"/>
      <c r="F3760" s="55"/>
      <c r="G3760" s="102"/>
      <c r="H3760" s="97"/>
      <c r="T3760" s="98"/>
      <c r="U3760" s="97"/>
      <c r="AG3760" s="98"/>
      <c r="AY3760" s="164"/>
      <c r="BK3760" s="98"/>
      <c r="BL3760" s="97"/>
      <c r="BX3760" s="98"/>
      <c r="CL3760" s="97"/>
      <c r="CX3760" s="98"/>
      <c r="DL3760" s="97"/>
      <c r="DX3760" s="98"/>
      <c r="EL3760" s="97"/>
      <c r="EX3760" s="98"/>
      <c r="EY3760" s="97"/>
      <c r="FL3760" s="126"/>
      <c r="FM3760" s="91"/>
      <c r="FN3760" s="91"/>
      <c r="FO3760" s="91"/>
      <c r="FP3760" s="91"/>
      <c r="FQ3760" s="91"/>
      <c r="FR3760" s="91"/>
      <c r="FS3760" s="91"/>
      <c r="FT3760" s="91"/>
      <c r="FU3760" s="91"/>
      <c r="FV3760" s="91"/>
      <c r="FW3760" s="91"/>
      <c r="FX3760" s="127"/>
      <c r="FY3760" s="126"/>
      <c r="FZ3760" s="91"/>
      <c r="GA3760" s="91"/>
      <c r="GB3760" s="91"/>
      <c r="GC3760" s="91"/>
      <c r="GD3760" s="91"/>
      <c r="GE3760" s="91"/>
      <c r="GF3760" s="91"/>
      <c r="GG3760" s="91"/>
      <c r="GH3760" s="91"/>
      <c r="GI3760" s="91"/>
      <c r="GJ3760" s="91"/>
      <c r="GK3760" s="127"/>
      <c r="GL3760" s="126"/>
      <c r="GM3760" s="91"/>
      <c r="GN3760" s="91"/>
      <c r="GO3760" s="91"/>
      <c r="GP3760" s="91"/>
      <c r="GQ3760" s="91"/>
      <c r="GR3760" s="91"/>
      <c r="GS3760" s="91"/>
      <c r="GT3760" s="91"/>
      <c r="GU3760" s="91"/>
      <c r="GV3760" s="91"/>
      <c r="GW3760" s="91"/>
      <c r="GX3760" s="127"/>
      <c r="GY3760" s="126"/>
      <c r="GZ3760" s="91"/>
      <c r="HA3760" s="91"/>
      <c r="HB3760" s="91"/>
      <c r="HC3760" s="91"/>
      <c r="HD3760" s="91"/>
      <c r="HE3760" s="91"/>
      <c r="HF3760" s="91"/>
      <c r="HG3760" s="91"/>
      <c r="HH3760" s="91"/>
      <c r="HI3760" s="91"/>
      <c r="HJ3760" s="91"/>
      <c r="HK3760" s="127"/>
      <c r="HL3760" s="126"/>
      <c r="HM3760" s="91"/>
      <c r="HN3760" s="91"/>
      <c r="HO3760" s="91"/>
      <c r="HP3760" s="91"/>
      <c r="HQ3760" s="91"/>
      <c r="HR3760" s="91"/>
      <c r="HS3760" s="91"/>
      <c r="HT3760" s="91"/>
      <c r="HU3760" s="91"/>
      <c r="HV3760" s="91"/>
      <c r="HW3760" s="91"/>
      <c r="HX3760" s="127"/>
      <c r="HY3760" s="126"/>
      <c r="HZ3760" s="91"/>
      <c r="IA3760" s="91"/>
      <c r="IB3760" s="91"/>
      <c r="IC3760" s="91"/>
      <c r="ID3760" s="91"/>
      <c r="IE3760" s="91"/>
      <c r="IF3760" s="91"/>
      <c r="IG3760" s="91"/>
      <c r="IH3760" s="91"/>
      <c r="II3760" s="91"/>
      <c r="IJ3760" s="91"/>
      <c r="IK3760" s="174"/>
    </row>
    <row r="3761" spans="2:245" x14ac:dyDescent="0.2">
      <c r="B3761" s="43"/>
      <c r="C3761" s="73"/>
      <c r="D3761" s="64"/>
      <c r="E3761" s="64"/>
      <c r="F3761" s="55"/>
      <c r="G3761" s="102"/>
      <c r="H3761" s="97"/>
      <c r="T3761" s="98"/>
      <c r="U3761" s="97"/>
      <c r="AG3761" s="98"/>
      <c r="AY3761" s="164"/>
      <c r="BK3761" s="98"/>
      <c r="BL3761" s="97"/>
      <c r="BX3761" s="98"/>
      <c r="CL3761" s="97"/>
      <c r="CX3761" s="98"/>
      <c r="DL3761" s="97"/>
      <c r="DX3761" s="98"/>
      <c r="EL3761" s="97"/>
      <c r="EX3761" s="98"/>
      <c r="EY3761" s="97"/>
      <c r="FL3761" s="126"/>
      <c r="FM3761" s="91"/>
      <c r="FN3761" s="91"/>
      <c r="FO3761" s="91"/>
      <c r="FP3761" s="91"/>
      <c r="FQ3761" s="91"/>
      <c r="FR3761" s="91"/>
      <c r="FS3761" s="91"/>
      <c r="FT3761" s="91"/>
      <c r="FU3761" s="91"/>
      <c r="FV3761" s="91"/>
      <c r="FW3761" s="91"/>
      <c r="FX3761" s="127"/>
      <c r="FY3761" s="126"/>
      <c r="FZ3761" s="91"/>
      <c r="GA3761" s="91"/>
      <c r="GB3761" s="91"/>
      <c r="GC3761" s="91"/>
      <c r="GD3761" s="91"/>
      <c r="GE3761" s="91"/>
      <c r="GF3761" s="91"/>
      <c r="GG3761" s="91"/>
      <c r="GH3761" s="91"/>
      <c r="GI3761" s="91"/>
      <c r="GJ3761" s="91"/>
      <c r="GK3761" s="127"/>
      <c r="GL3761" s="126"/>
      <c r="GM3761" s="91"/>
      <c r="GN3761" s="91"/>
      <c r="GO3761" s="91"/>
      <c r="GP3761" s="91"/>
      <c r="GQ3761" s="91"/>
      <c r="GR3761" s="91"/>
      <c r="GS3761" s="91"/>
      <c r="GT3761" s="91"/>
      <c r="GU3761" s="91"/>
      <c r="GV3761" s="91"/>
      <c r="GW3761" s="91"/>
      <c r="GX3761" s="127"/>
      <c r="GY3761" s="126"/>
      <c r="GZ3761" s="91"/>
      <c r="HA3761" s="91"/>
      <c r="HB3761" s="91"/>
      <c r="HC3761" s="91"/>
      <c r="HD3761" s="91"/>
      <c r="HE3761" s="91"/>
      <c r="HF3761" s="91"/>
      <c r="HG3761" s="91"/>
      <c r="HH3761" s="91"/>
      <c r="HI3761" s="91"/>
      <c r="HJ3761" s="91"/>
      <c r="HK3761" s="127"/>
      <c r="HL3761" s="126"/>
      <c r="HM3761" s="91"/>
      <c r="HN3761" s="91"/>
      <c r="HO3761" s="91"/>
      <c r="HP3761" s="91"/>
      <c r="HQ3761" s="91"/>
      <c r="HR3761" s="91"/>
      <c r="HS3761" s="91"/>
      <c r="HT3761" s="91"/>
      <c r="HU3761" s="91"/>
      <c r="HV3761" s="91"/>
      <c r="HW3761" s="91"/>
      <c r="HX3761" s="127"/>
      <c r="HY3761" s="126"/>
      <c r="HZ3761" s="91"/>
      <c r="IA3761" s="91"/>
      <c r="IB3761" s="91"/>
      <c r="IC3761" s="91"/>
      <c r="ID3761" s="91"/>
      <c r="IE3761" s="91"/>
      <c r="IF3761" s="91"/>
      <c r="IG3761" s="91"/>
      <c r="IH3761" s="91"/>
      <c r="II3761" s="91"/>
      <c r="IJ3761" s="91"/>
      <c r="IK3761" s="174"/>
    </row>
    <row r="3762" spans="2:245" x14ac:dyDescent="0.2">
      <c r="B3762" s="43"/>
      <c r="C3762" s="73"/>
      <c r="D3762" s="64"/>
      <c r="E3762" s="64"/>
      <c r="F3762" s="55"/>
      <c r="G3762" s="102"/>
      <c r="H3762" s="97"/>
      <c r="T3762" s="98"/>
      <c r="U3762" s="97"/>
      <c r="AG3762" s="98"/>
      <c r="AY3762" s="164"/>
      <c r="BK3762" s="98"/>
      <c r="BL3762" s="97"/>
      <c r="BX3762" s="98"/>
      <c r="CL3762" s="97"/>
      <c r="CX3762" s="98"/>
      <c r="DL3762" s="97"/>
      <c r="DX3762" s="98"/>
      <c r="EL3762" s="97"/>
      <c r="EX3762" s="98"/>
      <c r="EY3762" s="97"/>
      <c r="FL3762" s="126"/>
      <c r="FM3762" s="91"/>
      <c r="FN3762" s="91"/>
      <c r="FO3762" s="91"/>
      <c r="FP3762" s="91"/>
      <c r="FQ3762" s="91"/>
      <c r="FR3762" s="91"/>
      <c r="FS3762" s="91"/>
      <c r="FT3762" s="91"/>
      <c r="FU3762" s="91"/>
      <c r="FV3762" s="91"/>
      <c r="FW3762" s="91"/>
      <c r="FX3762" s="127"/>
      <c r="FY3762" s="126"/>
      <c r="FZ3762" s="91"/>
      <c r="GA3762" s="91"/>
      <c r="GB3762" s="91"/>
      <c r="GC3762" s="91"/>
      <c r="GD3762" s="91"/>
      <c r="GE3762" s="91"/>
      <c r="GF3762" s="91"/>
      <c r="GG3762" s="91"/>
      <c r="GH3762" s="91"/>
      <c r="GI3762" s="91"/>
      <c r="GJ3762" s="91"/>
      <c r="GK3762" s="127"/>
      <c r="GL3762" s="126"/>
      <c r="GM3762" s="91"/>
      <c r="GN3762" s="91"/>
      <c r="GO3762" s="91"/>
      <c r="GP3762" s="91"/>
      <c r="GQ3762" s="91"/>
      <c r="GR3762" s="91"/>
      <c r="GS3762" s="91"/>
      <c r="GT3762" s="91"/>
      <c r="GU3762" s="91"/>
      <c r="GV3762" s="91"/>
      <c r="GW3762" s="91"/>
      <c r="GX3762" s="127"/>
      <c r="GY3762" s="126"/>
      <c r="GZ3762" s="91"/>
      <c r="HA3762" s="91"/>
      <c r="HB3762" s="91"/>
      <c r="HC3762" s="91"/>
      <c r="HD3762" s="91"/>
      <c r="HE3762" s="91"/>
      <c r="HF3762" s="91"/>
      <c r="HG3762" s="91"/>
      <c r="HH3762" s="91"/>
      <c r="HI3762" s="91"/>
      <c r="HJ3762" s="91"/>
      <c r="HK3762" s="127"/>
      <c r="HL3762" s="126"/>
      <c r="HM3762" s="91"/>
      <c r="HN3762" s="91"/>
      <c r="HO3762" s="91"/>
      <c r="HP3762" s="91"/>
      <c r="HQ3762" s="91"/>
      <c r="HR3762" s="91"/>
      <c r="HS3762" s="91"/>
      <c r="HT3762" s="91"/>
      <c r="HU3762" s="91"/>
      <c r="HV3762" s="91"/>
      <c r="HW3762" s="91"/>
      <c r="HX3762" s="127"/>
      <c r="HY3762" s="126"/>
      <c r="HZ3762" s="91"/>
      <c r="IA3762" s="91"/>
      <c r="IB3762" s="91"/>
      <c r="IC3762" s="91"/>
      <c r="ID3762" s="91"/>
      <c r="IE3762" s="91"/>
      <c r="IF3762" s="91"/>
      <c r="IG3762" s="91"/>
      <c r="IH3762" s="91"/>
      <c r="II3762" s="91"/>
      <c r="IJ3762" s="91"/>
      <c r="IK3762" s="174"/>
    </row>
    <row r="3763" spans="2:245" x14ac:dyDescent="0.2">
      <c r="B3763" s="43"/>
      <c r="C3763" s="73"/>
      <c r="D3763" s="64"/>
      <c r="E3763" s="64"/>
      <c r="F3763" s="55"/>
      <c r="G3763" s="102"/>
      <c r="H3763" s="97"/>
      <c r="T3763" s="98"/>
      <c r="U3763" s="97"/>
      <c r="AG3763" s="98"/>
      <c r="AY3763" s="164"/>
      <c r="BK3763" s="98"/>
      <c r="BL3763" s="97"/>
      <c r="BX3763" s="98"/>
      <c r="CL3763" s="97"/>
      <c r="CX3763" s="98"/>
      <c r="DL3763" s="97"/>
      <c r="DX3763" s="98"/>
      <c r="EL3763" s="97"/>
      <c r="EX3763" s="98"/>
      <c r="EY3763" s="97"/>
      <c r="FL3763" s="126"/>
      <c r="FM3763" s="91"/>
      <c r="FN3763" s="91"/>
      <c r="FO3763" s="91"/>
      <c r="FP3763" s="91"/>
      <c r="FQ3763" s="91"/>
      <c r="FR3763" s="91"/>
      <c r="FS3763" s="91"/>
      <c r="FT3763" s="91"/>
      <c r="FU3763" s="91"/>
      <c r="FV3763" s="91"/>
      <c r="FW3763" s="91"/>
      <c r="FX3763" s="127"/>
      <c r="FY3763" s="126"/>
      <c r="FZ3763" s="91"/>
      <c r="GA3763" s="91"/>
      <c r="GB3763" s="91"/>
      <c r="GC3763" s="91"/>
      <c r="GD3763" s="91"/>
      <c r="GE3763" s="91"/>
      <c r="GF3763" s="91"/>
      <c r="GG3763" s="91"/>
      <c r="GH3763" s="91"/>
      <c r="GI3763" s="91"/>
      <c r="GJ3763" s="91"/>
      <c r="GK3763" s="127"/>
      <c r="GL3763" s="126"/>
      <c r="GM3763" s="91"/>
      <c r="GN3763" s="91"/>
      <c r="GO3763" s="91"/>
      <c r="GP3763" s="91"/>
      <c r="GQ3763" s="91"/>
      <c r="GR3763" s="91"/>
      <c r="GS3763" s="91"/>
      <c r="GT3763" s="91"/>
      <c r="GU3763" s="91"/>
      <c r="GV3763" s="91"/>
      <c r="GW3763" s="91"/>
      <c r="GX3763" s="127"/>
      <c r="GY3763" s="126"/>
      <c r="GZ3763" s="91"/>
      <c r="HA3763" s="91"/>
      <c r="HB3763" s="91"/>
      <c r="HC3763" s="91"/>
      <c r="HD3763" s="91"/>
      <c r="HE3763" s="91"/>
      <c r="HF3763" s="91"/>
      <c r="HG3763" s="91"/>
      <c r="HH3763" s="91"/>
      <c r="HI3763" s="91"/>
      <c r="HJ3763" s="91"/>
      <c r="HK3763" s="127"/>
      <c r="HL3763" s="126"/>
      <c r="HM3763" s="91"/>
      <c r="HN3763" s="91"/>
      <c r="HO3763" s="91"/>
      <c r="HP3763" s="91"/>
      <c r="HQ3763" s="91"/>
      <c r="HR3763" s="91"/>
      <c r="HS3763" s="91"/>
      <c r="HT3763" s="91"/>
      <c r="HU3763" s="91"/>
      <c r="HV3763" s="91"/>
      <c r="HW3763" s="91"/>
      <c r="HX3763" s="127"/>
      <c r="HY3763" s="126"/>
      <c r="HZ3763" s="91"/>
      <c r="IA3763" s="91"/>
      <c r="IB3763" s="91"/>
      <c r="IC3763" s="91"/>
      <c r="ID3763" s="91"/>
      <c r="IE3763" s="91"/>
      <c r="IF3763" s="91"/>
      <c r="IG3763" s="91"/>
      <c r="IH3763" s="91"/>
      <c r="II3763" s="91"/>
      <c r="IJ3763" s="91"/>
      <c r="IK3763" s="174"/>
    </row>
    <row r="3764" spans="2:245" x14ac:dyDescent="0.2">
      <c r="B3764" s="43"/>
      <c r="C3764" s="73"/>
      <c r="D3764" s="64"/>
      <c r="E3764" s="64"/>
      <c r="F3764" s="55"/>
      <c r="G3764" s="102"/>
      <c r="H3764" s="97"/>
      <c r="T3764" s="98"/>
      <c r="U3764" s="97"/>
      <c r="AG3764" s="98"/>
      <c r="AY3764" s="164"/>
      <c r="BK3764" s="98"/>
      <c r="BL3764" s="97"/>
      <c r="BX3764" s="98"/>
      <c r="CL3764" s="97"/>
      <c r="CX3764" s="98"/>
      <c r="DL3764" s="97"/>
      <c r="DX3764" s="98"/>
      <c r="EL3764" s="97"/>
      <c r="EX3764" s="98"/>
      <c r="EY3764" s="97"/>
      <c r="FL3764" s="126"/>
      <c r="FM3764" s="91"/>
      <c r="FN3764" s="91"/>
      <c r="FO3764" s="91"/>
      <c r="FP3764" s="91"/>
      <c r="FQ3764" s="91"/>
      <c r="FR3764" s="91"/>
      <c r="FS3764" s="91"/>
      <c r="FT3764" s="91"/>
      <c r="FU3764" s="91"/>
      <c r="FV3764" s="91"/>
      <c r="FW3764" s="91"/>
      <c r="FX3764" s="127"/>
      <c r="FY3764" s="126"/>
      <c r="FZ3764" s="91"/>
      <c r="GA3764" s="91"/>
      <c r="GB3764" s="91"/>
      <c r="GC3764" s="91"/>
      <c r="GD3764" s="91"/>
      <c r="GE3764" s="91"/>
      <c r="GF3764" s="91"/>
      <c r="GG3764" s="91"/>
      <c r="GH3764" s="91"/>
      <c r="GI3764" s="91"/>
      <c r="GJ3764" s="91"/>
      <c r="GK3764" s="127"/>
      <c r="GL3764" s="126"/>
      <c r="GM3764" s="91"/>
      <c r="GN3764" s="91"/>
      <c r="GO3764" s="91"/>
      <c r="GP3764" s="91"/>
      <c r="GQ3764" s="91"/>
      <c r="GR3764" s="91"/>
      <c r="GS3764" s="91"/>
      <c r="GT3764" s="91"/>
      <c r="GU3764" s="91"/>
      <c r="GV3764" s="91"/>
      <c r="GW3764" s="91"/>
      <c r="GX3764" s="127"/>
      <c r="GY3764" s="126"/>
      <c r="GZ3764" s="91"/>
      <c r="HA3764" s="91"/>
      <c r="HB3764" s="91"/>
      <c r="HC3764" s="91"/>
      <c r="HD3764" s="91"/>
      <c r="HE3764" s="91"/>
      <c r="HF3764" s="91"/>
      <c r="HG3764" s="91"/>
      <c r="HH3764" s="91"/>
      <c r="HI3764" s="91"/>
      <c r="HJ3764" s="91"/>
      <c r="HK3764" s="127"/>
      <c r="HL3764" s="126"/>
      <c r="HM3764" s="91"/>
      <c r="HN3764" s="91"/>
      <c r="HO3764" s="91"/>
      <c r="HP3764" s="91"/>
      <c r="HQ3764" s="91"/>
      <c r="HR3764" s="91"/>
      <c r="HS3764" s="91"/>
      <c r="HT3764" s="91"/>
      <c r="HU3764" s="91"/>
      <c r="HV3764" s="91"/>
      <c r="HW3764" s="91"/>
      <c r="HX3764" s="127"/>
      <c r="HY3764" s="126"/>
      <c r="HZ3764" s="91"/>
      <c r="IA3764" s="91"/>
      <c r="IB3764" s="91"/>
      <c r="IC3764" s="91"/>
      <c r="ID3764" s="91"/>
      <c r="IE3764" s="91"/>
      <c r="IF3764" s="91"/>
      <c r="IG3764" s="91"/>
      <c r="IH3764" s="91"/>
      <c r="II3764" s="91"/>
      <c r="IJ3764" s="91"/>
      <c r="IK3764" s="174"/>
    </row>
    <row r="3765" spans="2:245" x14ac:dyDescent="0.2">
      <c r="B3765" s="43"/>
      <c r="C3765" s="73"/>
      <c r="D3765" s="64"/>
      <c r="E3765" s="64"/>
      <c r="F3765" s="55"/>
      <c r="G3765" s="102"/>
      <c r="H3765" s="97"/>
      <c r="T3765" s="98"/>
      <c r="U3765" s="97"/>
      <c r="AG3765" s="98"/>
      <c r="AY3765" s="164"/>
      <c r="BK3765" s="98"/>
      <c r="BL3765" s="97"/>
      <c r="BX3765" s="98"/>
      <c r="CL3765" s="97"/>
      <c r="CX3765" s="98"/>
      <c r="DL3765" s="97"/>
      <c r="DX3765" s="98"/>
      <c r="EL3765" s="97"/>
      <c r="EX3765" s="98"/>
      <c r="EY3765" s="97"/>
      <c r="FL3765" s="126"/>
      <c r="FM3765" s="91"/>
      <c r="FN3765" s="91"/>
      <c r="FO3765" s="91"/>
      <c r="FP3765" s="91"/>
      <c r="FQ3765" s="91"/>
      <c r="FR3765" s="91"/>
      <c r="FS3765" s="91"/>
      <c r="FT3765" s="91"/>
      <c r="FU3765" s="91"/>
      <c r="FV3765" s="91"/>
      <c r="FW3765" s="91"/>
      <c r="FX3765" s="127"/>
      <c r="FY3765" s="126"/>
      <c r="FZ3765" s="91"/>
      <c r="GA3765" s="91"/>
      <c r="GB3765" s="91"/>
      <c r="GC3765" s="91"/>
      <c r="GD3765" s="91"/>
      <c r="GE3765" s="91"/>
      <c r="GF3765" s="91"/>
      <c r="GG3765" s="91"/>
      <c r="GH3765" s="91"/>
      <c r="GI3765" s="91"/>
      <c r="GJ3765" s="91"/>
      <c r="GK3765" s="127"/>
      <c r="GL3765" s="126"/>
      <c r="GM3765" s="91"/>
      <c r="GN3765" s="91"/>
      <c r="GO3765" s="91"/>
      <c r="GP3765" s="91"/>
      <c r="GQ3765" s="91"/>
      <c r="GR3765" s="91"/>
      <c r="GS3765" s="91"/>
      <c r="GT3765" s="91"/>
      <c r="GU3765" s="91"/>
      <c r="GV3765" s="91"/>
      <c r="GW3765" s="91"/>
      <c r="GX3765" s="127"/>
      <c r="GY3765" s="126"/>
      <c r="GZ3765" s="91"/>
      <c r="HA3765" s="91"/>
      <c r="HB3765" s="91"/>
      <c r="HC3765" s="91"/>
      <c r="HD3765" s="91"/>
      <c r="HE3765" s="91"/>
      <c r="HF3765" s="91"/>
      <c r="HG3765" s="91"/>
      <c r="HH3765" s="91"/>
      <c r="HI3765" s="91"/>
      <c r="HJ3765" s="91"/>
      <c r="HK3765" s="127"/>
      <c r="HL3765" s="126"/>
      <c r="HM3765" s="91"/>
      <c r="HN3765" s="91"/>
      <c r="HO3765" s="91"/>
      <c r="HP3765" s="91"/>
      <c r="HQ3765" s="91"/>
      <c r="HR3765" s="91"/>
      <c r="HS3765" s="91"/>
      <c r="HT3765" s="91"/>
      <c r="HU3765" s="91"/>
      <c r="HV3765" s="91"/>
      <c r="HW3765" s="91"/>
      <c r="HX3765" s="127"/>
      <c r="HY3765" s="126"/>
      <c r="HZ3765" s="91"/>
      <c r="IA3765" s="91"/>
      <c r="IB3765" s="91"/>
      <c r="IC3765" s="91"/>
      <c r="ID3765" s="91"/>
      <c r="IE3765" s="91"/>
      <c r="IF3765" s="91"/>
      <c r="IG3765" s="91"/>
      <c r="IH3765" s="91"/>
      <c r="II3765" s="91"/>
      <c r="IJ3765" s="91"/>
      <c r="IK3765" s="174"/>
    </row>
    <row r="3766" spans="2:245" x14ac:dyDescent="0.2">
      <c r="B3766" s="43"/>
      <c r="C3766" s="73"/>
      <c r="D3766" s="64"/>
      <c r="E3766" s="64"/>
      <c r="F3766" s="55"/>
      <c r="G3766" s="102"/>
      <c r="H3766" s="97"/>
      <c r="T3766" s="98"/>
      <c r="U3766" s="97"/>
      <c r="AG3766" s="98"/>
      <c r="AY3766" s="164"/>
      <c r="BK3766" s="98"/>
      <c r="BL3766" s="97"/>
      <c r="BX3766" s="98"/>
      <c r="CL3766" s="97"/>
      <c r="CX3766" s="98"/>
      <c r="DL3766" s="97"/>
      <c r="DX3766" s="98"/>
      <c r="EL3766" s="97"/>
      <c r="EX3766" s="98"/>
      <c r="EY3766" s="97"/>
      <c r="FL3766" s="126"/>
      <c r="FM3766" s="91"/>
      <c r="FN3766" s="91"/>
      <c r="FO3766" s="91"/>
      <c r="FP3766" s="91"/>
      <c r="FQ3766" s="91"/>
      <c r="FR3766" s="91"/>
      <c r="FS3766" s="91"/>
      <c r="FT3766" s="91"/>
      <c r="FU3766" s="91"/>
      <c r="FV3766" s="91"/>
      <c r="FW3766" s="91"/>
      <c r="FX3766" s="127"/>
      <c r="FY3766" s="126"/>
      <c r="FZ3766" s="91"/>
      <c r="GA3766" s="91"/>
      <c r="GB3766" s="91"/>
      <c r="GC3766" s="91"/>
      <c r="GD3766" s="91"/>
      <c r="GE3766" s="91"/>
      <c r="GF3766" s="91"/>
      <c r="GG3766" s="91"/>
      <c r="GH3766" s="91"/>
      <c r="GI3766" s="91"/>
      <c r="GJ3766" s="91"/>
      <c r="GK3766" s="127"/>
      <c r="GL3766" s="126"/>
      <c r="GM3766" s="91"/>
      <c r="GN3766" s="91"/>
      <c r="GO3766" s="91"/>
      <c r="GP3766" s="91"/>
      <c r="GQ3766" s="91"/>
      <c r="GR3766" s="91"/>
      <c r="GS3766" s="91"/>
      <c r="GT3766" s="91"/>
      <c r="GU3766" s="91"/>
      <c r="GV3766" s="91"/>
      <c r="GW3766" s="91"/>
      <c r="GX3766" s="127"/>
      <c r="GY3766" s="126"/>
      <c r="GZ3766" s="91"/>
      <c r="HA3766" s="91"/>
      <c r="HB3766" s="91"/>
      <c r="HC3766" s="91"/>
      <c r="HD3766" s="91"/>
      <c r="HE3766" s="91"/>
      <c r="HF3766" s="91"/>
      <c r="HG3766" s="91"/>
      <c r="HH3766" s="91"/>
      <c r="HI3766" s="91"/>
      <c r="HJ3766" s="91"/>
      <c r="HK3766" s="127"/>
      <c r="HL3766" s="126"/>
      <c r="HM3766" s="91"/>
      <c r="HN3766" s="91"/>
      <c r="HO3766" s="91"/>
      <c r="HP3766" s="91"/>
      <c r="HQ3766" s="91"/>
      <c r="HR3766" s="91"/>
      <c r="HS3766" s="91"/>
      <c r="HT3766" s="91"/>
      <c r="HU3766" s="91"/>
      <c r="HV3766" s="91"/>
      <c r="HW3766" s="91"/>
      <c r="HX3766" s="127"/>
      <c r="HY3766" s="126"/>
      <c r="HZ3766" s="91"/>
      <c r="IA3766" s="91"/>
      <c r="IB3766" s="91"/>
      <c r="IC3766" s="91"/>
      <c r="ID3766" s="91"/>
      <c r="IE3766" s="91"/>
      <c r="IF3766" s="91"/>
      <c r="IG3766" s="91"/>
      <c r="IH3766" s="91"/>
      <c r="II3766" s="91"/>
      <c r="IJ3766" s="91"/>
      <c r="IK3766" s="174"/>
    </row>
    <row r="3767" spans="2:245" x14ac:dyDescent="0.2">
      <c r="B3767" s="43"/>
      <c r="C3767" s="73"/>
      <c r="D3767" s="64"/>
      <c r="E3767" s="64"/>
      <c r="F3767" s="55"/>
      <c r="G3767" s="102"/>
      <c r="H3767" s="97"/>
      <c r="T3767" s="98"/>
      <c r="U3767" s="97"/>
      <c r="AG3767" s="98"/>
      <c r="AY3767" s="164"/>
      <c r="BK3767" s="98"/>
      <c r="BL3767" s="97"/>
      <c r="BX3767" s="98"/>
      <c r="CL3767" s="97"/>
      <c r="CX3767" s="98"/>
      <c r="DL3767" s="97"/>
      <c r="DX3767" s="98"/>
      <c r="EL3767" s="97"/>
      <c r="EX3767" s="98"/>
      <c r="EY3767" s="97"/>
      <c r="FL3767" s="126"/>
      <c r="FM3767" s="91"/>
      <c r="FN3767" s="91"/>
      <c r="FO3767" s="91"/>
      <c r="FP3767" s="91"/>
      <c r="FQ3767" s="91"/>
      <c r="FR3767" s="91"/>
      <c r="FS3767" s="91"/>
      <c r="FT3767" s="91"/>
      <c r="FU3767" s="91"/>
      <c r="FV3767" s="91"/>
      <c r="FW3767" s="91"/>
      <c r="FX3767" s="127"/>
      <c r="FY3767" s="126"/>
      <c r="FZ3767" s="91"/>
      <c r="GA3767" s="91"/>
      <c r="GB3767" s="91"/>
      <c r="GC3767" s="91"/>
      <c r="GD3767" s="91"/>
      <c r="GE3767" s="91"/>
      <c r="GF3767" s="91"/>
      <c r="GG3767" s="91"/>
      <c r="GH3767" s="91"/>
      <c r="GI3767" s="91"/>
      <c r="GJ3767" s="91"/>
      <c r="GK3767" s="127"/>
      <c r="GL3767" s="126"/>
      <c r="GM3767" s="91"/>
      <c r="GN3767" s="91"/>
      <c r="GO3767" s="91"/>
      <c r="GP3767" s="91"/>
      <c r="GQ3767" s="91"/>
      <c r="GR3767" s="91"/>
      <c r="GS3767" s="91"/>
      <c r="GT3767" s="91"/>
      <c r="GU3767" s="91"/>
      <c r="GV3767" s="91"/>
      <c r="GW3767" s="91"/>
      <c r="GX3767" s="127"/>
      <c r="GY3767" s="126"/>
      <c r="GZ3767" s="91"/>
      <c r="HA3767" s="91"/>
      <c r="HB3767" s="91"/>
      <c r="HC3767" s="91"/>
      <c r="HD3767" s="91"/>
      <c r="HE3767" s="91"/>
      <c r="HF3767" s="91"/>
      <c r="HG3767" s="91"/>
      <c r="HH3767" s="91"/>
      <c r="HI3767" s="91"/>
      <c r="HJ3767" s="91"/>
      <c r="HK3767" s="127"/>
      <c r="HL3767" s="126"/>
      <c r="HM3767" s="91"/>
      <c r="HN3767" s="91"/>
      <c r="HO3767" s="91"/>
      <c r="HP3767" s="91"/>
      <c r="HQ3767" s="91"/>
      <c r="HR3767" s="91"/>
      <c r="HS3767" s="91"/>
      <c r="HT3767" s="91"/>
      <c r="HU3767" s="91"/>
      <c r="HV3767" s="91"/>
      <c r="HW3767" s="91"/>
      <c r="HX3767" s="127"/>
      <c r="HY3767" s="126"/>
      <c r="HZ3767" s="91"/>
      <c r="IA3767" s="91"/>
      <c r="IB3767" s="91"/>
      <c r="IC3767" s="91"/>
      <c r="ID3767" s="91"/>
      <c r="IE3767" s="91"/>
      <c r="IF3767" s="91"/>
      <c r="IG3767" s="91"/>
      <c r="IH3767" s="91"/>
      <c r="II3767" s="91"/>
      <c r="IJ3767" s="91"/>
      <c r="IK3767" s="174"/>
    </row>
    <row r="3768" spans="2:245" x14ac:dyDescent="0.2">
      <c r="B3768" s="43"/>
      <c r="C3768" s="73"/>
      <c r="D3768" s="64"/>
      <c r="E3768" s="64"/>
      <c r="F3768" s="55"/>
      <c r="G3768" s="102"/>
      <c r="H3768" s="97"/>
      <c r="T3768" s="98"/>
      <c r="U3768" s="97"/>
      <c r="AG3768" s="98"/>
      <c r="AY3768" s="164"/>
      <c r="BK3768" s="98"/>
      <c r="BL3768" s="97"/>
      <c r="BX3768" s="98"/>
      <c r="CL3768" s="97"/>
      <c r="CX3768" s="98"/>
      <c r="DL3768" s="97"/>
      <c r="DX3768" s="98"/>
      <c r="EL3768" s="97"/>
      <c r="EX3768" s="98"/>
      <c r="EY3768" s="97"/>
      <c r="FL3768" s="126"/>
      <c r="FM3768" s="91"/>
      <c r="FN3768" s="91"/>
      <c r="FO3768" s="91"/>
      <c r="FP3768" s="91"/>
      <c r="FQ3768" s="91"/>
      <c r="FR3768" s="91"/>
      <c r="FS3768" s="91"/>
      <c r="FT3768" s="91"/>
      <c r="FU3768" s="91"/>
      <c r="FV3768" s="91"/>
      <c r="FW3768" s="91"/>
      <c r="FX3768" s="127"/>
      <c r="FY3768" s="126"/>
      <c r="FZ3768" s="91"/>
      <c r="GA3768" s="91"/>
      <c r="GB3768" s="91"/>
      <c r="GC3768" s="91"/>
      <c r="GD3768" s="91"/>
      <c r="GE3768" s="91"/>
      <c r="GF3768" s="91"/>
      <c r="GG3768" s="91"/>
      <c r="GH3768" s="91"/>
      <c r="GI3768" s="91"/>
      <c r="GJ3768" s="91"/>
      <c r="GK3768" s="127"/>
      <c r="GL3768" s="126"/>
      <c r="GM3768" s="91"/>
      <c r="GN3768" s="91"/>
      <c r="GO3768" s="91"/>
      <c r="GP3768" s="91"/>
      <c r="GQ3768" s="91"/>
      <c r="GR3768" s="91"/>
      <c r="GS3768" s="91"/>
      <c r="GT3768" s="91"/>
      <c r="GU3768" s="91"/>
      <c r="GV3768" s="91"/>
      <c r="GW3768" s="91"/>
      <c r="GX3768" s="127"/>
      <c r="GY3768" s="126"/>
      <c r="GZ3768" s="91"/>
      <c r="HA3768" s="91"/>
      <c r="HB3768" s="91"/>
      <c r="HC3768" s="91"/>
      <c r="HD3768" s="91"/>
      <c r="HE3768" s="91"/>
      <c r="HF3768" s="91"/>
      <c r="HG3768" s="91"/>
      <c r="HH3768" s="91"/>
      <c r="HI3768" s="91"/>
      <c r="HJ3768" s="91"/>
      <c r="HK3768" s="127"/>
      <c r="HL3768" s="126"/>
      <c r="HM3768" s="91"/>
      <c r="HN3768" s="91"/>
      <c r="HO3768" s="91"/>
      <c r="HP3768" s="91"/>
      <c r="HQ3768" s="91"/>
      <c r="HR3768" s="91"/>
      <c r="HS3768" s="91"/>
      <c r="HT3768" s="91"/>
      <c r="HU3768" s="91"/>
      <c r="HV3768" s="91"/>
      <c r="HW3768" s="91"/>
      <c r="HX3768" s="127"/>
      <c r="HY3768" s="126"/>
      <c r="HZ3768" s="91"/>
      <c r="IA3768" s="91"/>
      <c r="IB3768" s="91"/>
      <c r="IC3768" s="91"/>
      <c r="ID3768" s="91"/>
      <c r="IE3768" s="91"/>
      <c r="IF3768" s="91"/>
      <c r="IG3768" s="91"/>
      <c r="IH3768" s="91"/>
      <c r="II3768" s="91"/>
      <c r="IJ3768" s="91"/>
      <c r="IK3768" s="174"/>
    </row>
    <row r="3769" spans="2:245" x14ac:dyDescent="0.2">
      <c r="B3769" s="43"/>
      <c r="C3769" s="73"/>
      <c r="D3769" s="64"/>
      <c r="E3769" s="64"/>
      <c r="F3769" s="55"/>
      <c r="G3769" s="102"/>
      <c r="H3769" s="97"/>
      <c r="T3769" s="98"/>
      <c r="U3769" s="97"/>
      <c r="AG3769" s="98"/>
      <c r="AY3769" s="164"/>
      <c r="BK3769" s="98"/>
      <c r="BL3769" s="97"/>
      <c r="BX3769" s="98"/>
      <c r="CL3769" s="97"/>
      <c r="CX3769" s="98"/>
      <c r="DL3769" s="97"/>
      <c r="DX3769" s="98"/>
      <c r="EL3769" s="97"/>
      <c r="EX3769" s="98"/>
      <c r="EY3769" s="97"/>
      <c r="FL3769" s="126"/>
      <c r="FM3769" s="91"/>
      <c r="FN3769" s="91"/>
      <c r="FO3769" s="91"/>
      <c r="FP3769" s="91"/>
      <c r="FQ3769" s="91"/>
      <c r="FR3769" s="91"/>
      <c r="FS3769" s="91"/>
      <c r="FT3769" s="91"/>
      <c r="FU3769" s="91"/>
      <c r="FV3769" s="91"/>
      <c r="FW3769" s="91"/>
      <c r="FX3769" s="127"/>
      <c r="FY3769" s="126"/>
      <c r="FZ3769" s="91"/>
      <c r="GA3769" s="91"/>
      <c r="GB3769" s="91"/>
      <c r="GC3769" s="91"/>
      <c r="GD3769" s="91"/>
      <c r="GE3769" s="91"/>
      <c r="GF3769" s="91"/>
      <c r="GG3769" s="91"/>
      <c r="GH3769" s="91"/>
      <c r="GI3769" s="91"/>
      <c r="GJ3769" s="91"/>
      <c r="GK3769" s="127"/>
      <c r="GL3769" s="126"/>
      <c r="GM3769" s="91"/>
      <c r="GN3769" s="91"/>
      <c r="GO3769" s="91"/>
      <c r="GP3769" s="91"/>
      <c r="GQ3769" s="91"/>
      <c r="GR3769" s="91"/>
      <c r="GS3769" s="91"/>
      <c r="GT3769" s="91"/>
      <c r="GU3769" s="91"/>
      <c r="GV3769" s="91"/>
      <c r="GW3769" s="91"/>
      <c r="GX3769" s="127"/>
      <c r="GY3769" s="126"/>
      <c r="GZ3769" s="91"/>
      <c r="HA3769" s="91"/>
      <c r="HB3769" s="91"/>
      <c r="HC3769" s="91"/>
      <c r="HD3769" s="91"/>
      <c r="HE3769" s="91"/>
      <c r="HF3769" s="91"/>
      <c r="HG3769" s="91"/>
      <c r="HH3769" s="91"/>
      <c r="HI3769" s="91"/>
      <c r="HJ3769" s="91"/>
      <c r="HK3769" s="127"/>
      <c r="HL3769" s="126"/>
      <c r="HM3769" s="91"/>
      <c r="HN3769" s="91"/>
      <c r="HO3769" s="91"/>
      <c r="HP3769" s="91"/>
      <c r="HQ3769" s="91"/>
      <c r="HR3769" s="91"/>
      <c r="HS3769" s="91"/>
      <c r="HT3769" s="91"/>
      <c r="HU3769" s="91"/>
      <c r="HV3769" s="91"/>
      <c r="HW3769" s="91"/>
      <c r="HX3769" s="127"/>
      <c r="HY3769" s="126"/>
      <c r="HZ3769" s="91"/>
      <c r="IA3769" s="91"/>
      <c r="IB3769" s="91"/>
      <c r="IC3769" s="91"/>
      <c r="ID3769" s="91"/>
      <c r="IE3769" s="91"/>
      <c r="IF3769" s="91"/>
      <c r="IG3769" s="91"/>
      <c r="IH3769" s="91"/>
      <c r="II3769" s="91"/>
      <c r="IJ3769" s="91"/>
      <c r="IK3769" s="174"/>
    </row>
    <row r="3770" spans="2:245" x14ac:dyDescent="0.2">
      <c r="B3770" s="43"/>
      <c r="C3770" s="73"/>
      <c r="D3770" s="64"/>
      <c r="E3770" s="64"/>
      <c r="F3770" s="55"/>
      <c r="G3770" s="102"/>
      <c r="H3770" s="97"/>
      <c r="T3770" s="98"/>
      <c r="U3770" s="97"/>
      <c r="AG3770" s="98"/>
      <c r="AY3770" s="164"/>
      <c r="BK3770" s="98"/>
      <c r="BL3770" s="97"/>
      <c r="BX3770" s="98"/>
      <c r="CL3770" s="97"/>
      <c r="CX3770" s="98"/>
      <c r="DL3770" s="97"/>
      <c r="DX3770" s="98"/>
      <c r="EL3770" s="97"/>
      <c r="EX3770" s="98"/>
      <c r="EY3770" s="97"/>
      <c r="FL3770" s="126"/>
      <c r="FM3770" s="91"/>
      <c r="FN3770" s="91"/>
      <c r="FO3770" s="91"/>
      <c r="FP3770" s="91"/>
      <c r="FQ3770" s="91"/>
      <c r="FR3770" s="91"/>
      <c r="FS3770" s="91"/>
      <c r="FT3770" s="91"/>
      <c r="FU3770" s="91"/>
      <c r="FV3770" s="91"/>
      <c r="FW3770" s="91"/>
      <c r="FX3770" s="127"/>
      <c r="FY3770" s="126"/>
      <c r="FZ3770" s="91"/>
      <c r="GA3770" s="91"/>
      <c r="GB3770" s="91"/>
      <c r="GC3770" s="91"/>
      <c r="GD3770" s="91"/>
      <c r="GE3770" s="91"/>
      <c r="GF3770" s="91"/>
      <c r="GG3770" s="91"/>
      <c r="GH3770" s="91"/>
      <c r="GI3770" s="91"/>
      <c r="GJ3770" s="91"/>
      <c r="GK3770" s="127"/>
      <c r="GL3770" s="126"/>
      <c r="GM3770" s="91"/>
      <c r="GN3770" s="91"/>
      <c r="GO3770" s="91"/>
      <c r="GP3770" s="91"/>
      <c r="GQ3770" s="91"/>
      <c r="GR3770" s="91"/>
      <c r="GS3770" s="91"/>
      <c r="GT3770" s="91"/>
      <c r="GU3770" s="91"/>
      <c r="GV3770" s="91"/>
      <c r="GW3770" s="91"/>
      <c r="GX3770" s="127"/>
      <c r="GY3770" s="126"/>
      <c r="GZ3770" s="91"/>
      <c r="HA3770" s="91"/>
      <c r="HB3770" s="91"/>
      <c r="HC3770" s="91"/>
      <c r="HD3770" s="91"/>
      <c r="HE3770" s="91"/>
      <c r="HF3770" s="91"/>
      <c r="HG3770" s="91"/>
      <c r="HH3770" s="91"/>
      <c r="HI3770" s="91"/>
      <c r="HJ3770" s="91"/>
      <c r="HK3770" s="127"/>
      <c r="HL3770" s="126"/>
      <c r="HM3770" s="91"/>
      <c r="HN3770" s="91"/>
      <c r="HO3770" s="91"/>
      <c r="HP3770" s="91"/>
      <c r="HQ3770" s="91"/>
      <c r="HR3770" s="91"/>
      <c r="HS3770" s="91"/>
      <c r="HT3770" s="91"/>
      <c r="HU3770" s="91"/>
      <c r="HV3770" s="91"/>
      <c r="HW3770" s="91"/>
      <c r="HX3770" s="127"/>
      <c r="HY3770" s="126"/>
      <c r="HZ3770" s="91"/>
      <c r="IA3770" s="91"/>
      <c r="IB3770" s="91"/>
      <c r="IC3770" s="91"/>
      <c r="ID3770" s="91"/>
      <c r="IE3770" s="91"/>
      <c r="IF3770" s="91"/>
      <c r="IG3770" s="91"/>
      <c r="IH3770" s="91"/>
      <c r="II3770" s="91"/>
      <c r="IJ3770" s="91"/>
      <c r="IK3770" s="174"/>
    </row>
    <row r="3771" spans="2:245" x14ac:dyDescent="0.2">
      <c r="B3771" s="43"/>
      <c r="C3771" s="73"/>
      <c r="D3771" s="64"/>
      <c r="E3771" s="64"/>
      <c r="F3771" s="55"/>
      <c r="G3771" s="102"/>
      <c r="H3771" s="97"/>
      <c r="T3771" s="98"/>
      <c r="U3771" s="97"/>
      <c r="AG3771" s="98"/>
      <c r="AY3771" s="164"/>
      <c r="BK3771" s="98"/>
      <c r="BL3771" s="97"/>
      <c r="BX3771" s="98"/>
      <c r="CL3771" s="97"/>
      <c r="CX3771" s="98"/>
      <c r="DL3771" s="97"/>
      <c r="DX3771" s="98"/>
      <c r="EL3771" s="97"/>
      <c r="EX3771" s="98"/>
      <c r="EY3771" s="97"/>
      <c r="FL3771" s="126"/>
      <c r="FM3771" s="91"/>
      <c r="FN3771" s="91"/>
      <c r="FO3771" s="91"/>
      <c r="FP3771" s="91"/>
      <c r="FQ3771" s="91"/>
      <c r="FR3771" s="91"/>
      <c r="FS3771" s="91"/>
      <c r="FT3771" s="91"/>
      <c r="FU3771" s="91"/>
      <c r="FV3771" s="91"/>
      <c r="FW3771" s="91"/>
      <c r="FX3771" s="127"/>
      <c r="FY3771" s="126"/>
      <c r="FZ3771" s="91"/>
      <c r="GA3771" s="91"/>
      <c r="GB3771" s="91"/>
      <c r="GC3771" s="91"/>
      <c r="GD3771" s="91"/>
      <c r="GE3771" s="91"/>
      <c r="GF3771" s="91"/>
      <c r="GG3771" s="91"/>
      <c r="GH3771" s="91"/>
      <c r="GI3771" s="91"/>
      <c r="GJ3771" s="91"/>
      <c r="GK3771" s="127"/>
      <c r="GL3771" s="126"/>
      <c r="GM3771" s="91"/>
      <c r="GN3771" s="91"/>
      <c r="GO3771" s="91"/>
      <c r="GP3771" s="91"/>
      <c r="GQ3771" s="91"/>
      <c r="GR3771" s="91"/>
      <c r="GS3771" s="91"/>
      <c r="GT3771" s="91"/>
      <c r="GU3771" s="91"/>
      <c r="GV3771" s="91"/>
      <c r="GW3771" s="91"/>
      <c r="GX3771" s="127"/>
      <c r="GY3771" s="126"/>
      <c r="GZ3771" s="91"/>
      <c r="HA3771" s="91"/>
      <c r="HB3771" s="91"/>
      <c r="HC3771" s="91"/>
      <c r="HD3771" s="91"/>
      <c r="HE3771" s="91"/>
      <c r="HF3771" s="91"/>
      <c r="HG3771" s="91"/>
      <c r="HH3771" s="91"/>
      <c r="HI3771" s="91"/>
      <c r="HJ3771" s="91"/>
      <c r="HK3771" s="127"/>
      <c r="HL3771" s="126"/>
      <c r="HM3771" s="91"/>
      <c r="HN3771" s="91"/>
      <c r="HO3771" s="91"/>
      <c r="HP3771" s="91"/>
      <c r="HQ3771" s="91"/>
      <c r="HR3771" s="91"/>
      <c r="HS3771" s="91"/>
      <c r="HT3771" s="91"/>
      <c r="HU3771" s="91"/>
      <c r="HV3771" s="91"/>
      <c r="HW3771" s="91"/>
      <c r="HX3771" s="127"/>
      <c r="HY3771" s="126"/>
      <c r="HZ3771" s="91"/>
      <c r="IA3771" s="91"/>
      <c r="IB3771" s="91"/>
      <c r="IC3771" s="91"/>
      <c r="ID3771" s="91"/>
      <c r="IE3771" s="91"/>
      <c r="IF3771" s="91"/>
      <c r="IG3771" s="91"/>
      <c r="IH3771" s="91"/>
      <c r="II3771" s="91"/>
      <c r="IJ3771" s="91"/>
      <c r="IK3771" s="174"/>
    </row>
    <row r="3772" spans="2:245" x14ac:dyDescent="0.2">
      <c r="B3772" s="43"/>
      <c r="C3772" s="73"/>
      <c r="D3772" s="64"/>
      <c r="E3772" s="64"/>
      <c r="F3772" s="55"/>
      <c r="G3772" s="102"/>
      <c r="H3772" s="97"/>
      <c r="T3772" s="98"/>
      <c r="U3772" s="97"/>
      <c r="AG3772" s="98"/>
      <c r="AY3772" s="164"/>
      <c r="BK3772" s="98"/>
      <c r="BL3772" s="97"/>
      <c r="BX3772" s="98"/>
      <c r="CL3772" s="97"/>
      <c r="CX3772" s="98"/>
      <c r="DL3772" s="97"/>
      <c r="DX3772" s="98"/>
      <c r="EL3772" s="97"/>
      <c r="EX3772" s="98"/>
      <c r="EY3772" s="97"/>
      <c r="FL3772" s="126"/>
      <c r="FM3772" s="91"/>
      <c r="FN3772" s="91"/>
      <c r="FO3772" s="91"/>
      <c r="FP3772" s="91"/>
      <c r="FQ3772" s="91"/>
      <c r="FR3772" s="91"/>
      <c r="FS3772" s="91"/>
      <c r="FT3772" s="91"/>
      <c r="FU3772" s="91"/>
      <c r="FV3772" s="91"/>
      <c r="FW3772" s="91"/>
      <c r="FX3772" s="127"/>
      <c r="FY3772" s="126"/>
      <c r="FZ3772" s="91"/>
      <c r="GA3772" s="91"/>
      <c r="GB3772" s="91"/>
      <c r="GC3772" s="91"/>
      <c r="GD3772" s="91"/>
      <c r="GE3772" s="91"/>
      <c r="GF3772" s="91"/>
      <c r="GG3772" s="91"/>
      <c r="GH3772" s="91"/>
      <c r="GI3772" s="91"/>
      <c r="GJ3772" s="91"/>
      <c r="GK3772" s="127"/>
      <c r="GL3772" s="126"/>
      <c r="GM3772" s="91"/>
      <c r="GN3772" s="91"/>
      <c r="GO3772" s="91"/>
      <c r="GP3772" s="91"/>
      <c r="GQ3772" s="91"/>
      <c r="GR3772" s="91"/>
      <c r="GS3772" s="91"/>
      <c r="GT3772" s="91"/>
      <c r="GU3772" s="91"/>
      <c r="GV3772" s="91"/>
      <c r="GW3772" s="91"/>
      <c r="GX3772" s="127"/>
      <c r="GY3772" s="126"/>
      <c r="GZ3772" s="91"/>
      <c r="HA3772" s="91"/>
      <c r="HB3772" s="91"/>
      <c r="HC3772" s="91"/>
      <c r="HD3772" s="91"/>
      <c r="HE3772" s="91"/>
      <c r="HF3772" s="91"/>
      <c r="HG3772" s="91"/>
      <c r="HH3772" s="91"/>
      <c r="HI3772" s="91"/>
      <c r="HJ3772" s="91"/>
      <c r="HK3772" s="127"/>
      <c r="HL3772" s="126"/>
      <c r="HM3772" s="91"/>
      <c r="HN3772" s="91"/>
      <c r="HO3772" s="91"/>
      <c r="HP3772" s="91"/>
      <c r="HQ3772" s="91"/>
      <c r="HR3772" s="91"/>
      <c r="HS3772" s="91"/>
      <c r="HT3772" s="91"/>
      <c r="HU3772" s="91"/>
      <c r="HV3772" s="91"/>
      <c r="HW3772" s="91"/>
      <c r="HX3772" s="127"/>
      <c r="HY3772" s="126"/>
      <c r="HZ3772" s="91"/>
      <c r="IA3772" s="91"/>
      <c r="IB3772" s="91"/>
      <c r="IC3772" s="91"/>
      <c r="ID3772" s="91"/>
      <c r="IE3772" s="91"/>
      <c r="IF3772" s="91"/>
      <c r="IG3772" s="91"/>
      <c r="IH3772" s="91"/>
      <c r="II3772" s="91"/>
      <c r="IJ3772" s="91"/>
      <c r="IK3772" s="174"/>
    </row>
    <row r="3773" spans="2:245" x14ac:dyDescent="0.2">
      <c r="B3773" s="43"/>
      <c r="C3773" s="73"/>
      <c r="D3773" s="64"/>
      <c r="E3773" s="64"/>
      <c r="F3773" s="55"/>
      <c r="G3773" s="102"/>
      <c r="H3773" s="97"/>
      <c r="T3773" s="98"/>
      <c r="U3773" s="97"/>
      <c r="AG3773" s="98"/>
      <c r="AY3773" s="164"/>
      <c r="BK3773" s="98"/>
      <c r="BL3773" s="97"/>
      <c r="BX3773" s="98"/>
      <c r="CL3773" s="97"/>
      <c r="CX3773" s="98"/>
      <c r="DL3773" s="97"/>
      <c r="DX3773" s="98"/>
      <c r="EL3773" s="97"/>
      <c r="EX3773" s="98"/>
      <c r="EY3773" s="97"/>
      <c r="FL3773" s="126"/>
      <c r="FM3773" s="91"/>
      <c r="FN3773" s="91"/>
      <c r="FO3773" s="91"/>
      <c r="FP3773" s="91"/>
      <c r="FQ3773" s="91"/>
      <c r="FR3773" s="91"/>
      <c r="FS3773" s="91"/>
      <c r="FT3773" s="91"/>
      <c r="FU3773" s="91"/>
      <c r="FV3773" s="91"/>
      <c r="FW3773" s="91"/>
      <c r="FX3773" s="127"/>
      <c r="FY3773" s="126"/>
      <c r="FZ3773" s="91"/>
      <c r="GA3773" s="91"/>
      <c r="GB3773" s="91"/>
      <c r="GC3773" s="91"/>
      <c r="GD3773" s="91"/>
      <c r="GE3773" s="91"/>
      <c r="GF3773" s="91"/>
      <c r="GG3773" s="91"/>
      <c r="GH3773" s="91"/>
      <c r="GI3773" s="91"/>
      <c r="GJ3773" s="91"/>
      <c r="GK3773" s="127"/>
      <c r="GL3773" s="126"/>
      <c r="GM3773" s="91"/>
      <c r="GN3773" s="91"/>
      <c r="GO3773" s="91"/>
      <c r="GP3773" s="91"/>
      <c r="GQ3773" s="91"/>
      <c r="GR3773" s="91"/>
      <c r="GS3773" s="91"/>
      <c r="GT3773" s="91"/>
      <c r="GU3773" s="91"/>
      <c r="GV3773" s="91"/>
      <c r="GW3773" s="91"/>
      <c r="GX3773" s="127"/>
      <c r="GY3773" s="126"/>
      <c r="GZ3773" s="91"/>
      <c r="HA3773" s="91"/>
      <c r="HB3773" s="91"/>
      <c r="HC3773" s="91"/>
      <c r="HD3773" s="91"/>
      <c r="HE3773" s="91"/>
      <c r="HF3773" s="91"/>
      <c r="HG3773" s="91"/>
      <c r="HH3773" s="91"/>
      <c r="HI3773" s="91"/>
      <c r="HJ3773" s="91"/>
      <c r="HK3773" s="127"/>
      <c r="HL3773" s="126"/>
      <c r="HM3773" s="91"/>
      <c r="HN3773" s="91"/>
      <c r="HO3773" s="91"/>
      <c r="HP3773" s="91"/>
      <c r="HQ3773" s="91"/>
      <c r="HR3773" s="91"/>
      <c r="HS3773" s="91"/>
      <c r="HT3773" s="91"/>
      <c r="HU3773" s="91"/>
      <c r="HV3773" s="91"/>
      <c r="HW3773" s="91"/>
      <c r="HX3773" s="127"/>
      <c r="HY3773" s="126"/>
      <c r="HZ3773" s="91"/>
      <c r="IA3773" s="91"/>
      <c r="IB3773" s="91"/>
      <c r="IC3773" s="91"/>
      <c r="ID3773" s="91"/>
      <c r="IE3773" s="91"/>
      <c r="IF3773" s="91"/>
      <c r="IG3773" s="91"/>
      <c r="IH3773" s="91"/>
      <c r="II3773" s="91"/>
      <c r="IJ3773" s="91"/>
      <c r="IK3773" s="174"/>
    </row>
    <row r="3774" spans="2:245" x14ac:dyDescent="0.2">
      <c r="B3774" s="43"/>
      <c r="C3774" s="73"/>
      <c r="D3774" s="64"/>
      <c r="E3774" s="64"/>
      <c r="F3774" s="55"/>
      <c r="G3774" s="102"/>
      <c r="H3774" s="97"/>
      <c r="T3774" s="98"/>
      <c r="U3774" s="97"/>
      <c r="AG3774" s="98"/>
      <c r="AY3774" s="164"/>
      <c r="BK3774" s="98"/>
      <c r="BL3774" s="97"/>
      <c r="BX3774" s="98"/>
      <c r="CL3774" s="97"/>
      <c r="CX3774" s="98"/>
      <c r="DL3774" s="97"/>
      <c r="DX3774" s="98"/>
      <c r="EL3774" s="97"/>
      <c r="EX3774" s="98"/>
      <c r="EY3774" s="97"/>
      <c r="FL3774" s="126"/>
      <c r="FM3774" s="91"/>
      <c r="FN3774" s="91"/>
      <c r="FO3774" s="91"/>
      <c r="FP3774" s="91"/>
      <c r="FQ3774" s="91"/>
      <c r="FR3774" s="91"/>
      <c r="FS3774" s="91"/>
      <c r="FT3774" s="91"/>
      <c r="FU3774" s="91"/>
      <c r="FV3774" s="91"/>
      <c r="FW3774" s="91"/>
      <c r="FX3774" s="127"/>
      <c r="FY3774" s="126"/>
      <c r="FZ3774" s="91"/>
      <c r="GA3774" s="91"/>
      <c r="GB3774" s="91"/>
      <c r="GC3774" s="91"/>
      <c r="GD3774" s="91"/>
      <c r="GE3774" s="91"/>
      <c r="GF3774" s="91"/>
      <c r="GG3774" s="91"/>
      <c r="GH3774" s="91"/>
      <c r="GI3774" s="91"/>
      <c r="GJ3774" s="91"/>
      <c r="GK3774" s="127"/>
      <c r="GL3774" s="126"/>
      <c r="GM3774" s="91"/>
      <c r="GN3774" s="91"/>
      <c r="GO3774" s="91"/>
      <c r="GP3774" s="91"/>
      <c r="GQ3774" s="91"/>
      <c r="GR3774" s="91"/>
      <c r="GS3774" s="91"/>
      <c r="GT3774" s="91"/>
      <c r="GU3774" s="91"/>
      <c r="GV3774" s="91"/>
      <c r="GW3774" s="91"/>
      <c r="GX3774" s="127"/>
      <c r="GY3774" s="126"/>
      <c r="GZ3774" s="91"/>
      <c r="HA3774" s="91"/>
      <c r="HB3774" s="91"/>
      <c r="HC3774" s="91"/>
      <c r="HD3774" s="91"/>
      <c r="HE3774" s="91"/>
      <c r="HF3774" s="91"/>
      <c r="HG3774" s="91"/>
      <c r="HH3774" s="91"/>
      <c r="HI3774" s="91"/>
      <c r="HJ3774" s="91"/>
      <c r="HK3774" s="127"/>
      <c r="HL3774" s="126"/>
      <c r="HM3774" s="91"/>
      <c r="HN3774" s="91"/>
      <c r="HO3774" s="91"/>
      <c r="HP3774" s="91"/>
      <c r="HQ3774" s="91"/>
      <c r="HR3774" s="91"/>
      <c r="HS3774" s="91"/>
      <c r="HT3774" s="91"/>
      <c r="HU3774" s="91"/>
      <c r="HV3774" s="91"/>
      <c r="HW3774" s="91"/>
      <c r="HX3774" s="127"/>
      <c r="HY3774" s="126"/>
      <c r="HZ3774" s="91"/>
      <c r="IA3774" s="91"/>
      <c r="IB3774" s="91"/>
      <c r="IC3774" s="91"/>
      <c r="ID3774" s="91"/>
      <c r="IE3774" s="91"/>
      <c r="IF3774" s="91"/>
      <c r="IG3774" s="91"/>
      <c r="IH3774" s="91"/>
      <c r="II3774" s="91"/>
      <c r="IJ3774" s="91"/>
      <c r="IK3774" s="174"/>
    </row>
    <row r="3775" spans="2:245" x14ac:dyDescent="0.2">
      <c r="B3775" s="43"/>
      <c r="C3775" s="73"/>
      <c r="D3775" s="64"/>
      <c r="E3775" s="64"/>
      <c r="F3775" s="55"/>
      <c r="G3775" s="102"/>
      <c r="H3775" s="97"/>
      <c r="T3775" s="98"/>
      <c r="U3775" s="97"/>
      <c r="AG3775" s="98"/>
      <c r="AY3775" s="164"/>
      <c r="BK3775" s="98"/>
      <c r="BL3775" s="97"/>
      <c r="BX3775" s="98"/>
      <c r="CL3775" s="97"/>
      <c r="CX3775" s="98"/>
      <c r="DL3775" s="97"/>
      <c r="DX3775" s="98"/>
      <c r="EL3775" s="97"/>
      <c r="EX3775" s="98"/>
      <c r="EY3775" s="97"/>
      <c r="FL3775" s="126"/>
      <c r="FM3775" s="91"/>
      <c r="FN3775" s="91"/>
      <c r="FO3775" s="91"/>
      <c r="FP3775" s="91"/>
      <c r="FQ3775" s="91"/>
      <c r="FR3775" s="91"/>
      <c r="FS3775" s="91"/>
      <c r="FT3775" s="91"/>
      <c r="FU3775" s="91"/>
      <c r="FV3775" s="91"/>
      <c r="FW3775" s="91"/>
      <c r="FX3775" s="127"/>
      <c r="FY3775" s="126"/>
      <c r="FZ3775" s="91"/>
      <c r="GA3775" s="91"/>
      <c r="GB3775" s="91"/>
      <c r="GC3775" s="91"/>
      <c r="GD3775" s="91"/>
      <c r="GE3775" s="91"/>
      <c r="GF3775" s="91"/>
      <c r="GG3775" s="91"/>
      <c r="GH3775" s="91"/>
      <c r="GI3775" s="91"/>
      <c r="GJ3775" s="91"/>
      <c r="GK3775" s="127"/>
      <c r="GL3775" s="126"/>
      <c r="GM3775" s="91"/>
      <c r="GN3775" s="91"/>
      <c r="GO3775" s="91"/>
      <c r="GP3775" s="91"/>
      <c r="GQ3775" s="91"/>
      <c r="GR3775" s="91"/>
      <c r="GS3775" s="91"/>
      <c r="GT3775" s="91"/>
      <c r="GU3775" s="91"/>
      <c r="GV3775" s="91"/>
      <c r="GW3775" s="91"/>
      <c r="GX3775" s="127"/>
      <c r="GY3775" s="126"/>
      <c r="GZ3775" s="91"/>
      <c r="HA3775" s="91"/>
      <c r="HB3775" s="91"/>
      <c r="HC3775" s="91"/>
      <c r="HD3775" s="91"/>
      <c r="HE3775" s="91"/>
      <c r="HF3775" s="91"/>
      <c r="HG3775" s="91"/>
      <c r="HH3775" s="91"/>
      <c r="HI3775" s="91"/>
      <c r="HJ3775" s="91"/>
      <c r="HK3775" s="127"/>
      <c r="HL3775" s="126"/>
      <c r="HM3775" s="91"/>
      <c r="HN3775" s="91"/>
      <c r="HO3775" s="91"/>
      <c r="HP3775" s="91"/>
      <c r="HQ3775" s="91"/>
      <c r="HR3775" s="91"/>
      <c r="HS3775" s="91"/>
      <c r="HT3775" s="91"/>
      <c r="HU3775" s="91"/>
      <c r="HV3775" s="91"/>
      <c r="HW3775" s="91"/>
      <c r="HX3775" s="127"/>
      <c r="HY3775" s="126"/>
      <c r="HZ3775" s="91"/>
      <c r="IA3775" s="91"/>
      <c r="IB3775" s="91"/>
      <c r="IC3775" s="91"/>
      <c r="ID3775" s="91"/>
      <c r="IE3775" s="91"/>
      <c r="IF3775" s="91"/>
      <c r="IG3775" s="91"/>
      <c r="IH3775" s="91"/>
      <c r="II3775" s="91"/>
      <c r="IJ3775" s="91"/>
      <c r="IK3775" s="174"/>
    </row>
    <row r="3776" spans="2:245" x14ac:dyDescent="0.2">
      <c r="B3776" s="43"/>
      <c r="C3776" s="73"/>
      <c r="D3776" s="64"/>
      <c r="E3776" s="64"/>
      <c r="F3776" s="55"/>
      <c r="G3776" s="102"/>
      <c r="H3776" s="97"/>
      <c r="T3776" s="98"/>
      <c r="U3776" s="97"/>
      <c r="AG3776" s="98"/>
      <c r="AY3776" s="164"/>
      <c r="BK3776" s="98"/>
      <c r="BL3776" s="97"/>
      <c r="BX3776" s="98"/>
      <c r="CL3776" s="97"/>
      <c r="CX3776" s="98"/>
      <c r="DL3776" s="97"/>
      <c r="DX3776" s="98"/>
      <c r="EL3776" s="97"/>
      <c r="EX3776" s="98"/>
      <c r="EY3776" s="97"/>
      <c r="FL3776" s="126"/>
      <c r="FM3776" s="91"/>
      <c r="FN3776" s="91"/>
      <c r="FO3776" s="91"/>
      <c r="FP3776" s="91"/>
      <c r="FQ3776" s="91"/>
      <c r="FR3776" s="91"/>
      <c r="FS3776" s="91"/>
      <c r="FT3776" s="91"/>
      <c r="FU3776" s="91"/>
      <c r="FV3776" s="91"/>
      <c r="FW3776" s="91"/>
      <c r="FX3776" s="127"/>
      <c r="FY3776" s="126"/>
      <c r="FZ3776" s="91"/>
      <c r="GA3776" s="91"/>
      <c r="GB3776" s="91"/>
      <c r="GC3776" s="91"/>
      <c r="GD3776" s="91"/>
      <c r="GE3776" s="91"/>
      <c r="GF3776" s="91"/>
      <c r="GG3776" s="91"/>
      <c r="GH3776" s="91"/>
      <c r="GI3776" s="91"/>
      <c r="GJ3776" s="91"/>
      <c r="GK3776" s="127"/>
      <c r="GL3776" s="126"/>
      <c r="GM3776" s="91"/>
      <c r="GN3776" s="91"/>
      <c r="GO3776" s="91"/>
      <c r="GP3776" s="91"/>
      <c r="GQ3776" s="91"/>
      <c r="GR3776" s="91"/>
      <c r="GS3776" s="91"/>
      <c r="GT3776" s="91"/>
      <c r="GU3776" s="91"/>
      <c r="GV3776" s="91"/>
      <c r="GW3776" s="91"/>
      <c r="GX3776" s="127"/>
      <c r="GY3776" s="126"/>
      <c r="GZ3776" s="91"/>
      <c r="HA3776" s="91"/>
      <c r="HB3776" s="91"/>
      <c r="HC3776" s="91"/>
      <c r="HD3776" s="91"/>
      <c r="HE3776" s="91"/>
      <c r="HF3776" s="91"/>
      <c r="HG3776" s="91"/>
      <c r="HH3776" s="91"/>
      <c r="HI3776" s="91"/>
      <c r="HJ3776" s="91"/>
      <c r="HK3776" s="127"/>
      <c r="HL3776" s="126"/>
      <c r="HM3776" s="91"/>
      <c r="HN3776" s="91"/>
      <c r="HO3776" s="91"/>
      <c r="HP3776" s="91"/>
      <c r="HQ3776" s="91"/>
      <c r="HR3776" s="91"/>
      <c r="HS3776" s="91"/>
      <c r="HT3776" s="91"/>
      <c r="HU3776" s="91"/>
      <c r="HV3776" s="91"/>
      <c r="HW3776" s="91"/>
      <c r="HX3776" s="127"/>
      <c r="HY3776" s="126"/>
      <c r="HZ3776" s="91"/>
      <c r="IA3776" s="91"/>
      <c r="IB3776" s="91"/>
      <c r="IC3776" s="91"/>
      <c r="ID3776" s="91"/>
      <c r="IE3776" s="91"/>
      <c r="IF3776" s="91"/>
      <c r="IG3776" s="91"/>
      <c r="IH3776" s="91"/>
      <c r="II3776" s="91"/>
      <c r="IJ3776" s="91"/>
      <c r="IK3776" s="174"/>
    </row>
    <row r="3777" spans="2:245" x14ac:dyDescent="0.2">
      <c r="B3777" s="43"/>
      <c r="C3777" s="73"/>
      <c r="D3777" s="64"/>
      <c r="E3777" s="64"/>
      <c r="F3777" s="55"/>
      <c r="G3777" s="102"/>
      <c r="H3777" s="97"/>
      <c r="T3777" s="98"/>
      <c r="U3777" s="97"/>
      <c r="AG3777" s="98"/>
      <c r="AY3777" s="164"/>
      <c r="BK3777" s="98"/>
      <c r="BL3777" s="97"/>
      <c r="BX3777" s="98"/>
      <c r="CL3777" s="97"/>
      <c r="CX3777" s="98"/>
      <c r="DL3777" s="97"/>
      <c r="DX3777" s="98"/>
      <c r="EL3777" s="97"/>
      <c r="EX3777" s="98"/>
      <c r="EY3777" s="97"/>
      <c r="FL3777" s="126"/>
      <c r="FM3777" s="91"/>
      <c r="FN3777" s="91"/>
      <c r="FO3777" s="91"/>
      <c r="FP3777" s="91"/>
      <c r="FQ3777" s="91"/>
      <c r="FR3777" s="91"/>
      <c r="FS3777" s="91"/>
      <c r="FT3777" s="91"/>
      <c r="FU3777" s="91"/>
      <c r="FV3777" s="91"/>
      <c r="FW3777" s="91"/>
      <c r="FX3777" s="127"/>
      <c r="FY3777" s="126"/>
      <c r="FZ3777" s="91"/>
      <c r="GA3777" s="91"/>
      <c r="GB3777" s="91"/>
      <c r="GC3777" s="91"/>
      <c r="GD3777" s="91"/>
      <c r="GE3777" s="91"/>
      <c r="GF3777" s="91"/>
      <c r="GG3777" s="91"/>
      <c r="GH3777" s="91"/>
      <c r="GI3777" s="91"/>
      <c r="GJ3777" s="91"/>
      <c r="GK3777" s="127"/>
      <c r="GL3777" s="126"/>
      <c r="GM3777" s="91"/>
      <c r="GN3777" s="91"/>
      <c r="GO3777" s="91"/>
      <c r="GP3777" s="91"/>
      <c r="GQ3777" s="91"/>
      <c r="GR3777" s="91"/>
      <c r="GS3777" s="91"/>
      <c r="GT3777" s="91"/>
      <c r="GU3777" s="91"/>
      <c r="GV3777" s="91"/>
      <c r="GW3777" s="91"/>
      <c r="GX3777" s="127"/>
      <c r="GY3777" s="126"/>
      <c r="GZ3777" s="91"/>
      <c r="HA3777" s="91"/>
      <c r="HB3777" s="91"/>
      <c r="HC3777" s="91"/>
      <c r="HD3777" s="91"/>
      <c r="HE3777" s="91"/>
      <c r="HF3777" s="91"/>
      <c r="HG3777" s="91"/>
      <c r="HH3777" s="91"/>
      <c r="HI3777" s="91"/>
      <c r="HJ3777" s="91"/>
      <c r="HK3777" s="127"/>
      <c r="HL3777" s="126"/>
      <c r="HM3777" s="91"/>
      <c r="HN3777" s="91"/>
      <c r="HO3777" s="91"/>
      <c r="HP3777" s="91"/>
      <c r="HQ3777" s="91"/>
      <c r="HR3777" s="91"/>
      <c r="HS3777" s="91"/>
      <c r="HT3777" s="91"/>
      <c r="HU3777" s="91"/>
      <c r="HV3777" s="91"/>
      <c r="HW3777" s="91"/>
      <c r="HX3777" s="127"/>
      <c r="HY3777" s="126"/>
      <c r="HZ3777" s="91"/>
      <c r="IA3777" s="91"/>
      <c r="IB3777" s="91"/>
      <c r="IC3777" s="91"/>
      <c r="ID3777" s="91"/>
      <c r="IE3777" s="91"/>
      <c r="IF3777" s="91"/>
      <c r="IG3777" s="91"/>
      <c r="IH3777" s="91"/>
      <c r="II3777" s="91"/>
      <c r="IJ3777" s="91"/>
      <c r="IK3777" s="174"/>
    </row>
    <row r="3778" spans="2:245" x14ac:dyDescent="0.2">
      <c r="B3778" s="43"/>
      <c r="C3778" s="73"/>
      <c r="D3778" s="64"/>
      <c r="E3778" s="64"/>
      <c r="F3778" s="55"/>
      <c r="G3778" s="102"/>
      <c r="H3778" s="97"/>
      <c r="T3778" s="98"/>
      <c r="U3778" s="97"/>
      <c r="AG3778" s="98"/>
      <c r="AY3778" s="164"/>
      <c r="BK3778" s="98"/>
      <c r="BL3778" s="97"/>
      <c r="BX3778" s="98"/>
      <c r="CL3778" s="97"/>
      <c r="CX3778" s="98"/>
      <c r="DL3778" s="97"/>
      <c r="DX3778" s="98"/>
      <c r="EL3778" s="97"/>
      <c r="EX3778" s="98"/>
      <c r="EY3778" s="97"/>
      <c r="FL3778" s="126"/>
      <c r="FM3778" s="91"/>
      <c r="FN3778" s="91"/>
      <c r="FO3778" s="91"/>
      <c r="FP3778" s="91"/>
      <c r="FQ3778" s="91"/>
      <c r="FR3778" s="91"/>
      <c r="FS3778" s="91"/>
      <c r="FT3778" s="91"/>
      <c r="FU3778" s="91"/>
      <c r="FV3778" s="91"/>
      <c r="FW3778" s="91"/>
      <c r="FX3778" s="127"/>
      <c r="FY3778" s="126"/>
      <c r="FZ3778" s="91"/>
      <c r="GA3778" s="91"/>
      <c r="GB3778" s="91"/>
      <c r="GC3778" s="91"/>
      <c r="GD3778" s="91"/>
      <c r="GE3778" s="91"/>
      <c r="GF3778" s="91"/>
      <c r="GG3778" s="91"/>
      <c r="GH3778" s="91"/>
      <c r="GI3778" s="91"/>
      <c r="GJ3778" s="91"/>
      <c r="GK3778" s="127"/>
      <c r="GL3778" s="126"/>
      <c r="GM3778" s="91"/>
      <c r="GN3778" s="91"/>
      <c r="GO3778" s="91"/>
      <c r="GP3778" s="91"/>
      <c r="GQ3778" s="91"/>
      <c r="GR3778" s="91"/>
      <c r="GS3778" s="91"/>
      <c r="GT3778" s="91"/>
      <c r="GU3778" s="91"/>
      <c r="GV3778" s="91"/>
      <c r="GW3778" s="91"/>
      <c r="GX3778" s="127"/>
      <c r="GY3778" s="126"/>
      <c r="GZ3778" s="91"/>
      <c r="HA3778" s="91"/>
      <c r="HB3778" s="91"/>
      <c r="HC3778" s="91"/>
      <c r="HD3778" s="91"/>
      <c r="HE3778" s="91"/>
      <c r="HF3778" s="91"/>
      <c r="HG3778" s="91"/>
      <c r="HH3778" s="91"/>
      <c r="HI3778" s="91"/>
      <c r="HJ3778" s="91"/>
      <c r="HK3778" s="127"/>
      <c r="HL3778" s="126"/>
      <c r="HM3778" s="91"/>
      <c r="HN3778" s="91"/>
      <c r="HO3778" s="91"/>
      <c r="HP3778" s="91"/>
      <c r="HQ3778" s="91"/>
      <c r="HR3778" s="91"/>
      <c r="HS3778" s="91"/>
      <c r="HT3778" s="91"/>
      <c r="HU3778" s="91"/>
      <c r="HV3778" s="91"/>
      <c r="HW3778" s="91"/>
      <c r="HX3778" s="127"/>
      <c r="HY3778" s="126"/>
      <c r="HZ3778" s="91"/>
      <c r="IA3778" s="91"/>
      <c r="IB3778" s="91"/>
      <c r="IC3778" s="91"/>
      <c r="ID3778" s="91"/>
      <c r="IE3778" s="91"/>
      <c r="IF3778" s="91"/>
      <c r="IG3778" s="91"/>
      <c r="IH3778" s="91"/>
      <c r="II3778" s="91"/>
      <c r="IJ3778" s="91"/>
      <c r="IK3778" s="174"/>
    </row>
    <row r="3779" spans="2:245" x14ac:dyDescent="0.2">
      <c r="B3779" s="43"/>
      <c r="C3779" s="73"/>
      <c r="D3779" s="64"/>
      <c r="E3779" s="64"/>
      <c r="F3779" s="55"/>
      <c r="G3779" s="102"/>
      <c r="H3779" s="97"/>
      <c r="T3779" s="98"/>
      <c r="U3779" s="97"/>
      <c r="AG3779" s="98"/>
      <c r="AY3779" s="164"/>
      <c r="BK3779" s="98"/>
      <c r="BL3779" s="97"/>
      <c r="BX3779" s="98"/>
      <c r="CL3779" s="97"/>
      <c r="CX3779" s="98"/>
      <c r="DL3779" s="97"/>
      <c r="DX3779" s="98"/>
      <c r="EL3779" s="97"/>
      <c r="EX3779" s="98"/>
      <c r="EY3779" s="97"/>
      <c r="FL3779" s="126"/>
      <c r="FM3779" s="91"/>
      <c r="FN3779" s="91"/>
      <c r="FO3779" s="91"/>
      <c r="FP3779" s="91"/>
      <c r="FQ3779" s="91"/>
      <c r="FR3779" s="91"/>
      <c r="FS3779" s="91"/>
      <c r="FT3779" s="91"/>
      <c r="FU3779" s="91"/>
      <c r="FV3779" s="91"/>
      <c r="FW3779" s="91"/>
      <c r="FX3779" s="127"/>
      <c r="FY3779" s="126"/>
      <c r="FZ3779" s="91"/>
      <c r="GA3779" s="91"/>
      <c r="GB3779" s="91"/>
      <c r="GC3779" s="91"/>
      <c r="GD3779" s="91"/>
      <c r="GE3779" s="91"/>
      <c r="GF3779" s="91"/>
      <c r="GG3779" s="91"/>
      <c r="GH3779" s="91"/>
      <c r="GI3779" s="91"/>
      <c r="GJ3779" s="91"/>
      <c r="GK3779" s="127"/>
      <c r="GL3779" s="126"/>
      <c r="GM3779" s="91"/>
      <c r="GN3779" s="91"/>
      <c r="GO3779" s="91"/>
      <c r="GP3779" s="91"/>
      <c r="GQ3779" s="91"/>
      <c r="GR3779" s="91"/>
      <c r="GS3779" s="91"/>
      <c r="GT3779" s="91"/>
      <c r="GU3779" s="91"/>
      <c r="GV3779" s="91"/>
      <c r="GW3779" s="91"/>
      <c r="GX3779" s="127"/>
      <c r="GY3779" s="126"/>
      <c r="GZ3779" s="91"/>
      <c r="HA3779" s="91"/>
      <c r="HB3779" s="91"/>
      <c r="HC3779" s="91"/>
      <c r="HD3779" s="91"/>
      <c r="HE3779" s="91"/>
      <c r="HF3779" s="91"/>
      <c r="HG3779" s="91"/>
      <c r="HH3779" s="91"/>
      <c r="HI3779" s="91"/>
      <c r="HJ3779" s="91"/>
      <c r="HK3779" s="127"/>
      <c r="HL3779" s="126"/>
      <c r="HM3779" s="91"/>
      <c r="HN3779" s="91"/>
      <c r="HO3779" s="91"/>
      <c r="HP3779" s="91"/>
      <c r="HQ3779" s="91"/>
      <c r="HR3779" s="91"/>
      <c r="HS3779" s="91"/>
      <c r="HT3779" s="91"/>
      <c r="HU3779" s="91"/>
      <c r="HV3779" s="91"/>
      <c r="HW3779" s="91"/>
      <c r="HX3779" s="127"/>
      <c r="HY3779" s="126"/>
      <c r="HZ3779" s="91"/>
      <c r="IA3779" s="91"/>
      <c r="IB3779" s="91"/>
      <c r="IC3779" s="91"/>
      <c r="ID3779" s="91"/>
      <c r="IE3779" s="91"/>
      <c r="IF3779" s="91"/>
      <c r="IG3779" s="91"/>
      <c r="IH3779" s="91"/>
      <c r="II3779" s="91"/>
      <c r="IJ3779" s="91"/>
      <c r="IK3779" s="174"/>
    </row>
    <row r="3780" spans="2:245" x14ac:dyDescent="0.2">
      <c r="B3780" s="43"/>
      <c r="C3780" s="73"/>
      <c r="D3780" s="64"/>
      <c r="E3780" s="64"/>
      <c r="F3780" s="55"/>
      <c r="G3780" s="102"/>
      <c r="H3780" s="97"/>
      <c r="T3780" s="98"/>
      <c r="U3780" s="97"/>
      <c r="AG3780" s="98"/>
      <c r="AY3780" s="164"/>
      <c r="BK3780" s="98"/>
      <c r="BL3780" s="97"/>
      <c r="BX3780" s="98"/>
      <c r="CL3780" s="97"/>
      <c r="CX3780" s="98"/>
      <c r="DL3780" s="97"/>
      <c r="DX3780" s="98"/>
      <c r="EL3780" s="97"/>
      <c r="EX3780" s="98"/>
      <c r="EY3780" s="97"/>
      <c r="FL3780" s="126"/>
      <c r="FM3780" s="91"/>
      <c r="FN3780" s="91"/>
      <c r="FO3780" s="91"/>
      <c r="FP3780" s="91"/>
      <c r="FQ3780" s="91"/>
      <c r="FR3780" s="91"/>
      <c r="FS3780" s="91"/>
      <c r="FT3780" s="91"/>
      <c r="FU3780" s="91"/>
      <c r="FV3780" s="91"/>
      <c r="FW3780" s="91"/>
      <c r="FX3780" s="127"/>
      <c r="FY3780" s="126"/>
      <c r="FZ3780" s="91"/>
      <c r="GA3780" s="91"/>
      <c r="GB3780" s="91"/>
      <c r="GC3780" s="91"/>
      <c r="GD3780" s="91"/>
      <c r="GE3780" s="91"/>
      <c r="GF3780" s="91"/>
      <c r="GG3780" s="91"/>
      <c r="GH3780" s="91"/>
      <c r="GI3780" s="91"/>
      <c r="GJ3780" s="91"/>
      <c r="GK3780" s="127"/>
      <c r="GL3780" s="126"/>
      <c r="GM3780" s="91"/>
      <c r="GN3780" s="91"/>
      <c r="GO3780" s="91"/>
      <c r="GP3780" s="91"/>
      <c r="GQ3780" s="91"/>
      <c r="GR3780" s="91"/>
      <c r="GS3780" s="91"/>
      <c r="GT3780" s="91"/>
      <c r="GU3780" s="91"/>
      <c r="GV3780" s="91"/>
      <c r="GW3780" s="91"/>
      <c r="GX3780" s="127"/>
      <c r="GY3780" s="126"/>
      <c r="GZ3780" s="91"/>
      <c r="HA3780" s="91"/>
      <c r="HB3780" s="91"/>
      <c r="HC3780" s="91"/>
      <c r="HD3780" s="91"/>
      <c r="HE3780" s="91"/>
      <c r="HF3780" s="91"/>
      <c r="HG3780" s="91"/>
      <c r="HH3780" s="91"/>
      <c r="HI3780" s="91"/>
      <c r="HJ3780" s="91"/>
      <c r="HK3780" s="127"/>
      <c r="HL3780" s="126"/>
      <c r="HM3780" s="91"/>
      <c r="HN3780" s="91"/>
      <c r="HO3780" s="91"/>
      <c r="HP3780" s="91"/>
      <c r="HQ3780" s="91"/>
      <c r="HR3780" s="91"/>
      <c r="HS3780" s="91"/>
      <c r="HT3780" s="91"/>
      <c r="HU3780" s="91"/>
      <c r="HV3780" s="91"/>
      <c r="HW3780" s="91"/>
      <c r="HX3780" s="127"/>
      <c r="HY3780" s="126"/>
      <c r="HZ3780" s="91"/>
      <c r="IA3780" s="91"/>
      <c r="IB3780" s="91"/>
      <c r="IC3780" s="91"/>
      <c r="ID3780" s="91"/>
      <c r="IE3780" s="91"/>
      <c r="IF3780" s="91"/>
      <c r="IG3780" s="91"/>
      <c r="IH3780" s="91"/>
      <c r="II3780" s="91"/>
      <c r="IJ3780" s="91"/>
      <c r="IK3780" s="174"/>
    </row>
    <row r="3781" spans="2:245" x14ac:dyDescent="0.2">
      <c r="B3781" s="43"/>
      <c r="C3781" s="73"/>
      <c r="D3781" s="64"/>
      <c r="E3781" s="64"/>
      <c r="F3781" s="55"/>
      <c r="G3781" s="102"/>
      <c r="H3781" s="97"/>
      <c r="T3781" s="98"/>
      <c r="U3781" s="97"/>
      <c r="AG3781" s="98"/>
      <c r="AY3781" s="164"/>
      <c r="BK3781" s="98"/>
      <c r="BL3781" s="97"/>
      <c r="BX3781" s="98"/>
      <c r="CL3781" s="97"/>
      <c r="CX3781" s="98"/>
      <c r="DL3781" s="97"/>
      <c r="DX3781" s="98"/>
      <c r="EL3781" s="97"/>
      <c r="EX3781" s="98"/>
      <c r="EY3781" s="97"/>
      <c r="FL3781" s="126"/>
      <c r="FM3781" s="91"/>
      <c r="FN3781" s="91"/>
      <c r="FO3781" s="91"/>
      <c r="FP3781" s="91"/>
      <c r="FQ3781" s="91"/>
      <c r="FR3781" s="91"/>
      <c r="FS3781" s="91"/>
      <c r="FT3781" s="91"/>
      <c r="FU3781" s="91"/>
      <c r="FV3781" s="91"/>
      <c r="FW3781" s="91"/>
      <c r="FX3781" s="127"/>
      <c r="FY3781" s="126"/>
      <c r="FZ3781" s="91"/>
      <c r="GA3781" s="91"/>
      <c r="GB3781" s="91"/>
      <c r="GC3781" s="91"/>
      <c r="GD3781" s="91"/>
      <c r="GE3781" s="91"/>
      <c r="GF3781" s="91"/>
      <c r="GG3781" s="91"/>
      <c r="GH3781" s="91"/>
      <c r="GI3781" s="91"/>
      <c r="GJ3781" s="91"/>
      <c r="GK3781" s="127"/>
      <c r="GL3781" s="126"/>
      <c r="GM3781" s="91"/>
      <c r="GN3781" s="91"/>
      <c r="GO3781" s="91"/>
      <c r="GP3781" s="91"/>
      <c r="GQ3781" s="91"/>
      <c r="GR3781" s="91"/>
      <c r="GS3781" s="91"/>
      <c r="GT3781" s="91"/>
      <c r="GU3781" s="91"/>
      <c r="GV3781" s="91"/>
      <c r="GW3781" s="91"/>
      <c r="GX3781" s="127"/>
      <c r="GY3781" s="126"/>
      <c r="GZ3781" s="91"/>
      <c r="HA3781" s="91"/>
      <c r="HB3781" s="91"/>
      <c r="HC3781" s="91"/>
      <c r="HD3781" s="91"/>
      <c r="HE3781" s="91"/>
      <c r="HF3781" s="91"/>
      <c r="HG3781" s="91"/>
      <c r="HH3781" s="91"/>
      <c r="HI3781" s="91"/>
      <c r="HJ3781" s="91"/>
      <c r="HK3781" s="127"/>
      <c r="HL3781" s="126"/>
      <c r="HM3781" s="91"/>
      <c r="HN3781" s="91"/>
      <c r="HO3781" s="91"/>
      <c r="HP3781" s="91"/>
      <c r="HQ3781" s="91"/>
      <c r="HR3781" s="91"/>
      <c r="HS3781" s="91"/>
      <c r="HT3781" s="91"/>
      <c r="HU3781" s="91"/>
      <c r="HV3781" s="91"/>
      <c r="HW3781" s="91"/>
      <c r="HX3781" s="127"/>
      <c r="HY3781" s="126"/>
      <c r="HZ3781" s="91"/>
      <c r="IA3781" s="91"/>
      <c r="IB3781" s="91"/>
      <c r="IC3781" s="91"/>
      <c r="ID3781" s="91"/>
      <c r="IE3781" s="91"/>
      <c r="IF3781" s="91"/>
      <c r="IG3781" s="91"/>
      <c r="IH3781" s="91"/>
      <c r="II3781" s="91"/>
      <c r="IJ3781" s="91"/>
      <c r="IK3781" s="174"/>
    </row>
    <row r="3782" spans="2:245" x14ac:dyDescent="0.2">
      <c r="B3782" s="43"/>
      <c r="C3782" s="73"/>
      <c r="D3782" s="64"/>
      <c r="E3782" s="64"/>
      <c r="F3782" s="55"/>
      <c r="G3782" s="102"/>
      <c r="H3782" s="97"/>
      <c r="T3782" s="98"/>
      <c r="U3782" s="97"/>
      <c r="AG3782" s="98"/>
      <c r="AY3782" s="164"/>
      <c r="BK3782" s="98"/>
      <c r="BL3782" s="97"/>
      <c r="BX3782" s="98"/>
      <c r="CL3782" s="97"/>
      <c r="CX3782" s="98"/>
      <c r="DL3782" s="97"/>
      <c r="DX3782" s="98"/>
      <c r="EL3782" s="97"/>
      <c r="EX3782" s="98"/>
      <c r="EY3782" s="97"/>
      <c r="FL3782" s="126"/>
      <c r="FM3782" s="91"/>
      <c r="FN3782" s="91"/>
      <c r="FO3782" s="91"/>
      <c r="FP3782" s="91"/>
      <c r="FQ3782" s="91"/>
      <c r="FR3782" s="91"/>
      <c r="FS3782" s="91"/>
      <c r="FT3782" s="91"/>
      <c r="FU3782" s="91"/>
      <c r="FV3782" s="91"/>
      <c r="FW3782" s="91"/>
      <c r="FX3782" s="127"/>
      <c r="FY3782" s="126"/>
      <c r="FZ3782" s="91"/>
      <c r="GA3782" s="91"/>
      <c r="GB3782" s="91"/>
      <c r="GC3782" s="91"/>
      <c r="GD3782" s="91"/>
      <c r="GE3782" s="91"/>
      <c r="GF3782" s="91"/>
      <c r="GG3782" s="91"/>
      <c r="GH3782" s="91"/>
      <c r="GI3782" s="91"/>
      <c r="GJ3782" s="91"/>
      <c r="GK3782" s="127"/>
      <c r="GL3782" s="126"/>
      <c r="GM3782" s="91"/>
      <c r="GN3782" s="91"/>
      <c r="GO3782" s="91"/>
      <c r="GP3782" s="91"/>
      <c r="GQ3782" s="91"/>
      <c r="GR3782" s="91"/>
      <c r="GS3782" s="91"/>
      <c r="GT3782" s="91"/>
      <c r="GU3782" s="91"/>
      <c r="GV3782" s="91"/>
      <c r="GW3782" s="91"/>
      <c r="GX3782" s="127"/>
      <c r="GY3782" s="126"/>
      <c r="GZ3782" s="91"/>
      <c r="HA3782" s="91"/>
      <c r="HB3782" s="91"/>
      <c r="HC3782" s="91"/>
      <c r="HD3782" s="91"/>
      <c r="HE3782" s="91"/>
      <c r="HF3782" s="91"/>
      <c r="HG3782" s="91"/>
      <c r="HH3782" s="91"/>
      <c r="HI3782" s="91"/>
      <c r="HJ3782" s="91"/>
      <c r="HK3782" s="127"/>
      <c r="HL3782" s="126"/>
      <c r="HM3782" s="91"/>
      <c r="HN3782" s="91"/>
      <c r="HO3782" s="91"/>
      <c r="HP3782" s="91"/>
      <c r="HQ3782" s="91"/>
      <c r="HR3782" s="91"/>
      <c r="HS3782" s="91"/>
      <c r="HT3782" s="91"/>
      <c r="HU3782" s="91"/>
      <c r="HV3782" s="91"/>
      <c r="HW3782" s="91"/>
      <c r="HX3782" s="127"/>
      <c r="HY3782" s="126"/>
      <c r="HZ3782" s="91"/>
      <c r="IA3782" s="91"/>
      <c r="IB3782" s="91"/>
      <c r="IC3782" s="91"/>
      <c r="ID3782" s="91"/>
      <c r="IE3782" s="91"/>
      <c r="IF3782" s="91"/>
      <c r="IG3782" s="91"/>
      <c r="IH3782" s="91"/>
      <c r="II3782" s="91"/>
      <c r="IJ3782" s="91"/>
      <c r="IK3782" s="174"/>
    </row>
    <row r="3783" spans="2:245" x14ac:dyDescent="0.2">
      <c r="B3783" s="43"/>
      <c r="C3783" s="73"/>
      <c r="D3783" s="64"/>
      <c r="E3783" s="64"/>
      <c r="F3783" s="55"/>
      <c r="G3783" s="102"/>
      <c r="H3783" s="97"/>
      <c r="T3783" s="98"/>
      <c r="U3783" s="97"/>
      <c r="AG3783" s="98"/>
      <c r="AY3783" s="164"/>
      <c r="BK3783" s="98"/>
      <c r="BL3783" s="97"/>
      <c r="BX3783" s="98"/>
      <c r="CL3783" s="97"/>
      <c r="CX3783" s="98"/>
      <c r="DL3783" s="97"/>
      <c r="DX3783" s="98"/>
      <c r="EL3783" s="97"/>
      <c r="EX3783" s="98"/>
      <c r="EY3783" s="97"/>
      <c r="FL3783" s="126"/>
      <c r="FM3783" s="91"/>
      <c r="FN3783" s="91"/>
      <c r="FO3783" s="91"/>
      <c r="FP3783" s="91"/>
      <c r="FQ3783" s="91"/>
      <c r="FR3783" s="91"/>
      <c r="FS3783" s="91"/>
      <c r="FT3783" s="91"/>
      <c r="FU3783" s="91"/>
      <c r="FV3783" s="91"/>
      <c r="FW3783" s="91"/>
      <c r="FX3783" s="127"/>
      <c r="FY3783" s="126"/>
      <c r="FZ3783" s="91"/>
      <c r="GA3783" s="91"/>
      <c r="GB3783" s="91"/>
      <c r="GC3783" s="91"/>
      <c r="GD3783" s="91"/>
      <c r="GE3783" s="91"/>
      <c r="GF3783" s="91"/>
      <c r="GG3783" s="91"/>
      <c r="GH3783" s="91"/>
      <c r="GI3783" s="91"/>
      <c r="GJ3783" s="91"/>
      <c r="GK3783" s="127"/>
      <c r="GL3783" s="126"/>
      <c r="GM3783" s="91"/>
      <c r="GN3783" s="91"/>
      <c r="GO3783" s="91"/>
      <c r="GP3783" s="91"/>
      <c r="GQ3783" s="91"/>
      <c r="GR3783" s="91"/>
      <c r="GS3783" s="91"/>
      <c r="GT3783" s="91"/>
      <c r="GU3783" s="91"/>
      <c r="GV3783" s="91"/>
      <c r="GW3783" s="91"/>
      <c r="GX3783" s="127"/>
      <c r="GY3783" s="126"/>
      <c r="GZ3783" s="91"/>
      <c r="HA3783" s="91"/>
      <c r="HB3783" s="91"/>
      <c r="HC3783" s="91"/>
      <c r="HD3783" s="91"/>
      <c r="HE3783" s="91"/>
      <c r="HF3783" s="91"/>
      <c r="HG3783" s="91"/>
      <c r="HH3783" s="91"/>
      <c r="HI3783" s="91"/>
      <c r="HJ3783" s="91"/>
      <c r="HK3783" s="127"/>
      <c r="HL3783" s="126"/>
      <c r="HM3783" s="91"/>
      <c r="HN3783" s="91"/>
      <c r="HO3783" s="91"/>
      <c r="HP3783" s="91"/>
      <c r="HQ3783" s="91"/>
      <c r="HR3783" s="91"/>
      <c r="HS3783" s="91"/>
      <c r="HT3783" s="91"/>
      <c r="HU3783" s="91"/>
      <c r="HV3783" s="91"/>
      <c r="HW3783" s="91"/>
      <c r="HX3783" s="127"/>
      <c r="HY3783" s="126"/>
      <c r="HZ3783" s="91"/>
      <c r="IA3783" s="91"/>
      <c r="IB3783" s="91"/>
      <c r="IC3783" s="91"/>
      <c r="ID3783" s="91"/>
      <c r="IE3783" s="91"/>
      <c r="IF3783" s="91"/>
      <c r="IG3783" s="91"/>
      <c r="IH3783" s="91"/>
      <c r="II3783" s="91"/>
      <c r="IJ3783" s="91"/>
      <c r="IK3783" s="174"/>
    </row>
    <row r="3784" spans="2:245" x14ac:dyDescent="0.2">
      <c r="B3784" s="43"/>
      <c r="C3784" s="73"/>
      <c r="D3784" s="64"/>
      <c r="E3784" s="64"/>
      <c r="F3784" s="55"/>
      <c r="G3784" s="102"/>
      <c r="H3784" s="97"/>
      <c r="T3784" s="98"/>
      <c r="U3784" s="97"/>
      <c r="AG3784" s="98"/>
      <c r="AY3784" s="164"/>
      <c r="BK3784" s="98"/>
      <c r="BL3784" s="97"/>
      <c r="BX3784" s="98"/>
      <c r="CL3784" s="97"/>
      <c r="CX3784" s="98"/>
      <c r="DL3784" s="97"/>
      <c r="DX3784" s="98"/>
      <c r="EL3784" s="97"/>
      <c r="EX3784" s="98"/>
      <c r="EY3784" s="97"/>
      <c r="FL3784" s="126"/>
      <c r="FM3784" s="91"/>
      <c r="FN3784" s="91"/>
      <c r="FO3784" s="91"/>
      <c r="FP3784" s="91"/>
      <c r="FQ3784" s="91"/>
      <c r="FR3784" s="91"/>
      <c r="FS3784" s="91"/>
      <c r="FT3784" s="91"/>
      <c r="FU3784" s="91"/>
      <c r="FV3784" s="91"/>
      <c r="FW3784" s="91"/>
      <c r="FX3784" s="127"/>
      <c r="FY3784" s="126"/>
      <c r="FZ3784" s="91"/>
      <c r="GA3784" s="91"/>
      <c r="GB3784" s="91"/>
      <c r="GC3784" s="91"/>
      <c r="GD3784" s="91"/>
      <c r="GE3784" s="91"/>
      <c r="GF3784" s="91"/>
      <c r="GG3784" s="91"/>
      <c r="GH3784" s="91"/>
      <c r="GI3784" s="91"/>
      <c r="GJ3784" s="91"/>
      <c r="GK3784" s="127"/>
      <c r="GL3784" s="126"/>
      <c r="GM3784" s="91"/>
      <c r="GN3784" s="91"/>
      <c r="GO3784" s="91"/>
      <c r="GP3784" s="91"/>
      <c r="GQ3784" s="91"/>
      <c r="GR3784" s="91"/>
      <c r="GS3784" s="91"/>
      <c r="GT3784" s="91"/>
      <c r="GU3784" s="91"/>
      <c r="GV3784" s="91"/>
      <c r="GW3784" s="91"/>
      <c r="GX3784" s="127"/>
      <c r="GY3784" s="126"/>
      <c r="GZ3784" s="91"/>
      <c r="HA3784" s="91"/>
      <c r="HB3784" s="91"/>
      <c r="HC3784" s="91"/>
      <c r="HD3784" s="91"/>
      <c r="HE3784" s="91"/>
      <c r="HF3784" s="91"/>
      <c r="HG3784" s="91"/>
      <c r="HH3784" s="91"/>
      <c r="HI3784" s="91"/>
      <c r="HJ3784" s="91"/>
      <c r="HK3784" s="127"/>
      <c r="HL3784" s="126"/>
      <c r="HM3784" s="91"/>
      <c r="HN3784" s="91"/>
      <c r="HO3784" s="91"/>
      <c r="HP3784" s="91"/>
      <c r="HQ3784" s="91"/>
      <c r="HR3784" s="91"/>
      <c r="HS3784" s="91"/>
      <c r="HT3784" s="91"/>
      <c r="HU3784" s="91"/>
      <c r="HV3784" s="91"/>
      <c r="HW3784" s="91"/>
      <c r="HX3784" s="127"/>
      <c r="HY3784" s="126"/>
      <c r="HZ3784" s="91"/>
      <c r="IA3784" s="91"/>
      <c r="IB3784" s="91"/>
      <c r="IC3784" s="91"/>
      <c r="ID3784" s="91"/>
      <c r="IE3784" s="91"/>
      <c r="IF3784" s="91"/>
      <c r="IG3784" s="91"/>
      <c r="IH3784" s="91"/>
      <c r="II3784" s="91"/>
      <c r="IJ3784" s="91"/>
      <c r="IK3784" s="174"/>
    </row>
    <row r="3785" spans="2:245" x14ac:dyDescent="0.2">
      <c r="B3785" s="43"/>
      <c r="C3785" s="73"/>
      <c r="D3785" s="64"/>
      <c r="E3785" s="64"/>
      <c r="F3785" s="55"/>
      <c r="G3785" s="102"/>
      <c r="H3785" s="97"/>
      <c r="T3785" s="98"/>
      <c r="U3785" s="97"/>
      <c r="AG3785" s="98"/>
      <c r="AY3785" s="164"/>
      <c r="BK3785" s="98"/>
      <c r="BL3785" s="97"/>
      <c r="BX3785" s="98"/>
      <c r="CL3785" s="97"/>
      <c r="CX3785" s="98"/>
      <c r="DL3785" s="97"/>
      <c r="DX3785" s="98"/>
      <c r="EL3785" s="97"/>
      <c r="EX3785" s="98"/>
      <c r="EY3785" s="97"/>
      <c r="FL3785" s="126"/>
      <c r="FM3785" s="91"/>
      <c r="FN3785" s="91"/>
      <c r="FO3785" s="91"/>
      <c r="FP3785" s="91"/>
      <c r="FQ3785" s="91"/>
      <c r="FR3785" s="91"/>
      <c r="FS3785" s="91"/>
      <c r="FT3785" s="91"/>
      <c r="FU3785" s="91"/>
      <c r="FV3785" s="91"/>
      <c r="FW3785" s="91"/>
      <c r="FX3785" s="127"/>
      <c r="FY3785" s="126"/>
      <c r="FZ3785" s="91"/>
      <c r="GA3785" s="91"/>
      <c r="GB3785" s="91"/>
      <c r="GC3785" s="91"/>
      <c r="GD3785" s="91"/>
      <c r="GE3785" s="91"/>
      <c r="GF3785" s="91"/>
      <c r="GG3785" s="91"/>
      <c r="GH3785" s="91"/>
      <c r="GI3785" s="91"/>
      <c r="GJ3785" s="91"/>
      <c r="GK3785" s="127"/>
      <c r="GL3785" s="126"/>
      <c r="GM3785" s="91"/>
      <c r="GN3785" s="91"/>
      <c r="GO3785" s="91"/>
      <c r="GP3785" s="91"/>
      <c r="GQ3785" s="91"/>
      <c r="GR3785" s="91"/>
      <c r="GS3785" s="91"/>
      <c r="GT3785" s="91"/>
      <c r="GU3785" s="91"/>
      <c r="GV3785" s="91"/>
      <c r="GW3785" s="91"/>
      <c r="GX3785" s="127"/>
      <c r="GY3785" s="126"/>
      <c r="GZ3785" s="91"/>
      <c r="HA3785" s="91"/>
      <c r="HB3785" s="91"/>
      <c r="HC3785" s="91"/>
      <c r="HD3785" s="91"/>
      <c r="HE3785" s="91"/>
      <c r="HF3785" s="91"/>
      <c r="HG3785" s="91"/>
      <c r="HH3785" s="91"/>
      <c r="HI3785" s="91"/>
      <c r="HJ3785" s="91"/>
      <c r="HK3785" s="127"/>
      <c r="HL3785" s="126"/>
      <c r="HM3785" s="91"/>
      <c r="HN3785" s="91"/>
      <c r="HO3785" s="91"/>
      <c r="HP3785" s="91"/>
      <c r="HQ3785" s="91"/>
      <c r="HR3785" s="91"/>
      <c r="HS3785" s="91"/>
      <c r="HT3785" s="91"/>
      <c r="HU3785" s="91"/>
      <c r="HV3785" s="91"/>
      <c r="HW3785" s="91"/>
      <c r="HX3785" s="127"/>
      <c r="HY3785" s="126"/>
      <c r="HZ3785" s="91"/>
      <c r="IA3785" s="91"/>
      <c r="IB3785" s="91"/>
      <c r="IC3785" s="91"/>
      <c r="ID3785" s="91"/>
      <c r="IE3785" s="91"/>
      <c r="IF3785" s="91"/>
      <c r="IG3785" s="91"/>
      <c r="IH3785" s="91"/>
      <c r="II3785" s="91"/>
      <c r="IJ3785" s="91"/>
      <c r="IK3785" s="174"/>
    </row>
    <row r="3786" spans="2:245" x14ac:dyDescent="0.2">
      <c r="B3786" s="43"/>
      <c r="C3786" s="73"/>
      <c r="D3786" s="64"/>
      <c r="E3786" s="64"/>
      <c r="F3786" s="55"/>
      <c r="G3786" s="102"/>
      <c r="H3786" s="97"/>
      <c r="T3786" s="98"/>
      <c r="U3786" s="97"/>
      <c r="AG3786" s="98"/>
      <c r="AY3786" s="164"/>
      <c r="BK3786" s="98"/>
      <c r="BL3786" s="97"/>
      <c r="BX3786" s="98"/>
      <c r="CL3786" s="97"/>
      <c r="CX3786" s="98"/>
      <c r="DL3786" s="97"/>
      <c r="DX3786" s="98"/>
      <c r="EL3786" s="97"/>
      <c r="EX3786" s="98"/>
      <c r="EY3786" s="97"/>
      <c r="FL3786" s="126"/>
      <c r="FM3786" s="91"/>
      <c r="FN3786" s="91"/>
      <c r="FO3786" s="91"/>
      <c r="FP3786" s="91"/>
      <c r="FQ3786" s="91"/>
      <c r="FR3786" s="91"/>
      <c r="FS3786" s="91"/>
      <c r="FT3786" s="91"/>
      <c r="FU3786" s="91"/>
      <c r="FV3786" s="91"/>
      <c r="FW3786" s="91"/>
      <c r="FX3786" s="127"/>
      <c r="FY3786" s="126"/>
      <c r="FZ3786" s="91"/>
      <c r="GA3786" s="91"/>
      <c r="GB3786" s="91"/>
      <c r="GC3786" s="91"/>
      <c r="GD3786" s="91"/>
      <c r="GE3786" s="91"/>
      <c r="GF3786" s="91"/>
      <c r="GG3786" s="91"/>
      <c r="GH3786" s="91"/>
      <c r="GI3786" s="91"/>
      <c r="GJ3786" s="91"/>
      <c r="GK3786" s="127"/>
      <c r="GL3786" s="126"/>
      <c r="GM3786" s="91"/>
      <c r="GN3786" s="91"/>
      <c r="GO3786" s="91"/>
      <c r="GP3786" s="91"/>
      <c r="GQ3786" s="91"/>
      <c r="GR3786" s="91"/>
      <c r="GS3786" s="91"/>
      <c r="GT3786" s="91"/>
      <c r="GU3786" s="91"/>
      <c r="GV3786" s="91"/>
      <c r="GW3786" s="91"/>
      <c r="GX3786" s="127"/>
      <c r="GY3786" s="126"/>
      <c r="GZ3786" s="91"/>
      <c r="HA3786" s="91"/>
      <c r="HB3786" s="91"/>
      <c r="HC3786" s="91"/>
      <c r="HD3786" s="91"/>
      <c r="HE3786" s="91"/>
      <c r="HF3786" s="91"/>
      <c r="HG3786" s="91"/>
      <c r="HH3786" s="91"/>
      <c r="HI3786" s="91"/>
      <c r="HJ3786" s="91"/>
      <c r="HK3786" s="127"/>
      <c r="HL3786" s="126"/>
      <c r="HM3786" s="91"/>
      <c r="HN3786" s="91"/>
      <c r="HO3786" s="91"/>
      <c r="HP3786" s="91"/>
      <c r="HQ3786" s="91"/>
      <c r="HR3786" s="91"/>
      <c r="HS3786" s="91"/>
      <c r="HT3786" s="91"/>
      <c r="HU3786" s="91"/>
      <c r="HV3786" s="91"/>
      <c r="HW3786" s="91"/>
      <c r="HX3786" s="127"/>
      <c r="HY3786" s="126"/>
      <c r="HZ3786" s="91"/>
      <c r="IA3786" s="91"/>
      <c r="IB3786" s="91"/>
      <c r="IC3786" s="91"/>
      <c r="ID3786" s="91"/>
      <c r="IE3786" s="91"/>
      <c r="IF3786" s="91"/>
      <c r="IG3786" s="91"/>
      <c r="IH3786" s="91"/>
      <c r="II3786" s="91"/>
      <c r="IJ3786" s="91"/>
      <c r="IK3786" s="174"/>
    </row>
    <row r="3787" spans="2:245" x14ac:dyDescent="0.2">
      <c r="B3787" s="43"/>
      <c r="C3787" s="73"/>
      <c r="D3787" s="64"/>
      <c r="E3787" s="64"/>
      <c r="F3787" s="55"/>
      <c r="G3787" s="102"/>
      <c r="H3787" s="97"/>
      <c r="T3787" s="98"/>
      <c r="U3787" s="97"/>
      <c r="AG3787" s="98"/>
      <c r="AY3787" s="164"/>
      <c r="BK3787" s="98"/>
      <c r="BL3787" s="97"/>
      <c r="BX3787" s="98"/>
      <c r="CL3787" s="97"/>
      <c r="CX3787" s="98"/>
      <c r="DL3787" s="97"/>
      <c r="DX3787" s="98"/>
      <c r="EL3787" s="97"/>
      <c r="EX3787" s="98"/>
      <c r="EY3787" s="97"/>
      <c r="FL3787" s="126"/>
      <c r="FM3787" s="91"/>
      <c r="FN3787" s="91"/>
      <c r="FO3787" s="91"/>
      <c r="FP3787" s="91"/>
      <c r="FQ3787" s="91"/>
      <c r="FR3787" s="91"/>
      <c r="FS3787" s="91"/>
      <c r="FT3787" s="91"/>
      <c r="FU3787" s="91"/>
      <c r="FV3787" s="91"/>
      <c r="FW3787" s="91"/>
      <c r="FX3787" s="127"/>
      <c r="FY3787" s="126"/>
      <c r="FZ3787" s="91"/>
      <c r="GA3787" s="91"/>
      <c r="GB3787" s="91"/>
      <c r="GC3787" s="91"/>
      <c r="GD3787" s="91"/>
      <c r="GE3787" s="91"/>
      <c r="GF3787" s="91"/>
      <c r="GG3787" s="91"/>
      <c r="GH3787" s="91"/>
      <c r="GI3787" s="91"/>
      <c r="GJ3787" s="91"/>
      <c r="GK3787" s="127"/>
      <c r="GL3787" s="126"/>
      <c r="GM3787" s="91"/>
      <c r="GN3787" s="91"/>
      <c r="GO3787" s="91"/>
      <c r="GP3787" s="91"/>
      <c r="GQ3787" s="91"/>
      <c r="GR3787" s="91"/>
      <c r="GS3787" s="91"/>
      <c r="GT3787" s="91"/>
      <c r="GU3787" s="91"/>
      <c r="GV3787" s="91"/>
      <c r="GW3787" s="91"/>
      <c r="GX3787" s="127"/>
      <c r="GY3787" s="126"/>
      <c r="GZ3787" s="91"/>
      <c r="HA3787" s="91"/>
      <c r="HB3787" s="91"/>
      <c r="HC3787" s="91"/>
      <c r="HD3787" s="91"/>
      <c r="HE3787" s="91"/>
      <c r="HF3787" s="91"/>
      <c r="HG3787" s="91"/>
      <c r="HH3787" s="91"/>
      <c r="HI3787" s="91"/>
      <c r="HJ3787" s="91"/>
      <c r="HK3787" s="127"/>
      <c r="HL3787" s="126"/>
      <c r="HM3787" s="91"/>
      <c r="HN3787" s="91"/>
      <c r="HO3787" s="91"/>
      <c r="HP3787" s="91"/>
      <c r="HQ3787" s="91"/>
      <c r="HR3787" s="91"/>
      <c r="HS3787" s="91"/>
      <c r="HT3787" s="91"/>
      <c r="HU3787" s="91"/>
      <c r="HV3787" s="91"/>
      <c r="HW3787" s="91"/>
      <c r="HX3787" s="127"/>
      <c r="HY3787" s="126"/>
      <c r="HZ3787" s="91"/>
      <c r="IA3787" s="91"/>
      <c r="IB3787" s="91"/>
      <c r="IC3787" s="91"/>
      <c r="ID3787" s="91"/>
      <c r="IE3787" s="91"/>
      <c r="IF3787" s="91"/>
      <c r="IG3787" s="91"/>
      <c r="IH3787" s="91"/>
      <c r="II3787" s="91"/>
      <c r="IJ3787" s="91"/>
      <c r="IK3787" s="174"/>
    </row>
    <row r="3788" spans="2:245" x14ac:dyDescent="0.2">
      <c r="B3788" s="43"/>
      <c r="C3788" s="73"/>
      <c r="D3788" s="64"/>
      <c r="E3788" s="64"/>
      <c r="F3788" s="55"/>
      <c r="G3788" s="102"/>
      <c r="H3788" s="97"/>
      <c r="T3788" s="98"/>
      <c r="U3788" s="97"/>
      <c r="AG3788" s="98"/>
      <c r="AY3788" s="164"/>
      <c r="BK3788" s="98"/>
      <c r="BL3788" s="97"/>
      <c r="BX3788" s="98"/>
      <c r="CL3788" s="97"/>
      <c r="CX3788" s="98"/>
      <c r="DL3788" s="97"/>
      <c r="DX3788" s="98"/>
      <c r="EL3788" s="97"/>
      <c r="EX3788" s="98"/>
      <c r="EY3788" s="97"/>
      <c r="FL3788" s="126"/>
      <c r="FM3788" s="91"/>
      <c r="FN3788" s="91"/>
      <c r="FO3788" s="91"/>
      <c r="FP3788" s="91"/>
      <c r="FQ3788" s="91"/>
      <c r="FR3788" s="91"/>
      <c r="FS3788" s="91"/>
      <c r="FT3788" s="91"/>
      <c r="FU3788" s="91"/>
      <c r="FV3788" s="91"/>
      <c r="FW3788" s="91"/>
      <c r="FX3788" s="127"/>
      <c r="FY3788" s="126"/>
      <c r="FZ3788" s="91"/>
      <c r="GA3788" s="91"/>
      <c r="GB3788" s="91"/>
      <c r="GC3788" s="91"/>
      <c r="GD3788" s="91"/>
      <c r="GE3788" s="91"/>
      <c r="GF3788" s="91"/>
      <c r="GG3788" s="91"/>
      <c r="GH3788" s="91"/>
      <c r="GI3788" s="91"/>
      <c r="GJ3788" s="91"/>
      <c r="GK3788" s="127"/>
      <c r="GL3788" s="126"/>
      <c r="GM3788" s="91"/>
      <c r="GN3788" s="91"/>
      <c r="GO3788" s="91"/>
      <c r="GP3788" s="91"/>
      <c r="GQ3788" s="91"/>
      <c r="GR3788" s="91"/>
      <c r="GS3788" s="91"/>
      <c r="GT3788" s="91"/>
      <c r="GU3788" s="91"/>
      <c r="GV3788" s="91"/>
      <c r="GW3788" s="91"/>
      <c r="GX3788" s="127"/>
      <c r="GY3788" s="126"/>
      <c r="GZ3788" s="91"/>
      <c r="HA3788" s="91"/>
      <c r="HB3788" s="91"/>
      <c r="HC3788" s="91"/>
      <c r="HD3788" s="91"/>
      <c r="HE3788" s="91"/>
      <c r="HF3788" s="91"/>
      <c r="HG3788" s="91"/>
      <c r="HH3788" s="91"/>
      <c r="HI3788" s="91"/>
      <c r="HJ3788" s="91"/>
      <c r="HK3788" s="127"/>
      <c r="HL3788" s="126"/>
      <c r="HM3788" s="91"/>
      <c r="HN3788" s="91"/>
      <c r="HO3788" s="91"/>
      <c r="HP3788" s="91"/>
      <c r="HQ3788" s="91"/>
      <c r="HR3788" s="91"/>
      <c r="HS3788" s="91"/>
      <c r="HT3788" s="91"/>
      <c r="HU3788" s="91"/>
      <c r="HV3788" s="91"/>
      <c r="HW3788" s="91"/>
      <c r="HX3788" s="127"/>
      <c r="HY3788" s="126"/>
      <c r="HZ3788" s="91"/>
      <c r="IA3788" s="91"/>
      <c r="IB3788" s="91"/>
      <c r="IC3788" s="91"/>
      <c r="ID3788" s="91"/>
      <c r="IE3788" s="91"/>
      <c r="IF3788" s="91"/>
      <c r="IG3788" s="91"/>
      <c r="IH3788" s="91"/>
      <c r="II3788" s="91"/>
      <c r="IJ3788" s="91"/>
      <c r="IK3788" s="174"/>
    </row>
    <row r="3789" spans="2:245" x14ac:dyDescent="0.2">
      <c r="B3789" s="43"/>
      <c r="C3789" s="73"/>
      <c r="D3789" s="64"/>
      <c r="E3789" s="64"/>
      <c r="F3789" s="55"/>
      <c r="G3789" s="102"/>
      <c r="H3789" s="97"/>
      <c r="T3789" s="98"/>
      <c r="U3789" s="97"/>
      <c r="AG3789" s="98"/>
      <c r="AY3789" s="164"/>
      <c r="BK3789" s="98"/>
      <c r="BL3789" s="97"/>
      <c r="BX3789" s="98"/>
      <c r="CL3789" s="97"/>
      <c r="CX3789" s="98"/>
      <c r="DL3789" s="97"/>
      <c r="DX3789" s="98"/>
      <c r="EL3789" s="97"/>
      <c r="EX3789" s="98"/>
      <c r="EY3789" s="97"/>
      <c r="FL3789" s="126"/>
      <c r="FM3789" s="91"/>
      <c r="FN3789" s="91"/>
      <c r="FO3789" s="91"/>
      <c r="FP3789" s="91"/>
      <c r="FQ3789" s="91"/>
      <c r="FR3789" s="91"/>
      <c r="FS3789" s="91"/>
      <c r="FT3789" s="91"/>
      <c r="FU3789" s="91"/>
      <c r="FV3789" s="91"/>
      <c r="FW3789" s="91"/>
      <c r="FX3789" s="127"/>
      <c r="FY3789" s="126"/>
      <c r="FZ3789" s="91"/>
      <c r="GA3789" s="91"/>
      <c r="GB3789" s="91"/>
      <c r="GC3789" s="91"/>
      <c r="GD3789" s="91"/>
      <c r="GE3789" s="91"/>
      <c r="GF3789" s="91"/>
      <c r="GG3789" s="91"/>
      <c r="GH3789" s="91"/>
      <c r="GI3789" s="91"/>
      <c r="GJ3789" s="91"/>
      <c r="GK3789" s="127"/>
      <c r="GL3789" s="126"/>
      <c r="GM3789" s="91"/>
      <c r="GN3789" s="91"/>
      <c r="GO3789" s="91"/>
      <c r="GP3789" s="91"/>
      <c r="GQ3789" s="91"/>
      <c r="GR3789" s="91"/>
      <c r="GS3789" s="91"/>
      <c r="GT3789" s="91"/>
      <c r="GU3789" s="91"/>
      <c r="GV3789" s="91"/>
      <c r="GW3789" s="91"/>
      <c r="GX3789" s="127"/>
      <c r="GY3789" s="126"/>
      <c r="GZ3789" s="91"/>
      <c r="HA3789" s="91"/>
      <c r="HB3789" s="91"/>
      <c r="HC3789" s="91"/>
      <c r="HD3789" s="91"/>
      <c r="HE3789" s="91"/>
      <c r="HF3789" s="91"/>
      <c r="HG3789" s="91"/>
      <c r="HH3789" s="91"/>
      <c r="HI3789" s="91"/>
      <c r="HJ3789" s="91"/>
      <c r="HK3789" s="127"/>
      <c r="HL3789" s="126"/>
      <c r="HM3789" s="91"/>
      <c r="HN3789" s="91"/>
      <c r="HO3789" s="91"/>
      <c r="HP3789" s="91"/>
      <c r="HQ3789" s="91"/>
      <c r="HR3789" s="91"/>
      <c r="HS3789" s="91"/>
      <c r="HT3789" s="91"/>
      <c r="HU3789" s="91"/>
      <c r="HV3789" s="91"/>
      <c r="HW3789" s="91"/>
      <c r="HX3789" s="127"/>
      <c r="HY3789" s="126"/>
      <c r="HZ3789" s="91"/>
      <c r="IA3789" s="91"/>
      <c r="IB3789" s="91"/>
      <c r="IC3789" s="91"/>
      <c r="ID3789" s="91"/>
      <c r="IE3789" s="91"/>
      <c r="IF3789" s="91"/>
      <c r="IG3789" s="91"/>
      <c r="IH3789" s="91"/>
      <c r="II3789" s="91"/>
      <c r="IJ3789" s="91"/>
      <c r="IK3789" s="174"/>
    </row>
    <row r="3790" spans="2:245" x14ac:dyDescent="0.2">
      <c r="B3790" s="43"/>
      <c r="C3790" s="73"/>
      <c r="D3790" s="64"/>
      <c r="E3790" s="64"/>
      <c r="F3790" s="55"/>
      <c r="G3790" s="102"/>
      <c r="H3790" s="97"/>
      <c r="T3790" s="98"/>
      <c r="U3790" s="97"/>
      <c r="AG3790" s="98"/>
      <c r="AY3790" s="164"/>
      <c r="BK3790" s="98"/>
      <c r="BL3790" s="97"/>
      <c r="BX3790" s="98"/>
      <c r="CL3790" s="97"/>
      <c r="CX3790" s="98"/>
      <c r="DL3790" s="97"/>
      <c r="DX3790" s="98"/>
      <c r="EL3790" s="97"/>
      <c r="EX3790" s="98"/>
      <c r="EY3790" s="97"/>
      <c r="FL3790" s="126"/>
      <c r="FM3790" s="91"/>
      <c r="FN3790" s="91"/>
      <c r="FO3790" s="91"/>
      <c r="FP3790" s="91"/>
      <c r="FQ3790" s="91"/>
      <c r="FR3790" s="91"/>
      <c r="FS3790" s="91"/>
      <c r="FT3790" s="91"/>
      <c r="FU3790" s="91"/>
      <c r="FV3790" s="91"/>
      <c r="FW3790" s="91"/>
      <c r="FX3790" s="127"/>
      <c r="FY3790" s="126"/>
      <c r="FZ3790" s="91"/>
      <c r="GA3790" s="91"/>
      <c r="GB3790" s="91"/>
      <c r="GC3790" s="91"/>
      <c r="GD3790" s="91"/>
      <c r="GE3790" s="91"/>
      <c r="GF3790" s="91"/>
      <c r="GG3790" s="91"/>
      <c r="GH3790" s="91"/>
      <c r="GI3790" s="91"/>
      <c r="GJ3790" s="91"/>
      <c r="GK3790" s="127"/>
      <c r="GL3790" s="126"/>
      <c r="GM3790" s="91"/>
      <c r="GN3790" s="91"/>
      <c r="GO3790" s="91"/>
      <c r="GP3790" s="91"/>
      <c r="GQ3790" s="91"/>
      <c r="GR3790" s="91"/>
      <c r="GS3790" s="91"/>
      <c r="GT3790" s="91"/>
      <c r="GU3790" s="91"/>
      <c r="GV3790" s="91"/>
      <c r="GW3790" s="91"/>
      <c r="GX3790" s="127"/>
      <c r="GY3790" s="126"/>
      <c r="GZ3790" s="91"/>
      <c r="HA3790" s="91"/>
      <c r="HB3790" s="91"/>
      <c r="HC3790" s="91"/>
      <c r="HD3790" s="91"/>
      <c r="HE3790" s="91"/>
      <c r="HF3790" s="91"/>
      <c r="HG3790" s="91"/>
      <c r="HH3790" s="91"/>
      <c r="HI3790" s="91"/>
      <c r="HJ3790" s="91"/>
      <c r="HK3790" s="127"/>
      <c r="HL3790" s="126"/>
      <c r="HM3790" s="91"/>
      <c r="HN3790" s="91"/>
      <c r="HO3790" s="91"/>
      <c r="HP3790" s="91"/>
      <c r="HQ3790" s="91"/>
      <c r="HR3790" s="91"/>
      <c r="HS3790" s="91"/>
      <c r="HT3790" s="91"/>
      <c r="HU3790" s="91"/>
      <c r="HV3790" s="91"/>
      <c r="HW3790" s="91"/>
      <c r="HX3790" s="127"/>
      <c r="HY3790" s="126"/>
      <c r="HZ3790" s="91"/>
      <c r="IA3790" s="91"/>
      <c r="IB3790" s="91"/>
      <c r="IC3790" s="91"/>
      <c r="ID3790" s="91"/>
      <c r="IE3790" s="91"/>
      <c r="IF3790" s="91"/>
      <c r="IG3790" s="91"/>
      <c r="IH3790" s="91"/>
      <c r="II3790" s="91"/>
      <c r="IJ3790" s="91"/>
      <c r="IK3790" s="174"/>
    </row>
    <row r="3791" spans="2:245" x14ac:dyDescent="0.2">
      <c r="B3791" s="43"/>
      <c r="C3791" s="73"/>
      <c r="D3791" s="64"/>
      <c r="E3791" s="64"/>
      <c r="F3791" s="55"/>
      <c r="G3791" s="102"/>
      <c r="H3791" s="97"/>
      <c r="T3791" s="98"/>
      <c r="U3791" s="97"/>
      <c r="AG3791" s="98"/>
      <c r="AY3791" s="164"/>
      <c r="BK3791" s="98"/>
      <c r="BL3791" s="97"/>
      <c r="BX3791" s="98"/>
      <c r="CL3791" s="97"/>
      <c r="CX3791" s="98"/>
      <c r="DL3791" s="97"/>
      <c r="DX3791" s="98"/>
      <c r="EL3791" s="97"/>
      <c r="EX3791" s="98"/>
      <c r="EY3791" s="97"/>
      <c r="FL3791" s="126"/>
      <c r="FM3791" s="91"/>
      <c r="FN3791" s="91"/>
      <c r="FO3791" s="91"/>
      <c r="FP3791" s="91"/>
      <c r="FQ3791" s="91"/>
      <c r="FR3791" s="91"/>
      <c r="FS3791" s="91"/>
      <c r="FT3791" s="91"/>
      <c r="FU3791" s="91"/>
      <c r="FV3791" s="91"/>
      <c r="FW3791" s="91"/>
      <c r="FX3791" s="127"/>
      <c r="FY3791" s="126"/>
      <c r="FZ3791" s="91"/>
      <c r="GA3791" s="91"/>
      <c r="GB3791" s="91"/>
      <c r="GC3791" s="91"/>
      <c r="GD3791" s="91"/>
      <c r="GE3791" s="91"/>
      <c r="GF3791" s="91"/>
      <c r="GG3791" s="91"/>
      <c r="GH3791" s="91"/>
      <c r="GI3791" s="91"/>
      <c r="GJ3791" s="91"/>
      <c r="GK3791" s="127"/>
      <c r="GL3791" s="126"/>
      <c r="GM3791" s="91"/>
      <c r="GN3791" s="91"/>
      <c r="GO3791" s="91"/>
      <c r="GP3791" s="91"/>
      <c r="GQ3791" s="91"/>
      <c r="GR3791" s="91"/>
      <c r="GS3791" s="91"/>
      <c r="GT3791" s="91"/>
      <c r="GU3791" s="91"/>
      <c r="GV3791" s="91"/>
      <c r="GW3791" s="91"/>
      <c r="GX3791" s="127"/>
      <c r="GY3791" s="126"/>
      <c r="GZ3791" s="91"/>
      <c r="HA3791" s="91"/>
      <c r="HB3791" s="91"/>
      <c r="HC3791" s="91"/>
      <c r="HD3791" s="91"/>
      <c r="HE3791" s="91"/>
      <c r="HF3791" s="91"/>
      <c r="HG3791" s="91"/>
      <c r="HH3791" s="91"/>
      <c r="HI3791" s="91"/>
      <c r="HJ3791" s="91"/>
      <c r="HK3791" s="127"/>
      <c r="HL3791" s="126"/>
      <c r="HM3791" s="91"/>
      <c r="HN3791" s="91"/>
      <c r="HO3791" s="91"/>
      <c r="HP3791" s="91"/>
      <c r="HQ3791" s="91"/>
      <c r="HR3791" s="91"/>
      <c r="HS3791" s="91"/>
      <c r="HT3791" s="91"/>
      <c r="HU3791" s="91"/>
      <c r="HV3791" s="91"/>
      <c r="HW3791" s="91"/>
      <c r="HX3791" s="127"/>
      <c r="HY3791" s="126"/>
      <c r="HZ3791" s="91"/>
      <c r="IA3791" s="91"/>
      <c r="IB3791" s="91"/>
      <c r="IC3791" s="91"/>
      <c r="ID3791" s="91"/>
      <c r="IE3791" s="91"/>
      <c r="IF3791" s="91"/>
      <c r="IG3791" s="91"/>
      <c r="IH3791" s="91"/>
      <c r="II3791" s="91"/>
      <c r="IJ3791" s="91"/>
      <c r="IK3791" s="174"/>
    </row>
    <row r="3792" spans="2:245" x14ac:dyDescent="0.2">
      <c r="B3792" s="43"/>
      <c r="C3792" s="73"/>
      <c r="D3792" s="64"/>
      <c r="E3792" s="64"/>
      <c r="F3792" s="55"/>
      <c r="G3792" s="102"/>
      <c r="H3792" s="97"/>
      <c r="T3792" s="98"/>
      <c r="U3792" s="97"/>
      <c r="AG3792" s="98"/>
      <c r="AY3792" s="164"/>
      <c r="BK3792" s="98"/>
      <c r="BL3792" s="97"/>
      <c r="BX3792" s="98"/>
      <c r="CL3792" s="97"/>
      <c r="CX3792" s="98"/>
      <c r="DL3792" s="97"/>
      <c r="DX3792" s="98"/>
      <c r="EL3792" s="97"/>
      <c r="EX3792" s="98"/>
      <c r="EY3792" s="97"/>
      <c r="FL3792" s="126"/>
      <c r="FM3792" s="91"/>
      <c r="FN3792" s="91"/>
      <c r="FO3792" s="91"/>
      <c r="FP3792" s="91"/>
      <c r="FQ3792" s="91"/>
      <c r="FR3792" s="91"/>
      <c r="FS3792" s="91"/>
      <c r="FT3792" s="91"/>
      <c r="FU3792" s="91"/>
      <c r="FV3792" s="91"/>
      <c r="FW3792" s="91"/>
      <c r="FX3792" s="127"/>
      <c r="FY3792" s="126"/>
      <c r="FZ3792" s="91"/>
      <c r="GA3792" s="91"/>
      <c r="GB3792" s="91"/>
      <c r="GC3792" s="91"/>
      <c r="GD3792" s="91"/>
      <c r="GE3792" s="91"/>
      <c r="GF3792" s="91"/>
      <c r="GG3792" s="91"/>
      <c r="GH3792" s="91"/>
      <c r="GI3792" s="91"/>
      <c r="GJ3792" s="91"/>
      <c r="GK3792" s="127"/>
      <c r="GL3792" s="126"/>
      <c r="GM3792" s="91"/>
      <c r="GN3792" s="91"/>
      <c r="GO3792" s="91"/>
      <c r="GP3792" s="91"/>
      <c r="GQ3792" s="91"/>
      <c r="GR3792" s="91"/>
      <c r="GS3792" s="91"/>
      <c r="GT3792" s="91"/>
      <c r="GU3792" s="91"/>
      <c r="GV3792" s="91"/>
      <c r="GW3792" s="91"/>
      <c r="GX3792" s="127"/>
      <c r="GY3792" s="126"/>
      <c r="GZ3792" s="91"/>
      <c r="HA3792" s="91"/>
      <c r="HB3792" s="91"/>
      <c r="HC3792" s="91"/>
      <c r="HD3792" s="91"/>
      <c r="HE3792" s="91"/>
      <c r="HF3792" s="91"/>
      <c r="HG3792" s="91"/>
      <c r="HH3792" s="91"/>
      <c r="HI3792" s="91"/>
      <c r="HJ3792" s="91"/>
      <c r="HK3792" s="127"/>
      <c r="HL3792" s="126"/>
      <c r="HM3792" s="91"/>
      <c r="HN3792" s="91"/>
      <c r="HO3792" s="91"/>
      <c r="HP3792" s="91"/>
      <c r="HQ3792" s="91"/>
      <c r="HR3792" s="91"/>
      <c r="HS3792" s="91"/>
      <c r="HT3792" s="91"/>
      <c r="HU3792" s="91"/>
      <c r="HV3792" s="91"/>
      <c r="HW3792" s="91"/>
      <c r="HX3792" s="127"/>
      <c r="HY3792" s="126"/>
      <c r="HZ3792" s="91"/>
      <c r="IA3792" s="91"/>
      <c r="IB3792" s="91"/>
      <c r="IC3792" s="91"/>
      <c r="ID3792" s="91"/>
      <c r="IE3792" s="91"/>
      <c r="IF3792" s="91"/>
      <c r="IG3792" s="91"/>
      <c r="IH3792" s="91"/>
      <c r="II3792" s="91"/>
      <c r="IJ3792" s="91"/>
      <c r="IK3792" s="174"/>
    </row>
    <row r="3793" spans="2:245" x14ac:dyDescent="0.2">
      <c r="B3793" s="43"/>
      <c r="C3793" s="73"/>
      <c r="D3793" s="64"/>
      <c r="E3793" s="64"/>
      <c r="F3793" s="55"/>
      <c r="G3793" s="102"/>
      <c r="H3793" s="97"/>
      <c r="T3793" s="98"/>
      <c r="U3793" s="97"/>
      <c r="AG3793" s="98"/>
      <c r="AY3793" s="164"/>
      <c r="BK3793" s="98"/>
      <c r="BL3793" s="97"/>
      <c r="BX3793" s="98"/>
      <c r="CL3793" s="97"/>
      <c r="CX3793" s="98"/>
      <c r="DL3793" s="97"/>
      <c r="DX3793" s="98"/>
      <c r="EL3793" s="97"/>
      <c r="EX3793" s="98"/>
      <c r="EY3793" s="97"/>
      <c r="FL3793" s="126"/>
      <c r="FM3793" s="91"/>
      <c r="FN3793" s="91"/>
      <c r="FO3793" s="91"/>
      <c r="FP3793" s="91"/>
      <c r="FQ3793" s="91"/>
      <c r="FR3793" s="91"/>
      <c r="FS3793" s="91"/>
      <c r="FT3793" s="91"/>
      <c r="FU3793" s="91"/>
      <c r="FV3793" s="91"/>
      <c r="FW3793" s="91"/>
      <c r="FX3793" s="127"/>
      <c r="FY3793" s="126"/>
      <c r="FZ3793" s="91"/>
      <c r="GA3793" s="91"/>
      <c r="GB3793" s="91"/>
      <c r="GC3793" s="91"/>
      <c r="GD3793" s="91"/>
      <c r="GE3793" s="91"/>
      <c r="GF3793" s="91"/>
      <c r="GG3793" s="91"/>
      <c r="GH3793" s="91"/>
      <c r="GI3793" s="91"/>
      <c r="GJ3793" s="91"/>
      <c r="GK3793" s="127"/>
      <c r="GL3793" s="126"/>
      <c r="GM3793" s="91"/>
      <c r="GN3793" s="91"/>
      <c r="GO3793" s="91"/>
      <c r="GP3793" s="91"/>
      <c r="GQ3793" s="91"/>
      <c r="GR3793" s="91"/>
      <c r="GS3793" s="91"/>
      <c r="GT3793" s="91"/>
      <c r="GU3793" s="91"/>
      <c r="GV3793" s="91"/>
      <c r="GW3793" s="91"/>
      <c r="GX3793" s="127"/>
      <c r="GY3793" s="126"/>
      <c r="GZ3793" s="91"/>
      <c r="HA3793" s="91"/>
      <c r="HB3793" s="91"/>
      <c r="HC3793" s="91"/>
      <c r="HD3793" s="91"/>
      <c r="HE3793" s="91"/>
      <c r="HF3793" s="91"/>
      <c r="HG3793" s="91"/>
      <c r="HH3793" s="91"/>
      <c r="HI3793" s="91"/>
      <c r="HJ3793" s="91"/>
      <c r="HK3793" s="127"/>
      <c r="HL3793" s="126"/>
      <c r="HM3793" s="91"/>
      <c r="HN3793" s="91"/>
      <c r="HO3793" s="91"/>
      <c r="HP3793" s="91"/>
      <c r="HQ3793" s="91"/>
      <c r="HR3793" s="91"/>
      <c r="HS3793" s="91"/>
      <c r="HT3793" s="91"/>
      <c r="HU3793" s="91"/>
      <c r="HV3793" s="91"/>
      <c r="HW3793" s="91"/>
      <c r="HX3793" s="127"/>
      <c r="HY3793" s="126"/>
      <c r="HZ3793" s="91"/>
      <c r="IA3793" s="91"/>
      <c r="IB3793" s="91"/>
      <c r="IC3793" s="91"/>
      <c r="ID3793" s="91"/>
      <c r="IE3793" s="91"/>
      <c r="IF3793" s="91"/>
      <c r="IG3793" s="91"/>
      <c r="IH3793" s="91"/>
      <c r="II3793" s="91"/>
      <c r="IJ3793" s="91"/>
      <c r="IK3793" s="174"/>
    </row>
    <row r="3794" spans="2:245" x14ac:dyDescent="0.2">
      <c r="B3794" s="43"/>
      <c r="C3794" s="73"/>
      <c r="D3794" s="64"/>
      <c r="E3794" s="64"/>
      <c r="F3794" s="55"/>
      <c r="G3794" s="102"/>
      <c r="H3794" s="97"/>
      <c r="T3794" s="98"/>
      <c r="U3794" s="97"/>
      <c r="AG3794" s="98"/>
      <c r="AY3794" s="164"/>
      <c r="BK3794" s="98"/>
      <c r="BL3794" s="97"/>
      <c r="BX3794" s="98"/>
      <c r="CL3794" s="97"/>
      <c r="CX3794" s="98"/>
      <c r="DL3794" s="97"/>
      <c r="DX3794" s="98"/>
      <c r="EL3794" s="97"/>
      <c r="EX3794" s="98"/>
      <c r="EY3794" s="97"/>
      <c r="FL3794" s="126"/>
      <c r="FM3794" s="91"/>
      <c r="FN3794" s="91"/>
      <c r="FO3794" s="91"/>
      <c r="FP3794" s="91"/>
      <c r="FQ3794" s="91"/>
      <c r="FR3794" s="91"/>
      <c r="FS3794" s="91"/>
      <c r="FT3794" s="91"/>
      <c r="FU3794" s="91"/>
      <c r="FV3794" s="91"/>
      <c r="FW3794" s="91"/>
      <c r="FX3794" s="127"/>
      <c r="FY3794" s="126"/>
      <c r="FZ3794" s="91"/>
      <c r="GA3794" s="91"/>
      <c r="GB3794" s="91"/>
      <c r="GC3794" s="91"/>
      <c r="GD3794" s="91"/>
      <c r="GE3794" s="91"/>
      <c r="GF3794" s="91"/>
      <c r="GG3794" s="91"/>
      <c r="GH3794" s="91"/>
      <c r="GI3794" s="91"/>
      <c r="GJ3794" s="91"/>
      <c r="GK3794" s="127"/>
      <c r="GL3794" s="126"/>
      <c r="GM3794" s="91"/>
      <c r="GN3794" s="91"/>
      <c r="GO3794" s="91"/>
      <c r="GP3794" s="91"/>
      <c r="GQ3794" s="91"/>
      <c r="GR3794" s="91"/>
      <c r="GS3794" s="91"/>
      <c r="GT3794" s="91"/>
      <c r="GU3794" s="91"/>
      <c r="GV3794" s="91"/>
      <c r="GW3794" s="91"/>
      <c r="GX3794" s="127"/>
      <c r="GY3794" s="126"/>
      <c r="GZ3794" s="91"/>
      <c r="HA3794" s="91"/>
      <c r="HB3794" s="91"/>
      <c r="HC3794" s="91"/>
      <c r="HD3794" s="91"/>
      <c r="HE3794" s="91"/>
      <c r="HF3794" s="91"/>
      <c r="HG3794" s="91"/>
      <c r="HH3794" s="91"/>
      <c r="HI3794" s="91"/>
      <c r="HJ3794" s="91"/>
      <c r="HK3794" s="127"/>
      <c r="HL3794" s="126"/>
      <c r="HM3794" s="91"/>
      <c r="HN3794" s="91"/>
      <c r="HO3794" s="91"/>
      <c r="HP3794" s="91"/>
      <c r="HQ3794" s="91"/>
      <c r="HR3794" s="91"/>
      <c r="HS3794" s="91"/>
      <c r="HT3794" s="91"/>
      <c r="HU3794" s="91"/>
      <c r="HV3794" s="91"/>
      <c r="HW3794" s="91"/>
      <c r="HX3794" s="127"/>
      <c r="HY3794" s="126"/>
      <c r="HZ3794" s="91"/>
      <c r="IA3794" s="91"/>
      <c r="IB3794" s="91"/>
      <c r="IC3794" s="91"/>
      <c r="ID3794" s="91"/>
      <c r="IE3794" s="91"/>
      <c r="IF3794" s="91"/>
      <c r="IG3794" s="91"/>
      <c r="IH3794" s="91"/>
      <c r="II3794" s="91"/>
      <c r="IJ3794" s="91"/>
      <c r="IK3794" s="174"/>
    </row>
    <row r="3795" spans="2:245" x14ac:dyDescent="0.2">
      <c r="B3795" s="43"/>
      <c r="C3795" s="73"/>
      <c r="D3795" s="64"/>
      <c r="E3795" s="64"/>
      <c r="F3795" s="55"/>
      <c r="G3795" s="102"/>
      <c r="H3795" s="97"/>
      <c r="T3795" s="98"/>
      <c r="U3795" s="97"/>
      <c r="AG3795" s="98"/>
      <c r="AY3795" s="164"/>
      <c r="BK3795" s="98"/>
      <c r="BL3795" s="97"/>
      <c r="BX3795" s="98"/>
      <c r="CL3795" s="97"/>
      <c r="CX3795" s="98"/>
      <c r="DL3795" s="97"/>
      <c r="DX3795" s="98"/>
      <c r="EL3795" s="97"/>
      <c r="EX3795" s="98"/>
      <c r="EY3795" s="97"/>
      <c r="FL3795" s="126"/>
      <c r="FM3795" s="91"/>
      <c r="FN3795" s="91"/>
      <c r="FO3795" s="91"/>
      <c r="FP3795" s="91"/>
      <c r="FQ3795" s="91"/>
      <c r="FR3795" s="91"/>
      <c r="FS3795" s="91"/>
      <c r="FT3795" s="91"/>
      <c r="FU3795" s="91"/>
      <c r="FV3795" s="91"/>
      <c r="FW3795" s="91"/>
      <c r="FX3795" s="127"/>
      <c r="FY3795" s="126"/>
      <c r="FZ3795" s="91"/>
      <c r="GA3795" s="91"/>
      <c r="GB3795" s="91"/>
      <c r="GC3795" s="91"/>
      <c r="GD3795" s="91"/>
      <c r="GE3795" s="91"/>
      <c r="GF3795" s="91"/>
      <c r="GG3795" s="91"/>
      <c r="GH3795" s="91"/>
      <c r="GI3795" s="91"/>
      <c r="GJ3795" s="91"/>
      <c r="GK3795" s="127"/>
      <c r="GL3795" s="126"/>
      <c r="GM3795" s="91"/>
      <c r="GN3795" s="91"/>
      <c r="GO3795" s="91"/>
      <c r="GP3795" s="91"/>
      <c r="GQ3795" s="91"/>
      <c r="GR3795" s="91"/>
      <c r="GS3795" s="91"/>
      <c r="GT3795" s="91"/>
      <c r="GU3795" s="91"/>
      <c r="GV3795" s="91"/>
      <c r="GW3795" s="91"/>
      <c r="GX3795" s="127"/>
      <c r="GY3795" s="126"/>
      <c r="GZ3795" s="91"/>
      <c r="HA3795" s="91"/>
      <c r="HB3795" s="91"/>
      <c r="HC3795" s="91"/>
      <c r="HD3795" s="91"/>
      <c r="HE3795" s="91"/>
      <c r="HF3795" s="91"/>
      <c r="HG3795" s="91"/>
      <c r="HH3795" s="91"/>
      <c r="HI3795" s="91"/>
      <c r="HJ3795" s="91"/>
      <c r="HK3795" s="127"/>
      <c r="HL3795" s="126"/>
      <c r="HM3795" s="91"/>
      <c r="HN3795" s="91"/>
      <c r="HO3795" s="91"/>
      <c r="HP3795" s="91"/>
      <c r="HQ3795" s="91"/>
      <c r="HR3795" s="91"/>
      <c r="HS3795" s="91"/>
      <c r="HT3795" s="91"/>
      <c r="HU3795" s="91"/>
      <c r="HV3795" s="91"/>
      <c r="HW3795" s="91"/>
      <c r="HX3795" s="127"/>
      <c r="HY3795" s="126"/>
      <c r="HZ3795" s="91"/>
      <c r="IA3795" s="91"/>
      <c r="IB3795" s="91"/>
      <c r="IC3795" s="91"/>
      <c r="ID3795" s="91"/>
      <c r="IE3795" s="91"/>
      <c r="IF3795" s="91"/>
      <c r="IG3795" s="91"/>
      <c r="IH3795" s="91"/>
      <c r="II3795" s="91"/>
      <c r="IJ3795" s="91"/>
      <c r="IK3795" s="174"/>
    </row>
    <row r="3796" spans="2:245" x14ac:dyDescent="0.2">
      <c r="B3796" s="43"/>
      <c r="C3796" s="73"/>
      <c r="D3796" s="64"/>
      <c r="E3796" s="64"/>
      <c r="F3796" s="55"/>
      <c r="G3796" s="102"/>
      <c r="H3796" s="97"/>
      <c r="T3796" s="98"/>
      <c r="U3796" s="97"/>
      <c r="AG3796" s="98"/>
      <c r="AY3796" s="164"/>
      <c r="BK3796" s="98"/>
      <c r="BL3796" s="97"/>
      <c r="BX3796" s="98"/>
      <c r="CL3796" s="97"/>
      <c r="CX3796" s="98"/>
      <c r="DL3796" s="97"/>
      <c r="DX3796" s="98"/>
      <c r="EL3796" s="97"/>
      <c r="EX3796" s="98"/>
      <c r="EY3796" s="97"/>
      <c r="FL3796" s="126"/>
      <c r="FM3796" s="91"/>
      <c r="FN3796" s="91"/>
      <c r="FO3796" s="91"/>
      <c r="FP3796" s="91"/>
      <c r="FQ3796" s="91"/>
      <c r="FR3796" s="91"/>
      <c r="FS3796" s="91"/>
      <c r="FT3796" s="91"/>
      <c r="FU3796" s="91"/>
      <c r="FV3796" s="91"/>
      <c r="FW3796" s="91"/>
      <c r="FX3796" s="127"/>
      <c r="FY3796" s="126"/>
      <c r="FZ3796" s="91"/>
      <c r="GA3796" s="91"/>
      <c r="GB3796" s="91"/>
      <c r="GC3796" s="91"/>
      <c r="GD3796" s="91"/>
      <c r="GE3796" s="91"/>
      <c r="GF3796" s="91"/>
      <c r="GG3796" s="91"/>
      <c r="GH3796" s="91"/>
      <c r="GI3796" s="91"/>
      <c r="GJ3796" s="91"/>
      <c r="GK3796" s="127"/>
      <c r="GL3796" s="126"/>
      <c r="GM3796" s="91"/>
      <c r="GN3796" s="91"/>
      <c r="GO3796" s="91"/>
      <c r="GP3796" s="91"/>
      <c r="GQ3796" s="91"/>
      <c r="GR3796" s="91"/>
      <c r="GS3796" s="91"/>
      <c r="GT3796" s="91"/>
      <c r="GU3796" s="91"/>
      <c r="GV3796" s="91"/>
      <c r="GW3796" s="91"/>
      <c r="GX3796" s="127"/>
      <c r="GY3796" s="126"/>
      <c r="GZ3796" s="91"/>
      <c r="HA3796" s="91"/>
      <c r="HB3796" s="91"/>
      <c r="HC3796" s="91"/>
      <c r="HD3796" s="91"/>
      <c r="HE3796" s="91"/>
      <c r="HF3796" s="91"/>
      <c r="HG3796" s="91"/>
      <c r="HH3796" s="91"/>
      <c r="HI3796" s="91"/>
      <c r="HJ3796" s="91"/>
      <c r="HK3796" s="127"/>
      <c r="HL3796" s="126"/>
      <c r="HM3796" s="91"/>
      <c r="HN3796" s="91"/>
      <c r="HO3796" s="91"/>
      <c r="HP3796" s="91"/>
      <c r="HQ3796" s="91"/>
      <c r="HR3796" s="91"/>
      <c r="HS3796" s="91"/>
      <c r="HT3796" s="91"/>
      <c r="HU3796" s="91"/>
      <c r="HV3796" s="91"/>
      <c r="HW3796" s="91"/>
      <c r="HX3796" s="127"/>
      <c r="HY3796" s="126"/>
      <c r="HZ3796" s="91"/>
      <c r="IA3796" s="91"/>
      <c r="IB3796" s="91"/>
      <c r="IC3796" s="91"/>
      <c r="ID3796" s="91"/>
      <c r="IE3796" s="91"/>
      <c r="IF3796" s="91"/>
      <c r="IG3796" s="91"/>
      <c r="IH3796" s="91"/>
      <c r="II3796" s="91"/>
      <c r="IJ3796" s="91"/>
      <c r="IK3796" s="174"/>
    </row>
    <row r="3797" spans="2:245" x14ac:dyDescent="0.2">
      <c r="B3797" s="43"/>
      <c r="C3797" s="73"/>
      <c r="D3797" s="64"/>
      <c r="E3797" s="64"/>
      <c r="F3797" s="55"/>
      <c r="G3797" s="102"/>
      <c r="H3797" s="97"/>
      <c r="T3797" s="98"/>
      <c r="U3797" s="97"/>
      <c r="AG3797" s="98"/>
      <c r="AY3797" s="164"/>
      <c r="BK3797" s="98"/>
      <c r="BL3797" s="97"/>
      <c r="BX3797" s="98"/>
      <c r="CL3797" s="97"/>
      <c r="CX3797" s="98"/>
      <c r="DL3797" s="97"/>
      <c r="DX3797" s="98"/>
      <c r="EL3797" s="97"/>
      <c r="EX3797" s="98"/>
      <c r="EY3797" s="97"/>
      <c r="FL3797" s="126"/>
      <c r="FM3797" s="91"/>
      <c r="FN3797" s="91"/>
      <c r="FO3797" s="91"/>
      <c r="FP3797" s="91"/>
      <c r="FQ3797" s="91"/>
      <c r="FR3797" s="91"/>
      <c r="FS3797" s="91"/>
      <c r="FT3797" s="91"/>
      <c r="FU3797" s="91"/>
      <c r="FV3797" s="91"/>
      <c r="FW3797" s="91"/>
      <c r="FX3797" s="127"/>
      <c r="FY3797" s="126"/>
      <c r="FZ3797" s="91"/>
      <c r="GA3797" s="91"/>
      <c r="GB3797" s="91"/>
      <c r="GC3797" s="91"/>
      <c r="GD3797" s="91"/>
      <c r="GE3797" s="91"/>
      <c r="GF3797" s="91"/>
      <c r="GG3797" s="91"/>
      <c r="GH3797" s="91"/>
      <c r="GI3797" s="91"/>
      <c r="GJ3797" s="91"/>
      <c r="GK3797" s="127"/>
      <c r="GL3797" s="126"/>
      <c r="GM3797" s="91"/>
      <c r="GN3797" s="91"/>
      <c r="GO3797" s="91"/>
      <c r="GP3797" s="91"/>
      <c r="GQ3797" s="91"/>
      <c r="GR3797" s="91"/>
      <c r="GS3797" s="91"/>
      <c r="GT3797" s="91"/>
      <c r="GU3797" s="91"/>
      <c r="GV3797" s="91"/>
      <c r="GW3797" s="91"/>
      <c r="GX3797" s="127"/>
      <c r="GY3797" s="126"/>
      <c r="GZ3797" s="91"/>
      <c r="HA3797" s="91"/>
      <c r="HB3797" s="91"/>
      <c r="HC3797" s="91"/>
      <c r="HD3797" s="91"/>
      <c r="HE3797" s="91"/>
      <c r="HF3797" s="91"/>
      <c r="HG3797" s="91"/>
      <c r="HH3797" s="91"/>
      <c r="HI3797" s="91"/>
      <c r="HJ3797" s="91"/>
      <c r="HK3797" s="127"/>
      <c r="HL3797" s="126"/>
      <c r="HM3797" s="91"/>
      <c r="HN3797" s="91"/>
      <c r="HO3797" s="91"/>
      <c r="HP3797" s="91"/>
      <c r="HQ3797" s="91"/>
      <c r="HR3797" s="91"/>
      <c r="HS3797" s="91"/>
      <c r="HT3797" s="91"/>
      <c r="HU3797" s="91"/>
      <c r="HV3797" s="91"/>
      <c r="HW3797" s="91"/>
      <c r="HX3797" s="127"/>
      <c r="HY3797" s="126"/>
      <c r="HZ3797" s="91"/>
      <c r="IA3797" s="91"/>
      <c r="IB3797" s="91"/>
      <c r="IC3797" s="91"/>
      <c r="ID3797" s="91"/>
      <c r="IE3797" s="91"/>
      <c r="IF3797" s="91"/>
      <c r="IG3797" s="91"/>
      <c r="IH3797" s="91"/>
      <c r="II3797" s="91"/>
      <c r="IJ3797" s="91"/>
      <c r="IK3797" s="174"/>
    </row>
    <row r="3798" spans="2:245" x14ac:dyDescent="0.2">
      <c r="B3798" s="43"/>
      <c r="C3798" s="73"/>
      <c r="D3798" s="64"/>
      <c r="E3798" s="64"/>
      <c r="F3798" s="55"/>
      <c r="G3798" s="102"/>
      <c r="H3798" s="97"/>
      <c r="T3798" s="98"/>
      <c r="U3798" s="97"/>
      <c r="AG3798" s="98"/>
      <c r="AY3798" s="164"/>
      <c r="BK3798" s="98"/>
      <c r="BL3798" s="97"/>
      <c r="BX3798" s="98"/>
      <c r="CL3798" s="97"/>
      <c r="CX3798" s="98"/>
      <c r="DL3798" s="97"/>
      <c r="DX3798" s="98"/>
      <c r="EL3798" s="97"/>
      <c r="EX3798" s="98"/>
      <c r="EY3798" s="97"/>
      <c r="FL3798" s="126"/>
      <c r="FM3798" s="91"/>
      <c r="FN3798" s="91"/>
      <c r="FO3798" s="91"/>
      <c r="FP3798" s="91"/>
      <c r="FQ3798" s="91"/>
      <c r="FR3798" s="91"/>
      <c r="FS3798" s="91"/>
      <c r="FT3798" s="91"/>
      <c r="FU3798" s="91"/>
      <c r="FV3798" s="91"/>
      <c r="FW3798" s="91"/>
      <c r="FX3798" s="127"/>
      <c r="FY3798" s="126"/>
      <c r="FZ3798" s="91"/>
      <c r="GA3798" s="91"/>
      <c r="GB3798" s="91"/>
      <c r="GC3798" s="91"/>
      <c r="GD3798" s="91"/>
      <c r="GE3798" s="91"/>
      <c r="GF3798" s="91"/>
      <c r="GG3798" s="91"/>
      <c r="GH3798" s="91"/>
      <c r="GI3798" s="91"/>
      <c r="GJ3798" s="91"/>
      <c r="GK3798" s="127"/>
      <c r="GL3798" s="126"/>
      <c r="GM3798" s="91"/>
      <c r="GN3798" s="91"/>
      <c r="GO3798" s="91"/>
      <c r="GP3798" s="91"/>
      <c r="GQ3798" s="91"/>
      <c r="GR3798" s="91"/>
      <c r="GS3798" s="91"/>
      <c r="GT3798" s="91"/>
      <c r="GU3798" s="91"/>
      <c r="GV3798" s="91"/>
      <c r="GW3798" s="91"/>
      <c r="GX3798" s="127"/>
      <c r="GY3798" s="126"/>
      <c r="GZ3798" s="91"/>
      <c r="HA3798" s="91"/>
      <c r="HB3798" s="91"/>
      <c r="HC3798" s="91"/>
      <c r="HD3798" s="91"/>
      <c r="HE3798" s="91"/>
      <c r="HF3798" s="91"/>
      <c r="HG3798" s="91"/>
      <c r="HH3798" s="91"/>
      <c r="HI3798" s="91"/>
      <c r="HJ3798" s="91"/>
      <c r="HK3798" s="127"/>
      <c r="HL3798" s="126"/>
      <c r="HM3798" s="91"/>
      <c r="HN3798" s="91"/>
      <c r="HO3798" s="91"/>
      <c r="HP3798" s="91"/>
      <c r="HQ3798" s="91"/>
      <c r="HR3798" s="91"/>
      <c r="HS3798" s="91"/>
      <c r="HT3798" s="91"/>
      <c r="HU3798" s="91"/>
      <c r="HV3798" s="91"/>
      <c r="HW3798" s="91"/>
      <c r="HX3798" s="127"/>
      <c r="HY3798" s="126"/>
      <c r="HZ3798" s="91"/>
      <c r="IA3798" s="91"/>
      <c r="IB3798" s="91"/>
      <c r="IC3798" s="91"/>
      <c r="ID3798" s="91"/>
      <c r="IE3798" s="91"/>
      <c r="IF3798" s="91"/>
      <c r="IG3798" s="91"/>
      <c r="IH3798" s="91"/>
      <c r="II3798" s="91"/>
      <c r="IJ3798" s="91"/>
      <c r="IK3798" s="174"/>
    </row>
    <row r="3799" spans="2:245" x14ac:dyDescent="0.2">
      <c r="B3799" s="43"/>
      <c r="C3799" s="73"/>
      <c r="D3799" s="64"/>
      <c r="E3799" s="64"/>
      <c r="F3799" s="55"/>
      <c r="G3799" s="102"/>
      <c r="H3799" s="97"/>
      <c r="T3799" s="98"/>
      <c r="U3799" s="97"/>
      <c r="AG3799" s="98"/>
      <c r="AY3799" s="164"/>
      <c r="BK3799" s="98"/>
      <c r="BL3799" s="97"/>
      <c r="BX3799" s="98"/>
      <c r="CL3799" s="97"/>
      <c r="CX3799" s="98"/>
      <c r="DL3799" s="97"/>
      <c r="DX3799" s="98"/>
      <c r="EL3799" s="97"/>
      <c r="EX3799" s="98"/>
      <c r="EY3799" s="97"/>
      <c r="FL3799" s="126"/>
      <c r="FM3799" s="91"/>
      <c r="FN3799" s="91"/>
      <c r="FO3799" s="91"/>
      <c r="FP3799" s="91"/>
      <c r="FQ3799" s="91"/>
      <c r="FR3799" s="91"/>
      <c r="FS3799" s="91"/>
      <c r="FT3799" s="91"/>
      <c r="FU3799" s="91"/>
      <c r="FV3799" s="91"/>
      <c r="FW3799" s="91"/>
      <c r="FX3799" s="127"/>
      <c r="FY3799" s="126"/>
      <c r="FZ3799" s="91"/>
      <c r="GA3799" s="91"/>
      <c r="GB3799" s="91"/>
      <c r="GC3799" s="91"/>
      <c r="GD3799" s="91"/>
      <c r="GE3799" s="91"/>
      <c r="GF3799" s="91"/>
      <c r="GG3799" s="91"/>
      <c r="GH3799" s="91"/>
      <c r="GI3799" s="91"/>
      <c r="GJ3799" s="91"/>
      <c r="GK3799" s="127"/>
      <c r="GL3799" s="126"/>
      <c r="GM3799" s="91"/>
      <c r="GN3799" s="91"/>
      <c r="GO3799" s="91"/>
      <c r="GP3799" s="91"/>
      <c r="GQ3799" s="91"/>
      <c r="GR3799" s="91"/>
      <c r="GS3799" s="91"/>
      <c r="GT3799" s="91"/>
      <c r="GU3799" s="91"/>
      <c r="GV3799" s="91"/>
      <c r="GW3799" s="91"/>
      <c r="GX3799" s="127"/>
      <c r="GY3799" s="126"/>
      <c r="GZ3799" s="91"/>
      <c r="HA3799" s="91"/>
      <c r="HB3799" s="91"/>
      <c r="HC3799" s="91"/>
      <c r="HD3799" s="91"/>
      <c r="HE3799" s="91"/>
      <c r="HF3799" s="91"/>
      <c r="HG3799" s="91"/>
      <c r="HH3799" s="91"/>
      <c r="HI3799" s="91"/>
      <c r="HJ3799" s="91"/>
      <c r="HK3799" s="127"/>
      <c r="HL3799" s="126"/>
      <c r="HM3799" s="91"/>
      <c r="HN3799" s="91"/>
      <c r="HO3799" s="91"/>
      <c r="HP3799" s="91"/>
      <c r="HQ3799" s="91"/>
      <c r="HR3799" s="91"/>
      <c r="HS3799" s="91"/>
      <c r="HT3799" s="91"/>
      <c r="HU3799" s="91"/>
      <c r="HV3799" s="91"/>
      <c r="HW3799" s="91"/>
      <c r="HX3799" s="127"/>
      <c r="HY3799" s="126"/>
      <c r="HZ3799" s="91"/>
      <c r="IA3799" s="91"/>
      <c r="IB3799" s="91"/>
      <c r="IC3799" s="91"/>
      <c r="ID3799" s="91"/>
      <c r="IE3799" s="91"/>
      <c r="IF3799" s="91"/>
      <c r="IG3799" s="91"/>
      <c r="IH3799" s="91"/>
      <c r="II3799" s="91"/>
      <c r="IJ3799" s="91"/>
      <c r="IK3799" s="174"/>
    </row>
    <row r="3800" spans="2:245" x14ac:dyDescent="0.2">
      <c r="B3800" s="43"/>
      <c r="C3800" s="73"/>
      <c r="D3800" s="64"/>
      <c r="E3800" s="64"/>
      <c r="F3800" s="55"/>
      <c r="G3800" s="102"/>
      <c r="H3800" s="97"/>
      <c r="T3800" s="98"/>
      <c r="U3800" s="97"/>
      <c r="AG3800" s="98"/>
      <c r="AY3800" s="164"/>
      <c r="BK3800" s="98"/>
      <c r="BL3800" s="97"/>
      <c r="BX3800" s="98"/>
      <c r="CL3800" s="97"/>
      <c r="CX3800" s="98"/>
      <c r="DL3800" s="97"/>
      <c r="DX3800" s="98"/>
      <c r="EL3800" s="97"/>
      <c r="EX3800" s="98"/>
      <c r="EY3800" s="97"/>
      <c r="FL3800" s="126"/>
      <c r="FM3800" s="91"/>
      <c r="FN3800" s="91"/>
      <c r="FO3800" s="91"/>
      <c r="FP3800" s="91"/>
      <c r="FQ3800" s="91"/>
      <c r="FR3800" s="91"/>
      <c r="FS3800" s="91"/>
      <c r="FT3800" s="91"/>
      <c r="FU3800" s="91"/>
      <c r="FV3800" s="91"/>
      <c r="FW3800" s="91"/>
      <c r="FX3800" s="127"/>
      <c r="FY3800" s="126"/>
      <c r="FZ3800" s="91"/>
      <c r="GA3800" s="91"/>
      <c r="GB3800" s="91"/>
      <c r="GC3800" s="91"/>
      <c r="GD3800" s="91"/>
      <c r="GE3800" s="91"/>
      <c r="GF3800" s="91"/>
      <c r="GG3800" s="91"/>
      <c r="GH3800" s="91"/>
      <c r="GI3800" s="91"/>
      <c r="GJ3800" s="91"/>
      <c r="GK3800" s="127"/>
      <c r="GL3800" s="126"/>
      <c r="GM3800" s="91"/>
      <c r="GN3800" s="91"/>
      <c r="GO3800" s="91"/>
      <c r="GP3800" s="91"/>
      <c r="GQ3800" s="91"/>
      <c r="GR3800" s="91"/>
      <c r="GS3800" s="91"/>
      <c r="GT3800" s="91"/>
      <c r="GU3800" s="91"/>
      <c r="GV3800" s="91"/>
      <c r="GW3800" s="91"/>
      <c r="GX3800" s="127"/>
      <c r="GY3800" s="126"/>
      <c r="GZ3800" s="91"/>
      <c r="HA3800" s="91"/>
      <c r="HB3800" s="91"/>
      <c r="HC3800" s="91"/>
      <c r="HD3800" s="91"/>
      <c r="HE3800" s="91"/>
      <c r="HF3800" s="91"/>
      <c r="HG3800" s="91"/>
      <c r="HH3800" s="91"/>
      <c r="HI3800" s="91"/>
      <c r="HJ3800" s="91"/>
      <c r="HK3800" s="127"/>
      <c r="HL3800" s="126"/>
      <c r="HM3800" s="91"/>
      <c r="HN3800" s="91"/>
      <c r="HO3800" s="91"/>
      <c r="HP3800" s="91"/>
      <c r="HQ3800" s="91"/>
      <c r="HR3800" s="91"/>
      <c r="HS3800" s="91"/>
      <c r="HT3800" s="91"/>
      <c r="HU3800" s="91"/>
      <c r="HV3800" s="91"/>
      <c r="HW3800" s="91"/>
      <c r="HX3800" s="127"/>
      <c r="HY3800" s="126"/>
      <c r="HZ3800" s="91"/>
      <c r="IA3800" s="91"/>
      <c r="IB3800" s="91"/>
      <c r="IC3800" s="91"/>
      <c r="ID3800" s="91"/>
      <c r="IE3800" s="91"/>
      <c r="IF3800" s="91"/>
      <c r="IG3800" s="91"/>
      <c r="IH3800" s="91"/>
      <c r="II3800" s="91"/>
      <c r="IJ3800" s="91"/>
      <c r="IK3800" s="174"/>
    </row>
    <row r="3801" spans="2:245" x14ac:dyDescent="0.2">
      <c r="B3801" s="43"/>
      <c r="C3801" s="73"/>
      <c r="D3801" s="64"/>
      <c r="E3801" s="64"/>
      <c r="F3801" s="55"/>
      <c r="G3801" s="102"/>
      <c r="H3801" s="97"/>
      <c r="T3801" s="98"/>
      <c r="U3801" s="97"/>
      <c r="AG3801" s="98"/>
      <c r="AY3801" s="164"/>
      <c r="BK3801" s="98"/>
      <c r="BL3801" s="97"/>
      <c r="BX3801" s="98"/>
      <c r="CL3801" s="97"/>
      <c r="CX3801" s="98"/>
      <c r="DL3801" s="97"/>
      <c r="DX3801" s="98"/>
      <c r="EL3801" s="97"/>
      <c r="EX3801" s="98"/>
      <c r="EY3801" s="97"/>
      <c r="FL3801" s="126"/>
      <c r="FM3801" s="91"/>
      <c r="FN3801" s="91"/>
      <c r="FO3801" s="91"/>
      <c r="FP3801" s="91"/>
      <c r="FQ3801" s="91"/>
      <c r="FR3801" s="91"/>
      <c r="FS3801" s="91"/>
      <c r="FT3801" s="91"/>
      <c r="FU3801" s="91"/>
      <c r="FV3801" s="91"/>
      <c r="FW3801" s="91"/>
      <c r="FX3801" s="127"/>
      <c r="FY3801" s="126"/>
      <c r="FZ3801" s="91"/>
      <c r="GA3801" s="91"/>
      <c r="GB3801" s="91"/>
      <c r="GC3801" s="91"/>
      <c r="GD3801" s="91"/>
      <c r="GE3801" s="91"/>
      <c r="GF3801" s="91"/>
      <c r="GG3801" s="91"/>
      <c r="GH3801" s="91"/>
      <c r="GI3801" s="91"/>
      <c r="GJ3801" s="91"/>
      <c r="GK3801" s="127"/>
      <c r="GL3801" s="126"/>
      <c r="GM3801" s="91"/>
      <c r="GN3801" s="91"/>
      <c r="GO3801" s="91"/>
      <c r="GP3801" s="91"/>
      <c r="GQ3801" s="91"/>
      <c r="GR3801" s="91"/>
      <c r="GS3801" s="91"/>
      <c r="GT3801" s="91"/>
      <c r="GU3801" s="91"/>
      <c r="GV3801" s="91"/>
      <c r="GW3801" s="91"/>
      <c r="GX3801" s="127"/>
      <c r="GY3801" s="126"/>
      <c r="GZ3801" s="91"/>
      <c r="HA3801" s="91"/>
      <c r="HB3801" s="91"/>
      <c r="HC3801" s="91"/>
      <c r="HD3801" s="91"/>
      <c r="HE3801" s="91"/>
      <c r="HF3801" s="91"/>
      <c r="HG3801" s="91"/>
      <c r="HH3801" s="91"/>
      <c r="HI3801" s="91"/>
      <c r="HJ3801" s="91"/>
      <c r="HK3801" s="127"/>
      <c r="HL3801" s="126"/>
      <c r="HM3801" s="91"/>
      <c r="HN3801" s="91"/>
      <c r="HO3801" s="91"/>
      <c r="HP3801" s="91"/>
      <c r="HQ3801" s="91"/>
      <c r="HR3801" s="91"/>
      <c r="HS3801" s="91"/>
      <c r="HT3801" s="91"/>
      <c r="HU3801" s="91"/>
      <c r="HV3801" s="91"/>
      <c r="HW3801" s="91"/>
      <c r="HX3801" s="127"/>
      <c r="HY3801" s="126"/>
      <c r="HZ3801" s="91"/>
      <c r="IA3801" s="91"/>
      <c r="IB3801" s="91"/>
      <c r="IC3801" s="91"/>
      <c r="ID3801" s="91"/>
      <c r="IE3801" s="91"/>
      <c r="IF3801" s="91"/>
      <c r="IG3801" s="91"/>
      <c r="IH3801" s="91"/>
      <c r="II3801" s="91"/>
      <c r="IJ3801" s="91"/>
      <c r="IK3801" s="174"/>
    </row>
    <row r="3802" spans="2:245" x14ac:dyDescent="0.2">
      <c r="B3802" s="43"/>
      <c r="C3802" s="73"/>
      <c r="D3802" s="64"/>
      <c r="E3802" s="64"/>
      <c r="F3802" s="55"/>
      <c r="G3802" s="102"/>
      <c r="H3802" s="97"/>
      <c r="T3802" s="98"/>
      <c r="U3802" s="97"/>
      <c r="AG3802" s="98"/>
      <c r="AY3802" s="164"/>
      <c r="BK3802" s="98"/>
      <c r="BL3802" s="97"/>
      <c r="BX3802" s="98"/>
      <c r="CL3802" s="97"/>
      <c r="CX3802" s="98"/>
      <c r="DL3802" s="97"/>
      <c r="DX3802" s="98"/>
      <c r="EL3802" s="97"/>
      <c r="EX3802" s="98"/>
      <c r="EY3802" s="97"/>
      <c r="FL3802" s="126"/>
      <c r="FM3802" s="91"/>
      <c r="FN3802" s="91"/>
      <c r="FO3802" s="91"/>
      <c r="FP3802" s="91"/>
      <c r="FQ3802" s="91"/>
      <c r="FR3802" s="91"/>
      <c r="FS3802" s="91"/>
      <c r="FT3802" s="91"/>
      <c r="FU3802" s="91"/>
      <c r="FV3802" s="91"/>
      <c r="FW3802" s="91"/>
      <c r="FX3802" s="127"/>
      <c r="FY3802" s="126"/>
      <c r="FZ3802" s="91"/>
      <c r="GA3802" s="91"/>
      <c r="GB3802" s="91"/>
      <c r="GC3802" s="91"/>
      <c r="GD3802" s="91"/>
      <c r="GE3802" s="91"/>
      <c r="GF3802" s="91"/>
      <c r="GG3802" s="91"/>
      <c r="GH3802" s="91"/>
      <c r="GI3802" s="91"/>
      <c r="GJ3802" s="91"/>
      <c r="GK3802" s="127"/>
      <c r="GL3802" s="126"/>
      <c r="GM3802" s="91"/>
      <c r="GN3802" s="91"/>
      <c r="GO3802" s="91"/>
      <c r="GP3802" s="91"/>
      <c r="GQ3802" s="91"/>
      <c r="GR3802" s="91"/>
      <c r="GS3802" s="91"/>
      <c r="GT3802" s="91"/>
      <c r="GU3802" s="91"/>
      <c r="GV3802" s="91"/>
      <c r="GW3802" s="91"/>
      <c r="GX3802" s="127"/>
      <c r="GY3802" s="126"/>
      <c r="GZ3802" s="91"/>
      <c r="HA3802" s="91"/>
      <c r="HB3802" s="91"/>
      <c r="HC3802" s="91"/>
      <c r="HD3802" s="91"/>
      <c r="HE3802" s="91"/>
      <c r="HF3802" s="91"/>
      <c r="HG3802" s="91"/>
      <c r="HH3802" s="91"/>
      <c r="HI3802" s="91"/>
      <c r="HJ3802" s="91"/>
      <c r="HK3802" s="127"/>
      <c r="HL3802" s="126"/>
      <c r="HM3802" s="91"/>
      <c r="HN3802" s="91"/>
      <c r="HO3802" s="91"/>
      <c r="HP3802" s="91"/>
      <c r="HQ3802" s="91"/>
      <c r="HR3802" s="91"/>
      <c r="HS3802" s="91"/>
      <c r="HT3802" s="91"/>
      <c r="HU3802" s="91"/>
      <c r="HV3802" s="91"/>
      <c r="HW3802" s="91"/>
      <c r="HX3802" s="127"/>
      <c r="HY3802" s="126"/>
      <c r="HZ3802" s="91"/>
      <c r="IA3802" s="91"/>
      <c r="IB3802" s="91"/>
      <c r="IC3802" s="91"/>
      <c r="ID3802" s="91"/>
      <c r="IE3802" s="91"/>
      <c r="IF3802" s="91"/>
      <c r="IG3802" s="91"/>
      <c r="IH3802" s="91"/>
      <c r="II3802" s="91"/>
      <c r="IJ3802" s="91"/>
      <c r="IK3802" s="174"/>
    </row>
    <row r="3803" spans="2:245" x14ac:dyDescent="0.2">
      <c r="B3803" s="43"/>
      <c r="C3803" s="73"/>
      <c r="D3803" s="64"/>
      <c r="E3803" s="64"/>
      <c r="F3803" s="55"/>
      <c r="G3803" s="102"/>
      <c r="H3803" s="97"/>
      <c r="T3803" s="98"/>
      <c r="U3803" s="97"/>
      <c r="AG3803" s="98"/>
      <c r="AY3803" s="164"/>
      <c r="BK3803" s="98"/>
      <c r="BL3803" s="97"/>
      <c r="BX3803" s="98"/>
      <c r="CL3803" s="97"/>
      <c r="CX3803" s="98"/>
      <c r="DL3803" s="97"/>
      <c r="DX3803" s="98"/>
      <c r="EL3803" s="97"/>
      <c r="EX3803" s="98"/>
      <c r="EY3803" s="97"/>
      <c r="FL3803" s="126"/>
      <c r="FM3803" s="91"/>
      <c r="FN3803" s="91"/>
      <c r="FO3803" s="91"/>
      <c r="FP3803" s="91"/>
      <c r="FQ3803" s="91"/>
      <c r="FR3803" s="91"/>
      <c r="FS3803" s="91"/>
      <c r="FT3803" s="91"/>
      <c r="FU3803" s="91"/>
      <c r="FV3803" s="91"/>
      <c r="FW3803" s="91"/>
      <c r="FX3803" s="127"/>
      <c r="FY3803" s="126"/>
      <c r="FZ3803" s="91"/>
      <c r="GA3803" s="91"/>
      <c r="GB3803" s="91"/>
      <c r="GC3803" s="91"/>
      <c r="GD3803" s="91"/>
      <c r="GE3803" s="91"/>
      <c r="GF3803" s="91"/>
      <c r="GG3803" s="91"/>
      <c r="GH3803" s="91"/>
      <c r="GI3803" s="91"/>
      <c r="GJ3803" s="91"/>
      <c r="GK3803" s="127"/>
      <c r="GL3803" s="126"/>
      <c r="GM3803" s="91"/>
      <c r="GN3803" s="91"/>
      <c r="GO3803" s="91"/>
      <c r="GP3803" s="91"/>
      <c r="GQ3803" s="91"/>
      <c r="GR3803" s="91"/>
      <c r="GS3803" s="91"/>
      <c r="GT3803" s="91"/>
      <c r="GU3803" s="91"/>
      <c r="GV3803" s="91"/>
      <c r="GW3803" s="91"/>
      <c r="GX3803" s="127"/>
      <c r="GY3803" s="126"/>
      <c r="GZ3803" s="91"/>
      <c r="HA3803" s="91"/>
      <c r="HB3803" s="91"/>
      <c r="HC3803" s="91"/>
      <c r="HD3803" s="91"/>
      <c r="HE3803" s="91"/>
      <c r="HF3803" s="91"/>
      <c r="HG3803" s="91"/>
      <c r="HH3803" s="91"/>
      <c r="HI3803" s="91"/>
      <c r="HJ3803" s="91"/>
      <c r="HK3803" s="127"/>
      <c r="HL3803" s="126"/>
      <c r="HM3803" s="91"/>
      <c r="HN3803" s="91"/>
      <c r="HO3803" s="91"/>
      <c r="HP3803" s="91"/>
      <c r="HQ3803" s="91"/>
      <c r="HR3803" s="91"/>
      <c r="HS3803" s="91"/>
      <c r="HT3803" s="91"/>
      <c r="HU3803" s="91"/>
      <c r="HV3803" s="91"/>
      <c r="HW3803" s="91"/>
      <c r="HX3803" s="127"/>
      <c r="HY3803" s="126"/>
      <c r="HZ3803" s="91"/>
      <c r="IA3803" s="91"/>
      <c r="IB3803" s="91"/>
      <c r="IC3803" s="91"/>
      <c r="ID3803" s="91"/>
      <c r="IE3803" s="91"/>
      <c r="IF3803" s="91"/>
      <c r="IG3803" s="91"/>
      <c r="IH3803" s="91"/>
      <c r="II3803" s="91"/>
      <c r="IJ3803" s="91"/>
      <c r="IK3803" s="174"/>
    </row>
    <row r="3804" spans="2:245" x14ac:dyDescent="0.2">
      <c r="B3804" s="43"/>
      <c r="C3804" s="73"/>
      <c r="D3804" s="64"/>
      <c r="E3804" s="64"/>
      <c r="F3804" s="55"/>
      <c r="G3804" s="102"/>
      <c r="H3804" s="97"/>
      <c r="T3804" s="98"/>
      <c r="U3804" s="97"/>
      <c r="AG3804" s="98"/>
      <c r="AY3804" s="164"/>
      <c r="BK3804" s="98"/>
      <c r="BL3804" s="97"/>
      <c r="BX3804" s="98"/>
      <c r="CL3804" s="97"/>
      <c r="CX3804" s="98"/>
      <c r="DL3804" s="97"/>
      <c r="DX3804" s="98"/>
      <c r="EL3804" s="97"/>
      <c r="EX3804" s="98"/>
      <c r="EY3804" s="97"/>
      <c r="FL3804" s="126"/>
      <c r="FM3804" s="91"/>
      <c r="FN3804" s="91"/>
      <c r="FO3804" s="91"/>
      <c r="FP3804" s="91"/>
      <c r="FQ3804" s="91"/>
      <c r="FR3804" s="91"/>
      <c r="FS3804" s="91"/>
      <c r="FT3804" s="91"/>
      <c r="FU3804" s="91"/>
      <c r="FV3804" s="91"/>
      <c r="FW3804" s="91"/>
      <c r="FX3804" s="127"/>
      <c r="FY3804" s="126"/>
      <c r="FZ3804" s="91"/>
      <c r="GA3804" s="91"/>
      <c r="GB3804" s="91"/>
      <c r="GC3804" s="91"/>
      <c r="GD3804" s="91"/>
      <c r="GE3804" s="91"/>
      <c r="GF3804" s="91"/>
      <c r="GG3804" s="91"/>
      <c r="GH3804" s="91"/>
      <c r="GI3804" s="91"/>
      <c r="GJ3804" s="91"/>
      <c r="GK3804" s="127"/>
      <c r="GL3804" s="126"/>
      <c r="GM3804" s="91"/>
      <c r="GN3804" s="91"/>
      <c r="GO3804" s="91"/>
      <c r="GP3804" s="91"/>
      <c r="GQ3804" s="91"/>
      <c r="GR3804" s="91"/>
      <c r="GS3804" s="91"/>
      <c r="GT3804" s="91"/>
      <c r="GU3804" s="91"/>
      <c r="GV3804" s="91"/>
      <c r="GW3804" s="91"/>
      <c r="GX3804" s="127"/>
      <c r="GY3804" s="126"/>
      <c r="GZ3804" s="91"/>
      <c r="HA3804" s="91"/>
      <c r="HB3804" s="91"/>
      <c r="HC3804" s="91"/>
      <c r="HD3804" s="91"/>
      <c r="HE3804" s="91"/>
      <c r="HF3804" s="91"/>
      <c r="HG3804" s="91"/>
      <c r="HH3804" s="91"/>
      <c r="HI3804" s="91"/>
      <c r="HJ3804" s="91"/>
      <c r="HK3804" s="127"/>
      <c r="HL3804" s="126"/>
      <c r="HM3804" s="91"/>
      <c r="HN3804" s="91"/>
      <c r="HO3804" s="91"/>
      <c r="HP3804" s="91"/>
      <c r="HQ3804" s="91"/>
      <c r="HR3804" s="91"/>
      <c r="HS3804" s="91"/>
      <c r="HT3804" s="91"/>
      <c r="HU3804" s="91"/>
      <c r="HV3804" s="91"/>
      <c r="HW3804" s="91"/>
      <c r="HX3804" s="127"/>
      <c r="HY3804" s="126"/>
      <c r="HZ3804" s="91"/>
      <c r="IA3804" s="91"/>
      <c r="IB3804" s="91"/>
      <c r="IC3804" s="91"/>
      <c r="ID3804" s="91"/>
      <c r="IE3804" s="91"/>
      <c r="IF3804" s="91"/>
      <c r="IG3804" s="91"/>
      <c r="IH3804" s="91"/>
      <c r="II3804" s="91"/>
      <c r="IJ3804" s="91"/>
      <c r="IK3804" s="174"/>
    </row>
    <row r="3805" spans="2:245" x14ac:dyDescent="0.2">
      <c r="B3805" s="43"/>
      <c r="C3805" s="73"/>
      <c r="D3805" s="64"/>
      <c r="E3805" s="64"/>
      <c r="F3805" s="55"/>
      <c r="G3805" s="102"/>
      <c r="H3805" s="97"/>
      <c r="T3805" s="98"/>
      <c r="U3805" s="97"/>
      <c r="AG3805" s="98"/>
      <c r="AY3805" s="164"/>
      <c r="BK3805" s="98"/>
      <c r="BL3805" s="97"/>
      <c r="BX3805" s="98"/>
      <c r="CL3805" s="97"/>
      <c r="CX3805" s="98"/>
      <c r="DL3805" s="97"/>
      <c r="DX3805" s="98"/>
      <c r="EL3805" s="97"/>
      <c r="EX3805" s="98"/>
      <c r="EY3805" s="97"/>
      <c r="FL3805" s="126"/>
      <c r="FM3805" s="91"/>
      <c r="FN3805" s="91"/>
      <c r="FO3805" s="91"/>
      <c r="FP3805" s="91"/>
      <c r="FQ3805" s="91"/>
      <c r="FR3805" s="91"/>
      <c r="FS3805" s="91"/>
      <c r="FT3805" s="91"/>
      <c r="FU3805" s="91"/>
      <c r="FV3805" s="91"/>
      <c r="FW3805" s="91"/>
      <c r="FX3805" s="127"/>
      <c r="FY3805" s="126"/>
      <c r="FZ3805" s="91"/>
      <c r="GA3805" s="91"/>
      <c r="GB3805" s="91"/>
      <c r="GC3805" s="91"/>
      <c r="GD3805" s="91"/>
      <c r="GE3805" s="91"/>
      <c r="GF3805" s="91"/>
      <c r="GG3805" s="91"/>
      <c r="GH3805" s="91"/>
      <c r="GI3805" s="91"/>
      <c r="GJ3805" s="91"/>
      <c r="GK3805" s="127"/>
      <c r="GL3805" s="126"/>
      <c r="GM3805" s="91"/>
      <c r="GN3805" s="91"/>
      <c r="GO3805" s="91"/>
      <c r="GP3805" s="91"/>
      <c r="GQ3805" s="91"/>
      <c r="GR3805" s="91"/>
      <c r="GS3805" s="91"/>
      <c r="GT3805" s="91"/>
      <c r="GU3805" s="91"/>
      <c r="GV3805" s="91"/>
      <c r="GW3805" s="91"/>
      <c r="GX3805" s="127"/>
      <c r="GY3805" s="126"/>
      <c r="GZ3805" s="91"/>
      <c r="HA3805" s="91"/>
      <c r="HB3805" s="91"/>
      <c r="HC3805" s="91"/>
      <c r="HD3805" s="91"/>
      <c r="HE3805" s="91"/>
      <c r="HF3805" s="91"/>
      <c r="HG3805" s="91"/>
      <c r="HH3805" s="91"/>
      <c r="HI3805" s="91"/>
      <c r="HJ3805" s="91"/>
      <c r="HK3805" s="127"/>
      <c r="HL3805" s="126"/>
      <c r="HM3805" s="91"/>
      <c r="HN3805" s="91"/>
      <c r="HO3805" s="91"/>
      <c r="HP3805" s="91"/>
      <c r="HQ3805" s="91"/>
      <c r="HR3805" s="91"/>
      <c r="HS3805" s="91"/>
      <c r="HT3805" s="91"/>
      <c r="HU3805" s="91"/>
      <c r="HV3805" s="91"/>
      <c r="HW3805" s="91"/>
      <c r="HX3805" s="127"/>
      <c r="HY3805" s="126"/>
      <c r="HZ3805" s="91"/>
      <c r="IA3805" s="91"/>
      <c r="IB3805" s="91"/>
      <c r="IC3805" s="91"/>
      <c r="ID3805" s="91"/>
      <c r="IE3805" s="91"/>
      <c r="IF3805" s="91"/>
      <c r="IG3805" s="91"/>
      <c r="IH3805" s="91"/>
      <c r="II3805" s="91"/>
      <c r="IJ3805" s="91"/>
      <c r="IK3805" s="174"/>
    </row>
    <row r="3806" spans="2:245" x14ac:dyDescent="0.2">
      <c r="B3806" s="43"/>
      <c r="C3806" s="73"/>
      <c r="D3806" s="64"/>
      <c r="E3806" s="64"/>
      <c r="F3806" s="55"/>
      <c r="G3806" s="102"/>
      <c r="H3806" s="97"/>
      <c r="T3806" s="98"/>
      <c r="U3806" s="97"/>
      <c r="AG3806" s="98"/>
      <c r="AY3806" s="164"/>
      <c r="BK3806" s="98"/>
      <c r="BL3806" s="97"/>
      <c r="BX3806" s="98"/>
      <c r="CL3806" s="97"/>
      <c r="CX3806" s="98"/>
      <c r="DL3806" s="97"/>
      <c r="DX3806" s="98"/>
      <c r="EL3806" s="97"/>
      <c r="EX3806" s="98"/>
      <c r="EY3806" s="97"/>
      <c r="FL3806" s="126"/>
      <c r="FM3806" s="91"/>
      <c r="FN3806" s="91"/>
      <c r="FO3806" s="91"/>
      <c r="FP3806" s="91"/>
      <c r="FQ3806" s="91"/>
      <c r="FR3806" s="91"/>
      <c r="FS3806" s="91"/>
      <c r="FT3806" s="91"/>
      <c r="FU3806" s="91"/>
      <c r="FV3806" s="91"/>
      <c r="FW3806" s="91"/>
      <c r="FX3806" s="127"/>
      <c r="FY3806" s="126"/>
      <c r="FZ3806" s="91"/>
      <c r="GA3806" s="91"/>
      <c r="GB3806" s="91"/>
      <c r="GC3806" s="91"/>
      <c r="GD3806" s="91"/>
      <c r="GE3806" s="91"/>
      <c r="GF3806" s="91"/>
      <c r="GG3806" s="91"/>
      <c r="GH3806" s="91"/>
      <c r="GI3806" s="91"/>
      <c r="GJ3806" s="91"/>
      <c r="GK3806" s="127"/>
      <c r="GL3806" s="126"/>
      <c r="GM3806" s="91"/>
      <c r="GN3806" s="91"/>
      <c r="GO3806" s="91"/>
      <c r="GP3806" s="91"/>
      <c r="GQ3806" s="91"/>
      <c r="GR3806" s="91"/>
      <c r="GS3806" s="91"/>
      <c r="GT3806" s="91"/>
      <c r="GU3806" s="91"/>
      <c r="GV3806" s="91"/>
      <c r="GW3806" s="91"/>
      <c r="GX3806" s="127"/>
      <c r="GY3806" s="126"/>
      <c r="GZ3806" s="91"/>
      <c r="HA3806" s="91"/>
      <c r="HB3806" s="91"/>
      <c r="HC3806" s="91"/>
      <c r="HD3806" s="91"/>
      <c r="HE3806" s="91"/>
      <c r="HF3806" s="91"/>
      <c r="HG3806" s="91"/>
      <c r="HH3806" s="91"/>
      <c r="HI3806" s="91"/>
      <c r="HJ3806" s="91"/>
      <c r="HK3806" s="127"/>
      <c r="HL3806" s="126"/>
      <c r="HM3806" s="91"/>
      <c r="HN3806" s="91"/>
      <c r="HO3806" s="91"/>
      <c r="HP3806" s="91"/>
      <c r="HQ3806" s="91"/>
      <c r="HR3806" s="91"/>
      <c r="HS3806" s="91"/>
      <c r="HT3806" s="91"/>
      <c r="HU3806" s="91"/>
      <c r="HV3806" s="91"/>
      <c r="HW3806" s="91"/>
      <c r="HX3806" s="127"/>
      <c r="HY3806" s="126"/>
      <c r="HZ3806" s="91"/>
      <c r="IA3806" s="91"/>
      <c r="IB3806" s="91"/>
      <c r="IC3806" s="91"/>
      <c r="ID3806" s="91"/>
      <c r="IE3806" s="91"/>
      <c r="IF3806" s="91"/>
      <c r="IG3806" s="91"/>
      <c r="IH3806" s="91"/>
      <c r="II3806" s="91"/>
      <c r="IJ3806" s="91"/>
      <c r="IK3806" s="174"/>
    </row>
    <row r="3807" spans="2:245" x14ac:dyDescent="0.2">
      <c r="B3807" s="43"/>
      <c r="C3807" s="73"/>
      <c r="D3807" s="64"/>
      <c r="E3807" s="64"/>
      <c r="F3807" s="55"/>
      <c r="G3807" s="102"/>
      <c r="H3807" s="97"/>
      <c r="T3807" s="98"/>
      <c r="U3807" s="97"/>
      <c r="AG3807" s="98"/>
      <c r="AY3807" s="164"/>
      <c r="BK3807" s="98"/>
      <c r="BL3807" s="97"/>
      <c r="BX3807" s="98"/>
      <c r="CL3807" s="97"/>
      <c r="CX3807" s="98"/>
      <c r="DL3807" s="97"/>
      <c r="DX3807" s="98"/>
      <c r="EL3807" s="97"/>
      <c r="EX3807" s="98"/>
      <c r="EY3807" s="97"/>
      <c r="FL3807" s="126"/>
      <c r="FM3807" s="91"/>
      <c r="FN3807" s="91"/>
      <c r="FO3807" s="91"/>
      <c r="FP3807" s="91"/>
      <c r="FQ3807" s="91"/>
      <c r="FR3807" s="91"/>
      <c r="FS3807" s="91"/>
      <c r="FT3807" s="91"/>
      <c r="FU3807" s="91"/>
      <c r="FV3807" s="91"/>
      <c r="FW3807" s="91"/>
      <c r="FX3807" s="127"/>
      <c r="FY3807" s="126"/>
      <c r="FZ3807" s="91"/>
      <c r="GA3807" s="91"/>
      <c r="GB3807" s="91"/>
      <c r="GC3807" s="91"/>
      <c r="GD3807" s="91"/>
      <c r="GE3807" s="91"/>
      <c r="GF3807" s="91"/>
      <c r="GG3807" s="91"/>
      <c r="GH3807" s="91"/>
      <c r="GI3807" s="91"/>
      <c r="GJ3807" s="91"/>
      <c r="GK3807" s="127"/>
      <c r="GL3807" s="126"/>
      <c r="GM3807" s="91"/>
      <c r="GN3807" s="91"/>
      <c r="GO3807" s="91"/>
      <c r="GP3807" s="91"/>
      <c r="GQ3807" s="91"/>
      <c r="GR3807" s="91"/>
      <c r="GS3807" s="91"/>
      <c r="GT3807" s="91"/>
      <c r="GU3807" s="91"/>
      <c r="GV3807" s="91"/>
      <c r="GW3807" s="91"/>
      <c r="GX3807" s="127"/>
      <c r="GY3807" s="126"/>
      <c r="GZ3807" s="91"/>
      <c r="HA3807" s="91"/>
      <c r="HB3807" s="91"/>
      <c r="HC3807" s="91"/>
      <c r="HD3807" s="91"/>
      <c r="HE3807" s="91"/>
      <c r="HF3807" s="91"/>
      <c r="HG3807" s="91"/>
      <c r="HH3807" s="91"/>
      <c r="HI3807" s="91"/>
      <c r="HJ3807" s="91"/>
      <c r="HK3807" s="127"/>
      <c r="HL3807" s="126"/>
      <c r="HM3807" s="91"/>
      <c r="HN3807" s="91"/>
      <c r="HO3807" s="91"/>
      <c r="HP3807" s="91"/>
      <c r="HQ3807" s="91"/>
      <c r="HR3807" s="91"/>
      <c r="HS3807" s="91"/>
      <c r="HT3807" s="91"/>
      <c r="HU3807" s="91"/>
      <c r="HV3807" s="91"/>
      <c r="HW3807" s="91"/>
      <c r="HX3807" s="127"/>
      <c r="HY3807" s="126"/>
      <c r="HZ3807" s="91"/>
      <c r="IA3807" s="91"/>
      <c r="IB3807" s="91"/>
      <c r="IC3807" s="91"/>
      <c r="ID3807" s="91"/>
      <c r="IE3807" s="91"/>
      <c r="IF3807" s="91"/>
      <c r="IG3807" s="91"/>
      <c r="IH3807" s="91"/>
      <c r="II3807" s="91"/>
      <c r="IJ3807" s="91"/>
      <c r="IK3807" s="174"/>
    </row>
    <row r="3808" spans="2:245" x14ac:dyDescent="0.2">
      <c r="B3808" s="43"/>
      <c r="C3808" s="73"/>
      <c r="D3808" s="64"/>
      <c r="E3808" s="64"/>
      <c r="F3808" s="55"/>
      <c r="G3808" s="102"/>
      <c r="H3808" s="97"/>
      <c r="T3808" s="98"/>
      <c r="U3808" s="97"/>
      <c r="AG3808" s="98"/>
      <c r="AY3808" s="164"/>
      <c r="BK3808" s="98"/>
      <c r="BL3808" s="97"/>
      <c r="BX3808" s="98"/>
      <c r="CL3808" s="97"/>
      <c r="CX3808" s="98"/>
      <c r="DL3808" s="97"/>
      <c r="DX3808" s="98"/>
      <c r="EL3808" s="97"/>
      <c r="EX3808" s="98"/>
      <c r="EY3808" s="97"/>
      <c r="FL3808" s="126"/>
      <c r="FM3808" s="91"/>
      <c r="FN3808" s="91"/>
      <c r="FO3808" s="91"/>
      <c r="FP3808" s="91"/>
      <c r="FQ3808" s="91"/>
      <c r="FR3808" s="91"/>
      <c r="FS3808" s="91"/>
      <c r="FT3808" s="91"/>
      <c r="FU3808" s="91"/>
      <c r="FV3808" s="91"/>
      <c r="FW3808" s="91"/>
      <c r="FX3808" s="127"/>
      <c r="FY3808" s="126"/>
      <c r="FZ3808" s="91"/>
      <c r="GA3808" s="91"/>
      <c r="GB3808" s="91"/>
      <c r="GC3808" s="91"/>
      <c r="GD3808" s="91"/>
      <c r="GE3808" s="91"/>
      <c r="GF3808" s="91"/>
      <c r="GG3808" s="91"/>
      <c r="GH3808" s="91"/>
      <c r="GI3808" s="91"/>
      <c r="GJ3808" s="91"/>
      <c r="GK3808" s="127"/>
      <c r="GL3808" s="126"/>
      <c r="GM3808" s="91"/>
      <c r="GN3808" s="91"/>
      <c r="GO3808" s="91"/>
      <c r="GP3808" s="91"/>
      <c r="GQ3808" s="91"/>
      <c r="GR3808" s="91"/>
      <c r="GS3808" s="91"/>
      <c r="GT3808" s="91"/>
      <c r="GU3808" s="91"/>
      <c r="GV3808" s="91"/>
      <c r="GW3808" s="91"/>
      <c r="GX3808" s="127"/>
      <c r="GY3808" s="126"/>
      <c r="GZ3808" s="91"/>
      <c r="HA3808" s="91"/>
      <c r="HB3808" s="91"/>
      <c r="HC3808" s="91"/>
      <c r="HD3808" s="91"/>
      <c r="HE3808" s="91"/>
      <c r="HF3808" s="91"/>
      <c r="HG3808" s="91"/>
      <c r="HH3808" s="91"/>
      <c r="HI3808" s="91"/>
      <c r="HJ3808" s="91"/>
      <c r="HK3808" s="127"/>
      <c r="HL3808" s="126"/>
      <c r="HM3808" s="91"/>
      <c r="HN3808" s="91"/>
      <c r="HO3808" s="91"/>
      <c r="HP3808" s="91"/>
      <c r="HQ3808" s="91"/>
      <c r="HR3808" s="91"/>
      <c r="HS3808" s="91"/>
      <c r="HT3808" s="91"/>
      <c r="HU3808" s="91"/>
      <c r="HV3808" s="91"/>
      <c r="HW3808" s="91"/>
      <c r="HX3808" s="127"/>
      <c r="HY3808" s="126"/>
      <c r="HZ3808" s="91"/>
      <c r="IA3808" s="91"/>
      <c r="IB3808" s="91"/>
      <c r="IC3808" s="91"/>
      <c r="ID3808" s="91"/>
      <c r="IE3808" s="91"/>
      <c r="IF3808" s="91"/>
      <c r="IG3808" s="91"/>
      <c r="IH3808" s="91"/>
      <c r="II3808" s="91"/>
      <c r="IJ3808" s="91"/>
      <c r="IK3808" s="174"/>
    </row>
    <row r="3809" spans="2:245" x14ac:dyDescent="0.2">
      <c r="B3809" s="43"/>
      <c r="C3809" s="73"/>
      <c r="D3809" s="64"/>
      <c r="E3809" s="64"/>
      <c r="F3809" s="55"/>
      <c r="G3809" s="102"/>
      <c r="H3809" s="97"/>
      <c r="T3809" s="98"/>
      <c r="U3809" s="97"/>
      <c r="AG3809" s="98"/>
      <c r="AY3809" s="164"/>
      <c r="BK3809" s="98"/>
      <c r="BL3809" s="97"/>
      <c r="BX3809" s="98"/>
      <c r="CL3809" s="97"/>
      <c r="CX3809" s="98"/>
      <c r="DL3809" s="97"/>
      <c r="DX3809" s="98"/>
      <c r="EL3809" s="97"/>
      <c r="EX3809" s="98"/>
      <c r="EY3809" s="97"/>
      <c r="FL3809" s="126"/>
      <c r="FM3809" s="91"/>
      <c r="FN3809" s="91"/>
      <c r="FO3809" s="91"/>
      <c r="FP3809" s="91"/>
      <c r="FQ3809" s="91"/>
      <c r="FR3809" s="91"/>
      <c r="FS3809" s="91"/>
      <c r="FT3809" s="91"/>
      <c r="FU3809" s="91"/>
      <c r="FV3809" s="91"/>
      <c r="FW3809" s="91"/>
      <c r="FX3809" s="127"/>
      <c r="FY3809" s="126"/>
      <c r="FZ3809" s="91"/>
      <c r="GA3809" s="91"/>
      <c r="GB3809" s="91"/>
      <c r="GC3809" s="91"/>
      <c r="GD3809" s="91"/>
      <c r="GE3809" s="91"/>
      <c r="GF3809" s="91"/>
      <c r="GG3809" s="91"/>
      <c r="GH3809" s="91"/>
      <c r="GI3809" s="91"/>
      <c r="GJ3809" s="91"/>
      <c r="GK3809" s="127"/>
      <c r="GL3809" s="126"/>
      <c r="GM3809" s="91"/>
      <c r="GN3809" s="91"/>
      <c r="GO3809" s="91"/>
      <c r="GP3809" s="91"/>
      <c r="GQ3809" s="91"/>
      <c r="GR3809" s="91"/>
      <c r="GS3809" s="91"/>
      <c r="GT3809" s="91"/>
      <c r="GU3809" s="91"/>
      <c r="GV3809" s="91"/>
      <c r="GW3809" s="91"/>
      <c r="GX3809" s="127"/>
      <c r="GY3809" s="126"/>
      <c r="GZ3809" s="91"/>
      <c r="HA3809" s="91"/>
      <c r="HB3809" s="91"/>
      <c r="HC3809" s="91"/>
      <c r="HD3809" s="91"/>
      <c r="HE3809" s="91"/>
      <c r="HF3809" s="91"/>
      <c r="HG3809" s="91"/>
      <c r="HH3809" s="91"/>
      <c r="HI3809" s="91"/>
      <c r="HJ3809" s="91"/>
      <c r="HK3809" s="127"/>
      <c r="HL3809" s="126"/>
      <c r="HM3809" s="91"/>
      <c r="HN3809" s="91"/>
      <c r="HO3809" s="91"/>
      <c r="HP3809" s="91"/>
      <c r="HQ3809" s="91"/>
      <c r="HR3809" s="91"/>
      <c r="HS3809" s="91"/>
      <c r="HT3809" s="91"/>
      <c r="HU3809" s="91"/>
      <c r="HV3809" s="91"/>
      <c r="HW3809" s="91"/>
      <c r="HX3809" s="127"/>
      <c r="HY3809" s="126"/>
      <c r="HZ3809" s="91"/>
      <c r="IA3809" s="91"/>
      <c r="IB3809" s="91"/>
      <c r="IC3809" s="91"/>
      <c r="ID3809" s="91"/>
      <c r="IE3809" s="91"/>
      <c r="IF3809" s="91"/>
      <c r="IG3809" s="91"/>
      <c r="IH3809" s="91"/>
      <c r="II3809" s="91"/>
      <c r="IJ3809" s="91"/>
      <c r="IK3809" s="174"/>
    </row>
    <row r="3810" spans="2:245" x14ac:dyDescent="0.2">
      <c r="B3810" s="43"/>
      <c r="C3810" s="73"/>
      <c r="D3810" s="64"/>
      <c r="E3810" s="64"/>
      <c r="F3810" s="55"/>
      <c r="G3810" s="102"/>
      <c r="H3810" s="97"/>
      <c r="T3810" s="98"/>
      <c r="U3810" s="97"/>
      <c r="AG3810" s="98"/>
      <c r="AY3810" s="164"/>
      <c r="BK3810" s="98"/>
      <c r="BL3810" s="97"/>
      <c r="BX3810" s="98"/>
      <c r="CL3810" s="97"/>
      <c r="CX3810" s="98"/>
      <c r="DL3810" s="97"/>
      <c r="DX3810" s="98"/>
      <c r="EL3810" s="97"/>
      <c r="EX3810" s="98"/>
      <c r="EY3810" s="97"/>
      <c r="FL3810" s="126"/>
      <c r="FM3810" s="91"/>
      <c r="FN3810" s="91"/>
      <c r="FO3810" s="91"/>
      <c r="FP3810" s="91"/>
      <c r="FQ3810" s="91"/>
      <c r="FR3810" s="91"/>
      <c r="FS3810" s="91"/>
      <c r="FT3810" s="91"/>
      <c r="FU3810" s="91"/>
      <c r="FV3810" s="91"/>
      <c r="FW3810" s="91"/>
      <c r="FX3810" s="127"/>
      <c r="FY3810" s="126"/>
      <c r="FZ3810" s="91"/>
      <c r="GA3810" s="91"/>
      <c r="GB3810" s="91"/>
      <c r="GC3810" s="91"/>
      <c r="GD3810" s="91"/>
      <c r="GE3810" s="91"/>
      <c r="GF3810" s="91"/>
      <c r="GG3810" s="91"/>
      <c r="GH3810" s="91"/>
      <c r="GI3810" s="91"/>
      <c r="GJ3810" s="91"/>
      <c r="GK3810" s="127"/>
      <c r="GL3810" s="126"/>
      <c r="GM3810" s="91"/>
      <c r="GN3810" s="91"/>
      <c r="GO3810" s="91"/>
      <c r="GP3810" s="91"/>
      <c r="GQ3810" s="91"/>
      <c r="GR3810" s="91"/>
      <c r="GS3810" s="91"/>
      <c r="GT3810" s="91"/>
      <c r="GU3810" s="91"/>
      <c r="GV3810" s="91"/>
      <c r="GW3810" s="91"/>
      <c r="GX3810" s="127"/>
      <c r="GY3810" s="126"/>
      <c r="GZ3810" s="91"/>
      <c r="HA3810" s="91"/>
      <c r="HB3810" s="91"/>
      <c r="HC3810" s="91"/>
      <c r="HD3810" s="91"/>
      <c r="HE3810" s="91"/>
      <c r="HF3810" s="91"/>
      <c r="HG3810" s="91"/>
      <c r="HH3810" s="91"/>
      <c r="HI3810" s="91"/>
      <c r="HJ3810" s="91"/>
      <c r="HK3810" s="127"/>
      <c r="HL3810" s="126"/>
      <c r="HM3810" s="91"/>
      <c r="HN3810" s="91"/>
      <c r="HO3810" s="91"/>
      <c r="HP3810" s="91"/>
      <c r="HQ3810" s="91"/>
      <c r="HR3810" s="91"/>
      <c r="HS3810" s="91"/>
      <c r="HT3810" s="91"/>
      <c r="HU3810" s="91"/>
      <c r="HV3810" s="91"/>
      <c r="HW3810" s="91"/>
      <c r="HX3810" s="127"/>
      <c r="HY3810" s="126"/>
      <c r="HZ3810" s="91"/>
      <c r="IA3810" s="91"/>
      <c r="IB3810" s="91"/>
      <c r="IC3810" s="91"/>
      <c r="ID3810" s="91"/>
      <c r="IE3810" s="91"/>
      <c r="IF3810" s="91"/>
      <c r="IG3810" s="91"/>
      <c r="IH3810" s="91"/>
      <c r="II3810" s="91"/>
      <c r="IJ3810" s="91"/>
      <c r="IK3810" s="174"/>
    </row>
    <row r="3811" spans="2:245" x14ac:dyDescent="0.2">
      <c r="B3811" s="43"/>
      <c r="C3811" s="73"/>
      <c r="D3811" s="64"/>
      <c r="E3811" s="64"/>
      <c r="F3811" s="55"/>
      <c r="G3811" s="102"/>
      <c r="H3811" s="97"/>
      <c r="T3811" s="98"/>
      <c r="U3811" s="97"/>
      <c r="AG3811" s="98"/>
      <c r="AY3811" s="164"/>
      <c r="BK3811" s="98"/>
      <c r="BL3811" s="97"/>
      <c r="BX3811" s="98"/>
      <c r="CL3811" s="97"/>
      <c r="CX3811" s="98"/>
      <c r="DL3811" s="97"/>
      <c r="DX3811" s="98"/>
      <c r="EL3811" s="97"/>
      <c r="EX3811" s="98"/>
      <c r="EY3811" s="97"/>
      <c r="FL3811" s="126"/>
      <c r="FM3811" s="91"/>
      <c r="FN3811" s="91"/>
      <c r="FO3811" s="91"/>
      <c r="FP3811" s="91"/>
      <c r="FQ3811" s="91"/>
      <c r="FR3811" s="91"/>
      <c r="FS3811" s="91"/>
      <c r="FT3811" s="91"/>
      <c r="FU3811" s="91"/>
      <c r="FV3811" s="91"/>
      <c r="FW3811" s="91"/>
      <c r="FX3811" s="127"/>
      <c r="FY3811" s="126"/>
      <c r="FZ3811" s="91"/>
      <c r="GA3811" s="91"/>
      <c r="GB3811" s="91"/>
      <c r="GC3811" s="91"/>
      <c r="GD3811" s="91"/>
      <c r="GE3811" s="91"/>
      <c r="GF3811" s="91"/>
      <c r="GG3811" s="91"/>
      <c r="GH3811" s="91"/>
      <c r="GI3811" s="91"/>
      <c r="GJ3811" s="91"/>
      <c r="GK3811" s="127"/>
      <c r="GL3811" s="126"/>
      <c r="GM3811" s="91"/>
      <c r="GN3811" s="91"/>
      <c r="GO3811" s="91"/>
      <c r="GP3811" s="91"/>
      <c r="GQ3811" s="91"/>
      <c r="GR3811" s="91"/>
      <c r="GS3811" s="91"/>
      <c r="GT3811" s="91"/>
      <c r="GU3811" s="91"/>
      <c r="GV3811" s="91"/>
      <c r="GW3811" s="91"/>
      <c r="GX3811" s="127"/>
      <c r="GY3811" s="126"/>
      <c r="GZ3811" s="91"/>
      <c r="HA3811" s="91"/>
      <c r="HB3811" s="91"/>
      <c r="HC3811" s="91"/>
      <c r="HD3811" s="91"/>
      <c r="HE3811" s="91"/>
      <c r="HF3811" s="91"/>
      <c r="HG3811" s="91"/>
      <c r="HH3811" s="91"/>
      <c r="HI3811" s="91"/>
      <c r="HJ3811" s="91"/>
      <c r="HK3811" s="127"/>
      <c r="HL3811" s="126"/>
      <c r="HM3811" s="91"/>
      <c r="HN3811" s="91"/>
      <c r="HO3811" s="91"/>
      <c r="HP3811" s="91"/>
      <c r="HQ3811" s="91"/>
      <c r="HR3811" s="91"/>
      <c r="HS3811" s="91"/>
      <c r="HT3811" s="91"/>
      <c r="HU3811" s="91"/>
      <c r="HV3811" s="91"/>
      <c r="HW3811" s="91"/>
      <c r="HX3811" s="127"/>
      <c r="HY3811" s="126"/>
      <c r="HZ3811" s="91"/>
      <c r="IA3811" s="91"/>
      <c r="IB3811" s="91"/>
      <c r="IC3811" s="91"/>
      <c r="ID3811" s="91"/>
      <c r="IE3811" s="91"/>
      <c r="IF3811" s="91"/>
      <c r="IG3811" s="91"/>
      <c r="IH3811" s="91"/>
      <c r="II3811" s="91"/>
      <c r="IJ3811" s="91"/>
      <c r="IK3811" s="174"/>
    </row>
    <row r="3812" spans="2:245" x14ac:dyDescent="0.2">
      <c r="B3812" s="43"/>
      <c r="C3812" s="73"/>
      <c r="D3812" s="64"/>
      <c r="E3812" s="64"/>
      <c r="F3812" s="55"/>
      <c r="G3812" s="102"/>
      <c r="H3812" s="97"/>
      <c r="T3812" s="98"/>
      <c r="U3812" s="97"/>
      <c r="AG3812" s="98"/>
      <c r="AY3812" s="164"/>
      <c r="BK3812" s="98"/>
      <c r="BL3812" s="97"/>
      <c r="BX3812" s="98"/>
      <c r="CL3812" s="97"/>
      <c r="CX3812" s="98"/>
      <c r="DL3812" s="97"/>
      <c r="DX3812" s="98"/>
      <c r="EL3812" s="97"/>
      <c r="EX3812" s="98"/>
      <c r="EY3812" s="97"/>
      <c r="FL3812" s="126"/>
      <c r="FM3812" s="91"/>
      <c r="FN3812" s="91"/>
      <c r="FO3812" s="91"/>
      <c r="FP3812" s="91"/>
      <c r="FQ3812" s="91"/>
      <c r="FR3812" s="91"/>
      <c r="FS3812" s="91"/>
      <c r="FT3812" s="91"/>
      <c r="FU3812" s="91"/>
      <c r="FV3812" s="91"/>
      <c r="FW3812" s="91"/>
      <c r="FX3812" s="127"/>
      <c r="FY3812" s="126"/>
      <c r="FZ3812" s="91"/>
      <c r="GA3812" s="91"/>
      <c r="GB3812" s="91"/>
      <c r="GC3812" s="91"/>
      <c r="GD3812" s="91"/>
      <c r="GE3812" s="91"/>
      <c r="GF3812" s="91"/>
      <c r="GG3812" s="91"/>
      <c r="GH3812" s="91"/>
      <c r="GI3812" s="91"/>
      <c r="GJ3812" s="91"/>
      <c r="GK3812" s="127"/>
      <c r="GL3812" s="126"/>
      <c r="GM3812" s="91"/>
      <c r="GN3812" s="91"/>
      <c r="GO3812" s="91"/>
      <c r="GP3812" s="91"/>
      <c r="GQ3812" s="91"/>
      <c r="GR3812" s="91"/>
      <c r="GS3812" s="91"/>
      <c r="GT3812" s="91"/>
      <c r="GU3812" s="91"/>
      <c r="GV3812" s="91"/>
      <c r="GW3812" s="91"/>
      <c r="GX3812" s="127"/>
      <c r="GY3812" s="126"/>
      <c r="GZ3812" s="91"/>
      <c r="HA3812" s="91"/>
      <c r="HB3812" s="91"/>
      <c r="HC3812" s="91"/>
      <c r="HD3812" s="91"/>
      <c r="HE3812" s="91"/>
      <c r="HF3812" s="91"/>
      <c r="HG3812" s="91"/>
      <c r="HH3812" s="91"/>
      <c r="HI3812" s="91"/>
      <c r="HJ3812" s="91"/>
      <c r="HK3812" s="127"/>
      <c r="HL3812" s="126"/>
      <c r="HM3812" s="91"/>
      <c r="HN3812" s="91"/>
      <c r="HO3812" s="91"/>
      <c r="HP3812" s="91"/>
      <c r="HQ3812" s="91"/>
      <c r="HR3812" s="91"/>
      <c r="HS3812" s="91"/>
      <c r="HT3812" s="91"/>
      <c r="HU3812" s="91"/>
      <c r="HV3812" s="91"/>
      <c r="HW3812" s="91"/>
      <c r="HX3812" s="127"/>
      <c r="HY3812" s="126"/>
      <c r="HZ3812" s="91"/>
      <c r="IA3812" s="91"/>
      <c r="IB3812" s="91"/>
      <c r="IC3812" s="91"/>
      <c r="ID3812" s="91"/>
      <c r="IE3812" s="91"/>
      <c r="IF3812" s="91"/>
      <c r="IG3812" s="91"/>
      <c r="IH3812" s="91"/>
      <c r="II3812" s="91"/>
      <c r="IJ3812" s="91"/>
      <c r="IK3812" s="174"/>
    </row>
    <row r="3813" spans="2:245" x14ac:dyDescent="0.2">
      <c r="B3813" s="43"/>
      <c r="C3813" s="73"/>
      <c r="D3813" s="64"/>
      <c r="E3813" s="64"/>
      <c r="F3813" s="55"/>
      <c r="G3813" s="102"/>
      <c r="H3813" s="97"/>
      <c r="T3813" s="98"/>
      <c r="U3813" s="97"/>
      <c r="AG3813" s="98"/>
      <c r="AY3813" s="164"/>
      <c r="BK3813" s="98"/>
      <c r="BL3813" s="97"/>
      <c r="BX3813" s="98"/>
      <c r="CL3813" s="97"/>
      <c r="CX3813" s="98"/>
      <c r="DL3813" s="97"/>
      <c r="DX3813" s="98"/>
      <c r="EL3813" s="97"/>
      <c r="EX3813" s="98"/>
      <c r="EY3813" s="97"/>
      <c r="FL3813" s="126"/>
      <c r="FM3813" s="91"/>
      <c r="FN3813" s="91"/>
      <c r="FO3813" s="91"/>
      <c r="FP3813" s="91"/>
      <c r="FQ3813" s="91"/>
      <c r="FR3813" s="91"/>
      <c r="FS3813" s="91"/>
      <c r="FT3813" s="91"/>
      <c r="FU3813" s="91"/>
      <c r="FV3813" s="91"/>
      <c r="FW3813" s="91"/>
      <c r="FX3813" s="127"/>
      <c r="FY3813" s="126"/>
      <c r="FZ3813" s="91"/>
      <c r="GA3813" s="91"/>
      <c r="GB3813" s="91"/>
      <c r="GC3813" s="91"/>
      <c r="GD3813" s="91"/>
      <c r="GE3813" s="91"/>
      <c r="GF3813" s="91"/>
      <c r="GG3813" s="91"/>
      <c r="GH3813" s="91"/>
      <c r="GI3813" s="91"/>
      <c r="GJ3813" s="91"/>
      <c r="GK3813" s="127"/>
      <c r="GL3813" s="126"/>
      <c r="GM3813" s="91"/>
      <c r="GN3813" s="91"/>
      <c r="GO3813" s="91"/>
      <c r="GP3813" s="91"/>
      <c r="GQ3813" s="91"/>
      <c r="GR3813" s="91"/>
      <c r="GS3813" s="91"/>
      <c r="GT3813" s="91"/>
      <c r="GU3813" s="91"/>
      <c r="GV3813" s="91"/>
      <c r="GW3813" s="91"/>
      <c r="GX3813" s="127"/>
      <c r="GY3813" s="126"/>
      <c r="GZ3813" s="91"/>
      <c r="HA3813" s="91"/>
      <c r="HB3813" s="91"/>
      <c r="HC3813" s="91"/>
      <c r="HD3813" s="91"/>
      <c r="HE3813" s="91"/>
      <c r="HF3813" s="91"/>
      <c r="HG3813" s="91"/>
      <c r="HH3813" s="91"/>
      <c r="HI3813" s="91"/>
      <c r="HJ3813" s="91"/>
      <c r="HK3813" s="127"/>
      <c r="HL3813" s="126"/>
      <c r="HM3813" s="91"/>
      <c r="HN3813" s="91"/>
      <c r="HO3813" s="91"/>
      <c r="HP3813" s="91"/>
      <c r="HQ3813" s="91"/>
      <c r="HR3813" s="91"/>
      <c r="HS3813" s="91"/>
      <c r="HT3813" s="91"/>
      <c r="HU3813" s="91"/>
      <c r="HV3813" s="91"/>
      <c r="HW3813" s="91"/>
      <c r="HX3813" s="127"/>
      <c r="HY3813" s="126"/>
      <c r="HZ3813" s="91"/>
      <c r="IA3813" s="91"/>
      <c r="IB3813" s="91"/>
      <c r="IC3813" s="91"/>
      <c r="ID3813" s="91"/>
      <c r="IE3813" s="91"/>
      <c r="IF3813" s="91"/>
      <c r="IG3813" s="91"/>
      <c r="IH3813" s="91"/>
      <c r="II3813" s="91"/>
      <c r="IJ3813" s="91"/>
      <c r="IK3813" s="174"/>
    </row>
    <row r="3814" spans="2:245" x14ac:dyDescent="0.2">
      <c r="B3814" s="43"/>
      <c r="C3814" s="73"/>
      <c r="D3814" s="64"/>
      <c r="E3814" s="64"/>
      <c r="F3814" s="55"/>
      <c r="G3814" s="102"/>
      <c r="H3814" s="97"/>
      <c r="T3814" s="98"/>
      <c r="U3814" s="97"/>
      <c r="AG3814" s="98"/>
      <c r="AY3814" s="164"/>
      <c r="BK3814" s="98"/>
      <c r="BL3814" s="97"/>
      <c r="BX3814" s="98"/>
      <c r="CL3814" s="97"/>
      <c r="CX3814" s="98"/>
      <c r="DL3814" s="97"/>
      <c r="DX3814" s="98"/>
      <c r="EL3814" s="97"/>
      <c r="EX3814" s="98"/>
      <c r="EY3814" s="97"/>
      <c r="FL3814" s="126"/>
      <c r="FM3814" s="91"/>
      <c r="FN3814" s="91"/>
      <c r="FO3814" s="91"/>
      <c r="FP3814" s="91"/>
      <c r="FQ3814" s="91"/>
      <c r="FR3814" s="91"/>
      <c r="FS3814" s="91"/>
      <c r="FT3814" s="91"/>
      <c r="FU3814" s="91"/>
      <c r="FV3814" s="91"/>
      <c r="FW3814" s="91"/>
      <c r="FX3814" s="127"/>
      <c r="FY3814" s="126"/>
      <c r="FZ3814" s="91"/>
      <c r="GA3814" s="91"/>
      <c r="GB3814" s="91"/>
      <c r="GC3814" s="91"/>
      <c r="GD3814" s="91"/>
      <c r="GE3814" s="91"/>
      <c r="GF3814" s="91"/>
      <c r="GG3814" s="91"/>
      <c r="GH3814" s="91"/>
      <c r="GI3814" s="91"/>
      <c r="GJ3814" s="91"/>
      <c r="GK3814" s="127"/>
      <c r="GL3814" s="126"/>
      <c r="GM3814" s="91"/>
      <c r="GN3814" s="91"/>
      <c r="GO3814" s="91"/>
      <c r="GP3814" s="91"/>
      <c r="GQ3814" s="91"/>
      <c r="GR3814" s="91"/>
      <c r="GS3814" s="91"/>
      <c r="GT3814" s="91"/>
      <c r="GU3814" s="91"/>
      <c r="GV3814" s="91"/>
      <c r="GW3814" s="91"/>
      <c r="GX3814" s="127"/>
      <c r="GY3814" s="126"/>
      <c r="GZ3814" s="91"/>
      <c r="HA3814" s="91"/>
      <c r="HB3814" s="91"/>
      <c r="HC3814" s="91"/>
      <c r="HD3814" s="91"/>
      <c r="HE3814" s="91"/>
      <c r="HF3814" s="91"/>
      <c r="HG3814" s="91"/>
      <c r="HH3814" s="91"/>
      <c r="HI3814" s="91"/>
      <c r="HJ3814" s="91"/>
      <c r="HK3814" s="127"/>
      <c r="HL3814" s="126"/>
      <c r="HM3814" s="91"/>
      <c r="HN3814" s="91"/>
      <c r="HO3814" s="91"/>
      <c r="HP3814" s="91"/>
      <c r="HQ3814" s="91"/>
      <c r="HR3814" s="91"/>
      <c r="HS3814" s="91"/>
      <c r="HT3814" s="91"/>
      <c r="HU3814" s="91"/>
      <c r="HV3814" s="91"/>
      <c r="HW3814" s="91"/>
      <c r="HX3814" s="127"/>
      <c r="HY3814" s="126"/>
      <c r="HZ3814" s="91"/>
      <c r="IA3814" s="91"/>
      <c r="IB3814" s="91"/>
      <c r="IC3814" s="91"/>
      <c r="ID3814" s="91"/>
      <c r="IE3814" s="91"/>
      <c r="IF3814" s="91"/>
      <c r="IG3814" s="91"/>
      <c r="IH3814" s="91"/>
      <c r="II3814" s="91"/>
      <c r="IJ3814" s="91"/>
      <c r="IK3814" s="174"/>
    </row>
    <row r="3815" spans="2:245" x14ac:dyDescent="0.2">
      <c r="B3815" s="43"/>
      <c r="C3815" s="73"/>
      <c r="D3815" s="64"/>
      <c r="E3815" s="64"/>
      <c r="F3815" s="55"/>
      <c r="G3815" s="102"/>
      <c r="H3815" s="97"/>
      <c r="T3815" s="98"/>
      <c r="U3815" s="97"/>
      <c r="AG3815" s="98"/>
      <c r="AY3815" s="164"/>
      <c r="BK3815" s="98"/>
      <c r="BL3815" s="97"/>
      <c r="BX3815" s="98"/>
      <c r="CL3815" s="97"/>
      <c r="CX3815" s="98"/>
      <c r="DL3815" s="97"/>
      <c r="DX3815" s="98"/>
      <c r="EL3815" s="97"/>
      <c r="EX3815" s="98"/>
      <c r="EY3815" s="97"/>
      <c r="FL3815" s="126"/>
      <c r="FM3815" s="91"/>
      <c r="FN3815" s="91"/>
      <c r="FO3815" s="91"/>
      <c r="FP3815" s="91"/>
      <c r="FQ3815" s="91"/>
      <c r="FR3815" s="91"/>
      <c r="FS3815" s="91"/>
      <c r="FT3815" s="91"/>
      <c r="FU3815" s="91"/>
      <c r="FV3815" s="91"/>
      <c r="FW3815" s="91"/>
      <c r="FX3815" s="127"/>
      <c r="FY3815" s="126"/>
      <c r="FZ3815" s="91"/>
      <c r="GA3815" s="91"/>
      <c r="GB3815" s="91"/>
      <c r="GC3815" s="91"/>
      <c r="GD3815" s="91"/>
      <c r="GE3815" s="91"/>
      <c r="GF3815" s="91"/>
      <c r="GG3815" s="91"/>
      <c r="GH3815" s="91"/>
      <c r="GI3815" s="91"/>
      <c r="GJ3815" s="91"/>
      <c r="GK3815" s="127"/>
      <c r="GL3815" s="126"/>
      <c r="GM3815" s="91"/>
      <c r="GN3815" s="91"/>
      <c r="GO3815" s="91"/>
      <c r="GP3815" s="91"/>
      <c r="GQ3815" s="91"/>
      <c r="GR3815" s="91"/>
      <c r="GS3815" s="91"/>
      <c r="GT3815" s="91"/>
      <c r="GU3815" s="91"/>
      <c r="GV3815" s="91"/>
      <c r="GW3815" s="91"/>
      <c r="GX3815" s="127"/>
      <c r="GY3815" s="126"/>
      <c r="GZ3815" s="91"/>
      <c r="HA3815" s="91"/>
      <c r="HB3815" s="91"/>
      <c r="HC3815" s="91"/>
      <c r="HD3815" s="91"/>
      <c r="HE3815" s="91"/>
      <c r="HF3815" s="91"/>
      <c r="HG3815" s="91"/>
      <c r="HH3815" s="91"/>
      <c r="HI3815" s="91"/>
      <c r="HJ3815" s="91"/>
      <c r="HK3815" s="127"/>
      <c r="HL3815" s="126"/>
      <c r="HM3815" s="91"/>
      <c r="HN3815" s="91"/>
      <c r="HO3815" s="91"/>
      <c r="HP3815" s="91"/>
      <c r="HQ3815" s="91"/>
      <c r="HR3815" s="91"/>
      <c r="HS3815" s="91"/>
      <c r="HT3815" s="91"/>
      <c r="HU3815" s="91"/>
      <c r="HV3815" s="91"/>
      <c r="HW3815" s="91"/>
      <c r="HX3815" s="127"/>
      <c r="HY3815" s="126"/>
      <c r="HZ3815" s="91"/>
      <c r="IA3815" s="91"/>
      <c r="IB3815" s="91"/>
      <c r="IC3815" s="91"/>
      <c r="ID3815" s="91"/>
      <c r="IE3815" s="91"/>
      <c r="IF3815" s="91"/>
      <c r="IG3815" s="91"/>
      <c r="IH3815" s="91"/>
      <c r="II3815" s="91"/>
      <c r="IJ3815" s="91"/>
      <c r="IK3815" s="174"/>
    </row>
    <row r="3816" spans="2:245" x14ac:dyDescent="0.2">
      <c r="B3816" s="43"/>
      <c r="C3816" s="73"/>
      <c r="D3816" s="64"/>
      <c r="E3816" s="64"/>
      <c r="F3816" s="55"/>
      <c r="G3816" s="102"/>
      <c r="H3816" s="97"/>
      <c r="T3816" s="98"/>
      <c r="U3816" s="97"/>
      <c r="AG3816" s="98"/>
      <c r="AY3816" s="164"/>
      <c r="BK3816" s="98"/>
      <c r="BL3816" s="97"/>
      <c r="BX3816" s="98"/>
      <c r="CL3816" s="97"/>
      <c r="CX3816" s="98"/>
      <c r="DL3816" s="97"/>
      <c r="DX3816" s="98"/>
      <c r="EL3816" s="97"/>
      <c r="EX3816" s="98"/>
      <c r="EY3816" s="97"/>
      <c r="FL3816" s="126"/>
      <c r="FM3816" s="91"/>
      <c r="FN3816" s="91"/>
      <c r="FO3816" s="91"/>
      <c r="FP3816" s="91"/>
      <c r="FQ3816" s="91"/>
      <c r="FR3816" s="91"/>
      <c r="FS3816" s="91"/>
      <c r="FT3816" s="91"/>
      <c r="FU3816" s="91"/>
      <c r="FV3816" s="91"/>
      <c r="FW3816" s="91"/>
      <c r="FX3816" s="127"/>
      <c r="FY3816" s="126"/>
      <c r="FZ3816" s="91"/>
      <c r="GA3816" s="91"/>
      <c r="GB3816" s="91"/>
      <c r="GC3816" s="91"/>
      <c r="GD3816" s="91"/>
      <c r="GE3816" s="91"/>
      <c r="GF3816" s="91"/>
      <c r="GG3816" s="91"/>
      <c r="GH3816" s="91"/>
      <c r="GI3816" s="91"/>
      <c r="GJ3816" s="91"/>
      <c r="GK3816" s="127"/>
      <c r="GL3816" s="126"/>
      <c r="GM3816" s="91"/>
      <c r="GN3816" s="91"/>
      <c r="GO3816" s="91"/>
      <c r="GP3816" s="91"/>
      <c r="GQ3816" s="91"/>
      <c r="GR3816" s="91"/>
      <c r="GS3816" s="91"/>
      <c r="GT3816" s="91"/>
      <c r="GU3816" s="91"/>
      <c r="GV3816" s="91"/>
      <c r="GW3816" s="91"/>
      <c r="GX3816" s="127"/>
      <c r="GY3816" s="126"/>
      <c r="GZ3816" s="91"/>
      <c r="HA3816" s="91"/>
      <c r="HB3816" s="91"/>
      <c r="HC3816" s="91"/>
      <c r="HD3816" s="91"/>
      <c r="HE3816" s="91"/>
      <c r="HF3816" s="91"/>
      <c r="HG3816" s="91"/>
      <c r="HH3816" s="91"/>
      <c r="HI3816" s="91"/>
      <c r="HJ3816" s="91"/>
      <c r="HK3816" s="127"/>
      <c r="HL3816" s="126"/>
      <c r="HM3816" s="91"/>
      <c r="HN3816" s="91"/>
      <c r="HO3816" s="91"/>
      <c r="HP3816" s="91"/>
      <c r="HQ3816" s="91"/>
      <c r="HR3816" s="91"/>
      <c r="HS3816" s="91"/>
      <c r="HT3816" s="91"/>
      <c r="HU3816" s="91"/>
      <c r="HV3816" s="91"/>
      <c r="HW3816" s="91"/>
      <c r="HX3816" s="127"/>
      <c r="HY3816" s="126"/>
      <c r="HZ3816" s="91"/>
      <c r="IA3816" s="91"/>
      <c r="IB3816" s="91"/>
      <c r="IC3816" s="91"/>
      <c r="ID3816" s="91"/>
      <c r="IE3816" s="91"/>
      <c r="IF3816" s="91"/>
      <c r="IG3816" s="91"/>
      <c r="IH3816" s="91"/>
      <c r="II3816" s="91"/>
      <c r="IJ3816" s="91"/>
      <c r="IK3816" s="174"/>
    </row>
    <row r="3817" spans="2:245" x14ac:dyDescent="0.2">
      <c r="B3817" s="43"/>
      <c r="C3817" s="73"/>
      <c r="D3817" s="64"/>
      <c r="E3817" s="64"/>
      <c r="F3817" s="55"/>
      <c r="G3817" s="102"/>
      <c r="H3817" s="97"/>
      <c r="T3817" s="98"/>
      <c r="U3817" s="97"/>
      <c r="AG3817" s="98"/>
      <c r="AY3817" s="164"/>
      <c r="BK3817" s="98"/>
      <c r="BL3817" s="97"/>
      <c r="BX3817" s="98"/>
      <c r="CL3817" s="97"/>
      <c r="CX3817" s="98"/>
      <c r="DL3817" s="97"/>
      <c r="DX3817" s="98"/>
      <c r="EL3817" s="97"/>
      <c r="EX3817" s="98"/>
      <c r="EY3817" s="97"/>
      <c r="FL3817" s="126"/>
      <c r="FM3817" s="91"/>
      <c r="FN3817" s="91"/>
      <c r="FO3817" s="91"/>
      <c r="FP3817" s="91"/>
      <c r="FQ3817" s="91"/>
      <c r="FR3817" s="91"/>
      <c r="FS3817" s="91"/>
      <c r="FT3817" s="91"/>
      <c r="FU3817" s="91"/>
      <c r="FV3817" s="91"/>
      <c r="FW3817" s="91"/>
      <c r="FX3817" s="127"/>
      <c r="FY3817" s="126"/>
      <c r="FZ3817" s="91"/>
      <c r="GA3817" s="91"/>
      <c r="GB3817" s="91"/>
      <c r="GC3817" s="91"/>
      <c r="GD3817" s="91"/>
      <c r="GE3817" s="91"/>
      <c r="GF3817" s="91"/>
      <c r="GG3817" s="91"/>
      <c r="GH3817" s="91"/>
      <c r="GI3817" s="91"/>
      <c r="GJ3817" s="91"/>
      <c r="GK3817" s="127"/>
      <c r="GL3817" s="126"/>
      <c r="GM3817" s="91"/>
      <c r="GN3817" s="91"/>
      <c r="GO3817" s="91"/>
      <c r="GP3817" s="91"/>
      <c r="GQ3817" s="91"/>
      <c r="GR3817" s="91"/>
      <c r="GS3817" s="91"/>
      <c r="GT3817" s="91"/>
      <c r="GU3817" s="91"/>
      <c r="GV3817" s="91"/>
      <c r="GW3817" s="91"/>
      <c r="GX3817" s="127"/>
      <c r="GY3817" s="126"/>
      <c r="GZ3817" s="91"/>
      <c r="HA3817" s="91"/>
      <c r="HB3817" s="91"/>
      <c r="HC3817" s="91"/>
      <c r="HD3817" s="91"/>
      <c r="HE3817" s="91"/>
      <c r="HF3817" s="91"/>
      <c r="HG3817" s="91"/>
      <c r="HH3817" s="91"/>
      <c r="HI3817" s="91"/>
      <c r="HJ3817" s="91"/>
      <c r="HK3817" s="127"/>
      <c r="HL3817" s="126"/>
      <c r="HM3817" s="91"/>
      <c r="HN3817" s="91"/>
      <c r="HO3817" s="91"/>
      <c r="HP3817" s="91"/>
      <c r="HQ3817" s="91"/>
      <c r="HR3817" s="91"/>
      <c r="HS3817" s="91"/>
      <c r="HT3817" s="91"/>
      <c r="HU3817" s="91"/>
      <c r="HV3817" s="91"/>
      <c r="HW3817" s="91"/>
      <c r="HX3817" s="127"/>
      <c r="HY3817" s="126"/>
      <c r="HZ3817" s="91"/>
      <c r="IA3817" s="91"/>
      <c r="IB3817" s="91"/>
      <c r="IC3817" s="91"/>
      <c r="ID3817" s="91"/>
      <c r="IE3817" s="91"/>
      <c r="IF3817" s="91"/>
      <c r="IG3817" s="91"/>
      <c r="IH3817" s="91"/>
      <c r="II3817" s="91"/>
      <c r="IJ3817" s="91"/>
      <c r="IK3817" s="174"/>
    </row>
    <row r="3818" spans="2:245" x14ac:dyDescent="0.2">
      <c r="B3818" s="43"/>
      <c r="C3818" s="73"/>
      <c r="D3818" s="64"/>
      <c r="E3818" s="64"/>
      <c r="F3818" s="55"/>
      <c r="G3818" s="102"/>
      <c r="H3818" s="97"/>
      <c r="T3818" s="98"/>
      <c r="U3818" s="97"/>
      <c r="AG3818" s="98"/>
      <c r="AY3818" s="164"/>
      <c r="BK3818" s="98"/>
      <c r="BL3818" s="97"/>
      <c r="BX3818" s="98"/>
      <c r="CL3818" s="97"/>
      <c r="CX3818" s="98"/>
      <c r="DL3818" s="97"/>
      <c r="DX3818" s="98"/>
      <c r="EL3818" s="97"/>
      <c r="EX3818" s="98"/>
      <c r="EY3818" s="97"/>
      <c r="FL3818" s="126"/>
      <c r="FM3818" s="91"/>
      <c r="FN3818" s="91"/>
      <c r="FO3818" s="91"/>
      <c r="FP3818" s="91"/>
      <c r="FQ3818" s="91"/>
      <c r="FR3818" s="91"/>
      <c r="FS3818" s="91"/>
      <c r="FT3818" s="91"/>
      <c r="FU3818" s="91"/>
      <c r="FV3818" s="91"/>
      <c r="FW3818" s="91"/>
      <c r="FX3818" s="127"/>
      <c r="FY3818" s="126"/>
      <c r="FZ3818" s="91"/>
      <c r="GA3818" s="91"/>
      <c r="GB3818" s="91"/>
      <c r="GC3818" s="91"/>
      <c r="GD3818" s="91"/>
      <c r="GE3818" s="91"/>
      <c r="GF3818" s="91"/>
      <c r="GG3818" s="91"/>
      <c r="GH3818" s="91"/>
      <c r="GI3818" s="91"/>
      <c r="GJ3818" s="91"/>
      <c r="GK3818" s="127"/>
      <c r="GL3818" s="126"/>
      <c r="GM3818" s="91"/>
      <c r="GN3818" s="91"/>
      <c r="GO3818" s="91"/>
      <c r="GP3818" s="91"/>
      <c r="GQ3818" s="91"/>
      <c r="GR3818" s="91"/>
      <c r="GS3818" s="91"/>
      <c r="GT3818" s="91"/>
      <c r="GU3818" s="91"/>
      <c r="GV3818" s="91"/>
      <c r="GW3818" s="91"/>
      <c r="GX3818" s="127"/>
      <c r="GY3818" s="126"/>
      <c r="GZ3818" s="91"/>
      <c r="HA3818" s="91"/>
      <c r="HB3818" s="91"/>
      <c r="HC3818" s="91"/>
      <c r="HD3818" s="91"/>
      <c r="HE3818" s="91"/>
      <c r="HF3818" s="91"/>
      <c r="HG3818" s="91"/>
      <c r="HH3818" s="91"/>
      <c r="HI3818" s="91"/>
      <c r="HJ3818" s="91"/>
      <c r="HK3818" s="127"/>
      <c r="HL3818" s="126"/>
      <c r="HM3818" s="91"/>
      <c r="HN3818" s="91"/>
      <c r="HO3818" s="91"/>
      <c r="HP3818" s="91"/>
      <c r="HQ3818" s="91"/>
      <c r="HR3818" s="91"/>
      <c r="HS3818" s="91"/>
      <c r="HT3818" s="91"/>
      <c r="HU3818" s="91"/>
      <c r="HV3818" s="91"/>
      <c r="HW3818" s="91"/>
      <c r="HX3818" s="127"/>
      <c r="HY3818" s="126"/>
      <c r="HZ3818" s="91"/>
      <c r="IA3818" s="91"/>
      <c r="IB3818" s="91"/>
      <c r="IC3818" s="91"/>
      <c r="ID3818" s="91"/>
      <c r="IE3818" s="91"/>
      <c r="IF3818" s="91"/>
      <c r="IG3818" s="91"/>
      <c r="IH3818" s="91"/>
      <c r="II3818" s="91"/>
      <c r="IJ3818" s="91"/>
      <c r="IK3818" s="174"/>
    </row>
    <row r="3819" spans="2:245" x14ac:dyDescent="0.2">
      <c r="B3819" s="43"/>
      <c r="C3819" s="73"/>
      <c r="D3819" s="64"/>
      <c r="E3819" s="64"/>
      <c r="F3819" s="55"/>
      <c r="G3819" s="102"/>
      <c r="H3819" s="97"/>
      <c r="T3819" s="98"/>
      <c r="U3819" s="97"/>
      <c r="AG3819" s="98"/>
      <c r="AY3819" s="164"/>
      <c r="BK3819" s="98"/>
      <c r="BL3819" s="97"/>
      <c r="BX3819" s="98"/>
      <c r="CL3819" s="97"/>
      <c r="CX3819" s="98"/>
      <c r="DL3819" s="97"/>
      <c r="DX3819" s="98"/>
      <c r="EL3819" s="97"/>
      <c r="EX3819" s="98"/>
      <c r="EY3819" s="97"/>
      <c r="FL3819" s="126"/>
      <c r="FM3819" s="91"/>
      <c r="FN3819" s="91"/>
      <c r="FO3819" s="91"/>
      <c r="FP3819" s="91"/>
      <c r="FQ3819" s="91"/>
      <c r="FR3819" s="91"/>
      <c r="FS3819" s="91"/>
      <c r="FT3819" s="91"/>
      <c r="FU3819" s="91"/>
      <c r="FV3819" s="91"/>
      <c r="FW3819" s="91"/>
      <c r="FX3819" s="127"/>
      <c r="FY3819" s="126"/>
      <c r="FZ3819" s="91"/>
      <c r="GA3819" s="91"/>
      <c r="GB3819" s="91"/>
      <c r="GC3819" s="91"/>
      <c r="GD3819" s="91"/>
      <c r="GE3819" s="91"/>
      <c r="GF3819" s="91"/>
      <c r="GG3819" s="91"/>
      <c r="GH3819" s="91"/>
      <c r="GI3819" s="91"/>
      <c r="GJ3819" s="91"/>
      <c r="GK3819" s="127"/>
      <c r="GL3819" s="126"/>
      <c r="GM3819" s="91"/>
      <c r="GN3819" s="91"/>
      <c r="GO3819" s="91"/>
      <c r="GP3819" s="91"/>
      <c r="GQ3819" s="91"/>
      <c r="GR3819" s="91"/>
      <c r="GS3819" s="91"/>
      <c r="GT3819" s="91"/>
      <c r="GU3819" s="91"/>
      <c r="GV3819" s="91"/>
      <c r="GW3819" s="91"/>
      <c r="GX3819" s="127"/>
      <c r="GY3819" s="126"/>
      <c r="GZ3819" s="91"/>
      <c r="HA3819" s="91"/>
      <c r="HB3819" s="91"/>
      <c r="HC3819" s="91"/>
      <c r="HD3819" s="91"/>
      <c r="HE3819" s="91"/>
      <c r="HF3819" s="91"/>
      <c r="HG3819" s="91"/>
      <c r="HH3819" s="91"/>
      <c r="HI3819" s="91"/>
      <c r="HJ3819" s="91"/>
      <c r="HK3819" s="127"/>
      <c r="HL3819" s="126"/>
      <c r="HM3819" s="91"/>
      <c r="HN3819" s="91"/>
      <c r="HO3819" s="91"/>
      <c r="HP3819" s="91"/>
      <c r="HQ3819" s="91"/>
      <c r="HR3819" s="91"/>
      <c r="HS3819" s="91"/>
      <c r="HT3819" s="91"/>
      <c r="HU3819" s="91"/>
      <c r="HV3819" s="91"/>
      <c r="HW3819" s="91"/>
      <c r="HX3819" s="127"/>
      <c r="HY3819" s="126"/>
      <c r="HZ3819" s="91"/>
      <c r="IA3819" s="91"/>
      <c r="IB3819" s="91"/>
      <c r="IC3819" s="91"/>
      <c r="ID3819" s="91"/>
      <c r="IE3819" s="91"/>
      <c r="IF3819" s="91"/>
      <c r="IG3819" s="91"/>
      <c r="IH3819" s="91"/>
      <c r="II3819" s="91"/>
      <c r="IJ3819" s="91"/>
      <c r="IK3819" s="174"/>
    </row>
    <row r="3820" spans="2:245" x14ac:dyDescent="0.2">
      <c r="B3820" s="43"/>
      <c r="C3820" s="73"/>
      <c r="D3820" s="64"/>
      <c r="E3820" s="64"/>
      <c r="F3820" s="55"/>
      <c r="G3820" s="102"/>
      <c r="H3820" s="97"/>
      <c r="T3820" s="98"/>
      <c r="U3820" s="97"/>
      <c r="AG3820" s="98"/>
      <c r="AY3820" s="164"/>
      <c r="BK3820" s="98"/>
      <c r="BL3820" s="97"/>
      <c r="BX3820" s="98"/>
      <c r="CL3820" s="97"/>
      <c r="CX3820" s="98"/>
      <c r="DL3820" s="97"/>
      <c r="DX3820" s="98"/>
      <c r="EL3820" s="97"/>
      <c r="EX3820" s="98"/>
      <c r="EY3820" s="97"/>
      <c r="FL3820" s="126"/>
      <c r="FM3820" s="91"/>
      <c r="FN3820" s="91"/>
      <c r="FO3820" s="91"/>
      <c r="FP3820" s="91"/>
      <c r="FQ3820" s="91"/>
      <c r="FR3820" s="91"/>
      <c r="FS3820" s="91"/>
      <c r="FT3820" s="91"/>
      <c r="FU3820" s="91"/>
      <c r="FV3820" s="91"/>
      <c r="FW3820" s="91"/>
      <c r="FX3820" s="127"/>
      <c r="FY3820" s="126"/>
      <c r="FZ3820" s="91"/>
      <c r="GA3820" s="91"/>
      <c r="GB3820" s="91"/>
      <c r="GC3820" s="91"/>
      <c r="GD3820" s="91"/>
      <c r="GE3820" s="91"/>
      <c r="GF3820" s="91"/>
      <c r="GG3820" s="91"/>
      <c r="GH3820" s="91"/>
      <c r="GI3820" s="91"/>
      <c r="GJ3820" s="91"/>
      <c r="GK3820" s="127"/>
      <c r="GL3820" s="126"/>
      <c r="GM3820" s="91"/>
      <c r="GN3820" s="91"/>
      <c r="GO3820" s="91"/>
      <c r="GP3820" s="91"/>
      <c r="GQ3820" s="91"/>
      <c r="GR3820" s="91"/>
      <c r="GS3820" s="91"/>
      <c r="GT3820" s="91"/>
      <c r="GU3820" s="91"/>
      <c r="GV3820" s="91"/>
      <c r="GW3820" s="91"/>
      <c r="GX3820" s="127"/>
      <c r="GY3820" s="126"/>
      <c r="GZ3820" s="91"/>
      <c r="HA3820" s="91"/>
      <c r="HB3820" s="91"/>
      <c r="HC3820" s="91"/>
      <c r="HD3820" s="91"/>
      <c r="HE3820" s="91"/>
      <c r="HF3820" s="91"/>
      <c r="HG3820" s="91"/>
      <c r="HH3820" s="91"/>
      <c r="HI3820" s="91"/>
      <c r="HJ3820" s="91"/>
      <c r="HK3820" s="127"/>
      <c r="HL3820" s="126"/>
      <c r="HM3820" s="91"/>
      <c r="HN3820" s="91"/>
      <c r="HO3820" s="91"/>
      <c r="HP3820" s="91"/>
      <c r="HQ3820" s="91"/>
      <c r="HR3820" s="91"/>
      <c r="HS3820" s="91"/>
      <c r="HT3820" s="91"/>
      <c r="HU3820" s="91"/>
      <c r="HV3820" s="91"/>
      <c r="HW3820" s="91"/>
      <c r="HX3820" s="127"/>
      <c r="HY3820" s="126"/>
      <c r="HZ3820" s="91"/>
      <c r="IA3820" s="91"/>
      <c r="IB3820" s="91"/>
      <c r="IC3820" s="91"/>
      <c r="ID3820" s="91"/>
      <c r="IE3820" s="91"/>
      <c r="IF3820" s="91"/>
      <c r="IG3820" s="91"/>
      <c r="IH3820" s="91"/>
      <c r="II3820" s="91"/>
      <c r="IJ3820" s="91"/>
      <c r="IK3820" s="174"/>
    </row>
    <row r="3821" spans="2:245" x14ac:dyDescent="0.2">
      <c r="B3821" s="43"/>
      <c r="C3821" s="73"/>
      <c r="D3821" s="64"/>
      <c r="E3821" s="64"/>
      <c r="F3821" s="55"/>
      <c r="G3821" s="102"/>
      <c r="H3821" s="97"/>
      <c r="T3821" s="98"/>
      <c r="U3821" s="97"/>
      <c r="AG3821" s="98"/>
      <c r="AY3821" s="164"/>
      <c r="BK3821" s="98"/>
      <c r="BL3821" s="97"/>
      <c r="BX3821" s="98"/>
      <c r="CL3821" s="97"/>
      <c r="CX3821" s="98"/>
      <c r="DL3821" s="97"/>
      <c r="DX3821" s="98"/>
      <c r="EL3821" s="97"/>
      <c r="EX3821" s="98"/>
      <c r="EY3821" s="97"/>
      <c r="FL3821" s="126"/>
      <c r="FM3821" s="91"/>
      <c r="FN3821" s="91"/>
      <c r="FO3821" s="91"/>
      <c r="FP3821" s="91"/>
      <c r="FQ3821" s="91"/>
      <c r="FR3821" s="91"/>
      <c r="FS3821" s="91"/>
      <c r="FT3821" s="91"/>
      <c r="FU3821" s="91"/>
      <c r="FV3821" s="91"/>
      <c r="FW3821" s="91"/>
      <c r="FX3821" s="127"/>
      <c r="FY3821" s="126"/>
      <c r="FZ3821" s="91"/>
      <c r="GA3821" s="91"/>
      <c r="GB3821" s="91"/>
      <c r="GC3821" s="91"/>
      <c r="GD3821" s="91"/>
      <c r="GE3821" s="91"/>
      <c r="GF3821" s="91"/>
      <c r="GG3821" s="91"/>
      <c r="GH3821" s="91"/>
      <c r="GI3821" s="91"/>
      <c r="GJ3821" s="91"/>
      <c r="GK3821" s="127"/>
      <c r="GL3821" s="126"/>
      <c r="GM3821" s="91"/>
      <c r="GN3821" s="91"/>
      <c r="GO3821" s="91"/>
      <c r="GP3821" s="91"/>
      <c r="GQ3821" s="91"/>
      <c r="GR3821" s="91"/>
      <c r="GS3821" s="91"/>
      <c r="GT3821" s="91"/>
      <c r="GU3821" s="91"/>
      <c r="GV3821" s="91"/>
      <c r="GW3821" s="91"/>
      <c r="GX3821" s="127"/>
      <c r="GY3821" s="126"/>
      <c r="GZ3821" s="91"/>
      <c r="HA3821" s="91"/>
      <c r="HB3821" s="91"/>
      <c r="HC3821" s="91"/>
      <c r="HD3821" s="91"/>
      <c r="HE3821" s="91"/>
      <c r="HF3821" s="91"/>
      <c r="HG3821" s="91"/>
      <c r="HH3821" s="91"/>
      <c r="HI3821" s="91"/>
      <c r="HJ3821" s="91"/>
      <c r="HK3821" s="127"/>
      <c r="HL3821" s="126"/>
      <c r="HM3821" s="91"/>
      <c r="HN3821" s="91"/>
      <c r="HO3821" s="91"/>
      <c r="HP3821" s="91"/>
      <c r="HQ3821" s="91"/>
      <c r="HR3821" s="91"/>
      <c r="HS3821" s="91"/>
      <c r="HT3821" s="91"/>
      <c r="HU3821" s="91"/>
      <c r="HV3821" s="91"/>
      <c r="HW3821" s="91"/>
      <c r="HX3821" s="127"/>
      <c r="HY3821" s="126"/>
      <c r="HZ3821" s="91"/>
      <c r="IA3821" s="91"/>
      <c r="IB3821" s="91"/>
      <c r="IC3821" s="91"/>
      <c r="ID3821" s="91"/>
      <c r="IE3821" s="91"/>
      <c r="IF3821" s="91"/>
      <c r="IG3821" s="91"/>
      <c r="IH3821" s="91"/>
      <c r="II3821" s="91"/>
      <c r="IJ3821" s="91"/>
      <c r="IK3821" s="174"/>
    </row>
    <row r="3822" spans="2:245" x14ac:dyDescent="0.2">
      <c r="B3822" s="43"/>
      <c r="C3822" s="73"/>
      <c r="D3822" s="64"/>
      <c r="E3822" s="64"/>
      <c r="F3822" s="55"/>
      <c r="G3822" s="102"/>
      <c r="H3822" s="97"/>
      <c r="T3822" s="98"/>
      <c r="U3822" s="97"/>
      <c r="AG3822" s="98"/>
      <c r="AY3822" s="164"/>
      <c r="BK3822" s="98"/>
      <c r="BL3822" s="97"/>
      <c r="BX3822" s="98"/>
      <c r="CL3822" s="97"/>
      <c r="CX3822" s="98"/>
      <c r="DL3822" s="97"/>
      <c r="DX3822" s="98"/>
      <c r="EL3822" s="97"/>
      <c r="EX3822" s="98"/>
      <c r="EY3822" s="97"/>
      <c r="FL3822" s="126"/>
      <c r="FM3822" s="91"/>
      <c r="FN3822" s="91"/>
      <c r="FO3822" s="91"/>
      <c r="FP3822" s="91"/>
      <c r="FQ3822" s="91"/>
      <c r="FR3822" s="91"/>
      <c r="FS3822" s="91"/>
      <c r="FT3822" s="91"/>
      <c r="FU3822" s="91"/>
      <c r="FV3822" s="91"/>
      <c r="FW3822" s="91"/>
      <c r="FX3822" s="127"/>
      <c r="FY3822" s="126"/>
      <c r="FZ3822" s="91"/>
      <c r="GA3822" s="91"/>
      <c r="GB3822" s="91"/>
      <c r="GC3822" s="91"/>
      <c r="GD3822" s="91"/>
      <c r="GE3822" s="91"/>
      <c r="GF3822" s="91"/>
      <c r="GG3822" s="91"/>
      <c r="GH3822" s="91"/>
      <c r="GI3822" s="91"/>
      <c r="GJ3822" s="91"/>
      <c r="GK3822" s="127"/>
      <c r="GL3822" s="126"/>
      <c r="GM3822" s="91"/>
      <c r="GN3822" s="91"/>
      <c r="GO3822" s="91"/>
      <c r="GP3822" s="91"/>
      <c r="GQ3822" s="91"/>
      <c r="GR3822" s="91"/>
      <c r="GS3822" s="91"/>
      <c r="GT3822" s="91"/>
      <c r="GU3822" s="91"/>
      <c r="GV3822" s="91"/>
      <c r="GW3822" s="91"/>
      <c r="GX3822" s="127"/>
      <c r="GY3822" s="126"/>
      <c r="GZ3822" s="91"/>
      <c r="HA3822" s="91"/>
      <c r="HB3822" s="91"/>
      <c r="HC3822" s="91"/>
      <c r="HD3822" s="91"/>
      <c r="HE3822" s="91"/>
      <c r="HF3822" s="91"/>
      <c r="HG3822" s="91"/>
      <c r="HH3822" s="91"/>
      <c r="HI3822" s="91"/>
      <c r="HJ3822" s="91"/>
      <c r="HK3822" s="127"/>
      <c r="HL3822" s="126"/>
      <c r="HM3822" s="91"/>
      <c r="HN3822" s="91"/>
      <c r="HO3822" s="91"/>
      <c r="HP3822" s="91"/>
      <c r="HQ3822" s="91"/>
      <c r="HR3822" s="91"/>
      <c r="HS3822" s="91"/>
      <c r="HT3822" s="91"/>
      <c r="HU3822" s="91"/>
      <c r="HV3822" s="91"/>
      <c r="HW3822" s="91"/>
      <c r="HX3822" s="127"/>
      <c r="HY3822" s="126"/>
      <c r="HZ3822" s="91"/>
      <c r="IA3822" s="91"/>
      <c r="IB3822" s="91"/>
      <c r="IC3822" s="91"/>
      <c r="ID3822" s="91"/>
      <c r="IE3822" s="91"/>
      <c r="IF3822" s="91"/>
      <c r="IG3822" s="91"/>
      <c r="IH3822" s="91"/>
      <c r="II3822" s="91"/>
      <c r="IJ3822" s="91"/>
      <c r="IK3822" s="174"/>
    </row>
    <row r="3823" spans="2:245" x14ac:dyDescent="0.2">
      <c r="B3823" s="43"/>
      <c r="C3823" s="73"/>
      <c r="D3823" s="64"/>
      <c r="E3823" s="64"/>
      <c r="F3823" s="55"/>
      <c r="G3823" s="102"/>
      <c r="H3823" s="97"/>
      <c r="T3823" s="98"/>
      <c r="U3823" s="97"/>
      <c r="AG3823" s="98"/>
      <c r="AY3823" s="164"/>
      <c r="BK3823" s="98"/>
      <c r="BL3823" s="97"/>
      <c r="BX3823" s="98"/>
      <c r="CL3823" s="97"/>
      <c r="CX3823" s="98"/>
      <c r="DL3823" s="97"/>
      <c r="DX3823" s="98"/>
      <c r="EL3823" s="97"/>
      <c r="EX3823" s="98"/>
      <c r="EY3823" s="97"/>
      <c r="FL3823" s="126"/>
      <c r="FM3823" s="91"/>
      <c r="FN3823" s="91"/>
      <c r="FO3823" s="91"/>
      <c r="FP3823" s="91"/>
      <c r="FQ3823" s="91"/>
      <c r="FR3823" s="91"/>
      <c r="FS3823" s="91"/>
      <c r="FT3823" s="91"/>
      <c r="FU3823" s="91"/>
      <c r="FV3823" s="91"/>
      <c r="FW3823" s="91"/>
      <c r="FX3823" s="127"/>
      <c r="FY3823" s="126"/>
      <c r="FZ3823" s="91"/>
      <c r="GA3823" s="91"/>
      <c r="GB3823" s="91"/>
      <c r="GC3823" s="91"/>
      <c r="GD3823" s="91"/>
      <c r="GE3823" s="91"/>
      <c r="GF3823" s="91"/>
      <c r="GG3823" s="91"/>
      <c r="GH3823" s="91"/>
      <c r="GI3823" s="91"/>
      <c r="GJ3823" s="91"/>
      <c r="GK3823" s="127"/>
      <c r="GL3823" s="126"/>
      <c r="GM3823" s="91"/>
      <c r="GN3823" s="91"/>
      <c r="GO3823" s="91"/>
      <c r="GP3823" s="91"/>
      <c r="GQ3823" s="91"/>
      <c r="GR3823" s="91"/>
      <c r="GS3823" s="91"/>
      <c r="GT3823" s="91"/>
      <c r="GU3823" s="91"/>
      <c r="GV3823" s="91"/>
      <c r="GW3823" s="91"/>
      <c r="GX3823" s="127"/>
      <c r="GY3823" s="126"/>
      <c r="GZ3823" s="91"/>
      <c r="HA3823" s="91"/>
      <c r="HB3823" s="91"/>
      <c r="HC3823" s="91"/>
      <c r="HD3823" s="91"/>
      <c r="HE3823" s="91"/>
      <c r="HF3823" s="91"/>
      <c r="HG3823" s="91"/>
      <c r="HH3823" s="91"/>
      <c r="HI3823" s="91"/>
      <c r="HJ3823" s="91"/>
      <c r="HK3823" s="127"/>
      <c r="HL3823" s="126"/>
      <c r="HM3823" s="91"/>
      <c r="HN3823" s="91"/>
      <c r="HO3823" s="91"/>
      <c r="HP3823" s="91"/>
      <c r="HQ3823" s="91"/>
      <c r="HR3823" s="91"/>
      <c r="HS3823" s="91"/>
      <c r="HT3823" s="91"/>
      <c r="HU3823" s="91"/>
      <c r="HV3823" s="91"/>
      <c r="HW3823" s="91"/>
      <c r="HX3823" s="127"/>
      <c r="HY3823" s="126"/>
      <c r="HZ3823" s="91"/>
      <c r="IA3823" s="91"/>
      <c r="IB3823" s="91"/>
      <c r="IC3823" s="91"/>
      <c r="ID3823" s="91"/>
      <c r="IE3823" s="91"/>
      <c r="IF3823" s="91"/>
      <c r="IG3823" s="91"/>
      <c r="IH3823" s="91"/>
      <c r="II3823" s="91"/>
      <c r="IJ3823" s="91"/>
      <c r="IK3823" s="174"/>
    </row>
    <row r="3824" spans="2:245" x14ac:dyDescent="0.2">
      <c r="B3824" s="43"/>
      <c r="C3824" s="73"/>
      <c r="D3824" s="64"/>
      <c r="E3824" s="64"/>
      <c r="F3824" s="55"/>
      <c r="G3824" s="102"/>
      <c r="H3824" s="97"/>
      <c r="T3824" s="98"/>
      <c r="U3824" s="97"/>
      <c r="AG3824" s="98"/>
      <c r="AY3824" s="164"/>
      <c r="BK3824" s="98"/>
      <c r="BL3824" s="97"/>
      <c r="BX3824" s="98"/>
      <c r="CL3824" s="97"/>
      <c r="CX3824" s="98"/>
      <c r="DL3824" s="97"/>
      <c r="DX3824" s="98"/>
      <c r="EL3824" s="97"/>
      <c r="EX3824" s="98"/>
      <c r="EY3824" s="97"/>
      <c r="FL3824" s="126"/>
      <c r="FM3824" s="91"/>
      <c r="FN3824" s="91"/>
      <c r="FO3824" s="91"/>
      <c r="FP3824" s="91"/>
      <c r="FQ3824" s="91"/>
      <c r="FR3824" s="91"/>
      <c r="FS3824" s="91"/>
      <c r="FT3824" s="91"/>
      <c r="FU3824" s="91"/>
      <c r="FV3824" s="91"/>
      <c r="FW3824" s="91"/>
      <c r="FX3824" s="127"/>
      <c r="FY3824" s="126"/>
      <c r="FZ3824" s="91"/>
      <c r="GA3824" s="91"/>
      <c r="GB3824" s="91"/>
      <c r="GC3824" s="91"/>
      <c r="GD3824" s="91"/>
      <c r="GE3824" s="91"/>
      <c r="GF3824" s="91"/>
      <c r="GG3824" s="91"/>
      <c r="GH3824" s="91"/>
      <c r="GI3824" s="91"/>
      <c r="GJ3824" s="91"/>
      <c r="GK3824" s="127"/>
      <c r="GL3824" s="126"/>
      <c r="GM3824" s="91"/>
      <c r="GN3824" s="91"/>
      <c r="GO3824" s="91"/>
      <c r="GP3824" s="91"/>
      <c r="GQ3824" s="91"/>
      <c r="GR3824" s="91"/>
      <c r="GS3824" s="91"/>
      <c r="GT3824" s="91"/>
      <c r="GU3824" s="91"/>
      <c r="GV3824" s="91"/>
      <c r="GW3824" s="91"/>
      <c r="GX3824" s="127"/>
      <c r="GY3824" s="126"/>
      <c r="GZ3824" s="91"/>
      <c r="HA3824" s="91"/>
      <c r="HB3824" s="91"/>
      <c r="HC3824" s="91"/>
      <c r="HD3824" s="91"/>
      <c r="HE3824" s="91"/>
      <c r="HF3824" s="91"/>
      <c r="HG3824" s="91"/>
      <c r="HH3824" s="91"/>
      <c r="HI3824" s="91"/>
      <c r="HJ3824" s="91"/>
      <c r="HK3824" s="127"/>
      <c r="HL3824" s="126"/>
      <c r="HM3824" s="91"/>
      <c r="HN3824" s="91"/>
      <c r="HO3824" s="91"/>
      <c r="HP3824" s="91"/>
      <c r="HQ3824" s="91"/>
      <c r="HR3824" s="91"/>
      <c r="HS3824" s="91"/>
      <c r="HT3824" s="91"/>
      <c r="HU3824" s="91"/>
      <c r="HV3824" s="91"/>
      <c r="HW3824" s="91"/>
      <c r="HX3824" s="127"/>
      <c r="HY3824" s="126"/>
      <c r="HZ3824" s="91"/>
      <c r="IA3824" s="91"/>
      <c r="IB3824" s="91"/>
      <c r="IC3824" s="91"/>
      <c r="ID3824" s="91"/>
      <c r="IE3824" s="91"/>
      <c r="IF3824" s="91"/>
      <c r="IG3824" s="91"/>
      <c r="IH3824" s="91"/>
      <c r="II3824" s="91"/>
      <c r="IJ3824" s="91"/>
      <c r="IK3824" s="174"/>
    </row>
    <row r="3825" spans="2:245" x14ac:dyDescent="0.2">
      <c r="B3825" s="43"/>
      <c r="C3825" s="73"/>
      <c r="D3825" s="64"/>
      <c r="E3825" s="64"/>
      <c r="F3825" s="55"/>
      <c r="G3825" s="102"/>
      <c r="H3825" s="97"/>
      <c r="T3825" s="98"/>
      <c r="U3825" s="97"/>
      <c r="AG3825" s="98"/>
      <c r="AY3825" s="164"/>
      <c r="BK3825" s="98"/>
      <c r="BL3825" s="97"/>
      <c r="BX3825" s="98"/>
      <c r="CL3825" s="97"/>
      <c r="CX3825" s="98"/>
      <c r="DL3825" s="97"/>
      <c r="DX3825" s="98"/>
      <c r="EL3825" s="97"/>
      <c r="EX3825" s="98"/>
      <c r="EY3825" s="97"/>
      <c r="FL3825" s="126"/>
      <c r="FM3825" s="91"/>
      <c r="FN3825" s="91"/>
      <c r="FO3825" s="91"/>
      <c r="FP3825" s="91"/>
      <c r="FQ3825" s="91"/>
      <c r="FR3825" s="91"/>
      <c r="FS3825" s="91"/>
      <c r="FT3825" s="91"/>
      <c r="FU3825" s="91"/>
      <c r="FV3825" s="91"/>
      <c r="FW3825" s="91"/>
      <c r="FX3825" s="127"/>
      <c r="FY3825" s="126"/>
      <c r="FZ3825" s="91"/>
      <c r="GA3825" s="91"/>
      <c r="GB3825" s="91"/>
      <c r="GC3825" s="91"/>
      <c r="GD3825" s="91"/>
      <c r="GE3825" s="91"/>
      <c r="GF3825" s="91"/>
      <c r="GG3825" s="91"/>
      <c r="GH3825" s="91"/>
      <c r="GI3825" s="91"/>
      <c r="GJ3825" s="91"/>
      <c r="GK3825" s="127"/>
      <c r="GL3825" s="126"/>
      <c r="GM3825" s="91"/>
      <c r="GN3825" s="91"/>
      <c r="GO3825" s="91"/>
      <c r="GP3825" s="91"/>
      <c r="GQ3825" s="91"/>
      <c r="GR3825" s="91"/>
      <c r="GS3825" s="91"/>
      <c r="GT3825" s="91"/>
      <c r="GU3825" s="91"/>
      <c r="GV3825" s="91"/>
      <c r="GW3825" s="91"/>
      <c r="GX3825" s="127"/>
      <c r="GY3825" s="126"/>
      <c r="GZ3825" s="91"/>
      <c r="HA3825" s="91"/>
      <c r="HB3825" s="91"/>
      <c r="HC3825" s="91"/>
      <c r="HD3825" s="91"/>
      <c r="HE3825" s="91"/>
      <c r="HF3825" s="91"/>
      <c r="HG3825" s="91"/>
      <c r="HH3825" s="91"/>
      <c r="HI3825" s="91"/>
      <c r="HJ3825" s="91"/>
      <c r="HK3825" s="127"/>
      <c r="HL3825" s="126"/>
      <c r="HM3825" s="91"/>
      <c r="HN3825" s="91"/>
      <c r="HO3825" s="91"/>
      <c r="HP3825" s="91"/>
      <c r="HQ3825" s="91"/>
      <c r="HR3825" s="91"/>
      <c r="HS3825" s="91"/>
      <c r="HT3825" s="91"/>
      <c r="HU3825" s="91"/>
      <c r="HV3825" s="91"/>
      <c r="HW3825" s="91"/>
      <c r="HX3825" s="127"/>
      <c r="HY3825" s="126"/>
      <c r="HZ3825" s="91"/>
      <c r="IA3825" s="91"/>
      <c r="IB3825" s="91"/>
      <c r="IC3825" s="91"/>
      <c r="ID3825" s="91"/>
      <c r="IE3825" s="91"/>
      <c r="IF3825" s="91"/>
      <c r="IG3825" s="91"/>
      <c r="IH3825" s="91"/>
      <c r="II3825" s="91"/>
      <c r="IJ3825" s="91"/>
      <c r="IK3825" s="174"/>
    </row>
    <row r="3826" spans="2:245" x14ac:dyDescent="0.2">
      <c r="B3826" s="43"/>
      <c r="C3826" s="73"/>
      <c r="D3826" s="64"/>
      <c r="E3826" s="64"/>
      <c r="F3826" s="55"/>
      <c r="G3826" s="102"/>
      <c r="H3826" s="97"/>
      <c r="T3826" s="98"/>
      <c r="U3826" s="97"/>
      <c r="AG3826" s="98"/>
      <c r="AY3826" s="164"/>
      <c r="BK3826" s="98"/>
      <c r="BL3826" s="97"/>
      <c r="BX3826" s="98"/>
      <c r="CL3826" s="97"/>
      <c r="CX3826" s="98"/>
      <c r="DL3826" s="97"/>
      <c r="DX3826" s="98"/>
      <c r="EL3826" s="97"/>
      <c r="EX3826" s="98"/>
      <c r="EY3826" s="97"/>
      <c r="FL3826" s="126"/>
      <c r="FM3826" s="91"/>
      <c r="FN3826" s="91"/>
      <c r="FO3826" s="91"/>
      <c r="FP3826" s="91"/>
      <c r="FQ3826" s="91"/>
      <c r="FR3826" s="91"/>
      <c r="FS3826" s="91"/>
      <c r="FT3826" s="91"/>
      <c r="FU3826" s="91"/>
      <c r="FV3826" s="91"/>
      <c r="FW3826" s="91"/>
      <c r="FX3826" s="127"/>
      <c r="FY3826" s="126"/>
      <c r="FZ3826" s="91"/>
      <c r="GA3826" s="91"/>
      <c r="GB3826" s="91"/>
      <c r="GC3826" s="91"/>
      <c r="GD3826" s="91"/>
      <c r="GE3826" s="91"/>
      <c r="GF3826" s="91"/>
      <c r="GG3826" s="91"/>
      <c r="GH3826" s="91"/>
      <c r="GI3826" s="91"/>
      <c r="GJ3826" s="91"/>
      <c r="GK3826" s="127"/>
      <c r="GL3826" s="126"/>
      <c r="GM3826" s="91"/>
      <c r="GN3826" s="91"/>
      <c r="GO3826" s="91"/>
      <c r="GP3826" s="91"/>
      <c r="GQ3826" s="91"/>
      <c r="GR3826" s="91"/>
      <c r="GS3826" s="91"/>
      <c r="GT3826" s="91"/>
      <c r="GU3826" s="91"/>
      <c r="GV3826" s="91"/>
      <c r="GW3826" s="91"/>
      <c r="GX3826" s="127"/>
      <c r="GY3826" s="126"/>
      <c r="GZ3826" s="91"/>
      <c r="HA3826" s="91"/>
      <c r="HB3826" s="91"/>
      <c r="HC3826" s="91"/>
      <c r="HD3826" s="91"/>
      <c r="HE3826" s="91"/>
      <c r="HF3826" s="91"/>
      <c r="HG3826" s="91"/>
      <c r="HH3826" s="91"/>
      <c r="HI3826" s="91"/>
      <c r="HJ3826" s="91"/>
      <c r="HK3826" s="127"/>
      <c r="HL3826" s="126"/>
      <c r="HM3826" s="91"/>
      <c r="HN3826" s="91"/>
      <c r="HO3826" s="91"/>
      <c r="HP3826" s="91"/>
      <c r="HQ3826" s="91"/>
      <c r="HR3826" s="91"/>
      <c r="HS3826" s="91"/>
      <c r="HT3826" s="91"/>
      <c r="HU3826" s="91"/>
      <c r="HV3826" s="91"/>
      <c r="HW3826" s="91"/>
      <c r="HX3826" s="127"/>
      <c r="HY3826" s="126"/>
      <c r="HZ3826" s="91"/>
      <c r="IA3826" s="91"/>
      <c r="IB3826" s="91"/>
      <c r="IC3826" s="91"/>
      <c r="ID3826" s="91"/>
      <c r="IE3826" s="91"/>
      <c r="IF3826" s="91"/>
      <c r="IG3826" s="91"/>
      <c r="IH3826" s="91"/>
      <c r="II3826" s="91"/>
      <c r="IJ3826" s="91"/>
      <c r="IK3826" s="174"/>
    </row>
    <row r="3827" spans="2:245" x14ac:dyDescent="0.2">
      <c r="B3827" s="43"/>
      <c r="C3827" s="73"/>
      <c r="D3827" s="64"/>
      <c r="E3827" s="64"/>
      <c r="F3827" s="55"/>
      <c r="G3827" s="102"/>
      <c r="H3827" s="97"/>
      <c r="T3827" s="98"/>
      <c r="U3827" s="97"/>
      <c r="AG3827" s="98"/>
      <c r="AY3827" s="164"/>
      <c r="BK3827" s="98"/>
      <c r="BL3827" s="97"/>
      <c r="BX3827" s="98"/>
      <c r="CL3827" s="97"/>
      <c r="CX3827" s="98"/>
      <c r="DL3827" s="97"/>
      <c r="DX3827" s="98"/>
      <c r="EL3827" s="97"/>
      <c r="EX3827" s="98"/>
      <c r="EY3827" s="97"/>
      <c r="FL3827" s="126"/>
      <c r="FM3827" s="91"/>
      <c r="FN3827" s="91"/>
      <c r="FO3827" s="91"/>
      <c r="FP3827" s="91"/>
      <c r="FQ3827" s="91"/>
      <c r="FR3827" s="91"/>
      <c r="FS3827" s="91"/>
      <c r="FT3827" s="91"/>
      <c r="FU3827" s="91"/>
      <c r="FV3827" s="91"/>
      <c r="FW3827" s="91"/>
      <c r="FX3827" s="127"/>
      <c r="FY3827" s="126"/>
      <c r="FZ3827" s="91"/>
      <c r="GA3827" s="91"/>
      <c r="GB3827" s="91"/>
      <c r="GC3827" s="91"/>
      <c r="GD3827" s="91"/>
      <c r="GE3827" s="91"/>
      <c r="GF3827" s="91"/>
      <c r="GG3827" s="91"/>
      <c r="GH3827" s="91"/>
      <c r="GI3827" s="91"/>
      <c r="GJ3827" s="91"/>
      <c r="GK3827" s="127"/>
      <c r="GL3827" s="126"/>
      <c r="GM3827" s="91"/>
      <c r="GN3827" s="91"/>
      <c r="GO3827" s="91"/>
      <c r="GP3827" s="91"/>
      <c r="GQ3827" s="91"/>
      <c r="GR3827" s="91"/>
      <c r="GS3827" s="91"/>
      <c r="GT3827" s="91"/>
      <c r="GU3827" s="91"/>
      <c r="GV3827" s="91"/>
      <c r="GW3827" s="91"/>
      <c r="GX3827" s="127"/>
      <c r="GY3827" s="126"/>
      <c r="GZ3827" s="91"/>
      <c r="HA3827" s="91"/>
      <c r="HB3827" s="91"/>
      <c r="HC3827" s="91"/>
      <c r="HD3827" s="91"/>
      <c r="HE3827" s="91"/>
      <c r="HF3827" s="91"/>
      <c r="HG3827" s="91"/>
      <c r="HH3827" s="91"/>
      <c r="HI3827" s="91"/>
      <c r="HJ3827" s="91"/>
      <c r="HK3827" s="127"/>
      <c r="HL3827" s="126"/>
      <c r="HM3827" s="91"/>
      <c r="HN3827" s="91"/>
      <c r="HO3827" s="91"/>
      <c r="HP3827" s="91"/>
      <c r="HQ3827" s="91"/>
      <c r="HR3827" s="91"/>
      <c r="HS3827" s="91"/>
      <c r="HT3827" s="91"/>
      <c r="HU3827" s="91"/>
      <c r="HV3827" s="91"/>
      <c r="HW3827" s="91"/>
      <c r="HX3827" s="127"/>
      <c r="HY3827" s="126"/>
      <c r="HZ3827" s="91"/>
      <c r="IA3827" s="91"/>
      <c r="IB3827" s="91"/>
      <c r="IC3827" s="91"/>
      <c r="ID3827" s="91"/>
      <c r="IE3827" s="91"/>
      <c r="IF3827" s="91"/>
      <c r="IG3827" s="91"/>
      <c r="IH3827" s="91"/>
      <c r="II3827" s="91"/>
      <c r="IJ3827" s="91"/>
      <c r="IK3827" s="174"/>
    </row>
    <row r="3828" spans="2:245" x14ac:dyDescent="0.2">
      <c r="B3828" s="43"/>
      <c r="C3828" s="73"/>
      <c r="D3828" s="64"/>
      <c r="E3828" s="64"/>
      <c r="F3828" s="55"/>
      <c r="G3828" s="102"/>
      <c r="H3828" s="97"/>
      <c r="T3828" s="98"/>
      <c r="U3828" s="97"/>
      <c r="AG3828" s="98"/>
      <c r="AY3828" s="164"/>
      <c r="BK3828" s="98"/>
      <c r="BL3828" s="97"/>
      <c r="BX3828" s="98"/>
      <c r="CL3828" s="97"/>
      <c r="CX3828" s="98"/>
      <c r="DL3828" s="97"/>
      <c r="DX3828" s="98"/>
      <c r="EL3828" s="97"/>
      <c r="EX3828" s="98"/>
      <c r="EY3828" s="97"/>
      <c r="FL3828" s="126"/>
      <c r="FM3828" s="91"/>
      <c r="FN3828" s="91"/>
      <c r="FO3828" s="91"/>
      <c r="FP3828" s="91"/>
      <c r="FQ3828" s="91"/>
      <c r="FR3828" s="91"/>
      <c r="FS3828" s="91"/>
      <c r="FT3828" s="91"/>
      <c r="FU3828" s="91"/>
      <c r="FV3828" s="91"/>
      <c r="FW3828" s="91"/>
      <c r="FX3828" s="127"/>
      <c r="FY3828" s="126"/>
      <c r="FZ3828" s="91"/>
      <c r="GA3828" s="91"/>
      <c r="GB3828" s="91"/>
      <c r="GC3828" s="91"/>
      <c r="GD3828" s="91"/>
      <c r="GE3828" s="91"/>
      <c r="GF3828" s="91"/>
      <c r="GG3828" s="91"/>
      <c r="GH3828" s="91"/>
      <c r="GI3828" s="91"/>
      <c r="GJ3828" s="91"/>
      <c r="GK3828" s="127"/>
      <c r="GL3828" s="126"/>
      <c r="GM3828" s="91"/>
      <c r="GN3828" s="91"/>
      <c r="GO3828" s="91"/>
      <c r="GP3828" s="91"/>
      <c r="GQ3828" s="91"/>
      <c r="GR3828" s="91"/>
      <c r="GS3828" s="91"/>
      <c r="GT3828" s="91"/>
      <c r="GU3828" s="91"/>
      <c r="GV3828" s="91"/>
      <c r="GW3828" s="91"/>
      <c r="GX3828" s="127"/>
      <c r="GY3828" s="126"/>
      <c r="GZ3828" s="91"/>
      <c r="HA3828" s="91"/>
      <c r="HB3828" s="91"/>
      <c r="HC3828" s="91"/>
      <c r="HD3828" s="91"/>
      <c r="HE3828" s="91"/>
      <c r="HF3828" s="91"/>
      <c r="HG3828" s="91"/>
      <c r="HH3828" s="91"/>
      <c r="HI3828" s="91"/>
      <c r="HJ3828" s="91"/>
      <c r="HK3828" s="127"/>
      <c r="HL3828" s="126"/>
      <c r="HM3828" s="91"/>
      <c r="HN3828" s="91"/>
      <c r="HO3828" s="91"/>
      <c r="HP3828" s="91"/>
      <c r="HQ3828" s="91"/>
      <c r="HR3828" s="91"/>
      <c r="HS3828" s="91"/>
      <c r="HT3828" s="91"/>
      <c r="HU3828" s="91"/>
      <c r="HV3828" s="91"/>
      <c r="HW3828" s="91"/>
      <c r="HX3828" s="127"/>
      <c r="HY3828" s="126"/>
      <c r="HZ3828" s="91"/>
      <c r="IA3828" s="91"/>
      <c r="IB3828" s="91"/>
      <c r="IC3828" s="91"/>
      <c r="ID3828" s="91"/>
      <c r="IE3828" s="91"/>
      <c r="IF3828" s="91"/>
      <c r="IG3828" s="91"/>
      <c r="IH3828" s="91"/>
      <c r="II3828" s="91"/>
      <c r="IJ3828" s="91"/>
      <c r="IK3828" s="174"/>
    </row>
    <row r="3829" spans="2:245" x14ac:dyDescent="0.2">
      <c r="B3829" s="43"/>
      <c r="C3829" s="73"/>
      <c r="D3829" s="64"/>
      <c r="E3829" s="64"/>
      <c r="F3829" s="55"/>
      <c r="G3829" s="102"/>
      <c r="H3829" s="97"/>
      <c r="T3829" s="98"/>
      <c r="U3829" s="97"/>
      <c r="AG3829" s="98"/>
      <c r="AY3829" s="164"/>
      <c r="BK3829" s="98"/>
      <c r="BL3829" s="97"/>
      <c r="BX3829" s="98"/>
      <c r="CL3829" s="97"/>
      <c r="CX3829" s="98"/>
      <c r="DL3829" s="97"/>
      <c r="DX3829" s="98"/>
      <c r="EL3829" s="97"/>
      <c r="EX3829" s="98"/>
      <c r="EY3829" s="97"/>
      <c r="FL3829" s="126"/>
      <c r="FM3829" s="91"/>
      <c r="FN3829" s="91"/>
      <c r="FO3829" s="91"/>
      <c r="FP3829" s="91"/>
      <c r="FQ3829" s="91"/>
      <c r="FR3829" s="91"/>
      <c r="FS3829" s="91"/>
      <c r="FT3829" s="91"/>
      <c r="FU3829" s="91"/>
      <c r="FV3829" s="91"/>
      <c r="FW3829" s="91"/>
      <c r="FX3829" s="127"/>
      <c r="FY3829" s="126"/>
      <c r="FZ3829" s="91"/>
      <c r="GA3829" s="91"/>
      <c r="GB3829" s="91"/>
      <c r="GC3829" s="91"/>
      <c r="GD3829" s="91"/>
      <c r="GE3829" s="91"/>
      <c r="GF3829" s="91"/>
      <c r="GG3829" s="91"/>
      <c r="GH3829" s="91"/>
      <c r="GI3829" s="91"/>
      <c r="GJ3829" s="91"/>
      <c r="GK3829" s="127"/>
      <c r="GL3829" s="126"/>
      <c r="GM3829" s="91"/>
      <c r="GN3829" s="91"/>
      <c r="GO3829" s="91"/>
      <c r="GP3829" s="91"/>
      <c r="GQ3829" s="91"/>
      <c r="GR3829" s="91"/>
      <c r="GS3829" s="91"/>
      <c r="GT3829" s="91"/>
      <c r="GU3829" s="91"/>
      <c r="GV3829" s="91"/>
      <c r="GW3829" s="91"/>
      <c r="GX3829" s="127"/>
      <c r="GY3829" s="126"/>
      <c r="GZ3829" s="91"/>
      <c r="HA3829" s="91"/>
      <c r="HB3829" s="91"/>
      <c r="HC3829" s="91"/>
      <c r="HD3829" s="91"/>
      <c r="HE3829" s="91"/>
      <c r="HF3829" s="91"/>
      <c r="HG3829" s="91"/>
      <c r="HH3829" s="91"/>
      <c r="HI3829" s="91"/>
      <c r="HJ3829" s="91"/>
      <c r="HK3829" s="127"/>
      <c r="HL3829" s="126"/>
      <c r="HM3829" s="91"/>
      <c r="HN3829" s="91"/>
      <c r="HO3829" s="91"/>
      <c r="HP3829" s="91"/>
      <c r="HQ3829" s="91"/>
      <c r="HR3829" s="91"/>
      <c r="HS3829" s="91"/>
      <c r="HT3829" s="91"/>
      <c r="HU3829" s="91"/>
      <c r="HV3829" s="91"/>
      <c r="HW3829" s="91"/>
      <c r="HX3829" s="127"/>
      <c r="HY3829" s="126"/>
      <c r="HZ3829" s="91"/>
      <c r="IA3829" s="91"/>
      <c r="IB3829" s="91"/>
      <c r="IC3829" s="91"/>
      <c r="ID3829" s="91"/>
      <c r="IE3829" s="91"/>
      <c r="IF3829" s="91"/>
      <c r="IG3829" s="91"/>
      <c r="IH3829" s="91"/>
      <c r="II3829" s="91"/>
      <c r="IJ3829" s="91"/>
      <c r="IK3829" s="174"/>
    </row>
    <row r="3830" spans="2:245" x14ac:dyDescent="0.2">
      <c r="B3830" s="43"/>
      <c r="C3830" s="73"/>
      <c r="D3830" s="64"/>
      <c r="E3830" s="64"/>
      <c r="F3830" s="55"/>
      <c r="G3830" s="102"/>
      <c r="H3830" s="97"/>
      <c r="T3830" s="98"/>
      <c r="U3830" s="97"/>
      <c r="AG3830" s="98"/>
      <c r="AY3830" s="164"/>
      <c r="BK3830" s="98"/>
      <c r="BL3830" s="97"/>
      <c r="BX3830" s="98"/>
      <c r="CL3830" s="97"/>
      <c r="CX3830" s="98"/>
      <c r="DL3830" s="97"/>
      <c r="DX3830" s="98"/>
      <c r="EL3830" s="97"/>
      <c r="EX3830" s="98"/>
      <c r="EY3830" s="97"/>
      <c r="FL3830" s="126"/>
      <c r="FM3830" s="91"/>
      <c r="FN3830" s="91"/>
      <c r="FO3830" s="91"/>
      <c r="FP3830" s="91"/>
      <c r="FQ3830" s="91"/>
      <c r="FR3830" s="91"/>
      <c r="FS3830" s="91"/>
      <c r="FT3830" s="91"/>
      <c r="FU3830" s="91"/>
      <c r="FV3830" s="91"/>
      <c r="FW3830" s="91"/>
      <c r="FX3830" s="127"/>
      <c r="FY3830" s="126"/>
      <c r="FZ3830" s="91"/>
      <c r="GA3830" s="91"/>
      <c r="GB3830" s="91"/>
      <c r="GC3830" s="91"/>
      <c r="GD3830" s="91"/>
      <c r="GE3830" s="91"/>
      <c r="GF3830" s="91"/>
      <c r="GG3830" s="91"/>
      <c r="GH3830" s="91"/>
      <c r="GI3830" s="91"/>
      <c r="GJ3830" s="91"/>
      <c r="GK3830" s="127"/>
      <c r="GL3830" s="126"/>
      <c r="GM3830" s="91"/>
      <c r="GN3830" s="91"/>
      <c r="GO3830" s="91"/>
      <c r="GP3830" s="91"/>
      <c r="GQ3830" s="91"/>
      <c r="GR3830" s="91"/>
      <c r="GS3830" s="91"/>
      <c r="GT3830" s="91"/>
      <c r="GU3830" s="91"/>
      <c r="GV3830" s="91"/>
      <c r="GW3830" s="91"/>
      <c r="GX3830" s="127"/>
      <c r="GY3830" s="126"/>
      <c r="GZ3830" s="91"/>
      <c r="HA3830" s="91"/>
      <c r="HB3830" s="91"/>
      <c r="HC3830" s="91"/>
      <c r="HD3830" s="91"/>
      <c r="HE3830" s="91"/>
      <c r="HF3830" s="91"/>
      <c r="HG3830" s="91"/>
      <c r="HH3830" s="91"/>
      <c r="HI3830" s="91"/>
      <c r="HJ3830" s="91"/>
      <c r="HK3830" s="127"/>
      <c r="HL3830" s="126"/>
      <c r="HM3830" s="91"/>
      <c r="HN3830" s="91"/>
      <c r="HO3830" s="91"/>
      <c r="HP3830" s="91"/>
      <c r="HQ3830" s="91"/>
      <c r="HR3830" s="91"/>
      <c r="HS3830" s="91"/>
      <c r="HT3830" s="91"/>
      <c r="HU3830" s="91"/>
      <c r="HV3830" s="91"/>
      <c r="HW3830" s="91"/>
      <c r="HX3830" s="127"/>
      <c r="HY3830" s="126"/>
      <c r="HZ3830" s="91"/>
      <c r="IA3830" s="91"/>
      <c r="IB3830" s="91"/>
      <c r="IC3830" s="91"/>
      <c r="ID3830" s="91"/>
      <c r="IE3830" s="91"/>
      <c r="IF3830" s="91"/>
      <c r="IG3830" s="91"/>
      <c r="IH3830" s="91"/>
      <c r="II3830" s="91"/>
      <c r="IJ3830" s="91"/>
      <c r="IK3830" s="174"/>
    </row>
    <row r="3831" spans="2:245" x14ac:dyDescent="0.2">
      <c r="B3831" s="43"/>
      <c r="C3831" s="73"/>
      <c r="D3831" s="64"/>
      <c r="E3831" s="64"/>
      <c r="F3831" s="55"/>
      <c r="G3831" s="102"/>
      <c r="H3831" s="97"/>
      <c r="T3831" s="98"/>
      <c r="U3831" s="97"/>
      <c r="AG3831" s="98"/>
      <c r="AY3831" s="164"/>
      <c r="BK3831" s="98"/>
      <c r="BL3831" s="97"/>
      <c r="BX3831" s="98"/>
      <c r="CL3831" s="97"/>
      <c r="CX3831" s="98"/>
      <c r="DL3831" s="97"/>
      <c r="DX3831" s="98"/>
      <c r="EL3831" s="97"/>
      <c r="EX3831" s="98"/>
      <c r="EY3831" s="97"/>
      <c r="FL3831" s="126"/>
      <c r="FM3831" s="91"/>
      <c r="FN3831" s="91"/>
      <c r="FO3831" s="91"/>
      <c r="FP3831" s="91"/>
      <c r="FQ3831" s="91"/>
      <c r="FR3831" s="91"/>
      <c r="FS3831" s="91"/>
      <c r="FT3831" s="91"/>
      <c r="FU3831" s="91"/>
      <c r="FV3831" s="91"/>
      <c r="FW3831" s="91"/>
      <c r="FX3831" s="127"/>
      <c r="FY3831" s="126"/>
      <c r="FZ3831" s="91"/>
      <c r="GA3831" s="91"/>
      <c r="GB3831" s="91"/>
      <c r="GC3831" s="91"/>
      <c r="GD3831" s="91"/>
      <c r="GE3831" s="91"/>
      <c r="GF3831" s="91"/>
      <c r="GG3831" s="91"/>
      <c r="GH3831" s="91"/>
      <c r="GI3831" s="91"/>
      <c r="GJ3831" s="91"/>
      <c r="GK3831" s="127"/>
      <c r="GL3831" s="126"/>
      <c r="GM3831" s="91"/>
      <c r="GN3831" s="91"/>
      <c r="GO3831" s="91"/>
      <c r="GP3831" s="91"/>
      <c r="GQ3831" s="91"/>
      <c r="GR3831" s="91"/>
      <c r="GS3831" s="91"/>
      <c r="GT3831" s="91"/>
      <c r="GU3831" s="91"/>
      <c r="GV3831" s="91"/>
      <c r="GW3831" s="91"/>
      <c r="GX3831" s="127"/>
      <c r="GY3831" s="126"/>
      <c r="GZ3831" s="91"/>
      <c r="HA3831" s="91"/>
      <c r="HB3831" s="91"/>
      <c r="HC3831" s="91"/>
      <c r="HD3831" s="91"/>
      <c r="HE3831" s="91"/>
      <c r="HF3831" s="91"/>
      <c r="HG3831" s="91"/>
      <c r="HH3831" s="91"/>
      <c r="HI3831" s="91"/>
      <c r="HJ3831" s="91"/>
      <c r="HK3831" s="127"/>
      <c r="HL3831" s="126"/>
      <c r="HM3831" s="91"/>
      <c r="HN3831" s="91"/>
      <c r="HO3831" s="91"/>
      <c r="HP3831" s="91"/>
      <c r="HQ3831" s="91"/>
      <c r="HR3831" s="91"/>
      <c r="HS3831" s="91"/>
      <c r="HT3831" s="91"/>
      <c r="HU3831" s="91"/>
      <c r="HV3831" s="91"/>
      <c r="HW3831" s="91"/>
      <c r="HX3831" s="127"/>
      <c r="HY3831" s="126"/>
      <c r="HZ3831" s="91"/>
      <c r="IA3831" s="91"/>
      <c r="IB3831" s="91"/>
      <c r="IC3831" s="91"/>
      <c r="ID3831" s="91"/>
      <c r="IE3831" s="91"/>
      <c r="IF3831" s="91"/>
      <c r="IG3831" s="91"/>
      <c r="IH3831" s="91"/>
      <c r="II3831" s="91"/>
      <c r="IJ3831" s="91"/>
      <c r="IK3831" s="174"/>
    </row>
    <row r="3832" spans="2:245" x14ac:dyDescent="0.2">
      <c r="B3832" s="43"/>
      <c r="C3832" s="73"/>
      <c r="D3832" s="64"/>
      <c r="E3832" s="64"/>
      <c r="F3832" s="55"/>
      <c r="G3832" s="102"/>
      <c r="H3832" s="97"/>
      <c r="T3832" s="98"/>
      <c r="U3832" s="97"/>
      <c r="AG3832" s="98"/>
      <c r="AY3832" s="164"/>
      <c r="BK3832" s="98"/>
      <c r="BL3832" s="97"/>
      <c r="BX3832" s="98"/>
      <c r="CL3832" s="97"/>
      <c r="CX3832" s="98"/>
      <c r="DL3832" s="97"/>
      <c r="DX3832" s="98"/>
      <c r="EL3832" s="97"/>
      <c r="EX3832" s="98"/>
      <c r="EY3832" s="97"/>
      <c r="FL3832" s="126"/>
      <c r="FM3832" s="91"/>
      <c r="FN3832" s="91"/>
      <c r="FO3832" s="91"/>
      <c r="FP3832" s="91"/>
      <c r="FQ3832" s="91"/>
      <c r="FR3832" s="91"/>
      <c r="FS3832" s="91"/>
      <c r="FT3832" s="91"/>
      <c r="FU3832" s="91"/>
      <c r="FV3832" s="91"/>
      <c r="FW3832" s="91"/>
      <c r="FX3832" s="127"/>
      <c r="FY3832" s="126"/>
      <c r="FZ3832" s="91"/>
      <c r="GA3832" s="91"/>
      <c r="GB3832" s="91"/>
      <c r="GC3832" s="91"/>
      <c r="GD3832" s="91"/>
      <c r="GE3832" s="91"/>
      <c r="GF3832" s="91"/>
      <c r="GG3832" s="91"/>
      <c r="GH3832" s="91"/>
      <c r="GI3832" s="91"/>
      <c r="GJ3832" s="91"/>
      <c r="GK3832" s="127"/>
      <c r="GL3832" s="126"/>
      <c r="GM3832" s="91"/>
      <c r="GN3832" s="91"/>
      <c r="GO3832" s="91"/>
      <c r="GP3832" s="91"/>
      <c r="GQ3832" s="91"/>
      <c r="GR3832" s="91"/>
      <c r="GS3832" s="91"/>
      <c r="GT3832" s="91"/>
      <c r="GU3832" s="91"/>
      <c r="GV3832" s="91"/>
      <c r="GW3832" s="91"/>
      <c r="GX3832" s="127"/>
      <c r="GY3832" s="126"/>
      <c r="GZ3832" s="91"/>
      <c r="HA3832" s="91"/>
      <c r="HB3832" s="91"/>
      <c r="HC3832" s="91"/>
      <c r="HD3832" s="91"/>
      <c r="HE3832" s="91"/>
      <c r="HF3832" s="91"/>
      <c r="HG3832" s="91"/>
      <c r="HH3832" s="91"/>
      <c r="HI3832" s="91"/>
      <c r="HJ3832" s="91"/>
      <c r="HK3832" s="127"/>
      <c r="HL3832" s="126"/>
      <c r="HM3832" s="91"/>
      <c r="HN3832" s="91"/>
      <c r="HO3832" s="91"/>
      <c r="HP3832" s="91"/>
      <c r="HQ3832" s="91"/>
      <c r="HR3832" s="91"/>
      <c r="HS3832" s="91"/>
      <c r="HT3832" s="91"/>
      <c r="HU3832" s="91"/>
      <c r="HV3832" s="91"/>
      <c r="HW3832" s="91"/>
      <c r="HX3832" s="127"/>
      <c r="HY3832" s="126"/>
      <c r="HZ3832" s="91"/>
      <c r="IA3832" s="91"/>
      <c r="IB3832" s="91"/>
      <c r="IC3832" s="91"/>
      <c r="ID3832" s="91"/>
      <c r="IE3832" s="91"/>
      <c r="IF3832" s="91"/>
      <c r="IG3832" s="91"/>
      <c r="IH3832" s="91"/>
      <c r="II3832" s="91"/>
      <c r="IJ3832" s="91"/>
      <c r="IK3832" s="174"/>
    </row>
    <row r="3833" spans="2:245" x14ac:dyDescent="0.2">
      <c r="B3833" s="43"/>
      <c r="C3833" s="73"/>
      <c r="D3833" s="64"/>
      <c r="E3833" s="64"/>
      <c r="F3833" s="55"/>
      <c r="G3833" s="102"/>
      <c r="H3833" s="97"/>
      <c r="T3833" s="98"/>
      <c r="U3833" s="97"/>
      <c r="AG3833" s="98"/>
      <c r="AY3833" s="164"/>
      <c r="BK3833" s="98"/>
      <c r="BL3833" s="97"/>
      <c r="BX3833" s="98"/>
      <c r="CL3833" s="97"/>
      <c r="CX3833" s="98"/>
      <c r="DL3833" s="97"/>
      <c r="DX3833" s="98"/>
      <c r="EL3833" s="97"/>
      <c r="EX3833" s="98"/>
      <c r="EY3833" s="97"/>
      <c r="FL3833" s="126"/>
      <c r="FM3833" s="91"/>
      <c r="FN3833" s="91"/>
      <c r="FO3833" s="91"/>
      <c r="FP3833" s="91"/>
      <c r="FQ3833" s="91"/>
      <c r="FR3833" s="91"/>
      <c r="FS3833" s="91"/>
      <c r="FT3833" s="91"/>
      <c r="FU3833" s="91"/>
      <c r="FV3833" s="91"/>
      <c r="FW3833" s="91"/>
      <c r="FX3833" s="127"/>
      <c r="FY3833" s="126"/>
      <c r="FZ3833" s="91"/>
      <c r="GA3833" s="91"/>
      <c r="GB3833" s="91"/>
      <c r="GC3833" s="91"/>
      <c r="GD3833" s="91"/>
      <c r="GE3833" s="91"/>
      <c r="GF3833" s="91"/>
      <c r="GG3833" s="91"/>
      <c r="GH3833" s="91"/>
      <c r="GI3833" s="91"/>
      <c r="GJ3833" s="91"/>
      <c r="GK3833" s="127"/>
      <c r="GL3833" s="126"/>
      <c r="GM3833" s="91"/>
      <c r="GN3833" s="91"/>
      <c r="GO3833" s="91"/>
      <c r="GP3833" s="91"/>
      <c r="GQ3833" s="91"/>
      <c r="GR3833" s="91"/>
      <c r="GS3833" s="91"/>
      <c r="GT3833" s="91"/>
      <c r="GU3833" s="91"/>
      <c r="GV3833" s="91"/>
      <c r="GW3833" s="91"/>
      <c r="GX3833" s="127"/>
      <c r="GY3833" s="126"/>
      <c r="GZ3833" s="91"/>
      <c r="HA3833" s="91"/>
      <c r="HB3833" s="91"/>
      <c r="HC3833" s="91"/>
      <c r="HD3833" s="91"/>
      <c r="HE3833" s="91"/>
      <c r="HF3833" s="91"/>
      <c r="HG3833" s="91"/>
      <c r="HH3833" s="91"/>
      <c r="HI3833" s="91"/>
      <c r="HJ3833" s="91"/>
      <c r="HK3833" s="127"/>
      <c r="HL3833" s="126"/>
      <c r="HM3833" s="91"/>
      <c r="HN3833" s="91"/>
      <c r="HO3833" s="91"/>
      <c r="HP3833" s="91"/>
      <c r="HQ3833" s="91"/>
      <c r="HR3833" s="91"/>
      <c r="HS3833" s="91"/>
      <c r="HT3833" s="91"/>
      <c r="HU3833" s="91"/>
      <c r="HV3833" s="91"/>
      <c r="HW3833" s="91"/>
      <c r="HX3833" s="127"/>
      <c r="HY3833" s="126"/>
      <c r="HZ3833" s="91"/>
      <c r="IA3833" s="91"/>
      <c r="IB3833" s="91"/>
      <c r="IC3833" s="91"/>
      <c r="ID3833" s="91"/>
      <c r="IE3833" s="91"/>
      <c r="IF3833" s="91"/>
      <c r="IG3833" s="91"/>
      <c r="IH3833" s="91"/>
      <c r="II3833" s="91"/>
      <c r="IJ3833" s="91"/>
      <c r="IK3833" s="174"/>
    </row>
    <row r="3834" spans="2:245" x14ac:dyDescent="0.2">
      <c r="B3834" s="43"/>
      <c r="C3834" s="73"/>
      <c r="D3834" s="64"/>
      <c r="E3834" s="64"/>
      <c r="F3834" s="55"/>
      <c r="G3834" s="102"/>
      <c r="H3834" s="97"/>
      <c r="T3834" s="98"/>
      <c r="U3834" s="97"/>
      <c r="AG3834" s="98"/>
      <c r="AY3834" s="164"/>
      <c r="BK3834" s="98"/>
      <c r="BL3834" s="97"/>
      <c r="BX3834" s="98"/>
      <c r="CL3834" s="97"/>
      <c r="CX3834" s="98"/>
      <c r="DL3834" s="97"/>
      <c r="DX3834" s="98"/>
      <c r="EL3834" s="97"/>
      <c r="EX3834" s="98"/>
      <c r="EY3834" s="97"/>
      <c r="FL3834" s="126"/>
      <c r="FM3834" s="91"/>
      <c r="FN3834" s="91"/>
      <c r="FO3834" s="91"/>
      <c r="FP3834" s="91"/>
      <c r="FQ3834" s="91"/>
      <c r="FR3834" s="91"/>
      <c r="FS3834" s="91"/>
      <c r="FT3834" s="91"/>
      <c r="FU3834" s="91"/>
      <c r="FV3834" s="91"/>
      <c r="FW3834" s="91"/>
      <c r="FX3834" s="127"/>
      <c r="FY3834" s="126"/>
      <c r="FZ3834" s="91"/>
      <c r="GA3834" s="91"/>
      <c r="GB3834" s="91"/>
      <c r="GC3834" s="91"/>
      <c r="GD3834" s="91"/>
      <c r="GE3834" s="91"/>
      <c r="GF3834" s="91"/>
      <c r="GG3834" s="91"/>
      <c r="GH3834" s="91"/>
      <c r="GI3834" s="91"/>
      <c r="GJ3834" s="91"/>
      <c r="GK3834" s="127"/>
      <c r="GL3834" s="126"/>
      <c r="GM3834" s="91"/>
      <c r="GN3834" s="91"/>
      <c r="GO3834" s="91"/>
      <c r="GP3834" s="91"/>
      <c r="GQ3834" s="91"/>
      <c r="GR3834" s="91"/>
      <c r="GS3834" s="91"/>
      <c r="GT3834" s="91"/>
      <c r="GU3834" s="91"/>
      <c r="GV3834" s="91"/>
      <c r="GW3834" s="91"/>
      <c r="GX3834" s="127"/>
      <c r="GY3834" s="126"/>
      <c r="GZ3834" s="91"/>
      <c r="HA3834" s="91"/>
      <c r="HB3834" s="91"/>
      <c r="HC3834" s="91"/>
      <c r="HD3834" s="91"/>
      <c r="HE3834" s="91"/>
      <c r="HF3834" s="91"/>
      <c r="HG3834" s="91"/>
      <c r="HH3834" s="91"/>
      <c r="HI3834" s="91"/>
      <c r="HJ3834" s="91"/>
      <c r="HK3834" s="127"/>
      <c r="HL3834" s="126"/>
      <c r="HM3834" s="91"/>
      <c r="HN3834" s="91"/>
      <c r="HO3834" s="91"/>
      <c r="HP3834" s="91"/>
      <c r="HQ3834" s="91"/>
      <c r="HR3834" s="91"/>
      <c r="HS3834" s="91"/>
      <c r="HT3834" s="91"/>
      <c r="HU3834" s="91"/>
      <c r="HV3834" s="91"/>
      <c r="HW3834" s="91"/>
      <c r="HX3834" s="127"/>
      <c r="HY3834" s="126"/>
      <c r="HZ3834" s="91"/>
      <c r="IA3834" s="91"/>
      <c r="IB3834" s="91"/>
      <c r="IC3834" s="91"/>
      <c r="ID3834" s="91"/>
      <c r="IE3834" s="91"/>
      <c r="IF3834" s="91"/>
      <c r="IG3834" s="91"/>
      <c r="IH3834" s="91"/>
      <c r="II3834" s="91"/>
      <c r="IJ3834" s="91"/>
      <c r="IK3834" s="174"/>
    </row>
    <row r="3835" spans="2:245" x14ac:dyDescent="0.2">
      <c r="B3835" s="43"/>
      <c r="C3835" s="73"/>
      <c r="D3835" s="64"/>
      <c r="E3835" s="64"/>
      <c r="F3835" s="55"/>
      <c r="G3835" s="102"/>
      <c r="H3835" s="97"/>
      <c r="T3835" s="98"/>
      <c r="U3835" s="97"/>
      <c r="AG3835" s="98"/>
      <c r="AY3835" s="164"/>
      <c r="BK3835" s="98"/>
      <c r="BL3835" s="97"/>
      <c r="BX3835" s="98"/>
      <c r="CL3835" s="97"/>
      <c r="CX3835" s="98"/>
      <c r="DL3835" s="97"/>
      <c r="DX3835" s="98"/>
      <c r="EL3835" s="97"/>
      <c r="EX3835" s="98"/>
      <c r="EY3835" s="97"/>
      <c r="FL3835" s="126"/>
      <c r="FM3835" s="91"/>
      <c r="FN3835" s="91"/>
      <c r="FO3835" s="91"/>
      <c r="FP3835" s="91"/>
      <c r="FQ3835" s="91"/>
      <c r="FR3835" s="91"/>
      <c r="FS3835" s="91"/>
      <c r="FT3835" s="91"/>
      <c r="FU3835" s="91"/>
      <c r="FV3835" s="91"/>
      <c r="FW3835" s="91"/>
      <c r="FX3835" s="127"/>
      <c r="FY3835" s="126"/>
      <c r="FZ3835" s="91"/>
      <c r="GA3835" s="91"/>
      <c r="GB3835" s="91"/>
      <c r="GC3835" s="91"/>
      <c r="GD3835" s="91"/>
      <c r="GE3835" s="91"/>
      <c r="GF3835" s="91"/>
      <c r="GG3835" s="91"/>
      <c r="GH3835" s="91"/>
      <c r="GI3835" s="91"/>
      <c r="GJ3835" s="91"/>
      <c r="GK3835" s="127"/>
      <c r="GL3835" s="126"/>
      <c r="GM3835" s="91"/>
      <c r="GN3835" s="91"/>
      <c r="GO3835" s="91"/>
      <c r="GP3835" s="91"/>
      <c r="GQ3835" s="91"/>
      <c r="GR3835" s="91"/>
      <c r="GS3835" s="91"/>
      <c r="GT3835" s="91"/>
      <c r="GU3835" s="91"/>
      <c r="GV3835" s="91"/>
      <c r="GW3835" s="91"/>
      <c r="GX3835" s="127"/>
      <c r="GY3835" s="126"/>
      <c r="GZ3835" s="91"/>
      <c r="HA3835" s="91"/>
      <c r="HB3835" s="91"/>
      <c r="HC3835" s="91"/>
      <c r="HD3835" s="91"/>
      <c r="HE3835" s="91"/>
      <c r="HF3835" s="91"/>
      <c r="HG3835" s="91"/>
      <c r="HH3835" s="91"/>
      <c r="HI3835" s="91"/>
      <c r="HJ3835" s="91"/>
      <c r="HK3835" s="127"/>
      <c r="HL3835" s="126"/>
      <c r="HM3835" s="91"/>
      <c r="HN3835" s="91"/>
      <c r="HO3835" s="91"/>
      <c r="HP3835" s="91"/>
      <c r="HQ3835" s="91"/>
      <c r="HR3835" s="91"/>
      <c r="HS3835" s="91"/>
      <c r="HT3835" s="91"/>
      <c r="HU3835" s="91"/>
      <c r="HV3835" s="91"/>
      <c r="HW3835" s="91"/>
      <c r="HX3835" s="127"/>
      <c r="HY3835" s="126"/>
      <c r="HZ3835" s="91"/>
      <c r="IA3835" s="91"/>
      <c r="IB3835" s="91"/>
      <c r="IC3835" s="91"/>
      <c r="ID3835" s="91"/>
      <c r="IE3835" s="91"/>
      <c r="IF3835" s="91"/>
      <c r="IG3835" s="91"/>
      <c r="IH3835" s="91"/>
      <c r="II3835" s="91"/>
      <c r="IJ3835" s="91"/>
      <c r="IK3835" s="174"/>
    </row>
    <row r="3836" spans="2:245" x14ac:dyDescent="0.2">
      <c r="B3836" s="43"/>
      <c r="C3836" s="73"/>
      <c r="D3836" s="64"/>
      <c r="E3836" s="64"/>
      <c r="F3836" s="55"/>
      <c r="G3836" s="102"/>
      <c r="H3836" s="97"/>
      <c r="T3836" s="98"/>
      <c r="U3836" s="97"/>
      <c r="AG3836" s="98"/>
      <c r="AY3836" s="164"/>
      <c r="BK3836" s="98"/>
      <c r="BL3836" s="97"/>
      <c r="BX3836" s="98"/>
      <c r="CL3836" s="97"/>
      <c r="CX3836" s="98"/>
      <c r="DL3836" s="97"/>
      <c r="DX3836" s="98"/>
      <c r="EL3836" s="97"/>
      <c r="EX3836" s="98"/>
      <c r="EY3836" s="97"/>
      <c r="FL3836" s="126"/>
      <c r="FM3836" s="91"/>
      <c r="FN3836" s="91"/>
      <c r="FO3836" s="91"/>
      <c r="FP3836" s="91"/>
      <c r="FQ3836" s="91"/>
      <c r="FR3836" s="91"/>
      <c r="FS3836" s="91"/>
      <c r="FT3836" s="91"/>
      <c r="FU3836" s="91"/>
      <c r="FV3836" s="91"/>
      <c r="FW3836" s="91"/>
      <c r="FX3836" s="127"/>
      <c r="FY3836" s="126"/>
      <c r="FZ3836" s="91"/>
      <c r="GA3836" s="91"/>
      <c r="GB3836" s="91"/>
      <c r="GC3836" s="91"/>
      <c r="GD3836" s="91"/>
      <c r="GE3836" s="91"/>
      <c r="GF3836" s="91"/>
      <c r="GG3836" s="91"/>
      <c r="GH3836" s="91"/>
      <c r="GI3836" s="91"/>
      <c r="GJ3836" s="91"/>
      <c r="GK3836" s="127"/>
      <c r="GL3836" s="126"/>
      <c r="GM3836" s="91"/>
      <c r="GN3836" s="91"/>
      <c r="GO3836" s="91"/>
      <c r="GP3836" s="91"/>
      <c r="GQ3836" s="91"/>
      <c r="GR3836" s="91"/>
      <c r="GS3836" s="91"/>
      <c r="GT3836" s="91"/>
      <c r="GU3836" s="91"/>
      <c r="GV3836" s="91"/>
      <c r="GW3836" s="91"/>
      <c r="GX3836" s="127"/>
      <c r="GY3836" s="126"/>
      <c r="GZ3836" s="91"/>
      <c r="HA3836" s="91"/>
      <c r="HB3836" s="91"/>
      <c r="HC3836" s="91"/>
      <c r="HD3836" s="91"/>
      <c r="HE3836" s="91"/>
      <c r="HF3836" s="91"/>
      <c r="HG3836" s="91"/>
      <c r="HH3836" s="91"/>
      <c r="HI3836" s="91"/>
      <c r="HJ3836" s="91"/>
      <c r="HK3836" s="127"/>
      <c r="HL3836" s="126"/>
      <c r="HM3836" s="91"/>
      <c r="HN3836" s="91"/>
      <c r="HO3836" s="91"/>
      <c r="HP3836" s="91"/>
      <c r="HQ3836" s="91"/>
      <c r="HR3836" s="91"/>
      <c r="HS3836" s="91"/>
      <c r="HT3836" s="91"/>
      <c r="HU3836" s="91"/>
      <c r="HV3836" s="91"/>
      <c r="HW3836" s="91"/>
      <c r="HX3836" s="127"/>
      <c r="HY3836" s="126"/>
      <c r="HZ3836" s="91"/>
      <c r="IA3836" s="91"/>
      <c r="IB3836" s="91"/>
      <c r="IC3836" s="91"/>
      <c r="ID3836" s="91"/>
      <c r="IE3836" s="91"/>
      <c r="IF3836" s="91"/>
      <c r="IG3836" s="91"/>
      <c r="IH3836" s="91"/>
      <c r="II3836" s="91"/>
      <c r="IJ3836" s="91"/>
      <c r="IK3836" s="174"/>
    </row>
    <row r="3837" spans="2:245" x14ac:dyDescent="0.2">
      <c r="B3837" s="43"/>
      <c r="C3837" s="73"/>
      <c r="D3837" s="64"/>
      <c r="E3837" s="64"/>
      <c r="F3837" s="55"/>
      <c r="G3837" s="102"/>
      <c r="H3837" s="97"/>
      <c r="T3837" s="98"/>
      <c r="U3837" s="97"/>
      <c r="AG3837" s="98"/>
      <c r="AY3837" s="164"/>
      <c r="BK3837" s="98"/>
      <c r="BL3837" s="97"/>
      <c r="BX3837" s="98"/>
      <c r="CL3837" s="97"/>
      <c r="CX3837" s="98"/>
      <c r="DL3837" s="97"/>
      <c r="DX3837" s="98"/>
      <c r="EL3837" s="97"/>
      <c r="EX3837" s="98"/>
      <c r="EY3837" s="97"/>
      <c r="FL3837" s="126"/>
      <c r="FM3837" s="91"/>
      <c r="FN3837" s="91"/>
      <c r="FO3837" s="91"/>
      <c r="FP3837" s="91"/>
      <c r="FQ3837" s="91"/>
      <c r="FR3837" s="91"/>
      <c r="FS3837" s="91"/>
      <c r="FT3837" s="91"/>
      <c r="FU3837" s="91"/>
      <c r="FV3837" s="91"/>
      <c r="FW3837" s="91"/>
      <c r="FX3837" s="127"/>
      <c r="FY3837" s="126"/>
      <c r="FZ3837" s="91"/>
      <c r="GA3837" s="91"/>
      <c r="GB3837" s="91"/>
      <c r="GC3837" s="91"/>
      <c r="GD3837" s="91"/>
      <c r="GE3837" s="91"/>
      <c r="GF3837" s="91"/>
      <c r="GG3837" s="91"/>
      <c r="GH3837" s="91"/>
      <c r="GI3837" s="91"/>
      <c r="GJ3837" s="91"/>
      <c r="GK3837" s="127"/>
      <c r="GL3837" s="126"/>
      <c r="GM3837" s="91"/>
      <c r="GN3837" s="91"/>
      <c r="GO3837" s="91"/>
      <c r="GP3837" s="91"/>
      <c r="GQ3837" s="91"/>
      <c r="GR3837" s="91"/>
      <c r="GS3837" s="91"/>
      <c r="GT3837" s="91"/>
      <c r="GU3837" s="91"/>
      <c r="GV3837" s="91"/>
      <c r="GW3837" s="91"/>
      <c r="GX3837" s="127"/>
      <c r="GY3837" s="126"/>
      <c r="GZ3837" s="91"/>
      <c r="HA3837" s="91"/>
      <c r="HB3837" s="91"/>
      <c r="HC3837" s="91"/>
      <c r="HD3837" s="91"/>
      <c r="HE3837" s="91"/>
      <c r="HF3837" s="91"/>
      <c r="HG3837" s="91"/>
      <c r="HH3837" s="91"/>
      <c r="HI3837" s="91"/>
      <c r="HJ3837" s="91"/>
      <c r="HK3837" s="127"/>
      <c r="HL3837" s="126"/>
      <c r="HM3837" s="91"/>
      <c r="HN3837" s="91"/>
      <c r="HO3837" s="91"/>
      <c r="HP3837" s="91"/>
      <c r="HQ3837" s="91"/>
      <c r="HR3837" s="91"/>
      <c r="HS3837" s="91"/>
      <c r="HT3837" s="91"/>
      <c r="HU3837" s="91"/>
      <c r="HV3837" s="91"/>
      <c r="HW3837" s="91"/>
      <c r="HX3837" s="127"/>
      <c r="HY3837" s="126"/>
      <c r="HZ3837" s="91"/>
      <c r="IA3837" s="91"/>
      <c r="IB3837" s="91"/>
      <c r="IC3837" s="91"/>
      <c r="ID3837" s="91"/>
      <c r="IE3837" s="91"/>
      <c r="IF3837" s="91"/>
      <c r="IG3837" s="91"/>
      <c r="IH3837" s="91"/>
      <c r="II3837" s="91"/>
      <c r="IJ3837" s="91"/>
      <c r="IK3837" s="174"/>
    </row>
    <row r="3838" spans="2:245" x14ac:dyDescent="0.2">
      <c r="B3838" s="43"/>
      <c r="C3838" s="73"/>
      <c r="D3838" s="64"/>
      <c r="E3838" s="64"/>
      <c r="F3838" s="55"/>
      <c r="G3838" s="102"/>
      <c r="H3838" s="97"/>
      <c r="T3838" s="98"/>
      <c r="U3838" s="97"/>
      <c r="AG3838" s="98"/>
      <c r="AY3838" s="164"/>
      <c r="BK3838" s="98"/>
      <c r="BL3838" s="97"/>
      <c r="BX3838" s="98"/>
      <c r="CL3838" s="97"/>
      <c r="CX3838" s="98"/>
      <c r="DL3838" s="97"/>
      <c r="DX3838" s="98"/>
      <c r="EL3838" s="97"/>
      <c r="EX3838" s="98"/>
      <c r="EY3838" s="97"/>
      <c r="FL3838" s="126"/>
      <c r="FM3838" s="91"/>
      <c r="FN3838" s="91"/>
      <c r="FO3838" s="91"/>
      <c r="FP3838" s="91"/>
      <c r="FQ3838" s="91"/>
      <c r="FR3838" s="91"/>
      <c r="FS3838" s="91"/>
      <c r="FT3838" s="91"/>
      <c r="FU3838" s="91"/>
      <c r="FV3838" s="91"/>
      <c r="FW3838" s="91"/>
      <c r="FX3838" s="127"/>
      <c r="FY3838" s="126"/>
      <c r="FZ3838" s="91"/>
      <c r="GA3838" s="91"/>
      <c r="GB3838" s="91"/>
      <c r="GC3838" s="91"/>
      <c r="GD3838" s="91"/>
      <c r="GE3838" s="91"/>
      <c r="GF3838" s="91"/>
      <c r="GG3838" s="91"/>
      <c r="GH3838" s="91"/>
      <c r="GI3838" s="91"/>
      <c r="GJ3838" s="91"/>
      <c r="GK3838" s="127"/>
      <c r="GL3838" s="126"/>
      <c r="GM3838" s="91"/>
      <c r="GN3838" s="91"/>
      <c r="GO3838" s="91"/>
      <c r="GP3838" s="91"/>
      <c r="GQ3838" s="91"/>
      <c r="GR3838" s="91"/>
      <c r="GS3838" s="91"/>
      <c r="GT3838" s="91"/>
      <c r="GU3838" s="91"/>
      <c r="GV3838" s="91"/>
      <c r="GW3838" s="91"/>
      <c r="GX3838" s="127"/>
      <c r="GY3838" s="126"/>
      <c r="GZ3838" s="91"/>
      <c r="HA3838" s="91"/>
      <c r="HB3838" s="91"/>
      <c r="HC3838" s="91"/>
      <c r="HD3838" s="91"/>
      <c r="HE3838" s="91"/>
      <c r="HF3838" s="91"/>
      <c r="HG3838" s="91"/>
      <c r="HH3838" s="91"/>
      <c r="HI3838" s="91"/>
      <c r="HJ3838" s="91"/>
      <c r="HK3838" s="127"/>
      <c r="HL3838" s="126"/>
      <c r="HM3838" s="91"/>
      <c r="HN3838" s="91"/>
      <c r="HO3838" s="91"/>
      <c r="HP3838" s="91"/>
      <c r="HQ3838" s="91"/>
      <c r="HR3838" s="91"/>
      <c r="HS3838" s="91"/>
      <c r="HT3838" s="91"/>
      <c r="HU3838" s="91"/>
      <c r="HV3838" s="91"/>
      <c r="HW3838" s="91"/>
      <c r="HX3838" s="127"/>
      <c r="HY3838" s="126"/>
      <c r="HZ3838" s="91"/>
      <c r="IA3838" s="91"/>
      <c r="IB3838" s="91"/>
      <c r="IC3838" s="91"/>
      <c r="ID3838" s="91"/>
      <c r="IE3838" s="91"/>
      <c r="IF3838" s="91"/>
      <c r="IG3838" s="91"/>
      <c r="IH3838" s="91"/>
      <c r="II3838" s="91"/>
      <c r="IJ3838" s="91"/>
      <c r="IK3838" s="174"/>
    </row>
    <row r="3839" spans="2:245" x14ac:dyDescent="0.2">
      <c r="B3839" s="43"/>
      <c r="C3839" s="73"/>
      <c r="D3839" s="64"/>
      <c r="E3839" s="64"/>
      <c r="F3839" s="55"/>
      <c r="G3839" s="102"/>
      <c r="H3839" s="97"/>
      <c r="T3839" s="98"/>
      <c r="U3839" s="97"/>
      <c r="AG3839" s="98"/>
      <c r="AY3839" s="164"/>
      <c r="BK3839" s="98"/>
      <c r="BL3839" s="97"/>
      <c r="BX3839" s="98"/>
      <c r="CL3839" s="97"/>
      <c r="CX3839" s="98"/>
      <c r="DL3839" s="97"/>
      <c r="DX3839" s="98"/>
      <c r="EL3839" s="97"/>
      <c r="EX3839" s="98"/>
      <c r="EY3839" s="97"/>
      <c r="FL3839" s="126"/>
      <c r="FM3839" s="91"/>
      <c r="FN3839" s="91"/>
      <c r="FO3839" s="91"/>
      <c r="FP3839" s="91"/>
      <c r="FQ3839" s="91"/>
      <c r="FR3839" s="91"/>
      <c r="FS3839" s="91"/>
      <c r="FT3839" s="91"/>
      <c r="FU3839" s="91"/>
      <c r="FV3839" s="91"/>
      <c r="FW3839" s="91"/>
      <c r="FX3839" s="127"/>
      <c r="FY3839" s="126"/>
      <c r="FZ3839" s="91"/>
      <c r="GA3839" s="91"/>
      <c r="GB3839" s="91"/>
      <c r="GC3839" s="91"/>
      <c r="GD3839" s="91"/>
      <c r="GE3839" s="91"/>
      <c r="GF3839" s="91"/>
      <c r="GG3839" s="91"/>
      <c r="GH3839" s="91"/>
      <c r="GI3839" s="91"/>
      <c r="GJ3839" s="91"/>
      <c r="GK3839" s="127"/>
      <c r="GL3839" s="126"/>
      <c r="GM3839" s="91"/>
      <c r="GN3839" s="91"/>
      <c r="GO3839" s="91"/>
      <c r="GP3839" s="91"/>
      <c r="GQ3839" s="91"/>
      <c r="GR3839" s="91"/>
      <c r="GS3839" s="91"/>
      <c r="GT3839" s="91"/>
      <c r="GU3839" s="91"/>
      <c r="GV3839" s="91"/>
      <c r="GW3839" s="91"/>
      <c r="GX3839" s="127"/>
      <c r="GY3839" s="126"/>
      <c r="GZ3839" s="91"/>
      <c r="HA3839" s="91"/>
      <c r="HB3839" s="91"/>
      <c r="HC3839" s="91"/>
      <c r="HD3839" s="91"/>
      <c r="HE3839" s="91"/>
      <c r="HF3839" s="91"/>
      <c r="HG3839" s="91"/>
      <c r="HH3839" s="91"/>
      <c r="HI3839" s="91"/>
      <c r="HJ3839" s="91"/>
      <c r="HK3839" s="127"/>
      <c r="HL3839" s="126"/>
      <c r="HM3839" s="91"/>
      <c r="HN3839" s="91"/>
      <c r="HO3839" s="91"/>
      <c r="HP3839" s="91"/>
      <c r="HQ3839" s="91"/>
      <c r="HR3839" s="91"/>
      <c r="HS3839" s="91"/>
      <c r="HT3839" s="91"/>
      <c r="HU3839" s="91"/>
      <c r="HV3839" s="91"/>
      <c r="HW3839" s="91"/>
      <c r="HX3839" s="127"/>
      <c r="HY3839" s="126"/>
      <c r="HZ3839" s="91"/>
      <c r="IA3839" s="91"/>
      <c r="IB3839" s="91"/>
      <c r="IC3839" s="91"/>
      <c r="ID3839" s="91"/>
      <c r="IE3839" s="91"/>
      <c r="IF3839" s="91"/>
      <c r="IG3839" s="91"/>
      <c r="IH3839" s="91"/>
      <c r="II3839" s="91"/>
      <c r="IJ3839" s="91"/>
      <c r="IK3839" s="174"/>
    </row>
    <row r="3840" spans="2:245" x14ac:dyDescent="0.2">
      <c r="B3840" s="43"/>
      <c r="C3840" s="73"/>
      <c r="D3840" s="64"/>
      <c r="E3840" s="64"/>
      <c r="F3840" s="55"/>
      <c r="G3840" s="102"/>
      <c r="H3840" s="97"/>
      <c r="T3840" s="98"/>
      <c r="U3840" s="97"/>
      <c r="AG3840" s="98"/>
      <c r="AY3840" s="164"/>
      <c r="BK3840" s="98"/>
      <c r="BL3840" s="97"/>
      <c r="BX3840" s="98"/>
      <c r="CL3840" s="97"/>
      <c r="CX3840" s="98"/>
      <c r="DL3840" s="97"/>
      <c r="DX3840" s="98"/>
      <c r="EL3840" s="97"/>
      <c r="EX3840" s="98"/>
      <c r="EY3840" s="97"/>
      <c r="FL3840" s="126"/>
      <c r="FM3840" s="91"/>
      <c r="FN3840" s="91"/>
      <c r="FO3840" s="91"/>
      <c r="FP3840" s="91"/>
      <c r="FQ3840" s="91"/>
      <c r="FR3840" s="91"/>
      <c r="FS3840" s="91"/>
      <c r="FT3840" s="91"/>
      <c r="FU3840" s="91"/>
      <c r="FV3840" s="91"/>
      <c r="FW3840" s="91"/>
      <c r="FX3840" s="127"/>
      <c r="FY3840" s="126"/>
      <c r="FZ3840" s="91"/>
      <c r="GA3840" s="91"/>
      <c r="GB3840" s="91"/>
      <c r="GC3840" s="91"/>
      <c r="GD3840" s="91"/>
      <c r="GE3840" s="91"/>
      <c r="GF3840" s="91"/>
      <c r="GG3840" s="91"/>
      <c r="GH3840" s="91"/>
      <c r="GI3840" s="91"/>
      <c r="GJ3840" s="91"/>
      <c r="GK3840" s="127"/>
      <c r="GL3840" s="126"/>
      <c r="GM3840" s="91"/>
      <c r="GN3840" s="91"/>
      <c r="GO3840" s="91"/>
      <c r="GP3840" s="91"/>
      <c r="GQ3840" s="91"/>
      <c r="GR3840" s="91"/>
      <c r="GS3840" s="91"/>
      <c r="GT3840" s="91"/>
      <c r="GU3840" s="91"/>
      <c r="GV3840" s="91"/>
      <c r="GW3840" s="91"/>
      <c r="GX3840" s="127"/>
      <c r="GY3840" s="126"/>
      <c r="GZ3840" s="91"/>
      <c r="HA3840" s="91"/>
      <c r="HB3840" s="91"/>
      <c r="HC3840" s="91"/>
      <c r="HD3840" s="91"/>
      <c r="HE3840" s="91"/>
      <c r="HF3840" s="91"/>
      <c r="HG3840" s="91"/>
      <c r="HH3840" s="91"/>
      <c r="HI3840" s="91"/>
      <c r="HJ3840" s="91"/>
      <c r="HK3840" s="127"/>
      <c r="HL3840" s="126"/>
      <c r="HM3840" s="91"/>
      <c r="HN3840" s="91"/>
      <c r="HO3840" s="91"/>
      <c r="HP3840" s="91"/>
      <c r="HQ3840" s="91"/>
      <c r="HR3840" s="91"/>
      <c r="HS3840" s="91"/>
      <c r="HT3840" s="91"/>
      <c r="HU3840" s="91"/>
      <c r="HV3840" s="91"/>
      <c r="HW3840" s="91"/>
      <c r="HX3840" s="127"/>
      <c r="HY3840" s="126"/>
      <c r="HZ3840" s="91"/>
      <c r="IA3840" s="91"/>
      <c r="IB3840" s="91"/>
      <c r="IC3840" s="91"/>
      <c r="ID3840" s="91"/>
      <c r="IE3840" s="91"/>
      <c r="IF3840" s="91"/>
      <c r="IG3840" s="91"/>
      <c r="IH3840" s="91"/>
      <c r="II3840" s="91"/>
      <c r="IJ3840" s="91"/>
      <c r="IK3840" s="174"/>
    </row>
    <row r="3841" spans="2:245" x14ac:dyDescent="0.2">
      <c r="B3841" s="43"/>
      <c r="C3841" s="73"/>
      <c r="D3841" s="64"/>
      <c r="E3841" s="64"/>
      <c r="F3841" s="55"/>
      <c r="G3841" s="102"/>
      <c r="H3841" s="97"/>
      <c r="T3841" s="98"/>
      <c r="U3841" s="97"/>
      <c r="AG3841" s="98"/>
      <c r="AY3841" s="164"/>
      <c r="BK3841" s="98"/>
      <c r="BL3841" s="97"/>
      <c r="BX3841" s="98"/>
      <c r="CL3841" s="97"/>
      <c r="CX3841" s="98"/>
      <c r="DL3841" s="97"/>
      <c r="DX3841" s="98"/>
      <c r="EL3841" s="97"/>
      <c r="EX3841" s="98"/>
      <c r="EY3841" s="97"/>
      <c r="FL3841" s="126"/>
      <c r="FM3841" s="91"/>
      <c r="FN3841" s="91"/>
      <c r="FO3841" s="91"/>
      <c r="FP3841" s="91"/>
      <c r="FQ3841" s="91"/>
      <c r="FR3841" s="91"/>
      <c r="FS3841" s="91"/>
      <c r="FT3841" s="91"/>
      <c r="FU3841" s="91"/>
      <c r="FV3841" s="91"/>
      <c r="FW3841" s="91"/>
      <c r="FX3841" s="127"/>
      <c r="FY3841" s="126"/>
      <c r="FZ3841" s="91"/>
      <c r="GA3841" s="91"/>
      <c r="GB3841" s="91"/>
      <c r="GC3841" s="91"/>
      <c r="GD3841" s="91"/>
      <c r="GE3841" s="91"/>
      <c r="GF3841" s="91"/>
      <c r="GG3841" s="91"/>
      <c r="GH3841" s="91"/>
      <c r="GI3841" s="91"/>
      <c r="GJ3841" s="91"/>
      <c r="GK3841" s="127"/>
      <c r="GL3841" s="126"/>
      <c r="GM3841" s="91"/>
      <c r="GN3841" s="91"/>
      <c r="GO3841" s="91"/>
      <c r="GP3841" s="91"/>
      <c r="GQ3841" s="91"/>
      <c r="GR3841" s="91"/>
      <c r="GS3841" s="91"/>
      <c r="GT3841" s="91"/>
      <c r="GU3841" s="91"/>
      <c r="GV3841" s="91"/>
      <c r="GW3841" s="91"/>
      <c r="GX3841" s="127"/>
      <c r="GY3841" s="126"/>
      <c r="GZ3841" s="91"/>
      <c r="HA3841" s="91"/>
      <c r="HB3841" s="91"/>
      <c r="HC3841" s="91"/>
      <c r="HD3841" s="91"/>
      <c r="HE3841" s="91"/>
      <c r="HF3841" s="91"/>
      <c r="HG3841" s="91"/>
      <c r="HH3841" s="91"/>
      <c r="HI3841" s="91"/>
      <c r="HJ3841" s="91"/>
      <c r="HK3841" s="127"/>
      <c r="HL3841" s="126"/>
      <c r="HM3841" s="91"/>
      <c r="HN3841" s="91"/>
      <c r="HO3841" s="91"/>
      <c r="HP3841" s="91"/>
      <c r="HQ3841" s="91"/>
      <c r="HR3841" s="91"/>
      <c r="HS3841" s="91"/>
      <c r="HT3841" s="91"/>
      <c r="HU3841" s="91"/>
      <c r="HV3841" s="91"/>
      <c r="HW3841" s="91"/>
      <c r="HX3841" s="127"/>
      <c r="HY3841" s="126"/>
      <c r="HZ3841" s="91"/>
      <c r="IA3841" s="91"/>
      <c r="IB3841" s="91"/>
      <c r="IC3841" s="91"/>
      <c r="ID3841" s="91"/>
      <c r="IE3841" s="91"/>
      <c r="IF3841" s="91"/>
      <c r="IG3841" s="91"/>
      <c r="IH3841" s="91"/>
      <c r="II3841" s="91"/>
      <c r="IJ3841" s="91"/>
      <c r="IK3841" s="174"/>
    </row>
    <row r="3842" spans="2:245" x14ac:dyDescent="0.2">
      <c r="B3842" s="43"/>
      <c r="C3842" s="73"/>
      <c r="D3842" s="64"/>
      <c r="E3842" s="64"/>
      <c r="F3842" s="55"/>
      <c r="G3842" s="102"/>
      <c r="H3842" s="97"/>
      <c r="T3842" s="98"/>
      <c r="U3842" s="97"/>
      <c r="AG3842" s="98"/>
      <c r="AY3842" s="164"/>
      <c r="BK3842" s="98"/>
      <c r="BL3842" s="97"/>
      <c r="BX3842" s="98"/>
      <c r="CL3842" s="97"/>
      <c r="CX3842" s="98"/>
      <c r="DL3842" s="97"/>
      <c r="DX3842" s="98"/>
      <c r="EL3842" s="97"/>
      <c r="EX3842" s="98"/>
      <c r="EY3842" s="97"/>
      <c r="FL3842" s="126"/>
      <c r="FM3842" s="91"/>
      <c r="FN3842" s="91"/>
      <c r="FO3842" s="91"/>
      <c r="FP3842" s="91"/>
      <c r="FQ3842" s="91"/>
      <c r="FR3842" s="91"/>
      <c r="FS3842" s="91"/>
      <c r="FT3842" s="91"/>
      <c r="FU3842" s="91"/>
      <c r="FV3842" s="91"/>
      <c r="FW3842" s="91"/>
      <c r="FX3842" s="127"/>
      <c r="FY3842" s="126"/>
      <c r="FZ3842" s="91"/>
      <c r="GA3842" s="91"/>
      <c r="GB3842" s="91"/>
      <c r="GC3842" s="91"/>
      <c r="GD3842" s="91"/>
      <c r="GE3842" s="91"/>
      <c r="GF3842" s="91"/>
      <c r="GG3842" s="91"/>
      <c r="GH3842" s="91"/>
      <c r="GI3842" s="91"/>
      <c r="GJ3842" s="91"/>
      <c r="GK3842" s="127"/>
      <c r="GL3842" s="126"/>
      <c r="GM3842" s="91"/>
      <c r="GN3842" s="91"/>
      <c r="GO3842" s="91"/>
      <c r="GP3842" s="91"/>
      <c r="GQ3842" s="91"/>
      <c r="GR3842" s="91"/>
      <c r="GS3842" s="91"/>
      <c r="GT3842" s="91"/>
      <c r="GU3842" s="91"/>
      <c r="GV3842" s="91"/>
      <c r="GW3842" s="91"/>
      <c r="GX3842" s="127"/>
      <c r="GY3842" s="126"/>
      <c r="GZ3842" s="91"/>
      <c r="HA3842" s="91"/>
      <c r="HB3842" s="91"/>
      <c r="HC3842" s="91"/>
      <c r="HD3842" s="91"/>
      <c r="HE3842" s="91"/>
      <c r="HF3842" s="91"/>
      <c r="HG3842" s="91"/>
      <c r="HH3842" s="91"/>
      <c r="HI3842" s="91"/>
      <c r="HJ3842" s="91"/>
      <c r="HK3842" s="127"/>
      <c r="HL3842" s="126"/>
      <c r="HM3842" s="91"/>
      <c r="HN3842" s="91"/>
      <c r="HO3842" s="91"/>
      <c r="HP3842" s="91"/>
      <c r="HQ3842" s="91"/>
      <c r="HR3842" s="91"/>
      <c r="HS3842" s="91"/>
      <c r="HT3842" s="91"/>
      <c r="HU3842" s="91"/>
      <c r="HV3842" s="91"/>
      <c r="HW3842" s="91"/>
      <c r="HX3842" s="127"/>
      <c r="HY3842" s="126"/>
      <c r="HZ3842" s="91"/>
      <c r="IA3842" s="91"/>
      <c r="IB3842" s="91"/>
      <c r="IC3842" s="91"/>
      <c r="ID3842" s="91"/>
      <c r="IE3842" s="91"/>
      <c r="IF3842" s="91"/>
      <c r="IG3842" s="91"/>
      <c r="IH3842" s="91"/>
      <c r="II3842" s="91"/>
      <c r="IJ3842" s="91"/>
      <c r="IK3842" s="174"/>
    </row>
    <row r="3843" spans="2:245" x14ac:dyDescent="0.2">
      <c r="B3843" s="43"/>
      <c r="C3843" s="73"/>
      <c r="D3843" s="64"/>
      <c r="E3843" s="64"/>
      <c r="F3843" s="55"/>
      <c r="G3843" s="102"/>
      <c r="H3843" s="97"/>
      <c r="T3843" s="98"/>
      <c r="U3843" s="97"/>
      <c r="AG3843" s="98"/>
      <c r="AY3843" s="164"/>
      <c r="BK3843" s="98"/>
      <c r="BL3843" s="97"/>
      <c r="BX3843" s="98"/>
      <c r="CL3843" s="97"/>
      <c r="CX3843" s="98"/>
      <c r="DL3843" s="97"/>
      <c r="DX3843" s="98"/>
      <c r="EL3843" s="97"/>
      <c r="EX3843" s="98"/>
      <c r="EY3843" s="97"/>
      <c r="FL3843" s="126"/>
      <c r="FM3843" s="91"/>
      <c r="FN3843" s="91"/>
      <c r="FO3843" s="91"/>
      <c r="FP3843" s="91"/>
      <c r="FQ3843" s="91"/>
      <c r="FR3843" s="91"/>
      <c r="FS3843" s="91"/>
      <c r="FT3843" s="91"/>
      <c r="FU3843" s="91"/>
      <c r="FV3843" s="91"/>
      <c r="FW3843" s="91"/>
      <c r="FX3843" s="127"/>
      <c r="FY3843" s="126"/>
      <c r="FZ3843" s="91"/>
      <c r="GA3843" s="91"/>
      <c r="GB3843" s="91"/>
      <c r="GC3843" s="91"/>
      <c r="GD3843" s="91"/>
      <c r="GE3843" s="91"/>
      <c r="GF3843" s="91"/>
      <c r="GG3843" s="91"/>
      <c r="GH3843" s="91"/>
      <c r="GI3843" s="91"/>
      <c r="GJ3843" s="91"/>
      <c r="GK3843" s="127"/>
      <c r="GL3843" s="126"/>
      <c r="GM3843" s="91"/>
      <c r="GN3843" s="91"/>
      <c r="GO3843" s="91"/>
      <c r="GP3843" s="91"/>
      <c r="GQ3843" s="91"/>
      <c r="GR3843" s="91"/>
      <c r="GS3843" s="91"/>
      <c r="GT3843" s="91"/>
      <c r="GU3843" s="91"/>
      <c r="GV3843" s="91"/>
      <c r="GW3843" s="91"/>
      <c r="GX3843" s="127"/>
      <c r="GY3843" s="126"/>
      <c r="GZ3843" s="91"/>
      <c r="HA3843" s="91"/>
      <c r="HB3843" s="91"/>
      <c r="HC3843" s="91"/>
      <c r="HD3843" s="91"/>
      <c r="HE3843" s="91"/>
      <c r="HF3843" s="91"/>
      <c r="HG3843" s="91"/>
      <c r="HH3843" s="91"/>
      <c r="HI3843" s="91"/>
      <c r="HJ3843" s="91"/>
      <c r="HK3843" s="127"/>
      <c r="HL3843" s="126"/>
      <c r="HM3843" s="91"/>
      <c r="HN3843" s="91"/>
      <c r="HO3843" s="91"/>
      <c r="HP3843" s="91"/>
      <c r="HQ3843" s="91"/>
      <c r="HR3843" s="91"/>
      <c r="HS3843" s="91"/>
      <c r="HT3843" s="91"/>
      <c r="HU3843" s="91"/>
      <c r="HV3843" s="91"/>
      <c r="HW3843" s="91"/>
      <c r="HX3843" s="127"/>
      <c r="HY3843" s="126"/>
      <c r="HZ3843" s="91"/>
      <c r="IA3843" s="91"/>
      <c r="IB3843" s="91"/>
      <c r="IC3843" s="91"/>
      <c r="ID3843" s="91"/>
      <c r="IE3843" s="91"/>
      <c r="IF3843" s="91"/>
      <c r="IG3843" s="91"/>
      <c r="IH3843" s="91"/>
      <c r="II3843" s="91"/>
      <c r="IJ3843" s="91"/>
      <c r="IK3843" s="174"/>
    </row>
    <row r="3844" spans="2:245" x14ac:dyDescent="0.2">
      <c r="B3844" s="43"/>
      <c r="C3844" s="73"/>
      <c r="D3844" s="64"/>
      <c r="E3844" s="64"/>
      <c r="F3844" s="55"/>
      <c r="G3844" s="102"/>
      <c r="H3844" s="97"/>
      <c r="T3844" s="98"/>
      <c r="U3844" s="97"/>
      <c r="AG3844" s="98"/>
      <c r="AY3844" s="164"/>
      <c r="BK3844" s="98"/>
      <c r="BL3844" s="97"/>
      <c r="BX3844" s="98"/>
      <c r="CL3844" s="97"/>
      <c r="CX3844" s="98"/>
      <c r="DL3844" s="97"/>
      <c r="DX3844" s="98"/>
      <c r="EL3844" s="97"/>
      <c r="EX3844" s="98"/>
      <c r="EY3844" s="97"/>
      <c r="FL3844" s="126"/>
      <c r="FM3844" s="91"/>
      <c r="FN3844" s="91"/>
      <c r="FO3844" s="91"/>
      <c r="FP3844" s="91"/>
      <c r="FQ3844" s="91"/>
      <c r="FR3844" s="91"/>
      <c r="FS3844" s="91"/>
      <c r="FT3844" s="91"/>
      <c r="FU3844" s="91"/>
      <c r="FV3844" s="91"/>
      <c r="FW3844" s="91"/>
      <c r="FX3844" s="127"/>
      <c r="FY3844" s="126"/>
      <c r="FZ3844" s="91"/>
      <c r="GA3844" s="91"/>
      <c r="GB3844" s="91"/>
      <c r="GC3844" s="91"/>
      <c r="GD3844" s="91"/>
      <c r="GE3844" s="91"/>
      <c r="GF3844" s="91"/>
      <c r="GG3844" s="91"/>
      <c r="GH3844" s="91"/>
      <c r="GI3844" s="91"/>
      <c r="GJ3844" s="91"/>
      <c r="GK3844" s="127"/>
      <c r="GL3844" s="126"/>
      <c r="GM3844" s="91"/>
      <c r="GN3844" s="91"/>
      <c r="GO3844" s="91"/>
      <c r="GP3844" s="91"/>
      <c r="GQ3844" s="91"/>
      <c r="GR3844" s="91"/>
      <c r="GS3844" s="91"/>
      <c r="GT3844" s="91"/>
      <c r="GU3844" s="91"/>
      <c r="GV3844" s="91"/>
      <c r="GW3844" s="91"/>
      <c r="GX3844" s="127"/>
      <c r="GY3844" s="126"/>
      <c r="GZ3844" s="91"/>
      <c r="HA3844" s="91"/>
      <c r="HB3844" s="91"/>
      <c r="HC3844" s="91"/>
      <c r="HD3844" s="91"/>
      <c r="HE3844" s="91"/>
      <c r="HF3844" s="91"/>
      <c r="HG3844" s="91"/>
      <c r="HH3844" s="91"/>
      <c r="HI3844" s="91"/>
      <c r="HJ3844" s="91"/>
      <c r="HK3844" s="127"/>
      <c r="HL3844" s="126"/>
      <c r="HM3844" s="91"/>
      <c r="HN3844" s="91"/>
      <c r="HO3844" s="91"/>
      <c r="HP3844" s="91"/>
      <c r="HQ3844" s="91"/>
      <c r="HR3844" s="91"/>
      <c r="HS3844" s="91"/>
      <c r="HT3844" s="91"/>
      <c r="HU3844" s="91"/>
      <c r="HV3844" s="91"/>
      <c r="HW3844" s="91"/>
      <c r="HX3844" s="127"/>
      <c r="HY3844" s="126"/>
      <c r="HZ3844" s="91"/>
      <c r="IA3844" s="91"/>
      <c r="IB3844" s="91"/>
      <c r="IC3844" s="91"/>
      <c r="ID3844" s="91"/>
      <c r="IE3844" s="91"/>
      <c r="IF3844" s="91"/>
      <c r="IG3844" s="91"/>
      <c r="IH3844" s="91"/>
      <c r="II3844" s="91"/>
      <c r="IJ3844" s="91"/>
      <c r="IK3844" s="174"/>
    </row>
    <row r="3845" spans="2:245" x14ac:dyDescent="0.2">
      <c r="B3845" s="43"/>
      <c r="C3845" s="73"/>
      <c r="D3845" s="64"/>
      <c r="E3845" s="64"/>
      <c r="F3845" s="55"/>
      <c r="G3845" s="102"/>
      <c r="H3845" s="97"/>
      <c r="T3845" s="98"/>
      <c r="U3845" s="97"/>
      <c r="AG3845" s="98"/>
      <c r="AY3845" s="164"/>
      <c r="BK3845" s="98"/>
      <c r="BL3845" s="97"/>
      <c r="BX3845" s="98"/>
      <c r="CL3845" s="97"/>
      <c r="CX3845" s="98"/>
      <c r="DL3845" s="97"/>
      <c r="DX3845" s="98"/>
      <c r="EL3845" s="97"/>
      <c r="EX3845" s="98"/>
      <c r="EY3845" s="97"/>
      <c r="FL3845" s="126"/>
      <c r="FM3845" s="91"/>
      <c r="FN3845" s="91"/>
      <c r="FO3845" s="91"/>
      <c r="FP3845" s="91"/>
      <c r="FQ3845" s="91"/>
      <c r="FR3845" s="91"/>
      <c r="FS3845" s="91"/>
      <c r="FT3845" s="91"/>
      <c r="FU3845" s="91"/>
      <c r="FV3845" s="91"/>
      <c r="FW3845" s="91"/>
      <c r="FX3845" s="127"/>
      <c r="FY3845" s="126"/>
      <c r="FZ3845" s="91"/>
      <c r="GA3845" s="91"/>
      <c r="GB3845" s="91"/>
      <c r="GC3845" s="91"/>
      <c r="GD3845" s="91"/>
      <c r="GE3845" s="91"/>
      <c r="GF3845" s="91"/>
      <c r="GG3845" s="91"/>
      <c r="GH3845" s="91"/>
      <c r="GI3845" s="91"/>
      <c r="GJ3845" s="91"/>
      <c r="GK3845" s="127"/>
      <c r="GL3845" s="126"/>
      <c r="GM3845" s="91"/>
      <c r="GN3845" s="91"/>
      <c r="GO3845" s="91"/>
      <c r="GP3845" s="91"/>
      <c r="GQ3845" s="91"/>
      <c r="GR3845" s="91"/>
      <c r="GS3845" s="91"/>
      <c r="GT3845" s="91"/>
      <c r="GU3845" s="91"/>
      <c r="GV3845" s="91"/>
      <c r="GW3845" s="91"/>
      <c r="GX3845" s="127"/>
      <c r="GY3845" s="126"/>
      <c r="GZ3845" s="91"/>
      <c r="HA3845" s="91"/>
      <c r="HB3845" s="91"/>
      <c r="HC3845" s="91"/>
      <c r="HD3845" s="91"/>
      <c r="HE3845" s="91"/>
      <c r="HF3845" s="91"/>
      <c r="HG3845" s="91"/>
      <c r="HH3845" s="91"/>
      <c r="HI3845" s="91"/>
      <c r="HJ3845" s="91"/>
      <c r="HK3845" s="127"/>
      <c r="HL3845" s="126"/>
      <c r="HM3845" s="91"/>
      <c r="HN3845" s="91"/>
      <c r="HO3845" s="91"/>
      <c r="HP3845" s="91"/>
      <c r="HQ3845" s="91"/>
      <c r="HR3845" s="91"/>
      <c r="HS3845" s="91"/>
      <c r="HT3845" s="91"/>
      <c r="HU3845" s="91"/>
      <c r="HV3845" s="91"/>
      <c r="HW3845" s="91"/>
      <c r="HX3845" s="127"/>
      <c r="HY3845" s="126"/>
      <c r="HZ3845" s="91"/>
      <c r="IA3845" s="91"/>
      <c r="IB3845" s="91"/>
      <c r="IC3845" s="91"/>
      <c r="ID3845" s="91"/>
      <c r="IE3845" s="91"/>
      <c r="IF3845" s="91"/>
      <c r="IG3845" s="91"/>
      <c r="IH3845" s="91"/>
      <c r="II3845" s="91"/>
      <c r="IJ3845" s="91"/>
      <c r="IK3845" s="174"/>
    </row>
    <row r="3846" spans="2:245" x14ac:dyDescent="0.2">
      <c r="B3846" s="43"/>
      <c r="C3846" s="73"/>
      <c r="D3846" s="64"/>
      <c r="E3846" s="64"/>
      <c r="F3846" s="55"/>
      <c r="G3846" s="102"/>
      <c r="H3846" s="97"/>
      <c r="T3846" s="98"/>
      <c r="U3846" s="97"/>
      <c r="AG3846" s="98"/>
      <c r="AY3846" s="164"/>
      <c r="BK3846" s="98"/>
      <c r="BL3846" s="97"/>
      <c r="BX3846" s="98"/>
      <c r="CL3846" s="97"/>
      <c r="CX3846" s="98"/>
      <c r="DL3846" s="97"/>
      <c r="DX3846" s="98"/>
      <c r="EL3846" s="97"/>
      <c r="EX3846" s="98"/>
      <c r="EY3846" s="97"/>
      <c r="FL3846" s="126"/>
      <c r="FM3846" s="91"/>
      <c r="FN3846" s="91"/>
      <c r="FO3846" s="91"/>
      <c r="FP3846" s="91"/>
      <c r="FQ3846" s="91"/>
      <c r="FR3846" s="91"/>
      <c r="FS3846" s="91"/>
      <c r="FT3846" s="91"/>
      <c r="FU3846" s="91"/>
      <c r="FV3846" s="91"/>
      <c r="FW3846" s="91"/>
      <c r="FX3846" s="127"/>
      <c r="FY3846" s="126"/>
      <c r="FZ3846" s="91"/>
      <c r="GA3846" s="91"/>
      <c r="GB3846" s="91"/>
      <c r="GC3846" s="91"/>
      <c r="GD3846" s="91"/>
      <c r="GE3846" s="91"/>
      <c r="GF3846" s="91"/>
      <c r="GG3846" s="91"/>
      <c r="GH3846" s="91"/>
      <c r="GI3846" s="91"/>
      <c r="GJ3846" s="91"/>
      <c r="GK3846" s="127"/>
      <c r="GL3846" s="126"/>
      <c r="GM3846" s="91"/>
      <c r="GN3846" s="91"/>
      <c r="GO3846" s="91"/>
      <c r="GP3846" s="91"/>
      <c r="GQ3846" s="91"/>
      <c r="GR3846" s="91"/>
      <c r="GS3846" s="91"/>
      <c r="GT3846" s="91"/>
      <c r="GU3846" s="91"/>
      <c r="GV3846" s="91"/>
      <c r="GW3846" s="91"/>
      <c r="GX3846" s="127"/>
      <c r="GY3846" s="126"/>
      <c r="GZ3846" s="91"/>
      <c r="HA3846" s="91"/>
      <c r="HB3846" s="91"/>
      <c r="HC3846" s="91"/>
      <c r="HD3846" s="91"/>
      <c r="HE3846" s="91"/>
      <c r="HF3846" s="91"/>
      <c r="HG3846" s="91"/>
      <c r="HH3846" s="91"/>
      <c r="HI3846" s="91"/>
      <c r="HJ3846" s="91"/>
      <c r="HK3846" s="127"/>
      <c r="HL3846" s="126"/>
      <c r="HM3846" s="91"/>
      <c r="HN3846" s="91"/>
      <c r="HO3846" s="91"/>
      <c r="HP3846" s="91"/>
      <c r="HQ3846" s="91"/>
      <c r="HR3846" s="91"/>
      <c r="HS3846" s="91"/>
      <c r="HT3846" s="91"/>
      <c r="HU3846" s="91"/>
      <c r="HV3846" s="91"/>
      <c r="HW3846" s="91"/>
      <c r="HX3846" s="127"/>
      <c r="HY3846" s="126"/>
      <c r="HZ3846" s="91"/>
      <c r="IA3846" s="91"/>
      <c r="IB3846" s="91"/>
      <c r="IC3846" s="91"/>
      <c r="ID3846" s="91"/>
      <c r="IE3846" s="91"/>
      <c r="IF3846" s="91"/>
      <c r="IG3846" s="91"/>
      <c r="IH3846" s="91"/>
      <c r="II3846" s="91"/>
      <c r="IJ3846" s="91"/>
      <c r="IK3846" s="174"/>
    </row>
    <row r="3847" spans="2:245" x14ac:dyDescent="0.2">
      <c r="B3847" s="43"/>
      <c r="C3847" s="73"/>
      <c r="D3847" s="64"/>
      <c r="E3847" s="64"/>
      <c r="F3847" s="55"/>
      <c r="G3847" s="102"/>
      <c r="H3847" s="97"/>
      <c r="T3847" s="98"/>
      <c r="U3847" s="97"/>
      <c r="AG3847" s="98"/>
      <c r="AY3847" s="164"/>
      <c r="BK3847" s="98"/>
      <c r="BL3847" s="97"/>
      <c r="BX3847" s="98"/>
      <c r="CL3847" s="97"/>
      <c r="CX3847" s="98"/>
      <c r="DL3847" s="97"/>
      <c r="DX3847" s="98"/>
      <c r="EL3847" s="97"/>
      <c r="EX3847" s="98"/>
      <c r="EY3847" s="97"/>
      <c r="FL3847" s="126"/>
      <c r="FM3847" s="91"/>
      <c r="FN3847" s="91"/>
      <c r="FO3847" s="91"/>
      <c r="FP3847" s="91"/>
      <c r="FQ3847" s="91"/>
      <c r="FR3847" s="91"/>
      <c r="FS3847" s="91"/>
      <c r="FT3847" s="91"/>
      <c r="FU3847" s="91"/>
      <c r="FV3847" s="91"/>
      <c r="FW3847" s="91"/>
      <c r="FX3847" s="127"/>
      <c r="FY3847" s="126"/>
      <c r="FZ3847" s="91"/>
      <c r="GA3847" s="91"/>
      <c r="GB3847" s="91"/>
      <c r="GC3847" s="91"/>
      <c r="GD3847" s="91"/>
      <c r="GE3847" s="91"/>
      <c r="GF3847" s="91"/>
      <c r="GG3847" s="91"/>
      <c r="GH3847" s="91"/>
      <c r="GI3847" s="91"/>
      <c r="GJ3847" s="91"/>
      <c r="GK3847" s="127"/>
      <c r="GL3847" s="126"/>
      <c r="GM3847" s="91"/>
      <c r="GN3847" s="91"/>
      <c r="GO3847" s="91"/>
      <c r="GP3847" s="91"/>
      <c r="GQ3847" s="91"/>
      <c r="GR3847" s="91"/>
      <c r="GS3847" s="91"/>
      <c r="GT3847" s="91"/>
      <c r="GU3847" s="91"/>
      <c r="GV3847" s="91"/>
      <c r="GW3847" s="91"/>
      <c r="GX3847" s="127"/>
      <c r="GY3847" s="126"/>
      <c r="GZ3847" s="91"/>
      <c r="HA3847" s="91"/>
      <c r="HB3847" s="91"/>
      <c r="HC3847" s="91"/>
      <c r="HD3847" s="91"/>
      <c r="HE3847" s="91"/>
      <c r="HF3847" s="91"/>
      <c r="HG3847" s="91"/>
      <c r="HH3847" s="91"/>
      <c r="HI3847" s="91"/>
      <c r="HJ3847" s="91"/>
      <c r="HK3847" s="127"/>
      <c r="HL3847" s="126"/>
      <c r="HM3847" s="91"/>
      <c r="HN3847" s="91"/>
      <c r="HO3847" s="91"/>
      <c r="HP3847" s="91"/>
      <c r="HQ3847" s="91"/>
      <c r="HR3847" s="91"/>
      <c r="HS3847" s="91"/>
      <c r="HT3847" s="91"/>
      <c r="HU3847" s="91"/>
      <c r="HV3847" s="91"/>
      <c r="HW3847" s="91"/>
      <c r="HX3847" s="127"/>
      <c r="HY3847" s="126"/>
      <c r="HZ3847" s="91"/>
      <c r="IA3847" s="91"/>
      <c r="IB3847" s="91"/>
      <c r="IC3847" s="91"/>
      <c r="ID3847" s="91"/>
      <c r="IE3847" s="91"/>
      <c r="IF3847" s="91"/>
      <c r="IG3847" s="91"/>
      <c r="IH3847" s="91"/>
      <c r="II3847" s="91"/>
      <c r="IJ3847" s="91"/>
      <c r="IK3847" s="174"/>
    </row>
    <row r="3848" spans="2:245" x14ac:dyDescent="0.2">
      <c r="B3848" s="43"/>
      <c r="C3848" s="73"/>
      <c r="D3848" s="64"/>
      <c r="E3848" s="64"/>
      <c r="F3848" s="55"/>
      <c r="G3848" s="102"/>
      <c r="H3848" s="97"/>
      <c r="T3848" s="98"/>
      <c r="U3848" s="97"/>
      <c r="AG3848" s="98"/>
      <c r="AY3848" s="164"/>
      <c r="BK3848" s="98"/>
      <c r="BL3848" s="97"/>
      <c r="BX3848" s="98"/>
      <c r="CL3848" s="97"/>
      <c r="CX3848" s="98"/>
      <c r="DL3848" s="97"/>
      <c r="DX3848" s="98"/>
      <c r="EL3848" s="97"/>
      <c r="EX3848" s="98"/>
      <c r="EY3848" s="97"/>
      <c r="FL3848" s="126"/>
      <c r="FM3848" s="91"/>
      <c r="FN3848" s="91"/>
      <c r="FO3848" s="91"/>
      <c r="FP3848" s="91"/>
      <c r="FQ3848" s="91"/>
      <c r="FR3848" s="91"/>
      <c r="FS3848" s="91"/>
      <c r="FT3848" s="91"/>
      <c r="FU3848" s="91"/>
      <c r="FV3848" s="91"/>
      <c r="FW3848" s="91"/>
      <c r="FX3848" s="127"/>
      <c r="FY3848" s="126"/>
      <c r="FZ3848" s="91"/>
      <c r="GA3848" s="91"/>
      <c r="GB3848" s="91"/>
      <c r="GC3848" s="91"/>
      <c r="GD3848" s="91"/>
      <c r="GE3848" s="91"/>
      <c r="GF3848" s="91"/>
      <c r="GG3848" s="91"/>
      <c r="GH3848" s="91"/>
      <c r="GI3848" s="91"/>
      <c r="GJ3848" s="91"/>
      <c r="GK3848" s="127"/>
      <c r="GL3848" s="126"/>
      <c r="GM3848" s="91"/>
      <c r="GN3848" s="91"/>
      <c r="GO3848" s="91"/>
      <c r="GP3848" s="91"/>
      <c r="GQ3848" s="91"/>
      <c r="GR3848" s="91"/>
      <c r="GS3848" s="91"/>
      <c r="GT3848" s="91"/>
      <c r="GU3848" s="91"/>
      <c r="GV3848" s="91"/>
      <c r="GW3848" s="91"/>
      <c r="GX3848" s="127"/>
      <c r="GY3848" s="126"/>
      <c r="GZ3848" s="91"/>
      <c r="HA3848" s="91"/>
      <c r="HB3848" s="91"/>
      <c r="HC3848" s="91"/>
      <c r="HD3848" s="91"/>
      <c r="HE3848" s="91"/>
      <c r="HF3848" s="91"/>
      <c r="HG3848" s="91"/>
      <c r="HH3848" s="91"/>
      <c r="HI3848" s="91"/>
      <c r="HJ3848" s="91"/>
      <c r="HK3848" s="127"/>
      <c r="HL3848" s="126"/>
      <c r="HM3848" s="91"/>
      <c r="HN3848" s="91"/>
      <c r="HO3848" s="91"/>
      <c r="HP3848" s="91"/>
      <c r="HQ3848" s="91"/>
      <c r="HR3848" s="91"/>
      <c r="HS3848" s="91"/>
      <c r="HT3848" s="91"/>
      <c r="HU3848" s="91"/>
      <c r="HV3848" s="91"/>
      <c r="HW3848" s="91"/>
      <c r="HX3848" s="127"/>
      <c r="HY3848" s="126"/>
      <c r="HZ3848" s="91"/>
      <c r="IA3848" s="91"/>
      <c r="IB3848" s="91"/>
      <c r="IC3848" s="91"/>
      <c r="ID3848" s="91"/>
      <c r="IE3848" s="91"/>
      <c r="IF3848" s="91"/>
      <c r="IG3848" s="91"/>
      <c r="IH3848" s="91"/>
      <c r="II3848" s="91"/>
      <c r="IJ3848" s="91"/>
      <c r="IK3848" s="174"/>
    </row>
    <row r="3849" spans="2:245" x14ac:dyDescent="0.2">
      <c r="B3849" s="43"/>
      <c r="C3849" s="73"/>
      <c r="D3849" s="64"/>
      <c r="E3849" s="64"/>
      <c r="F3849" s="55"/>
      <c r="G3849" s="102"/>
      <c r="H3849" s="97"/>
      <c r="T3849" s="98"/>
      <c r="U3849" s="97"/>
      <c r="AG3849" s="98"/>
      <c r="AY3849" s="164"/>
      <c r="BK3849" s="98"/>
      <c r="BL3849" s="97"/>
      <c r="BX3849" s="98"/>
      <c r="CL3849" s="97"/>
      <c r="CX3849" s="98"/>
      <c r="DL3849" s="97"/>
      <c r="DX3849" s="98"/>
      <c r="EL3849" s="97"/>
      <c r="EX3849" s="98"/>
      <c r="EY3849" s="97"/>
      <c r="FL3849" s="126"/>
      <c r="FM3849" s="91"/>
      <c r="FN3849" s="91"/>
      <c r="FO3849" s="91"/>
      <c r="FP3849" s="91"/>
      <c r="FQ3849" s="91"/>
      <c r="FR3849" s="91"/>
      <c r="FS3849" s="91"/>
      <c r="FT3849" s="91"/>
      <c r="FU3849" s="91"/>
      <c r="FV3849" s="91"/>
      <c r="FW3849" s="91"/>
      <c r="FX3849" s="127"/>
      <c r="FY3849" s="126"/>
      <c r="FZ3849" s="91"/>
      <c r="GA3849" s="91"/>
      <c r="GB3849" s="91"/>
      <c r="GC3849" s="91"/>
      <c r="GD3849" s="91"/>
      <c r="GE3849" s="91"/>
      <c r="GF3849" s="91"/>
      <c r="GG3849" s="91"/>
      <c r="GH3849" s="91"/>
      <c r="GI3849" s="91"/>
      <c r="GJ3849" s="91"/>
      <c r="GK3849" s="127"/>
      <c r="GL3849" s="126"/>
      <c r="GM3849" s="91"/>
      <c r="GN3849" s="91"/>
      <c r="GO3849" s="91"/>
      <c r="GP3849" s="91"/>
      <c r="GQ3849" s="91"/>
      <c r="GR3849" s="91"/>
      <c r="GS3849" s="91"/>
      <c r="GT3849" s="91"/>
      <c r="GU3849" s="91"/>
      <c r="GV3849" s="91"/>
      <c r="GW3849" s="91"/>
      <c r="GX3849" s="127"/>
      <c r="GY3849" s="126"/>
      <c r="GZ3849" s="91"/>
      <c r="HA3849" s="91"/>
      <c r="HB3849" s="91"/>
      <c r="HC3849" s="91"/>
      <c r="HD3849" s="91"/>
      <c r="HE3849" s="91"/>
      <c r="HF3849" s="91"/>
      <c r="HG3849" s="91"/>
      <c r="HH3849" s="91"/>
      <c r="HI3849" s="91"/>
      <c r="HJ3849" s="91"/>
      <c r="HK3849" s="127"/>
      <c r="HL3849" s="126"/>
      <c r="HM3849" s="91"/>
      <c r="HN3849" s="91"/>
      <c r="HO3849" s="91"/>
      <c r="HP3849" s="91"/>
      <c r="HQ3849" s="91"/>
      <c r="HR3849" s="91"/>
      <c r="HS3849" s="91"/>
      <c r="HT3849" s="91"/>
      <c r="HU3849" s="91"/>
      <c r="HV3849" s="91"/>
      <c r="HW3849" s="91"/>
      <c r="HX3849" s="127"/>
      <c r="HY3849" s="126"/>
      <c r="HZ3849" s="91"/>
      <c r="IA3849" s="91"/>
      <c r="IB3849" s="91"/>
      <c r="IC3849" s="91"/>
      <c r="ID3849" s="91"/>
      <c r="IE3849" s="91"/>
      <c r="IF3849" s="91"/>
      <c r="IG3849" s="91"/>
      <c r="IH3849" s="91"/>
      <c r="II3849" s="91"/>
      <c r="IJ3849" s="91"/>
      <c r="IK3849" s="174"/>
    </row>
    <row r="3850" spans="2:245" x14ac:dyDescent="0.2">
      <c r="B3850" s="43"/>
      <c r="C3850" s="73"/>
      <c r="D3850" s="64"/>
      <c r="E3850" s="64"/>
      <c r="F3850" s="55"/>
      <c r="G3850" s="102"/>
      <c r="H3850" s="97"/>
      <c r="T3850" s="98"/>
      <c r="U3850" s="97"/>
      <c r="AG3850" s="98"/>
      <c r="AY3850" s="164"/>
      <c r="BK3850" s="98"/>
      <c r="BL3850" s="97"/>
      <c r="BX3850" s="98"/>
      <c r="CL3850" s="97"/>
      <c r="CX3850" s="98"/>
      <c r="DL3850" s="97"/>
      <c r="DX3850" s="98"/>
      <c r="EL3850" s="97"/>
      <c r="EX3850" s="98"/>
      <c r="EY3850" s="97"/>
      <c r="FL3850" s="126"/>
      <c r="FM3850" s="91"/>
      <c r="FN3850" s="91"/>
      <c r="FO3850" s="91"/>
      <c r="FP3850" s="91"/>
      <c r="FQ3850" s="91"/>
      <c r="FR3850" s="91"/>
      <c r="FS3850" s="91"/>
      <c r="FT3850" s="91"/>
      <c r="FU3850" s="91"/>
      <c r="FV3850" s="91"/>
      <c r="FW3850" s="91"/>
      <c r="FX3850" s="127"/>
      <c r="FY3850" s="126"/>
      <c r="FZ3850" s="91"/>
      <c r="GA3850" s="91"/>
      <c r="GB3850" s="91"/>
      <c r="GC3850" s="91"/>
      <c r="GD3850" s="91"/>
      <c r="GE3850" s="91"/>
      <c r="GF3850" s="91"/>
      <c r="GG3850" s="91"/>
      <c r="GH3850" s="91"/>
      <c r="GI3850" s="91"/>
      <c r="GJ3850" s="91"/>
      <c r="GK3850" s="127"/>
      <c r="GL3850" s="126"/>
      <c r="GM3850" s="91"/>
      <c r="GN3850" s="91"/>
      <c r="GO3850" s="91"/>
      <c r="GP3850" s="91"/>
      <c r="GQ3850" s="91"/>
      <c r="GR3850" s="91"/>
      <c r="GS3850" s="91"/>
      <c r="GT3850" s="91"/>
      <c r="GU3850" s="91"/>
      <c r="GV3850" s="91"/>
      <c r="GW3850" s="91"/>
      <c r="GX3850" s="127"/>
      <c r="GY3850" s="126"/>
      <c r="GZ3850" s="91"/>
      <c r="HA3850" s="91"/>
      <c r="HB3850" s="91"/>
      <c r="HC3850" s="91"/>
      <c r="HD3850" s="91"/>
      <c r="HE3850" s="91"/>
      <c r="HF3850" s="91"/>
      <c r="HG3850" s="91"/>
      <c r="HH3850" s="91"/>
      <c r="HI3850" s="91"/>
      <c r="HJ3850" s="91"/>
      <c r="HK3850" s="127"/>
      <c r="HL3850" s="126"/>
      <c r="HM3850" s="91"/>
      <c r="HN3850" s="91"/>
      <c r="HO3850" s="91"/>
      <c r="HP3850" s="91"/>
      <c r="HQ3850" s="91"/>
      <c r="HR3850" s="91"/>
      <c r="HS3850" s="91"/>
      <c r="HT3850" s="91"/>
      <c r="HU3850" s="91"/>
      <c r="HV3850" s="91"/>
      <c r="HW3850" s="91"/>
      <c r="HX3850" s="127"/>
      <c r="HY3850" s="126"/>
      <c r="HZ3850" s="91"/>
      <c r="IA3850" s="91"/>
      <c r="IB3850" s="91"/>
      <c r="IC3850" s="91"/>
      <c r="ID3850" s="91"/>
      <c r="IE3850" s="91"/>
      <c r="IF3850" s="91"/>
      <c r="IG3850" s="91"/>
      <c r="IH3850" s="91"/>
      <c r="II3850" s="91"/>
      <c r="IJ3850" s="91"/>
      <c r="IK3850" s="174"/>
    </row>
    <row r="3851" spans="2:245" x14ac:dyDescent="0.2">
      <c r="B3851" s="43"/>
      <c r="C3851" s="73"/>
      <c r="D3851" s="64"/>
      <c r="E3851" s="64"/>
      <c r="F3851" s="55"/>
      <c r="G3851" s="102"/>
      <c r="H3851" s="97"/>
      <c r="T3851" s="98"/>
      <c r="U3851" s="97"/>
      <c r="AG3851" s="98"/>
      <c r="AY3851" s="164"/>
      <c r="BK3851" s="98"/>
      <c r="BL3851" s="97"/>
      <c r="BX3851" s="98"/>
      <c r="CL3851" s="97"/>
      <c r="CX3851" s="98"/>
      <c r="DL3851" s="97"/>
      <c r="DX3851" s="98"/>
      <c r="EL3851" s="97"/>
      <c r="EX3851" s="98"/>
      <c r="EY3851" s="97"/>
      <c r="FL3851" s="126"/>
      <c r="FM3851" s="91"/>
      <c r="FN3851" s="91"/>
      <c r="FO3851" s="91"/>
      <c r="FP3851" s="91"/>
      <c r="FQ3851" s="91"/>
      <c r="FR3851" s="91"/>
      <c r="FS3851" s="91"/>
      <c r="FT3851" s="91"/>
      <c r="FU3851" s="91"/>
      <c r="FV3851" s="91"/>
      <c r="FW3851" s="91"/>
      <c r="FX3851" s="127"/>
      <c r="FY3851" s="126"/>
      <c r="FZ3851" s="91"/>
      <c r="GA3851" s="91"/>
      <c r="GB3851" s="91"/>
      <c r="GC3851" s="91"/>
      <c r="GD3851" s="91"/>
      <c r="GE3851" s="91"/>
      <c r="GF3851" s="91"/>
      <c r="GG3851" s="91"/>
      <c r="GH3851" s="91"/>
      <c r="GI3851" s="91"/>
      <c r="GJ3851" s="91"/>
      <c r="GK3851" s="127"/>
      <c r="GL3851" s="126"/>
      <c r="GM3851" s="91"/>
      <c r="GN3851" s="91"/>
      <c r="GO3851" s="91"/>
      <c r="GP3851" s="91"/>
      <c r="GQ3851" s="91"/>
      <c r="GR3851" s="91"/>
      <c r="GS3851" s="91"/>
      <c r="GT3851" s="91"/>
      <c r="GU3851" s="91"/>
      <c r="GV3851" s="91"/>
      <c r="GW3851" s="91"/>
      <c r="GX3851" s="127"/>
      <c r="GY3851" s="126"/>
      <c r="GZ3851" s="91"/>
      <c r="HA3851" s="91"/>
      <c r="HB3851" s="91"/>
      <c r="HC3851" s="91"/>
      <c r="HD3851" s="91"/>
      <c r="HE3851" s="91"/>
      <c r="HF3851" s="91"/>
      <c r="HG3851" s="91"/>
      <c r="HH3851" s="91"/>
      <c r="HI3851" s="91"/>
      <c r="HJ3851" s="91"/>
      <c r="HK3851" s="127"/>
      <c r="HL3851" s="126"/>
      <c r="HM3851" s="91"/>
      <c r="HN3851" s="91"/>
      <c r="HO3851" s="91"/>
      <c r="HP3851" s="91"/>
      <c r="HQ3851" s="91"/>
      <c r="HR3851" s="91"/>
      <c r="HS3851" s="91"/>
      <c r="HT3851" s="91"/>
      <c r="HU3851" s="91"/>
      <c r="HV3851" s="91"/>
      <c r="HW3851" s="91"/>
      <c r="HX3851" s="127"/>
      <c r="HY3851" s="126"/>
      <c r="HZ3851" s="91"/>
      <c r="IA3851" s="91"/>
      <c r="IB3851" s="91"/>
      <c r="IC3851" s="91"/>
      <c r="ID3851" s="91"/>
      <c r="IE3851" s="91"/>
      <c r="IF3851" s="91"/>
      <c r="IG3851" s="91"/>
      <c r="IH3851" s="91"/>
      <c r="II3851" s="91"/>
      <c r="IJ3851" s="91"/>
      <c r="IK3851" s="174"/>
    </row>
    <row r="3852" spans="2:245" x14ac:dyDescent="0.2">
      <c r="B3852" s="43"/>
      <c r="C3852" s="73"/>
      <c r="D3852" s="64"/>
      <c r="E3852" s="64"/>
      <c r="F3852" s="55"/>
      <c r="G3852" s="102"/>
      <c r="H3852" s="97"/>
      <c r="T3852" s="98"/>
      <c r="U3852" s="97"/>
      <c r="AG3852" s="98"/>
      <c r="AY3852" s="164"/>
      <c r="BK3852" s="98"/>
      <c r="BL3852" s="97"/>
      <c r="BX3852" s="98"/>
      <c r="CL3852" s="97"/>
      <c r="CX3852" s="98"/>
      <c r="DL3852" s="97"/>
      <c r="DX3852" s="98"/>
      <c r="EL3852" s="97"/>
      <c r="EX3852" s="98"/>
      <c r="EY3852" s="97"/>
      <c r="FL3852" s="126"/>
      <c r="FM3852" s="91"/>
      <c r="FN3852" s="91"/>
      <c r="FO3852" s="91"/>
      <c r="FP3852" s="91"/>
      <c r="FQ3852" s="91"/>
      <c r="FR3852" s="91"/>
      <c r="FS3852" s="91"/>
      <c r="FT3852" s="91"/>
      <c r="FU3852" s="91"/>
      <c r="FV3852" s="91"/>
      <c r="FW3852" s="91"/>
      <c r="FX3852" s="127"/>
      <c r="FY3852" s="126"/>
      <c r="FZ3852" s="91"/>
      <c r="GA3852" s="91"/>
      <c r="GB3852" s="91"/>
      <c r="GC3852" s="91"/>
      <c r="GD3852" s="91"/>
      <c r="GE3852" s="91"/>
      <c r="GF3852" s="91"/>
      <c r="GG3852" s="91"/>
      <c r="GH3852" s="91"/>
      <c r="GI3852" s="91"/>
      <c r="GJ3852" s="91"/>
      <c r="GK3852" s="127"/>
      <c r="GL3852" s="126"/>
      <c r="GM3852" s="91"/>
      <c r="GN3852" s="91"/>
      <c r="GO3852" s="91"/>
      <c r="GP3852" s="91"/>
      <c r="GQ3852" s="91"/>
      <c r="GR3852" s="91"/>
      <c r="GS3852" s="91"/>
      <c r="GT3852" s="91"/>
      <c r="GU3852" s="91"/>
      <c r="GV3852" s="91"/>
      <c r="GW3852" s="91"/>
      <c r="GX3852" s="127"/>
      <c r="GY3852" s="126"/>
      <c r="GZ3852" s="91"/>
      <c r="HA3852" s="91"/>
      <c r="HB3852" s="91"/>
      <c r="HC3852" s="91"/>
      <c r="HD3852" s="91"/>
      <c r="HE3852" s="91"/>
      <c r="HF3852" s="91"/>
      <c r="HG3852" s="91"/>
      <c r="HH3852" s="91"/>
      <c r="HI3852" s="91"/>
      <c r="HJ3852" s="91"/>
      <c r="HK3852" s="127"/>
      <c r="HL3852" s="126"/>
      <c r="HM3852" s="91"/>
      <c r="HN3852" s="91"/>
      <c r="HO3852" s="91"/>
      <c r="HP3852" s="91"/>
      <c r="HQ3852" s="91"/>
      <c r="HR3852" s="91"/>
      <c r="HS3852" s="91"/>
      <c r="HT3852" s="91"/>
      <c r="HU3852" s="91"/>
      <c r="HV3852" s="91"/>
      <c r="HW3852" s="91"/>
      <c r="HX3852" s="127"/>
      <c r="HY3852" s="126"/>
      <c r="HZ3852" s="91"/>
      <c r="IA3852" s="91"/>
      <c r="IB3852" s="91"/>
      <c r="IC3852" s="91"/>
      <c r="ID3852" s="91"/>
      <c r="IE3852" s="91"/>
      <c r="IF3852" s="91"/>
      <c r="IG3852" s="91"/>
      <c r="IH3852" s="91"/>
      <c r="II3852" s="91"/>
      <c r="IJ3852" s="91"/>
      <c r="IK3852" s="174"/>
    </row>
    <row r="3853" spans="2:245" x14ac:dyDescent="0.2">
      <c r="B3853" s="43"/>
      <c r="C3853" s="73"/>
      <c r="D3853" s="64"/>
      <c r="E3853" s="64"/>
      <c r="F3853" s="55"/>
      <c r="G3853" s="102"/>
      <c r="H3853" s="97"/>
      <c r="T3853" s="98"/>
      <c r="U3853" s="97"/>
      <c r="AG3853" s="98"/>
      <c r="AY3853" s="164"/>
      <c r="BK3853" s="98"/>
      <c r="BL3853" s="97"/>
      <c r="BX3853" s="98"/>
      <c r="CL3853" s="97"/>
      <c r="CX3853" s="98"/>
      <c r="DL3853" s="97"/>
      <c r="DX3853" s="98"/>
      <c r="EL3853" s="97"/>
      <c r="EX3853" s="98"/>
      <c r="EY3853" s="97"/>
      <c r="FL3853" s="126"/>
      <c r="FM3853" s="91"/>
      <c r="FN3853" s="91"/>
      <c r="FO3853" s="91"/>
      <c r="FP3853" s="91"/>
      <c r="FQ3853" s="91"/>
      <c r="FR3853" s="91"/>
      <c r="FS3853" s="91"/>
      <c r="FT3853" s="91"/>
      <c r="FU3853" s="91"/>
      <c r="FV3853" s="91"/>
      <c r="FW3853" s="91"/>
      <c r="FX3853" s="127"/>
      <c r="FY3853" s="126"/>
      <c r="FZ3853" s="91"/>
      <c r="GA3853" s="91"/>
      <c r="GB3853" s="91"/>
      <c r="GC3853" s="91"/>
      <c r="GD3853" s="91"/>
      <c r="GE3853" s="91"/>
      <c r="GF3853" s="91"/>
      <c r="GG3853" s="91"/>
      <c r="GH3853" s="91"/>
      <c r="GI3853" s="91"/>
      <c r="GJ3853" s="91"/>
      <c r="GK3853" s="127"/>
      <c r="GL3853" s="126"/>
      <c r="GM3853" s="91"/>
      <c r="GN3853" s="91"/>
      <c r="GO3853" s="91"/>
      <c r="GP3853" s="91"/>
      <c r="GQ3853" s="91"/>
      <c r="GR3853" s="91"/>
      <c r="GS3853" s="91"/>
      <c r="GT3853" s="91"/>
      <c r="GU3853" s="91"/>
      <c r="GV3853" s="91"/>
      <c r="GW3853" s="91"/>
      <c r="GX3853" s="127"/>
      <c r="GY3853" s="126"/>
      <c r="GZ3853" s="91"/>
      <c r="HA3853" s="91"/>
      <c r="HB3853" s="91"/>
      <c r="HC3853" s="91"/>
      <c r="HD3853" s="91"/>
      <c r="HE3853" s="91"/>
      <c r="HF3853" s="91"/>
      <c r="HG3853" s="91"/>
      <c r="HH3853" s="91"/>
      <c r="HI3853" s="91"/>
      <c r="HJ3853" s="91"/>
      <c r="HK3853" s="127"/>
      <c r="HL3853" s="126"/>
      <c r="HM3853" s="91"/>
      <c r="HN3853" s="91"/>
      <c r="HO3853" s="91"/>
      <c r="HP3853" s="91"/>
      <c r="HQ3853" s="91"/>
      <c r="HR3853" s="91"/>
      <c r="HS3853" s="91"/>
      <c r="HT3853" s="91"/>
      <c r="HU3853" s="91"/>
      <c r="HV3853" s="91"/>
      <c r="HW3853" s="91"/>
      <c r="HX3853" s="127"/>
      <c r="HY3853" s="126"/>
      <c r="HZ3853" s="91"/>
      <c r="IA3853" s="91"/>
      <c r="IB3853" s="91"/>
      <c r="IC3853" s="91"/>
      <c r="ID3853" s="91"/>
      <c r="IE3853" s="91"/>
      <c r="IF3853" s="91"/>
      <c r="IG3853" s="91"/>
      <c r="IH3853" s="91"/>
      <c r="II3853" s="91"/>
      <c r="IJ3853" s="91"/>
      <c r="IK3853" s="174"/>
    </row>
    <row r="3854" spans="2:245" x14ac:dyDescent="0.2">
      <c r="B3854" s="43"/>
      <c r="C3854" s="73"/>
      <c r="D3854" s="64"/>
      <c r="E3854" s="64"/>
      <c r="F3854" s="55"/>
      <c r="G3854" s="102"/>
      <c r="H3854" s="97"/>
      <c r="T3854" s="98"/>
      <c r="U3854" s="97"/>
      <c r="AG3854" s="98"/>
      <c r="AY3854" s="164"/>
      <c r="BK3854" s="98"/>
      <c r="BL3854" s="97"/>
      <c r="BX3854" s="98"/>
      <c r="CL3854" s="97"/>
      <c r="CX3854" s="98"/>
      <c r="DL3854" s="97"/>
      <c r="DX3854" s="98"/>
      <c r="EL3854" s="97"/>
      <c r="EX3854" s="98"/>
      <c r="EY3854" s="97"/>
      <c r="FL3854" s="126"/>
      <c r="FM3854" s="91"/>
      <c r="FN3854" s="91"/>
      <c r="FO3854" s="91"/>
      <c r="FP3854" s="91"/>
      <c r="FQ3854" s="91"/>
      <c r="FR3854" s="91"/>
      <c r="FS3854" s="91"/>
      <c r="FT3854" s="91"/>
      <c r="FU3854" s="91"/>
      <c r="FV3854" s="91"/>
      <c r="FW3854" s="91"/>
      <c r="FX3854" s="127"/>
      <c r="FY3854" s="126"/>
      <c r="FZ3854" s="91"/>
      <c r="GA3854" s="91"/>
      <c r="GB3854" s="91"/>
      <c r="GC3854" s="91"/>
      <c r="GD3854" s="91"/>
      <c r="GE3854" s="91"/>
      <c r="GF3854" s="91"/>
      <c r="GG3854" s="91"/>
      <c r="GH3854" s="91"/>
      <c r="GI3854" s="91"/>
      <c r="GJ3854" s="91"/>
      <c r="GK3854" s="127"/>
      <c r="GL3854" s="126"/>
      <c r="GM3854" s="91"/>
      <c r="GN3854" s="91"/>
      <c r="GO3854" s="91"/>
      <c r="GP3854" s="91"/>
      <c r="GQ3854" s="91"/>
      <c r="GR3854" s="91"/>
      <c r="GS3854" s="91"/>
      <c r="GT3854" s="91"/>
      <c r="GU3854" s="91"/>
      <c r="GV3854" s="91"/>
      <c r="GW3854" s="91"/>
      <c r="GX3854" s="127"/>
      <c r="GY3854" s="126"/>
      <c r="GZ3854" s="91"/>
      <c r="HA3854" s="91"/>
      <c r="HB3854" s="91"/>
      <c r="HC3854" s="91"/>
      <c r="HD3854" s="91"/>
      <c r="HE3854" s="91"/>
      <c r="HF3854" s="91"/>
      <c r="HG3854" s="91"/>
      <c r="HH3854" s="91"/>
      <c r="HI3854" s="91"/>
      <c r="HJ3854" s="91"/>
      <c r="HK3854" s="127"/>
      <c r="HL3854" s="126"/>
      <c r="HM3854" s="91"/>
      <c r="HN3854" s="91"/>
      <c r="HO3854" s="91"/>
      <c r="HP3854" s="91"/>
      <c r="HQ3854" s="91"/>
      <c r="HR3854" s="91"/>
      <c r="HS3854" s="91"/>
      <c r="HT3854" s="91"/>
      <c r="HU3854" s="91"/>
      <c r="HV3854" s="91"/>
      <c r="HW3854" s="91"/>
      <c r="HX3854" s="127"/>
      <c r="HY3854" s="126"/>
      <c r="HZ3854" s="91"/>
      <c r="IA3854" s="91"/>
      <c r="IB3854" s="91"/>
      <c r="IC3854" s="91"/>
      <c r="ID3854" s="91"/>
      <c r="IE3854" s="91"/>
      <c r="IF3854" s="91"/>
      <c r="IG3854" s="91"/>
      <c r="IH3854" s="91"/>
      <c r="II3854" s="91"/>
      <c r="IJ3854" s="91"/>
      <c r="IK3854" s="174"/>
    </row>
    <row r="3855" spans="2:245" x14ac:dyDescent="0.2">
      <c r="B3855" s="43"/>
      <c r="C3855" s="73"/>
      <c r="D3855" s="64"/>
      <c r="E3855" s="64"/>
      <c r="F3855" s="55"/>
      <c r="G3855" s="102"/>
      <c r="H3855" s="97"/>
      <c r="T3855" s="98"/>
      <c r="U3855" s="97"/>
      <c r="AG3855" s="98"/>
      <c r="AY3855" s="164"/>
      <c r="BK3855" s="98"/>
      <c r="BL3855" s="97"/>
      <c r="BX3855" s="98"/>
      <c r="CL3855" s="97"/>
      <c r="CX3855" s="98"/>
      <c r="DL3855" s="97"/>
      <c r="DX3855" s="98"/>
      <c r="EL3855" s="97"/>
      <c r="EX3855" s="98"/>
      <c r="EY3855" s="97"/>
      <c r="FL3855" s="126"/>
      <c r="FM3855" s="91"/>
      <c r="FN3855" s="91"/>
      <c r="FO3855" s="91"/>
      <c r="FP3855" s="91"/>
      <c r="FQ3855" s="91"/>
      <c r="FR3855" s="91"/>
      <c r="FS3855" s="91"/>
      <c r="FT3855" s="91"/>
      <c r="FU3855" s="91"/>
      <c r="FV3855" s="91"/>
      <c r="FW3855" s="91"/>
      <c r="FX3855" s="127"/>
      <c r="FY3855" s="126"/>
      <c r="FZ3855" s="91"/>
      <c r="GA3855" s="91"/>
      <c r="GB3855" s="91"/>
      <c r="GC3855" s="91"/>
      <c r="GD3855" s="91"/>
      <c r="GE3855" s="91"/>
      <c r="GF3855" s="91"/>
      <c r="GG3855" s="91"/>
      <c r="GH3855" s="91"/>
      <c r="GI3855" s="91"/>
      <c r="GJ3855" s="91"/>
      <c r="GK3855" s="127"/>
      <c r="GL3855" s="126"/>
      <c r="GM3855" s="91"/>
      <c r="GN3855" s="91"/>
      <c r="GO3855" s="91"/>
      <c r="GP3855" s="91"/>
      <c r="GQ3855" s="91"/>
      <c r="GR3855" s="91"/>
      <c r="GS3855" s="91"/>
      <c r="GT3855" s="91"/>
      <c r="GU3855" s="91"/>
      <c r="GV3855" s="91"/>
      <c r="GW3855" s="91"/>
      <c r="GX3855" s="127"/>
      <c r="GY3855" s="126"/>
      <c r="GZ3855" s="91"/>
      <c r="HA3855" s="91"/>
      <c r="HB3855" s="91"/>
      <c r="HC3855" s="91"/>
      <c r="HD3855" s="91"/>
      <c r="HE3855" s="91"/>
      <c r="HF3855" s="91"/>
      <c r="HG3855" s="91"/>
      <c r="HH3855" s="91"/>
      <c r="HI3855" s="91"/>
      <c r="HJ3855" s="91"/>
      <c r="HK3855" s="127"/>
      <c r="HL3855" s="126"/>
      <c r="HM3855" s="91"/>
      <c r="HN3855" s="91"/>
      <c r="HO3855" s="91"/>
      <c r="HP3855" s="91"/>
      <c r="HQ3855" s="91"/>
      <c r="HR3855" s="91"/>
      <c r="HS3855" s="91"/>
      <c r="HT3855" s="91"/>
      <c r="HU3855" s="91"/>
      <c r="HV3855" s="91"/>
      <c r="HW3855" s="91"/>
      <c r="HX3855" s="127"/>
      <c r="HY3855" s="126"/>
      <c r="HZ3855" s="91"/>
      <c r="IA3855" s="91"/>
      <c r="IB3855" s="91"/>
      <c r="IC3855" s="91"/>
      <c r="ID3855" s="91"/>
      <c r="IE3855" s="91"/>
      <c r="IF3855" s="91"/>
      <c r="IG3855" s="91"/>
      <c r="IH3855" s="91"/>
      <c r="II3855" s="91"/>
      <c r="IJ3855" s="91"/>
      <c r="IK3855" s="174"/>
    </row>
    <row r="3856" spans="2:245" x14ac:dyDescent="0.2">
      <c r="B3856" s="43"/>
      <c r="C3856" s="73"/>
      <c r="D3856" s="64"/>
      <c r="E3856" s="64"/>
      <c r="F3856" s="55"/>
      <c r="G3856" s="102"/>
      <c r="H3856" s="97"/>
      <c r="T3856" s="98"/>
      <c r="U3856" s="97"/>
      <c r="AG3856" s="98"/>
      <c r="AY3856" s="164"/>
      <c r="BK3856" s="98"/>
      <c r="BL3856" s="97"/>
      <c r="BX3856" s="98"/>
      <c r="CL3856" s="97"/>
      <c r="CX3856" s="98"/>
      <c r="DL3856" s="97"/>
      <c r="DX3856" s="98"/>
      <c r="EL3856" s="97"/>
      <c r="EX3856" s="98"/>
      <c r="EY3856" s="97"/>
      <c r="FL3856" s="126"/>
      <c r="FM3856" s="91"/>
      <c r="FN3856" s="91"/>
      <c r="FO3856" s="91"/>
      <c r="FP3856" s="91"/>
      <c r="FQ3856" s="91"/>
      <c r="FR3856" s="91"/>
      <c r="FS3856" s="91"/>
      <c r="FT3856" s="91"/>
      <c r="FU3856" s="91"/>
      <c r="FV3856" s="91"/>
      <c r="FW3856" s="91"/>
      <c r="FX3856" s="127"/>
      <c r="FY3856" s="126"/>
      <c r="FZ3856" s="91"/>
      <c r="GA3856" s="91"/>
      <c r="GB3856" s="91"/>
      <c r="GC3856" s="91"/>
      <c r="GD3856" s="91"/>
      <c r="GE3856" s="91"/>
      <c r="GF3856" s="91"/>
      <c r="GG3856" s="91"/>
      <c r="GH3856" s="91"/>
      <c r="GI3856" s="91"/>
      <c r="GJ3856" s="91"/>
      <c r="GK3856" s="127"/>
      <c r="GL3856" s="126"/>
      <c r="GM3856" s="91"/>
      <c r="GN3856" s="91"/>
      <c r="GO3856" s="91"/>
      <c r="GP3856" s="91"/>
      <c r="GQ3856" s="91"/>
      <c r="GR3856" s="91"/>
      <c r="GS3856" s="91"/>
      <c r="GT3856" s="91"/>
      <c r="GU3856" s="91"/>
      <c r="GV3856" s="91"/>
      <c r="GW3856" s="91"/>
      <c r="GX3856" s="127"/>
      <c r="GY3856" s="126"/>
      <c r="GZ3856" s="91"/>
      <c r="HA3856" s="91"/>
      <c r="HB3856" s="91"/>
      <c r="HC3856" s="91"/>
      <c r="HD3856" s="91"/>
      <c r="HE3856" s="91"/>
      <c r="HF3856" s="91"/>
      <c r="HG3856" s="91"/>
      <c r="HH3856" s="91"/>
      <c r="HI3856" s="91"/>
      <c r="HJ3856" s="91"/>
      <c r="HK3856" s="127"/>
      <c r="HL3856" s="126"/>
      <c r="HM3856" s="91"/>
      <c r="HN3856" s="91"/>
      <c r="HO3856" s="91"/>
      <c r="HP3856" s="91"/>
      <c r="HQ3856" s="91"/>
      <c r="HR3856" s="91"/>
      <c r="HS3856" s="91"/>
      <c r="HT3856" s="91"/>
      <c r="HU3856" s="91"/>
      <c r="HV3856" s="91"/>
      <c r="HW3856" s="91"/>
      <c r="HX3856" s="127"/>
      <c r="HY3856" s="126"/>
      <c r="HZ3856" s="91"/>
      <c r="IA3856" s="91"/>
      <c r="IB3856" s="91"/>
      <c r="IC3856" s="91"/>
      <c r="ID3856" s="91"/>
      <c r="IE3856" s="91"/>
      <c r="IF3856" s="91"/>
      <c r="IG3856" s="91"/>
      <c r="IH3856" s="91"/>
      <c r="II3856" s="91"/>
      <c r="IJ3856" s="91"/>
      <c r="IK3856" s="174"/>
    </row>
    <row r="3857" spans="2:245" x14ac:dyDescent="0.2">
      <c r="B3857" s="43"/>
      <c r="C3857" s="73"/>
      <c r="D3857" s="64"/>
      <c r="E3857" s="64"/>
      <c r="F3857" s="55"/>
      <c r="G3857" s="102"/>
      <c r="H3857" s="97"/>
      <c r="T3857" s="98"/>
      <c r="U3857" s="97"/>
      <c r="AG3857" s="98"/>
      <c r="AY3857" s="164"/>
      <c r="BK3857" s="98"/>
      <c r="BL3857" s="97"/>
      <c r="BX3857" s="98"/>
      <c r="CL3857" s="97"/>
      <c r="CX3857" s="98"/>
      <c r="DL3857" s="97"/>
      <c r="DX3857" s="98"/>
      <c r="EL3857" s="97"/>
      <c r="EX3857" s="98"/>
      <c r="EY3857" s="97"/>
      <c r="FL3857" s="126"/>
      <c r="FM3857" s="91"/>
      <c r="FN3857" s="91"/>
      <c r="FO3857" s="91"/>
      <c r="FP3857" s="91"/>
      <c r="FQ3857" s="91"/>
      <c r="FR3857" s="91"/>
      <c r="FS3857" s="91"/>
      <c r="FT3857" s="91"/>
      <c r="FU3857" s="91"/>
      <c r="FV3857" s="91"/>
      <c r="FW3857" s="91"/>
      <c r="FX3857" s="127"/>
      <c r="FY3857" s="126"/>
      <c r="FZ3857" s="91"/>
      <c r="GA3857" s="91"/>
      <c r="GB3857" s="91"/>
      <c r="GC3857" s="91"/>
      <c r="GD3857" s="91"/>
      <c r="GE3857" s="91"/>
      <c r="GF3857" s="91"/>
      <c r="GG3857" s="91"/>
      <c r="GH3857" s="91"/>
      <c r="GI3857" s="91"/>
      <c r="GJ3857" s="91"/>
      <c r="GK3857" s="127"/>
      <c r="GL3857" s="126"/>
      <c r="GM3857" s="91"/>
      <c r="GN3857" s="91"/>
      <c r="GO3857" s="91"/>
      <c r="GP3857" s="91"/>
      <c r="GQ3857" s="91"/>
      <c r="GR3857" s="91"/>
      <c r="GS3857" s="91"/>
      <c r="GT3857" s="91"/>
      <c r="GU3857" s="91"/>
      <c r="GV3857" s="91"/>
      <c r="GW3857" s="91"/>
      <c r="GX3857" s="127"/>
      <c r="GY3857" s="126"/>
      <c r="GZ3857" s="91"/>
      <c r="HA3857" s="91"/>
      <c r="HB3857" s="91"/>
      <c r="HC3857" s="91"/>
      <c r="HD3857" s="91"/>
      <c r="HE3857" s="91"/>
      <c r="HF3857" s="91"/>
      <c r="HG3857" s="91"/>
      <c r="HH3857" s="91"/>
      <c r="HI3857" s="91"/>
      <c r="HJ3857" s="91"/>
      <c r="HK3857" s="127"/>
      <c r="HL3857" s="126"/>
      <c r="HM3857" s="91"/>
      <c r="HN3857" s="91"/>
      <c r="HO3857" s="91"/>
      <c r="HP3857" s="91"/>
      <c r="HQ3857" s="91"/>
      <c r="HR3857" s="91"/>
      <c r="HS3857" s="91"/>
      <c r="HT3857" s="91"/>
      <c r="HU3857" s="91"/>
      <c r="HV3857" s="91"/>
      <c r="HW3857" s="91"/>
      <c r="HX3857" s="127"/>
      <c r="HY3857" s="126"/>
      <c r="HZ3857" s="91"/>
      <c r="IA3857" s="91"/>
      <c r="IB3857" s="91"/>
      <c r="IC3857" s="91"/>
      <c r="ID3857" s="91"/>
      <c r="IE3857" s="91"/>
      <c r="IF3857" s="91"/>
      <c r="IG3857" s="91"/>
      <c r="IH3857" s="91"/>
      <c r="II3857" s="91"/>
      <c r="IJ3857" s="91"/>
      <c r="IK3857" s="174"/>
    </row>
    <row r="3858" spans="2:245" x14ac:dyDescent="0.2">
      <c r="B3858" s="43"/>
      <c r="C3858" s="73"/>
      <c r="D3858" s="64"/>
      <c r="E3858" s="64"/>
      <c r="F3858" s="55"/>
      <c r="G3858" s="102"/>
      <c r="H3858" s="97"/>
      <c r="T3858" s="98"/>
      <c r="U3858" s="97"/>
      <c r="AG3858" s="98"/>
      <c r="AY3858" s="164"/>
      <c r="BK3858" s="98"/>
      <c r="BL3858" s="97"/>
      <c r="BX3858" s="98"/>
      <c r="CL3858" s="97"/>
      <c r="CX3858" s="98"/>
      <c r="DL3858" s="97"/>
      <c r="DX3858" s="98"/>
      <c r="EL3858" s="97"/>
      <c r="EX3858" s="98"/>
      <c r="EY3858" s="97"/>
      <c r="FL3858" s="126"/>
      <c r="FM3858" s="91"/>
      <c r="FN3858" s="91"/>
      <c r="FO3858" s="91"/>
      <c r="FP3858" s="91"/>
      <c r="FQ3858" s="91"/>
      <c r="FR3858" s="91"/>
      <c r="FS3858" s="91"/>
      <c r="FT3858" s="91"/>
      <c r="FU3858" s="91"/>
      <c r="FV3858" s="91"/>
      <c r="FW3858" s="91"/>
      <c r="FX3858" s="127"/>
      <c r="FY3858" s="126"/>
      <c r="FZ3858" s="91"/>
      <c r="GA3858" s="91"/>
      <c r="GB3858" s="91"/>
      <c r="GC3858" s="91"/>
      <c r="GD3858" s="91"/>
      <c r="GE3858" s="91"/>
      <c r="GF3858" s="91"/>
      <c r="GG3858" s="91"/>
      <c r="GH3858" s="91"/>
      <c r="GI3858" s="91"/>
      <c r="GJ3858" s="91"/>
      <c r="GK3858" s="127"/>
      <c r="GL3858" s="126"/>
      <c r="GM3858" s="91"/>
      <c r="GN3858" s="91"/>
      <c r="GO3858" s="91"/>
      <c r="GP3858" s="91"/>
      <c r="GQ3858" s="91"/>
      <c r="GR3858" s="91"/>
      <c r="GS3858" s="91"/>
      <c r="GT3858" s="91"/>
      <c r="GU3858" s="91"/>
      <c r="GV3858" s="91"/>
      <c r="GW3858" s="91"/>
      <c r="GX3858" s="127"/>
      <c r="GY3858" s="126"/>
      <c r="GZ3858" s="91"/>
      <c r="HA3858" s="91"/>
      <c r="HB3858" s="91"/>
      <c r="HC3858" s="91"/>
      <c r="HD3858" s="91"/>
      <c r="HE3858" s="91"/>
      <c r="HF3858" s="91"/>
      <c r="HG3858" s="91"/>
      <c r="HH3858" s="91"/>
      <c r="HI3858" s="91"/>
      <c r="HJ3858" s="91"/>
      <c r="HK3858" s="127"/>
      <c r="HL3858" s="126"/>
      <c r="HM3858" s="91"/>
      <c r="HN3858" s="91"/>
      <c r="HO3858" s="91"/>
      <c r="HP3858" s="91"/>
      <c r="HQ3858" s="91"/>
      <c r="HR3858" s="91"/>
      <c r="HS3858" s="91"/>
      <c r="HT3858" s="91"/>
      <c r="HU3858" s="91"/>
      <c r="HV3858" s="91"/>
      <c r="HW3858" s="91"/>
      <c r="HX3858" s="127"/>
      <c r="HY3858" s="126"/>
      <c r="HZ3858" s="91"/>
      <c r="IA3858" s="91"/>
      <c r="IB3858" s="91"/>
      <c r="IC3858" s="91"/>
      <c r="ID3858" s="91"/>
      <c r="IE3858" s="91"/>
      <c r="IF3858" s="91"/>
      <c r="IG3858" s="91"/>
      <c r="IH3858" s="91"/>
      <c r="II3858" s="91"/>
      <c r="IJ3858" s="91"/>
      <c r="IK3858" s="174"/>
    </row>
    <row r="3859" spans="2:245" x14ac:dyDescent="0.2">
      <c r="B3859" s="43"/>
      <c r="C3859" s="73"/>
      <c r="D3859" s="64"/>
      <c r="E3859" s="64"/>
      <c r="F3859" s="55"/>
      <c r="G3859" s="102"/>
      <c r="H3859" s="97"/>
      <c r="T3859" s="98"/>
      <c r="U3859" s="97"/>
      <c r="AG3859" s="98"/>
      <c r="AY3859" s="164"/>
      <c r="BK3859" s="98"/>
      <c r="BL3859" s="97"/>
      <c r="BX3859" s="98"/>
      <c r="CL3859" s="97"/>
      <c r="CX3859" s="98"/>
      <c r="DL3859" s="97"/>
      <c r="DX3859" s="98"/>
      <c r="EL3859" s="97"/>
      <c r="EX3859" s="98"/>
      <c r="EY3859" s="97"/>
      <c r="FL3859" s="126"/>
      <c r="FM3859" s="91"/>
      <c r="FN3859" s="91"/>
      <c r="FO3859" s="91"/>
      <c r="FP3859" s="91"/>
      <c r="FQ3859" s="91"/>
      <c r="FR3859" s="91"/>
      <c r="FS3859" s="91"/>
      <c r="FT3859" s="91"/>
      <c r="FU3859" s="91"/>
      <c r="FV3859" s="91"/>
      <c r="FW3859" s="91"/>
      <c r="FX3859" s="127"/>
      <c r="FY3859" s="126"/>
      <c r="FZ3859" s="91"/>
      <c r="GA3859" s="91"/>
      <c r="GB3859" s="91"/>
      <c r="GC3859" s="91"/>
      <c r="GD3859" s="91"/>
      <c r="GE3859" s="91"/>
      <c r="GF3859" s="91"/>
      <c r="GG3859" s="91"/>
      <c r="GH3859" s="91"/>
      <c r="GI3859" s="91"/>
      <c r="GJ3859" s="91"/>
      <c r="GK3859" s="127"/>
      <c r="GL3859" s="126"/>
      <c r="GM3859" s="91"/>
      <c r="GN3859" s="91"/>
      <c r="GO3859" s="91"/>
      <c r="GP3859" s="91"/>
      <c r="GQ3859" s="91"/>
      <c r="GR3859" s="91"/>
      <c r="GS3859" s="91"/>
      <c r="GT3859" s="91"/>
      <c r="GU3859" s="91"/>
      <c r="GV3859" s="91"/>
      <c r="GW3859" s="91"/>
      <c r="GX3859" s="127"/>
      <c r="GY3859" s="126"/>
      <c r="GZ3859" s="91"/>
      <c r="HA3859" s="91"/>
      <c r="HB3859" s="91"/>
      <c r="HC3859" s="91"/>
      <c r="HD3859" s="91"/>
      <c r="HE3859" s="91"/>
      <c r="HF3859" s="91"/>
      <c r="HG3859" s="91"/>
      <c r="HH3859" s="91"/>
      <c r="HI3859" s="91"/>
      <c r="HJ3859" s="91"/>
      <c r="HK3859" s="127"/>
      <c r="HL3859" s="126"/>
      <c r="HM3859" s="91"/>
      <c r="HN3859" s="91"/>
      <c r="HO3859" s="91"/>
      <c r="HP3859" s="91"/>
      <c r="HQ3859" s="91"/>
      <c r="HR3859" s="91"/>
      <c r="HS3859" s="91"/>
      <c r="HT3859" s="91"/>
      <c r="HU3859" s="91"/>
      <c r="HV3859" s="91"/>
      <c r="HW3859" s="91"/>
      <c r="HX3859" s="127"/>
      <c r="HY3859" s="126"/>
      <c r="HZ3859" s="91"/>
      <c r="IA3859" s="91"/>
      <c r="IB3859" s="91"/>
      <c r="IC3859" s="91"/>
      <c r="ID3859" s="91"/>
      <c r="IE3859" s="91"/>
      <c r="IF3859" s="91"/>
      <c r="IG3859" s="91"/>
      <c r="IH3859" s="91"/>
      <c r="II3859" s="91"/>
      <c r="IJ3859" s="91"/>
      <c r="IK3859" s="174"/>
    </row>
    <row r="3860" spans="2:245" x14ac:dyDescent="0.2">
      <c r="B3860" s="43"/>
      <c r="C3860" s="73"/>
      <c r="D3860" s="64"/>
      <c r="E3860" s="64"/>
      <c r="F3860" s="55"/>
      <c r="G3860" s="102"/>
      <c r="H3860" s="97"/>
      <c r="T3860" s="98"/>
      <c r="U3860" s="97"/>
      <c r="AG3860" s="98"/>
      <c r="AY3860" s="164"/>
      <c r="BK3860" s="98"/>
      <c r="BL3860" s="97"/>
      <c r="BX3860" s="98"/>
      <c r="CL3860" s="97"/>
      <c r="CX3860" s="98"/>
      <c r="DL3860" s="97"/>
      <c r="DX3860" s="98"/>
      <c r="EL3860" s="97"/>
      <c r="EX3860" s="98"/>
      <c r="EY3860" s="97"/>
      <c r="FL3860" s="126"/>
      <c r="FM3860" s="91"/>
      <c r="FN3860" s="91"/>
      <c r="FO3860" s="91"/>
      <c r="FP3860" s="91"/>
      <c r="FQ3860" s="91"/>
      <c r="FR3860" s="91"/>
      <c r="FS3860" s="91"/>
      <c r="FT3860" s="91"/>
      <c r="FU3860" s="91"/>
      <c r="FV3860" s="91"/>
      <c r="FW3860" s="91"/>
      <c r="FX3860" s="127"/>
      <c r="FY3860" s="126"/>
      <c r="FZ3860" s="91"/>
      <c r="GA3860" s="91"/>
      <c r="GB3860" s="91"/>
      <c r="GC3860" s="91"/>
      <c r="GD3860" s="91"/>
      <c r="GE3860" s="91"/>
      <c r="GF3860" s="91"/>
      <c r="GG3860" s="91"/>
      <c r="GH3860" s="91"/>
      <c r="GI3860" s="91"/>
      <c r="GJ3860" s="91"/>
      <c r="GK3860" s="127"/>
      <c r="GL3860" s="126"/>
      <c r="GM3860" s="91"/>
      <c r="GN3860" s="91"/>
      <c r="GO3860" s="91"/>
      <c r="GP3860" s="91"/>
      <c r="GQ3860" s="91"/>
      <c r="GR3860" s="91"/>
      <c r="GS3860" s="91"/>
      <c r="GT3860" s="91"/>
      <c r="GU3860" s="91"/>
      <c r="GV3860" s="91"/>
      <c r="GW3860" s="91"/>
      <c r="GX3860" s="127"/>
      <c r="GY3860" s="126"/>
      <c r="GZ3860" s="91"/>
      <c r="HA3860" s="91"/>
      <c r="HB3860" s="91"/>
      <c r="HC3860" s="91"/>
      <c r="HD3860" s="91"/>
      <c r="HE3860" s="91"/>
      <c r="HF3860" s="91"/>
      <c r="HG3860" s="91"/>
      <c r="HH3860" s="91"/>
      <c r="HI3860" s="91"/>
      <c r="HJ3860" s="91"/>
      <c r="HK3860" s="127"/>
      <c r="HL3860" s="126"/>
      <c r="HM3860" s="91"/>
      <c r="HN3860" s="91"/>
      <c r="HO3860" s="91"/>
      <c r="HP3860" s="91"/>
      <c r="HQ3860" s="91"/>
      <c r="HR3860" s="91"/>
      <c r="HS3860" s="91"/>
      <c r="HT3860" s="91"/>
      <c r="HU3860" s="91"/>
      <c r="HV3860" s="91"/>
      <c r="HW3860" s="91"/>
      <c r="HX3860" s="127"/>
      <c r="HY3860" s="126"/>
      <c r="HZ3860" s="91"/>
      <c r="IA3860" s="91"/>
      <c r="IB3860" s="91"/>
      <c r="IC3860" s="91"/>
      <c r="ID3860" s="91"/>
      <c r="IE3860" s="91"/>
      <c r="IF3860" s="91"/>
      <c r="IG3860" s="91"/>
      <c r="IH3860" s="91"/>
      <c r="II3860" s="91"/>
      <c r="IJ3860" s="91"/>
      <c r="IK3860" s="174"/>
    </row>
    <row r="3861" spans="2:245" x14ac:dyDescent="0.2">
      <c r="B3861" s="43"/>
      <c r="C3861" s="73"/>
      <c r="D3861" s="64"/>
      <c r="E3861" s="64"/>
      <c r="F3861" s="55"/>
      <c r="G3861" s="102"/>
      <c r="H3861" s="97"/>
      <c r="T3861" s="98"/>
      <c r="U3861" s="97"/>
      <c r="AG3861" s="98"/>
      <c r="AY3861" s="164"/>
      <c r="BK3861" s="98"/>
      <c r="BL3861" s="97"/>
      <c r="BX3861" s="98"/>
      <c r="CL3861" s="97"/>
      <c r="CX3861" s="98"/>
      <c r="DL3861" s="97"/>
      <c r="DX3861" s="98"/>
      <c r="EL3861" s="97"/>
      <c r="EX3861" s="98"/>
      <c r="EY3861" s="97"/>
      <c r="FL3861" s="126"/>
      <c r="FM3861" s="91"/>
      <c r="FN3861" s="91"/>
      <c r="FO3861" s="91"/>
      <c r="FP3861" s="91"/>
      <c r="FQ3861" s="91"/>
      <c r="FR3861" s="91"/>
      <c r="FS3861" s="91"/>
      <c r="FT3861" s="91"/>
      <c r="FU3861" s="91"/>
      <c r="FV3861" s="91"/>
      <c r="FW3861" s="91"/>
      <c r="FX3861" s="127"/>
      <c r="FY3861" s="126"/>
      <c r="FZ3861" s="91"/>
      <c r="GA3861" s="91"/>
      <c r="GB3861" s="91"/>
      <c r="GC3861" s="91"/>
      <c r="GD3861" s="91"/>
      <c r="GE3861" s="91"/>
      <c r="GF3861" s="91"/>
      <c r="GG3861" s="91"/>
      <c r="GH3861" s="91"/>
      <c r="GI3861" s="91"/>
      <c r="GJ3861" s="91"/>
      <c r="GK3861" s="127"/>
      <c r="GL3861" s="126"/>
      <c r="GM3861" s="91"/>
      <c r="GN3861" s="91"/>
      <c r="GO3861" s="91"/>
      <c r="GP3861" s="91"/>
      <c r="GQ3861" s="91"/>
      <c r="GR3861" s="91"/>
      <c r="GS3861" s="91"/>
      <c r="GT3861" s="91"/>
      <c r="GU3861" s="91"/>
      <c r="GV3861" s="91"/>
      <c r="GW3861" s="91"/>
      <c r="GX3861" s="127"/>
      <c r="GY3861" s="126"/>
      <c r="GZ3861" s="91"/>
      <c r="HA3861" s="91"/>
      <c r="HB3861" s="91"/>
      <c r="HC3861" s="91"/>
      <c r="HD3861" s="91"/>
      <c r="HE3861" s="91"/>
      <c r="HF3861" s="91"/>
      <c r="HG3861" s="91"/>
      <c r="HH3861" s="91"/>
      <c r="HI3861" s="91"/>
      <c r="HJ3861" s="91"/>
      <c r="HK3861" s="127"/>
      <c r="HL3861" s="126"/>
      <c r="HM3861" s="91"/>
      <c r="HN3861" s="91"/>
      <c r="HO3861" s="91"/>
      <c r="HP3861" s="91"/>
      <c r="HQ3861" s="91"/>
      <c r="HR3861" s="91"/>
      <c r="HS3861" s="91"/>
      <c r="HT3861" s="91"/>
      <c r="HU3861" s="91"/>
      <c r="HV3861" s="91"/>
      <c r="HW3861" s="91"/>
      <c r="HX3861" s="127"/>
      <c r="HY3861" s="126"/>
      <c r="HZ3861" s="91"/>
      <c r="IA3861" s="91"/>
      <c r="IB3861" s="91"/>
      <c r="IC3861" s="91"/>
      <c r="ID3861" s="91"/>
      <c r="IE3861" s="91"/>
      <c r="IF3861" s="91"/>
      <c r="IG3861" s="91"/>
      <c r="IH3861" s="91"/>
      <c r="II3861" s="91"/>
      <c r="IJ3861" s="91"/>
      <c r="IK3861" s="174"/>
    </row>
    <row r="3862" spans="2:245" x14ac:dyDescent="0.2">
      <c r="B3862" s="43"/>
      <c r="C3862" s="73"/>
      <c r="D3862" s="64"/>
      <c r="E3862" s="64"/>
      <c r="F3862" s="55"/>
      <c r="G3862" s="102"/>
      <c r="H3862" s="97"/>
      <c r="T3862" s="98"/>
      <c r="U3862" s="97"/>
      <c r="AG3862" s="98"/>
      <c r="AY3862" s="164"/>
      <c r="BK3862" s="98"/>
      <c r="BL3862" s="97"/>
      <c r="BX3862" s="98"/>
      <c r="CL3862" s="97"/>
      <c r="CX3862" s="98"/>
      <c r="DL3862" s="97"/>
      <c r="DX3862" s="98"/>
      <c r="EL3862" s="97"/>
      <c r="EX3862" s="98"/>
      <c r="EY3862" s="97"/>
      <c r="FL3862" s="126"/>
      <c r="FM3862" s="91"/>
      <c r="FN3862" s="91"/>
      <c r="FO3862" s="91"/>
      <c r="FP3862" s="91"/>
      <c r="FQ3862" s="91"/>
      <c r="FR3862" s="91"/>
      <c r="FS3862" s="91"/>
      <c r="FT3862" s="91"/>
      <c r="FU3862" s="91"/>
      <c r="FV3862" s="91"/>
      <c r="FW3862" s="91"/>
      <c r="FX3862" s="127"/>
      <c r="FY3862" s="126"/>
      <c r="FZ3862" s="91"/>
      <c r="GA3862" s="91"/>
      <c r="GB3862" s="91"/>
      <c r="GC3862" s="91"/>
      <c r="GD3862" s="91"/>
      <c r="GE3862" s="91"/>
      <c r="GF3862" s="91"/>
      <c r="GG3862" s="91"/>
      <c r="GH3862" s="91"/>
      <c r="GI3862" s="91"/>
      <c r="GJ3862" s="91"/>
      <c r="GK3862" s="127"/>
      <c r="GL3862" s="126"/>
      <c r="GM3862" s="91"/>
      <c r="GN3862" s="91"/>
      <c r="GO3862" s="91"/>
      <c r="GP3862" s="91"/>
      <c r="GQ3862" s="91"/>
      <c r="GR3862" s="91"/>
      <c r="GS3862" s="91"/>
      <c r="GT3862" s="91"/>
      <c r="GU3862" s="91"/>
      <c r="GV3862" s="91"/>
      <c r="GW3862" s="91"/>
      <c r="GX3862" s="127"/>
      <c r="GY3862" s="126"/>
      <c r="GZ3862" s="91"/>
      <c r="HA3862" s="91"/>
      <c r="HB3862" s="91"/>
      <c r="HC3862" s="91"/>
      <c r="HD3862" s="91"/>
      <c r="HE3862" s="91"/>
      <c r="HF3862" s="91"/>
      <c r="HG3862" s="91"/>
      <c r="HH3862" s="91"/>
      <c r="HI3862" s="91"/>
      <c r="HJ3862" s="91"/>
      <c r="HK3862" s="127"/>
      <c r="HL3862" s="126"/>
      <c r="HM3862" s="91"/>
      <c r="HN3862" s="91"/>
      <c r="HO3862" s="91"/>
      <c r="HP3862" s="91"/>
      <c r="HQ3862" s="91"/>
      <c r="HR3862" s="91"/>
      <c r="HS3862" s="91"/>
      <c r="HT3862" s="91"/>
      <c r="HU3862" s="91"/>
      <c r="HV3862" s="91"/>
      <c r="HW3862" s="91"/>
      <c r="HX3862" s="127"/>
      <c r="HY3862" s="126"/>
      <c r="HZ3862" s="91"/>
      <c r="IA3862" s="91"/>
      <c r="IB3862" s="91"/>
      <c r="IC3862" s="91"/>
      <c r="ID3862" s="91"/>
      <c r="IE3862" s="91"/>
      <c r="IF3862" s="91"/>
      <c r="IG3862" s="91"/>
      <c r="IH3862" s="91"/>
      <c r="II3862" s="91"/>
      <c r="IJ3862" s="91"/>
      <c r="IK3862" s="174"/>
    </row>
    <row r="3863" spans="2:245" x14ac:dyDescent="0.2">
      <c r="B3863" s="43"/>
      <c r="C3863" s="73"/>
      <c r="D3863" s="64"/>
      <c r="E3863" s="64"/>
      <c r="F3863" s="55"/>
      <c r="G3863" s="102"/>
      <c r="H3863" s="97"/>
      <c r="T3863" s="98"/>
      <c r="U3863" s="97"/>
      <c r="AG3863" s="98"/>
      <c r="AY3863" s="164"/>
      <c r="BK3863" s="98"/>
      <c r="BL3863" s="97"/>
      <c r="BX3863" s="98"/>
      <c r="CL3863" s="97"/>
      <c r="CX3863" s="98"/>
      <c r="DL3863" s="97"/>
      <c r="DX3863" s="98"/>
      <c r="EL3863" s="97"/>
      <c r="EX3863" s="98"/>
      <c r="EY3863" s="97"/>
      <c r="FL3863" s="126"/>
      <c r="FM3863" s="91"/>
      <c r="FN3863" s="91"/>
      <c r="FO3863" s="91"/>
      <c r="FP3863" s="91"/>
      <c r="FQ3863" s="91"/>
      <c r="FR3863" s="91"/>
      <c r="FS3863" s="91"/>
      <c r="FT3863" s="91"/>
      <c r="FU3863" s="91"/>
      <c r="FV3863" s="91"/>
      <c r="FW3863" s="91"/>
      <c r="FX3863" s="127"/>
      <c r="FY3863" s="126"/>
      <c r="FZ3863" s="91"/>
      <c r="GA3863" s="91"/>
      <c r="GB3863" s="91"/>
      <c r="GC3863" s="91"/>
      <c r="GD3863" s="91"/>
      <c r="GE3863" s="91"/>
      <c r="GF3863" s="91"/>
      <c r="GG3863" s="91"/>
      <c r="GH3863" s="91"/>
      <c r="GI3863" s="91"/>
      <c r="GJ3863" s="91"/>
      <c r="GK3863" s="127"/>
      <c r="GL3863" s="126"/>
      <c r="GM3863" s="91"/>
      <c r="GN3863" s="91"/>
      <c r="GO3863" s="91"/>
      <c r="GP3863" s="91"/>
      <c r="GQ3863" s="91"/>
      <c r="GR3863" s="91"/>
      <c r="GS3863" s="91"/>
      <c r="GT3863" s="91"/>
      <c r="GU3863" s="91"/>
      <c r="GV3863" s="91"/>
      <c r="GW3863" s="91"/>
      <c r="GX3863" s="127"/>
      <c r="GY3863" s="126"/>
      <c r="GZ3863" s="91"/>
      <c r="HA3863" s="91"/>
      <c r="HB3863" s="91"/>
      <c r="HC3863" s="91"/>
      <c r="HD3863" s="91"/>
      <c r="HE3863" s="91"/>
      <c r="HF3863" s="91"/>
      <c r="HG3863" s="91"/>
      <c r="HH3863" s="91"/>
      <c r="HI3863" s="91"/>
      <c r="HJ3863" s="91"/>
      <c r="HK3863" s="127"/>
      <c r="HL3863" s="126"/>
      <c r="HM3863" s="91"/>
      <c r="HN3863" s="91"/>
      <c r="HO3863" s="91"/>
      <c r="HP3863" s="91"/>
      <c r="HQ3863" s="91"/>
      <c r="HR3863" s="91"/>
      <c r="HS3863" s="91"/>
      <c r="HT3863" s="91"/>
      <c r="HU3863" s="91"/>
      <c r="HV3863" s="91"/>
      <c r="HW3863" s="91"/>
      <c r="HX3863" s="127"/>
      <c r="HY3863" s="126"/>
      <c r="HZ3863" s="91"/>
      <c r="IA3863" s="91"/>
      <c r="IB3863" s="91"/>
      <c r="IC3863" s="91"/>
      <c r="ID3863" s="91"/>
      <c r="IE3863" s="91"/>
      <c r="IF3863" s="91"/>
      <c r="IG3863" s="91"/>
      <c r="IH3863" s="91"/>
      <c r="II3863" s="91"/>
      <c r="IJ3863" s="91"/>
      <c r="IK3863" s="174"/>
    </row>
    <row r="3864" spans="2:245" x14ac:dyDescent="0.2">
      <c r="B3864" s="43"/>
      <c r="C3864" s="73"/>
      <c r="D3864" s="64"/>
      <c r="E3864" s="64"/>
      <c r="F3864" s="55"/>
      <c r="G3864" s="102"/>
      <c r="H3864" s="97"/>
      <c r="T3864" s="98"/>
      <c r="U3864" s="97"/>
      <c r="AG3864" s="98"/>
      <c r="AY3864" s="164"/>
      <c r="BK3864" s="98"/>
      <c r="BL3864" s="97"/>
      <c r="BX3864" s="98"/>
      <c r="CL3864" s="97"/>
      <c r="CX3864" s="98"/>
      <c r="DL3864" s="97"/>
      <c r="DX3864" s="98"/>
      <c r="EL3864" s="97"/>
      <c r="EX3864" s="98"/>
      <c r="EY3864" s="97"/>
      <c r="FL3864" s="126"/>
      <c r="FM3864" s="91"/>
      <c r="FN3864" s="91"/>
      <c r="FO3864" s="91"/>
      <c r="FP3864" s="91"/>
      <c r="FQ3864" s="91"/>
      <c r="FR3864" s="91"/>
      <c r="FS3864" s="91"/>
      <c r="FT3864" s="91"/>
      <c r="FU3864" s="91"/>
      <c r="FV3864" s="91"/>
      <c r="FW3864" s="91"/>
      <c r="FX3864" s="127"/>
      <c r="FY3864" s="126"/>
      <c r="FZ3864" s="91"/>
      <c r="GA3864" s="91"/>
      <c r="GB3864" s="91"/>
      <c r="GC3864" s="91"/>
      <c r="GD3864" s="91"/>
      <c r="GE3864" s="91"/>
      <c r="GF3864" s="91"/>
      <c r="GG3864" s="91"/>
      <c r="GH3864" s="91"/>
      <c r="GI3864" s="91"/>
      <c r="GJ3864" s="91"/>
      <c r="GK3864" s="127"/>
      <c r="GL3864" s="126"/>
      <c r="GM3864" s="91"/>
      <c r="GN3864" s="91"/>
      <c r="GO3864" s="91"/>
      <c r="GP3864" s="91"/>
      <c r="GQ3864" s="91"/>
      <c r="GR3864" s="91"/>
      <c r="GS3864" s="91"/>
      <c r="GT3864" s="91"/>
      <c r="GU3864" s="91"/>
      <c r="GV3864" s="91"/>
      <c r="GW3864" s="91"/>
      <c r="GX3864" s="127"/>
      <c r="GY3864" s="126"/>
      <c r="GZ3864" s="91"/>
      <c r="HA3864" s="91"/>
      <c r="HB3864" s="91"/>
      <c r="HC3864" s="91"/>
      <c r="HD3864" s="91"/>
      <c r="HE3864" s="91"/>
      <c r="HF3864" s="91"/>
      <c r="HG3864" s="91"/>
      <c r="HH3864" s="91"/>
      <c r="HI3864" s="91"/>
      <c r="HJ3864" s="91"/>
      <c r="HK3864" s="127"/>
      <c r="HL3864" s="126"/>
      <c r="HM3864" s="91"/>
      <c r="HN3864" s="91"/>
      <c r="HO3864" s="91"/>
      <c r="HP3864" s="91"/>
      <c r="HQ3864" s="91"/>
      <c r="HR3864" s="91"/>
      <c r="HS3864" s="91"/>
      <c r="HT3864" s="91"/>
      <c r="HU3864" s="91"/>
      <c r="HV3864" s="91"/>
      <c r="HW3864" s="91"/>
      <c r="HX3864" s="127"/>
      <c r="HY3864" s="126"/>
      <c r="HZ3864" s="91"/>
      <c r="IA3864" s="91"/>
      <c r="IB3864" s="91"/>
      <c r="IC3864" s="91"/>
      <c r="ID3864" s="91"/>
      <c r="IE3864" s="91"/>
      <c r="IF3864" s="91"/>
      <c r="IG3864" s="91"/>
      <c r="IH3864" s="91"/>
      <c r="II3864" s="91"/>
      <c r="IJ3864" s="91"/>
      <c r="IK3864" s="174"/>
    </row>
    <row r="3865" spans="2:245" x14ac:dyDescent="0.2">
      <c r="B3865" s="43"/>
      <c r="C3865" s="73"/>
      <c r="D3865" s="64"/>
      <c r="E3865" s="64"/>
      <c r="F3865" s="55"/>
      <c r="G3865" s="102"/>
      <c r="H3865" s="97"/>
      <c r="T3865" s="98"/>
      <c r="U3865" s="97"/>
      <c r="AG3865" s="98"/>
      <c r="AY3865" s="164"/>
      <c r="BK3865" s="98"/>
      <c r="BL3865" s="97"/>
      <c r="BX3865" s="98"/>
      <c r="CL3865" s="97"/>
      <c r="CX3865" s="98"/>
      <c r="DL3865" s="97"/>
      <c r="DX3865" s="98"/>
      <c r="EL3865" s="97"/>
      <c r="EX3865" s="98"/>
      <c r="EY3865" s="97"/>
      <c r="FL3865" s="126"/>
      <c r="FM3865" s="91"/>
      <c r="FN3865" s="91"/>
      <c r="FO3865" s="91"/>
      <c r="FP3865" s="91"/>
      <c r="FQ3865" s="91"/>
      <c r="FR3865" s="91"/>
      <c r="FS3865" s="91"/>
      <c r="FT3865" s="91"/>
      <c r="FU3865" s="91"/>
      <c r="FV3865" s="91"/>
      <c r="FW3865" s="91"/>
      <c r="FX3865" s="127"/>
      <c r="FY3865" s="126"/>
      <c r="FZ3865" s="91"/>
      <c r="GA3865" s="91"/>
      <c r="GB3865" s="91"/>
      <c r="GC3865" s="91"/>
      <c r="GD3865" s="91"/>
      <c r="GE3865" s="91"/>
      <c r="GF3865" s="91"/>
      <c r="GG3865" s="91"/>
      <c r="GH3865" s="91"/>
      <c r="GI3865" s="91"/>
      <c r="GJ3865" s="91"/>
      <c r="GK3865" s="127"/>
      <c r="GL3865" s="126"/>
      <c r="GM3865" s="91"/>
      <c r="GN3865" s="91"/>
      <c r="GO3865" s="91"/>
      <c r="GP3865" s="91"/>
      <c r="GQ3865" s="91"/>
      <c r="GR3865" s="91"/>
      <c r="GS3865" s="91"/>
      <c r="GT3865" s="91"/>
      <c r="GU3865" s="91"/>
      <c r="GV3865" s="91"/>
      <c r="GW3865" s="91"/>
      <c r="GX3865" s="127"/>
      <c r="GY3865" s="126"/>
      <c r="GZ3865" s="91"/>
      <c r="HA3865" s="91"/>
      <c r="HB3865" s="91"/>
      <c r="HC3865" s="91"/>
      <c r="HD3865" s="91"/>
      <c r="HE3865" s="91"/>
      <c r="HF3865" s="91"/>
      <c r="HG3865" s="91"/>
      <c r="HH3865" s="91"/>
      <c r="HI3865" s="91"/>
      <c r="HJ3865" s="91"/>
      <c r="HK3865" s="127"/>
      <c r="HL3865" s="126"/>
      <c r="HM3865" s="91"/>
      <c r="HN3865" s="91"/>
      <c r="HO3865" s="91"/>
      <c r="HP3865" s="91"/>
      <c r="HQ3865" s="91"/>
      <c r="HR3865" s="91"/>
      <c r="HS3865" s="91"/>
      <c r="HT3865" s="91"/>
      <c r="HU3865" s="91"/>
      <c r="HV3865" s="91"/>
      <c r="HW3865" s="91"/>
      <c r="HX3865" s="127"/>
      <c r="HY3865" s="126"/>
      <c r="HZ3865" s="91"/>
      <c r="IA3865" s="91"/>
      <c r="IB3865" s="91"/>
      <c r="IC3865" s="91"/>
      <c r="ID3865" s="91"/>
      <c r="IE3865" s="91"/>
      <c r="IF3865" s="91"/>
      <c r="IG3865" s="91"/>
      <c r="IH3865" s="91"/>
      <c r="II3865" s="91"/>
      <c r="IJ3865" s="91"/>
      <c r="IK3865" s="174"/>
    </row>
    <row r="3866" spans="2:245" x14ac:dyDescent="0.2">
      <c r="B3866" s="43"/>
      <c r="C3866" s="73"/>
      <c r="D3866" s="64"/>
      <c r="E3866" s="64"/>
      <c r="F3866" s="55"/>
      <c r="G3866" s="102"/>
      <c r="H3866" s="97"/>
      <c r="T3866" s="98"/>
      <c r="U3866" s="97"/>
      <c r="AG3866" s="98"/>
      <c r="AY3866" s="164"/>
      <c r="BK3866" s="98"/>
      <c r="BL3866" s="97"/>
      <c r="BX3866" s="98"/>
      <c r="CL3866" s="97"/>
      <c r="CX3866" s="98"/>
      <c r="DL3866" s="97"/>
      <c r="DX3866" s="98"/>
      <c r="EL3866" s="97"/>
      <c r="EX3866" s="98"/>
      <c r="EY3866" s="97"/>
      <c r="FL3866" s="126"/>
      <c r="FM3866" s="91"/>
      <c r="FN3866" s="91"/>
      <c r="FO3866" s="91"/>
      <c r="FP3866" s="91"/>
      <c r="FQ3866" s="91"/>
      <c r="FR3866" s="91"/>
      <c r="FS3866" s="91"/>
      <c r="FT3866" s="91"/>
      <c r="FU3866" s="91"/>
      <c r="FV3866" s="91"/>
      <c r="FW3866" s="91"/>
      <c r="FX3866" s="127"/>
      <c r="FY3866" s="126"/>
      <c r="FZ3866" s="91"/>
      <c r="GA3866" s="91"/>
      <c r="GB3866" s="91"/>
      <c r="GC3866" s="91"/>
      <c r="GD3866" s="91"/>
      <c r="GE3866" s="91"/>
      <c r="GF3866" s="91"/>
      <c r="GG3866" s="91"/>
      <c r="GH3866" s="91"/>
      <c r="GI3866" s="91"/>
      <c r="GJ3866" s="91"/>
      <c r="GK3866" s="127"/>
      <c r="GL3866" s="126"/>
      <c r="GM3866" s="91"/>
      <c r="GN3866" s="91"/>
      <c r="GO3866" s="91"/>
      <c r="GP3866" s="91"/>
      <c r="GQ3866" s="91"/>
      <c r="GR3866" s="91"/>
      <c r="GS3866" s="91"/>
      <c r="GT3866" s="91"/>
      <c r="GU3866" s="91"/>
      <c r="GV3866" s="91"/>
      <c r="GW3866" s="91"/>
      <c r="GX3866" s="127"/>
      <c r="GY3866" s="126"/>
      <c r="GZ3866" s="91"/>
      <c r="HA3866" s="91"/>
      <c r="HB3866" s="91"/>
      <c r="HC3866" s="91"/>
      <c r="HD3866" s="91"/>
      <c r="HE3866" s="91"/>
      <c r="HF3866" s="91"/>
      <c r="HG3866" s="91"/>
      <c r="HH3866" s="91"/>
      <c r="HI3866" s="91"/>
      <c r="HJ3866" s="91"/>
      <c r="HK3866" s="127"/>
      <c r="HL3866" s="126"/>
      <c r="HM3866" s="91"/>
      <c r="HN3866" s="91"/>
      <c r="HO3866" s="91"/>
      <c r="HP3866" s="91"/>
      <c r="HQ3866" s="91"/>
      <c r="HR3866" s="91"/>
      <c r="HS3866" s="91"/>
      <c r="HT3866" s="91"/>
      <c r="HU3866" s="91"/>
      <c r="HV3866" s="91"/>
      <c r="HW3866" s="91"/>
      <c r="HX3866" s="127"/>
      <c r="HY3866" s="126"/>
      <c r="HZ3866" s="91"/>
      <c r="IA3866" s="91"/>
      <c r="IB3866" s="91"/>
      <c r="IC3866" s="91"/>
      <c r="ID3866" s="91"/>
      <c r="IE3866" s="91"/>
      <c r="IF3866" s="91"/>
      <c r="IG3866" s="91"/>
      <c r="IH3866" s="91"/>
      <c r="II3866" s="91"/>
      <c r="IJ3866" s="91"/>
      <c r="IK3866" s="174"/>
    </row>
    <row r="3867" spans="2:245" x14ac:dyDescent="0.2">
      <c r="B3867" s="43"/>
      <c r="C3867" s="73"/>
      <c r="D3867" s="64"/>
      <c r="E3867" s="64"/>
      <c r="F3867" s="55"/>
      <c r="G3867" s="102"/>
      <c r="H3867" s="97"/>
      <c r="T3867" s="98"/>
      <c r="U3867" s="97"/>
      <c r="AG3867" s="98"/>
      <c r="AY3867" s="164"/>
      <c r="BK3867" s="98"/>
      <c r="BL3867" s="97"/>
      <c r="BX3867" s="98"/>
      <c r="CL3867" s="97"/>
      <c r="CX3867" s="98"/>
      <c r="DL3867" s="97"/>
      <c r="DX3867" s="98"/>
      <c r="EL3867" s="97"/>
      <c r="EX3867" s="98"/>
      <c r="EY3867" s="97"/>
      <c r="FL3867" s="126"/>
      <c r="FM3867" s="91"/>
      <c r="FN3867" s="91"/>
      <c r="FO3867" s="91"/>
      <c r="FP3867" s="91"/>
      <c r="FQ3867" s="91"/>
      <c r="FR3867" s="91"/>
      <c r="FS3867" s="91"/>
      <c r="FT3867" s="91"/>
      <c r="FU3867" s="91"/>
      <c r="FV3867" s="91"/>
      <c r="FW3867" s="91"/>
      <c r="FX3867" s="127"/>
      <c r="FY3867" s="126"/>
      <c r="FZ3867" s="91"/>
      <c r="GA3867" s="91"/>
      <c r="GB3867" s="91"/>
      <c r="GC3867" s="91"/>
      <c r="GD3867" s="91"/>
      <c r="GE3867" s="91"/>
      <c r="GF3867" s="91"/>
      <c r="GG3867" s="91"/>
      <c r="GH3867" s="91"/>
      <c r="GI3867" s="91"/>
      <c r="GJ3867" s="91"/>
      <c r="GK3867" s="127"/>
      <c r="GL3867" s="126"/>
      <c r="GM3867" s="91"/>
      <c r="GN3867" s="91"/>
      <c r="GO3867" s="91"/>
      <c r="GP3867" s="91"/>
      <c r="GQ3867" s="91"/>
      <c r="GR3867" s="91"/>
      <c r="GS3867" s="91"/>
      <c r="GT3867" s="91"/>
      <c r="GU3867" s="91"/>
      <c r="GV3867" s="91"/>
      <c r="GW3867" s="91"/>
      <c r="GX3867" s="127"/>
      <c r="GY3867" s="126"/>
      <c r="GZ3867" s="91"/>
      <c r="HA3867" s="91"/>
      <c r="HB3867" s="91"/>
      <c r="HC3867" s="91"/>
      <c r="HD3867" s="91"/>
      <c r="HE3867" s="91"/>
      <c r="HF3867" s="91"/>
      <c r="HG3867" s="91"/>
      <c r="HH3867" s="91"/>
      <c r="HI3867" s="91"/>
      <c r="HJ3867" s="91"/>
      <c r="HK3867" s="127"/>
      <c r="HL3867" s="126"/>
      <c r="HM3867" s="91"/>
      <c r="HN3867" s="91"/>
      <c r="HO3867" s="91"/>
      <c r="HP3867" s="91"/>
      <c r="HQ3867" s="91"/>
      <c r="HR3867" s="91"/>
      <c r="HS3867" s="91"/>
      <c r="HT3867" s="91"/>
      <c r="HU3867" s="91"/>
      <c r="HV3867" s="91"/>
      <c r="HW3867" s="91"/>
      <c r="HX3867" s="127"/>
      <c r="HY3867" s="126"/>
      <c r="HZ3867" s="91"/>
      <c r="IA3867" s="91"/>
      <c r="IB3867" s="91"/>
      <c r="IC3867" s="91"/>
      <c r="ID3867" s="91"/>
      <c r="IE3867" s="91"/>
      <c r="IF3867" s="91"/>
      <c r="IG3867" s="91"/>
      <c r="IH3867" s="91"/>
      <c r="II3867" s="91"/>
      <c r="IJ3867" s="91"/>
      <c r="IK3867" s="174"/>
    </row>
    <row r="3868" spans="2:245" x14ac:dyDescent="0.2">
      <c r="B3868" s="43"/>
      <c r="C3868" s="73"/>
      <c r="D3868" s="64"/>
      <c r="E3868" s="64"/>
      <c r="F3868" s="55"/>
      <c r="G3868" s="102"/>
      <c r="H3868" s="97"/>
      <c r="T3868" s="98"/>
      <c r="U3868" s="97"/>
      <c r="AG3868" s="98"/>
      <c r="AY3868" s="164"/>
      <c r="BK3868" s="98"/>
      <c r="BL3868" s="97"/>
      <c r="BX3868" s="98"/>
      <c r="CL3868" s="97"/>
      <c r="CX3868" s="98"/>
      <c r="DL3868" s="97"/>
      <c r="DX3868" s="98"/>
      <c r="EL3868" s="97"/>
      <c r="EX3868" s="98"/>
      <c r="EY3868" s="97"/>
      <c r="FL3868" s="126"/>
      <c r="FM3868" s="91"/>
      <c r="FN3868" s="91"/>
      <c r="FO3868" s="91"/>
      <c r="FP3868" s="91"/>
      <c r="FQ3868" s="91"/>
      <c r="FR3868" s="91"/>
      <c r="FS3868" s="91"/>
      <c r="FT3868" s="91"/>
      <c r="FU3868" s="91"/>
      <c r="FV3868" s="91"/>
      <c r="FW3868" s="91"/>
      <c r="FX3868" s="127"/>
      <c r="FY3868" s="126"/>
      <c r="FZ3868" s="91"/>
      <c r="GA3868" s="91"/>
      <c r="GB3868" s="91"/>
      <c r="GC3868" s="91"/>
      <c r="GD3868" s="91"/>
      <c r="GE3868" s="91"/>
      <c r="GF3868" s="91"/>
      <c r="GG3868" s="91"/>
      <c r="GH3868" s="91"/>
      <c r="GI3868" s="91"/>
      <c r="GJ3868" s="91"/>
      <c r="GK3868" s="127"/>
      <c r="GL3868" s="126"/>
      <c r="GM3868" s="91"/>
      <c r="GN3868" s="91"/>
      <c r="GO3868" s="91"/>
      <c r="GP3868" s="91"/>
      <c r="GQ3868" s="91"/>
      <c r="GR3868" s="91"/>
      <c r="GS3868" s="91"/>
      <c r="GT3868" s="91"/>
      <c r="GU3868" s="91"/>
      <c r="GV3868" s="91"/>
      <c r="GW3868" s="91"/>
      <c r="GX3868" s="127"/>
      <c r="GY3868" s="126"/>
      <c r="GZ3868" s="91"/>
      <c r="HA3868" s="91"/>
      <c r="HB3868" s="91"/>
      <c r="HC3868" s="91"/>
      <c r="HD3868" s="91"/>
      <c r="HE3868" s="91"/>
      <c r="HF3868" s="91"/>
      <c r="HG3868" s="91"/>
      <c r="HH3868" s="91"/>
      <c r="HI3868" s="91"/>
      <c r="HJ3868" s="91"/>
      <c r="HK3868" s="127"/>
      <c r="HL3868" s="126"/>
      <c r="HM3868" s="91"/>
      <c r="HN3868" s="91"/>
      <c r="HO3868" s="91"/>
      <c r="HP3868" s="91"/>
      <c r="HQ3868" s="91"/>
      <c r="HR3868" s="91"/>
      <c r="HS3868" s="91"/>
      <c r="HT3868" s="91"/>
      <c r="HU3868" s="91"/>
      <c r="HV3868" s="91"/>
      <c r="HW3868" s="91"/>
      <c r="HX3868" s="127"/>
      <c r="HY3868" s="126"/>
      <c r="HZ3868" s="91"/>
      <c r="IA3868" s="91"/>
      <c r="IB3868" s="91"/>
      <c r="IC3868" s="91"/>
      <c r="ID3868" s="91"/>
      <c r="IE3868" s="91"/>
      <c r="IF3868" s="91"/>
      <c r="IG3868" s="91"/>
      <c r="IH3868" s="91"/>
      <c r="II3868" s="91"/>
      <c r="IJ3868" s="91"/>
      <c r="IK3868" s="174"/>
    </row>
    <row r="3869" spans="2:245" x14ac:dyDescent="0.2">
      <c r="B3869" s="43"/>
      <c r="C3869" s="73"/>
      <c r="D3869" s="64"/>
      <c r="E3869" s="64"/>
      <c r="F3869" s="55"/>
      <c r="G3869" s="102"/>
      <c r="H3869" s="97"/>
      <c r="T3869" s="98"/>
      <c r="U3869" s="97"/>
      <c r="AG3869" s="98"/>
      <c r="AY3869" s="164"/>
      <c r="BK3869" s="98"/>
      <c r="BL3869" s="97"/>
      <c r="BX3869" s="98"/>
      <c r="CL3869" s="97"/>
      <c r="CX3869" s="98"/>
      <c r="DL3869" s="97"/>
      <c r="DX3869" s="98"/>
      <c r="EL3869" s="97"/>
      <c r="EX3869" s="98"/>
      <c r="EY3869" s="97"/>
      <c r="FL3869" s="126"/>
      <c r="FM3869" s="91"/>
      <c r="FN3869" s="91"/>
      <c r="FO3869" s="91"/>
      <c r="FP3869" s="91"/>
      <c r="FQ3869" s="91"/>
      <c r="FR3869" s="91"/>
      <c r="FS3869" s="91"/>
      <c r="FT3869" s="91"/>
      <c r="FU3869" s="91"/>
      <c r="FV3869" s="91"/>
      <c r="FW3869" s="91"/>
      <c r="FX3869" s="127"/>
      <c r="FY3869" s="126"/>
      <c r="FZ3869" s="91"/>
      <c r="GA3869" s="91"/>
      <c r="GB3869" s="91"/>
      <c r="GC3869" s="91"/>
      <c r="GD3869" s="91"/>
      <c r="GE3869" s="91"/>
      <c r="GF3869" s="91"/>
      <c r="GG3869" s="91"/>
      <c r="GH3869" s="91"/>
      <c r="GI3869" s="91"/>
      <c r="GJ3869" s="91"/>
      <c r="GK3869" s="127"/>
      <c r="GL3869" s="126"/>
      <c r="GM3869" s="91"/>
      <c r="GN3869" s="91"/>
      <c r="GO3869" s="91"/>
      <c r="GP3869" s="91"/>
      <c r="GQ3869" s="91"/>
      <c r="GR3869" s="91"/>
      <c r="GS3869" s="91"/>
      <c r="GT3869" s="91"/>
      <c r="GU3869" s="91"/>
      <c r="GV3869" s="91"/>
      <c r="GW3869" s="91"/>
      <c r="GX3869" s="127"/>
      <c r="GY3869" s="126"/>
      <c r="GZ3869" s="91"/>
      <c r="HA3869" s="91"/>
      <c r="HB3869" s="91"/>
      <c r="HC3869" s="91"/>
      <c r="HD3869" s="91"/>
      <c r="HE3869" s="91"/>
      <c r="HF3869" s="91"/>
      <c r="HG3869" s="91"/>
      <c r="HH3869" s="91"/>
      <c r="HI3869" s="91"/>
      <c r="HJ3869" s="91"/>
      <c r="HK3869" s="127"/>
      <c r="HL3869" s="126"/>
      <c r="HM3869" s="91"/>
      <c r="HN3869" s="91"/>
      <c r="HO3869" s="91"/>
      <c r="HP3869" s="91"/>
      <c r="HQ3869" s="91"/>
      <c r="HR3869" s="91"/>
      <c r="HS3869" s="91"/>
      <c r="HT3869" s="91"/>
      <c r="HU3869" s="91"/>
      <c r="HV3869" s="91"/>
      <c r="HW3869" s="91"/>
      <c r="HX3869" s="127"/>
      <c r="HY3869" s="126"/>
      <c r="HZ3869" s="91"/>
      <c r="IA3869" s="91"/>
      <c r="IB3869" s="91"/>
      <c r="IC3869" s="91"/>
      <c r="ID3869" s="91"/>
      <c r="IE3869" s="91"/>
      <c r="IF3869" s="91"/>
      <c r="IG3869" s="91"/>
      <c r="IH3869" s="91"/>
      <c r="II3869" s="91"/>
      <c r="IJ3869" s="91"/>
      <c r="IK3869" s="174"/>
    </row>
    <row r="3870" spans="2:245" x14ac:dyDescent="0.2">
      <c r="B3870" s="43"/>
      <c r="C3870" s="73"/>
      <c r="D3870" s="64"/>
      <c r="E3870" s="64"/>
      <c r="F3870" s="55"/>
      <c r="G3870" s="102"/>
      <c r="H3870" s="97"/>
      <c r="T3870" s="98"/>
      <c r="U3870" s="97"/>
      <c r="AG3870" s="98"/>
      <c r="AY3870" s="164"/>
      <c r="BK3870" s="98"/>
      <c r="BL3870" s="97"/>
      <c r="BX3870" s="98"/>
      <c r="CL3870" s="97"/>
      <c r="CX3870" s="98"/>
      <c r="DL3870" s="97"/>
      <c r="DX3870" s="98"/>
      <c r="EL3870" s="97"/>
      <c r="EX3870" s="98"/>
      <c r="EY3870" s="97"/>
      <c r="FL3870" s="126"/>
      <c r="FM3870" s="91"/>
      <c r="FN3870" s="91"/>
      <c r="FO3870" s="91"/>
      <c r="FP3870" s="91"/>
      <c r="FQ3870" s="91"/>
      <c r="FR3870" s="91"/>
      <c r="FS3870" s="91"/>
      <c r="FT3870" s="91"/>
      <c r="FU3870" s="91"/>
      <c r="FV3870" s="91"/>
      <c r="FW3870" s="91"/>
      <c r="FX3870" s="127"/>
      <c r="FY3870" s="126"/>
      <c r="FZ3870" s="91"/>
      <c r="GA3870" s="91"/>
      <c r="GB3870" s="91"/>
      <c r="GC3870" s="91"/>
      <c r="GD3870" s="91"/>
      <c r="GE3870" s="91"/>
      <c r="GF3870" s="91"/>
      <c r="GG3870" s="91"/>
      <c r="GH3870" s="91"/>
      <c r="GI3870" s="91"/>
      <c r="GJ3870" s="91"/>
      <c r="GK3870" s="127"/>
      <c r="GL3870" s="126"/>
      <c r="GM3870" s="91"/>
      <c r="GN3870" s="91"/>
      <c r="GO3870" s="91"/>
      <c r="GP3870" s="91"/>
      <c r="GQ3870" s="91"/>
      <c r="GR3870" s="91"/>
      <c r="GS3870" s="91"/>
      <c r="GT3870" s="91"/>
      <c r="GU3870" s="91"/>
      <c r="GV3870" s="91"/>
      <c r="GW3870" s="91"/>
      <c r="GX3870" s="127"/>
      <c r="GY3870" s="126"/>
      <c r="GZ3870" s="91"/>
      <c r="HA3870" s="91"/>
      <c r="HB3870" s="91"/>
      <c r="HC3870" s="91"/>
      <c r="HD3870" s="91"/>
      <c r="HE3870" s="91"/>
      <c r="HF3870" s="91"/>
      <c r="HG3870" s="91"/>
      <c r="HH3870" s="91"/>
      <c r="HI3870" s="91"/>
      <c r="HJ3870" s="91"/>
      <c r="HK3870" s="127"/>
      <c r="HL3870" s="126"/>
      <c r="HM3870" s="91"/>
      <c r="HN3870" s="91"/>
      <c r="HO3870" s="91"/>
      <c r="HP3870" s="91"/>
      <c r="HQ3870" s="91"/>
      <c r="HR3870" s="91"/>
      <c r="HS3870" s="91"/>
      <c r="HT3870" s="91"/>
      <c r="HU3870" s="91"/>
      <c r="HV3870" s="91"/>
      <c r="HW3870" s="91"/>
      <c r="HX3870" s="127"/>
      <c r="HY3870" s="126"/>
      <c r="HZ3870" s="91"/>
      <c r="IA3870" s="91"/>
      <c r="IB3870" s="91"/>
      <c r="IC3870" s="91"/>
      <c r="ID3870" s="91"/>
      <c r="IE3870" s="91"/>
      <c r="IF3870" s="91"/>
      <c r="IG3870" s="91"/>
      <c r="IH3870" s="91"/>
      <c r="II3870" s="91"/>
      <c r="IJ3870" s="91"/>
      <c r="IK3870" s="174"/>
    </row>
    <row r="3871" spans="2:245" x14ac:dyDescent="0.2">
      <c r="B3871" s="43"/>
      <c r="C3871" s="73"/>
      <c r="D3871" s="64"/>
      <c r="E3871" s="64"/>
      <c r="F3871" s="55"/>
      <c r="G3871" s="102"/>
      <c r="H3871" s="97"/>
      <c r="T3871" s="98"/>
      <c r="U3871" s="97"/>
      <c r="AG3871" s="98"/>
      <c r="AY3871" s="164"/>
      <c r="BK3871" s="98"/>
      <c r="BL3871" s="97"/>
      <c r="BX3871" s="98"/>
      <c r="CL3871" s="97"/>
      <c r="CX3871" s="98"/>
      <c r="DL3871" s="97"/>
      <c r="DX3871" s="98"/>
      <c r="EL3871" s="97"/>
      <c r="EX3871" s="98"/>
      <c r="EY3871" s="97"/>
      <c r="FL3871" s="126"/>
      <c r="FM3871" s="91"/>
      <c r="FN3871" s="91"/>
      <c r="FO3871" s="91"/>
      <c r="FP3871" s="91"/>
      <c r="FQ3871" s="91"/>
      <c r="FR3871" s="91"/>
      <c r="FS3871" s="91"/>
      <c r="FT3871" s="91"/>
      <c r="FU3871" s="91"/>
      <c r="FV3871" s="91"/>
      <c r="FW3871" s="91"/>
      <c r="FX3871" s="127"/>
      <c r="FY3871" s="126"/>
      <c r="FZ3871" s="91"/>
      <c r="GA3871" s="91"/>
      <c r="GB3871" s="91"/>
      <c r="GC3871" s="91"/>
      <c r="GD3871" s="91"/>
      <c r="GE3871" s="91"/>
      <c r="GF3871" s="91"/>
      <c r="GG3871" s="91"/>
      <c r="GH3871" s="91"/>
      <c r="GI3871" s="91"/>
      <c r="GJ3871" s="91"/>
      <c r="GK3871" s="127"/>
      <c r="GL3871" s="126"/>
      <c r="GM3871" s="91"/>
      <c r="GN3871" s="91"/>
      <c r="GO3871" s="91"/>
      <c r="GP3871" s="91"/>
      <c r="GQ3871" s="91"/>
      <c r="GR3871" s="91"/>
      <c r="GS3871" s="91"/>
      <c r="GT3871" s="91"/>
      <c r="GU3871" s="91"/>
      <c r="GV3871" s="91"/>
      <c r="GW3871" s="91"/>
      <c r="GX3871" s="127"/>
      <c r="GY3871" s="126"/>
      <c r="GZ3871" s="91"/>
      <c r="HA3871" s="91"/>
      <c r="HB3871" s="91"/>
      <c r="HC3871" s="91"/>
      <c r="HD3871" s="91"/>
      <c r="HE3871" s="91"/>
      <c r="HF3871" s="91"/>
      <c r="HG3871" s="91"/>
      <c r="HH3871" s="91"/>
      <c r="HI3871" s="91"/>
      <c r="HJ3871" s="91"/>
      <c r="HK3871" s="127"/>
      <c r="HL3871" s="126"/>
      <c r="HM3871" s="91"/>
      <c r="HN3871" s="91"/>
      <c r="HO3871" s="91"/>
      <c r="HP3871" s="91"/>
      <c r="HQ3871" s="91"/>
      <c r="HR3871" s="91"/>
      <c r="HS3871" s="91"/>
      <c r="HT3871" s="91"/>
      <c r="HU3871" s="91"/>
      <c r="HV3871" s="91"/>
      <c r="HW3871" s="91"/>
      <c r="HX3871" s="127"/>
      <c r="HY3871" s="126"/>
      <c r="HZ3871" s="91"/>
      <c r="IA3871" s="91"/>
      <c r="IB3871" s="91"/>
      <c r="IC3871" s="91"/>
      <c r="ID3871" s="91"/>
      <c r="IE3871" s="91"/>
      <c r="IF3871" s="91"/>
      <c r="IG3871" s="91"/>
      <c r="IH3871" s="91"/>
      <c r="II3871" s="91"/>
      <c r="IJ3871" s="91"/>
      <c r="IK3871" s="174"/>
    </row>
    <row r="3872" spans="2:245" x14ac:dyDescent="0.2">
      <c r="B3872" s="43"/>
      <c r="C3872" s="73"/>
      <c r="D3872" s="64"/>
      <c r="E3872" s="64"/>
      <c r="F3872" s="55"/>
      <c r="G3872" s="102"/>
      <c r="H3872" s="97"/>
      <c r="T3872" s="98"/>
      <c r="U3872" s="97"/>
      <c r="AG3872" s="98"/>
      <c r="AY3872" s="164"/>
      <c r="BK3872" s="98"/>
      <c r="BL3872" s="97"/>
      <c r="BX3872" s="98"/>
      <c r="CL3872" s="97"/>
      <c r="CX3872" s="98"/>
      <c r="DL3872" s="97"/>
      <c r="DX3872" s="98"/>
      <c r="EL3872" s="97"/>
      <c r="EX3872" s="98"/>
      <c r="EY3872" s="97"/>
      <c r="FL3872" s="126"/>
      <c r="FM3872" s="91"/>
      <c r="FN3872" s="91"/>
      <c r="FO3872" s="91"/>
      <c r="FP3872" s="91"/>
      <c r="FQ3872" s="91"/>
      <c r="FR3872" s="91"/>
      <c r="FS3872" s="91"/>
      <c r="FT3872" s="91"/>
      <c r="FU3872" s="91"/>
      <c r="FV3872" s="91"/>
      <c r="FW3872" s="91"/>
      <c r="FX3872" s="127"/>
      <c r="FY3872" s="126"/>
      <c r="FZ3872" s="91"/>
      <c r="GA3872" s="91"/>
      <c r="GB3872" s="91"/>
      <c r="GC3872" s="91"/>
      <c r="GD3872" s="91"/>
      <c r="GE3872" s="91"/>
      <c r="GF3872" s="91"/>
      <c r="GG3872" s="91"/>
      <c r="GH3872" s="91"/>
      <c r="GI3872" s="91"/>
      <c r="GJ3872" s="91"/>
      <c r="GK3872" s="127"/>
      <c r="GL3872" s="126"/>
      <c r="GM3872" s="91"/>
      <c r="GN3872" s="91"/>
      <c r="GO3872" s="91"/>
      <c r="GP3872" s="91"/>
      <c r="GQ3872" s="91"/>
      <c r="GR3872" s="91"/>
      <c r="GS3872" s="91"/>
      <c r="GT3872" s="91"/>
      <c r="GU3872" s="91"/>
      <c r="GV3872" s="91"/>
      <c r="GW3872" s="91"/>
      <c r="GX3872" s="127"/>
      <c r="GY3872" s="126"/>
      <c r="GZ3872" s="91"/>
      <c r="HA3872" s="91"/>
      <c r="HB3872" s="91"/>
      <c r="HC3872" s="91"/>
      <c r="HD3872" s="91"/>
      <c r="HE3872" s="91"/>
      <c r="HF3872" s="91"/>
      <c r="HG3872" s="91"/>
      <c r="HH3872" s="91"/>
      <c r="HI3872" s="91"/>
      <c r="HJ3872" s="91"/>
      <c r="HK3872" s="127"/>
      <c r="HL3872" s="126"/>
      <c r="HM3872" s="91"/>
      <c r="HN3872" s="91"/>
      <c r="HO3872" s="91"/>
      <c r="HP3872" s="91"/>
      <c r="HQ3872" s="91"/>
      <c r="HR3872" s="91"/>
      <c r="HS3872" s="91"/>
      <c r="HT3872" s="91"/>
      <c r="HU3872" s="91"/>
      <c r="HV3872" s="91"/>
      <c r="HW3872" s="91"/>
      <c r="HX3872" s="127"/>
      <c r="HY3872" s="126"/>
      <c r="HZ3872" s="91"/>
      <c r="IA3872" s="91"/>
      <c r="IB3872" s="91"/>
      <c r="IC3872" s="91"/>
      <c r="ID3872" s="91"/>
      <c r="IE3872" s="91"/>
      <c r="IF3872" s="91"/>
      <c r="IG3872" s="91"/>
      <c r="IH3872" s="91"/>
      <c r="II3872" s="91"/>
      <c r="IJ3872" s="91"/>
      <c r="IK3872" s="174"/>
    </row>
    <row r="3873" spans="2:245" x14ac:dyDescent="0.2">
      <c r="B3873" s="43"/>
      <c r="C3873" s="73"/>
      <c r="D3873" s="64"/>
      <c r="E3873" s="64"/>
      <c r="F3873" s="55"/>
      <c r="G3873" s="102"/>
      <c r="H3873" s="97"/>
      <c r="T3873" s="98"/>
      <c r="U3873" s="97"/>
      <c r="AG3873" s="98"/>
      <c r="AY3873" s="164"/>
      <c r="BK3873" s="98"/>
      <c r="BL3873" s="97"/>
      <c r="BX3873" s="98"/>
      <c r="CL3873" s="97"/>
      <c r="CX3873" s="98"/>
      <c r="DL3873" s="97"/>
      <c r="DX3873" s="98"/>
      <c r="EL3873" s="97"/>
      <c r="EX3873" s="98"/>
      <c r="EY3873" s="97"/>
      <c r="FL3873" s="126"/>
      <c r="FM3873" s="91"/>
      <c r="FN3873" s="91"/>
      <c r="FO3873" s="91"/>
      <c r="FP3873" s="91"/>
      <c r="FQ3873" s="91"/>
      <c r="FR3873" s="91"/>
      <c r="FS3873" s="91"/>
      <c r="FT3873" s="91"/>
      <c r="FU3873" s="91"/>
      <c r="FV3873" s="91"/>
      <c r="FW3873" s="91"/>
      <c r="FX3873" s="127"/>
      <c r="FY3873" s="126"/>
      <c r="FZ3873" s="91"/>
      <c r="GA3873" s="91"/>
      <c r="GB3873" s="91"/>
      <c r="GC3873" s="91"/>
      <c r="GD3873" s="91"/>
      <c r="GE3873" s="91"/>
      <c r="GF3873" s="91"/>
      <c r="GG3873" s="91"/>
      <c r="GH3873" s="91"/>
      <c r="GI3873" s="91"/>
      <c r="GJ3873" s="91"/>
      <c r="GK3873" s="127"/>
      <c r="GL3873" s="126"/>
      <c r="GM3873" s="91"/>
      <c r="GN3873" s="91"/>
      <c r="GO3873" s="91"/>
      <c r="GP3873" s="91"/>
      <c r="GQ3873" s="91"/>
      <c r="GR3873" s="91"/>
      <c r="GS3873" s="91"/>
      <c r="GT3873" s="91"/>
      <c r="GU3873" s="91"/>
      <c r="GV3873" s="91"/>
      <c r="GW3873" s="91"/>
      <c r="GX3873" s="127"/>
      <c r="GY3873" s="126"/>
      <c r="GZ3873" s="91"/>
      <c r="HA3873" s="91"/>
      <c r="HB3873" s="91"/>
      <c r="HC3873" s="91"/>
      <c r="HD3873" s="91"/>
      <c r="HE3873" s="91"/>
      <c r="HF3873" s="91"/>
      <c r="HG3873" s="91"/>
      <c r="HH3873" s="91"/>
      <c r="HI3873" s="91"/>
      <c r="HJ3873" s="91"/>
      <c r="HK3873" s="127"/>
      <c r="HL3873" s="126"/>
      <c r="HM3873" s="91"/>
      <c r="HN3873" s="91"/>
      <c r="HO3873" s="91"/>
      <c r="HP3873" s="91"/>
      <c r="HQ3873" s="91"/>
      <c r="HR3873" s="91"/>
      <c r="HS3873" s="91"/>
      <c r="HT3873" s="91"/>
      <c r="HU3873" s="91"/>
      <c r="HV3873" s="91"/>
      <c r="HW3873" s="91"/>
      <c r="HX3873" s="127"/>
      <c r="HY3873" s="126"/>
      <c r="HZ3873" s="91"/>
      <c r="IA3873" s="91"/>
      <c r="IB3873" s="91"/>
      <c r="IC3873" s="91"/>
      <c r="ID3873" s="91"/>
      <c r="IE3873" s="91"/>
      <c r="IF3873" s="91"/>
      <c r="IG3873" s="91"/>
      <c r="IH3873" s="91"/>
      <c r="II3873" s="91"/>
      <c r="IJ3873" s="91"/>
      <c r="IK3873" s="174"/>
    </row>
    <row r="3874" spans="2:245" x14ac:dyDescent="0.2">
      <c r="B3874" s="43"/>
      <c r="C3874" s="73"/>
      <c r="D3874" s="64"/>
      <c r="E3874" s="64"/>
      <c r="F3874" s="55"/>
      <c r="G3874" s="102"/>
      <c r="H3874" s="97"/>
      <c r="T3874" s="98"/>
      <c r="U3874" s="97"/>
      <c r="AG3874" s="98"/>
      <c r="AY3874" s="164"/>
      <c r="BK3874" s="98"/>
      <c r="BL3874" s="97"/>
      <c r="BX3874" s="98"/>
      <c r="CL3874" s="97"/>
      <c r="CX3874" s="98"/>
      <c r="DL3874" s="97"/>
      <c r="DX3874" s="98"/>
      <c r="EL3874" s="97"/>
      <c r="EX3874" s="98"/>
      <c r="EY3874" s="97"/>
      <c r="FL3874" s="126"/>
      <c r="FM3874" s="91"/>
      <c r="FN3874" s="91"/>
      <c r="FO3874" s="91"/>
      <c r="FP3874" s="91"/>
      <c r="FQ3874" s="91"/>
      <c r="FR3874" s="91"/>
      <c r="FS3874" s="91"/>
      <c r="FT3874" s="91"/>
      <c r="FU3874" s="91"/>
      <c r="FV3874" s="91"/>
      <c r="FW3874" s="91"/>
      <c r="FX3874" s="127"/>
      <c r="FY3874" s="126"/>
      <c r="FZ3874" s="91"/>
      <c r="GA3874" s="91"/>
      <c r="GB3874" s="91"/>
      <c r="GC3874" s="91"/>
      <c r="GD3874" s="91"/>
      <c r="GE3874" s="91"/>
      <c r="GF3874" s="91"/>
      <c r="GG3874" s="91"/>
      <c r="GH3874" s="91"/>
      <c r="GI3874" s="91"/>
      <c r="GJ3874" s="91"/>
      <c r="GK3874" s="127"/>
      <c r="GL3874" s="126"/>
      <c r="GM3874" s="91"/>
      <c r="GN3874" s="91"/>
      <c r="GO3874" s="91"/>
      <c r="GP3874" s="91"/>
      <c r="GQ3874" s="91"/>
      <c r="GR3874" s="91"/>
      <c r="GS3874" s="91"/>
      <c r="GT3874" s="91"/>
      <c r="GU3874" s="91"/>
      <c r="GV3874" s="91"/>
      <c r="GW3874" s="91"/>
      <c r="GX3874" s="127"/>
      <c r="GY3874" s="126"/>
      <c r="GZ3874" s="91"/>
      <c r="HA3874" s="91"/>
      <c r="HB3874" s="91"/>
      <c r="HC3874" s="91"/>
      <c r="HD3874" s="91"/>
      <c r="HE3874" s="91"/>
      <c r="HF3874" s="91"/>
      <c r="HG3874" s="91"/>
      <c r="HH3874" s="91"/>
      <c r="HI3874" s="91"/>
      <c r="HJ3874" s="91"/>
      <c r="HK3874" s="127"/>
      <c r="HL3874" s="126"/>
      <c r="HM3874" s="91"/>
      <c r="HN3874" s="91"/>
      <c r="HO3874" s="91"/>
      <c r="HP3874" s="91"/>
      <c r="HQ3874" s="91"/>
      <c r="HR3874" s="91"/>
      <c r="HS3874" s="91"/>
      <c r="HT3874" s="91"/>
      <c r="HU3874" s="91"/>
      <c r="HV3874" s="91"/>
      <c r="HW3874" s="91"/>
      <c r="HX3874" s="127"/>
      <c r="HY3874" s="126"/>
      <c r="HZ3874" s="91"/>
      <c r="IA3874" s="91"/>
      <c r="IB3874" s="91"/>
      <c r="IC3874" s="91"/>
      <c r="ID3874" s="91"/>
      <c r="IE3874" s="91"/>
      <c r="IF3874" s="91"/>
      <c r="IG3874" s="91"/>
      <c r="IH3874" s="91"/>
      <c r="II3874" s="91"/>
      <c r="IJ3874" s="91"/>
      <c r="IK3874" s="174"/>
    </row>
    <row r="3875" spans="2:245" x14ac:dyDescent="0.2">
      <c r="B3875" s="43"/>
      <c r="C3875" s="73"/>
      <c r="D3875" s="64"/>
      <c r="E3875" s="64"/>
      <c r="F3875" s="55"/>
      <c r="G3875" s="102"/>
      <c r="H3875" s="97"/>
      <c r="T3875" s="98"/>
      <c r="U3875" s="97"/>
      <c r="AG3875" s="98"/>
      <c r="AY3875" s="164"/>
      <c r="BK3875" s="98"/>
      <c r="BL3875" s="97"/>
      <c r="BX3875" s="98"/>
      <c r="CL3875" s="97"/>
      <c r="CX3875" s="98"/>
      <c r="DL3875" s="97"/>
      <c r="DX3875" s="98"/>
      <c r="EL3875" s="97"/>
      <c r="EX3875" s="98"/>
      <c r="EY3875" s="97"/>
      <c r="FL3875" s="126"/>
      <c r="FM3875" s="91"/>
      <c r="FN3875" s="91"/>
      <c r="FO3875" s="91"/>
      <c r="FP3875" s="91"/>
      <c r="FQ3875" s="91"/>
      <c r="FR3875" s="91"/>
      <c r="FS3875" s="91"/>
      <c r="FT3875" s="91"/>
      <c r="FU3875" s="91"/>
      <c r="FV3875" s="91"/>
      <c r="FW3875" s="91"/>
      <c r="FX3875" s="127"/>
      <c r="FY3875" s="126"/>
      <c r="FZ3875" s="91"/>
      <c r="GA3875" s="91"/>
      <c r="GB3875" s="91"/>
      <c r="GC3875" s="91"/>
      <c r="GD3875" s="91"/>
      <c r="GE3875" s="91"/>
      <c r="GF3875" s="91"/>
      <c r="GG3875" s="91"/>
      <c r="GH3875" s="91"/>
      <c r="GI3875" s="91"/>
      <c r="GJ3875" s="91"/>
      <c r="GK3875" s="127"/>
      <c r="GL3875" s="126"/>
      <c r="GM3875" s="91"/>
      <c r="GN3875" s="91"/>
      <c r="GO3875" s="91"/>
      <c r="GP3875" s="91"/>
      <c r="GQ3875" s="91"/>
      <c r="GR3875" s="91"/>
      <c r="GS3875" s="91"/>
      <c r="GT3875" s="91"/>
      <c r="GU3875" s="91"/>
      <c r="GV3875" s="91"/>
      <c r="GW3875" s="91"/>
      <c r="GX3875" s="127"/>
      <c r="GY3875" s="126"/>
      <c r="GZ3875" s="91"/>
      <c r="HA3875" s="91"/>
      <c r="HB3875" s="91"/>
      <c r="HC3875" s="91"/>
      <c r="HD3875" s="91"/>
      <c r="HE3875" s="91"/>
      <c r="HF3875" s="91"/>
      <c r="HG3875" s="91"/>
      <c r="HH3875" s="91"/>
      <c r="HI3875" s="91"/>
      <c r="HJ3875" s="91"/>
      <c r="HK3875" s="127"/>
      <c r="HL3875" s="126"/>
      <c r="HM3875" s="91"/>
      <c r="HN3875" s="91"/>
      <c r="HO3875" s="91"/>
      <c r="HP3875" s="91"/>
      <c r="HQ3875" s="91"/>
      <c r="HR3875" s="91"/>
      <c r="HS3875" s="91"/>
      <c r="HT3875" s="91"/>
      <c r="HU3875" s="91"/>
      <c r="HV3875" s="91"/>
      <c r="HW3875" s="91"/>
      <c r="HX3875" s="127"/>
      <c r="HY3875" s="126"/>
      <c r="HZ3875" s="91"/>
      <c r="IA3875" s="91"/>
      <c r="IB3875" s="91"/>
      <c r="IC3875" s="91"/>
      <c r="ID3875" s="91"/>
      <c r="IE3875" s="91"/>
      <c r="IF3875" s="91"/>
      <c r="IG3875" s="91"/>
      <c r="IH3875" s="91"/>
      <c r="II3875" s="91"/>
      <c r="IJ3875" s="91"/>
      <c r="IK3875" s="174"/>
    </row>
    <row r="3876" spans="2:245" x14ac:dyDescent="0.2">
      <c r="B3876" s="43"/>
      <c r="C3876" s="73"/>
      <c r="D3876" s="64"/>
      <c r="E3876" s="64"/>
      <c r="F3876" s="55"/>
      <c r="G3876" s="102"/>
      <c r="H3876" s="97"/>
      <c r="T3876" s="98"/>
      <c r="U3876" s="97"/>
      <c r="AG3876" s="98"/>
      <c r="AY3876" s="164"/>
      <c r="BK3876" s="98"/>
      <c r="BL3876" s="97"/>
      <c r="BX3876" s="98"/>
      <c r="CL3876" s="97"/>
      <c r="CX3876" s="98"/>
      <c r="DL3876" s="97"/>
      <c r="DX3876" s="98"/>
      <c r="EL3876" s="97"/>
      <c r="EX3876" s="98"/>
      <c r="EY3876" s="97"/>
      <c r="FL3876" s="126"/>
      <c r="FM3876" s="91"/>
      <c r="FN3876" s="91"/>
      <c r="FO3876" s="91"/>
      <c r="FP3876" s="91"/>
      <c r="FQ3876" s="91"/>
      <c r="FR3876" s="91"/>
      <c r="FS3876" s="91"/>
      <c r="FT3876" s="91"/>
      <c r="FU3876" s="91"/>
      <c r="FV3876" s="91"/>
      <c r="FW3876" s="91"/>
      <c r="FX3876" s="127"/>
      <c r="FY3876" s="126"/>
      <c r="FZ3876" s="91"/>
      <c r="GA3876" s="91"/>
      <c r="GB3876" s="91"/>
      <c r="GC3876" s="91"/>
      <c r="GD3876" s="91"/>
      <c r="GE3876" s="91"/>
      <c r="GF3876" s="91"/>
      <c r="GG3876" s="91"/>
      <c r="GH3876" s="91"/>
      <c r="GI3876" s="91"/>
      <c r="GJ3876" s="91"/>
      <c r="GK3876" s="127"/>
      <c r="GL3876" s="126"/>
      <c r="GM3876" s="91"/>
      <c r="GN3876" s="91"/>
      <c r="GO3876" s="91"/>
      <c r="GP3876" s="91"/>
      <c r="GQ3876" s="91"/>
      <c r="GR3876" s="91"/>
      <c r="GS3876" s="91"/>
      <c r="GT3876" s="91"/>
      <c r="GU3876" s="91"/>
      <c r="GV3876" s="91"/>
      <c r="GW3876" s="91"/>
      <c r="GX3876" s="127"/>
      <c r="GY3876" s="126"/>
      <c r="GZ3876" s="91"/>
      <c r="HA3876" s="91"/>
      <c r="HB3876" s="91"/>
      <c r="HC3876" s="91"/>
      <c r="HD3876" s="91"/>
      <c r="HE3876" s="91"/>
      <c r="HF3876" s="91"/>
      <c r="HG3876" s="91"/>
      <c r="HH3876" s="91"/>
      <c r="HI3876" s="91"/>
      <c r="HJ3876" s="91"/>
      <c r="HK3876" s="127"/>
      <c r="HL3876" s="126"/>
      <c r="HM3876" s="91"/>
      <c r="HN3876" s="91"/>
      <c r="HO3876" s="91"/>
      <c r="HP3876" s="91"/>
      <c r="HQ3876" s="91"/>
      <c r="HR3876" s="91"/>
      <c r="HS3876" s="91"/>
      <c r="HT3876" s="91"/>
      <c r="HU3876" s="91"/>
      <c r="HV3876" s="91"/>
      <c r="HW3876" s="91"/>
      <c r="HX3876" s="127"/>
      <c r="HY3876" s="126"/>
      <c r="HZ3876" s="91"/>
      <c r="IA3876" s="91"/>
      <c r="IB3876" s="91"/>
      <c r="IC3876" s="91"/>
      <c r="ID3876" s="91"/>
      <c r="IE3876" s="91"/>
      <c r="IF3876" s="91"/>
      <c r="IG3876" s="91"/>
      <c r="IH3876" s="91"/>
      <c r="II3876" s="91"/>
      <c r="IJ3876" s="91"/>
      <c r="IK3876" s="174"/>
    </row>
    <row r="3877" spans="2:245" x14ac:dyDescent="0.2">
      <c r="B3877" s="43"/>
      <c r="C3877" s="73"/>
      <c r="D3877" s="64"/>
      <c r="E3877" s="64"/>
      <c r="F3877" s="55"/>
      <c r="G3877" s="102"/>
      <c r="H3877" s="97"/>
      <c r="T3877" s="98"/>
      <c r="U3877" s="97"/>
      <c r="AG3877" s="98"/>
      <c r="AY3877" s="164"/>
      <c r="BK3877" s="98"/>
      <c r="BL3877" s="97"/>
      <c r="BX3877" s="98"/>
      <c r="CL3877" s="97"/>
      <c r="CX3877" s="98"/>
      <c r="DL3877" s="97"/>
      <c r="DX3877" s="98"/>
      <c r="EL3877" s="97"/>
      <c r="EX3877" s="98"/>
      <c r="EY3877" s="97"/>
      <c r="FL3877" s="126"/>
      <c r="FM3877" s="91"/>
      <c r="FN3877" s="91"/>
      <c r="FO3877" s="91"/>
      <c r="FP3877" s="91"/>
      <c r="FQ3877" s="91"/>
      <c r="FR3877" s="91"/>
      <c r="FS3877" s="91"/>
      <c r="FT3877" s="91"/>
      <c r="FU3877" s="91"/>
      <c r="FV3877" s="91"/>
      <c r="FW3877" s="91"/>
      <c r="FX3877" s="127"/>
      <c r="FY3877" s="126"/>
      <c r="FZ3877" s="91"/>
      <c r="GA3877" s="91"/>
      <c r="GB3877" s="91"/>
      <c r="GC3877" s="91"/>
      <c r="GD3877" s="91"/>
      <c r="GE3877" s="91"/>
      <c r="GF3877" s="91"/>
      <c r="GG3877" s="91"/>
      <c r="GH3877" s="91"/>
      <c r="GI3877" s="91"/>
      <c r="GJ3877" s="91"/>
      <c r="GK3877" s="127"/>
      <c r="GL3877" s="126"/>
      <c r="GM3877" s="91"/>
      <c r="GN3877" s="91"/>
      <c r="GO3877" s="91"/>
      <c r="GP3877" s="91"/>
      <c r="GQ3877" s="91"/>
      <c r="GR3877" s="91"/>
      <c r="GS3877" s="91"/>
      <c r="GT3877" s="91"/>
      <c r="GU3877" s="91"/>
      <c r="GV3877" s="91"/>
      <c r="GW3877" s="91"/>
      <c r="GX3877" s="127"/>
      <c r="GY3877" s="126"/>
      <c r="GZ3877" s="91"/>
      <c r="HA3877" s="91"/>
      <c r="HB3877" s="91"/>
      <c r="HC3877" s="91"/>
      <c r="HD3877" s="91"/>
      <c r="HE3877" s="91"/>
      <c r="HF3877" s="91"/>
      <c r="HG3877" s="91"/>
      <c r="HH3877" s="91"/>
      <c r="HI3877" s="91"/>
      <c r="HJ3877" s="91"/>
      <c r="HK3877" s="127"/>
      <c r="HL3877" s="126"/>
      <c r="HM3877" s="91"/>
      <c r="HN3877" s="91"/>
      <c r="HO3877" s="91"/>
      <c r="HP3877" s="91"/>
      <c r="HQ3877" s="91"/>
      <c r="HR3877" s="91"/>
      <c r="HS3877" s="91"/>
      <c r="HT3877" s="91"/>
      <c r="HU3877" s="91"/>
      <c r="HV3877" s="91"/>
      <c r="HW3877" s="91"/>
      <c r="HX3877" s="127"/>
      <c r="HY3877" s="126"/>
      <c r="HZ3877" s="91"/>
      <c r="IA3877" s="91"/>
      <c r="IB3877" s="91"/>
      <c r="IC3877" s="91"/>
      <c r="ID3877" s="91"/>
      <c r="IE3877" s="91"/>
      <c r="IF3877" s="91"/>
      <c r="IG3877" s="91"/>
      <c r="IH3877" s="91"/>
      <c r="II3877" s="91"/>
      <c r="IJ3877" s="91"/>
      <c r="IK3877" s="174"/>
    </row>
    <row r="3878" spans="2:245" x14ac:dyDescent="0.2">
      <c r="B3878" s="43"/>
      <c r="C3878" s="73"/>
      <c r="D3878" s="64"/>
      <c r="E3878" s="64"/>
      <c r="F3878" s="55"/>
      <c r="G3878" s="102"/>
      <c r="H3878" s="97"/>
      <c r="T3878" s="98"/>
      <c r="U3878" s="97"/>
      <c r="AG3878" s="98"/>
      <c r="AY3878" s="164"/>
      <c r="BK3878" s="98"/>
      <c r="BL3878" s="97"/>
      <c r="BX3878" s="98"/>
      <c r="CL3878" s="97"/>
      <c r="CX3878" s="98"/>
      <c r="DL3878" s="97"/>
      <c r="DX3878" s="98"/>
      <c r="EL3878" s="97"/>
      <c r="EX3878" s="98"/>
      <c r="EY3878" s="97"/>
      <c r="FL3878" s="126"/>
      <c r="FM3878" s="91"/>
      <c r="FN3878" s="91"/>
      <c r="FO3878" s="91"/>
      <c r="FP3878" s="91"/>
      <c r="FQ3878" s="91"/>
      <c r="FR3878" s="91"/>
      <c r="FS3878" s="91"/>
      <c r="FT3878" s="91"/>
      <c r="FU3878" s="91"/>
      <c r="FV3878" s="91"/>
      <c r="FW3878" s="91"/>
      <c r="FX3878" s="127"/>
      <c r="FY3878" s="126"/>
      <c r="FZ3878" s="91"/>
      <c r="GA3878" s="91"/>
      <c r="GB3878" s="91"/>
      <c r="GC3878" s="91"/>
      <c r="GD3878" s="91"/>
      <c r="GE3878" s="91"/>
      <c r="GF3878" s="91"/>
      <c r="GG3878" s="91"/>
      <c r="GH3878" s="91"/>
      <c r="GI3878" s="91"/>
      <c r="GJ3878" s="91"/>
      <c r="GK3878" s="127"/>
      <c r="GL3878" s="126"/>
      <c r="GM3878" s="91"/>
      <c r="GN3878" s="91"/>
      <c r="GO3878" s="91"/>
      <c r="GP3878" s="91"/>
      <c r="GQ3878" s="91"/>
      <c r="GR3878" s="91"/>
      <c r="GS3878" s="91"/>
      <c r="GT3878" s="91"/>
      <c r="GU3878" s="91"/>
      <c r="GV3878" s="91"/>
      <c r="GW3878" s="91"/>
      <c r="GX3878" s="127"/>
      <c r="GY3878" s="126"/>
      <c r="GZ3878" s="91"/>
      <c r="HA3878" s="91"/>
      <c r="HB3878" s="91"/>
      <c r="HC3878" s="91"/>
      <c r="HD3878" s="91"/>
      <c r="HE3878" s="91"/>
      <c r="HF3878" s="91"/>
      <c r="HG3878" s="91"/>
      <c r="HH3878" s="91"/>
      <c r="HI3878" s="91"/>
      <c r="HJ3878" s="91"/>
      <c r="HK3878" s="127"/>
      <c r="HL3878" s="126"/>
      <c r="HM3878" s="91"/>
      <c r="HN3878" s="91"/>
      <c r="HO3878" s="91"/>
      <c r="HP3878" s="91"/>
      <c r="HQ3878" s="91"/>
      <c r="HR3878" s="91"/>
      <c r="HS3878" s="91"/>
      <c r="HT3878" s="91"/>
      <c r="HU3878" s="91"/>
      <c r="HV3878" s="91"/>
      <c r="HW3878" s="91"/>
      <c r="HX3878" s="127"/>
      <c r="HY3878" s="126"/>
      <c r="HZ3878" s="91"/>
      <c r="IA3878" s="91"/>
      <c r="IB3878" s="91"/>
      <c r="IC3878" s="91"/>
      <c r="ID3878" s="91"/>
      <c r="IE3878" s="91"/>
      <c r="IF3878" s="91"/>
      <c r="IG3878" s="91"/>
      <c r="IH3878" s="91"/>
      <c r="II3878" s="91"/>
      <c r="IJ3878" s="91"/>
      <c r="IK3878" s="174"/>
    </row>
    <row r="3879" spans="2:245" x14ac:dyDescent="0.2">
      <c r="B3879" s="43"/>
      <c r="C3879" s="73"/>
      <c r="D3879" s="64"/>
      <c r="E3879" s="64"/>
      <c r="F3879" s="55"/>
      <c r="G3879" s="102"/>
      <c r="H3879" s="97"/>
      <c r="T3879" s="98"/>
      <c r="U3879" s="97"/>
      <c r="AG3879" s="98"/>
      <c r="AY3879" s="164"/>
      <c r="BK3879" s="98"/>
      <c r="BL3879" s="97"/>
      <c r="BX3879" s="98"/>
      <c r="CL3879" s="97"/>
      <c r="CX3879" s="98"/>
      <c r="DL3879" s="97"/>
      <c r="DX3879" s="98"/>
      <c r="EL3879" s="97"/>
      <c r="EX3879" s="98"/>
      <c r="EY3879" s="97"/>
      <c r="FL3879" s="126"/>
      <c r="FM3879" s="91"/>
      <c r="FN3879" s="91"/>
      <c r="FO3879" s="91"/>
      <c r="FP3879" s="91"/>
      <c r="FQ3879" s="91"/>
      <c r="FR3879" s="91"/>
      <c r="FS3879" s="91"/>
      <c r="FT3879" s="91"/>
      <c r="FU3879" s="91"/>
      <c r="FV3879" s="91"/>
      <c r="FW3879" s="91"/>
      <c r="FX3879" s="127"/>
      <c r="FY3879" s="126"/>
      <c r="FZ3879" s="91"/>
      <c r="GA3879" s="91"/>
      <c r="GB3879" s="91"/>
      <c r="GC3879" s="91"/>
      <c r="GD3879" s="91"/>
      <c r="GE3879" s="91"/>
      <c r="GF3879" s="91"/>
      <c r="GG3879" s="91"/>
      <c r="GH3879" s="91"/>
      <c r="GI3879" s="91"/>
      <c r="GJ3879" s="91"/>
      <c r="GK3879" s="127"/>
      <c r="GL3879" s="126"/>
      <c r="GM3879" s="91"/>
      <c r="GN3879" s="91"/>
      <c r="GO3879" s="91"/>
      <c r="GP3879" s="91"/>
      <c r="GQ3879" s="91"/>
      <c r="GR3879" s="91"/>
      <c r="GS3879" s="91"/>
      <c r="GT3879" s="91"/>
      <c r="GU3879" s="91"/>
      <c r="GV3879" s="91"/>
      <c r="GW3879" s="91"/>
      <c r="GX3879" s="127"/>
      <c r="GY3879" s="126"/>
      <c r="GZ3879" s="91"/>
      <c r="HA3879" s="91"/>
      <c r="HB3879" s="91"/>
      <c r="HC3879" s="91"/>
      <c r="HD3879" s="91"/>
      <c r="HE3879" s="91"/>
      <c r="HF3879" s="91"/>
      <c r="HG3879" s="91"/>
      <c r="HH3879" s="91"/>
      <c r="HI3879" s="91"/>
      <c r="HJ3879" s="91"/>
      <c r="HK3879" s="127"/>
      <c r="HL3879" s="126"/>
      <c r="HM3879" s="91"/>
      <c r="HN3879" s="91"/>
      <c r="HO3879" s="91"/>
      <c r="HP3879" s="91"/>
      <c r="HQ3879" s="91"/>
      <c r="HR3879" s="91"/>
      <c r="HS3879" s="91"/>
      <c r="HT3879" s="91"/>
      <c r="HU3879" s="91"/>
      <c r="HV3879" s="91"/>
      <c r="HW3879" s="91"/>
      <c r="HX3879" s="127"/>
      <c r="HY3879" s="126"/>
      <c r="HZ3879" s="91"/>
      <c r="IA3879" s="91"/>
      <c r="IB3879" s="91"/>
      <c r="IC3879" s="91"/>
      <c r="ID3879" s="91"/>
      <c r="IE3879" s="91"/>
      <c r="IF3879" s="91"/>
      <c r="IG3879" s="91"/>
      <c r="IH3879" s="91"/>
      <c r="II3879" s="91"/>
      <c r="IJ3879" s="91"/>
      <c r="IK3879" s="174"/>
    </row>
    <row r="3880" spans="2:245" x14ac:dyDescent="0.2">
      <c r="B3880" s="43"/>
      <c r="C3880" s="73"/>
      <c r="D3880" s="64"/>
      <c r="E3880" s="64"/>
      <c r="F3880" s="55"/>
      <c r="G3880" s="102"/>
      <c r="H3880" s="97"/>
      <c r="T3880" s="98"/>
      <c r="U3880" s="97"/>
      <c r="AG3880" s="98"/>
      <c r="AY3880" s="164"/>
      <c r="BK3880" s="98"/>
      <c r="BL3880" s="97"/>
      <c r="BX3880" s="98"/>
      <c r="CL3880" s="97"/>
      <c r="CX3880" s="98"/>
      <c r="DL3880" s="97"/>
      <c r="DX3880" s="98"/>
      <c r="EL3880" s="97"/>
      <c r="EX3880" s="98"/>
      <c r="EY3880" s="97"/>
      <c r="FL3880" s="126"/>
      <c r="FM3880" s="91"/>
      <c r="FN3880" s="91"/>
      <c r="FO3880" s="91"/>
      <c r="FP3880" s="91"/>
      <c r="FQ3880" s="91"/>
      <c r="FR3880" s="91"/>
      <c r="FS3880" s="91"/>
      <c r="FT3880" s="91"/>
      <c r="FU3880" s="91"/>
      <c r="FV3880" s="91"/>
      <c r="FW3880" s="91"/>
      <c r="FX3880" s="127"/>
      <c r="FY3880" s="126"/>
      <c r="FZ3880" s="91"/>
      <c r="GA3880" s="91"/>
      <c r="GB3880" s="91"/>
      <c r="GC3880" s="91"/>
      <c r="GD3880" s="91"/>
      <c r="GE3880" s="91"/>
      <c r="GF3880" s="91"/>
      <c r="GG3880" s="91"/>
      <c r="GH3880" s="91"/>
      <c r="GI3880" s="91"/>
      <c r="GJ3880" s="91"/>
      <c r="GK3880" s="127"/>
      <c r="GL3880" s="126"/>
      <c r="GM3880" s="91"/>
      <c r="GN3880" s="91"/>
      <c r="GO3880" s="91"/>
      <c r="GP3880" s="91"/>
      <c r="GQ3880" s="91"/>
      <c r="GR3880" s="91"/>
      <c r="GS3880" s="91"/>
      <c r="GT3880" s="91"/>
      <c r="GU3880" s="91"/>
      <c r="GV3880" s="91"/>
      <c r="GW3880" s="91"/>
      <c r="GX3880" s="127"/>
      <c r="GY3880" s="126"/>
      <c r="GZ3880" s="91"/>
      <c r="HA3880" s="91"/>
      <c r="HB3880" s="91"/>
      <c r="HC3880" s="91"/>
      <c r="HD3880" s="91"/>
      <c r="HE3880" s="91"/>
      <c r="HF3880" s="91"/>
      <c r="HG3880" s="91"/>
      <c r="HH3880" s="91"/>
      <c r="HI3880" s="91"/>
      <c r="HJ3880" s="91"/>
      <c r="HK3880" s="127"/>
      <c r="HL3880" s="126"/>
      <c r="HM3880" s="91"/>
      <c r="HN3880" s="91"/>
      <c r="HO3880" s="91"/>
      <c r="HP3880" s="91"/>
      <c r="HQ3880" s="91"/>
      <c r="HR3880" s="91"/>
      <c r="HS3880" s="91"/>
      <c r="HT3880" s="91"/>
      <c r="HU3880" s="91"/>
      <c r="HV3880" s="91"/>
      <c r="HW3880" s="91"/>
      <c r="HX3880" s="127"/>
      <c r="HY3880" s="126"/>
      <c r="HZ3880" s="91"/>
      <c r="IA3880" s="91"/>
      <c r="IB3880" s="91"/>
      <c r="IC3880" s="91"/>
      <c r="ID3880" s="91"/>
      <c r="IE3880" s="91"/>
      <c r="IF3880" s="91"/>
      <c r="IG3880" s="91"/>
      <c r="IH3880" s="91"/>
      <c r="II3880" s="91"/>
      <c r="IJ3880" s="91"/>
      <c r="IK3880" s="174"/>
    </row>
    <row r="3881" spans="2:245" x14ac:dyDescent="0.2">
      <c r="B3881" s="43"/>
      <c r="C3881" s="73"/>
      <c r="D3881" s="64"/>
      <c r="E3881" s="64"/>
      <c r="F3881" s="55"/>
      <c r="G3881" s="102"/>
      <c r="H3881" s="97"/>
      <c r="T3881" s="98"/>
      <c r="U3881" s="97"/>
      <c r="AG3881" s="98"/>
      <c r="AY3881" s="164"/>
      <c r="BK3881" s="98"/>
      <c r="BL3881" s="97"/>
      <c r="BX3881" s="98"/>
      <c r="CL3881" s="97"/>
      <c r="CX3881" s="98"/>
      <c r="DL3881" s="97"/>
      <c r="DX3881" s="98"/>
      <c r="EL3881" s="97"/>
      <c r="EX3881" s="98"/>
      <c r="EY3881" s="97"/>
      <c r="FL3881" s="126"/>
      <c r="FM3881" s="91"/>
      <c r="FN3881" s="91"/>
      <c r="FO3881" s="91"/>
      <c r="FP3881" s="91"/>
      <c r="FQ3881" s="91"/>
      <c r="FR3881" s="91"/>
      <c r="FS3881" s="91"/>
      <c r="FT3881" s="91"/>
      <c r="FU3881" s="91"/>
      <c r="FV3881" s="91"/>
      <c r="FW3881" s="91"/>
      <c r="FX3881" s="127"/>
      <c r="FY3881" s="126"/>
      <c r="FZ3881" s="91"/>
      <c r="GA3881" s="91"/>
      <c r="GB3881" s="91"/>
      <c r="GC3881" s="91"/>
      <c r="GD3881" s="91"/>
      <c r="GE3881" s="91"/>
      <c r="GF3881" s="91"/>
      <c r="GG3881" s="91"/>
      <c r="GH3881" s="91"/>
      <c r="GI3881" s="91"/>
      <c r="GJ3881" s="91"/>
      <c r="GK3881" s="127"/>
      <c r="GL3881" s="126"/>
      <c r="GM3881" s="91"/>
      <c r="GN3881" s="91"/>
      <c r="GO3881" s="91"/>
      <c r="GP3881" s="91"/>
      <c r="GQ3881" s="91"/>
      <c r="GR3881" s="91"/>
      <c r="GS3881" s="91"/>
      <c r="GT3881" s="91"/>
      <c r="GU3881" s="91"/>
      <c r="GV3881" s="91"/>
      <c r="GW3881" s="91"/>
      <c r="GX3881" s="127"/>
      <c r="GY3881" s="126"/>
      <c r="GZ3881" s="91"/>
      <c r="HA3881" s="91"/>
      <c r="HB3881" s="91"/>
      <c r="HC3881" s="91"/>
      <c r="HD3881" s="91"/>
      <c r="HE3881" s="91"/>
      <c r="HF3881" s="91"/>
      <c r="HG3881" s="91"/>
      <c r="HH3881" s="91"/>
      <c r="HI3881" s="91"/>
      <c r="HJ3881" s="91"/>
      <c r="HK3881" s="127"/>
      <c r="HL3881" s="126"/>
      <c r="HM3881" s="91"/>
      <c r="HN3881" s="91"/>
      <c r="HO3881" s="91"/>
      <c r="HP3881" s="91"/>
      <c r="HQ3881" s="91"/>
      <c r="HR3881" s="91"/>
      <c r="HS3881" s="91"/>
      <c r="HT3881" s="91"/>
      <c r="HU3881" s="91"/>
      <c r="HV3881" s="91"/>
      <c r="HW3881" s="91"/>
      <c r="HX3881" s="127"/>
      <c r="HY3881" s="126"/>
      <c r="HZ3881" s="91"/>
      <c r="IA3881" s="91"/>
      <c r="IB3881" s="91"/>
      <c r="IC3881" s="91"/>
      <c r="ID3881" s="91"/>
      <c r="IE3881" s="91"/>
      <c r="IF3881" s="91"/>
      <c r="IG3881" s="91"/>
      <c r="IH3881" s="91"/>
      <c r="II3881" s="91"/>
      <c r="IJ3881" s="91"/>
      <c r="IK3881" s="174"/>
    </row>
    <row r="3882" spans="2:245" x14ac:dyDescent="0.2">
      <c r="B3882" s="43"/>
      <c r="C3882" s="73"/>
      <c r="D3882" s="64"/>
      <c r="E3882" s="64"/>
      <c r="F3882" s="55"/>
      <c r="G3882" s="102"/>
      <c r="H3882" s="97"/>
      <c r="T3882" s="98"/>
      <c r="U3882" s="97"/>
      <c r="AG3882" s="98"/>
      <c r="AY3882" s="164"/>
      <c r="BK3882" s="98"/>
      <c r="BL3882" s="97"/>
      <c r="BX3882" s="98"/>
      <c r="CL3882" s="97"/>
      <c r="CX3882" s="98"/>
      <c r="DL3882" s="97"/>
      <c r="DX3882" s="98"/>
      <c r="EL3882" s="97"/>
      <c r="EX3882" s="98"/>
      <c r="EY3882" s="97"/>
      <c r="FL3882" s="126"/>
      <c r="FM3882" s="91"/>
      <c r="FN3882" s="91"/>
      <c r="FO3882" s="91"/>
      <c r="FP3882" s="91"/>
      <c r="FQ3882" s="91"/>
      <c r="FR3882" s="91"/>
      <c r="FS3882" s="91"/>
      <c r="FT3882" s="91"/>
      <c r="FU3882" s="91"/>
      <c r="FV3882" s="91"/>
      <c r="FW3882" s="91"/>
      <c r="FX3882" s="127"/>
      <c r="FY3882" s="126"/>
      <c r="FZ3882" s="91"/>
      <c r="GA3882" s="91"/>
      <c r="GB3882" s="91"/>
      <c r="GC3882" s="91"/>
      <c r="GD3882" s="91"/>
      <c r="GE3882" s="91"/>
      <c r="GF3882" s="91"/>
      <c r="GG3882" s="91"/>
      <c r="GH3882" s="91"/>
      <c r="GI3882" s="91"/>
      <c r="GJ3882" s="91"/>
      <c r="GK3882" s="127"/>
      <c r="GL3882" s="126"/>
      <c r="GM3882" s="91"/>
      <c r="GN3882" s="91"/>
      <c r="GO3882" s="91"/>
      <c r="GP3882" s="91"/>
      <c r="GQ3882" s="91"/>
      <c r="GR3882" s="91"/>
      <c r="GS3882" s="91"/>
      <c r="GT3882" s="91"/>
      <c r="GU3882" s="91"/>
      <c r="GV3882" s="91"/>
      <c r="GW3882" s="91"/>
      <c r="GX3882" s="127"/>
      <c r="GY3882" s="126"/>
      <c r="GZ3882" s="91"/>
      <c r="HA3882" s="91"/>
      <c r="HB3882" s="91"/>
      <c r="HC3882" s="91"/>
      <c r="HD3882" s="91"/>
      <c r="HE3882" s="91"/>
      <c r="HF3882" s="91"/>
      <c r="HG3882" s="91"/>
      <c r="HH3882" s="91"/>
      <c r="HI3882" s="91"/>
      <c r="HJ3882" s="91"/>
      <c r="HK3882" s="127"/>
      <c r="HL3882" s="126"/>
      <c r="HM3882" s="91"/>
      <c r="HN3882" s="91"/>
      <c r="HO3882" s="91"/>
      <c r="HP3882" s="91"/>
      <c r="HQ3882" s="91"/>
      <c r="HR3882" s="91"/>
      <c r="HS3882" s="91"/>
      <c r="HT3882" s="91"/>
      <c r="HU3882" s="91"/>
      <c r="HV3882" s="91"/>
      <c r="HW3882" s="91"/>
      <c r="HX3882" s="127"/>
      <c r="HY3882" s="126"/>
      <c r="HZ3882" s="91"/>
      <c r="IA3882" s="91"/>
      <c r="IB3882" s="91"/>
      <c r="IC3882" s="91"/>
      <c r="ID3882" s="91"/>
      <c r="IE3882" s="91"/>
      <c r="IF3882" s="91"/>
      <c r="IG3882" s="91"/>
      <c r="IH3882" s="91"/>
      <c r="II3882" s="91"/>
      <c r="IJ3882" s="91"/>
      <c r="IK3882" s="174"/>
    </row>
    <row r="3883" spans="2:245" x14ac:dyDescent="0.2">
      <c r="B3883" s="43"/>
      <c r="C3883" s="73"/>
      <c r="D3883" s="64"/>
      <c r="E3883" s="64"/>
      <c r="F3883" s="55"/>
      <c r="G3883" s="102"/>
      <c r="H3883" s="97"/>
      <c r="T3883" s="98"/>
      <c r="U3883" s="97"/>
      <c r="AG3883" s="98"/>
      <c r="AY3883" s="164"/>
      <c r="BK3883" s="98"/>
      <c r="BL3883" s="97"/>
      <c r="BX3883" s="98"/>
      <c r="CL3883" s="97"/>
      <c r="CX3883" s="98"/>
      <c r="DL3883" s="97"/>
      <c r="DX3883" s="98"/>
      <c r="EL3883" s="97"/>
      <c r="EX3883" s="98"/>
      <c r="EY3883" s="97"/>
      <c r="FL3883" s="126"/>
      <c r="FM3883" s="91"/>
      <c r="FN3883" s="91"/>
      <c r="FO3883" s="91"/>
      <c r="FP3883" s="91"/>
      <c r="FQ3883" s="91"/>
      <c r="FR3883" s="91"/>
      <c r="FS3883" s="91"/>
      <c r="FT3883" s="91"/>
      <c r="FU3883" s="91"/>
      <c r="FV3883" s="91"/>
      <c r="FW3883" s="91"/>
      <c r="FX3883" s="127"/>
      <c r="FY3883" s="126"/>
      <c r="FZ3883" s="91"/>
      <c r="GA3883" s="91"/>
      <c r="GB3883" s="91"/>
      <c r="GC3883" s="91"/>
      <c r="GD3883" s="91"/>
      <c r="GE3883" s="91"/>
      <c r="GF3883" s="91"/>
      <c r="GG3883" s="91"/>
      <c r="GH3883" s="91"/>
      <c r="GI3883" s="91"/>
      <c r="GJ3883" s="91"/>
      <c r="GK3883" s="127"/>
      <c r="GL3883" s="126"/>
      <c r="GM3883" s="91"/>
      <c r="GN3883" s="91"/>
      <c r="GO3883" s="91"/>
      <c r="GP3883" s="91"/>
      <c r="GQ3883" s="91"/>
      <c r="GR3883" s="91"/>
      <c r="GS3883" s="91"/>
      <c r="GT3883" s="91"/>
      <c r="GU3883" s="91"/>
      <c r="GV3883" s="91"/>
      <c r="GW3883" s="91"/>
      <c r="GX3883" s="127"/>
      <c r="GY3883" s="126"/>
      <c r="GZ3883" s="91"/>
      <c r="HA3883" s="91"/>
      <c r="HB3883" s="91"/>
      <c r="HC3883" s="91"/>
      <c r="HD3883" s="91"/>
      <c r="HE3883" s="91"/>
      <c r="HF3883" s="91"/>
      <c r="HG3883" s="91"/>
      <c r="HH3883" s="91"/>
      <c r="HI3883" s="91"/>
      <c r="HJ3883" s="91"/>
      <c r="HK3883" s="127"/>
      <c r="HL3883" s="126"/>
      <c r="HM3883" s="91"/>
      <c r="HN3883" s="91"/>
      <c r="HO3883" s="91"/>
      <c r="HP3883" s="91"/>
      <c r="HQ3883" s="91"/>
      <c r="HR3883" s="91"/>
      <c r="HS3883" s="91"/>
      <c r="HT3883" s="91"/>
      <c r="HU3883" s="91"/>
      <c r="HV3883" s="91"/>
      <c r="HW3883" s="91"/>
      <c r="HX3883" s="127"/>
      <c r="HY3883" s="126"/>
      <c r="HZ3883" s="91"/>
      <c r="IA3883" s="91"/>
      <c r="IB3883" s="91"/>
      <c r="IC3883" s="91"/>
      <c r="ID3883" s="91"/>
      <c r="IE3883" s="91"/>
      <c r="IF3883" s="91"/>
      <c r="IG3883" s="91"/>
      <c r="IH3883" s="91"/>
      <c r="II3883" s="91"/>
      <c r="IJ3883" s="91"/>
      <c r="IK3883" s="174"/>
    </row>
    <row r="3884" spans="2:245" x14ac:dyDescent="0.2">
      <c r="B3884" s="43"/>
      <c r="C3884" s="73"/>
      <c r="D3884" s="64"/>
      <c r="E3884" s="64"/>
      <c r="F3884" s="55"/>
      <c r="G3884" s="102"/>
      <c r="H3884" s="97"/>
      <c r="T3884" s="98"/>
      <c r="U3884" s="97"/>
      <c r="AG3884" s="98"/>
      <c r="AY3884" s="164"/>
      <c r="BK3884" s="98"/>
      <c r="BL3884" s="97"/>
      <c r="BX3884" s="98"/>
      <c r="CL3884" s="97"/>
      <c r="CX3884" s="98"/>
      <c r="DL3884" s="97"/>
      <c r="DX3884" s="98"/>
      <c r="EL3884" s="97"/>
      <c r="EX3884" s="98"/>
      <c r="EY3884" s="97"/>
      <c r="FL3884" s="126"/>
      <c r="FM3884" s="91"/>
      <c r="FN3884" s="91"/>
      <c r="FO3884" s="91"/>
      <c r="FP3884" s="91"/>
      <c r="FQ3884" s="91"/>
      <c r="FR3884" s="91"/>
      <c r="FS3884" s="91"/>
      <c r="FT3884" s="91"/>
      <c r="FU3884" s="91"/>
      <c r="FV3884" s="91"/>
      <c r="FW3884" s="91"/>
      <c r="FX3884" s="127"/>
      <c r="FY3884" s="126"/>
      <c r="FZ3884" s="91"/>
      <c r="GA3884" s="91"/>
      <c r="GB3884" s="91"/>
      <c r="GC3884" s="91"/>
      <c r="GD3884" s="91"/>
      <c r="GE3884" s="91"/>
      <c r="GF3884" s="91"/>
      <c r="GG3884" s="91"/>
      <c r="GH3884" s="91"/>
      <c r="GI3884" s="91"/>
      <c r="GJ3884" s="91"/>
      <c r="GK3884" s="127"/>
      <c r="GL3884" s="126"/>
      <c r="GM3884" s="91"/>
      <c r="GN3884" s="91"/>
      <c r="GO3884" s="91"/>
      <c r="GP3884" s="91"/>
      <c r="GQ3884" s="91"/>
      <c r="GR3884" s="91"/>
      <c r="GS3884" s="91"/>
      <c r="GT3884" s="91"/>
      <c r="GU3884" s="91"/>
      <c r="GV3884" s="91"/>
      <c r="GW3884" s="91"/>
      <c r="GX3884" s="127"/>
      <c r="GY3884" s="126"/>
      <c r="GZ3884" s="91"/>
      <c r="HA3884" s="91"/>
      <c r="HB3884" s="91"/>
      <c r="HC3884" s="91"/>
      <c r="HD3884" s="91"/>
      <c r="HE3884" s="91"/>
      <c r="HF3884" s="91"/>
      <c r="HG3884" s="91"/>
      <c r="HH3884" s="91"/>
      <c r="HI3884" s="91"/>
      <c r="HJ3884" s="91"/>
      <c r="HK3884" s="127"/>
      <c r="HL3884" s="126"/>
      <c r="HM3884" s="91"/>
      <c r="HN3884" s="91"/>
      <c r="HO3884" s="91"/>
      <c r="HP3884" s="91"/>
      <c r="HQ3884" s="91"/>
      <c r="HR3884" s="91"/>
      <c r="HS3884" s="91"/>
      <c r="HT3884" s="91"/>
      <c r="HU3884" s="91"/>
      <c r="HV3884" s="91"/>
      <c r="HW3884" s="91"/>
      <c r="HX3884" s="127"/>
      <c r="HY3884" s="126"/>
      <c r="HZ3884" s="91"/>
      <c r="IA3884" s="91"/>
      <c r="IB3884" s="91"/>
      <c r="IC3884" s="91"/>
      <c r="ID3884" s="91"/>
      <c r="IE3884" s="91"/>
      <c r="IF3884" s="91"/>
      <c r="IG3884" s="91"/>
      <c r="IH3884" s="91"/>
      <c r="II3884" s="91"/>
      <c r="IJ3884" s="91"/>
      <c r="IK3884" s="174"/>
    </row>
    <row r="3885" spans="2:245" x14ac:dyDescent="0.2">
      <c r="B3885" s="43"/>
      <c r="C3885" s="73"/>
      <c r="D3885" s="64"/>
      <c r="E3885" s="64"/>
      <c r="F3885" s="55"/>
      <c r="G3885" s="102"/>
      <c r="H3885" s="97"/>
      <c r="T3885" s="98"/>
      <c r="U3885" s="97"/>
      <c r="AG3885" s="98"/>
      <c r="AY3885" s="164"/>
      <c r="BK3885" s="98"/>
      <c r="BL3885" s="97"/>
      <c r="BX3885" s="98"/>
      <c r="CL3885" s="97"/>
      <c r="CX3885" s="98"/>
      <c r="DL3885" s="97"/>
      <c r="DX3885" s="98"/>
      <c r="EL3885" s="97"/>
      <c r="EX3885" s="98"/>
      <c r="EY3885" s="97"/>
      <c r="FL3885" s="126"/>
      <c r="FM3885" s="91"/>
      <c r="FN3885" s="91"/>
      <c r="FO3885" s="91"/>
      <c r="FP3885" s="91"/>
      <c r="FQ3885" s="91"/>
      <c r="FR3885" s="91"/>
      <c r="FS3885" s="91"/>
      <c r="FT3885" s="91"/>
      <c r="FU3885" s="91"/>
      <c r="FV3885" s="91"/>
      <c r="FW3885" s="91"/>
      <c r="FX3885" s="127"/>
      <c r="FY3885" s="126"/>
      <c r="FZ3885" s="91"/>
      <c r="GA3885" s="91"/>
      <c r="GB3885" s="91"/>
      <c r="GC3885" s="91"/>
      <c r="GD3885" s="91"/>
      <c r="GE3885" s="91"/>
      <c r="GF3885" s="91"/>
      <c r="GG3885" s="91"/>
      <c r="GH3885" s="91"/>
      <c r="GI3885" s="91"/>
      <c r="GJ3885" s="91"/>
      <c r="GK3885" s="127"/>
      <c r="GL3885" s="126"/>
      <c r="GM3885" s="91"/>
      <c r="GN3885" s="91"/>
      <c r="GO3885" s="91"/>
      <c r="GP3885" s="91"/>
      <c r="GQ3885" s="91"/>
      <c r="GR3885" s="91"/>
      <c r="GS3885" s="91"/>
      <c r="GT3885" s="91"/>
      <c r="GU3885" s="91"/>
      <c r="GV3885" s="91"/>
      <c r="GW3885" s="91"/>
      <c r="GX3885" s="127"/>
      <c r="GY3885" s="126"/>
      <c r="GZ3885" s="91"/>
      <c r="HA3885" s="91"/>
      <c r="HB3885" s="91"/>
      <c r="HC3885" s="91"/>
      <c r="HD3885" s="91"/>
      <c r="HE3885" s="91"/>
      <c r="HF3885" s="91"/>
      <c r="HG3885" s="91"/>
      <c r="HH3885" s="91"/>
      <c r="HI3885" s="91"/>
      <c r="HJ3885" s="91"/>
      <c r="HK3885" s="127"/>
      <c r="HL3885" s="126"/>
      <c r="HM3885" s="91"/>
      <c r="HN3885" s="91"/>
      <c r="HO3885" s="91"/>
      <c r="HP3885" s="91"/>
      <c r="HQ3885" s="91"/>
      <c r="HR3885" s="91"/>
      <c r="HS3885" s="91"/>
      <c r="HT3885" s="91"/>
      <c r="HU3885" s="91"/>
      <c r="HV3885" s="91"/>
      <c r="HW3885" s="91"/>
      <c r="HX3885" s="127"/>
      <c r="HY3885" s="126"/>
      <c r="HZ3885" s="91"/>
      <c r="IA3885" s="91"/>
      <c r="IB3885" s="91"/>
      <c r="IC3885" s="91"/>
      <c r="ID3885" s="91"/>
      <c r="IE3885" s="91"/>
      <c r="IF3885" s="91"/>
      <c r="IG3885" s="91"/>
      <c r="IH3885" s="91"/>
      <c r="II3885" s="91"/>
      <c r="IJ3885" s="91"/>
      <c r="IK3885" s="174"/>
    </row>
    <row r="3886" spans="2:245" x14ac:dyDescent="0.2">
      <c r="B3886" s="43"/>
      <c r="C3886" s="73"/>
      <c r="D3886" s="64"/>
      <c r="E3886" s="64"/>
      <c r="F3886" s="55"/>
      <c r="G3886" s="102"/>
      <c r="H3886" s="97"/>
      <c r="T3886" s="98"/>
      <c r="U3886" s="97"/>
      <c r="AG3886" s="98"/>
      <c r="AY3886" s="164"/>
      <c r="BK3886" s="98"/>
      <c r="BL3886" s="97"/>
      <c r="BX3886" s="98"/>
      <c r="CL3886" s="97"/>
      <c r="CX3886" s="98"/>
      <c r="DL3886" s="97"/>
      <c r="DX3886" s="98"/>
      <c r="EL3886" s="97"/>
      <c r="EX3886" s="98"/>
      <c r="EY3886" s="97"/>
      <c r="FL3886" s="126"/>
      <c r="FM3886" s="91"/>
      <c r="FN3886" s="91"/>
      <c r="FO3886" s="91"/>
      <c r="FP3886" s="91"/>
      <c r="FQ3886" s="91"/>
      <c r="FR3886" s="91"/>
      <c r="FS3886" s="91"/>
      <c r="FT3886" s="91"/>
      <c r="FU3886" s="91"/>
      <c r="FV3886" s="91"/>
      <c r="FW3886" s="91"/>
      <c r="FX3886" s="127"/>
      <c r="FY3886" s="126"/>
      <c r="FZ3886" s="91"/>
      <c r="GA3886" s="91"/>
      <c r="GB3886" s="91"/>
      <c r="GC3886" s="91"/>
      <c r="GD3886" s="91"/>
      <c r="GE3886" s="91"/>
      <c r="GF3886" s="91"/>
      <c r="GG3886" s="91"/>
      <c r="GH3886" s="91"/>
      <c r="GI3886" s="91"/>
      <c r="GJ3886" s="91"/>
      <c r="GK3886" s="127"/>
      <c r="GL3886" s="126"/>
      <c r="GM3886" s="91"/>
      <c r="GN3886" s="91"/>
      <c r="GO3886" s="91"/>
      <c r="GP3886" s="91"/>
      <c r="GQ3886" s="91"/>
      <c r="GR3886" s="91"/>
      <c r="GS3886" s="91"/>
      <c r="GT3886" s="91"/>
      <c r="GU3886" s="91"/>
      <c r="GV3886" s="91"/>
      <c r="GW3886" s="91"/>
      <c r="GX3886" s="127"/>
      <c r="GY3886" s="126"/>
      <c r="GZ3886" s="91"/>
      <c r="HA3886" s="91"/>
      <c r="HB3886" s="91"/>
      <c r="HC3886" s="91"/>
      <c r="HD3886" s="91"/>
      <c r="HE3886" s="91"/>
      <c r="HF3886" s="91"/>
      <c r="HG3886" s="91"/>
      <c r="HH3886" s="91"/>
      <c r="HI3886" s="91"/>
      <c r="HJ3886" s="91"/>
      <c r="HK3886" s="127"/>
      <c r="HL3886" s="126"/>
      <c r="HM3886" s="91"/>
      <c r="HN3886" s="91"/>
      <c r="HO3886" s="91"/>
      <c r="HP3886" s="91"/>
      <c r="HQ3886" s="91"/>
      <c r="HR3886" s="91"/>
      <c r="HS3886" s="91"/>
      <c r="HT3886" s="91"/>
      <c r="HU3886" s="91"/>
      <c r="HV3886" s="91"/>
      <c r="HW3886" s="91"/>
      <c r="HX3886" s="127"/>
      <c r="HY3886" s="126"/>
      <c r="HZ3886" s="91"/>
      <c r="IA3886" s="91"/>
      <c r="IB3886" s="91"/>
      <c r="IC3886" s="91"/>
      <c r="ID3886" s="91"/>
      <c r="IE3886" s="91"/>
      <c r="IF3886" s="91"/>
      <c r="IG3886" s="91"/>
      <c r="IH3886" s="91"/>
      <c r="II3886" s="91"/>
      <c r="IJ3886" s="91"/>
      <c r="IK3886" s="174"/>
    </row>
    <row r="3887" spans="2:245" x14ac:dyDescent="0.2">
      <c r="B3887" s="43"/>
      <c r="C3887" s="73"/>
      <c r="D3887" s="64"/>
      <c r="E3887" s="64"/>
      <c r="F3887" s="55"/>
      <c r="G3887" s="102"/>
      <c r="H3887" s="97"/>
      <c r="T3887" s="98"/>
      <c r="U3887" s="97"/>
      <c r="AG3887" s="98"/>
      <c r="AY3887" s="164"/>
      <c r="BK3887" s="98"/>
      <c r="BL3887" s="97"/>
      <c r="BX3887" s="98"/>
      <c r="CL3887" s="97"/>
      <c r="CX3887" s="98"/>
      <c r="DL3887" s="97"/>
      <c r="DX3887" s="98"/>
      <c r="EL3887" s="97"/>
      <c r="EX3887" s="98"/>
      <c r="EY3887" s="97"/>
      <c r="FL3887" s="126"/>
      <c r="FM3887" s="91"/>
      <c r="FN3887" s="91"/>
      <c r="FO3887" s="91"/>
      <c r="FP3887" s="91"/>
      <c r="FQ3887" s="91"/>
      <c r="FR3887" s="91"/>
      <c r="FS3887" s="91"/>
      <c r="FT3887" s="91"/>
      <c r="FU3887" s="91"/>
      <c r="FV3887" s="91"/>
      <c r="FW3887" s="91"/>
      <c r="FX3887" s="127"/>
      <c r="FY3887" s="126"/>
      <c r="FZ3887" s="91"/>
      <c r="GA3887" s="91"/>
      <c r="GB3887" s="91"/>
      <c r="GC3887" s="91"/>
      <c r="GD3887" s="91"/>
      <c r="GE3887" s="91"/>
      <c r="GF3887" s="91"/>
      <c r="GG3887" s="91"/>
      <c r="GH3887" s="91"/>
      <c r="GI3887" s="91"/>
      <c r="GJ3887" s="91"/>
      <c r="GK3887" s="127"/>
      <c r="GL3887" s="126"/>
      <c r="GM3887" s="91"/>
      <c r="GN3887" s="91"/>
      <c r="GO3887" s="91"/>
      <c r="GP3887" s="91"/>
      <c r="GQ3887" s="91"/>
      <c r="GR3887" s="91"/>
      <c r="GS3887" s="91"/>
      <c r="GT3887" s="91"/>
      <c r="GU3887" s="91"/>
      <c r="GV3887" s="91"/>
      <c r="GW3887" s="91"/>
      <c r="GX3887" s="127"/>
      <c r="GY3887" s="126"/>
      <c r="GZ3887" s="91"/>
      <c r="HA3887" s="91"/>
      <c r="HB3887" s="91"/>
      <c r="HC3887" s="91"/>
      <c r="HD3887" s="91"/>
      <c r="HE3887" s="91"/>
      <c r="HF3887" s="91"/>
      <c r="HG3887" s="91"/>
      <c r="HH3887" s="91"/>
      <c r="HI3887" s="91"/>
      <c r="HJ3887" s="91"/>
      <c r="HK3887" s="127"/>
      <c r="HL3887" s="126"/>
      <c r="HM3887" s="91"/>
      <c r="HN3887" s="91"/>
      <c r="HO3887" s="91"/>
      <c r="HP3887" s="91"/>
      <c r="HQ3887" s="91"/>
      <c r="HR3887" s="91"/>
      <c r="HS3887" s="91"/>
      <c r="HT3887" s="91"/>
      <c r="HU3887" s="91"/>
      <c r="HV3887" s="91"/>
      <c r="HW3887" s="91"/>
      <c r="HX3887" s="127"/>
      <c r="HY3887" s="126"/>
      <c r="HZ3887" s="91"/>
      <c r="IA3887" s="91"/>
      <c r="IB3887" s="91"/>
      <c r="IC3887" s="91"/>
      <c r="ID3887" s="91"/>
      <c r="IE3887" s="91"/>
      <c r="IF3887" s="91"/>
      <c r="IG3887" s="91"/>
      <c r="IH3887" s="91"/>
      <c r="II3887" s="91"/>
      <c r="IJ3887" s="91"/>
      <c r="IK3887" s="174"/>
    </row>
    <row r="3888" spans="2:245" x14ac:dyDescent="0.2">
      <c r="B3888" s="43"/>
      <c r="C3888" s="73"/>
      <c r="D3888" s="64"/>
      <c r="E3888" s="64"/>
      <c r="F3888" s="55"/>
      <c r="G3888" s="102"/>
      <c r="H3888" s="97"/>
      <c r="T3888" s="98"/>
      <c r="U3888" s="97"/>
      <c r="AG3888" s="98"/>
      <c r="AY3888" s="164"/>
      <c r="BK3888" s="98"/>
      <c r="BL3888" s="97"/>
      <c r="BX3888" s="98"/>
      <c r="CL3888" s="97"/>
      <c r="CX3888" s="98"/>
      <c r="DL3888" s="97"/>
      <c r="DX3888" s="98"/>
      <c r="EL3888" s="97"/>
      <c r="EX3888" s="98"/>
      <c r="EY3888" s="97"/>
      <c r="FL3888" s="126"/>
      <c r="FM3888" s="91"/>
      <c r="FN3888" s="91"/>
      <c r="FO3888" s="91"/>
      <c r="FP3888" s="91"/>
      <c r="FQ3888" s="91"/>
      <c r="FR3888" s="91"/>
      <c r="FS3888" s="91"/>
      <c r="FT3888" s="91"/>
      <c r="FU3888" s="91"/>
      <c r="FV3888" s="91"/>
      <c r="FW3888" s="91"/>
      <c r="FX3888" s="127"/>
      <c r="FY3888" s="126"/>
      <c r="FZ3888" s="91"/>
      <c r="GA3888" s="91"/>
      <c r="GB3888" s="91"/>
      <c r="GC3888" s="91"/>
      <c r="GD3888" s="91"/>
      <c r="GE3888" s="91"/>
      <c r="GF3888" s="91"/>
      <c r="GG3888" s="91"/>
      <c r="GH3888" s="91"/>
      <c r="GI3888" s="91"/>
      <c r="GJ3888" s="91"/>
      <c r="GK3888" s="127"/>
      <c r="GL3888" s="126"/>
      <c r="GM3888" s="91"/>
      <c r="GN3888" s="91"/>
      <c r="GO3888" s="91"/>
      <c r="GP3888" s="91"/>
      <c r="GQ3888" s="91"/>
      <c r="GR3888" s="91"/>
      <c r="GS3888" s="91"/>
      <c r="GT3888" s="91"/>
      <c r="GU3888" s="91"/>
      <c r="GV3888" s="91"/>
      <c r="GW3888" s="91"/>
      <c r="GX3888" s="127"/>
      <c r="GY3888" s="126"/>
      <c r="GZ3888" s="91"/>
      <c r="HA3888" s="91"/>
      <c r="HB3888" s="91"/>
      <c r="HC3888" s="91"/>
      <c r="HD3888" s="91"/>
      <c r="HE3888" s="91"/>
      <c r="HF3888" s="91"/>
      <c r="HG3888" s="91"/>
      <c r="HH3888" s="91"/>
      <c r="HI3888" s="91"/>
      <c r="HJ3888" s="91"/>
      <c r="HK3888" s="127"/>
      <c r="HL3888" s="126"/>
      <c r="HM3888" s="91"/>
      <c r="HN3888" s="91"/>
      <c r="HO3888" s="91"/>
      <c r="HP3888" s="91"/>
      <c r="HQ3888" s="91"/>
      <c r="HR3888" s="91"/>
      <c r="HS3888" s="91"/>
      <c r="HT3888" s="91"/>
      <c r="HU3888" s="91"/>
      <c r="HV3888" s="91"/>
      <c r="HW3888" s="91"/>
      <c r="HX3888" s="127"/>
      <c r="HY3888" s="126"/>
      <c r="HZ3888" s="91"/>
      <c r="IA3888" s="91"/>
      <c r="IB3888" s="91"/>
      <c r="IC3888" s="91"/>
      <c r="ID3888" s="91"/>
      <c r="IE3888" s="91"/>
      <c r="IF3888" s="91"/>
      <c r="IG3888" s="91"/>
      <c r="IH3888" s="91"/>
      <c r="II3888" s="91"/>
      <c r="IJ3888" s="91"/>
      <c r="IK3888" s="174"/>
    </row>
    <row r="3889" spans="2:245" x14ac:dyDescent="0.2">
      <c r="B3889" s="43"/>
      <c r="C3889" s="73"/>
      <c r="D3889" s="64"/>
      <c r="E3889" s="64"/>
      <c r="F3889" s="55"/>
      <c r="G3889" s="102"/>
      <c r="H3889" s="97"/>
      <c r="T3889" s="98"/>
      <c r="U3889" s="97"/>
      <c r="AG3889" s="98"/>
      <c r="AY3889" s="164"/>
      <c r="BK3889" s="98"/>
      <c r="BL3889" s="97"/>
      <c r="BX3889" s="98"/>
      <c r="CL3889" s="97"/>
      <c r="CX3889" s="98"/>
      <c r="DL3889" s="97"/>
      <c r="DX3889" s="98"/>
      <c r="EL3889" s="97"/>
      <c r="EX3889" s="98"/>
      <c r="EY3889" s="97"/>
      <c r="FL3889" s="126"/>
      <c r="FM3889" s="91"/>
      <c r="FN3889" s="91"/>
      <c r="FO3889" s="91"/>
      <c r="FP3889" s="91"/>
      <c r="FQ3889" s="91"/>
      <c r="FR3889" s="91"/>
      <c r="FS3889" s="91"/>
      <c r="FT3889" s="91"/>
      <c r="FU3889" s="91"/>
      <c r="FV3889" s="91"/>
      <c r="FW3889" s="91"/>
      <c r="FX3889" s="127"/>
      <c r="FY3889" s="126"/>
      <c r="FZ3889" s="91"/>
      <c r="GA3889" s="91"/>
      <c r="GB3889" s="91"/>
      <c r="GC3889" s="91"/>
      <c r="GD3889" s="91"/>
      <c r="GE3889" s="91"/>
      <c r="GF3889" s="91"/>
      <c r="GG3889" s="91"/>
      <c r="GH3889" s="91"/>
      <c r="GI3889" s="91"/>
      <c r="GJ3889" s="91"/>
      <c r="GK3889" s="127"/>
      <c r="GL3889" s="126"/>
      <c r="GM3889" s="91"/>
      <c r="GN3889" s="91"/>
      <c r="GO3889" s="91"/>
      <c r="GP3889" s="91"/>
      <c r="GQ3889" s="91"/>
      <c r="GR3889" s="91"/>
      <c r="GS3889" s="91"/>
      <c r="GT3889" s="91"/>
      <c r="GU3889" s="91"/>
      <c r="GV3889" s="91"/>
      <c r="GW3889" s="91"/>
      <c r="GX3889" s="127"/>
      <c r="GY3889" s="126"/>
      <c r="GZ3889" s="91"/>
      <c r="HA3889" s="91"/>
      <c r="HB3889" s="91"/>
      <c r="HC3889" s="91"/>
      <c r="HD3889" s="91"/>
      <c r="HE3889" s="91"/>
      <c r="HF3889" s="91"/>
      <c r="HG3889" s="91"/>
      <c r="HH3889" s="91"/>
      <c r="HI3889" s="91"/>
      <c r="HJ3889" s="91"/>
      <c r="HK3889" s="127"/>
      <c r="HL3889" s="126"/>
      <c r="HM3889" s="91"/>
      <c r="HN3889" s="91"/>
      <c r="HO3889" s="91"/>
      <c r="HP3889" s="91"/>
      <c r="HQ3889" s="91"/>
      <c r="HR3889" s="91"/>
      <c r="HS3889" s="91"/>
      <c r="HT3889" s="91"/>
      <c r="HU3889" s="91"/>
      <c r="HV3889" s="91"/>
      <c r="HW3889" s="91"/>
      <c r="HX3889" s="127"/>
      <c r="HY3889" s="126"/>
      <c r="HZ3889" s="91"/>
      <c r="IA3889" s="91"/>
      <c r="IB3889" s="91"/>
      <c r="IC3889" s="91"/>
      <c r="ID3889" s="91"/>
      <c r="IE3889" s="91"/>
      <c r="IF3889" s="91"/>
      <c r="IG3889" s="91"/>
      <c r="IH3889" s="91"/>
      <c r="II3889" s="91"/>
      <c r="IJ3889" s="91"/>
      <c r="IK3889" s="174"/>
    </row>
    <row r="3890" spans="2:245" x14ac:dyDescent="0.2">
      <c r="B3890" s="43"/>
      <c r="C3890" s="73"/>
      <c r="D3890" s="64"/>
      <c r="E3890" s="64"/>
      <c r="F3890" s="55"/>
      <c r="G3890" s="102"/>
      <c r="H3890" s="97"/>
      <c r="T3890" s="98"/>
      <c r="U3890" s="97"/>
      <c r="AG3890" s="98"/>
      <c r="AY3890" s="164"/>
      <c r="BK3890" s="98"/>
      <c r="BL3890" s="97"/>
      <c r="BX3890" s="98"/>
      <c r="CL3890" s="97"/>
      <c r="CX3890" s="98"/>
      <c r="DL3890" s="97"/>
      <c r="DX3890" s="98"/>
      <c r="EL3890" s="97"/>
      <c r="EX3890" s="98"/>
      <c r="EY3890" s="97"/>
      <c r="FL3890" s="126"/>
      <c r="FM3890" s="91"/>
      <c r="FN3890" s="91"/>
      <c r="FO3890" s="91"/>
      <c r="FP3890" s="91"/>
      <c r="FQ3890" s="91"/>
      <c r="FR3890" s="91"/>
      <c r="FS3890" s="91"/>
      <c r="FT3890" s="91"/>
      <c r="FU3890" s="91"/>
      <c r="FV3890" s="91"/>
      <c r="FW3890" s="91"/>
      <c r="FX3890" s="127"/>
      <c r="FY3890" s="126"/>
      <c r="FZ3890" s="91"/>
      <c r="GA3890" s="91"/>
      <c r="GB3890" s="91"/>
      <c r="GC3890" s="91"/>
      <c r="GD3890" s="91"/>
      <c r="GE3890" s="91"/>
      <c r="GF3890" s="91"/>
      <c r="GG3890" s="91"/>
      <c r="GH3890" s="91"/>
      <c r="GI3890" s="91"/>
      <c r="GJ3890" s="91"/>
      <c r="GK3890" s="127"/>
      <c r="GL3890" s="126"/>
      <c r="GM3890" s="91"/>
      <c r="GN3890" s="91"/>
      <c r="GO3890" s="91"/>
      <c r="GP3890" s="91"/>
      <c r="GQ3890" s="91"/>
      <c r="GR3890" s="91"/>
      <c r="GS3890" s="91"/>
      <c r="GT3890" s="91"/>
      <c r="GU3890" s="91"/>
      <c r="GV3890" s="91"/>
      <c r="GW3890" s="91"/>
      <c r="GX3890" s="127"/>
      <c r="GY3890" s="126"/>
      <c r="GZ3890" s="91"/>
      <c r="HA3890" s="91"/>
      <c r="HB3890" s="91"/>
      <c r="HC3890" s="91"/>
      <c r="HD3890" s="91"/>
      <c r="HE3890" s="91"/>
      <c r="HF3890" s="91"/>
      <c r="HG3890" s="91"/>
      <c r="HH3890" s="91"/>
      <c r="HI3890" s="91"/>
      <c r="HJ3890" s="91"/>
      <c r="HK3890" s="127"/>
      <c r="HL3890" s="126"/>
      <c r="HM3890" s="91"/>
      <c r="HN3890" s="91"/>
      <c r="HO3890" s="91"/>
      <c r="HP3890" s="91"/>
      <c r="HQ3890" s="91"/>
      <c r="HR3890" s="91"/>
      <c r="HS3890" s="91"/>
      <c r="HT3890" s="91"/>
      <c r="HU3890" s="91"/>
      <c r="HV3890" s="91"/>
      <c r="HW3890" s="91"/>
      <c r="HX3890" s="127"/>
      <c r="HY3890" s="126"/>
      <c r="HZ3890" s="91"/>
      <c r="IA3890" s="91"/>
      <c r="IB3890" s="91"/>
      <c r="IC3890" s="91"/>
      <c r="ID3890" s="91"/>
      <c r="IE3890" s="91"/>
      <c r="IF3890" s="91"/>
      <c r="IG3890" s="91"/>
      <c r="IH3890" s="91"/>
      <c r="II3890" s="91"/>
      <c r="IJ3890" s="91"/>
      <c r="IK3890" s="174"/>
    </row>
    <row r="3891" spans="2:245" x14ac:dyDescent="0.2">
      <c r="B3891" s="43"/>
      <c r="C3891" s="73"/>
      <c r="D3891" s="64"/>
      <c r="E3891" s="64"/>
      <c r="F3891" s="55"/>
      <c r="G3891" s="102"/>
      <c r="H3891" s="97"/>
      <c r="T3891" s="98"/>
      <c r="U3891" s="97"/>
      <c r="AG3891" s="98"/>
      <c r="AY3891" s="164"/>
      <c r="BK3891" s="98"/>
      <c r="BL3891" s="97"/>
      <c r="BX3891" s="98"/>
      <c r="CL3891" s="97"/>
      <c r="CX3891" s="98"/>
      <c r="DL3891" s="97"/>
      <c r="DX3891" s="98"/>
      <c r="EL3891" s="97"/>
      <c r="EX3891" s="98"/>
      <c r="EY3891" s="97"/>
      <c r="FL3891" s="126"/>
      <c r="FM3891" s="91"/>
      <c r="FN3891" s="91"/>
      <c r="FO3891" s="91"/>
      <c r="FP3891" s="91"/>
      <c r="FQ3891" s="91"/>
      <c r="FR3891" s="91"/>
      <c r="FS3891" s="91"/>
      <c r="FT3891" s="91"/>
      <c r="FU3891" s="91"/>
      <c r="FV3891" s="91"/>
      <c r="FW3891" s="91"/>
      <c r="FX3891" s="127"/>
      <c r="FY3891" s="126"/>
      <c r="FZ3891" s="91"/>
      <c r="GA3891" s="91"/>
      <c r="GB3891" s="91"/>
      <c r="GC3891" s="91"/>
      <c r="GD3891" s="91"/>
      <c r="GE3891" s="91"/>
      <c r="GF3891" s="91"/>
      <c r="GG3891" s="91"/>
      <c r="GH3891" s="91"/>
      <c r="GI3891" s="91"/>
      <c r="GJ3891" s="91"/>
      <c r="GK3891" s="127"/>
      <c r="GL3891" s="126"/>
      <c r="GM3891" s="91"/>
      <c r="GN3891" s="91"/>
      <c r="GO3891" s="91"/>
      <c r="GP3891" s="91"/>
      <c r="GQ3891" s="91"/>
      <c r="GR3891" s="91"/>
      <c r="GS3891" s="91"/>
      <c r="GT3891" s="91"/>
      <c r="GU3891" s="91"/>
      <c r="GV3891" s="91"/>
      <c r="GW3891" s="91"/>
      <c r="GX3891" s="127"/>
      <c r="GY3891" s="126"/>
      <c r="GZ3891" s="91"/>
      <c r="HA3891" s="91"/>
      <c r="HB3891" s="91"/>
      <c r="HC3891" s="91"/>
      <c r="HD3891" s="91"/>
      <c r="HE3891" s="91"/>
      <c r="HF3891" s="91"/>
      <c r="HG3891" s="91"/>
      <c r="HH3891" s="91"/>
      <c r="HI3891" s="91"/>
      <c r="HJ3891" s="91"/>
      <c r="HK3891" s="127"/>
      <c r="HL3891" s="126"/>
      <c r="HM3891" s="91"/>
      <c r="HN3891" s="91"/>
      <c r="HO3891" s="91"/>
      <c r="HP3891" s="91"/>
      <c r="HQ3891" s="91"/>
      <c r="HR3891" s="91"/>
      <c r="HS3891" s="91"/>
      <c r="HT3891" s="91"/>
      <c r="HU3891" s="91"/>
      <c r="HV3891" s="91"/>
      <c r="HW3891" s="91"/>
      <c r="HX3891" s="127"/>
      <c r="HY3891" s="126"/>
      <c r="HZ3891" s="91"/>
      <c r="IA3891" s="91"/>
      <c r="IB3891" s="91"/>
      <c r="IC3891" s="91"/>
      <c r="ID3891" s="91"/>
      <c r="IE3891" s="91"/>
      <c r="IF3891" s="91"/>
      <c r="IG3891" s="91"/>
      <c r="IH3891" s="91"/>
      <c r="II3891" s="91"/>
      <c r="IJ3891" s="91"/>
      <c r="IK3891" s="174"/>
    </row>
    <row r="3892" spans="2:245" x14ac:dyDescent="0.2">
      <c r="B3892" s="43"/>
      <c r="C3892" s="73"/>
      <c r="D3892" s="64"/>
      <c r="E3892" s="64"/>
      <c r="F3892" s="55"/>
      <c r="G3892" s="102"/>
      <c r="H3892" s="97"/>
      <c r="T3892" s="98"/>
      <c r="U3892" s="97"/>
      <c r="AG3892" s="98"/>
      <c r="AY3892" s="164"/>
      <c r="BK3892" s="98"/>
      <c r="BL3892" s="97"/>
      <c r="BX3892" s="98"/>
      <c r="CL3892" s="97"/>
      <c r="CX3892" s="98"/>
      <c r="DL3892" s="97"/>
      <c r="DX3892" s="98"/>
      <c r="EL3892" s="97"/>
      <c r="EX3892" s="98"/>
      <c r="EY3892" s="97"/>
      <c r="FL3892" s="126"/>
      <c r="FM3892" s="91"/>
      <c r="FN3892" s="91"/>
      <c r="FO3892" s="91"/>
      <c r="FP3892" s="91"/>
      <c r="FQ3892" s="91"/>
      <c r="FR3892" s="91"/>
      <c r="FS3892" s="91"/>
      <c r="FT3892" s="91"/>
      <c r="FU3892" s="91"/>
      <c r="FV3892" s="91"/>
      <c r="FW3892" s="91"/>
      <c r="FX3892" s="127"/>
      <c r="FY3892" s="126"/>
      <c r="FZ3892" s="91"/>
      <c r="GA3892" s="91"/>
      <c r="GB3892" s="91"/>
      <c r="GC3892" s="91"/>
      <c r="GD3892" s="91"/>
      <c r="GE3892" s="91"/>
      <c r="GF3892" s="91"/>
      <c r="GG3892" s="91"/>
      <c r="GH3892" s="91"/>
      <c r="GI3892" s="91"/>
      <c r="GJ3892" s="91"/>
      <c r="GK3892" s="127"/>
      <c r="GL3892" s="126"/>
      <c r="GM3892" s="91"/>
      <c r="GN3892" s="91"/>
      <c r="GO3892" s="91"/>
      <c r="GP3892" s="91"/>
      <c r="GQ3892" s="91"/>
      <c r="GR3892" s="91"/>
      <c r="GS3892" s="91"/>
      <c r="GT3892" s="91"/>
      <c r="GU3892" s="91"/>
      <c r="GV3892" s="91"/>
      <c r="GW3892" s="91"/>
      <c r="GX3892" s="127"/>
      <c r="GY3892" s="126"/>
      <c r="GZ3892" s="91"/>
      <c r="HA3892" s="91"/>
      <c r="HB3892" s="91"/>
      <c r="HC3892" s="91"/>
      <c r="HD3892" s="91"/>
      <c r="HE3892" s="91"/>
      <c r="HF3892" s="91"/>
      <c r="HG3892" s="91"/>
      <c r="HH3892" s="91"/>
      <c r="HI3892" s="91"/>
      <c r="HJ3892" s="91"/>
      <c r="HK3892" s="127"/>
      <c r="HL3892" s="126"/>
      <c r="HM3892" s="91"/>
      <c r="HN3892" s="91"/>
      <c r="HO3892" s="91"/>
      <c r="HP3892" s="91"/>
      <c r="HQ3892" s="91"/>
      <c r="HR3892" s="91"/>
      <c r="HS3892" s="91"/>
      <c r="HT3892" s="91"/>
      <c r="HU3892" s="91"/>
      <c r="HV3892" s="91"/>
      <c r="HW3892" s="91"/>
      <c r="HX3892" s="127"/>
      <c r="HY3892" s="126"/>
      <c r="HZ3892" s="91"/>
      <c r="IA3892" s="91"/>
      <c r="IB3892" s="91"/>
      <c r="IC3892" s="91"/>
      <c r="ID3892" s="91"/>
      <c r="IE3892" s="91"/>
      <c r="IF3892" s="91"/>
      <c r="IG3892" s="91"/>
      <c r="IH3892" s="91"/>
      <c r="II3892" s="91"/>
      <c r="IJ3892" s="91"/>
      <c r="IK3892" s="174"/>
    </row>
    <row r="3893" spans="2:245" x14ac:dyDescent="0.2">
      <c r="B3893" s="43"/>
      <c r="C3893" s="73"/>
      <c r="D3893" s="64"/>
      <c r="E3893" s="64"/>
      <c r="F3893" s="55"/>
      <c r="G3893" s="102"/>
      <c r="H3893" s="97"/>
      <c r="T3893" s="98"/>
      <c r="U3893" s="97"/>
      <c r="AG3893" s="98"/>
      <c r="AY3893" s="164"/>
      <c r="BK3893" s="98"/>
      <c r="BL3893" s="97"/>
      <c r="BX3893" s="98"/>
      <c r="CL3893" s="97"/>
      <c r="CX3893" s="98"/>
      <c r="DL3893" s="97"/>
      <c r="DX3893" s="98"/>
      <c r="EL3893" s="97"/>
      <c r="EX3893" s="98"/>
      <c r="EY3893" s="97"/>
      <c r="FL3893" s="126"/>
      <c r="FM3893" s="91"/>
      <c r="FN3893" s="91"/>
      <c r="FO3893" s="91"/>
      <c r="FP3893" s="91"/>
      <c r="FQ3893" s="91"/>
      <c r="FR3893" s="91"/>
      <c r="FS3893" s="91"/>
      <c r="FT3893" s="91"/>
      <c r="FU3893" s="91"/>
      <c r="FV3893" s="91"/>
      <c r="FW3893" s="91"/>
      <c r="FX3893" s="127"/>
      <c r="FY3893" s="126"/>
      <c r="FZ3893" s="91"/>
      <c r="GA3893" s="91"/>
      <c r="GB3893" s="91"/>
      <c r="GC3893" s="91"/>
      <c r="GD3893" s="91"/>
      <c r="GE3893" s="91"/>
      <c r="GF3893" s="91"/>
      <c r="GG3893" s="91"/>
      <c r="GH3893" s="91"/>
      <c r="GI3893" s="91"/>
      <c r="GJ3893" s="91"/>
      <c r="GK3893" s="127"/>
      <c r="GL3893" s="126"/>
      <c r="GM3893" s="91"/>
      <c r="GN3893" s="91"/>
      <c r="GO3893" s="91"/>
      <c r="GP3893" s="91"/>
      <c r="GQ3893" s="91"/>
      <c r="GR3893" s="91"/>
      <c r="GS3893" s="91"/>
      <c r="GT3893" s="91"/>
      <c r="GU3893" s="91"/>
      <c r="GV3893" s="91"/>
      <c r="GW3893" s="91"/>
      <c r="GX3893" s="127"/>
      <c r="GY3893" s="126"/>
      <c r="GZ3893" s="91"/>
      <c r="HA3893" s="91"/>
      <c r="HB3893" s="91"/>
      <c r="HC3893" s="91"/>
      <c r="HD3893" s="91"/>
      <c r="HE3893" s="91"/>
      <c r="HF3893" s="91"/>
      <c r="HG3893" s="91"/>
      <c r="HH3893" s="91"/>
      <c r="HI3893" s="91"/>
      <c r="HJ3893" s="91"/>
      <c r="HK3893" s="127"/>
      <c r="HL3893" s="126"/>
      <c r="HM3893" s="91"/>
      <c r="HN3893" s="91"/>
      <c r="HO3893" s="91"/>
      <c r="HP3893" s="91"/>
      <c r="HQ3893" s="91"/>
      <c r="HR3893" s="91"/>
      <c r="HS3893" s="91"/>
      <c r="HT3893" s="91"/>
      <c r="HU3893" s="91"/>
      <c r="HV3893" s="91"/>
      <c r="HW3893" s="91"/>
      <c r="HX3893" s="127"/>
      <c r="HY3893" s="126"/>
      <c r="HZ3893" s="91"/>
      <c r="IA3893" s="91"/>
      <c r="IB3893" s="91"/>
      <c r="IC3893" s="91"/>
      <c r="ID3893" s="91"/>
      <c r="IE3893" s="91"/>
      <c r="IF3893" s="91"/>
      <c r="IG3893" s="91"/>
      <c r="IH3893" s="91"/>
      <c r="II3893" s="91"/>
      <c r="IJ3893" s="91"/>
      <c r="IK3893" s="174"/>
    </row>
    <row r="3894" spans="2:245" x14ac:dyDescent="0.2">
      <c r="B3894" s="43"/>
      <c r="C3894" s="73"/>
      <c r="D3894" s="64"/>
      <c r="E3894" s="64"/>
      <c r="F3894" s="55"/>
      <c r="G3894" s="102"/>
      <c r="H3894" s="97"/>
      <c r="T3894" s="98"/>
      <c r="U3894" s="97"/>
      <c r="AG3894" s="98"/>
      <c r="AY3894" s="164"/>
      <c r="BK3894" s="98"/>
      <c r="BL3894" s="97"/>
      <c r="BX3894" s="98"/>
      <c r="CL3894" s="97"/>
      <c r="CX3894" s="98"/>
      <c r="DL3894" s="97"/>
      <c r="DX3894" s="98"/>
      <c r="EL3894" s="97"/>
      <c r="EX3894" s="98"/>
      <c r="EY3894" s="97"/>
      <c r="FL3894" s="126"/>
      <c r="FM3894" s="91"/>
      <c r="FN3894" s="91"/>
      <c r="FO3894" s="91"/>
      <c r="FP3894" s="91"/>
      <c r="FQ3894" s="91"/>
      <c r="FR3894" s="91"/>
      <c r="FS3894" s="91"/>
      <c r="FT3894" s="91"/>
      <c r="FU3894" s="91"/>
      <c r="FV3894" s="91"/>
      <c r="FW3894" s="91"/>
      <c r="FX3894" s="127"/>
      <c r="FY3894" s="126"/>
      <c r="FZ3894" s="91"/>
      <c r="GA3894" s="91"/>
      <c r="GB3894" s="91"/>
      <c r="GC3894" s="91"/>
      <c r="GD3894" s="91"/>
      <c r="GE3894" s="91"/>
      <c r="GF3894" s="91"/>
      <c r="GG3894" s="91"/>
      <c r="GH3894" s="91"/>
      <c r="GI3894" s="91"/>
      <c r="GJ3894" s="91"/>
      <c r="GK3894" s="127"/>
      <c r="GL3894" s="126"/>
      <c r="GM3894" s="91"/>
      <c r="GN3894" s="91"/>
      <c r="GO3894" s="91"/>
      <c r="GP3894" s="91"/>
      <c r="GQ3894" s="91"/>
      <c r="GR3894" s="91"/>
      <c r="GS3894" s="91"/>
      <c r="GT3894" s="91"/>
      <c r="GU3894" s="91"/>
      <c r="GV3894" s="91"/>
      <c r="GW3894" s="91"/>
      <c r="GX3894" s="127"/>
      <c r="GY3894" s="126"/>
      <c r="GZ3894" s="91"/>
      <c r="HA3894" s="91"/>
      <c r="HB3894" s="91"/>
      <c r="HC3894" s="91"/>
      <c r="HD3894" s="91"/>
      <c r="HE3894" s="91"/>
      <c r="HF3894" s="91"/>
      <c r="HG3894" s="91"/>
      <c r="HH3894" s="91"/>
      <c r="HI3894" s="91"/>
      <c r="HJ3894" s="91"/>
      <c r="HK3894" s="127"/>
      <c r="HL3894" s="126"/>
      <c r="HM3894" s="91"/>
      <c r="HN3894" s="91"/>
      <c r="HO3894" s="91"/>
      <c r="HP3894" s="91"/>
      <c r="HQ3894" s="91"/>
      <c r="HR3894" s="91"/>
      <c r="HS3894" s="91"/>
      <c r="HT3894" s="91"/>
      <c r="HU3894" s="91"/>
      <c r="HV3894" s="91"/>
      <c r="HW3894" s="91"/>
      <c r="HX3894" s="127"/>
      <c r="HY3894" s="126"/>
      <c r="HZ3894" s="91"/>
      <c r="IA3894" s="91"/>
      <c r="IB3894" s="91"/>
      <c r="IC3894" s="91"/>
      <c r="ID3894" s="91"/>
      <c r="IE3894" s="91"/>
      <c r="IF3894" s="91"/>
      <c r="IG3894" s="91"/>
      <c r="IH3894" s="91"/>
      <c r="II3894" s="91"/>
      <c r="IJ3894" s="91"/>
      <c r="IK3894" s="174"/>
    </row>
    <row r="3895" spans="2:245" x14ac:dyDescent="0.2">
      <c r="B3895" s="43"/>
      <c r="C3895" s="73"/>
      <c r="D3895" s="64"/>
      <c r="E3895" s="64"/>
      <c r="F3895" s="55"/>
      <c r="G3895" s="102"/>
      <c r="H3895" s="97"/>
      <c r="T3895" s="98"/>
      <c r="U3895" s="97"/>
      <c r="AG3895" s="98"/>
      <c r="AY3895" s="164"/>
      <c r="BK3895" s="98"/>
      <c r="BL3895" s="97"/>
      <c r="BX3895" s="98"/>
      <c r="CL3895" s="97"/>
      <c r="CX3895" s="98"/>
      <c r="DL3895" s="97"/>
      <c r="DX3895" s="98"/>
      <c r="EL3895" s="97"/>
      <c r="EX3895" s="98"/>
      <c r="EY3895" s="97"/>
      <c r="FL3895" s="126"/>
      <c r="FM3895" s="91"/>
      <c r="FN3895" s="91"/>
      <c r="FO3895" s="91"/>
      <c r="FP3895" s="91"/>
      <c r="FQ3895" s="91"/>
      <c r="FR3895" s="91"/>
      <c r="FS3895" s="91"/>
      <c r="FT3895" s="91"/>
      <c r="FU3895" s="91"/>
      <c r="FV3895" s="91"/>
      <c r="FW3895" s="91"/>
      <c r="FX3895" s="127"/>
      <c r="FY3895" s="126"/>
      <c r="FZ3895" s="91"/>
      <c r="GA3895" s="91"/>
      <c r="GB3895" s="91"/>
      <c r="GC3895" s="91"/>
      <c r="GD3895" s="91"/>
      <c r="GE3895" s="91"/>
      <c r="GF3895" s="91"/>
      <c r="GG3895" s="91"/>
      <c r="GH3895" s="91"/>
      <c r="GI3895" s="91"/>
      <c r="GJ3895" s="91"/>
      <c r="GK3895" s="127"/>
      <c r="GL3895" s="126"/>
      <c r="GM3895" s="91"/>
      <c r="GN3895" s="91"/>
      <c r="GO3895" s="91"/>
      <c r="GP3895" s="91"/>
      <c r="GQ3895" s="91"/>
      <c r="GR3895" s="91"/>
      <c r="GS3895" s="91"/>
      <c r="GT3895" s="91"/>
      <c r="GU3895" s="91"/>
      <c r="GV3895" s="91"/>
      <c r="GW3895" s="91"/>
      <c r="GX3895" s="127"/>
      <c r="GY3895" s="126"/>
      <c r="GZ3895" s="91"/>
      <c r="HA3895" s="91"/>
      <c r="HB3895" s="91"/>
      <c r="HC3895" s="91"/>
      <c r="HD3895" s="91"/>
      <c r="HE3895" s="91"/>
      <c r="HF3895" s="91"/>
      <c r="HG3895" s="91"/>
      <c r="HH3895" s="91"/>
      <c r="HI3895" s="91"/>
      <c r="HJ3895" s="91"/>
      <c r="HK3895" s="127"/>
      <c r="HL3895" s="126"/>
      <c r="HM3895" s="91"/>
      <c r="HN3895" s="91"/>
      <c r="HO3895" s="91"/>
      <c r="HP3895" s="91"/>
      <c r="HQ3895" s="91"/>
      <c r="HR3895" s="91"/>
      <c r="HS3895" s="91"/>
      <c r="HT3895" s="91"/>
      <c r="HU3895" s="91"/>
      <c r="HV3895" s="91"/>
      <c r="HW3895" s="91"/>
      <c r="HX3895" s="127"/>
      <c r="HY3895" s="126"/>
      <c r="HZ3895" s="91"/>
      <c r="IA3895" s="91"/>
      <c r="IB3895" s="91"/>
      <c r="IC3895" s="91"/>
      <c r="ID3895" s="91"/>
      <c r="IE3895" s="91"/>
      <c r="IF3895" s="91"/>
      <c r="IG3895" s="91"/>
      <c r="IH3895" s="91"/>
      <c r="II3895" s="91"/>
      <c r="IJ3895" s="91"/>
      <c r="IK3895" s="174"/>
    </row>
    <row r="3896" spans="2:245" x14ac:dyDescent="0.2">
      <c r="B3896" s="43"/>
      <c r="C3896" s="73"/>
      <c r="D3896" s="64"/>
      <c r="E3896" s="64"/>
      <c r="F3896" s="55"/>
      <c r="G3896" s="102"/>
      <c r="H3896" s="97"/>
      <c r="T3896" s="98"/>
      <c r="U3896" s="97"/>
      <c r="AG3896" s="98"/>
      <c r="AY3896" s="164"/>
      <c r="BK3896" s="98"/>
      <c r="BL3896" s="97"/>
      <c r="BX3896" s="98"/>
      <c r="CL3896" s="97"/>
      <c r="CX3896" s="98"/>
      <c r="DL3896" s="97"/>
      <c r="DX3896" s="98"/>
      <c r="EL3896" s="97"/>
      <c r="EX3896" s="98"/>
      <c r="EY3896" s="97"/>
      <c r="FL3896" s="126"/>
      <c r="FM3896" s="91"/>
      <c r="FN3896" s="91"/>
      <c r="FO3896" s="91"/>
      <c r="FP3896" s="91"/>
      <c r="FQ3896" s="91"/>
      <c r="FR3896" s="91"/>
      <c r="FS3896" s="91"/>
      <c r="FT3896" s="91"/>
      <c r="FU3896" s="91"/>
      <c r="FV3896" s="91"/>
      <c r="FW3896" s="91"/>
      <c r="FX3896" s="127"/>
      <c r="FY3896" s="126"/>
      <c r="FZ3896" s="91"/>
      <c r="GA3896" s="91"/>
      <c r="GB3896" s="91"/>
      <c r="GC3896" s="91"/>
      <c r="GD3896" s="91"/>
      <c r="GE3896" s="91"/>
      <c r="GF3896" s="91"/>
      <c r="GG3896" s="91"/>
      <c r="GH3896" s="91"/>
      <c r="GI3896" s="91"/>
      <c r="GJ3896" s="91"/>
      <c r="GK3896" s="127"/>
      <c r="GL3896" s="126"/>
      <c r="GM3896" s="91"/>
      <c r="GN3896" s="91"/>
      <c r="GO3896" s="91"/>
      <c r="GP3896" s="91"/>
      <c r="GQ3896" s="91"/>
      <c r="GR3896" s="91"/>
      <c r="GS3896" s="91"/>
      <c r="GT3896" s="91"/>
      <c r="GU3896" s="91"/>
      <c r="GV3896" s="91"/>
      <c r="GW3896" s="91"/>
      <c r="GX3896" s="127"/>
      <c r="GY3896" s="126"/>
      <c r="GZ3896" s="91"/>
      <c r="HA3896" s="91"/>
      <c r="HB3896" s="91"/>
      <c r="HC3896" s="91"/>
      <c r="HD3896" s="91"/>
      <c r="HE3896" s="91"/>
      <c r="HF3896" s="91"/>
      <c r="HG3896" s="91"/>
      <c r="HH3896" s="91"/>
      <c r="HI3896" s="91"/>
      <c r="HJ3896" s="91"/>
      <c r="HK3896" s="127"/>
      <c r="HL3896" s="126"/>
      <c r="HM3896" s="91"/>
      <c r="HN3896" s="91"/>
      <c r="HO3896" s="91"/>
      <c r="HP3896" s="91"/>
      <c r="HQ3896" s="91"/>
      <c r="HR3896" s="91"/>
      <c r="HS3896" s="91"/>
      <c r="HT3896" s="91"/>
      <c r="HU3896" s="91"/>
      <c r="HV3896" s="91"/>
      <c r="HW3896" s="91"/>
      <c r="HX3896" s="127"/>
      <c r="HY3896" s="126"/>
      <c r="HZ3896" s="91"/>
      <c r="IA3896" s="91"/>
      <c r="IB3896" s="91"/>
      <c r="IC3896" s="91"/>
      <c r="ID3896" s="91"/>
      <c r="IE3896" s="91"/>
      <c r="IF3896" s="91"/>
      <c r="IG3896" s="91"/>
      <c r="IH3896" s="91"/>
      <c r="II3896" s="91"/>
      <c r="IJ3896" s="91"/>
      <c r="IK3896" s="174"/>
    </row>
    <row r="3897" spans="2:245" x14ac:dyDescent="0.2">
      <c r="B3897" s="43"/>
      <c r="C3897" s="73"/>
      <c r="D3897" s="64"/>
      <c r="E3897" s="64"/>
      <c r="F3897" s="55"/>
      <c r="G3897" s="102"/>
      <c r="H3897" s="97"/>
      <c r="T3897" s="98"/>
      <c r="U3897" s="97"/>
      <c r="AG3897" s="98"/>
      <c r="AY3897" s="164"/>
      <c r="BK3897" s="98"/>
      <c r="BL3897" s="97"/>
      <c r="BX3897" s="98"/>
      <c r="CL3897" s="97"/>
      <c r="CX3897" s="98"/>
      <c r="DL3897" s="97"/>
      <c r="DX3897" s="98"/>
      <c r="EL3897" s="97"/>
      <c r="EX3897" s="98"/>
      <c r="EY3897" s="97"/>
      <c r="FL3897" s="126"/>
      <c r="FM3897" s="91"/>
      <c r="FN3897" s="91"/>
      <c r="FO3897" s="91"/>
      <c r="FP3897" s="91"/>
      <c r="FQ3897" s="91"/>
      <c r="FR3897" s="91"/>
      <c r="FS3897" s="91"/>
      <c r="FT3897" s="91"/>
      <c r="FU3897" s="91"/>
      <c r="FV3897" s="91"/>
      <c r="FW3897" s="91"/>
      <c r="FX3897" s="127"/>
      <c r="FY3897" s="126"/>
      <c r="FZ3897" s="91"/>
      <c r="GA3897" s="91"/>
      <c r="GB3897" s="91"/>
      <c r="GC3897" s="91"/>
      <c r="GD3897" s="91"/>
      <c r="GE3897" s="91"/>
      <c r="GF3897" s="91"/>
      <c r="GG3897" s="91"/>
      <c r="GH3897" s="91"/>
      <c r="GI3897" s="91"/>
      <c r="GJ3897" s="91"/>
      <c r="GK3897" s="127"/>
      <c r="GL3897" s="126"/>
      <c r="GM3897" s="91"/>
      <c r="GN3897" s="91"/>
      <c r="GO3897" s="91"/>
      <c r="GP3897" s="91"/>
      <c r="GQ3897" s="91"/>
      <c r="GR3897" s="91"/>
      <c r="GS3897" s="91"/>
      <c r="GT3897" s="91"/>
      <c r="GU3897" s="91"/>
      <c r="GV3897" s="91"/>
      <c r="GW3897" s="91"/>
      <c r="GX3897" s="127"/>
      <c r="GY3897" s="126"/>
      <c r="GZ3897" s="91"/>
      <c r="HA3897" s="91"/>
      <c r="HB3897" s="91"/>
      <c r="HC3897" s="91"/>
      <c r="HD3897" s="91"/>
      <c r="HE3897" s="91"/>
      <c r="HF3897" s="91"/>
      <c r="HG3897" s="91"/>
      <c r="HH3897" s="91"/>
      <c r="HI3897" s="91"/>
      <c r="HJ3897" s="91"/>
      <c r="HK3897" s="127"/>
      <c r="HL3897" s="126"/>
      <c r="HM3897" s="91"/>
      <c r="HN3897" s="91"/>
      <c r="HO3897" s="91"/>
      <c r="HP3897" s="91"/>
      <c r="HQ3897" s="91"/>
      <c r="HR3897" s="91"/>
      <c r="HS3897" s="91"/>
      <c r="HT3897" s="91"/>
      <c r="HU3897" s="91"/>
      <c r="HV3897" s="91"/>
      <c r="HW3897" s="91"/>
      <c r="HX3897" s="127"/>
      <c r="HY3897" s="126"/>
      <c r="HZ3897" s="91"/>
      <c r="IA3897" s="91"/>
      <c r="IB3897" s="91"/>
      <c r="IC3897" s="91"/>
      <c r="ID3897" s="91"/>
      <c r="IE3897" s="91"/>
      <c r="IF3897" s="91"/>
      <c r="IG3897" s="91"/>
      <c r="IH3897" s="91"/>
      <c r="II3897" s="91"/>
      <c r="IJ3897" s="91"/>
      <c r="IK3897" s="174"/>
    </row>
    <row r="3898" spans="2:245" x14ac:dyDescent="0.2">
      <c r="B3898" s="43"/>
      <c r="C3898" s="73"/>
      <c r="D3898" s="64"/>
      <c r="E3898" s="64"/>
      <c r="F3898" s="55"/>
      <c r="G3898" s="102"/>
      <c r="H3898" s="97"/>
      <c r="T3898" s="98"/>
      <c r="U3898" s="97"/>
      <c r="AG3898" s="98"/>
      <c r="AY3898" s="164"/>
      <c r="BK3898" s="98"/>
      <c r="BL3898" s="97"/>
      <c r="BX3898" s="98"/>
      <c r="CL3898" s="97"/>
      <c r="CX3898" s="98"/>
      <c r="DL3898" s="97"/>
      <c r="DX3898" s="98"/>
      <c r="EL3898" s="97"/>
      <c r="EX3898" s="98"/>
      <c r="EY3898" s="97"/>
      <c r="FL3898" s="126"/>
      <c r="FM3898" s="91"/>
      <c r="FN3898" s="91"/>
      <c r="FO3898" s="91"/>
      <c r="FP3898" s="91"/>
      <c r="FQ3898" s="91"/>
      <c r="FR3898" s="91"/>
      <c r="FS3898" s="91"/>
      <c r="FT3898" s="91"/>
      <c r="FU3898" s="91"/>
      <c r="FV3898" s="91"/>
      <c r="FW3898" s="91"/>
      <c r="FX3898" s="127"/>
      <c r="FY3898" s="126"/>
      <c r="FZ3898" s="91"/>
      <c r="GA3898" s="91"/>
      <c r="GB3898" s="91"/>
      <c r="GC3898" s="91"/>
      <c r="GD3898" s="91"/>
      <c r="GE3898" s="91"/>
      <c r="GF3898" s="91"/>
      <c r="GG3898" s="91"/>
      <c r="GH3898" s="91"/>
      <c r="GI3898" s="91"/>
      <c r="GJ3898" s="91"/>
      <c r="GK3898" s="127"/>
      <c r="GL3898" s="126"/>
      <c r="GM3898" s="91"/>
      <c r="GN3898" s="91"/>
      <c r="GO3898" s="91"/>
      <c r="GP3898" s="91"/>
      <c r="GQ3898" s="91"/>
      <c r="GR3898" s="91"/>
      <c r="GS3898" s="91"/>
      <c r="GT3898" s="91"/>
      <c r="GU3898" s="91"/>
      <c r="GV3898" s="91"/>
      <c r="GW3898" s="91"/>
      <c r="GX3898" s="127"/>
      <c r="GY3898" s="126"/>
      <c r="GZ3898" s="91"/>
      <c r="HA3898" s="91"/>
      <c r="HB3898" s="91"/>
      <c r="HC3898" s="91"/>
      <c r="HD3898" s="91"/>
      <c r="HE3898" s="91"/>
      <c r="HF3898" s="91"/>
      <c r="HG3898" s="91"/>
      <c r="HH3898" s="91"/>
      <c r="HI3898" s="91"/>
      <c r="HJ3898" s="91"/>
      <c r="HK3898" s="127"/>
      <c r="HL3898" s="126"/>
      <c r="HM3898" s="91"/>
      <c r="HN3898" s="91"/>
      <c r="HO3898" s="91"/>
      <c r="HP3898" s="91"/>
      <c r="HQ3898" s="91"/>
      <c r="HR3898" s="91"/>
      <c r="HS3898" s="91"/>
      <c r="HT3898" s="91"/>
      <c r="HU3898" s="91"/>
      <c r="HV3898" s="91"/>
      <c r="HW3898" s="91"/>
      <c r="HX3898" s="127"/>
      <c r="HY3898" s="126"/>
      <c r="HZ3898" s="91"/>
      <c r="IA3898" s="91"/>
      <c r="IB3898" s="91"/>
      <c r="IC3898" s="91"/>
      <c r="ID3898" s="91"/>
      <c r="IE3898" s="91"/>
      <c r="IF3898" s="91"/>
      <c r="IG3898" s="91"/>
      <c r="IH3898" s="91"/>
      <c r="II3898" s="91"/>
      <c r="IJ3898" s="91"/>
      <c r="IK3898" s="174"/>
    </row>
    <row r="3899" spans="2:245" x14ac:dyDescent="0.2">
      <c r="B3899" s="43"/>
      <c r="C3899" s="73"/>
      <c r="D3899" s="64"/>
      <c r="E3899" s="64"/>
      <c r="F3899" s="55"/>
      <c r="G3899" s="102"/>
      <c r="H3899" s="97"/>
      <c r="T3899" s="98"/>
      <c r="U3899" s="97"/>
      <c r="AG3899" s="98"/>
      <c r="AY3899" s="164"/>
      <c r="BK3899" s="98"/>
      <c r="BL3899" s="97"/>
      <c r="BX3899" s="98"/>
      <c r="CL3899" s="97"/>
      <c r="CX3899" s="98"/>
      <c r="DL3899" s="97"/>
      <c r="DX3899" s="98"/>
      <c r="EL3899" s="97"/>
      <c r="EX3899" s="98"/>
      <c r="EY3899" s="97"/>
      <c r="FL3899" s="126"/>
      <c r="FM3899" s="91"/>
      <c r="FN3899" s="91"/>
      <c r="FO3899" s="91"/>
      <c r="FP3899" s="91"/>
      <c r="FQ3899" s="91"/>
      <c r="FR3899" s="91"/>
      <c r="FS3899" s="91"/>
      <c r="FT3899" s="91"/>
      <c r="FU3899" s="91"/>
      <c r="FV3899" s="91"/>
      <c r="FW3899" s="91"/>
      <c r="FX3899" s="127"/>
      <c r="FY3899" s="126"/>
      <c r="FZ3899" s="91"/>
      <c r="GA3899" s="91"/>
      <c r="GB3899" s="91"/>
      <c r="GC3899" s="91"/>
      <c r="GD3899" s="91"/>
      <c r="GE3899" s="91"/>
      <c r="GF3899" s="91"/>
      <c r="GG3899" s="91"/>
      <c r="GH3899" s="91"/>
      <c r="GI3899" s="91"/>
      <c r="GJ3899" s="91"/>
      <c r="GK3899" s="127"/>
      <c r="GL3899" s="126"/>
      <c r="GM3899" s="91"/>
      <c r="GN3899" s="91"/>
      <c r="GO3899" s="91"/>
      <c r="GP3899" s="91"/>
      <c r="GQ3899" s="91"/>
      <c r="GR3899" s="91"/>
      <c r="GS3899" s="91"/>
      <c r="GT3899" s="91"/>
      <c r="GU3899" s="91"/>
      <c r="GV3899" s="91"/>
      <c r="GW3899" s="91"/>
      <c r="GX3899" s="127"/>
      <c r="GY3899" s="126"/>
      <c r="GZ3899" s="91"/>
      <c r="HA3899" s="91"/>
      <c r="HB3899" s="91"/>
      <c r="HC3899" s="91"/>
      <c r="HD3899" s="91"/>
      <c r="HE3899" s="91"/>
      <c r="HF3899" s="91"/>
      <c r="HG3899" s="91"/>
      <c r="HH3899" s="91"/>
      <c r="HI3899" s="91"/>
      <c r="HJ3899" s="91"/>
      <c r="HK3899" s="127"/>
      <c r="HL3899" s="126"/>
      <c r="HM3899" s="91"/>
      <c r="HN3899" s="91"/>
      <c r="HO3899" s="91"/>
      <c r="HP3899" s="91"/>
      <c r="HQ3899" s="91"/>
      <c r="HR3899" s="91"/>
      <c r="HS3899" s="91"/>
      <c r="HT3899" s="91"/>
      <c r="HU3899" s="91"/>
      <c r="HV3899" s="91"/>
      <c r="HW3899" s="91"/>
      <c r="HX3899" s="127"/>
      <c r="HY3899" s="126"/>
      <c r="HZ3899" s="91"/>
      <c r="IA3899" s="91"/>
      <c r="IB3899" s="91"/>
      <c r="IC3899" s="91"/>
      <c r="ID3899" s="91"/>
      <c r="IE3899" s="91"/>
      <c r="IF3899" s="91"/>
      <c r="IG3899" s="91"/>
      <c r="IH3899" s="91"/>
      <c r="II3899" s="91"/>
      <c r="IJ3899" s="91"/>
      <c r="IK3899" s="174"/>
    </row>
    <row r="3900" spans="2:245" x14ac:dyDescent="0.2">
      <c r="B3900" s="43"/>
      <c r="C3900" s="73"/>
      <c r="D3900" s="64"/>
      <c r="E3900" s="64"/>
      <c r="F3900" s="55"/>
      <c r="G3900" s="102"/>
      <c r="H3900" s="97"/>
      <c r="T3900" s="98"/>
      <c r="U3900" s="97"/>
      <c r="AG3900" s="98"/>
      <c r="AY3900" s="164"/>
      <c r="BK3900" s="98"/>
      <c r="BL3900" s="97"/>
      <c r="BX3900" s="98"/>
      <c r="CL3900" s="97"/>
      <c r="CX3900" s="98"/>
      <c r="DL3900" s="97"/>
      <c r="DX3900" s="98"/>
      <c r="EL3900" s="97"/>
      <c r="EX3900" s="98"/>
      <c r="EY3900" s="97"/>
      <c r="FL3900" s="126"/>
      <c r="FM3900" s="91"/>
      <c r="FN3900" s="91"/>
      <c r="FO3900" s="91"/>
      <c r="FP3900" s="91"/>
      <c r="FQ3900" s="91"/>
      <c r="FR3900" s="91"/>
      <c r="FS3900" s="91"/>
      <c r="FT3900" s="91"/>
      <c r="FU3900" s="91"/>
      <c r="FV3900" s="91"/>
      <c r="FW3900" s="91"/>
      <c r="FX3900" s="127"/>
      <c r="FY3900" s="126"/>
      <c r="FZ3900" s="91"/>
      <c r="GA3900" s="91"/>
      <c r="GB3900" s="91"/>
      <c r="GC3900" s="91"/>
      <c r="GD3900" s="91"/>
      <c r="GE3900" s="91"/>
      <c r="GF3900" s="91"/>
      <c r="GG3900" s="91"/>
      <c r="GH3900" s="91"/>
      <c r="GI3900" s="91"/>
      <c r="GJ3900" s="91"/>
      <c r="GK3900" s="127"/>
      <c r="GL3900" s="126"/>
      <c r="GM3900" s="91"/>
      <c r="GN3900" s="91"/>
      <c r="GO3900" s="91"/>
      <c r="GP3900" s="91"/>
      <c r="GQ3900" s="91"/>
      <c r="GR3900" s="91"/>
      <c r="GS3900" s="91"/>
      <c r="GT3900" s="91"/>
      <c r="GU3900" s="91"/>
      <c r="GV3900" s="91"/>
      <c r="GW3900" s="91"/>
      <c r="GX3900" s="127"/>
      <c r="GY3900" s="126"/>
      <c r="GZ3900" s="91"/>
      <c r="HA3900" s="91"/>
      <c r="HB3900" s="91"/>
      <c r="HC3900" s="91"/>
      <c r="HD3900" s="91"/>
      <c r="HE3900" s="91"/>
      <c r="HF3900" s="91"/>
      <c r="HG3900" s="91"/>
      <c r="HH3900" s="91"/>
      <c r="HI3900" s="91"/>
      <c r="HJ3900" s="91"/>
      <c r="HK3900" s="127"/>
      <c r="HL3900" s="126"/>
      <c r="HM3900" s="91"/>
      <c r="HN3900" s="91"/>
      <c r="HO3900" s="91"/>
      <c r="HP3900" s="91"/>
      <c r="HQ3900" s="91"/>
      <c r="HR3900" s="91"/>
      <c r="HS3900" s="91"/>
      <c r="HT3900" s="91"/>
      <c r="HU3900" s="91"/>
      <c r="HV3900" s="91"/>
      <c r="HW3900" s="91"/>
      <c r="HX3900" s="127"/>
      <c r="HY3900" s="126"/>
      <c r="HZ3900" s="91"/>
      <c r="IA3900" s="91"/>
      <c r="IB3900" s="91"/>
      <c r="IC3900" s="91"/>
      <c r="ID3900" s="91"/>
      <c r="IE3900" s="91"/>
      <c r="IF3900" s="91"/>
      <c r="IG3900" s="91"/>
      <c r="IH3900" s="91"/>
      <c r="II3900" s="91"/>
      <c r="IJ3900" s="91"/>
      <c r="IK3900" s="174"/>
    </row>
    <row r="3901" spans="2:245" x14ac:dyDescent="0.2">
      <c r="B3901" s="43"/>
      <c r="C3901" s="73"/>
      <c r="D3901" s="64"/>
      <c r="E3901" s="64"/>
      <c r="F3901" s="55"/>
      <c r="G3901" s="102"/>
      <c r="H3901" s="97"/>
      <c r="T3901" s="98"/>
      <c r="U3901" s="97"/>
      <c r="AG3901" s="98"/>
      <c r="AY3901" s="164"/>
      <c r="BK3901" s="98"/>
      <c r="BL3901" s="97"/>
      <c r="BX3901" s="98"/>
      <c r="CL3901" s="97"/>
      <c r="CX3901" s="98"/>
      <c r="DL3901" s="97"/>
      <c r="DX3901" s="98"/>
      <c r="EL3901" s="97"/>
      <c r="EX3901" s="98"/>
      <c r="EY3901" s="97"/>
      <c r="FL3901" s="126"/>
      <c r="FM3901" s="91"/>
      <c r="FN3901" s="91"/>
      <c r="FO3901" s="91"/>
      <c r="FP3901" s="91"/>
      <c r="FQ3901" s="91"/>
      <c r="FR3901" s="91"/>
      <c r="FS3901" s="91"/>
      <c r="FT3901" s="91"/>
      <c r="FU3901" s="91"/>
      <c r="FV3901" s="91"/>
      <c r="FW3901" s="91"/>
      <c r="FX3901" s="127"/>
      <c r="FY3901" s="126"/>
      <c r="FZ3901" s="91"/>
      <c r="GA3901" s="91"/>
      <c r="GB3901" s="91"/>
      <c r="GC3901" s="91"/>
      <c r="GD3901" s="91"/>
      <c r="GE3901" s="91"/>
      <c r="GF3901" s="91"/>
      <c r="GG3901" s="91"/>
      <c r="GH3901" s="91"/>
      <c r="GI3901" s="91"/>
      <c r="GJ3901" s="91"/>
      <c r="GK3901" s="127"/>
      <c r="GL3901" s="126"/>
      <c r="GM3901" s="91"/>
      <c r="GN3901" s="91"/>
      <c r="GO3901" s="91"/>
      <c r="GP3901" s="91"/>
      <c r="GQ3901" s="91"/>
      <c r="GR3901" s="91"/>
      <c r="GS3901" s="91"/>
      <c r="GT3901" s="91"/>
      <c r="GU3901" s="91"/>
      <c r="GV3901" s="91"/>
      <c r="GW3901" s="91"/>
      <c r="GX3901" s="127"/>
      <c r="GY3901" s="126"/>
      <c r="GZ3901" s="91"/>
      <c r="HA3901" s="91"/>
      <c r="HB3901" s="91"/>
      <c r="HC3901" s="91"/>
      <c r="HD3901" s="91"/>
      <c r="HE3901" s="91"/>
      <c r="HF3901" s="91"/>
      <c r="HG3901" s="91"/>
      <c r="HH3901" s="91"/>
      <c r="HI3901" s="91"/>
      <c r="HJ3901" s="91"/>
      <c r="HK3901" s="127"/>
      <c r="HL3901" s="126"/>
      <c r="HM3901" s="91"/>
      <c r="HN3901" s="91"/>
      <c r="HO3901" s="91"/>
      <c r="HP3901" s="91"/>
      <c r="HQ3901" s="91"/>
      <c r="HR3901" s="91"/>
      <c r="HS3901" s="91"/>
      <c r="HT3901" s="91"/>
      <c r="HU3901" s="91"/>
      <c r="HV3901" s="91"/>
      <c r="HW3901" s="91"/>
      <c r="HX3901" s="127"/>
      <c r="HY3901" s="126"/>
      <c r="HZ3901" s="91"/>
      <c r="IA3901" s="91"/>
      <c r="IB3901" s="91"/>
      <c r="IC3901" s="91"/>
      <c r="ID3901" s="91"/>
      <c r="IE3901" s="91"/>
      <c r="IF3901" s="91"/>
      <c r="IG3901" s="91"/>
      <c r="IH3901" s="91"/>
      <c r="II3901" s="91"/>
      <c r="IJ3901" s="91"/>
      <c r="IK3901" s="174"/>
    </row>
    <row r="3902" spans="2:245" x14ac:dyDescent="0.2">
      <c r="B3902" s="43"/>
      <c r="C3902" s="73"/>
      <c r="D3902" s="64"/>
      <c r="E3902" s="64"/>
      <c r="F3902" s="55"/>
      <c r="G3902" s="102"/>
      <c r="H3902" s="97"/>
      <c r="T3902" s="98"/>
      <c r="U3902" s="97"/>
      <c r="AG3902" s="98"/>
      <c r="AY3902" s="164"/>
      <c r="BK3902" s="98"/>
      <c r="BL3902" s="97"/>
      <c r="BX3902" s="98"/>
      <c r="CL3902" s="97"/>
      <c r="CX3902" s="98"/>
      <c r="DL3902" s="97"/>
      <c r="DX3902" s="98"/>
      <c r="EL3902" s="97"/>
      <c r="EX3902" s="98"/>
      <c r="EY3902" s="97"/>
      <c r="FL3902" s="126"/>
      <c r="FM3902" s="91"/>
      <c r="FN3902" s="91"/>
      <c r="FO3902" s="91"/>
      <c r="FP3902" s="91"/>
      <c r="FQ3902" s="91"/>
      <c r="FR3902" s="91"/>
      <c r="FS3902" s="91"/>
      <c r="FT3902" s="91"/>
      <c r="FU3902" s="91"/>
      <c r="FV3902" s="91"/>
      <c r="FW3902" s="91"/>
      <c r="FX3902" s="127"/>
      <c r="FY3902" s="126"/>
      <c r="FZ3902" s="91"/>
      <c r="GA3902" s="91"/>
      <c r="GB3902" s="91"/>
      <c r="GC3902" s="91"/>
      <c r="GD3902" s="91"/>
      <c r="GE3902" s="91"/>
      <c r="GF3902" s="91"/>
      <c r="GG3902" s="91"/>
      <c r="GH3902" s="91"/>
      <c r="GI3902" s="91"/>
      <c r="GJ3902" s="91"/>
      <c r="GK3902" s="127"/>
      <c r="GL3902" s="126"/>
      <c r="GM3902" s="91"/>
      <c r="GN3902" s="91"/>
      <c r="GO3902" s="91"/>
      <c r="GP3902" s="91"/>
      <c r="GQ3902" s="91"/>
      <c r="GR3902" s="91"/>
      <c r="GS3902" s="91"/>
      <c r="GT3902" s="91"/>
      <c r="GU3902" s="91"/>
      <c r="GV3902" s="91"/>
      <c r="GW3902" s="91"/>
      <c r="GX3902" s="127"/>
      <c r="GY3902" s="126"/>
      <c r="GZ3902" s="91"/>
      <c r="HA3902" s="91"/>
      <c r="HB3902" s="91"/>
      <c r="HC3902" s="91"/>
      <c r="HD3902" s="91"/>
      <c r="HE3902" s="91"/>
      <c r="HF3902" s="91"/>
      <c r="HG3902" s="91"/>
      <c r="HH3902" s="91"/>
      <c r="HI3902" s="91"/>
      <c r="HJ3902" s="91"/>
      <c r="HK3902" s="127"/>
      <c r="HL3902" s="126"/>
      <c r="HM3902" s="91"/>
      <c r="HN3902" s="91"/>
      <c r="HO3902" s="91"/>
      <c r="HP3902" s="91"/>
      <c r="HQ3902" s="91"/>
      <c r="HR3902" s="91"/>
      <c r="HS3902" s="91"/>
      <c r="HT3902" s="91"/>
      <c r="HU3902" s="91"/>
      <c r="HV3902" s="91"/>
      <c r="HW3902" s="91"/>
      <c r="HX3902" s="127"/>
      <c r="HY3902" s="126"/>
      <c r="HZ3902" s="91"/>
      <c r="IA3902" s="91"/>
      <c r="IB3902" s="91"/>
      <c r="IC3902" s="91"/>
      <c r="ID3902" s="91"/>
      <c r="IE3902" s="91"/>
      <c r="IF3902" s="91"/>
      <c r="IG3902" s="91"/>
      <c r="IH3902" s="91"/>
      <c r="II3902" s="91"/>
      <c r="IJ3902" s="91"/>
      <c r="IK3902" s="174"/>
    </row>
    <row r="3903" spans="2:245" x14ac:dyDescent="0.2">
      <c r="B3903" s="43"/>
      <c r="C3903" s="73"/>
      <c r="D3903" s="64"/>
      <c r="E3903" s="64"/>
      <c r="F3903" s="55"/>
      <c r="G3903" s="102"/>
      <c r="H3903" s="97"/>
      <c r="T3903" s="98"/>
      <c r="U3903" s="97"/>
      <c r="AG3903" s="98"/>
      <c r="AY3903" s="164"/>
      <c r="BK3903" s="98"/>
      <c r="BL3903" s="97"/>
      <c r="BX3903" s="98"/>
      <c r="CL3903" s="97"/>
      <c r="CX3903" s="98"/>
      <c r="DL3903" s="97"/>
      <c r="DX3903" s="98"/>
      <c r="EL3903" s="97"/>
      <c r="EX3903" s="98"/>
      <c r="EY3903" s="97"/>
      <c r="FL3903" s="126"/>
      <c r="FM3903" s="91"/>
      <c r="FN3903" s="91"/>
      <c r="FO3903" s="91"/>
      <c r="FP3903" s="91"/>
      <c r="FQ3903" s="91"/>
      <c r="FR3903" s="91"/>
      <c r="FS3903" s="91"/>
      <c r="FT3903" s="91"/>
      <c r="FU3903" s="91"/>
      <c r="FV3903" s="91"/>
      <c r="FW3903" s="91"/>
      <c r="FX3903" s="127"/>
      <c r="FY3903" s="126"/>
      <c r="FZ3903" s="91"/>
      <c r="GA3903" s="91"/>
      <c r="GB3903" s="91"/>
      <c r="GC3903" s="91"/>
      <c r="GD3903" s="91"/>
      <c r="GE3903" s="91"/>
      <c r="GF3903" s="91"/>
      <c r="GG3903" s="91"/>
      <c r="GH3903" s="91"/>
      <c r="GI3903" s="91"/>
      <c r="GJ3903" s="91"/>
      <c r="GK3903" s="127"/>
      <c r="GL3903" s="126"/>
      <c r="GM3903" s="91"/>
      <c r="GN3903" s="91"/>
      <c r="GO3903" s="91"/>
      <c r="GP3903" s="91"/>
      <c r="GQ3903" s="91"/>
      <c r="GR3903" s="91"/>
      <c r="GS3903" s="91"/>
      <c r="GT3903" s="91"/>
      <c r="GU3903" s="91"/>
      <c r="GV3903" s="91"/>
      <c r="GW3903" s="91"/>
      <c r="GX3903" s="127"/>
      <c r="GY3903" s="126"/>
      <c r="GZ3903" s="91"/>
      <c r="HA3903" s="91"/>
      <c r="HB3903" s="91"/>
      <c r="HC3903" s="91"/>
      <c r="HD3903" s="91"/>
      <c r="HE3903" s="91"/>
      <c r="HF3903" s="91"/>
      <c r="HG3903" s="91"/>
      <c r="HH3903" s="91"/>
      <c r="HI3903" s="91"/>
      <c r="HJ3903" s="91"/>
      <c r="HK3903" s="127"/>
      <c r="HL3903" s="126"/>
      <c r="HM3903" s="91"/>
      <c r="HN3903" s="91"/>
      <c r="HO3903" s="91"/>
      <c r="HP3903" s="91"/>
      <c r="HQ3903" s="91"/>
      <c r="HR3903" s="91"/>
      <c r="HS3903" s="91"/>
      <c r="HT3903" s="91"/>
      <c r="HU3903" s="91"/>
      <c r="HV3903" s="91"/>
      <c r="HW3903" s="91"/>
      <c r="HX3903" s="127"/>
      <c r="HY3903" s="126"/>
      <c r="HZ3903" s="91"/>
      <c r="IA3903" s="91"/>
      <c r="IB3903" s="91"/>
      <c r="IC3903" s="91"/>
      <c r="ID3903" s="91"/>
      <c r="IE3903" s="91"/>
      <c r="IF3903" s="91"/>
      <c r="IG3903" s="91"/>
      <c r="IH3903" s="91"/>
      <c r="II3903" s="91"/>
      <c r="IJ3903" s="91"/>
      <c r="IK3903" s="174"/>
    </row>
    <row r="3904" spans="2:245" x14ac:dyDescent="0.2">
      <c r="B3904" s="43"/>
      <c r="C3904" s="73"/>
      <c r="D3904" s="64"/>
      <c r="E3904" s="64"/>
      <c r="F3904" s="55"/>
      <c r="G3904" s="102"/>
      <c r="H3904" s="97"/>
      <c r="T3904" s="98"/>
      <c r="U3904" s="97"/>
      <c r="AG3904" s="98"/>
      <c r="AY3904" s="164"/>
      <c r="BK3904" s="98"/>
      <c r="BL3904" s="97"/>
      <c r="BX3904" s="98"/>
      <c r="CL3904" s="97"/>
      <c r="CX3904" s="98"/>
      <c r="DL3904" s="97"/>
      <c r="DX3904" s="98"/>
      <c r="EL3904" s="97"/>
      <c r="EX3904" s="98"/>
      <c r="EY3904" s="97"/>
      <c r="FL3904" s="126"/>
      <c r="FM3904" s="91"/>
      <c r="FN3904" s="91"/>
      <c r="FO3904" s="91"/>
      <c r="FP3904" s="91"/>
      <c r="FQ3904" s="91"/>
      <c r="FR3904" s="91"/>
      <c r="FS3904" s="91"/>
      <c r="FT3904" s="91"/>
      <c r="FU3904" s="91"/>
      <c r="FV3904" s="91"/>
      <c r="FW3904" s="91"/>
      <c r="FX3904" s="127"/>
      <c r="FY3904" s="126"/>
      <c r="FZ3904" s="91"/>
      <c r="GA3904" s="91"/>
      <c r="GB3904" s="91"/>
      <c r="GC3904" s="91"/>
      <c r="GD3904" s="91"/>
      <c r="GE3904" s="91"/>
      <c r="GF3904" s="91"/>
      <c r="GG3904" s="91"/>
      <c r="GH3904" s="91"/>
      <c r="GI3904" s="91"/>
      <c r="GJ3904" s="91"/>
      <c r="GK3904" s="127"/>
      <c r="GL3904" s="126"/>
      <c r="GM3904" s="91"/>
      <c r="GN3904" s="91"/>
      <c r="GO3904" s="91"/>
      <c r="GP3904" s="91"/>
      <c r="GQ3904" s="91"/>
      <c r="GR3904" s="91"/>
      <c r="GS3904" s="91"/>
      <c r="GT3904" s="91"/>
      <c r="GU3904" s="91"/>
      <c r="GV3904" s="91"/>
      <c r="GW3904" s="91"/>
      <c r="GX3904" s="127"/>
      <c r="GY3904" s="126"/>
      <c r="GZ3904" s="91"/>
      <c r="HA3904" s="91"/>
      <c r="HB3904" s="91"/>
      <c r="HC3904" s="91"/>
      <c r="HD3904" s="91"/>
      <c r="HE3904" s="91"/>
      <c r="HF3904" s="91"/>
      <c r="HG3904" s="91"/>
      <c r="HH3904" s="91"/>
      <c r="HI3904" s="91"/>
      <c r="HJ3904" s="91"/>
      <c r="HK3904" s="127"/>
      <c r="HL3904" s="126"/>
      <c r="HM3904" s="91"/>
      <c r="HN3904" s="91"/>
      <c r="HO3904" s="91"/>
      <c r="HP3904" s="91"/>
      <c r="HQ3904" s="91"/>
      <c r="HR3904" s="91"/>
      <c r="HS3904" s="91"/>
      <c r="HT3904" s="91"/>
      <c r="HU3904" s="91"/>
      <c r="HV3904" s="91"/>
      <c r="HW3904" s="91"/>
      <c r="HX3904" s="127"/>
      <c r="HY3904" s="126"/>
      <c r="HZ3904" s="91"/>
      <c r="IA3904" s="91"/>
      <c r="IB3904" s="91"/>
      <c r="IC3904" s="91"/>
      <c r="ID3904" s="91"/>
      <c r="IE3904" s="91"/>
      <c r="IF3904" s="91"/>
      <c r="IG3904" s="91"/>
      <c r="IH3904" s="91"/>
      <c r="II3904" s="91"/>
      <c r="IJ3904" s="91"/>
      <c r="IK3904" s="174"/>
    </row>
    <row r="3905" spans="2:245" x14ac:dyDescent="0.2">
      <c r="B3905" s="43"/>
      <c r="C3905" s="73"/>
      <c r="D3905" s="64"/>
      <c r="E3905" s="64"/>
      <c r="F3905" s="55"/>
      <c r="G3905" s="102"/>
      <c r="H3905" s="97"/>
      <c r="T3905" s="98"/>
      <c r="U3905" s="97"/>
      <c r="AG3905" s="98"/>
      <c r="AY3905" s="164"/>
      <c r="BK3905" s="98"/>
      <c r="BL3905" s="97"/>
      <c r="BX3905" s="98"/>
      <c r="CL3905" s="97"/>
      <c r="CX3905" s="98"/>
      <c r="DL3905" s="97"/>
      <c r="DX3905" s="98"/>
      <c r="EL3905" s="97"/>
      <c r="EX3905" s="98"/>
      <c r="EY3905" s="97"/>
      <c r="FL3905" s="126"/>
      <c r="FM3905" s="91"/>
      <c r="FN3905" s="91"/>
      <c r="FO3905" s="91"/>
      <c r="FP3905" s="91"/>
      <c r="FQ3905" s="91"/>
      <c r="FR3905" s="91"/>
      <c r="FS3905" s="91"/>
      <c r="FT3905" s="91"/>
      <c r="FU3905" s="91"/>
      <c r="FV3905" s="91"/>
      <c r="FW3905" s="91"/>
      <c r="FX3905" s="127"/>
      <c r="FY3905" s="126"/>
      <c r="FZ3905" s="91"/>
      <c r="GA3905" s="91"/>
      <c r="GB3905" s="91"/>
      <c r="GC3905" s="91"/>
      <c r="GD3905" s="91"/>
      <c r="GE3905" s="91"/>
      <c r="GF3905" s="91"/>
      <c r="GG3905" s="91"/>
      <c r="GH3905" s="91"/>
      <c r="GI3905" s="91"/>
      <c r="GJ3905" s="91"/>
      <c r="GK3905" s="127"/>
      <c r="GL3905" s="126"/>
      <c r="GM3905" s="91"/>
      <c r="GN3905" s="91"/>
      <c r="GO3905" s="91"/>
      <c r="GP3905" s="91"/>
      <c r="GQ3905" s="91"/>
      <c r="GR3905" s="91"/>
      <c r="GS3905" s="91"/>
      <c r="GT3905" s="91"/>
      <c r="GU3905" s="91"/>
      <c r="GV3905" s="91"/>
      <c r="GW3905" s="91"/>
      <c r="GX3905" s="127"/>
      <c r="GY3905" s="126"/>
      <c r="GZ3905" s="91"/>
      <c r="HA3905" s="91"/>
      <c r="HB3905" s="91"/>
      <c r="HC3905" s="91"/>
      <c r="HD3905" s="91"/>
      <c r="HE3905" s="91"/>
      <c r="HF3905" s="91"/>
      <c r="HG3905" s="91"/>
      <c r="HH3905" s="91"/>
      <c r="HI3905" s="91"/>
      <c r="HJ3905" s="91"/>
      <c r="HK3905" s="127"/>
      <c r="HL3905" s="126"/>
      <c r="HM3905" s="91"/>
      <c r="HN3905" s="91"/>
      <c r="HO3905" s="91"/>
      <c r="HP3905" s="91"/>
      <c r="HQ3905" s="91"/>
      <c r="HR3905" s="91"/>
      <c r="HS3905" s="91"/>
      <c r="HT3905" s="91"/>
      <c r="HU3905" s="91"/>
      <c r="HV3905" s="91"/>
      <c r="HW3905" s="91"/>
      <c r="HX3905" s="127"/>
      <c r="HY3905" s="126"/>
      <c r="HZ3905" s="91"/>
      <c r="IA3905" s="91"/>
      <c r="IB3905" s="91"/>
      <c r="IC3905" s="91"/>
      <c r="ID3905" s="91"/>
      <c r="IE3905" s="91"/>
      <c r="IF3905" s="91"/>
      <c r="IG3905" s="91"/>
      <c r="IH3905" s="91"/>
      <c r="II3905" s="91"/>
      <c r="IJ3905" s="91"/>
      <c r="IK3905" s="174"/>
    </row>
    <row r="3906" spans="2:245" x14ac:dyDescent="0.2">
      <c r="B3906" s="43"/>
      <c r="C3906" s="73"/>
      <c r="D3906" s="64"/>
      <c r="E3906" s="64"/>
      <c r="F3906" s="55"/>
      <c r="G3906" s="102"/>
      <c r="H3906" s="97"/>
      <c r="T3906" s="98"/>
      <c r="U3906" s="97"/>
      <c r="AG3906" s="98"/>
      <c r="AY3906" s="164"/>
      <c r="BK3906" s="98"/>
      <c r="BL3906" s="97"/>
      <c r="BX3906" s="98"/>
      <c r="CL3906" s="97"/>
      <c r="CX3906" s="98"/>
      <c r="DL3906" s="97"/>
      <c r="DX3906" s="98"/>
      <c r="EL3906" s="97"/>
      <c r="EX3906" s="98"/>
      <c r="EY3906" s="97"/>
      <c r="FL3906" s="126"/>
      <c r="FM3906" s="91"/>
      <c r="FN3906" s="91"/>
      <c r="FO3906" s="91"/>
      <c r="FP3906" s="91"/>
      <c r="FQ3906" s="91"/>
      <c r="FR3906" s="91"/>
      <c r="FS3906" s="91"/>
      <c r="FT3906" s="91"/>
      <c r="FU3906" s="91"/>
      <c r="FV3906" s="91"/>
      <c r="FW3906" s="91"/>
      <c r="FX3906" s="127"/>
      <c r="FY3906" s="126"/>
      <c r="FZ3906" s="91"/>
      <c r="GA3906" s="91"/>
      <c r="GB3906" s="91"/>
      <c r="GC3906" s="91"/>
      <c r="GD3906" s="91"/>
      <c r="GE3906" s="91"/>
      <c r="GF3906" s="91"/>
      <c r="GG3906" s="91"/>
      <c r="GH3906" s="91"/>
      <c r="GI3906" s="91"/>
      <c r="GJ3906" s="91"/>
      <c r="GK3906" s="127"/>
      <c r="GL3906" s="126"/>
      <c r="GM3906" s="91"/>
      <c r="GN3906" s="91"/>
      <c r="GO3906" s="91"/>
      <c r="GP3906" s="91"/>
      <c r="GQ3906" s="91"/>
      <c r="GR3906" s="91"/>
      <c r="GS3906" s="91"/>
      <c r="GT3906" s="91"/>
      <c r="GU3906" s="91"/>
      <c r="GV3906" s="91"/>
      <c r="GW3906" s="91"/>
      <c r="GX3906" s="127"/>
      <c r="GY3906" s="126"/>
      <c r="GZ3906" s="91"/>
      <c r="HA3906" s="91"/>
      <c r="HB3906" s="91"/>
      <c r="HC3906" s="91"/>
      <c r="HD3906" s="91"/>
      <c r="HE3906" s="91"/>
      <c r="HF3906" s="91"/>
      <c r="HG3906" s="91"/>
      <c r="HH3906" s="91"/>
      <c r="HI3906" s="91"/>
      <c r="HJ3906" s="91"/>
      <c r="HK3906" s="127"/>
      <c r="HL3906" s="126"/>
      <c r="HM3906" s="91"/>
      <c r="HN3906" s="91"/>
      <c r="HO3906" s="91"/>
      <c r="HP3906" s="91"/>
      <c r="HQ3906" s="91"/>
      <c r="HR3906" s="91"/>
      <c r="HS3906" s="91"/>
      <c r="HT3906" s="91"/>
      <c r="HU3906" s="91"/>
      <c r="HV3906" s="91"/>
      <c r="HW3906" s="91"/>
      <c r="HX3906" s="127"/>
      <c r="HY3906" s="126"/>
      <c r="HZ3906" s="91"/>
      <c r="IA3906" s="91"/>
      <c r="IB3906" s="91"/>
      <c r="IC3906" s="91"/>
      <c r="ID3906" s="91"/>
      <c r="IE3906" s="91"/>
      <c r="IF3906" s="91"/>
      <c r="IG3906" s="91"/>
      <c r="IH3906" s="91"/>
      <c r="II3906" s="91"/>
      <c r="IJ3906" s="91"/>
      <c r="IK3906" s="174"/>
    </row>
    <row r="3907" spans="2:245" x14ac:dyDescent="0.2">
      <c r="B3907" s="43"/>
      <c r="C3907" s="73"/>
      <c r="D3907" s="64"/>
      <c r="E3907" s="64"/>
      <c r="F3907" s="55"/>
      <c r="G3907" s="102"/>
      <c r="H3907" s="97"/>
      <c r="T3907" s="98"/>
      <c r="U3907" s="97"/>
      <c r="AG3907" s="98"/>
      <c r="AY3907" s="164"/>
      <c r="BK3907" s="98"/>
      <c r="BL3907" s="97"/>
      <c r="BX3907" s="98"/>
      <c r="CL3907" s="97"/>
      <c r="CX3907" s="98"/>
      <c r="DL3907" s="97"/>
      <c r="DX3907" s="98"/>
      <c r="EL3907" s="97"/>
      <c r="EX3907" s="98"/>
      <c r="EY3907" s="97"/>
      <c r="FL3907" s="126"/>
      <c r="FM3907" s="91"/>
      <c r="FN3907" s="91"/>
      <c r="FO3907" s="91"/>
      <c r="FP3907" s="91"/>
      <c r="FQ3907" s="91"/>
      <c r="FR3907" s="91"/>
      <c r="FS3907" s="91"/>
      <c r="FT3907" s="91"/>
      <c r="FU3907" s="91"/>
      <c r="FV3907" s="91"/>
      <c r="FW3907" s="91"/>
      <c r="FX3907" s="127"/>
      <c r="FY3907" s="126"/>
      <c r="FZ3907" s="91"/>
      <c r="GA3907" s="91"/>
      <c r="GB3907" s="91"/>
      <c r="GC3907" s="91"/>
      <c r="GD3907" s="91"/>
      <c r="GE3907" s="91"/>
      <c r="GF3907" s="91"/>
      <c r="GG3907" s="91"/>
      <c r="GH3907" s="91"/>
      <c r="GI3907" s="91"/>
      <c r="GJ3907" s="91"/>
      <c r="GK3907" s="127"/>
      <c r="GL3907" s="126"/>
      <c r="GM3907" s="91"/>
      <c r="GN3907" s="91"/>
      <c r="GO3907" s="91"/>
      <c r="GP3907" s="91"/>
      <c r="GQ3907" s="91"/>
      <c r="GR3907" s="91"/>
      <c r="GS3907" s="91"/>
      <c r="GT3907" s="91"/>
      <c r="GU3907" s="91"/>
      <c r="GV3907" s="91"/>
      <c r="GW3907" s="91"/>
      <c r="GX3907" s="127"/>
      <c r="GY3907" s="126"/>
      <c r="GZ3907" s="91"/>
      <c r="HA3907" s="91"/>
      <c r="HB3907" s="91"/>
      <c r="HC3907" s="91"/>
      <c r="HD3907" s="91"/>
      <c r="HE3907" s="91"/>
      <c r="HF3907" s="91"/>
      <c r="HG3907" s="91"/>
      <c r="HH3907" s="91"/>
      <c r="HI3907" s="91"/>
      <c r="HJ3907" s="91"/>
      <c r="HK3907" s="127"/>
      <c r="HL3907" s="126"/>
      <c r="HM3907" s="91"/>
      <c r="HN3907" s="91"/>
      <c r="HO3907" s="91"/>
      <c r="HP3907" s="91"/>
      <c r="HQ3907" s="91"/>
      <c r="HR3907" s="91"/>
      <c r="HS3907" s="91"/>
      <c r="HT3907" s="91"/>
      <c r="HU3907" s="91"/>
      <c r="HV3907" s="91"/>
      <c r="HW3907" s="91"/>
      <c r="HX3907" s="127"/>
      <c r="HY3907" s="126"/>
      <c r="HZ3907" s="91"/>
      <c r="IA3907" s="91"/>
      <c r="IB3907" s="91"/>
      <c r="IC3907" s="91"/>
      <c r="ID3907" s="91"/>
      <c r="IE3907" s="91"/>
      <c r="IF3907" s="91"/>
      <c r="IG3907" s="91"/>
      <c r="IH3907" s="91"/>
      <c r="II3907" s="91"/>
      <c r="IJ3907" s="91"/>
      <c r="IK3907" s="174"/>
    </row>
    <row r="3908" spans="2:245" x14ac:dyDescent="0.2">
      <c r="B3908" s="43"/>
      <c r="C3908" s="73"/>
      <c r="D3908" s="64"/>
      <c r="E3908" s="64"/>
      <c r="F3908" s="55"/>
      <c r="G3908" s="102"/>
      <c r="H3908" s="97"/>
      <c r="T3908" s="98"/>
      <c r="U3908" s="97"/>
      <c r="AG3908" s="98"/>
      <c r="AY3908" s="164"/>
      <c r="BK3908" s="98"/>
      <c r="BL3908" s="97"/>
      <c r="BX3908" s="98"/>
      <c r="CL3908" s="97"/>
      <c r="CX3908" s="98"/>
      <c r="DL3908" s="97"/>
      <c r="DX3908" s="98"/>
      <c r="EL3908" s="97"/>
      <c r="EX3908" s="98"/>
      <c r="EY3908" s="97"/>
      <c r="FL3908" s="126"/>
      <c r="FM3908" s="91"/>
      <c r="FN3908" s="91"/>
      <c r="FO3908" s="91"/>
      <c r="FP3908" s="91"/>
      <c r="FQ3908" s="91"/>
      <c r="FR3908" s="91"/>
      <c r="FS3908" s="91"/>
      <c r="FT3908" s="91"/>
      <c r="FU3908" s="91"/>
      <c r="FV3908" s="91"/>
      <c r="FW3908" s="91"/>
      <c r="FX3908" s="127"/>
      <c r="FY3908" s="126"/>
      <c r="FZ3908" s="91"/>
      <c r="GA3908" s="91"/>
      <c r="GB3908" s="91"/>
      <c r="GC3908" s="91"/>
      <c r="GD3908" s="91"/>
      <c r="GE3908" s="91"/>
      <c r="GF3908" s="91"/>
      <c r="GG3908" s="91"/>
      <c r="GH3908" s="91"/>
      <c r="GI3908" s="91"/>
      <c r="GJ3908" s="91"/>
      <c r="GK3908" s="127"/>
      <c r="GL3908" s="126"/>
      <c r="GM3908" s="91"/>
      <c r="GN3908" s="91"/>
      <c r="GO3908" s="91"/>
      <c r="GP3908" s="91"/>
      <c r="GQ3908" s="91"/>
      <c r="GR3908" s="91"/>
      <c r="GS3908" s="91"/>
      <c r="GT3908" s="91"/>
      <c r="GU3908" s="91"/>
      <c r="GV3908" s="91"/>
      <c r="GW3908" s="91"/>
      <c r="GX3908" s="127"/>
      <c r="GY3908" s="126"/>
      <c r="GZ3908" s="91"/>
      <c r="HA3908" s="91"/>
      <c r="HB3908" s="91"/>
      <c r="HC3908" s="91"/>
      <c r="HD3908" s="91"/>
      <c r="HE3908" s="91"/>
      <c r="HF3908" s="91"/>
      <c r="HG3908" s="91"/>
      <c r="HH3908" s="91"/>
      <c r="HI3908" s="91"/>
      <c r="HJ3908" s="91"/>
      <c r="HK3908" s="127"/>
      <c r="HL3908" s="126"/>
      <c r="HM3908" s="91"/>
      <c r="HN3908" s="91"/>
      <c r="HO3908" s="91"/>
      <c r="HP3908" s="91"/>
      <c r="HQ3908" s="91"/>
      <c r="HR3908" s="91"/>
      <c r="HS3908" s="91"/>
      <c r="HT3908" s="91"/>
      <c r="HU3908" s="91"/>
      <c r="HV3908" s="91"/>
      <c r="HW3908" s="91"/>
      <c r="HX3908" s="127"/>
      <c r="HY3908" s="126"/>
      <c r="HZ3908" s="91"/>
      <c r="IA3908" s="91"/>
      <c r="IB3908" s="91"/>
      <c r="IC3908" s="91"/>
      <c r="ID3908" s="91"/>
      <c r="IE3908" s="91"/>
      <c r="IF3908" s="91"/>
      <c r="IG3908" s="91"/>
      <c r="IH3908" s="91"/>
      <c r="II3908" s="91"/>
      <c r="IJ3908" s="91"/>
      <c r="IK3908" s="174"/>
    </row>
    <row r="3909" spans="2:245" x14ac:dyDescent="0.2">
      <c r="B3909" s="43"/>
      <c r="C3909" s="73"/>
      <c r="D3909" s="64"/>
      <c r="E3909" s="64"/>
      <c r="F3909" s="55"/>
      <c r="G3909" s="102"/>
      <c r="H3909" s="97"/>
      <c r="T3909" s="98"/>
      <c r="U3909" s="97"/>
      <c r="AG3909" s="98"/>
      <c r="AY3909" s="164"/>
      <c r="BK3909" s="98"/>
      <c r="BL3909" s="97"/>
      <c r="BX3909" s="98"/>
      <c r="CL3909" s="97"/>
      <c r="CX3909" s="98"/>
      <c r="DL3909" s="97"/>
      <c r="DX3909" s="98"/>
      <c r="EL3909" s="97"/>
      <c r="EX3909" s="98"/>
      <c r="EY3909" s="97"/>
      <c r="FL3909" s="126"/>
      <c r="FM3909" s="91"/>
      <c r="FN3909" s="91"/>
      <c r="FO3909" s="91"/>
      <c r="FP3909" s="91"/>
      <c r="FQ3909" s="91"/>
      <c r="FR3909" s="91"/>
      <c r="FS3909" s="91"/>
      <c r="FT3909" s="91"/>
      <c r="FU3909" s="91"/>
      <c r="FV3909" s="91"/>
      <c r="FW3909" s="91"/>
      <c r="FX3909" s="127"/>
      <c r="FY3909" s="126"/>
      <c r="FZ3909" s="91"/>
      <c r="GA3909" s="91"/>
      <c r="GB3909" s="91"/>
      <c r="GC3909" s="91"/>
      <c r="GD3909" s="91"/>
      <c r="GE3909" s="91"/>
      <c r="GF3909" s="91"/>
      <c r="GG3909" s="91"/>
      <c r="GH3909" s="91"/>
      <c r="GI3909" s="91"/>
      <c r="GJ3909" s="91"/>
      <c r="GK3909" s="127"/>
      <c r="GL3909" s="126"/>
      <c r="GM3909" s="91"/>
      <c r="GN3909" s="91"/>
      <c r="GO3909" s="91"/>
      <c r="GP3909" s="91"/>
      <c r="GQ3909" s="91"/>
      <c r="GR3909" s="91"/>
      <c r="GS3909" s="91"/>
      <c r="GT3909" s="91"/>
      <c r="GU3909" s="91"/>
      <c r="GV3909" s="91"/>
      <c r="GW3909" s="91"/>
      <c r="GX3909" s="127"/>
      <c r="GY3909" s="126"/>
      <c r="GZ3909" s="91"/>
      <c r="HA3909" s="91"/>
      <c r="HB3909" s="91"/>
      <c r="HC3909" s="91"/>
      <c r="HD3909" s="91"/>
      <c r="HE3909" s="91"/>
      <c r="HF3909" s="91"/>
      <c r="HG3909" s="91"/>
      <c r="HH3909" s="91"/>
      <c r="HI3909" s="91"/>
      <c r="HJ3909" s="91"/>
      <c r="HK3909" s="127"/>
      <c r="HL3909" s="126"/>
      <c r="HM3909" s="91"/>
      <c r="HN3909" s="91"/>
      <c r="HO3909" s="91"/>
      <c r="HP3909" s="91"/>
      <c r="HQ3909" s="91"/>
      <c r="HR3909" s="91"/>
      <c r="HS3909" s="91"/>
      <c r="HT3909" s="91"/>
      <c r="HU3909" s="91"/>
      <c r="HV3909" s="91"/>
      <c r="HW3909" s="91"/>
      <c r="HX3909" s="127"/>
      <c r="HY3909" s="126"/>
      <c r="HZ3909" s="91"/>
      <c r="IA3909" s="91"/>
      <c r="IB3909" s="91"/>
      <c r="IC3909" s="91"/>
      <c r="ID3909" s="91"/>
      <c r="IE3909" s="91"/>
      <c r="IF3909" s="91"/>
      <c r="IG3909" s="91"/>
      <c r="IH3909" s="91"/>
      <c r="II3909" s="91"/>
      <c r="IJ3909" s="91"/>
      <c r="IK3909" s="174"/>
    </row>
    <row r="3910" spans="2:245" x14ac:dyDescent="0.2">
      <c r="B3910" s="43"/>
      <c r="C3910" s="73"/>
      <c r="D3910" s="64"/>
      <c r="E3910" s="64"/>
      <c r="F3910" s="55"/>
      <c r="G3910" s="102"/>
      <c r="H3910" s="97"/>
      <c r="T3910" s="98"/>
      <c r="U3910" s="97"/>
      <c r="AG3910" s="98"/>
      <c r="AY3910" s="164"/>
      <c r="BK3910" s="98"/>
      <c r="BL3910" s="97"/>
      <c r="BX3910" s="98"/>
      <c r="CL3910" s="97"/>
      <c r="CX3910" s="98"/>
      <c r="DL3910" s="97"/>
      <c r="DX3910" s="98"/>
      <c r="EL3910" s="97"/>
      <c r="EX3910" s="98"/>
      <c r="EY3910" s="97"/>
      <c r="FL3910" s="126"/>
      <c r="FM3910" s="91"/>
      <c r="FN3910" s="91"/>
      <c r="FO3910" s="91"/>
      <c r="FP3910" s="91"/>
      <c r="FQ3910" s="91"/>
      <c r="FR3910" s="91"/>
      <c r="FS3910" s="91"/>
      <c r="FT3910" s="91"/>
      <c r="FU3910" s="91"/>
      <c r="FV3910" s="91"/>
      <c r="FW3910" s="91"/>
      <c r="FX3910" s="127"/>
      <c r="FY3910" s="126"/>
      <c r="FZ3910" s="91"/>
      <c r="GA3910" s="91"/>
      <c r="GB3910" s="91"/>
      <c r="GC3910" s="91"/>
      <c r="GD3910" s="91"/>
      <c r="GE3910" s="91"/>
      <c r="GF3910" s="91"/>
      <c r="GG3910" s="91"/>
      <c r="GH3910" s="91"/>
      <c r="GI3910" s="91"/>
      <c r="GJ3910" s="91"/>
      <c r="GK3910" s="127"/>
      <c r="GL3910" s="126"/>
      <c r="GM3910" s="91"/>
      <c r="GN3910" s="91"/>
      <c r="GO3910" s="91"/>
      <c r="GP3910" s="91"/>
      <c r="GQ3910" s="91"/>
      <c r="GR3910" s="91"/>
      <c r="GS3910" s="91"/>
      <c r="GT3910" s="91"/>
      <c r="GU3910" s="91"/>
      <c r="GV3910" s="91"/>
      <c r="GW3910" s="91"/>
      <c r="GX3910" s="127"/>
      <c r="GY3910" s="126"/>
      <c r="GZ3910" s="91"/>
      <c r="HA3910" s="91"/>
      <c r="HB3910" s="91"/>
      <c r="HC3910" s="91"/>
      <c r="HD3910" s="91"/>
      <c r="HE3910" s="91"/>
      <c r="HF3910" s="91"/>
      <c r="HG3910" s="91"/>
      <c r="HH3910" s="91"/>
      <c r="HI3910" s="91"/>
      <c r="HJ3910" s="91"/>
      <c r="HK3910" s="127"/>
      <c r="HL3910" s="126"/>
      <c r="HM3910" s="91"/>
      <c r="HN3910" s="91"/>
      <c r="HO3910" s="91"/>
      <c r="HP3910" s="91"/>
      <c r="HQ3910" s="91"/>
      <c r="HR3910" s="91"/>
      <c r="HS3910" s="91"/>
      <c r="HT3910" s="91"/>
      <c r="HU3910" s="91"/>
      <c r="HV3910" s="91"/>
      <c r="HW3910" s="91"/>
      <c r="HX3910" s="127"/>
      <c r="HY3910" s="126"/>
      <c r="HZ3910" s="91"/>
      <c r="IA3910" s="91"/>
      <c r="IB3910" s="91"/>
      <c r="IC3910" s="91"/>
      <c r="ID3910" s="91"/>
      <c r="IE3910" s="91"/>
      <c r="IF3910" s="91"/>
      <c r="IG3910" s="91"/>
      <c r="IH3910" s="91"/>
      <c r="II3910" s="91"/>
      <c r="IJ3910" s="91"/>
      <c r="IK3910" s="174"/>
    </row>
    <row r="3911" spans="2:245" x14ac:dyDescent="0.2">
      <c r="B3911" s="43"/>
      <c r="C3911" s="73"/>
      <c r="D3911" s="64"/>
      <c r="E3911" s="64"/>
      <c r="F3911" s="55"/>
      <c r="G3911" s="102"/>
      <c r="H3911" s="97"/>
      <c r="T3911" s="98"/>
      <c r="U3911" s="97"/>
      <c r="AG3911" s="98"/>
      <c r="AY3911" s="164"/>
      <c r="BK3911" s="98"/>
      <c r="BL3911" s="97"/>
      <c r="BX3911" s="98"/>
      <c r="CL3911" s="97"/>
      <c r="CX3911" s="98"/>
      <c r="DL3911" s="97"/>
      <c r="DX3911" s="98"/>
      <c r="EL3911" s="97"/>
      <c r="EX3911" s="98"/>
      <c r="EY3911" s="97"/>
      <c r="FL3911" s="126"/>
      <c r="FM3911" s="91"/>
      <c r="FN3911" s="91"/>
      <c r="FO3911" s="91"/>
      <c r="FP3911" s="91"/>
      <c r="FQ3911" s="91"/>
      <c r="FR3911" s="91"/>
      <c r="FS3911" s="91"/>
      <c r="FT3911" s="91"/>
      <c r="FU3911" s="91"/>
      <c r="FV3911" s="91"/>
      <c r="FW3911" s="91"/>
      <c r="FX3911" s="127"/>
      <c r="FY3911" s="126"/>
      <c r="FZ3911" s="91"/>
      <c r="GA3911" s="91"/>
      <c r="GB3911" s="91"/>
      <c r="GC3911" s="91"/>
      <c r="GD3911" s="91"/>
      <c r="GE3911" s="91"/>
      <c r="GF3911" s="91"/>
      <c r="GG3911" s="91"/>
      <c r="GH3911" s="91"/>
      <c r="GI3911" s="91"/>
      <c r="GJ3911" s="91"/>
      <c r="GK3911" s="127"/>
      <c r="GL3911" s="126"/>
      <c r="GM3911" s="91"/>
      <c r="GN3911" s="91"/>
      <c r="GO3911" s="91"/>
      <c r="GP3911" s="91"/>
      <c r="GQ3911" s="91"/>
      <c r="GR3911" s="91"/>
      <c r="GS3911" s="91"/>
      <c r="GT3911" s="91"/>
      <c r="GU3911" s="91"/>
      <c r="GV3911" s="91"/>
      <c r="GW3911" s="91"/>
      <c r="GX3911" s="127"/>
      <c r="GY3911" s="126"/>
      <c r="GZ3911" s="91"/>
      <c r="HA3911" s="91"/>
      <c r="HB3911" s="91"/>
      <c r="HC3911" s="91"/>
      <c r="HD3911" s="91"/>
      <c r="HE3911" s="91"/>
      <c r="HF3911" s="91"/>
      <c r="HG3911" s="91"/>
      <c r="HH3911" s="91"/>
      <c r="HI3911" s="91"/>
      <c r="HJ3911" s="91"/>
      <c r="HK3911" s="127"/>
      <c r="HL3911" s="126"/>
      <c r="HM3911" s="91"/>
      <c r="HN3911" s="91"/>
      <c r="HO3911" s="91"/>
      <c r="HP3911" s="91"/>
      <c r="HQ3911" s="91"/>
      <c r="HR3911" s="91"/>
      <c r="HS3911" s="91"/>
      <c r="HT3911" s="91"/>
      <c r="HU3911" s="91"/>
      <c r="HV3911" s="91"/>
      <c r="HW3911" s="91"/>
      <c r="HX3911" s="127"/>
      <c r="HY3911" s="126"/>
      <c r="HZ3911" s="91"/>
      <c r="IA3911" s="91"/>
      <c r="IB3911" s="91"/>
      <c r="IC3911" s="91"/>
      <c r="ID3911" s="91"/>
      <c r="IE3911" s="91"/>
      <c r="IF3911" s="91"/>
      <c r="IG3911" s="91"/>
      <c r="IH3911" s="91"/>
      <c r="II3911" s="91"/>
      <c r="IJ3911" s="91"/>
      <c r="IK3911" s="174"/>
    </row>
    <row r="3912" spans="2:245" x14ac:dyDescent="0.2">
      <c r="B3912" s="43"/>
      <c r="C3912" s="73"/>
      <c r="D3912" s="64"/>
      <c r="E3912" s="64"/>
      <c r="F3912" s="55"/>
      <c r="G3912" s="102"/>
      <c r="H3912" s="97"/>
      <c r="T3912" s="98"/>
      <c r="U3912" s="97"/>
      <c r="AG3912" s="98"/>
      <c r="AY3912" s="164"/>
      <c r="BK3912" s="98"/>
      <c r="BL3912" s="97"/>
      <c r="BX3912" s="98"/>
      <c r="CL3912" s="97"/>
      <c r="CX3912" s="98"/>
      <c r="DL3912" s="97"/>
      <c r="DX3912" s="98"/>
      <c r="EL3912" s="97"/>
      <c r="EX3912" s="98"/>
      <c r="EY3912" s="97"/>
      <c r="FL3912" s="126"/>
      <c r="FM3912" s="91"/>
      <c r="FN3912" s="91"/>
      <c r="FO3912" s="91"/>
      <c r="FP3912" s="91"/>
      <c r="FQ3912" s="91"/>
      <c r="FR3912" s="91"/>
      <c r="FS3912" s="91"/>
      <c r="FT3912" s="91"/>
      <c r="FU3912" s="91"/>
      <c r="FV3912" s="91"/>
      <c r="FW3912" s="91"/>
      <c r="FX3912" s="127"/>
      <c r="FY3912" s="126"/>
      <c r="FZ3912" s="91"/>
      <c r="GA3912" s="91"/>
      <c r="GB3912" s="91"/>
      <c r="GC3912" s="91"/>
      <c r="GD3912" s="91"/>
      <c r="GE3912" s="91"/>
      <c r="GF3912" s="91"/>
      <c r="GG3912" s="91"/>
      <c r="GH3912" s="91"/>
      <c r="GI3912" s="91"/>
      <c r="GJ3912" s="91"/>
      <c r="GK3912" s="127"/>
      <c r="GL3912" s="126"/>
      <c r="GM3912" s="91"/>
      <c r="GN3912" s="91"/>
      <c r="GO3912" s="91"/>
      <c r="GP3912" s="91"/>
      <c r="GQ3912" s="91"/>
      <c r="GR3912" s="91"/>
      <c r="GS3912" s="91"/>
      <c r="GT3912" s="91"/>
      <c r="GU3912" s="91"/>
      <c r="GV3912" s="91"/>
      <c r="GW3912" s="91"/>
      <c r="GX3912" s="127"/>
      <c r="GY3912" s="126"/>
      <c r="GZ3912" s="91"/>
      <c r="HA3912" s="91"/>
      <c r="HB3912" s="91"/>
      <c r="HC3912" s="91"/>
      <c r="HD3912" s="91"/>
      <c r="HE3912" s="91"/>
      <c r="HF3912" s="91"/>
      <c r="HG3912" s="91"/>
      <c r="HH3912" s="91"/>
      <c r="HI3912" s="91"/>
      <c r="HJ3912" s="91"/>
      <c r="HK3912" s="127"/>
      <c r="HL3912" s="126"/>
      <c r="HM3912" s="91"/>
      <c r="HN3912" s="91"/>
      <c r="HO3912" s="91"/>
      <c r="HP3912" s="91"/>
      <c r="HQ3912" s="91"/>
      <c r="HR3912" s="91"/>
      <c r="HS3912" s="91"/>
      <c r="HT3912" s="91"/>
      <c r="HU3912" s="91"/>
      <c r="HV3912" s="91"/>
      <c r="HW3912" s="91"/>
      <c r="HX3912" s="127"/>
      <c r="HY3912" s="126"/>
      <c r="HZ3912" s="91"/>
      <c r="IA3912" s="91"/>
      <c r="IB3912" s="91"/>
      <c r="IC3912" s="91"/>
      <c r="ID3912" s="91"/>
      <c r="IE3912" s="91"/>
      <c r="IF3912" s="91"/>
      <c r="IG3912" s="91"/>
      <c r="IH3912" s="91"/>
      <c r="II3912" s="91"/>
      <c r="IJ3912" s="91"/>
      <c r="IK3912" s="174"/>
    </row>
    <row r="3913" spans="2:245" x14ac:dyDescent="0.2">
      <c r="B3913" s="43"/>
      <c r="C3913" s="73"/>
      <c r="D3913" s="64"/>
      <c r="E3913" s="64"/>
      <c r="F3913" s="55"/>
      <c r="G3913" s="102"/>
      <c r="H3913" s="97"/>
      <c r="T3913" s="98"/>
      <c r="U3913" s="97"/>
      <c r="AG3913" s="98"/>
      <c r="AY3913" s="164"/>
      <c r="BK3913" s="98"/>
      <c r="BL3913" s="97"/>
      <c r="BX3913" s="98"/>
      <c r="CL3913" s="97"/>
      <c r="CX3913" s="98"/>
      <c r="DL3913" s="97"/>
      <c r="DX3913" s="98"/>
      <c r="EL3913" s="97"/>
      <c r="EX3913" s="98"/>
      <c r="EY3913" s="97"/>
      <c r="FL3913" s="126"/>
      <c r="FM3913" s="91"/>
      <c r="FN3913" s="91"/>
      <c r="FO3913" s="91"/>
      <c r="FP3913" s="91"/>
      <c r="FQ3913" s="91"/>
      <c r="FR3913" s="91"/>
      <c r="FS3913" s="91"/>
      <c r="FT3913" s="91"/>
      <c r="FU3913" s="91"/>
      <c r="FV3913" s="91"/>
      <c r="FW3913" s="91"/>
      <c r="FX3913" s="127"/>
      <c r="FY3913" s="126"/>
      <c r="FZ3913" s="91"/>
      <c r="GA3913" s="91"/>
      <c r="GB3913" s="91"/>
      <c r="GC3913" s="91"/>
      <c r="GD3913" s="91"/>
      <c r="GE3913" s="91"/>
      <c r="GF3913" s="91"/>
      <c r="GG3913" s="91"/>
      <c r="GH3913" s="91"/>
      <c r="GI3913" s="91"/>
      <c r="GJ3913" s="91"/>
      <c r="GK3913" s="127"/>
      <c r="GL3913" s="126"/>
      <c r="GM3913" s="91"/>
      <c r="GN3913" s="91"/>
      <c r="GO3913" s="91"/>
      <c r="GP3913" s="91"/>
      <c r="GQ3913" s="91"/>
      <c r="GR3913" s="91"/>
      <c r="GS3913" s="91"/>
      <c r="GT3913" s="91"/>
      <c r="GU3913" s="91"/>
      <c r="GV3913" s="91"/>
      <c r="GW3913" s="91"/>
      <c r="GX3913" s="127"/>
      <c r="GY3913" s="126"/>
      <c r="GZ3913" s="91"/>
      <c r="HA3913" s="91"/>
      <c r="HB3913" s="91"/>
      <c r="HC3913" s="91"/>
      <c r="HD3913" s="91"/>
      <c r="HE3913" s="91"/>
      <c r="HF3913" s="91"/>
      <c r="HG3913" s="91"/>
      <c r="HH3913" s="91"/>
      <c r="HI3913" s="91"/>
      <c r="HJ3913" s="91"/>
      <c r="HK3913" s="127"/>
      <c r="HL3913" s="126"/>
      <c r="HM3913" s="91"/>
      <c r="HN3913" s="91"/>
      <c r="HO3913" s="91"/>
      <c r="HP3913" s="91"/>
      <c r="HQ3913" s="91"/>
      <c r="HR3913" s="91"/>
      <c r="HS3913" s="91"/>
      <c r="HT3913" s="91"/>
      <c r="HU3913" s="91"/>
      <c r="HV3913" s="91"/>
      <c r="HW3913" s="91"/>
      <c r="HX3913" s="127"/>
      <c r="HY3913" s="126"/>
      <c r="HZ3913" s="91"/>
      <c r="IA3913" s="91"/>
      <c r="IB3913" s="91"/>
      <c r="IC3913" s="91"/>
      <c r="ID3913" s="91"/>
      <c r="IE3913" s="91"/>
      <c r="IF3913" s="91"/>
      <c r="IG3913" s="91"/>
      <c r="IH3913" s="91"/>
      <c r="II3913" s="91"/>
      <c r="IJ3913" s="91"/>
      <c r="IK3913" s="174"/>
    </row>
    <row r="3914" spans="2:245" x14ac:dyDescent="0.2">
      <c r="B3914" s="43"/>
      <c r="C3914" s="73"/>
      <c r="D3914" s="64"/>
      <c r="E3914" s="64"/>
      <c r="F3914" s="55"/>
      <c r="G3914" s="102"/>
      <c r="H3914" s="97"/>
      <c r="T3914" s="98"/>
      <c r="U3914" s="97"/>
      <c r="AG3914" s="98"/>
      <c r="AY3914" s="164"/>
      <c r="BK3914" s="98"/>
      <c r="BL3914" s="97"/>
      <c r="BX3914" s="98"/>
      <c r="CL3914" s="97"/>
      <c r="CX3914" s="98"/>
      <c r="DL3914" s="97"/>
      <c r="DX3914" s="98"/>
      <c r="EL3914" s="97"/>
      <c r="EX3914" s="98"/>
      <c r="EY3914" s="97"/>
      <c r="FL3914" s="126"/>
      <c r="FM3914" s="91"/>
      <c r="FN3914" s="91"/>
      <c r="FO3914" s="91"/>
      <c r="FP3914" s="91"/>
      <c r="FQ3914" s="91"/>
      <c r="FR3914" s="91"/>
      <c r="FS3914" s="91"/>
      <c r="FT3914" s="91"/>
      <c r="FU3914" s="91"/>
      <c r="FV3914" s="91"/>
      <c r="FW3914" s="91"/>
      <c r="FX3914" s="127"/>
      <c r="FY3914" s="126"/>
      <c r="FZ3914" s="91"/>
      <c r="GA3914" s="91"/>
      <c r="GB3914" s="91"/>
      <c r="GC3914" s="91"/>
      <c r="GD3914" s="91"/>
      <c r="GE3914" s="91"/>
      <c r="GF3914" s="91"/>
      <c r="GG3914" s="91"/>
      <c r="GH3914" s="91"/>
      <c r="GI3914" s="91"/>
      <c r="GJ3914" s="91"/>
      <c r="GK3914" s="127"/>
      <c r="GL3914" s="126"/>
      <c r="GM3914" s="91"/>
      <c r="GN3914" s="91"/>
      <c r="GO3914" s="91"/>
      <c r="GP3914" s="91"/>
      <c r="GQ3914" s="91"/>
      <c r="GR3914" s="91"/>
      <c r="GS3914" s="91"/>
      <c r="GT3914" s="91"/>
      <c r="GU3914" s="91"/>
      <c r="GV3914" s="91"/>
      <c r="GW3914" s="91"/>
      <c r="GX3914" s="127"/>
      <c r="GY3914" s="126"/>
      <c r="GZ3914" s="91"/>
      <c r="HA3914" s="91"/>
      <c r="HB3914" s="91"/>
      <c r="HC3914" s="91"/>
      <c r="HD3914" s="91"/>
      <c r="HE3914" s="91"/>
      <c r="HF3914" s="91"/>
      <c r="HG3914" s="91"/>
      <c r="HH3914" s="91"/>
      <c r="HI3914" s="91"/>
      <c r="HJ3914" s="91"/>
      <c r="HK3914" s="127"/>
      <c r="HL3914" s="126"/>
      <c r="HM3914" s="91"/>
      <c r="HN3914" s="91"/>
      <c r="HO3914" s="91"/>
      <c r="HP3914" s="91"/>
      <c r="HQ3914" s="91"/>
      <c r="HR3914" s="91"/>
      <c r="HS3914" s="91"/>
      <c r="HT3914" s="91"/>
      <c r="HU3914" s="91"/>
      <c r="HV3914" s="91"/>
      <c r="HW3914" s="91"/>
      <c r="HX3914" s="127"/>
      <c r="HY3914" s="126"/>
      <c r="HZ3914" s="91"/>
      <c r="IA3914" s="91"/>
      <c r="IB3914" s="91"/>
      <c r="IC3914" s="91"/>
      <c r="ID3914" s="91"/>
      <c r="IE3914" s="91"/>
      <c r="IF3914" s="91"/>
      <c r="IG3914" s="91"/>
      <c r="IH3914" s="91"/>
      <c r="II3914" s="91"/>
      <c r="IJ3914" s="91"/>
      <c r="IK3914" s="174"/>
    </row>
    <row r="3915" spans="2:245" x14ac:dyDescent="0.2">
      <c r="B3915" s="43"/>
      <c r="C3915" s="73"/>
      <c r="D3915" s="64"/>
      <c r="E3915" s="64"/>
      <c r="F3915" s="55"/>
      <c r="G3915" s="102"/>
      <c r="H3915" s="97"/>
      <c r="T3915" s="98"/>
      <c r="U3915" s="97"/>
      <c r="AG3915" s="98"/>
      <c r="AY3915" s="164"/>
      <c r="BK3915" s="98"/>
      <c r="BL3915" s="97"/>
      <c r="BX3915" s="98"/>
      <c r="CL3915" s="97"/>
      <c r="CX3915" s="98"/>
      <c r="DL3915" s="97"/>
      <c r="DX3915" s="98"/>
      <c r="EL3915" s="97"/>
      <c r="EX3915" s="98"/>
      <c r="EY3915" s="97"/>
      <c r="FL3915" s="126"/>
      <c r="FM3915" s="91"/>
      <c r="FN3915" s="91"/>
      <c r="FO3915" s="91"/>
      <c r="FP3915" s="91"/>
      <c r="FQ3915" s="91"/>
      <c r="FR3915" s="91"/>
      <c r="FS3915" s="91"/>
      <c r="FT3915" s="91"/>
      <c r="FU3915" s="91"/>
      <c r="FV3915" s="91"/>
      <c r="FW3915" s="91"/>
      <c r="FX3915" s="127"/>
      <c r="FY3915" s="126"/>
      <c r="FZ3915" s="91"/>
      <c r="GA3915" s="91"/>
      <c r="GB3915" s="91"/>
      <c r="GC3915" s="91"/>
      <c r="GD3915" s="91"/>
      <c r="GE3915" s="91"/>
      <c r="GF3915" s="91"/>
      <c r="GG3915" s="91"/>
      <c r="GH3915" s="91"/>
      <c r="GI3915" s="91"/>
      <c r="GJ3915" s="91"/>
      <c r="GK3915" s="127"/>
      <c r="GL3915" s="126"/>
      <c r="GM3915" s="91"/>
      <c r="GN3915" s="91"/>
      <c r="GO3915" s="91"/>
      <c r="GP3915" s="91"/>
      <c r="GQ3915" s="91"/>
      <c r="GR3915" s="91"/>
      <c r="GS3915" s="91"/>
      <c r="GT3915" s="91"/>
      <c r="GU3915" s="91"/>
      <c r="GV3915" s="91"/>
      <c r="GW3915" s="91"/>
      <c r="GX3915" s="127"/>
      <c r="GY3915" s="126"/>
      <c r="GZ3915" s="91"/>
      <c r="HA3915" s="91"/>
      <c r="HB3915" s="91"/>
      <c r="HC3915" s="91"/>
      <c r="HD3915" s="91"/>
      <c r="HE3915" s="91"/>
      <c r="HF3915" s="91"/>
      <c r="HG3915" s="91"/>
      <c r="HH3915" s="91"/>
      <c r="HI3915" s="91"/>
      <c r="HJ3915" s="91"/>
      <c r="HK3915" s="127"/>
      <c r="HL3915" s="126"/>
      <c r="HM3915" s="91"/>
      <c r="HN3915" s="91"/>
      <c r="HO3915" s="91"/>
      <c r="HP3915" s="91"/>
      <c r="HQ3915" s="91"/>
      <c r="HR3915" s="91"/>
      <c r="HS3915" s="91"/>
      <c r="HT3915" s="91"/>
      <c r="HU3915" s="91"/>
      <c r="HV3915" s="91"/>
      <c r="HW3915" s="91"/>
      <c r="HX3915" s="127"/>
      <c r="HY3915" s="126"/>
      <c r="HZ3915" s="91"/>
      <c r="IA3915" s="91"/>
      <c r="IB3915" s="91"/>
      <c r="IC3915" s="91"/>
      <c r="ID3915" s="91"/>
      <c r="IE3915" s="91"/>
      <c r="IF3915" s="91"/>
      <c r="IG3915" s="91"/>
      <c r="IH3915" s="91"/>
      <c r="II3915" s="91"/>
      <c r="IJ3915" s="91"/>
      <c r="IK3915" s="174"/>
    </row>
    <row r="3916" spans="2:245" x14ac:dyDescent="0.2">
      <c r="B3916" s="43"/>
      <c r="C3916" s="73"/>
      <c r="D3916" s="64"/>
      <c r="E3916" s="64"/>
      <c r="F3916" s="55"/>
      <c r="G3916" s="102"/>
      <c r="H3916" s="97"/>
      <c r="T3916" s="98"/>
      <c r="U3916" s="97"/>
      <c r="AG3916" s="98"/>
      <c r="AY3916" s="164"/>
      <c r="BK3916" s="98"/>
      <c r="BL3916" s="97"/>
      <c r="BX3916" s="98"/>
      <c r="CL3916" s="97"/>
      <c r="CX3916" s="98"/>
      <c r="DL3916" s="97"/>
      <c r="DX3916" s="98"/>
      <c r="EL3916" s="97"/>
      <c r="EX3916" s="98"/>
      <c r="EY3916" s="97"/>
      <c r="FL3916" s="126"/>
      <c r="FM3916" s="91"/>
      <c r="FN3916" s="91"/>
      <c r="FO3916" s="91"/>
      <c r="FP3916" s="91"/>
      <c r="FQ3916" s="91"/>
      <c r="FR3916" s="91"/>
      <c r="FS3916" s="91"/>
      <c r="FT3916" s="91"/>
      <c r="FU3916" s="91"/>
      <c r="FV3916" s="91"/>
      <c r="FW3916" s="91"/>
      <c r="FX3916" s="127"/>
      <c r="FY3916" s="126"/>
      <c r="FZ3916" s="91"/>
      <c r="GA3916" s="91"/>
      <c r="GB3916" s="91"/>
      <c r="GC3916" s="91"/>
      <c r="GD3916" s="91"/>
      <c r="GE3916" s="91"/>
      <c r="GF3916" s="91"/>
      <c r="GG3916" s="91"/>
      <c r="GH3916" s="91"/>
      <c r="GI3916" s="91"/>
      <c r="GJ3916" s="91"/>
      <c r="GK3916" s="127"/>
      <c r="GL3916" s="126"/>
      <c r="GM3916" s="91"/>
      <c r="GN3916" s="91"/>
      <c r="GO3916" s="91"/>
      <c r="GP3916" s="91"/>
      <c r="GQ3916" s="91"/>
      <c r="GR3916" s="91"/>
      <c r="GS3916" s="91"/>
      <c r="GT3916" s="91"/>
      <c r="GU3916" s="91"/>
      <c r="GV3916" s="91"/>
      <c r="GW3916" s="91"/>
      <c r="GX3916" s="127"/>
      <c r="GY3916" s="126"/>
      <c r="GZ3916" s="91"/>
      <c r="HA3916" s="91"/>
      <c r="HB3916" s="91"/>
      <c r="HC3916" s="91"/>
      <c r="HD3916" s="91"/>
      <c r="HE3916" s="91"/>
      <c r="HF3916" s="91"/>
      <c r="HG3916" s="91"/>
      <c r="HH3916" s="91"/>
      <c r="HI3916" s="91"/>
      <c r="HJ3916" s="91"/>
      <c r="HK3916" s="127"/>
      <c r="HL3916" s="126"/>
      <c r="HM3916" s="91"/>
      <c r="HN3916" s="91"/>
      <c r="HO3916" s="91"/>
      <c r="HP3916" s="91"/>
      <c r="HQ3916" s="91"/>
      <c r="HR3916" s="91"/>
      <c r="HS3916" s="91"/>
      <c r="HT3916" s="91"/>
      <c r="HU3916" s="91"/>
      <c r="HV3916" s="91"/>
      <c r="HW3916" s="91"/>
      <c r="HX3916" s="127"/>
      <c r="HY3916" s="126"/>
      <c r="HZ3916" s="91"/>
      <c r="IA3916" s="91"/>
      <c r="IB3916" s="91"/>
      <c r="IC3916" s="91"/>
      <c r="ID3916" s="91"/>
      <c r="IE3916" s="91"/>
      <c r="IF3916" s="91"/>
      <c r="IG3916" s="91"/>
      <c r="IH3916" s="91"/>
      <c r="II3916" s="91"/>
      <c r="IJ3916" s="91"/>
      <c r="IK3916" s="174"/>
    </row>
    <row r="3917" spans="2:245" x14ac:dyDescent="0.2">
      <c r="B3917" s="43"/>
      <c r="C3917" s="73"/>
      <c r="D3917" s="64"/>
      <c r="E3917" s="64"/>
      <c r="F3917" s="55"/>
      <c r="G3917" s="102"/>
      <c r="H3917" s="97"/>
      <c r="T3917" s="98"/>
      <c r="U3917" s="97"/>
      <c r="AG3917" s="98"/>
      <c r="AY3917" s="164"/>
      <c r="BK3917" s="98"/>
      <c r="BL3917" s="97"/>
      <c r="BX3917" s="98"/>
      <c r="CL3917" s="97"/>
      <c r="CX3917" s="98"/>
      <c r="DL3917" s="97"/>
      <c r="DX3917" s="98"/>
      <c r="EL3917" s="97"/>
      <c r="EX3917" s="98"/>
      <c r="EY3917" s="97"/>
      <c r="FL3917" s="126"/>
      <c r="FM3917" s="91"/>
      <c r="FN3917" s="91"/>
      <c r="FO3917" s="91"/>
      <c r="FP3917" s="91"/>
      <c r="FQ3917" s="91"/>
      <c r="FR3917" s="91"/>
      <c r="FS3917" s="91"/>
      <c r="FT3917" s="91"/>
      <c r="FU3917" s="91"/>
      <c r="FV3917" s="91"/>
      <c r="FW3917" s="91"/>
      <c r="FX3917" s="127"/>
      <c r="FY3917" s="126"/>
      <c r="FZ3917" s="91"/>
      <c r="GA3917" s="91"/>
      <c r="GB3917" s="91"/>
      <c r="GC3917" s="91"/>
      <c r="GD3917" s="91"/>
      <c r="GE3917" s="91"/>
      <c r="GF3917" s="91"/>
      <c r="GG3917" s="91"/>
      <c r="GH3917" s="91"/>
      <c r="GI3917" s="91"/>
      <c r="GJ3917" s="91"/>
      <c r="GK3917" s="127"/>
      <c r="GL3917" s="126"/>
      <c r="GM3917" s="91"/>
      <c r="GN3917" s="91"/>
      <c r="GO3917" s="91"/>
      <c r="GP3917" s="91"/>
      <c r="GQ3917" s="91"/>
      <c r="GR3917" s="91"/>
      <c r="GS3917" s="91"/>
      <c r="GT3917" s="91"/>
      <c r="GU3917" s="91"/>
      <c r="GV3917" s="91"/>
      <c r="GW3917" s="91"/>
      <c r="GX3917" s="127"/>
      <c r="GY3917" s="126"/>
      <c r="GZ3917" s="91"/>
      <c r="HA3917" s="91"/>
      <c r="HB3917" s="91"/>
      <c r="HC3917" s="91"/>
      <c r="HD3917" s="91"/>
      <c r="HE3917" s="91"/>
      <c r="HF3917" s="91"/>
      <c r="HG3917" s="91"/>
      <c r="HH3917" s="91"/>
      <c r="HI3917" s="91"/>
      <c r="HJ3917" s="91"/>
      <c r="HK3917" s="127"/>
      <c r="HL3917" s="126"/>
      <c r="HM3917" s="91"/>
      <c r="HN3917" s="91"/>
      <c r="HO3917" s="91"/>
      <c r="HP3917" s="91"/>
      <c r="HQ3917" s="91"/>
      <c r="HR3917" s="91"/>
      <c r="HS3917" s="91"/>
      <c r="HT3917" s="91"/>
      <c r="HU3917" s="91"/>
      <c r="HV3917" s="91"/>
      <c r="HW3917" s="91"/>
      <c r="HX3917" s="127"/>
      <c r="HY3917" s="126"/>
      <c r="HZ3917" s="91"/>
      <c r="IA3917" s="91"/>
      <c r="IB3917" s="91"/>
      <c r="IC3917" s="91"/>
      <c r="ID3917" s="91"/>
      <c r="IE3917" s="91"/>
      <c r="IF3917" s="91"/>
      <c r="IG3917" s="91"/>
      <c r="IH3917" s="91"/>
      <c r="II3917" s="91"/>
      <c r="IJ3917" s="91"/>
      <c r="IK3917" s="174"/>
    </row>
    <row r="3918" spans="2:245" x14ac:dyDescent="0.2">
      <c r="B3918" s="43"/>
      <c r="C3918" s="73"/>
      <c r="D3918" s="64"/>
      <c r="E3918" s="64"/>
      <c r="F3918" s="55"/>
      <c r="G3918" s="102"/>
      <c r="H3918" s="97"/>
      <c r="T3918" s="98"/>
      <c r="U3918" s="97"/>
      <c r="AG3918" s="98"/>
      <c r="AY3918" s="164"/>
      <c r="BK3918" s="98"/>
      <c r="BL3918" s="97"/>
      <c r="BX3918" s="98"/>
      <c r="CL3918" s="97"/>
      <c r="CX3918" s="98"/>
      <c r="DL3918" s="97"/>
      <c r="DX3918" s="98"/>
      <c r="EL3918" s="97"/>
      <c r="EX3918" s="98"/>
      <c r="EY3918" s="97"/>
      <c r="FL3918" s="126"/>
      <c r="FM3918" s="91"/>
      <c r="FN3918" s="91"/>
      <c r="FO3918" s="91"/>
      <c r="FP3918" s="91"/>
      <c r="FQ3918" s="91"/>
      <c r="FR3918" s="91"/>
      <c r="FS3918" s="91"/>
      <c r="FT3918" s="91"/>
      <c r="FU3918" s="91"/>
      <c r="FV3918" s="91"/>
      <c r="FW3918" s="91"/>
      <c r="FX3918" s="127"/>
      <c r="FY3918" s="126"/>
      <c r="FZ3918" s="91"/>
      <c r="GA3918" s="91"/>
      <c r="GB3918" s="91"/>
      <c r="GC3918" s="91"/>
      <c r="GD3918" s="91"/>
      <c r="GE3918" s="91"/>
      <c r="GF3918" s="91"/>
      <c r="GG3918" s="91"/>
      <c r="GH3918" s="91"/>
      <c r="GI3918" s="91"/>
      <c r="GJ3918" s="91"/>
      <c r="GK3918" s="127"/>
      <c r="GL3918" s="126"/>
      <c r="GM3918" s="91"/>
      <c r="GN3918" s="91"/>
      <c r="GO3918" s="91"/>
      <c r="GP3918" s="91"/>
      <c r="GQ3918" s="91"/>
      <c r="GR3918" s="91"/>
      <c r="GS3918" s="91"/>
      <c r="GT3918" s="91"/>
      <c r="GU3918" s="91"/>
      <c r="GV3918" s="91"/>
      <c r="GW3918" s="91"/>
      <c r="GX3918" s="127"/>
      <c r="GY3918" s="126"/>
      <c r="GZ3918" s="91"/>
      <c r="HA3918" s="91"/>
      <c r="HB3918" s="91"/>
      <c r="HC3918" s="91"/>
      <c r="HD3918" s="91"/>
      <c r="HE3918" s="91"/>
      <c r="HF3918" s="91"/>
      <c r="HG3918" s="91"/>
      <c r="HH3918" s="91"/>
      <c r="HI3918" s="91"/>
      <c r="HJ3918" s="91"/>
      <c r="HK3918" s="127"/>
      <c r="HL3918" s="126"/>
      <c r="HM3918" s="91"/>
      <c r="HN3918" s="91"/>
      <c r="HO3918" s="91"/>
      <c r="HP3918" s="91"/>
      <c r="HQ3918" s="91"/>
      <c r="HR3918" s="91"/>
      <c r="HS3918" s="91"/>
      <c r="HT3918" s="91"/>
      <c r="HU3918" s="91"/>
      <c r="HV3918" s="91"/>
      <c r="HW3918" s="91"/>
      <c r="HX3918" s="127"/>
      <c r="HY3918" s="126"/>
      <c r="HZ3918" s="91"/>
      <c r="IA3918" s="91"/>
      <c r="IB3918" s="91"/>
      <c r="IC3918" s="91"/>
      <c r="ID3918" s="91"/>
      <c r="IE3918" s="91"/>
      <c r="IF3918" s="91"/>
      <c r="IG3918" s="91"/>
      <c r="IH3918" s="91"/>
      <c r="II3918" s="91"/>
      <c r="IJ3918" s="91"/>
      <c r="IK3918" s="174"/>
    </row>
    <row r="3919" spans="2:245" x14ac:dyDescent="0.2">
      <c r="B3919" s="43"/>
      <c r="C3919" s="73"/>
      <c r="D3919" s="64"/>
      <c r="E3919" s="64"/>
      <c r="F3919" s="55"/>
      <c r="G3919" s="102"/>
      <c r="H3919" s="97"/>
      <c r="T3919" s="98"/>
      <c r="U3919" s="97"/>
      <c r="AG3919" s="98"/>
      <c r="AY3919" s="164"/>
      <c r="BK3919" s="98"/>
      <c r="BL3919" s="97"/>
      <c r="BX3919" s="98"/>
      <c r="CL3919" s="97"/>
      <c r="CX3919" s="98"/>
      <c r="DL3919" s="97"/>
      <c r="DX3919" s="98"/>
      <c r="EL3919" s="97"/>
      <c r="EX3919" s="98"/>
      <c r="EY3919" s="97"/>
      <c r="FL3919" s="126"/>
      <c r="FM3919" s="91"/>
      <c r="FN3919" s="91"/>
      <c r="FO3919" s="91"/>
      <c r="FP3919" s="91"/>
      <c r="FQ3919" s="91"/>
      <c r="FR3919" s="91"/>
      <c r="FS3919" s="91"/>
      <c r="FT3919" s="91"/>
      <c r="FU3919" s="91"/>
      <c r="FV3919" s="91"/>
      <c r="FW3919" s="91"/>
      <c r="FX3919" s="127"/>
      <c r="FY3919" s="126"/>
      <c r="FZ3919" s="91"/>
      <c r="GA3919" s="91"/>
      <c r="GB3919" s="91"/>
      <c r="GC3919" s="91"/>
      <c r="GD3919" s="91"/>
      <c r="GE3919" s="91"/>
      <c r="GF3919" s="91"/>
      <c r="GG3919" s="91"/>
      <c r="GH3919" s="91"/>
      <c r="GI3919" s="91"/>
      <c r="GJ3919" s="91"/>
      <c r="GK3919" s="127"/>
      <c r="GL3919" s="126"/>
      <c r="GM3919" s="91"/>
      <c r="GN3919" s="91"/>
      <c r="GO3919" s="91"/>
      <c r="GP3919" s="91"/>
      <c r="GQ3919" s="91"/>
      <c r="GR3919" s="91"/>
      <c r="GS3919" s="91"/>
      <c r="GT3919" s="91"/>
      <c r="GU3919" s="91"/>
      <c r="GV3919" s="91"/>
      <c r="GW3919" s="91"/>
      <c r="GX3919" s="127"/>
      <c r="GY3919" s="126"/>
      <c r="GZ3919" s="91"/>
      <c r="HA3919" s="91"/>
      <c r="HB3919" s="91"/>
      <c r="HC3919" s="91"/>
      <c r="HD3919" s="91"/>
      <c r="HE3919" s="91"/>
      <c r="HF3919" s="91"/>
      <c r="HG3919" s="91"/>
      <c r="HH3919" s="91"/>
      <c r="HI3919" s="91"/>
      <c r="HJ3919" s="91"/>
      <c r="HK3919" s="127"/>
      <c r="HL3919" s="126"/>
      <c r="HM3919" s="91"/>
      <c r="HN3919" s="91"/>
      <c r="HO3919" s="91"/>
      <c r="HP3919" s="91"/>
      <c r="HQ3919" s="91"/>
      <c r="HR3919" s="91"/>
      <c r="HS3919" s="91"/>
      <c r="HT3919" s="91"/>
      <c r="HU3919" s="91"/>
      <c r="HV3919" s="91"/>
      <c r="HW3919" s="91"/>
      <c r="HX3919" s="127"/>
      <c r="HY3919" s="126"/>
      <c r="HZ3919" s="91"/>
      <c r="IA3919" s="91"/>
      <c r="IB3919" s="91"/>
      <c r="IC3919" s="91"/>
      <c r="ID3919" s="91"/>
      <c r="IE3919" s="91"/>
      <c r="IF3919" s="91"/>
      <c r="IG3919" s="91"/>
      <c r="IH3919" s="91"/>
      <c r="II3919" s="91"/>
      <c r="IJ3919" s="91"/>
      <c r="IK3919" s="174"/>
    </row>
    <row r="3920" spans="2:245" x14ac:dyDescent="0.2">
      <c r="B3920" s="43"/>
      <c r="C3920" s="73"/>
      <c r="D3920" s="64"/>
      <c r="E3920" s="64"/>
      <c r="F3920" s="55"/>
      <c r="G3920" s="102"/>
      <c r="H3920" s="97"/>
      <c r="T3920" s="98"/>
      <c r="U3920" s="97"/>
      <c r="AG3920" s="98"/>
      <c r="AY3920" s="164"/>
      <c r="BK3920" s="98"/>
      <c r="BL3920" s="97"/>
      <c r="BX3920" s="98"/>
      <c r="CL3920" s="97"/>
      <c r="CX3920" s="98"/>
      <c r="DL3920" s="97"/>
      <c r="DX3920" s="98"/>
      <c r="EL3920" s="97"/>
      <c r="EX3920" s="98"/>
      <c r="EY3920" s="97"/>
      <c r="FL3920" s="126"/>
      <c r="FM3920" s="91"/>
      <c r="FN3920" s="91"/>
      <c r="FO3920" s="91"/>
      <c r="FP3920" s="91"/>
      <c r="FQ3920" s="91"/>
      <c r="FR3920" s="91"/>
      <c r="FS3920" s="91"/>
      <c r="FT3920" s="91"/>
      <c r="FU3920" s="91"/>
      <c r="FV3920" s="91"/>
      <c r="FW3920" s="91"/>
      <c r="FX3920" s="127"/>
      <c r="FY3920" s="126"/>
      <c r="FZ3920" s="91"/>
      <c r="GA3920" s="91"/>
      <c r="GB3920" s="91"/>
      <c r="GC3920" s="91"/>
      <c r="GD3920" s="91"/>
      <c r="GE3920" s="91"/>
      <c r="GF3920" s="91"/>
      <c r="GG3920" s="91"/>
      <c r="GH3920" s="91"/>
      <c r="GI3920" s="91"/>
      <c r="GJ3920" s="91"/>
      <c r="GK3920" s="127"/>
      <c r="GL3920" s="126"/>
      <c r="GM3920" s="91"/>
      <c r="GN3920" s="91"/>
      <c r="GO3920" s="91"/>
      <c r="GP3920" s="91"/>
      <c r="GQ3920" s="91"/>
      <c r="GR3920" s="91"/>
      <c r="GS3920" s="91"/>
      <c r="GT3920" s="91"/>
      <c r="GU3920" s="91"/>
      <c r="GV3920" s="91"/>
      <c r="GW3920" s="91"/>
      <c r="GX3920" s="127"/>
      <c r="GY3920" s="126"/>
      <c r="GZ3920" s="91"/>
      <c r="HA3920" s="91"/>
      <c r="HB3920" s="91"/>
      <c r="HC3920" s="91"/>
      <c r="HD3920" s="91"/>
      <c r="HE3920" s="91"/>
      <c r="HF3920" s="91"/>
      <c r="HG3920" s="91"/>
      <c r="HH3920" s="91"/>
      <c r="HI3920" s="91"/>
      <c r="HJ3920" s="91"/>
      <c r="HK3920" s="127"/>
      <c r="HL3920" s="126"/>
      <c r="HM3920" s="91"/>
      <c r="HN3920" s="91"/>
      <c r="HO3920" s="91"/>
      <c r="HP3920" s="91"/>
      <c r="HQ3920" s="91"/>
      <c r="HR3920" s="91"/>
      <c r="HS3920" s="91"/>
      <c r="HT3920" s="91"/>
      <c r="HU3920" s="91"/>
      <c r="HV3920" s="91"/>
      <c r="HW3920" s="91"/>
      <c r="HX3920" s="127"/>
      <c r="HY3920" s="126"/>
      <c r="HZ3920" s="91"/>
      <c r="IA3920" s="91"/>
      <c r="IB3920" s="91"/>
      <c r="IC3920" s="91"/>
      <c r="ID3920" s="91"/>
      <c r="IE3920" s="91"/>
      <c r="IF3920" s="91"/>
      <c r="IG3920" s="91"/>
      <c r="IH3920" s="91"/>
      <c r="II3920" s="91"/>
      <c r="IJ3920" s="91"/>
      <c r="IK3920" s="174"/>
    </row>
    <row r="3921" spans="2:245" x14ac:dyDescent="0.2">
      <c r="B3921" s="43"/>
      <c r="C3921" s="73"/>
      <c r="D3921" s="64"/>
      <c r="E3921" s="64"/>
      <c r="F3921" s="55"/>
      <c r="G3921" s="102"/>
      <c r="H3921" s="97"/>
      <c r="T3921" s="98"/>
      <c r="U3921" s="97"/>
      <c r="AG3921" s="98"/>
      <c r="AY3921" s="164"/>
      <c r="BK3921" s="98"/>
      <c r="BL3921" s="97"/>
      <c r="BX3921" s="98"/>
      <c r="CL3921" s="97"/>
      <c r="CX3921" s="98"/>
      <c r="DL3921" s="97"/>
      <c r="DX3921" s="98"/>
      <c r="EL3921" s="97"/>
      <c r="EX3921" s="98"/>
      <c r="EY3921" s="97"/>
      <c r="FL3921" s="126"/>
      <c r="FM3921" s="91"/>
      <c r="FN3921" s="91"/>
      <c r="FO3921" s="91"/>
      <c r="FP3921" s="91"/>
      <c r="FQ3921" s="91"/>
      <c r="FR3921" s="91"/>
      <c r="FS3921" s="91"/>
      <c r="FT3921" s="91"/>
      <c r="FU3921" s="91"/>
      <c r="FV3921" s="91"/>
      <c r="FW3921" s="91"/>
      <c r="FX3921" s="127"/>
      <c r="FY3921" s="126"/>
      <c r="FZ3921" s="91"/>
      <c r="GA3921" s="91"/>
      <c r="GB3921" s="91"/>
      <c r="GC3921" s="91"/>
      <c r="GD3921" s="91"/>
      <c r="GE3921" s="91"/>
      <c r="GF3921" s="91"/>
      <c r="GG3921" s="91"/>
      <c r="GH3921" s="91"/>
      <c r="GI3921" s="91"/>
      <c r="GJ3921" s="91"/>
      <c r="GK3921" s="127"/>
      <c r="GL3921" s="126"/>
      <c r="GM3921" s="91"/>
      <c r="GN3921" s="91"/>
      <c r="GO3921" s="91"/>
      <c r="GP3921" s="91"/>
      <c r="GQ3921" s="91"/>
      <c r="GR3921" s="91"/>
      <c r="GS3921" s="91"/>
      <c r="GT3921" s="91"/>
      <c r="GU3921" s="91"/>
      <c r="GV3921" s="91"/>
      <c r="GW3921" s="91"/>
      <c r="GX3921" s="127"/>
      <c r="GY3921" s="126"/>
      <c r="GZ3921" s="91"/>
      <c r="HA3921" s="91"/>
      <c r="HB3921" s="91"/>
      <c r="HC3921" s="91"/>
      <c r="HD3921" s="91"/>
      <c r="HE3921" s="91"/>
      <c r="HF3921" s="91"/>
      <c r="HG3921" s="91"/>
      <c r="HH3921" s="91"/>
      <c r="HI3921" s="91"/>
      <c r="HJ3921" s="91"/>
      <c r="HK3921" s="127"/>
      <c r="HL3921" s="126"/>
      <c r="HM3921" s="91"/>
      <c r="HN3921" s="91"/>
      <c r="HO3921" s="91"/>
      <c r="HP3921" s="91"/>
      <c r="HQ3921" s="91"/>
      <c r="HR3921" s="91"/>
      <c r="HS3921" s="91"/>
      <c r="HT3921" s="91"/>
      <c r="HU3921" s="91"/>
      <c r="HV3921" s="91"/>
      <c r="HW3921" s="91"/>
      <c r="HX3921" s="127"/>
      <c r="HY3921" s="126"/>
      <c r="HZ3921" s="91"/>
      <c r="IA3921" s="91"/>
      <c r="IB3921" s="91"/>
      <c r="IC3921" s="91"/>
      <c r="ID3921" s="91"/>
      <c r="IE3921" s="91"/>
      <c r="IF3921" s="91"/>
      <c r="IG3921" s="91"/>
      <c r="IH3921" s="91"/>
      <c r="II3921" s="91"/>
      <c r="IJ3921" s="91"/>
      <c r="IK3921" s="174"/>
    </row>
    <row r="3922" spans="2:245" x14ac:dyDescent="0.2">
      <c r="B3922" s="43"/>
      <c r="C3922" s="73"/>
      <c r="D3922" s="64"/>
      <c r="E3922" s="64"/>
      <c r="F3922" s="55"/>
      <c r="G3922" s="102"/>
      <c r="H3922" s="97"/>
      <c r="T3922" s="98"/>
      <c r="U3922" s="97"/>
      <c r="AG3922" s="98"/>
      <c r="AY3922" s="164"/>
      <c r="BK3922" s="98"/>
      <c r="BL3922" s="97"/>
      <c r="BX3922" s="98"/>
      <c r="CL3922" s="97"/>
      <c r="CX3922" s="98"/>
      <c r="DL3922" s="97"/>
      <c r="DX3922" s="98"/>
      <c r="EL3922" s="97"/>
      <c r="EX3922" s="98"/>
      <c r="EY3922" s="97"/>
      <c r="FL3922" s="126"/>
      <c r="FM3922" s="91"/>
      <c r="FN3922" s="91"/>
      <c r="FO3922" s="91"/>
      <c r="FP3922" s="91"/>
      <c r="FQ3922" s="91"/>
      <c r="FR3922" s="91"/>
      <c r="FS3922" s="91"/>
      <c r="FT3922" s="91"/>
      <c r="FU3922" s="91"/>
      <c r="FV3922" s="91"/>
      <c r="FW3922" s="91"/>
      <c r="FX3922" s="127"/>
      <c r="FY3922" s="126"/>
      <c r="FZ3922" s="91"/>
      <c r="GA3922" s="91"/>
      <c r="GB3922" s="91"/>
      <c r="GC3922" s="91"/>
      <c r="GD3922" s="91"/>
      <c r="GE3922" s="91"/>
      <c r="GF3922" s="91"/>
      <c r="GG3922" s="91"/>
      <c r="GH3922" s="91"/>
      <c r="GI3922" s="91"/>
      <c r="GJ3922" s="91"/>
      <c r="GK3922" s="127"/>
      <c r="GL3922" s="126"/>
      <c r="GM3922" s="91"/>
      <c r="GN3922" s="91"/>
      <c r="GO3922" s="91"/>
      <c r="GP3922" s="91"/>
      <c r="GQ3922" s="91"/>
      <c r="GR3922" s="91"/>
      <c r="GS3922" s="91"/>
      <c r="GT3922" s="91"/>
      <c r="GU3922" s="91"/>
      <c r="GV3922" s="91"/>
      <c r="GW3922" s="91"/>
      <c r="GX3922" s="127"/>
      <c r="GY3922" s="126"/>
      <c r="GZ3922" s="91"/>
      <c r="HA3922" s="91"/>
      <c r="HB3922" s="91"/>
      <c r="HC3922" s="91"/>
      <c r="HD3922" s="91"/>
      <c r="HE3922" s="91"/>
      <c r="HF3922" s="91"/>
      <c r="HG3922" s="91"/>
      <c r="HH3922" s="91"/>
      <c r="HI3922" s="91"/>
      <c r="HJ3922" s="91"/>
      <c r="HK3922" s="127"/>
      <c r="HL3922" s="126"/>
      <c r="HM3922" s="91"/>
      <c r="HN3922" s="91"/>
      <c r="HO3922" s="91"/>
      <c r="HP3922" s="91"/>
      <c r="HQ3922" s="91"/>
      <c r="HR3922" s="91"/>
      <c r="HS3922" s="91"/>
      <c r="HT3922" s="91"/>
      <c r="HU3922" s="91"/>
      <c r="HV3922" s="91"/>
      <c r="HW3922" s="91"/>
      <c r="HX3922" s="127"/>
      <c r="HY3922" s="126"/>
      <c r="HZ3922" s="91"/>
      <c r="IA3922" s="91"/>
      <c r="IB3922" s="91"/>
      <c r="IC3922" s="91"/>
      <c r="ID3922" s="91"/>
      <c r="IE3922" s="91"/>
      <c r="IF3922" s="91"/>
      <c r="IG3922" s="91"/>
      <c r="IH3922" s="91"/>
      <c r="II3922" s="91"/>
      <c r="IJ3922" s="91"/>
      <c r="IK3922" s="174"/>
    </row>
    <row r="3923" spans="2:245" x14ac:dyDescent="0.2">
      <c r="B3923" s="43"/>
      <c r="C3923" s="73"/>
      <c r="D3923" s="64"/>
      <c r="E3923" s="64"/>
      <c r="F3923" s="55"/>
      <c r="G3923" s="102"/>
      <c r="H3923" s="97"/>
      <c r="T3923" s="98"/>
      <c r="U3923" s="97"/>
      <c r="AG3923" s="98"/>
      <c r="AY3923" s="164"/>
      <c r="BK3923" s="98"/>
      <c r="BL3923" s="97"/>
      <c r="BX3923" s="98"/>
      <c r="CL3923" s="97"/>
      <c r="CX3923" s="98"/>
      <c r="DL3923" s="97"/>
      <c r="DX3923" s="98"/>
      <c r="EL3923" s="97"/>
      <c r="EX3923" s="98"/>
      <c r="EY3923" s="97"/>
      <c r="FL3923" s="126"/>
      <c r="FM3923" s="91"/>
      <c r="FN3923" s="91"/>
      <c r="FO3923" s="91"/>
      <c r="FP3923" s="91"/>
      <c r="FQ3923" s="91"/>
      <c r="FR3923" s="91"/>
      <c r="FS3923" s="91"/>
      <c r="FT3923" s="91"/>
      <c r="FU3923" s="91"/>
      <c r="FV3923" s="91"/>
      <c r="FW3923" s="91"/>
      <c r="FX3923" s="127"/>
      <c r="FY3923" s="126"/>
      <c r="FZ3923" s="91"/>
      <c r="GA3923" s="91"/>
      <c r="GB3923" s="91"/>
      <c r="GC3923" s="91"/>
      <c r="GD3923" s="91"/>
      <c r="GE3923" s="91"/>
      <c r="GF3923" s="91"/>
      <c r="GG3923" s="91"/>
      <c r="GH3923" s="91"/>
      <c r="GI3923" s="91"/>
      <c r="GJ3923" s="91"/>
      <c r="GK3923" s="127"/>
      <c r="GL3923" s="126"/>
      <c r="GM3923" s="91"/>
      <c r="GN3923" s="91"/>
      <c r="GO3923" s="91"/>
      <c r="GP3923" s="91"/>
      <c r="GQ3923" s="91"/>
      <c r="GR3923" s="91"/>
      <c r="GS3923" s="91"/>
      <c r="GT3923" s="91"/>
      <c r="GU3923" s="91"/>
      <c r="GV3923" s="91"/>
      <c r="GW3923" s="91"/>
      <c r="GX3923" s="127"/>
      <c r="GY3923" s="126"/>
      <c r="GZ3923" s="91"/>
      <c r="HA3923" s="91"/>
      <c r="HB3923" s="91"/>
      <c r="HC3923" s="91"/>
      <c r="HD3923" s="91"/>
      <c r="HE3923" s="91"/>
      <c r="HF3923" s="91"/>
      <c r="HG3923" s="91"/>
      <c r="HH3923" s="91"/>
      <c r="HI3923" s="91"/>
      <c r="HJ3923" s="91"/>
      <c r="HK3923" s="127"/>
      <c r="HL3923" s="126"/>
      <c r="HM3923" s="91"/>
      <c r="HN3923" s="91"/>
      <c r="HO3923" s="91"/>
      <c r="HP3923" s="91"/>
      <c r="HQ3923" s="91"/>
      <c r="HR3923" s="91"/>
      <c r="HS3923" s="91"/>
      <c r="HT3923" s="91"/>
      <c r="HU3923" s="91"/>
      <c r="HV3923" s="91"/>
      <c r="HW3923" s="91"/>
      <c r="HX3923" s="127"/>
      <c r="HY3923" s="126"/>
      <c r="HZ3923" s="91"/>
      <c r="IA3923" s="91"/>
      <c r="IB3923" s="91"/>
      <c r="IC3923" s="91"/>
      <c r="ID3923" s="91"/>
      <c r="IE3923" s="91"/>
      <c r="IF3923" s="91"/>
      <c r="IG3923" s="91"/>
      <c r="IH3923" s="91"/>
      <c r="II3923" s="91"/>
      <c r="IJ3923" s="91"/>
      <c r="IK3923" s="174"/>
    </row>
    <row r="3924" spans="2:245" x14ac:dyDescent="0.2">
      <c r="B3924" s="43"/>
      <c r="C3924" s="73"/>
      <c r="D3924" s="64"/>
      <c r="E3924" s="64"/>
      <c r="F3924" s="55"/>
      <c r="G3924" s="102"/>
      <c r="H3924" s="97"/>
      <c r="T3924" s="98"/>
      <c r="U3924" s="97"/>
      <c r="AG3924" s="98"/>
      <c r="AY3924" s="164"/>
      <c r="BK3924" s="98"/>
      <c r="BL3924" s="97"/>
      <c r="BX3924" s="98"/>
      <c r="CL3924" s="97"/>
      <c r="CX3924" s="98"/>
      <c r="DL3924" s="97"/>
      <c r="DX3924" s="98"/>
      <c r="EL3924" s="97"/>
      <c r="EX3924" s="98"/>
      <c r="EY3924" s="97"/>
      <c r="FL3924" s="126"/>
      <c r="FM3924" s="91"/>
      <c r="FN3924" s="91"/>
      <c r="FO3924" s="91"/>
      <c r="FP3924" s="91"/>
      <c r="FQ3924" s="91"/>
      <c r="FR3924" s="91"/>
      <c r="FS3924" s="91"/>
      <c r="FT3924" s="91"/>
      <c r="FU3924" s="91"/>
      <c r="FV3924" s="91"/>
      <c r="FW3924" s="91"/>
      <c r="FX3924" s="127"/>
      <c r="FY3924" s="126"/>
      <c r="FZ3924" s="91"/>
      <c r="GA3924" s="91"/>
      <c r="GB3924" s="91"/>
      <c r="GC3924" s="91"/>
      <c r="GD3924" s="91"/>
      <c r="GE3924" s="91"/>
      <c r="GF3924" s="91"/>
      <c r="GG3924" s="91"/>
      <c r="GH3924" s="91"/>
      <c r="GI3924" s="91"/>
      <c r="GJ3924" s="91"/>
      <c r="GK3924" s="127"/>
      <c r="GL3924" s="126"/>
      <c r="GM3924" s="91"/>
      <c r="GN3924" s="91"/>
      <c r="GO3924" s="91"/>
      <c r="GP3924" s="91"/>
      <c r="GQ3924" s="91"/>
      <c r="GR3924" s="91"/>
      <c r="GS3924" s="91"/>
      <c r="GT3924" s="91"/>
      <c r="GU3924" s="91"/>
      <c r="GV3924" s="91"/>
      <c r="GW3924" s="91"/>
      <c r="GX3924" s="127"/>
      <c r="GY3924" s="126"/>
      <c r="GZ3924" s="91"/>
      <c r="HA3924" s="91"/>
      <c r="HB3924" s="91"/>
      <c r="HC3924" s="91"/>
      <c r="HD3924" s="91"/>
      <c r="HE3924" s="91"/>
      <c r="HF3924" s="91"/>
      <c r="HG3924" s="91"/>
      <c r="HH3924" s="91"/>
      <c r="HI3924" s="91"/>
      <c r="HJ3924" s="91"/>
      <c r="HK3924" s="127"/>
      <c r="HL3924" s="126"/>
      <c r="HM3924" s="91"/>
      <c r="HN3924" s="91"/>
      <c r="HO3924" s="91"/>
      <c r="HP3924" s="91"/>
      <c r="HQ3924" s="91"/>
      <c r="HR3924" s="91"/>
      <c r="HS3924" s="91"/>
      <c r="HT3924" s="91"/>
      <c r="HU3924" s="91"/>
      <c r="HV3924" s="91"/>
      <c r="HW3924" s="91"/>
      <c r="HX3924" s="127"/>
      <c r="HY3924" s="126"/>
      <c r="HZ3924" s="91"/>
      <c r="IA3924" s="91"/>
      <c r="IB3924" s="91"/>
      <c r="IC3924" s="91"/>
      <c r="ID3924" s="91"/>
      <c r="IE3924" s="91"/>
      <c r="IF3924" s="91"/>
      <c r="IG3924" s="91"/>
      <c r="IH3924" s="91"/>
      <c r="II3924" s="91"/>
      <c r="IJ3924" s="91"/>
      <c r="IK3924" s="174"/>
    </row>
    <row r="3925" spans="2:245" x14ac:dyDescent="0.2">
      <c r="B3925" s="43"/>
      <c r="C3925" s="73"/>
      <c r="D3925" s="64"/>
      <c r="E3925" s="64"/>
      <c r="F3925" s="55"/>
      <c r="G3925" s="102"/>
      <c r="H3925" s="97"/>
      <c r="T3925" s="98"/>
      <c r="U3925" s="97"/>
      <c r="AG3925" s="98"/>
      <c r="AY3925" s="164"/>
      <c r="BK3925" s="98"/>
      <c r="BL3925" s="97"/>
      <c r="BX3925" s="98"/>
      <c r="CL3925" s="97"/>
      <c r="CX3925" s="98"/>
      <c r="DL3925" s="97"/>
      <c r="DX3925" s="98"/>
      <c r="EL3925" s="97"/>
      <c r="EX3925" s="98"/>
      <c r="EY3925" s="97"/>
      <c r="FL3925" s="126"/>
      <c r="FM3925" s="91"/>
      <c r="FN3925" s="91"/>
      <c r="FO3925" s="91"/>
      <c r="FP3925" s="91"/>
      <c r="FQ3925" s="91"/>
      <c r="FR3925" s="91"/>
      <c r="FS3925" s="91"/>
      <c r="FT3925" s="91"/>
      <c r="FU3925" s="91"/>
      <c r="FV3925" s="91"/>
      <c r="FW3925" s="91"/>
      <c r="FX3925" s="127"/>
      <c r="FY3925" s="126"/>
      <c r="FZ3925" s="91"/>
      <c r="GA3925" s="91"/>
      <c r="GB3925" s="91"/>
      <c r="GC3925" s="91"/>
      <c r="GD3925" s="91"/>
      <c r="GE3925" s="91"/>
      <c r="GF3925" s="91"/>
      <c r="GG3925" s="91"/>
      <c r="GH3925" s="91"/>
      <c r="GI3925" s="91"/>
      <c r="GJ3925" s="91"/>
      <c r="GK3925" s="127"/>
      <c r="GL3925" s="126"/>
      <c r="GM3925" s="91"/>
      <c r="GN3925" s="91"/>
      <c r="GO3925" s="91"/>
      <c r="GP3925" s="91"/>
      <c r="GQ3925" s="91"/>
      <c r="GR3925" s="91"/>
      <c r="GS3925" s="91"/>
      <c r="GT3925" s="91"/>
      <c r="GU3925" s="91"/>
      <c r="GV3925" s="91"/>
      <c r="GW3925" s="91"/>
      <c r="GX3925" s="127"/>
      <c r="GY3925" s="126"/>
      <c r="GZ3925" s="91"/>
      <c r="HA3925" s="91"/>
      <c r="HB3925" s="91"/>
      <c r="HC3925" s="91"/>
      <c r="HD3925" s="91"/>
      <c r="HE3925" s="91"/>
      <c r="HF3925" s="91"/>
      <c r="HG3925" s="91"/>
      <c r="HH3925" s="91"/>
      <c r="HI3925" s="91"/>
      <c r="HJ3925" s="91"/>
      <c r="HK3925" s="127"/>
      <c r="HL3925" s="126"/>
      <c r="HM3925" s="91"/>
      <c r="HN3925" s="91"/>
      <c r="HO3925" s="91"/>
      <c r="HP3925" s="91"/>
      <c r="HQ3925" s="91"/>
      <c r="HR3925" s="91"/>
      <c r="HS3925" s="91"/>
      <c r="HT3925" s="91"/>
      <c r="HU3925" s="91"/>
      <c r="HV3925" s="91"/>
      <c r="HW3925" s="91"/>
      <c r="HX3925" s="127"/>
      <c r="HY3925" s="126"/>
      <c r="HZ3925" s="91"/>
      <c r="IA3925" s="91"/>
      <c r="IB3925" s="91"/>
      <c r="IC3925" s="91"/>
      <c r="ID3925" s="91"/>
      <c r="IE3925" s="91"/>
      <c r="IF3925" s="91"/>
      <c r="IG3925" s="91"/>
      <c r="IH3925" s="91"/>
      <c r="II3925" s="91"/>
      <c r="IJ3925" s="91"/>
      <c r="IK3925" s="174"/>
    </row>
    <row r="3926" spans="2:245" x14ac:dyDescent="0.2">
      <c r="B3926" s="43"/>
      <c r="C3926" s="73"/>
      <c r="D3926" s="64"/>
      <c r="E3926" s="64"/>
      <c r="F3926" s="55"/>
      <c r="G3926" s="102"/>
      <c r="H3926" s="97"/>
      <c r="T3926" s="98"/>
      <c r="U3926" s="97"/>
      <c r="AG3926" s="98"/>
      <c r="AY3926" s="164"/>
      <c r="BK3926" s="98"/>
      <c r="BL3926" s="97"/>
      <c r="BX3926" s="98"/>
      <c r="CL3926" s="97"/>
      <c r="CX3926" s="98"/>
      <c r="DL3926" s="97"/>
      <c r="DX3926" s="98"/>
      <c r="EL3926" s="97"/>
      <c r="EX3926" s="98"/>
      <c r="EY3926" s="97"/>
      <c r="FL3926" s="126"/>
      <c r="FM3926" s="91"/>
      <c r="FN3926" s="91"/>
      <c r="FO3926" s="91"/>
      <c r="FP3926" s="91"/>
      <c r="FQ3926" s="91"/>
      <c r="FR3926" s="91"/>
      <c r="FS3926" s="91"/>
      <c r="FT3926" s="91"/>
      <c r="FU3926" s="91"/>
      <c r="FV3926" s="91"/>
      <c r="FW3926" s="91"/>
      <c r="FX3926" s="127"/>
      <c r="FY3926" s="126"/>
      <c r="FZ3926" s="91"/>
      <c r="GA3926" s="91"/>
      <c r="GB3926" s="91"/>
      <c r="GC3926" s="91"/>
      <c r="GD3926" s="91"/>
      <c r="GE3926" s="91"/>
      <c r="GF3926" s="91"/>
      <c r="GG3926" s="91"/>
      <c r="GH3926" s="91"/>
      <c r="GI3926" s="91"/>
      <c r="GJ3926" s="91"/>
      <c r="GK3926" s="127"/>
      <c r="GL3926" s="126"/>
      <c r="GM3926" s="91"/>
      <c r="GN3926" s="91"/>
      <c r="GO3926" s="91"/>
      <c r="GP3926" s="91"/>
      <c r="GQ3926" s="91"/>
      <c r="GR3926" s="91"/>
      <c r="GS3926" s="91"/>
      <c r="GT3926" s="91"/>
      <c r="GU3926" s="91"/>
      <c r="GV3926" s="91"/>
      <c r="GW3926" s="91"/>
      <c r="GX3926" s="127"/>
      <c r="GY3926" s="126"/>
      <c r="GZ3926" s="91"/>
      <c r="HA3926" s="91"/>
      <c r="HB3926" s="91"/>
      <c r="HC3926" s="91"/>
      <c r="HD3926" s="91"/>
      <c r="HE3926" s="91"/>
      <c r="HF3926" s="91"/>
      <c r="HG3926" s="91"/>
      <c r="HH3926" s="91"/>
      <c r="HI3926" s="91"/>
      <c r="HJ3926" s="91"/>
      <c r="HK3926" s="127"/>
      <c r="HL3926" s="126"/>
      <c r="HM3926" s="91"/>
      <c r="HN3926" s="91"/>
      <c r="HO3926" s="91"/>
      <c r="HP3926" s="91"/>
      <c r="HQ3926" s="91"/>
      <c r="HR3926" s="91"/>
      <c r="HS3926" s="91"/>
      <c r="HT3926" s="91"/>
      <c r="HU3926" s="91"/>
      <c r="HV3926" s="91"/>
      <c r="HW3926" s="91"/>
      <c r="HX3926" s="127"/>
      <c r="HY3926" s="126"/>
      <c r="HZ3926" s="91"/>
      <c r="IA3926" s="91"/>
      <c r="IB3926" s="91"/>
      <c r="IC3926" s="91"/>
      <c r="ID3926" s="91"/>
      <c r="IE3926" s="91"/>
      <c r="IF3926" s="91"/>
      <c r="IG3926" s="91"/>
      <c r="IH3926" s="91"/>
      <c r="II3926" s="91"/>
      <c r="IJ3926" s="91"/>
      <c r="IK3926" s="174"/>
    </row>
    <row r="3927" spans="2:245" x14ac:dyDescent="0.2">
      <c r="B3927" s="43"/>
      <c r="C3927" s="73"/>
      <c r="D3927" s="64"/>
      <c r="E3927" s="64"/>
      <c r="F3927" s="55"/>
      <c r="G3927" s="102"/>
      <c r="H3927" s="97"/>
      <c r="T3927" s="98"/>
      <c r="U3927" s="97"/>
      <c r="AG3927" s="98"/>
      <c r="AY3927" s="164"/>
      <c r="BK3927" s="98"/>
      <c r="BL3927" s="97"/>
      <c r="BX3927" s="98"/>
      <c r="CL3927" s="97"/>
      <c r="CX3927" s="98"/>
      <c r="DL3927" s="97"/>
      <c r="DX3927" s="98"/>
      <c r="EL3927" s="97"/>
      <c r="EX3927" s="98"/>
      <c r="EY3927" s="97"/>
      <c r="FL3927" s="126"/>
      <c r="FM3927" s="91"/>
      <c r="FN3927" s="91"/>
      <c r="FO3927" s="91"/>
      <c r="FP3927" s="91"/>
      <c r="FQ3927" s="91"/>
      <c r="FR3927" s="91"/>
      <c r="FS3927" s="91"/>
      <c r="FT3927" s="91"/>
      <c r="FU3927" s="91"/>
      <c r="FV3927" s="91"/>
      <c r="FW3927" s="91"/>
      <c r="FX3927" s="127"/>
      <c r="FY3927" s="126"/>
      <c r="FZ3927" s="91"/>
      <c r="GA3927" s="91"/>
      <c r="GB3927" s="91"/>
      <c r="GC3927" s="91"/>
      <c r="GD3927" s="91"/>
      <c r="GE3927" s="91"/>
      <c r="GF3927" s="91"/>
      <c r="GG3927" s="91"/>
      <c r="GH3927" s="91"/>
      <c r="GI3927" s="91"/>
      <c r="GJ3927" s="91"/>
      <c r="GK3927" s="127"/>
      <c r="GL3927" s="126"/>
      <c r="GM3927" s="91"/>
      <c r="GN3927" s="91"/>
      <c r="GO3927" s="91"/>
      <c r="GP3927" s="91"/>
      <c r="GQ3927" s="91"/>
      <c r="GR3927" s="91"/>
      <c r="GS3927" s="91"/>
      <c r="GT3927" s="91"/>
      <c r="GU3927" s="91"/>
      <c r="GV3927" s="91"/>
      <c r="GW3927" s="91"/>
      <c r="GX3927" s="127"/>
      <c r="GY3927" s="126"/>
      <c r="GZ3927" s="91"/>
      <c r="HA3927" s="91"/>
      <c r="HB3927" s="91"/>
      <c r="HC3927" s="91"/>
      <c r="HD3927" s="91"/>
      <c r="HE3927" s="91"/>
      <c r="HF3927" s="91"/>
      <c r="HG3927" s="91"/>
      <c r="HH3927" s="91"/>
      <c r="HI3927" s="91"/>
      <c r="HJ3927" s="91"/>
      <c r="HK3927" s="127"/>
      <c r="HL3927" s="126"/>
      <c r="HM3927" s="91"/>
      <c r="HN3927" s="91"/>
      <c r="HO3927" s="91"/>
      <c r="HP3927" s="91"/>
      <c r="HQ3927" s="91"/>
      <c r="HR3927" s="91"/>
      <c r="HS3927" s="91"/>
      <c r="HT3927" s="91"/>
      <c r="HU3927" s="91"/>
      <c r="HV3927" s="91"/>
      <c r="HW3927" s="91"/>
      <c r="HX3927" s="127"/>
      <c r="HY3927" s="126"/>
      <c r="HZ3927" s="91"/>
      <c r="IA3927" s="91"/>
      <c r="IB3927" s="91"/>
      <c r="IC3927" s="91"/>
      <c r="ID3927" s="91"/>
      <c r="IE3927" s="91"/>
      <c r="IF3927" s="91"/>
      <c r="IG3927" s="91"/>
      <c r="IH3927" s="91"/>
      <c r="II3927" s="91"/>
      <c r="IJ3927" s="91"/>
      <c r="IK3927" s="174"/>
    </row>
    <row r="3928" spans="2:245" x14ac:dyDescent="0.2">
      <c r="B3928" s="43"/>
      <c r="C3928" s="73"/>
      <c r="D3928" s="64"/>
      <c r="E3928" s="64"/>
      <c r="F3928" s="55"/>
      <c r="G3928" s="102"/>
      <c r="H3928" s="97"/>
      <c r="T3928" s="98"/>
      <c r="U3928" s="97"/>
      <c r="AG3928" s="98"/>
      <c r="AY3928" s="164"/>
      <c r="BK3928" s="98"/>
      <c r="BL3928" s="97"/>
      <c r="BX3928" s="98"/>
      <c r="CL3928" s="97"/>
      <c r="CX3928" s="98"/>
      <c r="DL3928" s="97"/>
      <c r="DX3928" s="98"/>
      <c r="EL3928" s="97"/>
      <c r="EX3928" s="98"/>
      <c r="EY3928" s="97"/>
      <c r="FL3928" s="126"/>
      <c r="FM3928" s="91"/>
      <c r="FN3928" s="91"/>
      <c r="FO3928" s="91"/>
      <c r="FP3928" s="91"/>
      <c r="FQ3928" s="91"/>
      <c r="FR3928" s="91"/>
      <c r="FS3928" s="91"/>
      <c r="FT3928" s="91"/>
      <c r="FU3928" s="91"/>
      <c r="FV3928" s="91"/>
      <c r="FW3928" s="91"/>
      <c r="FX3928" s="127"/>
      <c r="FY3928" s="126"/>
      <c r="FZ3928" s="91"/>
      <c r="GA3928" s="91"/>
      <c r="GB3928" s="91"/>
      <c r="GC3928" s="91"/>
      <c r="GD3928" s="91"/>
      <c r="GE3928" s="91"/>
      <c r="GF3928" s="91"/>
      <c r="GG3928" s="91"/>
      <c r="GH3928" s="91"/>
      <c r="GI3928" s="91"/>
      <c r="GJ3928" s="91"/>
      <c r="GK3928" s="127"/>
      <c r="GL3928" s="126"/>
      <c r="GM3928" s="91"/>
      <c r="GN3928" s="91"/>
      <c r="GO3928" s="91"/>
      <c r="GP3928" s="91"/>
      <c r="GQ3928" s="91"/>
      <c r="GR3928" s="91"/>
      <c r="GS3928" s="91"/>
      <c r="GT3928" s="91"/>
      <c r="GU3928" s="91"/>
      <c r="GV3928" s="91"/>
      <c r="GW3928" s="91"/>
      <c r="GX3928" s="127"/>
      <c r="GY3928" s="126"/>
      <c r="GZ3928" s="91"/>
      <c r="HA3928" s="91"/>
      <c r="HB3928" s="91"/>
      <c r="HC3928" s="91"/>
      <c r="HD3928" s="91"/>
      <c r="HE3928" s="91"/>
      <c r="HF3928" s="91"/>
      <c r="HG3928" s="91"/>
      <c r="HH3928" s="91"/>
      <c r="HI3928" s="91"/>
      <c r="HJ3928" s="91"/>
      <c r="HK3928" s="127"/>
      <c r="HL3928" s="126"/>
      <c r="HM3928" s="91"/>
      <c r="HN3928" s="91"/>
      <c r="HO3928" s="91"/>
      <c r="HP3928" s="91"/>
      <c r="HQ3928" s="91"/>
      <c r="HR3928" s="91"/>
      <c r="HS3928" s="91"/>
      <c r="HT3928" s="91"/>
      <c r="HU3928" s="91"/>
      <c r="HV3928" s="91"/>
      <c r="HW3928" s="91"/>
      <c r="HX3928" s="127"/>
      <c r="HY3928" s="126"/>
      <c r="HZ3928" s="91"/>
      <c r="IA3928" s="91"/>
      <c r="IB3928" s="91"/>
      <c r="IC3928" s="91"/>
      <c r="ID3928" s="91"/>
      <c r="IE3928" s="91"/>
      <c r="IF3928" s="91"/>
      <c r="IG3928" s="91"/>
      <c r="IH3928" s="91"/>
      <c r="II3928" s="91"/>
      <c r="IJ3928" s="91"/>
      <c r="IK3928" s="174"/>
    </row>
    <row r="3929" spans="2:245" x14ac:dyDescent="0.2">
      <c r="B3929" s="43"/>
      <c r="C3929" s="73"/>
      <c r="D3929" s="64"/>
      <c r="E3929" s="64"/>
      <c r="F3929" s="55"/>
      <c r="G3929" s="102"/>
      <c r="H3929" s="97"/>
      <c r="T3929" s="98"/>
      <c r="U3929" s="97"/>
      <c r="AG3929" s="98"/>
      <c r="AY3929" s="164"/>
      <c r="BK3929" s="98"/>
      <c r="BL3929" s="97"/>
      <c r="BX3929" s="98"/>
      <c r="CL3929" s="97"/>
      <c r="CX3929" s="98"/>
      <c r="DL3929" s="97"/>
      <c r="DX3929" s="98"/>
      <c r="EL3929" s="97"/>
      <c r="EX3929" s="98"/>
      <c r="EY3929" s="97"/>
      <c r="FL3929" s="126"/>
      <c r="FM3929" s="91"/>
      <c r="FN3929" s="91"/>
      <c r="FO3929" s="91"/>
      <c r="FP3929" s="91"/>
      <c r="FQ3929" s="91"/>
      <c r="FR3929" s="91"/>
      <c r="FS3929" s="91"/>
      <c r="FT3929" s="91"/>
      <c r="FU3929" s="91"/>
      <c r="FV3929" s="91"/>
      <c r="FW3929" s="91"/>
      <c r="FX3929" s="127"/>
      <c r="FY3929" s="126"/>
      <c r="FZ3929" s="91"/>
      <c r="GA3929" s="91"/>
      <c r="GB3929" s="91"/>
      <c r="GC3929" s="91"/>
      <c r="GD3929" s="91"/>
      <c r="GE3929" s="91"/>
      <c r="GF3929" s="91"/>
      <c r="GG3929" s="91"/>
      <c r="GH3929" s="91"/>
      <c r="GI3929" s="91"/>
      <c r="GJ3929" s="91"/>
      <c r="GK3929" s="127"/>
      <c r="GL3929" s="126"/>
      <c r="GM3929" s="91"/>
      <c r="GN3929" s="91"/>
      <c r="GO3929" s="91"/>
      <c r="GP3929" s="91"/>
      <c r="GQ3929" s="91"/>
      <c r="GR3929" s="91"/>
      <c r="GS3929" s="91"/>
      <c r="GT3929" s="91"/>
      <c r="GU3929" s="91"/>
      <c r="GV3929" s="91"/>
      <c r="GW3929" s="91"/>
      <c r="GX3929" s="127"/>
      <c r="GY3929" s="126"/>
      <c r="GZ3929" s="91"/>
      <c r="HA3929" s="91"/>
      <c r="HB3929" s="91"/>
      <c r="HC3929" s="91"/>
      <c r="HD3929" s="91"/>
      <c r="HE3929" s="91"/>
      <c r="HF3929" s="91"/>
      <c r="HG3929" s="91"/>
      <c r="HH3929" s="91"/>
      <c r="HI3929" s="91"/>
      <c r="HJ3929" s="91"/>
      <c r="HK3929" s="127"/>
      <c r="HL3929" s="126"/>
      <c r="HM3929" s="91"/>
      <c r="HN3929" s="91"/>
      <c r="HO3929" s="91"/>
      <c r="HP3929" s="91"/>
      <c r="HQ3929" s="91"/>
      <c r="HR3929" s="91"/>
      <c r="HS3929" s="91"/>
      <c r="HT3929" s="91"/>
      <c r="HU3929" s="91"/>
      <c r="HV3929" s="91"/>
      <c r="HW3929" s="91"/>
      <c r="HX3929" s="127"/>
      <c r="HY3929" s="126"/>
      <c r="HZ3929" s="91"/>
      <c r="IA3929" s="91"/>
      <c r="IB3929" s="91"/>
      <c r="IC3929" s="91"/>
      <c r="ID3929" s="91"/>
      <c r="IE3929" s="91"/>
      <c r="IF3929" s="91"/>
      <c r="IG3929" s="91"/>
      <c r="IH3929" s="91"/>
      <c r="II3929" s="91"/>
      <c r="IJ3929" s="91"/>
      <c r="IK3929" s="174"/>
    </row>
    <row r="3930" spans="2:245" x14ac:dyDescent="0.2">
      <c r="B3930" s="43"/>
      <c r="C3930" s="73"/>
      <c r="D3930" s="64"/>
      <c r="E3930" s="64"/>
      <c r="F3930" s="55"/>
      <c r="G3930" s="102"/>
      <c r="H3930" s="97"/>
      <c r="T3930" s="98"/>
      <c r="U3930" s="97"/>
      <c r="AG3930" s="98"/>
      <c r="AY3930" s="164"/>
      <c r="BK3930" s="98"/>
      <c r="BL3930" s="97"/>
      <c r="BX3930" s="98"/>
      <c r="CL3930" s="97"/>
      <c r="CX3930" s="98"/>
      <c r="DL3930" s="97"/>
      <c r="DX3930" s="98"/>
      <c r="EL3930" s="97"/>
      <c r="EX3930" s="98"/>
      <c r="EY3930" s="97"/>
      <c r="FL3930" s="126"/>
      <c r="FM3930" s="91"/>
      <c r="FN3930" s="91"/>
      <c r="FO3930" s="91"/>
      <c r="FP3930" s="91"/>
      <c r="FQ3930" s="91"/>
      <c r="FR3930" s="91"/>
      <c r="FS3930" s="91"/>
      <c r="FT3930" s="91"/>
      <c r="FU3930" s="91"/>
      <c r="FV3930" s="91"/>
      <c r="FW3930" s="91"/>
      <c r="FX3930" s="127"/>
      <c r="FY3930" s="126"/>
      <c r="FZ3930" s="91"/>
      <c r="GA3930" s="91"/>
      <c r="GB3930" s="91"/>
      <c r="GC3930" s="91"/>
      <c r="GD3930" s="91"/>
      <c r="GE3930" s="91"/>
      <c r="GF3930" s="91"/>
      <c r="GG3930" s="91"/>
      <c r="GH3930" s="91"/>
      <c r="GI3930" s="91"/>
      <c r="GJ3930" s="91"/>
      <c r="GK3930" s="127"/>
      <c r="GL3930" s="126"/>
      <c r="GM3930" s="91"/>
      <c r="GN3930" s="91"/>
      <c r="GO3930" s="91"/>
      <c r="GP3930" s="91"/>
      <c r="GQ3930" s="91"/>
      <c r="GR3930" s="91"/>
      <c r="GS3930" s="91"/>
      <c r="GT3930" s="91"/>
      <c r="GU3930" s="91"/>
      <c r="GV3930" s="91"/>
      <c r="GW3930" s="91"/>
      <c r="GX3930" s="127"/>
      <c r="GY3930" s="126"/>
      <c r="GZ3930" s="91"/>
      <c r="HA3930" s="91"/>
      <c r="HB3930" s="91"/>
      <c r="HC3930" s="91"/>
      <c r="HD3930" s="91"/>
      <c r="HE3930" s="91"/>
      <c r="HF3930" s="91"/>
      <c r="HG3930" s="91"/>
      <c r="HH3930" s="91"/>
      <c r="HI3930" s="91"/>
      <c r="HJ3930" s="91"/>
      <c r="HK3930" s="127"/>
      <c r="HL3930" s="126"/>
      <c r="HM3930" s="91"/>
      <c r="HN3930" s="91"/>
      <c r="HO3930" s="91"/>
      <c r="HP3930" s="91"/>
      <c r="HQ3930" s="91"/>
      <c r="HR3930" s="91"/>
      <c r="HS3930" s="91"/>
      <c r="HT3930" s="91"/>
      <c r="HU3930" s="91"/>
      <c r="HV3930" s="91"/>
      <c r="HW3930" s="91"/>
      <c r="HX3930" s="127"/>
      <c r="HY3930" s="126"/>
      <c r="HZ3930" s="91"/>
      <c r="IA3930" s="91"/>
      <c r="IB3930" s="91"/>
      <c r="IC3930" s="91"/>
      <c r="ID3930" s="91"/>
      <c r="IE3930" s="91"/>
      <c r="IF3930" s="91"/>
      <c r="IG3930" s="91"/>
      <c r="IH3930" s="91"/>
      <c r="II3930" s="91"/>
      <c r="IJ3930" s="91"/>
      <c r="IK3930" s="174"/>
    </row>
    <row r="3931" spans="2:245" x14ac:dyDescent="0.2">
      <c r="B3931" s="43"/>
      <c r="C3931" s="73"/>
      <c r="D3931" s="64"/>
      <c r="E3931" s="64"/>
      <c r="F3931" s="55"/>
      <c r="G3931" s="102"/>
      <c r="H3931" s="97"/>
      <c r="T3931" s="98"/>
      <c r="U3931" s="97"/>
      <c r="AG3931" s="98"/>
      <c r="AY3931" s="164"/>
      <c r="BK3931" s="98"/>
      <c r="BL3931" s="97"/>
      <c r="BX3931" s="98"/>
      <c r="CL3931" s="97"/>
      <c r="CX3931" s="98"/>
      <c r="DL3931" s="97"/>
      <c r="DX3931" s="98"/>
      <c r="EL3931" s="97"/>
      <c r="EX3931" s="98"/>
      <c r="EY3931" s="97"/>
      <c r="FL3931" s="126"/>
      <c r="FM3931" s="91"/>
      <c r="FN3931" s="91"/>
      <c r="FO3931" s="91"/>
      <c r="FP3931" s="91"/>
      <c r="FQ3931" s="91"/>
      <c r="FR3931" s="91"/>
      <c r="FS3931" s="91"/>
      <c r="FT3931" s="91"/>
      <c r="FU3931" s="91"/>
      <c r="FV3931" s="91"/>
      <c r="FW3931" s="91"/>
      <c r="FX3931" s="127"/>
      <c r="FY3931" s="126"/>
      <c r="FZ3931" s="91"/>
      <c r="GA3931" s="91"/>
      <c r="GB3931" s="91"/>
      <c r="GC3931" s="91"/>
      <c r="GD3931" s="91"/>
      <c r="GE3931" s="91"/>
      <c r="GF3931" s="91"/>
      <c r="GG3931" s="91"/>
      <c r="GH3931" s="91"/>
      <c r="GI3931" s="91"/>
      <c r="GJ3931" s="91"/>
      <c r="GK3931" s="127"/>
      <c r="GL3931" s="126"/>
      <c r="GM3931" s="91"/>
      <c r="GN3931" s="91"/>
      <c r="GO3931" s="91"/>
      <c r="GP3931" s="91"/>
      <c r="GQ3931" s="91"/>
      <c r="GR3931" s="91"/>
      <c r="GS3931" s="91"/>
      <c r="GT3931" s="91"/>
      <c r="GU3931" s="91"/>
      <c r="GV3931" s="91"/>
      <c r="GW3931" s="91"/>
      <c r="GX3931" s="127"/>
      <c r="GY3931" s="126"/>
      <c r="GZ3931" s="91"/>
      <c r="HA3931" s="91"/>
      <c r="HB3931" s="91"/>
      <c r="HC3931" s="91"/>
      <c r="HD3931" s="91"/>
      <c r="HE3931" s="91"/>
      <c r="HF3931" s="91"/>
      <c r="HG3931" s="91"/>
      <c r="HH3931" s="91"/>
      <c r="HI3931" s="91"/>
      <c r="HJ3931" s="91"/>
      <c r="HK3931" s="127"/>
      <c r="HL3931" s="126"/>
      <c r="HM3931" s="91"/>
      <c r="HN3931" s="91"/>
      <c r="HO3931" s="91"/>
      <c r="HP3931" s="91"/>
      <c r="HQ3931" s="91"/>
      <c r="HR3931" s="91"/>
      <c r="HS3931" s="91"/>
      <c r="HT3931" s="91"/>
      <c r="HU3931" s="91"/>
      <c r="HV3931" s="91"/>
      <c r="HW3931" s="91"/>
      <c r="HX3931" s="127"/>
      <c r="HY3931" s="126"/>
      <c r="HZ3931" s="91"/>
      <c r="IA3931" s="91"/>
      <c r="IB3931" s="91"/>
      <c r="IC3931" s="91"/>
      <c r="ID3931" s="91"/>
      <c r="IE3931" s="91"/>
      <c r="IF3931" s="91"/>
      <c r="IG3931" s="91"/>
      <c r="IH3931" s="91"/>
      <c r="II3931" s="91"/>
      <c r="IJ3931" s="91"/>
      <c r="IK3931" s="174"/>
    </row>
    <row r="3932" spans="2:245" x14ac:dyDescent="0.2">
      <c r="B3932" s="43"/>
      <c r="C3932" s="73"/>
      <c r="D3932" s="64"/>
      <c r="E3932" s="64"/>
      <c r="F3932" s="55"/>
      <c r="G3932" s="102"/>
      <c r="H3932" s="97"/>
      <c r="T3932" s="98"/>
      <c r="U3932" s="97"/>
      <c r="AG3932" s="98"/>
      <c r="AY3932" s="164"/>
      <c r="BK3932" s="98"/>
      <c r="BL3932" s="97"/>
      <c r="BX3932" s="98"/>
      <c r="CL3932" s="97"/>
      <c r="CX3932" s="98"/>
      <c r="DL3932" s="97"/>
      <c r="DX3932" s="98"/>
      <c r="EL3932" s="97"/>
      <c r="EX3932" s="98"/>
      <c r="EY3932" s="97"/>
      <c r="FL3932" s="126"/>
      <c r="FM3932" s="91"/>
      <c r="FN3932" s="91"/>
      <c r="FO3932" s="91"/>
      <c r="FP3932" s="91"/>
      <c r="FQ3932" s="91"/>
      <c r="FR3932" s="91"/>
      <c r="FS3932" s="91"/>
      <c r="FT3932" s="91"/>
      <c r="FU3932" s="91"/>
      <c r="FV3932" s="91"/>
      <c r="FW3932" s="91"/>
      <c r="FX3932" s="127"/>
      <c r="FY3932" s="126"/>
      <c r="FZ3932" s="91"/>
      <c r="GA3932" s="91"/>
      <c r="GB3932" s="91"/>
      <c r="GC3932" s="91"/>
      <c r="GD3932" s="91"/>
      <c r="GE3932" s="91"/>
      <c r="GF3932" s="91"/>
      <c r="GG3932" s="91"/>
      <c r="GH3932" s="91"/>
      <c r="GI3932" s="91"/>
      <c r="GJ3932" s="91"/>
      <c r="GK3932" s="127"/>
      <c r="GL3932" s="126"/>
      <c r="GM3932" s="91"/>
      <c r="GN3932" s="91"/>
      <c r="GO3932" s="91"/>
      <c r="GP3932" s="91"/>
      <c r="GQ3932" s="91"/>
      <c r="GR3932" s="91"/>
      <c r="GS3932" s="91"/>
      <c r="GT3932" s="91"/>
      <c r="GU3932" s="91"/>
      <c r="GV3932" s="91"/>
      <c r="GW3932" s="91"/>
      <c r="GX3932" s="127"/>
      <c r="GY3932" s="126"/>
      <c r="GZ3932" s="91"/>
      <c r="HA3932" s="91"/>
      <c r="HB3932" s="91"/>
      <c r="HC3932" s="91"/>
      <c r="HD3932" s="91"/>
      <c r="HE3932" s="91"/>
      <c r="HF3932" s="91"/>
      <c r="HG3932" s="91"/>
      <c r="HH3932" s="91"/>
      <c r="HI3932" s="91"/>
      <c r="HJ3932" s="91"/>
      <c r="HK3932" s="127"/>
      <c r="HL3932" s="126"/>
      <c r="HM3932" s="91"/>
      <c r="HN3932" s="91"/>
      <c r="HO3932" s="91"/>
      <c r="HP3932" s="91"/>
      <c r="HQ3932" s="91"/>
      <c r="HR3932" s="91"/>
      <c r="HS3932" s="91"/>
      <c r="HT3932" s="91"/>
      <c r="HU3932" s="91"/>
      <c r="HV3932" s="91"/>
      <c r="HW3932" s="91"/>
      <c r="HX3932" s="127"/>
      <c r="HY3932" s="126"/>
      <c r="HZ3932" s="91"/>
      <c r="IA3932" s="91"/>
      <c r="IB3932" s="91"/>
      <c r="IC3932" s="91"/>
      <c r="ID3932" s="91"/>
      <c r="IE3932" s="91"/>
      <c r="IF3932" s="91"/>
      <c r="IG3932" s="91"/>
      <c r="IH3932" s="91"/>
      <c r="II3932" s="91"/>
      <c r="IJ3932" s="91"/>
      <c r="IK3932" s="174"/>
    </row>
    <row r="3933" spans="2:245" x14ac:dyDescent="0.2">
      <c r="B3933" s="43"/>
      <c r="C3933" s="73"/>
      <c r="D3933" s="64"/>
      <c r="E3933" s="64"/>
      <c r="F3933" s="55"/>
      <c r="G3933" s="102"/>
      <c r="H3933" s="97"/>
      <c r="T3933" s="98"/>
      <c r="U3933" s="97"/>
      <c r="AG3933" s="98"/>
      <c r="AY3933" s="164"/>
      <c r="BK3933" s="98"/>
      <c r="BL3933" s="97"/>
      <c r="BX3933" s="98"/>
      <c r="CL3933" s="97"/>
      <c r="CX3933" s="98"/>
      <c r="DL3933" s="97"/>
      <c r="DX3933" s="98"/>
      <c r="EL3933" s="97"/>
      <c r="EX3933" s="98"/>
      <c r="EY3933" s="97"/>
      <c r="FL3933" s="126"/>
      <c r="FM3933" s="91"/>
      <c r="FN3933" s="91"/>
      <c r="FO3933" s="91"/>
      <c r="FP3933" s="91"/>
      <c r="FQ3933" s="91"/>
      <c r="FR3933" s="91"/>
      <c r="FS3933" s="91"/>
      <c r="FT3933" s="91"/>
      <c r="FU3933" s="91"/>
      <c r="FV3933" s="91"/>
      <c r="FW3933" s="91"/>
      <c r="FX3933" s="127"/>
      <c r="FY3933" s="126"/>
      <c r="FZ3933" s="91"/>
      <c r="GA3933" s="91"/>
      <c r="GB3933" s="91"/>
      <c r="GC3933" s="91"/>
      <c r="GD3933" s="91"/>
      <c r="GE3933" s="91"/>
      <c r="GF3933" s="91"/>
      <c r="GG3933" s="91"/>
      <c r="GH3933" s="91"/>
      <c r="GI3933" s="91"/>
      <c r="GJ3933" s="91"/>
      <c r="GK3933" s="127"/>
      <c r="GL3933" s="126"/>
      <c r="GM3933" s="91"/>
      <c r="GN3933" s="91"/>
      <c r="GO3933" s="91"/>
      <c r="GP3933" s="91"/>
      <c r="GQ3933" s="91"/>
      <c r="GR3933" s="91"/>
      <c r="GS3933" s="91"/>
      <c r="GT3933" s="91"/>
      <c r="GU3933" s="91"/>
      <c r="GV3933" s="91"/>
      <c r="GW3933" s="91"/>
      <c r="GX3933" s="127"/>
      <c r="GY3933" s="126"/>
      <c r="GZ3933" s="91"/>
      <c r="HA3933" s="91"/>
      <c r="HB3933" s="91"/>
      <c r="HC3933" s="91"/>
      <c r="HD3933" s="91"/>
      <c r="HE3933" s="91"/>
      <c r="HF3933" s="91"/>
      <c r="HG3933" s="91"/>
      <c r="HH3933" s="91"/>
      <c r="HI3933" s="91"/>
      <c r="HJ3933" s="91"/>
      <c r="HK3933" s="127"/>
      <c r="HL3933" s="126"/>
      <c r="HM3933" s="91"/>
      <c r="HN3933" s="91"/>
      <c r="HO3933" s="91"/>
      <c r="HP3933" s="91"/>
      <c r="HQ3933" s="91"/>
      <c r="HR3933" s="91"/>
      <c r="HS3933" s="91"/>
      <c r="HT3933" s="91"/>
      <c r="HU3933" s="91"/>
      <c r="HV3933" s="91"/>
      <c r="HW3933" s="91"/>
      <c r="HX3933" s="127"/>
      <c r="HY3933" s="126"/>
      <c r="HZ3933" s="91"/>
      <c r="IA3933" s="91"/>
      <c r="IB3933" s="91"/>
      <c r="IC3933" s="91"/>
      <c r="ID3933" s="91"/>
      <c r="IE3933" s="91"/>
      <c r="IF3933" s="91"/>
      <c r="IG3933" s="91"/>
      <c r="IH3933" s="91"/>
      <c r="II3933" s="91"/>
      <c r="IJ3933" s="91"/>
      <c r="IK3933" s="174"/>
    </row>
    <row r="3934" spans="2:245" x14ac:dyDescent="0.2">
      <c r="B3934" s="43"/>
      <c r="C3934" s="73"/>
      <c r="D3934" s="64"/>
      <c r="E3934" s="64"/>
      <c r="F3934" s="55"/>
      <c r="G3934" s="102"/>
      <c r="H3934" s="97"/>
      <c r="T3934" s="98"/>
      <c r="U3934" s="97"/>
      <c r="AG3934" s="98"/>
      <c r="AY3934" s="164"/>
      <c r="BK3934" s="98"/>
      <c r="BL3934" s="97"/>
      <c r="BX3934" s="98"/>
      <c r="CL3934" s="97"/>
      <c r="CX3934" s="98"/>
      <c r="DL3934" s="97"/>
      <c r="DX3934" s="98"/>
      <c r="EL3934" s="97"/>
      <c r="EX3934" s="98"/>
      <c r="EY3934" s="97"/>
      <c r="FL3934" s="126"/>
      <c r="FM3934" s="91"/>
      <c r="FN3934" s="91"/>
      <c r="FO3934" s="91"/>
      <c r="FP3934" s="91"/>
      <c r="FQ3934" s="91"/>
      <c r="FR3934" s="91"/>
      <c r="FS3934" s="91"/>
      <c r="FT3934" s="91"/>
      <c r="FU3934" s="91"/>
      <c r="FV3934" s="91"/>
      <c r="FW3934" s="91"/>
      <c r="FX3934" s="127"/>
      <c r="FY3934" s="126"/>
      <c r="FZ3934" s="91"/>
      <c r="GA3934" s="91"/>
      <c r="GB3934" s="91"/>
      <c r="GC3934" s="91"/>
      <c r="GD3934" s="91"/>
      <c r="GE3934" s="91"/>
      <c r="GF3934" s="91"/>
      <c r="GG3934" s="91"/>
      <c r="GH3934" s="91"/>
      <c r="GI3934" s="91"/>
      <c r="GJ3934" s="91"/>
      <c r="GK3934" s="127"/>
      <c r="GL3934" s="126"/>
      <c r="GM3934" s="91"/>
      <c r="GN3934" s="91"/>
      <c r="GO3934" s="91"/>
      <c r="GP3934" s="91"/>
      <c r="GQ3934" s="91"/>
      <c r="GR3934" s="91"/>
      <c r="GS3934" s="91"/>
      <c r="GT3934" s="91"/>
      <c r="GU3934" s="91"/>
      <c r="GV3934" s="91"/>
      <c r="GW3934" s="91"/>
      <c r="GX3934" s="127"/>
      <c r="GY3934" s="126"/>
      <c r="GZ3934" s="91"/>
      <c r="HA3934" s="91"/>
      <c r="HB3934" s="91"/>
      <c r="HC3934" s="91"/>
      <c r="HD3934" s="91"/>
      <c r="HE3934" s="91"/>
      <c r="HF3934" s="91"/>
      <c r="HG3934" s="91"/>
      <c r="HH3934" s="91"/>
      <c r="HI3934" s="91"/>
      <c r="HJ3934" s="91"/>
      <c r="HK3934" s="127"/>
      <c r="HL3934" s="126"/>
      <c r="HM3934" s="91"/>
      <c r="HN3934" s="91"/>
      <c r="HO3934" s="91"/>
      <c r="HP3934" s="91"/>
      <c r="HQ3934" s="91"/>
      <c r="HR3934" s="91"/>
      <c r="HS3934" s="91"/>
      <c r="HT3934" s="91"/>
      <c r="HU3934" s="91"/>
      <c r="HV3934" s="91"/>
      <c r="HW3934" s="91"/>
      <c r="HX3934" s="127"/>
      <c r="HY3934" s="126"/>
      <c r="HZ3934" s="91"/>
      <c r="IA3934" s="91"/>
      <c r="IB3934" s="91"/>
      <c r="IC3934" s="91"/>
      <c r="ID3934" s="91"/>
      <c r="IE3934" s="91"/>
      <c r="IF3934" s="91"/>
      <c r="IG3934" s="91"/>
      <c r="IH3934" s="91"/>
      <c r="II3934" s="91"/>
      <c r="IJ3934" s="91"/>
      <c r="IK3934" s="174"/>
    </row>
    <row r="3935" spans="2:245" x14ac:dyDescent="0.2">
      <c r="B3935" s="43"/>
      <c r="C3935" s="73"/>
      <c r="D3935" s="64"/>
      <c r="E3935" s="64"/>
      <c r="F3935" s="55"/>
      <c r="G3935" s="102"/>
      <c r="H3935" s="97"/>
      <c r="T3935" s="98"/>
      <c r="U3935" s="97"/>
      <c r="AG3935" s="98"/>
      <c r="AY3935" s="164"/>
      <c r="BK3935" s="98"/>
      <c r="BL3935" s="97"/>
      <c r="BX3935" s="98"/>
      <c r="CL3935" s="97"/>
      <c r="CX3935" s="98"/>
      <c r="DL3935" s="97"/>
      <c r="DX3935" s="98"/>
      <c r="EL3935" s="97"/>
      <c r="EX3935" s="98"/>
      <c r="EY3935" s="97"/>
      <c r="FL3935" s="126"/>
      <c r="FM3935" s="91"/>
      <c r="FN3935" s="91"/>
      <c r="FO3935" s="91"/>
      <c r="FP3935" s="91"/>
      <c r="FQ3935" s="91"/>
      <c r="FR3935" s="91"/>
      <c r="FS3935" s="91"/>
      <c r="FT3935" s="91"/>
      <c r="FU3935" s="91"/>
      <c r="FV3935" s="91"/>
      <c r="FW3935" s="91"/>
      <c r="FX3935" s="127"/>
      <c r="FY3935" s="126"/>
      <c r="FZ3935" s="91"/>
      <c r="GA3935" s="91"/>
      <c r="GB3935" s="91"/>
      <c r="GC3935" s="91"/>
      <c r="GD3935" s="91"/>
      <c r="GE3935" s="91"/>
      <c r="GF3935" s="91"/>
      <c r="GG3935" s="91"/>
      <c r="GH3935" s="91"/>
      <c r="GI3935" s="91"/>
      <c r="GJ3935" s="91"/>
      <c r="GK3935" s="127"/>
      <c r="GL3935" s="126"/>
      <c r="GM3935" s="91"/>
      <c r="GN3935" s="91"/>
      <c r="GO3935" s="91"/>
      <c r="GP3935" s="91"/>
      <c r="GQ3935" s="91"/>
      <c r="GR3935" s="91"/>
      <c r="GS3935" s="91"/>
      <c r="GT3935" s="91"/>
      <c r="GU3935" s="91"/>
      <c r="GV3935" s="91"/>
      <c r="GW3935" s="91"/>
      <c r="GX3935" s="127"/>
      <c r="GY3935" s="126"/>
      <c r="GZ3935" s="91"/>
      <c r="HA3935" s="91"/>
      <c r="HB3935" s="91"/>
      <c r="HC3935" s="91"/>
      <c r="HD3935" s="91"/>
      <c r="HE3935" s="91"/>
      <c r="HF3935" s="91"/>
      <c r="HG3935" s="91"/>
      <c r="HH3935" s="91"/>
      <c r="HI3935" s="91"/>
      <c r="HJ3935" s="91"/>
      <c r="HK3935" s="127"/>
      <c r="HL3935" s="126"/>
      <c r="HM3935" s="91"/>
      <c r="HN3935" s="91"/>
      <c r="HO3935" s="91"/>
      <c r="HP3935" s="91"/>
      <c r="HQ3935" s="91"/>
      <c r="HR3935" s="91"/>
      <c r="HS3935" s="91"/>
      <c r="HT3935" s="91"/>
      <c r="HU3935" s="91"/>
      <c r="HV3935" s="91"/>
      <c r="HW3935" s="91"/>
      <c r="HX3935" s="127"/>
      <c r="HY3935" s="126"/>
      <c r="HZ3935" s="91"/>
      <c r="IA3935" s="91"/>
      <c r="IB3935" s="91"/>
      <c r="IC3935" s="91"/>
      <c r="ID3935" s="91"/>
      <c r="IE3935" s="91"/>
      <c r="IF3935" s="91"/>
      <c r="IG3935" s="91"/>
      <c r="IH3935" s="91"/>
      <c r="II3935" s="91"/>
      <c r="IJ3935" s="91"/>
      <c r="IK3935" s="174"/>
    </row>
    <row r="3936" spans="2:245" x14ac:dyDescent="0.2">
      <c r="B3936" s="43"/>
      <c r="C3936" s="73"/>
      <c r="D3936" s="64"/>
      <c r="E3936" s="64"/>
      <c r="F3936" s="55"/>
      <c r="G3936" s="102"/>
      <c r="H3936" s="97"/>
      <c r="T3936" s="98"/>
      <c r="U3936" s="97"/>
      <c r="AG3936" s="98"/>
      <c r="AY3936" s="164"/>
      <c r="BK3936" s="98"/>
      <c r="BL3936" s="97"/>
      <c r="BX3936" s="98"/>
      <c r="CL3936" s="97"/>
      <c r="CX3936" s="98"/>
      <c r="DL3936" s="97"/>
      <c r="DX3936" s="98"/>
      <c r="EL3936" s="97"/>
      <c r="EX3936" s="98"/>
      <c r="EY3936" s="97"/>
      <c r="FL3936" s="126"/>
      <c r="FM3936" s="91"/>
      <c r="FN3936" s="91"/>
      <c r="FO3936" s="91"/>
      <c r="FP3936" s="91"/>
      <c r="FQ3936" s="91"/>
      <c r="FR3936" s="91"/>
      <c r="FS3936" s="91"/>
      <c r="FT3936" s="91"/>
      <c r="FU3936" s="91"/>
      <c r="FV3936" s="91"/>
      <c r="FW3936" s="91"/>
      <c r="FX3936" s="127"/>
      <c r="FY3936" s="126"/>
      <c r="FZ3936" s="91"/>
      <c r="GA3936" s="91"/>
      <c r="GB3936" s="91"/>
      <c r="GC3936" s="91"/>
      <c r="GD3936" s="91"/>
      <c r="GE3936" s="91"/>
      <c r="GF3936" s="91"/>
      <c r="GG3936" s="91"/>
      <c r="GH3936" s="91"/>
      <c r="GI3936" s="91"/>
      <c r="GJ3936" s="91"/>
      <c r="GK3936" s="127"/>
      <c r="GL3936" s="126"/>
      <c r="GM3936" s="91"/>
      <c r="GN3936" s="91"/>
      <c r="GO3936" s="91"/>
      <c r="GP3936" s="91"/>
      <c r="GQ3936" s="91"/>
      <c r="GR3936" s="91"/>
      <c r="GS3936" s="91"/>
      <c r="GT3936" s="91"/>
      <c r="GU3936" s="91"/>
      <c r="GV3936" s="91"/>
      <c r="GW3936" s="91"/>
      <c r="GX3936" s="127"/>
      <c r="GY3936" s="126"/>
      <c r="GZ3936" s="91"/>
      <c r="HA3936" s="91"/>
      <c r="HB3936" s="91"/>
      <c r="HC3936" s="91"/>
      <c r="HD3936" s="91"/>
      <c r="HE3936" s="91"/>
      <c r="HF3936" s="91"/>
      <c r="HG3936" s="91"/>
      <c r="HH3936" s="91"/>
      <c r="HI3936" s="91"/>
      <c r="HJ3936" s="91"/>
      <c r="HK3936" s="127"/>
      <c r="HL3936" s="126"/>
      <c r="HM3936" s="91"/>
      <c r="HN3936" s="91"/>
      <c r="HO3936" s="91"/>
      <c r="HP3936" s="91"/>
      <c r="HQ3936" s="91"/>
      <c r="HR3936" s="91"/>
      <c r="HS3936" s="91"/>
      <c r="HT3936" s="91"/>
      <c r="HU3936" s="91"/>
      <c r="HV3936" s="91"/>
      <c r="HW3936" s="91"/>
      <c r="HX3936" s="127"/>
      <c r="HY3936" s="126"/>
      <c r="HZ3936" s="91"/>
      <c r="IA3936" s="91"/>
      <c r="IB3936" s="91"/>
      <c r="IC3936" s="91"/>
      <c r="ID3936" s="91"/>
      <c r="IE3936" s="91"/>
      <c r="IF3936" s="91"/>
      <c r="IG3936" s="91"/>
      <c r="IH3936" s="91"/>
      <c r="II3936" s="91"/>
      <c r="IJ3936" s="91"/>
      <c r="IK3936" s="174"/>
    </row>
    <row r="3937" spans="2:245" x14ac:dyDescent="0.2">
      <c r="B3937" s="43"/>
      <c r="C3937" s="73"/>
      <c r="D3937" s="64"/>
      <c r="E3937" s="64"/>
      <c r="F3937" s="55"/>
      <c r="G3937" s="102"/>
      <c r="H3937" s="97"/>
      <c r="T3937" s="98"/>
      <c r="U3937" s="97"/>
      <c r="AG3937" s="98"/>
      <c r="AY3937" s="164"/>
      <c r="BK3937" s="98"/>
      <c r="BL3937" s="97"/>
      <c r="BX3937" s="98"/>
      <c r="CL3937" s="97"/>
      <c r="CX3937" s="98"/>
      <c r="DL3937" s="97"/>
      <c r="DX3937" s="98"/>
      <c r="EL3937" s="97"/>
      <c r="EX3937" s="98"/>
      <c r="EY3937" s="97"/>
      <c r="FL3937" s="126"/>
      <c r="FM3937" s="91"/>
      <c r="FN3937" s="91"/>
      <c r="FO3937" s="91"/>
      <c r="FP3937" s="91"/>
      <c r="FQ3937" s="91"/>
      <c r="FR3937" s="91"/>
      <c r="FS3937" s="91"/>
      <c r="FT3937" s="91"/>
      <c r="FU3937" s="91"/>
      <c r="FV3937" s="91"/>
      <c r="FW3937" s="91"/>
      <c r="FX3937" s="127"/>
      <c r="FY3937" s="126"/>
      <c r="FZ3937" s="91"/>
      <c r="GA3937" s="91"/>
      <c r="GB3937" s="91"/>
      <c r="GC3937" s="91"/>
      <c r="GD3937" s="91"/>
      <c r="GE3937" s="91"/>
      <c r="GF3937" s="91"/>
      <c r="GG3937" s="91"/>
      <c r="GH3937" s="91"/>
      <c r="GI3937" s="91"/>
      <c r="GJ3937" s="91"/>
      <c r="GK3937" s="127"/>
      <c r="GL3937" s="126"/>
      <c r="GM3937" s="91"/>
      <c r="GN3937" s="91"/>
      <c r="GO3937" s="91"/>
      <c r="GP3937" s="91"/>
      <c r="GQ3937" s="91"/>
      <c r="GR3937" s="91"/>
      <c r="GS3937" s="91"/>
      <c r="GT3937" s="91"/>
      <c r="GU3937" s="91"/>
      <c r="GV3937" s="91"/>
      <c r="GW3937" s="91"/>
      <c r="GX3937" s="127"/>
      <c r="GY3937" s="126"/>
      <c r="GZ3937" s="91"/>
      <c r="HA3937" s="91"/>
      <c r="HB3937" s="91"/>
      <c r="HC3937" s="91"/>
      <c r="HD3937" s="91"/>
      <c r="HE3937" s="91"/>
      <c r="HF3937" s="91"/>
      <c r="HG3937" s="91"/>
      <c r="HH3937" s="91"/>
      <c r="HI3937" s="91"/>
      <c r="HJ3937" s="91"/>
      <c r="HK3937" s="127"/>
      <c r="HL3937" s="126"/>
      <c r="HM3937" s="91"/>
      <c r="HN3937" s="91"/>
      <c r="HO3937" s="91"/>
      <c r="HP3937" s="91"/>
      <c r="HQ3937" s="91"/>
      <c r="HR3937" s="91"/>
      <c r="HS3937" s="91"/>
      <c r="HT3937" s="91"/>
      <c r="HU3937" s="91"/>
      <c r="HV3937" s="91"/>
      <c r="HW3937" s="91"/>
      <c r="HX3937" s="127"/>
      <c r="HY3937" s="126"/>
      <c r="HZ3937" s="91"/>
      <c r="IA3937" s="91"/>
      <c r="IB3937" s="91"/>
      <c r="IC3937" s="91"/>
      <c r="ID3937" s="91"/>
      <c r="IE3937" s="91"/>
      <c r="IF3937" s="91"/>
      <c r="IG3937" s="91"/>
      <c r="IH3937" s="91"/>
      <c r="II3937" s="91"/>
      <c r="IJ3937" s="91"/>
      <c r="IK3937" s="174"/>
    </row>
    <row r="3938" spans="2:245" x14ac:dyDescent="0.2">
      <c r="B3938" s="43"/>
      <c r="C3938" s="73"/>
      <c r="D3938" s="64"/>
      <c r="E3938" s="64"/>
      <c r="F3938" s="55"/>
      <c r="G3938" s="102"/>
      <c r="H3938" s="97"/>
      <c r="T3938" s="98"/>
      <c r="U3938" s="97"/>
      <c r="AG3938" s="98"/>
      <c r="AY3938" s="164"/>
      <c r="BK3938" s="98"/>
      <c r="BL3938" s="97"/>
      <c r="BX3938" s="98"/>
      <c r="CL3938" s="97"/>
      <c r="CX3938" s="98"/>
      <c r="DL3938" s="97"/>
      <c r="DX3938" s="98"/>
      <c r="EL3938" s="97"/>
      <c r="EX3938" s="98"/>
      <c r="EY3938" s="97"/>
      <c r="FL3938" s="126"/>
      <c r="FM3938" s="91"/>
      <c r="FN3938" s="91"/>
      <c r="FO3938" s="91"/>
      <c r="FP3938" s="91"/>
      <c r="FQ3938" s="91"/>
      <c r="FR3938" s="91"/>
      <c r="FS3938" s="91"/>
      <c r="FT3938" s="91"/>
      <c r="FU3938" s="91"/>
      <c r="FV3938" s="91"/>
      <c r="FW3938" s="91"/>
      <c r="FX3938" s="127"/>
      <c r="FY3938" s="126"/>
      <c r="FZ3938" s="91"/>
      <c r="GA3938" s="91"/>
      <c r="GB3938" s="91"/>
      <c r="GC3938" s="91"/>
      <c r="GD3938" s="91"/>
      <c r="GE3938" s="91"/>
      <c r="GF3938" s="91"/>
      <c r="GG3938" s="91"/>
      <c r="GH3938" s="91"/>
      <c r="GI3938" s="91"/>
      <c r="GJ3938" s="91"/>
      <c r="GK3938" s="127"/>
      <c r="GL3938" s="126"/>
      <c r="GM3938" s="91"/>
      <c r="GN3938" s="91"/>
      <c r="GO3938" s="91"/>
      <c r="GP3938" s="91"/>
      <c r="GQ3938" s="91"/>
      <c r="GR3938" s="91"/>
      <c r="GS3938" s="91"/>
      <c r="GT3938" s="91"/>
      <c r="GU3938" s="91"/>
      <c r="GV3938" s="91"/>
      <c r="GW3938" s="91"/>
      <c r="GX3938" s="127"/>
      <c r="GY3938" s="126"/>
      <c r="GZ3938" s="91"/>
      <c r="HA3938" s="91"/>
      <c r="HB3938" s="91"/>
      <c r="HC3938" s="91"/>
      <c r="HD3938" s="91"/>
      <c r="HE3938" s="91"/>
      <c r="HF3938" s="91"/>
      <c r="HG3938" s="91"/>
      <c r="HH3938" s="91"/>
      <c r="HI3938" s="91"/>
      <c r="HJ3938" s="91"/>
      <c r="HK3938" s="127"/>
      <c r="HL3938" s="126"/>
      <c r="HM3938" s="91"/>
      <c r="HN3938" s="91"/>
      <c r="HO3938" s="91"/>
      <c r="HP3938" s="91"/>
      <c r="HQ3938" s="91"/>
      <c r="HR3938" s="91"/>
      <c r="HS3938" s="91"/>
      <c r="HT3938" s="91"/>
      <c r="HU3938" s="91"/>
      <c r="HV3938" s="91"/>
      <c r="HW3938" s="91"/>
      <c r="HX3938" s="127"/>
      <c r="HY3938" s="126"/>
      <c r="HZ3938" s="91"/>
      <c r="IA3938" s="91"/>
      <c r="IB3938" s="91"/>
      <c r="IC3938" s="91"/>
      <c r="ID3938" s="91"/>
      <c r="IE3938" s="91"/>
      <c r="IF3938" s="91"/>
      <c r="IG3938" s="91"/>
      <c r="IH3938" s="91"/>
      <c r="II3938" s="91"/>
      <c r="IJ3938" s="91"/>
      <c r="IK3938" s="174"/>
    </row>
    <row r="3939" spans="2:245" x14ac:dyDescent="0.2">
      <c r="B3939" s="43"/>
      <c r="C3939" s="73"/>
      <c r="D3939" s="64"/>
      <c r="E3939" s="64"/>
      <c r="F3939" s="55"/>
      <c r="G3939" s="102"/>
      <c r="H3939" s="97"/>
      <c r="T3939" s="98"/>
      <c r="U3939" s="97"/>
      <c r="AG3939" s="98"/>
      <c r="AY3939" s="164"/>
      <c r="BK3939" s="98"/>
      <c r="BL3939" s="97"/>
      <c r="BX3939" s="98"/>
      <c r="CL3939" s="97"/>
      <c r="CX3939" s="98"/>
      <c r="DL3939" s="97"/>
      <c r="DX3939" s="98"/>
      <c r="EL3939" s="97"/>
      <c r="EX3939" s="98"/>
      <c r="EY3939" s="97"/>
      <c r="FL3939" s="126"/>
      <c r="FM3939" s="91"/>
      <c r="FN3939" s="91"/>
      <c r="FO3939" s="91"/>
      <c r="FP3939" s="91"/>
      <c r="FQ3939" s="91"/>
      <c r="FR3939" s="91"/>
      <c r="FS3939" s="91"/>
      <c r="FT3939" s="91"/>
      <c r="FU3939" s="91"/>
      <c r="FV3939" s="91"/>
      <c r="FW3939" s="91"/>
      <c r="FX3939" s="127"/>
      <c r="FY3939" s="126"/>
      <c r="FZ3939" s="91"/>
      <c r="GA3939" s="91"/>
      <c r="GB3939" s="91"/>
      <c r="GC3939" s="91"/>
      <c r="GD3939" s="91"/>
      <c r="GE3939" s="91"/>
      <c r="GF3939" s="91"/>
      <c r="GG3939" s="91"/>
      <c r="GH3939" s="91"/>
      <c r="GI3939" s="91"/>
      <c r="GJ3939" s="91"/>
      <c r="GK3939" s="127"/>
      <c r="GL3939" s="126"/>
      <c r="GM3939" s="91"/>
      <c r="GN3939" s="91"/>
      <c r="GO3939" s="91"/>
      <c r="GP3939" s="91"/>
      <c r="GQ3939" s="91"/>
      <c r="GR3939" s="91"/>
      <c r="GS3939" s="91"/>
      <c r="GT3939" s="91"/>
      <c r="GU3939" s="91"/>
      <c r="GV3939" s="91"/>
      <c r="GW3939" s="91"/>
      <c r="GX3939" s="127"/>
      <c r="GY3939" s="126"/>
      <c r="GZ3939" s="91"/>
      <c r="HA3939" s="91"/>
      <c r="HB3939" s="91"/>
      <c r="HC3939" s="91"/>
      <c r="HD3939" s="91"/>
      <c r="HE3939" s="91"/>
      <c r="HF3939" s="91"/>
      <c r="HG3939" s="91"/>
      <c r="HH3939" s="91"/>
      <c r="HI3939" s="91"/>
      <c r="HJ3939" s="91"/>
      <c r="HK3939" s="127"/>
      <c r="HL3939" s="126"/>
      <c r="HM3939" s="91"/>
      <c r="HN3939" s="91"/>
      <c r="HO3939" s="91"/>
      <c r="HP3939" s="91"/>
      <c r="HQ3939" s="91"/>
      <c r="HR3939" s="91"/>
      <c r="HS3939" s="91"/>
      <c r="HT3939" s="91"/>
      <c r="HU3939" s="91"/>
      <c r="HV3939" s="91"/>
      <c r="HW3939" s="91"/>
      <c r="HX3939" s="127"/>
      <c r="HY3939" s="126"/>
      <c r="HZ3939" s="91"/>
      <c r="IA3939" s="91"/>
      <c r="IB3939" s="91"/>
      <c r="IC3939" s="91"/>
      <c r="ID3939" s="91"/>
      <c r="IE3939" s="91"/>
      <c r="IF3939" s="91"/>
      <c r="IG3939" s="91"/>
      <c r="IH3939" s="91"/>
      <c r="II3939" s="91"/>
      <c r="IJ3939" s="91"/>
      <c r="IK3939" s="174"/>
    </row>
    <row r="3940" spans="2:245" x14ac:dyDescent="0.2">
      <c r="B3940" s="43"/>
      <c r="C3940" s="73"/>
      <c r="D3940" s="64"/>
      <c r="E3940" s="64"/>
      <c r="F3940" s="55"/>
      <c r="G3940" s="102"/>
      <c r="H3940" s="97"/>
      <c r="T3940" s="98"/>
      <c r="U3940" s="97"/>
      <c r="AG3940" s="98"/>
      <c r="AY3940" s="164"/>
      <c r="BK3940" s="98"/>
      <c r="BL3940" s="97"/>
      <c r="BX3940" s="98"/>
      <c r="CL3940" s="97"/>
      <c r="CX3940" s="98"/>
      <c r="DL3940" s="97"/>
      <c r="DX3940" s="98"/>
      <c r="EL3940" s="97"/>
      <c r="EX3940" s="98"/>
      <c r="EY3940" s="97"/>
      <c r="FL3940" s="126"/>
      <c r="FM3940" s="91"/>
      <c r="FN3940" s="91"/>
      <c r="FO3940" s="91"/>
      <c r="FP3940" s="91"/>
      <c r="FQ3940" s="91"/>
      <c r="FR3940" s="91"/>
      <c r="FS3940" s="91"/>
      <c r="FT3940" s="91"/>
      <c r="FU3940" s="91"/>
      <c r="FV3940" s="91"/>
      <c r="FW3940" s="91"/>
      <c r="FX3940" s="127"/>
      <c r="FY3940" s="126"/>
      <c r="FZ3940" s="91"/>
      <c r="GA3940" s="91"/>
      <c r="GB3940" s="91"/>
      <c r="GC3940" s="91"/>
      <c r="GD3940" s="91"/>
      <c r="GE3940" s="91"/>
      <c r="GF3940" s="91"/>
      <c r="GG3940" s="91"/>
      <c r="GH3940" s="91"/>
      <c r="GI3940" s="91"/>
      <c r="GJ3940" s="91"/>
      <c r="GK3940" s="127"/>
      <c r="GL3940" s="126"/>
      <c r="GM3940" s="91"/>
      <c r="GN3940" s="91"/>
      <c r="GO3940" s="91"/>
      <c r="GP3940" s="91"/>
      <c r="GQ3940" s="91"/>
      <c r="GR3940" s="91"/>
      <c r="GS3940" s="91"/>
      <c r="GT3940" s="91"/>
      <c r="GU3940" s="91"/>
      <c r="GV3940" s="91"/>
      <c r="GW3940" s="91"/>
      <c r="GX3940" s="127"/>
      <c r="GY3940" s="126"/>
      <c r="GZ3940" s="91"/>
      <c r="HA3940" s="91"/>
      <c r="HB3940" s="91"/>
      <c r="HC3940" s="91"/>
      <c r="HD3940" s="91"/>
      <c r="HE3940" s="91"/>
      <c r="HF3940" s="91"/>
      <c r="HG3940" s="91"/>
      <c r="HH3940" s="91"/>
      <c r="HI3940" s="91"/>
      <c r="HJ3940" s="91"/>
      <c r="HK3940" s="127"/>
      <c r="HL3940" s="126"/>
      <c r="HM3940" s="91"/>
      <c r="HN3940" s="91"/>
      <c r="HO3940" s="91"/>
      <c r="HP3940" s="91"/>
      <c r="HQ3940" s="91"/>
      <c r="HR3940" s="91"/>
      <c r="HS3940" s="91"/>
      <c r="HT3940" s="91"/>
      <c r="HU3940" s="91"/>
      <c r="HV3940" s="91"/>
      <c r="HW3940" s="91"/>
      <c r="HX3940" s="127"/>
      <c r="HY3940" s="126"/>
      <c r="HZ3940" s="91"/>
      <c r="IA3940" s="91"/>
      <c r="IB3940" s="91"/>
      <c r="IC3940" s="91"/>
      <c r="ID3940" s="91"/>
      <c r="IE3940" s="91"/>
      <c r="IF3940" s="91"/>
      <c r="IG3940" s="91"/>
      <c r="IH3940" s="91"/>
      <c r="II3940" s="91"/>
      <c r="IJ3940" s="91"/>
      <c r="IK3940" s="174"/>
    </row>
    <row r="3941" spans="2:245" x14ac:dyDescent="0.2">
      <c r="B3941" s="43"/>
      <c r="C3941" s="73"/>
      <c r="D3941" s="64"/>
      <c r="E3941" s="64"/>
      <c r="F3941" s="55"/>
      <c r="G3941" s="102"/>
      <c r="H3941" s="97"/>
      <c r="T3941" s="98"/>
      <c r="U3941" s="97"/>
      <c r="AG3941" s="98"/>
      <c r="AY3941" s="164"/>
      <c r="BK3941" s="98"/>
      <c r="BL3941" s="97"/>
      <c r="BX3941" s="98"/>
      <c r="CL3941" s="97"/>
      <c r="CX3941" s="98"/>
      <c r="DL3941" s="97"/>
      <c r="DX3941" s="98"/>
      <c r="EL3941" s="97"/>
      <c r="EX3941" s="98"/>
      <c r="EY3941" s="97"/>
      <c r="FL3941" s="126"/>
      <c r="FM3941" s="91"/>
      <c r="FN3941" s="91"/>
      <c r="FO3941" s="91"/>
      <c r="FP3941" s="91"/>
      <c r="FQ3941" s="91"/>
      <c r="FR3941" s="91"/>
      <c r="FS3941" s="91"/>
      <c r="FT3941" s="91"/>
      <c r="FU3941" s="91"/>
      <c r="FV3941" s="91"/>
      <c r="FW3941" s="91"/>
      <c r="FX3941" s="127"/>
      <c r="FY3941" s="126"/>
      <c r="FZ3941" s="91"/>
      <c r="GA3941" s="91"/>
      <c r="GB3941" s="91"/>
      <c r="GC3941" s="91"/>
      <c r="GD3941" s="91"/>
      <c r="GE3941" s="91"/>
      <c r="GF3941" s="91"/>
      <c r="GG3941" s="91"/>
      <c r="GH3941" s="91"/>
      <c r="GI3941" s="91"/>
      <c r="GJ3941" s="91"/>
      <c r="GK3941" s="127"/>
      <c r="GL3941" s="126"/>
      <c r="GM3941" s="91"/>
      <c r="GN3941" s="91"/>
      <c r="GO3941" s="91"/>
      <c r="GP3941" s="91"/>
      <c r="GQ3941" s="91"/>
      <c r="GR3941" s="91"/>
      <c r="GS3941" s="91"/>
      <c r="GT3941" s="91"/>
      <c r="GU3941" s="91"/>
      <c r="GV3941" s="91"/>
      <c r="GW3941" s="91"/>
      <c r="GX3941" s="127"/>
      <c r="GY3941" s="126"/>
      <c r="GZ3941" s="91"/>
      <c r="HA3941" s="91"/>
      <c r="HB3941" s="91"/>
      <c r="HC3941" s="91"/>
      <c r="HD3941" s="91"/>
      <c r="HE3941" s="91"/>
      <c r="HF3941" s="91"/>
      <c r="HG3941" s="91"/>
      <c r="HH3941" s="91"/>
      <c r="HI3941" s="91"/>
      <c r="HJ3941" s="91"/>
      <c r="HK3941" s="127"/>
      <c r="HL3941" s="126"/>
      <c r="HM3941" s="91"/>
      <c r="HN3941" s="91"/>
      <c r="HO3941" s="91"/>
      <c r="HP3941" s="91"/>
      <c r="HQ3941" s="91"/>
      <c r="HR3941" s="91"/>
      <c r="HS3941" s="91"/>
      <c r="HT3941" s="91"/>
      <c r="HU3941" s="91"/>
      <c r="HV3941" s="91"/>
      <c r="HW3941" s="91"/>
      <c r="HX3941" s="127"/>
      <c r="HY3941" s="126"/>
      <c r="HZ3941" s="91"/>
      <c r="IA3941" s="91"/>
      <c r="IB3941" s="91"/>
      <c r="IC3941" s="91"/>
      <c r="ID3941" s="91"/>
      <c r="IE3941" s="91"/>
      <c r="IF3941" s="91"/>
      <c r="IG3941" s="91"/>
      <c r="IH3941" s="91"/>
      <c r="II3941" s="91"/>
      <c r="IJ3941" s="91"/>
      <c r="IK3941" s="174"/>
    </row>
    <row r="3942" spans="2:245" x14ac:dyDescent="0.2">
      <c r="B3942" s="43"/>
      <c r="C3942" s="73"/>
      <c r="D3942" s="64"/>
      <c r="E3942" s="64"/>
      <c r="F3942" s="55"/>
      <c r="G3942" s="102"/>
      <c r="H3942" s="97"/>
      <c r="T3942" s="98"/>
      <c r="U3942" s="97"/>
      <c r="AG3942" s="98"/>
      <c r="AY3942" s="164"/>
      <c r="BK3942" s="98"/>
      <c r="BL3942" s="97"/>
      <c r="BX3942" s="98"/>
      <c r="CL3942" s="97"/>
      <c r="CX3942" s="98"/>
      <c r="DL3942" s="97"/>
      <c r="DX3942" s="98"/>
      <c r="EL3942" s="97"/>
      <c r="EX3942" s="98"/>
      <c r="EY3942" s="97"/>
      <c r="FL3942" s="126"/>
      <c r="FM3942" s="91"/>
      <c r="FN3942" s="91"/>
      <c r="FO3942" s="91"/>
      <c r="FP3942" s="91"/>
      <c r="FQ3942" s="91"/>
      <c r="FR3942" s="91"/>
      <c r="FS3942" s="91"/>
      <c r="FT3942" s="91"/>
      <c r="FU3942" s="91"/>
      <c r="FV3942" s="91"/>
      <c r="FW3942" s="91"/>
      <c r="FX3942" s="127"/>
      <c r="FY3942" s="126"/>
      <c r="FZ3942" s="91"/>
      <c r="GA3942" s="91"/>
      <c r="GB3942" s="91"/>
      <c r="GC3942" s="91"/>
      <c r="GD3942" s="91"/>
      <c r="GE3942" s="91"/>
      <c r="GF3942" s="91"/>
      <c r="GG3942" s="91"/>
      <c r="GH3942" s="91"/>
      <c r="GI3942" s="91"/>
      <c r="GJ3942" s="91"/>
      <c r="GK3942" s="127"/>
      <c r="GL3942" s="126"/>
      <c r="GM3942" s="91"/>
      <c r="GN3942" s="91"/>
      <c r="GO3942" s="91"/>
      <c r="GP3942" s="91"/>
      <c r="GQ3942" s="91"/>
      <c r="GR3942" s="91"/>
      <c r="GS3942" s="91"/>
      <c r="GT3942" s="91"/>
      <c r="GU3942" s="91"/>
      <c r="GV3942" s="91"/>
      <c r="GW3942" s="91"/>
      <c r="GX3942" s="127"/>
      <c r="GY3942" s="126"/>
      <c r="GZ3942" s="91"/>
      <c r="HA3942" s="91"/>
      <c r="HB3942" s="91"/>
      <c r="HC3942" s="91"/>
      <c r="HD3942" s="91"/>
      <c r="HE3942" s="91"/>
      <c r="HF3942" s="91"/>
      <c r="HG3942" s="91"/>
      <c r="HH3942" s="91"/>
      <c r="HI3942" s="91"/>
      <c r="HJ3942" s="91"/>
      <c r="HK3942" s="127"/>
      <c r="HL3942" s="126"/>
      <c r="HM3942" s="91"/>
      <c r="HN3942" s="91"/>
      <c r="HO3942" s="91"/>
      <c r="HP3942" s="91"/>
      <c r="HQ3942" s="91"/>
      <c r="HR3942" s="91"/>
      <c r="HS3942" s="91"/>
      <c r="HT3942" s="91"/>
      <c r="HU3942" s="91"/>
      <c r="HV3942" s="91"/>
      <c r="HW3942" s="91"/>
      <c r="HX3942" s="127"/>
      <c r="HY3942" s="126"/>
      <c r="HZ3942" s="91"/>
      <c r="IA3942" s="91"/>
      <c r="IB3942" s="91"/>
      <c r="IC3942" s="91"/>
      <c r="ID3942" s="91"/>
      <c r="IE3942" s="91"/>
      <c r="IF3942" s="91"/>
      <c r="IG3942" s="91"/>
      <c r="IH3942" s="91"/>
      <c r="II3942" s="91"/>
      <c r="IJ3942" s="91"/>
      <c r="IK3942" s="174"/>
    </row>
    <row r="3943" spans="2:245" x14ac:dyDescent="0.2">
      <c r="B3943" s="43"/>
      <c r="C3943" s="73"/>
      <c r="D3943" s="64"/>
      <c r="E3943" s="64"/>
      <c r="F3943" s="55"/>
      <c r="G3943" s="102"/>
      <c r="H3943" s="97"/>
      <c r="T3943" s="98"/>
      <c r="U3943" s="97"/>
      <c r="AG3943" s="98"/>
      <c r="AY3943" s="164"/>
      <c r="BK3943" s="98"/>
      <c r="BL3943" s="97"/>
      <c r="BX3943" s="98"/>
      <c r="CL3943" s="97"/>
      <c r="CX3943" s="98"/>
      <c r="DL3943" s="97"/>
      <c r="DX3943" s="98"/>
      <c r="EL3943" s="97"/>
      <c r="EX3943" s="98"/>
      <c r="EY3943" s="97"/>
      <c r="FL3943" s="126"/>
      <c r="FM3943" s="91"/>
      <c r="FN3943" s="91"/>
      <c r="FO3943" s="91"/>
      <c r="FP3943" s="91"/>
      <c r="FQ3943" s="91"/>
      <c r="FR3943" s="91"/>
      <c r="FS3943" s="91"/>
      <c r="FT3943" s="91"/>
      <c r="FU3943" s="91"/>
      <c r="FV3943" s="91"/>
      <c r="FW3943" s="91"/>
      <c r="FX3943" s="127"/>
      <c r="FY3943" s="126"/>
      <c r="FZ3943" s="91"/>
      <c r="GA3943" s="91"/>
      <c r="GB3943" s="91"/>
      <c r="GC3943" s="91"/>
      <c r="GD3943" s="91"/>
      <c r="GE3943" s="91"/>
      <c r="GF3943" s="91"/>
      <c r="GG3943" s="91"/>
      <c r="GH3943" s="91"/>
      <c r="GI3943" s="91"/>
      <c r="GJ3943" s="91"/>
      <c r="GK3943" s="127"/>
      <c r="GL3943" s="126"/>
      <c r="GM3943" s="91"/>
      <c r="GN3943" s="91"/>
      <c r="GO3943" s="91"/>
      <c r="GP3943" s="91"/>
      <c r="GQ3943" s="91"/>
      <c r="GR3943" s="91"/>
      <c r="GS3943" s="91"/>
      <c r="GT3943" s="91"/>
      <c r="GU3943" s="91"/>
      <c r="GV3943" s="91"/>
      <c r="GW3943" s="91"/>
      <c r="GX3943" s="127"/>
      <c r="GY3943" s="126"/>
      <c r="GZ3943" s="91"/>
      <c r="HA3943" s="91"/>
      <c r="HB3943" s="91"/>
      <c r="HC3943" s="91"/>
      <c r="HD3943" s="91"/>
      <c r="HE3943" s="91"/>
      <c r="HF3943" s="91"/>
      <c r="HG3943" s="91"/>
      <c r="HH3943" s="91"/>
      <c r="HI3943" s="91"/>
      <c r="HJ3943" s="91"/>
      <c r="HK3943" s="127"/>
      <c r="HL3943" s="126"/>
      <c r="HM3943" s="91"/>
      <c r="HN3943" s="91"/>
      <c r="HO3943" s="91"/>
      <c r="HP3943" s="91"/>
      <c r="HQ3943" s="91"/>
      <c r="HR3943" s="91"/>
      <c r="HS3943" s="91"/>
      <c r="HT3943" s="91"/>
      <c r="HU3943" s="91"/>
      <c r="HV3943" s="91"/>
      <c r="HW3943" s="91"/>
      <c r="HX3943" s="127"/>
      <c r="HY3943" s="126"/>
      <c r="HZ3943" s="91"/>
      <c r="IA3943" s="91"/>
      <c r="IB3943" s="91"/>
      <c r="IC3943" s="91"/>
      <c r="ID3943" s="91"/>
      <c r="IE3943" s="91"/>
      <c r="IF3943" s="91"/>
      <c r="IG3943" s="91"/>
      <c r="IH3943" s="91"/>
      <c r="II3943" s="91"/>
      <c r="IJ3943" s="91"/>
      <c r="IK3943" s="174"/>
    </row>
    <row r="3944" spans="2:245" x14ac:dyDescent="0.2">
      <c r="B3944" s="43"/>
      <c r="C3944" s="73"/>
      <c r="D3944" s="64"/>
      <c r="E3944" s="64"/>
      <c r="F3944" s="55"/>
      <c r="G3944" s="102"/>
      <c r="H3944" s="97"/>
      <c r="T3944" s="98"/>
      <c r="U3944" s="97"/>
      <c r="AG3944" s="98"/>
      <c r="AY3944" s="164"/>
      <c r="BK3944" s="98"/>
      <c r="BL3944" s="97"/>
      <c r="BX3944" s="98"/>
      <c r="CL3944" s="97"/>
      <c r="CX3944" s="98"/>
      <c r="DL3944" s="97"/>
      <c r="DX3944" s="98"/>
      <c r="EL3944" s="97"/>
      <c r="EX3944" s="98"/>
      <c r="EY3944" s="97"/>
      <c r="FL3944" s="126"/>
      <c r="FM3944" s="91"/>
      <c r="FN3944" s="91"/>
      <c r="FO3944" s="91"/>
      <c r="FP3944" s="91"/>
      <c r="FQ3944" s="91"/>
      <c r="FR3944" s="91"/>
      <c r="FS3944" s="91"/>
      <c r="FT3944" s="91"/>
      <c r="FU3944" s="91"/>
      <c r="FV3944" s="91"/>
      <c r="FW3944" s="91"/>
      <c r="FX3944" s="127"/>
      <c r="FY3944" s="126"/>
      <c r="FZ3944" s="91"/>
      <c r="GA3944" s="91"/>
      <c r="GB3944" s="91"/>
      <c r="GC3944" s="91"/>
      <c r="GD3944" s="91"/>
      <c r="GE3944" s="91"/>
      <c r="GF3944" s="91"/>
      <c r="GG3944" s="91"/>
      <c r="GH3944" s="91"/>
      <c r="GI3944" s="91"/>
      <c r="GJ3944" s="91"/>
      <c r="GK3944" s="127"/>
      <c r="GL3944" s="126"/>
      <c r="GM3944" s="91"/>
      <c r="GN3944" s="91"/>
      <c r="GO3944" s="91"/>
      <c r="GP3944" s="91"/>
      <c r="GQ3944" s="91"/>
      <c r="GR3944" s="91"/>
      <c r="GS3944" s="91"/>
      <c r="GT3944" s="91"/>
      <c r="GU3944" s="91"/>
      <c r="GV3944" s="91"/>
      <c r="GW3944" s="91"/>
      <c r="GX3944" s="127"/>
      <c r="GY3944" s="126"/>
      <c r="GZ3944" s="91"/>
      <c r="HA3944" s="91"/>
      <c r="HB3944" s="91"/>
      <c r="HC3944" s="91"/>
      <c r="HD3944" s="91"/>
      <c r="HE3944" s="91"/>
      <c r="HF3944" s="91"/>
      <c r="HG3944" s="91"/>
      <c r="HH3944" s="91"/>
      <c r="HI3944" s="91"/>
      <c r="HJ3944" s="91"/>
      <c r="HK3944" s="127"/>
      <c r="HL3944" s="126"/>
      <c r="HM3944" s="91"/>
      <c r="HN3944" s="91"/>
      <c r="HO3944" s="91"/>
      <c r="HP3944" s="91"/>
      <c r="HQ3944" s="91"/>
      <c r="HR3944" s="91"/>
      <c r="HS3944" s="91"/>
      <c r="HT3944" s="91"/>
      <c r="HU3944" s="91"/>
      <c r="HV3944" s="91"/>
      <c r="HW3944" s="91"/>
      <c r="HX3944" s="127"/>
      <c r="HY3944" s="126"/>
      <c r="HZ3944" s="91"/>
      <c r="IA3944" s="91"/>
      <c r="IB3944" s="91"/>
      <c r="IC3944" s="91"/>
      <c r="ID3944" s="91"/>
      <c r="IE3944" s="91"/>
      <c r="IF3944" s="91"/>
      <c r="IG3944" s="91"/>
      <c r="IH3944" s="91"/>
      <c r="II3944" s="91"/>
      <c r="IJ3944" s="91"/>
      <c r="IK3944" s="174"/>
    </row>
    <row r="3945" spans="2:245" x14ac:dyDescent="0.2">
      <c r="B3945" s="43"/>
      <c r="C3945" s="73"/>
      <c r="D3945" s="64"/>
      <c r="E3945" s="64"/>
      <c r="F3945" s="55"/>
      <c r="G3945" s="102"/>
      <c r="H3945" s="97"/>
      <c r="T3945" s="98"/>
      <c r="U3945" s="97"/>
      <c r="AG3945" s="98"/>
      <c r="AY3945" s="164"/>
      <c r="BK3945" s="98"/>
      <c r="BL3945" s="97"/>
      <c r="BX3945" s="98"/>
      <c r="CL3945" s="97"/>
      <c r="CX3945" s="98"/>
      <c r="DL3945" s="97"/>
      <c r="DX3945" s="98"/>
      <c r="EL3945" s="97"/>
      <c r="EX3945" s="98"/>
      <c r="EY3945" s="97"/>
      <c r="FL3945" s="126"/>
      <c r="FM3945" s="91"/>
      <c r="FN3945" s="91"/>
      <c r="FO3945" s="91"/>
      <c r="FP3945" s="91"/>
      <c r="FQ3945" s="91"/>
      <c r="FR3945" s="91"/>
      <c r="FS3945" s="91"/>
      <c r="FT3945" s="91"/>
      <c r="FU3945" s="91"/>
      <c r="FV3945" s="91"/>
      <c r="FW3945" s="91"/>
      <c r="FX3945" s="127"/>
      <c r="FY3945" s="126"/>
      <c r="FZ3945" s="91"/>
      <c r="GA3945" s="91"/>
      <c r="GB3945" s="91"/>
      <c r="GC3945" s="91"/>
      <c r="GD3945" s="91"/>
      <c r="GE3945" s="91"/>
      <c r="GF3945" s="91"/>
      <c r="GG3945" s="91"/>
      <c r="GH3945" s="91"/>
      <c r="GI3945" s="91"/>
      <c r="GJ3945" s="91"/>
      <c r="GK3945" s="127"/>
      <c r="GL3945" s="126"/>
      <c r="GM3945" s="91"/>
      <c r="GN3945" s="91"/>
      <c r="GO3945" s="91"/>
      <c r="GP3945" s="91"/>
      <c r="GQ3945" s="91"/>
      <c r="GR3945" s="91"/>
      <c r="GS3945" s="91"/>
      <c r="GT3945" s="91"/>
      <c r="GU3945" s="91"/>
      <c r="GV3945" s="91"/>
      <c r="GW3945" s="91"/>
      <c r="GX3945" s="127"/>
      <c r="GY3945" s="126"/>
      <c r="GZ3945" s="91"/>
      <c r="HA3945" s="91"/>
      <c r="HB3945" s="91"/>
      <c r="HC3945" s="91"/>
      <c r="HD3945" s="91"/>
      <c r="HE3945" s="91"/>
      <c r="HF3945" s="91"/>
      <c r="HG3945" s="91"/>
      <c r="HH3945" s="91"/>
      <c r="HI3945" s="91"/>
      <c r="HJ3945" s="91"/>
      <c r="HK3945" s="127"/>
      <c r="HL3945" s="126"/>
      <c r="HM3945" s="91"/>
      <c r="HN3945" s="91"/>
      <c r="HO3945" s="91"/>
      <c r="HP3945" s="91"/>
      <c r="HQ3945" s="91"/>
      <c r="HR3945" s="91"/>
      <c r="HS3945" s="91"/>
      <c r="HT3945" s="91"/>
      <c r="HU3945" s="91"/>
      <c r="HV3945" s="91"/>
      <c r="HW3945" s="91"/>
      <c r="HX3945" s="127"/>
      <c r="HY3945" s="126"/>
      <c r="HZ3945" s="91"/>
      <c r="IA3945" s="91"/>
      <c r="IB3945" s="91"/>
      <c r="IC3945" s="91"/>
      <c r="ID3945" s="91"/>
      <c r="IE3945" s="91"/>
      <c r="IF3945" s="91"/>
      <c r="IG3945" s="91"/>
      <c r="IH3945" s="91"/>
      <c r="II3945" s="91"/>
      <c r="IJ3945" s="91"/>
      <c r="IK3945" s="174"/>
    </row>
    <row r="3946" spans="2:245" x14ac:dyDescent="0.2">
      <c r="B3946" s="43"/>
      <c r="C3946" s="73"/>
      <c r="D3946" s="64"/>
      <c r="E3946" s="64"/>
      <c r="F3946" s="55"/>
      <c r="G3946" s="102"/>
      <c r="H3946" s="97"/>
      <c r="T3946" s="98"/>
      <c r="U3946" s="97"/>
      <c r="AG3946" s="98"/>
      <c r="AY3946" s="164"/>
      <c r="BK3946" s="98"/>
      <c r="BL3946" s="97"/>
      <c r="BX3946" s="98"/>
      <c r="CL3946" s="97"/>
      <c r="CX3946" s="98"/>
      <c r="DL3946" s="97"/>
      <c r="DX3946" s="98"/>
      <c r="EL3946" s="97"/>
      <c r="EX3946" s="98"/>
      <c r="EY3946" s="97"/>
      <c r="FL3946" s="126"/>
      <c r="FM3946" s="91"/>
      <c r="FN3946" s="91"/>
      <c r="FO3946" s="91"/>
      <c r="FP3946" s="91"/>
      <c r="FQ3946" s="91"/>
      <c r="FR3946" s="91"/>
      <c r="FS3946" s="91"/>
      <c r="FT3946" s="91"/>
      <c r="FU3946" s="91"/>
      <c r="FV3946" s="91"/>
      <c r="FW3946" s="91"/>
      <c r="FX3946" s="127"/>
      <c r="FY3946" s="126"/>
      <c r="FZ3946" s="91"/>
      <c r="GA3946" s="91"/>
      <c r="GB3946" s="91"/>
      <c r="GC3946" s="91"/>
      <c r="GD3946" s="91"/>
      <c r="GE3946" s="91"/>
      <c r="GF3946" s="91"/>
      <c r="GG3946" s="91"/>
      <c r="GH3946" s="91"/>
      <c r="GI3946" s="91"/>
      <c r="GJ3946" s="91"/>
      <c r="GK3946" s="127"/>
      <c r="GL3946" s="126"/>
      <c r="GM3946" s="91"/>
      <c r="GN3946" s="91"/>
      <c r="GO3946" s="91"/>
      <c r="GP3946" s="91"/>
      <c r="GQ3946" s="91"/>
      <c r="GR3946" s="91"/>
      <c r="GS3946" s="91"/>
      <c r="GT3946" s="91"/>
      <c r="GU3946" s="91"/>
      <c r="GV3946" s="91"/>
      <c r="GW3946" s="91"/>
      <c r="GX3946" s="127"/>
      <c r="GY3946" s="126"/>
      <c r="GZ3946" s="91"/>
      <c r="HA3946" s="91"/>
      <c r="HB3946" s="91"/>
      <c r="HC3946" s="91"/>
      <c r="HD3946" s="91"/>
      <c r="HE3946" s="91"/>
      <c r="HF3946" s="91"/>
      <c r="HG3946" s="91"/>
      <c r="HH3946" s="91"/>
      <c r="HI3946" s="91"/>
      <c r="HJ3946" s="91"/>
      <c r="HK3946" s="127"/>
      <c r="HL3946" s="126"/>
      <c r="HM3946" s="91"/>
      <c r="HN3946" s="91"/>
      <c r="HO3946" s="91"/>
      <c r="HP3946" s="91"/>
      <c r="HQ3946" s="91"/>
      <c r="HR3946" s="91"/>
      <c r="HS3946" s="91"/>
      <c r="HT3946" s="91"/>
      <c r="HU3946" s="91"/>
      <c r="HV3946" s="91"/>
      <c r="HW3946" s="91"/>
      <c r="HX3946" s="127"/>
      <c r="HY3946" s="126"/>
      <c r="HZ3946" s="91"/>
      <c r="IA3946" s="91"/>
      <c r="IB3946" s="91"/>
      <c r="IC3946" s="91"/>
      <c r="ID3946" s="91"/>
      <c r="IE3946" s="91"/>
      <c r="IF3946" s="91"/>
      <c r="IG3946" s="91"/>
      <c r="IH3946" s="91"/>
      <c r="II3946" s="91"/>
      <c r="IJ3946" s="91"/>
      <c r="IK3946" s="174"/>
    </row>
    <row r="3947" spans="2:245" x14ac:dyDescent="0.2">
      <c r="B3947" s="43"/>
      <c r="C3947" s="73"/>
      <c r="D3947" s="64"/>
      <c r="E3947" s="64"/>
      <c r="F3947" s="55"/>
      <c r="G3947" s="102"/>
      <c r="H3947" s="97"/>
      <c r="T3947" s="98"/>
      <c r="U3947" s="97"/>
      <c r="AG3947" s="98"/>
      <c r="AY3947" s="164"/>
      <c r="BK3947" s="98"/>
      <c r="BL3947" s="97"/>
      <c r="BX3947" s="98"/>
      <c r="CL3947" s="97"/>
      <c r="CX3947" s="98"/>
      <c r="DL3947" s="97"/>
      <c r="DX3947" s="98"/>
      <c r="EL3947" s="97"/>
      <c r="EX3947" s="98"/>
      <c r="EY3947" s="97"/>
      <c r="FL3947" s="126"/>
      <c r="FM3947" s="91"/>
      <c r="FN3947" s="91"/>
      <c r="FO3947" s="91"/>
      <c r="FP3947" s="91"/>
      <c r="FQ3947" s="91"/>
      <c r="FR3947" s="91"/>
      <c r="FS3947" s="91"/>
      <c r="FT3947" s="91"/>
      <c r="FU3947" s="91"/>
      <c r="FV3947" s="91"/>
      <c r="FW3947" s="91"/>
      <c r="FX3947" s="127"/>
      <c r="FY3947" s="126"/>
      <c r="FZ3947" s="91"/>
      <c r="GA3947" s="91"/>
      <c r="GB3947" s="91"/>
      <c r="GC3947" s="91"/>
      <c r="GD3947" s="91"/>
      <c r="GE3947" s="91"/>
      <c r="GF3947" s="91"/>
      <c r="GG3947" s="91"/>
      <c r="GH3947" s="91"/>
      <c r="GI3947" s="91"/>
      <c r="GJ3947" s="91"/>
      <c r="GK3947" s="127"/>
      <c r="GL3947" s="126"/>
      <c r="GM3947" s="91"/>
      <c r="GN3947" s="91"/>
      <c r="GO3947" s="91"/>
      <c r="GP3947" s="91"/>
      <c r="GQ3947" s="91"/>
      <c r="GR3947" s="91"/>
      <c r="GS3947" s="91"/>
      <c r="GT3947" s="91"/>
      <c r="GU3947" s="91"/>
      <c r="GV3947" s="91"/>
      <c r="GW3947" s="91"/>
      <c r="GX3947" s="127"/>
      <c r="GY3947" s="126"/>
      <c r="GZ3947" s="91"/>
      <c r="HA3947" s="91"/>
      <c r="HB3947" s="91"/>
      <c r="HC3947" s="91"/>
      <c r="HD3947" s="91"/>
      <c r="HE3947" s="91"/>
      <c r="HF3947" s="91"/>
      <c r="HG3947" s="91"/>
      <c r="HH3947" s="91"/>
      <c r="HI3947" s="91"/>
      <c r="HJ3947" s="91"/>
      <c r="HK3947" s="127"/>
      <c r="HL3947" s="126"/>
      <c r="HM3947" s="91"/>
      <c r="HN3947" s="91"/>
      <c r="HO3947" s="91"/>
      <c r="HP3947" s="91"/>
      <c r="HQ3947" s="91"/>
      <c r="HR3947" s="91"/>
      <c r="HS3947" s="91"/>
      <c r="HT3947" s="91"/>
      <c r="HU3947" s="91"/>
      <c r="HV3947" s="91"/>
      <c r="HW3947" s="91"/>
      <c r="HX3947" s="127"/>
      <c r="HY3947" s="126"/>
      <c r="HZ3947" s="91"/>
      <c r="IA3947" s="91"/>
      <c r="IB3947" s="91"/>
      <c r="IC3947" s="91"/>
      <c r="ID3947" s="91"/>
      <c r="IE3947" s="91"/>
      <c r="IF3947" s="91"/>
      <c r="IG3947" s="91"/>
      <c r="IH3947" s="91"/>
      <c r="II3947" s="91"/>
      <c r="IJ3947" s="91"/>
      <c r="IK3947" s="174"/>
    </row>
    <row r="3948" spans="2:245" x14ac:dyDescent="0.2">
      <c r="B3948" s="43"/>
      <c r="C3948" s="73"/>
      <c r="D3948" s="64"/>
      <c r="E3948" s="64"/>
      <c r="F3948" s="55"/>
      <c r="G3948" s="102"/>
      <c r="H3948" s="97"/>
      <c r="T3948" s="98"/>
      <c r="U3948" s="97"/>
      <c r="AG3948" s="98"/>
      <c r="AY3948" s="164"/>
      <c r="BK3948" s="98"/>
      <c r="BL3948" s="97"/>
      <c r="BX3948" s="98"/>
      <c r="CL3948" s="97"/>
      <c r="CX3948" s="98"/>
      <c r="DL3948" s="97"/>
      <c r="DX3948" s="98"/>
      <c r="EL3948" s="97"/>
      <c r="EX3948" s="98"/>
      <c r="EY3948" s="97"/>
      <c r="FL3948" s="126"/>
      <c r="FM3948" s="91"/>
      <c r="FN3948" s="91"/>
      <c r="FO3948" s="91"/>
      <c r="FP3948" s="91"/>
      <c r="FQ3948" s="91"/>
      <c r="FR3948" s="91"/>
      <c r="FS3948" s="91"/>
      <c r="FT3948" s="91"/>
      <c r="FU3948" s="91"/>
      <c r="FV3948" s="91"/>
      <c r="FW3948" s="91"/>
      <c r="FX3948" s="127"/>
      <c r="FY3948" s="126"/>
      <c r="FZ3948" s="91"/>
      <c r="GA3948" s="91"/>
      <c r="GB3948" s="91"/>
      <c r="GC3948" s="91"/>
      <c r="GD3948" s="91"/>
      <c r="GE3948" s="91"/>
      <c r="GF3948" s="91"/>
      <c r="GG3948" s="91"/>
      <c r="GH3948" s="91"/>
      <c r="GI3948" s="91"/>
      <c r="GJ3948" s="91"/>
      <c r="GK3948" s="127"/>
      <c r="GL3948" s="126"/>
      <c r="GM3948" s="91"/>
      <c r="GN3948" s="91"/>
      <c r="GO3948" s="91"/>
      <c r="GP3948" s="91"/>
      <c r="GQ3948" s="91"/>
      <c r="GR3948" s="91"/>
      <c r="GS3948" s="91"/>
      <c r="GT3948" s="91"/>
      <c r="GU3948" s="91"/>
      <c r="GV3948" s="91"/>
      <c r="GW3948" s="91"/>
      <c r="GX3948" s="127"/>
      <c r="GY3948" s="126"/>
      <c r="GZ3948" s="91"/>
      <c r="HA3948" s="91"/>
      <c r="HB3948" s="91"/>
      <c r="HC3948" s="91"/>
      <c r="HD3948" s="91"/>
      <c r="HE3948" s="91"/>
      <c r="HF3948" s="91"/>
      <c r="HG3948" s="91"/>
      <c r="HH3948" s="91"/>
      <c r="HI3948" s="91"/>
      <c r="HJ3948" s="91"/>
      <c r="HK3948" s="127"/>
      <c r="HL3948" s="126"/>
      <c r="HM3948" s="91"/>
      <c r="HN3948" s="91"/>
      <c r="HO3948" s="91"/>
      <c r="HP3948" s="91"/>
      <c r="HQ3948" s="91"/>
      <c r="HR3948" s="91"/>
      <c r="HS3948" s="91"/>
      <c r="HT3948" s="91"/>
      <c r="HU3948" s="91"/>
      <c r="HV3948" s="91"/>
      <c r="HW3948" s="91"/>
      <c r="HX3948" s="127"/>
      <c r="HY3948" s="126"/>
      <c r="HZ3948" s="91"/>
      <c r="IA3948" s="91"/>
      <c r="IB3948" s="91"/>
      <c r="IC3948" s="91"/>
      <c r="ID3948" s="91"/>
      <c r="IE3948" s="91"/>
      <c r="IF3948" s="91"/>
      <c r="IG3948" s="91"/>
      <c r="IH3948" s="91"/>
      <c r="II3948" s="91"/>
      <c r="IJ3948" s="91"/>
      <c r="IK3948" s="174"/>
    </row>
    <row r="3949" spans="2:245" x14ac:dyDescent="0.2">
      <c r="B3949" s="43"/>
      <c r="C3949" s="73"/>
      <c r="D3949" s="64"/>
      <c r="E3949" s="64"/>
      <c r="F3949" s="55"/>
      <c r="G3949" s="102"/>
      <c r="H3949" s="97"/>
      <c r="T3949" s="98"/>
      <c r="U3949" s="97"/>
      <c r="AG3949" s="98"/>
      <c r="AY3949" s="164"/>
      <c r="BK3949" s="98"/>
      <c r="BL3949" s="97"/>
      <c r="BX3949" s="98"/>
      <c r="CL3949" s="97"/>
      <c r="CX3949" s="98"/>
      <c r="DL3949" s="97"/>
      <c r="DX3949" s="98"/>
      <c r="EL3949" s="97"/>
      <c r="EX3949" s="98"/>
      <c r="EY3949" s="97"/>
      <c r="FL3949" s="126"/>
      <c r="FM3949" s="91"/>
      <c r="FN3949" s="91"/>
      <c r="FO3949" s="91"/>
      <c r="FP3949" s="91"/>
      <c r="FQ3949" s="91"/>
      <c r="FR3949" s="91"/>
      <c r="FS3949" s="91"/>
      <c r="FT3949" s="91"/>
      <c r="FU3949" s="91"/>
      <c r="FV3949" s="91"/>
      <c r="FW3949" s="91"/>
      <c r="FX3949" s="127"/>
      <c r="FY3949" s="126"/>
      <c r="FZ3949" s="91"/>
      <c r="GA3949" s="91"/>
      <c r="GB3949" s="91"/>
      <c r="GC3949" s="91"/>
      <c r="GD3949" s="91"/>
      <c r="GE3949" s="91"/>
      <c r="GF3949" s="91"/>
      <c r="GG3949" s="91"/>
      <c r="GH3949" s="91"/>
      <c r="GI3949" s="91"/>
      <c r="GJ3949" s="91"/>
      <c r="GK3949" s="127"/>
      <c r="GL3949" s="126"/>
      <c r="GM3949" s="91"/>
      <c r="GN3949" s="91"/>
      <c r="GO3949" s="91"/>
      <c r="GP3949" s="91"/>
      <c r="GQ3949" s="91"/>
      <c r="GR3949" s="91"/>
      <c r="GS3949" s="91"/>
      <c r="GT3949" s="91"/>
      <c r="GU3949" s="91"/>
      <c r="GV3949" s="91"/>
      <c r="GW3949" s="91"/>
      <c r="GX3949" s="127"/>
      <c r="GY3949" s="126"/>
      <c r="GZ3949" s="91"/>
      <c r="HA3949" s="91"/>
      <c r="HB3949" s="91"/>
      <c r="HC3949" s="91"/>
      <c r="HD3949" s="91"/>
      <c r="HE3949" s="91"/>
      <c r="HF3949" s="91"/>
      <c r="HG3949" s="91"/>
      <c r="HH3949" s="91"/>
      <c r="HI3949" s="91"/>
      <c r="HJ3949" s="91"/>
      <c r="HK3949" s="127"/>
      <c r="HL3949" s="126"/>
      <c r="HM3949" s="91"/>
      <c r="HN3949" s="91"/>
      <c r="HO3949" s="91"/>
      <c r="HP3949" s="91"/>
      <c r="HQ3949" s="91"/>
      <c r="HR3949" s="91"/>
      <c r="HS3949" s="91"/>
      <c r="HT3949" s="91"/>
      <c r="HU3949" s="91"/>
      <c r="HV3949" s="91"/>
      <c r="HW3949" s="91"/>
      <c r="HX3949" s="127"/>
      <c r="HY3949" s="126"/>
      <c r="HZ3949" s="91"/>
      <c r="IA3949" s="91"/>
      <c r="IB3949" s="91"/>
      <c r="IC3949" s="91"/>
      <c r="ID3949" s="91"/>
      <c r="IE3949" s="91"/>
      <c r="IF3949" s="91"/>
      <c r="IG3949" s="91"/>
      <c r="IH3949" s="91"/>
      <c r="II3949" s="91"/>
      <c r="IJ3949" s="91"/>
      <c r="IK3949" s="174"/>
    </row>
    <row r="3950" spans="2:245" x14ac:dyDescent="0.2">
      <c r="B3950" s="43"/>
      <c r="C3950" s="73"/>
      <c r="D3950" s="64"/>
      <c r="E3950" s="64"/>
      <c r="F3950" s="55"/>
      <c r="G3950" s="102"/>
      <c r="H3950" s="97"/>
      <c r="T3950" s="98"/>
      <c r="U3950" s="97"/>
      <c r="AG3950" s="98"/>
      <c r="AY3950" s="164"/>
      <c r="BK3950" s="98"/>
      <c r="BL3950" s="97"/>
      <c r="BX3950" s="98"/>
      <c r="CL3950" s="97"/>
      <c r="CX3950" s="98"/>
      <c r="DL3950" s="97"/>
      <c r="DX3950" s="98"/>
      <c r="EL3950" s="97"/>
      <c r="EX3950" s="98"/>
      <c r="EY3950" s="97"/>
      <c r="FL3950" s="126"/>
      <c r="FM3950" s="91"/>
      <c r="FN3950" s="91"/>
      <c r="FO3950" s="91"/>
      <c r="FP3950" s="91"/>
      <c r="FQ3950" s="91"/>
      <c r="FR3950" s="91"/>
      <c r="FS3950" s="91"/>
      <c r="FT3950" s="91"/>
      <c r="FU3950" s="91"/>
      <c r="FV3950" s="91"/>
      <c r="FW3950" s="91"/>
      <c r="FX3950" s="127"/>
      <c r="FY3950" s="126"/>
      <c r="FZ3950" s="91"/>
      <c r="GA3950" s="91"/>
      <c r="GB3950" s="91"/>
      <c r="GC3950" s="91"/>
      <c r="GD3950" s="91"/>
      <c r="GE3950" s="91"/>
      <c r="GF3950" s="91"/>
      <c r="GG3950" s="91"/>
      <c r="GH3950" s="91"/>
      <c r="GI3950" s="91"/>
      <c r="GJ3950" s="91"/>
      <c r="GK3950" s="127"/>
      <c r="GL3950" s="126"/>
      <c r="GM3950" s="91"/>
      <c r="GN3950" s="91"/>
      <c r="GO3950" s="91"/>
      <c r="GP3950" s="91"/>
      <c r="GQ3950" s="91"/>
      <c r="GR3950" s="91"/>
      <c r="GS3950" s="91"/>
      <c r="GT3950" s="91"/>
      <c r="GU3950" s="91"/>
      <c r="GV3950" s="91"/>
      <c r="GW3950" s="91"/>
      <c r="GX3950" s="127"/>
      <c r="GY3950" s="126"/>
      <c r="GZ3950" s="91"/>
      <c r="HA3950" s="91"/>
      <c r="HB3950" s="91"/>
      <c r="HC3950" s="91"/>
      <c r="HD3950" s="91"/>
      <c r="HE3950" s="91"/>
      <c r="HF3950" s="91"/>
      <c r="HG3950" s="91"/>
      <c r="HH3950" s="91"/>
      <c r="HI3950" s="91"/>
      <c r="HJ3950" s="91"/>
      <c r="HK3950" s="127"/>
      <c r="HL3950" s="126"/>
      <c r="HM3950" s="91"/>
      <c r="HN3950" s="91"/>
      <c r="HO3950" s="91"/>
      <c r="HP3950" s="91"/>
      <c r="HQ3950" s="91"/>
      <c r="HR3950" s="91"/>
      <c r="HS3950" s="91"/>
      <c r="HT3950" s="91"/>
      <c r="HU3950" s="91"/>
      <c r="HV3950" s="91"/>
      <c r="HW3950" s="91"/>
      <c r="HX3950" s="127"/>
      <c r="HY3950" s="126"/>
      <c r="HZ3950" s="91"/>
      <c r="IA3950" s="91"/>
      <c r="IB3950" s="91"/>
      <c r="IC3950" s="91"/>
      <c r="ID3950" s="91"/>
      <c r="IE3950" s="91"/>
      <c r="IF3950" s="91"/>
      <c r="IG3950" s="91"/>
      <c r="IH3950" s="91"/>
      <c r="II3950" s="91"/>
      <c r="IJ3950" s="91"/>
      <c r="IK3950" s="174"/>
    </row>
    <row r="3951" spans="2:245" x14ac:dyDescent="0.2">
      <c r="B3951" s="43"/>
      <c r="C3951" s="73"/>
      <c r="D3951" s="64"/>
      <c r="E3951" s="64"/>
      <c r="F3951" s="55"/>
      <c r="G3951" s="102"/>
      <c r="H3951" s="97"/>
      <c r="T3951" s="98"/>
      <c r="U3951" s="97"/>
      <c r="AG3951" s="98"/>
      <c r="AY3951" s="164"/>
      <c r="BK3951" s="98"/>
      <c r="BL3951" s="97"/>
      <c r="BX3951" s="98"/>
      <c r="CL3951" s="97"/>
      <c r="CX3951" s="98"/>
      <c r="DL3951" s="97"/>
      <c r="DX3951" s="98"/>
      <c r="EL3951" s="97"/>
      <c r="EX3951" s="98"/>
      <c r="EY3951" s="97"/>
      <c r="FL3951" s="126"/>
      <c r="FM3951" s="91"/>
      <c r="FN3951" s="91"/>
      <c r="FO3951" s="91"/>
      <c r="FP3951" s="91"/>
      <c r="FQ3951" s="91"/>
      <c r="FR3951" s="91"/>
      <c r="FS3951" s="91"/>
      <c r="FT3951" s="91"/>
      <c r="FU3951" s="91"/>
      <c r="FV3951" s="91"/>
      <c r="FW3951" s="91"/>
      <c r="FX3951" s="127"/>
      <c r="FY3951" s="126"/>
      <c r="FZ3951" s="91"/>
      <c r="GA3951" s="91"/>
      <c r="GB3951" s="91"/>
      <c r="GC3951" s="91"/>
      <c r="GD3951" s="91"/>
      <c r="GE3951" s="91"/>
      <c r="GF3951" s="91"/>
      <c r="GG3951" s="91"/>
      <c r="GH3951" s="91"/>
      <c r="GI3951" s="91"/>
      <c r="GJ3951" s="91"/>
      <c r="GK3951" s="127"/>
      <c r="GL3951" s="126"/>
      <c r="GM3951" s="91"/>
      <c r="GN3951" s="91"/>
      <c r="GO3951" s="91"/>
      <c r="GP3951" s="91"/>
      <c r="GQ3951" s="91"/>
      <c r="GR3951" s="91"/>
      <c r="GS3951" s="91"/>
      <c r="GT3951" s="91"/>
      <c r="GU3951" s="91"/>
      <c r="GV3951" s="91"/>
      <c r="GW3951" s="91"/>
      <c r="GX3951" s="127"/>
      <c r="GY3951" s="126"/>
      <c r="GZ3951" s="91"/>
      <c r="HA3951" s="91"/>
      <c r="HB3951" s="91"/>
      <c r="HC3951" s="91"/>
      <c r="HD3951" s="91"/>
      <c r="HE3951" s="91"/>
      <c r="HF3951" s="91"/>
      <c r="HG3951" s="91"/>
      <c r="HH3951" s="91"/>
      <c r="HI3951" s="91"/>
      <c r="HJ3951" s="91"/>
      <c r="HK3951" s="127"/>
      <c r="HL3951" s="126"/>
      <c r="HM3951" s="91"/>
      <c r="HN3951" s="91"/>
      <c r="HO3951" s="91"/>
      <c r="HP3951" s="91"/>
      <c r="HQ3951" s="91"/>
      <c r="HR3951" s="91"/>
      <c r="HS3951" s="91"/>
      <c r="HT3951" s="91"/>
      <c r="HU3951" s="91"/>
      <c r="HV3951" s="91"/>
      <c r="HW3951" s="91"/>
      <c r="HX3951" s="127"/>
      <c r="HY3951" s="126"/>
      <c r="HZ3951" s="91"/>
      <c r="IA3951" s="91"/>
      <c r="IB3951" s="91"/>
      <c r="IC3951" s="91"/>
      <c r="ID3951" s="91"/>
      <c r="IE3951" s="91"/>
      <c r="IF3951" s="91"/>
      <c r="IG3951" s="91"/>
      <c r="IH3951" s="91"/>
      <c r="II3951" s="91"/>
      <c r="IJ3951" s="91"/>
      <c r="IK3951" s="174"/>
    </row>
    <row r="3952" spans="2:245" x14ac:dyDescent="0.2">
      <c r="B3952" s="43"/>
      <c r="C3952" s="73"/>
      <c r="D3952" s="64"/>
      <c r="E3952" s="64"/>
      <c r="F3952" s="55"/>
      <c r="G3952" s="102"/>
      <c r="H3952" s="97"/>
      <c r="T3952" s="98"/>
      <c r="U3952" s="97"/>
      <c r="AG3952" s="98"/>
      <c r="AY3952" s="164"/>
      <c r="BK3952" s="98"/>
      <c r="BL3952" s="97"/>
      <c r="BX3952" s="98"/>
      <c r="CL3952" s="97"/>
      <c r="CX3952" s="98"/>
      <c r="DL3952" s="97"/>
      <c r="DX3952" s="98"/>
      <c r="EL3952" s="97"/>
      <c r="EX3952" s="98"/>
      <c r="EY3952" s="97"/>
      <c r="FL3952" s="126"/>
      <c r="FM3952" s="91"/>
      <c r="FN3952" s="91"/>
      <c r="FO3952" s="91"/>
      <c r="FP3952" s="91"/>
      <c r="FQ3952" s="91"/>
      <c r="FR3952" s="91"/>
      <c r="FS3952" s="91"/>
      <c r="FT3952" s="91"/>
      <c r="FU3952" s="91"/>
      <c r="FV3952" s="91"/>
      <c r="FW3952" s="91"/>
      <c r="FX3952" s="127"/>
      <c r="FY3952" s="126"/>
      <c r="FZ3952" s="91"/>
      <c r="GA3952" s="91"/>
      <c r="GB3952" s="91"/>
      <c r="GC3952" s="91"/>
      <c r="GD3952" s="91"/>
      <c r="GE3952" s="91"/>
      <c r="GF3952" s="91"/>
      <c r="GG3952" s="91"/>
      <c r="GH3952" s="91"/>
      <c r="GI3952" s="91"/>
      <c r="GJ3952" s="91"/>
      <c r="GK3952" s="127"/>
      <c r="GL3952" s="126"/>
      <c r="GM3952" s="91"/>
      <c r="GN3952" s="91"/>
      <c r="GO3952" s="91"/>
      <c r="GP3952" s="91"/>
      <c r="GQ3952" s="91"/>
      <c r="GR3952" s="91"/>
      <c r="GS3952" s="91"/>
      <c r="GT3952" s="91"/>
      <c r="GU3952" s="91"/>
      <c r="GV3952" s="91"/>
      <c r="GW3952" s="91"/>
      <c r="GX3952" s="127"/>
      <c r="GY3952" s="126"/>
      <c r="GZ3952" s="91"/>
      <c r="HA3952" s="91"/>
      <c r="HB3952" s="91"/>
      <c r="HC3952" s="91"/>
      <c r="HD3952" s="91"/>
      <c r="HE3952" s="91"/>
      <c r="HF3952" s="91"/>
      <c r="HG3952" s="91"/>
      <c r="HH3952" s="91"/>
      <c r="HI3952" s="91"/>
      <c r="HJ3952" s="91"/>
      <c r="HK3952" s="127"/>
      <c r="HL3952" s="126"/>
      <c r="HM3952" s="91"/>
      <c r="HN3952" s="91"/>
      <c r="HO3952" s="91"/>
      <c r="HP3952" s="91"/>
      <c r="HQ3952" s="91"/>
      <c r="HR3952" s="91"/>
      <c r="HS3952" s="91"/>
      <c r="HT3952" s="91"/>
      <c r="HU3952" s="91"/>
      <c r="HV3952" s="91"/>
      <c r="HW3952" s="91"/>
      <c r="HX3952" s="127"/>
      <c r="HY3952" s="126"/>
      <c r="HZ3952" s="91"/>
      <c r="IA3952" s="91"/>
      <c r="IB3952" s="91"/>
      <c r="IC3952" s="91"/>
      <c r="ID3952" s="91"/>
      <c r="IE3952" s="91"/>
      <c r="IF3952" s="91"/>
      <c r="IG3952" s="91"/>
      <c r="IH3952" s="91"/>
      <c r="II3952" s="91"/>
      <c r="IJ3952" s="91"/>
      <c r="IK3952" s="174"/>
    </row>
    <row r="3953" spans="2:245" x14ac:dyDescent="0.2">
      <c r="B3953" s="43"/>
      <c r="C3953" s="73"/>
      <c r="D3953" s="64"/>
      <c r="E3953" s="64"/>
      <c r="F3953" s="55"/>
      <c r="G3953" s="102"/>
      <c r="H3953" s="97"/>
      <c r="T3953" s="98"/>
      <c r="U3953" s="97"/>
      <c r="AG3953" s="98"/>
      <c r="AY3953" s="164"/>
      <c r="BK3953" s="98"/>
      <c r="BL3953" s="97"/>
      <c r="BX3953" s="98"/>
      <c r="CL3953" s="97"/>
      <c r="CX3953" s="98"/>
      <c r="DL3953" s="97"/>
      <c r="DX3953" s="98"/>
      <c r="EL3953" s="97"/>
      <c r="EX3953" s="98"/>
      <c r="EY3953" s="97"/>
      <c r="FL3953" s="126"/>
      <c r="FM3953" s="91"/>
      <c r="FN3953" s="91"/>
      <c r="FO3953" s="91"/>
      <c r="FP3953" s="91"/>
      <c r="FQ3953" s="91"/>
      <c r="FR3953" s="91"/>
      <c r="FS3953" s="91"/>
      <c r="FT3953" s="91"/>
      <c r="FU3953" s="91"/>
      <c r="FV3953" s="91"/>
      <c r="FW3953" s="91"/>
      <c r="FX3953" s="127"/>
      <c r="FY3953" s="126"/>
      <c r="FZ3953" s="91"/>
      <c r="GA3953" s="91"/>
      <c r="GB3953" s="91"/>
      <c r="GC3953" s="91"/>
      <c r="GD3953" s="91"/>
      <c r="GE3953" s="91"/>
      <c r="GF3953" s="91"/>
      <c r="GG3953" s="91"/>
      <c r="GH3953" s="91"/>
      <c r="GI3953" s="91"/>
      <c r="GJ3953" s="91"/>
      <c r="GK3953" s="127"/>
      <c r="GL3953" s="126"/>
      <c r="GM3953" s="91"/>
      <c r="GN3953" s="91"/>
      <c r="GO3953" s="91"/>
      <c r="GP3953" s="91"/>
      <c r="GQ3953" s="91"/>
      <c r="GR3953" s="91"/>
      <c r="GS3953" s="91"/>
      <c r="GT3953" s="91"/>
      <c r="GU3953" s="91"/>
      <c r="GV3953" s="91"/>
      <c r="GW3953" s="91"/>
      <c r="GX3953" s="127"/>
      <c r="GY3953" s="126"/>
      <c r="GZ3953" s="91"/>
      <c r="HA3953" s="91"/>
      <c r="HB3953" s="91"/>
      <c r="HC3953" s="91"/>
      <c r="HD3953" s="91"/>
      <c r="HE3953" s="91"/>
      <c r="HF3953" s="91"/>
      <c r="HG3953" s="91"/>
      <c r="HH3953" s="91"/>
      <c r="HI3953" s="91"/>
      <c r="HJ3953" s="91"/>
      <c r="HK3953" s="127"/>
      <c r="HL3953" s="126"/>
      <c r="HM3953" s="91"/>
      <c r="HN3953" s="91"/>
      <c r="HO3953" s="91"/>
      <c r="HP3953" s="91"/>
      <c r="HQ3953" s="91"/>
      <c r="HR3953" s="91"/>
      <c r="HS3953" s="91"/>
      <c r="HT3953" s="91"/>
      <c r="HU3953" s="91"/>
      <c r="HV3953" s="91"/>
      <c r="HW3953" s="91"/>
      <c r="HX3953" s="127"/>
      <c r="HY3953" s="126"/>
      <c r="HZ3953" s="91"/>
      <c r="IA3953" s="91"/>
      <c r="IB3953" s="91"/>
      <c r="IC3953" s="91"/>
      <c r="ID3953" s="91"/>
      <c r="IE3953" s="91"/>
      <c r="IF3953" s="91"/>
      <c r="IG3953" s="91"/>
      <c r="IH3953" s="91"/>
      <c r="II3953" s="91"/>
      <c r="IJ3953" s="91"/>
      <c r="IK3953" s="174"/>
    </row>
    <row r="3954" spans="2:245" x14ac:dyDescent="0.2">
      <c r="B3954" s="43"/>
      <c r="C3954" s="73"/>
      <c r="D3954" s="64"/>
      <c r="E3954" s="64"/>
      <c r="F3954" s="55"/>
      <c r="G3954" s="102"/>
      <c r="H3954" s="97"/>
      <c r="T3954" s="98"/>
      <c r="U3954" s="97"/>
      <c r="AG3954" s="98"/>
      <c r="AY3954" s="164"/>
      <c r="BK3954" s="98"/>
      <c r="BL3954" s="97"/>
      <c r="BX3954" s="98"/>
      <c r="CL3954" s="97"/>
      <c r="CX3954" s="98"/>
      <c r="DL3954" s="97"/>
      <c r="DX3954" s="98"/>
      <c r="EL3954" s="97"/>
      <c r="EX3954" s="98"/>
      <c r="EY3954" s="97"/>
      <c r="FL3954" s="126"/>
      <c r="FM3954" s="91"/>
      <c r="FN3954" s="91"/>
      <c r="FO3954" s="91"/>
      <c r="FP3954" s="91"/>
      <c r="FQ3954" s="91"/>
      <c r="FR3954" s="91"/>
      <c r="FS3954" s="91"/>
      <c r="FT3954" s="91"/>
      <c r="FU3954" s="91"/>
      <c r="FV3954" s="91"/>
      <c r="FW3954" s="91"/>
      <c r="FX3954" s="127"/>
      <c r="FY3954" s="126"/>
      <c r="FZ3954" s="91"/>
      <c r="GA3954" s="91"/>
      <c r="GB3954" s="91"/>
      <c r="GC3954" s="91"/>
      <c r="GD3954" s="91"/>
      <c r="GE3954" s="91"/>
      <c r="GF3954" s="91"/>
      <c r="GG3954" s="91"/>
      <c r="GH3954" s="91"/>
      <c r="GI3954" s="91"/>
      <c r="GJ3954" s="91"/>
      <c r="GK3954" s="127"/>
      <c r="GL3954" s="126"/>
      <c r="GM3954" s="91"/>
      <c r="GN3954" s="91"/>
      <c r="GO3954" s="91"/>
      <c r="GP3954" s="91"/>
      <c r="GQ3954" s="91"/>
      <c r="GR3954" s="91"/>
      <c r="GS3954" s="91"/>
      <c r="GT3954" s="91"/>
      <c r="GU3954" s="91"/>
      <c r="GV3954" s="91"/>
      <c r="GW3954" s="91"/>
      <c r="GX3954" s="127"/>
      <c r="GY3954" s="126"/>
      <c r="GZ3954" s="91"/>
      <c r="HA3954" s="91"/>
      <c r="HB3954" s="91"/>
      <c r="HC3954" s="91"/>
      <c r="HD3954" s="91"/>
      <c r="HE3954" s="91"/>
      <c r="HF3954" s="91"/>
      <c r="HG3954" s="91"/>
      <c r="HH3954" s="91"/>
      <c r="HI3954" s="91"/>
      <c r="HJ3954" s="91"/>
      <c r="HK3954" s="127"/>
      <c r="HL3954" s="126"/>
      <c r="HM3954" s="91"/>
      <c r="HN3954" s="91"/>
      <c r="HO3954" s="91"/>
      <c r="HP3954" s="91"/>
      <c r="HQ3954" s="91"/>
      <c r="HR3954" s="91"/>
      <c r="HS3954" s="91"/>
      <c r="HT3954" s="91"/>
      <c r="HU3954" s="91"/>
      <c r="HV3954" s="91"/>
      <c r="HW3954" s="91"/>
      <c r="HX3954" s="127"/>
      <c r="HY3954" s="126"/>
      <c r="HZ3954" s="91"/>
      <c r="IA3954" s="91"/>
      <c r="IB3954" s="91"/>
      <c r="IC3954" s="91"/>
      <c r="ID3954" s="91"/>
      <c r="IE3954" s="91"/>
      <c r="IF3954" s="91"/>
      <c r="IG3954" s="91"/>
      <c r="IH3954" s="91"/>
      <c r="II3954" s="91"/>
      <c r="IJ3954" s="91"/>
      <c r="IK3954" s="174"/>
    </row>
    <row r="3955" spans="2:245" x14ac:dyDescent="0.2">
      <c r="B3955" s="43"/>
      <c r="C3955" s="73"/>
      <c r="D3955" s="64"/>
      <c r="E3955" s="64"/>
      <c r="F3955" s="55"/>
      <c r="G3955" s="102"/>
      <c r="H3955" s="97"/>
      <c r="T3955" s="98"/>
      <c r="U3955" s="97"/>
      <c r="AG3955" s="98"/>
      <c r="AY3955" s="164"/>
      <c r="BK3955" s="98"/>
      <c r="BL3955" s="97"/>
      <c r="BX3955" s="98"/>
      <c r="CL3955" s="97"/>
      <c r="CX3955" s="98"/>
      <c r="DL3955" s="97"/>
      <c r="DX3955" s="98"/>
      <c r="EL3955" s="97"/>
      <c r="EX3955" s="98"/>
      <c r="EY3955" s="97"/>
      <c r="FL3955" s="126"/>
      <c r="FM3955" s="91"/>
      <c r="FN3955" s="91"/>
      <c r="FO3955" s="91"/>
      <c r="FP3955" s="91"/>
      <c r="FQ3955" s="91"/>
      <c r="FR3955" s="91"/>
      <c r="FS3955" s="91"/>
      <c r="FT3955" s="91"/>
      <c r="FU3955" s="91"/>
      <c r="FV3955" s="91"/>
      <c r="FW3955" s="91"/>
      <c r="FX3955" s="127"/>
      <c r="FY3955" s="126"/>
      <c r="FZ3955" s="91"/>
      <c r="GA3955" s="91"/>
      <c r="GB3955" s="91"/>
      <c r="GC3955" s="91"/>
      <c r="GD3955" s="91"/>
      <c r="GE3955" s="91"/>
      <c r="GF3955" s="91"/>
      <c r="GG3955" s="91"/>
      <c r="GH3955" s="91"/>
      <c r="GI3955" s="91"/>
      <c r="GJ3955" s="91"/>
      <c r="GK3955" s="127"/>
      <c r="GL3955" s="126"/>
      <c r="GM3955" s="91"/>
      <c r="GN3955" s="91"/>
      <c r="GO3955" s="91"/>
      <c r="GP3955" s="91"/>
      <c r="GQ3955" s="91"/>
      <c r="GR3955" s="91"/>
      <c r="GS3955" s="91"/>
      <c r="GT3955" s="91"/>
      <c r="GU3955" s="91"/>
      <c r="GV3955" s="91"/>
      <c r="GW3955" s="91"/>
      <c r="GX3955" s="127"/>
      <c r="GY3955" s="126"/>
      <c r="GZ3955" s="91"/>
      <c r="HA3955" s="91"/>
      <c r="HB3955" s="91"/>
      <c r="HC3955" s="91"/>
      <c r="HD3955" s="91"/>
      <c r="HE3955" s="91"/>
      <c r="HF3955" s="91"/>
      <c r="HG3955" s="91"/>
      <c r="HH3955" s="91"/>
      <c r="HI3955" s="91"/>
      <c r="HJ3955" s="91"/>
      <c r="HK3955" s="127"/>
      <c r="HL3955" s="126"/>
      <c r="HM3955" s="91"/>
      <c r="HN3955" s="91"/>
      <c r="HO3955" s="91"/>
      <c r="HP3955" s="91"/>
      <c r="HQ3955" s="91"/>
      <c r="HR3955" s="91"/>
      <c r="HS3955" s="91"/>
      <c r="HT3955" s="91"/>
      <c r="HU3955" s="91"/>
      <c r="HV3955" s="91"/>
      <c r="HW3955" s="91"/>
      <c r="HX3955" s="127"/>
      <c r="HY3955" s="126"/>
      <c r="HZ3955" s="91"/>
      <c r="IA3955" s="91"/>
      <c r="IB3955" s="91"/>
      <c r="IC3955" s="91"/>
      <c r="ID3955" s="91"/>
      <c r="IE3955" s="91"/>
      <c r="IF3955" s="91"/>
      <c r="IG3955" s="91"/>
      <c r="IH3955" s="91"/>
      <c r="II3955" s="91"/>
      <c r="IJ3955" s="91"/>
      <c r="IK3955" s="174"/>
    </row>
    <row r="3956" spans="2:245" x14ac:dyDescent="0.2">
      <c r="B3956" s="43"/>
      <c r="C3956" s="73"/>
      <c r="D3956" s="64"/>
      <c r="E3956" s="64"/>
      <c r="F3956" s="55"/>
      <c r="G3956" s="102"/>
      <c r="H3956" s="97"/>
      <c r="T3956" s="98"/>
      <c r="U3956" s="97"/>
      <c r="AG3956" s="98"/>
      <c r="AY3956" s="164"/>
      <c r="BK3956" s="98"/>
      <c r="BL3956" s="97"/>
      <c r="BX3956" s="98"/>
      <c r="CL3956" s="97"/>
      <c r="CX3956" s="98"/>
      <c r="DL3956" s="97"/>
      <c r="DX3956" s="98"/>
      <c r="EL3956" s="97"/>
      <c r="EX3956" s="98"/>
      <c r="EY3956" s="97"/>
      <c r="FL3956" s="126"/>
      <c r="FM3956" s="91"/>
      <c r="FN3956" s="91"/>
      <c r="FO3956" s="91"/>
      <c r="FP3956" s="91"/>
      <c r="FQ3956" s="91"/>
      <c r="FR3956" s="91"/>
      <c r="FS3956" s="91"/>
      <c r="FT3956" s="91"/>
      <c r="FU3956" s="91"/>
      <c r="FV3956" s="91"/>
      <c r="FW3956" s="91"/>
      <c r="FX3956" s="127"/>
      <c r="FY3956" s="126"/>
      <c r="FZ3956" s="91"/>
      <c r="GA3956" s="91"/>
      <c r="GB3956" s="91"/>
      <c r="GC3956" s="91"/>
      <c r="GD3956" s="91"/>
      <c r="GE3956" s="91"/>
      <c r="GF3956" s="91"/>
      <c r="GG3956" s="91"/>
      <c r="GH3956" s="91"/>
      <c r="GI3956" s="91"/>
      <c r="GJ3956" s="91"/>
      <c r="GK3956" s="127"/>
      <c r="GL3956" s="126"/>
      <c r="GM3956" s="91"/>
      <c r="GN3956" s="91"/>
      <c r="GO3956" s="91"/>
      <c r="GP3956" s="91"/>
      <c r="GQ3956" s="91"/>
      <c r="GR3956" s="91"/>
      <c r="GS3956" s="91"/>
      <c r="GT3956" s="91"/>
      <c r="GU3956" s="91"/>
      <c r="GV3956" s="91"/>
      <c r="GW3956" s="91"/>
      <c r="GX3956" s="127"/>
      <c r="GY3956" s="126"/>
      <c r="GZ3956" s="91"/>
      <c r="HA3956" s="91"/>
      <c r="HB3956" s="91"/>
      <c r="HC3956" s="91"/>
      <c r="HD3956" s="91"/>
      <c r="HE3956" s="91"/>
      <c r="HF3956" s="91"/>
      <c r="HG3956" s="91"/>
      <c r="HH3956" s="91"/>
      <c r="HI3956" s="91"/>
      <c r="HJ3956" s="91"/>
      <c r="HK3956" s="127"/>
      <c r="HL3956" s="126"/>
      <c r="HM3956" s="91"/>
      <c r="HN3956" s="91"/>
      <c r="HO3956" s="91"/>
      <c r="HP3956" s="91"/>
      <c r="HQ3956" s="91"/>
      <c r="HR3956" s="91"/>
      <c r="HS3956" s="91"/>
      <c r="HT3956" s="91"/>
      <c r="HU3956" s="91"/>
      <c r="HV3956" s="91"/>
      <c r="HW3956" s="91"/>
      <c r="HX3956" s="127"/>
      <c r="HY3956" s="126"/>
      <c r="HZ3956" s="91"/>
      <c r="IA3956" s="91"/>
      <c r="IB3956" s="91"/>
      <c r="IC3956" s="91"/>
      <c r="ID3956" s="91"/>
      <c r="IE3956" s="91"/>
      <c r="IF3956" s="91"/>
      <c r="IG3956" s="91"/>
      <c r="IH3956" s="91"/>
      <c r="II3956" s="91"/>
      <c r="IJ3956" s="91"/>
      <c r="IK3956" s="174"/>
    </row>
    <row r="3957" spans="2:245" x14ac:dyDescent="0.2">
      <c r="B3957" s="43"/>
      <c r="C3957" s="73"/>
      <c r="D3957" s="64"/>
      <c r="E3957" s="64"/>
      <c r="F3957" s="55"/>
      <c r="G3957" s="102"/>
      <c r="H3957" s="97"/>
      <c r="T3957" s="98"/>
      <c r="U3957" s="97"/>
      <c r="AG3957" s="98"/>
      <c r="AY3957" s="164"/>
      <c r="BK3957" s="98"/>
      <c r="BL3957" s="97"/>
      <c r="BX3957" s="98"/>
      <c r="CL3957" s="97"/>
      <c r="CX3957" s="98"/>
      <c r="DL3957" s="97"/>
      <c r="DX3957" s="98"/>
      <c r="EL3957" s="97"/>
      <c r="EX3957" s="98"/>
      <c r="EY3957" s="97"/>
      <c r="FL3957" s="126"/>
      <c r="FM3957" s="91"/>
      <c r="FN3957" s="91"/>
      <c r="FO3957" s="91"/>
      <c r="FP3957" s="91"/>
      <c r="FQ3957" s="91"/>
      <c r="FR3957" s="91"/>
      <c r="FS3957" s="91"/>
      <c r="FT3957" s="91"/>
      <c r="FU3957" s="91"/>
      <c r="FV3957" s="91"/>
      <c r="FW3957" s="91"/>
      <c r="FX3957" s="127"/>
      <c r="FY3957" s="126"/>
      <c r="FZ3957" s="91"/>
      <c r="GA3957" s="91"/>
      <c r="GB3957" s="91"/>
      <c r="GC3957" s="91"/>
      <c r="GD3957" s="91"/>
      <c r="GE3957" s="91"/>
      <c r="GF3957" s="91"/>
      <c r="GG3957" s="91"/>
      <c r="GH3957" s="91"/>
      <c r="GI3957" s="91"/>
      <c r="GJ3957" s="91"/>
      <c r="GK3957" s="127"/>
      <c r="GL3957" s="126"/>
      <c r="GM3957" s="91"/>
      <c r="GN3957" s="91"/>
      <c r="GO3957" s="91"/>
      <c r="GP3957" s="91"/>
      <c r="GQ3957" s="91"/>
      <c r="GR3957" s="91"/>
      <c r="GS3957" s="91"/>
      <c r="GT3957" s="91"/>
      <c r="GU3957" s="91"/>
      <c r="GV3957" s="91"/>
      <c r="GW3957" s="91"/>
      <c r="GX3957" s="127"/>
      <c r="GY3957" s="126"/>
      <c r="GZ3957" s="91"/>
      <c r="HA3957" s="91"/>
      <c r="HB3957" s="91"/>
      <c r="HC3957" s="91"/>
      <c r="HD3957" s="91"/>
      <c r="HE3957" s="91"/>
      <c r="HF3957" s="91"/>
      <c r="HG3957" s="91"/>
      <c r="HH3957" s="91"/>
      <c r="HI3957" s="91"/>
      <c r="HJ3957" s="91"/>
      <c r="HK3957" s="127"/>
      <c r="HL3957" s="126"/>
      <c r="HM3957" s="91"/>
      <c r="HN3957" s="91"/>
      <c r="HO3957" s="91"/>
      <c r="HP3957" s="91"/>
      <c r="HQ3957" s="91"/>
      <c r="HR3957" s="91"/>
      <c r="HS3957" s="91"/>
      <c r="HT3957" s="91"/>
      <c r="HU3957" s="91"/>
      <c r="HV3957" s="91"/>
      <c r="HW3957" s="91"/>
      <c r="HX3957" s="127"/>
      <c r="HY3957" s="126"/>
      <c r="HZ3957" s="91"/>
      <c r="IA3957" s="91"/>
      <c r="IB3957" s="91"/>
      <c r="IC3957" s="91"/>
      <c r="ID3957" s="91"/>
      <c r="IE3957" s="91"/>
      <c r="IF3957" s="91"/>
      <c r="IG3957" s="91"/>
      <c r="IH3957" s="91"/>
      <c r="II3957" s="91"/>
      <c r="IJ3957" s="91"/>
      <c r="IK3957" s="174"/>
    </row>
    <row r="3958" spans="2:245" x14ac:dyDescent="0.2">
      <c r="B3958" s="43"/>
      <c r="C3958" s="73"/>
      <c r="D3958" s="64"/>
      <c r="E3958" s="64"/>
      <c r="F3958" s="55"/>
      <c r="G3958" s="102"/>
      <c r="H3958" s="97"/>
      <c r="T3958" s="98"/>
      <c r="U3958" s="97"/>
      <c r="AG3958" s="98"/>
      <c r="AY3958" s="164"/>
      <c r="BK3958" s="98"/>
      <c r="BL3958" s="97"/>
      <c r="BX3958" s="98"/>
      <c r="CL3958" s="97"/>
      <c r="CX3958" s="98"/>
      <c r="DL3958" s="97"/>
      <c r="DX3958" s="98"/>
      <c r="EL3958" s="97"/>
      <c r="EX3958" s="98"/>
      <c r="EY3958" s="97"/>
      <c r="FL3958" s="126"/>
      <c r="FM3958" s="91"/>
      <c r="FN3958" s="91"/>
      <c r="FO3958" s="91"/>
      <c r="FP3958" s="91"/>
      <c r="FQ3958" s="91"/>
      <c r="FR3958" s="91"/>
      <c r="FS3958" s="91"/>
      <c r="FT3958" s="91"/>
      <c r="FU3958" s="91"/>
      <c r="FV3958" s="91"/>
      <c r="FW3958" s="91"/>
      <c r="FX3958" s="127"/>
      <c r="FY3958" s="126"/>
      <c r="FZ3958" s="91"/>
      <c r="GA3958" s="91"/>
      <c r="GB3958" s="91"/>
      <c r="GC3958" s="91"/>
      <c r="GD3958" s="91"/>
      <c r="GE3958" s="91"/>
      <c r="GF3958" s="91"/>
      <c r="GG3958" s="91"/>
      <c r="GH3958" s="91"/>
      <c r="GI3958" s="91"/>
      <c r="GJ3958" s="91"/>
      <c r="GK3958" s="127"/>
      <c r="GL3958" s="126"/>
      <c r="GM3958" s="91"/>
      <c r="GN3958" s="91"/>
      <c r="GO3958" s="91"/>
      <c r="GP3958" s="91"/>
      <c r="GQ3958" s="91"/>
      <c r="GR3958" s="91"/>
      <c r="GS3958" s="91"/>
      <c r="GT3958" s="91"/>
      <c r="GU3958" s="91"/>
      <c r="GV3958" s="91"/>
      <c r="GW3958" s="91"/>
      <c r="GX3958" s="127"/>
      <c r="GY3958" s="126"/>
      <c r="GZ3958" s="91"/>
      <c r="HA3958" s="91"/>
      <c r="HB3958" s="91"/>
      <c r="HC3958" s="91"/>
      <c r="HD3958" s="91"/>
      <c r="HE3958" s="91"/>
      <c r="HF3958" s="91"/>
      <c r="HG3958" s="91"/>
      <c r="HH3958" s="91"/>
      <c r="HI3958" s="91"/>
      <c r="HJ3958" s="91"/>
      <c r="HK3958" s="127"/>
      <c r="HL3958" s="126"/>
      <c r="HM3958" s="91"/>
      <c r="HN3958" s="91"/>
      <c r="HO3958" s="91"/>
      <c r="HP3958" s="91"/>
      <c r="HQ3958" s="91"/>
      <c r="HR3958" s="91"/>
      <c r="HS3958" s="91"/>
      <c r="HT3958" s="91"/>
      <c r="HU3958" s="91"/>
      <c r="HV3958" s="91"/>
      <c r="HW3958" s="91"/>
      <c r="HX3958" s="127"/>
      <c r="HY3958" s="126"/>
      <c r="HZ3958" s="91"/>
      <c r="IA3958" s="91"/>
      <c r="IB3958" s="91"/>
      <c r="IC3958" s="91"/>
      <c r="ID3958" s="91"/>
      <c r="IE3958" s="91"/>
      <c r="IF3958" s="91"/>
      <c r="IG3958" s="91"/>
      <c r="IH3958" s="91"/>
      <c r="II3958" s="91"/>
      <c r="IJ3958" s="91"/>
      <c r="IK3958" s="174"/>
    </row>
    <row r="3959" spans="2:245" x14ac:dyDescent="0.2">
      <c r="B3959" s="43"/>
      <c r="C3959" s="73"/>
      <c r="D3959" s="64"/>
      <c r="E3959" s="64"/>
      <c r="F3959" s="55"/>
      <c r="G3959" s="102"/>
      <c r="H3959" s="97"/>
      <c r="T3959" s="98"/>
      <c r="U3959" s="97"/>
      <c r="AG3959" s="98"/>
      <c r="AY3959" s="164"/>
      <c r="BK3959" s="98"/>
      <c r="BL3959" s="97"/>
      <c r="BX3959" s="98"/>
      <c r="CL3959" s="97"/>
      <c r="CX3959" s="98"/>
      <c r="DL3959" s="97"/>
      <c r="DX3959" s="98"/>
      <c r="EL3959" s="97"/>
      <c r="EX3959" s="98"/>
      <c r="EY3959" s="97"/>
      <c r="FL3959" s="126"/>
      <c r="FM3959" s="91"/>
      <c r="FN3959" s="91"/>
      <c r="FO3959" s="91"/>
      <c r="FP3959" s="91"/>
      <c r="FQ3959" s="91"/>
      <c r="FR3959" s="91"/>
      <c r="FS3959" s="91"/>
      <c r="FT3959" s="91"/>
      <c r="FU3959" s="91"/>
      <c r="FV3959" s="91"/>
      <c r="FW3959" s="91"/>
      <c r="FX3959" s="127"/>
      <c r="FY3959" s="126"/>
      <c r="FZ3959" s="91"/>
      <c r="GA3959" s="91"/>
      <c r="GB3959" s="91"/>
      <c r="GC3959" s="91"/>
      <c r="GD3959" s="91"/>
      <c r="GE3959" s="91"/>
      <c r="GF3959" s="91"/>
      <c r="GG3959" s="91"/>
      <c r="GH3959" s="91"/>
      <c r="GI3959" s="91"/>
      <c r="GJ3959" s="91"/>
      <c r="GK3959" s="127"/>
      <c r="GL3959" s="126"/>
      <c r="GM3959" s="91"/>
      <c r="GN3959" s="91"/>
      <c r="GO3959" s="91"/>
      <c r="GP3959" s="91"/>
      <c r="GQ3959" s="91"/>
      <c r="GR3959" s="91"/>
      <c r="GS3959" s="91"/>
      <c r="GT3959" s="91"/>
      <c r="GU3959" s="91"/>
      <c r="GV3959" s="91"/>
      <c r="GW3959" s="91"/>
      <c r="GX3959" s="127"/>
      <c r="GY3959" s="126"/>
      <c r="GZ3959" s="91"/>
      <c r="HA3959" s="91"/>
      <c r="HB3959" s="91"/>
      <c r="HC3959" s="91"/>
      <c r="HD3959" s="91"/>
      <c r="HE3959" s="91"/>
      <c r="HF3959" s="91"/>
      <c r="HG3959" s="91"/>
      <c r="HH3959" s="91"/>
      <c r="HI3959" s="91"/>
      <c r="HJ3959" s="91"/>
      <c r="HK3959" s="127"/>
      <c r="HL3959" s="126"/>
      <c r="HM3959" s="91"/>
      <c r="HN3959" s="91"/>
      <c r="HO3959" s="91"/>
      <c r="HP3959" s="91"/>
      <c r="HQ3959" s="91"/>
      <c r="HR3959" s="91"/>
      <c r="HS3959" s="91"/>
      <c r="HT3959" s="91"/>
      <c r="HU3959" s="91"/>
      <c r="HV3959" s="91"/>
      <c r="HW3959" s="91"/>
      <c r="HX3959" s="127"/>
      <c r="HY3959" s="126"/>
      <c r="HZ3959" s="91"/>
      <c r="IA3959" s="91"/>
      <c r="IB3959" s="91"/>
      <c r="IC3959" s="91"/>
      <c r="ID3959" s="91"/>
      <c r="IE3959" s="91"/>
      <c r="IF3959" s="91"/>
      <c r="IG3959" s="91"/>
      <c r="IH3959" s="91"/>
      <c r="II3959" s="91"/>
      <c r="IJ3959" s="91"/>
      <c r="IK3959" s="174"/>
    </row>
    <row r="3960" spans="2:245" x14ac:dyDescent="0.2">
      <c r="B3960" s="43"/>
      <c r="C3960" s="73"/>
      <c r="D3960" s="64"/>
      <c r="E3960" s="64"/>
      <c r="F3960" s="55"/>
      <c r="G3960" s="102"/>
      <c r="H3960" s="97"/>
      <c r="T3960" s="98"/>
      <c r="U3960" s="97"/>
      <c r="AG3960" s="98"/>
      <c r="AY3960" s="164"/>
      <c r="BK3960" s="98"/>
      <c r="BL3960" s="97"/>
      <c r="BX3960" s="98"/>
      <c r="CL3960" s="97"/>
      <c r="CX3960" s="98"/>
      <c r="DL3960" s="97"/>
      <c r="DX3960" s="98"/>
      <c r="EL3960" s="97"/>
      <c r="EX3960" s="98"/>
      <c r="EY3960" s="97"/>
      <c r="FL3960" s="126"/>
      <c r="FM3960" s="91"/>
      <c r="FN3960" s="91"/>
      <c r="FO3960" s="91"/>
      <c r="FP3960" s="91"/>
      <c r="FQ3960" s="91"/>
      <c r="FR3960" s="91"/>
      <c r="FS3960" s="91"/>
      <c r="FT3960" s="91"/>
      <c r="FU3960" s="91"/>
      <c r="FV3960" s="91"/>
      <c r="FW3960" s="91"/>
      <c r="FX3960" s="127"/>
      <c r="FY3960" s="126"/>
      <c r="FZ3960" s="91"/>
      <c r="GA3960" s="91"/>
      <c r="GB3960" s="91"/>
      <c r="GC3960" s="91"/>
      <c r="GD3960" s="91"/>
      <c r="GE3960" s="91"/>
      <c r="GF3960" s="91"/>
      <c r="GG3960" s="91"/>
      <c r="GH3960" s="91"/>
      <c r="GI3960" s="91"/>
      <c r="GJ3960" s="91"/>
      <c r="GK3960" s="127"/>
      <c r="GL3960" s="126"/>
      <c r="GM3960" s="91"/>
      <c r="GN3960" s="91"/>
      <c r="GO3960" s="91"/>
      <c r="GP3960" s="91"/>
      <c r="GQ3960" s="91"/>
      <c r="GR3960" s="91"/>
      <c r="GS3960" s="91"/>
      <c r="GT3960" s="91"/>
      <c r="GU3960" s="91"/>
      <c r="GV3960" s="91"/>
      <c r="GW3960" s="91"/>
      <c r="GX3960" s="127"/>
      <c r="GY3960" s="126"/>
      <c r="GZ3960" s="91"/>
      <c r="HA3960" s="91"/>
      <c r="HB3960" s="91"/>
      <c r="HC3960" s="91"/>
      <c r="HD3960" s="91"/>
      <c r="HE3960" s="91"/>
      <c r="HF3960" s="91"/>
      <c r="HG3960" s="91"/>
      <c r="HH3960" s="91"/>
      <c r="HI3960" s="91"/>
      <c r="HJ3960" s="91"/>
      <c r="HK3960" s="127"/>
      <c r="HL3960" s="126"/>
      <c r="HM3960" s="91"/>
      <c r="HN3960" s="91"/>
      <c r="HO3960" s="91"/>
      <c r="HP3960" s="91"/>
      <c r="HQ3960" s="91"/>
      <c r="HR3960" s="91"/>
      <c r="HS3960" s="91"/>
      <c r="HT3960" s="91"/>
      <c r="HU3960" s="91"/>
      <c r="HV3960" s="91"/>
      <c r="HW3960" s="91"/>
      <c r="HX3960" s="127"/>
      <c r="HY3960" s="126"/>
      <c r="HZ3960" s="91"/>
      <c r="IA3960" s="91"/>
      <c r="IB3960" s="91"/>
      <c r="IC3960" s="91"/>
      <c r="ID3960" s="91"/>
      <c r="IE3960" s="91"/>
      <c r="IF3960" s="91"/>
      <c r="IG3960" s="91"/>
      <c r="IH3960" s="91"/>
      <c r="II3960" s="91"/>
      <c r="IJ3960" s="91"/>
      <c r="IK3960" s="174"/>
    </row>
    <row r="3961" spans="2:245" x14ac:dyDescent="0.2">
      <c r="B3961" s="43"/>
      <c r="C3961" s="73"/>
      <c r="D3961" s="64"/>
      <c r="E3961" s="64"/>
      <c r="F3961" s="55"/>
      <c r="G3961" s="102"/>
      <c r="H3961" s="97"/>
      <c r="T3961" s="98"/>
      <c r="U3961" s="97"/>
      <c r="AG3961" s="98"/>
      <c r="AY3961" s="164"/>
      <c r="BK3961" s="98"/>
      <c r="BL3961" s="97"/>
      <c r="BX3961" s="98"/>
      <c r="CL3961" s="97"/>
      <c r="CX3961" s="98"/>
      <c r="DL3961" s="97"/>
      <c r="DX3961" s="98"/>
      <c r="EL3961" s="97"/>
      <c r="EX3961" s="98"/>
      <c r="EY3961" s="97"/>
      <c r="FL3961" s="126"/>
      <c r="FM3961" s="91"/>
      <c r="FN3961" s="91"/>
      <c r="FO3961" s="91"/>
      <c r="FP3961" s="91"/>
      <c r="FQ3961" s="91"/>
      <c r="FR3961" s="91"/>
      <c r="FS3961" s="91"/>
      <c r="FT3961" s="91"/>
      <c r="FU3961" s="91"/>
      <c r="FV3961" s="91"/>
      <c r="FW3961" s="91"/>
      <c r="FX3961" s="127"/>
      <c r="FY3961" s="126"/>
      <c r="FZ3961" s="91"/>
      <c r="GA3961" s="91"/>
      <c r="GB3961" s="91"/>
      <c r="GC3961" s="91"/>
      <c r="GD3961" s="91"/>
      <c r="GE3961" s="91"/>
      <c r="GF3961" s="91"/>
      <c r="GG3961" s="91"/>
      <c r="GH3961" s="91"/>
      <c r="GI3961" s="91"/>
      <c r="GJ3961" s="91"/>
      <c r="GK3961" s="127"/>
      <c r="GL3961" s="126"/>
      <c r="GM3961" s="91"/>
      <c r="GN3961" s="91"/>
      <c r="GO3961" s="91"/>
      <c r="GP3961" s="91"/>
      <c r="GQ3961" s="91"/>
      <c r="GR3961" s="91"/>
      <c r="GS3961" s="91"/>
      <c r="GT3961" s="91"/>
      <c r="GU3961" s="91"/>
      <c r="GV3961" s="91"/>
      <c r="GW3961" s="91"/>
      <c r="GX3961" s="127"/>
      <c r="GY3961" s="126"/>
      <c r="GZ3961" s="91"/>
      <c r="HA3961" s="91"/>
      <c r="HB3961" s="91"/>
      <c r="HC3961" s="91"/>
      <c r="HD3961" s="91"/>
      <c r="HE3961" s="91"/>
      <c r="HF3961" s="91"/>
      <c r="HG3961" s="91"/>
      <c r="HH3961" s="91"/>
      <c r="HI3961" s="91"/>
      <c r="HJ3961" s="91"/>
      <c r="HK3961" s="127"/>
      <c r="HL3961" s="126"/>
      <c r="HM3961" s="91"/>
      <c r="HN3961" s="91"/>
      <c r="HO3961" s="91"/>
      <c r="HP3961" s="91"/>
      <c r="HQ3961" s="91"/>
      <c r="HR3961" s="91"/>
      <c r="HS3961" s="91"/>
      <c r="HT3961" s="91"/>
      <c r="HU3961" s="91"/>
      <c r="HV3961" s="91"/>
      <c r="HW3961" s="91"/>
      <c r="HX3961" s="127"/>
      <c r="HY3961" s="126"/>
      <c r="HZ3961" s="91"/>
      <c r="IA3961" s="91"/>
      <c r="IB3961" s="91"/>
      <c r="IC3961" s="91"/>
      <c r="ID3961" s="91"/>
      <c r="IE3961" s="91"/>
      <c r="IF3961" s="91"/>
      <c r="IG3961" s="91"/>
      <c r="IH3961" s="91"/>
      <c r="II3961" s="91"/>
      <c r="IJ3961" s="91"/>
      <c r="IK3961" s="174"/>
    </row>
    <row r="3962" spans="2:245" x14ac:dyDescent="0.2">
      <c r="B3962" s="43"/>
      <c r="C3962" s="73"/>
      <c r="D3962" s="64"/>
      <c r="E3962" s="64"/>
      <c r="F3962" s="55"/>
      <c r="G3962" s="102"/>
      <c r="H3962" s="97"/>
      <c r="T3962" s="98"/>
      <c r="U3962" s="97"/>
      <c r="AG3962" s="98"/>
      <c r="AY3962" s="164"/>
      <c r="BK3962" s="98"/>
      <c r="BL3962" s="97"/>
      <c r="BX3962" s="98"/>
      <c r="CL3962" s="97"/>
      <c r="CX3962" s="98"/>
      <c r="DL3962" s="97"/>
      <c r="DX3962" s="98"/>
      <c r="EL3962" s="97"/>
      <c r="EX3962" s="98"/>
      <c r="EY3962" s="97"/>
      <c r="FL3962" s="126"/>
      <c r="FM3962" s="91"/>
      <c r="FN3962" s="91"/>
      <c r="FO3962" s="91"/>
      <c r="FP3962" s="91"/>
      <c r="FQ3962" s="91"/>
      <c r="FR3962" s="91"/>
      <c r="FS3962" s="91"/>
      <c r="FT3962" s="91"/>
      <c r="FU3962" s="91"/>
      <c r="FV3962" s="91"/>
      <c r="FW3962" s="91"/>
      <c r="FX3962" s="127"/>
      <c r="FY3962" s="126"/>
      <c r="FZ3962" s="91"/>
      <c r="GA3962" s="91"/>
      <c r="GB3962" s="91"/>
      <c r="GC3962" s="91"/>
      <c r="GD3962" s="91"/>
      <c r="GE3962" s="91"/>
      <c r="GF3962" s="91"/>
      <c r="GG3962" s="91"/>
      <c r="GH3962" s="91"/>
      <c r="GI3962" s="91"/>
      <c r="GJ3962" s="91"/>
      <c r="GK3962" s="127"/>
      <c r="GL3962" s="126"/>
      <c r="GM3962" s="91"/>
      <c r="GN3962" s="91"/>
      <c r="GO3962" s="91"/>
      <c r="GP3962" s="91"/>
      <c r="GQ3962" s="91"/>
      <c r="GR3962" s="91"/>
      <c r="GS3962" s="91"/>
      <c r="GT3962" s="91"/>
      <c r="GU3962" s="91"/>
      <c r="GV3962" s="91"/>
      <c r="GW3962" s="91"/>
      <c r="GX3962" s="127"/>
      <c r="GY3962" s="126"/>
      <c r="GZ3962" s="91"/>
      <c r="HA3962" s="91"/>
      <c r="HB3962" s="91"/>
      <c r="HC3962" s="91"/>
      <c r="HD3962" s="91"/>
      <c r="HE3962" s="91"/>
      <c r="HF3962" s="91"/>
      <c r="HG3962" s="91"/>
      <c r="HH3962" s="91"/>
      <c r="HI3962" s="91"/>
      <c r="HJ3962" s="91"/>
      <c r="HK3962" s="127"/>
      <c r="HL3962" s="126"/>
      <c r="HM3962" s="91"/>
      <c r="HN3962" s="91"/>
      <c r="HO3962" s="91"/>
      <c r="HP3962" s="91"/>
      <c r="HQ3962" s="91"/>
      <c r="HR3962" s="91"/>
      <c r="HS3962" s="91"/>
      <c r="HT3962" s="91"/>
      <c r="HU3962" s="91"/>
      <c r="HV3962" s="91"/>
      <c r="HW3962" s="91"/>
      <c r="HX3962" s="127"/>
      <c r="HY3962" s="126"/>
      <c r="HZ3962" s="91"/>
      <c r="IA3962" s="91"/>
      <c r="IB3962" s="91"/>
      <c r="IC3962" s="91"/>
      <c r="ID3962" s="91"/>
      <c r="IE3962" s="91"/>
      <c r="IF3962" s="91"/>
      <c r="IG3962" s="91"/>
      <c r="IH3962" s="91"/>
      <c r="II3962" s="91"/>
      <c r="IJ3962" s="91"/>
      <c r="IK3962" s="174"/>
    </row>
    <row r="3963" spans="2:245" x14ac:dyDescent="0.2">
      <c r="B3963" s="43"/>
      <c r="C3963" s="73"/>
      <c r="D3963" s="64"/>
      <c r="E3963" s="64"/>
      <c r="F3963" s="55"/>
      <c r="G3963" s="102"/>
      <c r="H3963" s="97"/>
      <c r="T3963" s="98"/>
      <c r="U3963" s="97"/>
      <c r="AG3963" s="98"/>
      <c r="AY3963" s="164"/>
      <c r="BK3963" s="98"/>
      <c r="BL3963" s="97"/>
      <c r="BX3963" s="98"/>
      <c r="CL3963" s="97"/>
      <c r="CX3963" s="98"/>
      <c r="DL3963" s="97"/>
      <c r="DX3963" s="98"/>
      <c r="EL3963" s="97"/>
      <c r="EX3963" s="98"/>
      <c r="EY3963" s="97"/>
      <c r="FL3963" s="126"/>
      <c r="FM3963" s="91"/>
      <c r="FN3963" s="91"/>
      <c r="FO3963" s="91"/>
      <c r="FP3963" s="91"/>
      <c r="FQ3963" s="91"/>
      <c r="FR3963" s="91"/>
      <c r="FS3963" s="91"/>
      <c r="FT3963" s="91"/>
      <c r="FU3963" s="91"/>
      <c r="FV3963" s="91"/>
      <c r="FW3963" s="91"/>
      <c r="FX3963" s="127"/>
      <c r="FY3963" s="126"/>
      <c r="FZ3963" s="91"/>
      <c r="GA3963" s="91"/>
      <c r="GB3963" s="91"/>
      <c r="GC3963" s="91"/>
      <c r="GD3963" s="91"/>
      <c r="GE3963" s="91"/>
      <c r="GF3963" s="91"/>
      <c r="GG3963" s="91"/>
      <c r="GH3963" s="91"/>
      <c r="GI3963" s="91"/>
      <c r="GJ3963" s="91"/>
      <c r="GK3963" s="127"/>
      <c r="GL3963" s="126"/>
      <c r="GM3963" s="91"/>
      <c r="GN3963" s="91"/>
      <c r="GO3963" s="91"/>
      <c r="GP3963" s="91"/>
      <c r="GQ3963" s="91"/>
      <c r="GR3963" s="91"/>
      <c r="GS3963" s="91"/>
      <c r="GT3963" s="91"/>
      <c r="GU3963" s="91"/>
      <c r="GV3963" s="91"/>
      <c r="GW3963" s="91"/>
      <c r="GX3963" s="127"/>
      <c r="GY3963" s="126"/>
      <c r="GZ3963" s="91"/>
      <c r="HA3963" s="91"/>
      <c r="HB3963" s="91"/>
      <c r="HC3963" s="91"/>
      <c r="HD3963" s="91"/>
      <c r="HE3963" s="91"/>
      <c r="HF3963" s="91"/>
      <c r="HG3963" s="91"/>
      <c r="HH3963" s="91"/>
      <c r="HI3963" s="91"/>
      <c r="HJ3963" s="91"/>
      <c r="HK3963" s="127"/>
      <c r="HL3963" s="126"/>
      <c r="HM3963" s="91"/>
      <c r="HN3963" s="91"/>
      <c r="HO3963" s="91"/>
      <c r="HP3963" s="91"/>
      <c r="HQ3963" s="91"/>
      <c r="HR3963" s="91"/>
      <c r="HS3963" s="91"/>
      <c r="HT3963" s="91"/>
      <c r="HU3963" s="91"/>
      <c r="HV3963" s="91"/>
      <c r="HW3963" s="91"/>
      <c r="HX3963" s="127"/>
      <c r="HY3963" s="126"/>
      <c r="HZ3963" s="91"/>
      <c r="IA3963" s="91"/>
      <c r="IB3963" s="91"/>
      <c r="IC3963" s="91"/>
      <c r="ID3963" s="91"/>
      <c r="IE3963" s="91"/>
      <c r="IF3963" s="91"/>
      <c r="IG3963" s="91"/>
      <c r="IH3963" s="91"/>
      <c r="II3963" s="91"/>
      <c r="IJ3963" s="91"/>
      <c r="IK3963" s="174"/>
    </row>
    <row r="3964" spans="2:245" x14ac:dyDescent="0.2">
      <c r="B3964" s="43"/>
      <c r="C3964" s="73"/>
      <c r="D3964" s="64"/>
      <c r="E3964" s="64"/>
      <c r="F3964" s="55"/>
      <c r="G3964" s="102"/>
      <c r="H3964" s="97"/>
      <c r="T3964" s="98"/>
      <c r="U3964" s="97"/>
      <c r="AG3964" s="98"/>
      <c r="AY3964" s="164"/>
      <c r="BK3964" s="98"/>
      <c r="BL3964" s="97"/>
      <c r="BX3964" s="98"/>
      <c r="CL3964" s="97"/>
      <c r="CX3964" s="98"/>
      <c r="DL3964" s="97"/>
      <c r="DX3964" s="98"/>
      <c r="EL3964" s="97"/>
      <c r="EX3964" s="98"/>
      <c r="EY3964" s="97"/>
      <c r="FL3964" s="126"/>
      <c r="FM3964" s="91"/>
      <c r="FN3964" s="91"/>
      <c r="FO3964" s="91"/>
      <c r="FP3964" s="91"/>
      <c r="FQ3964" s="91"/>
      <c r="FR3964" s="91"/>
      <c r="FS3964" s="91"/>
      <c r="FT3964" s="91"/>
      <c r="FU3964" s="91"/>
      <c r="FV3964" s="91"/>
      <c r="FW3964" s="91"/>
      <c r="FX3964" s="127"/>
      <c r="FY3964" s="126"/>
      <c r="FZ3964" s="91"/>
      <c r="GA3964" s="91"/>
      <c r="GB3964" s="91"/>
      <c r="GC3964" s="91"/>
      <c r="GD3964" s="91"/>
      <c r="GE3964" s="91"/>
      <c r="GF3964" s="91"/>
      <c r="GG3964" s="91"/>
      <c r="GH3964" s="91"/>
      <c r="GI3964" s="91"/>
      <c r="GJ3964" s="91"/>
      <c r="GK3964" s="127"/>
      <c r="GL3964" s="126"/>
      <c r="GM3964" s="91"/>
      <c r="GN3964" s="91"/>
      <c r="GO3964" s="91"/>
      <c r="GP3964" s="91"/>
      <c r="GQ3964" s="91"/>
      <c r="GR3964" s="91"/>
      <c r="GS3964" s="91"/>
      <c r="GT3964" s="91"/>
      <c r="GU3964" s="91"/>
      <c r="GV3964" s="91"/>
      <c r="GW3964" s="91"/>
      <c r="GX3964" s="127"/>
      <c r="GY3964" s="126"/>
      <c r="GZ3964" s="91"/>
      <c r="HA3964" s="91"/>
      <c r="HB3964" s="91"/>
      <c r="HC3964" s="91"/>
      <c r="HD3964" s="91"/>
      <c r="HE3964" s="91"/>
      <c r="HF3964" s="91"/>
      <c r="HG3964" s="91"/>
      <c r="HH3964" s="91"/>
      <c r="HI3964" s="91"/>
      <c r="HJ3964" s="91"/>
      <c r="HK3964" s="127"/>
      <c r="HL3964" s="126"/>
      <c r="HM3964" s="91"/>
      <c r="HN3964" s="91"/>
      <c r="HO3964" s="91"/>
      <c r="HP3964" s="91"/>
      <c r="HQ3964" s="91"/>
      <c r="HR3964" s="91"/>
      <c r="HS3964" s="91"/>
      <c r="HT3964" s="91"/>
      <c r="HU3964" s="91"/>
      <c r="HV3964" s="91"/>
      <c r="HW3964" s="91"/>
      <c r="HX3964" s="127"/>
      <c r="HY3964" s="126"/>
      <c r="HZ3964" s="91"/>
      <c r="IA3964" s="91"/>
      <c r="IB3964" s="91"/>
      <c r="IC3964" s="91"/>
      <c r="ID3964" s="91"/>
      <c r="IE3964" s="91"/>
      <c r="IF3964" s="91"/>
      <c r="IG3964" s="91"/>
      <c r="IH3964" s="91"/>
      <c r="II3964" s="91"/>
      <c r="IJ3964" s="91"/>
      <c r="IK3964" s="174"/>
    </row>
    <row r="3965" spans="2:245" x14ac:dyDescent="0.2">
      <c r="B3965" s="43"/>
      <c r="C3965" s="73"/>
      <c r="D3965" s="64"/>
      <c r="E3965" s="64"/>
      <c r="F3965" s="55"/>
      <c r="G3965" s="102"/>
      <c r="H3965" s="97"/>
      <c r="T3965" s="98"/>
      <c r="U3965" s="97"/>
      <c r="AG3965" s="98"/>
      <c r="AY3965" s="164"/>
      <c r="BK3965" s="98"/>
      <c r="BL3965" s="97"/>
      <c r="BX3965" s="98"/>
      <c r="CL3965" s="97"/>
      <c r="CX3965" s="98"/>
      <c r="DL3965" s="97"/>
      <c r="DX3965" s="98"/>
      <c r="EL3965" s="97"/>
      <c r="EX3965" s="98"/>
      <c r="EY3965" s="97"/>
      <c r="FL3965" s="126"/>
      <c r="FM3965" s="91"/>
      <c r="FN3965" s="91"/>
      <c r="FO3965" s="91"/>
      <c r="FP3965" s="91"/>
      <c r="FQ3965" s="91"/>
      <c r="FR3965" s="91"/>
      <c r="FS3965" s="91"/>
      <c r="FT3965" s="91"/>
      <c r="FU3965" s="91"/>
      <c r="FV3965" s="91"/>
      <c r="FW3965" s="91"/>
      <c r="FX3965" s="127"/>
      <c r="FY3965" s="126"/>
      <c r="FZ3965" s="91"/>
      <c r="GA3965" s="91"/>
      <c r="GB3965" s="91"/>
      <c r="GC3965" s="91"/>
      <c r="GD3965" s="91"/>
      <c r="GE3965" s="91"/>
      <c r="GF3965" s="91"/>
      <c r="GG3965" s="91"/>
      <c r="GH3965" s="91"/>
      <c r="GI3965" s="91"/>
      <c r="GJ3965" s="91"/>
      <c r="GK3965" s="127"/>
      <c r="GL3965" s="126"/>
      <c r="GM3965" s="91"/>
      <c r="GN3965" s="91"/>
      <c r="GO3965" s="91"/>
      <c r="GP3965" s="91"/>
      <c r="GQ3965" s="91"/>
      <c r="GR3965" s="91"/>
      <c r="GS3965" s="91"/>
      <c r="GT3965" s="91"/>
      <c r="GU3965" s="91"/>
      <c r="GV3965" s="91"/>
      <c r="GW3965" s="91"/>
      <c r="GX3965" s="127"/>
      <c r="GY3965" s="126"/>
      <c r="GZ3965" s="91"/>
      <c r="HA3965" s="91"/>
      <c r="HB3965" s="91"/>
      <c r="HC3965" s="91"/>
      <c r="HD3965" s="91"/>
      <c r="HE3965" s="91"/>
      <c r="HF3965" s="91"/>
      <c r="HG3965" s="91"/>
      <c r="HH3965" s="91"/>
      <c r="HI3965" s="91"/>
      <c r="HJ3965" s="91"/>
      <c r="HK3965" s="127"/>
      <c r="HL3965" s="126"/>
      <c r="HM3965" s="91"/>
      <c r="HN3965" s="91"/>
      <c r="HO3965" s="91"/>
      <c r="HP3965" s="91"/>
      <c r="HQ3965" s="91"/>
      <c r="HR3965" s="91"/>
      <c r="HS3965" s="91"/>
      <c r="HT3965" s="91"/>
      <c r="HU3965" s="91"/>
      <c r="HV3965" s="91"/>
      <c r="HW3965" s="91"/>
      <c r="HX3965" s="127"/>
      <c r="HY3965" s="126"/>
      <c r="HZ3965" s="91"/>
      <c r="IA3965" s="91"/>
      <c r="IB3965" s="91"/>
      <c r="IC3965" s="91"/>
      <c r="ID3965" s="91"/>
      <c r="IE3965" s="91"/>
      <c r="IF3965" s="91"/>
      <c r="IG3965" s="91"/>
      <c r="IH3965" s="91"/>
      <c r="II3965" s="91"/>
      <c r="IJ3965" s="91"/>
      <c r="IK3965" s="174"/>
    </row>
    <row r="3966" spans="2:245" x14ac:dyDescent="0.2">
      <c r="B3966" s="43"/>
      <c r="C3966" s="73"/>
      <c r="D3966" s="64"/>
      <c r="E3966" s="64"/>
      <c r="F3966" s="55"/>
      <c r="G3966" s="102"/>
      <c r="H3966" s="97"/>
      <c r="T3966" s="98"/>
      <c r="U3966" s="97"/>
      <c r="AG3966" s="98"/>
      <c r="AY3966" s="164"/>
      <c r="BK3966" s="98"/>
      <c r="BL3966" s="97"/>
      <c r="BX3966" s="98"/>
      <c r="CL3966" s="97"/>
      <c r="CX3966" s="98"/>
      <c r="DL3966" s="97"/>
      <c r="DX3966" s="98"/>
      <c r="EL3966" s="97"/>
      <c r="EX3966" s="98"/>
      <c r="EY3966" s="97"/>
      <c r="FL3966" s="126"/>
      <c r="FM3966" s="91"/>
      <c r="FN3966" s="91"/>
      <c r="FO3966" s="91"/>
      <c r="FP3966" s="91"/>
      <c r="FQ3966" s="91"/>
      <c r="FR3966" s="91"/>
      <c r="FS3966" s="91"/>
      <c r="FT3966" s="91"/>
      <c r="FU3966" s="91"/>
      <c r="FV3966" s="91"/>
      <c r="FW3966" s="91"/>
      <c r="FX3966" s="127"/>
      <c r="FY3966" s="126"/>
      <c r="FZ3966" s="91"/>
      <c r="GA3966" s="91"/>
      <c r="GB3966" s="91"/>
      <c r="GC3966" s="91"/>
      <c r="GD3966" s="91"/>
      <c r="GE3966" s="91"/>
      <c r="GF3966" s="91"/>
      <c r="GG3966" s="91"/>
      <c r="GH3966" s="91"/>
      <c r="GI3966" s="91"/>
      <c r="GJ3966" s="91"/>
      <c r="GK3966" s="127"/>
      <c r="GL3966" s="126"/>
      <c r="GM3966" s="91"/>
      <c r="GN3966" s="91"/>
      <c r="GO3966" s="91"/>
      <c r="GP3966" s="91"/>
      <c r="GQ3966" s="91"/>
      <c r="GR3966" s="91"/>
      <c r="GS3966" s="91"/>
      <c r="GT3966" s="91"/>
      <c r="GU3966" s="91"/>
      <c r="GV3966" s="91"/>
      <c r="GW3966" s="91"/>
      <c r="GX3966" s="127"/>
      <c r="GY3966" s="126"/>
      <c r="GZ3966" s="91"/>
      <c r="HA3966" s="91"/>
      <c r="HB3966" s="91"/>
      <c r="HC3966" s="91"/>
      <c r="HD3966" s="91"/>
      <c r="HE3966" s="91"/>
      <c r="HF3966" s="91"/>
      <c r="HG3966" s="91"/>
      <c r="HH3966" s="91"/>
      <c r="HI3966" s="91"/>
      <c r="HJ3966" s="91"/>
      <c r="HK3966" s="127"/>
      <c r="HL3966" s="126"/>
      <c r="HM3966" s="91"/>
      <c r="HN3966" s="91"/>
      <c r="HO3966" s="91"/>
      <c r="HP3966" s="91"/>
      <c r="HQ3966" s="91"/>
      <c r="HR3966" s="91"/>
      <c r="HS3966" s="91"/>
      <c r="HT3966" s="91"/>
      <c r="HU3966" s="91"/>
      <c r="HV3966" s="91"/>
      <c r="HW3966" s="91"/>
      <c r="HX3966" s="127"/>
      <c r="HY3966" s="126"/>
      <c r="HZ3966" s="91"/>
      <c r="IA3966" s="91"/>
      <c r="IB3966" s="91"/>
      <c r="IC3966" s="91"/>
      <c r="ID3966" s="91"/>
      <c r="IE3966" s="91"/>
      <c r="IF3966" s="91"/>
      <c r="IG3966" s="91"/>
      <c r="IH3966" s="91"/>
      <c r="II3966" s="91"/>
      <c r="IJ3966" s="91"/>
      <c r="IK3966" s="174"/>
    </row>
    <row r="3967" spans="2:245" x14ac:dyDescent="0.2">
      <c r="B3967" s="43"/>
      <c r="C3967" s="73"/>
      <c r="D3967" s="64"/>
      <c r="E3967" s="64"/>
      <c r="F3967" s="55"/>
      <c r="G3967" s="102"/>
      <c r="H3967" s="97"/>
      <c r="T3967" s="98"/>
      <c r="U3967" s="97"/>
      <c r="AG3967" s="98"/>
      <c r="AY3967" s="164"/>
      <c r="BK3967" s="98"/>
      <c r="BL3967" s="97"/>
      <c r="BX3967" s="98"/>
      <c r="CL3967" s="97"/>
      <c r="CX3967" s="98"/>
      <c r="DL3967" s="97"/>
      <c r="DX3967" s="98"/>
      <c r="EL3967" s="97"/>
      <c r="EX3967" s="98"/>
      <c r="EY3967" s="97"/>
      <c r="FL3967" s="126"/>
      <c r="FM3967" s="91"/>
      <c r="FN3967" s="91"/>
      <c r="FO3967" s="91"/>
      <c r="FP3967" s="91"/>
      <c r="FQ3967" s="91"/>
      <c r="FR3967" s="91"/>
      <c r="FS3967" s="91"/>
      <c r="FT3967" s="91"/>
      <c r="FU3967" s="91"/>
      <c r="FV3967" s="91"/>
      <c r="FW3967" s="91"/>
      <c r="FX3967" s="127"/>
      <c r="FY3967" s="126"/>
      <c r="FZ3967" s="91"/>
      <c r="GA3967" s="91"/>
      <c r="GB3967" s="91"/>
      <c r="GC3967" s="91"/>
      <c r="GD3967" s="91"/>
      <c r="GE3967" s="91"/>
      <c r="GF3967" s="91"/>
      <c r="GG3967" s="91"/>
      <c r="GH3967" s="91"/>
      <c r="GI3967" s="91"/>
      <c r="GJ3967" s="91"/>
      <c r="GK3967" s="127"/>
      <c r="GL3967" s="126"/>
      <c r="GM3967" s="91"/>
      <c r="GN3967" s="91"/>
      <c r="GO3967" s="91"/>
      <c r="GP3967" s="91"/>
      <c r="GQ3967" s="91"/>
      <c r="GR3967" s="91"/>
      <c r="GS3967" s="91"/>
      <c r="GT3967" s="91"/>
      <c r="GU3967" s="91"/>
      <c r="GV3967" s="91"/>
      <c r="GW3967" s="91"/>
      <c r="GX3967" s="127"/>
      <c r="GY3967" s="126"/>
      <c r="GZ3967" s="91"/>
      <c r="HA3967" s="91"/>
      <c r="HB3967" s="91"/>
      <c r="HC3967" s="91"/>
      <c r="HD3967" s="91"/>
      <c r="HE3967" s="91"/>
      <c r="HF3967" s="91"/>
      <c r="HG3967" s="91"/>
      <c r="HH3967" s="91"/>
      <c r="HI3967" s="91"/>
      <c r="HJ3967" s="91"/>
      <c r="HK3967" s="127"/>
      <c r="HL3967" s="126"/>
      <c r="HM3967" s="91"/>
      <c r="HN3967" s="91"/>
      <c r="HO3967" s="91"/>
      <c r="HP3967" s="91"/>
      <c r="HQ3967" s="91"/>
      <c r="HR3967" s="91"/>
      <c r="HS3967" s="91"/>
      <c r="HT3967" s="91"/>
      <c r="HU3967" s="91"/>
      <c r="HV3967" s="91"/>
      <c r="HW3967" s="91"/>
      <c r="HX3967" s="127"/>
      <c r="HY3967" s="126"/>
      <c r="HZ3967" s="91"/>
      <c r="IA3967" s="91"/>
      <c r="IB3967" s="91"/>
      <c r="IC3967" s="91"/>
      <c r="ID3967" s="91"/>
      <c r="IE3967" s="91"/>
      <c r="IF3967" s="91"/>
      <c r="IG3967" s="91"/>
      <c r="IH3967" s="91"/>
      <c r="II3967" s="91"/>
      <c r="IJ3967" s="91"/>
      <c r="IK3967" s="174"/>
    </row>
    <row r="3968" spans="2:245" x14ac:dyDescent="0.2">
      <c r="B3968" s="43"/>
      <c r="C3968" s="73"/>
      <c r="D3968" s="64"/>
      <c r="E3968" s="64"/>
      <c r="F3968" s="55"/>
      <c r="G3968" s="102"/>
      <c r="H3968" s="97"/>
      <c r="T3968" s="98"/>
      <c r="U3968" s="97"/>
      <c r="AG3968" s="98"/>
      <c r="AY3968" s="164"/>
      <c r="BK3968" s="98"/>
      <c r="BL3968" s="97"/>
      <c r="BX3968" s="98"/>
      <c r="CL3968" s="97"/>
      <c r="CX3968" s="98"/>
      <c r="DL3968" s="97"/>
      <c r="DX3968" s="98"/>
      <c r="EL3968" s="97"/>
      <c r="EX3968" s="98"/>
      <c r="EY3968" s="97"/>
      <c r="FL3968" s="126"/>
      <c r="FM3968" s="91"/>
      <c r="FN3968" s="91"/>
      <c r="FO3968" s="91"/>
      <c r="FP3968" s="91"/>
      <c r="FQ3968" s="91"/>
      <c r="FR3968" s="91"/>
      <c r="FS3968" s="91"/>
      <c r="FT3968" s="91"/>
      <c r="FU3968" s="91"/>
      <c r="FV3968" s="91"/>
      <c r="FW3968" s="91"/>
      <c r="FX3968" s="127"/>
      <c r="FY3968" s="126"/>
      <c r="FZ3968" s="91"/>
      <c r="GA3968" s="91"/>
      <c r="GB3968" s="91"/>
      <c r="GC3968" s="91"/>
      <c r="GD3968" s="91"/>
      <c r="GE3968" s="91"/>
      <c r="GF3968" s="91"/>
      <c r="GG3968" s="91"/>
      <c r="GH3968" s="91"/>
      <c r="GI3968" s="91"/>
      <c r="GJ3968" s="91"/>
      <c r="GK3968" s="127"/>
      <c r="GL3968" s="126"/>
      <c r="GM3968" s="91"/>
      <c r="GN3968" s="91"/>
      <c r="GO3968" s="91"/>
      <c r="GP3968" s="91"/>
      <c r="GQ3968" s="91"/>
      <c r="GR3968" s="91"/>
      <c r="GS3968" s="91"/>
      <c r="GT3968" s="91"/>
      <c r="GU3968" s="91"/>
      <c r="GV3968" s="91"/>
      <c r="GW3968" s="91"/>
      <c r="GX3968" s="127"/>
      <c r="GY3968" s="126"/>
      <c r="GZ3968" s="91"/>
      <c r="HA3968" s="91"/>
      <c r="HB3968" s="91"/>
      <c r="HC3968" s="91"/>
      <c r="HD3968" s="91"/>
      <c r="HE3968" s="91"/>
      <c r="HF3968" s="91"/>
      <c r="HG3968" s="91"/>
      <c r="HH3968" s="91"/>
      <c r="HI3968" s="91"/>
      <c r="HJ3968" s="91"/>
      <c r="HK3968" s="127"/>
      <c r="HL3968" s="126"/>
      <c r="HM3968" s="91"/>
      <c r="HN3968" s="91"/>
      <c r="HO3968" s="91"/>
      <c r="HP3968" s="91"/>
      <c r="HQ3968" s="91"/>
      <c r="HR3968" s="91"/>
      <c r="HS3968" s="91"/>
      <c r="HT3968" s="91"/>
      <c r="HU3968" s="91"/>
      <c r="HV3968" s="91"/>
      <c r="HW3968" s="91"/>
      <c r="HX3968" s="127"/>
      <c r="HY3968" s="126"/>
      <c r="HZ3968" s="91"/>
      <c r="IA3968" s="91"/>
      <c r="IB3968" s="91"/>
      <c r="IC3968" s="91"/>
      <c r="ID3968" s="91"/>
      <c r="IE3968" s="91"/>
      <c r="IF3968" s="91"/>
      <c r="IG3968" s="91"/>
      <c r="IH3968" s="91"/>
      <c r="II3968" s="91"/>
      <c r="IJ3968" s="91"/>
      <c r="IK3968" s="174"/>
    </row>
    <row r="3969" spans="2:245" x14ac:dyDescent="0.2">
      <c r="B3969" s="43"/>
      <c r="C3969" s="73"/>
      <c r="D3969" s="64"/>
      <c r="E3969" s="64"/>
      <c r="F3969" s="55"/>
      <c r="G3969" s="102"/>
      <c r="H3969" s="97"/>
      <c r="T3969" s="98"/>
      <c r="U3969" s="97"/>
      <c r="AG3969" s="98"/>
      <c r="AY3969" s="164"/>
      <c r="BK3969" s="98"/>
      <c r="BL3969" s="97"/>
      <c r="BX3969" s="98"/>
      <c r="CL3969" s="97"/>
      <c r="CX3969" s="98"/>
      <c r="DL3969" s="97"/>
      <c r="DX3969" s="98"/>
      <c r="EL3969" s="97"/>
      <c r="EX3969" s="98"/>
      <c r="EY3969" s="97"/>
      <c r="FL3969" s="126"/>
      <c r="FM3969" s="91"/>
      <c r="FN3969" s="91"/>
      <c r="FO3969" s="91"/>
      <c r="FP3969" s="91"/>
      <c r="FQ3969" s="91"/>
      <c r="FR3969" s="91"/>
      <c r="FS3969" s="91"/>
      <c r="FT3969" s="91"/>
      <c r="FU3969" s="91"/>
      <c r="FV3969" s="91"/>
      <c r="FW3969" s="91"/>
      <c r="FX3969" s="127"/>
      <c r="FY3969" s="126"/>
      <c r="FZ3969" s="91"/>
      <c r="GA3969" s="91"/>
      <c r="GB3969" s="91"/>
      <c r="GC3969" s="91"/>
      <c r="GD3969" s="91"/>
      <c r="GE3969" s="91"/>
      <c r="GF3969" s="91"/>
      <c r="GG3969" s="91"/>
      <c r="GH3969" s="91"/>
      <c r="GI3969" s="91"/>
      <c r="GJ3969" s="91"/>
      <c r="GK3969" s="127"/>
      <c r="GL3969" s="126"/>
      <c r="GM3969" s="91"/>
      <c r="GN3969" s="91"/>
      <c r="GO3969" s="91"/>
      <c r="GP3969" s="91"/>
      <c r="GQ3969" s="91"/>
      <c r="GR3969" s="91"/>
      <c r="GS3969" s="91"/>
      <c r="GT3969" s="91"/>
      <c r="GU3969" s="91"/>
      <c r="GV3969" s="91"/>
      <c r="GW3969" s="91"/>
      <c r="GX3969" s="127"/>
      <c r="GY3969" s="126"/>
      <c r="GZ3969" s="91"/>
      <c r="HA3969" s="91"/>
      <c r="HB3969" s="91"/>
      <c r="HC3969" s="91"/>
      <c r="HD3969" s="91"/>
      <c r="HE3969" s="91"/>
      <c r="HF3969" s="91"/>
      <c r="HG3969" s="91"/>
      <c r="HH3969" s="91"/>
      <c r="HI3969" s="91"/>
      <c r="HJ3969" s="91"/>
      <c r="HK3969" s="127"/>
      <c r="HL3969" s="126"/>
      <c r="HM3969" s="91"/>
      <c r="HN3969" s="91"/>
      <c r="HO3969" s="91"/>
      <c r="HP3969" s="91"/>
      <c r="HQ3969" s="91"/>
      <c r="HR3969" s="91"/>
      <c r="HS3969" s="91"/>
      <c r="HT3969" s="91"/>
      <c r="HU3969" s="91"/>
      <c r="HV3969" s="91"/>
      <c r="HW3969" s="91"/>
      <c r="HX3969" s="127"/>
      <c r="HY3969" s="126"/>
      <c r="HZ3969" s="91"/>
      <c r="IA3969" s="91"/>
      <c r="IB3969" s="91"/>
      <c r="IC3969" s="91"/>
      <c r="ID3969" s="91"/>
      <c r="IE3969" s="91"/>
      <c r="IF3969" s="91"/>
      <c r="IG3969" s="91"/>
      <c r="IH3969" s="91"/>
      <c r="II3969" s="91"/>
      <c r="IJ3969" s="91"/>
      <c r="IK3969" s="174"/>
    </row>
    <row r="3970" spans="2:245" x14ac:dyDescent="0.2">
      <c r="B3970" s="43"/>
      <c r="C3970" s="73"/>
      <c r="D3970" s="64"/>
      <c r="E3970" s="64"/>
      <c r="F3970" s="55"/>
      <c r="G3970" s="102"/>
      <c r="H3970" s="97"/>
      <c r="T3970" s="98"/>
      <c r="U3970" s="97"/>
      <c r="AG3970" s="98"/>
      <c r="AY3970" s="164"/>
      <c r="BK3970" s="98"/>
      <c r="BL3970" s="97"/>
      <c r="BX3970" s="98"/>
      <c r="CL3970" s="97"/>
      <c r="CX3970" s="98"/>
      <c r="DL3970" s="97"/>
      <c r="DX3970" s="98"/>
      <c r="EL3970" s="97"/>
      <c r="EX3970" s="98"/>
      <c r="EY3970" s="97"/>
      <c r="FL3970" s="126"/>
      <c r="FM3970" s="91"/>
      <c r="FN3970" s="91"/>
      <c r="FO3970" s="91"/>
      <c r="FP3970" s="91"/>
      <c r="FQ3970" s="91"/>
      <c r="FR3970" s="91"/>
      <c r="FS3970" s="91"/>
      <c r="FT3970" s="91"/>
      <c r="FU3970" s="91"/>
      <c r="FV3970" s="91"/>
      <c r="FW3970" s="91"/>
      <c r="FX3970" s="127"/>
      <c r="FY3970" s="126"/>
      <c r="FZ3970" s="91"/>
      <c r="GA3970" s="91"/>
      <c r="GB3970" s="91"/>
      <c r="GC3970" s="91"/>
      <c r="GD3970" s="91"/>
      <c r="GE3970" s="91"/>
      <c r="GF3970" s="91"/>
      <c r="GG3970" s="91"/>
      <c r="GH3970" s="91"/>
      <c r="GI3970" s="91"/>
      <c r="GJ3970" s="91"/>
      <c r="GK3970" s="127"/>
      <c r="GL3970" s="126"/>
      <c r="GM3970" s="91"/>
      <c r="GN3970" s="91"/>
      <c r="GO3970" s="91"/>
      <c r="GP3970" s="91"/>
      <c r="GQ3970" s="91"/>
      <c r="GR3970" s="91"/>
      <c r="GS3970" s="91"/>
      <c r="GT3970" s="91"/>
      <c r="GU3970" s="91"/>
      <c r="GV3970" s="91"/>
      <c r="GW3970" s="91"/>
      <c r="GX3970" s="127"/>
      <c r="GY3970" s="126"/>
      <c r="GZ3970" s="91"/>
      <c r="HA3970" s="91"/>
      <c r="HB3970" s="91"/>
      <c r="HC3970" s="91"/>
      <c r="HD3970" s="91"/>
      <c r="HE3970" s="91"/>
      <c r="HF3970" s="91"/>
      <c r="HG3970" s="91"/>
      <c r="HH3970" s="91"/>
      <c r="HI3970" s="91"/>
      <c r="HJ3970" s="91"/>
      <c r="HK3970" s="127"/>
      <c r="HL3970" s="126"/>
      <c r="HM3970" s="91"/>
      <c r="HN3970" s="91"/>
      <c r="HO3970" s="91"/>
      <c r="HP3970" s="91"/>
      <c r="HQ3970" s="91"/>
      <c r="HR3970" s="91"/>
      <c r="HS3970" s="91"/>
      <c r="HT3970" s="91"/>
      <c r="HU3970" s="91"/>
      <c r="HV3970" s="91"/>
      <c r="HW3970" s="91"/>
      <c r="HX3970" s="127"/>
      <c r="HY3970" s="126"/>
      <c r="HZ3970" s="91"/>
      <c r="IA3970" s="91"/>
      <c r="IB3970" s="91"/>
      <c r="IC3970" s="91"/>
      <c r="ID3970" s="91"/>
      <c r="IE3970" s="91"/>
      <c r="IF3970" s="91"/>
      <c r="IG3970" s="91"/>
      <c r="IH3970" s="91"/>
      <c r="II3970" s="91"/>
      <c r="IJ3970" s="91"/>
      <c r="IK3970" s="174"/>
    </row>
    <row r="3971" spans="2:245" x14ac:dyDescent="0.2">
      <c r="B3971" s="43"/>
      <c r="C3971" s="73"/>
      <c r="D3971" s="64"/>
      <c r="E3971" s="64"/>
      <c r="F3971" s="55"/>
      <c r="G3971" s="102"/>
      <c r="H3971" s="97"/>
      <c r="T3971" s="98"/>
      <c r="U3971" s="97"/>
      <c r="AG3971" s="98"/>
      <c r="AY3971" s="164"/>
      <c r="BK3971" s="98"/>
      <c r="BL3971" s="97"/>
      <c r="BX3971" s="98"/>
      <c r="CL3971" s="97"/>
      <c r="CX3971" s="98"/>
      <c r="DL3971" s="97"/>
      <c r="DX3971" s="98"/>
      <c r="EL3971" s="97"/>
      <c r="EX3971" s="98"/>
      <c r="EY3971" s="97"/>
      <c r="FL3971" s="126"/>
      <c r="FM3971" s="91"/>
      <c r="FN3971" s="91"/>
      <c r="FO3971" s="91"/>
      <c r="FP3971" s="91"/>
      <c r="FQ3971" s="91"/>
      <c r="FR3971" s="91"/>
      <c r="FS3971" s="91"/>
      <c r="FT3971" s="91"/>
      <c r="FU3971" s="91"/>
      <c r="FV3971" s="91"/>
      <c r="FW3971" s="91"/>
      <c r="FX3971" s="127"/>
      <c r="FY3971" s="126"/>
      <c r="FZ3971" s="91"/>
      <c r="GA3971" s="91"/>
      <c r="GB3971" s="91"/>
      <c r="GC3971" s="91"/>
      <c r="GD3971" s="91"/>
      <c r="GE3971" s="91"/>
      <c r="GF3971" s="91"/>
      <c r="GG3971" s="91"/>
      <c r="GH3971" s="91"/>
      <c r="GI3971" s="91"/>
      <c r="GJ3971" s="91"/>
      <c r="GK3971" s="127"/>
      <c r="GL3971" s="126"/>
      <c r="GM3971" s="91"/>
      <c r="GN3971" s="91"/>
      <c r="GO3971" s="91"/>
      <c r="GP3971" s="91"/>
      <c r="GQ3971" s="91"/>
      <c r="GR3971" s="91"/>
      <c r="GS3971" s="91"/>
      <c r="GT3971" s="91"/>
      <c r="GU3971" s="91"/>
      <c r="GV3971" s="91"/>
      <c r="GW3971" s="91"/>
      <c r="GX3971" s="127"/>
      <c r="GY3971" s="126"/>
      <c r="GZ3971" s="91"/>
      <c r="HA3971" s="91"/>
      <c r="HB3971" s="91"/>
      <c r="HC3971" s="91"/>
      <c r="HD3971" s="91"/>
      <c r="HE3971" s="91"/>
      <c r="HF3971" s="91"/>
      <c r="HG3971" s="91"/>
      <c r="HH3971" s="91"/>
      <c r="HI3971" s="91"/>
      <c r="HJ3971" s="91"/>
      <c r="HK3971" s="127"/>
      <c r="HL3971" s="126"/>
      <c r="HM3971" s="91"/>
      <c r="HN3971" s="91"/>
      <c r="HO3971" s="91"/>
      <c r="HP3971" s="91"/>
      <c r="HQ3971" s="91"/>
      <c r="HR3971" s="91"/>
      <c r="HS3971" s="91"/>
      <c r="HT3971" s="91"/>
      <c r="HU3971" s="91"/>
      <c r="HV3971" s="91"/>
      <c r="HW3971" s="91"/>
      <c r="HX3971" s="127"/>
      <c r="HY3971" s="126"/>
      <c r="HZ3971" s="91"/>
      <c r="IA3971" s="91"/>
      <c r="IB3971" s="91"/>
      <c r="IC3971" s="91"/>
      <c r="ID3971" s="91"/>
      <c r="IE3971" s="91"/>
      <c r="IF3971" s="91"/>
      <c r="IG3971" s="91"/>
      <c r="IH3971" s="91"/>
      <c r="II3971" s="91"/>
      <c r="IJ3971" s="91"/>
      <c r="IK3971" s="174"/>
    </row>
    <row r="3972" spans="2:245" x14ac:dyDescent="0.2">
      <c r="B3972" s="43"/>
      <c r="C3972" s="73"/>
      <c r="D3972" s="64"/>
      <c r="E3972" s="64"/>
      <c r="F3972" s="55"/>
      <c r="G3972" s="102"/>
      <c r="H3972" s="97"/>
      <c r="T3972" s="98"/>
      <c r="U3972" s="97"/>
      <c r="AG3972" s="98"/>
      <c r="AY3972" s="164"/>
      <c r="BK3972" s="98"/>
      <c r="BL3972" s="97"/>
      <c r="BX3972" s="98"/>
      <c r="CL3972" s="97"/>
      <c r="CX3972" s="98"/>
      <c r="DL3972" s="97"/>
      <c r="DX3972" s="98"/>
      <c r="EL3972" s="97"/>
      <c r="EX3972" s="98"/>
      <c r="EY3972" s="97"/>
      <c r="FL3972" s="126"/>
      <c r="FM3972" s="91"/>
      <c r="FN3972" s="91"/>
      <c r="FO3972" s="91"/>
      <c r="FP3972" s="91"/>
      <c r="FQ3972" s="91"/>
      <c r="FR3972" s="91"/>
      <c r="FS3972" s="91"/>
      <c r="FT3972" s="91"/>
      <c r="FU3972" s="91"/>
      <c r="FV3972" s="91"/>
      <c r="FW3972" s="91"/>
      <c r="FX3972" s="127"/>
      <c r="FY3972" s="126"/>
      <c r="FZ3972" s="91"/>
      <c r="GA3972" s="91"/>
      <c r="GB3972" s="91"/>
      <c r="GC3972" s="91"/>
      <c r="GD3972" s="91"/>
      <c r="GE3972" s="91"/>
      <c r="GF3972" s="91"/>
      <c r="GG3972" s="91"/>
      <c r="GH3972" s="91"/>
      <c r="GI3972" s="91"/>
      <c r="GJ3972" s="91"/>
      <c r="GK3972" s="127"/>
      <c r="GL3972" s="126"/>
      <c r="GM3972" s="91"/>
      <c r="GN3972" s="91"/>
      <c r="GO3972" s="91"/>
      <c r="GP3972" s="91"/>
      <c r="GQ3972" s="91"/>
      <c r="GR3972" s="91"/>
      <c r="GS3972" s="91"/>
      <c r="GT3972" s="91"/>
      <c r="GU3972" s="91"/>
      <c r="GV3972" s="91"/>
      <c r="GW3972" s="91"/>
      <c r="GX3972" s="127"/>
      <c r="GY3972" s="126"/>
      <c r="GZ3972" s="91"/>
      <c r="HA3972" s="91"/>
      <c r="HB3972" s="91"/>
      <c r="HC3972" s="91"/>
      <c r="HD3972" s="91"/>
      <c r="HE3972" s="91"/>
      <c r="HF3972" s="91"/>
      <c r="HG3972" s="91"/>
      <c r="HH3972" s="91"/>
      <c r="HI3972" s="91"/>
      <c r="HJ3972" s="91"/>
      <c r="HK3972" s="127"/>
      <c r="HL3972" s="126"/>
      <c r="HM3972" s="91"/>
      <c r="HN3972" s="91"/>
      <c r="HO3972" s="91"/>
      <c r="HP3972" s="91"/>
      <c r="HQ3972" s="91"/>
      <c r="HR3972" s="91"/>
      <c r="HS3972" s="91"/>
      <c r="HT3972" s="91"/>
      <c r="HU3972" s="91"/>
      <c r="HV3972" s="91"/>
      <c r="HW3972" s="91"/>
      <c r="HX3972" s="127"/>
      <c r="HY3972" s="126"/>
      <c r="HZ3972" s="91"/>
      <c r="IA3972" s="91"/>
      <c r="IB3972" s="91"/>
      <c r="IC3972" s="91"/>
      <c r="ID3972" s="91"/>
      <c r="IE3972" s="91"/>
      <c r="IF3972" s="91"/>
      <c r="IG3972" s="91"/>
      <c r="IH3972" s="91"/>
      <c r="II3972" s="91"/>
      <c r="IJ3972" s="91"/>
      <c r="IK3972" s="174"/>
    </row>
    <row r="3973" spans="2:245" x14ac:dyDescent="0.2">
      <c r="B3973" s="43"/>
      <c r="C3973" s="73"/>
      <c r="D3973" s="64"/>
      <c r="E3973" s="64"/>
      <c r="F3973" s="55"/>
      <c r="G3973" s="102"/>
      <c r="H3973" s="97"/>
      <c r="T3973" s="98"/>
      <c r="U3973" s="97"/>
      <c r="AG3973" s="98"/>
      <c r="AY3973" s="164"/>
      <c r="BK3973" s="98"/>
      <c r="BL3973" s="97"/>
      <c r="BX3973" s="98"/>
      <c r="CL3973" s="97"/>
      <c r="CX3973" s="98"/>
      <c r="DL3973" s="97"/>
      <c r="DX3973" s="98"/>
      <c r="EL3973" s="97"/>
      <c r="EX3973" s="98"/>
      <c r="EY3973" s="97"/>
      <c r="FL3973" s="126"/>
      <c r="FM3973" s="91"/>
      <c r="FN3973" s="91"/>
      <c r="FO3973" s="91"/>
      <c r="FP3973" s="91"/>
      <c r="FQ3973" s="91"/>
      <c r="FR3973" s="91"/>
      <c r="FS3973" s="91"/>
      <c r="FT3973" s="91"/>
      <c r="FU3973" s="91"/>
      <c r="FV3973" s="91"/>
      <c r="FW3973" s="91"/>
      <c r="FX3973" s="127"/>
      <c r="FY3973" s="126"/>
      <c r="FZ3973" s="91"/>
      <c r="GA3973" s="91"/>
      <c r="GB3973" s="91"/>
      <c r="GC3973" s="91"/>
      <c r="GD3973" s="91"/>
      <c r="GE3973" s="91"/>
      <c r="GF3973" s="91"/>
      <c r="GG3973" s="91"/>
      <c r="GH3973" s="91"/>
      <c r="GI3973" s="91"/>
      <c r="GJ3973" s="91"/>
      <c r="GK3973" s="127"/>
      <c r="GL3973" s="126"/>
      <c r="GM3973" s="91"/>
      <c r="GN3973" s="91"/>
      <c r="GO3973" s="91"/>
      <c r="GP3973" s="91"/>
      <c r="GQ3973" s="91"/>
      <c r="GR3973" s="91"/>
      <c r="GS3973" s="91"/>
      <c r="GT3973" s="91"/>
      <c r="GU3973" s="91"/>
      <c r="GV3973" s="91"/>
      <c r="GW3973" s="91"/>
      <c r="GX3973" s="127"/>
      <c r="GY3973" s="126"/>
      <c r="GZ3973" s="91"/>
      <c r="HA3973" s="91"/>
      <c r="HB3973" s="91"/>
      <c r="HC3973" s="91"/>
      <c r="HD3973" s="91"/>
      <c r="HE3973" s="91"/>
      <c r="HF3973" s="91"/>
      <c r="HG3973" s="91"/>
      <c r="HH3973" s="91"/>
      <c r="HI3973" s="91"/>
      <c r="HJ3973" s="91"/>
      <c r="HK3973" s="127"/>
      <c r="HL3973" s="126"/>
      <c r="HM3973" s="91"/>
      <c r="HN3973" s="91"/>
      <c r="HO3973" s="91"/>
      <c r="HP3973" s="91"/>
      <c r="HQ3973" s="91"/>
      <c r="HR3973" s="91"/>
      <c r="HS3973" s="91"/>
      <c r="HT3973" s="91"/>
      <c r="HU3973" s="91"/>
      <c r="HV3973" s="91"/>
      <c r="HW3973" s="91"/>
      <c r="HX3973" s="127"/>
      <c r="HY3973" s="126"/>
      <c r="HZ3973" s="91"/>
      <c r="IA3973" s="91"/>
      <c r="IB3973" s="91"/>
      <c r="IC3973" s="91"/>
      <c r="ID3973" s="91"/>
      <c r="IE3973" s="91"/>
      <c r="IF3973" s="91"/>
      <c r="IG3973" s="91"/>
      <c r="IH3973" s="91"/>
      <c r="II3973" s="91"/>
      <c r="IJ3973" s="91"/>
      <c r="IK3973" s="174"/>
    </row>
    <row r="3974" spans="2:245" x14ac:dyDescent="0.2">
      <c r="B3974" s="43"/>
      <c r="C3974" s="73"/>
      <c r="D3974" s="64"/>
      <c r="E3974" s="64"/>
      <c r="F3974" s="55"/>
      <c r="G3974" s="102"/>
      <c r="H3974" s="97"/>
      <c r="T3974" s="98"/>
      <c r="U3974" s="97"/>
      <c r="AG3974" s="98"/>
      <c r="AY3974" s="164"/>
      <c r="BK3974" s="98"/>
      <c r="BL3974" s="97"/>
      <c r="BX3974" s="98"/>
      <c r="CL3974" s="97"/>
      <c r="CX3974" s="98"/>
      <c r="DL3974" s="97"/>
      <c r="DX3974" s="98"/>
      <c r="EL3974" s="97"/>
      <c r="EX3974" s="98"/>
      <c r="EY3974" s="97"/>
      <c r="FL3974" s="126"/>
      <c r="FM3974" s="91"/>
      <c r="FN3974" s="91"/>
      <c r="FO3974" s="91"/>
      <c r="FP3974" s="91"/>
      <c r="FQ3974" s="91"/>
      <c r="FR3974" s="91"/>
      <c r="FS3974" s="91"/>
      <c r="FT3974" s="91"/>
      <c r="FU3974" s="91"/>
      <c r="FV3974" s="91"/>
      <c r="FW3974" s="91"/>
      <c r="FX3974" s="127"/>
      <c r="FY3974" s="126"/>
      <c r="FZ3974" s="91"/>
      <c r="GA3974" s="91"/>
      <c r="GB3974" s="91"/>
      <c r="GC3974" s="91"/>
      <c r="GD3974" s="91"/>
      <c r="GE3974" s="91"/>
      <c r="GF3974" s="91"/>
      <c r="GG3974" s="91"/>
      <c r="GH3974" s="91"/>
      <c r="GI3974" s="91"/>
      <c r="GJ3974" s="91"/>
      <c r="GK3974" s="127"/>
      <c r="GL3974" s="126"/>
      <c r="GM3974" s="91"/>
      <c r="GN3974" s="91"/>
      <c r="GO3974" s="91"/>
      <c r="GP3974" s="91"/>
      <c r="GQ3974" s="91"/>
      <c r="GR3974" s="91"/>
      <c r="GS3974" s="91"/>
      <c r="GT3974" s="91"/>
      <c r="GU3974" s="91"/>
      <c r="GV3974" s="91"/>
      <c r="GW3974" s="91"/>
      <c r="GX3974" s="127"/>
      <c r="GY3974" s="126"/>
      <c r="GZ3974" s="91"/>
      <c r="HA3974" s="91"/>
      <c r="HB3974" s="91"/>
      <c r="HC3974" s="91"/>
      <c r="HD3974" s="91"/>
      <c r="HE3974" s="91"/>
      <c r="HF3974" s="91"/>
      <c r="HG3974" s="91"/>
      <c r="HH3974" s="91"/>
      <c r="HI3974" s="91"/>
      <c r="HJ3974" s="91"/>
      <c r="HK3974" s="127"/>
      <c r="HL3974" s="126"/>
      <c r="HM3974" s="91"/>
      <c r="HN3974" s="91"/>
      <c r="HO3974" s="91"/>
      <c r="HP3974" s="91"/>
      <c r="HQ3974" s="91"/>
      <c r="HR3974" s="91"/>
      <c r="HS3974" s="91"/>
      <c r="HT3974" s="91"/>
      <c r="HU3974" s="91"/>
      <c r="HV3974" s="91"/>
      <c r="HW3974" s="91"/>
      <c r="HX3974" s="127"/>
      <c r="HY3974" s="126"/>
      <c r="HZ3974" s="91"/>
      <c r="IA3974" s="91"/>
      <c r="IB3974" s="91"/>
      <c r="IC3974" s="91"/>
      <c r="ID3974" s="91"/>
      <c r="IE3974" s="91"/>
      <c r="IF3974" s="91"/>
      <c r="IG3974" s="91"/>
      <c r="IH3974" s="91"/>
      <c r="II3974" s="91"/>
      <c r="IJ3974" s="91"/>
      <c r="IK3974" s="174"/>
    </row>
    <row r="3975" spans="2:245" x14ac:dyDescent="0.2">
      <c r="B3975" s="43"/>
      <c r="C3975" s="73"/>
      <c r="D3975" s="64"/>
      <c r="E3975" s="64"/>
      <c r="F3975" s="55"/>
      <c r="G3975" s="102"/>
      <c r="H3975" s="97"/>
      <c r="T3975" s="98"/>
      <c r="U3975" s="97"/>
      <c r="AG3975" s="98"/>
      <c r="AY3975" s="164"/>
      <c r="BK3975" s="98"/>
      <c r="BL3975" s="97"/>
      <c r="BX3975" s="98"/>
      <c r="CL3975" s="97"/>
      <c r="CX3975" s="98"/>
      <c r="DL3975" s="97"/>
      <c r="DX3975" s="98"/>
      <c r="EL3975" s="97"/>
      <c r="EX3975" s="98"/>
      <c r="EY3975" s="97"/>
      <c r="FL3975" s="126"/>
      <c r="FM3975" s="91"/>
      <c r="FN3975" s="91"/>
      <c r="FO3975" s="91"/>
      <c r="FP3975" s="91"/>
      <c r="FQ3975" s="91"/>
      <c r="FR3975" s="91"/>
      <c r="FS3975" s="91"/>
      <c r="FT3975" s="91"/>
      <c r="FU3975" s="91"/>
      <c r="FV3975" s="91"/>
      <c r="FW3975" s="91"/>
      <c r="FX3975" s="127"/>
      <c r="FY3975" s="126"/>
      <c r="FZ3975" s="91"/>
      <c r="GA3975" s="91"/>
      <c r="GB3975" s="91"/>
      <c r="GC3975" s="91"/>
      <c r="GD3975" s="91"/>
      <c r="GE3975" s="91"/>
      <c r="GF3975" s="91"/>
      <c r="GG3975" s="91"/>
      <c r="GH3975" s="91"/>
      <c r="GI3975" s="91"/>
      <c r="GJ3975" s="91"/>
      <c r="GK3975" s="127"/>
      <c r="GL3975" s="126"/>
      <c r="GM3975" s="91"/>
      <c r="GN3975" s="91"/>
      <c r="GO3975" s="91"/>
      <c r="GP3975" s="91"/>
      <c r="GQ3975" s="91"/>
      <c r="GR3975" s="91"/>
      <c r="GS3975" s="91"/>
      <c r="GT3975" s="91"/>
      <c r="GU3975" s="91"/>
      <c r="GV3975" s="91"/>
      <c r="GW3975" s="91"/>
      <c r="GX3975" s="127"/>
      <c r="GY3975" s="126"/>
      <c r="GZ3975" s="91"/>
      <c r="HA3975" s="91"/>
      <c r="HB3975" s="91"/>
      <c r="HC3975" s="91"/>
      <c r="HD3975" s="91"/>
      <c r="HE3975" s="91"/>
      <c r="HF3975" s="91"/>
      <c r="HG3975" s="91"/>
      <c r="HH3975" s="91"/>
      <c r="HI3975" s="91"/>
      <c r="HJ3975" s="91"/>
      <c r="HK3975" s="127"/>
      <c r="HL3975" s="126"/>
      <c r="HM3975" s="91"/>
      <c r="HN3975" s="91"/>
      <c r="HO3975" s="91"/>
      <c r="HP3975" s="91"/>
      <c r="HQ3975" s="91"/>
      <c r="HR3975" s="91"/>
      <c r="HS3975" s="91"/>
      <c r="HT3975" s="91"/>
      <c r="HU3975" s="91"/>
      <c r="HV3975" s="91"/>
      <c r="HW3975" s="91"/>
      <c r="HX3975" s="127"/>
      <c r="HY3975" s="126"/>
      <c r="HZ3975" s="91"/>
      <c r="IA3975" s="91"/>
      <c r="IB3975" s="91"/>
      <c r="IC3975" s="91"/>
      <c r="ID3975" s="91"/>
      <c r="IE3975" s="91"/>
      <c r="IF3975" s="91"/>
      <c r="IG3975" s="91"/>
      <c r="IH3975" s="91"/>
      <c r="II3975" s="91"/>
      <c r="IJ3975" s="91"/>
      <c r="IK3975" s="174"/>
    </row>
    <row r="3976" spans="2:245" x14ac:dyDescent="0.2">
      <c r="B3976" s="43"/>
      <c r="C3976" s="73"/>
      <c r="D3976" s="64"/>
      <c r="E3976" s="64"/>
      <c r="F3976" s="55"/>
      <c r="G3976" s="102"/>
      <c r="H3976" s="97"/>
      <c r="T3976" s="98"/>
      <c r="U3976" s="97"/>
      <c r="AG3976" s="98"/>
      <c r="AY3976" s="164"/>
      <c r="BK3976" s="98"/>
      <c r="BL3976" s="97"/>
      <c r="BX3976" s="98"/>
      <c r="CL3976" s="97"/>
      <c r="CX3976" s="98"/>
      <c r="DL3976" s="97"/>
      <c r="DX3976" s="98"/>
      <c r="EL3976" s="97"/>
      <c r="EX3976" s="98"/>
      <c r="EY3976" s="97"/>
      <c r="FL3976" s="126"/>
      <c r="FM3976" s="91"/>
      <c r="FN3976" s="91"/>
      <c r="FO3976" s="91"/>
      <c r="FP3976" s="91"/>
      <c r="FQ3976" s="91"/>
      <c r="FR3976" s="91"/>
      <c r="FS3976" s="91"/>
      <c r="FT3976" s="91"/>
      <c r="FU3976" s="91"/>
      <c r="FV3976" s="91"/>
      <c r="FW3976" s="91"/>
      <c r="FX3976" s="127"/>
      <c r="FY3976" s="126"/>
      <c r="FZ3976" s="91"/>
      <c r="GA3976" s="91"/>
      <c r="GB3976" s="91"/>
      <c r="GC3976" s="91"/>
      <c r="GD3976" s="91"/>
      <c r="GE3976" s="91"/>
      <c r="GF3976" s="91"/>
      <c r="GG3976" s="91"/>
      <c r="GH3976" s="91"/>
      <c r="GI3976" s="91"/>
      <c r="GJ3976" s="91"/>
      <c r="GK3976" s="127"/>
      <c r="GL3976" s="126"/>
      <c r="GM3976" s="91"/>
      <c r="GN3976" s="91"/>
      <c r="GO3976" s="91"/>
      <c r="GP3976" s="91"/>
      <c r="GQ3976" s="91"/>
      <c r="GR3976" s="91"/>
      <c r="GS3976" s="91"/>
      <c r="GT3976" s="91"/>
      <c r="GU3976" s="91"/>
      <c r="GV3976" s="91"/>
      <c r="GW3976" s="91"/>
      <c r="GX3976" s="127"/>
      <c r="GY3976" s="126"/>
      <c r="GZ3976" s="91"/>
      <c r="HA3976" s="91"/>
      <c r="HB3976" s="91"/>
      <c r="HC3976" s="91"/>
      <c r="HD3976" s="91"/>
      <c r="HE3976" s="91"/>
      <c r="HF3976" s="91"/>
      <c r="HG3976" s="91"/>
      <c r="HH3976" s="91"/>
      <c r="HI3976" s="91"/>
      <c r="HJ3976" s="91"/>
      <c r="HK3976" s="127"/>
      <c r="HL3976" s="126"/>
      <c r="HM3976" s="91"/>
      <c r="HN3976" s="91"/>
      <c r="HO3976" s="91"/>
      <c r="HP3976" s="91"/>
      <c r="HQ3976" s="91"/>
      <c r="HR3976" s="91"/>
      <c r="HS3976" s="91"/>
      <c r="HT3976" s="91"/>
      <c r="HU3976" s="91"/>
      <c r="HV3976" s="91"/>
      <c r="HW3976" s="91"/>
      <c r="HX3976" s="127"/>
      <c r="HY3976" s="126"/>
      <c r="HZ3976" s="91"/>
      <c r="IA3976" s="91"/>
      <c r="IB3976" s="91"/>
      <c r="IC3976" s="91"/>
      <c r="ID3976" s="91"/>
      <c r="IE3976" s="91"/>
      <c r="IF3976" s="91"/>
      <c r="IG3976" s="91"/>
      <c r="IH3976" s="91"/>
      <c r="II3976" s="91"/>
      <c r="IJ3976" s="91"/>
      <c r="IK3976" s="174"/>
    </row>
    <row r="3977" spans="2:245" x14ac:dyDescent="0.2">
      <c r="B3977" s="43"/>
      <c r="C3977" s="73"/>
      <c r="D3977" s="64"/>
      <c r="E3977" s="64"/>
      <c r="F3977" s="55"/>
      <c r="G3977" s="102"/>
      <c r="H3977" s="97"/>
      <c r="T3977" s="98"/>
      <c r="U3977" s="97"/>
      <c r="AG3977" s="98"/>
      <c r="AY3977" s="164"/>
      <c r="BK3977" s="98"/>
      <c r="BL3977" s="97"/>
      <c r="BX3977" s="98"/>
      <c r="CL3977" s="97"/>
      <c r="CX3977" s="98"/>
      <c r="DL3977" s="97"/>
      <c r="DX3977" s="98"/>
      <c r="EL3977" s="97"/>
      <c r="EX3977" s="98"/>
      <c r="EY3977" s="97"/>
      <c r="FL3977" s="126"/>
      <c r="FM3977" s="91"/>
      <c r="FN3977" s="91"/>
      <c r="FO3977" s="91"/>
      <c r="FP3977" s="91"/>
      <c r="FQ3977" s="91"/>
      <c r="FR3977" s="91"/>
      <c r="FS3977" s="91"/>
      <c r="FT3977" s="91"/>
      <c r="FU3977" s="91"/>
      <c r="FV3977" s="91"/>
      <c r="FW3977" s="91"/>
      <c r="FX3977" s="127"/>
      <c r="FY3977" s="126"/>
      <c r="FZ3977" s="91"/>
      <c r="GA3977" s="91"/>
      <c r="GB3977" s="91"/>
      <c r="GC3977" s="91"/>
      <c r="GD3977" s="91"/>
      <c r="GE3977" s="91"/>
      <c r="GF3977" s="91"/>
      <c r="GG3977" s="91"/>
      <c r="GH3977" s="91"/>
      <c r="GI3977" s="91"/>
      <c r="GJ3977" s="91"/>
      <c r="GK3977" s="127"/>
      <c r="GL3977" s="126"/>
      <c r="GM3977" s="91"/>
      <c r="GN3977" s="91"/>
      <c r="GO3977" s="91"/>
      <c r="GP3977" s="91"/>
      <c r="GQ3977" s="91"/>
      <c r="GR3977" s="91"/>
      <c r="GS3977" s="91"/>
      <c r="GT3977" s="91"/>
      <c r="GU3977" s="91"/>
      <c r="GV3977" s="91"/>
      <c r="GW3977" s="91"/>
      <c r="GX3977" s="127"/>
      <c r="GY3977" s="126"/>
      <c r="GZ3977" s="91"/>
      <c r="HA3977" s="91"/>
      <c r="HB3977" s="91"/>
      <c r="HC3977" s="91"/>
      <c r="HD3977" s="91"/>
      <c r="HE3977" s="91"/>
      <c r="HF3977" s="91"/>
      <c r="HG3977" s="91"/>
      <c r="HH3977" s="91"/>
      <c r="HI3977" s="91"/>
      <c r="HJ3977" s="91"/>
      <c r="HK3977" s="127"/>
      <c r="HL3977" s="126"/>
      <c r="HM3977" s="91"/>
      <c r="HN3977" s="91"/>
      <c r="HO3977" s="91"/>
      <c r="HP3977" s="91"/>
      <c r="HQ3977" s="91"/>
      <c r="HR3977" s="91"/>
      <c r="HS3977" s="91"/>
      <c r="HT3977" s="91"/>
      <c r="HU3977" s="91"/>
      <c r="HV3977" s="91"/>
      <c r="HW3977" s="91"/>
      <c r="HX3977" s="127"/>
      <c r="HY3977" s="126"/>
      <c r="HZ3977" s="91"/>
      <c r="IA3977" s="91"/>
      <c r="IB3977" s="91"/>
      <c r="IC3977" s="91"/>
      <c r="ID3977" s="91"/>
      <c r="IE3977" s="91"/>
      <c r="IF3977" s="91"/>
      <c r="IG3977" s="91"/>
      <c r="IH3977" s="91"/>
      <c r="II3977" s="91"/>
      <c r="IJ3977" s="91"/>
      <c r="IK3977" s="174"/>
    </row>
    <row r="3978" spans="2:245" x14ac:dyDescent="0.2">
      <c r="B3978" s="43"/>
      <c r="C3978" s="73"/>
      <c r="D3978" s="64"/>
      <c r="E3978" s="64"/>
      <c r="F3978" s="55"/>
      <c r="G3978" s="102"/>
      <c r="H3978" s="97"/>
      <c r="T3978" s="98"/>
      <c r="U3978" s="97"/>
      <c r="AG3978" s="98"/>
      <c r="AY3978" s="164"/>
      <c r="BK3978" s="98"/>
      <c r="BL3978" s="97"/>
      <c r="BX3978" s="98"/>
      <c r="CL3978" s="97"/>
      <c r="CX3978" s="98"/>
      <c r="DL3978" s="97"/>
      <c r="DX3978" s="98"/>
      <c r="EL3978" s="97"/>
      <c r="EX3978" s="98"/>
      <c r="EY3978" s="97"/>
      <c r="FL3978" s="126"/>
      <c r="FM3978" s="91"/>
      <c r="FN3978" s="91"/>
      <c r="FO3978" s="91"/>
      <c r="FP3978" s="91"/>
      <c r="FQ3978" s="91"/>
      <c r="FR3978" s="91"/>
      <c r="FS3978" s="91"/>
      <c r="FT3978" s="91"/>
      <c r="FU3978" s="91"/>
      <c r="FV3978" s="91"/>
      <c r="FW3978" s="91"/>
      <c r="FX3978" s="127"/>
      <c r="FY3978" s="126"/>
      <c r="FZ3978" s="91"/>
      <c r="GA3978" s="91"/>
      <c r="GB3978" s="91"/>
      <c r="GC3978" s="91"/>
      <c r="GD3978" s="91"/>
      <c r="GE3978" s="91"/>
      <c r="GF3978" s="91"/>
      <c r="GG3978" s="91"/>
      <c r="GH3978" s="91"/>
      <c r="GI3978" s="91"/>
      <c r="GJ3978" s="91"/>
      <c r="GK3978" s="127"/>
      <c r="GL3978" s="126"/>
      <c r="GM3978" s="91"/>
      <c r="GN3978" s="91"/>
      <c r="GO3978" s="91"/>
      <c r="GP3978" s="91"/>
      <c r="GQ3978" s="91"/>
      <c r="GR3978" s="91"/>
      <c r="GS3978" s="91"/>
      <c r="GT3978" s="91"/>
      <c r="GU3978" s="91"/>
      <c r="GV3978" s="91"/>
      <c r="GW3978" s="91"/>
      <c r="GX3978" s="127"/>
      <c r="GY3978" s="126"/>
      <c r="GZ3978" s="91"/>
      <c r="HA3978" s="91"/>
      <c r="HB3978" s="91"/>
      <c r="HC3978" s="91"/>
      <c r="HD3978" s="91"/>
      <c r="HE3978" s="91"/>
      <c r="HF3978" s="91"/>
      <c r="HG3978" s="91"/>
      <c r="HH3978" s="91"/>
      <c r="HI3978" s="91"/>
      <c r="HJ3978" s="91"/>
      <c r="HK3978" s="127"/>
      <c r="HL3978" s="126"/>
      <c r="HM3978" s="91"/>
      <c r="HN3978" s="91"/>
      <c r="HO3978" s="91"/>
      <c r="HP3978" s="91"/>
      <c r="HQ3978" s="91"/>
      <c r="HR3978" s="91"/>
      <c r="HS3978" s="91"/>
      <c r="HT3978" s="91"/>
      <c r="HU3978" s="91"/>
      <c r="HV3978" s="91"/>
      <c r="HW3978" s="91"/>
      <c r="HX3978" s="127"/>
      <c r="HY3978" s="126"/>
      <c r="HZ3978" s="91"/>
      <c r="IA3978" s="91"/>
      <c r="IB3978" s="91"/>
      <c r="IC3978" s="91"/>
      <c r="ID3978" s="91"/>
      <c r="IE3978" s="91"/>
      <c r="IF3978" s="91"/>
      <c r="IG3978" s="91"/>
      <c r="IH3978" s="91"/>
      <c r="II3978" s="91"/>
      <c r="IJ3978" s="91"/>
      <c r="IK3978" s="174"/>
    </row>
    <row r="3979" spans="2:245" x14ac:dyDescent="0.2">
      <c r="B3979" s="43"/>
      <c r="C3979" s="73"/>
      <c r="D3979" s="64"/>
      <c r="E3979" s="64"/>
      <c r="F3979" s="55"/>
      <c r="G3979" s="102"/>
      <c r="H3979" s="97"/>
      <c r="T3979" s="98"/>
      <c r="U3979" s="97"/>
      <c r="AG3979" s="98"/>
      <c r="AY3979" s="164"/>
      <c r="BK3979" s="98"/>
      <c r="BL3979" s="97"/>
      <c r="BX3979" s="98"/>
      <c r="CL3979" s="97"/>
      <c r="CX3979" s="98"/>
      <c r="DL3979" s="97"/>
      <c r="DX3979" s="98"/>
      <c r="EL3979" s="97"/>
      <c r="EX3979" s="98"/>
      <c r="EY3979" s="97"/>
      <c r="FL3979" s="126"/>
      <c r="FM3979" s="91"/>
      <c r="FN3979" s="91"/>
      <c r="FO3979" s="91"/>
      <c r="FP3979" s="91"/>
      <c r="FQ3979" s="91"/>
      <c r="FR3979" s="91"/>
      <c r="FS3979" s="91"/>
      <c r="FT3979" s="91"/>
      <c r="FU3979" s="91"/>
      <c r="FV3979" s="91"/>
      <c r="FW3979" s="91"/>
      <c r="FX3979" s="127"/>
      <c r="FY3979" s="126"/>
      <c r="FZ3979" s="91"/>
      <c r="GA3979" s="91"/>
      <c r="GB3979" s="91"/>
      <c r="GC3979" s="91"/>
      <c r="GD3979" s="91"/>
      <c r="GE3979" s="91"/>
      <c r="GF3979" s="91"/>
      <c r="GG3979" s="91"/>
      <c r="GH3979" s="91"/>
      <c r="GI3979" s="91"/>
      <c r="GJ3979" s="91"/>
      <c r="GK3979" s="127"/>
      <c r="GL3979" s="126"/>
      <c r="GM3979" s="91"/>
      <c r="GN3979" s="91"/>
      <c r="GO3979" s="91"/>
      <c r="GP3979" s="91"/>
      <c r="GQ3979" s="91"/>
      <c r="GR3979" s="91"/>
      <c r="GS3979" s="91"/>
      <c r="GT3979" s="91"/>
      <c r="GU3979" s="91"/>
      <c r="GV3979" s="91"/>
      <c r="GW3979" s="91"/>
      <c r="GX3979" s="127"/>
      <c r="GY3979" s="126"/>
      <c r="GZ3979" s="91"/>
      <c r="HA3979" s="91"/>
      <c r="HB3979" s="91"/>
      <c r="HC3979" s="91"/>
      <c r="HD3979" s="91"/>
      <c r="HE3979" s="91"/>
      <c r="HF3979" s="91"/>
      <c r="HG3979" s="91"/>
      <c r="HH3979" s="91"/>
      <c r="HI3979" s="91"/>
      <c r="HJ3979" s="91"/>
      <c r="HK3979" s="127"/>
      <c r="HL3979" s="126"/>
      <c r="HM3979" s="91"/>
      <c r="HN3979" s="91"/>
      <c r="HO3979" s="91"/>
      <c r="HP3979" s="91"/>
      <c r="HQ3979" s="91"/>
      <c r="HR3979" s="91"/>
      <c r="HS3979" s="91"/>
      <c r="HT3979" s="91"/>
      <c r="HU3979" s="91"/>
      <c r="HV3979" s="91"/>
      <c r="HW3979" s="91"/>
      <c r="HX3979" s="127"/>
      <c r="HY3979" s="126"/>
      <c r="HZ3979" s="91"/>
      <c r="IA3979" s="91"/>
      <c r="IB3979" s="91"/>
      <c r="IC3979" s="91"/>
      <c r="ID3979" s="91"/>
      <c r="IE3979" s="91"/>
      <c r="IF3979" s="91"/>
      <c r="IG3979" s="91"/>
      <c r="IH3979" s="91"/>
      <c r="II3979" s="91"/>
      <c r="IJ3979" s="91"/>
      <c r="IK3979" s="174"/>
    </row>
    <row r="3980" spans="2:245" x14ac:dyDescent="0.2">
      <c r="B3980" s="43"/>
      <c r="C3980" s="73"/>
      <c r="D3980" s="64"/>
      <c r="E3980" s="64"/>
      <c r="F3980" s="55"/>
      <c r="G3980" s="102"/>
      <c r="H3980" s="97"/>
      <c r="T3980" s="98"/>
      <c r="U3980" s="97"/>
      <c r="AG3980" s="98"/>
      <c r="AY3980" s="164"/>
      <c r="BK3980" s="98"/>
      <c r="BL3980" s="97"/>
      <c r="BX3980" s="98"/>
      <c r="CL3980" s="97"/>
      <c r="CX3980" s="98"/>
      <c r="DL3980" s="97"/>
      <c r="DX3980" s="98"/>
      <c r="EL3980" s="97"/>
      <c r="EX3980" s="98"/>
      <c r="EY3980" s="97"/>
      <c r="FL3980" s="126"/>
      <c r="FM3980" s="91"/>
      <c r="FN3980" s="91"/>
      <c r="FO3980" s="91"/>
      <c r="FP3980" s="91"/>
      <c r="FQ3980" s="91"/>
      <c r="FR3980" s="91"/>
      <c r="FS3980" s="91"/>
      <c r="FT3980" s="91"/>
      <c r="FU3980" s="91"/>
      <c r="FV3980" s="91"/>
      <c r="FW3980" s="91"/>
      <c r="FX3980" s="127"/>
      <c r="FY3980" s="126"/>
      <c r="FZ3980" s="91"/>
      <c r="GA3980" s="91"/>
      <c r="GB3980" s="91"/>
      <c r="GC3980" s="91"/>
      <c r="GD3980" s="91"/>
      <c r="GE3980" s="91"/>
      <c r="GF3980" s="91"/>
      <c r="GG3980" s="91"/>
      <c r="GH3980" s="91"/>
      <c r="GI3980" s="91"/>
      <c r="GJ3980" s="91"/>
      <c r="GK3980" s="127"/>
      <c r="GL3980" s="126"/>
      <c r="GM3980" s="91"/>
      <c r="GN3980" s="91"/>
      <c r="GO3980" s="91"/>
      <c r="GP3980" s="91"/>
      <c r="GQ3980" s="91"/>
      <c r="GR3980" s="91"/>
      <c r="GS3980" s="91"/>
      <c r="GT3980" s="91"/>
      <c r="GU3980" s="91"/>
      <c r="GV3980" s="91"/>
      <c r="GW3980" s="91"/>
      <c r="GX3980" s="127"/>
      <c r="GY3980" s="126"/>
      <c r="GZ3980" s="91"/>
      <c r="HA3980" s="91"/>
      <c r="HB3980" s="91"/>
      <c r="HC3980" s="91"/>
      <c r="HD3980" s="91"/>
      <c r="HE3980" s="91"/>
      <c r="HF3980" s="91"/>
      <c r="HG3980" s="91"/>
      <c r="HH3980" s="91"/>
      <c r="HI3980" s="91"/>
      <c r="HJ3980" s="91"/>
      <c r="HK3980" s="127"/>
      <c r="HL3980" s="126"/>
      <c r="HM3980" s="91"/>
      <c r="HN3980" s="91"/>
      <c r="HO3980" s="91"/>
      <c r="HP3980" s="91"/>
      <c r="HQ3980" s="91"/>
      <c r="HR3980" s="91"/>
      <c r="HS3980" s="91"/>
      <c r="HT3980" s="91"/>
      <c r="HU3980" s="91"/>
      <c r="HV3980" s="91"/>
      <c r="HW3980" s="91"/>
      <c r="HX3980" s="127"/>
      <c r="HY3980" s="126"/>
      <c r="HZ3980" s="91"/>
      <c r="IA3980" s="91"/>
      <c r="IB3980" s="91"/>
      <c r="IC3980" s="91"/>
      <c r="ID3980" s="91"/>
      <c r="IE3980" s="91"/>
      <c r="IF3980" s="91"/>
      <c r="IG3980" s="91"/>
      <c r="IH3980" s="91"/>
      <c r="II3980" s="91"/>
      <c r="IJ3980" s="91"/>
      <c r="IK3980" s="174"/>
    </row>
    <row r="3981" spans="2:245" x14ac:dyDescent="0.2">
      <c r="B3981" s="43"/>
      <c r="C3981" s="73"/>
      <c r="D3981" s="64"/>
      <c r="E3981" s="64"/>
      <c r="F3981" s="55"/>
      <c r="G3981" s="102"/>
      <c r="H3981" s="97"/>
      <c r="T3981" s="98"/>
      <c r="U3981" s="97"/>
      <c r="AG3981" s="98"/>
      <c r="AY3981" s="164"/>
      <c r="BK3981" s="98"/>
      <c r="BL3981" s="97"/>
      <c r="BX3981" s="98"/>
      <c r="CL3981" s="97"/>
      <c r="CX3981" s="98"/>
      <c r="DL3981" s="97"/>
      <c r="DX3981" s="98"/>
      <c r="EL3981" s="97"/>
      <c r="EX3981" s="98"/>
      <c r="EY3981" s="97"/>
      <c r="FL3981" s="126"/>
      <c r="FM3981" s="91"/>
      <c r="FN3981" s="91"/>
      <c r="FO3981" s="91"/>
      <c r="FP3981" s="91"/>
      <c r="FQ3981" s="91"/>
      <c r="FR3981" s="91"/>
      <c r="FS3981" s="91"/>
      <c r="FT3981" s="91"/>
      <c r="FU3981" s="91"/>
      <c r="FV3981" s="91"/>
      <c r="FW3981" s="91"/>
      <c r="FX3981" s="127"/>
      <c r="FY3981" s="126"/>
      <c r="FZ3981" s="91"/>
      <c r="GA3981" s="91"/>
      <c r="GB3981" s="91"/>
      <c r="GC3981" s="91"/>
      <c r="GD3981" s="91"/>
      <c r="GE3981" s="91"/>
      <c r="GF3981" s="91"/>
      <c r="GG3981" s="91"/>
      <c r="GH3981" s="91"/>
      <c r="GI3981" s="91"/>
      <c r="GJ3981" s="91"/>
      <c r="GK3981" s="127"/>
      <c r="GL3981" s="126"/>
      <c r="GM3981" s="91"/>
      <c r="GN3981" s="91"/>
      <c r="GO3981" s="91"/>
      <c r="GP3981" s="91"/>
      <c r="GQ3981" s="91"/>
      <c r="GR3981" s="91"/>
      <c r="GS3981" s="91"/>
      <c r="GT3981" s="91"/>
      <c r="GU3981" s="91"/>
      <c r="GV3981" s="91"/>
      <c r="GW3981" s="91"/>
      <c r="GX3981" s="127"/>
      <c r="GY3981" s="126"/>
      <c r="GZ3981" s="91"/>
      <c r="HA3981" s="91"/>
      <c r="HB3981" s="91"/>
      <c r="HC3981" s="91"/>
      <c r="HD3981" s="91"/>
      <c r="HE3981" s="91"/>
      <c r="HF3981" s="91"/>
      <c r="HG3981" s="91"/>
      <c r="HH3981" s="91"/>
      <c r="HI3981" s="91"/>
      <c r="HJ3981" s="91"/>
      <c r="HK3981" s="127"/>
      <c r="HL3981" s="126"/>
      <c r="HM3981" s="91"/>
      <c r="HN3981" s="91"/>
      <c r="HO3981" s="91"/>
      <c r="HP3981" s="91"/>
      <c r="HQ3981" s="91"/>
      <c r="HR3981" s="91"/>
      <c r="HS3981" s="91"/>
      <c r="HT3981" s="91"/>
      <c r="HU3981" s="91"/>
      <c r="HV3981" s="91"/>
      <c r="HW3981" s="91"/>
      <c r="HX3981" s="127"/>
      <c r="HY3981" s="126"/>
      <c r="HZ3981" s="91"/>
      <c r="IA3981" s="91"/>
      <c r="IB3981" s="91"/>
      <c r="IC3981" s="91"/>
      <c r="ID3981" s="91"/>
      <c r="IE3981" s="91"/>
      <c r="IF3981" s="91"/>
      <c r="IG3981" s="91"/>
      <c r="IH3981" s="91"/>
      <c r="II3981" s="91"/>
      <c r="IJ3981" s="91"/>
      <c r="IK3981" s="174"/>
    </row>
    <row r="3982" spans="2:245" x14ac:dyDescent="0.2">
      <c r="B3982" s="43"/>
      <c r="C3982" s="73"/>
      <c r="D3982" s="64"/>
      <c r="E3982" s="64"/>
      <c r="F3982" s="55"/>
      <c r="G3982" s="102"/>
      <c r="H3982" s="97"/>
      <c r="T3982" s="98"/>
      <c r="U3982" s="97"/>
      <c r="AG3982" s="98"/>
      <c r="AY3982" s="164"/>
      <c r="BK3982" s="98"/>
      <c r="BL3982" s="97"/>
      <c r="BX3982" s="98"/>
      <c r="CL3982" s="97"/>
      <c r="CX3982" s="98"/>
      <c r="DL3982" s="97"/>
      <c r="DX3982" s="98"/>
      <c r="EL3982" s="97"/>
      <c r="EX3982" s="98"/>
      <c r="EY3982" s="97"/>
      <c r="FL3982" s="126"/>
      <c r="FM3982" s="91"/>
      <c r="FN3982" s="91"/>
      <c r="FO3982" s="91"/>
      <c r="FP3982" s="91"/>
      <c r="FQ3982" s="91"/>
      <c r="FR3982" s="91"/>
      <c r="FS3982" s="91"/>
      <c r="FT3982" s="91"/>
      <c r="FU3982" s="91"/>
      <c r="FV3982" s="91"/>
      <c r="FW3982" s="91"/>
      <c r="FX3982" s="127"/>
      <c r="FY3982" s="126"/>
      <c r="FZ3982" s="91"/>
      <c r="GA3982" s="91"/>
      <c r="GB3982" s="91"/>
      <c r="GC3982" s="91"/>
      <c r="GD3982" s="91"/>
      <c r="GE3982" s="91"/>
      <c r="GF3982" s="91"/>
      <c r="GG3982" s="91"/>
      <c r="GH3982" s="91"/>
      <c r="GI3982" s="91"/>
      <c r="GJ3982" s="91"/>
      <c r="GK3982" s="127"/>
      <c r="GL3982" s="126"/>
      <c r="GM3982" s="91"/>
      <c r="GN3982" s="91"/>
      <c r="GO3982" s="91"/>
      <c r="GP3982" s="91"/>
      <c r="GQ3982" s="91"/>
      <c r="GR3982" s="91"/>
      <c r="GS3982" s="91"/>
      <c r="GT3982" s="91"/>
      <c r="GU3982" s="91"/>
      <c r="GV3982" s="91"/>
      <c r="GW3982" s="91"/>
      <c r="GX3982" s="127"/>
      <c r="GY3982" s="126"/>
      <c r="GZ3982" s="91"/>
      <c r="HA3982" s="91"/>
      <c r="HB3982" s="91"/>
      <c r="HC3982" s="91"/>
      <c r="HD3982" s="91"/>
      <c r="HE3982" s="91"/>
      <c r="HF3982" s="91"/>
      <c r="HG3982" s="91"/>
      <c r="HH3982" s="91"/>
      <c r="HI3982" s="91"/>
      <c r="HJ3982" s="91"/>
      <c r="HK3982" s="127"/>
      <c r="HL3982" s="126"/>
      <c r="HM3982" s="91"/>
      <c r="HN3982" s="91"/>
      <c r="HO3982" s="91"/>
      <c r="HP3982" s="91"/>
      <c r="HQ3982" s="91"/>
      <c r="HR3982" s="91"/>
      <c r="HS3982" s="91"/>
      <c r="HT3982" s="91"/>
      <c r="HU3982" s="91"/>
      <c r="HV3982" s="91"/>
      <c r="HW3982" s="91"/>
      <c r="HX3982" s="127"/>
      <c r="HY3982" s="126"/>
      <c r="HZ3982" s="91"/>
      <c r="IA3982" s="91"/>
      <c r="IB3982" s="91"/>
      <c r="IC3982" s="91"/>
      <c r="ID3982" s="91"/>
      <c r="IE3982" s="91"/>
      <c r="IF3982" s="91"/>
      <c r="IG3982" s="91"/>
      <c r="IH3982" s="91"/>
      <c r="II3982" s="91"/>
      <c r="IJ3982" s="91"/>
      <c r="IK3982" s="174"/>
    </row>
    <row r="3983" spans="2:245" x14ac:dyDescent="0.2">
      <c r="B3983" s="43"/>
      <c r="C3983" s="73"/>
      <c r="D3983" s="64"/>
      <c r="E3983" s="64"/>
      <c r="F3983" s="55"/>
      <c r="G3983" s="102"/>
      <c r="H3983" s="97"/>
      <c r="T3983" s="98"/>
      <c r="U3983" s="97"/>
      <c r="AG3983" s="98"/>
      <c r="AY3983" s="164"/>
      <c r="BK3983" s="98"/>
      <c r="BL3983" s="97"/>
      <c r="BX3983" s="98"/>
      <c r="CL3983" s="97"/>
      <c r="CX3983" s="98"/>
      <c r="DL3983" s="97"/>
      <c r="DX3983" s="98"/>
      <c r="EL3983" s="97"/>
      <c r="EX3983" s="98"/>
      <c r="EY3983" s="97"/>
      <c r="FL3983" s="126"/>
      <c r="FM3983" s="91"/>
      <c r="FN3983" s="91"/>
      <c r="FO3983" s="91"/>
      <c r="FP3983" s="91"/>
      <c r="FQ3983" s="91"/>
      <c r="FR3983" s="91"/>
      <c r="FS3983" s="91"/>
      <c r="FT3983" s="91"/>
      <c r="FU3983" s="91"/>
      <c r="FV3983" s="91"/>
      <c r="FW3983" s="91"/>
      <c r="FX3983" s="127"/>
      <c r="FY3983" s="126"/>
      <c r="FZ3983" s="91"/>
      <c r="GA3983" s="91"/>
      <c r="GB3983" s="91"/>
      <c r="GC3983" s="91"/>
      <c r="GD3983" s="91"/>
      <c r="GE3983" s="91"/>
      <c r="GF3983" s="91"/>
      <c r="GG3983" s="91"/>
      <c r="GH3983" s="91"/>
      <c r="GI3983" s="91"/>
      <c r="GJ3983" s="91"/>
      <c r="GK3983" s="127"/>
      <c r="GL3983" s="126"/>
      <c r="GM3983" s="91"/>
      <c r="GN3983" s="91"/>
      <c r="GO3983" s="91"/>
      <c r="GP3983" s="91"/>
      <c r="GQ3983" s="91"/>
      <c r="GR3983" s="91"/>
      <c r="GS3983" s="91"/>
      <c r="GT3983" s="91"/>
      <c r="GU3983" s="91"/>
      <c r="GV3983" s="91"/>
      <c r="GW3983" s="91"/>
      <c r="GX3983" s="127"/>
      <c r="GY3983" s="126"/>
      <c r="GZ3983" s="91"/>
      <c r="HA3983" s="91"/>
      <c r="HB3983" s="91"/>
      <c r="HC3983" s="91"/>
      <c r="HD3983" s="91"/>
      <c r="HE3983" s="91"/>
      <c r="HF3983" s="91"/>
      <c r="HG3983" s="91"/>
      <c r="HH3983" s="91"/>
      <c r="HI3983" s="91"/>
      <c r="HJ3983" s="91"/>
      <c r="HK3983" s="127"/>
      <c r="HL3983" s="126"/>
      <c r="HM3983" s="91"/>
      <c r="HN3983" s="91"/>
      <c r="HO3983" s="91"/>
      <c r="HP3983" s="91"/>
      <c r="HQ3983" s="91"/>
      <c r="HR3983" s="91"/>
      <c r="HS3983" s="91"/>
      <c r="HT3983" s="91"/>
      <c r="HU3983" s="91"/>
      <c r="HV3983" s="91"/>
      <c r="HW3983" s="91"/>
      <c r="HX3983" s="127"/>
      <c r="HY3983" s="126"/>
      <c r="HZ3983" s="91"/>
      <c r="IA3983" s="91"/>
      <c r="IB3983" s="91"/>
      <c r="IC3983" s="91"/>
      <c r="ID3983" s="91"/>
      <c r="IE3983" s="91"/>
      <c r="IF3983" s="91"/>
      <c r="IG3983" s="91"/>
      <c r="IH3983" s="91"/>
      <c r="II3983" s="91"/>
      <c r="IJ3983" s="91"/>
      <c r="IK3983" s="174"/>
    </row>
    <row r="3984" spans="2:245" x14ac:dyDescent="0.2">
      <c r="B3984" s="43"/>
      <c r="C3984" s="73"/>
      <c r="D3984" s="64"/>
      <c r="E3984" s="64"/>
      <c r="F3984" s="55"/>
      <c r="G3984" s="102"/>
      <c r="H3984" s="97"/>
      <c r="T3984" s="98"/>
      <c r="U3984" s="97"/>
      <c r="AG3984" s="98"/>
      <c r="AY3984" s="164"/>
      <c r="BK3984" s="98"/>
      <c r="BL3984" s="97"/>
      <c r="BX3984" s="98"/>
      <c r="CL3984" s="97"/>
      <c r="CX3984" s="98"/>
      <c r="DL3984" s="97"/>
      <c r="DX3984" s="98"/>
      <c r="EL3984" s="97"/>
      <c r="EX3984" s="98"/>
      <c r="EY3984" s="97"/>
      <c r="FL3984" s="126"/>
      <c r="FM3984" s="91"/>
      <c r="FN3984" s="91"/>
      <c r="FO3984" s="91"/>
      <c r="FP3984" s="91"/>
      <c r="FQ3984" s="91"/>
      <c r="FR3984" s="91"/>
      <c r="FS3984" s="91"/>
      <c r="FT3984" s="91"/>
      <c r="FU3984" s="91"/>
      <c r="FV3984" s="91"/>
      <c r="FW3984" s="91"/>
      <c r="FX3984" s="127"/>
      <c r="FY3984" s="126"/>
      <c r="FZ3984" s="91"/>
      <c r="GA3984" s="91"/>
      <c r="GB3984" s="91"/>
      <c r="GC3984" s="91"/>
      <c r="GD3984" s="91"/>
      <c r="GE3984" s="91"/>
      <c r="GF3984" s="91"/>
      <c r="GG3984" s="91"/>
      <c r="GH3984" s="91"/>
      <c r="GI3984" s="91"/>
      <c r="GJ3984" s="91"/>
      <c r="GK3984" s="127"/>
      <c r="GL3984" s="126"/>
      <c r="GM3984" s="91"/>
      <c r="GN3984" s="91"/>
      <c r="GO3984" s="91"/>
      <c r="GP3984" s="91"/>
      <c r="GQ3984" s="91"/>
      <c r="GR3984" s="91"/>
      <c r="GS3984" s="91"/>
      <c r="GT3984" s="91"/>
      <c r="GU3984" s="91"/>
      <c r="GV3984" s="91"/>
      <c r="GW3984" s="91"/>
      <c r="GX3984" s="127"/>
      <c r="GY3984" s="126"/>
      <c r="GZ3984" s="91"/>
      <c r="HA3984" s="91"/>
      <c r="HB3984" s="91"/>
      <c r="HC3984" s="91"/>
      <c r="HD3984" s="91"/>
      <c r="HE3984" s="91"/>
      <c r="HF3984" s="91"/>
      <c r="HG3984" s="91"/>
      <c r="HH3984" s="91"/>
      <c r="HI3984" s="91"/>
      <c r="HJ3984" s="91"/>
      <c r="HK3984" s="127"/>
      <c r="HL3984" s="126"/>
      <c r="HM3984" s="91"/>
      <c r="HN3984" s="91"/>
      <c r="HO3984" s="91"/>
      <c r="HP3984" s="91"/>
      <c r="HQ3984" s="91"/>
      <c r="HR3984" s="91"/>
      <c r="HS3984" s="91"/>
      <c r="HT3984" s="91"/>
      <c r="HU3984" s="91"/>
      <c r="HV3984" s="91"/>
      <c r="HW3984" s="91"/>
      <c r="HX3984" s="127"/>
      <c r="HY3984" s="126"/>
      <c r="HZ3984" s="91"/>
      <c r="IA3984" s="91"/>
      <c r="IB3984" s="91"/>
      <c r="IC3984" s="91"/>
      <c r="ID3984" s="91"/>
      <c r="IE3984" s="91"/>
      <c r="IF3984" s="91"/>
      <c r="IG3984" s="91"/>
      <c r="IH3984" s="91"/>
      <c r="II3984" s="91"/>
      <c r="IJ3984" s="91"/>
      <c r="IK3984" s="174"/>
    </row>
    <row r="3985" spans="2:245" x14ac:dyDescent="0.2">
      <c r="B3985" s="43"/>
      <c r="C3985" s="73"/>
      <c r="D3985" s="64"/>
      <c r="E3985" s="64"/>
      <c r="F3985" s="55"/>
      <c r="G3985" s="102"/>
      <c r="H3985" s="97"/>
      <c r="T3985" s="98"/>
      <c r="U3985" s="97"/>
      <c r="AG3985" s="98"/>
      <c r="AY3985" s="164"/>
      <c r="BK3985" s="98"/>
      <c r="BL3985" s="97"/>
      <c r="BX3985" s="98"/>
      <c r="CL3985" s="97"/>
      <c r="CX3985" s="98"/>
      <c r="DL3985" s="97"/>
      <c r="DX3985" s="98"/>
      <c r="EL3985" s="97"/>
      <c r="EX3985" s="98"/>
      <c r="EY3985" s="97"/>
      <c r="FL3985" s="126"/>
      <c r="FM3985" s="91"/>
      <c r="FN3985" s="91"/>
      <c r="FO3985" s="91"/>
      <c r="FP3985" s="91"/>
      <c r="FQ3985" s="91"/>
      <c r="FR3985" s="91"/>
      <c r="FS3985" s="91"/>
      <c r="FT3985" s="91"/>
      <c r="FU3985" s="91"/>
      <c r="FV3985" s="91"/>
      <c r="FW3985" s="91"/>
      <c r="FX3985" s="127"/>
      <c r="FY3985" s="126"/>
      <c r="FZ3985" s="91"/>
      <c r="GA3985" s="91"/>
      <c r="GB3985" s="91"/>
      <c r="GC3985" s="91"/>
      <c r="GD3985" s="91"/>
      <c r="GE3985" s="91"/>
      <c r="GF3985" s="91"/>
      <c r="GG3985" s="91"/>
      <c r="GH3985" s="91"/>
      <c r="GI3985" s="91"/>
      <c r="GJ3985" s="91"/>
      <c r="GK3985" s="127"/>
      <c r="GL3985" s="126"/>
      <c r="GM3985" s="91"/>
      <c r="GN3985" s="91"/>
      <c r="GO3985" s="91"/>
      <c r="GP3985" s="91"/>
      <c r="GQ3985" s="91"/>
      <c r="GR3985" s="91"/>
      <c r="GS3985" s="91"/>
      <c r="GT3985" s="91"/>
      <c r="GU3985" s="91"/>
      <c r="GV3985" s="91"/>
      <c r="GW3985" s="91"/>
      <c r="GX3985" s="127"/>
      <c r="GY3985" s="126"/>
      <c r="GZ3985" s="91"/>
      <c r="HA3985" s="91"/>
      <c r="HB3985" s="91"/>
      <c r="HC3985" s="91"/>
      <c r="HD3985" s="91"/>
      <c r="HE3985" s="91"/>
      <c r="HF3985" s="91"/>
      <c r="HG3985" s="91"/>
      <c r="HH3985" s="91"/>
      <c r="HI3985" s="91"/>
      <c r="HJ3985" s="91"/>
      <c r="HK3985" s="127"/>
      <c r="HL3985" s="126"/>
      <c r="HM3985" s="91"/>
      <c r="HN3985" s="91"/>
      <c r="HO3985" s="91"/>
      <c r="HP3985" s="91"/>
      <c r="HQ3985" s="91"/>
      <c r="HR3985" s="91"/>
      <c r="HS3985" s="91"/>
      <c r="HT3985" s="91"/>
      <c r="HU3985" s="91"/>
      <c r="HV3985" s="91"/>
      <c r="HW3985" s="91"/>
      <c r="HX3985" s="127"/>
      <c r="HY3985" s="126"/>
      <c r="HZ3985" s="91"/>
      <c r="IA3985" s="91"/>
      <c r="IB3985" s="91"/>
      <c r="IC3985" s="91"/>
      <c r="ID3985" s="91"/>
      <c r="IE3985" s="91"/>
      <c r="IF3985" s="91"/>
      <c r="IG3985" s="91"/>
      <c r="IH3985" s="91"/>
      <c r="II3985" s="91"/>
      <c r="IJ3985" s="91"/>
      <c r="IK3985" s="174"/>
    </row>
    <row r="3986" spans="2:245" x14ac:dyDescent="0.2">
      <c r="B3986" s="43"/>
      <c r="C3986" s="73"/>
      <c r="D3986" s="64"/>
      <c r="E3986" s="64"/>
      <c r="F3986" s="55"/>
      <c r="G3986" s="102"/>
      <c r="H3986" s="97"/>
      <c r="T3986" s="98"/>
      <c r="U3986" s="97"/>
      <c r="AG3986" s="98"/>
      <c r="AY3986" s="164"/>
      <c r="BK3986" s="98"/>
      <c r="BL3986" s="97"/>
      <c r="BX3986" s="98"/>
      <c r="CL3986" s="97"/>
      <c r="CX3986" s="98"/>
      <c r="DL3986" s="97"/>
      <c r="DX3986" s="98"/>
      <c r="EL3986" s="97"/>
      <c r="EX3986" s="98"/>
      <c r="EY3986" s="97"/>
      <c r="FL3986" s="126"/>
      <c r="FM3986" s="91"/>
      <c r="FN3986" s="91"/>
      <c r="FO3986" s="91"/>
      <c r="FP3986" s="91"/>
      <c r="FQ3986" s="91"/>
      <c r="FR3986" s="91"/>
      <c r="FS3986" s="91"/>
      <c r="FT3986" s="91"/>
      <c r="FU3986" s="91"/>
      <c r="FV3986" s="91"/>
      <c r="FW3986" s="91"/>
      <c r="FX3986" s="127"/>
      <c r="FY3986" s="126"/>
      <c r="FZ3986" s="91"/>
      <c r="GA3986" s="91"/>
      <c r="GB3986" s="91"/>
      <c r="GC3986" s="91"/>
      <c r="GD3986" s="91"/>
      <c r="GE3986" s="91"/>
      <c r="GF3986" s="91"/>
      <c r="GG3986" s="91"/>
      <c r="GH3986" s="91"/>
      <c r="GI3986" s="91"/>
      <c r="GJ3986" s="91"/>
      <c r="GK3986" s="127"/>
      <c r="GL3986" s="126"/>
      <c r="GM3986" s="91"/>
      <c r="GN3986" s="91"/>
      <c r="GO3986" s="91"/>
      <c r="GP3986" s="91"/>
      <c r="GQ3986" s="91"/>
      <c r="GR3986" s="91"/>
      <c r="GS3986" s="91"/>
      <c r="GT3986" s="91"/>
      <c r="GU3986" s="91"/>
      <c r="GV3986" s="91"/>
      <c r="GW3986" s="91"/>
      <c r="GX3986" s="127"/>
      <c r="GY3986" s="126"/>
      <c r="GZ3986" s="91"/>
      <c r="HA3986" s="91"/>
      <c r="HB3986" s="91"/>
      <c r="HC3986" s="91"/>
      <c r="HD3986" s="91"/>
      <c r="HE3986" s="91"/>
      <c r="HF3986" s="91"/>
      <c r="HG3986" s="91"/>
      <c r="HH3986" s="91"/>
      <c r="HI3986" s="91"/>
      <c r="HJ3986" s="91"/>
      <c r="HK3986" s="127"/>
      <c r="HL3986" s="126"/>
      <c r="HM3986" s="91"/>
      <c r="HN3986" s="91"/>
      <c r="HO3986" s="91"/>
      <c r="HP3986" s="91"/>
      <c r="HQ3986" s="91"/>
      <c r="HR3986" s="91"/>
      <c r="HS3986" s="91"/>
      <c r="HT3986" s="91"/>
      <c r="HU3986" s="91"/>
      <c r="HV3986" s="91"/>
      <c r="HW3986" s="91"/>
      <c r="HX3986" s="127"/>
      <c r="HY3986" s="126"/>
      <c r="HZ3986" s="91"/>
      <c r="IA3986" s="91"/>
      <c r="IB3986" s="91"/>
      <c r="IC3986" s="91"/>
      <c r="ID3986" s="91"/>
      <c r="IE3986" s="91"/>
      <c r="IF3986" s="91"/>
      <c r="IG3986" s="91"/>
      <c r="IH3986" s="91"/>
      <c r="II3986" s="91"/>
      <c r="IJ3986" s="91"/>
      <c r="IK3986" s="174"/>
    </row>
    <row r="3987" spans="2:245" x14ac:dyDescent="0.2">
      <c r="B3987" s="43"/>
      <c r="C3987" s="73"/>
      <c r="D3987" s="64"/>
      <c r="E3987" s="64"/>
      <c r="F3987" s="55"/>
      <c r="G3987" s="102"/>
      <c r="H3987" s="97"/>
      <c r="T3987" s="98"/>
      <c r="U3987" s="97"/>
      <c r="AG3987" s="98"/>
      <c r="AY3987" s="164"/>
      <c r="BK3987" s="98"/>
      <c r="BL3987" s="97"/>
      <c r="BX3987" s="98"/>
      <c r="CL3987" s="97"/>
      <c r="CX3987" s="98"/>
      <c r="DL3987" s="97"/>
      <c r="DX3987" s="98"/>
      <c r="EL3987" s="97"/>
      <c r="EX3987" s="98"/>
      <c r="EY3987" s="97"/>
      <c r="FL3987" s="126"/>
      <c r="FM3987" s="91"/>
      <c r="FN3987" s="91"/>
      <c r="FO3987" s="91"/>
      <c r="FP3987" s="91"/>
      <c r="FQ3987" s="91"/>
      <c r="FR3987" s="91"/>
      <c r="FS3987" s="91"/>
      <c r="FT3987" s="91"/>
      <c r="FU3987" s="91"/>
      <c r="FV3987" s="91"/>
      <c r="FW3987" s="91"/>
      <c r="FX3987" s="127"/>
      <c r="FY3987" s="126"/>
      <c r="FZ3987" s="91"/>
      <c r="GA3987" s="91"/>
      <c r="GB3987" s="91"/>
      <c r="GC3987" s="91"/>
      <c r="GD3987" s="91"/>
      <c r="GE3987" s="91"/>
      <c r="GF3987" s="91"/>
      <c r="GG3987" s="91"/>
      <c r="GH3987" s="91"/>
      <c r="GI3987" s="91"/>
      <c r="GJ3987" s="91"/>
      <c r="GK3987" s="127"/>
      <c r="GL3987" s="126"/>
      <c r="GM3987" s="91"/>
      <c r="GN3987" s="91"/>
      <c r="GO3987" s="91"/>
      <c r="GP3987" s="91"/>
      <c r="GQ3987" s="91"/>
      <c r="GR3987" s="91"/>
      <c r="GS3987" s="91"/>
      <c r="GT3987" s="91"/>
      <c r="GU3987" s="91"/>
      <c r="GV3987" s="91"/>
      <c r="GW3987" s="91"/>
      <c r="GX3987" s="127"/>
      <c r="GY3987" s="126"/>
      <c r="GZ3987" s="91"/>
      <c r="HA3987" s="91"/>
      <c r="HB3987" s="91"/>
      <c r="HC3987" s="91"/>
      <c r="HD3987" s="91"/>
      <c r="HE3987" s="91"/>
      <c r="HF3987" s="91"/>
      <c r="HG3987" s="91"/>
      <c r="HH3987" s="91"/>
      <c r="HI3987" s="91"/>
      <c r="HJ3987" s="91"/>
      <c r="HK3987" s="127"/>
      <c r="HL3987" s="126"/>
      <c r="HM3987" s="91"/>
      <c r="HN3987" s="91"/>
      <c r="HO3987" s="91"/>
      <c r="HP3987" s="91"/>
      <c r="HQ3987" s="91"/>
      <c r="HR3987" s="91"/>
      <c r="HS3987" s="91"/>
      <c r="HT3987" s="91"/>
      <c r="HU3987" s="91"/>
      <c r="HV3987" s="91"/>
      <c r="HW3987" s="91"/>
      <c r="HX3987" s="127"/>
      <c r="HY3987" s="126"/>
      <c r="HZ3987" s="91"/>
      <c r="IA3987" s="91"/>
      <c r="IB3987" s="91"/>
      <c r="IC3987" s="91"/>
      <c r="ID3987" s="91"/>
      <c r="IE3987" s="91"/>
      <c r="IF3987" s="91"/>
      <c r="IG3987" s="91"/>
      <c r="IH3987" s="91"/>
      <c r="II3987" s="91"/>
      <c r="IJ3987" s="91"/>
      <c r="IK3987" s="174"/>
    </row>
    <row r="3988" spans="2:245" x14ac:dyDescent="0.2">
      <c r="B3988" s="43"/>
      <c r="C3988" s="73"/>
      <c r="D3988" s="64"/>
      <c r="E3988" s="64"/>
      <c r="F3988" s="55"/>
      <c r="G3988" s="102"/>
      <c r="H3988" s="97"/>
      <c r="T3988" s="98"/>
      <c r="U3988" s="97"/>
      <c r="AG3988" s="98"/>
      <c r="AY3988" s="164"/>
      <c r="BK3988" s="98"/>
      <c r="BL3988" s="97"/>
      <c r="BX3988" s="98"/>
      <c r="CL3988" s="97"/>
      <c r="CX3988" s="98"/>
      <c r="DL3988" s="97"/>
      <c r="DX3988" s="98"/>
      <c r="EL3988" s="97"/>
      <c r="EX3988" s="98"/>
      <c r="EY3988" s="97"/>
      <c r="FL3988" s="126"/>
      <c r="FM3988" s="91"/>
      <c r="FN3988" s="91"/>
      <c r="FO3988" s="91"/>
      <c r="FP3988" s="91"/>
      <c r="FQ3988" s="91"/>
      <c r="FR3988" s="91"/>
      <c r="FS3988" s="91"/>
      <c r="FT3988" s="91"/>
      <c r="FU3988" s="91"/>
      <c r="FV3988" s="91"/>
      <c r="FW3988" s="91"/>
      <c r="FX3988" s="127"/>
      <c r="FY3988" s="126"/>
      <c r="FZ3988" s="91"/>
      <c r="GA3988" s="91"/>
      <c r="GB3988" s="91"/>
      <c r="GC3988" s="91"/>
      <c r="GD3988" s="91"/>
      <c r="GE3988" s="91"/>
      <c r="GF3988" s="91"/>
      <c r="GG3988" s="91"/>
      <c r="GH3988" s="91"/>
      <c r="GI3988" s="91"/>
      <c r="GJ3988" s="91"/>
      <c r="GK3988" s="127"/>
      <c r="GL3988" s="126"/>
      <c r="GM3988" s="91"/>
      <c r="GN3988" s="91"/>
      <c r="GO3988" s="91"/>
      <c r="GP3988" s="91"/>
      <c r="GQ3988" s="91"/>
      <c r="GR3988" s="91"/>
      <c r="GS3988" s="91"/>
      <c r="GT3988" s="91"/>
      <c r="GU3988" s="91"/>
      <c r="GV3988" s="91"/>
      <c r="GW3988" s="91"/>
      <c r="GX3988" s="127"/>
      <c r="GY3988" s="126"/>
      <c r="GZ3988" s="91"/>
      <c r="HA3988" s="91"/>
      <c r="HB3988" s="91"/>
      <c r="HC3988" s="91"/>
      <c r="HD3988" s="91"/>
      <c r="HE3988" s="91"/>
      <c r="HF3988" s="91"/>
      <c r="HG3988" s="91"/>
      <c r="HH3988" s="91"/>
      <c r="HI3988" s="91"/>
      <c r="HJ3988" s="91"/>
      <c r="HK3988" s="127"/>
      <c r="HL3988" s="126"/>
      <c r="HM3988" s="91"/>
      <c r="HN3988" s="91"/>
      <c r="HO3988" s="91"/>
      <c r="HP3988" s="91"/>
      <c r="HQ3988" s="91"/>
      <c r="HR3988" s="91"/>
      <c r="HS3988" s="91"/>
      <c r="HT3988" s="91"/>
      <c r="HU3988" s="91"/>
      <c r="HV3988" s="91"/>
      <c r="HW3988" s="91"/>
      <c r="HX3988" s="127"/>
      <c r="HY3988" s="126"/>
      <c r="HZ3988" s="91"/>
      <c r="IA3988" s="91"/>
      <c r="IB3988" s="91"/>
      <c r="IC3988" s="91"/>
      <c r="ID3988" s="91"/>
      <c r="IE3988" s="91"/>
      <c r="IF3988" s="91"/>
      <c r="IG3988" s="91"/>
      <c r="IH3988" s="91"/>
      <c r="II3988" s="91"/>
      <c r="IJ3988" s="91"/>
      <c r="IK3988" s="174"/>
    </row>
    <row r="3989" spans="2:245" x14ac:dyDescent="0.2">
      <c r="B3989" s="43"/>
      <c r="C3989" s="73"/>
      <c r="D3989" s="64"/>
      <c r="E3989" s="64"/>
      <c r="F3989" s="55"/>
      <c r="G3989" s="102"/>
      <c r="H3989" s="97"/>
      <c r="T3989" s="98"/>
      <c r="U3989" s="97"/>
      <c r="AG3989" s="98"/>
      <c r="AY3989" s="164"/>
      <c r="BK3989" s="98"/>
      <c r="BL3989" s="97"/>
      <c r="BX3989" s="98"/>
      <c r="CL3989" s="97"/>
      <c r="CX3989" s="98"/>
      <c r="DL3989" s="97"/>
      <c r="DX3989" s="98"/>
      <c r="EL3989" s="97"/>
      <c r="EX3989" s="98"/>
      <c r="EY3989" s="97"/>
      <c r="FL3989" s="126"/>
      <c r="FM3989" s="91"/>
      <c r="FN3989" s="91"/>
      <c r="FO3989" s="91"/>
      <c r="FP3989" s="91"/>
      <c r="FQ3989" s="91"/>
      <c r="FR3989" s="91"/>
      <c r="FS3989" s="91"/>
      <c r="FT3989" s="91"/>
      <c r="FU3989" s="91"/>
      <c r="FV3989" s="91"/>
      <c r="FW3989" s="91"/>
      <c r="FX3989" s="127"/>
      <c r="FY3989" s="126"/>
      <c r="FZ3989" s="91"/>
      <c r="GA3989" s="91"/>
      <c r="GB3989" s="91"/>
      <c r="GC3989" s="91"/>
      <c r="GD3989" s="91"/>
      <c r="GE3989" s="91"/>
      <c r="GF3989" s="91"/>
      <c r="GG3989" s="91"/>
      <c r="GH3989" s="91"/>
      <c r="GI3989" s="91"/>
      <c r="GJ3989" s="91"/>
      <c r="GK3989" s="127"/>
      <c r="GL3989" s="126"/>
      <c r="GM3989" s="91"/>
      <c r="GN3989" s="91"/>
      <c r="GO3989" s="91"/>
      <c r="GP3989" s="91"/>
      <c r="GQ3989" s="91"/>
      <c r="GR3989" s="91"/>
      <c r="GS3989" s="91"/>
      <c r="GT3989" s="91"/>
      <c r="GU3989" s="91"/>
      <c r="GV3989" s="91"/>
      <c r="GW3989" s="91"/>
      <c r="GX3989" s="127"/>
      <c r="GY3989" s="126"/>
      <c r="GZ3989" s="91"/>
      <c r="HA3989" s="91"/>
      <c r="HB3989" s="91"/>
      <c r="HC3989" s="91"/>
      <c r="HD3989" s="91"/>
      <c r="HE3989" s="91"/>
      <c r="HF3989" s="91"/>
      <c r="HG3989" s="91"/>
      <c r="HH3989" s="91"/>
      <c r="HI3989" s="91"/>
      <c r="HJ3989" s="91"/>
      <c r="HK3989" s="127"/>
      <c r="HL3989" s="126"/>
      <c r="HM3989" s="91"/>
      <c r="HN3989" s="91"/>
      <c r="HO3989" s="91"/>
      <c r="HP3989" s="91"/>
      <c r="HQ3989" s="91"/>
      <c r="HR3989" s="91"/>
      <c r="HS3989" s="91"/>
      <c r="HT3989" s="91"/>
      <c r="HU3989" s="91"/>
      <c r="HV3989" s="91"/>
      <c r="HW3989" s="91"/>
      <c r="HX3989" s="127"/>
      <c r="HY3989" s="126"/>
      <c r="HZ3989" s="91"/>
      <c r="IA3989" s="91"/>
      <c r="IB3989" s="91"/>
      <c r="IC3989" s="91"/>
      <c r="ID3989" s="91"/>
      <c r="IE3989" s="91"/>
      <c r="IF3989" s="91"/>
      <c r="IG3989" s="91"/>
      <c r="IH3989" s="91"/>
      <c r="II3989" s="91"/>
      <c r="IJ3989" s="91"/>
      <c r="IK3989" s="174"/>
    </row>
    <row r="3990" spans="2:245" x14ac:dyDescent="0.2">
      <c r="B3990" s="43"/>
      <c r="C3990" s="73"/>
      <c r="D3990" s="64"/>
      <c r="E3990" s="64"/>
      <c r="F3990" s="55"/>
      <c r="G3990" s="102"/>
      <c r="H3990" s="97"/>
      <c r="T3990" s="98"/>
      <c r="U3990" s="97"/>
      <c r="AG3990" s="98"/>
      <c r="AY3990" s="164"/>
      <c r="BK3990" s="98"/>
      <c r="BL3990" s="97"/>
      <c r="BX3990" s="98"/>
      <c r="CL3990" s="97"/>
      <c r="CX3990" s="98"/>
      <c r="DL3990" s="97"/>
      <c r="DX3990" s="98"/>
      <c r="EL3990" s="97"/>
      <c r="EX3990" s="98"/>
      <c r="EY3990" s="97"/>
      <c r="FL3990" s="126"/>
      <c r="FM3990" s="91"/>
      <c r="FN3990" s="91"/>
      <c r="FO3990" s="91"/>
      <c r="FP3990" s="91"/>
      <c r="FQ3990" s="91"/>
      <c r="FR3990" s="91"/>
      <c r="FS3990" s="91"/>
      <c r="FT3990" s="91"/>
      <c r="FU3990" s="91"/>
      <c r="FV3990" s="91"/>
      <c r="FW3990" s="91"/>
      <c r="FX3990" s="127"/>
      <c r="FY3990" s="126"/>
      <c r="FZ3990" s="91"/>
      <c r="GA3990" s="91"/>
      <c r="GB3990" s="91"/>
      <c r="GC3990" s="91"/>
      <c r="GD3990" s="91"/>
      <c r="GE3990" s="91"/>
      <c r="GF3990" s="91"/>
      <c r="GG3990" s="91"/>
      <c r="GH3990" s="91"/>
      <c r="GI3990" s="91"/>
      <c r="GJ3990" s="91"/>
      <c r="GK3990" s="127"/>
      <c r="GL3990" s="126"/>
      <c r="GM3990" s="91"/>
      <c r="GN3990" s="91"/>
      <c r="GO3990" s="91"/>
      <c r="GP3990" s="91"/>
      <c r="GQ3990" s="91"/>
      <c r="GR3990" s="91"/>
      <c r="GS3990" s="91"/>
      <c r="GT3990" s="91"/>
      <c r="GU3990" s="91"/>
      <c r="GV3990" s="91"/>
      <c r="GW3990" s="91"/>
      <c r="GX3990" s="127"/>
      <c r="GY3990" s="126"/>
      <c r="GZ3990" s="91"/>
      <c r="HA3990" s="91"/>
      <c r="HB3990" s="91"/>
      <c r="HC3990" s="91"/>
      <c r="HD3990" s="91"/>
      <c r="HE3990" s="91"/>
      <c r="HF3990" s="91"/>
      <c r="HG3990" s="91"/>
      <c r="HH3990" s="91"/>
      <c r="HI3990" s="91"/>
      <c r="HJ3990" s="91"/>
      <c r="HK3990" s="127"/>
      <c r="HL3990" s="126"/>
      <c r="HM3990" s="91"/>
      <c r="HN3990" s="91"/>
      <c r="HO3990" s="91"/>
      <c r="HP3990" s="91"/>
      <c r="HQ3990" s="91"/>
      <c r="HR3990" s="91"/>
      <c r="HS3990" s="91"/>
      <c r="HT3990" s="91"/>
      <c r="HU3990" s="91"/>
      <c r="HV3990" s="91"/>
      <c r="HW3990" s="91"/>
      <c r="HX3990" s="127"/>
      <c r="HY3990" s="126"/>
      <c r="HZ3990" s="91"/>
      <c r="IA3990" s="91"/>
      <c r="IB3990" s="91"/>
      <c r="IC3990" s="91"/>
      <c r="ID3990" s="91"/>
      <c r="IE3990" s="91"/>
      <c r="IF3990" s="91"/>
      <c r="IG3990" s="91"/>
      <c r="IH3990" s="91"/>
      <c r="II3990" s="91"/>
      <c r="IJ3990" s="91"/>
      <c r="IK3990" s="174"/>
    </row>
    <row r="3991" spans="2:245" x14ac:dyDescent="0.2">
      <c r="B3991" s="43"/>
      <c r="C3991" s="73"/>
      <c r="D3991" s="64"/>
      <c r="E3991" s="64"/>
      <c r="F3991" s="55"/>
      <c r="G3991" s="102"/>
      <c r="H3991" s="97"/>
      <c r="T3991" s="98"/>
      <c r="U3991" s="97"/>
      <c r="AG3991" s="98"/>
      <c r="AY3991" s="164"/>
      <c r="BK3991" s="98"/>
      <c r="BL3991" s="97"/>
      <c r="BX3991" s="98"/>
      <c r="CL3991" s="97"/>
      <c r="CX3991" s="98"/>
      <c r="DL3991" s="97"/>
      <c r="DX3991" s="98"/>
      <c r="EL3991" s="97"/>
      <c r="EX3991" s="98"/>
      <c r="EY3991" s="97"/>
      <c r="FL3991" s="126"/>
      <c r="FM3991" s="91"/>
      <c r="FN3991" s="91"/>
      <c r="FO3991" s="91"/>
      <c r="FP3991" s="91"/>
      <c r="FQ3991" s="91"/>
      <c r="FR3991" s="91"/>
      <c r="FS3991" s="91"/>
      <c r="FT3991" s="91"/>
      <c r="FU3991" s="91"/>
      <c r="FV3991" s="91"/>
      <c r="FW3991" s="91"/>
      <c r="FX3991" s="127"/>
      <c r="FY3991" s="126"/>
      <c r="FZ3991" s="91"/>
      <c r="GA3991" s="91"/>
      <c r="GB3991" s="91"/>
      <c r="GC3991" s="91"/>
      <c r="GD3991" s="91"/>
      <c r="GE3991" s="91"/>
      <c r="GF3991" s="91"/>
      <c r="GG3991" s="91"/>
      <c r="GH3991" s="91"/>
      <c r="GI3991" s="91"/>
      <c r="GJ3991" s="91"/>
      <c r="GK3991" s="127"/>
      <c r="GL3991" s="126"/>
      <c r="GM3991" s="91"/>
      <c r="GN3991" s="91"/>
      <c r="GO3991" s="91"/>
      <c r="GP3991" s="91"/>
      <c r="GQ3991" s="91"/>
      <c r="GR3991" s="91"/>
      <c r="GS3991" s="91"/>
      <c r="GT3991" s="91"/>
      <c r="GU3991" s="91"/>
      <c r="GV3991" s="91"/>
      <c r="GW3991" s="91"/>
      <c r="GX3991" s="127"/>
      <c r="GY3991" s="126"/>
      <c r="GZ3991" s="91"/>
      <c r="HA3991" s="91"/>
      <c r="HB3991" s="91"/>
      <c r="HC3991" s="91"/>
      <c r="HD3991" s="91"/>
      <c r="HE3991" s="91"/>
      <c r="HF3991" s="91"/>
      <c r="HG3991" s="91"/>
      <c r="HH3991" s="91"/>
      <c r="HI3991" s="91"/>
      <c r="HJ3991" s="91"/>
      <c r="HK3991" s="127"/>
      <c r="HL3991" s="126"/>
      <c r="HM3991" s="91"/>
      <c r="HN3991" s="91"/>
      <c r="HO3991" s="91"/>
      <c r="HP3991" s="91"/>
      <c r="HQ3991" s="91"/>
      <c r="HR3991" s="91"/>
      <c r="HS3991" s="91"/>
      <c r="HT3991" s="91"/>
      <c r="HU3991" s="91"/>
      <c r="HV3991" s="91"/>
      <c r="HW3991" s="91"/>
      <c r="HX3991" s="127"/>
      <c r="HY3991" s="126"/>
      <c r="HZ3991" s="91"/>
      <c r="IA3991" s="91"/>
      <c r="IB3991" s="91"/>
      <c r="IC3991" s="91"/>
      <c r="ID3991" s="91"/>
      <c r="IE3991" s="91"/>
      <c r="IF3991" s="91"/>
      <c r="IG3991" s="91"/>
      <c r="IH3991" s="91"/>
      <c r="II3991" s="91"/>
      <c r="IJ3991" s="91"/>
      <c r="IK3991" s="174"/>
    </row>
    <row r="3992" spans="2:245" x14ac:dyDescent="0.2">
      <c r="B3992" s="43"/>
      <c r="C3992" s="73"/>
      <c r="D3992" s="64"/>
      <c r="E3992" s="64"/>
      <c r="F3992" s="55"/>
      <c r="G3992" s="102"/>
      <c r="H3992" s="97"/>
      <c r="T3992" s="98"/>
      <c r="U3992" s="97"/>
      <c r="AG3992" s="98"/>
      <c r="AY3992" s="164"/>
      <c r="BK3992" s="98"/>
      <c r="BL3992" s="97"/>
      <c r="BX3992" s="98"/>
      <c r="CL3992" s="97"/>
      <c r="CX3992" s="98"/>
      <c r="DL3992" s="97"/>
      <c r="DX3992" s="98"/>
      <c r="EL3992" s="97"/>
      <c r="EX3992" s="98"/>
      <c r="EY3992" s="97"/>
      <c r="FL3992" s="126"/>
      <c r="FM3992" s="91"/>
      <c r="FN3992" s="91"/>
      <c r="FO3992" s="91"/>
      <c r="FP3992" s="91"/>
      <c r="FQ3992" s="91"/>
      <c r="FR3992" s="91"/>
      <c r="FS3992" s="91"/>
      <c r="FT3992" s="91"/>
      <c r="FU3992" s="91"/>
      <c r="FV3992" s="91"/>
      <c r="FW3992" s="91"/>
      <c r="FX3992" s="127"/>
      <c r="FY3992" s="126"/>
      <c r="FZ3992" s="91"/>
      <c r="GA3992" s="91"/>
      <c r="GB3992" s="91"/>
      <c r="GC3992" s="91"/>
      <c r="GD3992" s="91"/>
      <c r="GE3992" s="91"/>
      <c r="GF3992" s="91"/>
      <c r="GG3992" s="91"/>
      <c r="GH3992" s="91"/>
      <c r="GI3992" s="91"/>
      <c r="GJ3992" s="91"/>
      <c r="GK3992" s="127"/>
      <c r="GL3992" s="126"/>
      <c r="GM3992" s="91"/>
      <c r="GN3992" s="91"/>
      <c r="GO3992" s="91"/>
      <c r="GP3992" s="91"/>
      <c r="GQ3992" s="91"/>
      <c r="GR3992" s="91"/>
      <c r="GS3992" s="91"/>
      <c r="GT3992" s="91"/>
      <c r="GU3992" s="91"/>
      <c r="GV3992" s="91"/>
      <c r="GW3992" s="91"/>
      <c r="GX3992" s="127"/>
      <c r="GY3992" s="126"/>
      <c r="GZ3992" s="91"/>
      <c r="HA3992" s="91"/>
      <c r="HB3992" s="91"/>
      <c r="HC3992" s="91"/>
      <c r="HD3992" s="91"/>
      <c r="HE3992" s="91"/>
      <c r="HF3992" s="91"/>
      <c r="HG3992" s="91"/>
      <c r="HH3992" s="91"/>
      <c r="HI3992" s="91"/>
      <c r="HJ3992" s="91"/>
      <c r="HK3992" s="127"/>
      <c r="HL3992" s="126"/>
      <c r="HM3992" s="91"/>
      <c r="HN3992" s="91"/>
      <c r="HO3992" s="91"/>
      <c r="HP3992" s="91"/>
      <c r="HQ3992" s="91"/>
      <c r="HR3992" s="91"/>
      <c r="HS3992" s="91"/>
      <c r="HT3992" s="91"/>
      <c r="HU3992" s="91"/>
      <c r="HV3992" s="91"/>
      <c r="HW3992" s="91"/>
      <c r="HX3992" s="127"/>
      <c r="HY3992" s="126"/>
      <c r="HZ3992" s="91"/>
      <c r="IA3992" s="91"/>
      <c r="IB3992" s="91"/>
      <c r="IC3992" s="91"/>
      <c r="ID3992" s="91"/>
      <c r="IE3992" s="91"/>
      <c r="IF3992" s="91"/>
      <c r="IG3992" s="91"/>
      <c r="IH3992" s="91"/>
      <c r="II3992" s="91"/>
      <c r="IJ3992" s="91"/>
      <c r="IK3992" s="174"/>
    </row>
    <row r="3993" spans="2:245" x14ac:dyDescent="0.2">
      <c r="B3993" s="43"/>
      <c r="C3993" s="73"/>
      <c r="D3993" s="64"/>
      <c r="E3993" s="64"/>
      <c r="F3993" s="55"/>
      <c r="G3993" s="102"/>
      <c r="H3993" s="97"/>
      <c r="T3993" s="98"/>
      <c r="U3993" s="97"/>
      <c r="AG3993" s="98"/>
      <c r="AY3993" s="164"/>
      <c r="BK3993" s="98"/>
      <c r="BL3993" s="97"/>
      <c r="BX3993" s="98"/>
      <c r="CL3993" s="97"/>
      <c r="CX3993" s="98"/>
      <c r="DL3993" s="97"/>
      <c r="DX3993" s="98"/>
      <c r="EL3993" s="97"/>
      <c r="EX3993" s="98"/>
      <c r="EY3993" s="97"/>
      <c r="FL3993" s="126"/>
      <c r="FM3993" s="91"/>
      <c r="FN3993" s="91"/>
      <c r="FO3993" s="91"/>
      <c r="FP3993" s="91"/>
      <c r="FQ3993" s="91"/>
      <c r="FR3993" s="91"/>
      <c r="FS3993" s="91"/>
      <c r="FT3993" s="91"/>
      <c r="FU3993" s="91"/>
      <c r="FV3993" s="91"/>
      <c r="FW3993" s="91"/>
      <c r="FX3993" s="127"/>
      <c r="FY3993" s="126"/>
      <c r="FZ3993" s="91"/>
      <c r="GA3993" s="91"/>
      <c r="GB3993" s="91"/>
      <c r="GC3993" s="91"/>
      <c r="GD3993" s="91"/>
      <c r="GE3993" s="91"/>
      <c r="GF3993" s="91"/>
      <c r="GG3993" s="91"/>
      <c r="GH3993" s="91"/>
      <c r="GI3993" s="91"/>
      <c r="GJ3993" s="91"/>
      <c r="GK3993" s="127"/>
      <c r="GL3993" s="126"/>
      <c r="GM3993" s="91"/>
      <c r="GN3993" s="91"/>
      <c r="GO3993" s="91"/>
      <c r="GP3993" s="91"/>
      <c r="GQ3993" s="91"/>
      <c r="GR3993" s="91"/>
      <c r="GS3993" s="91"/>
      <c r="GT3993" s="91"/>
      <c r="GU3993" s="91"/>
      <c r="GV3993" s="91"/>
      <c r="GW3993" s="91"/>
      <c r="GX3993" s="127"/>
      <c r="GY3993" s="126"/>
      <c r="GZ3993" s="91"/>
      <c r="HA3993" s="91"/>
      <c r="HB3993" s="91"/>
      <c r="HC3993" s="91"/>
      <c r="HD3993" s="91"/>
      <c r="HE3993" s="91"/>
      <c r="HF3993" s="91"/>
      <c r="HG3993" s="91"/>
      <c r="HH3993" s="91"/>
      <c r="HI3993" s="91"/>
      <c r="HJ3993" s="91"/>
      <c r="HK3993" s="127"/>
      <c r="HL3993" s="126"/>
      <c r="HM3993" s="91"/>
      <c r="HN3993" s="91"/>
      <c r="HO3993" s="91"/>
      <c r="HP3993" s="91"/>
      <c r="HQ3993" s="91"/>
      <c r="HR3993" s="91"/>
      <c r="HS3993" s="91"/>
      <c r="HT3993" s="91"/>
      <c r="HU3993" s="91"/>
      <c r="HV3993" s="91"/>
      <c r="HW3993" s="91"/>
      <c r="HX3993" s="127"/>
      <c r="HY3993" s="126"/>
      <c r="HZ3993" s="91"/>
      <c r="IA3993" s="91"/>
      <c r="IB3993" s="91"/>
      <c r="IC3993" s="91"/>
      <c r="ID3993" s="91"/>
      <c r="IE3993" s="91"/>
      <c r="IF3993" s="91"/>
      <c r="IG3993" s="91"/>
      <c r="IH3993" s="91"/>
      <c r="II3993" s="91"/>
      <c r="IJ3993" s="91"/>
      <c r="IK3993" s="174"/>
    </row>
    <row r="3994" spans="2:245" x14ac:dyDescent="0.2">
      <c r="B3994" s="43"/>
      <c r="C3994" s="73"/>
      <c r="D3994" s="64"/>
      <c r="E3994" s="64"/>
      <c r="F3994" s="55"/>
      <c r="G3994" s="102"/>
      <c r="H3994" s="97"/>
      <c r="T3994" s="98"/>
      <c r="U3994" s="97"/>
      <c r="AG3994" s="98"/>
      <c r="AY3994" s="164"/>
      <c r="BK3994" s="98"/>
      <c r="BL3994" s="97"/>
      <c r="BX3994" s="98"/>
      <c r="CL3994" s="97"/>
      <c r="CX3994" s="98"/>
      <c r="DL3994" s="97"/>
      <c r="DX3994" s="98"/>
      <c r="EL3994" s="97"/>
      <c r="EX3994" s="98"/>
      <c r="EY3994" s="97"/>
      <c r="FL3994" s="126"/>
      <c r="FM3994" s="91"/>
      <c r="FN3994" s="91"/>
      <c r="FO3994" s="91"/>
      <c r="FP3994" s="91"/>
      <c r="FQ3994" s="91"/>
      <c r="FR3994" s="91"/>
      <c r="FS3994" s="91"/>
      <c r="FT3994" s="91"/>
      <c r="FU3994" s="91"/>
      <c r="FV3994" s="91"/>
      <c r="FW3994" s="91"/>
      <c r="FX3994" s="127"/>
      <c r="FY3994" s="126"/>
      <c r="FZ3994" s="91"/>
      <c r="GA3994" s="91"/>
      <c r="GB3994" s="91"/>
      <c r="GC3994" s="91"/>
      <c r="GD3994" s="91"/>
      <c r="GE3994" s="91"/>
      <c r="GF3994" s="91"/>
      <c r="GG3994" s="91"/>
      <c r="GH3994" s="91"/>
      <c r="GI3994" s="91"/>
      <c r="GJ3994" s="91"/>
      <c r="GK3994" s="127"/>
      <c r="GL3994" s="126"/>
      <c r="GM3994" s="91"/>
      <c r="GN3994" s="91"/>
      <c r="GO3994" s="91"/>
      <c r="GP3994" s="91"/>
      <c r="GQ3994" s="91"/>
      <c r="GR3994" s="91"/>
      <c r="GS3994" s="91"/>
      <c r="GT3994" s="91"/>
      <c r="GU3994" s="91"/>
      <c r="GV3994" s="91"/>
      <c r="GW3994" s="91"/>
      <c r="GX3994" s="127"/>
      <c r="GY3994" s="126"/>
      <c r="GZ3994" s="91"/>
      <c r="HA3994" s="91"/>
      <c r="HB3994" s="91"/>
      <c r="HC3994" s="91"/>
      <c r="HD3994" s="91"/>
      <c r="HE3994" s="91"/>
      <c r="HF3994" s="91"/>
      <c r="HG3994" s="91"/>
      <c r="HH3994" s="91"/>
      <c r="HI3994" s="91"/>
      <c r="HJ3994" s="91"/>
      <c r="HK3994" s="127"/>
      <c r="HL3994" s="126"/>
      <c r="HM3994" s="91"/>
      <c r="HN3994" s="91"/>
      <c r="HO3994" s="91"/>
      <c r="HP3994" s="91"/>
      <c r="HQ3994" s="91"/>
      <c r="HR3994" s="91"/>
      <c r="HS3994" s="91"/>
      <c r="HT3994" s="91"/>
      <c r="HU3994" s="91"/>
      <c r="HV3994" s="91"/>
      <c r="HW3994" s="91"/>
      <c r="HX3994" s="127"/>
      <c r="HY3994" s="126"/>
      <c r="HZ3994" s="91"/>
      <c r="IA3994" s="91"/>
      <c r="IB3994" s="91"/>
      <c r="IC3994" s="91"/>
      <c r="ID3994" s="91"/>
      <c r="IE3994" s="91"/>
      <c r="IF3994" s="91"/>
      <c r="IG3994" s="91"/>
      <c r="IH3994" s="91"/>
      <c r="II3994" s="91"/>
      <c r="IJ3994" s="91"/>
      <c r="IK3994" s="174"/>
    </row>
    <row r="3995" spans="2:245" x14ac:dyDescent="0.2">
      <c r="B3995" s="43"/>
      <c r="C3995" s="73"/>
      <c r="D3995" s="64"/>
      <c r="E3995" s="64"/>
      <c r="F3995" s="55"/>
      <c r="G3995" s="102"/>
      <c r="H3995" s="97"/>
      <c r="T3995" s="98"/>
      <c r="U3995" s="97"/>
      <c r="AG3995" s="98"/>
      <c r="AY3995" s="164"/>
      <c r="BK3995" s="98"/>
      <c r="BL3995" s="97"/>
      <c r="BX3995" s="98"/>
      <c r="CL3995" s="97"/>
      <c r="CX3995" s="98"/>
      <c r="DL3995" s="97"/>
      <c r="DX3995" s="98"/>
      <c r="EL3995" s="97"/>
      <c r="EX3995" s="98"/>
      <c r="EY3995" s="97"/>
      <c r="FL3995" s="126"/>
      <c r="FM3995" s="91"/>
      <c r="FN3995" s="91"/>
      <c r="FO3995" s="91"/>
      <c r="FP3995" s="91"/>
      <c r="FQ3995" s="91"/>
      <c r="FR3995" s="91"/>
      <c r="FS3995" s="91"/>
      <c r="FT3995" s="91"/>
      <c r="FU3995" s="91"/>
      <c r="FV3995" s="91"/>
      <c r="FW3995" s="91"/>
      <c r="FX3995" s="127"/>
      <c r="FY3995" s="126"/>
      <c r="FZ3995" s="91"/>
      <c r="GA3995" s="91"/>
      <c r="GB3995" s="91"/>
      <c r="GC3995" s="91"/>
      <c r="GD3995" s="91"/>
      <c r="GE3995" s="91"/>
      <c r="GF3995" s="91"/>
      <c r="GG3995" s="91"/>
      <c r="GH3995" s="91"/>
      <c r="GI3995" s="91"/>
      <c r="GJ3995" s="91"/>
      <c r="GK3995" s="127"/>
      <c r="GL3995" s="126"/>
      <c r="GM3995" s="91"/>
      <c r="GN3995" s="91"/>
      <c r="GO3995" s="91"/>
      <c r="GP3995" s="91"/>
      <c r="GQ3995" s="91"/>
      <c r="GR3995" s="91"/>
      <c r="GS3995" s="91"/>
      <c r="GT3995" s="91"/>
      <c r="GU3995" s="91"/>
      <c r="GV3995" s="91"/>
      <c r="GW3995" s="91"/>
      <c r="GX3995" s="127"/>
      <c r="GY3995" s="126"/>
      <c r="GZ3995" s="91"/>
      <c r="HA3995" s="91"/>
      <c r="HB3995" s="91"/>
      <c r="HC3995" s="91"/>
      <c r="HD3995" s="91"/>
      <c r="HE3995" s="91"/>
      <c r="HF3995" s="91"/>
      <c r="HG3995" s="91"/>
      <c r="HH3995" s="91"/>
      <c r="HI3995" s="91"/>
      <c r="HJ3995" s="91"/>
      <c r="HK3995" s="127"/>
      <c r="HL3995" s="126"/>
      <c r="HM3995" s="91"/>
      <c r="HN3995" s="91"/>
      <c r="HO3995" s="91"/>
      <c r="HP3995" s="91"/>
      <c r="HQ3995" s="91"/>
      <c r="HR3995" s="91"/>
      <c r="HS3995" s="91"/>
      <c r="HT3995" s="91"/>
      <c r="HU3995" s="91"/>
      <c r="HV3995" s="91"/>
      <c r="HW3995" s="91"/>
      <c r="HX3995" s="127"/>
      <c r="HY3995" s="126"/>
      <c r="HZ3995" s="91"/>
      <c r="IA3995" s="91"/>
      <c r="IB3995" s="91"/>
      <c r="IC3995" s="91"/>
      <c r="ID3995" s="91"/>
      <c r="IE3995" s="91"/>
      <c r="IF3995" s="91"/>
      <c r="IG3995" s="91"/>
      <c r="IH3995" s="91"/>
      <c r="II3995" s="91"/>
      <c r="IJ3995" s="91"/>
      <c r="IK3995" s="174"/>
    </row>
    <row r="3996" spans="2:245" x14ac:dyDescent="0.2">
      <c r="B3996" s="43"/>
      <c r="C3996" s="73"/>
      <c r="D3996" s="64"/>
      <c r="E3996" s="64"/>
      <c r="F3996" s="55"/>
      <c r="G3996" s="102"/>
      <c r="H3996" s="97"/>
      <c r="T3996" s="98"/>
      <c r="U3996" s="97"/>
      <c r="AG3996" s="98"/>
      <c r="AY3996" s="164"/>
      <c r="BK3996" s="98"/>
      <c r="BL3996" s="97"/>
      <c r="BX3996" s="98"/>
      <c r="CL3996" s="97"/>
      <c r="CX3996" s="98"/>
      <c r="DL3996" s="97"/>
      <c r="DX3996" s="98"/>
      <c r="EL3996" s="97"/>
      <c r="EX3996" s="98"/>
      <c r="EY3996" s="97"/>
      <c r="FL3996" s="126"/>
      <c r="FM3996" s="91"/>
      <c r="FN3996" s="91"/>
      <c r="FO3996" s="91"/>
      <c r="FP3996" s="91"/>
      <c r="FQ3996" s="91"/>
      <c r="FR3996" s="91"/>
      <c r="FS3996" s="91"/>
      <c r="FT3996" s="91"/>
      <c r="FU3996" s="91"/>
      <c r="FV3996" s="91"/>
      <c r="FW3996" s="91"/>
      <c r="FX3996" s="127"/>
      <c r="FY3996" s="126"/>
      <c r="FZ3996" s="91"/>
      <c r="GA3996" s="91"/>
      <c r="GB3996" s="91"/>
      <c r="GC3996" s="91"/>
      <c r="GD3996" s="91"/>
      <c r="GE3996" s="91"/>
      <c r="GF3996" s="91"/>
      <c r="GG3996" s="91"/>
      <c r="GH3996" s="91"/>
      <c r="GI3996" s="91"/>
      <c r="GJ3996" s="91"/>
      <c r="GK3996" s="127"/>
      <c r="GL3996" s="126"/>
      <c r="GM3996" s="91"/>
      <c r="GN3996" s="91"/>
      <c r="GO3996" s="91"/>
      <c r="GP3996" s="91"/>
      <c r="GQ3996" s="91"/>
      <c r="GR3996" s="91"/>
      <c r="GS3996" s="91"/>
      <c r="GT3996" s="91"/>
      <c r="GU3996" s="91"/>
      <c r="GV3996" s="91"/>
      <c r="GW3996" s="91"/>
      <c r="GX3996" s="127"/>
      <c r="GY3996" s="126"/>
      <c r="GZ3996" s="91"/>
      <c r="HA3996" s="91"/>
      <c r="HB3996" s="91"/>
      <c r="HC3996" s="91"/>
      <c r="HD3996" s="91"/>
      <c r="HE3996" s="91"/>
      <c r="HF3996" s="91"/>
      <c r="HG3996" s="91"/>
      <c r="HH3996" s="91"/>
      <c r="HI3996" s="91"/>
      <c r="HJ3996" s="91"/>
      <c r="HK3996" s="127"/>
      <c r="HL3996" s="126"/>
      <c r="HM3996" s="91"/>
      <c r="HN3996" s="91"/>
      <c r="HO3996" s="91"/>
      <c r="HP3996" s="91"/>
      <c r="HQ3996" s="91"/>
      <c r="HR3996" s="91"/>
      <c r="HS3996" s="91"/>
      <c r="HT3996" s="91"/>
      <c r="HU3996" s="91"/>
      <c r="HV3996" s="91"/>
      <c r="HW3996" s="91"/>
      <c r="HX3996" s="127"/>
      <c r="HY3996" s="126"/>
      <c r="HZ3996" s="91"/>
      <c r="IA3996" s="91"/>
      <c r="IB3996" s="91"/>
      <c r="IC3996" s="91"/>
      <c r="ID3996" s="91"/>
      <c r="IE3996" s="91"/>
      <c r="IF3996" s="91"/>
      <c r="IG3996" s="91"/>
      <c r="IH3996" s="91"/>
      <c r="II3996" s="91"/>
      <c r="IJ3996" s="91"/>
      <c r="IK3996" s="174"/>
    </row>
    <row r="3997" spans="2:245" x14ac:dyDescent="0.2">
      <c r="B3997" s="43"/>
      <c r="C3997" s="73"/>
      <c r="D3997" s="64"/>
      <c r="E3997" s="64"/>
      <c r="F3997" s="55"/>
      <c r="G3997" s="102"/>
      <c r="H3997" s="97"/>
      <c r="T3997" s="98"/>
      <c r="U3997" s="97"/>
      <c r="AG3997" s="98"/>
      <c r="AY3997" s="164"/>
      <c r="BK3997" s="98"/>
      <c r="BL3997" s="97"/>
      <c r="BX3997" s="98"/>
      <c r="CL3997" s="97"/>
      <c r="CX3997" s="98"/>
      <c r="DL3997" s="97"/>
      <c r="DX3997" s="98"/>
      <c r="EL3997" s="97"/>
      <c r="EX3997" s="98"/>
      <c r="EY3997" s="97"/>
      <c r="FL3997" s="126"/>
      <c r="FM3997" s="91"/>
      <c r="FN3997" s="91"/>
      <c r="FO3997" s="91"/>
      <c r="FP3997" s="91"/>
      <c r="FQ3997" s="91"/>
      <c r="FR3997" s="91"/>
      <c r="FS3997" s="91"/>
      <c r="FT3997" s="91"/>
      <c r="FU3997" s="91"/>
      <c r="FV3997" s="91"/>
      <c r="FW3997" s="91"/>
      <c r="FX3997" s="127"/>
      <c r="FY3997" s="126"/>
      <c r="FZ3997" s="91"/>
      <c r="GA3997" s="91"/>
      <c r="GB3997" s="91"/>
      <c r="GC3997" s="91"/>
      <c r="GD3997" s="91"/>
      <c r="GE3997" s="91"/>
      <c r="GF3997" s="91"/>
      <c r="GG3997" s="91"/>
      <c r="GH3997" s="91"/>
      <c r="GI3997" s="91"/>
      <c r="GJ3997" s="91"/>
      <c r="GK3997" s="127"/>
      <c r="GL3997" s="126"/>
      <c r="GM3997" s="91"/>
      <c r="GN3997" s="91"/>
      <c r="GO3997" s="91"/>
      <c r="GP3997" s="91"/>
      <c r="GQ3997" s="91"/>
      <c r="GR3997" s="91"/>
      <c r="GS3997" s="91"/>
      <c r="GT3997" s="91"/>
      <c r="GU3997" s="91"/>
      <c r="GV3997" s="91"/>
      <c r="GW3997" s="91"/>
      <c r="GX3997" s="127"/>
      <c r="GY3997" s="126"/>
      <c r="GZ3997" s="91"/>
      <c r="HA3997" s="91"/>
      <c r="HB3997" s="91"/>
      <c r="HC3997" s="91"/>
      <c r="HD3997" s="91"/>
      <c r="HE3997" s="91"/>
      <c r="HF3997" s="91"/>
      <c r="HG3997" s="91"/>
      <c r="HH3997" s="91"/>
      <c r="HI3997" s="91"/>
      <c r="HJ3997" s="91"/>
      <c r="HK3997" s="127"/>
      <c r="HL3997" s="126"/>
      <c r="HM3997" s="91"/>
      <c r="HN3997" s="91"/>
      <c r="HO3997" s="91"/>
      <c r="HP3997" s="91"/>
      <c r="HQ3997" s="91"/>
      <c r="HR3997" s="91"/>
      <c r="HS3997" s="91"/>
      <c r="HT3997" s="91"/>
      <c r="HU3997" s="91"/>
      <c r="HV3997" s="91"/>
      <c r="HW3997" s="91"/>
      <c r="HX3997" s="127"/>
      <c r="HY3997" s="126"/>
      <c r="HZ3997" s="91"/>
      <c r="IA3997" s="91"/>
      <c r="IB3997" s="91"/>
      <c r="IC3997" s="91"/>
      <c r="ID3997" s="91"/>
      <c r="IE3997" s="91"/>
      <c r="IF3997" s="91"/>
      <c r="IG3997" s="91"/>
      <c r="IH3997" s="91"/>
      <c r="II3997" s="91"/>
      <c r="IJ3997" s="91"/>
      <c r="IK3997" s="174"/>
    </row>
    <row r="3998" spans="2:245" x14ac:dyDescent="0.2">
      <c r="B3998" s="43"/>
      <c r="C3998" s="73"/>
      <c r="D3998" s="64"/>
      <c r="E3998" s="64"/>
      <c r="F3998" s="55"/>
      <c r="G3998" s="102"/>
      <c r="H3998" s="97"/>
      <c r="T3998" s="98"/>
      <c r="U3998" s="97"/>
      <c r="AG3998" s="98"/>
      <c r="AY3998" s="164"/>
      <c r="BK3998" s="98"/>
      <c r="BL3998" s="97"/>
      <c r="BX3998" s="98"/>
      <c r="CL3998" s="97"/>
      <c r="CX3998" s="98"/>
      <c r="DL3998" s="97"/>
      <c r="DX3998" s="98"/>
      <c r="EL3998" s="97"/>
      <c r="EX3998" s="98"/>
      <c r="EY3998" s="97"/>
      <c r="FL3998" s="126"/>
      <c r="FM3998" s="91"/>
      <c r="FN3998" s="91"/>
      <c r="FO3998" s="91"/>
      <c r="FP3998" s="91"/>
      <c r="FQ3998" s="91"/>
      <c r="FR3998" s="91"/>
      <c r="FS3998" s="91"/>
      <c r="FT3998" s="91"/>
      <c r="FU3998" s="91"/>
      <c r="FV3998" s="91"/>
      <c r="FW3998" s="91"/>
      <c r="FX3998" s="127"/>
      <c r="FY3998" s="126"/>
      <c r="FZ3998" s="91"/>
      <c r="GA3998" s="91"/>
      <c r="GB3998" s="91"/>
      <c r="GC3998" s="91"/>
      <c r="GD3998" s="91"/>
      <c r="GE3998" s="91"/>
      <c r="GF3998" s="91"/>
      <c r="GG3998" s="91"/>
      <c r="GH3998" s="91"/>
      <c r="GI3998" s="91"/>
      <c r="GJ3998" s="91"/>
      <c r="GK3998" s="127"/>
      <c r="GL3998" s="126"/>
      <c r="GM3998" s="91"/>
      <c r="GN3998" s="91"/>
      <c r="GO3998" s="91"/>
      <c r="GP3998" s="91"/>
      <c r="GQ3998" s="91"/>
      <c r="GR3998" s="91"/>
      <c r="GS3998" s="91"/>
      <c r="GT3998" s="91"/>
      <c r="GU3998" s="91"/>
      <c r="GV3998" s="91"/>
      <c r="GW3998" s="91"/>
      <c r="GX3998" s="127"/>
      <c r="GY3998" s="126"/>
      <c r="GZ3998" s="91"/>
      <c r="HA3998" s="91"/>
      <c r="HB3998" s="91"/>
      <c r="HC3998" s="91"/>
      <c r="HD3998" s="91"/>
      <c r="HE3998" s="91"/>
      <c r="HF3998" s="91"/>
      <c r="HG3998" s="91"/>
      <c r="HH3998" s="91"/>
      <c r="HI3998" s="91"/>
      <c r="HJ3998" s="91"/>
      <c r="HK3998" s="127"/>
      <c r="HL3998" s="126"/>
      <c r="HM3998" s="91"/>
      <c r="HN3998" s="91"/>
      <c r="HO3998" s="91"/>
      <c r="HP3998" s="91"/>
      <c r="HQ3998" s="91"/>
      <c r="HR3998" s="91"/>
      <c r="HS3998" s="91"/>
      <c r="HT3998" s="91"/>
      <c r="HU3998" s="91"/>
      <c r="HV3998" s="91"/>
      <c r="HW3998" s="91"/>
      <c r="HX3998" s="127"/>
      <c r="HY3998" s="126"/>
      <c r="HZ3998" s="91"/>
      <c r="IA3998" s="91"/>
      <c r="IB3998" s="91"/>
      <c r="IC3998" s="91"/>
      <c r="ID3998" s="91"/>
      <c r="IE3998" s="91"/>
      <c r="IF3998" s="91"/>
      <c r="IG3998" s="91"/>
      <c r="IH3998" s="91"/>
      <c r="II3998" s="91"/>
      <c r="IJ3998" s="91"/>
      <c r="IK3998" s="174"/>
    </row>
    <row r="3999" spans="2:245" x14ac:dyDescent="0.2">
      <c r="B3999" s="43"/>
      <c r="C3999" s="73"/>
      <c r="D3999" s="64"/>
      <c r="E3999" s="64"/>
      <c r="F3999" s="55"/>
      <c r="G3999" s="102"/>
      <c r="H3999" s="97"/>
      <c r="T3999" s="98"/>
      <c r="U3999" s="97"/>
      <c r="AG3999" s="98"/>
      <c r="AY3999" s="164"/>
      <c r="BK3999" s="98"/>
      <c r="BL3999" s="97"/>
      <c r="BX3999" s="98"/>
      <c r="CL3999" s="97"/>
      <c r="CX3999" s="98"/>
      <c r="DL3999" s="97"/>
      <c r="DX3999" s="98"/>
      <c r="EL3999" s="97"/>
      <c r="EX3999" s="98"/>
      <c r="EY3999" s="97"/>
      <c r="FL3999" s="126"/>
      <c r="FM3999" s="91"/>
      <c r="FN3999" s="91"/>
      <c r="FO3999" s="91"/>
      <c r="FP3999" s="91"/>
      <c r="FQ3999" s="91"/>
      <c r="FR3999" s="91"/>
      <c r="FS3999" s="91"/>
      <c r="FT3999" s="91"/>
      <c r="FU3999" s="91"/>
      <c r="FV3999" s="91"/>
      <c r="FW3999" s="91"/>
      <c r="FX3999" s="127"/>
      <c r="FY3999" s="126"/>
      <c r="FZ3999" s="91"/>
      <c r="GA3999" s="91"/>
      <c r="GB3999" s="91"/>
      <c r="GC3999" s="91"/>
      <c r="GD3999" s="91"/>
      <c r="GE3999" s="91"/>
      <c r="GF3999" s="91"/>
      <c r="GG3999" s="91"/>
      <c r="GH3999" s="91"/>
      <c r="GI3999" s="91"/>
      <c r="GJ3999" s="91"/>
      <c r="GK3999" s="127"/>
      <c r="GL3999" s="126"/>
      <c r="GM3999" s="91"/>
      <c r="GN3999" s="91"/>
      <c r="GO3999" s="91"/>
      <c r="GP3999" s="91"/>
      <c r="GQ3999" s="91"/>
      <c r="GR3999" s="91"/>
      <c r="GS3999" s="91"/>
      <c r="GT3999" s="91"/>
      <c r="GU3999" s="91"/>
      <c r="GV3999" s="91"/>
      <c r="GW3999" s="91"/>
      <c r="GX3999" s="127"/>
      <c r="GY3999" s="126"/>
      <c r="GZ3999" s="91"/>
      <c r="HA3999" s="91"/>
      <c r="HB3999" s="91"/>
      <c r="HC3999" s="91"/>
      <c r="HD3999" s="91"/>
      <c r="HE3999" s="91"/>
      <c r="HF3999" s="91"/>
      <c r="HG3999" s="91"/>
      <c r="HH3999" s="91"/>
      <c r="HI3999" s="91"/>
      <c r="HJ3999" s="91"/>
      <c r="HK3999" s="127"/>
      <c r="HL3999" s="126"/>
      <c r="HM3999" s="91"/>
      <c r="HN3999" s="91"/>
      <c r="HO3999" s="91"/>
      <c r="HP3999" s="91"/>
      <c r="HQ3999" s="91"/>
      <c r="HR3999" s="91"/>
      <c r="HS3999" s="91"/>
      <c r="HT3999" s="91"/>
      <c r="HU3999" s="91"/>
      <c r="HV3999" s="91"/>
      <c r="HW3999" s="91"/>
      <c r="HX3999" s="127"/>
      <c r="HY3999" s="126"/>
      <c r="HZ3999" s="91"/>
      <c r="IA3999" s="91"/>
      <c r="IB3999" s="91"/>
      <c r="IC3999" s="91"/>
      <c r="ID3999" s="91"/>
      <c r="IE3999" s="91"/>
      <c r="IF3999" s="91"/>
      <c r="IG3999" s="91"/>
      <c r="IH3999" s="91"/>
      <c r="II3999" s="91"/>
      <c r="IJ3999" s="91"/>
      <c r="IK3999" s="174"/>
    </row>
    <row r="4000" spans="2:245" x14ac:dyDescent="0.2">
      <c r="B4000" s="43"/>
      <c r="C4000" s="73"/>
      <c r="D4000" s="64"/>
      <c r="E4000" s="64"/>
      <c r="F4000" s="55"/>
      <c r="G4000" s="102"/>
      <c r="H4000" s="97"/>
      <c r="T4000" s="98"/>
      <c r="U4000" s="97"/>
      <c r="AG4000" s="98"/>
      <c r="AY4000" s="164"/>
      <c r="BK4000" s="98"/>
      <c r="BL4000" s="97"/>
      <c r="BX4000" s="98"/>
      <c r="CL4000" s="97"/>
      <c r="CX4000" s="98"/>
      <c r="DL4000" s="97"/>
      <c r="DX4000" s="98"/>
      <c r="EL4000" s="97"/>
      <c r="EX4000" s="98"/>
      <c r="EY4000" s="97"/>
      <c r="FL4000" s="126"/>
      <c r="FM4000" s="91"/>
      <c r="FN4000" s="91"/>
      <c r="FO4000" s="91"/>
      <c r="FP4000" s="91"/>
      <c r="FQ4000" s="91"/>
      <c r="FR4000" s="91"/>
      <c r="FS4000" s="91"/>
      <c r="FT4000" s="91"/>
      <c r="FU4000" s="91"/>
      <c r="FV4000" s="91"/>
      <c r="FW4000" s="91"/>
      <c r="FX4000" s="127"/>
      <c r="FY4000" s="126"/>
      <c r="FZ4000" s="91"/>
      <c r="GA4000" s="91"/>
      <c r="GB4000" s="91"/>
      <c r="GC4000" s="91"/>
      <c r="GD4000" s="91"/>
      <c r="GE4000" s="91"/>
      <c r="GF4000" s="91"/>
      <c r="GG4000" s="91"/>
      <c r="GH4000" s="91"/>
      <c r="GI4000" s="91"/>
      <c r="GJ4000" s="91"/>
      <c r="GK4000" s="127"/>
      <c r="GL4000" s="126"/>
      <c r="GM4000" s="91"/>
      <c r="GN4000" s="91"/>
      <c r="GO4000" s="91"/>
      <c r="GP4000" s="91"/>
      <c r="GQ4000" s="91"/>
      <c r="GR4000" s="91"/>
      <c r="GS4000" s="91"/>
      <c r="GT4000" s="91"/>
      <c r="GU4000" s="91"/>
      <c r="GV4000" s="91"/>
      <c r="GW4000" s="91"/>
      <c r="GX4000" s="127"/>
      <c r="GY4000" s="126"/>
      <c r="GZ4000" s="91"/>
      <c r="HA4000" s="91"/>
      <c r="HB4000" s="91"/>
      <c r="HC4000" s="91"/>
      <c r="HD4000" s="91"/>
      <c r="HE4000" s="91"/>
      <c r="HF4000" s="91"/>
      <c r="HG4000" s="91"/>
      <c r="HH4000" s="91"/>
      <c r="HI4000" s="91"/>
      <c r="HJ4000" s="91"/>
      <c r="HK4000" s="127"/>
      <c r="HL4000" s="126"/>
      <c r="HM4000" s="91"/>
      <c r="HN4000" s="91"/>
      <c r="HO4000" s="91"/>
      <c r="HP4000" s="91"/>
      <c r="HQ4000" s="91"/>
      <c r="HR4000" s="91"/>
      <c r="HS4000" s="91"/>
      <c r="HT4000" s="91"/>
      <c r="HU4000" s="91"/>
      <c r="HV4000" s="91"/>
      <c r="HW4000" s="91"/>
      <c r="HX4000" s="127"/>
      <c r="HY4000" s="126"/>
      <c r="HZ4000" s="91"/>
      <c r="IA4000" s="91"/>
      <c r="IB4000" s="91"/>
      <c r="IC4000" s="91"/>
      <c r="ID4000" s="91"/>
      <c r="IE4000" s="91"/>
      <c r="IF4000" s="91"/>
      <c r="IG4000" s="91"/>
      <c r="IH4000" s="91"/>
      <c r="II4000" s="91"/>
      <c r="IJ4000" s="91"/>
      <c r="IK4000" s="174"/>
    </row>
    <row r="4001" spans="2:245" x14ac:dyDescent="0.2">
      <c r="B4001" s="43"/>
      <c r="C4001" s="73"/>
      <c r="D4001" s="64"/>
      <c r="E4001" s="64"/>
      <c r="F4001" s="55"/>
      <c r="G4001" s="102"/>
      <c r="H4001" s="97"/>
      <c r="T4001" s="98"/>
      <c r="U4001" s="97"/>
      <c r="AG4001" s="98"/>
      <c r="AY4001" s="164"/>
      <c r="BK4001" s="98"/>
      <c r="BL4001" s="97"/>
      <c r="BX4001" s="98"/>
      <c r="CL4001" s="97"/>
      <c r="CX4001" s="98"/>
      <c r="DL4001" s="97"/>
      <c r="DX4001" s="98"/>
      <c r="EL4001" s="97"/>
      <c r="EX4001" s="98"/>
      <c r="EY4001" s="97"/>
      <c r="FL4001" s="126"/>
      <c r="FM4001" s="91"/>
      <c r="FN4001" s="91"/>
      <c r="FO4001" s="91"/>
      <c r="FP4001" s="91"/>
      <c r="FQ4001" s="91"/>
      <c r="FR4001" s="91"/>
      <c r="FS4001" s="91"/>
      <c r="FT4001" s="91"/>
      <c r="FU4001" s="91"/>
      <c r="FV4001" s="91"/>
      <c r="FW4001" s="91"/>
      <c r="FX4001" s="127"/>
      <c r="FY4001" s="126"/>
      <c r="FZ4001" s="91"/>
      <c r="GA4001" s="91"/>
      <c r="GB4001" s="91"/>
      <c r="GC4001" s="91"/>
      <c r="GD4001" s="91"/>
      <c r="GE4001" s="91"/>
      <c r="GF4001" s="91"/>
      <c r="GG4001" s="91"/>
      <c r="GH4001" s="91"/>
      <c r="GI4001" s="91"/>
      <c r="GJ4001" s="91"/>
      <c r="GK4001" s="127"/>
      <c r="GL4001" s="126"/>
      <c r="GM4001" s="91"/>
      <c r="GN4001" s="91"/>
      <c r="GO4001" s="91"/>
      <c r="GP4001" s="91"/>
      <c r="GQ4001" s="91"/>
      <c r="GR4001" s="91"/>
      <c r="GS4001" s="91"/>
      <c r="GT4001" s="91"/>
      <c r="GU4001" s="91"/>
      <c r="GV4001" s="91"/>
      <c r="GW4001" s="91"/>
      <c r="GX4001" s="127"/>
      <c r="GY4001" s="126"/>
      <c r="GZ4001" s="91"/>
      <c r="HA4001" s="91"/>
      <c r="HB4001" s="91"/>
      <c r="HC4001" s="91"/>
      <c r="HD4001" s="91"/>
      <c r="HE4001" s="91"/>
      <c r="HF4001" s="91"/>
      <c r="HG4001" s="91"/>
      <c r="HH4001" s="91"/>
      <c r="HI4001" s="91"/>
      <c r="HJ4001" s="91"/>
      <c r="HK4001" s="127"/>
      <c r="HL4001" s="126"/>
      <c r="HM4001" s="91"/>
      <c r="HN4001" s="91"/>
      <c r="HO4001" s="91"/>
      <c r="HP4001" s="91"/>
      <c r="HQ4001" s="91"/>
      <c r="HR4001" s="91"/>
      <c r="HS4001" s="91"/>
      <c r="HT4001" s="91"/>
      <c r="HU4001" s="91"/>
      <c r="HV4001" s="91"/>
      <c r="HW4001" s="91"/>
      <c r="HX4001" s="127"/>
      <c r="HY4001" s="126"/>
      <c r="HZ4001" s="91"/>
      <c r="IA4001" s="91"/>
      <c r="IB4001" s="91"/>
      <c r="IC4001" s="91"/>
      <c r="ID4001" s="91"/>
      <c r="IE4001" s="91"/>
      <c r="IF4001" s="91"/>
      <c r="IG4001" s="91"/>
      <c r="IH4001" s="91"/>
      <c r="II4001" s="91"/>
      <c r="IJ4001" s="91"/>
      <c r="IK4001" s="174"/>
    </row>
    <row r="4002" spans="2:245" x14ac:dyDescent="0.2">
      <c r="B4002" s="43"/>
      <c r="C4002" s="73"/>
      <c r="D4002" s="64"/>
      <c r="E4002" s="64"/>
      <c r="F4002" s="55"/>
      <c r="G4002" s="102"/>
      <c r="H4002" s="97"/>
      <c r="T4002" s="98"/>
      <c r="U4002" s="97"/>
      <c r="AG4002" s="98"/>
      <c r="AY4002" s="164"/>
      <c r="BK4002" s="98"/>
      <c r="BL4002" s="97"/>
      <c r="BX4002" s="98"/>
      <c r="CL4002" s="97"/>
      <c r="CX4002" s="98"/>
      <c r="DL4002" s="97"/>
      <c r="DX4002" s="98"/>
      <c r="EL4002" s="97"/>
      <c r="EX4002" s="98"/>
      <c r="EY4002" s="97"/>
      <c r="FL4002" s="126"/>
      <c r="FM4002" s="91"/>
      <c r="FN4002" s="91"/>
      <c r="FO4002" s="91"/>
      <c r="FP4002" s="91"/>
      <c r="FQ4002" s="91"/>
      <c r="FR4002" s="91"/>
      <c r="FS4002" s="91"/>
      <c r="FT4002" s="91"/>
      <c r="FU4002" s="91"/>
      <c r="FV4002" s="91"/>
      <c r="FW4002" s="91"/>
      <c r="FX4002" s="127"/>
      <c r="FY4002" s="126"/>
      <c r="FZ4002" s="91"/>
      <c r="GA4002" s="91"/>
      <c r="GB4002" s="91"/>
      <c r="GC4002" s="91"/>
      <c r="GD4002" s="91"/>
      <c r="GE4002" s="91"/>
      <c r="GF4002" s="91"/>
      <c r="GG4002" s="91"/>
      <c r="GH4002" s="91"/>
      <c r="GI4002" s="91"/>
      <c r="GJ4002" s="91"/>
      <c r="GK4002" s="127"/>
      <c r="GL4002" s="126"/>
      <c r="GM4002" s="91"/>
      <c r="GN4002" s="91"/>
      <c r="GO4002" s="91"/>
      <c r="GP4002" s="91"/>
      <c r="GQ4002" s="91"/>
      <c r="GR4002" s="91"/>
      <c r="GS4002" s="91"/>
      <c r="GT4002" s="91"/>
      <c r="GU4002" s="91"/>
      <c r="GV4002" s="91"/>
      <c r="GW4002" s="91"/>
      <c r="GX4002" s="127"/>
      <c r="GY4002" s="126"/>
      <c r="GZ4002" s="91"/>
      <c r="HA4002" s="91"/>
      <c r="HB4002" s="91"/>
      <c r="HC4002" s="91"/>
      <c r="HD4002" s="91"/>
      <c r="HE4002" s="91"/>
      <c r="HF4002" s="91"/>
      <c r="HG4002" s="91"/>
      <c r="HH4002" s="91"/>
      <c r="HI4002" s="91"/>
      <c r="HJ4002" s="91"/>
      <c r="HK4002" s="127"/>
      <c r="HL4002" s="126"/>
      <c r="HM4002" s="91"/>
      <c r="HN4002" s="91"/>
      <c r="HO4002" s="91"/>
      <c r="HP4002" s="91"/>
      <c r="HQ4002" s="91"/>
      <c r="HR4002" s="91"/>
      <c r="HS4002" s="91"/>
      <c r="HT4002" s="91"/>
      <c r="HU4002" s="91"/>
      <c r="HV4002" s="91"/>
      <c r="HW4002" s="91"/>
      <c r="HX4002" s="127"/>
      <c r="HY4002" s="126"/>
      <c r="HZ4002" s="91"/>
      <c r="IA4002" s="91"/>
      <c r="IB4002" s="91"/>
      <c r="IC4002" s="91"/>
      <c r="ID4002" s="91"/>
      <c r="IE4002" s="91"/>
      <c r="IF4002" s="91"/>
      <c r="IG4002" s="91"/>
      <c r="IH4002" s="91"/>
      <c r="II4002" s="91"/>
      <c r="IJ4002" s="91"/>
      <c r="IK4002" s="174"/>
    </row>
    <row r="4003" spans="2:245" x14ac:dyDescent="0.2">
      <c r="B4003" s="43"/>
      <c r="C4003" s="73"/>
      <c r="D4003" s="64"/>
      <c r="E4003" s="64"/>
      <c r="F4003" s="55"/>
      <c r="G4003" s="102"/>
      <c r="H4003" s="97"/>
      <c r="T4003" s="98"/>
      <c r="U4003" s="97"/>
      <c r="AG4003" s="98"/>
      <c r="AY4003" s="164"/>
      <c r="BK4003" s="98"/>
      <c r="BL4003" s="97"/>
      <c r="BX4003" s="98"/>
      <c r="CL4003" s="97"/>
      <c r="CX4003" s="98"/>
      <c r="DL4003" s="97"/>
      <c r="DX4003" s="98"/>
      <c r="EL4003" s="97"/>
      <c r="EX4003" s="98"/>
      <c r="EY4003" s="97"/>
      <c r="FL4003" s="126"/>
      <c r="FM4003" s="91"/>
      <c r="FN4003" s="91"/>
      <c r="FO4003" s="91"/>
      <c r="FP4003" s="91"/>
      <c r="FQ4003" s="91"/>
      <c r="FR4003" s="91"/>
      <c r="FS4003" s="91"/>
      <c r="FT4003" s="91"/>
      <c r="FU4003" s="91"/>
      <c r="FV4003" s="91"/>
      <c r="FW4003" s="91"/>
      <c r="FX4003" s="127"/>
      <c r="FY4003" s="126"/>
      <c r="FZ4003" s="91"/>
      <c r="GA4003" s="91"/>
      <c r="GB4003" s="91"/>
      <c r="GC4003" s="91"/>
      <c r="GD4003" s="91"/>
      <c r="GE4003" s="91"/>
      <c r="GF4003" s="91"/>
      <c r="GG4003" s="91"/>
      <c r="GH4003" s="91"/>
      <c r="GI4003" s="91"/>
      <c r="GJ4003" s="91"/>
      <c r="GK4003" s="127"/>
      <c r="GL4003" s="126"/>
      <c r="GM4003" s="91"/>
      <c r="GN4003" s="91"/>
      <c r="GO4003" s="91"/>
      <c r="GP4003" s="91"/>
      <c r="GQ4003" s="91"/>
      <c r="GR4003" s="91"/>
      <c r="GS4003" s="91"/>
      <c r="GT4003" s="91"/>
      <c r="GU4003" s="91"/>
      <c r="GV4003" s="91"/>
      <c r="GW4003" s="91"/>
      <c r="GX4003" s="127"/>
      <c r="GY4003" s="126"/>
      <c r="GZ4003" s="91"/>
      <c r="HA4003" s="91"/>
      <c r="HB4003" s="91"/>
      <c r="HC4003" s="91"/>
      <c r="HD4003" s="91"/>
      <c r="HE4003" s="91"/>
      <c r="HF4003" s="91"/>
      <c r="HG4003" s="91"/>
      <c r="HH4003" s="91"/>
      <c r="HI4003" s="91"/>
      <c r="HJ4003" s="91"/>
      <c r="HK4003" s="127"/>
      <c r="HL4003" s="126"/>
      <c r="HM4003" s="91"/>
      <c r="HN4003" s="91"/>
      <c r="HO4003" s="91"/>
      <c r="HP4003" s="91"/>
      <c r="HQ4003" s="91"/>
      <c r="HR4003" s="91"/>
      <c r="HS4003" s="91"/>
      <c r="HT4003" s="91"/>
      <c r="HU4003" s="91"/>
      <c r="HV4003" s="91"/>
      <c r="HW4003" s="91"/>
      <c r="HX4003" s="127"/>
      <c r="HY4003" s="126"/>
      <c r="HZ4003" s="91"/>
      <c r="IA4003" s="91"/>
      <c r="IB4003" s="91"/>
      <c r="IC4003" s="91"/>
      <c r="ID4003" s="91"/>
      <c r="IE4003" s="91"/>
      <c r="IF4003" s="91"/>
      <c r="IG4003" s="91"/>
      <c r="IH4003" s="91"/>
      <c r="II4003" s="91"/>
      <c r="IJ4003" s="91"/>
      <c r="IK4003" s="174"/>
    </row>
    <row r="4004" spans="2:245" x14ac:dyDescent="0.2">
      <c r="B4004" s="43"/>
      <c r="C4004" s="73"/>
      <c r="D4004" s="64"/>
      <c r="E4004" s="64"/>
      <c r="F4004" s="55"/>
      <c r="G4004" s="102"/>
      <c r="H4004" s="97"/>
      <c r="T4004" s="98"/>
      <c r="U4004" s="97"/>
      <c r="AG4004" s="98"/>
      <c r="AY4004" s="164"/>
      <c r="BK4004" s="98"/>
      <c r="BL4004" s="97"/>
      <c r="BX4004" s="98"/>
      <c r="CL4004" s="97"/>
      <c r="CX4004" s="98"/>
      <c r="DL4004" s="97"/>
      <c r="DX4004" s="98"/>
      <c r="EL4004" s="97"/>
      <c r="EX4004" s="98"/>
      <c r="EY4004" s="97"/>
      <c r="FL4004" s="126"/>
      <c r="FM4004" s="91"/>
      <c r="FN4004" s="91"/>
      <c r="FO4004" s="91"/>
      <c r="FP4004" s="91"/>
      <c r="FQ4004" s="91"/>
      <c r="FR4004" s="91"/>
      <c r="FS4004" s="91"/>
      <c r="FT4004" s="91"/>
      <c r="FU4004" s="91"/>
      <c r="FV4004" s="91"/>
      <c r="FW4004" s="91"/>
      <c r="FX4004" s="127"/>
      <c r="FY4004" s="126"/>
      <c r="FZ4004" s="91"/>
      <c r="GA4004" s="91"/>
      <c r="GB4004" s="91"/>
      <c r="GC4004" s="91"/>
      <c r="GD4004" s="91"/>
      <c r="GE4004" s="91"/>
      <c r="GF4004" s="91"/>
      <c r="GG4004" s="91"/>
      <c r="GH4004" s="91"/>
      <c r="GI4004" s="91"/>
      <c r="GJ4004" s="91"/>
      <c r="GK4004" s="127"/>
      <c r="GL4004" s="126"/>
      <c r="GM4004" s="91"/>
      <c r="GN4004" s="91"/>
      <c r="GO4004" s="91"/>
      <c r="GP4004" s="91"/>
      <c r="GQ4004" s="91"/>
      <c r="GR4004" s="91"/>
      <c r="GS4004" s="91"/>
      <c r="GT4004" s="91"/>
      <c r="GU4004" s="91"/>
      <c r="GV4004" s="91"/>
      <c r="GW4004" s="91"/>
      <c r="GX4004" s="127"/>
      <c r="GY4004" s="126"/>
      <c r="GZ4004" s="91"/>
      <c r="HA4004" s="91"/>
      <c r="HB4004" s="91"/>
      <c r="HC4004" s="91"/>
      <c r="HD4004" s="91"/>
      <c r="HE4004" s="91"/>
      <c r="HF4004" s="91"/>
      <c r="HG4004" s="91"/>
      <c r="HH4004" s="91"/>
      <c r="HI4004" s="91"/>
      <c r="HJ4004" s="91"/>
      <c r="HK4004" s="127"/>
      <c r="HL4004" s="126"/>
      <c r="HM4004" s="91"/>
      <c r="HN4004" s="91"/>
      <c r="HO4004" s="91"/>
      <c r="HP4004" s="91"/>
      <c r="HQ4004" s="91"/>
      <c r="HR4004" s="91"/>
      <c r="HS4004" s="91"/>
      <c r="HT4004" s="91"/>
      <c r="HU4004" s="91"/>
      <c r="HV4004" s="91"/>
      <c r="HW4004" s="91"/>
      <c r="HX4004" s="127"/>
      <c r="HY4004" s="126"/>
      <c r="HZ4004" s="91"/>
      <c r="IA4004" s="91"/>
      <c r="IB4004" s="91"/>
      <c r="IC4004" s="91"/>
      <c r="ID4004" s="91"/>
      <c r="IE4004" s="91"/>
      <c r="IF4004" s="91"/>
      <c r="IG4004" s="91"/>
      <c r="IH4004" s="91"/>
      <c r="II4004" s="91"/>
      <c r="IJ4004" s="91"/>
      <c r="IK4004" s="174"/>
    </row>
    <row r="4005" spans="2:245" x14ac:dyDescent="0.2">
      <c r="B4005" s="43"/>
      <c r="C4005" s="73"/>
      <c r="D4005" s="64"/>
      <c r="E4005" s="64"/>
      <c r="F4005" s="55"/>
      <c r="G4005" s="102"/>
      <c r="H4005" s="97"/>
      <c r="T4005" s="98"/>
      <c r="U4005" s="97"/>
      <c r="AG4005" s="98"/>
      <c r="AY4005" s="164"/>
      <c r="BK4005" s="98"/>
      <c r="BL4005" s="97"/>
      <c r="BX4005" s="98"/>
      <c r="CL4005" s="97"/>
      <c r="CX4005" s="98"/>
      <c r="DL4005" s="97"/>
      <c r="DX4005" s="98"/>
      <c r="EL4005" s="97"/>
      <c r="EX4005" s="98"/>
      <c r="EY4005" s="97"/>
      <c r="FL4005" s="126"/>
      <c r="FM4005" s="91"/>
      <c r="FN4005" s="91"/>
      <c r="FO4005" s="91"/>
      <c r="FP4005" s="91"/>
      <c r="FQ4005" s="91"/>
      <c r="FR4005" s="91"/>
      <c r="FS4005" s="91"/>
      <c r="FT4005" s="91"/>
      <c r="FU4005" s="91"/>
      <c r="FV4005" s="91"/>
      <c r="FW4005" s="91"/>
      <c r="FX4005" s="127"/>
      <c r="FY4005" s="126"/>
      <c r="FZ4005" s="91"/>
      <c r="GA4005" s="91"/>
      <c r="GB4005" s="91"/>
      <c r="GC4005" s="91"/>
      <c r="GD4005" s="91"/>
      <c r="GE4005" s="91"/>
      <c r="GF4005" s="91"/>
      <c r="GG4005" s="91"/>
      <c r="GH4005" s="91"/>
      <c r="GI4005" s="91"/>
      <c r="GJ4005" s="91"/>
      <c r="GK4005" s="127"/>
      <c r="GL4005" s="126"/>
      <c r="GM4005" s="91"/>
      <c r="GN4005" s="91"/>
      <c r="GO4005" s="91"/>
      <c r="GP4005" s="91"/>
      <c r="GQ4005" s="91"/>
      <c r="GR4005" s="91"/>
      <c r="GS4005" s="91"/>
      <c r="GT4005" s="91"/>
      <c r="GU4005" s="91"/>
      <c r="GV4005" s="91"/>
      <c r="GW4005" s="91"/>
      <c r="GX4005" s="127"/>
      <c r="GY4005" s="126"/>
      <c r="GZ4005" s="91"/>
      <c r="HA4005" s="91"/>
      <c r="HB4005" s="91"/>
      <c r="HC4005" s="91"/>
      <c r="HD4005" s="91"/>
      <c r="HE4005" s="91"/>
      <c r="HF4005" s="91"/>
      <c r="HG4005" s="91"/>
      <c r="HH4005" s="91"/>
      <c r="HI4005" s="91"/>
      <c r="HJ4005" s="91"/>
      <c r="HK4005" s="127"/>
      <c r="HL4005" s="126"/>
      <c r="HM4005" s="91"/>
      <c r="HN4005" s="91"/>
      <c r="HO4005" s="91"/>
      <c r="HP4005" s="91"/>
      <c r="HQ4005" s="91"/>
      <c r="HR4005" s="91"/>
      <c r="HS4005" s="91"/>
      <c r="HT4005" s="91"/>
      <c r="HU4005" s="91"/>
      <c r="HV4005" s="91"/>
      <c r="HW4005" s="91"/>
      <c r="HX4005" s="127"/>
      <c r="HY4005" s="126"/>
      <c r="HZ4005" s="91"/>
      <c r="IA4005" s="91"/>
      <c r="IB4005" s="91"/>
      <c r="IC4005" s="91"/>
      <c r="ID4005" s="91"/>
      <c r="IE4005" s="91"/>
      <c r="IF4005" s="91"/>
      <c r="IG4005" s="91"/>
      <c r="IH4005" s="91"/>
      <c r="II4005" s="91"/>
      <c r="IJ4005" s="91"/>
      <c r="IK4005" s="174"/>
    </row>
    <row r="4006" spans="2:245" x14ac:dyDescent="0.2">
      <c r="B4006" s="43"/>
      <c r="C4006" s="73"/>
      <c r="D4006" s="64"/>
      <c r="E4006" s="64"/>
      <c r="F4006" s="55"/>
      <c r="G4006" s="102"/>
      <c r="H4006" s="97"/>
      <c r="T4006" s="98"/>
      <c r="U4006" s="97"/>
      <c r="AG4006" s="98"/>
      <c r="AY4006" s="164"/>
      <c r="BK4006" s="98"/>
      <c r="BL4006" s="97"/>
      <c r="BX4006" s="98"/>
      <c r="CL4006" s="97"/>
      <c r="CX4006" s="98"/>
      <c r="DL4006" s="97"/>
      <c r="DX4006" s="98"/>
      <c r="EL4006" s="97"/>
      <c r="EX4006" s="98"/>
      <c r="EY4006" s="97"/>
      <c r="FL4006" s="126"/>
      <c r="FM4006" s="91"/>
      <c r="FN4006" s="91"/>
      <c r="FO4006" s="91"/>
      <c r="FP4006" s="91"/>
      <c r="FQ4006" s="91"/>
      <c r="FR4006" s="91"/>
      <c r="FS4006" s="91"/>
      <c r="FT4006" s="91"/>
      <c r="FU4006" s="91"/>
      <c r="FV4006" s="91"/>
      <c r="FW4006" s="91"/>
      <c r="FX4006" s="127"/>
      <c r="FY4006" s="126"/>
      <c r="FZ4006" s="91"/>
      <c r="GA4006" s="91"/>
      <c r="GB4006" s="91"/>
      <c r="GC4006" s="91"/>
      <c r="GD4006" s="91"/>
      <c r="GE4006" s="91"/>
      <c r="GF4006" s="91"/>
      <c r="GG4006" s="91"/>
      <c r="GH4006" s="91"/>
      <c r="GI4006" s="91"/>
      <c r="GJ4006" s="91"/>
      <c r="GK4006" s="127"/>
      <c r="GL4006" s="126"/>
      <c r="GM4006" s="91"/>
      <c r="GN4006" s="91"/>
      <c r="GO4006" s="91"/>
      <c r="GP4006" s="91"/>
      <c r="GQ4006" s="91"/>
      <c r="GR4006" s="91"/>
      <c r="GS4006" s="91"/>
      <c r="GT4006" s="91"/>
      <c r="GU4006" s="91"/>
      <c r="GV4006" s="91"/>
      <c r="GW4006" s="91"/>
      <c r="GX4006" s="127"/>
      <c r="GY4006" s="126"/>
      <c r="GZ4006" s="91"/>
      <c r="HA4006" s="91"/>
      <c r="HB4006" s="91"/>
      <c r="HC4006" s="91"/>
      <c r="HD4006" s="91"/>
      <c r="HE4006" s="91"/>
      <c r="HF4006" s="91"/>
      <c r="HG4006" s="91"/>
      <c r="HH4006" s="91"/>
      <c r="HI4006" s="91"/>
      <c r="HJ4006" s="91"/>
      <c r="HK4006" s="127"/>
      <c r="HL4006" s="126"/>
      <c r="HM4006" s="91"/>
      <c r="HN4006" s="91"/>
      <c r="HO4006" s="91"/>
      <c r="HP4006" s="91"/>
      <c r="HQ4006" s="91"/>
      <c r="HR4006" s="91"/>
      <c r="HS4006" s="91"/>
      <c r="HT4006" s="91"/>
      <c r="HU4006" s="91"/>
      <c r="HV4006" s="91"/>
      <c r="HW4006" s="91"/>
      <c r="HX4006" s="127"/>
      <c r="HY4006" s="126"/>
      <c r="HZ4006" s="91"/>
      <c r="IA4006" s="91"/>
      <c r="IB4006" s="91"/>
      <c r="IC4006" s="91"/>
      <c r="ID4006" s="91"/>
      <c r="IE4006" s="91"/>
      <c r="IF4006" s="91"/>
      <c r="IG4006" s="91"/>
      <c r="IH4006" s="91"/>
      <c r="II4006" s="91"/>
      <c r="IJ4006" s="91"/>
      <c r="IK4006" s="174"/>
    </row>
    <row r="4007" spans="2:245" x14ac:dyDescent="0.2">
      <c r="B4007" s="43"/>
      <c r="C4007" s="73"/>
      <c r="D4007" s="64"/>
      <c r="E4007" s="64"/>
      <c r="F4007" s="55"/>
      <c r="G4007" s="102"/>
      <c r="H4007" s="97"/>
      <c r="T4007" s="98"/>
      <c r="U4007" s="97"/>
      <c r="AG4007" s="98"/>
      <c r="AY4007" s="164"/>
      <c r="BK4007" s="98"/>
      <c r="BL4007" s="97"/>
      <c r="BX4007" s="98"/>
      <c r="CL4007" s="97"/>
      <c r="CX4007" s="98"/>
      <c r="DL4007" s="97"/>
      <c r="DX4007" s="98"/>
      <c r="EL4007" s="97"/>
      <c r="EX4007" s="98"/>
      <c r="EY4007" s="97"/>
      <c r="FL4007" s="126"/>
      <c r="FM4007" s="91"/>
      <c r="FN4007" s="91"/>
      <c r="FO4007" s="91"/>
      <c r="FP4007" s="91"/>
      <c r="FQ4007" s="91"/>
      <c r="FR4007" s="91"/>
      <c r="FS4007" s="91"/>
      <c r="FT4007" s="91"/>
      <c r="FU4007" s="91"/>
      <c r="FV4007" s="91"/>
      <c r="FW4007" s="91"/>
      <c r="FX4007" s="127"/>
      <c r="FY4007" s="126"/>
      <c r="FZ4007" s="91"/>
      <c r="GA4007" s="91"/>
      <c r="GB4007" s="91"/>
      <c r="GC4007" s="91"/>
      <c r="GD4007" s="91"/>
      <c r="GE4007" s="91"/>
      <c r="GF4007" s="91"/>
      <c r="GG4007" s="91"/>
      <c r="GH4007" s="91"/>
      <c r="GI4007" s="91"/>
      <c r="GJ4007" s="91"/>
      <c r="GK4007" s="127"/>
      <c r="GL4007" s="126"/>
      <c r="GM4007" s="91"/>
      <c r="GN4007" s="91"/>
      <c r="GO4007" s="91"/>
      <c r="GP4007" s="91"/>
      <c r="GQ4007" s="91"/>
      <c r="GR4007" s="91"/>
      <c r="GS4007" s="91"/>
      <c r="GT4007" s="91"/>
      <c r="GU4007" s="91"/>
      <c r="GV4007" s="91"/>
      <c r="GW4007" s="91"/>
      <c r="GX4007" s="127"/>
      <c r="GY4007" s="126"/>
      <c r="GZ4007" s="91"/>
      <c r="HA4007" s="91"/>
      <c r="HB4007" s="91"/>
      <c r="HC4007" s="91"/>
      <c r="HD4007" s="91"/>
      <c r="HE4007" s="91"/>
      <c r="HF4007" s="91"/>
      <c r="HG4007" s="91"/>
      <c r="HH4007" s="91"/>
      <c r="HI4007" s="91"/>
      <c r="HJ4007" s="91"/>
      <c r="HK4007" s="127"/>
      <c r="HL4007" s="126"/>
      <c r="HM4007" s="91"/>
      <c r="HN4007" s="91"/>
      <c r="HO4007" s="91"/>
      <c r="HP4007" s="91"/>
      <c r="HQ4007" s="91"/>
      <c r="HR4007" s="91"/>
      <c r="HS4007" s="91"/>
      <c r="HT4007" s="91"/>
      <c r="HU4007" s="91"/>
      <c r="HV4007" s="91"/>
      <c r="HW4007" s="91"/>
      <c r="HX4007" s="127"/>
      <c r="HY4007" s="126"/>
      <c r="HZ4007" s="91"/>
      <c r="IA4007" s="91"/>
      <c r="IB4007" s="91"/>
      <c r="IC4007" s="91"/>
      <c r="ID4007" s="91"/>
      <c r="IE4007" s="91"/>
      <c r="IF4007" s="91"/>
      <c r="IG4007" s="91"/>
      <c r="IH4007" s="91"/>
      <c r="II4007" s="91"/>
      <c r="IJ4007" s="91"/>
      <c r="IK4007" s="174"/>
    </row>
    <row r="4008" spans="2:245" x14ac:dyDescent="0.2">
      <c r="B4008" s="43"/>
      <c r="C4008" s="73"/>
      <c r="D4008" s="64"/>
      <c r="E4008" s="64"/>
      <c r="F4008" s="55"/>
      <c r="G4008" s="102"/>
      <c r="H4008" s="97"/>
      <c r="T4008" s="98"/>
      <c r="U4008" s="97"/>
      <c r="AG4008" s="98"/>
      <c r="AY4008" s="164"/>
      <c r="BK4008" s="98"/>
      <c r="BL4008" s="97"/>
      <c r="BX4008" s="98"/>
      <c r="CL4008" s="97"/>
      <c r="CX4008" s="98"/>
      <c r="DL4008" s="97"/>
      <c r="DX4008" s="98"/>
      <c r="EL4008" s="97"/>
      <c r="EX4008" s="98"/>
      <c r="EY4008" s="97"/>
      <c r="FL4008" s="126"/>
      <c r="FM4008" s="91"/>
      <c r="FN4008" s="91"/>
      <c r="FO4008" s="91"/>
      <c r="FP4008" s="91"/>
      <c r="FQ4008" s="91"/>
      <c r="FR4008" s="91"/>
      <c r="FS4008" s="91"/>
      <c r="FT4008" s="91"/>
      <c r="FU4008" s="91"/>
      <c r="FV4008" s="91"/>
      <c r="FW4008" s="91"/>
      <c r="FX4008" s="127"/>
      <c r="FY4008" s="126"/>
      <c r="FZ4008" s="91"/>
      <c r="GA4008" s="91"/>
      <c r="GB4008" s="91"/>
      <c r="GC4008" s="91"/>
      <c r="GD4008" s="91"/>
      <c r="GE4008" s="91"/>
      <c r="GF4008" s="91"/>
      <c r="GG4008" s="91"/>
      <c r="GH4008" s="91"/>
      <c r="GI4008" s="91"/>
      <c r="GJ4008" s="91"/>
      <c r="GK4008" s="127"/>
      <c r="GL4008" s="126"/>
      <c r="GM4008" s="91"/>
      <c r="GN4008" s="91"/>
      <c r="GO4008" s="91"/>
      <c r="GP4008" s="91"/>
      <c r="GQ4008" s="91"/>
      <c r="GR4008" s="91"/>
      <c r="GS4008" s="91"/>
      <c r="GT4008" s="91"/>
      <c r="GU4008" s="91"/>
      <c r="GV4008" s="91"/>
      <c r="GW4008" s="91"/>
      <c r="GX4008" s="127"/>
      <c r="GY4008" s="126"/>
      <c r="GZ4008" s="91"/>
      <c r="HA4008" s="91"/>
      <c r="HB4008" s="91"/>
      <c r="HC4008" s="91"/>
      <c r="HD4008" s="91"/>
      <c r="HE4008" s="91"/>
      <c r="HF4008" s="91"/>
      <c r="HG4008" s="91"/>
      <c r="HH4008" s="91"/>
      <c r="HI4008" s="91"/>
      <c r="HJ4008" s="91"/>
      <c r="HK4008" s="127"/>
      <c r="HL4008" s="126"/>
      <c r="HM4008" s="91"/>
      <c r="HN4008" s="91"/>
      <c r="HO4008" s="91"/>
      <c r="HP4008" s="91"/>
      <c r="HQ4008" s="91"/>
      <c r="HR4008" s="91"/>
      <c r="HS4008" s="91"/>
      <c r="HT4008" s="91"/>
      <c r="HU4008" s="91"/>
      <c r="HV4008" s="91"/>
      <c r="HW4008" s="91"/>
      <c r="HX4008" s="127"/>
      <c r="HY4008" s="126"/>
      <c r="HZ4008" s="91"/>
      <c r="IA4008" s="91"/>
      <c r="IB4008" s="91"/>
      <c r="IC4008" s="91"/>
      <c r="ID4008" s="91"/>
      <c r="IE4008" s="91"/>
      <c r="IF4008" s="91"/>
      <c r="IG4008" s="91"/>
      <c r="IH4008" s="91"/>
      <c r="II4008" s="91"/>
      <c r="IJ4008" s="91"/>
      <c r="IK4008" s="174"/>
    </row>
    <row r="4009" spans="2:245" x14ac:dyDescent="0.2">
      <c r="B4009" s="43"/>
      <c r="C4009" s="73"/>
      <c r="D4009" s="64"/>
      <c r="E4009" s="64"/>
      <c r="F4009" s="55"/>
      <c r="G4009" s="102"/>
      <c r="H4009" s="97"/>
      <c r="T4009" s="98"/>
      <c r="U4009" s="97"/>
      <c r="AG4009" s="98"/>
      <c r="AY4009" s="164"/>
      <c r="BK4009" s="98"/>
      <c r="BL4009" s="97"/>
      <c r="BX4009" s="98"/>
      <c r="CL4009" s="97"/>
      <c r="CX4009" s="98"/>
      <c r="DL4009" s="97"/>
      <c r="DX4009" s="98"/>
      <c r="EL4009" s="97"/>
      <c r="EX4009" s="98"/>
      <c r="EY4009" s="97"/>
      <c r="FL4009" s="126"/>
      <c r="FM4009" s="91"/>
      <c r="FN4009" s="91"/>
      <c r="FO4009" s="91"/>
      <c r="FP4009" s="91"/>
      <c r="FQ4009" s="91"/>
      <c r="FR4009" s="91"/>
      <c r="FS4009" s="91"/>
      <c r="FT4009" s="91"/>
      <c r="FU4009" s="91"/>
      <c r="FV4009" s="91"/>
      <c r="FW4009" s="91"/>
      <c r="FX4009" s="127"/>
      <c r="FY4009" s="126"/>
      <c r="FZ4009" s="91"/>
      <c r="GA4009" s="91"/>
      <c r="GB4009" s="91"/>
      <c r="GC4009" s="91"/>
      <c r="GD4009" s="91"/>
      <c r="GE4009" s="91"/>
      <c r="GF4009" s="91"/>
      <c r="GG4009" s="91"/>
      <c r="GH4009" s="91"/>
      <c r="GI4009" s="91"/>
      <c r="GJ4009" s="91"/>
      <c r="GK4009" s="127"/>
      <c r="GL4009" s="126"/>
      <c r="GM4009" s="91"/>
      <c r="GN4009" s="91"/>
      <c r="GO4009" s="91"/>
      <c r="GP4009" s="91"/>
      <c r="GQ4009" s="91"/>
      <c r="GR4009" s="91"/>
      <c r="GS4009" s="91"/>
      <c r="GT4009" s="91"/>
      <c r="GU4009" s="91"/>
      <c r="GV4009" s="91"/>
      <c r="GW4009" s="91"/>
      <c r="GX4009" s="127"/>
      <c r="GY4009" s="126"/>
      <c r="GZ4009" s="91"/>
      <c r="HA4009" s="91"/>
      <c r="HB4009" s="91"/>
      <c r="HC4009" s="91"/>
      <c r="HD4009" s="91"/>
      <c r="HE4009" s="91"/>
      <c r="HF4009" s="91"/>
      <c r="HG4009" s="91"/>
      <c r="HH4009" s="91"/>
      <c r="HI4009" s="91"/>
      <c r="HJ4009" s="91"/>
      <c r="HK4009" s="127"/>
      <c r="HL4009" s="126"/>
      <c r="HM4009" s="91"/>
      <c r="HN4009" s="91"/>
      <c r="HO4009" s="91"/>
      <c r="HP4009" s="91"/>
      <c r="HQ4009" s="91"/>
      <c r="HR4009" s="91"/>
      <c r="HS4009" s="91"/>
      <c r="HT4009" s="91"/>
      <c r="HU4009" s="91"/>
      <c r="HV4009" s="91"/>
      <c r="HW4009" s="91"/>
      <c r="HX4009" s="127"/>
      <c r="HY4009" s="126"/>
      <c r="HZ4009" s="91"/>
      <c r="IA4009" s="91"/>
      <c r="IB4009" s="91"/>
      <c r="IC4009" s="91"/>
      <c r="ID4009" s="91"/>
      <c r="IE4009" s="91"/>
      <c r="IF4009" s="91"/>
      <c r="IG4009" s="91"/>
      <c r="IH4009" s="91"/>
      <c r="II4009" s="91"/>
      <c r="IJ4009" s="91"/>
      <c r="IK4009" s="174"/>
    </row>
    <row r="4010" spans="2:245" x14ac:dyDescent="0.2">
      <c r="B4010" s="43"/>
      <c r="C4010" s="73"/>
      <c r="D4010" s="64"/>
      <c r="E4010" s="64"/>
      <c r="F4010" s="55"/>
      <c r="G4010" s="102"/>
      <c r="H4010" s="97"/>
      <c r="T4010" s="98"/>
      <c r="U4010" s="97"/>
      <c r="AG4010" s="98"/>
      <c r="AY4010" s="164"/>
      <c r="BK4010" s="98"/>
      <c r="BL4010" s="97"/>
      <c r="BX4010" s="98"/>
      <c r="CL4010" s="97"/>
      <c r="CX4010" s="98"/>
      <c r="DL4010" s="97"/>
      <c r="DX4010" s="98"/>
      <c r="EL4010" s="97"/>
      <c r="EX4010" s="98"/>
      <c r="EY4010" s="97"/>
      <c r="FL4010" s="126"/>
      <c r="FM4010" s="91"/>
      <c r="FN4010" s="91"/>
      <c r="FO4010" s="91"/>
      <c r="FP4010" s="91"/>
      <c r="FQ4010" s="91"/>
      <c r="FR4010" s="91"/>
      <c r="FS4010" s="91"/>
      <c r="FT4010" s="91"/>
      <c r="FU4010" s="91"/>
      <c r="FV4010" s="91"/>
      <c r="FW4010" s="91"/>
      <c r="FX4010" s="127"/>
      <c r="FY4010" s="126"/>
      <c r="FZ4010" s="91"/>
      <c r="GA4010" s="91"/>
      <c r="GB4010" s="91"/>
      <c r="GC4010" s="91"/>
      <c r="GD4010" s="91"/>
      <c r="GE4010" s="91"/>
      <c r="GF4010" s="91"/>
      <c r="GG4010" s="91"/>
      <c r="GH4010" s="91"/>
      <c r="GI4010" s="91"/>
      <c r="GJ4010" s="91"/>
      <c r="GK4010" s="127"/>
      <c r="GL4010" s="126"/>
      <c r="GM4010" s="91"/>
      <c r="GN4010" s="91"/>
      <c r="GO4010" s="91"/>
      <c r="GP4010" s="91"/>
      <c r="GQ4010" s="91"/>
      <c r="GR4010" s="91"/>
      <c r="GS4010" s="91"/>
      <c r="GT4010" s="91"/>
      <c r="GU4010" s="91"/>
      <c r="GV4010" s="91"/>
      <c r="GW4010" s="91"/>
      <c r="GX4010" s="127"/>
      <c r="GY4010" s="126"/>
      <c r="GZ4010" s="91"/>
      <c r="HA4010" s="91"/>
      <c r="HB4010" s="91"/>
      <c r="HC4010" s="91"/>
      <c r="HD4010" s="91"/>
      <c r="HE4010" s="91"/>
      <c r="HF4010" s="91"/>
      <c r="HG4010" s="91"/>
      <c r="HH4010" s="91"/>
      <c r="HI4010" s="91"/>
      <c r="HJ4010" s="91"/>
      <c r="HK4010" s="127"/>
      <c r="HL4010" s="126"/>
      <c r="HM4010" s="91"/>
      <c r="HN4010" s="91"/>
      <c r="HO4010" s="91"/>
      <c r="HP4010" s="91"/>
      <c r="HQ4010" s="91"/>
      <c r="HR4010" s="91"/>
      <c r="HS4010" s="91"/>
      <c r="HT4010" s="91"/>
      <c r="HU4010" s="91"/>
      <c r="HV4010" s="91"/>
      <c r="HW4010" s="91"/>
      <c r="HX4010" s="127"/>
      <c r="HY4010" s="126"/>
      <c r="HZ4010" s="91"/>
      <c r="IA4010" s="91"/>
      <c r="IB4010" s="91"/>
      <c r="IC4010" s="91"/>
      <c r="ID4010" s="91"/>
      <c r="IE4010" s="91"/>
      <c r="IF4010" s="91"/>
      <c r="IG4010" s="91"/>
      <c r="IH4010" s="91"/>
      <c r="II4010" s="91"/>
      <c r="IJ4010" s="91"/>
      <c r="IK4010" s="174"/>
    </row>
    <row r="4011" spans="2:245" x14ac:dyDescent="0.2">
      <c r="B4011" s="43"/>
      <c r="C4011" s="73"/>
      <c r="D4011" s="64"/>
      <c r="E4011" s="64"/>
      <c r="F4011" s="55"/>
      <c r="G4011" s="102"/>
      <c r="H4011" s="97"/>
      <c r="T4011" s="98"/>
      <c r="U4011" s="97"/>
      <c r="AG4011" s="98"/>
      <c r="AY4011" s="164"/>
      <c r="BK4011" s="98"/>
      <c r="BL4011" s="97"/>
      <c r="BX4011" s="98"/>
      <c r="CL4011" s="97"/>
      <c r="CX4011" s="98"/>
      <c r="DL4011" s="97"/>
      <c r="DX4011" s="98"/>
      <c r="EL4011" s="97"/>
      <c r="EX4011" s="98"/>
      <c r="EY4011" s="97"/>
      <c r="FL4011" s="126"/>
      <c r="FM4011" s="91"/>
      <c r="FN4011" s="91"/>
      <c r="FO4011" s="91"/>
      <c r="FP4011" s="91"/>
      <c r="FQ4011" s="91"/>
      <c r="FR4011" s="91"/>
      <c r="FS4011" s="91"/>
      <c r="FT4011" s="91"/>
      <c r="FU4011" s="91"/>
      <c r="FV4011" s="91"/>
      <c r="FW4011" s="91"/>
      <c r="FX4011" s="127"/>
      <c r="FY4011" s="126"/>
      <c r="FZ4011" s="91"/>
      <c r="GA4011" s="91"/>
      <c r="GB4011" s="91"/>
      <c r="GC4011" s="91"/>
      <c r="GD4011" s="91"/>
      <c r="GE4011" s="91"/>
      <c r="GF4011" s="91"/>
      <c r="GG4011" s="91"/>
      <c r="GH4011" s="91"/>
      <c r="GI4011" s="91"/>
      <c r="GJ4011" s="91"/>
      <c r="GK4011" s="127"/>
      <c r="GL4011" s="126"/>
      <c r="GM4011" s="91"/>
      <c r="GN4011" s="91"/>
      <c r="GO4011" s="91"/>
      <c r="GP4011" s="91"/>
      <c r="GQ4011" s="91"/>
      <c r="GR4011" s="91"/>
      <c r="GS4011" s="91"/>
      <c r="GT4011" s="91"/>
      <c r="GU4011" s="91"/>
      <c r="GV4011" s="91"/>
      <c r="GW4011" s="91"/>
      <c r="GX4011" s="127"/>
      <c r="GY4011" s="126"/>
      <c r="GZ4011" s="91"/>
      <c r="HA4011" s="91"/>
      <c r="HB4011" s="91"/>
      <c r="HC4011" s="91"/>
      <c r="HD4011" s="91"/>
      <c r="HE4011" s="91"/>
      <c r="HF4011" s="91"/>
      <c r="HG4011" s="91"/>
      <c r="HH4011" s="91"/>
      <c r="HI4011" s="91"/>
      <c r="HJ4011" s="91"/>
      <c r="HK4011" s="127"/>
      <c r="HL4011" s="126"/>
      <c r="HM4011" s="91"/>
      <c r="HN4011" s="91"/>
      <c r="HO4011" s="91"/>
      <c r="HP4011" s="91"/>
      <c r="HQ4011" s="91"/>
      <c r="HR4011" s="91"/>
      <c r="HS4011" s="91"/>
      <c r="HT4011" s="91"/>
      <c r="HU4011" s="91"/>
      <c r="HV4011" s="91"/>
      <c r="HW4011" s="91"/>
      <c r="HX4011" s="127"/>
      <c r="HY4011" s="126"/>
      <c r="HZ4011" s="91"/>
      <c r="IA4011" s="91"/>
      <c r="IB4011" s="91"/>
      <c r="IC4011" s="91"/>
      <c r="ID4011" s="91"/>
      <c r="IE4011" s="91"/>
      <c r="IF4011" s="91"/>
      <c r="IG4011" s="91"/>
      <c r="IH4011" s="91"/>
      <c r="II4011" s="91"/>
      <c r="IJ4011" s="91"/>
      <c r="IK4011" s="174"/>
    </row>
    <row r="4012" spans="2:245" x14ac:dyDescent="0.2">
      <c r="B4012" s="43"/>
      <c r="C4012" s="73"/>
      <c r="D4012" s="64"/>
      <c r="E4012" s="64"/>
      <c r="F4012" s="55"/>
      <c r="G4012" s="102"/>
      <c r="H4012" s="97"/>
      <c r="T4012" s="98"/>
      <c r="U4012" s="97"/>
      <c r="AG4012" s="98"/>
      <c r="AY4012" s="164"/>
      <c r="BK4012" s="98"/>
      <c r="BL4012" s="97"/>
      <c r="BX4012" s="98"/>
      <c r="CL4012" s="97"/>
      <c r="CX4012" s="98"/>
      <c r="DL4012" s="97"/>
      <c r="DX4012" s="98"/>
      <c r="EL4012" s="97"/>
      <c r="EX4012" s="98"/>
      <c r="EY4012" s="97"/>
      <c r="FL4012" s="126"/>
      <c r="FM4012" s="91"/>
      <c r="FN4012" s="91"/>
      <c r="FO4012" s="91"/>
      <c r="FP4012" s="91"/>
      <c r="FQ4012" s="91"/>
      <c r="FR4012" s="91"/>
      <c r="FS4012" s="91"/>
      <c r="FT4012" s="91"/>
      <c r="FU4012" s="91"/>
      <c r="FV4012" s="91"/>
      <c r="FW4012" s="91"/>
      <c r="FX4012" s="127"/>
      <c r="FY4012" s="126"/>
      <c r="FZ4012" s="91"/>
      <c r="GA4012" s="91"/>
      <c r="GB4012" s="91"/>
      <c r="GC4012" s="91"/>
      <c r="GD4012" s="91"/>
      <c r="GE4012" s="91"/>
      <c r="GF4012" s="91"/>
      <c r="GG4012" s="91"/>
      <c r="GH4012" s="91"/>
      <c r="GI4012" s="91"/>
      <c r="GJ4012" s="91"/>
      <c r="GK4012" s="127"/>
      <c r="GL4012" s="126"/>
      <c r="GM4012" s="91"/>
      <c r="GN4012" s="91"/>
      <c r="GO4012" s="91"/>
      <c r="GP4012" s="91"/>
      <c r="GQ4012" s="91"/>
      <c r="GR4012" s="91"/>
      <c r="GS4012" s="91"/>
      <c r="GT4012" s="91"/>
      <c r="GU4012" s="91"/>
      <c r="GV4012" s="91"/>
      <c r="GW4012" s="91"/>
      <c r="GX4012" s="127"/>
      <c r="GY4012" s="126"/>
      <c r="GZ4012" s="91"/>
      <c r="HA4012" s="91"/>
      <c r="HB4012" s="91"/>
      <c r="HC4012" s="91"/>
      <c r="HD4012" s="91"/>
      <c r="HE4012" s="91"/>
      <c r="HF4012" s="91"/>
      <c r="HG4012" s="91"/>
      <c r="HH4012" s="91"/>
      <c r="HI4012" s="91"/>
      <c r="HJ4012" s="91"/>
      <c r="HK4012" s="127"/>
      <c r="HL4012" s="126"/>
      <c r="HM4012" s="91"/>
      <c r="HN4012" s="91"/>
      <c r="HO4012" s="91"/>
      <c r="HP4012" s="91"/>
      <c r="HQ4012" s="91"/>
      <c r="HR4012" s="91"/>
      <c r="HS4012" s="91"/>
      <c r="HT4012" s="91"/>
      <c r="HU4012" s="91"/>
      <c r="HV4012" s="91"/>
      <c r="HW4012" s="91"/>
      <c r="HX4012" s="127"/>
      <c r="HY4012" s="126"/>
      <c r="HZ4012" s="91"/>
      <c r="IA4012" s="91"/>
      <c r="IB4012" s="91"/>
      <c r="IC4012" s="91"/>
      <c r="ID4012" s="91"/>
      <c r="IE4012" s="91"/>
      <c r="IF4012" s="91"/>
      <c r="IG4012" s="91"/>
      <c r="IH4012" s="91"/>
      <c r="II4012" s="91"/>
      <c r="IJ4012" s="91"/>
      <c r="IK4012" s="174"/>
    </row>
    <row r="4013" spans="2:245" x14ac:dyDescent="0.2">
      <c r="B4013" s="43"/>
      <c r="C4013" s="73"/>
      <c r="D4013" s="64"/>
      <c r="E4013" s="64"/>
      <c r="F4013" s="55"/>
      <c r="G4013" s="102"/>
      <c r="H4013" s="97"/>
      <c r="T4013" s="98"/>
      <c r="U4013" s="97"/>
      <c r="AG4013" s="98"/>
      <c r="AY4013" s="164"/>
      <c r="BK4013" s="98"/>
      <c r="BL4013" s="97"/>
      <c r="BX4013" s="98"/>
      <c r="CL4013" s="97"/>
      <c r="CX4013" s="98"/>
      <c r="DL4013" s="97"/>
      <c r="DX4013" s="98"/>
      <c r="EL4013" s="97"/>
      <c r="EX4013" s="98"/>
      <c r="EY4013" s="97"/>
      <c r="FL4013" s="126"/>
      <c r="FM4013" s="91"/>
      <c r="FN4013" s="91"/>
      <c r="FO4013" s="91"/>
      <c r="FP4013" s="91"/>
      <c r="FQ4013" s="91"/>
      <c r="FR4013" s="91"/>
      <c r="FS4013" s="91"/>
      <c r="FT4013" s="91"/>
      <c r="FU4013" s="91"/>
      <c r="FV4013" s="91"/>
      <c r="FW4013" s="91"/>
      <c r="FX4013" s="127"/>
      <c r="FY4013" s="126"/>
      <c r="FZ4013" s="91"/>
      <c r="GA4013" s="91"/>
      <c r="GB4013" s="91"/>
      <c r="GC4013" s="91"/>
      <c r="GD4013" s="91"/>
      <c r="GE4013" s="91"/>
      <c r="GF4013" s="91"/>
      <c r="GG4013" s="91"/>
      <c r="GH4013" s="91"/>
      <c r="GI4013" s="91"/>
      <c r="GJ4013" s="91"/>
      <c r="GK4013" s="127"/>
      <c r="GL4013" s="126"/>
      <c r="GM4013" s="91"/>
      <c r="GN4013" s="91"/>
      <c r="GO4013" s="91"/>
      <c r="GP4013" s="91"/>
      <c r="GQ4013" s="91"/>
      <c r="GR4013" s="91"/>
      <c r="GS4013" s="91"/>
      <c r="GT4013" s="91"/>
      <c r="GU4013" s="91"/>
      <c r="GV4013" s="91"/>
      <c r="GW4013" s="91"/>
      <c r="GX4013" s="127"/>
      <c r="GY4013" s="126"/>
      <c r="GZ4013" s="91"/>
      <c r="HA4013" s="91"/>
      <c r="HB4013" s="91"/>
      <c r="HC4013" s="91"/>
      <c r="HD4013" s="91"/>
      <c r="HE4013" s="91"/>
      <c r="HF4013" s="91"/>
      <c r="HG4013" s="91"/>
      <c r="HH4013" s="91"/>
      <c r="HI4013" s="91"/>
      <c r="HJ4013" s="91"/>
      <c r="HK4013" s="127"/>
      <c r="HL4013" s="126"/>
      <c r="HM4013" s="91"/>
      <c r="HN4013" s="91"/>
      <c r="HO4013" s="91"/>
      <c r="HP4013" s="91"/>
      <c r="HQ4013" s="91"/>
      <c r="HR4013" s="91"/>
      <c r="HS4013" s="91"/>
      <c r="HT4013" s="91"/>
      <c r="HU4013" s="91"/>
      <c r="HV4013" s="91"/>
      <c r="HW4013" s="91"/>
      <c r="HX4013" s="127"/>
      <c r="HY4013" s="126"/>
      <c r="HZ4013" s="91"/>
      <c r="IA4013" s="91"/>
      <c r="IB4013" s="91"/>
      <c r="IC4013" s="91"/>
      <c r="ID4013" s="91"/>
      <c r="IE4013" s="91"/>
      <c r="IF4013" s="91"/>
      <c r="IG4013" s="91"/>
      <c r="IH4013" s="91"/>
      <c r="II4013" s="91"/>
      <c r="IJ4013" s="91"/>
      <c r="IK4013" s="174"/>
    </row>
    <row r="4014" spans="2:245" x14ac:dyDescent="0.2">
      <c r="B4014" s="43"/>
      <c r="C4014" s="73"/>
      <c r="D4014" s="64"/>
      <c r="E4014" s="64"/>
      <c r="F4014" s="55"/>
      <c r="G4014" s="102"/>
      <c r="H4014" s="97"/>
      <c r="T4014" s="98"/>
      <c r="U4014" s="97"/>
      <c r="AG4014" s="98"/>
      <c r="AY4014" s="164"/>
      <c r="BK4014" s="98"/>
      <c r="BL4014" s="97"/>
      <c r="BX4014" s="98"/>
      <c r="CL4014" s="97"/>
      <c r="CX4014" s="98"/>
      <c r="DL4014" s="97"/>
      <c r="DX4014" s="98"/>
      <c r="EL4014" s="97"/>
      <c r="EX4014" s="98"/>
      <c r="EY4014" s="97"/>
      <c r="FL4014" s="126"/>
      <c r="FM4014" s="91"/>
      <c r="FN4014" s="91"/>
      <c r="FO4014" s="91"/>
      <c r="FP4014" s="91"/>
      <c r="FQ4014" s="91"/>
      <c r="FR4014" s="91"/>
      <c r="FS4014" s="91"/>
      <c r="FT4014" s="91"/>
      <c r="FU4014" s="91"/>
      <c r="FV4014" s="91"/>
      <c r="FW4014" s="91"/>
      <c r="FX4014" s="127"/>
      <c r="FY4014" s="126"/>
      <c r="FZ4014" s="91"/>
      <c r="GA4014" s="91"/>
      <c r="GB4014" s="91"/>
      <c r="GC4014" s="91"/>
      <c r="GD4014" s="91"/>
      <c r="GE4014" s="91"/>
      <c r="GF4014" s="91"/>
      <c r="GG4014" s="91"/>
      <c r="GH4014" s="91"/>
      <c r="GI4014" s="91"/>
      <c r="GJ4014" s="91"/>
      <c r="GK4014" s="127"/>
      <c r="GL4014" s="126"/>
      <c r="GM4014" s="91"/>
      <c r="GN4014" s="91"/>
      <c r="GO4014" s="91"/>
      <c r="GP4014" s="91"/>
      <c r="GQ4014" s="91"/>
      <c r="GR4014" s="91"/>
      <c r="GS4014" s="91"/>
      <c r="GT4014" s="91"/>
      <c r="GU4014" s="91"/>
      <c r="GV4014" s="91"/>
      <c r="GW4014" s="91"/>
      <c r="GX4014" s="127"/>
      <c r="GY4014" s="126"/>
      <c r="GZ4014" s="91"/>
      <c r="HA4014" s="91"/>
      <c r="HB4014" s="91"/>
      <c r="HC4014" s="91"/>
      <c r="HD4014" s="91"/>
      <c r="HE4014" s="91"/>
      <c r="HF4014" s="91"/>
      <c r="HG4014" s="91"/>
      <c r="HH4014" s="91"/>
      <c r="HI4014" s="91"/>
      <c r="HJ4014" s="91"/>
      <c r="HK4014" s="127"/>
      <c r="HL4014" s="126"/>
      <c r="HM4014" s="91"/>
      <c r="HN4014" s="91"/>
      <c r="HO4014" s="91"/>
      <c r="HP4014" s="91"/>
      <c r="HQ4014" s="91"/>
      <c r="HR4014" s="91"/>
      <c r="HS4014" s="91"/>
      <c r="HT4014" s="91"/>
      <c r="HU4014" s="91"/>
      <c r="HV4014" s="91"/>
      <c r="HW4014" s="91"/>
      <c r="HX4014" s="127"/>
      <c r="HY4014" s="126"/>
      <c r="HZ4014" s="91"/>
      <c r="IA4014" s="91"/>
      <c r="IB4014" s="91"/>
      <c r="IC4014" s="91"/>
      <c r="ID4014" s="91"/>
      <c r="IE4014" s="91"/>
      <c r="IF4014" s="91"/>
      <c r="IG4014" s="91"/>
      <c r="IH4014" s="91"/>
      <c r="II4014" s="91"/>
      <c r="IJ4014" s="91"/>
      <c r="IK4014" s="174"/>
    </row>
    <row r="4015" spans="2:245" x14ac:dyDescent="0.2">
      <c r="B4015" s="43"/>
      <c r="C4015" s="73"/>
      <c r="D4015" s="64"/>
      <c r="E4015" s="64"/>
      <c r="F4015" s="55"/>
      <c r="G4015" s="102"/>
      <c r="H4015" s="97"/>
      <c r="T4015" s="98"/>
      <c r="U4015" s="97"/>
      <c r="AG4015" s="98"/>
      <c r="AY4015" s="164"/>
      <c r="BK4015" s="98"/>
      <c r="BL4015" s="97"/>
      <c r="BX4015" s="98"/>
      <c r="CL4015" s="97"/>
      <c r="CX4015" s="98"/>
      <c r="DL4015" s="97"/>
      <c r="DX4015" s="98"/>
      <c r="EL4015" s="97"/>
      <c r="EX4015" s="98"/>
      <c r="EY4015" s="97"/>
      <c r="FL4015" s="126"/>
      <c r="FM4015" s="91"/>
      <c r="FN4015" s="91"/>
      <c r="FO4015" s="91"/>
      <c r="FP4015" s="91"/>
      <c r="FQ4015" s="91"/>
      <c r="FR4015" s="91"/>
      <c r="FS4015" s="91"/>
      <c r="FT4015" s="91"/>
      <c r="FU4015" s="91"/>
      <c r="FV4015" s="91"/>
      <c r="FW4015" s="91"/>
      <c r="FX4015" s="127"/>
      <c r="FY4015" s="126"/>
      <c r="FZ4015" s="91"/>
      <c r="GA4015" s="91"/>
      <c r="GB4015" s="91"/>
      <c r="GC4015" s="91"/>
      <c r="GD4015" s="91"/>
      <c r="GE4015" s="91"/>
      <c r="GF4015" s="91"/>
      <c r="GG4015" s="91"/>
      <c r="GH4015" s="91"/>
      <c r="GI4015" s="91"/>
      <c r="GJ4015" s="91"/>
      <c r="GK4015" s="127"/>
      <c r="GL4015" s="126"/>
      <c r="GM4015" s="91"/>
      <c r="GN4015" s="91"/>
      <c r="GO4015" s="91"/>
      <c r="GP4015" s="91"/>
      <c r="GQ4015" s="91"/>
      <c r="GR4015" s="91"/>
      <c r="GS4015" s="91"/>
      <c r="GT4015" s="91"/>
      <c r="GU4015" s="91"/>
      <c r="GV4015" s="91"/>
      <c r="GW4015" s="91"/>
      <c r="GX4015" s="127"/>
      <c r="GY4015" s="126"/>
      <c r="GZ4015" s="91"/>
      <c r="HA4015" s="91"/>
      <c r="HB4015" s="91"/>
      <c r="HC4015" s="91"/>
      <c r="HD4015" s="91"/>
      <c r="HE4015" s="91"/>
      <c r="HF4015" s="91"/>
      <c r="HG4015" s="91"/>
      <c r="HH4015" s="91"/>
      <c r="HI4015" s="91"/>
      <c r="HJ4015" s="91"/>
      <c r="HK4015" s="127"/>
      <c r="HL4015" s="126"/>
      <c r="HM4015" s="91"/>
      <c r="HN4015" s="91"/>
      <c r="HO4015" s="91"/>
      <c r="HP4015" s="91"/>
      <c r="HQ4015" s="91"/>
      <c r="HR4015" s="91"/>
      <c r="HS4015" s="91"/>
      <c r="HT4015" s="91"/>
      <c r="HU4015" s="91"/>
      <c r="HV4015" s="91"/>
      <c r="HW4015" s="91"/>
      <c r="HX4015" s="127"/>
      <c r="HY4015" s="126"/>
      <c r="HZ4015" s="91"/>
      <c r="IA4015" s="91"/>
      <c r="IB4015" s="91"/>
      <c r="IC4015" s="91"/>
      <c r="ID4015" s="91"/>
      <c r="IE4015" s="91"/>
      <c r="IF4015" s="91"/>
      <c r="IG4015" s="91"/>
      <c r="IH4015" s="91"/>
      <c r="II4015" s="91"/>
      <c r="IJ4015" s="91"/>
      <c r="IK4015" s="174"/>
    </row>
    <row r="4016" spans="2:245" x14ac:dyDescent="0.2">
      <c r="B4016" s="43"/>
      <c r="C4016" s="73"/>
      <c r="D4016" s="64"/>
      <c r="E4016" s="64"/>
      <c r="F4016" s="55"/>
      <c r="G4016" s="102"/>
      <c r="H4016" s="97"/>
      <c r="T4016" s="98"/>
      <c r="U4016" s="97"/>
      <c r="AG4016" s="98"/>
      <c r="AY4016" s="164"/>
      <c r="BK4016" s="98"/>
      <c r="BL4016" s="97"/>
      <c r="BX4016" s="98"/>
      <c r="CL4016" s="97"/>
      <c r="CX4016" s="98"/>
      <c r="DL4016" s="97"/>
      <c r="DX4016" s="98"/>
      <c r="EL4016" s="97"/>
      <c r="EX4016" s="98"/>
      <c r="EY4016" s="97"/>
      <c r="FL4016" s="126"/>
      <c r="FM4016" s="91"/>
      <c r="FN4016" s="91"/>
      <c r="FO4016" s="91"/>
      <c r="FP4016" s="91"/>
      <c r="FQ4016" s="91"/>
      <c r="FR4016" s="91"/>
      <c r="FS4016" s="91"/>
      <c r="FT4016" s="91"/>
      <c r="FU4016" s="91"/>
      <c r="FV4016" s="91"/>
      <c r="FW4016" s="91"/>
      <c r="FX4016" s="127"/>
      <c r="FY4016" s="126"/>
      <c r="FZ4016" s="91"/>
      <c r="GA4016" s="91"/>
      <c r="GB4016" s="91"/>
      <c r="GC4016" s="91"/>
      <c r="GD4016" s="91"/>
      <c r="GE4016" s="91"/>
      <c r="GF4016" s="91"/>
      <c r="GG4016" s="91"/>
      <c r="GH4016" s="91"/>
      <c r="GI4016" s="91"/>
      <c r="GJ4016" s="91"/>
      <c r="GK4016" s="127"/>
      <c r="GL4016" s="126"/>
      <c r="GM4016" s="91"/>
      <c r="GN4016" s="91"/>
      <c r="GO4016" s="91"/>
      <c r="GP4016" s="91"/>
      <c r="GQ4016" s="91"/>
      <c r="GR4016" s="91"/>
      <c r="GS4016" s="91"/>
      <c r="GT4016" s="91"/>
      <c r="GU4016" s="91"/>
      <c r="GV4016" s="91"/>
      <c r="GW4016" s="91"/>
      <c r="GX4016" s="127"/>
      <c r="GY4016" s="126"/>
      <c r="GZ4016" s="91"/>
      <c r="HA4016" s="91"/>
      <c r="HB4016" s="91"/>
      <c r="HC4016" s="91"/>
      <c r="HD4016" s="91"/>
      <c r="HE4016" s="91"/>
      <c r="HF4016" s="91"/>
      <c r="HG4016" s="91"/>
      <c r="HH4016" s="91"/>
      <c r="HI4016" s="91"/>
      <c r="HJ4016" s="91"/>
      <c r="HK4016" s="127"/>
      <c r="HL4016" s="126"/>
      <c r="HM4016" s="91"/>
      <c r="HN4016" s="91"/>
      <c r="HO4016" s="91"/>
      <c r="HP4016" s="91"/>
      <c r="HQ4016" s="91"/>
      <c r="HR4016" s="91"/>
      <c r="HS4016" s="91"/>
      <c r="HT4016" s="91"/>
      <c r="HU4016" s="91"/>
      <c r="HV4016" s="91"/>
      <c r="HW4016" s="91"/>
      <c r="HX4016" s="127"/>
      <c r="HY4016" s="126"/>
      <c r="HZ4016" s="91"/>
      <c r="IA4016" s="91"/>
      <c r="IB4016" s="91"/>
      <c r="IC4016" s="91"/>
      <c r="ID4016" s="91"/>
      <c r="IE4016" s="91"/>
      <c r="IF4016" s="91"/>
      <c r="IG4016" s="91"/>
      <c r="IH4016" s="91"/>
      <c r="II4016" s="91"/>
      <c r="IJ4016" s="91"/>
      <c r="IK4016" s="174"/>
    </row>
    <row r="4017" spans="2:245" x14ac:dyDescent="0.2">
      <c r="B4017" s="43"/>
      <c r="C4017" s="73"/>
      <c r="D4017" s="64"/>
      <c r="E4017" s="64"/>
      <c r="F4017" s="55"/>
      <c r="G4017" s="102"/>
      <c r="H4017" s="97"/>
      <c r="T4017" s="98"/>
      <c r="U4017" s="97"/>
      <c r="AG4017" s="98"/>
      <c r="AY4017" s="164"/>
      <c r="BK4017" s="98"/>
      <c r="BL4017" s="97"/>
      <c r="BX4017" s="98"/>
      <c r="CL4017" s="97"/>
      <c r="CX4017" s="98"/>
      <c r="DL4017" s="97"/>
      <c r="DX4017" s="98"/>
      <c r="EL4017" s="97"/>
      <c r="EX4017" s="98"/>
      <c r="EY4017" s="97"/>
      <c r="FL4017" s="126"/>
      <c r="FM4017" s="91"/>
      <c r="FN4017" s="91"/>
      <c r="FO4017" s="91"/>
      <c r="FP4017" s="91"/>
      <c r="FQ4017" s="91"/>
      <c r="FR4017" s="91"/>
      <c r="FS4017" s="91"/>
      <c r="FT4017" s="91"/>
      <c r="FU4017" s="91"/>
      <c r="FV4017" s="91"/>
      <c r="FW4017" s="91"/>
      <c r="FX4017" s="127"/>
      <c r="FY4017" s="126"/>
      <c r="FZ4017" s="91"/>
      <c r="GA4017" s="91"/>
      <c r="GB4017" s="91"/>
      <c r="GC4017" s="91"/>
      <c r="GD4017" s="91"/>
      <c r="GE4017" s="91"/>
      <c r="GF4017" s="91"/>
      <c r="GG4017" s="91"/>
      <c r="GH4017" s="91"/>
      <c r="GI4017" s="91"/>
      <c r="GJ4017" s="91"/>
      <c r="GK4017" s="127"/>
      <c r="GL4017" s="126"/>
      <c r="GM4017" s="91"/>
      <c r="GN4017" s="91"/>
      <c r="GO4017" s="91"/>
      <c r="GP4017" s="91"/>
      <c r="GQ4017" s="91"/>
      <c r="GR4017" s="91"/>
      <c r="GS4017" s="91"/>
      <c r="GT4017" s="91"/>
      <c r="GU4017" s="91"/>
      <c r="GV4017" s="91"/>
      <c r="GW4017" s="91"/>
      <c r="GX4017" s="127"/>
      <c r="GY4017" s="126"/>
      <c r="GZ4017" s="91"/>
      <c r="HA4017" s="91"/>
      <c r="HB4017" s="91"/>
      <c r="HC4017" s="91"/>
      <c r="HD4017" s="91"/>
      <c r="HE4017" s="91"/>
      <c r="HF4017" s="91"/>
      <c r="HG4017" s="91"/>
      <c r="HH4017" s="91"/>
      <c r="HI4017" s="91"/>
      <c r="HJ4017" s="91"/>
      <c r="HK4017" s="127"/>
      <c r="HL4017" s="126"/>
      <c r="HM4017" s="91"/>
      <c r="HN4017" s="91"/>
      <c r="HO4017" s="91"/>
      <c r="HP4017" s="91"/>
      <c r="HQ4017" s="91"/>
      <c r="HR4017" s="91"/>
      <c r="HS4017" s="91"/>
      <c r="HT4017" s="91"/>
      <c r="HU4017" s="91"/>
      <c r="HV4017" s="91"/>
      <c r="HW4017" s="91"/>
      <c r="HX4017" s="127"/>
      <c r="HY4017" s="126"/>
      <c r="HZ4017" s="91"/>
      <c r="IA4017" s="91"/>
      <c r="IB4017" s="91"/>
      <c r="IC4017" s="91"/>
      <c r="ID4017" s="91"/>
      <c r="IE4017" s="91"/>
      <c r="IF4017" s="91"/>
      <c r="IG4017" s="91"/>
      <c r="IH4017" s="91"/>
      <c r="II4017" s="91"/>
      <c r="IJ4017" s="91"/>
      <c r="IK4017" s="174"/>
    </row>
    <row r="4018" spans="2:245" x14ac:dyDescent="0.2">
      <c r="B4018" s="43"/>
      <c r="C4018" s="73"/>
      <c r="D4018" s="64"/>
      <c r="E4018" s="64"/>
      <c r="F4018" s="55"/>
      <c r="G4018" s="102"/>
      <c r="H4018" s="97"/>
      <c r="T4018" s="98"/>
      <c r="U4018" s="97"/>
      <c r="AG4018" s="98"/>
      <c r="AY4018" s="164"/>
      <c r="BK4018" s="98"/>
      <c r="BL4018" s="97"/>
      <c r="BX4018" s="98"/>
      <c r="CL4018" s="97"/>
      <c r="CX4018" s="98"/>
      <c r="DL4018" s="97"/>
      <c r="DX4018" s="98"/>
      <c r="EL4018" s="97"/>
      <c r="EX4018" s="98"/>
      <c r="EY4018" s="97"/>
      <c r="FL4018" s="126"/>
      <c r="FM4018" s="91"/>
      <c r="FN4018" s="91"/>
      <c r="FO4018" s="91"/>
      <c r="FP4018" s="91"/>
      <c r="FQ4018" s="91"/>
      <c r="FR4018" s="91"/>
      <c r="FS4018" s="91"/>
      <c r="FT4018" s="91"/>
      <c r="FU4018" s="91"/>
      <c r="FV4018" s="91"/>
      <c r="FW4018" s="91"/>
      <c r="FX4018" s="127"/>
      <c r="FY4018" s="126"/>
      <c r="FZ4018" s="91"/>
      <c r="GA4018" s="91"/>
      <c r="GB4018" s="91"/>
      <c r="GC4018" s="91"/>
      <c r="GD4018" s="91"/>
      <c r="GE4018" s="91"/>
      <c r="GF4018" s="91"/>
      <c r="GG4018" s="91"/>
      <c r="GH4018" s="91"/>
      <c r="GI4018" s="91"/>
      <c r="GJ4018" s="91"/>
      <c r="GK4018" s="127"/>
      <c r="GL4018" s="126"/>
      <c r="GM4018" s="91"/>
      <c r="GN4018" s="91"/>
      <c r="GO4018" s="91"/>
      <c r="GP4018" s="91"/>
      <c r="GQ4018" s="91"/>
      <c r="GR4018" s="91"/>
      <c r="GS4018" s="91"/>
      <c r="GT4018" s="91"/>
      <c r="GU4018" s="91"/>
      <c r="GV4018" s="91"/>
      <c r="GW4018" s="91"/>
      <c r="GX4018" s="127"/>
      <c r="GY4018" s="126"/>
      <c r="GZ4018" s="91"/>
      <c r="HA4018" s="91"/>
      <c r="HB4018" s="91"/>
      <c r="HC4018" s="91"/>
      <c r="HD4018" s="91"/>
      <c r="HE4018" s="91"/>
      <c r="HF4018" s="91"/>
      <c r="HG4018" s="91"/>
      <c r="HH4018" s="91"/>
      <c r="HI4018" s="91"/>
      <c r="HJ4018" s="91"/>
      <c r="HK4018" s="127"/>
      <c r="HL4018" s="126"/>
      <c r="HM4018" s="91"/>
      <c r="HN4018" s="91"/>
      <c r="HO4018" s="91"/>
      <c r="HP4018" s="91"/>
      <c r="HQ4018" s="91"/>
      <c r="HR4018" s="91"/>
      <c r="HS4018" s="91"/>
      <c r="HT4018" s="91"/>
      <c r="HU4018" s="91"/>
      <c r="HV4018" s="91"/>
      <c r="HW4018" s="91"/>
      <c r="HX4018" s="127"/>
      <c r="HY4018" s="126"/>
      <c r="HZ4018" s="91"/>
      <c r="IA4018" s="91"/>
      <c r="IB4018" s="91"/>
      <c r="IC4018" s="91"/>
      <c r="ID4018" s="91"/>
      <c r="IE4018" s="91"/>
      <c r="IF4018" s="91"/>
      <c r="IG4018" s="91"/>
      <c r="IH4018" s="91"/>
      <c r="II4018" s="91"/>
      <c r="IJ4018" s="91"/>
      <c r="IK4018" s="174"/>
    </row>
    <row r="4019" spans="2:245" x14ac:dyDescent="0.2">
      <c r="B4019" s="43"/>
      <c r="C4019" s="73"/>
      <c r="D4019" s="64"/>
      <c r="E4019" s="64"/>
      <c r="F4019" s="55"/>
      <c r="G4019" s="102"/>
      <c r="H4019" s="97"/>
      <c r="T4019" s="98"/>
      <c r="U4019" s="97"/>
      <c r="AG4019" s="98"/>
      <c r="AY4019" s="164"/>
      <c r="BK4019" s="98"/>
      <c r="BL4019" s="97"/>
      <c r="BX4019" s="98"/>
      <c r="CL4019" s="97"/>
      <c r="CX4019" s="98"/>
      <c r="DL4019" s="97"/>
      <c r="DX4019" s="98"/>
      <c r="EL4019" s="97"/>
      <c r="EX4019" s="98"/>
      <c r="EY4019" s="97"/>
      <c r="FL4019" s="126"/>
      <c r="FM4019" s="91"/>
      <c r="FN4019" s="91"/>
      <c r="FO4019" s="91"/>
      <c r="FP4019" s="91"/>
      <c r="FQ4019" s="91"/>
      <c r="FR4019" s="91"/>
      <c r="FS4019" s="91"/>
      <c r="FT4019" s="91"/>
      <c r="FU4019" s="91"/>
      <c r="FV4019" s="91"/>
      <c r="FW4019" s="91"/>
      <c r="FX4019" s="127"/>
      <c r="FY4019" s="126"/>
      <c r="FZ4019" s="91"/>
      <c r="GA4019" s="91"/>
      <c r="GB4019" s="91"/>
      <c r="GC4019" s="91"/>
      <c r="GD4019" s="91"/>
      <c r="GE4019" s="91"/>
      <c r="GF4019" s="91"/>
      <c r="GG4019" s="91"/>
      <c r="GH4019" s="91"/>
      <c r="GI4019" s="91"/>
      <c r="GJ4019" s="91"/>
      <c r="GK4019" s="127"/>
      <c r="GL4019" s="126"/>
      <c r="GM4019" s="91"/>
      <c r="GN4019" s="91"/>
      <c r="GO4019" s="91"/>
      <c r="GP4019" s="91"/>
      <c r="GQ4019" s="91"/>
      <c r="GR4019" s="91"/>
      <c r="GS4019" s="91"/>
      <c r="GT4019" s="91"/>
      <c r="GU4019" s="91"/>
      <c r="GV4019" s="91"/>
      <c r="GW4019" s="91"/>
      <c r="GX4019" s="127"/>
      <c r="GY4019" s="126"/>
      <c r="GZ4019" s="91"/>
      <c r="HA4019" s="91"/>
      <c r="HB4019" s="91"/>
      <c r="HC4019" s="91"/>
      <c r="HD4019" s="91"/>
      <c r="HE4019" s="91"/>
      <c r="HF4019" s="91"/>
      <c r="HG4019" s="91"/>
      <c r="HH4019" s="91"/>
      <c r="HI4019" s="91"/>
      <c r="HJ4019" s="91"/>
      <c r="HK4019" s="127"/>
      <c r="HL4019" s="126"/>
      <c r="HM4019" s="91"/>
      <c r="HN4019" s="91"/>
      <c r="HO4019" s="91"/>
      <c r="HP4019" s="91"/>
      <c r="HQ4019" s="91"/>
      <c r="HR4019" s="91"/>
      <c r="HS4019" s="91"/>
      <c r="HT4019" s="91"/>
      <c r="HU4019" s="91"/>
      <c r="HV4019" s="91"/>
      <c r="HW4019" s="91"/>
      <c r="HX4019" s="127"/>
      <c r="HY4019" s="126"/>
      <c r="HZ4019" s="91"/>
      <c r="IA4019" s="91"/>
      <c r="IB4019" s="91"/>
      <c r="IC4019" s="91"/>
      <c r="ID4019" s="91"/>
      <c r="IE4019" s="91"/>
      <c r="IF4019" s="91"/>
      <c r="IG4019" s="91"/>
      <c r="IH4019" s="91"/>
      <c r="II4019" s="91"/>
      <c r="IJ4019" s="91"/>
      <c r="IK4019" s="174"/>
    </row>
    <row r="4020" spans="2:245" x14ac:dyDescent="0.2">
      <c r="B4020" s="43"/>
      <c r="C4020" s="73"/>
      <c r="D4020" s="64"/>
      <c r="E4020" s="64"/>
      <c r="F4020" s="55"/>
      <c r="G4020" s="102"/>
      <c r="H4020" s="97"/>
      <c r="T4020" s="98"/>
      <c r="U4020" s="97"/>
      <c r="AG4020" s="98"/>
      <c r="AY4020" s="164"/>
      <c r="BK4020" s="98"/>
      <c r="BL4020" s="97"/>
      <c r="BX4020" s="98"/>
      <c r="CL4020" s="97"/>
      <c r="CX4020" s="98"/>
      <c r="DL4020" s="97"/>
      <c r="DX4020" s="98"/>
      <c r="EL4020" s="97"/>
      <c r="EX4020" s="98"/>
      <c r="EY4020" s="97"/>
      <c r="FL4020" s="126"/>
      <c r="FM4020" s="91"/>
      <c r="FN4020" s="91"/>
      <c r="FO4020" s="91"/>
      <c r="FP4020" s="91"/>
      <c r="FQ4020" s="91"/>
      <c r="FR4020" s="91"/>
      <c r="FS4020" s="91"/>
      <c r="FT4020" s="91"/>
      <c r="FU4020" s="91"/>
      <c r="FV4020" s="91"/>
      <c r="FW4020" s="91"/>
      <c r="FX4020" s="127"/>
      <c r="FY4020" s="126"/>
      <c r="FZ4020" s="91"/>
      <c r="GA4020" s="91"/>
      <c r="GB4020" s="91"/>
      <c r="GC4020" s="91"/>
      <c r="GD4020" s="91"/>
      <c r="GE4020" s="91"/>
      <c r="GF4020" s="91"/>
      <c r="GG4020" s="91"/>
      <c r="GH4020" s="91"/>
      <c r="GI4020" s="91"/>
      <c r="GJ4020" s="91"/>
      <c r="GK4020" s="127"/>
      <c r="GL4020" s="126"/>
      <c r="GM4020" s="91"/>
      <c r="GN4020" s="91"/>
      <c r="GO4020" s="91"/>
      <c r="GP4020" s="91"/>
      <c r="GQ4020" s="91"/>
      <c r="GR4020" s="91"/>
      <c r="GS4020" s="91"/>
      <c r="GT4020" s="91"/>
      <c r="GU4020" s="91"/>
      <c r="GV4020" s="91"/>
      <c r="GW4020" s="91"/>
      <c r="GX4020" s="127"/>
      <c r="GY4020" s="126"/>
      <c r="GZ4020" s="91"/>
      <c r="HA4020" s="91"/>
      <c r="HB4020" s="91"/>
      <c r="HC4020" s="91"/>
      <c r="HD4020" s="91"/>
      <c r="HE4020" s="91"/>
      <c r="HF4020" s="91"/>
      <c r="HG4020" s="91"/>
      <c r="HH4020" s="91"/>
      <c r="HI4020" s="91"/>
      <c r="HJ4020" s="91"/>
      <c r="HK4020" s="127"/>
      <c r="HL4020" s="126"/>
      <c r="HM4020" s="91"/>
      <c r="HN4020" s="91"/>
      <c r="HO4020" s="91"/>
      <c r="HP4020" s="91"/>
      <c r="HQ4020" s="91"/>
      <c r="HR4020" s="91"/>
      <c r="HS4020" s="91"/>
      <c r="HT4020" s="91"/>
      <c r="HU4020" s="91"/>
      <c r="HV4020" s="91"/>
      <c r="HW4020" s="91"/>
      <c r="HX4020" s="127"/>
      <c r="HY4020" s="126"/>
      <c r="HZ4020" s="91"/>
      <c r="IA4020" s="91"/>
      <c r="IB4020" s="91"/>
      <c r="IC4020" s="91"/>
      <c r="ID4020" s="91"/>
      <c r="IE4020" s="91"/>
      <c r="IF4020" s="91"/>
      <c r="IG4020" s="91"/>
      <c r="IH4020" s="91"/>
      <c r="II4020" s="91"/>
      <c r="IJ4020" s="91"/>
      <c r="IK4020" s="174"/>
    </row>
    <row r="4021" spans="2:245" x14ac:dyDescent="0.2">
      <c r="B4021" s="43"/>
      <c r="C4021" s="73"/>
      <c r="D4021" s="64"/>
      <c r="E4021" s="64"/>
      <c r="F4021" s="55"/>
      <c r="G4021" s="102"/>
      <c r="H4021" s="97"/>
      <c r="T4021" s="98"/>
      <c r="U4021" s="97"/>
      <c r="AG4021" s="98"/>
      <c r="AY4021" s="164"/>
      <c r="BK4021" s="98"/>
      <c r="BL4021" s="97"/>
      <c r="BX4021" s="98"/>
      <c r="CL4021" s="97"/>
      <c r="CX4021" s="98"/>
      <c r="DL4021" s="97"/>
      <c r="DX4021" s="98"/>
      <c r="EL4021" s="97"/>
      <c r="EX4021" s="98"/>
      <c r="EY4021" s="97"/>
      <c r="FL4021" s="126"/>
      <c r="FM4021" s="91"/>
      <c r="FN4021" s="91"/>
      <c r="FO4021" s="91"/>
      <c r="FP4021" s="91"/>
      <c r="FQ4021" s="91"/>
      <c r="FR4021" s="91"/>
      <c r="FS4021" s="91"/>
      <c r="FT4021" s="91"/>
      <c r="FU4021" s="91"/>
      <c r="FV4021" s="91"/>
      <c r="FW4021" s="91"/>
      <c r="FX4021" s="127"/>
      <c r="FY4021" s="126"/>
      <c r="FZ4021" s="91"/>
      <c r="GA4021" s="91"/>
      <c r="GB4021" s="91"/>
      <c r="GC4021" s="91"/>
      <c r="GD4021" s="91"/>
      <c r="GE4021" s="91"/>
      <c r="GF4021" s="91"/>
      <c r="GG4021" s="91"/>
      <c r="GH4021" s="91"/>
      <c r="GI4021" s="91"/>
      <c r="GJ4021" s="91"/>
      <c r="GK4021" s="127"/>
      <c r="GL4021" s="126"/>
      <c r="GM4021" s="91"/>
      <c r="GN4021" s="91"/>
      <c r="GO4021" s="91"/>
      <c r="GP4021" s="91"/>
      <c r="GQ4021" s="91"/>
      <c r="GR4021" s="91"/>
      <c r="GS4021" s="91"/>
      <c r="GT4021" s="91"/>
      <c r="GU4021" s="91"/>
      <c r="GV4021" s="91"/>
      <c r="GW4021" s="91"/>
      <c r="GX4021" s="127"/>
      <c r="GY4021" s="126"/>
      <c r="GZ4021" s="91"/>
      <c r="HA4021" s="91"/>
      <c r="HB4021" s="91"/>
      <c r="HC4021" s="91"/>
      <c r="HD4021" s="91"/>
      <c r="HE4021" s="91"/>
      <c r="HF4021" s="91"/>
      <c r="HG4021" s="91"/>
      <c r="HH4021" s="91"/>
      <c r="HI4021" s="91"/>
      <c r="HJ4021" s="91"/>
      <c r="HK4021" s="127"/>
      <c r="HL4021" s="126"/>
      <c r="HM4021" s="91"/>
      <c r="HN4021" s="91"/>
      <c r="HO4021" s="91"/>
      <c r="HP4021" s="91"/>
      <c r="HQ4021" s="91"/>
      <c r="HR4021" s="91"/>
      <c r="HS4021" s="91"/>
      <c r="HT4021" s="91"/>
      <c r="HU4021" s="91"/>
      <c r="HV4021" s="91"/>
      <c r="HW4021" s="91"/>
      <c r="HX4021" s="127"/>
      <c r="HY4021" s="126"/>
      <c r="HZ4021" s="91"/>
      <c r="IA4021" s="91"/>
      <c r="IB4021" s="91"/>
      <c r="IC4021" s="91"/>
      <c r="ID4021" s="91"/>
      <c r="IE4021" s="91"/>
      <c r="IF4021" s="91"/>
      <c r="IG4021" s="91"/>
      <c r="IH4021" s="91"/>
      <c r="II4021" s="91"/>
      <c r="IJ4021" s="91"/>
      <c r="IK4021" s="174"/>
    </row>
    <row r="4022" spans="2:245" x14ac:dyDescent="0.2">
      <c r="B4022" s="43"/>
      <c r="C4022" s="73"/>
      <c r="D4022" s="64"/>
      <c r="E4022" s="64"/>
      <c r="F4022" s="55"/>
      <c r="G4022" s="102"/>
      <c r="H4022" s="97"/>
      <c r="T4022" s="98"/>
      <c r="U4022" s="97"/>
      <c r="AG4022" s="98"/>
      <c r="AY4022" s="164"/>
      <c r="BK4022" s="98"/>
      <c r="BL4022" s="97"/>
      <c r="BX4022" s="98"/>
      <c r="CL4022" s="97"/>
      <c r="CX4022" s="98"/>
      <c r="DL4022" s="97"/>
      <c r="DX4022" s="98"/>
      <c r="EL4022" s="97"/>
      <c r="EX4022" s="98"/>
      <c r="EY4022" s="97"/>
      <c r="FL4022" s="126"/>
      <c r="FM4022" s="91"/>
      <c r="FN4022" s="91"/>
      <c r="FO4022" s="91"/>
      <c r="FP4022" s="91"/>
      <c r="FQ4022" s="91"/>
      <c r="FR4022" s="91"/>
      <c r="FS4022" s="91"/>
      <c r="FT4022" s="91"/>
      <c r="FU4022" s="91"/>
      <c r="FV4022" s="91"/>
      <c r="FW4022" s="91"/>
      <c r="FX4022" s="127"/>
      <c r="FY4022" s="126"/>
      <c r="FZ4022" s="91"/>
      <c r="GA4022" s="91"/>
      <c r="GB4022" s="91"/>
      <c r="GC4022" s="91"/>
      <c r="GD4022" s="91"/>
      <c r="GE4022" s="91"/>
      <c r="GF4022" s="91"/>
      <c r="GG4022" s="91"/>
      <c r="GH4022" s="91"/>
      <c r="GI4022" s="91"/>
      <c r="GJ4022" s="91"/>
      <c r="GK4022" s="127"/>
      <c r="GL4022" s="126"/>
      <c r="GM4022" s="91"/>
      <c r="GN4022" s="91"/>
      <c r="GO4022" s="91"/>
      <c r="GP4022" s="91"/>
      <c r="GQ4022" s="91"/>
      <c r="GR4022" s="91"/>
      <c r="GS4022" s="91"/>
      <c r="GT4022" s="91"/>
      <c r="GU4022" s="91"/>
      <c r="GV4022" s="91"/>
      <c r="GW4022" s="91"/>
      <c r="GX4022" s="127"/>
      <c r="GY4022" s="126"/>
      <c r="GZ4022" s="91"/>
      <c r="HA4022" s="91"/>
      <c r="HB4022" s="91"/>
      <c r="HC4022" s="91"/>
      <c r="HD4022" s="91"/>
      <c r="HE4022" s="91"/>
      <c r="HF4022" s="91"/>
      <c r="HG4022" s="91"/>
      <c r="HH4022" s="91"/>
      <c r="HI4022" s="91"/>
      <c r="HJ4022" s="91"/>
      <c r="HK4022" s="127"/>
      <c r="HL4022" s="126"/>
      <c r="HM4022" s="91"/>
      <c r="HN4022" s="91"/>
      <c r="HO4022" s="91"/>
      <c r="HP4022" s="91"/>
      <c r="HQ4022" s="91"/>
      <c r="HR4022" s="91"/>
      <c r="HS4022" s="91"/>
      <c r="HT4022" s="91"/>
      <c r="HU4022" s="91"/>
      <c r="HV4022" s="91"/>
      <c r="HW4022" s="91"/>
      <c r="HX4022" s="127"/>
      <c r="HY4022" s="126"/>
      <c r="HZ4022" s="91"/>
      <c r="IA4022" s="91"/>
      <c r="IB4022" s="91"/>
      <c r="IC4022" s="91"/>
      <c r="ID4022" s="91"/>
      <c r="IE4022" s="91"/>
      <c r="IF4022" s="91"/>
      <c r="IG4022" s="91"/>
      <c r="IH4022" s="91"/>
      <c r="II4022" s="91"/>
      <c r="IJ4022" s="91"/>
      <c r="IK4022" s="174"/>
    </row>
    <row r="4023" spans="2:245" x14ac:dyDescent="0.2">
      <c r="B4023" s="43"/>
      <c r="C4023" s="73"/>
      <c r="D4023" s="64"/>
      <c r="E4023" s="64"/>
      <c r="F4023" s="55"/>
      <c r="G4023" s="102"/>
      <c r="H4023" s="97"/>
      <c r="T4023" s="98"/>
      <c r="U4023" s="97"/>
      <c r="AG4023" s="98"/>
      <c r="AY4023" s="164"/>
      <c r="BK4023" s="98"/>
      <c r="BL4023" s="97"/>
      <c r="BX4023" s="98"/>
      <c r="CL4023" s="97"/>
      <c r="CX4023" s="98"/>
      <c r="DL4023" s="97"/>
      <c r="DX4023" s="98"/>
      <c r="EL4023" s="97"/>
      <c r="EX4023" s="98"/>
      <c r="EY4023" s="97"/>
      <c r="FL4023" s="126"/>
      <c r="FM4023" s="91"/>
      <c r="FN4023" s="91"/>
      <c r="FO4023" s="91"/>
      <c r="FP4023" s="91"/>
      <c r="FQ4023" s="91"/>
      <c r="FR4023" s="91"/>
      <c r="FS4023" s="91"/>
      <c r="FT4023" s="91"/>
      <c r="FU4023" s="91"/>
      <c r="FV4023" s="91"/>
      <c r="FW4023" s="91"/>
      <c r="FX4023" s="127"/>
      <c r="FY4023" s="126"/>
      <c r="FZ4023" s="91"/>
      <c r="GA4023" s="91"/>
      <c r="GB4023" s="91"/>
      <c r="GC4023" s="91"/>
      <c r="GD4023" s="91"/>
      <c r="GE4023" s="91"/>
      <c r="GF4023" s="91"/>
      <c r="GG4023" s="91"/>
      <c r="GH4023" s="91"/>
      <c r="GI4023" s="91"/>
      <c r="GJ4023" s="91"/>
      <c r="GK4023" s="127"/>
      <c r="GL4023" s="126"/>
      <c r="GM4023" s="91"/>
      <c r="GN4023" s="91"/>
      <c r="GO4023" s="91"/>
      <c r="GP4023" s="91"/>
      <c r="GQ4023" s="91"/>
      <c r="GR4023" s="91"/>
      <c r="GS4023" s="91"/>
      <c r="GT4023" s="91"/>
      <c r="GU4023" s="91"/>
      <c r="GV4023" s="91"/>
      <c r="GW4023" s="91"/>
      <c r="GX4023" s="127"/>
      <c r="GY4023" s="126"/>
      <c r="GZ4023" s="91"/>
      <c r="HA4023" s="91"/>
      <c r="HB4023" s="91"/>
      <c r="HC4023" s="91"/>
      <c r="HD4023" s="91"/>
      <c r="HE4023" s="91"/>
      <c r="HF4023" s="91"/>
      <c r="HG4023" s="91"/>
      <c r="HH4023" s="91"/>
      <c r="HI4023" s="91"/>
      <c r="HJ4023" s="91"/>
      <c r="HK4023" s="127"/>
      <c r="HL4023" s="126"/>
      <c r="HM4023" s="91"/>
      <c r="HN4023" s="91"/>
      <c r="HO4023" s="91"/>
      <c r="HP4023" s="91"/>
      <c r="HQ4023" s="91"/>
      <c r="HR4023" s="91"/>
      <c r="HS4023" s="91"/>
      <c r="HT4023" s="91"/>
      <c r="HU4023" s="91"/>
      <c r="HV4023" s="91"/>
      <c r="HW4023" s="91"/>
      <c r="HX4023" s="127"/>
      <c r="HY4023" s="126"/>
      <c r="HZ4023" s="91"/>
      <c r="IA4023" s="91"/>
      <c r="IB4023" s="91"/>
      <c r="IC4023" s="91"/>
      <c r="ID4023" s="91"/>
      <c r="IE4023" s="91"/>
      <c r="IF4023" s="91"/>
      <c r="IG4023" s="91"/>
      <c r="IH4023" s="91"/>
      <c r="II4023" s="91"/>
      <c r="IJ4023" s="91"/>
      <c r="IK4023" s="174"/>
    </row>
    <row r="4024" spans="2:245" x14ac:dyDescent="0.2">
      <c r="B4024" s="43"/>
      <c r="C4024" s="73"/>
      <c r="D4024" s="64"/>
      <c r="E4024" s="64"/>
      <c r="F4024" s="55"/>
      <c r="G4024" s="102"/>
      <c r="H4024" s="97"/>
      <c r="T4024" s="98"/>
      <c r="U4024" s="97"/>
      <c r="AG4024" s="98"/>
      <c r="AY4024" s="164"/>
      <c r="BK4024" s="98"/>
      <c r="BL4024" s="97"/>
      <c r="BX4024" s="98"/>
      <c r="CL4024" s="97"/>
      <c r="CX4024" s="98"/>
      <c r="DL4024" s="97"/>
      <c r="DX4024" s="98"/>
      <c r="EL4024" s="97"/>
      <c r="EX4024" s="98"/>
      <c r="EY4024" s="97"/>
      <c r="FL4024" s="126"/>
      <c r="FM4024" s="91"/>
      <c r="FN4024" s="91"/>
      <c r="FO4024" s="91"/>
      <c r="FP4024" s="91"/>
      <c r="FQ4024" s="91"/>
      <c r="FR4024" s="91"/>
      <c r="FS4024" s="91"/>
      <c r="FT4024" s="91"/>
      <c r="FU4024" s="91"/>
      <c r="FV4024" s="91"/>
      <c r="FW4024" s="91"/>
      <c r="FX4024" s="127"/>
      <c r="FY4024" s="126"/>
      <c r="FZ4024" s="91"/>
      <c r="GA4024" s="91"/>
      <c r="GB4024" s="91"/>
      <c r="GC4024" s="91"/>
      <c r="GD4024" s="91"/>
      <c r="GE4024" s="91"/>
      <c r="GF4024" s="91"/>
      <c r="GG4024" s="91"/>
      <c r="GH4024" s="91"/>
      <c r="GI4024" s="91"/>
      <c r="GJ4024" s="91"/>
      <c r="GK4024" s="127"/>
      <c r="GL4024" s="126"/>
      <c r="GM4024" s="91"/>
      <c r="GN4024" s="91"/>
      <c r="GO4024" s="91"/>
      <c r="GP4024" s="91"/>
      <c r="GQ4024" s="91"/>
      <c r="GR4024" s="91"/>
      <c r="GS4024" s="91"/>
      <c r="GT4024" s="91"/>
      <c r="GU4024" s="91"/>
      <c r="GV4024" s="91"/>
      <c r="GW4024" s="91"/>
      <c r="GX4024" s="127"/>
      <c r="GY4024" s="126"/>
      <c r="GZ4024" s="91"/>
      <c r="HA4024" s="91"/>
      <c r="HB4024" s="91"/>
      <c r="HC4024" s="91"/>
      <c r="HD4024" s="91"/>
      <c r="HE4024" s="91"/>
      <c r="HF4024" s="91"/>
      <c r="HG4024" s="91"/>
      <c r="HH4024" s="91"/>
      <c r="HI4024" s="91"/>
      <c r="HJ4024" s="91"/>
      <c r="HK4024" s="127"/>
      <c r="HL4024" s="126"/>
      <c r="HM4024" s="91"/>
      <c r="HN4024" s="91"/>
      <c r="HO4024" s="91"/>
      <c r="HP4024" s="91"/>
      <c r="HQ4024" s="91"/>
      <c r="HR4024" s="91"/>
      <c r="HS4024" s="91"/>
      <c r="HT4024" s="91"/>
      <c r="HU4024" s="91"/>
      <c r="HV4024" s="91"/>
      <c r="HW4024" s="91"/>
      <c r="HX4024" s="127"/>
      <c r="HY4024" s="126"/>
      <c r="HZ4024" s="91"/>
      <c r="IA4024" s="91"/>
      <c r="IB4024" s="91"/>
      <c r="IC4024" s="91"/>
      <c r="ID4024" s="91"/>
      <c r="IE4024" s="91"/>
      <c r="IF4024" s="91"/>
      <c r="IG4024" s="91"/>
      <c r="IH4024" s="91"/>
      <c r="II4024" s="91"/>
      <c r="IJ4024" s="91"/>
      <c r="IK4024" s="174"/>
    </row>
    <row r="4025" spans="2:245" x14ac:dyDescent="0.2">
      <c r="B4025" s="43"/>
      <c r="C4025" s="73"/>
      <c r="D4025" s="64"/>
      <c r="E4025" s="64"/>
      <c r="F4025" s="55"/>
      <c r="G4025" s="102"/>
      <c r="H4025" s="97"/>
      <c r="T4025" s="98"/>
      <c r="U4025" s="97"/>
      <c r="AG4025" s="98"/>
      <c r="AY4025" s="164"/>
      <c r="BK4025" s="98"/>
      <c r="BL4025" s="97"/>
      <c r="BX4025" s="98"/>
      <c r="CL4025" s="97"/>
      <c r="CX4025" s="98"/>
      <c r="DL4025" s="97"/>
      <c r="DX4025" s="98"/>
      <c r="EL4025" s="97"/>
      <c r="EX4025" s="98"/>
      <c r="EY4025" s="97"/>
      <c r="FL4025" s="126"/>
      <c r="FM4025" s="91"/>
      <c r="FN4025" s="91"/>
      <c r="FO4025" s="91"/>
      <c r="FP4025" s="91"/>
      <c r="FQ4025" s="91"/>
      <c r="FR4025" s="91"/>
      <c r="FS4025" s="91"/>
      <c r="FT4025" s="91"/>
      <c r="FU4025" s="91"/>
      <c r="FV4025" s="91"/>
      <c r="FW4025" s="91"/>
      <c r="FX4025" s="127"/>
      <c r="FY4025" s="126"/>
      <c r="FZ4025" s="91"/>
      <c r="GA4025" s="91"/>
      <c r="GB4025" s="91"/>
      <c r="GC4025" s="91"/>
      <c r="GD4025" s="91"/>
      <c r="GE4025" s="91"/>
      <c r="GF4025" s="91"/>
      <c r="GG4025" s="91"/>
      <c r="GH4025" s="91"/>
      <c r="GI4025" s="91"/>
      <c r="GJ4025" s="91"/>
      <c r="GK4025" s="127"/>
      <c r="GL4025" s="126"/>
      <c r="GM4025" s="91"/>
      <c r="GN4025" s="91"/>
      <c r="GO4025" s="91"/>
      <c r="GP4025" s="91"/>
      <c r="GQ4025" s="91"/>
      <c r="GR4025" s="91"/>
      <c r="GS4025" s="91"/>
      <c r="GT4025" s="91"/>
      <c r="GU4025" s="91"/>
      <c r="GV4025" s="91"/>
      <c r="GW4025" s="91"/>
      <c r="GX4025" s="127"/>
      <c r="GY4025" s="126"/>
      <c r="GZ4025" s="91"/>
      <c r="HA4025" s="91"/>
      <c r="HB4025" s="91"/>
      <c r="HC4025" s="91"/>
      <c r="HD4025" s="91"/>
      <c r="HE4025" s="91"/>
      <c r="HF4025" s="91"/>
      <c r="HG4025" s="91"/>
      <c r="HH4025" s="91"/>
      <c r="HI4025" s="91"/>
      <c r="HJ4025" s="91"/>
      <c r="HK4025" s="127"/>
      <c r="HL4025" s="126"/>
      <c r="HM4025" s="91"/>
      <c r="HN4025" s="91"/>
      <c r="HO4025" s="91"/>
      <c r="HP4025" s="91"/>
      <c r="HQ4025" s="91"/>
      <c r="HR4025" s="91"/>
      <c r="HS4025" s="91"/>
      <c r="HT4025" s="91"/>
      <c r="HU4025" s="91"/>
      <c r="HV4025" s="91"/>
      <c r="HW4025" s="91"/>
      <c r="HX4025" s="127"/>
      <c r="HY4025" s="126"/>
      <c r="HZ4025" s="91"/>
      <c r="IA4025" s="91"/>
      <c r="IB4025" s="91"/>
      <c r="IC4025" s="91"/>
      <c r="ID4025" s="91"/>
      <c r="IE4025" s="91"/>
      <c r="IF4025" s="91"/>
      <c r="IG4025" s="91"/>
      <c r="IH4025" s="91"/>
      <c r="II4025" s="91"/>
      <c r="IJ4025" s="91"/>
      <c r="IK4025" s="174"/>
    </row>
    <row r="4026" spans="2:245" x14ac:dyDescent="0.2">
      <c r="B4026" s="43"/>
      <c r="C4026" s="73"/>
      <c r="D4026" s="64"/>
      <c r="E4026" s="64"/>
      <c r="F4026" s="55"/>
      <c r="G4026" s="102"/>
      <c r="H4026" s="97"/>
      <c r="T4026" s="98"/>
      <c r="U4026" s="97"/>
      <c r="AG4026" s="98"/>
      <c r="AY4026" s="164"/>
      <c r="BK4026" s="98"/>
      <c r="BL4026" s="97"/>
      <c r="BX4026" s="98"/>
      <c r="CL4026" s="97"/>
      <c r="CX4026" s="98"/>
      <c r="DL4026" s="97"/>
      <c r="DX4026" s="98"/>
      <c r="EL4026" s="97"/>
      <c r="EX4026" s="98"/>
      <c r="EY4026" s="97"/>
      <c r="FL4026" s="126"/>
      <c r="FM4026" s="91"/>
      <c r="FN4026" s="91"/>
      <c r="FO4026" s="91"/>
      <c r="FP4026" s="91"/>
      <c r="FQ4026" s="91"/>
      <c r="FR4026" s="91"/>
      <c r="FS4026" s="91"/>
      <c r="FT4026" s="91"/>
      <c r="FU4026" s="91"/>
      <c r="FV4026" s="91"/>
      <c r="FW4026" s="91"/>
      <c r="FX4026" s="127"/>
      <c r="FY4026" s="126"/>
      <c r="FZ4026" s="91"/>
      <c r="GA4026" s="91"/>
      <c r="GB4026" s="91"/>
      <c r="GC4026" s="91"/>
      <c r="GD4026" s="91"/>
      <c r="GE4026" s="91"/>
      <c r="GF4026" s="91"/>
      <c r="GG4026" s="91"/>
      <c r="GH4026" s="91"/>
      <c r="GI4026" s="91"/>
      <c r="GJ4026" s="91"/>
      <c r="GK4026" s="127"/>
      <c r="GL4026" s="126"/>
      <c r="GM4026" s="91"/>
      <c r="GN4026" s="91"/>
      <c r="GO4026" s="91"/>
      <c r="GP4026" s="91"/>
      <c r="GQ4026" s="91"/>
      <c r="GR4026" s="91"/>
      <c r="GS4026" s="91"/>
      <c r="GT4026" s="91"/>
      <c r="GU4026" s="91"/>
      <c r="GV4026" s="91"/>
      <c r="GW4026" s="91"/>
      <c r="GX4026" s="127"/>
      <c r="GY4026" s="126"/>
      <c r="GZ4026" s="91"/>
      <c r="HA4026" s="91"/>
      <c r="HB4026" s="91"/>
      <c r="HC4026" s="91"/>
      <c r="HD4026" s="91"/>
      <c r="HE4026" s="91"/>
      <c r="HF4026" s="91"/>
      <c r="HG4026" s="91"/>
      <c r="HH4026" s="91"/>
      <c r="HI4026" s="91"/>
      <c r="HJ4026" s="91"/>
      <c r="HK4026" s="127"/>
      <c r="HL4026" s="126"/>
      <c r="HM4026" s="91"/>
      <c r="HN4026" s="91"/>
      <c r="HO4026" s="91"/>
      <c r="HP4026" s="91"/>
      <c r="HQ4026" s="91"/>
      <c r="HR4026" s="91"/>
      <c r="HS4026" s="91"/>
      <c r="HT4026" s="91"/>
      <c r="HU4026" s="91"/>
      <c r="HV4026" s="91"/>
      <c r="HW4026" s="91"/>
      <c r="HX4026" s="127"/>
      <c r="HY4026" s="126"/>
      <c r="HZ4026" s="91"/>
      <c r="IA4026" s="91"/>
      <c r="IB4026" s="91"/>
      <c r="IC4026" s="91"/>
      <c r="ID4026" s="91"/>
      <c r="IE4026" s="91"/>
      <c r="IF4026" s="91"/>
      <c r="IG4026" s="91"/>
      <c r="IH4026" s="91"/>
      <c r="II4026" s="91"/>
      <c r="IJ4026" s="91"/>
      <c r="IK4026" s="174"/>
    </row>
    <row r="4027" spans="2:245" x14ac:dyDescent="0.2">
      <c r="B4027" s="43"/>
      <c r="C4027" s="73"/>
      <c r="D4027" s="64"/>
      <c r="E4027" s="64"/>
      <c r="F4027" s="55"/>
      <c r="G4027" s="102"/>
      <c r="H4027" s="97"/>
      <c r="T4027" s="98"/>
      <c r="U4027" s="97"/>
      <c r="AG4027" s="98"/>
      <c r="AY4027" s="164"/>
      <c r="BK4027" s="98"/>
      <c r="BL4027" s="97"/>
      <c r="BX4027" s="98"/>
      <c r="CL4027" s="97"/>
      <c r="CX4027" s="98"/>
      <c r="DL4027" s="97"/>
      <c r="DX4027" s="98"/>
      <c r="EL4027" s="97"/>
      <c r="EX4027" s="98"/>
      <c r="EY4027" s="97"/>
      <c r="FL4027" s="126"/>
      <c r="FM4027" s="91"/>
      <c r="FN4027" s="91"/>
      <c r="FO4027" s="91"/>
      <c r="FP4027" s="91"/>
      <c r="FQ4027" s="91"/>
      <c r="FR4027" s="91"/>
      <c r="FS4027" s="91"/>
      <c r="FT4027" s="91"/>
      <c r="FU4027" s="91"/>
      <c r="FV4027" s="91"/>
      <c r="FW4027" s="91"/>
      <c r="FX4027" s="127"/>
      <c r="FY4027" s="126"/>
      <c r="FZ4027" s="91"/>
      <c r="GA4027" s="91"/>
      <c r="GB4027" s="91"/>
      <c r="GC4027" s="91"/>
      <c r="GD4027" s="91"/>
      <c r="GE4027" s="91"/>
      <c r="GF4027" s="91"/>
      <c r="GG4027" s="91"/>
      <c r="GH4027" s="91"/>
      <c r="GI4027" s="91"/>
      <c r="GJ4027" s="91"/>
      <c r="GK4027" s="127"/>
      <c r="GL4027" s="126"/>
      <c r="GM4027" s="91"/>
      <c r="GN4027" s="91"/>
      <c r="GO4027" s="91"/>
      <c r="GP4027" s="91"/>
      <c r="GQ4027" s="91"/>
      <c r="GR4027" s="91"/>
      <c r="GS4027" s="91"/>
      <c r="GT4027" s="91"/>
      <c r="GU4027" s="91"/>
      <c r="GV4027" s="91"/>
      <c r="GW4027" s="91"/>
      <c r="GX4027" s="127"/>
      <c r="GY4027" s="126"/>
      <c r="GZ4027" s="91"/>
      <c r="HA4027" s="91"/>
      <c r="HB4027" s="91"/>
      <c r="HC4027" s="91"/>
      <c r="HD4027" s="91"/>
      <c r="HE4027" s="91"/>
      <c r="HF4027" s="91"/>
      <c r="HG4027" s="91"/>
      <c r="HH4027" s="91"/>
      <c r="HI4027" s="91"/>
      <c r="HJ4027" s="91"/>
      <c r="HK4027" s="127"/>
      <c r="HL4027" s="126"/>
      <c r="HM4027" s="91"/>
      <c r="HN4027" s="91"/>
      <c r="HO4027" s="91"/>
      <c r="HP4027" s="91"/>
      <c r="HQ4027" s="91"/>
      <c r="HR4027" s="91"/>
      <c r="HS4027" s="91"/>
      <c r="HT4027" s="91"/>
      <c r="HU4027" s="91"/>
      <c r="HV4027" s="91"/>
      <c r="HW4027" s="91"/>
      <c r="HX4027" s="127"/>
      <c r="HY4027" s="126"/>
      <c r="HZ4027" s="91"/>
      <c r="IA4027" s="91"/>
      <c r="IB4027" s="91"/>
      <c r="IC4027" s="91"/>
      <c r="ID4027" s="91"/>
      <c r="IE4027" s="91"/>
      <c r="IF4027" s="91"/>
      <c r="IG4027" s="91"/>
      <c r="IH4027" s="91"/>
      <c r="II4027" s="91"/>
      <c r="IJ4027" s="91"/>
      <c r="IK4027" s="174"/>
    </row>
    <row r="4028" spans="2:245" x14ac:dyDescent="0.2">
      <c r="B4028" s="43"/>
      <c r="C4028" s="73"/>
      <c r="D4028" s="64"/>
      <c r="E4028" s="64"/>
      <c r="F4028" s="55"/>
      <c r="G4028" s="102"/>
      <c r="H4028" s="97"/>
      <c r="T4028" s="98"/>
      <c r="U4028" s="97"/>
      <c r="AG4028" s="98"/>
      <c r="AY4028" s="164"/>
      <c r="BK4028" s="98"/>
      <c r="BL4028" s="97"/>
      <c r="BX4028" s="98"/>
      <c r="CL4028" s="97"/>
      <c r="CX4028" s="98"/>
      <c r="DL4028" s="97"/>
      <c r="DX4028" s="98"/>
      <c r="EL4028" s="97"/>
      <c r="EX4028" s="98"/>
      <c r="EY4028" s="97"/>
      <c r="FL4028" s="126"/>
      <c r="FM4028" s="91"/>
      <c r="FN4028" s="91"/>
      <c r="FO4028" s="91"/>
      <c r="FP4028" s="91"/>
      <c r="FQ4028" s="91"/>
      <c r="FR4028" s="91"/>
      <c r="FS4028" s="91"/>
      <c r="FT4028" s="91"/>
      <c r="FU4028" s="91"/>
      <c r="FV4028" s="91"/>
      <c r="FW4028" s="91"/>
      <c r="FX4028" s="127"/>
      <c r="FY4028" s="126"/>
      <c r="FZ4028" s="91"/>
      <c r="GA4028" s="91"/>
      <c r="GB4028" s="91"/>
      <c r="GC4028" s="91"/>
      <c r="GD4028" s="91"/>
      <c r="GE4028" s="91"/>
      <c r="GF4028" s="91"/>
      <c r="GG4028" s="91"/>
      <c r="GH4028" s="91"/>
      <c r="GI4028" s="91"/>
      <c r="GJ4028" s="91"/>
      <c r="GK4028" s="127"/>
      <c r="GL4028" s="126"/>
      <c r="GM4028" s="91"/>
      <c r="GN4028" s="91"/>
      <c r="GO4028" s="91"/>
      <c r="GP4028" s="91"/>
      <c r="GQ4028" s="91"/>
      <c r="GR4028" s="91"/>
      <c r="GS4028" s="91"/>
      <c r="GT4028" s="91"/>
      <c r="GU4028" s="91"/>
      <c r="GV4028" s="91"/>
      <c r="GW4028" s="91"/>
      <c r="GX4028" s="127"/>
      <c r="GY4028" s="126"/>
      <c r="GZ4028" s="91"/>
      <c r="HA4028" s="91"/>
      <c r="HB4028" s="91"/>
      <c r="HC4028" s="91"/>
      <c r="HD4028" s="91"/>
      <c r="HE4028" s="91"/>
      <c r="HF4028" s="91"/>
      <c r="HG4028" s="91"/>
      <c r="HH4028" s="91"/>
      <c r="HI4028" s="91"/>
      <c r="HJ4028" s="91"/>
      <c r="HK4028" s="127"/>
      <c r="HL4028" s="126"/>
      <c r="HM4028" s="91"/>
      <c r="HN4028" s="91"/>
      <c r="HO4028" s="91"/>
      <c r="HP4028" s="91"/>
      <c r="HQ4028" s="91"/>
      <c r="HR4028" s="91"/>
      <c r="HS4028" s="91"/>
      <c r="HT4028" s="91"/>
      <c r="HU4028" s="91"/>
      <c r="HV4028" s="91"/>
      <c r="HW4028" s="91"/>
      <c r="HX4028" s="127"/>
      <c r="HY4028" s="126"/>
      <c r="HZ4028" s="91"/>
      <c r="IA4028" s="91"/>
      <c r="IB4028" s="91"/>
      <c r="IC4028" s="91"/>
      <c r="ID4028" s="91"/>
      <c r="IE4028" s="91"/>
      <c r="IF4028" s="91"/>
      <c r="IG4028" s="91"/>
      <c r="IH4028" s="91"/>
      <c r="II4028" s="91"/>
      <c r="IJ4028" s="91"/>
      <c r="IK4028" s="174"/>
    </row>
    <row r="4029" spans="2:245" x14ac:dyDescent="0.2">
      <c r="B4029" s="43"/>
      <c r="C4029" s="73"/>
      <c r="D4029" s="64"/>
      <c r="E4029" s="64"/>
      <c r="F4029" s="55"/>
      <c r="G4029" s="102"/>
      <c r="H4029" s="97"/>
      <c r="T4029" s="98"/>
      <c r="U4029" s="97"/>
      <c r="AG4029" s="98"/>
      <c r="AY4029" s="164"/>
      <c r="BK4029" s="98"/>
      <c r="BL4029" s="97"/>
      <c r="BX4029" s="98"/>
      <c r="CL4029" s="97"/>
      <c r="CX4029" s="98"/>
      <c r="DL4029" s="97"/>
      <c r="DX4029" s="98"/>
      <c r="EL4029" s="97"/>
      <c r="EX4029" s="98"/>
      <c r="EY4029" s="97"/>
      <c r="FL4029" s="126"/>
      <c r="FM4029" s="91"/>
      <c r="FN4029" s="91"/>
      <c r="FO4029" s="91"/>
      <c r="FP4029" s="91"/>
      <c r="FQ4029" s="91"/>
      <c r="FR4029" s="91"/>
      <c r="FS4029" s="91"/>
      <c r="FT4029" s="91"/>
      <c r="FU4029" s="91"/>
      <c r="FV4029" s="91"/>
      <c r="FW4029" s="91"/>
      <c r="FX4029" s="127"/>
      <c r="FY4029" s="126"/>
      <c r="FZ4029" s="91"/>
      <c r="GA4029" s="91"/>
      <c r="GB4029" s="91"/>
      <c r="GC4029" s="91"/>
      <c r="GD4029" s="91"/>
      <c r="GE4029" s="91"/>
      <c r="GF4029" s="91"/>
      <c r="GG4029" s="91"/>
      <c r="GH4029" s="91"/>
      <c r="GI4029" s="91"/>
      <c r="GJ4029" s="91"/>
      <c r="GK4029" s="127"/>
      <c r="GL4029" s="126"/>
      <c r="GM4029" s="91"/>
      <c r="GN4029" s="91"/>
      <c r="GO4029" s="91"/>
      <c r="GP4029" s="91"/>
      <c r="GQ4029" s="91"/>
      <c r="GR4029" s="91"/>
      <c r="GS4029" s="91"/>
      <c r="GT4029" s="91"/>
      <c r="GU4029" s="91"/>
      <c r="GV4029" s="91"/>
      <c r="GW4029" s="91"/>
      <c r="GX4029" s="127"/>
      <c r="GY4029" s="126"/>
      <c r="GZ4029" s="91"/>
      <c r="HA4029" s="91"/>
      <c r="HB4029" s="91"/>
      <c r="HC4029" s="91"/>
      <c r="HD4029" s="91"/>
      <c r="HE4029" s="91"/>
      <c r="HF4029" s="91"/>
      <c r="HG4029" s="91"/>
      <c r="HH4029" s="91"/>
      <c r="HI4029" s="91"/>
      <c r="HJ4029" s="91"/>
      <c r="HK4029" s="127"/>
      <c r="HL4029" s="126"/>
      <c r="HM4029" s="91"/>
      <c r="HN4029" s="91"/>
      <c r="HO4029" s="91"/>
      <c r="HP4029" s="91"/>
      <c r="HQ4029" s="91"/>
      <c r="HR4029" s="91"/>
      <c r="HS4029" s="91"/>
      <c r="HT4029" s="91"/>
      <c r="HU4029" s="91"/>
      <c r="HV4029" s="91"/>
      <c r="HW4029" s="91"/>
      <c r="HX4029" s="127"/>
      <c r="HY4029" s="126"/>
      <c r="HZ4029" s="91"/>
      <c r="IA4029" s="91"/>
      <c r="IB4029" s="91"/>
      <c r="IC4029" s="91"/>
      <c r="ID4029" s="91"/>
      <c r="IE4029" s="91"/>
      <c r="IF4029" s="91"/>
      <c r="IG4029" s="91"/>
      <c r="IH4029" s="91"/>
      <c r="II4029" s="91"/>
      <c r="IJ4029" s="91"/>
      <c r="IK4029" s="174"/>
    </row>
    <row r="4030" spans="2:245" x14ac:dyDescent="0.2">
      <c r="B4030" s="43"/>
      <c r="C4030" s="73"/>
      <c r="D4030" s="64"/>
      <c r="E4030" s="64"/>
      <c r="F4030" s="55"/>
      <c r="G4030" s="102"/>
      <c r="H4030" s="97"/>
      <c r="T4030" s="98"/>
      <c r="U4030" s="97"/>
      <c r="AG4030" s="98"/>
      <c r="AY4030" s="164"/>
      <c r="BK4030" s="98"/>
      <c r="BL4030" s="97"/>
      <c r="BX4030" s="98"/>
      <c r="CL4030" s="97"/>
      <c r="CX4030" s="98"/>
      <c r="DL4030" s="97"/>
      <c r="DX4030" s="98"/>
      <c r="EL4030" s="97"/>
      <c r="EX4030" s="98"/>
      <c r="EY4030" s="97"/>
      <c r="FL4030" s="126"/>
      <c r="FM4030" s="91"/>
      <c r="FN4030" s="91"/>
      <c r="FO4030" s="91"/>
      <c r="FP4030" s="91"/>
      <c r="FQ4030" s="91"/>
      <c r="FR4030" s="91"/>
      <c r="FS4030" s="91"/>
      <c r="FT4030" s="91"/>
      <c r="FU4030" s="91"/>
      <c r="FV4030" s="91"/>
      <c r="FW4030" s="91"/>
      <c r="FX4030" s="127"/>
      <c r="FY4030" s="126"/>
      <c r="FZ4030" s="91"/>
      <c r="GA4030" s="91"/>
      <c r="GB4030" s="91"/>
      <c r="GC4030" s="91"/>
      <c r="GD4030" s="91"/>
      <c r="GE4030" s="91"/>
      <c r="GF4030" s="91"/>
      <c r="GG4030" s="91"/>
      <c r="GH4030" s="91"/>
      <c r="GI4030" s="91"/>
      <c r="GJ4030" s="91"/>
      <c r="GK4030" s="127"/>
      <c r="GL4030" s="126"/>
      <c r="GM4030" s="91"/>
      <c r="GN4030" s="91"/>
      <c r="GO4030" s="91"/>
      <c r="GP4030" s="91"/>
      <c r="GQ4030" s="91"/>
      <c r="GR4030" s="91"/>
      <c r="GS4030" s="91"/>
      <c r="GT4030" s="91"/>
      <c r="GU4030" s="91"/>
      <c r="GV4030" s="91"/>
      <c r="GW4030" s="91"/>
      <c r="GX4030" s="127"/>
      <c r="GY4030" s="126"/>
      <c r="GZ4030" s="91"/>
      <c r="HA4030" s="91"/>
      <c r="HB4030" s="91"/>
      <c r="HC4030" s="91"/>
      <c r="HD4030" s="91"/>
      <c r="HE4030" s="91"/>
      <c r="HF4030" s="91"/>
      <c r="HG4030" s="91"/>
      <c r="HH4030" s="91"/>
      <c r="HI4030" s="91"/>
      <c r="HJ4030" s="91"/>
      <c r="HK4030" s="127"/>
      <c r="HL4030" s="126"/>
      <c r="HM4030" s="91"/>
      <c r="HN4030" s="91"/>
      <c r="HO4030" s="91"/>
      <c r="HP4030" s="91"/>
      <c r="HQ4030" s="91"/>
      <c r="HR4030" s="91"/>
      <c r="HS4030" s="91"/>
      <c r="HT4030" s="91"/>
      <c r="HU4030" s="91"/>
      <c r="HV4030" s="91"/>
      <c r="HW4030" s="91"/>
      <c r="HX4030" s="127"/>
      <c r="HY4030" s="126"/>
      <c r="HZ4030" s="91"/>
      <c r="IA4030" s="91"/>
      <c r="IB4030" s="91"/>
      <c r="IC4030" s="91"/>
      <c r="ID4030" s="91"/>
      <c r="IE4030" s="91"/>
      <c r="IF4030" s="91"/>
      <c r="IG4030" s="91"/>
      <c r="IH4030" s="91"/>
      <c r="II4030" s="91"/>
      <c r="IJ4030" s="91"/>
      <c r="IK4030" s="174"/>
    </row>
    <row r="4031" spans="2:245" x14ac:dyDescent="0.2">
      <c r="B4031" s="43"/>
      <c r="C4031" s="73"/>
      <c r="D4031" s="64"/>
      <c r="E4031" s="64"/>
      <c r="F4031" s="55"/>
      <c r="G4031" s="102"/>
      <c r="H4031" s="97"/>
      <c r="T4031" s="98"/>
      <c r="U4031" s="97"/>
      <c r="AG4031" s="98"/>
      <c r="AY4031" s="164"/>
      <c r="BK4031" s="98"/>
      <c r="BL4031" s="97"/>
      <c r="BX4031" s="98"/>
      <c r="CL4031" s="97"/>
      <c r="CX4031" s="98"/>
      <c r="DL4031" s="97"/>
      <c r="DX4031" s="98"/>
      <c r="EL4031" s="97"/>
      <c r="EX4031" s="98"/>
      <c r="EY4031" s="97"/>
      <c r="FL4031" s="126"/>
      <c r="FM4031" s="91"/>
      <c r="FN4031" s="91"/>
      <c r="FO4031" s="91"/>
      <c r="FP4031" s="91"/>
      <c r="FQ4031" s="91"/>
      <c r="FR4031" s="91"/>
      <c r="FS4031" s="91"/>
      <c r="FT4031" s="91"/>
      <c r="FU4031" s="91"/>
      <c r="FV4031" s="91"/>
      <c r="FW4031" s="91"/>
      <c r="FX4031" s="127"/>
      <c r="FY4031" s="126"/>
      <c r="FZ4031" s="91"/>
      <c r="GA4031" s="91"/>
      <c r="GB4031" s="91"/>
      <c r="GC4031" s="91"/>
      <c r="GD4031" s="91"/>
      <c r="GE4031" s="91"/>
      <c r="GF4031" s="91"/>
      <c r="GG4031" s="91"/>
      <c r="GH4031" s="91"/>
      <c r="GI4031" s="91"/>
      <c r="GJ4031" s="91"/>
      <c r="GK4031" s="127"/>
      <c r="GL4031" s="126"/>
      <c r="GM4031" s="91"/>
      <c r="GN4031" s="91"/>
      <c r="GO4031" s="91"/>
      <c r="GP4031" s="91"/>
      <c r="GQ4031" s="91"/>
      <c r="GR4031" s="91"/>
      <c r="GS4031" s="91"/>
      <c r="GT4031" s="91"/>
      <c r="GU4031" s="91"/>
      <c r="GV4031" s="91"/>
      <c r="GW4031" s="91"/>
      <c r="GX4031" s="127"/>
      <c r="GY4031" s="126"/>
      <c r="GZ4031" s="91"/>
      <c r="HA4031" s="91"/>
      <c r="HB4031" s="91"/>
      <c r="HC4031" s="91"/>
      <c r="HD4031" s="91"/>
      <c r="HE4031" s="91"/>
      <c r="HF4031" s="91"/>
      <c r="HG4031" s="91"/>
      <c r="HH4031" s="91"/>
      <c r="HI4031" s="91"/>
      <c r="HJ4031" s="91"/>
      <c r="HK4031" s="127"/>
      <c r="HL4031" s="126"/>
      <c r="HM4031" s="91"/>
      <c r="HN4031" s="91"/>
      <c r="HO4031" s="91"/>
      <c r="HP4031" s="91"/>
      <c r="HQ4031" s="91"/>
      <c r="HR4031" s="91"/>
      <c r="HS4031" s="91"/>
      <c r="HT4031" s="91"/>
      <c r="HU4031" s="91"/>
      <c r="HV4031" s="91"/>
      <c r="HW4031" s="91"/>
      <c r="HX4031" s="127"/>
      <c r="HY4031" s="126"/>
      <c r="HZ4031" s="91"/>
      <c r="IA4031" s="91"/>
      <c r="IB4031" s="91"/>
      <c r="IC4031" s="91"/>
      <c r="ID4031" s="91"/>
      <c r="IE4031" s="91"/>
      <c r="IF4031" s="91"/>
      <c r="IG4031" s="91"/>
      <c r="IH4031" s="91"/>
      <c r="II4031" s="91"/>
      <c r="IJ4031" s="91"/>
      <c r="IK4031" s="174"/>
    </row>
    <row r="4032" spans="2:245" x14ac:dyDescent="0.2">
      <c r="B4032" s="43"/>
      <c r="C4032" s="73"/>
      <c r="D4032" s="64"/>
      <c r="E4032" s="64"/>
      <c r="F4032" s="55"/>
      <c r="G4032" s="102"/>
      <c r="H4032" s="97"/>
      <c r="T4032" s="98"/>
      <c r="U4032" s="97"/>
      <c r="AG4032" s="98"/>
      <c r="AY4032" s="164"/>
      <c r="BK4032" s="98"/>
      <c r="BL4032" s="97"/>
      <c r="BX4032" s="98"/>
      <c r="CL4032" s="97"/>
      <c r="CX4032" s="98"/>
      <c r="DL4032" s="97"/>
      <c r="DX4032" s="98"/>
      <c r="EL4032" s="97"/>
      <c r="EX4032" s="98"/>
      <c r="EY4032" s="97"/>
      <c r="FL4032" s="126"/>
      <c r="FM4032" s="91"/>
      <c r="FN4032" s="91"/>
      <c r="FO4032" s="91"/>
      <c r="FP4032" s="91"/>
      <c r="FQ4032" s="91"/>
      <c r="FR4032" s="91"/>
      <c r="FS4032" s="91"/>
      <c r="FT4032" s="91"/>
      <c r="FU4032" s="91"/>
      <c r="FV4032" s="91"/>
      <c r="FW4032" s="91"/>
      <c r="FX4032" s="127"/>
      <c r="FY4032" s="126"/>
      <c r="FZ4032" s="91"/>
      <c r="GA4032" s="91"/>
      <c r="GB4032" s="91"/>
      <c r="GC4032" s="91"/>
      <c r="GD4032" s="91"/>
      <c r="GE4032" s="91"/>
      <c r="GF4032" s="91"/>
      <c r="GG4032" s="91"/>
      <c r="GH4032" s="91"/>
      <c r="GI4032" s="91"/>
      <c r="GJ4032" s="91"/>
      <c r="GK4032" s="127"/>
      <c r="GL4032" s="126"/>
      <c r="GM4032" s="91"/>
      <c r="GN4032" s="91"/>
      <c r="GO4032" s="91"/>
      <c r="GP4032" s="91"/>
      <c r="GQ4032" s="91"/>
      <c r="GR4032" s="91"/>
      <c r="GS4032" s="91"/>
      <c r="GT4032" s="91"/>
      <c r="GU4032" s="91"/>
      <c r="GV4032" s="91"/>
      <c r="GW4032" s="91"/>
      <c r="GX4032" s="127"/>
      <c r="GY4032" s="126"/>
      <c r="GZ4032" s="91"/>
      <c r="HA4032" s="91"/>
      <c r="HB4032" s="91"/>
      <c r="HC4032" s="91"/>
      <c r="HD4032" s="91"/>
      <c r="HE4032" s="91"/>
      <c r="HF4032" s="91"/>
      <c r="HG4032" s="91"/>
      <c r="HH4032" s="91"/>
      <c r="HI4032" s="91"/>
      <c r="HJ4032" s="91"/>
      <c r="HK4032" s="127"/>
      <c r="HL4032" s="126"/>
      <c r="HM4032" s="91"/>
      <c r="HN4032" s="91"/>
      <c r="HO4032" s="91"/>
      <c r="HP4032" s="91"/>
      <c r="HQ4032" s="91"/>
      <c r="HR4032" s="91"/>
      <c r="HS4032" s="91"/>
      <c r="HT4032" s="91"/>
      <c r="HU4032" s="91"/>
      <c r="HV4032" s="91"/>
      <c r="HW4032" s="91"/>
      <c r="HX4032" s="127"/>
      <c r="HY4032" s="126"/>
      <c r="HZ4032" s="91"/>
      <c r="IA4032" s="91"/>
      <c r="IB4032" s="91"/>
      <c r="IC4032" s="91"/>
      <c r="ID4032" s="91"/>
      <c r="IE4032" s="91"/>
      <c r="IF4032" s="91"/>
      <c r="IG4032" s="91"/>
      <c r="IH4032" s="91"/>
      <c r="II4032" s="91"/>
      <c r="IJ4032" s="91"/>
      <c r="IK4032" s="174"/>
    </row>
    <row r="4033" spans="2:245" x14ac:dyDescent="0.2">
      <c r="B4033" s="43"/>
      <c r="C4033" s="73"/>
      <c r="D4033" s="64"/>
      <c r="E4033" s="64"/>
      <c r="F4033" s="55"/>
      <c r="G4033" s="102"/>
      <c r="H4033" s="97"/>
      <c r="T4033" s="98"/>
      <c r="U4033" s="97"/>
      <c r="AG4033" s="98"/>
      <c r="AY4033" s="164"/>
      <c r="BK4033" s="98"/>
      <c r="BL4033" s="97"/>
      <c r="BX4033" s="98"/>
      <c r="CL4033" s="97"/>
      <c r="CX4033" s="98"/>
      <c r="DL4033" s="97"/>
      <c r="DX4033" s="98"/>
      <c r="EL4033" s="97"/>
      <c r="EX4033" s="98"/>
      <c r="EY4033" s="97"/>
      <c r="FL4033" s="126"/>
      <c r="FM4033" s="91"/>
      <c r="FN4033" s="91"/>
      <c r="FO4033" s="91"/>
      <c r="FP4033" s="91"/>
      <c r="FQ4033" s="91"/>
      <c r="FR4033" s="91"/>
      <c r="FS4033" s="91"/>
      <c r="FT4033" s="91"/>
      <c r="FU4033" s="91"/>
      <c r="FV4033" s="91"/>
      <c r="FW4033" s="91"/>
      <c r="FX4033" s="127"/>
      <c r="FY4033" s="126"/>
      <c r="FZ4033" s="91"/>
      <c r="GA4033" s="91"/>
      <c r="GB4033" s="91"/>
      <c r="GC4033" s="91"/>
      <c r="GD4033" s="91"/>
      <c r="GE4033" s="91"/>
      <c r="GF4033" s="91"/>
      <c r="GG4033" s="91"/>
      <c r="GH4033" s="91"/>
      <c r="GI4033" s="91"/>
      <c r="GJ4033" s="91"/>
      <c r="GK4033" s="127"/>
      <c r="GL4033" s="126"/>
      <c r="GM4033" s="91"/>
      <c r="GN4033" s="91"/>
      <c r="GO4033" s="91"/>
      <c r="GP4033" s="91"/>
      <c r="GQ4033" s="91"/>
      <c r="GR4033" s="91"/>
      <c r="GS4033" s="91"/>
      <c r="GT4033" s="91"/>
      <c r="GU4033" s="91"/>
      <c r="GV4033" s="91"/>
      <c r="GW4033" s="91"/>
      <c r="GX4033" s="127"/>
      <c r="GY4033" s="126"/>
      <c r="GZ4033" s="91"/>
      <c r="HA4033" s="91"/>
      <c r="HB4033" s="91"/>
      <c r="HC4033" s="91"/>
      <c r="HD4033" s="91"/>
      <c r="HE4033" s="91"/>
      <c r="HF4033" s="91"/>
      <c r="HG4033" s="91"/>
      <c r="HH4033" s="91"/>
      <c r="HI4033" s="91"/>
      <c r="HJ4033" s="91"/>
      <c r="HK4033" s="127"/>
      <c r="HL4033" s="126"/>
      <c r="HM4033" s="91"/>
      <c r="HN4033" s="91"/>
      <c r="HO4033" s="91"/>
      <c r="HP4033" s="91"/>
      <c r="HQ4033" s="91"/>
      <c r="HR4033" s="91"/>
      <c r="HS4033" s="91"/>
      <c r="HT4033" s="91"/>
      <c r="HU4033" s="91"/>
      <c r="HV4033" s="91"/>
      <c r="HW4033" s="91"/>
      <c r="HX4033" s="127"/>
      <c r="HY4033" s="126"/>
      <c r="HZ4033" s="91"/>
      <c r="IA4033" s="91"/>
      <c r="IB4033" s="91"/>
      <c r="IC4033" s="91"/>
      <c r="ID4033" s="91"/>
      <c r="IE4033" s="91"/>
      <c r="IF4033" s="91"/>
      <c r="IG4033" s="91"/>
      <c r="IH4033" s="91"/>
      <c r="II4033" s="91"/>
      <c r="IJ4033" s="91"/>
      <c r="IK4033" s="174"/>
    </row>
    <row r="4034" spans="2:245" x14ac:dyDescent="0.2">
      <c r="B4034" s="43"/>
      <c r="C4034" s="73"/>
      <c r="D4034" s="64"/>
      <c r="E4034" s="64"/>
      <c r="F4034" s="55"/>
      <c r="G4034" s="102"/>
      <c r="H4034" s="97"/>
      <c r="T4034" s="98"/>
      <c r="U4034" s="97"/>
      <c r="AG4034" s="98"/>
      <c r="AY4034" s="164"/>
      <c r="BK4034" s="98"/>
      <c r="BL4034" s="97"/>
      <c r="BX4034" s="98"/>
      <c r="CL4034" s="97"/>
      <c r="CX4034" s="98"/>
      <c r="DL4034" s="97"/>
      <c r="DX4034" s="98"/>
      <c r="EL4034" s="97"/>
      <c r="EX4034" s="98"/>
      <c r="EY4034" s="97"/>
      <c r="FL4034" s="126"/>
      <c r="FM4034" s="91"/>
      <c r="FN4034" s="91"/>
      <c r="FO4034" s="91"/>
      <c r="FP4034" s="91"/>
      <c r="FQ4034" s="91"/>
      <c r="FR4034" s="91"/>
      <c r="FS4034" s="91"/>
      <c r="FT4034" s="91"/>
      <c r="FU4034" s="91"/>
      <c r="FV4034" s="91"/>
      <c r="FW4034" s="91"/>
      <c r="FX4034" s="127"/>
      <c r="FY4034" s="126"/>
      <c r="FZ4034" s="91"/>
      <c r="GA4034" s="91"/>
      <c r="GB4034" s="91"/>
      <c r="GC4034" s="91"/>
      <c r="GD4034" s="91"/>
      <c r="GE4034" s="91"/>
      <c r="GF4034" s="91"/>
      <c r="GG4034" s="91"/>
      <c r="GH4034" s="91"/>
      <c r="GI4034" s="91"/>
      <c r="GJ4034" s="91"/>
      <c r="GK4034" s="127"/>
      <c r="GL4034" s="126"/>
      <c r="GM4034" s="91"/>
      <c r="GN4034" s="91"/>
      <c r="GO4034" s="91"/>
      <c r="GP4034" s="91"/>
      <c r="GQ4034" s="91"/>
      <c r="GR4034" s="91"/>
      <c r="GS4034" s="91"/>
      <c r="GT4034" s="91"/>
      <c r="GU4034" s="91"/>
      <c r="GV4034" s="91"/>
      <c r="GW4034" s="91"/>
      <c r="GX4034" s="127"/>
      <c r="GY4034" s="126"/>
      <c r="GZ4034" s="91"/>
      <c r="HA4034" s="91"/>
      <c r="HB4034" s="91"/>
      <c r="HC4034" s="91"/>
      <c r="HD4034" s="91"/>
      <c r="HE4034" s="91"/>
      <c r="HF4034" s="91"/>
      <c r="HG4034" s="91"/>
      <c r="HH4034" s="91"/>
      <c r="HI4034" s="91"/>
      <c r="HJ4034" s="91"/>
      <c r="HK4034" s="127"/>
      <c r="HL4034" s="126"/>
      <c r="HM4034" s="91"/>
      <c r="HN4034" s="91"/>
      <c r="HO4034" s="91"/>
      <c r="HP4034" s="91"/>
      <c r="HQ4034" s="91"/>
      <c r="HR4034" s="91"/>
      <c r="HS4034" s="91"/>
      <c r="HT4034" s="91"/>
      <c r="HU4034" s="91"/>
      <c r="HV4034" s="91"/>
      <c r="HW4034" s="91"/>
      <c r="HX4034" s="127"/>
      <c r="HY4034" s="126"/>
      <c r="HZ4034" s="91"/>
      <c r="IA4034" s="91"/>
      <c r="IB4034" s="91"/>
      <c r="IC4034" s="91"/>
      <c r="ID4034" s="91"/>
      <c r="IE4034" s="91"/>
      <c r="IF4034" s="91"/>
      <c r="IG4034" s="91"/>
      <c r="IH4034" s="91"/>
      <c r="II4034" s="91"/>
      <c r="IJ4034" s="91"/>
      <c r="IK4034" s="174"/>
    </row>
    <row r="4035" spans="2:245" x14ac:dyDescent="0.2">
      <c r="B4035" s="43"/>
      <c r="C4035" s="73"/>
      <c r="D4035" s="64"/>
      <c r="E4035" s="64"/>
      <c r="F4035" s="55"/>
      <c r="G4035" s="102"/>
      <c r="H4035" s="97"/>
      <c r="T4035" s="98"/>
      <c r="U4035" s="97"/>
      <c r="AG4035" s="98"/>
      <c r="AY4035" s="164"/>
      <c r="BK4035" s="98"/>
      <c r="BL4035" s="97"/>
      <c r="BX4035" s="98"/>
      <c r="CL4035" s="97"/>
      <c r="CX4035" s="98"/>
      <c r="DL4035" s="97"/>
      <c r="DX4035" s="98"/>
      <c r="EL4035" s="97"/>
      <c r="EX4035" s="98"/>
      <c r="EY4035" s="97"/>
      <c r="FL4035" s="126"/>
      <c r="FM4035" s="91"/>
      <c r="FN4035" s="91"/>
      <c r="FO4035" s="91"/>
      <c r="FP4035" s="91"/>
      <c r="FQ4035" s="91"/>
      <c r="FR4035" s="91"/>
      <c r="FS4035" s="91"/>
      <c r="FT4035" s="91"/>
      <c r="FU4035" s="91"/>
      <c r="FV4035" s="91"/>
      <c r="FW4035" s="91"/>
      <c r="FX4035" s="127"/>
      <c r="FY4035" s="126"/>
      <c r="FZ4035" s="91"/>
      <c r="GA4035" s="91"/>
      <c r="GB4035" s="91"/>
      <c r="GC4035" s="91"/>
      <c r="GD4035" s="91"/>
      <c r="GE4035" s="91"/>
      <c r="GF4035" s="91"/>
      <c r="GG4035" s="91"/>
      <c r="GH4035" s="91"/>
      <c r="GI4035" s="91"/>
      <c r="GJ4035" s="91"/>
      <c r="GK4035" s="127"/>
      <c r="GL4035" s="126"/>
      <c r="GM4035" s="91"/>
      <c r="GN4035" s="91"/>
      <c r="GO4035" s="91"/>
      <c r="GP4035" s="91"/>
      <c r="GQ4035" s="91"/>
      <c r="GR4035" s="91"/>
      <c r="GS4035" s="91"/>
      <c r="GT4035" s="91"/>
      <c r="GU4035" s="91"/>
      <c r="GV4035" s="91"/>
      <c r="GW4035" s="91"/>
      <c r="GX4035" s="127"/>
      <c r="GY4035" s="126"/>
      <c r="GZ4035" s="91"/>
      <c r="HA4035" s="91"/>
      <c r="HB4035" s="91"/>
      <c r="HC4035" s="91"/>
      <c r="HD4035" s="91"/>
      <c r="HE4035" s="91"/>
      <c r="HF4035" s="91"/>
      <c r="HG4035" s="91"/>
      <c r="HH4035" s="91"/>
      <c r="HI4035" s="91"/>
      <c r="HJ4035" s="91"/>
      <c r="HK4035" s="127"/>
      <c r="HL4035" s="126"/>
      <c r="HM4035" s="91"/>
      <c r="HN4035" s="91"/>
      <c r="HO4035" s="91"/>
      <c r="HP4035" s="91"/>
      <c r="HQ4035" s="91"/>
      <c r="HR4035" s="91"/>
      <c r="HS4035" s="91"/>
      <c r="HT4035" s="91"/>
      <c r="HU4035" s="91"/>
      <c r="HV4035" s="91"/>
      <c r="HW4035" s="91"/>
      <c r="HX4035" s="127"/>
      <c r="HY4035" s="126"/>
      <c r="HZ4035" s="91"/>
      <c r="IA4035" s="91"/>
      <c r="IB4035" s="91"/>
      <c r="IC4035" s="91"/>
      <c r="ID4035" s="91"/>
      <c r="IE4035" s="91"/>
      <c r="IF4035" s="91"/>
      <c r="IG4035" s="91"/>
      <c r="IH4035" s="91"/>
      <c r="II4035" s="91"/>
      <c r="IJ4035" s="91"/>
      <c r="IK4035" s="174"/>
    </row>
    <row r="4036" spans="2:245" x14ac:dyDescent="0.2">
      <c r="B4036" s="43"/>
      <c r="C4036" s="73"/>
      <c r="D4036" s="64"/>
      <c r="E4036" s="64"/>
      <c r="F4036" s="55"/>
      <c r="G4036" s="102"/>
      <c r="H4036" s="97"/>
      <c r="T4036" s="98"/>
      <c r="U4036" s="97"/>
      <c r="AG4036" s="98"/>
      <c r="AY4036" s="164"/>
      <c r="BK4036" s="98"/>
      <c r="BL4036" s="97"/>
      <c r="BX4036" s="98"/>
      <c r="CL4036" s="97"/>
      <c r="CX4036" s="98"/>
      <c r="DL4036" s="97"/>
      <c r="DX4036" s="98"/>
      <c r="EL4036" s="97"/>
      <c r="EX4036" s="98"/>
      <c r="EY4036" s="97"/>
      <c r="FL4036" s="126"/>
      <c r="FM4036" s="91"/>
      <c r="FN4036" s="91"/>
      <c r="FO4036" s="91"/>
      <c r="FP4036" s="91"/>
      <c r="FQ4036" s="91"/>
      <c r="FR4036" s="91"/>
      <c r="FS4036" s="91"/>
      <c r="FT4036" s="91"/>
      <c r="FU4036" s="91"/>
      <c r="FV4036" s="91"/>
      <c r="FW4036" s="91"/>
      <c r="FX4036" s="127"/>
      <c r="FY4036" s="126"/>
      <c r="FZ4036" s="91"/>
      <c r="GA4036" s="91"/>
      <c r="GB4036" s="91"/>
      <c r="GC4036" s="91"/>
      <c r="GD4036" s="91"/>
      <c r="GE4036" s="91"/>
      <c r="GF4036" s="91"/>
      <c r="GG4036" s="91"/>
      <c r="GH4036" s="91"/>
      <c r="GI4036" s="91"/>
      <c r="GJ4036" s="91"/>
      <c r="GK4036" s="127"/>
      <c r="GL4036" s="126"/>
      <c r="GM4036" s="91"/>
      <c r="GN4036" s="91"/>
      <c r="GO4036" s="91"/>
      <c r="GP4036" s="91"/>
      <c r="GQ4036" s="91"/>
      <c r="GR4036" s="91"/>
      <c r="GS4036" s="91"/>
      <c r="GT4036" s="91"/>
      <c r="GU4036" s="91"/>
      <c r="GV4036" s="91"/>
      <c r="GW4036" s="91"/>
      <c r="GX4036" s="127"/>
      <c r="GY4036" s="126"/>
      <c r="GZ4036" s="91"/>
      <c r="HA4036" s="91"/>
      <c r="HB4036" s="91"/>
      <c r="HC4036" s="91"/>
      <c r="HD4036" s="91"/>
      <c r="HE4036" s="91"/>
      <c r="HF4036" s="91"/>
      <c r="HG4036" s="91"/>
      <c r="HH4036" s="91"/>
      <c r="HI4036" s="91"/>
      <c r="HJ4036" s="91"/>
      <c r="HK4036" s="127"/>
      <c r="HL4036" s="126"/>
      <c r="HM4036" s="91"/>
      <c r="HN4036" s="91"/>
      <c r="HO4036" s="91"/>
      <c r="HP4036" s="91"/>
      <c r="HQ4036" s="91"/>
      <c r="HR4036" s="91"/>
      <c r="HS4036" s="91"/>
      <c r="HT4036" s="91"/>
      <c r="HU4036" s="91"/>
      <c r="HV4036" s="91"/>
      <c r="HW4036" s="91"/>
      <c r="HX4036" s="127"/>
      <c r="HY4036" s="126"/>
      <c r="HZ4036" s="91"/>
      <c r="IA4036" s="91"/>
      <c r="IB4036" s="91"/>
      <c r="IC4036" s="91"/>
      <c r="ID4036" s="91"/>
      <c r="IE4036" s="91"/>
      <c r="IF4036" s="91"/>
      <c r="IG4036" s="91"/>
      <c r="IH4036" s="91"/>
      <c r="II4036" s="91"/>
      <c r="IJ4036" s="91"/>
      <c r="IK4036" s="174"/>
    </row>
    <row r="4037" spans="2:245" x14ac:dyDescent="0.2">
      <c r="B4037" s="43"/>
      <c r="C4037" s="73"/>
      <c r="D4037" s="64"/>
      <c r="E4037" s="64"/>
      <c r="F4037" s="55"/>
      <c r="G4037" s="102"/>
      <c r="H4037" s="97"/>
      <c r="T4037" s="98"/>
      <c r="U4037" s="97"/>
      <c r="AG4037" s="98"/>
      <c r="AY4037" s="164"/>
      <c r="BK4037" s="98"/>
      <c r="BL4037" s="97"/>
      <c r="BX4037" s="98"/>
      <c r="CL4037" s="97"/>
      <c r="CX4037" s="98"/>
      <c r="DL4037" s="97"/>
      <c r="DX4037" s="98"/>
      <c r="EL4037" s="97"/>
      <c r="EX4037" s="98"/>
      <c r="EY4037" s="97"/>
      <c r="FL4037" s="126"/>
      <c r="FM4037" s="91"/>
      <c r="FN4037" s="91"/>
      <c r="FO4037" s="91"/>
      <c r="FP4037" s="91"/>
      <c r="FQ4037" s="91"/>
      <c r="FR4037" s="91"/>
      <c r="FS4037" s="91"/>
      <c r="FT4037" s="91"/>
      <c r="FU4037" s="91"/>
      <c r="FV4037" s="91"/>
      <c r="FW4037" s="91"/>
      <c r="FX4037" s="127"/>
      <c r="FY4037" s="126"/>
      <c r="FZ4037" s="91"/>
      <c r="GA4037" s="91"/>
      <c r="GB4037" s="91"/>
      <c r="GC4037" s="91"/>
      <c r="GD4037" s="91"/>
      <c r="GE4037" s="91"/>
      <c r="GF4037" s="91"/>
      <c r="GG4037" s="91"/>
      <c r="GH4037" s="91"/>
      <c r="GI4037" s="91"/>
      <c r="GJ4037" s="91"/>
      <c r="GK4037" s="127"/>
      <c r="GL4037" s="126"/>
      <c r="GM4037" s="91"/>
      <c r="GN4037" s="91"/>
      <c r="GO4037" s="91"/>
      <c r="GP4037" s="91"/>
      <c r="GQ4037" s="91"/>
      <c r="GR4037" s="91"/>
      <c r="GS4037" s="91"/>
      <c r="GT4037" s="91"/>
      <c r="GU4037" s="91"/>
      <c r="GV4037" s="91"/>
      <c r="GW4037" s="91"/>
      <c r="GX4037" s="127"/>
      <c r="GY4037" s="126"/>
      <c r="GZ4037" s="91"/>
      <c r="HA4037" s="91"/>
      <c r="HB4037" s="91"/>
      <c r="HC4037" s="91"/>
      <c r="HD4037" s="91"/>
      <c r="HE4037" s="91"/>
      <c r="HF4037" s="91"/>
      <c r="HG4037" s="91"/>
      <c r="HH4037" s="91"/>
      <c r="HI4037" s="91"/>
      <c r="HJ4037" s="91"/>
      <c r="HK4037" s="127"/>
      <c r="HL4037" s="126"/>
      <c r="HM4037" s="91"/>
      <c r="HN4037" s="91"/>
      <c r="HO4037" s="91"/>
      <c r="HP4037" s="91"/>
      <c r="HQ4037" s="91"/>
      <c r="HR4037" s="91"/>
      <c r="HS4037" s="91"/>
      <c r="HT4037" s="91"/>
      <c r="HU4037" s="91"/>
      <c r="HV4037" s="91"/>
      <c r="HW4037" s="91"/>
      <c r="HX4037" s="127"/>
      <c r="HY4037" s="126"/>
      <c r="HZ4037" s="91"/>
      <c r="IA4037" s="91"/>
      <c r="IB4037" s="91"/>
      <c r="IC4037" s="91"/>
      <c r="ID4037" s="91"/>
      <c r="IE4037" s="91"/>
      <c r="IF4037" s="91"/>
      <c r="IG4037" s="91"/>
      <c r="IH4037" s="91"/>
      <c r="II4037" s="91"/>
      <c r="IJ4037" s="91"/>
      <c r="IK4037" s="174"/>
    </row>
    <row r="4038" spans="2:245" x14ac:dyDescent="0.2">
      <c r="B4038" s="43"/>
      <c r="C4038" s="73"/>
      <c r="D4038" s="64"/>
      <c r="E4038" s="64"/>
      <c r="F4038" s="55"/>
      <c r="G4038" s="102"/>
      <c r="H4038" s="97"/>
      <c r="T4038" s="98"/>
      <c r="U4038" s="97"/>
      <c r="AG4038" s="98"/>
      <c r="AY4038" s="164"/>
      <c r="BK4038" s="98"/>
      <c r="BL4038" s="97"/>
      <c r="BX4038" s="98"/>
      <c r="CL4038" s="97"/>
      <c r="CX4038" s="98"/>
      <c r="DL4038" s="97"/>
      <c r="DX4038" s="98"/>
      <c r="EL4038" s="97"/>
      <c r="EX4038" s="98"/>
      <c r="EY4038" s="97"/>
      <c r="FL4038" s="126"/>
      <c r="FM4038" s="91"/>
      <c r="FN4038" s="91"/>
      <c r="FO4038" s="91"/>
      <c r="FP4038" s="91"/>
      <c r="FQ4038" s="91"/>
      <c r="FR4038" s="91"/>
      <c r="FS4038" s="91"/>
      <c r="FT4038" s="91"/>
      <c r="FU4038" s="91"/>
      <c r="FV4038" s="91"/>
      <c r="FW4038" s="91"/>
      <c r="FX4038" s="127"/>
      <c r="FY4038" s="126"/>
      <c r="FZ4038" s="91"/>
      <c r="GA4038" s="91"/>
      <c r="GB4038" s="91"/>
      <c r="GC4038" s="91"/>
      <c r="GD4038" s="91"/>
      <c r="GE4038" s="91"/>
      <c r="GF4038" s="91"/>
      <c r="GG4038" s="91"/>
      <c r="GH4038" s="91"/>
      <c r="GI4038" s="91"/>
      <c r="GJ4038" s="91"/>
      <c r="GK4038" s="127"/>
      <c r="GL4038" s="126"/>
      <c r="GM4038" s="91"/>
      <c r="GN4038" s="91"/>
      <c r="GO4038" s="91"/>
      <c r="GP4038" s="91"/>
      <c r="GQ4038" s="91"/>
      <c r="GR4038" s="91"/>
      <c r="GS4038" s="91"/>
      <c r="GT4038" s="91"/>
      <c r="GU4038" s="91"/>
      <c r="GV4038" s="91"/>
      <c r="GW4038" s="91"/>
      <c r="GX4038" s="127"/>
      <c r="GY4038" s="126"/>
      <c r="GZ4038" s="91"/>
      <c r="HA4038" s="91"/>
      <c r="HB4038" s="91"/>
      <c r="HC4038" s="91"/>
      <c r="HD4038" s="91"/>
      <c r="HE4038" s="91"/>
      <c r="HF4038" s="91"/>
      <c r="HG4038" s="91"/>
      <c r="HH4038" s="91"/>
      <c r="HI4038" s="91"/>
      <c r="HJ4038" s="91"/>
      <c r="HK4038" s="127"/>
      <c r="HL4038" s="126"/>
      <c r="HM4038" s="91"/>
      <c r="HN4038" s="91"/>
      <c r="HO4038" s="91"/>
      <c r="HP4038" s="91"/>
      <c r="HQ4038" s="91"/>
      <c r="HR4038" s="91"/>
      <c r="HS4038" s="91"/>
      <c r="HT4038" s="91"/>
      <c r="HU4038" s="91"/>
      <c r="HV4038" s="91"/>
      <c r="HW4038" s="91"/>
      <c r="HX4038" s="127"/>
      <c r="HY4038" s="126"/>
      <c r="HZ4038" s="91"/>
      <c r="IA4038" s="91"/>
      <c r="IB4038" s="91"/>
      <c r="IC4038" s="91"/>
      <c r="ID4038" s="91"/>
      <c r="IE4038" s="91"/>
      <c r="IF4038" s="91"/>
      <c r="IG4038" s="91"/>
      <c r="IH4038" s="91"/>
      <c r="II4038" s="91"/>
      <c r="IJ4038" s="91"/>
      <c r="IK4038" s="174"/>
    </row>
    <row r="4039" spans="2:245" x14ac:dyDescent="0.2">
      <c r="B4039" s="43"/>
      <c r="C4039" s="73"/>
      <c r="D4039" s="64"/>
      <c r="E4039" s="64"/>
      <c r="F4039" s="55"/>
      <c r="G4039" s="102"/>
      <c r="H4039" s="97"/>
      <c r="T4039" s="98"/>
      <c r="U4039" s="97"/>
      <c r="AG4039" s="98"/>
      <c r="AY4039" s="164"/>
      <c r="BK4039" s="98"/>
      <c r="BL4039" s="97"/>
      <c r="BX4039" s="98"/>
      <c r="CL4039" s="97"/>
      <c r="CX4039" s="98"/>
      <c r="DL4039" s="97"/>
      <c r="DX4039" s="98"/>
      <c r="EL4039" s="97"/>
      <c r="EX4039" s="98"/>
      <c r="EY4039" s="97"/>
      <c r="FL4039" s="126"/>
      <c r="FM4039" s="91"/>
      <c r="FN4039" s="91"/>
      <c r="FO4039" s="91"/>
      <c r="FP4039" s="91"/>
      <c r="FQ4039" s="91"/>
      <c r="FR4039" s="91"/>
      <c r="FS4039" s="91"/>
      <c r="FT4039" s="91"/>
      <c r="FU4039" s="91"/>
      <c r="FV4039" s="91"/>
      <c r="FW4039" s="91"/>
      <c r="FX4039" s="127"/>
      <c r="FY4039" s="126"/>
      <c r="FZ4039" s="91"/>
      <c r="GA4039" s="91"/>
      <c r="GB4039" s="91"/>
      <c r="GC4039" s="91"/>
      <c r="GD4039" s="91"/>
      <c r="GE4039" s="91"/>
      <c r="GF4039" s="91"/>
      <c r="GG4039" s="91"/>
      <c r="GH4039" s="91"/>
      <c r="GI4039" s="91"/>
      <c r="GJ4039" s="91"/>
      <c r="GK4039" s="127"/>
      <c r="GL4039" s="126"/>
      <c r="GM4039" s="91"/>
      <c r="GN4039" s="91"/>
      <c r="GO4039" s="91"/>
      <c r="GP4039" s="91"/>
      <c r="GQ4039" s="91"/>
      <c r="GR4039" s="91"/>
      <c r="GS4039" s="91"/>
      <c r="GT4039" s="91"/>
      <c r="GU4039" s="91"/>
      <c r="GV4039" s="91"/>
      <c r="GW4039" s="91"/>
      <c r="GX4039" s="127"/>
      <c r="GY4039" s="126"/>
      <c r="GZ4039" s="91"/>
      <c r="HA4039" s="91"/>
      <c r="HB4039" s="91"/>
      <c r="HC4039" s="91"/>
      <c r="HD4039" s="91"/>
      <c r="HE4039" s="91"/>
      <c r="HF4039" s="91"/>
      <c r="HG4039" s="91"/>
      <c r="HH4039" s="91"/>
      <c r="HI4039" s="91"/>
      <c r="HJ4039" s="91"/>
      <c r="HK4039" s="127"/>
      <c r="HL4039" s="126"/>
      <c r="HM4039" s="91"/>
      <c r="HN4039" s="91"/>
      <c r="HO4039" s="91"/>
      <c r="HP4039" s="91"/>
      <c r="HQ4039" s="91"/>
      <c r="HR4039" s="91"/>
      <c r="HS4039" s="91"/>
      <c r="HT4039" s="91"/>
      <c r="HU4039" s="91"/>
      <c r="HV4039" s="91"/>
      <c r="HW4039" s="91"/>
      <c r="HX4039" s="127"/>
      <c r="HY4039" s="126"/>
      <c r="HZ4039" s="91"/>
      <c r="IA4039" s="91"/>
      <c r="IB4039" s="91"/>
      <c r="IC4039" s="91"/>
      <c r="ID4039" s="91"/>
      <c r="IE4039" s="91"/>
      <c r="IF4039" s="91"/>
      <c r="IG4039" s="91"/>
      <c r="IH4039" s="91"/>
      <c r="II4039" s="91"/>
      <c r="IJ4039" s="91"/>
      <c r="IK4039" s="174"/>
    </row>
    <row r="4040" spans="2:245" x14ac:dyDescent="0.2">
      <c r="B4040" s="43"/>
      <c r="C4040" s="73"/>
      <c r="D4040" s="64"/>
      <c r="E4040" s="64"/>
      <c r="F4040" s="55"/>
      <c r="G4040" s="102"/>
      <c r="H4040" s="97"/>
      <c r="T4040" s="98"/>
      <c r="U4040" s="97"/>
      <c r="AG4040" s="98"/>
      <c r="AY4040" s="164"/>
      <c r="BK4040" s="98"/>
      <c r="BL4040" s="97"/>
      <c r="BX4040" s="98"/>
      <c r="CL4040" s="97"/>
      <c r="CX4040" s="98"/>
      <c r="DL4040" s="97"/>
      <c r="DX4040" s="98"/>
      <c r="EL4040" s="97"/>
      <c r="EX4040" s="98"/>
      <c r="EY4040" s="97"/>
      <c r="FL4040" s="126"/>
      <c r="FM4040" s="91"/>
      <c r="FN4040" s="91"/>
      <c r="FO4040" s="91"/>
      <c r="FP4040" s="91"/>
      <c r="FQ4040" s="91"/>
      <c r="FR4040" s="91"/>
      <c r="FS4040" s="91"/>
      <c r="FT4040" s="91"/>
      <c r="FU4040" s="91"/>
      <c r="FV4040" s="91"/>
      <c r="FW4040" s="91"/>
      <c r="FX4040" s="127"/>
      <c r="FY4040" s="126"/>
      <c r="FZ4040" s="91"/>
      <c r="GA4040" s="91"/>
      <c r="GB4040" s="91"/>
      <c r="GC4040" s="91"/>
      <c r="GD4040" s="91"/>
      <c r="GE4040" s="91"/>
      <c r="GF4040" s="91"/>
      <c r="GG4040" s="91"/>
      <c r="GH4040" s="91"/>
      <c r="GI4040" s="91"/>
      <c r="GJ4040" s="91"/>
      <c r="GK4040" s="127"/>
      <c r="GL4040" s="126"/>
      <c r="GM4040" s="91"/>
      <c r="GN4040" s="91"/>
      <c r="GO4040" s="91"/>
      <c r="GP4040" s="91"/>
      <c r="GQ4040" s="91"/>
      <c r="GR4040" s="91"/>
      <c r="GS4040" s="91"/>
      <c r="GT4040" s="91"/>
      <c r="GU4040" s="91"/>
      <c r="GV4040" s="91"/>
      <c r="GW4040" s="91"/>
      <c r="GX4040" s="127"/>
      <c r="GY4040" s="126"/>
      <c r="GZ4040" s="91"/>
      <c r="HA4040" s="91"/>
      <c r="HB4040" s="91"/>
      <c r="HC4040" s="91"/>
      <c r="HD4040" s="91"/>
      <c r="HE4040" s="91"/>
      <c r="HF4040" s="91"/>
      <c r="HG4040" s="91"/>
      <c r="HH4040" s="91"/>
      <c r="HI4040" s="91"/>
      <c r="HJ4040" s="91"/>
      <c r="HK4040" s="127"/>
      <c r="HL4040" s="126"/>
      <c r="HM4040" s="91"/>
      <c r="HN4040" s="91"/>
      <c r="HO4040" s="91"/>
      <c r="HP4040" s="91"/>
      <c r="HQ4040" s="91"/>
      <c r="HR4040" s="91"/>
      <c r="HS4040" s="91"/>
      <c r="HT4040" s="91"/>
      <c r="HU4040" s="91"/>
      <c r="HV4040" s="91"/>
      <c r="HW4040" s="91"/>
      <c r="HX4040" s="127"/>
      <c r="HY4040" s="126"/>
      <c r="HZ4040" s="91"/>
      <c r="IA4040" s="91"/>
      <c r="IB4040" s="91"/>
      <c r="IC4040" s="91"/>
      <c r="ID4040" s="91"/>
      <c r="IE4040" s="91"/>
      <c r="IF4040" s="91"/>
      <c r="IG4040" s="91"/>
      <c r="IH4040" s="91"/>
      <c r="II4040" s="91"/>
      <c r="IJ4040" s="91"/>
      <c r="IK4040" s="174"/>
    </row>
    <row r="4041" spans="2:245" x14ac:dyDescent="0.2">
      <c r="B4041" s="43"/>
      <c r="C4041" s="73"/>
      <c r="D4041" s="64"/>
      <c r="E4041" s="64"/>
      <c r="F4041" s="55"/>
      <c r="G4041" s="102"/>
      <c r="H4041" s="97"/>
      <c r="T4041" s="98"/>
      <c r="U4041" s="97"/>
      <c r="AG4041" s="98"/>
      <c r="AY4041" s="164"/>
      <c r="BK4041" s="98"/>
      <c r="BL4041" s="97"/>
      <c r="BX4041" s="98"/>
      <c r="CL4041" s="97"/>
      <c r="CX4041" s="98"/>
      <c r="DL4041" s="97"/>
      <c r="DX4041" s="98"/>
      <c r="EL4041" s="97"/>
      <c r="EX4041" s="98"/>
      <c r="EY4041" s="97"/>
      <c r="FL4041" s="126"/>
      <c r="FM4041" s="91"/>
      <c r="FN4041" s="91"/>
      <c r="FO4041" s="91"/>
      <c r="FP4041" s="91"/>
      <c r="FQ4041" s="91"/>
      <c r="FR4041" s="91"/>
      <c r="FS4041" s="91"/>
      <c r="FT4041" s="91"/>
      <c r="FU4041" s="91"/>
      <c r="FV4041" s="91"/>
      <c r="FW4041" s="91"/>
      <c r="FX4041" s="127"/>
      <c r="FY4041" s="126"/>
      <c r="FZ4041" s="91"/>
      <c r="GA4041" s="91"/>
      <c r="GB4041" s="91"/>
      <c r="GC4041" s="91"/>
      <c r="GD4041" s="91"/>
      <c r="GE4041" s="91"/>
      <c r="GF4041" s="91"/>
      <c r="GG4041" s="91"/>
      <c r="GH4041" s="91"/>
      <c r="GI4041" s="91"/>
      <c r="GJ4041" s="91"/>
      <c r="GK4041" s="127"/>
      <c r="GL4041" s="126"/>
      <c r="GM4041" s="91"/>
      <c r="GN4041" s="91"/>
      <c r="GO4041" s="91"/>
      <c r="GP4041" s="91"/>
      <c r="GQ4041" s="91"/>
      <c r="GR4041" s="91"/>
      <c r="GS4041" s="91"/>
      <c r="GT4041" s="91"/>
      <c r="GU4041" s="91"/>
      <c r="GV4041" s="91"/>
      <c r="GW4041" s="91"/>
      <c r="GX4041" s="127"/>
      <c r="GY4041" s="126"/>
      <c r="GZ4041" s="91"/>
      <c r="HA4041" s="91"/>
      <c r="HB4041" s="91"/>
      <c r="HC4041" s="91"/>
      <c r="HD4041" s="91"/>
      <c r="HE4041" s="91"/>
      <c r="HF4041" s="91"/>
      <c r="HG4041" s="91"/>
      <c r="HH4041" s="91"/>
      <c r="HI4041" s="91"/>
      <c r="HJ4041" s="91"/>
      <c r="HK4041" s="127"/>
      <c r="HL4041" s="126"/>
      <c r="HM4041" s="91"/>
      <c r="HN4041" s="91"/>
      <c r="HO4041" s="91"/>
      <c r="HP4041" s="91"/>
      <c r="HQ4041" s="91"/>
      <c r="HR4041" s="91"/>
      <c r="HS4041" s="91"/>
      <c r="HT4041" s="91"/>
      <c r="HU4041" s="91"/>
      <c r="HV4041" s="91"/>
      <c r="HW4041" s="91"/>
      <c r="HX4041" s="127"/>
      <c r="HY4041" s="126"/>
      <c r="HZ4041" s="91"/>
      <c r="IA4041" s="91"/>
      <c r="IB4041" s="91"/>
      <c r="IC4041" s="91"/>
      <c r="ID4041" s="91"/>
      <c r="IE4041" s="91"/>
      <c r="IF4041" s="91"/>
      <c r="IG4041" s="91"/>
      <c r="IH4041" s="91"/>
      <c r="II4041" s="91"/>
      <c r="IJ4041" s="91"/>
      <c r="IK4041" s="174"/>
    </row>
    <row r="4042" spans="2:245" x14ac:dyDescent="0.2">
      <c r="B4042" s="43"/>
      <c r="C4042" s="73"/>
      <c r="D4042" s="64"/>
      <c r="E4042" s="64"/>
      <c r="F4042" s="55"/>
      <c r="G4042" s="102"/>
      <c r="H4042" s="97"/>
      <c r="T4042" s="98"/>
      <c r="U4042" s="97"/>
      <c r="AG4042" s="98"/>
      <c r="AY4042" s="164"/>
      <c r="BK4042" s="98"/>
      <c r="BL4042" s="97"/>
      <c r="BX4042" s="98"/>
      <c r="CL4042" s="97"/>
      <c r="CX4042" s="98"/>
      <c r="DL4042" s="97"/>
      <c r="DX4042" s="98"/>
      <c r="EL4042" s="97"/>
      <c r="EX4042" s="98"/>
      <c r="EY4042" s="97"/>
      <c r="FL4042" s="126"/>
      <c r="FM4042" s="91"/>
      <c r="FN4042" s="91"/>
      <c r="FO4042" s="91"/>
      <c r="FP4042" s="91"/>
      <c r="FQ4042" s="91"/>
      <c r="FR4042" s="91"/>
      <c r="FS4042" s="91"/>
      <c r="FT4042" s="91"/>
      <c r="FU4042" s="91"/>
      <c r="FV4042" s="91"/>
      <c r="FW4042" s="91"/>
      <c r="FX4042" s="127"/>
      <c r="FY4042" s="126"/>
      <c r="FZ4042" s="91"/>
      <c r="GA4042" s="91"/>
      <c r="GB4042" s="91"/>
      <c r="GC4042" s="91"/>
      <c r="GD4042" s="91"/>
      <c r="GE4042" s="91"/>
      <c r="GF4042" s="91"/>
      <c r="GG4042" s="91"/>
      <c r="GH4042" s="91"/>
      <c r="GI4042" s="91"/>
      <c r="GJ4042" s="91"/>
      <c r="GK4042" s="127"/>
      <c r="GL4042" s="126"/>
      <c r="GM4042" s="91"/>
      <c r="GN4042" s="91"/>
      <c r="GO4042" s="91"/>
      <c r="GP4042" s="91"/>
      <c r="GQ4042" s="91"/>
      <c r="GR4042" s="91"/>
      <c r="GS4042" s="91"/>
      <c r="GT4042" s="91"/>
      <c r="GU4042" s="91"/>
      <c r="GV4042" s="91"/>
      <c r="GW4042" s="91"/>
      <c r="GX4042" s="127"/>
      <c r="GY4042" s="126"/>
      <c r="GZ4042" s="91"/>
      <c r="HA4042" s="91"/>
      <c r="HB4042" s="91"/>
      <c r="HC4042" s="91"/>
      <c r="HD4042" s="91"/>
      <c r="HE4042" s="91"/>
      <c r="HF4042" s="91"/>
      <c r="HG4042" s="91"/>
      <c r="HH4042" s="91"/>
      <c r="HI4042" s="91"/>
      <c r="HJ4042" s="91"/>
      <c r="HK4042" s="127"/>
      <c r="HL4042" s="126"/>
      <c r="HM4042" s="91"/>
      <c r="HN4042" s="91"/>
      <c r="HO4042" s="91"/>
      <c r="HP4042" s="91"/>
      <c r="HQ4042" s="91"/>
      <c r="HR4042" s="91"/>
      <c r="HS4042" s="91"/>
      <c r="HT4042" s="91"/>
      <c r="HU4042" s="91"/>
      <c r="HV4042" s="91"/>
      <c r="HW4042" s="91"/>
      <c r="HX4042" s="127"/>
      <c r="HY4042" s="126"/>
      <c r="HZ4042" s="91"/>
      <c r="IA4042" s="91"/>
      <c r="IB4042" s="91"/>
      <c r="IC4042" s="91"/>
      <c r="ID4042" s="91"/>
      <c r="IE4042" s="91"/>
      <c r="IF4042" s="91"/>
      <c r="IG4042" s="91"/>
      <c r="IH4042" s="91"/>
      <c r="II4042" s="91"/>
      <c r="IJ4042" s="91"/>
      <c r="IK4042" s="174"/>
    </row>
    <row r="4043" spans="2:245" x14ac:dyDescent="0.2">
      <c r="B4043" s="43"/>
      <c r="C4043" s="73"/>
      <c r="D4043" s="64"/>
      <c r="E4043" s="64"/>
      <c r="F4043" s="55"/>
      <c r="G4043" s="102"/>
      <c r="H4043" s="97"/>
      <c r="T4043" s="98"/>
      <c r="U4043" s="97"/>
      <c r="AG4043" s="98"/>
      <c r="AY4043" s="164"/>
      <c r="BK4043" s="98"/>
      <c r="BL4043" s="97"/>
      <c r="BX4043" s="98"/>
      <c r="CL4043" s="97"/>
      <c r="CX4043" s="98"/>
      <c r="DL4043" s="97"/>
      <c r="DX4043" s="98"/>
      <c r="EL4043" s="97"/>
      <c r="EX4043" s="98"/>
      <c r="EY4043" s="97"/>
      <c r="FL4043" s="126"/>
      <c r="FM4043" s="91"/>
      <c r="FN4043" s="91"/>
      <c r="FO4043" s="91"/>
      <c r="FP4043" s="91"/>
      <c r="FQ4043" s="91"/>
      <c r="FR4043" s="91"/>
      <c r="FS4043" s="91"/>
      <c r="FT4043" s="91"/>
      <c r="FU4043" s="91"/>
      <c r="FV4043" s="91"/>
      <c r="FW4043" s="91"/>
      <c r="FX4043" s="127"/>
      <c r="FY4043" s="126"/>
      <c r="FZ4043" s="91"/>
      <c r="GA4043" s="91"/>
      <c r="GB4043" s="91"/>
      <c r="GC4043" s="91"/>
      <c r="GD4043" s="91"/>
      <c r="GE4043" s="91"/>
      <c r="GF4043" s="91"/>
      <c r="GG4043" s="91"/>
      <c r="GH4043" s="91"/>
      <c r="GI4043" s="91"/>
      <c r="GJ4043" s="91"/>
      <c r="GK4043" s="127"/>
      <c r="GL4043" s="126"/>
      <c r="GM4043" s="91"/>
      <c r="GN4043" s="91"/>
      <c r="GO4043" s="91"/>
      <c r="GP4043" s="91"/>
      <c r="GQ4043" s="91"/>
      <c r="GR4043" s="91"/>
      <c r="GS4043" s="91"/>
      <c r="GT4043" s="91"/>
      <c r="GU4043" s="91"/>
      <c r="GV4043" s="91"/>
      <c r="GW4043" s="91"/>
      <c r="GX4043" s="127"/>
      <c r="GY4043" s="126"/>
      <c r="GZ4043" s="91"/>
      <c r="HA4043" s="91"/>
      <c r="HB4043" s="91"/>
      <c r="HC4043" s="91"/>
      <c r="HD4043" s="91"/>
      <c r="HE4043" s="91"/>
      <c r="HF4043" s="91"/>
      <c r="HG4043" s="91"/>
      <c r="HH4043" s="91"/>
      <c r="HI4043" s="91"/>
      <c r="HJ4043" s="91"/>
      <c r="HK4043" s="127"/>
      <c r="HL4043" s="126"/>
      <c r="HM4043" s="91"/>
      <c r="HN4043" s="91"/>
      <c r="HO4043" s="91"/>
      <c r="HP4043" s="91"/>
      <c r="HQ4043" s="91"/>
      <c r="HR4043" s="91"/>
      <c r="HS4043" s="91"/>
      <c r="HT4043" s="91"/>
      <c r="HU4043" s="91"/>
      <c r="HV4043" s="91"/>
      <c r="HW4043" s="91"/>
      <c r="HX4043" s="127"/>
      <c r="HY4043" s="126"/>
      <c r="HZ4043" s="91"/>
      <c r="IA4043" s="91"/>
      <c r="IB4043" s="91"/>
      <c r="IC4043" s="91"/>
      <c r="ID4043" s="91"/>
      <c r="IE4043" s="91"/>
      <c r="IF4043" s="91"/>
      <c r="IG4043" s="91"/>
      <c r="IH4043" s="91"/>
      <c r="II4043" s="91"/>
      <c r="IJ4043" s="91"/>
      <c r="IK4043" s="174"/>
    </row>
    <row r="4044" spans="2:245" x14ac:dyDescent="0.2">
      <c r="B4044" s="43"/>
      <c r="C4044" s="73"/>
      <c r="D4044" s="64"/>
      <c r="E4044" s="64"/>
      <c r="F4044" s="55"/>
      <c r="G4044" s="102"/>
      <c r="H4044" s="97"/>
      <c r="T4044" s="98"/>
      <c r="U4044" s="97"/>
      <c r="AG4044" s="98"/>
      <c r="AY4044" s="164"/>
      <c r="BK4044" s="98"/>
      <c r="BL4044" s="97"/>
      <c r="BX4044" s="98"/>
      <c r="CL4044" s="97"/>
      <c r="CX4044" s="98"/>
      <c r="DL4044" s="97"/>
      <c r="DX4044" s="98"/>
      <c r="EL4044" s="97"/>
      <c r="EX4044" s="98"/>
      <c r="EY4044" s="97"/>
      <c r="FL4044" s="126"/>
      <c r="FM4044" s="91"/>
      <c r="FN4044" s="91"/>
      <c r="FO4044" s="91"/>
      <c r="FP4044" s="91"/>
      <c r="FQ4044" s="91"/>
      <c r="FR4044" s="91"/>
      <c r="FS4044" s="91"/>
      <c r="FT4044" s="91"/>
      <c r="FU4044" s="91"/>
      <c r="FV4044" s="91"/>
      <c r="FW4044" s="91"/>
      <c r="FX4044" s="127"/>
      <c r="FY4044" s="126"/>
      <c r="FZ4044" s="91"/>
      <c r="GA4044" s="91"/>
      <c r="GB4044" s="91"/>
      <c r="GC4044" s="91"/>
      <c r="GD4044" s="91"/>
      <c r="GE4044" s="91"/>
      <c r="GF4044" s="91"/>
      <c r="GG4044" s="91"/>
      <c r="GH4044" s="91"/>
      <c r="GI4044" s="91"/>
      <c r="GJ4044" s="91"/>
      <c r="GK4044" s="127"/>
      <c r="GL4044" s="126"/>
      <c r="GM4044" s="91"/>
      <c r="GN4044" s="91"/>
      <c r="GO4044" s="91"/>
      <c r="GP4044" s="91"/>
      <c r="GQ4044" s="91"/>
      <c r="GR4044" s="91"/>
      <c r="GS4044" s="91"/>
      <c r="GT4044" s="91"/>
      <c r="GU4044" s="91"/>
      <c r="GV4044" s="91"/>
      <c r="GW4044" s="91"/>
      <c r="GX4044" s="127"/>
      <c r="GY4044" s="126"/>
      <c r="GZ4044" s="91"/>
      <c r="HA4044" s="91"/>
      <c r="HB4044" s="91"/>
      <c r="HC4044" s="91"/>
      <c r="HD4044" s="91"/>
      <c r="HE4044" s="91"/>
      <c r="HF4044" s="91"/>
      <c r="HG4044" s="91"/>
      <c r="HH4044" s="91"/>
      <c r="HI4044" s="91"/>
      <c r="HJ4044" s="91"/>
      <c r="HK4044" s="127"/>
      <c r="HL4044" s="126"/>
      <c r="HM4044" s="91"/>
      <c r="HN4044" s="91"/>
      <c r="HO4044" s="91"/>
      <c r="HP4044" s="91"/>
      <c r="HQ4044" s="91"/>
      <c r="HR4044" s="91"/>
      <c r="HS4044" s="91"/>
      <c r="HT4044" s="91"/>
      <c r="HU4044" s="91"/>
      <c r="HV4044" s="91"/>
      <c r="HW4044" s="91"/>
      <c r="HX4044" s="127"/>
      <c r="HY4044" s="126"/>
      <c r="HZ4044" s="91"/>
      <c r="IA4044" s="91"/>
      <c r="IB4044" s="91"/>
      <c r="IC4044" s="91"/>
      <c r="ID4044" s="91"/>
      <c r="IE4044" s="91"/>
      <c r="IF4044" s="91"/>
      <c r="IG4044" s="91"/>
      <c r="IH4044" s="91"/>
      <c r="II4044" s="91"/>
      <c r="IJ4044" s="91"/>
      <c r="IK4044" s="174"/>
    </row>
    <row r="4045" spans="2:245" x14ac:dyDescent="0.2">
      <c r="B4045" s="43"/>
      <c r="C4045" s="73"/>
      <c r="D4045" s="64"/>
      <c r="E4045" s="64"/>
      <c r="F4045" s="55"/>
      <c r="G4045" s="102"/>
      <c r="H4045" s="97"/>
      <c r="T4045" s="98"/>
      <c r="U4045" s="97"/>
      <c r="AG4045" s="98"/>
      <c r="AY4045" s="164"/>
      <c r="BK4045" s="98"/>
      <c r="BL4045" s="97"/>
      <c r="BX4045" s="98"/>
      <c r="CL4045" s="97"/>
      <c r="CX4045" s="98"/>
      <c r="DL4045" s="97"/>
      <c r="DX4045" s="98"/>
      <c r="EL4045" s="97"/>
      <c r="EX4045" s="98"/>
      <c r="EY4045" s="97"/>
      <c r="FL4045" s="126"/>
      <c r="FM4045" s="91"/>
      <c r="FN4045" s="91"/>
      <c r="FO4045" s="91"/>
      <c r="FP4045" s="91"/>
      <c r="FQ4045" s="91"/>
      <c r="FR4045" s="91"/>
      <c r="FS4045" s="91"/>
      <c r="FT4045" s="91"/>
      <c r="FU4045" s="91"/>
      <c r="FV4045" s="91"/>
      <c r="FW4045" s="91"/>
      <c r="FX4045" s="127"/>
      <c r="FY4045" s="126"/>
      <c r="FZ4045" s="91"/>
      <c r="GA4045" s="91"/>
      <c r="GB4045" s="91"/>
      <c r="GC4045" s="91"/>
      <c r="GD4045" s="91"/>
      <c r="GE4045" s="91"/>
      <c r="GF4045" s="91"/>
      <c r="GG4045" s="91"/>
      <c r="GH4045" s="91"/>
      <c r="GI4045" s="91"/>
      <c r="GJ4045" s="91"/>
      <c r="GK4045" s="127"/>
      <c r="GL4045" s="126"/>
      <c r="GM4045" s="91"/>
      <c r="GN4045" s="91"/>
      <c r="GO4045" s="91"/>
      <c r="GP4045" s="91"/>
      <c r="GQ4045" s="91"/>
      <c r="GR4045" s="91"/>
      <c r="GS4045" s="91"/>
      <c r="GT4045" s="91"/>
      <c r="GU4045" s="91"/>
      <c r="GV4045" s="91"/>
      <c r="GW4045" s="91"/>
      <c r="GX4045" s="127"/>
      <c r="GY4045" s="126"/>
      <c r="GZ4045" s="91"/>
      <c r="HA4045" s="91"/>
      <c r="HB4045" s="91"/>
      <c r="HC4045" s="91"/>
      <c r="HD4045" s="91"/>
      <c r="HE4045" s="91"/>
      <c r="HF4045" s="91"/>
      <c r="HG4045" s="91"/>
      <c r="HH4045" s="91"/>
      <c r="HI4045" s="91"/>
      <c r="HJ4045" s="91"/>
      <c r="HK4045" s="127"/>
      <c r="HL4045" s="126"/>
      <c r="HM4045" s="91"/>
      <c r="HN4045" s="91"/>
      <c r="HO4045" s="91"/>
      <c r="HP4045" s="91"/>
      <c r="HQ4045" s="91"/>
      <c r="HR4045" s="91"/>
      <c r="HS4045" s="91"/>
      <c r="HT4045" s="91"/>
      <c r="HU4045" s="91"/>
      <c r="HV4045" s="91"/>
      <c r="HW4045" s="91"/>
      <c r="HX4045" s="127"/>
      <c r="HY4045" s="126"/>
      <c r="HZ4045" s="91"/>
      <c r="IA4045" s="91"/>
      <c r="IB4045" s="91"/>
      <c r="IC4045" s="91"/>
      <c r="ID4045" s="91"/>
      <c r="IE4045" s="91"/>
      <c r="IF4045" s="91"/>
      <c r="IG4045" s="91"/>
      <c r="IH4045" s="91"/>
      <c r="II4045" s="91"/>
      <c r="IJ4045" s="91"/>
      <c r="IK4045" s="174"/>
    </row>
    <row r="4046" spans="2:245" x14ac:dyDescent="0.2">
      <c r="B4046" s="43"/>
      <c r="C4046" s="73"/>
      <c r="D4046" s="64"/>
      <c r="E4046" s="64"/>
      <c r="F4046" s="55"/>
      <c r="G4046" s="102"/>
      <c r="H4046" s="97"/>
      <c r="T4046" s="98"/>
      <c r="U4046" s="97"/>
      <c r="AG4046" s="98"/>
      <c r="AY4046" s="164"/>
      <c r="BK4046" s="98"/>
      <c r="BL4046" s="97"/>
      <c r="BX4046" s="98"/>
      <c r="CL4046" s="97"/>
      <c r="CX4046" s="98"/>
      <c r="DL4046" s="97"/>
      <c r="DX4046" s="98"/>
      <c r="EL4046" s="97"/>
      <c r="EX4046" s="98"/>
      <c r="EY4046" s="97"/>
      <c r="FL4046" s="126"/>
      <c r="FM4046" s="91"/>
      <c r="FN4046" s="91"/>
      <c r="FO4046" s="91"/>
      <c r="FP4046" s="91"/>
      <c r="FQ4046" s="91"/>
      <c r="FR4046" s="91"/>
      <c r="FS4046" s="91"/>
      <c r="FT4046" s="91"/>
      <c r="FU4046" s="91"/>
      <c r="FV4046" s="91"/>
      <c r="FW4046" s="91"/>
      <c r="FX4046" s="127"/>
      <c r="FY4046" s="126"/>
      <c r="FZ4046" s="91"/>
      <c r="GA4046" s="91"/>
      <c r="GB4046" s="91"/>
      <c r="GC4046" s="91"/>
      <c r="GD4046" s="91"/>
      <c r="GE4046" s="91"/>
      <c r="GF4046" s="91"/>
      <c r="GG4046" s="91"/>
      <c r="GH4046" s="91"/>
      <c r="GI4046" s="91"/>
      <c r="GJ4046" s="91"/>
      <c r="GK4046" s="127"/>
      <c r="GL4046" s="126"/>
      <c r="GM4046" s="91"/>
      <c r="GN4046" s="91"/>
      <c r="GO4046" s="91"/>
      <c r="GP4046" s="91"/>
      <c r="GQ4046" s="91"/>
      <c r="GR4046" s="91"/>
      <c r="GS4046" s="91"/>
      <c r="GT4046" s="91"/>
      <c r="GU4046" s="91"/>
      <c r="GV4046" s="91"/>
      <c r="GW4046" s="91"/>
      <c r="GX4046" s="127"/>
      <c r="GY4046" s="126"/>
      <c r="GZ4046" s="91"/>
      <c r="HA4046" s="91"/>
      <c r="HB4046" s="91"/>
      <c r="HC4046" s="91"/>
      <c r="HD4046" s="91"/>
      <c r="HE4046" s="91"/>
      <c r="HF4046" s="91"/>
      <c r="HG4046" s="91"/>
      <c r="HH4046" s="91"/>
      <c r="HI4046" s="91"/>
      <c r="HJ4046" s="91"/>
      <c r="HK4046" s="127"/>
      <c r="HL4046" s="126"/>
      <c r="HM4046" s="91"/>
      <c r="HN4046" s="91"/>
      <c r="HO4046" s="91"/>
      <c r="HP4046" s="91"/>
      <c r="HQ4046" s="91"/>
      <c r="HR4046" s="91"/>
      <c r="HS4046" s="91"/>
      <c r="HT4046" s="91"/>
      <c r="HU4046" s="91"/>
      <c r="HV4046" s="91"/>
      <c r="HW4046" s="91"/>
      <c r="HX4046" s="127"/>
      <c r="HY4046" s="126"/>
      <c r="HZ4046" s="91"/>
      <c r="IA4046" s="91"/>
      <c r="IB4046" s="91"/>
      <c r="IC4046" s="91"/>
      <c r="ID4046" s="91"/>
      <c r="IE4046" s="91"/>
      <c r="IF4046" s="91"/>
      <c r="IG4046" s="91"/>
      <c r="IH4046" s="91"/>
      <c r="II4046" s="91"/>
      <c r="IJ4046" s="91"/>
      <c r="IK4046" s="174"/>
    </row>
    <row r="4047" spans="2:245" x14ac:dyDescent="0.2">
      <c r="B4047" s="43"/>
      <c r="C4047" s="73"/>
      <c r="D4047" s="64"/>
      <c r="E4047" s="64"/>
      <c r="F4047" s="55"/>
      <c r="G4047" s="102"/>
      <c r="H4047" s="97"/>
      <c r="T4047" s="98"/>
      <c r="U4047" s="97"/>
      <c r="AG4047" s="98"/>
      <c r="AY4047" s="164"/>
      <c r="BK4047" s="98"/>
      <c r="BL4047" s="97"/>
      <c r="BX4047" s="98"/>
      <c r="CL4047" s="97"/>
      <c r="CX4047" s="98"/>
      <c r="DL4047" s="97"/>
      <c r="DX4047" s="98"/>
      <c r="EL4047" s="97"/>
      <c r="EX4047" s="98"/>
      <c r="EY4047" s="97"/>
      <c r="FL4047" s="126"/>
      <c r="FM4047" s="91"/>
      <c r="FN4047" s="91"/>
      <c r="FO4047" s="91"/>
      <c r="FP4047" s="91"/>
      <c r="FQ4047" s="91"/>
      <c r="FR4047" s="91"/>
      <c r="FS4047" s="91"/>
      <c r="FT4047" s="91"/>
      <c r="FU4047" s="91"/>
      <c r="FV4047" s="91"/>
      <c r="FW4047" s="91"/>
      <c r="FX4047" s="127"/>
      <c r="FY4047" s="126"/>
      <c r="FZ4047" s="91"/>
      <c r="GA4047" s="91"/>
      <c r="GB4047" s="91"/>
      <c r="GC4047" s="91"/>
      <c r="GD4047" s="91"/>
      <c r="GE4047" s="91"/>
      <c r="GF4047" s="91"/>
      <c r="GG4047" s="91"/>
      <c r="GH4047" s="91"/>
      <c r="GI4047" s="91"/>
      <c r="GJ4047" s="91"/>
      <c r="GK4047" s="127"/>
      <c r="GL4047" s="126"/>
      <c r="GM4047" s="91"/>
      <c r="GN4047" s="91"/>
      <c r="GO4047" s="91"/>
      <c r="GP4047" s="91"/>
      <c r="GQ4047" s="91"/>
      <c r="GR4047" s="91"/>
      <c r="GS4047" s="91"/>
      <c r="GT4047" s="91"/>
      <c r="GU4047" s="91"/>
      <c r="GV4047" s="91"/>
      <c r="GW4047" s="91"/>
      <c r="GX4047" s="127"/>
      <c r="GY4047" s="126"/>
      <c r="GZ4047" s="91"/>
      <c r="HA4047" s="91"/>
      <c r="HB4047" s="91"/>
      <c r="HC4047" s="91"/>
      <c r="HD4047" s="91"/>
      <c r="HE4047" s="91"/>
      <c r="HF4047" s="91"/>
      <c r="HG4047" s="91"/>
      <c r="HH4047" s="91"/>
      <c r="HI4047" s="91"/>
      <c r="HJ4047" s="91"/>
      <c r="HK4047" s="127"/>
      <c r="HL4047" s="126"/>
      <c r="HM4047" s="91"/>
      <c r="HN4047" s="91"/>
      <c r="HO4047" s="91"/>
      <c r="HP4047" s="91"/>
      <c r="HQ4047" s="91"/>
      <c r="HR4047" s="91"/>
      <c r="HS4047" s="91"/>
      <c r="HT4047" s="91"/>
      <c r="HU4047" s="91"/>
      <c r="HV4047" s="91"/>
      <c r="HW4047" s="91"/>
      <c r="HX4047" s="127"/>
      <c r="HY4047" s="126"/>
      <c r="HZ4047" s="91"/>
      <c r="IA4047" s="91"/>
      <c r="IB4047" s="91"/>
      <c r="IC4047" s="91"/>
      <c r="ID4047" s="91"/>
      <c r="IE4047" s="91"/>
      <c r="IF4047" s="91"/>
      <c r="IG4047" s="91"/>
      <c r="IH4047" s="91"/>
      <c r="II4047" s="91"/>
      <c r="IJ4047" s="91"/>
      <c r="IK4047" s="174"/>
    </row>
    <row r="4048" spans="2:245" x14ac:dyDescent="0.2">
      <c r="B4048" s="43"/>
      <c r="C4048" s="73"/>
      <c r="D4048" s="64"/>
      <c r="E4048" s="64"/>
      <c r="F4048" s="55"/>
      <c r="G4048" s="102"/>
      <c r="H4048" s="97"/>
      <c r="T4048" s="98"/>
      <c r="U4048" s="97"/>
      <c r="AG4048" s="98"/>
      <c r="AY4048" s="164"/>
      <c r="BK4048" s="98"/>
      <c r="BL4048" s="97"/>
      <c r="BX4048" s="98"/>
      <c r="CL4048" s="97"/>
      <c r="CX4048" s="98"/>
      <c r="DL4048" s="97"/>
      <c r="DX4048" s="98"/>
      <c r="EL4048" s="97"/>
      <c r="EX4048" s="98"/>
      <c r="EY4048" s="97"/>
      <c r="FL4048" s="126"/>
      <c r="FM4048" s="91"/>
      <c r="FN4048" s="91"/>
      <c r="FO4048" s="91"/>
      <c r="FP4048" s="91"/>
      <c r="FQ4048" s="91"/>
      <c r="FR4048" s="91"/>
      <c r="FS4048" s="91"/>
      <c r="FT4048" s="91"/>
      <c r="FU4048" s="91"/>
      <c r="FV4048" s="91"/>
      <c r="FW4048" s="91"/>
      <c r="FX4048" s="127"/>
      <c r="FY4048" s="126"/>
      <c r="FZ4048" s="91"/>
      <c r="GA4048" s="91"/>
      <c r="GB4048" s="91"/>
      <c r="GC4048" s="91"/>
      <c r="GD4048" s="91"/>
      <c r="GE4048" s="91"/>
      <c r="GF4048" s="91"/>
      <c r="GG4048" s="91"/>
      <c r="GH4048" s="91"/>
      <c r="GI4048" s="91"/>
      <c r="GJ4048" s="91"/>
      <c r="GK4048" s="127"/>
      <c r="GL4048" s="126"/>
      <c r="GM4048" s="91"/>
      <c r="GN4048" s="91"/>
      <c r="GO4048" s="91"/>
      <c r="GP4048" s="91"/>
      <c r="GQ4048" s="91"/>
      <c r="GR4048" s="91"/>
      <c r="GS4048" s="91"/>
      <c r="GT4048" s="91"/>
      <c r="GU4048" s="91"/>
      <c r="GV4048" s="91"/>
      <c r="GW4048" s="91"/>
      <c r="GX4048" s="127"/>
      <c r="GY4048" s="126"/>
      <c r="GZ4048" s="91"/>
      <c r="HA4048" s="91"/>
      <c r="HB4048" s="91"/>
      <c r="HC4048" s="91"/>
      <c r="HD4048" s="91"/>
      <c r="HE4048" s="91"/>
      <c r="HF4048" s="91"/>
      <c r="HG4048" s="91"/>
      <c r="HH4048" s="91"/>
      <c r="HI4048" s="91"/>
      <c r="HJ4048" s="91"/>
      <c r="HK4048" s="127"/>
      <c r="HL4048" s="126"/>
      <c r="HM4048" s="91"/>
      <c r="HN4048" s="91"/>
      <c r="HO4048" s="91"/>
      <c r="HP4048" s="91"/>
      <c r="HQ4048" s="91"/>
      <c r="HR4048" s="91"/>
      <c r="HS4048" s="91"/>
      <c r="HT4048" s="91"/>
      <c r="HU4048" s="91"/>
      <c r="HV4048" s="91"/>
      <c r="HW4048" s="91"/>
      <c r="HX4048" s="127"/>
      <c r="HY4048" s="126"/>
      <c r="HZ4048" s="91"/>
      <c r="IA4048" s="91"/>
      <c r="IB4048" s="91"/>
      <c r="IC4048" s="91"/>
      <c r="ID4048" s="91"/>
      <c r="IE4048" s="91"/>
      <c r="IF4048" s="91"/>
      <c r="IG4048" s="91"/>
      <c r="IH4048" s="91"/>
      <c r="II4048" s="91"/>
      <c r="IJ4048" s="91"/>
      <c r="IK4048" s="174"/>
    </row>
    <row r="4049" spans="2:245" x14ac:dyDescent="0.2">
      <c r="B4049" s="43"/>
      <c r="C4049" s="73"/>
      <c r="D4049" s="64"/>
      <c r="E4049" s="64"/>
      <c r="F4049" s="55"/>
      <c r="G4049" s="102"/>
      <c r="H4049" s="97"/>
      <c r="T4049" s="98"/>
      <c r="U4049" s="97"/>
      <c r="AG4049" s="98"/>
      <c r="AY4049" s="164"/>
      <c r="BK4049" s="98"/>
      <c r="BL4049" s="97"/>
      <c r="BX4049" s="98"/>
      <c r="CL4049" s="97"/>
      <c r="CX4049" s="98"/>
      <c r="DL4049" s="97"/>
      <c r="DX4049" s="98"/>
      <c r="EL4049" s="97"/>
      <c r="EX4049" s="98"/>
      <c r="EY4049" s="97"/>
      <c r="FL4049" s="126"/>
      <c r="FM4049" s="91"/>
      <c r="FN4049" s="91"/>
      <c r="FO4049" s="91"/>
      <c r="FP4049" s="91"/>
      <c r="FQ4049" s="91"/>
      <c r="FR4049" s="91"/>
      <c r="FS4049" s="91"/>
      <c r="FT4049" s="91"/>
      <c r="FU4049" s="91"/>
      <c r="FV4049" s="91"/>
      <c r="FW4049" s="91"/>
      <c r="FX4049" s="127"/>
      <c r="FY4049" s="126"/>
      <c r="FZ4049" s="91"/>
      <c r="GA4049" s="91"/>
      <c r="GB4049" s="91"/>
      <c r="GC4049" s="91"/>
      <c r="GD4049" s="91"/>
      <c r="GE4049" s="91"/>
      <c r="GF4049" s="91"/>
      <c r="GG4049" s="91"/>
      <c r="GH4049" s="91"/>
      <c r="GI4049" s="91"/>
      <c r="GJ4049" s="91"/>
      <c r="GK4049" s="127"/>
      <c r="GL4049" s="126"/>
      <c r="GM4049" s="91"/>
      <c r="GN4049" s="91"/>
      <c r="GO4049" s="91"/>
      <c r="GP4049" s="91"/>
      <c r="GQ4049" s="91"/>
      <c r="GR4049" s="91"/>
      <c r="GS4049" s="91"/>
      <c r="GT4049" s="91"/>
      <c r="GU4049" s="91"/>
      <c r="GV4049" s="91"/>
      <c r="GW4049" s="91"/>
      <c r="GX4049" s="127"/>
      <c r="GY4049" s="126"/>
      <c r="GZ4049" s="91"/>
      <c r="HA4049" s="91"/>
      <c r="HB4049" s="91"/>
      <c r="HC4049" s="91"/>
      <c r="HD4049" s="91"/>
      <c r="HE4049" s="91"/>
      <c r="HF4049" s="91"/>
      <c r="HG4049" s="91"/>
      <c r="HH4049" s="91"/>
      <c r="HI4049" s="91"/>
      <c r="HJ4049" s="91"/>
      <c r="HK4049" s="127"/>
      <c r="HL4049" s="126"/>
      <c r="HM4049" s="91"/>
      <c r="HN4049" s="91"/>
      <c r="HO4049" s="91"/>
      <c r="HP4049" s="91"/>
      <c r="HQ4049" s="91"/>
      <c r="HR4049" s="91"/>
      <c r="HS4049" s="91"/>
      <c r="HT4049" s="91"/>
      <c r="HU4049" s="91"/>
      <c r="HV4049" s="91"/>
      <c r="HW4049" s="91"/>
      <c r="HX4049" s="127"/>
      <c r="HY4049" s="126"/>
      <c r="HZ4049" s="91"/>
      <c r="IA4049" s="91"/>
      <c r="IB4049" s="91"/>
      <c r="IC4049" s="91"/>
      <c r="ID4049" s="91"/>
      <c r="IE4049" s="91"/>
      <c r="IF4049" s="91"/>
      <c r="IG4049" s="91"/>
      <c r="IH4049" s="91"/>
      <c r="II4049" s="91"/>
      <c r="IJ4049" s="91"/>
      <c r="IK4049" s="174"/>
    </row>
    <row r="4050" spans="2:245" x14ac:dyDescent="0.2">
      <c r="B4050" s="43"/>
      <c r="C4050" s="73"/>
      <c r="D4050" s="64"/>
      <c r="E4050" s="64"/>
      <c r="F4050" s="55"/>
      <c r="G4050" s="102"/>
      <c r="H4050" s="97"/>
      <c r="T4050" s="98"/>
      <c r="U4050" s="97"/>
      <c r="AG4050" s="98"/>
      <c r="AY4050" s="164"/>
      <c r="BK4050" s="98"/>
      <c r="BL4050" s="97"/>
      <c r="BX4050" s="98"/>
      <c r="CL4050" s="97"/>
      <c r="CX4050" s="98"/>
      <c r="DL4050" s="97"/>
      <c r="DX4050" s="98"/>
      <c r="EL4050" s="97"/>
      <c r="EX4050" s="98"/>
      <c r="EY4050" s="97"/>
      <c r="FL4050" s="126"/>
      <c r="FM4050" s="91"/>
      <c r="FN4050" s="91"/>
      <c r="FO4050" s="91"/>
      <c r="FP4050" s="91"/>
      <c r="FQ4050" s="91"/>
      <c r="FR4050" s="91"/>
      <c r="FS4050" s="91"/>
      <c r="FT4050" s="91"/>
      <c r="FU4050" s="91"/>
      <c r="FV4050" s="91"/>
      <c r="FW4050" s="91"/>
      <c r="FX4050" s="127"/>
      <c r="FY4050" s="126"/>
      <c r="FZ4050" s="91"/>
      <c r="GA4050" s="91"/>
      <c r="GB4050" s="91"/>
      <c r="GC4050" s="91"/>
      <c r="GD4050" s="91"/>
      <c r="GE4050" s="91"/>
      <c r="GF4050" s="91"/>
      <c r="GG4050" s="91"/>
      <c r="GH4050" s="91"/>
      <c r="GI4050" s="91"/>
      <c r="GJ4050" s="91"/>
      <c r="GK4050" s="127"/>
      <c r="GL4050" s="126"/>
      <c r="GM4050" s="91"/>
      <c r="GN4050" s="91"/>
      <c r="GO4050" s="91"/>
      <c r="GP4050" s="91"/>
      <c r="GQ4050" s="91"/>
      <c r="GR4050" s="91"/>
      <c r="GS4050" s="91"/>
      <c r="GT4050" s="91"/>
      <c r="GU4050" s="91"/>
      <c r="GV4050" s="91"/>
      <c r="GW4050" s="91"/>
      <c r="GX4050" s="127"/>
      <c r="GY4050" s="126"/>
      <c r="GZ4050" s="91"/>
      <c r="HA4050" s="91"/>
      <c r="HB4050" s="91"/>
      <c r="HC4050" s="91"/>
      <c r="HD4050" s="91"/>
      <c r="HE4050" s="91"/>
      <c r="HF4050" s="91"/>
      <c r="HG4050" s="91"/>
      <c r="HH4050" s="91"/>
      <c r="HI4050" s="91"/>
      <c r="HJ4050" s="91"/>
      <c r="HK4050" s="127"/>
      <c r="HL4050" s="126"/>
      <c r="HM4050" s="91"/>
      <c r="HN4050" s="91"/>
      <c r="HO4050" s="91"/>
      <c r="HP4050" s="91"/>
      <c r="HQ4050" s="91"/>
      <c r="HR4050" s="91"/>
      <c r="HS4050" s="91"/>
      <c r="HT4050" s="91"/>
      <c r="HU4050" s="91"/>
      <c r="HV4050" s="91"/>
      <c r="HW4050" s="91"/>
      <c r="HX4050" s="127"/>
      <c r="HY4050" s="126"/>
      <c r="HZ4050" s="91"/>
      <c r="IA4050" s="91"/>
      <c r="IB4050" s="91"/>
      <c r="IC4050" s="91"/>
      <c r="ID4050" s="91"/>
      <c r="IE4050" s="91"/>
      <c r="IF4050" s="91"/>
      <c r="IG4050" s="91"/>
      <c r="IH4050" s="91"/>
      <c r="II4050" s="91"/>
      <c r="IJ4050" s="91"/>
      <c r="IK4050" s="174"/>
    </row>
    <row r="4051" spans="2:245" x14ac:dyDescent="0.2">
      <c r="B4051" s="43"/>
      <c r="C4051" s="73"/>
      <c r="D4051" s="64"/>
      <c r="E4051" s="64"/>
      <c r="F4051" s="55"/>
      <c r="G4051" s="102"/>
      <c r="H4051" s="97"/>
      <c r="T4051" s="98"/>
      <c r="U4051" s="97"/>
      <c r="AG4051" s="98"/>
      <c r="AY4051" s="164"/>
      <c r="BK4051" s="98"/>
      <c r="BL4051" s="97"/>
      <c r="BX4051" s="98"/>
      <c r="CL4051" s="97"/>
      <c r="CX4051" s="98"/>
      <c r="DL4051" s="97"/>
      <c r="DX4051" s="98"/>
      <c r="EL4051" s="97"/>
      <c r="EX4051" s="98"/>
      <c r="EY4051" s="97"/>
      <c r="FL4051" s="126"/>
      <c r="FM4051" s="91"/>
      <c r="FN4051" s="91"/>
      <c r="FO4051" s="91"/>
      <c r="FP4051" s="91"/>
      <c r="FQ4051" s="91"/>
      <c r="FR4051" s="91"/>
      <c r="FS4051" s="91"/>
      <c r="FT4051" s="91"/>
      <c r="FU4051" s="91"/>
      <c r="FV4051" s="91"/>
      <c r="FW4051" s="91"/>
      <c r="FX4051" s="127"/>
      <c r="FY4051" s="126"/>
      <c r="FZ4051" s="91"/>
      <c r="GA4051" s="91"/>
      <c r="GB4051" s="91"/>
      <c r="GC4051" s="91"/>
      <c r="GD4051" s="91"/>
      <c r="GE4051" s="91"/>
      <c r="GF4051" s="91"/>
      <c r="GG4051" s="91"/>
      <c r="GH4051" s="91"/>
      <c r="GI4051" s="91"/>
      <c r="GJ4051" s="91"/>
      <c r="GK4051" s="127"/>
      <c r="GL4051" s="126"/>
      <c r="GM4051" s="91"/>
      <c r="GN4051" s="91"/>
      <c r="GO4051" s="91"/>
      <c r="GP4051" s="91"/>
      <c r="GQ4051" s="91"/>
      <c r="GR4051" s="91"/>
      <c r="GS4051" s="91"/>
      <c r="GT4051" s="91"/>
      <c r="GU4051" s="91"/>
      <c r="GV4051" s="91"/>
      <c r="GW4051" s="91"/>
      <c r="GX4051" s="127"/>
      <c r="GY4051" s="126"/>
      <c r="GZ4051" s="91"/>
      <c r="HA4051" s="91"/>
      <c r="HB4051" s="91"/>
      <c r="HC4051" s="91"/>
      <c r="HD4051" s="91"/>
      <c r="HE4051" s="91"/>
      <c r="HF4051" s="91"/>
      <c r="HG4051" s="91"/>
      <c r="HH4051" s="91"/>
      <c r="HI4051" s="91"/>
      <c r="HJ4051" s="91"/>
      <c r="HK4051" s="127"/>
      <c r="HL4051" s="126"/>
      <c r="HM4051" s="91"/>
      <c r="HN4051" s="91"/>
      <c r="HO4051" s="91"/>
      <c r="HP4051" s="91"/>
      <c r="HQ4051" s="91"/>
      <c r="HR4051" s="91"/>
      <c r="HS4051" s="91"/>
      <c r="HT4051" s="91"/>
      <c r="HU4051" s="91"/>
      <c r="HV4051" s="91"/>
      <c r="HW4051" s="91"/>
      <c r="HX4051" s="127"/>
      <c r="HY4051" s="126"/>
      <c r="HZ4051" s="91"/>
      <c r="IA4051" s="91"/>
      <c r="IB4051" s="91"/>
      <c r="IC4051" s="91"/>
      <c r="ID4051" s="91"/>
      <c r="IE4051" s="91"/>
      <c r="IF4051" s="91"/>
      <c r="IG4051" s="91"/>
      <c r="IH4051" s="91"/>
      <c r="II4051" s="91"/>
      <c r="IJ4051" s="91"/>
      <c r="IK4051" s="174"/>
    </row>
    <row r="4052" spans="2:245" x14ac:dyDescent="0.2">
      <c r="B4052" s="43"/>
      <c r="C4052" s="73"/>
      <c r="D4052" s="64"/>
      <c r="E4052" s="64"/>
      <c r="F4052" s="55"/>
      <c r="G4052" s="102"/>
      <c r="H4052" s="97"/>
      <c r="T4052" s="98"/>
      <c r="U4052" s="97"/>
      <c r="AG4052" s="98"/>
      <c r="AY4052" s="164"/>
      <c r="BK4052" s="98"/>
      <c r="BL4052" s="97"/>
      <c r="BX4052" s="98"/>
      <c r="CL4052" s="97"/>
      <c r="CX4052" s="98"/>
      <c r="DL4052" s="97"/>
      <c r="DX4052" s="98"/>
      <c r="EL4052" s="97"/>
      <c r="EX4052" s="98"/>
      <c r="EY4052" s="97"/>
      <c r="FL4052" s="126"/>
      <c r="FM4052" s="91"/>
      <c r="FN4052" s="91"/>
      <c r="FO4052" s="91"/>
      <c r="FP4052" s="91"/>
      <c r="FQ4052" s="91"/>
      <c r="FR4052" s="91"/>
      <c r="FS4052" s="91"/>
      <c r="FT4052" s="91"/>
      <c r="FU4052" s="91"/>
      <c r="FV4052" s="91"/>
      <c r="FW4052" s="91"/>
      <c r="FX4052" s="127"/>
      <c r="FY4052" s="126"/>
      <c r="FZ4052" s="91"/>
      <c r="GA4052" s="91"/>
      <c r="GB4052" s="91"/>
      <c r="GC4052" s="91"/>
      <c r="GD4052" s="91"/>
      <c r="GE4052" s="91"/>
      <c r="GF4052" s="91"/>
      <c r="GG4052" s="91"/>
      <c r="GH4052" s="91"/>
      <c r="GI4052" s="91"/>
      <c r="GJ4052" s="91"/>
      <c r="GK4052" s="127"/>
      <c r="GL4052" s="126"/>
      <c r="GM4052" s="91"/>
      <c r="GN4052" s="91"/>
      <c r="GO4052" s="91"/>
      <c r="GP4052" s="91"/>
      <c r="GQ4052" s="91"/>
      <c r="GR4052" s="91"/>
      <c r="GS4052" s="91"/>
      <c r="GT4052" s="91"/>
      <c r="GU4052" s="91"/>
      <c r="GV4052" s="91"/>
      <c r="GW4052" s="91"/>
      <c r="GX4052" s="127"/>
      <c r="GY4052" s="126"/>
      <c r="GZ4052" s="91"/>
      <c r="HA4052" s="91"/>
      <c r="HB4052" s="91"/>
      <c r="HC4052" s="91"/>
      <c r="HD4052" s="91"/>
      <c r="HE4052" s="91"/>
      <c r="HF4052" s="91"/>
      <c r="HG4052" s="91"/>
      <c r="HH4052" s="91"/>
      <c r="HI4052" s="91"/>
      <c r="HJ4052" s="91"/>
      <c r="HK4052" s="127"/>
      <c r="HL4052" s="126"/>
      <c r="HM4052" s="91"/>
      <c r="HN4052" s="91"/>
      <c r="HO4052" s="91"/>
      <c r="HP4052" s="91"/>
      <c r="HQ4052" s="91"/>
      <c r="HR4052" s="91"/>
      <c r="HS4052" s="91"/>
      <c r="HT4052" s="91"/>
      <c r="HU4052" s="91"/>
      <c r="HV4052" s="91"/>
      <c r="HW4052" s="91"/>
      <c r="HX4052" s="127"/>
      <c r="HY4052" s="126"/>
      <c r="HZ4052" s="91"/>
      <c r="IA4052" s="91"/>
      <c r="IB4052" s="91"/>
      <c r="IC4052" s="91"/>
      <c r="ID4052" s="91"/>
      <c r="IE4052" s="91"/>
      <c r="IF4052" s="91"/>
      <c r="IG4052" s="91"/>
      <c r="IH4052" s="91"/>
      <c r="II4052" s="91"/>
      <c r="IJ4052" s="91"/>
      <c r="IK4052" s="174"/>
    </row>
    <row r="4053" spans="2:245" x14ac:dyDescent="0.2">
      <c r="B4053" s="43"/>
      <c r="C4053" s="73"/>
      <c r="D4053" s="64"/>
      <c r="E4053" s="64"/>
      <c r="F4053" s="55"/>
      <c r="G4053" s="102"/>
      <c r="H4053" s="97"/>
      <c r="T4053" s="98"/>
      <c r="U4053" s="97"/>
      <c r="AG4053" s="98"/>
      <c r="AY4053" s="164"/>
      <c r="BK4053" s="98"/>
      <c r="BL4053" s="97"/>
      <c r="BX4053" s="98"/>
      <c r="CL4053" s="97"/>
      <c r="CX4053" s="98"/>
      <c r="DL4053" s="97"/>
      <c r="DX4053" s="98"/>
      <c r="EL4053" s="97"/>
      <c r="EX4053" s="98"/>
      <c r="EY4053" s="97"/>
      <c r="FL4053" s="126"/>
      <c r="FM4053" s="91"/>
      <c r="FN4053" s="91"/>
      <c r="FO4053" s="91"/>
      <c r="FP4053" s="91"/>
      <c r="FQ4053" s="91"/>
      <c r="FR4053" s="91"/>
      <c r="FS4053" s="91"/>
      <c r="FT4053" s="91"/>
      <c r="FU4053" s="91"/>
      <c r="FV4053" s="91"/>
      <c r="FW4053" s="91"/>
      <c r="FX4053" s="127"/>
      <c r="FY4053" s="126"/>
      <c r="FZ4053" s="91"/>
      <c r="GA4053" s="91"/>
      <c r="GB4053" s="91"/>
      <c r="GC4053" s="91"/>
      <c r="GD4053" s="91"/>
      <c r="GE4053" s="91"/>
      <c r="GF4053" s="91"/>
      <c r="GG4053" s="91"/>
      <c r="GH4053" s="91"/>
      <c r="GI4053" s="91"/>
      <c r="GJ4053" s="91"/>
      <c r="GK4053" s="127"/>
      <c r="GL4053" s="126"/>
      <c r="GM4053" s="91"/>
      <c r="GN4053" s="91"/>
      <c r="GO4053" s="91"/>
      <c r="GP4053" s="91"/>
      <c r="GQ4053" s="91"/>
      <c r="GR4053" s="91"/>
      <c r="GS4053" s="91"/>
      <c r="GT4053" s="91"/>
      <c r="GU4053" s="91"/>
      <c r="GV4053" s="91"/>
      <c r="GW4053" s="91"/>
      <c r="GX4053" s="127"/>
      <c r="GY4053" s="126"/>
      <c r="GZ4053" s="91"/>
      <c r="HA4053" s="91"/>
      <c r="HB4053" s="91"/>
      <c r="HC4053" s="91"/>
      <c r="HD4053" s="91"/>
      <c r="HE4053" s="91"/>
      <c r="HF4053" s="91"/>
      <c r="HG4053" s="91"/>
      <c r="HH4053" s="91"/>
      <c r="HI4053" s="91"/>
      <c r="HJ4053" s="91"/>
      <c r="HK4053" s="127"/>
      <c r="HL4053" s="126"/>
      <c r="HM4053" s="91"/>
      <c r="HN4053" s="91"/>
      <c r="HO4053" s="91"/>
      <c r="HP4053" s="91"/>
      <c r="HQ4053" s="91"/>
      <c r="HR4053" s="91"/>
      <c r="HS4053" s="91"/>
      <c r="HT4053" s="91"/>
      <c r="HU4053" s="91"/>
      <c r="HV4053" s="91"/>
      <c r="HW4053" s="91"/>
      <c r="HX4053" s="127"/>
      <c r="HY4053" s="126"/>
      <c r="HZ4053" s="91"/>
      <c r="IA4053" s="91"/>
      <c r="IB4053" s="91"/>
      <c r="IC4053" s="91"/>
      <c r="ID4053" s="91"/>
      <c r="IE4053" s="91"/>
      <c r="IF4053" s="91"/>
      <c r="IG4053" s="91"/>
      <c r="IH4053" s="91"/>
      <c r="II4053" s="91"/>
      <c r="IJ4053" s="91"/>
      <c r="IK4053" s="174"/>
    </row>
    <row r="4054" spans="2:245" x14ac:dyDescent="0.2">
      <c r="B4054" s="43"/>
      <c r="C4054" s="73"/>
      <c r="D4054" s="64"/>
      <c r="E4054" s="64"/>
      <c r="F4054" s="55"/>
      <c r="G4054" s="102"/>
      <c r="H4054" s="97"/>
      <c r="T4054" s="98"/>
      <c r="U4054" s="97"/>
      <c r="AG4054" s="98"/>
      <c r="AY4054" s="164"/>
      <c r="BK4054" s="98"/>
      <c r="BL4054" s="97"/>
      <c r="BX4054" s="98"/>
      <c r="CL4054" s="97"/>
      <c r="CX4054" s="98"/>
      <c r="DL4054" s="97"/>
      <c r="DX4054" s="98"/>
      <c r="EL4054" s="97"/>
      <c r="EX4054" s="98"/>
      <c r="EY4054" s="97"/>
      <c r="FL4054" s="126"/>
      <c r="FM4054" s="91"/>
      <c r="FN4054" s="91"/>
      <c r="FO4054" s="91"/>
      <c r="FP4054" s="91"/>
      <c r="FQ4054" s="91"/>
      <c r="FR4054" s="91"/>
      <c r="FS4054" s="91"/>
      <c r="FT4054" s="91"/>
      <c r="FU4054" s="91"/>
      <c r="FV4054" s="91"/>
      <c r="FW4054" s="91"/>
      <c r="FX4054" s="127"/>
      <c r="FY4054" s="126"/>
      <c r="FZ4054" s="91"/>
      <c r="GA4054" s="91"/>
      <c r="GB4054" s="91"/>
      <c r="GC4054" s="91"/>
      <c r="GD4054" s="91"/>
      <c r="GE4054" s="91"/>
      <c r="GF4054" s="91"/>
      <c r="GG4054" s="91"/>
      <c r="GH4054" s="91"/>
      <c r="GI4054" s="91"/>
      <c r="GJ4054" s="91"/>
      <c r="GK4054" s="127"/>
      <c r="GL4054" s="126"/>
      <c r="GM4054" s="91"/>
      <c r="GN4054" s="91"/>
      <c r="GO4054" s="91"/>
      <c r="GP4054" s="91"/>
      <c r="GQ4054" s="91"/>
      <c r="GR4054" s="91"/>
      <c r="GS4054" s="91"/>
      <c r="GT4054" s="91"/>
      <c r="GU4054" s="91"/>
      <c r="GV4054" s="91"/>
      <c r="GW4054" s="91"/>
      <c r="GX4054" s="127"/>
      <c r="GY4054" s="126"/>
      <c r="GZ4054" s="91"/>
      <c r="HA4054" s="91"/>
      <c r="HB4054" s="91"/>
      <c r="HC4054" s="91"/>
      <c r="HD4054" s="91"/>
      <c r="HE4054" s="91"/>
      <c r="HF4054" s="91"/>
      <c r="HG4054" s="91"/>
      <c r="HH4054" s="91"/>
      <c r="HI4054" s="91"/>
      <c r="HJ4054" s="91"/>
      <c r="HK4054" s="127"/>
      <c r="HL4054" s="126"/>
      <c r="HM4054" s="91"/>
      <c r="HN4054" s="91"/>
      <c r="HO4054" s="91"/>
      <c r="HP4054" s="91"/>
      <c r="HQ4054" s="91"/>
      <c r="HR4054" s="91"/>
      <c r="HS4054" s="91"/>
      <c r="HT4054" s="91"/>
      <c r="HU4054" s="91"/>
      <c r="HV4054" s="91"/>
      <c r="HW4054" s="91"/>
      <c r="HX4054" s="127"/>
      <c r="HY4054" s="126"/>
      <c r="HZ4054" s="91"/>
      <c r="IA4054" s="91"/>
      <c r="IB4054" s="91"/>
      <c r="IC4054" s="91"/>
      <c r="ID4054" s="91"/>
      <c r="IE4054" s="91"/>
      <c r="IF4054" s="91"/>
      <c r="IG4054" s="91"/>
      <c r="IH4054" s="91"/>
      <c r="II4054" s="91"/>
      <c r="IJ4054" s="91"/>
      <c r="IK4054" s="174"/>
    </row>
    <row r="4055" spans="2:245" x14ac:dyDescent="0.2">
      <c r="B4055" s="43"/>
      <c r="C4055" s="73"/>
      <c r="D4055" s="64"/>
      <c r="E4055" s="64"/>
      <c r="F4055" s="55"/>
      <c r="G4055" s="102"/>
      <c r="H4055" s="97"/>
      <c r="T4055" s="98"/>
      <c r="U4055" s="97"/>
      <c r="AG4055" s="98"/>
      <c r="AY4055" s="164"/>
      <c r="BK4055" s="98"/>
      <c r="BL4055" s="97"/>
      <c r="BX4055" s="98"/>
      <c r="CL4055" s="97"/>
      <c r="CX4055" s="98"/>
      <c r="DL4055" s="97"/>
      <c r="DX4055" s="98"/>
      <c r="EL4055" s="97"/>
      <c r="EX4055" s="98"/>
      <c r="EY4055" s="97"/>
      <c r="FL4055" s="126"/>
      <c r="FM4055" s="91"/>
      <c r="FN4055" s="91"/>
      <c r="FO4055" s="91"/>
      <c r="FP4055" s="91"/>
      <c r="FQ4055" s="91"/>
      <c r="FR4055" s="91"/>
      <c r="FS4055" s="91"/>
      <c r="FT4055" s="91"/>
      <c r="FU4055" s="91"/>
      <c r="FV4055" s="91"/>
      <c r="FW4055" s="91"/>
      <c r="FX4055" s="127"/>
      <c r="FY4055" s="126"/>
      <c r="FZ4055" s="91"/>
      <c r="GA4055" s="91"/>
      <c r="GB4055" s="91"/>
      <c r="GC4055" s="91"/>
      <c r="GD4055" s="91"/>
      <c r="GE4055" s="91"/>
      <c r="GF4055" s="91"/>
      <c r="GG4055" s="91"/>
      <c r="GH4055" s="91"/>
      <c r="GI4055" s="91"/>
      <c r="GJ4055" s="91"/>
      <c r="GK4055" s="127"/>
      <c r="GL4055" s="126"/>
      <c r="GM4055" s="91"/>
      <c r="GN4055" s="91"/>
      <c r="GO4055" s="91"/>
      <c r="GP4055" s="91"/>
      <c r="GQ4055" s="91"/>
      <c r="GR4055" s="91"/>
      <c r="GS4055" s="91"/>
      <c r="GT4055" s="91"/>
      <c r="GU4055" s="91"/>
      <c r="GV4055" s="91"/>
      <c r="GW4055" s="91"/>
      <c r="GX4055" s="127"/>
      <c r="GY4055" s="126"/>
      <c r="GZ4055" s="91"/>
      <c r="HA4055" s="91"/>
      <c r="HB4055" s="91"/>
      <c r="HC4055" s="91"/>
      <c r="HD4055" s="91"/>
      <c r="HE4055" s="91"/>
      <c r="HF4055" s="91"/>
      <c r="HG4055" s="91"/>
      <c r="HH4055" s="91"/>
      <c r="HI4055" s="91"/>
      <c r="HJ4055" s="91"/>
      <c r="HK4055" s="127"/>
      <c r="HL4055" s="126"/>
      <c r="HM4055" s="91"/>
      <c r="HN4055" s="91"/>
      <c r="HO4055" s="91"/>
      <c r="HP4055" s="91"/>
      <c r="HQ4055" s="91"/>
      <c r="HR4055" s="91"/>
      <c r="HS4055" s="91"/>
      <c r="HT4055" s="91"/>
      <c r="HU4055" s="91"/>
      <c r="HV4055" s="91"/>
      <c r="HW4055" s="91"/>
      <c r="HX4055" s="127"/>
      <c r="HY4055" s="126"/>
      <c r="HZ4055" s="91"/>
      <c r="IA4055" s="91"/>
      <c r="IB4055" s="91"/>
      <c r="IC4055" s="91"/>
      <c r="ID4055" s="91"/>
      <c r="IE4055" s="91"/>
      <c r="IF4055" s="91"/>
      <c r="IG4055" s="91"/>
      <c r="IH4055" s="91"/>
      <c r="II4055" s="91"/>
      <c r="IJ4055" s="91"/>
      <c r="IK4055" s="174"/>
    </row>
    <row r="4056" spans="2:245" x14ac:dyDescent="0.2">
      <c r="B4056" s="43"/>
      <c r="C4056" s="73"/>
      <c r="D4056" s="64"/>
      <c r="E4056" s="64"/>
      <c r="F4056" s="55"/>
      <c r="G4056" s="102"/>
      <c r="H4056" s="97"/>
      <c r="T4056" s="98"/>
      <c r="U4056" s="97"/>
      <c r="AG4056" s="98"/>
      <c r="AY4056" s="164"/>
      <c r="BK4056" s="98"/>
      <c r="BL4056" s="97"/>
      <c r="BX4056" s="98"/>
      <c r="CL4056" s="97"/>
      <c r="CX4056" s="98"/>
      <c r="DL4056" s="97"/>
      <c r="DX4056" s="98"/>
      <c r="EL4056" s="97"/>
      <c r="EX4056" s="98"/>
      <c r="EY4056" s="97"/>
      <c r="FL4056" s="126"/>
      <c r="FM4056" s="91"/>
      <c r="FN4056" s="91"/>
      <c r="FO4056" s="91"/>
      <c r="FP4056" s="91"/>
      <c r="FQ4056" s="91"/>
      <c r="FR4056" s="91"/>
      <c r="FS4056" s="91"/>
      <c r="FT4056" s="91"/>
      <c r="FU4056" s="91"/>
      <c r="FV4056" s="91"/>
      <c r="FW4056" s="91"/>
      <c r="FX4056" s="127"/>
      <c r="FY4056" s="126"/>
      <c r="FZ4056" s="91"/>
      <c r="GA4056" s="91"/>
      <c r="GB4056" s="91"/>
      <c r="GC4056" s="91"/>
      <c r="GD4056" s="91"/>
      <c r="GE4056" s="91"/>
      <c r="GF4056" s="91"/>
      <c r="GG4056" s="91"/>
      <c r="GH4056" s="91"/>
      <c r="GI4056" s="91"/>
      <c r="GJ4056" s="91"/>
      <c r="GK4056" s="127"/>
      <c r="GL4056" s="126"/>
      <c r="GM4056" s="91"/>
      <c r="GN4056" s="91"/>
      <c r="GO4056" s="91"/>
      <c r="GP4056" s="91"/>
      <c r="GQ4056" s="91"/>
      <c r="GR4056" s="91"/>
      <c r="GS4056" s="91"/>
      <c r="GT4056" s="91"/>
      <c r="GU4056" s="91"/>
      <c r="GV4056" s="91"/>
      <c r="GW4056" s="91"/>
      <c r="GX4056" s="127"/>
      <c r="GY4056" s="126"/>
      <c r="GZ4056" s="91"/>
      <c r="HA4056" s="91"/>
      <c r="HB4056" s="91"/>
      <c r="HC4056" s="91"/>
      <c r="HD4056" s="91"/>
      <c r="HE4056" s="91"/>
      <c r="HF4056" s="91"/>
      <c r="HG4056" s="91"/>
      <c r="HH4056" s="91"/>
      <c r="HI4056" s="91"/>
      <c r="HJ4056" s="91"/>
      <c r="HK4056" s="127"/>
      <c r="HL4056" s="126"/>
      <c r="HM4056" s="91"/>
      <c r="HN4056" s="91"/>
      <c r="HO4056" s="91"/>
      <c r="HP4056" s="91"/>
      <c r="HQ4056" s="91"/>
      <c r="HR4056" s="91"/>
      <c r="HS4056" s="91"/>
      <c r="HT4056" s="91"/>
      <c r="HU4056" s="91"/>
      <c r="HV4056" s="91"/>
      <c r="HW4056" s="91"/>
      <c r="HX4056" s="127"/>
      <c r="HY4056" s="126"/>
      <c r="HZ4056" s="91"/>
      <c r="IA4056" s="91"/>
      <c r="IB4056" s="91"/>
      <c r="IC4056" s="91"/>
      <c r="ID4056" s="91"/>
      <c r="IE4056" s="91"/>
      <c r="IF4056" s="91"/>
      <c r="IG4056" s="91"/>
      <c r="IH4056" s="91"/>
      <c r="II4056" s="91"/>
      <c r="IJ4056" s="91"/>
      <c r="IK4056" s="174"/>
    </row>
    <row r="4057" spans="2:245" x14ac:dyDescent="0.2">
      <c r="B4057" s="43"/>
      <c r="C4057" s="73"/>
      <c r="D4057" s="64"/>
      <c r="E4057" s="64"/>
      <c r="F4057" s="55"/>
      <c r="G4057" s="102"/>
      <c r="H4057" s="97"/>
      <c r="T4057" s="98"/>
      <c r="U4057" s="97"/>
      <c r="AG4057" s="98"/>
      <c r="AY4057" s="164"/>
      <c r="BK4057" s="98"/>
      <c r="BL4057" s="97"/>
      <c r="BX4057" s="98"/>
      <c r="CL4057" s="97"/>
      <c r="CX4057" s="98"/>
      <c r="DL4057" s="97"/>
      <c r="DX4057" s="98"/>
      <c r="EL4057" s="97"/>
      <c r="EX4057" s="98"/>
      <c r="EY4057" s="97"/>
      <c r="FL4057" s="126"/>
      <c r="FM4057" s="91"/>
      <c r="FN4057" s="91"/>
      <c r="FO4057" s="91"/>
      <c r="FP4057" s="91"/>
      <c r="FQ4057" s="91"/>
      <c r="FR4057" s="91"/>
      <c r="FS4057" s="91"/>
      <c r="FT4057" s="91"/>
      <c r="FU4057" s="91"/>
      <c r="FV4057" s="91"/>
      <c r="FW4057" s="91"/>
      <c r="FX4057" s="127"/>
      <c r="FY4057" s="126"/>
      <c r="FZ4057" s="91"/>
      <c r="GA4057" s="91"/>
      <c r="GB4057" s="91"/>
      <c r="GC4057" s="91"/>
      <c r="GD4057" s="91"/>
      <c r="GE4057" s="91"/>
      <c r="GF4057" s="91"/>
      <c r="GG4057" s="91"/>
      <c r="GH4057" s="91"/>
      <c r="GI4057" s="91"/>
      <c r="GJ4057" s="91"/>
      <c r="GK4057" s="127"/>
      <c r="GL4057" s="126"/>
      <c r="GM4057" s="91"/>
      <c r="GN4057" s="91"/>
      <c r="GO4057" s="91"/>
      <c r="GP4057" s="91"/>
      <c r="GQ4057" s="91"/>
      <c r="GR4057" s="91"/>
      <c r="GS4057" s="91"/>
      <c r="GT4057" s="91"/>
      <c r="GU4057" s="91"/>
      <c r="GV4057" s="91"/>
      <c r="GW4057" s="91"/>
      <c r="GX4057" s="127"/>
      <c r="GY4057" s="126"/>
      <c r="GZ4057" s="91"/>
      <c r="HA4057" s="91"/>
      <c r="HB4057" s="91"/>
      <c r="HC4057" s="91"/>
      <c r="HD4057" s="91"/>
      <c r="HE4057" s="91"/>
      <c r="HF4057" s="91"/>
      <c r="HG4057" s="91"/>
      <c r="HH4057" s="91"/>
      <c r="HI4057" s="91"/>
      <c r="HJ4057" s="91"/>
      <c r="HK4057" s="127"/>
      <c r="HL4057" s="126"/>
      <c r="HM4057" s="91"/>
      <c r="HN4057" s="91"/>
      <c r="HO4057" s="91"/>
      <c r="HP4057" s="91"/>
      <c r="HQ4057" s="91"/>
      <c r="HR4057" s="91"/>
      <c r="HS4057" s="91"/>
      <c r="HT4057" s="91"/>
      <c r="HU4057" s="91"/>
      <c r="HV4057" s="91"/>
      <c r="HW4057" s="91"/>
      <c r="HX4057" s="127"/>
      <c r="HY4057" s="126"/>
      <c r="HZ4057" s="91"/>
      <c r="IA4057" s="91"/>
      <c r="IB4057" s="91"/>
      <c r="IC4057" s="91"/>
      <c r="ID4057" s="91"/>
      <c r="IE4057" s="91"/>
      <c r="IF4057" s="91"/>
      <c r="IG4057" s="91"/>
      <c r="IH4057" s="91"/>
      <c r="II4057" s="91"/>
      <c r="IJ4057" s="91"/>
      <c r="IK4057" s="174"/>
    </row>
    <row r="4058" spans="2:245" x14ac:dyDescent="0.2">
      <c r="B4058" s="43"/>
      <c r="C4058" s="73"/>
      <c r="D4058" s="64"/>
      <c r="E4058" s="64"/>
      <c r="F4058" s="55"/>
      <c r="G4058" s="102"/>
      <c r="H4058" s="97"/>
      <c r="T4058" s="98"/>
      <c r="U4058" s="97"/>
      <c r="AG4058" s="98"/>
      <c r="AY4058" s="164"/>
      <c r="BK4058" s="98"/>
      <c r="BL4058" s="97"/>
      <c r="BX4058" s="98"/>
      <c r="CL4058" s="97"/>
      <c r="CX4058" s="98"/>
      <c r="DL4058" s="97"/>
      <c r="DX4058" s="98"/>
      <c r="EL4058" s="97"/>
      <c r="EX4058" s="98"/>
      <c r="EY4058" s="97"/>
      <c r="FL4058" s="126"/>
      <c r="FM4058" s="91"/>
      <c r="FN4058" s="91"/>
      <c r="FO4058" s="91"/>
      <c r="FP4058" s="91"/>
      <c r="FQ4058" s="91"/>
      <c r="FR4058" s="91"/>
      <c r="FS4058" s="91"/>
      <c r="FT4058" s="91"/>
      <c r="FU4058" s="91"/>
      <c r="FV4058" s="91"/>
      <c r="FW4058" s="91"/>
      <c r="FX4058" s="127"/>
      <c r="FY4058" s="126"/>
      <c r="FZ4058" s="91"/>
      <c r="GA4058" s="91"/>
      <c r="GB4058" s="91"/>
      <c r="GC4058" s="91"/>
      <c r="GD4058" s="91"/>
      <c r="GE4058" s="91"/>
      <c r="GF4058" s="91"/>
      <c r="GG4058" s="91"/>
      <c r="GH4058" s="91"/>
      <c r="GI4058" s="91"/>
      <c r="GJ4058" s="91"/>
      <c r="GK4058" s="127"/>
      <c r="GL4058" s="126"/>
      <c r="GM4058" s="91"/>
      <c r="GN4058" s="91"/>
      <c r="GO4058" s="91"/>
      <c r="GP4058" s="91"/>
      <c r="GQ4058" s="91"/>
      <c r="GR4058" s="91"/>
      <c r="GS4058" s="91"/>
      <c r="GT4058" s="91"/>
      <c r="GU4058" s="91"/>
      <c r="GV4058" s="91"/>
      <c r="GW4058" s="91"/>
      <c r="GX4058" s="127"/>
      <c r="GY4058" s="126"/>
      <c r="GZ4058" s="91"/>
      <c r="HA4058" s="91"/>
      <c r="HB4058" s="91"/>
      <c r="HC4058" s="91"/>
      <c r="HD4058" s="91"/>
      <c r="HE4058" s="91"/>
      <c r="HF4058" s="91"/>
      <c r="HG4058" s="91"/>
      <c r="HH4058" s="91"/>
      <c r="HI4058" s="91"/>
      <c r="HJ4058" s="91"/>
      <c r="HK4058" s="127"/>
      <c r="HL4058" s="126"/>
      <c r="HM4058" s="91"/>
      <c r="HN4058" s="91"/>
      <c r="HO4058" s="91"/>
      <c r="HP4058" s="91"/>
      <c r="HQ4058" s="91"/>
      <c r="HR4058" s="91"/>
      <c r="HS4058" s="91"/>
      <c r="HT4058" s="91"/>
      <c r="HU4058" s="91"/>
      <c r="HV4058" s="91"/>
      <c r="HW4058" s="91"/>
      <c r="HX4058" s="127"/>
      <c r="HY4058" s="126"/>
      <c r="HZ4058" s="91"/>
      <c r="IA4058" s="91"/>
      <c r="IB4058" s="91"/>
      <c r="IC4058" s="91"/>
      <c r="ID4058" s="91"/>
      <c r="IE4058" s="91"/>
      <c r="IF4058" s="91"/>
      <c r="IG4058" s="91"/>
      <c r="IH4058" s="91"/>
      <c r="II4058" s="91"/>
      <c r="IJ4058" s="91"/>
      <c r="IK4058" s="174"/>
    </row>
    <row r="4059" spans="2:245" x14ac:dyDescent="0.2">
      <c r="B4059" s="43"/>
      <c r="C4059" s="73"/>
      <c r="D4059" s="64"/>
      <c r="E4059" s="64"/>
      <c r="F4059" s="55"/>
      <c r="G4059" s="102"/>
      <c r="H4059" s="97"/>
      <c r="T4059" s="98"/>
      <c r="U4059" s="97"/>
      <c r="AG4059" s="98"/>
      <c r="AY4059" s="164"/>
      <c r="BK4059" s="98"/>
      <c r="BL4059" s="97"/>
      <c r="BX4059" s="98"/>
      <c r="CL4059" s="97"/>
      <c r="CX4059" s="98"/>
      <c r="DL4059" s="97"/>
      <c r="DX4059" s="98"/>
      <c r="EL4059" s="97"/>
      <c r="EX4059" s="98"/>
      <c r="EY4059" s="97"/>
      <c r="FL4059" s="126"/>
      <c r="FM4059" s="91"/>
      <c r="FN4059" s="91"/>
      <c r="FO4059" s="91"/>
      <c r="FP4059" s="91"/>
      <c r="FQ4059" s="91"/>
      <c r="FR4059" s="91"/>
      <c r="FS4059" s="91"/>
      <c r="FT4059" s="91"/>
      <c r="FU4059" s="91"/>
      <c r="FV4059" s="91"/>
      <c r="FW4059" s="91"/>
      <c r="FX4059" s="127"/>
      <c r="FY4059" s="126"/>
      <c r="FZ4059" s="91"/>
      <c r="GA4059" s="91"/>
      <c r="GB4059" s="91"/>
      <c r="GC4059" s="91"/>
      <c r="GD4059" s="91"/>
      <c r="GE4059" s="91"/>
      <c r="GF4059" s="91"/>
      <c r="GG4059" s="91"/>
      <c r="GH4059" s="91"/>
      <c r="GI4059" s="91"/>
      <c r="GJ4059" s="91"/>
      <c r="GK4059" s="127"/>
      <c r="GL4059" s="126"/>
      <c r="GM4059" s="91"/>
      <c r="GN4059" s="91"/>
      <c r="GO4059" s="91"/>
      <c r="GP4059" s="91"/>
      <c r="GQ4059" s="91"/>
      <c r="GR4059" s="91"/>
      <c r="GS4059" s="91"/>
      <c r="GT4059" s="91"/>
      <c r="GU4059" s="91"/>
      <c r="GV4059" s="91"/>
      <c r="GW4059" s="91"/>
      <c r="GX4059" s="127"/>
      <c r="GY4059" s="126"/>
      <c r="GZ4059" s="91"/>
      <c r="HA4059" s="91"/>
      <c r="HB4059" s="91"/>
      <c r="HC4059" s="91"/>
      <c r="HD4059" s="91"/>
      <c r="HE4059" s="91"/>
      <c r="HF4059" s="91"/>
      <c r="HG4059" s="91"/>
      <c r="HH4059" s="91"/>
      <c r="HI4059" s="91"/>
      <c r="HJ4059" s="91"/>
      <c r="HK4059" s="127"/>
      <c r="HL4059" s="126"/>
      <c r="HM4059" s="91"/>
      <c r="HN4059" s="91"/>
      <c r="HO4059" s="91"/>
      <c r="HP4059" s="91"/>
      <c r="HQ4059" s="91"/>
      <c r="HR4059" s="91"/>
      <c r="HS4059" s="91"/>
      <c r="HT4059" s="91"/>
      <c r="HU4059" s="91"/>
      <c r="HV4059" s="91"/>
      <c r="HW4059" s="91"/>
      <c r="HX4059" s="127"/>
      <c r="HY4059" s="126"/>
      <c r="HZ4059" s="91"/>
      <c r="IA4059" s="91"/>
      <c r="IB4059" s="91"/>
      <c r="IC4059" s="91"/>
      <c r="ID4059" s="91"/>
      <c r="IE4059" s="91"/>
      <c r="IF4059" s="91"/>
      <c r="IG4059" s="91"/>
      <c r="IH4059" s="91"/>
      <c r="II4059" s="91"/>
      <c r="IJ4059" s="91"/>
      <c r="IK4059" s="174"/>
    </row>
    <row r="4060" spans="2:245" x14ac:dyDescent="0.2">
      <c r="B4060" s="43"/>
      <c r="C4060" s="73"/>
      <c r="D4060" s="64"/>
      <c r="E4060" s="64"/>
      <c r="F4060" s="55"/>
      <c r="G4060" s="102"/>
      <c r="H4060" s="97"/>
      <c r="T4060" s="98"/>
      <c r="U4060" s="97"/>
      <c r="AG4060" s="98"/>
      <c r="AY4060" s="164"/>
      <c r="BK4060" s="98"/>
      <c r="BL4060" s="97"/>
      <c r="BX4060" s="98"/>
      <c r="CL4060" s="97"/>
      <c r="CX4060" s="98"/>
      <c r="DL4060" s="97"/>
      <c r="DX4060" s="98"/>
      <c r="EL4060" s="97"/>
      <c r="EX4060" s="98"/>
      <c r="EY4060" s="97"/>
      <c r="FL4060" s="126"/>
      <c r="FM4060" s="91"/>
      <c r="FN4060" s="91"/>
      <c r="FO4060" s="91"/>
      <c r="FP4060" s="91"/>
      <c r="FQ4060" s="91"/>
      <c r="FR4060" s="91"/>
      <c r="FS4060" s="91"/>
      <c r="FT4060" s="91"/>
      <c r="FU4060" s="91"/>
      <c r="FV4060" s="91"/>
      <c r="FW4060" s="91"/>
      <c r="FX4060" s="127"/>
      <c r="FY4060" s="126"/>
      <c r="FZ4060" s="91"/>
      <c r="GA4060" s="91"/>
      <c r="GB4060" s="91"/>
      <c r="GC4060" s="91"/>
      <c r="GD4060" s="91"/>
      <c r="GE4060" s="91"/>
      <c r="GF4060" s="91"/>
      <c r="GG4060" s="91"/>
      <c r="GH4060" s="91"/>
      <c r="GI4060" s="91"/>
      <c r="GJ4060" s="91"/>
      <c r="GK4060" s="127"/>
      <c r="GL4060" s="126"/>
      <c r="GM4060" s="91"/>
      <c r="GN4060" s="91"/>
      <c r="GO4060" s="91"/>
      <c r="GP4060" s="91"/>
      <c r="GQ4060" s="91"/>
      <c r="GR4060" s="91"/>
      <c r="GS4060" s="91"/>
      <c r="GT4060" s="91"/>
      <c r="GU4060" s="91"/>
      <c r="GV4060" s="91"/>
      <c r="GW4060" s="91"/>
      <c r="GX4060" s="127"/>
      <c r="GY4060" s="126"/>
      <c r="GZ4060" s="91"/>
      <c r="HA4060" s="91"/>
      <c r="HB4060" s="91"/>
      <c r="HC4060" s="91"/>
      <c r="HD4060" s="91"/>
      <c r="HE4060" s="91"/>
      <c r="HF4060" s="91"/>
      <c r="HG4060" s="91"/>
      <c r="HH4060" s="91"/>
      <c r="HI4060" s="91"/>
      <c r="HJ4060" s="91"/>
      <c r="HK4060" s="127"/>
      <c r="HL4060" s="126"/>
      <c r="HM4060" s="91"/>
      <c r="HN4060" s="91"/>
      <c r="HO4060" s="91"/>
      <c r="HP4060" s="91"/>
      <c r="HQ4060" s="91"/>
      <c r="HR4060" s="91"/>
      <c r="HS4060" s="91"/>
      <c r="HT4060" s="91"/>
      <c r="HU4060" s="91"/>
      <c r="HV4060" s="91"/>
      <c r="HW4060" s="91"/>
      <c r="HX4060" s="127"/>
      <c r="HY4060" s="126"/>
      <c r="HZ4060" s="91"/>
      <c r="IA4060" s="91"/>
      <c r="IB4060" s="91"/>
      <c r="IC4060" s="91"/>
      <c r="ID4060" s="91"/>
      <c r="IE4060" s="91"/>
      <c r="IF4060" s="91"/>
      <c r="IG4060" s="91"/>
      <c r="IH4060" s="91"/>
      <c r="II4060" s="91"/>
      <c r="IJ4060" s="91"/>
      <c r="IK4060" s="174"/>
    </row>
    <row r="4061" spans="2:245" x14ac:dyDescent="0.2">
      <c r="B4061" s="43"/>
      <c r="C4061" s="73"/>
      <c r="D4061" s="64"/>
      <c r="E4061" s="64"/>
      <c r="F4061" s="55"/>
      <c r="G4061" s="102"/>
      <c r="H4061" s="97"/>
      <c r="T4061" s="98"/>
      <c r="U4061" s="97"/>
      <c r="AG4061" s="98"/>
      <c r="AY4061" s="164"/>
      <c r="BK4061" s="98"/>
      <c r="BL4061" s="97"/>
      <c r="BX4061" s="98"/>
      <c r="CL4061" s="97"/>
      <c r="CX4061" s="98"/>
      <c r="DL4061" s="97"/>
      <c r="DX4061" s="98"/>
      <c r="EL4061" s="97"/>
      <c r="EX4061" s="98"/>
      <c r="EY4061" s="97"/>
      <c r="FL4061" s="126"/>
      <c r="FM4061" s="91"/>
      <c r="FN4061" s="91"/>
      <c r="FO4061" s="91"/>
      <c r="FP4061" s="91"/>
      <c r="FQ4061" s="91"/>
      <c r="FR4061" s="91"/>
      <c r="FS4061" s="91"/>
      <c r="FT4061" s="91"/>
      <c r="FU4061" s="91"/>
      <c r="FV4061" s="91"/>
      <c r="FW4061" s="91"/>
      <c r="FX4061" s="127"/>
      <c r="FY4061" s="126"/>
      <c r="FZ4061" s="91"/>
      <c r="GA4061" s="91"/>
      <c r="GB4061" s="91"/>
      <c r="GC4061" s="91"/>
      <c r="GD4061" s="91"/>
      <c r="GE4061" s="91"/>
      <c r="GF4061" s="91"/>
      <c r="GG4061" s="91"/>
      <c r="GH4061" s="91"/>
      <c r="GI4061" s="91"/>
      <c r="GJ4061" s="91"/>
      <c r="GK4061" s="127"/>
      <c r="GL4061" s="126"/>
      <c r="GM4061" s="91"/>
      <c r="GN4061" s="91"/>
      <c r="GO4061" s="91"/>
      <c r="GP4061" s="91"/>
      <c r="GQ4061" s="91"/>
      <c r="GR4061" s="91"/>
      <c r="GS4061" s="91"/>
      <c r="GT4061" s="91"/>
      <c r="GU4061" s="91"/>
      <c r="GV4061" s="91"/>
      <c r="GW4061" s="91"/>
      <c r="GX4061" s="127"/>
      <c r="GY4061" s="126"/>
      <c r="GZ4061" s="91"/>
      <c r="HA4061" s="91"/>
      <c r="HB4061" s="91"/>
      <c r="HC4061" s="91"/>
      <c r="HD4061" s="91"/>
      <c r="HE4061" s="91"/>
      <c r="HF4061" s="91"/>
      <c r="HG4061" s="91"/>
      <c r="HH4061" s="91"/>
      <c r="HI4061" s="91"/>
      <c r="HJ4061" s="91"/>
      <c r="HK4061" s="127"/>
      <c r="HL4061" s="126"/>
      <c r="HM4061" s="91"/>
      <c r="HN4061" s="91"/>
      <c r="HO4061" s="91"/>
      <c r="HP4061" s="91"/>
      <c r="HQ4061" s="91"/>
      <c r="HR4061" s="91"/>
      <c r="HS4061" s="91"/>
      <c r="HT4061" s="91"/>
      <c r="HU4061" s="91"/>
      <c r="HV4061" s="91"/>
      <c r="HW4061" s="91"/>
      <c r="HX4061" s="127"/>
      <c r="HY4061" s="126"/>
      <c r="HZ4061" s="91"/>
      <c r="IA4061" s="91"/>
      <c r="IB4061" s="91"/>
      <c r="IC4061" s="91"/>
      <c r="ID4061" s="91"/>
      <c r="IE4061" s="91"/>
      <c r="IF4061" s="91"/>
      <c r="IG4061" s="91"/>
      <c r="IH4061" s="91"/>
      <c r="II4061" s="91"/>
      <c r="IJ4061" s="91"/>
      <c r="IK4061" s="174"/>
    </row>
    <row r="4062" spans="2:245" x14ac:dyDescent="0.2">
      <c r="B4062" s="43"/>
      <c r="C4062" s="73"/>
      <c r="D4062" s="64"/>
      <c r="E4062" s="64"/>
      <c r="F4062" s="55"/>
      <c r="G4062" s="102"/>
      <c r="H4062" s="97"/>
      <c r="T4062" s="98"/>
      <c r="U4062" s="97"/>
      <c r="AG4062" s="98"/>
      <c r="AY4062" s="164"/>
      <c r="BK4062" s="98"/>
      <c r="BL4062" s="97"/>
      <c r="BX4062" s="98"/>
      <c r="CL4062" s="97"/>
      <c r="CX4062" s="98"/>
      <c r="DL4062" s="97"/>
      <c r="DX4062" s="98"/>
      <c r="EL4062" s="97"/>
      <c r="EX4062" s="98"/>
      <c r="EY4062" s="97"/>
      <c r="FL4062" s="126"/>
      <c r="FM4062" s="91"/>
      <c r="FN4062" s="91"/>
      <c r="FO4062" s="91"/>
      <c r="FP4062" s="91"/>
      <c r="FQ4062" s="91"/>
      <c r="FR4062" s="91"/>
      <c r="FS4062" s="91"/>
      <c r="FT4062" s="91"/>
      <c r="FU4062" s="91"/>
      <c r="FV4062" s="91"/>
      <c r="FW4062" s="91"/>
      <c r="FX4062" s="127"/>
      <c r="FY4062" s="126"/>
      <c r="FZ4062" s="91"/>
      <c r="GA4062" s="91"/>
      <c r="GB4062" s="91"/>
      <c r="GC4062" s="91"/>
      <c r="GD4062" s="91"/>
      <c r="GE4062" s="91"/>
      <c r="GF4062" s="91"/>
      <c r="GG4062" s="91"/>
      <c r="GH4062" s="91"/>
      <c r="GI4062" s="91"/>
      <c r="GJ4062" s="91"/>
      <c r="GK4062" s="127"/>
      <c r="GL4062" s="126"/>
      <c r="GM4062" s="91"/>
      <c r="GN4062" s="91"/>
      <c r="GO4062" s="91"/>
      <c r="GP4062" s="91"/>
      <c r="GQ4062" s="91"/>
      <c r="GR4062" s="91"/>
      <c r="GS4062" s="91"/>
      <c r="GT4062" s="91"/>
      <c r="GU4062" s="91"/>
      <c r="GV4062" s="91"/>
      <c r="GW4062" s="91"/>
      <c r="GX4062" s="127"/>
      <c r="GY4062" s="126"/>
      <c r="GZ4062" s="91"/>
      <c r="HA4062" s="91"/>
      <c r="HB4062" s="91"/>
      <c r="HC4062" s="91"/>
      <c r="HD4062" s="91"/>
      <c r="HE4062" s="91"/>
      <c r="HF4062" s="91"/>
      <c r="HG4062" s="91"/>
      <c r="HH4062" s="91"/>
      <c r="HI4062" s="91"/>
      <c r="HJ4062" s="91"/>
      <c r="HK4062" s="127"/>
      <c r="HL4062" s="126"/>
      <c r="HM4062" s="91"/>
      <c r="HN4062" s="91"/>
      <c r="HO4062" s="91"/>
      <c r="HP4062" s="91"/>
      <c r="HQ4062" s="91"/>
      <c r="HR4062" s="91"/>
      <c r="HS4062" s="91"/>
      <c r="HT4062" s="91"/>
      <c r="HU4062" s="91"/>
      <c r="HV4062" s="91"/>
      <c r="HW4062" s="91"/>
      <c r="HX4062" s="127"/>
      <c r="HY4062" s="126"/>
      <c r="HZ4062" s="91"/>
      <c r="IA4062" s="91"/>
      <c r="IB4062" s="91"/>
      <c r="IC4062" s="91"/>
      <c r="ID4062" s="91"/>
      <c r="IE4062" s="91"/>
      <c r="IF4062" s="91"/>
      <c r="IG4062" s="91"/>
      <c r="IH4062" s="91"/>
      <c r="II4062" s="91"/>
      <c r="IJ4062" s="91"/>
      <c r="IK4062" s="174"/>
    </row>
    <row r="4063" spans="2:245" x14ac:dyDescent="0.2">
      <c r="B4063" s="43"/>
      <c r="C4063" s="73"/>
      <c r="D4063" s="64"/>
      <c r="E4063" s="64"/>
      <c r="F4063" s="55"/>
      <c r="G4063" s="102"/>
      <c r="H4063" s="97"/>
      <c r="T4063" s="98"/>
      <c r="U4063" s="97"/>
      <c r="AG4063" s="98"/>
      <c r="AY4063" s="164"/>
      <c r="BK4063" s="98"/>
      <c r="BL4063" s="97"/>
      <c r="BX4063" s="98"/>
      <c r="CL4063" s="97"/>
      <c r="CX4063" s="98"/>
      <c r="DL4063" s="97"/>
      <c r="DX4063" s="98"/>
      <c r="EL4063" s="97"/>
      <c r="EX4063" s="98"/>
      <c r="EY4063" s="97"/>
      <c r="FL4063" s="126"/>
      <c r="FM4063" s="91"/>
      <c r="FN4063" s="91"/>
      <c r="FO4063" s="91"/>
      <c r="FP4063" s="91"/>
      <c r="FQ4063" s="91"/>
      <c r="FR4063" s="91"/>
      <c r="FS4063" s="91"/>
      <c r="FT4063" s="91"/>
      <c r="FU4063" s="91"/>
      <c r="FV4063" s="91"/>
      <c r="FW4063" s="91"/>
      <c r="FX4063" s="127"/>
      <c r="FY4063" s="126"/>
      <c r="FZ4063" s="91"/>
      <c r="GA4063" s="91"/>
      <c r="GB4063" s="91"/>
      <c r="GC4063" s="91"/>
      <c r="GD4063" s="91"/>
      <c r="GE4063" s="91"/>
      <c r="GF4063" s="91"/>
      <c r="GG4063" s="91"/>
      <c r="GH4063" s="91"/>
      <c r="GI4063" s="91"/>
      <c r="GJ4063" s="91"/>
      <c r="GK4063" s="127"/>
      <c r="GL4063" s="126"/>
      <c r="GM4063" s="91"/>
      <c r="GN4063" s="91"/>
      <c r="GO4063" s="91"/>
      <c r="GP4063" s="91"/>
      <c r="GQ4063" s="91"/>
      <c r="GR4063" s="91"/>
      <c r="GS4063" s="91"/>
      <c r="GT4063" s="91"/>
      <c r="GU4063" s="91"/>
      <c r="GV4063" s="91"/>
      <c r="GW4063" s="91"/>
      <c r="GX4063" s="127"/>
      <c r="GY4063" s="126"/>
      <c r="GZ4063" s="91"/>
      <c r="HA4063" s="91"/>
      <c r="HB4063" s="91"/>
      <c r="HC4063" s="91"/>
      <c r="HD4063" s="91"/>
      <c r="HE4063" s="91"/>
      <c r="HF4063" s="91"/>
      <c r="HG4063" s="91"/>
      <c r="HH4063" s="91"/>
      <c r="HI4063" s="91"/>
      <c r="HJ4063" s="91"/>
      <c r="HK4063" s="127"/>
      <c r="HL4063" s="126"/>
      <c r="HM4063" s="91"/>
      <c r="HN4063" s="91"/>
      <c r="HO4063" s="91"/>
      <c r="HP4063" s="91"/>
      <c r="HQ4063" s="91"/>
      <c r="HR4063" s="91"/>
      <c r="HS4063" s="91"/>
      <c r="HT4063" s="91"/>
      <c r="HU4063" s="91"/>
      <c r="HV4063" s="91"/>
      <c r="HW4063" s="91"/>
      <c r="HX4063" s="127"/>
      <c r="HY4063" s="126"/>
      <c r="HZ4063" s="91"/>
      <c r="IA4063" s="91"/>
      <c r="IB4063" s="91"/>
      <c r="IC4063" s="91"/>
      <c r="ID4063" s="91"/>
      <c r="IE4063" s="91"/>
      <c r="IF4063" s="91"/>
      <c r="IG4063" s="91"/>
      <c r="IH4063" s="91"/>
      <c r="II4063" s="91"/>
      <c r="IJ4063" s="91"/>
      <c r="IK4063" s="174"/>
    </row>
    <row r="4064" spans="2:245" x14ac:dyDescent="0.2">
      <c r="B4064" s="43"/>
      <c r="C4064" s="73"/>
      <c r="D4064" s="64"/>
      <c r="E4064" s="64"/>
      <c r="F4064" s="55"/>
      <c r="G4064" s="102"/>
      <c r="H4064" s="97"/>
      <c r="T4064" s="98"/>
      <c r="U4064" s="97"/>
      <c r="AG4064" s="98"/>
      <c r="AY4064" s="164"/>
      <c r="BK4064" s="98"/>
      <c r="BL4064" s="97"/>
      <c r="BX4064" s="98"/>
      <c r="CL4064" s="97"/>
      <c r="CX4064" s="98"/>
      <c r="DL4064" s="97"/>
      <c r="DX4064" s="98"/>
      <c r="EL4064" s="97"/>
      <c r="EX4064" s="98"/>
      <c r="EY4064" s="97"/>
      <c r="FL4064" s="126"/>
      <c r="FM4064" s="91"/>
      <c r="FN4064" s="91"/>
      <c r="FO4064" s="91"/>
      <c r="FP4064" s="91"/>
      <c r="FQ4064" s="91"/>
      <c r="FR4064" s="91"/>
      <c r="FS4064" s="91"/>
      <c r="FT4064" s="91"/>
      <c r="FU4064" s="91"/>
      <c r="FV4064" s="91"/>
      <c r="FW4064" s="91"/>
      <c r="FX4064" s="127"/>
      <c r="FY4064" s="126"/>
      <c r="FZ4064" s="91"/>
      <c r="GA4064" s="91"/>
      <c r="GB4064" s="91"/>
      <c r="GC4064" s="91"/>
      <c r="GD4064" s="91"/>
      <c r="GE4064" s="91"/>
      <c r="GF4064" s="91"/>
      <c r="GG4064" s="91"/>
      <c r="GH4064" s="91"/>
      <c r="GI4064" s="91"/>
      <c r="GJ4064" s="91"/>
      <c r="GK4064" s="127"/>
      <c r="GL4064" s="126"/>
      <c r="GM4064" s="91"/>
      <c r="GN4064" s="91"/>
      <c r="GO4064" s="91"/>
      <c r="GP4064" s="91"/>
      <c r="GQ4064" s="91"/>
      <c r="GR4064" s="91"/>
      <c r="GS4064" s="91"/>
      <c r="GT4064" s="91"/>
      <c r="GU4064" s="91"/>
      <c r="GV4064" s="91"/>
      <c r="GW4064" s="91"/>
      <c r="GX4064" s="127"/>
      <c r="GY4064" s="126"/>
      <c r="GZ4064" s="91"/>
      <c r="HA4064" s="91"/>
      <c r="HB4064" s="91"/>
      <c r="HC4064" s="91"/>
      <c r="HD4064" s="91"/>
      <c r="HE4064" s="91"/>
      <c r="HF4064" s="91"/>
      <c r="HG4064" s="91"/>
      <c r="HH4064" s="91"/>
      <c r="HI4064" s="91"/>
      <c r="HJ4064" s="91"/>
      <c r="HK4064" s="127"/>
      <c r="HL4064" s="126"/>
      <c r="HM4064" s="91"/>
      <c r="HN4064" s="91"/>
      <c r="HO4064" s="91"/>
      <c r="HP4064" s="91"/>
      <c r="HQ4064" s="91"/>
      <c r="HR4064" s="91"/>
      <c r="HS4064" s="91"/>
      <c r="HT4064" s="91"/>
      <c r="HU4064" s="91"/>
      <c r="HV4064" s="91"/>
      <c r="HW4064" s="91"/>
      <c r="HX4064" s="127"/>
      <c r="HY4064" s="126"/>
      <c r="HZ4064" s="91"/>
      <c r="IA4064" s="91"/>
      <c r="IB4064" s="91"/>
      <c r="IC4064" s="91"/>
      <c r="ID4064" s="91"/>
      <c r="IE4064" s="91"/>
      <c r="IF4064" s="91"/>
      <c r="IG4064" s="91"/>
      <c r="IH4064" s="91"/>
      <c r="II4064" s="91"/>
      <c r="IJ4064" s="91"/>
      <c r="IK4064" s="174"/>
    </row>
    <row r="4065" spans="2:245" x14ac:dyDescent="0.2">
      <c r="B4065" s="43"/>
      <c r="C4065" s="73"/>
      <c r="D4065" s="64"/>
      <c r="E4065" s="64"/>
      <c r="F4065" s="55"/>
      <c r="G4065" s="102"/>
      <c r="H4065" s="97"/>
      <c r="T4065" s="98"/>
      <c r="U4065" s="97"/>
      <c r="AG4065" s="98"/>
      <c r="AY4065" s="164"/>
      <c r="BK4065" s="98"/>
      <c r="BL4065" s="97"/>
      <c r="BX4065" s="98"/>
      <c r="CL4065" s="97"/>
      <c r="CX4065" s="98"/>
      <c r="DL4065" s="97"/>
      <c r="DX4065" s="98"/>
      <c r="EL4065" s="97"/>
      <c r="EX4065" s="98"/>
      <c r="EY4065" s="97"/>
      <c r="FL4065" s="126"/>
      <c r="FM4065" s="91"/>
      <c r="FN4065" s="91"/>
      <c r="FO4065" s="91"/>
      <c r="FP4065" s="91"/>
      <c r="FQ4065" s="91"/>
      <c r="FR4065" s="91"/>
      <c r="FS4065" s="91"/>
      <c r="FT4065" s="91"/>
      <c r="FU4065" s="91"/>
      <c r="FV4065" s="91"/>
      <c r="FW4065" s="91"/>
      <c r="FX4065" s="127"/>
      <c r="FY4065" s="126"/>
      <c r="FZ4065" s="91"/>
      <c r="GA4065" s="91"/>
      <c r="GB4065" s="91"/>
      <c r="GC4065" s="91"/>
      <c r="GD4065" s="91"/>
      <c r="GE4065" s="91"/>
      <c r="GF4065" s="91"/>
      <c r="GG4065" s="91"/>
      <c r="GH4065" s="91"/>
      <c r="GI4065" s="91"/>
      <c r="GJ4065" s="91"/>
      <c r="GK4065" s="127"/>
      <c r="GL4065" s="126"/>
      <c r="GM4065" s="91"/>
      <c r="GN4065" s="91"/>
      <c r="GO4065" s="91"/>
      <c r="GP4065" s="91"/>
      <c r="GQ4065" s="91"/>
      <c r="GR4065" s="91"/>
      <c r="GS4065" s="91"/>
      <c r="GT4065" s="91"/>
      <c r="GU4065" s="91"/>
      <c r="GV4065" s="91"/>
      <c r="GW4065" s="91"/>
      <c r="GX4065" s="127"/>
      <c r="GY4065" s="126"/>
      <c r="GZ4065" s="91"/>
      <c r="HA4065" s="91"/>
      <c r="HB4065" s="91"/>
      <c r="HC4065" s="91"/>
      <c r="HD4065" s="91"/>
      <c r="HE4065" s="91"/>
      <c r="HF4065" s="91"/>
      <c r="HG4065" s="91"/>
      <c r="HH4065" s="91"/>
      <c r="HI4065" s="91"/>
      <c r="HJ4065" s="91"/>
      <c r="HK4065" s="127"/>
      <c r="HL4065" s="126"/>
      <c r="HM4065" s="91"/>
      <c r="HN4065" s="91"/>
      <c r="HO4065" s="91"/>
      <c r="HP4065" s="91"/>
      <c r="HQ4065" s="91"/>
      <c r="HR4065" s="91"/>
      <c r="HS4065" s="91"/>
      <c r="HT4065" s="91"/>
      <c r="HU4065" s="91"/>
      <c r="HV4065" s="91"/>
      <c r="HW4065" s="91"/>
      <c r="HX4065" s="127"/>
      <c r="HY4065" s="126"/>
      <c r="HZ4065" s="91"/>
      <c r="IA4065" s="91"/>
      <c r="IB4065" s="91"/>
      <c r="IC4065" s="91"/>
      <c r="ID4065" s="91"/>
      <c r="IE4065" s="91"/>
      <c r="IF4065" s="91"/>
      <c r="IG4065" s="91"/>
      <c r="IH4065" s="91"/>
      <c r="II4065" s="91"/>
      <c r="IJ4065" s="91"/>
      <c r="IK4065" s="174"/>
    </row>
    <row r="4066" spans="2:245" x14ac:dyDescent="0.2">
      <c r="B4066" s="43"/>
      <c r="C4066" s="73"/>
      <c r="D4066" s="64"/>
      <c r="E4066" s="64"/>
      <c r="F4066" s="55"/>
      <c r="G4066" s="102"/>
      <c r="H4066" s="97"/>
      <c r="T4066" s="98"/>
      <c r="U4066" s="97"/>
      <c r="AG4066" s="98"/>
      <c r="AY4066" s="164"/>
      <c r="BK4066" s="98"/>
      <c r="BL4066" s="97"/>
      <c r="BX4066" s="98"/>
      <c r="CL4066" s="97"/>
      <c r="CX4066" s="98"/>
      <c r="DL4066" s="97"/>
      <c r="DX4066" s="98"/>
      <c r="EL4066" s="97"/>
      <c r="EX4066" s="98"/>
      <c r="EY4066" s="97"/>
      <c r="FL4066" s="126"/>
      <c r="FM4066" s="91"/>
      <c r="FN4066" s="91"/>
      <c r="FO4066" s="91"/>
      <c r="FP4066" s="91"/>
      <c r="FQ4066" s="91"/>
      <c r="FR4066" s="91"/>
      <c r="FS4066" s="91"/>
      <c r="FT4066" s="91"/>
      <c r="FU4066" s="91"/>
      <c r="FV4066" s="91"/>
      <c r="FW4066" s="91"/>
      <c r="FX4066" s="127"/>
      <c r="FY4066" s="126"/>
      <c r="FZ4066" s="91"/>
      <c r="GA4066" s="91"/>
      <c r="GB4066" s="91"/>
      <c r="GC4066" s="91"/>
      <c r="GD4066" s="91"/>
      <c r="GE4066" s="91"/>
      <c r="GF4066" s="91"/>
      <c r="GG4066" s="91"/>
      <c r="GH4066" s="91"/>
      <c r="GI4066" s="91"/>
      <c r="GJ4066" s="91"/>
      <c r="GK4066" s="127"/>
      <c r="GL4066" s="126"/>
      <c r="GM4066" s="91"/>
      <c r="GN4066" s="91"/>
      <c r="GO4066" s="91"/>
      <c r="GP4066" s="91"/>
      <c r="GQ4066" s="91"/>
      <c r="GR4066" s="91"/>
      <c r="GS4066" s="91"/>
      <c r="GT4066" s="91"/>
      <c r="GU4066" s="91"/>
      <c r="GV4066" s="91"/>
      <c r="GW4066" s="91"/>
      <c r="GX4066" s="127"/>
      <c r="GY4066" s="126"/>
      <c r="GZ4066" s="91"/>
      <c r="HA4066" s="91"/>
      <c r="HB4066" s="91"/>
      <c r="HC4066" s="91"/>
      <c r="HD4066" s="91"/>
      <c r="HE4066" s="91"/>
      <c r="HF4066" s="91"/>
      <c r="HG4066" s="91"/>
      <c r="HH4066" s="91"/>
      <c r="HI4066" s="91"/>
      <c r="HJ4066" s="91"/>
      <c r="HK4066" s="127"/>
      <c r="HL4066" s="126"/>
      <c r="HM4066" s="91"/>
      <c r="HN4066" s="91"/>
      <c r="HO4066" s="91"/>
      <c r="HP4066" s="91"/>
      <c r="HQ4066" s="91"/>
      <c r="HR4066" s="91"/>
      <c r="HS4066" s="91"/>
      <c r="HT4066" s="91"/>
      <c r="HU4066" s="91"/>
      <c r="HV4066" s="91"/>
      <c r="HW4066" s="91"/>
      <c r="HX4066" s="127"/>
      <c r="HY4066" s="126"/>
      <c r="HZ4066" s="91"/>
      <c r="IA4066" s="91"/>
      <c r="IB4066" s="91"/>
      <c r="IC4066" s="91"/>
      <c r="ID4066" s="91"/>
      <c r="IE4066" s="91"/>
      <c r="IF4066" s="91"/>
      <c r="IG4066" s="91"/>
      <c r="IH4066" s="91"/>
      <c r="II4066" s="91"/>
      <c r="IJ4066" s="91"/>
      <c r="IK4066" s="174"/>
    </row>
    <row r="4067" spans="2:245" x14ac:dyDescent="0.2">
      <c r="B4067" s="43"/>
      <c r="C4067" s="73"/>
      <c r="D4067" s="64"/>
      <c r="E4067" s="64"/>
      <c r="F4067" s="55"/>
      <c r="G4067" s="102"/>
      <c r="H4067" s="97"/>
      <c r="T4067" s="98"/>
      <c r="U4067" s="97"/>
      <c r="AG4067" s="98"/>
      <c r="AY4067" s="164"/>
      <c r="BK4067" s="98"/>
      <c r="BL4067" s="97"/>
      <c r="BX4067" s="98"/>
      <c r="CL4067" s="97"/>
      <c r="CX4067" s="98"/>
      <c r="DL4067" s="97"/>
      <c r="DX4067" s="98"/>
      <c r="EL4067" s="97"/>
      <c r="EX4067" s="98"/>
      <c r="EY4067" s="97"/>
      <c r="FL4067" s="126"/>
      <c r="FM4067" s="91"/>
      <c r="FN4067" s="91"/>
      <c r="FO4067" s="91"/>
      <c r="FP4067" s="91"/>
      <c r="FQ4067" s="91"/>
      <c r="FR4067" s="91"/>
      <c r="FS4067" s="91"/>
      <c r="FT4067" s="91"/>
      <c r="FU4067" s="91"/>
      <c r="FV4067" s="91"/>
      <c r="FW4067" s="91"/>
      <c r="FX4067" s="127"/>
      <c r="FY4067" s="126"/>
      <c r="FZ4067" s="91"/>
      <c r="GA4067" s="91"/>
      <c r="GB4067" s="91"/>
      <c r="GC4067" s="91"/>
      <c r="GD4067" s="91"/>
      <c r="GE4067" s="91"/>
      <c r="GF4067" s="91"/>
      <c r="GG4067" s="91"/>
      <c r="GH4067" s="91"/>
      <c r="GI4067" s="91"/>
      <c r="GJ4067" s="91"/>
      <c r="GK4067" s="127"/>
      <c r="GL4067" s="126"/>
      <c r="GM4067" s="91"/>
      <c r="GN4067" s="91"/>
      <c r="GO4067" s="91"/>
      <c r="GP4067" s="91"/>
      <c r="GQ4067" s="91"/>
      <c r="GR4067" s="91"/>
      <c r="GS4067" s="91"/>
      <c r="GT4067" s="91"/>
      <c r="GU4067" s="91"/>
      <c r="GV4067" s="91"/>
      <c r="GW4067" s="91"/>
      <c r="GX4067" s="127"/>
      <c r="GY4067" s="126"/>
      <c r="GZ4067" s="91"/>
      <c r="HA4067" s="91"/>
      <c r="HB4067" s="91"/>
      <c r="HC4067" s="91"/>
      <c r="HD4067" s="91"/>
      <c r="HE4067" s="91"/>
      <c r="HF4067" s="91"/>
      <c r="HG4067" s="91"/>
      <c r="HH4067" s="91"/>
      <c r="HI4067" s="91"/>
      <c r="HJ4067" s="91"/>
      <c r="HK4067" s="127"/>
      <c r="HL4067" s="126"/>
      <c r="HM4067" s="91"/>
      <c r="HN4067" s="91"/>
      <c r="HO4067" s="91"/>
      <c r="HP4067" s="91"/>
      <c r="HQ4067" s="91"/>
      <c r="HR4067" s="91"/>
      <c r="HS4067" s="91"/>
      <c r="HT4067" s="91"/>
      <c r="HU4067" s="91"/>
      <c r="HV4067" s="91"/>
      <c r="HW4067" s="91"/>
      <c r="HX4067" s="127"/>
      <c r="HY4067" s="126"/>
      <c r="HZ4067" s="91"/>
      <c r="IA4067" s="91"/>
      <c r="IB4067" s="91"/>
      <c r="IC4067" s="91"/>
      <c r="ID4067" s="91"/>
      <c r="IE4067" s="91"/>
      <c r="IF4067" s="91"/>
      <c r="IG4067" s="91"/>
      <c r="IH4067" s="91"/>
      <c r="II4067" s="91"/>
      <c r="IJ4067" s="91"/>
      <c r="IK4067" s="174"/>
    </row>
    <row r="4068" spans="2:245" x14ac:dyDescent="0.2">
      <c r="B4068" s="43"/>
      <c r="C4068" s="73"/>
      <c r="D4068" s="64"/>
      <c r="E4068" s="64"/>
      <c r="F4068" s="55"/>
      <c r="G4068" s="102"/>
      <c r="H4068" s="97"/>
      <c r="T4068" s="98"/>
      <c r="U4068" s="97"/>
      <c r="AG4068" s="98"/>
      <c r="AY4068" s="164"/>
      <c r="BK4068" s="98"/>
      <c r="BL4068" s="97"/>
      <c r="BX4068" s="98"/>
      <c r="CL4068" s="97"/>
      <c r="CX4068" s="98"/>
      <c r="DL4068" s="97"/>
      <c r="DX4068" s="98"/>
      <c r="EL4068" s="97"/>
      <c r="EX4068" s="98"/>
      <c r="EY4068" s="97"/>
      <c r="FL4068" s="126"/>
      <c r="FM4068" s="91"/>
      <c r="FN4068" s="91"/>
      <c r="FO4068" s="91"/>
      <c r="FP4068" s="91"/>
      <c r="FQ4068" s="91"/>
      <c r="FR4068" s="91"/>
      <c r="FS4068" s="91"/>
      <c r="FT4068" s="91"/>
      <c r="FU4068" s="91"/>
      <c r="FV4068" s="91"/>
      <c r="FW4068" s="91"/>
      <c r="FX4068" s="127"/>
      <c r="FY4068" s="126"/>
      <c r="FZ4068" s="91"/>
      <c r="GA4068" s="91"/>
      <c r="GB4068" s="91"/>
      <c r="GC4068" s="91"/>
      <c r="GD4068" s="91"/>
      <c r="GE4068" s="91"/>
      <c r="GF4068" s="91"/>
      <c r="GG4068" s="91"/>
      <c r="GH4068" s="91"/>
      <c r="GI4068" s="91"/>
      <c r="GJ4068" s="91"/>
      <c r="GK4068" s="127"/>
      <c r="GL4068" s="126"/>
      <c r="GM4068" s="91"/>
      <c r="GN4068" s="91"/>
      <c r="GO4068" s="91"/>
      <c r="GP4068" s="91"/>
      <c r="GQ4068" s="91"/>
      <c r="GR4068" s="91"/>
      <c r="GS4068" s="91"/>
      <c r="GT4068" s="91"/>
      <c r="GU4068" s="91"/>
      <c r="GV4068" s="91"/>
      <c r="GW4068" s="91"/>
      <c r="GX4068" s="127"/>
      <c r="GY4068" s="126"/>
      <c r="GZ4068" s="91"/>
      <c r="HA4068" s="91"/>
      <c r="HB4068" s="91"/>
      <c r="HC4068" s="91"/>
      <c r="HD4068" s="91"/>
      <c r="HE4068" s="91"/>
      <c r="HF4068" s="91"/>
      <c r="HG4068" s="91"/>
      <c r="HH4068" s="91"/>
      <c r="HI4068" s="91"/>
      <c r="HJ4068" s="91"/>
      <c r="HK4068" s="127"/>
      <c r="HL4068" s="126"/>
      <c r="HM4068" s="91"/>
      <c r="HN4068" s="91"/>
      <c r="HO4068" s="91"/>
      <c r="HP4068" s="91"/>
      <c r="HQ4068" s="91"/>
      <c r="HR4068" s="91"/>
      <c r="HS4068" s="91"/>
      <c r="HT4068" s="91"/>
      <c r="HU4068" s="91"/>
      <c r="HV4068" s="91"/>
      <c r="HW4068" s="91"/>
      <c r="HX4068" s="127"/>
      <c r="HY4068" s="126"/>
      <c r="HZ4068" s="91"/>
      <c r="IA4068" s="91"/>
      <c r="IB4068" s="91"/>
      <c r="IC4068" s="91"/>
      <c r="ID4068" s="91"/>
      <c r="IE4068" s="91"/>
      <c r="IF4068" s="91"/>
      <c r="IG4068" s="91"/>
      <c r="IH4068" s="91"/>
      <c r="II4068" s="91"/>
      <c r="IJ4068" s="91"/>
      <c r="IK4068" s="174"/>
    </row>
    <row r="4069" spans="2:245" x14ac:dyDescent="0.2">
      <c r="B4069" s="43"/>
      <c r="C4069" s="73"/>
      <c r="D4069" s="64"/>
      <c r="E4069" s="64"/>
      <c r="F4069" s="55"/>
      <c r="G4069" s="102"/>
      <c r="H4069" s="97"/>
      <c r="T4069" s="98"/>
      <c r="U4069" s="97"/>
      <c r="AG4069" s="98"/>
      <c r="AY4069" s="164"/>
      <c r="BK4069" s="98"/>
      <c r="BL4069" s="97"/>
      <c r="BX4069" s="98"/>
      <c r="CL4069" s="97"/>
      <c r="CX4069" s="98"/>
      <c r="DL4069" s="97"/>
      <c r="DX4069" s="98"/>
      <c r="EL4069" s="97"/>
      <c r="EX4069" s="98"/>
      <c r="EY4069" s="97"/>
      <c r="FL4069" s="126"/>
      <c r="FM4069" s="91"/>
      <c r="FN4069" s="91"/>
      <c r="FO4069" s="91"/>
      <c r="FP4069" s="91"/>
      <c r="FQ4069" s="91"/>
      <c r="FR4069" s="91"/>
      <c r="FS4069" s="91"/>
      <c r="FT4069" s="91"/>
      <c r="FU4069" s="91"/>
      <c r="FV4069" s="91"/>
      <c r="FW4069" s="91"/>
      <c r="FX4069" s="127"/>
      <c r="FY4069" s="126"/>
      <c r="FZ4069" s="91"/>
      <c r="GA4069" s="91"/>
      <c r="GB4069" s="91"/>
      <c r="GC4069" s="91"/>
      <c r="GD4069" s="91"/>
      <c r="GE4069" s="91"/>
      <c r="GF4069" s="91"/>
      <c r="GG4069" s="91"/>
      <c r="GH4069" s="91"/>
      <c r="GI4069" s="91"/>
      <c r="GJ4069" s="91"/>
      <c r="GK4069" s="127"/>
      <c r="GL4069" s="126"/>
      <c r="GM4069" s="91"/>
      <c r="GN4069" s="91"/>
      <c r="GO4069" s="91"/>
      <c r="GP4069" s="91"/>
      <c r="GQ4069" s="91"/>
      <c r="GR4069" s="91"/>
      <c r="GS4069" s="91"/>
      <c r="GT4069" s="91"/>
      <c r="GU4069" s="91"/>
      <c r="GV4069" s="91"/>
      <c r="GW4069" s="91"/>
      <c r="GX4069" s="127"/>
      <c r="GY4069" s="126"/>
      <c r="GZ4069" s="91"/>
      <c r="HA4069" s="91"/>
      <c r="HB4069" s="91"/>
      <c r="HC4069" s="91"/>
      <c r="HD4069" s="91"/>
      <c r="HE4069" s="91"/>
      <c r="HF4069" s="91"/>
      <c r="HG4069" s="91"/>
      <c r="HH4069" s="91"/>
      <c r="HI4069" s="91"/>
      <c r="HJ4069" s="91"/>
      <c r="HK4069" s="127"/>
      <c r="HL4069" s="126"/>
      <c r="HM4069" s="91"/>
      <c r="HN4069" s="91"/>
      <c r="HO4069" s="91"/>
      <c r="HP4069" s="91"/>
      <c r="HQ4069" s="91"/>
      <c r="HR4069" s="91"/>
      <c r="HS4069" s="91"/>
      <c r="HT4069" s="91"/>
      <c r="HU4069" s="91"/>
      <c r="HV4069" s="91"/>
      <c r="HW4069" s="91"/>
      <c r="HX4069" s="127"/>
      <c r="HY4069" s="126"/>
      <c r="HZ4069" s="91"/>
      <c r="IA4069" s="91"/>
      <c r="IB4069" s="91"/>
      <c r="IC4069" s="91"/>
      <c r="ID4069" s="91"/>
      <c r="IE4069" s="91"/>
      <c r="IF4069" s="91"/>
      <c r="IG4069" s="91"/>
      <c r="IH4069" s="91"/>
      <c r="II4069" s="91"/>
      <c r="IJ4069" s="91"/>
      <c r="IK4069" s="174"/>
    </row>
    <row r="4070" spans="2:245" x14ac:dyDescent="0.2">
      <c r="B4070" s="43"/>
      <c r="C4070" s="73"/>
      <c r="D4070" s="64"/>
      <c r="E4070" s="64"/>
      <c r="F4070" s="55"/>
      <c r="G4070" s="102"/>
      <c r="H4070" s="97"/>
      <c r="T4070" s="98"/>
      <c r="U4070" s="97"/>
      <c r="AG4070" s="98"/>
      <c r="AY4070" s="164"/>
      <c r="BK4070" s="98"/>
      <c r="BL4070" s="97"/>
      <c r="BX4070" s="98"/>
      <c r="CL4070" s="97"/>
      <c r="CX4070" s="98"/>
      <c r="DL4070" s="97"/>
      <c r="DX4070" s="98"/>
      <c r="EL4070" s="97"/>
      <c r="EX4070" s="98"/>
      <c r="EY4070" s="97"/>
      <c r="FL4070" s="126"/>
      <c r="FM4070" s="91"/>
      <c r="FN4070" s="91"/>
      <c r="FO4070" s="91"/>
      <c r="FP4070" s="91"/>
      <c r="FQ4070" s="91"/>
      <c r="FR4070" s="91"/>
      <c r="FS4070" s="91"/>
      <c r="FT4070" s="91"/>
      <c r="FU4070" s="91"/>
      <c r="FV4070" s="91"/>
      <c r="FW4070" s="91"/>
      <c r="FX4070" s="127"/>
      <c r="FY4070" s="126"/>
      <c r="FZ4070" s="91"/>
      <c r="GA4070" s="91"/>
      <c r="GB4070" s="91"/>
      <c r="GC4070" s="91"/>
      <c r="GD4070" s="91"/>
      <c r="GE4070" s="91"/>
      <c r="GF4070" s="91"/>
      <c r="GG4070" s="91"/>
      <c r="GH4070" s="91"/>
      <c r="GI4070" s="91"/>
      <c r="GJ4070" s="91"/>
      <c r="GK4070" s="127"/>
      <c r="GL4070" s="126"/>
      <c r="GM4070" s="91"/>
      <c r="GN4070" s="91"/>
      <c r="GO4070" s="91"/>
      <c r="GP4070" s="91"/>
      <c r="GQ4070" s="91"/>
      <c r="GR4070" s="91"/>
      <c r="GS4070" s="91"/>
      <c r="GT4070" s="91"/>
      <c r="GU4070" s="91"/>
      <c r="GV4070" s="91"/>
      <c r="GW4070" s="91"/>
      <c r="GX4070" s="127"/>
      <c r="GY4070" s="126"/>
      <c r="GZ4070" s="91"/>
      <c r="HA4070" s="91"/>
      <c r="HB4070" s="91"/>
      <c r="HC4070" s="91"/>
      <c r="HD4070" s="91"/>
      <c r="HE4070" s="91"/>
      <c r="HF4070" s="91"/>
      <c r="HG4070" s="91"/>
      <c r="HH4070" s="91"/>
      <c r="HI4070" s="91"/>
      <c r="HJ4070" s="91"/>
      <c r="HK4070" s="127"/>
      <c r="HL4070" s="126"/>
      <c r="HM4070" s="91"/>
      <c r="HN4070" s="91"/>
      <c r="HO4070" s="91"/>
      <c r="HP4070" s="91"/>
      <c r="HQ4070" s="91"/>
      <c r="HR4070" s="91"/>
      <c r="HS4070" s="91"/>
      <c r="HT4070" s="91"/>
      <c r="HU4070" s="91"/>
      <c r="HV4070" s="91"/>
      <c r="HW4070" s="91"/>
      <c r="HX4070" s="127"/>
      <c r="HY4070" s="126"/>
      <c r="HZ4070" s="91"/>
      <c r="IA4070" s="91"/>
      <c r="IB4070" s="91"/>
      <c r="IC4070" s="91"/>
      <c r="ID4070" s="91"/>
      <c r="IE4070" s="91"/>
      <c r="IF4070" s="91"/>
      <c r="IG4070" s="91"/>
      <c r="IH4070" s="91"/>
      <c r="II4070" s="91"/>
      <c r="IJ4070" s="91"/>
      <c r="IK4070" s="174"/>
    </row>
    <row r="4071" spans="2:245" x14ac:dyDescent="0.2">
      <c r="B4071" s="43"/>
      <c r="C4071" s="73"/>
      <c r="D4071" s="64"/>
      <c r="E4071" s="64"/>
      <c r="F4071" s="55"/>
      <c r="G4071" s="102"/>
      <c r="H4071" s="97"/>
      <c r="T4071" s="98"/>
      <c r="U4071" s="97"/>
      <c r="AG4071" s="98"/>
      <c r="AY4071" s="164"/>
      <c r="BK4071" s="98"/>
      <c r="BL4071" s="97"/>
      <c r="BX4071" s="98"/>
      <c r="CL4071" s="97"/>
      <c r="CX4071" s="98"/>
      <c r="DL4071" s="97"/>
      <c r="DX4071" s="98"/>
      <c r="EL4071" s="97"/>
      <c r="EX4071" s="98"/>
      <c r="EY4071" s="97"/>
      <c r="FL4071" s="126"/>
      <c r="FM4071" s="91"/>
      <c r="FN4071" s="91"/>
      <c r="FO4071" s="91"/>
      <c r="FP4071" s="91"/>
      <c r="FQ4071" s="91"/>
      <c r="FR4071" s="91"/>
      <c r="FS4071" s="91"/>
      <c r="FT4071" s="91"/>
      <c r="FU4071" s="91"/>
      <c r="FV4071" s="91"/>
      <c r="FW4071" s="91"/>
      <c r="FX4071" s="127"/>
      <c r="FY4071" s="126"/>
      <c r="FZ4071" s="91"/>
      <c r="GA4071" s="91"/>
      <c r="GB4071" s="91"/>
      <c r="GC4071" s="91"/>
      <c r="GD4071" s="91"/>
      <c r="GE4071" s="91"/>
      <c r="GF4071" s="91"/>
      <c r="GG4071" s="91"/>
      <c r="GH4071" s="91"/>
      <c r="GI4071" s="91"/>
      <c r="GJ4071" s="91"/>
      <c r="GK4071" s="127"/>
      <c r="GL4071" s="126"/>
      <c r="GM4071" s="91"/>
      <c r="GN4071" s="91"/>
      <c r="GO4071" s="91"/>
      <c r="GP4071" s="91"/>
      <c r="GQ4071" s="91"/>
      <c r="GR4071" s="91"/>
      <c r="GS4071" s="91"/>
      <c r="GT4071" s="91"/>
      <c r="GU4071" s="91"/>
      <c r="GV4071" s="91"/>
      <c r="GW4071" s="91"/>
      <c r="GX4071" s="127"/>
      <c r="GY4071" s="126"/>
      <c r="GZ4071" s="91"/>
      <c r="HA4071" s="91"/>
      <c r="HB4071" s="91"/>
      <c r="HC4071" s="91"/>
      <c r="HD4071" s="91"/>
      <c r="HE4071" s="91"/>
      <c r="HF4071" s="91"/>
      <c r="HG4071" s="91"/>
      <c r="HH4071" s="91"/>
      <c r="HI4071" s="91"/>
      <c r="HJ4071" s="91"/>
      <c r="HK4071" s="127"/>
      <c r="HL4071" s="126"/>
      <c r="HM4071" s="91"/>
      <c r="HN4071" s="91"/>
      <c r="HO4071" s="91"/>
      <c r="HP4071" s="91"/>
      <c r="HQ4071" s="91"/>
      <c r="HR4071" s="91"/>
      <c r="HS4071" s="91"/>
      <c r="HT4071" s="91"/>
      <c r="HU4071" s="91"/>
      <c r="HV4071" s="91"/>
      <c r="HW4071" s="91"/>
      <c r="HX4071" s="127"/>
      <c r="HY4071" s="126"/>
      <c r="HZ4071" s="91"/>
      <c r="IA4071" s="91"/>
      <c r="IB4071" s="91"/>
      <c r="IC4071" s="91"/>
      <c r="ID4071" s="91"/>
      <c r="IE4071" s="91"/>
      <c r="IF4071" s="91"/>
      <c r="IG4071" s="91"/>
      <c r="IH4071" s="91"/>
      <c r="II4071" s="91"/>
      <c r="IJ4071" s="91"/>
      <c r="IK4071" s="174"/>
    </row>
    <row r="4072" spans="2:245" x14ac:dyDescent="0.2">
      <c r="B4072" s="43"/>
      <c r="C4072" s="73"/>
      <c r="D4072" s="64"/>
      <c r="E4072" s="64"/>
      <c r="F4072" s="55"/>
      <c r="G4072" s="102"/>
      <c r="H4072" s="97"/>
      <c r="T4072" s="98"/>
      <c r="U4072" s="97"/>
      <c r="AG4072" s="98"/>
      <c r="AY4072" s="164"/>
      <c r="BK4072" s="98"/>
      <c r="BL4072" s="97"/>
      <c r="BX4072" s="98"/>
      <c r="CL4072" s="97"/>
      <c r="CX4072" s="98"/>
      <c r="DL4072" s="97"/>
      <c r="DX4072" s="98"/>
      <c r="EL4072" s="97"/>
      <c r="EX4072" s="98"/>
      <c r="EY4072" s="97"/>
      <c r="FL4072" s="126"/>
      <c r="FM4072" s="91"/>
      <c r="FN4072" s="91"/>
      <c r="FO4072" s="91"/>
      <c r="FP4072" s="91"/>
      <c r="FQ4072" s="91"/>
      <c r="FR4072" s="91"/>
      <c r="FS4072" s="91"/>
      <c r="FT4072" s="91"/>
      <c r="FU4072" s="91"/>
      <c r="FV4072" s="91"/>
      <c r="FW4072" s="91"/>
      <c r="FX4072" s="127"/>
      <c r="FY4072" s="126"/>
      <c r="FZ4072" s="91"/>
      <c r="GA4072" s="91"/>
      <c r="GB4072" s="91"/>
      <c r="GC4072" s="91"/>
      <c r="GD4072" s="91"/>
      <c r="GE4072" s="91"/>
      <c r="GF4072" s="91"/>
      <c r="GG4072" s="91"/>
      <c r="GH4072" s="91"/>
      <c r="GI4072" s="91"/>
      <c r="GJ4072" s="91"/>
      <c r="GK4072" s="127"/>
      <c r="GL4072" s="126"/>
      <c r="GM4072" s="91"/>
      <c r="GN4072" s="91"/>
      <c r="GO4072" s="91"/>
      <c r="GP4072" s="91"/>
      <c r="GQ4072" s="91"/>
      <c r="GR4072" s="91"/>
      <c r="GS4072" s="91"/>
      <c r="GT4072" s="91"/>
      <c r="GU4072" s="91"/>
      <c r="GV4072" s="91"/>
      <c r="GW4072" s="91"/>
      <c r="GX4072" s="127"/>
      <c r="GY4072" s="126"/>
      <c r="GZ4072" s="91"/>
      <c r="HA4072" s="91"/>
      <c r="HB4072" s="91"/>
      <c r="HC4072" s="91"/>
      <c r="HD4072" s="91"/>
      <c r="HE4072" s="91"/>
      <c r="HF4072" s="91"/>
      <c r="HG4072" s="91"/>
      <c r="HH4072" s="91"/>
      <c r="HI4072" s="91"/>
      <c r="HJ4072" s="91"/>
      <c r="HK4072" s="127"/>
      <c r="HL4072" s="126"/>
      <c r="HM4072" s="91"/>
      <c r="HN4072" s="91"/>
      <c r="HO4072" s="91"/>
      <c r="HP4072" s="91"/>
      <c r="HQ4072" s="91"/>
      <c r="HR4072" s="91"/>
      <c r="HS4072" s="91"/>
      <c r="HT4072" s="91"/>
      <c r="HU4072" s="91"/>
      <c r="HV4072" s="91"/>
      <c r="HW4072" s="91"/>
      <c r="HX4072" s="127"/>
      <c r="HY4072" s="126"/>
      <c r="HZ4072" s="91"/>
      <c r="IA4072" s="91"/>
      <c r="IB4072" s="91"/>
      <c r="IC4072" s="91"/>
      <c r="ID4072" s="91"/>
      <c r="IE4072" s="91"/>
      <c r="IF4072" s="91"/>
      <c r="IG4072" s="91"/>
      <c r="IH4072" s="91"/>
      <c r="II4072" s="91"/>
      <c r="IJ4072" s="91"/>
      <c r="IK4072" s="174"/>
    </row>
    <row r="4073" spans="2:245" x14ac:dyDescent="0.2">
      <c r="B4073" s="43"/>
      <c r="C4073" s="73"/>
      <c r="D4073" s="64"/>
      <c r="E4073" s="64"/>
      <c r="F4073" s="55"/>
      <c r="G4073" s="102"/>
      <c r="H4073" s="97"/>
      <c r="T4073" s="98"/>
      <c r="U4073" s="97"/>
      <c r="AG4073" s="98"/>
      <c r="AY4073" s="164"/>
      <c r="BK4073" s="98"/>
      <c r="BL4073" s="97"/>
      <c r="BX4073" s="98"/>
      <c r="CL4073" s="97"/>
      <c r="CX4073" s="98"/>
      <c r="DL4073" s="97"/>
      <c r="DX4073" s="98"/>
      <c r="EL4073" s="97"/>
      <c r="EX4073" s="98"/>
      <c r="EY4073" s="97"/>
      <c r="FL4073" s="126"/>
      <c r="FM4073" s="91"/>
      <c r="FN4073" s="91"/>
      <c r="FO4073" s="91"/>
      <c r="FP4073" s="91"/>
      <c r="FQ4073" s="91"/>
      <c r="FR4073" s="91"/>
      <c r="FS4073" s="91"/>
      <c r="FT4073" s="91"/>
      <c r="FU4073" s="91"/>
      <c r="FV4073" s="91"/>
      <c r="FW4073" s="91"/>
      <c r="FX4073" s="127"/>
      <c r="FY4073" s="126"/>
      <c r="FZ4073" s="91"/>
      <c r="GA4073" s="91"/>
      <c r="GB4073" s="91"/>
      <c r="GC4073" s="91"/>
      <c r="GD4073" s="91"/>
      <c r="GE4073" s="91"/>
      <c r="GF4073" s="91"/>
      <c r="GG4073" s="91"/>
      <c r="GH4073" s="91"/>
      <c r="GI4073" s="91"/>
      <c r="GJ4073" s="91"/>
      <c r="GK4073" s="127"/>
      <c r="GL4073" s="126"/>
      <c r="GM4073" s="91"/>
      <c r="GN4073" s="91"/>
      <c r="GO4073" s="91"/>
      <c r="GP4073" s="91"/>
      <c r="GQ4073" s="91"/>
      <c r="GR4073" s="91"/>
      <c r="GS4073" s="91"/>
      <c r="GT4073" s="91"/>
      <c r="GU4073" s="91"/>
      <c r="GV4073" s="91"/>
      <c r="GW4073" s="91"/>
      <c r="GX4073" s="127"/>
      <c r="GY4073" s="126"/>
      <c r="GZ4073" s="91"/>
      <c r="HA4073" s="91"/>
      <c r="HB4073" s="91"/>
      <c r="HC4073" s="91"/>
      <c r="HD4073" s="91"/>
      <c r="HE4073" s="91"/>
      <c r="HF4073" s="91"/>
      <c r="HG4073" s="91"/>
      <c r="HH4073" s="91"/>
      <c r="HI4073" s="91"/>
      <c r="HJ4073" s="91"/>
      <c r="HK4073" s="127"/>
      <c r="HL4073" s="126"/>
      <c r="HM4073" s="91"/>
      <c r="HN4073" s="91"/>
      <c r="HO4073" s="91"/>
      <c r="HP4073" s="91"/>
      <c r="HQ4073" s="91"/>
      <c r="HR4073" s="91"/>
      <c r="HS4073" s="91"/>
      <c r="HT4073" s="91"/>
      <c r="HU4073" s="91"/>
      <c r="HV4073" s="91"/>
      <c r="HW4073" s="91"/>
      <c r="HX4073" s="127"/>
      <c r="HY4073" s="126"/>
      <c r="HZ4073" s="91"/>
      <c r="IA4073" s="91"/>
      <c r="IB4073" s="91"/>
      <c r="IC4073" s="91"/>
      <c r="ID4073" s="91"/>
      <c r="IE4073" s="91"/>
      <c r="IF4073" s="91"/>
      <c r="IG4073" s="91"/>
      <c r="IH4073" s="91"/>
      <c r="II4073" s="91"/>
      <c r="IJ4073" s="91"/>
      <c r="IK4073" s="174"/>
    </row>
    <row r="4074" spans="2:245" x14ac:dyDescent="0.2">
      <c r="B4074" s="43"/>
      <c r="C4074" s="73"/>
      <c r="D4074" s="64"/>
      <c r="E4074" s="64"/>
      <c r="F4074" s="55"/>
      <c r="G4074" s="102"/>
      <c r="H4074" s="97"/>
      <c r="T4074" s="98"/>
      <c r="U4074" s="97"/>
      <c r="AG4074" s="98"/>
      <c r="AY4074" s="164"/>
      <c r="BK4074" s="98"/>
      <c r="BL4074" s="97"/>
      <c r="BX4074" s="98"/>
      <c r="CL4074" s="97"/>
      <c r="CX4074" s="98"/>
      <c r="DL4074" s="97"/>
      <c r="DX4074" s="98"/>
      <c r="EL4074" s="97"/>
      <c r="EX4074" s="98"/>
      <c r="EY4074" s="97"/>
      <c r="FL4074" s="126"/>
      <c r="FM4074" s="91"/>
      <c r="FN4074" s="91"/>
      <c r="FO4074" s="91"/>
      <c r="FP4074" s="91"/>
      <c r="FQ4074" s="91"/>
      <c r="FR4074" s="91"/>
      <c r="FS4074" s="91"/>
      <c r="FT4074" s="91"/>
      <c r="FU4074" s="91"/>
      <c r="FV4074" s="91"/>
      <c r="FW4074" s="91"/>
      <c r="FX4074" s="127"/>
      <c r="FY4074" s="126"/>
      <c r="FZ4074" s="91"/>
      <c r="GA4074" s="91"/>
      <c r="GB4074" s="91"/>
      <c r="GC4074" s="91"/>
      <c r="GD4074" s="91"/>
      <c r="GE4074" s="91"/>
      <c r="GF4074" s="91"/>
      <c r="GG4074" s="91"/>
      <c r="GH4074" s="91"/>
      <c r="GI4074" s="91"/>
      <c r="GJ4074" s="91"/>
      <c r="GK4074" s="127"/>
      <c r="GL4074" s="126"/>
      <c r="GM4074" s="91"/>
      <c r="GN4074" s="91"/>
      <c r="GO4074" s="91"/>
      <c r="GP4074" s="91"/>
      <c r="GQ4074" s="91"/>
      <c r="GR4074" s="91"/>
      <c r="GS4074" s="91"/>
      <c r="GT4074" s="91"/>
      <c r="GU4074" s="91"/>
      <c r="GV4074" s="91"/>
      <c r="GW4074" s="91"/>
      <c r="GX4074" s="127"/>
      <c r="GY4074" s="126"/>
      <c r="GZ4074" s="91"/>
      <c r="HA4074" s="91"/>
      <c r="HB4074" s="91"/>
      <c r="HC4074" s="91"/>
      <c r="HD4074" s="91"/>
      <c r="HE4074" s="91"/>
      <c r="HF4074" s="91"/>
      <c r="HG4074" s="91"/>
      <c r="HH4074" s="91"/>
      <c r="HI4074" s="91"/>
      <c r="HJ4074" s="91"/>
      <c r="HK4074" s="127"/>
      <c r="HL4074" s="126"/>
      <c r="HM4074" s="91"/>
      <c r="HN4074" s="91"/>
      <c r="HO4074" s="91"/>
      <c r="HP4074" s="91"/>
      <c r="HQ4074" s="91"/>
      <c r="HR4074" s="91"/>
      <c r="HS4074" s="91"/>
      <c r="HT4074" s="91"/>
      <c r="HU4074" s="91"/>
      <c r="HV4074" s="91"/>
      <c r="HW4074" s="91"/>
      <c r="HX4074" s="127"/>
      <c r="HY4074" s="126"/>
      <c r="HZ4074" s="91"/>
      <c r="IA4074" s="91"/>
      <c r="IB4074" s="91"/>
      <c r="IC4074" s="91"/>
      <c r="ID4074" s="91"/>
      <c r="IE4074" s="91"/>
      <c r="IF4074" s="91"/>
      <c r="IG4074" s="91"/>
      <c r="IH4074" s="91"/>
      <c r="II4074" s="91"/>
      <c r="IJ4074" s="91"/>
      <c r="IK4074" s="174"/>
    </row>
    <row r="4075" spans="2:245" x14ac:dyDescent="0.2">
      <c r="B4075" s="43"/>
      <c r="C4075" s="73"/>
      <c r="D4075" s="64"/>
      <c r="E4075" s="64"/>
      <c r="F4075" s="55"/>
      <c r="G4075" s="102"/>
      <c r="H4075" s="97"/>
      <c r="T4075" s="98"/>
      <c r="U4075" s="97"/>
      <c r="AG4075" s="98"/>
      <c r="AY4075" s="164"/>
      <c r="BK4075" s="98"/>
      <c r="BL4075" s="97"/>
      <c r="BX4075" s="98"/>
      <c r="CL4075" s="97"/>
      <c r="CX4075" s="98"/>
      <c r="DL4075" s="97"/>
      <c r="DX4075" s="98"/>
      <c r="EL4075" s="97"/>
      <c r="EX4075" s="98"/>
      <c r="EY4075" s="97"/>
      <c r="FL4075" s="126"/>
      <c r="FM4075" s="91"/>
      <c r="FN4075" s="91"/>
      <c r="FO4075" s="91"/>
      <c r="FP4075" s="91"/>
      <c r="FQ4075" s="91"/>
      <c r="FR4075" s="91"/>
      <c r="FS4075" s="91"/>
      <c r="FT4075" s="91"/>
      <c r="FU4075" s="91"/>
      <c r="FV4075" s="91"/>
      <c r="FW4075" s="91"/>
      <c r="FX4075" s="127"/>
      <c r="FY4075" s="126"/>
      <c r="FZ4075" s="91"/>
      <c r="GA4075" s="91"/>
      <c r="GB4075" s="91"/>
      <c r="GC4075" s="91"/>
      <c r="GD4075" s="91"/>
      <c r="GE4075" s="91"/>
      <c r="GF4075" s="91"/>
      <c r="GG4075" s="91"/>
      <c r="GH4075" s="91"/>
      <c r="GI4075" s="91"/>
      <c r="GJ4075" s="91"/>
      <c r="GK4075" s="127"/>
      <c r="GL4075" s="126"/>
      <c r="GM4075" s="91"/>
      <c r="GN4075" s="91"/>
      <c r="GO4075" s="91"/>
      <c r="GP4075" s="91"/>
      <c r="GQ4075" s="91"/>
      <c r="GR4075" s="91"/>
      <c r="GS4075" s="91"/>
      <c r="GT4075" s="91"/>
      <c r="GU4075" s="91"/>
      <c r="GV4075" s="91"/>
      <c r="GW4075" s="91"/>
      <c r="GX4075" s="127"/>
      <c r="GY4075" s="126"/>
      <c r="GZ4075" s="91"/>
      <c r="HA4075" s="91"/>
      <c r="HB4075" s="91"/>
      <c r="HC4075" s="91"/>
      <c r="HD4075" s="91"/>
      <c r="HE4075" s="91"/>
      <c r="HF4075" s="91"/>
      <c r="HG4075" s="91"/>
      <c r="HH4075" s="91"/>
      <c r="HI4075" s="91"/>
      <c r="HJ4075" s="91"/>
      <c r="HK4075" s="127"/>
      <c r="HL4075" s="126"/>
      <c r="HM4075" s="91"/>
      <c r="HN4075" s="91"/>
      <c r="HO4075" s="91"/>
      <c r="HP4075" s="91"/>
      <c r="HQ4075" s="91"/>
      <c r="HR4075" s="91"/>
      <c r="HS4075" s="91"/>
      <c r="HT4075" s="91"/>
      <c r="HU4075" s="91"/>
      <c r="HV4075" s="91"/>
      <c r="HW4075" s="91"/>
      <c r="HX4075" s="127"/>
      <c r="HY4075" s="126"/>
      <c r="HZ4075" s="91"/>
      <c r="IA4075" s="91"/>
      <c r="IB4075" s="91"/>
      <c r="IC4075" s="91"/>
      <c r="ID4075" s="91"/>
      <c r="IE4075" s="91"/>
      <c r="IF4075" s="91"/>
      <c r="IG4075" s="91"/>
      <c r="IH4075" s="91"/>
      <c r="II4075" s="91"/>
      <c r="IJ4075" s="91"/>
      <c r="IK4075" s="174"/>
    </row>
    <row r="4076" spans="2:245" x14ac:dyDescent="0.2">
      <c r="B4076" s="43"/>
      <c r="C4076" s="73"/>
      <c r="D4076" s="64"/>
      <c r="E4076" s="64"/>
      <c r="F4076" s="55"/>
      <c r="G4076" s="102"/>
      <c r="H4076" s="97"/>
      <c r="T4076" s="98"/>
      <c r="U4076" s="97"/>
      <c r="AG4076" s="98"/>
      <c r="AY4076" s="164"/>
      <c r="BK4076" s="98"/>
      <c r="BL4076" s="97"/>
      <c r="BX4076" s="98"/>
      <c r="CL4076" s="97"/>
      <c r="CX4076" s="98"/>
      <c r="DL4076" s="97"/>
      <c r="DX4076" s="98"/>
      <c r="EL4076" s="97"/>
      <c r="EX4076" s="98"/>
      <c r="EY4076" s="97"/>
      <c r="FL4076" s="126"/>
      <c r="FM4076" s="91"/>
      <c r="FN4076" s="91"/>
      <c r="FO4076" s="91"/>
      <c r="FP4076" s="91"/>
      <c r="FQ4076" s="91"/>
      <c r="FR4076" s="91"/>
      <c r="FS4076" s="91"/>
      <c r="FT4076" s="91"/>
      <c r="FU4076" s="91"/>
      <c r="FV4076" s="91"/>
      <c r="FW4076" s="91"/>
      <c r="FX4076" s="127"/>
      <c r="FY4076" s="126"/>
      <c r="FZ4076" s="91"/>
      <c r="GA4076" s="91"/>
      <c r="GB4076" s="91"/>
      <c r="GC4076" s="91"/>
      <c r="GD4076" s="91"/>
      <c r="GE4076" s="91"/>
      <c r="GF4076" s="91"/>
      <c r="GG4076" s="91"/>
      <c r="GH4076" s="91"/>
      <c r="GI4076" s="91"/>
      <c r="GJ4076" s="91"/>
      <c r="GK4076" s="127"/>
      <c r="GL4076" s="126"/>
      <c r="GM4076" s="91"/>
      <c r="GN4076" s="91"/>
      <c r="GO4076" s="91"/>
      <c r="GP4076" s="91"/>
      <c r="GQ4076" s="91"/>
      <c r="GR4076" s="91"/>
      <c r="GS4076" s="91"/>
      <c r="GT4076" s="91"/>
      <c r="GU4076" s="91"/>
      <c r="GV4076" s="91"/>
      <c r="GW4076" s="91"/>
      <c r="GX4076" s="127"/>
      <c r="GY4076" s="126"/>
      <c r="GZ4076" s="91"/>
      <c r="HA4076" s="91"/>
      <c r="HB4076" s="91"/>
      <c r="HC4076" s="91"/>
      <c r="HD4076" s="91"/>
      <c r="HE4076" s="91"/>
      <c r="HF4076" s="91"/>
      <c r="HG4076" s="91"/>
      <c r="HH4076" s="91"/>
      <c r="HI4076" s="91"/>
      <c r="HJ4076" s="91"/>
      <c r="HK4076" s="127"/>
      <c r="HL4076" s="126"/>
      <c r="HM4076" s="91"/>
      <c r="HN4076" s="91"/>
      <c r="HO4076" s="91"/>
      <c r="HP4076" s="91"/>
      <c r="HQ4076" s="91"/>
      <c r="HR4076" s="91"/>
      <c r="HS4076" s="91"/>
      <c r="HT4076" s="91"/>
      <c r="HU4076" s="91"/>
      <c r="HV4076" s="91"/>
      <c r="HW4076" s="91"/>
      <c r="HX4076" s="127"/>
      <c r="HY4076" s="126"/>
      <c r="HZ4076" s="91"/>
      <c r="IA4076" s="91"/>
      <c r="IB4076" s="91"/>
      <c r="IC4076" s="91"/>
      <c r="ID4076" s="91"/>
      <c r="IE4076" s="91"/>
      <c r="IF4076" s="91"/>
      <c r="IG4076" s="91"/>
      <c r="IH4076" s="91"/>
      <c r="II4076" s="91"/>
      <c r="IJ4076" s="91"/>
      <c r="IK4076" s="174"/>
    </row>
    <row r="4077" spans="2:245" x14ac:dyDescent="0.2">
      <c r="B4077" s="43"/>
      <c r="C4077" s="73"/>
      <c r="D4077" s="64"/>
      <c r="E4077" s="64"/>
      <c r="F4077" s="55"/>
      <c r="G4077" s="102"/>
      <c r="H4077" s="97"/>
      <c r="T4077" s="98"/>
      <c r="U4077" s="97"/>
      <c r="AG4077" s="98"/>
      <c r="AY4077" s="164"/>
      <c r="BK4077" s="98"/>
      <c r="BL4077" s="97"/>
      <c r="BX4077" s="98"/>
      <c r="CL4077" s="97"/>
      <c r="CX4077" s="98"/>
      <c r="DL4077" s="97"/>
      <c r="DX4077" s="98"/>
      <c r="EL4077" s="97"/>
      <c r="EX4077" s="98"/>
      <c r="EY4077" s="97"/>
      <c r="FL4077" s="126"/>
      <c r="FM4077" s="91"/>
      <c r="FN4077" s="91"/>
      <c r="FO4077" s="91"/>
      <c r="FP4077" s="91"/>
      <c r="FQ4077" s="91"/>
      <c r="FR4077" s="91"/>
      <c r="FS4077" s="91"/>
      <c r="FT4077" s="91"/>
      <c r="FU4077" s="91"/>
      <c r="FV4077" s="91"/>
      <c r="FW4077" s="91"/>
      <c r="FX4077" s="127"/>
      <c r="FY4077" s="126"/>
      <c r="FZ4077" s="91"/>
      <c r="GA4077" s="91"/>
      <c r="GB4077" s="91"/>
      <c r="GC4077" s="91"/>
      <c r="GD4077" s="91"/>
      <c r="GE4077" s="91"/>
      <c r="GF4077" s="91"/>
      <c r="GG4077" s="91"/>
      <c r="GH4077" s="91"/>
      <c r="GI4077" s="91"/>
      <c r="GJ4077" s="91"/>
      <c r="GK4077" s="127"/>
      <c r="GL4077" s="126"/>
      <c r="GM4077" s="91"/>
      <c r="GN4077" s="91"/>
      <c r="GO4077" s="91"/>
      <c r="GP4077" s="91"/>
      <c r="GQ4077" s="91"/>
      <c r="GR4077" s="91"/>
      <c r="GS4077" s="91"/>
      <c r="GT4077" s="91"/>
      <c r="GU4077" s="91"/>
      <c r="GV4077" s="91"/>
      <c r="GW4077" s="91"/>
      <c r="GX4077" s="127"/>
      <c r="GY4077" s="126"/>
      <c r="GZ4077" s="91"/>
      <c r="HA4077" s="91"/>
      <c r="HB4077" s="91"/>
      <c r="HC4077" s="91"/>
      <c r="HD4077" s="91"/>
      <c r="HE4077" s="91"/>
      <c r="HF4077" s="91"/>
      <c r="HG4077" s="91"/>
      <c r="HH4077" s="91"/>
      <c r="HI4077" s="91"/>
      <c r="HJ4077" s="91"/>
      <c r="HK4077" s="127"/>
      <c r="HL4077" s="126"/>
      <c r="HM4077" s="91"/>
      <c r="HN4077" s="91"/>
      <c r="HO4077" s="91"/>
      <c r="HP4077" s="91"/>
      <c r="HQ4077" s="91"/>
      <c r="HR4077" s="91"/>
      <c r="HS4077" s="91"/>
      <c r="HT4077" s="91"/>
      <c r="HU4077" s="91"/>
      <c r="HV4077" s="91"/>
      <c r="HW4077" s="91"/>
      <c r="HX4077" s="127"/>
      <c r="HY4077" s="126"/>
      <c r="HZ4077" s="91"/>
      <c r="IA4077" s="91"/>
      <c r="IB4077" s="91"/>
      <c r="IC4077" s="91"/>
      <c r="ID4077" s="91"/>
      <c r="IE4077" s="91"/>
      <c r="IF4077" s="91"/>
      <c r="IG4077" s="91"/>
      <c r="IH4077" s="91"/>
      <c r="II4077" s="91"/>
      <c r="IJ4077" s="91"/>
      <c r="IK4077" s="174"/>
    </row>
    <row r="4078" spans="2:245" x14ac:dyDescent="0.2">
      <c r="B4078" s="43"/>
      <c r="C4078" s="73"/>
      <c r="D4078" s="64"/>
      <c r="E4078" s="64"/>
      <c r="F4078" s="55"/>
      <c r="G4078" s="102"/>
      <c r="H4078" s="97"/>
      <c r="T4078" s="98"/>
      <c r="U4078" s="97"/>
      <c r="AG4078" s="98"/>
      <c r="AY4078" s="164"/>
      <c r="BK4078" s="98"/>
      <c r="BL4078" s="97"/>
      <c r="BX4078" s="98"/>
      <c r="CL4078" s="97"/>
      <c r="CX4078" s="98"/>
      <c r="DL4078" s="97"/>
      <c r="DX4078" s="98"/>
      <c r="EL4078" s="97"/>
      <c r="EX4078" s="98"/>
      <c r="EY4078" s="97"/>
      <c r="FL4078" s="126"/>
      <c r="FM4078" s="91"/>
      <c r="FN4078" s="91"/>
      <c r="FO4078" s="91"/>
      <c r="FP4078" s="91"/>
      <c r="FQ4078" s="91"/>
      <c r="FR4078" s="91"/>
      <c r="FS4078" s="91"/>
      <c r="FT4078" s="91"/>
      <c r="FU4078" s="91"/>
      <c r="FV4078" s="91"/>
      <c r="FW4078" s="91"/>
      <c r="FX4078" s="127"/>
      <c r="FY4078" s="126"/>
      <c r="FZ4078" s="91"/>
      <c r="GA4078" s="91"/>
      <c r="GB4078" s="91"/>
      <c r="GC4078" s="91"/>
      <c r="GD4078" s="91"/>
      <c r="GE4078" s="91"/>
      <c r="GF4078" s="91"/>
      <c r="GG4078" s="91"/>
      <c r="GH4078" s="91"/>
      <c r="GI4078" s="91"/>
      <c r="GJ4078" s="91"/>
      <c r="GK4078" s="127"/>
      <c r="GL4078" s="126"/>
      <c r="GM4078" s="91"/>
      <c r="GN4078" s="91"/>
      <c r="GO4078" s="91"/>
      <c r="GP4078" s="91"/>
      <c r="GQ4078" s="91"/>
      <c r="GR4078" s="91"/>
      <c r="GS4078" s="91"/>
      <c r="GT4078" s="91"/>
      <c r="GU4078" s="91"/>
      <c r="GV4078" s="91"/>
      <c r="GW4078" s="91"/>
      <c r="GX4078" s="127"/>
      <c r="GY4078" s="126"/>
      <c r="GZ4078" s="91"/>
      <c r="HA4078" s="91"/>
      <c r="HB4078" s="91"/>
      <c r="HC4078" s="91"/>
      <c r="HD4078" s="91"/>
      <c r="HE4078" s="91"/>
      <c r="HF4078" s="91"/>
      <c r="HG4078" s="91"/>
      <c r="HH4078" s="91"/>
      <c r="HI4078" s="91"/>
      <c r="HJ4078" s="91"/>
      <c r="HK4078" s="127"/>
      <c r="HL4078" s="126"/>
      <c r="HM4078" s="91"/>
      <c r="HN4078" s="91"/>
      <c r="HO4078" s="91"/>
      <c r="HP4078" s="91"/>
      <c r="HQ4078" s="91"/>
      <c r="HR4078" s="91"/>
      <c r="HS4078" s="91"/>
      <c r="HT4078" s="91"/>
      <c r="HU4078" s="91"/>
      <c r="HV4078" s="91"/>
      <c r="HW4078" s="91"/>
      <c r="HX4078" s="127"/>
      <c r="HY4078" s="126"/>
      <c r="HZ4078" s="91"/>
      <c r="IA4078" s="91"/>
      <c r="IB4078" s="91"/>
      <c r="IC4078" s="91"/>
      <c r="ID4078" s="91"/>
      <c r="IE4078" s="91"/>
      <c r="IF4078" s="91"/>
      <c r="IG4078" s="91"/>
      <c r="IH4078" s="91"/>
      <c r="II4078" s="91"/>
      <c r="IJ4078" s="91"/>
      <c r="IK4078" s="174"/>
    </row>
    <row r="4079" spans="2:245" x14ac:dyDescent="0.2">
      <c r="B4079" s="43"/>
      <c r="C4079" s="73"/>
      <c r="D4079" s="64"/>
      <c r="E4079" s="64"/>
      <c r="F4079" s="55"/>
      <c r="G4079" s="102"/>
      <c r="H4079" s="97"/>
      <c r="T4079" s="98"/>
      <c r="U4079" s="97"/>
      <c r="AG4079" s="98"/>
      <c r="AY4079" s="164"/>
      <c r="BK4079" s="98"/>
      <c r="BL4079" s="97"/>
      <c r="BX4079" s="98"/>
      <c r="CL4079" s="97"/>
      <c r="CX4079" s="98"/>
      <c r="DL4079" s="97"/>
      <c r="DX4079" s="98"/>
      <c r="EL4079" s="97"/>
      <c r="EX4079" s="98"/>
      <c r="EY4079" s="97"/>
      <c r="FL4079" s="126"/>
      <c r="FM4079" s="91"/>
      <c r="FN4079" s="91"/>
      <c r="FO4079" s="91"/>
      <c r="FP4079" s="91"/>
      <c r="FQ4079" s="91"/>
      <c r="FR4079" s="91"/>
      <c r="FS4079" s="91"/>
      <c r="FT4079" s="91"/>
      <c r="FU4079" s="91"/>
      <c r="FV4079" s="91"/>
      <c r="FW4079" s="91"/>
      <c r="FX4079" s="127"/>
      <c r="FY4079" s="126"/>
      <c r="FZ4079" s="91"/>
      <c r="GA4079" s="91"/>
      <c r="GB4079" s="91"/>
      <c r="GC4079" s="91"/>
      <c r="GD4079" s="91"/>
      <c r="GE4079" s="91"/>
      <c r="GF4079" s="91"/>
      <c r="GG4079" s="91"/>
      <c r="GH4079" s="91"/>
      <c r="GI4079" s="91"/>
      <c r="GJ4079" s="91"/>
      <c r="GK4079" s="127"/>
      <c r="GL4079" s="126"/>
      <c r="GM4079" s="91"/>
      <c r="GN4079" s="91"/>
      <c r="GO4079" s="91"/>
      <c r="GP4079" s="91"/>
      <c r="GQ4079" s="91"/>
      <c r="GR4079" s="91"/>
      <c r="GS4079" s="91"/>
      <c r="GT4079" s="91"/>
      <c r="GU4079" s="91"/>
      <c r="GV4079" s="91"/>
      <c r="GW4079" s="91"/>
      <c r="GX4079" s="127"/>
      <c r="GY4079" s="126"/>
      <c r="GZ4079" s="91"/>
      <c r="HA4079" s="91"/>
      <c r="HB4079" s="91"/>
      <c r="HC4079" s="91"/>
      <c r="HD4079" s="91"/>
      <c r="HE4079" s="91"/>
      <c r="HF4079" s="91"/>
      <c r="HG4079" s="91"/>
      <c r="HH4079" s="91"/>
      <c r="HI4079" s="91"/>
      <c r="HJ4079" s="91"/>
      <c r="HK4079" s="127"/>
      <c r="HL4079" s="126"/>
      <c r="HM4079" s="91"/>
      <c r="HN4079" s="91"/>
      <c r="HO4079" s="91"/>
      <c r="HP4079" s="91"/>
      <c r="HQ4079" s="91"/>
      <c r="HR4079" s="91"/>
      <c r="HS4079" s="91"/>
      <c r="HT4079" s="91"/>
      <c r="HU4079" s="91"/>
      <c r="HV4079" s="91"/>
      <c r="HW4079" s="91"/>
      <c r="HX4079" s="127"/>
      <c r="HY4079" s="126"/>
      <c r="HZ4079" s="91"/>
      <c r="IA4079" s="91"/>
      <c r="IB4079" s="91"/>
      <c r="IC4079" s="91"/>
      <c r="ID4079" s="91"/>
      <c r="IE4079" s="91"/>
      <c r="IF4079" s="91"/>
      <c r="IG4079" s="91"/>
      <c r="IH4079" s="91"/>
      <c r="II4079" s="91"/>
      <c r="IJ4079" s="91"/>
      <c r="IK4079" s="174"/>
    </row>
    <row r="4080" spans="2:245" x14ac:dyDescent="0.2">
      <c r="B4080" s="43"/>
      <c r="C4080" s="73"/>
      <c r="D4080" s="64"/>
      <c r="E4080" s="64"/>
      <c r="F4080" s="55"/>
      <c r="G4080" s="102"/>
      <c r="H4080" s="97"/>
      <c r="T4080" s="98"/>
      <c r="U4080" s="97"/>
      <c r="AG4080" s="98"/>
      <c r="AY4080" s="164"/>
      <c r="BK4080" s="98"/>
      <c r="BL4080" s="97"/>
      <c r="BX4080" s="98"/>
      <c r="CL4080" s="97"/>
      <c r="CX4080" s="98"/>
      <c r="DL4080" s="97"/>
      <c r="DX4080" s="98"/>
      <c r="EL4080" s="97"/>
      <c r="EX4080" s="98"/>
      <c r="EY4080" s="97"/>
      <c r="FL4080" s="126"/>
      <c r="FM4080" s="91"/>
      <c r="FN4080" s="91"/>
      <c r="FO4080" s="91"/>
      <c r="FP4080" s="91"/>
      <c r="FQ4080" s="91"/>
      <c r="FR4080" s="91"/>
      <c r="FS4080" s="91"/>
      <c r="FT4080" s="91"/>
      <c r="FU4080" s="91"/>
      <c r="FV4080" s="91"/>
      <c r="FW4080" s="91"/>
      <c r="FX4080" s="127"/>
      <c r="FY4080" s="126"/>
      <c r="FZ4080" s="91"/>
      <c r="GA4080" s="91"/>
      <c r="GB4080" s="91"/>
      <c r="GC4080" s="91"/>
      <c r="GD4080" s="91"/>
      <c r="GE4080" s="91"/>
      <c r="GF4080" s="91"/>
      <c r="GG4080" s="91"/>
      <c r="GH4080" s="91"/>
      <c r="GI4080" s="91"/>
      <c r="GJ4080" s="91"/>
      <c r="GK4080" s="127"/>
      <c r="GL4080" s="126"/>
      <c r="GM4080" s="91"/>
      <c r="GN4080" s="91"/>
      <c r="GO4080" s="91"/>
      <c r="GP4080" s="91"/>
      <c r="GQ4080" s="91"/>
      <c r="GR4080" s="91"/>
      <c r="GS4080" s="91"/>
      <c r="GT4080" s="91"/>
      <c r="GU4080" s="91"/>
      <c r="GV4080" s="91"/>
      <c r="GW4080" s="91"/>
      <c r="GX4080" s="127"/>
      <c r="GY4080" s="126"/>
      <c r="GZ4080" s="91"/>
      <c r="HA4080" s="91"/>
      <c r="HB4080" s="91"/>
      <c r="HC4080" s="91"/>
      <c r="HD4080" s="91"/>
      <c r="HE4080" s="91"/>
      <c r="HF4080" s="91"/>
      <c r="HG4080" s="91"/>
      <c r="HH4080" s="91"/>
      <c r="HI4080" s="91"/>
      <c r="HJ4080" s="91"/>
      <c r="HK4080" s="127"/>
      <c r="HL4080" s="126"/>
      <c r="HM4080" s="91"/>
      <c r="HN4080" s="91"/>
      <c r="HO4080" s="91"/>
      <c r="HP4080" s="91"/>
      <c r="HQ4080" s="91"/>
      <c r="HR4080" s="91"/>
      <c r="HS4080" s="91"/>
      <c r="HT4080" s="91"/>
      <c r="HU4080" s="91"/>
      <c r="HV4080" s="91"/>
      <c r="HW4080" s="91"/>
      <c r="HX4080" s="127"/>
      <c r="HY4080" s="126"/>
      <c r="HZ4080" s="91"/>
      <c r="IA4080" s="91"/>
      <c r="IB4080" s="91"/>
      <c r="IC4080" s="91"/>
      <c r="ID4080" s="91"/>
      <c r="IE4080" s="91"/>
      <c r="IF4080" s="91"/>
      <c r="IG4080" s="91"/>
      <c r="IH4080" s="91"/>
      <c r="II4080" s="91"/>
      <c r="IJ4080" s="91"/>
      <c r="IK4080" s="174"/>
    </row>
    <row r="4081" spans="2:245" x14ac:dyDescent="0.2">
      <c r="B4081" s="43"/>
      <c r="C4081" s="73"/>
      <c r="D4081" s="64"/>
      <c r="E4081" s="64"/>
      <c r="F4081" s="55"/>
      <c r="G4081" s="102"/>
      <c r="H4081" s="97"/>
      <c r="T4081" s="98"/>
      <c r="U4081" s="97"/>
      <c r="AG4081" s="98"/>
      <c r="AY4081" s="164"/>
      <c r="BK4081" s="98"/>
      <c r="BL4081" s="97"/>
      <c r="BX4081" s="98"/>
      <c r="CL4081" s="97"/>
      <c r="CX4081" s="98"/>
      <c r="DL4081" s="97"/>
      <c r="DX4081" s="98"/>
      <c r="EL4081" s="97"/>
      <c r="EX4081" s="98"/>
      <c r="EY4081" s="97"/>
      <c r="FL4081" s="126"/>
      <c r="FM4081" s="91"/>
      <c r="FN4081" s="91"/>
      <c r="FO4081" s="91"/>
      <c r="FP4081" s="91"/>
      <c r="FQ4081" s="91"/>
      <c r="FR4081" s="91"/>
      <c r="FS4081" s="91"/>
      <c r="FT4081" s="91"/>
      <c r="FU4081" s="91"/>
      <c r="FV4081" s="91"/>
      <c r="FW4081" s="91"/>
      <c r="FX4081" s="127"/>
      <c r="FY4081" s="126"/>
      <c r="FZ4081" s="91"/>
      <c r="GA4081" s="91"/>
      <c r="GB4081" s="91"/>
      <c r="GC4081" s="91"/>
      <c r="GD4081" s="91"/>
      <c r="GE4081" s="91"/>
      <c r="GF4081" s="91"/>
      <c r="GG4081" s="91"/>
      <c r="GH4081" s="91"/>
      <c r="GI4081" s="91"/>
      <c r="GJ4081" s="91"/>
      <c r="GK4081" s="127"/>
      <c r="GL4081" s="126"/>
      <c r="GM4081" s="91"/>
      <c r="GN4081" s="91"/>
      <c r="GO4081" s="91"/>
      <c r="GP4081" s="91"/>
      <c r="GQ4081" s="91"/>
      <c r="GR4081" s="91"/>
      <c r="GS4081" s="91"/>
      <c r="GT4081" s="91"/>
      <c r="GU4081" s="91"/>
      <c r="GV4081" s="91"/>
      <c r="GW4081" s="91"/>
      <c r="GX4081" s="127"/>
      <c r="GY4081" s="126"/>
      <c r="GZ4081" s="91"/>
      <c r="HA4081" s="91"/>
      <c r="HB4081" s="91"/>
      <c r="HC4081" s="91"/>
      <c r="HD4081" s="91"/>
      <c r="HE4081" s="91"/>
      <c r="HF4081" s="91"/>
      <c r="HG4081" s="91"/>
      <c r="HH4081" s="91"/>
      <c r="HI4081" s="91"/>
      <c r="HJ4081" s="91"/>
      <c r="HK4081" s="127"/>
      <c r="HL4081" s="126"/>
      <c r="HM4081" s="91"/>
      <c r="HN4081" s="91"/>
      <c r="HO4081" s="91"/>
      <c r="HP4081" s="91"/>
      <c r="HQ4081" s="91"/>
      <c r="HR4081" s="91"/>
      <c r="HS4081" s="91"/>
      <c r="HT4081" s="91"/>
      <c r="HU4081" s="91"/>
      <c r="HV4081" s="91"/>
      <c r="HW4081" s="91"/>
      <c r="HX4081" s="127"/>
      <c r="HY4081" s="126"/>
      <c r="HZ4081" s="91"/>
      <c r="IA4081" s="91"/>
      <c r="IB4081" s="91"/>
      <c r="IC4081" s="91"/>
      <c r="ID4081" s="91"/>
      <c r="IE4081" s="91"/>
      <c r="IF4081" s="91"/>
      <c r="IG4081" s="91"/>
      <c r="IH4081" s="91"/>
      <c r="II4081" s="91"/>
      <c r="IJ4081" s="91"/>
      <c r="IK4081" s="174"/>
    </row>
    <row r="4082" spans="2:245" x14ac:dyDescent="0.2">
      <c r="B4082" s="43"/>
      <c r="C4082" s="73"/>
      <c r="D4082" s="64"/>
      <c r="E4082" s="64"/>
      <c r="F4082" s="55"/>
      <c r="G4082" s="102"/>
      <c r="H4082" s="97"/>
      <c r="T4082" s="98"/>
      <c r="U4082" s="97"/>
      <c r="AG4082" s="98"/>
      <c r="AY4082" s="164"/>
      <c r="BK4082" s="98"/>
      <c r="BL4082" s="97"/>
      <c r="BX4082" s="98"/>
      <c r="CL4082" s="97"/>
      <c r="CX4082" s="98"/>
      <c r="DL4082" s="97"/>
      <c r="DX4082" s="98"/>
      <c r="EL4082" s="97"/>
      <c r="EX4082" s="98"/>
      <c r="EY4082" s="97"/>
      <c r="FL4082" s="126"/>
      <c r="FM4082" s="91"/>
      <c r="FN4082" s="91"/>
      <c r="FO4082" s="91"/>
      <c r="FP4082" s="91"/>
      <c r="FQ4082" s="91"/>
      <c r="FR4082" s="91"/>
      <c r="FS4082" s="91"/>
      <c r="FT4082" s="91"/>
      <c r="FU4082" s="91"/>
      <c r="FV4082" s="91"/>
      <c r="FW4082" s="91"/>
      <c r="FX4082" s="127"/>
      <c r="FY4082" s="126"/>
      <c r="FZ4082" s="91"/>
      <c r="GA4082" s="91"/>
      <c r="GB4082" s="91"/>
      <c r="GC4082" s="91"/>
      <c r="GD4082" s="91"/>
      <c r="GE4082" s="91"/>
      <c r="GF4082" s="91"/>
      <c r="GG4082" s="91"/>
      <c r="GH4082" s="91"/>
      <c r="GI4082" s="91"/>
      <c r="GJ4082" s="91"/>
      <c r="GK4082" s="127"/>
      <c r="GL4082" s="126"/>
      <c r="GM4082" s="91"/>
      <c r="GN4082" s="91"/>
      <c r="GO4082" s="91"/>
      <c r="GP4082" s="91"/>
      <c r="GQ4082" s="91"/>
      <c r="GR4082" s="91"/>
      <c r="GS4082" s="91"/>
      <c r="GT4082" s="91"/>
      <c r="GU4082" s="91"/>
      <c r="GV4082" s="91"/>
      <c r="GW4082" s="91"/>
      <c r="GX4082" s="127"/>
      <c r="GY4082" s="126"/>
      <c r="GZ4082" s="91"/>
      <c r="HA4082" s="91"/>
      <c r="HB4082" s="91"/>
      <c r="HC4082" s="91"/>
      <c r="HD4082" s="91"/>
      <c r="HE4082" s="91"/>
      <c r="HF4082" s="91"/>
      <c r="HG4082" s="91"/>
      <c r="HH4082" s="91"/>
      <c r="HI4082" s="91"/>
      <c r="HJ4082" s="91"/>
      <c r="HK4082" s="127"/>
      <c r="HL4082" s="126"/>
      <c r="HM4082" s="91"/>
      <c r="HN4082" s="91"/>
      <c r="HO4082" s="91"/>
      <c r="HP4082" s="91"/>
      <c r="HQ4082" s="91"/>
      <c r="HR4082" s="91"/>
      <c r="HS4082" s="91"/>
      <c r="HT4082" s="91"/>
      <c r="HU4082" s="91"/>
      <c r="HV4082" s="91"/>
      <c r="HW4082" s="91"/>
      <c r="HX4082" s="127"/>
      <c r="HY4082" s="126"/>
      <c r="HZ4082" s="91"/>
      <c r="IA4082" s="91"/>
      <c r="IB4082" s="91"/>
      <c r="IC4082" s="91"/>
      <c r="ID4082" s="91"/>
      <c r="IE4082" s="91"/>
      <c r="IF4082" s="91"/>
      <c r="IG4082" s="91"/>
      <c r="IH4082" s="91"/>
      <c r="II4082" s="91"/>
      <c r="IJ4082" s="91"/>
      <c r="IK4082" s="174"/>
    </row>
    <row r="4083" spans="2:245" x14ac:dyDescent="0.2">
      <c r="B4083" s="43"/>
      <c r="C4083" s="73"/>
      <c r="D4083" s="64"/>
      <c r="E4083" s="64"/>
      <c r="F4083" s="55"/>
      <c r="G4083" s="102"/>
      <c r="H4083" s="97"/>
      <c r="T4083" s="98"/>
      <c r="U4083" s="97"/>
      <c r="AG4083" s="98"/>
      <c r="AY4083" s="164"/>
      <c r="BK4083" s="98"/>
      <c r="BL4083" s="97"/>
      <c r="BX4083" s="98"/>
      <c r="CL4083" s="97"/>
      <c r="CX4083" s="98"/>
      <c r="DL4083" s="97"/>
      <c r="DX4083" s="98"/>
      <c r="EL4083" s="97"/>
      <c r="EX4083" s="98"/>
      <c r="EY4083" s="97"/>
      <c r="FL4083" s="126"/>
      <c r="FM4083" s="91"/>
      <c r="FN4083" s="91"/>
      <c r="FO4083" s="91"/>
      <c r="FP4083" s="91"/>
      <c r="FQ4083" s="91"/>
      <c r="FR4083" s="91"/>
      <c r="FS4083" s="91"/>
      <c r="FT4083" s="91"/>
      <c r="FU4083" s="91"/>
      <c r="FV4083" s="91"/>
      <c r="FW4083" s="91"/>
      <c r="FX4083" s="127"/>
      <c r="FY4083" s="126"/>
      <c r="FZ4083" s="91"/>
      <c r="GA4083" s="91"/>
      <c r="GB4083" s="91"/>
      <c r="GC4083" s="91"/>
      <c r="GD4083" s="91"/>
      <c r="GE4083" s="91"/>
      <c r="GF4083" s="91"/>
      <c r="GG4083" s="91"/>
      <c r="GH4083" s="91"/>
      <c r="GI4083" s="91"/>
      <c r="GJ4083" s="91"/>
      <c r="GK4083" s="127"/>
      <c r="GL4083" s="126"/>
      <c r="GM4083" s="91"/>
      <c r="GN4083" s="91"/>
      <c r="GO4083" s="91"/>
      <c r="GP4083" s="91"/>
      <c r="GQ4083" s="91"/>
      <c r="GR4083" s="91"/>
      <c r="GS4083" s="91"/>
      <c r="GT4083" s="91"/>
      <c r="GU4083" s="91"/>
      <c r="GV4083" s="91"/>
      <c r="GW4083" s="91"/>
      <c r="GX4083" s="127"/>
      <c r="GY4083" s="126"/>
      <c r="GZ4083" s="91"/>
      <c r="HA4083" s="91"/>
      <c r="HB4083" s="91"/>
      <c r="HC4083" s="91"/>
      <c r="HD4083" s="91"/>
      <c r="HE4083" s="91"/>
      <c r="HF4083" s="91"/>
      <c r="HG4083" s="91"/>
      <c r="HH4083" s="91"/>
      <c r="HI4083" s="91"/>
      <c r="HJ4083" s="91"/>
      <c r="HK4083" s="127"/>
      <c r="HL4083" s="126"/>
      <c r="HM4083" s="91"/>
      <c r="HN4083" s="91"/>
      <c r="HO4083" s="91"/>
      <c r="HP4083" s="91"/>
      <c r="HQ4083" s="91"/>
      <c r="HR4083" s="91"/>
      <c r="HS4083" s="91"/>
      <c r="HT4083" s="91"/>
      <c r="HU4083" s="91"/>
      <c r="HV4083" s="91"/>
      <c r="HW4083" s="91"/>
      <c r="HX4083" s="127"/>
      <c r="HY4083" s="126"/>
      <c r="HZ4083" s="91"/>
      <c r="IA4083" s="91"/>
      <c r="IB4083" s="91"/>
      <c r="IC4083" s="91"/>
      <c r="ID4083" s="91"/>
      <c r="IE4083" s="91"/>
      <c r="IF4083" s="91"/>
      <c r="IG4083" s="91"/>
      <c r="IH4083" s="91"/>
      <c r="II4083" s="91"/>
      <c r="IJ4083" s="91"/>
      <c r="IK4083" s="174"/>
    </row>
    <row r="4084" spans="2:245" x14ac:dyDescent="0.2">
      <c r="B4084" s="43"/>
      <c r="C4084" s="73"/>
      <c r="D4084" s="64"/>
      <c r="E4084" s="64"/>
      <c r="F4084" s="55"/>
      <c r="G4084" s="102"/>
      <c r="H4084" s="97"/>
      <c r="T4084" s="98"/>
      <c r="U4084" s="97"/>
      <c r="AG4084" s="98"/>
      <c r="AY4084" s="164"/>
      <c r="BK4084" s="98"/>
      <c r="BL4084" s="97"/>
      <c r="BX4084" s="98"/>
      <c r="CL4084" s="97"/>
      <c r="CX4084" s="98"/>
      <c r="DL4084" s="97"/>
      <c r="DX4084" s="98"/>
      <c r="EL4084" s="97"/>
      <c r="EX4084" s="98"/>
      <c r="EY4084" s="97"/>
      <c r="FL4084" s="126"/>
      <c r="FM4084" s="91"/>
      <c r="FN4084" s="91"/>
      <c r="FO4084" s="91"/>
      <c r="FP4084" s="91"/>
      <c r="FQ4084" s="91"/>
      <c r="FR4084" s="91"/>
      <c r="FS4084" s="91"/>
      <c r="FT4084" s="91"/>
      <c r="FU4084" s="91"/>
      <c r="FV4084" s="91"/>
      <c r="FW4084" s="91"/>
      <c r="FX4084" s="127"/>
      <c r="FY4084" s="126"/>
      <c r="FZ4084" s="91"/>
      <c r="GA4084" s="91"/>
      <c r="GB4084" s="91"/>
      <c r="GC4084" s="91"/>
      <c r="GD4084" s="91"/>
      <c r="GE4084" s="91"/>
      <c r="GF4084" s="91"/>
      <c r="GG4084" s="91"/>
      <c r="GH4084" s="91"/>
      <c r="GI4084" s="91"/>
      <c r="GJ4084" s="91"/>
      <c r="GK4084" s="127"/>
      <c r="GL4084" s="126"/>
      <c r="GM4084" s="91"/>
      <c r="GN4084" s="91"/>
      <c r="GO4084" s="91"/>
      <c r="GP4084" s="91"/>
      <c r="GQ4084" s="91"/>
      <c r="GR4084" s="91"/>
      <c r="GS4084" s="91"/>
      <c r="GT4084" s="91"/>
      <c r="GU4084" s="91"/>
      <c r="GV4084" s="91"/>
      <c r="GW4084" s="91"/>
      <c r="GX4084" s="127"/>
      <c r="GY4084" s="126"/>
      <c r="GZ4084" s="91"/>
      <c r="HA4084" s="91"/>
      <c r="HB4084" s="91"/>
      <c r="HC4084" s="91"/>
      <c r="HD4084" s="91"/>
      <c r="HE4084" s="91"/>
      <c r="HF4084" s="91"/>
      <c r="HG4084" s="91"/>
      <c r="HH4084" s="91"/>
      <c r="HI4084" s="91"/>
      <c r="HJ4084" s="91"/>
      <c r="HK4084" s="127"/>
      <c r="HL4084" s="126"/>
      <c r="HM4084" s="91"/>
      <c r="HN4084" s="91"/>
      <c r="HO4084" s="91"/>
      <c r="HP4084" s="91"/>
      <c r="HQ4084" s="91"/>
      <c r="HR4084" s="91"/>
      <c r="HS4084" s="91"/>
      <c r="HT4084" s="91"/>
      <c r="HU4084" s="91"/>
      <c r="HV4084" s="91"/>
      <c r="HW4084" s="91"/>
      <c r="HX4084" s="127"/>
      <c r="HY4084" s="126"/>
      <c r="HZ4084" s="91"/>
      <c r="IA4084" s="91"/>
      <c r="IB4084" s="91"/>
      <c r="IC4084" s="91"/>
      <c r="ID4084" s="91"/>
      <c r="IE4084" s="91"/>
      <c r="IF4084" s="91"/>
      <c r="IG4084" s="91"/>
      <c r="IH4084" s="91"/>
      <c r="II4084" s="91"/>
      <c r="IJ4084" s="91"/>
      <c r="IK4084" s="174"/>
    </row>
    <row r="4085" spans="2:245" x14ac:dyDescent="0.2">
      <c r="B4085" s="43"/>
      <c r="C4085" s="73"/>
      <c r="D4085" s="64"/>
      <c r="E4085" s="64"/>
      <c r="F4085" s="55"/>
      <c r="G4085" s="102"/>
      <c r="H4085" s="97"/>
      <c r="T4085" s="98"/>
      <c r="U4085" s="97"/>
      <c r="AG4085" s="98"/>
      <c r="AY4085" s="164"/>
      <c r="BK4085" s="98"/>
      <c r="BL4085" s="97"/>
      <c r="BX4085" s="98"/>
      <c r="CL4085" s="97"/>
      <c r="CX4085" s="98"/>
      <c r="DL4085" s="97"/>
      <c r="DX4085" s="98"/>
      <c r="EL4085" s="97"/>
      <c r="EX4085" s="98"/>
      <c r="EY4085" s="97"/>
      <c r="FL4085" s="126"/>
      <c r="FM4085" s="91"/>
      <c r="FN4085" s="91"/>
      <c r="FO4085" s="91"/>
      <c r="FP4085" s="91"/>
      <c r="FQ4085" s="91"/>
      <c r="FR4085" s="91"/>
      <c r="FS4085" s="91"/>
      <c r="FT4085" s="91"/>
      <c r="FU4085" s="91"/>
      <c r="FV4085" s="91"/>
      <c r="FW4085" s="91"/>
      <c r="FX4085" s="127"/>
      <c r="FY4085" s="126"/>
      <c r="FZ4085" s="91"/>
      <c r="GA4085" s="91"/>
      <c r="GB4085" s="91"/>
      <c r="GC4085" s="91"/>
      <c r="GD4085" s="91"/>
      <c r="GE4085" s="91"/>
      <c r="GF4085" s="91"/>
      <c r="GG4085" s="91"/>
      <c r="GH4085" s="91"/>
      <c r="GI4085" s="91"/>
      <c r="GJ4085" s="91"/>
      <c r="GK4085" s="127"/>
      <c r="GL4085" s="126"/>
      <c r="GM4085" s="91"/>
      <c r="GN4085" s="91"/>
      <c r="GO4085" s="91"/>
      <c r="GP4085" s="91"/>
      <c r="GQ4085" s="91"/>
      <c r="GR4085" s="91"/>
      <c r="GS4085" s="91"/>
      <c r="GT4085" s="91"/>
      <c r="GU4085" s="91"/>
      <c r="GV4085" s="91"/>
      <c r="GW4085" s="91"/>
      <c r="GX4085" s="127"/>
      <c r="GY4085" s="126"/>
      <c r="GZ4085" s="91"/>
      <c r="HA4085" s="91"/>
      <c r="HB4085" s="91"/>
      <c r="HC4085" s="91"/>
      <c r="HD4085" s="91"/>
      <c r="HE4085" s="91"/>
      <c r="HF4085" s="91"/>
      <c r="HG4085" s="91"/>
      <c r="HH4085" s="91"/>
      <c r="HI4085" s="91"/>
      <c r="HJ4085" s="91"/>
      <c r="HK4085" s="127"/>
      <c r="HL4085" s="126"/>
      <c r="HM4085" s="91"/>
      <c r="HN4085" s="91"/>
      <c r="HO4085" s="91"/>
      <c r="HP4085" s="91"/>
      <c r="HQ4085" s="91"/>
      <c r="HR4085" s="91"/>
      <c r="HS4085" s="91"/>
      <c r="HT4085" s="91"/>
      <c r="HU4085" s="91"/>
      <c r="HV4085" s="91"/>
      <c r="HW4085" s="91"/>
      <c r="HX4085" s="127"/>
      <c r="HY4085" s="126"/>
      <c r="HZ4085" s="91"/>
      <c r="IA4085" s="91"/>
      <c r="IB4085" s="91"/>
      <c r="IC4085" s="91"/>
      <c r="ID4085" s="91"/>
      <c r="IE4085" s="91"/>
      <c r="IF4085" s="91"/>
      <c r="IG4085" s="91"/>
      <c r="IH4085" s="91"/>
      <c r="II4085" s="91"/>
      <c r="IJ4085" s="91"/>
      <c r="IK4085" s="174"/>
    </row>
    <row r="4086" spans="2:245" x14ac:dyDescent="0.2">
      <c r="B4086" s="43"/>
      <c r="C4086" s="73"/>
      <c r="D4086" s="64"/>
      <c r="E4086" s="64"/>
      <c r="F4086" s="55"/>
      <c r="G4086" s="102"/>
      <c r="H4086" s="97"/>
      <c r="T4086" s="98"/>
      <c r="U4086" s="97"/>
      <c r="AG4086" s="98"/>
      <c r="AY4086" s="164"/>
      <c r="BK4086" s="98"/>
      <c r="BL4086" s="97"/>
      <c r="BX4086" s="98"/>
      <c r="CL4086" s="97"/>
      <c r="CX4086" s="98"/>
      <c r="DL4086" s="97"/>
      <c r="DX4086" s="98"/>
      <c r="EL4086" s="97"/>
      <c r="EX4086" s="98"/>
      <c r="EY4086" s="97"/>
      <c r="FL4086" s="126"/>
      <c r="FM4086" s="91"/>
      <c r="FN4086" s="91"/>
      <c r="FO4086" s="91"/>
      <c r="FP4086" s="91"/>
      <c r="FQ4086" s="91"/>
      <c r="FR4086" s="91"/>
      <c r="FS4086" s="91"/>
      <c r="FT4086" s="91"/>
      <c r="FU4086" s="91"/>
      <c r="FV4086" s="91"/>
      <c r="FW4086" s="91"/>
      <c r="FX4086" s="127"/>
      <c r="FY4086" s="126"/>
      <c r="FZ4086" s="91"/>
      <c r="GA4086" s="91"/>
      <c r="GB4086" s="91"/>
      <c r="GC4086" s="91"/>
      <c r="GD4086" s="91"/>
      <c r="GE4086" s="91"/>
      <c r="GF4086" s="91"/>
      <c r="GG4086" s="91"/>
      <c r="GH4086" s="91"/>
      <c r="GI4086" s="91"/>
      <c r="GJ4086" s="91"/>
      <c r="GK4086" s="127"/>
      <c r="GL4086" s="126"/>
      <c r="GM4086" s="91"/>
      <c r="GN4086" s="91"/>
      <c r="GO4086" s="91"/>
      <c r="GP4086" s="91"/>
      <c r="GQ4086" s="91"/>
      <c r="GR4086" s="91"/>
      <c r="GS4086" s="91"/>
      <c r="GT4086" s="91"/>
      <c r="GU4086" s="91"/>
      <c r="GV4086" s="91"/>
      <c r="GW4086" s="91"/>
      <c r="GX4086" s="127"/>
      <c r="GY4086" s="126"/>
      <c r="GZ4086" s="91"/>
      <c r="HA4086" s="91"/>
      <c r="HB4086" s="91"/>
      <c r="HC4086" s="91"/>
      <c r="HD4086" s="91"/>
      <c r="HE4086" s="91"/>
      <c r="HF4086" s="91"/>
      <c r="HG4086" s="91"/>
      <c r="HH4086" s="91"/>
      <c r="HI4086" s="91"/>
      <c r="HJ4086" s="91"/>
      <c r="HK4086" s="127"/>
      <c r="HL4086" s="126"/>
      <c r="HM4086" s="91"/>
      <c r="HN4086" s="91"/>
      <c r="HO4086" s="91"/>
      <c r="HP4086" s="91"/>
      <c r="HQ4086" s="91"/>
      <c r="HR4086" s="91"/>
      <c r="HS4086" s="91"/>
      <c r="HT4086" s="91"/>
      <c r="HU4086" s="91"/>
      <c r="HV4086" s="91"/>
      <c r="HW4086" s="91"/>
      <c r="HX4086" s="127"/>
      <c r="HY4086" s="126"/>
      <c r="HZ4086" s="91"/>
      <c r="IA4086" s="91"/>
      <c r="IB4086" s="91"/>
      <c r="IC4086" s="91"/>
      <c r="ID4086" s="91"/>
      <c r="IE4086" s="91"/>
      <c r="IF4086" s="91"/>
      <c r="IG4086" s="91"/>
      <c r="IH4086" s="91"/>
      <c r="II4086" s="91"/>
      <c r="IJ4086" s="91"/>
      <c r="IK4086" s="174"/>
    </row>
    <row r="4087" spans="2:245" x14ac:dyDescent="0.2">
      <c r="B4087" s="43"/>
      <c r="C4087" s="73"/>
      <c r="D4087" s="64"/>
      <c r="E4087" s="64"/>
      <c r="F4087" s="55"/>
      <c r="G4087" s="102"/>
      <c r="H4087" s="97"/>
      <c r="T4087" s="98"/>
      <c r="U4087" s="97"/>
      <c r="AG4087" s="98"/>
      <c r="AY4087" s="164"/>
      <c r="BK4087" s="98"/>
      <c r="BL4087" s="97"/>
      <c r="BX4087" s="98"/>
      <c r="CL4087" s="97"/>
      <c r="CX4087" s="98"/>
      <c r="DL4087" s="97"/>
      <c r="DX4087" s="98"/>
      <c r="EL4087" s="97"/>
      <c r="EX4087" s="98"/>
      <c r="EY4087" s="97"/>
      <c r="FL4087" s="126"/>
      <c r="FM4087" s="91"/>
      <c r="FN4087" s="91"/>
      <c r="FO4087" s="91"/>
      <c r="FP4087" s="91"/>
      <c r="FQ4087" s="91"/>
      <c r="FR4087" s="91"/>
      <c r="FS4087" s="91"/>
      <c r="FT4087" s="91"/>
      <c r="FU4087" s="91"/>
      <c r="FV4087" s="91"/>
      <c r="FW4087" s="91"/>
      <c r="FX4087" s="127"/>
      <c r="FY4087" s="126"/>
      <c r="FZ4087" s="91"/>
      <c r="GA4087" s="91"/>
      <c r="GB4087" s="91"/>
      <c r="GC4087" s="91"/>
      <c r="GD4087" s="91"/>
      <c r="GE4087" s="91"/>
      <c r="GF4087" s="91"/>
      <c r="GG4087" s="91"/>
      <c r="GH4087" s="91"/>
      <c r="GI4087" s="91"/>
      <c r="GJ4087" s="91"/>
      <c r="GK4087" s="127"/>
      <c r="GL4087" s="126"/>
      <c r="GM4087" s="91"/>
      <c r="GN4087" s="91"/>
      <c r="GO4087" s="91"/>
      <c r="GP4087" s="91"/>
      <c r="GQ4087" s="91"/>
      <c r="GR4087" s="91"/>
      <c r="GS4087" s="91"/>
      <c r="GT4087" s="91"/>
      <c r="GU4087" s="91"/>
      <c r="GV4087" s="91"/>
      <c r="GW4087" s="91"/>
      <c r="GX4087" s="127"/>
      <c r="GY4087" s="126"/>
      <c r="GZ4087" s="91"/>
      <c r="HA4087" s="91"/>
      <c r="HB4087" s="91"/>
      <c r="HC4087" s="91"/>
      <c r="HD4087" s="91"/>
      <c r="HE4087" s="91"/>
      <c r="HF4087" s="91"/>
      <c r="HG4087" s="91"/>
      <c r="HH4087" s="91"/>
      <c r="HI4087" s="91"/>
      <c r="HJ4087" s="91"/>
      <c r="HK4087" s="127"/>
      <c r="HL4087" s="126"/>
      <c r="HM4087" s="91"/>
      <c r="HN4087" s="91"/>
      <c r="HO4087" s="91"/>
      <c r="HP4087" s="91"/>
      <c r="HQ4087" s="91"/>
      <c r="HR4087" s="91"/>
      <c r="HS4087" s="91"/>
      <c r="HT4087" s="91"/>
      <c r="HU4087" s="91"/>
      <c r="HV4087" s="91"/>
      <c r="HW4087" s="91"/>
      <c r="HX4087" s="127"/>
      <c r="HY4087" s="126"/>
      <c r="HZ4087" s="91"/>
      <c r="IA4087" s="91"/>
      <c r="IB4087" s="91"/>
      <c r="IC4087" s="91"/>
      <c r="ID4087" s="91"/>
      <c r="IE4087" s="91"/>
      <c r="IF4087" s="91"/>
      <c r="IG4087" s="91"/>
      <c r="IH4087" s="91"/>
      <c r="II4087" s="91"/>
      <c r="IJ4087" s="91"/>
      <c r="IK4087" s="174"/>
    </row>
    <row r="4088" spans="2:245" x14ac:dyDescent="0.2">
      <c r="B4088" s="43"/>
      <c r="C4088" s="73"/>
      <c r="D4088" s="64"/>
      <c r="E4088" s="64"/>
      <c r="F4088" s="55"/>
      <c r="G4088" s="102"/>
      <c r="H4088" s="97"/>
      <c r="T4088" s="98"/>
      <c r="U4088" s="97"/>
      <c r="AG4088" s="98"/>
      <c r="AY4088" s="164"/>
      <c r="BK4088" s="98"/>
      <c r="BL4088" s="97"/>
      <c r="BX4088" s="98"/>
      <c r="CL4088" s="97"/>
      <c r="CX4088" s="98"/>
      <c r="DL4088" s="97"/>
      <c r="DX4088" s="98"/>
      <c r="EL4088" s="97"/>
      <c r="EX4088" s="98"/>
      <c r="EY4088" s="97"/>
      <c r="FL4088" s="126"/>
      <c r="FM4088" s="91"/>
      <c r="FN4088" s="91"/>
      <c r="FO4088" s="91"/>
      <c r="FP4088" s="91"/>
      <c r="FQ4088" s="91"/>
      <c r="FR4088" s="91"/>
      <c r="FS4088" s="91"/>
      <c r="FT4088" s="91"/>
      <c r="FU4088" s="91"/>
      <c r="FV4088" s="91"/>
      <c r="FW4088" s="91"/>
      <c r="FX4088" s="127"/>
      <c r="FY4088" s="126"/>
      <c r="FZ4088" s="91"/>
      <c r="GA4088" s="91"/>
      <c r="GB4088" s="91"/>
      <c r="GC4088" s="91"/>
      <c r="GD4088" s="91"/>
      <c r="GE4088" s="91"/>
      <c r="GF4088" s="91"/>
      <c r="GG4088" s="91"/>
      <c r="GH4088" s="91"/>
      <c r="GI4088" s="91"/>
      <c r="GJ4088" s="91"/>
      <c r="GK4088" s="127"/>
      <c r="GL4088" s="126"/>
      <c r="GM4088" s="91"/>
      <c r="GN4088" s="91"/>
      <c r="GO4088" s="91"/>
      <c r="GP4088" s="91"/>
      <c r="GQ4088" s="91"/>
      <c r="GR4088" s="91"/>
      <c r="GS4088" s="91"/>
      <c r="GT4088" s="91"/>
      <c r="GU4088" s="91"/>
      <c r="GV4088" s="91"/>
      <c r="GW4088" s="91"/>
      <c r="GX4088" s="127"/>
      <c r="GY4088" s="126"/>
      <c r="GZ4088" s="91"/>
      <c r="HA4088" s="91"/>
      <c r="HB4088" s="91"/>
      <c r="HC4088" s="91"/>
      <c r="HD4088" s="91"/>
      <c r="HE4088" s="91"/>
      <c r="HF4088" s="91"/>
      <c r="HG4088" s="91"/>
      <c r="HH4088" s="91"/>
      <c r="HI4088" s="91"/>
      <c r="HJ4088" s="91"/>
      <c r="HK4088" s="127"/>
      <c r="HL4088" s="126"/>
      <c r="HM4088" s="91"/>
      <c r="HN4088" s="91"/>
      <c r="HO4088" s="91"/>
      <c r="HP4088" s="91"/>
      <c r="HQ4088" s="91"/>
      <c r="HR4088" s="91"/>
      <c r="HS4088" s="91"/>
      <c r="HT4088" s="91"/>
      <c r="HU4088" s="91"/>
      <c r="HV4088" s="91"/>
      <c r="HW4088" s="91"/>
      <c r="HX4088" s="127"/>
      <c r="HY4088" s="126"/>
      <c r="HZ4088" s="91"/>
      <c r="IA4088" s="91"/>
      <c r="IB4088" s="91"/>
      <c r="IC4088" s="91"/>
      <c r="ID4088" s="91"/>
      <c r="IE4088" s="91"/>
      <c r="IF4088" s="91"/>
      <c r="IG4088" s="91"/>
      <c r="IH4088" s="91"/>
      <c r="II4088" s="91"/>
      <c r="IJ4088" s="91"/>
      <c r="IK4088" s="174"/>
    </row>
    <row r="4089" spans="2:245" x14ac:dyDescent="0.2">
      <c r="B4089" s="43"/>
      <c r="C4089" s="73"/>
      <c r="D4089" s="64"/>
      <c r="E4089" s="64"/>
      <c r="F4089" s="55"/>
      <c r="G4089" s="102"/>
      <c r="H4089" s="97"/>
      <c r="T4089" s="98"/>
      <c r="U4089" s="97"/>
      <c r="AG4089" s="98"/>
      <c r="AY4089" s="164"/>
      <c r="BK4089" s="98"/>
      <c r="BL4089" s="97"/>
      <c r="BX4089" s="98"/>
      <c r="CL4089" s="97"/>
      <c r="CX4089" s="98"/>
      <c r="DL4089" s="97"/>
      <c r="DX4089" s="98"/>
      <c r="EL4089" s="97"/>
      <c r="EX4089" s="98"/>
      <c r="EY4089" s="97"/>
      <c r="FL4089" s="126"/>
      <c r="FM4089" s="91"/>
      <c r="FN4089" s="91"/>
      <c r="FO4089" s="91"/>
      <c r="FP4089" s="91"/>
      <c r="FQ4089" s="91"/>
      <c r="FR4089" s="91"/>
      <c r="FS4089" s="91"/>
      <c r="FT4089" s="91"/>
      <c r="FU4089" s="91"/>
      <c r="FV4089" s="91"/>
      <c r="FW4089" s="91"/>
      <c r="FX4089" s="127"/>
      <c r="FY4089" s="126"/>
      <c r="FZ4089" s="91"/>
      <c r="GA4089" s="91"/>
      <c r="GB4089" s="91"/>
      <c r="GC4089" s="91"/>
      <c r="GD4089" s="91"/>
      <c r="GE4089" s="91"/>
      <c r="GF4089" s="91"/>
      <c r="GG4089" s="91"/>
      <c r="GH4089" s="91"/>
      <c r="GI4089" s="91"/>
      <c r="GJ4089" s="91"/>
      <c r="GK4089" s="127"/>
      <c r="GL4089" s="126"/>
      <c r="GM4089" s="91"/>
      <c r="GN4089" s="91"/>
      <c r="GO4089" s="91"/>
      <c r="GP4089" s="91"/>
      <c r="GQ4089" s="91"/>
      <c r="GR4089" s="91"/>
      <c r="GS4089" s="91"/>
      <c r="GT4089" s="91"/>
      <c r="GU4089" s="91"/>
      <c r="GV4089" s="91"/>
      <c r="GW4089" s="91"/>
      <c r="GX4089" s="127"/>
      <c r="GY4089" s="126"/>
      <c r="GZ4089" s="91"/>
      <c r="HA4089" s="91"/>
      <c r="HB4089" s="91"/>
      <c r="HC4089" s="91"/>
      <c r="HD4089" s="91"/>
      <c r="HE4089" s="91"/>
      <c r="HF4089" s="91"/>
      <c r="HG4089" s="91"/>
      <c r="HH4089" s="91"/>
      <c r="HI4089" s="91"/>
      <c r="HJ4089" s="91"/>
      <c r="HK4089" s="127"/>
      <c r="HL4089" s="126"/>
      <c r="HM4089" s="91"/>
      <c r="HN4089" s="91"/>
      <c r="HO4089" s="91"/>
      <c r="HP4089" s="91"/>
      <c r="HQ4089" s="91"/>
      <c r="HR4089" s="91"/>
      <c r="HS4089" s="91"/>
      <c r="HT4089" s="91"/>
      <c r="HU4089" s="91"/>
      <c r="HV4089" s="91"/>
      <c r="HW4089" s="91"/>
      <c r="HX4089" s="127"/>
      <c r="HY4089" s="126"/>
      <c r="HZ4089" s="91"/>
      <c r="IA4089" s="91"/>
      <c r="IB4089" s="91"/>
      <c r="IC4089" s="91"/>
      <c r="ID4089" s="91"/>
      <c r="IE4089" s="91"/>
      <c r="IF4089" s="91"/>
      <c r="IG4089" s="91"/>
      <c r="IH4089" s="91"/>
      <c r="II4089" s="91"/>
      <c r="IJ4089" s="91"/>
      <c r="IK4089" s="174"/>
    </row>
    <row r="4090" spans="2:245" x14ac:dyDescent="0.2">
      <c r="B4090" s="43"/>
      <c r="C4090" s="73"/>
      <c r="D4090" s="64"/>
      <c r="E4090" s="64"/>
      <c r="F4090" s="55"/>
      <c r="G4090" s="102"/>
      <c r="H4090" s="97"/>
      <c r="T4090" s="98"/>
      <c r="U4090" s="97"/>
      <c r="AG4090" s="98"/>
      <c r="AY4090" s="164"/>
      <c r="BK4090" s="98"/>
      <c r="BL4090" s="97"/>
      <c r="BX4090" s="98"/>
      <c r="CL4090" s="97"/>
      <c r="CX4090" s="98"/>
      <c r="DL4090" s="97"/>
      <c r="DX4090" s="98"/>
      <c r="EL4090" s="97"/>
      <c r="EX4090" s="98"/>
      <c r="EY4090" s="97"/>
      <c r="FL4090" s="126"/>
      <c r="FM4090" s="91"/>
      <c r="FN4090" s="91"/>
      <c r="FO4090" s="91"/>
      <c r="FP4090" s="91"/>
      <c r="FQ4090" s="91"/>
      <c r="FR4090" s="91"/>
      <c r="FS4090" s="91"/>
      <c r="FT4090" s="91"/>
      <c r="FU4090" s="91"/>
      <c r="FV4090" s="91"/>
      <c r="FW4090" s="91"/>
      <c r="FX4090" s="127"/>
      <c r="FY4090" s="126"/>
      <c r="FZ4090" s="91"/>
      <c r="GA4090" s="91"/>
      <c r="GB4090" s="91"/>
      <c r="GC4090" s="91"/>
      <c r="GD4090" s="91"/>
      <c r="GE4090" s="91"/>
      <c r="GF4090" s="91"/>
      <c r="GG4090" s="91"/>
      <c r="GH4090" s="91"/>
      <c r="GI4090" s="91"/>
      <c r="GJ4090" s="91"/>
      <c r="GK4090" s="127"/>
      <c r="GL4090" s="126"/>
      <c r="GM4090" s="91"/>
      <c r="GN4090" s="91"/>
      <c r="GO4090" s="91"/>
      <c r="GP4090" s="91"/>
      <c r="GQ4090" s="91"/>
      <c r="GR4090" s="91"/>
      <c r="GS4090" s="91"/>
      <c r="GT4090" s="91"/>
      <c r="GU4090" s="91"/>
      <c r="GV4090" s="91"/>
      <c r="GW4090" s="91"/>
      <c r="GX4090" s="127"/>
      <c r="GY4090" s="126"/>
      <c r="GZ4090" s="91"/>
      <c r="HA4090" s="91"/>
      <c r="HB4090" s="91"/>
      <c r="HC4090" s="91"/>
      <c r="HD4090" s="91"/>
      <c r="HE4090" s="91"/>
      <c r="HF4090" s="91"/>
      <c r="HG4090" s="91"/>
      <c r="HH4090" s="91"/>
      <c r="HI4090" s="91"/>
      <c r="HJ4090" s="91"/>
      <c r="HK4090" s="127"/>
      <c r="HL4090" s="126"/>
      <c r="HM4090" s="91"/>
      <c r="HN4090" s="91"/>
      <c r="HO4090" s="91"/>
      <c r="HP4090" s="91"/>
      <c r="HQ4090" s="91"/>
      <c r="HR4090" s="91"/>
      <c r="HS4090" s="91"/>
      <c r="HT4090" s="91"/>
      <c r="HU4090" s="91"/>
      <c r="HV4090" s="91"/>
      <c r="HW4090" s="91"/>
      <c r="HX4090" s="127"/>
      <c r="HY4090" s="126"/>
      <c r="HZ4090" s="91"/>
      <c r="IA4090" s="91"/>
      <c r="IB4090" s="91"/>
      <c r="IC4090" s="91"/>
      <c r="ID4090" s="91"/>
      <c r="IE4090" s="91"/>
      <c r="IF4090" s="91"/>
      <c r="IG4090" s="91"/>
      <c r="IH4090" s="91"/>
      <c r="II4090" s="91"/>
      <c r="IJ4090" s="91"/>
      <c r="IK4090" s="174"/>
    </row>
    <row r="4091" spans="2:245" x14ac:dyDescent="0.2">
      <c r="B4091" s="43"/>
      <c r="C4091" s="73"/>
      <c r="D4091" s="64"/>
      <c r="E4091" s="64"/>
      <c r="F4091" s="55"/>
      <c r="G4091" s="102"/>
      <c r="H4091" s="97"/>
      <c r="T4091" s="98"/>
      <c r="U4091" s="97"/>
      <c r="AG4091" s="98"/>
      <c r="AY4091" s="164"/>
      <c r="BK4091" s="98"/>
      <c r="BL4091" s="97"/>
      <c r="BX4091" s="98"/>
      <c r="CL4091" s="97"/>
      <c r="CX4091" s="98"/>
      <c r="DL4091" s="97"/>
      <c r="DX4091" s="98"/>
      <c r="EL4091" s="97"/>
      <c r="EX4091" s="98"/>
      <c r="EY4091" s="97"/>
      <c r="FL4091" s="126"/>
      <c r="FM4091" s="91"/>
      <c r="FN4091" s="91"/>
      <c r="FO4091" s="91"/>
      <c r="FP4091" s="91"/>
      <c r="FQ4091" s="91"/>
      <c r="FR4091" s="91"/>
      <c r="FS4091" s="91"/>
      <c r="FT4091" s="91"/>
      <c r="FU4091" s="91"/>
      <c r="FV4091" s="91"/>
      <c r="FW4091" s="91"/>
      <c r="FX4091" s="127"/>
      <c r="FY4091" s="126"/>
      <c r="FZ4091" s="91"/>
      <c r="GA4091" s="91"/>
      <c r="GB4091" s="91"/>
      <c r="GC4091" s="91"/>
      <c r="GD4091" s="91"/>
      <c r="GE4091" s="91"/>
      <c r="GF4091" s="91"/>
      <c r="GG4091" s="91"/>
      <c r="GH4091" s="91"/>
      <c r="GI4091" s="91"/>
      <c r="GJ4091" s="91"/>
      <c r="GK4091" s="127"/>
      <c r="GL4091" s="126"/>
      <c r="GM4091" s="91"/>
      <c r="GN4091" s="91"/>
      <c r="GO4091" s="91"/>
      <c r="GP4091" s="91"/>
      <c r="GQ4091" s="91"/>
      <c r="GR4091" s="91"/>
      <c r="GS4091" s="91"/>
      <c r="GT4091" s="91"/>
      <c r="GU4091" s="91"/>
      <c r="GV4091" s="91"/>
      <c r="GW4091" s="91"/>
      <c r="GX4091" s="127"/>
      <c r="GY4091" s="126"/>
      <c r="GZ4091" s="91"/>
      <c r="HA4091" s="91"/>
      <c r="HB4091" s="91"/>
      <c r="HC4091" s="91"/>
      <c r="HD4091" s="91"/>
      <c r="HE4091" s="91"/>
      <c r="HF4091" s="91"/>
      <c r="HG4091" s="91"/>
      <c r="HH4091" s="91"/>
      <c r="HI4091" s="91"/>
      <c r="HJ4091" s="91"/>
      <c r="HK4091" s="127"/>
      <c r="HL4091" s="126"/>
      <c r="HM4091" s="91"/>
      <c r="HN4091" s="91"/>
      <c r="HO4091" s="91"/>
      <c r="HP4091" s="91"/>
      <c r="HQ4091" s="91"/>
      <c r="HR4091" s="91"/>
      <c r="HS4091" s="91"/>
      <c r="HT4091" s="91"/>
      <c r="HU4091" s="91"/>
      <c r="HV4091" s="91"/>
      <c r="HW4091" s="91"/>
      <c r="HX4091" s="127"/>
      <c r="HY4091" s="126"/>
      <c r="HZ4091" s="91"/>
      <c r="IA4091" s="91"/>
      <c r="IB4091" s="91"/>
      <c r="IC4091" s="91"/>
      <c r="ID4091" s="91"/>
      <c r="IE4091" s="91"/>
      <c r="IF4091" s="91"/>
      <c r="IG4091" s="91"/>
      <c r="IH4091" s="91"/>
      <c r="II4091" s="91"/>
      <c r="IJ4091" s="91"/>
      <c r="IK4091" s="174"/>
    </row>
    <row r="4092" spans="2:245" x14ac:dyDescent="0.2">
      <c r="B4092" s="43"/>
      <c r="C4092" s="73"/>
      <c r="D4092" s="64"/>
      <c r="E4092" s="64"/>
      <c r="F4092" s="55"/>
      <c r="G4092" s="102"/>
      <c r="H4092" s="97"/>
      <c r="T4092" s="98"/>
      <c r="U4092" s="97"/>
      <c r="AG4092" s="98"/>
      <c r="AY4092" s="164"/>
      <c r="BK4092" s="98"/>
      <c r="BL4092" s="97"/>
      <c r="BX4092" s="98"/>
      <c r="CL4092" s="97"/>
      <c r="CX4092" s="98"/>
      <c r="DL4092" s="97"/>
      <c r="DX4092" s="98"/>
      <c r="EL4092" s="97"/>
      <c r="EX4092" s="98"/>
      <c r="EY4092" s="97"/>
      <c r="FL4092" s="126"/>
      <c r="FM4092" s="91"/>
      <c r="FN4092" s="91"/>
      <c r="FO4092" s="91"/>
      <c r="FP4092" s="91"/>
      <c r="FQ4092" s="91"/>
      <c r="FR4092" s="91"/>
      <c r="FS4092" s="91"/>
      <c r="FT4092" s="91"/>
      <c r="FU4092" s="91"/>
      <c r="FV4092" s="91"/>
      <c r="FW4092" s="91"/>
      <c r="FX4092" s="127"/>
      <c r="FY4092" s="126"/>
      <c r="FZ4092" s="91"/>
      <c r="GA4092" s="91"/>
      <c r="GB4092" s="91"/>
      <c r="GC4092" s="91"/>
      <c r="GD4092" s="91"/>
      <c r="GE4092" s="91"/>
      <c r="GF4092" s="91"/>
      <c r="GG4092" s="91"/>
      <c r="GH4092" s="91"/>
      <c r="GI4092" s="91"/>
      <c r="GJ4092" s="91"/>
      <c r="GK4092" s="127"/>
      <c r="GL4092" s="126"/>
      <c r="GM4092" s="91"/>
      <c r="GN4092" s="91"/>
      <c r="GO4092" s="91"/>
      <c r="GP4092" s="91"/>
      <c r="GQ4092" s="91"/>
      <c r="GR4092" s="91"/>
      <c r="GS4092" s="91"/>
      <c r="GT4092" s="91"/>
      <c r="GU4092" s="91"/>
      <c r="GV4092" s="91"/>
      <c r="GW4092" s="91"/>
      <c r="GX4092" s="127"/>
      <c r="GY4092" s="126"/>
      <c r="GZ4092" s="91"/>
      <c r="HA4092" s="91"/>
      <c r="HB4092" s="91"/>
      <c r="HC4092" s="91"/>
      <c r="HD4092" s="91"/>
      <c r="HE4092" s="91"/>
      <c r="HF4092" s="91"/>
      <c r="HG4092" s="91"/>
      <c r="HH4092" s="91"/>
      <c r="HI4092" s="91"/>
      <c r="HJ4092" s="91"/>
      <c r="HK4092" s="127"/>
      <c r="HL4092" s="126"/>
      <c r="HM4092" s="91"/>
      <c r="HN4092" s="91"/>
      <c r="HO4092" s="91"/>
      <c r="HP4092" s="91"/>
      <c r="HQ4092" s="91"/>
      <c r="HR4092" s="91"/>
      <c r="HS4092" s="91"/>
      <c r="HT4092" s="91"/>
      <c r="HU4092" s="91"/>
      <c r="HV4092" s="91"/>
      <c r="HW4092" s="91"/>
      <c r="HX4092" s="127"/>
      <c r="HY4092" s="126"/>
      <c r="HZ4092" s="91"/>
      <c r="IA4092" s="91"/>
      <c r="IB4092" s="91"/>
      <c r="IC4092" s="91"/>
      <c r="ID4092" s="91"/>
      <c r="IE4092" s="91"/>
      <c r="IF4092" s="91"/>
      <c r="IG4092" s="91"/>
      <c r="IH4092" s="91"/>
      <c r="II4092" s="91"/>
      <c r="IJ4092" s="91"/>
      <c r="IK4092" s="174"/>
    </row>
    <row r="4093" spans="2:245" x14ac:dyDescent="0.2">
      <c r="B4093" s="43"/>
      <c r="C4093" s="73"/>
      <c r="D4093" s="64"/>
      <c r="E4093" s="64"/>
      <c r="F4093" s="55"/>
      <c r="G4093" s="102"/>
      <c r="H4093" s="97"/>
      <c r="T4093" s="98"/>
      <c r="U4093" s="97"/>
      <c r="AG4093" s="98"/>
      <c r="AY4093" s="164"/>
      <c r="BK4093" s="98"/>
      <c r="BL4093" s="97"/>
      <c r="BX4093" s="98"/>
      <c r="CL4093" s="97"/>
      <c r="CX4093" s="98"/>
      <c r="DL4093" s="97"/>
      <c r="DX4093" s="98"/>
      <c r="EL4093" s="97"/>
      <c r="EX4093" s="98"/>
      <c r="EY4093" s="97"/>
      <c r="FL4093" s="126"/>
      <c r="FM4093" s="91"/>
      <c r="FN4093" s="91"/>
      <c r="FO4093" s="91"/>
      <c r="FP4093" s="91"/>
      <c r="FQ4093" s="91"/>
      <c r="FR4093" s="91"/>
      <c r="FS4093" s="91"/>
      <c r="FT4093" s="91"/>
      <c r="FU4093" s="91"/>
      <c r="FV4093" s="91"/>
      <c r="FW4093" s="91"/>
      <c r="FX4093" s="127"/>
      <c r="FY4093" s="126"/>
      <c r="FZ4093" s="91"/>
      <c r="GA4093" s="91"/>
      <c r="GB4093" s="91"/>
      <c r="GC4093" s="91"/>
      <c r="GD4093" s="91"/>
      <c r="GE4093" s="91"/>
      <c r="GF4093" s="91"/>
      <c r="GG4093" s="91"/>
      <c r="GH4093" s="91"/>
      <c r="GI4093" s="91"/>
      <c r="GJ4093" s="91"/>
      <c r="GK4093" s="127"/>
      <c r="GL4093" s="126"/>
      <c r="GM4093" s="91"/>
      <c r="GN4093" s="91"/>
      <c r="GO4093" s="91"/>
      <c r="GP4093" s="91"/>
      <c r="GQ4093" s="91"/>
      <c r="GR4093" s="91"/>
      <c r="GS4093" s="91"/>
      <c r="GT4093" s="91"/>
      <c r="GU4093" s="91"/>
      <c r="GV4093" s="91"/>
      <c r="GW4093" s="91"/>
      <c r="GX4093" s="127"/>
      <c r="GY4093" s="126"/>
      <c r="GZ4093" s="91"/>
      <c r="HA4093" s="91"/>
      <c r="HB4093" s="91"/>
      <c r="HC4093" s="91"/>
      <c r="HD4093" s="91"/>
      <c r="HE4093" s="91"/>
      <c r="HF4093" s="91"/>
      <c r="HG4093" s="91"/>
      <c r="HH4093" s="91"/>
      <c r="HI4093" s="91"/>
      <c r="HJ4093" s="91"/>
      <c r="HK4093" s="127"/>
      <c r="HL4093" s="126"/>
      <c r="HM4093" s="91"/>
      <c r="HN4093" s="91"/>
      <c r="HO4093" s="91"/>
      <c r="HP4093" s="91"/>
      <c r="HQ4093" s="91"/>
      <c r="HR4093" s="91"/>
      <c r="HS4093" s="91"/>
      <c r="HT4093" s="91"/>
      <c r="HU4093" s="91"/>
      <c r="HV4093" s="91"/>
      <c r="HW4093" s="91"/>
      <c r="HX4093" s="127"/>
      <c r="HY4093" s="126"/>
      <c r="HZ4093" s="91"/>
      <c r="IA4093" s="91"/>
      <c r="IB4093" s="91"/>
      <c r="IC4093" s="91"/>
      <c r="ID4093" s="91"/>
      <c r="IE4093" s="91"/>
      <c r="IF4093" s="91"/>
      <c r="IG4093" s="91"/>
      <c r="IH4093" s="91"/>
      <c r="II4093" s="91"/>
      <c r="IJ4093" s="91"/>
      <c r="IK4093" s="174"/>
    </row>
    <row r="4094" spans="2:245" x14ac:dyDescent="0.2">
      <c r="B4094" s="43"/>
      <c r="C4094" s="73"/>
      <c r="D4094" s="64"/>
      <c r="E4094" s="64"/>
      <c r="F4094" s="55"/>
      <c r="G4094" s="102"/>
      <c r="H4094" s="97"/>
      <c r="T4094" s="98"/>
      <c r="U4094" s="97"/>
      <c r="AG4094" s="98"/>
      <c r="AY4094" s="164"/>
      <c r="BK4094" s="98"/>
      <c r="BL4094" s="97"/>
      <c r="BX4094" s="98"/>
      <c r="CL4094" s="97"/>
      <c r="CX4094" s="98"/>
      <c r="DL4094" s="97"/>
      <c r="DX4094" s="98"/>
      <c r="EL4094" s="97"/>
      <c r="EX4094" s="98"/>
      <c r="EY4094" s="97"/>
      <c r="FL4094" s="126"/>
      <c r="FM4094" s="91"/>
      <c r="FN4094" s="91"/>
      <c r="FO4094" s="91"/>
      <c r="FP4094" s="91"/>
      <c r="FQ4094" s="91"/>
      <c r="FR4094" s="91"/>
      <c r="FS4094" s="91"/>
      <c r="FT4094" s="91"/>
      <c r="FU4094" s="91"/>
      <c r="FV4094" s="91"/>
      <c r="FW4094" s="91"/>
      <c r="FX4094" s="127"/>
      <c r="FY4094" s="126"/>
      <c r="FZ4094" s="91"/>
      <c r="GA4094" s="91"/>
      <c r="GB4094" s="91"/>
      <c r="GC4094" s="91"/>
      <c r="GD4094" s="91"/>
      <c r="GE4094" s="91"/>
      <c r="GF4094" s="91"/>
      <c r="GG4094" s="91"/>
      <c r="GH4094" s="91"/>
      <c r="GI4094" s="91"/>
      <c r="GJ4094" s="91"/>
      <c r="GK4094" s="127"/>
      <c r="GL4094" s="126"/>
      <c r="GM4094" s="91"/>
      <c r="GN4094" s="91"/>
      <c r="GO4094" s="91"/>
      <c r="GP4094" s="91"/>
      <c r="GQ4094" s="91"/>
      <c r="GR4094" s="91"/>
      <c r="GS4094" s="91"/>
      <c r="GT4094" s="91"/>
      <c r="GU4094" s="91"/>
      <c r="GV4094" s="91"/>
      <c r="GW4094" s="91"/>
      <c r="GX4094" s="127"/>
      <c r="GY4094" s="126"/>
      <c r="GZ4094" s="91"/>
      <c r="HA4094" s="91"/>
      <c r="HB4094" s="91"/>
      <c r="HC4094" s="91"/>
      <c r="HD4094" s="91"/>
      <c r="HE4094" s="91"/>
      <c r="HF4094" s="91"/>
      <c r="HG4094" s="91"/>
      <c r="HH4094" s="91"/>
      <c r="HI4094" s="91"/>
      <c r="HJ4094" s="91"/>
      <c r="HK4094" s="127"/>
      <c r="HL4094" s="126"/>
      <c r="HM4094" s="91"/>
      <c r="HN4094" s="91"/>
      <c r="HO4094" s="91"/>
      <c r="HP4094" s="91"/>
      <c r="HQ4094" s="91"/>
      <c r="HR4094" s="91"/>
      <c r="HS4094" s="91"/>
      <c r="HT4094" s="91"/>
      <c r="HU4094" s="91"/>
      <c r="HV4094" s="91"/>
      <c r="HW4094" s="91"/>
      <c r="HX4094" s="127"/>
      <c r="HY4094" s="126"/>
      <c r="HZ4094" s="91"/>
      <c r="IA4094" s="91"/>
      <c r="IB4094" s="91"/>
      <c r="IC4094" s="91"/>
      <c r="ID4094" s="91"/>
      <c r="IE4094" s="91"/>
      <c r="IF4094" s="91"/>
      <c r="IG4094" s="91"/>
      <c r="IH4094" s="91"/>
      <c r="II4094" s="91"/>
      <c r="IJ4094" s="91"/>
      <c r="IK4094" s="174"/>
    </row>
    <row r="4095" spans="2:245" x14ac:dyDescent="0.2">
      <c r="B4095" s="43"/>
      <c r="C4095" s="73"/>
      <c r="D4095" s="64"/>
      <c r="E4095" s="64"/>
      <c r="F4095" s="55"/>
      <c r="G4095" s="102"/>
      <c r="H4095" s="97"/>
      <c r="T4095" s="98"/>
      <c r="U4095" s="97"/>
      <c r="AG4095" s="98"/>
      <c r="AY4095" s="164"/>
      <c r="BK4095" s="98"/>
      <c r="BL4095" s="97"/>
      <c r="BX4095" s="98"/>
      <c r="CL4095" s="97"/>
      <c r="CX4095" s="98"/>
      <c r="DL4095" s="97"/>
      <c r="DX4095" s="98"/>
      <c r="EL4095" s="97"/>
      <c r="EX4095" s="98"/>
      <c r="EY4095" s="97"/>
      <c r="FL4095" s="126"/>
      <c r="FM4095" s="91"/>
      <c r="FN4095" s="91"/>
      <c r="FO4095" s="91"/>
      <c r="FP4095" s="91"/>
      <c r="FQ4095" s="91"/>
      <c r="FR4095" s="91"/>
      <c r="FS4095" s="91"/>
      <c r="FT4095" s="91"/>
      <c r="FU4095" s="91"/>
      <c r="FV4095" s="91"/>
      <c r="FW4095" s="91"/>
      <c r="FX4095" s="127"/>
      <c r="FY4095" s="126"/>
      <c r="FZ4095" s="91"/>
      <c r="GA4095" s="91"/>
      <c r="GB4095" s="91"/>
      <c r="GC4095" s="91"/>
      <c r="GD4095" s="91"/>
      <c r="GE4095" s="91"/>
      <c r="GF4095" s="91"/>
      <c r="GG4095" s="91"/>
      <c r="GH4095" s="91"/>
      <c r="GI4095" s="91"/>
      <c r="GJ4095" s="91"/>
      <c r="GK4095" s="127"/>
      <c r="GL4095" s="126"/>
      <c r="GM4095" s="91"/>
      <c r="GN4095" s="91"/>
      <c r="GO4095" s="91"/>
      <c r="GP4095" s="91"/>
      <c r="GQ4095" s="91"/>
      <c r="GR4095" s="91"/>
      <c r="GS4095" s="91"/>
      <c r="GT4095" s="91"/>
      <c r="GU4095" s="91"/>
      <c r="GV4095" s="91"/>
      <c r="GW4095" s="91"/>
      <c r="GX4095" s="127"/>
      <c r="GY4095" s="126"/>
      <c r="GZ4095" s="91"/>
      <c r="HA4095" s="91"/>
      <c r="HB4095" s="91"/>
      <c r="HC4095" s="91"/>
      <c r="HD4095" s="91"/>
      <c r="HE4095" s="91"/>
      <c r="HF4095" s="91"/>
      <c r="HG4095" s="91"/>
      <c r="HH4095" s="91"/>
      <c r="HI4095" s="91"/>
      <c r="HJ4095" s="91"/>
      <c r="HK4095" s="127"/>
      <c r="HL4095" s="126"/>
      <c r="HM4095" s="91"/>
      <c r="HN4095" s="91"/>
      <c r="HO4095" s="91"/>
      <c r="HP4095" s="91"/>
      <c r="HQ4095" s="91"/>
      <c r="HR4095" s="91"/>
      <c r="HS4095" s="91"/>
      <c r="HT4095" s="91"/>
      <c r="HU4095" s="91"/>
      <c r="HV4095" s="91"/>
      <c r="HW4095" s="91"/>
      <c r="HX4095" s="127"/>
      <c r="HY4095" s="126"/>
      <c r="HZ4095" s="91"/>
      <c r="IA4095" s="91"/>
      <c r="IB4095" s="91"/>
      <c r="IC4095" s="91"/>
      <c r="ID4095" s="91"/>
      <c r="IE4095" s="91"/>
      <c r="IF4095" s="91"/>
      <c r="IG4095" s="91"/>
      <c r="IH4095" s="91"/>
      <c r="II4095" s="91"/>
      <c r="IJ4095" s="91"/>
      <c r="IK4095" s="174"/>
    </row>
    <row r="4096" spans="2:245" x14ac:dyDescent="0.2">
      <c r="B4096" s="43"/>
      <c r="C4096" s="73"/>
      <c r="D4096" s="64"/>
      <c r="E4096" s="64"/>
      <c r="F4096" s="55"/>
      <c r="G4096" s="102"/>
      <c r="H4096" s="97"/>
      <c r="T4096" s="98"/>
      <c r="U4096" s="97"/>
      <c r="AG4096" s="98"/>
      <c r="AY4096" s="164"/>
      <c r="BK4096" s="98"/>
      <c r="BL4096" s="97"/>
      <c r="BX4096" s="98"/>
      <c r="CL4096" s="97"/>
      <c r="CX4096" s="98"/>
      <c r="DL4096" s="97"/>
      <c r="DX4096" s="98"/>
      <c r="EL4096" s="97"/>
      <c r="EX4096" s="98"/>
      <c r="EY4096" s="97"/>
      <c r="FL4096" s="126"/>
      <c r="FM4096" s="91"/>
      <c r="FN4096" s="91"/>
      <c r="FO4096" s="91"/>
      <c r="FP4096" s="91"/>
      <c r="FQ4096" s="91"/>
      <c r="FR4096" s="91"/>
      <c r="FS4096" s="91"/>
      <c r="FT4096" s="91"/>
      <c r="FU4096" s="91"/>
      <c r="FV4096" s="91"/>
      <c r="FW4096" s="91"/>
      <c r="FX4096" s="127"/>
      <c r="FY4096" s="126"/>
      <c r="FZ4096" s="91"/>
      <c r="GA4096" s="91"/>
      <c r="GB4096" s="91"/>
      <c r="GC4096" s="91"/>
      <c r="GD4096" s="91"/>
      <c r="GE4096" s="91"/>
      <c r="GF4096" s="91"/>
      <c r="GG4096" s="91"/>
      <c r="GH4096" s="91"/>
      <c r="GI4096" s="91"/>
      <c r="GJ4096" s="91"/>
      <c r="GK4096" s="127"/>
      <c r="GL4096" s="126"/>
      <c r="GM4096" s="91"/>
      <c r="GN4096" s="91"/>
      <c r="GO4096" s="91"/>
      <c r="GP4096" s="91"/>
      <c r="GQ4096" s="91"/>
      <c r="GR4096" s="91"/>
      <c r="GS4096" s="91"/>
      <c r="GT4096" s="91"/>
      <c r="GU4096" s="91"/>
      <c r="GV4096" s="91"/>
      <c r="GW4096" s="91"/>
      <c r="GX4096" s="127"/>
      <c r="GY4096" s="126"/>
      <c r="GZ4096" s="91"/>
      <c r="HA4096" s="91"/>
      <c r="HB4096" s="91"/>
      <c r="HC4096" s="91"/>
      <c r="HD4096" s="91"/>
      <c r="HE4096" s="91"/>
      <c r="HF4096" s="91"/>
      <c r="HG4096" s="91"/>
      <c r="HH4096" s="91"/>
      <c r="HI4096" s="91"/>
      <c r="HJ4096" s="91"/>
      <c r="HK4096" s="127"/>
      <c r="HL4096" s="126"/>
      <c r="HM4096" s="91"/>
      <c r="HN4096" s="91"/>
      <c r="HO4096" s="91"/>
      <c r="HP4096" s="91"/>
      <c r="HQ4096" s="91"/>
      <c r="HR4096" s="91"/>
      <c r="HS4096" s="91"/>
      <c r="HT4096" s="91"/>
      <c r="HU4096" s="91"/>
      <c r="HV4096" s="91"/>
      <c r="HW4096" s="91"/>
      <c r="HX4096" s="127"/>
      <c r="HY4096" s="126"/>
      <c r="HZ4096" s="91"/>
      <c r="IA4096" s="91"/>
      <c r="IB4096" s="91"/>
      <c r="IC4096" s="91"/>
      <c r="ID4096" s="91"/>
      <c r="IE4096" s="91"/>
      <c r="IF4096" s="91"/>
      <c r="IG4096" s="91"/>
      <c r="IH4096" s="91"/>
      <c r="II4096" s="91"/>
      <c r="IJ4096" s="91"/>
      <c r="IK4096" s="174"/>
    </row>
    <row r="4097" spans="2:245" x14ac:dyDescent="0.2">
      <c r="B4097" s="43"/>
      <c r="C4097" s="73"/>
      <c r="D4097" s="64"/>
      <c r="E4097" s="64"/>
      <c r="F4097" s="55"/>
      <c r="G4097" s="102"/>
      <c r="H4097" s="97"/>
      <c r="T4097" s="98"/>
      <c r="U4097" s="97"/>
      <c r="AG4097" s="98"/>
      <c r="AY4097" s="164"/>
      <c r="BK4097" s="98"/>
      <c r="BL4097" s="97"/>
      <c r="BX4097" s="98"/>
      <c r="CL4097" s="97"/>
      <c r="CX4097" s="98"/>
      <c r="DL4097" s="97"/>
      <c r="DX4097" s="98"/>
      <c r="EL4097" s="97"/>
      <c r="EX4097" s="98"/>
      <c r="EY4097" s="97"/>
      <c r="FL4097" s="126"/>
      <c r="FM4097" s="91"/>
      <c r="FN4097" s="91"/>
      <c r="FO4097" s="91"/>
      <c r="FP4097" s="91"/>
      <c r="FQ4097" s="91"/>
      <c r="FR4097" s="91"/>
      <c r="FS4097" s="91"/>
      <c r="FT4097" s="91"/>
      <c r="FU4097" s="91"/>
      <c r="FV4097" s="91"/>
      <c r="FW4097" s="91"/>
      <c r="FX4097" s="127"/>
      <c r="FY4097" s="126"/>
      <c r="FZ4097" s="91"/>
      <c r="GA4097" s="91"/>
      <c r="GB4097" s="91"/>
      <c r="GC4097" s="91"/>
      <c r="GD4097" s="91"/>
      <c r="GE4097" s="91"/>
      <c r="GF4097" s="91"/>
      <c r="GG4097" s="91"/>
      <c r="GH4097" s="91"/>
      <c r="GI4097" s="91"/>
      <c r="GJ4097" s="91"/>
      <c r="GK4097" s="127"/>
      <c r="GL4097" s="126"/>
      <c r="GM4097" s="91"/>
      <c r="GN4097" s="91"/>
      <c r="GO4097" s="91"/>
      <c r="GP4097" s="91"/>
      <c r="GQ4097" s="91"/>
      <c r="GR4097" s="91"/>
      <c r="GS4097" s="91"/>
      <c r="GT4097" s="91"/>
      <c r="GU4097" s="91"/>
      <c r="GV4097" s="91"/>
      <c r="GW4097" s="91"/>
      <c r="GX4097" s="127"/>
      <c r="GY4097" s="126"/>
      <c r="GZ4097" s="91"/>
      <c r="HA4097" s="91"/>
      <c r="HB4097" s="91"/>
      <c r="HC4097" s="91"/>
      <c r="HD4097" s="91"/>
      <c r="HE4097" s="91"/>
      <c r="HF4097" s="91"/>
      <c r="HG4097" s="91"/>
      <c r="HH4097" s="91"/>
      <c r="HI4097" s="91"/>
      <c r="HJ4097" s="91"/>
      <c r="HK4097" s="127"/>
      <c r="HL4097" s="126"/>
      <c r="HM4097" s="91"/>
      <c r="HN4097" s="91"/>
      <c r="HO4097" s="91"/>
      <c r="HP4097" s="91"/>
      <c r="HQ4097" s="91"/>
      <c r="HR4097" s="91"/>
      <c r="HS4097" s="91"/>
      <c r="HT4097" s="91"/>
      <c r="HU4097" s="91"/>
      <c r="HV4097" s="91"/>
      <c r="HW4097" s="91"/>
      <c r="HX4097" s="127"/>
      <c r="HY4097" s="126"/>
      <c r="HZ4097" s="91"/>
      <c r="IA4097" s="91"/>
      <c r="IB4097" s="91"/>
      <c r="IC4097" s="91"/>
      <c r="ID4097" s="91"/>
      <c r="IE4097" s="91"/>
      <c r="IF4097" s="91"/>
      <c r="IG4097" s="91"/>
      <c r="IH4097" s="91"/>
      <c r="II4097" s="91"/>
      <c r="IJ4097" s="91"/>
      <c r="IK4097" s="174"/>
    </row>
    <row r="4098" spans="2:245" x14ac:dyDescent="0.2">
      <c r="B4098" s="43"/>
      <c r="C4098" s="73"/>
      <c r="D4098" s="64"/>
      <c r="E4098" s="64"/>
      <c r="F4098" s="55"/>
      <c r="G4098" s="102"/>
      <c r="H4098" s="97"/>
      <c r="T4098" s="98"/>
      <c r="U4098" s="97"/>
      <c r="AG4098" s="98"/>
      <c r="AY4098" s="164"/>
      <c r="BK4098" s="98"/>
      <c r="BL4098" s="97"/>
      <c r="BX4098" s="98"/>
      <c r="CL4098" s="97"/>
      <c r="CX4098" s="98"/>
      <c r="DL4098" s="97"/>
      <c r="DX4098" s="98"/>
      <c r="EL4098" s="97"/>
      <c r="EX4098" s="98"/>
      <c r="EY4098" s="97"/>
      <c r="FL4098" s="126"/>
      <c r="FM4098" s="91"/>
      <c r="FN4098" s="91"/>
      <c r="FO4098" s="91"/>
      <c r="FP4098" s="91"/>
      <c r="FQ4098" s="91"/>
      <c r="FR4098" s="91"/>
      <c r="FS4098" s="91"/>
      <c r="FT4098" s="91"/>
      <c r="FU4098" s="91"/>
      <c r="FV4098" s="91"/>
      <c r="FW4098" s="91"/>
      <c r="FX4098" s="127"/>
      <c r="FY4098" s="126"/>
      <c r="FZ4098" s="91"/>
      <c r="GA4098" s="91"/>
      <c r="GB4098" s="91"/>
      <c r="GC4098" s="91"/>
      <c r="GD4098" s="91"/>
      <c r="GE4098" s="91"/>
      <c r="GF4098" s="91"/>
      <c r="GG4098" s="91"/>
      <c r="GH4098" s="91"/>
      <c r="GI4098" s="91"/>
      <c r="GJ4098" s="91"/>
      <c r="GK4098" s="127"/>
      <c r="GL4098" s="126"/>
      <c r="GM4098" s="91"/>
      <c r="GN4098" s="91"/>
      <c r="GO4098" s="91"/>
      <c r="GP4098" s="91"/>
      <c r="GQ4098" s="91"/>
      <c r="GR4098" s="91"/>
      <c r="GS4098" s="91"/>
      <c r="GT4098" s="91"/>
      <c r="GU4098" s="91"/>
      <c r="GV4098" s="91"/>
      <c r="GW4098" s="91"/>
      <c r="GX4098" s="127"/>
      <c r="GY4098" s="126"/>
      <c r="GZ4098" s="91"/>
      <c r="HA4098" s="91"/>
      <c r="HB4098" s="91"/>
      <c r="HC4098" s="91"/>
      <c r="HD4098" s="91"/>
      <c r="HE4098" s="91"/>
      <c r="HF4098" s="91"/>
      <c r="HG4098" s="91"/>
      <c r="HH4098" s="91"/>
      <c r="HI4098" s="91"/>
      <c r="HJ4098" s="91"/>
      <c r="HK4098" s="127"/>
      <c r="HL4098" s="126"/>
      <c r="HM4098" s="91"/>
      <c r="HN4098" s="91"/>
      <c r="HO4098" s="91"/>
      <c r="HP4098" s="91"/>
      <c r="HQ4098" s="91"/>
      <c r="HR4098" s="91"/>
      <c r="HS4098" s="91"/>
      <c r="HT4098" s="91"/>
      <c r="HU4098" s="91"/>
      <c r="HV4098" s="91"/>
      <c r="HW4098" s="91"/>
      <c r="HX4098" s="127"/>
      <c r="HY4098" s="126"/>
      <c r="HZ4098" s="91"/>
      <c r="IA4098" s="91"/>
      <c r="IB4098" s="91"/>
      <c r="IC4098" s="91"/>
      <c r="ID4098" s="91"/>
      <c r="IE4098" s="91"/>
      <c r="IF4098" s="91"/>
      <c r="IG4098" s="91"/>
      <c r="IH4098" s="91"/>
      <c r="II4098" s="91"/>
      <c r="IJ4098" s="91"/>
      <c r="IK4098" s="174"/>
    </row>
    <row r="4099" spans="2:245" x14ac:dyDescent="0.2">
      <c r="B4099" s="43"/>
      <c r="C4099" s="73"/>
      <c r="D4099" s="64"/>
      <c r="E4099" s="64"/>
      <c r="F4099" s="55"/>
      <c r="G4099" s="102"/>
      <c r="H4099" s="97"/>
      <c r="T4099" s="98"/>
      <c r="U4099" s="97"/>
      <c r="AG4099" s="98"/>
      <c r="AY4099" s="164"/>
      <c r="BK4099" s="98"/>
      <c r="BL4099" s="97"/>
      <c r="BX4099" s="98"/>
      <c r="CL4099" s="97"/>
      <c r="CX4099" s="98"/>
      <c r="DL4099" s="97"/>
      <c r="DX4099" s="98"/>
      <c r="EL4099" s="97"/>
      <c r="EX4099" s="98"/>
      <c r="EY4099" s="97"/>
      <c r="FL4099" s="126"/>
      <c r="FM4099" s="91"/>
      <c r="FN4099" s="91"/>
      <c r="FO4099" s="91"/>
      <c r="FP4099" s="91"/>
      <c r="FQ4099" s="91"/>
      <c r="FR4099" s="91"/>
      <c r="FS4099" s="91"/>
      <c r="FT4099" s="91"/>
      <c r="FU4099" s="91"/>
      <c r="FV4099" s="91"/>
      <c r="FW4099" s="91"/>
      <c r="FX4099" s="127"/>
      <c r="FY4099" s="126"/>
      <c r="FZ4099" s="91"/>
      <c r="GA4099" s="91"/>
      <c r="GB4099" s="91"/>
      <c r="GC4099" s="91"/>
      <c r="GD4099" s="91"/>
      <c r="GE4099" s="91"/>
      <c r="GF4099" s="91"/>
      <c r="GG4099" s="91"/>
      <c r="GH4099" s="91"/>
      <c r="GI4099" s="91"/>
      <c r="GJ4099" s="91"/>
      <c r="GK4099" s="127"/>
      <c r="GL4099" s="126"/>
      <c r="GM4099" s="91"/>
      <c r="GN4099" s="91"/>
      <c r="GO4099" s="91"/>
      <c r="GP4099" s="91"/>
      <c r="GQ4099" s="91"/>
      <c r="GR4099" s="91"/>
      <c r="GS4099" s="91"/>
      <c r="GT4099" s="91"/>
      <c r="GU4099" s="91"/>
      <c r="GV4099" s="91"/>
      <c r="GW4099" s="91"/>
      <c r="GX4099" s="127"/>
      <c r="GY4099" s="126"/>
      <c r="GZ4099" s="91"/>
      <c r="HA4099" s="91"/>
      <c r="HB4099" s="91"/>
      <c r="HC4099" s="91"/>
      <c r="HD4099" s="91"/>
      <c r="HE4099" s="91"/>
      <c r="HF4099" s="91"/>
      <c r="HG4099" s="91"/>
      <c r="HH4099" s="91"/>
      <c r="HI4099" s="91"/>
      <c r="HJ4099" s="91"/>
      <c r="HK4099" s="127"/>
      <c r="HL4099" s="126"/>
      <c r="HM4099" s="91"/>
      <c r="HN4099" s="91"/>
      <c r="HO4099" s="91"/>
      <c r="HP4099" s="91"/>
      <c r="HQ4099" s="91"/>
      <c r="HR4099" s="91"/>
      <c r="HS4099" s="91"/>
      <c r="HT4099" s="91"/>
      <c r="HU4099" s="91"/>
      <c r="HV4099" s="91"/>
      <c r="HW4099" s="91"/>
      <c r="HX4099" s="127"/>
      <c r="HY4099" s="126"/>
      <c r="HZ4099" s="91"/>
      <c r="IA4099" s="91"/>
      <c r="IB4099" s="91"/>
      <c r="IC4099" s="91"/>
      <c r="ID4099" s="91"/>
      <c r="IE4099" s="91"/>
      <c r="IF4099" s="91"/>
      <c r="IG4099" s="91"/>
      <c r="IH4099" s="91"/>
      <c r="II4099" s="91"/>
      <c r="IJ4099" s="91"/>
      <c r="IK4099" s="174"/>
    </row>
    <row r="4100" spans="2:245" x14ac:dyDescent="0.2">
      <c r="B4100" s="43"/>
      <c r="C4100" s="73"/>
      <c r="D4100" s="64"/>
      <c r="E4100" s="64"/>
      <c r="F4100" s="55"/>
      <c r="G4100" s="102"/>
      <c r="H4100" s="97"/>
      <c r="T4100" s="98"/>
      <c r="U4100" s="97"/>
      <c r="AG4100" s="98"/>
      <c r="AY4100" s="164"/>
      <c r="BK4100" s="98"/>
      <c r="BL4100" s="97"/>
      <c r="BX4100" s="98"/>
      <c r="CL4100" s="97"/>
      <c r="CX4100" s="98"/>
      <c r="DL4100" s="97"/>
      <c r="DX4100" s="98"/>
      <c r="EL4100" s="97"/>
      <c r="EX4100" s="98"/>
      <c r="EY4100" s="97"/>
      <c r="FL4100" s="126"/>
      <c r="FM4100" s="91"/>
      <c r="FN4100" s="91"/>
      <c r="FO4100" s="91"/>
      <c r="FP4100" s="91"/>
      <c r="FQ4100" s="91"/>
      <c r="FR4100" s="91"/>
      <c r="FS4100" s="91"/>
      <c r="FT4100" s="91"/>
      <c r="FU4100" s="91"/>
      <c r="FV4100" s="91"/>
      <c r="FW4100" s="91"/>
      <c r="FX4100" s="127"/>
      <c r="FY4100" s="126"/>
      <c r="FZ4100" s="91"/>
      <c r="GA4100" s="91"/>
      <c r="GB4100" s="91"/>
      <c r="GC4100" s="91"/>
      <c r="GD4100" s="91"/>
      <c r="GE4100" s="91"/>
      <c r="GF4100" s="91"/>
      <c r="GG4100" s="91"/>
      <c r="GH4100" s="91"/>
      <c r="GI4100" s="91"/>
      <c r="GJ4100" s="91"/>
      <c r="GK4100" s="127"/>
      <c r="GL4100" s="126"/>
      <c r="GM4100" s="91"/>
      <c r="GN4100" s="91"/>
      <c r="GO4100" s="91"/>
      <c r="GP4100" s="91"/>
      <c r="GQ4100" s="91"/>
      <c r="GR4100" s="91"/>
      <c r="GS4100" s="91"/>
      <c r="GT4100" s="91"/>
      <c r="GU4100" s="91"/>
      <c r="GV4100" s="91"/>
      <c r="GW4100" s="91"/>
      <c r="GX4100" s="127"/>
      <c r="GY4100" s="126"/>
      <c r="GZ4100" s="91"/>
      <c r="HA4100" s="91"/>
      <c r="HB4100" s="91"/>
      <c r="HC4100" s="91"/>
      <c r="HD4100" s="91"/>
      <c r="HE4100" s="91"/>
      <c r="HF4100" s="91"/>
      <c r="HG4100" s="91"/>
      <c r="HH4100" s="91"/>
      <c r="HI4100" s="91"/>
      <c r="HJ4100" s="91"/>
      <c r="HK4100" s="127"/>
      <c r="HL4100" s="126"/>
      <c r="HM4100" s="91"/>
      <c r="HN4100" s="91"/>
      <c r="HO4100" s="91"/>
      <c r="HP4100" s="91"/>
      <c r="HQ4100" s="91"/>
      <c r="HR4100" s="91"/>
      <c r="HS4100" s="91"/>
      <c r="HT4100" s="91"/>
      <c r="HU4100" s="91"/>
      <c r="HV4100" s="91"/>
      <c r="HW4100" s="91"/>
      <c r="HX4100" s="127"/>
      <c r="HY4100" s="126"/>
      <c r="HZ4100" s="91"/>
      <c r="IA4100" s="91"/>
      <c r="IB4100" s="91"/>
      <c r="IC4100" s="91"/>
      <c r="ID4100" s="91"/>
      <c r="IE4100" s="91"/>
      <c r="IF4100" s="91"/>
      <c r="IG4100" s="91"/>
      <c r="IH4100" s="91"/>
      <c r="II4100" s="91"/>
      <c r="IJ4100" s="91"/>
      <c r="IK4100" s="174"/>
    </row>
    <row r="4101" spans="2:245" x14ac:dyDescent="0.2">
      <c r="B4101" s="43"/>
      <c r="C4101" s="73"/>
      <c r="D4101" s="64"/>
      <c r="E4101" s="64"/>
      <c r="F4101" s="55"/>
      <c r="G4101" s="102"/>
      <c r="H4101" s="97"/>
      <c r="T4101" s="98"/>
      <c r="U4101" s="97"/>
      <c r="AG4101" s="98"/>
      <c r="AY4101" s="164"/>
      <c r="BK4101" s="98"/>
      <c r="BL4101" s="97"/>
      <c r="BX4101" s="98"/>
      <c r="CL4101" s="97"/>
      <c r="CX4101" s="98"/>
      <c r="DL4101" s="97"/>
      <c r="DX4101" s="98"/>
      <c r="EL4101" s="97"/>
      <c r="EX4101" s="98"/>
      <c r="EY4101" s="97"/>
      <c r="FL4101" s="126"/>
      <c r="FM4101" s="91"/>
      <c r="FN4101" s="91"/>
      <c r="FO4101" s="91"/>
      <c r="FP4101" s="91"/>
      <c r="FQ4101" s="91"/>
      <c r="FR4101" s="91"/>
      <c r="FS4101" s="91"/>
      <c r="FT4101" s="91"/>
      <c r="FU4101" s="91"/>
      <c r="FV4101" s="91"/>
      <c r="FW4101" s="91"/>
      <c r="FX4101" s="127"/>
      <c r="FY4101" s="126"/>
      <c r="FZ4101" s="91"/>
      <c r="GA4101" s="91"/>
      <c r="GB4101" s="91"/>
      <c r="GC4101" s="91"/>
      <c r="GD4101" s="91"/>
      <c r="GE4101" s="91"/>
      <c r="GF4101" s="91"/>
      <c r="GG4101" s="91"/>
      <c r="GH4101" s="91"/>
      <c r="GI4101" s="91"/>
      <c r="GJ4101" s="91"/>
      <c r="GK4101" s="127"/>
      <c r="GL4101" s="126"/>
      <c r="GM4101" s="91"/>
      <c r="GN4101" s="91"/>
      <c r="GO4101" s="91"/>
      <c r="GP4101" s="91"/>
      <c r="GQ4101" s="91"/>
      <c r="GR4101" s="91"/>
      <c r="GS4101" s="91"/>
      <c r="GT4101" s="91"/>
      <c r="GU4101" s="91"/>
      <c r="GV4101" s="91"/>
      <c r="GW4101" s="91"/>
      <c r="GX4101" s="127"/>
      <c r="GY4101" s="126"/>
      <c r="GZ4101" s="91"/>
      <c r="HA4101" s="91"/>
      <c r="HB4101" s="91"/>
      <c r="HC4101" s="91"/>
      <c r="HD4101" s="91"/>
      <c r="HE4101" s="91"/>
      <c r="HF4101" s="91"/>
      <c r="HG4101" s="91"/>
      <c r="HH4101" s="91"/>
      <c r="HI4101" s="91"/>
      <c r="HJ4101" s="91"/>
      <c r="HK4101" s="127"/>
      <c r="HL4101" s="126"/>
      <c r="HM4101" s="91"/>
      <c r="HN4101" s="91"/>
      <c r="HO4101" s="91"/>
      <c r="HP4101" s="91"/>
      <c r="HQ4101" s="91"/>
      <c r="HR4101" s="91"/>
      <c r="HS4101" s="91"/>
      <c r="HT4101" s="91"/>
      <c r="HU4101" s="91"/>
      <c r="HV4101" s="91"/>
      <c r="HW4101" s="91"/>
      <c r="HX4101" s="127"/>
      <c r="HY4101" s="126"/>
      <c r="HZ4101" s="91"/>
      <c r="IA4101" s="91"/>
      <c r="IB4101" s="91"/>
      <c r="IC4101" s="91"/>
      <c r="ID4101" s="91"/>
      <c r="IE4101" s="91"/>
      <c r="IF4101" s="91"/>
      <c r="IG4101" s="91"/>
      <c r="IH4101" s="91"/>
      <c r="II4101" s="91"/>
      <c r="IJ4101" s="91"/>
      <c r="IK4101" s="174"/>
    </row>
    <row r="4102" spans="2:245" x14ac:dyDescent="0.2">
      <c r="B4102" s="43"/>
      <c r="C4102" s="73"/>
      <c r="D4102" s="64"/>
      <c r="E4102" s="64"/>
      <c r="F4102" s="55"/>
      <c r="G4102" s="102"/>
      <c r="H4102" s="97"/>
      <c r="T4102" s="98"/>
      <c r="U4102" s="97"/>
      <c r="AG4102" s="98"/>
      <c r="AY4102" s="164"/>
      <c r="BK4102" s="98"/>
      <c r="BL4102" s="97"/>
      <c r="BX4102" s="98"/>
      <c r="CL4102" s="97"/>
      <c r="CX4102" s="98"/>
      <c r="DL4102" s="97"/>
      <c r="DX4102" s="98"/>
      <c r="EL4102" s="97"/>
      <c r="EX4102" s="98"/>
      <c r="EY4102" s="97"/>
      <c r="FL4102" s="126"/>
      <c r="FM4102" s="91"/>
      <c r="FN4102" s="91"/>
      <c r="FO4102" s="91"/>
      <c r="FP4102" s="91"/>
      <c r="FQ4102" s="91"/>
      <c r="FR4102" s="91"/>
      <c r="FS4102" s="91"/>
      <c r="FT4102" s="91"/>
      <c r="FU4102" s="91"/>
      <c r="FV4102" s="91"/>
      <c r="FW4102" s="91"/>
      <c r="FX4102" s="127"/>
      <c r="FY4102" s="126"/>
      <c r="FZ4102" s="91"/>
      <c r="GA4102" s="91"/>
      <c r="GB4102" s="91"/>
      <c r="GC4102" s="91"/>
      <c r="GD4102" s="91"/>
      <c r="GE4102" s="91"/>
      <c r="GF4102" s="91"/>
      <c r="GG4102" s="91"/>
      <c r="GH4102" s="91"/>
      <c r="GI4102" s="91"/>
      <c r="GJ4102" s="91"/>
      <c r="GK4102" s="127"/>
      <c r="GL4102" s="126"/>
      <c r="GM4102" s="91"/>
      <c r="GN4102" s="91"/>
      <c r="GO4102" s="91"/>
      <c r="GP4102" s="91"/>
      <c r="GQ4102" s="91"/>
      <c r="GR4102" s="91"/>
      <c r="GS4102" s="91"/>
      <c r="GT4102" s="91"/>
      <c r="GU4102" s="91"/>
      <c r="GV4102" s="91"/>
      <c r="GW4102" s="91"/>
      <c r="GX4102" s="127"/>
      <c r="GY4102" s="126"/>
      <c r="GZ4102" s="91"/>
      <c r="HA4102" s="91"/>
      <c r="HB4102" s="91"/>
      <c r="HC4102" s="91"/>
      <c r="HD4102" s="91"/>
      <c r="HE4102" s="91"/>
      <c r="HF4102" s="91"/>
      <c r="HG4102" s="91"/>
      <c r="HH4102" s="91"/>
      <c r="HI4102" s="91"/>
      <c r="HJ4102" s="91"/>
      <c r="HK4102" s="127"/>
      <c r="HL4102" s="126"/>
      <c r="HM4102" s="91"/>
      <c r="HN4102" s="91"/>
      <c r="HO4102" s="91"/>
      <c r="HP4102" s="91"/>
      <c r="HQ4102" s="91"/>
      <c r="HR4102" s="91"/>
      <c r="HS4102" s="91"/>
      <c r="HT4102" s="91"/>
      <c r="HU4102" s="91"/>
      <c r="HV4102" s="91"/>
      <c r="HW4102" s="91"/>
      <c r="HX4102" s="127"/>
      <c r="HY4102" s="126"/>
      <c r="HZ4102" s="91"/>
      <c r="IA4102" s="91"/>
      <c r="IB4102" s="91"/>
      <c r="IC4102" s="91"/>
      <c r="ID4102" s="91"/>
      <c r="IE4102" s="91"/>
      <c r="IF4102" s="91"/>
      <c r="IG4102" s="91"/>
      <c r="IH4102" s="91"/>
      <c r="II4102" s="91"/>
      <c r="IJ4102" s="91"/>
      <c r="IK4102" s="174"/>
    </row>
    <row r="4103" spans="2:245" x14ac:dyDescent="0.2">
      <c r="B4103" s="43"/>
      <c r="C4103" s="73"/>
      <c r="D4103" s="64"/>
      <c r="E4103" s="64"/>
      <c r="F4103" s="55"/>
      <c r="G4103" s="102"/>
      <c r="H4103" s="97"/>
      <c r="T4103" s="98"/>
      <c r="U4103" s="97"/>
      <c r="AG4103" s="98"/>
      <c r="AY4103" s="164"/>
      <c r="BK4103" s="98"/>
      <c r="BL4103" s="97"/>
      <c r="BX4103" s="98"/>
      <c r="CL4103" s="97"/>
      <c r="CX4103" s="98"/>
      <c r="DL4103" s="97"/>
      <c r="DX4103" s="98"/>
      <c r="EL4103" s="97"/>
      <c r="EX4103" s="98"/>
      <c r="EY4103" s="97"/>
      <c r="FL4103" s="126"/>
      <c r="FM4103" s="91"/>
      <c r="FN4103" s="91"/>
      <c r="FO4103" s="91"/>
      <c r="FP4103" s="91"/>
      <c r="FQ4103" s="91"/>
      <c r="FR4103" s="91"/>
      <c r="FS4103" s="91"/>
      <c r="FT4103" s="91"/>
      <c r="FU4103" s="91"/>
      <c r="FV4103" s="91"/>
      <c r="FW4103" s="91"/>
      <c r="FX4103" s="127"/>
      <c r="FY4103" s="126"/>
      <c r="FZ4103" s="91"/>
      <c r="GA4103" s="91"/>
      <c r="GB4103" s="91"/>
      <c r="GC4103" s="91"/>
      <c r="GD4103" s="91"/>
      <c r="GE4103" s="91"/>
      <c r="GF4103" s="91"/>
      <c r="GG4103" s="91"/>
      <c r="GH4103" s="91"/>
      <c r="GI4103" s="91"/>
      <c r="GJ4103" s="91"/>
      <c r="GK4103" s="127"/>
      <c r="GL4103" s="126"/>
      <c r="GM4103" s="91"/>
      <c r="GN4103" s="91"/>
      <c r="GO4103" s="91"/>
      <c r="GP4103" s="91"/>
      <c r="GQ4103" s="91"/>
      <c r="GR4103" s="91"/>
      <c r="GS4103" s="91"/>
      <c r="GT4103" s="91"/>
      <c r="GU4103" s="91"/>
      <c r="GV4103" s="91"/>
      <c r="GW4103" s="91"/>
      <c r="GX4103" s="127"/>
      <c r="GY4103" s="126"/>
      <c r="GZ4103" s="91"/>
      <c r="HA4103" s="91"/>
      <c r="HB4103" s="91"/>
      <c r="HC4103" s="91"/>
      <c r="HD4103" s="91"/>
      <c r="HE4103" s="91"/>
      <c r="HF4103" s="91"/>
      <c r="HG4103" s="91"/>
      <c r="HH4103" s="91"/>
      <c r="HI4103" s="91"/>
      <c r="HJ4103" s="91"/>
      <c r="HK4103" s="127"/>
      <c r="HL4103" s="126"/>
      <c r="HM4103" s="91"/>
      <c r="HN4103" s="91"/>
      <c r="HO4103" s="91"/>
      <c r="HP4103" s="91"/>
      <c r="HQ4103" s="91"/>
      <c r="HR4103" s="91"/>
      <c r="HS4103" s="91"/>
      <c r="HT4103" s="91"/>
      <c r="HU4103" s="91"/>
      <c r="HV4103" s="91"/>
      <c r="HW4103" s="91"/>
      <c r="HX4103" s="127"/>
      <c r="HY4103" s="126"/>
      <c r="HZ4103" s="91"/>
      <c r="IA4103" s="91"/>
      <c r="IB4103" s="91"/>
      <c r="IC4103" s="91"/>
      <c r="ID4103" s="91"/>
      <c r="IE4103" s="91"/>
      <c r="IF4103" s="91"/>
      <c r="IG4103" s="91"/>
      <c r="IH4103" s="91"/>
      <c r="II4103" s="91"/>
      <c r="IJ4103" s="91"/>
      <c r="IK4103" s="174"/>
    </row>
    <row r="4104" spans="2:245" x14ac:dyDescent="0.2">
      <c r="B4104" s="43"/>
      <c r="C4104" s="73"/>
      <c r="D4104" s="64"/>
      <c r="E4104" s="64"/>
      <c r="F4104" s="55"/>
      <c r="G4104" s="102"/>
      <c r="H4104" s="97"/>
      <c r="T4104" s="98"/>
      <c r="U4104" s="97"/>
      <c r="AG4104" s="98"/>
      <c r="AY4104" s="164"/>
      <c r="BK4104" s="98"/>
      <c r="BL4104" s="97"/>
      <c r="BX4104" s="98"/>
      <c r="CL4104" s="97"/>
      <c r="CX4104" s="98"/>
      <c r="DL4104" s="97"/>
      <c r="DX4104" s="98"/>
      <c r="EL4104" s="97"/>
      <c r="EX4104" s="98"/>
      <c r="EY4104" s="97"/>
      <c r="FL4104" s="126"/>
      <c r="FM4104" s="91"/>
      <c r="FN4104" s="91"/>
      <c r="FO4104" s="91"/>
      <c r="FP4104" s="91"/>
      <c r="FQ4104" s="91"/>
      <c r="FR4104" s="91"/>
      <c r="FS4104" s="91"/>
      <c r="FT4104" s="91"/>
      <c r="FU4104" s="91"/>
      <c r="FV4104" s="91"/>
      <c r="FW4104" s="91"/>
      <c r="FX4104" s="127"/>
      <c r="FY4104" s="126"/>
      <c r="FZ4104" s="91"/>
      <c r="GA4104" s="91"/>
      <c r="GB4104" s="91"/>
      <c r="GC4104" s="91"/>
      <c r="GD4104" s="91"/>
      <c r="GE4104" s="91"/>
      <c r="GF4104" s="91"/>
      <c r="GG4104" s="91"/>
      <c r="GH4104" s="91"/>
      <c r="GI4104" s="91"/>
      <c r="GJ4104" s="91"/>
      <c r="GK4104" s="127"/>
      <c r="GL4104" s="126"/>
      <c r="GM4104" s="91"/>
      <c r="GN4104" s="91"/>
      <c r="GO4104" s="91"/>
      <c r="GP4104" s="91"/>
      <c r="GQ4104" s="91"/>
      <c r="GR4104" s="91"/>
      <c r="GS4104" s="91"/>
      <c r="GT4104" s="91"/>
      <c r="GU4104" s="91"/>
      <c r="GV4104" s="91"/>
      <c r="GW4104" s="91"/>
      <c r="GX4104" s="127"/>
      <c r="GY4104" s="126"/>
      <c r="GZ4104" s="91"/>
      <c r="HA4104" s="91"/>
      <c r="HB4104" s="91"/>
      <c r="HC4104" s="91"/>
      <c r="HD4104" s="91"/>
      <c r="HE4104" s="91"/>
      <c r="HF4104" s="91"/>
      <c r="HG4104" s="91"/>
      <c r="HH4104" s="91"/>
      <c r="HI4104" s="91"/>
      <c r="HJ4104" s="91"/>
      <c r="HK4104" s="127"/>
      <c r="HL4104" s="126"/>
      <c r="HM4104" s="91"/>
      <c r="HN4104" s="91"/>
      <c r="HO4104" s="91"/>
      <c r="HP4104" s="91"/>
      <c r="HQ4104" s="91"/>
      <c r="HR4104" s="91"/>
      <c r="HS4104" s="91"/>
      <c r="HT4104" s="91"/>
      <c r="HU4104" s="91"/>
      <c r="HV4104" s="91"/>
      <c r="HW4104" s="91"/>
      <c r="HX4104" s="127"/>
      <c r="HY4104" s="126"/>
      <c r="HZ4104" s="91"/>
      <c r="IA4104" s="91"/>
      <c r="IB4104" s="91"/>
      <c r="IC4104" s="91"/>
      <c r="ID4104" s="91"/>
      <c r="IE4104" s="91"/>
      <c r="IF4104" s="91"/>
      <c r="IG4104" s="91"/>
      <c r="IH4104" s="91"/>
      <c r="II4104" s="91"/>
      <c r="IJ4104" s="91"/>
      <c r="IK4104" s="174"/>
    </row>
    <row r="4105" spans="2:245" x14ac:dyDescent="0.2">
      <c r="B4105" s="43"/>
      <c r="C4105" s="73"/>
      <c r="D4105" s="64"/>
      <c r="E4105" s="64"/>
      <c r="F4105" s="55"/>
      <c r="G4105" s="102"/>
      <c r="H4105" s="97"/>
      <c r="T4105" s="98"/>
      <c r="U4105" s="97"/>
      <c r="AG4105" s="98"/>
      <c r="AY4105" s="164"/>
      <c r="BK4105" s="98"/>
      <c r="BL4105" s="97"/>
      <c r="BX4105" s="98"/>
      <c r="CL4105" s="97"/>
      <c r="CX4105" s="98"/>
      <c r="DL4105" s="97"/>
      <c r="DX4105" s="98"/>
      <c r="EL4105" s="97"/>
      <c r="EX4105" s="98"/>
      <c r="EY4105" s="97"/>
      <c r="FL4105" s="126"/>
      <c r="FM4105" s="91"/>
      <c r="FN4105" s="91"/>
      <c r="FO4105" s="91"/>
      <c r="FP4105" s="91"/>
      <c r="FQ4105" s="91"/>
      <c r="FR4105" s="91"/>
      <c r="FS4105" s="91"/>
      <c r="FT4105" s="91"/>
      <c r="FU4105" s="91"/>
      <c r="FV4105" s="91"/>
      <c r="FW4105" s="91"/>
      <c r="FX4105" s="127"/>
      <c r="FY4105" s="126"/>
      <c r="FZ4105" s="91"/>
      <c r="GA4105" s="91"/>
      <c r="GB4105" s="91"/>
      <c r="GC4105" s="91"/>
      <c r="GD4105" s="91"/>
      <c r="GE4105" s="91"/>
      <c r="GF4105" s="91"/>
      <c r="GG4105" s="91"/>
      <c r="GH4105" s="91"/>
      <c r="GI4105" s="91"/>
      <c r="GJ4105" s="91"/>
      <c r="GK4105" s="127"/>
      <c r="GL4105" s="126"/>
      <c r="GM4105" s="91"/>
      <c r="GN4105" s="91"/>
      <c r="GO4105" s="91"/>
      <c r="GP4105" s="91"/>
      <c r="GQ4105" s="91"/>
      <c r="GR4105" s="91"/>
      <c r="GS4105" s="91"/>
      <c r="GT4105" s="91"/>
      <c r="GU4105" s="91"/>
      <c r="GV4105" s="91"/>
      <c r="GW4105" s="91"/>
      <c r="GX4105" s="127"/>
      <c r="GY4105" s="126"/>
      <c r="GZ4105" s="91"/>
      <c r="HA4105" s="91"/>
      <c r="HB4105" s="91"/>
      <c r="HC4105" s="91"/>
      <c r="HD4105" s="91"/>
      <c r="HE4105" s="91"/>
      <c r="HF4105" s="91"/>
      <c r="HG4105" s="91"/>
      <c r="HH4105" s="91"/>
      <c r="HI4105" s="91"/>
      <c r="HJ4105" s="91"/>
      <c r="HK4105" s="127"/>
      <c r="HL4105" s="126"/>
      <c r="HM4105" s="91"/>
      <c r="HN4105" s="91"/>
      <c r="HO4105" s="91"/>
      <c r="HP4105" s="91"/>
      <c r="HQ4105" s="91"/>
      <c r="HR4105" s="91"/>
      <c r="HS4105" s="91"/>
      <c r="HT4105" s="91"/>
      <c r="HU4105" s="91"/>
      <c r="HV4105" s="91"/>
      <c r="HW4105" s="91"/>
      <c r="HX4105" s="127"/>
      <c r="HY4105" s="126"/>
      <c r="HZ4105" s="91"/>
      <c r="IA4105" s="91"/>
      <c r="IB4105" s="91"/>
      <c r="IC4105" s="91"/>
      <c r="ID4105" s="91"/>
      <c r="IE4105" s="91"/>
      <c r="IF4105" s="91"/>
      <c r="IG4105" s="91"/>
      <c r="IH4105" s="91"/>
      <c r="II4105" s="91"/>
      <c r="IJ4105" s="91"/>
      <c r="IK4105" s="174"/>
    </row>
    <row r="4106" spans="2:245" x14ac:dyDescent="0.2">
      <c r="B4106" s="43"/>
      <c r="C4106" s="73"/>
      <c r="D4106" s="64"/>
      <c r="E4106" s="64"/>
      <c r="F4106" s="55"/>
      <c r="G4106" s="102"/>
      <c r="H4106" s="97"/>
      <c r="T4106" s="98"/>
      <c r="U4106" s="97"/>
      <c r="AG4106" s="98"/>
      <c r="AY4106" s="164"/>
      <c r="BK4106" s="98"/>
      <c r="BL4106" s="97"/>
      <c r="BX4106" s="98"/>
      <c r="CL4106" s="97"/>
      <c r="CX4106" s="98"/>
      <c r="DL4106" s="97"/>
      <c r="DX4106" s="98"/>
      <c r="EL4106" s="97"/>
      <c r="EX4106" s="98"/>
      <c r="EY4106" s="97"/>
      <c r="FL4106" s="126"/>
      <c r="FM4106" s="91"/>
      <c r="FN4106" s="91"/>
      <c r="FO4106" s="91"/>
      <c r="FP4106" s="91"/>
      <c r="FQ4106" s="91"/>
      <c r="FR4106" s="91"/>
      <c r="FS4106" s="91"/>
      <c r="FT4106" s="91"/>
      <c r="FU4106" s="91"/>
      <c r="FV4106" s="91"/>
      <c r="FW4106" s="91"/>
      <c r="FX4106" s="127"/>
      <c r="FY4106" s="126"/>
      <c r="FZ4106" s="91"/>
      <c r="GA4106" s="91"/>
      <c r="GB4106" s="91"/>
      <c r="GC4106" s="91"/>
      <c r="GD4106" s="91"/>
      <c r="GE4106" s="91"/>
      <c r="GF4106" s="91"/>
      <c r="GG4106" s="91"/>
      <c r="GH4106" s="91"/>
      <c r="GI4106" s="91"/>
      <c r="GJ4106" s="91"/>
      <c r="GK4106" s="127"/>
      <c r="GL4106" s="126"/>
      <c r="GM4106" s="91"/>
      <c r="GN4106" s="91"/>
      <c r="GO4106" s="91"/>
      <c r="GP4106" s="91"/>
      <c r="GQ4106" s="91"/>
      <c r="GR4106" s="91"/>
      <c r="GS4106" s="91"/>
      <c r="GT4106" s="91"/>
      <c r="GU4106" s="91"/>
      <c r="GV4106" s="91"/>
      <c r="GW4106" s="91"/>
      <c r="GX4106" s="127"/>
      <c r="GY4106" s="126"/>
      <c r="GZ4106" s="91"/>
      <c r="HA4106" s="91"/>
      <c r="HB4106" s="91"/>
      <c r="HC4106" s="91"/>
      <c r="HD4106" s="91"/>
      <c r="HE4106" s="91"/>
      <c r="HF4106" s="91"/>
      <c r="HG4106" s="91"/>
      <c r="HH4106" s="91"/>
      <c r="HI4106" s="91"/>
      <c r="HJ4106" s="91"/>
      <c r="HK4106" s="127"/>
      <c r="HL4106" s="126"/>
      <c r="HM4106" s="91"/>
      <c r="HN4106" s="91"/>
      <c r="HO4106" s="91"/>
      <c r="HP4106" s="91"/>
      <c r="HQ4106" s="91"/>
      <c r="HR4106" s="91"/>
      <c r="HS4106" s="91"/>
      <c r="HT4106" s="91"/>
      <c r="HU4106" s="91"/>
      <c r="HV4106" s="91"/>
      <c r="HW4106" s="91"/>
      <c r="HX4106" s="127"/>
      <c r="HY4106" s="126"/>
      <c r="HZ4106" s="91"/>
      <c r="IA4106" s="91"/>
      <c r="IB4106" s="91"/>
      <c r="IC4106" s="91"/>
      <c r="ID4106" s="91"/>
      <c r="IE4106" s="91"/>
      <c r="IF4106" s="91"/>
      <c r="IG4106" s="91"/>
      <c r="IH4106" s="91"/>
      <c r="II4106" s="91"/>
      <c r="IJ4106" s="91"/>
      <c r="IK4106" s="174"/>
    </row>
    <row r="4107" spans="2:245" x14ac:dyDescent="0.2">
      <c r="B4107" s="43"/>
      <c r="C4107" s="73"/>
      <c r="D4107" s="64"/>
      <c r="E4107" s="64"/>
      <c r="F4107" s="55"/>
      <c r="G4107" s="102"/>
      <c r="H4107" s="97"/>
      <c r="T4107" s="98"/>
      <c r="U4107" s="97"/>
      <c r="AG4107" s="98"/>
      <c r="AY4107" s="164"/>
      <c r="BK4107" s="98"/>
      <c r="BL4107" s="97"/>
      <c r="BX4107" s="98"/>
      <c r="CL4107" s="97"/>
      <c r="CX4107" s="98"/>
      <c r="DL4107" s="97"/>
      <c r="DX4107" s="98"/>
      <c r="EL4107" s="97"/>
      <c r="EX4107" s="98"/>
      <c r="EY4107" s="97"/>
      <c r="FL4107" s="126"/>
      <c r="FM4107" s="91"/>
      <c r="FN4107" s="91"/>
      <c r="FO4107" s="91"/>
      <c r="FP4107" s="91"/>
      <c r="FQ4107" s="91"/>
      <c r="FR4107" s="91"/>
      <c r="FS4107" s="91"/>
      <c r="FT4107" s="91"/>
      <c r="FU4107" s="91"/>
      <c r="FV4107" s="91"/>
      <c r="FW4107" s="91"/>
      <c r="FX4107" s="127"/>
      <c r="FY4107" s="126"/>
      <c r="FZ4107" s="91"/>
      <c r="GA4107" s="91"/>
      <c r="GB4107" s="91"/>
      <c r="GC4107" s="91"/>
      <c r="GD4107" s="91"/>
      <c r="GE4107" s="91"/>
      <c r="GF4107" s="91"/>
      <c r="GG4107" s="91"/>
      <c r="GH4107" s="91"/>
      <c r="GI4107" s="91"/>
      <c r="GJ4107" s="91"/>
      <c r="GK4107" s="127"/>
      <c r="GL4107" s="126"/>
      <c r="GM4107" s="91"/>
      <c r="GN4107" s="91"/>
      <c r="GO4107" s="91"/>
      <c r="GP4107" s="91"/>
      <c r="GQ4107" s="91"/>
      <c r="GR4107" s="91"/>
      <c r="GS4107" s="91"/>
      <c r="GT4107" s="91"/>
      <c r="GU4107" s="91"/>
      <c r="GV4107" s="91"/>
      <c r="GW4107" s="91"/>
      <c r="GX4107" s="127"/>
      <c r="GY4107" s="126"/>
      <c r="GZ4107" s="91"/>
      <c r="HA4107" s="91"/>
      <c r="HB4107" s="91"/>
      <c r="HC4107" s="91"/>
      <c r="HD4107" s="91"/>
      <c r="HE4107" s="91"/>
      <c r="HF4107" s="91"/>
      <c r="HG4107" s="91"/>
      <c r="HH4107" s="91"/>
      <c r="HI4107" s="91"/>
      <c r="HJ4107" s="91"/>
      <c r="HK4107" s="127"/>
      <c r="HL4107" s="126"/>
      <c r="HM4107" s="91"/>
      <c r="HN4107" s="91"/>
      <c r="HO4107" s="91"/>
      <c r="HP4107" s="91"/>
      <c r="HQ4107" s="91"/>
      <c r="HR4107" s="91"/>
      <c r="HS4107" s="91"/>
      <c r="HT4107" s="91"/>
      <c r="HU4107" s="91"/>
      <c r="HV4107" s="91"/>
      <c r="HW4107" s="91"/>
      <c r="HX4107" s="127"/>
      <c r="HY4107" s="126"/>
      <c r="HZ4107" s="91"/>
      <c r="IA4107" s="91"/>
      <c r="IB4107" s="91"/>
      <c r="IC4107" s="91"/>
      <c r="ID4107" s="91"/>
      <c r="IE4107" s="91"/>
      <c r="IF4107" s="91"/>
      <c r="IG4107" s="91"/>
      <c r="IH4107" s="91"/>
      <c r="II4107" s="91"/>
      <c r="IJ4107" s="91"/>
      <c r="IK4107" s="174"/>
    </row>
    <row r="4108" spans="2:245" x14ac:dyDescent="0.2">
      <c r="B4108" s="43"/>
      <c r="C4108" s="73"/>
      <c r="D4108" s="64"/>
      <c r="E4108" s="64"/>
      <c r="F4108" s="55"/>
      <c r="G4108" s="102"/>
      <c r="H4108" s="97"/>
      <c r="T4108" s="98"/>
      <c r="U4108" s="97"/>
      <c r="AG4108" s="98"/>
      <c r="AY4108" s="164"/>
      <c r="BK4108" s="98"/>
      <c r="BL4108" s="97"/>
      <c r="BX4108" s="98"/>
      <c r="CL4108" s="97"/>
      <c r="CX4108" s="98"/>
      <c r="DL4108" s="97"/>
      <c r="DX4108" s="98"/>
      <c r="EL4108" s="97"/>
      <c r="EX4108" s="98"/>
      <c r="EY4108" s="97"/>
      <c r="FL4108" s="126"/>
      <c r="FM4108" s="91"/>
      <c r="FN4108" s="91"/>
      <c r="FO4108" s="91"/>
      <c r="FP4108" s="91"/>
      <c r="FQ4108" s="91"/>
      <c r="FR4108" s="91"/>
      <c r="FS4108" s="91"/>
      <c r="FT4108" s="91"/>
      <c r="FU4108" s="91"/>
      <c r="FV4108" s="91"/>
      <c r="FW4108" s="91"/>
      <c r="FX4108" s="127"/>
      <c r="FY4108" s="126"/>
      <c r="FZ4108" s="91"/>
      <c r="GA4108" s="91"/>
      <c r="GB4108" s="91"/>
      <c r="GC4108" s="91"/>
      <c r="GD4108" s="91"/>
      <c r="GE4108" s="91"/>
      <c r="GF4108" s="91"/>
      <c r="GG4108" s="91"/>
      <c r="GH4108" s="91"/>
      <c r="GI4108" s="91"/>
      <c r="GJ4108" s="91"/>
      <c r="GK4108" s="127"/>
      <c r="GL4108" s="126"/>
      <c r="GM4108" s="91"/>
      <c r="GN4108" s="91"/>
      <c r="GO4108" s="91"/>
      <c r="GP4108" s="91"/>
      <c r="GQ4108" s="91"/>
      <c r="GR4108" s="91"/>
      <c r="GS4108" s="91"/>
      <c r="GT4108" s="91"/>
      <c r="GU4108" s="91"/>
      <c r="GV4108" s="91"/>
      <c r="GW4108" s="91"/>
      <c r="GX4108" s="127"/>
      <c r="GY4108" s="126"/>
      <c r="GZ4108" s="91"/>
      <c r="HA4108" s="91"/>
      <c r="HB4108" s="91"/>
      <c r="HC4108" s="91"/>
      <c r="HD4108" s="91"/>
      <c r="HE4108" s="91"/>
      <c r="HF4108" s="91"/>
      <c r="HG4108" s="91"/>
      <c r="HH4108" s="91"/>
      <c r="HI4108" s="91"/>
      <c r="HJ4108" s="91"/>
      <c r="HK4108" s="127"/>
      <c r="HL4108" s="126"/>
      <c r="HM4108" s="91"/>
      <c r="HN4108" s="91"/>
      <c r="HO4108" s="91"/>
      <c r="HP4108" s="91"/>
      <c r="HQ4108" s="91"/>
      <c r="HR4108" s="91"/>
      <c r="HS4108" s="91"/>
      <c r="HT4108" s="91"/>
      <c r="HU4108" s="91"/>
      <c r="HV4108" s="91"/>
      <c r="HW4108" s="91"/>
      <c r="HX4108" s="127"/>
      <c r="HY4108" s="126"/>
      <c r="HZ4108" s="91"/>
      <c r="IA4108" s="91"/>
      <c r="IB4108" s="91"/>
      <c r="IC4108" s="91"/>
      <c r="ID4108" s="91"/>
      <c r="IE4108" s="91"/>
      <c r="IF4108" s="91"/>
      <c r="IG4108" s="91"/>
      <c r="IH4108" s="91"/>
      <c r="II4108" s="91"/>
      <c r="IJ4108" s="91"/>
      <c r="IK4108" s="174"/>
    </row>
    <row r="4109" spans="2:245" x14ac:dyDescent="0.2">
      <c r="B4109" s="43"/>
      <c r="C4109" s="73"/>
      <c r="D4109" s="64"/>
      <c r="E4109" s="64"/>
      <c r="F4109" s="55"/>
      <c r="G4109" s="102"/>
      <c r="H4109" s="97"/>
      <c r="T4109" s="98"/>
      <c r="U4109" s="97"/>
      <c r="AG4109" s="98"/>
      <c r="AY4109" s="164"/>
      <c r="BK4109" s="98"/>
      <c r="BL4109" s="97"/>
      <c r="BX4109" s="98"/>
      <c r="CL4109" s="97"/>
      <c r="CX4109" s="98"/>
      <c r="DL4109" s="97"/>
      <c r="DX4109" s="98"/>
      <c r="EL4109" s="97"/>
      <c r="EX4109" s="98"/>
      <c r="EY4109" s="97"/>
      <c r="FL4109" s="126"/>
      <c r="FM4109" s="91"/>
      <c r="FN4109" s="91"/>
      <c r="FO4109" s="91"/>
      <c r="FP4109" s="91"/>
      <c r="FQ4109" s="91"/>
      <c r="FR4109" s="91"/>
      <c r="FS4109" s="91"/>
      <c r="FT4109" s="91"/>
      <c r="FU4109" s="91"/>
      <c r="FV4109" s="91"/>
      <c r="FW4109" s="91"/>
      <c r="FX4109" s="127"/>
      <c r="FY4109" s="126"/>
      <c r="FZ4109" s="91"/>
      <c r="GA4109" s="91"/>
      <c r="GB4109" s="91"/>
      <c r="GC4109" s="91"/>
      <c r="GD4109" s="91"/>
      <c r="GE4109" s="91"/>
      <c r="GF4109" s="91"/>
      <c r="GG4109" s="91"/>
      <c r="GH4109" s="91"/>
      <c r="GI4109" s="91"/>
      <c r="GJ4109" s="91"/>
      <c r="GK4109" s="127"/>
      <c r="GL4109" s="126"/>
      <c r="GM4109" s="91"/>
      <c r="GN4109" s="91"/>
      <c r="GO4109" s="91"/>
      <c r="GP4109" s="91"/>
      <c r="GQ4109" s="91"/>
      <c r="GR4109" s="91"/>
      <c r="GS4109" s="91"/>
      <c r="GT4109" s="91"/>
      <c r="GU4109" s="91"/>
      <c r="GV4109" s="91"/>
      <c r="GW4109" s="91"/>
      <c r="GX4109" s="127"/>
      <c r="GY4109" s="126"/>
      <c r="GZ4109" s="91"/>
      <c r="HA4109" s="91"/>
      <c r="HB4109" s="91"/>
      <c r="HC4109" s="91"/>
      <c r="HD4109" s="91"/>
      <c r="HE4109" s="91"/>
      <c r="HF4109" s="91"/>
      <c r="HG4109" s="91"/>
      <c r="HH4109" s="91"/>
      <c r="HI4109" s="91"/>
      <c r="HJ4109" s="91"/>
      <c r="HK4109" s="127"/>
      <c r="HL4109" s="126"/>
      <c r="HM4109" s="91"/>
      <c r="HN4109" s="91"/>
      <c r="HO4109" s="91"/>
      <c r="HP4109" s="91"/>
      <c r="HQ4109" s="91"/>
      <c r="HR4109" s="91"/>
      <c r="HS4109" s="91"/>
      <c r="HT4109" s="91"/>
      <c r="HU4109" s="91"/>
      <c r="HV4109" s="91"/>
      <c r="HW4109" s="91"/>
      <c r="HX4109" s="127"/>
      <c r="HY4109" s="126"/>
      <c r="HZ4109" s="91"/>
      <c r="IA4109" s="91"/>
      <c r="IB4109" s="91"/>
      <c r="IC4109" s="91"/>
      <c r="ID4109" s="91"/>
      <c r="IE4109" s="91"/>
      <c r="IF4109" s="91"/>
      <c r="IG4109" s="91"/>
      <c r="IH4109" s="91"/>
      <c r="II4109" s="91"/>
      <c r="IJ4109" s="91"/>
      <c r="IK4109" s="174"/>
    </row>
    <row r="4110" spans="2:245" x14ac:dyDescent="0.2">
      <c r="B4110" s="43"/>
      <c r="C4110" s="73"/>
      <c r="D4110" s="64"/>
      <c r="E4110" s="64"/>
      <c r="F4110" s="55"/>
      <c r="G4110" s="102"/>
      <c r="H4110" s="97"/>
      <c r="T4110" s="98"/>
      <c r="U4110" s="97"/>
      <c r="AG4110" s="98"/>
      <c r="AY4110" s="164"/>
      <c r="BK4110" s="98"/>
      <c r="BL4110" s="97"/>
      <c r="BX4110" s="98"/>
      <c r="CL4110" s="97"/>
      <c r="CX4110" s="98"/>
      <c r="DL4110" s="97"/>
      <c r="DX4110" s="98"/>
      <c r="EL4110" s="97"/>
      <c r="EX4110" s="98"/>
      <c r="EY4110" s="97"/>
      <c r="FL4110" s="126"/>
      <c r="FM4110" s="91"/>
      <c r="FN4110" s="91"/>
      <c r="FO4110" s="91"/>
      <c r="FP4110" s="91"/>
      <c r="FQ4110" s="91"/>
      <c r="FR4110" s="91"/>
      <c r="FS4110" s="91"/>
      <c r="FT4110" s="91"/>
      <c r="FU4110" s="91"/>
      <c r="FV4110" s="91"/>
      <c r="FW4110" s="91"/>
      <c r="FX4110" s="127"/>
      <c r="FY4110" s="126"/>
      <c r="FZ4110" s="91"/>
      <c r="GA4110" s="91"/>
      <c r="GB4110" s="91"/>
      <c r="GC4110" s="91"/>
      <c r="GD4110" s="91"/>
      <c r="GE4110" s="91"/>
      <c r="GF4110" s="91"/>
      <c r="GG4110" s="91"/>
      <c r="GH4110" s="91"/>
      <c r="GI4110" s="91"/>
      <c r="GJ4110" s="91"/>
      <c r="GK4110" s="127"/>
      <c r="GL4110" s="126"/>
      <c r="GM4110" s="91"/>
      <c r="GN4110" s="91"/>
      <c r="GO4110" s="91"/>
      <c r="GP4110" s="91"/>
      <c r="GQ4110" s="91"/>
      <c r="GR4110" s="91"/>
      <c r="GS4110" s="91"/>
      <c r="GT4110" s="91"/>
      <c r="GU4110" s="91"/>
      <c r="GV4110" s="91"/>
      <c r="GW4110" s="91"/>
      <c r="GX4110" s="127"/>
      <c r="GY4110" s="126"/>
      <c r="GZ4110" s="91"/>
      <c r="HA4110" s="91"/>
      <c r="HB4110" s="91"/>
      <c r="HC4110" s="91"/>
      <c r="HD4110" s="91"/>
      <c r="HE4110" s="91"/>
      <c r="HF4110" s="91"/>
      <c r="HG4110" s="91"/>
      <c r="HH4110" s="91"/>
      <c r="HI4110" s="91"/>
      <c r="HJ4110" s="91"/>
      <c r="HK4110" s="127"/>
      <c r="HL4110" s="126"/>
      <c r="HM4110" s="91"/>
      <c r="HN4110" s="91"/>
      <c r="HO4110" s="91"/>
      <c r="HP4110" s="91"/>
      <c r="HQ4110" s="91"/>
      <c r="HR4110" s="91"/>
      <c r="HS4110" s="91"/>
      <c r="HT4110" s="91"/>
      <c r="HU4110" s="91"/>
      <c r="HV4110" s="91"/>
      <c r="HW4110" s="91"/>
      <c r="HX4110" s="127"/>
      <c r="HY4110" s="126"/>
      <c r="HZ4110" s="91"/>
      <c r="IA4110" s="91"/>
      <c r="IB4110" s="91"/>
      <c r="IC4110" s="91"/>
      <c r="ID4110" s="91"/>
      <c r="IE4110" s="91"/>
      <c r="IF4110" s="91"/>
      <c r="IG4110" s="91"/>
      <c r="IH4110" s="91"/>
      <c r="II4110" s="91"/>
      <c r="IJ4110" s="91"/>
      <c r="IK4110" s="174"/>
    </row>
    <row r="4111" spans="2:245" x14ac:dyDescent="0.2">
      <c r="B4111" s="43"/>
      <c r="C4111" s="73"/>
      <c r="D4111" s="64"/>
      <c r="E4111" s="64"/>
      <c r="F4111" s="55"/>
      <c r="G4111" s="102"/>
      <c r="H4111" s="97"/>
      <c r="T4111" s="98"/>
      <c r="U4111" s="97"/>
      <c r="AG4111" s="98"/>
      <c r="AY4111" s="164"/>
      <c r="BK4111" s="98"/>
      <c r="BL4111" s="97"/>
      <c r="BX4111" s="98"/>
      <c r="CL4111" s="97"/>
      <c r="CX4111" s="98"/>
      <c r="DL4111" s="97"/>
      <c r="DX4111" s="98"/>
      <c r="EL4111" s="97"/>
      <c r="EX4111" s="98"/>
      <c r="EY4111" s="97"/>
      <c r="FL4111" s="126"/>
      <c r="FM4111" s="91"/>
      <c r="FN4111" s="91"/>
      <c r="FO4111" s="91"/>
      <c r="FP4111" s="91"/>
      <c r="FQ4111" s="91"/>
      <c r="FR4111" s="91"/>
      <c r="FS4111" s="91"/>
      <c r="FT4111" s="91"/>
      <c r="FU4111" s="91"/>
      <c r="FV4111" s="91"/>
      <c r="FW4111" s="91"/>
      <c r="FX4111" s="127"/>
      <c r="FY4111" s="126"/>
      <c r="FZ4111" s="91"/>
      <c r="GA4111" s="91"/>
      <c r="GB4111" s="91"/>
      <c r="GC4111" s="91"/>
      <c r="GD4111" s="91"/>
      <c r="GE4111" s="91"/>
      <c r="GF4111" s="91"/>
      <c r="GG4111" s="91"/>
      <c r="GH4111" s="91"/>
      <c r="GI4111" s="91"/>
      <c r="GJ4111" s="91"/>
      <c r="GK4111" s="127"/>
      <c r="GL4111" s="126"/>
      <c r="GM4111" s="91"/>
      <c r="GN4111" s="91"/>
      <c r="GO4111" s="91"/>
      <c r="GP4111" s="91"/>
      <c r="GQ4111" s="91"/>
      <c r="GR4111" s="91"/>
      <c r="GS4111" s="91"/>
      <c r="GT4111" s="91"/>
      <c r="GU4111" s="91"/>
      <c r="GV4111" s="91"/>
      <c r="GW4111" s="91"/>
      <c r="GX4111" s="127"/>
      <c r="GY4111" s="126"/>
      <c r="GZ4111" s="91"/>
      <c r="HA4111" s="91"/>
      <c r="HB4111" s="91"/>
      <c r="HC4111" s="91"/>
      <c r="HD4111" s="91"/>
      <c r="HE4111" s="91"/>
      <c r="HF4111" s="91"/>
      <c r="HG4111" s="91"/>
      <c r="HH4111" s="91"/>
      <c r="HI4111" s="91"/>
      <c r="HJ4111" s="91"/>
      <c r="HK4111" s="127"/>
      <c r="HL4111" s="126"/>
      <c r="HM4111" s="91"/>
      <c r="HN4111" s="91"/>
      <c r="HO4111" s="91"/>
      <c r="HP4111" s="91"/>
      <c r="HQ4111" s="91"/>
      <c r="HR4111" s="91"/>
      <c r="HS4111" s="91"/>
      <c r="HT4111" s="91"/>
      <c r="HU4111" s="91"/>
      <c r="HV4111" s="91"/>
      <c r="HW4111" s="91"/>
      <c r="HX4111" s="127"/>
      <c r="HY4111" s="126"/>
      <c r="HZ4111" s="91"/>
      <c r="IA4111" s="91"/>
      <c r="IB4111" s="91"/>
      <c r="IC4111" s="91"/>
      <c r="ID4111" s="91"/>
      <c r="IE4111" s="91"/>
      <c r="IF4111" s="91"/>
      <c r="IG4111" s="91"/>
      <c r="IH4111" s="91"/>
      <c r="II4111" s="91"/>
      <c r="IJ4111" s="91"/>
      <c r="IK4111" s="174"/>
    </row>
    <row r="4112" spans="2:245" x14ac:dyDescent="0.2">
      <c r="B4112" s="43"/>
      <c r="C4112" s="73"/>
      <c r="D4112" s="64"/>
      <c r="E4112" s="64"/>
      <c r="F4112" s="55"/>
      <c r="G4112" s="102"/>
      <c r="H4112" s="97"/>
      <c r="T4112" s="98"/>
      <c r="U4112" s="97"/>
      <c r="AG4112" s="98"/>
      <c r="AY4112" s="164"/>
      <c r="BK4112" s="98"/>
      <c r="BL4112" s="97"/>
      <c r="BX4112" s="98"/>
      <c r="CL4112" s="97"/>
      <c r="CX4112" s="98"/>
      <c r="DL4112" s="97"/>
      <c r="DX4112" s="98"/>
      <c r="EL4112" s="97"/>
      <c r="EX4112" s="98"/>
      <c r="EY4112" s="97"/>
      <c r="FL4112" s="126"/>
      <c r="FM4112" s="91"/>
      <c r="FN4112" s="91"/>
      <c r="FO4112" s="91"/>
      <c r="FP4112" s="91"/>
      <c r="FQ4112" s="91"/>
      <c r="FR4112" s="91"/>
      <c r="FS4112" s="91"/>
      <c r="FT4112" s="91"/>
      <c r="FU4112" s="91"/>
      <c r="FV4112" s="91"/>
      <c r="FW4112" s="91"/>
      <c r="FX4112" s="127"/>
      <c r="FY4112" s="126"/>
      <c r="FZ4112" s="91"/>
      <c r="GA4112" s="91"/>
      <c r="GB4112" s="91"/>
      <c r="GC4112" s="91"/>
      <c r="GD4112" s="91"/>
      <c r="GE4112" s="91"/>
      <c r="GF4112" s="91"/>
      <c r="GG4112" s="91"/>
      <c r="GH4112" s="91"/>
      <c r="GI4112" s="91"/>
      <c r="GJ4112" s="91"/>
      <c r="GK4112" s="127"/>
      <c r="GL4112" s="126"/>
      <c r="GM4112" s="91"/>
      <c r="GN4112" s="91"/>
      <c r="GO4112" s="91"/>
      <c r="GP4112" s="91"/>
      <c r="GQ4112" s="91"/>
      <c r="GR4112" s="91"/>
      <c r="GS4112" s="91"/>
      <c r="GT4112" s="91"/>
      <c r="GU4112" s="91"/>
      <c r="GV4112" s="91"/>
      <c r="GW4112" s="91"/>
      <c r="GX4112" s="127"/>
      <c r="GY4112" s="126"/>
      <c r="GZ4112" s="91"/>
      <c r="HA4112" s="91"/>
      <c r="HB4112" s="91"/>
      <c r="HC4112" s="91"/>
      <c r="HD4112" s="91"/>
      <c r="HE4112" s="91"/>
      <c r="HF4112" s="91"/>
      <c r="HG4112" s="91"/>
      <c r="HH4112" s="91"/>
      <c r="HI4112" s="91"/>
      <c r="HJ4112" s="91"/>
      <c r="HK4112" s="127"/>
      <c r="HL4112" s="126"/>
      <c r="HM4112" s="91"/>
      <c r="HN4112" s="91"/>
      <c r="HO4112" s="91"/>
      <c r="HP4112" s="91"/>
      <c r="HQ4112" s="91"/>
      <c r="HR4112" s="91"/>
      <c r="HS4112" s="91"/>
      <c r="HT4112" s="91"/>
      <c r="HU4112" s="91"/>
      <c r="HV4112" s="91"/>
      <c r="HW4112" s="91"/>
      <c r="HX4112" s="127"/>
      <c r="HY4112" s="126"/>
      <c r="HZ4112" s="91"/>
      <c r="IA4112" s="91"/>
      <c r="IB4112" s="91"/>
      <c r="IC4112" s="91"/>
      <c r="ID4112" s="91"/>
      <c r="IE4112" s="91"/>
      <c r="IF4112" s="91"/>
      <c r="IG4112" s="91"/>
      <c r="IH4112" s="91"/>
      <c r="II4112" s="91"/>
      <c r="IJ4112" s="91"/>
      <c r="IK4112" s="174"/>
    </row>
    <row r="4113" spans="2:245" x14ac:dyDescent="0.2">
      <c r="B4113" s="43"/>
      <c r="C4113" s="73"/>
      <c r="D4113" s="64"/>
      <c r="E4113" s="64"/>
      <c r="F4113" s="55"/>
      <c r="G4113" s="102"/>
      <c r="H4113" s="97"/>
      <c r="T4113" s="98"/>
      <c r="U4113" s="97"/>
      <c r="AG4113" s="98"/>
      <c r="AY4113" s="164"/>
      <c r="BK4113" s="98"/>
      <c r="BL4113" s="97"/>
      <c r="BX4113" s="98"/>
      <c r="CL4113" s="97"/>
      <c r="CX4113" s="98"/>
      <c r="DL4113" s="97"/>
      <c r="DX4113" s="98"/>
      <c r="EL4113" s="97"/>
      <c r="EX4113" s="98"/>
      <c r="EY4113" s="97"/>
      <c r="FL4113" s="126"/>
      <c r="FM4113" s="91"/>
      <c r="FN4113" s="91"/>
      <c r="FO4113" s="91"/>
      <c r="FP4113" s="91"/>
      <c r="FQ4113" s="91"/>
      <c r="FR4113" s="91"/>
      <c r="FS4113" s="91"/>
      <c r="FT4113" s="91"/>
      <c r="FU4113" s="91"/>
      <c r="FV4113" s="91"/>
      <c r="FW4113" s="91"/>
      <c r="FX4113" s="127"/>
      <c r="FY4113" s="126"/>
      <c r="FZ4113" s="91"/>
      <c r="GA4113" s="91"/>
      <c r="GB4113" s="91"/>
      <c r="GC4113" s="91"/>
      <c r="GD4113" s="91"/>
      <c r="GE4113" s="91"/>
      <c r="GF4113" s="91"/>
      <c r="GG4113" s="91"/>
      <c r="GH4113" s="91"/>
      <c r="GI4113" s="91"/>
      <c r="GJ4113" s="91"/>
      <c r="GK4113" s="127"/>
      <c r="GL4113" s="126"/>
      <c r="GM4113" s="91"/>
      <c r="GN4113" s="91"/>
      <c r="GO4113" s="91"/>
      <c r="GP4113" s="91"/>
      <c r="GQ4113" s="91"/>
      <c r="GR4113" s="91"/>
      <c r="GS4113" s="91"/>
      <c r="GT4113" s="91"/>
      <c r="GU4113" s="91"/>
      <c r="GV4113" s="91"/>
      <c r="GW4113" s="91"/>
      <c r="GX4113" s="127"/>
      <c r="GY4113" s="126"/>
      <c r="GZ4113" s="91"/>
      <c r="HA4113" s="91"/>
      <c r="HB4113" s="91"/>
      <c r="HC4113" s="91"/>
      <c r="HD4113" s="91"/>
      <c r="HE4113" s="91"/>
      <c r="HF4113" s="91"/>
      <c r="HG4113" s="91"/>
      <c r="HH4113" s="91"/>
      <c r="HI4113" s="91"/>
      <c r="HJ4113" s="91"/>
      <c r="HK4113" s="127"/>
      <c r="HL4113" s="126"/>
      <c r="HM4113" s="91"/>
      <c r="HN4113" s="91"/>
      <c r="HO4113" s="91"/>
      <c r="HP4113" s="91"/>
      <c r="HQ4113" s="91"/>
      <c r="HR4113" s="91"/>
      <c r="HS4113" s="91"/>
      <c r="HT4113" s="91"/>
      <c r="HU4113" s="91"/>
      <c r="HV4113" s="91"/>
      <c r="HW4113" s="91"/>
      <c r="HX4113" s="127"/>
      <c r="HY4113" s="126"/>
      <c r="HZ4113" s="91"/>
      <c r="IA4113" s="91"/>
      <c r="IB4113" s="91"/>
      <c r="IC4113" s="91"/>
      <c r="ID4113" s="91"/>
      <c r="IE4113" s="91"/>
      <c r="IF4113" s="91"/>
      <c r="IG4113" s="91"/>
      <c r="IH4113" s="91"/>
      <c r="II4113" s="91"/>
      <c r="IJ4113" s="91"/>
      <c r="IK4113" s="174"/>
    </row>
    <row r="4114" spans="2:245" x14ac:dyDescent="0.2">
      <c r="B4114" s="43"/>
      <c r="C4114" s="73"/>
      <c r="D4114" s="64"/>
      <c r="E4114" s="64"/>
      <c r="F4114" s="55"/>
      <c r="G4114" s="102"/>
      <c r="H4114" s="97"/>
      <c r="T4114" s="98"/>
      <c r="U4114" s="97"/>
      <c r="AG4114" s="98"/>
      <c r="AY4114" s="164"/>
      <c r="BK4114" s="98"/>
      <c r="BL4114" s="97"/>
      <c r="BX4114" s="98"/>
      <c r="CL4114" s="97"/>
      <c r="CX4114" s="98"/>
      <c r="DL4114" s="97"/>
      <c r="DX4114" s="98"/>
      <c r="EL4114" s="97"/>
      <c r="EX4114" s="98"/>
      <c r="EY4114" s="97"/>
      <c r="FL4114" s="126"/>
      <c r="FM4114" s="91"/>
      <c r="FN4114" s="91"/>
      <c r="FO4114" s="91"/>
      <c r="FP4114" s="91"/>
      <c r="FQ4114" s="91"/>
      <c r="FR4114" s="91"/>
      <c r="FS4114" s="91"/>
      <c r="FT4114" s="91"/>
      <c r="FU4114" s="91"/>
      <c r="FV4114" s="91"/>
      <c r="FW4114" s="91"/>
      <c r="FX4114" s="127"/>
      <c r="FY4114" s="126"/>
      <c r="FZ4114" s="91"/>
      <c r="GA4114" s="91"/>
      <c r="GB4114" s="91"/>
      <c r="GC4114" s="91"/>
      <c r="GD4114" s="91"/>
      <c r="GE4114" s="91"/>
      <c r="GF4114" s="91"/>
      <c r="GG4114" s="91"/>
      <c r="GH4114" s="91"/>
      <c r="GI4114" s="91"/>
      <c r="GJ4114" s="91"/>
      <c r="GK4114" s="127"/>
      <c r="GL4114" s="126"/>
      <c r="GM4114" s="91"/>
      <c r="GN4114" s="91"/>
      <c r="GO4114" s="91"/>
      <c r="GP4114" s="91"/>
      <c r="GQ4114" s="91"/>
      <c r="GR4114" s="91"/>
      <c r="GS4114" s="91"/>
      <c r="GT4114" s="91"/>
      <c r="GU4114" s="91"/>
      <c r="GV4114" s="91"/>
      <c r="GW4114" s="91"/>
      <c r="GX4114" s="127"/>
      <c r="GY4114" s="126"/>
      <c r="GZ4114" s="91"/>
      <c r="HA4114" s="91"/>
      <c r="HB4114" s="91"/>
      <c r="HC4114" s="91"/>
      <c r="HD4114" s="91"/>
      <c r="HE4114" s="91"/>
      <c r="HF4114" s="91"/>
      <c r="HG4114" s="91"/>
      <c r="HH4114" s="91"/>
      <c r="HI4114" s="91"/>
      <c r="HJ4114" s="91"/>
      <c r="HK4114" s="127"/>
      <c r="HL4114" s="126"/>
      <c r="HM4114" s="91"/>
      <c r="HN4114" s="91"/>
      <c r="HO4114" s="91"/>
      <c r="HP4114" s="91"/>
      <c r="HQ4114" s="91"/>
      <c r="HR4114" s="91"/>
      <c r="HS4114" s="91"/>
      <c r="HT4114" s="91"/>
      <c r="HU4114" s="91"/>
      <c r="HV4114" s="91"/>
      <c r="HW4114" s="91"/>
      <c r="HX4114" s="127"/>
      <c r="HY4114" s="126"/>
      <c r="HZ4114" s="91"/>
      <c r="IA4114" s="91"/>
      <c r="IB4114" s="91"/>
      <c r="IC4114" s="91"/>
      <c r="ID4114" s="91"/>
      <c r="IE4114" s="91"/>
      <c r="IF4114" s="91"/>
      <c r="IG4114" s="91"/>
      <c r="IH4114" s="91"/>
      <c r="II4114" s="91"/>
      <c r="IJ4114" s="91"/>
      <c r="IK4114" s="174"/>
    </row>
    <row r="4115" spans="2:245" x14ac:dyDescent="0.2">
      <c r="B4115" s="43"/>
      <c r="C4115" s="73"/>
      <c r="D4115" s="64"/>
      <c r="E4115" s="64"/>
      <c r="F4115" s="55"/>
      <c r="G4115" s="102"/>
      <c r="H4115" s="97"/>
      <c r="T4115" s="98"/>
      <c r="U4115" s="97"/>
      <c r="AG4115" s="98"/>
      <c r="AY4115" s="164"/>
      <c r="BK4115" s="98"/>
      <c r="BL4115" s="97"/>
      <c r="BX4115" s="98"/>
      <c r="CL4115" s="97"/>
      <c r="CX4115" s="98"/>
      <c r="DL4115" s="97"/>
      <c r="DX4115" s="98"/>
      <c r="EL4115" s="97"/>
      <c r="EX4115" s="98"/>
      <c r="EY4115" s="97"/>
      <c r="FL4115" s="126"/>
      <c r="FM4115" s="91"/>
      <c r="FN4115" s="91"/>
      <c r="FO4115" s="91"/>
      <c r="FP4115" s="91"/>
      <c r="FQ4115" s="91"/>
      <c r="FR4115" s="91"/>
      <c r="FS4115" s="91"/>
      <c r="FT4115" s="91"/>
      <c r="FU4115" s="91"/>
      <c r="FV4115" s="91"/>
      <c r="FW4115" s="91"/>
      <c r="FX4115" s="127"/>
      <c r="FY4115" s="126"/>
      <c r="FZ4115" s="91"/>
      <c r="GA4115" s="91"/>
      <c r="GB4115" s="91"/>
      <c r="GC4115" s="91"/>
      <c r="GD4115" s="91"/>
      <c r="GE4115" s="91"/>
      <c r="GF4115" s="91"/>
      <c r="GG4115" s="91"/>
      <c r="GH4115" s="91"/>
      <c r="GI4115" s="91"/>
      <c r="GJ4115" s="91"/>
      <c r="GK4115" s="127"/>
      <c r="GL4115" s="126"/>
      <c r="GM4115" s="91"/>
      <c r="GN4115" s="91"/>
      <c r="GO4115" s="91"/>
      <c r="GP4115" s="91"/>
      <c r="GQ4115" s="91"/>
      <c r="GR4115" s="91"/>
      <c r="GS4115" s="91"/>
      <c r="GT4115" s="91"/>
      <c r="GU4115" s="91"/>
      <c r="GV4115" s="91"/>
      <c r="GW4115" s="91"/>
      <c r="GX4115" s="127"/>
      <c r="GY4115" s="126"/>
      <c r="GZ4115" s="91"/>
      <c r="HA4115" s="91"/>
      <c r="HB4115" s="91"/>
      <c r="HC4115" s="91"/>
      <c r="HD4115" s="91"/>
      <c r="HE4115" s="91"/>
      <c r="HF4115" s="91"/>
      <c r="HG4115" s="91"/>
      <c r="HH4115" s="91"/>
      <c r="HI4115" s="91"/>
      <c r="HJ4115" s="91"/>
      <c r="HK4115" s="127"/>
      <c r="HL4115" s="126"/>
      <c r="HM4115" s="91"/>
      <c r="HN4115" s="91"/>
      <c r="HO4115" s="91"/>
      <c r="HP4115" s="91"/>
      <c r="HQ4115" s="91"/>
      <c r="HR4115" s="91"/>
      <c r="HS4115" s="91"/>
      <c r="HT4115" s="91"/>
      <c r="HU4115" s="91"/>
      <c r="HV4115" s="91"/>
      <c r="HW4115" s="91"/>
      <c r="HX4115" s="127"/>
      <c r="HY4115" s="126"/>
      <c r="HZ4115" s="91"/>
      <c r="IA4115" s="91"/>
      <c r="IB4115" s="91"/>
      <c r="IC4115" s="91"/>
      <c r="ID4115" s="91"/>
      <c r="IE4115" s="91"/>
      <c r="IF4115" s="91"/>
      <c r="IG4115" s="91"/>
      <c r="IH4115" s="91"/>
      <c r="II4115" s="91"/>
      <c r="IJ4115" s="91"/>
      <c r="IK4115" s="174"/>
    </row>
    <row r="4116" spans="2:245" x14ac:dyDescent="0.2">
      <c r="B4116" s="43"/>
      <c r="C4116" s="73"/>
      <c r="D4116" s="64"/>
      <c r="E4116" s="64"/>
      <c r="F4116" s="55"/>
      <c r="G4116" s="102"/>
      <c r="H4116" s="97"/>
      <c r="T4116" s="98"/>
      <c r="U4116" s="97"/>
      <c r="AG4116" s="98"/>
      <c r="AY4116" s="164"/>
      <c r="BK4116" s="98"/>
      <c r="BL4116" s="97"/>
      <c r="BX4116" s="98"/>
      <c r="CL4116" s="97"/>
      <c r="CX4116" s="98"/>
      <c r="DL4116" s="97"/>
      <c r="DX4116" s="98"/>
      <c r="EL4116" s="97"/>
      <c r="EX4116" s="98"/>
      <c r="EY4116" s="97"/>
      <c r="FL4116" s="126"/>
      <c r="FM4116" s="91"/>
      <c r="FN4116" s="91"/>
      <c r="FO4116" s="91"/>
      <c r="FP4116" s="91"/>
      <c r="FQ4116" s="91"/>
      <c r="FR4116" s="91"/>
      <c r="FS4116" s="91"/>
      <c r="FT4116" s="91"/>
      <c r="FU4116" s="91"/>
      <c r="FV4116" s="91"/>
      <c r="FW4116" s="91"/>
      <c r="FX4116" s="127"/>
      <c r="FY4116" s="126"/>
      <c r="FZ4116" s="91"/>
      <c r="GA4116" s="91"/>
      <c r="GB4116" s="91"/>
      <c r="GC4116" s="91"/>
      <c r="GD4116" s="91"/>
      <c r="GE4116" s="91"/>
      <c r="GF4116" s="91"/>
      <c r="GG4116" s="91"/>
      <c r="GH4116" s="91"/>
      <c r="GI4116" s="91"/>
      <c r="GJ4116" s="91"/>
      <c r="GK4116" s="127"/>
      <c r="GL4116" s="126"/>
      <c r="GM4116" s="91"/>
      <c r="GN4116" s="91"/>
      <c r="GO4116" s="91"/>
      <c r="GP4116" s="91"/>
      <c r="GQ4116" s="91"/>
      <c r="GR4116" s="91"/>
      <c r="GS4116" s="91"/>
      <c r="GT4116" s="91"/>
      <c r="GU4116" s="91"/>
      <c r="GV4116" s="91"/>
      <c r="GW4116" s="91"/>
      <c r="GX4116" s="127"/>
      <c r="GY4116" s="126"/>
      <c r="GZ4116" s="91"/>
      <c r="HA4116" s="91"/>
      <c r="HB4116" s="91"/>
      <c r="HC4116" s="91"/>
      <c r="HD4116" s="91"/>
      <c r="HE4116" s="91"/>
      <c r="HF4116" s="91"/>
      <c r="HG4116" s="91"/>
      <c r="HH4116" s="91"/>
      <c r="HI4116" s="91"/>
      <c r="HJ4116" s="91"/>
      <c r="HK4116" s="127"/>
      <c r="HL4116" s="126"/>
      <c r="HM4116" s="91"/>
      <c r="HN4116" s="91"/>
      <c r="HO4116" s="91"/>
      <c r="HP4116" s="91"/>
      <c r="HQ4116" s="91"/>
      <c r="HR4116" s="91"/>
      <c r="HS4116" s="91"/>
      <c r="HT4116" s="91"/>
      <c r="HU4116" s="91"/>
      <c r="HV4116" s="91"/>
      <c r="HW4116" s="91"/>
      <c r="HX4116" s="127"/>
      <c r="HY4116" s="126"/>
      <c r="HZ4116" s="91"/>
      <c r="IA4116" s="91"/>
      <c r="IB4116" s="91"/>
      <c r="IC4116" s="91"/>
      <c r="ID4116" s="91"/>
      <c r="IE4116" s="91"/>
      <c r="IF4116" s="91"/>
      <c r="IG4116" s="91"/>
      <c r="IH4116" s="91"/>
      <c r="II4116" s="91"/>
      <c r="IJ4116" s="91"/>
      <c r="IK4116" s="174"/>
    </row>
    <row r="4117" spans="2:245" x14ac:dyDescent="0.2">
      <c r="B4117" s="43"/>
      <c r="C4117" s="73"/>
      <c r="D4117" s="64"/>
      <c r="E4117" s="64"/>
      <c r="F4117" s="55"/>
      <c r="G4117" s="102"/>
      <c r="H4117" s="97"/>
      <c r="T4117" s="98"/>
      <c r="U4117" s="97"/>
      <c r="AG4117" s="98"/>
      <c r="AY4117" s="164"/>
      <c r="BK4117" s="98"/>
      <c r="BL4117" s="97"/>
      <c r="BX4117" s="98"/>
      <c r="CL4117" s="97"/>
      <c r="CX4117" s="98"/>
      <c r="DL4117" s="97"/>
      <c r="DX4117" s="98"/>
      <c r="EL4117" s="97"/>
      <c r="EX4117" s="98"/>
      <c r="EY4117" s="97"/>
      <c r="FL4117" s="126"/>
      <c r="FM4117" s="91"/>
      <c r="FN4117" s="91"/>
      <c r="FO4117" s="91"/>
      <c r="FP4117" s="91"/>
      <c r="FQ4117" s="91"/>
      <c r="FR4117" s="91"/>
      <c r="FS4117" s="91"/>
      <c r="FT4117" s="91"/>
      <c r="FU4117" s="91"/>
      <c r="FV4117" s="91"/>
      <c r="FW4117" s="91"/>
      <c r="FX4117" s="127"/>
      <c r="FY4117" s="126"/>
      <c r="FZ4117" s="91"/>
      <c r="GA4117" s="91"/>
      <c r="GB4117" s="91"/>
      <c r="GC4117" s="91"/>
      <c r="GD4117" s="91"/>
      <c r="GE4117" s="91"/>
      <c r="GF4117" s="91"/>
      <c r="GG4117" s="91"/>
      <c r="GH4117" s="91"/>
      <c r="GI4117" s="91"/>
      <c r="GJ4117" s="91"/>
      <c r="GK4117" s="127"/>
      <c r="GL4117" s="126"/>
      <c r="GM4117" s="91"/>
      <c r="GN4117" s="91"/>
      <c r="GO4117" s="91"/>
      <c r="GP4117" s="91"/>
      <c r="GQ4117" s="91"/>
      <c r="GR4117" s="91"/>
      <c r="GS4117" s="91"/>
      <c r="GT4117" s="91"/>
      <c r="GU4117" s="91"/>
      <c r="GV4117" s="91"/>
      <c r="GW4117" s="91"/>
      <c r="GX4117" s="127"/>
      <c r="GY4117" s="126"/>
      <c r="GZ4117" s="91"/>
      <c r="HA4117" s="91"/>
      <c r="HB4117" s="91"/>
      <c r="HC4117" s="91"/>
      <c r="HD4117" s="91"/>
      <c r="HE4117" s="91"/>
      <c r="HF4117" s="91"/>
      <c r="HG4117" s="91"/>
      <c r="HH4117" s="91"/>
      <c r="HI4117" s="91"/>
      <c r="HJ4117" s="91"/>
      <c r="HK4117" s="127"/>
      <c r="HL4117" s="126"/>
      <c r="HM4117" s="91"/>
      <c r="HN4117" s="91"/>
      <c r="HO4117" s="91"/>
      <c r="HP4117" s="91"/>
      <c r="HQ4117" s="91"/>
      <c r="HR4117" s="91"/>
      <c r="HS4117" s="91"/>
      <c r="HT4117" s="91"/>
      <c r="HU4117" s="91"/>
      <c r="HV4117" s="91"/>
      <c r="HW4117" s="91"/>
      <c r="HX4117" s="127"/>
      <c r="HY4117" s="126"/>
      <c r="HZ4117" s="91"/>
      <c r="IA4117" s="91"/>
      <c r="IB4117" s="91"/>
      <c r="IC4117" s="91"/>
      <c r="ID4117" s="91"/>
      <c r="IE4117" s="91"/>
      <c r="IF4117" s="91"/>
      <c r="IG4117" s="91"/>
      <c r="IH4117" s="91"/>
      <c r="II4117" s="91"/>
      <c r="IJ4117" s="91"/>
      <c r="IK4117" s="174"/>
    </row>
    <row r="4118" spans="2:245" x14ac:dyDescent="0.2">
      <c r="B4118" s="43"/>
      <c r="C4118" s="73"/>
      <c r="D4118" s="64"/>
      <c r="E4118" s="64"/>
      <c r="F4118" s="55"/>
      <c r="G4118" s="102"/>
      <c r="H4118" s="97"/>
      <c r="T4118" s="98"/>
      <c r="U4118" s="97"/>
      <c r="AG4118" s="98"/>
      <c r="AY4118" s="164"/>
      <c r="BK4118" s="98"/>
      <c r="BL4118" s="97"/>
      <c r="BX4118" s="98"/>
      <c r="CL4118" s="97"/>
      <c r="CX4118" s="98"/>
      <c r="DL4118" s="97"/>
      <c r="DX4118" s="98"/>
      <c r="EL4118" s="97"/>
      <c r="EX4118" s="98"/>
      <c r="EY4118" s="97"/>
      <c r="FL4118" s="126"/>
      <c r="FM4118" s="91"/>
      <c r="FN4118" s="91"/>
      <c r="FO4118" s="91"/>
      <c r="FP4118" s="91"/>
      <c r="FQ4118" s="91"/>
      <c r="FR4118" s="91"/>
      <c r="FS4118" s="91"/>
      <c r="FT4118" s="91"/>
      <c r="FU4118" s="91"/>
      <c r="FV4118" s="91"/>
      <c r="FW4118" s="91"/>
      <c r="FX4118" s="127"/>
      <c r="FY4118" s="126"/>
      <c r="FZ4118" s="91"/>
      <c r="GA4118" s="91"/>
      <c r="GB4118" s="91"/>
      <c r="GC4118" s="91"/>
      <c r="GD4118" s="91"/>
      <c r="GE4118" s="91"/>
      <c r="GF4118" s="91"/>
      <c r="GG4118" s="91"/>
      <c r="GH4118" s="91"/>
      <c r="GI4118" s="91"/>
      <c r="GJ4118" s="91"/>
      <c r="GK4118" s="127"/>
      <c r="GL4118" s="126"/>
      <c r="GM4118" s="91"/>
      <c r="GN4118" s="91"/>
      <c r="GO4118" s="91"/>
      <c r="GP4118" s="91"/>
      <c r="GQ4118" s="91"/>
      <c r="GR4118" s="91"/>
      <c r="GS4118" s="91"/>
      <c r="GT4118" s="91"/>
      <c r="GU4118" s="91"/>
      <c r="GV4118" s="91"/>
      <c r="GW4118" s="91"/>
      <c r="GX4118" s="127"/>
      <c r="GY4118" s="126"/>
      <c r="GZ4118" s="91"/>
      <c r="HA4118" s="91"/>
      <c r="HB4118" s="91"/>
      <c r="HC4118" s="91"/>
      <c r="HD4118" s="91"/>
      <c r="HE4118" s="91"/>
      <c r="HF4118" s="91"/>
      <c r="HG4118" s="91"/>
      <c r="HH4118" s="91"/>
      <c r="HI4118" s="91"/>
      <c r="HJ4118" s="91"/>
      <c r="HK4118" s="127"/>
      <c r="HL4118" s="126"/>
      <c r="HM4118" s="91"/>
      <c r="HN4118" s="91"/>
      <c r="HO4118" s="91"/>
      <c r="HP4118" s="91"/>
      <c r="HQ4118" s="91"/>
      <c r="HR4118" s="91"/>
      <c r="HS4118" s="91"/>
      <c r="HT4118" s="91"/>
      <c r="HU4118" s="91"/>
      <c r="HV4118" s="91"/>
      <c r="HW4118" s="91"/>
      <c r="HX4118" s="127"/>
      <c r="HY4118" s="126"/>
      <c r="HZ4118" s="91"/>
      <c r="IA4118" s="91"/>
      <c r="IB4118" s="91"/>
      <c r="IC4118" s="91"/>
      <c r="ID4118" s="91"/>
      <c r="IE4118" s="91"/>
      <c r="IF4118" s="91"/>
      <c r="IG4118" s="91"/>
      <c r="IH4118" s="91"/>
      <c r="II4118" s="91"/>
      <c r="IJ4118" s="91"/>
      <c r="IK4118" s="174"/>
    </row>
    <row r="4119" spans="2:245" x14ac:dyDescent="0.2">
      <c r="B4119" s="43"/>
      <c r="C4119" s="73"/>
      <c r="D4119" s="64"/>
      <c r="E4119" s="64"/>
      <c r="F4119" s="55"/>
      <c r="G4119" s="102"/>
      <c r="H4119" s="97"/>
      <c r="T4119" s="98"/>
      <c r="U4119" s="97"/>
      <c r="AG4119" s="98"/>
      <c r="AY4119" s="164"/>
      <c r="BK4119" s="98"/>
      <c r="BL4119" s="97"/>
      <c r="BX4119" s="98"/>
      <c r="CL4119" s="97"/>
      <c r="CX4119" s="98"/>
      <c r="DL4119" s="97"/>
      <c r="DX4119" s="98"/>
      <c r="EL4119" s="97"/>
      <c r="EX4119" s="98"/>
      <c r="EY4119" s="97"/>
      <c r="FL4119" s="126"/>
      <c r="FM4119" s="91"/>
      <c r="FN4119" s="91"/>
      <c r="FO4119" s="91"/>
      <c r="FP4119" s="91"/>
      <c r="FQ4119" s="91"/>
      <c r="FR4119" s="91"/>
      <c r="FS4119" s="91"/>
      <c r="FT4119" s="91"/>
      <c r="FU4119" s="91"/>
      <c r="FV4119" s="91"/>
      <c r="FW4119" s="91"/>
      <c r="FX4119" s="127"/>
      <c r="FY4119" s="126"/>
      <c r="FZ4119" s="91"/>
      <c r="GA4119" s="91"/>
      <c r="GB4119" s="91"/>
      <c r="GC4119" s="91"/>
      <c r="GD4119" s="91"/>
      <c r="GE4119" s="91"/>
      <c r="GF4119" s="91"/>
      <c r="GG4119" s="91"/>
      <c r="GH4119" s="91"/>
      <c r="GI4119" s="91"/>
      <c r="GJ4119" s="91"/>
      <c r="GK4119" s="127"/>
      <c r="GL4119" s="126"/>
      <c r="GM4119" s="91"/>
      <c r="GN4119" s="91"/>
      <c r="GO4119" s="91"/>
      <c r="GP4119" s="91"/>
      <c r="GQ4119" s="91"/>
      <c r="GR4119" s="91"/>
      <c r="GS4119" s="91"/>
      <c r="GT4119" s="91"/>
      <c r="GU4119" s="91"/>
      <c r="GV4119" s="91"/>
      <c r="GW4119" s="91"/>
      <c r="GX4119" s="127"/>
      <c r="GY4119" s="126"/>
      <c r="GZ4119" s="91"/>
      <c r="HA4119" s="91"/>
      <c r="HB4119" s="91"/>
      <c r="HC4119" s="91"/>
      <c r="HD4119" s="91"/>
      <c r="HE4119" s="91"/>
      <c r="HF4119" s="91"/>
      <c r="HG4119" s="91"/>
      <c r="HH4119" s="91"/>
      <c r="HI4119" s="91"/>
      <c r="HJ4119" s="91"/>
      <c r="HK4119" s="127"/>
      <c r="HL4119" s="126"/>
      <c r="HM4119" s="91"/>
      <c r="HN4119" s="91"/>
      <c r="HO4119" s="91"/>
      <c r="HP4119" s="91"/>
      <c r="HQ4119" s="91"/>
      <c r="HR4119" s="91"/>
      <c r="HS4119" s="91"/>
      <c r="HT4119" s="91"/>
      <c r="HU4119" s="91"/>
      <c r="HV4119" s="91"/>
      <c r="HW4119" s="91"/>
      <c r="HX4119" s="127"/>
      <c r="HY4119" s="126"/>
      <c r="HZ4119" s="91"/>
      <c r="IA4119" s="91"/>
      <c r="IB4119" s="91"/>
      <c r="IC4119" s="91"/>
      <c r="ID4119" s="91"/>
      <c r="IE4119" s="91"/>
      <c r="IF4119" s="91"/>
      <c r="IG4119" s="91"/>
      <c r="IH4119" s="91"/>
      <c r="II4119" s="91"/>
      <c r="IJ4119" s="91"/>
      <c r="IK4119" s="174"/>
    </row>
    <row r="4120" spans="2:245" x14ac:dyDescent="0.2">
      <c r="B4120" s="43"/>
      <c r="C4120" s="73"/>
      <c r="D4120" s="64"/>
      <c r="E4120" s="64"/>
      <c r="F4120" s="55"/>
      <c r="G4120" s="102"/>
      <c r="H4120" s="97"/>
      <c r="T4120" s="98"/>
      <c r="U4120" s="97"/>
      <c r="AG4120" s="98"/>
      <c r="AY4120" s="164"/>
      <c r="BK4120" s="98"/>
      <c r="BL4120" s="97"/>
      <c r="BX4120" s="98"/>
      <c r="CL4120" s="97"/>
      <c r="CX4120" s="98"/>
      <c r="DL4120" s="97"/>
      <c r="DX4120" s="98"/>
      <c r="EL4120" s="97"/>
      <c r="EX4120" s="98"/>
      <c r="EY4120" s="97"/>
      <c r="FL4120" s="126"/>
      <c r="FM4120" s="91"/>
      <c r="FN4120" s="91"/>
      <c r="FO4120" s="91"/>
      <c r="FP4120" s="91"/>
      <c r="FQ4120" s="91"/>
      <c r="FR4120" s="91"/>
      <c r="FS4120" s="91"/>
      <c r="FT4120" s="91"/>
      <c r="FU4120" s="91"/>
      <c r="FV4120" s="91"/>
      <c r="FW4120" s="91"/>
      <c r="FX4120" s="127"/>
      <c r="FY4120" s="126"/>
      <c r="FZ4120" s="91"/>
      <c r="GA4120" s="91"/>
      <c r="GB4120" s="91"/>
      <c r="GC4120" s="91"/>
      <c r="GD4120" s="91"/>
      <c r="GE4120" s="91"/>
      <c r="GF4120" s="91"/>
      <c r="GG4120" s="91"/>
      <c r="GH4120" s="91"/>
      <c r="GI4120" s="91"/>
      <c r="GJ4120" s="91"/>
      <c r="GK4120" s="127"/>
      <c r="GL4120" s="126"/>
      <c r="GM4120" s="91"/>
      <c r="GN4120" s="91"/>
      <c r="GO4120" s="91"/>
      <c r="GP4120" s="91"/>
      <c r="GQ4120" s="91"/>
      <c r="GR4120" s="91"/>
      <c r="GS4120" s="91"/>
      <c r="GT4120" s="91"/>
      <c r="GU4120" s="91"/>
      <c r="GV4120" s="91"/>
      <c r="GW4120" s="91"/>
      <c r="GX4120" s="127"/>
      <c r="GY4120" s="126"/>
      <c r="GZ4120" s="91"/>
      <c r="HA4120" s="91"/>
      <c r="HB4120" s="91"/>
      <c r="HC4120" s="91"/>
      <c r="HD4120" s="91"/>
      <c r="HE4120" s="91"/>
      <c r="HF4120" s="91"/>
      <c r="HG4120" s="91"/>
      <c r="HH4120" s="91"/>
      <c r="HI4120" s="91"/>
      <c r="HJ4120" s="91"/>
      <c r="HK4120" s="127"/>
      <c r="HL4120" s="126"/>
      <c r="HM4120" s="91"/>
      <c r="HN4120" s="91"/>
      <c r="HO4120" s="91"/>
      <c r="HP4120" s="91"/>
      <c r="HQ4120" s="91"/>
      <c r="HR4120" s="91"/>
      <c r="HS4120" s="91"/>
      <c r="HT4120" s="91"/>
      <c r="HU4120" s="91"/>
      <c r="HV4120" s="91"/>
      <c r="HW4120" s="91"/>
      <c r="HX4120" s="127"/>
      <c r="HY4120" s="126"/>
      <c r="HZ4120" s="91"/>
      <c r="IA4120" s="91"/>
      <c r="IB4120" s="91"/>
      <c r="IC4120" s="91"/>
      <c r="ID4120" s="91"/>
      <c r="IE4120" s="91"/>
      <c r="IF4120" s="91"/>
      <c r="IG4120" s="91"/>
      <c r="IH4120" s="91"/>
      <c r="II4120" s="91"/>
      <c r="IJ4120" s="91"/>
      <c r="IK4120" s="174"/>
    </row>
    <row r="4121" spans="2:245" x14ac:dyDescent="0.2">
      <c r="B4121" s="43"/>
      <c r="C4121" s="73"/>
      <c r="D4121" s="64"/>
      <c r="E4121" s="64"/>
      <c r="F4121" s="55"/>
      <c r="G4121" s="102"/>
      <c r="H4121" s="97"/>
      <c r="T4121" s="98"/>
      <c r="U4121" s="97"/>
      <c r="AG4121" s="98"/>
      <c r="AY4121" s="164"/>
      <c r="BK4121" s="98"/>
      <c r="BL4121" s="97"/>
      <c r="BX4121" s="98"/>
      <c r="CL4121" s="97"/>
      <c r="CX4121" s="98"/>
      <c r="DL4121" s="97"/>
      <c r="DX4121" s="98"/>
      <c r="EL4121" s="97"/>
      <c r="EX4121" s="98"/>
      <c r="EY4121" s="97"/>
      <c r="FL4121" s="126"/>
      <c r="FM4121" s="91"/>
      <c r="FN4121" s="91"/>
      <c r="FO4121" s="91"/>
      <c r="FP4121" s="91"/>
      <c r="FQ4121" s="91"/>
      <c r="FR4121" s="91"/>
      <c r="FS4121" s="91"/>
      <c r="FT4121" s="91"/>
      <c r="FU4121" s="91"/>
      <c r="FV4121" s="91"/>
      <c r="FW4121" s="91"/>
      <c r="FX4121" s="127"/>
      <c r="FY4121" s="126"/>
      <c r="FZ4121" s="91"/>
      <c r="GA4121" s="91"/>
      <c r="GB4121" s="91"/>
      <c r="GC4121" s="91"/>
      <c r="GD4121" s="91"/>
      <c r="GE4121" s="91"/>
      <c r="GF4121" s="91"/>
      <c r="GG4121" s="91"/>
      <c r="GH4121" s="91"/>
      <c r="GI4121" s="91"/>
      <c r="GJ4121" s="91"/>
      <c r="GK4121" s="127"/>
      <c r="GL4121" s="126"/>
      <c r="GM4121" s="91"/>
      <c r="GN4121" s="91"/>
      <c r="GO4121" s="91"/>
      <c r="GP4121" s="91"/>
      <c r="GQ4121" s="91"/>
      <c r="GR4121" s="91"/>
      <c r="GS4121" s="91"/>
      <c r="GT4121" s="91"/>
      <c r="GU4121" s="91"/>
      <c r="GV4121" s="91"/>
      <c r="GW4121" s="91"/>
      <c r="GX4121" s="127"/>
      <c r="GY4121" s="126"/>
      <c r="GZ4121" s="91"/>
      <c r="HA4121" s="91"/>
      <c r="HB4121" s="91"/>
      <c r="HC4121" s="91"/>
      <c r="HD4121" s="91"/>
      <c r="HE4121" s="91"/>
      <c r="HF4121" s="91"/>
      <c r="HG4121" s="91"/>
      <c r="HH4121" s="91"/>
      <c r="HI4121" s="91"/>
      <c r="HJ4121" s="91"/>
      <c r="HK4121" s="127"/>
      <c r="HL4121" s="126"/>
      <c r="HM4121" s="91"/>
      <c r="HN4121" s="91"/>
      <c r="HO4121" s="91"/>
      <c r="HP4121" s="91"/>
      <c r="HQ4121" s="91"/>
      <c r="HR4121" s="91"/>
      <c r="HS4121" s="91"/>
      <c r="HT4121" s="91"/>
      <c r="HU4121" s="91"/>
      <c r="HV4121" s="91"/>
      <c r="HW4121" s="91"/>
      <c r="HX4121" s="127"/>
      <c r="HY4121" s="126"/>
      <c r="HZ4121" s="91"/>
      <c r="IA4121" s="91"/>
      <c r="IB4121" s="91"/>
      <c r="IC4121" s="91"/>
      <c r="ID4121" s="91"/>
      <c r="IE4121" s="91"/>
      <c r="IF4121" s="91"/>
      <c r="IG4121" s="91"/>
      <c r="IH4121" s="91"/>
      <c r="II4121" s="91"/>
      <c r="IJ4121" s="91"/>
      <c r="IK4121" s="174"/>
    </row>
    <row r="4122" spans="2:245" x14ac:dyDescent="0.2">
      <c r="B4122" s="43"/>
      <c r="C4122" s="73"/>
      <c r="D4122" s="64"/>
      <c r="E4122" s="64"/>
      <c r="F4122" s="55"/>
      <c r="G4122" s="102"/>
      <c r="H4122" s="97"/>
      <c r="T4122" s="98"/>
      <c r="U4122" s="97"/>
      <c r="AG4122" s="98"/>
      <c r="AY4122" s="164"/>
      <c r="BK4122" s="98"/>
      <c r="BL4122" s="97"/>
      <c r="BX4122" s="98"/>
      <c r="CL4122" s="97"/>
      <c r="CX4122" s="98"/>
      <c r="DL4122" s="97"/>
      <c r="DX4122" s="98"/>
      <c r="EL4122" s="97"/>
      <c r="EX4122" s="98"/>
      <c r="EY4122" s="97"/>
      <c r="FL4122" s="126"/>
      <c r="FM4122" s="91"/>
      <c r="FN4122" s="91"/>
      <c r="FO4122" s="91"/>
      <c r="FP4122" s="91"/>
      <c r="FQ4122" s="91"/>
      <c r="FR4122" s="91"/>
      <c r="FS4122" s="91"/>
      <c r="FT4122" s="91"/>
      <c r="FU4122" s="91"/>
      <c r="FV4122" s="91"/>
      <c r="FW4122" s="91"/>
      <c r="FX4122" s="127"/>
      <c r="FY4122" s="126"/>
      <c r="FZ4122" s="91"/>
      <c r="GA4122" s="91"/>
      <c r="GB4122" s="91"/>
      <c r="GC4122" s="91"/>
      <c r="GD4122" s="91"/>
      <c r="GE4122" s="91"/>
      <c r="GF4122" s="91"/>
      <c r="GG4122" s="91"/>
      <c r="GH4122" s="91"/>
      <c r="GI4122" s="91"/>
      <c r="GJ4122" s="91"/>
      <c r="GK4122" s="127"/>
      <c r="GL4122" s="126"/>
      <c r="GM4122" s="91"/>
      <c r="GN4122" s="91"/>
      <c r="GO4122" s="91"/>
      <c r="GP4122" s="91"/>
      <c r="GQ4122" s="91"/>
      <c r="GR4122" s="91"/>
      <c r="GS4122" s="91"/>
      <c r="GT4122" s="91"/>
      <c r="GU4122" s="91"/>
      <c r="GV4122" s="91"/>
      <c r="GW4122" s="91"/>
      <c r="GX4122" s="127"/>
      <c r="GY4122" s="126"/>
      <c r="GZ4122" s="91"/>
      <c r="HA4122" s="91"/>
      <c r="HB4122" s="91"/>
      <c r="HC4122" s="91"/>
      <c r="HD4122" s="91"/>
      <c r="HE4122" s="91"/>
      <c r="HF4122" s="91"/>
      <c r="HG4122" s="91"/>
      <c r="HH4122" s="91"/>
      <c r="HI4122" s="91"/>
      <c r="HJ4122" s="91"/>
      <c r="HK4122" s="127"/>
      <c r="HL4122" s="126"/>
      <c r="HM4122" s="91"/>
      <c r="HN4122" s="91"/>
      <c r="HO4122" s="91"/>
      <c r="HP4122" s="91"/>
      <c r="HQ4122" s="91"/>
      <c r="HR4122" s="91"/>
      <c r="HS4122" s="91"/>
      <c r="HT4122" s="91"/>
      <c r="HU4122" s="91"/>
      <c r="HV4122" s="91"/>
      <c r="HW4122" s="91"/>
      <c r="HX4122" s="127"/>
      <c r="HY4122" s="126"/>
      <c r="HZ4122" s="91"/>
      <c r="IA4122" s="91"/>
      <c r="IB4122" s="91"/>
      <c r="IC4122" s="91"/>
      <c r="ID4122" s="91"/>
      <c r="IE4122" s="91"/>
      <c r="IF4122" s="91"/>
      <c r="IG4122" s="91"/>
      <c r="IH4122" s="91"/>
      <c r="II4122" s="91"/>
      <c r="IJ4122" s="91"/>
      <c r="IK4122" s="174"/>
    </row>
    <row r="4123" spans="2:245" x14ac:dyDescent="0.2">
      <c r="B4123" s="43"/>
      <c r="C4123" s="73"/>
      <c r="D4123" s="64"/>
      <c r="E4123" s="64"/>
      <c r="F4123" s="55"/>
      <c r="G4123" s="102"/>
      <c r="H4123" s="97"/>
      <c r="T4123" s="98"/>
      <c r="U4123" s="97"/>
      <c r="AG4123" s="98"/>
      <c r="AY4123" s="164"/>
      <c r="BK4123" s="98"/>
      <c r="BL4123" s="97"/>
      <c r="BX4123" s="98"/>
      <c r="CL4123" s="97"/>
      <c r="CX4123" s="98"/>
      <c r="DL4123" s="97"/>
      <c r="DX4123" s="98"/>
      <c r="EL4123" s="97"/>
      <c r="EX4123" s="98"/>
      <c r="EY4123" s="97"/>
      <c r="FL4123" s="126"/>
      <c r="FM4123" s="91"/>
      <c r="FN4123" s="91"/>
      <c r="FO4123" s="91"/>
      <c r="FP4123" s="91"/>
      <c r="FQ4123" s="91"/>
      <c r="FR4123" s="91"/>
      <c r="FS4123" s="91"/>
      <c r="FT4123" s="91"/>
      <c r="FU4123" s="91"/>
      <c r="FV4123" s="91"/>
      <c r="FW4123" s="91"/>
      <c r="FX4123" s="127"/>
      <c r="FY4123" s="126"/>
      <c r="FZ4123" s="91"/>
      <c r="GA4123" s="91"/>
      <c r="GB4123" s="91"/>
      <c r="GC4123" s="91"/>
      <c r="GD4123" s="91"/>
      <c r="GE4123" s="91"/>
      <c r="GF4123" s="91"/>
      <c r="GG4123" s="91"/>
      <c r="GH4123" s="91"/>
      <c r="GI4123" s="91"/>
      <c r="GJ4123" s="91"/>
      <c r="GK4123" s="127"/>
      <c r="GL4123" s="126"/>
      <c r="GM4123" s="91"/>
      <c r="GN4123" s="91"/>
      <c r="GO4123" s="91"/>
      <c r="GP4123" s="91"/>
      <c r="GQ4123" s="91"/>
      <c r="GR4123" s="91"/>
      <c r="GS4123" s="91"/>
      <c r="GT4123" s="91"/>
      <c r="GU4123" s="91"/>
      <c r="GV4123" s="91"/>
      <c r="GW4123" s="91"/>
      <c r="GX4123" s="127"/>
      <c r="GY4123" s="126"/>
      <c r="GZ4123" s="91"/>
      <c r="HA4123" s="91"/>
      <c r="HB4123" s="91"/>
      <c r="HC4123" s="91"/>
      <c r="HD4123" s="91"/>
      <c r="HE4123" s="91"/>
      <c r="HF4123" s="91"/>
      <c r="HG4123" s="91"/>
      <c r="HH4123" s="91"/>
      <c r="HI4123" s="91"/>
      <c r="HJ4123" s="91"/>
      <c r="HK4123" s="127"/>
      <c r="HL4123" s="126"/>
      <c r="HM4123" s="91"/>
      <c r="HN4123" s="91"/>
      <c r="HO4123" s="91"/>
      <c r="HP4123" s="91"/>
      <c r="HQ4123" s="91"/>
      <c r="HR4123" s="91"/>
      <c r="HS4123" s="91"/>
      <c r="HT4123" s="91"/>
      <c r="HU4123" s="91"/>
      <c r="HV4123" s="91"/>
      <c r="HW4123" s="91"/>
      <c r="HX4123" s="127"/>
      <c r="HY4123" s="126"/>
      <c r="HZ4123" s="91"/>
      <c r="IA4123" s="91"/>
      <c r="IB4123" s="91"/>
      <c r="IC4123" s="91"/>
      <c r="ID4123" s="91"/>
      <c r="IE4123" s="91"/>
      <c r="IF4123" s="91"/>
      <c r="IG4123" s="91"/>
      <c r="IH4123" s="91"/>
      <c r="II4123" s="91"/>
      <c r="IJ4123" s="91"/>
      <c r="IK4123" s="174"/>
    </row>
    <row r="4124" spans="2:245" x14ac:dyDescent="0.2">
      <c r="B4124" s="43"/>
      <c r="C4124" s="73"/>
      <c r="D4124" s="64"/>
      <c r="E4124" s="64"/>
      <c r="F4124" s="55"/>
      <c r="G4124" s="102"/>
      <c r="H4124" s="97"/>
      <c r="T4124" s="98"/>
      <c r="U4124" s="97"/>
      <c r="AG4124" s="98"/>
      <c r="AY4124" s="164"/>
      <c r="BK4124" s="98"/>
      <c r="BL4124" s="97"/>
      <c r="BX4124" s="98"/>
      <c r="CL4124" s="97"/>
      <c r="CX4124" s="98"/>
      <c r="DL4124" s="97"/>
      <c r="DX4124" s="98"/>
      <c r="EL4124" s="97"/>
      <c r="EX4124" s="98"/>
      <c r="EY4124" s="97"/>
      <c r="FL4124" s="126"/>
      <c r="FM4124" s="91"/>
      <c r="FN4124" s="91"/>
      <c r="FO4124" s="91"/>
      <c r="FP4124" s="91"/>
      <c r="FQ4124" s="91"/>
      <c r="FR4124" s="91"/>
      <c r="FS4124" s="91"/>
      <c r="FT4124" s="91"/>
      <c r="FU4124" s="91"/>
      <c r="FV4124" s="91"/>
      <c r="FW4124" s="91"/>
      <c r="FX4124" s="127"/>
      <c r="FY4124" s="126"/>
      <c r="FZ4124" s="91"/>
      <c r="GA4124" s="91"/>
      <c r="GB4124" s="91"/>
      <c r="GC4124" s="91"/>
      <c r="GD4124" s="91"/>
      <c r="GE4124" s="91"/>
      <c r="GF4124" s="91"/>
      <c r="GG4124" s="91"/>
      <c r="GH4124" s="91"/>
      <c r="GI4124" s="91"/>
      <c r="GJ4124" s="91"/>
      <c r="GK4124" s="127"/>
      <c r="GL4124" s="126"/>
      <c r="GM4124" s="91"/>
      <c r="GN4124" s="91"/>
      <c r="GO4124" s="91"/>
      <c r="GP4124" s="91"/>
      <c r="GQ4124" s="91"/>
      <c r="GR4124" s="91"/>
      <c r="GS4124" s="91"/>
      <c r="GT4124" s="91"/>
      <c r="GU4124" s="91"/>
      <c r="GV4124" s="91"/>
      <c r="GW4124" s="91"/>
      <c r="GX4124" s="127"/>
      <c r="GY4124" s="126"/>
      <c r="GZ4124" s="91"/>
      <c r="HA4124" s="91"/>
      <c r="HB4124" s="91"/>
      <c r="HC4124" s="91"/>
      <c r="HD4124" s="91"/>
      <c r="HE4124" s="91"/>
      <c r="HF4124" s="91"/>
      <c r="HG4124" s="91"/>
      <c r="HH4124" s="91"/>
      <c r="HI4124" s="91"/>
      <c r="HJ4124" s="91"/>
      <c r="HK4124" s="127"/>
      <c r="HL4124" s="126"/>
      <c r="HM4124" s="91"/>
      <c r="HN4124" s="91"/>
      <c r="HO4124" s="91"/>
      <c r="HP4124" s="91"/>
      <c r="HQ4124" s="91"/>
      <c r="HR4124" s="91"/>
      <c r="HS4124" s="91"/>
      <c r="HT4124" s="91"/>
      <c r="HU4124" s="91"/>
      <c r="HV4124" s="91"/>
      <c r="HW4124" s="91"/>
      <c r="HX4124" s="127"/>
      <c r="HY4124" s="126"/>
      <c r="HZ4124" s="91"/>
      <c r="IA4124" s="91"/>
      <c r="IB4124" s="91"/>
      <c r="IC4124" s="91"/>
      <c r="ID4124" s="91"/>
      <c r="IE4124" s="91"/>
      <c r="IF4124" s="91"/>
      <c r="IG4124" s="91"/>
      <c r="IH4124" s="91"/>
      <c r="II4124" s="91"/>
      <c r="IJ4124" s="91"/>
      <c r="IK4124" s="174"/>
    </row>
    <row r="4125" spans="2:245" x14ac:dyDescent="0.2">
      <c r="B4125" s="43"/>
      <c r="C4125" s="73"/>
      <c r="D4125" s="64"/>
      <c r="E4125" s="64"/>
      <c r="F4125" s="55"/>
      <c r="G4125" s="102"/>
      <c r="H4125" s="97"/>
      <c r="T4125" s="98"/>
      <c r="U4125" s="97"/>
      <c r="AG4125" s="98"/>
      <c r="AY4125" s="164"/>
      <c r="BK4125" s="98"/>
      <c r="BL4125" s="97"/>
      <c r="BX4125" s="98"/>
      <c r="CL4125" s="97"/>
      <c r="CX4125" s="98"/>
      <c r="DL4125" s="97"/>
      <c r="DX4125" s="98"/>
      <c r="EL4125" s="97"/>
      <c r="EX4125" s="98"/>
      <c r="EY4125" s="97"/>
      <c r="FL4125" s="126"/>
      <c r="FM4125" s="91"/>
      <c r="FN4125" s="91"/>
      <c r="FO4125" s="91"/>
      <c r="FP4125" s="91"/>
      <c r="FQ4125" s="91"/>
      <c r="FR4125" s="91"/>
      <c r="FS4125" s="91"/>
      <c r="FT4125" s="91"/>
      <c r="FU4125" s="91"/>
      <c r="FV4125" s="91"/>
      <c r="FW4125" s="91"/>
      <c r="FX4125" s="127"/>
      <c r="FY4125" s="126"/>
      <c r="FZ4125" s="91"/>
      <c r="GA4125" s="91"/>
      <c r="GB4125" s="91"/>
      <c r="GC4125" s="91"/>
      <c r="GD4125" s="91"/>
      <c r="GE4125" s="91"/>
      <c r="GF4125" s="91"/>
      <c r="GG4125" s="91"/>
      <c r="GH4125" s="91"/>
      <c r="GI4125" s="91"/>
      <c r="GJ4125" s="91"/>
      <c r="GK4125" s="127"/>
      <c r="GL4125" s="126"/>
      <c r="GM4125" s="91"/>
      <c r="GN4125" s="91"/>
      <c r="GO4125" s="91"/>
      <c r="GP4125" s="91"/>
      <c r="GQ4125" s="91"/>
      <c r="GR4125" s="91"/>
      <c r="GS4125" s="91"/>
      <c r="GT4125" s="91"/>
      <c r="GU4125" s="91"/>
      <c r="GV4125" s="91"/>
      <c r="GW4125" s="91"/>
      <c r="GX4125" s="127"/>
      <c r="GY4125" s="126"/>
      <c r="GZ4125" s="91"/>
      <c r="HA4125" s="91"/>
      <c r="HB4125" s="91"/>
      <c r="HC4125" s="91"/>
      <c r="HD4125" s="91"/>
      <c r="HE4125" s="91"/>
      <c r="HF4125" s="91"/>
      <c r="HG4125" s="91"/>
      <c r="HH4125" s="91"/>
      <c r="HI4125" s="91"/>
      <c r="HJ4125" s="91"/>
      <c r="HK4125" s="127"/>
      <c r="HL4125" s="126"/>
      <c r="HM4125" s="91"/>
      <c r="HN4125" s="91"/>
      <c r="HO4125" s="91"/>
      <c r="HP4125" s="91"/>
      <c r="HQ4125" s="91"/>
      <c r="HR4125" s="91"/>
      <c r="HS4125" s="91"/>
      <c r="HT4125" s="91"/>
      <c r="HU4125" s="91"/>
      <c r="HV4125" s="91"/>
      <c r="HW4125" s="91"/>
      <c r="HX4125" s="127"/>
      <c r="HY4125" s="126"/>
      <c r="HZ4125" s="91"/>
      <c r="IA4125" s="91"/>
      <c r="IB4125" s="91"/>
      <c r="IC4125" s="91"/>
      <c r="ID4125" s="91"/>
      <c r="IE4125" s="91"/>
      <c r="IF4125" s="91"/>
      <c r="IG4125" s="91"/>
      <c r="IH4125" s="91"/>
      <c r="II4125" s="91"/>
      <c r="IJ4125" s="91"/>
      <c r="IK4125" s="174"/>
    </row>
    <row r="4126" spans="2:245" x14ac:dyDescent="0.2">
      <c r="B4126" s="43"/>
      <c r="C4126" s="73"/>
      <c r="D4126" s="64"/>
      <c r="E4126" s="64"/>
      <c r="F4126" s="55"/>
      <c r="G4126" s="102"/>
      <c r="H4126" s="97"/>
      <c r="T4126" s="98"/>
      <c r="U4126" s="97"/>
      <c r="AG4126" s="98"/>
      <c r="AY4126" s="164"/>
      <c r="BK4126" s="98"/>
      <c r="BL4126" s="97"/>
      <c r="BX4126" s="98"/>
      <c r="CL4126" s="97"/>
      <c r="CX4126" s="98"/>
      <c r="DL4126" s="97"/>
      <c r="DX4126" s="98"/>
      <c r="EL4126" s="97"/>
      <c r="EX4126" s="98"/>
      <c r="EY4126" s="97"/>
      <c r="FL4126" s="126"/>
      <c r="FM4126" s="91"/>
      <c r="FN4126" s="91"/>
      <c r="FO4126" s="91"/>
      <c r="FP4126" s="91"/>
      <c r="FQ4126" s="91"/>
      <c r="FR4126" s="91"/>
      <c r="FS4126" s="91"/>
      <c r="FT4126" s="91"/>
      <c r="FU4126" s="91"/>
      <c r="FV4126" s="91"/>
      <c r="FW4126" s="91"/>
      <c r="FX4126" s="127"/>
      <c r="FY4126" s="126"/>
      <c r="FZ4126" s="91"/>
      <c r="GA4126" s="91"/>
      <c r="GB4126" s="91"/>
      <c r="GC4126" s="91"/>
      <c r="GD4126" s="91"/>
      <c r="GE4126" s="91"/>
      <c r="GF4126" s="91"/>
      <c r="GG4126" s="91"/>
      <c r="GH4126" s="91"/>
      <c r="GI4126" s="91"/>
      <c r="GJ4126" s="91"/>
      <c r="GK4126" s="127"/>
      <c r="GL4126" s="126"/>
      <c r="GM4126" s="91"/>
      <c r="GN4126" s="91"/>
      <c r="GO4126" s="91"/>
      <c r="GP4126" s="91"/>
      <c r="GQ4126" s="91"/>
      <c r="GR4126" s="91"/>
      <c r="GS4126" s="91"/>
      <c r="GT4126" s="91"/>
      <c r="GU4126" s="91"/>
      <c r="GV4126" s="91"/>
      <c r="GW4126" s="91"/>
      <c r="GX4126" s="127"/>
      <c r="GY4126" s="126"/>
      <c r="GZ4126" s="91"/>
      <c r="HA4126" s="91"/>
      <c r="HB4126" s="91"/>
      <c r="HC4126" s="91"/>
      <c r="HD4126" s="91"/>
      <c r="HE4126" s="91"/>
      <c r="HF4126" s="91"/>
      <c r="HG4126" s="91"/>
      <c r="HH4126" s="91"/>
      <c r="HI4126" s="91"/>
      <c r="HJ4126" s="91"/>
      <c r="HK4126" s="127"/>
      <c r="HL4126" s="126"/>
      <c r="HM4126" s="91"/>
      <c r="HN4126" s="91"/>
      <c r="HO4126" s="91"/>
      <c r="HP4126" s="91"/>
      <c r="HQ4126" s="91"/>
      <c r="HR4126" s="91"/>
      <c r="HS4126" s="91"/>
      <c r="HT4126" s="91"/>
      <c r="HU4126" s="91"/>
      <c r="HV4126" s="91"/>
      <c r="HW4126" s="91"/>
      <c r="HX4126" s="127"/>
      <c r="HY4126" s="126"/>
      <c r="HZ4126" s="91"/>
      <c r="IA4126" s="91"/>
      <c r="IB4126" s="91"/>
      <c r="IC4126" s="91"/>
      <c r="ID4126" s="91"/>
      <c r="IE4126" s="91"/>
      <c r="IF4126" s="91"/>
      <c r="IG4126" s="91"/>
      <c r="IH4126" s="91"/>
      <c r="II4126" s="91"/>
      <c r="IJ4126" s="91"/>
      <c r="IK4126" s="174"/>
    </row>
    <row r="4127" spans="2:245" x14ac:dyDescent="0.2">
      <c r="B4127" s="43"/>
      <c r="C4127" s="73"/>
      <c r="D4127" s="64"/>
      <c r="E4127" s="64"/>
      <c r="F4127" s="55"/>
      <c r="G4127" s="102"/>
      <c r="H4127" s="97"/>
      <c r="T4127" s="98"/>
      <c r="U4127" s="97"/>
      <c r="AG4127" s="98"/>
      <c r="AY4127" s="164"/>
      <c r="BK4127" s="98"/>
      <c r="BL4127" s="97"/>
      <c r="BX4127" s="98"/>
      <c r="CL4127" s="97"/>
      <c r="CX4127" s="98"/>
      <c r="DL4127" s="97"/>
      <c r="DX4127" s="98"/>
      <c r="EL4127" s="97"/>
      <c r="EX4127" s="98"/>
      <c r="EY4127" s="97"/>
      <c r="FL4127" s="126"/>
      <c r="FM4127" s="91"/>
      <c r="FN4127" s="91"/>
      <c r="FO4127" s="91"/>
      <c r="FP4127" s="91"/>
      <c r="FQ4127" s="91"/>
      <c r="FR4127" s="91"/>
      <c r="FS4127" s="91"/>
      <c r="FT4127" s="91"/>
      <c r="FU4127" s="91"/>
      <c r="FV4127" s="91"/>
      <c r="FW4127" s="91"/>
      <c r="FX4127" s="127"/>
      <c r="FY4127" s="126"/>
      <c r="FZ4127" s="91"/>
      <c r="GA4127" s="91"/>
      <c r="GB4127" s="91"/>
      <c r="GC4127" s="91"/>
      <c r="GD4127" s="91"/>
      <c r="GE4127" s="91"/>
      <c r="GF4127" s="91"/>
      <c r="GG4127" s="91"/>
      <c r="GH4127" s="91"/>
      <c r="GI4127" s="91"/>
      <c r="GJ4127" s="91"/>
      <c r="GK4127" s="127"/>
      <c r="GL4127" s="126"/>
      <c r="GM4127" s="91"/>
      <c r="GN4127" s="91"/>
      <c r="GO4127" s="91"/>
      <c r="GP4127" s="91"/>
      <c r="GQ4127" s="91"/>
      <c r="GR4127" s="91"/>
      <c r="GS4127" s="91"/>
      <c r="GT4127" s="91"/>
      <c r="GU4127" s="91"/>
      <c r="GV4127" s="91"/>
      <c r="GW4127" s="91"/>
      <c r="GX4127" s="127"/>
      <c r="GY4127" s="126"/>
      <c r="GZ4127" s="91"/>
      <c r="HA4127" s="91"/>
      <c r="HB4127" s="91"/>
      <c r="HC4127" s="91"/>
      <c r="HD4127" s="91"/>
      <c r="HE4127" s="91"/>
      <c r="HF4127" s="91"/>
      <c r="HG4127" s="91"/>
      <c r="HH4127" s="91"/>
      <c r="HI4127" s="91"/>
      <c r="HJ4127" s="91"/>
      <c r="HK4127" s="127"/>
      <c r="HL4127" s="126"/>
      <c r="HM4127" s="91"/>
      <c r="HN4127" s="91"/>
      <c r="HO4127" s="91"/>
      <c r="HP4127" s="91"/>
      <c r="HQ4127" s="91"/>
      <c r="HR4127" s="91"/>
      <c r="HS4127" s="91"/>
      <c r="HT4127" s="91"/>
      <c r="HU4127" s="91"/>
      <c r="HV4127" s="91"/>
      <c r="HW4127" s="91"/>
      <c r="HX4127" s="127"/>
      <c r="HY4127" s="126"/>
      <c r="HZ4127" s="91"/>
      <c r="IA4127" s="91"/>
      <c r="IB4127" s="91"/>
      <c r="IC4127" s="91"/>
      <c r="ID4127" s="91"/>
      <c r="IE4127" s="91"/>
      <c r="IF4127" s="91"/>
      <c r="IG4127" s="91"/>
      <c r="IH4127" s="91"/>
      <c r="II4127" s="91"/>
      <c r="IJ4127" s="91"/>
      <c r="IK4127" s="174"/>
    </row>
    <row r="4128" spans="2:245" x14ac:dyDescent="0.2">
      <c r="B4128" s="43"/>
      <c r="C4128" s="73"/>
      <c r="D4128" s="64"/>
      <c r="E4128" s="64"/>
      <c r="F4128" s="55"/>
      <c r="G4128" s="102"/>
      <c r="H4128" s="97"/>
      <c r="T4128" s="98"/>
      <c r="U4128" s="97"/>
      <c r="AG4128" s="98"/>
      <c r="AY4128" s="164"/>
      <c r="BK4128" s="98"/>
      <c r="BL4128" s="97"/>
      <c r="BX4128" s="98"/>
      <c r="CL4128" s="97"/>
      <c r="CX4128" s="98"/>
      <c r="DL4128" s="97"/>
      <c r="DX4128" s="98"/>
      <c r="EL4128" s="97"/>
      <c r="EX4128" s="98"/>
      <c r="EY4128" s="97"/>
      <c r="FL4128" s="126"/>
      <c r="FM4128" s="91"/>
      <c r="FN4128" s="91"/>
      <c r="FO4128" s="91"/>
      <c r="FP4128" s="91"/>
      <c r="FQ4128" s="91"/>
      <c r="FR4128" s="91"/>
      <c r="FS4128" s="91"/>
      <c r="FT4128" s="91"/>
      <c r="FU4128" s="91"/>
      <c r="FV4128" s="91"/>
      <c r="FW4128" s="91"/>
      <c r="FX4128" s="127"/>
      <c r="FY4128" s="126"/>
      <c r="FZ4128" s="91"/>
      <c r="GA4128" s="91"/>
      <c r="GB4128" s="91"/>
      <c r="GC4128" s="91"/>
      <c r="GD4128" s="91"/>
      <c r="GE4128" s="91"/>
      <c r="GF4128" s="91"/>
      <c r="GG4128" s="91"/>
      <c r="GH4128" s="91"/>
      <c r="GI4128" s="91"/>
      <c r="GJ4128" s="91"/>
      <c r="GK4128" s="127"/>
      <c r="GL4128" s="126"/>
      <c r="GM4128" s="91"/>
      <c r="GN4128" s="91"/>
      <c r="GO4128" s="91"/>
      <c r="GP4128" s="91"/>
      <c r="GQ4128" s="91"/>
      <c r="GR4128" s="91"/>
      <c r="GS4128" s="91"/>
      <c r="GT4128" s="91"/>
      <c r="GU4128" s="91"/>
      <c r="GV4128" s="91"/>
      <c r="GW4128" s="91"/>
      <c r="GX4128" s="127"/>
      <c r="GY4128" s="126"/>
      <c r="GZ4128" s="91"/>
      <c r="HA4128" s="91"/>
      <c r="HB4128" s="91"/>
      <c r="HC4128" s="91"/>
      <c r="HD4128" s="91"/>
      <c r="HE4128" s="91"/>
      <c r="HF4128" s="91"/>
      <c r="HG4128" s="91"/>
      <c r="HH4128" s="91"/>
      <c r="HI4128" s="91"/>
      <c r="HJ4128" s="91"/>
      <c r="HK4128" s="127"/>
      <c r="HL4128" s="126"/>
      <c r="HM4128" s="91"/>
      <c r="HN4128" s="91"/>
      <c r="HO4128" s="91"/>
      <c r="HP4128" s="91"/>
      <c r="HQ4128" s="91"/>
      <c r="HR4128" s="91"/>
      <c r="HS4128" s="91"/>
      <c r="HT4128" s="91"/>
      <c r="HU4128" s="91"/>
      <c r="HV4128" s="91"/>
      <c r="HW4128" s="91"/>
      <c r="HX4128" s="127"/>
      <c r="HY4128" s="126"/>
      <c r="HZ4128" s="91"/>
      <c r="IA4128" s="91"/>
      <c r="IB4128" s="91"/>
      <c r="IC4128" s="91"/>
      <c r="ID4128" s="91"/>
      <c r="IE4128" s="91"/>
      <c r="IF4128" s="91"/>
      <c r="IG4128" s="91"/>
      <c r="IH4128" s="91"/>
      <c r="II4128" s="91"/>
      <c r="IJ4128" s="91"/>
      <c r="IK4128" s="174"/>
    </row>
    <row r="4129" spans="2:245" x14ac:dyDescent="0.2">
      <c r="B4129" s="43"/>
      <c r="C4129" s="73"/>
      <c r="D4129" s="64"/>
      <c r="E4129" s="64"/>
      <c r="F4129" s="55"/>
      <c r="G4129" s="102"/>
      <c r="H4129" s="97"/>
      <c r="T4129" s="98"/>
      <c r="U4129" s="97"/>
      <c r="AG4129" s="98"/>
      <c r="AY4129" s="164"/>
      <c r="BK4129" s="98"/>
      <c r="BL4129" s="97"/>
      <c r="BX4129" s="98"/>
      <c r="CL4129" s="97"/>
      <c r="CX4129" s="98"/>
      <c r="DL4129" s="97"/>
      <c r="DX4129" s="98"/>
      <c r="EL4129" s="97"/>
      <c r="EX4129" s="98"/>
      <c r="EY4129" s="97"/>
      <c r="FL4129" s="126"/>
      <c r="FM4129" s="91"/>
      <c r="FN4129" s="91"/>
      <c r="FO4129" s="91"/>
      <c r="FP4129" s="91"/>
      <c r="FQ4129" s="91"/>
      <c r="FR4129" s="91"/>
      <c r="FS4129" s="91"/>
      <c r="FT4129" s="91"/>
      <c r="FU4129" s="91"/>
      <c r="FV4129" s="91"/>
      <c r="FW4129" s="91"/>
      <c r="FX4129" s="127"/>
      <c r="FY4129" s="126"/>
      <c r="FZ4129" s="91"/>
      <c r="GA4129" s="91"/>
      <c r="GB4129" s="91"/>
      <c r="GC4129" s="91"/>
      <c r="GD4129" s="91"/>
      <c r="GE4129" s="91"/>
      <c r="GF4129" s="91"/>
      <c r="GG4129" s="91"/>
      <c r="GH4129" s="91"/>
      <c r="GI4129" s="91"/>
      <c r="GJ4129" s="91"/>
      <c r="GK4129" s="127"/>
      <c r="GL4129" s="126"/>
      <c r="GM4129" s="91"/>
      <c r="GN4129" s="91"/>
      <c r="GO4129" s="91"/>
      <c r="GP4129" s="91"/>
      <c r="GQ4129" s="91"/>
      <c r="GR4129" s="91"/>
      <c r="GS4129" s="91"/>
      <c r="GT4129" s="91"/>
      <c r="GU4129" s="91"/>
      <c r="GV4129" s="91"/>
      <c r="GW4129" s="91"/>
      <c r="GX4129" s="127"/>
      <c r="GY4129" s="126"/>
      <c r="GZ4129" s="91"/>
      <c r="HA4129" s="91"/>
      <c r="HB4129" s="91"/>
      <c r="HC4129" s="91"/>
      <c r="HD4129" s="91"/>
      <c r="HE4129" s="91"/>
      <c r="HF4129" s="91"/>
      <c r="HG4129" s="91"/>
      <c r="HH4129" s="91"/>
      <c r="HI4129" s="91"/>
      <c r="HJ4129" s="91"/>
      <c r="HK4129" s="127"/>
      <c r="HL4129" s="126"/>
      <c r="HM4129" s="91"/>
      <c r="HN4129" s="91"/>
      <c r="HO4129" s="91"/>
      <c r="HP4129" s="91"/>
      <c r="HQ4129" s="91"/>
      <c r="HR4129" s="91"/>
      <c r="HS4129" s="91"/>
      <c r="HT4129" s="91"/>
      <c r="HU4129" s="91"/>
      <c r="HV4129" s="91"/>
      <c r="HW4129" s="91"/>
      <c r="HX4129" s="127"/>
      <c r="HY4129" s="126"/>
      <c r="HZ4129" s="91"/>
      <c r="IA4129" s="91"/>
      <c r="IB4129" s="91"/>
      <c r="IC4129" s="91"/>
      <c r="ID4129" s="91"/>
      <c r="IE4129" s="91"/>
      <c r="IF4129" s="91"/>
      <c r="IG4129" s="91"/>
      <c r="IH4129" s="91"/>
      <c r="II4129" s="91"/>
      <c r="IJ4129" s="91"/>
      <c r="IK4129" s="174"/>
    </row>
    <row r="4130" spans="2:245" x14ac:dyDescent="0.2">
      <c r="B4130" s="43"/>
      <c r="C4130" s="73"/>
      <c r="D4130" s="64"/>
      <c r="E4130" s="64"/>
      <c r="F4130" s="55"/>
      <c r="G4130" s="102"/>
      <c r="H4130" s="97"/>
      <c r="T4130" s="98"/>
      <c r="U4130" s="97"/>
      <c r="AG4130" s="98"/>
      <c r="AY4130" s="164"/>
      <c r="BK4130" s="98"/>
      <c r="BL4130" s="97"/>
      <c r="BX4130" s="98"/>
      <c r="CL4130" s="97"/>
      <c r="CX4130" s="98"/>
      <c r="DL4130" s="97"/>
      <c r="DX4130" s="98"/>
      <c r="EL4130" s="97"/>
      <c r="EX4130" s="98"/>
      <c r="EY4130" s="97"/>
      <c r="FL4130" s="126"/>
      <c r="FM4130" s="91"/>
      <c r="FN4130" s="91"/>
      <c r="FO4130" s="91"/>
      <c r="FP4130" s="91"/>
      <c r="FQ4130" s="91"/>
      <c r="FR4130" s="91"/>
      <c r="FS4130" s="91"/>
      <c r="FT4130" s="91"/>
      <c r="FU4130" s="91"/>
      <c r="FV4130" s="91"/>
      <c r="FW4130" s="91"/>
      <c r="FX4130" s="127"/>
      <c r="FY4130" s="126"/>
      <c r="FZ4130" s="91"/>
      <c r="GA4130" s="91"/>
      <c r="GB4130" s="91"/>
      <c r="GC4130" s="91"/>
      <c r="GD4130" s="91"/>
      <c r="GE4130" s="91"/>
      <c r="GF4130" s="91"/>
      <c r="GG4130" s="91"/>
      <c r="GH4130" s="91"/>
      <c r="GI4130" s="91"/>
      <c r="GJ4130" s="91"/>
      <c r="GK4130" s="127"/>
      <c r="GL4130" s="126"/>
      <c r="GM4130" s="91"/>
      <c r="GN4130" s="91"/>
      <c r="GO4130" s="91"/>
      <c r="GP4130" s="91"/>
      <c r="GQ4130" s="91"/>
      <c r="GR4130" s="91"/>
      <c r="GS4130" s="91"/>
      <c r="GT4130" s="91"/>
      <c r="GU4130" s="91"/>
      <c r="GV4130" s="91"/>
      <c r="GW4130" s="91"/>
      <c r="GX4130" s="127"/>
      <c r="GY4130" s="126"/>
      <c r="GZ4130" s="91"/>
      <c r="HA4130" s="91"/>
      <c r="HB4130" s="91"/>
      <c r="HC4130" s="91"/>
      <c r="HD4130" s="91"/>
      <c r="HE4130" s="91"/>
      <c r="HF4130" s="91"/>
      <c r="HG4130" s="91"/>
      <c r="HH4130" s="91"/>
      <c r="HI4130" s="91"/>
      <c r="HJ4130" s="91"/>
      <c r="HK4130" s="127"/>
      <c r="HL4130" s="126"/>
      <c r="HM4130" s="91"/>
      <c r="HN4130" s="91"/>
      <c r="HO4130" s="91"/>
      <c r="HP4130" s="91"/>
      <c r="HQ4130" s="91"/>
      <c r="HR4130" s="91"/>
      <c r="HS4130" s="91"/>
      <c r="HT4130" s="91"/>
      <c r="HU4130" s="91"/>
      <c r="HV4130" s="91"/>
      <c r="HW4130" s="91"/>
      <c r="HX4130" s="127"/>
      <c r="HY4130" s="126"/>
      <c r="HZ4130" s="91"/>
      <c r="IA4130" s="91"/>
      <c r="IB4130" s="91"/>
      <c r="IC4130" s="91"/>
      <c r="ID4130" s="91"/>
      <c r="IE4130" s="91"/>
      <c r="IF4130" s="91"/>
      <c r="IG4130" s="91"/>
      <c r="IH4130" s="91"/>
      <c r="II4130" s="91"/>
      <c r="IJ4130" s="91"/>
      <c r="IK4130" s="174"/>
    </row>
    <row r="4131" spans="2:245" x14ac:dyDescent="0.2">
      <c r="B4131" s="43"/>
      <c r="C4131" s="73"/>
      <c r="D4131" s="64"/>
      <c r="E4131" s="64"/>
      <c r="F4131" s="55"/>
      <c r="G4131" s="102"/>
      <c r="H4131" s="97"/>
      <c r="T4131" s="98"/>
      <c r="U4131" s="97"/>
      <c r="AG4131" s="98"/>
      <c r="AY4131" s="164"/>
      <c r="BK4131" s="98"/>
      <c r="BL4131" s="97"/>
      <c r="BX4131" s="98"/>
      <c r="CL4131" s="97"/>
      <c r="CX4131" s="98"/>
      <c r="DL4131" s="97"/>
      <c r="DX4131" s="98"/>
      <c r="EL4131" s="97"/>
      <c r="EX4131" s="98"/>
      <c r="EY4131" s="97"/>
      <c r="FL4131" s="126"/>
      <c r="FM4131" s="91"/>
      <c r="FN4131" s="91"/>
      <c r="FO4131" s="91"/>
      <c r="FP4131" s="91"/>
      <c r="FQ4131" s="91"/>
      <c r="FR4131" s="91"/>
      <c r="FS4131" s="91"/>
      <c r="FT4131" s="91"/>
      <c r="FU4131" s="91"/>
      <c r="FV4131" s="91"/>
      <c r="FW4131" s="91"/>
      <c r="FX4131" s="127"/>
      <c r="FY4131" s="126"/>
      <c r="FZ4131" s="91"/>
      <c r="GA4131" s="91"/>
      <c r="GB4131" s="91"/>
      <c r="GC4131" s="91"/>
      <c r="GD4131" s="91"/>
      <c r="GE4131" s="91"/>
      <c r="GF4131" s="91"/>
      <c r="GG4131" s="91"/>
      <c r="GH4131" s="91"/>
      <c r="GI4131" s="91"/>
      <c r="GJ4131" s="91"/>
      <c r="GK4131" s="127"/>
      <c r="GL4131" s="126"/>
      <c r="GM4131" s="91"/>
      <c r="GN4131" s="91"/>
      <c r="GO4131" s="91"/>
      <c r="GP4131" s="91"/>
      <c r="GQ4131" s="91"/>
      <c r="GR4131" s="91"/>
      <c r="GS4131" s="91"/>
      <c r="GT4131" s="91"/>
      <c r="GU4131" s="91"/>
      <c r="GV4131" s="91"/>
      <c r="GW4131" s="91"/>
      <c r="GX4131" s="127"/>
      <c r="GY4131" s="126"/>
      <c r="GZ4131" s="91"/>
      <c r="HA4131" s="91"/>
      <c r="HB4131" s="91"/>
      <c r="HC4131" s="91"/>
      <c r="HD4131" s="91"/>
      <c r="HE4131" s="91"/>
      <c r="HF4131" s="91"/>
      <c r="HG4131" s="91"/>
      <c r="HH4131" s="91"/>
      <c r="HI4131" s="91"/>
      <c r="HJ4131" s="91"/>
      <c r="HK4131" s="127"/>
      <c r="HL4131" s="126"/>
      <c r="HM4131" s="91"/>
      <c r="HN4131" s="91"/>
      <c r="HO4131" s="91"/>
      <c r="HP4131" s="91"/>
      <c r="HQ4131" s="91"/>
      <c r="HR4131" s="91"/>
      <c r="HS4131" s="91"/>
      <c r="HT4131" s="91"/>
      <c r="HU4131" s="91"/>
      <c r="HV4131" s="91"/>
      <c r="HW4131" s="91"/>
      <c r="HX4131" s="127"/>
      <c r="HY4131" s="126"/>
      <c r="HZ4131" s="91"/>
      <c r="IA4131" s="91"/>
      <c r="IB4131" s="91"/>
      <c r="IC4131" s="91"/>
      <c r="ID4131" s="91"/>
      <c r="IE4131" s="91"/>
      <c r="IF4131" s="91"/>
      <c r="IG4131" s="91"/>
      <c r="IH4131" s="91"/>
      <c r="II4131" s="91"/>
      <c r="IJ4131" s="91"/>
      <c r="IK4131" s="174"/>
    </row>
    <row r="4132" spans="2:245" x14ac:dyDescent="0.2">
      <c r="B4132" s="43"/>
      <c r="C4132" s="73"/>
      <c r="D4132" s="64"/>
      <c r="E4132" s="64"/>
      <c r="F4132" s="55"/>
      <c r="G4132" s="102"/>
      <c r="H4132" s="97"/>
      <c r="T4132" s="98"/>
      <c r="U4132" s="97"/>
      <c r="AG4132" s="98"/>
      <c r="AY4132" s="164"/>
      <c r="BK4132" s="98"/>
      <c r="BL4132" s="97"/>
      <c r="BX4132" s="98"/>
      <c r="CL4132" s="97"/>
      <c r="CX4132" s="98"/>
      <c r="DL4132" s="97"/>
      <c r="DX4132" s="98"/>
      <c r="EL4132" s="97"/>
      <c r="EX4132" s="98"/>
      <c r="EY4132" s="97"/>
      <c r="FL4132" s="126"/>
      <c r="FM4132" s="91"/>
      <c r="FN4132" s="91"/>
      <c r="FO4132" s="91"/>
      <c r="FP4132" s="91"/>
      <c r="FQ4132" s="91"/>
      <c r="FR4132" s="91"/>
      <c r="FS4132" s="91"/>
      <c r="FT4132" s="91"/>
      <c r="FU4132" s="91"/>
      <c r="FV4132" s="91"/>
      <c r="FW4132" s="91"/>
      <c r="FX4132" s="127"/>
      <c r="FY4132" s="126"/>
      <c r="FZ4132" s="91"/>
      <c r="GA4132" s="91"/>
      <c r="GB4132" s="91"/>
      <c r="GC4132" s="91"/>
      <c r="GD4132" s="91"/>
      <c r="GE4132" s="91"/>
      <c r="GF4132" s="91"/>
      <c r="GG4132" s="91"/>
      <c r="GH4132" s="91"/>
      <c r="GI4132" s="91"/>
      <c r="GJ4132" s="91"/>
      <c r="GK4132" s="127"/>
      <c r="GL4132" s="126"/>
      <c r="GM4132" s="91"/>
      <c r="GN4132" s="91"/>
      <c r="GO4132" s="91"/>
      <c r="GP4132" s="91"/>
      <c r="GQ4132" s="91"/>
      <c r="GR4132" s="91"/>
      <c r="GS4132" s="91"/>
      <c r="GT4132" s="91"/>
      <c r="GU4132" s="91"/>
      <c r="GV4132" s="91"/>
      <c r="GW4132" s="91"/>
      <c r="GX4132" s="127"/>
      <c r="GY4132" s="126"/>
      <c r="GZ4132" s="91"/>
      <c r="HA4132" s="91"/>
      <c r="HB4132" s="91"/>
      <c r="HC4132" s="91"/>
      <c r="HD4132" s="91"/>
      <c r="HE4132" s="91"/>
      <c r="HF4132" s="91"/>
      <c r="HG4132" s="91"/>
      <c r="HH4132" s="91"/>
      <c r="HI4132" s="91"/>
      <c r="HJ4132" s="91"/>
      <c r="HK4132" s="127"/>
      <c r="HL4132" s="126"/>
      <c r="HM4132" s="91"/>
      <c r="HN4132" s="91"/>
      <c r="HO4132" s="91"/>
      <c r="HP4132" s="91"/>
      <c r="HQ4132" s="91"/>
      <c r="HR4132" s="91"/>
      <c r="HS4132" s="91"/>
      <c r="HT4132" s="91"/>
      <c r="HU4132" s="91"/>
      <c r="HV4132" s="91"/>
      <c r="HW4132" s="91"/>
      <c r="HX4132" s="127"/>
      <c r="HY4132" s="126"/>
      <c r="HZ4132" s="91"/>
      <c r="IA4132" s="91"/>
      <c r="IB4132" s="91"/>
      <c r="IC4132" s="91"/>
      <c r="ID4132" s="91"/>
      <c r="IE4132" s="91"/>
      <c r="IF4132" s="91"/>
      <c r="IG4132" s="91"/>
      <c r="IH4132" s="91"/>
      <c r="II4132" s="91"/>
      <c r="IJ4132" s="91"/>
      <c r="IK4132" s="174"/>
    </row>
    <row r="4133" spans="2:245" x14ac:dyDescent="0.2">
      <c r="B4133" s="43"/>
      <c r="C4133" s="73"/>
      <c r="D4133" s="64"/>
      <c r="E4133" s="64"/>
      <c r="F4133" s="55"/>
      <c r="G4133" s="102"/>
      <c r="H4133" s="97"/>
      <c r="T4133" s="98"/>
      <c r="U4133" s="97"/>
      <c r="AG4133" s="98"/>
      <c r="AY4133" s="164"/>
      <c r="BK4133" s="98"/>
      <c r="BL4133" s="97"/>
      <c r="BX4133" s="98"/>
      <c r="CL4133" s="97"/>
      <c r="CX4133" s="98"/>
      <c r="DL4133" s="97"/>
      <c r="DX4133" s="98"/>
      <c r="EL4133" s="97"/>
      <c r="EX4133" s="98"/>
      <c r="EY4133" s="97"/>
      <c r="FL4133" s="126"/>
      <c r="FM4133" s="91"/>
      <c r="FN4133" s="91"/>
      <c r="FO4133" s="91"/>
      <c r="FP4133" s="91"/>
      <c r="FQ4133" s="91"/>
      <c r="FR4133" s="91"/>
      <c r="FS4133" s="91"/>
      <c r="FT4133" s="91"/>
      <c r="FU4133" s="91"/>
      <c r="FV4133" s="91"/>
      <c r="FW4133" s="91"/>
      <c r="FX4133" s="127"/>
      <c r="FY4133" s="126"/>
      <c r="FZ4133" s="91"/>
      <c r="GA4133" s="91"/>
      <c r="GB4133" s="91"/>
      <c r="GC4133" s="91"/>
      <c r="GD4133" s="91"/>
      <c r="GE4133" s="91"/>
      <c r="GF4133" s="91"/>
      <c r="GG4133" s="91"/>
      <c r="GH4133" s="91"/>
      <c r="GI4133" s="91"/>
      <c r="GJ4133" s="91"/>
      <c r="GK4133" s="127"/>
      <c r="GL4133" s="126"/>
      <c r="GM4133" s="91"/>
      <c r="GN4133" s="91"/>
      <c r="GO4133" s="91"/>
      <c r="GP4133" s="91"/>
      <c r="GQ4133" s="91"/>
      <c r="GR4133" s="91"/>
      <c r="GS4133" s="91"/>
      <c r="GT4133" s="91"/>
      <c r="GU4133" s="91"/>
      <c r="GV4133" s="91"/>
      <c r="GW4133" s="91"/>
      <c r="GX4133" s="127"/>
      <c r="GY4133" s="126"/>
      <c r="GZ4133" s="91"/>
      <c r="HA4133" s="91"/>
      <c r="HB4133" s="91"/>
      <c r="HC4133" s="91"/>
      <c r="HD4133" s="91"/>
      <c r="HE4133" s="91"/>
      <c r="HF4133" s="91"/>
      <c r="HG4133" s="91"/>
      <c r="HH4133" s="91"/>
      <c r="HI4133" s="91"/>
      <c r="HJ4133" s="91"/>
      <c r="HK4133" s="127"/>
      <c r="HL4133" s="126"/>
      <c r="HM4133" s="91"/>
      <c r="HN4133" s="91"/>
      <c r="HO4133" s="91"/>
      <c r="HP4133" s="91"/>
      <c r="HQ4133" s="91"/>
      <c r="HR4133" s="91"/>
      <c r="HS4133" s="91"/>
      <c r="HT4133" s="91"/>
      <c r="HU4133" s="91"/>
      <c r="HV4133" s="91"/>
      <c r="HW4133" s="91"/>
      <c r="HX4133" s="127"/>
      <c r="HY4133" s="126"/>
      <c r="HZ4133" s="91"/>
      <c r="IA4133" s="91"/>
      <c r="IB4133" s="91"/>
      <c r="IC4133" s="91"/>
      <c r="ID4133" s="91"/>
      <c r="IE4133" s="91"/>
      <c r="IF4133" s="91"/>
      <c r="IG4133" s="91"/>
      <c r="IH4133" s="91"/>
      <c r="II4133" s="91"/>
      <c r="IJ4133" s="91"/>
      <c r="IK4133" s="174"/>
    </row>
    <row r="4134" spans="2:245" x14ac:dyDescent="0.2">
      <c r="B4134" s="43"/>
      <c r="C4134" s="73"/>
      <c r="D4134" s="64"/>
      <c r="E4134" s="64"/>
      <c r="F4134" s="55"/>
      <c r="G4134" s="102"/>
      <c r="H4134" s="97"/>
      <c r="T4134" s="98"/>
      <c r="U4134" s="97"/>
      <c r="AG4134" s="98"/>
      <c r="AY4134" s="164"/>
      <c r="BK4134" s="98"/>
      <c r="BL4134" s="97"/>
      <c r="BX4134" s="98"/>
      <c r="CL4134" s="97"/>
      <c r="CX4134" s="98"/>
      <c r="DL4134" s="97"/>
      <c r="DX4134" s="98"/>
      <c r="EL4134" s="97"/>
      <c r="EX4134" s="98"/>
      <c r="EY4134" s="97"/>
      <c r="FL4134" s="126"/>
      <c r="FM4134" s="91"/>
      <c r="FN4134" s="91"/>
      <c r="FO4134" s="91"/>
      <c r="FP4134" s="91"/>
      <c r="FQ4134" s="91"/>
      <c r="FR4134" s="91"/>
      <c r="FS4134" s="91"/>
      <c r="FT4134" s="91"/>
      <c r="FU4134" s="91"/>
      <c r="FV4134" s="91"/>
      <c r="FW4134" s="91"/>
      <c r="FX4134" s="127"/>
      <c r="FY4134" s="126"/>
      <c r="FZ4134" s="91"/>
      <c r="GA4134" s="91"/>
      <c r="GB4134" s="91"/>
      <c r="GC4134" s="91"/>
      <c r="GD4134" s="91"/>
      <c r="GE4134" s="91"/>
      <c r="GF4134" s="91"/>
      <c r="GG4134" s="91"/>
      <c r="GH4134" s="91"/>
      <c r="GI4134" s="91"/>
      <c r="GJ4134" s="91"/>
      <c r="GK4134" s="127"/>
      <c r="GL4134" s="126"/>
      <c r="GM4134" s="91"/>
      <c r="GN4134" s="91"/>
      <c r="GO4134" s="91"/>
      <c r="GP4134" s="91"/>
      <c r="GQ4134" s="91"/>
      <c r="GR4134" s="91"/>
      <c r="GS4134" s="91"/>
      <c r="GT4134" s="91"/>
      <c r="GU4134" s="91"/>
      <c r="GV4134" s="91"/>
      <c r="GW4134" s="91"/>
      <c r="GX4134" s="127"/>
      <c r="GY4134" s="126"/>
      <c r="GZ4134" s="91"/>
      <c r="HA4134" s="91"/>
      <c r="HB4134" s="91"/>
      <c r="HC4134" s="91"/>
      <c r="HD4134" s="91"/>
      <c r="HE4134" s="91"/>
      <c r="HF4134" s="91"/>
      <c r="HG4134" s="91"/>
      <c r="HH4134" s="91"/>
      <c r="HI4134" s="91"/>
      <c r="HJ4134" s="91"/>
      <c r="HK4134" s="127"/>
      <c r="HL4134" s="126"/>
      <c r="HM4134" s="91"/>
      <c r="HN4134" s="91"/>
      <c r="HO4134" s="91"/>
      <c r="HP4134" s="91"/>
      <c r="HQ4134" s="91"/>
      <c r="HR4134" s="91"/>
      <c r="HS4134" s="91"/>
      <c r="HT4134" s="91"/>
      <c r="HU4134" s="91"/>
      <c r="HV4134" s="91"/>
      <c r="HW4134" s="91"/>
      <c r="HX4134" s="127"/>
      <c r="HY4134" s="126"/>
      <c r="HZ4134" s="91"/>
      <c r="IA4134" s="91"/>
      <c r="IB4134" s="91"/>
      <c r="IC4134" s="91"/>
      <c r="ID4134" s="91"/>
      <c r="IE4134" s="91"/>
      <c r="IF4134" s="91"/>
      <c r="IG4134" s="91"/>
      <c r="IH4134" s="91"/>
      <c r="II4134" s="91"/>
      <c r="IJ4134" s="91"/>
      <c r="IK4134" s="174"/>
    </row>
    <row r="4135" spans="2:245" x14ac:dyDescent="0.2">
      <c r="B4135" s="43"/>
      <c r="C4135" s="73"/>
      <c r="D4135" s="64"/>
      <c r="E4135" s="64"/>
      <c r="F4135" s="55"/>
      <c r="G4135" s="102"/>
      <c r="H4135" s="97"/>
      <c r="T4135" s="98"/>
      <c r="U4135" s="97"/>
      <c r="AG4135" s="98"/>
      <c r="AY4135" s="164"/>
      <c r="BK4135" s="98"/>
      <c r="BL4135" s="97"/>
      <c r="BX4135" s="98"/>
      <c r="CL4135" s="97"/>
      <c r="CX4135" s="98"/>
      <c r="DL4135" s="97"/>
      <c r="DX4135" s="98"/>
      <c r="EL4135" s="97"/>
      <c r="EX4135" s="98"/>
      <c r="EY4135" s="97"/>
      <c r="FL4135" s="126"/>
      <c r="FM4135" s="91"/>
      <c r="FN4135" s="91"/>
      <c r="FO4135" s="91"/>
      <c r="FP4135" s="91"/>
      <c r="FQ4135" s="91"/>
      <c r="FR4135" s="91"/>
      <c r="FS4135" s="91"/>
      <c r="FT4135" s="91"/>
      <c r="FU4135" s="91"/>
      <c r="FV4135" s="91"/>
      <c r="FW4135" s="91"/>
      <c r="FX4135" s="127"/>
      <c r="FY4135" s="126"/>
      <c r="FZ4135" s="91"/>
      <c r="GA4135" s="91"/>
      <c r="GB4135" s="91"/>
      <c r="GC4135" s="91"/>
      <c r="GD4135" s="91"/>
      <c r="GE4135" s="91"/>
      <c r="GF4135" s="91"/>
      <c r="GG4135" s="91"/>
      <c r="GH4135" s="91"/>
      <c r="GI4135" s="91"/>
      <c r="GJ4135" s="91"/>
      <c r="GK4135" s="127"/>
      <c r="GL4135" s="126"/>
      <c r="GM4135" s="91"/>
      <c r="GN4135" s="91"/>
      <c r="GO4135" s="91"/>
      <c r="GP4135" s="91"/>
      <c r="GQ4135" s="91"/>
      <c r="GR4135" s="91"/>
      <c r="GS4135" s="91"/>
      <c r="GT4135" s="91"/>
      <c r="GU4135" s="91"/>
      <c r="GV4135" s="91"/>
      <c r="GW4135" s="91"/>
      <c r="GX4135" s="127"/>
      <c r="GY4135" s="126"/>
      <c r="GZ4135" s="91"/>
      <c r="HA4135" s="91"/>
      <c r="HB4135" s="91"/>
      <c r="HC4135" s="91"/>
      <c r="HD4135" s="91"/>
      <c r="HE4135" s="91"/>
      <c r="HF4135" s="91"/>
      <c r="HG4135" s="91"/>
      <c r="HH4135" s="91"/>
      <c r="HI4135" s="91"/>
      <c r="HJ4135" s="91"/>
      <c r="HK4135" s="127"/>
      <c r="HL4135" s="126"/>
      <c r="HM4135" s="91"/>
      <c r="HN4135" s="91"/>
      <c r="HO4135" s="91"/>
      <c r="HP4135" s="91"/>
      <c r="HQ4135" s="91"/>
      <c r="HR4135" s="91"/>
      <c r="HS4135" s="91"/>
      <c r="HT4135" s="91"/>
      <c r="HU4135" s="91"/>
      <c r="HV4135" s="91"/>
      <c r="HW4135" s="91"/>
      <c r="HX4135" s="127"/>
      <c r="HY4135" s="126"/>
      <c r="HZ4135" s="91"/>
      <c r="IA4135" s="91"/>
      <c r="IB4135" s="91"/>
      <c r="IC4135" s="91"/>
      <c r="ID4135" s="91"/>
      <c r="IE4135" s="91"/>
      <c r="IF4135" s="91"/>
      <c r="IG4135" s="91"/>
      <c r="IH4135" s="91"/>
      <c r="II4135" s="91"/>
      <c r="IJ4135" s="91"/>
      <c r="IK4135" s="174"/>
    </row>
    <row r="4136" spans="2:245" x14ac:dyDescent="0.2">
      <c r="B4136" s="43"/>
      <c r="C4136" s="73"/>
      <c r="D4136" s="64"/>
      <c r="E4136" s="64"/>
      <c r="F4136" s="55"/>
      <c r="G4136" s="102"/>
      <c r="H4136" s="97"/>
      <c r="T4136" s="98"/>
      <c r="U4136" s="97"/>
      <c r="AG4136" s="98"/>
      <c r="AY4136" s="164"/>
      <c r="BK4136" s="98"/>
      <c r="BL4136" s="97"/>
      <c r="BX4136" s="98"/>
      <c r="CL4136" s="97"/>
      <c r="CX4136" s="98"/>
      <c r="DL4136" s="97"/>
      <c r="DX4136" s="98"/>
      <c r="EL4136" s="97"/>
      <c r="EX4136" s="98"/>
      <c r="EY4136" s="97"/>
      <c r="FL4136" s="126"/>
      <c r="FM4136" s="91"/>
      <c r="FN4136" s="91"/>
      <c r="FO4136" s="91"/>
      <c r="FP4136" s="91"/>
      <c r="FQ4136" s="91"/>
      <c r="FR4136" s="91"/>
      <c r="FS4136" s="91"/>
      <c r="FT4136" s="91"/>
      <c r="FU4136" s="91"/>
      <c r="FV4136" s="91"/>
      <c r="FW4136" s="91"/>
      <c r="FX4136" s="127"/>
      <c r="FY4136" s="126"/>
      <c r="FZ4136" s="91"/>
      <c r="GA4136" s="91"/>
      <c r="GB4136" s="91"/>
      <c r="GC4136" s="91"/>
      <c r="GD4136" s="91"/>
      <c r="GE4136" s="91"/>
      <c r="GF4136" s="91"/>
      <c r="GG4136" s="91"/>
      <c r="GH4136" s="91"/>
      <c r="GI4136" s="91"/>
      <c r="GJ4136" s="91"/>
      <c r="GK4136" s="127"/>
      <c r="GL4136" s="126"/>
      <c r="GM4136" s="91"/>
      <c r="GN4136" s="91"/>
      <c r="GO4136" s="91"/>
      <c r="GP4136" s="91"/>
      <c r="GQ4136" s="91"/>
      <c r="GR4136" s="91"/>
      <c r="GS4136" s="91"/>
      <c r="GT4136" s="91"/>
      <c r="GU4136" s="91"/>
      <c r="GV4136" s="91"/>
      <c r="GW4136" s="91"/>
      <c r="GX4136" s="127"/>
      <c r="GY4136" s="126"/>
      <c r="GZ4136" s="91"/>
      <c r="HA4136" s="91"/>
      <c r="HB4136" s="91"/>
      <c r="HC4136" s="91"/>
      <c r="HD4136" s="91"/>
      <c r="HE4136" s="91"/>
      <c r="HF4136" s="91"/>
      <c r="HG4136" s="91"/>
      <c r="HH4136" s="91"/>
      <c r="HI4136" s="91"/>
      <c r="HJ4136" s="91"/>
      <c r="HK4136" s="127"/>
      <c r="HL4136" s="126"/>
      <c r="HM4136" s="91"/>
      <c r="HN4136" s="91"/>
      <c r="HO4136" s="91"/>
      <c r="HP4136" s="91"/>
      <c r="HQ4136" s="91"/>
      <c r="HR4136" s="91"/>
      <c r="HS4136" s="91"/>
      <c r="HT4136" s="91"/>
      <c r="HU4136" s="91"/>
      <c r="HV4136" s="91"/>
      <c r="HW4136" s="91"/>
      <c r="HX4136" s="127"/>
      <c r="HY4136" s="126"/>
      <c r="HZ4136" s="91"/>
      <c r="IA4136" s="91"/>
      <c r="IB4136" s="91"/>
      <c r="IC4136" s="91"/>
      <c r="ID4136" s="91"/>
      <c r="IE4136" s="91"/>
      <c r="IF4136" s="91"/>
      <c r="IG4136" s="91"/>
      <c r="IH4136" s="91"/>
      <c r="II4136" s="91"/>
      <c r="IJ4136" s="91"/>
      <c r="IK4136" s="174"/>
    </row>
    <row r="4137" spans="2:245" x14ac:dyDescent="0.2">
      <c r="B4137" s="43"/>
      <c r="C4137" s="73"/>
      <c r="D4137" s="64"/>
      <c r="E4137" s="64"/>
      <c r="F4137" s="55"/>
      <c r="G4137" s="102"/>
      <c r="H4137" s="97"/>
      <c r="T4137" s="98"/>
      <c r="U4137" s="97"/>
      <c r="AG4137" s="98"/>
      <c r="AY4137" s="164"/>
      <c r="BK4137" s="98"/>
      <c r="BL4137" s="97"/>
      <c r="BX4137" s="98"/>
      <c r="CL4137" s="97"/>
      <c r="CX4137" s="98"/>
      <c r="DL4137" s="97"/>
      <c r="DX4137" s="98"/>
      <c r="EL4137" s="97"/>
      <c r="EX4137" s="98"/>
      <c r="EY4137" s="97"/>
      <c r="FL4137" s="126"/>
      <c r="FM4137" s="91"/>
      <c r="FN4137" s="91"/>
      <c r="FO4137" s="91"/>
      <c r="FP4137" s="91"/>
      <c r="FQ4137" s="91"/>
      <c r="FR4137" s="91"/>
      <c r="FS4137" s="91"/>
      <c r="FT4137" s="91"/>
      <c r="FU4137" s="91"/>
      <c r="FV4137" s="91"/>
      <c r="FW4137" s="91"/>
      <c r="FX4137" s="127"/>
      <c r="FY4137" s="126"/>
      <c r="FZ4137" s="91"/>
      <c r="GA4137" s="91"/>
      <c r="GB4137" s="91"/>
      <c r="GC4137" s="91"/>
      <c r="GD4137" s="91"/>
      <c r="GE4137" s="91"/>
      <c r="GF4137" s="91"/>
      <c r="GG4137" s="91"/>
      <c r="GH4137" s="91"/>
      <c r="GI4137" s="91"/>
      <c r="GJ4137" s="91"/>
      <c r="GK4137" s="127"/>
      <c r="GL4137" s="126"/>
      <c r="GM4137" s="91"/>
      <c r="GN4137" s="91"/>
      <c r="GO4137" s="91"/>
      <c r="GP4137" s="91"/>
      <c r="GQ4137" s="91"/>
      <c r="GR4137" s="91"/>
      <c r="GS4137" s="91"/>
      <c r="GT4137" s="91"/>
      <c r="GU4137" s="91"/>
      <c r="GV4137" s="91"/>
      <c r="GW4137" s="91"/>
      <c r="GX4137" s="127"/>
      <c r="GY4137" s="126"/>
      <c r="GZ4137" s="91"/>
      <c r="HA4137" s="91"/>
      <c r="HB4137" s="91"/>
      <c r="HC4137" s="91"/>
      <c r="HD4137" s="91"/>
      <c r="HE4137" s="91"/>
      <c r="HF4137" s="91"/>
      <c r="HG4137" s="91"/>
      <c r="HH4137" s="91"/>
      <c r="HI4137" s="91"/>
      <c r="HJ4137" s="91"/>
      <c r="HK4137" s="127"/>
      <c r="HL4137" s="126"/>
      <c r="HM4137" s="91"/>
      <c r="HN4137" s="91"/>
      <c r="HO4137" s="91"/>
      <c r="HP4137" s="91"/>
      <c r="HQ4137" s="91"/>
      <c r="HR4137" s="91"/>
      <c r="HS4137" s="91"/>
      <c r="HT4137" s="91"/>
      <c r="HU4137" s="91"/>
      <c r="HV4137" s="91"/>
      <c r="HW4137" s="91"/>
      <c r="HX4137" s="127"/>
      <c r="HY4137" s="126"/>
      <c r="HZ4137" s="91"/>
      <c r="IA4137" s="91"/>
      <c r="IB4137" s="91"/>
      <c r="IC4137" s="91"/>
      <c r="ID4137" s="91"/>
      <c r="IE4137" s="91"/>
      <c r="IF4137" s="91"/>
      <c r="IG4137" s="91"/>
      <c r="IH4137" s="91"/>
      <c r="II4137" s="91"/>
      <c r="IJ4137" s="91"/>
      <c r="IK4137" s="174"/>
    </row>
    <row r="4138" spans="2:245" x14ac:dyDescent="0.2">
      <c r="B4138" s="43"/>
      <c r="C4138" s="73"/>
      <c r="D4138" s="64"/>
      <c r="E4138" s="64"/>
      <c r="F4138" s="55"/>
      <c r="G4138" s="102"/>
      <c r="H4138" s="97"/>
      <c r="T4138" s="98"/>
      <c r="U4138" s="97"/>
      <c r="AG4138" s="98"/>
      <c r="AY4138" s="164"/>
      <c r="BK4138" s="98"/>
      <c r="BL4138" s="97"/>
      <c r="BX4138" s="98"/>
      <c r="CL4138" s="97"/>
      <c r="CX4138" s="98"/>
      <c r="DL4138" s="97"/>
      <c r="DX4138" s="98"/>
      <c r="EL4138" s="97"/>
      <c r="EX4138" s="98"/>
      <c r="EY4138" s="97"/>
      <c r="FL4138" s="126"/>
      <c r="FM4138" s="91"/>
      <c r="FN4138" s="91"/>
      <c r="FO4138" s="91"/>
      <c r="FP4138" s="91"/>
      <c r="FQ4138" s="91"/>
      <c r="FR4138" s="91"/>
      <c r="FS4138" s="91"/>
      <c r="FT4138" s="91"/>
      <c r="FU4138" s="91"/>
      <c r="FV4138" s="91"/>
      <c r="FW4138" s="91"/>
      <c r="FX4138" s="127"/>
      <c r="FY4138" s="126"/>
      <c r="FZ4138" s="91"/>
      <c r="GA4138" s="91"/>
      <c r="GB4138" s="91"/>
      <c r="GC4138" s="91"/>
      <c r="GD4138" s="91"/>
      <c r="GE4138" s="91"/>
      <c r="GF4138" s="91"/>
      <c r="GG4138" s="91"/>
      <c r="GH4138" s="91"/>
      <c r="GI4138" s="91"/>
      <c r="GJ4138" s="91"/>
      <c r="GK4138" s="127"/>
      <c r="GL4138" s="126"/>
      <c r="GM4138" s="91"/>
      <c r="GN4138" s="91"/>
      <c r="GO4138" s="91"/>
      <c r="GP4138" s="91"/>
      <c r="GQ4138" s="91"/>
      <c r="GR4138" s="91"/>
      <c r="GS4138" s="91"/>
      <c r="GT4138" s="91"/>
      <c r="GU4138" s="91"/>
      <c r="GV4138" s="91"/>
      <c r="GW4138" s="91"/>
      <c r="GX4138" s="127"/>
      <c r="GY4138" s="126"/>
      <c r="GZ4138" s="91"/>
      <c r="HA4138" s="91"/>
      <c r="HB4138" s="91"/>
      <c r="HC4138" s="91"/>
      <c r="HD4138" s="91"/>
      <c r="HE4138" s="91"/>
      <c r="HF4138" s="91"/>
      <c r="HG4138" s="91"/>
      <c r="HH4138" s="91"/>
      <c r="HI4138" s="91"/>
      <c r="HJ4138" s="91"/>
      <c r="HK4138" s="127"/>
      <c r="HL4138" s="126"/>
      <c r="HM4138" s="91"/>
      <c r="HN4138" s="91"/>
      <c r="HO4138" s="91"/>
      <c r="HP4138" s="91"/>
      <c r="HQ4138" s="91"/>
      <c r="HR4138" s="91"/>
      <c r="HS4138" s="91"/>
      <c r="HT4138" s="91"/>
      <c r="HU4138" s="91"/>
      <c r="HV4138" s="91"/>
      <c r="HW4138" s="91"/>
      <c r="HX4138" s="127"/>
      <c r="HY4138" s="126"/>
      <c r="HZ4138" s="91"/>
      <c r="IA4138" s="91"/>
      <c r="IB4138" s="91"/>
      <c r="IC4138" s="91"/>
      <c r="ID4138" s="91"/>
      <c r="IE4138" s="91"/>
      <c r="IF4138" s="91"/>
      <c r="IG4138" s="91"/>
      <c r="IH4138" s="91"/>
      <c r="II4138" s="91"/>
      <c r="IJ4138" s="91"/>
      <c r="IK4138" s="174"/>
    </row>
    <row r="4139" spans="2:245" x14ac:dyDescent="0.2">
      <c r="B4139" s="43"/>
      <c r="C4139" s="73"/>
      <c r="D4139" s="64"/>
      <c r="E4139" s="64"/>
      <c r="F4139" s="55"/>
      <c r="G4139" s="102"/>
      <c r="H4139" s="97"/>
      <c r="T4139" s="98"/>
      <c r="U4139" s="97"/>
      <c r="AG4139" s="98"/>
      <c r="AY4139" s="164"/>
      <c r="BK4139" s="98"/>
      <c r="BL4139" s="97"/>
      <c r="BX4139" s="98"/>
      <c r="CL4139" s="97"/>
      <c r="CX4139" s="98"/>
      <c r="DL4139" s="97"/>
      <c r="DX4139" s="98"/>
      <c r="EL4139" s="97"/>
      <c r="EX4139" s="98"/>
      <c r="EY4139" s="97"/>
      <c r="FL4139" s="126"/>
      <c r="FM4139" s="91"/>
      <c r="FN4139" s="91"/>
      <c r="FO4139" s="91"/>
      <c r="FP4139" s="91"/>
      <c r="FQ4139" s="91"/>
      <c r="FR4139" s="91"/>
      <c r="FS4139" s="91"/>
      <c r="FT4139" s="91"/>
      <c r="FU4139" s="91"/>
      <c r="FV4139" s="91"/>
      <c r="FW4139" s="91"/>
      <c r="FX4139" s="127"/>
      <c r="FY4139" s="126"/>
      <c r="FZ4139" s="91"/>
      <c r="GA4139" s="91"/>
      <c r="GB4139" s="91"/>
      <c r="GC4139" s="91"/>
      <c r="GD4139" s="91"/>
      <c r="GE4139" s="91"/>
      <c r="GF4139" s="91"/>
      <c r="GG4139" s="91"/>
      <c r="GH4139" s="91"/>
      <c r="GI4139" s="91"/>
      <c r="GJ4139" s="91"/>
      <c r="GK4139" s="127"/>
      <c r="GL4139" s="126"/>
      <c r="GM4139" s="91"/>
      <c r="GN4139" s="91"/>
      <c r="GO4139" s="91"/>
      <c r="GP4139" s="91"/>
      <c r="GQ4139" s="91"/>
      <c r="GR4139" s="91"/>
      <c r="GS4139" s="91"/>
      <c r="GT4139" s="91"/>
      <c r="GU4139" s="91"/>
      <c r="GV4139" s="91"/>
      <c r="GW4139" s="91"/>
      <c r="GX4139" s="127"/>
      <c r="GY4139" s="126"/>
      <c r="GZ4139" s="91"/>
      <c r="HA4139" s="91"/>
      <c r="HB4139" s="91"/>
      <c r="HC4139" s="91"/>
      <c r="HD4139" s="91"/>
      <c r="HE4139" s="91"/>
      <c r="HF4139" s="91"/>
      <c r="HG4139" s="91"/>
      <c r="HH4139" s="91"/>
      <c r="HI4139" s="91"/>
      <c r="HJ4139" s="91"/>
      <c r="HK4139" s="127"/>
      <c r="HL4139" s="126"/>
      <c r="HM4139" s="91"/>
      <c r="HN4139" s="91"/>
      <c r="HO4139" s="91"/>
      <c r="HP4139" s="91"/>
      <c r="HQ4139" s="91"/>
      <c r="HR4139" s="91"/>
      <c r="HS4139" s="91"/>
      <c r="HT4139" s="91"/>
      <c r="HU4139" s="91"/>
      <c r="HV4139" s="91"/>
      <c r="HW4139" s="91"/>
      <c r="HX4139" s="127"/>
      <c r="HY4139" s="126"/>
      <c r="HZ4139" s="91"/>
      <c r="IA4139" s="91"/>
      <c r="IB4139" s="91"/>
      <c r="IC4139" s="91"/>
      <c r="ID4139" s="91"/>
      <c r="IE4139" s="91"/>
      <c r="IF4139" s="91"/>
      <c r="IG4139" s="91"/>
      <c r="IH4139" s="91"/>
      <c r="II4139" s="91"/>
      <c r="IJ4139" s="91"/>
      <c r="IK4139" s="174"/>
    </row>
    <row r="4140" spans="2:245" x14ac:dyDescent="0.2">
      <c r="B4140" s="43"/>
      <c r="C4140" s="73"/>
      <c r="D4140" s="64"/>
      <c r="E4140" s="64"/>
      <c r="F4140" s="55"/>
      <c r="G4140" s="102"/>
      <c r="H4140" s="97"/>
      <c r="T4140" s="98"/>
      <c r="U4140" s="97"/>
      <c r="AG4140" s="98"/>
      <c r="AY4140" s="164"/>
      <c r="BK4140" s="98"/>
      <c r="BL4140" s="97"/>
      <c r="BX4140" s="98"/>
      <c r="CL4140" s="97"/>
      <c r="CX4140" s="98"/>
      <c r="DL4140" s="97"/>
      <c r="DX4140" s="98"/>
      <c r="EL4140" s="97"/>
      <c r="EX4140" s="98"/>
      <c r="EY4140" s="97"/>
      <c r="FL4140" s="126"/>
      <c r="FM4140" s="91"/>
      <c r="FN4140" s="91"/>
      <c r="FO4140" s="91"/>
      <c r="FP4140" s="91"/>
      <c r="FQ4140" s="91"/>
      <c r="FR4140" s="91"/>
      <c r="FS4140" s="91"/>
      <c r="FT4140" s="91"/>
      <c r="FU4140" s="91"/>
      <c r="FV4140" s="91"/>
      <c r="FW4140" s="91"/>
      <c r="FX4140" s="127"/>
      <c r="FY4140" s="126"/>
      <c r="FZ4140" s="91"/>
      <c r="GA4140" s="91"/>
      <c r="GB4140" s="91"/>
      <c r="GC4140" s="91"/>
      <c r="GD4140" s="91"/>
      <c r="GE4140" s="91"/>
      <c r="GF4140" s="91"/>
      <c r="GG4140" s="91"/>
      <c r="GH4140" s="91"/>
      <c r="GI4140" s="91"/>
      <c r="GJ4140" s="91"/>
      <c r="GK4140" s="127"/>
      <c r="GL4140" s="126"/>
      <c r="GM4140" s="91"/>
      <c r="GN4140" s="91"/>
      <c r="GO4140" s="91"/>
      <c r="GP4140" s="91"/>
      <c r="GQ4140" s="91"/>
      <c r="GR4140" s="91"/>
      <c r="GS4140" s="91"/>
      <c r="GT4140" s="91"/>
      <c r="GU4140" s="91"/>
      <c r="GV4140" s="91"/>
      <c r="GW4140" s="91"/>
      <c r="GX4140" s="127"/>
      <c r="GY4140" s="126"/>
      <c r="GZ4140" s="91"/>
      <c r="HA4140" s="91"/>
      <c r="HB4140" s="91"/>
      <c r="HC4140" s="91"/>
      <c r="HD4140" s="91"/>
      <c r="HE4140" s="91"/>
      <c r="HF4140" s="91"/>
      <c r="HG4140" s="91"/>
      <c r="HH4140" s="91"/>
      <c r="HI4140" s="91"/>
      <c r="HJ4140" s="91"/>
      <c r="HK4140" s="127"/>
      <c r="HL4140" s="126"/>
      <c r="HM4140" s="91"/>
      <c r="HN4140" s="91"/>
      <c r="HO4140" s="91"/>
      <c r="HP4140" s="91"/>
      <c r="HQ4140" s="91"/>
      <c r="HR4140" s="91"/>
      <c r="HS4140" s="91"/>
      <c r="HT4140" s="91"/>
      <c r="HU4140" s="91"/>
      <c r="HV4140" s="91"/>
      <c r="HW4140" s="91"/>
      <c r="HX4140" s="127"/>
      <c r="HY4140" s="126"/>
      <c r="HZ4140" s="91"/>
      <c r="IA4140" s="91"/>
      <c r="IB4140" s="91"/>
      <c r="IC4140" s="91"/>
      <c r="ID4140" s="91"/>
      <c r="IE4140" s="91"/>
      <c r="IF4140" s="91"/>
      <c r="IG4140" s="91"/>
      <c r="IH4140" s="91"/>
      <c r="II4140" s="91"/>
      <c r="IJ4140" s="91"/>
      <c r="IK4140" s="174"/>
    </row>
    <row r="4141" spans="2:245" x14ac:dyDescent="0.2">
      <c r="B4141" s="43"/>
      <c r="C4141" s="73"/>
      <c r="D4141" s="64"/>
      <c r="E4141" s="64"/>
      <c r="F4141" s="55"/>
      <c r="G4141" s="102"/>
      <c r="H4141" s="97"/>
      <c r="T4141" s="98"/>
      <c r="U4141" s="97"/>
      <c r="AG4141" s="98"/>
      <c r="AY4141" s="164"/>
      <c r="BK4141" s="98"/>
      <c r="BL4141" s="97"/>
      <c r="BX4141" s="98"/>
      <c r="CL4141" s="97"/>
      <c r="CX4141" s="98"/>
      <c r="DL4141" s="97"/>
      <c r="DX4141" s="98"/>
      <c r="EL4141" s="97"/>
      <c r="EX4141" s="98"/>
      <c r="EY4141" s="97"/>
      <c r="FL4141" s="126"/>
      <c r="FM4141" s="91"/>
      <c r="FN4141" s="91"/>
      <c r="FO4141" s="91"/>
      <c r="FP4141" s="91"/>
      <c r="FQ4141" s="91"/>
      <c r="FR4141" s="91"/>
      <c r="FS4141" s="91"/>
      <c r="FT4141" s="91"/>
      <c r="FU4141" s="91"/>
      <c r="FV4141" s="91"/>
      <c r="FW4141" s="91"/>
      <c r="FX4141" s="127"/>
      <c r="FY4141" s="126"/>
      <c r="FZ4141" s="91"/>
      <c r="GA4141" s="91"/>
      <c r="GB4141" s="91"/>
      <c r="GC4141" s="91"/>
      <c r="GD4141" s="91"/>
      <c r="GE4141" s="91"/>
      <c r="GF4141" s="91"/>
      <c r="GG4141" s="91"/>
      <c r="GH4141" s="91"/>
      <c r="GI4141" s="91"/>
      <c r="GJ4141" s="91"/>
      <c r="GK4141" s="127"/>
      <c r="GL4141" s="126"/>
      <c r="GM4141" s="91"/>
      <c r="GN4141" s="91"/>
      <c r="GO4141" s="91"/>
      <c r="GP4141" s="91"/>
      <c r="GQ4141" s="91"/>
      <c r="GR4141" s="91"/>
      <c r="GS4141" s="91"/>
      <c r="GT4141" s="91"/>
      <c r="GU4141" s="91"/>
      <c r="GV4141" s="91"/>
      <c r="GW4141" s="91"/>
      <c r="GX4141" s="127"/>
      <c r="GY4141" s="126"/>
      <c r="GZ4141" s="91"/>
      <c r="HA4141" s="91"/>
      <c r="HB4141" s="91"/>
      <c r="HC4141" s="91"/>
      <c r="HD4141" s="91"/>
      <c r="HE4141" s="91"/>
      <c r="HF4141" s="91"/>
      <c r="HG4141" s="91"/>
      <c r="HH4141" s="91"/>
      <c r="HI4141" s="91"/>
      <c r="HJ4141" s="91"/>
      <c r="HK4141" s="127"/>
      <c r="HL4141" s="126"/>
      <c r="HM4141" s="91"/>
      <c r="HN4141" s="91"/>
      <c r="HO4141" s="91"/>
      <c r="HP4141" s="91"/>
      <c r="HQ4141" s="91"/>
      <c r="HR4141" s="91"/>
      <c r="HS4141" s="91"/>
      <c r="HT4141" s="91"/>
      <c r="HU4141" s="91"/>
      <c r="HV4141" s="91"/>
      <c r="HW4141" s="91"/>
      <c r="HX4141" s="127"/>
      <c r="HY4141" s="126"/>
      <c r="HZ4141" s="91"/>
      <c r="IA4141" s="91"/>
      <c r="IB4141" s="91"/>
      <c r="IC4141" s="91"/>
      <c r="ID4141" s="91"/>
      <c r="IE4141" s="91"/>
      <c r="IF4141" s="91"/>
      <c r="IG4141" s="91"/>
      <c r="IH4141" s="91"/>
      <c r="II4141" s="91"/>
      <c r="IJ4141" s="91"/>
      <c r="IK4141" s="174"/>
    </row>
    <row r="4142" spans="2:245" x14ac:dyDescent="0.2">
      <c r="B4142" s="43"/>
      <c r="C4142" s="73"/>
      <c r="D4142" s="64"/>
      <c r="E4142" s="64"/>
      <c r="F4142" s="55"/>
      <c r="G4142" s="102"/>
      <c r="H4142" s="97"/>
      <c r="T4142" s="98"/>
      <c r="U4142" s="97"/>
      <c r="AG4142" s="98"/>
      <c r="AY4142" s="164"/>
      <c r="BK4142" s="98"/>
      <c r="BL4142" s="97"/>
      <c r="BX4142" s="98"/>
      <c r="CL4142" s="97"/>
      <c r="CX4142" s="98"/>
      <c r="DL4142" s="97"/>
      <c r="DX4142" s="98"/>
      <c r="EL4142" s="97"/>
      <c r="EX4142" s="98"/>
      <c r="EY4142" s="97"/>
      <c r="FL4142" s="126"/>
      <c r="FM4142" s="91"/>
      <c r="FN4142" s="91"/>
      <c r="FO4142" s="91"/>
      <c r="FP4142" s="91"/>
      <c r="FQ4142" s="91"/>
      <c r="FR4142" s="91"/>
      <c r="FS4142" s="91"/>
      <c r="FT4142" s="91"/>
      <c r="FU4142" s="91"/>
      <c r="FV4142" s="91"/>
      <c r="FW4142" s="91"/>
      <c r="FX4142" s="127"/>
      <c r="FY4142" s="126"/>
      <c r="FZ4142" s="91"/>
      <c r="GA4142" s="91"/>
      <c r="GB4142" s="91"/>
      <c r="GC4142" s="91"/>
      <c r="GD4142" s="91"/>
      <c r="GE4142" s="91"/>
      <c r="GF4142" s="91"/>
      <c r="GG4142" s="91"/>
      <c r="GH4142" s="91"/>
      <c r="GI4142" s="91"/>
      <c r="GJ4142" s="91"/>
      <c r="GK4142" s="127"/>
      <c r="GL4142" s="126"/>
      <c r="GM4142" s="91"/>
      <c r="GN4142" s="91"/>
      <c r="GO4142" s="91"/>
      <c r="GP4142" s="91"/>
      <c r="GQ4142" s="91"/>
      <c r="GR4142" s="91"/>
      <c r="GS4142" s="91"/>
      <c r="GT4142" s="91"/>
      <c r="GU4142" s="91"/>
      <c r="GV4142" s="91"/>
      <c r="GW4142" s="91"/>
      <c r="GX4142" s="127"/>
      <c r="GY4142" s="126"/>
      <c r="GZ4142" s="91"/>
      <c r="HA4142" s="91"/>
      <c r="HB4142" s="91"/>
      <c r="HC4142" s="91"/>
      <c r="HD4142" s="91"/>
      <c r="HE4142" s="91"/>
      <c r="HF4142" s="91"/>
      <c r="HG4142" s="91"/>
      <c r="HH4142" s="91"/>
      <c r="HI4142" s="91"/>
      <c r="HJ4142" s="91"/>
      <c r="HK4142" s="127"/>
      <c r="HL4142" s="126"/>
      <c r="HM4142" s="91"/>
      <c r="HN4142" s="91"/>
      <c r="HO4142" s="91"/>
      <c r="HP4142" s="91"/>
      <c r="HQ4142" s="91"/>
      <c r="HR4142" s="91"/>
      <c r="HS4142" s="91"/>
      <c r="HT4142" s="91"/>
      <c r="HU4142" s="91"/>
      <c r="HV4142" s="91"/>
      <c r="HW4142" s="91"/>
      <c r="HX4142" s="127"/>
      <c r="HY4142" s="126"/>
      <c r="HZ4142" s="91"/>
      <c r="IA4142" s="91"/>
      <c r="IB4142" s="91"/>
      <c r="IC4142" s="91"/>
      <c r="ID4142" s="91"/>
      <c r="IE4142" s="91"/>
      <c r="IF4142" s="91"/>
      <c r="IG4142" s="91"/>
      <c r="IH4142" s="91"/>
      <c r="II4142" s="91"/>
      <c r="IJ4142" s="91"/>
      <c r="IK4142" s="174"/>
    </row>
    <row r="4143" spans="2:245" x14ac:dyDescent="0.2">
      <c r="B4143" s="43"/>
      <c r="C4143" s="73"/>
      <c r="D4143" s="64"/>
      <c r="E4143" s="64"/>
      <c r="F4143" s="55"/>
      <c r="G4143" s="102"/>
      <c r="H4143" s="97"/>
      <c r="T4143" s="98"/>
      <c r="U4143" s="97"/>
      <c r="AG4143" s="98"/>
      <c r="AY4143" s="164"/>
      <c r="BK4143" s="98"/>
      <c r="BL4143" s="97"/>
      <c r="BX4143" s="98"/>
      <c r="CL4143" s="97"/>
      <c r="CX4143" s="98"/>
      <c r="DL4143" s="97"/>
      <c r="DX4143" s="98"/>
      <c r="EL4143" s="97"/>
      <c r="EX4143" s="98"/>
      <c r="EY4143" s="97"/>
      <c r="FL4143" s="126"/>
      <c r="FM4143" s="91"/>
      <c r="FN4143" s="91"/>
      <c r="FO4143" s="91"/>
      <c r="FP4143" s="91"/>
      <c r="FQ4143" s="91"/>
      <c r="FR4143" s="91"/>
      <c r="FS4143" s="91"/>
      <c r="FT4143" s="91"/>
      <c r="FU4143" s="91"/>
      <c r="FV4143" s="91"/>
      <c r="FW4143" s="91"/>
      <c r="FX4143" s="127"/>
      <c r="FY4143" s="126"/>
      <c r="FZ4143" s="91"/>
      <c r="GA4143" s="91"/>
      <c r="GB4143" s="91"/>
      <c r="GC4143" s="91"/>
      <c r="GD4143" s="91"/>
      <c r="GE4143" s="91"/>
      <c r="GF4143" s="91"/>
      <c r="GG4143" s="91"/>
      <c r="GH4143" s="91"/>
      <c r="GI4143" s="91"/>
      <c r="GJ4143" s="91"/>
      <c r="GK4143" s="127"/>
      <c r="GL4143" s="126"/>
      <c r="GM4143" s="91"/>
      <c r="GN4143" s="91"/>
      <c r="GO4143" s="91"/>
      <c r="GP4143" s="91"/>
      <c r="GQ4143" s="91"/>
      <c r="GR4143" s="91"/>
      <c r="GS4143" s="91"/>
      <c r="GT4143" s="91"/>
      <c r="GU4143" s="91"/>
      <c r="GV4143" s="91"/>
      <c r="GW4143" s="91"/>
      <c r="GX4143" s="127"/>
      <c r="GY4143" s="126"/>
      <c r="GZ4143" s="91"/>
      <c r="HA4143" s="91"/>
      <c r="HB4143" s="91"/>
      <c r="HC4143" s="91"/>
      <c r="HD4143" s="91"/>
      <c r="HE4143" s="91"/>
      <c r="HF4143" s="91"/>
      <c r="HG4143" s="91"/>
      <c r="HH4143" s="91"/>
      <c r="HI4143" s="91"/>
      <c r="HJ4143" s="91"/>
      <c r="HK4143" s="127"/>
      <c r="HL4143" s="126"/>
      <c r="HM4143" s="91"/>
      <c r="HN4143" s="91"/>
      <c r="HO4143" s="91"/>
      <c r="HP4143" s="91"/>
      <c r="HQ4143" s="91"/>
      <c r="HR4143" s="91"/>
      <c r="HS4143" s="91"/>
      <c r="HT4143" s="91"/>
      <c r="HU4143" s="91"/>
      <c r="HV4143" s="91"/>
      <c r="HW4143" s="91"/>
      <c r="HX4143" s="127"/>
      <c r="HY4143" s="126"/>
      <c r="HZ4143" s="91"/>
      <c r="IA4143" s="91"/>
      <c r="IB4143" s="91"/>
      <c r="IC4143" s="91"/>
      <c r="ID4143" s="91"/>
      <c r="IE4143" s="91"/>
      <c r="IF4143" s="91"/>
      <c r="IG4143" s="91"/>
      <c r="IH4143" s="91"/>
      <c r="II4143" s="91"/>
      <c r="IJ4143" s="91"/>
      <c r="IK4143" s="174"/>
    </row>
    <row r="4144" spans="2:245" x14ac:dyDescent="0.2">
      <c r="B4144" s="43"/>
      <c r="C4144" s="73"/>
      <c r="D4144" s="64"/>
      <c r="E4144" s="64"/>
      <c r="F4144" s="55"/>
      <c r="G4144" s="102"/>
      <c r="H4144" s="97"/>
      <c r="T4144" s="98"/>
      <c r="U4144" s="97"/>
      <c r="AG4144" s="98"/>
      <c r="AY4144" s="164"/>
      <c r="BK4144" s="98"/>
      <c r="BL4144" s="97"/>
      <c r="BX4144" s="98"/>
      <c r="CL4144" s="97"/>
      <c r="CX4144" s="98"/>
      <c r="DL4144" s="97"/>
      <c r="DX4144" s="98"/>
      <c r="EL4144" s="97"/>
      <c r="EX4144" s="98"/>
      <c r="EY4144" s="97"/>
      <c r="FL4144" s="126"/>
      <c r="FM4144" s="91"/>
      <c r="FN4144" s="91"/>
      <c r="FO4144" s="91"/>
      <c r="FP4144" s="91"/>
      <c r="FQ4144" s="91"/>
      <c r="FR4144" s="91"/>
      <c r="FS4144" s="91"/>
      <c r="FT4144" s="91"/>
      <c r="FU4144" s="91"/>
      <c r="FV4144" s="91"/>
      <c r="FW4144" s="91"/>
      <c r="FX4144" s="127"/>
      <c r="FY4144" s="126"/>
      <c r="FZ4144" s="91"/>
      <c r="GA4144" s="91"/>
      <c r="GB4144" s="91"/>
      <c r="GC4144" s="91"/>
      <c r="GD4144" s="91"/>
      <c r="GE4144" s="91"/>
      <c r="GF4144" s="91"/>
      <c r="GG4144" s="91"/>
      <c r="GH4144" s="91"/>
      <c r="GI4144" s="91"/>
      <c r="GJ4144" s="91"/>
      <c r="GK4144" s="127"/>
      <c r="GL4144" s="126"/>
      <c r="GM4144" s="91"/>
      <c r="GN4144" s="91"/>
      <c r="GO4144" s="91"/>
      <c r="GP4144" s="91"/>
      <c r="GQ4144" s="91"/>
      <c r="GR4144" s="91"/>
      <c r="GS4144" s="91"/>
      <c r="GT4144" s="91"/>
      <c r="GU4144" s="91"/>
      <c r="GV4144" s="91"/>
      <c r="GW4144" s="91"/>
      <c r="GX4144" s="127"/>
      <c r="GY4144" s="126"/>
      <c r="GZ4144" s="91"/>
      <c r="HA4144" s="91"/>
      <c r="HB4144" s="91"/>
      <c r="HC4144" s="91"/>
      <c r="HD4144" s="91"/>
      <c r="HE4144" s="91"/>
      <c r="HF4144" s="91"/>
      <c r="HG4144" s="91"/>
      <c r="HH4144" s="91"/>
      <c r="HI4144" s="91"/>
      <c r="HJ4144" s="91"/>
      <c r="HK4144" s="127"/>
      <c r="HL4144" s="126"/>
      <c r="HM4144" s="91"/>
      <c r="HN4144" s="91"/>
      <c r="HO4144" s="91"/>
      <c r="HP4144" s="91"/>
      <c r="HQ4144" s="91"/>
      <c r="HR4144" s="91"/>
      <c r="HS4144" s="91"/>
      <c r="HT4144" s="91"/>
      <c r="HU4144" s="91"/>
      <c r="HV4144" s="91"/>
      <c r="HW4144" s="91"/>
      <c r="HX4144" s="127"/>
      <c r="HY4144" s="126"/>
      <c r="HZ4144" s="91"/>
      <c r="IA4144" s="91"/>
      <c r="IB4144" s="91"/>
      <c r="IC4144" s="91"/>
      <c r="ID4144" s="91"/>
      <c r="IE4144" s="91"/>
      <c r="IF4144" s="91"/>
      <c r="IG4144" s="91"/>
      <c r="IH4144" s="91"/>
      <c r="II4144" s="91"/>
      <c r="IJ4144" s="91"/>
      <c r="IK4144" s="174"/>
    </row>
    <row r="4145" spans="2:245" x14ac:dyDescent="0.2">
      <c r="B4145" s="43"/>
      <c r="C4145" s="73"/>
      <c r="D4145" s="64"/>
      <c r="E4145" s="64"/>
      <c r="F4145" s="55"/>
      <c r="G4145" s="102"/>
      <c r="H4145" s="97"/>
      <c r="T4145" s="98"/>
      <c r="U4145" s="97"/>
      <c r="AG4145" s="98"/>
      <c r="AY4145" s="164"/>
      <c r="BK4145" s="98"/>
      <c r="BL4145" s="97"/>
      <c r="BX4145" s="98"/>
      <c r="CL4145" s="97"/>
      <c r="CX4145" s="98"/>
      <c r="DL4145" s="97"/>
      <c r="DX4145" s="98"/>
      <c r="EL4145" s="97"/>
      <c r="EX4145" s="98"/>
      <c r="EY4145" s="97"/>
      <c r="FL4145" s="126"/>
      <c r="FM4145" s="91"/>
      <c r="FN4145" s="91"/>
      <c r="FO4145" s="91"/>
      <c r="FP4145" s="91"/>
      <c r="FQ4145" s="91"/>
      <c r="FR4145" s="91"/>
      <c r="FS4145" s="91"/>
      <c r="FT4145" s="91"/>
      <c r="FU4145" s="91"/>
      <c r="FV4145" s="91"/>
      <c r="FW4145" s="91"/>
      <c r="FX4145" s="127"/>
      <c r="FY4145" s="126"/>
      <c r="FZ4145" s="91"/>
      <c r="GA4145" s="91"/>
      <c r="GB4145" s="91"/>
      <c r="GC4145" s="91"/>
      <c r="GD4145" s="91"/>
      <c r="GE4145" s="91"/>
      <c r="GF4145" s="91"/>
      <c r="GG4145" s="91"/>
      <c r="GH4145" s="91"/>
      <c r="GI4145" s="91"/>
      <c r="GJ4145" s="91"/>
      <c r="GK4145" s="127"/>
      <c r="GL4145" s="126"/>
      <c r="GM4145" s="91"/>
      <c r="GN4145" s="91"/>
      <c r="GO4145" s="91"/>
      <c r="GP4145" s="91"/>
      <c r="GQ4145" s="91"/>
      <c r="GR4145" s="91"/>
      <c r="GS4145" s="91"/>
      <c r="GT4145" s="91"/>
      <c r="GU4145" s="91"/>
      <c r="GV4145" s="91"/>
      <c r="GW4145" s="91"/>
      <c r="GX4145" s="127"/>
      <c r="GY4145" s="126"/>
      <c r="GZ4145" s="91"/>
      <c r="HA4145" s="91"/>
      <c r="HB4145" s="91"/>
      <c r="HC4145" s="91"/>
      <c r="HD4145" s="91"/>
      <c r="HE4145" s="91"/>
      <c r="HF4145" s="91"/>
      <c r="HG4145" s="91"/>
      <c r="HH4145" s="91"/>
      <c r="HI4145" s="91"/>
      <c r="HJ4145" s="91"/>
      <c r="HK4145" s="127"/>
      <c r="HL4145" s="126"/>
      <c r="HM4145" s="91"/>
      <c r="HN4145" s="91"/>
      <c r="HO4145" s="91"/>
      <c r="HP4145" s="91"/>
      <c r="HQ4145" s="91"/>
      <c r="HR4145" s="91"/>
      <c r="HS4145" s="91"/>
      <c r="HT4145" s="91"/>
      <c r="HU4145" s="91"/>
      <c r="HV4145" s="91"/>
      <c r="HW4145" s="91"/>
      <c r="HX4145" s="127"/>
      <c r="HY4145" s="126"/>
      <c r="HZ4145" s="91"/>
      <c r="IA4145" s="91"/>
      <c r="IB4145" s="91"/>
      <c r="IC4145" s="91"/>
      <c r="ID4145" s="91"/>
      <c r="IE4145" s="91"/>
      <c r="IF4145" s="91"/>
      <c r="IG4145" s="91"/>
      <c r="IH4145" s="91"/>
      <c r="II4145" s="91"/>
      <c r="IJ4145" s="91"/>
      <c r="IK4145" s="174"/>
    </row>
    <row r="4146" spans="2:245" x14ac:dyDescent="0.2">
      <c r="B4146" s="43"/>
      <c r="C4146" s="73"/>
      <c r="D4146" s="64"/>
      <c r="E4146" s="64"/>
      <c r="F4146" s="55"/>
      <c r="G4146" s="102"/>
      <c r="H4146" s="97"/>
      <c r="T4146" s="98"/>
      <c r="U4146" s="97"/>
      <c r="AG4146" s="98"/>
      <c r="AY4146" s="164"/>
      <c r="BK4146" s="98"/>
      <c r="BL4146" s="97"/>
      <c r="BX4146" s="98"/>
      <c r="CL4146" s="97"/>
      <c r="CX4146" s="98"/>
      <c r="DL4146" s="97"/>
      <c r="DX4146" s="98"/>
      <c r="EL4146" s="97"/>
      <c r="EX4146" s="98"/>
      <c r="EY4146" s="97"/>
      <c r="FL4146" s="126"/>
      <c r="FM4146" s="91"/>
      <c r="FN4146" s="91"/>
      <c r="FO4146" s="91"/>
      <c r="FP4146" s="91"/>
      <c r="FQ4146" s="91"/>
      <c r="FR4146" s="91"/>
      <c r="FS4146" s="91"/>
      <c r="FT4146" s="91"/>
      <c r="FU4146" s="91"/>
      <c r="FV4146" s="91"/>
      <c r="FW4146" s="91"/>
      <c r="FX4146" s="127"/>
      <c r="FY4146" s="126"/>
      <c r="FZ4146" s="91"/>
      <c r="GA4146" s="91"/>
      <c r="GB4146" s="91"/>
      <c r="GC4146" s="91"/>
      <c r="GD4146" s="91"/>
      <c r="GE4146" s="91"/>
      <c r="GF4146" s="91"/>
      <c r="GG4146" s="91"/>
      <c r="GH4146" s="91"/>
      <c r="GI4146" s="91"/>
      <c r="GJ4146" s="91"/>
      <c r="GK4146" s="127"/>
      <c r="GL4146" s="126"/>
      <c r="GM4146" s="91"/>
      <c r="GN4146" s="91"/>
      <c r="GO4146" s="91"/>
      <c r="GP4146" s="91"/>
      <c r="GQ4146" s="91"/>
      <c r="GR4146" s="91"/>
      <c r="GS4146" s="91"/>
      <c r="GT4146" s="91"/>
      <c r="GU4146" s="91"/>
      <c r="GV4146" s="91"/>
      <c r="GW4146" s="91"/>
      <c r="GX4146" s="127"/>
      <c r="GY4146" s="126"/>
      <c r="GZ4146" s="91"/>
      <c r="HA4146" s="91"/>
      <c r="HB4146" s="91"/>
      <c r="HC4146" s="91"/>
      <c r="HD4146" s="91"/>
      <c r="HE4146" s="91"/>
      <c r="HF4146" s="91"/>
      <c r="HG4146" s="91"/>
      <c r="HH4146" s="91"/>
      <c r="HI4146" s="91"/>
      <c r="HJ4146" s="91"/>
      <c r="HK4146" s="127"/>
      <c r="HL4146" s="126"/>
      <c r="HM4146" s="91"/>
      <c r="HN4146" s="91"/>
      <c r="HO4146" s="91"/>
      <c r="HP4146" s="91"/>
      <c r="HQ4146" s="91"/>
      <c r="HR4146" s="91"/>
      <c r="HS4146" s="91"/>
      <c r="HT4146" s="91"/>
      <c r="HU4146" s="91"/>
      <c r="HV4146" s="91"/>
      <c r="HW4146" s="91"/>
      <c r="HX4146" s="127"/>
      <c r="HY4146" s="126"/>
      <c r="HZ4146" s="91"/>
      <c r="IA4146" s="91"/>
      <c r="IB4146" s="91"/>
      <c r="IC4146" s="91"/>
      <c r="ID4146" s="91"/>
      <c r="IE4146" s="91"/>
      <c r="IF4146" s="91"/>
      <c r="IG4146" s="91"/>
      <c r="IH4146" s="91"/>
      <c r="II4146" s="91"/>
      <c r="IJ4146" s="91"/>
      <c r="IK4146" s="174"/>
    </row>
    <row r="4147" spans="2:245" x14ac:dyDescent="0.2">
      <c r="B4147" s="43"/>
      <c r="C4147" s="73"/>
      <c r="D4147" s="64"/>
      <c r="E4147" s="64"/>
      <c r="F4147" s="55"/>
      <c r="G4147" s="102"/>
      <c r="H4147" s="97"/>
      <c r="T4147" s="98"/>
      <c r="U4147" s="97"/>
      <c r="AG4147" s="98"/>
      <c r="AY4147" s="164"/>
      <c r="BK4147" s="98"/>
      <c r="BL4147" s="97"/>
      <c r="BX4147" s="98"/>
      <c r="CL4147" s="97"/>
      <c r="CX4147" s="98"/>
      <c r="DL4147" s="97"/>
      <c r="DX4147" s="98"/>
      <c r="EL4147" s="97"/>
      <c r="EX4147" s="98"/>
      <c r="EY4147" s="97"/>
      <c r="FL4147" s="126"/>
      <c r="FM4147" s="91"/>
      <c r="FN4147" s="91"/>
      <c r="FO4147" s="91"/>
      <c r="FP4147" s="91"/>
      <c r="FQ4147" s="91"/>
      <c r="FR4147" s="91"/>
      <c r="FS4147" s="91"/>
      <c r="FT4147" s="91"/>
      <c r="FU4147" s="91"/>
      <c r="FV4147" s="91"/>
      <c r="FW4147" s="91"/>
      <c r="FX4147" s="127"/>
      <c r="FY4147" s="126"/>
      <c r="FZ4147" s="91"/>
      <c r="GA4147" s="91"/>
      <c r="GB4147" s="91"/>
      <c r="GC4147" s="91"/>
      <c r="GD4147" s="91"/>
      <c r="GE4147" s="91"/>
      <c r="GF4147" s="91"/>
      <c r="GG4147" s="91"/>
      <c r="GH4147" s="91"/>
      <c r="GI4147" s="91"/>
      <c r="GJ4147" s="91"/>
      <c r="GK4147" s="127"/>
      <c r="GL4147" s="126"/>
      <c r="GM4147" s="91"/>
      <c r="GN4147" s="91"/>
      <c r="GO4147" s="91"/>
      <c r="GP4147" s="91"/>
      <c r="GQ4147" s="91"/>
      <c r="GR4147" s="91"/>
      <c r="GS4147" s="91"/>
      <c r="GT4147" s="91"/>
      <c r="GU4147" s="91"/>
      <c r="GV4147" s="91"/>
      <c r="GW4147" s="91"/>
      <c r="GX4147" s="127"/>
      <c r="GY4147" s="126"/>
      <c r="GZ4147" s="91"/>
      <c r="HA4147" s="91"/>
      <c r="HB4147" s="91"/>
      <c r="HC4147" s="91"/>
      <c r="HD4147" s="91"/>
      <c r="HE4147" s="91"/>
      <c r="HF4147" s="91"/>
      <c r="HG4147" s="91"/>
      <c r="HH4147" s="91"/>
      <c r="HI4147" s="91"/>
      <c r="HJ4147" s="91"/>
      <c r="HK4147" s="127"/>
      <c r="HL4147" s="126"/>
      <c r="HM4147" s="91"/>
      <c r="HN4147" s="91"/>
      <c r="HO4147" s="91"/>
      <c r="HP4147" s="91"/>
      <c r="HQ4147" s="91"/>
      <c r="HR4147" s="91"/>
      <c r="HS4147" s="91"/>
      <c r="HT4147" s="91"/>
      <c r="HU4147" s="91"/>
      <c r="HV4147" s="91"/>
      <c r="HW4147" s="91"/>
      <c r="HX4147" s="127"/>
      <c r="HY4147" s="126"/>
      <c r="HZ4147" s="91"/>
      <c r="IA4147" s="91"/>
      <c r="IB4147" s="91"/>
      <c r="IC4147" s="91"/>
      <c r="ID4147" s="91"/>
      <c r="IE4147" s="91"/>
      <c r="IF4147" s="91"/>
      <c r="IG4147" s="91"/>
      <c r="IH4147" s="91"/>
      <c r="II4147" s="91"/>
      <c r="IJ4147" s="91"/>
      <c r="IK4147" s="174"/>
    </row>
    <row r="4148" spans="2:245" x14ac:dyDescent="0.2">
      <c r="B4148" s="43"/>
      <c r="C4148" s="73"/>
      <c r="D4148" s="64"/>
      <c r="E4148" s="64"/>
      <c r="F4148" s="55"/>
      <c r="G4148" s="102"/>
      <c r="H4148" s="97"/>
      <c r="T4148" s="98"/>
      <c r="U4148" s="97"/>
      <c r="AG4148" s="98"/>
      <c r="AY4148" s="164"/>
      <c r="BK4148" s="98"/>
      <c r="BL4148" s="97"/>
      <c r="BX4148" s="98"/>
      <c r="CL4148" s="97"/>
      <c r="CX4148" s="98"/>
      <c r="DL4148" s="97"/>
      <c r="DX4148" s="98"/>
      <c r="EL4148" s="97"/>
      <c r="EX4148" s="98"/>
      <c r="EY4148" s="97"/>
      <c r="FL4148" s="126"/>
      <c r="FM4148" s="91"/>
      <c r="FN4148" s="91"/>
      <c r="FO4148" s="91"/>
      <c r="FP4148" s="91"/>
      <c r="FQ4148" s="91"/>
      <c r="FR4148" s="91"/>
      <c r="FS4148" s="91"/>
      <c r="FT4148" s="91"/>
      <c r="FU4148" s="91"/>
      <c r="FV4148" s="91"/>
      <c r="FW4148" s="91"/>
      <c r="FX4148" s="127"/>
      <c r="FY4148" s="126"/>
      <c r="FZ4148" s="91"/>
      <c r="GA4148" s="91"/>
      <c r="GB4148" s="91"/>
      <c r="GC4148" s="91"/>
      <c r="GD4148" s="91"/>
      <c r="GE4148" s="91"/>
      <c r="GF4148" s="91"/>
      <c r="GG4148" s="91"/>
      <c r="GH4148" s="91"/>
      <c r="GI4148" s="91"/>
      <c r="GJ4148" s="91"/>
      <c r="GK4148" s="127"/>
      <c r="GL4148" s="126"/>
      <c r="GM4148" s="91"/>
      <c r="GN4148" s="91"/>
      <c r="GO4148" s="91"/>
      <c r="GP4148" s="91"/>
      <c r="GQ4148" s="91"/>
      <c r="GR4148" s="91"/>
      <c r="GS4148" s="91"/>
      <c r="GT4148" s="91"/>
      <c r="GU4148" s="91"/>
      <c r="GV4148" s="91"/>
      <c r="GW4148" s="91"/>
      <c r="GX4148" s="127"/>
      <c r="GY4148" s="126"/>
      <c r="GZ4148" s="91"/>
      <c r="HA4148" s="91"/>
      <c r="HB4148" s="91"/>
      <c r="HC4148" s="91"/>
      <c r="HD4148" s="91"/>
      <c r="HE4148" s="91"/>
      <c r="HF4148" s="91"/>
      <c r="HG4148" s="91"/>
      <c r="HH4148" s="91"/>
      <c r="HI4148" s="91"/>
      <c r="HJ4148" s="91"/>
      <c r="HK4148" s="127"/>
      <c r="HL4148" s="126"/>
      <c r="HM4148" s="91"/>
      <c r="HN4148" s="91"/>
      <c r="HO4148" s="91"/>
      <c r="HP4148" s="91"/>
      <c r="HQ4148" s="91"/>
      <c r="HR4148" s="91"/>
      <c r="HS4148" s="91"/>
      <c r="HT4148" s="91"/>
      <c r="HU4148" s="91"/>
      <c r="HV4148" s="91"/>
      <c r="HW4148" s="91"/>
      <c r="HX4148" s="127"/>
      <c r="HY4148" s="126"/>
      <c r="HZ4148" s="91"/>
      <c r="IA4148" s="91"/>
      <c r="IB4148" s="91"/>
      <c r="IC4148" s="91"/>
      <c r="ID4148" s="91"/>
      <c r="IE4148" s="91"/>
      <c r="IF4148" s="91"/>
      <c r="IG4148" s="91"/>
      <c r="IH4148" s="91"/>
      <c r="II4148" s="91"/>
      <c r="IJ4148" s="91"/>
      <c r="IK4148" s="174"/>
    </row>
    <row r="4149" spans="2:245" x14ac:dyDescent="0.2">
      <c r="B4149" s="43"/>
      <c r="C4149" s="73"/>
      <c r="D4149" s="64"/>
      <c r="E4149" s="64"/>
      <c r="F4149" s="55"/>
      <c r="G4149" s="102"/>
      <c r="H4149" s="97"/>
      <c r="T4149" s="98"/>
      <c r="U4149" s="97"/>
      <c r="AG4149" s="98"/>
      <c r="AY4149" s="164"/>
      <c r="BK4149" s="98"/>
      <c r="BL4149" s="97"/>
      <c r="BX4149" s="98"/>
      <c r="CL4149" s="97"/>
      <c r="CX4149" s="98"/>
      <c r="DL4149" s="97"/>
      <c r="DX4149" s="98"/>
      <c r="EL4149" s="97"/>
      <c r="EX4149" s="98"/>
      <c r="EY4149" s="97"/>
      <c r="FL4149" s="126"/>
      <c r="FM4149" s="91"/>
      <c r="FN4149" s="91"/>
      <c r="FO4149" s="91"/>
      <c r="FP4149" s="91"/>
      <c r="FQ4149" s="91"/>
      <c r="FR4149" s="91"/>
      <c r="FS4149" s="91"/>
      <c r="FT4149" s="91"/>
      <c r="FU4149" s="91"/>
      <c r="FV4149" s="91"/>
      <c r="FW4149" s="91"/>
      <c r="FX4149" s="127"/>
      <c r="FY4149" s="126"/>
      <c r="FZ4149" s="91"/>
      <c r="GA4149" s="91"/>
      <c r="GB4149" s="91"/>
      <c r="GC4149" s="91"/>
      <c r="GD4149" s="91"/>
      <c r="GE4149" s="91"/>
      <c r="GF4149" s="91"/>
      <c r="GG4149" s="91"/>
      <c r="GH4149" s="91"/>
      <c r="GI4149" s="91"/>
      <c r="GJ4149" s="91"/>
      <c r="GK4149" s="127"/>
      <c r="GL4149" s="126"/>
      <c r="GM4149" s="91"/>
      <c r="GN4149" s="91"/>
      <c r="GO4149" s="91"/>
      <c r="GP4149" s="91"/>
      <c r="GQ4149" s="91"/>
      <c r="GR4149" s="91"/>
      <c r="GS4149" s="91"/>
      <c r="GT4149" s="91"/>
      <c r="GU4149" s="91"/>
      <c r="GV4149" s="91"/>
      <c r="GW4149" s="91"/>
      <c r="GX4149" s="127"/>
      <c r="GY4149" s="126"/>
      <c r="GZ4149" s="91"/>
      <c r="HA4149" s="91"/>
      <c r="HB4149" s="91"/>
      <c r="HC4149" s="91"/>
      <c r="HD4149" s="91"/>
      <c r="HE4149" s="91"/>
      <c r="HF4149" s="91"/>
      <c r="HG4149" s="91"/>
      <c r="HH4149" s="91"/>
      <c r="HI4149" s="91"/>
      <c r="HJ4149" s="91"/>
      <c r="HK4149" s="127"/>
      <c r="HL4149" s="126"/>
      <c r="HM4149" s="91"/>
      <c r="HN4149" s="91"/>
      <c r="HO4149" s="91"/>
      <c r="HP4149" s="91"/>
      <c r="HQ4149" s="91"/>
      <c r="HR4149" s="91"/>
      <c r="HS4149" s="91"/>
      <c r="HT4149" s="91"/>
      <c r="HU4149" s="91"/>
      <c r="HV4149" s="91"/>
      <c r="HW4149" s="91"/>
      <c r="HX4149" s="127"/>
      <c r="HY4149" s="126"/>
      <c r="HZ4149" s="91"/>
      <c r="IA4149" s="91"/>
      <c r="IB4149" s="91"/>
      <c r="IC4149" s="91"/>
      <c r="ID4149" s="91"/>
      <c r="IE4149" s="91"/>
      <c r="IF4149" s="91"/>
      <c r="IG4149" s="91"/>
      <c r="IH4149" s="91"/>
      <c r="II4149" s="91"/>
      <c r="IJ4149" s="91"/>
      <c r="IK4149" s="174"/>
    </row>
    <row r="4150" spans="2:245" x14ac:dyDescent="0.2">
      <c r="B4150" s="43"/>
      <c r="C4150" s="73"/>
      <c r="D4150" s="64"/>
      <c r="E4150" s="64"/>
      <c r="F4150" s="55"/>
      <c r="G4150" s="102"/>
      <c r="H4150" s="97"/>
      <c r="T4150" s="98"/>
      <c r="U4150" s="97"/>
      <c r="AG4150" s="98"/>
      <c r="AY4150" s="164"/>
      <c r="BK4150" s="98"/>
      <c r="BL4150" s="97"/>
      <c r="BX4150" s="98"/>
      <c r="CL4150" s="97"/>
      <c r="CX4150" s="98"/>
      <c r="DL4150" s="97"/>
      <c r="DX4150" s="98"/>
      <c r="EL4150" s="97"/>
      <c r="EX4150" s="98"/>
      <c r="EY4150" s="97"/>
      <c r="FL4150" s="126"/>
      <c r="FM4150" s="91"/>
      <c r="FN4150" s="91"/>
      <c r="FO4150" s="91"/>
      <c r="FP4150" s="91"/>
      <c r="FQ4150" s="91"/>
      <c r="FR4150" s="91"/>
      <c r="FS4150" s="91"/>
      <c r="FT4150" s="91"/>
      <c r="FU4150" s="91"/>
      <c r="FV4150" s="91"/>
      <c r="FW4150" s="91"/>
      <c r="FX4150" s="127"/>
      <c r="FY4150" s="126"/>
      <c r="FZ4150" s="91"/>
      <c r="GA4150" s="91"/>
      <c r="GB4150" s="91"/>
      <c r="GC4150" s="91"/>
      <c r="GD4150" s="91"/>
      <c r="GE4150" s="91"/>
      <c r="GF4150" s="91"/>
      <c r="GG4150" s="91"/>
      <c r="GH4150" s="91"/>
      <c r="GI4150" s="91"/>
      <c r="GJ4150" s="91"/>
      <c r="GK4150" s="127"/>
      <c r="GL4150" s="126"/>
      <c r="GM4150" s="91"/>
      <c r="GN4150" s="91"/>
      <c r="GO4150" s="91"/>
      <c r="GP4150" s="91"/>
      <c r="GQ4150" s="91"/>
      <c r="GR4150" s="91"/>
      <c r="GS4150" s="91"/>
      <c r="GT4150" s="91"/>
      <c r="GU4150" s="91"/>
      <c r="GV4150" s="91"/>
      <c r="GW4150" s="91"/>
      <c r="GX4150" s="127"/>
      <c r="GY4150" s="126"/>
      <c r="GZ4150" s="91"/>
      <c r="HA4150" s="91"/>
      <c r="HB4150" s="91"/>
      <c r="HC4150" s="91"/>
      <c r="HD4150" s="91"/>
      <c r="HE4150" s="91"/>
      <c r="HF4150" s="91"/>
      <c r="HG4150" s="91"/>
      <c r="HH4150" s="91"/>
      <c r="HI4150" s="91"/>
      <c r="HJ4150" s="91"/>
      <c r="HK4150" s="127"/>
      <c r="HL4150" s="126"/>
      <c r="HM4150" s="91"/>
      <c r="HN4150" s="91"/>
      <c r="HO4150" s="91"/>
      <c r="HP4150" s="91"/>
      <c r="HQ4150" s="91"/>
      <c r="HR4150" s="91"/>
      <c r="HS4150" s="91"/>
      <c r="HT4150" s="91"/>
      <c r="HU4150" s="91"/>
      <c r="HV4150" s="91"/>
      <c r="HW4150" s="91"/>
      <c r="HX4150" s="127"/>
      <c r="HY4150" s="126"/>
      <c r="HZ4150" s="91"/>
      <c r="IA4150" s="91"/>
      <c r="IB4150" s="91"/>
      <c r="IC4150" s="91"/>
      <c r="ID4150" s="91"/>
      <c r="IE4150" s="91"/>
      <c r="IF4150" s="91"/>
      <c r="IG4150" s="91"/>
      <c r="IH4150" s="91"/>
      <c r="II4150" s="91"/>
      <c r="IJ4150" s="91"/>
      <c r="IK4150" s="174"/>
    </row>
    <row r="4151" spans="2:245" x14ac:dyDescent="0.2">
      <c r="B4151" s="43"/>
      <c r="C4151" s="73"/>
      <c r="D4151" s="64"/>
      <c r="E4151" s="64"/>
      <c r="F4151" s="55"/>
      <c r="G4151" s="102"/>
      <c r="H4151" s="97"/>
      <c r="T4151" s="98"/>
      <c r="U4151" s="97"/>
      <c r="AG4151" s="98"/>
      <c r="AY4151" s="164"/>
      <c r="BK4151" s="98"/>
      <c r="BL4151" s="97"/>
      <c r="BX4151" s="98"/>
      <c r="CL4151" s="97"/>
      <c r="CX4151" s="98"/>
      <c r="DL4151" s="97"/>
      <c r="DX4151" s="98"/>
      <c r="EL4151" s="97"/>
      <c r="EX4151" s="98"/>
      <c r="EY4151" s="97"/>
      <c r="FL4151" s="126"/>
      <c r="FM4151" s="91"/>
      <c r="FN4151" s="91"/>
      <c r="FO4151" s="91"/>
      <c r="FP4151" s="91"/>
      <c r="FQ4151" s="91"/>
      <c r="FR4151" s="91"/>
      <c r="FS4151" s="91"/>
      <c r="FT4151" s="91"/>
      <c r="FU4151" s="91"/>
      <c r="FV4151" s="91"/>
      <c r="FW4151" s="91"/>
      <c r="FX4151" s="127"/>
      <c r="FY4151" s="126"/>
      <c r="FZ4151" s="91"/>
      <c r="GA4151" s="91"/>
      <c r="GB4151" s="91"/>
      <c r="GC4151" s="91"/>
      <c r="GD4151" s="91"/>
      <c r="GE4151" s="91"/>
      <c r="GF4151" s="91"/>
      <c r="GG4151" s="91"/>
      <c r="GH4151" s="91"/>
      <c r="GI4151" s="91"/>
      <c r="GJ4151" s="91"/>
      <c r="GK4151" s="127"/>
      <c r="GL4151" s="126"/>
      <c r="GM4151" s="91"/>
      <c r="GN4151" s="91"/>
      <c r="GO4151" s="91"/>
      <c r="GP4151" s="91"/>
      <c r="GQ4151" s="91"/>
      <c r="GR4151" s="91"/>
      <c r="GS4151" s="91"/>
      <c r="GT4151" s="91"/>
      <c r="GU4151" s="91"/>
      <c r="GV4151" s="91"/>
      <c r="GW4151" s="91"/>
      <c r="GX4151" s="127"/>
      <c r="GY4151" s="126"/>
      <c r="GZ4151" s="91"/>
      <c r="HA4151" s="91"/>
      <c r="HB4151" s="91"/>
      <c r="HC4151" s="91"/>
      <c r="HD4151" s="91"/>
      <c r="HE4151" s="91"/>
      <c r="HF4151" s="91"/>
      <c r="HG4151" s="91"/>
      <c r="HH4151" s="91"/>
      <c r="HI4151" s="91"/>
      <c r="HJ4151" s="91"/>
      <c r="HK4151" s="127"/>
      <c r="HL4151" s="126"/>
      <c r="HM4151" s="91"/>
      <c r="HN4151" s="91"/>
      <c r="HO4151" s="91"/>
      <c r="HP4151" s="91"/>
      <c r="HQ4151" s="91"/>
      <c r="HR4151" s="91"/>
      <c r="HS4151" s="91"/>
      <c r="HT4151" s="91"/>
      <c r="HU4151" s="91"/>
      <c r="HV4151" s="91"/>
      <c r="HW4151" s="91"/>
      <c r="HX4151" s="127"/>
      <c r="HY4151" s="126"/>
      <c r="HZ4151" s="91"/>
      <c r="IA4151" s="91"/>
      <c r="IB4151" s="91"/>
      <c r="IC4151" s="91"/>
      <c r="ID4151" s="91"/>
      <c r="IE4151" s="91"/>
      <c r="IF4151" s="91"/>
      <c r="IG4151" s="91"/>
      <c r="IH4151" s="91"/>
      <c r="II4151" s="91"/>
      <c r="IJ4151" s="91"/>
      <c r="IK4151" s="174"/>
    </row>
    <row r="4152" spans="2:245" x14ac:dyDescent="0.2">
      <c r="B4152" s="43"/>
      <c r="C4152" s="73"/>
      <c r="D4152" s="64"/>
      <c r="E4152" s="64"/>
      <c r="F4152" s="55"/>
      <c r="G4152" s="102"/>
      <c r="H4152" s="97"/>
      <c r="T4152" s="98"/>
      <c r="U4152" s="97"/>
      <c r="AG4152" s="98"/>
      <c r="AY4152" s="164"/>
      <c r="BK4152" s="98"/>
      <c r="BL4152" s="97"/>
      <c r="BX4152" s="98"/>
      <c r="CL4152" s="97"/>
      <c r="CX4152" s="98"/>
      <c r="DL4152" s="97"/>
      <c r="DX4152" s="98"/>
      <c r="EL4152" s="97"/>
      <c r="EX4152" s="98"/>
      <c r="EY4152" s="97"/>
      <c r="FL4152" s="126"/>
      <c r="FM4152" s="91"/>
      <c r="FN4152" s="91"/>
      <c r="FO4152" s="91"/>
      <c r="FP4152" s="91"/>
      <c r="FQ4152" s="91"/>
      <c r="FR4152" s="91"/>
      <c r="FS4152" s="91"/>
      <c r="FT4152" s="91"/>
      <c r="FU4152" s="91"/>
      <c r="FV4152" s="91"/>
      <c r="FW4152" s="91"/>
      <c r="FX4152" s="127"/>
      <c r="FY4152" s="126"/>
      <c r="FZ4152" s="91"/>
      <c r="GA4152" s="91"/>
      <c r="GB4152" s="91"/>
      <c r="GC4152" s="91"/>
      <c r="GD4152" s="91"/>
      <c r="GE4152" s="91"/>
      <c r="GF4152" s="91"/>
      <c r="GG4152" s="91"/>
      <c r="GH4152" s="91"/>
      <c r="GI4152" s="91"/>
      <c r="GJ4152" s="91"/>
      <c r="GK4152" s="127"/>
      <c r="GL4152" s="126"/>
      <c r="GM4152" s="91"/>
      <c r="GN4152" s="91"/>
      <c r="GO4152" s="91"/>
      <c r="GP4152" s="91"/>
      <c r="GQ4152" s="91"/>
      <c r="GR4152" s="91"/>
      <c r="GS4152" s="91"/>
      <c r="GT4152" s="91"/>
      <c r="GU4152" s="91"/>
      <c r="GV4152" s="91"/>
      <c r="GW4152" s="91"/>
      <c r="GX4152" s="127"/>
      <c r="GY4152" s="126"/>
      <c r="GZ4152" s="91"/>
      <c r="HA4152" s="91"/>
      <c r="HB4152" s="91"/>
      <c r="HC4152" s="91"/>
      <c r="HD4152" s="91"/>
      <c r="HE4152" s="91"/>
      <c r="HF4152" s="91"/>
      <c r="HG4152" s="91"/>
      <c r="HH4152" s="91"/>
      <c r="HI4152" s="91"/>
      <c r="HJ4152" s="91"/>
      <c r="HK4152" s="127"/>
      <c r="HL4152" s="126"/>
      <c r="HM4152" s="91"/>
      <c r="HN4152" s="91"/>
      <c r="HO4152" s="91"/>
      <c r="HP4152" s="91"/>
      <c r="HQ4152" s="91"/>
      <c r="HR4152" s="91"/>
      <c r="HS4152" s="91"/>
      <c r="HT4152" s="91"/>
      <c r="HU4152" s="91"/>
      <c r="HV4152" s="91"/>
      <c r="HW4152" s="91"/>
      <c r="HX4152" s="127"/>
      <c r="HY4152" s="126"/>
      <c r="HZ4152" s="91"/>
      <c r="IA4152" s="91"/>
      <c r="IB4152" s="91"/>
      <c r="IC4152" s="91"/>
      <c r="ID4152" s="91"/>
      <c r="IE4152" s="91"/>
      <c r="IF4152" s="91"/>
      <c r="IG4152" s="91"/>
      <c r="IH4152" s="91"/>
      <c r="II4152" s="91"/>
      <c r="IJ4152" s="91"/>
      <c r="IK4152" s="174"/>
    </row>
    <row r="4153" spans="2:245" x14ac:dyDescent="0.2">
      <c r="B4153" s="43"/>
      <c r="C4153" s="73"/>
      <c r="D4153" s="64"/>
      <c r="E4153" s="64"/>
      <c r="F4153" s="55"/>
      <c r="G4153" s="102"/>
      <c r="H4153" s="97"/>
      <c r="T4153" s="98"/>
      <c r="U4153" s="97"/>
      <c r="AG4153" s="98"/>
      <c r="AY4153" s="164"/>
      <c r="BK4153" s="98"/>
      <c r="BL4153" s="97"/>
      <c r="BX4153" s="98"/>
      <c r="CL4153" s="97"/>
      <c r="CX4153" s="98"/>
      <c r="DL4153" s="97"/>
      <c r="DX4153" s="98"/>
      <c r="EL4153" s="97"/>
      <c r="EX4153" s="98"/>
      <c r="EY4153" s="97"/>
      <c r="FL4153" s="126"/>
      <c r="FM4153" s="91"/>
      <c r="FN4153" s="91"/>
      <c r="FO4153" s="91"/>
      <c r="FP4153" s="91"/>
      <c r="FQ4153" s="91"/>
      <c r="FR4153" s="91"/>
      <c r="FS4153" s="91"/>
      <c r="FT4153" s="91"/>
      <c r="FU4153" s="91"/>
      <c r="FV4153" s="91"/>
      <c r="FW4153" s="91"/>
      <c r="FX4153" s="127"/>
      <c r="FY4153" s="126"/>
      <c r="FZ4153" s="91"/>
      <c r="GA4153" s="91"/>
      <c r="GB4153" s="91"/>
      <c r="GC4153" s="91"/>
      <c r="GD4153" s="91"/>
      <c r="GE4153" s="91"/>
      <c r="GF4153" s="91"/>
      <c r="GG4153" s="91"/>
      <c r="GH4153" s="91"/>
      <c r="GI4153" s="91"/>
      <c r="GJ4153" s="91"/>
      <c r="GK4153" s="127"/>
      <c r="GL4153" s="126"/>
      <c r="GM4153" s="91"/>
      <c r="GN4153" s="91"/>
      <c r="GO4153" s="91"/>
      <c r="GP4153" s="91"/>
      <c r="GQ4153" s="91"/>
      <c r="GR4153" s="91"/>
      <c r="GS4153" s="91"/>
      <c r="GT4153" s="91"/>
      <c r="GU4153" s="91"/>
      <c r="GV4153" s="91"/>
      <c r="GW4153" s="91"/>
      <c r="GX4153" s="127"/>
      <c r="GY4153" s="126"/>
      <c r="GZ4153" s="91"/>
      <c r="HA4153" s="91"/>
      <c r="HB4153" s="91"/>
      <c r="HC4153" s="91"/>
      <c r="HD4153" s="91"/>
      <c r="HE4153" s="91"/>
      <c r="HF4153" s="91"/>
      <c r="HG4153" s="91"/>
      <c r="HH4153" s="91"/>
      <c r="HI4153" s="91"/>
      <c r="HJ4153" s="91"/>
      <c r="HK4153" s="127"/>
      <c r="HL4153" s="126"/>
      <c r="HM4153" s="91"/>
      <c r="HN4153" s="91"/>
      <c r="HO4153" s="91"/>
      <c r="HP4153" s="91"/>
      <c r="HQ4153" s="91"/>
      <c r="HR4153" s="91"/>
      <c r="HS4153" s="91"/>
      <c r="HT4153" s="91"/>
      <c r="HU4153" s="91"/>
      <c r="HV4153" s="91"/>
      <c r="HW4153" s="91"/>
      <c r="HX4153" s="127"/>
      <c r="HY4153" s="126"/>
      <c r="HZ4153" s="91"/>
      <c r="IA4153" s="91"/>
      <c r="IB4153" s="91"/>
      <c r="IC4153" s="91"/>
      <c r="ID4153" s="91"/>
      <c r="IE4153" s="91"/>
      <c r="IF4153" s="91"/>
      <c r="IG4153" s="91"/>
      <c r="IH4153" s="91"/>
      <c r="II4153" s="91"/>
      <c r="IJ4153" s="91"/>
      <c r="IK4153" s="174"/>
    </row>
    <row r="4154" spans="2:245" x14ac:dyDescent="0.2">
      <c r="B4154" s="43"/>
      <c r="C4154" s="73"/>
      <c r="D4154" s="64"/>
      <c r="E4154" s="64"/>
      <c r="F4154" s="55"/>
      <c r="G4154" s="102"/>
      <c r="H4154" s="97"/>
      <c r="T4154" s="98"/>
      <c r="U4154" s="97"/>
      <c r="AG4154" s="98"/>
      <c r="AY4154" s="164"/>
      <c r="BK4154" s="98"/>
      <c r="BL4154" s="97"/>
      <c r="BX4154" s="98"/>
      <c r="CL4154" s="97"/>
      <c r="CX4154" s="98"/>
      <c r="DL4154" s="97"/>
      <c r="DX4154" s="98"/>
      <c r="EL4154" s="97"/>
      <c r="EX4154" s="98"/>
      <c r="EY4154" s="97"/>
      <c r="FL4154" s="126"/>
      <c r="FM4154" s="91"/>
      <c r="FN4154" s="91"/>
      <c r="FO4154" s="91"/>
      <c r="FP4154" s="91"/>
      <c r="FQ4154" s="91"/>
      <c r="FR4154" s="91"/>
      <c r="FS4154" s="91"/>
      <c r="FT4154" s="91"/>
      <c r="FU4154" s="91"/>
      <c r="FV4154" s="91"/>
      <c r="FW4154" s="91"/>
      <c r="FX4154" s="127"/>
      <c r="FY4154" s="126"/>
      <c r="FZ4154" s="91"/>
      <c r="GA4154" s="91"/>
      <c r="GB4154" s="91"/>
      <c r="GC4154" s="91"/>
      <c r="GD4154" s="91"/>
      <c r="GE4154" s="91"/>
      <c r="GF4154" s="91"/>
      <c r="GG4154" s="91"/>
      <c r="GH4154" s="91"/>
      <c r="GI4154" s="91"/>
      <c r="GJ4154" s="91"/>
      <c r="GK4154" s="127"/>
      <c r="GL4154" s="126"/>
      <c r="GM4154" s="91"/>
      <c r="GN4154" s="91"/>
      <c r="GO4154" s="91"/>
      <c r="GP4154" s="91"/>
      <c r="GQ4154" s="91"/>
      <c r="GR4154" s="91"/>
      <c r="GS4154" s="91"/>
      <c r="GT4154" s="91"/>
      <c r="GU4154" s="91"/>
      <c r="GV4154" s="91"/>
      <c r="GW4154" s="91"/>
      <c r="GX4154" s="127"/>
      <c r="GY4154" s="126"/>
      <c r="GZ4154" s="91"/>
      <c r="HA4154" s="91"/>
      <c r="HB4154" s="91"/>
      <c r="HC4154" s="91"/>
      <c r="HD4154" s="91"/>
      <c r="HE4154" s="91"/>
      <c r="HF4154" s="91"/>
      <c r="HG4154" s="91"/>
      <c r="HH4154" s="91"/>
      <c r="HI4154" s="91"/>
      <c r="HJ4154" s="91"/>
      <c r="HK4154" s="127"/>
      <c r="HL4154" s="126"/>
      <c r="HM4154" s="91"/>
      <c r="HN4154" s="91"/>
      <c r="HO4154" s="91"/>
      <c r="HP4154" s="91"/>
      <c r="HQ4154" s="91"/>
      <c r="HR4154" s="91"/>
      <c r="HS4154" s="91"/>
      <c r="HT4154" s="91"/>
      <c r="HU4154" s="91"/>
      <c r="HV4154" s="91"/>
      <c r="HW4154" s="91"/>
      <c r="HX4154" s="127"/>
      <c r="HY4154" s="126"/>
      <c r="HZ4154" s="91"/>
      <c r="IA4154" s="91"/>
      <c r="IB4154" s="91"/>
      <c r="IC4154" s="91"/>
      <c r="ID4154" s="91"/>
      <c r="IE4154" s="91"/>
      <c r="IF4154" s="91"/>
      <c r="IG4154" s="91"/>
      <c r="IH4154" s="91"/>
      <c r="II4154" s="91"/>
      <c r="IJ4154" s="91"/>
      <c r="IK4154" s="174"/>
    </row>
    <row r="4155" spans="2:245" x14ac:dyDescent="0.2">
      <c r="B4155" s="43"/>
      <c r="C4155" s="73"/>
      <c r="D4155" s="64"/>
      <c r="E4155" s="64"/>
      <c r="F4155" s="55"/>
      <c r="G4155" s="102"/>
      <c r="H4155" s="97"/>
      <c r="T4155" s="98"/>
      <c r="U4155" s="97"/>
      <c r="AG4155" s="98"/>
      <c r="AY4155" s="164"/>
      <c r="BK4155" s="98"/>
      <c r="BL4155" s="97"/>
      <c r="BX4155" s="98"/>
      <c r="CL4155" s="97"/>
      <c r="CX4155" s="98"/>
      <c r="DL4155" s="97"/>
      <c r="DX4155" s="98"/>
      <c r="EL4155" s="97"/>
      <c r="EX4155" s="98"/>
      <c r="EY4155" s="97"/>
      <c r="FL4155" s="126"/>
      <c r="FM4155" s="91"/>
      <c r="FN4155" s="91"/>
      <c r="FO4155" s="91"/>
      <c r="FP4155" s="91"/>
      <c r="FQ4155" s="91"/>
      <c r="FR4155" s="91"/>
      <c r="FS4155" s="91"/>
      <c r="FT4155" s="91"/>
      <c r="FU4155" s="91"/>
      <c r="FV4155" s="91"/>
      <c r="FW4155" s="91"/>
      <c r="FX4155" s="127"/>
      <c r="FY4155" s="126"/>
      <c r="FZ4155" s="91"/>
      <c r="GA4155" s="91"/>
      <c r="GB4155" s="91"/>
      <c r="GC4155" s="91"/>
      <c r="GD4155" s="91"/>
      <c r="GE4155" s="91"/>
      <c r="GF4155" s="91"/>
      <c r="GG4155" s="91"/>
      <c r="GH4155" s="91"/>
      <c r="GI4155" s="91"/>
      <c r="GJ4155" s="91"/>
      <c r="GK4155" s="127"/>
      <c r="GL4155" s="126"/>
      <c r="GM4155" s="91"/>
      <c r="GN4155" s="91"/>
      <c r="GO4155" s="91"/>
      <c r="GP4155" s="91"/>
      <c r="GQ4155" s="91"/>
      <c r="GR4155" s="91"/>
      <c r="GS4155" s="91"/>
      <c r="GT4155" s="91"/>
      <c r="GU4155" s="91"/>
      <c r="GV4155" s="91"/>
      <c r="GW4155" s="91"/>
      <c r="GX4155" s="127"/>
      <c r="GY4155" s="126"/>
      <c r="GZ4155" s="91"/>
      <c r="HA4155" s="91"/>
      <c r="HB4155" s="91"/>
      <c r="HC4155" s="91"/>
      <c r="HD4155" s="91"/>
      <c r="HE4155" s="91"/>
      <c r="HF4155" s="91"/>
      <c r="HG4155" s="91"/>
      <c r="HH4155" s="91"/>
      <c r="HI4155" s="91"/>
      <c r="HJ4155" s="91"/>
      <c r="HK4155" s="127"/>
      <c r="HL4155" s="126"/>
      <c r="HM4155" s="91"/>
      <c r="HN4155" s="91"/>
      <c r="HO4155" s="91"/>
      <c r="HP4155" s="91"/>
      <c r="HQ4155" s="91"/>
      <c r="HR4155" s="91"/>
      <c r="HS4155" s="91"/>
      <c r="HT4155" s="91"/>
      <c r="HU4155" s="91"/>
      <c r="HV4155" s="91"/>
      <c r="HW4155" s="91"/>
      <c r="HX4155" s="127"/>
      <c r="HY4155" s="126"/>
      <c r="HZ4155" s="91"/>
      <c r="IA4155" s="91"/>
      <c r="IB4155" s="91"/>
      <c r="IC4155" s="91"/>
      <c r="ID4155" s="91"/>
      <c r="IE4155" s="91"/>
      <c r="IF4155" s="91"/>
      <c r="IG4155" s="91"/>
      <c r="IH4155" s="91"/>
      <c r="II4155" s="91"/>
      <c r="IJ4155" s="91"/>
      <c r="IK4155" s="174"/>
    </row>
    <row r="4156" spans="2:245" x14ac:dyDescent="0.2">
      <c r="B4156" s="43"/>
      <c r="C4156" s="73"/>
      <c r="D4156" s="64"/>
      <c r="E4156" s="64"/>
      <c r="F4156" s="55"/>
      <c r="G4156" s="102"/>
      <c r="H4156" s="97"/>
      <c r="T4156" s="98"/>
      <c r="U4156" s="97"/>
      <c r="AG4156" s="98"/>
      <c r="AY4156" s="164"/>
      <c r="BK4156" s="98"/>
      <c r="BL4156" s="97"/>
      <c r="BX4156" s="98"/>
      <c r="CL4156" s="97"/>
      <c r="CX4156" s="98"/>
      <c r="DL4156" s="97"/>
      <c r="DX4156" s="98"/>
      <c r="EL4156" s="97"/>
      <c r="EX4156" s="98"/>
      <c r="EY4156" s="97"/>
      <c r="FL4156" s="126"/>
      <c r="FM4156" s="91"/>
      <c r="FN4156" s="91"/>
      <c r="FO4156" s="91"/>
      <c r="FP4156" s="91"/>
      <c r="FQ4156" s="91"/>
      <c r="FR4156" s="91"/>
      <c r="FS4156" s="91"/>
      <c r="FT4156" s="91"/>
      <c r="FU4156" s="91"/>
      <c r="FV4156" s="91"/>
      <c r="FW4156" s="91"/>
      <c r="FX4156" s="127"/>
      <c r="FY4156" s="126"/>
      <c r="FZ4156" s="91"/>
      <c r="GA4156" s="91"/>
      <c r="GB4156" s="91"/>
      <c r="GC4156" s="91"/>
      <c r="GD4156" s="91"/>
      <c r="GE4156" s="91"/>
      <c r="GF4156" s="91"/>
      <c r="GG4156" s="91"/>
      <c r="GH4156" s="91"/>
      <c r="GI4156" s="91"/>
      <c r="GJ4156" s="91"/>
      <c r="GK4156" s="127"/>
      <c r="GL4156" s="126"/>
      <c r="GM4156" s="91"/>
      <c r="GN4156" s="91"/>
      <c r="GO4156" s="91"/>
      <c r="GP4156" s="91"/>
      <c r="GQ4156" s="91"/>
      <c r="GR4156" s="91"/>
      <c r="GS4156" s="91"/>
      <c r="GT4156" s="91"/>
      <c r="GU4156" s="91"/>
      <c r="GV4156" s="91"/>
      <c r="GW4156" s="91"/>
      <c r="GX4156" s="127"/>
      <c r="GY4156" s="126"/>
      <c r="GZ4156" s="91"/>
      <c r="HA4156" s="91"/>
      <c r="HB4156" s="91"/>
      <c r="HC4156" s="91"/>
      <c r="HD4156" s="91"/>
      <c r="HE4156" s="91"/>
      <c r="HF4156" s="91"/>
      <c r="HG4156" s="91"/>
      <c r="HH4156" s="91"/>
      <c r="HI4156" s="91"/>
      <c r="HJ4156" s="91"/>
      <c r="HK4156" s="127"/>
      <c r="HL4156" s="126"/>
      <c r="HM4156" s="91"/>
      <c r="HN4156" s="91"/>
      <c r="HO4156" s="91"/>
      <c r="HP4156" s="91"/>
      <c r="HQ4156" s="91"/>
      <c r="HR4156" s="91"/>
      <c r="HS4156" s="91"/>
      <c r="HT4156" s="91"/>
      <c r="HU4156" s="91"/>
      <c r="HV4156" s="91"/>
      <c r="HW4156" s="91"/>
      <c r="HX4156" s="127"/>
      <c r="HY4156" s="126"/>
      <c r="HZ4156" s="91"/>
      <c r="IA4156" s="91"/>
      <c r="IB4156" s="91"/>
      <c r="IC4156" s="91"/>
      <c r="ID4156" s="91"/>
      <c r="IE4156" s="91"/>
      <c r="IF4156" s="91"/>
      <c r="IG4156" s="91"/>
      <c r="IH4156" s="91"/>
      <c r="II4156" s="91"/>
      <c r="IJ4156" s="91"/>
      <c r="IK4156" s="174"/>
    </row>
    <row r="4157" spans="2:245" x14ac:dyDescent="0.2">
      <c r="B4157" s="43"/>
      <c r="C4157" s="73"/>
      <c r="D4157" s="64"/>
      <c r="E4157" s="64"/>
      <c r="F4157" s="55"/>
      <c r="G4157" s="102"/>
      <c r="H4157" s="97"/>
      <c r="T4157" s="98"/>
      <c r="U4157" s="97"/>
      <c r="AG4157" s="98"/>
      <c r="AY4157" s="164"/>
      <c r="BK4157" s="98"/>
      <c r="BL4157" s="97"/>
      <c r="BX4157" s="98"/>
      <c r="CL4157" s="97"/>
      <c r="CX4157" s="98"/>
      <c r="DL4157" s="97"/>
      <c r="DX4157" s="98"/>
      <c r="EL4157" s="97"/>
      <c r="EX4157" s="98"/>
      <c r="EY4157" s="97"/>
      <c r="FL4157" s="126"/>
      <c r="FM4157" s="91"/>
      <c r="FN4157" s="91"/>
      <c r="FO4157" s="91"/>
      <c r="FP4157" s="91"/>
      <c r="FQ4157" s="91"/>
      <c r="FR4157" s="91"/>
      <c r="FS4157" s="91"/>
      <c r="FT4157" s="91"/>
      <c r="FU4157" s="91"/>
      <c r="FV4157" s="91"/>
      <c r="FW4157" s="91"/>
      <c r="FX4157" s="127"/>
      <c r="FY4157" s="126"/>
      <c r="FZ4157" s="91"/>
      <c r="GA4157" s="91"/>
      <c r="GB4157" s="91"/>
      <c r="GC4157" s="91"/>
      <c r="GD4157" s="91"/>
      <c r="GE4157" s="91"/>
      <c r="GF4157" s="91"/>
      <c r="GG4157" s="91"/>
      <c r="GH4157" s="91"/>
      <c r="GI4157" s="91"/>
      <c r="GJ4157" s="91"/>
      <c r="GK4157" s="127"/>
      <c r="GL4157" s="126"/>
      <c r="GM4157" s="91"/>
      <c r="GN4157" s="91"/>
      <c r="GO4157" s="91"/>
      <c r="GP4157" s="91"/>
      <c r="GQ4157" s="91"/>
      <c r="GR4157" s="91"/>
      <c r="GS4157" s="91"/>
      <c r="GT4157" s="91"/>
      <c r="GU4157" s="91"/>
      <c r="GV4157" s="91"/>
      <c r="GW4157" s="91"/>
      <c r="GX4157" s="127"/>
      <c r="GY4157" s="126"/>
      <c r="GZ4157" s="91"/>
      <c r="HA4157" s="91"/>
      <c r="HB4157" s="91"/>
      <c r="HC4157" s="91"/>
      <c r="HD4157" s="91"/>
      <c r="HE4157" s="91"/>
      <c r="HF4157" s="91"/>
      <c r="HG4157" s="91"/>
      <c r="HH4157" s="91"/>
      <c r="HI4157" s="91"/>
      <c r="HJ4157" s="91"/>
      <c r="HK4157" s="127"/>
      <c r="HL4157" s="126"/>
      <c r="HM4157" s="91"/>
      <c r="HN4157" s="91"/>
      <c r="HO4157" s="91"/>
      <c r="HP4157" s="91"/>
      <c r="HQ4157" s="91"/>
      <c r="HR4157" s="91"/>
      <c r="HS4157" s="91"/>
      <c r="HT4157" s="91"/>
      <c r="HU4157" s="91"/>
      <c r="HV4157" s="91"/>
      <c r="HW4157" s="91"/>
      <c r="HX4157" s="127"/>
      <c r="HY4157" s="126"/>
      <c r="HZ4157" s="91"/>
      <c r="IA4157" s="91"/>
      <c r="IB4157" s="91"/>
      <c r="IC4157" s="91"/>
      <c r="ID4157" s="91"/>
      <c r="IE4157" s="91"/>
      <c r="IF4157" s="91"/>
      <c r="IG4157" s="91"/>
      <c r="IH4157" s="91"/>
      <c r="II4157" s="91"/>
      <c r="IJ4157" s="91"/>
      <c r="IK4157" s="174"/>
    </row>
    <row r="4158" spans="2:245" x14ac:dyDescent="0.2">
      <c r="B4158" s="43"/>
      <c r="C4158" s="73"/>
      <c r="D4158" s="64"/>
      <c r="E4158" s="64"/>
      <c r="F4158" s="55"/>
      <c r="G4158" s="102"/>
      <c r="H4158" s="97"/>
      <c r="T4158" s="98"/>
      <c r="U4158" s="97"/>
      <c r="AG4158" s="98"/>
      <c r="AY4158" s="164"/>
      <c r="BK4158" s="98"/>
      <c r="BL4158" s="97"/>
      <c r="BX4158" s="98"/>
      <c r="CL4158" s="97"/>
      <c r="CX4158" s="98"/>
      <c r="DL4158" s="97"/>
      <c r="DX4158" s="98"/>
      <c r="EL4158" s="97"/>
      <c r="EX4158" s="98"/>
      <c r="EY4158" s="97"/>
      <c r="FL4158" s="126"/>
      <c r="FM4158" s="91"/>
      <c r="FN4158" s="91"/>
      <c r="FO4158" s="91"/>
      <c r="FP4158" s="91"/>
      <c r="FQ4158" s="91"/>
      <c r="FR4158" s="91"/>
      <c r="FS4158" s="91"/>
      <c r="FT4158" s="91"/>
      <c r="FU4158" s="91"/>
      <c r="FV4158" s="91"/>
      <c r="FW4158" s="91"/>
      <c r="FX4158" s="127"/>
      <c r="FY4158" s="126"/>
      <c r="FZ4158" s="91"/>
      <c r="GA4158" s="91"/>
      <c r="GB4158" s="91"/>
      <c r="GC4158" s="91"/>
      <c r="GD4158" s="91"/>
      <c r="GE4158" s="91"/>
      <c r="GF4158" s="91"/>
      <c r="GG4158" s="91"/>
      <c r="GH4158" s="91"/>
      <c r="GI4158" s="91"/>
      <c r="GJ4158" s="91"/>
      <c r="GK4158" s="127"/>
      <c r="GL4158" s="126"/>
      <c r="GM4158" s="91"/>
      <c r="GN4158" s="91"/>
      <c r="GO4158" s="91"/>
      <c r="GP4158" s="91"/>
      <c r="GQ4158" s="91"/>
      <c r="GR4158" s="91"/>
      <c r="GS4158" s="91"/>
      <c r="GT4158" s="91"/>
      <c r="GU4158" s="91"/>
      <c r="GV4158" s="91"/>
      <c r="GW4158" s="91"/>
      <c r="GX4158" s="127"/>
      <c r="GY4158" s="126"/>
      <c r="GZ4158" s="91"/>
      <c r="HA4158" s="91"/>
      <c r="HB4158" s="91"/>
      <c r="HC4158" s="91"/>
      <c r="HD4158" s="91"/>
      <c r="HE4158" s="91"/>
      <c r="HF4158" s="91"/>
      <c r="HG4158" s="91"/>
      <c r="HH4158" s="91"/>
      <c r="HI4158" s="91"/>
      <c r="HJ4158" s="91"/>
      <c r="HK4158" s="127"/>
      <c r="HL4158" s="126"/>
      <c r="HM4158" s="91"/>
      <c r="HN4158" s="91"/>
      <c r="HO4158" s="91"/>
      <c r="HP4158" s="91"/>
      <c r="HQ4158" s="91"/>
      <c r="HR4158" s="91"/>
      <c r="HS4158" s="91"/>
      <c r="HT4158" s="91"/>
      <c r="HU4158" s="91"/>
      <c r="HV4158" s="91"/>
      <c r="HW4158" s="91"/>
      <c r="HX4158" s="127"/>
      <c r="HY4158" s="126"/>
      <c r="HZ4158" s="91"/>
      <c r="IA4158" s="91"/>
      <c r="IB4158" s="91"/>
      <c r="IC4158" s="91"/>
      <c r="ID4158" s="91"/>
      <c r="IE4158" s="91"/>
      <c r="IF4158" s="91"/>
      <c r="IG4158" s="91"/>
      <c r="IH4158" s="91"/>
      <c r="II4158" s="91"/>
      <c r="IJ4158" s="91"/>
      <c r="IK4158" s="174"/>
    </row>
    <row r="4159" spans="2:245" x14ac:dyDescent="0.2">
      <c r="B4159" s="43"/>
      <c r="C4159" s="73"/>
      <c r="D4159" s="64"/>
      <c r="E4159" s="64"/>
      <c r="F4159" s="55"/>
      <c r="G4159" s="102"/>
      <c r="H4159" s="97"/>
      <c r="T4159" s="98"/>
      <c r="U4159" s="97"/>
      <c r="AG4159" s="98"/>
      <c r="AY4159" s="164"/>
      <c r="BK4159" s="98"/>
      <c r="BL4159" s="97"/>
      <c r="BX4159" s="98"/>
      <c r="CL4159" s="97"/>
      <c r="CX4159" s="98"/>
      <c r="DL4159" s="97"/>
      <c r="DX4159" s="98"/>
      <c r="EL4159" s="97"/>
      <c r="EX4159" s="98"/>
      <c r="EY4159" s="97"/>
      <c r="FL4159" s="126"/>
      <c r="FM4159" s="91"/>
      <c r="FN4159" s="91"/>
      <c r="FO4159" s="91"/>
      <c r="FP4159" s="91"/>
      <c r="FQ4159" s="91"/>
      <c r="FR4159" s="91"/>
      <c r="FS4159" s="91"/>
      <c r="FT4159" s="91"/>
      <c r="FU4159" s="91"/>
      <c r="FV4159" s="91"/>
      <c r="FW4159" s="91"/>
      <c r="FX4159" s="127"/>
      <c r="FY4159" s="126"/>
      <c r="FZ4159" s="91"/>
      <c r="GA4159" s="91"/>
      <c r="GB4159" s="91"/>
      <c r="GC4159" s="91"/>
      <c r="GD4159" s="91"/>
      <c r="GE4159" s="91"/>
      <c r="GF4159" s="91"/>
      <c r="GG4159" s="91"/>
      <c r="GH4159" s="91"/>
      <c r="GI4159" s="91"/>
      <c r="GJ4159" s="91"/>
      <c r="GK4159" s="127"/>
      <c r="GL4159" s="126"/>
      <c r="GM4159" s="91"/>
      <c r="GN4159" s="91"/>
      <c r="GO4159" s="91"/>
      <c r="GP4159" s="91"/>
      <c r="GQ4159" s="91"/>
      <c r="GR4159" s="91"/>
      <c r="GS4159" s="91"/>
      <c r="GT4159" s="91"/>
      <c r="GU4159" s="91"/>
      <c r="GV4159" s="91"/>
      <c r="GW4159" s="91"/>
      <c r="GX4159" s="127"/>
      <c r="GY4159" s="126"/>
      <c r="GZ4159" s="91"/>
      <c r="HA4159" s="91"/>
      <c r="HB4159" s="91"/>
      <c r="HC4159" s="91"/>
      <c r="HD4159" s="91"/>
      <c r="HE4159" s="91"/>
      <c r="HF4159" s="91"/>
      <c r="HG4159" s="91"/>
      <c r="HH4159" s="91"/>
      <c r="HI4159" s="91"/>
      <c r="HJ4159" s="91"/>
      <c r="HK4159" s="127"/>
      <c r="HL4159" s="126"/>
      <c r="HM4159" s="91"/>
      <c r="HN4159" s="91"/>
      <c r="HO4159" s="91"/>
      <c r="HP4159" s="91"/>
      <c r="HQ4159" s="91"/>
      <c r="HR4159" s="91"/>
      <c r="HS4159" s="91"/>
      <c r="HT4159" s="91"/>
      <c r="HU4159" s="91"/>
      <c r="HV4159" s="91"/>
      <c r="HW4159" s="91"/>
      <c r="HX4159" s="127"/>
      <c r="HY4159" s="126"/>
      <c r="HZ4159" s="91"/>
      <c r="IA4159" s="91"/>
      <c r="IB4159" s="91"/>
      <c r="IC4159" s="91"/>
      <c r="ID4159" s="91"/>
      <c r="IE4159" s="91"/>
      <c r="IF4159" s="91"/>
      <c r="IG4159" s="91"/>
      <c r="IH4159" s="91"/>
      <c r="II4159" s="91"/>
      <c r="IJ4159" s="91"/>
      <c r="IK4159" s="174"/>
    </row>
    <row r="4160" spans="2:245" x14ac:dyDescent="0.2">
      <c r="B4160" s="43"/>
      <c r="C4160" s="73"/>
      <c r="D4160" s="64"/>
      <c r="E4160" s="64"/>
      <c r="F4160" s="55"/>
      <c r="G4160" s="102"/>
      <c r="H4160" s="97"/>
      <c r="T4160" s="98"/>
      <c r="U4160" s="97"/>
      <c r="AG4160" s="98"/>
      <c r="AY4160" s="164"/>
      <c r="BK4160" s="98"/>
      <c r="BL4160" s="97"/>
      <c r="BX4160" s="98"/>
      <c r="CL4160" s="97"/>
      <c r="CX4160" s="98"/>
      <c r="DL4160" s="97"/>
      <c r="DX4160" s="98"/>
      <c r="EL4160" s="97"/>
      <c r="EX4160" s="98"/>
      <c r="EY4160" s="97"/>
      <c r="FL4160" s="126"/>
      <c r="FM4160" s="91"/>
      <c r="FN4160" s="91"/>
      <c r="FO4160" s="91"/>
      <c r="FP4160" s="91"/>
      <c r="FQ4160" s="91"/>
      <c r="FR4160" s="91"/>
      <c r="FS4160" s="91"/>
      <c r="FT4160" s="91"/>
      <c r="FU4160" s="91"/>
      <c r="FV4160" s="91"/>
      <c r="FW4160" s="91"/>
      <c r="FX4160" s="127"/>
      <c r="FY4160" s="126"/>
      <c r="FZ4160" s="91"/>
      <c r="GA4160" s="91"/>
      <c r="GB4160" s="91"/>
      <c r="GC4160" s="91"/>
      <c r="GD4160" s="91"/>
      <c r="GE4160" s="91"/>
      <c r="GF4160" s="91"/>
      <c r="GG4160" s="91"/>
      <c r="GH4160" s="91"/>
      <c r="GI4160" s="91"/>
      <c r="GJ4160" s="91"/>
      <c r="GK4160" s="127"/>
      <c r="GL4160" s="126"/>
      <c r="GM4160" s="91"/>
      <c r="GN4160" s="91"/>
      <c r="GO4160" s="91"/>
      <c r="GP4160" s="91"/>
      <c r="GQ4160" s="91"/>
      <c r="GR4160" s="91"/>
      <c r="GS4160" s="91"/>
      <c r="GT4160" s="91"/>
      <c r="GU4160" s="91"/>
      <c r="GV4160" s="91"/>
      <c r="GW4160" s="91"/>
      <c r="GX4160" s="127"/>
      <c r="GY4160" s="126"/>
      <c r="GZ4160" s="91"/>
      <c r="HA4160" s="91"/>
      <c r="HB4160" s="91"/>
      <c r="HC4160" s="91"/>
      <c r="HD4160" s="91"/>
      <c r="HE4160" s="91"/>
      <c r="HF4160" s="91"/>
      <c r="HG4160" s="91"/>
      <c r="HH4160" s="91"/>
      <c r="HI4160" s="91"/>
      <c r="HJ4160" s="91"/>
      <c r="HK4160" s="127"/>
      <c r="HL4160" s="126"/>
      <c r="HM4160" s="91"/>
      <c r="HN4160" s="91"/>
      <c r="HO4160" s="91"/>
      <c r="HP4160" s="91"/>
      <c r="HQ4160" s="91"/>
      <c r="HR4160" s="91"/>
      <c r="HS4160" s="91"/>
      <c r="HT4160" s="91"/>
      <c r="HU4160" s="91"/>
      <c r="HV4160" s="91"/>
      <c r="HW4160" s="91"/>
      <c r="HX4160" s="127"/>
      <c r="HY4160" s="126"/>
      <c r="HZ4160" s="91"/>
      <c r="IA4160" s="91"/>
      <c r="IB4160" s="91"/>
      <c r="IC4160" s="91"/>
      <c r="ID4160" s="91"/>
      <c r="IE4160" s="91"/>
      <c r="IF4160" s="91"/>
      <c r="IG4160" s="91"/>
      <c r="IH4160" s="91"/>
      <c r="II4160" s="91"/>
      <c r="IJ4160" s="91"/>
      <c r="IK4160" s="174"/>
    </row>
    <row r="4161" spans="2:245" x14ac:dyDescent="0.2">
      <c r="B4161" s="43"/>
      <c r="C4161" s="73"/>
      <c r="D4161" s="64"/>
      <c r="E4161" s="64"/>
      <c r="F4161" s="55"/>
      <c r="G4161" s="102"/>
      <c r="H4161" s="97"/>
      <c r="T4161" s="98"/>
      <c r="U4161" s="97"/>
      <c r="AG4161" s="98"/>
      <c r="AY4161" s="164"/>
      <c r="BK4161" s="98"/>
      <c r="BL4161" s="97"/>
      <c r="BX4161" s="98"/>
      <c r="CL4161" s="97"/>
      <c r="CX4161" s="98"/>
      <c r="DL4161" s="97"/>
      <c r="DX4161" s="98"/>
      <c r="EL4161" s="97"/>
      <c r="EX4161" s="98"/>
      <c r="EY4161" s="97"/>
      <c r="FL4161" s="126"/>
      <c r="FM4161" s="91"/>
      <c r="FN4161" s="91"/>
      <c r="FO4161" s="91"/>
      <c r="FP4161" s="91"/>
      <c r="FQ4161" s="91"/>
      <c r="FR4161" s="91"/>
      <c r="FS4161" s="91"/>
      <c r="FT4161" s="91"/>
      <c r="FU4161" s="91"/>
      <c r="FV4161" s="91"/>
      <c r="FW4161" s="91"/>
      <c r="FX4161" s="127"/>
      <c r="FY4161" s="126"/>
      <c r="FZ4161" s="91"/>
      <c r="GA4161" s="91"/>
      <c r="GB4161" s="91"/>
      <c r="GC4161" s="91"/>
      <c r="GD4161" s="91"/>
      <c r="GE4161" s="91"/>
      <c r="GF4161" s="91"/>
      <c r="GG4161" s="91"/>
      <c r="GH4161" s="91"/>
      <c r="GI4161" s="91"/>
      <c r="GJ4161" s="91"/>
      <c r="GK4161" s="127"/>
      <c r="GL4161" s="126"/>
      <c r="GM4161" s="91"/>
      <c r="GN4161" s="91"/>
      <c r="GO4161" s="91"/>
      <c r="GP4161" s="91"/>
      <c r="GQ4161" s="91"/>
      <c r="GR4161" s="91"/>
      <c r="GS4161" s="91"/>
      <c r="GT4161" s="91"/>
      <c r="GU4161" s="91"/>
      <c r="GV4161" s="91"/>
      <c r="GW4161" s="91"/>
      <c r="GX4161" s="127"/>
      <c r="GY4161" s="126"/>
      <c r="GZ4161" s="91"/>
      <c r="HA4161" s="91"/>
      <c r="HB4161" s="91"/>
      <c r="HC4161" s="91"/>
      <c r="HD4161" s="91"/>
      <c r="HE4161" s="91"/>
      <c r="HF4161" s="91"/>
      <c r="HG4161" s="91"/>
      <c r="HH4161" s="91"/>
      <c r="HI4161" s="91"/>
      <c r="HJ4161" s="91"/>
      <c r="HK4161" s="127"/>
      <c r="HL4161" s="126"/>
      <c r="HM4161" s="91"/>
      <c r="HN4161" s="91"/>
      <c r="HO4161" s="91"/>
      <c r="HP4161" s="91"/>
      <c r="HQ4161" s="91"/>
      <c r="HR4161" s="91"/>
      <c r="HS4161" s="91"/>
      <c r="HT4161" s="91"/>
      <c r="HU4161" s="91"/>
      <c r="HV4161" s="91"/>
      <c r="HW4161" s="91"/>
      <c r="HX4161" s="127"/>
      <c r="HY4161" s="126"/>
      <c r="HZ4161" s="91"/>
      <c r="IA4161" s="91"/>
      <c r="IB4161" s="91"/>
      <c r="IC4161" s="91"/>
      <c r="ID4161" s="91"/>
      <c r="IE4161" s="91"/>
      <c r="IF4161" s="91"/>
      <c r="IG4161" s="91"/>
      <c r="IH4161" s="91"/>
      <c r="II4161" s="91"/>
      <c r="IJ4161" s="91"/>
      <c r="IK4161" s="174"/>
    </row>
    <row r="4162" spans="2:245" x14ac:dyDescent="0.2">
      <c r="B4162" s="43"/>
      <c r="C4162" s="73"/>
      <c r="D4162" s="64"/>
      <c r="E4162" s="64"/>
      <c r="F4162" s="55"/>
      <c r="G4162" s="102"/>
      <c r="H4162" s="97"/>
      <c r="T4162" s="98"/>
      <c r="U4162" s="97"/>
      <c r="AG4162" s="98"/>
      <c r="AY4162" s="164"/>
      <c r="BK4162" s="98"/>
      <c r="BL4162" s="97"/>
      <c r="BX4162" s="98"/>
      <c r="CL4162" s="97"/>
      <c r="CX4162" s="98"/>
      <c r="DL4162" s="97"/>
      <c r="DX4162" s="98"/>
      <c r="EL4162" s="97"/>
      <c r="EX4162" s="98"/>
      <c r="EY4162" s="97"/>
      <c r="FL4162" s="126"/>
      <c r="FM4162" s="91"/>
      <c r="FN4162" s="91"/>
      <c r="FO4162" s="91"/>
      <c r="FP4162" s="91"/>
      <c r="FQ4162" s="91"/>
      <c r="FR4162" s="91"/>
      <c r="FS4162" s="91"/>
      <c r="FT4162" s="91"/>
      <c r="FU4162" s="91"/>
      <c r="FV4162" s="91"/>
      <c r="FW4162" s="91"/>
      <c r="FX4162" s="127"/>
      <c r="FY4162" s="126"/>
      <c r="FZ4162" s="91"/>
      <c r="GA4162" s="91"/>
      <c r="GB4162" s="91"/>
      <c r="GC4162" s="91"/>
      <c r="GD4162" s="91"/>
      <c r="GE4162" s="91"/>
      <c r="GF4162" s="91"/>
      <c r="GG4162" s="91"/>
      <c r="GH4162" s="91"/>
      <c r="GI4162" s="91"/>
      <c r="GJ4162" s="91"/>
      <c r="GK4162" s="127"/>
      <c r="GL4162" s="126"/>
      <c r="GM4162" s="91"/>
      <c r="GN4162" s="91"/>
      <c r="GO4162" s="91"/>
      <c r="GP4162" s="91"/>
      <c r="GQ4162" s="91"/>
      <c r="GR4162" s="91"/>
      <c r="GS4162" s="91"/>
      <c r="GT4162" s="91"/>
      <c r="GU4162" s="91"/>
      <c r="GV4162" s="91"/>
      <c r="GW4162" s="91"/>
      <c r="GX4162" s="127"/>
      <c r="GY4162" s="126"/>
      <c r="GZ4162" s="91"/>
      <c r="HA4162" s="91"/>
      <c r="HB4162" s="91"/>
      <c r="HC4162" s="91"/>
      <c r="HD4162" s="91"/>
      <c r="HE4162" s="91"/>
      <c r="HF4162" s="91"/>
      <c r="HG4162" s="91"/>
      <c r="HH4162" s="91"/>
      <c r="HI4162" s="91"/>
      <c r="HJ4162" s="91"/>
      <c r="HK4162" s="127"/>
      <c r="HL4162" s="126"/>
      <c r="HM4162" s="91"/>
      <c r="HN4162" s="91"/>
      <c r="HO4162" s="91"/>
      <c r="HP4162" s="91"/>
      <c r="HQ4162" s="91"/>
      <c r="HR4162" s="91"/>
      <c r="HS4162" s="91"/>
      <c r="HT4162" s="91"/>
      <c r="HU4162" s="91"/>
      <c r="HV4162" s="91"/>
      <c r="HW4162" s="91"/>
      <c r="HX4162" s="127"/>
      <c r="HY4162" s="126"/>
      <c r="HZ4162" s="91"/>
      <c r="IA4162" s="91"/>
      <c r="IB4162" s="91"/>
      <c r="IC4162" s="91"/>
      <c r="ID4162" s="91"/>
      <c r="IE4162" s="91"/>
      <c r="IF4162" s="91"/>
      <c r="IG4162" s="91"/>
      <c r="IH4162" s="91"/>
      <c r="II4162" s="91"/>
      <c r="IJ4162" s="91"/>
      <c r="IK4162" s="174"/>
    </row>
    <row r="4163" spans="2:245" x14ac:dyDescent="0.2">
      <c r="B4163" s="43"/>
      <c r="C4163" s="73"/>
      <c r="D4163" s="64"/>
      <c r="E4163" s="64"/>
      <c r="F4163" s="55"/>
      <c r="G4163" s="102"/>
      <c r="H4163" s="97"/>
      <c r="T4163" s="98"/>
      <c r="U4163" s="97"/>
      <c r="AG4163" s="98"/>
      <c r="AY4163" s="164"/>
      <c r="BK4163" s="98"/>
      <c r="BL4163" s="97"/>
      <c r="BX4163" s="98"/>
      <c r="CL4163" s="97"/>
      <c r="CX4163" s="98"/>
      <c r="DL4163" s="97"/>
      <c r="DX4163" s="98"/>
      <c r="EL4163" s="97"/>
      <c r="EX4163" s="98"/>
      <c r="EY4163" s="97"/>
      <c r="FL4163" s="126"/>
      <c r="FM4163" s="91"/>
      <c r="FN4163" s="91"/>
      <c r="FO4163" s="91"/>
      <c r="FP4163" s="91"/>
      <c r="FQ4163" s="91"/>
      <c r="FR4163" s="91"/>
      <c r="FS4163" s="91"/>
      <c r="FT4163" s="91"/>
      <c r="FU4163" s="91"/>
      <c r="FV4163" s="91"/>
      <c r="FW4163" s="91"/>
      <c r="FX4163" s="127"/>
      <c r="FY4163" s="126"/>
      <c r="FZ4163" s="91"/>
      <c r="GA4163" s="91"/>
      <c r="GB4163" s="91"/>
      <c r="GC4163" s="91"/>
      <c r="GD4163" s="91"/>
      <c r="GE4163" s="91"/>
      <c r="GF4163" s="91"/>
      <c r="GG4163" s="91"/>
      <c r="GH4163" s="91"/>
      <c r="GI4163" s="91"/>
      <c r="GJ4163" s="91"/>
      <c r="GK4163" s="127"/>
      <c r="GL4163" s="126"/>
      <c r="GM4163" s="91"/>
      <c r="GN4163" s="91"/>
      <c r="GO4163" s="91"/>
      <c r="GP4163" s="91"/>
      <c r="GQ4163" s="91"/>
      <c r="GR4163" s="91"/>
      <c r="GS4163" s="91"/>
      <c r="GT4163" s="91"/>
      <c r="GU4163" s="91"/>
      <c r="GV4163" s="91"/>
      <c r="GW4163" s="91"/>
      <c r="GX4163" s="127"/>
      <c r="GY4163" s="126"/>
      <c r="GZ4163" s="91"/>
      <c r="HA4163" s="91"/>
      <c r="HB4163" s="91"/>
      <c r="HC4163" s="91"/>
      <c r="HD4163" s="91"/>
      <c r="HE4163" s="91"/>
      <c r="HF4163" s="91"/>
      <c r="HG4163" s="91"/>
      <c r="HH4163" s="91"/>
      <c r="HI4163" s="91"/>
      <c r="HJ4163" s="91"/>
      <c r="HK4163" s="127"/>
      <c r="HL4163" s="126"/>
      <c r="HM4163" s="91"/>
      <c r="HN4163" s="91"/>
      <c r="HO4163" s="91"/>
      <c r="HP4163" s="91"/>
      <c r="HQ4163" s="91"/>
      <c r="HR4163" s="91"/>
      <c r="HS4163" s="91"/>
      <c r="HT4163" s="91"/>
      <c r="HU4163" s="91"/>
      <c r="HV4163" s="91"/>
      <c r="HW4163" s="91"/>
      <c r="HX4163" s="127"/>
      <c r="HY4163" s="126"/>
      <c r="HZ4163" s="91"/>
      <c r="IA4163" s="91"/>
      <c r="IB4163" s="91"/>
      <c r="IC4163" s="91"/>
      <c r="ID4163" s="91"/>
      <c r="IE4163" s="91"/>
      <c r="IF4163" s="91"/>
      <c r="IG4163" s="91"/>
      <c r="IH4163" s="91"/>
      <c r="II4163" s="91"/>
      <c r="IJ4163" s="91"/>
      <c r="IK4163" s="174"/>
    </row>
    <row r="4164" spans="2:245" x14ac:dyDescent="0.2">
      <c r="B4164" s="43"/>
      <c r="C4164" s="73"/>
      <c r="D4164" s="64"/>
      <c r="E4164" s="64"/>
      <c r="F4164" s="55"/>
      <c r="G4164" s="102"/>
      <c r="H4164" s="97"/>
      <c r="T4164" s="98"/>
      <c r="U4164" s="97"/>
      <c r="AG4164" s="98"/>
      <c r="AY4164" s="164"/>
      <c r="BK4164" s="98"/>
      <c r="BL4164" s="97"/>
      <c r="BX4164" s="98"/>
      <c r="CL4164" s="97"/>
      <c r="CX4164" s="98"/>
      <c r="DL4164" s="97"/>
      <c r="DX4164" s="98"/>
      <c r="EL4164" s="97"/>
      <c r="EX4164" s="98"/>
      <c r="EY4164" s="97"/>
      <c r="FL4164" s="126"/>
      <c r="FM4164" s="91"/>
      <c r="FN4164" s="91"/>
      <c r="FO4164" s="91"/>
      <c r="FP4164" s="91"/>
      <c r="FQ4164" s="91"/>
      <c r="FR4164" s="91"/>
      <c r="FS4164" s="91"/>
      <c r="FT4164" s="91"/>
      <c r="FU4164" s="91"/>
      <c r="FV4164" s="91"/>
      <c r="FW4164" s="91"/>
      <c r="FX4164" s="127"/>
      <c r="FY4164" s="126"/>
      <c r="FZ4164" s="91"/>
      <c r="GA4164" s="91"/>
      <c r="GB4164" s="91"/>
      <c r="GC4164" s="91"/>
      <c r="GD4164" s="91"/>
      <c r="GE4164" s="91"/>
      <c r="GF4164" s="91"/>
      <c r="GG4164" s="91"/>
      <c r="GH4164" s="91"/>
      <c r="GI4164" s="91"/>
      <c r="GJ4164" s="91"/>
      <c r="GK4164" s="127"/>
      <c r="GL4164" s="126"/>
      <c r="GM4164" s="91"/>
      <c r="GN4164" s="91"/>
      <c r="GO4164" s="91"/>
      <c r="GP4164" s="91"/>
      <c r="GQ4164" s="91"/>
      <c r="GR4164" s="91"/>
      <c r="GS4164" s="91"/>
      <c r="GT4164" s="91"/>
      <c r="GU4164" s="91"/>
      <c r="GV4164" s="91"/>
      <c r="GW4164" s="91"/>
      <c r="GX4164" s="127"/>
      <c r="GY4164" s="126"/>
      <c r="GZ4164" s="91"/>
      <c r="HA4164" s="91"/>
      <c r="HB4164" s="91"/>
      <c r="HC4164" s="91"/>
      <c r="HD4164" s="91"/>
      <c r="HE4164" s="91"/>
      <c r="HF4164" s="91"/>
      <c r="HG4164" s="91"/>
      <c r="HH4164" s="91"/>
      <c r="HI4164" s="91"/>
      <c r="HJ4164" s="91"/>
      <c r="HK4164" s="127"/>
      <c r="HL4164" s="126"/>
      <c r="HM4164" s="91"/>
      <c r="HN4164" s="91"/>
      <c r="HO4164" s="91"/>
      <c r="HP4164" s="91"/>
      <c r="HQ4164" s="91"/>
      <c r="HR4164" s="91"/>
      <c r="HS4164" s="91"/>
      <c r="HT4164" s="91"/>
      <c r="HU4164" s="91"/>
      <c r="HV4164" s="91"/>
      <c r="HW4164" s="91"/>
      <c r="HX4164" s="127"/>
      <c r="HY4164" s="126"/>
      <c r="HZ4164" s="91"/>
      <c r="IA4164" s="91"/>
      <c r="IB4164" s="91"/>
      <c r="IC4164" s="91"/>
      <c r="ID4164" s="91"/>
      <c r="IE4164" s="91"/>
      <c r="IF4164" s="91"/>
      <c r="IG4164" s="91"/>
      <c r="IH4164" s="91"/>
      <c r="II4164" s="91"/>
      <c r="IJ4164" s="91"/>
      <c r="IK4164" s="174"/>
    </row>
    <row r="4165" spans="2:245" x14ac:dyDescent="0.2">
      <c r="B4165" s="43"/>
      <c r="C4165" s="73"/>
      <c r="D4165" s="64"/>
      <c r="E4165" s="64"/>
      <c r="F4165" s="55"/>
      <c r="G4165" s="102"/>
      <c r="H4165" s="97"/>
      <c r="T4165" s="98"/>
      <c r="U4165" s="97"/>
      <c r="AG4165" s="98"/>
      <c r="AY4165" s="164"/>
      <c r="BK4165" s="98"/>
      <c r="BL4165" s="97"/>
      <c r="BX4165" s="98"/>
      <c r="CL4165" s="97"/>
      <c r="CX4165" s="98"/>
      <c r="DL4165" s="97"/>
      <c r="DX4165" s="98"/>
      <c r="EL4165" s="97"/>
      <c r="EX4165" s="98"/>
      <c r="EY4165" s="97"/>
      <c r="FL4165" s="126"/>
      <c r="FM4165" s="91"/>
      <c r="FN4165" s="91"/>
      <c r="FO4165" s="91"/>
      <c r="FP4165" s="91"/>
      <c r="FQ4165" s="91"/>
      <c r="FR4165" s="91"/>
      <c r="FS4165" s="91"/>
      <c r="FT4165" s="91"/>
      <c r="FU4165" s="91"/>
      <c r="FV4165" s="91"/>
      <c r="FW4165" s="91"/>
      <c r="FX4165" s="127"/>
      <c r="FY4165" s="126"/>
      <c r="FZ4165" s="91"/>
      <c r="GA4165" s="91"/>
      <c r="GB4165" s="91"/>
      <c r="GC4165" s="91"/>
      <c r="GD4165" s="91"/>
      <c r="GE4165" s="91"/>
      <c r="GF4165" s="91"/>
      <c r="GG4165" s="91"/>
      <c r="GH4165" s="91"/>
      <c r="GI4165" s="91"/>
      <c r="GJ4165" s="91"/>
      <c r="GK4165" s="127"/>
      <c r="GL4165" s="126"/>
      <c r="GM4165" s="91"/>
      <c r="GN4165" s="91"/>
      <c r="GO4165" s="91"/>
      <c r="GP4165" s="91"/>
      <c r="GQ4165" s="91"/>
      <c r="GR4165" s="91"/>
      <c r="GS4165" s="91"/>
      <c r="GT4165" s="91"/>
      <c r="GU4165" s="91"/>
      <c r="GV4165" s="91"/>
      <c r="GW4165" s="91"/>
      <c r="GX4165" s="127"/>
      <c r="GY4165" s="126"/>
      <c r="GZ4165" s="91"/>
      <c r="HA4165" s="91"/>
      <c r="HB4165" s="91"/>
      <c r="HC4165" s="91"/>
      <c r="HD4165" s="91"/>
      <c r="HE4165" s="91"/>
      <c r="HF4165" s="91"/>
      <c r="HG4165" s="91"/>
      <c r="HH4165" s="91"/>
      <c r="HI4165" s="91"/>
      <c r="HJ4165" s="91"/>
      <c r="HK4165" s="127"/>
      <c r="HL4165" s="126"/>
      <c r="HM4165" s="91"/>
      <c r="HN4165" s="91"/>
      <c r="HO4165" s="91"/>
      <c r="HP4165" s="91"/>
      <c r="HQ4165" s="91"/>
      <c r="HR4165" s="91"/>
      <c r="HS4165" s="91"/>
      <c r="HT4165" s="91"/>
      <c r="HU4165" s="91"/>
      <c r="HV4165" s="91"/>
      <c r="HW4165" s="91"/>
      <c r="HX4165" s="127"/>
      <c r="HY4165" s="126"/>
      <c r="HZ4165" s="91"/>
      <c r="IA4165" s="91"/>
      <c r="IB4165" s="91"/>
      <c r="IC4165" s="91"/>
      <c r="ID4165" s="91"/>
      <c r="IE4165" s="91"/>
      <c r="IF4165" s="91"/>
      <c r="IG4165" s="91"/>
      <c r="IH4165" s="91"/>
      <c r="II4165" s="91"/>
      <c r="IJ4165" s="91"/>
      <c r="IK4165" s="174"/>
    </row>
    <row r="4166" spans="2:245" x14ac:dyDescent="0.2">
      <c r="B4166" s="43"/>
      <c r="C4166" s="73"/>
      <c r="D4166" s="64"/>
      <c r="E4166" s="64"/>
      <c r="F4166" s="55"/>
      <c r="G4166" s="102"/>
      <c r="H4166" s="97"/>
      <c r="T4166" s="98"/>
      <c r="U4166" s="97"/>
      <c r="AG4166" s="98"/>
      <c r="AY4166" s="164"/>
      <c r="BK4166" s="98"/>
      <c r="BL4166" s="97"/>
      <c r="BX4166" s="98"/>
      <c r="CL4166" s="97"/>
      <c r="CX4166" s="98"/>
      <c r="DL4166" s="97"/>
      <c r="DX4166" s="98"/>
      <c r="EL4166" s="97"/>
      <c r="EX4166" s="98"/>
      <c r="EY4166" s="97"/>
      <c r="FL4166" s="126"/>
      <c r="FM4166" s="91"/>
      <c r="FN4166" s="91"/>
      <c r="FO4166" s="91"/>
      <c r="FP4166" s="91"/>
      <c r="FQ4166" s="91"/>
      <c r="FR4166" s="91"/>
      <c r="FS4166" s="91"/>
      <c r="FT4166" s="91"/>
      <c r="FU4166" s="91"/>
      <c r="FV4166" s="91"/>
      <c r="FW4166" s="91"/>
      <c r="FX4166" s="127"/>
      <c r="FY4166" s="126"/>
      <c r="FZ4166" s="91"/>
      <c r="GA4166" s="91"/>
      <c r="GB4166" s="91"/>
      <c r="GC4166" s="91"/>
      <c r="GD4166" s="91"/>
      <c r="GE4166" s="91"/>
      <c r="GF4166" s="91"/>
      <c r="GG4166" s="91"/>
      <c r="GH4166" s="91"/>
      <c r="GI4166" s="91"/>
      <c r="GJ4166" s="91"/>
      <c r="GK4166" s="127"/>
      <c r="GL4166" s="126"/>
      <c r="GM4166" s="91"/>
      <c r="GN4166" s="91"/>
      <c r="GO4166" s="91"/>
      <c r="GP4166" s="91"/>
      <c r="GQ4166" s="91"/>
      <c r="GR4166" s="91"/>
      <c r="GS4166" s="91"/>
      <c r="GT4166" s="91"/>
      <c r="GU4166" s="91"/>
      <c r="GV4166" s="91"/>
      <c r="GW4166" s="91"/>
      <c r="GX4166" s="127"/>
      <c r="GY4166" s="126"/>
      <c r="GZ4166" s="91"/>
      <c r="HA4166" s="91"/>
      <c r="HB4166" s="91"/>
      <c r="HC4166" s="91"/>
      <c r="HD4166" s="91"/>
      <c r="HE4166" s="91"/>
      <c r="HF4166" s="91"/>
      <c r="HG4166" s="91"/>
      <c r="HH4166" s="91"/>
      <c r="HI4166" s="91"/>
      <c r="HJ4166" s="91"/>
      <c r="HK4166" s="127"/>
      <c r="HL4166" s="126"/>
      <c r="HM4166" s="91"/>
      <c r="HN4166" s="91"/>
      <c r="HO4166" s="91"/>
      <c r="HP4166" s="91"/>
      <c r="HQ4166" s="91"/>
      <c r="HR4166" s="91"/>
      <c r="HS4166" s="91"/>
      <c r="HT4166" s="91"/>
      <c r="HU4166" s="91"/>
      <c r="HV4166" s="91"/>
      <c r="HW4166" s="91"/>
      <c r="HX4166" s="127"/>
      <c r="HY4166" s="126"/>
      <c r="HZ4166" s="91"/>
      <c r="IA4166" s="91"/>
      <c r="IB4166" s="91"/>
      <c r="IC4166" s="91"/>
      <c r="ID4166" s="91"/>
      <c r="IE4166" s="91"/>
      <c r="IF4166" s="91"/>
      <c r="IG4166" s="91"/>
      <c r="IH4166" s="91"/>
      <c r="II4166" s="91"/>
      <c r="IJ4166" s="91"/>
      <c r="IK4166" s="174"/>
    </row>
    <row r="4167" spans="2:245" x14ac:dyDescent="0.2">
      <c r="B4167" s="43"/>
      <c r="C4167" s="73"/>
      <c r="D4167" s="64"/>
      <c r="E4167" s="64"/>
      <c r="F4167" s="55"/>
      <c r="G4167" s="102"/>
      <c r="H4167" s="97"/>
      <c r="T4167" s="98"/>
      <c r="U4167" s="97"/>
      <c r="AG4167" s="98"/>
      <c r="AY4167" s="164"/>
      <c r="BK4167" s="98"/>
      <c r="BL4167" s="97"/>
      <c r="BX4167" s="98"/>
      <c r="CL4167" s="97"/>
      <c r="CX4167" s="98"/>
      <c r="DL4167" s="97"/>
      <c r="DX4167" s="98"/>
      <c r="EL4167" s="97"/>
      <c r="EX4167" s="98"/>
      <c r="EY4167" s="97"/>
      <c r="FL4167" s="126"/>
      <c r="FM4167" s="91"/>
      <c r="FN4167" s="91"/>
      <c r="FO4167" s="91"/>
      <c r="FP4167" s="91"/>
      <c r="FQ4167" s="91"/>
      <c r="FR4167" s="91"/>
      <c r="FS4167" s="91"/>
      <c r="FT4167" s="91"/>
      <c r="FU4167" s="91"/>
      <c r="FV4167" s="91"/>
      <c r="FW4167" s="91"/>
      <c r="FX4167" s="127"/>
      <c r="FY4167" s="126"/>
      <c r="FZ4167" s="91"/>
      <c r="GA4167" s="91"/>
      <c r="GB4167" s="91"/>
      <c r="GC4167" s="91"/>
      <c r="GD4167" s="91"/>
      <c r="GE4167" s="91"/>
      <c r="GF4167" s="91"/>
      <c r="GG4167" s="91"/>
      <c r="GH4167" s="91"/>
      <c r="GI4167" s="91"/>
      <c r="GJ4167" s="91"/>
      <c r="GK4167" s="127"/>
      <c r="GL4167" s="126"/>
      <c r="GM4167" s="91"/>
      <c r="GN4167" s="91"/>
      <c r="GO4167" s="91"/>
      <c r="GP4167" s="91"/>
      <c r="GQ4167" s="91"/>
      <c r="GR4167" s="91"/>
      <c r="GS4167" s="91"/>
      <c r="GT4167" s="91"/>
      <c r="GU4167" s="91"/>
      <c r="GV4167" s="91"/>
      <c r="GW4167" s="91"/>
      <c r="GX4167" s="127"/>
      <c r="GY4167" s="126"/>
      <c r="GZ4167" s="91"/>
      <c r="HA4167" s="91"/>
      <c r="HB4167" s="91"/>
      <c r="HC4167" s="91"/>
      <c r="HD4167" s="91"/>
      <c r="HE4167" s="91"/>
      <c r="HF4167" s="91"/>
      <c r="HG4167" s="91"/>
      <c r="HH4167" s="91"/>
      <c r="HI4167" s="91"/>
      <c r="HJ4167" s="91"/>
      <c r="HK4167" s="127"/>
      <c r="HL4167" s="126"/>
      <c r="HM4167" s="91"/>
      <c r="HN4167" s="91"/>
      <c r="HO4167" s="91"/>
      <c r="HP4167" s="91"/>
      <c r="HQ4167" s="91"/>
      <c r="HR4167" s="91"/>
      <c r="HS4167" s="91"/>
      <c r="HT4167" s="91"/>
      <c r="HU4167" s="91"/>
      <c r="HV4167" s="91"/>
      <c r="HW4167" s="91"/>
      <c r="HX4167" s="127"/>
      <c r="HY4167" s="126"/>
      <c r="HZ4167" s="91"/>
      <c r="IA4167" s="91"/>
      <c r="IB4167" s="91"/>
      <c r="IC4167" s="91"/>
      <c r="ID4167" s="91"/>
      <c r="IE4167" s="91"/>
      <c r="IF4167" s="91"/>
      <c r="IG4167" s="91"/>
      <c r="IH4167" s="91"/>
      <c r="II4167" s="91"/>
      <c r="IJ4167" s="91"/>
      <c r="IK4167" s="174"/>
    </row>
    <row r="4168" spans="2:245" x14ac:dyDescent="0.2">
      <c r="B4168" s="43"/>
      <c r="C4168" s="73"/>
      <c r="D4168" s="64"/>
      <c r="E4168" s="64"/>
      <c r="F4168" s="55"/>
      <c r="G4168" s="102"/>
      <c r="H4168" s="97"/>
      <c r="T4168" s="98"/>
      <c r="U4168" s="97"/>
      <c r="AG4168" s="98"/>
      <c r="AY4168" s="164"/>
      <c r="BK4168" s="98"/>
      <c r="BL4168" s="97"/>
      <c r="BX4168" s="98"/>
      <c r="CL4168" s="97"/>
      <c r="CX4168" s="98"/>
      <c r="DL4168" s="97"/>
      <c r="DX4168" s="98"/>
      <c r="EL4168" s="97"/>
      <c r="EX4168" s="98"/>
      <c r="EY4168" s="97"/>
      <c r="FL4168" s="126"/>
      <c r="FM4168" s="91"/>
      <c r="FN4168" s="91"/>
      <c r="FO4168" s="91"/>
      <c r="FP4168" s="91"/>
      <c r="FQ4168" s="91"/>
      <c r="FR4168" s="91"/>
      <c r="FS4168" s="91"/>
      <c r="FT4168" s="91"/>
      <c r="FU4168" s="91"/>
      <c r="FV4168" s="91"/>
      <c r="FW4168" s="91"/>
      <c r="FX4168" s="127"/>
      <c r="FY4168" s="126"/>
      <c r="FZ4168" s="91"/>
      <c r="GA4168" s="91"/>
      <c r="GB4168" s="91"/>
      <c r="GC4168" s="91"/>
      <c r="GD4168" s="91"/>
      <c r="GE4168" s="91"/>
      <c r="GF4168" s="91"/>
      <c r="GG4168" s="91"/>
      <c r="GH4168" s="91"/>
      <c r="GI4168" s="91"/>
      <c r="GJ4168" s="91"/>
      <c r="GK4168" s="127"/>
      <c r="GL4168" s="126"/>
      <c r="GM4168" s="91"/>
      <c r="GN4168" s="91"/>
      <c r="GO4168" s="91"/>
      <c r="GP4168" s="91"/>
      <c r="GQ4168" s="91"/>
      <c r="GR4168" s="91"/>
      <c r="GS4168" s="91"/>
      <c r="GT4168" s="91"/>
      <c r="GU4168" s="91"/>
      <c r="GV4168" s="91"/>
      <c r="GW4168" s="91"/>
      <c r="GX4168" s="127"/>
      <c r="GY4168" s="126"/>
      <c r="GZ4168" s="91"/>
      <c r="HA4168" s="91"/>
      <c r="HB4168" s="91"/>
      <c r="HC4168" s="91"/>
      <c r="HD4168" s="91"/>
      <c r="HE4168" s="91"/>
      <c r="HF4168" s="91"/>
      <c r="HG4168" s="91"/>
      <c r="HH4168" s="91"/>
      <c r="HI4168" s="91"/>
      <c r="HJ4168" s="91"/>
      <c r="HK4168" s="127"/>
      <c r="HL4168" s="126"/>
      <c r="HM4168" s="91"/>
      <c r="HN4168" s="91"/>
      <c r="HO4168" s="91"/>
      <c r="HP4168" s="91"/>
      <c r="HQ4168" s="91"/>
      <c r="HR4168" s="91"/>
      <c r="HS4168" s="91"/>
      <c r="HT4168" s="91"/>
      <c r="HU4168" s="91"/>
      <c r="HV4168" s="91"/>
      <c r="HW4168" s="91"/>
      <c r="HX4168" s="127"/>
      <c r="HY4168" s="126"/>
      <c r="HZ4168" s="91"/>
      <c r="IA4168" s="91"/>
      <c r="IB4168" s="91"/>
      <c r="IC4168" s="91"/>
      <c r="ID4168" s="91"/>
      <c r="IE4168" s="91"/>
      <c r="IF4168" s="91"/>
      <c r="IG4168" s="91"/>
      <c r="IH4168" s="91"/>
      <c r="II4168" s="91"/>
      <c r="IJ4168" s="91"/>
      <c r="IK4168" s="174"/>
    </row>
    <row r="4169" spans="2:245" x14ac:dyDescent="0.2">
      <c r="B4169" s="43"/>
      <c r="C4169" s="73"/>
      <c r="D4169" s="64"/>
      <c r="E4169" s="64"/>
      <c r="F4169" s="55"/>
      <c r="G4169" s="102"/>
      <c r="H4169" s="97"/>
      <c r="T4169" s="98"/>
      <c r="U4169" s="97"/>
      <c r="AG4169" s="98"/>
      <c r="AY4169" s="164"/>
      <c r="BK4169" s="98"/>
      <c r="BL4169" s="97"/>
      <c r="BX4169" s="98"/>
      <c r="CL4169" s="97"/>
      <c r="CX4169" s="98"/>
      <c r="DL4169" s="97"/>
      <c r="DX4169" s="98"/>
      <c r="EL4169" s="97"/>
      <c r="EX4169" s="98"/>
      <c r="EY4169" s="97"/>
      <c r="FL4169" s="126"/>
      <c r="FM4169" s="91"/>
      <c r="FN4169" s="91"/>
      <c r="FO4169" s="91"/>
      <c r="FP4169" s="91"/>
      <c r="FQ4169" s="91"/>
      <c r="FR4169" s="91"/>
      <c r="FS4169" s="91"/>
      <c r="FT4169" s="91"/>
      <c r="FU4169" s="91"/>
      <c r="FV4169" s="91"/>
      <c r="FW4169" s="91"/>
      <c r="FX4169" s="127"/>
      <c r="FY4169" s="126"/>
      <c r="FZ4169" s="91"/>
      <c r="GA4169" s="91"/>
      <c r="GB4169" s="91"/>
      <c r="GC4169" s="91"/>
      <c r="GD4169" s="91"/>
      <c r="GE4169" s="91"/>
      <c r="GF4169" s="91"/>
      <c r="GG4169" s="91"/>
      <c r="GH4169" s="91"/>
      <c r="GI4169" s="91"/>
      <c r="GJ4169" s="91"/>
      <c r="GK4169" s="127"/>
      <c r="GL4169" s="126"/>
      <c r="GM4169" s="91"/>
      <c r="GN4169" s="91"/>
      <c r="GO4169" s="91"/>
      <c r="GP4169" s="91"/>
      <c r="GQ4169" s="91"/>
      <c r="GR4169" s="91"/>
      <c r="GS4169" s="91"/>
      <c r="GT4169" s="91"/>
      <c r="GU4169" s="91"/>
      <c r="GV4169" s="91"/>
      <c r="GW4169" s="91"/>
      <c r="GX4169" s="127"/>
      <c r="GY4169" s="126"/>
      <c r="GZ4169" s="91"/>
      <c r="HA4169" s="91"/>
      <c r="HB4169" s="91"/>
      <c r="HC4169" s="91"/>
      <c r="HD4169" s="91"/>
      <c r="HE4169" s="91"/>
      <c r="HF4169" s="91"/>
      <c r="HG4169" s="91"/>
      <c r="HH4169" s="91"/>
      <c r="HI4169" s="91"/>
      <c r="HJ4169" s="91"/>
      <c r="HK4169" s="127"/>
      <c r="HL4169" s="126"/>
      <c r="HM4169" s="91"/>
      <c r="HN4169" s="91"/>
      <c r="HO4169" s="91"/>
      <c r="HP4169" s="91"/>
      <c r="HQ4169" s="91"/>
      <c r="HR4169" s="91"/>
      <c r="HS4169" s="91"/>
      <c r="HT4169" s="91"/>
      <c r="HU4169" s="91"/>
      <c r="HV4169" s="91"/>
      <c r="HW4169" s="91"/>
      <c r="HX4169" s="127"/>
      <c r="HY4169" s="126"/>
      <c r="HZ4169" s="91"/>
      <c r="IA4169" s="91"/>
      <c r="IB4169" s="91"/>
      <c r="IC4169" s="91"/>
      <c r="ID4169" s="91"/>
      <c r="IE4169" s="91"/>
      <c r="IF4169" s="91"/>
      <c r="IG4169" s="91"/>
      <c r="IH4169" s="91"/>
      <c r="II4169" s="91"/>
      <c r="IJ4169" s="91"/>
      <c r="IK4169" s="174"/>
    </row>
    <row r="4170" spans="2:245" x14ac:dyDescent="0.2">
      <c r="B4170" s="43"/>
      <c r="C4170" s="73"/>
      <c r="D4170" s="64"/>
      <c r="E4170" s="64"/>
      <c r="F4170" s="55"/>
      <c r="G4170" s="102"/>
      <c r="H4170" s="97"/>
      <c r="T4170" s="98"/>
      <c r="U4170" s="97"/>
      <c r="AG4170" s="98"/>
      <c r="AY4170" s="164"/>
      <c r="BK4170" s="98"/>
      <c r="BL4170" s="97"/>
      <c r="BX4170" s="98"/>
      <c r="CL4170" s="97"/>
      <c r="CX4170" s="98"/>
      <c r="DL4170" s="97"/>
      <c r="DX4170" s="98"/>
      <c r="EL4170" s="97"/>
      <c r="EX4170" s="98"/>
      <c r="EY4170" s="97"/>
      <c r="FL4170" s="126"/>
      <c r="FM4170" s="91"/>
      <c r="FN4170" s="91"/>
      <c r="FO4170" s="91"/>
      <c r="FP4170" s="91"/>
      <c r="FQ4170" s="91"/>
      <c r="FR4170" s="91"/>
      <c r="FS4170" s="91"/>
      <c r="FT4170" s="91"/>
      <c r="FU4170" s="91"/>
      <c r="FV4170" s="91"/>
      <c r="FW4170" s="91"/>
      <c r="FX4170" s="127"/>
      <c r="FY4170" s="126"/>
      <c r="FZ4170" s="91"/>
      <c r="GA4170" s="91"/>
      <c r="GB4170" s="91"/>
      <c r="GC4170" s="91"/>
      <c r="GD4170" s="91"/>
      <c r="GE4170" s="91"/>
      <c r="GF4170" s="91"/>
      <c r="GG4170" s="91"/>
      <c r="GH4170" s="91"/>
      <c r="GI4170" s="91"/>
      <c r="GJ4170" s="91"/>
      <c r="GK4170" s="127"/>
      <c r="GL4170" s="126"/>
      <c r="GM4170" s="91"/>
      <c r="GN4170" s="91"/>
      <c r="GO4170" s="91"/>
      <c r="GP4170" s="91"/>
      <c r="GQ4170" s="91"/>
      <c r="GR4170" s="91"/>
      <c r="GS4170" s="91"/>
      <c r="GT4170" s="91"/>
      <c r="GU4170" s="91"/>
      <c r="GV4170" s="91"/>
      <c r="GW4170" s="91"/>
      <c r="GX4170" s="127"/>
      <c r="GY4170" s="126"/>
      <c r="GZ4170" s="91"/>
      <c r="HA4170" s="91"/>
      <c r="HB4170" s="91"/>
      <c r="HC4170" s="91"/>
      <c r="HD4170" s="91"/>
      <c r="HE4170" s="91"/>
      <c r="HF4170" s="91"/>
      <c r="HG4170" s="91"/>
      <c r="HH4170" s="91"/>
      <c r="HI4170" s="91"/>
      <c r="HJ4170" s="91"/>
      <c r="HK4170" s="127"/>
      <c r="HL4170" s="126"/>
      <c r="HM4170" s="91"/>
      <c r="HN4170" s="91"/>
      <c r="HO4170" s="91"/>
      <c r="HP4170" s="91"/>
      <c r="HQ4170" s="91"/>
      <c r="HR4170" s="91"/>
      <c r="HS4170" s="91"/>
      <c r="HT4170" s="91"/>
      <c r="HU4170" s="91"/>
      <c r="HV4170" s="91"/>
      <c r="HW4170" s="91"/>
      <c r="HX4170" s="127"/>
      <c r="HY4170" s="126"/>
      <c r="HZ4170" s="91"/>
      <c r="IA4170" s="91"/>
      <c r="IB4170" s="91"/>
      <c r="IC4170" s="91"/>
      <c r="ID4170" s="91"/>
      <c r="IE4170" s="91"/>
      <c r="IF4170" s="91"/>
      <c r="IG4170" s="91"/>
      <c r="IH4170" s="91"/>
      <c r="II4170" s="91"/>
      <c r="IJ4170" s="91"/>
      <c r="IK4170" s="174"/>
    </row>
    <row r="4171" spans="2:245" x14ac:dyDescent="0.2">
      <c r="B4171" s="43"/>
      <c r="C4171" s="73"/>
      <c r="D4171" s="64"/>
      <c r="E4171" s="64"/>
      <c r="F4171" s="55"/>
      <c r="G4171" s="102"/>
      <c r="H4171" s="97"/>
      <c r="T4171" s="98"/>
      <c r="U4171" s="97"/>
      <c r="AG4171" s="98"/>
      <c r="AY4171" s="164"/>
      <c r="BK4171" s="98"/>
      <c r="BL4171" s="97"/>
      <c r="BX4171" s="98"/>
      <c r="CL4171" s="97"/>
      <c r="CX4171" s="98"/>
      <c r="DL4171" s="97"/>
      <c r="DX4171" s="98"/>
      <c r="EL4171" s="97"/>
      <c r="EX4171" s="98"/>
      <c r="EY4171" s="97"/>
      <c r="FL4171" s="126"/>
      <c r="FM4171" s="91"/>
      <c r="FN4171" s="91"/>
      <c r="FO4171" s="91"/>
      <c r="FP4171" s="91"/>
      <c r="FQ4171" s="91"/>
      <c r="FR4171" s="91"/>
      <c r="FS4171" s="91"/>
      <c r="FT4171" s="91"/>
      <c r="FU4171" s="91"/>
      <c r="FV4171" s="91"/>
      <c r="FW4171" s="91"/>
      <c r="FX4171" s="127"/>
      <c r="FY4171" s="126"/>
      <c r="FZ4171" s="91"/>
      <c r="GA4171" s="91"/>
      <c r="GB4171" s="91"/>
      <c r="GC4171" s="91"/>
      <c r="GD4171" s="91"/>
      <c r="GE4171" s="91"/>
      <c r="GF4171" s="91"/>
      <c r="GG4171" s="91"/>
      <c r="GH4171" s="91"/>
      <c r="GI4171" s="91"/>
      <c r="GJ4171" s="91"/>
      <c r="GK4171" s="127"/>
      <c r="GL4171" s="126"/>
      <c r="GM4171" s="91"/>
      <c r="GN4171" s="91"/>
      <c r="GO4171" s="91"/>
      <c r="GP4171" s="91"/>
      <c r="GQ4171" s="91"/>
      <c r="GR4171" s="91"/>
      <c r="GS4171" s="91"/>
      <c r="GT4171" s="91"/>
      <c r="GU4171" s="91"/>
      <c r="GV4171" s="91"/>
      <c r="GW4171" s="91"/>
      <c r="GX4171" s="127"/>
      <c r="GY4171" s="126"/>
      <c r="GZ4171" s="91"/>
      <c r="HA4171" s="91"/>
      <c r="HB4171" s="91"/>
      <c r="HC4171" s="91"/>
      <c r="HD4171" s="91"/>
      <c r="HE4171" s="91"/>
      <c r="HF4171" s="91"/>
      <c r="HG4171" s="91"/>
      <c r="HH4171" s="91"/>
      <c r="HI4171" s="91"/>
      <c r="HJ4171" s="91"/>
      <c r="HK4171" s="127"/>
      <c r="HL4171" s="126"/>
      <c r="HM4171" s="91"/>
      <c r="HN4171" s="91"/>
      <c r="HO4171" s="91"/>
      <c r="HP4171" s="91"/>
      <c r="HQ4171" s="91"/>
      <c r="HR4171" s="91"/>
      <c r="HS4171" s="91"/>
      <c r="HT4171" s="91"/>
      <c r="HU4171" s="91"/>
      <c r="HV4171" s="91"/>
      <c r="HW4171" s="91"/>
      <c r="HX4171" s="127"/>
      <c r="HY4171" s="126"/>
      <c r="HZ4171" s="91"/>
      <c r="IA4171" s="91"/>
      <c r="IB4171" s="91"/>
      <c r="IC4171" s="91"/>
      <c r="ID4171" s="91"/>
      <c r="IE4171" s="91"/>
      <c r="IF4171" s="91"/>
      <c r="IG4171" s="91"/>
      <c r="IH4171" s="91"/>
      <c r="II4171" s="91"/>
      <c r="IJ4171" s="91"/>
      <c r="IK4171" s="174"/>
    </row>
    <row r="4172" spans="2:245" x14ac:dyDescent="0.2">
      <c r="B4172" s="43"/>
      <c r="C4172" s="73"/>
      <c r="D4172" s="64"/>
      <c r="E4172" s="64"/>
      <c r="F4172" s="55"/>
      <c r="G4172" s="102"/>
      <c r="H4172" s="97"/>
      <c r="T4172" s="98"/>
      <c r="U4172" s="97"/>
      <c r="AG4172" s="98"/>
      <c r="AY4172" s="164"/>
      <c r="BK4172" s="98"/>
      <c r="BL4172" s="97"/>
      <c r="BX4172" s="98"/>
      <c r="CL4172" s="97"/>
      <c r="CX4172" s="98"/>
      <c r="DL4172" s="97"/>
      <c r="DX4172" s="98"/>
      <c r="EL4172" s="97"/>
      <c r="EX4172" s="98"/>
      <c r="EY4172" s="97"/>
      <c r="FL4172" s="126"/>
      <c r="FM4172" s="91"/>
      <c r="FN4172" s="91"/>
      <c r="FO4172" s="91"/>
      <c r="FP4172" s="91"/>
      <c r="FQ4172" s="91"/>
      <c r="FR4172" s="91"/>
      <c r="FS4172" s="91"/>
      <c r="FT4172" s="91"/>
      <c r="FU4172" s="91"/>
      <c r="FV4172" s="91"/>
      <c r="FW4172" s="91"/>
      <c r="FX4172" s="127"/>
      <c r="FY4172" s="126"/>
      <c r="FZ4172" s="91"/>
      <c r="GA4172" s="91"/>
      <c r="GB4172" s="91"/>
      <c r="GC4172" s="91"/>
      <c r="GD4172" s="91"/>
      <c r="GE4172" s="91"/>
      <c r="GF4172" s="91"/>
      <c r="GG4172" s="91"/>
      <c r="GH4172" s="91"/>
      <c r="GI4172" s="91"/>
      <c r="GJ4172" s="91"/>
      <c r="GK4172" s="127"/>
      <c r="GL4172" s="126"/>
      <c r="GM4172" s="91"/>
      <c r="GN4172" s="91"/>
      <c r="GO4172" s="91"/>
      <c r="GP4172" s="91"/>
      <c r="GQ4172" s="91"/>
      <c r="GR4172" s="91"/>
      <c r="GS4172" s="91"/>
      <c r="GT4172" s="91"/>
      <c r="GU4172" s="91"/>
      <c r="GV4172" s="91"/>
      <c r="GW4172" s="91"/>
      <c r="GX4172" s="127"/>
      <c r="GY4172" s="126"/>
      <c r="GZ4172" s="91"/>
      <c r="HA4172" s="91"/>
      <c r="HB4172" s="91"/>
      <c r="HC4172" s="91"/>
      <c r="HD4172" s="91"/>
      <c r="HE4172" s="91"/>
      <c r="HF4172" s="91"/>
      <c r="HG4172" s="91"/>
      <c r="HH4172" s="91"/>
      <c r="HI4172" s="91"/>
      <c r="HJ4172" s="91"/>
      <c r="HK4172" s="127"/>
      <c r="HL4172" s="126"/>
      <c r="HM4172" s="91"/>
      <c r="HN4172" s="91"/>
      <c r="HO4172" s="91"/>
      <c r="HP4172" s="91"/>
      <c r="HQ4172" s="91"/>
      <c r="HR4172" s="91"/>
      <c r="HS4172" s="91"/>
      <c r="HT4172" s="91"/>
      <c r="HU4172" s="91"/>
      <c r="HV4172" s="91"/>
      <c r="HW4172" s="91"/>
      <c r="HX4172" s="127"/>
      <c r="HY4172" s="126"/>
      <c r="HZ4172" s="91"/>
      <c r="IA4172" s="91"/>
      <c r="IB4172" s="91"/>
      <c r="IC4172" s="91"/>
      <c r="ID4172" s="91"/>
      <c r="IE4172" s="91"/>
      <c r="IF4172" s="91"/>
      <c r="IG4172" s="91"/>
      <c r="IH4172" s="91"/>
      <c r="II4172" s="91"/>
      <c r="IJ4172" s="91"/>
      <c r="IK4172" s="174"/>
    </row>
    <row r="4173" spans="2:245" x14ac:dyDescent="0.2">
      <c r="B4173" s="43"/>
      <c r="C4173" s="73"/>
      <c r="D4173" s="64"/>
      <c r="E4173" s="64"/>
      <c r="F4173" s="55"/>
      <c r="G4173" s="102"/>
      <c r="H4173" s="97"/>
      <c r="T4173" s="98"/>
      <c r="U4173" s="97"/>
      <c r="AG4173" s="98"/>
      <c r="AY4173" s="164"/>
      <c r="BK4173" s="98"/>
      <c r="BL4173" s="97"/>
      <c r="BX4173" s="98"/>
      <c r="CL4173" s="97"/>
      <c r="CX4173" s="98"/>
      <c r="DL4173" s="97"/>
      <c r="DX4173" s="98"/>
      <c r="EL4173" s="97"/>
      <c r="EX4173" s="98"/>
      <c r="EY4173" s="97"/>
      <c r="FL4173" s="126"/>
      <c r="FM4173" s="91"/>
      <c r="FN4173" s="91"/>
      <c r="FO4173" s="91"/>
      <c r="FP4173" s="91"/>
      <c r="FQ4173" s="91"/>
      <c r="FR4173" s="91"/>
      <c r="FS4173" s="91"/>
      <c r="FT4173" s="91"/>
      <c r="FU4173" s="91"/>
      <c r="FV4173" s="91"/>
      <c r="FW4173" s="91"/>
      <c r="FX4173" s="127"/>
      <c r="FY4173" s="126"/>
      <c r="FZ4173" s="91"/>
      <c r="GA4173" s="91"/>
      <c r="GB4173" s="91"/>
      <c r="GC4173" s="91"/>
      <c r="GD4173" s="91"/>
      <c r="GE4173" s="91"/>
      <c r="GF4173" s="91"/>
      <c r="GG4173" s="91"/>
      <c r="GH4173" s="91"/>
      <c r="GI4173" s="91"/>
      <c r="GJ4173" s="91"/>
      <c r="GK4173" s="127"/>
      <c r="GL4173" s="126"/>
      <c r="GM4173" s="91"/>
      <c r="GN4173" s="91"/>
      <c r="GO4173" s="91"/>
      <c r="GP4173" s="91"/>
      <c r="GQ4173" s="91"/>
      <c r="GR4173" s="91"/>
      <c r="GS4173" s="91"/>
      <c r="GT4173" s="91"/>
      <c r="GU4173" s="91"/>
      <c r="GV4173" s="91"/>
      <c r="GW4173" s="91"/>
      <c r="GX4173" s="127"/>
      <c r="GY4173" s="126"/>
      <c r="GZ4173" s="91"/>
      <c r="HA4173" s="91"/>
      <c r="HB4173" s="91"/>
      <c r="HC4173" s="91"/>
      <c r="HD4173" s="91"/>
      <c r="HE4173" s="91"/>
      <c r="HF4173" s="91"/>
      <c r="HG4173" s="91"/>
      <c r="HH4173" s="91"/>
      <c r="HI4173" s="91"/>
      <c r="HJ4173" s="91"/>
      <c r="HK4173" s="127"/>
      <c r="HL4173" s="126"/>
      <c r="HM4173" s="91"/>
      <c r="HN4173" s="91"/>
      <c r="HO4173" s="91"/>
      <c r="HP4173" s="91"/>
      <c r="HQ4173" s="91"/>
      <c r="HR4173" s="91"/>
      <c r="HS4173" s="91"/>
      <c r="HT4173" s="91"/>
      <c r="HU4173" s="91"/>
      <c r="HV4173" s="91"/>
      <c r="HW4173" s="91"/>
      <c r="HX4173" s="127"/>
      <c r="HY4173" s="126"/>
      <c r="HZ4173" s="91"/>
      <c r="IA4173" s="91"/>
      <c r="IB4173" s="91"/>
      <c r="IC4173" s="91"/>
      <c r="ID4173" s="91"/>
      <c r="IE4173" s="91"/>
      <c r="IF4173" s="91"/>
      <c r="IG4173" s="91"/>
      <c r="IH4173" s="91"/>
      <c r="II4173" s="91"/>
      <c r="IJ4173" s="91"/>
      <c r="IK4173" s="174"/>
    </row>
    <row r="4174" spans="2:245" x14ac:dyDescent="0.2">
      <c r="B4174" s="43"/>
      <c r="C4174" s="73"/>
      <c r="D4174" s="64"/>
      <c r="E4174" s="64"/>
      <c r="F4174" s="55"/>
      <c r="G4174" s="102"/>
      <c r="H4174" s="97"/>
      <c r="T4174" s="98"/>
      <c r="U4174" s="97"/>
      <c r="AG4174" s="98"/>
      <c r="AY4174" s="164"/>
      <c r="BK4174" s="98"/>
      <c r="BL4174" s="97"/>
      <c r="BX4174" s="98"/>
      <c r="CL4174" s="97"/>
      <c r="CX4174" s="98"/>
      <c r="DL4174" s="97"/>
      <c r="DX4174" s="98"/>
      <c r="EL4174" s="97"/>
      <c r="EX4174" s="98"/>
      <c r="EY4174" s="97"/>
      <c r="FL4174" s="126"/>
      <c r="FM4174" s="91"/>
      <c r="FN4174" s="91"/>
      <c r="FO4174" s="91"/>
      <c r="FP4174" s="91"/>
      <c r="FQ4174" s="91"/>
      <c r="FR4174" s="91"/>
      <c r="FS4174" s="91"/>
      <c r="FT4174" s="91"/>
      <c r="FU4174" s="91"/>
      <c r="FV4174" s="91"/>
      <c r="FW4174" s="91"/>
      <c r="FX4174" s="127"/>
      <c r="FY4174" s="126"/>
      <c r="FZ4174" s="91"/>
      <c r="GA4174" s="91"/>
      <c r="GB4174" s="91"/>
      <c r="GC4174" s="91"/>
      <c r="GD4174" s="91"/>
      <c r="GE4174" s="91"/>
      <c r="GF4174" s="91"/>
      <c r="GG4174" s="91"/>
      <c r="GH4174" s="91"/>
      <c r="GI4174" s="91"/>
      <c r="GJ4174" s="91"/>
      <c r="GK4174" s="127"/>
      <c r="GL4174" s="126"/>
      <c r="GM4174" s="91"/>
      <c r="GN4174" s="91"/>
      <c r="GO4174" s="91"/>
      <c r="GP4174" s="91"/>
      <c r="GQ4174" s="91"/>
      <c r="GR4174" s="91"/>
      <c r="GS4174" s="91"/>
      <c r="GT4174" s="91"/>
      <c r="GU4174" s="91"/>
      <c r="GV4174" s="91"/>
      <c r="GW4174" s="91"/>
      <c r="GX4174" s="127"/>
      <c r="GY4174" s="126"/>
      <c r="GZ4174" s="91"/>
      <c r="HA4174" s="91"/>
      <c r="HB4174" s="91"/>
      <c r="HC4174" s="91"/>
      <c r="HD4174" s="91"/>
      <c r="HE4174" s="91"/>
      <c r="HF4174" s="91"/>
      <c r="HG4174" s="91"/>
      <c r="HH4174" s="91"/>
      <c r="HI4174" s="91"/>
      <c r="HJ4174" s="91"/>
      <c r="HK4174" s="127"/>
      <c r="HL4174" s="126"/>
      <c r="HM4174" s="91"/>
      <c r="HN4174" s="91"/>
      <c r="HO4174" s="91"/>
      <c r="HP4174" s="91"/>
      <c r="HQ4174" s="91"/>
      <c r="HR4174" s="91"/>
      <c r="HS4174" s="91"/>
      <c r="HT4174" s="91"/>
      <c r="HU4174" s="91"/>
      <c r="HV4174" s="91"/>
      <c r="HW4174" s="91"/>
      <c r="HX4174" s="127"/>
      <c r="HY4174" s="126"/>
      <c r="HZ4174" s="91"/>
      <c r="IA4174" s="91"/>
      <c r="IB4174" s="91"/>
      <c r="IC4174" s="91"/>
      <c r="ID4174" s="91"/>
      <c r="IE4174" s="91"/>
      <c r="IF4174" s="91"/>
      <c r="IG4174" s="91"/>
      <c r="IH4174" s="91"/>
      <c r="II4174" s="91"/>
      <c r="IJ4174" s="91"/>
      <c r="IK4174" s="174"/>
    </row>
    <row r="4175" spans="2:245" x14ac:dyDescent="0.2">
      <c r="B4175" s="43"/>
      <c r="C4175" s="73"/>
      <c r="D4175" s="64"/>
      <c r="E4175" s="64"/>
      <c r="F4175" s="55"/>
      <c r="G4175" s="102"/>
      <c r="H4175" s="97"/>
      <c r="T4175" s="98"/>
      <c r="U4175" s="97"/>
      <c r="AG4175" s="98"/>
      <c r="AY4175" s="164"/>
      <c r="BK4175" s="98"/>
      <c r="BL4175" s="97"/>
      <c r="BX4175" s="98"/>
      <c r="CL4175" s="97"/>
      <c r="CX4175" s="98"/>
      <c r="DL4175" s="97"/>
      <c r="DX4175" s="98"/>
      <c r="EL4175" s="97"/>
      <c r="EX4175" s="98"/>
      <c r="EY4175" s="97"/>
      <c r="FL4175" s="126"/>
      <c r="FM4175" s="91"/>
      <c r="FN4175" s="91"/>
      <c r="FO4175" s="91"/>
      <c r="FP4175" s="91"/>
      <c r="FQ4175" s="91"/>
      <c r="FR4175" s="91"/>
      <c r="FS4175" s="91"/>
      <c r="FT4175" s="91"/>
      <c r="FU4175" s="91"/>
      <c r="FV4175" s="91"/>
      <c r="FW4175" s="91"/>
      <c r="FX4175" s="127"/>
      <c r="FY4175" s="126"/>
      <c r="FZ4175" s="91"/>
      <c r="GA4175" s="91"/>
      <c r="GB4175" s="91"/>
      <c r="GC4175" s="91"/>
      <c r="GD4175" s="91"/>
      <c r="GE4175" s="91"/>
      <c r="GF4175" s="91"/>
      <c r="GG4175" s="91"/>
      <c r="GH4175" s="91"/>
      <c r="GI4175" s="91"/>
      <c r="GJ4175" s="91"/>
      <c r="GK4175" s="127"/>
      <c r="GL4175" s="126"/>
      <c r="GM4175" s="91"/>
      <c r="GN4175" s="91"/>
      <c r="GO4175" s="91"/>
      <c r="GP4175" s="91"/>
      <c r="GQ4175" s="91"/>
      <c r="GR4175" s="91"/>
      <c r="GS4175" s="91"/>
      <c r="GT4175" s="91"/>
      <c r="GU4175" s="91"/>
      <c r="GV4175" s="91"/>
      <c r="GW4175" s="91"/>
      <c r="GX4175" s="127"/>
      <c r="GY4175" s="126"/>
      <c r="GZ4175" s="91"/>
      <c r="HA4175" s="91"/>
      <c r="HB4175" s="91"/>
      <c r="HC4175" s="91"/>
      <c r="HD4175" s="91"/>
      <c r="HE4175" s="91"/>
      <c r="HF4175" s="91"/>
      <c r="HG4175" s="91"/>
      <c r="HH4175" s="91"/>
      <c r="HI4175" s="91"/>
      <c r="HJ4175" s="91"/>
      <c r="HK4175" s="127"/>
      <c r="HL4175" s="126"/>
      <c r="HM4175" s="91"/>
      <c r="HN4175" s="91"/>
      <c r="HO4175" s="91"/>
      <c r="HP4175" s="91"/>
      <c r="HQ4175" s="91"/>
      <c r="HR4175" s="91"/>
      <c r="HS4175" s="91"/>
      <c r="HT4175" s="91"/>
      <c r="HU4175" s="91"/>
      <c r="HV4175" s="91"/>
      <c r="HW4175" s="91"/>
      <c r="HX4175" s="127"/>
      <c r="HY4175" s="126"/>
      <c r="HZ4175" s="91"/>
      <c r="IA4175" s="91"/>
      <c r="IB4175" s="91"/>
      <c r="IC4175" s="91"/>
      <c r="ID4175" s="91"/>
      <c r="IE4175" s="91"/>
      <c r="IF4175" s="91"/>
      <c r="IG4175" s="91"/>
      <c r="IH4175" s="91"/>
      <c r="II4175" s="91"/>
      <c r="IJ4175" s="91"/>
      <c r="IK4175" s="174"/>
    </row>
    <row r="4176" spans="2:245" x14ac:dyDescent="0.2">
      <c r="B4176" s="43"/>
      <c r="C4176" s="73"/>
      <c r="D4176" s="64"/>
      <c r="E4176" s="64"/>
      <c r="F4176" s="55"/>
      <c r="G4176" s="102"/>
      <c r="H4176" s="97"/>
      <c r="T4176" s="98"/>
      <c r="U4176" s="97"/>
      <c r="AG4176" s="98"/>
      <c r="AY4176" s="164"/>
      <c r="BK4176" s="98"/>
      <c r="BL4176" s="97"/>
      <c r="BX4176" s="98"/>
      <c r="CL4176" s="97"/>
      <c r="CX4176" s="98"/>
      <c r="DL4176" s="97"/>
      <c r="DX4176" s="98"/>
      <c r="EL4176" s="97"/>
      <c r="EX4176" s="98"/>
      <c r="EY4176" s="97"/>
      <c r="FL4176" s="126"/>
      <c r="FM4176" s="91"/>
      <c r="FN4176" s="91"/>
      <c r="FO4176" s="91"/>
      <c r="FP4176" s="91"/>
      <c r="FQ4176" s="91"/>
      <c r="FR4176" s="91"/>
      <c r="FS4176" s="91"/>
      <c r="FT4176" s="91"/>
      <c r="FU4176" s="91"/>
      <c r="FV4176" s="91"/>
      <c r="FW4176" s="91"/>
      <c r="FX4176" s="127"/>
      <c r="FY4176" s="126"/>
      <c r="FZ4176" s="91"/>
      <c r="GA4176" s="91"/>
      <c r="GB4176" s="91"/>
      <c r="GC4176" s="91"/>
      <c r="GD4176" s="91"/>
      <c r="GE4176" s="91"/>
      <c r="GF4176" s="91"/>
      <c r="GG4176" s="91"/>
      <c r="GH4176" s="91"/>
      <c r="GI4176" s="91"/>
      <c r="GJ4176" s="91"/>
      <c r="GK4176" s="127"/>
      <c r="GL4176" s="126"/>
      <c r="GM4176" s="91"/>
      <c r="GN4176" s="91"/>
      <c r="GO4176" s="91"/>
      <c r="GP4176" s="91"/>
      <c r="GQ4176" s="91"/>
      <c r="GR4176" s="91"/>
      <c r="GS4176" s="91"/>
      <c r="GT4176" s="91"/>
      <c r="GU4176" s="91"/>
      <c r="GV4176" s="91"/>
      <c r="GW4176" s="91"/>
      <c r="GX4176" s="127"/>
      <c r="GY4176" s="126"/>
      <c r="GZ4176" s="91"/>
      <c r="HA4176" s="91"/>
      <c r="HB4176" s="91"/>
      <c r="HC4176" s="91"/>
      <c r="HD4176" s="91"/>
      <c r="HE4176" s="91"/>
      <c r="HF4176" s="91"/>
      <c r="HG4176" s="91"/>
      <c r="HH4176" s="91"/>
      <c r="HI4176" s="91"/>
      <c r="HJ4176" s="91"/>
      <c r="HK4176" s="127"/>
      <c r="HL4176" s="126"/>
      <c r="HM4176" s="91"/>
      <c r="HN4176" s="91"/>
      <c r="HO4176" s="91"/>
      <c r="HP4176" s="91"/>
      <c r="HQ4176" s="91"/>
      <c r="HR4176" s="91"/>
      <c r="HS4176" s="91"/>
      <c r="HT4176" s="91"/>
      <c r="HU4176" s="91"/>
      <c r="HV4176" s="91"/>
      <c r="HW4176" s="91"/>
      <c r="HX4176" s="127"/>
      <c r="HY4176" s="126"/>
      <c r="HZ4176" s="91"/>
      <c r="IA4176" s="91"/>
      <c r="IB4176" s="91"/>
      <c r="IC4176" s="91"/>
      <c r="ID4176" s="91"/>
      <c r="IE4176" s="91"/>
      <c r="IF4176" s="91"/>
      <c r="IG4176" s="91"/>
      <c r="IH4176" s="91"/>
      <c r="II4176" s="91"/>
      <c r="IJ4176" s="91"/>
      <c r="IK4176" s="174"/>
    </row>
    <row r="4177" spans="2:245" x14ac:dyDescent="0.2">
      <c r="B4177" s="43"/>
      <c r="C4177" s="73"/>
      <c r="D4177" s="64"/>
      <c r="E4177" s="64"/>
      <c r="F4177" s="55"/>
      <c r="G4177" s="102"/>
      <c r="H4177" s="97"/>
      <c r="T4177" s="98"/>
      <c r="U4177" s="97"/>
      <c r="AG4177" s="98"/>
      <c r="AY4177" s="164"/>
      <c r="BK4177" s="98"/>
      <c r="BL4177" s="97"/>
      <c r="BX4177" s="98"/>
      <c r="CL4177" s="97"/>
      <c r="CX4177" s="98"/>
      <c r="DL4177" s="97"/>
      <c r="DX4177" s="98"/>
      <c r="EL4177" s="97"/>
      <c r="EX4177" s="98"/>
      <c r="EY4177" s="97"/>
      <c r="FL4177" s="126"/>
      <c r="FM4177" s="91"/>
      <c r="FN4177" s="91"/>
      <c r="FO4177" s="91"/>
      <c r="FP4177" s="91"/>
      <c r="FQ4177" s="91"/>
      <c r="FR4177" s="91"/>
      <c r="FS4177" s="91"/>
      <c r="FT4177" s="91"/>
      <c r="FU4177" s="91"/>
      <c r="FV4177" s="91"/>
      <c r="FW4177" s="91"/>
      <c r="FX4177" s="127"/>
      <c r="FY4177" s="126"/>
      <c r="FZ4177" s="91"/>
      <c r="GA4177" s="91"/>
      <c r="GB4177" s="91"/>
      <c r="GC4177" s="91"/>
      <c r="GD4177" s="91"/>
      <c r="GE4177" s="91"/>
      <c r="GF4177" s="91"/>
      <c r="GG4177" s="91"/>
      <c r="GH4177" s="91"/>
      <c r="GI4177" s="91"/>
      <c r="GJ4177" s="91"/>
      <c r="GK4177" s="127"/>
      <c r="GL4177" s="126"/>
      <c r="GM4177" s="91"/>
      <c r="GN4177" s="91"/>
      <c r="GO4177" s="91"/>
      <c r="GP4177" s="91"/>
      <c r="GQ4177" s="91"/>
      <c r="GR4177" s="91"/>
      <c r="GS4177" s="91"/>
      <c r="GT4177" s="91"/>
      <c r="GU4177" s="91"/>
      <c r="GV4177" s="91"/>
      <c r="GW4177" s="91"/>
      <c r="GX4177" s="127"/>
      <c r="GY4177" s="126"/>
      <c r="GZ4177" s="91"/>
      <c r="HA4177" s="91"/>
      <c r="HB4177" s="91"/>
      <c r="HC4177" s="91"/>
      <c r="HD4177" s="91"/>
      <c r="HE4177" s="91"/>
      <c r="HF4177" s="91"/>
      <c r="HG4177" s="91"/>
      <c r="HH4177" s="91"/>
      <c r="HI4177" s="91"/>
      <c r="HJ4177" s="91"/>
      <c r="HK4177" s="127"/>
      <c r="HL4177" s="126"/>
      <c r="HM4177" s="91"/>
      <c r="HN4177" s="91"/>
      <c r="HO4177" s="91"/>
      <c r="HP4177" s="91"/>
      <c r="HQ4177" s="91"/>
      <c r="HR4177" s="91"/>
      <c r="HS4177" s="91"/>
      <c r="HT4177" s="91"/>
      <c r="HU4177" s="91"/>
      <c r="HV4177" s="91"/>
      <c r="HW4177" s="91"/>
      <c r="HX4177" s="127"/>
      <c r="HY4177" s="126"/>
      <c r="HZ4177" s="91"/>
      <c r="IA4177" s="91"/>
      <c r="IB4177" s="91"/>
      <c r="IC4177" s="91"/>
      <c r="ID4177" s="91"/>
      <c r="IE4177" s="91"/>
      <c r="IF4177" s="91"/>
      <c r="IG4177" s="91"/>
      <c r="IH4177" s="91"/>
      <c r="II4177" s="91"/>
      <c r="IJ4177" s="91"/>
      <c r="IK4177" s="174"/>
    </row>
    <row r="4178" spans="2:245" x14ac:dyDescent="0.2">
      <c r="B4178" s="43"/>
      <c r="C4178" s="73"/>
      <c r="D4178" s="64"/>
      <c r="E4178" s="64"/>
      <c r="F4178" s="55"/>
      <c r="G4178" s="102"/>
      <c r="H4178" s="97"/>
      <c r="T4178" s="98"/>
      <c r="U4178" s="97"/>
      <c r="AG4178" s="98"/>
      <c r="AY4178" s="164"/>
      <c r="BK4178" s="98"/>
      <c r="BL4178" s="97"/>
      <c r="BX4178" s="98"/>
      <c r="CL4178" s="97"/>
      <c r="CX4178" s="98"/>
      <c r="DL4178" s="97"/>
      <c r="DX4178" s="98"/>
      <c r="EL4178" s="97"/>
      <c r="EX4178" s="98"/>
      <c r="EY4178" s="97"/>
      <c r="FL4178" s="126"/>
      <c r="FM4178" s="91"/>
      <c r="FN4178" s="91"/>
      <c r="FO4178" s="91"/>
      <c r="FP4178" s="91"/>
      <c r="FQ4178" s="91"/>
      <c r="FR4178" s="91"/>
      <c r="FS4178" s="91"/>
      <c r="FT4178" s="91"/>
      <c r="FU4178" s="91"/>
      <c r="FV4178" s="91"/>
      <c r="FW4178" s="91"/>
      <c r="FX4178" s="127"/>
      <c r="FY4178" s="126"/>
      <c r="FZ4178" s="91"/>
      <c r="GA4178" s="91"/>
      <c r="GB4178" s="91"/>
      <c r="GC4178" s="91"/>
      <c r="GD4178" s="91"/>
      <c r="GE4178" s="91"/>
      <c r="GF4178" s="91"/>
      <c r="GG4178" s="91"/>
      <c r="GH4178" s="91"/>
      <c r="GI4178" s="91"/>
      <c r="GJ4178" s="91"/>
      <c r="GK4178" s="127"/>
      <c r="GL4178" s="126"/>
      <c r="GM4178" s="91"/>
      <c r="GN4178" s="91"/>
      <c r="GO4178" s="91"/>
      <c r="GP4178" s="91"/>
      <c r="GQ4178" s="91"/>
      <c r="GR4178" s="91"/>
      <c r="GS4178" s="91"/>
      <c r="GT4178" s="91"/>
      <c r="GU4178" s="91"/>
      <c r="GV4178" s="91"/>
      <c r="GW4178" s="91"/>
      <c r="GX4178" s="127"/>
      <c r="GY4178" s="126"/>
      <c r="GZ4178" s="91"/>
      <c r="HA4178" s="91"/>
      <c r="HB4178" s="91"/>
      <c r="HC4178" s="91"/>
      <c r="HD4178" s="91"/>
      <c r="HE4178" s="91"/>
      <c r="HF4178" s="91"/>
      <c r="HG4178" s="91"/>
      <c r="HH4178" s="91"/>
      <c r="HI4178" s="91"/>
      <c r="HJ4178" s="91"/>
      <c r="HK4178" s="127"/>
      <c r="HL4178" s="126"/>
      <c r="HM4178" s="91"/>
      <c r="HN4178" s="91"/>
      <c r="HO4178" s="91"/>
      <c r="HP4178" s="91"/>
      <c r="HQ4178" s="91"/>
      <c r="HR4178" s="91"/>
      <c r="HS4178" s="91"/>
      <c r="HT4178" s="91"/>
      <c r="HU4178" s="91"/>
      <c r="HV4178" s="91"/>
      <c r="HW4178" s="91"/>
      <c r="HX4178" s="127"/>
      <c r="HY4178" s="126"/>
      <c r="HZ4178" s="91"/>
      <c r="IA4178" s="91"/>
      <c r="IB4178" s="91"/>
      <c r="IC4178" s="91"/>
      <c r="ID4178" s="91"/>
      <c r="IE4178" s="91"/>
      <c r="IF4178" s="91"/>
      <c r="IG4178" s="91"/>
      <c r="IH4178" s="91"/>
      <c r="II4178" s="91"/>
      <c r="IJ4178" s="91"/>
      <c r="IK4178" s="174"/>
    </row>
    <row r="4179" spans="2:245" x14ac:dyDescent="0.2">
      <c r="B4179" s="43"/>
      <c r="C4179" s="73"/>
      <c r="D4179" s="64"/>
      <c r="E4179" s="64"/>
      <c r="F4179" s="55"/>
      <c r="G4179" s="102"/>
      <c r="H4179" s="97"/>
      <c r="T4179" s="98"/>
      <c r="U4179" s="97"/>
      <c r="AG4179" s="98"/>
      <c r="AY4179" s="164"/>
      <c r="BK4179" s="98"/>
      <c r="BL4179" s="97"/>
      <c r="BX4179" s="98"/>
      <c r="CL4179" s="97"/>
      <c r="CX4179" s="98"/>
      <c r="DL4179" s="97"/>
      <c r="DX4179" s="98"/>
      <c r="EL4179" s="97"/>
      <c r="EX4179" s="98"/>
      <c r="EY4179" s="97"/>
      <c r="FL4179" s="126"/>
      <c r="FM4179" s="91"/>
      <c r="FN4179" s="91"/>
      <c r="FO4179" s="91"/>
      <c r="FP4179" s="91"/>
      <c r="FQ4179" s="91"/>
      <c r="FR4179" s="91"/>
      <c r="FS4179" s="91"/>
      <c r="FT4179" s="91"/>
      <c r="FU4179" s="91"/>
      <c r="FV4179" s="91"/>
      <c r="FW4179" s="91"/>
      <c r="FX4179" s="127"/>
      <c r="FY4179" s="126"/>
      <c r="FZ4179" s="91"/>
      <c r="GA4179" s="91"/>
      <c r="GB4179" s="91"/>
      <c r="GC4179" s="91"/>
      <c r="GD4179" s="91"/>
      <c r="GE4179" s="91"/>
      <c r="GF4179" s="91"/>
      <c r="GG4179" s="91"/>
      <c r="GH4179" s="91"/>
      <c r="GI4179" s="91"/>
      <c r="GJ4179" s="91"/>
      <c r="GK4179" s="127"/>
      <c r="GL4179" s="126"/>
      <c r="GM4179" s="91"/>
      <c r="GN4179" s="91"/>
      <c r="GO4179" s="91"/>
      <c r="GP4179" s="91"/>
      <c r="GQ4179" s="91"/>
      <c r="GR4179" s="91"/>
      <c r="GS4179" s="91"/>
      <c r="GT4179" s="91"/>
      <c r="GU4179" s="91"/>
      <c r="GV4179" s="91"/>
      <c r="GW4179" s="91"/>
      <c r="GX4179" s="127"/>
      <c r="GY4179" s="126"/>
      <c r="GZ4179" s="91"/>
      <c r="HA4179" s="91"/>
      <c r="HB4179" s="91"/>
      <c r="HC4179" s="91"/>
      <c r="HD4179" s="91"/>
      <c r="HE4179" s="91"/>
      <c r="HF4179" s="91"/>
      <c r="HG4179" s="91"/>
      <c r="HH4179" s="91"/>
      <c r="HI4179" s="91"/>
      <c r="HJ4179" s="91"/>
      <c r="HK4179" s="127"/>
      <c r="HL4179" s="126"/>
      <c r="HM4179" s="91"/>
      <c r="HN4179" s="91"/>
      <c r="HO4179" s="91"/>
      <c r="HP4179" s="91"/>
      <c r="HQ4179" s="91"/>
      <c r="HR4179" s="91"/>
      <c r="HS4179" s="91"/>
      <c r="HT4179" s="91"/>
      <c r="HU4179" s="91"/>
      <c r="HV4179" s="91"/>
      <c r="HW4179" s="91"/>
      <c r="HX4179" s="127"/>
      <c r="HY4179" s="126"/>
      <c r="HZ4179" s="91"/>
      <c r="IA4179" s="91"/>
      <c r="IB4179" s="91"/>
      <c r="IC4179" s="91"/>
      <c r="ID4179" s="91"/>
      <c r="IE4179" s="91"/>
      <c r="IF4179" s="91"/>
      <c r="IG4179" s="91"/>
      <c r="IH4179" s="91"/>
      <c r="II4179" s="91"/>
      <c r="IJ4179" s="91"/>
      <c r="IK4179" s="174"/>
    </row>
    <row r="4180" spans="2:245" x14ac:dyDescent="0.2">
      <c r="B4180" s="43"/>
      <c r="C4180" s="73"/>
      <c r="D4180" s="64"/>
      <c r="E4180" s="64"/>
      <c r="F4180" s="55"/>
      <c r="G4180" s="102"/>
      <c r="H4180" s="97"/>
      <c r="T4180" s="98"/>
      <c r="U4180" s="97"/>
      <c r="AG4180" s="98"/>
      <c r="AY4180" s="164"/>
      <c r="BK4180" s="98"/>
      <c r="BL4180" s="97"/>
      <c r="BX4180" s="98"/>
      <c r="CL4180" s="97"/>
      <c r="CX4180" s="98"/>
      <c r="DL4180" s="97"/>
      <c r="DX4180" s="98"/>
      <c r="EL4180" s="97"/>
      <c r="EX4180" s="98"/>
      <c r="EY4180" s="97"/>
      <c r="FL4180" s="126"/>
      <c r="FM4180" s="91"/>
      <c r="FN4180" s="91"/>
      <c r="FO4180" s="91"/>
      <c r="FP4180" s="91"/>
      <c r="FQ4180" s="91"/>
      <c r="FR4180" s="91"/>
      <c r="FS4180" s="91"/>
      <c r="FT4180" s="91"/>
      <c r="FU4180" s="91"/>
      <c r="FV4180" s="91"/>
      <c r="FW4180" s="91"/>
      <c r="FX4180" s="127"/>
      <c r="FY4180" s="126"/>
      <c r="FZ4180" s="91"/>
      <c r="GA4180" s="91"/>
      <c r="GB4180" s="91"/>
      <c r="GC4180" s="91"/>
      <c r="GD4180" s="91"/>
      <c r="GE4180" s="91"/>
      <c r="GF4180" s="91"/>
      <c r="GG4180" s="91"/>
      <c r="GH4180" s="91"/>
      <c r="GI4180" s="91"/>
      <c r="GJ4180" s="91"/>
      <c r="GK4180" s="127"/>
      <c r="GL4180" s="126"/>
      <c r="GM4180" s="91"/>
      <c r="GN4180" s="91"/>
      <c r="GO4180" s="91"/>
      <c r="GP4180" s="91"/>
      <c r="GQ4180" s="91"/>
      <c r="GR4180" s="91"/>
      <c r="GS4180" s="91"/>
      <c r="GT4180" s="91"/>
      <c r="GU4180" s="91"/>
      <c r="GV4180" s="91"/>
      <c r="GW4180" s="91"/>
      <c r="GX4180" s="127"/>
      <c r="GY4180" s="126"/>
      <c r="GZ4180" s="91"/>
      <c r="HA4180" s="91"/>
      <c r="HB4180" s="91"/>
      <c r="HC4180" s="91"/>
      <c r="HD4180" s="91"/>
      <c r="HE4180" s="91"/>
      <c r="HF4180" s="91"/>
      <c r="HG4180" s="91"/>
      <c r="HH4180" s="91"/>
      <c r="HI4180" s="91"/>
      <c r="HJ4180" s="91"/>
      <c r="HK4180" s="127"/>
      <c r="HL4180" s="126"/>
      <c r="HM4180" s="91"/>
      <c r="HN4180" s="91"/>
      <c r="HO4180" s="91"/>
      <c r="HP4180" s="91"/>
      <c r="HQ4180" s="91"/>
      <c r="HR4180" s="91"/>
      <c r="HS4180" s="91"/>
      <c r="HT4180" s="91"/>
      <c r="HU4180" s="91"/>
      <c r="HV4180" s="91"/>
      <c r="HW4180" s="91"/>
      <c r="HX4180" s="127"/>
      <c r="HY4180" s="126"/>
      <c r="HZ4180" s="91"/>
      <c r="IA4180" s="91"/>
      <c r="IB4180" s="91"/>
      <c r="IC4180" s="91"/>
      <c r="ID4180" s="91"/>
      <c r="IE4180" s="91"/>
      <c r="IF4180" s="91"/>
      <c r="IG4180" s="91"/>
      <c r="IH4180" s="91"/>
      <c r="II4180" s="91"/>
      <c r="IJ4180" s="91"/>
      <c r="IK4180" s="174"/>
    </row>
    <row r="4181" spans="2:245" x14ac:dyDescent="0.2">
      <c r="B4181" s="43"/>
      <c r="C4181" s="73"/>
      <c r="D4181" s="64"/>
      <c r="E4181" s="64"/>
      <c r="F4181" s="55"/>
      <c r="G4181" s="102"/>
      <c r="H4181" s="97"/>
      <c r="T4181" s="98"/>
      <c r="U4181" s="97"/>
      <c r="AG4181" s="98"/>
      <c r="AY4181" s="164"/>
      <c r="BK4181" s="98"/>
      <c r="BL4181" s="97"/>
      <c r="BX4181" s="98"/>
      <c r="CL4181" s="97"/>
      <c r="CX4181" s="98"/>
      <c r="DL4181" s="97"/>
      <c r="DX4181" s="98"/>
      <c r="EL4181" s="97"/>
      <c r="EX4181" s="98"/>
      <c r="EY4181" s="97"/>
      <c r="FL4181" s="126"/>
      <c r="FM4181" s="91"/>
      <c r="FN4181" s="91"/>
      <c r="FO4181" s="91"/>
      <c r="FP4181" s="91"/>
      <c r="FQ4181" s="91"/>
      <c r="FR4181" s="91"/>
      <c r="FS4181" s="91"/>
      <c r="FT4181" s="91"/>
      <c r="FU4181" s="91"/>
      <c r="FV4181" s="91"/>
      <c r="FW4181" s="91"/>
      <c r="FX4181" s="127"/>
      <c r="FY4181" s="126"/>
      <c r="FZ4181" s="91"/>
      <c r="GA4181" s="91"/>
      <c r="GB4181" s="91"/>
      <c r="GC4181" s="91"/>
      <c r="GD4181" s="91"/>
      <c r="GE4181" s="91"/>
      <c r="GF4181" s="91"/>
      <c r="GG4181" s="91"/>
      <c r="GH4181" s="91"/>
      <c r="GI4181" s="91"/>
      <c r="GJ4181" s="91"/>
      <c r="GK4181" s="127"/>
      <c r="GL4181" s="126"/>
      <c r="GM4181" s="91"/>
      <c r="GN4181" s="91"/>
      <c r="GO4181" s="91"/>
      <c r="GP4181" s="91"/>
      <c r="GQ4181" s="91"/>
      <c r="GR4181" s="91"/>
      <c r="GS4181" s="91"/>
      <c r="GT4181" s="91"/>
      <c r="GU4181" s="91"/>
      <c r="GV4181" s="91"/>
      <c r="GW4181" s="91"/>
      <c r="GX4181" s="127"/>
      <c r="GY4181" s="126"/>
      <c r="GZ4181" s="91"/>
      <c r="HA4181" s="91"/>
      <c r="HB4181" s="91"/>
      <c r="HC4181" s="91"/>
      <c r="HD4181" s="91"/>
      <c r="HE4181" s="91"/>
      <c r="HF4181" s="91"/>
      <c r="HG4181" s="91"/>
      <c r="HH4181" s="91"/>
      <c r="HI4181" s="91"/>
      <c r="HJ4181" s="91"/>
      <c r="HK4181" s="127"/>
      <c r="HL4181" s="126"/>
      <c r="HM4181" s="91"/>
      <c r="HN4181" s="91"/>
      <c r="HO4181" s="91"/>
      <c r="HP4181" s="91"/>
      <c r="HQ4181" s="91"/>
      <c r="HR4181" s="91"/>
      <c r="HS4181" s="91"/>
      <c r="HT4181" s="91"/>
      <c r="HU4181" s="91"/>
      <c r="HV4181" s="91"/>
      <c r="HW4181" s="91"/>
      <c r="HX4181" s="127"/>
      <c r="HY4181" s="126"/>
      <c r="HZ4181" s="91"/>
      <c r="IA4181" s="91"/>
      <c r="IB4181" s="91"/>
      <c r="IC4181" s="91"/>
      <c r="ID4181" s="91"/>
      <c r="IE4181" s="91"/>
      <c r="IF4181" s="91"/>
      <c r="IG4181" s="91"/>
      <c r="IH4181" s="91"/>
      <c r="II4181" s="91"/>
      <c r="IJ4181" s="91"/>
      <c r="IK4181" s="174"/>
    </row>
    <row r="4182" spans="2:245" x14ac:dyDescent="0.2">
      <c r="B4182" s="43"/>
      <c r="C4182" s="73"/>
      <c r="D4182" s="64"/>
      <c r="E4182" s="64"/>
      <c r="F4182" s="55"/>
      <c r="G4182" s="102"/>
      <c r="H4182" s="97"/>
      <c r="T4182" s="98"/>
      <c r="U4182" s="97"/>
      <c r="AG4182" s="98"/>
      <c r="AY4182" s="164"/>
      <c r="BK4182" s="98"/>
      <c r="BL4182" s="97"/>
      <c r="BX4182" s="98"/>
      <c r="CL4182" s="97"/>
      <c r="CX4182" s="98"/>
      <c r="DL4182" s="97"/>
      <c r="DX4182" s="98"/>
      <c r="EL4182" s="97"/>
      <c r="EX4182" s="98"/>
      <c r="EY4182" s="97"/>
      <c r="FL4182" s="126"/>
      <c r="FM4182" s="91"/>
      <c r="FN4182" s="91"/>
      <c r="FO4182" s="91"/>
      <c r="FP4182" s="91"/>
      <c r="FQ4182" s="91"/>
      <c r="FR4182" s="91"/>
      <c r="FS4182" s="91"/>
      <c r="FT4182" s="91"/>
      <c r="FU4182" s="91"/>
      <c r="FV4182" s="91"/>
      <c r="FW4182" s="91"/>
      <c r="FX4182" s="127"/>
      <c r="FY4182" s="126"/>
      <c r="FZ4182" s="91"/>
      <c r="GA4182" s="91"/>
      <c r="GB4182" s="91"/>
      <c r="GC4182" s="91"/>
      <c r="GD4182" s="91"/>
      <c r="GE4182" s="91"/>
      <c r="GF4182" s="91"/>
      <c r="GG4182" s="91"/>
      <c r="GH4182" s="91"/>
      <c r="GI4182" s="91"/>
      <c r="GJ4182" s="91"/>
      <c r="GK4182" s="127"/>
      <c r="GL4182" s="126"/>
      <c r="GM4182" s="91"/>
      <c r="GN4182" s="91"/>
      <c r="GO4182" s="91"/>
      <c r="GP4182" s="91"/>
      <c r="GQ4182" s="91"/>
      <c r="GR4182" s="91"/>
      <c r="GS4182" s="91"/>
      <c r="GT4182" s="91"/>
      <c r="GU4182" s="91"/>
      <c r="GV4182" s="91"/>
      <c r="GW4182" s="91"/>
      <c r="GX4182" s="127"/>
      <c r="GY4182" s="126"/>
      <c r="GZ4182" s="91"/>
      <c r="HA4182" s="91"/>
      <c r="HB4182" s="91"/>
      <c r="HC4182" s="91"/>
      <c r="HD4182" s="91"/>
      <c r="HE4182" s="91"/>
      <c r="HF4182" s="91"/>
      <c r="HG4182" s="91"/>
      <c r="HH4182" s="91"/>
      <c r="HI4182" s="91"/>
      <c r="HJ4182" s="91"/>
      <c r="HK4182" s="127"/>
      <c r="HL4182" s="126"/>
      <c r="HM4182" s="91"/>
      <c r="HN4182" s="91"/>
      <c r="HO4182" s="91"/>
      <c r="HP4182" s="91"/>
      <c r="HQ4182" s="91"/>
      <c r="HR4182" s="91"/>
      <c r="HS4182" s="91"/>
      <c r="HT4182" s="91"/>
      <c r="HU4182" s="91"/>
      <c r="HV4182" s="91"/>
      <c r="HW4182" s="91"/>
      <c r="HX4182" s="127"/>
      <c r="HY4182" s="126"/>
      <c r="HZ4182" s="91"/>
      <c r="IA4182" s="91"/>
      <c r="IB4182" s="91"/>
      <c r="IC4182" s="91"/>
      <c r="ID4182" s="91"/>
      <c r="IE4182" s="91"/>
      <c r="IF4182" s="91"/>
      <c r="IG4182" s="91"/>
      <c r="IH4182" s="91"/>
      <c r="II4182" s="91"/>
      <c r="IJ4182" s="91"/>
      <c r="IK4182" s="174"/>
    </row>
    <row r="4183" spans="2:245" x14ac:dyDescent="0.2">
      <c r="B4183" s="43"/>
      <c r="C4183" s="73"/>
      <c r="D4183" s="64"/>
      <c r="E4183" s="64"/>
      <c r="F4183" s="55"/>
      <c r="G4183" s="102"/>
      <c r="H4183" s="97"/>
      <c r="T4183" s="98"/>
      <c r="U4183" s="97"/>
      <c r="AG4183" s="98"/>
      <c r="AY4183" s="164"/>
      <c r="BK4183" s="98"/>
      <c r="BL4183" s="97"/>
      <c r="BX4183" s="98"/>
      <c r="CL4183" s="97"/>
      <c r="CX4183" s="98"/>
      <c r="DL4183" s="97"/>
      <c r="DX4183" s="98"/>
      <c r="EL4183" s="97"/>
      <c r="EX4183" s="98"/>
      <c r="EY4183" s="97"/>
      <c r="FL4183" s="126"/>
      <c r="FM4183" s="91"/>
      <c r="FN4183" s="91"/>
      <c r="FO4183" s="91"/>
      <c r="FP4183" s="91"/>
      <c r="FQ4183" s="91"/>
      <c r="FR4183" s="91"/>
      <c r="FS4183" s="91"/>
      <c r="FT4183" s="91"/>
      <c r="FU4183" s="91"/>
      <c r="FV4183" s="91"/>
      <c r="FW4183" s="91"/>
      <c r="FX4183" s="127"/>
      <c r="FY4183" s="126"/>
      <c r="FZ4183" s="91"/>
      <c r="GA4183" s="91"/>
      <c r="GB4183" s="91"/>
      <c r="GC4183" s="91"/>
      <c r="GD4183" s="91"/>
      <c r="GE4183" s="91"/>
      <c r="GF4183" s="91"/>
      <c r="GG4183" s="91"/>
      <c r="GH4183" s="91"/>
      <c r="GI4183" s="91"/>
      <c r="GJ4183" s="91"/>
      <c r="GK4183" s="127"/>
      <c r="GL4183" s="126"/>
      <c r="GM4183" s="91"/>
      <c r="GN4183" s="91"/>
      <c r="GO4183" s="91"/>
      <c r="GP4183" s="91"/>
      <c r="GQ4183" s="91"/>
      <c r="GR4183" s="91"/>
      <c r="GS4183" s="91"/>
      <c r="GT4183" s="91"/>
      <c r="GU4183" s="91"/>
      <c r="GV4183" s="91"/>
      <c r="GW4183" s="91"/>
      <c r="GX4183" s="127"/>
      <c r="GY4183" s="126"/>
      <c r="GZ4183" s="91"/>
      <c r="HA4183" s="91"/>
      <c r="HB4183" s="91"/>
      <c r="HC4183" s="91"/>
      <c r="HD4183" s="91"/>
      <c r="HE4183" s="91"/>
      <c r="HF4183" s="91"/>
      <c r="HG4183" s="91"/>
      <c r="HH4183" s="91"/>
      <c r="HI4183" s="91"/>
      <c r="HJ4183" s="91"/>
      <c r="HK4183" s="127"/>
      <c r="HL4183" s="126"/>
      <c r="HM4183" s="91"/>
      <c r="HN4183" s="91"/>
      <c r="HO4183" s="91"/>
      <c r="HP4183" s="91"/>
      <c r="HQ4183" s="91"/>
      <c r="HR4183" s="91"/>
      <c r="HS4183" s="91"/>
      <c r="HT4183" s="91"/>
      <c r="HU4183" s="91"/>
      <c r="HV4183" s="91"/>
      <c r="HW4183" s="91"/>
      <c r="HX4183" s="127"/>
      <c r="HY4183" s="126"/>
      <c r="HZ4183" s="91"/>
      <c r="IA4183" s="91"/>
      <c r="IB4183" s="91"/>
      <c r="IC4183" s="91"/>
      <c r="ID4183" s="91"/>
      <c r="IE4183" s="91"/>
      <c r="IF4183" s="91"/>
      <c r="IG4183" s="91"/>
      <c r="IH4183" s="91"/>
      <c r="II4183" s="91"/>
      <c r="IJ4183" s="91"/>
      <c r="IK4183" s="174"/>
    </row>
    <row r="4184" spans="2:245" x14ac:dyDescent="0.2">
      <c r="B4184" s="43"/>
      <c r="C4184" s="73"/>
      <c r="D4184" s="64"/>
      <c r="E4184" s="64"/>
      <c r="F4184" s="55"/>
      <c r="G4184" s="102"/>
      <c r="H4184" s="97"/>
      <c r="T4184" s="98"/>
      <c r="U4184" s="97"/>
      <c r="AG4184" s="98"/>
      <c r="AY4184" s="164"/>
      <c r="BK4184" s="98"/>
      <c r="BL4184" s="97"/>
      <c r="BX4184" s="98"/>
      <c r="CL4184" s="97"/>
      <c r="CX4184" s="98"/>
      <c r="DL4184" s="97"/>
      <c r="DX4184" s="98"/>
      <c r="EL4184" s="97"/>
      <c r="EX4184" s="98"/>
      <c r="EY4184" s="97"/>
      <c r="FL4184" s="126"/>
      <c r="FM4184" s="91"/>
      <c r="FN4184" s="91"/>
      <c r="FO4184" s="91"/>
      <c r="FP4184" s="91"/>
      <c r="FQ4184" s="91"/>
      <c r="FR4184" s="91"/>
      <c r="FS4184" s="91"/>
      <c r="FT4184" s="91"/>
      <c r="FU4184" s="91"/>
      <c r="FV4184" s="91"/>
      <c r="FW4184" s="91"/>
      <c r="FX4184" s="127"/>
      <c r="FY4184" s="126"/>
      <c r="FZ4184" s="91"/>
      <c r="GA4184" s="91"/>
      <c r="GB4184" s="91"/>
      <c r="GC4184" s="91"/>
      <c r="GD4184" s="91"/>
      <c r="GE4184" s="91"/>
      <c r="GF4184" s="91"/>
      <c r="GG4184" s="91"/>
      <c r="GH4184" s="91"/>
      <c r="GI4184" s="91"/>
      <c r="GJ4184" s="91"/>
      <c r="GK4184" s="127"/>
      <c r="GL4184" s="126"/>
      <c r="GM4184" s="91"/>
      <c r="GN4184" s="91"/>
      <c r="GO4184" s="91"/>
      <c r="GP4184" s="91"/>
      <c r="GQ4184" s="91"/>
      <c r="GR4184" s="91"/>
      <c r="GS4184" s="91"/>
      <c r="GT4184" s="91"/>
      <c r="GU4184" s="91"/>
      <c r="GV4184" s="91"/>
      <c r="GW4184" s="91"/>
      <c r="GX4184" s="127"/>
      <c r="GY4184" s="126"/>
      <c r="GZ4184" s="91"/>
      <c r="HA4184" s="91"/>
      <c r="HB4184" s="91"/>
      <c r="HC4184" s="91"/>
      <c r="HD4184" s="91"/>
      <c r="HE4184" s="91"/>
      <c r="HF4184" s="91"/>
      <c r="HG4184" s="91"/>
      <c r="HH4184" s="91"/>
      <c r="HI4184" s="91"/>
      <c r="HJ4184" s="91"/>
      <c r="HK4184" s="127"/>
      <c r="HL4184" s="126"/>
      <c r="HM4184" s="91"/>
      <c r="HN4184" s="91"/>
      <c r="HO4184" s="91"/>
      <c r="HP4184" s="91"/>
      <c r="HQ4184" s="91"/>
      <c r="HR4184" s="91"/>
      <c r="HS4184" s="91"/>
      <c r="HT4184" s="91"/>
      <c r="HU4184" s="91"/>
      <c r="HV4184" s="91"/>
      <c r="HW4184" s="91"/>
      <c r="HX4184" s="127"/>
      <c r="HY4184" s="126"/>
      <c r="HZ4184" s="91"/>
      <c r="IA4184" s="91"/>
      <c r="IB4184" s="91"/>
      <c r="IC4184" s="91"/>
      <c r="ID4184" s="91"/>
      <c r="IE4184" s="91"/>
      <c r="IF4184" s="91"/>
      <c r="IG4184" s="91"/>
      <c r="IH4184" s="91"/>
      <c r="II4184" s="91"/>
      <c r="IJ4184" s="91"/>
      <c r="IK4184" s="174"/>
    </row>
    <row r="4185" spans="2:245" x14ac:dyDescent="0.2">
      <c r="B4185" s="43"/>
      <c r="C4185" s="73"/>
      <c r="D4185" s="64"/>
      <c r="E4185" s="64"/>
      <c r="F4185" s="55"/>
      <c r="G4185" s="102"/>
      <c r="H4185" s="97"/>
      <c r="T4185" s="98"/>
      <c r="U4185" s="97"/>
      <c r="AG4185" s="98"/>
      <c r="AY4185" s="164"/>
      <c r="BK4185" s="98"/>
      <c r="BL4185" s="97"/>
      <c r="BX4185" s="98"/>
      <c r="CL4185" s="97"/>
      <c r="CX4185" s="98"/>
      <c r="DL4185" s="97"/>
      <c r="DX4185" s="98"/>
      <c r="EL4185" s="97"/>
      <c r="EX4185" s="98"/>
      <c r="EY4185" s="97"/>
      <c r="FL4185" s="126"/>
      <c r="FM4185" s="91"/>
      <c r="FN4185" s="91"/>
      <c r="FO4185" s="91"/>
      <c r="FP4185" s="91"/>
      <c r="FQ4185" s="91"/>
      <c r="FR4185" s="91"/>
      <c r="FS4185" s="91"/>
      <c r="FT4185" s="91"/>
      <c r="FU4185" s="91"/>
      <c r="FV4185" s="91"/>
      <c r="FW4185" s="91"/>
      <c r="FX4185" s="127"/>
      <c r="FY4185" s="126"/>
      <c r="FZ4185" s="91"/>
      <c r="GA4185" s="91"/>
      <c r="GB4185" s="91"/>
      <c r="GC4185" s="91"/>
      <c r="GD4185" s="91"/>
      <c r="GE4185" s="91"/>
      <c r="GF4185" s="91"/>
      <c r="GG4185" s="91"/>
      <c r="GH4185" s="91"/>
      <c r="GI4185" s="91"/>
      <c r="GJ4185" s="91"/>
      <c r="GK4185" s="127"/>
      <c r="GL4185" s="126"/>
      <c r="GM4185" s="91"/>
      <c r="GN4185" s="91"/>
      <c r="GO4185" s="91"/>
      <c r="GP4185" s="91"/>
      <c r="GQ4185" s="91"/>
      <c r="GR4185" s="91"/>
      <c r="GS4185" s="91"/>
      <c r="GT4185" s="91"/>
      <c r="GU4185" s="91"/>
      <c r="GV4185" s="91"/>
      <c r="GW4185" s="91"/>
      <c r="GX4185" s="127"/>
      <c r="GY4185" s="126"/>
      <c r="GZ4185" s="91"/>
      <c r="HA4185" s="91"/>
      <c r="HB4185" s="91"/>
      <c r="HC4185" s="91"/>
      <c r="HD4185" s="91"/>
      <c r="HE4185" s="91"/>
      <c r="HF4185" s="91"/>
      <c r="HG4185" s="91"/>
      <c r="HH4185" s="91"/>
      <c r="HI4185" s="91"/>
      <c r="HJ4185" s="91"/>
      <c r="HK4185" s="127"/>
      <c r="HL4185" s="126"/>
      <c r="HM4185" s="91"/>
      <c r="HN4185" s="91"/>
      <c r="HO4185" s="91"/>
      <c r="HP4185" s="91"/>
      <c r="HQ4185" s="91"/>
      <c r="HR4185" s="91"/>
      <c r="HS4185" s="91"/>
      <c r="HT4185" s="91"/>
      <c r="HU4185" s="91"/>
      <c r="HV4185" s="91"/>
      <c r="HW4185" s="91"/>
      <c r="HX4185" s="127"/>
      <c r="HY4185" s="126"/>
      <c r="HZ4185" s="91"/>
      <c r="IA4185" s="91"/>
      <c r="IB4185" s="91"/>
      <c r="IC4185" s="91"/>
      <c r="ID4185" s="91"/>
      <c r="IE4185" s="91"/>
      <c r="IF4185" s="91"/>
      <c r="IG4185" s="91"/>
      <c r="IH4185" s="91"/>
      <c r="II4185" s="91"/>
      <c r="IJ4185" s="91"/>
      <c r="IK4185" s="174"/>
    </row>
    <row r="4186" spans="2:245" x14ac:dyDescent="0.2">
      <c r="B4186" s="43"/>
      <c r="C4186" s="73"/>
      <c r="D4186" s="64"/>
      <c r="E4186" s="64"/>
      <c r="F4186" s="55"/>
      <c r="G4186" s="102"/>
      <c r="H4186" s="97"/>
      <c r="T4186" s="98"/>
      <c r="U4186" s="97"/>
      <c r="AG4186" s="98"/>
      <c r="AY4186" s="164"/>
      <c r="BK4186" s="98"/>
      <c r="BL4186" s="97"/>
      <c r="BX4186" s="98"/>
      <c r="CL4186" s="97"/>
      <c r="CX4186" s="98"/>
      <c r="DL4186" s="97"/>
      <c r="DX4186" s="98"/>
      <c r="EL4186" s="97"/>
      <c r="EX4186" s="98"/>
      <c r="EY4186" s="97"/>
      <c r="FL4186" s="126"/>
      <c r="FM4186" s="91"/>
      <c r="FN4186" s="91"/>
      <c r="FO4186" s="91"/>
      <c r="FP4186" s="91"/>
      <c r="FQ4186" s="91"/>
      <c r="FR4186" s="91"/>
      <c r="FS4186" s="91"/>
      <c r="FT4186" s="91"/>
      <c r="FU4186" s="91"/>
      <c r="FV4186" s="91"/>
      <c r="FW4186" s="91"/>
      <c r="FX4186" s="127"/>
      <c r="FY4186" s="126"/>
      <c r="FZ4186" s="91"/>
      <c r="GA4186" s="91"/>
      <c r="GB4186" s="91"/>
      <c r="GC4186" s="91"/>
      <c r="GD4186" s="91"/>
      <c r="GE4186" s="91"/>
      <c r="GF4186" s="91"/>
      <c r="GG4186" s="91"/>
      <c r="GH4186" s="91"/>
      <c r="GI4186" s="91"/>
      <c r="GJ4186" s="91"/>
      <c r="GK4186" s="127"/>
      <c r="GL4186" s="126"/>
      <c r="GM4186" s="91"/>
      <c r="GN4186" s="91"/>
      <c r="GO4186" s="91"/>
      <c r="GP4186" s="91"/>
      <c r="GQ4186" s="91"/>
      <c r="GR4186" s="91"/>
      <c r="GS4186" s="91"/>
      <c r="GT4186" s="91"/>
      <c r="GU4186" s="91"/>
      <c r="GV4186" s="91"/>
      <c r="GW4186" s="91"/>
      <c r="GX4186" s="127"/>
      <c r="GY4186" s="126"/>
      <c r="GZ4186" s="91"/>
      <c r="HA4186" s="91"/>
      <c r="HB4186" s="91"/>
      <c r="HC4186" s="91"/>
      <c r="HD4186" s="91"/>
      <c r="HE4186" s="91"/>
      <c r="HF4186" s="91"/>
      <c r="HG4186" s="91"/>
      <c r="HH4186" s="91"/>
      <c r="HI4186" s="91"/>
      <c r="HJ4186" s="91"/>
      <c r="HK4186" s="127"/>
      <c r="HL4186" s="126"/>
      <c r="HM4186" s="91"/>
      <c r="HN4186" s="91"/>
      <c r="HO4186" s="91"/>
      <c r="HP4186" s="91"/>
      <c r="HQ4186" s="91"/>
      <c r="HR4186" s="91"/>
      <c r="HS4186" s="91"/>
      <c r="HT4186" s="91"/>
      <c r="HU4186" s="91"/>
      <c r="HV4186" s="91"/>
      <c r="HW4186" s="91"/>
      <c r="HX4186" s="127"/>
      <c r="HY4186" s="126"/>
      <c r="HZ4186" s="91"/>
      <c r="IA4186" s="91"/>
      <c r="IB4186" s="91"/>
      <c r="IC4186" s="91"/>
      <c r="ID4186" s="91"/>
      <c r="IE4186" s="91"/>
      <c r="IF4186" s="91"/>
      <c r="IG4186" s="91"/>
      <c r="IH4186" s="91"/>
      <c r="II4186" s="91"/>
      <c r="IJ4186" s="91"/>
      <c r="IK4186" s="174"/>
    </row>
    <row r="4187" spans="2:245" x14ac:dyDescent="0.2">
      <c r="B4187" s="43"/>
      <c r="C4187" s="73"/>
      <c r="D4187" s="64"/>
      <c r="E4187" s="64"/>
      <c r="F4187" s="55"/>
      <c r="G4187" s="102"/>
      <c r="H4187" s="97"/>
      <c r="T4187" s="98"/>
      <c r="U4187" s="97"/>
      <c r="AG4187" s="98"/>
      <c r="AY4187" s="164"/>
      <c r="BK4187" s="98"/>
      <c r="BL4187" s="97"/>
      <c r="BX4187" s="98"/>
      <c r="CL4187" s="97"/>
      <c r="CX4187" s="98"/>
      <c r="DL4187" s="97"/>
      <c r="DX4187" s="98"/>
      <c r="EL4187" s="97"/>
      <c r="EX4187" s="98"/>
      <c r="EY4187" s="97"/>
      <c r="FL4187" s="126"/>
      <c r="FM4187" s="91"/>
      <c r="FN4187" s="91"/>
      <c r="FO4187" s="91"/>
      <c r="FP4187" s="91"/>
      <c r="FQ4187" s="91"/>
      <c r="FR4187" s="91"/>
      <c r="FS4187" s="91"/>
      <c r="FT4187" s="91"/>
      <c r="FU4187" s="91"/>
      <c r="FV4187" s="91"/>
      <c r="FW4187" s="91"/>
      <c r="FX4187" s="127"/>
      <c r="FY4187" s="126"/>
      <c r="FZ4187" s="91"/>
      <c r="GA4187" s="91"/>
      <c r="GB4187" s="91"/>
      <c r="GC4187" s="91"/>
      <c r="GD4187" s="91"/>
      <c r="GE4187" s="91"/>
      <c r="GF4187" s="91"/>
      <c r="GG4187" s="91"/>
      <c r="GH4187" s="91"/>
      <c r="GI4187" s="91"/>
      <c r="GJ4187" s="91"/>
      <c r="GK4187" s="127"/>
      <c r="GL4187" s="126"/>
      <c r="GM4187" s="91"/>
      <c r="GN4187" s="91"/>
      <c r="GO4187" s="91"/>
      <c r="GP4187" s="91"/>
      <c r="GQ4187" s="91"/>
      <c r="GR4187" s="91"/>
      <c r="GS4187" s="91"/>
      <c r="GT4187" s="91"/>
      <c r="GU4187" s="91"/>
      <c r="GV4187" s="91"/>
      <c r="GW4187" s="91"/>
      <c r="GX4187" s="127"/>
      <c r="GY4187" s="126"/>
      <c r="GZ4187" s="91"/>
      <c r="HA4187" s="91"/>
      <c r="HB4187" s="91"/>
      <c r="HC4187" s="91"/>
      <c r="HD4187" s="91"/>
      <c r="HE4187" s="91"/>
      <c r="HF4187" s="91"/>
      <c r="HG4187" s="91"/>
      <c r="HH4187" s="91"/>
      <c r="HI4187" s="91"/>
      <c r="HJ4187" s="91"/>
      <c r="HK4187" s="127"/>
      <c r="HL4187" s="126"/>
      <c r="HM4187" s="91"/>
      <c r="HN4187" s="91"/>
      <c r="HO4187" s="91"/>
      <c r="HP4187" s="91"/>
      <c r="HQ4187" s="91"/>
      <c r="HR4187" s="91"/>
      <c r="HS4187" s="91"/>
      <c r="HT4187" s="91"/>
      <c r="HU4187" s="91"/>
      <c r="HV4187" s="91"/>
      <c r="HW4187" s="91"/>
      <c r="HX4187" s="127"/>
      <c r="HY4187" s="126"/>
      <c r="HZ4187" s="91"/>
      <c r="IA4187" s="91"/>
      <c r="IB4187" s="91"/>
      <c r="IC4187" s="91"/>
      <c r="ID4187" s="91"/>
      <c r="IE4187" s="91"/>
      <c r="IF4187" s="91"/>
      <c r="IG4187" s="91"/>
      <c r="IH4187" s="91"/>
      <c r="II4187" s="91"/>
      <c r="IJ4187" s="91"/>
      <c r="IK4187" s="174"/>
    </row>
    <row r="4188" spans="2:245" x14ac:dyDescent="0.2">
      <c r="B4188" s="43"/>
      <c r="C4188" s="73"/>
      <c r="D4188" s="64"/>
      <c r="E4188" s="64"/>
      <c r="F4188" s="55"/>
      <c r="G4188" s="102"/>
      <c r="H4188" s="97"/>
      <c r="T4188" s="98"/>
      <c r="U4188" s="97"/>
      <c r="AG4188" s="98"/>
      <c r="AY4188" s="164"/>
      <c r="BK4188" s="98"/>
      <c r="BL4188" s="97"/>
      <c r="BX4188" s="98"/>
      <c r="CL4188" s="97"/>
      <c r="CX4188" s="98"/>
      <c r="DL4188" s="97"/>
      <c r="DX4188" s="98"/>
      <c r="EL4188" s="97"/>
      <c r="EX4188" s="98"/>
      <c r="EY4188" s="97"/>
      <c r="FL4188" s="126"/>
      <c r="FM4188" s="91"/>
      <c r="FN4188" s="91"/>
      <c r="FO4188" s="91"/>
      <c r="FP4188" s="91"/>
      <c r="FQ4188" s="91"/>
      <c r="FR4188" s="91"/>
      <c r="FS4188" s="91"/>
      <c r="FT4188" s="91"/>
      <c r="FU4188" s="91"/>
      <c r="FV4188" s="91"/>
      <c r="FW4188" s="91"/>
      <c r="FX4188" s="127"/>
      <c r="FY4188" s="126"/>
      <c r="FZ4188" s="91"/>
      <c r="GA4188" s="91"/>
      <c r="GB4188" s="91"/>
      <c r="GC4188" s="91"/>
      <c r="GD4188" s="91"/>
      <c r="GE4188" s="91"/>
      <c r="GF4188" s="91"/>
      <c r="GG4188" s="91"/>
      <c r="GH4188" s="91"/>
      <c r="GI4188" s="91"/>
      <c r="GJ4188" s="91"/>
      <c r="GK4188" s="127"/>
      <c r="GL4188" s="126"/>
      <c r="GM4188" s="91"/>
      <c r="GN4188" s="91"/>
      <c r="GO4188" s="91"/>
      <c r="GP4188" s="91"/>
      <c r="GQ4188" s="91"/>
      <c r="GR4188" s="91"/>
      <c r="GS4188" s="91"/>
      <c r="GT4188" s="91"/>
      <c r="GU4188" s="91"/>
      <c r="GV4188" s="91"/>
      <c r="GW4188" s="91"/>
      <c r="GX4188" s="127"/>
      <c r="GY4188" s="126"/>
      <c r="GZ4188" s="91"/>
      <c r="HA4188" s="91"/>
      <c r="HB4188" s="91"/>
      <c r="HC4188" s="91"/>
      <c r="HD4188" s="91"/>
      <c r="HE4188" s="91"/>
      <c r="HF4188" s="91"/>
      <c r="HG4188" s="91"/>
      <c r="HH4188" s="91"/>
      <c r="HI4188" s="91"/>
      <c r="HJ4188" s="91"/>
      <c r="HK4188" s="127"/>
      <c r="HL4188" s="126"/>
      <c r="HM4188" s="91"/>
      <c r="HN4188" s="91"/>
      <c r="HO4188" s="91"/>
      <c r="HP4188" s="91"/>
      <c r="HQ4188" s="91"/>
      <c r="HR4188" s="91"/>
      <c r="HS4188" s="91"/>
      <c r="HT4188" s="91"/>
      <c r="HU4188" s="91"/>
      <c r="HV4188" s="91"/>
      <c r="HW4188" s="91"/>
      <c r="HX4188" s="127"/>
      <c r="HY4188" s="126"/>
      <c r="HZ4188" s="91"/>
      <c r="IA4188" s="91"/>
      <c r="IB4188" s="91"/>
      <c r="IC4188" s="91"/>
      <c r="ID4188" s="91"/>
      <c r="IE4188" s="91"/>
      <c r="IF4188" s="91"/>
      <c r="IG4188" s="91"/>
      <c r="IH4188" s="91"/>
      <c r="II4188" s="91"/>
      <c r="IJ4188" s="91"/>
      <c r="IK4188" s="174"/>
    </row>
    <row r="4189" spans="2:245" x14ac:dyDescent="0.2">
      <c r="B4189" s="43"/>
      <c r="C4189" s="73"/>
      <c r="D4189" s="64"/>
      <c r="E4189" s="64"/>
      <c r="F4189" s="55"/>
      <c r="G4189" s="102"/>
      <c r="H4189" s="97"/>
      <c r="T4189" s="98"/>
      <c r="U4189" s="97"/>
      <c r="AG4189" s="98"/>
      <c r="AY4189" s="164"/>
      <c r="BK4189" s="98"/>
      <c r="BL4189" s="97"/>
      <c r="BX4189" s="98"/>
      <c r="CL4189" s="97"/>
      <c r="CX4189" s="98"/>
      <c r="DL4189" s="97"/>
      <c r="DX4189" s="98"/>
      <c r="EL4189" s="97"/>
      <c r="EX4189" s="98"/>
      <c r="EY4189" s="97"/>
      <c r="FL4189" s="126"/>
      <c r="FM4189" s="91"/>
      <c r="FN4189" s="91"/>
      <c r="FO4189" s="91"/>
      <c r="FP4189" s="91"/>
      <c r="FQ4189" s="91"/>
      <c r="FR4189" s="91"/>
      <c r="FS4189" s="91"/>
      <c r="FT4189" s="91"/>
      <c r="FU4189" s="91"/>
      <c r="FV4189" s="91"/>
      <c r="FW4189" s="91"/>
      <c r="FX4189" s="127"/>
      <c r="FY4189" s="126"/>
      <c r="FZ4189" s="91"/>
      <c r="GA4189" s="91"/>
      <c r="GB4189" s="91"/>
      <c r="GC4189" s="91"/>
      <c r="GD4189" s="91"/>
      <c r="GE4189" s="91"/>
      <c r="GF4189" s="91"/>
      <c r="GG4189" s="91"/>
      <c r="GH4189" s="91"/>
      <c r="GI4189" s="91"/>
      <c r="GJ4189" s="91"/>
      <c r="GK4189" s="127"/>
      <c r="GL4189" s="126"/>
      <c r="GM4189" s="91"/>
      <c r="GN4189" s="91"/>
      <c r="GO4189" s="91"/>
      <c r="GP4189" s="91"/>
      <c r="GQ4189" s="91"/>
      <c r="GR4189" s="91"/>
      <c r="GS4189" s="91"/>
      <c r="GT4189" s="91"/>
      <c r="GU4189" s="91"/>
      <c r="GV4189" s="91"/>
      <c r="GW4189" s="91"/>
      <c r="GX4189" s="127"/>
      <c r="GY4189" s="126"/>
      <c r="GZ4189" s="91"/>
      <c r="HA4189" s="91"/>
      <c r="HB4189" s="91"/>
      <c r="HC4189" s="91"/>
      <c r="HD4189" s="91"/>
      <c r="HE4189" s="91"/>
      <c r="HF4189" s="91"/>
      <c r="HG4189" s="91"/>
      <c r="HH4189" s="91"/>
      <c r="HI4189" s="91"/>
      <c r="HJ4189" s="91"/>
      <c r="HK4189" s="127"/>
      <c r="HL4189" s="126"/>
      <c r="HM4189" s="91"/>
      <c r="HN4189" s="91"/>
      <c r="HO4189" s="91"/>
      <c r="HP4189" s="91"/>
      <c r="HQ4189" s="91"/>
      <c r="HR4189" s="91"/>
      <c r="HS4189" s="91"/>
      <c r="HT4189" s="91"/>
      <c r="HU4189" s="91"/>
      <c r="HV4189" s="91"/>
      <c r="HW4189" s="91"/>
      <c r="HX4189" s="127"/>
      <c r="HY4189" s="126"/>
      <c r="HZ4189" s="91"/>
      <c r="IA4189" s="91"/>
      <c r="IB4189" s="91"/>
      <c r="IC4189" s="91"/>
      <c r="ID4189" s="91"/>
      <c r="IE4189" s="91"/>
      <c r="IF4189" s="91"/>
      <c r="IG4189" s="91"/>
      <c r="IH4189" s="91"/>
      <c r="II4189" s="91"/>
      <c r="IJ4189" s="91"/>
      <c r="IK4189" s="174"/>
    </row>
    <row r="4190" spans="2:245" x14ac:dyDescent="0.2">
      <c r="B4190" s="43"/>
      <c r="C4190" s="73"/>
      <c r="D4190" s="64"/>
      <c r="E4190" s="64"/>
      <c r="F4190" s="55"/>
      <c r="G4190" s="102"/>
      <c r="H4190" s="97"/>
      <c r="T4190" s="98"/>
      <c r="U4190" s="97"/>
      <c r="AG4190" s="98"/>
      <c r="AY4190" s="164"/>
      <c r="BK4190" s="98"/>
      <c r="BL4190" s="97"/>
      <c r="BX4190" s="98"/>
      <c r="CL4190" s="97"/>
      <c r="CX4190" s="98"/>
      <c r="DL4190" s="97"/>
      <c r="DX4190" s="98"/>
      <c r="EL4190" s="97"/>
      <c r="EX4190" s="98"/>
      <c r="EY4190" s="97"/>
      <c r="FL4190" s="126"/>
      <c r="FM4190" s="91"/>
      <c r="FN4190" s="91"/>
      <c r="FO4190" s="91"/>
      <c r="FP4190" s="91"/>
      <c r="FQ4190" s="91"/>
      <c r="FR4190" s="91"/>
      <c r="FS4190" s="91"/>
      <c r="FT4190" s="91"/>
      <c r="FU4190" s="91"/>
      <c r="FV4190" s="91"/>
      <c r="FW4190" s="91"/>
      <c r="FX4190" s="127"/>
      <c r="FY4190" s="126"/>
      <c r="FZ4190" s="91"/>
      <c r="GA4190" s="91"/>
      <c r="GB4190" s="91"/>
      <c r="GC4190" s="91"/>
      <c r="GD4190" s="91"/>
      <c r="GE4190" s="91"/>
      <c r="GF4190" s="91"/>
      <c r="GG4190" s="91"/>
      <c r="GH4190" s="91"/>
      <c r="GI4190" s="91"/>
      <c r="GJ4190" s="91"/>
      <c r="GK4190" s="127"/>
      <c r="GL4190" s="126"/>
      <c r="GM4190" s="91"/>
      <c r="GN4190" s="91"/>
      <c r="GO4190" s="91"/>
      <c r="GP4190" s="91"/>
      <c r="GQ4190" s="91"/>
      <c r="GR4190" s="91"/>
      <c r="GS4190" s="91"/>
      <c r="GT4190" s="91"/>
      <c r="GU4190" s="91"/>
      <c r="GV4190" s="91"/>
      <c r="GW4190" s="91"/>
      <c r="GX4190" s="127"/>
      <c r="GY4190" s="126"/>
      <c r="GZ4190" s="91"/>
      <c r="HA4190" s="91"/>
      <c r="HB4190" s="91"/>
      <c r="HC4190" s="91"/>
      <c r="HD4190" s="91"/>
      <c r="HE4190" s="91"/>
      <c r="HF4190" s="91"/>
      <c r="HG4190" s="91"/>
      <c r="HH4190" s="91"/>
      <c r="HI4190" s="91"/>
      <c r="HJ4190" s="91"/>
      <c r="HK4190" s="127"/>
      <c r="HL4190" s="126"/>
      <c r="HM4190" s="91"/>
      <c r="HN4190" s="91"/>
      <c r="HO4190" s="91"/>
      <c r="HP4190" s="91"/>
      <c r="HQ4190" s="91"/>
      <c r="HR4190" s="91"/>
      <c r="HS4190" s="91"/>
      <c r="HT4190" s="91"/>
      <c r="HU4190" s="91"/>
      <c r="HV4190" s="91"/>
      <c r="HW4190" s="91"/>
      <c r="HX4190" s="127"/>
      <c r="HY4190" s="126"/>
      <c r="HZ4190" s="91"/>
      <c r="IA4190" s="91"/>
      <c r="IB4190" s="91"/>
      <c r="IC4190" s="91"/>
      <c r="ID4190" s="91"/>
      <c r="IE4190" s="91"/>
      <c r="IF4190" s="91"/>
      <c r="IG4190" s="91"/>
      <c r="IH4190" s="91"/>
      <c r="II4190" s="91"/>
      <c r="IJ4190" s="91"/>
      <c r="IK4190" s="174"/>
    </row>
    <row r="4191" spans="2:245" x14ac:dyDescent="0.2">
      <c r="B4191" s="43"/>
      <c r="C4191" s="73"/>
      <c r="D4191" s="64"/>
      <c r="E4191" s="64"/>
      <c r="F4191" s="55"/>
      <c r="G4191" s="102"/>
      <c r="H4191" s="97"/>
      <c r="T4191" s="98"/>
      <c r="U4191" s="97"/>
      <c r="AG4191" s="98"/>
      <c r="AY4191" s="164"/>
      <c r="BK4191" s="98"/>
      <c r="BL4191" s="97"/>
      <c r="BX4191" s="98"/>
      <c r="CL4191" s="97"/>
      <c r="CX4191" s="98"/>
      <c r="DL4191" s="97"/>
      <c r="DX4191" s="98"/>
      <c r="EL4191" s="97"/>
      <c r="EX4191" s="98"/>
      <c r="EY4191" s="97"/>
      <c r="FL4191" s="126"/>
      <c r="FM4191" s="91"/>
      <c r="FN4191" s="91"/>
      <c r="FO4191" s="91"/>
      <c r="FP4191" s="91"/>
      <c r="FQ4191" s="91"/>
      <c r="FR4191" s="91"/>
      <c r="FS4191" s="91"/>
      <c r="FT4191" s="91"/>
      <c r="FU4191" s="91"/>
      <c r="FV4191" s="91"/>
      <c r="FW4191" s="91"/>
      <c r="FX4191" s="127"/>
      <c r="FY4191" s="126"/>
      <c r="FZ4191" s="91"/>
      <c r="GA4191" s="91"/>
      <c r="GB4191" s="91"/>
      <c r="GC4191" s="91"/>
      <c r="GD4191" s="91"/>
      <c r="GE4191" s="91"/>
      <c r="GF4191" s="91"/>
      <c r="GG4191" s="91"/>
      <c r="GH4191" s="91"/>
      <c r="GI4191" s="91"/>
      <c r="GJ4191" s="91"/>
      <c r="GK4191" s="127"/>
      <c r="GL4191" s="126"/>
      <c r="GM4191" s="91"/>
      <c r="GN4191" s="91"/>
      <c r="GO4191" s="91"/>
      <c r="GP4191" s="91"/>
      <c r="GQ4191" s="91"/>
      <c r="GR4191" s="91"/>
      <c r="GS4191" s="91"/>
      <c r="GT4191" s="91"/>
      <c r="GU4191" s="91"/>
      <c r="GV4191" s="91"/>
      <c r="GW4191" s="91"/>
      <c r="GX4191" s="127"/>
      <c r="GY4191" s="126"/>
      <c r="GZ4191" s="91"/>
      <c r="HA4191" s="91"/>
      <c r="HB4191" s="91"/>
      <c r="HC4191" s="91"/>
      <c r="HD4191" s="91"/>
      <c r="HE4191" s="91"/>
      <c r="HF4191" s="91"/>
      <c r="HG4191" s="91"/>
      <c r="HH4191" s="91"/>
      <c r="HI4191" s="91"/>
      <c r="HJ4191" s="91"/>
      <c r="HK4191" s="127"/>
      <c r="HL4191" s="126"/>
      <c r="HM4191" s="91"/>
      <c r="HN4191" s="91"/>
      <c r="HO4191" s="91"/>
      <c r="HP4191" s="91"/>
      <c r="HQ4191" s="91"/>
      <c r="HR4191" s="91"/>
      <c r="HS4191" s="91"/>
      <c r="HT4191" s="91"/>
      <c r="HU4191" s="91"/>
      <c r="HV4191" s="91"/>
      <c r="HW4191" s="91"/>
      <c r="HX4191" s="127"/>
      <c r="HY4191" s="126"/>
      <c r="HZ4191" s="91"/>
      <c r="IA4191" s="91"/>
      <c r="IB4191" s="91"/>
      <c r="IC4191" s="91"/>
      <c r="ID4191" s="91"/>
      <c r="IE4191" s="91"/>
      <c r="IF4191" s="91"/>
      <c r="IG4191" s="91"/>
      <c r="IH4191" s="91"/>
      <c r="II4191" s="91"/>
      <c r="IJ4191" s="91"/>
      <c r="IK4191" s="174"/>
    </row>
    <row r="4192" spans="2:245" x14ac:dyDescent="0.2">
      <c r="B4192" s="43"/>
      <c r="C4192" s="73"/>
      <c r="D4192" s="64"/>
      <c r="E4192" s="64"/>
      <c r="F4192" s="55"/>
      <c r="G4192" s="102"/>
      <c r="H4192" s="97"/>
      <c r="T4192" s="98"/>
      <c r="U4192" s="97"/>
      <c r="AG4192" s="98"/>
      <c r="AY4192" s="164"/>
      <c r="BK4192" s="98"/>
      <c r="BL4192" s="97"/>
      <c r="BX4192" s="98"/>
      <c r="CL4192" s="97"/>
      <c r="CX4192" s="98"/>
      <c r="DL4192" s="97"/>
      <c r="DX4192" s="98"/>
      <c r="EL4192" s="97"/>
      <c r="EX4192" s="98"/>
      <c r="EY4192" s="97"/>
      <c r="FL4192" s="126"/>
      <c r="FM4192" s="91"/>
      <c r="FN4192" s="91"/>
      <c r="FO4192" s="91"/>
      <c r="FP4192" s="91"/>
      <c r="FQ4192" s="91"/>
      <c r="FR4192" s="91"/>
      <c r="FS4192" s="91"/>
      <c r="FT4192" s="91"/>
      <c r="FU4192" s="91"/>
      <c r="FV4192" s="91"/>
      <c r="FW4192" s="91"/>
      <c r="FX4192" s="127"/>
      <c r="FY4192" s="126"/>
      <c r="FZ4192" s="91"/>
      <c r="GA4192" s="91"/>
      <c r="GB4192" s="91"/>
      <c r="GC4192" s="91"/>
      <c r="GD4192" s="91"/>
      <c r="GE4192" s="91"/>
      <c r="GF4192" s="91"/>
      <c r="GG4192" s="91"/>
      <c r="GH4192" s="91"/>
      <c r="GI4192" s="91"/>
      <c r="GJ4192" s="91"/>
      <c r="GK4192" s="127"/>
      <c r="GL4192" s="126"/>
      <c r="GM4192" s="91"/>
      <c r="GN4192" s="91"/>
      <c r="GO4192" s="91"/>
      <c r="GP4192" s="91"/>
      <c r="GQ4192" s="91"/>
      <c r="GR4192" s="91"/>
      <c r="GS4192" s="91"/>
      <c r="GT4192" s="91"/>
      <c r="GU4192" s="91"/>
      <c r="GV4192" s="91"/>
      <c r="GW4192" s="91"/>
      <c r="GX4192" s="127"/>
      <c r="GY4192" s="126"/>
      <c r="GZ4192" s="91"/>
      <c r="HA4192" s="91"/>
      <c r="HB4192" s="91"/>
      <c r="HC4192" s="91"/>
      <c r="HD4192" s="91"/>
      <c r="HE4192" s="91"/>
      <c r="HF4192" s="91"/>
      <c r="HG4192" s="91"/>
      <c r="HH4192" s="91"/>
      <c r="HI4192" s="91"/>
      <c r="HJ4192" s="91"/>
      <c r="HK4192" s="127"/>
      <c r="HL4192" s="126"/>
      <c r="HM4192" s="91"/>
      <c r="HN4192" s="91"/>
      <c r="HO4192" s="91"/>
      <c r="HP4192" s="91"/>
      <c r="HQ4192" s="91"/>
      <c r="HR4192" s="91"/>
      <c r="HS4192" s="91"/>
      <c r="HT4192" s="91"/>
      <c r="HU4192" s="91"/>
      <c r="HV4192" s="91"/>
      <c r="HW4192" s="91"/>
      <c r="HX4192" s="127"/>
      <c r="HY4192" s="126"/>
      <c r="HZ4192" s="91"/>
      <c r="IA4192" s="91"/>
      <c r="IB4192" s="91"/>
      <c r="IC4192" s="91"/>
      <c r="ID4192" s="91"/>
      <c r="IE4192" s="91"/>
      <c r="IF4192" s="91"/>
      <c r="IG4192" s="91"/>
      <c r="IH4192" s="91"/>
      <c r="II4192" s="91"/>
      <c r="IJ4192" s="91"/>
      <c r="IK4192" s="174"/>
    </row>
    <row r="4193" spans="2:245" x14ac:dyDescent="0.2">
      <c r="B4193" s="43"/>
      <c r="C4193" s="73"/>
      <c r="D4193" s="64"/>
      <c r="E4193" s="64"/>
      <c r="F4193" s="55"/>
      <c r="G4193" s="102"/>
      <c r="H4193" s="97"/>
      <c r="T4193" s="98"/>
      <c r="U4193" s="97"/>
      <c r="AG4193" s="98"/>
      <c r="AY4193" s="164"/>
      <c r="BK4193" s="98"/>
      <c r="BL4193" s="97"/>
      <c r="BX4193" s="98"/>
      <c r="CL4193" s="97"/>
      <c r="CX4193" s="98"/>
      <c r="DL4193" s="97"/>
      <c r="DX4193" s="98"/>
      <c r="EL4193" s="97"/>
      <c r="EX4193" s="98"/>
      <c r="EY4193" s="97"/>
      <c r="FL4193" s="126"/>
      <c r="FM4193" s="91"/>
      <c r="FN4193" s="91"/>
      <c r="FO4193" s="91"/>
      <c r="FP4193" s="91"/>
      <c r="FQ4193" s="91"/>
      <c r="FR4193" s="91"/>
      <c r="FS4193" s="91"/>
      <c r="FT4193" s="91"/>
      <c r="FU4193" s="91"/>
      <c r="FV4193" s="91"/>
      <c r="FW4193" s="91"/>
      <c r="FX4193" s="127"/>
      <c r="FY4193" s="126"/>
      <c r="FZ4193" s="91"/>
      <c r="GA4193" s="91"/>
      <c r="GB4193" s="91"/>
      <c r="GC4193" s="91"/>
      <c r="GD4193" s="91"/>
      <c r="GE4193" s="91"/>
      <c r="GF4193" s="91"/>
      <c r="GG4193" s="91"/>
      <c r="GH4193" s="91"/>
      <c r="GI4193" s="91"/>
      <c r="GJ4193" s="91"/>
      <c r="GK4193" s="127"/>
      <c r="GL4193" s="126"/>
      <c r="GM4193" s="91"/>
      <c r="GN4193" s="91"/>
      <c r="GO4193" s="91"/>
      <c r="GP4193" s="91"/>
      <c r="GQ4193" s="91"/>
      <c r="GR4193" s="91"/>
      <c r="GS4193" s="91"/>
      <c r="GT4193" s="91"/>
      <c r="GU4193" s="91"/>
      <c r="GV4193" s="91"/>
      <c r="GW4193" s="91"/>
      <c r="GX4193" s="127"/>
      <c r="GY4193" s="126"/>
      <c r="GZ4193" s="91"/>
      <c r="HA4193" s="91"/>
      <c r="HB4193" s="91"/>
      <c r="HC4193" s="91"/>
      <c r="HD4193" s="91"/>
      <c r="HE4193" s="91"/>
      <c r="HF4193" s="91"/>
      <c r="HG4193" s="91"/>
      <c r="HH4193" s="91"/>
      <c r="HI4193" s="91"/>
      <c r="HJ4193" s="91"/>
      <c r="HK4193" s="127"/>
      <c r="HL4193" s="126"/>
      <c r="HM4193" s="91"/>
      <c r="HN4193" s="91"/>
      <c r="HO4193" s="91"/>
      <c r="HP4193" s="91"/>
      <c r="HQ4193" s="91"/>
      <c r="HR4193" s="91"/>
      <c r="HS4193" s="91"/>
      <c r="HT4193" s="91"/>
      <c r="HU4193" s="91"/>
      <c r="HV4193" s="91"/>
      <c r="HW4193" s="91"/>
      <c r="HX4193" s="127"/>
      <c r="HY4193" s="126"/>
      <c r="HZ4193" s="91"/>
      <c r="IA4193" s="91"/>
      <c r="IB4193" s="91"/>
      <c r="IC4193" s="91"/>
      <c r="ID4193" s="91"/>
      <c r="IE4193" s="91"/>
      <c r="IF4193" s="91"/>
      <c r="IG4193" s="91"/>
      <c r="IH4193" s="91"/>
      <c r="II4193" s="91"/>
      <c r="IJ4193" s="91"/>
      <c r="IK4193" s="174"/>
    </row>
    <row r="4194" spans="2:245" x14ac:dyDescent="0.2">
      <c r="B4194" s="43"/>
      <c r="C4194" s="73"/>
      <c r="D4194" s="64"/>
      <c r="E4194" s="64"/>
      <c r="F4194" s="55"/>
      <c r="G4194" s="102"/>
      <c r="H4194" s="97"/>
      <c r="T4194" s="98"/>
      <c r="U4194" s="97"/>
      <c r="AG4194" s="98"/>
      <c r="AY4194" s="164"/>
      <c r="BK4194" s="98"/>
      <c r="BL4194" s="97"/>
      <c r="BX4194" s="98"/>
      <c r="CL4194" s="97"/>
      <c r="CX4194" s="98"/>
      <c r="DL4194" s="97"/>
      <c r="DX4194" s="98"/>
      <c r="EL4194" s="97"/>
      <c r="EX4194" s="98"/>
      <c r="EY4194" s="97"/>
      <c r="FL4194" s="126"/>
      <c r="FM4194" s="91"/>
      <c r="FN4194" s="91"/>
      <c r="FO4194" s="91"/>
      <c r="FP4194" s="91"/>
      <c r="FQ4194" s="91"/>
      <c r="FR4194" s="91"/>
      <c r="FS4194" s="91"/>
      <c r="FT4194" s="91"/>
      <c r="FU4194" s="91"/>
      <c r="FV4194" s="91"/>
      <c r="FW4194" s="91"/>
      <c r="FX4194" s="127"/>
      <c r="FY4194" s="126"/>
      <c r="FZ4194" s="91"/>
      <c r="GA4194" s="91"/>
      <c r="GB4194" s="91"/>
      <c r="GC4194" s="91"/>
      <c r="GD4194" s="91"/>
      <c r="GE4194" s="91"/>
      <c r="GF4194" s="91"/>
      <c r="GG4194" s="91"/>
      <c r="GH4194" s="91"/>
      <c r="GI4194" s="91"/>
      <c r="GJ4194" s="91"/>
      <c r="GK4194" s="127"/>
      <c r="GL4194" s="126"/>
      <c r="GM4194" s="91"/>
      <c r="GN4194" s="91"/>
      <c r="GO4194" s="91"/>
      <c r="GP4194" s="91"/>
      <c r="GQ4194" s="91"/>
      <c r="GR4194" s="91"/>
      <c r="GS4194" s="91"/>
      <c r="GT4194" s="91"/>
      <c r="GU4194" s="91"/>
      <c r="GV4194" s="91"/>
      <c r="GW4194" s="91"/>
      <c r="GX4194" s="127"/>
      <c r="GY4194" s="126"/>
      <c r="GZ4194" s="91"/>
      <c r="HA4194" s="91"/>
      <c r="HB4194" s="91"/>
      <c r="HC4194" s="91"/>
      <c r="HD4194" s="91"/>
      <c r="HE4194" s="91"/>
      <c r="HF4194" s="91"/>
      <c r="HG4194" s="91"/>
      <c r="HH4194" s="91"/>
      <c r="HI4194" s="91"/>
      <c r="HJ4194" s="91"/>
      <c r="HK4194" s="127"/>
      <c r="HL4194" s="126"/>
      <c r="HM4194" s="91"/>
      <c r="HN4194" s="91"/>
      <c r="HO4194" s="91"/>
      <c r="HP4194" s="91"/>
      <c r="HQ4194" s="91"/>
      <c r="HR4194" s="91"/>
      <c r="HS4194" s="91"/>
      <c r="HT4194" s="91"/>
      <c r="HU4194" s="91"/>
      <c r="HV4194" s="91"/>
      <c r="HW4194" s="91"/>
      <c r="HX4194" s="127"/>
      <c r="HY4194" s="126"/>
      <c r="HZ4194" s="91"/>
      <c r="IA4194" s="91"/>
      <c r="IB4194" s="91"/>
      <c r="IC4194" s="91"/>
      <c r="ID4194" s="91"/>
      <c r="IE4194" s="91"/>
      <c r="IF4194" s="91"/>
      <c r="IG4194" s="91"/>
      <c r="IH4194" s="91"/>
      <c r="II4194" s="91"/>
      <c r="IJ4194" s="91"/>
      <c r="IK4194" s="174"/>
    </row>
    <row r="4195" spans="2:245" x14ac:dyDescent="0.2">
      <c r="B4195" s="43"/>
      <c r="C4195" s="73"/>
      <c r="D4195" s="64"/>
      <c r="E4195" s="64"/>
      <c r="F4195" s="55"/>
      <c r="G4195" s="102"/>
      <c r="H4195" s="97"/>
      <c r="T4195" s="98"/>
      <c r="U4195" s="97"/>
      <c r="AG4195" s="98"/>
      <c r="AY4195" s="164"/>
      <c r="BK4195" s="98"/>
      <c r="BL4195" s="97"/>
      <c r="BX4195" s="98"/>
      <c r="CL4195" s="97"/>
      <c r="CX4195" s="98"/>
      <c r="DL4195" s="97"/>
      <c r="DX4195" s="98"/>
      <c r="EL4195" s="97"/>
      <c r="EX4195" s="98"/>
      <c r="EY4195" s="97"/>
      <c r="FL4195" s="126"/>
      <c r="FM4195" s="91"/>
      <c r="FN4195" s="91"/>
      <c r="FO4195" s="91"/>
      <c r="FP4195" s="91"/>
      <c r="FQ4195" s="91"/>
      <c r="FR4195" s="91"/>
      <c r="FS4195" s="91"/>
      <c r="FT4195" s="91"/>
      <c r="FU4195" s="91"/>
      <c r="FV4195" s="91"/>
      <c r="FW4195" s="91"/>
      <c r="FX4195" s="127"/>
      <c r="FY4195" s="126"/>
      <c r="FZ4195" s="91"/>
      <c r="GA4195" s="91"/>
      <c r="GB4195" s="91"/>
      <c r="GC4195" s="91"/>
      <c r="GD4195" s="91"/>
      <c r="GE4195" s="91"/>
      <c r="GF4195" s="91"/>
      <c r="GG4195" s="91"/>
      <c r="GH4195" s="91"/>
      <c r="GI4195" s="91"/>
      <c r="GJ4195" s="91"/>
      <c r="GK4195" s="127"/>
      <c r="GL4195" s="126"/>
      <c r="GM4195" s="91"/>
      <c r="GN4195" s="91"/>
      <c r="GO4195" s="91"/>
      <c r="GP4195" s="91"/>
      <c r="GQ4195" s="91"/>
      <c r="GR4195" s="91"/>
      <c r="GS4195" s="91"/>
      <c r="GT4195" s="91"/>
      <c r="GU4195" s="91"/>
      <c r="GV4195" s="91"/>
      <c r="GW4195" s="91"/>
      <c r="GX4195" s="127"/>
      <c r="GY4195" s="126"/>
      <c r="GZ4195" s="91"/>
      <c r="HA4195" s="91"/>
      <c r="HB4195" s="91"/>
      <c r="HC4195" s="91"/>
      <c r="HD4195" s="91"/>
      <c r="HE4195" s="91"/>
      <c r="HF4195" s="91"/>
      <c r="HG4195" s="91"/>
      <c r="HH4195" s="91"/>
      <c r="HI4195" s="91"/>
      <c r="HJ4195" s="91"/>
      <c r="HK4195" s="127"/>
      <c r="HL4195" s="126"/>
      <c r="HM4195" s="91"/>
      <c r="HN4195" s="91"/>
      <c r="HO4195" s="91"/>
      <c r="HP4195" s="91"/>
      <c r="HQ4195" s="91"/>
      <c r="HR4195" s="91"/>
      <c r="HS4195" s="91"/>
      <c r="HT4195" s="91"/>
      <c r="HU4195" s="91"/>
      <c r="HV4195" s="91"/>
      <c r="HW4195" s="91"/>
      <c r="HX4195" s="127"/>
      <c r="HY4195" s="126"/>
      <c r="HZ4195" s="91"/>
      <c r="IA4195" s="91"/>
      <c r="IB4195" s="91"/>
      <c r="IC4195" s="91"/>
      <c r="ID4195" s="91"/>
      <c r="IE4195" s="91"/>
      <c r="IF4195" s="91"/>
      <c r="IG4195" s="91"/>
      <c r="IH4195" s="91"/>
      <c r="II4195" s="91"/>
      <c r="IJ4195" s="91"/>
      <c r="IK4195" s="174"/>
    </row>
    <row r="4196" spans="2:245" x14ac:dyDescent="0.2">
      <c r="B4196" s="43"/>
      <c r="C4196" s="73"/>
      <c r="D4196" s="64"/>
      <c r="E4196" s="64"/>
      <c r="F4196" s="55"/>
      <c r="G4196" s="102"/>
      <c r="H4196" s="97"/>
      <c r="T4196" s="98"/>
      <c r="U4196" s="97"/>
      <c r="AG4196" s="98"/>
      <c r="AY4196" s="164"/>
      <c r="BK4196" s="98"/>
      <c r="BL4196" s="97"/>
      <c r="BX4196" s="98"/>
      <c r="CL4196" s="97"/>
      <c r="CX4196" s="98"/>
      <c r="DL4196" s="97"/>
      <c r="DX4196" s="98"/>
      <c r="EL4196" s="97"/>
      <c r="EX4196" s="98"/>
      <c r="EY4196" s="97"/>
      <c r="FL4196" s="126"/>
      <c r="FM4196" s="91"/>
      <c r="FN4196" s="91"/>
      <c r="FO4196" s="91"/>
      <c r="FP4196" s="91"/>
      <c r="FQ4196" s="91"/>
      <c r="FR4196" s="91"/>
      <c r="FS4196" s="91"/>
      <c r="FT4196" s="91"/>
      <c r="FU4196" s="91"/>
      <c r="FV4196" s="91"/>
      <c r="FW4196" s="91"/>
      <c r="FX4196" s="127"/>
      <c r="FY4196" s="126"/>
      <c r="FZ4196" s="91"/>
      <c r="GA4196" s="91"/>
      <c r="GB4196" s="91"/>
      <c r="GC4196" s="91"/>
      <c r="GD4196" s="91"/>
      <c r="GE4196" s="91"/>
      <c r="GF4196" s="91"/>
      <c r="GG4196" s="91"/>
      <c r="GH4196" s="91"/>
      <c r="GI4196" s="91"/>
      <c r="GJ4196" s="91"/>
      <c r="GK4196" s="127"/>
      <c r="GL4196" s="126"/>
      <c r="GM4196" s="91"/>
      <c r="GN4196" s="91"/>
      <c r="GO4196" s="91"/>
      <c r="GP4196" s="91"/>
      <c r="GQ4196" s="91"/>
      <c r="GR4196" s="91"/>
      <c r="GS4196" s="91"/>
      <c r="GT4196" s="91"/>
      <c r="GU4196" s="91"/>
      <c r="GV4196" s="91"/>
      <c r="GW4196" s="91"/>
      <c r="GX4196" s="127"/>
      <c r="GY4196" s="126"/>
      <c r="GZ4196" s="91"/>
      <c r="HA4196" s="91"/>
      <c r="HB4196" s="91"/>
      <c r="HC4196" s="91"/>
      <c r="HD4196" s="91"/>
      <c r="HE4196" s="91"/>
      <c r="HF4196" s="91"/>
      <c r="HG4196" s="91"/>
      <c r="HH4196" s="91"/>
      <c r="HI4196" s="91"/>
      <c r="HJ4196" s="91"/>
      <c r="HK4196" s="127"/>
      <c r="HL4196" s="126"/>
      <c r="HM4196" s="91"/>
      <c r="HN4196" s="91"/>
      <c r="HO4196" s="91"/>
      <c r="HP4196" s="91"/>
      <c r="HQ4196" s="91"/>
      <c r="HR4196" s="91"/>
      <c r="HS4196" s="91"/>
      <c r="HT4196" s="91"/>
      <c r="HU4196" s="91"/>
      <c r="HV4196" s="91"/>
      <c r="HW4196" s="91"/>
      <c r="HX4196" s="127"/>
      <c r="HY4196" s="126"/>
      <c r="HZ4196" s="91"/>
      <c r="IA4196" s="91"/>
      <c r="IB4196" s="91"/>
      <c r="IC4196" s="91"/>
      <c r="ID4196" s="91"/>
      <c r="IE4196" s="91"/>
      <c r="IF4196" s="91"/>
      <c r="IG4196" s="91"/>
      <c r="IH4196" s="91"/>
      <c r="II4196" s="91"/>
      <c r="IJ4196" s="91"/>
      <c r="IK4196" s="174"/>
    </row>
    <row r="4197" spans="2:245" x14ac:dyDescent="0.2">
      <c r="B4197" s="43"/>
      <c r="C4197" s="73"/>
      <c r="D4197" s="64"/>
      <c r="E4197" s="64"/>
      <c r="F4197" s="55"/>
      <c r="G4197" s="102"/>
      <c r="H4197" s="97"/>
      <c r="T4197" s="98"/>
      <c r="U4197" s="97"/>
      <c r="AG4197" s="98"/>
      <c r="AY4197" s="164"/>
      <c r="BK4197" s="98"/>
      <c r="BL4197" s="97"/>
      <c r="BX4197" s="98"/>
      <c r="CL4197" s="97"/>
      <c r="CX4197" s="98"/>
      <c r="DL4197" s="97"/>
      <c r="DX4197" s="98"/>
      <c r="EL4197" s="97"/>
      <c r="EX4197" s="98"/>
      <c r="EY4197" s="97"/>
      <c r="FL4197" s="126"/>
      <c r="FM4197" s="91"/>
      <c r="FN4197" s="91"/>
      <c r="FO4197" s="91"/>
      <c r="FP4197" s="91"/>
      <c r="FQ4197" s="91"/>
      <c r="FR4197" s="91"/>
      <c r="FS4197" s="91"/>
      <c r="FT4197" s="91"/>
      <c r="FU4197" s="91"/>
      <c r="FV4197" s="91"/>
      <c r="FW4197" s="91"/>
      <c r="FX4197" s="127"/>
      <c r="FY4197" s="126"/>
      <c r="FZ4197" s="91"/>
      <c r="GA4197" s="91"/>
      <c r="GB4197" s="91"/>
      <c r="GC4197" s="91"/>
      <c r="GD4197" s="91"/>
      <c r="GE4197" s="91"/>
      <c r="GF4197" s="91"/>
      <c r="GG4197" s="91"/>
      <c r="GH4197" s="91"/>
      <c r="GI4197" s="91"/>
      <c r="GJ4197" s="91"/>
      <c r="GK4197" s="127"/>
      <c r="GL4197" s="126"/>
      <c r="GM4197" s="91"/>
      <c r="GN4197" s="91"/>
      <c r="GO4197" s="91"/>
      <c r="GP4197" s="91"/>
      <c r="GQ4197" s="91"/>
      <c r="GR4197" s="91"/>
      <c r="GS4197" s="91"/>
      <c r="GT4197" s="91"/>
      <c r="GU4197" s="91"/>
      <c r="GV4197" s="91"/>
      <c r="GW4197" s="91"/>
      <c r="GX4197" s="127"/>
      <c r="GY4197" s="126"/>
      <c r="GZ4197" s="91"/>
      <c r="HA4197" s="91"/>
      <c r="HB4197" s="91"/>
      <c r="HC4197" s="91"/>
      <c r="HD4197" s="91"/>
      <c r="HE4197" s="91"/>
      <c r="HF4197" s="91"/>
      <c r="HG4197" s="91"/>
      <c r="HH4197" s="91"/>
      <c r="HI4197" s="91"/>
      <c r="HJ4197" s="91"/>
      <c r="HK4197" s="127"/>
      <c r="HL4197" s="126"/>
      <c r="HM4197" s="91"/>
      <c r="HN4197" s="91"/>
      <c r="HO4197" s="91"/>
      <c r="HP4197" s="91"/>
      <c r="HQ4197" s="91"/>
      <c r="HR4197" s="91"/>
      <c r="HS4197" s="91"/>
      <c r="HT4197" s="91"/>
      <c r="HU4197" s="91"/>
      <c r="HV4197" s="91"/>
      <c r="HW4197" s="91"/>
      <c r="HX4197" s="127"/>
      <c r="HY4197" s="126"/>
      <c r="HZ4197" s="91"/>
      <c r="IA4197" s="91"/>
      <c r="IB4197" s="91"/>
      <c r="IC4197" s="91"/>
      <c r="ID4197" s="91"/>
      <c r="IE4197" s="91"/>
      <c r="IF4197" s="91"/>
      <c r="IG4197" s="91"/>
      <c r="IH4197" s="91"/>
      <c r="II4197" s="91"/>
      <c r="IJ4197" s="91"/>
      <c r="IK4197" s="174"/>
    </row>
    <row r="4198" spans="2:245" x14ac:dyDescent="0.2">
      <c r="B4198" s="43"/>
      <c r="C4198" s="73"/>
      <c r="D4198" s="64"/>
      <c r="E4198" s="64"/>
      <c r="F4198" s="55"/>
      <c r="G4198" s="102"/>
      <c r="H4198" s="97"/>
      <c r="T4198" s="98"/>
      <c r="U4198" s="97"/>
      <c r="AG4198" s="98"/>
      <c r="AY4198" s="164"/>
      <c r="BK4198" s="98"/>
      <c r="BL4198" s="97"/>
      <c r="BX4198" s="98"/>
      <c r="CL4198" s="97"/>
      <c r="CX4198" s="98"/>
      <c r="DL4198" s="97"/>
      <c r="DX4198" s="98"/>
      <c r="EL4198" s="97"/>
      <c r="EX4198" s="98"/>
      <c r="EY4198" s="97"/>
      <c r="FL4198" s="126"/>
      <c r="FM4198" s="91"/>
      <c r="FN4198" s="91"/>
      <c r="FO4198" s="91"/>
      <c r="FP4198" s="91"/>
      <c r="FQ4198" s="91"/>
      <c r="FR4198" s="91"/>
      <c r="FS4198" s="91"/>
      <c r="FT4198" s="91"/>
      <c r="FU4198" s="91"/>
      <c r="FV4198" s="91"/>
      <c r="FW4198" s="91"/>
      <c r="FX4198" s="127"/>
      <c r="FY4198" s="126"/>
      <c r="FZ4198" s="91"/>
      <c r="GA4198" s="91"/>
      <c r="GB4198" s="91"/>
      <c r="GC4198" s="91"/>
      <c r="GD4198" s="91"/>
      <c r="GE4198" s="91"/>
      <c r="GF4198" s="91"/>
      <c r="GG4198" s="91"/>
      <c r="GH4198" s="91"/>
      <c r="GI4198" s="91"/>
      <c r="GJ4198" s="91"/>
      <c r="GK4198" s="127"/>
      <c r="GL4198" s="126"/>
      <c r="GM4198" s="91"/>
      <c r="GN4198" s="91"/>
      <c r="GO4198" s="91"/>
      <c r="GP4198" s="91"/>
      <c r="GQ4198" s="91"/>
      <c r="GR4198" s="91"/>
      <c r="GS4198" s="91"/>
      <c r="GT4198" s="91"/>
      <c r="GU4198" s="91"/>
      <c r="GV4198" s="91"/>
      <c r="GW4198" s="91"/>
      <c r="GX4198" s="127"/>
      <c r="GY4198" s="126"/>
      <c r="GZ4198" s="91"/>
      <c r="HA4198" s="91"/>
      <c r="HB4198" s="91"/>
      <c r="HC4198" s="91"/>
      <c r="HD4198" s="91"/>
      <c r="HE4198" s="91"/>
      <c r="HF4198" s="91"/>
      <c r="HG4198" s="91"/>
      <c r="HH4198" s="91"/>
      <c r="HI4198" s="91"/>
      <c r="HJ4198" s="91"/>
      <c r="HK4198" s="127"/>
      <c r="HL4198" s="126"/>
      <c r="HM4198" s="91"/>
      <c r="HN4198" s="91"/>
      <c r="HO4198" s="91"/>
      <c r="HP4198" s="91"/>
      <c r="HQ4198" s="91"/>
      <c r="HR4198" s="91"/>
      <c r="HS4198" s="91"/>
      <c r="HT4198" s="91"/>
      <c r="HU4198" s="91"/>
      <c r="HV4198" s="91"/>
      <c r="HW4198" s="91"/>
      <c r="HX4198" s="127"/>
      <c r="HY4198" s="126"/>
      <c r="HZ4198" s="91"/>
      <c r="IA4198" s="91"/>
      <c r="IB4198" s="91"/>
      <c r="IC4198" s="91"/>
      <c r="ID4198" s="91"/>
      <c r="IE4198" s="91"/>
      <c r="IF4198" s="91"/>
      <c r="IG4198" s="91"/>
      <c r="IH4198" s="91"/>
      <c r="II4198" s="91"/>
      <c r="IJ4198" s="91"/>
      <c r="IK4198" s="174"/>
    </row>
    <row r="4199" spans="2:245" x14ac:dyDescent="0.2">
      <c r="B4199" s="43"/>
      <c r="C4199" s="73"/>
      <c r="D4199" s="64"/>
      <c r="E4199" s="64"/>
      <c r="F4199" s="55"/>
      <c r="G4199" s="102"/>
      <c r="H4199" s="97"/>
      <c r="T4199" s="98"/>
      <c r="U4199" s="97"/>
      <c r="AG4199" s="98"/>
      <c r="AY4199" s="164"/>
      <c r="BK4199" s="98"/>
      <c r="BL4199" s="97"/>
      <c r="BX4199" s="98"/>
      <c r="CL4199" s="97"/>
      <c r="CX4199" s="98"/>
      <c r="DL4199" s="97"/>
      <c r="DX4199" s="98"/>
      <c r="EL4199" s="97"/>
      <c r="EX4199" s="98"/>
      <c r="EY4199" s="97"/>
      <c r="FL4199" s="126"/>
      <c r="FM4199" s="91"/>
      <c r="FN4199" s="91"/>
      <c r="FO4199" s="91"/>
      <c r="FP4199" s="91"/>
      <c r="FQ4199" s="91"/>
      <c r="FR4199" s="91"/>
      <c r="FS4199" s="91"/>
      <c r="FT4199" s="91"/>
      <c r="FU4199" s="91"/>
      <c r="FV4199" s="91"/>
      <c r="FW4199" s="91"/>
      <c r="FX4199" s="127"/>
      <c r="FY4199" s="126"/>
      <c r="FZ4199" s="91"/>
      <c r="GA4199" s="91"/>
      <c r="GB4199" s="91"/>
      <c r="GC4199" s="91"/>
      <c r="GD4199" s="91"/>
      <c r="GE4199" s="91"/>
      <c r="GF4199" s="91"/>
      <c r="GG4199" s="91"/>
      <c r="GH4199" s="91"/>
      <c r="GI4199" s="91"/>
      <c r="GJ4199" s="91"/>
      <c r="GK4199" s="127"/>
      <c r="GL4199" s="126"/>
      <c r="GM4199" s="91"/>
      <c r="GN4199" s="91"/>
      <c r="GO4199" s="91"/>
      <c r="GP4199" s="91"/>
      <c r="GQ4199" s="91"/>
      <c r="GR4199" s="91"/>
      <c r="GS4199" s="91"/>
      <c r="GT4199" s="91"/>
      <c r="GU4199" s="91"/>
      <c r="GV4199" s="91"/>
      <c r="GW4199" s="91"/>
      <c r="GX4199" s="127"/>
      <c r="GY4199" s="126"/>
      <c r="GZ4199" s="91"/>
      <c r="HA4199" s="91"/>
      <c r="HB4199" s="91"/>
      <c r="HC4199" s="91"/>
      <c r="HD4199" s="91"/>
      <c r="HE4199" s="91"/>
      <c r="HF4199" s="91"/>
      <c r="HG4199" s="91"/>
      <c r="HH4199" s="91"/>
      <c r="HI4199" s="91"/>
      <c r="HJ4199" s="91"/>
      <c r="HK4199" s="127"/>
      <c r="HL4199" s="126"/>
      <c r="HM4199" s="91"/>
      <c r="HN4199" s="91"/>
      <c r="HO4199" s="91"/>
      <c r="HP4199" s="91"/>
      <c r="HQ4199" s="91"/>
      <c r="HR4199" s="91"/>
      <c r="HS4199" s="91"/>
      <c r="HT4199" s="91"/>
      <c r="HU4199" s="91"/>
      <c r="HV4199" s="91"/>
      <c r="HW4199" s="91"/>
      <c r="HX4199" s="127"/>
      <c r="HY4199" s="126"/>
      <c r="HZ4199" s="91"/>
      <c r="IA4199" s="91"/>
      <c r="IB4199" s="91"/>
      <c r="IC4199" s="91"/>
      <c r="ID4199" s="91"/>
      <c r="IE4199" s="91"/>
      <c r="IF4199" s="91"/>
      <c r="IG4199" s="91"/>
      <c r="IH4199" s="91"/>
      <c r="II4199" s="91"/>
      <c r="IJ4199" s="91"/>
      <c r="IK4199" s="174"/>
    </row>
    <row r="4200" spans="2:245" x14ac:dyDescent="0.2">
      <c r="B4200" s="43"/>
      <c r="C4200" s="73"/>
      <c r="D4200" s="64"/>
      <c r="E4200" s="64"/>
      <c r="F4200" s="55"/>
      <c r="G4200" s="102"/>
      <c r="H4200" s="97"/>
      <c r="T4200" s="98"/>
      <c r="U4200" s="97"/>
      <c r="AG4200" s="98"/>
      <c r="AY4200" s="164"/>
      <c r="BK4200" s="98"/>
      <c r="BL4200" s="97"/>
      <c r="BX4200" s="98"/>
      <c r="CL4200" s="97"/>
      <c r="CX4200" s="98"/>
      <c r="DL4200" s="97"/>
      <c r="DX4200" s="98"/>
      <c r="EL4200" s="97"/>
      <c r="EX4200" s="98"/>
      <c r="EY4200" s="97"/>
      <c r="FL4200" s="126"/>
      <c r="FM4200" s="91"/>
      <c r="FN4200" s="91"/>
      <c r="FO4200" s="91"/>
      <c r="FP4200" s="91"/>
      <c r="FQ4200" s="91"/>
      <c r="FR4200" s="91"/>
      <c r="FS4200" s="91"/>
      <c r="FT4200" s="91"/>
      <c r="FU4200" s="91"/>
      <c r="FV4200" s="91"/>
      <c r="FW4200" s="91"/>
      <c r="FX4200" s="127"/>
      <c r="FY4200" s="126"/>
      <c r="FZ4200" s="91"/>
      <c r="GA4200" s="91"/>
      <c r="GB4200" s="91"/>
      <c r="GC4200" s="91"/>
      <c r="GD4200" s="91"/>
      <c r="GE4200" s="91"/>
      <c r="GF4200" s="91"/>
      <c r="GG4200" s="91"/>
      <c r="GH4200" s="91"/>
      <c r="GI4200" s="91"/>
      <c r="GJ4200" s="91"/>
      <c r="GK4200" s="127"/>
      <c r="GL4200" s="126"/>
      <c r="GM4200" s="91"/>
      <c r="GN4200" s="91"/>
      <c r="GO4200" s="91"/>
      <c r="GP4200" s="91"/>
      <c r="GQ4200" s="91"/>
      <c r="GR4200" s="91"/>
      <c r="GS4200" s="91"/>
      <c r="GT4200" s="91"/>
      <c r="GU4200" s="91"/>
      <c r="GV4200" s="91"/>
      <c r="GW4200" s="91"/>
      <c r="GX4200" s="127"/>
      <c r="GY4200" s="126"/>
      <c r="GZ4200" s="91"/>
      <c r="HA4200" s="91"/>
      <c r="HB4200" s="91"/>
      <c r="HC4200" s="91"/>
      <c r="HD4200" s="91"/>
      <c r="HE4200" s="91"/>
      <c r="HF4200" s="91"/>
      <c r="HG4200" s="91"/>
      <c r="HH4200" s="91"/>
      <c r="HI4200" s="91"/>
      <c r="HJ4200" s="91"/>
      <c r="HK4200" s="127"/>
      <c r="HL4200" s="126"/>
      <c r="HM4200" s="91"/>
      <c r="HN4200" s="91"/>
      <c r="HO4200" s="91"/>
      <c r="HP4200" s="91"/>
      <c r="HQ4200" s="91"/>
      <c r="HR4200" s="91"/>
      <c r="HS4200" s="91"/>
      <c r="HT4200" s="91"/>
      <c r="HU4200" s="91"/>
      <c r="HV4200" s="91"/>
      <c r="HW4200" s="91"/>
      <c r="HX4200" s="127"/>
      <c r="HY4200" s="126"/>
      <c r="HZ4200" s="91"/>
      <c r="IA4200" s="91"/>
      <c r="IB4200" s="91"/>
      <c r="IC4200" s="91"/>
      <c r="ID4200" s="91"/>
      <c r="IE4200" s="91"/>
      <c r="IF4200" s="91"/>
      <c r="IG4200" s="91"/>
      <c r="IH4200" s="91"/>
      <c r="II4200" s="91"/>
      <c r="IJ4200" s="91"/>
      <c r="IK4200" s="174"/>
    </row>
    <row r="4201" spans="2:245" x14ac:dyDescent="0.2">
      <c r="B4201" s="43"/>
      <c r="C4201" s="73"/>
      <c r="D4201" s="64"/>
      <c r="E4201" s="64"/>
      <c r="F4201" s="55"/>
      <c r="G4201" s="102"/>
      <c r="H4201" s="97"/>
      <c r="T4201" s="98"/>
      <c r="U4201" s="97"/>
      <c r="AG4201" s="98"/>
      <c r="AY4201" s="164"/>
      <c r="BK4201" s="98"/>
      <c r="BL4201" s="97"/>
      <c r="BX4201" s="98"/>
      <c r="CL4201" s="97"/>
      <c r="CX4201" s="98"/>
      <c r="DL4201" s="97"/>
      <c r="DX4201" s="98"/>
      <c r="EL4201" s="97"/>
      <c r="EX4201" s="98"/>
      <c r="EY4201" s="97"/>
      <c r="FL4201" s="126"/>
      <c r="FM4201" s="91"/>
      <c r="FN4201" s="91"/>
      <c r="FO4201" s="91"/>
      <c r="FP4201" s="91"/>
      <c r="FQ4201" s="91"/>
      <c r="FR4201" s="91"/>
      <c r="FS4201" s="91"/>
      <c r="FT4201" s="91"/>
      <c r="FU4201" s="91"/>
      <c r="FV4201" s="91"/>
      <c r="FW4201" s="91"/>
      <c r="FX4201" s="127"/>
      <c r="FY4201" s="126"/>
      <c r="FZ4201" s="91"/>
      <c r="GA4201" s="91"/>
      <c r="GB4201" s="91"/>
      <c r="GC4201" s="91"/>
      <c r="GD4201" s="91"/>
      <c r="GE4201" s="91"/>
      <c r="GF4201" s="91"/>
      <c r="GG4201" s="91"/>
      <c r="GH4201" s="91"/>
      <c r="GI4201" s="91"/>
      <c r="GJ4201" s="91"/>
      <c r="GK4201" s="127"/>
      <c r="GL4201" s="126"/>
      <c r="GM4201" s="91"/>
      <c r="GN4201" s="91"/>
      <c r="GO4201" s="91"/>
      <c r="GP4201" s="91"/>
      <c r="GQ4201" s="91"/>
      <c r="GR4201" s="91"/>
      <c r="GS4201" s="91"/>
      <c r="GT4201" s="91"/>
      <c r="GU4201" s="91"/>
      <c r="GV4201" s="91"/>
      <c r="GW4201" s="91"/>
      <c r="GX4201" s="127"/>
      <c r="GY4201" s="126"/>
      <c r="GZ4201" s="91"/>
      <c r="HA4201" s="91"/>
      <c r="HB4201" s="91"/>
      <c r="HC4201" s="91"/>
      <c r="HD4201" s="91"/>
      <c r="HE4201" s="91"/>
      <c r="HF4201" s="91"/>
      <c r="HG4201" s="91"/>
      <c r="HH4201" s="91"/>
      <c r="HI4201" s="91"/>
      <c r="HJ4201" s="91"/>
      <c r="HK4201" s="127"/>
      <c r="HL4201" s="126"/>
      <c r="HM4201" s="91"/>
      <c r="HN4201" s="91"/>
      <c r="HO4201" s="91"/>
      <c r="HP4201" s="91"/>
      <c r="HQ4201" s="91"/>
      <c r="HR4201" s="91"/>
      <c r="HS4201" s="91"/>
      <c r="HT4201" s="91"/>
      <c r="HU4201" s="91"/>
      <c r="HV4201" s="91"/>
      <c r="HW4201" s="91"/>
      <c r="HX4201" s="127"/>
      <c r="HY4201" s="126"/>
      <c r="HZ4201" s="91"/>
      <c r="IA4201" s="91"/>
      <c r="IB4201" s="91"/>
      <c r="IC4201" s="91"/>
      <c r="ID4201" s="91"/>
      <c r="IE4201" s="91"/>
      <c r="IF4201" s="91"/>
      <c r="IG4201" s="91"/>
      <c r="IH4201" s="91"/>
      <c r="II4201" s="91"/>
      <c r="IJ4201" s="91"/>
      <c r="IK4201" s="174"/>
    </row>
    <row r="4202" spans="2:245" x14ac:dyDescent="0.2">
      <c r="B4202" s="43"/>
      <c r="C4202" s="73"/>
      <c r="D4202" s="64"/>
      <c r="E4202" s="64"/>
      <c r="F4202" s="55"/>
      <c r="G4202" s="102"/>
      <c r="H4202" s="97"/>
      <c r="T4202" s="98"/>
      <c r="U4202" s="97"/>
      <c r="AG4202" s="98"/>
      <c r="AY4202" s="164"/>
      <c r="BK4202" s="98"/>
      <c r="BL4202" s="97"/>
      <c r="BX4202" s="98"/>
      <c r="CL4202" s="97"/>
      <c r="CX4202" s="98"/>
      <c r="DL4202" s="97"/>
      <c r="DX4202" s="98"/>
      <c r="EL4202" s="97"/>
      <c r="EX4202" s="98"/>
      <c r="EY4202" s="97"/>
      <c r="FL4202" s="126"/>
      <c r="FM4202" s="91"/>
      <c r="FN4202" s="91"/>
      <c r="FO4202" s="91"/>
      <c r="FP4202" s="91"/>
      <c r="FQ4202" s="91"/>
      <c r="FR4202" s="91"/>
      <c r="FS4202" s="91"/>
      <c r="FT4202" s="91"/>
      <c r="FU4202" s="91"/>
      <c r="FV4202" s="91"/>
      <c r="FW4202" s="91"/>
      <c r="FX4202" s="127"/>
      <c r="FY4202" s="126"/>
      <c r="FZ4202" s="91"/>
      <c r="GA4202" s="91"/>
      <c r="GB4202" s="91"/>
      <c r="GC4202" s="91"/>
      <c r="GD4202" s="91"/>
      <c r="GE4202" s="91"/>
      <c r="GF4202" s="91"/>
      <c r="GG4202" s="91"/>
      <c r="GH4202" s="91"/>
      <c r="GI4202" s="91"/>
      <c r="GJ4202" s="91"/>
      <c r="GK4202" s="127"/>
      <c r="GL4202" s="126"/>
      <c r="GM4202" s="91"/>
      <c r="GN4202" s="91"/>
      <c r="GO4202" s="91"/>
      <c r="GP4202" s="91"/>
      <c r="GQ4202" s="91"/>
      <c r="GR4202" s="91"/>
      <c r="GS4202" s="91"/>
      <c r="GT4202" s="91"/>
      <c r="GU4202" s="91"/>
      <c r="GV4202" s="91"/>
      <c r="GW4202" s="91"/>
      <c r="GX4202" s="127"/>
      <c r="GY4202" s="126"/>
      <c r="GZ4202" s="91"/>
      <c r="HA4202" s="91"/>
      <c r="HB4202" s="91"/>
      <c r="HC4202" s="91"/>
      <c r="HD4202" s="91"/>
      <c r="HE4202" s="91"/>
      <c r="HF4202" s="91"/>
      <c r="HG4202" s="91"/>
      <c r="HH4202" s="91"/>
      <c r="HI4202" s="91"/>
      <c r="HJ4202" s="91"/>
      <c r="HK4202" s="127"/>
      <c r="HL4202" s="126"/>
      <c r="HM4202" s="91"/>
      <c r="HN4202" s="91"/>
      <c r="HO4202" s="91"/>
      <c r="HP4202" s="91"/>
      <c r="HQ4202" s="91"/>
      <c r="HR4202" s="91"/>
      <c r="HS4202" s="91"/>
      <c r="HT4202" s="91"/>
      <c r="HU4202" s="91"/>
      <c r="HV4202" s="91"/>
      <c r="HW4202" s="91"/>
      <c r="HX4202" s="127"/>
      <c r="HY4202" s="126"/>
      <c r="HZ4202" s="91"/>
      <c r="IA4202" s="91"/>
      <c r="IB4202" s="91"/>
      <c r="IC4202" s="91"/>
      <c r="ID4202" s="91"/>
      <c r="IE4202" s="91"/>
      <c r="IF4202" s="91"/>
      <c r="IG4202" s="91"/>
      <c r="IH4202" s="91"/>
      <c r="II4202" s="91"/>
      <c r="IJ4202" s="91"/>
      <c r="IK4202" s="174"/>
    </row>
    <row r="4203" spans="2:245" x14ac:dyDescent="0.2">
      <c r="B4203" s="43"/>
      <c r="C4203" s="73"/>
      <c r="D4203" s="64"/>
      <c r="E4203" s="64"/>
      <c r="F4203" s="55"/>
      <c r="G4203" s="102"/>
      <c r="H4203" s="97"/>
      <c r="T4203" s="98"/>
      <c r="U4203" s="97"/>
      <c r="AG4203" s="98"/>
      <c r="AY4203" s="164"/>
      <c r="BK4203" s="98"/>
      <c r="BL4203" s="97"/>
      <c r="BX4203" s="98"/>
      <c r="CL4203" s="97"/>
      <c r="CX4203" s="98"/>
      <c r="DL4203" s="97"/>
      <c r="DX4203" s="98"/>
      <c r="EL4203" s="97"/>
      <c r="EX4203" s="98"/>
      <c r="EY4203" s="97"/>
      <c r="FL4203" s="126"/>
      <c r="FM4203" s="91"/>
      <c r="FN4203" s="91"/>
      <c r="FO4203" s="91"/>
      <c r="FP4203" s="91"/>
      <c r="FQ4203" s="91"/>
      <c r="FR4203" s="91"/>
      <c r="FS4203" s="91"/>
      <c r="FT4203" s="91"/>
      <c r="FU4203" s="91"/>
      <c r="FV4203" s="91"/>
      <c r="FW4203" s="91"/>
      <c r="FX4203" s="127"/>
      <c r="FY4203" s="126"/>
      <c r="FZ4203" s="91"/>
      <c r="GA4203" s="91"/>
      <c r="GB4203" s="91"/>
      <c r="GC4203" s="91"/>
      <c r="GD4203" s="91"/>
      <c r="GE4203" s="91"/>
      <c r="GF4203" s="91"/>
      <c r="GG4203" s="91"/>
      <c r="GH4203" s="91"/>
      <c r="GI4203" s="91"/>
      <c r="GJ4203" s="91"/>
      <c r="GK4203" s="127"/>
      <c r="GL4203" s="126"/>
      <c r="GM4203" s="91"/>
      <c r="GN4203" s="91"/>
      <c r="GO4203" s="91"/>
      <c r="GP4203" s="91"/>
      <c r="GQ4203" s="91"/>
      <c r="GR4203" s="91"/>
      <c r="GS4203" s="91"/>
      <c r="GT4203" s="91"/>
      <c r="GU4203" s="91"/>
      <c r="GV4203" s="91"/>
      <c r="GW4203" s="91"/>
      <c r="GX4203" s="127"/>
      <c r="GY4203" s="126"/>
      <c r="GZ4203" s="91"/>
      <c r="HA4203" s="91"/>
      <c r="HB4203" s="91"/>
      <c r="HC4203" s="91"/>
      <c r="HD4203" s="91"/>
      <c r="HE4203" s="91"/>
      <c r="HF4203" s="91"/>
      <c r="HG4203" s="91"/>
      <c r="HH4203" s="91"/>
      <c r="HI4203" s="91"/>
      <c r="HJ4203" s="91"/>
      <c r="HK4203" s="127"/>
      <c r="HL4203" s="126"/>
      <c r="HM4203" s="91"/>
      <c r="HN4203" s="91"/>
      <c r="HO4203" s="91"/>
      <c r="HP4203" s="91"/>
      <c r="HQ4203" s="91"/>
      <c r="HR4203" s="91"/>
      <c r="HS4203" s="91"/>
      <c r="HT4203" s="91"/>
      <c r="HU4203" s="91"/>
      <c r="HV4203" s="91"/>
      <c r="HW4203" s="91"/>
      <c r="HX4203" s="127"/>
      <c r="HY4203" s="126"/>
      <c r="HZ4203" s="91"/>
      <c r="IA4203" s="91"/>
      <c r="IB4203" s="91"/>
      <c r="IC4203" s="91"/>
      <c r="ID4203" s="91"/>
      <c r="IE4203" s="91"/>
      <c r="IF4203" s="91"/>
      <c r="IG4203" s="91"/>
      <c r="IH4203" s="91"/>
      <c r="II4203" s="91"/>
      <c r="IJ4203" s="91"/>
      <c r="IK4203" s="174"/>
    </row>
    <row r="4204" spans="2:245" x14ac:dyDescent="0.2">
      <c r="B4204" s="43"/>
      <c r="C4204" s="73"/>
      <c r="D4204" s="64"/>
      <c r="E4204" s="64"/>
      <c r="F4204" s="55"/>
      <c r="G4204" s="102"/>
      <c r="H4204" s="97"/>
      <c r="T4204" s="98"/>
      <c r="U4204" s="97"/>
      <c r="AG4204" s="98"/>
      <c r="AY4204" s="164"/>
      <c r="BK4204" s="98"/>
      <c r="BL4204" s="97"/>
      <c r="BX4204" s="98"/>
      <c r="CL4204" s="97"/>
      <c r="CX4204" s="98"/>
      <c r="DL4204" s="97"/>
      <c r="DX4204" s="98"/>
      <c r="EL4204" s="97"/>
      <c r="EX4204" s="98"/>
      <c r="EY4204" s="97"/>
      <c r="FL4204" s="126"/>
      <c r="FM4204" s="91"/>
      <c r="FN4204" s="91"/>
      <c r="FO4204" s="91"/>
      <c r="FP4204" s="91"/>
      <c r="FQ4204" s="91"/>
      <c r="FR4204" s="91"/>
      <c r="FS4204" s="91"/>
      <c r="FT4204" s="91"/>
      <c r="FU4204" s="91"/>
      <c r="FV4204" s="91"/>
      <c r="FW4204" s="91"/>
      <c r="FX4204" s="127"/>
      <c r="FY4204" s="126"/>
      <c r="FZ4204" s="91"/>
      <c r="GA4204" s="91"/>
      <c r="GB4204" s="91"/>
      <c r="GC4204" s="91"/>
      <c r="GD4204" s="91"/>
      <c r="GE4204" s="91"/>
      <c r="GF4204" s="91"/>
      <c r="GG4204" s="91"/>
      <c r="GH4204" s="91"/>
      <c r="GI4204" s="91"/>
      <c r="GJ4204" s="91"/>
      <c r="GK4204" s="127"/>
      <c r="GL4204" s="126"/>
      <c r="GM4204" s="91"/>
      <c r="GN4204" s="91"/>
      <c r="GO4204" s="91"/>
      <c r="GP4204" s="91"/>
      <c r="GQ4204" s="91"/>
      <c r="GR4204" s="91"/>
      <c r="GS4204" s="91"/>
      <c r="GT4204" s="91"/>
      <c r="GU4204" s="91"/>
      <c r="GV4204" s="91"/>
      <c r="GW4204" s="91"/>
      <c r="GX4204" s="127"/>
      <c r="GY4204" s="126"/>
      <c r="GZ4204" s="91"/>
      <c r="HA4204" s="91"/>
      <c r="HB4204" s="91"/>
      <c r="HC4204" s="91"/>
      <c r="HD4204" s="91"/>
      <c r="HE4204" s="91"/>
      <c r="HF4204" s="91"/>
      <c r="HG4204" s="91"/>
      <c r="HH4204" s="91"/>
      <c r="HI4204" s="91"/>
      <c r="HJ4204" s="91"/>
      <c r="HK4204" s="127"/>
      <c r="HL4204" s="126"/>
      <c r="HM4204" s="91"/>
      <c r="HN4204" s="91"/>
      <c r="HO4204" s="91"/>
      <c r="HP4204" s="91"/>
      <c r="HQ4204" s="91"/>
      <c r="HR4204" s="91"/>
      <c r="HS4204" s="91"/>
      <c r="HT4204" s="91"/>
      <c r="HU4204" s="91"/>
      <c r="HV4204" s="91"/>
      <c r="HW4204" s="91"/>
      <c r="HX4204" s="127"/>
      <c r="HY4204" s="126"/>
      <c r="HZ4204" s="91"/>
      <c r="IA4204" s="91"/>
      <c r="IB4204" s="91"/>
      <c r="IC4204" s="91"/>
      <c r="ID4204" s="91"/>
      <c r="IE4204" s="91"/>
      <c r="IF4204" s="91"/>
      <c r="IG4204" s="91"/>
      <c r="IH4204" s="91"/>
      <c r="II4204" s="91"/>
      <c r="IJ4204" s="91"/>
      <c r="IK4204" s="174"/>
    </row>
    <row r="4205" spans="2:245" x14ac:dyDescent="0.2">
      <c r="B4205" s="43"/>
      <c r="C4205" s="73"/>
      <c r="D4205" s="64"/>
      <c r="E4205" s="64"/>
      <c r="F4205" s="55"/>
      <c r="G4205" s="102"/>
      <c r="H4205" s="97"/>
      <c r="T4205" s="98"/>
      <c r="U4205" s="97"/>
      <c r="AG4205" s="98"/>
      <c r="AY4205" s="164"/>
      <c r="BK4205" s="98"/>
      <c r="BL4205" s="97"/>
      <c r="BX4205" s="98"/>
      <c r="CL4205" s="97"/>
      <c r="CX4205" s="98"/>
      <c r="DL4205" s="97"/>
      <c r="DX4205" s="98"/>
      <c r="EL4205" s="97"/>
      <c r="EX4205" s="98"/>
      <c r="EY4205" s="97"/>
      <c r="FL4205" s="126"/>
      <c r="FM4205" s="91"/>
      <c r="FN4205" s="91"/>
      <c r="FO4205" s="91"/>
      <c r="FP4205" s="91"/>
      <c r="FQ4205" s="91"/>
      <c r="FR4205" s="91"/>
      <c r="FS4205" s="91"/>
      <c r="FT4205" s="91"/>
      <c r="FU4205" s="91"/>
      <c r="FV4205" s="91"/>
      <c r="FW4205" s="91"/>
      <c r="FX4205" s="127"/>
      <c r="FY4205" s="126"/>
      <c r="FZ4205" s="91"/>
      <c r="GA4205" s="91"/>
      <c r="GB4205" s="91"/>
      <c r="GC4205" s="91"/>
      <c r="GD4205" s="91"/>
      <c r="GE4205" s="91"/>
      <c r="GF4205" s="91"/>
      <c r="GG4205" s="91"/>
      <c r="GH4205" s="91"/>
      <c r="GI4205" s="91"/>
      <c r="GJ4205" s="91"/>
      <c r="GK4205" s="127"/>
      <c r="GL4205" s="126"/>
      <c r="GM4205" s="91"/>
      <c r="GN4205" s="91"/>
      <c r="GO4205" s="91"/>
      <c r="GP4205" s="91"/>
      <c r="GQ4205" s="91"/>
      <c r="GR4205" s="91"/>
      <c r="GS4205" s="91"/>
      <c r="GT4205" s="91"/>
      <c r="GU4205" s="91"/>
      <c r="GV4205" s="91"/>
      <c r="GW4205" s="91"/>
      <c r="GX4205" s="127"/>
      <c r="GY4205" s="126"/>
      <c r="GZ4205" s="91"/>
      <c r="HA4205" s="91"/>
      <c r="HB4205" s="91"/>
      <c r="HC4205" s="91"/>
      <c r="HD4205" s="91"/>
      <c r="HE4205" s="91"/>
      <c r="HF4205" s="91"/>
      <c r="HG4205" s="91"/>
      <c r="HH4205" s="91"/>
      <c r="HI4205" s="91"/>
      <c r="HJ4205" s="91"/>
      <c r="HK4205" s="127"/>
      <c r="HL4205" s="126"/>
      <c r="HM4205" s="91"/>
      <c r="HN4205" s="91"/>
      <c r="HO4205" s="91"/>
      <c r="HP4205" s="91"/>
      <c r="HQ4205" s="91"/>
      <c r="HR4205" s="91"/>
      <c r="HS4205" s="91"/>
      <c r="HT4205" s="91"/>
      <c r="HU4205" s="91"/>
      <c r="HV4205" s="91"/>
      <c r="HW4205" s="91"/>
      <c r="HX4205" s="127"/>
      <c r="HY4205" s="126"/>
      <c r="HZ4205" s="91"/>
      <c r="IA4205" s="91"/>
      <c r="IB4205" s="91"/>
      <c r="IC4205" s="91"/>
      <c r="ID4205" s="91"/>
      <c r="IE4205" s="91"/>
      <c r="IF4205" s="91"/>
      <c r="IG4205" s="91"/>
      <c r="IH4205" s="91"/>
      <c r="II4205" s="91"/>
      <c r="IJ4205" s="91"/>
      <c r="IK4205" s="174"/>
    </row>
    <row r="4206" spans="2:245" x14ac:dyDescent="0.2">
      <c r="B4206" s="43"/>
      <c r="C4206" s="73"/>
      <c r="D4206" s="64"/>
      <c r="E4206" s="64"/>
      <c r="F4206" s="55"/>
      <c r="G4206" s="102"/>
      <c r="H4206" s="97"/>
      <c r="T4206" s="98"/>
      <c r="U4206" s="97"/>
      <c r="AG4206" s="98"/>
      <c r="AY4206" s="164"/>
      <c r="BK4206" s="98"/>
      <c r="BL4206" s="97"/>
      <c r="BX4206" s="98"/>
      <c r="CL4206" s="97"/>
      <c r="CX4206" s="98"/>
      <c r="DL4206" s="97"/>
      <c r="DX4206" s="98"/>
      <c r="EL4206" s="97"/>
      <c r="EX4206" s="98"/>
      <c r="EY4206" s="97"/>
      <c r="FL4206" s="126"/>
      <c r="FM4206" s="91"/>
      <c r="FN4206" s="91"/>
      <c r="FO4206" s="91"/>
      <c r="FP4206" s="91"/>
      <c r="FQ4206" s="91"/>
      <c r="FR4206" s="91"/>
      <c r="FS4206" s="91"/>
      <c r="FT4206" s="91"/>
      <c r="FU4206" s="91"/>
      <c r="FV4206" s="91"/>
      <c r="FW4206" s="91"/>
      <c r="FX4206" s="127"/>
      <c r="FY4206" s="126"/>
      <c r="FZ4206" s="91"/>
      <c r="GA4206" s="91"/>
      <c r="GB4206" s="91"/>
      <c r="GC4206" s="91"/>
      <c r="GD4206" s="91"/>
      <c r="GE4206" s="91"/>
      <c r="GF4206" s="91"/>
      <c r="GG4206" s="91"/>
      <c r="GH4206" s="91"/>
      <c r="GI4206" s="91"/>
      <c r="GJ4206" s="91"/>
      <c r="GK4206" s="127"/>
      <c r="GL4206" s="126"/>
      <c r="GM4206" s="91"/>
      <c r="GN4206" s="91"/>
      <c r="GO4206" s="91"/>
      <c r="GP4206" s="91"/>
      <c r="GQ4206" s="91"/>
      <c r="GR4206" s="91"/>
      <c r="GS4206" s="91"/>
      <c r="GT4206" s="91"/>
      <c r="GU4206" s="91"/>
      <c r="GV4206" s="91"/>
      <c r="GW4206" s="91"/>
      <c r="GX4206" s="127"/>
      <c r="GY4206" s="126"/>
      <c r="GZ4206" s="91"/>
      <c r="HA4206" s="91"/>
      <c r="HB4206" s="91"/>
      <c r="HC4206" s="91"/>
      <c r="HD4206" s="91"/>
      <c r="HE4206" s="91"/>
      <c r="HF4206" s="91"/>
      <c r="HG4206" s="91"/>
      <c r="HH4206" s="91"/>
      <c r="HI4206" s="91"/>
      <c r="HJ4206" s="91"/>
      <c r="HK4206" s="127"/>
      <c r="HL4206" s="126"/>
      <c r="HM4206" s="91"/>
      <c r="HN4206" s="91"/>
      <c r="HO4206" s="91"/>
      <c r="HP4206" s="91"/>
      <c r="HQ4206" s="91"/>
      <c r="HR4206" s="91"/>
      <c r="HS4206" s="91"/>
      <c r="HT4206" s="91"/>
      <c r="HU4206" s="91"/>
      <c r="HV4206" s="91"/>
      <c r="HW4206" s="91"/>
      <c r="HX4206" s="127"/>
      <c r="HY4206" s="126"/>
      <c r="HZ4206" s="91"/>
      <c r="IA4206" s="91"/>
      <c r="IB4206" s="91"/>
      <c r="IC4206" s="91"/>
      <c r="ID4206" s="91"/>
      <c r="IE4206" s="91"/>
      <c r="IF4206" s="91"/>
      <c r="IG4206" s="91"/>
      <c r="IH4206" s="91"/>
      <c r="II4206" s="91"/>
      <c r="IJ4206" s="91"/>
      <c r="IK4206" s="174"/>
    </row>
    <row r="4207" spans="2:245" x14ac:dyDescent="0.2">
      <c r="B4207" s="43"/>
      <c r="C4207" s="73"/>
      <c r="D4207" s="64"/>
      <c r="E4207" s="64"/>
      <c r="F4207" s="55"/>
      <c r="G4207" s="102"/>
      <c r="H4207" s="97"/>
      <c r="T4207" s="98"/>
      <c r="U4207" s="97"/>
      <c r="AG4207" s="98"/>
      <c r="AY4207" s="164"/>
      <c r="BK4207" s="98"/>
      <c r="BL4207" s="97"/>
      <c r="BX4207" s="98"/>
      <c r="CL4207" s="97"/>
      <c r="CX4207" s="98"/>
      <c r="DL4207" s="97"/>
      <c r="DX4207" s="98"/>
      <c r="EL4207" s="97"/>
      <c r="EX4207" s="98"/>
      <c r="EY4207" s="97"/>
      <c r="FL4207" s="126"/>
      <c r="FM4207" s="91"/>
      <c r="FN4207" s="91"/>
      <c r="FO4207" s="91"/>
      <c r="FP4207" s="91"/>
      <c r="FQ4207" s="91"/>
      <c r="FR4207" s="91"/>
      <c r="FS4207" s="91"/>
      <c r="FT4207" s="91"/>
      <c r="FU4207" s="91"/>
      <c r="FV4207" s="91"/>
      <c r="FW4207" s="91"/>
      <c r="FX4207" s="127"/>
      <c r="FY4207" s="126"/>
      <c r="FZ4207" s="91"/>
      <c r="GA4207" s="91"/>
      <c r="GB4207" s="91"/>
      <c r="GC4207" s="91"/>
      <c r="GD4207" s="91"/>
      <c r="GE4207" s="91"/>
      <c r="GF4207" s="91"/>
      <c r="GG4207" s="91"/>
      <c r="GH4207" s="91"/>
      <c r="GI4207" s="91"/>
      <c r="GJ4207" s="91"/>
      <c r="GK4207" s="127"/>
      <c r="GL4207" s="126"/>
      <c r="GM4207" s="91"/>
      <c r="GN4207" s="91"/>
      <c r="GO4207" s="91"/>
      <c r="GP4207" s="91"/>
      <c r="GQ4207" s="91"/>
      <c r="GR4207" s="91"/>
      <c r="GS4207" s="91"/>
      <c r="GT4207" s="91"/>
      <c r="GU4207" s="91"/>
      <c r="GV4207" s="91"/>
      <c r="GW4207" s="91"/>
      <c r="GX4207" s="127"/>
      <c r="GY4207" s="126"/>
      <c r="GZ4207" s="91"/>
      <c r="HA4207" s="91"/>
      <c r="HB4207" s="91"/>
      <c r="HC4207" s="91"/>
      <c r="HD4207" s="91"/>
      <c r="HE4207" s="91"/>
      <c r="HF4207" s="91"/>
      <c r="HG4207" s="91"/>
      <c r="HH4207" s="91"/>
      <c r="HI4207" s="91"/>
      <c r="HJ4207" s="91"/>
      <c r="HK4207" s="127"/>
      <c r="HL4207" s="126"/>
      <c r="HM4207" s="91"/>
      <c r="HN4207" s="91"/>
      <c r="HO4207" s="91"/>
      <c r="HP4207" s="91"/>
      <c r="HQ4207" s="91"/>
      <c r="HR4207" s="91"/>
      <c r="HS4207" s="91"/>
      <c r="HT4207" s="91"/>
      <c r="HU4207" s="91"/>
      <c r="HV4207" s="91"/>
      <c r="HW4207" s="91"/>
      <c r="HX4207" s="127"/>
      <c r="HY4207" s="126"/>
      <c r="HZ4207" s="91"/>
      <c r="IA4207" s="91"/>
      <c r="IB4207" s="91"/>
      <c r="IC4207" s="91"/>
      <c r="ID4207" s="91"/>
      <c r="IE4207" s="91"/>
      <c r="IF4207" s="91"/>
      <c r="IG4207" s="91"/>
      <c r="IH4207" s="91"/>
      <c r="II4207" s="91"/>
      <c r="IJ4207" s="91"/>
      <c r="IK4207" s="174"/>
    </row>
    <row r="4208" spans="2:245" x14ac:dyDescent="0.2">
      <c r="B4208" s="43"/>
      <c r="C4208" s="73"/>
      <c r="D4208" s="64"/>
      <c r="E4208" s="64"/>
      <c r="F4208" s="55"/>
      <c r="G4208" s="102"/>
      <c r="H4208" s="97"/>
      <c r="T4208" s="98"/>
      <c r="U4208" s="97"/>
      <c r="AG4208" s="98"/>
      <c r="AY4208" s="164"/>
      <c r="BK4208" s="98"/>
      <c r="BL4208" s="97"/>
      <c r="BX4208" s="98"/>
      <c r="CL4208" s="97"/>
      <c r="CX4208" s="98"/>
      <c r="DL4208" s="97"/>
      <c r="DX4208" s="98"/>
      <c r="EL4208" s="97"/>
      <c r="EX4208" s="98"/>
      <c r="EY4208" s="97"/>
      <c r="FL4208" s="126"/>
      <c r="FM4208" s="91"/>
      <c r="FN4208" s="91"/>
      <c r="FO4208" s="91"/>
      <c r="FP4208" s="91"/>
      <c r="FQ4208" s="91"/>
      <c r="FR4208" s="91"/>
      <c r="FS4208" s="91"/>
      <c r="FT4208" s="91"/>
      <c r="FU4208" s="91"/>
      <c r="FV4208" s="91"/>
      <c r="FW4208" s="91"/>
      <c r="FX4208" s="127"/>
      <c r="FY4208" s="126"/>
      <c r="FZ4208" s="91"/>
      <c r="GA4208" s="91"/>
      <c r="GB4208" s="91"/>
      <c r="GC4208" s="91"/>
      <c r="GD4208" s="91"/>
      <c r="GE4208" s="91"/>
      <c r="GF4208" s="91"/>
      <c r="GG4208" s="91"/>
      <c r="GH4208" s="91"/>
      <c r="GI4208" s="91"/>
      <c r="GJ4208" s="91"/>
      <c r="GK4208" s="127"/>
      <c r="GL4208" s="126"/>
      <c r="GM4208" s="91"/>
      <c r="GN4208" s="91"/>
      <c r="GO4208" s="91"/>
      <c r="GP4208" s="91"/>
      <c r="GQ4208" s="91"/>
      <c r="GR4208" s="91"/>
      <c r="GS4208" s="91"/>
      <c r="GT4208" s="91"/>
      <c r="GU4208" s="91"/>
      <c r="GV4208" s="91"/>
      <c r="GW4208" s="91"/>
      <c r="GX4208" s="127"/>
      <c r="GY4208" s="126"/>
      <c r="GZ4208" s="91"/>
      <c r="HA4208" s="91"/>
      <c r="HB4208" s="91"/>
      <c r="HC4208" s="91"/>
      <c r="HD4208" s="91"/>
      <c r="HE4208" s="91"/>
      <c r="HF4208" s="91"/>
      <c r="HG4208" s="91"/>
      <c r="HH4208" s="91"/>
      <c r="HI4208" s="91"/>
      <c r="HJ4208" s="91"/>
      <c r="HK4208" s="127"/>
      <c r="HL4208" s="126"/>
      <c r="HM4208" s="91"/>
      <c r="HN4208" s="91"/>
      <c r="HO4208" s="91"/>
      <c r="HP4208" s="91"/>
      <c r="HQ4208" s="91"/>
      <c r="HR4208" s="91"/>
      <c r="HS4208" s="91"/>
      <c r="HT4208" s="91"/>
      <c r="HU4208" s="91"/>
      <c r="HV4208" s="91"/>
      <c r="HW4208" s="91"/>
      <c r="HX4208" s="127"/>
      <c r="HY4208" s="126"/>
      <c r="HZ4208" s="91"/>
      <c r="IA4208" s="91"/>
      <c r="IB4208" s="91"/>
      <c r="IC4208" s="91"/>
      <c r="ID4208" s="91"/>
      <c r="IE4208" s="91"/>
      <c r="IF4208" s="91"/>
      <c r="IG4208" s="91"/>
      <c r="IH4208" s="91"/>
      <c r="II4208" s="91"/>
      <c r="IJ4208" s="91"/>
      <c r="IK4208" s="174"/>
    </row>
    <row r="4209" spans="2:245" x14ac:dyDescent="0.2">
      <c r="B4209" s="43"/>
      <c r="C4209" s="73"/>
      <c r="D4209" s="64"/>
      <c r="E4209" s="64"/>
      <c r="F4209" s="55"/>
      <c r="G4209" s="102"/>
      <c r="H4209" s="97"/>
      <c r="T4209" s="98"/>
      <c r="U4209" s="97"/>
      <c r="AG4209" s="98"/>
      <c r="AY4209" s="164"/>
      <c r="BK4209" s="98"/>
      <c r="BL4209" s="97"/>
      <c r="BX4209" s="98"/>
      <c r="CL4209" s="97"/>
      <c r="CX4209" s="98"/>
      <c r="DL4209" s="97"/>
      <c r="DX4209" s="98"/>
      <c r="EL4209" s="97"/>
      <c r="EX4209" s="98"/>
      <c r="EY4209" s="97"/>
      <c r="FL4209" s="126"/>
      <c r="FM4209" s="91"/>
      <c r="FN4209" s="91"/>
      <c r="FO4209" s="91"/>
      <c r="FP4209" s="91"/>
      <c r="FQ4209" s="91"/>
      <c r="FR4209" s="91"/>
      <c r="FS4209" s="91"/>
      <c r="FT4209" s="91"/>
      <c r="FU4209" s="91"/>
      <c r="FV4209" s="91"/>
      <c r="FW4209" s="91"/>
      <c r="FX4209" s="127"/>
      <c r="FY4209" s="126"/>
      <c r="FZ4209" s="91"/>
      <c r="GA4209" s="91"/>
      <c r="GB4209" s="91"/>
      <c r="GC4209" s="91"/>
      <c r="GD4209" s="91"/>
      <c r="GE4209" s="91"/>
      <c r="GF4209" s="91"/>
      <c r="GG4209" s="91"/>
      <c r="GH4209" s="91"/>
      <c r="GI4209" s="91"/>
      <c r="GJ4209" s="91"/>
      <c r="GK4209" s="127"/>
      <c r="GL4209" s="126"/>
      <c r="GM4209" s="91"/>
      <c r="GN4209" s="91"/>
      <c r="GO4209" s="91"/>
      <c r="GP4209" s="91"/>
      <c r="GQ4209" s="91"/>
      <c r="GR4209" s="91"/>
      <c r="GS4209" s="91"/>
      <c r="GT4209" s="91"/>
      <c r="GU4209" s="91"/>
      <c r="GV4209" s="91"/>
      <c r="GW4209" s="91"/>
      <c r="GX4209" s="127"/>
      <c r="GY4209" s="126"/>
      <c r="GZ4209" s="91"/>
      <c r="HA4209" s="91"/>
      <c r="HB4209" s="91"/>
      <c r="HC4209" s="91"/>
      <c r="HD4209" s="91"/>
      <c r="HE4209" s="91"/>
      <c r="HF4209" s="91"/>
      <c r="HG4209" s="91"/>
      <c r="HH4209" s="91"/>
      <c r="HI4209" s="91"/>
      <c r="HJ4209" s="91"/>
      <c r="HK4209" s="127"/>
      <c r="HL4209" s="126"/>
      <c r="HM4209" s="91"/>
      <c r="HN4209" s="91"/>
      <c r="HO4209" s="91"/>
      <c r="HP4209" s="91"/>
      <c r="HQ4209" s="91"/>
      <c r="HR4209" s="91"/>
      <c r="HS4209" s="91"/>
      <c r="HT4209" s="91"/>
      <c r="HU4209" s="91"/>
      <c r="HV4209" s="91"/>
      <c r="HW4209" s="91"/>
      <c r="HX4209" s="127"/>
      <c r="HY4209" s="126"/>
      <c r="HZ4209" s="91"/>
      <c r="IA4209" s="91"/>
      <c r="IB4209" s="91"/>
      <c r="IC4209" s="91"/>
      <c r="ID4209" s="91"/>
      <c r="IE4209" s="91"/>
      <c r="IF4209" s="91"/>
      <c r="IG4209" s="91"/>
      <c r="IH4209" s="91"/>
      <c r="II4209" s="91"/>
      <c r="IJ4209" s="91"/>
      <c r="IK4209" s="174"/>
    </row>
    <row r="4210" spans="2:245" x14ac:dyDescent="0.2">
      <c r="B4210" s="43"/>
      <c r="C4210" s="73"/>
      <c r="D4210" s="64"/>
      <c r="E4210" s="64"/>
      <c r="F4210" s="55"/>
      <c r="G4210" s="102"/>
      <c r="H4210" s="97"/>
      <c r="T4210" s="98"/>
      <c r="U4210" s="97"/>
      <c r="AG4210" s="98"/>
      <c r="AY4210" s="164"/>
      <c r="BK4210" s="98"/>
      <c r="BL4210" s="97"/>
      <c r="BX4210" s="98"/>
      <c r="CL4210" s="97"/>
      <c r="CX4210" s="98"/>
      <c r="DL4210" s="97"/>
      <c r="DX4210" s="98"/>
      <c r="EL4210" s="97"/>
      <c r="EX4210" s="98"/>
      <c r="EY4210" s="97"/>
      <c r="FL4210" s="126"/>
      <c r="FM4210" s="91"/>
      <c r="FN4210" s="91"/>
      <c r="FO4210" s="91"/>
      <c r="FP4210" s="91"/>
      <c r="FQ4210" s="91"/>
      <c r="FR4210" s="91"/>
      <c r="FS4210" s="91"/>
      <c r="FT4210" s="91"/>
      <c r="FU4210" s="91"/>
      <c r="FV4210" s="91"/>
      <c r="FW4210" s="91"/>
      <c r="FX4210" s="127"/>
      <c r="FY4210" s="126"/>
      <c r="FZ4210" s="91"/>
      <c r="GA4210" s="91"/>
      <c r="GB4210" s="91"/>
      <c r="GC4210" s="91"/>
      <c r="GD4210" s="91"/>
      <c r="GE4210" s="91"/>
      <c r="GF4210" s="91"/>
      <c r="GG4210" s="91"/>
      <c r="GH4210" s="91"/>
      <c r="GI4210" s="91"/>
      <c r="GJ4210" s="91"/>
      <c r="GK4210" s="127"/>
      <c r="GL4210" s="126"/>
      <c r="GM4210" s="91"/>
      <c r="GN4210" s="91"/>
      <c r="GO4210" s="91"/>
      <c r="GP4210" s="91"/>
      <c r="GQ4210" s="91"/>
      <c r="GR4210" s="91"/>
      <c r="GS4210" s="91"/>
      <c r="GT4210" s="91"/>
      <c r="GU4210" s="91"/>
      <c r="GV4210" s="91"/>
      <c r="GW4210" s="91"/>
      <c r="GX4210" s="127"/>
      <c r="GY4210" s="126"/>
      <c r="GZ4210" s="91"/>
      <c r="HA4210" s="91"/>
      <c r="HB4210" s="91"/>
      <c r="HC4210" s="91"/>
      <c r="HD4210" s="91"/>
      <c r="HE4210" s="91"/>
      <c r="HF4210" s="91"/>
      <c r="HG4210" s="91"/>
      <c r="HH4210" s="91"/>
      <c r="HI4210" s="91"/>
      <c r="HJ4210" s="91"/>
      <c r="HK4210" s="127"/>
      <c r="HL4210" s="126"/>
      <c r="HM4210" s="91"/>
      <c r="HN4210" s="91"/>
      <c r="HO4210" s="91"/>
      <c r="HP4210" s="91"/>
      <c r="HQ4210" s="91"/>
      <c r="HR4210" s="91"/>
      <c r="HS4210" s="91"/>
      <c r="HT4210" s="91"/>
      <c r="HU4210" s="91"/>
      <c r="HV4210" s="91"/>
      <c r="HW4210" s="91"/>
      <c r="HX4210" s="127"/>
      <c r="HY4210" s="126"/>
      <c r="HZ4210" s="91"/>
      <c r="IA4210" s="91"/>
      <c r="IB4210" s="91"/>
      <c r="IC4210" s="91"/>
      <c r="ID4210" s="91"/>
      <c r="IE4210" s="91"/>
      <c r="IF4210" s="91"/>
      <c r="IG4210" s="91"/>
      <c r="IH4210" s="91"/>
      <c r="II4210" s="91"/>
      <c r="IJ4210" s="91"/>
      <c r="IK4210" s="174"/>
    </row>
    <row r="4211" spans="2:245" x14ac:dyDescent="0.2">
      <c r="B4211" s="43"/>
      <c r="C4211" s="73"/>
      <c r="D4211" s="64"/>
      <c r="E4211" s="64"/>
      <c r="F4211" s="55"/>
      <c r="G4211" s="102"/>
      <c r="H4211" s="97"/>
      <c r="T4211" s="98"/>
      <c r="U4211" s="97"/>
      <c r="AG4211" s="98"/>
      <c r="AY4211" s="164"/>
      <c r="BK4211" s="98"/>
      <c r="BL4211" s="97"/>
      <c r="BX4211" s="98"/>
      <c r="CL4211" s="97"/>
      <c r="CX4211" s="98"/>
      <c r="DL4211" s="97"/>
      <c r="DX4211" s="98"/>
      <c r="EL4211" s="97"/>
      <c r="EX4211" s="98"/>
      <c r="EY4211" s="97"/>
      <c r="FL4211" s="126"/>
      <c r="FM4211" s="91"/>
      <c r="FN4211" s="91"/>
      <c r="FO4211" s="91"/>
      <c r="FP4211" s="91"/>
      <c r="FQ4211" s="91"/>
      <c r="FR4211" s="91"/>
      <c r="FS4211" s="91"/>
      <c r="FT4211" s="91"/>
      <c r="FU4211" s="91"/>
      <c r="FV4211" s="91"/>
      <c r="FW4211" s="91"/>
      <c r="FX4211" s="127"/>
      <c r="FY4211" s="126"/>
      <c r="FZ4211" s="91"/>
      <c r="GA4211" s="91"/>
      <c r="GB4211" s="91"/>
      <c r="GC4211" s="91"/>
      <c r="GD4211" s="91"/>
      <c r="GE4211" s="91"/>
      <c r="GF4211" s="91"/>
      <c r="GG4211" s="91"/>
      <c r="GH4211" s="91"/>
      <c r="GI4211" s="91"/>
      <c r="GJ4211" s="91"/>
      <c r="GK4211" s="127"/>
      <c r="GL4211" s="126"/>
      <c r="GM4211" s="91"/>
      <c r="GN4211" s="91"/>
      <c r="GO4211" s="91"/>
      <c r="GP4211" s="91"/>
      <c r="GQ4211" s="91"/>
      <c r="GR4211" s="91"/>
      <c r="GS4211" s="91"/>
      <c r="GT4211" s="91"/>
      <c r="GU4211" s="91"/>
      <c r="GV4211" s="91"/>
      <c r="GW4211" s="91"/>
      <c r="GX4211" s="127"/>
      <c r="GY4211" s="126"/>
      <c r="GZ4211" s="91"/>
      <c r="HA4211" s="91"/>
      <c r="HB4211" s="91"/>
      <c r="HC4211" s="91"/>
      <c r="HD4211" s="91"/>
      <c r="HE4211" s="91"/>
      <c r="HF4211" s="91"/>
      <c r="HG4211" s="91"/>
      <c r="HH4211" s="91"/>
      <c r="HI4211" s="91"/>
      <c r="HJ4211" s="91"/>
      <c r="HK4211" s="127"/>
      <c r="HL4211" s="126"/>
      <c r="HM4211" s="91"/>
      <c r="HN4211" s="91"/>
      <c r="HO4211" s="91"/>
      <c r="HP4211" s="91"/>
      <c r="HQ4211" s="91"/>
      <c r="HR4211" s="91"/>
      <c r="HS4211" s="91"/>
      <c r="HT4211" s="91"/>
      <c r="HU4211" s="91"/>
      <c r="HV4211" s="91"/>
      <c r="HW4211" s="91"/>
      <c r="HX4211" s="127"/>
      <c r="HY4211" s="126"/>
      <c r="HZ4211" s="91"/>
      <c r="IA4211" s="91"/>
      <c r="IB4211" s="91"/>
      <c r="IC4211" s="91"/>
      <c r="ID4211" s="91"/>
      <c r="IE4211" s="91"/>
      <c r="IF4211" s="91"/>
      <c r="IG4211" s="91"/>
      <c r="IH4211" s="91"/>
      <c r="II4211" s="91"/>
      <c r="IJ4211" s="91"/>
      <c r="IK4211" s="174"/>
    </row>
    <row r="4212" spans="2:245" x14ac:dyDescent="0.2">
      <c r="B4212" s="43"/>
      <c r="C4212" s="73"/>
      <c r="D4212" s="64"/>
      <c r="E4212" s="64"/>
      <c r="F4212" s="55"/>
      <c r="G4212" s="102"/>
      <c r="H4212" s="97"/>
      <c r="T4212" s="98"/>
      <c r="U4212" s="97"/>
      <c r="AG4212" s="98"/>
      <c r="AY4212" s="164"/>
      <c r="BK4212" s="98"/>
      <c r="BL4212" s="97"/>
      <c r="BX4212" s="98"/>
      <c r="CL4212" s="97"/>
      <c r="CX4212" s="98"/>
      <c r="DL4212" s="97"/>
      <c r="DX4212" s="98"/>
      <c r="EL4212" s="97"/>
      <c r="EX4212" s="98"/>
      <c r="EY4212" s="97"/>
      <c r="FL4212" s="126"/>
      <c r="FM4212" s="91"/>
      <c r="FN4212" s="91"/>
      <c r="FO4212" s="91"/>
      <c r="FP4212" s="91"/>
      <c r="FQ4212" s="91"/>
      <c r="FR4212" s="91"/>
      <c r="FS4212" s="91"/>
      <c r="FT4212" s="91"/>
      <c r="FU4212" s="91"/>
      <c r="FV4212" s="91"/>
      <c r="FW4212" s="91"/>
      <c r="FX4212" s="127"/>
      <c r="FY4212" s="126"/>
      <c r="FZ4212" s="91"/>
      <c r="GA4212" s="91"/>
      <c r="GB4212" s="91"/>
      <c r="GC4212" s="91"/>
      <c r="GD4212" s="91"/>
      <c r="GE4212" s="91"/>
      <c r="GF4212" s="91"/>
      <c r="GG4212" s="91"/>
      <c r="GH4212" s="91"/>
      <c r="GI4212" s="91"/>
      <c r="GJ4212" s="91"/>
      <c r="GK4212" s="127"/>
      <c r="GL4212" s="126"/>
      <c r="GM4212" s="91"/>
      <c r="GN4212" s="91"/>
      <c r="GO4212" s="91"/>
      <c r="GP4212" s="91"/>
      <c r="GQ4212" s="91"/>
      <c r="GR4212" s="91"/>
      <c r="GS4212" s="91"/>
      <c r="GT4212" s="91"/>
      <c r="GU4212" s="91"/>
      <c r="GV4212" s="91"/>
      <c r="GW4212" s="91"/>
      <c r="GX4212" s="127"/>
      <c r="GY4212" s="126"/>
      <c r="GZ4212" s="91"/>
      <c r="HA4212" s="91"/>
      <c r="HB4212" s="91"/>
      <c r="HC4212" s="91"/>
      <c r="HD4212" s="91"/>
      <c r="HE4212" s="91"/>
      <c r="HF4212" s="91"/>
      <c r="HG4212" s="91"/>
      <c r="HH4212" s="91"/>
      <c r="HI4212" s="91"/>
      <c r="HJ4212" s="91"/>
      <c r="HK4212" s="127"/>
      <c r="HL4212" s="126"/>
      <c r="HM4212" s="91"/>
      <c r="HN4212" s="91"/>
      <c r="HO4212" s="91"/>
      <c r="HP4212" s="91"/>
      <c r="HQ4212" s="91"/>
      <c r="HR4212" s="91"/>
      <c r="HS4212" s="91"/>
      <c r="HT4212" s="91"/>
      <c r="HU4212" s="91"/>
      <c r="HV4212" s="91"/>
      <c r="HW4212" s="91"/>
      <c r="HX4212" s="127"/>
      <c r="HY4212" s="126"/>
      <c r="HZ4212" s="91"/>
      <c r="IA4212" s="91"/>
      <c r="IB4212" s="91"/>
      <c r="IC4212" s="91"/>
      <c r="ID4212" s="91"/>
      <c r="IE4212" s="91"/>
      <c r="IF4212" s="91"/>
      <c r="IG4212" s="91"/>
      <c r="IH4212" s="91"/>
      <c r="II4212" s="91"/>
      <c r="IJ4212" s="91"/>
      <c r="IK4212" s="174"/>
    </row>
    <row r="4213" spans="2:245" x14ac:dyDescent="0.2">
      <c r="B4213" s="43"/>
      <c r="C4213" s="73"/>
      <c r="D4213" s="64"/>
      <c r="E4213" s="64"/>
      <c r="F4213" s="55"/>
      <c r="G4213" s="102"/>
      <c r="H4213" s="97"/>
      <c r="T4213" s="98"/>
      <c r="U4213" s="97"/>
      <c r="AG4213" s="98"/>
      <c r="AY4213" s="164"/>
      <c r="BK4213" s="98"/>
      <c r="BL4213" s="97"/>
      <c r="BX4213" s="98"/>
      <c r="CL4213" s="97"/>
      <c r="CX4213" s="98"/>
      <c r="DL4213" s="97"/>
      <c r="DX4213" s="98"/>
      <c r="EL4213" s="97"/>
      <c r="EX4213" s="98"/>
      <c r="EY4213" s="97"/>
      <c r="FL4213" s="126"/>
      <c r="FM4213" s="91"/>
      <c r="FN4213" s="91"/>
      <c r="FO4213" s="91"/>
      <c r="FP4213" s="91"/>
      <c r="FQ4213" s="91"/>
      <c r="FR4213" s="91"/>
      <c r="FS4213" s="91"/>
      <c r="FT4213" s="91"/>
      <c r="FU4213" s="91"/>
      <c r="FV4213" s="91"/>
      <c r="FW4213" s="91"/>
      <c r="FX4213" s="127"/>
      <c r="FY4213" s="126"/>
      <c r="FZ4213" s="91"/>
      <c r="GA4213" s="91"/>
      <c r="GB4213" s="91"/>
      <c r="GC4213" s="91"/>
      <c r="GD4213" s="91"/>
      <c r="GE4213" s="91"/>
      <c r="GF4213" s="91"/>
      <c r="GG4213" s="91"/>
      <c r="GH4213" s="91"/>
      <c r="GI4213" s="91"/>
      <c r="GJ4213" s="91"/>
      <c r="GK4213" s="127"/>
      <c r="GL4213" s="126"/>
      <c r="GM4213" s="91"/>
      <c r="GN4213" s="91"/>
      <c r="GO4213" s="91"/>
      <c r="GP4213" s="91"/>
      <c r="GQ4213" s="91"/>
      <c r="GR4213" s="91"/>
      <c r="GS4213" s="91"/>
      <c r="GT4213" s="91"/>
      <c r="GU4213" s="91"/>
      <c r="GV4213" s="91"/>
      <c r="GW4213" s="91"/>
      <c r="GX4213" s="127"/>
      <c r="GY4213" s="126"/>
      <c r="GZ4213" s="91"/>
      <c r="HA4213" s="91"/>
      <c r="HB4213" s="91"/>
      <c r="HC4213" s="91"/>
      <c r="HD4213" s="91"/>
      <c r="HE4213" s="91"/>
      <c r="HF4213" s="91"/>
      <c r="HG4213" s="91"/>
      <c r="HH4213" s="91"/>
      <c r="HI4213" s="91"/>
      <c r="HJ4213" s="91"/>
      <c r="HK4213" s="127"/>
      <c r="HL4213" s="126"/>
      <c r="HM4213" s="91"/>
      <c r="HN4213" s="91"/>
      <c r="HO4213" s="91"/>
      <c r="HP4213" s="91"/>
      <c r="HQ4213" s="91"/>
      <c r="HR4213" s="91"/>
      <c r="HS4213" s="91"/>
      <c r="HT4213" s="91"/>
      <c r="HU4213" s="91"/>
      <c r="HV4213" s="91"/>
      <c r="HW4213" s="91"/>
      <c r="HX4213" s="127"/>
      <c r="HY4213" s="126"/>
      <c r="HZ4213" s="91"/>
      <c r="IA4213" s="91"/>
      <c r="IB4213" s="91"/>
      <c r="IC4213" s="91"/>
      <c r="ID4213" s="91"/>
      <c r="IE4213" s="91"/>
      <c r="IF4213" s="91"/>
      <c r="IG4213" s="91"/>
      <c r="IH4213" s="91"/>
      <c r="II4213" s="91"/>
      <c r="IJ4213" s="91"/>
      <c r="IK4213" s="174"/>
    </row>
    <row r="4214" spans="2:245" x14ac:dyDescent="0.2">
      <c r="B4214" s="43"/>
      <c r="C4214" s="73"/>
      <c r="D4214" s="64"/>
      <c r="E4214" s="64"/>
      <c r="F4214" s="55"/>
      <c r="G4214" s="102"/>
      <c r="H4214" s="97"/>
      <c r="T4214" s="98"/>
      <c r="U4214" s="97"/>
      <c r="AG4214" s="98"/>
      <c r="AY4214" s="164"/>
      <c r="BK4214" s="98"/>
      <c r="BL4214" s="97"/>
      <c r="BX4214" s="98"/>
      <c r="CL4214" s="97"/>
      <c r="CX4214" s="98"/>
      <c r="DL4214" s="97"/>
      <c r="DX4214" s="98"/>
      <c r="EL4214" s="97"/>
      <c r="EX4214" s="98"/>
      <c r="EY4214" s="97"/>
      <c r="FL4214" s="126"/>
      <c r="FM4214" s="91"/>
      <c r="FN4214" s="91"/>
      <c r="FO4214" s="91"/>
      <c r="FP4214" s="91"/>
      <c r="FQ4214" s="91"/>
      <c r="FR4214" s="91"/>
      <c r="FS4214" s="91"/>
      <c r="FT4214" s="91"/>
      <c r="FU4214" s="91"/>
      <c r="FV4214" s="91"/>
      <c r="FW4214" s="91"/>
      <c r="FX4214" s="127"/>
      <c r="FY4214" s="126"/>
      <c r="FZ4214" s="91"/>
      <c r="GA4214" s="91"/>
      <c r="GB4214" s="91"/>
      <c r="GC4214" s="91"/>
      <c r="GD4214" s="91"/>
      <c r="GE4214" s="91"/>
      <c r="GF4214" s="91"/>
      <c r="GG4214" s="91"/>
      <c r="GH4214" s="91"/>
      <c r="GI4214" s="91"/>
      <c r="GJ4214" s="91"/>
      <c r="GK4214" s="127"/>
      <c r="GL4214" s="126"/>
      <c r="GM4214" s="91"/>
      <c r="GN4214" s="91"/>
      <c r="GO4214" s="91"/>
      <c r="GP4214" s="91"/>
      <c r="GQ4214" s="91"/>
      <c r="GR4214" s="91"/>
      <c r="GS4214" s="91"/>
      <c r="GT4214" s="91"/>
      <c r="GU4214" s="91"/>
      <c r="GV4214" s="91"/>
      <c r="GW4214" s="91"/>
      <c r="GX4214" s="127"/>
      <c r="GY4214" s="126"/>
      <c r="GZ4214" s="91"/>
      <c r="HA4214" s="91"/>
      <c r="HB4214" s="91"/>
      <c r="HC4214" s="91"/>
      <c r="HD4214" s="91"/>
      <c r="HE4214" s="91"/>
      <c r="HF4214" s="91"/>
      <c r="HG4214" s="91"/>
      <c r="HH4214" s="91"/>
      <c r="HI4214" s="91"/>
      <c r="HJ4214" s="91"/>
      <c r="HK4214" s="127"/>
      <c r="HL4214" s="126"/>
      <c r="HM4214" s="91"/>
      <c r="HN4214" s="91"/>
      <c r="HO4214" s="91"/>
      <c r="HP4214" s="91"/>
      <c r="HQ4214" s="91"/>
      <c r="HR4214" s="91"/>
      <c r="HS4214" s="91"/>
      <c r="HT4214" s="91"/>
      <c r="HU4214" s="91"/>
      <c r="HV4214" s="91"/>
      <c r="HW4214" s="91"/>
      <c r="HX4214" s="127"/>
      <c r="HY4214" s="126"/>
      <c r="HZ4214" s="91"/>
      <c r="IA4214" s="91"/>
      <c r="IB4214" s="91"/>
      <c r="IC4214" s="91"/>
      <c r="ID4214" s="91"/>
      <c r="IE4214" s="91"/>
      <c r="IF4214" s="91"/>
      <c r="IG4214" s="91"/>
      <c r="IH4214" s="91"/>
      <c r="II4214" s="91"/>
      <c r="IJ4214" s="91"/>
      <c r="IK4214" s="174"/>
    </row>
    <row r="4215" spans="2:245" x14ac:dyDescent="0.2">
      <c r="B4215" s="43"/>
      <c r="C4215" s="73"/>
      <c r="D4215" s="64"/>
      <c r="E4215" s="64"/>
      <c r="F4215" s="55"/>
      <c r="G4215" s="102"/>
      <c r="H4215" s="97"/>
      <c r="T4215" s="98"/>
      <c r="U4215" s="97"/>
      <c r="AG4215" s="98"/>
      <c r="AY4215" s="164"/>
      <c r="BK4215" s="98"/>
      <c r="BL4215" s="97"/>
      <c r="BX4215" s="98"/>
      <c r="CL4215" s="97"/>
      <c r="CX4215" s="98"/>
      <c r="DL4215" s="97"/>
      <c r="DX4215" s="98"/>
      <c r="EL4215" s="97"/>
      <c r="EX4215" s="98"/>
      <c r="EY4215" s="97"/>
      <c r="FL4215" s="126"/>
      <c r="FM4215" s="91"/>
      <c r="FN4215" s="91"/>
      <c r="FO4215" s="91"/>
      <c r="FP4215" s="91"/>
      <c r="FQ4215" s="91"/>
      <c r="FR4215" s="91"/>
      <c r="FS4215" s="91"/>
      <c r="FT4215" s="91"/>
      <c r="FU4215" s="91"/>
      <c r="FV4215" s="91"/>
      <c r="FW4215" s="91"/>
      <c r="FX4215" s="127"/>
      <c r="FY4215" s="126"/>
      <c r="FZ4215" s="91"/>
      <c r="GA4215" s="91"/>
      <c r="GB4215" s="91"/>
      <c r="GC4215" s="91"/>
      <c r="GD4215" s="91"/>
      <c r="GE4215" s="91"/>
      <c r="GF4215" s="91"/>
      <c r="GG4215" s="91"/>
      <c r="GH4215" s="91"/>
      <c r="GI4215" s="91"/>
      <c r="GJ4215" s="91"/>
      <c r="GK4215" s="127"/>
      <c r="GL4215" s="126"/>
      <c r="GM4215" s="91"/>
      <c r="GN4215" s="91"/>
      <c r="GO4215" s="91"/>
      <c r="GP4215" s="91"/>
      <c r="GQ4215" s="91"/>
      <c r="GR4215" s="91"/>
      <c r="GS4215" s="91"/>
      <c r="GT4215" s="91"/>
      <c r="GU4215" s="91"/>
      <c r="GV4215" s="91"/>
      <c r="GW4215" s="91"/>
      <c r="GX4215" s="127"/>
      <c r="GY4215" s="126"/>
      <c r="GZ4215" s="91"/>
      <c r="HA4215" s="91"/>
      <c r="HB4215" s="91"/>
      <c r="HC4215" s="91"/>
      <c r="HD4215" s="91"/>
      <c r="HE4215" s="91"/>
      <c r="HF4215" s="91"/>
      <c r="HG4215" s="91"/>
      <c r="HH4215" s="91"/>
      <c r="HI4215" s="91"/>
      <c r="HJ4215" s="91"/>
      <c r="HK4215" s="127"/>
      <c r="HL4215" s="126"/>
      <c r="HM4215" s="91"/>
      <c r="HN4215" s="91"/>
      <c r="HO4215" s="91"/>
      <c r="HP4215" s="91"/>
      <c r="HQ4215" s="91"/>
      <c r="HR4215" s="91"/>
      <c r="HS4215" s="91"/>
      <c r="HT4215" s="91"/>
      <c r="HU4215" s="91"/>
      <c r="HV4215" s="91"/>
      <c r="HW4215" s="91"/>
      <c r="HX4215" s="127"/>
      <c r="HY4215" s="126"/>
      <c r="HZ4215" s="91"/>
      <c r="IA4215" s="91"/>
      <c r="IB4215" s="91"/>
      <c r="IC4215" s="91"/>
      <c r="ID4215" s="91"/>
      <c r="IE4215" s="91"/>
      <c r="IF4215" s="91"/>
      <c r="IG4215" s="91"/>
      <c r="IH4215" s="91"/>
      <c r="II4215" s="91"/>
      <c r="IJ4215" s="91"/>
      <c r="IK4215" s="174"/>
    </row>
    <row r="4216" spans="2:245" x14ac:dyDescent="0.2">
      <c r="B4216" s="43"/>
      <c r="C4216" s="73"/>
      <c r="D4216" s="64"/>
      <c r="E4216" s="64"/>
      <c r="F4216" s="55"/>
      <c r="G4216" s="102"/>
      <c r="H4216" s="97"/>
      <c r="T4216" s="98"/>
      <c r="U4216" s="97"/>
      <c r="AG4216" s="98"/>
      <c r="AY4216" s="164"/>
      <c r="BK4216" s="98"/>
      <c r="BL4216" s="97"/>
      <c r="BX4216" s="98"/>
      <c r="CL4216" s="97"/>
      <c r="CX4216" s="98"/>
      <c r="DL4216" s="97"/>
      <c r="DX4216" s="98"/>
      <c r="EL4216" s="97"/>
      <c r="EX4216" s="98"/>
      <c r="EY4216" s="97"/>
      <c r="FL4216" s="126"/>
      <c r="FM4216" s="91"/>
      <c r="FN4216" s="91"/>
      <c r="FO4216" s="91"/>
      <c r="FP4216" s="91"/>
      <c r="FQ4216" s="91"/>
      <c r="FR4216" s="91"/>
      <c r="FS4216" s="91"/>
      <c r="FT4216" s="91"/>
      <c r="FU4216" s="91"/>
      <c r="FV4216" s="91"/>
      <c r="FW4216" s="91"/>
      <c r="FX4216" s="127"/>
      <c r="FY4216" s="126"/>
      <c r="FZ4216" s="91"/>
      <c r="GA4216" s="91"/>
      <c r="GB4216" s="91"/>
      <c r="GC4216" s="91"/>
      <c r="GD4216" s="91"/>
      <c r="GE4216" s="91"/>
      <c r="GF4216" s="91"/>
      <c r="GG4216" s="91"/>
      <c r="GH4216" s="91"/>
      <c r="GI4216" s="91"/>
      <c r="GJ4216" s="91"/>
      <c r="GK4216" s="127"/>
      <c r="GL4216" s="126"/>
      <c r="GM4216" s="91"/>
      <c r="GN4216" s="91"/>
      <c r="GO4216" s="91"/>
      <c r="GP4216" s="91"/>
      <c r="GQ4216" s="91"/>
      <c r="GR4216" s="91"/>
      <c r="GS4216" s="91"/>
      <c r="GT4216" s="91"/>
      <c r="GU4216" s="91"/>
      <c r="GV4216" s="91"/>
      <c r="GW4216" s="91"/>
      <c r="GX4216" s="127"/>
      <c r="GY4216" s="126"/>
      <c r="GZ4216" s="91"/>
      <c r="HA4216" s="91"/>
      <c r="HB4216" s="91"/>
      <c r="HC4216" s="91"/>
      <c r="HD4216" s="91"/>
      <c r="HE4216" s="91"/>
      <c r="HF4216" s="91"/>
      <c r="HG4216" s="91"/>
      <c r="HH4216" s="91"/>
      <c r="HI4216" s="91"/>
      <c r="HJ4216" s="91"/>
      <c r="HK4216" s="127"/>
      <c r="HL4216" s="126"/>
      <c r="HM4216" s="91"/>
      <c r="HN4216" s="91"/>
      <c r="HO4216" s="91"/>
      <c r="HP4216" s="91"/>
      <c r="HQ4216" s="91"/>
      <c r="HR4216" s="91"/>
      <c r="HS4216" s="91"/>
      <c r="HT4216" s="91"/>
      <c r="HU4216" s="91"/>
      <c r="HV4216" s="91"/>
      <c r="HW4216" s="91"/>
      <c r="HX4216" s="127"/>
      <c r="HY4216" s="126"/>
      <c r="HZ4216" s="91"/>
      <c r="IA4216" s="91"/>
      <c r="IB4216" s="91"/>
      <c r="IC4216" s="91"/>
      <c r="ID4216" s="91"/>
      <c r="IE4216" s="91"/>
      <c r="IF4216" s="91"/>
      <c r="IG4216" s="91"/>
      <c r="IH4216" s="91"/>
      <c r="II4216" s="91"/>
      <c r="IJ4216" s="91"/>
      <c r="IK4216" s="174"/>
    </row>
    <row r="4217" spans="2:245" x14ac:dyDescent="0.2">
      <c r="B4217" s="43"/>
      <c r="C4217" s="73"/>
      <c r="D4217" s="64"/>
      <c r="E4217" s="64"/>
      <c r="F4217" s="55"/>
      <c r="G4217" s="102"/>
      <c r="H4217" s="97"/>
      <c r="T4217" s="98"/>
      <c r="U4217" s="97"/>
      <c r="AG4217" s="98"/>
      <c r="AY4217" s="164"/>
      <c r="BK4217" s="98"/>
      <c r="BL4217" s="97"/>
      <c r="BX4217" s="98"/>
      <c r="CL4217" s="97"/>
      <c r="CX4217" s="98"/>
      <c r="DL4217" s="97"/>
      <c r="DX4217" s="98"/>
      <c r="EL4217" s="97"/>
      <c r="EX4217" s="98"/>
      <c r="EY4217" s="97"/>
      <c r="FL4217" s="126"/>
      <c r="FM4217" s="91"/>
      <c r="FN4217" s="91"/>
      <c r="FO4217" s="91"/>
      <c r="FP4217" s="91"/>
      <c r="FQ4217" s="91"/>
      <c r="FR4217" s="91"/>
      <c r="FS4217" s="91"/>
      <c r="FT4217" s="91"/>
      <c r="FU4217" s="91"/>
      <c r="FV4217" s="91"/>
      <c r="FW4217" s="91"/>
      <c r="FX4217" s="127"/>
      <c r="FY4217" s="126"/>
      <c r="FZ4217" s="91"/>
      <c r="GA4217" s="91"/>
      <c r="GB4217" s="91"/>
      <c r="GC4217" s="91"/>
      <c r="GD4217" s="91"/>
      <c r="GE4217" s="91"/>
      <c r="GF4217" s="91"/>
      <c r="GG4217" s="91"/>
      <c r="GH4217" s="91"/>
      <c r="GI4217" s="91"/>
      <c r="GJ4217" s="91"/>
      <c r="GK4217" s="127"/>
      <c r="GL4217" s="126"/>
      <c r="GM4217" s="91"/>
      <c r="GN4217" s="91"/>
      <c r="GO4217" s="91"/>
      <c r="GP4217" s="91"/>
      <c r="GQ4217" s="91"/>
      <c r="GR4217" s="91"/>
      <c r="GS4217" s="91"/>
      <c r="GT4217" s="91"/>
      <c r="GU4217" s="91"/>
      <c r="GV4217" s="91"/>
      <c r="GW4217" s="91"/>
      <c r="GX4217" s="127"/>
      <c r="GY4217" s="126"/>
      <c r="GZ4217" s="91"/>
      <c r="HA4217" s="91"/>
      <c r="HB4217" s="91"/>
      <c r="HC4217" s="91"/>
      <c r="HD4217" s="91"/>
      <c r="HE4217" s="91"/>
      <c r="HF4217" s="91"/>
      <c r="HG4217" s="91"/>
      <c r="HH4217" s="91"/>
      <c r="HI4217" s="91"/>
      <c r="HJ4217" s="91"/>
      <c r="HK4217" s="127"/>
      <c r="HL4217" s="126"/>
      <c r="HM4217" s="91"/>
      <c r="HN4217" s="91"/>
      <c r="HO4217" s="91"/>
      <c r="HP4217" s="91"/>
      <c r="HQ4217" s="91"/>
      <c r="HR4217" s="91"/>
      <c r="HS4217" s="91"/>
      <c r="HT4217" s="91"/>
      <c r="HU4217" s="91"/>
      <c r="HV4217" s="91"/>
      <c r="HW4217" s="91"/>
      <c r="HX4217" s="127"/>
      <c r="HY4217" s="126"/>
      <c r="HZ4217" s="91"/>
      <c r="IA4217" s="91"/>
      <c r="IB4217" s="91"/>
      <c r="IC4217" s="91"/>
      <c r="ID4217" s="91"/>
      <c r="IE4217" s="91"/>
      <c r="IF4217" s="91"/>
      <c r="IG4217" s="91"/>
      <c r="IH4217" s="91"/>
      <c r="II4217" s="91"/>
      <c r="IJ4217" s="91"/>
      <c r="IK4217" s="174"/>
    </row>
    <row r="4218" spans="2:245" x14ac:dyDescent="0.2">
      <c r="B4218" s="43"/>
      <c r="C4218" s="73"/>
      <c r="D4218" s="64"/>
      <c r="E4218" s="64"/>
      <c r="F4218" s="55"/>
      <c r="G4218" s="102"/>
      <c r="H4218" s="97"/>
      <c r="T4218" s="98"/>
      <c r="U4218" s="97"/>
      <c r="AG4218" s="98"/>
      <c r="AY4218" s="164"/>
      <c r="BK4218" s="98"/>
      <c r="BL4218" s="97"/>
      <c r="BX4218" s="98"/>
      <c r="CL4218" s="97"/>
      <c r="CX4218" s="98"/>
      <c r="DL4218" s="97"/>
      <c r="DX4218" s="98"/>
      <c r="EL4218" s="97"/>
      <c r="EX4218" s="98"/>
      <c r="EY4218" s="97"/>
      <c r="FL4218" s="126"/>
      <c r="FM4218" s="91"/>
      <c r="FN4218" s="91"/>
      <c r="FO4218" s="91"/>
      <c r="FP4218" s="91"/>
      <c r="FQ4218" s="91"/>
      <c r="FR4218" s="91"/>
      <c r="FS4218" s="91"/>
      <c r="FT4218" s="91"/>
      <c r="FU4218" s="91"/>
      <c r="FV4218" s="91"/>
      <c r="FW4218" s="91"/>
      <c r="FX4218" s="127"/>
      <c r="FY4218" s="126"/>
      <c r="FZ4218" s="91"/>
      <c r="GA4218" s="91"/>
      <c r="GB4218" s="91"/>
      <c r="GC4218" s="91"/>
      <c r="GD4218" s="91"/>
      <c r="GE4218" s="91"/>
      <c r="GF4218" s="91"/>
      <c r="GG4218" s="91"/>
      <c r="GH4218" s="91"/>
      <c r="GI4218" s="91"/>
      <c r="GJ4218" s="91"/>
      <c r="GK4218" s="127"/>
      <c r="GL4218" s="126"/>
      <c r="GM4218" s="91"/>
      <c r="GN4218" s="91"/>
      <c r="GO4218" s="91"/>
      <c r="GP4218" s="91"/>
      <c r="GQ4218" s="91"/>
      <c r="GR4218" s="91"/>
      <c r="GS4218" s="91"/>
      <c r="GT4218" s="91"/>
      <c r="GU4218" s="91"/>
      <c r="GV4218" s="91"/>
      <c r="GW4218" s="91"/>
      <c r="GX4218" s="127"/>
      <c r="GY4218" s="126"/>
      <c r="GZ4218" s="91"/>
      <c r="HA4218" s="91"/>
      <c r="HB4218" s="91"/>
      <c r="HC4218" s="91"/>
      <c r="HD4218" s="91"/>
      <c r="HE4218" s="91"/>
      <c r="HF4218" s="91"/>
      <c r="HG4218" s="91"/>
      <c r="HH4218" s="91"/>
      <c r="HI4218" s="91"/>
      <c r="HJ4218" s="91"/>
      <c r="HK4218" s="127"/>
      <c r="HL4218" s="126"/>
      <c r="HM4218" s="91"/>
      <c r="HN4218" s="91"/>
      <c r="HO4218" s="91"/>
      <c r="HP4218" s="91"/>
      <c r="HQ4218" s="91"/>
      <c r="HR4218" s="91"/>
      <c r="HS4218" s="91"/>
      <c r="HT4218" s="91"/>
      <c r="HU4218" s="91"/>
      <c r="HV4218" s="91"/>
      <c r="HW4218" s="91"/>
      <c r="HX4218" s="127"/>
      <c r="HY4218" s="126"/>
      <c r="HZ4218" s="91"/>
      <c r="IA4218" s="91"/>
      <c r="IB4218" s="91"/>
      <c r="IC4218" s="91"/>
      <c r="ID4218" s="91"/>
      <c r="IE4218" s="91"/>
      <c r="IF4218" s="91"/>
      <c r="IG4218" s="91"/>
      <c r="IH4218" s="91"/>
      <c r="II4218" s="91"/>
      <c r="IJ4218" s="91"/>
      <c r="IK4218" s="174"/>
    </row>
    <row r="4219" spans="2:245" x14ac:dyDescent="0.2">
      <c r="B4219" s="43"/>
      <c r="C4219" s="73"/>
      <c r="D4219" s="64"/>
      <c r="E4219" s="64"/>
      <c r="F4219" s="55"/>
      <c r="G4219" s="102"/>
      <c r="H4219" s="97"/>
      <c r="T4219" s="98"/>
      <c r="U4219" s="97"/>
      <c r="AG4219" s="98"/>
      <c r="AY4219" s="164"/>
      <c r="BK4219" s="98"/>
      <c r="BL4219" s="97"/>
      <c r="BX4219" s="98"/>
      <c r="CL4219" s="97"/>
      <c r="CX4219" s="98"/>
      <c r="DL4219" s="97"/>
      <c r="DX4219" s="98"/>
      <c r="EL4219" s="97"/>
      <c r="EX4219" s="98"/>
      <c r="EY4219" s="97"/>
      <c r="FL4219" s="126"/>
      <c r="FM4219" s="91"/>
      <c r="FN4219" s="91"/>
      <c r="FO4219" s="91"/>
      <c r="FP4219" s="91"/>
      <c r="FQ4219" s="91"/>
      <c r="FR4219" s="91"/>
      <c r="FS4219" s="91"/>
      <c r="FT4219" s="91"/>
      <c r="FU4219" s="91"/>
      <c r="FV4219" s="91"/>
      <c r="FW4219" s="91"/>
      <c r="FX4219" s="127"/>
      <c r="FY4219" s="126"/>
      <c r="FZ4219" s="91"/>
      <c r="GA4219" s="91"/>
      <c r="GB4219" s="91"/>
      <c r="GC4219" s="91"/>
      <c r="GD4219" s="91"/>
      <c r="GE4219" s="91"/>
      <c r="GF4219" s="91"/>
      <c r="GG4219" s="91"/>
      <c r="GH4219" s="91"/>
      <c r="GI4219" s="91"/>
      <c r="GJ4219" s="91"/>
      <c r="GK4219" s="127"/>
      <c r="GL4219" s="126"/>
      <c r="GM4219" s="91"/>
      <c r="GN4219" s="91"/>
      <c r="GO4219" s="91"/>
      <c r="GP4219" s="91"/>
      <c r="GQ4219" s="91"/>
      <c r="GR4219" s="91"/>
      <c r="GS4219" s="91"/>
      <c r="GT4219" s="91"/>
      <c r="GU4219" s="91"/>
      <c r="GV4219" s="91"/>
      <c r="GW4219" s="91"/>
      <c r="GX4219" s="127"/>
      <c r="GY4219" s="126"/>
      <c r="GZ4219" s="91"/>
      <c r="HA4219" s="91"/>
      <c r="HB4219" s="91"/>
      <c r="HC4219" s="91"/>
      <c r="HD4219" s="91"/>
      <c r="HE4219" s="91"/>
      <c r="HF4219" s="91"/>
      <c r="HG4219" s="91"/>
      <c r="HH4219" s="91"/>
      <c r="HI4219" s="91"/>
      <c r="HJ4219" s="91"/>
      <c r="HK4219" s="127"/>
      <c r="HL4219" s="126"/>
      <c r="HM4219" s="91"/>
      <c r="HN4219" s="91"/>
      <c r="HO4219" s="91"/>
      <c r="HP4219" s="91"/>
      <c r="HQ4219" s="91"/>
      <c r="HR4219" s="91"/>
      <c r="HS4219" s="91"/>
      <c r="HT4219" s="91"/>
      <c r="HU4219" s="91"/>
      <c r="HV4219" s="91"/>
      <c r="HW4219" s="91"/>
      <c r="HX4219" s="127"/>
      <c r="HY4219" s="126"/>
      <c r="HZ4219" s="91"/>
      <c r="IA4219" s="91"/>
      <c r="IB4219" s="91"/>
      <c r="IC4219" s="91"/>
      <c r="ID4219" s="91"/>
      <c r="IE4219" s="91"/>
      <c r="IF4219" s="91"/>
      <c r="IG4219" s="91"/>
      <c r="IH4219" s="91"/>
      <c r="II4219" s="91"/>
      <c r="IJ4219" s="91"/>
      <c r="IK4219" s="174"/>
    </row>
    <row r="4220" spans="2:245" x14ac:dyDescent="0.2">
      <c r="B4220" s="43"/>
      <c r="C4220" s="73"/>
      <c r="D4220" s="64"/>
      <c r="E4220" s="64"/>
      <c r="F4220" s="55"/>
      <c r="G4220" s="102"/>
      <c r="H4220" s="97"/>
      <c r="T4220" s="98"/>
      <c r="U4220" s="97"/>
      <c r="AG4220" s="98"/>
      <c r="AY4220" s="164"/>
      <c r="BK4220" s="98"/>
      <c r="BL4220" s="97"/>
      <c r="BX4220" s="98"/>
      <c r="CL4220" s="97"/>
      <c r="CX4220" s="98"/>
      <c r="DL4220" s="97"/>
      <c r="DX4220" s="98"/>
      <c r="EL4220" s="97"/>
      <c r="EX4220" s="98"/>
      <c r="EY4220" s="97"/>
      <c r="FL4220" s="126"/>
      <c r="FM4220" s="91"/>
      <c r="FN4220" s="91"/>
      <c r="FO4220" s="91"/>
      <c r="FP4220" s="91"/>
      <c r="FQ4220" s="91"/>
      <c r="FR4220" s="91"/>
      <c r="FS4220" s="91"/>
      <c r="FT4220" s="91"/>
      <c r="FU4220" s="91"/>
      <c r="FV4220" s="91"/>
      <c r="FW4220" s="91"/>
      <c r="FX4220" s="127"/>
      <c r="FY4220" s="126"/>
      <c r="FZ4220" s="91"/>
      <c r="GA4220" s="91"/>
      <c r="GB4220" s="91"/>
      <c r="GC4220" s="91"/>
      <c r="GD4220" s="91"/>
      <c r="GE4220" s="91"/>
      <c r="GF4220" s="91"/>
      <c r="GG4220" s="91"/>
      <c r="GH4220" s="91"/>
      <c r="GI4220" s="91"/>
      <c r="GJ4220" s="91"/>
      <c r="GK4220" s="127"/>
      <c r="GL4220" s="126"/>
      <c r="GM4220" s="91"/>
      <c r="GN4220" s="91"/>
      <c r="GO4220" s="91"/>
      <c r="GP4220" s="91"/>
      <c r="GQ4220" s="91"/>
      <c r="GR4220" s="91"/>
      <c r="GS4220" s="91"/>
      <c r="GT4220" s="91"/>
      <c r="GU4220" s="91"/>
      <c r="GV4220" s="91"/>
      <c r="GW4220" s="91"/>
      <c r="GX4220" s="127"/>
      <c r="GY4220" s="126"/>
      <c r="GZ4220" s="91"/>
      <c r="HA4220" s="91"/>
      <c r="HB4220" s="91"/>
      <c r="HC4220" s="91"/>
      <c r="HD4220" s="91"/>
      <c r="HE4220" s="91"/>
      <c r="HF4220" s="91"/>
      <c r="HG4220" s="91"/>
      <c r="HH4220" s="91"/>
      <c r="HI4220" s="91"/>
      <c r="HJ4220" s="91"/>
      <c r="HK4220" s="127"/>
      <c r="HL4220" s="126"/>
      <c r="HM4220" s="91"/>
      <c r="HN4220" s="91"/>
      <c r="HO4220" s="91"/>
      <c r="HP4220" s="91"/>
      <c r="HQ4220" s="91"/>
      <c r="HR4220" s="91"/>
      <c r="HS4220" s="91"/>
      <c r="HT4220" s="91"/>
      <c r="HU4220" s="91"/>
      <c r="HV4220" s="91"/>
      <c r="HW4220" s="91"/>
      <c r="HX4220" s="127"/>
      <c r="HY4220" s="126"/>
      <c r="HZ4220" s="91"/>
      <c r="IA4220" s="91"/>
      <c r="IB4220" s="91"/>
      <c r="IC4220" s="91"/>
      <c r="ID4220" s="91"/>
      <c r="IE4220" s="91"/>
      <c r="IF4220" s="91"/>
      <c r="IG4220" s="91"/>
      <c r="IH4220" s="91"/>
      <c r="II4220" s="91"/>
      <c r="IJ4220" s="91"/>
      <c r="IK4220" s="174"/>
    </row>
    <row r="4221" spans="2:245" x14ac:dyDescent="0.2">
      <c r="B4221" s="43"/>
      <c r="C4221" s="73"/>
      <c r="D4221" s="64"/>
      <c r="E4221" s="64"/>
      <c r="F4221" s="55"/>
      <c r="G4221" s="102"/>
      <c r="H4221" s="97"/>
      <c r="T4221" s="98"/>
      <c r="U4221" s="97"/>
      <c r="AG4221" s="98"/>
      <c r="AY4221" s="164"/>
      <c r="BK4221" s="98"/>
      <c r="BL4221" s="97"/>
      <c r="BX4221" s="98"/>
      <c r="CL4221" s="97"/>
      <c r="CX4221" s="98"/>
      <c r="DL4221" s="97"/>
      <c r="DX4221" s="98"/>
      <c r="EL4221" s="97"/>
      <c r="EX4221" s="98"/>
      <c r="EY4221" s="97"/>
      <c r="FL4221" s="126"/>
      <c r="FM4221" s="91"/>
      <c r="FN4221" s="91"/>
      <c r="FO4221" s="91"/>
      <c r="FP4221" s="91"/>
      <c r="FQ4221" s="91"/>
      <c r="FR4221" s="91"/>
      <c r="FS4221" s="91"/>
      <c r="FT4221" s="91"/>
      <c r="FU4221" s="91"/>
      <c r="FV4221" s="91"/>
      <c r="FW4221" s="91"/>
      <c r="FX4221" s="127"/>
      <c r="FY4221" s="126"/>
      <c r="FZ4221" s="91"/>
      <c r="GA4221" s="91"/>
      <c r="GB4221" s="91"/>
      <c r="GC4221" s="91"/>
      <c r="GD4221" s="91"/>
      <c r="GE4221" s="91"/>
      <c r="GF4221" s="91"/>
      <c r="GG4221" s="91"/>
      <c r="GH4221" s="91"/>
      <c r="GI4221" s="91"/>
      <c r="GJ4221" s="91"/>
      <c r="GK4221" s="127"/>
      <c r="GL4221" s="126"/>
      <c r="GM4221" s="91"/>
      <c r="GN4221" s="91"/>
      <c r="GO4221" s="91"/>
      <c r="GP4221" s="91"/>
      <c r="GQ4221" s="91"/>
      <c r="GR4221" s="91"/>
      <c r="GS4221" s="91"/>
      <c r="GT4221" s="91"/>
      <c r="GU4221" s="91"/>
      <c r="GV4221" s="91"/>
      <c r="GW4221" s="91"/>
      <c r="GX4221" s="127"/>
      <c r="GY4221" s="126"/>
      <c r="GZ4221" s="91"/>
      <c r="HA4221" s="91"/>
      <c r="HB4221" s="91"/>
      <c r="HC4221" s="91"/>
      <c r="HD4221" s="91"/>
      <c r="HE4221" s="91"/>
      <c r="HF4221" s="91"/>
      <c r="HG4221" s="91"/>
      <c r="HH4221" s="91"/>
      <c r="HI4221" s="91"/>
      <c r="HJ4221" s="91"/>
      <c r="HK4221" s="127"/>
      <c r="HL4221" s="126"/>
      <c r="HM4221" s="91"/>
      <c r="HN4221" s="91"/>
      <c r="HO4221" s="91"/>
      <c r="HP4221" s="91"/>
      <c r="HQ4221" s="91"/>
      <c r="HR4221" s="91"/>
      <c r="HS4221" s="91"/>
      <c r="HT4221" s="91"/>
      <c r="HU4221" s="91"/>
      <c r="HV4221" s="91"/>
      <c r="HW4221" s="91"/>
      <c r="HX4221" s="127"/>
      <c r="HY4221" s="126"/>
      <c r="HZ4221" s="91"/>
      <c r="IA4221" s="91"/>
      <c r="IB4221" s="91"/>
      <c r="IC4221" s="91"/>
      <c r="ID4221" s="91"/>
      <c r="IE4221" s="91"/>
      <c r="IF4221" s="91"/>
      <c r="IG4221" s="91"/>
      <c r="IH4221" s="91"/>
      <c r="II4221" s="91"/>
      <c r="IJ4221" s="91"/>
      <c r="IK4221" s="174"/>
    </row>
    <row r="4222" spans="2:245" x14ac:dyDescent="0.2">
      <c r="B4222" s="43"/>
      <c r="C4222" s="73"/>
      <c r="D4222" s="64"/>
      <c r="E4222" s="64"/>
      <c r="F4222" s="55"/>
      <c r="G4222" s="102"/>
      <c r="H4222" s="97"/>
      <c r="T4222" s="98"/>
      <c r="U4222" s="97"/>
      <c r="AG4222" s="98"/>
      <c r="AY4222" s="164"/>
      <c r="BK4222" s="98"/>
      <c r="BL4222" s="97"/>
      <c r="BX4222" s="98"/>
      <c r="CL4222" s="97"/>
      <c r="CX4222" s="98"/>
      <c r="DL4222" s="97"/>
      <c r="DX4222" s="98"/>
      <c r="EL4222" s="97"/>
      <c r="EX4222" s="98"/>
      <c r="EY4222" s="97"/>
      <c r="FL4222" s="126"/>
      <c r="FM4222" s="91"/>
      <c r="FN4222" s="91"/>
      <c r="FO4222" s="91"/>
      <c r="FP4222" s="91"/>
      <c r="FQ4222" s="91"/>
      <c r="FR4222" s="91"/>
      <c r="FS4222" s="91"/>
      <c r="FT4222" s="91"/>
      <c r="FU4222" s="91"/>
      <c r="FV4222" s="91"/>
      <c r="FW4222" s="91"/>
      <c r="FX4222" s="127"/>
      <c r="FY4222" s="126"/>
      <c r="FZ4222" s="91"/>
      <c r="GA4222" s="91"/>
      <c r="GB4222" s="91"/>
      <c r="GC4222" s="91"/>
      <c r="GD4222" s="91"/>
      <c r="GE4222" s="91"/>
      <c r="GF4222" s="91"/>
      <c r="GG4222" s="91"/>
      <c r="GH4222" s="91"/>
      <c r="GI4222" s="91"/>
      <c r="GJ4222" s="91"/>
      <c r="GK4222" s="127"/>
      <c r="GL4222" s="126"/>
      <c r="GM4222" s="91"/>
      <c r="GN4222" s="91"/>
      <c r="GO4222" s="91"/>
      <c r="GP4222" s="91"/>
      <c r="GQ4222" s="91"/>
      <c r="GR4222" s="91"/>
      <c r="GS4222" s="91"/>
      <c r="GT4222" s="91"/>
      <c r="GU4222" s="91"/>
      <c r="GV4222" s="91"/>
      <c r="GW4222" s="91"/>
      <c r="GX4222" s="127"/>
      <c r="GY4222" s="126"/>
      <c r="GZ4222" s="91"/>
      <c r="HA4222" s="91"/>
      <c r="HB4222" s="91"/>
      <c r="HC4222" s="91"/>
      <c r="HD4222" s="91"/>
      <c r="HE4222" s="91"/>
      <c r="HF4222" s="91"/>
      <c r="HG4222" s="91"/>
      <c r="HH4222" s="91"/>
      <c r="HI4222" s="91"/>
      <c r="HJ4222" s="91"/>
      <c r="HK4222" s="127"/>
      <c r="HL4222" s="126"/>
      <c r="HM4222" s="91"/>
      <c r="HN4222" s="91"/>
      <c r="HO4222" s="91"/>
      <c r="HP4222" s="91"/>
      <c r="HQ4222" s="91"/>
      <c r="HR4222" s="91"/>
      <c r="HS4222" s="91"/>
      <c r="HT4222" s="91"/>
      <c r="HU4222" s="91"/>
      <c r="HV4222" s="91"/>
      <c r="HW4222" s="91"/>
      <c r="HX4222" s="127"/>
      <c r="HY4222" s="126"/>
      <c r="HZ4222" s="91"/>
      <c r="IA4222" s="91"/>
      <c r="IB4222" s="91"/>
      <c r="IC4222" s="91"/>
      <c r="ID4222" s="91"/>
      <c r="IE4222" s="91"/>
      <c r="IF4222" s="91"/>
      <c r="IG4222" s="91"/>
      <c r="IH4222" s="91"/>
      <c r="II4222" s="91"/>
      <c r="IJ4222" s="91"/>
      <c r="IK4222" s="174"/>
    </row>
    <row r="4223" spans="2:245" x14ac:dyDescent="0.2">
      <c r="B4223" s="43"/>
      <c r="C4223" s="73"/>
      <c r="D4223" s="64"/>
      <c r="E4223" s="64"/>
      <c r="F4223" s="55"/>
      <c r="G4223" s="102"/>
      <c r="H4223" s="97"/>
      <c r="T4223" s="98"/>
      <c r="U4223" s="97"/>
      <c r="AG4223" s="98"/>
      <c r="AY4223" s="164"/>
      <c r="BK4223" s="98"/>
      <c r="BL4223" s="97"/>
      <c r="BX4223" s="98"/>
      <c r="CL4223" s="97"/>
      <c r="CX4223" s="98"/>
      <c r="DL4223" s="97"/>
      <c r="DX4223" s="98"/>
      <c r="EL4223" s="97"/>
      <c r="EX4223" s="98"/>
      <c r="EY4223" s="97"/>
      <c r="FL4223" s="126"/>
      <c r="FM4223" s="91"/>
      <c r="FN4223" s="91"/>
      <c r="FO4223" s="91"/>
      <c r="FP4223" s="91"/>
      <c r="FQ4223" s="91"/>
      <c r="FR4223" s="91"/>
      <c r="FS4223" s="91"/>
      <c r="FT4223" s="91"/>
      <c r="FU4223" s="91"/>
      <c r="FV4223" s="91"/>
      <c r="FW4223" s="91"/>
      <c r="FX4223" s="127"/>
      <c r="FY4223" s="126"/>
      <c r="FZ4223" s="91"/>
      <c r="GA4223" s="91"/>
      <c r="GB4223" s="91"/>
      <c r="GC4223" s="91"/>
      <c r="GD4223" s="91"/>
      <c r="GE4223" s="91"/>
      <c r="GF4223" s="91"/>
      <c r="GG4223" s="91"/>
      <c r="GH4223" s="91"/>
      <c r="GI4223" s="91"/>
      <c r="GJ4223" s="91"/>
      <c r="GK4223" s="127"/>
      <c r="GL4223" s="126"/>
      <c r="GM4223" s="91"/>
      <c r="GN4223" s="91"/>
      <c r="GO4223" s="91"/>
      <c r="GP4223" s="91"/>
      <c r="GQ4223" s="91"/>
      <c r="GR4223" s="91"/>
      <c r="GS4223" s="91"/>
      <c r="GT4223" s="91"/>
      <c r="GU4223" s="91"/>
      <c r="GV4223" s="91"/>
      <c r="GW4223" s="91"/>
      <c r="GX4223" s="127"/>
      <c r="GY4223" s="126"/>
      <c r="GZ4223" s="91"/>
      <c r="HA4223" s="91"/>
      <c r="HB4223" s="91"/>
      <c r="HC4223" s="91"/>
      <c r="HD4223" s="91"/>
      <c r="HE4223" s="91"/>
      <c r="HF4223" s="91"/>
      <c r="HG4223" s="91"/>
      <c r="HH4223" s="91"/>
      <c r="HI4223" s="91"/>
      <c r="HJ4223" s="91"/>
      <c r="HK4223" s="127"/>
      <c r="HL4223" s="126"/>
      <c r="HM4223" s="91"/>
      <c r="HN4223" s="91"/>
      <c r="HO4223" s="91"/>
      <c r="HP4223" s="91"/>
      <c r="HQ4223" s="91"/>
      <c r="HR4223" s="91"/>
      <c r="HS4223" s="91"/>
      <c r="HT4223" s="91"/>
      <c r="HU4223" s="91"/>
      <c r="HV4223" s="91"/>
      <c r="HW4223" s="91"/>
      <c r="HX4223" s="127"/>
      <c r="HY4223" s="126"/>
      <c r="HZ4223" s="91"/>
      <c r="IA4223" s="91"/>
      <c r="IB4223" s="91"/>
      <c r="IC4223" s="91"/>
      <c r="ID4223" s="91"/>
      <c r="IE4223" s="91"/>
      <c r="IF4223" s="91"/>
      <c r="IG4223" s="91"/>
      <c r="IH4223" s="91"/>
      <c r="II4223" s="91"/>
      <c r="IJ4223" s="91"/>
      <c r="IK4223" s="174"/>
    </row>
    <row r="4224" spans="2:245" x14ac:dyDescent="0.2">
      <c r="B4224" s="43"/>
      <c r="C4224" s="73"/>
      <c r="D4224" s="64"/>
      <c r="E4224" s="64"/>
      <c r="F4224" s="55"/>
      <c r="G4224" s="102"/>
      <c r="H4224" s="97"/>
      <c r="T4224" s="98"/>
      <c r="U4224" s="97"/>
      <c r="AG4224" s="98"/>
      <c r="AY4224" s="164"/>
      <c r="BK4224" s="98"/>
      <c r="BL4224" s="97"/>
      <c r="BX4224" s="98"/>
      <c r="CL4224" s="97"/>
      <c r="CX4224" s="98"/>
      <c r="DL4224" s="97"/>
      <c r="DX4224" s="98"/>
      <c r="EL4224" s="97"/>
      <c r="EX4224" s="98"/>
      <c r="EY4224" s="97"/>
      <c r="FL4224" s="126"/>
      <c r="FM4224" s="91"/>
      <c r="FN4224" s="91"/>
      <c r="FO4224" s="91"/>
      <c r="FP4224" s="91"/>
      <c r="FQ4224" s="91"/>
      <c r="FR4224" s="91"/>
      <c r="FS4224" s="91"/>
      <c r="FT4224" s="91"/>
      <c r="FU4224" s="91"/>
      <c r="FV4224" s="91"/>
      <c r="FW4224" s="91"/>
      <c r="FX4224" s="127"/>
      <c r="FY4224" s="126"/>
      <c r="FZ4224" s="91"/>
      <c r="GA4224" s="91"/>
      <c r="GB4224" s="91"/>
      <c r="GC4224" s="91"/>
      <c r="GD4224" s="91"/>
      <c r="GE4224" s="91"/>
      <c r="GF4224" s="91"/>
      <c r="GG4224" s="91"/>
      <c r="GH4224" s="91"/>
      <c r="GI4224" s="91"/>
      <c r="GJ4224" s="91"/>
      <c r="GK4224" s="127"/>
      <c r="GL4224" s="126"/>
      <c r="GM4224" s="91"/>
      <c r="GN4224" s="91"/>
      <c r="GO4224" s="91"/>
      <c r="GP4224" s="91"/>
      <c r="GQ4224" s="91"/>
      <c r="GR4224" s="91"/>
      <c r="GS4224" s="91"/>
      <c r="GT4224" s="91"/>
      <c r="GU4224" s="91"/>
      <c r="GV4224" s="91"/>
      <c r="GW4224" s="91"/>
      <c r="GX4224" s="127"/>
      <c r="GY4224" s="126"/>
      <c r="GZ4224" s="91"/>
      <c r="HA4224" s="91"/>
      <c r="HB4224" s="91"/>
      <c r="HC4224" s="91"/>
      <c r="HD4224" s="91"/>
      <c r="HE4224" s="91"/>
      <c r="HF4224" s="91"/>
      <c r="HG4224" s="91"/>
      <c r="HH4224" s="91"/>
      <c r="HI4224" s="91"/>
      <c r="HJ4224" s="91"/>
      <c r="HK4224" s="127"/>
      <c r="HL4224" s="126"/>
      <c r="HM4224" s="91"/>
      <c r="HN4224" s="91"/>
      <c r="HO4224" s="91"/>
      <c r="HP4224" s="91"/>
      <c r="HQ4224" s="91"/>
      <c r="HR4224" s="91"/>
      <c r="HS4224" s="91"/>
      <c r="HT4224" s="91"/>
      <c r="HU4224" s="91"/>
      <c r="HV4224" s="91"/>
      <c r="HW4224" s="91"/>
      <c r="HX4224" s="127"/>
      <c r="HY4224" s="126"/>
      <c r="HZ4224" s="91"/>
      <c r="IA4224" s="91"/>
      <c r="IB4224" s="91"/>
      <c r="IC4224" s="91"/>
      <c r="ID4224" s="91"/>
      <c r="IE4224" s="91"/>
      <c r="IF4224" s="91"/>
      <c r="IG4224" s="91"/>
      <c r="IH4224" s="91"/>
      <c r="II4224" s="91"/>
      <c r="IJ4224" s="91"/>
      <c r="IK4224" s="174"/>
    </row>
    <row r="4225" spans="2:245" x14ac:dyDescent="0.2">
      <c r="B4225" s="43"/>
      <c r="C4225" s="73"/>
      <c r="D4225" s="64"/>
      <c r="E4225" s="64"/>
      <c r="F4225" s="55"/>
      <c r="G4225" s="102"/>
      <c r="H4225" s="97"/>
      <c r="T4225" s="98"/>
      <c r="U4225" s="97"/>
      <c r="AG4225" s="98"/>
      <c r="AY4225" s="164"/>
      <c r="BK4225" s="98"/>
      <c r="BL4225" s="97"/>
      <c r="BX4225" s="98"/>
      <c r="CL4225" s="97"/>
      <c r="CX4225" s="98"/>
      <c r="DL4225" s="97"/>
      <c r="DX4225" s="98"/>
      <c r="EL4225" s="97"/>
      <c r="EX4225" s="98"/>
      <c r="EY4225" s="97"/>
      <c r="FL4225" s="126"/>
      <c r="FM4225" s="91"/>
      <c r="FN4225" s="91"/>
      <c r="FO4225" s="91"/>
      <c r="FP4225" s="91"/>
      <c r="FQ4225" s="91"/>
      <c r="FR4225" s="91"/>
      <c r="FS4225" s="91"/>
      <c r="FT4225" s="91"/>
      <c r="FU4225" s="91"/>
      <c r="FV4225" s="91"/>
      <c r="FW4225" s="91"/>
      <c r="FX4225" s="127"/>
      <c r="FY4225" s="126"/>
      <c r="FZ4225" s="91"/>
      <c r="GA4225" s="91"/>
      <c r="GB4225" s="91"/>
      <c r="GC4225" s="91"/>
      <c r="GD4225" s="91"/>
      <c r="GE4225" s="91"/>
      <c r="GF4225" s="91"/>
      <c r="GG4225" s="91"/>
      <c r="GH4225" s="91"/>
      <c r="GI4225" s="91"/>
      <c r="GJ4225" s="91"/>
      <c r="GK4225" s="127"/>
      <c r="GL4225" s="126"/>
      <c r="GM4225" s="91"/>
      <c r="GN4225" s="91"/>
      <c r="GO4225" s="91"/>
      <c r="GP4225" s="91"/>
      <c r="GQ4225" s="91"/>
      <c r="GR4225" s="91"/>
      <c r="GS4225" s="91"/>
      <c r="GT4225" s="91"/>
      <c r="GU4225" s="91"/>
      <c r="GV4225" s="91"/>
      <c r="GW4225" s="91"/>
      <c r="GX4225" s="127"/>
      <c r="GY4225" s="126"/>
      <c r="GZ4225" s="91"/>
      <c r="HA4225" s="91"/>
      <c r="HB4225" s="91"/>
      <c r="HC4225" s="91"/>
      <c r="HD4225" s="91"/>
      <c r="HE4225" s="91"/>
      <c r="HF4225" s="91"/>
      <c r="HG4225" s="91"/>
      <c r="HH4225" s="91"/>
      <c r="HI4225" s="91"/>
      <c r="HJ4225" s="91"/>
      <c r="HK4225" s="127"/>
      <c r="HL4225" s="126"/>
      <c r="HM4225" s="91"/>
      <c r="HN4225" s="91"/>
      <c r="HO4225" s="91"/>
      <c r="HP4225" s="91"/>
      <c r="HQ4225" s="91"/>
      <c r="HR4225" s="91"/>
      <c r="HS4225" s="91"/>
      <c r="HT4225" s="91"/>
      <c r="HU4225" s="91"/>
      <c r="HV4225" s="91"/>
      <c r="HW4225" s="91"/>
      <c r="HX4225" s="127"/>
      <c r="HY4225" s="126"/>
      <c r="HZ4225" s="91"/>
      <c r="IA4225" s="91"/>
      <c r="IB4225" s="91"/>
      <c r="IC4225" s="91"/>
      <c r="ID4225" s="91"/>
      <c r="IE4225" s="91"/>
      <c r="IF4225" s="91"/>
      <c r="IG4225" s="91"/>
      <c r="IH4225" s="91"/>
      <c r="II4225" s="91"/>
      <c r="IJ4225" s="91"/>
      <c r="IK4225" s="174"/>
    </row>
    <row r="4226" spans="2:245" x14ac:dyDescent="0.2">
      <c r="B4226" s="43"/>
      <c r="C4226" s="73"/>
      <c r="D4226" s="64"/>
      <c r="E4226" s="64"/>
      <c r="F4226" s="55"/>
      <c r="G4226" s="102"/>
      <c r="H4226" s="97"/>
      <c r="T4226" s="98"/>
      <c r="U4226" s="97"/>
      <c r="AG4226" s="98"/>
      <c r="AY4226" s="164"/>
      <c r="BK4226" s="98"/>
      <c r="BL4226" s="97"/>
      <c r="BX4226" s="98"/>
      <c r="CL4226" s="97"/>
      <c r="CX4226" s="98"/>
      <c r="DL4226" s="97"/>
      <c r="DX4226" s="98"/>
      <c r="EL4226" s="97"/>
      <c r="EX4226" s="98"/>
      <c r="EY4226" s="97"/>
      <c r="FL4226" s="126"/>
      <c r="FM4226" s="91"/>
      <c r="FN4226" s="91"/>
      <c r="FO4226" s="91"/>
      <c r="FP4226" s="91"/>
      <c r="FQ4226" s="91"/>
      <c r="FR4226" s="91"/>
      <c r="FS4226" s="91"/>
      <c r="FT4226" s="91"/>
      <c r="FU4226" s="91"/>
      <c r="FV4226" s="91"/>
      <c r="FW4226" s="91"/>
      <c r="FX4226" s="127"/>
      <c r="FY4226" s="126"/>
      <c r="FZ4226" s="91"/>
      <c r="GA4226" s="91"/>
      <c r="GB4226" s="91"/>
      <c r="GC4226" s="91"/>
      <c r="GD4226" s="91"/>
      <c r="GE4226" s="91"/>
      <c r="GF4226" s="91"/>
      <c r="GG4226" s="91"/>
      <c r="GH4226" s="91"/>
      <c r="GI4226" s="91"/>
      <c r="GJ4226" s="91"/>
      <c r="GK4226" s="127"/>
      <c r="GL4226" s="126"/>
      <c r="GM4226" s="91"/>
      <c r="GN4226" s="91"/>
      <c r="GO4226" s="91"/>
      <c r="GP4226" s="91"/>
      <c r="GQ4226" s="91"/>
      <c r="GR4226" s="91"/>
      <c r="GS4226" s="91"/>
      <c r="GT4226" s="91"/>
      <c r="GU4226" s="91"/>
      <c r="GV4226" s="91"/>
      <c r="GW4226" s="91"/>
      <c r="GX4226" s="127"/>
      <c r="GY4226" s="126"/>
      <c r="GZ4226" s="91"/>
      <c r="HA4226" s="91"/>
      <c r="HB4226" s="91"/>
      <c r="HC4226" s="91"/>
      <c r="HD4226" s="91"/>
      <c r="HE4226" s="91"/>
      <c r="HF4226" s="91"/>
      <c r="HG4226" s="91"/>
      <c r="HH4226" s="91"/>
      <c r="HI4226" s="91"/>
      <c r="HJ4226" s="91"/>
      <c r="HK4226" s="127"/>
      <c r="HL4226" s="126"/>
      <c r="HM4226" s="91"/>
      <c r="HN4226" s="91"/>
      <c r="HO4226" s="91"/>
      <c r="HP4226" s="91"/>
      <c r="HQ4226" s="91"/>
      <c r="HR4226" s="91"/>
      <c r="HS4226" s="91"/>
      <c r="HT4226" s="91"/>
      <c r="HU4226" s="91"/>
      <c r="HV4226" s="91"/>
      <c r="HW4226" s="91"/>
      <c r="HX4226" s="127"/>
      <c r="HY4226" s="126"/>
      <c r="HZ4226" s="91"/>
      <c r="IA4226" s="91"/>
      <c r="IB4226" s="91"/>
      <c r="IC4226" s="91"/>
      <c r="ID4226" s="91"/>
      <c r="IE4226" s="91"/>
      <c r="IF4226" s="91"/>
      <c r="IG4226" s="91"/>
      <c r="IH4226" s="91"/>
      <c r="II4226" s="91"/>
      <c r="IJ4226" s="91"/>
      <c r="IK4226" s="174"/>
    </row>
    <row r="4227" spans="2:245" x14ac:dyDescent="0.2">
      <c r="B4227" s="43"/>
      <c r="C4227" s="73"/>
      <c r="D4227" s="64"/>
      <c r="E4227" s="64"/>
      <c r="F4227" s="55"/>
      <c r="G4227" s="102"/>
      <c r="H4227" s="97"/>
      <c r="T4227" s="98"/>
      <c r="U4227" s="97"/>
      <c r="AG4227" s="98"/>
      <c r="AY4227" s="164"/>
      <c r="BK4227" s="98"/>
      <c r="BL4227" s="97"/>
      <c r="BX4227" s="98"/>
      <c r="CL4227" s="97"/>
      <c r="CX4227" s="98"/>
      <c r="DL4227" s="97"/>
      <c r="DX4227" s="98"/>
      <c r="EL4227" s="97"/>
      <c r="EX4227" s="98"/>
      <c r="EY4227" s="97"/>
      <c r="FL4227" s="126"/>
      <c r="FM4227" s="91"/>
      <c r="FN4227" s="91"/>
      <c r="FO4227" s="91"/>
      <c r="FP4227" s="91"/>
      <c r="FQ4227" s="91"/>
      <c r="FR4227" s="91"/>
      <c r="FS4227" s="91"/>
      <c r="FT4227" s="91"/>
      <c r="FU4227" s="91"/>
      <c r="FV4227" s="91"/>
      <c r="FW4227" s="91"/>
      <c r="FX4227" s="127"/>
      <c r="FY4227" s="126"/>
      <c r="FZ4227" s="91"/>
      <c r="GA4227" s="91"/>
      <c r="GB4227" s="91"/>
      <c r="GC4227" s="91"/>
      <c r="GD4227" s="91"/>
      <c r="GE4227" s="91"/>
      <c r="GF4227" s="91"/>
      <c r="GG4227" s="91"/>
      <c r="GH4227" s="91"/>
      <c r="GI4227" s="91"/>
      <c r="GJ4227" s="91"/>
      <c r="GK4227" s="127"/>
      <c r="GL4227" s="126"/>
      <c r="GM4227" s="91"/>
      <c r="GN4227" s="91"/>
      <c r="GO4227" s="91"/>
      <c r="GP4227" s="91"/>
      <c r="GQ4227" s="91"/>
      <c r="GR4227" s="91"/>
      <c r="GS4227" s="91"/>
      <c r="GT4227" s="91"/>
      <c r="GU4227" s="91"/>
      <c r="GV4227" s="91"/>
      <c r="GW4227" s="91"/>
      <c r="GX4227" s="127"/>
      <c r="GY4227" s="126"/>
      <c r="GZ4227" s="91"/>
      <c r="HA4227" s="91"/>
      <c r="HB4227" s="91"/>
      <c r="HC4227" s="91"/>
      <c r="HD4227" s="91"/>
      <c r="HE4227" s="91"/>
      <c r="HF4227" s="91"/>
      <c r="HG4227" s="91"/>
      <c r="HH4227" s="91"/>
      <c r="HI4227" s="91"/>
      <c r="HJ4227" s="91"/>
      <c r="HK4227" s="127"/>
      <c r="HL4227" s="126"/>
      <c r="HM4227" s="91"/>
      <c r="HN4227" s="91"/>
      <c r="HO4227" s="91"/>
      <c r="HP4227" s="91"/>
      <c r="HQ4227" s="91"/>
      <c r="HR4227" s="91"/>
      <c r="HS4227" s="91"/>
      <c r="HT4227" s="91"/>
      <c r="HU4227" s="91"/>
      <c r="HV4227" s="91"/>
      <c r="HW4227" s="91"/>
      <c r="HX4227" s="127"/>
      <c r="HY4227" s="126"/>
      <c r="HZ4227" s="91"/>
      <c r="IA4227" s="91"/>
      <c r="IB4227" s="91"/>
      <c r="IC4227" s="91"/>
      <c r="ID4227" s="91"/>
      <c r="IE4227" s="91"/>
      <c r="IF4227" s="91"/>
      <c r="IG4227" s="91"/>
      <c r="IH4227" s="91"/>
      <c r="II4227" s="91"/>
      <c r="IJ4227" s="91"/>
      <c r="IK4227" s="174"/>
    </row>
    <row r="4228" spans="2:245" x14ac:dyDescent="0.2">
      <c r="B4228" s="43"/>
      <c r="C4228" s="73"/>
      <c r="D4228" s="64"/>
      <c r="E4228" s="64"/>
      <c r="F4228" s="55"/>
      <c r="G4228" s="102"/>
      <c r="H4228" s="97"/>
      <c r="T4228" s="98"/>
      <c r="U4228" s="97"/>
      <c r="AG4228" s="98"/>
      <c r="AY4228" s="164"/>
      <c r="BK4228" s="98"/>
      <c r="BL4228" s="97"/>
      <c r="BX4228" s="98"/>
      <c r="CL4228" s="97"/>
      <c r="CX4228" s="98"/>
      <c r="DL4228" s="97"/>
      <c r="DX4228" s="98"/>
      <c r="EL4228" s="97"/>
      <c r="EX4228" s="98"/>
      <c r="EY4228" s="97"/>
      <c r="FL4228" s="126"/>
      <c r="FM4228" s="91"/>
      <c r="FN4228" s="91"/>
      <c r="FO4228" s="91"/>
      <c r="FP4228" s="91"/>
      <c r="FQ4228" s="91"/>
      <c r="FR4228" s="91"/>
      <c r="FS4228" s="91"/>
      <c r="FT4228" s="91"/>
      <c r="FU4228" s="91"/>
      <c r="FV4228" s="91"/>
      <c r="FW4228" s="91"/>
      <c r="FX4228" s="127"/>
      <c r="FY4228" s="126"/>
      <c r="FZ4228" s="91"/>
      <c r="GA4228" s="91"/>
      <c r="GB4228" s="91"/>
      <c r="GC4228" s="91"/>
      <c r="GD4228" s="91"/>
      <c r="GE4228" s="91"/>
      <c r="GF4228" s="91"/>
      <c r="GG4228" s="91"/>
      <c r="GH4228" s="91"/>
      <c r="GI4228" s="91"/>
      <c r="GJ4228" s="91"/>
      <c r="GK4228" s="127"/>
      <c r="GL4228" s="126"/>
      <c r="GM4228" s="91"/>
      <c r="GN4228" s="91"/>
      <c r="GO4228" s="91"/>
      <c r="GP4228" s="91"/>
      <c r="GQ4228" s="91"/>
      <c r="GR4228" s="91"/>
      <c r="GS4228" s="91"/>
      <c r="GT4228" s="91"/>
      <c r="GU4228" s="91"/>
      <c r="GV4228" s="91"/>
      <c r="GW4228" s="91"/>
      <c r="GX4228" s="127"/>
      <c r="GY4228" s="126"/>
      <c r="GZ4228" s="91"/>
      <c r="HA4228" s="91"/>
      <c r="HB4228" s="91"/>
      <c r="HC4228" s="91"/>
      <c r="HD4228" s="91"/>
      <c r="HE4228" s="91"/>
      <c r="HF4228" s="91"/>
      <c r="HG4228" s="91"/>
      <c r="HH4228" s="91"/>
      <c r="HI4228" s="91"/>
      <c r="HJ4228" s="91"/>
      <c r="HK4228" s="127"/>
      <c r="HL4228" s="126"/>
      <c r="HM4228" s="91"/>
      <c r="HN4228" s="91"/>
      <c r="HO4228" s="91"/>
      <c r="HP4228" s="91"/>
      <c r="HQ4228" s="91"/>
      <c r="HR4228" s="91"/>
      <c r="HS4228" s="91"/>
      <c r="HT4228" s="91"/>
      <c r="HU4228" s="91"/>
      <c r="HV4228" s="91"/>
      <c r="HW4228" s="91"/>
      <c r="HX4228" s="127"/>
      <c r="HY4228" s="126"/>
      <c r="HZ4228" s="91"/>
      <c r="IA4228" s="91"/>
      <c r="IB4228" s="91"/>
      <c r="IC4228" s="91"/>
      <c r="ID4228" s="91"/>
      <c r="IE4228" s="91"/>
      <c r="IF4228" s="91"/>
      <c r="IG4228" s="91"/>
      <c r="IH4228" s="91"/>
      <c r="II4228" s="91"/>
      <c r="IJ4228" s="91"/>
      <c r="IK4228" s="174"/>
    </row>
    <row r="4229" spans="2:245" x14ac:dyDescent="0.2">
      <c r="B4229" s="43"/>
      <c r="C4229" s="73"/>
      <c r="D4229" s="64"/>
      <c r="E4229" s="64"/>
      <c r="F4229" s="55"/>
      <c r="G4229" s="102"/>
      <c r="H4229" s="97"/>
      <c r="T4229" s="98"/>
      <c r="U4229" s="97"/>
      <c r="AG4229" s="98"/>
      <c r="AY4229" s="164"/>
      <c r="BK4229" s="98"/>
      <c r="BL4229" s="97"/>
      <c r="BX4229" s="98"/>
      <c r="CL4229" s="97"/>
      <c r="CX4229" s="98"/>
      <c r="DL4229" s="97"/>
      <c r="DX4229" s="98"/>
      <c r="EL4229" s="97"/>
      <c r="EX4229" s="98"/>
      <c r="EY4229" s="97"/>
      <c r="FL4229" s="126"/>
      <c r="FM4229" s="91"/>
      <c r="FN4229" s="91"/>
      <c r="FO4229" s="91"/>
      <c r="FP4229" s="91"/>
      <c r="FQ4229" s="91"/>
      <c r="FR4229" s="91"/>
      <c r="FS4229" s="91"/>
      <c r="FT4229" s="91"/>
      <c r="FU4229" s="91"/>
      <c r="FV4229" s="91"/>
      <c r="FW4229" s="91"/>
      <c r="FX4229" s="127"/>
      <c r="FY4229" s="126"/>
      <c r="FZ4229" s="91"/>
      <c r="GA4229" s="91"/>
      <c r="GB4229" s="91"/>
      <c r="GC4229" s="91"/>
      <c r="GD4229" s="91"/>
      <c r="GE4229" s="91"/>
      <c r="GF4229" s="91"/>
      <c r="GG4229" s="91"/>
      <c r="GH4229" s="91"/>
      <c r="GI4229" s="91"/>
      <c r="GJ4229" s="91"/>
      <c r="GK4229" s="127"/>
      <c r="GL4229" s="126"/>
      <c r="GM4229" s="91"/>
      <c r="GN4229" s="91"/>
      <c r="GO4229" s="91"/>
      <c r="GP4229" s="91"/>
      <c r="GQ4229" s="91"/>
      <c r="GR4229" s="91"/>
      <c r="GS4229" s="91"/>
      <c r="GT4229" s="91"/>
      <c r="GU4229" s="91"/>
      <c r="GV4229" s="91"/>
      <c r="GW4229" s="91"/>
      <c r="GX4229" s="127"/>
      <c r="GY4229" s="126"/>
      <c r="GZ4229" s="91"/>
      <c r="HA4229" s="91"/>
      <c r="HB4229" s="91"/>
      <c r="HC4229" s="91"/>
      <c r="HD4229" s="91"/>
      <c r="HE4229" s="91"/>
      <c r="HF4229" s="91"/>
      <c r="HG4229" s="91"/>
      <c r="HH4229" s="91"/>
      <c r="HI4229" s="91"/>
      <c r="HJ4229" s="91"/>
      <c r="HK4229" s="127"/>
      <c r="HL4229" s="126"/>
      <c r="HM4229" s="91"/>
      <c r="HN4229" s="91"/>
      <c r="HO4229" s="91"/>
      <c r="HP4229" s="91"/>
      <c r="HQ4229" s="91"/>
      <c r="HR4229" s="91"/>
      <c r="HS4229" s="91"/>
      <c r="HT4229" s="91"/>
      <c r="HU4229" s="91"/>
      <c r="HV4229" s="91"/>
      <c r="HW4229" s="91"/>
      <c r="HX4229" s="127"/>
      <c r="HY4229" s="126"/>
      <c r="HZ4229" s="91"/>
      <c r="IA4229" s="91"/>
      <c r="IB4229" s="91"/>
      <c r="IC4229" s="91"/>
      <c r="ID4229" s="91"/>
      <c r="IE4229" s="91"/>
      <c r="IF4229" s="91"/>
      <c r="IG4229" s="91"/>
      <c r="IH4229" s="91"/>
      <c r="II4229" s="91"/>
      <c r="IJ4229" s="91"/>
      <c r="IK4229" s="174"/>
    </row>
    <row r="4230" spans="2:245" x14ac:dyDescent="0.2">
      <c r="B4230" s="43"/>
      <c r="C4230" s="73"/>
      <c r="D4230" s="64"/>
      <c r="E4230" s="64"/>
      <c r="F4230" s="55"/>
      <c r="G4230" s="102"/>
      <c r="H4230" s="97"/>
      <c r="T4230" s="98"/>
      <c r="U4230" s="97"/>
      <c r="AG4230" s="98"/>
      <c r="AY4230" s="164"/>
      <c r="BK4230" s="98"/>
      <c r="BL4230" s="97"/>
      <c r="BX4230" s="98"/>
      <c r="CL4230" s="97"/>
      <c r="CX4230" s="98"/>
      <c r="DL4230" s="97"/>
      <c r="DX4230" s="98"/>
      <c r="EL4230" s="97"/>
      <c r="EX4230" s="98"/>
      <c r="EY4230" s="97"/>
      <c r="FL4230" s="126"/>
      <c r="FM4230" s="91"/>
      <c r="FN4230" s="91"/>
      <c r="FO4230" s="91"/>
      <c r="FP4230" s="91"/>
      <c r="FQ4230" s="91"/>
      <c r="FR4230" s="91"/>
      <c r="FS4230" s="91"/>
      <c r="FT4230" s="91"/>
      <c r="FU4230" s="91"/>
      <c r="FV4230" s="91"/>
      <c r="FW4230" s="91"/>
      <c r="FX4230" s="127"/>
      <c r="FY4230" s="126"/>
      <c r="FZ4230" s="91"/>
      <c r="GA4230" s="91"/>
      <c r="GB4230" s="91"/>
      <c r="GC4230" s="91"/>
      <c r="GD4230" s="91"/>
      <c r="GE4230" s="91"/>
      <c r="GF4230" s="91"/>
      <c r="GG4230" s="91"/>
      <c r="GH4230" s="91"/>
      <c r="GI4230" s="91"/>
      <c r="GJ4230" s="91"/>
      <c r="GK4230" s="127"/>
      <c r="GL4230" s="126"/>
      <c r="GM4230" s="91"/>
      <c r="GN4230" s="91"/>
      <c r="GO4230" s="91"/>
      <c r="GP4230" s="91"/>
      <c r="GQ4230" s="91"/>
      <c r="GR4230" s="91"/>
      <c r="GS4230" s="91"/>
      <c r="GT4230" s="91"/>
      <c r="GU4230" s="91"/>
      <c r="GV4230" s="91"/>
      <c r="GW4230" s="91"/>
      <c r="GX4230" s="127"/>
      <c r="GY4230" s="126"/>
      <c r="GZ4230" s="91"/>
      <c r="HA4230" s="91"/>
      <c r="HB4230" s="91"/>
      <c r="HC4230" s="91"/>
      <c r="HD4230" s="91"/>
      <c r="HE4230" s="91"/>
      <c r="HF4230" s="91"/>
      <c r="HG4230" s="91"/>
      <c r="HH4230" s="91"/>
      <c r="HI4230" s="91"/>
      <c r="HJ4230" s="91"/>
      <c r="HK4230" s="127"/>
      <c r="HL4230" s="126"/>
      <c r="HM4230" s="91"/>
      <c r="HN4230" s="91"/>
      <c r="HO4230" s="91"/>
      <c r="HP4230" s="91"/>
      <c r="HQ4230" s="91"/>
      <c r="HR4230" s="91"/>
      <c r="HS4230" s="91"/>
      <c r="HT4230" s="91"/>
      <c r="HU4230" s="91"/>
      <c r="HV4230" s="91"/>
      <c r="HW4230" s="91"/>
      <c r="HX4230" s="127"/>
      <c r="HY4230" s="126"/>
      <c r="HZ4230" s="91"/>
      <c r="IA4230" s="91"/>
      <c r="IB4230" s="91"/>
      <c r="IC4230" s="91"/>
      <c r="ID4230" s="91"/>
      <c r="IE4230" s="91"/>
      <c r="IF4230" s="91"/>
      <c r="IG4230" s="91"/>
      <c r="IH4230" s="91"/>
      <c r="II4230" s="91"/>
      <c r="IJ4230" s="91"/>
      <c r="IK4230" s="174"/>
    </row>
    <row r="4231" spans="2:245" x14ac:dyDescent="0.2">
      <c r="B4231" s="43"/>
      <c r="C4231" s="73"/>
      <c r="D4231" s="64"/>
      <c r="E4231" s="64"/>
      <c r="F4231" s="55"/>
      <c r="G4231" s="102"/>
      <c r="H4231" s="97"/>
      <c r="T4231" s="98"/>
      <c r="U4231" s="97"/>
      <c r="AG4231" s="98"/>
      <c r="AY4231" s="164"/>
      <c r="BK4231" s="98"/>
      <c r="BL4231" s="97"/>
      <c r="BX4231" s="98"/>
      <c r="CL4231" s="97"/>
      <c r="CX4231" s="98"/>
      <c r="DL4231" s="97"/>
      <c r="DX4231" s="98"/>
      <c r="EL4231" s="97"/>
      <c r="EX4231" s="98"/>
      <c r="EY4231" s="97"/>
      <c r="FL4231" s="126"/>
      <c r="FM4231" s="91"/>
      <c r="FN4231" s="91"/>
      <c r="FO4231" s="91"/>
      <c r="FP4231" s="91"/>
      <c r="FQ4231" s="91"/>
      <c r="FR4231" s="91"/>
      <c r="FS4231" s="91"/>
      <c r="FT4231" s="91"/>
      <c r="FU4231" s="91"/>
      <c r="FV4231" s="91"/>
      <c r="FW4231" s="91"/>
      <c r="FX4231" s="127"/>
      <c r="FY4231" s="126"/>
      <c r="FZ4231" s="91"/>
      <c r="GA4231" s="91"/>
      <c r="GB4231" s="91"/>
      <c r="GC4231" s="91"/>
      <c r="GD4231" s="91"/>
      <c r="GE4231" s="91"/>
      <c r="GF4231" s="91"/>
      <c r="GG4231" s="91"/>
      <c r="GH4231" s="91"/>
      <c r="GI4231" s="91"/>
      <c r="GJ4231" s="91"/>
      <c r="GK4231" s="127"/>
      <c r="GL4231" s="126"/>
      <c r="GM4231" s="91"/>
      <c r="GN4231" s="91"/>
      <c r="GO4231" s="91"/>
      <c r="GP4231" s="91"/>
      <c r="GQ4231" s="91"/>
      <c r="GR4231" s="91"/>
      <c r="GS4231" s="91"/>
      <c r="GT4231" s="91"/>
      <c r="GU4231" s="91"/>
      <c r="GV4231" s="91"/>
      <c r="GW4231" s="91"/>
      <c r="GX4231" s="127"/>
      <c r="GY4231" s="126"/>
      <c r="GZ4231" s="91"/>
      <c r="HA4231" s="91"/>
      <c r="HB4231" s="91"/>
      <c r="HC4231" s="91"/>
      <c r="HD4231" s="91"/>
      <c r="HE4231" s="91"/>
      <c r="HF4231" s="91"/>
      <c r="HG4231" s="91"/>
      <c r="HH4231" s="91"/>
      <c r="HI4231" s="91"/>
      <c r="HJ4231" s="91"/>
      <c r="HK4231" s="127"/>
      <c r="HL4231" s="126"/>
      <c r="HM4231" s="91"/>
      <c r="HN4231" s="91"/>
      <c r="HO4231" s="91"/>
      <c r="HP4231" s="91"/>
      <c r="HQ4231" s="91"/>
      <c r="HR4231" s="91"/>
      <c r="HS4231" s="91"/>
      <c r="HT4231" s="91"/>
      <c r="HU4231" s="91"/>
      <c r="HV4231" s="91"/>
      <c r="HW4231" s="91"/>
      <c r="HX4231" s="127"/>
      <c r="HY4231" s="126"/>
      <c r="HZ4231" s="91"/>
      <c r="IA4231" s="91"/>
      <c r="IB4231" s="91"/>
      <c r="IC4231" s="91"/>
      <c r="ID4231" s="91"/>
      <c r="IE4231" s="91"/>
      <c r="IF4231" s="91"/>
      <c r="IG4231" s="91"/>
      <c r="IH4231" s="91"/>
      <c r="II4231" s="91"/>
      <c r="IJ4231" s="91"/>
      <c r="IK4231" s="174"/>
    </row>
    <row r="4232" spans="2:245" x14ac:dyDescent="0.2">
      <c r="B4232" s="43"/>
      <c r="C4232" s="73"/>
      <c r="D4232" s="64"/>
      <c r="E4232" s="64"/>
      <c r="F4232" s="55"/>
      <c r="G4232" s="102"/>
      <c r="H4232" s="97"/>
      <c r="T4232" s="98"/>
      <c r="U4232" s="97"/>
      <c r="AG4232" s="98"/>
      <c r="AY4232" s="164"/>
      <c r="BK4232" s="98"/>
      <c r="BL4232" s="97"/>
      <c r="BX4232" s="98"/>
      <c r="CL4232" s="97"/>
      <c r="CX4232" s="98"/>
      <c r="DL4232" s="97"/>
      <c r="DX4232" s="98"/>
      <c r="EL4232" s="97"/>
      <c r="EX4232" s="98"/>
      <c r="EY4232" s="97"/>
      <c r="FL4232" s="126"/>
      <c r="FM4232" s="91"/>
      <c r="FN4232" s="91"/>
      <c r="FO4232" s="91"/>
      <c r="FP4232" s="91"/>
      <c r="FQ4232" s="91"/>
      <c r="FR4232" s="91"/>
      <c r="FS4232" s="91"/>
      <c r="FT4232" s="91"/>
      <c r="FU4232" s="91"/>
      <c r="FV4232" s="91"/>
      <c r="FW4232" s="91"/>
      <c r="FX4232" s="127"/>
      <c r="FY4232" s="126"/>
      <c r="FZ4232" s="91"/>
      <c r="GA4232" s="91"/>
      <c r="GB4232" s="91"/>
      <c r="GC4232" s="91"/>
      <c r="GD4232" s="91"/>
      <c r="GE4232" s="91"/>
      <c r="GF4232" s="91"/>
      <c r="GG4232" s="91"/>
      <c r="GH4232" s="91"/>
      <c r="GI4232" s="91"/>
      <c r="GJ4232" s="91"/>
      <c r="GK4232" s="127"/>
      <c r="GL4232" s="126"/>
      <c r="GM4232" s="91"/>
      <c r="GN4232" s="91"/>
      <c r="GO4232" s="91"/>
      <c r="GP4232" s="91"/>
      <c r="GQ4232" s="91"/>
      <c r="GR4232" s="91"/>
      <c r="GS4232" s="91"/>
      <c r="GT4232" s="91"/>
      <c r="GU4232" s="91"/>
      <c r="GV4232" s="91"/>
      <c r="GW4232" s="91"/>
      <c r="GX4232" s="127"/>
      <c r="GY4232" s="126"/>
      <c r="GZ4232" s="91"/>
      <c r="HA4232" s="91"/>
      <c r="HB4232" s="91"/>
      <c r="HC4232" s="91"/>
      <c r="HD4232" s="91"/>
      <c r="HE4232" s="91"/>
      <c r="HF4232" s="91"/>
      <c r="HG4232" s="91"/>
      <c r="HH4232" s="91"/>
      <c r="HI4232" s="91"/>
      <c r="HJ4232" s="91"/>
      <c r="HK4232" s="127"/>
      <c r="HL4232" s="126"/>
      <c r="HM4232" s="91"/>
      <c r="HN4232" s="91"/>
      <c r="HO4232" s="91"/>
      <c r="HP4232" s="91"/>
      <c r="HQ4232" s="91"/>
      <c r="HR4232" s="91"/>
      <c r="HS4232" s="91"/>
      <c r="HT4232" s="91"/>
      <c r="HU4232" s="91"/>
      <c r="HV4232" s="91"/>
      <c r="HW4232" s="91"/>
      <c r="HX4232" s="127"/>
      <c r="HY4232" s="126"/>
      <c r="HZ4232" s="91"/>
      <c r="IA4232" s="91"/>
      <c r="IB4232" s="91"/>
      <c r="IC4232" s="91"/>
      <c r="ID4232" s="91"/>
      <c r="IE4232" s="91"/>
      <c r="IF4232" s="91"/>
      <c r="IG4232" s="91"/>
      <c r="IH4232" s="91"/>
      <c r="II4232" s="91"/>
      <c r="IJ4232" s="91"/>
      <c r="IK4232" s="174"/>
    </row>
    <row r="4233" spans="2:245" x14ac:dyDescent="0.2">
      <c r="B4233" s="43"/>
      <c r="C4233" s="73"/>
      <c r="D4233" s="64"/>
      <c r="E4233" s="64"/>
      <c r="F4233" s="55"/>
      <c r="G4233" s="102"/>
      <c r="H4233" s="97"/>
      <c r="T4233" s="98"/>
      <c r="U4233" s="97"/>
      <c r="AG4233" s="98"/>
      <c r="AY4233" s="164"/>
      <c r="BK4233" s="98"/>
      <c r="BL4233" s="97"/>
      <c r="BX4233" s="98"/>
      <c r="CL4233" s="97"/>
      <c r="CX4233" s="98"/>
      <c r="DL4233" s="97"/>
      <c r="DX4233" s="98"/>
      <c r="EL4233" s="97"/>
      <c r="EX4233" s="98"/>
      <c r="EY4233" s="97"/>
      <c r="FL4233" s="126"/>
      <c r="FM4233" s="91"/>
      <c r="FN4233" s="91"/>
      <c r="FO4233" s="91"/>
      <c r="FP4233" s="91"/>
      <c r="FQ4233" s="91"/>
      <c r="FR4233" s="91"/>
      <c r="FS4233" s="91"/>
      <c r="FT4233" s="91"/>
      <c r="FU4233" s="91"/>
      <c r="FV4233" s="91"/>
      <c r="FW4233" s="91"/>
      <c r="FX4233" s="127"/>
      <c r="FY4233" s="126"/>
      <c r="FZ4233" s="91"/>
      <c r="GA4233" s="91"/>
      <c r="GB4233" s="91"/>
      <c r="GC4233" s="91"/>
      <c r="GD4233" s="91"/>
      <c r="GE4233" s="91"/>
      <c r="GF4233" s="91"/>
      <c r="GG4233" s="91"/>
      <c r="GH4233" s="91"/>
      <c r="GI4233" s="91"/>
      <c r="GJ4233" s="91"/>
      <c r="GK4233" s="127"/>
      <c r="GL4233" s="126"/>
      <c r="GM4233" s="91"/>
      <c r="GN4233" s="91"/>
      <c r="GO4233" s="91"/>
      <c r="GP4233" s="91"/>
      <c r="GQ4233" s="91"/>
      <c r="GR4233" s="91"/>
      <c r="GS4233" s="91"/>
      <c r="GT4233" s="91"/>
      <c r="GU4233" s="91"/>
      <c r="GV4233" s="91"/>
      <c r="GW4233" s="91"/>
      <c r="GX4233" s="127"/>
      <c r="GY4233" s="126"/>
      <c r="GZ4233" s="91"/>
      <c r="HA4233" s="91"/>
      <c r="HB4233" s="91"/>
      <c r="HC4233" s="91"/>
      <c r="HD4233" s="91"/>
      <c r="HE4233" s="91"/>
      <c r="HF4233" s="91"/>
      <c r="HG4233" s="91"/>
      <c r="HH4233" s="91"/>
      <c r="HI4233" s="91"/>
      <c r="HJ4233" s="91"/>
      <c r="HK4233" s="127"/>
      <c r="HL4233" s="126"/>
      <c r="HM4233" s="91"/>
      <c r="HN4233" s="91"/>
      <c r="HO4233" s="91"/>
      <c r="HP4233" s="91"/>
      <c r="HQ4233" s="91"/>
      <c r="HR4233" s="91"/>
      <c r="HS4233" s="91"/>
      <c r="HT4233" s="91"/>
      <c r="HU4233" s="91"/>
      <c r="HV4233" s="91"/>
      <c r="HW4233" s="91"/>
      <c r="HX4233" s="127"/>
      <c r="HY4233" s="126"/>
      <c r="HZ4233" s="91"/>
      <c r="IA4233" s="91"/>
      <c r="IB4233" s="91"/>
      <c r="IC4233" s="91"/>
      <c r="ID4233" s="91"/>
      <c r="IE4233" s="91"/>
      <c r="IF4233" s="91"/>
      <c r="IG4233" s="91"/>
      <c r="IH4233" s="91"/>
      <c r="II4233" s="91"/>
      <c r="IJ4233" s="91"/>
      <c r="IK4233" s="174"/>
    </row>
    <row r="4234" spans="2:245" x14ac:dyDescent="0.2">
      <c r="B4234" s="43"/>
      <c r="C4234" s="73"/>
      <c r="D4234" s="64"/>
      <c r="E4234" s="64"/>
      <c r="F4234" s="55"/>
      <c r="G4234" s="102"/>
      <c r="H4234" s="97"/>
      <c r="T4234" s="98"/>
      <c r="U4234" s="97"/>
      <c r="AG4234" s="98"/>
      <c r="AY4234" s="164"/>
      <c r="BK4234" s="98"/>
      <c r="BL4234" s="97"/>
      <c r="BX4234" s="98"/>
      <c r="CL4234" s="97"/>
      <c r="CX4234" s="98"/>
      <c r="DL4234" s="97"/>
      <c r="DX4234" s="98"/>
      <c r="EL4234" s="97"/>
      <c r="EX4234" s="98"/>
      <c r="EY4234" s="97"/>
      <c r="FL4234" s="126"/>
      <c r="FM4234" s="91"/>
      <c r="FN4234" s="91"/>
      <c r="FO4234" s="91"/>
      <c r="FP4234" s="91"/>
      <c r="FQ4234" s="91"/>
      <c r="FR4234" s="91"/>
      <c r="FS4234" s="91"/>
      <c r="FT4234" s="91"/>
      <c r="FU4234" s="91"/>
      <c r="FV4234" s="91"/>
      <c r="FW4234" s="91"/>
      <c r="FX4234" s="127"/>
      <c r="FY4234" s="126"/>
      <c r="FZ4234" s="91"/>
      <c r="GA4234" s="91"/>
      <c r="GB4234" s="91"/>
      <c r="GC4234" s="91"/>
      <c r="GD4234" s="91"/>
      <c r="GE4234" s="91"/>
      <c r="GF4234" s="91"/>
      <c r="GG4234" s="91"/>
      <c r="GH4234" s="91"/>
      <c r="GI4234" s="91"/>
      <c r="GJ4234" s="91"/>
      <c r="GK4234" s="127"/>
      <c r="GL4234" s="126"/>
      <c r="GM4234" s="91"/>
      <c r="GN4234" s="91"/>
      <c r="GO4234" s="91"/>
      <c r="GP4234" s="91"/>
      <c r="GQ4234" s="91"/>
      <c r="GR4234" s="91"/>
      <c r="GS4234" s="91"/>
      <c r="GT4234" s="91"/>
      <c r="GU4234" s="91"/>
      <c r="GV4234" s="91"/>
      <c r="GW4234" s="91"/>
      <c r="GX4234" s="127"/>
      <c r="GY4234" s="126"/>
      <c r="GZ4234" s="91"/>
      <c r="HA4234" s="91"/>
      <c r="HB4234" s="91"/>
      <c r="HC4234" s="91"/>
      <c r="HD4234" s="91"/>
      <c r="HE4234" s="91"/>
      <c r="HF4234" s="91"/>
      <c r="HG4234" s="91"/>
      <c r="HH4234" s="91"/>
      <c r="HI4234" s="91"/>
      <c r="HJ4234" s="91"/>
      <c r="HK4234" s="127"/>
      <c r="HL4234" s="126"/>
      <c r="HM4234" s="91"/>
      <c r="HN4234" s="91"/>
      <c r="HO4234" s="91"/>
      <c r="HP4234" s="91"/>
      <c r="HQ4234" s="91"/>
      <c r="HR4234" s="91"/>
      <c r="HS4234" s="91"/>
      <c r="HT4234" s="91"/>
      <c r="HU4234" s="91"/>
      <c r="HV4234" s="91"/>
      <c r="HW4234" s="91"/>
      <c r="HX4234" s="127"/>
      <c r="HY4234" s="126"/>
      <c r="HZ4234" s="91"/>
      <c r="IA4234" s="91"/>
      <c r="IB4234" s="91"/>
      <c r="IC4234" s="91"/>
      <c r="ID4234" s="91"/>
      <c r="IE4234" s="91"/>
      <c r="IF4234" s="91"/>
      <c r="IG4234" s="91"/>
      <c r="IH4234" s="91"/>
      <c r="II4234" s="91"/>
      <c r="IJ4234" s="91"/>
      <c r="IK4234" s="174"/>
    </row>
    <row r="4235" spans="2:245" x14ac:dyDescent="0.2">
      <c r="B4235" s="43"/>
      <c r="C4235" s="73"/>
      <c r="D4235" s="64"/>
      <c r="E4235" s="64"/>
      <c r="F4235" s="55"/>
      <c r="G4235" s="102"/>
      <c r="H4235" s="97"/>
      <c r="T4235" s="98"/>
      <c r="U4235" s="97"/>
      <c r="AG4235" s="98"/>
      <c r="AY4235" s="164"/>
      <c r="BK4235" s="98"/>
      <c r="BL4235" s="97"/>
      <c r="BX4235" s="98"/>
      <c r="CL4235" s="97"/>
      <c r="CX4235" s="98"/>
      <c r="DL4235" s="97"/>
      <c r="DX4235" s="98"/>
      <c r="EL4235" s="97"/>
      <c r="EX4235" s="98"/>
      <c r="EY4235" s="97"/>
      <c r="FL4235" s="126"/>
      <c r="FM4235" s="91"/>
      <c r="FN4235" s="91"/>
      <c r="FO4235" s="91"/>
      <c r="FP4235" s="91"/>
      <c r="FQ4235" s="91"/>
      <c r="FR4235" s="91"/>
      <c r="FS4235" s="91"/>
      <c r="FT4235" s="91"/>
      <c r="FU4235" s="91"/>
      <c r="FV4235" s="91"/>
      <c r="FW4235" s="91"/>
      <c r="FX4235" s="127"/>
      <c r="FY4235" s="126"/>
      <c r="FZ4235" s="91"/>
      <c r="GA4235" s="91"/>
      <c r="GB4235" s="91"/>
      <c r="GC4235" s="91"/>
      <c r="GD4235" s="91"/>
      <c r="GE4235" s="91"/>
      <c r="GF4235" s="91"/>
      <c r="GG4235" s="91"/>
      <c r="GH4235" s="91"/>
      <c r="GI4235" s="91"/>
      <c r="GJ4235" s="91"/>
      <c r="GK4235" s="127"/>
      <c r="GL4235" s="126"/>
      <c r="GM4235" s="91"/>
      <c r="GN4235" s="91"/>
      <c r="GO4235" s="91"/>
      <c r="GP4235" s="91"/>
      <c r="GQ4235" s="91"/>
      <c r="GR4235" s="91"/>
      <c r="GS4235" s="91"/>
      <c r="GT4235" s="91"/>
      <c r="GU4235" s="91"/>
      <c r="GV4235" s="91"/>
      <c r="GW4235" s="91"/>
      <c r="GX4235" s="127"/>
      <c r="GY4235" s="126"/>
      <c r="GZ4235" s="91"/>
      <c r="HA4235" s="91"/>
      <c r="HB4235" s="91"/>
      <c r="HC4235" s="91"/>
      <c r="HD4235" s="91"/>
      <c r="HE4235" s="91"/>
      <c r="HF4235" s="91"/>
      <c r="HG4235" s="91"/>
      <c r="HH4235" s="91"/>
      <c r="HI4235" s="91"/>
      <c r="HJ4235" s="91"/>
      <c r="HK4235" s="127"/>
      <c r="HL4235" s="126"/>
      <c r="HM4235" s="91"/>
      <c r="HN4235" s="91"/>
      <c r="HO4235" s="91"/>
      <c r="HP4235" s="91"/>
      <c r="HQ4235" s="91"/>
      <c r="HR4235" s="91"/>
      <c r="HS4235" s="91"/>
      <c r="HT4235" s="91"/>
      <c r="HU4235" s="91"/>
      <c r="HV4235" s="91"/>
      <c r="HW4235" s="91"/>
      <c r="HX4235" s="127"/>
      <c r="HY4235" s="126"/>
      <c r="HZ4235" s="91"/>
      <c r="IA4235" s="91"/>
      <c r="IB4235" s="91"/>
      <c r="IC4235" s="91"/>
      <c r="ID4235" s="91"/>
      <c r="IE4235" s="91"/>
      <c r="IF4235" s="91"/>
      <c r="IG4235" s="91"/>
      <c r="IH4235" s="91"/>
      <c r="II4235" s="91"/>
      <c r="IJ4235" s="91"/>
      <c r="IK4235" s="174"/>
    </row>
    <row r="4236" spans="2:245" x14ac:dyDescent="0.2">
      <c r="B4236" s="43"/>
      <c r="C4236" s="73"/>
      <c r="D4236" s="64"/>
      <c r="E4236" s="64"/>
      <c r="F4236" s="55"/>
      <c r="G4236" s="102"/>
      <c r="H4236" s="97"/>
      <c r="T4236" s="98"/>
      <c r="U4236" s="97"/>
      <c r="AG4236" s="98"/>
      <c r="AY4236" s="164"/>
      <c r="BK4236" s="98"/>
      <c r="BL4236" s="97"/>
      <c r="BX4236" s="98"/>
      <c r="CL4236" s="97"/>
      <c r="CX4236" s="98"/>
      <c r="DL4236" s="97"/>
      <c r="DX4236" s="98"/>
      <c r="EL4236" s="97"/>
      <c r="EX4236" s="98"/>
      <c r="EY4236" s="97"/>
      <c r="FL4236" s="126"/>
      <c r="FM4236" s="91"/>
      <c r="FN4236" s="91"/>
      <c r="FO4236" s="91"/>
      <c r="FP4236" s="91"/>
      <c r="FQ4236" s="91"/>
      <c r="FR4236" s="91"/>
      <c r="FS4236" s="91"/>
      <c r="FT4236" s="91"/>
      <c r="FU4236" s="91"/>
      <c r="FV4236" s="91"/>
      <c r="FW4236" s="91"/>
      <c r="FX4236" s="127"/>
      <c r="FY4236" s="126"/>
      <c r="FZ4236" s="91"/>
      <c r="GA4236" s="91"/>
      <c r="GB4236" s="91"/>
      <c r="GC4236" s="91"/>
      <c r="GD4236" s="91"/>
      <c r="GE4236" s="91"/>
      <c r="GF4236" s="91"/>
      <c r="GG4236" s="91"/>
      <c r="GH4236" s="91"/>
      <c r="GI4236" s="91"/>
      <c r="GJ4236" s="91"/>
      <c r="GK4236" s="127"/>
      <c r="GL4236" s="126"/>
      <c r="GM4236" s="91"/>
      <c r="GN4236" s="91"/>
      <c r="GO4236" s="91"/>
      <c r="GP4236" s="91"/>
      <c r="GQ4236" s="91"/>
      <c r="GR4236" s="91"/>
      <c r="GS4236" s="91"/>
      <c r="GT4236" s="91"/>
      <c r="GU4236" s="91"/>
      <c r="GV4236" s="91"/>
      <c r="GW4236" s="91"/>
      <c r="GX4236" s="127"/>
      <c r="GY4236" s="126"/>
      <c r="GZ4236" s="91"/>
      <c r="HA4236" s="91"/>
      <c r="HB4236" s="91"/>
      <c r="HC4236" s="91"/>
      <c r="HD4236" s="91"/>
      <c r="HE4236" s="91"/>
      <c r="HF4236" s="91"/>
      <c r="HG4236" s="91"/>
      <c r="HH4236" s="91"/>
      <c r="HI4236" s="91"/>
      <c r="HJ4236" s="91"/>
      <c r="HK4236" s="127"/>
      <c r="HL4236" s="126"/>
      <c r="HM4236" s="91"/>
      <c r="HN4236" s="91"/>
      <c r="HO4236" s="91"/>
      <c r="HP4236" s="91"/>
      <c r="HQ4236" s="91"/>
      <c r="HR4236" s="91"/>
      <c r="HS4236" s="91"/>
      <c r="HT4236" s="91"/>
      <c r="HU4236" s="91"/>
      <c r="HV4236" s="91"/>
      <c r="HW4236" s="91"/>
      <c r="HX4236" s="127"/>
      <c r="HY4236" s="126"/>
      <c r="HZ4236" s="91"/>
      <c r="IA4236" s="91"/>
      <c r="IB4236" s="91"/>
      <c r="IC4236" s="91"/>
      <c r="ID4236" s="91"/>
      <c r="IE4236" s="91"/>
      <c r="IF4236" s="91"/>
      <c r="IG4236" s="91"/>
      <c r="IH4236" s="91"/>
      <c r="II4236" s="91"/>
      <c r="IJ4236" s="91"/>
      <c r="IK4236" s="174"/>
    </row>
    <row r="4237" spans="2:245" x14ac:dyDescent="0.2">
      <c r="B4237" s="43"/>
      <c r="C4237" s="73"/>
      <c r="D4237" s="64"/>
      <c r="E4237" s="64"/>
      <c r="F4237" s="55"/>
      <c r="G4237" s="102"/>
      <c r="H4237" s="97"/>
      <c r="T4237" s="98"/>
      <c r="U4237" s="97"/>
      <c r="AG4237" s="98"/>
      <c r="AY4237" s="164"/>
      <c r="BK4237" s="98"/>
      <c r="BL4237" s="97"/>
      <c r="BX4237" s="98"/>
      <c r="CL4237" s="97"/>
      <c r="CX4237" s="98"/>
      <c r="DL4237" s="97"/>
      <c r="DX4237" s="98"/>
      <c r="EL4237" s="97"/>
      <c r="EX4237" s="98"/>
      <c r="EY4237" s="97"/>
      <c r="FL4237" s="126"/>
      <c r="FM4237" s="91"/>
      <c r="FN4237" s="91"/>
      <c r="FO4237" s="91"/>
      <c r="FP4237" s="91"/>
      <c r="FQ4237" s="91"/>
      <c r="FR4237" s="91"/>
      <c r="FS4237" s="91"/>
      <c r="FT4237" s="91"/>
      <c r="FU4237" s="91"/>
      <c r="FV4237" s="91"/>
      <c r="FW4237" s="91"/>
      <c r="FX4237" s="127"/>
      <c r="FY4237" s="126"/>
      <c r="FZ4237" s="91"/>
      <c r="GA4237" s="91"/>
      <c r="GB4237" s="91"/>
      <c r="GC4237" s="91"/>
      <c r="GD4237" s="91"/>
      <c r="GE4237" s="91"/>
      <c r="GF4237" s="91"/>
      <c r="GG4237" s="91"/>
      <c r="GH4237" s="91"/>
      <c r="GI4237" s="91"/>
      <c r="GJ4237" s="91"/>
      <c r="GK4237" s="127"/>
      <c r="GL4237" s="126"/>
      <c r="GM4237" s="91"/>
      <c r="GN4237" s="91"/>
      <c r="GO4237" s="91"/>
      <c r="GP4237" s="91"/>
      <c r="GQ4237" s="91"/>
      <c r="GR4237" s="91"/>
      <c r="GS4237" s="91"/>
      <c r="GT4237" s="91"/>
      <c r="GU4237" s="91"/>
      <c r="GV4237" s="91"/>
      <c r="GW4237" s="91"/>
      <c r="GX4237" s="127"/>
      <c r="GY4237" s="126"/>
      <c r="GZ4237" s="91"/>
      <c r="HA4237" s="91"/>
      <c r="HB4237" s="91"/>
      <c r="HC4237" s="91"/>
      <c r="HD4237" s="91"/>
      <c r="HE4237" s="91"/>
      <c r="HF4237" s="91"/>
      <c r="HG4237" s="91"/>
      <c r="HH4237" s="91"/>
      <c r="HI4237" s="91"/>
      <c r="HJ4237" s="91"/>
      <c r="HK4237" s="127"/>
      <c r="HL4237" s="126"/>
      <c r="HM4237" s="91"/>
      <c r="HN4237" s="91"/>
      <c r="HO4237" s="91"/>
      <c r="HP4237" s="91"/>
      <c r="HQ4237" s="91"/>
      <c r="HR4237" s="91"/>
      <c r="HS4237" s="91"/>
      <c r="HT4237" s="91"/>
      <c r="HU4237" s="91"/>
      <c r="HV4237" s="91"/>
      <c r="HW4237" s="91"/>
      <c r="HX4237" s="127"/>
      <c r="HY4237" s="126"/>
      <c r="HZ4237" s="91"/>
      <c r="IA4237" s="91"/>
      <c r="IB4237" s="91"/>
      <c r="IC4237" s="91"/>
      <c r="ID4237" s="91"/>
      <c r="IE4237" s="91"/>
      <c r="IF4237" s="91"/>
      <c r="IG4237" s="91"/>
      <c r="IH4237" s="91"/>
      <c r="II4237" s="91"/>
      <c r="IJ4237" s="91"/>
      <c r="IK4237" s="174"/>
    </row>
    <row r="4238" spans="2:245" x14ac:dyDescent="0.2">
      <c r="B4238" s="43"/>
      <c r="C4238" s="73"/>
      <c r="D4238" s="64"/>
      <c r="E4238" s="64"/>
      <c r="F4238" s="55"/>
      <c r="G4238" s="102"/>
      <c r="H4238" s="97"/>
      <c r="T4238" s="98"/>
      <c r="U4238" s="97"/>
      <c r="AG4238" s="98"/>
      <c r="AY4238" s="164"/>
      <c r="BK4238" s="98"/>
      <c r="BL4238" s="97"/>
      <c r="BX4238" s="98"/>
      <c r="CL4238" s="97"/>
      <c r="CX4238" s="98"/>
      <c r="DL4238" s="97"/>
      <c r="DX4238" s="98"/>
      <c r="EL4238" s="97"/>
      <c r="EX4238" s="98"/>
      <c r="EY4238" s="97"/>
      <c r="FL4238" s="126"/>
      <c r="FM4238" s="91"/>
      <c r="FN4238" s="91"/>
      <c r="FO4238" s="91"/>
      <c r="FP4238" s="91"/>
      <c r="FQ4238" s="91"/>
      <c r="FR4238" s="91"/>
      <c r="FS4238" s="91"/>
      <c r="FT4238" s="91"/>
      <c r="FU4238" s="91"/>
      <c r="FV4238" s="91"/>
      <c r="FW4238" s="91"/>
      <c r="FX4238" s="127"/>
      <c r="FY4238" s="126"/>
      <c r="FZ4238" s="91"/>
      <c r="GA4238" s="91"/>
      <c r="GB4238" s="91"/>
      <c r="GC4238" s="91"/>
      <c r="GD4238" s="91"/>
      <c r="GE4238" s="91"/>
      <c r="GF4238" s="91"/>
      <c r="GG4238" s="91"/>
      <c r="GH4238" s="91"/>
      <c r="GI4238" s="91"/>
      <c r="GJ4238" s="91"/>
      <c r="GK4238" s="127"/>
      <c r="GL4238" s="126"/>
      <c r="GM4238" s="91"/>
      <c r="GN4238" s="91"/>
      <c r="GO4238" s="91"/>
      <c r="GP4238" s="91"/>
      <c r="GQ4238" s="91"/>
      <c r="GR4238" s="91"/>
      <c r="GS4238" s="91"/>
      <c r="GT4238" s="91"/>
      <c r="GU4238" s="91"/>
      <c r="GV4238" s="91"/>
      <c r="GW4238" s="91"/>
      <c r="GX4238" s="127"/>
      <c r="GY4238" s="126"/>
      <c r="GZ4238" s="91"/>
      <c r="HA4238" s="91"/>
      <c r="HB4238" s="91"/>
      <c r="HC4238" s="91"/>
      <c r="HD4238" s="91"/>
      <c r="HE4238" s="91"/>
      <c r="HF4238" s="91"/>
      <c r="HG4238" s="91"/>
      <c r="HH4238" s="91"/>
      <c r="HI4238" s="91"/>
      <c r="HJ4238" s="91"/>
      <c r="HK4238" s="127"/>
      <c r="HL4238" s="126"/>
      <c r="HM4238" s="91"/>
      <c r="HN4238" s="91"/>
      <c r="HO4238" s="91"/>
      <c r="HP4238" s="91"/>
      <c r="HQ4238" s="91"/>
      <c r="HR4238" s="91"/>
      <c r="HS4238" s="91"/>
      <c r="HT4238" s="91"/>
      <c r="HU4238" s="91"/>
      <c r="HV4238" s="91"/>
      <c r="HW4238" s="91"/>
      <c r="HX4238" s="127"/>
      <c r="HY4238" s="126"/>
      <c r="HZ4238" s="91"/>
      <c r="IA4238" s="91"/>
      <c r="IB4238" s="91"/>
      <c r="IC4238" s="91"/>
      <c r="ID4238" s="91"/>
      <c r="IE4238" s="91"/>
      <c r="IF4238" s="91"/>
      <c r="IG4238" s="91"/>
      <c r="IH4238" s="91"/>
      <c r="II4238" s="91"/>
      <c r="IJ4238" s="91"/>
      <c r="IK4238" s="174"/>
    </row>
    <row r="4239" spans="2:245" x14ac:dyDescent="0.2">
      <c r="B4239" s="43"/>
      <c r="C4239" s="73"/>
      <c r="D4239" s="64"/>
      <c r="E4239" s="64"/>
      <c r="F4239" s="55"/>
      <c r="G4239" s="102"/>
      <c r="H4239" s="97"/>
      <c r="T4239" s="98"/>
      <c r="U4239" s="97"/>
      <c r="AG4239" s="98"/>
      <c r="AY4239" s="164"/>
      <c r="BK4239" s="98"/>
      <c r="BL4239" s="97"/>
      <c r="BX4239" s="98"/>
      <c r="CL4239" s="97"/>
      <c r="CX4239" s="98"/>
      <c r="DL4239" s="97"/>
      <c r="DX4239" s="98"/>
      <c r="EL4239" s="97"/>
      <c r="EX4239" s="98"/>
      <c r="EY4239" s="97"/>
      <c r="FL4239" s="126"/>
      <c r="FM4239" s="91"/>
      <c r="FN4239" s="91"/>
      <c r="FO4239" s="91"/>
      <c r="FP4239" s="91"/>
      <c r="FQ4239" s="91"/>
      <c r="FR4239" s="91"/>
      <c r="FS4239" s="91"/>
      <c r="FT4239" s="91"/>
      <c r="FU4239" s="91"/>
      <c r="FV4239" s="91"/>
      <c r="FW4239" s="91"/>
      <c r="FX4239" s="127"/>
      <c r="FY4239" s="126"/>
      <c r="FZ4239" s="91"/>
      <c r="GA4239" s="91"/>
      <c r="GB4239" s="91"/>
      <c r="GC4239" s="91"/>
      <c r="GD4239" s="91"/>
      <c r="GE4239" s="91"/>
      <c r="GF4239" s="91"/>
      <c r="GG4239" s="91"/>
      <c r="GH4239" s="91"/>
      <c r="GI4239" s="91"/>
      <c r="GJ4239" s="91"/>
      <c r="GK4239" s="127"/>
      <c r="GL4239" s="126"/>
      <c r="GM4239" s="91"/>
      <c r="GN4239" s="91"/>
      <c r="GO4239" s="91"/>
      <c r="GP4239" s="91"/>
      <c r="GQ4239" s="91"/>
      <c r="GR4239" s="91"/>
      <c r="GS4239" s="91"/>
      <c r="GT4239" s="91"/>
      <c r="GU4239" s="91"/>
      <c r="GV4239" s="91"/>
      <c r="GW4239" s="91"/>
      <c r="GX4239" s="127"/>
      <c r="GY4239" s="126"/>
      <c r="GZ4239" s="91"/>
      <c r="HA4239" s="91"/>
      <c r="HB4239" s="91"/>
      <c r="HC4239" s="91"/>
      <c r="HD4239" s="91"/>
      <c r="HE4239" s="91"/>
      <c r="HF4239" s="91"/>
      <c r="HG4239" s="91"/>
      <c r="HH4239" s="91"/>
      <c r="HI4239" s="91"/>
      <c r="HJ4239" s="91"/>
      <c r="HK4239" s="127"/>
      <c r="HL4239" s="126"/>
      <c r="HM4239" s="91"/>
      <c r="HN4239" s="91"/>
      <c r="HO4239" s="91"/>
      <c r="HP4239" s="91"/>
      <c r="HQ4239" s="91"/>
      <c r="HR4239" s="91"/>
      <c r="HS4239" s="91"/>
      <c r="HT4239" s="91"/>
      <c r="HU4239" s="91"/>
      <c r="HV4239" s="91"/>
      <c r="HW4239" s="91"/>
      <c r="HX4239" s="127"/>
      <c r="HY4239" s="126"/>
      <c r="HZ4239" s="91"/>
      <c r="IA4239" s="91"/>
      <c r="IB4239" s="91"/>
      <c r="IC4239" s="91"/>
      <c r="ID4239" s="91"/>
      <c r="IE4239" s="91"/>
      <c r="IF4239" s="91"/>
      <c r="IG4239" s="91"/>
      <c r="IH4239" s="91"/>
      <c r="II4239" s="91"/>
      <c r="IJ4239" s="91"/>
      <c r="IK4239" s="174"/>
    </row>
    <row r="4240" spans="2:245" x14ac:dyDescent="0.2">
      <c r="B4240" s="43"/>
      <c r="C4240" s="73"/>
      <c r="D4240" s="64"/>
      <c r="E4240" s="64"/>
      <c r="F4240" s="55"/>
      <c r="G4240" s="102"/>
      <c r="H4240" s="97"/>
      <c r="T4240" s="98"/>
      <c r="U4240" s="97"/>
      <c r="AG4240" s="98"/>
      <c r="AY4240" s="164"/>
      <c r="BK4240" s="98"/>
      <c r="BL4240" s="97"/>
      <c r="BX4240" s="98"/>
      <c r="CL4240" s="97"/>
      <c r="CX4240" s="98"/>
      <c r="DL4240" s="97"/>
      <c r="DX4240" s="98"/>
      <c r="EL4240" s="97"/>
      <c r="EX4240" s="98"/>
      <c r="EY4240" s="97"/>
      <c r="FL4240" s="126"/>
      <c r="FM4240" s="91"/>
      <c r="FN4240" s="91"/>
      <c r="FO4240" s="91"/>
      <c r="FP4240" s="91"/>
      <c r="FQ4240" s="91"/>
      <c r="FR4240" s="91"/>
      <c r="FS4240" s="91"/>
      <c r="FT4240" s="91"/>
      <c r="FU4240" s="91"/>
      <c r="FV4240" s="91"/>
      <c r="FW4240" s="91"/>
      <c r="FX4240" s="127"/>
      <c r="FY4240" s="126"/>
      <c r="FZ4240" s="91"/>
      <c r="GA4240" s="91"/>
      <c r="GB4240" s="91"/>
      <c r="GC4240" s="91"/>
      <c r="GD4240" s="91"/>
      <c r="GE4240" s="91"/>
      <c r="GF4240" s="91"/>
      <c r="GG4240" s="91"/>
      <c r="GH4240" s="91"/>
      <c r="GI4240" s="91"/>
      <c r="GJ4240" s="91"/>
      <c r="GK4240" s="127"/>
      <c r="GL4240" s="126"/>
      <c r="GM4240" s="91"/>
      <c r="GN4240" s="91"/>
      <c r="GO4240" s="91"/>
      <c r="GP4240" s="91"/>
      <c r="GQ4240" s="91"/>
      <c r="GR4240" s="91"/>
      <c r="GS4240" s="91"/>
      <c r="GT4240" s="91"/>
      <c r="GU4240" s="91"/>
      <c r="GV4240" s="91"/>
      <c r="GW4240" s="91"/>
      <c r="GX4240" s="127"/>
      <c r="GY4240" s="126"/>
      <c r="GZ4240" s="91"/>
      <c r="HA4240" s="91"/>
      <c r="HB4240" s="91"/>
      <c r="HC4240" s="91"/>
      <c r="HD4240" s="91"/>
      <c r="HE4240" s="91"/>
      <c r="HF4240" s="91"/>
      <c r="HG4240" s="91"/>
      <c r="HH4240" s="91"/>
      <c r="HI4240" s="91"/>
      <c r="HJ4240" s="91"/>
      <c r="HK4240" s="127"/>
      <c r="HL4240" s="126"/>
      <c r="HM4240" s="91"/>
      <c r="HN4240" s="91"/>
      <c r="HO4240" s="91"/>
      <c r="HP4240" s="91"/>
      <c r="HQ4240" s="91"/>
      <c r="HR4240" s="91"/>
      <c r="HS4240" s="91"/>
      <c r="HT4240" s="91"/>
      <c r="HU4240" s="91"/>
      <c r="HV4240" s="91"/>
      <c r="HW4240" s="91"/>
      <c r="HX4240" s="127"/>
      <c r="HY4240" s="126"/>
      <c r="HZ4240" s="91"/>
      <c r="IA4240" s="91"/>
      <c r="IB4240" s="91"/>
      <c r="IC4240" s="91"/>
      <c r="ID4240" s="91"/>
      <c r="IE4240" s="91"/>
      <c r="IF4240" s="91"/>
      <c r="IG4240" s="91"/>
      <c r="IH4240" s="91"/>
      <c r="II4240" s="91"/>
      <c r="IJ4240" s="91"/>
      <c r="IK4240" s="174"/>
    </row>
    <row r="4241" spans="2:245" x14ac:dyDescent="0.2">
      <c r="B4241" s="43"/>
      <c r="C4241" s="73"/>
      <c r="D4241" s="64"/>
      <c r="E4241" s="64"/>
      <c r="F4241" s="55"/>
      <c r="G4241" s="102"/>
      <c r="H4241" s="97"/>
      <c r="T4241" s="98"/>
      <c r="U4241" s="97"/>
      <c r="AG4241" s="98"/>
      <c r="AY4241" s="164"/>
      <c r="BK4241" s="98"/>
      <c r="BL4241" s="97"/>
      <c r="BX4241" s="98"/>
      <c r="CL4241" s="97"/>
      <c r="CX4241" s="98"/>
      <c r="DL4241" s="97"/>
      <c r="DX4241" s="98"/>
      <c r="EL4241" s="97"/>
      <c r="EX4241" s="98"/>
      <c r="EY4241" s="97"/>
      <c r="FL4241" s="126"/>
      <c r="FM4241" s="91"/>
      <c r="FN4241" s="91"/>
      <c r="FO4241" s="91"/>
      <c r="FP4241" s="91"/>
      <c r="FQ4241" s="91"/>
      <c r="FR4241" s="91"/>
      <c r="FS4241" s="91"/>
      <c r="FT4241" s="91"/>
      <c r="FU4241" s="91"/>
      <c r="FV4241" s="91"/>
      <c r="FW4241" s="91"/>
      <c r="FX4241" s="127"/>
      <c r="FY4241" s="126"/>
      <c r="FZ4241" s="91"/>
      <c r="GA4241" s="91"/>
      <c r="GB4241" s="91"/>
      <c r="GC4241" s="91"/>
      <c r="GD4241" s="91"/>
      <c r="GE4241" s="91"/>
      <c r="GF4241" s="91"/>
      <c r="GG4241" s="91"/>
      <c r="GH4241" s="91"/>
      <c r="GI4241" s="91"/>
      <c r="GJ4241" s="91"/>
      <c r="GK4241" s="127"/>
      <c r="GL4241" s="126"/>
      <c r="GM4241" s="91"/>
      <c r="GN4241" s="91"/>
      <c r="GO4241" s="91"/>
      <c r="GP4241" s="91"/>
      <c r="GQ4241" s="91"/>
      <c r="GR4241" s="91"/>
      <c r="GS4241" s="91"/>
      <c r="GT4241" s="91"/>
      <c r="GU4241" s="91"/>
      <c r="GV4241" s="91"/>
      <c r="GW4241" s="91"/>
      <c r="GX4241" s="127"/>
      <c r="GY4241" s="126"/>
      <c r="GZ4241" s="91"/>
      <c r="HA4241" s="91"/>
      <c r="HB4241" s="91"/>
      <c r="HC4241" s="91"/>
      <c r="HD4241" s="91"/>
      <c r="HE4241" s="91"/>
      <c r="HF4241" s="91"/>
      <c r="HG4241" s="91"/>
      <c r="HH4241" s="91"/>
      <c r="HI4241" s="91"/>
      <c r="HJ4241" s="91"/>
      <c r="HK4241" s="127"/>
      <c r="HL4241" s="126"/>
      <c r="HM4241" s="91"/>
      <c r="HN4241" s="91"/>
      <c r="HO4241" s="91"/>
      <c r="HP4241" s="91"/>
      <c r="HQ4241" s="91"/>
      <c r="HR4241" s="91"/>
      <c r="HS4241" s="91"/>
      <c r="HT4241" s="91"/>
      <c r="HU4241" s="91"/>
      <c r="HV4241" s="91"/>
      <c r="HW4241" s="91"/>
      <c r="HX4241" s="127"/>
      <c r="HY4241" s="126"/>
      <c r="HZ4241" s="91"/>
      <c r="IA4241" s="91"/>
      <c r="IB4241" s="91"/>
      <c r="IC4241" s="91"/>
      <c r="ID4241" s="91"/>
      <c r="IE4241" s="91"/>
      <c r="IF4241" s="91"/>
      <c r="IG4241" s="91"/>
      <c r="IH4241" s="91"/>
      <c r="II4241" s="91"/>
      <c r="IJ4241" s="91"/>
      <c r="IK4241" s="174"/>
    </row>
    <row r="4242" spans="2:245" x14ac:dyDescent="0.2">
      <c r="B4242" s="43"/>
      <c r="C4242" s="73"/>
      <c r="D4242" s="64"/>
      <c r="E4242" s="64"/>
      <c r="F4242" s="55"/>
      <c r="G4242" s="102"/>
      <c r="H4242" s="97"/>
      <c r="T4242" s="98"/>
      <c r="U4242" s="97"/>
      <c r="AG4242" s="98"/>
      <c r="AY4242" s="164"/>
      <c r="BK4242" s="98"/>
      <c r="BL4242" s="97"/>
      <c r="BX4242" s="98"/>
      <c r="CL4242" s="97"/>
      <c r="CX4242" s="98"/>
      <c r="DL4242" s="97"/>
      <c r="DX4242" s="98"/>
      <c r="EL4242" s="97"/>
      <c r="EX4242" s="98"/>
      <c r="EY4242" s="97"/>
      <c r="FL4242" s="126"/>
      <c r="FM4242" s="91"/>
      <c r="FN4242" s="91"/>
      <c r="FO4242" s="91"/>
      <c r="FP4242" s="91"/>
      <c r="FQ4242" s="91"/>
      <c r="FR4242" s="91"/>
      <c r="FS4242" s="91"/>
      <c r="FT4242" s="91"/>
      <c r="FU4242" s="91"/>
      <c r="FV4242" s="91"/>
      <c r="FW4242" s="91"/>
      <c r="FX4242" s="127"/>
      <c r="FY4242" s="126"/>
      <c r="FZ4242" s="91"/>
      <c r="GA4242" s="91"/>
      <c r="GB4242" s="91"/>
      <c r="GC4242" s="91"/>
      <c r="GD4242" s="91"/>
      <c r="GE4242" s="91"/>
      <c r="GF4242" s="91"/>
      <c r="GG4242" s="91"/>
      <c r="GH4242" s="91"/>
      <c r="GI4242" s="91"/>
      <c r="GJ4242" s="91"/>
      <c r="GK4242" s="127"/>
      <c r="GL4242" s="126"/>
      <c r="GM4242" s="91"/>
      <c r="GN4242" s="91"/>
      <c r="GO4242" s="91"/>
      <c r="GP4242" s="91"/>
      <c r="GQ4242" s="91"/>
      <c r="GR4242" s="91"/>
      <c r="GS4242" s="91"/>
      <c r="GT4242" s="91"/>
      <c r="GU4242" s="91"/>
      <c r="GV4242" s="91"/>
      <c r="GW4242" s="91"/>
      <c r="GX4242" s="127"/>
      <c r="GY4242" s="126"/>
      <c r="GZ4242" s="91"/>
      <c r="HA4242" s="91"/>
      <c r="HB4242" s="91"/>
      <c r="HC4242" s="91"/>
      <c r="HD4242" s="91"/>
      <c r="HE4242" s="91"/>
      <c r="HF4242" s="91"/>
      <c r="HG4242" s="91"/>
      <c r="HH4242" s="91"/>
      <c r="HI4242" s="91"/>
      <c r="HJ4242" s="91"/>
      <c r="HK4242" s="127"/>
      <c r="HL4242" s="126"/>
      <c r="HM4242" s="91"/>
      <c r="HN4242" s="91"/>
      <c r="HO4242" s="91"/>
      <c r="HP4242" s="91"/>
      <c r="HQ4242" s="91"/>
      <c r="HR4242" s="91"/>
      <c r="HS4242" s="91"/>
      <c r="HT4242" s="91"/>
      <c r="HU4242" s="91"/>
      <c r="HV4242" s="91"/>
      <c r="HW4242" s="91"/>
      <c r="HX4242" s="127"/>
      <c r="HY4242" s="126"/>
      <c r="HZ4242" s="91"/>
      <c r="IA4242" s="91"/>
      <c r="IB4242" s="91"/>
      <c r="IC4242" s="91"/>
      <c r="ID4242" s="91"/>
      <c r="IE4242" s="91"/>
      <c r="IF4242" s="91"/>
      <c r="IG4242" s="91"/>
      <c r="IH4242" s="91"/>
      <c r="II4242" s="91"/>
      <c r="IJ4242" s="91"/>
      <c r="IK4242" s="174"/>
    </row>
    <row r="4243" spans="2:245" x14ac:dyDescent="0.2">
      <c r="B4243" s="43"/>
      <c r="C4243" s="73"/>
      <c r="D4243" s="64"/>
      <c r="E4243" s="64"/>
      <c r="F4243" s="55"/>
      <c r="G4243" s="102"/>
      <c r="H4243" s="97"/>
      <c r="T4243" s="98"/>
      <c r="U4243" s="97"/>
      <c r="AG4243" s="98"/>
      <c r="AY4243" s="164"/>
      <c r="BK4243" s="98"/>
      <c r="BL4243" s="97"/>
      <c r="BX4243" s="98"/>
      <c r="CL4243" s="97"/>
      <c r="CX4243" s="98"/>
      <c r="DL4243" s="97"/>
      <c r="DX4243" s="98"/>
      <c r="EL4243" s="97"/>
      <c r="EX4243" s="98"/>
      <c r="EY4243" s="97"/>
      <c r="FL4243" s="126"/>
      <c r="FM4243" s="91"/>
      <c r="FN4243" s="91"/>
      <c r="FO4243" s="91"/>
      <c r="FP4243" s="91"/>
      <c r="FQ4243" s="91"/>
      <c r="FR4243" s="91"/>
      <c r="FS4243" s="91"/>
      <c r="FT4243" s="91"/>
      <c r="FU4243" s="91"/>
      <c r="FV4243" s="91"/>
      <c r="FW4243" s="91"/>
      <c r="FX4243" s="127"/>
      <c r="FY4243" s="126"/>
      <c r="FZ4243" s="91"/>
      <c r="GA4243" s="91"/>
      <c r="GB4243" s="91"/>
      <c r="GC4243" s="91"/>
      <c r="GD4243" s="91"/>
      <c r="GE4243" s="91"/>
      <c r="GF4243" s="91"/>
      <c r="GG4243" s="91"/>
      <c r="GH4243" s="91"/>
      <c r="GI4243" s="91"/>
      <c r="GJ4243" s="91"/>
      <c r="GK4243" s="127"/>
      <c r="GL4243" s="126"/>
      <c r="GM4243" s="91"/>
      <c r="GN4243" s="91"/>
      <c r="GO4243" s="91"/>
      <c r="GP4243" s="91"/>
      <c r="GQ4243" s="91"/>
      <c r="GR4243" s="91"/>
      <c r="GS4243" s="91"/>
      <c r="GT4243" s="91"/>
      <c r="GU4243" s="91"/>
      <c r="GV4243" s="91"/>
      <c r="GW4243" s="91"/>
      <c r="GX4243" s="127"/>
      <c r="GY4243" s="126"/>
      <c r="GZ4243" s="91"/>
      <c r="HA4243" s="91"/>
      <c r="HB4243" s="91"/>
      <c r="HC4243" s="91"/>
      <c r="HD4243" s="91"/>
      <c r="HE4243" s="91"/>
      <c r="HF4243" s="91"/>
      <c r="HG4243" s="91"/>
      <c r="HH4243" s="91"/>
      <c r="HI4243" s="91"/>
      <c r="HJ4243" s="91"/>
      <c r="HK4243" s="127"/>
      <c r="HL4243" s="126"/>
      <c r="HM4243" s="91"/>
      <c r="HN4243" s="91"/>
      <c r="HO4243" s="91"/>
      <c r="HP4243" s="91"/>
      <c r="HQ4243" s="91"/>
      <c r="HR4243" s="91"/>
      <c r="HS4243" s="91"/>
      <c r="HT4243" s="91"/>
      <c r="HU4243" s="91"/>
      <c r="HV4243" s="91"/>
      <c r="HW4243" s="91"/>
      <c r="HX4243" s="127"/>
      <c r="HY4243" s="126"/>
      <c r="HZ4243" s="91"/>
      <c r="IA4243" s="91"/>
      <c r="IB4243" s="91"/>
      <c r="IC4243" s="91"/>
      <c r="ID4243" s="91"/>
      <c r="IE4243" s="91"/>
      <c r="IF4243" s="91"/>
      <c r="IG4243" s="91"/>
      <c r="IH4243" s="91"/>
      <c r="II4243" s="91"/>
      <c r="IJ4243" s="91"/>
      <c r="IK4243" s="174"/>
    </row>
    <row r="4244" spans="2:245" x14ac:dyDescent="0.2">
      <c r="B4244" s="43"/>
      <c r="C4244" s="73"/>
      <c r="D4244" s="64"/>
      <c r="E4244" s="64"/>
      <c r="F4244" s="55"/>
      <c r="G4244" s="102"/>
      <c r="H4244" s="97"/>
      <c r="T4244" s="98"/>
      <c r="U4244" s="97"/>
      <c r="AG4244" s="98"/>
      <c r="AY4244" s="164"/>
      <c r="BK4244" s="98"/>
      <c r="BL4244" s="97"/>
      <c r="BX4244" s="98"/>
      <c r="CL4244" s="97"/>
      <c r="CX4244" s="98"/>
      <c r="DL4244" s="97"/>
      <c r="DX4244" s="98"/>
      <c r="EL4244" s="97"/>
      <c r="EX4244" s="98"/>
      <c r="EY4244" s="97"/>
      <c r="FL4244" s="126"/>
      <c r="FM4244" s="91"/>
      <c r="FN4244" s="91"/>
      <c r="FO4244" s="91"/>
      <c r="FP4244" s="91"/>
      <c r="FQ4244" s="91"/>
      <c r="FR4244" s="91"/>
      <c r="FS4244" s="91"/>
      <c r="FT4244" s="91"/>
      <c r="FU4244" s="91"/>
      <c r="FV4244" s="91"/>
      <c r="FW4244" s="91"/>
      <c r="FX4244" s="127"/>
      <c r="FY4244" s="126"/>
      <c r="FZ4244" s="91"/>
      <c r="GA4244" s="91"/>
      <c r="GB4244" s="91"/>
      <c r="GC4244" s="91"/>
      <c r="GD4244" s="91"/>
      <c r="GE4244" s="91"/>
      <c r="GF4244" s="91"/>
      <c r="GG4244" s="91"/>
      <c r="GH4244" s="91"/>
      <c r="GI4244" s="91"/>
      <c r="GJ4244" s="91"/>
      <c r="GK4244" s="127"/>
      <c r="GL4244" s="126"/>
      <c r="GM4244" s="91"/>
      <c r="GN4244" s="91"/>
      <c r="GO4244" s="91"/>
      <c r="GP4244" s="91"/>
      <c r="GQ4244" s="91"/>
      <c r="GR4244" s="91"/>
      <c r="GS4244" s="91"/>
      <c r="GT4244" s="91"/>
      <c r="GU4244" s="91"/>
      <c r="GV4244" s="91"/>
      <c r="GW4244" s="91"/>
      <c r="GX4244" s="127"/>
      <c r="GY4244" s="126"/>
      <c r="GZ4244" s="91"/>
      <c r="HA4244" s="91"/>
      <c r="HB4244" s="91"/>
      <c r="HC4244" s="91"/>
      <c r="HD4244" s="91"/>
      <c r="HE4244" s="91"/>
      <c r="HF4244" s="91"/>
      <c r="HG4244" s="91"/>
      <c r="HH4244" s="91"/>
      <c r="HI4244" s="91"/>
      <c r="HJ4244" s="91"/>
      <c r="HK4244" s="127"/>
      <c r="HL4244" s="126"/>
      <c r="HM4244" s="91"/>
      <c r="HN4244" s="91"/>
      <c r="HO4244" s="91"/>
      <c r="HP4244" s="91"/>
      <c r="HQ4244" s="91"/>
      <c r="HR4244" s="91"/>
      <c r="HS4244" s="91"/>
      <c r="HT4244" s="91"/>
      <c r="HU4244" s="91"/>
      <c r="HV4244" s="91"/>
      <c r="HW4244" s="91"/>
      <c r="HX4244" s="127"/>
      <c r="HY4244" s="126"/>
      <c r="HZ4244" s="91"/>
      <c r="IA4244" s="91"/>
      <c r="IB4244" s="91"/>
      <c r="IC4244" s="91"/>
      <c r="ID4244" s="91"/>
      <c r="IE4244" s="91"/>
      <c r="IF4244" s="91"/>
      <c r="IG4244" s="91"/>
      <c r="IH4244" s="91"/>
      <c r="II4244" s="91"/>
      <c r="IJ4244" s="91"/>
      <c r="IK4244" s="174"/>
    </row>
    <row r="4245" spans="2:245" x14ac:dyDescent="0.2">
      <c r="B4245" s="43"/>
      <c r="C4245" s="73"/>
      <c r="D4245" s="64"/>
      <c r="E4245" s="64"/>
      <c r="F4245" s="55"/>
      <c r="G4245" s="102"/>
      <c r="H4245" s="97"/>
      <c r="T4245" s="98"/>
      <c r="U4245" s="97"/>
      <c r="AG4245" s="98"/>
      <c r="AY4245" s="164"/>
      <c r="BK4245" s="98"/>
      <c r="BL4245" s="97"/>
      <c r="BX4245" s="98"/>
      <c r="CL4245" s="97"/>
      <c r="CX4245" s="98"/>
      <c r="DL4245" s="97"/>
      <c r="DX4245" s="98"/>
      <c r="EL4245" s="97"/>
      <c r="EX4245" s="98"/>
      <c r="EY4245" s="97"/>
      <c r="FL4245" s="126"/>
      <c r="FM4245" s="91"/>
      <c r="FN4245" s="91"/>
      <c r="FO4245" s="91"/>
      <c r="FP4245" s="91"/>
      <c r="FQ4245" s="91"/>
      <c r="FR4245" s="91"/>
      <c r="FS4245" s="91"/>
      <c r="FT4245" s="91"/>
      <c r="FU4245" s="91"/>
      <c r="FV4245" s="91"/>
      <c r="FW4245" s="91"/>
      <c r="FX4245" s="127"/>
      <c r="FY4245" s="126"/>
      <c r="FZ4245" s="91"/>
      <c r="GA4245" s="91"/>
      <c r="GB4245" s="91"/>
      <c r="GC4245" s="91"/>
      <c r="GD4245" s="91"/>
      <c r="GE4245" s="91"/>
      <c r="GF4245" s="91"/>
      <c r="GG4245" s="91"/>
      <c r="GH4245" s="91"/>
      <c r="GI4245" s="91"/>
      <c r="GJ4245" s="91"/>
      <c r="GK4245" s="127"/>
      <c r="GL4245" s="126"/>
      <c r="GM4245" s="91"/>
      <c r="GN4245" s="91"/>
      <c r="GO4245" s="91"/>
      <c r="GP4245" s="91"/>
      <c r="GQ4245" s="91"/>
      <c r="GR4245" s="91"/>
      <c r="GS4245" s="91"/>
      <c r="GT4245" s="91"/>
      <c r="GU4245" s="91"/>
      <c r="GV4245" s="91"/>
      <c r="GW4245" s="91"/>
      <c r="GX4245" s="127"/>
      <c r="GY4245" s="126"/>
      <c r="GZ4245" s="91"/>
      <c r="HA4245" s="91"/>
      <c r="HB4245" s="91"/>
      <c r="HC4245" s="91"/>
      <c r="HD4245" s="91"/>
      <c r="HE4245" s="91"/>
      <c r="HF4245" s="91"/>
      <c r="HG4245" s="91"/>
      <c r="HH4245" s="91"/>
      <c r="HI4245" s="91"/>
      <c r="HJ4245" s="91"/>
      <c r="HK4245" s="127"/>
      <c r="HL4245" s="126"/>
      <c r="HM4245" s="91"/>
      <c r="HN4245" s="91"/>
      <c r="HO4245" s="91"/>
      <c r="HP4245" s="91"/>
      <c r="HQ4245" s="91"/>
      <c r="HR4245" s="91"/>
      <c r="HS4245" s="91"/>
      <c r="HT4245" s="91"/>
      <c r="HU4245" s="91"/>
      <c r="HV4245" s="91"/>
      <c r="HW4245" s="91"/>
      <c r="HX4245" s="127"/>
      <c r="HY4245" s="126"/>
      <c r="HZ4245" s="91"/>
      <c r="IA4245" s="91"/>
      <c r="IB4245" s="91"/>
      <c r="IC4245" s="91"/>
      <c r="ID4245" s="91"/>
      <c r="IE4245" s="91"/>
      <c r="IF4245" s="91"/>
      <c r="IG4245" s="91"/>
      <c r="IH4245" s="91"/>
      <c r="II4245" s="91"/>
      <c r="IJ4245" s="91"/>
      <c r="IK4245" s="174"/>
    </row>
    <row r="4246" spans="2:245" x14ac:dyDescent="0.2">
      <c r="B4246" s="43"/>
      <c r="C4246" s="73"/>
      <c r="D4246" s="64"/>
      <c r="E4246" s="64"/>
      <c r="F4246" s="55"/>
      <c r="G4246" s="102"/>
      <c r="H4246" s="97"/>
      <c r="T4246" s="98"/>
      <c r="U4246" s="97"/>
      <c r="AG4246" s="98"/>
      <c r="AY4246" s="164"/>
      <c r="BK4246" s="98"/>
      <c r="BL4246" s="97"/>
      <c r="BX4246" s="98"/>
      <c r="CL4246" s="97"/>
      <c r="CX4246" s="98"/>
      <c r="DL4246" s="97"/>
      <c r="DX4246" s="98"/>
      <c r="EL4246" s="97"/>
      <c r="EX4246" s="98"/>
      <c r="EY4246" s="97"/>
      <c r="FL4246" s="126"/>
      <c r="FM4246" s="91"/>
      <c r="FN4246" s="91"/>
      <c r="FO4246" s="91"/>
      <c r="FP4246" s="91"/>
      <c r="FQ4246" s="91"/>
      <c r="FR4246" s="91"/>
      <c r="FS4246" s="91"/>
      <c r="FT4246" s="91"/>
      <c r="FU4246" s="91"/>
      <c r="FV4246" s="91"/>
      <c r="FW4246" s="91"/>
      <c r="FX4246" s="127"/>
      <c r="FY4246" s="126"/>
      <c r="FZ4246" s="91"/>
      <c r="GA4246" s="91"/>
      <c r="GB4246" s="91"/>
      <c r="GC4246" s="91"/>
      <c r="GD4246" s="91"/>
      <c r="GE4246" s="91"/>
      <c r="GF4246" s="91"/>
      <c r="GG4246" s="91"/>
      <c r="GH4246" s="91"/>
      <c r="GI4246" s="91"/>
      <c r="GJ4246" s="91"/>
      <c r="GK4246" s="127"/>
      <c r="GL4246" s="126"/>
      <c r="GM4246" s="91"/>
      <c r="GN4246" s="91"/>
      <c r="GO4246" s="91"/>
      <c r="GP4246" s="91"/>
      <c r="GQ4246" s="91"/>
      <c r="GR4246" s="91"/>
      <c r="GS4246" s="91"/>
      <c r="GT4246" s="91"/>
      <c r="GU4246" s="91"/>
      <c r="GV4246" s="91"/>
      <c r="GW4246" s="91"/>
      <c r="GX4246" s="127"/>
      <c r="GY4246" s="126"/>
      <c r="GZ4246" s="91"/>
      <c r="HA4246" s="91"/>
      <c r="HB4246" s="91"/>
      <c r="HC4246" s="91"/>
      <c r="HD4246" s="91"/>
      <c r="HE4246" s="91"/>
      <c r="HF4246" s="91"/>
      <c r="HG4246" s="91"/>
      <c r="HH4246" s="91"/>
      <c r="HI4246" s="91"/>
      <c r="HJ4246" s="91"/>
      <c r="HK4246" s="127"/>
      <c r="HL4246" s="126"/>
      <c r="HM4246" s="91"/>
      <c r="HN4246" s="91"/>
      <c r="HO4246" s="91"/>
      <c r="HP4246" s="91"/>
      <c r="HQ4246" s="91"/>
      <c r="HR4246" s="91"/>
      <c r="HS4246" s="91"/>
      <c r="HT4246" s="91"/>
      <c r="HU4246" s="91"/>
      <c r="HV4246" s="91"/>
      <c r="HW4246" s="91"/>
      <c r="HX4246" s="127"/>
      <c r="HY4246" s="126"/>
      <c r="HZ4246" s="91"/>
      <c r="IA4246" s="91"/>
      <c r="IB4246" s="91"/>
      <c r="IC4246" s="91"/>
      <c r="ID4246" s="91"/>
      <c r="IE4246" s="91"/>
      <c r="IF4246" s="91"/>
      <c r="IG4246" s="91"/>
      <c r="IH4246" s="91"/>
      <c r="II4246" s="91"/>
      <c r="IJ4246" s="91"/>
      <c r="IK4246" s="174"/>
    </row>
    <row r="4247" spans="2:245" x14ac:dyDescent="0.2">
      <c r="B4247" s="43"/>
      <c r="C4247" s="73"/>
      <c r="D4247" s="64"/>
      <c r="E4247" s="64"/>
      <c r="F4247" s="55"/>
      <c r="G4247" s="102"/>
      <c r="H4247" s="97"/>
      <c r="T4247" s="98"/>
      <c r="U4247" s="97"/>
      <c r="AG4247" s="98"/>
      <c r="AY4247" s="164"/>
      <c r="BK4247" s="98"/>
      <c r="BL4247" s="97"/>
      <c r="BX4247" s="98"/>
      <c r="CL4247" s="97"/>
      <c r="CX4247" s="98"/>
      <c r="DL4247" s="97"/>
      <c r="DX4247" s="98"/>
      <c r="EL4247" s="97"/>
      <c r="EX4247" s="98"/>
      <c r="EY4247" s="97"/>
      <c r="FL4247" s="126"/>
      <c r="FM4247" s="91"/>
      <c r="FN4247" s="91"/>
      <c r="FO4247" s="91"/>
      <c r="FP4247" s="91"/>
      <c r="FQ4247" s="91"/>
      <c r="FR4247" s="91"/>
      <c r="FS4247" s="91"/>
      <c r="FT4247" s="91"/>
      <c r="FU4247" s="91"/>
      <c r="FV4247" s="91"/>
      <c r="FW4247" s="91"/>
      <c r="FX4247" s="127"/>
      <c r="FY4247" s="126"/>
      <c r="FZ4247" s="91"/>
      <c r="GA4247" s="91"/>
      <c r="GB4247" s="91"/>
      <c r="GC4247" s="91"/>
      <c r="GD4247" s="91"/>
      <c r="GE4247" s="91"/>
      <c r="GF4247" s="91"/>
      <c r="GG4247" s="91"/>
      <c r="GH4247" s="91"/>
      <c r="GI4247" s="91"/>
      <c r="GJ4247" s="91"/>
      <c r="GK4247" s="127"/>
      <c r="GL4247" s="126"/>
      <c r="GM4247" s="91"/>
      <c r="GN4247" s="91"/>
      <c r="GO4247" s="91"/>
      <c r="GP4247" s="91"/>
      <c r="GQ4247" s="91"/>
      <c r="GR4247" s="91"/>
      <c r="GS4247" s="91"/>
      <c r="GT4247" s="91"/>
      <c r="GU4247" s="91"/>
      <c r="GV4247" s="91"/>
      <c r="GW4247" s="91"/>
      <c r="GX4247" s="127"/>
      <c r="GY4247" s="126"/>
      <c r="GZ4247" s="91"/>
      <c r="HA4247" s="91"/>
      <c r="HB4247" s="91"/>
      <c r="HC4247" s="91"/>
      <c r="HD4247" s="91"/>
      <c r="HE4247" s="91"/>
      <c r="HF4247" s="91"/>
      <c r="HG4247" s="91"/>
      <c r="HH4247" s="91"/>
      <c r="HI4247" s="91"/>
      <c r="HJ4247" s="91"/>
      <c r="HK4247" s="127"/>
      <c r="HL4247" s="126"/>
      <c r="HM4247" s="91"/>
      <c r="HN4247" s="91"/>
      <c r="HO4247" s="91"/>
      <c r="HP4247" s="91"/>
      <c r="HQ4247" s="91"/>
      <c r="HR4247" s="91"/>
      <c r="HS4247" s="91"/>
      <c r="HT4247" s="91"/>
      <c r="HU4247" s="91"/>
      <c r="HV4247" s="91"/>
      <c r="HW4247" s="91"/>
      <c r="HX4247" s="127"/>
      <c r="HY4247" s="126"/>
      <c r="HZ4247" s="91"/>
      <c r="IA4247" s="91"/>
      <c r="IB4247" s="91"/>
      <c r="IC4247" s="91"/>
      <c r="ID4247" s="91"/>
      <c r="IE4247" s="91"/>
      <c r="IF4247" s="91"/>
      <c r="IG4247" s="91"/>
      <c r="IH4247" s="91"/>
      <c r="II4247" s="91"/>
      <c r="IJ4247" s="91"/>
      <c r="IK4247" s="174"/>
    </row>
    <row r="4248" spans="2:245" x14ac:dyDescent="0.2">
      <c r="B4248" s="43"/>
      <c r="C4248" s="73"/>
      <c r="D4248" s="64"/>
      <c r="E4248" s="64"/>
      <c r="F4248" s="55"/>
      <c r="G4248" s="102"/>
      <c r="H4248" s="97"/>
      <c r="T4248" s="98"/>
      <c r="U4248" s="97"/>
      <c r="AG4248" s="98"/>
      <c r="AY4248" s="164"/>
      <c r="BK4248" s="98"/>
      <c r="BL4248" s="97"/>
      <c r="BX4248" s="98"/>
      <c r="CL4248" s="97"/>
      <c r="CX4248" s="98"/>
      <c r="DL4248" s="97"/>
      <c r="DX4248" s="98"/>
      <c r="EL4248" s="97"/>
      <c r="EX4248" s="98"/>
      <c r="EY4248" s="97"/>
      <c r="FL4248" s="126"/>
      <c r="FM4248" s="91"/>
      <c r="FN4248" s="91"/>
      <c r="FO4248" s="91"/>
      <c r="FP4248" s="91"/>
      <c r="FQ4248" s="91"/>
      <c r="FR4248" s="91"/>
      <c r="FS4248" s="91"/>
      <c r="FT4248" s="91"/>
      <c r="FU4248" s="91"/>
      <c r="FV4248" s="91"/>
      <c r="FW4248" s="91"/>
      <c r="FX4248" s="127"/>
      <c r="FY4248" s="126"/>
      <c r="FZ4248" s="91"/>
      <c r="GA4248" s="91"/>
      <c r="GB4248" s="91"/>
      <c r="GC4248" s="91"/>
      <c r="GD4248" s="91"/>
      <c r="GE4248" s="91"/>
      <c r="GF4248" s="91"/>
      <c r="GG4248" s="91"/>
      <c r="GH4248" s="91"/>
      <c r="GI4248" s="91"/>
      <c r="GJ4248" s="91"/>
      <c r="GK4248" s="127"/>
      <c r="GL4248" s="126"/>
      <c r="GM4248" s="91"/>
      <c r="GN4248" s="91"/>
      <c r="GO4248" s="91"/>
      <c r="GP4248" s="91"/>
      <c r="GQ4248" s="91"/>
      <c r="GR4248" s="91"/>
      <c r="GS4248" s="91"/>
      <c r="GT4248" s="91"/>
      <c r="GU4248" s="91"/>
      <c r="GV4248" s="91"/>
      <c r="GW4248" s="91"/>
      <c r="GX4248" s="127"/>
      <c r="GY4248" s="126"/>
      <c r="GZ4248" s="91"/>
      <c r="HA4248" s="91"/>
      <c r="HB4248" s="91"/>
      <c r="HC4248" s="91"/>
      <c r="HD4248" s="91"/>
      <c r="HE4248" s="91"/>
      <c r="HF4248" s="91"/>
      <c r="HG4248" s="91"/>
      <c r="HH4248" s="91"/>
      <c r="HI4248" s="91"/>
      <c r="HJ4248" s="91"/>
      <c r="HK4248" s="127"/>
      <c r="HL4248" s="126"/>
      <c r="HM4248" s="91"/>
      <c r="HN4248" s="91"/>
      <c r="HO4248" s="91"/>
      <c r="HP4248" s="91"/>
      <c r="HQ4248" s="91"/>
      <c r="HR4248" s="91"/>
      <c r="HS4248" s="91"/>
      <c r="HT4248" s="91"/>
      <c r="HU4248" s="91"/>
      <c r="HV4248" s="91"/>
      <c r="HW4248" s="91"/>
      <c r="HX4248" s="127"/>
      <c r="HY4248" s="126"/>
      <c r="HZ4248" s="91"/>
      <c r="IA4248" s="91"/>
      <c r="IB4248" s="91"/>
      <c r="IC4248" s="91"/>
      <c r="ID4248" s="91"/>
      <c r="IE4248" s="91"/>
      <c r="IF4248" s="91"/>
      <c r="IG4248" s="91"/>
      <c r="IH4248" s="91"/>
      <c r="II4248" s="91"/>
      <c r="IJ4248" s="91"/>
      <c r="IK4248" s="174"/>
    </row>
    <row r="4249" spans="2:245" x14ac:dyDescent="0.2">
      <c r="B4249" s="43"/>
      <c r="C4249" s="73"/>
      <c r="D4249" s="64"/>
      <c r="E4249" s="64"/>
      <c r="F4249" s="55"/>
      <c r="G4249" s="102"/>
      <c r="H4249" s="97"/>
      <c r="T4249" s="98"/>
      <c r="U4249" s="97"/>
      <c r="AG4249" s="98"/>
      <c r="AY4249" s="164"/>
      <c r="BK4249" s="98"/>
      <c r="BL4249" s="97"/>
      <c r="BX4249" s="98"/>
      <c r="CL4249" s="97"/>
      <c r="CX4249" s="98"/>
      <c r="DL4249" s="97"/>
      <c r="DX4249" s="98"/>
      <c r="EL4249" s="97"/>
      <c r="EX4249" s="98"/>
      <c r="EY4249" s="97"/>
      <c r="FL4249" s="126"/>
      <c r="FM4249" s="91"/>
      <c r="FN4249" s="91"/>
      <c r="FO4249" s="91"/>
      <c r="FP4249" s="91"/>
      <c r="FQ4249" s="91"/>
      <c r="FR4249" s="91"/>
      <c r="FS4249" s="91"/>
      <c r="FT4249" s="91"/>
      <c r="FU4249" s="91"/>
      <c r="FV4249" s="91"/>
      <c r="FW4249" s="91"/>
      <c r="FX4249" s="127"/>
      <c r="FY4249" s="126"/>
      <c r="FZ4249" s="91"/>
      <c r="GA4249" s="91"/>
      <c r="GB4249" s="91"/>
      <c r="GC4249" s="91"/>
      <c r="GD4249" s="91"/>
      <c r="GE4249" s="91"/>
      <c r="GF4249" s="91"/>
      <c r="GG4249" s="91"/>
      <c r="GH4249" s="91"/>
      <c r="GI4249" s="91"/>
      <c r="GJ4249" s="91"/>
      <c r="GK4249" s="127"/>
      <c r="GL4249" s="126"/>
      <c r="GM4249" s="91"/>
      <c r="GN4249" s="91"/>
      <c r="GO4249" s="91"/>
      <c r="GP4249" s="91"/>
      <c r="GQ4249" s="91"/>
      <c r="GR4249" s="91"/>
      <c r="GS4249" s="91"/>
      <c r="GT4249" s="91"/>
      <c r="GU4249" s="91"/>
      <c r="GV4249" s="91"/>
      <c r="GW4249" s="91"/>
      <c r="GX4249" s="127"/>
      <c r="GY4249" s="126"/>
      <c r="GZ4249" s="91"/>
      <c r="HA4249" s="91"/>
      <c r="HB4249" s="91"/>
      <c r="HC4249" s="91"/>
      <c r="HD4249" s="91"/>
      <c r="HE4249" s="91"/>
      <c r="HF4249" s="91"/>
      <c r="HG4249" s="91"/>
      <c r="HH4249" s="91"/>
      <c r="HI4249" s="91"/>
      <c r="HJ4249" s="91"/>
      <c r="HK4249" s="127"/>
      <c r="HL4249" s="126"/>
      <c r="HM4249" s="91"/>
      <c r="HN4249" s="91"/>
      <c r="HO4249" s="91"/>
      <c r="HP4249" s="91"/>
      <c r="HQ4249" s="91"/>
      <c r="HR4249" s="91"/>
      <c r="HS4249" s="91"/>
      <c r="HT4249" s="91"/>
      <c r="HU4249" s="91"/>
      <c r="HV4249" s="91"/>
      <c r="HW4249" s="91"/>
      <c r="HX4249" s="127"/>
      <c r="HY4249" s="126"/>
      <c r="HZ4249" s="91"/>
      <c r="IA4249" s="91"/>
      <c r="IB4249" s="91"/>
      <c r="IC4249" s="91"/>
      <c r="ID4249" s="91"/>
      <c r="IE4249" s="91"/>
      <c r="IF4249" s="91"/>
      <c r="IG4249" s="91"/>
      <c r="IH4249" s="91"/>
      <c r="II4249" s="91"/>
      <c r="IJ4249" s="91"/>
      <c r="IK4249" s="174"/>
    </row>
    <row r="4250" spans="2:245" x14ac:dyDescent="0.2">
      <c r="B4250" s="43"/>
      <c r="C4250" s="73"/>
      <c r="D4250" s="64"/>
      <c r="E4250" s="64"/>
      <c r="F4250" s="55"/>
      <c r="G4250" s="102"/>
      <c r="H4250" s="97"/>
      <c r="T4250" s="98"/>
      <c r="U4250" s="97"/>
      <c r="AG4250" s="98"/>
      <c r="AY4250" s="164"/>
      <c r="BK4250" s="98"/>
      <c r="BL4250" s="97"/>
      <c r="BX4250" s="98"/>
      <c r="CL4250" s="97"/>
      <c r="CX4250" s="98"/>
      <c r="DL4250" s="97"/>
      <c r="DX4250" s="98"/>
      <c r="EL4250" s="97"/>
      <c r="EX4250" s="98"/>
      <c r="EY4250" s="97"/>
      <c r="FL4250" s="126"/>
      <c r="FM4250" s="91"/>
      <c r="FN4250" s="91"/>
      <c r="FO4250" s="91"/>
      <c r="FP4250" s="91"/>
      <c r="FQ4250" s="91"/>
      <c r="FR4250" s="91"/>
      <c r="FS4250" s="91"/>
      <c r="FT4250" s="91"/>
      <c r="FU4250" s="91"/>
      <c r="FV4250" s="91"/>
      <c r="FW4250" s="91"/>
      <c r="FX4250" s="127"/>
      <c r="FY4250" s="126"/>
      <c r="FZ4250" s="91"/>
      <c r="GA4250" s="91"/>
      <c r="GB4250" s="91"/>
      <c r="GC4250" s="91"/>
      <c r="GD4250" s="91"/>
      <c r="GE4250" s="91"/>
      <c r="GF4250" s="91"/>
      <c r="GG4250" s="91"/>
      <c r="GH4250" s="91"/>
      <c r="GI4250" s="91"/>
      <c r="GJ4250" s="91"/>
      <c r="GK4250" s="127"/>
      <c r="GL4250" s="126"/>
      <c r="GM4250" s="91"/>
      <c r="GN4250" s="91"/>
      <c r="GO4250" s="91"/>
      <c r="GP4250" s="91"/>
      <c r="GQ4250" s="91"/>
      <c r="GR4250" s="91"/>
      <c r="GS4250" s="91"/>
      <c r="GT4250" s="91"/>
      <c r="GU4250" s="91"/>
      <c r="GV4250" s="91"/>
      <c r="GW4250" s="91"/>
      <c r="GX4250" s="127"/>
      <c r="GY4250" s="126"/>
      <c r="GZ4250" s="91"/>
      <c r="HA4250" s="91"/>
      <c r="HB4250" s="91"/>
      <c r="HC4250" s="91"/>
      <c r="HD4250" s="91"/>
      <c r="HE4250" s="91"/>
      <c r="HF4250" s="91"/>
      <c r="HG4250" s="91"/>
      <c r="HH4250" s="91"/>
      <c r="HI4250" s="91"/>
      <c r="HJ4250" s="91"/>
      <c r="HK4250" s="127"/>
      <c r="HL4250" s="126"/>
      <c r="HM4250" s="91"/>
      <c r="HN4250" s="91"/>
      <c r="HO4250" s="91"/>
      <c r="HP4250" s="91"/>
      <c r="HQ4250" s="91"/>
      <c r="HR4250" s="91"/>
      <c r="HS4250" s="91"/>
      <c r="HT4250" s="91"/>
      <c r="HU4250" s="91"/>
      <c r="HV4250" s="91"/>
      <c r="HW4250" s="91"/>
      <c r="HX4250" s="127"/>
      <c r="HY4250" s="126"/>
      <c r="HZ4250" s="91"/>
      <c r="IA4250" s="91"/>
      <c r="IB4250" s="91"/>
      <c r="IC4250" s="91"/>
      <c r="ID4250" s="91"/>
      <c r="IE4250" s="91"/>
      <c r="IF4250" s="91"/>
      <c r="IG4250" s="91"/>
      <c r="IH4250" s="91"/>
      <c r="II4250" s="91"/>
      <c r="IJ4250" s="91"/>
      <c r="IK4250" s="174"/>
    </row>
    <row r="4251" spans="2:245" x14ac:dyDescent="0.2">
      <c r="B4251" s="43"/>
      <c r="C4251" s="73"/>
      <c r="D4251" s="64"/>
      <c r="E4251" s="64"/>
      <c r="F4251" s="55"/>
      <c r="G4251" s="102"/>
      <c r="H4251" s="97"/>
      <c r="T4251" s="98"/>
      <c r="U4251" s="97"/>
      <c r="AG4251" s="98"/>
      <c r="AY4251" s="164"/>
      <c r="BK4251" s="98"/>
      <c r="BL4251" s="97"/>
      <c r="BX4251" s="98"/>
      <c r="CL4251" s="97"/>
      <c r="CX4251" s="98"/>
      <c r="DL4251" s="97"/>
      <c r="DX4251" s="98"/>
      <c r="EL4251" s="97"/>
      <c r="EX4251" s="98"/>
      <c r="EY4251" s="97"/>
      <c r="FL4251" s="126"/>
      <c r="FM4251" s="91"/>
      <c r="FN4251" s="91"/>
      <c r="FO4251" s="91"/>
      <c r="FP4251" s="91"/>
      <c r="FQ4251" s="91"/>
      <c r="FR4251" s="91"/>
      <c r="FS4251" s="91"/>
      <c r="FT4251" s="91"/>
      <c r="FU4251" s="91"/>
      <c r="FV4251" s="91"/>
      <c r="FW4251" s="91"/>
      <c r="FX4251" s="127"/>
      <c r="FY4251" s="126"/>
      <c r="FZ4251" s="91"/>
      <c r="GA4251" s="91"/>
      <c r="GB4251" s="91"/>
      <c r="GC4251" s="91"/>
      <c r="GD4251" s="91"/>
      <c r="GE4251" s="91"/>
      <c r="GF4251" s="91"/>
      <c r="GG4251" s="91"/>
      <c r="GH4251" s="91"/>
      <c r="GI4251" s="91"/>
      <c r="GJ4251" s="91"/>
      <c r="GK4251" s="127"/>
      <c r="GL4251" s="126"/>
      <c r="GM4251" s="91"/>
      <c r="GN4251" s="91"/>
      <c r="GO4251" s="91"/>
      <c r="GP4251" s="91"/>
      <c r="GQ4251" s="91"/>
      <c r="GR4251" s="91"/>
      <c r="GS4251" s="91"/>
      <c r="GT4251" s="91"/>
      <c r="GU4251" s="91"/>
      <c r="GV4251" s="91"/>
      <c r="GW4251" s="91"/>
      <c r="GX4251" s="127"/>
      <c r="GY4251" s="126"/>
      <c r="GZ4251" s="91"/>
      <c r="HA4251" s="91"/>
      <c r="HB4251" s="91"/>
      <c r="HC4251" s="91"/>
      <c r="HD4251" s="91"/>
      <c r="HE4251" s="91"/>
      <c r="HF4251" s="91"/>
      <c r="HG4251" s="91"/>
      <c r="HH4251" s="91"/>
      <c r="HI4251" s="91"/>
      <c r="HJ4251" s="91"/>
      <c r="HK4251" s="127"/>
      <c r="HL4251" s="126"/>
      <c r="HM4251" s="91"/>
      <c r="HN4251" s="91"/>
      <c r="HO4251" s="91"/>
      <c r="HP4251" s="91"/>
      <c r="HQ4251" s="91"/>
      <c r="HR4251" s="91"/>
      <c r="HS4251" s="91"/>
      <c r="HT4251" s="91"/>
      <c r="HU4251" s="91"/>
      <c r="HV4251" s="91"/>
      <c r="HW4251" s="91"/>
      <c r="HX4251" s="127"/>
      <c r="HY4251" s="126"/>
      <c r="HZ4251" s="91"/>
      <c r="IA4251" s="91"/>
      <c r="IB4251" s="91"/>
      <c r="IC4251" s="91"/>
      <c r="ID4251" s="91"/>
      <c r="IE4251" s="91"/>
      <c r="IF4251" s="91"/>
      <c r="IG4251" s="91"/>
      <c r="IH4251" s="91"/>
      <c r="II4251" s="91"/>
      <c r="IJ4251" s="91"/>
      <c r="IK4251" s="174"/>
    </row>
    <row r="4252" spans="2:245" x14ac:dyDescent="0.2">
      <c r="B4252" s="43"/>
      <c r="C4252" s="73"/>
      <c r="D4252" s="64"/>
      <c r="E4252" s="64"/>
      <c r="F4252" s="55"/>
      <c r="G4252" s="102"/>
      <c r="H4252" s="97"/>
      <c r="T4252" s="98"/>
      <c r="U4252" s="97"/>
      <c r="AG4252" s="98"/>
      <c r="AY4252" s="164"/>
      <c r="BK4252" s="98"/>
      <c r="BL4252" s="97"/>
      <c r="BX4252" s="98"/>
      <c r="CL4252" s="97"/>
      <c r="CX4252" s="98"/>
      <c r="DL4252" s="97"/>
      <c r="DX4252" s="98"/>
      <c r="EL4252" s="97"/>
      <c r="EX4252" s="98"/>
      <c r="EY4252" s="97"/>
      <c r="FL4252" s="126"/>
      <c r="FM4252" s="91"/>
      <c r="FN4252" s="91"/>
      <c r="FO4252" s="91"/>
      <c r="FP4252" s="91"/>
      <c r="FQ4252" s="91"/>
      <c r="FR4252" s="91"/>
      <c r="FS4252" s="91"/>
      <c r="FT4252" s="91"/>
      <c r="FU4252" s="91"/>
      <c r="FV4252" s="91"/>
      <c r="FW4252" s="91"/>
      <c r="FX4252" s="127"/>
      <c r="FY4252" s="126"/>
      <c r="FZ4252" s="91"/>
      <c r="GA4252" s="91"/>
      <c r="GB4252" s="91"/>
      <c r="GC4252" s="91"/>
      <c r="GD4252" s="91"/>
      <c r="GE4252" s="91"/>
      <c r="GF4252" s="91"/>
      <c r="GG4252" s="91"/>
      <c r="GH4252" s="91"/>
      <c r="GI4252" s="91"/>
      <c r="GJ4252" s="91"/>
      <c r="GK4252" s="127"/>
      <c r="GL4252" s="126"/>
      <c r="GM4252" s="91"/>
      <c r="GN4252" s="91"/>
      <c r="GO4252" s="91"/>
      <c r="GP4252" s="91"/>
      <c r="GQ4252" s="91"/>
      <c r="GR4252" s="91"/>
      <c r="GS4252" s="91"/>
      <c r="GT4252" s="91"/>
      <c r="GU4252" s="91"/>
      <c r="GV4252" s="91"/>
      <c r="GW4252" s="91"/>
      <c r="GX4252" s="127"/>
      <c r="GY4252" s="126"/>
      <c r="GZ4252" s="91"/>
      <c r="HA4252" s="91"/>
      <c r="HB4252" s="91"/>
      <c r="HC4252" s="91"/>
      <c r="HD4252" s="91"/>
      <c r="HE4252" s="91"/>
      <c r="HF4252" s="91"/>
      <c r="HG4252" s="91"/>
      <c r="HH4252" s="91"/>
      <c r="HI4252" s="91"/>
      <c r="HJ4252" s="91"/>
      <c r="HK4252" s="127"/>
      <c r="HL4252" s="126"/>
      <c r="HM4252" s="91"/>
      <c r="HN4252" s="91"/>
      <c r="HO4252" s="91"/>
      <c r="HP4252" s="91"/>
      <c r="HQ4252" s="91"/>
      <c r="HR4252" s="91"/>
      <c r="HS4252" s="91"/>
      <c r="HT4252" s="91"/>
      <c r="HU4252" s="91"/>
      <c r="HV4252" s="91"/>
      <c r="HW4252" s="91"/>
      <c r="HX4252" s="127"/>
      <c r="HY4252" s="126"/>
      <c r="HZ4252" s="91"/>
      <c r="IA4252" s="91"/>
      <c r="IB4252" s="91"/>
      <c r="IC4252" s="91"/>
      <c r="ID4252" s="91"/>
      <c r="IE4252" s="91"/>
      <c r="IF4252" s="91"/>
      <c r="IG4252" s="91"/>
      <c r="IH4252" s="91"/>
      <c r="II4252" s="91"/>
      <c r="IJ4252" s="91"/>
      <c r="IK4252" s="174"/>
    </row>
    <row r="4253" spans="2:245" x14ac:dyDescent="0.2">
      <c r="B4253" s="43"/>
      <c r="C4253" s="73"/>
      <c r="D4253" s="64"/>
      <c r="E4253" s="64"/>
      <c r="F4253" s="55"/>
      <c r="G4253" s="102"/>
      <c r="H4253" s="97"/>
      <c r="T4253" s="98"/>
      <c r="U4253" s="97"/>
      <c r="AG4253" s="98"/>
      <c r="AY4253" s="164"/>
      <c r="BK4253" s="98"/>
      <c r="BL4253" s="97"/>
      <c r="BX4253" s="98"/>
      <c r="CL4253" s="97"/>
      <c r="CX4253" s="98"/>
      <c r="DL4253" s="97"/>
      <c r="DX4253" s="98"/>
      <c r="EL4253" s="97"/>
      <c r="EX4253" s="98"/>
      <c r="EY4253" s="97"/>
      <c r="FL4253" s="126"/>
      <c r="FM4253" s="91"/>
      <c r="FN4253" s="91"/>
      <c r="FO4253" s="91"/>
      <c r="FP4253" s="91"/>
      <c r="FQ4253" s="91"/>
      <c r="FR4253" s="91"/>
      <c r="FS4253" s="91"/>
      <c r="FT4253" s="91"/>
      <c r="FU4253" s="91"/>
      <c r="FV4253" s="91"/>
      <c r="FW4253" s="91"/>
      <c r="FX4253" s="127"/>
      <c r="FY4253" s="126"/>
      <c r="FZ4253" s="91"/>
      <c r="GA4253" s="91"/>
      <c r="GB4253" s="91"/>
      <c r="GC4253" s="91"/>
      <c r="GD4253" s="91"/>
      <c r="GE4253" s="91"/>
      <c r="GF4253" s="91"/>
      <c r="GG4253" s="91"/>
      <c r="GH4253" s="91"/>
      <c r="GI4253" s="91"/>
      <c r="GJ4253" s="91"/>
      <c r="GK4253" s="127"/>
      <c r="GL4253" s="126"/>
      <c r="GM4253" s="91"/>
      <c r="GN4253" s="91"/>
      <c r="GO4253" s="91"/>
      <c r="GP4253" s="91"/>
      <c r="GQ4253" s="91"/>
      <c r="GR4253" s="91"/>
      <c r="GS4253" s="91"/>
      <c r="GT4253" s="91"/>
      <c r="GU4253" s="91"/>
      <c r="GV4253" s="91"/>
      <c r="GW4253" s="91"/>
      <c r="GX4253" s="127"/>
      <c r="GY4253" s="126"/>
      <c r="GZ4253" s="91"/>
      <c r="HA4253" s="91"/>
      <c r="HB4253" s="91"/>
      <c r="HC4253" s="91"/>
      <c r="HD4253" s="91"/>
      <c r="HE4253" s="91"/>
      <c r="HF4253" s="91"/>
      <c r="HG4253" s="91"/>
      <c r="HH4253" s="91"/>
      <c r="HI4253" s="91"/>
      <c r="HJ4253" s="91"/>
      <c r="HK4253" s="127"/>
      <c r="HL4253" s="126"/>
      <c r="HM4253" s="91"/>
      <c r="HN4253" s="91"/>
      <c r="HO4253" s="91"/>
      <c r="HP4253" s="91"/>
      <c r="HQ4253" s="91"/>
      <c r="HR4253" s="91"/>
      <c r="HS4253" s="91"/>
      <c r="HT4253" s="91"/>
      <c r="HU4253" s="91"/>
      <c r="HV4253" s="91"/>
      <c r="HW4253" s="91"/>
      <c r="HX4253" s="127"/>
      <c r="HY4253" s="126"/>
      <c r="HZ4253" s="91"/>
      <c r="IA4253" s="91"/>
      <c r="IB4253" s="91"/>
      <c r="IC4253" s="91"/>
      <c r="ID4253" s="91"/>
      <c r="IE4253" s="91"/>
      <c r="IF4253" s="91"/>
      <c r="IG4253" s="91"/>
      <c r="IH4253" s="91"/>
      <c r="II4253" s="91"/>
      <c r="IJ4253" s="91"/>
      <c r="IK4253" s="174"/>
    </row>
    <row r="4254" spans="2:245" x14ac:dyDescent="0.2">
      <c r="B4254" s="43"/>
      <c r="C4254" s="73"/>
      <c r="D4254" s="64"/>
      <c r="E4254" s="64"/>
      <c r="F4254" s="55"/>
      <c r="G4254" s="102"/>
      <c r="H4254" s="97"/>
      <c r="T4254" s="98"/>
      <c r="U4254" s="97"/>
      <c r="AG4254" s="98"/>
      <c r="AY4254" s="164"/>
      <c r="BK4254" s="98"/>
      <c r="BL4254" s="97"/>
      <c r="BX4254" s="98"/>
      <c r="CL4254" s="97"/>
      <c r="CX4254" s="98"/>
      <c r="DL4254" s="97"/>
      <c r="DX4254" s="98"/>
      <c r="EL4254" s="97"/>
      <c r="EX4254" s="98"/>
      <c r="EY4254" s="97"/>
      <c r="FL4254" s="126"/>
      <c r="FM4254" s="91"/>
      <c r="FN4254" s="91"/>
      <c r="FO4254" s="91"/>
      <c r="FP4254" s="91"/>
      <c r="FQ4254" s="91"/>
      <c r="FR4254" s="91"/>
      <c r="FS4254" s="91"/>
      <c r="FT4254" s="91"/>
      <c r="FU4254" s="91"/>
      <c r="FV4254" s="91"/>
      <c r="FW4254" s="91"/>
      <c r="FX4254" s="127"/>
      <c r="FY4254" s="126"/>
      <c r="FZ4254" s="91"/>
      <c r="GA4254" s="91"/>
      <c r="GB4254" s="91"/>
      <c r="GC4254" s="91"/>
      <c r="GD4254" s="91"/>
      <c r="GE4254" s="91"/>
      <c r="GF4254" s="91"/>
      <c r="GG4254" s="91"/>
      <c r="GH4254" s="91"/>
      <c r="GI4254" s="91"/>
      <c r="GJ4254" s="91"/>
      <c r="GK4254" s="127"/>
      <c r="GL4254" s="126"/>
      <c r="GM4254" s="91"/>
      <c r="GN4254" s="91"/>
      <c r="GO4254" s="91"/>
      <c r="GP4254" s="91"/>
      <c r="GQ4254" s="91"/>
      <c r="GR4254" s="91"/>
      <c r="GS4254" s="91"/>
      <c r="GT4254" s="91"/>
      <c r="GU4254" s="91"/>
      <c r="GV4254" s="91"/>
      <c r="GW4254" s="91"/>
      <c r="GX4254" s="127"/>
      <c r="GY4254" s="126"/>
      <c r="GZ4254" s="91"/>
      <c r="HA4254" s="91"/>
      <c r="HB4254" s="91"/>
      <c r="HC4254" s="91"/>
      <c r="HD4254" s="91"/>
      <c r="HE4254" s="91"/>
      <c r="HF4254" s="91"/>
      <c r="HG4254" s="91"/>
      <c r="HH4254" s="91"/>
      <c r="HI4254" s="91"/>
      <c r="HJ4254" s="91"/>
      <c r="HK4254" s="127"/>
      <c r="HL4254" s="126"/>
      <c r="HM4254" s="91"/>
      <c r="HN4254" s="91"/>
      <c r="HO4254" s="91"/>
      <c r="HP4254" s="91"/>
      <c r="HQ4254" s="91"/>
      <c r="HR4254" s="91"/>
      <c r="HS4254" s="91"/>
      <c r="HT4254" s="91"/>
      <c r="HU4254" s="91"/>
      <c r="HV4254" s="91"/>
      <c r="HW4254" s="91"/>
      <c r="HX4254" s="127"/>
      <c r="HY4254" s="126"/>
      <c r="HZ4254" s="91"/>
      <c r="IA4254" s="91"/>
      <c r="IB4254" s="91"/>
      <c r="IC4254" s="91"/>
      <c r="ID4254" s="91"/>
      <c r="IE4254" s="91"/>
      <c r="IF4254" s="91"/>
      <c r="IG4254" s="91"/>
      <c r="IH4254" s="91"/>
      <c r="II4254" s="91"/>
      <c r="IJ4254" s="91"/>
      <c r="IK4254" s="174"/>
    </row>
    <row r="4255" spans="2:245" x14ac:dyDescent="0.2">
      <c r="B4255" s="43"/>
      <c r="C4255" s="73"/>
      <c r="D4255" s="64"/>
      <c r="E4255" s="64"/>
      <c r="F4255" s="55"/>
      <c r="G4255" s="102"/>
      <c r="H4255" s="97"/>
      <c r="T4255" s="98"/>
      <c r="U4255" s="97"/>
      <c r="AG4255" s="98"/>
      <c r="AY4255" s="164"/>
      <c r="BK4255" s="98"/>
      <c r="BL4255" s="97"/>
      <c r="BX4255" s="98"/>
      <c r="CL4255" s="97"/>
      <c r="CX4255" s="98"/>
      <c r="DL4255" s="97"/>
      <c r="DX4255" s="98"/>
      <c r="EL4255" s="97"/>
      <c r="EX4255" s="98"/>
      <c r="EY4255" s="97"/>
      <c r="FL4255" s="126"/>
      <c r="FM4255" s="91"/>
      <c r="FN4255" s="91"/>
      <c r="FO4255" s="91"/>
      <c r="FP4255" s="91"/>
      <c r="FQ4255" s="91"/>
      <c r="FR4255" s="91"/>
      <c r="FS4255" s="91"/>
      <c r="FT4255" s="91"/>
      <c r="FU4255" s="91"/>
      <c r="FV4255" s="91"/>
      <c r="FW4255" s="91"/>
      <c r="FX4255" s="127"/>
      <c r="FY4255" s="126"/>
      <c r="FZ4255" s="91"/>
      <c r="GA4255" s="91"/>
      <c r="GB4255" s="91"/>
      <c r="GC4255" s="91"/>
      <c r="GD4255" s="91"/>
      <c r="GE4255" s="91"/>
      <c r="GF4255" s="91"/>
      <c r="GG4255" s="91"/>
      <c r="GH4255" s="91"/>
      <c r="GI4255" s="91"/>
      <c r="GJ4255" s="91"/>
      <c r="GK4255" s="127"/>
      <c r="GL4255" s="126"/>
      <c r="GM4255" s="91"/>
      <c r="GN4255" s="91"/>
      <c r="GO4255" s="91"/>
      <c r="GP4255" s="91"/>
      <c r="GQ4255" s="91"/>
      <c r="GR4255" s="91"/>
      <c r="GS4255" s="91"/>
      <c r="GT4255" s="91"/>
      <c r="GU4255" s="91"/>
      <c r="GV4255" s="91"/>
      <c r="GW4255" s="91"/>
      <c r="GX4255" s="127"/>
      <c r="GY4255" s="126"/>
      <c r="GZ4255" s="91"/>
      <c r="HA4255" s="91"/>
      <c r="HB4255" s="91"/>
      <c r="HC4255" s="91"/>
      <c r="HD4255" s="91"/>
      <c r="HE4255" s="91"/>
      <c r="HF4255" s="91"/>
      <c r="HG4255" s="91"/>
      <c r="HH4255" s="91"/>
      <c r="HI4255" s="91"/>
      <c r="HJ4255" s="91"/>
      <c r="HK4255" s="127"/>
      <c r="HL4255" s="126"/>
      <c r="HM4255" s="91"/>
      <c r="HN4255" s="91"/>
      <c r="HO4255" s="91"/>
      <c r="HP4255" s="91"/>
      <c r="HQ4255" s="91"/>
      <c r="HR4255" s="91"/>
      <c r="HS4255" s="91"/>
      <c r="HT4255" s="91"/>
      <c r="HU4255" s="91"/>
      <c r="HV4255" s="91"/>
      <c r="HW4255" s="91"/>
      <c r="HX4255" s="127"/>
      <c r="HY4255" s="126"/>
      <c r="HZ4255" s="91"/>
      <c r="IA4255" s="91"/>
      <c r="IB4255" s="91"/>
      <c r="IC4255" s="91"/>
      <c r="ID4255" s="91"/>
      <c r="IE4255" s="91"/>
      <c r="IF4255" s="91"/>
      <c r="IG4255" s="91"/>
      <c r="IH4255" s="91"/>
      <c r="II4255" s="91"/>
      <c r="IJ4255" s="91"/>
      <c r="IK4255" s="174"/>
    </row>
    <row r="4256" spans="2:245" x14ac:dyDescent="0.2">
      <c r="B4256" s="43"/>
      <c r="C4256" s="73"/>
      <c r="D4256" s="64"/>
      <c r="E4256" s="64"/>
      <c r="F4256" s="55"/>
      <c r="G4256" s="102"/>
      <c r="H4256" s="97"/>
      <c r="T4256" s="98"/>
      <c r="U4256" s="97"/>
      <c r="AG4256" s="98"/>
      <c r="AY4256" s="164"/>
      <c r="BK4256" s="98"/>
      <c r="BL4256" s="97"/>
      <c r="BX4256" s="98"/>
      <c r="CL4256" s="97"/>
      <c r="CX4256" s="98"/>
      <c r="DL4256" s="97"/>
      <c r="DX4256" s="98"/>
      <c r="EL4256" s="97"/>
      <c r="EX4256" s="98"/>
      <c r="EY4256" s="97"/>
      <c r="FL4256" s="126"/>
      <c r="FM4256" s="91"/>
      <c r="FN4256" s="91"/>
      <c r="FO4256" s="91"/>
      <c r="FP4256" s="91"/>
      <c r="FQ4256" s="91"/>
      <c r="FR4256" s="91"/>
      <c r="FS4256" s="91"/>
      <c r="FT4256" s="91"/>
      <c r="FU4256" s="91"/>
      <c r="FV4256" s="91"/>
      <c r="FW4256" s="91"/>
      <c r="FX4256" s="127"/>
      <c r="FY4256" s="126"/>
      <c r="FZ4256" s="91"/>
      <c r="GA4256" s="91"/>
      <c r="GB4256" s="91"/>
      <c r="GC4256" s="91"/>
      <c r="GD4256" s="91"/>
      <c r="GE4256" s="91"/>
      <c r="GF4256" s="91"/>
      <c r="GG4256" s="91"/>
      <c r="GH4256" s="91"/>
      <c r="GI4256" s="91"/>
      <c r="GJ4256" s="91"/>
      <c r="GK4256" s="127"/>
      <c r="GL4256" s="126"/>
      <c r="GM4256" s="91"/>
      <c r="GN4256" s="91"/>
      <c r="GO4256" s="91"/>
      <c r="GP4256" s="91"/>
      <c r="GQ4256" s="91"/>
      <c r="GR4256" s="91"/>
      <c r="GS4256" s="91"/>
      <c r="GT4256" s="91"/>
      <c r="GU4256" s="91"/>
      <c r="GV4256" s="91"/>
      <c r="GW4256" s="91"/>
      <c r="GX4256" s="127"/>
      <c r="GY4256" s="126"/>
      <c r="GZ4256" s="91"/>
      <c r="HA4256" s="91"/>
      <c r="HB4256" s="91"/>
      <c r="HC4256" s="91"/>
      <c r="HD4256" s="91"/>
      <c r="HE4256" s="91"/>
      <c r="HF4256" s="91"/>
      <c r="HG4256" s="91"/>
      <c r="HH4256" s="91"/>
      <c r="HI4256" s="91"/>
      <c r="HJ4256" s="91"/>
      <c r="HK4256" s="127"/>
      <c r="HL4256" s="126"/>
      <c r="HM4256" s="91"/>
      <c r="HN4256" s="91"/>
      <c r="HO4256" s="91"/>
      <c r="HP4256" s="91"/>
      <c r="HQ4256" s="91"/>
      <c r="HR4256" s="91"/>
      <c r="HS4256" s="91"/>
      <c r="HT4256" s="91"/>
      <c r="HU4256" s="91"/>
      <c r="HV4256" s="91"/>
      <c r="HW4256" s="91"/>
      <c r="HX4256" s="127"/>
      <c r="HY4256" s="126"/>
      <c r="HZ4256" s="91"/>
      <c r="IA4256" s="91"/>
      <c r="IB4256" s="91"/>
      <c r="IC4256" s="91"/>
      <c r="ID4256" s="91"/>
      <c r="IE4256" s="91"/>
      <c r="IF4256" s="91"/>
      <c r="IG4256" s="91"/>
      <c r="IH4256" s="91"/>
      <c r="II4256" s="91"/>
      <c r="IJ4256" s="91"/>
      <c r="IK4256" s="174"/>
    </row>
    <row r="4257" spans="2:245" x14ac:dyDescent="0.2">
      <c r="B4257" s="43"/>
      <c r="C4257" s="73"/>
      <c r="D4257" s="64"/>
      <c r="E4257" s="64"/>
      <c r="F4257" s="55"/>
      <c r="G4257" s="102"/>
      <c r="H4257" s="97"/>
      <c r="T4257" s="98"/>
      <c r="U4257" s="97"/>
      <c r="AG4257" s="98"/>
      <c r="AY4257" s="164"/>
      <c r="BK4257" s="98"/>
      <c r="BL4257" s="97"/>
      <c r="BX4257" s="98"/>
      <c r="CL4257" s="97"/>
      <c r="CX4257" s="98"/>
      <c r="DL4257" s="97"/>
      <c r="DX4257" s="98"/>
      <c r="EL4257" s="97"/>
      <c r="EX4257" s="98"/>
      <c r="EY4257" s="97"/>
      <c r="FL4257" s="126"/>
      <c r="FM4257" s="91"/>
      <c r="FN4257" s="91"/>
      <c r="FO4257" s="91"/>
      <c r="FP4257" s="91"/>
      <c r="FQ4257" s="91"/>
      <c r="FR4257" s="91"/>
      <c r="FS4257" s="91"/>
      <c r="FT4257" s="91"/>
      <c r="FU4257" s="91"/>
      <c r="FV4257" s="91"/>
      <c r="FW4257" s="91"/>
      <c r="FX4257" s="127"/>
      <c r="FY4257" s="126"/>
      <c r="FZ4257" s="91"/>
      <c r="GA4257" s="91"/>
      <c r="GB4257" s="91"/>
      <c r="GC4257" s="91"/>
      <c r="GD4257" s="91"/>
      <c r="GE4257" s="91"/>
      <c r="GF4257" s="91"/>
      <c r="GG4257" s="91"/>
      <c r="GH4257" s="91"/>
      <c r="GI4257" s="91"/>
      <c r="GJ4257" s="91"/>
      <c r="GK4257" s="127"/>
      <c r="GL4257" s="126"/>
      <c r="GM4257" s="91"/>
      <c r="GN4257" s="91"/>
      <c r="GO4257" s="91"/>
      <c r="GP4257" s="91"/>
      <c r="GQ4257" s="91"/>
      <c r="GR4257" s="91"/>
      <c r="GS4257" s="91"/>
      <c r="GT4257" s="91"/>
      <c r="GU4257" s="91"/>
      <c r="GV4257" s="91"/>
      <c r="GW4257" s="91"/>
      <c r="GX4257" s="127"/>
      <c r="GY4257" s="126"/>
      <c r="GZ4257" s="91"/>
      <c r="HA4257" s="91"/>
      <c r="HB4257" s="91"/>
      <c r="HC4257" s="91"/>
      <c r="HD4257" s="91"/>
      <c r="HE4257" s="91"/>
      <c r="HF4257" s="91"/>
      <c r="HG4257" s="91"/>
      <c r="HH4257" s="91"/>
      <c r="HI4257" s="91"/>
      <c r="HJ4257" s="91"/>
      <c r="HK4257" s="127"/>
      <c r="HL4257" s="126"/>
      <c r="HM4257" s="91"/>
      <c r="HN4257" s="91"/>
      <c r="HO4257" s="91"/>
      <c r="HP4257" s="91"/>
      <c r="HQ4257" s="91"/>
      <c r="HR4257" s="91"/>
      <c r="HS4257" s="91"/>
      <c r="HT4257" s="91"/>
      <c r="HU4257" s="91"/>
      <c r="HV4257" s="91"/>
      <c r="HW4257" s="91"/>
      <c r="HX4257" s="127"/>
      <c r="HY4257" s="126"/>
      <c r="HZ4257" s="91"/>
      <c r="IA4257" s="91"/>
      <c r="IB4257" s="91"/>
      <c r="IC4257" s="91"/>
      <c r="ID4257" s="91"/>
      <c r="IE4257" s="91"/>
      <c r="IF4257" s="91"/>
      <c r="IG4257" s="91"/>
      <c r="IH4257" s="91"/>
      <c r="II4257" s="91"/>
      <c r="IJ4257" s="91"/>
      <c r="IK4257" s="174"/>
    </row>
    <row r="4258" spans="2:245" x14ac:dyDescent="0.2">
      <c r="B4258" s="43"/>
      <c r="C4258" s="73"/>
      <c r="D4258" s="64"/>
      <c r="E4258" s="64"/>
      <c r="F4258" s="55"/>
      <c r="G4258" s="102"/>
      <c r="H4258" s="97"/>
      <c r="T4258" s="98"/>
      <c r="U4258" s="97"/>
      <c r="AG4258" s="98"/>
      <c r="AY4258" s="164"/>
      <c r="BK4258" s="98"/>
      <c r="BL4258" s="97"/>
      <c r="BX4258" s="98"/>
      <c r="CL4258" s="97"/>
      <c r="CX4258" s="98"/>
      <c r="DL4258" s="97"/>
      <c r="DX4258" s="98"/>
      <c r="EL4258" s="97"/>
      <c r="EX4258" s="98"/>
      <c r="EY4258" s="97"/>
      <c r="FL4258" s="126"/>
      <c r="FM4258" s="91"/>
      <c r="FN4258" s="91"/>
      <c r="FO4258" s="91"/>
      <c r="FP4258" s="91"/>
      <c r="FQ4258" s="91"/>
      <c r="FR4258" s="91"/>
      <c r="FS4258" s="91"/>
      <c r="FT4258" s="91"/>
      <c r="FU4258" s="91"/>
      <c r="FV4258" s="91"/>
      <c r="FW4258" s="91"/>
      <c r="FX4258" s="127"/>
      <c r="FY4258" s="126"/>
      <c r="FZ4258" s="91"/>
      <c r="GA4258" s="91"/>
      <c r="GB4258" s="91"/>
      <c r="GC4258" s="91"/>
      <c r="GD4258" s="91"/>
      <c r="GE4258" s="91"/>
      <c r="GF4258" s="91"/>
      <c r="GG4258" s="91"/>
      <c r="GH4258" s="91"/>
      <c r="GI4258" s="91"/>
      <c r="GJ4258" s="91"/>
      <c r="GK4258" s="127"/>
      <c r="GL4258" s="126"/>
      <c r="GM4258" s="91"/>
      <c r="GN4258" s="91"/>
      <c r="GO4258" s="91"/>
      <c r="GP4258" s="91"/>
      <c r="GQ4258" s="91"/>
      <c r="GR4258" s="91"/>
      <c r="GS4258" s="91"/>
      <c r="GT4258" s="91"/>
      <c r="GU4258" s="91"/>
      <c r="GV4258" s="91"/>
      <c r="GW4258" s="91"/>
      <c r="GX4258" s="127"/>
      <c r="GY4258" s="126"/>
      <c r="GZ4258" s="91"/>
      <c r="HA4258" s="91"/>
      <c r="HB4258" s="91"/>
      <c r="HC4258" s="91"/>
      <c r="HD4258" s="91"/>
      <c r="HE4258" s="91"/>
      <c r="HF4258" s="91"/>
      <c r="HG4258" s="91"/>
      <c r="HH4258" s="91"/>
      <c r="HI4258" s="91"/>
      <c r="HJ4258" s="91"/>
      <c r="HK4258" s="127"/>
      <c r="HL4258" s="126"/>
      <c r="HM4258" s="91"/>
      <c r="HN4258" s="91"/>
      <c r="HO4258" s="91"/>
      <c r="HP4258" s="91"/>
      <c r="HQ4258" s="91"/>
      <c r="HR4258" s="91"/>
      <c r="HS4258" s="91"/>
      <c r="HT4258" s="91"/>
      <c r="HU4258" s="91"/>
      <c r="HV4258" s="91"/>
      <c r="HW4258" s="91"/>
      <c r="HX4258" s="127"/>
      <c r="HY4258" s="126"/>
      <c r="HZ4258" s="91"/>
      <c r="IA4258" s="91"/>
      <c r="IB4258" s="91"/>
      <c r="IC4258" s="91"/>
      <c r="ID4258" s="91"/>
      <c r="IE4258" s="91"/>
      <c r="IF4258" s="91"/>
      <c r="IG4258" s="91"/>
      <c r="IH4258" s="91"/>
      <c r="II4258" s="91"/>
      <c r="IJ4258" s="91"/>
      <c r="IK4258" s="174"/>
    </row>
    <row r="4259" spans="2:245" x14ac:dyDescent="0.2">
      <c r="B4259" s="43"/>
      <c r="C4259" s="73"/>
      <c r="D4259" s="64"/>
      <c r="E4259" s="64"/>
      <c r="F4259" s="55"/>
      <c r="G4259" s="102"/>
      <c r="H4259" s="97"/>
      <c r="T4259" s="98"/>
      <c r="U4259" s="97"/>
      <c r="AG4259" s="98"/>
      <c r="AY4259" s="164"/>
      <c r="BK4259" s="98"/>
      <c r="BL4259" s="97"/>
      <c r="BX4259" s="98"/>
      <c r="CL4259" s="97"/>
      <c r="CX4259" s="98"/>
      <c r="DL4259" s="97"/>
      <c r="DX4259" s="98"/>
      <c r="EL4259" s="97"/>
      <c r="EX4259" s="98"/>
      <c r="EY4259" s="97"/>
      <c r="FL4259" s="126"/>
      <c r="FM4259" s="91"/>
      <c r="FN4259" s="91"/>
      <c r="FO4259" s="91"/>
      <c r="FP4259" s="91"/>
      <c r="FQ4259" s="91"/>
      <c r="FR4259" s="91"/>
      <c r="FS4259" s="91"/>
      <c r="FT4259" s="91"/>
      <c r="FU4259" s="91"/>
      <c r="FV4259" s="91"/>
      <c r="FW4259" s="91"/>
      <c r="FX4259" s="127"/>
      <c r="FY4259" s="126"/>
      <c r="FZ4259" s="91"/>
      <c r="GA4259" s="91"/>
      <c r="GB4259" s="91"/>
      <c r="GC4259" s="91"/>
      <c r="GD4259" s="91"/>
      <c r="GE4259" s="91"/>
      <c r="GF4259" s="91"/>
      <c r="GG4259" s="91"/>
      <c r="GH4259" s="91"/>
      <c r="GI4259" s="91"/>
      <c r="GJ4259" s="91"/>
      <c r="GK4259" s="127"/>
      <c r="GL4259" s="126"/>
      <c r="GM4259" s="91"/>
      <c r="GN4259" s="91"/>
      <c r="GO4259" s="91"/>
      <c r="GP4259" s="91"/>
      <c r="GQ4259" s="91"/>
      <c r="GR4259" s="91"/>
      <c r="GS4259" s="91"/>
      <c r="GT4259" s="91"/>
      <c r="GU4259" s="91"/>
      <c r="GV4259" s="91"/>
      <c r="GW4259" s="91"/>
      <c r="GX4259" s="127"/>
      <c r="GY4259" s="126"/>
      <c r="GZ4259" s="91"/>
      <c r="HA4259" s="91"/>
      <c r="HB4259" s="91"/>
      <c r="HC4259" s="91"/>
      <c r="HD4259" s="91"/>
      <c r="HE4259" s="91"/>
      <c r="HF4259" s="91"/>
      <c r="HG4259" s="91"/>
      <c r="HH4259" s="91"/>
      <c r="HI4259" s="91"/>
      <c r="HJ4259" s="91"/>
      <c r="HK4259" s="127"/>
      <c r="HL4259" s="126"/>
      <c r="HM4259" s="91"/>
      <c r="HN4259" s="91"/>
      <c r="HO4259" s="91"/>
      <c r="HP4259" s="91"/>
      <c r="HQ4259" s="91"/>
      <c r="HR4259" s="91"/>
      <c r="HS4259" s="91"/>
      <c r="HT4259" s="91"/>
      <c r="HU4259" s="91"/>
      <c r="HV4259" s="91"/>
      <c r="HW4259" s="91"/>
      <c r="HX4259" s="127"/>
      <c r="HY4259" s="126"/>
      <c r="HZ4259" s="91"/>
      <c r="IA4259" s="91"/>
      <c r="IB4259" s="91"/>
      <c r="IC4259" s="91"/>
      <c r="ID4259" s="91"/>
      <c r="IE4259" s="91"/>
      <c r="IF4259" s="91"/>
      <c r="IG4259" s="91"/>
      <c r="IH4259" s="91"/>
      <c r="II4259" s="91"/>
      <c r="IJ4259" s="91"/>
      <c r="IK4259" s="174"/>
    </row>
    <row r="4260" spans="2:245" x14ac:dyDescent="0.2">
      <c r="B4260" s="43"/>
      <c r="C4260" s="73"/>
      <c r="D4260" s="64"/>
      <c r="E4260" s="64"/>
      <c r="F4260" s="55"/>
      <c r="G4260" s="102"/>
      <c r="H4260" s="97"/>
      <c r="T4260" s="98"/>
      <c r="U4260" s="97"/>
      <c r="AG4260" s="98"/>
      <c r="AY4260" s="164"/>
      <c r="BK4260" s="98"/>
      <c r="BL4260" s="97"/>
      <c r="BX4260" s="98"/>
      <c r="CL4260" s="97"/>
      <c r="CX4260" s="98"/>
      <c r="DL4260" s="97"/>
      <c r="DX4260" s="98"/>
      <c r="EL4260" s="97"/>
      <c r="EX4260" s="98"/>
      <c r="EY4260" s="97"/>
      <c r="FL4260" s="126"/>
      <c r="FM4260" s="91"/>
      <c r="FN4260" s="91"/>
      <c r="FO4260" s="91"/>
      <c r="FP4260" s="91"/>
      <c r="FQ4260" s="91"/>
      <c r="FR4260" s="91"/>
      <c r="FS4260" s="91"/>
      <c r="FT4260" s="91"/>
      <c r="FU4260" s="91"/>
      <c r="FV4260" s="91"/>
      <c r="FW4260" s="91"/>
      <c r="FX4260" s="127"/>
      <c r="FY4260" s="126"/>
      <c r="FZ4260" s="91"/>
      <c r="GA4260" s="91"/>
      <c r="GB4260" s="91"/>
      <c r="GC4260" s="91"/>
      <c r="GD4260" s="91"/>
      <c r="GE4260" s="91"/>
      <c r="GF4260" s="91"/>
      <c r="GG4260" s="91"/>
      <c r="GH4260" s="91"/>
      <c r="GI4260" s="91"/>
      <c r="GJ4260" s="91"/>
      <c r="GK4260" s="127"/>
      <c r="GL4260" s="126"/>
      <c r="GM4260" s="91"/>
      <c r="GN4260" s="91"/>
      <c r="GO4260" s="91"/>
      <c r="GP4260" s="91"/>
      <c r="GQ4260" s="91"/>
      <c r="GR4260" s="91"/>
      <c r="GS4260" s="91"/>
      <c r="GT4260" s="91"/>
      <c r="GU4260" s="91"/>
      <c r="GV4260" s="91"/>
      <c r="GW4260" s="91"/>
      <c r="GX4260" s="127"/>
      <c r="GY4260" s="126"/>
      <c r="GZ4260" s="91"/>
      <c r="HA4260" s="91"/>
      <c r="HB4260" s="91"/>
      <c r="HC4260" s="91"/>
      <c r="HD4260" s="91"/>
      <c r="HE4260" s="91"/>
      <c r="HF4260" s="91"/>
      <c r="HG4260" s="91"/>
      <c r="HH4260" s="91"/>
      <c r="HI4260" s="91"/>
      <c r="HJ4260" s="91"/>
      <c r="HK4260" s="127"/>
      <c r="HL4260" s="126"/>
      <c r="HM4260" s="91"/>
      <c r="HN4260" s="91"/>
      <c r="HO4260" s="91"/>
      <c r="HP4260" s="91"/>
      <c r="HQ4260" s="91"/>
      <c r="HR4260" s="91"/>
      <c r="HS4260" s="91"/>
      <c r="HT4260" s="91"/>
      <c r="HU4260" s="91"/>
      <c r="HV4260" s="91"/>
      <c r="HW4260" s="91"/>
      <c r="HX4260" s="127"/>
      <c r="HY4260" s="126"/>
      <c r="HZ4260" s="91"/>
      <c r="IA4260" s="91"/>
      <c r="IB4260" s="91"/>
      <c r="IC4260" s="91"/>
      <c r="ID4260" s="91"/>
      <c r="IE4260" s="91"/>
      <c r="IF4260" s="91"/>
      <c r="IG4260" s="91"/>
      <c r="IH4260" s="91"/>
      <c r="II4260" s="91"/>
      <c r="IJ4260" s="91"/>
      <c r="IK4260" s="174"/>
    </row>
    <row r="4261" spans="2:245" x14ac:dyDescent="0.2">
      <c r="B4261" s="43"/>
      <c r="C4261" s="73"/>
      <c r="D4261" s="64"/>
      <c r="E4261" s="64"/>
      <c r="F4261" s="55"/>
      <c r="G4261" s="102"/>
      <c r="H4261" s="97"/>
      <c r="T4261" s="98"/>
      <c r="U4261" s="97"/>
      <c r="AG4261" s="98"/>
      <c r="AY4261" s="164"/>
      <c r="BK4261" s="98"/>
      <c r="BL4261" s="97"/>
      <c r="BX4261" s="98"/>
      <c r="CL4261" s="97"/>
      <c r="CX4261" s="98"/>
      <c r="DL4261" s="97"/>
      <c r="DX4261" s="98"/>
      <c r="EL4261" s="97"/>
      <c r="EX4261" s="98"/>
      <c r="EY4261" s="97"/>
      <c r="FL4261" s="126"/>
      <c r="FM4261" s="91"/>
      <c r="FN4261" s="91"/>
      <c r="FO4261" s="91"/>
      <c r="FP4261" s="91"/>
      <c r="FQ4261" s="91"/>
      <c r="FR4261" s="91"/>
      <c r="FS4261" s="91"/>
      <c r="FT4261" s="91"/>
      <c r="FU4261" s="91"/>
      <c r="FV4261" s="91"/>
      <c r="FW4261" s="91"/>
      <c r="FX4261" s="127"/>
      <c r="FY4261" s="126"/>
      <c r="FZ4261" s="91"/>
      <c r="GA4261" s="91"/>
      <c r="GB4261" s="91"/>
      <c r="GC4261" s="91"/>
      <c r="GD4261" s="91"/>
      <c r="GE4261" s="91"/>
      <c r="GF4261" s="91"/>
      <c r="GG4261" s="91"/>
      <c r="GH4261" s="91"/>
      <c r="GI4261" s="91"/>
      <c r="GJ4261" s="91"/>
      <c r="GK4261" s="127"/>
      <c r="GL4261" s="126"/>
      <c r="GM4261" s="91"/>
      <c r="GN4261" s="91"/>
      <c r="GO4261" s="91"/>
      <c r="GP4261" s="91"/>
      <c r="GQ4261" s="91"/>
      <c r="GR4261" s="91"/>
      <c r="GS4261" s="91"/>
      <c r="GT4261" s="91"/>
      <c r="GU4261" s="91"/>
      <c r="GV4261" s="91"/>
      <c r="GW4261" s="91"/>
      <c r="GX4261" s="127"/>
      <c r="GY4261" s="126"/>
      <c r="GZ4261" s="91"/>
      <c r="HA4261" s="91"/>
      <c r="HB4261" s="91"/>
      <c r="HC4261" s="91"/>
      <c r="HD4261" s="91"/>
      <c r="HE4261" s="91"/>
      <c r="HF4261" s="91"/>
      <c r="HG4261" s="91"/>
      <c r="HH4261" s="91"/>
      <c r="HI4261" s="91"/>
      <c r="HJ4261" s="91"/>
      <c r="HK4261" s="127"/>
      <c r="HL4261" s="126"/>
      <c r="HM4261" s="91"/>
      <c r="HN4261" s="91"/>
      <c r="HO4261" s="91"/>
      <c r="HP4261" s="91"/>
      <c r="HQ4261" s="91"/>
      <c r="HR4261" s="91"/>
      <c r="HS4261" s="91"/>
      <c r="HT4261" s="91"/>
      <c r="HU4261" s="91"/>
      <c r="HV4261" s="91"/>
      <c r="HW4261" s="91"/>
      <c r="HX4261" s="127"/>
      <c r="HY4261" s="126"/>
      <c r="HZ4261" s="91"/>
      <c r="IA4261" s="91"/>
      <c r="IB4261" s="91"/>
      <c r="IC4261" s="91"/>
      <c r="ID4261" s="91"/>
      <c r="IE4261" s="91"/>
      <c r="IF4261" s="91"/>
      <c r="IG4261" s="91"/>
      <c r="IH4261" s="91"/>
      <c r="II4261" s="91"/>
      <c r="IJ4261" s="91"/>
      <c r="IK4261" s="174"/>
    </row>
    <row r="4262" spans="2:245" x14ac:dyDescent="0.2">
      <c r="B4262" s="43"/>
      <c r="C4262" s="73"/>
      <c r="D4262" s="64"/>
      <c r="E4262" s="64"/>
      <c r="F4262" s="55"/>
      <c r="G4262" s="102"/>
      <c r="H4262" s="97"/>
      <c r="T4262" s="98"/>
      <c r="U4262" s="97"/>
      <c r="AG4262" s="98"/>
      <c r="AY4262" s="164"/>
      <c r="BK4262" s="98"/>
      <c r="BL4262" s="97"/>
      <c r="BX4262" s="98"/>
      <c r="CL4262" s="97"/>
      <c r="CX4262" s="98"/>
      <c r="DL4262" s="97"/>
      <c r="DX4262" s="98"/>
      <c r="EL4262" s="97"/>
      <c r="EX4262" s="98"/>
      <c r="EY4262" s="97"/>
      <c r="FL4262" s="126"/>
      <c r="FM4262" s="91"/>
      <c r="FN4262" s="91"/>
      <c r="FO4262" s="91"/>
      <c r="FP4262" s="91"/>
      <c r="FQ4262" s="91"/>
      <c r="FR4262" s="91"/>
      <c r="FS4262" s="91"/>
      <c r="FT4262" s="91"/>
      <c r="FU4262" s="91"/>
      <c r="FV4262" s="91"/>
      <c r="FW4262" s="91"/>
      <c r="FX4262" s="127"/>
      <c r="FY4262" s="126"/>
      <c r="FZ4262" s="91"/>
      <c r="GA4262" s="91"/>
      <c r="GB4262" s="91"/>
      <c r="GC4262" s="91"/>
      <c r="GD4262" s="91"/>
      <c r="GE4262" s="91"/>
      <c r="GF4262" s="91"/>
      <c r="GG4262" s="91"/>
      <c r="GH4262" s="91"/>
      <c r="GI4262" s="91"/>
      <c r="GJ4262" s="91"/>
      <c r="GK4262" s="127"/>
      <c r="GL4262" s="126"/>
      <c r="GM4262" s="91"/>
      <c r="GN4262" s="91"/>
      <c r="GO4262" s="91"/>
      <c r="GP4262" s="91"/>
      <c r="GQ4262" s="91"/>
      <c r="GR4262" s="91"/>
      <c r="GS4262" s="91"/>
      <c r="GT4262" s="91"/>
      <c r="GU4262" s="91"/>
      <c r="GV4262" s="91"/>
      <c r="GW4262" s="91"/>
      <c r="GX4262" s="127"/>
      <c r="GY4262" s="126"/>
      <c r="GZ4262" s="91"/>
      <c r="HA4262" s="91"/>
      <c r="HB4262" s="91"/>
      <c r="HC4262" s="91"/>
      <c r="HD4262" s="91"/>
      <c r="HE4262" s="91"/>
      <c r="HF4262" s="91"/>
      <c r="HG4262" s="91"/>
      <c r="HH4262" s="91"/>
      <c r="HI4262" s="91"/>
      <c r="HJ4262" s="91"/>
      <c r="HK4262" s="127"/>
      <c r="HL4262" s="126"/>
      <c r="HM4262" s="91"/>
      <c r="HN4262" s="91"/>
      <c r="HO4262" s="91"/>
      <c r="HP4262" s="91"/>
      <c r="HQ4262" s="91"/>
      <c r="HR4262" s="91"/>
      <c r="HS4262" s="91"/>
      <c r="HT4262" s="91"/>
      <c r="HU4262" s="91"/>
      <c r="HV4262" s="91"/>
      <c r="HW4262" s="91"/>
      <c r="HX4262" s="127"/>
      <c r="HY4262" s="126"/>
      <c r="HZ4262" s="91"/>
      <c r="IA4262" s="91"/>
      <c r="IB4262" s="91"/>
      <c r="IC4262" s="91"/>
      <c r="ID4262" s="91"/>
      <c r="IE4262" s="91"/>
      <c r="IF4262" s="91"/>
      <c r="IG4262" s="91"/>
      <c r="IH4262" s="91"/>
      <c r="II4262" s="91"/>
      <c r="IJ4262" s="91"/>
      <c r="IK4262" s="174"/>
    </row>
    <row r="4263" spans="2:245" x14ac:dyDescent="0.2">
      <c r="B4263" s="43"/>
      <c r="C4263" s="73"/>
      <c r="D4263" s="64"/>
      <c r="E4263" s="64"/>
      <c r="F4263" s="55"/>
      <c r="G4263" s="102"/>
      <c r="H4263" s="97"/>
      <c r="T4263" s="98"/>
      <c r="U4263" s="97"/>
      <c r="AG4263" s="98"/>
      <c r="AY4263" s="164"/>
      <c r="BK4263" s="98"/>
      <c r="BL4263" s="97"/>
      <c r="BX4263" s="98"/>
      <c r="CL4263" s="97"/>
      <c r="CX4263" s="98"/>
      <c r="DL4263" s="97"/>
      <c r="DX4263" s="98"/>
      <c r="EL4263" s="97"/>
      <c r="EX4263" s="98"/>
      <c r="EY4263" s="97"/>
      <c r="FL4263" s="126"/>
      <c r="FM4263" s="91"/>
      <c r="FN4263" s="91"/>
      <c r="FO4263" s="91"/>
      <c r="FP4263" s="91"/>
      <c r="FQ4263" s="91"/>
      <c r="FR4263" s="91"/>
      <c r="FS4263" s="91"/>
      <c r="FT4263" s="91"/>
      <c r="FU4263" s="91"/>
      <c r="FV4263" s="91"/>
      <c r="FW4263" s="91"/>
      <c r="FX4263" s="127"/>
      <c r="FY4263" s="126"/>
      <c r="FZ4263" s="91"/>
      <c r="GA4263" s="91"/>
      <c r="GB4263" s="91"/>
      <c r="GC4263" s="91"/>
      <c r="GD4263" s="91"/>
      <c r="GE4263" s="91"/>
      <c r="GF4263" s="91"/>
      <c r="GG4263" s="91"/>
      <c r="GH4263" s="91"/>
      <c r="GI4263" s="91"/>
      <c r="GJ4263" s="91"/>
      <c r="GK4263" s="127"/>
      <c r="GL4263" s="126"/>
      <c r="GM4263" s="91"/>
      <c r="GN4263" s="91"/>
      <c r="GO4263" s="91"/>
      <c r="GP4263" s="91"/>
      <c r="GQ4263" s="91"/>
      <c r="GR4263" s="91"/>
      <c r="GS4263" s="91"/>
      <c r="GT4263" s="91"/>
      <c r="GU4263" s="91"/>
      <c r="GV4263" s="91"/>
      <c r="GW4263" s="91"/>
      <c r="GX4263" s="127"/>
      <c r="GY4263" s="126"/>
      <c r="GZ4263" s="91"/>
      <c r="HA4263" s="91"/>
      <c r="HB4263" s="91"/>
      <c r="HC4263" s="91"/>
      <c r="HD4263" s="91"/>
      <c r="HE4263" s="91"/>
      <c r="HF4263" s="91"/>
      <c r="HG4263" s="91"/>
      <c r="HH4263" s="91"/>
      <c r="HI4263" s="91"/>
      <c r="HJ4263" s="91"/>
      <c r="HK4263" s="127"/>
      <c r="HL4263" s="126"/>
      <c r="HM4263" s="91"/>
      <c r="HN4263" s="91"/>
      <c r="HO4263" s="91"/>
      <c r="HP4263" s="91"/>
      <c r="HQ4263" s="91"/>
      <c r="HR4263" s="91"/>
      <c r="HS4263" s="91"/>
      <c r="HT4263" s="91"/>
      <c r="HU4263" s="91"/>
      <c r="HV4263" s="91"/>
      <c r="HW4263" s="91"/>
      <c r="HX4263" s="127"/>
      <c r="HY4263" s="126"/>
      <c r="HZ4263" s="91"/>
      <c r="IA4263" s="91"/>
      <c r="IB4263" s="91"/>
      <c r="IC4263" s="91"/>
      <c r="ID4263" s="91"/>
      <c r="IE4263" s="91"/>
      <c r="IF4263" s="91"/>
      <c r="IG4263" s="91"/>
      <c r="IH4263" s="91"/>
      <c r="II4263" s="91"/>
      <c r="IJ4263" s="91"/>
      <c r="IK4263" s="174"/>
    </row>
    <row r="4264" spans="2:245" x14ac:dyDescent="0.2">
      <c r="B4264" s="43"/>
      <c r="C4264" s="73"/>
      <c r="D4264" s="64"/>
      <c r="E4264" s="64"/>
      <c r="F4264" s="55"/>
      <c r="G4264" s="102"/>
      <c r="H4264" s="97"/>
      <c r="T4264" s="98"/>
      <c r="U4264" s="97"/>
      <c r="AG4264" s="98"/>
      <c r="AY4264" s="164"/>
      <c r="BK4264" s="98"/>
      <c r="BL4264" s="97"/>
      <c r="BX4264" s="98"/>
      <c r="CL4264" s="97"/>
      <c r="CX4264" s="98"/>
      <c r="DL4264" s="97"/>
      <c r="DX4264" s="98"/>
      <c r="EL4264" s="97"/>
      <c r="EX4264" s="98"/>
      <c r="EY4264" s="97"/>
      <c r="FL4264" s="126"/>
      <c r="FM4264" s="91"/>
      <c r="FN4264" s="91"/>
      <c r="FO4264" s="91"/>
      <c r="FP4264" s="91"/>
      <c r="FQ4264" s="91"/>
      <c r="FR4264" s="91"/>
      <c r="FS4264" s="91"/>
      <c r="FT4264" s="91"/>
      <c r="FU4264" s="91"/>
      <c r="FV4264" s="91"/>
      <c r="FW4264" s="91"/>
      <c r="FX4264" s="127"/>
      <c r="FY4264" s="126"/>
      <c r="FZ4264" s="91"/>
      <c r="GA4264" s="91"/>
      <c r="GB4264" s="91"/>
      <c r="GC4264" s="91"/>
      <c r="GD4264" s="91"/>
      <c r="GE4264" s="91"/>
      <c r="GF4264" s="91"/>
      <c r="GG4264" s="91"/>
      <c r="GH4264" s="91"/>
      <c r="GI4264" s="91"/>
      <c r="GJ4264" s="91"/>
      <c r="GK4264" s="127"/>
      <c r="GL4264" s="126"/>
      <c r="GM4264" s="91"/>
      <c r="GN4264" s="91"/>
      <c r="GO4264" s="91"/>
      <c r="GP4264" s="91"/>
      <c r="GQ4264" s="91"/>
      <c r="GR4264" s="91"/>
      <c r="GS4264" s="91"/>
      <c r="GT4264" s="91"/>
      <c r="GU4264" s="91"/>
      <c r="GV4264" s="91"/>
      <c r="GW4264" s="91"/>
      <c r="GX4264" s="127"/>
      <c r="GY4264" s="126"/>
      <c r="GZ4264" s="91"/>
      <c r="HA4264" s="91"/>
      <c r="HB4264" s="91"/>
      <c r="HC4264" s="91"/>
      <c r="HD4264" s="91"/>
      <c r="HE4264" s="91"/>
      <c r="HF4264" s="91"/>
      <c r="HG4264" s="91"/>
      <c r="HH4264" s="91"/>
      <c r="HI4264" s="91"/>
      <c r="HJ4264" s="91"/>
      <c r="HK4264" s="127"/>
      <c r="HL4264" s="126"/>
      <c r="HM4264" s="91"/>
      <c r="HN4264" s="91"/>
      <c r="HO4264" s="91"/>
      <c r="HP4264" s="91"/>
      <c r="HQ4264" s="91"/>
      <c r="HR4264" s="91"/>
      <c r="HS4264" s="91"/>
      <c r="HT4264" s="91"/>
      <c r="HU4264" s="91"/>
      <c r="HV4264" s="91"/>
      <c r="HW4264" s="91"/>
      <c r="HX4264" s="127"/>
      <c r="HY4264" s="126"/>
      <c r="HZ4264" s="91"/>
      <c r="IA4264" s="91"/>
      <c r="IB4264" s="91"/>
      <c r="IC4264" s="91"/>
      <c r="ID4264" s="91"/>
      <c r="IE4264" s="91"/>
      <c r="IF4264" s="91"/>
      <c r="IG4264" s="91"/>
      <c r="IH4264" s="91"/>
      <c r="II4264" s="91"/>
      <c r="IJ4264" s="91"/>
      <c r="IK4264" s="174"/>
    </row>
    <row r="4265" spans="2:245" x14ac:dyDescent="0.2">
      <c r="B4265" s="43"/>
      <c r="C4265" s="73"/>
      <c r="D4265" s="64"/>
      <c r="E4265" s="64"/>
      <c r="F4265" s="55"/>
      <c r="G4265" s="102"/>
      <c r="H4265" s="97"/>
      <c r="T4265" s="98"/>
      <c r="U4265" s="97"/>
      <c r="AG4265" s="98"/>
      <c r="AY4265" s="164"/>
      <c r="BK4265" s="98"/>
      <c r="BL4265" s="97"/>
      <c r="BX4265" s="98"/>
      <c r="CL4265" s="97"/>
      <c r="CX4265" s="98"/>
      <c r="DL4265" s="97"/>
      <c r="DX4265" s="98"/>
      <c r="EL4265" s="97"/>
      <c r="EX4265" s="98"/>
      <c r="EY4265" s="97"/>
      <c r="FL4265" s="126"/>
      <c r="FM4265" s="91"/>
      <c r="FN4265" s="91"/>
      <c r="FO4265" s="91"/>
      <c r="FP4265" s="91"/>
      <c r="FQ4265" s="91"/>
      <c r="FR4265" s="91"/>
      <c r="FS4265" s="91"/>
      <c r="FT4265" s="91"/>
      <c r="FU4265" s="91"/>
      <c r="FV4265" s="91"/>
      <c r="FW4265" s="91"/>
      <c r="FX4265" s="127"/>
      <c r="FY4265" s="126"/>
      <c r="FZ4265" s="91"/>
      <c r="GA4265" s="91"/>
      <c r="GB4265" s="91"/>
      <c r="GC4265" s="91"/>
      <c r="GD4265" s="91"/>
      <c r="GE4265" s="91"/>
      <c r="GF4265" s="91"/>
      <c r="GG4265" s="91"/>
      <c r="GH4265" s="91"/>
      <c r="GI4265" s="91"/>
      <c r="GJ4265" s="91"/>
      <c r="GK4265" s="127"/>
      <c r="GL4265" s="126"/>
      <c r="GM4265" s="91"/>
      <c r="GN4265" s="91"/>
      <c r="GO4265" s="91"/>
      <c r="GP4265" s="91"/>
      <c r="GQ4265" s="91"/>
      <c r="GR4265" s="91"/>
      <c r="GS4265" s="91"/>
      <c r="GT4265" s="91"/>
      <c r="GU4265" s="91"/>
      <c r="GV4265" s="91"/>
      <c r="GW4265" s="91"/>
      <c r="GX4265" s="127"/>
      <c r="GY4265" s="126"/>
      <c r="GZ4265" s="91"/>
      <c r="HA4265" s="91"/>
      <c r="HB4265" s="91"/>
      <c r="HC4265" s="91"/>
      <c r="HD4265" s="91"/>
      <c r="HE4265" s="91"/>
      <c r="HF4265" s="91"/>
      <c r="HG4265" s="91"/>
      <c r="HH4265" s="91"/>
      <c r="HI4265" s="91"/>
      <c r="HJ4265" s="91"/>
      <c r="HK4265" s="127"/>
      <c r="HL4265" s="126"/>
      <c r="HM4265" s="91"/>
      <c r="HN4265" s="91"/>
      <c r="HO4265" s="91"/>
      <c r="HP4265" s="91"/>
      <c r="HQ4265" s="91"/>
      <c r="HR4265" s="91"/>
      <c r="HS4265" s="91"/>
      <c r="HT4265" s="91"/>
      <c r="HU4265" s="91"/>
      <c r="HV4265" s="91"/>
      <c r="HW4265" s="91"/>
      <c r="HX4265" s="127"/>
      <c r="HY4265" s="126"/>
      <c r="HZ4265" s="91"/>
      <c r="IA4265" s="91"/>
      <c r="IB4265" s="91"/>
      <c r="IC4265" s="91"/>
      <c r="ID4265" s="91"/>
      <c r="IE4265" s="91"/>
      <c r="IF4265" s="91"/>
      <c r="IG4265" s="91"/>
      <c r="IH4265" s="91"/>
      <c r="II4265" s="91"/>
      <c r="IJ4265" s="91"/>
      <c r="IK4265" s="174"/>
    </row>
    <row r="4266" spans="2:245" x14ac:dyDescent="0.2">
      <c r="B4266" s="43"/>
      <c r="C4266" s="73"/>
      <c r="D4266" s="64"/>
      <c r="E4266" s="64"/>
      <c r="F4266" s="55"/>
      <c r="G4266" s="102"/>
      <c r="H4266" s="97"/>
      <c r="T4266" s="98"/>
      <c r="U4266" s="97"/>
      <c r="AG4266" s="98"/>
      <c r="AY4266" s="164"/>
      <c r="BK4266" s="98"/>
      <c r="BL4266" s="97"/>
      <c r="BX4266" s="98"/>
      <c r="CL4266" s="97"/>
      <c r="CX4266" s="98"/>
      <c r="DL4266" s="97"/>
      <c r="DX4266" s="98"/>
      <c r="EL4266" s="97"/>
      <c r="EX4266" s="98"/>
      <c r="EY4266" s="97"/>
      <c r="FL4266" s="126"/>
      <c r="FM4266" s="91"/>
      <c r="FN4266" s="91"/>
      <c r="FO4266" s="91"/>
      <c r="FP4266" s="91"/>
      <c r="FQ4266" s="91"/>
      <c r="FR4266" s="91"/>
      <c r="FS4266" s="91"/>
      <c r="FT4266" s="91"/>
      <c r="FU4266" s="91"/>
      <c r="FV4266" s="91"/>
      <c r="FW4266" s="91"/>
      <c r="FX4266" s="127"/>
      <c r="FY4266" s="126"/>
      <c r="FZ4266" s="91"/>
      <c r="GA4266" s="91"/>
      <c r="GB4266" s="91"/>
      <c r="GC4266" s="91"/>
      <c r="GD4266" s="91"/>
      <c r="GE4266" s="91"/>
      <c r="GF4266" s="91"/>
      <c r="GG4266" s="91"/>
      <c r="GH4266" s="91"/>
      <c r="GI4266" s="91"/>
      <c r="GJ4266" s="91"/>
      <c r="GK4266" s="127"/>
      <c r="GL4266" s="126"/>
      <c r="GM4266" s="91"/>
      <c r="GN4266" s="91"/>
      <c r="GO4266" s="91"/>
      <c r="GP4266" s="91"/>
      <c r="GQ4266" s="91"/>
      <c r="GR4266" s="91"/>
      <c r="GS4266" s="91"/>
      <c r="GT4266" s="91"/>
      <c r="GU4266" s="91"/>
      <c r="GV4266" s="91"/>
      <c r="GW4266" s="91"/>
      <c r="GX4266" s="127"/>
      <c r="GY4266" s="126"/>
      <c r="GZ4266" s="91"/>
      <c r="HA4266" s="91"/>
      <c r="HB4266" s="91"/>
      <c r="HC4266" s="91"/>
      <c r="HD4266" s="91"/>
      <c r="HE4266" s="91"/>
      <c r="HF4266" s="91"/>
      <c r="HG4266" s="91"/>
      <c r="HH4266" s="91"/>
      <c r="HI4266" s="91"/>
      <c r="HJ4266" s="91"/>
      <c r="HK4266" s="127"/>
      <c r="HL4266" s="126"/>
      <c r="HM4266" s="91"/>
      <c r="HN4266" s="91"/>
      <c r="HO4266" s="91"/>
      <c r="HP4266" s="91"/>
      <c r="HQ4266" s="91"/>
      <c r="HR4266" s="91"/>
      <c r="HS4266" s="91"/>
      <c r="HT4266" s="91"/>
      <c r="HU4266" s="91"/>
      <c r="HV4266" s="91"/>
      <c r="HW4266" s="91"/>
      <c r="HX4266" s="127"/>
      <c r="HY4266" s="126"/>
      <c r="HZ4266" s="91"/>
      <c r="IA4266" s="91"/>
      <c r="IB4266" s="91"/>
      <c r="IC4266" s="91"/>
      <c r="ID4266" s="91"/>
      <c r="IE4266" s="91"/>
      <c r="IF4266" s="91"/>
      <c r="IG4266" s="91"/>
      <c r="IH4266" s="91"/>
      <c r="II4266" s="91"/>
      <c r="IJ4266" s="91"/>
      <c r="IK4266" s="174"/>
    </row>
    <row r="4267" spans="2:245" x14ac:dyDescent="0.2">
      <c r="B4267" s="43"/>
      <c r="C4267" s="73"/>
      <c r="D4267" s="64"/>
      <c r="E4267" s="64"/>
      <c r="F4267" s="55"/>
      <c r="G4267" s="102"/>
      <c r="H4267" s="97"/>
      <c r="T4267" s="98"/>
      <c r="U4267" s="97"/>
      <c r="AG4267" s="98"/>
      <c r="AY4267" s="164"/>
      <c r="BK4267" s="98"/>
      <c r="BL4267" s="97"/>
      <c r="BX4267" s="98"/>
      <c r="CL4267" s="97"/>
      <c r="CX4267" s="98"/>
      <c r="DL4267" s="97"/>
      <c r="DX4267" s="98"/>
      <c r="EL4267" s="97"/>
      <c r="EX4267" s="98"/>
      <c r="EY4267" s="97"/>
      <c r="FL4267" s="126"/>
      <c r="FM4267" s="91"/>
      <c r="FN4267" s="91"/>
      <c r="FO4267" s="91"/>
      <c r="FP4267" s="91"/>
      <c r="FQ4267" s="91"/>
      <c r="FR4267" s="91"/>
      <c r="FS4267" s="91"/>
      <c r="FT4267" s="91"/>
      <c r="FU4267" s="91"/>
      <c r="FV4267" s="91"/>
      <c r="FW4267" s="91"/>
      <c r="FX4267" s="127"/>
      <c r="FY4267" s="126"/>
      <c r="FZ4267" s="91"/>
      <c r="GA4267" s="91"/>
      <c r="GB4267" s="91"/>
      <c r="GC4267" s="91"/>
      <c r="GD4267" s="91"/>
      <c r="GE4267" s="91"/>
      <c r="GF4267" s="91"/>
      <c r="GG4267" s="91"/>
      <c r="GH4267" s="91"/>
      <c r="GI4267" s="91"/>
      <c r="GJ4267" s="91"/>
      <c r="GK4267" s="127"/>
      <c r="GL4267" s="126"/>
      <c r="GM4267" s="91"/>
      <c r="GN4267" s="91"/>
      <c r="GO4267" s="91"/>
      <c r="GP4267" s="91"/>
      <c r="GQ4267" s="91"/>
      <c r="GR4267" s="91"/>
      <c r="GS4267" s="91"/>
      <c r="GT4267" s="91"/>
      <c r="GU4267" s="91"/>
      <c r="GV4267" s="91"/>
      <c r="GW4267" s="91"/>
      <c r="GX4267" s="127"/>
      <c r="GY4267" s="126"/>
      <c r="GZ4267" s="91"/>
      <c r="HA4267" s="91"/>
      <c r="HB4267" s="91"/>
      <c r="HC4267" s="91"/>
      <c r="HD4267" s="91"/>
      <c r="HE4267" s="91"/>
      <c r="HF4267" s="91"/>
      <c r="HG4267" s="91"/>
      <c r="HH4267" s="91"/>
      <c r="HI4267" s="91"/>
      <c r="HJ4267" s="91"/>
      <c r="HK4267" s="127"/>
      <c r="HL4267" s="126"/>
      <c r="HM4267" s="91"/>
      <c r="HN4267" s="91"/>
      <c r="HO4267" s="91"/>
      <c r="HP4267" s="91"/>
      <c r="HQ4267" s="91"/>
      <c r="HR4267" s="91"/>
      <c r="HS4267" s="91"/>
      <c r="HT4267" s="91"/>
      <c r="HU4267" s="91"/>
      <c r="HV4267" s="91"/>
      <c r="HW4267" s="91"/>
      <c r="HX4267" s="127"/>
      <c r="HY4267" s="126"/>
      <c r="HZ4267" s="91"/>
      <c r="IA4267" s="91"/>
      <c r="IB4267" s="91"/>
      <c r="IC4267" s="91"/>
      <c r="ID4267" s="91"/>
      <c r="IE4267" s="91"/>
      <c r="IF4267" s="91"/>
      <c r="IG4267" s="91"/>
      <c r="IH4267" s="91"/>
      <c r="II4267" s="91"/>
      <c r="IJ4267" s="91"/>
      <c r="IK4267" s="174"/>
    </row>
    <row r="4268" spans="2:245" x14ac:dyDescent="0.2">
      <c r="B4268" s="43"/>
      <c r="C4268" s="73"/>
      <c r="D4268" s="64"/>
      <c r="E4268" s="64"/>
      <c r="F4268" s="55"/>
      <c r="G4268" s="102"/>
      <c r="H4268" s="97"/>
      <c r="T4268" s="98"/>
      <c r="U4268" s="97"/>
      <c r="AG4268" s="98"/>
      <c r="AY4268" s="164"/>
      <c r="BK4268" s="98"/>
      <c r="BL4268" s="97"/>
      <c r="BX4268" s="98"/>
      <c r="CL4268" s="97"/>
      <c r="CX4268" s="98"/>
      <c r="DL4268" s="97"/>
      <c r="DX4268" s="98"/>
      <c r="EL4268" s="97"/>
      <c r="EX4268" s="98"/>
      <c r="EY4268" s="97"/>
      <c r="FL4268" s="126"/>
      <c r="FM4268" s="91"/>
      <c r="FN4268" s="91"/>
      <c r="FO4268" s="91"/>
      <c r="FP4268" s="91"/>
      <c r="FQ4268" s="91"/>
      <c r="FR4268" s="91"/>
      <c r="FS4268" s="91"/>
      <c r="FT4268" s="91"/>
      <c r="FU4268" s="91"/>
      <c r="FV4268" s="91"/>
      <c r="FW4268" s="91"/>
      <c r="FX4268" s="127"/>
      <c r="FY4268" s="126"/>
      <c r="FZ4268" s="91"/>
      <c r="GA4268" s="91"/>
      <c r="GB4268" s="91"/>
      <c r="GC4268" s="91"/>
      <c r="GD4268" s="91"/>
      <c r="GE4268" s="91"/>
      <c r="GF4268" s="91"/>
      <c r="GG4268" s="91"/>
      <c r="GH4268" s="91"/>
      <c r="GI4268" s="91"/>
      <c r="GJ4268" s="91"/>
      <c r="GK4268" s="127"/>
      <c r="GL4268" s="126"/>
      <c r="GM4268" s="91"/>
      <c r="GN4268" s="91"/>
      <c r="GO4268" s="91"/>
      <c r="GP4268" s="91"/>
      <c r="GQ4268" s="91"/>
      <c r="GR4268" s="91"/>
      <c r="GS4268" s="91"/>
      <c r="GT4268" s="91"/>
      <c r="GU4268" s="91"/>
      <c r="GV4268" s="91"/>
      <c r="GW4268" s="91"/>
      <c r="GX4268" s="127"/>
      <c r="GY4268" s="126"/>
      <c r="GZ4268" s="91"/>
      <c r="HA4268" s="91"/>
      <c r="HB4268" s="91"/>
      <c r="HC4268" s="91"/>
      <c r="HD4268" s="91"/>
      <c r="HE4268" s="91"/>
      <c r="HF4268" s="91"/>
      <c r="HG4268" s="91"/>
      <c r="HH4268" s="91"/>
      <c r="HI4268" s="91"/>
      <c r="HJ4268" s="91"/>
      <c r="HK4268" s="127"/>
      <c r="HL4268" s="126"/>
      <c r="HM4268" s="91"/>
      <c r="HN4268" s="91"/>
      <c r="HO4268" s="91"/>
      <c r="HP4268" s="91"/>
      <c r="HQ4268" s="91"/>
      <c r="HR4268" s="91"/>
      <c r="HS4268" s="91"/>
      <c r="HT4268" s="91"/>
      <c r="HU4268" s="91"/>
      <c r="HV4268" s="91"/>
      <c r="HW4268" s="91"/>
      <c r="HX4268" s="127"/>
      <c r="HY4268" s="126"/>
      <c r="HZ4268" s="91"/>
      <c r="IA4268" s="91"/>
      <c r="IB4268" s="91"/>
      <c r="IC4268" s="91"/>
      <c r="ID4268" s="91"/>
      <c r="IE4268" s="91"/>
      <c r="IF4268" s="91"/>
      <c r="IG4268" s="91"/>
      <c r="IH4268" s="91"/>
      <c r="II4268" s="91"/>
      <c r="IJ4268" s="91"/>
      <c r="IK4268" s="174"/>
    </row>
    <row r="4269" spans="2:245" x14ac:dyDescent="0.2">
      <c r="B4269" s="43"/>
      <c r="C4269" s="73"/>
      <c r="D4269" s="64"/>
      <c r="E4269" s="64"/>
      <c r="F4269" s="55"/>
      <c r="G4269" s="102"/>
      <c r="H4269" s="97"/>
      <c r="T4269" s="98"/>
      <c r="U4269" s="97"/>
      <c r="AG4269" s="98"/>
      <c r="AY4269" s="164"/>
      <c r="BK4269" s="98"/>
      <c r="BL4269" s="97"/>
      <c r="BX4269" s="98"/>
      <c r="CL4269" s="97"/>
      <c r="CX4269" s="98"/>
      <c r="DL4269" s="97"/>
      <c r="DX4269" s="98"/>
      <c r="EL4269" s="97"/>
      <c r="EX4269" s="98"/>
      <c r="EY4269" s="97"/>
      <c r="FL4269" s="126"/>
      <c r="FM4269" s="91"/>
      <c r="FN4269" s="91"/>
      <c r="FO4269" s="91"/>
      <c r="FP4269" s="91"/>
      <c r="FQ4269" s="91"/>
      <c r="FR4269" s="91"/>
      <c r="FS4269" s="91"/>
      <c r="FT4269" s="91"/>
      <c r="FU4269" s="91"/>
      <c r="FV4269" s="91"/>
      <c r="FW4269" s="91"/>
      <c r="FX4269" s="127"/>
      <c r="FY4269" s="126"/>
      <c r="FZ4269" s="91"/>
      <c r="GA4269" s="91"/>
      <c r="GB4269" s="91"/>
      <c r="GC4269" s="91"/>
      <c r="GD4269" s="91"/>
      <c r="GE4269" s="91"/>
      <c r="GF4269" s="91"/>
      <c r="GG4269" s="91"/>
      <c r="GH4269" s="91"/>
      <c r="GI4269" s="91"/>
      <c r="GJ4269" s="91"/>
      <c r="GK4269" s="127"/>
      <c r="GL4269" s="126"/>
      <c r="GM4269" s="91"/>
      <c r="GN4269" s="91"/>
      <c r="GO4269" s="91"/>
      <c r="GP4269" s="91"/>
      <c r="GQ4269" s="91"/>
      <c r="GR4269" s="91"/>
      <c r="GS4269" s="91"/>
      <c r="GT4269" s="91"/>
      <c r="GU4269" s="91"/>
      <c r="GV4269" s="91"/>
      <c r="GW4269" s="91"/>
      <c r="GX4269" s="127"/>
      <c r="GY4269" s="126"/>
      <c r="GZ4269" s="91"/>
      <c r="HA4269" s="91"/>
      <c r="HB4269" s="91"/>
      <c r="HC4269" s="91"/>
      <c r="HD4269" s="91"/>
      <c r="HE4269" s="91"/>
      <c r="HF4269" s="91"/>
      <c r="HG4269" s="91"/>
      <c r="HH4269" s="91"/>
      <c r="HI4269" s="91"/>
      <c r="HJ4269" s="91"/>
      <c r="HK4269" s="127"/>
      <c r="HL4269" s="126"/>
      <c r="HM4269" s="91"/>
      <c r="HN4269" s="91"/>
      <c r="HO4269" s="91"/>
      <c r="HP4269" s="91"/>
      <c r="HQ4269" s="91"/>
      <c r="HR4269" s="91"/>
      <c r="HS4269" s="91"/>
      <c r="HT4269" s="91"/>
      <c r="HU4269" s="91"/>
      <c r="HV4269" s="91"/>
      <c r="HW4269" s="91"/>
      <c r="HX4269" s="127"/>
      <c r="HY4269" s="126"/>
      <c r="HZ4269" s="91"/>
      <c r="IA4269" s="91"/>
      <c r="IB4269" s="91"/>
      <c r="IC4269" s="91"/>
      <c r="ID4269" s="91"/>
      <c r="IE4269" s="91"/>
      <c r="IF4269" s="91"/>
      <c r="IG4269" s="91"/>
      <c r="IH4269" s="91"/>
      <c r="II4269" s="91"/>
      <c r="IJ4269" s="91"/>
      <c r="IK4269" s="174"/>
    </row>
    <row r="4270" spans="2:245" x14ac:dyDescent="0.2">
      <c r="B4270" s="43"/>
      <c r="C4270" s="73"/>
      <c r="D4270" s="64"/>
      <c r="E4270" s="64"/>
      <c r="F4270" s="55"/>
      <c r="G4270" s="102"/>
      <c r="H4270" s="97"/>
      <c r="T4270" s="98"/>
      <c r="U4270" s="97"/>
      <c r="AG4270" s="98"/>
      <c r="AY4270" s="164"/>
      <c r="BK4270" s="98"/>
      <c r="BL4270" s="97"/>
      <c r="BX4270" s="98"/>
      <c r="CL4270" s="97"/>
      <c r="CX4270" s="98"/>
      <c r="DL4270" s="97"/>
      <c r="DX4270" s="98"/>
      <c r="EL4270" s="97"/>
      <c r="EX4270" s="98"/>
      <c r="EY4270" s="97"/>
      <c r="FL4270" s="126"/>
      <c r="FM4270" s="91"/>
      <c r="FN4270" s="91"/>
      <c r="FO4270" s="91"/>
      <c r="FP4270" s="91"/>
      <c r="FQ4270" s="91"/>
      <c r="FR4270" s="91"/>
      <c r="FS4270" s="91"/>
      <c r="FT4270" s="91"/>
      <c r="FU4270" s="91"/>
      <c r="FV4270" s="91"/>
      <c r="FW4270" s="91"/>
      <c r="FX4270" s="127"/>
      <c r="FY4270" s="126"/>
      <c r="FZ4270" s="91"/>
      <c r="GA4270" s="91"/>
      <c r="GB4270" s="91"/>
      <c r="GC4270" s="91"/>
      <c r="GD4270" s="91"/>
      <c r="GE4270" s="91"/>
      <c r="GF4270" s="91"/>
      <c r="GG4270" s="91"/>
      <c r="GH4270" s="91"/>
      <c r="GI4270" s="91"/>
      <c r="GJ4270" s="91"/>
      <c r="GK4270" s="127"/>
      <c r="GL4270" s="126"/>
      <c r="GM4270" s="91"/>
      <c r="GN4270" s="91"/>
      <c r="GO4270" s="91"/>
      <c r="GP4270" s="91"/>
      <c r="GQ4270" s="91"/>
      <c r="GR4270" s="91"/>
      <c r="GS4270" s="91"/>
      <c r="GT4270" s="91"/>
      <c r="GU4270" s="91"/>
      <c r="GV4270" s="91"/>
      <c r="GW4270" s="91"/>
      <c r="GX4270" s="127"/>
      <c r="GY4270" s="126"/>
      <c r="GZ4270" s="91"/>
      <c r="HA4270" s="91"/>
      <c r="HB4270" s="91"/>
      <c r="HC4270" s="91"/>
      <c r="HD4270" s="91"/>
      <c r="HE4270" s="91"/>
      <c r="HF4270" s="91"/>
      <c r="HG4270" s="91"/>
      <c r="HH4270" s="91"/>
      <c r="HI4270" s="91"/>
      <c r="HJ4270" s="91"/>
      <c r="HK4270" s="127"/>
      <c r="HL4270" s="126"/>
      <c r="HM4270" s="91"/>
      <c r="HN4270" s="91"/>
      <c r="HO4270" s="91"/>
      <c r="HP4270" s="91"/>
      <c r="HQ4270" s="91"/>
      <c r="HR4270" s="91"/>
      <c r="HS4270" s="91"/>
      <c r="HT4270" s="91"/>
      <c r="HU4270" s="91"/>
      <c r="HV4270" s="91"/>
      <c r="HW4270" s="91"/>
      <c r="HX4270" s="127"/>
      <c r="HY4270" s="126"/>
      <c r="HZ4270" s="91"/>
      <c r="IA4270" s="91"/>
      <c r="IB4270" s="91"/>
      <c r="IC4270" s="91"/>
      <c r="ID4270" s="91"/>
      <c r="IE4270" s="91"/>
      <c r="IF4270" s="91"/>
      <c r="IG4270" s="91"/>
      <c r="IH4270" s="91"/>
      <c r="II4270" s="91"/>
      <c r="IJ4270" s="91"/>
      <c r="IK4270" s="174"/>
    </row>
    <row r="4271" spans="2:245" x14ac:dyDescent="0.2">
      <c r="B4271" s="43"/>
      <c r="C4271" s="73"/>
      <c r="D4271" s="64"/>
      <c r="E4271" s="64"/>
      <c r="F4271" s="55"/>
      <c r="G4271" s="102"/>
      <c r="H4271" s="97"/>
      <c r="T4271" s="98"/>
      <c r="U4271" s="97"/>
      <c r="AG4271" s="98"/>
      <c r="AY4271" s="164"/>
      <c r="BK4271" s="98"/>
      <c r="BL4271" s="97"/>
      <c r="BX4271" s="98"/>
      <c r="CL4271" s="97"/>
      <c r="CX4271" s="98"/>
      <c r="DL4271" s="97"/>
      <c r="DX4271" s="98"/>
      <c r="EL4271" s="97"/>
      <c r="EX4271" s="98"/>
      <c r="EY4271" s="97"/>
      <c r="FL4271" s="126"/>
      <c r="FM4271" s="91"/>
      <c r="FN4271" s="91"/>
      <c r="FO4271" s="91"/>
      <c r="FP4271" s="91"/>
      <c r="FQ4271" s="91"/>
      <c r="FR4271" s="91"/>
      <c r="FS4271" s="91"/>
      <c r="FT4271" s="91"/>
      <c r="FU4271" s="91"/>
      <c r="FV4271" s="91"/>
      <c r="FW4271" s="91"/>
      <c r="FX4271" s="127"/>
      <c r="FY4271" s="126"/>
      <c r="FZ4271" s="91"/>
      <c r="GA4271" s="91"/>
      <c r="GB4271" s="91"/>
      <c r="GC4271" s="91"/>
      <c r="GD4271" s="91"/>
      <c r="GE4271" s="91"/>
      <c r="GF4271" s="91"/>
      <c r="GG4271" s="91"/>
      <c r="GH4271" s="91"/>
      <c r="GI4271" s="91"/>
      <c r="GJ4271" s="91"/>
      <c r="GK4271" s="127"/>
      <c r="GL4271" s="126"/>
      <c r="GM4271" s="91"/>
      <c r="GN4271" s="91"/>
      <c r="GO4271" s="91"/>
      <c r="GP4271" s="91"/>
      <c r="GQ4271" s="91"/>
      <c r="GR4271" s="91"/>
      <c r="GS4271" s="91"/>
      <c r="GT4271" s="91"/>
      <c r="GU4271" s="91"/>
      <c r="GV4271" s="91"/>
      <c r="GW4271" s="91"/>
      <c r="GX4271" s="127"/>
      <c r="GY4271" s="126"/>
      <c r="GZ4271" s="91"/>
      <c r="HA4271" s="91"/>
      <c r="HB4271" s="91"/>
      <c r="HC4271" s="91"/>
      <c r="HD4271" s="91"/>
      <c r="HE4271" s="91"/>
      <c r="HF4271" s="91"/>
      <c r="HG4271" s="91"/>
      <c r="HH4271" s="91"/>
      <c r="HI4271" s="91"/>
      <c r="HJ4271" s="91"/>
      <c r="HK4271" s="127"/>
      <c r="HL4271" s="126"/>
      <c r="HM4271" s="91"/>
      <c r="HN4271" s="91"/>
      <c r="HO4271" s="91"/>
      <c r="HP4271" s="91"/>
      <c r="HQ4271" s="91"/>
      <c r="HR4271" s="91"/>
      <c r="HS4271" s="91"/>
      <c r="HT4271" s="91"/>
      <c r="HU4271" s="91"/>
      <c r="HV4271" s="91"/>
      <c r="HW4271" s="91"/>
      <c r="HX4271" s="127"/>
      <c r="HY4271" s="126"/>
      <c r="HZ4271" s="91"/>
      <c r="IA4271" s="91"/>
      <c r="IB4271" s="91"/>
      <c r="IC4271" s="91"/>
      <c r="ID4271" s="91"/>
      <c r="IE4271" s="91"/>
      <c r="IF4271" s="91"/>
      <c r="IG4271" s="91"/>
      <c r="IH4271" s="91"/>
      <c r="II4271" s="91"/>
      <c r="IJ4271" s="91"/>
      <c r="IK4271" s="174"/>
    </row>
    <row r="4272" spans="2:245" x14ac:dyDescent="0.2">
      <c r="B4272" s="43"/>
      <c r="C4272" s="73"/>
      <c r="D4272" s="64"/>
      <c r="E4272" s="64"/>
      <c r="F4272" s="55"/>
      <c r="G4272" s="102"/>
      <c r="H4272" s="97"/>
      <c r="T4272" s="98"/>
      <c r="U4272" s="97"/>
      <c r="AG4272" s="98"/>
      <c r="AY4272" s="164"/>
      <c r="BK4272" s="98"/>
      <c r="BL4272" s="97"/>
      <c r="BX4272" s="98"/>
      <c r="CL4272" s="97"/>
      <c r="CX4272" s="98"/>
      <c r="DL4272" s="97"/>
      <c r="DX4272" s="98"/>
      <c r="EL4272" s="97"/>
      <c r="EX4272" s="98"/>
      <c r="EY4272" s="97"/>
      <c r="FL4272" s="126"/>
      <c r="FM4272" s="91"/>
      <c r="FN4272" s="91"/>
      <c r="FO4272" s="91"/>
      <c r="FP4272" s="91"/>
      <c r="FQ4272" s="91"/>
      <c r="FR4272" s="91"/>
      <c r="FS4272" s="91"/>
      <c r="FT4272" s="91"/>
      <c r="FU4272" s="91"/>
      <c r="FV4272" s="91"/>
      <c r="FW4272" s="91"/>
      <c r="FX4272" s="127"/>
      <c r="FY4272" s="126"/>
      <c r="FZ4272" s="91"/>
      <c r="GA4272" s="91"/>
      <c r="GB4272" s="91"/>
      <c r="GC4272" s="91"/>
      <c r="GD4272" s="91"/>
      <c r="GE4272" s="91"/>
      <c r="GF4272" s="91"/>
      <c r="GG4272" s="91"/>
      <c r="GH4272" s="91"/>
      <c r="GI4272" s="91"/>
      <c r="GJ4272" s="91"/>
      <c r="GK4272" s="127"/>
      <c r="GL4272" s="126"/>
      <c r="GM4272" s="91"/>
      <c r="GN4272" s="91"/>
      <c r="GO4272" s="91"/>
      <c r="GP4272" s="91"/>
      <c r="GQ4272" s="91"/>
      <c r="GR4272" s="91"/>
      <c r="GS4272" s="91"/>
      <c r="GT4272" s="91"/>
      <c r="GU4272" s="91"/>
      <c r="GV4272" s="91"/>
      <c r="GW4272" s="91"/>
      <c r="GX4272" s="127"/>
      <c r="GY4272" s="126"/>
      <c r="GZ4272" s="91"/>
      <c r="HA4272" s="91"/>
      <c r="HB4272" s="91"/>
      <c r="HC4272" s="91"/>
      <c r="HD4272" s="91"/>
      <c r="HE4272" s="91"/>
      <c r="HF4272" s="91"/>
      <c r="HG4272" s="91"/>
      <c r="HH4272" s="91"/>
      <c r="HI4272" s="91"/>
      <c r="HJ4272" s="91"/>
      <c r="HK4272" s="127"/>
      <c r="HL4272" s="126"/>
      <c r="HM4272" s="91"/>
      <c r="HN4272" s="91"/>
      <c r="HO4272" s="91"/>
      <c r="HP4272" s="91"/>
      <c r="HQ4272" s="91"/>
      <c r="HR4272" s="91"/>
      <c r="HS4272" s="91"/>
      <c r="HT4272" s="91"/>
      <c r="HU4272" s="91"/>
      <c r="HV4272" s="91"/>
      <c r="HW4272" s="91"/>
      <c r="HX4272" s="127"/>
      <c r="HY4272" s="126"/>
      <c r="HZ4272" s="91"/>
      <c r="IA4272" s="91"/>
      <c r="IB4272" s="91"/>
      <c r="IC4272" s="91"/>
      <c r="ID4272" s="91"/>
      <c r="IE4272" s="91"/>
      <c r="IF4272" s="91"/>
      <c r="IG4272" s="91"/>
      <c r="IH4272" s="91"/>
      <c r="II4272" s="91"/>
      <c r="IJ4272" s="91"/>
      <c r="IK4272" s="174"/>
    </row>
    <row r="4273" spans="2:245" x14ac:dyDescent="0.2">
      <c r="B4273" s="43"/>
      <c r="C4273" s="73"/>
      <c r="D4273" s="64"/>
      <c r="E4273" s="64"/>
      <c r="F4273" s="55"/>
      <c r="G4273" s="102"/>
      <c r="H4273" s="97"/>
      <c r="T4273" s="98"/>
      <c r="U4273" s="97"/>
      <c r="AG4273" s="98"/>
      <c r="AY4273" s="164"/>
      <c r="BK4273" s="98"/>
      <c r="BL4273" s="97"/>
      <c r="BX4273" s="98"/>
      <c r="CL4273" s="97"/>
      <c r="CX4273" s="98"/>
      <c r="DL4273" s="97"/>
      <c r="DX4273" s="98"/>
      <c r="EL4273" s="97"/>
      <c r="EX4273" s="98"/>
      <c r="EY4273" s="97"/>
      <c r="FL4273" s="126"/>
      <c r="FM4273" s="91"/>
      <c r="FN4273" s="91"/>
      <c r="FO4273" s="91"/>
      <c r="FP4273" s="91"/>
      <c r="FQ4273" s="91"/>
      <c r="FR4273" s="91"/>
      <c r="FS4273" s="91"/>
      <c r="FT4273" s="91"/>
      <c r="FU4273" s="91"/>
      <c r="FV4273" s="91"/>
      <c r="FW4273" s="91"/>
      <c r="FX4273" s="127"/>
      <c r="FY4273" s="126"/>
      <c r="FZ4273" s="91"/>
      <c r="GA4273" s="91"/>
      <c r="GB4273" s="91"/>
      <c r="GC4273" s="91"/>
      <c r="GD4273" s="91"/>
      <c r="GE4273" s="91"/>
      <c r="GF4273" s="91"/>
      <c r="GG4273" s="91"/>
      <c r="GH4273" s="91"/>
      <c r="GI4273" s="91"/>
      <c r="GJ4273" s="91"/>
      <c r="GK4273" s="127"/>
      <c r="GL4273" s="126"/>
      <c r="GM4273" s="91"/>
      <c r="GN4273" s="91"/>
      <c r="GO4273" s="91"/>
      <c r="GP4273" s="91"/>
      <c r="GQ4273" s="91"/>
      <c r="GR4273" s="91"/>
      <c r="GS4273" s="91"/>
      <c r="GT4273" s="91"/>
      <c r="GU4273" s="91"/>
      <c r="GV4273" s="91"/>
      <c r="GW4273" s="91"/>
      <c r="GX4273" s="127"/>
      <c r="GY4273" s="126"/>
      <c r="GZ4273" s="91"/>
      <c r="HA4273" s="91"/>
      <c r="HB4273" s="91"/>
      <c r="HC4273" s="91"/>
      <c r="HD4273" s="91"/>
      <c r="HE4273" s="91"/>
      <c r="HF4273" s="91"/>
      <c r="HG4273" s="91"/>
      <c r="HH4273" s="91"/>
      <c r="HI4273" s="91"/>
      <c r="HJ4273" s="91"/>
      <c r="HK4273" s="127"/>
      <c r="HL4273" s="126"/>
      <c r="HM4273" s="91"/>
      <c r="HN4273" s="91"/>
      <c r="HO4273" s="91"/>
      <c r="HP4273" s="91"/>
      <c r="HQ4273" s="91"/>
      <c r="HR4273" s="91"/>
      <c r="HS4273" s="91"/>
      <c r="HT4273" s="91"/>
      <c r="HU4273" s="91"/>
      <c r="HV4273" s="91"/>
      <c r="HW4273" s="91"/>
      <c r="HX4273" s="127"/>
      <c r="HY4273" s="126"/>
      <c r="HZ4273" s="91"/>
      <c r="IA4273" s="91"/>
      <c r="IB4273" s="91"/>
      <c r="IC4273" s="91"/>
      <c r="ID4273" s="91"/>
      <c r="IE4273" s="91"/>
      <c r="IF4273" s="91"/>
      <c r="IG4273" s="91"/>
      <c r="IH4273" s="91"/>
      <c r="II4273" s="91"/>
      <c r="IJ4273" s="91"/>
      <c r="IK4273" s="174"/>
    </row>
    <row r="4274" spans="2:245" x14ac:dyDescent="0.2">
      <c r="B4274" s="43"/>
      <c r="C4274" s="73"/>
      <c r="D4274" s="64"/>
      <c r="E4274" s="64"/>
      <c r="F4274" s="55"/>
      <c r="G4274" s="102"/>
      <c r="H4274" s="97"/>
      <c r="T4274" s="98"/>
      <c r="U4274" s="97"/>
      <c r="AG4274" s="98"/>
      <c r="AY4274" s="164"/>
      <c r="BK4274" s="98"/>
      <c r="BL4274" s="97"/>
      <c r="BX4274" s="98"/>
      <c r="CL4274" s="97"/>
      <c r="CX4274" s="98"/>
      <c r="DL4274" s="97"/>
      <c r="DX4274" s="98"/>
      <c r="EL4274" s="97"/>
      <c r="EX4274" s="98"/>
      <c r="EY4274" s="97"/>
      <c r="FL4274" s="126"/>
      <c r="FM4274" s="91"/>
      <c r="FN4274" s="91"/>
      <c r="FO4274" s="91"/>
      <c r="FP4274" s="91"/>
      <c r="FQ4274" s="91"/>
      <c r="FR4274" s="91"/>
      <c r="FS4274" s="91"/>
      <c r="FT4274" s="91"/>
      <c r="FU4274" s="91"/>
      <c r="FV4274" s="91"/>
      <c r="FW4274" s="91"/>
      <c r="FX4274" s="127"/>
      <c r="FY4274" s="126"/>
      <c r="FZ4274" s="91"/>
      <c r="GA4274" s="91"/>
      <c r="GB4274" s="91"/>
      <c r="GC4274" s="91"/>
      <c r="GD4274" s="91"/>
      <c r="GE4274" s="91"/>
      <c r="GF4274" s="91"/>
      <c r="GG4274" s="91"/>
      <c r="GH4274" s="91"/>
      <c r="GI4274" s="91"/>
      <c r="GJ4274" s="91"/>
      <c r="GK4274" s="127"/>
      <c r="GL4274" s="126"/>
      <c r="GM4274" s="91"/>
      <c r="GN4274" s="91"/>
      <c r="GO4274" s="91"/>
      <c r="GP4274" s="91"/>
      <c r="GQ4274" s="91"/>
      <c r="GR4274" s="91"/>
      <c r="GS4274" s="91"/>
      <c r="GT4274" s="91"/>
      <c r="GU4274" s="91"/>
      <c r="GV4274" s="91"/>
      <c r="GW4274" s="91"/>
      <c r="GX4274" s="127"/>
      <c r="GY4274" s="126"/>
      <c r="GZ4274" s="91"/>
      <c r="HA4274" s="91"/>
      <c r="HB4274" s="91"/>
      <c r="HC4274" s="91"/>
      <c r="HD4274" s="91"/>
      <c r="HE4274" s="91"/>
      <c r="HF4274" s="91"/>
      <c r="HG4274" s="91"/>
      <c r="HH4274" s="91"/>
      <c r="HI4274" s="91"/>
      <c r="HJ4274" s="91"/>
      <c r="HK4274" s="127"/>
      <c r="HL4274" s="126"/>
      <c r="HM4274" s="91"/>
      <c r="HN4274" s="91"/>
      <c r="HO4274" s="91"/>
      <c r="HP4274" s="91"/>
      <c r="HQ4274" s="91"/>
      <c r="HR4274" s="91"/>
      <c r="HS4274" s="91"/>
      <c r="HT4274" s="91"/>
      <c r="HU4274" s="91"/>
      <c r="HV4274" s="91"/>
      <c r="HW4274" s="91"/>
      <c r="HX4274" s="127"/>
      <c r="HY4274" s="126"/>
      <c r="HZ4274" s="91"/>
      <c r="IA4274" s="91"/>
      <c r="IB4274" s="91"/>
      <c r="IC4274" s="91"/>
      <c r="ID4274" s="91"/>
      <c r="IE4274" s="91"/>
      <c r="IF4274" s="91"/>
      <c r="IG4274" s="91"/>
      <c r="IH4274" s="91"/>
      <c r="II4274" s="91"/>
      <c r="IJ4274" s="91"/>
      <c r="IK4274" s="174"/>
    </row>
    <row r="4275" spans="2:245" x14ac:dyDescent="0.2">
      <c r="B4275" s="43"/>
      <c r="C4275" s="73"/>
      <c r="D4275" s="64"/>
      <c r="E4275" s="64"/>
      <c r="F4275" s="55"/>
      <c r="G4275" s="102"/>
      <c r="H4275" s="97"/>
      <c r="T4275" s="98"/>
      <c r="U4275" s="97"/>
      <c r="AG4275" s="98"/>
      <c r="AY4275" s="164"/>
      <c r="BK4275" s="98"/>
      <c r="BL4275" s="97"/>
      <c r="BX4275" s="98"/>
      <c r="CL4275" s="97"/>
      <c r="CX4275" s="98"/>
      <c r="DL4275" s="97"/>
      <c r="DX4275" s="98"/>
      <c r="EL4275" s="97"/>
      <c r="EX4275" s="98"/>
      <c r="EY4275" s="97"/>
      <c r="FL4275" s="126"/>
      <c r="FM4275" s="91"/>
      <c r="FN4275" s="91"/>
      <c r="FO4275" s="91"/>
      <c r="FP4275" s="91"/>
      <c r="FQ4275" s="91"/>
      <c r="FR4275" s="91"/>
      <c r="FS4275" s="91"/>
      <c r="FT4275" s="91"/>
      <c r="FU4275" s="91"/>
      <c r="FV4275" s="91"/>
      <c r="FW4275" s="91"/>
      <c r="FX4275" s="127"/>
      <c r="FY4275" s="126"/>
      <c r="FZ4275" s="91"/>
      <c r="GA4275" s="91"/>
      <c r="GB4275" s="91"/>
      <c r="GC4275" s="91"/>
      <c r="GD4275" s="91"/>
      <c r="GE4275" s="91"/>
      <c r="GF4275" s="91"/>
      <c r="GG4275" s="91"/>
      <c r="GH4275" s="91"/>
      <c r="GI4275" s="91"/>
      <c r="GJ4275" s="91"/>
      <c r="GK4275" s="127"/>
      <c r="GL4275" s="126"/>
      <c r="GM4275" s="91"/>
      <c r="GN4275" s="91"/>
      <c r="GO4275" s="91"/>
      <c r="GP4275" s="91"/>
      <c r="GQ4275" s="91"/>
      <c r="GR4275" s="91"/>
      <c r="GS4275" s="91"/>
      <c r="GT4275" s="91"/>
      <c r="GU4275" s="91"/>
      <c r="GV4275" s="91"/>
      <c r="GW4275" s="91"/>
      <c r="GX4275" s="127"/>
      <c r="GY4275" s="126"/>
      <c r="GZ4275" s="91"/>
      <c r="HA4275" s="91"/>
      <c r="HB4275" s="91"/>
      <c r="HC4275" s="91"/>
      <c r="HD4275" s="91"/>
      <c r="HE4275" s="91"/>
      <c r="HF4275" s="91"/>
      <c r="HG4275" s="91"/>
      <c r="HH4275" s="91"/>
      <c r="HI4275" s="91"/>
      <c r="HJ4275" s="91"/>
      <c r="HK4275" s="127"/>
      <c r="HL4275" s="126"/>
      <c r="HM4275" s="91"/>
      <c r="HN4275" s="91"/>
      <c r="HO4275" s="91"/>
      <c r="HP4275" s="91"/>
      <c r="HQ4275" s="91"/>
      <c r="HR4275" s="91"/>
      <c r="HS4275" s="91"/>
      <c r="HT4275" s="91"/>
      <c r="HU4275" s="91"/>
      <c r="HV4275" s="91"/>
      <c r="HW4275" s="91"/>
      <c r="HX4275" s="127"/>
      <c r="HY4275" s="126"/>
      <c r="HZ4275" s="91"/>
      <c r="IA4275" s="91"/>
      <c r="IB4275" s="91"/>
      <c r="IC4275" s="91"/>
      <c r="ID4275" s="91"/>
      <c r="IE4275" s="91"/>
      <c r="IF4275" s="91"/>
      <c r="IG4275" s="91"/>
      <c r="IH4275" s="91"/>
      <c r="II4275" s="91"/>
      <c r="IJ4275" s="91"/>
      <c r="IK4275" s="174"/>
    </row>
    <row r="4276" spans="2:245" x14ac:dyDescent="0.2">
      <c r="B4276" s="43"/>
      <c r="C4276" s="73"/>
      <c r="D4276" s="64"/>
      <c r="E4276" s="64"/>
      <c r="F4276" s="55"/>
      <c r="G4276" s="102"/>
      <c r="H4276" s="97"/>
      <c r="T4276" s="98"/>
      <c r="U4276" s="97"/>
      <c r="AG4276" s="98"/>
      <c r="AY4276" s="164"/>
      <c r="BK4276" s="98"/>
      <c r="BL4276" s="97"/>
      <c r="BX4276" s="98"/>
      <c r="CL4276" s="97"/>
      <c r="CX4276" s="98"/>
      <c r="DL4276" s="97"/>
      <c r="DX4276" s="98"/>
      <c r="EL4276" s="97"/>
      <c r="EX4276" s="98"/>
      <c r="EY4276" s="97"/>
      <c r="FL4276" s="126"/>
      <c r="FM4276" s="91"/>
      <c r="FN4276" s="91"/>
      <c r="FO4276" s="91"/>
      <c r="FP4276" s="91"/>
      <c r="FQ4276" s="91"/>
      <c r="FR4276" s="91"/>
      <c r="FS4276" s="91"/>
      <c r="FT4276" s="91"/>
      <c r="FU4276" s="91"/>
      <c r="FV4276" s="91"/>
      <c r="FW4276" s="91"/>
      <c r="FX4276" s="127"/>
      <c r="FY4276" s="126"/>
      <c r="FZ4276" s="91"/>
      <c r="GA4276" s="91"/>
      <c r="GB4276" s="91"/>
      <c r="GC4276" s="91"/>
      <c r="GD4276" s="91"/>
      <c r="GE4276" s="91"/>
      <c r="GF4276" s="91"/>
      <c r="GG4276" s="91"/>
      <c r="GH4276" s="91"/>
      <c r="GI4276" s="91"/>
      <c r="GJ4276" s="91"/>
      <c r="GK4276" s="127"/>
      <c r="GL4276" s="126"/>
      <c r="GM4276" s="91"/>
      <c r="GN4276" s="91"/>
      <c r="GO4276" s="91"/>
      <c r="GP4276" s="91"/>
      <c r="GQ4276" s="91"/>
      <c r="GR4276" s="91"/>
      <c r="GS4276" s="91"/>
      <c r="GT4276" s="91"/>
      <c r="GU4276" s="91"/>
      <c r="GV4276" s="91"/>
      <c r="GW4276" s="91"/>
      <c r="GX4276" s="127"/>
      <c r="GY4276" s="126"/>
      <c r="GZ4276" s="91"/>
      <c r="HA4276" s="91"/>
      <c r="HB4276" s="91"/>
      <c r="HC4276" s="91"/>
      <c r="HD4276" s="91"/>
      <c r="HE4276" s="91"/>
      <c r="HF4276" s="91"/>
      <c r="HG4276" s="91"/>
      <c r="HH4276" s="91"/>
      <c r="HI4276" s="91"/>
      <c r="HJ4276" s="91"/>
      <c r="HK4276" s="127"/>
      <c r="HL4276" s="126"/>
      <c r="HM4276" s="91"/>
      <c r="HN4276" s="91"/>
      <c r="HO4276" s="91"/>
      <c r="HP4276" s="91"/>
      <c r="HQ4276" s="91"/>
      <c r="HR4276" s="91"/>
      <c r="HS4276" s="91"/>
      <c r="HT4276" s="91"/>
      <c r="HU4276" s="91"/>
      <c r="HV4276" s="91"/>
      <c r="HW4276" s="91"/>
      <c r="HX4276" s="127"/>
      <c r="HY4276" s="126"/>
      <c r="HZ4276" s="91"/>
      <c r="IA4276" s="91"/>
      <c r="IB4276" s="91"/>
      <c r="IC4276" s="91"/>
      <c r="ID4276" s="91"/>
      <c r="IE4276" s="91"/>
      <c r="IF4276" s="91"/>
      <c r="IG4276" s="91"/>
      <c r="IH4276" s="91"/>
      <c r="II4276" s="91"/>
      <c r="IJ4276" s="91"/>
      <c r="IK4276" s="174"/>
    </row>
    <row r="4277" spans="2:245" x14ac:dyDescent="0.2">
      <c r="B4277" s="43"/>
      <c r="C4277" s="73"/>
      <c r="D4277" s="64"/>
      <c r="E4277" s="64"/>
      <c r="F4277" s="55"/>
      <c r="G4277" s="102"/>
      <c r="H4277" s="97"/>
      <c r="T4277" s="98"/>
      <c r="U4277" s="97"/>
      <c r="AG4277" s="98"/>
      <c r="AY4277" s="164"/>
      <c r="BK4277" s="98"/>
      <c r="BL4277" s="97"/>
      <c r="BX4277" s="98"/>
      <c r="CL4277" s="97"/>
      <c r="CX4277" s="98"/>
      <c r="DL4277" s="97"/>
      <c r="DX4277" s="98"/>
      <c r="EL4277" s="97"/>
      <c r="EX4277" s="98"/>
      <c r="EY4277" s="97"/>
      <c r="FL4277" s="126"/>
      <c r="FM4277" s="91"/>
      <c r="FN4277" s="91"/>
      <c r="FO4277" s="91"/>
      <c r="FP4277" s="91"/>
      <c r="FQ4277" s="91"/>
      <c r="FR4277" s="91"/>
      <c r="FS4277" s="91"/>
      <c r="FT4277" s="91"/>
      <c r="FU4277" s="91"/>
      <c r="FV4277" s="91"/>
      <c r="FW4277" s="91"/>
      <c r="FX4277" s="127"/>
      <c r="FY4277" s="126"/>
      <c r="FZ4277" s="91"/>
      <c r="GA4277" s="91"/>
      <c r="GB4277" s="91"/>
      <c r="GC4277" s="91"/>
      <c r="GD4277" s="91"/>
      <c r="GE4277" s="91"/>
      <c r="GF4277" s="91"/>
      <c r="GG4277" s="91"/>
      <c r="GH4277" s="91"/>
      <c r="GI4277" s="91"/>
      <c r="GJ4277" s="91"/>
      <c r="GK4277" s="127"/>
      <c r="GL4277" s="126"/>
      <c r="GM4277" s="91"/>
      <c r="GN4277" s="91"/>
      <c r="GO4277" s="91"/>
      <c r="GP4277" s="91"/>
      <c r="GQ4277" s="91"/>
      <c r="GR4277" s="91"/>
      <c r="GS4277" s="91"/>
      <c r="GT4277" s="91"/>
      <c r="GU4277" s="91"/>
      <c r="GV4277" s="91"/>
      <c r="GW4277" s="91"/>
      <c r="GX4277" s="127"/>
      <c r="GY4277" s="126"/>
      <c r="GZ4277" s="91"/>
      <c r="HA4277" s="91"/>
      <c r="HB4277" s="91"/>
      <c r="HC4277" s="91"/>
      <c r="HD4277" s="91"/>
      <c r="HE4277" s="91"/>
      <c r="HF4277" s="91"/>
      <c r="HG4277" s="91"/>
      <c r="HH4277" s="91"/>
      <c r="HI4277" s="91"/>
      <c r="HJ4277" s="91"/>
      <c r="HK4277" s="127"/>
      <c r="HL4277" s="126"/>
      <c r="HM4277" s="91"/>
      <c r="HN4277" s="91"/>
      <c r="HO4277" s="91"/>
      <c r="HP4277" s="91"/>
      <c r="HQ4277" s="91"/>
      <c r="HR4277" s="91"/>
      <c r="HS4277" s="91"/>
      <c r="HT4277" s="91"/>
      <c r="HU4277" s="91"/>
      <c r="HV4277" s="91"/>
      <c r="HW4277" s="91"/>
      <c r="HX4277" s="127"/>
      <c r="HY4277" s="126"/>
      <c r="HZ4277" s="91"/>
      <c r="IA4277" s="91"/>
      <c r="IB4277" s="91"/>
      <c r="IC4277" s="91"/>
      <c r="ID4277" s="91"/>
      <c r="IE4277" s="91"/>
      <c r="IF4277" s="91"/>
      <c r="IG4277" s="91"/>
      <c r="IH4277" s="91"/>
      <c r="II4277" s="91"/>
      <c r="IJ4277" s="91"/>
      <c r="IK4277" s="174"/>
    </row>
    <row r="4278" spans="2:245" x14ac:dyDescent="0.2">
      <c r="B4278" s="43"/>
      <c r="C4278" s="73"/>
      <c r="D4278" s="64"/>
      <c r="E4278" s="64"/>
      <c r="F4278" s="55"/>
      <c r="G4278" s="102"/>
      <c r="H4278" s="97"/>
      <c r="T4278" s="98"/>
      <c r="U4278" s="97"/>
      <c r="AG4278" s="98"/>
      <c r="AY4278" s="164"/>
      <c r="BK4278" s="98"/>
      <c r="BL4278" s="97"/>
      <c r="BX4278" s="98"/>
      <c r="CL4278" s="97"/>
      <c r="CX4278" s="98"/>
      <c r="DL4278" s="97"/>
      <c r="DX4278" s="98"/>
      <c r="EL4278" s="97"/>
      <c r="EX4278" s="98"/>
      <c r="EY4278" s="97"/>
      <c r="FL4278" s="126"/>
      <c r="FM4278" s="91"/>
      <c r="FN4278" s="91"/>
      <c r="FO4278" s="91"/>
      <c r="FP4278" s="91"/>
      <c r="FQ4278" s="91"/>
      <c r="FR4278" s="91"/>
      <c r="FS4278" s="91"/>
      <c r="FT4278" s="91"/>
      <c r="FU4278" s="91"/>
      <c r="FV4278" s="91"/>
      <c r="FW4278" s="91"/>
      <c r="FX4278" s="127"/>
      <c r="FY4278" s="126"/>
      <c r="FZ4278" s="91"/>
      <c r="GA4278" s="91"/>
      <c r="GB4278" s="91"/>
      <c r="GC4278" s="91"/>
      <c r="GD4278" s="91"/>
      <c r="GE4278" s="91"/>
      <c r="GF4278" s="91"/>
      <c r="GG4278" s="91"/>
      <c r="GH4278" s="91"/>
      <c r="GI4278" s="91"/>
      <c r="GJ4278" s="91"/>
      <c r="GK4278" s="127"/>
      <c r="GL4278" s="126"/>
      <c r="GM4278" s="91"/>
      <c r="GN4278" s="91"/>
      <c r="GO4278" s="91"/>
      <c r="GP4278" s="91"/>
      <c r="GQ4278" s="91"/>
      <c r="GR4278" s="91"/>
      <c r="GS4278" s="91"/>
      <c r="GT4278" s="91"/>
      <c r="GU4278" s="91"/>
      <c r="GV4278" s="91"/>
      <c r="GW4278" s="91"/>
      <c r="GX4278" s="127"/>
      <c r="GY4278" s="126"/>
      <c r="GZ4278" s="91"/>
      <c r="HA4278" s="91"/>
      <c r="HB4278" s="91"/>
      <c r="HC4278" s="91"/>
      <c r="HD4278" s="91"/>
      <c r="HE4278" s="91"/>
      <c r="HF4278" s="91"/>
      <c r="HG4278" s="91"/>
      <c r="HH4278" s="91"/>
      <c r="HI4278" s="91"/>
      <c r="HJ4278" s="91"/>
      <c r="HK4278" s="127"/>
      <c r="HL4278" s="126"/>
      <c r="HM4278" s="91"/>
      <c r="HN4278" s="91"/>
      <c r="HO4278" s="91"/>
      <c r="HP4278" s="91"/>
      <c r="HQ4278" s="91"/>
      <c r="HR4278" s="91"/>
      <c r="HS4278" s="91"/>
      <c r="HT4278" s="91"/>
      <c r="HU4278" s="91"/>
      <c r="HV4278" s="91"/>
      <c r="HW4278" s="91"/>
      <c r="HX4278" s="127"/>
      <c r="HY4278" s="126"/>
      <c r="HZ4278" s="91"/>
      <c r="IA4278" s="91"/>
      <c r="IB4278" s="91"/>
      <c r="IC4278" s="91"/>
      <c r="ID4278" s="91"/>
      <c r="IE4278" s="91"/>
      <c r="IF4278" s="91"/>
      <c r="IG4278" s="91"/>
      <c r="IH4278" s="91"/>
      <c r="II4278" s="91"/>
      <c r="IJ4278" s="91"/>
      <c r="IK4278" s="174"/>
    </row>
    <row r="4279" spans="2:245" x14ac:dyDescent="0.2">
      <c r="B4279" s="43"/>
      <c r="C4279" s="73"/>
      <c r="D4279" s="64"/>
      <c r="E4279" s="64"/>
      <c r="F4279" s="55"/>
      <c r="G4279" s="102"/>
      <c r="H4279" s="97"/>
      <c r="T4279" s="98"/>
      <c r="U4279" s="97"/>
      <c r="AG4279" s="98"/>
      <c r="AY4279" s="164"/>
      <c r="BK4279" s="98"/>
      <c r="BL4279" s="97"/>
      <c r="BX4279" s="98"/>
      <c r="CL4279" s="97"/>
      <c r="CX4279" s="98"/>
      <c r="DL4279" s="97"/>
      <c r="DX4279" s="98"/>
      <c r="EL4279" s="97"/>
      <c r="EX4279" s="98"/>
      <c r="EY4279" s="97"/>
      <c r="FL4279" s="126"/>
      <c r="FM4279" s="91"/>
      <c r="FN4279" s="91"/>
      <c r="FO4279" s="91"/>
      <c r="FP4279" s="91"/>
      <c r="FQ4279" s="91"/>
      <c r="FR4279" s="91"/>
      <c r="FS4279" s="91"/>
      <c r="FT4279" s="91"/>
      <c r="FU4279" s="91"/>
      <c r="FV4279" s="91"/>
      <c r="FW4279" s="91"/>
      <c r="FX4279" s="127"/>
      <c r="FY4279" s="126"/>
      <c r="FZ4279" s="91"/>
      <c r="GA4279" s="91"/>
      <c r="GB4279" s="91"/>
      <c r="GC4279" s="91"/>
      <c r="GD4279" s="91"/>
      <c r="GE4279" s="91"/>
      <c r="GF4279" s="91"/>
      <c r="GG4279" s="91"/>
      <c r="GH4279" s="91"/>
      <c r="GI4279" s="91"/>
      <c r="GJ4279" s="91"/>
      <c r="GK4279" s="127"/>
      <c r="GL4279" s="126"/>
      <c r="GM4279" s="91"/>
      <c r="GN4279" s="91"/>
      <c r="GO4279" s="91"/>
      <c r="GP4279" s="91"/>
      <c r="GQ4279" s="91"/>
      <c r="GR4279" s="91"/>
      <c r="GS4279" s="91"/>
      <c r="GT4279" s="91"/>
      <c r="GU4279" s="91"/>
      <c r="GV4279" s="91"/>
      <c r="GW4279" s="91"/>
      <c r="GX4279" s="127"/>
      <c r="GY4279" s="126"/>
      <c r="GZ4279" s="91"/>
      <c r="HA4279" s="91"/>
      <c r="HB4279" s="91"/>
      <c r="HC4279" s="91"/>
      <c r="HD4279" s="91"/>
      <c r="HE4279" s="91"/>
      <c r="HF4279" s="91"/>
      <c r="HG4279" s="91"/>
      <c r="HH4279" s="91"/>
      <c r="HI4279" s="91"/>
      <c r="HJ4279" s="91"/>
      <c r="HK4279" s="127"/>
      <c r="HL4279" s="126"/>
      <c r="HM4279" s="91"/>
      <c r="HN4279" s="91"/>
      <c r="HO4279" s="91"/>
      <c r="HP4279" s="91"/>
      <c r="HQ4279" s="91"/>
      <c r="HR4279" s="91"/>
      <c r="HS4279" s="91"/>
      <c r="HT4279" s="91"/>
      <c r="HU4279" s="91"/>
      <c r="HV4279" s="91"/>
      <c r="HW4279" s="91"/>
      <c r="HX4279" s="127"/>
      <c r="HY4279" s="126"/>
      <c r="HZ4279" s="91"/>
      <c r="IA4279" s="91"/>
      <c r="IB4279" s="91"/>
      <c r="IC4279" s="91"/>
      <c r="ID4279" s="91"/>
      <c r="IE4279" s="91"/>
      <c r="IF4279" s="91"/>
      <c r="IG4279" s="91"/>
      <c r="IH4279" s="91"/>
      <c r="II4279" s="91"/>
      <c r="IJ4279" s="91"/>
      <c r="IK4279" s="174"/>
    </row>
    <row r="4280" spans="2:245" x14ac:dyDescent="0.2">
      <c r="B4280" s="43"/>
      <c r="C4280" s="73"/>
      <c r="D4280" s="64"/>
      <c r="E4280" s="64"/>
      <c r="F4280" s="55"/>
      <c r="G4280" s="102"/>
      <c r="H4280" s="97"/>
      <c r="T4280" s="98"/>
      <c r="U4280" s="97"/>
      <c r="AG4280" s="98"/>
      <c r="AY4280" s="164"/>
      <c r="BK4280" s="98"/>
      <c r="BL4280" s="97"/>
      <c r="BX4280" s="98"/>
      <c r="CL4280" s="97"/>
      <c r="CX4280" s="98"/>
      <c r="DL4280" s="97"/>
      <c r="DX4280" s="98"/>
      <c r="EL4280" s="97"/>
      <c r="EX4280" s="98"/>
      <c r="EY4280" s="97"/>
      <c r="FL4280" s="126"/>
      <c r="FM4280" s="91"/>
      <c r="FN4280" s="91"/>
      <c r="FO4280" s="91"/>
      <c r="FP4280" s="91"/>
      <c r="FQ4280" s="91"/>
      <c r="FR4280" s="91"/>
      <c r="FS4280" s="91"/>
      <c r="FT4280" s="91"/>
      <c r="FU4280" s="91"/>
      <c r="FV4280" s="91"/>
      <c r="FW4280" s="91"/>
      <c r="FX4280" s="127"/>
      <c r="FY4280" s="126"/>
      <c r="FZ4280" s="91"/>
      <c r="GA4280" s="91"/>
      <c r="GB4280" s="91"/>
      <c r="GC4280" s="91"/>
      <c r="GD4280" s="91"/>
      <c r="GE4280" s="91"/>
      <c r="GF4280" s="91"/>
      <c r="GG4280" s="91"/>
      <c r="GH4280" s="91"/>
      <c r="GI4280" s="91"/>
      <c r="GJ4280" s="91"/>
      <c r="GK4280" s="127"/>
      <c r="GL4280" s="126"/>
      <c r="GM4280" s="91"/>
      <c r="GN4280" s="91"/>
      <c r="GO4280" s="91"/>
      <c r="GP4280" s="91"/>
      <c r="GQ4280" s="91"/>
      <c r="GR4280" s="91"/>
      <c r="GS4280" s="91"/>
      <c r="GT4280" s="91"/>
      <c r="GU4280" s="91"/>
      <c r="GV4280" s="91"/>
      <c r="GW4280" s="91"/>
      <c r="GX4280" s="127"/>
      <c r="GY4280" s="126"/>
      <c r="GZ4280" s="91"/>
      <c r="HA4280" s="91"/>
      <c r="HB4280" s="91"/>
      <c r="HC4280" s="91"/>
      <c r="HD4280" s="91"/>
      <c r="HE4280" s="91"/>
      <c r="HF4280" s="91"/>
      <c r="HG4280" s="91"/>
      <c r="HH4280" s="91"/>
      <c r="HI4280" s="91"/>
      <c r="HJ4280" s="91"/>
      <c r="HK4280" s="127"/>
      <c r="HL4280" s="126"/>
      <c r="HM4280" s="91"/>
      <c r="HN4280" s="91"/>
      <c r="HO4280" s="91"/>
      <c r="HP4280" s="91"/>
      <c r="HQ4280" s="91"/>
      <c r="HR4280" s="91"/>
      <c r="HS4280" s="91"/>
      <c r="HT4280" s="91"/>
      <c r="HU4280" s="91"/>
      <c r="HV4280" s="91"/>
      <c r="HW4280" s="91"/>
      <c r="HX4280" s="127"/>
      <c r="HY4280" s="126"/>
      <c r="HZ4280" s="91"/>
      <c r="IA4280" s="91"/>
      <c r="IB4280" s="91"/>
      <c r="IC4280" s="91"/>
      <c r="ID4280" s="91"/>
      <c r="IE4280" s="91"/>
      <c r="IF4280" s="91"/>
      <c r="IG4280" s="91"/>
      <c r="IH4280" s="91"/>
      <c r="II4280" s="91"/>
      <c r="IJ4280" s="91"/>
      <c r="IK4280" s="174"/>
    </row>
    <row r="4281" spans="2:245" x14ac:dyDescent="0.2">
      <c r="B4281" s="43"/>
      <c r="C4281" s="73"/>
      <c r="D4281" s="64"/>
      <c r="E4281" s="64"/>
      <c r="F4281" s="55"/>
      <c r="G4281" s="102"/>
      <c r="H4281" s="97"/>
      <c r="T4281" s="98"/>
      <c r="U4281" s="97"/>
      <c r="AG4281" s="98"/>
      <c r="AY4281" s="164"/>
      <c r="BK4281" s="98"/>
      <c r="BL4281" s="97"/>
      <c r="BX4281" s="98"/>
      <c r="CL4281" s="97"/>
      <c r="CX4281" s="98"/>
      <c r="DL4281" s="97"/>
      <c r="DX4281" s="98"/>
      <c r="EL4281" s="97"/>
      <c r="EX4281" s="98"/>
      <c r="EY4281" s="97"/>
      <c r="FL4281" s="126"/>
      <c r="FM4281" s="91"/>
      <c r="FN4281" s="91"/>
      <c r="FO4281" s="91"/>
      <c r="FP4281" s="91"/>
      <c r="FQ4281" s="91"/>
      <c r="FR4281" s="91"/>
      <c r="FS4281" s="91"/>
      <c r="FT4281" s="91"/>
      <c r="FU4281" s="91"/>
      <c r="FV4281" s="91"/>
      <c r="FW4281" s="91"/>
      <c r="FX4281" s="127"/>
      <c r="FY4281" s="126"/>
      <c r="FZ4281" s="91"/>
      <c r="GA4281" s="91"/>
      <c r="GB4281" s="91"/>
      <c r="GC4281" s="91"/>
      <c r="GD4281" s="91"/>
      <c r="GE4281" s="91"/>
      <c r="GF4281" s="91"/>
      <c r="GG4281" s="91"/>
      <c r="GH4281" s="91"/>
      <c r="GI4281" s="91"/>
      <c r="GJ4281" s="91"/>
      <c r="GK4281" s="127"/>
      <c r="GL4281" s="126"/>
      <c r="GM4281" s="91"/>
      <c r="GN4281" s="91"/>
      <c r="GO4281" s="91"/>
      <c r="GP4281" s="91"/>
      <c r="GQ4281" s="91"/>
      <c r="GR4281" s="91"/>
      <c r="GS4281" s="91"/>
      <c r="GT4281" s="91"/>
      <c r="GU4281" s="91"/>
      <c r="GV4281" s="91"/>
      <c r="GW4281" s="91"/>
      <c r="GX4281" s="127"/>
      <c r="GY4281" s="126"/>
      <c r="GZ4281" s="91"/>
      <c r="HA4281" s="91"/>
      <c r="HB4281" s="91"/>
      <c r="HC4281" s="91"/>
      <c r="HD4281" s="91"/>
      <c r="HE4281" s="91"/>
      <c r="HF4281" s="91"/>
      <c r="HG4281" s="91"/>
      <c r="HH4281" s="91"/>
      <c r="HI4281" s="91"/>
      <c r="HJ4281" s="91"/>
      <c r="HK4281" s="127"/>
      <c r="HL4281" s="126"/>
      <c r="HM4281" s="91"/>
      <c r="HN4281" s="91"/>
      <c r="HO4281" s="91"/>
      <c r="HP4281" s="91"/>
      <c r="HQ4281" s="91"/>
      <c r="HR4281" s="91"/>
      <c r="HS4281" s="91"/>
      <c r="HT4281" s="91"/>
      <c r="HU4281" s="91"/>
      <c r="HV4281" s="91"/>
      <c r="HW4281" s="91"/>
      <c r="HX4281" s="127"/>
      <c r="HY4281" s="126"/>
      <c r="HZ4281" s="91"/>
      <c r="IA4281" s="91"/>
      <c r="IB4281" s="91"/>
      <c r="IC4281" s="91"/>
      <c r="ID4281" s="91"/>
      <c r="IE4281" s="91"/>
      <c r="IF4281" s="91"/>
      <c r="IG4281" s="91"/>
      <c r="IH4281" s="91"/>
      <c r="II4281" s="91"/>
      <c r="IJ4281" s="91"/>
      <c r="IK4281" s="174"/>
    </row>
    <row r="4282" spans="2:245" x14ac:dyDescent="0.2">
      <c r="B4282" s="43"/>
      <c r="C4282" s="73"/>
      <c r="D4282" s="64"/>
      <c r="E4282" s="64"/>
      <c r="F4282" s="55"/>
      <c r="G4282" s="102"/>
      <c r="H4282" s="97"/>
      <c r="T4282" s="98"/>
      <c r="U4282" s="97"/>
      <c r="AG4282" s="98"/>
      <c r="AY4282" s="164"/>
      <c r="BK4282" s="98"/>
      <c r="BL4282" s="97"/>
      <c r="BX4282" s="98"/>
      <c r="CL4282" s="97"/>
      <c r="CX4282" s="98"/>
      <c r="DL4282" s="97"/>
      <c r="DX4282" s="98"/>
      <c r="EL4282" s="97"/>
      <c r="EX4282" s="98"/>
      <c r="EY4282" s="97"/>
      <c r="FL4282" s="126"/>
      <c r="FM4282" s="91"/>
      <c r="FN4282" s="91"/>
      <c r="FO4282" s="91"/>
      <c r="FP4282" s="91"/>
      <c r="FQ4282" s="91"/>
      <c r="FR4282" s="91"/>
      <c r="FS4282" s="91"/>
      <c r="FT4282" s="91"/>
      <c r="FU4282" s="91"/>
      <c r="FV4282" s="91"/>
      <c r="FW4282" s="91"/>
      <c r="FX4282" s="127"/>
      <c r="FY4282" s="126"/>
      <c r="FZ4282" s="91"/>
      <c r="GA4282" s="91"/>
      <c r="GB4282" s="91"/>
      <c r="GC4282" s="91"/>
      <c r="GD4282" s="91"/>
      <c r="GE4282" s="91"/>
      <c r="GF4282" s="91"/>
      <c r="GG4282" s="91"/>
      <c r="GH4282" s="91"/>
      <c r="GI4282" s="91"/>
      <c r="GJ4282" s="91"/>
      <c r="GK4282" s="127"/>
      <c r="GL4282" s="126"/>
      <c r="GM4282" s="91"/>
      <c r="GN4282" s="91"/>
      <c r="GO4282" s="91"/>
      <c r="GP4282" s="91"/>
      <c r="GQ4282" s="91"/>
      <c r="GR4282" s="91"/>
      <c r="GS4282" s="91"/>
      <c r="GT4282" s="91"/>
      <c r="GU4282" s="91"/>
      <c r="GV4282" s="91"/>
      <c r="GW4282" s="91"/>
      <c r="GX4282" s="127"/>
      <c r="GY4282" s="126"/>
      <c r="GZ4282" s="91"/>
      <c r="HA4282" s="91"/>
      <c r="HB4282" s="91"/>
      <c r="HC4282" s="91"/>
      <c r="HD4282" s="91"/>
      <c r="HE4282" s="91"/>
      <c r="HF4282" s="91"/>
      <c r="HG4282" s="91"/>
      <c r="HH4282" s="91"/>
      <c r="HI4282" s="91"/>
      <c r="HJ4282" s="91"/>
      <c r="HK4282" s="127"/>
      <c r="HL4282" s="126"/>
      <c r="HM4282" s="91"/>
      <c r="HN4282" s="91"/>
      <c r="HO4282" s="91"/>
      <c r="HP4282" s="91"/>
      <c r="HQ4282" s="91"/>
      <c r="HR4282" s="91"/>
      <c r="HS4282" s="91"/>
      <c r="HT4282" s="91"/>
      <c r="HU4282" s="91"/>
      <c r="HV4282" s="91"/>
      <c r="HW4282" s="91"/>
      <c r="HX4282" s="127"/>
      <c r="HY4282" s="126"/>
      <c r="HZ4282" s="91"/>
      <c r="IA4282" s="91"/>
      <c r="IB4282" s="91"/>
      <c r="IC4282" s="91"/>
      <c r="ID4282" s="91"/>
      <c r="IE4282" s="91"/>
      <c r="IF4282" s="91"/>
      <c r="IG4282" s="91"/>
      <c r="IH4282" s="91"/>
      <c r="II4282" s="91"/>
      <c r="IJ4282" s="91"/>
      <c r="IK4282" s="174"/>
    </row>
    <row r="4283" spans="2:245" x14ac:dyDescent="0.2">
      <c r="B4283" s="43"/>
      <c r="C4283" s="73"/>
      <c r="D4283" s="64"/>
      <c r="E4283" s="64"/>
      <c r="F4283" s="55"/>
      <c r="G4283" s="102"/>
      <c r="H4283" s="97"/>
      <c r="T4283" s="98"/>
      <c r="U4283" s="97"/>
      <c r="AG4283" s="98"/>
      <c r="AY4283" s="164"/>
      <c r="BK4283" s="98"/>
      <c r="BL4283" s="97"/>
      <c r="BX4283" s="98"/>
      <c r="CL4283" s="97"/>
      <c r="CX4283" s="98"/>
      <c r="DL4283" s="97"/>
      <c r="DX4283" s="98"/>
      <c r="EL4283" s="97"/>
      <c r="EX4283" s="98"/>
      <c r="EY4283" s="97"/>
      <c r="FL4283" s="126"/>
      <c r="FM4283" s="91"/>
      <c r="FN4283" s="91"/>
      <c r="FO4283" s="91"/>
      <c r="FP4283" s="91"/>
      <c r="FQ4283" s="91"/>
      <c r="FR4283" s="91"/>
      <c r="FS4283" s="91"/>
      <c r="FT4283" s="91"/>
      <c r="FU4283" s="91"/>
      <c r="FV4283" s="91"/>
      <c r="FW4283" s="91"/>
      <c r="FX4283" s="127"/>
      <c r="FY4283" s="126"/>
      <c r="FZ4283" s="91"/>
      <c r="GA4283" s="91"/>
      <c r="GB4283" s="91"/>
      <c r="GC4283" s="91"/>
      <c r="GD4283" s="91"/>
      <c r="GE4283" s="91"/>
      <c r="GF4283" s="91"/>
      <c r="GG4283" s="91"/>
      <c r="GH4283" s="91"/>
      <c r="GI4283" s="91"/>
      <c r="GJ4283" s="91"/>
      <c r="GK4283" s="127"/>
      <c r="GL4283" s="126"/>
      <c r="GM4283" s="91"/>
      <c r="GN4283" s="91"/>
      <c r="GO4283" s="91"/>
      <c r="GP4283" s="91"/>
      <c r="GQ4283" s="91"/>
      <c r="GR4283" s="91"/>
      <c r="GS4283" s="91"/>
      <c r="GT4283" s="91"/>
      <c r="GU4283" s="91"/>
      <c r="GV4283" s="91"/>
      <c r="GW4283" s="91"/>
      <c r="GX4283" s="127"/>
      <c r="GY4283" s="126"/>
      <c r="GZ4283" s="91"/>
      <c r="HA4283" s="91"/>
      <c r="HB4283" s="91"/>
      <c r="HC4283" s="91"/>
      <c r="HD4283" s="91"/>
      <c r="HE4283" s="91"/>
      <c r="HF4283" s="91"/>
      <c r="HG4283" s="91"/>
      <c r="HH4283" s="91"/>
      <c r="HI4283" s="91"/>
      <c r="HJ4283" s="91"/>
      <c r="HK4283" s="127"/>
      <c r="HL4283" s="126"/>
      <c r="HM4283" s="91"/>
      <c r="HN4283" s="91"/>
      <c r="HO4283" s="91"/>
      <c r="HP4283" s="91"/>
      <c r="HQ4283" s="91"/>
      <c r="HR4283" s="91"/>
      <c r="HS4283" s="91"/>
      <c r="HT4283" s="91"/>
      <c r="HU4283" s="91"/>
      <c r="HV4283" s="91"/>
      <c r="HW4283" s="91"/>
      <c r="HX4283" s="127"/>
      <c r="HY4283" s="126"/>
      <c r="HZ4283" s="91"/>
      <c r="IA4283" s="91"/>
      <c r="IB4283" s="91"/>
      <c r="IC4283" s="91"/>
      <c r="ID4283" s="91"/>
      <c r="IE4283" s="91"/>
      <c r="IF4283" s="91"/>
      <c r="IG4283" s="91"/>
      <c r="IH4283" s="91"/>
      <c r="II4283" s="91"/>
      <c r="IJ4283" s="91"/>
      <c r="IK4283" s="174"/>
    </row>
    <row r="4284" spans="2:245" x14ac:dyDescent="0.2">
      <c r="B4284" s="43"/>
      <c r="C4284" s="73"/>
      <c r="D4284" s="64"/>
      <c r="E4284" s="64"/>
      <c r="F4284" s="55"/>
      <c r="G4284" s="102"/>
      <c r="H4284" s="97"/>
      <c r="T4284" s="98"/>
      <c r="U4284" s="97"/>
      <c r="AG4284" s="98"/>
      <c r="AY4284" s="164"/>
      <c r="BK4284" s="98"/>
      <c r="BL4284" s="97"/>
      <c r="BX4284" s="98"/>
      <c r="CL4284" s="97"/>
      <c r="CX4284" s="98"/>
      <c r="DL4284" s="97"/>
      <c r="DX4284" s="98"/>
      <c r="EL4284" s="97"/>
      <c r="EX4284" s="98"/>
      <c r="EY4284" s="97"/>
      <c r="FL4284" s="126"/>
      <c r="FM4284" s="91"/>
      <c r="FN4284" s="91"/>
      <c r="FO4284" s="91"/>
      <c r="FP4284" s="91"/>
      <c r="FQ4284" s="91"/>
      <c r="FR4284" s="91"/>
      <c r="FS4284" s="91"/>
      <c r="FT4284" s="91"/>
      <c r="FU4284" s="91"/>
      <c r="FV4284" s="91"/>
      <c r="FW4284" s="91"/>
      <c r="FX4284" s="127"/>
      <c r="FY4284" s="126"/>
      <c r="FZ4284" s="91"/>
      <c r="GA4284" s="91"/>
      <c r="GB4284" s="91"/>
      <c r="GC4284" s="91"/>
      <c r="GD4284" s="91"/>
      <c r="GE4284" s="91"/>
      <c r="GF4284" s="91"/>
      <c r="GG4284" s="91"/>
      <c r="GH4284" s="91"/>
      <c r="GI4284" s="91"/>
      <c r="GJ4284" s="91"/>
      <c r="GK4284" s="127"/>
      <c r="GL4284" s="126"/>
      <c r="GM4284" s="91"/>
      <c r="GN4284" s="91"/>
      <c r="GO4284" s="91"/>
      <c r="GP4284" s="91"/>
      <c r="GQ4284" s="91"/>
      <c r="GR4284" s="91"/>
      <c r="GS4284" s="91"/>
      <c r="GT4284" s="91"/>
      <c r="GU4284" s="91"/>
      <c r="GV4284" s="91"/>
      <c r="GW4284" s="91"/>
      <c r="GX4284" s="127"/>
      <c r="GY4284" s="126"/>
      <c r="GZ4284" s="91"/>
      <c r="HA4284" s="91"/>
      <c r="HB4284" s="91"/>
      <c r="HC4284" s="91"/>
      <c r="HD4284" s="91"/>
      <c r="HE4284" s="91"/>
      <c r="HF4284" s="91"/>
      <c r="HG4284" s="91"/>
      <c r="HH4284" s="91"/>
      <c r="HI4284" s="91"/>
      <c r="HJ4284" s="91"/>
      <c r="HK4284" s="127"/>
      <c r="HL4284" s="126"/>
      <c r="HM4284" s="91"/>
      <c r="HN4284" s="91"/>
      <c r="HO4284" s="91"/>
      <c r="HP4284" s="91"/>
      <c r="HQ4284" s="91"/>
      <c r="HR4284" s="91"/>
      <c r="HS4284" s="91"/>
      <c r="HT4284" s="91"/>
      <c r="HU4284" s="91"/>
      <c r="HV4284" s="91"/>
      <c r="HW4284" s="91"/>
      <c r="HX4284" s="127"/>
      <c r="HY4284" s="126"/>
      <c r="HZ4284" s="91"/>
      <c r="IA4284" s="91"/>
      <c r="IB4284" s="91"/>
      <c r="IC4284" s="91"/>
      <c r="ID4284" s="91"/>
      <c r="IE4284" s="91"/>
      <c r="IF4284" s="91"/>
      <c r="IG4284" s="91"/>
      <c r="IH4284" s="91"/>
      <c r="II4284" s="91"/>
      <c r="IJ4284" s="91"/>
      <c r="IK4284" s="174"/>
    </row>
    <row r="4285" spans="2:245" x14ac:dyDescent="0.2">
      <c r="B4285" s="43"/>
      <c r="C4285" s="73"/>
      <c r="D4285" s="64"/>
      <c r="E4285" s="64"/>
      <c r="F4285" s="55"/>
      <c r="G4285" s="102"/>
      <c r="H4285" s="97"/>
      <c r="T4285" s="98"/>
      <c r="U4285" s="97"/>
      <c r="AG4285" s="98"/>
      <c r="AY4285" s="164"/>
      <c r="BK4285" s="98"/>
      <c r="BL4285" s="97"/>
      <c r="BX4285" s="98"/>
      <c r="CL4285" s="97"/>
      <c r="CX4285" s="98"/>
      <c r="DL4285" s="97"/>
      <c r="DX4285" s="98"/>
      <c r="EL4285" s="97"/>
      <c r="EX4285" s="98"/>
      <c r="EY4285" s="97"/>
      <c r="FL4285" s="126"/>
      <c r="FM4285" s="91"/>
      <c r="FN4285" s="91"/>
      <c r="FO4285" s="91"/>
      <c r="FP4285" s="91"/>
      <c r="FQ4285" s="91"/>
      <c r="FR4285" s="91"/>
      <c r="FS4285" s="91"/>
      <c r="FT4285" s="91"/>
      <c r="FU4285" s="91"/>
      <c r="FV4285" s="91"/>
      <c r="FW4285" s="91"/>
      <c r="FX4285" s="127"/>
      <c r="FY4285" s="126"/>
      <c r="FZ4285" s="91"/>
      <c r="GA4285" s="91"/>
      <c r="GB4285" s="91"/>
      <c r="GC4285" s="91"/>
      <c r="GD4285" s="91"/>
      <c r="GE4285" s="91"/>
      <c r="GF4285" s="91"/>
      <c r="GG4285" s="91"/>
      <c r="GH4285" s="91"/>
      <c r="GI4285" s="91"/>
      <c r="GJ4285" s="91"/>
      <c r="GK4285" s="127"/>
      <c r="GL4285" s="126"/>
      <c r="GM4285" s="91"/>
      <c r="GN4285" s="91"/>
      <c r="GO4285" s="91"/>
      <c r="GP4285" s="91"/>
      <c r="GQ4285" s="91"/>
      <c r="GR4285" s="91"/>
      <c r="GS4285" s="91"/>
      <c r="GT4285" s="91"/>
      <c r="GU4285" s="91"/>
      <c r="GV4285" s="91"/>
      <c r="GW4285" s="91"/>
      <c r="GX4285" s="127"/>
      <c r="GY4285" s="126"/>
      <c r="GZ4285" s="91"/>
      <c r="HA4285" s="91"/>
      <c r="HB4285" s="91"/>
      <c r="HC4285" s="91"/>
      <c r="HD4285" s="91"/>
      <c r="HE4285" s="91"/>
      <c r="HF4285" s="91"/>
      <c r="HG4285" s="91"/>
      <c r="HH4285" s="91"/>
      <c r="HI4285" s="91"/>
      <c r="HJ4285" s="91"/>
      <c r="HK4285" s="127"/>
      <c r="HL4285" s="126"/>
      <c r="HM4285" s="91"/>
      <c r="HN4285" s="91"/>
      <c r="HO4285" s="91"/>
      <c r="HP4285" s="91"/>
      <c r="HQ4285" s="91"/>
      <c r="HR4285" s="91"/>
      <c r="HS4285" s="91"/>
      <c r="HT4285" s="91"/>
      <c r="HU4285" s="91"/>
      <c r="HV4285" s="91"/>
      <c r="HW4285" s="91"/>
      <c r="HX4285" s="127"/>
      <c r="HY4285" s="126"/>
      <c r="HZ4285" s="91"/>
      <c r="IA4285" s="91"/>
      <c r="IB4285" s="91"/>
      <c r="IC4285" s="91"/>
      <c r="ID4285" s="91"/>
      <c r="IE4285" s="91"/>
      <c r="IF4285" s="91"/>
      <c r="IG4285" s="91"/>
      <c r="IH4285" s="91"/>
      <c r="II4285" s="91"/>
      <c r="IJ4285" s="91"/>
      <c r="IK4285" s="174"/>
    </row>
    <row r="4286" spans="2:245" x14ac:dyDescent="0.2">
      <c r="B4286" s="43"/>
      <c r="C4286" s="73"/>
      <c r="D4286" s="64"/>
      <c r="E4286" s="64"/>
      <c r="F4286" s="55"/>
      <c r="G4286" s="102"/>
      <c r="H4286" s="97"/>
      <c r="T4286" s="98"/>
      <c r="U4286" s="97"/>
      <c r="AG4286" s="98"/>
      <c r="AY4286" s="164"/>
      <c r="BK4286" s="98"/>
      <c r="BL4286" s="97"/>
      <c r="BX4286" s="98"/>
      <c r="CL4286" s="97"/>
      <c r="CX4286" s="98"/>
      <c r="DL4286" s="97"/>
      <c r="DX4286" s="98"/>
      <c r="EL4286" s="97"/>
      <c r="EX4286" s="98"/>
      <c r="EY4286" s="97"/>
      <c r="FL4286" s="126"/>
      <c r="FM4286" s="91"/>
      <c r="FN4286" s="91"/>
      <c r="FO4286" s="91"/>
      <c r="FP4286" s="91"/>
      <c r="FQ4286" s="91"/>
      <c r="FR4286" s="91"/>
      <c r="FS4286" s="91"/>
      <c r="FT4286" s="91"/>
      <c r="FU4286" s="91"/>
      <c r="FV4286" s="91"/>
      <c r="FW4286" s="91"/>
      <c r="FX4286" s="127"/>
      <c r="FY4286" s="126"/>
      <c r="FZ4286" s="91"/>
      <c r="GA4286" s="91"/>
      <c r="GB4286" s="91"/>
      <c r="GC4286" s="91"/>
      <c r="GD4286" s="91"/>
      <c r="GE4286" s="91"/>
      <c r="GF4286" s="91"/>
      <c r="GG4286" s="91"/>
      <c r="GH4286" s="91"/>
      <c r="GI4286" s="91"/>
      <c r="GJ4286" s="91"/>
      <c r="GK4286" s="127"/>
      <c r="GL4286" s="126"/>
      <c r="GM4286" s="91"/>
      <c r="GN4286" s="91"/>
      <c r="GO4286" s="91"/>
      <c r="GP4286" s="91"/>
      <c r="GQ4286" s="91"/>
      <c r="GR4286" s="91"/>
      <c r="GS4286" s="91"/>
      <c r="GT4286" s="91"/>
      <c r="GU4286" s="91"/>
      <c r="GV4286" s="91"/>
      <c r="GW4286" s="91"/>
      <c r="GX4286" s="127"/>
      <c r="GY4286" s="126"/>
      <c r="GZ4286" s="91"/>
      <c r="HA4286" s="91"/>
      <c r="HB4286" s="91"/>
      <c r="HC4286" s="91"/>
      <c r="HD4286" s="91"/>
      <c r="HE4286" s="91"/>
      <c r="HF4286" s="91"/>
      <c r="HG4286" s="91"/>
      <c r="HH4286" s="91"/>
      <c r="HI4286" s="91"/>
      <c r="HJ4286" s="91"/>
      <c r="HK4286" s="127"/>
      <c r="HL4286" s="126"/>
      <c r="HM4286" s="91"/>
      <c r="HN4286" s="91"/>
      <c r="HO4286" s="91"/>
      <c r="HP4286" s="91"/>
      <c r="HQ4286" s="91"/>
      <c r="HR4286" s="91"/>
      <c r="HS4286" s="91"/>
      <c r="HT4286" s="91"/>
      <c r="HU4286" s="91"/>
      <c r="HV4286" s="91"/>
      <c r="HW4286" s="91"/>
      <c r="HX4286" s="127"/>
      <c r="HY4286" s="126"/>
      <c r="HZ4286" s="91"/>
      <c r="IA4286" s="91"/>
      <c r="IB4286" s="91"/>
      <c r="IC4286" s="91"/>
      <c r="ID4286" s="91"/>
      <c r="IE4286" s="91"/>
      <c r="IF4286" s="91"/>
      <c r="IG4286" s="91"/>
      <c r="IH4286" s="91"/>
      <c r="II4286" s="91"/>
      <c r="IJ4286" s="91"/>
      <c r="IK4286" s="174"/>
    </row>
    <row r="4287" spans="2:245" x14ac:dyDescent="0.2">
      <c r="B4287" s="43"/>
      <c r="C4287" s="73"/>
      <c r="D4287" s="64"/>
      <c r="E4287" s="64"/>
      <c r="F4287" s="55"/>
      <c r="G4287" s="102"/>
      <c r="H4287" s="97"/>
      <c r="T4287" s="98"/>
      <c r="U4287" s="97"/>
      <c r="AG4287" s="98"/>
      <c r="AY4287" s="164"/>
      <c r="BK4287" s="98"/>
      <c r="BL4287" s="97"/>
      <c r="BX4287" s="98"/>
      <c r="CL4287" s="97"/>
      <c r="CX4287" s="98"/>
      <c r="DL4287" s="97"/>
      <c r="DX4287" s="98"/>
      <c r="EL4287" s="97"/>
      <c r="EX4287" s="98"/>
      <c r="EY4287" s="97"/>
      <c r="FL4287" s="126"/>
      <c r="FM4287" s="91"/>
      <c r="FN4287" s="91"/>
      <c r="FO4287" s="91"/>
      <c r="FP4287" s="91"/>
      <c r="FQ4287" s="91"/>
      <c r="FR4287" s="91"/>
      <c r="FS4287" s="91"/>
      <c r="FT4287" s="91"/>
      <c r="FU4287" s="91"/>
      <c r="FV4287" s="91"/>
      <c r="FW4287" s="91"/>
      <c r="FX4287" s="127"/>
      <c r="FY4287" s="126"/>
      <c r="FZ4287" s="91"/>
      <c r="GA4287" s="91"/>
      <c r="GB4287" s="91"/>
      <c r="GC4287" s="91"/>
      <c r="GD4287" s="91"/>
      <c r="GE4287" s="91"/>
      <c r="GF4287" s="91"/>
      <c r="GG4287" s="91"/>
      <c r="GH4287" s="91"/>
      <c r="GI4287" s="91"/>
      <c r="GJ4287" s="91"/>
      <c r="GK4287" s="127"/>
      <c r="GL4287" s="126"/>
      <c r="GM4287" s="91"/>
      <c r="GN4287" s="91"/>
      <c r="GO4287" s="91"/>
      <c r="GP4287" s="91"/>
      <c r="GQ4287" s="91"/>
      <c r="GR4287" s="91"/>
      <c r="GS4287" s="91"/>
      <c r="GT4287" s="91"/>
      <c r="GU4287" s="91"/>
      <c r="GV4287" s="91"/>
      <c r="GW4287" s="91"/>
      <c r="GX4287" s="127"/>
      <c r="GY4287" s="126"/>
      <c r="GZ4287" s="91"/>
      <c r="HA4287" s="91"/>
      <c r="HB4287" s="91"/>
      <c r="HC4287" s="91"/>
      <c r="HD4287" s="91"/>
      <c r="HE4287" s="91"/>
      <c r="HF4287" s="91"/>
      <c r="HG4287" s="91"/>
      <c r="HH4287" s="91"/>
      <c r="HI4287" s="91"/>
      <c r="HJ4287" s="91"/>
      <c r="HK4287" s="127"/>
      <c r="HL4287" s="126"/>
      <c r="HM4287" s="91"/>
      <c r="HN4287" s="91"/>
      <c r="HO4287" s="91"/>
      <c r="HP4287" s="91"/>
      <c r="HQ4287" s="91"/>
      <c r="HR4287" s="91"/>
      <c r="HS4287" s="91"/>
      <c r="HT4287" s="91"/>
      <c r="HU4287" s="91"/>
      <c r="HV4287" s="91"/>
      <c r="HW4287" s="91"/>
      <c r="HX4287" s="127"/>
      <c r="HY4287" s="126"/>
      <c r="HZ4287" s="91"/>
      <c r="IA4287" s="91"/>
      <c r="IB4287" s="91"/>
      <c r="IC4287" s="91"/>
      <c r="ID4287" s="91"/>
      <c r="IE4287" s="91"/>
      <c r="IF4287" s="91"/>
      <c r="IG4287" s="91"/>
      <c r="IH4287" s="91"/>
      <c r="II4287" s="91"/>
      <c r="IJ4287" s="91"/>
      <c r="IK4287" s="174"/>
    </row>
    <row r="4288" spans="2:245" x14ac:dyDescent="0.2">
      <c r="B4288" s="43"/>
      <c r="C4288" s="73"/>
      <c r="D4288" s="64"/>
      <c r="E4288" s="64"/>
      <c r="F4288" s="55"/>
      <c r="G4288" s="102"/>
      <c r="H4288" s="97"/>
      <c r="T4288" s="98"/>
      <c r="U4288" s="97"/>
      <c r="AG4288" s="98"/>
      <c r="AY4288" s="164"/>
      <c r="BK4288" s="98"/>
      <c r="BL4288" s="97"/>
      <c r="BX4288" s="98"/>
      <c r="CL4288" s="97"/>
      <c r="CX4288" s="98"/>
      <c r="DL4288" s="97"/>
      <c r="DX4288" s="98"/>
      <c r="EL4288" s="97"/>
      <c r="EX4288" s="98"/>
      <c r="EY4288" s="97"/>
      <c r="FL4288" s="126"/>
      <c r="FM4288" s="91"/>
      <c r="FN4288" s="91"/>
      <c r="FO4288" s="91"/>
      <c r="FP4288" s="91"/>
      <c r="FQ4288" s="91"/>
      <c r="FR4288" s="91"/>
      <c r="FS4288" s="91"/>
      <c r="FT4288" s="91"/>
      <c r="FU4288" s="91"/>
      <c r="FV4288" s="91"/>
      <c r="FW4288" s="91"/>
      <c r="FX4288" s="127"/>
      <c r="FY4288" s="126"/>
      <c r="FZ4288" s="91"/>
      <c r="GA4288" s="91"/>
      <c r="GB4288" s="91"/>
      <c r="GC4288" s="91"/>
      <c r="GD4288" s="91"/>
      <c r="GE4288" s="91"/>
      <c r="GF4288" s="91"/>
      <c r="GG4288" s="91"/>
      <c r="GH4288" s="91"/>
      <c r="GI4288" s="91"/>
      <c r="GJ4288" s="91"/>
      <c r="GK4288" s="127"/>
      <c r="GL4288" s="126"/>
      <c r="GM4288" s="91"/>
      <c r="GN4288" s="91"/>
      <c r="GO4288" s="91"/>
      <c r="GP4288" s="91"/>
      <c r="GQ4288" s="91"/>
      <c r="GR4288" s="91"/>
      <c r="GS4288" s="91"/>
      <c r="GT4288" s="91"/>
      <c r="GU4288" s="91"/>
      <c r="GV4288" s="91"/>
      <c r="GW4288" s="91"/>
      <c r="GX4288" s="127"/>
      <c r="GY4288" s="126"/>
      <c r="GZ4288" s="91"/>
      <c r="HA4288" s="91"/>
      <c r="HB4288" s="91"/>
      <c r="HC4288" s="91"/>
      <c r="HD4288" s="91"/>
      <c r="HE4288" s="91"/>
      <c r="HF4288" s="91"/>
      <c r="HG4288" s="91"/>
      <c r="HH4288" s="91"/>
      <c r="HI4288" s="91"/>
      <c r="HJ4288" s="91"/>
      <c r="HK4288" s="127"/>
      <c r="HL4288" s="126"/>
      <c r="HM4288" s="91"/>
      <c r="HN4288" s="91"/>
      <c r="HO4288" s="91"/>
      <c r="HP4288" s="91"/>
      <c r="HQ4288" s="91"/>
      <c r="HR4288" s="91"/>
      <c r="HS4288" s="91"/>
      <c r="HT4288" s="91"/>
      <c r="HU4288" s="91"/>
      <c r="HV4288" s="91"/>
      <c r="HW4288" s="91"/>
      <c r="HX4288" s="127"/>
      <c r="HY4288" s="126"/>
      <c r="HZ4288" s="91"/>
      <c r="IA4288" s="91"/>
      <c r="IB4288" s="91"/>
      <c r="IC4288" s="91"/>
      <c r="ID4288" s="91"/>
      <c r="IE4288" s="91"/>
      <c r="IF4288" s="91"/>
      <c r="IG4288" s="91"/>
      <c r="IH4288" s="91"/>
      <c r="II4288" s="91"/>
      <c r="IJ4288" s="91"/>
      <c r="IK4288" s="174"/>
    </row>
    <row r="4289" spans="2:245" x14ac:dyDescent="0.2">
      <c r="B4289" s="43"/>
      <c r="C4289" s="73"/>
      <c r="D4289" s="64"/>
      <c r="E4289" s="64"/>
      <c r="F4289" s="55"/>
      <c r="G4289" s="102"/>
      <c r="H4289" s="97"/>
      <c r="T4289" s="98"/>
      <c r="U4289" s="97"/>
      <c r="AG4289" s="98"/>
      <c r="AY4289" s="164"/>
      <c r="BK4289" s="98"/>
      <c r="BL4289" s="97"/>
      <c r="BX4289" s="98"/>
      <c r="CL4289" s="97"/>
      <c r="CX4289" s="98"/>
      <c r="DL4289" s="97"/>
      <c r="DX4289" s="98"/>
      <c r="EL4289" s="97"/>
      <c r="EX4289" s="98"/>
      <c r="EY4289" s="97"/>
      <c r="FL4289" s="126"/>
      <c r="FM4289" s="91"/>
      <c r="FN4289" s="91"/>
      <c r="FO4289" s="91"/>
      <c r="FP4289" s="91"/>
      <c r="FQ4289" s="91"/>
      <c r="FR4289" s="91"/>
      <c r="FS4289" s="91"/>
      <c r="FT4289" s="91"/>
      <c r="FU4289" s="91"/>
      <c r="FV4289" s="91"/>
      <c r="FW4289" s="91"/>
      <c r="FX4289" s="127"/>
      <c r="FY4289" s="126"/>
      <c r="FZ4289" s="91"/>
      <c r="GA4289" s="91"/>
      <c r="GB4289" s="91"/>
      <c r="GC4289" s="91"/>
      <c r="GD4289" s="91"/>
      <c r="GE4289" s="91"/>
      <c r="GF4289" s="91"/>
      <c r="GG4289" s="91"/>
      <c r="GH4289" s="91"/>
      <c r="GI4289" s="91"/>
      <c r="GJ4289" s="91"/>
      <c r="GK4289" s="127"/>
      <c r="GL4289" s="126"/>
      <c r="GM4289" s="91"/>
      <c r="GN4289" s="91"/>
      <c r="GO4289" s="91"/>
      <c r="GP4289" s="91"/>
      <c r="GQ4289" s="91"/>
      <c r="GR4289" s="91"/>
      <c r="GS4289" s="91"/>
      <c r="GT4289" s="91"/>
      <c r="GU4289" s="91"/>
      <c r="GV4289" s="91"/>
      <c r="GW4289" s="91"/>
      <c r="GX4289" s="127"/>
      <c r="GY4289" s="126"/>
      <c r="GZ4289" s="91"/>
      <c r="HA4289" s="91"/>
      <c r="HB4289" s="91"/>
      <c r="HC4289" s="91"/>
      <c r="HD4289" s="91"/>
      <c r="HE4289" s="91"/>
      <c r="HF4289" s="91"/>
      <c r="HG4289" s="91"/>
      <c r="HH4289" s="91"/>
      <c r="HI4289" s="91"/>
      <c r="HJ4289" s="91"/>
      <c r="HK4289" s="127"/>
      <c r="HL4289" s="126"/>
      <c r="HM4289" s="91"/>
      <c r="HN4289" s="91"/>
      <c r="HO4289" s="91"/>
      <c r="HP4289" s="91"/>
      <c r="HQ4289" s="91"/>
      <c r="HR4289" s="91"/>
      <c r="HS4289" s="91"/>
      <c r="HT4289" s="91"/>
      <c r="HU4289" s="91"/>
      <c r="HV4289" s="91"/>
      <c r="HW4289" s="91"/>
      <c r="HX4289" s="127"/>
      <c r="HY4289" s="126"/>
      <c r="HZ4289" s="91"/>
      <c r="IA4289" s="91"/>
      <c r="IB4289" s="91"/>
      <c r="IC4289" s="91"/>
      <c r="ID4289" s="91"/>
      <c r="IE4289" s="91"/>
      <c r="IF4289" s="91"/>
      <c r="IG4289" s="91"/>
      <c r="IH4289" s="91"/>
      <c r="II4289" s="91"/>
      <c r="IJ4289" s="91"/>
      <c r="IK4289" s="174"/>
    </row>
    <row r="4290" spans="2:245" x14ac:dyDescent="0.2">
      <c r="B4290" s="43"/>
      <c r="C4290" s="73"/>
      <c r="D4290" s="64"/>
      <c r="E4290" s="64"/>
      <c r="F4290" s="55"/>
      <c r="G4290" s="102"/>
      <c r="H4290" s="97"/>
      <c r="T4290" s="98"/>
      <c r="U4290" s="97"/>
      <c r="AG4290" s="98"/>
      <c r="AY4290" s="164"/>
      <c r="BK4290" s="98"/>
      <c r="BL4290" s="97"/>
      <c r="BX4290" s="98"/>
      <c r="CL4290" s="97"/>
      <c r="CX4290" s="98"/>
      <c r="DL4290" s="97"/>
      <c r="DX4290" s="98"/>
      <c r="EL4290" s="97"/>
      <c r="EX4290" s="98"/>
      <c r="EY4290" s="97"/>
      <c r="FL4290" s="126"/>
      <c r="FM4290" s="91"/>
      <c r="FN4290" s="91"/>
      <c r="FO4290" s="91"/>
      <c r="FP4290" s="91"/>
      <c r="FQ4290" s="91"/>
      <c r="FR4290" s="91"/>
      <c r="FS4290" s="91"/>
      <c r="FT4290" s="91"/>
      <c r="FU4290" s="91"/>
      <c r="FV4290" s="91"/>
      <c r="FW4290" s="91"/>
      <c r="FX4290" s="127"/>
      <c r="FY4290" s="126"/>
      <c r="FZ4290" s="91"/>
      <c r="GA4290" s="91"/>
      <c r="GB4290" s="91"/>
      <c r="GC4290" s="91"/>
      <c r="GD4290" s="91"/>
      <c r="GE4290" s="91"/>
      <c r="GF4290" s="91"/>
      <c r="GG4290" s="91"/>
      <c r="GH4290" s="91"/>
      <c r="GI4290" s="91"/>
      <c r="GJ4290" s="91"/>
      <c r="GK4290" s="127"/>
      <c r="GL4290" s="126"/>
      <c r="GM4290" s="91"/>
      <c r="GN4290" s="91"/>
      <c r="GO4290" s="91"/>
      <c r="GP4290" s="91"/>
      <c r="GQ4290" s="91"/>
      <c r="GR4290" s="91"/>
      <c r="GS4290" s="91"/>
      <c r="GT4290" s="91"/>
      <c r="GU4290" s="91"/>
      <c r="GV4290" s="91"/>
      <c r="GW4290" s="91"/>
      <c r="GX4290" s="127"/>
      <c r="GY4290" s="126"/>
      <c r="GZ4290" s="91"/>
      <c r="HA4290" s="91"/>
      <c r="HB4290" s="91"/>
      <c r="HC4290" s="91"/>
      <c r="HD4290" s="91"/>
      <c r="HE4290" s="91"/>
      <c r="HF4290" s="91"/>
      <c r="HG4290" s="91"/>
      <c r="HH4290" s="91"/>
      <c r="HI4290" s="91"/>
      <c r="HJ4290" s="91"/>
      <c r="HK4290" s="127"/>
      <c r="HL4290" s="126"/>
      <c r="HM4290" s="91"/>
      <c r="HN4290" s="91"/>
      <c r="HO4290" s="91"/>
      <c r="HP4290" s="91"/>
      <c r="HQ4290" s="91"/>
      <c r="HR4290" s="91"/>
      <c r="HS4290" s="91"/>
      <c r="HT4290" s="91"/>
      <c r="HU4290" s="91"/>
      <c r="HV4290" s="91"/>
      <c r="HW4290" s="91"/>
      <c r="HX4290" s="127"/>
      <c r="HY4290" s="126"/>
      <c r="HZ4290" s="91"/>
      <c r="IA4290" s="91"/>
      <c r="IB4290" s="91"/>
      <c r="IC4290" s="91"/>
      <c r="ID4290" s="91"/>
      <c r="IE4290" s="91"/>
      <c r="IF4290" s="91"/>
      <c r="IG4290" s="91"/>
      <c r="IH4290" s="91"/>
      <c r="II4290" s="91"/>
      <c r="IJ4290" s="91"/>
      <c r="IK4290" s="174"/>
    </row>
    <row r="4291" spans="2:245" x14ac:dyDescent="0.2">
      <c r="B4291" s="43"/>
      <c r="C4291" s="73"/>
      <c r="D4291" s="64"/>
      <c r="E4291" s="64"/>
      <c r="F4291" s="55"/>
      <c r="G4291" s="102"/>
      <c r="H4291" s="97"/>
      <c r="T4291" s="98"/>
      <c r="U4291" s="97"/>
      <c r="AG4291" s="98"/>
      <c r="AY4291" s="164"/>
      <c r="BK4291" s="98"/>
      <c r="BL4291" s="97"/>
      <c r="BX4291" s="98"/>
      <c r="CL4291" s="97"/>
      <c r="CX4291" s="98"/>
      <c r="DL4291" s="97"/>
      <c r="DX4291" s="98"/>
      <c r="EL4291" s="97"/>
      <c r="EX4291" s="98"/>
      <c r="EY4291" s="97"/>
      <c r="FL4291" s="126"/>
      <c r="FM4291" s="91"/>
      <c r="FN4291" s="91"/>
      <c r="FO4291" s="91"/>
      <c r="FP4291" s="91"/>
      <c r="FQ4291" s="91"/>
      <c r="FR4291" s="91"/>
      <c r="FS4291" s="91"/>
      <c r="FT4291" s="91"/>
      <c r="FU4291" s="91"/>
      <c r="FV4291" s="91"/>
      <c r="FW4291" s="91"/>
      <c r="FX4291" s="127"/>
      <c r="FY4291" s="126"/>
      <c r="FZ4291" s="91"/>
      <c r="GA4291" s="91"/>
      <c r="GB4291" s="91"/>
      <c r="GC4291" s="91"/>
      <c r="GD4291" s="91"/>
      <c r="GE4291" s="91"/>
      <c r="GF4291" s="91"/>
      <c r="GG4291" s="91"/>
      <c r="GH4291" s="91"/>
      <c r="GI4291" s="91"/>
      <c r="GJ4291" s="91"/>
      <c r="GK4291" s="127"/>
      <c r="GL4291" s="126"/>
      <c r="GM4291" s="91"/>
      <c r="GN4291" s="91"/>
      <c r="GO4291" s="91"/>
      <c r="GP4291" s="91"/>
      <c r="GQ4291" s="91"/>
      <c r="GR4291" s="91"/>
      <c r="GS4291" s="91"/>
      <c r="GT4291" s="91"/>
      <c r="GU4291" s="91"/>
      <c r="GV4291" s="91"/>
      <c r="GW4291" s="91"/>
      <c r="GX4291" s="127"/>
      <c r="GY4291" s="126"/>
      <c r="GZ4291" s="91"/>
      <c r="HA4291" s="91"/>
      <c r="HB4291" s="91"/>
      <c r="HC4291" s="91"/>
      <c r="HD4291" s="91"/>
      <c r="HE4291" s="91"/>
      <c r="HF4291" s="91"/>
      <c r="HG4291" s="91"/>
      <c r="HH4291" s="91"/>
      <c r="HI4291" s="91"/>
      <c r="HJ4291" s="91"/>
      <c r="HK4291" s="127"/>
      <c r="HL4291" s="126"/>
      <c r="HM4291" s="91"/>
      <c r="HN4291" s="91"/>
      <c r="HO4291" s="91"/>
      <c r="HP4291" s="91"/>
      <c r="HQ4291" s="91"/>
      <c r="HR4291" s="91"/>
      <c r="HS4291" s="91"/>
      <c r="HT4291" s="91"/>
      <c r="HU4291" s="91"/>
      <c r="HV4291" s="91"/>
      <c r="HW4291" s="91"/>
      <c r="HX4291" s="127"/>
      <c r="HY4291" s="126"/>
      <c r="HZ4291" s="91"/>
      <c r="IA4291" s="91"/>
      <c r="IB4291" s="91"/>
      <c r="IC4291" s="91"/>
      <c r="ID4291" s="91"/>
      <c r="IE4291" s="91"/>
      <c r="IF4291" s="91"/>
      <c r="IG4291" s="91"/>
      <c r="IH4291" s="91"/>
      <c r="II4291" s="91"/>
      <c r="IJ4291" s="91"/>
      <c r="IK4291" s="174"/>
    </row>
    <row r="4292" spans="2:245" x14ac:dyDescent="0.2">
      <c r="B4292" s="43"/>
      <c r="C4292" s="73"/>
      <c r="D4292" s="64"/>
      <c r="E4292" s="64"/>
      <c r="F4292" s="55"/>
      <c r="G4292" s="102"/>
      <c r="H4292" s="97"/>
      <c r="T4292" s="98"/>
      <c r="U4292" s="97"/>
      <c r="AG4292" s="98"/>
      <c r="AY4292" s="164"/>
      <c r="BK4292" s="98"/>
      <c r="BL4292" s="97"/>
      <c r="BX4292" s="98"/>
      <c r="CL4292" s="97"/>
      <c r="CX4292" s="98"/>
      <c r="DL4292" s="97"/>
      <c r="DX4292" s="98"/>
      <c r="EL4292" s="97"/>
      <c r="EX4292" s="98"/>
      <c r="EY4292" s="97"/>
      <c r="FL4292" s="126"/>
      <c r="FM4292" s="91"/>
      <c r="FN4292" s="91"/>
      <c r="FO4292" s="91"/>
      <c r="FP4292" s="91"/>
      <c r="FQ4292" s="91"/>
      <c r="FR4292" s="91"/>
      <c r="FS4292" s="91"/>
      <c r="FT4292" s="91"/>
      <c r="FU4292" s="91"/>
      <c r="FV4292" s="91"/>
      <c r="FW4292" s="91"/>
      <c r="FX4292" s="127"/>
      <c r="FY4292" s="126"/>
      <c r="FZ4292" s="91"/>
      <c r="GA4292" s="91"/>
      <c r="GB4292" s="91"/>
      <c r="GC4292" s="91"/>
      <c r="GD4292" s="91"/>
      <c r="GE4292" s="91"/>
      <c r="GF4292" s="91"/>
      <c r="GG4292" s="91"/>
      <c r="GH4292" s="91"/>
      <c r="GI4292" s="91"/>
      <c r="GJ4292" s="91"/>
      <c r="GK4292" s="127"/>
      <c r="GL4292" s="126"/>
      <c r="GM4292" s="91"/>
      <c r="GN4292" s="91"/>
      <c r="GO4292" s="91"/>
      <c r="GP4292" s="91"/>
      <c r="GQ4292" s="91"/>
      <c r="GR4292" s="91"/>
      <c r="GS4292" s="91"/>
      <c r="GT4292" s="91"/>
      <c r="GU4292" s="91"/>
      <c r="GV4292" s="91"/>
      <c r="GW4292" s="91"/>
      <c r="GX4292" s="127"/>
      <c r="GY4292" s="126"/>
      <c r="GZ4292" s="91"/>
      <c r="HA4292" s="91"/>
      <c r="HB4292" s="91"/>
      <c r="HC4292" s="91"/>
      <c r="HD4292" s="91"/>
      <c r="HE4292" s="91"/>
      <c r="HF4292" s="91"/>
      <c r="HG4292" s="91"/>
      <c r="HH4292" s="91"/>
      <c r="HI4292" s="91"/>
      <c r="HJ4292" s="91"/>
      <c r="HK4292" s="127"/>
      <c r="HL4292" s="126"/>
      <c r="HM4292" s="91"/>
      <c r="HN4292" s="91"/>
      <c r="HO4292" s="91"/>
      <c r="HP4292" s="91"/>
      <c r="HQ4292" s="91"/>
      <c r="HR4292" s="91"/>
      <c r="HS4292" s="91"/>
      <c r="HT4292" s="91"/>
      <c r="HU4292" s="91"/>
      <c r="HV4292" s="91"/>
      <c r="HW4292" s="91"/>
      <c r="HX4292" s="127"/>
      <c r="HY4292" s="126"/>
      <c r="HZ4292" s="91"/>
      <c r="IA4292" s="91"/>
      <c r="IB4292" s="91"/>
      <c r="IC4292" s="91"/>
      <c r="ID4292" s="91"/>
      <c r="IE4292" s="91"/>
      <c r="IF4292" s="91"/>
      <c r="IG4292" s="91"/>
      <c r="IH4292" s="91"/>
      <c r="II4292" s="91"/>
      <c r="IJ4292" s="91"/>
      <c r="IK4292" s="174"/>
    </row>
    <row r="4293" spans="2:245" x14ac:dyDescent="0.2">
      <c r="B4293" s="43"/>
      <c r="C4293" s="73"/>
      <c r="D4293" s="64"/>
      <c r="E4293" s="64"/>
      <c r="F4293" s="55"/>
      <c r="G4293" s="102"/>
      <c r="H4293" s="97"/>
      <c r="T4293" s="98"/>
      <c r="U4293" s="97"/>
      <c r="AG4293" s="98"/>
      <c r="AY4293" s="164"/>
      <c r="BK4293" s="98"/>
      <c r="BL4293" s="97"/>
      <c r="BX4293" s="98"/>
      <c r="CL4293" s="97"/>
      <c r="CX4293" s="98"/>
      <c r="DL4293" s="97"/>
      <c r="DX4293" s="98"/>
      <c r="EL4293" s="97"/>
      <c r="EX4293" s="98"/>
      <c r="EY4293" s="97"/>
      <c r="FL4293" s="126"/>
      <c r="FM4293" s="91"/>
      <c r="FN4293" s="91"/>
      <c r="FO4293" s="91"/>
      <c r="FP4293" s="91"/>
      <c r="FQ4293" s="91"/>
      <c r="FR4293" s="91"/>
      <c r="FS4293" s="91"/>
      <c r="FT4293" s="91"/>
      <c r="FU4293" s="91"/>
      <c r="FV4293" s="91"/>
      <c r="FW4293" s="91"/>
      <c r="FX4293" s="127"/>
      <c r="FY4293" s="126"/>
      <c r="FZ4293" s="91"/>
      <c r="GA4293" s="91"/>
      <c r="GB4293" s="91"/>
      <c r="GC4293" s="91"/>
      <c r="GD4293" s="91"/>
      <c r="GE4293" s="91"/>
      <c r="GF4293" s="91"/>
      <c r="GG4293" s="91"/>
      <c r="GH4293" s="91"/>
      <c r="GI4293" s="91"/>
      <c r="GJ4293" s="91"/>
      <c r="GK4293" s="127"/>
      <c r="GL4293" s="126"/>
      <c r="GM4293" s="91"/>
      <c r="GN4293" s="91"/>
      <c r="GO4293" s="91"/>
      <c r="GP4293" s="91"/>
      <c r="GQ4293" s="91"/>
      <c r="GR4293" s="91"/>
      <c r="GS4293" s="91"/>
      <c r="GT4293" s="91"/>
      <c r="GU4293" s="91"/>
      <c r="GV4293" s="91"/>
      <c r="GW4293" s="91"/>
      <c r="GX4293" s="127"/>
      <c r="GY4293" s="126"/>
      <c r="GZ4293" s="91"/>
      <c r="HA4293" s="91"/>
      <c r="HB4293" s="91"/>
      <c r="HC4293" s="91"/>
      <c r="HD4293" s="91"/>
      <c r="HE4293" s="91"/>
      <c r="HF4293" s="91"/>
      <c r="HG4293" s="91"/>
      <c r="HH4293" s="91"/>
      <c r="HI4293" s="91"/>
      <c r="HJ4293" s="91"/>
      <c r="HK4293" s="127"/>
      <c r="HL4293" s="126"/>
      <c r="HM4293" s="91"/>
      <c r="HN4293" s="91"/>
      <c r="HO4293" s="91"/>
      <c r="HP4293" s="91"/>
      <c r="HQ4293" s="91"/>
      <c r="HR4293" s="91"/>
      <c r="HS4293" s="91"/>
      <c r="HT4293" s="91"/>
      <c r="HU4293" s="91"/>
      <c r="HV4293" s="91"/>
      <c r="HW4293" s="91"/>
      <c r="HX4293" s="127"/>
      <c r="HY4293" s="126"/>
      <c r="HZ4293" s="91"/>
      <c r="IA4293" s="91"/>
      <c r="IB4293" s="91"/>
      <c r="IC4293" s="91"/>
      <c r="ID4293" s="91"/>
      <c r="IE4293" s="91"/>
      <c r="IF4293" s="91"/>
      <c r="IG4293" s="91"/>
      <c r="IH4293" s="91"/>
      <c r="II4293" s="91"/>
      <c r="IJ4293" s="91"/>
      <c r="IK4293" s="174"/>
    </row>
    <row r="4294" spans="2:245" x14ac:dyDescent="0.2">
      <c r="B4294" s="43"/>
      <c r="C4294" s="73"/>
      <c r="D4294" s="64"/>
      <c r="E4294" s="64"/>
      <c r="F4294" s="55"/>
      <c r="G4294" s="102"/>
      <c r="H4294" s="97"/>
      <c r="T4294" s="98"/>
      <c r="U4294" s="97"/>
      <c r="AG4294" s="98"/>
      <c r="AY4294" s="164"/>
      <c r="BK4294" s="98"/>
      <c r="BL4294" s="97"/>
      <c r="BX4294" s="98"/>
      <c r="CL4294" s="97"/>
      <c r="CX4294" s="98"/>
      <c r="DL4294" s="97"/>
      <c r="DX4294" s="98"/>
      <c r="EL4294" s="97"/>
      <c r="EX4294" s="98"/>
      <c r="EY4294" s="97"/>
      <c r="FL4294" s="126"/>
      <c r="FM4294" s="91"/>
      <c r="FN4294" s="91"/>
      <c r="FO4294" s="91"/>
      <c r="FP4294" s="91"/>
      <c r="FQ4294" s="91"/>
      <c r="FR4294" s="91"/>
      <c r="FS4294" s="91"/>
      <c r="FT4294" s="91"/>
      <c r="FU4294" s="91"/>
      <c r="FV4294" s="91"/>
      <c r="FW4294" s="91"/>
      <c r="FX4294" s="127"/>
      <c r="FY4294" s="126"/>
      <c r="FZ4294" s="91"/>
      <c r="GA4294" s="91"/>
      <c r="GB4294" s="91"/>
      <c r="GC4294" s="91"/>
      <c r="GD4294" s="91"/>
      <c r="GE4294" s="91"/>
      <c r="GF4294" s="91"/>
      <c r="GG4294" s="91"/>
      <c r="GH4294" s="91"/>
      <c r="GI4294" s="91"/>
      <c r="GJ4294" s="91"/>
      <c r="GK4294" s="127"/>
      <c r="GL4294" s="126"/>
      <c r="GM4294" s="91"/>
      <c r="GN4294" s="91"/>
      <c r="GO4294" s="91"/>
      <c r="GP4294" s="91"/>
      <c r="GQ4294" s="91"/>
      <c r="GR4294" s="91"/>
      <c r="GS4294" s="91"/>
      <c r="GT4294" s="91"/>
      <c r="GU4294" s="91"/>
      <c r="GV4294" s="91"/>
      <c r="GW4294" s="91"/>
      <c r="GX4294" s="127"/>
      <c r="GY4294" s="126"/>
      <c r="GZ4294" s="91"/>
      <c r="HA4294" s="91"/>
      <c r="HB4294" s="91"/>
      <c r="HC4294" s="91"/>
      <c r="HD4294" s="91"/>
      <c r="HE4294" s="91"/>
      <c r="HF4294" s="91"/>
      <c r="HG4294" s="91"/>
      <c r="HH4294" s="91"/>
      <c r="HI4294" s="91"/>
      <c r="HJ4294" s="91"/>
      <c r="HK4294" s="127"/>
      <c r="HL4294" s="126"/>
      <c r="HM4294" s="91"/>
      <c r="HN4294" s="91"/>
      <c r="HO4294" s="91"/>
      <c r="HP4294" s="91"/>
      <c r="HQ4294" s="91"/>
      <c r="HR4294" s="91"/>
      <c r="HS4294" s="91"/>
      <c r="HT4294" s="91"/>
      <c r="HU4294" s="91"/>
      <c r="HV4294" s="91"/>
      <c r="HW4294" s="91"/>
      <c r="HX4294" s="127"/>
      <c r="HY4294" s="126"/>
      <c r="HZ4294" s="91"/>
      <c r="IA4294" s="91"/>
      <c r="IB4294" s="91"/>
      <c r="IC4294" s="91"/>
      <c r="ID4294" s="91"/>
      <c r="IE4294" s="91"/>
      <c r="IF4294" s="91"/>
      <c r="IG4294" s="91"/>
      <c r="IH4294" s="91"/>
      <c r="II4294" s="91"/>
      <c r="IJ4294" s="91"/>
      <c r="IK4294" s="174"/>
    </row>
    <row r="4295" spans="2:245" x14ac:dyDescent="0.2">
      <c r="B4295" s="43"/>
      <c r="C4295" s="73"/>
      <c r="D4295" s="64"/>
      <c r="E4295" s="64"/>
      <c r="F4295" s="55"/>
      <c r="G4295" s="102"/>
      <c r="H4295" s="97"/>
      <c r="T4295" s="98"/>
      <c r="U4295" s="97"/>
      <c r="AG4295" s="98"/>
      <c r="AY4295" s="164"/>
      <c r="BK4295" s="98"/>
      <c r="BL4295" s="97"/>
      <c r="BX4295" s="98"/>
      <c r="CL4295" s="97"/>
      <c r="CX4295" s="98"/>
      <c r="DL4295" s="97"/>
      <c r="DX4295" s="98"/>
      <c r="EL4295" s="97"/>
      <c r="EX4295" s="98"/>
      <c r="EY4295" s="97"/>
      <c r="FL4295" s="126"/>
      <c r="FM4295" s="91"/>
      <c r="FN4295" s="91"/>
      <c r="FO4295" s="91"/>
      <c r="FP4295" s="91"/>
      <c r="FQ4295" s="91"/>
      <c r="FR4295" s="91"/>
      <c r="FS4295" s="91"/>
      <c r="FT4295" s="91"/>
      <c r="FU4295" s="91"/>
      <c r="FV4295" s="91"/>
      <c r="FW4295" s="91"/>
      <c r="FX4295" s="127"/>
      <c r="FY4295" s="126"/>
      <c r="FZ4295" s="91"/>
      <c r="GA4295" s="91"/>
      <c r="GB4295" s="91"/>
      <c r="GC4295" s="91"/>
      <c r="GD4295" s="91"/>
      <c r="GE4295" s="91"/>
      <c r="GF4295" s="91"/>
      <c r="GG4295" s="91"/>
      <c r="GH4295" s="91"/>
      <c r="GI4295" s="91"/>
      <c r="GJ4295" s="91"/>
      <c r="GK4295" s="127"/>
      <c r="GL4295" s="126"/>
      <c r="GM4295" s="91"/>
      <c r="GN4295" s="91"/>
      <c r="GO4295" s="91"/>
      <c r="GP4295" s="91"/>
      <c r="GQ4295" s="91"/>
      <c r="GR4295" s="91"/>
      <c r="GS4295" s="91"/>
      <c r="GT4295" s="91"/>
      <c r="GU4295" s="91"/>
      <c r="GV4295" s="91"/>
      <c r="GW4295" s="91"/>
      <c r="GX4295" s="127"/>
      <c r="GY4295" s="126"/>
      <c r="GZ4295" s="91"/>
      <c r="HA4295" s="91"/>
      <c r="HB4295" s="91"/>
      <c r="HC4295" s="91"/>
      <c r="HD4295" s="91"/>
      <c r="HE4295" s="91"/>
      <c r="HF4295" s="91"/>
      <c r="HG4295" s="91"/>
      <c r="HH4295" s="91"/>
      <c r="HI4295" s="91"/>
      <c r="HJ4295" s="91"/>
      <c r="HK4295" s="127"/>
      <c r="HL4295" s="126"/>
      <c r="HM4295" s="91"/>
      <c r="HN4295" s="91"/>
      <c r="HO4295" s="91"/>
      <c r="HP4295" s="91"/>
      <c r="HQ4295" s="91"/>
      <c r="HR4295" s="91"/>
      <c r="HS4295" s="91"/>
      <c r="HT4295" s="91"/>
      <c r="HU4295" s="91"/>
      <c r="HV4295" s="91"/>
      <c r="HW4295" s="91"/>
      <c r="HX4295" s="127"/>
      <c r="HY4295" s="126"/>
      <c r="HZ4295" s="91"/>
      <c r="IA4295" s="91"/>
      <c r="IB4295" s="91"/>
      <c r="IC4295" s="91"/>
      <c r="ID4295" s="91"/>
      <c r="IE4295" s="91"/>
      <c r="IF4295" s="91"/>
      <c r="IG4295" s="91"/>
      <c r="IH4295" s="91"/>
      <c r="II4295" s="91"/>
      <c r="IJ4295" s="91"/>
      <c r="IK4295" s="174"/>
    </row>
    <row r="4296" spans="2:245" x14ac:dyDescent="0.2">
      <c r="B4296" s="43"/>
      <c r="C4296" s="73"/>
      <c r="D4296" s="64"/>
      <c r="E4296" s="64"/>
      <c r="F4296" s="55"/>
      <c r="G4296" s="102"/>
      <c r="H4296" s="97"/>
      <c r="T4296" s="98"/>
      <c r="U4296" s="97"/>
      <c r="AG4296" s="98"/>
      <c r="AY4296" s="164"/>
      <c r="BK4296" s="98"/>
      <c r="BL4296" s="97"/>
      <c r="BX4296" s="98"/>
      <c r="CL4296" s="97"/>
      <c r="CX4296" s="98"/>
      <c r="DL4296" s="97"/>
      <c r="DX4296" s="98"/>
      <c r="EL4296" s="97"/>
      <c r="EX4296" s="98"/>
      <c r="EY4296" s="97"/>
      <c r="FL4296" s="126"/>
      <c r="FM4296" s="91"/>
      <c r="FN4296" s="91"/>
      <c r="FO4296" s="91"/>
      <c r="FP4296" s="91"/>
      <c r="FQ4296" s="91"/>
      <c r="FR4296" s="91"/>
      <c r="FS4296" s="91"/>
      <c r="FT4296" s="91"/>
      <c r="FU4296" s="91"/>
      <c r="FV4296" s="91"/>
      <c r="FW4296" s="91"/>
      <c r="FX4296" s="127"/>
      <c r="FY4296" s="126"/>
      <c r="FZ4296" s="91"/>
      <c r="GA4296" s="91"/>
      <c r="GB4296" s="91"/>
      <c r="GC4296" s="91"/>
      <c r="GD4296" s="91"/>
      <c r="GE4296" s="91"/>
      <c r="GF4296" s="91"/>
      <c r="GG4296" s="91"/>
      <c r="GH4296" s="91"/>
      <c r="GI4296" s="91"/>
      <c r="GJ4296" s="91"/>
      <c r="GK4296" s="127"/>
      <c r="GL4296" s="126"/>
      <c r="GM4296" s="91"/>
      <c r="GN4296" s="91"/>
      <c r="GO4296" s="91"/>
      <c r="GP4296" s="91"/>
      <c r="GQ4296" s="91"/>
      <c r="GR4296" s="91"/>
      <c r="GS4296" s="91"/>
      <c r="GT4296" s="91"/>
      <c r="GU4296" s="91"/>
      <c r="GV4296" s="91"/>
      <c r="GW4296" s="91"/>
      <c r="GX4296" s="127"/>
      <c r="GY4296" s="126"/>
      <c r="GZ4296" s="91"/>
      <c r="HA4296" s="91"/>
      <c r="HB4296" s="91"/>
      <c r="HC4296" s="91"/>
      <c r="HD4296" s="91"/>
      <c r="HE4296" s="91"/>
      <c r="HF4296" s="91"/>
      <c r="HG4296" s="91"/>
      <c r="HH4296" s="91"/>
      <c r="HI4296" s="91"/>
      <c r="HJ4296" s="91"/>
      <c r="HK4296" s="127"/>
      <c r="HL4296" s="126"/>
      <c r="HM4296" s="91"/>
      <c r="HN4296" s="91"/>
      <c r="HO4296" s="91"/>
      <c r="HP4296" s="91"/>
      <c r="HQ4296" s="91"/>
      <c r="HR4296" s="91"/>
      <c r="HS4296" s="91"/>
      <c r="HT4296" s="91"/>
      <c r="HU4296" s="91"/>
      <c r="HV4296" s="91"/>
      <c r="HW4296" s="91"/>
      <c r="HX4296" s="127"/>
      <c r="HY4296" s="126"/>
      <c r="HZ4296" s="91"/>
      <c r="IA4296" s="91"/>
      <c r="IB4296" s="91"/>
      <c r="IC4296" s="91"/>
      <c r="ID4296" s="91"/>
      <c r="IE4296" s="91"/>
      <c r="IF4296" s="91"/>
      <c r="IG4296" s="91"/>
      <c r="IH4296" s="91"/>
      <c r="II4296" s="91"/>
      <c r="IJ4296" s="91"/>
      <c r="IK4296" s="174"/>
    </row>
    <row r="4297" spans="2:245" x14ac:dyDescent="0.2">
      <c r="B4297" s="43"/>
      <c r="C4297" s="73"/>
      <c r="D4297" s="64"/>
      <c r="E4297" s="64"/>
      <c r="F4297" s="55"/>
      <c r="G4297" s="102"/>
      <c r="H4297" s="97"/>
      <c r="T4297" s="98"/>
      <c r="U4297" s="97"/>
      <c r="AG4297" s="98"/>
      <c r="AY4297" s="164"/>
      <c r="BK4297" s="98"/>
      <c r="BL4297" s="97"/>
      <c r="BX4297" s="98"/>
      <c r="CL4297" s="97"/>
      <c r="CX4297" s="98"/>
      <c r="DL4297" s="97"/>
      <c r="DX4297" s="98"/>
      <c r="EL4297" s="97"/>
      <c r="EX4297" s="98"/>
      <c r="EY4297" s="97"/>
      <c r="FL4297" s="126"/>
      <c r="FM4297" s="91"/>
      <c r="FN4297" s="91"/>
      <c r="FO4297" s="91"/>
      <c r="FP4297" s="91"/>
      <c r="FQ4297" s="91"/>
      <c r="FR4297" s="91"/>
      <c r="FS4297" s="91"/>
      <c r="FT4297" s="91"/>
      <c r="FU4297" s="91"/>
      <c r="FV4297" s="91"/>
      <c r="FW4297" s="91"/>
      <c r="FX4297" s="127"/>
      <c r="FY4297" s="126"/>
      <c r="FZ4297" s="91"/>
      <c r="GA4297" s="91"/>
      <c r="GB4297" s="91"/>
      <c r="GC4297" s="91"/>
      <c r="GD4297" s="91"/>
      <c r="GE4297" s="91"/>
      <c r="GF4297" s="91"/>
      <c r="GG4297" s="91"/>
      <c r="GH4297" s="91"/>
      <c r="GI4297" s="91"/>
      <c r="GJ4297" s="91"/>
      <c r="GK4297" s="127"/>
      <c r="GL4297" s="126"/>
      <c r="GM4297" s="91"/>
      <c r="GN4297" s="91"/>
      <c r="GO4297" s="91"/>
      <c r="GP4297" s="91"/>
      <c r="GQ4297" s="91"/>
      <c r="GR4297" s="91"/>
      <c r="GS4297" s="91"/>
      <c r="GT4297" s="91"/>
      <c r="GU4297" s="91"/>
      <c r="GV4297" s="91"/>
      <c r="GW4297" s="91"/>
      <c r="GX4297" s="127"/>
      <c r="GY4297" s="126"/>
      <c r="GZ4297" s="91"/>
      <c r="HA4297" s="91"/>
      <c r="HB4297" s="91"/>
      <c r="HC4297" s="91"/>
      <c r="HD4297" s="91"/>
      <c r="HE4297" s="91"/>
      <c r="HF4297" s="91"/>
      <c r="HG4297" s="91"/>
      <c r="HH4297" s="91"/>
      <c r="HI4297" s="91"/>
      <c r="HJ4297" s="91"/>
      <c r="HK4297" s="127"/>
      <c r="HL4297" s="126"/>
      <c r="HM4297" s="91"/>
      <c r="HN4297" s="91"/>
      <c r="HO4297" s="91"/>
      <c r="HP4297" s="91"/>
      <c r="HQ4297" s="91"/>
      <c r="HR4297" s="91"/>
      <c r="HS4297" s="91"/>
      <c r="HT4297" s="91"/>
      <c r="HU4297" s="91"/>
      <c r="HV4297" s="91"/>
      <c r="HW4297" s="91"/>
      <c r="HX4297" s="127"/>
      <c r="HY4297" s="126"/>
      <c r="HZ4297" s="91"/>
      <c r="IA4297" s="91"/>
      <c r="IB4297" s="91"/>
      <c r="IC4297" s="91"/>
      <c r="ID4297" s="91"/>
      <c r="IE4297" s="91"/>
      <c r="IF4297" s="91"/>
      <c r="IG4297" s="91"/>
      <c r="IH4297" s="91"/>
      <c r="II4297" s="91"/>
      <c r="IJ4297" s="91"/>
      <c r="IK4297" s="174"/>
    </row>
    <row r="4298" spans="2:245" x14ac:dyDescent="0.2">
      <c r="B4298" s="43"/>
      <c r="C4298" s="73"/>
      <c r="D4298" s="64"/>
      <c r="E4298" s="64"/>
      <c r="F4298" s="55"/>
      <c r="G4298" s="102"/>
      <c r="H4298" s="97"/>
      <c r="T4298" s="98"/>
      <c r="U4298" s="97"/>
      <c r="AG4298" s="98"/>
      <c r="AY4298" s="164"/>
      <c r="BK4298" s="98"/>
      <c r="BL4298" s="97"/>
      <c r="BX4298" s="98"/>
      <c r="CL4298" s="97"/>
      <c r="CX4298" s="98"/>
      <c r="DL4298" s="97"/>
      <c r="DX4298" s="98"/>
      <c r="EL4298" s="97"/>
      <c r="EX4298" s="98"/>
      <c r="EY4298" s="97"/>
      <c r="FL4298" s="126"/>
      <c r="FM4298" s="91"/>
      <c r="FN4298" s="91"/>
      <c r="FO4298" s="91"/>
      <c r="FP4298" s="91"/>
      <c r="FQ4298" s="91"/>
      <c r="FR4298" s="91"/>
      <c r="FS4298" s="91"/>
      <c r="FT4298" s="91"/>
      <c r="FU4298" s="91"/>
      <c r="FV4298" s="91"/>
      <c r="FW4298" s="91"/>
      <c r="FX4298" s="127"/>
      <c r="FY4298" s="126"/>
      <c r="FZ4298" s="91"/>
      <c r="GA4298" s="91"/>
      <c r="GB4298" s="91"/>
      <c r="GC4298" s="91"/>
      <c r="GD4298" s="91"/>
      <c r="GE4298" s="91"/>
      <c r="GF4298" s="91"/>
      <c r="GG4298" s="91"/>
      <c r="GH4298" s="91"/>
      <c r="GI4298" s="91"/>
      <c r="GJ4298" s="91"/>
      <c r="GK4298" s="127"/>
      <c r="GL4298" s="126"/>
      <c r="GM4298" s="91"/>
      <c r="GN4298" s="91"/>
      <c r="GO4298" s="91"/>
      <c r="GP4298" s="91"/>
      <c r="GQ4298" s="91"/>
      <c r="GR4298" s="91"/>
      <c r="GS4298" s="91"/>
      <c r="GT4298" s="91"/>
      <c r="GU4298" s="91"/>
      <c r="GV4298" s="91"/>
      <c r="GW4298" s="91"/>
      <c r="GX4298" s="127"/>
      <c r="GY4298" s="126"/>
      <c r="GZ4298" s="91"/>
      <c r="HA4298" s="91"/>
      <c r="HB4298" s="91"/>
      <c r="HC4298" s="91"/>
      <c r="HD4298" s="91"/>
      <c r="HE4298" s="91"/>
      <c r="HF4298" s="91"/>
      <c r="HG4298" s="91"/>
      <c r="HH4298" s="91"/>
      <c r="HI4298" s="91"/>
      <c r="HJ4298" s="91"/>
      <c r="HK4298" s="127"/>
      <c r="HL4298" s="126"/>
      <c r="HM4298" s="91"/>
      <c r="HN4298" s="91"/>
      <c r="HO4298" s="91"/>
      <c r="HP4298" s="91"/>
      <c r="HQ4298" s="91"/>
      <c r="HR4298" s="91"/>
      <c r="HS4298" s="91"/>
      <c r="HT4298" s="91"/>
      <c r="HU4298" s="91"/>
      <c r="HV4298" s="91"/>
      <c r="HW4298" s="91"/>
      <c r="HX4298" s="127"/>
      <c r="HY4298" s="126"/>
      <c r="HZ4298" s="91"/>
      <c r="IA4298" s="91"/>
      <c r="IB4298" s="91"/>
      <c r="IC4298" s="91"/>
      <c r="ID4298" s="91"/>
      <c r="IE4298" s="91"/>
      <c r="IF4298" s="91"/>
      <c r="IG4298" s="91"/>
      <c r="IH4298" s="91"/>
      <c r="II4298" s="91"/>
      <c r="IJ4298" s="91"/>
      <c r="IK4298" s="174"/>
    </row>
    <row r="4299" spans="2:245" x14ac:dyDescent="0.2">
      <c r="B4299" s="43"/>
      <c r="C4299" s="73"/>
      <c r="D4299" s="64"/>
      <c r="E4299" s="64"/>
      <c r="F4299" s="55"/>
      <c r="G4299" s="102"/>
      <c r="H4299" s="97"/>
      <c r="T4299" s="98"/>
      <c r="U4299" s="97"/>
      <c r="AG4299" s="98"/>
      <c r="AY4299" s="164"/>
      <c r="BK4299" s="98"/>
      <c r="BL4299" s="97"/>
      <c r="BX4299" s="98"/>
      <c r="CL4299" s="97"/>
      <c r="CX4299" s="98"/>
      <c r="DL4299" s="97"/>
      <c r="DX4299" s="98"/>
      <c r="EL4299" s="97"/>
      <c r="EX4299" s="98"/>
      <c r="EY4299" s="97"/>
      <c r="FL4299" s="126"/>
      <c r="FM4299" s="91"/>
      <c r="FN4299" s="91"/>
      <c r="FO4299" s="91"/>
      <c r="FP4299" s="91"/>
      <c r="FQ4299" s="91"/>
      <c r="FR4299" s="91"/>
      <c r="FS4299" s="91"/>
      <c r="FT4299" s="91"/>
      <c r="FU4299" s="91"/>
      <c r="FV4299" s="91"/>
      <c r="FW4299" s="91"/>
      <c r="FX4299" s="127"/>
      <c r="FY4299" s="126"/>
      <c r="FZ4299" s="91"/>
      <c r="GA4299" s="91"/>
      <c r="GB4299" s="91"/>
      <c r="GC4299" s="91"/>
      <c r="GD4299" s="91"/>
      <c r="GE4299" s="91"/>
      <c r="GF4299" s="91"/>
      <c r="GG4299" s="91"/>
      <c r="GH4299" s="91"/>
      <c r="GI4299" s="91"/>
      <c r="GJ4299" s="91"/>
      <c r="GK4299" s="127"/>
      <c r="GL4299" s="126"/>
      <c r="GM4299" s="91"/>
      <c r="GN4299" s="91"/>
      <c r="GO4299" s="91"/>
      <c r="GP4299" s="91"/>
      <c r="GQ4299" s="91"/>
      <c r="GR4299" s="91"/>
      <c r="GS4299" s="91"/>
      <c r="GT4299" s="91"/>
      <c r="GU4299" s="91"/>
      <c r="GV4299" s="91"/>
      <c r="GW4299" s="91"/>
      <c r="GX4299" s="127"/>
      <c r="GY4299" s="126"/>
      <c r="GZ4299" s="91"/>
      <c r="HA4299" s="91"/>
      <c r="HB4299" s="91"/>
      <c r="HC4299" s="91"/>
      <c r="HD4299" s="91"/>
      <c r="HE4299" s="91"/>
      <c r="HF4299" s="91"/>
      <c r="HG4299" s="91"/>
      <c r="HH4299" s="91"/>
      <c r="HI4299" s="91"/>
      <c r="HJ4299" s="91"/>
      <c r="HK4299" s="127"/>
      <c r="HL4299" s="126"/>
      <c r="HM4299" s="91"/>
      <c r="HN4299" s="91"/>
      <c r="HO4299" s="91"/>
      <c r="HP4299" s="91"/>
      <c r="HQ4299" s="91"/>
      <c r="HR4299" s="91"/>
      <c r="HS4299" s="91"/>
      <c r="HT4299" s="91"/>
      <c r="HU4299" s="91"/>
      <c r="HV4299" s="91"/>
      <c r="HW4299" s="91"/>
      <c r="HX4299" s="127"/>
      <c r="HY4299" s="126"/>
      <c r="HZ4299" s="91"/>
      <c r="IA4299" s="91"/>
      <c r="IB4299" s="91"/>
      <c r="IC4299" s="91"/>
      <c r="ID4299" s="91"/>
      <c r="IE4299" s="91"/>
      <c r="IF4299" s="91"/>
      <c r="IG4299" s="91"/>
      <c r="IH4299" s="91"/>
      <c r="II4299" s="91"/>
      <c r="IJ4299" s="91"/>
      <c r="IK4299" s="174"/>
    </row>
    <row r="4300" spans="2:245" x14ac:dyDescent="0.2">
      <c r="B4300" s="43"/>
      <c r="C4300" s="73"/>
      <c r="D4300" s="64"/>
      <c r="E4300" s="64"/>
      <c r="F4300" s="55"/>
      <c r="G4300" s="102"/>
      <c r="H4300" s="97"/>
      <c r="T4300" s="98"/>
      <c r="U4300" s="97"/>
      <c r="AG4300" s="98"/>
      <c r="AY4300" s="164"/>
      <c r="BK4300" s="98"/>
      <c r="BL4300" s="97"/>
      <c r="BX4300" s="98"/>
      <c r="CL4300" s="97"/>
      <c r="CX4300" s="98"/>
      <c r="DL4300" s="97"/>
      <c r="DX4300" s="98"/>
      <c r="EL4300" s="97"/>
      <c r="EX4300" s="98"/>
      <c r="EY4300" s="97"/>
      <c r="FL4300" s="126"/>
      <c r="FM4300" s="91"/>
      <c r="FN4300" s="91"/>
      <c r="FO4300" s="91"/>
      <c r="FP4300" s="91"/>
      <c r="FQ4300" s="91"/>
      <c r="FR4300" s="91"/>
      <c r="FS4300" s="91"/>
      <c r="FT4300" s="91"/>
      <c r="FU4300" s="91"/>
      <c r="FV4300" s="91"/>
      <c r="FW4300" s="91"/>
      <c r="FX4300" s="127"/>
      <c r="FY4300" s="126"/>
      <c r="FZ4300" s="91"/>
      <c r="GA4300" s="91"/>
      <c r="GB4300" s="91"/>
      <c r="GC4300" s="91"/>
      <c r="GD4300" s="91"/>
      <c r="GE4300" s="91"/>
      <c r="GF4300" s="91"/>
      <c r="GG4300" s="91"/>
      <c r="GH4300" s="91"/>
      <c r="GI4300" s="91"/>
      <c r="GJ4300" s="91"/>
      <c r="GK4300" s="127"/>
      <c r="GL4300" s="126"/>
      <c r="GM4300" s="91"/>
      <c r="GN4300" s="91"/>
      <c r="GO4300" s="91"/>
      <c r="GP4300" s="91"/>
      <c r="GQ4300" s="91"/>
      <c r="GR4300" s="91"/>
      <c r="GS4300" s="91"/>
      <c r="GT4300" s="91"/>
      <c r="GU4300" s="91"/>
      <c r="GV4300" s="91"/>
      <c r="GW4300" s="91"/>
      <c r="GX4300" s="127"/>
      <c r="GY4300" s="126"/>
      <c r="GZ4300" s="91"/>
      <c r="HA4300" s="91"/>
      <c r="HB4300" s="91"/>
      <c r="HC4300" s="91"/>
      <c r="HD4300" s="91"/>
      <c r="HE4300" s="91"/>
      <c r="HF4300" s="91"/>
      <c r="HG4300" s="91"/>
      <c r="HH4300" s="91"/>
      <c r="HI4300" s="91"/>
      <c r="HJ4300" s="91"/>
      <c r="HK4300" s="127"/>
      <c r="HL4300" s="126"/>
      <c r="HM4300" s="91"/>
      <c r="HN4300" s="91"/>
      <c r="HO4300" s="91"/>
      <c r="HP4300" s="91"/>
      <c r="HQ4300" s="91"/>
      <c r="HR4300" s="91"/>
      <c r="HS4300" s="91"/>
      <c r="HT4300" s="91"/>
      <c r="HU4300" s="91"/>
      <c r="HV4300" s="91"/>
      <c r="HW4300" s="91"/>
      <c r="HX4300" s="127"/>
      <c r="HY4300" s="126"/>
      <c r="HZ4300" s="91"/>
      <c r="IA4300" s="91"/>
      <c r="IB4300" s="91"/>
      <c r="IC4300" s="91"/>
      <c r="ID4300" s="91"/>
      <c r="IE4300" s="91"/>
      <c r="IF4300" s="91"/>
      <c r="IG4300" s="91"/>
      <c r="IH4300" s="91"/>
      <c r="II4300" s="91"/>
      <c r="IJ4300" s="91"/>
      <c r="IK4300" s="174"/>
    </row>
    <row r="4301" spans="2:245" x14ac:dyDescent="0.2">
      <c r="B4301" s="43"/>
      <c r="C4301" s="73"/>
      <c r="D4301" s="64"/>
      <c r="E4301" s="64"/>
      <c r="F4301" s="55"/>
      <c r="G4301" s="102"/>
      <c r="H4301" s="97"/>
      <c r="T4301" s="98"/>
      <c r="U4301" s="97"/>
      <c r="AG4301" s="98"/>
      <c r="AY4301" s="164"/>
      <c r="BK4301" s="98"/>
      <c r="BL4301" s="97"/>
      <c r="BX4301" s="98"/>
      <c r="CL4301" s="97"/>
      <c r="CX4301" s="98"/>
      <c r="DL4301" s="97"/>
      <c r="DX4301" s="98"/>
      <c r="EL4301" s="97"/>
      <c r="EX4301" s="98"/>
      <c r="EY4301" s="97"/>
      <c r="FL4301" s="126"/>
      <c r="FM4301" s="91"/>
      <c r="FN4301" s="91"/>
      <c r="FO4301" s="91"/>
      <c r="FP4301" s="91"/>
      <c r="FQ4301" s="91"/>
      <c r="FR4301" s="91"/>
      <c r="FS4301" s="91"/>
      <c r="FT4301" s="91"/>
      <c r="FU4301" s="91"/>
      <c r="FV4301" s="91"/>
      <c r="FW4301" s="91"/>
      <c r="FX4301" s="127"/>
      <c r="FY4301" s="126"/>
      <c r="FZ4301" s="91"/>
      <c r="GA4301" s="91"/>
      <c r="GB4301" s="91"/>
      <c r="GC4301" s="91"/>
      <c r="GD4301" s="91"/>
      <c r="GE4301" s="91"/>
      <c r="GF4301" s="91"/>
      <c r="GG4301" s="91"/>
      <c r="GH4301" s="91"/>
      <c r="GI4301" s="91"/>
      <c r="GJ4301" s="91"/>
      <c r="GK4301" s="127"/>
      <c r="GL4301" s="126"/>
      <c r="GM4301" s="91"/>
      <c r="GN4301" s="91"/>
      <c r="GO4301" s="91"/>
      <c r="GP4301" s="91"/>
      <c r="GQ4301" s="91"/>
      <c r="GR4301" s="91"/>
      <c r="GS4301" s="91"/>
      <c r="GT4301" s="91"/>
      <c r="GU4301" s="91"/>
      <c r="GV4301" s="91"/>
      <c r="GW4301" s="91"/>
      <c r="GX4301" s="127"/>
      <c r="GY4301" s="126"/>
      <c r="GZ4301" s="91"/>
      <c r="HA4301" s="91"/>
      <c r="HB4301" s="91"/>
      <c r="HC4301" s="91"/>
      <c r="HD4301" s="91"/>
      <c r="HE4301" s="91"/>
      <c r="HF4301" s="91"/>
      <c r="HG4301" s="91"/>
      <c r="HH4301" s="91"/>
      <c r="HI4301" s="91"/>
      <c r="HJ4301" s="91"/>
      <c r="HK4301" s="127"/>
      <c r="HL4301" s="126"/>
      <c r="HM4301" s="91"/>
      <c r="HN4301" s="91"/>
      <c r="HO4301" s="91"/>
      <c r="HP4301" s="91"/>
      <c r="HQ4301" s="91"/>
      <c r="HR4301" s="91"/>
      <c r="HS4301" s="91"/>
      <c r="HT4301" s="91"/>
      <c r="HU4301" s="91"/>
      <c r="HV4301" s="91"/>
      <c r="HW4301" s="91"/>
      <c r="HX4301" s="127"/>
      <c r="HY4301" s="126"/>
      <c r="HZ4301" s="91"/>
      <c r="IA4301" s="91"/>
      <c r="IB4301" s="91"/>
      <c r="IC4301" s="91"/>
      <c r="ID4301" s="91"/>
      <c r="IE4301" s="91"/>
      <c r="IF4301" s="91"/>
      <c r="IG4301" s="91"/>
      <c r="IH4301" s="91"/>
      <c r="II4301" s="91"/>
      <c r="IJ4301" s="91"/>
      <c r="IK4301" s="174"/>
    </row>
    <row r="4302" spans="2:245" x14ac:dyDescent="0.2">
      <c r="B4302" s="43"/>
      <c r="C4302" s="73"/>
      <c r="D4302" s="64"/>
      <c r="E4302" s="64"/>
      <c r="F4302" s="55"/>
      <c r="G4302" s="102"/>
      <c r="H4302" s="97"/>
      <c r="T4302" s="98"/>
      <c r="U4302" s="97"/>
      <c r="AG4302" s="98"/>
      <c r="AY4302" s="164"/>
      <c r="BK4302" s="98"/>
      <c r="BL4302" s="97"/>
      <c r="BX4302" s="98"/>
      <c r="CL4302" s="97"/>
      <c r="CX4302" s="98"/>
      <c r="DL4302" s="97"/>
      <c r="DX4302" s="98"/>
      <c r="EL4302" s="97"/>
      <c r="EX4302" s="98"/>
      <c r="EY4302" s="97"/>
      <c r="FL4302" s="126"/>
      <c r="FM4302" s="91"/>
      <c r="FN4302" s="91"/>
      <c r="FO4302" s="91"/>
      <c r="FP4302" s="91"/>
      <c r="FQ4302" s="91"/>
      <c r="FR4302" s="91"/>
      <c r="FS4302" s="91"/>
      <c r="FT4302" s="91"/>
      <c r="FU4302" s="91"/>
      <c r="FV4302" s="91"/>
      <c r="FW4302" s="91"/>
      <c r="FX4302" s="127"/>
      <c r="FY4302" s="126"/>
      <c r="FZ4302" s="91"/>
      <c r="GA4302" s="91"/>
      <c r="GB4302" s="91"/>
      <c r="GC4302" s="91"/>
      <c r="GD4302" s="91"/>
      <c r="GE4302" s="91"/>
      <c r="GF4302" s="91"/>
      <c r="GG4302" s="91"/>
      <c r="GH4302" s="91"/>
      <c r="GI4302" s="91"/>
      <c r="GJ4302" s="91"/>
      <c r="GK4302" s="127"/>
      <c r="GL4302" s="126"/>
      <c r="GM4302" s="91"/>
      <c r="GN4302" s="91"/>
      <c r="GO4302" s="91"/>
      <c r="GP4302" s="91"/>
      <c r="GQ4302" s="91"/>
      <c r="GR4302" s="91"/>
      <c r="GS4302" s="91"/>
      <c r="GT4302" s="91"/>
      <c r="GU4302" s="91"/>
      <c r="GV4302" s="91"/>
      <c r="GW4302" s="91"/>
      <c r="GX4302" s="127"/>
      <c r="GY4302" s="126"/>
      <c r="GZ4302" s="91"/>
      <c r="HA4302" s="91"/>
      <c r="HB4302" s="91"/>
      <c r="HC4302" s="91"/>
      <c r="HD4302" s="91"/>
      <c r="HE4302" s="91"/>
      <c r="HF4302" s="91"/>
      <c r="HG4302" s="91"/>
      <c r="HH4302" s="91"/>
      <c r="HI4302" s="91"/>
      <c r="HJ4302" s="91"/>
      <c r="HK4302" s="127"/>
      <c r="HL4302" s="126"/>
      <c r="HM4302" s="91"/>
      <c r="HN4302" s="91"/>
      <c r="HO4302" s="91"/>
      <c r="HP4302" s="91"/>
      <c r="HQ4302" s="91"/>
      <c r="HR4302" s="91"/>
      <c r="HS4302" s="91"/>
      <c r="HT4302" s="91"/>
      <c r="HU4302" s="91"/>
      <c r="HV4302" s="91"/>
      <c r="HW4302" s="91"/>
      <c r="HX4302" s="127"/>
      <c r="HY4302" s="126"/>
      <c r="HZ4302" s="91"/>
      <c r="IA4302" s="91"/>
      <c r="IB4302" s="91"/>
      <c r="IC4302" s="91"/>
      <c r="ID4302" s="91"/>
      <c r="IE4302" s="91"/>
      <c r="IF4302" s="91"/>
      <c r="IG4302" s="91"/>
      <c r="IH4302" s="91"/>
      <c r="II4302" s="91"/>
      <c r="IJ4302" s="91"/>
      <c r="IK4302" s="174"/>
    </row>
    <row r="4303" spans="2:245" x14ac:dyDescent="0.2">
      <c r="B4303" s="43"/>
      <c r="C4303" s="73"/>
      <c r="D4303" s="64"/>
      <c r="E4303" s="64"/>
      <c r="F4303" s="55"/>
      <c r="G4303" s="102"/>
      <c r="H4303" s="97"/>
      <c r="T4303" s="98"/>
      <c r="U4303" s="97"/>
      <c r="AG4303" s="98"/>
      <c r="AY4303" s="164"/>
      <c r="BK4303" s="98"/>
      <c r="BL4303" s="97"/>
      <c r="BX4303" s="98"/>
      <c r="CL4303" s="97"/>
      <c r="CX4303" s="98"/>
      <c r="DL4303" s="97"/>
      <c r="DX4303" s="98"/>
      <c r="EL4303" s="97"/>
      <c r="EX4303" s="98"/>
      <c r="EY4303" s="97"/>
      <c r="FL4303" s="126"/>
      <c r="FM4303" s="91"/>
      <c r="FN4303" s="91"/>
      <c r="FO4303" s="91"/>
      <c r="FP4303" s="91"/>
      <c r="FQ4303" s="91"/>
      <c r="FR4303" s="91"/>
      <c r="FS4303" s="91"/>
      <c r="FT4303" s="91"/>
      <c r="FU4303" s="91"/>
      <c r="FV4303" s="91"/>
      <c r="FW4303" s="91"/>
      <c r="FX4303" s="127"/>
      <c r="FY4303" s="126"/>
      <c r="FZ4303" s="91"/>
      <c r="GA4303" s="91"/>
      <c r="GB4303" s="91"/>
      <c r="GC4303" s="91"/>
      <c r="GD4303" s="91"/>
      <c r="GE4303" s="91"/>
      <c r="GF4303" s="91"/>
      <c r="GG4303" s="91"/>
      <c r="GH4303" s="91"/>
      <c r="GI4303" s="91"/>
      <c r="GJ4303" s="91"/>
      <c r="GK4303" s="127"/>
      <c r="GL4303" s="126"/>
      <c r="GM4303" s="91"/>
      <c r="GN4303" s="91"/>
      <c r="GO4303" s="91"/>
      <c r="GP4303" s="91"/>
      <c r="GQ4303" s="91"/>
      <c r="GR4303" s="91"/>
      <c r="GS4303" s="91"/>
      <c r="GT4303" s="91"/>
      <c r="GU4303" s="91"/>
      <c r="GV4303" s="91"/>
      <c r="GW4303" s="91"/>
      <c r="GX4303" s="127"/>
      <c r="GY4303" s="126"/>
      <c r="GZ4303" s="91"/>
      <c r="HA4303" s="91"/>
      <c r="HB4303" s="91"/>
      <c r="HC4303" s="91"/>
      <c r="HD4303" s="91"/>
      <c r="HE4303" s="91"/>
      <c r="HF4303" s="91"/>
      <c r="HG4303" s="91"/>
      <c r="HH4303" s="91"/>
      <c r="HI4303" s="91"/>
      <c r="HJ4303" s="91"/>
      <c r="HK4303" s="127"/>
      <c r="HL4303" s="126"/>
      <c r="HM4303" s="91"/>
      <c r="HN4303" s="91"/>
      <c r="HO4303" s="91"/>
      <c r="HP4303" s="91"/>
      <c r="HQ4303" s="91"/>
      <c r="HR4303" s="91"/>
      <c r="HS4303" s="91"/>
      <c r="HT4303" s="91"/>
      <c r="HU4303" s="91"/>
      <c r="HV4303" s="91"/>
      <c r="HW4303" s="91"/>
      <c r="HX4303" s="127"/>
      <c r="HY4303" s="126"/>
      <c r="HZ4303" s="91"/>
      <c r="IA4303" s="91"/>
      <c r="IB4303" s="91"/>
      <c r="IC4303" s="91"/>
      <c r="ID4303" s="91"/>
      <c r="IE4303" s="91"/>
      <c r="IF4303" s="91"/>
      <c r="IG4303" s="91"/>
      <c r="IH4303" s="91"/>
      <c r="II4303" s="91"/>
      <c r="IJ4303" s="91"/>
      <c r="IK4303" s="174"/>
    </row>
    <row r="4304" spans="2:245" x14ac:dyDescent="0.2">
      <c r="B4304" s="43"/>
      <c r="C4304" s="73"/>
      <c r="D4304" s="64"/>
      <c r="E4304" s="64"/>
      <c r="F4304" s="55"/>
      <c r="G4304" s="102"/>
      <c r="H4304" s="97"/>
      <c r="T4304" s="98"/>
      <c r="U4304" s="97"/>
      <c r="AG4304" s="98"/>
      <c r="AY4304" s="164"/>
      <c r="BK4304" s="98"/>
      <c r="BL4304" s="97"/>
      <c r="BX4304" s="98"/>
      <c r="CL4304" s="97"/>
      <c r="CX4304" s="98"/>
      <c r="DL4304" s="97"/>
      <c r="DX4304" s="98"/>
      <c r="EL4304" s="97"/>
      <c r="EX4304" s="98"/>
      <c r="EY4304" s="97"/>
      <c r="FL4304" s="126"/>
      <c r="FM4304" s="91"/>
      <c r="FN4304" s="91"/>
      <c r="FO4304" s="91"/>
      <c r="FP4304" s="91"/>
      <c r="FQ4304" s="91"/>
      <c r="FR4304" s="91"/>
      <c r="FS4304" s="91"/>
      <c r="FT4304" s="91"/>
      <c r="FU4304" s="91"/>
      <c r="FV4304" s="91"/>
      <c r="FW4304" s="91"/>
      <c r="FX4304" s="127"/>
      <c r="FY4304" s="126"/>
      <c r="FZ4304" s="91"/>
      <c r="GA4304" s="91"/>
      <c r="GB4304" s="91"/>
      <c r="GC4304" s="91"/>
      <c r="GD4304" s="91"/>
      <c r="GE4304" s="91"/>
      <c r="GF4304" s="91"/>
      <c r="GG4304" s="91"/>
      <c r="GH4304" s="91"/>
      <c r="GI4304" s="91"/>
      <c r="GJ4304" s="91"/>
      <c r="GK4304" s="127"/>
      <c r="GL4304" s="126"/>
      <c r="GM4304" s="91"/>
      <c r="GN4304" s="91"/>
      <c r="GO4304" s="91"/>
      <c r="GP4304" s="91"/>
      <c r="GQ4304" s="91"/>
      <c r="GR4304" s="91"/>
      <c r="GS4304" s="91"/>
      <c r="GT4304" s="91"/>
      <c r="GU4304" s="91"/>
      <c r="GV4304" s="91"/>
      <c r="GW4304" s="91"/>
      <c r="GX4304" s="127"/>
      <c r="GY4304" s="126"/>
      <c r="GZ4304" s="91"/>
      <c r="HA4304" s="91"/>
      <c r="HB4304" s="91"/>
      <c r="HC4304" s="91"/>
      <c r="HD4304" s="91"/>
      <c r="HE4304" s="91"/>
      <c r="HF4304" s="91"/>
      <c r="HG4304" s="91"/>
      <c r="HH4304" s="91"/>
      <c r="HI4304" s="91"/>
      <c r="HJ4304" s="91"/>
      <c r="HK4304" s="127"/>
      <c r="HL4304" s="126"/>
      <c r="HM4304" s="91"/>
      <c r="HN4304" s="91"/>
      <c r="HO4304" s="91"/>
      <c r="HP4304" s="91"/>
      <c r="HQ4304" s="91"/>
      <c r="HR4304" s="91"/>
      <c r="HS4304" s="91"/>
      <c r="HT4304" s="91"/>
      <c r="HU4304" s="91"/>
      <c r="HV4304" s="91"/>
      <c r="HW4304" s="91"/>
      <c r="HX4304" s="127"/>
      <c r="HY4304" s="126"/>
      <c r="HZ4304" s="91"/>
      <c r="IA4304" s="91"/>
      <c r="IB4304" s="91"/>
      <c r="IC4304" s="91"/>
      <c r="ID4304" s="91"/>
      <c r="IE4304" s="91"/>
      <c r="IF4304" s="91"/>
      <c r="IG4304" s="91"/>
      <c r="IH4304" s="91"/>
      <c r="II4304" s="91"/>
      <c r="IJ4304" s="91"/>
      <c r="IK4304" s="174"/>
    </row>
    <row r="4305" spans="2:245" x14ac:dyDescent="0.2">
      <c r="B4305" s="43"/>
      <c r="C4305" s="73"/>
      <c r="D4305" s="64"/>
      <c r="E4305" s="64"/>
      <c r="F4305" s="55"/>
      <c r="G4305" s="102"/>
      <c r="H4305" s="97"/>
      <c r="T4305" s="98"/>
      <c r="U4305" s="97"/>
      <c r="AG4305" s="98"/>
      <c r="AY4305" s="164"/>
      <c r="BK4305" s="98"/>
      <c r="BL4305" s="97"/>
      <c r="BX4305" s="98"/>
      <c r="CL4305" s="97"/>
      <c r="CX4305" s="98"/>
      <c r="DL4305" s="97"/>
      <c r="DX4305" s="98"/>
      <c r="EL4305" s="97"/>
      <c r="EX4305" s="98"/>
      <c r="EY4305" s="97"/>
      <c r="FL4305" s="126"/>
      <c r="FM4305" s="91"/>
      <c r="FN4305" s="91"/>
      <c r="FO4305" s="91"/>
      <c r="FP4305" s="91"/>
      <c r="FQ4305" s="91"/>
      <c r="FR4305" s="91"/>
      <c r="FS4305" s="91"/>
      <c r="FT4305" s="91"/>
      <c r="FU4305" s="91"/>
      <c r="FV4305" s="91"/>
      <c r="FW4305" s="91"/>
      <c r="FX4305" s="127"/>
      <c r="FY4305" s="126"/>
      <c r="FZ4305" s="91"/>
      <c r="GA4305" s="91"/>
      <c r="GB4305" s="91"/>
      <c r="GC4305" s="91"/>
      <c r="GD4305" s="91"/>
      <c r="GE4305" s="91"/>
      <c r="GF4305" s="91"/>
      <c r="GG4305" s="91"/>
      <c r="GH4305" s="91"/>
      <c r="GI4305" s="91"/>
      <c r="GJ4305" s="91"/>
      <c r="GK4305" s="127"/>
      <c r="GL4305" s="126"/>
      <c r="GM4305" s="91"/>
      <c r="GN4305" s="91"/>
      <c r="GO4305" s="91"/>
      <c r="GP4305" s="91"/>
      <c r="GQ4305" s="91"/>
      <c r="GR4305" s="91"/>
      <c r="GS4305" s="91"/>
      <c r="GT4305" s="91"/>
      <c r="GU4305" s="91"/>
      <c r="GV4305" s="91"/>
      <c r="GW4305" s="91"/>
      <c r="GX4305" s="127"/>
      <c r="GY4305" s="126"/>
      <c r="GZ4305" s="91"/>
      <c r="HA4305" s="91"/>
      <c r="HB4305" s="91"/>
      <c r="HC4305" s="91"/>
      <c r="HD4305" s="91"/>
      <c r="HE4305" s="91"/>
      <c r="HF4305" s="91"/>
      <c r="HG4305" s="91"/>
      <c r="HH4305" s="91"/>
      <c r="HI4305" s="91"/>
      <c r="HJ4305" s="91"/>
      <c r="HK4305" s="127"/>
      <c r="HL4305" s="126"/>
      <c r="HM4305" s="91"/>
      <c r="HN4305" s="91"/>
      <c r="HO4305" s="91"/>
      <c r="HP4305" s="91"/>
      <c r="HQ4305" s="91"/>
      <c r="HR4305" s="91"/>
      <c r="HS4305" s="91"/>
      <c r="HT4305" s="91"/>
      <c r="HU4305" s="91"/>
      <c r="HV4305" s="91"/>
      <c r="HW4305" s="91"/>
      <c r="HX4305" s="127"/>
      <c r="HY4305" s="126"/>
      <c r="HZ4305" s="91"/>
      <c r="IA4305" s="91"/>
      <c r="IB4305" s="91"/>
      <c r="IC4305" s="91"/>
      <c r="ID4305" s="91"/>
      <c r="IE4305" s="91"/>
      <c r="IF4305" s="91"/>
      <c r="IG4305" s="91"/>
      <c r="IH4305" s="91"/>
      <c r="II4305" s="91"/>
      <c r="IJ4305" s="91"/>
      <c r="IK4305" s="174"/>
    </row>
    <row r="4306" spans="2:245" x14ac:dyDescent="0.2">
      <c r="B4306" s="43"/>
      <c r="C4306" s="73"/>
      <c r="D4306" s="64"/>
      <c r="E4306" s="64"/>
      <c r="F4306" s="55"/>
      <c r="G4306" s="102"/>
      <c r="H4306" s="97"/>
      <c r="T4306" s="98"/>
      <c r="U4306" s="97"/>
      <c r="AG4306" s="98"/>
      <c r="AY4306" s="164"/>
      <c r="BK4306" s="98"/>
      <c r="BL4306" s="97"/>
      <c r="BX4306" s="98"/>
      <c r="CL4306" s="97"/>
      <c r="CX4306" s="98"/>
      <c r="DL4306" s="97"/>
      <c r="DX4306" s="98"/>
      <c r="EL4306" s="97"/>
      <c r="EX4306" s="98"/>
      <c r="EY4306" s="97"/>
      <c r="FL4306" s="126"/>
      <c r="FM4306" s="91"/>
      <c r="FN4306" s="91"/>
      <c r="FO4306" s="91"/>
      <c r="FP4306" s="91"/>
      <c r="FQ4306" s="91"/>
      <c r="FR4306" s="91"/>
      <c r="FS4306" s="91"/>
      <c r="FT4306" s="91"/>
      <c r="FU4306" s="91"/>
      <c r="FV4306" s="91"/>
      <c r="FW4306" s="91"/>
      <c r="FX4306" s="127"/>
      <c r="FY4306" s="126"/>
      <c r="FZ4306" s="91"/>
      <c r="GA4306" s="91"/>
      <c r="GB4306" s="91"/>
      <c r="GC4306" s="91"/>
      <c r="GD4306" s="91"/>
      <c r="GE4306" s="91"/>
      <c r="GF4306" s="91"/>
      <c r="GG4306" s="91"/>
      <c r="GH4306" s="91"/>
      <c r="GI4306" s="91"/>
      <c r="GJ4306" s="91"/>
      <c r="GK4306" s="127"/>
      <c r="GL4306" s="126"/>
      <c r="GM4306" s="91"/>
      <c r="GN4306" s="91"/>
      <c r="GO4306" s="91"/>
      <c r="GP4306" s="91"/>
      <c r="GQ4306" s="91"/>
      <c r="GR4306" s="91"/>
      <c r="GS4306" s="91"/>
      <c r="GT4306" s="91"/>
      <c r="GU4306" s="91"/>
      <c r="GV4306" s="91"/>
      <c r="GW4306" s="91"/>
      <c r="GX4306" s="127"/>
      <c r="GY4306" s="126"/>
      <c r="GZ4306" s="91"/>
      <c r="HA4306" s="91"/>
      <c r="HB4306" s="91"/>
      <c r="HC4306" s="91"/>
      <c r="HD4306" s="91"/>
      <c r="HE4306" s="91"/>
      <c r="HF4306" s="91"/>
      <c r="HG4306" s="91"/>
      <c r="HH4306" s="91"/>
      <c r="HI4306" s="91"/>
      <c r="HJ4306" s="91"/>
      <c r="HK4306" s="127"/>
      <c r="HL4306" s="126"/>
      <c r="HM4306" s="91"/>
      <c r="HN4306" s="91"/>
      <c r="HO4306" s="91"/>
      <c r="HP4306" s="91"/>
      <c r="HQ4306" s="91"/>
      <c r="HR4306" s="91"/>
      <c r="HS4306" s="91"/>
      <c r="HT4306" s="91"/>
      <c r="HU4306" s="91"/>
      <c r="HV4306" s="91"/>
      <c r="HW4306" s="91"/>
      <c r="HX4306" s="127"/>
      <c r="HY4306" s="126"/>
      <c r="HZ4306" s="91"/>
      <c r="IA4306" s="91"/>
      <c r="IB4306" s="91"/>
      <c r="IC4306" s="91"/>
      <c r="ID4306" s="91"/>
      <c r="IE4306" s="91"/>
      <c r="IF4306" s="91"/>
      <c r="IG4306" s="91"/>
      <c r="IH4306" s="91"/>
      <c r="II4306" s="91"/>
      <c r="IJ4306" s="91"/>
      <c r="IK4306" s="174"/>
    </row>
    <row r="4307" spans="2:245" x14ac:dyDescent="0.2">
      <c r="B4307" s="43"/>
      <c r="C4307" s="73"/>
      <c r="D4307" s="64"/>
      <c r="E4307" s="64"/>
      <c r="F4307" s="55"/>
      <c r="G4307" s="102"/>
      <c r="H4307" s="97"/>
      <c r="T4307" s="98"/>
      <c r="U4307" s="97"/>
      <c r="AG4307" s="98"/>
      <c r="AY4307" s="164"/>
      <c r="BK4307" s="98"/>
      <c r="BL4307" s="97"/>
      <c r="BX4307" s="98"/>
      <c r="CL4307" s="97"/>
      <c r="CX4307" s="98"/>
      <c r="DL4307" s="97"/>
      <c r="DX4307" s="98"/>
      <c r="EL4307" s="97"/>
      <c r="EX4307" s="98"/>
      <c r="EY4307" s="97"/>
      <c r="FL4307" s="126"/>
      <c r="FM4307" s="91"/>
      <c r="FN4307" s="91"/>
      <c r="FO4307" s="91"/>
      <c r="FP4307" s="91"/>
      <c r="FQ4307" s="91"/>
      <c r="FR4307" s="91"/>
      <c r="FS4307" s="91"/>
      <c r="FT4307" s="91"/>
      <c r="FU4307" s="91"/>
      <c r="FV4307" s="91"/>
      <c r="FW4307" s="91"/>
      <c r="FX4307" s="127"/>
      <c r="FY4307" s="126"/>
      <c r="FZ4307" s="91"/>
      <c r="GA4307" s="91"/>
      <c r="GB4307" s="91"/>
      <c r="GC4307" s="91"/>
      <c r="GD4307" s="91"/>
      <c r="GE4307" s="91"/>
      <c r="GF4307" s="91"/>
      <c r="GG4307" s="91"/>
      <c r="GH4307" s="91"/>
      <c r="GI4307" s="91"/>
      <c r="GJ4307" s="91"/>
      <c r="GK4307" s="127"/>
      <c r="GL4307" s="126"/>
      <c r="GM4307" s="91"/>
      <c r="GN4307" s="91"/>
      <c r="GO4307" s="91"/>
      <c r="GP4307" s="91"/>
      <c r="GQ4307" s="91"/>
      <c r="GR4307" s="91"/>
      <c r="GS4307" s="91"/>
      <c r="GT4307" s="91"/>
      <c r="GU4307" s="91"/>
      <c r="GV4307" s="91"/>
      <c r="GW4307" s="91"/>
      <c r="GX4307" s="127"/>
      <c r="GY4307" s="126"/>
      <c r="GZ4307" s="91"/>
      <c r="HA4307" s="91"/>
      <c r="HB4307" s="91"/>
      <c r="HC4307" s="91"/>
      <c r="HD4307" s="91"/>
      <c r="HE4307" s="91"/>
      <c r="HF4307" s="91"/>
      <c r="HG4307" s="91"/>
      <c r="HH4307" s="91"/>
      <c r="HI4307" s="91"/>
      <c r="HJ4307" s="91"/>
      <c r="HK4307" s="127"/>
      <c r="HL4307" s="126"/>
      <c r="HM4307" s="91"/>
      <c r="HN4307" s="91"/>
      <c r="HO4307" s="91"/>
      <c r="HP4307" s="91"/>
      <c r="HQ4307" s="91"/>
      <c r="HR4307" s="91"/>
      <c r="HS4307" s="91"/>
      <c r="HT4307" s="91"/>
      <c r="HU4307" s="91"/>
      <c r="HV4307" s="91"/>
      <c r="HW4307" s="91"/>
      <c r="HX4307" s="127"/>
      <c r="HY4307" s="126"/>
      <c r="HZ4307" s="91"/>
      <c r="IA4307" s="91"/>
      <c r="IB4307" s="91"/>
      <c r="IC4307" s="91"/>
      <c r="ID4307" s="91"/>
      <c r="IE4307" s="91"/>
      <c r="IF4307" s="91"/>
      <c r="IG4307" s="91"/>
      <c r="IH4307" s="91"/>
      <c r="II4307" s="91"/>
      <c r="IJ4307" s="91"/>
      <c r="IK4307" s="174"/>
    </row>
    <row r="4308" spans="2:245" x14ac:dyDescent="0.2">
      <c r="B4308" s="43"/>
      <c r="C4308" s="73"/>
      <c r="D4308" s="64"/>
      <c r="E4308" s="64"/>
      <c r="F4308" s="55"/>
      <c r="G4308" s="102"/>
      <c r="H4308" s="97"/>
      <c r="T4308" s="98"/>
      <c r="U4308" s="97"/>
      <c r="AG4308" s="98"/>
      <c r="AY4308" s="164"/>
      <c r="BK4308" s="98"/>
      <c r="BL4308" s="97"/>
      <c r="BX4308" s="98"/>
      <c r="CL4308" s="97"/>
      <c r="CX4308" s="98"/>
      <c r="DL4308" s="97"/>
      <c r="DX4308" s="98"/>
      <c r="EL4308" s="97"/>
      <c r="EX4308" s="98"/>
      <c r="EY4308" s="97"/>
      <c r="FL4308" s="126"/>
      <c r="FM4308" s="91"/>
      <c r="FN4308" s="91"/>
      <c r="FO4308" s="91"/>
      <c r="FP4308" s="91"/>
      <c r="FQ4308" s="91"/>
      <c r="FR4308" s="91"/>
      <c r="FS4308" s="91"/>
      <c r="FT4308" s="91"/>
      <c r="FU4308" s="91"/>
      <c r="FV4308" s="91"/>
      <c r="FW4308" s="91"/>
      <c r="FX4308" s="127"/>
      <c r="FY4308" s="126"/>
      <c r="FZ4308" s="91"/>
      <c r="GA4308" s="91"/>
      <c r="GB4308" s="91"/>
      <c r="GC4308" s="91"/>
      <c r="GD4308" s="91"/>
      <c r="GE4308" s="91"/>
      <c r="GF4308" s="91"/>
      <c r="GG4308" s="91"/>
      <c r="GH4308" s="91"/>
      <c r="GI4308" s="91"/>
      <c r="GJ4308" s="91"/>
      <c r="GK4308" s="127"/>
      <c r="GL4308" s="126"/>
      <c r="GM4308" s="91"/>
      <c r="GN4308" s="91"/>
      <c r="GO4308" s="91"/>
      <c r="GP4308" s="91"/>
      <c r="GQ4308" s="91"/>
      <c r="GR4308" s="91"/>
      <c r="GS4308" s="91"/>
      <c r="GT4308" s="91"/>
      <c r="GU4308" s="91"/>
      <c r="GV4308" s="91"/>
      <c r="GW4308" s="91"/>
      <c r="GX4308" s="127"/>
      <c r="GY4308" s="126"/>
      <c r="GZ4308" s="91"/>
      <c r="HA4308" s="91"/>
      <c r="HB4308" s="91"/>
      <c r="HC4308" s="91"/>
      <c r="HD4308" s="91"/>
      <c r="HE4308" s="91"/>
      <c r="HF4308" s="91"/>
      <c r="HG4308" s="91"/>
      <c r="HH4308" s="91"/>
      <c r="HI4308" s="91"/>
      <c r="HJ4308" s="91"/>
      <c r="HK4308" s="127"/>
      <c r="HL4308" s="126"/>
      <c r="HM4308" s="91"/>
      <c r="HN4308" s="91"/>
      <c r="HO4308" s="91"/>
      <c r="HP4308" s="91"/>
      <c r="HQ4308" s="91"/>
      <c r="HR4308" s="91"/>
      <c r="HS4308" s="91"/>
      <c r="HT4308" s="91"/>
      <c r="HU4308" s="91"/>
      <c r="HV4308" s="91"/>
      <c r="HW4308" s="91"/>
      <c r="HX4308" s="127"/>
      <c r="HY4308" s="126"/>
      <c r="HZ4308" s="91"/>
      <c r="IA4308" s="91"/>
      <c r="IB4308" s="91"/>
      <c r="IC4308" s="91"/>
      <c r="ID4308" s="91"/>
      <c r="IE4308" s="91"/>
      <c r="IF4308" s="91"/>
      <c r="IG4308" s="91"/>
      <c r="IH4308" s="91"/>
      <c r="II4308" s="91"/>
      <c r="IJ4308" s="91"/>
      <c r="IK4308" s="174"/>
    </row>
    <row r="4309" spans="2:245" x14ac:dyDescent="0.2">
      <c r="B4309" s="43"/>
      <c r="C4309" s="73"/>
      <c r="D4309" s="64"/>
      <c r="E4309" s="64"/>
      <c r="F4309" s="55"/>
      <c r="G4309" s="102"/>
      <c r="H4309" s="97"/>
      <c r="T4309" s="98"/>
      <c r="U4309" s="97"/>
      <c r="AG4309" s="98"/>
      <c r="AY4309" s="164"/>
      <c r="BK4309" s="98"/>
      <c r="BL4309" s="97"/>
      <c r="BX4309" s="98"/>
      <c r="CL4309" s="97"/>
      <c r="CX4309" s="98"/>
      <c r="DL4309" s="97"/>
      <c r="DX4309" s="98"/>
      <c r="EL4309" s="97"/>
      <c r="EX4309" s="98"/>
      <c r="EY4309" s="97"/>
      <c r="FL4309" s="126"/>
      <c r="FM4309" s="91"/>
      <c r="FN4309" s="91"/>
      <c r="FO4309" s="91"/>
      <c r="FP4309" s="91"/>
      <c r="FQ4309" s="91"/>
      <c r="FR4309" s="91"/>
      <c r="FS4309" s="91"/>
      <c r="FT4309" s="91"/>
      <c r="FU4309" s="91"/>
      <c r="FV4309" s="91"/>
      <c r="FW4309" s="91"/>
      <c r="FX4309" s="127"/>
      <c r="FY4309" s="126"/>
      <c r="FZ4309" s="91"/>
      <c r="GA4309" s="91"/>
      <c r="GB4309" s="91"/>
      <c r="GC4309" s="91"/>
      <c r="GD4309" s="91"/>
      <c r="GE4309" s="91"/>
      <c r="GF4309" s="91"/>
      <c r="GG4309" s="91"/>
      <c r="GH4309" s="91"/>
      <c r="GI4309" s="91"/>
      <c r="GJ4309" s="91"/>
      <c r="GK4309" s="127"/>
      <c r="GL4309" s="126"/>
      <c r="GM4309" s="91"/>
      <c r="GN4309" s="91"/>
      <c r="GO4309" s="91"/>
      <c r="GP4309" s="91"/>
      <c r="GQ4309" s="91"/>
      <c r="GR4309" s="91"/>
      <c r="GS4309" s="91"/>
      <c r="GT4309" s="91"/>
      <c r="GU4309" s="91"/>
      <c r="GV4309" s="91"/>
      <c r="GW4309" s="91"/>
      <c r="GX4309" s="127"/>
      <c r="GY4309" s="126"/>
      <c r="GZ4309" s="91"/>
      <c r="HA4309" s="91"/>
      <c r="HB4309" s="91"/>
      <c r="HC4309" s="91"/>
      <c r="HD4309" s="91"/>
      <c r="HE4309" s="91"/>
      <c r="HF4309" s="91"/>
      <c r="HG4309" s="91"/>
      <c r="HH4309" s="91"/>
      <c r="HI4309" s="91"/>
      <c r="HJ4309" s="91"/>
      <c r="HK4309" s="127"/>
      <c r="HL4309" s="126"/>
      <c r="HM4309" s="91"/>
      <c r="HN4309" s="91"/>
      <c r="HO4309" s="91"/>
      <c r="HP4309" s="91"/>
      <c r="HQ4309" s="91"/>
      <c r="HR4309" s="91"/>
      <c r="HS4309" s="91"/>
      <c r="HT4309" s="91"/>
      <c r="HU4309" s="91"/>
      <c r="HV4309" s="91"/>
      <c r="HW4309" s="91"/>
      <c r="HX4309" s="127"/>
      <c r="HY4309" s="126"/>
      <c r="HZ4309" s="91"/>
      <c r="IA4309" s="91"/>
      <c r="IB4309" s="91"/>
      <c r="IC4309" s="91"/>
      <c r="ID4309" s="91"/>
      <c r="IE4309" s="91"/>
      <c r="IF4309" s="91"/>
      <c r="IG4309" s="91"/>
      <c r="IH4309" s="91"/>
      <c r="II4309" s="91"/>
      <c r="IJ4309" s="91"/>
      <c r="IK4309" s="174"/>
    </row>
    <row r="4310" spans="2:245" x14ac:dyDescent="0.2">
      <c r="B4310" s="43"/>
      <c r="C4310" s="73"/>
      <c r="D4310" s="64"/>
      <c r="E4310" s="64"/>
      <c r="F4310" s="55"/>
      <c r="G4310" s="102"/>
      <c r="H4310" s="97"/>
      <c r="T4310" s="98"/>
      <c r="U4310" s="97"/>
      <c r="AG4310" s="98"/>
      <c r="AY4310" s="164"/>
      <c r="BK4310" s="98"/>
      <c r="BL4310" s="97"/>
      <c r="BX4310" s="98"/>
      <c r="CL4310" s="97"/>
      <c r="CX4310" s="98"/>
      <c r="DL4310" s="97"/>
      <c r="DX4310" s="98"/>
      <c r="EL4310" s="97"/>
      <c r="EX4310" s="98"/>
      <c r="EY4310" s="97"/>
      <c r="FL4310" s="126"/>
      <c r="FM4310" s="91"/>
      <c r="FN4310" s="91"/>
      <c r="FO4310" s="91"/>
      <c r="FP4310" s="91"/>
      <c r="FQ4310" s="91"/>
      <c r="FR4310" s="91"/>
      <c r="FS4310" s="91"/>
      <c r="FT4310" s="91"/>
      <c r="FU4310" s="91"/>
      <c r="FV4310" s="91"/>
      <c r="FW4310" s="91"/>
      <c r="FX4310" s="127"/>
      <c r="FY4310" s="126"/>
      <c r="FZ4310" s="91"/>
      <c r="GA4310" s="91"/>
      <c r="GB4310" s="91"/>
      <c r="GC4310" s="91"/>
      <c r="GD4310" s="91"/>
      <c r="GE4310" s="91"/>
      <c r="GF4310" s="91"/>
      <c r="GG4310" s="91"/>
      <c r="GH4310" s="91"/>
      <c r="GI4310" s="91"/>
      <c r="GJ4310" s="91"/>
      <c r="GK4310" s="127"/>
      <c r="GL4310" s="126"/>
      <c r="GM4310" s="91"/>
      <c r="GN4310" s="91"/>
      <c r="GO4310" s="91"/>
      <c r="GP4310" s="91"/>
      <c r="GQ4310" s="91"/>
      <c r="GR4310" s="91"/>
      <c r="GS4310" s="91"/>
      <c r="GT4310" s="91"/>
      <c r="GU4310" s="91"/>
      <c r="GV4310" s="91"/>
      <c r="GW4310" s="91"/>
      <c r="GX4310" s="127"/>
      <c r="GY4310" s="126"/>
      <c r="GZ4310" s="91"/>
      <c r="HA4310" s="91"/>
      <c r="HB4310" s="91"/>
      <c r="HC4310" s="91"/>
      <c r="HD4310" s="91"/>
      <c r="HE4310" s="91"/>
      <c r="HF4310" s="91"/>
      <c r="HG4310" s="91"/>
      <c r="HH4310" s="91"/>
      <c r="HI4310" s="91"/>
      <c r="HJ4310" s="91"/>
      <c r="HK4310" s="127"/>
      <c r="HL4310" s="126"/>
      <c r="HM4310" s="91"/>
      <c r="HN4310" s="91"/>
      <c r="HO4310" s="91"/>
      <c r="HP4310" s="91"/>
      <c r="HQ4310" s="91"/>
      <c r="HR4310" s="91"/>
      <c r="HS4310" s="91"/>
      <c r="HT4310" s="91"/>
      <c r="HU4310" s="91"/>
      <c r="HV4310" s="91"/>
      <c r="HW4310" s="91"/>
      <c r="HX4310" s="127"/>
      <c r="HY4310" s="126"/>
      <c r="HZ4310" s="91"/>
      <c r="IA4310" s="91"/>
      <c r="IB4310" s="91"/>
      <c r="IC4310" s="91"/>
      <c r="ID4310" s="91"/>
      <c r="IE4310" s="91"/>
      <c r="IF4310" s="91"/>
      <c r="IG4310" s="91"/>
      <c r="IH4310" s="91"/>
      <c r="II4310" s="91"/>
      <c r="IJ4310" s="91"/>
      <c r="IK4310" s="174"/>
    </row>
    <row r="4311" spans="2:245" x14ac:dyDescent="0.2">
      <c r="B4311" s="43"/>
      <c r="C4311" s="73"/>
      <c r="D4311" s="64"/>
      <c r="E4311" s="64"/>
      <c r="F4311" s="55"/>
      <c r="G4311" s="102"/>
      <c r="H4311" s="97"/>
      <c r="T4311" s="98"/>
      <c r="U4311" s="97"/>
      <c r="AG4311" s="98"/>
      <c r="AY4311" s="164"/>
      <c r="BK4311" s="98"/>
      <c r="BL4311" s="97"/>
      <c r="BX4311" s="98"/>
      <c r="CL4311" s="97"/>
      <c r="CX4311" s="98"/>
      <c r="DL4311" s="97"/>
      <c r="DX4311" s="98"/>
      <c r="EL4311" s="97"/>
      <c r="EX4311" s="98"/>
      <c r="EY4311" s="97"/>
      <c r="FL4311" s="126"/>
      <c r="FM4311" s="91"/>
      <c r="FN4311" s="91"/>
      <c r="FO4311" s="91"/>
      <c r="FP4311" s="91"/>
      <c r="FQ4311" s="91"/>
      <c r="FR4311" s="91"/>
      <c r="FS4311" s="91"/>
      <c r="FT4311" s="91"/>
      <c r="FU4311" s="91"/>
      <c r="FV4311" s="91"/>
      <c r="FW4311" s="91"/>
      <c r="FX4311" s="127"/>
      <c r="FY4311" s="126"/>
      <c r="FZ4311" s="91"/>
      <c r="GA4311" s="91"/>
      <c r="GB4311" s="91"/>
      <c r="GC4311" s="91"/>
      <c r="GD4311" s="91"/>
      <c r="GE4311" s="91"/>
      <c r="GF4311" s="91"/>
      <c r="GG4311" s="91"/>
      <c r="GH4311" s="91"/>
      <c r="GI4311" s="91"/>
      <c r="GJ4311" s="91"/>
      <c r="GK4311" s="127"/>
      <c r="GL4311" s="126"/>
      <c r="GM4311" s="91"/>
      <c r="GN4311" s="91"/>
      <c r="GO4311" s="91"/>
      <c r="GP4311" s="91"/>
      <c r="GQ4311" s="91"/>
      <c r="GR4311" s="91"/>
      <c r="GS4311" s="91"/>
      <c r="GT4311" s="91"/>
      <c r="GU4311" s="91"/>
      <c r="GV4311" s="91"/>
      <c r="GW4311" s="91"/>
      <c r="GX4311" s="127"/>
      <c r="GY4311" s="126"/>
      <c r="GZ4311" s="91"/>
      <c r="HA4311" s="91"/>
      <c r="HB4311" s="91"/>
      <c r="HC4311" s="91"/>
      <c r="HD4311" s="91"/>
      <c r="HE4311" s="91"/>
      <c r="HF4311" s="91"/>
      <c r="HG4311" s="91"/>
      <c r="HH4311" s="91"/>
      <c r="HI4311" s="91"/>
      <c r="HJ4311" s="91"/>
      <c r="HK4311" s="127"/>
      <c r="HL4311" s="126"/>
      <c r="HM4311" s="91"/>
      <c r="HN4311" s="91"/>
      <c r="HO4311" s="91"/>
      <c r="HP4311" s="91"/>
      <c r="HQ4311" s="91"/>
      <c r="HR4311" s="91"/>
      <c r="HS4311" s="91"/>
      <c r="HT4311" s="91"/>
      <c r="HU4311" s="91"/>
      <c r="HV4311" s="91"/>
      <c r="HW4311" s="91"/>
      <c r="HX4311" s="127"/>
      <c r="HY4311" s="126"/>
      <c r="HZ4311" s="91"/>
      <c r="IA4311" s="91"/>
      <c r="IB4311" s="91"/>
      <c r="IC4311" s="91"/>
      <c r="ID4311" s="91"/>
      <c r="IE4311" s="91"/>
      <c r="IF4311" s="91"/>
      <c r="IG4311" s="91"/>
      <c r="IH4311" s="91"/>
      <c r="II4311" s="91"/>
      <c r="IJ4311" s="91"/>
      <c r="IK4311" s="174"/>
    </row>
    <row r="4312" spans="2:245" x14ac:dyDescent="0.2">
      <c r="B4312" s="43"/>
      <c r="C4312" s="73"/>
      <c r="D4312" s="64"/>
      <c r="E4312" s="64"/>
      <c r="F4312" s="55"/>
      <c r="G4312" s="102"/>
      <c r="H4312" s="97"/>
      <c r="T4312" s="98"/>
      <c r="U4312" s="97"/>
      <c r="AG4312" s="98"/>
      <c r="AY4312" s="164"/>
      <c r="BK4312" s="98"/>
      <c r="BL4312" s="97"/>
      <c r="BX4312" s="98"/>
      <c r="CL4312" s="97"/>
      <c r="CX4312" s="98"/>
      <c r="DL4312" s="97"/>
      <c r="DX4312" s="98"/>
      <c r="EL4312" s="97"/>
      <c r="EX4312" s="98"/>
      <c r="EY4312" s="97"/>
      <c r="FL4312" s="126"/>
      <c r="FM4312" s="91"/>
      <c r="FN4312" s="91"/>
      <c r="FO4312" s="91"/>
      <c r="FP4312" s="91"/>
      <c r="FQ4312" s="91"/>
      <c r="FR4312" s="91"/>
      <c r="FS4312" s="91"/>
      <c r="FT4312" s="91"/>
      <c r="FU4312" s="91"/>
      <c r="FV4312" s="91"/>
      <c r="FW4312" s="91"/>
      <c r="FX4312" s="127"/>
      <c r="FY4312" s="126"/>
      <c r="FZ4312" s="91"/>
      <c r="GA4312" s="91"/>
      <c r="GB4312" s="91"/>
      <c r="GC4312" s="91"/>
      <c r="GD4312" s="91"/>
      <c r="GE4312" s="91"/>
      <c r="GF4312" s="91"/>
      <c r="GG4312" s="91"/>
      <c r="GH4312" s="91"/>
      <c r="GI4312" s="91"/>
      <c r="GJ4312" s="91"/>
      <c r="GK4312" s="127"/>
      <c r="GL4312" s="126"/>
      <c r="GM4312" s="91"/>
      <c r="GN4312" s="91"/>
      <c r="GO4312" s="91"/>
      <c r="GP4312" s="91"/>
      <c r="GQ4312" s="91"/>
      <c r="GR4312" s="91"/>
      <c r="GS4312" s="91"/>
      <c r="GT4312" s="91"/>
      <c r="GU4312" s="91"/>
      <c r="GV4312" s="91"/>
      <c r="GW4312" s="91"/>
      <c r="GX4312" s="127"/>
      <c r="GY4312" s="126"/>
      <c r="GZ4312" s="91"/>
      <c r="HA4312" s="91"/>
      <c r="HB4312" s="91"/>
      <c r="HC4312" s="91"/>
      <c r="HD4312" s="91"/>
      <c r="HE4312" s="91"/>
      <c r="HF4312" s="91"/>
      <c r="HG4312" s="91"/>
      <c r="HH4312" s="91"/>
      <c r="HI4312" s="91"/>
      <c r="HJ4312" s="91"/>
      <c r="HK4312" s="127"/>
      <c r="HL4312" s="126"/>
      <c r="HM4312" s="91"/>
      <c r="HN4312" s="91"/>
      <c r="HO4312" s="91"/>
      <c r="HP4312" s="91"/>
      <c r="HQ4312" s="91"/>
      <c r="HR4312" s="91"/>
      <c r="HS4312" s="91"/>
      <c r="HT4312" s="91"/>
      <c r="HU4312" s="91"/>
      <c r="HV4312" s="91"/>
      <c r="HW4312" s="91"/>
      <c r="HX4312" s="127"/>
      <c r="HY4312" s="126"/>
      <c r="HZ4312" s="91"/>
      <c r="IA4312" s="91"/>
      <c r="IB4312" s="91"/>
      <c r="IC4312" s="91"/>
      <c r="ID4312" s="91"/>
      <c r="IE4312" s="91"/>
      <c r="IF4312" s="91"/>
      <c r="IG4312" s="91"/>
      <c r="IH4312" s="91"/>
      <c r="II4312" s="91"/>
      <c r="IJ4312" s="91"/>
      <c r="IK4312" s="174"/>
    </row>
    <row r="4313" spans="2:245" x14ac:dyDescent="0.2">
      <c r="B4313" s="43"/>
      <c r="C4313" s="73"/>
      <c r="D4313" s="64"/>
      <c r="E4313" s="64"/>
      <c r="F4313" s="55"/>
      <c r="G4313" s="102"/>
      <c r="H4313" s="97"/>
      <c r="T4313" s="98"/>
      <c r="U4313" s="97"/>
      <c r="AG4313" s="98"/>
      <c r="AY4313" s="164"/>
      <c r="BK4313" s="98"/>
      <c r="BL4313" s="97"/>
      <c r="BX4313" s="98"/>
      <c r="CL4313" s="97"/>
      <c r="CX4313" s="98"/>
      <c r="DL4313" s="97"/>
      <c r="DX4313" s="98"/>
      <c r="EL4313" s="97"/>
      <c r="EX4313" s="98"/>
      <c r="EY4313" s="97"/>
      <c r="FL4313" s="126"/>
      <c r="FM4313" s="91"/>
      <c r="FN4313" s="91"/>
      <c r="FO4313" s="91"/>
      <c r="FP4313" s="91"/>
      <c r="FQ4313" s="91"/>
      <c r="FR4313" s="91"/>
      <c r="FS4313" s="91"/>
      <c r="FT4313" s="91"/>
      <c r="FU4313" s="91"/>
      <c r="FV4313" s="91"/>
      <c r="FW4313" s="91"/>
      <c r="FX4313" s="127"/>
      <c r="FY4313" s="126"/>
      <c r="FZ4313" s="91"/>
      <c r="GA4313" s="91"/>
      <c r="GB4313" s="91"/>
      <c r="GC4313" s="91"/>
      <c r="GD4313" s="91"/>
      <c r="GE4313" s="91"/>
      <c r="GF4313" s="91"/>
      <c r="GG4313" s="91"/>
      <c r="GH4313" s="91"/>
      <c r="GI4313" s="91"/>
      <c r="GJ4313" s="91"/>
      <c r="GK4313" s="127"/>
      <c r="GL4313" s="126"/>
      <c r="GM4313" s="91"/>
      <c r="GN4313" s="91"/>
      <c r="GO4313" s="91"/>
      <c r="GP4313" s="91"/>
      <c r="GQ4313" s="91"/>
      <c r="GR4313" s="91"/>
      <c r="GS4313" s="91"/>
      <c r="GT4313" s="91"/>
      <c r="GU4313" s="91"/>
      <c r="GV4313" s="91"/>
      <c r="GW4313" s="91"/>
      <c r="GX4313" s="127"/>
      <c r="GY4313" s="126"/>
      <c r="GZ4313" s="91"/>
      <c r="HA4313" s="91"/>
      <c r="HB4313" s="91"/>
      <c r="HC4313" s="91"/>
      <c r="HD4313" s="91"/>
      <c r="HE4313" s="91"/>
      <c r="HF4313" s="91"/>
      <c r="HG4313" s="91"/>
      <c r="HH4313" s="91"/>
      <c r="HI4313" s="91"/>
      <c r="HJ4313" s="91"/>
      <c r="HK4313" s="127"/>
      <c r="HL4313" s="126"/>
      <c r="HM4313" s="91"/>
      <c r="HN4313" s="91"/>
      <c r="HO4313" s="91"/>
      <c r="HP4313" s="91"/>
      <c r="HQ4313" s="91"/>
      <c r="HR4313" s="91"/>
      <c r="HS4313" s="91"/>
      <c r="HT4313" s="91"/>
      <c r="HU4313" s="91"/>
      <c r="HV4313" s="91"/>
      <c r="HW4313" s="91"/>
      <c r="HX4313" s="127"/>
      <c r="HY4313" s="126"/>
      <c r="HZ4313" s="91"/>
      <c r="IA4313" s="91"/>
      <c r="IB4313" s="91"/>
      <c r="IC4313" s="91"/>
      <c r="ID4313" s="91"/>
      <c r="IE4313" s="91"/>
      <c r="IF4313" s="91"/>
      <c r="IG4313" s="91"/>
      <c r="IH4313" s="91"/>
      <c r="II4313" s="91"/>
      <c r="IJ4313" s="91"/>
      <c r="IK4313" s="174"/>
    </row>
    <row r="4314" spans="2:245" x14ac:dyDescent="0.2">
      <c r="B4314" s="43"/>
      <c r="C4314" s="73"/>
      <c r="D4314" s="64"/>
      <c r="E4314" s="64"/>
      <c r="F4314" s="55"/>
      <c r="G4314" s="102"/>
      <c r="H4314" s="97"/>
      <c r="T4314" s="98"/>
      <c r="U4314" s="97"/>
      <c r="AG4314" s="98"/>
      <c r="AY4314" s="164"/>
      <c r="BK4314" s="98"/>
      <c r="BL4314" s="97"/>
      <c r="BX4314" s="98"/>
      <c r="CL4314" s="97"/>
      <c r="CX4314" s="98"/>
      <c r="DL4314" s="97"/>
      <c r="DX4314" s="98"/>
      <c r="EL4314" s="97"/>
      <c r="EX4314" s="98"/>
      <c r="EY4314" s="97"/>
      <c r="FL4314" s="126"/>
      <c r="FM4314" s="91"/>
      <c r="FN4314" s="91"/>
      <c r="FO4314" s="91"/>
      <c r="FP4314" s="91"/>
      <c r="FQ4314" s="91"/>
      <c r="FR4314" s="91"/>
      <c r="FS4314" s="91"/>
      <c r="FT4314" s="91"/>
      <c r="FU4314" s="91"/>
      <c r="FV4314" s="91"/>
      <c r="FW4314" s="91"/>
      <c r="FX4314" s="127"/>
      <c r="FY4314" s="126"/>
      <c r="FZ4314" s="91"/>
      <c r="GA4314" s="91"/>
      <c r="GB4314" s="91"/>
      <c r="GC4314" s="91"/>
      <c r="GD4314" s="91"/>
      <c r="GE4314" s="91"/>
      <c r="GF4314" s="91"/>
      <c r="GG4314" s="91"/>
      <c r="GH4314" s="91"/>
      <c r="GI4314" s="91"/>
      <c r="GJ4314" s="91"/>
      <c r="GK4314" s="127"/>
      <c r="GL4314" s="126"/>
      <c r="GM4314" s="91"/>
      <c r="GN4314" s="91"/>
      <c r="GO4314" s="91"/>
      <c r="GP4314" s="91"/>
      <c r="GQ4314" s="91"/>
      <c r="GR4314" s="91"/>
      <c r="GS4314" s="91"/>
      <c r="GT4314" s="91"/>
      <c r="GU4314" s="91"/>
      <c r="GV4314" s="91"/>
      <c r="GW4314" s="91"/>
      <c r="GX4314" s="127"/>
      <c r="GY4314" s="126"/>
      <c r="GZ4314" s="91"/>
      <c r="HA4314" s="91"/>
      <c r="HB4314" s="91"/>
      <c r="HC4314" s="91"/>
      <c r="HD4314" s="91"/>
      <c r="HE4314" s="91"/>
      <c r="HF4314" s="91"/>
      <c r="HG4314" s="91"/>
      <c r="HH4314" s="91"/>
      <c r="HI4314" s="91"/>
      <c r="HJ4314" s="91"/>
      <c r="HK4314" s="127"/>
      <c r="HL4314" s="126"/>
      <c r="HM4314" s="91"/>
      <c r="HN4314" s="91"/>
      <c r="HO4314" s="91"/>
      <c r="HP4314" s="91"/>
      <c r="HQ4314" s="91"/>
      <c r="HR4314" s="91"/>
      <c r="HS4314" s="91"/>
      <c r="HT4314" s="91"/>
      <c r="HU4314" s="91"/>
      <c r="HV4314" s="91"/>
      <c r="HW4314" s="91"/>
      <c r="HX4314" s="127"/>
      <c r="HY4314" s="126"/>
      <c r="HZ4314" s="91"/>
      <c r="IA4314" s="91"/>
      <c r="IB4314" s="91"/>
      <c r="IC4314" s="91"/>
      <c r="ID4314" s="91"/>
      <c r="IE4314" s="91"/>
      <c r="IF4314" s="91"/>
      <c r="IG4314" s="91"/>
      <c r="IH4314" s="91"/>
      <c r="II4314" s="91"/>
      <c r="IJ4314" s="91"/>
      <c r="IK4314" s="174"/>
    </row>
    <row r="4315" spans="2:245" x14ac:dyDescent="0.2">
      <c r="B4315" s="43"/>
      <c r="C4315" s="73"/>
      <c r="D4315" s="64"/>
      <c r="E4315" s="64"/>
      <c r="F4315" s="55"/>
      <c r="G4315" s="102"/>
      <c r="H4315" s="97"/>
      <c r="T4315" s="98"/>
      <c r="U4315" s="97"/>
      <c r="AG4315" s="98"/>
      <c r="AY4315" s="164"/>
      <c r="BK4315" s="98"/>
      <c r="BL4315" s="97"/>
      <c r="BX4315" s="98"/>
      <c r="CL4315" s="97"/>
      <c r="CX4315" s="98"/>
      <c r="DL4315" s="97"/>
      <c r="DX4315" s="98"/>
      <c r="EL4315" s="97"/>
      <c r="EX4315" s="98"/>
      <c r="EY4315" s="97"/>
      <c r="FL4315" s="126"/>
      <c r="FM4315" s="91"/>
      <c r="FN4315" s="91"/>
      <c r="FO4315" s="91"/>
      <c r="FP4315" s="91"/>
      <c r="FQ4315" s="91"/>
      <c r="FR4315" s="91"/>
      <c r="FS4315" s="91"/>
      <c r="FT4315" s="91"/>
      <c r="FU4315" s="91"/>
      <c r="FV4315" s="91"/>
      <c r="FW4315" s="91"/>
      <c r="FX4315" s="127"/>
      <c r="FY4315" s="126"/>
      <c r="FZ4315" s="91"/>
      <c r="GA4315" s="91"/>
      <c r="GB4315" s="91"/>
      <c r="GC4315" s="91"/>
      <c r="GD4315" s="91"/>
      <c r="GE4315" s="91"/>
      <c r="GF4315" s="91"/>
      <c r="GG4315" s="91"/>
      <c r="GH4315" s="91"/>
      <c r="GI4315" s="91"/>
      <c r="GJ4315" s="91"/>
      <c r="GK4315" s="127"/>
      <c r="GL4315" s="126"/>
      <c r="GM4315" s="91"/>
      <c r="GN4315" s="91"/>
      <c r="GO4315" s="91"/>
      <c r="GP4315" s="91"/>
      <c r="GQ4315" s="91"/>
      <c r="GR4315" s="91"/>
      <c r="GS4315" s="91"/>
      <c r="GT4315" s="91"/>
      <c r="GU4315" s="91"/>
      <c r="GV4315" s="91"/>
      <c r="GW4315" s="91"/>
      <c r="GX4315" s="127"/>
      <c r="GY4315" s="126"/>
      <c r="GZ4315" s="91"/>
      <c r="HA4315" s="91"/>
      <c r="HB4315" s="91"/>
      <c r="HC4315" s="91"/>
      <c r="HD4315" s="91"/>
      <c r="HE4315" s="91"/>
      <c r="HF4315" s="91"/>
      <c r="HG4315" s="91"/>
      <c r="HH4315" s="91"/>
      <c r="HI4315" s="91"/>
      <c r="HJ4315" s="91"/>
      <c r="HK4315" s="127"/>
      <c r="HL4315" s="126"/>
      <c r="HM4315" s="91"/>
      <c r="HN4315" s="91"/>
      <c r="HO4315" s="91"/>
      <c r="HP4315" s="91"/>
      <c r="HQ4315" s="91"/>
      <c r="HR4315" s="91"/>
      <c r="HS4315" s="91"/>
      <c r="HT4315" s="91"/>
      <c r="HU4315" s="91"/>
      <c r="HV4315" s="91"/>
      <c r="HW4315" s="91"/>
      <c r="HX4315" s="127"/>
      <c r="HY4315" s="126"/>
      <c r="HZ4315" s="91"/>
      <c r="IA4315" s="91"/>
      <c r="IB4315" s="91"/>
      <c r="IC4315" s="91"/>
      <c r="ID4315" s="91"/>
      <c r="IE4315" s="91"/>
      <c r="IF4315" s="91"/>
      <c r="IG4315" s="91"/>
      <c r="IH4315" s="91"/>
      <c r="II4315" s="91"/>
      <c r="IJ4315" s="91"/>
      <c r="IK4315" s="174"/>
    </row>
    <row r="4316" spans="2:245" x14ac:dyDescent="0.2">
      <c r="B4316" s="43"/>
      <c r="C4316" s="73"/>
      <c r="D4316" s="64"/>
      <c r="E4316" s="64"/>
      <c r="F4316" s="55"/>
      <c r="G4316" s="102"/>
      <c r="H4316" s="97"/>
      <c r="T4316" s="98"/>
      <c r="U4316" s="97"/>
      <c r="AG4316" s="98"/>
      <c r="AY4316" s="164"/>
      <c r="BK4316" s="98"/>
      <c r="BL4316" s="97"/>
      <c r="BX4316" s="98"/>
      <c r="CL4316" s="97"/>
      <c r="CX4316" s="98"/>
      <c r="DL4316" s="97"/>
      <c r="DX4316" s="98"/>
      <c r="EL4316" s="97"/>
      <c r="EX4316" s="98"/>
      <c r="EY4316" s="97"/>
      <c r="FL4316" s="126"/>
      <c r="FM4316" s="91"/>
      <c r="FN4316" s="91"/>
      <c r="FO4316" s="91"/>
      <c r="FP4316" s="91"/>
      <c r="FQ4316" s="91"/>
      <c r="FR4316" s="91"/>
      <c r="FS4316" s="91"/>
      <c r="FT4316" s="91"/>
      <c r="FU4316" s="91"/>
      <c r="FV4316" s="91"/>
      <c r="FW4316" s="91"/>
      <c r="FX4316" s="127"/>
      <c r="FY4316" s="126"/>
      <c r="FZ4316" s="91"/>
      <c r="GA4316" s="91"/>
      <c r="GB4316" s="91"/>
      <c r="GC4316" s="91"/>
      <c r="GD4316" s="91"/>
      <c r="GE4316" s="91"/>
      <c r="GF4316" s="91"/>
      <c r="GG4316" s="91"/>
      <c r="GH4316" s="91"/>
      <c r="GI4316" s="91"/>
      <c r="GJ4316" s="91"/>
      <c r="GK4316" s="127"/>
      <c r="GL4316" s="126"/>
      <c r="GM4316" s="91"/>
      <c r="GN4316" s="91"/>
      <c r="GO4316" s="91"/>
      <c r="GP4316" s="91"/>
      <c r="GQ4316" s="91"/>
      <c r="GR4316" s="91"/>
      <c r="GS4316" s="91"/>
      <c r="GT4316" s="91"/>
      <c r="GU4316" s="91"/>
      <c r="GV4316" s="91"/>
      <c r="GW4316" s="91"/>
      <c r="GX4316" s="127"/>
      <c r="GY4316" s="126"/>
      <c r="GZ4316" s="91"/>
      <c r="HA4316" s="91"/>
      <c r="HB4316" s="91"/>
      <c r="HC4316" s="91"/>
      <c r="HD4316" s="91"/>
      <c r="HE4316" s="91"/>
      <c r="HF4316" s="91"/>
      <c r="HG4316" s="91"/>
      <c r="HH4316" s="91"/>
      <c r="HI4316" s="91"/>
      <c r="HJ4316" s="91"/>
      <c r="HK4316" s="127"/>
      <c r="HL4316" s="126"/>
      <c r="HM4316" s="91"/>
      <c r="HN4316" s="91"/>
      <c r="HO4316" s="91"/>
      <c r="HP4316" s="91"/>
      <c r="HQ4316" s="91"/>
      <c r="HR4316" s="91"/>
      <c r="HS4316" s="91"/>
      <c r="HT4316" s="91"/>
      <c r="HU4316" s="91"/>
      <c r="HV4316" s="91"/>
      <c r="HW4316" s="91"/>
      <c r="HX4316" s="127"/>
      <c r="HY4316" s="126"/>
      <c r="HZ4316" s="91"/>
      <c r="IA4316" s="91"/>
      <c r="IB4316" s="91"/>
      <c r="IC4316" s="91"/>
      <c r="ID4316" s="91"/>
      <c r="IE4316" s="91"/>
      <c r="IF4316" s="91"/>
      <c r="IG4316" s="91"/>
      <c r="IH4316" s="91"/>
      <c r="II4316" s="91"/>
      <c r="IJ4316" s="91"/>
      <c r="IK4316" s="174"/>
    </row>
    <row r="4317" spans="2:245" x14ac:dyDescent="0.2">
      <c r="B4317" s="43"/>
      <c r="C4317" s="73"/>
      <c r="D4317" s="64"/>
      <c r="E4317" s="64"/>
      <c r="F4317" s="55"/>
      <c r="G4317" s="102"/>
      <c r="H4317" s="97"/>
      <c r="T4317" s="98"/>
      <c r="U4317" s="97"/>
      <c r="AG4317" s="98"/>
      <c r="AY4317" s="164"/>
      <c r="BK4317" s="98"/>
      <c r="BL4317" s="97"/>
      <c r="BX4317" s="98"/>
      <c r="CL4317" s="97"/>
      <c r="CX4317" s="98"/>
      <c r="DL4317" s="97"/>
      <c r="DX4317" s="98"/>
      <c r="EL4317" s="97"/>
      <c r="EX4317" s="98"/>
      <c r="EY4317" s="97"/>
      <c r="FL4317" s="126"/>
      <c r="FM4317" s="91"/>
      <c r="FN4317" s="91"/>
      <c r="FO4317" s="91"/>
      <c r="FP4317" s="91"/>
      <c r="FQ4317" s="91"/>
      <c r="FR4317" s="91"/>
      <c r="FS4317" s="91"/>
      <c r="FT4317" s="91"/>
      <c r="FU4317" s="91"/>
      <c r="FV4317" s="91"/>
      <c r="FW4317" s="91"/>
      <c r="FX4317" s="127"/>
      <c r="FY4317" s="126"/>
      <c r="FZ4317" s="91"/>
      <c r="GA4317" s="91"/>
      <c r="GB4317" s="91"/>
      <c r="GC4317" s="91"/>
      <c r="GD4317" s="91"/>
      <c r="GE4317" s="91"/>
      <c r="GF4317" s="91"/>
      <c r="GG4317" s="91"/>
      <c r="GH4317" s="91"/>
      <c r="GI4317" s="91"/>
      <c r="GJ4317" s="91"/>
      <c r="GK4317" s="127"/>
      <c r="GL4317" s="126"/>
      <c r="GM4317" s="91"/>
      <c r="GN4317" s="91"/>
      <c r="GO4317" s="91"/>
      <c r="GP4317" s="91"/>
      <c r="GQ4317" s="91"/>
      <c r="GR4317" s="91"/>
      <c r="GS4317" s="91"/>
      <c r="GT4317" s="91"/>
      <c r="GU4317" s="91"/>
      <c r="GV4317" s="91"/>
      <c r="GW4317" s="91"/>
      <c r="GX4317" s="127"/>
      <c r="GY4317" s="126"/>
      <c r="GZ4317" s="91"/>
      <c r="HA4317" s="91"/>
      <c r="HB4317" s="91"/>
      <c r="HC4317" s="91"/>
      <c r="HD4317" s="91"/>
      <c r="HE4317" s="91"/>
      <c r="HF4317" s="91"/>
      <c r="HG4317" s="91"/>
      <c r="HH4317" s="91"/>
      <c r="HI4317" s="91"/>
      <c r="HJ4317" s="91"/>
      <c r="HK4317" s="127"/>
      <c r="HL4317" s="126"/>
      <c r="HM4317" s="91"/>
      <c r="HN4317" s="91"/>
      <c r="HO4317" s="91"/>
      <c r="HP4317" s="91"/>
      <c r="HQ4317" s="91"/>
      <c r="HR4317" s="91"/>
      <c r="HS4317" s="91"/>
      <c r="HT4317" s="91"/>
      <c r="HU4317" s="91"/>
      <c r="HV4317" s="91"/>
      <c r="HW4317" s="91"/>
      <c r="HX4317" s="127"/>
      <c r="HY4317" s="126"/>
      <c r="HZ4317" s="91"/>
      <c r="IA4317" s="91"/>
      <c r="IB4317" s="91"/>
      <c r="IC4317" s="91"/>
      <c r="ID4317" s="91"/>
      <c r="IE4317" s="91"/>
      <c r="IF4317" s="91"/>
      <c r="IG4317" s="91"/>
      <c r="IH4317" s="91"/>
      <c r="II4317" s="91"/>
      <c r="IJ4317" s="91"/>
      <c r="IK4317" s="174"/>
    </row>
    <row r="4318" spans="2:245" x14ac:dyDescent="0.2">
      <c r="B4318" s="43"/>
      <c r="C4318" s="73"/>
      <c r="D4318" s="64"/>
      <c r="E4318" s="64"/>
      <c r="F4318" s="55"/>
      <c r="G4318" s="102"/>
      <c r="H4318" s="97"/>
      <c r="T4318" s="98"/>
      <c r="U4318" s="97"/>
      <c r="AG4318" s="98"/>
      <c r="AY4318" s="164"/>
      <c r="BK4318" s="98"/>
      <c r="BL4318" s="97"/>
      <c r="BX4318" s="98"/>
      <c r="CL4318" s="97"/>
      <c r="CX4318" s="98"/>
      <c r="DL4318" s="97"/>
      <c r="DX4318" s="98"/>
      <c r="EL4318" s="97"/>
      <c r="EX4318" s="98"/>
      <c r="EY4318" s="97"/>
      <c r="FL4318" s="126"/>
      <c r="FM4318" s="91"/>
      <c r="FN4318" s="91"/>
      <c r="FO4318" s="91"/>
      <c r="FP4318" s="91"/>
      <c r="FQ4318" s="91"/>
      <c r="FR4318" s="91"/>
      <c r="FS4318" s="91"/>
      <c r="FT4318" s="91"/>
      <c r="FU4318" s="91"/>
      <c r="FV4318" s="91"/>
      <c r="FW4318" s="91"/>
      <c r="FX4318" s="127"/>
      <c r="FY4318" s="126"/>
      <c r="FZ4318" s="91"/>
      <c r="GA4318" s="91"/>
      <c r="GB4318" s="91"/>
      <c r="GC4318" s="91"/>
      <c r="GD4318" s="91"/>
      <c r="GE4318" s="91"/>
      <c r="GF4318" s="91"/>
      <c r="GG4318" s="91"/>
      <c r="GH4318" s="91"/>
      <c r="GI4318" s="91"/>
      <c r="GJ4318" s="91"/>
      <c r="GK4318" s="127"/>
      <c r="GL4318" s="126"/>
      <c r="GM4318" s="91"/>
      <c r="GN4318" s="91"/>
      <c r="GO4318" s="91"/>
      <c r="GP4318" s="91"/>
      <c r="GQ4318" s="91"/>
      <c r="GR4318" s="91"/>
      <c r="GS4318" s="91"/>
      <c r="GT4318" s="91"/>
      <c r="GU4318" s="91"/>
      <c r="GV4318" s="91"/>
      <c r="GW4318" s="91"/>
      <c r="GX4318" s="127"/>
      <c r="GY4318" s="126"/>
      <c r="GZ4318" s="91"/>
      <c r="HA4318" s="91"/>
      <c r="HB4318" s="91"/>
      <c r="HC4318" s="91"/>
      <c r="HD4318" s="91"/>
      <c r="HE4318" s="91"/>
      <c r="HF4318" s="91"/>
      <c r="HG4318" s="91"/>
      <c r="HH4318" s="91"/>
      <c r="HI4318" s="91"/>
      <c r="HJ4318" s="91"/>
      <c r="HK4318" s="127"/>
      <c r="HL4318" s="126"/>
      <c r="HM4318" s="91"/>
      <c r="HN4318" s="91"/>
      <c r="HO4318" s="91"/>
      <c r="HP4318" s="91"/>
      <c r="HQ4318" s="91"/>
      <c r="HR4318" s="91"/>
      <c r="HS4318" s="91"/>
      <c r="HT4318" s="91"/>
      <c r="HU4318" s="91"/>
      <c r="HV4318" s="91"/>
      <c r="HW4318" s="91"/>
      <c r="HX4318" s="127"/>
      <c r="HY4318" s="126"/>
      <c r="HZ4318" s="91"/>
      <c r="IA4318" s="91"/>
      <c r="IB4318" s="91"/>
      <c r="IC4318" s="91"/>
      <c r="ID4318" s="91"/>
      <c r="IE4318" s="91"/>
      <c r="IF4318" s="91"/>
      <c r="IG4318" s="91"/>
      <c r="IH4318" s="91"/>
      <c r="II4318" s="91"/>
      <c r="IJ4318" s="91"/>
      <c r="IK4318" s="174"/>
    </row>
    <row r="4319" spans="2:245" x14ac:dyDescent="0.2">
      <c r="B4319" s="43"/>
      <c r="C4319" s="73"/>
      <c r="D4319" s="64"/>
      <c r="E4319" s="64"/>
      <c r="F4319" s="55"/>
      <c r="G4319" s="102"/>
      <c r="H4319" s="97"/>
      <c r="T4319" s="98"/>
      <c r="U4319" s="97"/>
      <c r="AG4319" s="98"/>
      <c r="AY4319" s="164"/>
      <c r="BK4319" s="98"/>
      <c r="BL4319" s="97"/>
      <c r="BX4319" s="98"/>
      <c r="CL4319" s="97"/>
      <c r="CX4319" s="98"/>
      <c r="DL4319" s="97"/>
      <c r="DX4319" s="98"/>
      <c r="EL4319" s="97"/>
      <c r="EX4319" s="98"/>
      <c r="EY4319" s="97"/>
      <c r="FL4319" s="126"/>
      <c r="FM4319" s="91"/>
      <c r="FN4319" s="91"/>
      <c r="FO4319" s="91"/>
      <c r="FP4319" s="91"/>
      <c r="FQ4319" s="91"/>
      <c r="FR4319" s="91"/>
      <c r="FS4319" s="91"/>
      <c r="FT4319" s="91"/>
      <c r="FU4319" s="91"/>
      <c r="FV4319" s="91"/>
      <c r="FW4319" s="91"/>
      <c r="FX4319" s="127"/>
      <c r="FY4319" s="126"/>
      <c r="FZ4319" s="91"/>
      <c r="GA4319" s="91"/>
      <c r="GB4319" s="91"/>
      <c r="GC4319" s="91"/>
      <c r="GD4319" s="91"/>
      <c r="GE4319" s="91"/>
      <c r="GF4319" s="91"/>
      <c r="GG4319" s="91"/>
      <c r="GH4319" s="91"/>
      <c r="GI4319" s="91"/>
      <c r="GJ4319" s="91"/>
      <c r="GK4319" s="127"/>
      <c r="GL4319" s="126"/>
      <c r="GM4319" s="91"/>
      <c r="GN4319" s="91"/>
      <c r="GO4319" s="91"/>
      <c r="GP4319" s="91"/>
      <c r="GQ4319" s="91"/>
      <c r="GR4319" s="91"/>
      <c r="GS4319" s="91"/>
      <c r="GT4319" s="91"/>
      <c r="GU4319" s="91"/>
      <c r="GV4319" s="91"/>
      <c r="GW4319" s="91"/>
      <c r="GX4319" s="127"/>
      <c r="GY4319" s="126"/>
      <c r="GZ4319" s="91"/>
      <c r="HA4319" s="91"/>
      <c r="HB4319" s="91"/>
      <c r="HC4319" s="91"/>
      <c r="HD4319" s="91"/>
      <c r="HE4319" s="91"/>
      <c r="HF4319" s="91"/>
      <c r="HG4319" s="91"/>
      <c r="HH4319" s="91"/>
      <c r="HI4319" s="91"/>
      <c r="HJ4319" s="91"/>
      <c r="HK4319" s="127"/>
      <c r="HL4319" s="126"/>
      <c r="HM4319" s="91"/>
      <c r="HN4319" s="91"/>
      <c r="HO4319" s="91"/>
      <c r="HP4319" s="91"/>
      <c r="HQ4319" s="91"/>
      <c r="HR4319" s="91"/>
      <c r="HS4319" s="91"/>
      <c r="HT4319" s="91"/>
      <c r="HU4319" s="91"/>
      <c r="HV4319" s="91"/>
      <c r="HW4319" s="91"/>
      <c r="HX4319" s="127"/>
      <c r="HY4319" s="126"/>
      <c r="HZ4319" s="91"/>
      <c r="IA4319" s="91"/>
      <c r="IB4319" s="91"/>
      <c r="IC4319" s="91"/>
      <c r="ID4319" s="91"/>
      <c r="IE4319" s="91"/>
      <c r="IF4319" s="91"/>
      <c r="IG4319" s="91"/>
      <c r="IH4319" s="91"/>
      <c r="II4319" s="91"/>
      <c r="IJ4319" s="91"/>
      <c r="IK4319" s="174"/>
    </row>
    <row r="4320" spans="2:245" x14ac:dyDescent="0.2">
      <c r="B4320" s="43"/>
      <c r="C4320" s="73"/>
      <c r="D4320" s="64"/>
      <c r="E4320" s="64"/>
      <c r="F4320" s="55"/>
      <c r="G4320" s="102"/>
      <c r="H4320" s="97"/>
      <c r="T4320" s="98"/>
      <c r="U4320" s="97"/>
      <c r="AG4320" s="98"/>
      <c r="AY4320" s="164"/>
      <c r="BK4320" s="98"/>
      <c r="BL4320" s="97"/>
      <c r="BX4320" s="98"/>
      <c r="CL4320" s="97"/>
      <c r="CX4320" s="98"/>
      <c r="DL4320" s="97"/>
      <c r="DX4320" s="98"/>
      <c r="EL4320" s="97"/>
      <c r="EX4320" s="98"/>
      <c r="EY4320" s="97"/>
      <c r="FL4320" s="126"/>
      <c r="FM4320" s="91"/>
      <c r="FN4320" s="91"/>
      <c r="FO4320" s="91"/>
      <c r="FP4320" s="91"/>
      <c r="FQ4320" s="91"/>
      <c r="FR4320" s="91"/>
      <c r="FS4320" s="91"/>
      <c r="FT4320" s="91"/>
      <c r="FU4320" s="91"/>
      <c r="FV4320" s="91"/>
      <c r="FW4320" s="91"/>
      <c r="FX4320" s="127"/>
      <c r="FY4320" s="126"/>
      <c r="FZ4320" s="91"/>
      <c r="GA4320" s="91"/>
      <c r="GB4320" s="91"/>
      <c r="GC4320" s="91"/>
      <c r="GD4320" s="91"/>
      <c r="GE4320" s="91"/>
      <c r="GF4320" s="91"/>
      <c r="GG4320" s="91"/>
      <c r="GH4320" s="91"/>
      <c r="GI4320" s="91"/>
      <c r="GJ4320" s="91"/>
      <c r="GK4320" s="127"/>
      <c r="GL4320" s="126"/>
      <c r="GM4320" s="91"/>
      <c r="GN4320" s="91"/>
      <c r="GO4320" s="91"/>
      <c r="GP4320" s="91"/>
      <c r="GQ4320" s="91"/>
      <c r="GR4320" s="91"/>
      <c r="GS4320" s="91"/>
      <c r="GT4320" s="91"/>
      <c r="GU4320" s="91"/>
      <c r="GV4320" s="91"/>
      <c r="GW4320" s="91"/>
      <c r="GX4320" s="127"/>
      <c r="GY4320" s="126"/>
      <c r="GZ4320" s="91"/>
      <c r="HA4320" s="91"/>
      <c r="HB4320" s="91"/>
      <c r="HC4320" s="91"/>
      <c r="HD4320" s="91"/>
      <c r="HE4320" s="91"/>
      <c r="HF4320" s="91"/>
      <c r="HG4320" s="91"/>
      <c r="HH4320" s="91"/>
      <c r="HI4320" s="91"/>
      <c r="HJ4320" s="91"/>
      <c r="HK4320" s="127"/>
      <c r="HL4320" s="126"/>
      <c r="HM4320" s="91"/>
      <c r="HN4320" s="91"/>
      <c r="HO4320" s="91"/>
      <c r="HP4320" s="91"/>
      <c r="HQ4320" s="91"/>
      <c r="HR4320" s="91"/>
      <c r="HS4320" s="91"/>
      <c r="HT4320" s="91"/>
      <c r="HU4320" s="91"/>
      <c r="HV4320" s="91"/>
      <c r="HW4320" s="91"/>
      <c r="HX4320" s="127"/>
      <c r="HY4320" s="126"/>
      <c r="HZ4320" s="91"/>
      <c r="IA4320" s="91"/>
      <c r="IB4320" s="91"/>
      <c r="IC4320" s="91"/>
      <c r="ID4320" s="91"/>
      <c r="IE4320" s="91"/>
      <c r="IF4320" s="91"/>
      <c r="IG4320" s="91"/>
      <c r="IH4320" s="91"/>
      <c r="II4320" s="91"/>
      <c r="IJ4320" s="91"/>
      <c r="IK4320" s="174"/>
    </row>
    <row r="4321" spans="2:245" x14ac:dyDescent="0.2">
      <c r="B4321" s="43"/>
      <c r="C4321" s="73"/>
      <c r="D4321" s="64"/>
      <c r="E4321" s="64"/>
      <c r="F4321" s="55"/>
      <c r="G4321" s="102"/>
      <c r="H4321" s="97"/>
      <c r="T4321" s="98"/>
      <c r="U4321" s="97"/>
      <c r="AG4321" s="98"/>
      <c r="AY4321" s="164"/>
      <c r="BK4321" s="98"/>
      <c r="BL4321" s="97"/>
      <c r="BX4321" s="98"/>
      <c r="CL4321" s="97"/>
      <c r="CX4321" s="98"/>
      <c r="DL4321" s="97"/>
      <c r="DX4321" s="98"/>
      <c r="EL4321" s="97"/>
      <c r="EX4321" s="98"/>
      <c r="EY4321" s="97"/>
      <c r="FL4321" s="126"/>
      <c r="FM4321" s="91"/>
      <c r="FN4321" s="91"/>
      <c r="FO4321" s="91"/>
      <c r="FP4321" s="91"/>
      <c r="FQ4321" s="91"/>
      <c r="FR4321" s="91"/>
      <c r="FS4321" s="91"/>
      <c r="FT4321" s="91"/>
      <c r="FU4321" s="91"/>
      <c r="FV4321" s="91"/>
      <c r="FW4321" s="91"/>
      <c r="FX4321" s="127"/>
      <c r="FY4321" s="126"/>
      <c r="FZ4321" s="91"/>
      <c r="GA4321" s="91"/>
      <c r="GB4321" s="91"/>
      <c r="GC4321" s="91"/>
      <c r="GD4321" s="91"/>
      <c r="GE4321" s="91"/>
      <c r="GF4321" s="91"/>
      <c r="GG4321" s="91"/>
      <c r="GH4321" s="91"/>
      <c r="GI4321" s="91"/>
      <c r="GJ4321" s="91"/>
      <c r="GK4321" s="127"/>
      <c r="GL4321" s="126"/>
      <c r="GM4321" s="91"/>
      <c r="GN4321" s="91"/>
      <c r="GO4321" s="91"/>
      <c r="GP4321" s="91"/>
      <c r="GQ4321" s="91"/>
      <c r="GR4321" s="91"/>
      <c r="GS4321" s="91"/>
      <c r="GT4321" s="91"/>
      <c r="GU4321" s="91"/>
      <c r="GV4321" s="91"/>
      <c r="GW4321" s="91"/>
      <c r="GX4321" s="127"/>
      <c r="GY4321" s="126"/>
      <c r="GZ4321" s="91"/>
      <c r="HA4321" s="91"/>
      <c r="HB4321" s="91"/>
      <c r="HC4321" s="91"/>
      <c r="HD4321" s="91"/>
      <c r="HE4321" s="91"/>
      <c r="HF4321" s="91"/>
      <c r="HG4321" s="91"/>
      <c r="HH4321" s="91"/>
      <c r="HI4321" s="91"/>
      <c r="HJ4321" s="91"/>
      <c r="HK4321" s="127"/>
      <c r="HL4321" s="126"/>
      <c r="HM4321" s="91"/>
      <c r="HN4321" s="91"/>
      <c r="HO4321" s="91"/>
      <c r="HP4321" s="91"/>
      <c r="HQ4321" s="91"/>
      <c r="HR4321" s="91"/>
      <c r="HS4321" s="91"/>
      <c r="HT4321" s="91"/>
      <c r="HU4321" s="91"/>
      <c r="HV4321" s="91"/>
      <c r="HW4321" s="91"/>
      <c r="HX4321" s="127"/>
      <c r="HY4321" s="126"/>
      <c r="HZ4321" s="91"/>
      <c r="IA4321" s="91"/>
      <c r="IB4321" s="91"/>
      <c r="IC4321" s="91"/>
      <c r="ID4321" s="91"/>
      <c r="IE4321" s="91"/>
      <c r="IF4321" s="91"/>
      <c r="IG4321" s="91"/>
      <c r="IH4321" s="91"/>
      <c r="II4321" s="91"/>
      <c r="IJ4321" s="91"/>
      <c r="IK4321" s="174"/>
    </row>
    <row r="4322" spans="2:245" x14ac:dyDescent="0.2">
      <c r="B4322" s="43"/>
      <c r="C4322" s="73"/>
      <c r="D4322" s="64"/>
      <c r="E4322" s="64"/>
      <c r="F4322" s="55"/>
      <c r="G4322" s="102"/>
      <c r="H4322" s="97"/>
      <c r="T4322" s="98"/>
      <c r="U4322" s="97"/>
      <c r="AG4322" s="98"/>
      <c r="AY4322" s="164"/>
      <c r="BK4322" s="98"/>
      <c r="BL4322" s="97"/>
      <c r="BX4322" s="98"/>
      <c r="CL4322" s="97"/>
      <c r="CX4322" s="98"/>
      <c r="DL4322" s="97"/>
      <c r="DX4322" s="98"/>
      <c r="EL4322" s="97"/>
      <c r="EX4322" s="98"/>
      <c r="EY4322" s="97"/>
      <c r="FL4322" s="126"/>
      <c r="FM4322" s="91"/>
      <c r="FN4322" s="91"/>
      <c r="FO4322" s="91"/>
      <c r="FP4322" s="91"/>
      <c r="FQ4322" s="91"/>
      <c r="FR4322" s="91"/>
      <c r="FS4322" s="91"/>
      <c r="FT4322" s="91"/>
      <c r="FU4322" s="91"/>
      <c r="FV4322" s="91"/>
      <c r="FW4322" s="91"/>
      <c r="FX4322" s="127"/>
      <c r="FY4322" s="126"/>
      <c r="FZ4322" s="91"/>
      <c r="GA4322" s="91"/>
      <c r="GB4322" s="91"/>
      <c r="GC4322" s="91"/>
      <c r="GD4322" s="91"/>
      <c r="GE4322" s="91"/>
      <c r="GF4322" s="91"/>
      <c r="GG4322" s="91"/>
      <c r="GH4322" s="91"/>
      <c r="GI4322" s="91"/>
      <c r="GJ4322" s="91"/>
      <c r="GK4322" s="127"/>
      <c r="GL4322" s="126"/>
      <c r="GM4322" s="91"/>
      <c r="GN4322" s="91"/>
      <c r="GO4322" s="91"/>
      <c r="GP4322" s="91"/>
      <c r="GQ4322" s="91"/>
      <c r="GR4322" s="91"/>
      <c r="GS4322" s="91"/>
      <c r="GT4322" s="91"/>
      <c r="GU4322" s="91"/>
      <c r="GV4322" s="91"/>
      <c r="GW4322" s="91"/>
      <c r="GX4322" s="127"/>
      <c r="GY4322" s="126"/>
      <c r="GZ4322" s="91"/>
      <c r="HA4322" s="91"/>
      <c r="HB4322" s="91"/>
      <c r="HC4322" s="91"/>
      <c r="HD4322" s="91"/>
      <c r="HE4322" s="91"/>
      <c r="HF4322" s="91"/>
      <c r="HG4322" s="91"/>
      <c r="HH4322" s="91"/>
      <c r="HI4322" s="91"/>
      <c r="HJ4322" s="91"/>
      <c r="HK4322" s="127"/>
      <c r="HL4322" s="126"/>
      <c r="HM4322" s="91"/>
      <c r="HN4322" s="91"/>
      <c r="HO4322" s="91"/>
      <c r="HP4322" s="91"/>
      <c r="HQ4322" s="91"/>
      <c r="HR4322" s="91"/>
      <c r="HS4322" s="91"/>
      <c r="HT4322" s="91"/>
      <c r="HU4322" s="91"/>
      <c r="HV4322" s="91"/>
      <c r="HW4322" s="91"/>
      <c r="HX4322" s="127"/>
      <c r="HY4322" s="126"/>
      <c r="HZ4322" s="91"/>
      <c r="IA4322" s="91"/>
      <c r="IB4322" s="91"/>
      <c r="IC4322" s="91"/>
      <c r="ID4322" s="91"/>
      <c r="IE4322" s="91"/>
      <c r="IF4322" s="91"/>
      <c r="IG4322" s="91"/>
      <c r="IH4322" s="91"/>
      <c r="II4322" s="91"/>
      <c r="IJ4322" s="91"/>
      <c r="IK4322" s="174"/>
    </row>
    <row r="4323" spans="2:245" x14ac:dyDescent="0.2">
      <c r="B4323" s="43"/>
      <c r="C4323" s="73"/>
      <c r="D4323" s="64"/>
      <c r="E4323" s="64"/>
      <c r="F4323" s="55"/>
      <c r="G4323" s="102"/>
      <c r="H4323" s="97"/>
      <c r="T4323" s="98"/>
      <c r="U4323" s="97"/>
      <c r="AG4323" s="98"/>
      <c r="AY4323" s="164"/>
      <c r="BK4323" s="98"/>
      <c r="BL4323" s="97"/>
      <c r="BX4323" s="98"/>
      <c r="CL4323" s="97"/>
      <c r="CX4323" s="98"/>
      <c r="DL4323" s="97"/>
      <c r="DX4323" s="98"/>
      <c r="EL4323" s="97"/>
      <c r="EX4323" s="98"/>
      <c r="EY4323" s="97"/>
      <c r="FL4323" s="126"/>
      <c r="FM4323" s="91"/>
      <c r="FN4323" s="91"/>
      <c r="FO4323" s="91"/>
      <c r="FP4323" s="91"/>
      <c r="FQ4323" s="91"/>
      <c r="FR4323" s="91"/>
      <c r="FS4323" s="91"/>
      <c r="FT4323" s="91"/>
      <c r="FU4323" s="91"/>
      <c r="FV4323" s="91"/>
      <c r="FW4323" s="91"/>
      <c r="FX4323" s="127"/>
      <c r="FY4323" s="126"/>
      <c r="FZ4323" s="91"/>
      <c r="GA4323" s="91"/>
      <c r="GB4323" s="91"/>
      <c r="GC4323" s="91"/>
      <c r="GD4323" s="91"/>
      <c r="GE4323" s="91"/>
      <c r="GF4323" s="91"/>
      <c r="GG4323" s="91"/>
      <c r="GH4323" s="91"/>
      <c r="GI4323" s="91"/>
      <c r="GJ4323" s="91"/>
      <c r="GK4323" s="127"/>
      <c r="GL4323" s="126"/>
      <c r="GM4323" s="91"/>
      <c r="GN4323" s="91"/>
      <c r="GO4323" s="91"/>
      <c r="GP4323" s="91"/>
      <c r="GQ4323" s="91"/>
      <c r="GR4323" s="91"/>
      <c r="GS4323" s="91"/>
      <c r="GT4323" s="91"/>
      <c r="GU4323" s="91"/>
      <c r="GV4323" s="91"/>
      <c r="GW4323" s="91"/>
      <c r="GX4323" s="127"/>
      <c r="GY4323" s="126"/>
      <c r="GZ4323" s="91"/>
      <c r="HA4323" s="91"/>
      <c r="HB4323" s="91"/>
      <c r="HC4323" s="91"/>
      <c r="HD4323" s="91"/>
      <c r="HE4323" s="91"/>
      <c r="HF4323" s="91"/>
      <c r="HG4323" s="91"/>
      <c r="HH4323" s="91"/>
      <c r="HI4323" s="91"/>
      <c r="HJ4323" s="91"/>
      <c r="HK4323" s="127"/>
      <c r="HL4323" s="126"/>
      <c r="HM4323" s="91"/>
      <c r="HN4323" s="91"/>
      <c r="HO4323" s="91"/>
      <c r="HP4323" s="91"/>
      <c r="HQ4323" s="91"/>
      <c r="HR4323" s="91"/>
      <c r="HS4323" s="91"/>
      <c r="HT4323" s="91"/>
      <c r="HU4323" s="91"/>
      <c r="HV4323" s="91"/>
      <c r="HW4323" s="91"/>
      <c r="HX4323" s="127"/>
      <c r="HY4323" s="126"/>
      <c r="HZ4323" s="91"/>
      <c r="IA4323" s="91"/>
      <c r="IB4323" s="91"/>
      <c r="IC4323" s="91"/>
      <c r="ID4323" s="91"/>
      <c r="IE4323" s="91"/>
      <c r="IF4323" s="91"/>
      <c r="IG4323" s="91"/>
      <c r="IH4323" s="91"/>
      <c r="II4323" s="91"/>
      <c r="IJ4323" s="91"/>
      <c r="IK4323" s="174"/>
    </row>
    <row r="4324" spans="2:245" x14ac:dyDescent="0.2">
      <c r="B4324" s="43"/>
      <c r="C4324" s="73"/>
      <c r="D4324" s="64"/>
      <c r="E4324" s="64"/>
      <c r="F4324" s="55"/>
      <c r="G4324" s="102"/>
      <c r="H4324" s="97"/>
      <c r="T4324" s="98"/>
      <c r="U4324" s="97"/>
      <c r="AG4324" s="98"/>
      <c r="AY4324" s="164"/>
      <c r="BK4324" s="98"/>
      <c r="BL4324" s="97"/>
      <c r="BX4324" s="98"/>
      <c r="CL4324" s="97"/>
      <c r="CX4324" s="98"/>
      <c r="DL4324" s="97"/>
      <c r="DX4324" s="98"/>
      <c r="EL4324" s="97"/>
      <c r="EX4324" s="98"/>
      <c r="EY4324" s="97"/>
      <c r="FL4324" s="126"/>
      <c r="FM4324" s="91"/>
      <c r="FN4324" s="91"/>
      <c r="FO4324" s="91"/>
      <c r="FP4324" s="91"/>
      <c r="FQ4324" s="91"/>
      <c r="FR4324" s="91"/>
      <c r="FS4324" s="91"/>
      <c r="FT4324" s="91"/>
      <c r="FU4324" s="91"/>
      <c r="FV4324" s="91"/>
      <c r="FW4324" s="91"/>
      <c r="FX4324" s="127"/>
      <c r="FY4324" s="126"/>
      <c r="FZ4324" s="91"/>
      <c r="GA4324" s="91"/>
      <c r="GB4324" s="91"/>
      <c r="GC4324" s="91"/>
      <c r="GD4324" s="91"/>
      <c r="GE4324" s="91"/>
      <c r="GF4324" s="91"/>
      <c r="GG4324" s="91"/>
      <c r="GH4324" s="91"/>
      <c r="GI4324" s="91"/>
      <c r="GJ4324" s="91"/>
      <c r="GK4324" s="127"/>
      <c r="GL4324" s="126"/>
      <c r="GM4324" s="91"/>
      <c r="GN4324" s="91"/>
      <c r="GO4324" s="91"/>
      <c r="GP4324" s="91"/>
      <c r="GQ4324" s="91"/>
      <c r="GR4324" s="91"/>
      <c r="GS4324" s="91"/>
      <c r="GT4324" s="91"/>
      <c r="GU4324" s="91"/>
      <c r="GV4324" s="91"/>
      <c r="GW4324" s="91"/>
      <c r="GX4324" s="127"/>
      <c r="GY4324" s="126"/>
      <c r="GZ4324" s="91"/>
      <c r="HA4324" s="91"/>
      <c r="HB4324" s="91"/>
      <c r="HC4324" s="91"/>
      <c r="HD4324" s="91"/>
      <c r="HE4324" s="91"/>
      <c r="HF4324" s="91"/>
      <c r="HG4324" s="91"/>
      <c r="HH4324" s="91"/>
      <c r="HI4324" s="91"/>
      <c r="HJ4324" s="91"/>
      <c r="HK4324" s="127"/>
      <c r="HL4324" s="126"/>
      <c r="HM4324" s="91"/>
      <c r="HN4324" s="91"/>
      <c r="HO4324" s="91"/>
      <c r="HP4324" s="91"/>
      <c r="HQ4324" s="91"/>
      <c r="HR4324" s="91"/>
      <c r="HS4324" s="91"/>
      <c r="HT4324" s="91"/>
      <c r="HU4324" s="91"/>
      <c r="HV4324" s="91"/>
      <c r="HW4324" s="91"/>
      <c r="HX4324" s="127"/>
      <c r="HY4324" s="126"/>
      <c r="HZ4324" s="91"/>
      <c r="IA4324" s="91"/>
      <c r="IB4324" s="91"/>
      <c r="IC4324" s="91"/>
      <c r="ID4324" s="91"/>
      <c r="IE4324" s="91"/>
      <c r="IF4324" s="91"/>
      <c r="IG4324" s="91"/>
      <c r="IH4324" s="91"/>
      <c r="II4324" s="91"/>
      <c r="IJ4324" s="91"/>
      <c r="IK4324" s="174"/>
    </row>
    <row r="4325" spans="2:245" x14ac:dyDescent="0.2">
      <c r="B4325" s="43"/>
      <c r="C4325" s="73"/>
      <c r="D4325" s="64"/>
      <c r="E4325" s="64"/>
      <c r="F4325" s="55"/>
      <c r="G4325" s="102"/>
      <c r="H4325" s="97"/>
      <c r="T4325" s="98"/>
      <c r="U4325" s="97"/>
      <c r="AG4325" s="98"/>
      <c r="AY4325" s="164"/>
      <c r="BK4325" s="98"/>
      <c r="BL4325" s="97"/>
      <c r="BX4325" s="98"/>
      <c r="CL4325" s="97"/>
      <c r="CX4325" s="98"/>
      <c r="DL4325" s="97"/>
      <c r="DX4325" s="98"/>
      <c r="EL4325" s="97"/>
      <c r="EX4325" s="98"/>
      <c r="EY4325" s="97"/>
      <c r="FL4325" s="126"/>
      <c r="FM4325" s="91"/>
      <c r="FN4325" s="91"/>
      <c r="FO4325" s="91"/>
      <c r="FP4325" s="91"/>
      <c r="FQ4325" s="91"/>
      <c r="FR4325" s="91"/>
      <c r="FS4325" s="91"/>
      <c r="FT4325" s="91"/>
      <c r="FU4325" s="91"/>
      <c r="FV4325" s="91"/>
      <c r="FW4325" s="91"/>
      <c r="FX4325" s="127"/>
      <c r="FY4325" s="126"/>
      <c r="FZ4325" s="91"/>
      <c r="GA4325" s="91"/>
      <c r="GB4325" s="91"/>
      <c r="GC4325" s="91"/>
      <c r="GD4325" s="91"/>
      <c r="GE4325" s="91"/>
      <c r="GF4325" s="91"/>
      <c r="GG4325" s="91"/>
      <c r="GH4325" s="91"/>
      <c r="GI4325" s="91"/>
      <c r="GJ4325" s="91"/>
      <c r="GK4325" s="127"/>
      <c r="GL4325" s="126"/>
      <c r="GM4325" s="91"/>
      <c r="GN4325" s="91"/>
      <c r="GO4325" s="91"/>
      <c r="GP4325" s="91"/>
      <c r="GQ4325" s="91"/>
      <c r="GR4325" s="91"/>
      <c r="GS4325" s="91"/>
      <c r="GT4325" s="91"/>
      <c r="GU4325" s="91"/>
      <c r="GV4325" s="91"/>
      <c r="GW4325" s="91"/>
      <c r="GX4325" s="127"/>
      <c r="GY4325" s="126"/>
      <c r="GZ4325" s="91"/>
      <c r="HA4325" s="91"/>
      <c r="HB4325" s="91"/>
      <c r="HC4325" s="91"/>
      <c r="HD4325" s="91"/>
      <c r="HE4325" s="91"/>
      <c r="HF4325" s="91"/>
      <c r="HG4325" s="91"/>
      <c r="HH4325" s="91"/>
      <c r="HI4325" s="91"/>
      <c r="HJ4325" s="91"/>
      <c r="HK4325" s="127"/>
      <c r="HL4325" s="126"/>
      <c r="HM4325" s="91"/>
      <c r="HN4325" s="91"/>
      <c r="HO4325" s="91"/>
      <c r="HP4325" s="91"/>
      <c r="HQ4325" s="91"/>
      <c r="HR4325" s="91"/>
      <c r="HS4325" s="91"/>
      <c r="HT4325" s="91"/>
      <c r="HU4325" s="91"/>
      <c r="HV4325" s="91"/>
      <c r="HW4325" s="91"/>
      <c r="HX4325" s="127"/>
      <c r="HY4325" s="126"/>
      <c r="HZ4325" s="91"/>
      <c r="IA4325" s="91"/>
      <c r="IB4325" s="91"/>
      <c r="IC4325" s="91"/>
      <c r="ID4325" s="91"/>
      <c r="IE4325" s="91"/>
      <c r="IF4325" s="91"/>
      <c r="IG4325" s="91"/>
      <c r="IH4325" s="91"/>
      <c r="II4325" s="91"/>
      <c r="IJ4325" s="91"/>
      <c r="IK4325" s="174"/>
    </row>
    <row r="4326" spans="2:245" x14ac:dyDescent="0.2">
      <c r="B4326" s="43"/>
      <c r="C4326" s="73"/>
      <c r="D4326" s="64"/>
      <c r="E4326" s="64"/>
      <c r="F4326" s="55"/>
      <c r="G4326" s="102"/>
      <c r="H4326" s="97"/>
      <c r="T4326" s="98"/>
      <c r="U4326" s="97"/>
      <c r="AG4326" s="98"/>
      <c r="AY4326" s="164"/>
      <c r="BK4326" s="98"/>
      <c r="BL4326" s="97"/>
      <c r="BX4326" s="98"/>
      <c r="CL4326" s="97"/>
      <c r="CX4326" s="98"/>
      <c r="DL4326" s="97"/>
      <c r="DX4326" s="98"/>
      <c r="EL4326" s="97"/>
      <c r="EX4326" s="98"/>
      <c r="EY4326" s="97"/>
      <c r="FL4326" s="126"/>
      <c r="FM4326" s="91"/>
      <c r="FN4326" s="91"/>
      <c r="FO4326" s="91"/>
      <c r="FP4326" s="91"/>
      <c r="FQ4326" s="91"/>
      <c r="FR4326" s="91"/>
      <c r="FS4326" s="91"/>
      <c r="FT4326" s="91"/>
      <c r="FU4326" s="91"/>
      <c r="FV4326" s="91"/>
      <c r="FW4326" s="91"/>
      <c r="FX4326" s="127"/>
      <c r="FY4326" s="126"/>
      <c r="FZ4326" s="91"/>
      <c r="GA4326" s="91"/>
      <c r="GB4326" s="91"/>
      <c r="GC4326" s="91"/>
      <c r="GD4326" s="91"/>
      <c r="GE4326" s="91"/>
      <c r="GF4326" s="91"/>
      <c r="GG4326" s="91"/>
      <c r="GH4326" s="91"/>
      <c r="GI4326" s="91"/>
      <c r="GJ4326" s="91"/>
      <c r="GK4326" s="127"/>
      <c r="GL4326" s="126"/>
      <c r="GM4326" s="91"/>
      <c r="GN4326" s="91"/>
      <c r="GO4326" s="91"/>
      <c r="GP4326" s="91"/>
      <c r="GQ4326" s="91"/>
      <c r="GR4326" s="91"/>
      <c r="GS4326" s="91"/>
      <c r="GT4326" s="91"/>
      <c r="GU4326" s="91"/>
      <c r="GV4326" s="91"/>
      <c r="GW4326" s="91"/>
      <c r="GX4326" s="127"/>
      <c r="GY4326" s="126"/>
      <c r="GZ4326" s="91"/>
      <c r="HA4326" s="91"/>
      <c r="HB4326" s="91"/>
      <c r="HC4326" s="91"/>
      <c r="HD4326" s="91"/>
      <c r="HE4326" s="91"/>
      <c r="HF4326" s="91"/>
      <c r="HG4326" s="91"/>
      <c r="HH4326" s="91"/>
      <c r="HI4326" s="91"/>
      <c r="HJ4326" s="91"/>
      <c r="HK4326" s="127"/>
      <c r="HL4326" s="126"/>
      <c r="HM4326" s="91"/>
      <c r="HN4326" s="91"/>
      <c r="HO4326" s="91"/>
      <c r="HP4326" s="91"/>
      <c r="HQ4326" s="91"/>
      <c r="HR4326" s="91"/>
      <c r="HS4326" s="91"/>
      <c r="HT4326" s="91"/>
      <c r="HU4326" s="91"/>
      <c r="HV4326" s="91"/>
      <c r="HW4326" s="91"/>
      <c r="HX4326" s="127"/>
      <c r="HY4326" s="126"/>
      <c r="HZ4326" s="91"/>
      <c r="IA4326" s="91"/>
      <c r="IB4326" s="91"/>
      <c r="IC4326" s="91"/>
      <c r="ID4326" s="91"/>
      <c r="IE4326" s="91"/>
      <c r="IF4326" s="91"/>
      <c r="IG4326" s="91"/>
      <c r="IH4326" s="91"/>
      <c r="II4326" s="91"/>
      <c r="IJ4326" s="91"/>
      <c r="IK4326" s="174"/>
    </row>
    <row r="4327" spans="2:245" x14ac:dyDescent="0.2">
      <c r="B4327" s="43"/>
      <c r="C4327" s="73"/>
      <c r="D4327" s="64"/>
      <c r="E4327" s="64"/>
      <c r="F4327" s="55"/>
      <c r="G4327" s="102"/>
      <c r="H4327" s="97"/>
      <c r="T4327" s="98"/>
      <c r="U4327" s="97"/>
      <c r="AG4327" s="98"/>
      <c r="AY4327" s="164"/>
      <c r="BK4327" s="98"/>
      <c r="BL4327" s="97"/>
      <c r="BX4327" s="98"/>
      <c r="CL4327" s="97"/>
      <c r="CX4327" s="98"/>
      <c r="DL4327" s="97"/>
      <c r="DX4327" s="98"/>
      <c r="EL4327" s="97"/>
      <c r="EX4327" s="98"/>
      <c r="EY4327" s="97"/>
      <c r="FL4327" s="126"/>
      <c r="FM4327" s="91"/>
      <c r="FN4327" s="91"/>
      <c r="FO4327" s="91"/>
      <c r="FP4327" s="91"/>
      <c r="FQ4327" s="91"/>
      <c r="FR4327" s="91"/>
      <c r="FS4327" s="91"/>
      <c r="FT4327" s="91"/>
      <c r="FU4327" s="91"/>
      <c r="FV4327" s="91"/>
      <c r="FW4327" s="91"/>
      <c r="FX4327" s="127"/>
      <c r="FY4327" s="126"/>
      <c r="FZ4327" s="91"/>
      <c r="GA4327" s="91"/>
      <c r="GB4327" s="91"/>
      <c r="GC4327" s="91"/>
      <c r="GD4327" s="91"/>
      <c r="GE4327" s="91"/>
      <c r="GF4327" s="91"/>
      <c r="GG4327" s="91"/>
      <c r="GH4327" s="91"/>
      <c r="GI4327" s="91"/>
      <c r="GJ4327" s="91"/>
      <c r="GK4327" s="127"/>
      <c r="GL4327" s="126"/>
      <c r="GM4327" s="91"/>
      <c r="GN4327" s="91"/>
      <c r="GO4327" s="91"/>
      <c r="GP4327" s="91"/>
      <c r="GQ4327" s="91"/>
      <c r="GR4327" s="91"/>
      <c r="GS4327" s="91"/>
      <c r="GT4327" s="91"/>
      <c r="GU4327" s="91"/>
      <c r="GV4327" s="91"/>
      <c r="GW4327" s="91"/>
      <c r="GX4327" s="127"/>
      <c r="GY4327" s="126"/>
      <c r="GZ4327" s="91"/>
      <c r="HA4327" s="91"/>
      <c r="HB4327" s="91"/>
      <c r="HC4327" s="91"/>
      <c r="HD4327" s="91"/>
      <c r="HE4327" s="91"/>
      <c r="HF4327" s="91"/>
      <c r="HG4327" s="91"/>
      <c r="HH4327" s="91"/>
      <c r="HI4327" s="91"/>
      <c r="HJ4327" s="91"/>
      <c r="HK4327" s="127"/>
      <c r="HL4327" s="126"/>
      <c r="HM4327" s="91"/>
      <c r="HN4327" s="91"/>
      <c r="HO4327" s="91"/>
      <c r="HP4327" s="91"/>
      <c r="HQ4327" s="91"/>
      <c r="HR4327" s="91"/>
      <c r="HS4327" s="91"/>
      <c r="HT4327" s="91"/>
      <c r="HU4327" s="91"/>
      <c r="HV4327" s="91"/>
      <c r="HW4327" s="91"/>
      <c r="HX4327" s="127"/>
      <c r="HY4327" s="126"/>
      <c r="HZ4327" s="91"/>
      <c r="IA4327" s="91"/>
      <c r="IB4327" s="91"/>
      <c r="IC4327" s="91"/>
      <c r="ID4327" s="91"/>
      <c r="IE4327" s="91"/>
      <c r="IF4327" s="91"/>
      <c r="IG4327" s="91"/>
      <c r="IH4327" s="91"/>
      <c r="II4327" s="91"/>
      <c r="IJ4327" s="91"/>
      <c r="IK4327" s="174"/>
    </row>
    <row r="4328" spans="2:245" x14ac:dyDescent="0.2">
      <c r="B4328" s="43"/>
      <c r="C4328" s="73"/>
      <c r="D4328" s="64"/>
      <c r="E4328" s="64"/>
      <c r="F4328" s="55"/>
      <c r="G4328" s="102"/>
      <c r="H4328" s="97"/>
      <c r="T4328" s="98"/>
      <c r="U4328" s="97"/>
      <c r="AG4328" s="98"/>
      <c r="AY4328" s="164"/>
      <c r="BK4328" s="98"/>
      <c r="BL4328" s="97"/>
      <c r="BX4328" s="98"/>
      <c r="CL4328" s="97"/>
      <c r="CX4328" s="98"/>
      <c r="DL4328" s="97"/>
      <c r="DX4328" s="98"/>
      <c r="EL4328" s="97"/>
      <c r="EX4328" s="98"/>
      <c r="EY4328" s="97"/>
      <c r="FL4328" s="126"/>
      <c r="FM4328" s="91"/>
      <c r="FN4328" s="91"/>
      <c r="FO4328" s="91"/>
      <c r="FP4328" s="91"/>
      <c r="FQ4328" s="91"/>
      <c r="FR4328" s="91"/>
      <c r="FS4328" s="91"/>
      <c r="FT4328" s="91"/>
      <c r="FU4328" s="91"/>
      <c r="FV4328" s="91"/>
      <c r="FW4328" s="91"/>
      <c r="FX4328" s="127"/>
      <c r="FY4328" s="126"/>
      <c r="FZ4328" s="91"/>
      <c r="GA4328" s="91"/>
      <c r="GB4328" s="91"/>
      <c r="GC4328" s="91"/>
      <c r="GD4328" s="91"/>
      <c r="GE4328" s="91"/>
      <c r="GF4328" s="91"/>
      <c r="GG4328" s="91"/>
      <c r="GH4328" s="91"/>
      <c r="GI4328" s="91"/>
      <c r="GJ4328" s="91"/>
      <c r="GK4328" s="127"/>
      <c r="GL4328" s="126"/>
      <c r="GM4328" s="91"/>
      <c r="GN4328" s="91"/>
      <c r="GO4328" s="91"/>
      <c r="GP4328" s="91"/>
      <c r="GQ4328" s="91"/>
      <c r="GR4328" s="91"/>
      <c r="GS4328" s="91"/>
      <c r="GT4328" s="91"/>
      <c r="GU4328" s="91"/>
      <c r="GV4328" s="91"/>
      <c r="GW4328" s="91"/>
      <c r="GX4328" s="127"/>
      <c r="GY4328" s="126"/>
      <c r="GZ4328" s="91"/>
      <c r="HA4328" s="91"/>
      <c r="HB4328" s="91"/>
      <c r="HC4328" s="91"/>
      <c r="HD4328" s="91"/>
      <c r="HE4328" s="91"/>
      <c r="HF4328" s="91"/>
      <c r="HG4328" s="91"/>
      <c r="HH4328" s="91"/>
      <c r="HI4328" s="91"/>
      <c r="HJ4328" s="91"/>
      <c r="HK4328" s="127"/>
      <c r="HL4328" s="126"/>
      <c r="HM4328" s="91"/>
      <c r="HN4328" s="91"/>
      <c r="HO4328" s="91"/>
      <c r="HP4328" s="91"/>
      <c r="HQ4328" s="91"/>
      <c r="HR4328" s="91"/>
      <c r="HS4328" s="91"/>
      <c r="HT4328" s="91"/>
      <c r="HU4328" s="91"/>
      <c r="HV4328" s="91"/>
      <c r="HW4328" s="91"/>
      <c r="HX4328" s="127"/>
      <c r="HY4328" s="126"/>
      <c r="HZ4328" s="91"/>
      <c r="IA4328" s="91"/>
      <c r="IB4328" s="91"/>
      <c r="IC4328" s="91"/>
      <c r="ID4328" s="91"/>
      <c r="IE4328" s="91"/>
      <c r="IF4328" s="91"/>
      <c r="IG4328" s="91"/>
      <c r="IH4328" s="91"/>
      <c r="II4328" s="91"/>
      <c r="IJ4328" s="91"/>
      <c r="IK4328" s="174"/>
    </row>
    <row r="4329" spans="2:245" x14ac:dyDescent="0.2">
      <c r="B4329" s="43"/>
      <c r="C4329" s="73"/>
      <c r="D4329" s="64"/>
      <c r="E4329" s="64"/>
      <c r="F4329" s="55"/>
      <c r="G4329" s="102"/>
      <c r="H4329" s="97"/>
      <c r="T4329" s="98"/>
      <c r="U4329" s="97"/>
      <c r="AG4329" s="98"/>
      <c r="AY4329" s="164"/>
      <c r="BK4329" s="98"/>
      <c r="BL4329" s="97"/>
      <c r="BX4329" s="98"/>
      <c r="CL4329" s="97"/>
      <c r="CX4329" s="98"/>
      <c r="DL4329" s="97"/>
      <c r="DX4329" s="98"/>
      <c r="EL4329" s="97"/>
      <c r="EX4329" s="98"/>
      <c r="EY4329" s="97"/>
      <c r="FL4329" s="126"/>
      <c r="FM4329" s="91"/>
      <c r="FN4329" s="91"/>
      <c r="FO4329" s="91"/>
      <c r="FP4329" s="91"/>
      <c r="FQ4329" s="91"/>
      <c r="FR4329" s="91"/>
      <c r="FS4329" s="91"/>
      <c r="FT4329" s="91"/>
      <c r="FU4329" s="91"/>
      <c r="FV4329" s="91"/>
      <c r="FW4329" s="91"/>
      <c r="FX4329" s="127"/>
      <c r="FY4329" s="126"/>
      <c r="FZ4329" s="91"/>
      <c r="GA4329" s="91"/>
      <c r="GB4329" s="91"/>
      <c r="GC4329" s="91"/>
      <c r="GD4329" s="91"/>
      <c r="GE4329" s="91"/>
      <c r="GF4329" s="91"/>
      <c r="GG4329" s="91"/>
      <c r="GH4329" s="91"/>
      <c r="GI4329" s="91"/>
      <c r="GJ4329" s="91"/>
      <c r="GK4329" s="127"/>
      <c r="GL4329" s="126"/>
      <c r="GM4329" s="91"/>
      <c r="GN4329" s="91"/>
      <c r="GO4329" s="91"/>
      <c r="GP4329" s="91"/>
      <c r="GQ4329" s="91"/>
      <c r="GR4329" s="91"/>
      <c r="GS4329" s="91"/>
      <c r="GT4329" s="91"/>
      <c r="GU4329" s="91"/>
      <c r="GV4329" s="91"/>
      <c r="GW4329" s="91"/>
      <c r="GX4329" s="127"/>
      <c r="GY4329" s="126"/>
      <c r="GZ4329" s="91"/>
      <c r="HA4329" s="91"/>
      <c r="HB4329" s="91"/>
      <c r="HC4329" s="91"/>
      <c r="HD4329" s="91"/>
      <c r="HE4329" s="91"/>
      <c r="HF4329" s="91"/>
      <c r="HG4329" s="91"/>
      <c r="HH4329" s="91"/>
      <c r="HI4329" s="91"/>
      <c r="HJ4329" s="91"/>
      <c r="HK4329" s="127"/>
      <c r="HL4329" s="126"/>
      <c r="HM4329" s="91"/>
      <c r="HN4329" s="91"/>
      <c r="HO4329" s="91"/>
      <c r="HP4329" s="91"/>
      <c r="HQ4329" s="91"/>
      <c r="HR4329" s="91"/>
      <c r="HS4329" s="91"/>
      <c r="HT4329" s="91"/>
      <c r="HU4329" s="91"/>
      <c r="HV4329" s="91"/>
      <c r="HW4329" s="91"/>
      <c r="HX4329" s="127"/>
      <c r="HY4329" s="126"/>
      <c r="HZ4329" s="91"/>
      <c r="IA4329" s="91"/>
      <c r="IB4329" s="91"/>
      <c r="IC4329" s="91"/>
      <c r="ID4329" s="91"/>
      <c r="IE4329" s="91"/>
      <c r="IF4329" s="91"/>
      <c r="IG4329" s="91"/>
      <c r="IH4329" s="91"/>
      <c r="II4329" s="91"/>
      <c r="IJ4329" s="91"/>
      <c r="IK4329" s="174"/>
    </row>
    <row r="4330" spans="2:245" x14ac:dyDescent="0.2">
      <c r="B4330" s="43"/>
      <c r="C4330" s="73"/>
      <c r="D4330" s="64"/>
      <c r="E4330" s="64"/>
      <c r="F4330" s="55"/>
      <c r="G4330" s="102"/>
      <c r="H4330" s="97"/>
      <c r="T4330" s="98"/>
      <c r="U4330" s="97"/>
      <c r="AG4330" s="98"/>
      <c r="AY4330" s="164"/>
      <c r="BK4330" s="98"/>
      <c r="BL4330" s="97"/>
      <c r="BX4330" s="98"/>
      <c r="CL4330" s="97"/>
      <c r="CX4330" s="98"/>
      <c r="DL4330" s="97"/>
      <c r="DX4330" s="98"/>
      <c r="EL4330" s="97"/>
      <c r="EX4330" s="98"/>
      <c r="EY4330" s="97"/>
      <c r="FL4330" s="126"/>
      <c r="FM4330" s="91"/>
      <c r="FN4330" s="91"/>
      <c r="FO4330" s="91"/>
      <c r="FP4330" s="91"/>
      <c r="FQ4330" s="91"/>
      <c r="FR4330" s="91"/>
      <c r="FS4330" s="91"/>
      <c r="FT4330" s="91"/>
      <c r="FU4330" s="91"/>
      <c r="FV4330" s="91"/>
      <c r="FW4330" s="91"/>
      <c r="FX4330" s="127"/>
      <c r="FY4330" s="126"/>
      <c r="FZ4330" s="91"/>
      <c r="GA4330" s="91"/>
      <c r="GB4330" s="91"/>
      <c r="GC4330" s="91"/>
      <c r="GD4330" s="91"/>
      <c r="GE4330" s="91"/>
      <c r="GF4330" s="91"/>
      <c r="GG4330" s="91"/>
      <c r="GH4330" s="91"/>
      <c r="GI4330" s="91"/>
      <c r="GJ4330" s="91"/>
      <c r="GK4330" s="127"/>
      <c r="GL4330" s="126"/>
      <c r="GM4330" s="91"/>
      <c r="GN4330" s="91"/>
      <c r="GO4330" s="91"/>
      <c r="GP4330" s="91"/>
      <c r="GQ4330" s="91"/>
      <c r="GR4330" s="91"/>
      <c r="GS4330" s="91"/>
      <c r="GT4330" s="91"/>
      <c r="GU4330" s="91"/>
      <c r="GV4330" s="91"/>
      <c r="GW4330" s="91"/>
      <c r="GX4330" s="127"/>
      <c r="GY4330" s="126"/>
      <c r="GZ4330" s="91"/>
      <c r="HA4330" s="91"/>
      <c r="HB4330" s="91"/>
      <c r="HC4330" s="91"/>
      <c r="HD4330" s="91"/>
      <c r="HE4330" s="91"/>
      <c r="HF4330" s="91"/>
      <c r="HG4330" s="91"/>
      <c r="HH4330" s="91"/>
      <c r="HI4330" s="91"/>
      <c r="HJ4330" s="91"/>
      <c r="HK4330" s="127"/>
      <c r="HL4330" s="126"/>
      <c r="HM4330" s="91"/>
      <c r="HN4330" s="91"/>
      <c r="HO4330" s="91"/>
      <c r="HP4330" s="91"/>
      <c r="HQ4330" s="91"/>
      <c r="HR4330" s="91"/>
      <c r="HS4330" s="91"/>
      <c r="HT4330" s="91"/>
      <c r="HU4330" s="91"/>
      <c r="HV4330" s="91"/>
      <c r="HW4330" s="91"/>
      <c r="HX4330" s="127"/>
      <c r="HY4330" s="126"/>
      <c r="HZ4330" s="91"/>
      <c r="IA4330" s="91"/>
      <c r="IB4330" s="91"/>
      <c r="IC4330" s="91"/>
      <c r="ID4330" s="91"/>
      <c r="IE4330" s="91"/>
      <c r="IF4330" s="91"/>
      <c r="IG4330" s="91"/>
      <c r="IH4330" s="91"/>
      <c r="II4330" s="91"/>
      <c r="IJ4330" s="91"/>
      <c r="IK4330" s="174"/>
    </row>
    <row r="4331" spans="2:245" x14ac:dyDescent="0.2">
      <c r="B4331" s="43"/>
      <c r="C4331" s="73"/>
      <c r="D4331" s="64"/>
      <c r="E4331" s="64"/>
      <c r="F4331" s="55"/>
      <c r="G4331" s="102"/>
      <c r="H4331" s="97"/>
      <c r="T4331" s="98"/>
      <c r="U4331" s="97"/>
      <c r="AG4331" s="98"/>
      <c r="AY4331" s="164"/>
      <c r="BK4331" s="98"/>
      <c r="BL4331" s="97"/>
      <c r="BX4331" s="98"/>
      <c r="CL4331" s="97"/>
      <c r="CX4331" s="98"/>
      <c r="DL4331" s="97"/>
      <c r="DX4331" s="98"/>
      <c r="EL4331" s="97"/>
      <c r="EX4331" s="98"/>
      <c r="EY4331" s="97"/>
      <c r="FL4331" s="126"/>
      <c r="FM4331" s="91"/>
      <c r="FN4331" s="91"/>
      <c r="FO4331" s="91"/>
      <c r="FP4331" s="91"/>
      <c r="FQ4331" s="91"/>
      <c r="FR4331" s="91"/>
      <c r="FS4331" s="91"/>
      <c r="FT4331" s="91"/>
      <c r="FU4331" s="91"/>
      <c r="FV4331" s="91"/>
      <c r="FW4331" s="91"/>
      <c r="FX4331" s="127"/>
      <c r="FY4331" s="126"/>
      <c r="FZ4331" s="91"/>
      <c r="GA4331" s="91"/>
      <c r="GB4331" s="91"/>
      <c r="GC4331" s="91"/>
      <c r="GD4331" s="91"/>
      <c r="GE4331" s="91"/>
      <c r="GF4331" s="91"/>
      <c r="GG4331" s="91"/>
      <c r="GH4331" s="91"/>
      <c r="GI4331" s="91"/>
      <c r="GJ4331" s="91"/>
      <c r="GK4331" s="127"/>
      <c r="GL4331" s="126"/>
      <c r="GM4331" s="91"/>
      <c r="GN4331" s="91"/>
      <c r="GO4331" s="91"/>
      <c r="GP4331" s="91"/>
      <c r="GQ4331" s="91"/>
      <c r="GR4331" s="91"/>
      <c r="GS4331" s="91"/>
      <c r="GT4331" s="91"/>
      <c r="GU4331" s="91"/>
      <c r="GV4331" s="91"/>
      <c r="GW4331" s="91"/>
      <c r="GX4331" s="127"/>
      <c r="GY4331" s="126"/>
      <c r="GZ4331" s="91"/>
      <c r="HA4331" s="91"/>
      <c r="HB4331" s="91"/>
      <c r="HC4331" s="91"/>
      <c r="HD4331" s="91"/>
      <c r="HE4331" s="91"/>
      <c r="HF4331" s="91"/>
      <c r="HG4331" s="91"/>
      <c r="HH4331" s="91"/>
      <c r="HI4331" s="91"/>
      <c r="HJ4331" s="91"/>
      <c r="HK4331" s="127"/>
      <c r="HL4331" s="126"/>
      <c r="HM4331" s="91"/>
      <c r="HN4331" s="91"/>
      <c r="HO4331" s="91"/>
      <c r="HP4331" s="91"/>
      <c r="HQ4331" s="91"/>
      <c r="HR4331" s="91"/>
      <c r="HS4331" s="91"/>
      <c r="HT4331" s="91"/>
      <c r="HU4331" s="91"/>
      <c r="HV4331" s="91"/>
      <c r="HW4331" s="91"/>
      <c r="HX4331" s="127"/>
      <c r="HY4331" s="126"/>
      <c r="HZ4331" s="91"/>
      <c r="IA4331" s="91"/>
      <c r="IB4331" s="91"/>
      <c r="IC4331" s="91"/>
      <c r="ID4331" s="91"/>
      <c r="IE4331" s="91"/>
      <c r="IF4331" s="91"/>
      <c r="IG4331" s="91"/>
      <c r="IH4331" s="91"/>
      <c r="II4331" s="91"/>
      <c r="IJ4331" s="91"/>
      <c r="IK4331" s="174"/>
    </row>
    <row r="4332" spans="2:245" x14ac:dyDescent="0.2">
      <c r="B4332" s="43"/>
      <c r="C4332" s="73"/>
      <c r="D4332" s="64"/>
      <c r="E4332" s="64"/>
      <c r="F4332" s="55"/>
      <c r="G4332" s="102"/>
      <c r="H4332" s="97"/>
      <c r="T4332" s="98"/>
      <c r="U4332" s="97"/>
      <c r="AG4332" s="98"/>
      <c r="AY4332" s="164"/>
      <c r="BK4332" s="98"/>
      <c r="BL4332" s="97"/>
      <c r="BX4332" s="98"/>
      <c r="CL4332" s="97"/>
      <c r="CX4332" s="98"/>
      <c r="DL4332" s="97"/>
      <c r="DX4332" s="98"/>
      <c r="EL4332" s="97"/>
      <c r="EX4332" s="98"/>
      <c r="EY4332" s="97"/>
      <c r="FL4332" s="126"/>
      <c r="FM4332" s="91"/>
      <c r="FN4332" s="91"/>
      <c r="FO4332" s="91"/>
      <c r="FP4332" s="91"/>
      <c r="FQ4332" s="91"/>
      <c r="FR4332" s="91"/>
      <c r="FS4332" s="91"/>
      <c r="FT4332" s="91"/>
      <c r="FU4332" s="91"/>
      <c r="FV4332" s="91"/>
      <c r="FW4332" s="91"/>
      <c r="FX4332" s="127"/>
      <c r="FY4332" s="126"/>
      <c r="FZ4332" s="91"/>
      <c r="GA4332" s="91"/>
      <c r="GB4332" s="91"/>
      <c r="GC4332" s="91"/>
      <c r="GD4332" s="91"/>
      <c r="GE4332" s="91"/>
      <c r="GF4332" s="91"/>
      <c r="GG4332" s="91"/>
      <c r="GH4332" s="91"/>
      <c r="GI4332" s="91"/>
      <c r="GJ4332" s="91"/>
      <c r="GK4332" s="127"/>
      <c r="GL4332" s="126"/>
      <c r="GM4332" s="91"/>
      <c r="GN4332" s="91"/>
      <c r="GO4332" s="91"/>
      <c r="GP4332" s="91"/>
      <c r="GQ4332" s="91"/>
      <c r="GR4332" s="91"/>
      <c r="GS4332" s="91"/>
      <c r="GT4332" s="91"/>
      <c r="GU4332" s="91"/>
      <c r="GV4332" s="91"/>
      <c r="GW4332" s="91"/>
      <c r="GX4332" s="127"/>
      <c r="GY4332" s="126"/>
      <c r="GZ4332" s="91"/>
      <c r="HA4332" s="91"/>
      <c r="HB4332" s="91"/>
      <c r="HC4332" s="91"/>
      <c r="HD4332" s="91"/>
      <c r="HE4332" s="91"/>
      <c r="HF4332" s="91"/>
      <c r="HG4332" s="91"/>
      <c r="HH4332" s="91"/>
      <c r="HI4332" s="91"/>
      <c r="HJ4332" s="91"/>
      <c r="HK4332" s="127"/>
      <c r="HL4332" s="126"/>
      <c r="HM4332" s="91"/>
      <c r="HN4332" s="91"/>
      <c r="HO4332" s="91"/>
      <c r="HP4332" s="91"/>
      <c r="HQ4332" s="91"/>
      <c r="HR4332" s="91"/>
      <c r="HS4332" s="91"/>
      <c r="HT4332" s="91"/>
      <c r="HU4332" s="91"/>
      <c r="HV4332" s="91"/>
      <c r="HW4332" s="91"/>
      <c r="HX4332" s="127"/>
      <c r="HY4332" s="126"/>
      <c r="HZ4332" s="91"/>
      <c r="IA4332" s="91"/>
      <c r="IB4332" s="91"/>
      <c r="IC4332" s="91"/>
      <c r="ID4332" s="91"/>
      <c r="IE4332" s="91"/>
      <c r="IF4332" s="91"/>
      <c r="IG4332" s="91"/>
      <c r="IH4332" s="91"/>
      <c r="II4332" s="91"/>
      <c r="IJ4332" s="91"/>
      <c r="IK4332" s="174"/>
    </row>
    <row r="4333" spans="2:245" x14ac:dyDescent="0.2">
      <c r="B4333" s="43"/>
      <c r="C4333" s="73"/>
      <c r="D4333" s="64"/>
      <c r="E4333" s="64"/>
      <c r="F4333" s="55"/>
      <c r="G4333" s="102"/>
      <c r="H4333" s="97"/>
      <c r="T4333" s="98"/>
      <c r="U4333" s="97"/>
      <c r="AG4333" s="98"/>
      <c r="AY4333" s="164"/>
      <c r="BK4333" s="98"/>
      <c r="BL4333" s="97"/>
      <c r="BX4333" s="98"/>
      <c r="CL4333" s="97"/>
      <c r="CX4333" s="98"/>
      <c r="DL4333" s="97"/>
      <c r="DX4333" s="98"/>
      <c r="EL4333" s="97"/>
      <c r="EX4333" s="98"/>
      <c r="EY4333" s="97"/>
      <c r="FL4333" s="126"/>
      <c r="FM4333" s="91"/>
      <c r="FN4333" s="91"/>
      <c r="FO4333" s="91"/>
      <c r="FP4333" s="91"/>
      <c r="FQ4333" s="91"/>
      <c r="FR4333" s="91"/>
      <c r="FS4333" s="91"/>
      <c r="FT4333" s="91"/>
      <c r="FU4333" s="91"/>
      <c r="FV4333" s="91"/>
      <c r="FW4333" s="91"/>
      <c r="FX4333" s="127"/>
      <c r="FY4333" s="126"/>
      <c r="FZ4333" s="91"/>
      <c r="GA4333" s="91"/>
      <c r="GB4333" s="91"/>
      <c r="GC4333" s="91"/>
      <c r="GD4333" s="91"/>
      <c r="GE4333" s="91"/>
      <c r="GF4333" s="91"/>
      <c r="GG4333" s="91"/>
      <c r="GH4333" s="91"/>
      <c r="GI4333" s="91"/>
      <c r="GJ4333" s="91"/>
      <c r="GK4333" s="127"/>
      <c r="GL4333" s="126"/>
      <c r="GM4333" s="91"/>
      <c r="GN4333" s="91"/>
      <c r="GO4333" s="91"/>
      <c r="GP4333" s="91"/>
      <c r="GQ4333" s="91"/>
      <c r="GR4333" s="91"/>
      <c r="GS4333" s="91"/>
      <c r="GT4333" s="91"/>
      <c r="GU4333" s="91"/>
      <c r="GV4333" s="91"/>
      <c r="GW4333" s="91"/>
      <c r="GX4333" s="127"/>
      <c r="GY4333" s="126"/>
      <c r="GZ4333" s="91"/>
      <c r="HA4333" s="91"/>
      <c r="HB4333" s="91"/>
      <c r="HC4333" s="91"/>
      <c r="HD4333" s="91"/>
      <c r="HE4333" s="91"/>
      <c r="HF4333" s="91"/>
      <c r="HG4333" s="91"/>
      <c r="HH4333" s="91"/>
      <c r="HI4333" s="91"/>
      <c r="HJ4333" s="91"/>
      <c r="HK4333" s="127"/>
      <c r="HL4333" s="126"/>
      <c r="HM4333" s="91"/>
      <c r="HN4333" s="91"/>
      <c r="HO4333" s="91"/>
      <c r="HP4333" s="91"/>
      <c r="HQ4333" s="91"/>
      <c r="HR4333" s="91"/>
      <c r="HS4333" s="91"/>
      <c r="HT4333" s="91"/>
      <c r="HU4333" s="91"/>
      <c r="HV4333" s="91"/>
      <c r="HW4333" s="91"/>
      <c r="HX4333" s="127"/>
      <c r="HY4333" s="126"/>
      <c r="HZ4333" s="91"/>
      <c r="IA4333" s="91"/>
      <c r="IB4333" s="91"/>
      <c r="IC4333" s="91"/>
      <c r="ID4333" s="91"/>
      <c r="IE4333" s="91"/>
      <c r="IF4333" s="91"/>
      <c r="IG4333" s="91"/>
      <c r="IH4333" s="91"/>
      <c r="II4333" s="91"/>
      <c r="IJ4333" s="91"/>
      <c r="IK4333" s="174"/>
    </row>
    <row r="4334" spans="2:245" x14ac:dyDescent="0.2">
      <c r="B4334" s="43"/>
      <c r="C4334" s="73"/>
      <c r="D4334" s="64"/>
      <c r="E4334" s="64"/>
      <c r="F4334" s="55"/>
      <c r="G4334" s="102"/>
      <c r="H4334" s="97"/>
      <c r="T4334" s="98"/>
      <c r="U4334" s="97"/>
      <c r="AG4334" s="98"/>
      <c r="AY4334" s="164"/>
      <c r="BK4334" s="98"/>
      <c r="BL4334" s="97"/>
      <c r="BX4334" s="98"/>
      <c r="CL4334" s="97"/>
      <c r="CX4334" s="98"/>
      <c r="DL4334" s="97"/>
      <c r="DX4334" s="98"/>
      <c r="EL4334" s="97"/>
      <c r="EX4334" s="98"/>
      <c r="EY4334" s="97"/>
      <c r="FL4334" s="126"/>
      <c r="FM4334" s="91"/>
      <c r="FN4334" s="91"/>
      <c r="FO4334" s="91"/>
      <c r="FP4334" s="91"/>
      <c r="FQ4334" s="91"/>
      <c r="FR4334" s="91"/>
      <c r="FS4334" s="91"/>
      <c r="FT4334" s="91"/>
      <c r="FU4334" s="91"/>
      <c r="FV4334" s="91"/>
      <c r="FW4334" s="91"/>
      <c r="FX4334" s="127"/>
      <c r="FY4334" s="126"/>
      <c r="FZ4334" s="91"/>
      <c r="GA4334" s="91"/>
      <c r="GB4334" s="91"/>
      <c r="GC4334" s="91"/>
      <c r="GD4334" s="91"/>
      <c r="GE4334" s="91"/>
      <c r="GF4334" s="91"/>
      <c r="GG4334" s="91"/>
      <c r="GH4334" s="91"/>
      <c r="GI4334" s="91"/>
      <c r="GJ4334" s="91"/>
      <c r="GK4334" s="127"/>
      <c r="GL4334" s="126"/>
      <c r="GM4334" s="91"/>
      <c r="GN4334" s="91"/>
      <c r="GO4334" s="91"/>
      <c r="GP4334" s="91"/>
      <c r="GQ4334" s="91"/>
      <c r="GR4334" s="91"/>
      <c r="GS4334" s="91"/>
      <c r="GT4334" s="91"/>
      <c r="GU4334" s="91"/>
      <c r="GV4334" s="91"/>
      <c r="GW4334" s="91"/>
      <c r="GX4334" s="127"/>
      <c r="GY4334" s="126"/>
      <c r="GZ4334" s="91"/>
      <c r="HA4334" s="91"/>
      <c r="HB4334" s="91"/>
      <c r="HC4334" s="91"/>
      <c r="HD4334" s="91"/>
      <c r="HE4334" s="91"/>
      <c r="HF4334" s="91"/>
      <c r="HG4334" s="91"/>
      <c r="HH4334" s="91"/>
      <c r="HI4334" s="91"/>
      <c r="HJ4334" s="91"/>
      <c r="HK4334" s="127"/>
      <c r="HL4334" s="126"/>
      <c r="HM4334" s="91"/>
      <c r="HN4334" s="91"/>
      <c r="HO4334" s="91"/>
      <c r="HP4334" s="91"/>
      <c r="HQ4334" s="91"/>
      <c r="HR4334" s="91"/>
      <c r="HS4334" s="91"/>
      <c r="HT4334" s="91"/>
      <c r="HU4334" s="91"/>
      <c r="HV4334" s="91"/>
      <c r="HW4334" s="91"/>
      <c r="HX4334" s="127"/>
      <c r="HY4334" s="126"/>
      <c r="HZ4334" s="91"/>
      <c r="IA4334" s="91"/>
      <c r="IB4334" s="91"/>
      <c r="IC4334" s="91"/>
      <c r="ID4334" s="91"/>
      <c r="IE4334" s="91"/>
      <c r="IF4334" s="91"/>
      <c r="IG4334" s="91"/>
      <c r="IH4334" s="91"/>
      <c r="II4334" s="91"/>
      <c r="IJ4334" s="91"/>
      <c r="IK4334" s="174"/>
    </row>
    <row r="4335" spans="2:245" x14ac:dyDescent="0.2">
      <c r="B4335" s="43"/>
      <c r="C4335" s="73"/>
      <c r="D4335" s="64"/>
      <c r="E4335" s="64"/>
      <c r="F4335" s="55"/>
      <c r="G4335" s="102"/>
      <c r="H4335" s="97"/>
      <c r="T4335" s="98"/>
      <c r="U4335" s="97"/>
      <c r="AG4335" s="98"/>
      <c r="AY4335" s="164"/>
      <c r="BK4335" s="98"/>
      <c r="BL4335" s="97"/>
      <c r="BX4335" s="98"/>
      <c r="CL4335" s="97"/>
      <c r="CX4335" s="98"/>
      <c r="DL4335" s="97"/>
      <c r="DX4335" s="98"/>
      <c r="EL4335" s="97"/>
      <c r="EX4335" s="98"/>
      <c r="EY4335" s="97"/>
      <c r="FL4335" s="126"/>
      <c r="FM4335" s="91"/>
      <c r="FN4335" s="91"/>
      <c r="FO4335" s="91"/>
      <c r="FP4335" s="91"/>
      <c r="FQ4335" s="91"/>
      <c r="FR4335" s="91"/>
      <c r="FS4335" s="91"/>
      <c r="FT4335" s="91"/>
      <c r="FU4335" s="91"/>
      <c r="FV4335" s="91"/>
      <c r="FW4335" s="91"/>
      <c r="FX4335" s="127"/>
      <c r="FY4335" s="126"/>
      <c r="FZ4335" s="91"/>
      <c r="GA4335" s="91"/>
      <c r="GB4335" s="91"/>
      <c r="GC4335" s="91"/>
      <c r="GD4335" s="91"/>
      <c r="GE4335" s="91"/>
      <c r="GF4335" s="91"/>
      <c r="GG4335" s="91"/>
      <c r="GH4335" s="91"/>
      <c r="GI4335" s="91"/>
      <c r="GJ4335" s="91"/>
      <c r="GK4335" s="127"/>
      <c r="GL4335" s="126"/>
      <c r="GM4335" s="91"/>
      <c r="GN4335" s="91"/>
      <c r="GO4335" s="91"/>
      <c r="GP4335" s="91"/>
      <c r="GQ4335" s="91"/>
      <c r="GR4335" s="91"/>
      <c r="GS4335" s="91"/>
      <c r="GT4335" s="91"/>
      <c r="GU4335" s="91"/>
      <c r="GV4335" s="91"/>
      <c r="GW4335" s="91"/>
      <c r="GX4335" s="127"/>
      <c r="GY4335" s="126"/>
      <c r="GZ4335" s="91"/>
      <c r="HA4335" s="91"/>
      <c r="HB4335" s="91"/>
      <c r="HC4335" s="91"/>
      <c r="HD4335" s="91"/>
      <c r="HE4335" s="91"/>
      <c r="HF4335" s="91"/>
      <c r="HG4335" s="91"/>
      <c r="HH4335" s="91"/>
      <c r="HI4335" s="91"/>
      <c r="HJ4335" s="91"/>
      <c r="HK4335" s="127"/>
      <c r="HL4335" s="126"/>
      <c r="HM4335" s="91"/>
      <c r="HN4335" s="91"/>
      <c r="HO4335" s="91"/>
      <c r="HP4335" s="91"/>
      <c r="HQ4335" s="91"/>
      <c r="HR4335" s="91"/>
      <c r="HS4335" s="91"/>
      <c r="HT4335" s="91"/>
      <c r="HU4335" s="91"/>
      <c r="HV4335" s="91"/>
      <c r="HW4335" s="91"/>
      <c r="HX4335" s="127"/>
      <c r="HY4335" s="126"/>
      <c r="HZ4335" s="91"/>
      <c r="IA4335" s="91"/>
      <c r="IB4335" s="91"/>
      <c r="IC4335" s="91"/>
      <c r="ID4335" s="91"/>
      <c r="IE4335" s="91"/>
      <c r="IF4335" s="91"/>
      <c r="IG4335" s="91"/>
      <c r="IH4335" s="91"/>
      <c r="II4335" s="91"/>
      <c r="IJ4335" s="91"/>
      <c r="IK4335" s="174"/>
    </row>
    <row r="4336" spans="2:245" x14ac:dyDescent="0.2">
      <c r="B4336" s="43"/>
      <c r="C4336" s="73"/>
      <c r="D4336" s="64"/>
      <c r="E4336" s="64"/>
      <c r="F4336" s="55"/>
      <c r="G4336" s="102"/>
      <c r="H4336" s="97"/>
      <c r="T4336" s="98"/>
      <c r="U4336" s="97"/>
      <c r="AG4336" s="98"/>
      <c r="AY4336" s="164"/>
      <c r="BK4336" s="98"/>
      <c r="BL4336" s="97"/>
      <c r="BX4336" s="98"/>
      <c r="CL4336" s="97"/>
      <c r="CX4336" s="98"/>
      <c r="DL4336" s="97"/>
      <c r="DX4336" s="98"/>
      <c r="EL4336" s="97"/>
      <c r="EX4336" s="98"/>
      <c r="EY4336" s="97"/>
      <c r="FL4336" s="126"/>
      <c r="FM4336" s="91"/>
      <c r="FN4336" s="91"/>
      <c r="FO4336" s="91"/>
      <c r="FP4336" s="91"/>
      <c r="FQ4336" s="91"/>
      <c r="FR4336" s="91"/>
      <c r="FS4336" s="91"/>
      <c r="FT4336" s="91"/>
      <c r="FU4336" s="91"/>
      <c r="FV4336" s="91"/>
      <c r="FW4336" s="91"/>
      <c r="FX4336" s="127"/>
      <c r="FY4336" s="126"/>
      <c r="FZ4336" s="91"/>
      <c r="GA4336" s="91"/>
      <c r="GB4336" s="91"/>
      <c r="GC4336" s="91"/>
      <c r="GD4336" s="91"/>
      <c r="GE4336" s="91"/>
      <c r="GF4336" s="91"/>
      <c r="GG4336" s="91"/>
      <c r="GH4336" s="91"/>
      <c r="GI4336" s="91"/>
      <c r="GJ4336" s="91"/>
      <c r="GK4336" s="127"/>
      <c r="GL4336" s="126"/>
      <c r="GM4336" s="91"/>
      <c r="GN4336" s="91"/>
      <c r="GO4336" s="91"/>
      <c r="GP4336" s="91"/>
      <c r="GQ4336" s="91"/>
      <c r="GR4336" s="91"/>
      <c r="GS4336" s="91"/>
      <c r="GT4336" s="91"/>
      <c r="GU4336" s="91"/>
      <c r="GV4336" s="91"/>
      <c r="GW4336" s="91"/>
      <c r="GX4336" s="127"/>
      <c r="GY4336" s="126"/>
      <c r="GZ4336" s="91"/>
      <c r="HA4336" s="91"/>
      <c r="HB4336" s="91"/>
      <c r="HC4336" s="91"/>
      <c r="HD4336" s="91"/>
      <c r="HE4336" s="91"/>
      <c r="HF4336" s="91"/>
      <c r="HG4336" s="91"/>
      <c r="HH4336" s="91"/>
      <c r="HI4336" s="91"/>
      <c r="HJ4336" s="91"/>
      <c r="HK4336" s="127"/>
      <c r="HL4336" s="126"/>
      <c r="HM4336" s="91"/>
      <c r="HN4336" s="91"/>
      <c r="HO4336" s="91"/>
      <c r="HP4336" s="91"/>
      <c r="HQ4336" s="91"/>
      <c r="HR4336" s="91"/>
      <c r="HS4336" s="91"/>
      <c r="HT4336" s="91"/>
      <c r="HU4336" s="91"/>
      <c r="HV4336" s="91"/>
      <c r="HW4336" s="91"/>
      <c r="HX4336" s="127"/>
      <c r="HY4336" s="126"/>
      <c r="HZ4336" s="91"/>
      <c r="IA4336" s="91"/>
      <c r="IB4336" s="91"/>
      <c r="IC4336" s="91"/>
      <c r="ID4336" s="91"/>
      <c r="IE4336" s="91"/>
      <c r="IF4336" s="91"/>
      <c r="IG4336" s="91"/>
      <c r="IH4336" s="91"/>
      <c r="II4336" s="91"/>
      <c r="IJ4336" s="91"/>
      <c r="IK4336" s="174"/>
    </row>
    <row r="4337" spans="2:245" x14ac:dyDescent="0.2">
      <c r="B4337" s="43"/>
      <c r="C4337" s="73"/>
      <c r="D4337" s="64"/>
      <c r="E4337" s="64"/>
      <c r="F4337" s="55"/>
      <c r="G4337" s="102"/>
      <c r="H4337" s="97"/>
      <c r="T4337" s="98"/>
      <c r="U4337" s="97"/>
      <c r="AG4337" s="98"/>
      <c r="AY4337" s="164"/>
      <c r="BK4337" s="98"/>
      <c r="BL4337" s="97"/>
      <c r="BX4337" s="98"/>
      <c r="CL4337" s="97"/>
      <c r="CX4337" s="98"/>
      <c r="DL4337" s="97"/>
      <c r="DX4337" s="98"/>
      <c r="EL4337" s="97"/>
      <c r="EX4337" s="98"/>
      <c r="EY4337" s="97"/>
      <c r="FL4337" s="126"/>
      <c r="FM4337" s="91"/>
      <c r="FN4337" s="91"/>
      <c r="FO4337" s="91"/>
      <c r="FP4337" s="91"/>
      <c r="FQ4337" s="91"/>
      <c r="FR4337" s="91"/>
      <c r="FS4337" s="91"/>
      <c r="FT4337" s="91"/>
      <c r="FU4337" s="91"/>
      <c r="FV4337" s="91"/>
      <c r="FW4337" s="91"/>
      <c r="FX4337" s="127"/>
      <c r="FY4337" s="126"/>
      <c r="FZ4337" s="91"/>
      <c r="GA4337" s="91"/>
      <c r="GB4337" s="91"/>
      <c r="GC4337" s="91"/>
      <c r="GD4337" s="91"/>
      <c r="GE4337" s="91"/>
      <c r="GF4337" s="91"/>
      <c r="GG4337" s="91"/>
      <c r="GH4337" s="91"/>
      <c r="GI4337" s="91"/>
      <c r="GJ4337" s="91"/>
      <c r="GK4337" s="127"/>
      <c r="GL4337" s="126"/>
      <c r="GM4337" s="91"/>
      <c r="GN4337" s="91"/>
      <c r="GO4337" s="91"/>
      <c r="GP4337" s="91"/>
      <c r="GQ4337" s="91"/>
      <c r="GR4337" s="91"/>
      <c r="GS4337" s="91"/>
      <c r="GT4337" s="91"/>
      <c r="GU4337" s="91"/>
      <c r="GV4337" s="91"/>
      <c r="GW4337" s="91"/>
      <c r="GX4337" s="127"/>
      <c r="GY4337" s="126"/>
      <c r="GZ4337" s="91"/>
      <c r="HA4337" s="91"/>
      <c r="HB4337" s="91"/>
      <c r="HC4337" s="91"/>
      <c r="HD4337" s="91"/>
      <c r="HE4337" s="91"/>
      <c r="HF4337" s="91"/>
      <c r="HG4337" s="91"/>
      <c r="HH4337" s="91"/>
      <c r="HI4337" s="91"/>
      <c r="HJ4337" s="91"/>
      <c r="HK4337" s="127"/>
      <c r="HL4337" s="126"/>
      <c r="HM4337" s="91"/>
      <c r="HN4337" s="91"/>
      <c r="HO4337" s="91"/>
      <c r="HP4337" s="91"/>
      <c r="HQ4337" s="91"/>
      <c r="HR4337" s="91"/>
      <c r="HS4337" s="91"/>
      <c r="HT4337" s="91"/>
      <c r="HU4337" s="91"/>
      <c r="HV4337" s="91"/>
      <c r="HW4337" s="91"/>
      <c r="HX4337" s="127"/>
      <c r="HY4337" s="126"/>
      <c r="HZ4337" s="91"/>
      <c r="IA4337" s="91"/>
      <c r="IB4337" s="91"/>
      <c r="IC4337" s="91"/>
      <c r="ID4337" s="91"/>
      <c r="IE4337" s="91"/>
      <c r="IF4337" s="91"/>
      <c r="IG4337" s="91"/>
      <c r="IH4337" s="91"/>
      <c r="II4337" s="91"/>
      <c r="IJ4337" s="91"/>
      <c r="IK4337" s="174"/>
    </row>
    <row r="4338" spans="2:245" x14ac:dyDescent="0.2">
      <c r="B4338" s="43"/>
      <c r="C4338" s="73"/>
      <c r="D4338" s="64"/>
      <c r="E4338" s="64"/>
      <c r="F4338" s="55"/>
      <c r="G4338" s="102"/>
      <c r="H4338" s="97"/>
      <c r="T4338" s="98"/>
      <c r="U4338" s="97"/>
      <c r="AG4338" s="98"/>
      <c r="AY4338" s="164"/>
      <c r="BK4338" s="98"/>
      <c r="BL4338" s="97"/>
      <c r="BX4338" s="98"/>
      <c r="CL4338" s="97"/>
      <c r="CX4338" s="98"/>
      <c r="DL4338" s="97"/>
      <c r="DX4338" s="98"/>
      <c r="EL4338" s="97"/>
      <c r="EX4338" s="98"/>
      <c r="EY4338" s="97"/>
      <c r="FL4338" s="126"/>
      <c r="FM4338" s="91"/>
      <c r="FN4338" s="91"/>
      <c r="FO4338" s="91"/>
      <c r="FP4338" s="91"/>
      <c r="FQ4338" s="91"/>
      <c r="FR4338" s="91"/>
      <c r="FS4338" s="91"/>
      <c r="FT4338" s="91"/>
      <c r="FU4338" s="91"/>
      <c r="FV4338" s="91"/>
      <c r="FW4338" s="91"/>
      <c r="FX4338" s="127"/>
      <c r="FY4338" s="126"/>
      <c r="FZ4338" s="91"/>
      <c r="GA4338" s="91"/>
      <c r="GB4338" s="91"/>
      <c r="GC4338" s="91"/>
      <c r="GD4338" s="91"/>
      <c r="GE4338" s="91"/>
      <c r="GF4338" s="91"/>
      <c r="GG4338" s="91"/>
      <c r="GH4338" s="91"/>
      <c r="GI4338" s="91"/>
      <c r="GJ4338" s="91"/>
      <c r="GK4338" s="127"/>
      <c r="GL4338" s="126"/>
      <c r="GM4338" s="91"/>
      <c r="GN4338" s="91"/>
      <c r="GO4338" s="91"/>
      <c r="GP4338" s="91"/>
      <c r="GQ4338" s="91"/>
      <c r="GR4338" s="91"/>
      <c r="GS4338" s="91"/>
      <c r="GT4338" s="91"/>
      <c r="GU4338" s="91"/>
      <c r="GV4338" s="91"/>
      <c r="GW4338" s="91"/>
      <c r="GX4338" s="127"/>
      <c r="GY4338" s="126"/>
      <c r="GZ4338" s="91"/>
      <c r="HA4338" s="91"/>
      <c r="HB4338" s="91"/>
      <c r="HC4338" s="91"/>
      <c r="HD4338" s="91"/>
      <c r="HE4338" s="91"/>
      <c r="HF4338" s="91"/>
      <c r="HG4338" s="91"/>
      <c r="HH4338" s="91"/>
      <c r="HI4338" s="91"/>
      <c r="HJ4338" s="91"/>
      <c r="HK4338" s="127"/>
      <c r="HL4338" s="126"/>
      <c r="HM4338" s="91"/>
      <c r="HN4338" s="91"/>
      <c r="HO4338" s="91"/>
      <c r="HP4338" s="91"/>
      <c r="HQ4338" s="91"/>
      <c r="HR4338" s="91"/>
      <c r="HS4338" s="91"/>
      <c r="HT4338" s="91"/>
      <c r="HU4338" s="91"/>
      <c r="HV4338" s="91"/>
      <c r="HW4338" s="91"/>
      <c r="HX4338" s="127"/>
      <c r="HY4338" s="126"/>
      <c r="HZ4338" s="91"/>
      <c r="IA4338" s="91"/>
      <c r="IB4338" s="91"/>
      <c r="IC4338" s="91"/>
      <c r="ID4338" s="91"/>
      <c r="IE4338" s="91"/>
      <c r="IF4338" s="91"/>
      <c r="IG4338" s="91"/>
      <c r="IH4338" s="91"/>
      <c r="II4338" s="91"/>
      <c r="IJ4338" s="91"/>
      <c r="IK4338" s="174"/>
    </row>
    <row r="4339" spans="2:245" x14ac:dyDescent="0.2">
      <c r="B4339" s="43"/>
      <c r="C4339" s="73"/>
      <c r="D4339" s="64"/>
      <c r="E4339" s="64"/>
      <c r="F4339" s="55"/>
      <c r="G4339" s="102"/>
      <c r="H4339" s="97"/>
      <c r="T4339" s="98"/>
      <c r="U4339" s="97"/>
      <c r="AG4339" s="98"/>
      <c r="AY4339" s="164"/>
      <c r="BK4339" s="98"/>
      <c r="BL4339" s="97"/>
      <c r="BX4339" s="98"/>
      <c r="CL4339" s="97"/>
      <c r="CX4339" s="98"/>
      <c r="DL4339" s="97"/>
      <c r="DX4339" s="98"/>
      <c r="EL4339" s="97"/>
      <c r="EX4339" s="98"/>
      <c r="EY4339" s="97"/>
      <c r="FL4339" s="126"/>
      <c r="FM4339" s="91"/>
      <c r="FN4339" s="91"/>
      <c r="FO4339" s="91"/>
      <c r="FP4339" s="91"/>
      <c r="FQ4339" s="91"/>
      <c r="FR4339" s="91"/>
      <c r="FS4339" s="91"/>
      <c r="FT4339" s="91"/>
      <c r="FU4339" s="91"/>
      <c r="FV4339" s="91"/>
      <c r="FW4339" s="91"/>
      <c r="FX4339" s="127"/>
      <c r="FY4339" s="126"/>
      <c r="FZ4339" s="91"/>
      <c r="GA4339" s="91"/>
      <c r="GB4339" s="91"/>
      <c r="GC4339" s="91"/>
      <c r="GD4339" s="91"/>
      <c r="GE4339" s="91"/>
      <c r="GF4339" s="91"/>
      <c r="GG4339" s="91"/>
      <c r="GH4339" s="91"/>
      <c r="GI4339" s="91"/>
      <c r="GJ4339" s="91"/>
      <c r="GK4339" s="127"/>
      <c r="GL4339" s="126"/>
      <c r="GM4339" s="91"/>
      <c r="GN4339" s="91"/>
      <c r="GO4339" s="91"/>
      <c r="GP4339" s="91"/>
      <c r="GQ4339" s="91"/>
      <c r="GR4339" s="91"/>
      <c r="GS4339" s="91"/>
      <c r="GT4339" s="91"/>
      <c r="GU4339" s="91"/>
      <c r="GV4339" s="91"/>
      <c r="GW4339" s="91"/>
      <c r="GX4339" s="127"/>
      <c r="GY4339" s="126"/>
      <c r="GZ4339" s="91"/>
      <c r="HA4339" s="91"/>
      <c r="HB4339" s="91"/>
      <c r="HC4339" s="91"/>
      <c r="HD4339" s="91"/>
      <c r="HE4339" s="91"/>
      <c r="HF4339" s="91"/>
      <c r="HG4339" s="91"/>
      <c r="HH4339" s="91"/>
      <c r="HI4339" s="91"/>
      <c r="HJ4339" s="91"/>
      <c r="HK4339" s="127"/>
      <c r="HL4339" s="126"/>
      <c r="HM4339" s="91"/>
      <c r="HN4339" s="91"/>
      <c r="HO4339" s="91"/>
      <c r="HP4339" s="91"/>
      <c r="HQ4339" s="91"/>
      <c r="HR4339" s="91"/>
      <c r="HS4339" s="91"/>
      <c r="HT4339" s="91"/>
      <c r="HU4339" s="91"/>
      <c r="HV4339" s="91"/>
      <c r="HW4339" s="91"/>
      <c r="HX4339" s="127"/>
      <c r="HY4339" s="126"/>
      <c r="HZ4339" s="91"/>
      <c r="IA4339" s="91"/>
      <c r="IB4339" s="91"/>
      <c r="IC4339" s="91"/>
      <c r="ID4339" s="91"/>
      <c r="IE4339" s="91"/>
      <c r="IF4339" s="91"/>
      <c r="IG4339" s="91"/>
      <c r="IH4339" s="91"/>
      <c r="II4339" s="91"/>
      <c r="IJ4339" s="91"/>
      <c r="IK4339" s="174"/>
    </row>
    <row r="4340" spans="2:245" x14ac:dyDescent="0.2">
      <c r="B4340" s="43"/>
      <c r="C4340" s="73"/>
      <c r="D4340" s="64"/>
      <c r="E4340" s="64"/>
      <c r="F4340" s="55"/>
      <c r="G4340" s="102"/>
      <c r="H4340" s="97"/>
      <c r="T4340" s="98"/>
      <c r="U4340" s="97"/>
      <c r="AG4340" s="98"/>
      <c r="AY4340" s="164"/>
      <c r="BK4340" s="98"/>
      <c r="BL4340" s="97"/>
      <c r="BX4340" s="98"/>
      <c r="CL4340" s="97"/>
      <c r="CX4340" s="98"/>
      <c r="DL4340" s="97"/>
      <c r="DX4340" s="98"/>
      <c r="EL4340" s="97"/>
      <c r="EX4340" s="98"/>
      <c r="EY4340" s="97"/>
      <c r="FL4340" s="126"/>
      <c r="FM4340" s="91"/>
      <c r="FN4340" s="91"/>
      <c r="FO4340" s="91"/>
      <c r="FP4340" s="91"/>
      <c r="FQ4340" s="91"/>
      <c r="FR4340" s="91"/>
      <c r="FS4340" s="91"/>
      <c r="FT4340" s="91"/>
      <c r="FU4340" s="91"/>
      <c r="FV4340" s="91"/>
      <c r="FW4340" s="91"/>
      <c r="FX4340" s="127"/>
      <c r="FY4340" s="126"/>
      <c r="FZ4340" s="91"/>
      <c r="GA4340" s="91"/>
      <c r="GB4340" s="91"/>
      <c r="GC4340" s="91"/>
      <c r="GD4340" s="91"/>
      <c r="GE4340" s="91"/>
      <c r="GF4340" s="91"/>
      <c r="GG4340" s="91"/>
      <c r="GH4340" s="91"/>
      <c r="GI4340" s="91"/>
      <c r="GJ4340" s="91"/>
      <c r="GK4340" s="127"/>
      <c r="GL4340" s="126"/>
      <c r="GM4340" s="91"/>
      <c r="GN4340" s="91"/>
      <c r="GO4340" s="91"/>
      <c r="GP4340" s="91"/>
      <c r="GQ4340" s="91"/>
      <c r="GR4340" s="91"/>
      <c r="GS4340" s="91"/>
      <c r="GT4340" s="91"/>
      <c r="GU4340" s="91"/>
      <c r="GV4340" s="91"/>
      <c r="GW4340" s="91"/>
      <c r="GX4340" s="127"/>
      <c r="GY4340" s="126"/>
      <c r="GZ4340" s="91"/>
      <c r="HA4340" s="91"/>
      <c r="HB4340" s="91"/>
      <c r="HC4340" s="91"/>
      <c r="HD4340" s="91"/>
      <c r="HE4340" s="91"/>
      <c r="HF4340" s="91"/>
      <c r="HG4340" s="91"/>
      <c r="HH4340" s="91"/>
      <c r="HI4340" s="91"/>
      <c r="HJ4340" s="91"/>
      <c r="HK4340" s="127"/>
      <c r="HL4340" s="126"/>
      <c r="HM4340" s="91"/>
      <c r="HN4340" s="91"/>
      <c r="HO4340" s="91"/>
      <c r="HP4340" s="91"/>
      <c r="HQ4340" s="91"/>
      <c r="HR4340" s="91"/>
      <c r="HS4340" s="91"/>
      <c r="HT4340" s="91"/>
      <c r="HU4340" s="91"/>
      <c r="HV4340" s="91"/>
      <c r="HW4340" s="91"/>
      <c r="HX4340" s="127"/>
      <c r="HY4340" s="126"/>
      <c r="HZ4340" s="91"/>
      <c r="IA4340" s="91"/>
      <c r="IB4340" s="91"/>
      <c r="IC4340" s="91"/>
      <c r="ID4340" s="91"/>
      <c r="IE4340" s="91"/>
      <c r="IF4340" s="91"/>
      <c r="IG4340" s="91"/>
      <c r="IH4340" s="91"/>
      <c r="II4340" s="91"/>
      <c r="IJ4340" s="91"/>
      <c r="IK4340" s="174"/>
    </row>
    <row r="4341" spans="2:245" x14ac:dyDescent="0.2">
      <c r="B4341" s="43"/>
      <c r="C4341" s="73"/>
      <c r="D4341" s="64"/>
      <c r="E4341" s="64"/>
      <c r="F4341" s="55"/>
      <c r="G4341" s="102"/>
      <c r="H4341" s="97"/>
      <c r="T4341" s="98"/>
      <c r="U4341" s="97"/>
      <c r="AG4341" s="98"/>
      <c r="AY4341" s="164"/>
      <c r="BK4341" s="98"/>
      <c r="BL4341" s="97"/>
      <c r="BX4341" s="98"/>
      <c r="CL4341" s="97"/>
      <c r="CX4341" s="98"/>
      <c r="DL4341" s="97"/>
      <c r="DX4341" s="98"/>
      <c r="EL4341" s="97"/>
      <c r="EX4341" s="98"/>
      <c r="EY4341" s="97"/>
      <c r="FL4341" s="126"/>
      <c r="FM4341" s="91"/>
      <c r="FN4341" s="91"/>
      <c r="FO4341" s="91"/>
      <c r="FP4341" s="91"/>
      <c r="FQ4341" s="91"/>
      <c r="FR4341" s="91"/>
      <c r="FS4341" s="91"/>
      <c r="FT4341" s="91"/>
      <c r="FU4341" s="91"/>
      <c r="FV4341" s="91"/>
      <c r="FW4341" s="91"/>
      <c r="FX4341" s="127"/>
      <c r="FY4341" s="126"/>
      <c r="FZ4341" s="91"/>
      <c r="GA4341" s="91"/>
      <c r="GB4341" s="91"/>
      <c r="GC4341" s="91"/>
      <c r="GD4341" s="91"/>
      <c r="GE4341" s="91"/>
      <c r="GF4341" s="91"/>
      <c r="GG4341" s="91"/>
      <c r="GH4341" s="91"/>
      <c r="GI4341" s="91"/>
      <c r="GJ4341" s="91"/>
      <c r="GK4341" s="127"/>
      <c r="GL4341" s="126"/>
      <c r="GM4341" s="91"/>
      <c r="GN4341" s="91"/>
      <c r="GO4341" s="91"/>
      <c r="GP4341" s="91"/>
      <c r="GQ4341" s="91"/>
      <c r="GR4341" s="91"/>
      <c r="GS4341" s="91"/>
      <c r="GT4341" s="91"/>
      <c r="GU4341" s="91"/>
      <c r="GV4341" s="91"/>
      <c r="GW4341" s="91"/>
      <c r="GX4341" s="127"/>
      <c r="GY4341" s="126"/>
      <c r="GZ4341" s="91"/>
      <c r="HA4341" s="91"/>
      <c r="HB4341" s="91"/>
      <c r="HC4341" s="91"/>
      <c r="HD4341" s="91"/>
      <c r="HE4341" s="91"/>
      <c r="HF4341" s="91"/>
      <c r="HG4341" s="91"/>
      <c r="HH4341" s="91"/>
      <c r="HI4341" s="91"/>
      <c r="HJ4341" s="91"/>
      <c r="HK4341" s="127"/>
      <c r="HL4341" s="126"/>
      <c r="HM4341" s="91"/>
      <c r="HN4341" s="91"/>
      <c r="HO4341" s="91"/>
      <c r="HP4341" s="91"/>
      <c r="HQ4341" s="91"/>
      <c r="HR4341" s="91"/>
      <c r="HS4341" s="91"/>
      <c r="HT4341" s="91"/>
      <c r="HU4341" s="91"/>
      <c r="HV4341" s="91"/>
      <c r="HW4341" s="91"/>
      <c r="HX4341" s="127"/>
      <c r="HY4341" s="126"/>
      <c r="HZ4341" s="91"/>
      <c r="IA4341" s="91"/>
      <c r="IB4341" s="91"/>
      <c r="IC4341" s="91"/>
      <c r="ID4341" s="91"/>
      <c r="IE4341" s="91"/>
      <c r="IF4341" s="91"/>
      <c r="IG4341" s="91"/>
      <c r="IH4341" s="91"/>
      <c r="II4341" s="91"/>
      <c r="IJ4341" s="91"/>
      <c r="IK4341" s="174"/>
    </row>
    <row r="4342" spans="2:245" x14ac:dyDescent="0.2">
      <c r="B4342" s="43"/>
      <c r="C4342" s="73"/>
      <c r="D4342" s="64"/>
      <c r="E4342" s="64"/>
      <c r="F4342" s="55"/>
      <c r="G4342" s="102"/>
      <c r="H4342" s="97"/>
      <c r="T4342" s="98"/>
      <c r="U4342" s="97"/>
      <c r="AG4342" s="98"/>
      <c r="AY4342" s="164"/>
      <c r="BK4342" s="98"/>
      <c r="BL4342" s="97"/>
      <c r="BX4342" s="98"/>
      <c r="CL4342" s="97"/>
      <c r="CX4342" s="98"/>
      <c r="DL4342" s="97"/>
      <c r="DX4342" s="98"/>
      <c r="EL4342" s="97"/>
      <c r="EX4342" s="98"/>
      <c r="EY4342" s="97"/>
      <c r="FL4342" s="126"/>
      <c r="FM4342" s="91"/>
      <c r="FN4342" s="91"/>
      <c r="FO4342" s="91"/>
      <c r="FP4342" s="91"/>
      <c r="FQ4342" s="91"/>
      <c r="FR4342" s="91"/>
      <c r="FS4342" s="91"/>
      <c r="FT4342" s="91"/>
      <c r="FU4342" s="91"/>
      <c r="FV4342" s="91"/>
      <c r="FW4342" s="91"/>
      <c r="FX4342" s="127"/>
      <c r="FY4342" s="126"/>
      <c r="FZ4342" s="91"/>
      <c r="GA4342" s="91"/>
      <c r="GB4342" s="91"/>
      <c r="GC4342" s="91"/>
      <c r="GD4342" s="91"/>
      <c r="GE4342" s="91"/>
      <c r="GF4342" s="91"/>
      <c r="GG4342" s="91"/>
      <c r="GH4342" s="91"/>
      <c r="GI4342" s="91"/>
      <c r="GJ4342" s="91"/>
      <c r="GK4342" s="127"/>
      <c r="GL4342" s="126"/>
      <c r="GM4342" s="91"/>
      <c r="GN4342" s="91"/>
      <c r="GO4342" s="91"/>
      <c r="GP4342" s="91"/>
      <c r="GQ4342" s="91"/>
      <c r="GR4342" s="91"/>
      <c r="GS4342" s="91"/>
      <c r="GT4342" s="91"/>
      <c r="GU4342" s="91"/>
      <c r="GV4342" s="91"/>
      <c r="GW4342" s="91"/>
      <c r="GX4342" s="127"/>
      <c r="GY4342" s="126"/>
      <c r="GZ4342" s="91"/>
      <c r="HA4342" s="91"/>
      <c r="HB4342" s="91"/>
      <c r="HC4342" s="91"/>
      <c r="HD4342" s="91"/>
      <c r="HE4342" s="91"/>
      <c r="HF4342" s="91"/>
      <c r="HG4342" s="91"/>
      <c r="HH4342" s="91"/>
      <c r="HI4342" s="91"/>
      <c r="HJ4342" s="91"/>
      <c r="HK4342" s="127"/>
      <c r="HL4342" s="126"/>
      <c r="HM4342" s="91"/>
      <c r="HN4342" s="91"/>
      <c r="HO4342" s="91"/>
      <c r="HP4342" s="91"/>
      <c r="HQ4342" s="91"/>
      <c r="HR4342" s="91"/>
      <c r="HS4342" s="91"/>
      <c r="HT4342" s="91"/>
      <c r="HU4342" s="91"/>
      <c r="HV4342" s="91"/>
      <c r="HW4342" s="91"/>
      <c r="HX4342" s="127"/>
      <c r="HY4342" s="126"/>
      <c r="HZ4342" s="91"/>
      <c r="IA4342" s="91"/>
      <c r="IB4342" s="91"/>
      <c r="IC4342" s="91"/>
      <c r="ID4342" s="91"/>
      <c r="IE4342" s="91"/>
      <c r="IF4342" s="91"/>
      <c r="IG4342" s="91"/>
      <c r="IH4342" s="91"/>
      <c r="II4342" s="91"/>
      <c r="IJ4342" s="91"/>
      <c r="IK4342" s="174"/>
    </row>
    <row r="4343" spans="2:245" x14ac:dyDescent="0.2">
      <c r="B4343" s="43"/>
      <c r="C4343" s="73"/>
      <c r="D4343" s="64"/>
      <c r="E4343" s="64"/>
      <c r="F4343" s="55"/>
      <c r="G4343" s="102"/>
      <c r="H4343" s="97"/>
      <c r="T4343" s="98"/>
      <c r="U4343" s="97"/>
      <c r="AG4343" s="98"/>
      <c r="AY4343" s="164"/>
      <c r="BK4343" s="98"/>
      <c r="BL4343" s="97"/>
      <c r="BX4343" s="98"/>
      <c r="CL4343" s="97"/>
      <c r="CX4343" s="98"/>
      <c r="DL4343" s="97"/>
      <c r="DX4343" s="98"/>
      <c r="EL4343" s="97"/>
      <c r="EX4343" s="98"/>
      <c r="EY4343" s="97"/>
      <c r="FL4343" s="126"/>
      <c r="FM4343" s="91"/>
      <c r="FN4343" s="91"/>
      <c r="FO4343" s="91"/>
      <c r="FP4343" s="91"/>
      <c r="FQ4343" s="91"/>
      <c r="FR4343" s="91"/>
      <c r="FS4343" s="91"/>
      <c r="FT4343" s="91"/>
      <c r="FU4343" s="91"/>
      <c r="FV4343" s="91"/>
      <c r="FW4343" s="91"/>
      <c r="FX4343" s="127"/>
      <c r="FY4343" s="126"/>
      <c r="FZ4343" s="91"/>
      <c r="GA4343" s="91"/>
      <c r="GB4343" s="91"/>
      <c r="GC4343" s="91"/>
      <c r="GD4343" s="91"/>
      <c r="GE4343" s="91"/>
      <c r="GF4343" s="91"/>
      <c r="GG4343" s="91"/>
      <c r="GH4343" s="91"/>
      <c r="GI4343" s="91"/>
      <c r="GJ4343" s="91"/>
      <c r="GK4343" s="127"/>
      <c r="GL4343" s="126"/>
      <c r="GM4343" s="91"/>
      <c r="GN4343" s="91"/>
      <c r="GO4343" s="91"/>
      <c r="GP4343" s="91"/>
      <c r="GQ4343" s="91"/>
      <c r="GR4343" s="91"/>
      <c r="GS4343" s="91"/>
      <c r="GT4343" s="91"/>
      <c r="GU4343" s="91"/>
      <c r="GV4343" s="91"/>
      <c r="GW4343" s="91"/>
      <c r="GX4343" s="127"/>
      <c r="GY4343" s="126"/>
      <c r="GZ4343" s="91"/>
      <c r="HA4343" s="91"/>
      <c r="HB4343" s="91"/>
      <c r="HC4343" s="91"/>
      <c r="HD4343" s="91"/>
      <c r="HE4343" s="91"/>
      <c r="HF4343" s="91"/>
      <c r="HG4343" s="91"/>
      <c r="HH4343" s="91"/>
      <c r="HI4343" s="91"/>
      <c r="HJ4343" s="91"/>
      <c r="HK4343" s="127"/>
      <c r="HL4343" s="126"/>
      <c r="HM4343" s="91"/>
      <c r="HN4343" s="91"/>
      <c r="HO4343" s="91"/>
      <c r="HP4343" s="91"/>
      <c r="HQ4343" s="91"/>
      <c r="HR4343" s="91"/>
      <c r="HS4343" s="91"/>
      <c r="HT4343" s="91"/>
      <c r="HU4343" s="91"/>
      <c r="HV4343" s="91"/>
      <c r="HW4343" s="91"/>
      <c r="HX4343" s="127"/>
      <c r="HY4343" s="126"/>
      <c r="HZ4343" s="91"/>
      <c r="IA4343" s="91"/>
      <c r="IB4343" s="91"/>
      <c r="IC4343" s="91"/>
      <c r="ID4343" s="91"/>
      <c r="IE4343" s="91"/>
      <c r="IF4343" s="91"/>
      <c r="IG4343" s="91"/>
      <c r="IH4343" s="91"/>
      <c r="II4343" s="91"/>
      <c r="IJ4343" s="91"/>
      <c r="IK4343" s="174"/>
    </row>
    <row r="4344" spans="2:245" x14ac:dyDescent="0.2">
      <c r="B4344" s="43"/>
      <c r="C4344" s="73"/>
      <c r="D4344" s="64"/>
      <c r="E4344" s="64"/>
      <c r="F4344" s="55"/>
      <c r="G4344" s="102"/>
      <c r="H4344" s="97"/>
      <c r="T4344" s="98"/>
      <c r="U4344" s="97"/>
      <c r="AG4344" s="98"/>
      <c r="AY4344" s="164"/>
      <c r="BK4344" s="98"/>
      <c r="BL4344" s="97"/>
      <c r="BX4344" s="98"/>
      <c r="CL4344" s="97"/>
      <c r="CX4344" s="98"/>
      <c r="DL4344" s="97"/>
      <c r="DX4344" s="98"/>
      <c r="EL4344" s="97"/>
      <c r="EX4344" s="98"/>
      <c r="EY4344" s="97"/>
      <c r="FL4344" s="126"/>
      <c r="FM4344" s="91"/>
      <c r="FN4344" s="91"/>
      <c r="FO4344" s="91"/>
      <c r="FP4344" s="91"/>
      <c r="FQ4344" s="91"/>
      <c r="FR4344" s="91"/>
      <c r="FS4344" s="91"/>
      <c r="FT4344" s="91"/>
      <c r="FU4344" s="91"/>
      <c r="FV4344" s="91"/>
      <c r="FW4344" s="91"/>
      <c r="FX4344" s="127"/>
      <c r="FY4344" s="126"/>
      <c r="FZ4344" s="91"/>
      <c r="GA4344" s="91"/>
      <c r="GB4344" s="91"/>
      <c r="GC4344" s="91"/>
      <c r="GD4344" s="91"/>
      <c r="GE4344" s="91"/>
      <c r="GF4344" s="91"/>
      <c r="GG4344" s="91"/>
      <c r="GH4344" s="91"/>
      <c r="GI4344" s="91"/>
      <c r="GJ4344" s="91"/>
      <c r="GK4344" s="127"/>
      <c r="GL4344" s="126"/>
      <c r="GM4344" s="91"/>
      <c r="GN4344" s="91"/>
      <c r="GO4344" s="91"/>
      <c r="GP4344" s="91"/>
      <c r="GQ4344" s="91"/>
      <c r="GR4344" s="91"/>
      <c r="GS4344" s="91"/>
      <c r="GT4344" s="91"/>
      <c r="GU4344" s="91"/>
      <c r="GV4344" s="91"/>
      <c r="GW4344" s="91"/>
      <c r="GX4344" s="127"/>
      <c r="GY4344" s="126"/>
      <c r="GZ4344" s="91"/>
      <c r="HA4344" s="91"/>
      <c r="HB4344" s="91"/>
      <c r="HC4344" s="91"/>
      <c r="HD4344" s="91"/>
      <c r="HE4344" s="91"/>
      <c r="HF4344" s="91"/>
      <c r="HG4344" s="91"/>
      <c r="HH4344" s="91"/>
      <c r="HI4344" s="91"/>
      <c r="HJ4344" s="91"/>
      <c r="HK4344" s="127"/>
      <c r="HL4344" s="126"/>
      <c r="HM4344" s="91"/>
      <c r="HN4344" s="91"/>
      <c r="HO4344" s="91"/>
      <c r="HP4344" s="91"/>
      <c r="HQ4344" s="91"/>
      <c r="HR4344" s="91"/>
      <c r="HS4344" s="91"/>
      <c r="HT4344" s="91"/>
      <c r="HU4344" s="91"/>
      <c r="HV4344" s="91"/>
      <c r="HW4344" s="91"/>
      <c r="HX4344" s="127"/>
      <c r="HY4344" s="126"/>
      <c r="HZ4344" s="91"/>
      <c r="IA4344" s="91"/>
      <c r="IB4344" s="91"/>
      <c r="IC4344" s="91"/>
      <c r="ID4344" s="91"/>
      <c r="IE4344" s="91"/>
      <c r="IF4344" s="91"/>
      <c r="IG4344" s="91"/>
      <c r="IH4344" s="91"/>
      <c r="II4344" s="91"/>
      <c r="IJ4344" s="91"/>
      <c r="IK4344" s="174"/>
    </row>
    <row r="4345" spans="2:245" x14ac:dyDescent="0.2">
      <c r="B4345" s="43"/>
      <c r="C4345" s="73"/>
      <c r="D4345" s="64"/>
      <c r="E4345" s="64"/>
      <c r="F4345" s="55"/>
      <c r="G4345" s="102"/>
      <c r="H4345" s="97"/>
      <c r="T4345" s="98"/>
      <c r="U4345" s="97"/>
      <c r="AG4345" s="98"/>
      <c r="AY4345" s="164"/>
      <c r="BK4345" s="98"/>
      <c r="BL4345" s="97"/>
      <c r="BX4345" s="98"/>
      <c r="CL4345" s="97"/>
      <c r="CX4345" s="98"/>
      <c r="DL4345" s="97"/>
      <c r="DX4345" s="98"/>
      <c r="EL4345" s="97"/>
      <c r="EX4345" s="98"/>
      <c r="EY4345" s="97"/>
      <c r="FL4345" s="126"/>
      <c r="FM4345" s="91"/>
      <c r="FN4345" s="91"/>
      <c r="FO4345" s="91"/>
      <c r="FP4345" s="91"/>
      <c r="FQ4345" s="91"/>
      <c r="FR4345" s="91"/>
      <c r="FS4345" s="91"/>
      <c r="FT4345" s="91"/>
      <c r="FU4345" s="91"/>
      <c r="FV4345" s="91"/>
      <c r="FW4345" s="91"/>
      <c r="FX4345" s="127"/>
      <c r="FY4345" s="126"/>
      <c r="FZ4345" s="91"/>
      <c r="GA4345" s="91"/>
      <c r="GB4345" s="91"/>
      <c r="GC4345" s="91"/>
      <c r="GD4345" s="91"/>
      <c r="GE4345" s="91"/>
      <c r="GF4345" s="91"/>
      <c r="GG4345" s="91"/>
      <c r="GH4345" s="91"/>
      <c r="GI4345" s="91"/>
      <c r="GJ4345" s="91"/>
      <c r="GK4345" s="127"/>
      <c r="GL4345" s="126"/>
      <c r="GM4345" s="91"/>
      <c r="GN4345" s="91"/>
      <c r="GO4345" s="91"/>
      <c r="GP4345" s="91"/>
      <c r="GQ4345" s="91"/>
      <c r="GR4345" s="91"/>
      <c r="GS4345" s="91"/>
      <c r="GT4345" s="91"/>
      <c r="GU4345" s="91"/>
      <c r="GV4345" s="91"/>
      <c r="GW4345" s="91"/>
      <c r="GX4345" s="127"/>
      <c r="GY4345" s="126"/>
      <c r="GZ4345" s="91"/>
      <c r="HA4345" s="91"/>
      <c r="HB4345" s="91"/>
      <c r="HC4345" s="91"/>
      <c r="HD4345" s="91"/>
      <c r="HE4345" s="91"/>
      <c r="HF4345" s="91"/>
      <c r="HG4345" s="91"/>
      <c r="HH4345" s="91"/>
      <c r="HI4345" s="91"/>
      <c r="HJ4345" s="91"/>
      <c r="HK4345" s="127"/>
      <c r="HL4345" s="126"/>
      <c r="HM4345" s="91"/>
      <c r="HN4345" s="91"/>
      <c r="HO4345" s="91"/>
      <c r="HP4345" s="91"/>
      <c r="HQ4345" s="91"/>
      <c r="HR4345" s="91"/>
      <c r="HS4345" s="91"/>
      <c r="HT4345" s="91"/>
      <c r="HU4345" s="91"/>
      <c r="HV4345" s="91"/>
      <c r="HW4345" s="91"/>
      <c r="HX4345" s="127"/>
      <c r="HY4345" s="126"/>
      <c r="HZ4345" s="91"/>
      <c r="IA4345" s="91"/>
      <c r="IB4345" s="91"/>
      <c r="IC4345" s="91"/>
      <c r="ID4345" s="91"/>
      <c r="IE4345" s="91"/>
      <c r="IF4345" s="91"/>
      <c r="IG4345" s="91"/>
      <c r="IH4345" s="91"/>
      <c r="II4345" s="91"/>
      <c r="IJ4345" s="91"/>
      <c r="IK4345" s="174"/>
    </row>
    <row r="4346" spans="2:245" x14ac:dyDescent="0.2">
      <c r="B4346" s="43"/>
      <c r="C4346" s="73"/>
      <c r="D4346" s="64"/>
      <c r="E4346" s="64"/>
      <c r="F4346" s="55"/>
      <c r="G4346" s="102"/>
      <c r="H4346" s="97"/>
      <c r="T4346" s="98"/>
      <c r="U4346" s="97"/>
      <c r="AG4346" s="98"/>
      <c r="AY4346" s="164"/>
      <c r="BK4346" s="98"/>
      <c r="BL4346" s="97"/>
      <c r="BX4346" s="98"/>
      <c r="CL4346" s="97"/>
      <c r="CX4346" s="98"/>
      <c r="DL4346" s="97"/>
      <c r="DX4346" s="98"/>
      <c r="EL4346" s="97"/>
      <c r="EX4346" s="98"/>
      <c r="EY4346" s="97"/>
      <c r="FL4346" s="126"/>
      <c r="FM4346" s="91"/>
      <c r="FN4346" s="91"/>
      <c r="FO4346" s="91"/>
      <c r="FP4346" s="91"/>
      <c r="FQ4346" s="91"/>
      <c r="FR4346" s="91"/>
      <c r="FS4346" s="91"/>
      <c r="FT4346" s="91"/>
      <c r="FU4346" s="91"/>
      <c r="FV4346" s="91"/>
      <c r="FW4346" s="91"/>
      <c r="FX4346" s="127"/>
      <c r="FY4346" s="126"/>
      <c r="FZ4346" s="91"/>
      <c r="GA4346" s="91"/>
      <c r="GB4346" s="91"/>
      <c r="GC4346" s="91"/>
      <c r="GD4346" s="91"/>
      <c r="GE4346" s="91"/>
      <c r="GF4346" s="91"/>
      <c r="GG4346" s="91"/>
      <c r="GH4346" s="91"/>
      <c r="GI4346" s="91"/>
      <c r="GJ4346" s="91"/>
      <c r="GK4346" s="127"/>
      <c r="GL4346" s="126"/>
      <c r="GM4346" s="91"/>
      <c r="GN4346" s="91"/>
      <c r="GO4346" s="91"/>
      <c r="GP4346" s="91"/>
      <c r="GQ4346" s="91"/>
      <c r="GR4346" s="91"/>
      <c r="GS4346" s="91"/>
      <c r="GT4346" s="91"/>
      <c r="GU4346" s="91"/>
      <c r="GV4346" s="91"/>
      <c r="GW4346" s="91"/>
      <c r="GX4346" s="127"/>
      <c r="GY4346" s="126"/>
      <c r="GZ4346" s="91"/>
      <c r="HA4346" s="91"/>
      <c r="HB4346" s="91"/>
      <c r="HC4346" s="91"/>
      <c r="HD4346" s="91"/>
      <c r="HE4346" s="91"/>
      <c r="HF4346" s="91"/>
      <c r="HG4346" s="91"/>
      <c r="HH4346" s="91"/>
      <c r="HI4346" s="91"/>
      <c r="HJ4346" s="91"/>
      <c r="HK4346" s="127"/>
      <c r="HL4346" s="126"/>
      <c r="HM4346" s="91"/>
      <c r="HN4346" s="91"/>
      <c r="HO4346" s="91"/>
      <c r="HP4346" s="91"/>
      <c r="HQ4346" s="91"/>
      <c r="HR4346" s="91"/>
      <c r="HS4346" s="91"/>
      <c r="HT4346" s="91"/>
      <c r="HU4346" s="91"/>
      <c r="HV4346" s="91"/>
      <c r="HW4346" s="91"/>
      <c r="HX4346" s="127"/>
      <c r="HY4346" s="126"/>
      <c r="HZ4346" s="91"/>
      <c r="IA4346" s="91"/>
      <c r="IB4346" s="91"/>
      <c r="IC4346" s="91"/>
      <c r="ID4346" s="91"/>
      <c r="IE4346" s="91"/>
      <c r="IF4346" s="91"/>
      <c r="IG4346" s="91"/>
      <c r="IH4346" s="91"/>
      <c r="II4346" s="91"/>
      <c r="IJ4346" s="91"/>
      <c r="IK4346" s="174"/>
    </row>
    <row r="4347" spans="2:245" x14ac:dyDescent="0.2">
      <c r="B4347" s="43"/>
      <c r="C4347" s="73"/>
      <c r="D4347" s="64"/>
      <c r="E4347" s="64"/>
      <c r="F4347" s="55"/>
      <c r="G4347" s="102"/>
      <c r="H4347" s="97"/>
      <c r="T4347" s="98"/>
      <c r="U4347" s="97"/>
      <c r="AG4347" s="98"/>
      <c r="AY4347" s="164"/>
      <c r="BK4347" s="98"/>
      <c r="BL4347" s="97"/>
      <c r="BX4347" s="98"/>
      <c r="CL4347" s="97"/>
      <c r="CX4347" s="98"/>
      <c r="DL4347" s="97"/>
      <c r="DX4347" s="98"/>
      <c r="EL4347" s="97"/>
      <c r="EX4347" s="98"/>
      <c r="EY4347" s="97"/>
      <c r="FL4347" s="126"/>
      <c r="FM4347" s="91"/>
      <c r="FN4347" s="91"/>
      <c r="FO4347" s="91"/>
      <c r="FP4347" s="91"/>
      <c r="FQ4347" s="91"/>
      <c r="FR4347" s="91"/>
      <c r="FS4347" s="91"/>
      <c r="FT4347" s="91"/>
      <c r="FU4347" s="91"/>
      <c r="FV4347" s="91"/>
      <c r="FW4347" s="91"/>
      <c r="FX4347" s="127"/>
      <c r="FY4347" s="126"/>
      <c r="FZ4347" s="91"/>
      <c r="GA4347" s="91"/>
      <c r="GB4347" s="91"/>
      <c r="GC4347" s="91"/>
      <c r="GD4347" s="91"/>
      <c r="GE4347" s="91"/>
      <c r="GF4347" s="91"/>
      <c r="GG4347" s="91"/>
      <c r="GH4347" s="91"/>
      <c r="GI4347" s="91"/>
      <c r="GJ4347" s="91"/>
      <c r="GK4347" s="127"/>
      <c r="GL4347" s="126"/>
      <c r="GM4347" s="91"/>
      <c r="GN4347" s="91"/>
      <c r="GO4347" s="91"/>
      <c r="GP4347" s="91"/>
      <c r="GQ4347" s="91"/>
      <c r="GR4347" s="91"/>
      <c r="GS4347" s="91"/>
      <c r="GT4347" s="91"/>
      <c r="GU4347" s="91"/>
      <c r="GV4347" s="91"/>
      <c r="GW4347" s="91"/>
      <c r="GX4347" s="127"/>
      <c r="GY4347" s="126"/>
      <c r="GZ4347" s="91"/>
      <c r="HA4347" s="91"/>
      <c r="HB4347" s="91"/>
      <c r="HC4347" s="91"/>
      <c r="HD4347" s="91"/>
      <c r="HE4347" s="91"/>
      <c r="HF4347" s="91"/>
      <c r="HG4347" s="91"/>
      <c r="HH4347" s="91"/>
      <c r="HI4347" s="91"/>
      <c r="HJ4347" s="91"/>
      <c r="HK4347" s="127"/>
      <c r="HL4347" s="126"/>
      <c r="HM4347" s="91"/>
      <c r="HN4347" s="91"/>
      <c r="HO4347" s="91"/>
      <c r="HP4347" s="91"/>
      <c r="HQ4347" s="91"/>
      <c r="HR4347" s="91"/>
      <c r="HS4347" s="91"/>
      <c r="HT4347" s="91"/>
      <c r="HU4347" s="91"/>
      <c r="HV4347" s="91"/>
      <c r="HW4347" s="91"/>
      <c r="HX4347" s="127"/>
      <c r="HY4347" s="126"/>
      <c r="HZ4347" s="91"/>
      <c r="IA4347" s="91"/>
      <c r="IB4347" s="91"/>
      <c r="IC4347" s="91"/>
      <c r="ID4347" s="91"/>
      <c r="IE4347" s="91"/>
      <c r="IF4347" s="91"/>
      <c r="IG4347" s="91"/>
      <c r="IH4347" s="91"/>
      <c r="II4347" s="91"/>
      <c r="IJ4347" s="91"/>
      <c r="IK4347" s="174"/>
    </row>
    <row r="4348" spans="2:245" x14ac:dyDescent="0.2">
      <c r="B4348" s="43"/>
      <c r="C4348" s="73"/>
      <c r="D4348" s="64"/>
      <c r="E4348" s="64"/>
      <c r="F4348" s="55"/>
      <c r="G4348" s="102"/>
      <c r="H4348" s="97"/>
      <c r="T4348" s="98"/>
      <c r="U4348" s="97"/>
      <c r="AG4348" s="98"/>
      <c r="AY4348" s="164"/>
      <c r="BK4348" s="98"/>
      <c r="BL4348" s="97"/>
      <c r="BX4348" s="98"/>
      <c r="CL4348" s="97"/>
      <c r="CX4348" s="98"/>
      <c r="DL4348" s="97"/>
      <c r="DX4348" s="98"/>
      <c r="EL4348" s="97"/>
      <c r="EX4348" s="98"/>
      <c r="EY4348" s="97"/>
      <c r="FL4348" s="126"/>
      <c r="FM4348" s="91"/>
      <c r="FN4348" s="91"/>
      <c r="FO4348" s="91"/>
      <c r="FP4348" s="91"/>
      <c r="FQ4348" s="91"/>
      <c r="FR4348" s="91"/>
      <c r="FS4348" s="91"/>
      <c r="FT4348" s="91"/>
      <c r="FU4348" s="91"/>
      <c r="FV4348" s="91"/>
      <c r="FW4348" s="91"/>
      <c r="FX4348" s="127"/>
      <c r="FY4348" s="126"/>
      <c r="FZ4348" s="91"/>
      <c r="GA4348" s="91"/>
      <c r="GB4348" s="91"/>
      <c r="GC4348" s="91"/>
      <c r="GD4348" s="91"/>
      <c r="GE4348" s="91"/>
      <c r="GF4348" s="91"/>
      <c r="GG4348" s="91"/>
      <c r="GH4348" s="91"/>
      <c r="GI4348" s="91"/>
      <c r="GJ4348" s="91"/>
      <c r="GK4348" s="127"/>
      <c r="GL4348" s="126"/>
      <c r="GM4348" s="91"/>
      <c r="GN4348" s="91"/>
      <c r="GO4348" s="91"/>
      <c r="GP4348" s="91"/>
      <c r="GQ4348" s="91"/>
      <c r="GR4348" s="91"/>
      <c r="GS4348" s="91"/>
      <c r="GT4348" s="91"/>
      <c r="GU4348" s="91"/>
      <c r="GV4348" s="91"/>
      <c r="GW4348" s="91"/>
      <c r="GX4348" s="127"/>
      <c r="GY4348" s="126"/>
      <c r="GZ4348" s="91"/>
      <c r="HA4348" s="91"/>
      <c r="HB4348" s="91"/>
      <c r="HC4348" s="91"/>
      <c r="HD4348" s="91"/>
      <c r="HE4348" s="91"/>
      <c r="HF4348" s="91"/>
      <c r="HG4348" s="91"/>
      <c r="HH4348" s="91"/>
      <c r="HI4348" s="91"/>
      <c r="HJ4348" s="91"/>
      <c r="HK4348" s="127"/>
      <c r="HL4348" s="126"/>
      <c r="HM4348" s="91"/>
      <c r="HN4348" s="91"/>
      <c r="HO4348" s="91"/>
      <c r="HP4348" s="91"/>
      <c r="HQ4348" s="91"/>
      <c r="HR4348" s="91"/>
      <c r="HS4348" s="91"/>
      <c r="HT4348" s="91"/>
      <c r="HU4348" s="91"/>
      <c r="HV4348" s="91"/>
      <c r="HW4348" s="91"/>
      <c r="HX4348" s="127"/>
      <c r="HY4348" s="126"/>
      <c r="HZ4348" s="91"/>
      <c r="IA4348" s="91"/>
      <c r="IB4348" s="91"/>
      <c r="IC4348" s="91"/>
      <c r="ID4348" s="91"/>
      <c r="IE4348" s="91"/>
      <c r="IF4348" s="91"/>
      <c r="IG4348" s="91"/>
      <c r="IH4348" s="91"/>
      <c r="II4348" s="91"/>
      <c r="IJ4348" s="91"/>
      <c r="IK4348" s="174"/>
    </row>
    <row r="4349" spans="2:245" x14ac:dyDescent="0.2">
      <c r="B4349" s="43"/>
      <c r="C4349" s="73"/>
      <c r="D4349" s="64"/>
      <c r="E4349" s="64"/>
      <c r="F4349" s="55"/>
      <c r="G4349" s="102"/>
      <c r="H4349" s="97"/>
      <c r="T4349" s="98"/>
      <c r="U4349" s="97"/>
      <c r="AG4349" s="98"/>
      <c r="AY4349" s="164"/>
      <c r="BK4349" s="98"/>
      <c r="BL4349" s="97"/>
      <c r="BX4349" s="98"/>
      <c r="CL4349" s="97"/>
      <c r="CX4349" s="98"/>
      <c r="DL4349" s="97"/>
      <c r="DX4349" s="98"/>
      <c r="EL4349" s="97"/>
      <c r="EX4349" s="98"/>
      <c r="EY4349" s="97"/>
      <c r="FL4349" s="126"/>
      <c r="FM4349" s="91"/>
      <c r="FN4349" s="91"/>
      <c r="FO4349" s="91"/>
      <c r="FP4349" s="91"/>
      <c r="FQ4349" s="91"/>
      <c r="FR4349" s="91"/>
      <c r="FS4349" s="91"/>
      <c r="FT4349" s="91"/>
      <c r="FU4349" s="91"/>
      <c r="FV4349" s="91"/>
      <c r="FW4349" s="91"/>
      <c r="FX4349" s="127"/>
      <c r="FY4349" s="126"/>
      <c r="FZ4349" s="91"/>
      <c r="GA4349" s="91"/>
      <c r="GB4349" s="91"/>
      <c r="GC4349" s="91"/>
      <c r="GD4349" s="91"/>
      <c r="GE4349" s="91"/>
      <c r="GF4349" s="91"/>
      <c r="GG4349" s="91"/>
      <c r="GH4349" s="91"/>
      <c r="GI4349" s="91"/>
      <c r="GJ4349" s="91"/>
      <c r="GK4349" s="127"/>
      <c r="GL4349" s="126"/>
      <c r="GM4349" s="91"/>
      <c r="GN4349" s="91"/>
      <c r="GO4349" s="91"/>
      <c r="GP4349" s="91"/>
      <c r="GQ4349" s="91"/>
      <c r="GR4349" s="91"/>
      <c r="GS4349" s="91"/>
      <c r="GT4349" s="91"/>
      <c r="GU4349" s="91"/>
      <c r="GV4349" s="91"/>
      <c r="GW4349" s="91"/>
      <c r="GX4349" s="127"/>
      <c r="GY4349" s="126"/>
      <c r="GZ4349" s="91"/>
      <c r="HA4349" s="91"/>
      <c r="HB4349" s="91"/>
      <c r="HC4349" s="91"/>
      <c r="HD4349" s="91"/>
      <c r="HE4349" s="91"/>
      <c r="HF4349" s="91"/>
      <c r="HG4349" s="91"/>
      <c r="HH4349" s="91"/>
      <c r="HI4349" s="91"/>
      <c r="HJ4349" s="91"/>
      <c r="HK4349" s="127"/>
      <c r="HL4349" s="126"/>
      <c r="HM4349" s="91"/>
      <c r="HN4349" s="91"/>
      <c r="HO4349" s="91"/>
      <c r="HP4349" s="91"/>
      <c r="HQ4349" s="91"/>
      <c r="HR4349" s="91"/>
      <c r="HS4349" s="91"/>
      <c r="HT4349" s="91"/>
      <c r="HU4349" s="91"/>
      <c r="HV4349" s="91"/>
      <c r="HW4349" s="91"/>
      <c r="HX4349" s="127"/>
      <c r="HY4349" s="126"/>
      <c r="HZ4349" s="91"/>
      <c r="IA4349" s="91"/>
      <c r="IB4349" s="91"/>
      <c r="IC4349" s="91"/>
      <c r="ID4349" s="91"/>
      <c r="IE4349" s="91"/>
      <c r="IF4349" s="91"/>
      <c r="IG4349" s="91"/>
      <c r="IH4349" s="91"/>
      <c r="II4349" s="91"/>
      <c r="IJ4349" s="91"/>
      <c r="IK4349" s="174"/>
    </row>
    <row r="4350" spans="2:245" x14ac:dyDescent="0.2">
      <c r="B4350" s="43"/>
      <c r="C4350" s="73"/>
      <c r="D4350" s="64"/>
      <c r="E4350" s="64"/>
      <c r="F4350" s="55"/>
      <c r="G4350" s="102"/>
      <c r="H4350" s="97"/>
      <c r="T4350" s="98"/>
      <c r="U4350" s="97"/>
      <c r="AG4350" s="98"/>
      <c r="AY4350" s="164"/>
      <c r="BK4350" s="98"/>
      <c r="BL4350" s="97"/>
      <c r="BX4350" s="98"/>
      <c r="CL4350" s="97"/>
      <c r="CX4350" s="98"/>
      <c r="DL4350" s="97"/>
      <c r="DX4350" s="98"/>
      <c r="EL4350" s="97"/>
      <c r="EX4350" s="98"/>
      <c r="EY4350" s="97"/>
      <c r="FL4350" s="126"/>
      <c r="FM4350" s="91"/>
      <c r="FN4350" s="91"/>
      <c r="FO4350" s="91"/>
      <c r="FP4350" s="91"/>
      <c r="FQ4350" s="91"/>
      <c r="FR4350" s="91"/>
      <c r="FS4350" s="91"/>
      <c r="FT4350" s="91"/>
      <c r="FU4350" s="91"/>
      <c r="FV4350" s="91"/>
      <c r="FW4350" s="91"/>
      <c r="FX4350" s="127"/>
      <c r="FY4350" s="126"/>
      <c r="FZ4350" s="91"/>
      <c r="GA4350" s="91"/>
      <c r="GB4350" s="91"/>
      <c r="GC4350" s="91"/>
      <c r="GD4350" s="91"/>
      <c r="GE4350" s="91"/>
      <c r="GF4350" s="91"/>
      <c r="GG4350" s="91"/>
      <c r="GH4350" s="91"/>
      <c r="GI4350" s="91"/>
      <c r="GJ4350" s="91"/>
      <c r="GK4350" s="127"/>
      <c r="GL4350" s="126"/>
      <c r="GM4350" s="91"/>
      <c r="GN4350" s="91"/>
      <c r="GO4350" s="91"/>
      <c r="GP4350" s="91"/>
      <c r="GQ4350" s="91"/>
      <c r="GR4350" s="91"/>
      <c r="GS4350" s="91"/>
      <c r="GT4350" s="91"/>
      <c r="GU4350" s="91"/>
      <c r="GV4350" s="91"/>
      <c r="GW4350" s="91"/>
      <c r="GX4350" s="127"/>
      <c r="GY4350" s="126"/>
      <c r="GZ4350" s="91"/>
      <c r="HA4350" s="91"/>
      <c r="HB4350" s="91"/>
      <c r="HC4350" s="91"/>
      <c r="HD4350" s="91"/>
      <c r="HE4350" s="91"/>
      <c r="HF4350" s="91"/>
      <c r="HG4350" s="91"/>
      <c r="HH4350" s="91"/>
      <c r="HI4350" s="91"/>
      <c r="HJ4350" s="91"/>
      <c r="HK4350" s="127"/>
      <c r="HL4350" s="126"/>
      <c r="HM4350" s="91"/>
      <c r="HN4350" s="91"/>
      <c r="HO4350" s="91"/>
      <c r="HP4350" s="91"/>
      <c r="HQ4350" s="91"/>
      <c r="HR4350" s="91"/>
      <c r="HS4350" s="91"/>
      <c r="HT4350" s="91"/>
      <c r="HU4350" s="91"/>
      <c r="HV4350" s="91"/>
      <c r="HW4350" s="91"/>
      <c r="HX4350" s="127"/>
      <c r="HY4350" s="126"/>
      <c r="HZ4350" s="91"/>
      <c r="IA4350" s="91"/>
      <c r="IB4350" s="91"/>
      <c r="IC4350" s="91"/>
      <c r="ID4350" s="91"/>
      <c r="IE4350" s="91"/>
      <c r="IF4350" s="91"/>
      <c r="IG4350" s="91"/>
      <c r="IH4350" s="91"/>
      <c r="II4350" s="91"/>
      <c r="IJ4350" s="91"/>
      <c r="IK4350" s="174"/>
    </row>
    <row r="4351" spans="2:245" x14ac:dyDescent="0.2">
      <c r="B4351" s="43"/>
      <c r="C4351" s="73"/>
      <c r="D4351" s="64"/>
      <c r="E4351" s="64"/>
      <c r="F4351" s="55"/>
      <c r="G4351" s="102"/>
      <c r="H4351" s="97"/>
      <c r="T4351" s="98"/>
      <c r="U4351" s="97"/>
      <c r="AG4351" s="98"/>
      <c r="AY4351" s="164"/>
      <c r="BK4351" s="98"/>
      <c r="BL4351" s="97"/>
      <c r="BX4351" s="98"/>
      <c r="CL4351" s="97"/>
      <c r="CX4351" s="98"/>
      <c r="DL4351" s="97"/>
      <c r="DX4351" s="98"/>
      <c r="EL4351" s="97"/>
      <c r="EX4351" s="98"/>
      <c r="EY4351" s="97"/>
      <c r="FL4351" s="126"/>
      <c r="FM4351" s="91"/>
      <c r="FN4351" s="91"/>
      <c r="FO4351" s="91"/>
      <c r="FP4351" s="91"/>
      <c r="FQ4351" s="91"/>
      <c r="FR4351" s="91"/>
      <c r="FS4351" s="91"/>
      <c r="FT4351" s="91"/>
      <c r="FU4351" s="91"/>
      <c r="FV4351" s="91"/>
      <c r="FW4351" s="91"/>
      <c r="FX4351" s="127"/>
      <c r="FY4351" s="126"/>
      <c r="FZ4351" s="91"/>
      <c r="GA4351" s="91"/>
      <c r="GB4351" s="91"/>
      <c r="GC4351" s="91"/>
      <c r="GD4351" s="91"/>
      <c r="GE4351" s="91"/>
      <c r="GF4351" s="91"/>
      <c r="GG4351" s="91"/>
      <c r="GH4351" s="91"/>
      <c r="GI4351" s="91"/>
      <c r="GJ4351" s="91"/>
      <c r="GK4351" s="127"/>
      <c r="GL4351" s="126"/>
      <c r="GM4351" s="91"/>
      <c r="GN4351" s="91"/>
      <c r="GO4351" s="91"/>
      <c r="GP4351" s="91"/>
      <c r="GQ4351" s="91"/>
      <c r="GR4351" s="91"/>
      <c r="GS4351" s="91"/>
      <c r="GT4351" s="91"/>
      <c r="GU4351" s="91"/>
      <c r="GV4351" s="91"/>
      <c r="GW4351" s="91"/>
      <c r="GX4351" s="127"/>
      <c r="GY4351" s="126"/>
      <c r="GZ4351" s="91"/>
      <c r="HA4351" s="91"/>
      <c r="HB4351" s="91"/>
      <c r="HC4351" s="91"/>
      <c r="HD4351" s="91"/>
      <c r="HE4351" s="91"/>
      <c r="HF4351" s="91"/>
      <c r="HG4351" s="91"/>
      <c r="HH4351" s="91"/>
      <c r="HI4351" s="91"/>
      <c r="HJ4351" s="91"/>
      <c r="HK4351" s="127"/>
      <c r="HL4351" s="126"/>
      <c r="HM4351" s="91"/>
      <c r="HN4351" s="91"/>
      <c r="HO4351" s="91"/>
      <c r="HP4351" s="91"/>
      <c r="HQ4351" s="91"/>
      <c r="HR4351" s="91"/>
      <c r="HS4351" s="91"/>
      <c r="HT4351" s="91"/>
      <c r="HU4351" s="91"/>
      <c r="HV4351" s="91"/>
      <c r="HW4351" s="91"/>
      <c r="HX4351" s="127"/>
      <c r="HY4351" s="126"/>
      <c r="HZ4351" s="91"/>
      <c r="IA4351" s="91"/>
      <c r="IB4351" s="91"/>
      <c r="IC4351" s="91"/>
      <c r="ID4351" s="91"/>
      <c r="IE4351" s="91"/>
      <c r="IF4351" s="91"/>
      <c r="IG4351" s="91"/>
      <c r="IH4351" s="91"/>
      <c r="II4351" s="91"/>
      <c r="IJ4351" s="91"/>
      <c r="IK4351" s="174"/>
    </row>
    <row r="4352" spans="2:245" x14ac:dyDescent="0.2">
      <c r="B4352" s="43"/>
      <c r="C4352" s="73"/>
      <c r="D4352" s="64"/>
      <c r="E4352" s="64"/>
      <c r="F4352" s="55"/>
      <c r="G4352" s="102"/>
      <c r="H4352" s="97"/>
      <c r="T4352" s="98"/>
      <c r="U4352" s="97"/>
      <c r="AG4352" s="98"/>
      <c r="AY4352" s="164"/>
      <c r="BK4352" s="98"/>
      <c r="BL4352" s="97"/>
      <c r="BX4352" s="98"/>
      <c r="CL4352" s="97"/>
      <c r="CX4352" s="98"/>
      <c r="DL4352" s="97"/>
      <c r="DX4352" s="98"/>
      <c r="EL4352" s="97"/>
      <c r="EX4352" s="98"/>
      <c r="EY4352" s="97"/>
      <c r="FL4352" s="126"/>
      <c r="FM4352" s="91"/>
      <c r="FN4352" s="91"/>
      <c r="FO4352" s="91"/>
      <c r="FP4352" s="91"/>
      <c r="FQ4352" s="91"/>
      <c r="FR4352" s="91"/>
      <c r="FS4352" s="91"/>
      <c r="FT4352" s="91"/>
      <c r="FU4352" s="91"/>
      <c r="FV4352" s="91"/>
      <c r="FW4352" s="91"/>
      <c r="FX4352" s="127"/>
      <c r="FY4352" s="126"/>
      <c r="FZ4352" s="91"/>
      <c r="GA4352" s="91"/>
      <c r="GB4352" s="91"/>
      <c r="GC4352" s="91"/>
      <c r="GD4352" s="91"/>
      <c r="GE4352" s="91"/>
      <c r="GF4352" s="91"/>
      <c r="GG4352" s="91"/>
      <c r="GH4352" s="91"/>
      <c r="GI4352" s="91"/>
      <c r="GJ4352" s="91"/>
      <c r="GK4352" s="127"/>
      <c r="GL4352" s="126"/>
      <c r="GM4352" s="91"/>
      <c r="GN4352" s="91"/>
      <c r="GO4352" s="91"/>
      <c r="GP4352" s="91"/>
      <c r="GQ4352" s="91"/>
      <c r="GR4352" s="91"/>
      <c r="GS4352" s="91"/>
      <c r="GT4352" s="91"/>
      <c r="GU4352" s="91"/>
      <c r="GV4352" s="91"/>
      <c r="GW4352" s="91"/>
      <c r="GX4352" s="127"/>
      <c r="GY4352" s="126"/>
      <c r="GZ4352" s="91"/>
      <c r="HA4352" s="91"/>
      <c r="HB4352" s="91"/>
      <c r="HC4352" s="91"/>
      <c r="HD4352" s="91"/>
      <c r="HE4352" s="91"/>
      <c r="HF4352" s="91"/>
      <c r="HG4352" s="91"/>
      <c r="HH4352" s="91"/>
      <c r="HI4352" s="91"/>
      <c r="HJ4352" s="91"/>
      <c r="HK4352" s="127"/>
      <c r="HL4352" s="126"/>
      <c r="HM4352" s="91"/>
      <c r="HN4352" s="91"/>
      <c r="HO4352" s="91"/>
      <c r="HP4352" s="91"/>
      <c r="HQ4352" s="91"/>
      <c r="HR4352" s="91"/>
      <c r="HS4352" s="91"/>
      <c r="HT4352" s="91"/>
      <c r="HU4352" s="91"/>
      <c r="HV4352" s="91"/>
      <c r="HW4352" s="91"/>
      <c r="HX4352" s="127"/>
      <c r="HY4352" s="126"/>
      <c r="HZ4352" s="91"/>
      <c r="IA4352" s="91"/>
      <c r="IB4352" s="91"/>
      <c r="IC4352" s="91"/>
      <c r="ID4352" s="91"/>
      <c r="IE4352" s="91"/>
      <c r="IF4352" s="91"/>
      <c r="IG4352" s="91"/>
      <c r="IH4352" s="91"/>
      <c r="II4352" s="91"/>
      <c r="IJ4352" s="91"/>
      <c r="IK4352" s="174"/>
    </row>
    <row r="4353" spans="2:245" x14ac:dyDescent="0.2">
      <c r="B4353" s="43"/>
      <c r="C4353" s="73"/>
      <c r="D4353" s="64"/>
      <c r="E4353" s="64"/>
      <c r="F4353" s="55"/>
      <c r="G4353" s="102"/>
      <c r="H4353" s="97"/>
      <c r="T4353" s="98"/>
      <c r="U4353" s="97"/>
      <c r="AG4353" s="98"/>
      <c r="AY4353" s="164"/>
      <c r="BK4353" s="98"/>
      <c r="BL4353" s="97"/>
      <c r="BX4353" s="98"/>
      <c r="CL4353" s="97"/>
      <c r="CX4353" s="98"/>
      <c r="DL4353" s="97"/>
      <c r="DX4353" s="98"/>
      <c r="EL4353" s="97"/>
      <c r="EX4353" s="98"/>
      <c r="EY4353" s="97"/>
      <c r="FL4353" s="126"/>
      <c r="FM4353" s="91"/>
      <c r="FN4353" s="91"/>
      <c r="FO4353" s="91"/>
      <c r="FP4353" s="91"/>
      <c r="FQ4353" s="91"/>
      <c r="FR4353" s="91"/>
      <c r="FS4353" s="91"/>
      <c r="FT4353" s="91"/>
      <c r="FU4353" s="91"/>
      <c r="FV4353" s="91"/>
      <c r="FW4353" s="91"/>
      <c r="FX4353" s="127"/>
      <c r="FY4353" s="126"/>
      <c r="FZ4353" s="91"/>
      <c r="GA4353" s="91"/>
      <c r="GB4353" s="91"/>
      <c r="GC4353" s="91"/>
      <c r="GD4353" s="91"/>
      <c r="GE4353" s="91"/>
      <c r="GF4353" s="91"/>
      <c r="GG4353" s="91"/>
      <c r="GH4353" s="91"/>
      <c r="GI4353" s="91"/>
      <c r="GJ4353" s="91"/>
      <c r="GK4353" s="127"/>
      <c r="GL4353" s="126"/>
      <c r="GM4353" s="91"/>
      <c r="GN4353" s="91"/>
      <c r="GO4353" s="91"/>
      <c r="GP4353" s="91"/>
      <c r="GQ4353" s="91"/>
      <c r="GR4353" s="91"/>
      <c r="GS4353" s="91"/>
      <c r="GT4353" s="91"/>
      <c r="GU4353" s="91"/>
      <c r="GV4353" s="91"/>
      <c r="GW4353" s="91"/>
      <c r="GX4353" s="127"/>
      <c r="GY4353" s="126"/>
      <c r="GZ4353" s="91"/>
      <c r="HA4353" s="91"/>
      <c r="HB4353" s="91"/>
      <c r="HC4353" s="91"/>
      <c r="HD4353" s="91"/>
      <c r="HE4353" s="91"/>
      <c r="HF4353" s="91"/>
      <c r="HG4353" s="91"/>
      <c r="HH4353" s="91"/>
      <c r="HI4353" s="91"/>
      <c r="HJ4353" s="91"/>
      <c r="HK4353" s="127"/>
      <c r="HL4353" s="126"/>
      <c r="HM4353" s="91"/>
      <c r="HN4353" s="91"/>
      <c r="HO4353" s="91"/>
      <c r="HP4353" s="91"/>
      <c r="HQ4353" s="91"/>
      <c r="HR4353" s="91"/>
      <c r="HS4353" s="91"/>
      <c r="HT4353" s="91"/>
      <c r="HU4353" s="91"/>
      <c r="HV4353" s="91"/>
      <c r="HW4353" s="91"/>
      <c r="HX4353" s="127"/>
      <c r="HY4353" s="126"/>
      <c r="HZ4353" s="91"/>
      <c r="IA4353" s="91"/>
      <c r="IB4353" s="91"/>
      <c r="IC4353" s="91"/>
      <c r="ID4353" s="91"/>
      <c r="IE4353" s="91"/>
      <c r="IF4353" s="91"/>
      <c r="IG4353" s="91"/>
      <c r="IH4353" s="91"/>
      <c r="II4353" s="91"/>
      <c r="IJ4353" s="91"/>
      <c r="IK4353" s="174"/>
    </row>
    <row r="4354" spans="2:245" x14ac:dyDescent="0.2">
      <c r="B4354" s="43"/>
      <c r="C4354" s="73"/>
      <c r="D4354" s="64"/>
      <c r="E4354" s="64"/>
      <c r="F4354" s="55"/>
      <c r="G4354" s="102"/>
      <c r="H4354" s="97"/>
      <c r="T4354" s="98"/>
      <c r="U4354" s="97"/>
      <c r="AG4354" s="98"/>
      <c r="AY4354" s="164"/>
      <c r="BK4354" s="98"/>
      <c r="BL4354" s="97"/>
      <c r="BX4354" s="98"/>
      <c r="CL4354" s="97"/>
      <c r="CX4354" s="98"/>
      <c r="DL4354" s="97"/>
      <c r="DX4354" s="98"/>
      <c r="EL4354" s="97"/>
      <c r="EX4354" s="98"/>
      <c r="EY4354" s="97"/>
      <c r="FL4354" s="126"/>
      <c r="FM4354" s="91"/>
      <c r="FN4354" s="91"/>
      <c r="FO4354" s="91"/>
      <c r="FP4354" s="91"/>
      <c r="FQ4354" s="91"/>
      <c r="FR4354" s="91"/>
      <c r="FS4354" s="91"/>
      <c r="FT4354" s="91"/>
      <c r="FU4354" s="91"/>
      <c r="FV4354" s="91"/>
      <c r="FW4354" s="91"/>
      <c r="FX4354" s="127"/>
      <c r="FY4354" s="126"/>
      <c r="FZ4354" s="91"/>
      <c r="GA4354" s="91"/>
      <c r="GB4354" s="91"/>
      <c r="GC4354" s="91"/>
      <c r="GD4354" s="91"/>
      <c r="GE4354" s="91"/>
      <c r="GF4354" s="91"/>
      <c r="GG4354" s="91"/>
      <c r="GH4354" s="91"/>
      <c r="GI4354" s="91"/>
      <c r="GJ4354" s="91"/>
      <c r="GK4354" s="127"/>
      <c r="GL4354" s="126"/>
      <c r="GM4354" s="91"/>
      <c r="GN4354" s="91"/>
      <c r="GO4354" s="91"/>
      <c r="GP4354" s="91"/>
      <c r="GQ4354" s="91"/>
      <c r="GR4354" s="91"/>
      <c r="GS4354" s="91"/>
      <c r="GT4354" s="91"/>
      <c r="GU4354" s="91"/>
      <c r="GV4354" s="91"/>
      <c r="GW4354" s="91"/>
      <c r="GX4354" s="127"/>
      <c r="GY4354" s="126"/>
      <c r="GZ4354" s="91"/>
      <c r="HA4354" s="91"/>
      <c r="HB4354" s="91"/>
      <c r="HC4354" s="91"/>
      <c r="HD4354" s="91"/>
      <c r="HE4354" s="91"/>
      <c r="HF4354" s="91"/>
      <c r="HG4354" s="91"/>
      <c r="HH4354" s="91"/>
      <c r="HI4354" s="91"/>
      <c r="HJ4354" s="91"/>
      <c r="HK4354" s="127"/>
      <c r="HL4354" s="126"/>
      <c r="HM4354" s="91"/>
      <c r="HN4354" s="91"/>
      <c r="HO4354" s="91"/>
      <c r="HP4354" s="91"/>
      <c r="HQ4354" s="91"/>
      <c r="HR4354" s="91"/>
      <c r="HS4354" s="91"/>
      <c r="HT4354" s="91"/>
      <c r="HU4354" s="91"/>
      <c r="HV4354" s="91"/>
      <c r="HW4354" s="91"/>
      <c r="HX4354" s="127"/>
      <c r="HY4354" s="126"/>
      <c r="HZ4354" s="91"/>
      <c r="IA4354" s="91"/>
      <c r="IB4354" s="91"/>
      <c r="IC4354" s="91"/>
      <c r="ID4354" s="91"/>
      <c r="IE4354" s="91"/>
      <c r="IF4354" s="91"/>
      <c r="IG4354" s="91"/>
      <c r="IH4354" s="91"/>
      <c r="II4354" s="91"/>
      <c r="IJ4354" s="91"/>
      <c r="IK4354" s="174"/>
    </row>
    <row r="4355" spans="2:245" x14ac:dyDescent="0.2">
      <c r="B4355" s="43"/>
      <c r="C4355" s="73"/>
      <c r="D4355" s="64"/>
      <c r="E4355" s="64"/>
      <c r="F4355" s="55"/>
      <c r="G4355" s="102"/>
      <c r="H4355" s="97"/>
      <c r="T4355" s="98"/>
      <c r="U4355" s="97"/>
      <c r="AG4355" s="98"/>
      <c r="AY4355" s="164"/>
      <c r="BK4355" s="98"/>
      <c r="BL4355" s="97"/>
      <c r="BX4355" s="98"/>
      <c r="CL4355" s="97"/>
      <c r="CX4355" s="98"/>
      <c r="DL4355" s="97"/>
      <c r="DX4355" s="98"/>
      <c r="EL4355" s="97"/>
      <c r="EX4355" s="98"/>
      <c r="EY4355" s="97"/>
      <c r="FL4355" s="126"/>
      <c r="FM4355" s="91"/>
      <c r="FN4355" s="91"/>
      <c r="FO4355" s="91"/>
      <c r="FP4355" s="91"/>
      <c r="FQ4355" s="91"/>
      <c r="FR4355" s="91"/>
      <c r="FS4355" s="91"/>
      <c r="FT4355" s="91"/>
      <c r="FU4355" s="91"/>
      <c r="FV4355" s="91"/>
      <c r="FW4355" s="91"/>
      <c r="FX4355" s="127"/>
      <c r="FY4355" s="126"/>
      <c r="FZ4355" s="91"/>
      <c r="GA4355" s="91"/>
      <c r="GB4355" s="91"/>
      <c r="GC4355" s="91"/>
      <c r="GD4355" s="91"/>
      <c r="GE4355" s="91"/>
      <c r="GF4355" s="91"/>
      <c r="GG4355" s="91"/>
      <c r="GH4355" s="91"/>
      <c r="GI4355" s="91"/>
      <c r="GJ4355" s="91"/>
      <c r="GK4355" s="127"/>
      <c r="GL4355" s="126"/>
      <c r="GM4355" s="91"/>
      <c r="GN4355" s="91"/>
      <c r="GO4355" s="91"/>
      <c r="GP4355" s="91"/>
      <c r="GQ4355" s="91"/>
      <c r="GR4355" s="91"/>
      <c r="GS4355" s="91"/>
      <c r="GT4355" s="91"/>
      <c r="GU4355" s="91"/>
      <c r="GV4355" s="91"/>
      <c r="GW4355" s="91"/>
      <c r="GX4355" s="127"/>
      <c r="GY4355" s="126"/>
      <c r="GZ4355" s="91"/>
      <c r="HA4355" s="91"/>
      <c r="HB4355" s="91"/>
      <c r="HC4355" s="91"/>
      <c r="HD4355" s="91"/>
      <c r="HE4355" s="91"/>
      <c r="HF4355" s="91"/>
      <c r="HG4355" s="91"/>
      <c r="HH4355" s="91"/>
      <c r="HI4355" s="91"/>
      <c r="HJ4355" s="91"/>
      <c r="HK4355" s="127"/>
      <c r="HL4355" s="126"/>
      <c r="HM4355" s="91"/>
      <c r="HN4355" s="91"/>
      <c r="HO4355" s="91"/>
      <c r="HP4355" s="91"/>
      <c r="HQ4355" s="91"/>
      <c r="HR4355" s="91"/>
      <c r="HS4355" s="91"/>
      <c r="HT4355" s="91"/>
      <c r="HU4355" s="91"/>
      <c r="HV4355" s="91"/>
      <c r="HW4355" s="91"/>
      <c r="HX4355" s="127"/>
      <c r="HY4355" s="126"/>
      <c r="HZ4355" s="91"/>
      <c r="IA4355" s="91"/>
      <c r="IB4355" s="91"/>
      <c r="IC4355" s="91"/>
      <c r="ID4355" s="91"/>
      <c r="IE4355" s="91"/>
      <c r="IF4355" s="91"/>
      <c r="IG4355" s="91"/>
      <c r="IH4355" s="91"/>
      <c r="II4355" s="91"/>
      <c r="IJ4355" s="91"/>
      <c r="IK4355" s="174"/>
    </row>
    <row r="4356" spans="2:245" x14ac:dyDescent="0.2">
      <c r="B4356" s="43"/>
      <c r="C4356" s="73"/>
      <c r="D4356" s="64"/>
      <c r="E4356" s="64"/>
      <c r="F4356" s="55"/>
      <c r="G4356" s="102"/>
      <c r="H4356" s="97"/>
      <c r="T4356" s="98"/>
      <c r="U4356" s="97"/>
      <c r="AG4356" s="98"/>
      <c r="AY4356" s="164"/>
      <c r="BK4356" s="98"/>
      <c r="BL4356" s="97"/>
      <c r="BX4356" s="98"/>
      <c r="CL4356" s="97"/>
      <c r="CX4356" s="98"/>
      <c r="DL4356" s="97"/>
      <c r="DX4356" s="98"/>
      <c r="EL4356" s="97"/>
      <c r="EX4356" s="98"/>
      <c r="EY4356" s="97"/>
      <c r="FL4356" s="126"/>
      <c r="FM4356" s="91"/>
      <c r="FN4356" s="91"/>
      <c r="FO4356" s="91"/>
      <c r="FP4356" s="91"/>
      <c r="FQ4356" s="91"/>
      <c r="FR4356" s="91"/>
      <c r="FS4356" s="91"/>
      <c r="FT4356" s="91"/>
      <c r="FU4356" s="91"/>
      <c r="FV4356" s="91"/>
      <c r="FW4356" s="91"/>
      <c r="FX4356" s="127"/>
      <c r="FY4356" s="126"/>
      <c r="FZ4356" s="91"/>
      <c r="GA4356" s="91"/>
      <c r="GB4356" s="91"/>
      <c r="GC4356" s="91"/>
      <c r="GD4356" s="91"/>
      <c r="GE4356" s="91"/>
      <c r="GF4356" s="91"/>
      <c r="GG4356" s="91"/>
      <c r="GH4356" s="91"/>
      <c r="GI4356" s="91"/>
      <c r="GJ4356" s="91"/>
      <c r="GK4356" s="127"/>
      <c r="GL4356" s="126"/>
      <c r="GM4356" s="91"/>
      <c r="GN4356" s="91"/>
      <c r="GO4356" s="91"/>
      <c r="GP4356" s="91"/>
      <c r="GQ4356" s="91"/>
      <c r="GR4356" s="91"/>
      <c r="GS4356" s="91"/>
      <c r="GT4356" s="91"/>
      <c r="GU4356" s="91"/>
      <c r="GV4356" s="91"/>
      <c r="GW4356" s="91"/>
      <c r="GX4356" s="127"/>
      <c r="GY4356" s="126"/>
      <c r="GZ4356" s="91"/>
      <c r="HA4356" s="91"/>
      <c r="HB4356" s="91"/>
      <c r="HC4356" s="91"/>
      <c r="HD4356" s="91"/>
      <c r="HE4356" s="91"/>
      <c r="HF4356" s="91"/>
      <c r="HG4356" s="91"/>
      <c r="HH4356" s="91"/>
      <c r="HI4356" s="91"/>
      <c r="HJ4356" s="91"/>
      <c r="HK4356" s="127"/>
      <c r="HL4356" s="126"/>
      <c r="HM4356" s="91"/>
      <c r="HN4356" s="91"/>
      <c r="HO4356" s="91"/>
      <c r="HP4356" s="91"/>
      <c r="HQ4356" s="91"/>
      <c r="HR4356" s="91"/>
      <c r="HS4356" s="91"/>
      <c r="HT4356" s="91"/>
      <c r="HU4356" s="91"/>
      <c r="HV4356" s="91"/>
      <c r="HW4356" s="91"/>
      <c r="HX4356" s="127"/>
      <c r="HY4356" s="126"/>
      <c r="HZ4356" s="91"/>
      <c r="IA4356" s="91"/>
      <c r="IB4356" s="91"/>
      <c r="IC4356" s="91"/>
      <c r="ID4356" s="91"/>
      <c r="IE4356" s="91"/>
      <c r="IF4356" s="91"/>
      <c r="IG4356" s="91"/>
      <c r="IH4356" s="91"/>
      <c r="II4356" s="91"/>
      <c r="IJ4356" s="91"/>
      <c r="IK4356" s="174"/>
    </row>
    <row r="4357" spans="2:245" x14ac:dyDescent="0.2">
      <c r="B4357" s="43"/>
      <c r="C4357" s="73"/>
      <c r="D4357" s="64"/>
      <c r="E4357" s="64"/>
      <c r="F4357" s="55"/>
      <c r="G4357" s="102"/>
      <c r="H4357" s="97"/>
      <c r="T4357" s="98"/>
      <c r="U4357" s="97"/>
      <c r="AG4357" s="98"/>
      <c r="AY4357" s="164"/>
      <c r="BK4357" s="98"/>
      <c r="BL4357" s="97"/>
      <c r="BX4357" s="98"/>
      <c r="CL4357" s="97"/>
      <c r="CX4357" s="98"/>
      <c r="DL4357" s="97"/>
      <c r="DX4357" s="98"/>
      <c r="EL4357" s="97"/>
      <c r="EX4357" s="98"/>
      <c r="EY4357" s="97"/>
      <c r="FL4357" s="126"/>
      <c r="FM4357" s="91"/>
      <c r="FN4357" s="91"/>
      <c r="FO4357" s="91"/>
      <c r="FP4357" s="91"/>
      <c r="FQ4357" s="91"/>
      <c r="FR4357" s="91"/>
      <c r="FS4357" s="91"/>
      <c r="FT4357" s="91"/>
      <c r="FU4357" s="91"/>
      <c r="FV4357" s="91"/>
      <c r="FW4357" s="91"/>
      <c r="FX4357" s="127"/>
      <c r="FY4357" s="126"/>
      <c r="FZ4357" s="91"/>
      <c r="GA4357" s="91"/>
      <c r="GB4357" s="91"/>
      <c r="GC4357" s="91"/>
      <c r="GD4357" s="91"/>
      <c r="GE4357" s="91"/>
      <c r="GF4357" s="91"/>
      <c r="GG4357" s="91"/>
      <c r="GH4357" s="91"/>
      <c r="GI4357" s="91"/>
      <c r="GJ4357" s="91"/>
      <c r="GK4357" s="127"/>
      <c r="GL4357" s="126"/>
      <c r="GM4357" s="91"/>
      <c r="GN4357" s="91"/>
      <c r="GO4357" s="91"/>
      <c r="GP4357" s="91"/>
      <c r="GQ4357" s="91"/>
      <c r="GR4357" s="91"/>
      <c r="GS4357" s="91"/>
      <c r="GT4357" s="91"/>
      <c r="GU4357" s="91"/>
      <c r="GV4357" s="91"/>
      <c r="GW4357" s="91"/>
      <c r="GX4357" s="127"/>
      <c r="GY4357" s="126"/>
      <c r="GZ4357" s="91"/>
      <c r="HA4357" s="91"/>
      <c r="HB4357" s="91"/>
      <c r="HC4357" s="91"/>
      <c r="HD4357" s="91"/>
      <c r="HE4357" s="91"/>
      <c r="HF4357" s="91"/>
      <c r="HG4357" s="91"/>
      <c r="HH4357" s="91"/>
      <c r="HI4357" s="91"/>
      <c r="HJ4357" s="91"/>
      <c r="HK4357" s="127"/>
      <c r="HL4357" s="126"/>
      <c r="HM4357" s="91"/>
      <c r="HN4357" s="91"/>
      <c r="HO4357" s="91"/>
      <c r="HP4357" s="91"/>
      <c r="HQ4357" s="91"/>
      <c r="HR4357" s="91"/>
      <c r="HS4357" s="91"/>
      <c r="HT4357" s="91"/>
      <c r="HU4357" s="91"/>
      <c r="HV4357" s="91"/>
      <c r="HW4357" s="91"/>
      <c r="HX4357" s="127"/>
      <c r="HY4357" s="126"/>
      <c r="HZ4357" s="91"/>
      <c r="IA4357" s="91"/>
      <c r="IB4357" s="91"/>
      <c r="IC4357" s="91"/>
      <c r="ID4357" s="91"/>
      <c r="IE4357" s="91"/>
      <c r="IF4357" s="91"/>
      <c r="IG4357" s="91"/>
      <c r="IH4357" s="91"/>
      <c r="II4357" s="91"/>
      <c r="IJ4357" s="91"/>
      <c r="IK4357" s="174"/>
    </row>
    <row r="4358" spans="2:245" x14ac:dyDescent="0.2">
      <c r="B4358" s="43"/>
      <c r="C4358" s="73"/>
      <c r="D4358" s="64"/>
      <c r="E4358" s="64"/>
      <c r="F4358" s="55"/>
      <c r="G4358" s="102"/>
      <c r="H4358" s="97"/>
      <c r="T4358" s="98"/>
      <c r="U4358" s="97"/>
      <c r="AG4358" s="98"/>
      <c r="AY4358" s="164"/>
      <c r="BK4358" s="98"/>
      <c r="BL4358" s="97"/>
      <c r="BX4358" s="98"/>
      <c r="CL4358" s="97"/>
      <c r="CX4358" s="98"/>
      <c r="DL4358" s="97"/>
      <c r="DX4358" s="98"/>
      <c r="EL4358" s="97"/>
      <c r="EX4358" s="98"/>
      <c r="EY4358" s="97"/>
      <c r="FL4358" s="126"/>
      <c r="FM4358" s="91"/>
      <c r="FN4358" s="91"/>
      <c r="FO4358" s="91"/>
      <c r="FP4358" s="91"/>
      <c r="FQ4358" s="91"/>
      <c r="FR4358" s="91"/>
      <c r="FS4358" s="91"/>
      <c r="FT4358" s="91"/>
      <c r="FU4358" s="91"/>
      <c r="FV4358" s="91"/>
      <c r="FW4358" s="91"/>
      <c r="FX4358" s="127"/>
      <c r="FY4358" s="126"/>
      <c r="FZ4358" s="91"/>
      <c r="GA4358" s="91"/>
      <c r="GB4358" s="91"/>
      <c r="GC4358" s="91"/>
      <c r="GD4358" s="91"/>
      <c r="GE4358" s="91"/>
      <c r="GF4358" s="91"/>
      <c r="GG4358" s="91"/>
      <c r="GH4358" s="91"/>
      <c r="GI4358" s="91"/>
      <c r="GJ4358" s="91"/>
      <c r="GK4358" s="127"/>
      <c r="GL4358" s="126"/>
      <c r="GM4358" s="91"/>
      <c r="GN4358" s="91"/>
      <c r="GO4358" s="91"/>
      <c r="GP4358" s="91"/>
      <c r="GQ4358" s="91"/>
      <c r="GR4358" s="91"/>
      <c r="GS4358" s="91"/>
      <c r="GT4358" s="91"/>
      <c r="GU4358" s="91"/>
      <c r="GV4358" s="91"/>
      <c r="GW4358" s="91"/>
      <c r="GX4358" s="127"/>
      <c r="GY4358" s="126"/>
      <c r="GZ4358" s="91"/>
      <c r="HA4358" s="91"/>
      <c r="HB4358" s="91"/>
      <c r="HC4358" s="91"/>
      <c r="HD4358" s="91"/>
      <c r="HE4358" s="91"/>
      <c r="HF4358" s="91"/>
      <c r="HG4358" s="91"/>
      <c r="HH4358" s="91"/>
      <c r="HI4358" s="91"/>
      <c r="HJ4358" s="91"/>
      <c r="HK4358" s="127"/>
      <c r="HL4358" s="126"/>
      <c r="HM4358" s="91"/>
      <c r="HN4358" s="91"/>
      <c r="HO4358" s="91"/>
      <c r="HP4358" s="91"/>
      <c r="HQ4358" s="91"/>
      <c r="HR4358" s="91"/>
      <c r="HS4358" s="91"/>
      <c r="HT4358" s="91"/>
      <c r="HU4358" s="91"/>
      <c r="HV4358" s="91"/>
      <c r="HW4358" s="91"/>
      <c r="HX4358" s="127"/>
      <c r="HY4358" s="126"/>
      <c r="HZ4358" s="91"/>
      <c r="IA4358" s="91"/>
      <c r="IB4358" s="91"/>
      <c r="IC4358" s="91"/>
      <c r="ID4358" s="91"/>
      <c r="IE4358" s="91"/>
      <c r="IF4358" s="91"/>
      <c r="IG4358" s="91"/>
      <c r="IH4358" s="91"/>
      <c r="II4358" s="91"/>
      <c r="IJ4358" s="91"/>
      <c r="IK4358" s="174"/>
    </row>
    <row r="4359" spans="2:245" x14ac:dyDescent="0.2">
      <c r="B4359" s="43"/>
      <c r="C4359" s="73"/>
      <c r="D4359" s="64"/>
      <c r="E4359" s="64"/>
      <c r="F4359" s="55"/>
      <c r="G4359" s="102"/>
      <c r="H4359" s="97"/>
      <c r="T4359" s="98"/>
      <c r="U4359" s="97"/>
      <c r="AG4359" s="98"/>
      <c r="AY4359" s="164"/>
      <c r="BK4359" s="98"/>
      <c r="BL4359" s="97"/>
      <c r="BX4359" s="98"/>
      <c r="CL4359" s="97"/>
      <c r="CX4359" s="98"/>
      <c r="DL4359" s="97"/>
      <c r="DX4359" s="98"/>
      <c r="EL4359" s="97"/>
      <c r="EX4359" s="98"/>
      <c r="EY4359" s="97"/>
      <c r="FL4359" s="126"/>
      <c r="FM4359" s="91"/>
      <c r="FN4359" s="91"/>
      <c r="FO4359" s="91"/>
      <c r="FP4359" s="91"/>
      <c r="FQ4359" s="91"/>
      <c r="FR4359" s="91"/>
      <c r="FS4359" s="91"/>
      <c r="FT4359" s="91"/>
      <c r="FU4359" s="91"/>
      <c r="FV4359" s="91"/>
      <c r="FW4359" s="91"/>
      <c r="FX4359" s="127"/>
      <c r="FY4359" s="126"/>
      <c r="FZ4359" s="91"/>
      <c r="GA4359" s="91"/>
      <c r="GB4359" s="91"/>
      <c r="GC4359" s="91"/>
      <c r="GD4359" s="91"/>
      <c r="GE4359" s="91"/>
      <c r="GF4359" s="91"/>
      <c r="GG4359" s="91"/>
      <c r="GH4359" s="91"/>
      <c r="GI4359" s="91"/>
      <c r="GJ4359" s="91"/>
      <c r="GK4359" s="127"/>
      <c r="GL4359" s="126"/>
      <c r="GM4359" s="91"/>
      <c r="GN4359" s="91"/>
      <c r="GO4359" s="91"/>
      <c r="GP4359" s="91"/>
      <c r="GQ4359" s="91"/>
      <c r="GR4359" s="91"/>
      <c r="GS4359" s="91"/>
      <c r="GT4359" s="91"/>
      <c r="GU4359" s="91"/>
      <c r="GV4359" s="91"/>
      <c r="GW4359" s="91"/>
      <c r="GX4359" s="127"/>
      <c r="GY4359" s="126"/>
      <c r="GZ4359" s="91"/>
      <c r="HA4359" s="91"/>
      <c r="HB4359" s="91"/>
      <c r="HC4359" s="91"/>
      <c r="HD4359" s="91"/>
      <c r="HE4359" s="91"/>
      <c r="HF4359" s="91"/>
      <c r="HG4359" s="91"/>
      <c r="HH4359" s="91"/>
      <c r="HI4359" s="91"/>
      <c r="HJ4359" s="91"/>
      <c r="HK4359" s="127"/>
      <c r="HL4359" s="126"/>
      <c r="HM4359" s="91"/>
      <c r="HN4359" s="91"/>
      <c r="HO4359" s="91"/>
      <c r="HP4359" s="91"/>
      <c r="HQ4359" s="91"/>
      <c r="HR4359" s="91"/>
      <c r="HS4359" s="91"/>
      <c r="HT4359" s="91"/>
      <c r="HU4359" s="91"/>
      <c r="HV4359" s="91"/>
      <c r="HW4359" s="91"/>
      <c r="HX4359" s="127"/>
      <c r="HY4359" s="126"/>
      <c r="HZ4359" s="91"/>
      <c r="IA4359" s="91"/>
      <c r="IB4359" s="91"/>
      <c r="IC4359" s="91"/>
      <c r="ID4359" s="91"/>
      <c r="IE4359" s="91"/>
      <c r="IF4359" s="91"/>
      <c r="IG4359" s="91"/>
      <c r="IH4359" s="91"/>
      <c r="II4359" s="91"/>
      <c r="IJ4359" s="91"/>
      <c r="IK4359" s="174"/>
    </row>
    <row r="4360" spans="2:245" x14ac:dyDescent="0.2">
      <c r="B4360" s="43"/>
      <c r="C4360" s="73"/>
      <c r="D4360" s="64"/>
      <c r="E4360" s="64"/>
      <c r="F4360" s="55"/>
      <c r="G4360" s="102"/>
      <c r="H4360" s="97"/>
      <c r="T4360" s="98"/>
      <c r="U4360" s="97"/>
      <c r="AG4360" s="98"/>
      <c r="AY4360" s="164"/>
      <c r="BK4360" s="98"/>
      <c r="BL4360" s="97"/>
      <c r="BX4360" s="98"/>
      <c r="CL4360" s="97"/>
      <c r="CX4360" s="98"/>
      <c r="DL4360" s="97"/>
      <c r="DX4360" s="98"/>
      <c r="EL4360" s="97"/>
      <c r="EX4360" s="98"/>
      <c r="EY4360" s="97"/>
      <c r="FL4360" s="126"/>
      <c r="FM4360" s="91"/>
      <c r="FN4360" s="91"/>
      <c r="FO4360" s="91"/>
      <c r="FP4360" s="91"/>
      <c r="FQ4360" s="91"/>
      <c r="FR4360" s="91"/>
      <c r="FS4360" s="91"/>
      <c r="FT4360" s="91"/>
      <c r="FU4360" s="91"/>
      <c r="FV4360" s="91"/>
      <c r="FW4360" s="91"/>
      <c r="FX4360" s="127"/>
      <c r="FY4360" s="126"/>
      <c r="FZ4360" s="91"/>
      <c r="GA4360" s="91"/>
      <c r="GB4360" s="91"/>
      <c r="GC4360" s="91"/>
      <c r="GD4360" s="91"/>
      <c r="GE4360" s="91"/>
      <c r="GF4360" s="91"/>
      <c r="GG4360" s="91"/>
      <c r="GH4360" s="91"/>
      <c r="GI4360" s="91"/>
      <c r="GJ4360" s="91"/>
      <c r="GK4360" s="127"/>
      <c r="GL4360" s="126"/>
      <c r="GM4360" s="91"/>
      <c r="GN4360" s="91"/>
      <c r="GO4360" s="91"/>
      <c r="GP4360" s="91"/>
      <c r="GQ4360" s="91"/>
      <c r="GR4360" s="91"/>
      <c r="GS4360" s="91"/>
      <c r="GT4360" s="91"/>
      <c r="GU4360" s="91"/>
      <c r="GV4360" s="91"/>
      <c r="GW4360" s="91"/>
      <c r="GX4360" s="127"/>
      <c r="GY4360" s="126"/>
      <c r="GZ4360" s="91"/>
      <c r="HA4360" s="91"/>
      <c r="HB4360" s="91"/>
      <c r="HC4360" s="91"/>
      <c r="HD4360" s="91"/>
      <c r="HE4360" s="91"/>
      <c r="HF4360" s="91"/>
      <c r="HG4360" s="91"/>
      <c r="HH4360" s="91"/>
      <c r="HI4360" s="91"/>
      <c r="HJ4360" s="91"/>
      <c r="HK4360" s="127"/>
      <c r="HL4360" s="126"/>
      <c r="HM4360" s="91"/>
      <c r="HN4360" s="91"/>
      <c r="HO4360" s="91"/>
      <c r="HP4360" s="91"/>
      <c r="HQ4360" s="91"/>
      <c r="HR4360" s="91"/>
      <c r="HS4360" s="91"/>
      <c r="HT4360" s="91"/>
      <c r="HU4360" s="91"/>
      <c r="HV4360" s="91"/>
      <c r="HW4360" s="91"/>
      <c r="HX4360" s="127"/>
      <c r="HY4360" s="126"/>
      <c r="HZ4360" s="91"/>
      <c r="IA4360" s="91"/>
      <c r="IB4360" s="91"/>
      <c r="IC4360" s="91"/>
      <c r="ID4360" s="91"/>
      <c r="IE4360" s="91"/>
      <c r="IF4360" s="91"/>
      <c r="IG4360" s="91"/>
      <c r="IH4360" s="91"/>
      <c r="II4360" s="91"/>
      <c r="IJ4360" s="91"/>
      <c r="IK4360" s="174"/>
    </row>
    <row r="4361" spans="2:245" x14ac:dyDescent="0.2">
      <c r="B4361" s="43"/>
      <c r="C4361" s="73"/>
      <c r="D4361" s="64"/>
      <c r="E4361" s="64"/>
      <c r="F4361" s="55"/>
      <c r="G4361" s="102"/>
      <c r="H4361" s="97"/>
      <c r="T4361" s="98"/>
      <c r="U4361" s="97"/>
      <c r="AG4361" s="98"/>
      <c r="AY4361" s="164"/>
      <c r="BK4361" s="98"/>
      <c r="BL4361" s="97"/>
      <c r="BX4361" s="98"/>
      <c r="CL4361" s="97"/>
      <c r="CX4361" s="98"/>
      <c r="DL4361" s="97"/>
      <c r="DX4361" s="98"/>
      <c r="EL4361" s="97"/>
      <c r="EX4361" s="98"/>
      <c r="EY4361" s="97"/>
      <c r="FL4361" s="126"/>
      <c r="FM4361" s="91"/>
      <c r="FN4361" s="91"/>
      <c r="FO4361" s="91"/>
      <c r="FP4361" s="91"/>
      <c r="FQ4361" s="91"/>
      <c r="FR4361" s="91"/>
      <c r="FS4361" s="91"/>
      <c r="FT4361" s="91"/>
      <c r="FU4361" s="91"/>
      <c r="FV4361" s="91"/>
      <c r="FW4361" s="91"/>
      <c r="FX4361" s="127"/>
      <c r="FY4361" s="126"/>
      <c r="FZ4361" s="91"/>
      <c r="GA4361" s="91"/>
      <c r="GB4361" s="91"/>
      <c r="GC4361" s="91"/>
      <c r="GD4361" s="91"/>
      <c r="GE4361" s="91"/>
      <c r="GF4361" s="91"/>
      <c r="GG4361" s="91"/>
      <c r="GH4361" s="91"/>
      <c r="GI4361" s="91"/>
      <c r="GJ4361" s="91"/>
      <c r="GK4361" s="127"/>
      <c r="GL4361" s="126"/>
      <c r="GM4361" s="91"/>
      <c r="GN4361" s="91"/>
      <c r="GO4361" s="91"/>
      <c r="GP4361" s="91"/>
      <c r="GQ4361" s="91"/>
      <c r="GR4361" s="91"/>
      <c r="GS4361" s="91"/>
      <c r="GT4361" s="91"/>
      <c r="GU4361" s="91"/>
      <c r="GV4361" s="91"/>
      <c r="GW4361" s="91"/>
      <c r="GX4361" s="127"/>
      <c r="GY4361" s="126"/>
      <c r="GZ4361" s="91"/>
      <c r="HA4361" s="91"/>
      <c r="HB4361" s="91"/>
      <c r="HC4361" s="91"/>
      <c r="HD4361" s="91"/>
      <c r="HE4361" s="91"/>
      <c r="HF4361" s="91"/>
      <c r="HG4361" s="91"/>
      <c r="HH4361" s="91"/>
      <c r="HI4361" s="91"/>
      <c r="HJ4361" s="91"/>
      <c r="HK4361" s="127"/>
      <c r="HL4361" s="126"/>
      <c r="HM4361" s="91"/>
      <c r="HN4361" s="91"/>
      <c r="HO4361" s="91"/>
      <c r="HP4361" s="91"/>
      <c r="HQ4361" s="91"/>
      <c r="HR4361" s="91"/>
      <c r="HS4361" s="91"/>
      <c r="HT4361" s="91"/>
      <c r="HU4361" s="91"/>
      <c r="HV4361" s="91"/>
      <c r="HW4361" s="91"/>
      <c r="HX4361" s="127"/>
      <c r="HY4361" s="126"/>
      <c r="HZ4361" s="91"/>
      <c r="IA4361" s="91"/>
      <c r="IB4361" s="91"/>
      <c r="IC4361" s="91"/>
      <c r="ID4361" s="91"/>
      <c r="IE4361" s="91"/>
      <c r="IF4361" s="91"/>
      <c r="IG4361" s="91"/>
      <c r="IH4361" s="91"/>
      <c r="II4361" s="91"/>
      <c r="IJ4361" s="91"/>
      <c r="IK4361" s="174"/>
    </row>
    <row r="4362" spans="2:245" x14ac:dyDescent="0.2">
      <c r="B4362" s="43"/>
      <c r="C4362" s="73"/>
      <c r="D4362" s="64"/>
      <c r="E4362" s="64"/>
      <c r="F4362" s="55"/>
      <c r="G4362" s="102"/>
      <c r="H4362" s="97"/>
      <c r="T4362" s="98"/>
      <c r="U4362" s="97"/>
      <c r="AG4362" s="98"/>
      <c r="AY4362" s="164"/>
      <c r="BK4362" s="98"/>
      <c r="BL4362" s="97"/>
      <c r="BX4362" s="98"/>
      <c r="CL4362" s="97"/>
      <c r="CX4362" s="98"/>
      <c r="DL4362" s="97"/>
      <c r="DX4362" s="98"/>
      <c r="EL4362" s="97"/>
      <c r="EX4362" s="98"/>
      <c r="EY4362" s="97"/>
      <c r="FL4362" s="126"/>
      <c r="FM4362" s="91"/>
      <c r="FN4362" s="91"/>
      <c r="FO4362" s="91"/>
      <c r="FP4362" s="91"/>
      <c r="FQ4362" s="91"/>
      <c r="FR4362" s="91"/>
      <c r="FS4362" s="91"/>
      <c r="FT4362" s="91"/>
      <c r="FU4362" s="91"/>
      <c r="FV4362" s="91"/>
      <c r="FW4362" s="91"/>
      <c r="FX4362" s="127"/>
      <c r="FY4362" s="126"/>
      <c r="FZ4362" s="91"/>
      <c r="GA4362" s="91"/>
      <c r="GB4362" s="91"/>
      <c r="GC4362" s="91"/>
      <c r="GD4362" s="91"/>
      <c r="GE4362" s="91"/>
      <c r="GF4362" s="91"/>
      <c r="GG4362" s="91"/>
      <c r="GH4362" s="91"/>
      <c r="GI4362" s="91"/>
      <c r="GJ4362" s="91"/>
      <c r="GK4362" s="127"/>
      <c r="GL4362" s="126"/>
      <c r="GM4362" s="91"/>
      <c r="GN4362" s="91"/>
      <c r="GO4362" s="91"/>
      <c r="GP4362" s="91"/>
      <c r="GQ4362" s="91"/>
      <c r="GR4362" s="91"/>
      <c r="GS4362" s="91"/>
      <c r="GT4362" s="91"/>
      <c r="GU4362" s="91"/>
      <c r="GV4362" s="91"/>
      <c r="GW4362" s="91"/>
      <c r="GX4362" s="127"/>
      <c r="GY4362" s="126"/>
      <c r="GZ4362" s="91"/>
      <c r="HA4362" s="91"/>
      <c r="HB4362" s="91"/>
      <c r="HC4362" s="91"/>
      <c r="HD4362" s="91"/>
      <c r="HE4362" s="91"/>
      <c r="HF4362" s="91"/>
      <c r="HG4362" s="91"/>
      <c r="HH4362" s="91"/>
      <c r="HI4362" s="91"/>
      <c r="HJ4362" s="91"/>
      <c r="HK4362" s="127"/>
      <c r="HL4362" s="126"/>
      <c r="HM4362" s="91"/>
      <c r="HN4362" s="91"/>
      <c r="HO4362" s="91"/>
      <c r="HP4362" s="91"/>
      <c r="HQ4362" s="91"/>
      <c r="HR4362" s="91"/>
      <c r="HS4362" s="91"/>
      <c r="HT4362" s="91"/>
      <c r="HU4362" s="91"/>
      <c r="HV4362" s="91"/>
      <c r="HW4362" s="91"/>
      <c r="HX4362" s="127"/>
      <c r="HY4362" s="126"/>
      <c r="HZ4362" s="91"/>
      <c r="IA4362" s="91"/>
      <c r="IB4362" s="91"/>
      <c r="IC4362" s="91"/>
      <c r="ID4362" s="91"/>
      <c r="IE4362" s="91"/>
      <c r="IF4362" s="91"/>
      <c r="IG4362" s="91"/>
      <c r="IH4362" s="91"/>
      <c r="II4362" s="91"/>
      <c r="IJ4362" s="91"/>
      <c r="IK4362" s="174"/>
    </row>
    <row r="4363" spans="2:245" x14ac:dyDescent="0.2">
      <c r="B4363" s="43"/>
      <c r="C4363" s="73"/>
      <c r="D4363" s="64"/>
      <c r="E4363" s="64"/>
      <c r="F4363" s="55"/>
      <c r="G4363" s="102"/>
      <c r="H4363" s="97"/>
      <c r="T4363" s="98"/>
      <c r="U4363" s="97"/>
      <c r="AG4363" s="98"/>
      <c r="AY4363" s="164"/>
      <c r="BK4363" s="98"/>
      <c r="BL4363" s="97"/>
      <c r="BX4363" s="98"/>
      <c r="CL4363" s="97"/>
      <c r="CX4363" s="98"/>
      <c r="DL4363" s="97"/>
      <c r="DX4363" s="98"/>
      <c r="EL4363" s="97"/>
      <c r="EX4363" s="98"/>
      <c r="EY4363" s="97"/>
      <c r="FL4363" s="126"/>
      <c r="FM4363" s="91"/>
      <c r="FN4363" s="91"/>
      <c r="FO4363" s="91"/>
      <c r="FP4363" s="91"/>
      <c r="FQ4363" s="91"/>
      <c r="FR4363" s="91"/>
      <c r="FS4363" s="91"/>
      <c r="FT4363" s="91"/>
      <c r="FU4363" s="91"/>
      <c r="FV4363" s="91"/>
      <c r="FW4363" s="91"/>
      <c r="FX4363" s="127"/>
      <c r="FY4363" s="126"/>
      <c r="FZ4363" s="91"/>
      <c r="GA4363" s="91"/>
      <c r="GB4363" s="91"/>
      <c r="GC4363" s="91"/>
      <c r="GD4363" s="91"/>
      <c r="GE4363" s="91"/>
      <c r="GF4363" s="91"/>
      <c r="GG4363" s="91"/>
      <c r="GH4363" s="91"/>
      <c r="GI4363" s="91"/>
      <c r="GJ4363" s="91"/>
      <c r="GK4363" s="127"/>
      <c r="GL4363" s="126"/>
      <c r="GM4363" s="91"/>
      <c r="GN4363" s="91"/>
      <c r="GO4363" s="91"/>
      <c r="GP4363" s="91"/>
      <c r="GQ4363" s="91"/>
      <c r="GR4363" s="91"/>
      <c r="GS4363" s="91"/>
      <c r="GT4363" s="91"/>
      <c r="GU4363" s="91"/>
      <c r="GV4363" s="91"/>
      <c r="GW4363" s="91"/>
      <c r="GX4363" s="127"/>
      <c r="GY4363" s="126"/>
      <c r="GZ4363" s="91"/>
      <c r="HA4363" s="91"/>
      <c r="HB4363" s="91"/>
      <c r="HC4363" s="91"/>
      <c r="HD4363" s="91"/>
      <c r="HE4363" s="91"/>
      <c r="HF4363" s="91"/>
      <c r="HG4363" s="91"/>
      <c r="HH4363" s="91"/>
      <c r="HI4363" s="91"/>
      <c r="HJ4363" s="91"/>
      <c r="HK4363" s="127"/>
      <c r="HL4363" s="126"/>
      <c r="HM4363" s="91"/>
      <c r="HN4363" s="91"/>
      <c r="HO4363" s="91"/>
      <c r="HP4363" s="91"/>
      <c r="HQ4363" s="91"/>
      <c r="HR4363" s="91"/>
      <c r="HS4363" s="91"/>
      <c r="HT4363" s="91"/>
      <c r="HU4363" s="91"/>
      <c r="HV4363" s="91"/>
      <c r="HW4363" s="91"/>
      <c r="HX4363" s="127"/>
      <c r="HY4363" s="126"/>
      <c r="HZ4363" s="91"/>
      <c r="IA4363" s="91"/>
      <c r="IB4363" s="91"/>
      <c r="IC4363" s="91"/>
      <c r="ID4363" s="91"/>
      <c r="IE4363" s="91"/>
      <c r="IF4363" s="91"/>
      <c r="IG4363" s="91"/>
      <c r="IH4363" s="91"/>
      <c r="II4363" s="91"/>
      <c r="IJ4363" s="91"/>
      <c r="IK4363" s="174"/>
    </row>
    <row r="4364" spans="2:245" x14ac:dyDescent="0.2">
      <c r="B4364" s="43"/>
      <c r="C4364" s="73"/>
      <c r="D4364" s="64"/>
      <c r="E4364" s="64"/>
      <c r="F4364" s="55"/>
      <c r="G4364" s="102"/>
      <c r="H4364" s="97"/>
      <c r="T4364" s="98"/>
      <c r="U4364" s="97"/>
      <c r="AG4364" s="98"/>
      <c r="AY4364" s="164"/>
      <c r="BK4364" s="98"/>
      <c r="BL4364" s="97"/>
      <c r="BX4364" s="98"/>
      <c r="CL4364" s="97"/>
      <c r="CX4364" s="98"/>
      <c r="DL4364" s="97"/>
      <c r="DX4364" s="98"/>
      <c r="EL4364" s="97"/>
      <c r="EX4364" s="98"/>
      <c r="EY4364" s="97"/>
      <c r="FL4364" s="126"/>
      <c r="FM4364" s="91"/>
      <c r="FN4364" s="91"/>
      <c r="FO4364" s="91"/>
      <c r="FP4364" s="91"/>
      <c r="FQ4364" s="91"/>
      <c r="FR4364" s="91"/>
      <c r="FS4364" s="91"/>
      <c r="FT4364" s="91"/>
      <c r="FU4364" s="91"/>
      <c r="FV4364" s="91"/>
      <c r="FW4364" s="91"/>
      <c r="FX4364" s="127"/>
      <c r="FY4364" s="126"/>
      <c r="FZ4364" s="91"/>
      <c r="GA4364" s="91"/>
      <c r="GB4364" s="91"/>
      <c r="GC4364" s="91"/>
      <c r="GD4364" s="91"/>
      <c r="GE4364" s="91"/>
      <c r="GF4364" s="91"/>
      <c r="GG4364" s="91"/>
      <c r="GH4364" s="91"/>
      <c r="GI4364" s="91"/>
      <c r="GJ4364" s="91"/>
      <c r="GK4364" s="127"/>
      <c r="GL4364" s="126"/>
      <c r="GM4364" s="91"/>
      <c r="GN4364" s="91"/>
      <c r="GO4364" s="91"/>
      <c r="GP4364" s="91"/>
      <c r="GQ4364" s="91"/>
      <c r="GR4364" s="91"/>
      <c r="GS4364" s="91"/>
      <c r="GT4364" s="91"/>
      <c r="GU4364" s="91"/>
      <c r="GV4364" s="91"/>
      <c r="GW4364" s="91"/>
      <c r="GX4364" s="127"/>
      <c r="GY4364" s="126"/>
      <c r="GZ4364" s="91"/>
      <c r="HA4364" s="91"/>
      <c r="HB4364" s="91"/>
      <c r="HC4364" s="91"/>
      <c r="HD4364" s="91"/>
      <c r="HE4364" s="91"/>
      <c r="HF4364" s="91"/>
      <c r="HG4364" s="91"/>
      <c r="HH4364" s="91"/>
      <c r="HI4364" s="91"/>
      <c r="HJ4364" s="91"/>
      <c r="HK4364" s="127"/>
      <c r="HL4364" s="126"/>
      <c r="HM4364" s="91"/>
      <c r="HN4364" s="91"/>
      <c r="HO4364" s="91"/>
      <c r="HP4364" s="91"/>
      <c r="HQ4364" s="91"/>
      <c r="HR4364" s="91"/>
      <c r="HS4364" s="91"/>
      <c r="HT4364" s="91"/>
      <c r="HU4364" s="91"/>
      <c r="HV4364" s="91"/>
      <c r="HW4364" s="91"/>
      <c r="HX4364" s="127"/>
      <c r="HY4364" s="126"/>
      <c r="HZ4364" s="91"/>
      <c r="IA4364" s="91"/>
      <c r="IB4364" s="91"/>
      <c r="IC4364" s="91"/>
      <c r="ID4364" s="91"/>
      <c r="IE4364" s="91"/>
      <c r="IF4364" s="91"/>
      <c r="IG4364" s="91"/>
      <c r="IH4364" s="91"/>
      <c r="II4364" s="91"/>
      <c r="IJ4364" s="91"/>
      <c r="IK4364" s="174"/>
    </row>
    <row r="4365" spans="2:245" x14ac:dyDescent="0.2">
      <c r="B4365" s="43"/>
      <c r="C4365" s="73"/>
      <c r="D4365" s="64"/>
      <c r="E4365" s="64"/>
      <c r="F4365" s="55"/>
      <c r="G4365" s="102"/>
      <c r="H4365" s="97"/>
      <c r="T4365" s="98"/>
      <c r="U4365" s="97"/>
      <c r="AG4365" s="98"/>
      <c r="AY4365" s="164"/>
      <c r="BK4365" s="98"/>
      <c r="BL4365" s="97"/>
      <c r="BX4365" s="98"/>
      <c r="CL4365" s="97"/>
      <c r="CX4365" s="98"/>
      <c r="DL4365" s="97"/>
      <c r="DX4365" s="98"/>
      <c r="EL4365" s="97"/>
      <c r="EX4365" s="98"/>
      <c r="EY4365" s="97"/>
      <c r="FL4365" s="126"/>
      <c r="FM4365" s="91"/>
      <c r="FN4365" s="91"/>
      <c r="FO4365" s="91"/>
      <c r="FP4365" s="91"/>
      <c r="FQ4365" s="91"/>
      <c r="FR4365" s="91"/>
      <c r="FS4365" s="91"/>
      <c r="FT4365" s="91"/>
      <c r="FU4365" s="91"/>
      <c r="FV4365" s="91"/>
      <c r="FW4365" s="91"/>
      <c r="FX4365" s="127"/>
      <c r="FY4365" s="126"/>
      <c r="FZ4365" s="91"/>
      <c r="GA4365" s="91"/>
      <c r="GB4365" s="91"/>
      <c r="GC4365" s="91"/>
      <c r="GD4365" s="91"/>
      <c r="GE4365" s="91"/>
      <c r="GF4365" s="91"/>
      <c r="GG4365" s="91"/>
      <c r="GH4365" s="91"/>
      <c r="GI4365" s="91"/>
      <c r="GJ4365" s="91"/>
      <c r="GK4365" s="127"/>
      <c r="GL4365" s="126"/>
      <c r="GM4365" s="91"/>
      <c r="GN4365" s="91"/>
      <c r="GO4365" s="91"/>
      <c r="GP4365" s="91"/>
      <c r="GQ4365" s="91"/>
      <c r="GR4365" s="91"/>
      <c r="GS4365" s="91"/>
      <c r="GT4365" s="91"/>
      <c r="GU4365" s="91"/>
      <c r="GV4365" s="91"/>
      <c r="GW4365" s="91"/>
      <c r="GX4365" s="127"/>
      <c r="GY4365" s="126"/>
      <c r="GZ4365" s="91"/>
      <c r="HA4365" s="91"/>
      <c r="HB4365" s="91"/>
      <c r="HC4365" s="91"/>
      <c r="HD4365" s="91"/>
      <c r="HE4365" s="91"/>
      <c r="HF4365" s="91"/>
      <c r="HG4365" s="91"/>
      <c r="HH4365" s="91"/>
      <c r="HI4365" s="91"/>
      <c r="HJ4365" s="91"/>
      <c r="HK4365" s="127"/>
      <c r="HL4365" s="126"/>
      <c r="HM4365" s="91"/>
      <c r="HN4365" s="91"/>
      <c r="HO4365" s="91"/>
      <c r="HP4365" s="91"/>
      <c r="HQ4365" s="91"/>
      <c r="HR4365" s="91"/>
      <c r="HS4365" s="91"/>
      <c r="HT4365" s="91"/>
      <c r="HU4365" s="91"/>
      <c r="HV4365" s="91"/>
      <c r="HW4365" s="91"/>
      <c r="HX4365" s="127"/>
      <c r="HY4365" s="126"/>
      <c r="HZ4365" s="91"/>
      <c r="IA4365" s="91"/>
      <c r="IB4365" s="91"/>
      <c r="IC4365" s="91"/>
      <c r="ID4365" s="91"/>
      <c r="IE4365" s="91"/>
      <c r="IF4365" s="91"/>
      <c r="IG4365" s="91"/>
      <c r="IH4365" s="91"/>
      <c r="II4365" s="91"/>
      <c r="IJ4365" s="91"/>
      <c r="IK4365" s="174"/>
    </row>
    <row r="4366" spans="2:245" x14ac:dyDescent="0.2">
      <c r="B4366" s="43"/>
      <c r="C4366" s="73"/>
      <c r="D4366" s="64"/>
      <c r="E4366" s="64"/>
      <c r="F4366" s="55"/>
      <c r="G4366" s="102"/>
      <c r="H4366" s="97"/>
      <c r="T4366" s="98"/>
      <c r="U4366" s="97"/>
      <c r="AG4366" s="98"/>
      <c r="AY4366" s="164"/>
      <c r="BK4366" s="98"/>
      <c r="BL4366" s="97"/>
      <c r="BX4366" s="98"/>
      <c r="CL4366" s="97"/>
      <c r="CX4366" s="98"/>
      <c r="DL4366" s="97"/>
      <c r="DX4366" s="98"/>
      <c r="EL4366" s="97"/>
      <c r="EX4366" s="98"/>
      <c r="EY4366" s="97"/>
      <c r="FL4366" s="126"/>
      <c r="FM4366" s="91"/>
      <c r="FN4366" s="91"/>
      <c r="FO4366" s="91"/>
      <c r="FP4366" s="91"/>
      <c r="FQ4366" s="91"/>
      <c r="FR4366" s="91"/>
      <c r="FS4366" s="91"/>
      <c r="FT4366" s="91"/>
      <c r="FU4366" s="91"/>
      <c r="FV4366" s="91"/>
      <c r="FW4366" s="91"/>
      <c r="FX4366" s="127"/>
      <c r="FY4366" s="126"/>
      <c r="FZ4366" s="91"/>
      <c r="GA4366" s="91"/>
      <c r="GB4366" s="91"/>
      <c r="GC4366" s="91"/>
      <c r="GD4366" s="91"/>
      <c r="GE4366" s="91"/>
      <c r="GF4366" s="91"/>
      <c r="GG4366" s="91"/>
      <c r="GH4366" s="91"/>
      <c r="GI4366" s="91"/>
      <c r="GJ4366" s="91"/>
      <c r="GK4366" s="127"/>
      <c r="GL4366" s="126"/>
      <c r="GM4366" s="91"/>
      <c r="GN4366" s="91"/>
      <c r="GO4366" s="91"/>
      <c r="GP4366" s="91"/>
      <c r="GQ4366" s="91"/>
      <c r="GR4366" s="91"/>
      <c r="GS4366" s="91"/>
      <c r="GT4366" s="91"/>
      <c r="GU4366" s="91"/>
      <c r="GV4366" s="91"/>
      <c r="GW4366" s="91"/>
      <c r="GX4366" s="127"/>
      <c r="GY4366" s="126"/>
      <c r="GZ4366" s="91"/>
      <c r="HA4366" s="91"/>
      <c r="HB4366" s="91"/>
      <c r="HC4366" s="91"/>
      <c r="HD4366" s="91"/>
      <c r="HE4366" s="91"/>
      <c r="HF4366" s="91"/>
      <c r="HG4366" s="91"/>
      <c r="HH4366" s="91"/>
      <c r="HI4366" s="91"/>
      <c r="HJ4366" s="91"/>
      <c r="HK4366" s="127"/>
      <c r="HL4366" s="126"/>
      <c r="HM4366" s="91"/>
      <c r="HN4366" s="91"/>
      <c r="HO4366" s="91"/>
      <c r="HP4366" s="91"/>
      <c r="HQ4366" s="91"/>
      <c r="HR4366" s="91"/>
      <c r="HS4366" s="91"/>
      <c r="HT4366" s="91"/>
      <c r="HU4366" s="91"/>
      <c r="HV4366" s="91"/>
      <c r="HW4366" s="91"/>
      <c r="HX4366" s="127"/>
      <c r="HY4366" s="126"/>
      <c r="HZ4366" s="91"/>
      <c r="IA4366" s="91"/>
      <c r="IB4366" s="91"/>
      <c r="IC4366" s="91"/>
      <c r="ID4366" s="91"/>
      <c r="IE4366" s="91"/>
      <c r="IF4366" s="91"/>
      <c r="IG4366" s="91"/>
      <c r="IH4366" s="91"/>
      <c r="II4366" s="91"/>
      <c r="IJ4366" s="91"/>
      <c r="IK4366" s="174"/>
    </row>
    <row r="4367" spans="2:245" x14ac:dyDescent="0.2">
      <c r="B4367" s="43"/>
      <c r="C4367" s="73"/>
      <c r="D4367" s="64"/>
      <c r="E4367" s="64"/>
      <c r="F4367" s="55"/>
      <c r="G4367" s="102"/>
      <c r="H4367" s="97"/>
      <c r="T4367" s="98"/>
      <c r="U4367" s="97"/>
      <c r="AG4367" s="98"/>
      <c r="AY4367" s="164"/>
      <c r="BK4367" s="98"/>
      <c r="BL4367" s="97"/>
      <c r="BX4367" s="98"/>
      <c r="CL4367" s="97"/>
      <c r="CX4367" s="98"/>
      <c r="DL4367" s="97"/>
      <c r="DX4367" s="98"/>
      <c r="EL4367" s="97"/>
      <c r="EX4367" s="98"/>
      <c r="EY4367" s="97"/>
      <c r="FL4367" s="126"/>
      <c r="FM4367" s="91"/>
      <c r="FN4367" s="91"/>
      <c r="FO4367" s="91"/>
      <c r="FP4367" s="91"/>
      <c r="FQ4367" s="91"/>
      <c r="FR4367" s="91"/>
      <c r="FS4367" s="91"/>
      <c r="FT4367" s="91"/>
      <c r="FU4367" s="91"/>
      <c r="FV4367" s="91"/>
      <c r="FW4367" s="91"/>
      <c r="FX4367" s="127"/>
      <c r="FY4367" s="126"/>
      <c r="FZ4367" s="91"/>
      <c r="GA4367" s="91"/>
      <c r="GB4367" s="91"/>
      <c r="GC4367" s="91"/>
      <c r="GD4367" s="91"/>
      <c r="GE4367" s="91"/>
      <c r="GF4367" s="91"/>
      <c r="GG4367" s="91"/>
      <c r="GH4367" s="91"/>
      <c r="GI4367" s="91"/>
      <c r="GJ4367" s="91"/>
      <c r="GK4367" s="127"/>
      <c r="GL4367" s="126"/>
      <c r="GM4367" s="91"/>
      <c r="GN4367" s="91"/>
      <c r="GO4367" s="91"/>
      <c r="GP4367" s="91"/>
      <c r="GQ4367" s="91"/>
      <c r="GR4367" s="91"/>
      <c r="GS4367" s="91"/>
      <c r="GT4367" s="91"/>
      <c r="GU4367" s="91"/>
      <c r="GV4367" s="91"/>
      <c r="GW4367" s="91"/>
      <c r="GX4367" s="127"/>
      <c r="GY4367" s="126"/>
      <c r="GZ4367" s="91"/>
      <c r="HA4367" s="91"/>
      <c r="HB4367" s="91"/>
      <c r="HC4367" s="91"/>
      <c r="HD4367" s="91"/>
      <c r="HE4367" s="91"/>
      <c r="HF4367" s="91"/>
      <c r="HG4367" s="91"/>
      <c r="HH4367" s="91"/>
      <c r="HI4367" s="91"/>
      <c r="HJ4367" s="91"/>
      <c r="HK4367" s="127"/>
      <c r="HL4367" s="126"/>
      <c r="HM4367" s="91"/>
      <c r="HN4367" s="91"/>
      <c r="HO4367" s="91"/>
      <c r="HP4367" s="91"/>
      <c r="HQ4367" s="91"/>
      <c r="HR4367" s="91"/>
      <c r="HS4367" s="91"/>
      <c r="HT4367" s="91"/>
      <c r="HU4367" s="91"/>
      <c r="HV4367" s="91"/>
      <c r="HW4367" s="91"/>
      <c r="HX4367" s="127"/>
      <c r="HY4367" s="126"/>
      <c r="HZ4367" s="91"/>
      <c r="IA4367" s="91"/>
      <c r="IB4367" s="91"/>
      <c r="IC4367" s="91"/>
      <c r="ID4367" s="91"/>
      <c r="IE4367" s="91"/>
      <c r="IF4367" s="91"/>
      <c r="IG4367" s="91"/>
      <c r="IH4367" s="91"/>
      <c r="II4367" s="91"/>
      <c r="IJ4367" s="91"/>
      <c r="IK4367" s="174"/>
    </row>
    <row r="4368" spans="2:245" x14ac:dyDescent="0.2">
      <c r="B4368" s="43"/>
      <c r="C4368" s="73"/>
      <c r="D4368" s="64"/>
      <c r="E4368" s="64"/>
      <c r="F4368" s="55"/>
      <c r="G4368" s="102"/>
      <c r="H4368" s="97"/>
      <c r="T4368" s="98"/>
      <c r="U4368" s="97"/>
      <c r="AG4368" s="98"/>
      <c r="AY4368" s="164"/>
      <c r="BK4368" s="98"/>
      <c r="BL4368" s="97"/>
      <c r="BX4368" s="98"/>
      <c r="CL4368" s="97"/>
      <c r="CX4368" s="98"/>
      <c r="DL4368" s="97"/>
      <c r="DX4368" s="98"/>
      <c r="EL4368" s="97"/>
      <c r="EX4368" s="98"/>
      <c r="EY4368" s="97"/>
      <c r="FL4368" s="126"/>
      <c r="FM4368" s="91"/>
      <c r="FN4368" s="91"/>
      <c r="FO4368" s="91"/>
      <c r="FP4368" s="91"/>
      <c r="FQ4368" s="91"/>
      <c r="FR4368" s="91"/>
      <c r="FS4368" s="91"/>
      <c r="FT4368" s="91"/>
      <c r="FU4368" s="91"/>
      <c r="FV4368" s="91"/>
      <c r="FW4368" s="91"/>
      <c r="FX4368" s="127"/>
      <c r="FY4368" s="126"/>
      <c r="FZ4368" s="91"/>
      <c r="GA4368" s="91"/>
      <c r="GB4368" s="91"/>
      <c r="GC4368" s="91"/>
      <c r="GD4368" s="91"/>
      <c r="GE4368" s="91"/>
      <c r="GF4368" s="91"/>
      <c r="GG4368" s="91"/>
      <c r="GH4368" s="91"/>
      <c r="GI4368" s="91"/>
      <c r="GJ4368" s="91"/>
      <c r="GK4368" s="127"/>
      <c r="GL4368" s="126"/>
      <c r="GM4368" s="91"/>
      <c r="GN4368" s="91"/>
      <c r="GO4368" s="91"/>
      <c r="GP4368" s="91"/>
      <c r="GQ4368" s="91"/>
      <c r="GR4368" s="91"/>
      <c r="GS4368" s="91"/>
      <c r="GT4368" s="91"/>
      <c r="GU4368" s="91"/>
      <c r="GV4368" s="91"/>
      <c r="GW4368" s="91"/>
      <c r="GX4368" s="127"/>
      <c r="GY4368" s="126"/>
      <c r="GZ4368" s="91"/>
      <c r="HA4368" s="91"/>
      <c r="HB4368" s="91"/>
      <c r="HC4368" s="91"/>
      <c r="HD4368" s="91"/>
      <c r="HE4368" s="91"/>
      <c r="HF4368" s="91"/>
      <c r="HG4368" s="91"/>
      <c r="HH4368" s="91"/>
      <c r="HI4368" s="91"/>
      <c r="HJ4368" s="91"/>
      <c r="HK4368" s="127"/>
      <c r="HL4368" s="126"/>
      <c r="HM4368" s="91"/>
      <c r="HN4368" s="91"/>
      <c r="HO4368" s="91"/>
      <c r="HP4368" s="91"/>
      <c r="HQ4368" s="91"/>
      <c r="HR4368" s="91"/>
      <c r="HS4368" s="91"/>
      <c r="HT4368" s="91"/>
      <c r="HU4368" s="91"/>
      <c r="HV4368" s="91"/>
      <c r="HW4368" s="91"/>
      <c r="HX4368" s="127"/>
      <c r="HY4368" s="126"/>
      <c r="HZ4368" s="91"/>
      <c r="IA4368" s="91"/>
      <c r="IB4368" s="91"/>
      <c r="IC4368" s="91"/>
      <c r="ID4368" s="91"/>
      <c r="IE4368" s="91"/>
      <c r="IF4368" s="91"/>
      <c r="IG4368" s="91"/>
      <c r="IH4368" s="91"/>
      <c r="II4368" s="91"/>
      <c r="IJ4368" s="91"/>
      <c r="IK4368" s="174"/>
    </row>
    <row r="4369" spans="2:245" x14ac:dyDescent="0.2">
      <c r="B4369" s="43"/>
      <c r="C4369" s="73"/>
      <c r="D4369" s="64"/>
      <c r="E4369" s="64"/>
      <c r="F4369" s="55"/>
      <c r="G4369" s="102"/>
      <c r="H4369" s="97"/>
      <c r="T4369" s="98"/>
      <c r="U4369" s="97"/>
      <c r="AG4369" s="98"/>
      <c r="AY4369" s="164"/>
      <c r="BK4369" s="98"/>
      <c r="BL4369" s="97"/>
      <c r="BX4369" s="98"/>
      <c r="CL4369" s="97"/>
      <c r="CX4369" s="98"/>
      <c r="DL4369" s="97"/>
      <c r="DX4369" s="98"/>
      <c r="EL4369" s="97"/>
      <c r="EX4369" s="98"/>
      <c r="EY4369" s="97"/>
      <c r="FL4369" s="126"/>
      <c r="FM4369" s="91"/>
      <c r="FN4369" s="91"/>
      <c r="FO4369" s="91"/>
      <c r="FP4369" s="91"/>
      <c r="FQ4369" s="91"/>
      <c r="FR4369" s="91"/>
      <c r="FS4369" s="91"/>
      <c r="FT4369" s="91"/>
      <c r="FU4369" s="91"/>
      <c r="FV4369" s="91"/>
      <c r="FW4369" s="91"/>
      <c r="FX4369" s="127"/>
      <c r="FY4369" s="126"/>
      <c r="FZ4369" s="91"/>
      <c r="GA4369" s="91"/>
      <c r="GB4369" s="91"/>
      <c r="GC4369" s="91"/>
      <c r="GD4369" s="91"/>
      <c r="GE4369" s="91"/>
      <c r="GF4369" s="91"/>
      <c r="GG4369" s="91"/>
      <c r="GH4369" s="91"/>
      <c r="GI4369" s="91"/>
      <c r="GJ4369" s="91"/>
      <c r="GK4369" s="127"/>
      <c r="GL4369" s="126"/>
      <c r="GM4369" s="91"/>
      <c r="GN4369" s="91"/>
      <c r="GO4369" s="91"/>
      <c r="GP4369" s="91"/>
      <c r="GQ4369" s="91"/>
      <c r="GR4369" s="91"/>
      <c r="GS4369" s="91"/>
      <c r="GT4369" s="91"/>
      <c r="GU4369" s="91"/>
      <c r="GV4369" s="91"/>
      <c r="GW4369" s="91"/>
      <c r="GX4369" s="127"/>
      <c r="GY4369" s="126"/>
      <c r="GZ4369" s="91"/>
      <c r="HA4369" s="91"/>
      <c r="HB4369" s="91"/>
      <c r="HC4369" s="91"/>
      <c r="HD4369" s="91"/>
      <c r="HE4369" s="91"/>
      <c r="HF4369" s="91"/>
      <c r="HG4369" s="91"/>
      <c r="HH4369" s="91"/>
      <c r="HI4369" s="91"/>
      <c r="HJ4369" s="91"/>
      <c r="HK4369" s="127"/>
      <c r="HL4369" s="126"/>
      <c r="HM4369" s="91"/>
      <c r="HN4369" s="91"/>
      <c r="HO4369" s="91"/>
      <c r="HP4369" s="91"/>
      <c r="HQ4369" s="91"/>
      <c r="HR4369" s="91"/>
      <c r="HS4369" s="91"/>
      <c r="HT4369" s="91"/>
      <c r="HU4369" s="91"/>
      <c r="HV4369" s="91"/>
      <c r="HW4369" s="91"/>
      <c r="HX4369" s="127"/>
      <c r="HY4369" s="126"/>
      <c r="HZ4369" s="91"/>
      <c r="IA4369" s="91"/>
      <c r="IB4369" s="91"/>
      <c r="IC4369" s="91"/>
      <c r="ID4369" s="91"/>
      <c r="IE4369" s="91"/>
      <c r="IF4369" s="91"/>
      <c r="IG4369" s="91"/>
      <c r="IH4369" s="91"/>
      <c r="II4369" s="91"/>
      <c r="IJ4369" s="91"/>
      <c r="IK4369" s="174"/>
    </row>
    <row r="4370" spans="2:245" x14ac:dyDescent="0.2">
      <c r="B4370" s="43"/>
      <c r="C4370" s="73"/>
      <c r="D4370" s="64"/>
      <c r="E4370" s="64"/>
      <c r="F4370" s="55"/>
      <c r="G4370" s="102"/>
      <c r="H4370" s="97"/>
      <c r="T4370" s="98"/>
      <c r="U4370" s="97"/>
      <c r="AG4370" s="98"/>
      <c r="AY4370" s="164"/>
      <c r="BK4370" s="98"/>
      <c r="BL4370" s="97"/>
      <c r="BX4370" s="98"/>
      <c r="CL4370" s="97"/>
      <c r="CX4370" s="98"/>
      <c r="DL4370" s="97"/>
      <c r="DX4370" s="98"/>
      <c r="EL4370" s="97"/>
      <c r="EX4370" s="98"/>
      <c r="EY4370" s="97"/>
      <c r="FL4370" s="126"/>
      <c r="FM4370" s="91"/>
      <c r="FN4370" s="91"/>
      <c r="FO4370" s="91"/>
      <c r="FP4370" s="91"/>
      <c r="FQ4370" s="91"/>
      <c r="FR4370" s="91"/>
      <c r="FS4370" s="91"/>
      <c r="FT4370" s="91"/>
      <c r="FU4370" s="91"/>
      <c r="FV4370" s="91"/>
      <c r="FW4370" s="91"/>
      <c r="FX4370" s="127"/>
      <c r="FY4370" s="126"/>
      <c r="FZ4370" s="91"/>
      <c r="GA4370" s="91"/>
      <c r="GB4370" s="91"/>
      <c r="GC4370" s="91"/>
      <c r="GD4370" s="91"/>
      <c r="GE4370" s="91"/>
      <c r="GF4370" s="91"/>
      <c r="GG4370" s="91"/>
      <c r="GH4370" s="91"/>
      <c r="GI4370" s="91"/>
      <c r="GJ4370" s="91"/>
      <c r="GK4370" s="127"/>
      <c r="GL4370" s="126"/>
      <c r="GM4370" s="91"/>
      <c r="GN4370" s="91"/>
      <c r="GO4370" s="91"/>
      <c r="GP4370" s="91"/>
      <c r="GQ4370" s="91"/>
      <c r="GR4370" s="91"/>
      <c r="GS4370" s="91"/>
      <c r="GT4370" s="91"/>
      <c r="GU4370" s="91"/>
      <c r="GV4370" s="91"/>
      <c r="GW4370" s="91"/>
      <c r="GX4370" s="127"/>
      <c r="GY4370" s="126"/>
      <c r="GZ4370" s="91"/>
      <c r="HA4370" s="91"/>
      <c r="HB4370" s="91"/>
      <c r="HC4370" s="91"/>
      <c r="HD4370" s="91"/>
      <c r="HE4370" s="91"/>
      <c r="HF4370" s="91"/>
      <c r="HG4370" s="91"/>
      <c r="HH4370" s="91"/>
      <c r="HI4370" s="91"/>
      <c r="HJ4370" s="91"/>
      <c r="HK4370" s="127"/>
      <c r="HL4370" s="126"/>
      <c r="HM4370" s="91"/>
      <c r="HN4370" s="91"/>
      <c r="HO4370" s="91"/>
      <c r="HP4370" s="91"/>
      <c r="HQ4370" s="91"/>
      <c r="HR4370" s="91"/>
      <c r="HS4370" s="91"/>
      <c r="HT4370" s="91"/>
      <c r="HU4370" s="91"/>
      <c r="HV4370" s="91"/>
      <c r="HW4370" s="91"/>
      <c r="HX4370" s="127"/>
      <c r="HY4370" s="126"/>
      <c r="HZ4370" s="91"/>
      <c r="IA4370" s="91"/>
      <c r="IB4370" s="91"/>
      <c r="IC4370" s="91"/>
      <c r="ID4370" s="91"/>
      <c r="IE4370" s="91"/>
      <c r="IF4370" s="91"/>
      <c r="IG4370" s="91"/>
      <c r="IH4370" s="91"/>
      <c r="II4370" s="91"/>
      <c r="IJ4370" s="91"/>
      <c r="IK4370" s="174"/>
    </row>
    <row r="4371" spans="2:245" x14ac:dyDescent="0.2">
      <c r="B4371" s="43"/>
      <c r="C4371" s="73"/>
      <c r="D4371" s="64"/>
      <c r="E4371" s="64"/>
      <c r="F4371" s="55"/>
      <c r="G4371" s="102"/>
      <c r="H4371" s="97"/>
      <c r="T4371" s="98"/>
      <c r="U4371" s="97"/>
      <c r="AG4371" s="98"/>
      <c r="AY4371" s="164"/>
      <c r="BK4371" s="98"/>
      <c r="BL4371" s="97"/>
      <c r="BX4371" s="98"/>
      <c r="CL4371" s="97"/>
      <c r="CX4371" s="98"/>
      <c r="DL4371" s="97"/>
      <c r="DX4371" s="98"/>
      <c r="EL4371" s="97"/>
      <c r="EX4371" s="98"/>
      <c r="EY4371" s="97"/>
      <c r="FL4371" s="126"/>
      <c r="FM4371" s="91"/>
      <c r="FN4371" s="91"/>
      <c r="FO4371" s="91"/>
      <c r="FP4371" s="91"/>
      <c r="FQ4371" s="91"/>
      <c r="FR4371" s="91"/>
      <c r="FS4371" s="91"/>
      <c r="FT4371" s="91"/>
      <c r="FU4371" s="91"/>
      <c r="FV4371" s="91"/>
      <c r="FW4371" s="91"/>
      <c r="FX4371" s="127"/>
      <c r="FY4371" s="126"/>
      <c r="FZ4371" s="91"/>
      <c r="GA4371" s="91"/>
      <c r="GB4371" s="91"/>
      <c r="GC4371" s="91"/>
      <c r="GD4371" s="91"/>
      <c r="GE4371" s="91"/>
      <c r="GF4371" s="91"/>
      <c r="GG4371" s="91"/>
      <c r="GH4371" s="91"/>
      <c r="GI4371" s="91"/>
      <c r="GJ4371" s="91"/>
      <c r="GK4371" s="127"/>
      <c r="GL4371" s="126"/>
      <c r="GM4371" s="91"/>
      <c r="GN4371" s="91"/>
      <c r="GO4371" s="91"/>
      <c r="GP4371" s="91"/>
      <c r="GQ4371" s="91"/>
      <c r="GR4371" s="91"/>
      <c r="GS4371" s="91"/>
      <c r="GT4371" s="91"/>
      <c r="GU4371" s="91"/>
      <c r="GV4371" s="91"/>
      <c r="GW4371" s="91"/>
      <c r="GX4371" s="127"/>
      <c r="GY4371" s="126"/>
      <c r="GZ4371" s="91"/>
      <c r="HA4371" s="91"/>
      <c r="HB4371" s="91"/>
      <c r="HC4371" s="91"/>
      <c r="HD4371" s="91"/>
      <c r="HE4371" s="91"/>
      <c r="HF4371" s="91"/>
      <c r="HG4371" s="91"/>
      <c r="HH4371" s="91"/>
      <c r="HI4371" s="91"/>
      <c r="HJ4371" s="91"/>
      <c r="HK4371" s="127"/>
      <c r="HL4371" s="126"/>
      <c r="HM4371" s="91"/>
      <c r="HN4371" s="91"/>
      <c r="HO4371" s="91"/>
      <c r="HP4371" s="91"/>
      <c r="HQ4371" s="91"/>
      <c r="HR4371" s="91"/>
      <c r="HS4371" s="91"/>
      <c r="HT4371" s="91"/>
      <c r="HU4371" s="91"/>
      <c r="HV4371" s="91"/>
      <c r="HW4371" s="91"/>
      <c r="HX4371" s="127"/>
      <c r="HY4371" s="126"/>
      <c r="HZ4371" s="91"/>
      <c r="IA4371" s="91"/>
      <c r="IB4371" s="91"/>
      <c r="IC4371" s="91"/>
      <c r="ID4371" s="91"/>
      <c r="IE4371" s="91"/>
      <c r="IF4371" s="91"/>
      <c r="IG4371" s="91"/>
      <c r="IH4371" s="91"/>
      <c r="II4371" s="91"/>
      <c r="IJ4371" s="91"/>
      <c r="IK4371" s="174"/>
    </row>
    <row r="4372" spans="2:245" x14ac:dyDescent="0.2">
      <c r="B4372" s="43"/>
      <c r="C4372" s="73"/>
      <c r="D4372" s="64"/>
      <c r="E4372" s="64"/>
      <c r="F4372" s="55"/>
      <c r="G4372" s="102"/>
      <c r="H4372" s="97"/>
      <c r="T4372" s="98"/>
      <c r="U4372" s="97"/>
      <c r="AG4372" s="98"/>
      <c r="AY4372" s="164"/>
      <c r="BK4372" s="98"/>
      <c r="BL4372" s="97"/>
      <c r="BX4372" s="98"/>
      <c r="CL4372" s="97"/>
      <c r="CX4372" s="98"/>
      <c r="DL4372" s="97"/>
      <c r="DX4372" s="98"/>
      <c r="EL4372" s="97"/>
      <c r="EX4372" s="98"/>
      <c r="EY4372" s="97"/>
      <c r="FL4372" s="126"/>
      <c r="FM4372" s="91"/>
      <c r="FN4372" s="91"/>
      <c r="FO4372" s="91"/>
      <c r="FP4372" s="91"/>
      <c r="FQ4372" s="91"/>
      <c r="FR4372" s="91"/>
      <c r="FS4372" s="91"/>
      <c r="FT4372" s="91"/>
      <c r="FU4372" s="91"/>
      <c r="FV4372" s="91"/>
      <c r="FW4372" s="91"/>
      <c r="FX4372" s="127"/>
      <c r="FY4372" s="126"/>
      <c r="FZ4372" s="91"/>
      <c r="GA4372" s="91"/>
      <c r="GB4372" s="91"/>
      <c r="GC4372" s="91"/>
      <c r="GD4372" s="91"/>
      <c r="GE4372" s="91"/>
      <c r="GF4372" s="91"/>
      <c r="GG4372" s="91"/>
      <c r="GH4372" s="91"/>
      <c r="GI4372" s="91"/>
      <c r="GJ4372" s="91"/>
      <c r="GK4372" s="127"/>
      <c r="GL4372" s="126"/>
      <c r="GM4372" s="91"/>
      <c r="GN4372" s="91"/>
      <c r="GO4372" s="91"/>
      <c r="GP4372" s="91"/>
      <c r="GQ4372" s="91"/>
      <c r="GR4372" s="91"/>
      <c r="GS4372" s="91"/>
      <c r="GT4372" s="91"/>
      <c r="GU4372" s="91"/>
      <c r="GV4372" s="91"/>
      <c r="GW4372" s="91"/>
      <c r="GX4372" s="127"/>
      <c r="GY4372" s="126"/>
      <c r="GZ4372" s="91"/>
      <c r="HA4372" s="91"/>
      <c r="HB4372" s="91"/>
      <c r="HC4372" s="91"/>
      <c r="HD4372" s="91"/>
      <c r="HE4372" s="91"/>
      <c r="HF4372" s="91"/>
      <c r="HG4372" s="91"/>
      <c r="HH4372" s="91"/>
      <c r="HI4372" s="91"/>
      <c r="HJ4372" s="91"/>
      <c r="HK4372" s="127"/>
      <c r="HL4372" s="126"/>
      <c r="HM4372" s="91"/>
      <c r="HN4372" s="91"/>
      <c r="HO4372" s="91"/>
      <c r="HP4372" s="91"/>
      <c r="HQ4372" s="91"/>
      <c r="HR4372" s="91"/>
      <c r="HS4372" s="91"/>
      <c r="HT4372" s="91"/>
      <c r="HU4372" s="91"/>
      <c r="HV4372" s="91"/>
      <c r="HW4372" s="91"/>
      <c r="HX4372" s="127"/>
      <c r="HY4372" s="126"/>
      <c r="HZ4372" s="91"/>
      <c r="IA4372" s="91"/>
      <c r="IB4372" s="91"/>
      <c r="IC4372" s="91"/>
      <c r="ID4372" s="91"/>
      <c r="IE4372" s="91"/>
      <c r="IF4372" s="91"/>
      <c r="IG4372" s="91"/>
      <c r="IH4372" s="91"/>
      <c r="II4372" s="91"/>
      <c r="IJ4372" s="91"/>
      <c r="IK4372" s="174"/>
    </row>
    <row r="4373" spans="2:245" x14ac:dyDescent="0.2">
      <c r="B4373" s="43"/>
      <c r="C4373" s="73"/>
      <c r="D4373" s="64"/>
      <c r="E4373" s="64"/>
      <c r="F4373" s="55"/>
      <c r="G4373" s="102"/>
      <c r="H4373" s="97"/>
      <c r="T4373" s="98"/>
      <c r="U4373" s="97"/>
      <c r="AG4373" s="98"/>
      <c r="AY4373" s="164"/>
      <c r="BK4373" s="98"/>
      <c r="BL4373" s="97"/>
      <c r="BX4373" s="98"/>
      <c r="CL4373" s="97"/>
      <c r="CX4373" s="98"/>
      <c r="DL4373" s="97"/>
      <c r="DX4373" s="98"/>
      <c r="EL4373" s="97"/>
      <c r="EX4373" s="98"/>
      <c r="EY4373" s="97"/>
      <c r="FL4373" s="126"/>
      <c r="FM4373" s="91"/>
      <c r="FN4373" s="91"/>
      <c r="FO4373" s="91"/>
      <c r="FP4373" s="91"/>
      <c r="FQ4373" s="91"/>
      <c r="FR4373" s="91"/>
      <c r="FS4373" s="91"/>
      <c r="FT4373" s="91"/>
      <c r="FU4373" s="91"/>
      <c r="FV4373" s="91"/>
      <c r="FW4373" s="91"/>
      <c r="FX4373" s="127"/>
      <c r="FY4373" s="126"/>
      <c r="FZ4373" s="91"/>
      <c r="GA4373" s="91"/>
      <c r="GB4373" s="91"/>
      <c r="GC4373" s="91"/>
      <c r="GD4373" s="91"/>
      <c r="GE4373" s="91"/>
      <c r="GF4373" s="91"/>
      <c r="GG4373" s="91"/>
      <c r="GH4373" s="91"/>
      <c r="GI4373" s="91"/>
      <c r="GJ4373" s="91"/>
      <c r="GK4373" s="127"/>
      <c r="GL4373" s="126"/>
      <c r="GM4373" s="91"/>
      <c r="GN4373" s="91"/>
      <c r="GO4373" s="91"/>
      <c r="GP4373" s="91"/>
      <c r="GQ4373" s="91"/>
      <c r="GR4373" s="91"/>
      <c r="GS4373" s="91"/>
      <c r="GT4373" s="91"/>
      <c r="GU4373" s="91"/>
      <c r="GV4373" s="91"/>
      <c r="GW4373" s="91"/>
      <c r="GX4373" s="127"/>
      <c r="GY4373" s="126"/>
      <c r="GZ4373" s="91"/>
      <c r="HA4373" s="91"/>
      <c r="HB4373" s="91"/>
      <c r="HC4373" s="91"/>
      <c r="HD4373" s="91"/>
      <c r="HE4373" s="91"/>
      <c r="HF4373" s="91"/>
      <c r="HG4373" s="91"/>
      <c r="HH4373" s="91"/>
      <c r="HI4373" s="91"/>
      <c r="HJ4373" s="91"/>
      <c r="HK4373" s="127"/>
      <c r="HL4373" s="126"/>
      <c r="HM4373" s="91"/>
      <c r="HN4373" s="91"/>
      <c r="HO4373" s="91"/>
      <c r="HP4373" s="91"/>
      <c r="HQ4373" s="91"/>
      <c r="HR4373" s="91"/>
      <c r="HS4373" s="91"/>
      <c r="HT4373" s="91"/>
      <c r="HU4373" s="91"/>
      <c r="HV4373" s="91"/>
      <c r="HW4373" s="91"/>
      <c r="HX4373" s="127"/>
      <c r="HY4373" s="126"/>
      <c r="HZ4373" s="91"/>
      <c r="IA4373" s="91"/>
      <c r="IB4373" s="91"/>
      <c r="IC4373" s="91"/>
      <c r="ID4373" s="91"/>
      <c r="IE4373" s="91"/>
      <c r="IF4373" s="91"/>
      <c r="IG4373" s="91"/>
      <c r="IH4373" s="91"/>
      <c r="II4373" s="91"/>
      <c r="IJ4373" s="91"/>
      <c r="IK4373" s="174"/>
    </row>
    <row r="4374" spans="2:245" x14ac:dyDescent="0.2">
      <c r="B4374" s="43"/>
      <c r="C4374" s="73"/>
      <c r="D4374" s="64"/>
      <c r="E4374" s="64"/>
      <c r="F4374" s="55"/>
      <c r="G4374" s="102"/>
      <c r="H4374" s="97"/>
      <c r="T4374" s="98"/>
      <c r="U4374" s="97"/>
      <c r="AG4374" s="98"/>
      <c r="AY4374" s="164"/>
      <c r="BK4374" s="98"/>
      <c r="BL4374" s="97"/>
      <c r="BX4374" s="98"/>
      <c r="CL4374" s="97"/>
      <c r="CX4374" s="98"/>
      <c r="DL4374" s="97"/>
      <c r="DX4374" s="98"/>
      <c r="EL4374" s="97"/>
      <c r="EX4374" s="98"/>
      <c r="EY4374" s="97"/>
      <c r="FL4374" s="126"/>
      <c r="FM4374" s="91"/>
      <c r="FN4374" s="91"/>
      <c r="FO4374" s="91"/>
      <c r="FP4374" s="91"/>
      <c r="FQ4374" s="91"/>
      <c r="FR4374" s="91"/>
      <c r="FS4374" s="91"/>
      <c r="FT4374" s="91"/>
      <c r="FU4374" s="91"/>
      <c r="FV4374" s="91"/>
      <c r="FW4374" s="91"/>
      <c r="FX4374" s="127"/>
      <c r="FY4374" s="126"/>
      <c r="FZ4374" s="91"/>
      <c r="GA4374" s="91"/>
      <c r="GB4374" s="91"/>
      <c r="GC4374" s="91"/>
      <c r="GD4374" s="91"/>
      <c r="GE4374" s="91"/>
      <c r="GF4374" s="91"/>
      <c r="GG4374" s="91"/>
      <c r="GH4374" s="91"/>
      <c r="GI4374" s="91"/>
      <c r="GJ4374" s="91"/>
      <c r="GK4374" s="127"/>
      <c r="GL4374" s="126"/>
      <c r="GM4374" s="91"/>
      <c r="GN4374" s="91"/>
      <c r="GO4374" s="91"/>
      <c r="GP4374" s="91"/>
      <c r="GQ4374" s="91"/>
      <c r="GR4374" s="91"/>
      <c r="GS4374" s="91"/>
      <c r="GT4374" s="91"/>
      <c r="GU4374" s="91"/>
      <c r="GV4374" s="91"/>
      <c r="GW4374" s="91"/>
      <c r="GX4374" s="127"/>
      <c r="GY4374" s="126"/>
      <c r="GZ4374" s="91"/>
      <c r="HA4374" s="91"/>
      <c r="HB4374" s="91"/>
      <c r="HC4374" s="91"/>
      <c r="HD4374" s="91"/>
      <c r="HE4374" s="91"/>
      <c r="HF4374" s="91"/>
      <c r="HG4374" s="91"/>
      <c r="HH4374" s="91"/>
      <c r="HI4374" s="91"/>
      <c r="HJ4374" s="91"/>
      <c r="HK4374" s="127"/>
      <c r="HL4374" s="126"/>
      <c r="HM4374" s="91"/>
      <c r="HN4374" s="91"/>
      <c r="HO4374" s="91"/>
      <c r="HP4374" s="91"/>
      <c r="HQ4374" s="91"/>
      <c r="HR4374" s="91"/>
      <c r="HS4374" s="91"/>
      <c r="HT4374" s="91"/>
      <c r="HU4374" s="91"/>
      <c r="HV4374" s="91"/>
      <c r="HW4374" s="91"/>
      <c r="HX4374" s="127"/>
      <c r="HY4374" s="126"/>
      <c r="HZ4374" s="91"/>
      <c r="IA4374" s="91"/>
      <c r="IB4374" s="91"/>
      <c r="IC4374" s="91"/>
      <c r="ID4374" s="91"/>
      <c r="IE4374" s="91"/>
      <c r="IF4374" s="91"/>
      <c r="IG4374" s="91"/>
      <c r="IH4374" s="91"/>
      <c r="II4374" s="91"/>
      <c r="IJ4374" s="91"/>
      <c r="IK4374" s="174"/>
    </row>
    <row r="4375" spans="2:245" x14ac:dyDescent="0.2">
      <c r="B4375" s="43"/>
      <c r="C4375" s="73"/>
      <c r="D4375" s="64"/>
      <c r="E4375" s="64"/>
      <c r="F4375" s="55"/>
      <c r="G4375" s="102"/>
      <c r="H4375" s="97"/>
      <c r="T4375" s="98"/>
      <c r="U4375" s="97"/>
      <c r="AG4375" s="98"/>
      <c r="AY4375" s="164"/>
      <c r="BK4375" s="98"/>
      <c r="BL4375" s="97"/>
      <c r="BX4375" s="98"/>
      <c r="CL4375" s="97"/>
      <c r="CX4375" s="98"/>
      <c r="DL4375" s="97"/>
      <c r="DX4375" s="98"/>
      <c r="EL4375" s="97"/>
      <c r="EX4375" s="98"/>
      <c r="EY4375" s="97"/>
      <c r="FL4375" s="126"/>
      <c r="FM4375" s="91"/>
      <c r="FN4375" s="91"/>
      <c r="FO4375" s="91"/>
      <c r="FP4375" s="91"/>
      <c r="FQ4375" s="91"/>
      <c r="FR4375" s="91"/>
      <c r="FS4375" s="91"/>
      <c r="FT4375" s="91"/>
      <c r="FU4375" s="91"/>
      <c r="FV4375" s="91"/>
      <c r="FW4375" s="91"/>
      <c r="FX4375" s="127"/>
      <c r="FY4375" s="126"/>
      <c r="FZ4375" s="91"/>
      <c r="GA4375" s="91"/>
      <c r="GB4375" s="91"/>
      <c r="GC4375" s="91"/>
      <c r="GD4375" s="91"/>
      <c r="GE4375" s="91"/>
      <c r="GF4375" s="91"/>
      <c r="GG4375" s="91"/>
      <c r="GH4375" s="91"/>
      <c r="GI4375" s="91"/>
      <c r="GJ4375" s="91"/>
      <c r="GK4375" s="127"/>
      <c r="GL4375" s="126"/>
      <c r="GM4375" s="91"/>
      <c r="GN4375" s="91"/>
      <c r="GO4375" s="91"/>
      <c r="GP4375" s="91"/>
      <c r="GQ4375" s="91"/>
      <c r="GR4375" s="91"/>
      <c r="GS4375" s="91"/>
      <c r="GT4375" s="91"/>
      <c r="GU4375" s="91"/>
      <c r="GV4375" s="91"/>
      <c r="GW4375" s="91"/>
      <c r="GX4375" s="127"/>
      <c r="GY4375" s="126"/>
      <c r="GZ4375" s="91"/>
      <c r="HA4375" s="91"/>
      <c r="HB4375" s="91"/>
      <c r="HC4375" s="91"/>
      <c r="HD4375" s="91"/>
      <c r="HE4375" s="91"/>
      <c r="HF4375" s="91"/>
      <c r="HG4375" s="91"/>
      <c r="HH4375" s="91"/>
      <c r="HI4375" s="91"/>
      <c r="HJ4375" s="91"/>
      <c r="HK4375" s="127"/>
      <c r="HL4375" s="126"/>
      <c r="HM4375" s="91"/>
      <c r="HN4375" s="91"/>
      <c r="HO4375" s="91"/>
      <c r="HP4375" s="91"/>
      <c r="HQ4375" s="91"/>
      <c r="HR4375" s="91"/>
      <c r="HS4375" s="91"/>
      <c r="HT4375" s="91"/>
      <c r="HU4375" s="91"/>
      <c r="HV4375" s="91"/>
      <c r="HW4375" s="91"/>
      <c r="HX4375" s="127"/>
      <c r="HY4375" s="126"/>
      <c r="HZ4375" s="91"/>
      <c r="IA4375" s="91"/>
      <c r="IB4375" s="91"/>
      <c r="IC4375" s="91"/>
      <c r="ID4375" s="91"/>
      <c r="IE4375" s="91"/>
      <c r="IF4375" s="91"/>
      <c r="IG4375" s="91"/>
      <c r="IH4375" s="91"/>
      <c r="II4375" s="91"/>
      <c r="IJ4375" s="91"/>
      <c r="IK4375" s="174"/>
    </row>
    <row r="4376" spans="2:245" x14ac:dyDescent="0.2">
      <c r="B4376" s="43"/>
      <c r="C4376" s="73"/>
      <c r="D4376" s="64"/>
      <c r="E4376" s="64"/>
      <c r="F4376" s="55"/>
      <c r="G4376" s="102"/>
      <c r="H4376" s="97"/>
      <c r="T4376" s="98"/>
      <c r="U4376" s="97"/>
      <c r="AG4376" s="98"/>
      <c r="AY4376" s="164"/>
      <c r="BK4376" s="98"/>
      <c r="BL4376" s="97"/>
      <c r="BX4376" s="98"/>
      <c r="CL4376" s="97"/>
      <c r="CX4376" s="98"/>
      <c r="DL4376" s="97"/>
      <c r="DX4376" s="98"/>
      <c r="EL4376" s="97"/>
      <c r="EX4376" s="98"/>
      <c r="EY4376" s="97"/>
      <c r="FL4376" s="126"/>
      <c r="FM4376" s="91"/>
      <c r="FN4376" s="91"/>
      <c r="FO4376" s="91"/>
      <c r="FP4376" s="91"/>
      <c r="FQ4376" s="91"/>
      <c r="FR4376" s="91"/>
      <c r="FS4376" s="91"/>
      <c r="FT4376" s="91"/>
      <c r="FU4376" s="91"/>
      <c r="FV4376" s="91"/>
      <c r="FW4376" s="91"/>
      <c r="FX4376" s="127"/>
      <c r="FY4376" s="126"/>
      <c r="FZ4376" s="91"/>
      <c r="GA4376" s="91"/>
      <c r="GB4376" s="91"/>
      <c r="GC4376" s="91"/>
      <c r="GD4376" s="91"/>
      <c r="GE4376" s="91"/>
      <c r="GF4376" s="91"/>
      <c r="GG4376" s="91"/>
      <c r="GH4376" s="91"/>
      <c r="GI4376" s="91"/>
      <c r="GJ4376" s="91"/>
      <c r="GK4376" s="127"/>
      <c r="GL4376" s="126"/>
      <c r="GM4376" s="91"/>
      <c r="GN4376" s="91"/>
      <c r="GO4376" s="91"/>
      <c r="GP4376" s="91"/>
      <c r="GQ4376" s="91"/>
      <c r="GR4376" s="91"/>
      <c r="GS4376" s="91"/>
      <c r="GT4376" s="91"/>
      <c r="GU4376" s="91"/>
      <c r="GV4376" s="91"/>
      <c r="GW4376" s="91"/>
      <c r="GX4376" s="127"/>
      <c r="GY4376" s="126"/>
      <c r="GZ4376" s="91"/>
      <c r="HA4376" s="91"/>
      <c r="HB4376" s="91"/>
      <c r="HC4376" s="91"/>
      <c r="HD4376" s="91"/>
      <c r="HE4376" s="91"/>
      <c r="HF4376" s="91"/>
      <c r="HG4376" s="91"/>
      <c r="HH4376" s="91"/>
      <c r="HI4376" s="91"/>
      <c r="HJ4376" s="91"/>
      <c r="HK4376" s="127"/>
      <c r="HL4376" s="126"/>
      <c r="HM4376" s="91"/>
      <c r="HN4376" s="91"/>
      <c r="HO4376" s="91"/>
      <c r="HP4376" s="91"/>
      <c r="HQ4376" s="91"/>
      <c r="HR4376" s="91"/>
      <c r="HS4376" s="91"/>
      <c r="HT4376" s="91"/>
      <c r="HU4376" s="91"/>
      <c r="HV4376" s="91"/>
      <c r="HW4376" s="91"/>
      <c r="HX4376" s="127"/>
      <c r="HY4376" s="126"/>
      <c r="HZ4376" s="91"/>
      <c r="IA4376" s="91"/>
      <c r="IB4376" s="91"/>
      <c r="IC4376" s="91"/>
      <c r="ID4376" s="91"/>
      <c r="IE4376" s="91"/>
      <c r="IF4376" s="91"/>
      <c r="IG4376" s="91"/>
      <c r="IH4376" s="91"/>
      <c r="II4376" s="91"/>
      <c r="IJ4376" s="91"/>
      <c r="IK4376" s="174"/>
    </row>
    <row r="4377" spans="2:245" x14ac:dyDescent="0.2">
      <c r="B4377" s="43"/>
      <c r="C4377" s="73"/>
      <c r="D4377" s="64"/>
      <c r="E4377" s="64"/>
      <c r="F4377" s="55"/>
      <c r="G4377" s="102"/>
      <c r="H4377" s="97"/>
      <c r="T4377" s="98"/>
      <c r="U4377" s="97"/>
      <c r="AG4377" s="98"/>
      <c r="AY4377" s="164"/>
      <c r="BK4377" s="98"/>
      <c r="BL4377" s="97"/>
      <c r="BX4377" s="98"/>
      <c r="CL4377" s="97"/>
      <c r="CX4377" s="98"/>
      <c r="DL4377" s="97"/>
      <c r="DX4377" s="98"/>
      <c r="EL4377" s="97"/>
      <c r="EX4377" s="98"/>
      <c r="EY4377" s="97"/>
      <c r="FL4377" s="126"/>
      <c r="FM4377" s="91"/>
      <c r="FN4377" s="91"/>
      <c r="FO4377" s="91"/>
      <c r="FP4377" s="91"/>
      <c r="FQ4377" s="91"/>
      <c r="FR4377" s="91"/>
      <c r="FS4377" s="91"/>
      <c r="FT4377" s="91"/>
      <c r="FU4377" s="91"/>
      <c r="FV4377" s="91"/>
      <c r="FW4377" s="91"/>
      <c r="FX4377" s="127"/>
      <c r="FY4377" s="126"/>
      <c r="FZ4377" s="91"/>
      <c r="GA4377" s="91"/>
      <c r="GB4377" s="91"/>
      <c r="GC4377" s="91"/>
      <c r="GD4377" s="91"/>
      <c r="GE4377" s="91"/>
      <c r="GF4377" s="91"/>
      <c r="GG4377" s="91"/>
      <c r="GH4377" s="91"/>
      <c r="GI4377" s="91"/>
      <c r="GJ4377" s="91"/>
      <c r="GK4377" s="127"/>
      <c r="GL4377" s="126"/>
      <c r="GM4377" s="91"/>
      <c r="GN4377" s="91"/>
      <c r="GO4377" s="91"/>
      <c r="GP4377" s="91"/>
      <c r="GQ4377" s="91"/>
      <c r="GR4377" s="91"/>
      <c r="GS4377" s="91"/>
      <c r="GT4377" s="91"/>
      <c r="GU4377" s="91"/>
      <c r="GV4377" s="91"/>
      <c r="GW4377" s="91"/>
      <c r="GX4377" s="127"/>
      <c r="GY4377" s="126"/>
      <c r="GZ4377" s="91"/>
      <c r="HA4377" s="91"/>
      <c r="HB4377" s="91"/>
      <c r="HC4377" s="91"/>
      <c r="HD4377" s="91"/>
      <c r="HE4377" s="91"/>
      <c r="HF4377" s="91"/>
      <c r="HG4377" s="91"/>
      <c r="HH4377" s="91"/>
      <c r="HI4377" s="91"/>
      <c r="HJ4377" s="91"/>
      <c r="HK4377" s="127"/>
      <c r="HL4377" s="126"/>
      <c r="HM4377" s="91"/>
      <c r="HN4377" s="91"/>
      <c r="HO4377" s="91"/>
      <c r="HP4377" s="91"/>
      <c r="HQ4377" s="91"/>
      <c r="HR4377" s="91"/>
      <c r="HS4377" s="91"/>
      <c r="HT4377" s="91"/>
      <c r="HU4377" s="91"/>
      <c r="HV4377" s="91"/>
      <c r="HW4377" s="91"/>
      <c r="HX4377" s="127"/>
      <c r="HY4377" s="126"/>
      <c r="HZ4377" s="91"/>
      <c r="IA4377" s="91"/>
      <c r="IB4377" s="91"/>
      <c r="IC4377" s="91"/>
      <c r="ID4377" s="91"/>
      <c r="IE4377" s="91"/>
      <c r="IF4377" s="91"/>
      <c r="IG4377" s="91"/>
      <c r="IH4377" s="91"/>
      <c r="II4377" s="91"/>
      <c r="IJ4377" s="91"/>
      <c r="IK4377" s="174"/>
    </row>
    <row r="4378" spans="2:245" x14ac:dyDescent="0.2">
      <c r="B4378" s="43"/>
      <c r="C4378" s="73"/>
      <c r="D4378" s="64"/>
      <c r="E4378" s="64"/>
      <c r="F4378" s="55"/>
      <c r="G4378" s="102"/>
      <c r="H4378" s="97"/>
      <c r="T4378" s="98"/>
      <c r="U4378" s="97"/>
      <c r="AG4378" s="98"/>
      <c r="AY4378" s="164"/>
      <c r="BK4378" s="98"/>
      <c r="BL4378" s="97"/>
      <c r="BX4378" s="98"/>
      <c r="CL4378" s="97"/>
      <c r="CX4378" s="98"/>
      <c r="DL4378" s="97"/>
      <c r="DX4378" s="98"/>
      <c r="EL4378" s="97"/>
      <c r="EX4378" s="98"/>
      <c r="EY4378" s="97"/>
      <c r="FL4378" s="126"/>
      <c r="FM4378" s="91"/>
      <c r="FN4378" s="91"/>
      <c r="FO4378" s="91"/>
      <c r="FP4378" s="91"/>
      <c r="FQ4378" s="91"/>
      <c r="FR4378" s="91"/>
      <c r="FS4378" s="91"/>
      <c r="FT4378" s="91"/>
      <c r="FU4378" s="91"/>
      <c r="FV4378" s="91"/>
      <c r="FW4378" s="91"/>
      <c r="FX4378" s="127"/>
      <c r="FY4378" s="126"/>
      <c r="FZ4378" s="91"/>
      <c r="GA4378" s="91"/>
      <c r="GB4378" s="91"/>
      <c r="GC4378" s="91"/>
      <c r="GD4378" s="91"/>
      <c r="GE4378" s="91"/>
      <c r="GF4378" s="91"/>
      <c r="GG4378" s="91"/>
      <c r="GH4378" s="91"/>
      <c r="GI4378" s="91"/>
      <c r="GJ4378" s="91"/>
      <c r="GK4378" s="127"/>
      <c r="GL4378" s="126"/>
      <c r="GM4378" s="91"/>
      <c r="GN4378" s="91"/>
      <c r="GO4378" s="91"/>
      <c r="GP4378" s="91"/>
      <c r="GQ4378" s="91"/>
      <c r="GR4378" s="91"/>
      <c r="GS4378" s="91"/>
      <c r="GT4378" s="91"/>
      <c r="GU4378" s="91"/>
      <c r="GV4378" s="91"/>
      <c r="GW4378" s="91"/>
      <c r="GX4378" s="127"/>
      <c r="GY4378" s="126"/>
      <c r="GZ4378" s="91"/>
      <c r="HA4378" s="91"/>
      <c r="HB4378" s="91"/>
      <c r="HC4378" s="91"/>
      <c r="HD4378" s="91"/>
      <c r="HE4378" s="91"/>
      <c r="HF4378" s="91"/>
      <c r="HG4378" s="91"/>
      <c r="HH4378" s="91"/>
      <c r="HI4378" s="91"/>
      <c r="HJ4378" s="91"/>
      <c r="HK4378" s="127"/>
      <c r="HL4378" s="126"/>
      <c r="HM4378" s="91"/>
      <c r="HN4378" s="91"/>
      <c r="HO4378" s="91"/>
      <c r="HP4378" s="91"/>
      <c r="HQ4378" s="91"/>
      <c r="HR4378" s="91"/>
      <c r="HS4378" s="91"/>
      <c r="HT4378" s="91"/>
      <c r="HU4378" s="91"/>
      <c r="HV4378" s="91"/>
      <c r="HW4378" s="91"/>
      <c r="HX4378" s="127"/>
      <c r="HY4378" s="126"/>
      <c r="HZ4378" s="91"/>
      <c r="IA4378" s="91"/>
      <c r="IB4378" s="91"/>
      <c r="IC4378" s="91"/>
      <c r="ID4378" s="91"/>
      <c r="IE4378" s="91"/>
      <c r="IF4378" s="91"/>
      <c r="IG4378" s="91"/>
      <c r="IH4378" s="91"/>
      <c r="II4378" s="91"/>
      <c r="IJ4378" s="91"/>
      <c r="IK4378" s="174"/>
    </row>
    <row r="4379" spans="2:245" x14ac:dyDescent="0.2">
      <c r="B4379" s="43"/>
      <c r="C4379" s="73"/>
      <c r="D4379" s="64"/>
      <c r="E4379" s="64"/>
      <c r="F4379" s="55"/>
      <c r="G4379" s="102"/>
      <c r="H4379" s="97"/>
      <c r="T4379" s="98"/>
      <c r="U4379" s="97"/>
      <c r="AG4379" s="98"/>
      <c r="AY4379" s="164"/>
      <c r="BK4379" s="98"/>
      <c r="BL4379" s="97"/>
      <c r="BX4379" s="98"/>
      <c r="CL4379" s="97"/>
      <c r="CX4379" s="98"/>
      <c r="DL4379" s="97"/>
      <c r="DX4379" s="98"/>
      <c r="EL4379" s="97"/>
      <c r="EX4379" s="98"/>
      <c r="EY4379" s="97"/>
      <c r="FL4379" s="126"/>
      <c r="FM4379" s="91"/>
      <c r="FN4379" s="91"/>
      <c r="FO4379" s="91"/>
      <c r="FP4379" s="91"/>
      <c r="FQ4379" s="91"/>
      <c r="FR4379" s="91"/>
      <c r="FS4379" s="91"/>
      <c r="FT4379" s="91"/>
      <c r="FU4379" s="91"/>
      <c r="FV4379" s="91"/>
      <c r="FW4379" s="91"/>
      <c r="FX4379" s="127"/>
      <c r="FY4379" s="126"/>
      <c r="FZ4379" s="91"/>
      <c r="GA4379" s="91"/>
      <c r="GB4379" s="91"/>
      <c r="GC4379" s="91"/>
      <c r="GD4379" s="91"/>
      <c r="GE4379" s="91"/>
      <c r="GF4379" s="91"/>
      <c r="GG4379" s="91"/>
      <c r="GH4379" s="91"/>
      <c r="GI4379" s="91"/>
      <c r="GJ4379" s="91"/>
      <c r="GK4379" s="127"/>
      <c r="GL4379" s="126"/>
      <c r="GM4379" s="91"/>
      <c r="GN4379" s="91"/>
      <c r="GO4379" s="91"/>
      <c r="GP4379" s="91"/>
      <c r="GQ4379" s="91"/>
      <c r="GR4379" s="91"/>
      <c r="GS4379" s="91"/>
      <c r="GT4379" s="91"/>
      <c r="GU4379" s="91"/>
      <c r="GV4379" s="91"/>
      <c r="GW4379" s="91"/>
      <c r="GX4379" s="127"/>
      <c r="GY4379" s="126"/>
      <c r="GZ4379" s="91"/>
      <c r="HA4379" s="91"/>
      <c r="HB4379" s="91"/>
      <c r="HC4379" s="91"/>
      <c r="HD4379" s="91"/>
      <c r="HE4379" s="91"/>
      <c r="HF4379" s="91"/>
      <c r="HG4379" s="91"/>
      <c r="HH4379" s="91"/>
      <c r="HI4379" s="91"/>
      <c r="HJ4379" s="91"/>
      <c r="HK4379" s="127"/>
      <c r="HL4379" s="126"/>
      <c r="HM4379" s="91"/>
      <c r="HN4379" s="91"/>
      <c r="HO4379" s="91"/>
      <c r="HP4379" s="91"/>
      <c r="HQ4379" s="91"/>
      <c r="HR4379" s="91"/>
      <c r="HS4379" s="91"/>
      <c r="HT4379" s="91"/>
      <c r="HU4379" s="91"/>
      <c r="HV4379" s="91"/>
      <c r="HW4379" s="91"/>
      <c r="HX4379" s="127"/>
      <c r="HY4379" s="126"/>
      <c r="HZ4379" s="91"/>
      <c r="IA4379" s="91"/>
      <c r="IB4379" s="91"/>
      <c r="IC4379" s="91"/>
      <c r="ID4379" s="91"/>
      <c r="IE4379" s="91"/>
      <c r="IF4379" s="91"/>
      <c r="IG4379" s="91"/>
      <c r="IH4379" s="91"/>
      <c r="II4379" s="91"/>
      <c r="IJ4379" s="91"/>
      <c r="IK4379" s="174"/>
    </row>
    <row r="4380" spans="2:245" x14ac:dyDescent="0.2">
      <c r="B4380" s="43"/>
      <c r="C4380" s="73"/>
      <c r="D4380" s="64"/>
      <c r="E4380" s="64"/>
      <c r="F4380" s="55"/>
      <c r="G4380" s="102"/>
      <c r="H4380" s="97"/>
      <c r="T4380" s="98"/>
      <c r="U4380" s="97"/>
      <c r="AG4380" s="98"/>
      <c r="AY4380" s="164"/>
      <c r="BK4380" s="98"/>
      <c r="BL4380" s="97"/>
      <c r="BX4380" s="98"/>
      <c r="CL4380" s="97"/>
      <c r="CX4380" s="98"/>
      <c r="DL4380" s="97"/>
      <c r="DX4380" s="98"/>
      <c r="EL4380" s="97"/>
      <c r="EX4380" s="98"/>
      <c r="EY4380" s="97"/>
      <c r="FL4380" s="126"/>
      <c r="FM4380" s="91"/>
      <c r="FN4380" s="91"/>
      <c r="FO4380" s="91"/>
      <c r="FP4380" s="91"/>
      <c r="FQ4380" s="91"/>
      <c r="FR4380" s="91"/>
      <c r="FS4380" s="91"/>
      <c r="FT4380" s="91"/>
      <c r="FU4380" s="91"/>
      <c r="FV4380" s="91"/>
      <c r="FW4380" s="91"/>
      <c r="FX4380" s="127"/>
      <c r="FY4380" s="126"/>
      <c r="FZ4380" s="91"/>
      <c r="GA4380" s="91"/>
      <c r="GB4380" s="91"/>
      <c r="GC4380" s="91"/>
      <c r="GD4380" s="91"/>
      <c r="GE4380" s="91"/>
      <c r="GF4380" s="91"/>
      <c r="GG4380" s="91"/>
      <c r="GH4380" s="91"/>
      <c r="GI4380" s="91"/>
      <c r="GJ4380" s="91"/>
      <c r="GK4380" s="127"/>
      <c r="GL4380" s="126"/>
      <c r="GM4380" s="91"/>
      <c r="GN4380" s="91"/>
      <c r="GO4380" s="91"/>
      <c r="GP4380" s="91"/>
      <c r="GQ4380" s="91"/>
      <c r="GR4380" s="91"/>
      <c r="GS4380" s="91"/>
      <c r="GT4380" s="91"/>
      <c r="GU4380" s="91"/>
      <c r="GV4380" s="91"/>
      <c r="GW4380" s="91"/>
      <c r="GX4380" s="127"/>
      <c r="GY4380" s="126"/>
      <c r="GZ4380" s="91"/>
      <c r="HA4380" s="91"/>
      <c r="HB4380" s="91"/>
      <c r="HC4380" s="91"/>
      <c r="HD4380" s="91"/>
      <c r="HE4380" s="91"/>
      <c r="HF4380" s="91"/>
      <c r="HG4380" s="91"/>
      <c r="HH4380" s="91"/>
      <c r="HI4380" s="91"/>
      <c r="HJ4380" s="91"/>
      <c r="HK4380" s="127"/>
      <c r="HL4380" s="126"/>
      <c r="HM4380" s="91"/>
      <c r="HN4380" s="91"/>
      <c r="HO4380" s="91"/>
      <c r="HP4380" s="91"/>
      <c r="HQ4380" s="91"/>
      <c r="HR4380" s="91"/>
      <c r="HS4380" s="91"/>
      <c r="HT4380" s="91"/>
      <c r="HU4380" s="91"/>
      <c r="HV4380" s="91"/>
      <c r="HW4380" s="91"/>
      <c r="HX4380" s="127"/>
      <c r="HY4380" s="126"/>
      <c r="HZ4380" s="91"/>
      <c r="IA4380" s="91"/>
      <c r="IB4380" s="91"/>
      <c r="IC4380" s="91"/>
      <c r="ID4380" s="91"/>
      <c r="IE4380" s="91"/>
      <c r="IF4380" s="91"/>
      <c r="IG4380" s="91"/>
      <c r="IH4380" s="91"/>
      <c r="II4380" s="91"/>
      <c r="IJ4380" s="91"/>
      <c r="IK4380" s="174"/>
    </row>
    <row r="4381" spans="2:245" x14ac:dyDescent="0.2">
      <c r="B4381" s="43"/>
      <c r="C4381" s="73"/>
      <c r="D4381" s="64"/>
      <c r="E4381" s="64"/>
      <c r="F4381" s="55"/>
      <c r="G4381" s="102"/>
      <c r="H4381" s="97"/>
      <c r="T4381" s="98"/>
      <c r="U4381" s="97"/>
      <c r="AG4381" s="98"/>
      <c r="AY4381" s="164"/>
      <c r="BK4381" s="98"/>
      <c r="BL4381" s="97"/>
      <c r="BX4381" s="98"/>
      <c r="CL4381" s="97"/>
      <c r="CX4381" s="98"/>
      <c r="DL4381" s="97"/>
      <c r="DX4381" s="98"/>
      <c r="EL4381" s="97"/>
      <c r="EX4381" s="98"/>
      <c r="EY4381" s="97"/>
      <c r="FL4381" s="126"/>
      <c r="FM4381" s="91"/>
      <c r="FN4381" s="91"/>
      <c r="FO4381" s="91"/>
      <c r="FP4381" s="91"/>
      <c r="FQ4381" s="91"/>
      <c r="FR4381" s="91"/>
      <c r="FS4381" s="91"/>
      <c r="FT4381" s="91"/>
      <c r="FU4381" s="91"/>
      <c r="FV4381" s="91"/>
      <c r="FW4381" s="91"/>
      <c r="FX4381" s="127"/>
      <c r="FY4381" s="126"/>
      <c r="FZ4381" s="91"/>
      <c r="GA4381" s="91"/>
      <c r="GB4381" s="91"/>
      <c r="GC4381" s="91"/>
      <c r="GD4381" s="91"/>
      <c r="GE4381" s="91"/>
      <c r="GF4381" s="91"/>
      <c r="GG4381" s="91"/>
      <c r="GH4381" s="91"/>
      <c r="GI4381" s="91"/>
      <c r="GJ4381" s="91"/>
      <c r="GK4381" s="127"/>
      <c r="GL4381" s="126"/>
      <c r="GM4381" s="91"/>
      <c r="GN4381" s="91"/>
      <c r="GO4381" s="91"/>
      <c r="GP4381" s="91"/>
      <c r="GQ4381" s="91"/>
      <c r="GR4381" s="91"/>
      <c r="GS4381" s="91"/>
      <c r="GT4381" s="91"/>
      <c r="GU4381" s="91"/>
      <c r="GV4381" s="91"/>
      <c r="GW4381" s="91"/>
      <c r="GX4381" s="127"/>
      <c r="GY4381" s="126"/>
      <c r="GZ4381" s="91"/>
      <c r="HA4381" s="91"/>
      <c r="HB4381" s="91"/>
      <c r="HC4381" s="91"/>
      <c r="HD4381" s="91"/>
      <c r="HE4381" s="91"/>
      <c r="HF4381" s="91"/>
      <c r="HG4381" s="91"/>
      <c r="HH4381" s="91"/>
      <c r="HI4381" s="91"/>
      <c r="HJ4381" s="91"/>
      <c r="HK4381" s="127"/>
      <c r="HL4381" s="126"/>
      <c r="HM4381" s="91"/>
      <c r="HN4381" s="91"/>
      <c r="HO4381" s="91"/>
      <c r="HP4381" s="91"/>
      <c r="HQ4381" s="91"/>
      <c r="HR4381" s="91"/>
      <c r="HS4381" s="91"/>
      <c r="HT4381" s="91"/>
      <c r="HU4381" s="91"/>
      <c r="HV4381" s="91"/>
      <c r="HW4381" s="91"/>
      <c r="HX4381" s="127"/>
      <c r="HY4381" s="126"/>
      <c r="HZ4381" s="91"/>
      <c r="IA4381" s="91"/>
      <c r="IB4381" s="91"/>
      <c r="IC4381" s="91"/>
      <c r="ID4381" s="91"/>
      <c r="IE4381" s="91"/>
      <c r="IF4381" s="91"/>
      <c r="IG4381" s="91"/>
      <c r="IH4381" s="91"/>
      <c r="II4381" s="91"/>
      <c r="IJ4381" s="91"/>
      <c r="IK4381" s="174"/>
    </row>
    <row r="4382" spans="2:245" x14ac:dyDescent="0.2">
      <c r="B4382" s="43"/>
      <c r="C4382" s="73"/>
      <c r="D4382" s="64"/>
      <c r="E4382" s="64"/>
      <c r="F4382" s="55"/>
      <c r="G4382" s="102"/>
      <c r="H4382" s="97"/>
      <c r="T4382" s="98"/>
      <c r="U4382" s="97"/>
      <c r="AG4382" s="98"/>
      <c r="AY4382" s="164"/>
      <c r="BK4382" s="98"/>
      <c r="BL4382" s="97"/>
      <c r="BX4382" s="98"/>
      <c r="CL4382" s="97"/>
      <c r="CX4382" s="98"/>
      <c r="DL4382" s="97"/>
      <c r="DX4382" s="98"/>
      <c r="EL4382" s="97"/>
      <c r="EX4382" s="98"/>
      <c r="EY4382" s="97"/>
      <c r="FL4382" s="126"/>
      <c r="FM4382" s="91"/>
      <c r="FN4382" s="91"/>
      <c r="FO4382" s="91"/>
      <c r="FP4382" s="91"/>
      <c r="FQ4382" s="91"/>
      <c r="FR4382" s="91"/>
      <c r="FS4382" s="91"/>
      <c r="FT4382" s="91"/>
      <c r="FU4382" s="91"/>
      <c r="FV4382" s="91"/>
      <c r="FW4382" s="91"/>
      <c r="FX4382" s="127"/>
      <c r="FY4382" s="126"/>
      <c r="FZ4382" s="91"/>
      <c r="GA4382" s="91"/>
      <c r="GB4382" s="91"/>
      <c r="GC4382" s="91"/>
      <c r="GD4382" s="91"/>
      <c r="GE4382" s="91"/>
      <c r="GF4382" s="91"/>
      <c r="GG4382" s="91"/>
      <c r="GH4382" s="91"/>
      <c r="GI4382" s="91"/>
      <c r="GJ4382" s="91"/>
      <c r="GK4382" s="127"/>
      <c r="GL4382" s="126"/>
      <c r="GM4382" s="91"/>
      <c r="GN4382" s="91"/>
      <c r="GO4382" s="91"/>
      <c r="GP4382" s="91"/>
      <c r="GQ4382" s="91"/>
      <c r="GR4382" s="91"/>
      <c r="GS4382" s="91"/>
      <c r="GT4382" s="91"/>
      <c r="GU4382" s="91"/>
      <c r="GV4382" s="91"/>
      <c r="GW4382" s="91"/>
      <c r="GX4382" s="127"/>
      <c r="GY4382" s="126"/>
      <c r="GZ4382" s="91"/>
      <c r="HA4382" s="91"/>
      <c r="HB4382" s="91"/>
      <c r="HC4382" s="91"/>
      <c r="HD4382" s="91"/>
      <c r="HE4382" s="91"/>
      <c r="HF4382" s="91"/>
      <c r="HG4382" s="91"/>
      <c r="HH4382" s="91"/>
      <c r="HI4382" s="91"/>
      <c r="HJ4382" s="91"/>
      <c r="HK4382" s="127"/>
      <c r="HL4382" s="126"/>
      <c r="HM4382" s="91"/>
      <c r="HN4382" s="91"/>
      <c r="HO4382" s="91"/>
      <c r="HP4382" s="91"/>
      <c r="HQ4382" s="91"/>
      <c r="HR4382" s="91"/>
      <c r="HS4382" s="91"/>
      <c r="HT4382" s="91"/>
      <c r="HU4382" s="91"/>
      <c r="HV4382" s="91"/>
      <c r="HW4382" s="91"/>
      <c r="HX4382" s="127"/>
      <c r="HY4382" s="126"/>
      <c r="HZ4382" s="91"/>
      <c r="IA4382" s="91"/>
      <c r="IB4382" s="91"/>
      <c r="IC4382" s="91"/>
      <c r="ID4382" s="91"/>
      <c r="IE4382" s="91"/>
      <c r="IF4382" s="91"/>
      <c r="IG4382" s="91"/>
      <c r="IH4382" s="91"/>
      <c r="II4382" s="91"/>
      <c r="IJ4382" s="91"/>
      <c r="IK4382" s="174"/>
    </row>
    <row r="4383" spans="2:245" x14ac:dyDescent="0.2">
      <c r="B4383" s="43"/>
      <c r="C4383" s="73"/>
      <c r="D4383" s="64"/>
      <c r="E4383" s="64"/>
      <c r="F4383" s="55"/>
      <c r="G4383" s="102"/>
      <c r="H4383" s="97"/>
      <c r="T4383" s="98"/>
      <c r="U4383" s="97"/>
      <c r="AG4383" s="98"/>
      <c r="AY4383" s="164"/>
      <c r="BK4383" s="98"/>
      <c r="BL4383" s="97"/>
      <c r="BX4383" s="98"/>
      <c r="CL4383" s="97"/>
      <c r="CX4383" s="98"/>
      <c r="DL4383" s="97"/>
      <c r="DX4383" s="98"/>
      <c r="EL4383" s="97"/>
      <c r="EX4383" s="98"/>
      <c r="EY4383" s="97"/>
      <c r="FL4383" s="126"/>
      <c r="FM4383" s="91"/>
      <c r="FN4383" s="91"/>
      <c r="FO4383" s="91"/>
      <c r="FP4383" s="91"/>
      <c r="FQ4383" s="91"/>
      <c r="FR4383" s="91"/>
      <c r="FS4383" s="91"/>
      <c r="FT4383" s="91"/>
      <c r="FU4383" s="91"/>
      <c r="FV4383" s="91"/>
      <c r="FW4383" s="91"/>
      <c r="FX4383" s="127"/>
      <c r="FY4383" s="126"/>
      <c r="FZ4383" s="91"/>
      <c r="GA4383" s="91"/>
      <c r="GB4383" s="91"/>
      <c r="GC4383" s="91"/>
      <c r="GD4383" s="91"/>
      <c r="GE4383" s="91"/>
      <c r="GF4383" s="91"/>
      <c r="GG4383" s="91"/>
      <c r="GH4383" s="91"/>
      <c r="GI4383" s="91"/>
      <c r="GJ4383" s="91"/>
      <c r="GK4383" s="127"/>
      <c r="GL4383" s="126"/>
      <c r="GM4383" s="91"/>
      <c r="GN4383" s="91"/>
      <c r="GO4383" s="91"/>
      <c r="GP4383" s="91"/>
      <c r="GQ4383" s="91"/>
      <c r="GR4383" s="91"/>
      <c r="GS4383" s="91"/>
      <c r="GT4383" s="91"/>
      <c r="GU4383" s="91"/>
      <c r="GV4383" s="91"/>
      <c r="GW4383" s="91"/>
      <c r="GX4383" s="127"/>
      <c r="GY4383" s="126"/>
      <c r="GZ4383" s="91"/>
      <c r="HA4383" s="91"/>
      <c r="HB4383" s="91"/>
      <c r="HC4383" s="91"/>
      <c r="HD4383" s="91"/>
      <c r="HE4383" s="91"/>
      <c r="HF4383" s="91"/>
      <c r="HG4383" s="91"/>
      <c r="HH4383" s="91"/>
      <c r="HI4383" s="91"/>
      <c r="HJ4383" s="91"/>
      <c r="HK4383" s="127"/>
      <c r="HL4383" s="126"/>
      <c r="HM4383" s="91"/>
      <c r="HN4383" s="91"/>
      <c r="HO4383" s="91"/>
      <c r="HP4383" s="91"/>
      <c r="HQ4383" s="91"/>
      <c r="HR4383" s="91"/>
      <c r="HS4383" s="91"/>
      <c r="HT4383" s="91"/>
      <c r="HU4383" s="91"/>
      <c r="HV4383" s="91"/>
      <c r="HW4383" s="91"/>
      <c r="HX4383" s="127"/>
      <c r="HY4383" s="126"/>
      <c r="HZ4383" s="91"/>
      <c r="IA4383" s="91"/>
      <c r="IB4383" s="91"/>
      <c r="IC4383" s="91"/>
      <c r="ID4383" s="91"/>
      <c r="IE4383" s="91"/>
      <c r="IF4383" s="91"/>
      <c r="IG4383" s="91"/>
      <c r="IH4383" s="91"/>
      <c r="II4383" s="91"/>
      <c r="IJ4383" s="91"/>
      <c r="IK4383" s="174"/>
    </row>
    <row r="4384" spans="2:245" x14ac:dyDescent="0.2">
      <c r="B4384" s="43"/>
      <c r="C4384" s="73"/>
      <c r="D4384" s="64"/>
      <c r="E4384" s="64"/>
      <c r="F4384" s="55"/>
      <c r="G4384" s="102"/>
      <c r="H4384" s="97"/>
      <c r="T4384" s="98"/>
      <c r="U4384" s="97"/>
      <c r="AG4384" s="98"/>
      <c r="AY4384" s="164"/>
      <c r="BK4384" s="98"/>
      <c r="BL4384" s="97"/>
      <c r="BX4384" s="98"/>
      <c r="CL4384" s="97"/>
      <c r="CX4384" s="98"/>
      <c r="DL4384" s="97"/>
      <c r="DX4384" s="98"/>
      <c r="EL4384" s="97"/>
      <c r="EX4384" s="98"/>
      <c r="EY4384" s="97"/>
      <c r="FL4384" s="126"/>
      <c r="FM4384" s="91"/>
      <c r="FN4384" s="91"/>
      <c r="FO4384" s="91"/>
      <c r="FP4384" s="91"/>
      <c r="FQ4384" s="91"/>
      <c r="FR4384" s="91"/>
      <c r="FS4384" s="91"/>
      <c r="FT4384" s="91"/>
      <c r="FU4384" s="91"/>
      <c r="FV4384" s="91"/>
      <c r="FW4384" s="91"/>
      <c r="FX4384" s="127"/>
      <c r="FY4384" s="126"/>
      <c r="FZ4384" s="91"/>
      <c r="GA4384" s="91"/>
      <c r="GB4384" s="91"/>
      <c r="GC4384" s="91"/>
      <c r="GD4384" s="91"/>
      <c r="GE4384" s="91"/>
      <c r="GF4384" s="91"/>
      <c r="GG4384" s="91"/>
      <c r="GH4384" s="91"/>
      <c r="GI4384" s="91"/>
      <c r="GJ4384" s="91"/>
      <c r="GK4384" s="127"/>
      <c r="GL4384" s="126"/>
      <c r="GM4384" s="91"/>
      <c r="GN4384" s="91"/>
      <c r="GO4384" s="91"/>
      <c r="GP4384" s="91"/>
      <c r="GQ4384" s="91"/>
      <c r="GR4384" s="91"/>
      <c r="GS4384" s="91"/>
      <c r="GT4384" s="91"/>
      <c r="GU4384" s="91"/>
      <c r="GV4384" s="91"/>
      <c r="GW4384" s="91"/>
      <c r="GX4384" s="127"/>
      <c r="GY4384" s="126"/>
      <c r="GZ4384" s="91"/>
      <c r="HA4384" s="91"/>
      <c r="HB4384" s="91"/>
      <c r="HC4384" s="91"/>
      <c r="HD4384" s="91"/>
      <c r="HE4384" s="91"/>
      <c r="HF4384" s="91"/>
      <c r="HG4384" s="91"/>
      <c r="HH4384" s="91"/>
      <c r="HI4384" s="91"/>
      <c r="HJ4384" s="91"/>
      <c r="HK4384" s="127"/>
      <c r="HL4384" s="126"/>
      <c r="HM4384" s="91"/>
      <c r="HN4384" s="91"/>
      <c r="HO4384" s="91"/>
      <c r="HP4384" s="91"/>
      <c r="HQ4384" s="91"/>
      <c r="HR4384" s="91"/>
      <c r="HS4384" s="91"/>
      <c r="HT4384" s="91"/>
      <c r="HU4384" s="91"/>
      <c r="HV4384" s="91"/>
      <c r="HW4384" s="91"/>
      <c r="HX4384" s="127"/>
      <c r="HY4384" s="126"/>
      <c r="HZ4384" s="91"/>
      <c r="IA4384" s="91"/>
      <c r="IB4384" s="91"/>
      <c r="IC4384" s="91"/>
      <c r="ID4384" s="91"/>
      <c r="IE4384" s="91"/>
      <c r="IF4384" s="91"/>
      <c r="IG4384" s="91"/>
      <c r="IH4384" s="91"/>
      <c r="II4384" s="91"/>
      <c r="IJ4384" s="91"/>
      <c r="IK4384" s="174"/>
    </row>
    <row r="4385" spans="2:245" x14ac:dyDescent="0.2">
      <c r="B4385" s="43"/>
      <c r="C4385" s="73"/>
      <c r="D4385" s="64"/>
      <c r="E4385" s="64"/>
      <c r="F4385" s="55"/>
      <c r="G4385" s="102"/>
      <c r="H4385" s="97"/>
      <c r="T4385" s="98"/>
      <c r="U4385" s="97"/>
      <c r="AG4385" s="98"/>
      <c r="AY4385" s="164"/>
      <c r="BK4385" s="98"/>
      <c r="BL4385" s="97"/>
      <c r="BX4385" s="98"/>
      <c r="CL4385" s="97"/>
      <c r="CX4385" s="98"/>
      <c r="DL4385" s="97"/>
      <c r="DX4385" s="98"/>
      <c r="EL4385" s="97"/>
      <c r="EX4385" s="98"/>
      <c r="EY4385" s="97"/>
      <c r="FL4385" s="126"/>
      <c r="FM4385" s="91"/>
      <c r="FN4385" s="91"/>
      <c r="FO4385" s="91"/>
      <c r="FP4385" s="91"/>
      <c r="FQ4385" s="91"/>
      <c r="FR4385" s="91"/>
      <c r="FS4385" s="91"/>
      <c r="FT4385" s="91"/>
      <c r="FU4385" s="91"/>
      <c r="FV4385" s="91"/>
      <c r="FW4385" s="91"/>
      <c r="FX4385" s="127"/>
      <c r="FY4385" s="126"/>
      <c r="FZ4385" s="91"/>
      <c r="GA4385" s="91"/>
      <c r="GB4385" s="91"/>
      <c r="GC4385" s="91"/>
      <c r="GD4385" s="91"/>
      <c r="GE4385" s="91"/>
      <c r="GF4385" s="91"/>
      <c r="GG4385" s="91"/>
      <c r="GH4385" s="91"/>
      <c r="GI4385" s="91"/>
      <c r="GJ4385" s="91"/>
      <c r="GK4385" s="127"/>
      <c r="GL4385" s="126"/>
      <c r="GM4385" s="91"/>
      <c r="GN4385" s="91"/>
      <c r="GO4385" s="91"/>
      <c r="GP4385" s="91"/>
      <c r="GQ4385" s="91"/>
      <c r="GR4385" s="91"/>
      <c r="GS4385" s="91"/>
      <c r="GT4385" s="91"/>
      <c r="GU4385" s="91"/>
      <c r="GV4385" s="91"/>
      <c r="GW4385" s="91"/>
      <c r="GX4385" s="127"/>
      <c r="GY4385" s="126"/>
      <c r="GZ4385" s="91"/>
      <c r="HA4385" s="91"/>
      <c r="HB4385" s="91"/>
      <c r="HC4385" s="91"/>
      <c r="HD4385" s="91"/>
      <c r="HE4385" s="91"/>
      <c r="HF4385" s="91"/>
      <c r="HG4385" s="91"/>
      <c r="HH4385" s="91"/>
      <c r="HI4385" s="91"/>
      <c r="HJ4385" s="91"/>
      <c r="HK4385" s="127"/>
      <c r="HL4385" s="126"/>
      <c r="HM4385" s="91"/>
      <c r="HN4385" s="91"/>
      <c r="HO4385" s="91"/>
      <c r="HP4385" s="91"/>
      <c r="HQ4385" s="91"/>
      <c r="HR4385" s="91"/>
      <c r="HS4385" s="91"/>
      <c r="HT4385" s="91"/>
      <c r="HU4385" s="91"/>
      <c r="HV4385" s="91"/>
      <c r="HW4385" s="91"/>
      <c r="HX4385" s="127"/>
      <c r="HY4385" s="126"/>
      <c r="HZ4385" s="91"/>
      <c r="IA4385" s="91"/>
      <c r="IB4385" s="91"/>
      <c r="IC4385" s="91"/>
      <c r="ID4385" s="91"/>
      <c r="IE4385" s="91"/>
      <c r="IF4385" s="91"/>
      <c r="IG4385" s="91"/>
      <c r="IH4385" s="91"/>
      <c r="II4385" s="91"/>
      <c r="IJ4385" s="91"/>
      <c r="IK4385" s="174"/>
    </row>
    <row r="4386" spans="2:245" x14ac:dyDescent="0.2">
      <c r="B4386" s="43"/>
      <c r="C4386" s="73"/>
      <c r="D4386" s="64"/>
      <c r="E4386" s="64"/>
      <c r="F4386" s="55"/>
      <c r="G4386" s="102"/>
      <c r="H4386" s="97"/>
      <c r="T4386" s="98"/>
      <c r="U4386" s="97"/>
      <c r="AG4386" s="98"/>
      <c r="AY4386" s="164"/>
      <c r="BK4386" s="98"/>
      <c r="BL4386" s="97"/>
      <c r="BX4386" s="98"/>
      <c r="CL4386" s="97"/>
      <c r="CX4386" s="98"/>
      <c r="DL4386" s="97"/>
      <c r="DX4386" s="98"/>
      <c r="EL4386" s="97"/>
      <c r="EX4386" s="98"/>
      <c r="EY4386" s="97"/>
      <c r="FL4386" s="126"/>
      <c r="FM4386" s="91"/>
      <c r="FN4386" s="91"/>
      <c r="FO4386" s="91"/>
      <c r="FP4386" s="91"/>
      <c r="FQ4386" s="91"/>
      <c r="FR4386" s="91"/>
      <c r="FS4386" s="91"/>
      <c r="FT4386" s="91"/>
      <c r="FU4386" s="91"/>
      <c r="FV4386" s="91"/>
      <c r="FW4386" s="91"/>
      <c r="FX4386" s="127"/>
      <c r="FY4386" s="126"/>
      <c r="FZ4386" s="91"/>
      <c r="GA4386" s="91"/>
      <c r="GB4386" s="91"/>
      <c r="GC4386" s="91"/>
      <c r="GD4386" s="91"/>
      <c r="GE4386" s="91"/>
      <c r="GF4386" s="91"/>
      <c r="GG4386" s="91"/>
      <c r="GH4386" s="91"/>
      <c r="GI4386" s="91"/>
      <c r="GJ4386" s="91"/>
      <c r="GK4386" s="127"/>
      <c r="GL4386" s="126"/>
      <c r="GM4386" s="91"/>
      <c r="GN4386" s="91"/>
      <c r="GO4386" s="91"/>
      <c r="GP4386" s="91"/>
      <c r="GQ4386" s="91"/>
      <c r="GR4386" s="91"/>
      <c r="GS4386" s="91"/>
      <c r="GT4386" s="91"/>
      <c r="GU4386" s="91"/>
      <c r="GV4386" s="91"/>
      <c r="GW4386" s="91"/>
      <c r="GX4386" s="127"/>
      <c r="GY4386" s="126"/>
      <c r="GZ4386" s="91"/>
      <c r="HA4386" s="91"/>
      <c r="HB4386" s="91"/>
      <c r="HC4386" s="91"/>
      <c r="HD4386" s="91"/>
      <c r="HE4386" s="91"/>
      <c r="HF4386" s="91"/>
      <c r="HG4386" s="91"/>
      <c r="HH4386" s="91"/>
      <c r="HI4386" s="91"/>
      <c r="HJ4386" s="91"/>
      <c r="HK4386" s="127"/>
      <c r="HL4386" s="126"/>
      <c r="HM4386" s="91"/>
      <c r="HN4386" s="91"/>
      <c r="HO4386" s="91"/>
      <c r="HP4386" s="91"/>
      <c r="HQ4386" s="91"/>
      <c r="HR4386" s="91"/>
      <c r="HS4386" s="91"/>
      <c r="HT4386" s="91"/>
      <c r="HU4386" s="91"/>
      <c r="HV4386" s="91"/>
      <c r="HW4386" s="91"/>
      <c r="HX4386" s="127"/>
      <c r="HY4386" s="126"/>
      <c r="HZ4386" s="91"/>
      <c r="IA4386" s="91"/>
      <c r="IB4386" s="91"/>
      <c r="IC4386" s="91"/>
      <c r="ID4386" s="91"/>
      <c r="IE4386" s="91"/>
      <c r="IF4386" s="91"/>
      <c r="IG4386" s="91"/>
      <c r="IH4386" s="91"/>
      <c r="II4386" s="91"/>
      <c r="IJ4386" s="91"/>
      <c r="IK4386" s="174"/>
    </row>
    <row r="4387" spans="2:245" x14ac:dyDescent="0.2">
      <c r="B4387" s="43"/>
      <c r="C4387" s="73"/>
      <c r="D4387" s="64"/>
      <c r="E4387" s="64"/>
      <c r="F4387" s="55"/>
      <c r="G4387" s="102"/>
      <c r="H4387" s="97"/>
      <c r="T4387" s="98"/>
      <c r="U4387" s="97"/>
      <c r="AG4387" s="98"/>
      <c r="AY4387" s="164"/>
      <c r="BK4387" s="98"/>
      <c r="BL4387" s="97"/>
      <c r="BX4387" s="98"/>
      <c r="CL4387" s="97"/>
      <c r="CX4387" s="98"/>
      <c r="DL4387" s="97"/>
      <c r="DX4387" s="98"/>
      <c r="EL4387" s="97"/>
      <c r="EX4387" s="98"/>
      <c r="EY4387" s="97"/>
      <c r="FL4387" s="126"/>
      <c r="FM4387" s="91"/>
      <c r="FN4387" s="91"/>
      <c r="FO4387" s="91"/>
      <c r="FP4387" s="91"/>
      <c r="FQ4387" s="91"/>
      <c r="FR4387" s="91"/>
      <c r="FS4387" s="91"/>
      <c r="FT4387" s="91"/>
      <c r="FU4387" s="91"/>
      <c r="FV4387" s="91"/>
      <c r="FW4387" s="91"/>
      <c r="FX4387" s="127"/>
      <c r="FY4387" s="126"/>
      <c r="FZ4387" s="91"/>
      <c r="GA4387" s="91"/>
      <c r="GB4387" s="91"/>
      <c r="GC4387" s="91"/>
      <c r="GD4387" s="91"/>
      <c r="GE4387" s="91"/>
      <c r="GF4387" s="91"/>
      <c r="GG4387" s="91"/>
      <c r="GH4387" s="91"/>
      <c r="GI4387" s="91"/>
      <c r="GJ4387" s="91"/>
      <c r="GK4387" s="127"/>
      <c r="GL4387" s="126"/>
      <c r="GM4387" s="91"/>
      <c r="GN4387" s="91"/>
      <c r="GO4387" s="91"/>
      <c r="GP4387" s="91"/>
      <c r="GQ4387" s="91"/>
      <c r="GR4387" s="91"/>
      <c r="GS4387" s="91"/>
      <c r="GT4387" s="91"/>
      <c r="GU4387" s="91"/>
      <c r="GV4387" s="91"/>
      <c r="GW4387" s="91"/>
      <c r="GX4387" s="127"/>
      <c r="GY4387" s="126"/>
      <c r="GZ4387" s="91"/>
      <c r="HA4387" s="91"/>
      <c r="HB4387" s="91"/>
      <c r="HC4387" s="91"/>
      <c r="HD4387" s="91"/>
      <c r="HE4387" s="91"/>
      <c r="HF4387" s="91"/>
      <c r="HG4387" s="91"/>
      <c r="HH4387" s="91"/>
      <c r="HI4387" s="91"/>
      <c r="HJ4387" s="91"/>
      <c r="HK4387" s="127"/>
      <c r="HL4387" s="126"/>
      <c r="HM4387" s="91"/>
      <c r="HN4387" s="91"/>
      <c r="HO4387" s="91"/>
      <c r="HP4387" s="91"/>
      <c r="HQ4387" s="91"/>
      <c r="HR4387" s="91"/>
      <c r="HS4387" s="91"/>
      <c r="HT4387" s="91"/>
      <c r="HU4387" s="91"/>
      <c r="HV4387" s="91"/>
      <c r="HW4387" s="91"/>
      <c r="HX4387" s="127"/>
      <c r="HY4387" s="126"/>
      <c r="HZ4387" s="91"/>
      <c r="IA4387" s="91"/>
      <c r="IB4387" s="91"/>
      <c r="IC4387" s="91"/>
      <c r="ID4387" s="91"/>
      <c r="IE4387" s="91"/>
      <c r="IF4387" s="91"/>
      <c r="IG4387" s="91"/>
      <c r="IH4387" s="91"/>
      <c r="II4387" s="91"/>
      <c r="IJ4387" s="91"/>
      <c r="IK4387" s="174"/>
    </row>
    <row r="4388" spans="2:245" x14ac:dyDescent="0.2">
      <c r="B4388" s="43"/>
      <c r="C4388" s="73"/>
      <c r="D4388" s="64"/>
      <c r="E4388" s="64"/>
      <c r="F4388" s="55"/>
      <c r="G4388" s="102"/>
      <c r="H4388" s="97"/>
      <c r="T4388" s="98"/>
      <c r="U4388" s="97"/>
      <c r="AG4388" s="98"/>
      <c r="AY4388" s="164"/>
      <c r="BK4388" s="98"/>
      <c r="BL4388" s="97"/>
      <c r="BX4388" s="98"/>
      <c r="CL4388" s="97"/>
      <c r="CX4388" s="98"/>
      <c r="DL4388" s="97"/>
      <c r="DX4388" s="98"/>
      <c r="EL4388" s="97"/>
      <c r="EX4388" s="98"/>
      <c r="EY4388" s="97"/>
      <c r="FL4388" s="126"/>
      <c r="FM4388" s="91"/>
      <c r="FN4388" s="91"/>
      <c r="FO4388" s="91"/>
      <c r="FP4388" s="91"/>
      <c r="FQ4388" s="91"/>
      <c r="FR4388" s="91"/>
      <c r="FS4388" s="91"/>
      <c r="FT4388" s="91"/>
      <c r="FU4388" s="91"/>
      <c r="FV4388" s="91"/>
      <c r="FW4388" s="91"/>
      <c r="FX4388" s="127"/>
      <c r="FY4388" s="126"/>
      <c r="FZ4388" s="91"/>
      <c r="GA4388" s="91"/>
      <c r="GB4388" s="91"/>
      <c r="GC4388" s="91"/>
      <c r="GD4388" s="91"/>
      <c r="GE4388" s="91"/>
      <c r="GF4388" s="91"/>
      <c r="GG4388" s="91"/>
      <c r="GH4388" s="91"/>
      <c r="GI4388" s="91"/>
      <c r="GJ4388" s="91"/>
      <c r="GK4388" s="127"/>
      <c r="GL4388" s="126"/>
      <c r="GM4388" s="91"/>
      <c r="GN4388" s="91"/>
      <c r="GO4388" s="91"/>
      <c r="GP4388" s="91"/>
      <c r="GQ4388" s="91"/>
      <c r="GR4388" s="91"/>
      <c r="GS4388" s="91"/>
      <c r="GT4388" s="91"/>
      <c r="GU4388" s="91"/>
      <c r="GV4388" s="91"/>
      <c r="GW4388" s="91"/>
      <c r="GX4388" s="127"/>
      <c r="GY4388" s="126"/>
      <c r="GZ4388" s="91"/>
      <c r="HA4388" s="91"/>
      <c r="HB4388" s="91"/>
      <c r="HC4388" s="91"/>
      <c r="HD4388" s="91"/>
      <c r="HE4388" s="91"/>
      <c r="HF4388" s="91"/>
      <c r="HG4388" s="91"/>
      <c r="HH4388" s="91"/>
      <c r="HI4388" s="91"/>
      <c r="HJ4388" s="91"/>
      <c r="HK4388" s="127"/>
      <c r="HL4388" s="126"/>
      <c r="HM4388" s="91"/>
      <c r="HN4388" s="91"/>
      <c r="HO4388" s="91"/>
      <c r="HP4388" s="91"/>
      <c r="HQ4388" s="91"/>
      <c r="HR4388" s="91"/>
      <c r="HS4388" s="91"/>
      <c r="HT4388" s="91"/>
      <c r="HU4388" s="91"/>
      <c r="HV4388" s="91"/>
      <c r="HW4388" s="91"/>
      <c r="HX4388" s="127"/>
      <c r="HY4388" s="126"/>
      <c r="HZ4388" s="91"/>
      <c r="IA4388" s="91"/>
      <c r="IB4388" s="91"/>
      <c r="IC4388" s="91"/>
      <c r="ID4388" s="91"/>
      <c r="IE4388" s="91"/>
      <c r="IF4388" s="91"/>
      <c r="IG4388" s="91"/>
      <c r="IH4388" s="91"/>
      <c r="II4388" s="91"/>
      <c r="IJ4388" s="91"/>
      <c r="IK4388" s="174"/>
    </row>
    <row r="4389" spans="2:245" x14ac:dyDescent="0.2">
      <c r="B4389" s="43"/>
      <c r="C4389" s="73"/>
      <c r="D4389" s="64"/>
      <c r="E4389" s="64"/>
      <c r="F4389" s="55"/>
      <c r="G4389" s="102"/>
      <c r="H4389" s="97"/>
      <c r="T4389" s="98"/>
      <c r="U4389" s="97"/>
      <c r="AG4389" s="98"/>
      <c r="AY4389" s="164"/>
      <c r="BK4389" s="98"/>
      <c r="BL4389" s="97"/>
      <c r="BX4389" s="98"/>
      <c r="CL4389" s="97"/>
      <c r="CX4389" s="98"/>
      <c r="DL4389" s="97"/>
      <c r="DX4389" s="98"/>
      <c r="EL4389" s="97"/>
      <c r="EX4389" s="98"/>
      <c r="EY4389" s="97"/>
      <c r="FL4389" s="126"/>
      <c r="FM4389" s="91"/>
      <c r="FN4389" s="91"/>
      <c r="FO4389" s="91"/>
      <c r="FP4389" s="91"/>
      <c r="FQ4389" s="91"/>
      <c r="FR4389" s="91"/>
      <c r="FS4389" s="91"/>
      <c r="FT4389" s="91"/>
      <c r="FU4389" s="91"/>
      <c r="FV4389" s="91"/>
      <c r="FW4389" s="91"/>
      <c r="FX4389" s="127"/>
      <c r="FY4389" s="126"/>
      <c r="FZ4389" s="91"/>
      <c r="GA4389" s="91"/>
      <c r="GB4389" s="91"/>
      <c r="GC4389" s="91"/>
      <c r="GD4389" s="91"/>
      <c r="GE4389" s="91"/>
      <c r="GF4389" s="91"/>
      <c r="GG4389" s="91"/>
      <c r="GH4389" s="91"/>
      <c r="GI4389" s="91"/>
      <c r="GJ4389" s="91"/>
      <c r="GK4389" s="127"/>
      <c r="GL4389" s="126"/>
      <c r="GM4389" s="91"/>
      <c r="GN4389" s="91"/>
      <c r="GO4389" s="91"/>
      <c r="GP4389" s="91"/>
      <c r="GQ4389" s="91"/>
      <c r="GR4389" s="91"/>
      <c r="GS4389" s="91"/>
      <c r="GT4389" s="91"/>
      <c r="GU4389" s="91"/>
      <c r="GV4389" s="91"/>
      <c r="GW4389" s="91"/>
      <c r="GX4389" s="127"/>
      <c r="GY4389" s="126"/>
      <c r="GZ4389" s="91"/>
      <c r="HA4389" s="91"/>
      <c r="HB4389" s="91"/>
      <c r="HC4389" s="91"/>
      <c r="HD4389" s="91"/>
      <c r="HE4389" s="91"/>
      <c r="HF4389" s="91"/>
      <c r="HG4389" s="91"/>
      <c r="HH4389" s="91"/>
      <c r="HI4389" s="91"/>
      <c r="HJ4389" s="91"/>
      <c r="HK4389" s="127"/>
      <c r="HL4389" s="126"/>
      <c r="HM4389" s="91"/>
      <c r="HN4389" s="91"/>
      <c r="HO4389" s="91"/>
      <c r="HP4389" s="91"/>
      <c r="HQ4389" s="91"/>
      <c r="HR4389" s="91"/>
      <c r="HS4389" s="91"/>
      <c r="HT4389" s="91"/>
      <c r="HU4389" s="91"/>
      <c r="HV4389" s="91"/>
      <c r="HW4389" s="91"/>
      <c r="HX4389" s="127"/>
      <c r="HY4389" s="126"/>
      <c r="HZ4389" s="91"/>
      <c r="IA4389" s="91"/>
      <c r="IB4389" s="91"/>
      <c r="IC4389" s="91"/>
      <c r="ID4389" s="91"/>
      <c r="IE4389" s="91"/>
      <c r="IF4389" s="91"/>
      <c r="IG4389" s="91"/>
      <c r="IH4389" s="91"/>
      <c r="II4389" s="91"/>
      <c r="IJ4389" s="91"/>
      <c r="IK4389" s="174"/>
    </row>
    <row r="4390" spans="2:245" x14ac:dyDescent="0.2">
      <c r="B4390" s="43"/>
      <c r="C4390" s="73"/>
      <c r="D4390" s="64"/>
      <c r="E4390" s="64"/>
      <c r="F4390" s="55"/>
      <c r="G4390" s="102"/>
      <c r="H4390" s="97"/>
      <c r="T4390" s="98"/>
      <c r="U4390" s="97"/>
      <c r="AG4390" s="98"/>
      <c r="AY4390" s="164"/>
      <c r="BK4390" s="98"/>
      <c r="BL4390" s="97"/>
      <c r="BX4390" s="98"/>
      <c r="CL4390" s="97"/>
      <c r="CX4390" s="98"/>
      <c r="DL4390" s="97"/>
      <c r="DX4390" s="98"/>
      <c r="EL4390" s="97"/>
      <c r="EX4390" s="98"/>
      <c r="EY4390" s="97"/>
      <c r="FL4390" s="126"/>
      <c r="FM4390" s="91"/>
      <c r="FN4390" s="91"/>
      <c r="FO4390" s="91"/>
      <c r="FP4390" s="91"/>
      <c r="FQ4390" s="91"/>
      <c r="FR4390" s="91"/>
      <c r="FS4390" s="91"/>
      <c r="FT4390" s="91"/>
      <c r="FU4390" s="91"/>
      <c r="FV4390" s="91"/>
      <c r="FW4390" s="91"/>
      <c r="FX4390" s="127"/>
      <c r="FY4390" s="126"/>
      <c r="FZ4390" s="91"/>
      <c r="GA4390" s="91"/>
      <c r="GB4390" s="91"/>
      <c r="GC4390" s="91"/>
      <c r="GD4390" s="91"/>
      <c r="GE4390" s="91"/>
      <c r="GF4390" s="91"/>
      <c r="GG4390" s="91"/>
      <c r="GH4390" s="91"/>
      <c r="GI4390" s="91"/>
      <c r="GJ4390" s="91"/>
      <c r="GK4390" s="127"/>
      <c r="GL4390" s="126"/>
      <c r="GM4390" s="91"/>
      <c r="GN4390" s="91"/>
      <c r="GO4390" s="91"/>
      <c r="GP4390" s="91"/>
      <c r="GQ4390" s="91"/>
      <c r="GR4390" s="91"/>
      <c r="GS4390" s="91"/>
      <c r="GT4390" s="91"/>
      <c r="GU4390" s="91"/>
      <c r="GV4390" s="91"/>
      <c r="GW4390" s="91"/>
      <c r="GX4390" s="127"/>
      <c r="GY4390" s="126"/>
      <c r="GZ4390" s="91"/>
      <c r="HA4390" s="91"/>
      <c r="HB4390" s="91"/>
      <c r="HC4390" s="91"/>
      <c r="HD4390" s="91"/>
      <c r="HE4390" s="91"/>
      <c r="HF4390" s="91"/>
      <c r="HG4390" s="91"/>
      <c r="HH4390" s="91"/>
      <c r="HI4390" s="91"/>
      <c r="HJ4390" s="91"/>
      <c r="HK4390" s="127"/>
      <c r="HL4390" s="126"/>
      <c r="HM4390" s="91"/>
      <c r="HN4390" s="91"/>
      <c r="HO4390" s="91"/>
      <c r="HP4390" s="91"/>
      <c r="HQ4390" s="91"/>
      <c r="HR4390" s="91"/>
      <c r="HS4390" s="91"/>
      <c r="HT4390" s="91"/>
      <c r="HU4390" s="91"/>
      <c r="HV4390" s="91"/>
      <c r="HW4390" s="91"/>
      <c r="HX4390" s="127"/>
      <c r="HY4390" s="126"/>
      <c r="HZ4390" s="91"/>
      <c r="IA4390" s="91"/>
      <c r="IB4390" s="91"/>
      <c r="IC4390" s="91"/>
      <c r="ID4390" s="91"/>
      <c r="IE4390" s="91"/>
      <c r="IF4390" s="91"/>
      <c r="IG4390" s="91"/>
      <c r="IH4390" s="91"/>
      <c r="II4390" s="91"/>
      <c r="IJ4390" s="91"/>
      <c r="IK4390" s="174"/>
    </row>
    <row r="4391" spans="2:245" x14ac:dyDescent="0.2">
      <c r="B4391" s="43"/>
      <c r="C4391" s="73"/>
      <c r="D4391" s="64"/>
      <c r="E4391" s="64"/>
      <c r="F4391" s="55"/>
      <c r="G4391" s="102"/>
      <c r="H4391" s="97"/>
      <c r="T4391" s="98"/>
      <c r="U4391" s="97"/>
      <c r="AG4391" s="98"/>
      <c r="AY4391" s="164"/>
      <c r="BK4391" s="98"/>
      <c r="BL4391" s="97"/>
      <c r="BX4391" s="98"/>
      <c r="CL4391" s="97"/>
      <c r="CX4391" s="98"/>
      <c r="DL4391" s="97"/>
      <c r="DX4391" s="98"/>
      <c r="EL4391" s="97"/>
      <c r="EX4391" s="98"/>
      <c r="EY4391" s="97"/>
      <c r="FL4391" s="126"/>
      <c r="FM4391" s="91"/>
      <c r="FN4391" s="91"/>
      <c r="FO4391" s="91"/>
      <c r="FP4391" s="91"/>
      <c r="FQ4391" s="91"/>
      <c r="FR4391" s="91"/>
      <c r="FS4391" s="91"/>
      <c r="FT4391" s="91"/>
      <c r="FU4391" s="91"/>
      <c r="FV4391" s="91"/>
      <c r="FW4391" s="91"/>
      <c r="FX4391" s="127"/>
      <c r="FY4391" s="126"/>
      <c r="FZ4391" s="91"/>
      <c r="GA4391" s="91"/>
      <c r="GB4391" s="91"/>
      <c r="GC4391" s="91"/>
      <c r="GD4391" s="91"/>
      <c r="GE4391" s="91"/>
      <c r="GF4391" s="91"/>
      <c r="GG4391" s="91"/>
      <c r="GH4391" s="91"/>
      <c r="GI4391" s="91"/>
      <c r="GJ4391" s="91"/>
      <c r="GK4391" s="127"/>
      <c r="GL4391" s="126"/>
      <c r="GM4391" s="91"/>
      <c r="GN4391" s="91"/>
      <c r="GO4391" s="91"/>
      <c r="GP4391" s="91"/>
      <c r="GQ4391" s="91"/>
      <c r="GR4391" s="91"/>
      <c r="GS4391" s="91"/>
      <c r="GT4391" s="91"/>
      <c r="GU4391" s="91"/>
      <c r="GV4391" s="91"/>
      <c r="GW4391" s="91"/>
      <c r="GX4391" s="127"/>
      <c r="GY4391" s="126"/>
      <c r="GZ4391" s="91"/>
      <c r="HA4391" s="91"/>
      <c r="HB4391" s="91"/>
      <c r="HC4391" s="91"/>
      <c r="HD4391" s="91"/>
      <c r="HE4391" s="91"/>
      <c r="HF4391" s="91"/>
      <c r="HG4391" s="91"/>
      <c r="HH4391" s="91"/>
      <c r="HI4391" s="91"/>
      <c r="HJ4391" s="91"/>
      <c r="HK4391" s="127"/>
      <c r="HL4391" s="126"/>
      <c r="HM4391" s="91"/>
      <c r="HN4391" s="91"/>
      <c r="HO4391" s="91"/>
      <c r="HP4391" s="91"/>
      <c r="HQ4391" s="91"/>
      <c r="HR4391" s="91"/>
      <c r="HS4391" s="91"/>
      <c r="HT4391" s="91"/>
      <c r="HU4391" s="91"/>
      <c r="HV4391" s="91"/>
      <c r="HW4391" s="91"/>
      <c r="HX4391" s="127"/>
      <c r="HY4391" s="126"/>
      <c r="HZ4391" s="91"/>
      <c r="IA4391" s="91"/>
      <c r="IB4391" s="91"/>
      <c r="IC4391" s="91"/>
      <c r="ID4391" s="91"/>
      <c r="IE4391" s="91"/>
      <c r="IF4391" s="91"/>
      <c r="IG4391" s="91"/>
      <c r="IH4391" s="91"/>
      <c r="II4391" s="91"/>
      <c r="IJ4391" s="91"/>
      <c r="IK4391" s="174"/>
    </row>
    <row r="4392" spans="2:245" x14ac:dyDescent="0.2">
      <c r="B4392" s="43"/>
      <c r="C4392" s="73"/>
      <c r="D4392" s="64"/>
      <c r="E4392" s="64"/>
      <c r="F4392" s="55"/>
      <c r="G4392" s="102"/>
      <c r="H4392" s="97"/>
      <c r="T4392" s="98"/>
      <c r="U4392" s="97"/>
      <c r="AG4392" s="98"/>
      <c r="AY4392" s="164"/>
      <c r="BK4392" s="98"/>
      <c r="BL4392" s="97"/>
      <c r="BX4392" s="98"/>
      <c r="CL4392" s="97"/>
      <c r="CX4392" s="98"/>
      <c r="DL4392" s="97"/>
      <c r="DX4392" s="98"/>
      <c r="EL4392" s="97"/>
      <c r="EX4392" s="98"/>
      <c r="EY4392" s="97"/>
      <c r="FL4392" s="126"/>
      <c r="FM4392" s="91"/>
      <c r="FN4392" s="91"/>
      <c r="FO4392" s="91"/>
      <c r="FP4392" s="91"/>
      <c r="FQ4392" s="91"/>
      <c r="FR4392" s="91"/>
      <c r="FS4392" s="91"/>
      <c r="FT4392" s="91"/>
      <c r="FU4392" s="91"/>
      <c r="FV4392" s="91"/>
      <c r="FW4392" s="91"/>
      <c r="FX4392" s="127"/>
      <c r="FY4392" s="126"/>
      <c r="FZ4392" s="91"/>
      <c r="GA4392" s="91"/>
      <c r="GB4392" s="91"/>
      <c r="GC4392" s="91"/>
      <c r="GD4392" s="91"/>
      <c r="GE4392" s="91"/>
      <c r="GF4392" s="91"/>
      <c r="GG4392" s="91"/>
      <c r="GH4392" s="91"/>
      <c r="GI4392" s="91"/>
      <c r="GJ4392" s="91"/>
      <c r="GK4392" s="127"/>
      <c r="GL4392" s="126"/>
      <c r="GM4392" s="91"/>
      <c r="GN4392" s="91"/>
      <c r="GO4392" s="91"/>
      <c r="GP4392" s="91"/>
      <c r="GQ4392" s="91"/>
      <c r="GR4392" s="91"/>
      <c r="GS4392" s="91"/>
      <c r="GT4392" s="91"/>
      <c r="GU4392" s="91"/>
      <c r="GV4392" s="91"/>
      <c r="GW4392" s="91"/>
      <c r="GX4392" s="127"/>
      <c r="GY4392" s="126"/>
      <c r="GZ4392" s="91"/>
      <c r="HA4392" s="91"/>
      <c r="HB4392" s="91"/>
      <c r="HC4392" s="91"/>
      <c r="HD4392" s="91"/>
      <c r="HE4392" s="91"/>
      <c r="HF4392" s="91"/>
      <c r="HG4392" s="91"/>
      <c r="HH4392" s="91"/>
      <c r="HI4392" s="91"/>
      <c r="HJ4392" s="91"/>
      <c r="HK4392" s="127"/>
      <c r="HL4392" s="126"/>
      <c r="HM4392" s="91"/>
      <c r="HN4392" s="91"/>
      <c r="HO4392" s="91"/>
      <c r="HP4392" s="91"/>
      <c r="HQ4392" s="91"/>
      <c r="HR4392" s="91"/>
      <c r="HS4392" s="91"/>
      <c r="HT4392" s="91"/>
      <c r="HU4392" s="91"/>
      <c r="HV4392" s="91"/>
      <c r="HW4392" s="91"/>
      <c r="HX4392" s="127"/>
      <c r="HY4392" s="126"/>
      <c r="HZ4392" s="91"/>
      <c r="IA4392" s="91"/>
      <c r="IB4392" s="91"/>
      <c r="IC4392" s="91"/>
      <c r="ID4392" s="91"/>
      <c r="IE4392" s="91"/>
      <c r="IF4392" s="91"/>
      <c r="IG4392" s="91"/>
      <c r="IH4392" s="91"/>
      <c r="II4392" s="91"/>
      <c r="IJ4392" s="91"/>
      <c r="IK4392" s="174"/>
    </row>
    <row r="4393" spans="2:245" x14ac:dyDescent="0.2">
      <c r="B4393" s="43"/>
      <c r="C4393" s="73"/>
      <c r="D4393" s="64"/>
      <c r="E4393" s="64"/>
      <c r="F4393" s="55"/>
      <c r="G4393" s="102"/>
      <c r="H4393" s="97"/>
      <c r="T4393" s="98"/>
      <c r="U4393" s="97"/>
      <c r="AG4393" s="98"/>
      <c r="AY4393" s="164"/>
      <c r="BK4393" s="98"/>
      <c r="BL4393" s="97"/>
      <c r="BX4393" s="98"/>
      <c r="CL4393" s="97"/>
      <c r="CX4393" s="98"/>
      <c r="DL4393" s="97"/>
      <c r="DX4393" s="98"/>
      <c r="EL4393" s="97"/>
      <c r="EX4393" s="98"/>
      <c r="EY4393" s="97"/>
      <c r="FL4393" s="126"/>
      <c r="FM4393" s="91"/>
      <c r="FN4393" s="91"/>
      <c r="FO4393" s="91"/>
      <c r="FP4393" s="91"/>
      <c r="FQ4393" s="91"/>
      <c r="FR4393" s="91"/>
      <c r="FS4393" s="91"/>
      <c r="FT4393" s="91"/>
      <c r="FU4393" s="91"/>
      <c r="FV4393" s="91"/>
      <c r="FW4393" s="91"/>
      <c r="FX4393" s="127"/>
      <c r="FY4393" s="126"/>
      <c r="FZ4393" s="91"/>
      <c r="GA4393" s="91"/>
      <c r="GB4393" s="91"/>
      <c r="GC4393" s="91"/>
      <c r="GD4393" s="91"/>
      <c r="GE4393" s="91"/>
      <c r="GF4393" s="91"/>
      <c r="GG4393" s="91"/>
      <c r="GH4393" s="91"/>
      <c r="GI4393" s="91"/>
      <c r="GJ4393" s="91"/>
      <c r="GK4393" s="127"/>
      <c r="GL4393" s="126"/>
      <c r="GM4393" s="91"/>
      <c r="GN4393" s="91"/>
      <c r="GO4393" s="91"/>
      <c r="GP4393" s="91"/>
      <c r="GQ4393" s="91"/>
      <c r="GR4393" s="91"/>
      <c r="GS4393" s="91"/>
      <c r="GT4393" s="91"/>
      <c r="GU4393" s="91"/>
      <c r="GV4393" s="91"/>
      <c r="GW4393" s="91"/>
      <c r="GX4393" s="127"/>
      <c r="GY4393" s="126"/>
      <c r="GZ4393" s="91"/>
      <c r="HA4393" s="91"/>
      <c r="HB4393" s="91"/>
      <c r="HC4393" s="91"/>
      <c r="HD4393" s="91"/>
      <c r="HE4393" s="91"/>
      <c r="HF4393" s="91"/>
      <c r="HG4393" s="91"/>
      <c r="HH4393" s="91"/>
      <c r="HI4393" s="91"/>
      <c r="HJ4393" s="91"/>
      <c r="HK4393" s="127"/>
      <c r="HL4393" s="126"/>
      <c r="HM4393" s="91"/>
      <c r="HN4393" s="91"/>
      <c r="HO4393" s="91"/>
      <c r="HP4393" s="91"/>
      <c r="HQ4393" s="91"/>
      <c r="HR4393" s="91"/>
      <c r="HS4393" s="91"/>
      <c r="HT4393" s="91"/>
      <c r="HU4393" s="91"/>
      <c r="HV4393" s="91"/>
      <c r="HW4393" s="91"/>
      <c r="HX4393" s="127"/>
      <c r="HY4393" s="126"/>
      <c r="HZ4393" s="91"/>
      <c r="IA4393" s="91"/>
      <c r="IB4393" s="91"/>
      <c r="IC4393" s="91"/>
      <c r="ID4393" s="91"/>
      <c r="IE4393" s="91"/>
      <c r="IF4393" s="91"/>
      <c r="IG4393" s="91"/>
      <c r="IH4393" s="91"/>
      <c r="II4393" s="91"/>
      <c r="IJ4393" s="91"/>
      <c r="IK4393" s="174"/>
    </row>
    <row r="4394" spans="2:245" x14ac:dyDescent="0.2">
      <c r="B4394" s="43"/>
      <c r="C4394" s="73"/>
      <c r="D4394" s="64"/>
      <c r="E4394" s="64"/>
      <c r="F4394" s="55"/>
      <c r="G4394" s="102"/>
      <c r="H4394" s="97"/>
      <c r="T4394" s="98"/>
      <c r="U4394" s="97"/>
      <c r="AG4394" s="98"/>
      <c r="AY4394" s="164"/>
      <c r="BK4394" s="98"/>
      <c r="BL4394" s="97"/>
      <c r="BX4394" s="98"/>
      <c r="CL4394" s="97"/>
      <c r="CX4394" s="98"/>
      <c r="DL4394" s="97"/>
      <c r="DX4394" s="98"/>
      <c r="EL4394" s="97"/>
      <c r="EX4394" s="98"/>
      <c r="EY4394" s="97"/>
      <c r="FL4394" s="126"/>
      <c r="FM4394" s="91"/>
      <c r="FN4394" s="91"/>
      <c r="FO4394" s="91"/>
      <c r="FP4394" s="91"/>
      <c r="FQ4394" s="91"/>
      <c r="FR4394" s="91"/>
      <c r="FS4394" s="91"/>
      <c r="FT4394" s="91"/>
      <c r="FU4394" s="91"/>
      <c r="FV4394" s="91"/>
      <c r="FW4394" s="91"/>
      <c r="FX4394" s="127"/>
      <c r="FY4394" s="126"/>
      <c r="FZ4394" s="91"/>
      <c r="GA4394" s="91"/>
      <c r="GB4394" s="91"/>
      <c r="GC4394" s="91"/>
      <c r="GD4394" s="91"/>
      <c r="GE4394" s="91"/>
      <c r="GF4394" s="91"/>
      <c r="GG4394" s="91"/>
      <c r="GH4394" s="91"/>
      <c r="GI4394" s="91"/>
      <c r="GJ4394" s="91"/>
      <c r="GK4394" s="127"/>
      <c r="GL4394" s="126"/>
      <c r="GM4394" s="91"/>
      <c r="GN4394" s="91"/>
      <c r="GO4394" s="91"/>
      <c r="GP4394" s="91"/>
      <c r="GQ4394" s="91"/>
      <c r="GR4394" s="91"/>
      <c r="GS4394" s="91"/>
      <c r="GT4394" s="91"/>
      <c r="GU4394" s="91"/>
      <c r="GV4394" s="91"/>
      <c r="GW4394" s="91"/>
      <c r="GX4394" s="127"/>
      <c r="GY4394" s="126"/>
      <c r="GZ4394" s="91"/>
      <c r="HA4394" s="91"/>
      <c r="HB4394" s="91"/>
      <c r="HC4394" s="91"/>
      <c r="HD4394" s="91"/>
      <c r="HE4394" s="91"/>
      <c r="HF4394" s="91"/>
      <c r="HG4394" s="91"/>
      <c r="HH4394" s="91"/>
      <c r="HI4394" s="91"/>
      <c r="HJ4394" s="91"/>
      <c r="HK4394" s="127"/>
      <c r="HL4394" s="126"/>
      <c r="HM4394" s="91"/>
      <c r="HN4394" s="91"/>
      <c r="HO4394" s="91"/>
      <c r="HP4394" s="91"/>
      <c r="HQ4394" s="91"/>
      <c r="HR4394" s="91"/>
      <c r="HS4394" s="91"/>
      <c r="HT4394" s="91"/>
      <c r="HU4394" s="91"/>
      <c r="HV4394" s="91"/>
      <c r="HW4394" s="91"/>
      <c r="HX4394" s="127"/>
      <c r="HY4394" s="126"/>
      <c r="HZ4394" s="91"/>
      <c r="IA4394" s="91"/>
      <c r="IB4394" s="91"/>
      <c r="IC4394" s="91"/>
      <c r="ID4394" s="91"/>
      <c r="IE4394" s="91"/>
      <c r="IF4394" s="91"/>
      <c r="IG4394" s="91"/>
      <c r="IH4394" s="91"/>
      <c r="II4394" s="91"/>
      <c r="IJ4394" s="91"/>
      <c r="IK4394" s="174"/>
    </row>
    <row r="4395" spans="2:245" x14ac:dyDescent="0.2">
      <c r="B4395" s="43"/>
      <c r="C4395" s="73"/>
      <c r="D4395" s="64"/>
      <c r="E4395" s="64"/>
      <c r="F4395" s="55"/>
      <c r="G4395" s="102"/>
      <c r="H4395" s="97"/>
      <c r="T4395" s="98"/>
      <c r="U4395" s="97"/>
      <c r="AG4395" s="98"/>
      <c r="AY4395" s="164"/>
      <c r="BK4395" s="98"/>
      <c r="BL4395" s="97"/>
      <c r="BX4395" s="98"/>
      <c r="CL4395" s="97"/>
      <c r="CX4395" s="98"/>
      <c r="DL4395" s="97"/>
      <c r="DX4395" s="98"/>
      <c r="EL4395" s="97"/>
      <c r="EX4395" s="98"/>
      <c r="EY4395" s="97"/>
      <c r="FL4395" s="126"/>
      <c r="FM4395" s="91"/>
      <c r="FN4395" s="91"/>
      <c r="FO4395" s="91"/>
      <c r="FP4395" s="91"/>
      <c r="FQ4395" s="91"/>
      <c r="FR4395" s="91"/>
      <c r="FS4395" s="91"/>
      <c r="FT4395" s="91"/>
      <c r="FU4395" s="91"/>
      <c r="FV4395" s="91"/>
      <c r="FW4395" s="91"/>
      <c r="FX4395" s="127"/>
      <c r="FY4395" s="126"/>
      <c r="FZ4395" s="91"/>
      <c r="GA4395" s="91"/>
      <c r="GB4395" s="91"/>
      <c r="GC4395" s="91"/>
      <c r="GD4395" s="91"/>
      <c r="GE4395" s="91"/>
      <c r="GF4395" s="91"/>
      <c r="GG4395" s="91"/>
      <c r="GH4395" s="91"/>
      <c r="GI4395" s="91"/>
      <c r="GJ4395" s="91"/>
      <c r="GK4395" s="127"/>
      <c r="GL4395" s="126"/>
      <c r="GM4395" s="91"/>
      <c r="GN4395" s="91"/>
      <c r="GO4395" s="91"/>
      <c r="GP4395" s="91"/>
      <c r="GQ4395" s="91"/>
      <c r="GR4395" s="91"/>
      <c r="GS4395" s="91"/>
      <c r="GT4395" s="91"/>
      <c r="GU4395" s="91"/>
      <c r="GV4395" s="91"/>
      <c r="GW4395" s="91"/>
      <c r="GX4395" s="127"/>
      <c r="GY4395" s="126"/>
      <c r="GZ4395" s="91"/>
      <c r="HA4395" s="91"/>
      <c r="HB4395" s="91"/>
      <c r="HC4395" s="91"/>
      <c r="HD4395" s="91"/>
      <c r="HE4395" s="91"/>
      <c r="HF4395" s="91"/>
      <c r="HG4395" s="91"/>
      <c r="HH4395" s="91"/>
      <c r="HI4395" s="91"/>
      <c r="HJ4395" s="91"/>
      <c r="HK4395" s="127"/>
      <c r="HL4395" s="126"/>
      <c r="HM4395" s="91"/>
      <c r="HN4395" s="91"/>
      <c r="HO4395" s="91"/>
      <c r="HP4395" s="91"/>
      <c r="HQ4395" s="91"/>
      <c r="HR4395" s="91"/>
      <c r="HS4395" s="91"/>
      <c r="HT4395" s="91"/>
      <c r="HU4395" s="91"/>
      <c r="HV4395" s="91"/>
      <c r="HW4395" s="91"/>
      <c r="HX4395" s="127"/>
      <c r="HY4395" s="126"/>
      <c r="HZ4395" s="91"/>
      <c r="IA4395" s="91"/>
      <c r="IB4395" s="91"/>
      <c r="IC4395" s="91"/>
      <c r="ID4395" s="91"/>
      <c r="IE4395" s="91"/>
      <c r="IF4395" s="91"/>
      <c r="IG4395" s="91"/>
      <c r="IH4395" s="91"/>
      <c r="II4395" s="91"/>
      <c r="IJ4395" s="91"/>
      <c r="IK4395" s="174"/>
    </row>
    <row r="4396" spans="2:245" x14ac:dyDescent="0.2">
      <c r="B4396" s="43"/>
      <c r="C4396" s="73"/>
      <c r="D4396" s="64"/>
      <c r="E4396" s="64"/>
      <c r="F4396" s="55"/>
      <c r="G4396" s="102"/>
      <c r="H4396" s="97"/>
      <c r="T4396" s="98"/>
      <c r="U4396" s="97"/>
      <c r="AG4396" s="98"/>
      <c r="AY4396" s="164"/>
      <c r="BK4396" s="98"/>
      <c r="BL4396" s="97"/>
      <c r="BX4396" s="98"/>
      <c r="CL4396" s="97"/>
      <c r="CX4396" s="98"/>
      <c r="DL4396" s="97"/>
      <c r="DX4396" s="98"/>
      <c r="EL4396" s="97"/>
      <c r="EX4396" s="98"/>
      <c r="EY4396" s="97"/>
      <c r="FL4396" s="126"/>
      <c r="FM4396" s="91"/>
      <c r="FN4396" s="91"/>
      <c r="FO4396" s="91"/>
      <c r="FP4396" s="91"/>
      <c r="FQ4396" s="91"/>
      <c r="FR4396" s="91"/>
      <c r="FS4396" s="91"/>
      <c r="FT4396" s="91"/>
      <c r="FU4396" s="91"/>
      <c r="FV4396" s="91"/>
      <c r="FW4396" s="91"/>
      <c r="FX4396" s="127"/>
      <c r="FY4396" s="126"/>
      <c r="FZ4396" s="91"/>
      <c r="GA4396" s="91"/>
      <c r="GB4396" s="91"/>
      <c r="GC4396" s="91"/>
      <c r="GD4396" s="91"/>
      <c r="GE4396" s="91"/>
      <c r="GF4396" s="91"/>
      <c r="GG4396" s="91"/>
      <c r="GH4396" s="91"/>
      <c r="GI4396" s="91"/>
      <c r="GJ4396" s="91"/>
      <c r="GK4396" s="127"/>
      <c r="GL4396" s="126"/>
      <c r="GM4396" s="91"/>
      <c r="GN4396" s="91"/>
      <c r="GO4396" s="91"/>
      <c r="GP4396" s="91"/>
      <c r="GQ4396" s="91"/>
      <c r="GR4396" s="91"/>
      <c r="GS4396" s="91"/>
      <c r="GT4396" s="91"/>
      <c r="GU4396" s="91"/>
      <c r="GV4396" s="91"/>
      <c r="GW4396" s="91"/>
      <c r="GX4396" s="127"/>
      <c r="GY4396" s="126"/>
      <c r="GZ4396" s="91"/>
      <c r="HA4396" s="91"/>
      <c r="HB4396" s="91"/>
      <c r="HC4396" s="91"/>
      <c r="HD4396" s="91"/>
      <c r="HE4396" s="91"/>
      <c r="HF4396" s="91"/>
      <c r="HG4396" s="91"/>
      <c r="HH4396" s="91"/>
      <c r="HI4396" s="91"/>
      <c r="HJ4396" s="91"/>
      <c r="HK4396" s="127"/>
      <c r="HL4396" s="126"/>
      <c r="HM4396" s="91"/>
      <c r="HN4396" s="91"/>
      <c r="HO4396" s="91"/>
      <c r="HP4396" s="91"/>
      <c r="HQ4396" s="91"/>
      <c r="HR4396" s="91"/>
      <c r="HS4396" s="91"/>
      <c r="HT4396" s="91"/>
      <c r="HU4396" s="91"/>
      <c r="HV4396" s="91"/>
      <c r="HW4396" s="91"/>
      <c r="HX4396" s="127"/>
      <c r="HY4396" s="126"/>
      <c r="HZ4396" s="91"/>
      <c r="IA4396" s="91"/>
      <c r="IB4396" s="91"/>
      <c r="IC4396" s="91"/>
      <c r="ID4396" s="91"/>
      <c r="IE4396" s="91"/>
      <c r="IF4396" s="91"/>
      <c r="IG4396" s="91"/>
      <c r="IH4396" s="91"/>
      <c r="II4396" s="91"/>
      <c r="IJ4396" s="91"/>
      <c r="IK4396" s="174"/>
    </row>
    <row r="4397" spans="2:245" x14ac:dyDescent="0.2">
      <c r="B4397" s="43"/>
      <c r="C4397" s="73"/>
      <c r="D4397" s="64"/>
      <c r="E4397" s="64"/>
      <c r="F4397" s="55"/>
      <c r="G4397" s="102"/>
      <c r="H4397" s="97"/>
      <c r="T4397" s="98"/>
      <c r="U4397" s="97"/>
      <c r="AG4397" s="98"/>
      <c r="AY4397" s="164"/>
      <c r="BK4397" s="98"/>
      <c r="BL4397" s="97"/>
      <c r="BX4397" s="98"/>
      <c r="CL4397" s="97"/>
      <c r="CX4397" s="98"/>
      <c r="DL4397" s="97"/>
      <c r="DX4397" s="98"/>
      <c r="EL4397" s="97"/>
      <c r="EX4397" s="98"/>
      <c r="EY4397" s="97"/>
      <c r="FL4397" s="126"/>
      <c r="FM4397" s="91"/>
      <c r="FN4397" s="91"/>
      <c r="FO4397" s="91"/>
      <c r="FP4397" s="91"/>
      <c r="FQ4397" s="91"/>
      <c r="FR4397" s="91"/>
      <c r="FS4397" s="91"/>
      <c r="FT4397" s="91"/>
      <c r="FU4397" s="91"/>
      <c r="FV4397" s="91"/>
      <c r="FW4397" s="91"/>
      <c r="FX4397" s="127"/>
      <c r="FY4397" s="126"/>
      <c r="FZ4397" s="91"/>
      <c r="GA4397" s="91"/>
      <c r="GB4397" s="91"/>
      <c r="GC4397" s="91"/>
      <c r="GD4397" s="91"/>
      <c r="GE4397" s="91"/>
      <c r="GF4397" s="91"/>
      <c r="GG4397" s="91"/>
      <c r="GH4397" s="91"/>
      <c r="GI4397" s="91"/>
      <c r="GJ4397" s="91"/>
      <c r="GK4397" s="127"/>
      <c r="GL4397" s="126"/>
      <c r="GM4397" s="91"/>
      <c r="GN4397" s="91"/>
      <c r="GO4397" s="91"/>
      <c r="GP4397" s="91"/>
      <c r="GQ4397" s="91"/>
      <c r="GR4397" s="91"/>
      <c r="GS4397" s="91"/>
      <c r="GT4397" s="91"/>
      <c r="GU4397" s="91"/>
      <c r="GV4397" s="91"/>
      <c r="GW4397" s="91"/>
      <c r="GX4397" s="127"/>
      <c r="GY4397" s="126"/>
      <c r="GZ4397" s="91"/>
      <c r="HA4397" s="91"/>
      <c r="HB4397" s="91"/>
      <c r="HC4397" s="91"/>
      <c r="HD4397" s="91"/>
      <c r="HE4397" s="91"/>
      <c r="HF4397" s="91"/>
      <c r="HG4397" s="91"/>
      <c r="HH4397" s="91"/>
      <c r="HI4397" s="91"/>
      <c r="HJ4397" s="91"/>
      <c r="HK4397" s="127"/>
      <c r="HL4397" s="126"/>
      <c r="HM4397" s="91"/>
      <c r="HN4397" s="91"/>
      <c r="HO4397" s="91"/>
      <c r="HP4397" s="91"/>
      <c r="HQ4397" s="91"/>
      <c r="HR4397" s="91"/>
      <c r="HS4397" s="91"/>
      <c r="HT4397" s="91"/>
      <c r="HU4397" s="91"/>
      <c r="HV4397" s="91"/>
      <c r="HW4397" s="91"/>
      <c r="HX4397" s="127"/>
      <c r="HY4397" s="126"/>
      <c r="HZ4397" s="91"/>
      <c r="IA4397" s="91"/>
      <c r="IB4397" s="91"/>
      <c r="IC4397" s="91"/>
      <c r="ID4397" s="91"/>
      <c r="IE4397" s="91"/>
      <c r="IF4397" s="91"/>
      <c r="IG4397" s="91"/>
      <c r="IH4397" s="91"/>
      <c r="II4397" s="91"/>
      <c r="IJ4397" s="91"/>
      <c r="IK4397" s="174"/>
    </row>
    <row r="4398" spans="2:245" x14ac:dyDescent="0.2">
      <c r="B4398" s="43"/>
      <c r="C4398" s="73"/>
      <c r="D4398" s="64"/>
      <c r="E4398" s="64"/>
      <c r="F4398" s="55"/>
      <c r="G4398" s="102"/>
      <c r="H4398" s="97"/>
      <c r="T4398" s="98"/>
      <c r="U4398" s="97"/>
      <c r="AG4398" s="98"/>
      <c r="AY4398" s="164"/>
      <c r="BK4398" s="98"/>
      <c r="BL4398" s="97"/>
      <c r="BX4398" s="98"/>
      <c r="CL4398" s="97"/>
      <c r="CX4398" s="98"/>
      <c r="DL4398" s="97"/>
      <c r="DX4398" s="98"/>
      <c r="EL4398" s="97"/>
      <c r="EX4398" s="98"/>
      <c r="EY4398" s="97"/>
      <c r="FL4398" s="126"/>
      <c r="FM4398" s="91"/>
      <c r="FN4398" s="91"/>
      <c r="FO4398" s="91"/>
      <c r="FP4398" s="91"/>
      <c r="FQ4398" s="91"/>
      <c r="FR4398" s="91"/>
      <c r="FS4398" s="91"/>
      <c r="FT4398" s="91"/>
      <c r="FU4398" s="91"/>
      <c r="FV4398" s="91"/>
      <c r="FW4398" s="91"/>
      <c r="FX4398" s="127"/>
      <c r="FY4398" s="126"/>
      <c r="FZ4398" s="91"/>
      <c r="GA4398" s="91"/>
      <c r="GB4398" s="91"/>
      <c r="GC4398" s="91"/>
      <c r="GD4398" s="91"/>
      <c r="GE4398" s="91"/>
      <c r="GF4398" s="91"/>
      <c r="GG4398" s="91"/>
      <c r="GH4398" s="91"/>
      <c r="GI4398" s="91"/>
      <c r="GJ4398" s="91"/>
      <c r="GK4398" s="127"/>
      <c r="GL4398" s="126"/>
      <c r="GM4398" s="91"/>
      <c r="GN4398" s="91"/>
      <c r="GO4398" s="91"/>
      <c r="GP4398" s="91"/>
      <c r="GQ4398" s="91"/>
      <c r="GR4398" s="91"/>
      <c r="GS4398" s="91"/>
      <c r="GT4398" s="91"/>
      <c r="GU4398" s="91"/>
      <c r="GV4398" s="91"/>
      <c r="GW4398" s="91"/>
      <c r="GX4398" s="127"/>
      <c r="GY4398" s="126"/>
      <c r="GZ4398" s="91"/>
      <c r="HA4398" s="91"/>
      <c r="HB4398" s="91"/>
      <c r="HC4398" s="91"/>
      <c r="HD4398" s="91"/>
      <c r="HE4398" s="91"/>
      <c r="HF4398" s="91"/>
      <c r="HG4398" s="91"/>
      <c r="HH4398" s="91"/>
      <c r="HI4398" s="91"/>
      <c r="HJ4398" s="91"/>
      <c r="HK4398" s="127"/>
      <c r="HL4398" s="126"/>
      <c r="HM4398" s="91"/>
      <c r="HN4398" s="91"/>
      <c r="HO4398" s="91"/>
      <c r="HP4398" s="91"/>
      <c r="HQ4398" s="91"/>
      <c r="HR4398" s="91"/>
      <c r="HS4398" s="91"/>
      <c r="HT4398" s="91"/>
      <c r="HU4398" s="91"/>
      <c r="HV4398" s="91"/>
      <c r="HW4398" s="91"/>
      <c r="HX4398" s="127"/>
      <c r="HY4398" s="126"/>
      <c r="HZ4398" s="91"/>
      <c r="IA4398" s="91"/>
      <c r="IB4398" s="91"/>
      <c r="IC4398" s="91"/>
      <c r="ID4398" s="91"/>
      <c r="IE4398" s="91"/>
      <c r="IF4398" s="91"/>
      <c r="IG4398" s="91"/>
      <c r="IH4398" s="91"/>
      <c r="II4398" s="91"/>
      <c r="IJ4398" s="91"/>
      <c r="IK4398" s="174"/>
    </row>
    <row r="4399" spans="2:245" x14ac:dyDescent="0.2">
      <c r="B4399" s="43"/>
      <c r="C4399" s="73"/>
      <c r="D4399" s="64"/>
      <c r="E4399" s="64"/>
      <c r="F4399" s="55"/>
      <c r="G4399" s="102"/>
      <c r="H4399" s="97"/>
      <c r="T4399" s="98"/>
      <c r="U4399" s="97"/>
      <c r="AG4399" s="98"/>
      <c r="AY4399" s="164"/>
      <c r="BK4399" s="98"/>
      <c r="BL4399" s="97"/>
      <c r="BX4399" s="98"/>
      <c r="CL4399" s="97"/>
      <c r="CX4399" s="98"/>
      <c r="DL4399" s="97"/>
      <c r="DX4399" s="98"/>
      <c r="EL4399" s="97"/>
      <c r="EX4399" s="98"/>
      <c r="EY4399" s="97"/>
      <c r="FL4399" s="126"/>
      <c r="FM4399" s="91"/>
      <c r="FN4399" s="91"/>
      <c r="FO4399" s="91"/>
      <c r="FP4399" s="91"/>
      <c r="FQ4399" s="91"/>
      <c r="FR4399" s="91"/>
      <c r="FS4399" s="91"/>
      <c r="FT4399" s="91"/>
      <c r="FU4399" s="91"/>
      <c r="FV4399" s="91"/>
      <c r="FW4399" s="91"/>
      <c r="FX4399" s="127"/>
      <c r="FY4399" s="126"/>
      <c r="FZ4399" s="91"/>
      <c r="GA4399" s="91"/>
      <c r="GB4399" s="91"/>
      <c r="GC4399" s="91"/>
      <c r="GD4399" s="91"/>
      <c r="GE4399" s="91"/>
      <c r="GF4399" s="91"/>
      <c r="GG4399" s="91"/>
      <c r="GH4399" s="91"/>
      <c r="GI4399" s="91"/>
      <c r="GJ4399" s="91"/>
      <c r="GK4399" s="127"/>
      <c r="GL4399" s="126"/>
      <c r="GM4399" s="91"/>
      <c r="GN4399" s="91"/>
      <c r="GO4399" s="91"/>
      <c r="GP4399" s="91"/>
      <c r="GQ4399" s="91"/>
      <c r="GR4399" s="91"/>
      <c r="GS4399" s="91"/>
      <c r="GT4399" s="91"/>
      <c r="GU4399" s="91"/>
      <c r="GV4399" s="91"/>
      <c r="GW4399" s="91"/>
      <c r="GX4399" s="127"/>
      <c r="GY4399" s="126"/>
      <c r="GZ4399" s="91"/>
      <c r="HA4399" s="91"/>
      <c r="HB4399" s="91"/>
      <c r="HC4399" s="91"/>
      <c r="HD4399" s="91"/>
      <c r="HE4399" s="91"/>
      <c r="HF4399" s="91"/>
      <c r="HG4399" s="91"/>
      <c r="HH4399" s="91"/>
      <c r="HI4399" s="91"/>
      <c r="HJ4399" s="91"/>
      <c r="HK4399" s="127"/>
      <c r="HL4399" s="126"/>
      <c r="HM4399" s="91"/>
      <c r="HN4399" s="91"/>
      <c r="HO4399" s="91"/>
      <c r="HP4399" s="91"/>
      <c r="HQ4399" s="91"/>
      <c r="HR4399" s="91"/>
      <c r="HS4399" s="91"/>
      <c r="HT4399" s="91"/>
      <c r="HU4399" s="91"/>
      <c r="HV4399" s="91"/>
      <c r="HW4399" s="91"/>
      <c r="HX4399" s="127"/>
      <c r="HY4399" s="126"/>
      <c r="HZ4399" s="91"/>
      <c r="IA4399" s="91"/>
      <c r="IB4399" s="91"/>
      <c r="IC4399" s="91"/>
      <c r="ID4399" s="91"/>
      <c r="IE4399" s="91"/>
      <c r="IF4399" s="91"/>
      <c r="IG4399" s="91"/>
      <c r="IH4399" s="91"/>
      <c r="II4399" s="91"/>
      <c r="IJ4399" s="91"/>
      <c r="IK4399" s="174"/>
    </row>
    <row r="4400" spans="2:245" x14ac:dyDescent="0.2">
      <c r="B4400" s="43"/>
      <c r="C4400" s="73"/>
      <c r="D4400" s="64"/>
      <c r="E4400" s="64"/>
      <c r="F4400" s="55"/>
      <c r="G4400" s="102"/>
      <c r="H4400" s="97"/>
      <c r="T4400" s="98"/>
      <c r="U4400" s="97"/>
      <c r="AG4400" s="98"/>
      <c r="AY4400" s="164"/>
      <c r="BK4400" s="98"/>
      <c r="BL4400" s="97"/>
      <c r="BX4400" s="98"/>
      <c r="CL4400" s="97"/>
      <c r="CX4400" s="98"/>
      <c r="DL4400" s="97"/>
      <c r="DX4400" s="98"/>
      <c r="EL4400" s="97"/>
      <c r="EX4400" s="98"/>
      <c r="EY4400" s="97"/>
      <c r="FL4400" s="126"/>
      <c r="FM4400" s="91"/>
      <c r="FN4400" s="91"/>
      <c r="FO4400" s="91"/>
      <c r="FP4400" s="91"/>
      <c r="FQ4400" s="91"/>
      <c r="FR4400" s="91"/>
      <c r="FS4400" s="91"/>
      <c r="FT4400" s="91"/>
      <c r="FU4400" s="91"/>
      <c r="FV4400" s="91"/>
      <c r="FW4400" s="91"/>
      <c r="FX4400" s="127"/>
      <c r="FY4400" s="126"/>
      <c r="FZ4400" s="91"/>
      <c r="GA4400" s="91"/>
      <c r="GB4400" s="91"/>
      <c r="GC4400" s="91"/>
      <c r="GD4400" s="91"/>
      <c r="GE4400" s="91"/>
      <c r="GF4400" s="91"/>
      <c r="GG4400" s="91"/>
      <c r="GH4400" s="91"/>
      <c r="GI4400" s="91"/>
      <c r="GJ4400" s="91"/>
      <c r="GK4400" s="127"/>
      <c r="GL4400" s="126"/>
      <c r="GM4400" s="91"/>
      <c r="GN4400" s="91"/>
      <c r="GO4400" s="91"/>
      <c r="GP4400" s="91"/>
      <c r="GQ4400" s="91"/>
      <c r="GR4400" s="91"/>
      <c r="GS4400" s="91"/>
      <c r="GT4400" s="91"/>
      <c r="GU4400" s="91"/>
      <c r="GV4400" s="91"/>
      <c r="GW4400" s="91"/>
      <c r="GX4400" s="127"/>
      <c r="GY4400" s="126"/>
      <c r="GZ4400" s="91"/>
      <c r="HA4400" s="91"/>
      <c r="HB4400" s="91"/>
      <c r="HC4400" s="91"/>
      <c r="HD4400" s="91"/>
      <c r="HE4400" s="91"/>
      <c r="HF4400" s="91"/>
      <c r="HG4400" s="91"/>
      <c r="HH4400" s="91"/>
      <c r="HI4400" s="91"/>
      <c r="HJ4400" s="91"/>
      <c r="HK4400" s="127"/>
      <c r="HL4400" s="126"/>
      <c r="HM4400" s="91"/>
      <c r="HN4400" s="91"/>
      <c r="HO4400" s="91"/>
      <c r="HP4400" s="91"/>
      <c r="HQ4400" s="91"/>
      <c r="HR4400" s="91"/>
      <c r="HS4400" s="91"/>
      <c r="HT4400" s="91"/>
      <c r="HU4400" s="91"/>
      <c r="HV4400" s="91"/>
      <c r="HW4400" s="91"/>
      <c r="HX4400" s="127"/>
      <c r="HY4400" s="126"/>
      <c r="HZ4400" s="91"/>
      <c r="IA4400" s="91"/>
      <c r="IB4400" s="91"/>
      <c r="IC4400" s="91"/>
      <c r="ID4400" s="91"/>
      <c r="IE4400" s="91"/>
      <c r="IF4400" s="91"/>
      <c r="IG4400" s="91"/>
      <c r="IH4400" s="91"/>
      <c r="II4400" s="91"/>
      <c r="IJ4400" s="91"/>
      <c r="IK4400" s="174"/>
    </row>
    <row r="4401" spans="2:245" x14ac:dyDescent="0.2">
      <c r="B4401" s="43"/>
      <c r="C4401" s="73"/>
      <c r="D4401" s="64"/>
      <c r="E4401" s="64"/>
      <c r="F4401" s="55"/>
      <c r="G4401" s="102"/>
      <c r="H4401" s="97"/>
      <c r="T4401" s="98"/>
      <c r="U4401" s="97"/>
      <c r="AG4401" s="98"/>
      <c r="AY4401" s="164"/>
      <c r="BK4401" s="98"/>
      <c r="BL4401" s="97"/>
      <c r="BX4401" s="98"/>
      <c r="CL4401" s="97"/>
      <c r="CX4401" s="98"/>
      <c r="DL4401" s="97"/>
      <c r="DX4401" s="98"/>
      <c r="EL4401" s="97"/>
      <c r="EX4401" s="98"/>
      <c r="EY4401" s="97"/>
      <c r="FL4401" s="126"/>
      <c r="FM4401" s="91"/>
      <c r="FN4401" s="91"/>
      <c r="FO4401" s="91"/>
      <c r="FP4401" s="91"/>
      <c r="FQ4401" s="91"/>
      <c r="FR4401" s="91"/>
      <c r="FS4401" s="91"/>
      <c r="FT4401" s="91"/>
      <c r="FU4401" s="91"/>
      <c r="FV4401" s="91"/>
      <c r="FW4401" s="91"/>
      <c r="FX4401" s="127"/>
      <c r="FY4401" s="126"/>
      <c r="FZ4401" s="91"/>
      <c r="GA4401" s="91"/>
      <c r="GB4401" s="91"/>
      <c r="GC4401" s="91"/>
      <c r="GD4401" s="91"/>
      <c r="GE4401" s="91"/>
      <c r="GF4401" s="91"/>
      <c r="GG4401" s="91"/>
      <c r="GH4401" s="91"/>
      <c r="GI4401" s="91"/>
      <c r="GJ4401" s="91"/>
      <c r="GK4401" s="127"/>
      <c r="GL4401" s="126"/>
      <c r="GM4401" s="91"/>
      <c r="GN4401" s="91"/>
      <c r="GO4401" s="91"/>
      <c r="GP4401" s="91"/>
      <c r="GQ4401" s="91"/>
      <c r="GR4401" s="91"/>
      <c r="GS4401" s="91"/>
      <c r="GT4401" s="91"/>
      <c r="GU4401" s="91"/>
      <c r="GV4401" s="91"/>
      <c r="GW4401" s="91"/>
      <c r="GX4401" s="127"/>
      <c r="GY4401" s="126"/>
      <c r="GZ4401" s="91"/>
      <c r="HA4401" s="91"/>
      <c r="HB4401" s="91"/>
      <c r="HC4401" s="91"/>
      <c r="HD4401" s="91"/>
      <c r="HE4401" s="91"/>
      <c r="HF4401" s="91"/>
      <c r="HG4401" s="91"/>
      <c r="HH4401" s="91"/>
      <c r="HI4401" s="91"/>
      <c r="HJ4401" s="91"/>
      <c r="HK4401" s="127"/>
      <c r="HL4401" s="126"/>
      <c r="HM4401" s="91"/>
      <c r="HN4401" s="91"/>
      <c r="HO4401" s="91"/>
      <c r="HP4401" s="91"/>
      <c r="HQ4401" s="91"/>
      <c r="HR4401" s="91"/>
      <c r="HS4401" s="91"/>
      <c r="HT4401" s="91"/>
      <c r="HU4401" s="91"/>
      <c r="HV4401" s="91"/>
      <c r="HW4401" s="91"/>
      <c r="HX4401" s="127"/>
      <c r="HY4401" s="126"/>
      <c r="HZ4401" s="91"/>
      <c r="IA4401" s="91"/>
      <c r="IB4401" s="91"/>
      <c r="IC4401" s="91"/>
      <c r="ID4401" s="91"/>
      <c r="IE4401" s="91"/>
      <c r="IF4401" s="91"/>
      <c r="IG4401" s="91"/>
      <c r="IH4401" s="91"/>
      <c r="II4401" s="91"/>
      <c r="IJ4401" s="91"/>
      <c r="IK4401" s="174"/>
    </row>
    <row r="4402" spans="2:245" x14ac:dyDescent="0.2">
      <c r="B4402" s="43"/>
      <c r="C4402" s="73"/>
      <c r="D4402" s="64"/>
      <c r="E4402" s="64"/>
      <c r="F4402" s="55"/>
      <c r="G4402" s="102"/>
      <c r="H4402" s="97"/>
      <c r="T4402" s="98"/>
      <c r="U4402" s="97"/>
      <c r="AG4402" s="98"/>
      <c r="AY4402" s="164"/>
      <c r="BK4402" s="98"/>
      <c r="BL4402" s="97"/>
      <c r="BX4402" s="98"/>
      <c r="CL4402" s="97"/>
      <c r="CX4402" s="98"/>
      <c r="DL4402" s="97"/>
      <c r="DX4402" s="98"/>
      <c r="EL4402" s="97"/>
      <c r="EX4402" s="98"/>
      <c r="EY4402" s="97"/>
      <c r="FL4402" s="126"/>
      <c r="FM4402" s="91"/>
      <c r="FN4402" s="91"/>
      <c r="FO4402" s="91"/>
      <c r="FP4402" s="91"/>
      <c r="FQ4402" s="91"/>
      <c r="FR4402" s="91"/>
      <c r="FS4402" s="91"/>
      <c r="FT4402" s="91"/>
      <c r="FU4402" s="91"/>
      <c r="FV4402" s="91"/>
      <c r="FW4402" s="91"/>
      <c r="FX4402" s="127"/>
      <c r="FY4402" s="126"/>
      <c r="FZ4402" s="91"/>
      <c r="GA4402" s="91"/>
      <c r="GB4402" s="91"/>
      <c r="GC4402" s="91"/>
      <c r="GD4402" s="91"/>
      <c r="GE4402" s="91"/>
      <c r="GF4402" s="91"/>
      <c r="GG4402" s="91"/>
      <c r="GH4402" s="91"/>
      <c r="GI4402" s="91"/>
      <c r="GJ4402" s="91"/>
      <c r="GK4402" s="127"/>
      <c r="GL4402" s="126"/>
      <c r="GM4402" s="91"/>
      <c r="GN4402" s="91"/>
      <c r="GO4402" s="91"/>
      <c r="GP4402" s="91"/>
      <c r="GQ4402" s="91"/>
      <c r="GR4402" s="91"/>
      <c r="GS4402" s="91"/>
      <c r="GT4402" s="91"/>
      <c r="GU4402" s="91"/>
      <c r="GV4402" s="91"/>
      <c r="GW4402" s="91"/>
      <c r="GX4402" s="127"/>
      <c r="GY4402" s="126"/>
      <c r="GZ4402" s="91"/>
      <c r="HA4402" s="91"/>
      <c r="HB4402" s="91"/>
      <c r="HC4402" s="91"/>
      <c r="HD4402" s="91"/>
      <c r="HE4402" s="91"/>
      <c r="HF4402" s="91"/>
      <c r="HG4402" s="91"/>
      <c r="HH4402" s="91"/>
      <c r="HI4402" s="91"/>
      <c r="HJ4402" s="91"/>
      <c r="HK4402" s="127"/>
      <c r="HL4402" s="126"/>
      <c r="HM4402" s="91"/>
      <c r="HN4402" s="91"/>
      <c r="HO4402" s="91"/>
      <c r="HP4402" s="91"/>
      <c r="HQ4402" s="91"/>
      <c r="HR4402" s="91"/>
      <c r="HS4402" s="91"/>
      <c r="HT4402" s="91"/>
      <c r="HU4402" s="91"/>
      <c r="HV4402" s="91"/>
      <c r="HW4402" s="91"/>
      <c r="HX4402" s="127"/>
      <c r="HY4402" s="126"/>
      <c r="HZ4402" s="91"/>
      <c r="IA4402" s="91"/>
      <c r="IB4402" s="91"/>
      <c r="IC4402" s="91"/>
      <c r="ID4402" s="91"/>
      <c r="IE4402" s="91"/>
      <c r="IF4402" s="91"/>
      <c r="IG4402" s="91"/>
      <c r="IH4402" s="91"/>
      <c r="II4402" s="91"/>
      <c r="IJ4402" s="91"/>
      <c r="IK4402" s="174"/>
    </row>
    <row r="4403" spans="2:245" x14ac:dyDescent="0.2">
      <c r="B4403" s="43"/>
      <c r="C4403" s="73"/>
      <c r="D4403" s="64"/>
      <c r="E4403" s="64"/>
      <c r="F4403" s="55"/>
      <c r="G4403" s="102"/>
      <c r="H4403" s="97"/>
      <c r="T4403" s="98"/>
      <c r="U4403" s="97"/>
      <c r="AG4403" s="98"/>
      <c r="AY4403" s="164"/>
      <c r="BK4403" s="98"/>
      <c r="BL4403" s="97"/>
      <c r="BX4403" s="98"/>
      <c r="CL4403" s="97"/>
      <c r="CX4403" s="98"/>
      <c r="DL4403" s="97"/>
      <c r="DX4403" s="98"/>
      <c r="EL4403" s="97"/>
      <c r="EX4403" s="98"/>
      <c r="EY4403" s="97"/>
      <c r="FL4403" s="126"/>
      <c r="FM4403" s="91"/>
      <c r="FN4403" s="91"/>
      <c r="FO4403" s="91"/>
      <c r="FP4403" s="91"/>
      <c r="FQ4403" s="91"/>
      <c r="FR4403" s="91"/>
      <c r="FS4403" s="91"/>
      <c r="FT4403" s="91"/>
      <c r="FU4403" s="91"/>
      <c r="FV4403" s="91"/>
      <c r="FW4403" s="91"/>
      <c r="FX4403" s="127"/>
      <c r="FY4403" s="126"/>
      <c r="FZ4403" s="91"/>
      <c r="GA4403" s="91"/>
      <c r="GB4403" s="91"/>
      <c r="GC4403" s="91"/>
      <c r="GD4403" s="91"/>
      <c r="GE4403" s="91"/>
      <c r="GF4403" s="91"/>
      <c r="GG4403" s="91"/>
      <c r="GH4403" s="91"/>
      <c r="GI4403" s="91"/>
      <c r="GJ4403" s="91"/>
      <c r="GK4403" s="127"/>
      <c r="GL4403" s="126"/>
      <c r="GM4403" s="91"/>
      <c r="GN4403" s="91"/>
      <c r="GO4403" s="91"/>
      <c r="GP4403" s="91"/>
      <c r="GQ4403" s="91"/>
      <c r="GR4403" s="91"/>
      <c r="GS4403" s="91"/>
      <c r="GT4403" s="91"/>
      <c r="GU4403" s="91"/>
      <c r="GV4403" s="91"/>
      <c r="GW4403" s="91"/>
      <c r="GX4403" s="127"/>
      <c r="GY4403" s="126"/>
      <c r="GZ4403" s="91"/>
      <c r="HA4403" s="91"/>
      <c r="HB4403" s="91"/>
      <c r="HC4403" s="91"/>
      <c r="HD4403" s="91"/>
      <c r="HE4403" s="91"/>
      <c r="HF4403" s="91"/>
      <c r="HG4403" s="91"/>
      <c r="HH4403" s="91"/>
      <c r="HI4403" s="91"/>
      <c r="HJ4403" s="91"/>
      <c r="HK4403" s="127"/>
      <c r="HL4403" s="126"/>
      <c r="HM4403" s="91"/>
      <c r="HN4403" s="91"/>
      <c r="HO4403" s="91"/>
      <c r="HP4403" s="91"/>
      <c r="HQ4403" s="91"/>
      <c r="HR4403" s="91"/>
      <c r="HS4403" s="91"/>
      <c r="HT4403" s="91"/>
      <c r="HU4403" s="91"/>
      <c r="HV4403" s="91"/>
      <c r="HW4403" s="91"/>
      <c r="HX4403" s="127"/>
      <c r="HY4403" s="126"/>
      <c r="HZ4403" s="91"/>
      <c r="IA4403" s="91"/>
      <c r="IB4403" s="91"/>
      <c r="IC4403" s="91"/>
      <c r="ID4403" s="91"/>
      <c r="IE4403" s="91"/>
      <c r="IF4403" s="91"/>
      <c r="IG4403" s="91"/>
      <c r="IH4403" s="91"/>
      <c r="II4403" s="91"/>
      <c r="IJ4403" s="91"/>
      <c r="IK4403" s="174"/>
    </row>
    <row r="4404" spans="2:245" x14ac:dyDescent="0.2">
      <c r="B4404" s="43"/>
      <c r="C4404" s="73"/>
      <c r="D4404" s="64"/>
      <c r="E4404" s="64"/>
      <c r="F4404" s="55"/>
      <c r="G4404" s="102"/>
      <c r="H4404" s="97"/>
      <c r="T4404" s="98"/>
      <c r="U4404" s="97"/>
      <c r="AG4404" s="98"/>
      <c r="AY4404" s="164"/>
      <c r="BK4404" s="98"/>
      <c r="BL4404" s="97"/>
      <c r="BX4404" s="98"/>
      <c r="CL4404" s="97"/>
      <c r="CX4404" s="98"/>
      <c r="DL4404" s="97"/>
      <c r="DX4404" s="98"/>
      <c r="EL4404" s="97"/>
      <c r="EX4404" s="98"/>
      <c r="EY4404" s="97"/>
      <c r="FL4404" s="126"/>
      <c r="FM4404" s="91"/>
      <c r="FN4404" s="91"/>
      <c r="FO4404" s="91"/>
      <c r="FP4404" s="91"/>
      <c r="FQ4404" s="91"/>
      <c r="FR4404" s="91"/>
      <c r="FS4404" s="91"/>
      <c r="FT4404" s="91"/>
      <c r="FU4404" s="91"/>
      <c r="FV4404" s="91"/>
      <c r="FW4404" s="91"/>
      <c r="FX4404" s="127"/>
      <c r="FY4404" s="126"/>
      <c r="FZ4404" s="91"/>
      <c r="GA4404" s="91"/>
      <c r="GB4404" s="91"/>
      <c r="GC4404" s="91"/>
      <c r="GD4404" s="91"/>
      <c r="GE4404" s="91"/>
      <c r="GF4404" s="91"/>
      <c r="GG4404" s="91"/>
      <c r="GH4404" s="91"/>
      <c r="GI4404" s="91"/>
      <c r="GJ4404" s="91"/>
      <c r="GK4404" s="127"/>
      <c r="GL4404" s="126"/>
      <c r="GM4404" s="91"/>
      <c r="GN4404" s="91"/>
      <c r="GO4404" s="91"/>
      <c r="GP4404" s="91"/>
      <c r="GQ4404" s="91"/>
      <c r="GR4404" s="91"/>
      <c r="GS4404" s="91"/>
      <c r="GT4404" s="91"/>
      <c r="GU4404" s="91"/>
      <c r="GV4404" s="91"/>
      <c r="GW4404" s="91"/>
      <c r="GX4404" s="127"/>
      <c r="GY4404" s="126"/>
      <c r="GZ4404" s="91"/>
      <c r="HA4404" s="91"/>
      <c r="HB4404" s="91"/>
      <c r="HC4404" s="91"/>
      <c r="HD4404" s="91"/>
      <c r="HE4404" s="91"/>
      <c r="HF4404" s="91"/>
      <c r="HG4404" s="91"/>
      <c r="HH4404" s="91"/>
      <c r="HI4404" s="91"/>
      <c r="HJ4404" s="91"/>
      <c r="HK4404" s="127"/>
      <c r="HL4404" s="126"/>
      <c r="HM4404" s="91"/>
      <c r="HN4404" s="91"/>
      <c r="HO4404" s="91"/>
      <c r="HP4404" s="91"/>
      <c r="HQ4404" s="91"/>
      <c r="HR4404" s="91"/>
      <c r="HS4404" s="91"/>
      <c r="HT4404" s="91"/>
      <c r="HU4404" s="91"/>
      <c r="HV4404" s="91"/>
      <c r="HW4404" s="91"/>
      <c r="HX4404" s="127"/>
      <c r="HY4404" s="126"/>
      <c r="HZ4404" s="91"/>
      <c r="IA4404" s="91"/>
      <c r="IB4404" s="91"/>
      <c r="IC4404" s="91"/>
      <c r="ID4404" s="91"/>
      <c r="IE4404" s="91"/>
      <c r="IF4404" s="91"/>
      <c r="IG4404" s="91"/>
      <c r="IH4404" s="91"/>
      <c r="II4404" s="91"/>
      <c r="IJ4404" s="91"/>
      <c r="IK4404" s="174"/>
    </row>
    <row r="4405" spans="2:245" x14ac:dyDescent="0.2">
      <c r="B4405" s="43"/>
      <c r="C4405" s="73"/>
      <c r="D4405" s="64"/>
      <c r="E4405" s="64"/>
      <c r="F4405" s="55"/>
      <c r="G4405" s="102"/>
      <c r="H4405" s="97"/>
      <c r="T4405" s="98"/>
      <c r="U4405" s="97"/>
      <c r="AG4405" s="98"/>
      <c r="AY4405" s="164"/>
      <c r="BK4405" s="98"/>
      <c r="BL4405" s="97"/>
      <c r="BX4405" s="98"/>
      <c r="CL4405" s="97"/>
      <c r="CX4405" s="98"/>
      <c r="DL4405" s="97"/>
      <c r="DX4405" s="98"/>
      <c r="EL4405" s="97"/>
      <c r="EX4405" s="98"/>
      <c r="EY4405" s="97"/>
      <c r="FL4405" s="126"/>
      <c r="FM4405" s="91"/>
      <c r="FN4405" s="91"/>
      <c r="FO4405" s="91"/>
      <c r="FP4405" s="91"/>
      <c r="FQ4405" s="91"/>
      <c r="FR4405" s="91"/>
      <c r="FS4405" s="91"/>
      <c r="FT4405" s="91"/>
      <c r="FU4405" s="91"/>
      <c r="FV4405" s="91"/>
      <c r="FW4405" s="91"/>
      <c r="FX4405" s="127"/>
      <c r="FY4405" s="126"/>
      <c r="FZ4405" s="91"/>
      <c r="GA4405" s="91"/>
      <c r="GB4405" s="91"/>
      <c r="GC4405" s="91"/>
      <c r="GD4405" s="91"/>
      <c r="GE4405" s="91"/>
      <c r="GF4405" s="91"/>
      <c r="GG4405" s="91"/>
      <c r="GH4405" s="91"/>
      <c r="GI4405" s="91"/>
      <c r="GJ4405" s="91"/>
      <c r="GK4405" s="127"/>
      <c r="GL4405" s="126"/>
      <c r="GM4405" s="91"/>
      <c r="GN4405" s="91"/>
      <c r="GO4405" s="91"/>
      <c r="GP4405" s="91"/>
      <c r="GQ4405" s="91"/>
      <c r="GR4405" s="91"/>
      <c r="GS4405" s="91"/>
      <c r="GT4405" s="91"/>
      <c r="GU4405" s="91"/>
      <c r="GV4405" s="91"/>
      <c r="GW4405" s="91"/>
      <c r="GX4405" s="127"/>
      <c r="GY4405" s="126"/>
      <c r="GZ4405" s="91"/>
      <c r="HA4405" s="91"/>
      <c r="HB4405" s="91"/>
      <c r="HC4405" s="91"/>
      <c r="HD4405" s="91"/>
      <c r="HE4405" s="91"/>
      <c r="HF4405" s="91"/>
      <c r="HG4405" s="91"/>
      <c r="HH4405" s="91"/>
      <c r="HI4405" s="91"/>
      <c r="HJ4405" s="91"/>
      <c r="HK4405" s="127"/>
      <c r="HL4405" s="126"/>
      <c r="HM4405" s="91"/>
      <c r="HN4405" s="91"/>
      <c r="HO4405" s="91"/>
      <c r="HP4405" s="91"/>
      <c r="HQ4405" s="91"/>
      <c r="HR4405" s="91"/>
      <c r="HS4405" s="91"/>
      <c r="HT4405" s="91"/>
      <c r="HU4405" s="91"/>
      <c r="HV4405" s="91"/>
      <c r="HW4405" s="91"/>
      <c r="HX4405" s="127"/>
      <c r="HY4405" s="126"/>
      <c r="HZ4405" s="91"/>
      <c r="IA4405" s="91"/>
      <c r="IB4405" s="91"/>
      <c r="IC4405" s="91"/>
      <c r="ID4405" s="91"/>
      <c r="IE4405" s="91"/>
      <c r="IF4405" s="91"/>
      <c r="IG4405" s="91"/>
      <c r="IH4405" s="91"/>
      <c r="II4405" s="91"/>
      <c r="IJ4405" s="91"/>
      <c r="IK4405" s="174"/>
    </row>
    <row r="4406" spans="2:245" x14ac:dyDescent="0.2">
      <c r="B4406" s="43"/>
      <c r="C4406" s="73"/>
      <c r="D4406" s="64"/>
      <c r="E4406" s="64"/>
      <c r="F4406" s="55"/>
      <c r="G4406" s="102"/>
      <c r="H4406" s="97"/>
      <c r="T4406" s="98"/>
      <c r="U4406" s="97"/>
      <c r="AG4406" s="98"/>
      <c r="AY4406" s="164"/>
      <c r="BK4406" s="98"/>
      <c r="BL4406" s="97"/>
      <c r="BX4406" s="98"/>
      <c r="CL4406" s="97"/>
      <c r="CX4406" s="98"/>
      <c r="DL4406" s="97"/>
      <c r="DX4406" s="98"/>
      <c r="EL4406" s="97"/>
      <c r="EX4406" s="98"/>
      <c r="EY4406" s="97"/>
      <c r="FL4406" s="126"/>
      <c r="FM4406" s="91"/>
      <c r="FN4406" s="91"/>
      <c r="FO4406" s="91"/>
      <c r="FP4406" s="91"/>
      <c r="FQ4406" s="91"/>
      <c r="FR4406" s="91"/>
      <c r="FS4406" s="91"/>
      <c r="FT4406" s="91"/>
      <c r="FU4406" s="91"/>
      <c r="FV4406" s="91"/>
      <c r="FW4406" s="91"/>
      <c r="FX4406" s="127"/>
      <c r="FY4406" s="126"/>
      <c r="FZ4406" s="91"/>
      <c r="GA4406" s="91"/>
      <c r="GB4406" s="91"/>
      <c r="GC4406" s="91"/>
      <c r="GD4406" s="91"/>
      <c r="GE4406" s="91"/>
      <c r="GF4406" s="91"/>
      <c r="GG4406" s="91"/>
      <c r="GH4406" s="91"/>
      <c r="GI4406" s="91"/>
      <c r="GJ4406" s="91"/>
      <c r="GK4406" s="127"/>
      <c r="GL4406" s="126"/>
      <c r="GM4406" s="91"/>
      <c r="GN4406" s="91"/>
      <c r="GO4406" s="91"/>
      <c r="GP4406" s="91"/>
      <c r="GQ4406" s="91"/>
      <c r="GR4406" s="91"/>
      <c r="GS4406" s="91"/>
      <c r="GT4406" s="91"/>
      <c r="GU4406" s="91"/>
      <c r="GV4406" s="91"/>
      <c r="GW4406" s="91"/>
      <c r="GX4406" s="127"/>
      <c r="GY4406" s="126"/>
      <c r="GZ4406" s="91"/>
      <c r="HA4406" s="91"/>
      <c r="HB4406" s="91"/>
      <c r="HC4406" s="91"/>
      <c r="HD4406" s="91"/>
      <c r="HE4406" s="91"/>
      <c r="HF4406" s="91"/>
      <c r="HG4406" s="91"/>
      <c r="HH4406" s="91"/>
      <c r="HI4406" s="91"/>
      <c r="HJ4406" s="91"/>
      <c r="HK4406" s="127"/>
      <c r="HL4406" s="126"/>
      <c r="HM4406" s="91"/>
      <c r="HN4406" s="91"/>
      <c r="HO4406" s="91"/>
      <c r="HP4406" s="91"/>
      <c r="HQ4406" s="91"/>
      <c r="HR4406" s="91"/>
      <c r="HS4406" s="91"/>
      <c r="HT4406" s="91"/>
      <c r="HU4406" s="91"/>
      <c r="HV4406" s="91"/>
      <c r="HW4406" s="91"/>
      <c r="HX4406" s="127"/>
      <c r="HY4406" s="126"/>
      <c r="HZ4406" s="91"/>
      <c r="IA4406" s="91"/>
      <c r="IB4406" s="91"/>
      <c r="IC4406" s="91"/>
      <c r="ID4406" s="91"/>
      <c r="IE4406" s="91"/>
      <c r="IF4406" s="91"/>
      <c r="IG4406" s="91"/>
      <c r="IH4406" s="91"/>
      <c r="II4406" s="91"/>
      <c r="IJ4406" s="91"/>
      <c r="IK4406" s="174"/>
    </row>
    <row r="4407" spans="2:245" x14ac:dyDescent="0.2">
      <c r="B4407" s="43"/>
      <c r="C4407" s="73"/>
      <c r="D4407" s="64"/>
      <c r="E4407" s="64"/>
      <c r="F4407" s="55"/>
      <c r="G4407" s="102"/>
      <c r="H4407" s="97"/>
      <c r="T4407" s="98"/>
      <c r="U4407" s="97"/>
      <c r="AG4407" s="98"/>
      <c r="AY4407" s="164"/>
      <c r="BK4407" s="98"/>
      <c r="BL4407" s="97"/>
      <c r="BX4407" s="98"/>
      <c r="CL4407" s="97"/>
      <c r="CX4407" s="98"/>
      <c r="DL4407" s="97"/>
      <c r="DX4407" s="98"/>
      <c r="EL4407" s="97"/>
      <c r="EX4407" s="98"/>
      <c r="EY4407" s="97"/>
      <c r="FL4407" s="126"/>
      <c r="FM4407" s="91"/>
      <c r="FN4407" s="91"/>
      <c r="FO4407" s="91"/>
      <c r="FP4407" s="91"/>
      <c r="FQ4407" s="91"/>
      <c r="FR4407" s="91"/>
      <c r="FS4407" s="91"/>
      <c r="FT4407" s="91"/>
      <c r="FU4407" s="91"/>
      <c r="FV4407" s="91"/>
      <c r="FW4407" s="91"/>
      <c r="FX4407" s="127"/>
      <c r="FY4407" s="126"/>
      <c r="FZ4407" s="91"/>
      <c r="GA4407" s="91"/>
      <c r="GB4407" s="91"/>
      <c r="GC4407" s="91"/>
      <c r="GD4407" s="91"/>
      <c r="GE4407" s="91"/>
      <c r="GF4407" s="91"/>
      <c r="GG4407" s="91"/>
      <c r="GH4407" s="91"/>
      <c r="GI4407" s="91"/>
      <c r="GJ4407" s="91"/>
      <c r="GK4407" s="127"/>
      <c r="GL4407" s="126"/>
      <c r="GM4407" s="91"/>
      <c r="GN4407" s="91"/>
      <c r="GO4407" s="91"/>
      <c r="GP4407" s="91"/>
      <c r="GQ4407" s="91"/>
      <c r="GR4407" s="91"/>
      <c r="GS4407" s="91"/>
      <c r="GT4407" s="91"/>
      <c r="GU4407" s="91"/>
      <c r="GV4407" s="91"/>
      <c r="GW4407" s="91"/>
      <c r="GX4407" s="127"/>
      <c r="GY4407" s="126"/>
      <c r="GZ4407" s="91"/>
      <c r="HA4407" s="91"/>
      <c r="HB4407" s="91"/>
      <c r="HC4407" s="91"/>
      <c r="HD4407" s="91"/>
      <c r="HE4407" s="91"/>
      <c r="HF4407" s="91"/>
      <c r="HG4407" s="91"/>
      <c r="HH4407" s="91"/>
      <c r="HI4407" s="91"/>
      <c r="HJ4407" s="91"/>
      <c r="HK4407" s="127"/>
      <c r="HL4407" s="126"/>
      <c r="HM4407" s="91"/>
      <c r="HN4407" s="91"/>
      <c r="HO4407" s="91"/>
      <c r="HP4407" s="91"/>
      <c r="HQ4407" s="91"/>
      <c r="HR4407" s="91"/>
      <c r="HS4407" s="91"/>
      <c r="HT4407" s="91"/>
      <c r="HU4407" s="91"/>
      <c r="HV4407" s="91"/>
      <c r="HW4407" s="91"/>
      <c r="HX4407" s="127"/>
      <c r="HY4407" s="126"/>
      <c r="HZ4407" s="91"/>
      <c r="IA4407" s="91"/>
      <c r="IB4407" s="91"/>
      <c r="IC4407" s="91"/>
      <c r="ID4407" s="91"/>
      <c r="IE4407" s="91"/>
      <c r="IF4407" s="91"/>
      <c r="IG4407" s="91"/>
      <c r="IH4407" s="91"/>
      <c r="II4407" s="91"/>
      <c r="IJ4407" s="91"/>
      <c r="IK4407" s="174"/>
    </row>
    <row r="4408" spans="2:245" x14ac:dyDescent="0.2">
      <c r="B4408" s="43"/>
      <c r="C4408" s="73"/>
      <c r="D4408" s="64"/>
      <c r="E4408" s="64"/>
      <c r="F4408" s="55"/>
      <c r="G4408" s="102"/>
      <c r="H4408" s="97"/>
      <c r="T4408" s="98"/>
      <c r="U4408" s="97"/>
      <c r="AG4408" s="98"/>
      <c r="AY4408" s="164"/>
      <c r="BK4408" s="98"/>
      <c r="BL4408" s="97"/>
      <c r="BX4408" s="98"/>
      <c r="CL4408" s="97"/>
      <c r="CX4408" s="98"/>
      <c r="DL4408" s="97"/>
      <c r="DX4408" s="98"/>
      <c r="EL4408" s="97"/>
      <c r="EX4408" s="98"/>
      <c r="EY4408" s="97"/>
      <c r="FL4408" s="126"/>
      <c r="FM4408" s="91"/>
      <c r="FN4408" s="91"/>
      <c r="FO4408" s="91"/>
      <c r="FP4408" s="91"/>
      <c r="FQ4408" s="91"/>
      <c r="FR4408" s="91"/>
      <c r="FS4408" s="91"/>
      <c r="FT4408" s="91"/>
      <c r="FU4408" s="91"/>
      <c r="FV4408" s="91"/>
      <c r="FW4408" s="91"/>
      <c r="FX4408" s="127"/>
      <c r="FY4408" s="126"/>
      <c r="FZ4408" s="91"/>
      <c r="GA4408" s="91"/>
      <c r="GB4408" s="91"/>
      <c r="GC4408" s="91"/>
      <c r="GD4408" s="91"/>
      <c r="GE4408" s="91"/>
      <c r="GF4408" s="91"/>
      <c r="GG4408" s="91"/>
      <c r="GH4408" s="91"/>
      <c r="GI4408" s="91"/>
      <c r="GJ4408" s="91"/>
      <c r="GK4408" s="127"/>
      <c r="GL4408" s="126"/>
      <c r="GM4408" s="91"/>
      <c r="GN4408" s="91"/>
      <c r="GO4408" s="91"/>
      <c r="GP4408" s="91"/>
      <c r="GQ4408" s="91"/>
      <c r="GR4408" s="91"/>
      <c r="GS4408" s="91"/>
      <c r="GT4408" s="91"/>
      <c r="GU4408" s="91"/>
      <c r="GV4408" s="91"/>
      <c r="GW4408" s="91"/>
      <c r="GX4408" s="127"/>
      <c r="GY4408" s="126"/>
      <c r="GZ4408" s="91"/>
      <c r="HA4408" s="91"/>
      <c r="HB4408" s="91"/>
      <c r="HC4408" s="91"/>
      <c r="HD4408" s="91"/>
      <c r="HE4408" s="91"/>
      <c r="HF4408" s="91"/>
      <c r="HG4408" s="91"/>
      <c r="HH4408" s="91"/>
      <c r="HI4408" s="91"/>
      <c r="HJ4408" s="91"/>
      <c r="HK4408" s="127"/>
      <c r="HL4408" s="126"/>
      <c r="HM4408" s="91"/>
      <c r="HN4408" s="91"/>
      <c r="HO4408" s="91"/>
      <c r="HP4408" s="91"/>
      <c r="HQ4408" s="91"/>
      <c r="HR4408" s="91"/>
      <c r="HS4408" s="91"/>
      <c r="HT4408" s="91"/>
      <c r="HU4408" s="91"/>
      <c r="HV4408" s="91"/>
      <c r="HW4408" s="91"/>
      <c r="HX4408" s="127"/>
      <c r="HY4408" s="126"/>
      <c r="HZ4408" s="91"/>
      <c r="IA4408" s="91"/>
      <c r="IB4408" s="91"/>
      <c r="IC4408" s="91"/>
      <c r="ID4408" s="91"/>
      <c r="IE4408" s="91"/>
      <c r="IF4408" s="91"/>
      <c r="IG4408" s="91"/>
      <c r="IH4408" s="91"/>
      <c r="II4408" s="91"/>
      <c r="IJ4408" s="91"/>
      <c r="IK4408" s="174"/>
    </row>
    <row r="4409" spans="2:245" x14ac:dyDescent="0.2">
      <c r="B4409" s="43"/>
      <c r="C4409" s="73"/>
      <c r="D4409" s="64"/>
      <c r="E4409" s="64"/>
      <c r="F4409" s="55"/>
      <c r="G4409" s="102"/>
      <c r="H4409" s="97"/>
      <c r="T4409" s="98"/>
      <c r="U4409" s="97"/>
      <c r="AG4409" s="98"/>
      <c r="AY4409" s="164"/>
      <c r="BK4409" s="98"/>
      <c r="BL4409" s="97"/>
      <c r="BX4409" s="98"/>
      <c r="CL4409" s="97"/>
      <c r="CX4409" s="98"/>
      <c r="DL4409" s="97"/>
      <c r="DX4409" s="98"/>
      <c r="EL4409" s="97"/>
      <c r="EX4409" s="98"/>
      <c r="EY4409" s="97"/>
      <c r="FL4409" s="126"/>
      <c r="FM4409" s="91"/>
      <c r="FN4409" s="91"/>
      <c r="FO4409" s="91"/>
      <c r="FP4409" s="91"/>
      <c r="FQ4409" s="91"/>
      <c r="FR4409" s="91"/>
      <c r="FS4409" s="91"/>
      <c r="FT4409" s="91"/>
      <c r="FU4409" s="91"/>
      <c r="FV4409" s="91"/>
      <c r="FW4409" s="91"/>
      <c r="FX4409" s="127"/>
      <c r="FY4409" s="126"/>
      <c r="FZ4409" s="91"/>
      <c r="GA4409" s="91"/>
      <c r="GB4409" s="91"/>
      <c r="GC4409" s="91"/>
      <c r="GD4409" s="91"/>
      <c r="GE4409" s="91"/>
      <c r="GF4409" s="91"/>
      <c r="GG4409" s="91"/>
      <c r="GH4409" s="91"/>
      <c r="GI4409" s="91"/>
      <c r="GJ4409" s="91"/>
      <c r="GK4409" s="127"/>
      <c r="GL4409" s="126"/>
      <c r="GM4409" s="91"/>
      <c r="GN4409" s="91"/>
      <c r="GO4409" s="91"/>
      <c r="GP4409" s="91"/>
      <c r="GQ4409" s="91"/>
      <c r="GR4409" s="91"/>
      <c r="GS4409" s="91"/>
      <c r="GT4409" s="91"/>
      <c r="GU4409" s="91"/>
      <c r="GV4409" s="91"/>
      <c r="GW4409" s="91"/>
      <c r="GX4409" s="127"/>
      <c r="GY4409" s="126"/>
      <c r="GZ4409" s="91"/>
      <c r="HA4409" s="91"/>
      <c r="HB4409" s="91"/>
      <c r="HC4409" s="91"/>
      <c r="HD4409" s="91"/>
      <c r="HE4409" s="91"/>
      <c r="HF4409" s="91"/>
      <c r="HG4409" s="91"/>
      <c r="HH4409" s="91"/>
      <c r="HI4409" s="91"/>
      <c r="HJ4409" s="91"/>
      <c r="HK4409" s="127"/>
      <c r="HL4409" s="126"/>
      <c r="HM4409" s="91"/>
      <c r="HN4409" s="91"/>
      <c r="HO4409" s="91"/>
      <c r="HP4409" s="91"/>
      <c r="HQ4409" s="91"/>
      <c r="HR4409" s="91"/>
      <c r="HS4409" s="91"/>
      <c r="HT4409" s="91"/>
      <c r="HU4409" s="91"/>
      <c r="HV4409" s="91"/>
      <c r="HW4409" s="91"/>
      <c r="HX4409" s="127"/>
      <c r="HY4409" s="126"/>
      <c r="HZ4409" s="91"/>
      <c r="IA4409" s="91"/>
      <c r="IB4409" s="91"/>
      <c r="IC4409" s="91"/>
      <c r="ID4409" s="91"/>
      <c r="IE4409" s="91"/>
      <c r="IF4409" s="91"/>
      <c r="IG4409" s="91"/>
      <c r="IH4409" s="91"/>
      <c r="II4409" s="91"/>
      <c r="IJ4409" s="91"/>
      <c r="IK4409" s="174"/>
    </row>
    <row r="4410" spans="2:245" x14ac:dyDescent="0.2">
      <c r="B4410" s="43"/>
      <c r="C4410" s="73"/>
      <c r="D4410" s="64"/>
      <c r="E4410" s="64"/>
      <c r="F4410" s="55"/>
      <c r="G4410" s="102"/>
      <c r="H4410" s="97"/>
      <c r="T4410" s="98"/>
      <c r="U4410" s="97"/>
      <c r="AG4410" s="98"/>
      <c r="AY4410" s="164"/>
      <c r="BK4410" s="98"/>
      <c r="BL4410" s="97"/>
      <c r="BX4410" s="98"/>
      <c r="CL4410" s="97"/>
      <c r="CX4410" s="98"/>
      <c r="DL4410" s="97"/>
      <c r="DX4410" s="98"/>
      <c r="EL4410" s="97"/>
      <c r="EX4410" s="98"/>
      <c r="EY4410" s="97"/>
      <c r="FL4410" s="126"/>
      <c r="FM4410" s="91"/>
      <c r="FN4410" s="91"/>
      <c r="FO4410" s="91"/>
      <c r="FP4410" s="91"/>
      <c r="FQ4410" s="91"/>
      <c r="FR4410" s="91"/>
      <c r="FS4410" s="91"/>
      <c r="FT4410" s="91"/>
      <c r="FU4410" s="91"/>
      <c r="FV4410" s="91"/>
      <c r="FW4410" s="91"/>
      <c r="FX4410" s="127"/>
      <c r="FY4410" s="126"/>
      <c r="FZ4410" s="91"/>
      <c r="GA4410" s="91"/>
      <c r="GB4410" s="91"/>
      <c r="GC4410" s="91"/>
      <c r="GD4410" s="91"/>
      <c r="GE4410" s="91"/>
      <c r="GF4410" s="91"/>
      <c r="GG4410" s="91"/>
      <c r="GH4410" s="91"/>
      <c r="GI4410" s="91"/>
      <c r="GJ4410" s="91"/>
      <c r="GK4410" s="127"/>
      <c r="GL4410" s="126"/>
      <c r="GM4410" s="91"/>
      <c r="GN4410" s="91"/>
      <c r="GO4410" s="91"/>
      <c r="GP4410" s="91"/>
      <c r="GQ4410" s="91"/>
      <c r="GR4410" s="91"/>
      <c r="GS4410" s="91"/>
      <c r="GT4410" s="91"/>
      <c r="GU4410" s="91"/>
      <c r="GV4410" s="91"/>
      <c r="GW4410" s="91"/>
      <c r="GX4410" s="127"/>
      <c r="GY4410" s="126"/>
      <c r="GZ4410" s="91"/>
      <c r="HA4410" s="91"/>
      <c r="HB4410" s="91"/>
      <c r="HC4410" s="91"/>
      <c r="HD4410" s="91"/>
      <c r="HE4410" s="91"/>
      <c r="HF4410" s="91"/>
      <c r="HG4410" s="91"/>
      <c r="HH4410" s="91"/>
      <c r="HI4410" s="91"/>
      <c r="HJ4410" s="91"/>
      <c r="HK4410" s="127"/>
      <c r="HL4410" s="126"/>
      <c r="HM4410" s="91"/>
      <c r="HN4410" s="91"/>
      <c r="HO4410" s="91"/>
      <c r="HP4410" s="91"/>
      <c r="HQ4410" s="91"/>
      <c r="HR4410" s="91"/>
      <c r="HS4410" s="91"/>
      <c r="HT4410" s="91"/>
      <c r="HU4410" s="91"/>
      <c r="HV4410" s="91"/>
      <c r="HW4410" s="91"/>
      <c r="HX4410" s="127"/>
      <c r="HY4410" s="126"/>
      <c r="HZ4410" s="91"/>
      <c r="IA4410" s="91"/>
      <c r="IB4410" s="91"/>
      <c r="IC4410" s="91"/>
      <c r="ID4410" s="91"/>
      <c r="IE4410" s="91"/>
      <c r="IF4410" s="91"/>
      <c r="IG4410" s="91"/>
      <c r="IH4410" s="91"/>
      <c r="II4410" s="91"/>
      <c r="IJ4410" s="91"/>
      <c r="IK4410" s="174"/>
    </row>
    <row r="4411" spans="2:245" x14ac:dyDescent="0.2">
      <c r="B4411" s="43"/>
      <c r="C4411" s="73"/>
      <c r="D4411" s="64"/>
      <c r="E4411" s="64"/>
      <c r="F4411" s="55"/>
      <c r="G4411" s="102"/>
      <c r="H4411" s="97"/>
      <c r="T4411" s="98"/>
      <c r="U4411" s="97"/>
      <c r="AG4411" s="98"/>
      <c r="AY4411" s="164"/>
      <c r="BK4411" s="98"/>
      <c r="BL4411" s="97"/>
      <c r="BX4411" s="98"/>
      <c r="CL4411" s="97"/>
      <c r="CX4411" s="98"/>
      <c r="DL4411" s="97"/>
      <c r="DX4411" s="98"/>
      <c r="EL4411" s="97"/>
      <c r="EX4411" s="98"/>
      <c r="EY4411" s="97"/>
      <c r="FL4411" s="126"/>
      <c r="FM4411" s="91"/>
      <c r="FN4411" s="91"/>
      <c r="FO4411" s="91"/>
      <c r="FP4411" s="91"/>
      <c r="FQ4411" s="91"/>
      <c r="FR4411" s="91"/>
      <c r="FS4411" s="91"/>
      <c r="FT4411" s="91"/>
      <c r="FU4411" s="91"/>
      <c r="FV4411" s="91"/>
      <c r="FW4411" s="91"/>
      <c r="FX4411" s="127"/>
      <c r="FY4411" s="126"/>
      <c r="FZ4411" s="91"/>
      <c r="GA4411" s="91"/>
      <c r="GB4411" s="91"/>
      <c r="GC4411" s="91"/>
      <c r="GD4411" s="91"/>
      <c r="GE4411" s="91"/>
      <c r="GF4411" s="91"/>
      <c r="GG4411" s="91"/>
      <c r="GH4411" s="91"/>
      <c r="GI4411" s="91"/>
      <c r="GJ4411" s="91"/>
      <c r="GK4411" s="127"/>
      <c r="GL4411" s="126"/>
      <c r="GM4411" s="91"/>
      <c r="GN4411" s="91"/>
      <c r="GO4411" s="91"/>
      <c r="GP4411" s="91"/>
      <c r="GQ4411" s="91"/>
      <c r="GR4411" s="91"/>
      <c r="GS4411" s="91"/>
      <c r="GT4411" s="91"/>
      <c r="GU4411" s="91"/>
      <c r="GV4411" s="91"/>
      <c r="GW4411" s="91"/>
      <c r="GX4411" s="127"/>
      <c r="GY4411" s="126"/>
      <c r="GZ4411" s="91"/>
      <c r="HA4411" s="91"/>
      <c r="HB4411" s="91"/>
      <c r="HC4411" s="91"/>
      <c r="HD4411" s="91"/>
      <c r="HE4411" s="91"/>
      <c r="HF4411" s="91"/>
      <c r="HG4411" s="91"/>
      <c r="HH4411" s="91"/>
      <c r="HI4411" s="91"/>
      <c r="HJ4411" s="91"/>
      <c r="HK4411" s="127"/>
      <c r="HL4411" s="126"/>
      <c r="HM4411" s="91"/>
      <c r="HN4411" s="91"/>
      <c r="HO4411" s="91"/>
      <c r="HP4411" s="91"/>
      <c r="HQ4411" s="91"/>
      <c r="HR4411" s="91"/>
      <c r="HS4411" s="91"/>
      <c r="HT4411" s="91"/>
      <c r="HU4411" s="91"/>
      <c r="HV4411" s="91"/>
      <c r="HW4411" s="91"/>
      <c r="HX4411" s="127"/>
      <c r="HY4411" s="126"/>
      <c r="HZ4411" s="91"/>
      <c r="IA4411" s="91"/>
      <c r="IB4411" s="91"/>
      <c r="IC4411" s="91"/>
      <c r="ID4411" s="91"/>
      <c r="IE4411" s="91"/>
      <c r="IF4411" s="91"/>
      <c r="IG4411" s="91"/>
      <c r="IH4411" s="91"/>
      <c r="II4411" s="91"/>
      <c r="IJ4411" s="91"/>
      <c r="IK4411" s="174"/>
    </row>
    <row r="4412" spans="2:245" x14ac:dyDescent="0.2">
      <c r="B4412" s="43"/>
      <c r="C4412" s="73"/>
      <c r="D4412" s="64"/>
      <c r="E4412" s="64"/>
      <c r="F4412" s="55"/>
      <c r="G4412" s="102"/>
      <c r="H4412" s="97"/>
      <c r="T4412" s="98"/>
      <c r="U4412" s="97"/>
      <c r="AG4412" s="98"/>
      <c r="AY4412" s="164"/>
      <c r="BK4412" s="98"/>
      <c r="BL4412" s="97"/>
      <c r="BX4412" s="98"/>
      <c r="CL4412" s="97"/>
      <c r="CX4412" s="98"/>
      <c r="DL4412" s="97"/>
      <c r="DX4412" s="98"/>
      <c r="EL4412" s="97"/>
      <c r="EX4412" s="98"/>
      <c r="EY4412" s="97"/>
      <c r="FL4412" s="126"/>
      <c r="FM4412" s="91"/>
      <c r="FN4412" s="91"/>
      <c r="FO4412" s="91"/>
      <c r="FP4412" s="91"/>
      <c r="FQ4412" s="91"/>
      <c r="FR4412" s="91"/>
      <c r="FS4412" s="91"/>
      <c r="FT4412" s="91"/>
      <c r="FU4412" s="91"/>
      <c r="FV4412" s="91"/>
      <c r="FW4412" s="91"/>
      <c r="FX4412" s="127"/>
      <c r="FY4412" s="126"/>
      <c r="FZ4412" s="91"/>
      <c r="GA4412" s="91"/>
      <c r="GB4412" s="91"/>
      <c r="GC4412" s="91"/>
      <c r="GD4412" s="91"/>
      <c r="GE4412" s="91"/>
      <c r="GF4412" s="91"/>
      <c r="GG4412" s="91"/>
      <c r="GH4412" s="91"/>
      <c r="GI4412" s="91"/>
      <c r="GJ4412" s="91"/>
      <c r="GK4412" s="127"/>
      <c r="GL4412" s="126"/>
      <c r="GM4412" s="91"/>
      <c r="GN4412" s="91"/>
      <c r="GO4412" s="91"/>
      <c r="GP4412" s="91"/>
      <c r="GQ4412" s="91"/>
      <c r="GR4412" s="91"/>
      <c r="GS4412" s="91"/>
      <c r="GT4412" s="91"/>
      <c r="GU4412" s="91"/>
      <c r="GV4412" s="91"/>
      <c r="GW4412" s="91"/>
      <c r="GX4412" s="127"/>
      <c r="GY4412" s="126"/>
      <c r="GZ4412" s="91"/>
      <c r="HA4412" s="91"/>
      <c r="HB4412" s="91"/>
      <c r="HC4412" s="91"/>
      <c r="HD4412" s="91"/>
      <c r="HE4412" s="91"/>
      <c r="HF4412" s="91"/>
      <c r="HG4412" s="91"/>
      <c r="HH4412" s="91"/>
      <c r="HI4412" s="91"/>
      <c r="HJ4412" s="91"/>
      <c r="HK4412" s="127"/>
      <c r="HL4412" s="126"/>
      <c r="HM4412" s="91"/>
      <c r="HN4412" s="91"/>
      <c r="HO4412" s="91"/>
      <c r="HP4412" s="91"/>
      <c r="HQ4412" s="91"/>
      <c r="HR4412" s="91"/>
      <c r="HS4412" s="91"/>
      <c r="HT4412" s="91"/>
      <c r="HU4412" s="91"/>
      <c r="HV4412" s="91"/>
      <c r="HW4412" s="91"/>
      <c r="HX4412" s="127"/>
      <c r="HY4412" s="126"/>
      <c r="HZ4412" s="91"/>
      <c r="IA4412" s="91"/>
      <c r="IB4412" s="91"/>
      <c r="IC4412" s="91"/>
      <c r="ID4412" s="91"/>
      <c r="IE4412" s="91"/>
      <c r="IF4412" s="91"/>
      <c r="IG4412" s="91"/>
      <c r="IH4412" s="91"/>
      <c r="II4412" s="91"/>
      <c r="IJ4412" s="91"/>
      <c r="IK4412" s="174"/>
    </row>
    <row r="4413" spans="2:245" x14ac:dyDescent="0.2">
      <c r="B4413" s="43"/>
      <c r="C4413" s="73"/>
      <c r="D4413" s="64"/>
      <c r="E4413" s="64"/>
      <c r="F4413" s="55"/>
      <c r="G4413" s="102"/>
      <c r="H4413" s="97"/>
      <c r="T4413" s="98"/>
      <c r="U4413" s="97"/>
      <c r="AG4413" s="98"/>
      <c r="AY4413" s="164"/>
      <c r="BK4413" s="98"/>
      <c r="BL4413" s="97"/>
      <c r="BX4413" s="98"/>
      <c r="CL4413" s="97"/>
      <c r="CX4413" s="98"/>
      <c r="DL4413" s="97"/>
      <c r="DX4413" s="98"/>
      <c r="EL4413" s="97"/>
      <c r="EX4413" s="98"/>
      <c r="EY4413" s="97"/>
      <c r="FL4413" s="126"/>
      <c r="FM4413" s="91"/>
      <c r="FN4413" s="91"/>
      <c r="FO4413" s="91"/>
      <c r="FP4413" s="91"/>
      <c r="FQ4413" s="91"/>
      <c r="FR4413" s="91"/>
      <c r="FS4413" s="91"/>
      <c r="FT4413" s="91"/>
      <c r="FU4413" s="91"/>
      <c r="FV4413" s="91"/>
      <c r="FW4413" s="91"/>
      <c r="FX4413" s="127"/>
      <c r="FY4413" s="126"/>
      <c r="FZ4413" s="91"/>
      <c r="GA4413" s="91"/>
      <c r="GB4413" s="91"/>
      <c r="GC4413" s="91"/>
      <c r="GD4413" s="91"/>
      <c r="GE4413" s="91"/>
      <c r="GF4413" s="91"/>
      <c r="GG4413" s="91"/>
      <c r="GH4413" s="91"/>
      <c r="GI4413" s="91"/>
      <c r="GJ4413" s="91"/>
      <c r="GK4413" s="127"/>
      <c r="GL4413" s="126"/>
      <c r="GM4413" s="91"/>
      <c r="GN4413" s="91"/>
      <c r="GO4413" s="91"/>
      <c r="GP4413" s="91"/>
      <c r="GQ4413" s="91"/>
      <c r="GR4413" s="91"/>
      <c r="GS4413" s="91"/>
      <c r="GT4413" s="91"/>
      <c r="GU4413" s="91"/>
      <c r="GV4413" s="91"/>
      <c r="GW4413" s="91"/>
      <c r="GX4413" s="127"/>
      <c r="GY4413" s="126"/>
      <c r="GZ4413" s="91"/>
      <c r="HA4413" s="91"/>
      <c r="HB4413" s="91"/>
      <c r="HC4413" s="91"/>
      <c r="HD4413" s="91"/>
      <c r="HE4413" s="91"/>
      <c r="HF4413" s="91"/>
      <c r="HG4413" s="91"/>
      <c r="HH4413" s="91"/>
      <c r="HI4413" s="91"/>
      <c r="HJ4413" s="91"/>
      <c r="HK4413" s="127"/>
      <c r="HL4413" s="126"/>
      <c r="HM4413" s="91"/>
      <c r="HN4413" s="91"/>
      <c r="HO4413" s="91"/>
      <c r="HP4413" s="91"/>
      <c r="HQ4413" s="91"/>
      <c r="HR4413" s="91"/>
      <c r="HS4413" s="91"/>
      <c r="HT4413" s="91"/>
      <c r="HU4413" s="91"/>
      <c r="HV4413" s="91"/>
      <c r="HW4413" s="91"/>
      <c r="HX4413" s="127"/>
      <c r="HY4413" s="126"/>
      <c r="HZ4413" s="91"/>
      <c r="IA4413" s="91"/>
      <c r="IB4413" s="91"/>
      <c r="IC4413" s="91"/>
      <c r="ID4413" s="91"/>
      <c r="IE4413" s="91"/>
      <c r="IF4413" s="91"/>
      <c r="IG4413" s="91"/>
      <c r="IH4413" s="91"/>
      <c r="II4413" s="91"/>
      <c r="IJ4413" s="91"/>
      <c r="IK4413" s="174"/>
    </row>
    <row r="4414" spans="2:245" x14ac:dyDescent="0.2">
      <c r="B4414" s="43"/>
      <c r="C4414" s="73"/>
      <c r="D4414" s="64"/>
      <c r="E4414" s="64"/>
      <c r="F4414" s="55"/>
      <c r="G4414" s="102"/>
      <c r="H4414" s="97"/>
      <c r="T4414" s="98"/>
      <c r="U4414" s="97"/>
      <c r="AG4414" s="98"/>
      <c r="AY4414" s="164"/>
      <c r="BK4414" s="98"/>
      <c r="BL4414" s="97"/>
      <c r="BX4414" s="98"/>
      <c r="CL4414" s="97"/>
      <c r="CX4414" s="98"/>
      <c r="DL4414" s="97"/>
      <c r="DX4414" s="98"/>
      <c r="EL4414" s="97"/>
      <c r="EX4414" s="98"/>
      <c r="EY4414" s="97"/>
      <c r="FL4414" s="126"/>
      <c r="FM4414" s="91"/>
      <c r="FN4414" s="91"/>
      <c r="FO4414" s="91"/>
      <c r="FP4414" s="91"/>
      <c r="FQ4414" s="91"/>
      <c r="FR4414" s="91"/>
      <c r="FS4414" s="91"/>
      <c r="FT4414" s="91"/>
      <c r="FU4414" s="91"/>
      <c r="FV4414" s="91"/>
      <c r="FW4414" s="91"/>
      <c r="FX4414" s="127"/>
      <c r="FY4414" s="126"/>
      <c r="FZ4414" s="91"/>
      <c r="GA4414" s="91"/>
      <c r="GB4414" s="91"/>
      <c r="GC4414" s="91"/>
      <c r="GD4414" s="91"/>
      <c r="GE4414" s="91"/>
      <c r="GF4414" s="91"/>
      <c r="GG4414" s="91"/>
      <c r="GH4414" s="91"/>
      <c r="GI4414" s="91"/>
      <c r="GJ4414" s="91"/>
      <c r="GK4414" s="127"/>
      <c r="GL4414" s="126"/>
      <c r="GM4414" s="91"/>
      <c r="GN4414" s="91"/>
      <c r="GO4414" s="91"/>
      <c r="GP4414" s="91"/>
      <c r="GQ4414" s="91"/>
      <c r="GR4414" s="91"/>
      <c r="GS4414" s="91"/>
      <c r="GT4414" s="91"/>
      <c r="GU4414" s="91"/>
      <c r="GV4414" s="91"/>
      <c r="GW4414" s="91"/>
      <c r="GX4414" s="127"/>
      <c r="GY4414" s="126"/>
      <c r="GZ4414" s="91"/>
      <c r="HA4414" s="91"/>
      <c r="HB4414" s="91"/>
      <c r="HC4414" s="91"/>
      <c r="HD4414" s="91"/>
      <c r="HE4414" s="91"/>
      <c r="HF4414" s="91"/>
      <c r="HG4414" s="91"/>
      <c r="HH4414" s="91"/>
      <c r="HI4414" s="91"/>
      <c r="HJ4414" s="91"/>
      <c r="HK4414" s="127"/>
      <c r="HL4414" s="126"/>
      <c r="HM4414" s="91"/>
      <c r="HN4414" s="91"/>
      <c r="HO4414" s="91"/>
      <c r="HP4414" s="91"/>
      <c r="HQ4414" s="91"/>
      <c r="HR4414" s="91"/>
      <c r="HS4414" s="91"/>
      <c r="HT4414" s="91"/>
      <c r="HU4414" s="91"/>
      <c r="HV4414" s="91"/>
      <c r="HW4414" s="91"/>
      <c r="HX4414" s="127"/>
      <c r="HY4414" s="126"/>
      <c r="HZ4414" s="91"/>
      <c r="IA4414" s="91"/>
      <c r="IB4414" s="91"/>
      <c r="IC4414" s="91"/>
      <c r="ID4414" s="91"/>
      <c r="IE4414" s="91"/>
      <c r="IF4414" s="91"/>
      <c r="IG4414" s="91"/>
      <c r="IH4414" s="91"/>
      <c r="II4414" s="91"/>
      <c r="IJ4414" s="91"/>
      <c r="IK4414" s="174"/>
    </row>
    <row r="4415" spans="2:245" x14ac:dyDescent="0.2">
      <c r="B4415" s="43"/>
      <c r="C4415" s="73"/>
      <c r="D4415" s="64"/>
      <c r="E4415" s="64"/>
      <c r="F4415" s="55"/>
      <c r="G4415" s="102"/>
      <c r="H4415" s="97"/>
      <c r="T4415" s="98"/>
      <c r="U4415" s="97"/>
      <c r="AG4415" s="98"/>
      <c r="AY4415" s="164"/>
      <c r="BK4415" s="98"/>
      <c r="BL4415" s="97"/>
      <c r="BX4415" s="98"/>
      <c r="CL4415" s="97"/>
      <c r="CX4415" s="98"/>
      <c r="DL4415" s="97"/>
      <c r="DX4415" s="98"/>
      <c r="EL4415" s="97"/>
      <c r="EX4415" s="98"/>
      <c r="EY4415" s="97"/>
      <c r="FL4415" s="126"/>
      <c r="FM4415" s="91"/>
      <c r="FN4415" s="91"/>
      <c r="FO4415" s="91"/>
      <c r="FP4415" s="91"/>
      <c r="FQ4415" s="91"/>
      <c r="FR4415" s="91"/>
      <c r="FS4415" s="91"/>
      <c r="FT4415" s="91"/>
      <c r="FU4415" s="91"/>
      <c r="FV4415" s="91"/>
      <c r="FW4415" s="91"/>
      <c r="FX4415" s="127"/>
      <c r="FY4415" s="126"/>
      <c r="FZ4415" s="91"/>
      <c r="GA4415" s="91"/>
      <c r="GB4415" s="91"/>
      <c r="GC4415" s="91"/>
      <c r="GD4415" s="91"/>
      <c r="GE4415" s="91"/>
      <c r="GF4415" s="91"/>
      <c r="GG4415" s="91"/>
      <c r="GH4415" s="91"/>
      <c r="GI4415" s="91"/>
      <c r="GJ4415" s="91"/>
      <c r="GK4415" s="127"/>
      <c r="GL4415" s="126"/>
      <c r="GM4415" s="91"/>
      <c r="GN4415" s="91"/>
      <c r="GO4415" s="91"/>
      <c r="GP4415" s="91"/>
      <c r="GQ4415" s="91"/>
      <c r="GR4415" s="91"/>
      <c r="GS4415" s="91"/>
      <c r="GT4415" s="91"/>
      <c r="GU4415" s="91"/>
      <c r="GV4415" s="91"/>
      <c r="GW4415" s="91"/>
      <c r="GX4415" s="127"/>
      <c r="GY4415" s="126"/>
      <c r="GZ4415" s="91"/>
      <c r="HA4415" s="91"/>
      <c r="HB4415" s="91"/>
      <c r="HC4415" s="91"/>
      <c r="HD4415" s="91"/>
      <c r="HE4415" s="91"/>
      <c r="HF4415" s="91"/>
      <c r="HG4415" s="91"/>
      <c r="HH4415" s="91"/>
      <c r="HI4415" s="91"/>
      <c r="HJ4415" s="91"/>
      <c r="HK4415" s="127"/>
      <c r="HL4415" s="126"/>
      <c r="HM4415" s="91"/>
      <c r="HN4415" s="91"/>
      <c r="HO4415" s="91"/>
      <c r="HP4415" s="91"/>
      <c r="HQ4415" s="91"/>
      <c r="HR4415" s="91"/>
      <c r="HS4415" s="91"/>
      <c r="HT4415" s="91"/>
      <c r="HU4415" s="91"/>
      <c r="HV4415" s="91"/>
      <c r="HW4415" s="91"/>
      <c r="HX4415" s="127"/>
      <c r="HY4415" s="126"/>
      <c r="HZ4415" s="91"/>
      <c r="IA4415" s="91"/>
      <c r="IB4415" s="91"/>
      <c r="IC4415" s="91"/>
      <c r="ID4415" s="91"/>
      <c r="IE4415" s="91"/>
      <c r="IF4415" s="91"/>
      <c r="IG4415" s="91"/>
      <c r="IH4415" s="91"/>
      <c r="II4415" s="91"/>
      <c r="IJ4415" s="91"/>
      <c r="IK4415" s="174"/>
    </row>
    <row r="4416" spans="2:245" x14ac:dyDescent="0.2">
      <c r="B4416" s="43"/>
      <c r="C4416" s="73"/>
      <c r="D4416" s="64"/>
      <c r="E4416" s="64"/>
      <c r="F4416" s="55"/>
      <c r="G4416" s="102"/>
      <c r="H4416" s="97"/>
      <c r="T4416" s="98"/>
      <c r="U4416" s="97"/>
      <c r="AG4416" s="98"/>
      <c r="AY4416" s="164"/>
      <c r="BK4416" s="98"/>
      <c r="BL4416" s="97"/>
      <c r="BX4416" s="98"/>
      <c r="CL4416" s="97"/>
      <c r="CX4416" s="98"/>
      <c r="DL4416" s="97"/>
      <c r="DX4416" s="98"/>
      <c r="EL4416" s="97"/>
      <c r="EX4416" s="98"/>
      <c r="EY4416" s="97"/>
      <c r="FL4416" s="126"/>
      <c r="FM4416" s="91"/>
      <c r="FN4416" s="91"/>
      <c r="FO4416" s="91"/>
      <c r="FP4416" s="91"/>
      <c r="FQ4416" s="91"/>
      <c r="FR4416" s="91"/>
      <c r="FS4416" s="91"/>
      <c r="FT4416" s="91"/>
      <c r="FU4416" s="91"/>
      <c r="FV4416" s="91"/>
      <c r="FW4416" s="91"/>
      <c r="FX4416" s="127"/>
      <c r="FY4416" s="126"/>
      <c r="FZ4416" s="91"/>
      <c r="GA4416" s="91"/>
      <c r="GB4416" s="91"/>
      <c r="GC4416" s="91"/>
      <c r="GD4416" s="91"/>
      <c r="GE4416" s="91"/>
      <c r="GF4416" s="91"/>
      <c r="GG4416" s="91"/>
      <c r="GH4416" s="91"/>
      <c r="GI4416" s="91"/>
      <c r="GJ4416" s="91"/>
      <c r="GK4416" s="127"/>
      <c r="GL4416" s="126"/>
      <c r="GM4416" s="91"/>
      <c r="GN4416" s="91"/>
      <c r="GO4416" s="91"/>
      <c r="GP4416" s="91"/>
      <c r="GQ4416" s="91"/>
      <c r="GR4416" s="91"/>
      <c r="GS4416" s="91"/>
      <c r="GT4416" s="91"/>
      <c r="GU4416" s="91"/>
      <c r="GV4416" s="91"/>
      <c r="GW4416" s="91"/>
      <c r="GX4416" s="127"/>
      <c r="GY4416" s="126"/>
      <c r="GZ4416" s="91"/>
      <c r="HA4416" s="91"/>
      <c r="HB4416" s="91"/>
      <c r="HC4416" s="91"/>
      <c r="HD4416" s="91"/>
      <c r="HE4416" s="91"/>
      <c r="HF4416" s="91"/>
      <c r="HG4416" s="91"/>
      <c r="HH4416" s="91"/>
      <c r="HI4416" s="91"/>
      <c r="HJ4416" s="91"/>
      <c r="HK4416" s="127"/>
      <c r="HL4416" s="126"/>
      <c r="HM4416" s="91"/>
      <c r="HN4416" s="91"/>
      <c r="HO4416" s="91"/>
      <c r="HP4416" s="91"/>
      <c r="HQ4416" s="91"/>
      <c r="HR4416" s="91"/>
      <c r="HS4416" s="91"/>
      <c r="HT4416" s="91"/>
      <c r="HU4416" s="91"/>
      <c r="HV4416" s="91"/>
      <c r="HW4416" s="91"/>
      <c r="HX4416" s="127"/>
      <c r="HY4416" s="126"/>
      <c r="HZ4416" s="91"/>
      <c r="IA4416" s="91"/>
      <c r="IB4416" s="91"/>
      <c r="IC4416" s="91"/>
      <c r="ID4416" s="91"/>
      <c r="IE4416" s="91"/>
      <c r="IF4416" s="91"/>
      <c r="IG4416" s="91"/>
      <c r="IH4416" s="91"/>
      <c r="II4416" s="91"/>
      <c r="IJ4416" s="91"/>
      <c r="IK4416" s="174"/>
    </row>
    <row r="4417" spans="2:245" x14ac:dyDescent="0.2">
      <c r="B4417" s="43"/>
      <c r="C4417" s="73"/>
      <c r="D4417" s="64"/>
      <c r="E4417" s="64"/>
      <c r="F4417" s="55"/>
      <c r="G4417" s="102"/>
      <c r="H4417" s="97"/>
      <c r="T4417" s="98"/>
      <c r="U4417" s="97"/>
      <c r="AG4417" s="98"/>
      <c r="AY4417" s="164"/>
      <c r="BK4417" s="98"/>
      <c r="BL4417" s="97"/>
      <c r="BX4417" s="98"/>
      <c r="CL4417" s="97"/>
      <c r="CX4417" s="98"/>
      <c r="DL4417" s="97"/>
      <c r="DX4417" s="98"/>
      <c r="EL4417" s="97"/>
      <c r="EX4417" s="98"/>
      <c r="EY4417" s="97"/>
      <c r="FL4417" s="126"/>
      <c r="FM4417" s="91"/>
      <c r="FN4417" s="91"/>
      <c r="FO4417" s="91"/>
      <c r="FP4417" s="91"/>
      <c r="FQ4417" s="91"/>
      <c r="FR4417" s="91"/>
      <c r="FS4417" s="91"/>
      <c r="FT4417" s="91"/>
      <c r="FU4417" s="91"/>
      <c r="FV4417" s="91"/>
      <c r="FW4417" s="91"/>
      <c r="FX4417" s="127"/>
      <c r="FY4417" s="126"/>
      <c r="FZ4417" s="91"/>
      <c r="GA4417" s="91"/>
      <c r="GB4417" s="91"/>
      <c r="GC4417" s="91"/>
      <c r="GD4417" s="91"/>
      <c r="GE4417" s="91"/>
      <c r="GF4417" s="91"/>
      <c r="GG4417" s="91"/>
      <c r="GH4417" s="91"/>
      <c r="GI4417" s="91"/>
      <c r="GJ4417" s="91"/>
      <c r="GK4417" s="127"/>
      <c r="GL4417" s="126"/>
      <c r="GM4417" s="91"/>
      <c r="GN4417" s="91"/>
      <c r="GO4417" s="91"/>
      <c r="GP4417" s="91"/>
      <c r="GQ4417" s="91"/>
      <c r="GR4417" s="91"/>
      <c r="GS4417" s="91"/>
      <c r="GT4417" s="91"/>
      <c r="GU4417" s="91"/>
      <c r="GV4417" s="91"/>
      <c r="GW4417" s="91"/>
      <c r="GX4417" s="127"/>
      <c r="GY4417" s="126"/>
      <c r="GZ4417" s="91"/>
      <c r="HA4417" s="91"/>
      <c r="HB4417" s="91"/>
      <c r="HC4417" s="91"/>
      <c r="HD4417" s="91"/>
      <c r="HE4417" s="91"/>
      <c r="HF4417" s="91"/>
      <c r="HG4417" s="91"/>
      <c r="HH4417" s="91"/>
      <c r="HI4417" s="91"/>
      <c r="HJ4417" s="91"/>
      <c r="HK4417" s="127"/>
      <c r="HL4417" s="126"/>
      <c r="HM4417" s="91"/>
      <c r="HN4417" s="91"/>
      <c r="HO4417" s="91"/>
      <c r="HP4417" s="91"/>
      <c r="HQ4417" s="91"/>
      <c r="HR4417" s="91"/>
      <c r="HS4417" s="91"/>
      <c r="HT4417" s="91"/>
      <c r="HU4417" s="91"/>
      <c r="HV4417" s="91"/>
      <c r="HW4417" s="91"/>
      <c r="HX4417" s="127"/>
      <c r="HY4417" s="126"/>
      <c r="HZ4417" s="91"/>
      <c r="IA4417" s="91"/>
      <c r="IB4417" s="91"/>
      <c r="IC4417" s="91"/>
      <c r="ID4417" s="91"/>
      <c r="IE4417" s="91"/>
      <c r="IF4417" s="91"/>
      <c r="IG4417" s="91"/>
      <c r="IH4417" s="91"/>
      <c r="II4417" s="91"/>
      <c r="IJ4417" s="91"/>
      <c r="IK4417" s="174"/>
    </row>
    <row r="4418" spans="2:245" x14ac:dyDescent="0.2">
      <c r="B4418" s="43"/>
      <c r="C4418" s="73"/>
      <c r="D4418" s="64"/>
      <c r="E4418" s="64"/>
      <c r="F4418" s="55"/>
      <c r="G4418" s="102"/>
      <c r="H4418" s="97"/>
      <c r="T4418" s="98"/>
      <c r="U4418" s="97"/>
      <c r="AG4418" s="98"/>
      <c r="AY4418" s="164"/>
      <c r="BK4418" s="98"/>
      <c r="BL4418" s="97"/>
      <c r="BX4418" s="98"/>
      <c r="CL4418" s="97"/>
      <c r="CX4418" s="98"/>
      <c r="DL4418" s="97"/>
      <c r="DX4418" s="98"/>
      <c r="EL4418" s="97"/>
      <c r="EX4418" s="98"/>
      <c r="EY4418" s="97"/>
      <c r="FL4418" s="126"/>
      <c r="FM4418" s="91"/>
      <c r="FN4418" s="91"/>
      <c r="FO4418" s="91"/>
      <c r="FP4418" s="91"/>
      <c r="FQ4418" s="91"/>
      <c r="FR4418" s="91"/>
      <c r="FS4418" s="91"/>
      <c r="FT4418" s="91"/>
      <c r="FU4418" s="91"/>
      <c r="FV4418" s="91"/>
      <c r="FW4418" s="91"/>
      <c r="FX4418" s="127"/>
      <c r="FY4418" s="126"/>
      <c r="FZ4418" s="91"/>
      <c r="GA4418" s="91"/>
      <c r="GB4418" s="91"/>
      <c r="GC4418" s="91"/>
      <c r="GD4418" s="91"/>
      <c r="GE4418" s="91"/>
      <c r="GF4418" s="91"/>
      <c r="GG4418" s="91"/>
      <c r="GH4418" s="91"/>
      <c r="GI4418" s="91"/>
      <c r="GJ4418" s="91"/>
      <c r="GK4418" s="127"/>
      <c r="GL4418" s="126"/>
      <c r="GM4418" s="91"/>
      <c r="GN4418" s="91"/>
      <c r="GO4418" s="91"/>
      <c r="GP4418" s="91"/>
      <c r="GQ4418" s="91"/>
      <c r="GR4418" s="91"/>
      <c r="GS4418" s="91"/>
      <c r="GT4418" s="91"/>
      <c r="GU4418" s="91"/>
      <c r="GV4418" s="91"/>
      <c r="GW4418" s="91"/>
      <c r="GX4418" s="127"/>
      <c r="GY4418" s="126"/>
      <c r="GZ4418" s="91"/>
      <c r="HA4418" s="91"/>
      <c r="HB4418" s="91"/>
      <c r="HC4418" s="91"/>
      <c r="HD4418" s="91"/>
      <c r="HE4418" s="91"/>
      <c r="HF4418" s="91"/>
      <c r="HG4418" s="91"/>
      <c r="HH4418" s="91"/>
      <c r="HI4418" s="91"/>
      <c r="HJ4418" s="91"/>
      <c r="HK4418" s="127"/>
      <c r="HL4418" s="126"/>
      <c r="HM4418" s="91"/>
      <c r="HN4418" s="91"/>
      <c r="HO4418" s="91"/>
      <c r="HP4418" s="91"/>
      <c r="HQ4418" s="91"/>
      <c r="HR4418" s="91"/>
      <c r="HS4418" s="91"/>
      <c r="HT4418" s="91"/>
      <c r="HU4418" s="91"/>
      <c r="HV4418" s="91"/>
      <c r="HW4418" s="91"/>
      <c r="HX4418" s="127"/>
      <c r="HY4418" s="126"/>
      <c r="HZ4418" s="91"/>
      <c r="IA4418" s="91"/>
      <c r="IB4418" s="91"/>
      <c r="IC4418" s="91"/>
      <c r="ID4418" s="91"/>
      <c r="IE4418" s="91"/>
      <c r="IF4418" s="91"/>
      <c r="IG4418" s="91"/>
      <c r="IH4418" s="91"/>
      <c r="II4418" s="91"/>
      <c r="IJ4418" s="91"/>
      <c r="IK4418" s="174"/>
    </row>
    <row r="4419" spans="2:245" x14ac:dyDescent="0.2">
      <c r="B4419" s="43"/>
      <c r="C4419" s="73"/>
      <c r="D4419" s="64"/>
      <c r="E4419" s="64"/>
      <c r="F4419" s="55"/>
      <c r="G4419" s="102"/>
      <c r="H4419" s="97"/>
      <c r="T4419" s="98"/>
      <c r="U4419" s="97"/>
      <c r="AG4419" s="98"/>
      <c r="AY4419" s="164"/>
      <c r="BK4419" s="98"/>
      <c r="BL4419" s="97"/>
      <c r="BX4419" s="98"/>
      <c r="CL4419" s="97"/>
      <c r="CX4419" s="98"/>
      <c r="DL4419" s="97"/>
      <c r="DX4419" s="98"/>
      <c r="EL4419" s="97"/>
      <c r="EX4419" s="98"/>
      <c r="EY4419" s="97"/>
      <c r="FL4419" s="126"/>
      <c r="FM4419" s="91"/>
      <c r="FN4419" s="91"/>
      <c r="FO4419" s="91"/>
      <c r="FP4419" s="91"/>
      <c r="FQ4419" s="91"/>
      <c r="FR4419" s="91"/>
      <c r="FS4419" s="91"/>
      <c r="FT4419" s="91"/>
      <c r="FU4419" s="91"/>
      <c r="FV4419" s="91"/>
      <c r="FW4419" s="91"/>
      <c r="FX4419" s="127"/>
      <c r="FY4419" s="126"/>
      <c r="FZ4419" s="91"/>
      <c r="GA4419" s="91"/>
      <c r="GB4419" s="91"/>
      <c r="GC4419" s="91"/>
      <c r="GD4419" s="91"/>
      <c r="GE4419" s="91"/>
      <c r="GF4419" s="91"/>
      <c r="GG4419" s="91"/>
      <c r="GH4419" s="91"/>
      <c r="GI4419" s="91"/>
      <c r="GJ4419" s="91"/>
      <c r="GK4419" s="127"/>
      <c r="GL4419" s="126"/>
      <c r="GM4419" s="91"/>
      <c r="GN4419" s="91"/>
      <c r="GO4419" s="91"/>
      <c r="GP4419" s="91"/>
      <c r="GQ4419" s="91"/>
      <c r="GR4419" s="91"/>
      <c r="GS4419" s="91"/>
      <c r="GT4419" s="91"/>
      <c r="GU4419" s="91"/>
      <c r="GV4419" s="91"/>
      <c r="GW4419" s="91"/>
      <c r="GX4419" s="127"/>
      <c r="GY4419" s="126"/>
      <c r="GZ4419" s="91"/>
      <c r="HA4419" s="91"/>
      <c r="HB4419" s="91"/>
      <c r="HC4419" s="91"/>
      <c r="HD4419" s="91"/>
      <c r="HE4419" s="91"/>
      <c r="HF4419" s="91"/>
      <c r="HG4419" s="91"/>
      <c r="HH4419" s="91"/>
      <c r="HI4419" s="91"/>
      <c r="HJ4419" s="91"/>
      <c r="HK4419" s="127"/>
      <c r="HL4419" s="126"/>
      <c r="HM4419" s="91"/>
      <c r="HN4419" s="91"/>
      <c r="HO4419" s="91"/>
      <c r="HP4419" s="91"/>
      <c r="HQ4419" s="91"/>
      <c r="HR4419" s="91"/>
      <c r="HS4419" s="91"/>
      <c r="HT4419" s="91"/>
      <c r="HU4419" s="91"/>
      <c r="HV4419" s="91"/>
      <c r="HW4419" s="91"/>
      <c r="HX4419" s="127"/>
      <c r="HY4419" s="126"/>
      <c r="HZ4419" s="91"/>
      <c r="IA4419" s="91"/>
      <c r="IB4419" s="91"/>
      <c r="IC4419" s="91"/>
      <c r="ID4419" s="91"/>
      <c r="IE4419" s="91"/>
      <c r="IF4419" s="91"/>
      <c r="IG4419" s="91"/>
      <c r="IH4419" s="91"/>
      <c r="II4419" s="91"/>
      <c r="IJ4419" s="91"/>
      <c r="IK4419" s="174"/>
    </row>
    <row r="4420" spans="2:245" x14ac:dyDescent="0.2">
      <c r="B4420" s="43"/>
      <c r="C4420" s="73"/>
      <c r="D4420" s="64"/>
      <c r="E4420" s="64"/>
      <c r="F4420" s="55"/>
      <c r="G4420" s="102"/>
      <c r="H4420" s="97"/>
      <c r="T4420" s="98"/>
      <c r="U4420" s="97"/>
      <c r="AG4420" s="98"/>
      <c r="AY4420" s="164"/>
      <c r="BK4420" s="98"/>
      <c r="BL4420" s="97"/>
      <c r="BX4420" s="98"/>
      <c r="CL4420" s="97"/>
      <c r="CX4420" s="98"/>
      <c r="DL4420" s="97"/>
      <c r="DX4420" s="98"/>
      <c r="EL4420" s="97"/>
      <c r="EX4420" s="98"/>
      <c r="EY4420" s="97"/>
      <c r="FL4420" s="126"/>
      <c r="FM4420" s="91"/>
      <c r="FN4420" s="91"/>
      <c r="FO4420" s="91"/>
      <c r="FP4420" s="91"/>
      <c r="FQ4420" s="91"/>
      <c r="FR4420" s="91"/>
      <c r="FS4420" s="91"/>
      <c r="FT4420" s="91"/>
      <c r="FU4420" s="91"/>
      <c r="FV4420" s="91"/>
      <c r="FW4420" s="91"/>
      <c r="FX4420" s="127"/>
      <c r="FY4420" s="126"/>
      <c r="FZ4420" s="91"/>
      <c r="GA4420" s="91"/>
      <c r="GB4420" s="91"/>
      <c r="GC4420" s="91"/>
      <c r="GD4420" s="91"/>
      <c r="GE4420" s="91"/>
      <c r="GF4420" s="91"/>
      <c r="GG4420" s="91"/>
      <c r="GH4420" s="91"/>
      <c r="GI4420" s="91"/>
      <c r="GJ4420" s="91"/>
      <c r="GK4420" s="127"/>
      <c r="GL4420" s="126"/>
      <c r="GM4420" s="91"/>
      <c r="GN4420" s="91"/>
      <c r="GO4420" s="91"/>
      <c r="GP4420" s="91"/>
      <c r="GQ4420" s="91"/>
      <c r="GR4420" s="91"/>
      <c r="GS4420" s="91"/>
      <c r="GT4420" s="91"/>
      <c r="GU4420" s="91"/>
      <c r="GV4420" s="91"/>
      <c r="GW4420" s="91"/>
      <c r="GX4420" s="127"/>
      <c r="GY4420" s="126"/>
      <c r="GZ4420" s="91"/>
      <c r="HA4420" s="91"/>
      <c r="HB4420" s="91"/>
      <c r="HC4420" s="91"/>
      <c r="HD4420" s="91"/>
      <c r="HE4420" s="91"/>
      <c r="HF4420" s="91"/>
      <c r="HG4420" s="91"/>
      <c r="HH4420" s="91"/>
      <c r="HI4420" s="91"/>
      <c r="HJ4420" s="91"/>
      <c r="HK4420" s="127"/>
      <c r="HL4420" s="126"/>
      <c r="HM4420" s="91"/>
      <c r="HN4420" s="91"/>
      <c r="HO4420" s="91"/>
      <c r="HP4420" s="91"/>
      <c r="HQ4420" s="91"/>
      <c r="HR4420" s="91"/>
      <c r="HS4420" s="91"/>
      <c r="HT4420" s="91"/>
      <c r="HU4420" s="91"/>
      <c r="HV4420" s="91"/>
      <c r="HW4420" s="91"/>
      <c r="HX4420" s="127"/>
      <c r="HY4420" s="126"/>
      <c r="HZ4420" s="91"/>
      <c r="IA4420" s="91"/>
      <c r="IB4420" s="91"/>
      <c r="IC4420" s="91"/>
      <c r="ID4420" s="91"/>
      <c r="IE4420" s="91"/>
      <c r="IF4420" s="91"/>
      <c r="IG4420" s="91"/>
      <c r="IH4420" s="91"/>
      <c r="II4420" s="91"/>
      <c r="IJ4420" s="91"/>
      <c r="IK4420" s="174"/>
    </row>
    <row r="4421" spans="2:245" x14ac:dyDescent="0.2">
      <c r="B4421" s="43"/>
      <c r="C4421" s="73"/>
      <c r="D4421" s="64"/>
      <c r="E4421" s="64"/>
      <c r="F4421" s="55"/>
      <c r="G4421" s="102"/>
      <c r="H4421" s="97"/>
      <c r="T4421" s="98"/>
      <c r="U4421" s="97"/>
      <c r="AG4421" s="98"/>
      <c r="AY4421" s="164"/>
      <c r="BK4421" s="98"/>
      <c r="BL4421" s="97"/>
      <c r="BX4421" s="98"/>
      <c r="CL4421" s="97"/>
      <c r="CX4421" s="98"/>
      <c r="DL4421" s="97"/>
      <c r="DX4421" s="98"/>
      <c r="EL4421" s="97"/>
      <c r="EX4421" s="98"/>
      <c r="EY4421" s="97"/>
      <c r="FL4421" s="126"/>
      <c r="FM4421" s="91"/>
      <c r="FN4421" s="91"/>
      <c r="FO4421" s="91"/>
      <c r="FP4421" s="91"/>
      <c r="FQ4421" s="91"/>
      <c r="FR4421" s="91"/>
      <c r="FS4421" s="91"/>
      <c r="FT4421" s="91"/>
      <c r="FU4421" s="91"/>
      <c r="FV4421" s="91"/>
      <c r="FW4421" s="91"/>
      <c r="FX4421" s="127"/>
      <c r="FY4421" s="126"/>
      <c r="FZ4421" s="91"/>
      <c r="GA4421" s="91"/>
      <c r="GB4421" s="91"/>
      <c r="GC4421" s="91"/>
      <c r="GD4421" s="91"/>
      <c r="GE4421" s="91"/>
      <c r="GF4421" s="91"/>
      <c r="GG4421" s="91"/>
      <c r="GH4421" s="91"/>
      <c r="GI4421" s="91"/>
      <c r="GJ4421" s="91"/>
      <c r="GK4421" s="127"/>
      <c r="GL4421" s="126"/>
      <c r="GM4421" s="91"/>
      <c r="GN4421" s="91"/>
      <c r="GO4421" s="91"/>
      <c r="GP4421" s="91"/>
      <c r="GQ4421" s="91"/>
      <c r="GR4421" s="91"/>
      <c r="GS4421" s="91"/>
      <c r="GT4421" s="91"/>
      <c r="GU4421" s="91"/>
      <c r="GV4421" s="91"/>
      <c r="GW4421" s="91"/>
      <c r="GX4421" s="127"/>
      <c r="GY4421" s="126"/>
      <c r="GZ4421" s="91"/>
      <c r="HA4421" s="91"/>
      <c r="HB4421" s="91"/>
      <c r="HC4421" s="91"/>
      <c r="HD4421" s="91"/>
      <c r="HE4421" s="91"/>
      <c r="HF4421" s="91"/>
      <c r="HG4421" s="91"/>
      <c r="HH4421" s="91"/>
      <c r="HI4421" s="91"/>
      <c r="HJ4421" s="91"/>
      <c r="HK4421" s="127"/>
      <c r="HL4421" s="126"/>
      <c r="HM4421" s="91"/>
      <c r="HN4421" s="91"/>
      <c r="HO4421" s="91"/>
      <c r="HP4421" s="91"/>
      <c r="HQ4421" s="91"/>
      <c r="HR4421" s="91"/>
      <c r="HS4421" s="91"/>
      <c r="HT4421" s="91"/>
      <c r="HU4421" s="91"/>
      <c r="HV4421" s="91"/>
      <c r="HW4421" s="91"/>
      <c r="HX4421" s="127"/>
      <c r="HY4421" s="126"/>
      <c r="HZ4421" s="91"/>
      <c r="IA4421" s="91"/>
      <c r="IB4421" s="91"/>
      <c r="IC4421" s="91"/>
      <c r="ID4421" s="91"/>
      <c r="IE4421" s="91"/>
      <c r="IF4421" s="91"/>
      <c r="IG4421" s="91"/>
      <c r="IH4421" s="91"/>
      <c r="II4421" s="91"/>
      <c r="IJ4421" s="91"/>
      <c r="IK4421" s="174"/>
    </row>
    <row r="4422" spans="2:245" x14ac:dyDescent="0.2">
      <c r="B4422" s="43"/>
      <c r="C4422" s="73"/>
      <c r="D4422" s="64"/>
      <c r="E4422" s="64"/>
      <c r="F4422" s="55"/>
      <c r="G4422" s="102"/>
      <c r="H4422" s="97"/>
      <c r="T4422" s="98"/>
      <c r="U4422" s="97"/>
      <c r="AG4422" s="98"/>
      <c r="AY4422" s="164"/>
      <c r="BK4422" s="98"/>
      <c r="BL4422" s="97"/>
      <c r="BX4422" s="98"/>
      <c r="CL4422" s="97"/>
      <c r="CX4422" s="98"/>
      <c r="DL4422" s="97"/>
      <c r="DX4422" s="98"/>
      <c r="EL4422" s="97"/>
      <c r="EX4422" s="98"/>
      <c r="EY4422" s="97"/>
      <c r="FL4422" s="126"/>
      <c r="FM4422" s="91"/>
      <c r="FN4422" s="91"/>
      <c r="FO4422" s="91"/>
      <c r="FP4422" s="91"/>
      <c r="FQ4422" s="91"/>
      <c r="FR4422" s="91"/>
      <c r="FS4422" s="91"/>
      <c r="FT4422" s="91"/>
      <c r="FU4422" s="91"/>
      <c r="FV4422" s="91"/>
      <c r="FW4422" s="91"/>
      <c r="FX4422" s="127"/>
      <c r="FY4422" s="126"/>
      <c r="FZ4422" s="91"/>
      <c r="GA4422" s="91"/>
      <c r="GB4422" s="91"/>
      <c r="GC4422" s="91"/>
      <c r="GD4422" s="91"/>
      <c r="GE4422" s="91"/>
      <c r="GF4422" s="91"/>
      <c r="GG4422" s="91"/>
      <c r="GH4422" s="91"/>
      <c r="GI4422" s="91"/>
      <c r="GJ4422" s="91"/>
      <c r="GK4422" s="127"/>
      <c r="GL4422" s="126"/>
      <c r="GM4422" s="91"/>
      <c r="GN4422" s="91"/>
      <c r="GO4422" s="91"/>
      <c r="GP4422" s="91"/>
      <c r="GQ4422" s="91"/>
      <c r="GR4422" s="91"/>
      <c r="GS4422" s="91"/>
      <c r="GT4422" s="91"/>
      <c r="GU4422" s="91"/>
      <c r="GV4422" s="91"/>
      <c r="GW4422" s="91"/>
      <c r="GX4422" s="127"/>
      <c r="GY4422" s="126"/>
      <c r="GZ4422" s="91"/>
      <c r="HA4422" s="91"/>
      <c r="HB4422" s="91"/>
      <c r="HC4422" s="91"/>
      <c r="HD4422" s="91"/>
      <c r="HE4422" s="91"/>
      <c r="HF4422" s="91"/>
      <c r="HG4422" s="91"/>
      <c r="HH4422" s="91"/>
      <c r="HI4422" s="91"/>
      <c r="HJ4422" s="91"/>
      <c r="HK4422" s="127"/>
      <c r="HL4422" s="126"/>
      <c r="HM4422" s="91"/>
      <c r="HN4422" s="91"/>
      <c r="HO4422" s="91"/>
      <c r="HP4422" s="91"/>
      <c r="HQ4422" s="91"/>
      <c r="HR4422" s="91"/>
      <c r="HS4422" s="91"/>
      <c r="HT4422" s="91"/>
      <c r="HU4422" s="91"/>
      <c r="HV4422" s="91"/>
      <c r="HW4422" s="91"/>
      <c r="HX4422" s="127"/>
      <c r="HY4422" s="126"/>
      <c r="HZ4422" s="91"/>
      <c r="IA4422" s="91"/>
      <c r="IB4422" s="91"/>
      <c r="IC4422" s="91"/>
      <c r="ID4422" s="91"/>
      <c r="IE4422" s="91"/>
      <c r="IF4422" s="91"/>
      <c r="IG4422" s="91"/>
      <c r="IH4422" s="91"/>
      <c r="II4422" s="91"/>
      <c r="IJ4422" s="91"/>
      <c r="IK4422" s="174"/>
    </row>
    <row r="4423" spans="2:245" x14ac:dyDescent="0.2">
      <c r="B4423" s="43"/>
      <c r="C4423" s="73"/>
      <c r="D4423" s="64"/>
      <c r="E4423" s="64"/>
      <c r="F4423" s="55"/>
      <c r="G4423" s="102"/>
      <c r="H4423" s="97"/>
      <c r="T4423" s="98"/>
      <c r="U4423" s="97"/>
      <c r="AG4423" s="98"/>
      <c r="AY4423" s="164"/>
      <c r="BK4423" s="98"/>
      <c r="BL4423" s="97"/>
      <c r="BX4423" s="98"/>
      <c r="CL4423" s="97"/>
      <c r="CX4423" s="98"/>
      <c r="DL4423" s="97"/>
      <c r="DX4423" s="98"/>
      <c r="EL4423" s="97"/>
      <c r="EX4423" s="98"/>
      <c r="EY4423" s="97"/>
      <c r="FL4423" s="126"/>
      <c r="FM4423" s="91"/>
      <c r="FN4423" s="91"/>
      <c r="FO4423" s="91"/>
      <c r="FP4423" s="91"/>
      <c r="FQ4423" s="91"/>
      <c r="FR4423" s="91"/>
      <c r="FS4423" s="91"/>
      <c r="FT4423" s="91"/>
      <c r="FU4423" s="91"/>
      <c r="FV4423" s="91"/>
      <c r="FW4423" s="91"/>
      <c r="FX4423" s="127"/>
      <c r="FY4423" s="126"/>
      <c r="FZ4423" s="91"/>
      <c r="GA4423" s="91"/>
      <c r="GB4423" s="91"/>
      <c r="GC4423" s="91"/>
      <c r="GD4423" s="91"/>
      <c r="GE4423" s="91"/>
      <c r="GF4423" s="91"/>
      <c r="GG4423" s="91"/>
      <c r="GH4423" s="91"/>
      <c r="GI4423" s="91"/>
      <c r="GJ4423" s="91"/>
      <c r="GK4423" s="127"/>
      <c r="GL4423" s="126"/>
      <c r="GM4423" s="91"/>
      <c r="GN4423" s="91"/>
      <c r="GO4423" s="91"/>
      <c r="GP4423" s="91"/>
      <c r="GQ4423" s="91"/>
      <c r="GR4423" s="91"/>
      <c r="GS4423" s="91"/>
      <c r="GT4423" s="91"/>
      <c r="GU4423" s="91"/>
      <c r="GV4423" s="91"/>
      <c r="GW4423" s="91"/>
      <c r="GX4423" s="127"/>
      <c r="GY4423" s="126"/>
      <c r="GZ4423" s="91"/>
      <c r="HA4423" s="91"/>
      <c r="HB4423" s="91"/>
      <c r="HC4423" s="91"/>
      <c r="HD4423" s="91"/>
      <c r="HE4423" s="91"/>
      <c r="HF4423" s="91"/>
      <c r="HG4423" s="91"/>
      <c r="HH4423" s="91"/>
      <c r="HI4423" s="91"/>
      <c r="HJ4423" s="91"/>
      <c r="HK4423" s="127"/>
      <c r="HL4423" s="126"/>
      <c r="HM4423" s="91"/>
      <c r="HN4423" s="91"/>
      <c r="HO4423" s="91"/>
      <c r="HP4423" s="91"/>
      <c r="HQ4423" s="91"/>
      <c r="HR4423" s="91"/>
      <c r="HS4423" s="91"/>
      <c r="HT4423" s="91"/>
      <c r="HU4423" s="91"/>
      <c r="HV4423" s="91"/>
      <c r="HW4423" s="91"/>
      <c r="HX4423" s="127"/>
      <c r="HY4423" s="126"/>
      <c r="HZ4423" s="91"/>
      <c r="IA4423" s="91"/>
      <c r="IB4423" s="91"/>
      <c r="IC4423" s="91"/>
      <c r="ID4423" s="91"/>
      <c r="IE4423" s="91"/>
      <c r="IF4423" s="91"/>
      <c r="IG4423" s="91"/>
      <c r="IH4423" s="91"/>
      <c r="II4423" s="91"/>
      <c r="IJ4423" s="91"/>
      <c r="IK4423" s="174"/>
    </row>
    <row r="4424" spans="2:245" x14ac:dyDescent="0.2">
      <c r="B4424" s="43"/>
      <c r="C4424" s="73"/>
      <c r="D4424" s="64"/>
      <c r="E4424" s="64"/>
      <c r="F4424" s="55"/>
      <c r="G4424" s="102"/>
      <c r="H4424" s="97"/>
      <c r="T4424" s="98"/>
      <c r="U4424" s="97"/>
      <c r="AG4424" s="98"/>
      <c r="AY4424" s="164"/>
      <c r="BK4424" s="98"/>
      <c r="BL4424" s="97"/>
      <c r="BX4424" s="98"/>
      <c r="CL4424" s="97"/>
      <c r="CX4424" s="98"/>
      <c r="DL4424" s="97"/>
      <c r="DX4424" s="98"/>
      <c r="EL4424" s="97"/>
      <c r="EX4424" s="98"/>
      <c r="EY4424" s="97"/>
      <c r="FL4424" s="126"/>
      <c r="FM4424" s="91"/>
      <c r="FN4424" s="91"/>
      <c r="FO4424" s="91"/>
      <c r="FP4424" s="91"/>
      <c r="FQ4424" s="91"/>
      <c r="FR4424" s="91"/>
      <c r="FS4424" s="91"/>
      <c r="FT4424" s="91"/>
      <c r="FU4424" s="91"/>
      <c r="FV4424" s="91"/>
      <c r="FW4424" s="91"/>
      <c r="FX4424" s="127"/>
      <c r="FY4424" s="126"/>
      <c r="FZ4424" s="91"/>
      <c r="GA4424" s="91"/>
      <c r="GB4424" s="91"/>
      <c r="GC4424" s="91"/>
      <c r="GD4424" s="91"/>
      <c r="GE4424" s="91"/>
      <c r="GF4424" s="91"/>
      <c r="GG4424" s="91"/>
      <c r="GH4424" s="91"/>
      <c r="GI4424" s="91"/>
      <c r="GJ4424" s="91"/>
      <c r="GK4424" s="127"/>
      <c r="GL4424" s="126"/>
      <c r="GM4424" s="91"/>
      <c r="GN4424" s="91"/>
      <c r="GO4424" s="91"/>
      <c r="GP4424" s="91"/>
      <c r="GQ4424" s="91"/>
      <c r="GR4424" s="91"/>
      <c r="GS4424" s="91"/>
      <c r="GT4424" s="91"/>
      <c r="GU4424" s="91"/>
      <c r="GV4424" s="91"/>
      <c r="GW4424" s="91"/>
      <c r="GX4424" s="127"/>
      <c r="GY4424" s="126"/>
      <c r="GZ4424" s="91"/>
      <c r="HA4424" s="91"/>
      <c r="HB4424" s="91"/>
      <c r="HC4424" s="91"/>
      <c r="HD4424" s="91"/>
      <c r="HE4424" s="91"/>
      <c r="HF4424" s="91"/>
      <c r="HG4424" s="91"/>
      <c r="HH4424" s="91"/>
      <c r="HI4424" s="91"/>
      <c r="HJ4424" s="91"/>
      <c r="HK4424" s="127"/>
      <c r="HL4424" s="126"/>
      <c r="HM4424" s="91"/>
      <c r="HN4424" s="91"/>
      <c r="HO4424" s="91"/>
      <c r="HP4424" s="91"/>
      <c r="HQ4424" s="91"/>
      <c r="HR4424" s="91"/>
      <c r="HS4424" s="91"/>
      <c r="HT4424" s="91"/>
      <c r="HU4424" s="91"/>
      <c r="HV4424" s="91"/>
      <c r="HW4424" s="91"/>
      <c r="HX4424" s="127"/>
      <c r="HY4424" s="126"/>
      <c r="HZ4424" s="91"/>
      <c r="IA4424" s="91"/>
      <c r="IB4424" s="91"/>
      <c r="IC4424" s="91"/>
      <c r="ID4424" s="91"/>
      <c r="IE4424" s="91"/>
      <c r="IF4424" s="91"/>
      <c r="IG4424" s="91"/>
      <c r="IH4424" s="91"/>
      <c r="II4424" s="91"/>
      <c r="IJ4424" s="91"/>
      <c r="IK4424" s="174"/>
    </row>
    <row r="4425" spans="2:245" x14ac:dyDescent="0.2">
      <c r="B4425" s="43"/>
      <c r="C4425" s="73"/>
      <c r="D4425" s="64"/>
      <c r="E4425" s="64"/>
      <c r="F4425" s="55"/>
      <c r="G4425" s="102"/>
      <c r="H4425" s="97"/>
      <c r="T4425" s="98"/>
      <c r="U4425" s="97"/>
      <c r="AG4425" s="98"/>
      <c r="AY4425" s="164"/>
      <c r="BK4425" s="98"/>
      <c r="BL4425" s="97"/>
      <c r="BX4425" s="98"/>
      <c r="CL4425" s="97"/>
      <c r="CX4425" s="98"/>
      <c r="DL4425" s="97"/>
      <c r="DX4425" s="98"/>
      <c r="EL4425" s="97"/>
      <c r="EX4425" s="98"/>
      <c r="EY4425" s="97"/>
      <c r="FL4425" s="126"/>
      <c r="FM4425" s="91"/>
      <c r="FN4425" s="91"/>
      <c r="FO4425" s="91"/>
      <c r="FP4425" s="91"/>
      <c r="FQ4425" s="91"/>
      <c r="FR4425" s="91"/>
      <c r="FS4425" s="91"/>
      <c r="FT4425" s="91"/>
      <c r="FU4425" s="91"/>
      <c r="FV4425" s="91"/>
      <c r="FW4425" s="91"/>
      <c r="FX4425" s="127"/>
      <c r="FY4425" s="126"/>
      <c r="FZ4425" s="91"/>
      <c r="GA4425" s="91"/>
      <c r="GB4425" s="91"/>
      <c r="GC4425" s="91"/>
      <c r="GD4425" s="91"/>
      <c r="GE4425" s="91"/>
      <c r="GF4425" s="91"/>
      <c r="GG4425" s="91"/>
      <c r="GH4425" s="91"/>
      <c r="GI4425" s="91"/>
      <c r="GJ4425" s="91"/>
      <c r="GK4425" s="127"/>
      <c r="GL4425" s="126"/>
      <c r="GM4425" s="91"/>
      <c r="GN4425" s="91"/>
      <c r="GO4425" s="91"/>
      <c r="GP4425" s="91"/>
      <c r="GQ4425" s="91"/>
      <c r="GR4425" s="91"/>
      <c r="GS4425" s="91"/>
      <c r="GT4425" s="91"/>
      <c r="GU4425" s="91"/>
      <c r="GV4425" s="91"/>
      <c r="GW4425" s="91"/>
      <c r="GX4425" s="127"/>
      <c r="GY4425" s="126"/>
      <c r="GZ4425" s="91"/>
      <c r="HA4425" s="91"/>
      <c r="HB4425" s="91"/>
      <c r="HC4425" s="91"/>
      <c r="HD4425" s="91"/>
      <c r="HE4425" s="91"/>
      <c r="HF4425" s="91"/>
      <c r="HG4425" s="91"/>
      <c r="HH4425" s="91"/>
      <c r="HI4425" s="91"/>
      <c r="HJ4425" s="91"/>
      <c r="HK4425" s="127"/>
      <c r="HL4425" s="126"/>
      <c r="HM4425" s="91"/>
      <c r="HN4425" s="91"/>
      <c r="HO4425" s="91"/>
      <c r="HP4425" s="91"/>
      <c r="HQ4425" s="91"/>
      <c r="HR4425" s="91"/>
      <c r="HS4425" s="91"/>
      <c r="HT4425" s="91"/>
      <c r="HU4425" s="91"/>
      <c r="HV4425" s="91"/>
      <c r="HW4425" s="91"/>
      <c r="HX4425" s="127"/>
      <c r="HY4425" s="126"/>
      <c r="HZ4425" s="91"/>
      <c r="IA4425" s="91"/>
      <c r="IB4425" s="91"/>
      <c r="IC4425" s="91"/>
      <c r="ID4425" s="91"/>
      <c r="IE4425" s="91"/>
      <c r="IF4425" s="91"/>
      <c r="IG4425" s="91"/>
      <c r="IH4425" s="91"/>
      <c r="II4425" s="91"/>
      <c r="IJ4425" s="91"/>
      <c r="IK4425" s="174"/>
    </row>
    <row r="4426" spans="2:245" x14ac:dyDescent="0.2">
      <c r="B4426" s="43"/>
      <c r="C4426" s="73"/>
      <c r="D4426" s="64"/>
      <c r="E4426" s="64"/>
      <c r="F4426" s="55"/>
      <c r="G4426" s="102"/>
      <c r="H4426" s="97"/>
      <c r="T4426" s="98"/>
      <c r="U4426" s="97"/>
      <c r="AG4426" s="98"/>
      <c r="AY4426" s="164"/>
      <c r="BK4426" s="98"/>
      <c r="BL4426" s="97"/>
      <c r="BX4426" s="98"/>
      <c r="CL4426" s="97"/>
      <c r="CX4426" s="98"/>
      <c r="DL4426" s="97"/>
      <c r="DX4426" s="98"/>
      <c r="EL4426" s="97"/>
      <c r="EX4426" s="98"/>
      <c r="EY4426" s="97"/>
      <c r="FL4426" s="126"/>
      <c r="FM4426" s="91"/>
      <c r="FN4426" s="91"/>
      <c r="FO4426" s="91"/>
      <c r="FP4426" s="91"/>
      <c r="FQ4426" s="91"/>
      <c r="FR4426" s="91"/>
      <c r="FS4426" s="91"/>
      <c r="FT4426" s="91"/>
      <c r="FU4426" s="91"/>
      <c r="FV4426" s="91"/>
      <c r="FW4426" s="91"/>
      <c r="FX4426" s="127"/>
      <c r="FY4426" s="126"/>
      <c r="FZ4426" s="91"/>
      <c r="GA4426" s="91"/>
      <c r="GB4426" s="91"/>
      <c r="GC4426" s="91"/>
      <c r="GD4426" s="91"/>
      <c r="GE4426" s="91"/>
      <c r="GF4426" s="91"/>
      <c r="GG4426" s="91"/>
      <c r="GH4426" s="91"/>
      <c r="GI4426" s="91"/>
      <c r="GJ4426" s="91"/>
      <c r="GK4426" s="127"/>
      <c r="GL4426" s="126"/>
      <c r="GM4426" s="91"/>
      <c r="GN4426" s="91"/>
      <c r="GO4426" s="91"/>
      <c r="GP4426" s="91"/>
      <c r="GQ4426" s="91"/>
      <c r="GR4426" s="91"/>
      <c r="GS4426" s="91"/>
      <c r="GT4426" s="91"/>
      <c r="GU4426" s="91"/>
      <c r="GV4426" s="91"/>
      <c r="GW4426" s="91"/>
      <c r="GX4426" s="127"/>
      <c r="GY4426" s="126"/>
      <c r="GZ4426" s="91"/>
      <c r="HA4426" s="91"/>
      <c r="HB4426" s="91"/>
      <c r="HC4426" s="91"/>
      <c r="HD4426" s="91"/>
      <c r="HE4426" s="91"/>
      <c r="HF4426" s="91"/>
      <c r="HG4426" s="91"/>
      <c r="HH4426" s="91"/>
      <c r="HI4426" s="91"/>
      <c r="HJ4426" s="91"/>
      <c r="HK4426" s="127"/>
      <c r="HL4426" s="126"/>
      <c r="HM4426" s="91"/>
      <c r="HN4426" s="91"/>
      <c r="HO4426" s="91"/>
      <c r="HP4426" s="91"/>
      <c r="HQ4426" s="91"/>
      <c r="HR4426" s="91"/>
      <c r="HS4426" s="91"/>
      <c r="HT4426" s="91"/>
      <c r="HU4426" s="91"/>
      <c r="HV4426" s="91"/>
      <c r="HW4426" s="91"/>
      <c r="HX4426" s="127"/>
      <c r="HY4426" s="126"/>
      <c r="HZ4426" s="91"/>
      <c r="IA4426" s="91"/>
      <c r="IB4426" s="91"/>
      <c r="IC4426" s="91"/>
      <c r="ID4426" s="91"/>
      <c r="IE4426" s="91"/>
      <c r="IF4426" s="91"/>
      <c r="IG4426" s="91"/>
      <c r="IH4426" s="91"/>
      <c r="II4426" s="91"/>
      <c r="IJ4426" s="91"/>
      <c r="IK4426" s="174"/>
    </row>
    <row r="4427" spans="2:245" x14ac:dyDescent="0.2">
      <c r="B4427" s="43"/>
      <c r="C4427" s="73"/>
      <c r="D4427" s="64"/>
      <c r="E4427" s="64"/>
      <c r="F4427" s="55"/>
      <c r="G4427" s="102"/>
      <c r="H4427" s="97"/>
      <c r="T4427" s="98"/>
      <c r="U4427" s="97"/>
      <c r="AG4427" s="98"/>
      <c r="AY4427" s="164"/>
      <c r="BK4427" s="98"/>
      <c r="BL4427" s="97"/>
      <c r="BX4427" s="98"/>
      <c r="CL4427" s="97"/>
      <c r="CX4427" s="98"/>
      <c r="DL4427" s="97"/>
      <c r="DX4427" s="98"/>
      <c r="EL4427" s="97"/>
      <c r="EX4427" s="98"/>
      <c r="EY4427" s="97"/>
      <c r="FL4427" s="126"/>
      <c r="FM4427" s="91"/>
      <c r="FN4427" s="91"/>
      <c r="FO4427" s="91"/>
      <c r="FP4427" s="91"/>
      <c r="FQ4427" s="91"/>
      <c r="FR4427" s="91"/>
      <c r="FS4427" s="91"/>
      <c r="FT4427" s="91"/>
      <c r="FU4427" s="91"/>
      <c r="FV4427" s="91"/>
      <c r="FW4427" s="91"/>
      <c r="FX4427" s="127"/>
      <c r="FY4427" s="126"/>
      <c r="FZ4427" s="91"/>
      <c r="GA4427" s="91"/>
      <c r="GB4427" s="91"/>
      <c r="GC4427" s="91"/>
      <c r="GD4427" s="91"/>
      <c r="GE4427" s="91"/>
      <c r="GF4427" s="91"/>
      <c r="GG4427" s="91"/>
      <c r="GH4427" s="91"/>
      <c r="GI4427" s="91"/>
      <c r="GJ4427" s="91"/>
      <c r="GK4427" s="127"/>
      <c r="GL4427" s="126"/>
      <c r="GM4427" s="91"/>
      <c r="GN4427" s="91"/>
      <c r="GO4427" s="91"/>
      <c r="GP4427" s="91"/>
      <c r="GQ4427" s="91"/>
      <c r="GR4427" s="91"/>
      <c r="GS4427" s="91"/>
      <c r="GT4427" s="91"/>
      <c r="GU4427" s="91"/>
      <c r="GV4427" s="91"/>
      <c r="GW4427" s="91"/>
      <c r="GX4427" s="127"/>
      <c r="GY4427" s="126"/>
      <c r="GZ4427" s="91"/>
      <c r="HA4427" s="91"/>
      <c r="HB4427" s="91"/>
      <c r="HC4427" s="91"/>
      <c r="HD4427" s="91"/>
      <c r="HE4427" s="91"/>
      <c r="HF4427" s="91"/>
      <c r="HG4427" s="91"/>
      <c r="HH4427" s="91"/>
      <c r="HI4427" s="91"/>
      <c r="HJ4427" s="91"/>
      <c r="HK4427" s="127"/>
      <c r="HL4427" s="126"/>
      <c r="HM4427" s="91"/>
      <c r="HN4427" s="91"/>
      <c r="HO4427" s="91"/>
      <c r="HP4427" s="91"/>
      <c r="HQ4427" s="91"/>
      <c r="HR4427" s="91"/>
      <c r="HS4427" s="91"/>
      <c r="HT4427" s="91"/>
      <c r="HU4427" s="91"/>
      <c r="HV4427" s="91"/>
      <c r="HW4427" s="91"/>
      <c r="HX4427" s="127"/>
      <c r="HY4427" s="126"/>
      <c r="HZ4427" s="91"/>
      <c r="IA4427" s="91"/>
      <c r="IB4427" s="91"/>
      <c r="IC4427" s="91"/>
      <c r="ID4427" s="91"/>
      <c r="IE4427" s="91"/>
      <c r="IF4427" s="91"/>
      <c r="IG4427" s="91"/>
      <c r="IH4427" s="91"/>
      <c r="II4427" s="91"/>
      <c r="IJ4427" s="91"/>
      <c r="IK4427" s="174"/>
    </row>
    <row r="4428" spans="2:245" x14ac:dyDescent="0.2">
      <c r="B4428" s="43"/>
      <c r="C4428" s="73"/>
      <c r="D4428" s="64"/>
      <c r="E4428" s="64"/>
      <c r="F4428" s="55"/>
      <c r="G4428" s="102"/>
      <c r="H4428" s="97"/>
      <c r="T4428" s="98"/>
      <c r="U4428" s="97"/>
      <c r="AG4428" s="98"/>
      <c r="AY4428" s="164"/>
      <c r="BK4428" s="98"/>
      <c r="BL4428" s="97"/>
      <c r="BX4428" s="98"/>
      <c r="CL4428" s="97"/>
      <c r="CX4428" s="98"/>
      <c r="DL4428" s="97"/>
      <c r="DX4428" s="98"/>
      <c r="EL4428" s="97"/>
      <c r="EX4428" s="98"/>
      <c r="EY4428" s="97"/>
      <c r="FL4428" s="126"/>
      <c r="FM4428" s="91"/>
      <c r="FN4428" s="91"/>
      <c r="FO4428" s="91"/>
      <c r="FP4428" s="91"/>
      <c r="FQ4428" s="91"/>
      <c r="FR4428" s="91"/>
      <c r="FS4428" s="91"/>
      <c r="FT4428" s="91"/>
      <c r="FU4428" s="91"/>
      <c r="FV4428" s="91"/>
      <c r="FW4428" s="91"/>
      <c r="FX4428" s="127"/>
      <c r="FY4428" s="126"/>
      <c r="FZ4428" s="91"/>
      <c r="GA4428" s="91"/>
      <c r="GB4428" s="91"/>
      <c r="GC4428" s="91"/>
      <c r="GD4428" s="91"/>
      <c r="GE4428" s="91"/>
      <c r="GF4428" s="91"/>
      <c r="GG4428" s="91"/>
      <c r="GH4428" s="91"/>
      <c r="GI4428" s="91"/>
      <c r="GJ4428" s="91"/>
      <c r="GK4428" s="127"/>
      <c r="GL4428" s="126"/>
      <c r="GM4428" s="91"/>
      <c r="GN4428" s="91"/>
      <c r="GO4428" s="91"/>
      <c r="GP4428" s="91"/>
      <c r="GQ4428" s="91"/>
      <c r="GR4428" s="91"/>
      <c r="GS4428" s="91"/>
      <c r="GT4428" s="91"/>
      <c r="GU4428" s="91"/>
      <c r="GV4428" s="91"/>
      <c r="GW4428" s="91"/>
      <c r="GX4428" s="127"/>
      <c r="GY4428" s="126"/>
      <c r="GZ4428" s="91"/>
      <c r="HA4428" s="91"/>
      <c r="HB4428" s="91"/>
      <c r="HC4428" s="91"/>
      <c r="HD4428" s="91"/>
      <c r="HE4428" s="91"/>
      <c r="HF4428" s="91"/>
      <c r="HG4428" s="91"/>
      <c r="HH4428" s="91"/>
      <c r="HI4428" s="91"/>
      <c r="HJ4428" s="91"/>
      <c r="HK4428" s="127"/>
      <c r="HL4428" s="126"/>
      <c r="HM4428" s="91"/>
      <c r="HN4428" s="91"/>
      <c r="HO4428" s="91"/>
      <c r="HP4428" s="91"/>
      <c r="HQ4428" s="91"/>
      <c r="HR4428" s="91"/>
      <c r="HS4428" s="91"/>
      <c r="HT4428" s="91"/>
      <c r="HU4428" s="91"/>
      <c r="HV4428" s="91"/>
      <c r="HW4428" s="91"/>
      <c r="HX4428" s="127"/>
      <c r="HY4428" s="126"/>
      <c r="HZ4428" s="91"/>
      <c r="IA4428" s="91"/>
      <c r="IB4428" s="91"/>
      <c r="IC4428" s="91"/>
      <c r="ID4428" s="91"/>
      <c r="IE4428" s="91"/>
      <c r="IF4428" s="91"/>
      <c r="IG4428" s="91"/>
      <c r="IH4428" s="91"/>
      <c r="II4428" s="91"/>
      <c r="IJ4428" s="91"/>
      <c r="IK4428" s="174"/>
    </row>
    <row r="4429" spans="2:245" x14ac:dyDescent="0.2">
      <c r="B4429" s="43"/>
      <c r="C4429" s="73"/>
      <c r="D4429" s="64"/>
      <c r="E4429" s="64"/>
      <c r="F4429" s="55"/>
      <c r="G4429" s="102"/>
      <c r="H4429" s="97"/>
      <c r="T4429" s="98"/>
      <c r="U4429" s="97"/>
      <c r="AG4429" s="98"/>
      <c r="AY4429" s="164"/>
      <c r="BK4429" s="98"/>
      <c r="BL4429" s="97"/>
      <c r="BX4429" s="98"/>
      <c r="CL4429" s="97"/>
      <c r="CX4429" s="98"/>
      <c r="DL4429" s="97"/>
      <c r="DX4429" s="98"/>
      <c r="EL4429" s="97"/>
      <c r="EX4429" s="98"/>
      <c r="EY4429" s="97"/>
      <c r="FL4429" s="126"/>
      <c r="FM4429" s="91"/>
      <c r="FN4429" s="91"/>
      <c r="FO4429" s="91"/>
      <c r="FP4429" s="91"/>
      <c r="FQ4429" s="91"/>
      <c r="FR4429" s="91"/>
      <c r="FS4429" s="91"/>
      <c r="FT4429" s="91"/>
      <c r="FU4429" s="91"/>
      <c r="FV4429" s="91"/>
      <c r="FW4429" s="91"/>
      <c r="FX4429" s="127"/>
      <c r="FY4429" s="126"/>
      <c r="FZ4429" s="91"/>
      <c r="GA4429" s="91"/>
      <c r="GB4429" s="91"/>
      <c r="GC4429" s="91"/>
      <c r="GD4429" s="91"/>
      <c r="GE4429" s="91"/>
      <c r="GF4429" s="91"/>
      <c r="GG4429" s="91"/>
      <c r="GH4429" s="91"/>
      <c r="GI4429" s="91"/>
      <c r="GJ4429" s="91"/>
      <c r="GK4429" s="127"/>
      <c r="GL4429" s="126"/>
      <c r="GM4429" s="91"/>
      <c r="GN4429" s="91"/>
      <c r="GO4429" s="91"/>
      <c r="GP4429" s="91"/>
      <c r="GQ4429" s="91"/>
      <c r="GR4429" s="91"/>
      <c r="GS4429" s="91"/>
      <c r="GT4429" s="91"/>
      <c r="GU4429" s="91"/>
      <c r="GV4429" s="91"/>
      <c r="GW4429" s="91"/>
      <c r="GX4429" s="127"/>
      <c r="GY4429" s="126"/>
      <c r="GZ4429" s="91"/>
      <c r="HA4429" s="91"/>
      <c r="HB4429" s="91"/>
      <c r="HC4429" s="91"/>
      <c r="HD4429" s="91"/>
      <c r="HE4429" s="91"/>
      <c r="HF4429" s="91"/>
      <c r="HG4429" s="91"/>
      <c r="HH4429" s="91"/>
      <c r="HI4429" s="91"/>
      <c r="HJ4429" s="91"/>
      <c r="HK4429" s="127"/>
      <c r="HL4429" s="126"/>
      <c r="HM4429" s="91"/>
      <c r="HN4429" s="91"/>
      <c r="HO4429" s="91"/>
      <c r="HP4429" s="91"/>
      <c r="HQ4429" s="91"/>
      <c r="HR4429" s="91"/>
      <c r="HS4429" s="91"/>
      <c r="HT4429" s="91"/>
      <c r="HU4429" s="91"/>
      <c r="HV4429" s="91"/>
      <c r="HW4429" s="91"/>
      <c r="HX4429" s="127"/>
      <c r="HY4429" s="126"/>
      <c r="HZ4429" s="91"/>
      <c r="IA4429" s="91"/>
      <c r="IB4429" s="91"/>
      <c r="IC4429" s="91"/>
      <c r="ID4429" s="91"/>
      <c r="IE4429" s="91"/>
      <c r="IF4429" s="91"/>
      <c r="IG4429" s="91"/>
      <c r="IH4429" s="91"/>
      <c r="II4429" s="91"/>
      <c r="IJ4429" s="91"/>
      <c r="IK4429" s="174"/>
    </row>
    <row r="4430" spans="2:245" x14ac:dyDescent="0.2">
      <c r="B4430" s="43"/>
      <c r="C4430" s="73"/>
      <c r="D4430" s="64"/>
      <c r="E4430" s="64"/>
      <c r="F4430" s="55"/>
      <c r="G4430" s="102"/>
      <c r="H4430" s="97"/>
      <c r="T4430" s="98"/>
      <c r="U4430" s="97"/>
      <c r="AG4430" s="98"/>
      <c r="AY4430" s="164"/>
      <c r="BK4430" s="98"/>
      <c r="BL4430" s="97"/>
      <c r="BX4430" s="98"/>
      <c r="CL4430" s="97"/>
      <c r="CX4430" s="98"/>
      <c r="DL4430" s="97"/>
      <c r="DX4430" s="98"/>
      <c r="EL4430" s="97"/>
      <c r="EX4430" s="98"/>
      <c r="EY4430" s="97"/>
      <c r="FL4430" s="126"/>
      <c r="FM4430" s="91"/>
      <c r="FN4430" s="91"/>
      <c r="FO4430" s="91"/>
      <c r="FP4430" s="91"/>
      <c r="FQ4430" s="91"/>
      <c r="FR4430" s="91"/>
      <c r="FS4430" s="91"/>
      <c r="FT4430" s="91"/>
      <c r="FU4430" s="91"/>
      <c r="FV4430" s="91"/>
      <c r="FW4430" s="91"/>
      <c r="FX4430" s="127"/>
      <c r="FY4430" s="126"/>
      <c r="FZ4430" s="91"/>
      <c r="GA4430" s="91"/>
      <c r="GB4430" s="91"/>
      <c r="GC4430" s="91"/>
      <c r="GD4430" s="91"/>
      <c r="GE4430" s="91"/>
      <c r="GF4430" s="91"/>
      <c r="GG4430" s="91"/>
      <c r="GH4430" s="91"/>
      <c r="GI4430" s="91"/>
      <c r="GJ4430" s="91"/>
      <c r="GK4430" s="127"/>
      <c r="GL4430" s="126"/>
      <c r="GM4430" s="91"/>
      <c r="GN4430" s="91"/>
      <c r="GO4430" s="91"/>
      <c r="GP4430" s="91"/>
      <c r="GQ4430" s="91"/>
      <c r="GR4430" s="91"/>
      <c r="GS4430" s="91"/>
      <c r="GT4430" s="91"/>
      <c r="GU4430" s="91"/>
      <c r="GV4430" s="91"/>
      <c r="GW4430" s="91"/>
      <c r="GX4430" s="127"/>
      <c r="GY4430" s="126"/>
      <c r="GZ4430" s="91"/>
      <c r="HA4430" s="91"/>
      <c r="HB4430" s="91"/>
      <c r="HC4430" s="91"/>
      <c r="HD4430" s="91"/>
      <c r="HE4430" s="91"/>
      <c r="HF4430" s="91"/>
      <c r="HG4430" s="91"/>
      <c r="HH4430" s="91"/>
      <c r="HI4430" s="91"/>
      <c r="HJ4430" s="91"/>
      <c r="HK4430" s="127"/>
      <c r="HL4430" s="126"/>
      <c r="HM4430" s="91"/>
      <c r="HN4430" s="91"/>
      <c r="HO4430" s="91"/>
      <c r="HP4430" s="91"/>
      <c r="HQ4430" s="91"/>
      <c r="HR4430" s="91"/>
      <c r="HS4430" s="91"/>
      <c r="HT4430" s="91"/>
      <c r="HU4430" s="91"/>
      <c r="HV4430" s="91"/>
      <c r="HW4430" s="91"/>
      <c r="HX4430" s="127"/>
      <c r="HY4430" s="126"/>
      <c r="HZ4430" s="91"/>
      <c r="IA4430" s="91"/>
      <c r="IB4430" s="91"/>
      <c r="IC4430" s="91"/>
      <c r="ID4430" s="91"/>
      <c r="IE4430" s="91"/>
      <c r="IF4430" s="91"/>
      <c r="IG4430" s="91"/>
      <c r="IH4430" s="91"/>
      <c r="II4430" s="91"/>
      <c r="IJ4430" s="91"/>
      <c r="IK4430" s="174"/>
    </row>
    <row r="4431" spans="2:245" x14ac:dyDescent="0.2">
      <c r="B4431" s="43"/>
      <c r="C4431" s="73"/>
      <c r="D4431" s="64"/>
      <c r="E4431" s="64"/>
      <c r="F4431" s="55"/>
      <c r="G4431" s="102"/>
      <c r="H4431" s="97"/>
      <c r="T4431" s="98"/>
      <c r="U4431" s="97"/>
      <c r="AG4431" s="98"/>
      <c r="AY4431" s="164"/>
      <c r="BK4431" s="98"/>
      <c r="BL4431" s="97"/>
      <c r="BX4431" s="98"/>
      <c r="CL4431" s="97"/>
      <c r="CX4431" s="98"/>
      <c r="DL4431" s="97"/>
      <c r="DX4431" s="98"/>
      <c r="EL4431" s="97"/>
      <c r="EX4431" s="98"/>
      <c r="EY4431" s="97"/>
      <c r="FL4431" s="126"/>
      <c r="FM4431" s="91"/>
      <c r="FN4431" s="91"/>
      <c r="FO4431" s="91"/>
      <c r="FP4431" s="91"/>
      <c r="FQ4431" s="91"/>
      <c r="FR4431" s="91"/>
      <c r="FS4431" s="91"/>
      <c r="FT4431" s="91"/>
      <c r="FU4431" s="91"/>
      <c r="FV4431" s="91"/>
      <c r="FW4431" s="91"/>
      <c r="FX4431" s="127"/>
      <c r="FY4431" s="126"/>
      <c r="FZ4431" s="91"/>
      <c r="GA4431" s="91"/>
      <c r="GB4431" s="91"/>
      <c r="GC4431" s="91"/>
      <c r="GD4431" s="91"/>
      <c r="GE4431" s="91"/>
      <c r="GF4431" s="91"/>
      <c r="GG4431" s="91"/>
      <c r="GH4431" s="91"/>
      <c r="GI4431" s="91"/>
      <c r="GJ4431" s="91"/>
      <c r="GK4431" s="127"/>
      <c r="GL4431" s="126"/>
      <c r="GM4431" s="91"/>
      <c r="GN4431" s="91"/>
      <c r="GO4431" s="91"/>
      <c r="GP4431" s="91"/>
      <c r="GQ4431" s="91"/>
      <c r="GR4431" s="91"/>
      <c r="GS4431" s="91"/>
      <c r="GT4431" s="91"/>
      <c r="GU4431" s="91"/>
      <c r="GV4431" s="91"/>
      <c r="GW4431" s="91"/>
      <c r="GX4431" s="127"/>
      <c r="GY4431" s="126"/>
      <c r="GZ4431" s="91"/>
      <c r="HA4431" s="91"/>
      <c r="HB4431" s="91"/>
      <c r="HC4431" s="91"/>
      <c r="HD4431" s="91"/>
      <c r="HE4431" s="91"/>
      <c r="HF4431" s="91"/>
      <c r="HG4431" s="91"/>
      <c r="HH4431" s="91"/>
      <c r="HI4431" s="91"/>
      <c r="HJ4431" s="91"/>
      <c r="HK4431" s="127"/>
      <c r="HL4431" s="126"/>
      <c r="HM4431" s="91"/>
      <c r="HN4431" s="91"/>
      <c r="HO4431" s="91"/>
      <c r="HP4431" s="91"/>
      <c r="HQ4431" s="91"/>
      <c r="HR4431" s="91"/>
      <c r="HS4431" s="91"/>
      <c r="HT4431" s="91"/>
      <c r="HU4431" s="91"/>
      <c r="HV4431" s="91"/>
      <c r="HW4431" s="91"/>
      <c r="HX4431" s="127"/>
      <c r="HY4431" s="126"/>
      <c r="HZ4431" s="91"/>
      <c r="IA4431" s="91"/>
      <c r="IB4431" s="91"/>
      <c r="IC4431" s="91"/>
      <c r="ID4431" s="91"/>
      <c r="IE4431" s="91"/>
      <c r="IF4431" s="91"/>
      <c r="IG4431" s="91"/>
      <c r="IH4431" s="91"/>
      <c r="II4431" s="91"/>
      <c r="IJ4431" s="91"/>
      <c r="IK4431" s="174"/>
    </row>
    <row r="4432" spans="2:245" x14ac:dyDescent="0.2">
      <c r="B4432" s="43"/>
      <c r="C4432" s="73"/>
      <c r="D4432" s="64"/>
      <c r="E4432" s="64"/>
      <c r="F4432" s="55"/>
      <c r="G4432" s="102"/>
      <c r="H4432" s="97"/>
      <c r="T4432" s="98"/>
      <c r="U4432" s="97"/>
      <c r="AG4432" s="98"/>
      <c r="AY4432" s="164"/>
      <c r="BK4432" s="98"/>
      <c r="BL4432" s="97"/>
      <c r="BX4432" s="98"/>
      <c r="CL4432" s="97"/>
      <c r="CX4432" s="98"/>
      <c r="DL4432" s="97"/>
      <c r="DX4432" s="98"/>
      <c r="EL4432" s="97"/>
      <c r="EX4432" s="98"/>
      <c r="EY4432" s="97"/>
      <c r="FL4432" s="126"/>
      <c r="FM4432" s="91"/>
      <c r="FN4432" s="91"/>
      <c r="FO4432" s="91"/>
      <c r="FP4432" s="91"/>
      <c r="FQ4432" s="91"/>
      <c r="FR4432" s="91"/>
      <c r="FS4432" s="91"/>
      <c r="FT4432" s="91"/>
      <c r="FU4432" s="91"/>
      <c r="FV4432" s="91"/>
      <c r="FW4432" s="91"/>
      <c r="FX4432" s="127"/>
      <c r="FY4432" s="126"/>
      <c r="FZ4432" s="91"/>
      <c r="GA4432" s="91"/>
      <c r="GB4432" s="91"/>
      <c r="GC4432" s="91"/>
      <c r="GD4432" s="91"/>
      <c r="GE4432" s="91"/>
      <c r="GF4432" s="91"/>
      <c r="GG4432" s="91"/>
      <c r="GH4432" s="91"/>
      <c r="GI4432" s="91"/>
      <c r="GJ4432" s="91"/>
      <c r="GK4432" s="127"/>
      <c r="GL4432" s="126"/>
      <c r="GM4432" s="91"/>
      <c r="GN4432" s="91"/>
      <c r="GO4432" s="91"/>
      <c r="GP4432" s="91"/>
      <c r="GQ4432" s="91"/>
      <c r="GR4432" s="91"/>
      <c r="GS4432" s="91"/>
      <c r="GT4432" s="91"/>
      <c r="GU4432" s="91"/>
      <c r="GV4432" s="91"/>
      <c r="GW4432" s="91"/>
      <c r="GX4432" s="127"/>
      <c r="GY4432" s="126"/>
      <c r="GZ4432" s="91"/>
      <c r="HA4432" s="91"/>
      <c r="HB4432" s="91"/>
      <c r="HC4432" s="91"/>
      <c r="HD4432" s="91"/>
      <c r="HE4432" s="91"/>
      <c r="HF4432" s="91"/>
      <c r="HG4432" s="91"/>
      <c r="HH4432" s="91"/>
      <c r="HI4432" s="91"/>
      <c r="HJ4432" s="91"/>
      <c r="HK4432" s="127"/>
      <c r="HL4432" s="126"/>
      <c r="HM4432" s="91"/>
      <c r="HN4432" s="91"/>
      <c r="HO4432" s="91"/>
      <c r="HP4432" s="91"/>
      <c r="HQ4432" s="91"/>
      <c r="HR4432" s="91"/>
      <c r="HS4432" s="91"/>
      <c r="HT4432" s="91"/>
      <c r="HU4432" s="91"/>
      <c r="HV4432" s="91"/>
      <c r="HW4432" s="91"/>
      <c r="HX4432" s="127"/>
      <c r="HY4432" s="126"/>
      <c r="HZ4432" s="91"/>
      <c r="IA4432" s="91"/>
      <c r="IB4432" s="91"/>
      <c r="IC4432" s="91"/>
      <c r="ID4432" s="91"/>
      <c r="IE4432" s="91"/>
      <c r="IF4432" s="91"/>
      <c r="IG4432" s="91"/>
      <c r="IH4432" s="91"/>
      <c r="II4432" s="91"/>
      <c r="IJ4432" s="91"/>
      <c r="IK4432" s="174"/>
    </row>
    <row r="4433" spans="2:245" x14ac:dyDescent="0.2">
      <c r="B4433" s="43"/>
      <c r="C4433" s="73"/>
      <c r="D4433" s="64"/>
      <c r="E4433" s="64"/>
      <c r="F4433" s="55"/>
      <c r="G4433" s="102"/>
      <c r="H4433" s="97"/>
      <c r="T4433" s="98"/>
      <c r="U4433" s="97"/>
      <c r="AG4433" s="98"/>
      <c r="AY4433" s="164"/>
      <c r="BK4433" s="98"/>
      <c r="BL4433" s="97"/>
      <c r="BX4433" s="98"/>
      <c r="CL4433" s="97"/>
      <c r="CX4433" s="98"/>
      <c r="DL4433" s="97"/>
      <c r="DX4433" s="98"/>
      <c r="EL4433" s="97"/>
      <c r="EX4433" s="98"/>
      <c r="EY4433" s="97"/>
      <c r="FL4433" s="126"/>
      <c r="FM4433" s="91"/>
      <c r="FN4433" s="91"/>
      <c r="FO4433" s="91"/>
      <c r="FP4433" s="91"/>
      <c r="FQ4433" s="91"/>
      <c r="FR4433" s="91"/>
      <c r="FS4433" s="91"/>
      <c r="FT4433" s="91"/>
      <c r="FU4433" s="91"/>
      <c r="FV4433" s="91"/>
      <c r="FW4433" s="91"/>
      <c r="FX4433" s="127"/>
      <c r="FY4433" s="126"/>
      <c r="FZ4433" s="91"/>
      <c r="GA4433" s="91"/>
      <c r="GB4433" s="91"/>
      <c r="GC4433" s="91"/>
      <c r="GD4433" s="91"/>
      <c r="GE4433" s="91"/>
      <c r="GF4433" s="91"/>
      <c r="GG4433" s="91"/>
      <c r="GH4433" s="91"/>
      <c r="GI4433" s="91"/>
      <c r="GJ4433" s="91"/>
      <c r="GK4433" s="127"/>
      <c r="GL4433" s="126"/>
      <c r="GM4433" s="91"/>
      <c r="GN4433" s="91"/>
      <c r="GO4433" s="91"/>
      <c r="GP4433" s="91"/>
      <c r="GQ4433" s="91"/>
      <c r="GR4433" s="91"/>
      <c r="GS4433" s="91"/>
      <c r="GT4433" s="91"/>
      <c r="GU4433" s="91"/>
      <c r="GV4433" s="91"/>
      <c r="GW4433" s="91"/>
      <c r="GX4433" s="127"/>
      <c r="GY4433" s="126"/>
      <c r="GZ4433" s="91"/>
      <c r="HA4433" s="91"/>
      <c r="HB4433" s="91"/>
      <c r="HC4433" s="91"/>
      <c r="HD4433" s="91"/>
      <c r="HE4433" s="91"/>
      <c r="HF4433" s="91"/>
      <c r="HG4433" s="91"/>
      <c r="HH4433" s="91"/>
      <c r="HI4433" s="91"/>
      <c r="HJ4433" s="91"/>
      <c r="HK4433" s="127"/>
      <c r="HL4433" s="126"/>
      <c r="HM4433" s="91"/>
      <c r="HN4433" s="91"/>
      <c r="HO4433" s="91"/>
      <c r="HP4433" s="91"/>
      <c r="HQ4433" s="91"/>
      <c r="HR4433" s="91"/>
      <c r="HS4433" s="91"/>
      <c r="HT4433" s="91"/>
      <c r="HU4433" s="91"/>
      <c r="HV4433" s="91"/>
      <c r="HW4433" s="91"/>
      <c r="HX4433" s="127"/>
      <c r="HY4433" s="126"/>
      <c r="HZ4433" s="91"/>
      <c r="IA4433" s="91"/>
      <c r="IB4433" s="91"/>
      <c r="IC4433" s="91"/>
      <c r="ID4433" s="91"/>
      <c r="IE4433" s="91"/>
      <c r="IF4433" s="91"/>
      <c r="IG4433" s="91"/>
      <c r="IH4433" s="91"/>
      <c r="II4433" s="91"/>
      <c r="IJ4433" s="91"/>
      <c r="IK4433" s="174"/>
    </row>
    <row r="4434" spans="2:245" x14ac:dyDescent="0.2">
      <c r="B4434" s="43"/>
      <c r="C4434" s="73"/>
      <c r="D4434" s="64"/>
      <c r="E4434" s="64"/>
      <c r="F4434" s="55"/>
      <c r="G4434" s="102"/>
      <c r="H4434" s="97"/>
      <c r="T4434" s="98"/>
      <c r="U4434" s="97"/>
      <c r="AG4434" s="98"/>
      <c r="AY4434" s="164"/>
      <c r="BK4434" s="98"/>
      <c r="BL4434" s="97"/>
      <c r="BX4434" s="98"/>
      <c r="CL4434" s="97"/>
      <c r="CX4434" s="98"/>
      <c r="DL4434" s="97"/>
      <c r="DX4434" s="98"/>
      <c r="EL4434" s="97"/>
      <c r="EX4434" s="98"/>
      <c r="EY4434" s="97"/>
      <c r="FL4434" s="126"/>
      <c r="FM4434" s="91"/>
      <c r="FN4434" s="91"/>
      <c r="FO4434" s="91"/>
      <c r="FP4434" s="91"/>
      <c r="FQ4434" s="91"/>
      <c r="FR4434" s="91"/>
      <c r="FS4434" s="91"/>
      <c r="FT4434" s="91"/>
      <c r="FU4434" s="91"/>
      <c r="FV4434" s="91"/>
      <c r="FW4434" s="91"/>
      <c r="FX4434" s="127"/>
      <c r="FY4434" s="126"/>
      <c r="FZ4434" s="91"/>
      <c r="GA4434" s="91"/>
      <c r="GB4434" s="91"/>
      <c r="GC4434" s="91"/>
      <c r="GD4434" s="91"/>
      <c r="GE4434" s="91"/>
      <c r="GF4434" s="91"/>
      <c r="GG4434" s="91"/>
      <c r="GH4434" s="91"/>
      <c r="GI4434" s="91"/>
      <c r="GJ4434" s="91"/>
      <c r="GK4434" s="127"/>
      <c r="GL4434" s="126"/>
      <c r="GM4434" s="91"/>
      <c r="GN4434" s="91"/>
      <c r="GO4434" s="91"/>
      <c r="GP4434" s="91"/>
      <c r="GQ4434" s="91"/>
      <c r="GR4434" s="91"/>
      <c r="GS4434" s="91"/>
      <c r="GT4434" s="91"/>
      <c r="GU4434" s="91"/>
      <c r="GV4434" s="91"/>
      <c r="GW4434" s="91"/>
      <c r="GX4434" s="127"/>
      <c r="GY4434" s="126"/>
      <c r="GZ4434" s="91"/>
      <c r="HA4434" s="91"/>
      <c r="HB4434" s="91"/>
      <c r="HC4434" s="91"/>
      <c r="HD4434" s="91"/>
      <c r="HE4434" s="91"/>
      <c r="HF4434" s="91"/>
      <c r="HG4434" s="91"/>
      <c r="HH4434" s="91"/>
      <c r="HI4434" s="91"/>
      <c r="HJ4434" s="91"/>
      <c r="HK4434" s="127"/>
      <c r="HL4434" s="126"/>
      <c r="HM4434" s="91"/>
      <c r="HN4434" s="91"/>
      <c r="HO4434" s="91"/>
      <c r="HP4434" s="91"/>
      <c r="HQ4434" s="91"/>
      <c r="HR4434" s="91"/>
      <c r="HS4434" s="91"/>
      <c r="HT4434" s="91"/>
      <c r="HU4434" s="91"/>
      <c r="HV4434" s="91"/>
      <c r="HW4434" s="91"/>
      <c r="HX4434" s="127"/>
      <c r="HY4434" s="126"/>
      <c r="HZ4434" s="91"/>
      <c r="IA4434" s="91"/>
      <c r="IB4434" s="91"/>
      <c r="IC4434" s="91"/>
      <c r="ID4434" s="91"/>
      <c r="IE4434" s="91"/>
      <c r="IF4434" s="91"/>
      <c r="IG4434" s="91"/>
      <c r="IH4434" s="91"/>
      <c r="II4434" s="91"/>
      <c r="IJ4434" s="91"/>
      <c r="IK4434" s="174"/>
    </row>
    <row r="4435" spans="2:245" x14ac:dyDescent="0.2">
      <c r="B4435" s="43"/>
      <c r="C4435" s="73"/>
      <c r="D4435" s="64"/>
      <c r="E4435" s="64"/>
      <c r="F4435" s="55"/>
      <c r="G4435" s="102"/>
      <c r="H4435" s="97"/>
      <c r="T4435" s="98"/>
      <c r="U4435" s="97"/>
      <c r="AG4435" s="98"/>
      <c r="AY4435" s="164"/>
      <c r="BK4435" s="98"/>
      <c r="BL4435" s="97"/>
      <c r="BX4435" s="98"/>
      <c r="CL4435" s="97"/>
      <c r="CX4435" s="98"/>
      <c r="DL4435" s="97"/>
      <c r="DX4435" s="98"/>
      <c r="EL4435" s="97"/>
      <c r="EX4435" s="98"/>
      <c r="EY4435" s="97"/>
      <c r="FL4435" s="126"/>
      <c r="FM4435" s="91"/>
      <c r="FN4435" s="91"/>
      <c r="FO4435" s="91"/>
      <c r="FP4435" s="91"/>
      <c r="FQ4435" s="91"/>
      <c r="FR4435" s="91"/>
      <c r="FS4435" s="91"/>
      <c r="FT4435" s="91"/>
      <c r="FU4435" s="91"/>
      <c r="FV4435" s="91"/>
      <c r="FW4435" s="91"/>
      <c r="FX4435" s="127"/>
      <c r="FY4435" s="126"/>
      <c r="FZ4435" s="91"/>
      <c r="GA4435" s="91"/>
      <c r="GB4435" s="91"/>
      <c r="GC4435" s="91"/>
      <c r="GD4435" s="91"/>
      <c r="GE4435" s="91"/>
      <c r="GF4435" s="91"/>
      <c r="GG4435" s="91"/>
      <c r="GH4435" s="91"/>
      <c r="GI4435" s="91"/>
      <c r="GJ4435" s="91"/>
      <c r="GK4435" s="127"/>
      <c r="GL4435" s="126"/>
      <c r="GM4435" s="91"/>
      <c r="GN4435" s="91"/>
      <c r="GO4435" s="91"/>
      <c r="GP4435" s="91"/>
      <c r="GQ4435" s="91"/>
      <c r="GR4435" s="91"/>
      <c r="GS4435" s="91"/>
      <c r="GT4435" s="91"/>
      <c r="GU4435" s="91"/>
      <c r="GV4435" s="91"/>
      <c r="GW4435" s="91"/>
      <c r="GX4435" s="127"/>
      <c r="GY4435" s="126"/>
      <c r="GZ4435" s="91"/>
      <c r="HA4435" s="91"/>
      <c r="HB4435" s="91"/>
      <c r="HC4435" s="91"/>
      <c r="HD4435" s="91"/>
      <c r="HE4435" s="91"/>
      <c r="HF4435" s="91"/>
      <c r="HG4435" s="91"/>
      <c r="HH4435" s="91"/>
      <c r="HI4435" s="91"/>
      <c r="HJ4435" s="91"/>
      <c r="HK4435" s="127"/>
      <c r="HL4435" s="126"/>
      <c r="HM4435" s="91"/>
      <c r="HN4435" s="91"/>
      <c r="HO4435" s="91"/>
      <c r="HP4435" s="91"/>
      <c r="HQ4435" s="91"/>
      <c r="HR4435" s="91"/>
      <c r="HS4435" s="91"/>
      <c r="HT4435" s="91"/>
      <c r="HU4435" s="91"/>
      <c r="HV4435" s="91"/>
      <c r="HW4435" s="91"/>
      <c r="HX4435" s="127"/>
      <c r="HY4435" s="126"/>
      <c r="HZ4435" s="91"/>
      <c r="IA4435" s="91"/>
      <c r="IB4435" s="91"/>
      <c r="IC4435" s="91"/>
      <c r="ID4435" s="91"/>
      <c r="IE4435" s="91"/>
      <c r="IF4435" s="91"/>
      <c r="IG4435" s="91"/>
      <c r="IH4435" s="91"/>
      <c r="II4435" s="91"/>
      <c r="IJ4435" s="91"/>
      <c r="IK4435" s="174"/>
    </row>
    <row r="4436" spans="2:245" x14ac:dyDescent="0.2">
      <c r="B4436" s="43"/>
      <c r="C4436" s="73"/>
      <c r="D4436" s="64"/>
      <c r="E4436" s="64"/>
      <c r="F4436" s="55"/>
      <c r="G4436" s="102"/>
      <c r="H4436" s="97"/>
      <c r="T4436" s="98"/>
      <c r="U4436" s="97"/>
      <c r="AG4436" s="98"/>
      <c r="AY4436" s="164"/>
      <c r="BK4436" s="98"/>
      <c r="BL4436" s="97"/>
      <c r="BX4436" s="98"/>
      <c r="CL4436" s="97"/>
      <c r="CX4436" s="98"/>
      <c r="DL4436" s="97"/>
      <c r="DX4436" s="98"/>
      <c r="EL4436" s="97"/>
      <c r="EX4436" s="98"/>
      <c r="EY4436" s="97"/>
      <c r="FL4436" s="126"/>
      <c r="FM4436" s="91"/>
      <c r="FN4436" s="91"/>
      <c r="FO4436" s="91"/>
      <c r="FP4436" s="91"/>
      <c r="FQ4436" s="91"/>
      <c r="FR4436" s="91"/>
      <c r="FS4436" s="91"/>
      <c r="FT4436" s="91"/>
      <c r="FU4436" s="91"/>
      <c r="FV4436" s="91"/>
      <c r="FW4436" s="91"/>
      <c r="FX4436" s="127"/>
      <c r="FY4436" s="126"/>
      <c r="FZ4436" s="91"/>
      <c r="GA4436" s="91"/>
      <c r="GB4436" s="91"/>
      <c r="GC4436" s="91"/>
      <c r="GD4436" s="91"/>
      <c r="GE4436" s="91"/>
      <c r="GF4436" s="91"/>
      <c r="GG4436" s="91"/>
      <c r="GH4436" s="91"/>
      <c r="GI4436" s="91"/>
      <c r="GJ4436" s="91"/>
      <c r="GK4436" s="127"/>
      <c r="GL4436" s="126"/>
      <c r="GM4436" s="91"/>
      <c r="GN4436" s="91"/>
      <c r="GO4436" s="91"/>
      <c r="GP4436" s="91"/>
      <c r="GQ4436" s="91"/>
      <c r="GR4436" s="91"/>
      <c r="GS4436" s="91"/>
      <c r="GT4436" s="91"/>
      <c r="GU4436" s="91"/>
      <c r="GV4436" s="91"/>
      <c r="GW4436" s="91"/>
      <c r="GX4436" s="127"/>
      <c r="GY4436" s="126"/>
      <c r="GZ4436" s="91"/>
      <c r="HA4436" s="91"/>
      <c r="HB4436" s="91"/>
      <c r="HC4436" s="91"/>
      <c r="HD4436" s="91"/>
      <c r="HE4436" s="91"/>
      <c r="HF4436" s="91"/>
      <c r="HG4436" s="91"/>
      <c r="HH4436" s="91"/>
      <c r="HI4436" s="91"/>
      <c r="HJ4436" s="91"/>
      <c r="HK4436" s="127"/>
      <c r="HL4436" s="126"/>
      <c r="HM4436" s="91"/>
      <c r="HN4436" s="91"/>
      <c r="HO4436" s="91"/>
      <c r="HP4436" s="91"/>
      <c r="HQ4436" s="91"/>
      <c r="HR4436" s="91"/>
      <c r="HS4436" s="91"/>
      <c r="HT4436" s="91"/>
      <c r="HU4436" s="91"/>
      <c r="HV4436" s="91"/>
      <c r="HW4436" s="91"/>
      <c r="HX4436" s="127"/>
      <c r="HY4436" s="126"/>
      <c r="HZ4436" s="91"/>
      <c r="IA4436" s="91"/>
      <c r="IB4436" s="91"/>
      <c r="IC4436" s="91"/>
      <c r="ID4436" s="91"/>
      <c r="IE4436" s="91"/>
      <c r="IF4436" s="91"/>
      <c r="IG4436" s="91"/>
      <c r="IH4436" s="91"/>
      <c r="II4436" s="91"/>
      <c r="IJ4436" s="91"/>
      <c r="IK4436" s="174"/>
    </row>
    <row r="4437" spans="2:245" x14ac:dyDescent="0.2">
      <c r="B4437" s="43"/>
      <c r="C4437" s="73"/>
      <c r="D4437" s="64"/>
      <c r="E4437" s="64"/>
      <c r="F4437" s="55"/>
      <c r="G4437" s="102"/>
      <c r="H4437" s="97"/>
      <c r="T4437" s="98"/>
      <c r="U4437" s="97"/>
      <c r="AG4437" s="98"/>
      <c r="AY4437" s="164"/>
      <c r="BK4437" s="98"/>
      <c r="BL4437" s="97"/>
      <c r="BX4437" s="98"/>
      <c r="CL4437" s="97"/>
      <c r="CX4437" s="98"/>
      <c r="DL4437" s="97"/>
      <c r="DX4437" s="98"/>
      <c r="EL4437" s="97"/>
      <c r="EX4437" s="98"/>
      <c r="EY4437" s="97"/>
      <c r="FL4437" s="126"/>
      <c r="FM4437" s="91"/>
      <c r="FN4437" s="91"/>
      <c r="FO4437" s="91"/>
      <c r="FP4437" s="91"/>
      <c r="FQ4437" s="91"/>
      <c r="FR4437" s="91"/>
      <c r="FS4437" s="91"/>
      <c r="FT4437" s="91"/>
      <c r="FU4437" s="91"/>
      <c r="FV4437" s="91"/>
      <c r="FW4437" s="91"/>
      <c r="FX4437" s="127"/>
      <c r="FY4437" s="126"/>
      <c r="FZ4437" s="91"/>
      <c r="GA4437" s="91"/>
      <c r="GB4437" s="91"/>
      <c r="GC4437" s="91"/>
      <c r="GD4437" s="91"/>
      <c r="GE4437" s="91"/>
      <c r="GF4437" s="91"/>
      <c r="GG4437" s="91"/>
      <c r="GH4437" s="91"/>
      <c r="GI4437" s="91"/>
      <c r="GJ4437" s="91"/>
      <c r="GK4437" s="127"/>
      <c r="GL4437" s="126"/>
      <c r="GM4437" s="91"/>
      <c r="GN4437" s="91"/>
      <c r="GO4437" s="91"/>
      <c r="GP4437" s="91"/>
      <c r="GQ4437" s="91"/>
      <c r="GR4437" s="91"/>
      <c r="GS4437" s="91"/>
      <c r="GT4437" s="91"/>
      <c r="GU4437" s="91"/>
      <c r="GV4437" s="91"/>
      <c r="GW4437" s="91"/>
      <c r="GX4437" s="127"/>
      <c r="GY4437" s="126"/>
      <c r="GZ4437" s="91"/>
      <c r="HA4437" s="91"/>
      <c r="HB4437" s="91"/>
      <c r="HC4437" s="91"/>
      <c r="HD4437" s="91"/>
      <c r="HE4437" s="91"/>
      <c r="HF4437" s="91"/>
      <c r="HG4437" s="91"/>
      <c r="HH4437" s="91"/>
      <c r="HI4437" s="91"/>
      <c r="HJ4437" s="91"/>
      <c r="HK4437" s="127"/>
      <c r="HL4437" s="126"/>
      <c r="HM4437" s="91"/>
      <c r="HN4437" s="91"/>
      <c r="HO4437" s="91"/>
      <c r="HP4437" s="91"/>
      <c r="HQ4437" s="91"/>
      <c r="HR4437" s="91"/>
      <c r="HS4437" s="91"/>
      <c r="HT4437" s="91"/>
      <c r="HU4437" s="91"/>
      <c r="HV4437" s="91"/>
      <c r="HW4437" s="91"/>
      <c r="HX4437" s="127"/>
      <c r="HY4437" s="126"/>
      <c r="HZ4437" s="91"/>
      <c r="IA4437" s="91"/>
      <c r="IB4437" s="91"/>
      <c r="IC4437" s="91"/>
      <c r="ID4437" s="91"/>
      <c r="IE4437" s="91"/>
      <c r="IF4437" s="91"/>
      <c r="IG4437" s="91"/>
      <c r="IH4437" s="91"/>
      <c r="II4437" s="91"/>
      <c r="IJ4437" s="91"/>
      <c r="IK4437" s="174"/>
    </row>
    <row r="4438" spans="2:245" x14ac:dyDescent="0.2">
      <c r="B4438" s="43"/>
      <c r="C4438" s="73"/>
      <c r="D4438" s="64"/>
      <c r="E4438" s="64"/>
      <c r="F4438" s="55"/>
      <c r="G4438" s="102"/>
      <c r="H4438" s="97"/>
      <c r="T4438" s="98"/>
      <c r="U4438" s="97"/>
      <c r="AG4438" s="98"/>
      <c r="AY4438" s="164"/>
      <c r="BK4438" s="98"/>
      <c r="BL4438" s="97"/>
      <c r="BX4438" s="98"/>
      <c r="CL4438" s="97"/>
      <c r="CX4438" s="98"/>
      <c r="DL4438" s="97"/>
      <c r="DX4438" s="98"/>
      <c r="EL4438" s="97"/>
      <c r="EX4438" s="98"/>
      <c r="EY4438" s="97"/>
      <c r="FL4438" s="126"/>
      <c r="FM4438" s="91"/>
      <c r="FN4438" s="91"/>
      <c r="FO4438" s="91"/>
      <c r="FP4438" s="91"/>
      <c r="FQ4438" s="91"/>
      <c r="FR4438" s="91"/>
      <c r="FS4438" s="91"/>
      <c r="FT4438" s="91"/>
      <c r="FU4438" s="91"/>
      <c r="FV4438" s="91"/>
      <c r="FW4438" s="91"/>
      <c r="FX4438" s="127"/>
      <c r="FY4438" s="126"/>
      <c r="FZ4438" s="91"/>
      <c r="GA4438" s="91"/>
      <c r="GB4438" s="91"/>
      <c r="GC4438" s="91"/>
      <c r="GD4438" s="91"/>
      <c r="GE4438" s="91"/>
      <c r="GF4438" s="91"/>
      <c r="GG4438" s="91"/>
      <c r="GH4438" s="91"/>
      <c r="GI4438" s="91"/>
      <c r="GJ4438" s="91"/>
      <c r="GK4438" s="127"/>
      <c r="GL4438" s="126"/>
      <c r="GM4438" s="91"/>
      <c r="GN4438" s="91"/>
      <c r="GO4438" s="91"/>
      <c r="GP4438" s="91"/>
      <c r="GQ4438" s="91"/>
      <c r="GR4438" s="91"/>
      <c r="GS4438" s="91"/>
      <c r="GT4438" s="91"/>
      <c r="GU4438" s="91"/>
      <c r="GV4438" s="91"/>
      <c r="GW4438" s="91"/>
      <c r="GX4438" s="127"/>
      <c r="GY4438" s="126"/>
      <c r="GZ4438" s="91"/>
      <c r="HA4438" s="91"/>
      <c r="HB4438" s="91"/>
      <c r="HC4438" s="91"/>
      <c r="HD4438" s="91"/>
      <c r="HE4438" s="91"/>
      <c r="HF4438" s="91"/>
      <c r="HG4438" s="91"/>
      <c r="HH4438" s="91"/>
      <c r="HI4438" s="91"/>
      <c r="HJ4438" s="91"/>
      <c r="HK4438" s="127"/>
      <c r="HL4438" s="126"/>
      <c r="HM4438" s="91"/>
      <c r="HN4438" s="91"/>
      <c r="HO4438" s="91"/>
      <c r="HP4438" s="91"/>
      <c r="HQ4438" s="91"/>
      <c r="HR4438" s="91"/>
      <c r="HS4438" s="91"/>
      <c r="HT4438" s="91"/>
      <c r="HU4438" s="91"/>
      <c r="HV4438" s="91"/>
      <c r="HW4438" s="91"/>
      <c r="HX4438" s="127"/>
      <c r="HY4438" s="126"/>
      <c r="HZ4438" s="91"/>
      <c r="IA4438" s="91"/>
      <c r="IB4438" s="91"/>
      <c r="IC4438" s="91"/>
      <c r="ID4438" s="91"/>
      <c r="IE4438" s="91"/>
      <c r="IF4438" s="91"/>
      <c r="IG4438" s="91"/>
      <c r="IH4438" s="91"/>
      <c r="II4438" s="91"/>
      <c r="IJ4438" s="91"/>
      <c r="IK4438" s="174"/>
    </row>
    <row r="4439" spans="2:245" x14ac:dyDescent="0.2">
      <c r="B4439" s="43"/>
      <c r="C4439" s="73"/>
      <c r="D4439" s="64"/>
      <c r="E4439" s="64"/>
      <c r="F4439" s="55"/>
      <c r="G4439" s="102"/>
      <c r="H4439" s="97"/>
      <c r="T4439" s="98"/>
      <c r="U4439" s="97"/>
      <c r="AG4439" s="98"/>
      <c r="AY4439" s="164"/>
      <c r="BK4439" s="98"/>
      <c r="BL4439" s="97"/>
      <c r="BX4439" s="98"/>
      <c r="CL4439" s="97"/>
      <c r="CX4439" s="98"/>
      <c r="DL4439" s="97"/>
      <c r="DX4439" s="98"/>
      <c r="EL4439" s="97"/>
      <c r="EX4439" s="98"/>
      <c r="EY4439" s="97"/>
      <c r="FL4439" s="126"/>
      <c r="FM4439" s="91"/>
      <c r="FN4439" s="91"/>
      <c r="FO4439" s="91"/>
      <c r="FP4439" s="91"/>
      <c r="FQ4439" s="91"/>
      <c r="FR4439" s="91"/>
      <c r="FS4439" s="91"/>
      <c r="FT4439" s="91"/>
      <c r="FU4439" s="91"/>
      <c r="FV4439" s="91"/>
      <c r="FW4439" s="91"/>
      <c r="FX4439" s="127"/>
      <c r="FY4439" s="126"/>
      <c r="FZ4439" s="91"/>
      <c r="GA4439" s="91"/>
      <c r="GB4439" s="91"/>
      <c r="GC4439" s="91"/>
      <c r="GD4439" s="91"/>
      <c r="GE4439" s="91"/>
      <c r="GF4439" s="91"/>
      <c r="GG4439" s="91"/>
      <c r="GH4439" s="91"/>
      <c r="GI4439" s="91"/>
      <c r="GJ4439" s="91"/>
      <c r="GK4439" s="127"/>
      <c r="GL4439" s="126"/>
      <c r="GM4439" s="91"/>
      <c r="GN4439" s="91"/>
      <c r="GO4439" s="91"/>
      <c r="GP4439" s="91"/>
      <c r="GQ4439" s="91"/>
      <c r="GR4439" s="91"/>
      <c r="GS4439" s="91"/>
      <c r="GT4439" s="91"/>
      <c r="GU4439" s="91"/>
      <c r="GV4439" s="91"/>
      <c r="GW4439" s="91"/>
      <c r="GX4439" s="127"/>
      <c r="GY4439" s="126"/>
      <c r="GZ4439" s="91"/>
      <c r="HA4439" s="91"/>
      <c r="HB4439" s="91"/>
      <c r="HC4439" s="91"/>
      <c r="HD4439" s="91"/>
      <c r="HE4439" s="91"/>
      <c r="HF4439" s="91"/>
      <c r="HG4439" s="91"/>
      <c r="HH4439" s="91"/>
      <c r="HI4439" s="91"/>
      <c r="HJ4439" s="91"/>
      <c r="HK4439" s="127"/>
      <c r="HL4439" s="126"/>
      <c r="HM4439" s="91"/>
      <c r="HN4439" s="91"/>
      <c r="HO4439" s="91"/>
      <c r="HP4439" s="91"/>
      <c r="HQ4439" s="91"/>
      <c r="HR4439" s="91"/>
      <c r="HS4439" s="91"/>
      <c r="HT4439" s="91"/>
      <c r="HU4439" s="91"/>
      <c r="HV4439" s="91"/>
      <c r="HW4439" s="91"/>
      <c r="HX4439" s="127"/>
      <c r="HY4439" s="126"/>
      <c r="HZ4439" s="91"/>
      <c r="IA4439" s="91"/>
      <c r="IB4439" s="91"/>
      <c r="IC4439" s="91"/>
      <c r="ID4439" s="91"/>
      <c r="IE4439" s="91"/>
      <c r="IF4439" s="91"/>
      <c r="IG4439" s="91"/>
      <c r="IH4439" s="91"/>
      <c r="II4439" s="91"/>
      <c r="IJ4439" s="91"/>
      <c r="IK4439" s="174"/>
    </row>
    <row r="4440" spans="2:245" x14ac:dyDescent="0.2">
      <c r="B4440" s="43"/>
      <c r="C4440" s="73"/>
      <c r="D4440" s="64"/>
      <c r="E4440" s="64"/>
      <c r="F4440" s="55"/>
      <c r="G4440" s="102"/>
      <c r="H4440" s="97"/>
      <c r="T4440" s="98"/>
      <c r="U4440" s="97"/>
      <c r="AG4440" s="98"/>
      <c r="AY4440" s="164"/>
      <c r="BK4440" s="98"/>
      <c r="BL4440" s="97"/>
      <c r="BX4440" s="98"/>
      <c r="CL4440" s="97"/>
      <c r="CX4440" s="98"/>
      <c r="DL4440" s="97"/>
      <c r="DX4440" s="98"/>
      <c r="EL4440" s="97"/>
      <c r="EX4440" s="98"/>
      <c r="EY4440" s="97"/>
      <c r="FL4440" s="126"/>
      <c r="FM4440" s="91"/>
      <c r="FN4440" s="91"/>
      <c r="FO4440" s="91"/>
      <c r="FP4440" s="91"/>
      <c r="FQ4440" s="91"/>
      <c r="FR4440" s="91"/>
      <c r="FS4440" s="91"/>
      <c r="FT4440" s="91"/>
      <c r="FU4440" s="91"/>
      <c r="FV4440" s="91"/>
      <c r="FW4440" s="91"/>
      <c r="FX4440" s="127"/>
      <c r="FY4440" s="126"/>
      <c r="FZ4440" s="91"/>
      <c r="GA4440" s="91"/>
      <c r="GB4440" s="91"/>
      <c r="GC4440" s="91"/>
      <c r="GD4440" s="91"/>
      <c r="GE4440" s="91"/>
      <c r="GF4440" s="91"/>
      <c r="GG4440" s="91"/>
      <c r="GH4440" s="91"/>
      <c r="GI4440" s="91"/>
      <c r="GJ4440" s="91"/>
      <c r="GK4440" s="127"/>
      <c r="GL4440" s="126"/>
      <c r="GM4440" s="91"/>
      <c r="GN4440" s="91"/>
      <c r="GO4440" s="91"/>
      <c r="GP4440" s="91"/>
      <c r="GQ4440" s="91"/>
      <c r="GR4440" s="91"/>
      <c r="GS4440" s="91"/>
      <c r="GT4440" s="91"/>
      <c r="GU4440" s="91"/>
      <c r="GV4440" s="91"/>
      <c r="GW4440" s="91"/>
      <c r="GX4440" s="127"/>
      <c r="GY4440" s="126"/>
      <c r="GZ4440" s="91"/>
      <c r="HA4440" s="91"/>
      <c r="HB4440" s="91"/>
      <c r="HC4440" s="91"/>
      <c r="HD4440" s="91"/>
      <c r="HE4440" s="91"/>
      <c r="HF4440" s="91"/>
      <c r="HG4440" s="91"/>
      <c r="HH4440" s="91"/>
      <c r="HI4440" s="91"/>
      <c r="HJ4440" s="91"/>
      <c r="HK4440" s="127"/>
      <c r="HL4440" s="126"/>
      <c r="HM4440" s="91"/>
      <c r="HN4440" s="91"/>
      <c r="HO4440" s="91"/>
      <c r="HP4440" s="91"/>
      <c r="HQ4440" s="91"/>
      <c r="HR4440" s="91"/>
      <c r="HS4440" s="91"/>
      <c r="HT4440" s="91"/>
      <c r="HU4440" s="91"/>
      <c r="HV4440" s="91"/>
      <c r="HW4440" s="91"/>
      <c r="HX4440" s="127"/>
      <c r="HY4440" s="126"/>
      <c r="HZ4440" s="91"/>
      <c r="IA4440" s="91"/>
      <c r="IB4440" s="91"/>
      <c r="IC4440" s="91"/>
      <c r="ID4440" s="91"/>
      <c r="IE4440" s="91"/>
      <c r="IF4440" s="91"/>
      <c r="IG4440" s="91"/>
      <c r="IH4440" s="91"/>
      <c r="II4440" s="91"/>
      <c r="IJ4440" s="91"/>
      <c r="IK4440" s="174"/>
    </row>
    <row r="4441" spans="2:245" x14ac:dyDescent="0.2">
      <c r="B4441" s="43"/>
      <c r="C4441" s="73"/>
      <c r="D4441" s="64"/>
      <c r="E4441" s="64"/>
      <c r="F4441" s="55"/>
      <c r="G4441" s="102"/>
      <c r="H4441" s="97"/>
      <c r="T4441" s="98"/>
      <c r="U4441" s="97"/>
      <c r="AG4441" s="98"/>
      <c r="AY4441" s="164"/>
      <c r="BK4441" s="98"/>
      <c r="BL4441" s="97"/>
      <c r="BX4441" s="98"/>
      <c r="CL4441" s="97"/>
      <c r="CX4441" s="98"/>
      <c r="DL4441" s="97"/>
      <c r="DX4441" s="98"/>
      <c r="EL4441" s="97"/>
      <c r="EX4441" s="98"/>
      <c r="EY4441" s="97"/>
      <c r="FL4441" s="126"/>
      <c r="FM4441" s="91"/>
      <c r="FN4441" s="91"/>
      <c r="FO4441" s="91"/>
      <c r="FP4441" s="91"/>
      <c r="FQ4441" s="91"/>
      <c r="FR4441" s="91"/>
      <c r="FS4441" s="91"/>
      <c r="FT4441" s="91"/>
      <c r="FU4441" s="91"/>
      <c r="FV4441" s="91"/>
      <c r="FW4441" s="91"/>
      <c r="FX4441" s="127"/>
      <c r="FY4441" s="126"/>
      <c r="FZ4441" s="91"/>
      <c r="GA4441" s="91"/>
      <c r="GB4441" s="91"/>
      <c r="GC4441" s="91"/>
      <c r="GD4441" s="91"/>
      <c r="GE4441" s="91"/>
      <c r="GF4441" s="91"/>
      <c r="GG4441" s="91"/>
      <c r="GH4441" s="91"/>
      <c r="GI4441" s="91"/>
      <c r="GJ4441" s="91"/>
      <c r="GK4441" s="127"/>
      <c r="GL4441" s="126"/>
      <c r="GM4441" s="91"/>
      <c r="GN4441" s="91"/>
      <c r="GO4441" s="91"/>
      <c r="GP4441" s="91"/>
      <c r="GQ4441" s="91"/>
      <c r="GR4441" s="91"/>
      <c r="GS4441" s="91"/>
      <c r="GT4441" s="91"/>
      <c r="GU4441" s="91"/>
      <c r="GV4441" s="91"/>
      <c r="GW4441" s="91"/>
      <c r="GX4441" s="127"/>
      <c r="GY4441" s="126"/>
      <c r="GZ4441" s="91"/>
      <c r="HA4441" s="91"/>
      <c r="HB4441" s="91"/>
      <c r="HC4441" s="91"/>
      <c r="HD4441" s="91"/>
      <c r="HE4441" s="91"/>
      <c r="HF4441" s="91"/>
      <c r="HG4441" s="91"/>
      <c r="HH4441" s="91"/>
      <c r="HI4441" s="91"/>
      <c r="HJ4441" s="91"/>
      <c r="HK4441" s="127"/>
      <c r="HL4441" s="126"/>
      <c r="HM4441" s="91"/>
      <c r="HN4441" s="91"/>
      <c r="HO4441" s="91"/>
      <c r="HP4441" s="91"/>
      <c r="HQ4441" s="91"/>
      <c r="HR4441" s="91"/>
      <c r="HS4441" s="91"/>
      <c r="HT4441" s="91"/>
      <c r="HU4441" s="91"/>
      <c r="HV4441" s="91"/>
      <c r="HW4441" s="91"/>
      <c r="HX4441" s="127"/>
      <c r="HY4441" s="126"/>
      <c r="HZ4441" s="91"/>
      <c r="IA4441" s="91"/>
      <c r="IB4441" s="91"/>
      <c r="IC4441" s="91"/>
      <c r="ID4441" s="91"/>
      <c r="IE4441" s="91"/>
      <c r="IF4441" s="91"/>
      <c r="IG4441" s="91"/>
      <c r="IH4441" s="91"/>
      <c r="II4441" s="91"/>
      <c r="IJ4441" s="91"/>
      <c r="IK4441" s="174"/>
    </row>
    <row r="4442" spans="2:245" x14ac:dyDescent="0.2">
      <c r="B4442" s="43"/>
      <c r="C4442" s="73"/>
      <c r="D4442" s="64"/>
      <c r="E4442" s="64"/>
      <c r="F4442" s="55"/>
      <c r="G4442" s="102"/>
      <c r="H4442" s="97"/>
      <c r="T4442" s="98"/>
      <c r="U4442" s="97"/>
      <c r="AG4442" s="98"/>
      <c r="AY4442" s="164"/>
      <c r="BK4442" s="98"/>
      <c r="BL4442" s="97"/>
      <c r="BX4442" s="98"/>
      <c r="CL4442" s="97"/>
      <c r="CX4442" s="98"/>
      <c r="DL4442" s="97"/>
      <c r="DX4442" s="98"/>
      <c r="EL4442" s="97"/>
      <c r="EX4442" s="98"/>
      <c r="EY4442" s="97"/>
      <c r="FL4442" s="126"/>
      <c r="FM4442" s="91"/>
      <c r="FN4442" s="91"/>
      <c r="FO4442" s="91"/>
      <c r="FP4442" s="91"/>
      <c r="FQ4442" s="91"/>
      <c r="FR4442" s="91"/>
      <c r="FS4442" s="91"/>
      <c r="FT4442" s="91"/>
      <c r="FU4442" s="91"/>
      <c r="FV4442" s="91"/>
      <c r="FW4442" s="91"/>
      <c r="FX4442" s="127"/>
      <c r="FY4442" s="126"/>
      <c r="FZ4442" s="91"/>
      <c r="GA4442" s="91"/>
      <c r="GB4442" s="91"/>
      <c r="GC4442" s="91"/>
      <c r="GD4442" s="91"/>
      <c r="GE4442" s="91"/>
      <c r="GF4442" s="91"/>
      <c r="GG4442" s="91"/>
      <c r="GH4442" s="91"/>
      <c r="GI4442" s="91"/>
      <c r="GJ4442" s="91"/>
      <c r="GK4442" s="127"/>
      <c r="GL4442" s="126"/>
      <c r="GM4442" s="91"/>
      <c r="GN4442" s="91"/>
      <c r="GO4442" s="91"/>
      <c r="GP4442" s="91"/>
      <c r="GQ4442" s="91"/>
      <c r="GR4442" s="91"/>
      <c r="GS4442" s="91"/>
      <c r="GT4442" s="91"/>
      <c r="GU4442" s="91"/>
      <c r="GV4442" s="91"/>
      <c r="GW4442" s="91"/>
      <c r="GX4442" s="127"/>
      <c r="GY4442" s="126"/>
      <c r="GZ4442" s="91"/>
      <c r="HA4442" s="91"/>
      <c r="HB4442" s="91"/>
      <c r="HC4442" s="91"/>
      <c r="HD4442" s="91"/>
      <c r="HE4442" s="91"/>
      <c r="HF4442" s="91"/>
      <c r="HG4442" s="91"/>
      <c r="HH4442" s="91"/>
      <c r="HI4442" s="91"/>
      <c r="HJ4442" s="91"/>
      <c r="HK4442" s="127"/>
      <c r="HL4442" s="126"/>
      <c r="HM4442" s="91"/>
      <c r="HN4442" s="91"/>
      <c r="HO4442" s="91"/>
      <c r="HP4442" s="91"/>
      <c r="HQ4442" s="91"/>
      <c r="HR4442" s="91"/>
      <c r="HS4442" s="91"/>
      <c r="HT4442" s="91"/>
      <c r="HU4442" s="91"/>
      <c r="HV4442" s="91"/>
      <c r="HW4442" s="91"/>
      <c r="HX4442" s="127"/>
      <c r="HY4442" s="126"/>
      <c r="HZ4442" s="91"/>
      <c r="IA4442" s="91"/>
      <c r="IB4442" s="91"/>
      <c r="IC4442" s="91"/>
      <c r="ID4442" s="91"/>
      <c r="IE4442" s="91"/>
      <c r="IF4442" s="91"/>
      <c r="IG4442" s="91"/>
      <c r="IH4442" s="91"/>
      <c r="II4442" s="91"/>
      <c r="IJ4442" s="91"/>
      <c r="IK4442" s="174"/>
    </row>
    <row r="4443" spans="2:245" x14ac:dyDescent="0.2">
      <c r="B4443" s="43"/>
      <c r="C4443" s="73"/>
      <c r="D4443" s="64"/>
      <c r="E4443" s="64"/>
      <c r="F4443" s="55"/>
      <c r="G4443" s="102"/>
      <c r="H4443" s="97"/>
      <c r="T4443" s="98"/>
      <c r="U4443" s="97"/>
      <c r="AG4443" s="98"/>
      <c r="AY4443" s="164"/>
      <c r="BK4443" s="98"/>
      <c r="BL4443" s="97"/>
      <c r="BX4443" s="98"/>
      <c r="CL4443" s="97"/>
      <c r="CX4443" s="98"/>
      <c r="DL4443" s="97"/>
      <c r="DX4443" s="98"/>
      <c r="EL4443" s="97"/>
      <c r="EX4443" s="98"/>
      <c r="EY4443" s="97"/>
      <c r="FL4443" s="126"/>
      <c r="FM4443" s="91"/>
      <c r="FN4443" s="91"/>
      <c r="FO4443" s="91"/>
      <c r="FP4443" s="91"/>
      <c r="FQ4443" s="91"/>
      <c r="FR4443" s="91"/>
      <c r="FS4443" s="91"/>
      <c r="FT4443" s="91"/>
      <c r="FU4443" s="91"/>
      <c r="FV4443" s="91"/>
      <c r="FW4443" s="91"/>
      <c r="FX4443" s="127"/>
      <c r="FY4443" s="126"/>
      <c r="FZ4443" s="91"/>
      <c r="GA4443" s="91"/>
      <c r="GB4443" s="91"/>
      <c r="GC4443" s="91"/>
      <c r="GD4443" s="91"/>
      <c r="GE4443" s="91"/>
      <c r="GF4443" s="91"/>
      <c r="GG4443" s="91"/>
      <c r="GH4443" s="91"/>
      <c r="GI4443" s="91"/>
      <c r="GJ4443" s="91"/>
      <c r="GK4443" s="127"/>
      <c r="GL4443" s="126"/>
      <c r="GM4443" s="91"/>
      <c r="GN4443" s="91"/>
      <c r="GO4443" s="91"/>
      <c r="GP4443" s="91"/>
      <c r="GQ4443" s="91"/>
      <c r="GR4443" s="91"/>
      <c r="GS4443" s="91"/>
      <c r="GT4443" s="91"/>
      <c r="GU4443" s="91"/>
      <c r="GV4443" s="91"/>
      <c r="GW4443" s="91"/>
      <c r="GX4443" s="127"/>
      <c r="GY4443" s="126"/>
      <c r="GZ4443" s="91"/>
      <c r="HA4443" s="91"/>
      <c r="HB4443" s="91"/>
      <c r="HC4443" s="91"/>
      <c r="HD4443" s="91"/>
      <c r="HE4443" s="91"/>
      <c r="HF4443" s="91"/>
      <c r="HG4443" s="91"/>
      <c r="HH4443" s="91"/>
      <c r="HI4443" s="91"/>
      <c r="HJ4443" s="91"/>
      <c r="HK4443" s="127"/>
      <c r="HL4443" s="126"/>
      <c r="HM4443" s="91"/>
      <c r="HN4443" s="91"/>
      <c r="HO4443" s="91"/>
      <c r="HP4443" s="91"/>
      <c r="HQ4443" s="91"/>
      <c r="HR4443" s="91"/>
      <c r="HS4443" s="91"/>
      <c r="HT4443" s="91"/>
      <c r="HU4443" s="91"/>
      <c r="HV4443" s="91"/>
      <c r="HW4443" s="91"/>
      <c r="HX4443" s="127"/>
      <c r="HY4443" s="126"/>
      <c r="HZ4443" s="91"/>
      <c r="IA4443" s="91"/>
      <c r="IB4443" s="91"/>
      <c r="IC4443" s="91"/>
      <c r="ID4443" s="91"/>
      <c r="IE4443" s="91"/>
      <c r="IF4443" s="91"/>
      <c r="IG4443" s="91"/>
      <c r="IH4443" s="91"/>
      <c r="II4443" s="91"/>
      <c r="IJ4443" s="91"/>
      <c r="IK4443" s="174"/>
    </row>
    <row r="4444" spans="2:245" x14ac:dyDescent="0.2">
      <c r="B4444" s="43"/>
      <c r="C4444" s="73"/>
      <c r="D4444" s="64"/>
      <c r="E4444" s="64"/>
      <c r="F4444" s="55"/>
      <c r="G4444" s="102"/>
      <c r="H4444" s="97"/>
      <c r="T4444" s="98"/>
      <c r="U4444" s="97"/>
      <c r="AG4444" s="98"/>
      <c r="AY4444" s="164"/>
      <c r="BK4444" s="98"/>
      <c r="BL4444" s="97"/>
      <c r="BX4444" s="98"/>
      <c r="CL4444" s="97"/>
      <c r="CX4444" s="98"/>
      <c r="DL4444" s="97"/>
      <c r="DX4444" s="98"/>
      <c r="EL4444" s="97"/>
      <c r="EX4444" s="98"/>
      <c r="EY4444" s="97"/>
      <c r="FL4444" s="126"/>
      <c r="FM4444" s="91"/>
      <c r="FN4444" s="91"/>
      <c r="FO4444" s="91"/>
      <c r="FP4444" s="91"/>
      <c r="FQ4444" s="91"/>
      <c r="FR4444" s="91"/>
      <c r="FS4444" s="91"/>
      <c r="FT4444" s="91"/>
      <c r="FU4444" s="91"/>
      <c r="FV4444" s="91"/>
      <c r="FW4444" s="91"/>
      <c r="FX4444" s="127"/>
      <c r="FY4444" s="126"/>
      <c r="FZ4444" s="91"/>
      <c r="GA4444" s="91"/>
      <c r="GB4444" s="91"/>
      <c r="GC4444" s="91"/>
      <c r="GD4444" s="91"/>
      <c r="GE4444" s="91"/>
      <c r="GF4444" s="91"/>
      <c r="GG4444" s="91"/>
      <c r="GH4444" s="91"/>
      <c r="GI4444" s="91"/>
      <c r="GJ4444" s="91"/>
      <c r="GK4444" s="127"/>
      <c r="GL4444" s="126"/>
      <c r="GM4444" s="91"/>
      <c r="GN4444" s="91"/>
      <c r="GO4444" s="91"/>
      <c r="GP4444" s="91"/>
      <c r="GQ4444" s="91"/>
      <c r="GR4444" s="91"/>
      <c r="GS4444" s="91"/>
      <c r="GT4444" s="91"/>
      <c r="GU4444" s="91"/>
      <c r="GV4444" s="91"/>
      <c r="GW4444" s="91"/>
      <c r="GX4444" s="127"/>
      <c r="GY4444" s="126"/>
      <c r="GZ4444" s="91"/>
      <c r="HA4444" s="91"/>
      <c r="HB4444" s="91"/>
      <c r="HC4444" s="91"/>
      <c r="HD4444" s="91"/>
      <c r="HE4444" s="91"/>
      <c r="HF4444" s="91"/>
      <c r="HG4444" s="91"/>
      <c r="HH4444" s="91"/>
      <c r="HI4444" s="91"/>
      <c r="HJ4444" s="91"/>
      <c r="HK4444" s="127"/>
      <c r="HL4444" s="126"/>
      <c r="HM4444" s="91"/>
      <c r="HN4444" s="91"/>
      <c r="HO4444" s="91"/>
      <c r="HP4444" s="91"/>
      <c r="HQ4444" s="91"/>
      <c r="HR4444" s="91"/>
      <c r="HS4444" s="91"/>
      <c r="HT4444" s="91"/>
      <c r="HU4444" s="91"/>
      <c r="HV4444" s="91"/>
      <c r="HW4444" s="91"/>
      <c r="HX4444" s="127"/>
      <c r="HY4444" s="126"/>
      <c r="HZ4444" s="91"/>
      <c r="IA4444" s="91"/>
      <c r="IB4444" s="91"/>
      <c r="IC4444" s="91"/>
      <c r="ID4444" s="91"/>
      <c r="IE4444" s="91"/>
      <c r="IF4444" s="91"/>
      <c r="IG4444" s="91"/>
      <c r="IH4444" s="91"/>
      <c r="II4444" s="91"/>
      <c r="IJ4444" s="91"/>
      <c r="IK4444" s="174"/>
    </row>
    <row r="4445" spans="2:245" x14ac:dyDescent="0.2">
      <c r="B4445" s="43"/>
      <c r="C4445" s="73"/>
      <c r="D4445" s="64"/>
      <c r="E4445" s="64"/>
      <c r="F4445" s="55"/>
      <c r="G4445" s="102"/>
      <c r="H4445" s="97"/>
      <c r="T4445" s="98"/>
      <c r="U4445" s="97"/>
      <c r="AG4445" s="98"/>
      <c r="AY4445" s="164"/>
      <c r="BK4445" s="98"/>
      <c r="BL4445" s="97"/>
      <c r="BX4445" s="98"/>
      <c r="CL4445" s="97"/>
      <c r="CX4445" s="98"/>
      <c r="DL4445" s="97"/>
      <c r="DX4445" s="98"/>
      <c r="EL4445" s="97"/>
      <c r="EX4445" s="98"/>
      <c r="EY4445" s="97"/>
      <c r="FL4445" s="126"/>
      <c r="FM4445" s="91"/>
      <c r="FN4445" s="91"/>
      <c r="FO4445" s="91"/>
      <c r="FP4445" s="91"/>
      <c r="FQ4445" s="91"/>
      <c r="FR4445" s="91"/>
      <c r="FS4445" s="91"/>
      <c r="FT4445" s="91"/>
      <c r="FU4445" s="91"/>
      <c r="FV4445" s="91"/>
      <c r="FW4445" s="91"/>
      <c r="FX4445" s="127"/>
      <c r="FY4445" s="126"/>
      <c r="FZ4445" s="91"/>
      <c r="GA4445" s="91"/>
      <c r="GB4445" s="91"/>
      <c r="GC4445" s="91"/>
      <c r="GD4445" s="91"/>
      <c r="GE4445" s="91"/>
      <c r="GF4445" s="91"/>
      <c r="GG4445" s="91"/>
      <c r="GH4445" s="91"/>
      <c r="GI4445" s="91"/>
      <c r="GJ4445" s="91"/>
      <c r="GK4445" s="127"/>
      <c r="GL4445" s="126"/>
      <c r="GM4445" s="91"/>
      <c r="GN4445" s="91"/>
      <c r="GO4445" s="91"/>
      <c r="GP4445" s="91"/>
      <c r="GQ4445" s="91"/>
      <c r="GR4445" s="91"/>
      <c r="GS4445" s="91"/>
      <c r="GT4445" s="91"/>
      <c r="GU4445" s="91"/>
      <c r="GV4445" s="91"/>
      <c r="GW4445" s="91"/>
      <c r="GX4445" s="127"/>
      <c r="GY4445" s="126"/>
      <c r="GZ4445" s="91"/>
      <c r="HA4445" s="91"/>
      <c r="HB4445" s="91"/>
      <c r="HC4445" s="91"/>
      <c r="HD4445" s="91"/>
      <c r="HE4445" s="91"/>
      <c r="HF4445" s="91"/>
      <c r="HG4445" s="91"/>
      <c r="HH4445" s="91"/>
      <c r="HI4445" s="91"/>
      <c r="HJ4445" s="91"/>
      <c r="HK4445" s="127"/>
      <c r="HL4445" s="126"/>
      <c r="HM4445" s="91"/>
      <c r="HN4445" s="91"/>
      <c r="HO4445" s="91"/>
      <c r="HP4445" s="91"/>
      <c r="HQ4445" s="91"/>
      <c r="HR4445" s="91"/>
      <c r="HS4445" s="91"/>
      <c r="HT4445" s="91"/>
      <c r="HU4445" s="91"/>
      <c r="HV4445" s="91"/>
      <c r="HW4445" s="91"/>
      <c r="HX4445" s="127"/>
      <c r="HY4445" s="126"/>
      <c r="HZ4445" s="91"/>
      <c r="IA4445" s="91"/>
      <c r="IB4445" s="91"/>
      <c r="IC4445" s="91"/>
      <c r="ID4445" s="91"/>
      <c r="IE4445" s="91"/>
      <c r="IF4445" s="91"/>
      <c r="IG4445" s="91"/>
      <c r="IH4445" s="91"/>
      <c r="II4445" s="91"/>
      <c r="IJ4445" s="91"/>
      <c r="IK4445" s="174"/>
    </row>
    <row r="4446" spans="2:245" x14ac:dyDescent="0.2">
      <c r="B4446" s="43"/>
      <c r="C4446" s="73"/>
      <c r="D4446" s="64"/>
      <c r="E4446" s="64"/>
      <c r="F4446" s="55"/>
      <c r="G4446" s="102"/>
      <c r="H4446" s="97"/>
      <c r="T4446" s="98"/>
      <c r="U4446" s="97"/>
      <c r="AG4446" s="98"/>
      <c r="AY4446" s="164"/>
      <c r="BK4446" s="98"/>
      <c r="BL4446" s="97"/>
      <c r="BX4446" s="98"/>
      <c r="CL4446" s="97"/>
      <c r="CX4446" s="98"/>
      <c r="DL4446" s="97"/>
      <c r="DX4446" s="98"/>
      <c r="EL4446" s="97"/>
      <c r="EX4446" s="98"/>
      <c r="EY4446" s="97"/>
      <c r="FL4446" s="126"/>
      <c r="FM4446" s="91"/>
      <c r="FN4446" s="91"/>
      <c r="FO4446" s="91"/>
      <c r="FP4446" s="91"/>
      <c r="FQ4446" s="91"/>
      <c r="FR4446" s="91"/>
      <c r="FS4446" s="91"/>
      <c r="FT4446" s="91"/>
      <c r="FU4446" s="91"/>
      <c r="FV4446" s="91"/>
      <c r="FW4446" s="91"/>
      <c r="FX4446" s="127"/>
      <c r="FY4446" s="126"/>
      <c r="FZ4446" s="91"/>
      <c r="GA4446" s="91"/>
      <c r="GB4446" s="91"/>
      <c r="GC4446" s="91"/>
      <c r="GD4446" s="91"/>
      <c r="GE4446" s="91"/>
      <c r="GF4446" s="91"/>
      <c r="GG4446" s="91"/>
      <c r="GH4446" s="91"/>
      <c r="GI4446" s="91"/>
      <c r="GJ4446" s="91"/>
      <c r="GK4446" s="127"/>
      <c r="GL4446" s="126"/>
      <c r="GM4446" s="91"/>
      <c r="GN4446" s="91"/>
      <c r="GO4446" s="91"/>
      <c r="GP4446" s="91"/>
      <c r="GQ4446" s="91"/>
      <c r="GR4446" s="91"/>
      <c r="GS4446" s="91"/>
      <c r="GT4446" s="91"/>
      <c r="GU4446" s="91"/>
      <c r="GV4446" s="91"/>
      <c r="GW4446" s="91"/>
      <c r="GX4446" s="127"/>
      <c r="GY4446" s="126"/>
      <c r="GZ4446" s="91"/>
      <c r="HA4446" s="91"/>
      <c r="HB4446" s="91"/>
      <c r="HC4446" s="91"/>
      <c r="HD4446" s="91"/>
      <c r="HE4446" s="91"/>
      <c r="HF4446" s="91"/>
      <c r="HG4446" s="91"/>
      <c r="HH4446" s="91"/>
      <c r="HI4446" s="91"/>
      <c r="HJ4446" s="91"/>
      <c r="HK4446" s="127"/>
      <c r="HL4446" s="126"/>
      <c r="HM4446" s="91"/>
      <c r="HN4446" s="91"/>
      <c r="HO4446" s="91"/>
      <c r="HP4446" s="91"/>
      <c r="HQ4446" s="91"/>
      <c r="HR4446" s="91"/>
      <c r="HS4446" s="91"/>
      <c r="HT4446" s="91"/>
      <c r="HU4446" s="91"/>
      <c r="HV4446" s="91"/>
      <c r="HW4446" s="91"/>
      <c r="HX4446" s="127"/>
      <c r="HY4446" s="126"/>
      <c r="HZ4446" s="91"/>
      <c r="IA4446" s="91"/>
      <c r="IB4446" s="91"/>
      <c r="IC4446" s="91"/>
      <c r="ID4446" s="91"/>
      <c r="IE4446" s="91"/>
      <c r="IF4446" s="91"/>
      <c r="IG4446" s="91"/>
      <c r="IH4446" s="91"/>
      <c r="II4446" s="91"/>
      <c r="IJ4446" s="91"/>
      <c r="IK4446" s="174"/>
    </row>
    <row r="4447" spans="2:245" x14ac:dyDescent="0.2">
      <c r="B4447" s="43"/>
      <c r="C4447" s="73"/>
      <c r="D4447" s="64"/>
      <c r="E4447" s="64"/>
      <c r="F4447" s="55"/>
      <c r="G4447" s="102"/>
      <c r="H4447" s="97"/>
      <c r="T4447" s="98"/>
      <c r="U4447" s="97"/>
      <c r="AG4447" s="98"/>
      <c r="AY4447" s="164"/>
      <c r="BK4447" s="98"/>
      <c r="BL4447" s="97"/>
      <c r="BX4447" s="98"/>
      <c r="CL4447" s="97"/>
      <c r="CX4447" s="98"/>
      <c r="DL4447" s="97"/>
      <c r="DX4447" s="98"/>
      <c r="EL4447" s="97"/>
      <c r="EX4447" s="98"/>
      <c r="EY4447" s="97"/>
      <c r="FL4447" s="126"/>
      <c r="FM4447" s="91"/>
      <c r="FN4447" s="91"/>
      <c r="FO4447" s="91"/>
      <c r="FP4447" s="91"/>
      <c r="FQ4447" s="91"/>
      <c r="FR4447" s="91"/>
      <c r="FS4447" s="91"/>
      <c r="FT4447" s="91"/>
      <c r="FU4447" s="91"/>
      <c r="FV4447" s="91"/>
      <c r="FW4447" s="91"/>
      <c r="FX4447" s="127"/>
      <c r="FY4447" s="126"/>
      <c r="FZ4447" s="91"/>
      <c r="GA4447" s="91"/>
      <c r="GB4447" s="91"/>
      <c r="GC4447" s="91"/>
      <c r="GD4447" s="91"/>
      <c r="GE4447" s="91"/>
      <c r="GF4447" s="91"/>
      <c r="GG4447" s="91"/>
      <c r="GH4447" s="91"/>
      <c r="GI4447" s="91"/>
      <c r="GJ4447" s="91"/>
      <c r="GK4447" s="127"/>
      <c r="GL4447" s="126"/>
      <c r="GM4447" s="91"/>
      <c r="GN4447" s="91"/>
      <c r="GO4447" s="91"/>
      <c r="GP4447" s="91"/>
      <c r="GQ4447" s="91"/>
      <c r="GR4447" s="91"/>
      <c r="GS4447" s="91"/>
      <c r="GT4447" s="91"/>
      <c r="GU4447" s="91"/>
      <c r="GV4447" s="91"/>
      <c r="GW4447" s="91"/>
      <c r="GX4447" s="127"/>
      <c r="GY4447" s="126"/>
      <c r="GZ4447" s="91"/>
      <c r="HA4447" s="91"/>
      <c r="HB4447" s="91"/>
      <c r="HC4447" s="91"/>
      <c r="HD4447" s="91"/>
      <c r="HE4447" s="91"/>
      <c r="HF4447" s="91"/>
      <c r="HG4447" s="91"/>
      <c r="HH4447" s="91"/>
      <c r="HI4447" s="91"/>
      <c r="HJ4447" s="91"/>
      <c r="HK4447" s="127"/>
      <c r="HL4447" s="126"/>
      <c r="HM4447" s="91"/>
      <c r="HN4447" s="91"/>
      <c r="HO4447" s="91"/>
      <c r="HP4447" s="91"/>
      <c r="HQ4447" s="91"/>
      <c r="HR4447" s="91"/>
      <c r="HS4447" s="91"/>
      <c r="HT4447" s="91"/>
      <c r="HU4447" s="91"/>
      <c r="HV4447" s="91"/>
      <c r="HW4447" s="91"/>
      <c r="HX4447" s="127"/>
      <c r="HY4447" s="126"/>
      <c r="HZ4447" s="91"/>
      <c r="IA4447" s="91"/>
      <c r="IB4447" s="91"/>
      <c r="IC4447" s="91"/>
      <c r="ID4447" s="91"/>
      <c r="IE4447" s="91"/>
      <c r="IF4447" s="91"/>
      <c r="IG4447" s="91"/>
      <c r="IH4447" s="91"/>
      <c r="II4447" s="91"/>
      <c r="IJ4447" s="91"/>
      <c r="IK4447" s="174"/>
    </row>
    <row r="4448" spans="2:245" x14ac:dyDescent="0.2">
      <c r="B4448" s="43"/>
      <c r="C4448" s="73"/>
      <c r="D4448" s="64"/>
      <c r="E4448" s="64"/>
      <c r="F4448" s="55"/>
      <c r="G4448" s="102"/>
      <c r="H4448" s="97"/>
      <c r="T4448" s="98"/>
      <c r="U4448" s="97"/>
      <c r="AG4448" s="98"/>
      <c r="AY4448" s="164"/>
      <c r="BK4448" s="98"/>
      <c r="BL4448" s="97"/>
      <c r="BX4448" s="98"/>
      <c r="CL4448" s="97"/>
      <c r="CX4448" s="98"/>
      <c r="DL4448" s="97"/>
      <c r="DX4448" s="98"/>
      <c r="EL4448" s="97"/>
      <c r="EX4448" s="98"/>
      <c r="EY4448" s="97"/>
      <c r="FL4448" s="126"/>
      <c r="FM4448" s="91"/>
      <c r="FN4448" s="91"/>
      <c r="FO4448" s="91"/>
      <c r="FP4448" s="91"/>
      <c r="FQ4448" s="91"/>
      <c r="FR4448" s="91"/>
      <c r="FS4448" s="91"/>
      <c r="FT4448" s="91"/>
      <c r="FU4448" s="91"/>
      <c r="FV4448" s="91"/>
      <c r="FW4448" s="91"/>
      <c r="FX4448" s="127"/>
      <c r="FY4448" s="126"/>
      <c r="FZ4448" s="91"/>
      <c r="GA4448" s="91"/>
      <c r="GB4448" s="91"/>
      <c r="GC4448" s="91"/>
      <c r="GD4448" s="91"/>
      <c r="GE4448" s="91"/>
      <c r="GF4448" s="91"/>
      <c r="GG4448" s="91"/>
      <c r="GH4448" s="91"/>
      <c r="GI4448" s="91"/>
      <c r="GJ4448" s="91"/>
      <c r="GK4448" s="127"/>
      <c r="GL4448" s="126"/>
      <c r="GM4448" s="91"/>
      <c r="GN4448" s="91"/>
      <c r="GO4448" s="91"/>
      <c r="GP4448" s="91"/>
      <c r="GQ4448" s="91"/>
      <c r="GR4448" s="91"/>
      <c r="GS4448" s="91"/>
      <c r="GT4448" s="91"/>
      <c r="GU4448" s="91"/>
      <c r="GV4448" s="91"/>
      <c r="GW4448" s="91"/>
      <c r="GX4448" s="127"/>
      <c r="GY4448" s="126"/>
      <c r="GZ4448" s="91"/>
      <c r="HA4448" s="91"/>
      <c r="HB4448" s="91"/>
      <c r="HC4448" s="91"/>
      <c r="HD4448" s="91"/>
      <c r="HE4448" s="91"/>
      <c r="HF4448" s="91"/>
      <c r="HG4448" s="91"/>
      <c r="HH4448" s="91"/>
      <c r="HI4448" s="91"/>
      <c r="HJ4448" s="91"/>
      <c r="HK4448" s="127"/>
      <c r="HL4448" s="126"/>
      <c r="HM4448" s="91"/>
      <c r="HN4448" s="91"/>
      <c r="HO4448" s="91"/>
      <c r="HP4448" s="91"/>
      <c r="HQ4448" s="91"/>
      <c r="HR4448" s="91"/>
      <c r="HS4448" s="91"/>
      <c r="HT4448" s="91"/>
      <c r="HU4448" s="91"/>
      <c r="HV4448" s="91"/>
      <c r="HW4448" s="91"/>
      <c r="HX4448" s="127"/>
      <c r="HY4448" s="126"/>
      <c r="HZ4448" s="91"/>
      <c r="IA4448" s="91"/>
      <c r="IB4448" s="91"/>
      <c r="IC4448" s="91"/>
      <c r="ID4448" s="91"/>
      <c r="IE4448" s="91"/>
      <c r="IF4448" s="91"/>
      <c r="IG4448" s="91"/>
      <c r="IH4448" s="91"/>
      <c r="II4448" s="91"/>
      <c r="IJ4448" s="91"/>
      <c r="IK4448" s="174"/>
    </row>
    <row r="4449" spans="2:245" x14ac:dyDescent="0.2">
      <c r="B4449" s="43"/>
      <c r="C4449" s="73"/>
      <c r="D4449" s="64"/>
      <c r="E4449" s="64"/>
      <c r="F4449" s="55"/>
      <c r="G4449" s="102"/>
      <c r="H4449" s="97"/>
      <c r="T4449" s="98"/>
      <c r="U4449" s="97"/>
      <c r="AG4449" s="98"/>
      <c r="AY4449" s="164"/>
      <c r="BK4449" s="98"/>
      <c r="BL4449" s="97"/>
      <c r="BX4449" s="98"/>
      <c r="CL4449" s="97"/>
      <c r="CX4449" s="98"/>
      <c r="DL4449" s="97"/>
      <c r="DX4449" s="98"/>
      <c r="EL4449" s="97"/>
      <c r="EX4449" s="98"/>
      <c r="EY4449" s="97"/>
      <c r="FL4449" s="126"/>
      <c r="FM4449" s="91"/>
      <c r="FN4449" s="91"/>
      <c r="FO4449" s="91"/>
      <c r="FP4449" s="91"/>
      <c r="FQ4449" s="91"/>
      <c r="FR4449" s="91"/>
      <c r="FS4449" s="91"/>
      <c r="FT4449" s="91"/>
      <c r="FU4449" s="91"/>
      <c r="FV4449" s="91"/>
      <c r="FW4449" s="91"/>
      <c r="FX4449" s="127"/>
      <c r="FY4449" s="126"/>
      <c r="FZ4449" s="91"/>
      <c r="GA4449" s="91"/>
      <c r="GB4449" s="91"/>
      <c r="GC4449" s="91"/>
      <c r="GD4449" s="91"/>
      <c r="GE4449" s="91"/>
      <c r="GF4449" s="91"/>
      <c r="GG4449" s="91"/>
      <c r="GH4449" s="91"/>
      <c r="GI4449" s="91"/>
      <c r="GJ4449" s="91"/>
      <c r="GK4449" s="127"/>
      <c r="GL4449" s="126"/>
      <c r="GM4449" s="91"/>
      <c r="GN4449" s="91"/>
      <c r="GO4449" s="91"/>
      <c r="GP4449" s="91"/>
      <c r="GQ4449" s="91"/>
      <c r="GR4449" s="91"/>
      <c r="GS4449" s="91"/>
      <c r="GT4449" s="91"/>
      <c r="GU4449" s="91"/>
      <c r="GV4449" s="91"/>
      <c r="GW4449" s="91"/>
      <c r="GX4449" s="127"/>
      <c r="GY4449" s="126"/>
      <c r="GZ4449" s="91"/>
      <c r="HA4449" s="91"/>
      <c r="HB4449" s="91"/>
      <c r="HC4449" s="91"/>
      <c r="HD4449" s="91"/>
      <c r="HE4449" s="91"/>
      <c r="HF4449" s="91"/>
      <c r="HG4449" s="91"/>
      <c r="HH4449" s="91"/>
      <c r="HI4449" s="91"/>
      <c r="HJ4449" s="91"/>
      <c r="HK4449" s="127"/>
      <c r="HL4449" s="126"/>
      <c r="HM4449" s="91"/>
      <c r="HN4449" s="91"/>
      <c r="HO4449" s="91"/>
      <c r="HP4449" s="91"/>
      <c r="HQ4449" s="91"/>
      <c r="HR4449" s="91"/>
      <c r="HS4449" s="91"/>
      <c r="HT4449" s="91"/>
      <c r="HU4449" s="91"/>
      <c r="HV4449" s="91"/>
      <c r="HW4449" s="91"/>
      <c r="HX4449" s="127"/>
      <c r="HY4449" s="126"/>
      <c r="HZ4449" s="91"/>
      <c r="IA4449" s="91"/>
      <c r="IB4449" s="91"/>
      <c r="IC4449" s="91"/>
      <c r="ID4449" s="91"/>
      <c r="IE4449" s="91"/>
      <c r="IF4449" s="91"/>
      <c r="IG4449" s="91"/>
      <c r="IH4449" s="91"/>
      <c r="II4449" s="91"/>
      <c r="IJ4449" s="91"/>
      <c r="IK4449" s="174"/>
    </row>
    <row r="4450" spans="2:245" x14ac:dyDescent="0.2">
      <c r="B4450" s="43"/>
      <c r="C4450" s="73"/>
      <c r="D4450" s="64"/>
      <c r="E4450" s="64"/>
      <c r="F4450" s="55"/>
      <c r="G4450" s="102"/>
      <c r="H4450" s="97"/>
      <c r="T4450" s="98"/>
      <c r="U4450" s="97"/>
      <c r="AG4450" s="98"/>
      <c r="AY4450" s="164"/>
      <c r="BK4450" s="98"/>
      <c r="BL4450" s="97"/>
      <c r="BX4450" s="98"/>
      <c r="CL4450" s="97"/>
      <c r="CX4450" s="98"/>
      <c r="DL4450" s="97"/>
      <c r="DX4450" s="98"/>
      <c r="EL4450" s="97"/>
      <c r="EX4450" s="98"/>
      <c r="EY4450" s="97"/>
      <c r="FL4450" s="126"/>
      <c r="FM4450" s="91"/>
      <c r="FN4450" s="91"/>
      <c r="FO4450" s="91"/>
      <c r="FP4450" s="91"/>
      <c r="FQ4450" s="91"/>
      <c r="FR4450" s="91"/>
      <c r="FS4450" s="91"/>
      <c r="FT4450" s="91"/>
      <c r="FU4450" s="91"/>
      <c r="FV4450" s="91"/>
      <c r="FW4450" s="91"/>
      <c r="FX4450" s="127"/>
      <c r="FY4450" s="126"/>
      <c r="FZ4450" s="91"/>
      <c r="GA4450" s="91"/>
      <c r="GB4450" s="91"/>
      <c r="GC4450" s="91"/>
      <c r="GD4450" s="91"/>
      <c r="GE4450" s="91"/>
      <c r="GF4450" s="91"/>
      <c r="GG4450" s="91"/>
      <c r="GH4450" s="91"/>
      <c r="GI4450" s="91"/>
      <c r="GJ4450" s="91"/>
      <c r="GK4450" s="127"/>
      <c r="GL4450" s="126"/>
      <c r="GM4450" s="91"/>
      <c r="GN4450" s="91"/>
      <c r="GO4450" s="91"/>
      <c r="GP4450" s="91"/>
      <c r="GQ4450" s="91"/>
      <c r="GR4450" s="91"/>
      <c r="GS4450" s="91"/>
      <c r="GT4450" s="91"/>
      <c r="GU4450" s="91"/>
      <c r="GV4450" s="91"/>
      <c r="GW4450" s="91"/>
      <c r="GX4450" s="127"/>
      <c r="GY4450" s="126"/>
      <c r="GZ4450" s="91"/>
      <c r="HA4450" s="91"/>
      <c r="HB4450" s="91"/>
      <c r="HC4450" s="91"/>
      <c r="HD4450" s="91"/>
      <c r="HE4450" s="91"/>
      <c r="HF4450" s="91"/>
      <c r="HG4450" s="91"/>
      <c r="HH4450" s="91"/>
      <c r="HI4450" s="91"/>
      <c r="HJ4450" s="91"/>
      <c r="HK4450" s="127"/>
      <c r="HL4450" s="126"/>
      <c r="HM4450" s="91"/>
      <c r="HN4450" s="91"/>
      <c r="HO4450" s="91"/>
      <c r="HP4450" s="91"/>
      <c r="HQ4450" s="91"/>
      <c r="HR4450" s="91"/>
      <c r="HS4450" s="91"/>
      <c r="HT4450" s="91"/>
      <c r="HU4450" s="91"/>
      <c r="HV4450" s="91"/>
      <c r="HW4450" s="91"/>
      <c r="HX4450" s="127"/>
      <c r="HY4450" s="126"/>
      <c r="HZ4450" s="91"/>
      <c r="IA4450" s="91"/>
      <c r="IB4450" s="91"/>
      <c r="IC4450" s="91"/>
      <c r="ID4450" s="91"/>
      <c r="IE4450" s="91"/>
      <c r="IF4450" s="91"/>
      <c r="IG4450" s="91"/>
      <c r="IH4450" s="91"/>
      <c r="II4450" s="91"/>
      <c r="IJ4450" s="91"/>
      <c r="IK4450" s="174"/>
    </row>
    <row r="4451" spans="2:245" x14ac:dyDescent="0.2">
      <c r="B4451" s="43"/>
      <c r="C4451" s="73"/>
      <c r="D4451" s="64"/>
      <c r="E4451" s="64"/>
      <c r="F4451" s="55"/>
      <c r="G4451" s="102"/>
      <c r="H4451" s="97"/>
      <c r="T4451" s="98"/>
      <c r="U4451" s="97"/>
      <c r="AG4451" s="98"/>
      <c r="AY4451" s="164"/>
      <c r="BK4451" s="98"/>
      <c r="BL4451" s="97"/>
      <c r="BX4451" s="98"/>
      <c r="CL4451" s="97"/>
      <c r="CX4451" s="98"/>
      <c r="DL4451" s="97"/>
      <c r="DX4451" s="98"/>
      <c r="EL4451" s="97"/>
      <c r="EX4451" s="98"/>
      <c r="EY4451" s="97"/>
      <c r="FL4451" s="126"/>
      <c r="FM4451" s="91"/>
      <c r="FN4451" s="91"/>
      <c r="FO4451" s="91"/>
      <c r="FP4451" s="91"/>
      <c r="FQ4451" s="91"/>
      <c r="FR4451" s="91"/>
      <c r="FS4451" s="91"/>
      <c r="FT4451" s="91"/>
      <c r="FU4451" s="91"/>
      <c r="FV4451" s="91"/>
      <c r="FW4451" s="91"/>
      <c r="FX4451" s="127"/>
      <c r="FY4451" s="126"/>
      <c r="FZ4451" s="91"/>
      <c r="GA4451" s="91"/>
      <c r="GB4451" s="91"/>
      <c r="GC4451" s="91"/>
      <c r="GD4451" s="91"/>
      <c r="GE4451" s="91"/>
      <c r="GF4451" s="91"/>
      <c r="GG4451" s="91"/>
      <c r="GH4451" s="91"/>
      <c r="GI4451" s="91"/>
      <c r="GJ4451" s="91"/>
      <c r="GK4451" s="127"/>
      <c r="GL4451" s="126"/>
      <c r="GM4451" s="91"/>
      <c r="GN4451" s="91"/>
      <c r="GO4451" s="91"/>
      <c r="GP4451" s="91"/>
      <c r="GQ4451" s="91"/>
      <c r="GR4451" s="91"/>
      <c r="GS4451" s="91"/>
      <c r="GT4451" s="91"/>
      <c r="GU4451" s="91"/>
      <c r="GV4451" s="91"/>
      <c r="GW4451" s="91"/>
      <c r="GX4451" s="127"/>
      <c r="GY4451" s="126"/>
      <c r="GZ4451" s="91"/>
      <c r="HA4451" s="91"/>
      <c r="HB4451" s="91"/>
      <c r="HC4451" s="91"/>
      <c r="HD4451" s="91"/>
      <c r="HE4451" s="91"/>
      <c r="HF4451" s="91"/>
      <c r="HG4451" s="91"/>
      <c r="HH4451" s="91"/>
      <c r="HI4451" s="91"/>
      <c r="HJ4451" s="91"/>
      <c r="HK4451" s="127"/>
      <c r="HL4451" s="126"/>
      <c r="HM4451" s="91"/>
      <c r="HN4451" s="91"/>
      <c r="HO4451" s="91"/>
      <c r="HP4451" s="91"/>
      <c r="HQ4451" s="91"/>
      <c r="HR4451" s="91"/>
      <c r="HS4451" s="91"/>
      <c r="HT4451" s="91"/>
      <c r="HU4451" s="91"/>
      <c r="HV4451" s="91"/>
      <c r="HW4451" s="91"/>
      <c r="HX4451" s="127"/>
      <c r="HY4451" s="126"/>
      <c r="HZ4451" s="91"/>
      <c r="IA4451" s="91"/>
      <c r="IB4451" s="91"/>
      <c r="IC4451" s="91"/>
      <c r="ID4451" s="91"/>
      <c r="IE4451" s="91"/>
      <c r="IF4451" s="91"/>
      <c r="IG4451" s="91"/>
      <c r="IH4451" s="91"/>
      <c r="II4451" s="91"/>
      <c r="IJ4451" s="91"/>
      <c r="IK4451" s="174"/>
    </row>
    <row r="4452" spans="2:245" x14ac:dyDescent="0.2">
      <c r="B4452" s="43"/>
      <c r="C4452" s="73"/>
      <c r="D4452" s="64"/>
      <c r="E4452" s="64"/>
      <c r="F4452" s="55"/>
      <c r="G4452" s="102"/>
      <c r="H4452" s="97"/>
      <c r="T4452" s="98"/>
      <c r="U4452" s="97"/>
      <c r="AG4452" s="98"/>
      <c r="AY4452" s="164"/>
      <c r="BK4452" s="98"/>
      <c r="BL4452" s="97"/>
      <c r="BX4452" s="98"/>
      <c r="CL4452" s="97"/>
      <c r="CX4452" s="98"/>
      <c r="DL4452" s="97"/>
      <c r="DX4452" s="98"/>
      <c r="EL4452" s="97"/>
      <c r="EX4452" s="98"/>
      <c r="EY4452" s="97"/>
      <c r="FL4452" s="126"/>
      <c r="FM4452" s="91"/>
      <c r="FN4452" s="91"/>
      <c r="FO4452" s="91"/>
      <c r="FP4452" s="91"/>
      <c r="FQ4452" s="91"/>
      <c r="FR4452" s="91"/>
      <c r="FS4452" s="91"/>
      <c r="FT4452" s="91"/>
      <c r="FU4452" s="91"/>
      <c r="FV4452" s="91"/>
      <c r="FW4452" s="91"/>
      <c r="FX4452" s="127"/>
      <c r="FY4452" s="126"/>
      <c r="FZ4452" s="91"/>
      <c r="GA4452" s="91"/>
      <c r="GB4452" s="91"/>
      <c r="GC4452" s="91"/>
      <c r="GD4452" s="91"/>
      <c r="GE4452" s="91"/>
      <c r="GF4452" s="91"/>
      <c r="GG4452" s="91"/>
      <c r="GH4452" s="91"/>
      <c r="GI4452" s="91"/>
      <c r="GJ4452" s="91"/>
      <c r="GK4452" s="127"/>
      <c r="GL4452" s="126"/>
      <c r="GM4452" s="91"/>
      <c r="GN4452" s="91"/>
      <c r="GO4452" s="91"/>
      <c r="GP4452" s="91"/>
      <c r="GQ4452" s="91"/>
      <c r="GR4452" s="91"/>
      <c r="GS4452" s="91"/>
      <c r="GT4452" s="91"/>
      <c r="GU4452" s="91"/>
      <c r="GV4452" s="91"/>
      <c r="GW4452" s="91"/>
      <c r="GX4452" s="127"/>
      <c r="GY4452" s="126"/>
      <c r="GZ4452" s="91"/>
      <c r="HA4452" s="91"/>
      <c r="HB4452" s="91"/>
      <c r="HC4452" s="91"/>
      <c r="HD4452" s="91"/>
      <c r="HE4452" s="91"/>
      <c r="HF4452" s="91"/>
      <c r="HG4452" s="91"/>
      <c r="HH4452" s="91"/>
      <c r="HI4452" s="91"/>
      <c r="HJ4452" s="91"/>
      <c r="HK4452" s="127"/>
      <c r="HL4452" s="126"/>
      <c r="HM4452" s="91"/>
      <c r="HN4452" s="91"/>
      <c r="HO4452" s="91"/>
      <c r="HP4452" s="91"/>
      <c r="HQ4452" s="91"/>
      <c r="HR4452" s="91"/>
      <c r="HS4452" s="91"/>
      <c r="HT4452" s="91"/>
      <c r="HU4452" s="91"/>
      <c r="HV4452" s="91"/>
      <c r="HW4452" s="91"/>
      <c r="HX4452" s="127"/>
      <c r="HY4452" s="126"/>
      <c r="HZ4452" s="91"/>
      <c r="IA4452" s="91"/>
      <c r="IB4452" s="91"/>
      <c r="IC4452" s="91"/>
      <c r="ID4452" s="91"/>
      <c r="IE4452" s="91"/>
      <c r="IF4452" s="91"/>
      <c r="IG4452" s="91"/>
      <c r="IH4452" s="91"/>
      <c r="II4452" s="91"/>
      <c r="IJ4452" s="91"/>
      <c r="IK4452" s="174"/>
    </row>
    <row r="4453" spans="2:245" x14ac:dyDescent="0.2">
      <c r="B4453" s="43"/>
      <c r="C4453" s="73"/>
      <c r="D4453" s="64"/>
      <c r="E4453" s="64"/>
      <c r="F4453" s="55"/>
      <c r="G4453" s="102"/>
      <c r="H4453" s="97"/>
      <c r="T4453" s="98"/>
      <c r="U4453" s="97"/>
      <c r="AG4453" s="98"/>
      <c r="AY4453" s="164"/>
      <c r="BK4453" s="98"/>
      <c r="BL4453" s="97"/>
      <c r="BX4453" s="98"/>
      <c r="CL4453" s="97"/>
      <c r="CX4453" s="98"/>
      <c r="DL4453" s="97"/>
      <c r="DX4453" s="98"/>
      <c r="EL4453" s="97"/>
      <c r="EX4453" s="98"/>
      <c r="EY4453" s="97"/>
      <c r="FL4453" s="126"/>
      <c r="FM4453" s="91"/>
      <c r="FN4453" s="91"/>
      <c r="FO4453" s="91"/>
      <c r="FP4453" s="91"/>
      <c r="FQ4453" s="91"/>
      <c r="FR4453" s="91"/>
      <c r="FS4453" s="91"/>
      <c r="FT4453" s="91"/>
      <c r="FU4453" s="91"/>
      <c r="FV4453" s="91"/>
      <c r="FW4453" s="91"/>
      <c r="FX4453" s="127"/>
      <c r="FY4453" s="126"/>
      <c r="FZ4453" s="91"/>
      <c r="GA4453" s="91"/>
      <c r="GB4453" s="91"/>
      <c r="GC4453" s="91"/>
      <c r="GD4453" s="91"/>
      <c r="GE4453" s="91"/>
      <c r="GF4453" s="91"/>
      <c r="GG4453" s="91"/>
      <c r="GH4453" s="91"/>
      <c r="GI4453" s="91"/>
      <c r="GJ4453" s="91"/>
      <c r="GK4453" s="127"/>
      <c r="GL4453" s="126"/>
      <c r="GM4453" s="91"/>
      <c r="GN4453" s="91"/>
      <c r="GO4453" s="91"/>
      <c r="GP4453" s="91"/>
      <c r="GQ4453" s="91"/>
      <c r="GR4453" s="91"/>
      <c r="GS4453" s="91"/>
      <c r="GT4453" s="91"/>
      <c r="GU4453" s="91"/>
      <c r="GV4453" s="91"/>
      <c r="GW4453" s="91"/>
      <c r="GX4453" s="127"/>
      <c r="GY4453" s="126"/>
      <c r="GZ4453" s="91"/>
      <c r="HA4453" s="91"/>
      <c r="HB4453" s="91"/>
      <c r="HC4453" s="91"/>
      <c r="HD4453" s="91"/>
      <c r="HE4453" s="91"/>
      <c r="HF4453" s="91"/>
      <c r="HG4453" s="91"/>
      <c r="HH4453" s="91"/>
      <c r="HI4453" s="91"/>
      <c r="HJ4453" s="91"/>
      <c r="HK4453" s="127"/>
      <c r="HL4453" s="126"/>
      <c r="HM4453" s="91"/>
      <c r="HN4453" s="91"/>
      <c r="HO4453" s="91"/>
      <c r="HP4453" s="91"/>
      <c r="HQ4453" s="91"/>
      <c r="HR4453" s="91"/>
      <c r="HS4453" s="91"/>
      <c r="HT4453" s="91"/>
      <c r="HU4453" s="91"/>
      <c r="HV4453" s="91"/>
      <c r="HW4453" s="91"/>
      <c r="HX4453" s="127"/>
      <c r="HY4453" s="126"/>
      <c r="HZ4453" s="91"/>
      <c r="IA4453" s="91"/>
      <c r="IB4453" s="91"/>
      <c r="IC4453" s="91"/>
      <c r="ID4453" s="91"/>
      <c r="IE4453" s="91"/>
      <c r="IF4453" s="91"/>
      <c r="IG4453" s="91"/>
      <c r="IH4453" s="91"/>
      <c r="II4453" s="91"/>
      <c r="IJ4453" s="91"/>
      <c r="IK4453" s="174"/>
    </row>
    <row r="4454" spans="2:245" x14ac:dyDescent="0.2">
      <c r="B4454" s="43"/>
      <c r="C4454" s="73"/>
      <c r="D4454" s="64"/>
      <c r="E4454" s="64"/>
      <c r="F4454" s="55"/>
      <c r="G4454" s="102"/>
      <c r="H4454" s="97"/>
      <c r="T4454" s="98"/>
      <c r="U4454" s="97"/>
      <c r="AG4454" s="98"/>
      <c r="AY4454" s="164"/>
      <c r="BK4454" s="98"/>
      <c r="BL4454" s="97"/>
      <c r="BX4454" s="98"/>
      <c r="CL4454" s="97"/>
      <c r="CX4454" s="98"/>
      <c r="DL4454" s="97"/>
      <c r="DX4454" s="98"/>
      <c r="EL4454" s="97"/>
      <c r="EX4454" s="98"/>
      <c r="EY4454" s="97"/>
      <c r="FL4454" s="126"/>
      <c r="FM4454" s="91"/>
      <c r="FN4454" s="91"/>
      <c r="FO4454" s="91"/>
      <c r="FP4454" s="91"/>
      <c r="FQ4454" s="91"/>
      <c r="FR4454" s="91"/>
      <c r="FS4454" s="91"/>
      <c r="FT4454" s="91"/>
      <c r="FU4454" s="91"/>
      <c r="FV4454" s="91"/>
      <c r="FW4454" s="91"/>
      <c r="FX4454" s="127"/>
      <c r="FY4454" s="126"/>
      <c r="FZ4454" s="91"/>
      <c r="GA4454" s="91"/>
      <c r="GB4454" s="91"/>
      <c r="GC4454" s="91"/>
      <c r="GD4454" s="91"/>
      <c r="GE4454" s="91"/>
      <c r="GF4454" s="91"/>
      <c r="GG4454" s="91"/>
      <c r="GH4454" s="91"/>
      <c r="GI4454" s="91"/>
      <c r="GJ4454" s="91"/>
      <c r="GK4454" s="127"/>
      <c r="GL4454" s="126"/>
      <c r="GM4454" s="91"/>
      <c r="GN4454" s="91"/>
      <c r="GO4454" s="91"/>
      <c r="GP4454" s="91"/>
      <c r="GQ4454" s="91"/>
      <c r="GR4454" s="91"/>
      <c r="GS4454" s="91"/>
      <c r="GT4454" s="91"/>
      <c r="GU4454" s="91"/>
      <c r="GV4454" s="91"/>
      <c r="GW4454" s="91"/>
      <c r="GX4454" s="127"/>
      <c r="GY4454" s="126"/>
      <c r="GZ4454" s="91"/>
      <c r="HA4454" s="91"/>
      <c r="HB4454" s="91"/>
      <c r="HC4454" s="91"/>
      <c r="HD4454" s="91"/>
      <c r="HE4454" s="91"/>
      <c r="HF4454" s="91"/>
      <c r="HG4454" s="91"/>
      <c r="HH4454" s="91"/>
      <c r="HI4454" s="91"/>
      <c r="HJ4454" s="91"/>
      <c r="HK4454" s="127"/>
      <c r="HL4454" s="126"/>
      <c r="HM4454" s="91"/>
      <c r="HN4454" s="91"/>
      <c r="HO4454" s="91"/>
      <c r="HP4454" s="91"/>
      <c r="HQ4454" s="91"/>
      <c r="HR4454" s="91"/>
      <c r="HS4454" s="91"/>
      <c r="HT4454" s="91"/>
      <c r="HU4454" s="91"/>
      <c r="HV4454" s="91"/>
      <c r="HW4454" s="91"/>
      <c r="HX4454" s="127"/>
      <c r="HY4454" s="126"/>
      <c r="HZ4454" s="91"/>
      <c r="IA4454" s="91"/>
      <c r="IB4454" s="91"/>
      <c r="IC4454" s="91"/>
      <c r="ID4454" s="91"/>
      <c r="IE4454" s="91"/>
      <c r="IF4454" s="91"/>
      <c r="IG4454" s="91"/>
      <c r="IH4454" s="91"/>
      <c r="II4454" s="91"/>
      <c r="IJ4454" s="91"/>
      <c r="IK4454" s="174"/>
    </row>
    <row r="4455" spans="2:245" x14ac:dyDescent="0.2">
      <c r="B4455" s="43"/>
      <c r="C4455" s="73"/>
      <c r="D4455" s="64"/>
      <c r="E4455" s="64"/>
      <c r="F4455" s="55"/>
      <c r="G4455" s="102"/>
      <c r="H4455" s="97"/>
      <c r="T4455" s="98"/>
      <c r="U4455" s="97"/>
      <c r="AG4455" s="98"/>
      <c r="AY4455" s="164"/>
      <c r="BK4455" s="98"/>
      <c r="BL4455" s="97"/>
      <c r="BX4455" s="98"/>
      <c r="CL4455" s="97"/>
      <c r="CX4455" s="98"/>
      <c r="DL4455" s="97"/>
      <c r="DX4455" s="98"/>
      <c r="EL4455" s="97"/>
      <c r="EX4455" s="98"/>
      <c r="EY4455" s="97"/>
      <c r="FL4455" s="126"/>
      <c r="FM4455" s="91"/>
      <c r="FN4455" s="91"/>
      <c r="FO4455" s="91"/>
      <c r="FP4455" s="91"/>
      <c r="FQ4455" s="91"/>
      <c r="FR4455" s="91"/>
      <c r="FS4455" s="91"/>
      <c r="FT4455" s="91"/>
      <c r="FU4455" s="91"/>
      <c r="FV4455" s="91"/>
      <c r="FW4455" s="91"/>
      <c r="FX4455" s="127"/>
      <c r="FY4455" s="126"/>
      <c r="FZ4455" s="91"/>
      <c r="GA4455" s="91"/>
      <c r="GB4455" s="91"/>
      <c r="GC4455" s="91"/>
      <c r="GD4455" s="91"/>
      <c r="GE4455" s="91"/>
      <c r="GF4455" s="91"/>
      <c r="GG4455" s="91"/>
      <c r="GH4455" s="91"/>
      <c r="GI4455" s="91"/>
      <c r="GJ4455" s="91"/>
      <c r="GK4455" s="127"/>
      <c r="GL4455" s="126"/>
      <c r="GM4455" s="91"/>
      <c r="GN4455" s="91"/>
      <c r="GO4455" s="91"/>
      <c r="GP4455" s="91"/>
      <c r="GQ4455" s="91"/>
      <c r="GR4455" s="91"/>
      <c r="GS4455" s="91"/>
      <c r="GT4455" s="91"/>
      <c r="GU4455" s="91"/>
      <c r="GV4455" s="91"/>
      <c r="GW4455" s="91"/>
      <c r="GX4455" s="127"/>
      <c r="GY4455" s="126"/>
      <c r="GZ4455" s="91"/>
      <c r="HA4455" s="91"/>
      <c r="HB4455" s="91"/>
      <c r="HC4455" s="91"/>
      <c r="HD4455" s="91"/>
      <c r="HE4455" s="91"/>
      <c r="HF4455" s="91"/>
      <c r="HG4455" s="91"/>
      <c r="HH4455" s="91"/>
      <c r="HI4455" s="91"/>
      <c r="HJ4455" s="91"/>
      <c r="HK4455" s="127"/>
      <c r="HL4455" s="126"/>
      <c r="HM4455" s="91"/>
      <c r="HN4455" s="91"/>
      <c r="HO4455" s="91"/>
      <c r="HP4455" s="91"/>
      <c r="HQ4455" s="91"/>
      <c r="HR4455" s="91"/>
      <c r="HS4455" s="91"/>
      <c r="HT4455" s="91"/>
      <c r="HU4455" s="91"/>
      <c r="HV4455" s="91"/>
      <c r="HW4455" s="91"/>
      <c r="HX4455" s="127"/>
      <c r="HY4455" s="126"/>
      <c r="HZ4455" s="91"/>
      <c r="IA4455" s="91"/>
      <c r="IB4455" s="91"/>
      <c r="IC4455" s="91"/>
      <c r="ID4455" s="91"/>
      <c r="IE4455" s="91"/>
      <c r="IF4455" s="91"/>
      <c r="IG4455" s="91"/>
      <c r="IH4455" s="91"/>
      <c r="II4455" s="91"/>
      <c r="IJ4455" s="91"/>
      <c r="IK4455" s="174"/>
    </row>
    <row r="4456" spans="2:245" x14ac:dyDescent="0.2">
      <c r="B4456" s="43"/>
      <c r="C4456" s="73"/>
      <c r="D4456" s="64"/>
      <c r="E4456" s="64"/>
      <c r="F4456" s="55"/>
      <c r="G4456" s="102"/>
      <c r="H4456" s="97"/>
      <c r="T4456" s="98"/>
      <c r="U4456" s="97"/>
      <c r="AG4456" s="98"/>
      <c r="AY4456" s="164"/>
      <c r="BK4456" s="98"/>
      <c r="BL4456" s="97"/>
      <c r="BX4456" s="98"/>
      <c r="CL4456" s="97"/>
      <c r="CX4456" s="98"/>
      <c r="DL4456" s="97"/>
      <c r="DX4456" s="98"/>
      <c r="EL4456" s="97"/>
      <c r="EX4456" s="98"/>
      <c r="EY4456" s="97"/>
      <c r="FL4456" s="126"/>
      <c r="FM4456" s="91"/>
      <c r="FN4456" s="91"/>
      <c r="FO4456" s="91"/>
      <c r="FP4456" s="91"/>
      <c r="FQ4456" s="91"/>
      <c r="FR4456" s="91"/>
      <c r="FS4456" s="91"/>
      <c r="FT4456" s="91"/>
      <c r="FU4456" s="91"/>
      <c r="FV4456" s="91"/>
      <c r="FW4456" s="91"/>
      <c r="FX4456" s="127"/>
      <c r="FY4456" s="126"/>
      <c r="FZ4456" s="91"/>
      <c r="GA4456" s="91"/>
      <c r="GB4456" s="91"/>
      <c r="GC4456" s="91"/>
      <c r="GD4456" s="91"/>
      <c r="GE4456" s="91"/>
      <c r="GF4456" s="91"/>
      <c r="GG4456" s="91"/>
      <c r="GH4456" s="91"/>
      <c r="GI4456" s="91"/>
      <c r="GJ4456" s="91"/>
      <c r="GK4456" s="127"/>
      <c r="GL4456" s="126"/>
      <c r="GM4456" s="91"/>
      <c r="GN4456" s="91"/>
      <c r="GO4456" s="91"/>
      <c r="GP4456" s="91"/>
      <c r="GQ4456" s="91"/>
      <c r="GR4456" s="91"/>
      <c r="GS4456" s="91"/>
      <c r="GT4456" s="91"/>
      <c r="GU4456" s="91"/>
      <c r="GV4456" s="91"/>
      <c r="GW4456" s="91"/>
      <c r="GX4456" s="127"/>
      <c r="GY4456" s="126"/>
      <c r="GZ4456" s="91"/>
      <c r="HA4456" s="91"/>
      <c r="HB4456" s="91"/>
      <c r="HC4456" s="91"/>
      <c r="HD4456" s="91"/>
      <c r="HE4456" s="91"/>
      <c r="HF4456" s="91"/>
      <c r="HG4456" s="91"/>
      <c r="HH4456" s="91"/>
      <c r="HI4456" s="91"/>
      <c r="HJ4456" s="91"/>
      <c r="HK4456" s="127"/>
      <c r="HL4456" s="126"/>
      <c r="HM4456" s="91"/>
      <c r="HN4456" s="91"/>
      <c r="HO4456" s="91"/>
      <c r="HP4456" s="91"/>
      <c r="HQ4456" s="91"/>
      <c r="HR4456" s="91"/>
      <c r="HS4456" s="91"/>
      <c r="HT4456" s="91"/>
      <c r="HU4456" s="91"/>
      <c r="HV4456" s="91"/>
      <c r="HW4456" s="91"/>
      <c r="HX4456" s="127"/>
      <c r="HY4456" s="126"/>
      <c r="HZ4456" s="91"/>
      <c r="IA4456" s="91"/>
      <c r="IB4456" s="91"/>
      <c r="IC4456" s="91"/>
      <c r="ID4456" s="91"/>
      <c r="IE4456" s="91"/>
      <c r="IF4456" s="91"/>
      <c r="IG4456" s="91"/>
      <c r="IH4456" s="91"/>
      <c r="II4456" s="91"/>
      <c r="IJ4456" s="91"/>
      <c r="IK4456" s="174"/>
    </row>
    <row r="4457" spans="2:245" x14ac:dyDescent="0.2">
      <c r="B4457" s="43"/>
      <c r="C4457" s="73"/>
      <c r="D4457" s="64"/>
      <c r="E4457" s="64"/>
      <c r="F4457" s="55"/>
      <c r="G4457" s="102"/>
      <c r="H4457" s="97"/>
      <c r="T4457" s="98"/>
      <c r="U4457" s="97"/>
      <c r="AG4457" s="98"/>
      <c r="AY4457" s="164"/>
      <c r="BK4457" s="98"/>
      <c r="BL4457" s="97"/>
      <c r="BX4457" s="98"/>
      <c r="CL4457" s="97"/>
      <c r="CX4457" s="98"/>
      <c r="DL4457" s="97"/>
      <c r="DX4457" s="98"/>
      <c r="EL4457" s="97"/>
      <c r="EX4457" s="98"/>
      <c r="EY4457" s="97"/>
      <c r="FL4457" s="126"/>
      <c r="FM4457" s="91"/>
      <c r="FN4457" s="91"/>
      <c r="FO4457" s="91"/>
      <c r="FP4457" s="91"/>
      <c r="FQ4457" s="91"/>
      <c r="FR4457" s="91"/>
      <c r="FS4457" s="91"/>
      <c r="FT4457" s="91"/>
      <c r="FU4457" s="91"/>
      <c r="FV4457" s="91"/>
      <c r="FW4457" s="91"/>
      <c r="FX4457" s="127"/>
      <c r="FY4457" s="126"/>
      <c r="FZ4457" s="91"/>
      <c r="GA4457" s="91"/>
      <c r="GB4457" s="91"/>
      <c r="GC4457" s="91"/>
      <c r="GD4457" s="91"/>
      <c r="GE4457" s="91"/>
      <c r="GF4457" s="91"/>
      <c r="GG4457" s="91"/>
      <c r="GH4457" s="91"/>
      <c r="GI4457" s="91"/>
      <c r="GJ4457" s="91"/>
      <c r="GK4457" s="127"/>
      <c r="GL4457" s="126"/>
      <c r="GM4457" s="91"/>
      <c r="GN4457" s="91"/>
      <c r="GO4457" s="91"/>
      <c r="GP4457" s="91"/>
      <c r="GQ4457" s="91"/>
      <c r="GR4457" s="91"/>
      <c r="GS4457" s="91"/>
      <c r="GT4457" s="91"/>
      <c r="GU4457" s="91"/>
      <c r="GV4457" s="91"/>
      <c r="GW4457" s="91"/>
      <c r="GX4457" s="127"/>
      <c r="GY4457" s="126"/>
      <c r="GZ4457" s="91"/>
      <c r="HA4457" s="91"/>
      <c r="HB4457" s="91"/>
      <c r="HC4457" s="91"/>
      <c r="HD4457" s="91"/>
      <c r="HE4457" s="91"/>
      <c r="HF4457" s="91"/>
      <c r="HG4457" s="91"/>
      <c r="HH4457" s="91"/>
      <c r="HI4457" s="91"/>
      <c r="HJ4457" s="91"/>
      <c r="HK4457" s="127"/>
      <c r="HL4457" s="126"/>
      <c r="HM4457" s="91"/>
      <c r="HN4457" s="91"/>
      <c r="HO4457" s="91"/>
      <c r="HP4457" s="91"/>
      <c r="HQ4457" s="91"/>
      <c r="HR4457" s="91"/>
      <c r="HS4457" s="91"/>
      <c r="HT4457" s="91"/>
      <c r="HU4457" s="91"/>
      <c r="HV4457" s="91"/>
      <c r="HW4457" s="91"/>
      <c r="HX4457" s="127"/>
      <c r="HY4457" s="126"/>
      <c r="HZ4457" s="91"/>
      <c r="IA4457" s="91"/>
      <c r="IB4457" s="91"/>
      <c r="IC4457" s="91"/>
      <c r="ID4457" s="91"/>
      <c r="IE4457" s="91"/>
      <c r="IF4457" s="91"/>
      <c r="IG4457" s="91"/>
      <c r="IH4457" s="91"/>
      <c r="II4457" s="91"/>
      <c r="IJ4457" s="91"/>
      <c r="IK4457" s="174"/>
    </row>
    <row r="4458" spans="2:245" x14ac:dyDescent="0.2">
      <c r="B4458" s="43"/>
      <c r="C4458" s="73"/>
      <c r="D4458" s="64"/>
      <c r="E4458" s="64"/>
      <c r="F4458" s="55"/>
      <c r="G4458" s="102"/>
      <c r="H4458" s="97"/>
      <c r="T4458" s="98"/>
      <c r="U4458" s="97"/>
      <c r="AG4458" s="98"/>
      <c r="AY4458" s="164"/>
      <c r="BK4458" s="98"/>
      <c r="BL4458" s="97"/>
      <c r="BX4458" s="98"/>
      <c r="CL4458" s="97"/>
      <c r="CX4458" s="98"/>
      <c r="DL4458" s="97"/>
      <c r="DX4458" s="98"/>
      <c r="EL4458" s="97"/>
      <c r="EX4458" s="98"/>
      <c r="EY4458" s="97"/>
      <c r="FL4458" s="126"/>
      <c r="FM4458" s="91"/>
      <c r="FN4458" s="91"/>
      <c r="FO4458" s="91"/>
      <c r="FP4458" s="91"/>
      <c r="FQ4458" s="91"/>
      <c r="FR4458" s="91"/>
      <c r="FS4458" s="91"/>
      <c r="FT4458" s="91"/>
      <c r="FU4458" s="91"/>
      <c r="FV4458" s="91"/>
      <c r="FW4458" s="91"/>
      <c r="FX4458" s="127"/>
      <c r="FY4458" s="126"/>
      <c r="FZ4458" s="91"/>
      <c r="GA4458" s="91"/>
      <c r="GB4458" s="91"/>
      <c r="GC4458" s="91"/>
      <c r="GD4458" s="91"/>
      <c r="GE4458" s="91"/>
      <c r="GF4458" s="91"/>
      <c r="GG4458" s="91"/>
      <c r="GH4458" s="91"/>
      <c r="GI4458" s="91"/>
      <c r="GJ4458" s="91"/>
      <c r="GK4458" s="127"/>
      <c r="GL4458" s="126"/>
      <c r="GM4458" s="91"/>
      <c r="GN4458" s="91"/>
      <c r="GO4458" s="91"/>
      <c r="GP4458" s="91"/>
      <c r="GQ4458" s="91"/>
      <c r="GR4458" s="91"/>
      <c r="GS4458" s="91"/>
      <c r="GT4458" s="91"/>
      <c r="GU4458" s="91"/>
      <c r="GV4458" s="91"/>
      <c r="GW4458" s="91"/>
      <c r="GX4458" s="127"/>
      <c r="GY4458" s="126"/>
      <c r="GZ4458" s="91"/>
      <c r="HA4458" s="91"/>
      <c r="HB4458" s="91"/>
      <c r="HC4458" s="91"/>
      <c r="HD4458" s="91"/>
      <c r="HE4458" s="91"/>
      <c r="HF4458" s="91"/>
      <c r="HG4458" s="91"/>
      <c r="HH4458" s="91"/>
      <c r="HI4458" s="91"/>
      <c r="HJ4458" s="91"/>
      <c r="HK4458" s="127"/>
      <c r="HL4458" s="126"/>
      <c r="HM4458" s="91"/>
      <c r="HN4458" s="91"/>
      <c r="HO4458" s="91"/>
      <c r="HP4458" s="91"/>
      <c r="HQ4458" s="91"/>
      <c r="HR4458" s="91"/>
      <c r="HS4458" s="91"/>
      <c r="HT4458" s="91"/>
      <c r="HU4458" s="91"/>
      <c r="HV4458" s="91"/>
      <c r="HW4458" s="91"/>
      <c r="HX4458" s="127"/>
      <c r="HY4458" s="126"/>
      <c r="HZ4458" s="91"/>
      <c r="IA4458" s="91"/>
      <c r="IB4458" s="91"/>
      <c r="IC4458" s="91"/>
      <c r="ID4458" s="91"/>
      <c r="IE4458" s="91"/>
      <c r="IF4458" s="91"/>
      <c r="IG4458" s="91"/>
      <c r="IH4458" s="91"/>
      <c r="II4458" s="91"/>
      <c r="IJ4458" s="91"/>
      <c r="IK4458" s="174"/>
    </row>
    <row r="4459" spans="2:245" x14ac:dyDescent="0.2">
      <c r="B4459" s="43"/>
      <c r="C4459" s="73"/>
      <c r="D4459" s="64"/>
      <c r="E4459" s="64"/>
      <c r="F4459" s="55"/>
      <c r="G4459" s="102"/>
      <c r="H4459" s="97"/>
      <c r="T4459" s="98"/>
      <c r="U4459" s="97"/>
      <c r="AG4459" s="98"/>
      <c r="AY4459" s="164"/>
      <c r="BK4459" s="98"/>
      <c r="BL4459" s="97"/>
      <c r="BX4459" s="98"/>
      <c r="CL4459" s="97"/>
      <c r="CX4459" s="98"/>
      <c r="DL4459" s="97"/>
      <c r="DX4459" s="98"/>
      <c r="EL4459" s="97"/>
      <c r="EX4459" s="98"/>
      <c r="EY4459" s="97"/>
      <c r="FL4459" s="126"/>
      <c r="FM4459" s="91"/>
      <c r="FN4459" s="91"/>
      <c r="FO4459" s="91"/>
      <c r="FP4459" s="91"/>
      <c r="FQ4459" s="91"/>
      <c r="FR4459" s="91"/>
      <c r="FS4459" s="91"/>
      <c r="FT4459" s="91"/>
      <c r="FU4459" s="91"/>
      <c r="FV4459" s="91"/>
      <c r="FW4459" s="91"/>
      <c r="FX4459" s="127"/>
      <c r="FY4459" s="126"/>
      <c r="FZ4459" s="91"/>
      <c r="GA4459" s="91"/>
      <c r="GB4459" s="91"/>
      <c r="GC4459" s="91"/>
      <c r="GD4459" s="91"/>
      <c r="GE4459" s="91"/>
      <c r="GF4459" s="91"/>
      <c r="GG4459" s="91"/>
      <c r="GH4459" s="91"/>
      <c r="GI4459" s="91"/>
      <c r="GJ4459" s="91"/>
      <c r="GK4459" s="127"/>
      <c r="GL4459" s="126"/>
      <c r="GM4459" s="91"/>
      <c r="GN4459" s="91"/>
      <c r="GO4459" s="91"/>
      <c r="GP4459" s="91"/>
      <c r="GQ4459" s="91"/>
      <c r="GR4459" s="91"/>
      <c r="GS4459" s="91"/>
      <c r="GT4459" s="91"/>
      <c r="GU4459" s="91"/>
      <c r="GV4459" s="91"/>
      <c r="GW4459" s="91"/>
      <c r="GX4459" s="127"/>
      <c r="GY4459" s="126"/>
      <c r="GZ4459" s="91"/>
      <c r="HA4459" s="91"/>
      <c r="HB4459" s="91"/>
      <c r="HC4459" s="91"/>
      <c r="HD4459" s="91"/>
      <c r="HE4459" s="91"/>
      <c r="HF4459" s="91"/>
      <c r="HG4459" s="91"/>
      <c r="HH4459" s="91"/>
      <c r="HI4459" s="91"/>
      <c r="HJ4459" s="91"/>
      <c r="HK4459" s="127"/>
      <c r="HL4459" s="126"/>
      <c r="HM4459" s="91"/>
      <c r="HN4459" s="91"/>
      <c r="HO4459" s="91"/>
      <c r="HP4459" s="91"/>
      <c r="HQ4459" s="91"/>
      <c r="HR4459" s="91"/>
      <c r="HS4459" s="91"/>
      <c r="HT4459" s="91"/>
      <c r="HU4459" s="91"/>
      <c r="HV4459" s="91"/>
      <c r="HW4459" s="91"/>
      <c r="HX4459" s="127"/>
      <c r="HY4459" s="126"/>
      <c r="HZ4459" s="91"/>
      <c r="IA4459" s="91"/>
      <c r="IB4459" s="91"/>
      <c r="IC4459" s="91"/>
      <c r="ID4459" s="91"/>
      <c r="IE4459" s="91"/>
      <c r="IF4459" s="91"/>
      <c r="IG4459" s="91"/>
      <c r="IH4459" s="91"/>
      <c r="II4459" s="91"/>
      <c r="IJ4459" s="91"/>
      <c r="IK4459" s="174"/>
    </row>
    <row r="4460" spans="2:245" x14ac:dyDescent="0.2">
      <c r="B4460" s="43"/>
      <c r="C4460" s="73"/>
      <c r="D4460" s="64"/>
      <c r="E4460" s="64"/>
      <c r="F4460" s="55"/>
      <c r="G4460" s="102"/>
      <c r="H4460" s="97"/>
      <c r="T4460" s="98"/>
      <c r="U4460" s="97"/>
      <c r="AG4460" s="98"/>
      <c r="AY4460" s="164"/>
      <c r="BK4460" s="98"/>
      <c r="BL4460" s="97"/>
      <c r="BX4460" s="98"/>
      <c r="CL4460" s="97"/>
      <c r="CX4460" s="98"/>
      <c r="DL4460" s="97"/>
      <c r="DX4460" s="98"/>
      <c r="EL4460" s="97"/>
      <c r="EX4460" s="98"/>
      <c r="EY4460" s="97"/>
      <c r="FL4460" s="126"/>
      <c r="FM4460" s="91"/>
      <c r="FN4460" s="91"/>
      <c r="FO4460" s="91"/>
      <c r="FP4460" s="91"/>
      <c r="FQ4460" s="91"/>
      <c r="FR4460" s="91"/>
      <c r="FS4460" s="91"/>
      <c r="FT4460" s="91"/>
      <c r="FU4460" s="91"/>
      <c r="FV4460" s="91"/>
      <c r="FW4460" s="91"/>
      <c r="FX4460" s="127"/>
      <c r="FY4460" s="126"/>
      <c r="FZ4460" s="91"/>
      <c r="GA4460" s="91"/>
      <c r="GB4460" s="91"/>
      <c r="GC4460" s="91"/>
      <c r="GD4460" s="91"/>
      <c r="GE4460" s="91"/>
      <c r="GF4460" s="91"/>
      <c r="GG4460" s="91"/>
      <c r="GH4460" s="91"/>
      <c r="GI4460" s="91"/>
      <c r="GJ4460" s="91"/>
      <c r="GK4460" s="127"/>
      <c r="GL4460" s="126"/>
      <c r="GM4460" s="91"/>
      <c r="GN4460" s="91"/>
      <c r="GO4460" s="91"/>
      <c r="GP4460" s="91"/>
      <c r="GQ4460" s="91"/>
      <c r="GR4460" s="91"/>
      <c r="GS4460" s="91"/>
      <c r="GT4460" s="91"/>
      <c r="GU4460" s="91"/>
      <c r="GV4460" s="91"/>
      <c r="GW4460" s="91"/>
      <c r="GX4460" s="127"/>
      <c r="GY4460" s="126"/>
      <c r="GZ4460" s="91"/>
      <c r="HA4460" s="91"/>
      <c r="HB4460" s="91"/>
      <c r="HC4460" s="91"/>
      <c r="HD4460" s="91"/>
      <c r="HE4460" s="91"/>
      <c r="HF4460" s="91"/>
      <c r="HG4460" s="91"/>
      <c r="HH4460" s="91"/>
      <c r="HI4460" s="91"/>
      <c r="HJ4460" s="91"/>
      <c r="HK4460" s="127"/>
      <c r="HL4460" s="126"/>
      <c r="HM4460" s="91"/>
      <c r="HN4460" s="91"/>
      <c r="HO4460" s="91"/>
      <c r="HP4460" s="91"/>
      <c r="HQ4460" s="91"/>
      <c r="HR4460" s="91"/>
      <c r="HS4460" s="91"/>
      <c r="HT4460" s="91"/>
      <c r="HU4460" s="91"/>
      <c r="HV4460" s="91"/>
      <c r="HW4460" s="91"/>
      <c r="HX4460" s="127"/>
      <c r="HY4460" s="126"/>
      <c r="HZ4460" s="91"/>
      <c r="IA4460" s="91"/>
      <c r="IB4460" s="91"/>
      <c r="IC4460" s="91"/>
      <c r="ID4460" s="91"/>
      <c r="IE4460" s="91"/>
      <c r="IF4460" s="91"/>
      <c r="IG4460" s="91"/>
      <c r="IH4460" s="91"/>
      <c r="II4460" s="91"/>
      <c r="IJ4460" s="91"/>
      <c r="IK4460" s="174"/>
    </row>
    <row r="4461" spans="2:245" x14ac:dyDescent="0.2">
      <c r="B4461" s="43"/>
      <c r="C4461" s="73"/>
      <c r="D4461" s="64"/>
      <c r="E4461" s="64"/>
      <c r="F4461" s="55"/>
      <c r="G4461" s="102"/>
      <c r="H4461" s="97"/>
      <c r="T4461" s="98"/>
      <c r="U4461" s="97"/>
      <c r="AG4461" s="98"/>
      <c r="AY4461" s="164"/>
      <c r="BK4461" s="98"/>
      <c r="BL4461" s="97"/>
      <c r="BX4461" s="98"/>
      <c r="CL4461" s="97"/>
      <c r="CX4461" s="98"/>
      <c r="DL4461" s="97"/>
      <c r="DX4461" s="98"/>
      <c r="EL4461" s="97"/>
      <c r="EX4461" s="98"/>
      <c r="EY4461" s="97"/>
      <c r="FL4461" s="126"/>
      <c r="FM4461" s="91"/>
      <c r="FN4461" s="91"/>
      <c r="FO4461" s="91"/>
      <c r="FP4461" s="91"/>
      <c r="FQ4461" s="91"/>
      <c r="FR4461" s="91"/>
      <c r="FS4461" s="91"/>
      <c r="FT4461" s="91"/>
      <c r="FU4461" s="91"/>
      <c r="FV4461" s="91"/>
      <c r="FW4461" s="91"/>
      <c r="FX4461" s="127"/>
      <c r="FY4461" s="126"/>
      <c r="FZ4461" s="91"/>
      <c r="GA4461" s="91"/>
      <c r="GB4461" s="91"/>
      <c r="GC4461" s="91"/>
      <c r="GD4461" s="91"/>
      <c r="GE4461" s="91"/>
      <c r="GF4461" s="91"/>
      <c r="GG4461" s="91"/>
      <c r="GH4461" s="91"/>
      <c r="GI4461" s="91"/>
      <c r="GJ4461" s="91"/>
      <c r="GK4461" s="127"/>
      <c r="GL4461" s="126"/>
      <c r="GM4461" s="91"/>
      <c r="GN4461" s="91"/>
      <c r="GO4461" s="91"/>
      <c r="GP4461" s="91"/>
      <c r="GQ4461" s="91"/>
      <c r="GR4461" s="91"/>
      <c r="GS4461" s="91"/>
      <c r="GT4461" s="91"/>
      <c r="GU4461" s="91"/>
      <c r="GV4461" s="91"/>
      <c r="GW4461" s="91"/>
      <c r="GX4461" s="127"/>
      <c r="GY4461" s="126"/>
      <c r="GZ4461" s="91"/>
      <c r="HA4461" s="91"/>
      <c r="HB4461" s="91"/>
      <c r="HC4461" s="91"/>
      <c r="HD4461" s="91"/>
      <c r="HE4461" s="91"/>
      <c r="HF4461" s="91"/>
      <c r="HG4461" s="91"/>
      <c r="HH4461" s="91"/>
      <c r="HI4461" s="91"/>
      <c r="HJ4461" s="91"/>
      <c r="HK4461" s="127"/>
      <c r="HL4461" s="126"/>
      <c r="HM4461" s="91"/>
      <c r="HN4461" s="91"/>
      <c r="HO4461" s="91"/>
      <c r="HP4461" s="91"/>
      <c r="HQ4461" s="91"/>
      <c r="HR4461" s="91"/>
      <c r="HS4461" s="91"/>
      <c r="HT4461" s="91"/>
      <c r="HU4461" s="91"/>
      <c r="HV4461" s="91"/>
      <c r="HW4461" s="91"/>
      <c r="HX4461" s="127"/>
      <c r="HY4461" s="126"/>
      <c r="HZ4461" s="91"/>
      <c r="IA4461" s="91"/>
      <c r="IB4461" s="91"/>
      <c r="IC4461" s="91"/>
      <c r="ID4461" s="91"/>
      <c r="IE4461" s="91"/>
      <c r="IF4461" s="91"/>
      <c r="IG4461" s="91"/>
      <c r="IH4461" s="91"/>
      <c r="II4461" s="91"/>
      <c r="IJ4461" s="91"/>
      <c r="IK4461" s="174"/>
    </row>
    <row r="4462" spans="2:245" x14ac:dyDescent="0.2">
      <c r="B4462" s="43"/>
      <c r="C4462" s="73"/>
      <c r="D4462" s="64"/>
      <c r="E4462" s="64"/>
      <c r="F4462" s="55"/>
      <c r="G4462" s="102"/>
      <c r="H4462" s="97"/>
      <c r="T4462" s="98"/>
      <c r="U4462" s="97"/>
      <c r="AG4462" s="98"/>
      <c r="AY4462" s="164"/>
      <c r="BK4462" s="98"/>
      <c r="BL4462" s="97"/>
      <c r="BX4462" s="98"/>
      <c r="CL4462" s="97"/>
      <c r="CX4462" s="98"/>
      <c r="DL4462" s="97"/>
      <c r="DX4462" s="98"/>
      <c r="EL4462" s="97"/>
      <c r="EX4462" s="98"/>
      <c r="EY4462" s="97"/>
      <c r="FL4462" s="126"/>
      <c r="FM4462" s="91"/>
      <c r="FN4462" s="91"/>
      <c r="FO4462" s="91"/>
      <c r="FP4462" s="91"/>
      <c r="FQ4462" s="91"/>
      <c r="FR4462" s="91"/>
      <c r="FS4462" s="91"/>
      <c r="FT4462" s="91"/>
      <c r="FU4462" s="91"/>
      <c r="FV4462" s="91"/>
      <c r="FW4462" s="91"/>
      <c r="FX4462" s="127"/>
      <c r="FY4462" s="126"/>
      <c r="FZ4462" s="91"/>
      <c r="GA4462" s="91"/>
      <c r="GB4462" s="91"/>
      <c r="GC4462" s="91"/>
      <c r="GD4462" s="91"/>
      <c r="GE4462" s="91"/>
      <c r="GF4462" s="91"/>
      <c r="GG4462" s="91"/>
      <c r="GH4462" s="91"/>
      <c r="GI4462" s="91"/>
      <c r="GJ4462" s="91"/>
      <c r="GK4462" s="127"/>
      <c r="GL4462" s="126"/>
      <c r="GM4462" s="91"/>
      <c r="GN4462" s="91"/>
      <c r="GO4462" s="91"/>
      <c r="GP4462" s="91"/>
      <c r="GQ4462" s="91"/>
      <c r="GR4462" s="91"/>
      <c r="GS4462" s="91"/>
      <c r="GT4462" s="91"/>
      <c r="GU4462" s="91"/>
      <c r="GV4462" s="91"/>
      <c r="GW4462" s="91"/>
      <c r="GX4462" s="127"/>
      <c r="GY4462" s="126"/>
      <c r="GZ4462" s="91"/>
      <c r="HA4462" s="91"/>
      <c r="HB4462" s="91"/>
      <c r="HC4462" s="91"/>
      <c r="HD4462" s="91"/>
      <c r="HE4462" s="91"/>
      <c r="HF4462" s="91"/>
      <c r="HG4462" s="91"/>
      <c r="HH4462" s="91"/>
      <c r="HI4462" s="91"/>
      <c r="HJ4462" s="91"/>
      <c r="HK4462" s="127"/>
      <c r="HL4462" s="126"/>
      <c r="HM4462" s="91"/>
      <c r="HN4462" s="91"/>
      <c r="HO4462" s="91"/>
      <c r="HP4462" s="91"/>
      <c r="HQ4462" s="91"/>
      <c r="HR4462" s="91"/>
      <c r="HS4462" s="91"/>
      <c r="HT4462" s="91"/>
      <c r="HU4462" s="91"/>
      <c r="HV4462" s="91"/>
      <c r="HW4462" s="91"/>
      <c r="HX4462" s="127"/>
      <c r="HY4462" s="126"/>
      <c r="HZ4462" s="91"/>
      <c r="IA4462" s="91"/>
      <c r="IB4462" s="91"/>
      <c r="IC4462" s="91"/>
      <c r="ID4462" s="91"/>
      <c r="IE4462" s="91"/>
      <c r="IF4462" s="91"/>
      <c r="IG4462" s="91"/>
      <c r="IH4462" s="91"/>
      <c r="II4462" s="91"/>
      <c r="IJ4462" s="91"/>
      <c r="IK4462" s="174"/>
    </row>
    <row r="4463" spans="2:245" x14ac:dyDescent="0.2">
      <c r="B4463" s="43"/>
      <c r="C4463" s="73"/>
      <c r="D4463" s="64"/>
      <c r="E4463" s="64"/>
      <c r="F4463" s="55"/>
      <c r="G4463" s="102"/>
      <c r="H4463" s="97"/>
      <c r="T4463" s="98"/>
      <c r="U4463" s="97"/>
      <c r="AG4463" s="98"/>
      <c r="AY4463" s="164"/>
      <c r="BK4463" s="98"/>
      <c r="BL4463" s="97"/>
      <c r="BX4463" s="98"/>
      <c r="CL4463" s="97"/>
      <c r="CX4463" s="98"/>
      <c r="DL4463" s="97"/>
      <c r="DX4463" s="98"/>
      <c r="EL4463" s="97"/>
      <c r="EX4463" s="98"/>
      <c r="EY4463" s="97"/>
      <c r="FL4463" s="126"/>
      <c r="FM4463" s="91"/>
      <c r="FN4463" s="91"/>
      <c r="FO4463" s="91"/>
      <c r="FP4463" s="91"/>
      <c r="FQ4463" s="91"/>
      <c r="FR4463" s="91"/>
      <c r="FS4463" s="91"/>
      <c r="FT4463" s="91"/>
      <c r="FU4463" s="91"/>
      <c r="FV4463" s="91"/>
      <c r="FW4463" s="91"/>
      <c r="FX4463" s="127"/>
      <c r="FY4463" s="126"/>
      <c r="FZ4463" s="91"/>
      <c r="GA4463" s="91"/>
      <c r="GB4463" s="91"/>
      <c r="GC4463" s="91"/>
      <c r="GD4463" s="91"/>
      <c r="GE4463" s="91"/>
      <c r="GF4463" s="91"/>
      <c r="GG4463" s="91"/>
      <c r="GH4463" s="91"/>
      <c r="GI4463" s="91"/>
      <c r="GJ4463" s="91"/>
      <c r="GK4463" s="127"/>
      <c r="GL4463" s="126"/>
      <c r="GM4463" s="91"/>
      <c r="GN4463" s="91"/>
      <c r="GO4463" s="91"/>
      <c r="GP4463" s="91"/>
      <c r="GQ4463" s="91"/>
      <c r="GR4463" s="91"/>
      <c r="GS4463" s="91"/>
      <c r="GT4463" s="91"/>
      <c r="GU4463" s="91"/>
      <c r="GV4463" s="91"/>
      <c r="GW4463" s="91"/>
      <c r="GX4463" s="127"/>
      <c r="GY4463" s="126"/>
      <c r="GZ4463" s="91"/>
      <c r="HA4463" s="91"/>
      <c r="HB4463" s="91"/>
      <c r="HC4463" s="91"/>
      <c r="HD4463" s="91"/>
      <c r="HE4463" s="91"/>
      <c r="HF4463" s="91"/>
      <c r="HG4463" s="91"/>
      <c r="HH4463" s="91"/>
      <c r="HI4463" s="91"/>
      <c r="HJ4463" s="91"/>
      <c r="HK4463" s="127"/>
      <c r="HL4463" s="126"/>
      <c r="HM4463" s="91"/>
      <c r="HN4463" s="91"/>
      <c r="HO4463" s="91"/>
      <c r="HP4463" s="91"/>
      <c r="HQ4463" s="91"/>
      <c r="HR4463" s="91"/>
      <c r="HS4463" s="91"/>
      <c r="HT4463" s="91"/>
      <c r="HU4463" s="91"/>
      <c r="HV4463" s="91"/>
      <c r="HW4463" s="91"/>
      <c r="HX4463" s="127"/>
      <c r="HY4463" s="126"/>
      <c r="HZ4463" s="91"/>
      <c r="IA4463" s="91"/>
      <c r="IB4463" s="91"/>
      <c r="IC4463" s="91"/>
      <c r="ID4463" s="91"/>
      <c r="IE4463" s="91"/>
      <c r="IF4463" s="91"/>
      <c r="IG4463" s="91"/>
      <c r="IH4463" s="91"/>
      <c r="II4463" s="91"/>
      <c r="IJ4463" s="91"/>
      <c r="IK4463" s="174"/>
    </row>
    <row r="4464" spans="2:245" x14ac:dyDescent="0.2">
      <c r="B4464" s="43"/>
      <c r="C4464" s="73"/>
      <c r="D4464" s="64"/>
      <c r="E4464" s="64"/>
      <c r="F4464" s="55"/>
      <c r="G4464" s="102"/>
      <c r="H4464" s="97"/>
      <c r="T4464" s="98"/>
      <c r="U4464" s="97"/>
      <c r="AG4464" s="98"/>
      <c r="AY4464" s="164"/>
      <c r="BK4464" s="98"/>
      <c r="BL4464" s="97"/>
      <c r="BX4464" s="98"/>
      <c r="CL4464" s="97"/>
      <c r="CX4464" s="98"/>
      <c r="DL4464" s="97"/>
      <c r="DX4464" s="98"/>
      <c r="EL4464" s="97"/>
      <c r="EX4464" s="98"/>
      <c r="EY4464" s="97"/>
      <c r="FL4464" s="126"/>
      <c r="FM4464" s="91"/>
      <c r="FN4464" s="91"/>
      <c r="FO4464" s="91"/>
      <c r="FP4464" s="91"/>
      <c r="FQ4464" s="91"/>
      <c r="FR4464" s="91"/>
      <c r="FS4464" s="91"/>
      <c r="FT4464" s="91"/>
      <c r="FU4464" s="91"/>
      <c r="FV4464" s="91"/>
      <c r="FW4464" s="91"/>
      <c r="FX4464" s="127"/>
      <c r="FY4464" s="126"/>
      <c r="FZ4464" s="91"/>
      <c r="GA4464" s="91"/>
      <c r="GB4464" s="91"/>
      <c r="GC4464" s="91"/>
      <c r="GD4464" s="91"/>
      <c r="GE4464" s="91"/>
      <c r="GF4464" s="91"/>
      <c r="GG4464" s="91"/>
      <c r="GH4464" s="91"/>
      <c r="GI4464" s="91"/>
      <c r="GJ4464" s="91"/>
      <c r="GK4464" s="127"/>
      <c r="GL4464" s="126"/>
      <c r="GM4464" s="91"/>
      <c r="GN4464" s="91"/>
      <c r="GO4464" s="91"/>
      <c r="GP4464" s="91"/>
      <c r="GQ4464" s="91"/>
      <c r="GR4464" s="91"/>
      <c r="GS4464" s="91"/>
      <c r="GT4464" s="91"/>
      <c r="GU4464" s="91"/>
      <c r="GV4464" s="91"/>
      <c r="GW4464" s="91"/>
      <c r="GX4464" s="127"/>
      <c r="GY4464" s="126"/>
      <c r="GZ4464" s="91"/>
      <c r="HA4464" s="91"/>
      <c r="HB4464" s="91"/>
      <c r="HC4464" s="91"/>
      <c r="HD4464" s="91"/>
      <c r="HE4464" s="91"/>
      <c r="HF4464" s="91"/>
      <c r="HG4464" s="91"/>
      <c r="HH4464" s="91"/>
      <c r="HI4464" s="91"/>
      <c r="HJ4464" s="91"/>
      <c r="HK4464" s="127"/>
      <c r="HL4464" s="126"/>
      <c r="HM4464" s="91"/>
      <c r="HN4464" s="91"/>
      <c r="HO4464" s="91"/>
      <c r="HP4464" s="91"/>
      <c r="HQ4464" s="91"/>
      <c r="HR4464" s="91"/>
      <c r="HS4464" s="91"/>
      <c r="HT4464" s="91"/>
      <c r="HU4464" s="91"/>
      <c r="HV4464" s="91"/>
      <c r="HW4464" s="91"/>
      <c r="HX4464" s="127"/>
      <c r="HY4464" s="126"/>
      <c r="HZ4464" s="91"/>
      <c r="IA4464" s="91"/>
      <c r="IB4464" s="91"/>
      <c r="IC4464" s="91"/>
      <c r="ID4464" s="91"/>
      <c r="IE4464" s="91"/>
      <c r="IF4464" s="91"/>
      <c r="IG4464" s="91"/>
      <c r="IH4464" s="91"/>
      <c r="II4464" s="91"/>
      <c r="IJ4464" s="91"/>
      <c r="IK4464" s="174"/>
    </row>
    <row r="4465" spans="2:245" x14ac:dyDescent="0.2">
      <c r="B4465" s="43"/>
      <c r="C4465" s="73"/>
      <c r="D4465" s="64"/>
      <c r="E4465" s="64"/>
      <c r="F4465" s="55"/>
      <c r="G4465" s="102"/>
      <c r="H4465" s="97"/>
      <c r="T4465" s="98"/>
      <c r="U4465" s="97"/>
      <c r="AG4465" s="98"/>
      <c r="AY4465" s="164"/>
      <c r="BK4465" s="98"/>
      <c r="BL4465" s="97"/>
      <c r="BX4465" s="98"/>
      <c r="CL4465" s="97"/>
      <c r="CX4465" s="98"/>
      <c r="DL4465" s="97"/>
      <c r="DX4465" s="98"/>
      <c r="EL4465" s="97"/>
      <c r="EX4465" s="98"/>
      <c r="EY4465" s="97"/>
      <c r="FL4465" s="126"/>
      <c r="FM4465" s="91"/>
      <c r="FN4465" s="91"/>
      <c r="FO4465" s="91"/>
      <c r="FP4465" s="91"/>
      <c r="FQ4465" s="91"/>
      <c r="FR4465" s="91"/>
      <c r="FS4465" s="91"/>
      <c r="FT4465" s="91"/>
      <c r="FU4465" s="91"/>
      <c r="FV4465" s="91"/>
      <c r="FW4465" s="91"/>
      <c r="FX4465" s="127"/>
      <c r="FY4465" s="126"/>
      <c r="FZ4465" s="91"/>
      <c r="GA4465" s="91"/>
      <c r="GB4465" s="91"/>
      <c r="GC4465" s="91"/>
      <c r="GD4465" s="91"/>
      <c r="GE4465" s="91"/>
      <c r="GF4465" s="91"/>
      <c r="GG4465" s="91"/>
      <c r="GH4465" s="91"/>
      <c r="GI4465" s="91"/>
      <c r="GJ4465" s="91"/>
      <c r="GK4465" s="127"/>
      <c r="GL4465" s="126"/>
      <c r="GM4465" s="91"/>
      <c r="GN4465" s="91"/>
      <c r="GO4465" s="91"/>
      <c r="GP4465" s="91"/>
      <c r="GQ4465" s="91"/>
      <c r="GR4465" s="91"/>
      <c r="GS4465" s="91"/>
      <c r="GT4465" s="91"/>
      <c r="GU4465" s="91"/>
      <c r="GV4465" s="91"/>
      <c r="GW4465" s="91"/>
      <c r="GX4465" s="127"/>
      <c r="GY4465" s="126"/>
      <c r="GZ4465" s="91"/>
      <c r="HA4465" s="91"/>
      <c r="HB4465" s="91"/>
      <c r="HC4465" s="91"/>
      <c r="HD4465" s="91"/>
      <c r="HE4465" s="91"/>
      <c r="HF4465" s="91"/>
      <c r="HG4465" s="91"/>
      <c r="HH4465" s="91"/>
      <c r="HI4465" s="91"/>
      <c r="HJ4465" s="91"/>
      <c r="HK4465" s="127"/>
      <c r="HL4465" s="126"/>
      <c r="HM4465" s="91"/>
      <c r="HN4465" s="91"/>
      <c r="HO4465" s="91"/>
      <c r="HP4465" s="91"/>
      <c r="HQ4465" s="91"/>
      <c r="HR4465" s="91"/>
      <c r="HS4465" s="91"/>
      <c r="HT4465" s="91"/>
      <c r="HU4465" s="91"/>
      <c r="HV4465" s="91"/>
      <c r="HW4465" s="91"/>
      <c r="HX4465" s="127"/>
      <c r="HY4465" s="126"/>
      <c r="HZ4465" s="91"/>
      <c r="IA4465" s="91"/>
      <c r="IB4465" s="91"/>
      <c r="IC4465" s="91"/>
      <c r="ID4465" s="91"/>
      <c r="IE4465" s="91"/>
      <c r="IF4465" s="91"/>
      <c r="IG4465" s="91"/>
      <c r="IH4465" s="91"/>
      <c r="II4465" s="91"/>
      <c r="IJ4465" s="91"/>
      <c r="IK4465" s="174"/>
    </row>
    <row r="4466" spans="2:245" x14ac:dyDescent="0.2">
      <c r="B4466" s="43"/>
      <c r="C4466" s="73"/>
      <c r="D4466" s="64"/>
      <c r="E4466" s="64"/>
      <c r="F4466" s="55"/>
      <c r="G4466" s="102"/>
      <c r="H4466" s="97"/>
      <c r="T4466" s="98"/>
      <c r="U4466" s="97"/>
      <c r="AG4466" s="98"/>
      <c r="AY4466" s="164"/>
      <c r="BK4466" s="98"/>
      <c r="BL4466" s="97"/>
      <c r="BX4466" s="98"/>
      <c r="CL4466" s="97"/>
      <c r="CX4466" s="98"/>
      <c r="DL4466" s="97"/>
      <c r="DX4466" s="98"/>
      <c r="EL4466" s="97"/>
      <c r="EX4466" s="98"/>
      <c r="EY4466" s="97"/>
      <c r="FL4466" s="126"/>
      <c r="FM4466" s="91"/>
      <c r="FN4466" s="91"/>
      <c r="FO4466" s="91"/>
      <c r="FP4466" s="91"/>
      <c r="FQ4466" s="91"/>
      <c r="FR4466" s="91"/>
      <c r="FS4466" s="91"/>
      <c r="FT4466" s="91"/>
      <c r="FU4466" s="91"/>
      <c r="FV4466" s="91"/>
      <c r="FW4466" s="91"/>
      <c r="FX4466" s="127"/>
      <c r="FY4466" s="126"/>
      <c r="FZ4466" s="91"/>
      <c r="GA4466" s="91"/>
      <c r="GB4466" s="91"/>
      <c r="GC4466" s="91"/>
      <c r="GD4466" s="91"/>
      <c r="GE4466" s="91"/>
      <c r="GF4466" s="91"/>
      <c r="GG4466" s="91"/>
      <c r="GH4466" s="91"/>
      <c r="GI4466" s="91"/>
      <c r="GJ4466" s="91"/>
      <c r="GK4466" s="127"/>
      <c r="GL4466" s="126"/>
      <c r="GM4466" s="91"/>
      <c r="GN4466" s="91"/>
      <c r="GO4466" s="91"/>
      <c r="GP4466" s="91"/>
      <c r="GQ4466" s="91"/>
      <c r="GR4466" s="91"/>
      <c r="GS4466" s="91"/>
      <c r="GT4466" s="91"/>
      <c r="GU4466" s="91"/>
      <c r="GV4466" s="91"/>
      <c r="GW4466" s="91"/>
      <c r="GX4466" s="127"/>
      <c r="GY4466" s="126"/>
      <c r="GZ4466" s="91"/>
      <c r="HA4466" s="91"/>
      <c r="HB4466" s="91"/>
      <c r="HC4466" s="91"/>
      <c r="HD4466" s="91"/>
      <c r="HE4466" s="91"/>
      <c r="HF4466" s="91"/>
      <c r="HG4466" s="91"/>
      <c r="HH4466" s="91"/>
      <c r="HI4466" s="91"/>
      <c r="HJ4466" s="91"/>
      <c r="HK4466" s="127"/>
      <c r="HL4466" s="126"/>
      <c r="HM4466" s="91"/>
      <c r="HN4466" s="91"/>
      <c r="HO4466" s="91"/>
      <c r="HP4466" s="91"/>
      <c r="HQ4466" s="91"/>
      <c r="HR4466" s="91"/>
      <c r="HS4466" s="91"/>
      <c r="HT4466" s="91"/>
      <c r="HU4466" s="91"/>
      <c r="HV4466" s="91"/>
      <c r="HW4466" s="91"/>
      <c r="HX4466" s="127"/>
      <c r="HY4466" s="126"/>
      <c r="HZ4466" s="91"/>
      <c r="IA4466" s="91"/>
      <c r="IB4466" s="91"/>
      <c r="IC4466" s="91"/>
      <c r="ID4466" s="91"/>
      <c r="IE4466" s="91"/>
      <c r="IF4466" s="91"/>
      <c r="IG4466" s="91"/>
      <c r="IH4466" s="91"/>
      <c r="II4466" s="91"/>
      <c r="IJ4466" s="91"/>
      <c r="IK4466" s="174"/>
    </row>
    <row r="4467" spans="2:245" x14ac:dyDescent="0.2">
      <c r="B4467" s="43"/>
      <c r="C4467" s="73"/>
      <c r="D4467" s="64"/>
      <c r="E4467" s="64"/>
      <c r="F4467" s="55"/>
      <c r="G4467" s="102"/>
      <c r="H4467" s="97"/>
      <c r="T4467" s="98"/>
      <c r="U4467" s="97"/>
      <c r="AG4467" s="98"/>
      <c r="AY4467" s="164"/>
      <c r="BK4467" s="98"/>
      <c r="BL4467" s="97"/>
      <c r="BX4467" s="98"/>
      <c r="CL4467" s="97"/>
      <c r="CX4467" s="98"/>
      <c r="DL4467" s="97"/>
      <c r="DX4467" s="98"/>
      <c r="EL4467" s="97"/>
      <c r="EX4467" s="98"/>
      <c r="EY4467" s="97"/>
      <c r="FL4467" s="126"/>
      <c r="FM4467" s="91"/>
      <c r="FN4467" s="91"/>
      <c r="FO4467" s="91"/>
      <c r="FP4467" s="91"/>
      <c r="FQ4467" s="91"/>
      <c r="FR4467" s="91"/>
      <c r="FS4467" s="91"/>
      <c r="FT4467" s="91"/>
      <c r="FU4467" s="91"/>
      <c r="FV4467" s="91"/>
      <c r="FW4467" s="91"/>
      <c r="FX4467" s="127"/>
      <c r="FY4467" s="126"/>
      <c r="FZ4467" s="91"/>
      <c r="GA4467" s="91"/>
      <c r="GB4467" s="91"/>
      <c r="GC4467" s="91"/>
      <c r="GD4467" s="91"/>
      <c r="GE4467" s="91"/>
      <c r="GF4467" s="91"/>
      <c r="GG4467" s="91"/>
      <c r="GH4467" s="91"/>
      <c r="GI4467" s="91"/>
      <c r="GJ4467" s="91"/>
      <c r="GK4467" s="127"/>
      <c r="GL4467" s="126"/>
      <c r="GM4467" s="91"/>
      <c r="GN4467" s="91"/>
      <c r="GO4467" s="91"/>
      <c r="GP4467" s="91"/>
      <c r="GQ4467" s="91"/>
      <c r="GR4467" s="91"/>
      <c r="GS4467" s="91"/>
      <c r="GT4467" s="91"/>
      <c r="GU4467" s="91"/>
      <c r="GV4467" s="91"/>
      <c r="GW4467" s="91"/>
      <c r="GX4467" s="127"/>
      <c r="GY4467" s="126"/>
      <c r="GZ4467" s="91"/>
      <c r="HA4467" s="91"/>
      <c r="HB4467" s="91"/>
      <c r="HC4467" s="91"/>
      <c r="HD4467" s="91"/>
      <c r="HE4467" s="91"/>
      <c r="HF4467" s="91"/>
      <c r="HG4467" s="91"/>
      <c r="HH4467" s="91"/>
      <c r="HI4467" s="91"/>
      <c r="HJ4467" s="91"/>
      <c r="HK4467" s="127"/>
      <c r="HL4467" s="126"/>
      <c r="HM4467" s="91"/>
      <c r="HN4467" s="91"/>
      <c r="HO4467" s="91"/>
      <c r="HP4467" s="91"/>
      <c r="HQ4467" s="91"/>
      <c r="HR4467" s="91"/>
      <c r="HS4467" s="91"/>
      <c r="HT4467" s="91"/>
      <c r="HU4467" s="91"/>
      <c r="HV4467" s="91"/>
      <c r="HW4467" s="91"/>
      <c r="HX4467" s="127"/>
      <c r="HY4467" s="126"/>
      <c r="HZ4467" s="91"/>
      <c r="IA4467" s="91"/>
      <c r="IB4467" s="91"/>
      <c r="IC4467" s="91"/>
      <c r="ID4467" s="91"/>
      <c r="IE4467" s="91"/>
      <c r="IF4467" s="91"/>
      <c r="IG4467" s="91"/>
      <c r="IH4467" s="91"/>
      <c r="II4467" s="91"/>
      <c r="IJ4467" s="91"/>
      <c r="IK4467" s="174"/>
    </row>
    <row r="4468" spans="2:245" x14ac:dyDescent="0.2">
      <c r="B4468" s="43"/>
      <c r="C4468" s="73"/>
      <c r="D4468" s="64"/>
      <c r="E4468" s="64"/>
      <c r="F4468" s="55"/>
      <c r="G4468" s="102"/>
      <c r="H4468" s="97"/>
      <c r="T4468" s="98"/>
      <c r="U4468" s="97"/>
      <c r="AG4468" s="98"/>
      <c r="AY4468" s="164"/>
      <c r="BK4468" s="98"/>
      <c r="BL4468" s="97"/>
      <c r="BX4468" s="98"/>
      <c r="CL4468" s="97"/>
      <c r="CX4468" s="98"/>
      <c r="DL4468" s="97"/>
      <c r="DX4468" s="98"/>
      <c r="EL4468" s="97"/>
      <c r="EX4468" s="98"/>
      <c r="EY4468" s="97"/>
      <c r="FL4468" s="126"/>
      <c r="FM4468" s="91"/>
      <c r="FN4468" s="91"/>
      <c r="FO4468" s="91"/>
      <c r="FP4468" s="91"/>
      <c r="FQ4468" s="91"/>
      <c r="FR4468" s="91"/>
      <c r="FS4468" s="91"/>
      <c r="FT4468" s="91"/>
      <c r="FU4468" s="91"/>
      <c r="FV4468" s="91"/>
      <c r="FW4468" s="91"/>
      <c r="FX4468" s="127"/>
      <c r="FY4468" s="126"/>
      <c r="FZ4468" s="91"/>
      <c r="GA4468" s="91"/>
      <c r="GB4468" s="91"/>
      <c r="GC4468" s="91"/>
      <c r="GD4468" s="91"/>
      <c r="GE4468" s="91"/>
      <c r="GF4468" s="91"/>
      <c r="GG4468" s="91"/>
      <c r="GH4468" s="91"/>
      <c r="GI4468" s="91"/>
      <c r="GJ4468" s="91"/>
      <c r="GK4468" s="127"/>
      <c r="GL4468" s="126"/>
      <c r="GM4468" s="91"/>
      <c r="GN4468" s="91"/>
      <c r="GO4468" s="91"/>
      <c r="GP4468" s="91"/>
      <c r="GQ4468" s="91"/>
      <c r="GR4468" s="91"/>
      <c r="GS4468" s="91"/>
      <c r="GT4468" s="91"/>
      <c r="GU4468" s="91"/>
      <c r="GV4468" s="91"/>
      <c r="GW4468" s="91"/>
      <c r="GX4468" s="127"/>
      <c r="GY4468" s="126"/>
      <c r="GZ4468" s="91"/>
      <c r="HA4468" s="91"/>
      <c r="HB4468" s="91"/>
      <c r="HC4468" s="91"/>
      <c r="HD4468" s="91"/>
      <c r="HE4468" s="91"/>
      <c r="HF4468" s="91"/>
      <c r="HG4468" s="91"/>
      <c r="HH4468" s="91"/>
      <c r="HI4468" s="91"/>
      <c r="HJ4468" s="91"/>
      <c r="HK4468" s="127"/>
      <c r="HL4468" s="126"/>
      <c r="HM4468" s="91"/>
      <c r="HN4468" s="91"/>
      <c r="HO4468" s="91"/>
      <c r="HP4468" s="91"/>
      <c r="HQ4468" s="91"/>
      <c r="HR4468" s="91"/>
      <c r="HS4468" s="91"/>
      <c r="HT4468" s="91"/>
      <c r="HU4468" s="91"/>
      <c r="HV4468" s="91"/>
      <c r="HW4468" s="91"/>
      <c r="HX4468" s="127"/>
      <c r="HY4468" s="126"/>
      <c r="HZ4468" s="91"/>
      <c r="IA4468" s="91"/>
      <c r="IB4468" s="91"/>
      <c r="IC4468" s="91"/>
      <c r="ID4468" s="91"/>
      <c r="IE4468" s="91"/>
      <c r="IF4468" s="91"/>
      <c r="IG4468" s="91"/>
      <c r="IH4468" s="91"/>
      <c r="II4468" s="91"/>
      <c r="IJ4468" s="91"/>
      <c r="IK4468" s="174"/>
    </row>
    <row r="4469" spans="2:245" x14ac:dyDescent="0.2">
      <c r="B4469" s="43"/>
      <c r="C4469" s="73"/>
      <c r="D4469" s="64"/>
      <c r="E4469" s="64"/>
      <c r="F4469" s="55"/>
      <c r="G4469" s="102"/>
      <c r="H4469" s="97"/>
      <c r="T4469" s="98"/>
      <c r="U4469" s="97"/>
      <c r="AG4469" s="98"/>
      <c r="AY4469" s="164"/>
      <c r="BK4469" s="98"/>
      <c r="BL4469" s="97"/>
      <c r="BX4469" s="98"/>
      <c r="CL4469" s="97"/>
      <c r="CX4469" s="98"/>
      <c r="DL4469" s="97"/>
      <c r="DX4469" s="98"/>
      <c r="EL4469" s="97"/>
      <c r="EX4469" s="98"/>
      <c r="EY4469" s="97"/>
      <c r="FL4469" s="126"/>
      <c r="FM4469" s="91"/>
      <c r="FN4469" s="91"/>
      <c r="FO4469" s="91"/>
      <c r="FP4469" s="91"/>
      <c r="FQ4469" s="91"/>
      <c r="FR4469" s="91"/>
      <c r="FS4469" s="91"/>
      <c r="FT4469" s="91"/>
      <c r="FU4469" s="91"/>
      <c r="FV4469" s="91"/>
      <c r="FW4469" s="91"/>
      <c r="FX4469" s="127"/>
      <c r="FY4469" s="126"/>
      <c r="FZ4469" s="91"/>
      <c r="GA4469" s="91"/>
      <c r="GB4469" s="91"/>
      <c r="GC4469" s="91"/>
      <c r="GD4469" s="91"/>
      <c r="GE4469" s="91"/>
      <c r="GF4469" s="91"/>
      <c r="GG4469" s="91"/>
      <c r="GH4469" s="91"/>
      <c r="GI4469" s="91"/>
      <c r="GJ4469" s="91"/>
      <c r="GK4469" s="127"/>
      <c r="GL4469" s="126"/>
      <c r="GM4469" s="91"/>
      <c r="GN4469" s="91"/>
      <c r="GO4469" s="91"/>
      <c r="GP4469" s="91"/>
      <c r="GQ4469" s="91"/>
      <c r="GR4469" s="91"/>
      <c r="GS4469" s="91"/>
      <c r="GT4469" s="91"/>
      <c r="GU4469" s="91"/>
      <c r="GV4469" s="91"/>
      <c r="GW4469" s="91"/>
      <c r="GX4469" s="127"/>
      <c r="GY4469" s="126"/>
      <c r="GZ4469" s="91"/>
      <c r="HA4469" s="91"/>
      <c r="HB4469" s="91"/>
      <c r="HC4469" s="91"/>
      <c r="HD4469" s="91"/>
      <c r="HE4469" s="91"/>
      <c r="HF4469" s="91"/>
      <c r="HG4469" s="91"/>
      <c r="HH4469" s="91"/>
      <c r="HI4469" s="91"/>
      <c r="HJ4469" s="91"/>
      <c r="HK4469" s="127"/>
      <c r="HL4469" s="126"/>
      <c r="HM4469" s="91"/>
      <c r="HN4469" s="91"/>
      <c r="HO4469" s="91"/>
      <c r="HP4469" s="91"/>
      <c r="HQ4469" s="91"/>
      <c r="HR4469" s="91"/>
      <c r="HS4469" s="91"/>
      <c r="HT4469" s="91"/>
      <c r="HU4469" s="91"/>
      <c r="HV4469" s="91"/>
      <c r="HW4469" s="91"/>
      <c r="HX4469" s="127"/>
      <c r="HY4469" s="126"/>
      <c r="HZ4469" s="91"/>
      <c r="IA4469" s="91"/>
      <c r="IB4469" s="91"/>
      <c r="IC4469" s="91"/>
      <c r="ID4469" s="91"/>
      <c r="IE4469" s="91"/>
      <c r="IF4469" s="91"/>
      <c r="IG4469" s="91"/>
      <c r="IH4469" s="91"/>
      <c r="II4469" s="91"/>
      <c r="IJ4469" s="91"/>
      <c r="IK4469" s="174"/>
    </row>
    <row r="4470" spans="2:245" x14ac:dyDescent="0.2">
      <c r="B4470" s="43"/>
      <c r="C4470" s="73"/>
      <c r="D4470" s="64"/>
      <c r="E4470" s="64"/>
      <c r="F4470" s="55"/>
      <c r="G4470" s="102"/>
      <c r="H4470" s="97"/>
      <c r="T4470" s="98"/>
      <c r="U4470" s="97"/>
      <c r="AG4470" s="98"/>
      <c r="AY4470" s="164"/>
      <c r="BK4470" s="98"/>
      <c r="BL4470" s="97"/>
      <c r="BX4470" s="98"/>
      <c r="CL4470" s="97"/>
      <c r="CX4470" s="98"/>
      <c r="DL4470" s="97"/>
      <c r="DX4470" s="98"/>
      <c r="EL4470" s="97"/>
      <c r="EX4470" s="98"/>
      <c r="EY4470" s="97"/>
      <c r="FL4470" s="126"/>
      <c r="FM4470" s="91"/>
      <c r="FN4470" s="91"/>
      <c r="FO4470" s="91"/>
      <c r="FP4470" s="91"/>
      <c r="FQ4470" s="91"/>
      <c r="FR4470" s="91"/>
      <c r="FS4470" s="91"/>
      <c r="FT4470" s="91"/>
      <c r="FU4470" s="91"/>
      <c r="FV4470" s="91"/>
      <c r="FW4470" s="91"/>
      <c r="FX4470" s="127"/>
      <c r="FY4470" s="126"/>
      <c r="FZ4470" s="91"/>
      <c r="GA4470" s="91"/>
      <c r="GB4470" s="91"/>
      <c r="GC4470" s="91"/>
      <c r="GD4470" s="91"/>
      <c r="GE4470" s="91"/>
      <c r="GF4470" s="91"/>
      <c r="GG4470" s="91"/>
      <c r="GH4470" s="91"/>
      <c r="GI4470" s="91"/>
      <c r="GJ4470" s="91"/>
      <c r="GK4470" s="127"/>
      <c r="GL4470" s="126"/>
      <c r="GM4470" s="91"/>
      <c r="GN4470" s="91"/>
      <c r="GO4470" s="91"/>
      <c r="GP4470" s="91"/>
      <c r="GQ4470" s="91"/>
      <c r="GR4470" s="91"/>
      <c r="GS4470" s="91"/>
      <c r="GT4470" s="91"/>
      <c r="GU4470" s="91"/>
      <c r="GV4470" s="91"/>
      <c r="GW4470" s="91"/>
      <c r="GX4470" s="127"/>
      <c r="GY4470" s="126"/>
      <c r="GZ4470" s="91"/>
      <c r="HA4470" s="91"/>
      <c r="HB4470" s="91"/>
      <c r="HC4470" s="91"/>
      <c r="HD4470" s="91"/>
      <c r="HE4470" s="91"/>
      <c r="HF4470" s="91"/>
      <c r="HG4470" s="91"/>
      <c r="HH4470" s="91"/>
      <c r="HI4470" s="91"/>
      <c r="HJ4470" s="91"/>
      <c r="HK4470" s="127"/>
      <c r="HL4470" s="126"/>
      <c r="HM4470" s="91"/>
      <c r="HN4470" s="91"/>
      <c r="HO4470" s="91"/>
      <c r="HP4470" s="91"/>
      <c r="HQ4470" s="91"/>
      <c r="HR4470" s="91"/>
      <c r="HS4470" s="91"/>
      <c r="HT4470" s="91"/>
      <c r="HU4470" s="91"/>
      <c r="HV4470" s="91"/>
      <c r="HW4470" s="91"/>
      <c r="HX4470" s="127"/>
      <c r="HY4470" s="126"/>
      <c r="HZ4470" s="91"/>
      <c r="IA4470" s="91"/>
      <c r="IB4470" s="91"/>
      <c r="IC4470" s="91"/>
      <c r="ID4470" s="91"/>
      <c r="IE4470" s="91"/>
      <c r="IF4470" s="91"/>
      <c r="IG4470" s="91"/>
      <c r="IH4470" s="91"/>
      <c r="II4470" s="91"/>
      <c r="IJ4470" s="91"/>
      <c r="IK4470" s="174"/>
    </row>
    <row r="4471" spans="2:245" x14ac:dyDescent="0.2">
      <c r="B4471" s="43"/>
      <c r="C4471" s="73"/>
      <c r="D4471" s="64"/>
      <c r="E4471" s="64"/>
      <c r="F4471" s="55"/>
      <c r="G4471" s="102"/>
      <c r="H4471" s="97"/>
      <c r="T4471" s="98"/>
      <c r="U4471" s="97"/>
      <c r="AG4471" s="98"/>
      <c r="AY4471" s="164"/>
      <c r="BK4471" s="98"/>
      <c r="BL4471" s="97"/>
      <c r="BX4471" s="98"/>
      <c r="CL4471" s="97"/>
      <c r="CX4471" s="98"/>
      <c r="DL4471" s="97"/>
      <c r="DX4471" s="98"/>
      <c r="EL4471" s="97"/>
      <c r="EX4471" s="98"/>
      <c r="EY4471" s="97"/>
      <c r="FL4471" s="126"/>
      <c r="FM4471" s="91"/>
      <c r="FN4471" s="91"/>
      <c r="FO4471" s="91"/>
      <c r="FP4471" s="91"/>
      <c r="FQ4471" s="91"/>
      <c r="FR4471" s="91"/>
      <c r="FS4471" s="91"/>
      <c r="FT4471" s="91"/>
      <c r="FU4471" s="91"/>
      <c r="FV4471" s="91"/>
      <c r="FW4471" s="91"/>
      <c r="FX4471" s="127"/>
      <c r="FY4471" s="126"/>
      <c r="FZ4471" s="91"/>
      <c r="GA4471" s="91"/>
      <c r="GB4471" s="91"/>
      <c r="GC4471" s="91"/>
      <c r="GD4471" s="91"/>
      <c r="GE4471" s="91"/>
      <c r="GF4471" s="91"/>
      <c r="GG4471" s="91"/>
      <c r="GH4471" s="91"/>
      <c r="GI4471" s="91"/>
      <c r="GJ4471" s="91"/>
      <c r="GK4471" s="127"/>
      <c r="GL4471" s="126"/>
      <c r="GM4471" s="91"/>
      <c r="GN4471" s="91"/>
      <c r="GO4471" s="91"/>
      <c r="GP4471" s="91"/>
      <c r="GQ4471" s="91"/>
      <c r="GR4471" s="91"/>
      <c r="GS4471" s="91"/>
      <c r="GT4471" s="91"/>
      <c r="GU4471" s="91"/>
      <c r="GV4471" s="91"/>
      <c r="GW4471" s="91"/>
      <c r="GX4471" s="127"/>
      <c r="GY4471" s="126"/>
      <c r="GZ4471" s="91"/>
      <c r="HA4471" s="91"/>
      <c r="HB4471" s="91"/>
      <c r="HC4471" s="91"/>
      <c r="HD4471" s="91"/>
      <c r="HE4471" s="91"/>
      <c r="HF4471" s="91"/>
      <c r="HG4471" s="91"/>
      <c r="HH4471" s="91"/>
      <c r="HI4471" s="91"/>
      <c r="HJ4471" s="91"/>
      <c r="HK4471" s="127"/>
      <c r="HL4471" s="126"/>
      <c r="HM4471" s="91"/>
      <c r="HN4471" s="91"/>
      <c r="HO4471" s="91"/>
      <c r="HP4471" s="91"/>
      <c r="HQ4471" s="91"/>
      <c r="HR4471" s="91"/>
      <c r="HS4471" s="91"/>
      <c r="HT4471" s="91"/>
      <c r="HU4471" s="91"/>
      <c r="HV4471" s="91"/>
      <c r="HW4471" s="91"/>
      <c r="HX4471" s="127"/>
      <c r="HY4471" s="126"/>
      <c r="HZ4471" s="91"/>
      <c r="IA4471" s="91"/>
      <c r="IB4471" s="91"/>
      <c r="IC4471" s="91"/>
      <c r="ID4471" s="91"/>
      <c r="IE4471" s="91"/>
      <c r="IF4471" s="91"/>
      <c r="IG4471" s="91"/>
      <c r="IH4471" s="91"/>
      <c r="II4471" s="91"/>
      <c r="IJ4471" s="91"/>
      <c r="IK4471" s="174"/>
    </row>
    <row r="4472" spans="2:245" x14ac:dyDescent="0.2">
      <c r="B4472" s="43"/>
      <c r="C4472" s="73"/>
      <c r="D4472" s="64"/>
      <c r="E4472" s="64"/>
      <c r="F4472" s="55"/>
      <c r="G4472" s="102"/>
      <c r="H4472" s="97"/>
      <c r="T4472" s="98"/>
      <c r="U4472" s="97"/>
      <c r="AG4472" s="98"/>
      <c r="AY4472" s="164"/>
      <c r="BK4472" s="98"/>
      <c r="BL4472" s="97"/>
      <c r="BX4472" s="98"/>
      <c r="CL4472" s="97"/>
      <c r="CX4472" s="98"/>
      <c r="DL4472" s="97"/>
      <c r="DX4472" s="98"/>
      <c r="EL4472" s="97"/>
      <c r="EX4472" s="98"/>
      <c r="EY4472" s="97"/>
      <c r="FL4472" s="126"/>
      <c r="FM4472" s="91"/>
      <c r="FN4472" s="91"/>
      <c r="FO4472" s="91"/>
      <c r="FP4472" s="91"/>
      <c r="FQ4472" s="91"/>
      <c r="FR4472" s="91"/>
      <c r="FS4472" s="91"/>
      <c r="FT4472" s="91"/>
      <c r="FU4472" s="91"/>
      <c r="FV4472" s="91"/>
      <c r="FW4472" s="91"/>
      <c r="FX4472" s="127"/>
      <c r="FY4472" s="126"/>
      <c r="FZ4472" s="91"/>
      <c r="GA4472" s="91"/>
      <c r="GB4472" s="91"/>
      <c r="GC4472" s="91"/>
      <c r="GD4472" s="91"/>
      <c r="GE4472" s="91"/>
      <c r="GF4472" s="91"/>
      <c r="GG4472" s="91"/>
      <c r="GH4472" s="91"/>
      <c r="GI4472" s="91"/>
      <c r="GJ4472" s="91"/>
      <c r="GK4472" s="127"/>
      <c r="GL4472" s="126"/>
      <c r="GM4472" s="91"/>
      <c r="GN4472" s="91"/>
      <c r="GO4472" s="91"/>
      <c r="GP4472" s="91"/>
      <c r="GQ4472" s="91"/>
      <c r="GR4472" s="91"/>
      <c r="GS4472" s="91"/>
      <c r="GT4472" s="91"/>
      <c r="GU4472" s="91"/>
      <c r="GV4472" s="91"/>
      <c r="GW4472" s="91"/>
      <c r="GX4472" s="127"/>
      <c r="GY4472" s="126"/>
      <c r="GZ4472" s="91"/>
      <c r="HA4472" s="91"/>
      <c r="HB4472" s="91"/>
      <c r="HC4472" s="91"/>
      <c r="HD4472" s="91"/>
      <c r="HE4472" s="91"/>
      <c r="HF4472" s="91"/>
      <c r="HG4472" s="91"/>
      <c r="HH4472" s="91"/>
      <c r="HI4472" s="91"/>
      <c r="HJ4472" s="91"/>
      <c r="HK4472" s="127"/>
      <c r="HL4472" s="126"/>
      <c r="HM4472" s="91"/>
      <c r="HN4472" s="91"/>
      <c r="HO4472" s="91"/>
      <c r="HP4472" s="91"/>
      <c r="HQ4472" s="91"/>
      <c r="HR4472" s="91"/>
      <c r="HS4472" s="91"/>
      <c r="HT4472" s="91"/>
      <c r="HU4472" s="91"/>
      <c r="HV4472" s="91"/>
      <c r="HW4472" s="91"/>
      <c r="HX4472" s="127"/>
      <c r="HY4472" s="126"/>
      <c r="HZ4472" s="91"/>
      <c r="IA4472" s="91"/>
      <c r="IB4472" s="91"/>
      <c r="IC4472" s="91"/>
      <c r="ID4472" s="91"/>
      <c r="IE4472" s="91"/>
      <c r="IF4472" s="91"/>
      <c r="IG4472" s="91"/>
      <c r="IH4472" s="91"/>
      <c r="II4472" s="91"/>
      <c r="IJ4472" s="91"/>
      <c r="IK4472" s="174"/>
    </row>
    <row r="4473" spans="2:245" x14ac:dyDescent="0.2">
      <c r="B4473" s="43"/>
      <c r="C4473" s="73"/>
      <c r="D4473" s="64"/>
      <c r="E4473" s="64"/>
      <c r="F4473" s="55"/>
      <c r="G4473" s="102"/>
      <c r="H4473" s="97"/>
      <c r="T4473" s="98"/>
      <c r="U4473" s="97"/>
      <c r="AG4473" s="98"/>
      <c r="AY4473" s="164"/>
      <c r="BK4473" s="98"/>
      <c r="BL4473" s="97"/>
      <c r="BX4473" s="98"/>
      <c r="CL4473" s="97"/>
      <c r="CX4473" s="98"/>
      <c r="DL4473" s="97"/>
      <c r="DX4473" s="98"/>
      <c r="EL4473" s="97"/>
      <c r="EX4473" s="98"/>
      <c r="EY4473" s="97"/>
      <c r="FL4473" s="126"/>
      <c r="FM4473" s="91"/>
      <c r="FN4473" s="91"/>
      <c r="FO4473" s="91"/>
      <c r="FP4473" s="91"/>
      <c r="FQ4473" s="91"/>
      <c r="FR4473" s="91"/>
      <c r="FS4473" s="91"/>
      <c r="FT4473" s="91"/>
      <c r="FU4473" s="91"/>
      <c r="FV4473" s="91"/>
      <c r="FW4473" s="91"/>
      <c r="FX4473" s="127"/>
      <c r="FY4473" s="126"/>
      <c r="FZ4473" s="91"/>
      <c r="GA4473" s="91"/>
      <c r="GB4473" s="91"/>
      <c r="GC4473" s="91"/>
      <c r="GD4473" s="91"/>
      <c r="GE4473" s="91"/>
      <c r="GF4473" s="91"/>
      <c r="GG4473" s="91"/>
      <c r="GH4473" s="91"/>
      <c r="GI4473" s="91"/>
      <c r="GJ4473" s="91"/>
      <c r="GK4473" s="127"/>
      <c r="GL4473" s="126"/>
      <c r="GM4473" s="91"/>
      <c r="GN4473" s="91"/>
      <c r="GO4473" s="91"/>
      <c r="GP4473" s="91"/>
      <c r="GQ4473" s="91"/>
      <c r="GR4473" s="91"/>
      <c r="GS4473" s="91"/>
      <c r="GT4473" s="91"/>
      <c r="GU4473" s="91"/>
      <c r="GV4473" s="91"/>
      <c r="GW4473" s="91"/>
      <c r="GX4473" s="127"/>
      <c r="GY4473" s="126"/>
      <c r="GZ4473" s="91"/>
      <c r="HA4473" s="91"/>
      <c r="HB4473" s="91"/>
      <c r="HC4473" s="91"/>
      <c r="HD4473" s="91"/>
      <c r="HE4473" s="91"/>
      <c r="HF4473" s="91"/>
      <c r="HG4473" s="91"/>
      <c r="HH4473" s="91"/>
      <c r="HI4473" s="91"/>
      <c r="HJ4473" s="91"/>
      <c r="HK4473" s="127"/>
      <c r="HL4473" s="126"/>
      <c r="HM4473" s="91"/>
      <c r="HN4473" s="91"/>
      <c r="HO4473" s="91"/>
      <c r="HP4473" s="91"/>
      <c r="HQ4473" s="91"/>
      <c r="HR4473" s="91"/>
      <c r="HS4473" s="91"/>
      <c r="HT4473" s="91"/>
      <c r="HU4473" s="91"/>
      <c r="HV4473" s="91"/>
      <c r="HW4473" s="91"/>
      <c r="HX4473" s="127"/>
      <c r="HY4473" s="126"/>
      <c r="HZ4473" s="91"/>
      <c r="IA4473" s="91"/>
      <c r="IB4473" s="91"/>
      <c r="IC4473" s="91"/>
      <c r="ID4473" s="91"/>
      <c r="IE4473" s="91"/>
      <c r="IF4473" s="91"/>
      <c r="IG4473" s="91"/>
      <c r="IH4473" s="91"/>
      <c r="II4473" s="91"/>
      <c r="IJ4473" s="91"/>
      <c r="IK4473" s="174"/>
    </row>
    <row r="4474" spans="2:245" x14ac:dyDescent="0.2">
      <c r="B4474" s="43"/>
      <c r="C4474" s="73"/>
      <c r="D4474" s="64"/>
      <c r="E4474" s="64"/>
      <c r="F4474" s="55"/>
      <c r="G4474" s="102"/>
      <c r="H4474" s="97"/>
      <c r="T4474" s="98"/>
      <c r="U4474" s="97"/>
      <c r="AG4474" s="98"/>
      <c r="AY4474" s="164"/>
      <c r="BK4474" s="98"/>
      <c r="BL4474" s="97"/>
      <c r="BX4474" s="98"/>
      <c r="CL4474" s="97"/>
      <c r="CX4474" s="98"/>
      <c r="DL4474" s="97"/>
      <c r="DX4474" s="98"/>
      <c r="EL4474" s="97"/>
      <c r="EX4474" s="98"/>
      <c r="EY4474" s="97"/>
      <c r="FL4474" s="126"/>
      <c r="FM4474" s="91"/>
      <c r="FN4474" s="91"/>
      <c r="FO4474" s="91"/>
      <c r="FP4474" s="91"/>
      <c r="FQ4474" s="91"/>
      <c r="FR4474" s="91"/>
      <c r="FS4474" s="91"/>
      <c r="FT4474" s="91"/>
      <c r="FU4474" s="91"/>
      <c r="FV4474" s="91"/>
      <c r="FW4474" s="91"/>
      <c r="FX4474" s="127"/>
      <c r="FY4474" s="126"/>
      <c r="FZ4474" s="91"/>
      <c r="GA4474" s="91"/>
      <c r="GB4474" s="91"/>
      <c r="GC4474" s="91"/>
      <c r="GD4474" s="91"/>
      <c r="GE4474" s="91"/>
      <c r="GF4474" s="91"/>
      <c r="GG4474" s="91"/>
      <c r="GH4474" s="91"/>
      <c r="GI4474" s="91"/>
      <c r="GJ4474" s="91"/>
      <c r="GK4474" s="127"/>
      <c r="GL4474" s="126"/>
      <c r="GM4474" s="91"/>
      <c r="GN4474" s="91"/>
      <c r="GO4474" s="91"/>
      <c r="GP4474" s="91"/>
      <c r="GQ4474" s="91"/>
      <c r="GR4474" s="91"/>
      <c r="GS4474" s="91"/>
      <c r="GT4474" s="91"/>
      <c r="GU4474" s="91"/>
      <c r="GV4474" s="91"/>
      <c r="GW4474" s="91"/>
      <c r="GX4474" s="127"/>
      <c r="GY4474" s="126"/>
      <c r="GZ4474" s="91"/>
      <c r="HA4474" s="91"/>
      <c r="HB4474" s="91"/>
      <c r="HC4474" s="91"/>
      <c r="HD4474" s="91"/>
      <c r="HE4474" s="91"/>
      <c r="HF4474" s="91"/>
      <c r="HG4474" s="91"/>
      <c r="HH4474" s="91"/>
      <c r="HI4474" s="91"/>
      <c r="HJ4474" s="91"/>
      <c r="HK4474" s="127"/>
      <c r="HL4474" s="126"/>
      <c r="HM4474" s="91"/>
      <c r="HN4474" s="91"/>
      <c r="HO4474" s="91"/>
      <c r="HP4474" s="91"/>
      <c r="HQ4474" s="91"/>
      <c r="HR4474" s="91"/>
      <c r="HS4474" s="91"/>
      <c r="HT4474" s="91"/>
      <c r="HU4474" s="91"/>
      <c r="HV4474" s="91"/>
      <c r="HW4474" s="91"/>
      <c r="HX4474" s="127"/>
      <c r="HY4474" s="126"/>
      <c r="HZ4474" s="91"/>
      <c r="IA4474" s="91"/>
      <c r="IB4474" s="91"/>
      <c r="IC4474" s="91"/>
      <c r="ID4474" s="91"/>
      <c r="IE4474" s="91"/>
      <c r="IF4474" s="91"/>
      <c r="IG4474" s="91"/>
      <c r="IH4474" s="91"/>
      <c r="II4474" s="91"/>
      <c r="IJ4474" s="91"/>
      <c r="IK4474" s="174"/>
    </row>
    <row r="4475" spans="2:245" x14ac:dyDescent="0.2">
      <c r="B4475" s="43"/>
      <c r="C4475" s="73"/>
      <c r="D4475" s="64"/>
      <c r="E4475" s="64"/>
      <c r="F4475" s="55"/>
      <c r="G4475" s="102"/>
      <c r="H4475" s="97"/>
      <c r="T4475" s="98"/>
      <c r="U4475" s="97"/>
      <c r="AG4475" s="98"/>
      <c r="AY4475" s="164"/>
      <c r="BK4475" s="98"/>
      <c r="BL4475" s="97"/>
      <c r="BX4475" s="98"/>
      <c r="CL4475" s="97"/>
      <c r="CX4475" s="98"/>
      <c r="DL4475" s="97"/>
      <c r="DX4475" s="98"/>
      <c r="EL4475" s="97"/>
      <c r="EX4475" s="98"/>
      <c r="EY4475" s="97"/>
      <c r="FL4475" s="126"/>
      <c r="FM4475" s="91"/>
      <c r="FN4475" s="91"/>
      <c r="FO4475" s="91"/>
      <c r="FP4475" s="91"/>
      <c r="FQ4475" s="91"/>
      <c r="FR4475" s="91"/>
      <c r="FS4475" s="91"/>
      <c r="FT4475" s="91"/>
      <c r="FU4475" s="91"/>
      <c r="FV4475" s="91"/>
      <c r="FW4475" s="91"/>
      <c r="FX4475" s="127"/>
      <c r="FY4475" s="126"/>
      <c r="FZ4475" s="91"/>
      <c r="GA4475" s="91"/>
      <c r="GB4475" s="91"/>
      <c r="GC4475" s="91"/>
      <c r="GD4475" s="91"/>
      <c r="GE4475" s="91"/>
      <c r="GF4475" s="91"/>
      <c r="GG4475" s="91"/>
      <c r="GH4475" s="91"/>
      <c r="GI4475" s="91"/>
      <c r="GJ4475" s="91"/>
      <c r="GK4475" s="127"/>
      <c r="GL4475" s="126"/>
      <c r="GM4475" s="91"/>
      <c r="GN4475" s="91"/>
      <c r="GO4475" s="91"/>
      <c r="GP4475" s="91"/>
      <c r="GQ4475" s="91"/>
      <c r="GR4475" s="91"/>
      <c r="GS4475" s="91"/>
      <c r="GT4475" s="91"/>
      <c r="GU4475" s="91"/>
      <c r="GV4475" s="91"/>
      <c r="GW4475" s="91"/>
      <c r="GX4475" s="127"/>
      <c r="GY4475" s="126"/>
      <c r="GZ4475" s="91"/>
      <c r="HA4475" s="91"/>
      <c r="HB4475" s="91"/>
      <c r="HC4475" s="91"/>
      <c r="HD4475" s="91"/>
      <c r="HE4475" s="91"/>
      <c r="HF4475" s="91"/>
      <c r="HG4475" s="91"/>
      <c r="HH4475" s="91"/>
      <c r="HI4475" s="91"/>
      <c r="HJ4475" s="91"/>
      <c r="HK4475" s="127"/>
      <c r="HL4475" s="126"/>
      <c r="HM4475" s="91"/>
      <c r="HN4475" s="91"/>
      <c r="HO4475" s="91"/>
      <c r="HP4475" s="91"/>
      <c r="HQ4475" s="91"/>
      <c r="HR4475" s="91"/>
      <c r="HS4475" s="91"/>
      <c r="HT4475" s="91"/>
      <c r="HU4475" s="91"/>
      <c r="HV4475" s="91"/>
      <c r="HW4475" s="91"/>
      <c r="HX4475" s="127"/>
      <c r="HY4475" s="126"/>
      <c r="HZ4475" s="91"/>
      <c r="IA4475" s="91"/>
      <c r="IB4475" s="91"/>
      <c r="IC4475" s="91"/>
      <c r="ID4475" s="91"/>
      <c r="IE4475" s="91"/>
      <c r="IF4475" s="91"/>
      <c r="IG4475" s="91"/>
      <c r="IH4475" s="91"/>
      <c r="II4475" s="91"/>
      <c r="IJ4475" s="91"/>
      <c r="IK4475" s="174"/>
    </row>
    <row r="4476" spans="2:245" x14ac:dyDescent="0.2">
      <c r="B4476" s="43"/>
      <c r="C4476" s="73"/>
      <c r="D4476" s="64"/>
      <c r="E4476" s="64"/>
      <c r="F4476" s="55"/>
      <c r="G4476" s="102"/>
      <c r="H4476" s="97"/>
      <c r="T4476" s="98"/>
      <c r="U4476" s="97"/>
      <c r="AG4476" s="98"/>
      <c r="AY4476" s="164"/>
      <c r="BK4476" s="98"/>
      <c r="BL4476" s="97"/>
      <c r="BX4476" s="98"/>
      <c r="CL4476" s="97"/>
      <c r="CX4476" s="98"/>
      <c r="DL4476" s="97"/>
      <c r="DX4476" s="98"/>
      <c r="EL4476" s="97"/>
      <c r="EX4476" s="98"/>
      <c r="EY4476" s="97"/>
      <c r="FL4476" s="126"/>
      <c r="FM4476" s="91"/>
      <c r="FN4476" s="91"/>
      <c r="FO4476" s="91"/>
      <c r="FP4476" s="91"/>
      <c r="FQ4476" s="91"/>
      <c r="FR4476" s="91"/>
      <c r="FS4476" s="91"/>
      <c r="FT4476" s="91"/>
      <c r="FU4476" s="91"/>
      <c r="FV4476" s="91"/>
      <c r="FW4476" s="91"/>
      <c r="FX4476" s="127"/>
      <c r="FY4476" s="126"/>
      <c r="FZ4476" s="91"/>
      <c r="GA4476" s="91"/>
      <c r="GB4476" s="91"/>
      <c r="GC4476" s="91"/>
      <c r="GD4476" s="91"/>
      <c r="GE4476" s="91"/>
      <c r="GF4476" s="91"/>
      <c r="GG4476" s="91"/>
      <c r="GH4476" s="91"/>
      <c r="GI4476" s="91"/>
      <c r="GJ4476" s="91"/>
      <c r="GK4476" s="127"/>
      <c r="GL4476" s="126"/>
      <c r="GM4476" s="91"/>
      <c r="GN4476" s="91"/>
      <c r="GO4476" s="91"/>
      <c r="GP4476" s="91"/>
      <c r="GQ4476" s="91"/>
      <c r="GR4476" s="91"/>
      <c r="GS4476" s="91"/>
      <c r="GT4476" s="91"/>
      <c r="GU4476" s="91"/>
      <c r="GV4476" s="91"/>
      <c r="GW4476" s="91"/>
      <c r="GX4476" s="127"/>
      <c r="GY4476" s="126"/>
      <c r="GZ4476" s="91"/>
      <c r="HA4476" s="91"/>
      <c r="HB4476" s="91"/>
      <c r="HC4476" s="91"/>
      <c r="HD4476" s="91"/>
      <c r="HE4476" s="91"/>
      <c r="HF4476" s="91"/>
      <c r="HG4476" s="91"/>
      <c r="HH4476" s="91"/>
      <c r="HI4476" s="91"/>
      <c r="HJ4476" s="91"/>
      <c r="HK4476" s="127"/>
      <c r="HL4476" s="126"/>
      <c r="HM4476" s="91"/>
      <c r="HN4476" s="91"/>
      <c r="HO4476" s="91"/>
      <c r="HP4476" s="91"/>
      <c r="HQ4476" s="91"/>
      <c r="HR4476" s="91"/>
      <c r="HS4476" s="91"/>
      <c r="HT4476" s="91"/>
      <c r="HU4476" s="91"/>
      <c r="HV4476" s="91"/>
      <c r="HW4476" s="91"/>
      <c r="HX4476" s="127"/>
      <c r="HY4476" s="126"/>
      <c r="HZ4476" s="91"/>
      <c r="IA4476" s="91"/>
      <c r="IB4476" s="91"/>
      <c r="IC4476" s="91"/>
      <c r="ID4476" s="91"/>
      <c r="IE4476" s="91"/>
      <c r="IF4476" s="91"/>
      <c r="IG4476" s="91"/>
      <c r="IH4476" s="91"/>
      <c r="II4476" s="91"/>
      <c r="IJ4476" s="91"/>
      <c r="IK4476" s="174"/>
    </row>
    <row r="4477" spans="2:245" x14ac:dyDescent="0.2">
      <c r="B4477" s="43"/>
      <c r="C4477" s="73"/>
      <c r="D4477" s="64"/>
      <c r="E4477" s="64"/>
      <c r="F4477" s="55"/>
      <c r="G4477" s="102"/>
      <c r="H4477" s="97"/>
      <c r="T4477" s="98"/>
      <c r="U4477" s="97"/>
      <c r="AG4477" s="98"/>
      <c r="AY4477" s="164"/>
      <c r="BK4477" s="98"/>
      <c r="BL4477" s="97"/>
      <c r="BX4477" s="98"/>
      <c r="CL4477" s="97"/>
      <c r="CX4477" s="98"/>
      <c r="DL4477" s="97"/>
      <c r="DX4477" s="98"/>
      <c r="EL4477" s="97"/>
      <c r="EX4477" s="98"/>
      <c r="EY4477" s="97"/>
      <c r="FL4477" s="126"/>
      <c r="FM4477" s="91"/>
      <c r="FN4477" s="91"/>
      <c r="FO4477" s="91"/>
      <c r="FP4477" s="91"/>
      <c r="FQ4477" s="91"/>
      <c r="FR4477" s="91"/>
      <c r="FS4477" s="91"/>
      <c r="FT4477" s="91"/>
      <c r="FU4477" s="91"/>
      <c r="FV4477" s="91"/>
      <c r="FW4477" s="91"/>
      <c r="FX4477" s="127"/>
      <c r="FY4477" s="126"/>
      <c r="FZ4477" s="91"/>
      <c r="GA4477" s="91"/>
      <c r="GB4477" s="91"/>
      <c r="GC4477" s="91"/>
      <c r="GD4477" s="91"/>
      <c r="GE4477" s="91"/>
      <c r="GF4477" s="91"/>
      <c r="GG4477" s="91"/>
      <c r="GH4477" s="91"/>
      <c r="GI4477" s="91"/>
      <c r="GJ4477" s="91"/>
      <c r="GK4477" s="127"/>
      <c r="GL4477" s="126"/>
      <c r="GM4477" s="91"/>
      <c r="GN4477" s="91"/>
      <c r="GO4477" s="91"/>
      <c r="GP4477" s="91"/>
      <c r="GQ4477" s="91"/>
      <c r="GR4477" s="91"/>
      <c r="GS4477" s="91"/>
      <c r="GT4477" s="91"/>
      <c r="GU4477" s="91"/>
      <c r="GV4477" s="91"/>
      <c r="GW4477" s="91"/>
      <c r="GX4477" s="127"/>
      <c r="GY4477" s="126"/>
      <c r="GZ4477" s="91"/>
      <c r="HA4477" s="91"/>
      <c r="HB4477" s="91"/>
      <c r="HC4477" s="91"/>
      <c r="HD4477" s="91"/>
      <c r="HE4477" s="91"/>
      <c r="HF4477" s="91"/>
      <c r="HG4477" s="91"/>
      <c r="HH4477" s="91"/>
      <c r="HI4477" s="91"/>
      <c r="HJ4477" s="91"/>
      <c r="HK4477" s="127"/>
      <c r="HL4477" s="126"/>
      <c r="HM4477" s="91"/>
      <c r="HN4477" s="91"/>
      <c r="HO4477" s="91"/>
      <c r="HP4477" s="91"/>
      <c r="HQ4477" s="91"/>
      <c r="HR4477" s="91"/>
      <c r="HS4477" s="91"/>
      <c r="HT4477" s="91"/>
      <c r="HU4477" s="91"/>
      <c r="HV4477" s="91"/>
      <c r="HW4477" s="91"/>
      <c r="HX4477" s="127"/>
      <c r="HY4477" s="126"/>
      <c r="HZ4477" s="91"/>
      <c r="IA4477" s="91"/>
      <c r="IB4477" s="91"/>
      <c r="IC4477" s="91"/>
      <c r="ID4477" s="91"/>
      <c r="IE4477" s="91"/>
      <c r="IF4477" s="91"/>
      <c r="IG4477" s="91"/>
      <c r="IH4477" s="91"/>
      <c r="II4477" s="91"/>
      <c r="IJ4477" s="91"/>
      <c r="IK4477" s="174"/>
    </row>
    <row r="4478" spans="2:245" x14ac:dyDescent="0.2">
      <c r="B4478" s="43"/>
      <c r="C4478" s="73"/>
      <c r="D4478" s="64"/>
      <c r="E4478" s="64"/>
      <c r="F4478" s="55"/>
      <c r="G4478" s="102"/>
      <c r="H4478" s="97"/>
      <c r="T4478" s="98"/>
      <c r="U4478" s="97"/>
      <c r="AG4478" s="98"/>
      <c r="AY4478" s="164"/>
      <c r="BK4478" s="98"/>
      <c r="BL4478" s="97"/>
      <c r="BX4478" s="98"/>
      <c r="CL4478" s="97"/>
      <c r="CX4478" s="98"/>
      <c r="DL4478" s="97"/>
      <c r="DX4478" s="98"/>
      <c r="EL4478" s="97"/>
      <c r="EX4478" s="98"/>
      <c r="EY4478" s="97"/>
      <c r="FL4478" s="126"/>
      <c r="FM4478" s="91"/>
      <c r="FN4478" s="91"/>
      <c r="FO4478" s="91"/>
      <c r="FP4478" s="91"/>
      <c r="FQ4478" s="91"/>
      <c r="FR4478" s="91"/>
      <c r="FS4478" s="91"/>
      <c r="FT4478" s="91"/>
      <c r="FU4478" s="91"/>
      <c r="FV4478" s="91"/>
      <c r="FW4478" s="91"/>
      <c r="FX4478" s="127"/>
      <c r="FY4478" s="126"/>
      <c r="FZ4478" s="91"/>
      <c r="GA4478" s="91"/>
      <c r="GB4478" s="91"/>
      <c r="GC4478" s="91"/>
      <c r="GD4478" s="91"/>
      <c r="GE4478" s="91"/>
      <c r="GF4478" s="91"/>
      <c r="GG4478" s="91"/>
      <c r="GH4478" s="91"/>
      <c r="GI4478" s="91"/>
      <c r="GJ4478" s="91"/>
      <c r="GK4478" s="127"/>
      <c r="GL4478" s="126"/>
      <c r="GM4478" s="91"/>
      <c r="GN4478" s="91"/>
      <c r="GO4478" s="91"/>
      <c r="GP4478" s="91"/>
      <c r="GQ4478" s="91"/>
      <c r="GR4478" s="91"/>
      <c r="GS4478" s="91"/>
      <c r="GT4478" s="91"/>
      <c r="GU4478" s="91"/>
      <c r="GV4478" s="91"/>
      <c r="GW4478" s="91"/>
      <c r="GX4478" s="127"/>
      <c r="GY4478" s="126"/>
      <c r="GZ4478" s="91"/>
      <c r="HA4478" s="91"/>
      <c r="HB4478" s="91"/>
      <c r="HC4478" s="91"/>
      <c r="HD4478" s="91"/>
      <c r="HE4478" s="91"/>
      <c r="HF4478" s="91"/>
      <c r="HG4478" s="91"/>
      <c r="HH4478" s="91"/>
      <c r="HI4478" s="91"/>
      <c r="HJ4478" s="91"/>
      <c r="HK4478" s="127"/>
      <c r="HL4478" s="126"/>
      <c r="HM4478" s="91"/>
      <c r="HN4478" s="91"/>
      <c r="HO4478" s="91"/>
      <c r="HP4478" s="91"/>
      <c r="HQ4478" s="91"/>
      <c r="HR4478" s="91"/>
      <c r="HS4478" s="91"/>
      <c r="HT4478" s="91"/>
      <c r="HU4478" s="91"/>
      <c r="HV4478" s="91"/>
      <c r="HW4478" s="91"/>
      <c r="HX4478" s="127"/>
      <c r="HY4478" s="126"/>
      <c r="HZ4478" s="91"/>
      <c r="IA4478" s="91"/>
      <c r="IB4478" s="91"/>
      <c r="IC4478" s="91"/>
      <c r="ID4478" s="91"/>
      <c r="IE4478" s="91"/>
      <c r="IF4478" s="91"/>
      <c r="IG4478" s="91"/>
      <c r="IH4478" s="91"/>
      <c r="II4478" s="91"/>
      <c r="IJ4478" s="91"/>
      <c r="IK4478" s="174"/>
    </row>
    <row r="4479" spans="2:245" x14ac:dyDescent="0.2">
      <c r="B4479" s="43"/>
      <c r="C4479" s="73"/>
      <c r="D4479" s="64"/>
      <c r="E4479" s="64"/>
      <c r="F4479" s="55"/>
      <c r="G4479" s="102"/>
      <c r="H4479" s="97"/>
      <c r="T4479" s="98"/>
      <c r="U4479" s="97"/>
      <c r="AG4479" s="98"/>
      <c r="AY4479" s="164"/>
      <c r="BK4479" s="98"/>
      <c r="BL4479" s="97"/>
      <c r="BX4479" s="98"/>
      <c r="CL4479" s="97"/>
      <c r="CX4479" s="98"/>
      <c r="DL4479" s="97"/>
      <c r="DX4479" s="98"/>
      <c r="EL4479" s="97"/>
      <c r="EX4479" s="98"/>
      <c r="EY4479" s="97"/>
      <c r="FL4479" s="126"/>
      <c r="FM4479" s="91"/>
      <c r="FN4479" s="91"/>
      <c r="FO4479" s="91"/>
      <c r="FP4479" s="91"/>
      <c r="FQ4479" s="91"/>
      <c r="FR4479" s="91"/>
      <c r="FS4479" s="91"/>
      <c r="FT4479" s="91"/>
      <c r="FU4479" s="91"/>
      <c r="FV4479" s="91"/>
      <c r="FW4479" s="91"/>
      <c r="FX4479" s="127"/>
      <c r="FY4479" s="126"/>
      <c r="FZ4479" s="91"/>
      <c r="GA4479" s="91"/>
      <c r="GB4479" s="91"/>
      <c r="GC4479" s="91"/>
      <c r="GD4479" s="91"/>
      <c r="GE4479" s="91"/>
      <c r="GF4479" s="91"/>
      <c r="GG4479" s="91"/>
      <c r="GH4479" s="91"/>
      <c r="GI4479" s="91"/>
      <c r="GJ4479" s="91"/>
      <c r="GK4479" s="127"/>
      <c r="GL4479" s="126"/>
      <c r="GM4479" s="91"/>
      <c r="GN4479" s="91"/>
      <c r="GO4479" s="91"/>
      <c r="GP4479" s="91"/>
      <c r="GQ4479" s="91"/>
      <c r="GR4479" s="91"/>
      <c r="GS4479" s="91"/>
      <c r="GT4479" s="91"/>
      <c r="GU4479" s="91"/>
      <c r="GV4479" s="91"/>
      <c r="GW4479" s="91"/>
      <c r="GX4479" s="127"/>
      <c r="GY4479" s="126"/>
      <c r="GZ4479" s="91"/>
      <c r="HA4479" s="91"/>
      <c r="HB4479" s="91"/>
      <c r="HC4479" s="91"/>
      <c r="HD4479" s="91"/>
      <c r="HE4479" s="91"/>
      <c r="HF4479" s="91"/>
      <c r="HG4479" s="91"/>
      <c r="HH4479" s="91"/>
      <c r="HI4479" s="91"/>
      <c r="HJ4479" s="91"/>
      <c r="HK4479" s="127"/>
      <c r="HL4479" s="126"/>
      <c r="HM4479" s="91"/>
      <c r="HN4479" s="91"/>
      <c r="HO4479" s="91"/>
      <c r="HP4479" s="91"/>
      <c r="HQ4479" s="91"/>
      <c r="HR4479" s="91"/>
      <c r="HS4479" s="91"/>
      <c r="HT4479" s="91"/>
      <c r="HU4479" s="91"/>
      <c r="HV4479" s="91"/>
      <c r="HW4479" s="91"/>
      <c r="HX4479" s="127"/>
      <c r="HY4479" s="126"/>
      <c r="HZ4479" s="91"/>
      <c r="IA4479" s="91"/>
      <c r="IB4479" s="91"/>
      <c r="IC4479" s="91"/>
      <c r="ID4479" s="91"/>
      <c r="IE4479" s="91"/>
      <c r="IF4479" s="91"/>
      <c r="IG4479" s="91"/>
      <c r="IH4479" s="91"/>
      <c r="II4479" s="91"/>
      <c r="IJ4479" s="91"/>
      <c r="IK4479" s="174"/>
    </row>
    <row r="4480" spans="2:245" x14ac:dyDescent="0.2">
      <c r="B4480" s="43"/>
      <c r="C4480" s="73"/>
      <c r="D4480" s="64"/>
      <c r="E4480" s="64"/>
      <c r="F4480" s="55"/>
      <c r="G4480" s="102"/>
      <c r="H4480" s="97"/>
      <c r="T4480" s="98"/>
      <c r="U4480" s="97"/>
      <c r="AG4480" s="98"/>
      <c r="AY4480" s="164"/>
      <c r="BK4480" s="98"/>
      <c r="BL4480" s="97"/>
      <c r="BX4480" s="98"/>
      <c r="CL4480" s="97"/>
      <c r="CX4480" s="98"/>
      <c r="DL4480" s="97"/>
      <c r="DX4480" s="98"/>
      <c r="EL4480" s="97"/>
      <c r="EX4480" s="98"/>
      <c r="EY4480" s="97"/>
      <c r="FL4480" s="126"/>
      <c r="FM4480" s="91"/>
      <c r="FN4480" s="91"/>
      <c r="FO4480" s="91"/>
      <c r="FP4480" s="91"/>
      <c r="FQ4480" s="91"/>
      <c r="FR4480" s="91"/>
      <c r="FS4480" s="91"/>
      <c r="FT4480" s="91"/>
      <c r="FU4480" s="91"/>
      <c r="FV4480" s="91"/>
      <c r="FW4480" s="91"/>
      <c r="FX4480" s="127"/>
      <c r="FY4480" s="126"/>
      <c r="FZ4480" s="91"/>
      <c r="GA4480" s="91"/>
      <c r="GB4480" s="91"/>
      <c r="GC4480" s="91"/>
      <c r="GD4480" s="91"/>
      <c r="GE4480" s="91"/>
      <c r="GF4480" s="91"/>
      <c r="GG4480" s="91"/>
      <c r="GH4480" s="91"/>
      <c r="GI4480" s="91"/>
      <c r="GJ4480" s="91"/>
      <c r="GK4480" s="127"/>
      <c r="GL4480" s="126"/>
      <c r="GM4480" s="91"/>
      <c r="GN4480" s="91"/>
      <c r="GO4480" s="91"/>
      <c r="GP4480" s="91"/>
      <c r="GQ4480" s="91"/>
      <c r="GR4480" s="91"/>
      <c r="GS4480" s="91"/>
      <c r="GT4480" s="91"/>
      <c r="GU4480" s="91"/>
      <c r="GV4480" s="91"/>
      <c r="GW4480" s="91"/>
      <c r="GX4480" s="127"/>
      <c r="GY4480" s="126"/>
      <c r="GZ4480" s="91"/>
      <c r="HA4480" s="91"/>
      <c r="HB4480" s="91"/>
      <c r="HC4480" s="91"/>
      <c r="HD4480" s="91"/>
      <c r="HE4480" s="91"/>
      <c r="HF4480" s="91"/>
      <c r="HG4480" s="91"/>
      <c r="HH4480" s="91"/>
      <c r="HI4480" s="91"/>
      <c r="HJ4480" s="91"/>
      <c r="HK4480" s="127"/>
      <c r="HL4480" s="126"/>
      <c r="HM4480" s="91"/>
      <c r="HN4480" s="91"/>
      <c r="HO4480" s="91"/>
      <c r="HP4480" s="91"/>
      <c r="HQ4480" s="91"/>
      <c r="HR4480" s="91"/>
      <c r="HS4480" s="91"/>
      <c r="HT4480" s="91"/>
      <c r="HU4480" s="91"/>
      <c r="HV4480" s="91"/>
      <c r="HW4480" s="91"/>
      <c r="HX4480" s="127"/>
      <c r="HY4480" s="126"/>
      <c r="HZ4480" s="91"/>
      <c r="IA4480" s="91"/>
      <c r="IB4480" s="91"/>
      <c r="IC4480" s="91"/>
      <c r="ID4480" s="91"/>
      <c r="IE4480" s="91"/>
      <c r="IF4480" s="91"/>
      <c r="IG4480" s="91"/>
      <c r="IH4480" s="91"/>
      <c r="II4480" s="91"/>
      <c r="IJ4480" s="91"/>
      <c r="IK4480" s="174"/>
    </row>
    <row r="4481" spans="2:245" x14ac:dyDescent="0.2">
      <c r="B4481" s="43"/>
      <c r="C4481" s="73"/>
      <c r="D4481" s="64"/>
      <c r="E4481" s="64"/>
      <c r="F4481" s="55"/>
      <c r="G4481" s="102"/>
      <c r="H4481" s="97"/>
      <c r="T4481" s="98"/>
      <c r="U4481" s="97"/>
      <c r="AG4481" s="98"/>
      <c r="AY4481" s="164"/>
      <c r="BK4481" s="98"/>
      <c r="BL4481" s="97"/>
      <c r="BX4481" s="98"/>
      <c r="CL4481" s="97"/>
      <c r="CX4481" s="98"/>
      <c r="DL4481" s="97"/>
      <c r="DX4481" s="98"/>
      <c r="EL4481" s="97"/>
      <c r="EX4481" s="98"/>
      <c r="EY4481" s="97"/>
      <c r="FL4481" s="126"/>
      <c r="FM4481" s="91"/>
      <c r="FN4481" s="91"/>
      <c r="FO4481" s="91"/>
      <c r="FP4481" s="91"/>
      <c r="FQ4481" s="91"/>
      <c r="FR4481" s="91"/>
      <c r="FS4481" s="91"/>
      <c r="FT4481" s="91"/>
      <c r="FU4481" s="91"/>
      <c r="FV4481" s="91"/>
      <c r="FW4481" s="91"/>
      <c r="FX4481" s="127"/>
      <c r="FY4481" s="126"/>
      <c r="FZ4481" s="91"/>
      <c r="GA4481" s="91"/>
      <c r="GB4481" s="91"/>
      <c r="GC4481" s="91"/>
      <c r="GD4481" s="91"/>
      <c r="GE4481" s="91"/>
      <c r="GF4481" s="91"/>
      <c r="GG4481" s="91"/>
      <c r="GH4481" s="91"/>
      <c r="GI4481" s="91"/>
      <c r="GJ4481" s="91"/>
      <c r="GK4481" s="127"/>
      <c r="GL4481" s="126"/>
      <c r="GM4481" s="91"/>
      <c r="GN4481" s="91"/>
      <c r="GO4481" s="91"/>
      <c r="GP4481" s="91"/>
      <c r="GQ4481" s="91"/>
      <c r="GR4481" s="91"/>
      <c r="GS4481" s="91"/>
      <c r="GT4481" s="91"/>
      <c r="GU4481" s="91"/>
      <c r="GV4481" s="91"/>
      <c r="GW4481" s="91"/>
      <c r="GX4481" s="127"/>
      <c r="GY4481" s="126"/>
      <c r="GZ4481" s="91"/>
      <c r="HA4481" s="91"/>
      <c r="HB4481" s="91"/>
      <c r="HC4481" s="91"/>
      <c r="HD4481" s="91"/>
      <c r="HE4481" s="91"/>
      <c r="HF4481" s="91"/>
      <c r="HG4481" s="91"/>
      <c r="HH4481" s="91"/>
      <c r="HI4481" s="91"/>
      <c r="HJ4481" s="91"/>
      <c r="HK4481" s="127"/>
      <c r="HL4481" s="126"/>
      <c r="HM4481" s="91"/>
      <c r="HN4481" s="91"/>
      <c r="HO4481" s="91"/>
      <c r="HP4481" s="91"/>
      <c r="HQ4481" s="91"/>
      <c r="HR4481" s="91"/>
      <c r="HS4481" s="91"/>
      <c r="HT4481" s="91"/>
      <c r="HU4481" s="91"/>
      <c r="HV4481" s="91"/>
      <c r="HW4481" s="91"/>
      <c r="HX4481" s="127"/>
      <c r="HY4481" s="126"/>
      <c r="HZ4481" s="91"/>
      <c r="IA4481" s="91"/>
      <c r="IB4481" s="91"/>
      <c r="IC4481" s="91"/>
      <c r="ID4481" s="91"/>
      <c r="IE4481" s="91"/>
      <c r="IF4481" s="91"/>
      <c r="IG4481" s="91"/>
      <c r="IH4481" s="91"/>
      <c r="II4481" s="91"/>
      <c r="IJ4481" s="91"/>
      <c r="IK4481" s="174"/>
    </row>
    <row r="4482" spans="2:245" x14ac:dyDescent="0.2">
      <c r="B4482" s="43"/>
      <c r="C4482" s="73"/>
      <c r="D4482" s="64"/>
      <c r="E4482" s="64"/>
      <c r="F4482" s="55"/>
      <c r="G4482" s="102"/>
      <c r="H4482" s="97"/>
      <c r="T4482" s="98"/>
      <c r="U4482" s="97"/>
      <c r="AG4482" s="98"/>
      <c r="AY4482" s="164"/>
      <c r="BK4482" s="98"/>
      <c r="BL4482" s="97"/>
      <c r="BX4482" s="98"/>
      <c r="CL4482" s="97"/>
      <c r="CX4482" s="98"/>
      <c r="DL4482" s="97"/>
      <c r="DX4482" s="98"/>
      <c r="EL4482" s="97"/>
      <c r="EX4482" s="98"/>
      <c r="EY4482" s="97"/>
      <c r="FL4482" s="126"/>
      <c r="FM4482" s="91"/>
      <c r="FN4482" s="91"/>
      <c r="FO4482" s="91"/>
      <c r="FP4482" s="91"/>
      <c r="FQ4482" s="91"/>
      <c r="FR4482" s="91"/>
      <c r="FS4482" s="91"/>
      <c r="FT4482" s="91"/>
      <c r="FU4482" s="91"/>
      <c r="FV4482" s="91"/>
      <c r="FW4482" s="91"/>
      <c r="FX4482" s="127"/>
      <c r="FY4482" s="126"/>
      <c r="FZ4482" s="91"/>
      <c r="GA4482" s="91"/>
      <c r="GB4482" s="91"/>
      <c r="GC4482" s="91"/>
      <c r="GD4482" s="91"/>
      <c r="GE4482" s="91"/>
      <c r="GF4482" s="91"/>
      <c r="GG4482" s="91"/>
      <c r="GH4482" s="91"/>
      <c r="GI4482" s="91"/>
      <c r="GJ4482" s="91"/>
      <c r="GK4482" s="127"/>
      <c r="GL4482" s="126"/>
      <c r="GM4482" s="91"/>
      <c r="GN4482" s="91"/>
      <c r="GO4482" s="91"/>
      <c r="GP4482" s="91"/>
      <c r="GQ4482" s="91"/>
      <c r="GR4482" s="91"/>
      <c r="GS4482" s="91"/>
      <c r="GT4482" s="91"/>
      <c r="GU4482" s="91"/>
      <c r="GV4482" s="91"/>
      <c r="GW4482" s="91"/>
      <c r="GX4482" s="127"/>
      <c r="GY4482" s="126"/>
      <c r="GZ4482" s="91"/>
      <c r="HA4482" s="91"/>
      <c r="HB4482" s="91"/>
      <c r="HC4482" s="91"/>
      <c r="HD4482" s="91"/>
      <c r="HE4482" s="91"/>
      <c r="HF4482" s="91"/>
      <c r="HG4482" s="91"/>
      <c r="HH4482" s="91"/>
      <c r="HI4482" s="91"/>
      <c r="HJ4482" s="91"/>
      <c r="HK4482" s="127"/>
      <c r="HL4482" s="126"/>
      <c r="HM4482" s="91"/>
      <c r="HN4482" s="91"/>
      <c r="HO4482" s="91"/>
      <c r="HP4482" s="91"/>
      <c r="HQ4482" s="91"/>
      <c r="HR4482" s="91"/>
      <c r="HS4482" s="91"/>
      <c r="HT4482" s="91"/>
      <c r="HU4482" s="91"/>
      <c r="HV4482" s="91"/>
      <c r="HW4482" s="91"/>
      <c r="HX4482" s="127"/>
      <c r="HY4482" s="126"/>
      <c r="HZ4482" s="91"/>
      <c r="IA4482" s="91"/>
      <c r="IB4482" s="91"/>
      <c r="IC4482" s="91"/>
      <c r="ID4482" s="91"/>
      <c r="IE4482" s="91"/>
      <c r="IF4482" s="91"/>
      <c r="IG4482" s="91"/>
      <c r="IH4482" s="91"/>
      <c r="II4482" s="91"/>
      <c r="IJ4482" s="91"/>
      <c r="IK4482" s="174"/>
    </row>
    <row r="4483" spans="2:245" x14ac:dyDescent="0.2">
      <c r="B4483" s="43"/>
      <c r="C4483" s="73"/>
      <c r="D4483" s="64"/>
      <c r="E4483" s="64"/>
      <c r="F4483" s="55"/>
      <c r="G4483" s="102"/>
      <c r="H4483" s="97"/>
      <c r="T4483" s="98"/>
      <c r="U4483" s="97"/>
      <c r="AG4483" s="98"/>
      <c r="AY4483" s="164"/>
      <c r="BK4483" s="98"/>
      <c r="BL4483" s="97"/>
      <c r="BX4483" s="98"/>
      <c r="CL4483" s="97"/>
      <c r="CX4483" s="98"/>
      <c r="DL4483" s="97"/>
      <c r="DX4483" s="98"/>
      <c r="EL4483" s="97"/>
      <c r="EX4483" s="98"/>
      <c r="EY4483" s="97"/>
      <c r="FL4483" s="126"/>
      <c r="FM4483" s="91"/>
      <c r="FN4483" s="91"/>
      <c r="FO4483" s="91"/>
      <c r="FP4483" s="91"/>
      <c r="FQ4483" s="91"/>
      <c r="FR4483" s="91"/>
      <c r="FS4483" s="91"/>
      <c r="FT4483" s="91"/>
      <c r="FU4483" s="91"/>
      <c r="FV4483" s="91"/>
      <c r="FW4483" s="91"/>
      <c r="FX4483" s="127"/>
      <c r="FY4483" s="126"/>
      <c r="FZ4483" s="91"/>
      <c r="GA4483" s="91"/>
      <c r="GB4483" s="91"/>
      <c r="GC4483" s="91"/>
      <c r="GD4483" s="91"/>
      <c r="GE4483" s="91"/>
      <c r="GF4483" s="91"/>
      <c r="GG4483" s="91"/>
      <c r="GH4483" s="91"/>
      <c r="GI4483" s="91"/>
      <c r="GJ4483" s="91"/>
      <c r="GK4483" s="127"/>
      <c r="GL4483" s="126"/>
      <c r="GM4483" s="91"/>
      <c r="GN4483" s="91"/>
      <c r="GO4483" s="91"/>
      <c r="GP4483" s="91"/>
      <c r="GQ4483" s="91"/>
      <c r="GR4483" s="91"/>
      <c r="GS4483" s="91"/>
      <c r="GT4483" s="91"/>
      <c r="GU4483" s="91"/>
      <c r="GV4483" s="91"/>
      <c r="GW4483" s="91"/>
      <c r="GX4483" s="127"/>
      <c r="GY4483" s="126"/>
      <c r="GZ4483" s="91"/>
      <c r="HA4483" s="91"/>
      <c r="HB4483" s="91"/>
      <c r="HC4483" s="91"/>
      <c r="HD4483" s="91"/>
      <c r="HE4483" s="91"/>
      <c r="HF4483" s="91"/>
      <c r="HG4483" s="91"/>
      <c r="HH4483" s="91"/>
      <c r="HI4483" s="91"/>
      <c r="HJ4483" s="91"/>
      <c r="HK4483" s="127"/>
      <c r="HL4483" s="126"/>
      <c r="HM4483" s="91"/>
      <c r="HN4483" s="91"/>
      <c r="HO4483" s="91"/>
      <c r="HP4483" s="91"/>
      <c r="HQ4483" s="91"/>
      <c r="HR4483" s="91"/>
      <c r="HS4483" s="91"/>
      <c r="HT4483" s="91"/>
      <c r="HU4483" s="91"/>
      <c r="HV4483" s="91"/>
      <c r="HW4483" s="91"/>
      <c r="HX4483" s="127"/>
      <c r="HY4483" s="126"/>
      <c r="HZ4483" s="91"/>
      <c r="IA4483" s="91"/>
      <c r="IB4483" s="91"/>
      <c r="IC4483" s="91"/>
      <c r="ID4483" s="91"/>
      <c r="IE4483" s="91"/>
      <c r="IF4483" s="91"/>
      <c r="IG4483" s="91"/>
      <c r="IH4483" s="91"/>
      <c r="II4483" s="91"/>
      <c r="IJ4483" s="91"/>
      <c r="IK4483" s="174"/>
    </row>
    <row r="4484" spans="2:245" x14ac:dyDescent="0.2">
      <c r="B4484" s="43"/>
      <c r="C4484" s="73"/>
      <c r="D4484" s="64"/>
      <c r="E4484" s="64"/>
      <c r="F4484" s="55"/>
      <c r="G4484" s="102"/>
      <c r="H4484" s="97"/>
      <c r="T4484" s="98"/>
      <c r="U4484" s="97"/>
      <c r="AG4484" s="98"/>
      <c r="AY4484" s="164"/>
      <c r="BK4484" s="98"/>
      <c r="BL4484" s="97"/>
      <c r="BX4484" s="98"/>
      <c r="CL4484" s="97"/>
      <c r="CX4484" s="98"/>
      <c r="DL4484" s="97"/>
      <c r="DX4484" s="98"/>
      <c r="EL4484" s="97"/>
      <c r="EX4484" s="98"/>
      <c r="EY4484" s="97"/>
      <c r="FL4484" s="126"/>
      <c r="FM4484" s="91"/>
      <c r="FN4484" s="91"/>
      <c r="FO4484" s="91"/>
      <c r="FP4484" s="91"/>
      <c r="FQ4484" s="91"/>
      <c r="FR4484" s="91"/>
      <c r="FS4484" s="91"/>
      <c r="FT4484" s="91"/>
      <c r="FU4484" s="91"/>
      <c r="FV4484" s="91"/>
      <c r="FW4484" s="91"/>
      <c r="FX4484" s="127"/>
      <c r="FY4484" s="126"/>
      <c r="FZ4484" s="91"/>
      <c r="GA4484" s="91"/>
      <c r="GB4484" s="91"/>
      <c r="GC4484" s="91"/>
      <c r="GD4484" s="91"/>
      <c r="GE4484" s="91"/>
      <c r="GF4484" s="91"/>
      <c r="GG4484" s="91"/>
      <c r="GH4484" s="91"/>
      <c r="GI4484" s="91"/>
      <c r="GJ4484" s="91"/>
      <c r="GK4484" s="127"/>
      <c r="GL4484" s="126"/>
      <c r="GM4484" s="91"/>
      <c r="GN4484" s="91"/>
      <c r="GO4484" s="91"/>
      <c r="GP4484" s="91"/>
      <c r="GQ4484" s="91"/>
      <c r="GR4484" s="91"/>
      <c r="GS4484" s="91"/>
      <c r="GT4484" s="91"/>
      <c r="GU4484" s="91"/>
      <c r="GV4484" s="91"/>
      <c r="GW4484" s="91"/>
      <c r="GX4484" s="127"/>
      <c r="GY4484" s="126"/>
      <c r="GZ4484" s="91"/>
      <c r="HA4484" s="91"/>
      <c r="HB4484" s="91"/>
      <c r="HC4484" s="91"/>
      <c r="HD4484" s="91"/>
      <c r="HE4484" s="91"/>
      <c r="HF4484" s="91"/>
      <c r="HG4484" s="91"/>
      <c r="HH4484" s="91"/>
      <c r="HI4484" s="91"/>
      <c r="HJ4484" s="91"/>
      <c r="HK4484" s="127"/>
      <c r="HL4484" s="126"/>
      <c r="HM4484" s="91"/>
      <c r="HN4484" s="91"/>
      <c r="HO4484" s="91"/>
      <c r="HP4484" s="91"/>
      <c r="HQ4484" s="91"/>
      <c r="HR4484" s="91"/>
      <c r="HS4484" s="91"/>
      <c r="HT4484" s="91"/>
      <c r="HU4484" s="91"/>
      <c r="HV4484" s="91"/>
      <c r="HW4484" s="91"/>
      <c r="HX4484" s="127"/>
      <c r="HY4484" s="126"/>
      <c r="HZ4484" s="91"/>
      <c r="IA4484" s="91"/>
      <c r="IB4484" s="91"/>
      <c r="IC4484" s="91"/>
      <c r="ID4484" s="91"/>
      <c r="IE4484" s="91"/>
      <c r="IF4484" s="91"/>
      <c r="IG4484" s="91"/>
      <c r="IH4484" s="91"/>
      <c r="II4484" s="91"/>
      <c r="IJ4484" s="91"/>
      <c r="IK4484" s="174"/>
    </row>
    <row r="4485" spans="2:245" x14ac:dyDescent="0.2">
      <c r="B4485" s="43"/>
      <c r="C4485" s="73"/>
      <c r="D4485" s="64"/>
      <c r="E4485" s="64"/>
      <c r="F4485" s="55"/>
      <c r="G4485" s="102"/>
      <c r="H4485" s="97"/>
      <c r="T4485" s="98"/>
      <c r="U4485" s="97"/>
      <c r="AG4485" s="98"/>
      <c r="AY4485" s="164"/>
      <c r="BK4485" s="98"/>
      <c r="BL4485" s="97"/>
      <c r="BX4485" s="98"/>
      <c r="CL4485" s="97"/>
      <c r="CX4485" s="98"/>
      <c r="DL4485" s="97"/>
      <c r="DX4485" s="98"/>
      <c r="EL4485" s="97"/>
      <c r="EX4485" s="98"/>
      <c r="EY4485" s="97"/>
      <c r="FL4485" s="126"/>
      <c r="FM4485" s="91"/>
      <c r="FN4485" s="91"/>
      <c r="FO4485" s="91"/>
      <c r="FP4485" s="91"/>
      <c r="FQ4485" s="91"/>
      <c r="FR4485" s="91"/>
      <c r="FS4485" s="91"/>
      <c r="FT4485" s="91"/>
      <c r="FU4485" s="91"/>
      <c r="FV4485" s="91"/>
      <c r="FW4485" s="91"/>
      <c r="FX4485" s="127"/>
      <c r="FY4485" s="126"/>
      <c r="FZ4485" s="91"/>
      <c r="GA4485" s="91"/>
      <c r="GB4485" s="91"/>
      <c r="GC4485" s="91"/>
      <c r="GD4485" s="91"/>
      <c r="GE4485" s="91"/>
      <c r="GF4485" s="91"/>
      <c r="GG4485" s="91"/>
      <c r="GH4485" s="91"/>
      <c r="GI4485" s="91"/>
      <c r="GJ4485" s="91"/>
      <c r="GK4485" s="127"/>
      <c r="GL4485" s="126"/>
      <c r="GM4485" s="91"/>
      <c r="GN4485" s="91"/>
      <c r="GO4485" s="91"/>
      <c r="GP4485" s="91"/>
      <c r="GQ4485" s="91"/>
      <c r="GR4485" s="91"/>
      <c r="GS4485" s="91"/>
      <c r="GT4485" s="91"/>
      <c r="GU4485" s="91"/>
      <c r="GV4485" s="91"/>
      <c r="GW4485" s="91"/>
      <c r="GX4485" s="127"/>
      <c r="GY4485" s="126"/>
      <c r="GZ4485" s="91"/>
      <c r="HA4485" s="91"/>
      <c r="HB4485" s="91"/>
      <c r="HC4485" s="91"/>
      <c r="HD4485" s="91"/>
      <c r="HE4485" s="91"/>
      <c r="HF4485" s="91"/>
      <c r="HG4485" s="91"/>
      <c r="HH4485" s="91"/>
      <c r="HI4485" s="91"/>
      <c r="HJ4485" s="91"/>
      <c r="HK4485" s="127"/>
      <c r="HL4485" s="126"/>
      <c r="HM4485" s="91"/>
      <c r="HN4485" s="91"/>
      <c r="HO4485" s="91"/>
      <c r="HP4485" s="91"/>
      <c r="HQ4485" s="91"/>
      <c r="HR4485" s="91"/>
      <c r="HS4485" s="91"/>
      <c r="HT4485" s="91"/>
      <c r="HU4485" s="91"/>
      <c r="HV4485" s="91"/>
      <c r="HW4485" s="91"/>
      <c r="HX4485" s="127"/>
      <c r="HY4485" s="126"/>
      <c r="HZ4485" s="91"/>
      <c r="IA4485" s="91"/>
      <c r="IB4485" s="91"/>
      <c r="IC4485" s="91"/>
      <c r="ID4485" s="91"/>
      <c r="IE4485" s="91"/>
      <c r="IF4485" s="91"/>
      <c r="IG4485" s="91"/>
      <c r="IH4485" s="91"/>
      <c r="II4485" s="91"/>
      <c r="IJ4485" s="91"/>
      <c r="IK4485" s="174"/>
    </row>
    <row r="4486" spans="2:245" x14ac:dyDescent="0.2">
      <c r="B4486" s="43"/>
      <c r="C4486" s="73"/>
      <c r="D4486" s="64"/>
      <c r="E4486" s="64"/>
      <c r="F4486" s="55"/>
      <c r="G4486" s="102"/>
      <c r="H4486" s="97"/>
      <c r="T4486" s="98"/>
      <c r="U4486" s="97"/>
      <c r="AG4486" s="98"/>
      <c r="AY4486" s="164"/>
      <c r="BK4486" s="98"/>
      <c r="BL4486" s="97"/>
      <c r="BX4486" s="98"/>
      <c r="CL4486" s="97"/>
      <c r="CX4486" s="98"/>
      <c r="DL4486" s="97"/>
      <c r="DX4486" s="98"/>
      <c r="EL4486" s="97"/>
      <c r="EX4486" s="98"/>
      <c r="EY4486" s="97"/>
      <c r="FL4486" s="126"/>
      <c r="FM4486" s="91"/>
      <c r="FN4486" s="91"/>
      <c r="FO4486" s="91"/>
      <c r="FP4486" s="91"/>
      <c r="FQ4486" s="91"/>
      <c r="FR4486" s="91"/>
      <c r="FS4486" s="91"/>
      <c r="FT4486" s="91"/>
      <c r="FU4486" s="91"/>
      <c r="FV4486" s="91"/>
      <c r="FW4486" s="91"/>
      <c r="FX4486" s="127"/>
      <c r="FY4486" s="126"/>
      <c r="FZ4486" s="91"/>
      <c r="GA4486" s="91"/>
      <c r="GB4486" s="91"/>
      <c r="GC4486" s="91"/>
      <c r="GD4486" s="91"/>
      <c r="GE4486" s="91"/>
      <c r="GF4486" s="91"/>
      <c r="GG4486" s="91"/>
      <c r="GH4486" s="91"/>
      <c r="GI4486" s="91"/>
      <c r="GJ4486" s="91"/>
      <c r="GK4486" s="127"/>
      <c r="GL4486" s="126"/>
      <c r="GM4486" s="91"/>
      <c r="GN4486" s="91"/>
      <c r="GO4486" s="91"/>
      <c r="GP4486" s="91"/>
      <c r="GQ4486" s="91"/>
      <c r="GR4486" s="91"/>
      <c r="GS4486" s="91"/>
      <c r="GT4486" s="91"/>
      <c r="GU4486" s="91"/>
      <c r="GV4486" s="91"/>
      <c r="GW4486" s="91"/>
      <c r="GX4486" s="127"/>
      <c r="GY4486" s="126"/>
      <c r="GZ4486" s="91"/>
      <c r="HA4486" s="91"/>
      <c r="HB4486" s="91"/>
      <c r="HC4486" s="91"/>
      <c r="HD4486" s="91"/>
      <c r="HE4486" s="91"/>
      <c r="HF4486" s="91"/>
      <c r="HG4486" s="91"/>
      <c r="HH4486" s="91"/>
      <c r="HI4486" s="91"/>
      <c r="HJ4486" s="91"/>
      <c r="HK4486" s="127"/>
      <c r="HL4486" s="126"/>
      <c r="HM4486" s="91"/>
      <c r="HN4486" s="91"/>
      <c r="HO4486" s="91"/>
      <c r="HP4486" s="91"/>
      <c r="HQ4486" s="91"/>
      <c r="HR4486" s="91"/>
      <c r="HS4486" s="91"/>
      <c r="HT4486" s="91"/>
      <c r="HU4486" s="91"/>
      <c r="HV4486" s="91"/>
      <c r="HW4486" s="91"/>
      <c r="HX4486" s="127"/>
      <c r="HY4486" s="126"/>
      <c r="HZ4486" s="91"/>
      <c r="IA4486" s="91"/>
      <c r="IB4486" s="91"/>
      <c r="IC4486" s="91"/>
      <c r="ID4486" s="91"/>
      <c r="IE4486" s="91"/>
      <c r="IF4486" s="91"/>
      <c r="IG4486" s="91"/>
      <c r="IH4486" s="91"/>
      <c r="II4486" s="91"/>
      <c r="IJ4486" s="91"/>
      <c r="IK4486" s="174"/>
    </row>
    <row r="4487" spans="2:245" x14ac:dyDescent="0.2">
      <c r="B4487" s="43"/>
      <c r="C4487" s="73"/>
      <c r="D4487" s="64"/>
      <c r="E4487" s="64"/>
      <c r="F4487" s="55"/>
      <c r="G4487" s="102"/>
      <c r="H4487" s="97"/>
      <c r="T4487" s="98"/>
      <c r="U4487" s="97"/>
      <c r="AG4487" s="98"/>
      <c r="AY4487" s="164"/>
      <c r="BK4487" s="98"/>
      <c r="BL4487" s="97"/>
      <c r="BX4487" s="98"/>
      <c r="CL4487" s="97"/>
      <c r="CX4487" s="98"/>
      <c r="DL4487" s="97"/>
      <c r="DX4487" s="98"/>
      <c r="EL4487" s="97"/>
      <c r="EX4487" s="98"/>
      <c r="EY4487" s="97"/>
      <c r="FL4487" s="126"/>
      <c r="FM4487" s="91"/>
      <c r="FN4487" s="91"/>
      <c r="FO4487" s="91"/>
      <c r="FP4487" s="91"/>
      <c r="FQ4487" s="91"/>
      <c r="FR4487" s="91"/>
      <c r="FS4487" s="91"/>
      <c r="FT4487" s="91"/>
      <c r="FU4487" s="91"/>
      <c r="FV4487" s="91"/>
      <c r="FW4487" s="91"/>
      <c r="FX4487" s="127"/>
      <c r="FY4487" s="126"/>
      <c r="FZ4487" s="91"/>
      <c r="GA4487" s="91"/>
      <c r="GB4487" s="91"/>
      <c r="GC4487" s="91"/>
      <c r="GD4487" s="91"/>
      <c r="GE4487" s="91"/>
      <c r="GF4487" s="91"/>
      <c r="GG4487" s="91"/>
      <c r="GH4487" s="91"/>
      <c r="GI4487" s="91"/>
      <c r="GJ4487" s="91"/>
      <c r="GK4487" s="127"/>
      <c r="GL4487" s="126"/>
      <c r="GM4487" s="91"/>
      <c r="GN4487" s="91"/>
      <c r="GO4487" s="91"/>
      <c r="GP4487" s="91"/>
      <c r="GQ4487" s="91"/>
      <c r="GR4487" s="91"/>
      <c r="GS4487" s="91"/>
      <c r="GT4487" s="91"/>
      <c r="GU4487" s="91"/>
      <c r="GV4487" s="91"/>
      <c r="GW4487" s="91"/>
      <c r="GX4487" s="127"/>
      <c r="GY4487" s="126"/>
      <c r="GZ4487" s="91"/>
      <c r="HA4487" s="91"/>
      <c r="HB4487" s="91"/>
      <c r="HC4487" s="91"/>
      <c r="HD4487" s="91"/>
      <c r="HE4487" s="91"/>
      <c r="HF4487" s="91"/>
      <c r="HG4487" s="91"/>
      <c r="HH4487" s="91"/>
      <c r="HI4487" s="91"/>
      <c r="HJ4487" s="91"/>
      <c r="HK4487" s="127"/>
      <c r="HL4487" s="126"/>
      <c r="HM4487" s="91"/>
      <c r="HN4487" s="91"/>
      <c r="HO4487" s="91"/>
      <c r="HP4487" s="91"/>
      <c r="HQ4487" s="91"/>
      <c r="HR4487" s="91"/>
      <c r="HS4487" s="91"/>
      <c r="HT4487" s="91"/>
      <c r="HU4487" s="91"/>
      <c r="HV4487" s="91"/>
      <c r="HW4487" s="91"/>
      <c r="HX4487" s="127"/>
      <c r="HY4487" s="126"/>
      <c r="HZ4487" s="91"/>
      <c r="IA4487" s="91"/>
      <c r="IB4487" s="91"/>
      <c r="IC4487" s="91"/>
      <c r="ID4487" s="91"/>
      <c r="IE4487" s="91"/>
      <c r="IF4487" s="91"/>
      <c r="IG4487" s="91"/>
      <c r="IH4487" s="91"/>
      <c r="II4487" s="91"/>
      <c r="IJ4487" s="91"/>
      <c r="IK4487" s="174"/>
    </row>
    <row r="4488" spans="2:245" x14ac:dyDescent="0.2">
      <c r="B4488" s="43"/>
      <c r="C4488" s="73"/>
      <c r="D4488" s="64"/>
      <c r="E4488" s="64"/>
      <c r="F4488" s="55"/>
      <c r="G4488" s="102"/>
      <c r="H4488" s="97"/>
      <c r="T4488" s="98"/>
      <c r="U4488" s="97"/>
      <c r="AG4488" s="98"/>
      <c r="AY4488" s="164"/>
      <c r="BK4488" s="98"/>
      <c r="BL4488" s="97"/>
      <c r="BX4488" s="98"/>
      <c r="CL4488" s="97"/>
      <c r="CX4488" s="98"/>
      <c r="DL4488" s="97"/>
      <c r="DX4488" s="98"/>
      <c r="EL4488" s="97"/>
      <c r="EX4488" s="98"/>
      <c r="EY4488" s="97"/>
      <c r="FL4488" s="126"/>
      <c r="FM4488" s="91"/>
      <c r="FN4488" s="91"/>
      <c r="FO4488" s="91"/>
      <c r="FP4488" s="91"/>
      <c r="FQ4488" s="91"/>
      <c r="FR4488" s="91"/>
      <c r="FS4488" s="91"/>
      <c r="FT4488" s="91"/>
      <c r="FU4488" s="91"/>
      <c r="FV4488" s="91"/>
      <c r="FW4488" s="91"/>
      <c r="FX4488" s="127"/>
      <c r="FY4488" s="126"/>
      <c r="FZ4488" s="91"/>
      <c r="GA4488" s="91"/>
      <c r="GB4488" s="91"/>
      <c r="GC4488" s="91"/>
      <c r="GD4488" s="91"/>
      <c r="GE4488" s="91"/>
      <c r="GF4488" s="91"/>
      <c r="GG4488" s="91"/>
      <c r="GH4488" s="91"/>
      <c r="GI4488" s="91"/>
      <c r="GJ4488" s="91"/>
      <c r="GK4488" s="127"/>
      <c r="GL4488" s="126"/>
      <c r="GM4488" s="91"/>
      <c r="GN4488" s="91"/>
      <c r="GO4488" s="91"/>
      <c r="GP4488" s="91"/>
      <c r="GQ4488" s="91"/>
      <c r="GR4488" s="91"/>
      <c r="GS4488" s="91"/>
      <c r="GT4488" s="91"/>
      <c r="GU4488" s="91"/>
      <c r="GV4488" s="91"/>
      <c r="GW4488" s="91"/>
      <c r="GX4488" s="127"/>
      <c r="GY4488" s="126"/>
      <c r="GZ4488" s="91"/>
      <c r="HA4488" s="91"/>
      <c r="HB4488" s="91"/>
      <c r="HC4488" s="91"/>
      <c r="HD4488" s="91"/>
      <c r="HE4488" s="91"/>
      <c r="HF4488" s="91"/>
      <c r="HG4488" s="91"/>
      <c r="HH4488" s="91"/>
      <c r="HI4488" s="91"/>
      <c r="HJ4488" s="91"/>
      <c r="HK4488" s="127"/>
      <c r="HL4488" s="126"/>
      <c r="HM4488" s="91"/>
      <c r="HN4488" s="91"/>
      <c r="HO4488" s="91"/>
      <c r="HP4488" s="91"/>
      <c r="HQ4488" s="91"/>
      <c r="HR4488" s="91"/>
      <c r="HS4488" s="91"/>
      <c r="HT4488" s="91"/>
      <c r="HU4488" s="91"/>
      <c r="HV4488" s="91"/>
      <c r="HW4488" s="91"/>
      <c r="HX4488" s="127"/>
      <c r="HY4488" s="126"/>
      <c r="HZ4488" s="91"/>
      <c r="IA4488" s="91"/>
      <c r="IB4488" s="91"/>
      <c r="IC4488" s="91"/>
      <c r="ID4488" s="91"/>
      <c r="IE4488" s="91"/>
      <c r="IF4488" s="91"/>
      <c r="IG4488" s="91"/>
      <c r="IH4488" s="91"/>
      <c r="II4488" s="91"/>
      <c r="IJ4488" s="91"/>
      <c r="IK4488" s="174"/>
    </row>
    <row r="4489" spans="2:245" x14ac:dyDescent="0.2">
      <c r="B4489" s="43"/>
      <c r="C4489" s="73"/>
      <c r="D4489" s="64"/>
      <c r="E4489" s="64"/>
      <c r="F4489" s="55"/>
      <c r="G4489" s="102"/>
      <c r="H4489" s="97"/>
      <c r="T4489" s="98"/>
      <c r="U4489" s="97"/>
      <c r="AG4489" s="98"/>
      <c r="AY4489" s="164"/>
      <c r="BK4489" s="98"/>
      <c r="BL4489" s="97"/>
      <c r="BX4489" s="98"/>
      <c r="CL4489" s="97"/>
      <c r="CX4489" s="98"/>
      <c r="DL4489" s="97"/>
      <c r="DX4489" s="98"/>
      <c r="EL4489" s="97"/>
      <c r="EX4489" s="98"/>
      <c r="EY4489" s="97"/>
      <c r="FL4489" s="126"/>
      <c r="FM4489" s="91"/>
      <c r="FN4489" s="91"/>
      <c r="FO4489" s="91"/>
      <c r="FP4489" s="91"/>
      <c r="FQ4489" s="91"/>
      <c r="FR4489" s="91"/>
      <c r="FS4489" s="91"/>
      <c r="FT4489" s="91"/>
      <c r="FU4489" s="91"/>
      <c r="FV4489" s="91"/>
      <c r="FW4489" s="91"/>
      <c r="FX4489" s="127"/>
      <c r="FY4489" s="126"/>
      <c r="FZ4489" s="91"/>
      <c r="GA4489" s="91"/>
      <c r="GB4489" s="91"/>
      <c r="GC4489" s="91"/>
      <c r="GD4489" s="91"/>
      <c r="GE4489" s="91"/>
      <c r="GF4489" s="91"/>
      <c r="GG4489" s="91"/>
      <c r="GH4489" s="91"/>
      <c r="GI4489" s="91"/>
      <c r="GJ4489" s="91"/>
      <c r="GK4489" s="127"/>
      <c r="GL4489" s="126"/>
      <c r="GM4489" s="91"/>
      <c r="GN4489" s="91"/>
      <c r="GO4489" s="91"/>
      <c r="GP4489" s="91"/>
      <c r="GQ4489" s="91"/>
      <c r="GR4489" s="91"/>
      <c r="GS4489" s="91"/>
      <c r="GT4489" s="91"/>
      <c r="GU4489" s="91"/>
      <c r="GV4489" s="91"/>
      <c r="GW4489" s="91"/>
      <c r="GX4489" s="127"/>
      <c r="GY4489" s="126"/>
      <c r="GZ4489" s="91"/>
      <c r="HA4489" s="91"/>
      <c r="HB4489" s="91"/>
      <c r="HC4489" s="91"/>
      <c r="HD4489" s="91"/>
      <c r="HE4489" s="91"/>
      <c r="HF4489" s="91"/>
      <c r="HG4489" s="91"/>
      <c r="HH4489" s="91"/>
      <c r="HI4489" s="91"/>
      <c r="HJ4489" s="91"/>
      <c r="HK4489" s="127"/>
      <c r="HL4489" s="126"/>
      <c r="HM4489" s="91"/>
      <c r="HN4489" s="91"/>
      <c r="HO4489" s="91"/>
      <c r="HP4489" s="91"/>
      <c r="HQ4489" s="91"/>
      <c r="HR4489" s="91"/>
      <c r="HS4489" s="91"/>
      <c r="HT4489" s="91"/>
      <c r="HU4489" s="91"/>
      <c r="HV4489" s="91"/>
      <c r="HW4489" s="91"/>
      <c r="HX4489" s="127"/>
      <c r="HY4489" s="126"/>
      <c r="HZ4489" s="91"/>
      <c r="IA4489" s="91"/>
      <c r="IB4489" s="91"/>
      <c r="IC4489" s="91"/>
      <c r="ID4489" s="91"/>
      <c r="IE4489" s="91"/>
      <c r="IF4489" s="91"/>
      <c r="IG4489" s="91"/>
      <c r="IH4489" s="91"/>
      <c r="II4489" s="91"/>
      <c r="IJ4489" s="91"/>
      <c r="IK4489" s="174"/>
    </row>
    <row r="4490" spans="2:245" x14ac:dyDescent="0.2">
      <c r="B4490" s="43"/>
      <c r="C4490" s="73"/>
      <c r="D4490" s="64"/>
      <c r="E4490" s="64"/>
      <c r="F4490" s="55"/>
      <c r="G4490" s="102"/>
      <c r="H4490" s="97"/>
      <c r="T4490" s="98"/>
      <c r="U4490" s="97"/>
      <c r="AG4490" s="98"/>
      <c r="AY4490" s="164"/>
      <c r="BK4490" s="98"/>
      <c r="BL4490" s="97"/>
      <c r="BX4490" s="98"/>
      <c r="CL4490" s="97"/>
      <c r="CX4490" s="98"/>
      <c r="DL4490" s="97"/>
      <c r="DX4490" s="98"/>
      <c r="EL4490" s="97"/>
      <c r="EX4490" s="98"/>
      <c r="EY4490" s="97"/>
      <c r="FL4490" s="126"/>
      <c r="FM4490" s="91"/>
      <c r="FN4490" s="91"/>
      <c r="FO4490" s="91"/>
      <c r="FP4490" s="91"/>
      <c r="FQ4490" s="91"/>
      <c r="FR4490" s="91"/>
      <c r="FS4490" s="91"/>
      <c r="FT4490" s="91"/>
      <c r="FU4490" s="91"/>
      <c r="FV4490" s="91"/>
      <c r="FW4490" s="91"/>
      <c r="FX4490" s="127"/>
      <c r="FY4490" s="126"/>
      <c r="FZ4490" s="91"/>
      <c r="GA4490" s="91"/>
      <c r="GB4490" s="91"/>
      <c r="GC4490" s="91"/>
      <c r="GD4490" s="91"/>
      <c r="GE4490" s="91"/>
      <c r="GF4490" s="91"/>
      <c r="GG4490" s="91"/>
      <c r="GH4490" s="91"/>
      <c r="GI4490" s="91"/>
      <c r="GJ4490" s="91"/>
      <c r="GK4490" s="127"/>
      <c r="GL4490" s="126"/>
      <c r="GM4490" s="91"/>
      <c r="GN4490" s="91"/>
      <c r="GO4490" s="91"/>
      <c r="GP4490" s="91"/>
      <c r="GQ4490" s="91"/>
      <c r="GR4490" s="91"/>
      <c r="GS4490" s="91"/>
      <c r="GT4490" s="91"/>
      <c r="GU4490" s="91"/>
      <c r="GV4490" s="91"/>
      <c r="GW4490" s="91"/>
      <c r="GX4490" s="127"/>
      <c r="GY4490" s="126"/>
      <c r="GZ4490" s="91"/>
      <c r="HA4490" s="91"/>
      <c r="HB4490" s="91"/>
      <c r="HC4490" s="91"/>
      <c r="HD4490" s="91"/>
      <c r="HE4490" s="91"/>
      <c r="HF4490" s="91"/>
      <c r="HG4490" s="91"/>
      <c r="HH4490" s="91"/>
      <c r="HI4490" s="91"/>
      <c r="HJ4490" s="91"/>
      <c r="HK4490" s="127"/>
      <c r="HL4490" s="126"/>
      <c r="HM4490" s="91"/>
      <c r="HN4490" s="91"/>
      <c r="HO4490" s="91"/>
      <c r="HP4490" s="91"/>
      <c r="HQ4490" s="91"/>
      <c r="HR4490" s="91"/>
      <c r="HS4490" s="91"/>
      <c r="HT4490" s="91"/>
      <c r="HU4490" s="91"/>
      <c r="HV4490" s="91"/>
      <c r="HW4490" s="91"/>
      <c r="HX4490" s="127"/>
      <c r="HY4490" s="126"/>
      <c r="HZ4490" s="91"/>
      <c r="IA4490" s="91"/>
      <c r="IB4490" s="91"/>
      <c r="IC4490" s="91"/>
      <c r="ID4490" s="91"/>
      <c r="IE4490" s="91"/>
      <c r="IF4490" s="91"/>
      <c r="IG4490" s="91"/>
      <c r="IH4490" s="91"/>
      <c r="II4490" s="91"/>
      <c r="IJ4490" s="91"/>
      <c r="IK4490" s="174"/>
    </row>
    <row r="4491" spans="2:245" x14ac:dyDescent="0.2">
      <c r="B4491" s="43"/>
      <c r="C4491" s="73"/>
      <c r="D4491" s="64"/>
      <c r="E4491" s="64"/>
      <c r="F4491" s="55"/>
      <c r="G4491" s="102"/>
      <c r="H4491" s="97"/>
      <c r="T4491" s="98"/>
      <c r="U4491" s="97"/>
      <c r="AG4491" s="98"/>
      <c r="AY4491" s="164"/>
      <c r="BK4491" s="98"/>
      <c r="BL4491" s="97"/>
      <c r="BX4491" s="98"/>
      <c r="CL4491" s="97"/>
      <c r="CX4491" s="98"/>
      <c r="DL4491" s="97"/>
      <c r="DX4491" s="98"/>
      <c r="EL4491" s="97"/>
      <c r="EX4491" s="98"/>
      <c r="EY4491" s="97"/>
      <c r="FL4491" s="126"/>
      <c r="FM4491" s="91"/>
      <c r="FN4491" s="91"/>
      <c r="FO4491" s="91"/>
      <c r="FP4491" s="91"/>
      <c r="FQ4491" s="91"/>
      <c r="FR4491" s="91"/>
      <c r="FS4491" s="91"/>
      <c r="FT4491" s="91"/>
      <c r="FU4491" s="91"/>
      <c r="FV4491" s="91"/>
      <c r="FW4491" s="91"/>
      <c r="FX4491" s="127"/>
      <c r="FY4491" s="126"/>
      <c r="FZ4491" s="91"/>
      <c r="GA4491" s="91"/>
      <c r="GB4491" s="91"/>
      <c r="GC4491" s="91"/>
      <c r="GD4491" s="91"/>
      <c r="GE4491" s="91"/>
      <c r="GF4491" s="91"/>
      <c r="GG4491" s="91"/>
      <c r="GH4491" s="91"/>
      <c r="GI4491" s="91"/>
      <c r="GJ4491" s="91"/>
      <c r="GK4491" s="127"/>
      <c r="GL4491" s="126"/>
      <c r="GM4491" s="91"/>
      <c r="GN4491" s="91"/>
      <c r="GO4491" s="91"/>
      <c r="GP4491" s="91"/>
      <c r="GQ4491" s="91"/>
      <c r="GR4491" s="91"/>
      <c r="GS4491" s="91"/>
      <c r="GT4491" s="91"/>
      <c r="GU4491" s="91"/>
      <c r="GV4491" s="91"/>
      <c r="GW4491" s="91"/>
      <c r="GX4491" s="127"/>
      <c r="GY4491" s="126"/>
      <c r="GZ4491" s="91"/>
      <c r="HA4491" s="91"/>
      <c r="HB4491" s="91"/>
      <c r="HC4491" s="91"/>
      <c r="HD4491" s="91"/>
      <c r="HE4491" s="91"/>
      <c r="HF4491" s="91"/>
      <c r="HG4491" s="91"/>
      <c r="HH4491" s="91"/>
      <c r="HI4491" s="91"/>
      <c r="HJ4491" s="91"/>
      <c r="HK4491" s="127"/>
      <c r="HL4491" s="126"/>
      <c r="HM4491" s="91"/>
      <c r="HN4491" s="91"/>
      <c r="HO4491" s="91"/>
      <c r="HP4491" s="91"/>
      <c r="HQ4491" s="91"/>
      <c r="HR4491" s="91"/>
      <c r="HS4491" s="91"/>
      <c r="HT4491" s="91"/>
      <c r="HU4491" s="91"/>
      <c r="HV4491" s="91"/>
      <c r="HW4491" s="91"/>
      <c r="HX4491" s="127"/>
      <c r="HY4491" s="126"/>
      <c r="HZ4491" s="91"/>
      <c r="IA4491" s="91"/>
      <c r="IB4491" s="91"/>
      <c r="IC4491" s="91"/>
      <c r="ID4491" s="91"/>
      <c r="IE4491" s="91"/>
      <c r="IF4491" s="91"/>
      <c r="IG4491" s="91"/>
      <c r="IH4491" s="91"/>
      <c r="II4491" s="91"/>
      <c r="IJ4491" s="91"/>
      <c r="IK4491" s="174"/>
    </row>
    <row r="4492" spans="2:245" x14ac:dyDescent="0.2">
      <c r="B4492" s="43"/>
      <c r="C4492" s="73"/>
      <c r="D4492" s="64"/>
      <c r="E4492" s="64"/>
      <c r="F4492" s="55"/>
      <c r="G4492" s="102"/>
      <c r="H4492" s="97"/>
      <c r="T4492" s="98"/>
      <c r="U4492" s="97"/>
      <c r="AG4492" s="98"/>
      <c r="AY4492" s="164"/>
      <c r="BK4492" s="98"/>
      <c r="BL4492" s="97"/>
      <c r="BX4492" s="98"/>
      <c r="CL4492" s="97"/>
      <c r="CX4492" s="98"/>
      <c r="DL4492" s="97"/>
      <c r="DX4492" s="98"/>
      <c r="EL4492" s="97"/>
      <c r="EX4492" s="98"/>
      <c r="EY4492" s="97"/>
      <c r="FL4492" s="126"/>
      <c r="FM4492" s="91"/>
      <c r="FN4492" s="91"/>
      <c r="FO4492" s="91"/>
      <c r="FP4492" s="91"/>
      <c r="FQ4492" s="91"/>
      <c r="FR4492" s="91"/>
      <c r="FS4492" s="91"/>
      <c r="FT4492" s="91"/>
      <c r="FU4492" s="91"/>
      <c r="FV4492" s="91"/>
      <c r="FW4492" s="91"/>
      <c r="FX4492" s="127"/>
      <c r="FY4492" s="126"/>
      <c r="FZ4492" s="91"/>
      <c r="GA4492" s="91"/>
      <c r="GB4492" s="91"/>
      <c r="GC4492" s="91"/>
      <c r="GD4492" s="91"/>
      <c r="GE4492" s="91"/>
      <c r="GF4492" s="91"/>
      <c r="GG4492" s="91"/>
      <c r="GH4492" s="91"/>
      <c r="GI4492" s="91"/>
      <c r="GJ4492" s="91"/>
      <c r="GK4492" s="127"/>
      <c r="GL4492" s="126"/>
      <c r="GM4492" s="91"/>
      <c r="GN4492" s="91"/>
      <c r="GO4492" s="91"/>
      <c r="GP4492" s="91"/>
      <c r="GQ4492" s="91"/>
      <c r="GR4492" s="91"/>
      <c r="GS4492" s="91"/>
      <c r="GT4492" s="91"/>
      <c r="GU4492" s="91"/>
      <c r="GV4492" s="91"/>
      <c r="GW4492" s="91"/>
      <c r="GX4492" s="127"/>
      <c r="GY4492" s="126"/>
      <c r="GZ4492" s="91"/>
      <c r="HA4492" s="91"/>
      <c r="HB4492" s="91"/>
      <c r="HC4492" s="91"/>
      <c r="HD4492" s="91"/>
      <c r="HE4492" s="91"/>
      <c r="HF4492" s="91"/>
      <c r="HG4492" s="91"/>
      <c r="HH4492" s="91"/>
      <c r="HI4492" s="91"/>
      <c r="HJ4492" s="91"/>
      <c r="HK4492" s="127"/>
      <c r="HL4492" s="126"/>
      <c r="HM4492" s="91"/>
      <c r="HN4492" s="91"/>
      <c r="HO4492" s="91"/>
      <c r="HP4492" s="91"/>
      <c r="HQ4492" s="91"/>
      <c r="HR4492" s="91"/>
      <c r="HS4492" s="91"/>
      <c r="HT4492" s="91"/>
      <c r="HU4492" s="91"/>
      <c r="HV4492" s="91"/>
      <c r="HW4492" s="91"/>
      <c r="HX4492" s="127"/>
      <c r="HY4492" s="126"/>
      <c r="HZ4492" s="91"/>
      <c r="IA4492" s="91"/>
      <c r="IB4492" s="91"/>
      <c r="IC4492" s="91"/>
      <c r="ID4492" s="91"/>
      <c r="IE4492" s="91"/>
      <c r="IF4492" s="91"/>
      <c r="IG4492" s="91"/>
      <c r="IH4492" s="91"/>
      <c r="II4492" s="91"/>
      <c r="IJ4492" s="91"/>
      <c r="IK4492" s="174"/>
    </row>
    <row r="4493" spans="2:245" x14ac:dyDescent="0.2">
      <c r="B4493" s="43"/>
      <c r="C4493" s="73"/>
      <c r="D4493" s="64"/>
      <c r="E4493" s="64"/>
      <c r="F4493" s="55"/>
      <c r="G4493" s="102"/>
      <c r="H4493" s="97"/>
      <c r="T4493" s="98"/>
      <c r="U4493" s="97"/>
      <c r="AG4493" s="98"/>
      <c r="AY4493" s="164"/>
      <c r="BK4493" s="98"/>
      <c r="BL4493" s="97"/>
      <c r="BX4493" s="98"/>
      <c r="CL4493" s="97"/>
      <c r="CX4493" s="98"/>
      <c r="DL4493" s="97"/>
      <c r="DX4493" s="98"/>
      <c r="EL4493" s="97"/>
      <c r="EX4493" s="98"/>
      <c r="EY4493" s="97"/>
      <c r="FL4493" s="126"/>
      <c r="FM4493" s="91"/>
      <c r="FN4493" s="91"/>
      <c r="FO4493" s="91"/>
      <c r="FP4493" s="91"/>
      <c r="FQ4493" s="91"/>
      <c r="FR4493" s="91"/>
      <c r="FS4493" s="91"/>
      <c r="FT4493" s="91"/>
      <c r="FU4493" s="91"/>
      <c r="FV4493" s="91"/>
      <c r="FW4493" s="91"/>
      <c r="FX4493" s="127"/>
      <c r="FY4493" s="126"/>
      <c r="FZ4493" s="91"/>
      <c r="GA4493" s="91"/>
      <c r="GB4493" s="91"/>
      <c r="GC4493" s="91"/>
      <c r="GD4493" s="91"/>
      <c r="GE4493" s="91"/>
      <c r="GF4493" s="91"/>
      <c r="GG4493" s="91"/>
      <c r="GH4493" s="91"/>
      <c r="GI4493" s="91"/>
      <c r="GJ4493" s="91"/>
      <c r="GK4493" s="127"/>
      <c r="GL4493" s="126"/>
      <c r="GM4493" s="91"/>
      <c r="GN4493" s="91"/>
      <c r="GO4493" s="91"/>
      <c r="GP4493" s="91"/>
      <c r="GQ4493" s="91"/>
      <c r="GR4493" s="91"/>
      <c r="GS4493" s="91"/>
      <c r="GT4493" s="91"/>
      <c r="GU4493" s="91"/>
      <c r="GV4493" s="91"/>
      <c r="GW4493" s="91"/>
      <c r="GX4493" s="127"/>
      <c r="GY4493" s="126"/>
      <c r="GZ4493" s="91"/>
      <c r="HA4493" s="91"/>
      <c r="HB4493" s="91"/>
      <c r="HC4493" s="91"/>
      <c r="HD4493" s="91"/>
      <c r="HE4493" s="91"/>
      <c r="HF4493" s="91"/>
      <c r="HG4493" s="91"/>
      <c r="HH4493" s="91"/>
      <c r="HI4493" s="91"/>
      <c r="HJ4493" s="91"/>
      <c r="HK4493" s="127"/>
      <c r="HL4493" s="126"/>
      <c r="HM4493" s="91"/>
      <c r="HN4493" s="91"/>
      <c r="HO4493" s="91"/>
      <c r="HP4493" s="91"/>
      <c r="HQ4493" s="91"/>
      <c r="HR4493" s="91"/>
      <c r="HS4493" s="91"/>
      <c r="HT4493" s="91"/>
      <c r="HU4493" s="91"/>
      <c r="HV4493" s="91"/>
      <c r="HW4493" s="91"/>
      <c r="HX4493" s="127"/>
      <c r="HY4493" s="126"/>
      <c r="HZ4493" s="91"/>
      <c r="IA4493" s="91"/>
      <c r="IB4493" s="91"/>
      <c r="IC4493" s="91"/>
      <c r="ID4493" s="91"/>
      <c r="IE4493" s="91"/>
      <c r="IF4493" s="91"/>
      <c r="IG4493" s="91"/>
      <c r="IH4493" s="91"/>
      <c r="II4493" s="91"/>
      <c r="IJ4493" s="91"/>
      <c r="IK4493" s="174"/>
    </row>
    <row r="4494" spans="2:245" x14ac:dyDescent="0.2">
      <c r="B4494" s="43"/>
      <c r="C4494" s="73"/>
      <c r="D4494" s="64"/>
      <c r="E4494" s="64"/>
      <c r="F4494" s="55"/>
      <c r="G4494" s="102"/>
      <c r="H4494" s="97"/>
      <c r="T4494" s="98"/>
      <c r="U4494" s="97"/>
      <c r="AG4494" s="98"/>
      <c r="AY4494" s="164"/>
      <c r="BK4494" s="98"/>
      <c r="BL4494" s="97"/>
      <c r="BX4494" s="98"/>
      <c r="CL4494" s="97"/>
      <c r="CX4494" s="98"/>
      <c r="DL4494" s="97"/>
      <c r="DX4494" s="98"/>
      <c r="EL4494" s="97"/>
      <c r="EX4494" s="98"/>
      <c r="EY4494" s="97"/>
      <c r="FL4494" s="126"/>
      <c r="FM4494" s="91"/>
      <c r="FN4494" s="91"/>
      <c r="FO4494" s="91"/>
      <c r="FP4494" s="91"/>
      <c r="FQ4494" s="91"/>
      <c r="FR4494" s="91"/>
      <c r="FS4494" s="91"/>
      <c r="FT4494" s="91"/>
      <c r="FU4494" s="91"/>
      <c r="FV4494" s="91"/>
      <c r="FW4494" s="91"/>
      <c r="FX4494" s="127"/>
      <c r="FY4494" s="126"/>
      <c r="FZ4494" s="91"/>
      <c r="GA4494" s="91"/>
      <c r="GB4494" s="91"/>
      <c r="GC4494" s="91"/>
      <c r="GD4494" s="91"/>
      <c r="GE4494" s="91"/>
      <c r="GF4494" s="91"/>
      <c r="GG4494" s="91"/>
      <c r="GH4494" s="91"/>
      <c r="GI4494" s="91"/>
      <c r="GJ4494" s="91"/>
      <c r="GK4494" s="127"/>
      <c r="GL4494" s="126"/>
      <c r="GM4494" s="91"/>
      <c r="GN4494" s="91"/>
      <c r="GO4494" s="91"/>
      <c r="GP4494" s="91"/>
      <c r="GQ4494" s="91"/>
      <c r="GR4494" s="91"/>
      <c r="GS4494" s="91"/>
      <c r="GT4494" s="91"/>
      <c r="GU4494" s="91"/>
      <c r="GV4494" s="91"/>
      <c r="GW4494" s="91"/>
      <c r="GX4494" s="127"/>
      <c r="GY4494" s="126"/>
      <c r="GZ4494" s="91"/>
      <c r="HA4494" s="91"/>
      <c r="HB4494" s="91"/>
      <c r="HC4494" s="91"/>
      <c r="HD4494" s="91"/>
      <c r="HE4494" s="91"/>
      <c r="HF4494" s="91"/>
      <c r="HG4494" s="91"/>
      <c r="HH4494" s="91"/>
      <c r="HI4494" s="91"/>
      <c r="HJ4494" s="91"/>
      <c r="HK4494" s="127"/>
      <c r="HL4494" s="126"/>
      <c r="HM4494" s="91"/>
      <c r="HN4494" s="91"/>
      <c r="HO4494" s="91"/>
      <c r="HP4494" s="91"/>
      <c r="HQ4494" s="91"/>
      <c r="HR4494" s="91"/>
      <c r="HS4494" s="91"/>
      <c r="HT4494" s="91"/>
      <c r="HU4494" s="91"/>
      <c r="HV4494" s="91"/>
      <c r="HW4494" s="91"/>
      <c r="HX4494" s="127"/>
      <c r="HY4494" s="126"/>
      <c r="HZ4494" s="91"/>
      <c r="IA4494" s="91"/>
      <c r="IB4494" s="91"/>
      <c r="IC4494" s="91"/>
      <c r="ID4494" s="91"/>
      <c r="IE4494" s="91"/>
      <c r="IF4494" s="91"/>
      <c r="IG4494" s="91"/>
      <c r="IH4494" s="91"/>
      <c r="II4494" s="91"/>
      <c r="IJ4494" s="91"/>
      <c r="IK4494" s="174"/>
    </row>
    <row r="4495" spans="2:245" x14ac:dyDescent="0.2">
      <c r="B4495" s="43"/>
      <c r="C4495" s="73"/>
      <c r="D4495" s="64"/>
      <c r="E4495" s="64"/>
      <c r="F4495" s="55"/>
      <c r="G4495" s="102"/>
      <c r="H4495" s="97"/>
      <c r="T4495" s="98"/>
      <c r="U4495" s="97"/>
      <c r="AG4495" s="98"/>
      <c r="AY4495" s="164"/>
      <c r="BK4495" s="98"/>
      <c r="BL4495" s="97"/>
      <c r="BX4495" s="98"/>
      <c r="CL4495" s="97"/>
      <c r="CX4495" s="98"/>
      <c r="DL4495" s="97"/>
      <c r="DX4495" s="98"/>
      <c r="EL4495" s="97"/>
      <c r="EX4495" s="98"/>
      <c r="EY4495" s="97"/>
      <c r="FL4495" s="126"/>
      <c r="FM4495" s="91"/>
      <c r="FN4495" s="91"/>
      <c r="FO4495" s="91"/>
      <c r="FP4495" s="91"/>
      <c r="FQ4495" s="91"/>
      <c r="FR4495" s="91"/>
      <c r="FS4495" s="91"/>
      <c r="FT4495" s="91"/>
      <c r="FU4495" s="91"/>
      <c r="FV4495" s="91"/>
      <c r="FW4495" s="91"/>
      <c r="FX4495" s="127"/>
      <c r="FY4495" s="126"/>
      <c r="FZ4495" s="91"/>
      <c r="GA4495" s="91"/>
      <c r="GB4495" s="91"/>
      <c r="GC4495" s="91"/>
      <c r="GD4495" s="91"/>
      <c r="GE4495" s="91"/>
      <c r="GF4495" s="91"/>
      <c r="GG4495" s="91"/>
      <c r="GH4495" s="91"/>
      <c r="GI4495" s="91"/>
      <c r="GJ4495" s="91"/>
      <c r="GK4495" s="127"/>
      <c r="GL4495" s="126"/>
      <c r="GM4495" s="91"/>
      <c r="GN4495" s="91"/>
      <c r="GO4495" s="91"/>
      <c r="GP4495" s="91"/>
      <c r="GQ4495" s="91"/>
      <c r="GR4495" s="91"/>
      <c r="GS4495" s="91"/>
      <c r="GT4495" s="91"/>
      <c r="GU4495" s="91"/>
      <c r="GV4495" s="91"/>
      <c r="GW4495" s="91"/>
      <c r="GX4495" s="127"/>
      <c r="GY4495" s="126"/>
      <c r="GZ4495" s="91"/>
      <c r="HA4495" s="91"/>
      <c r="HB4495" s="91"/>
      <c r="HC4495" s="91"/>
      <c r="HD4495" s="91"/>
      <c r="HE4495" s="91"/>
      <c r="HF4495" s="91"/>
      <c r="HG4495" s="91"/>
      <c r="HH4495" s="91"/>
      <c r="HI4495" s="91"/>
      <c r="HJ4495" s="91"/>
      <c r="HK4495" s="127"/>
      <c r="HL4495" s="126"/>
      <c r="HM4495" s="91"/>
      <c r="HN4495" s="91"/>
      <c r="HO4495" s="91"/>
      <c r="HP4495" s="91"/>
      <c r="HQ4495" s="91"/>
      <c r="HR4495" s="91"/>
      <c r="HS4495" s="91"/>
      <c r="HT4495" s="91"/>
      <c r="HU4495" s="91"/>
      <c r="HV4495" s="91"/>
      <c r="HW4495" s="91"/>
      <c r="HX4495" s="127"/>
      <c r="HY4495" s="126"/>
      <c r="HZ4495" s="91"/>
      <c r="IA4495" s="91"/>
      <c r="IB4495" s="91"/>
      <c r="IC4495" s="91"/>
      <c r="ID4495" s="91"/>
      <c r="IE4495" s="91"/>
      <c r="IF4495" s="91"/>
      <c r="IG4495" s="91"/>
      <c r="IH4495" s="91"/>
      <c r="II4495" s="91"/>
      <c r="IJ4495" s="91"/>
      <c r="IK4495" s="174"/>
    </row>
    <row r="4496" spans="2:245" x14ac:dyDescent="0.2">
      <c r="B4496" s="43"/>
      <c r="C4496" s="73"/>
      <c r="D4496" s="64"/>
      <c r="E4496" s="64"/>
      <c r="F4496" s="55"/>
      <c r="G4496" s="102"/>
      <c r="H4496" s="97"/>
      <c r="T4496" s="98"/>
      <c r="U4496" s="97"/>
      <c r="AG4496" s="98"/>
      <c r="AY4496" s="164"/>
      <c r="BK4496" s="98"/>
      <c r="BL4496" s="97"/>
      <c r="BX4496" s="98"/>
      <c r="CL4496" s="97"/>
      <c r="CX4496" s="98"/>
      <c r="DL4496" s="97"/>
      <c r="DX4496" s="98"/>
      <c r="EL4496" s="97"/>
      <c r="EX4496" s="98"/>
      <c r="EY4496" s="97"/>
      <c r="FL4496" s="126"/>
      <c r="FM4496" s="91"/>
      <c r="FN4496" s="91"/>
      <c r="FO4496" s="91"/>
      <c r="FP4496" s="91"/>
      <c r="FQ4496" s="91"/>
      <c r="FR4496" s="91"/>
      <c r="FS4496" s="91"/>
      <c r="FT4496" s="91"/>
      <c r="FU4496" s="91"/>
      <c r="FV4496" s="91"/>
      <c r="FW4496" s="91"/>
      <c r="FX4496" s="127"/>
      <c r="FY4496" s="126"/>
      <c r="FZ4496" s="91"/>
      <c r="GA4496" s="91"/>
      <c r="GB4496" s="91"/>
      <c r="GC4496" s="91"/>
      <c r="GD4496" s="91"/>
      <c r="GE4496" s="91"/>
      <c r="GF4496" s="91"/>
      <c r="GG4496" s="91"/>
      <c r="GH4496" s="91"/>
      <c r="GI4496" s="91"/>
      <c r="GJ4496" s="91"/>
      <c r="GK4496" s="127"/>
      <c r="GL4496" s="126"/>
      <c r="GM4496" s="91"/>
      <c r="GN4496" s="91"/>
      <c r="GO4496" s="91"/>
      <c r="GP4496" s="91"/>
      <c r="GQ4496" s="91"/>
      <c r="GR4496" s="91"/>
      <c r="GS4496" s="91"/>
      <c r="GT4496" s="91"/>
      <c r="GU4496" s="91"/>
      <c r="GV4496" s="91"/>
      <c r="GW4496" s="91"/>
      <c r="GX4496" s="127"/>
      <c r="GY4496" s="126"/>
      <c r="GZ4496" s="91"/>
      <c r="HA4496" s="91"/>
      <c r="HB4496" s="91"/>
      <c r="HC4496" s="91"/>
      <c r="HD4496" s="91"/>
      <c r="HE4496" s="91"/>
      <c r="HF4496" s="91"/>
      <c r="HG4496" s="91"/>
      <c r="HH4496" s="91"/>
      <c r="HI4496" s="91"/>
      <c r="HJ4496" s="91"/>
      <c r="HK4496" s="127"/>
      <c r="HL4496" s="126"/>
      <c r="HM4496" s="91"/>
      <c r="HN4496" s="91"/>
      <c r="HO4496" s="91"/>
      <c r="HP4496" s="91"/>
      <c r="HQ4496" s="91"/>
      <c r="HR4496" s="91"/>
      <c r="HS4496" s="91"/>
      <c r="HT4496" s="91"/>
      <c r="HU4496" s="91"/>
      <c r="HV4496" s="91"/>
      <c r="HW4496" s="91"/>
      <c r="HX4496" s="127"/>
      <c r="HY4496" s="126"/>
      <c r="HZ4496" s="91"/>
      <c r="IA4496" s="91"/>
      <c r="IB4496" s="91"/>
      <c r="IC4496" s="91"/>
      <c r="ID4496" s="91"/>
      <c r="IE4496" s="91"/>
      <c r="IF4496" s="91"/>
      <c r="IG4496" s="91"/>
      <c r="IH4496" s="91"/>
      <c r="II4496" s="91"/>
      <c r="IJ4496" s="91"/>
      <c r="IK4496" s="174"/>
    </row>
    <row r="4497" spans="2:245" x14ac:dyDescent="0.2">
      <c r="B4497" s="43"/>
      <c r="C4497" s="73"/>
      <c r="D4497" s="64"/>
      <c r="E4497" s="64"/>
      <c r="F4497" s="55"/>
      <c r="G4497" s="102"/>
      <c r="H4497" s="97"/>
      <c r="T4497" s="98"/>
      <c r="U4497" s="97"/>
      <c r="AG4497" s="98"/>
      <c r="AY4497" s="164"/>
      <c r="BK4497" s="98"/>
      <c r="BL4497" s="97"/>
      <c r="BX4497" s="98"/>
      <c r="CL4497" s="97"/>
      <c r="CX4497" s="98"/>
      <c r="DL4497" s="97"/>
      <c r="DX4497" s="98"/>
      <c r="EL4497" s="97"/>
      <c r="EX4497" s="98"/>
      <c r="EY4497" s="97"/>
      <c r="FL4497" s="126"/>
      <c r="FM4497" s="91"/>
      <c r="FN4497" s="91"/>
      <c r="FO4497" s="91"/>
      <c r="FP4497" s="91"/>
      <c r="FQ4497" s="91"/>
      <c r="FR4497" s="91"/>
      <c r="FS4497" s="91"/>
      <c r="FT4497" s="91"/>
      <c r="FU4497" s="91"/>
      <c r="FV4497" s="91"/>
      <c r="FW4497" s="91"/>
      <c r="FX4497" s="127"/>
      <c r="FY4497" s="126"/>
      <c r="FZ4497" s="91"/>
      <c r="GA4497" s="91"/>
      <c r="GB4497" s="91"/>
      <c r="GC4497" s="91"/>
      <c r="GD4497" s="91"/>
      <c r="GE4497" s="91"/>
      <c r="GF4497" s="91"/>
      <c r="GG4497" s="91"/>
      <c r="GH4497" s="91"/>
      <c r="GI4497" s="91"/>
      <c r="GJ4497" s="91"/>
      <c r="GK4497" s="127"/>
      <c r="GL4497" s="126"/>
      <c r="GM4497" s="91"/>
      <c r="GN4497" s="91"/>
      <c r="GO4497" s="91"/>
      <c r="GP4497" s="91"/>
      <c r="GQ4497" s="91"/>
      <c r="GR4497" s="91"/>
      <c r="GS4497" s="91"/>
      <c r="GT4497" s="91"/>
      <c r="GU4497" s="91"/>
      <c r="GV4497" s="91"/>
      <c r="GW4497" s="91"/>
      <c r="GX4497" s="127"/>
      <c r="GY4497" s="126"/>
      <c r="GZ4497" s="91"/>
      <c r="HA4497" s="91"/>
      <c r="HB4497" s="91"/>
      <c r="HC4497" s="91"/>
      <c r="HD4497" s="91"/>
      <c r="HE4497" s="91"/>
      <c r="HF4497" s="91"/>
      <c r="HG4497" s="91"/>
      <c r="HH4497" s="91"/>
      <c r="HI4497" s="91"/>
      <c r="HJ4497" s="91"/>
      <c r="HK4497" s="127"/>
      <c r="HL4497" s="126"/>
      <c r="HM4497" s="91"/>
      <c r="HN4497" s="91"/>
      <c r="HO4497" s="91"/>
      <c r="HP4497" s="91"/>
      <c r="HQ4497" s="91"/>
      <c r="HR4497" s="91"/>
      <c r="HS4497" s="91"/>
      <c r="HT4497" s="91"/>
      <c r="HU4497" s="91"/>
      <c r="HV4497" s="91"/>
      <c r="HW4497" s="91"/>
      <c r="HX4497" s="127"/>
      <c r="HY4497" s="126"/>
      <c r="HZ4497" s="91"/>
      <c r="IA4497" s="91"/>
      <c r="IB4497" s="91"/>
      <c r="IC4497" s="91"/>
      <c r="ID4497" s="91"/>
      <c r="IE4497" s="91"/>
      <c r="IF4497" s="91"/>
      <c r="IG4497" s="91"/>
      <c r="IH4497" s="91"/>
      <c r="II4497" s="91"/>
      <c r="IJ4497" s="91"/>
      <c r="IK4497" s="174"/>
    </row>
    <row r="4498" spans="2:245" x14ac:dyDescent="0.2">
      <c r="B4498" s="43"/>
      <c r="C4498" s="73"/>
      <c r="D4498" s="64"/>
      <c r="E4498" s="64"/>
      <c r="F4498" s="55"/>
      <c r="G4498" s="102"/>
      <c r="H4498" s="97"/>
      <c r="T4498" s="98"/>
      <c r="U4498" s="97"/>
      <c r="AG4498" s="98"/>
      <c r="AY4498" s="164"/>
      <c r="BK4498" s="98"/>
      <c r="BL4498" s="97"/>
      <c r="BX4498" s="98"/>
      <c r="CL4498" s="97"/>
      <c r="CX4498" s="98"/>
      <c r="DL4498" s="97"/>
      <c r="DX4498" s="98"/>
      <c r="EL4498" s="97"/>
      <c r="EX4498" s="98"/>
      <c r="EY4498" s="97"/>
      <c r="FL4498" s="126"/>
      <c r="FM4498" s="91"/>
      <c r="FN4498" s="91"/>
      <c r="FO4498" s="91"/>
      <c r="FP4498" s="91"/>
      <c r="FQ4498" s="91"/>
      <c r="FR4498" s="91"/>
      <c r="FS4498" s="91"/>
      <c r="FT4498" s="91"/>
      <c r="FU4498" s="91"/>
      <c r="FV4498" s="91"/>
      <c r="FW4498" s="91"/>
      <c r="FX4498" s="127"/>
      <c r="FY4498" s="126"/>
      <c r="FZ4498" s="91"/>
      <c r="GA4498" s="91"/>
      <c r="GB4498" s="91"/>
      <c r="GC4498" s="91"/>
      <c r="GD4498" s="91"/>
      <c r="GE4498" s="91"/>
      <c r="GF4498" s="91"/>
      <c r="GG4498" s="91"/>
      <c r="GH4498" s="91"/>
      <c r="GI4498" s="91"/>
      <c r="GJ4498" s="91"/>
      <c r="GK4498" s="127"/>
      <c r="GL4498" s="126"/>
      <c r="GM4498" s="91"/>
      <c r="GN4498" s="91"/>
      <c r="GO4498" s="91"/>
      <c r="GP4498" s="91"/>
      <c r="GQ4498" s="91"/>
      <c r="GR4498" s="91"/>
      <c r="GS4498" s="91"/>
      <c r="GT4498" s="91"/>
      <c r="GU4498" s="91"/>
      <c r="GV4498" s="91"/>
      <c r="GW4498" s="91"/>
      <c r="GX4498" s="127"/>
      <c r="GY4498" s="126"/>
      <c r="GZ4498" s="91"/>
      <c r="HA4498" s="91"/>
      <c r="HB4498" s="91"/>
      <c r="HC4498" s="91"/>
      <c r="HD4498" s="91"/>
      <c r="HE4498" s="91"/>
      <c r="HF4498" s="91"/>
      <c r="HG4498" s="91"/>
      <c r="HH4498" s="91"/>
      <c r="HI4498" s="91"/>
      <c r="HJ4498" s="91"/>
      <c r="HK4498" s="127"/>
      <c r="HL4498" s="126"/>
      <c r="HM4498" s="91"/>
      <c r="HN4498" s="91"/>
      <c r="HO4498" s="91"/>
      <c r="HP4498" s="91"/>
      <c r="HQ4498" s="91"/>
      <c r="HR4498" s="91"/>
      <c r="HS4498" s="91"/>
      <c r="HT4498" s="91"/>
      <c r="HU4498" s="91"/>
      <c r="HV4498" s="91"/>
      <c r="HW4498" s="91"/>
      <c r="HX4498" s="127"/>
      <c r="HY4498" s="126"/>
      <c r="HZ4498" s="91"/>
      <c r="IA4498" s="91"/>
      <c r="IB4498" s="91"/>
      <c r="IC4498" s="91"/>
      <c r="ID4498" s="91"/>
      <c r="IE4498" s="91"/>
      <c r="IF4498" s="91"/>
      <c r="IG4498" s="91"/>
      <c r="IH4498" s="91"/>
      <c r="II4498" s="91"/>
      <c r="IJ4498" s="91"/>
      <c r="IK4498" s="174"/>
    </row>
    <row r="4499" spans="2:245" x14ac:dyDescent="0.2">
      <c r="B4499" s="43"/>
      <c r="C4499" s="73"/>
      <c r="D4499" s="64"/>
      <c r="E4499" s="64"/>
      <c r="F4499" s="55"/>
      <c r="G4499" s="102"/>
      <c r="H4499" s="97"/>
      <c r="T4499" s="98"/>
      <c r="U4499" s="97"/>
      <c r="AG4499" s="98"/>
      <c r="AY4499" s="164"/>
      <c r="BK4499" s="98"/>
      <c r="BL4499" s="97"/>
      <c r="BX4499" s="98"/>
      <c r="CL4499" s="97"/>
      <c r="CX4499" s="98"/>
      <c r="DL4499" s="97"/>
      <c r="DX4499" s="98"/>
      <c r="EL4499" s="97"/>
      <c r="EX4499" s="98"/>
      <c r="EY4499" s="97"/>
      <c r="FL4499" s="126"/>
      <c r="FM4499" s="91"/>
      <c r="FN4499" s="91"/>
      <c r="FO4499" s="91"/>
      <c r="FP4499" s="91"/>
      <c r="FQ4499" s="91"/>
      <c r="FR4499" s="91"/>
      <c r="FS4499" s="91"/>
      <c r="FT4499" s="91"/>
      <c r="FU4499" s="91"/>
      <c r="FV4499" s="91"/>
      <c r="FW4499" s="91"/>
      <c r="FX4499" s="127"/>
      <c r="FY4499" s="126"/>
      <c r="FZ4499" s="91"/>
      <c r="GA4499" s="91"/>
      <c r="GB4499" s="91"/>
      <c r="GC4499" s="91"/>
      <c r="GD4499" s="91"/>
      <c r="GE4499" s="91"/>
      <c r="GF4499" s="91"/>
      <c r="GG4499" s="91"/>
      <c r="GH4499" s="91"/>
      <c r="GI4499" s="91"/>
      <c r="GJ4499" s="91"/>
      <c r="GK4499" s="127"/>
      <c r="GL4499" s="126"/>
      <c r="GM4499" s="91"/>
      <c r="GN4499" s="91"/>
      <c r="GO4499" s="91"/>
      <c r="GP4499" s="91"/>
      <c r="GQ4499" s="91"/>
      <c r="GR4499" s="91"/>
      <c r="GS4499" s="91"/>
      <c r="GT4499" s="91"/>
      <c r="GU4499" s="91"/>
      <c r="GV4499" s="91"/>
      <c r="GW4499" s="91"/>
      <c r="GX4499" s="127"/>
      <c r="GY4499" s="126"/>
      <c r="GZ4499" s="91"/>
      <c r="HA4499" s="91"/>
      <c r="HB4499" s="91"/>
      <c r="HC4499" s="91"/>
      <c r="HD4499" s="91"/>
      <c r="HE4499" s="91"/>
      <c r="HF4499" s="91"/>
      <c r="HG4499" s="91"/>
      <c r="HH4499" s="91"/>
      <c r="HI4499" s="91"/>
      <c r="HJ4499" s="91"/>
      <c r="HK4499" s="127"/>
      <c r="HL4499" s="126"/>
      <c r="HM4499" s="91"/>
      <c r="HN4499" s="91"/>
      <c r="HO4499" s="91"/>
      <c r="HP4499" s="91"/>
      <c r="HQ4499" s="91"/>
      <c r="HR4499" s="91"/>
      <c r="HS4499" s="91"/>
      <c r="HT4499" s="91"/>
      <c r="HU4499" s="91"/>
      <c r="HV4499" s="91"/>
      <c r="HW4499" s="91"/>
      <c r="HX4499" s="127"/>
      <c r="HY4499" s="126"/>
      <c r="HZ4499" s="91"/>
      <c r="IA4499" s="91"/>
      <c r="IB4499" s="91"/>
      <c r="IC4499" s="91"/>
      <c r="ID4499" s="91"/>
      <c r="IE4499" s="91"/>
      <c r="IF4499" s="91"/>
      <c r="IG4499" s="91"/>
      <c r="IH4499" s="91"/>
      <c r="II4499" s="91"/>
      <c r="IJ4499" s="91"/>
      <c r="IK4499" s="174"/>
    </row>
    <row r="4500" spans="2:245" x14ac:dyDescent="0.2">
      <c r="B4500" s="43"/>
      <c r="C4500" s="73"/>
      <c r="D4500" s="64"/>
      <c r="E4500" s="64"/>
      <c r="F4500" s="55"/>
      <c r="G4500" s="102"/>
      <c r="H4500" s="97"/>
      <c r="T4500" s="98"/>
      <c r="U4500" s="97"/>
      <c r="AG4500" s="98"/>
      <c r="AY4500" s="164"/>
      <c r="BK4500" s="98"/>
      <c r="BL4500" s="97"/>
      <c r="BX4500" s="98"/>
      <c r="CL4500" s="97"/>
      <c r="CX4500" s="98"/>
      <c r="DL4500" s="97"/>
      <c r="DX4500" s="98"/>
      <c r="EL4500" s="97"/>
      <c r="EX4500" s="98"/>
      <c r="EY4500" s="97"/>
      <c r="FL4500" s="126"/>
      <c r="FM4500" s="91"/>
      <c r="FN4500" s="91"/>
      <c r="FO4500" s="91"/>
      <c r="FP4500" s="91"/>
      <c r="FQ4500" s="91"/>
      <c r="FR4500" s="91"/>
      <c r="FS4500" s="91"/>
      <c r="FT4500" s="91"/>
      <c r="FU4500" s="91"/>
      <c r="FV4500" s="91"/>
      <c r="FW4500" s="91"/>
      <c r="FX4500" s="127"/>
      <c r="FY4500" s="126"/>
      <c r="FZ4500" s="91"/>
      <c r="GA4500" s="91"/>
      <c r="GB4500" s="91"/>
      <c r="GC4500" s="91"/>
      <c r="GD4500" s="91"/>
      <c r="GE4500" s="91"/>
      <c r="GF4500" s="91"/>
      <c r="GG4500" s="91"/>
      <c r="GH4500" s="91"/>
      <c r="GI4500" s="91"/>
      <c r="GJ4500" s="91"/>
      <c r="GK4500" s="127"/>
      <c r="GL4500" s="126"/>
      <c r="GM4500" s="91"/>
      <c r="GN4500" s="91"/>
      <c r="GO4500" s="91"/>
      <c r="GP4500" s="91"/>
      <c r="GQ4500" s="91"/>
      <c r="GR4500" s="91"/>
      <c r="GS4500" s="91"/>
      <c r="GT4500" s="91"/>
      <c r="GU4500" s="91"/>
      <c r="GV4500" s="91"/>
      <c r="GW4500" s="91"/>
      <c r="GX4500" s="127"/>
      <c r="GY4500" s="126"/>
      <c r="GZ4500" s="91"/>
      <c r="HA4500" s="91"/>
      <c r="HB4500" s="91"/>
      <c r="HC4500" s="91"/>
      <c r="HD4500" s="91"/>
      <c r="HE4500" s="91"/>
      <c r="HF4500" s="91"/>
      <c r="HG4500" s="91"/>
      <c r="HH4500" s="91"/>
      <c r="HI4500" s="91"/>
      <c r="HJ4500" s="91"/>
      <c r="HK4500" s="127"/>
      <c r="HL4500" s="126"/>
      <c r="HM4500" s="91"/>
      <c r="HN4500" s="91"/>
      <c r="HO4500" s="91"/>
      <c r="HP4500" s="91"/>
      <c r="HQ4500" s="91"/>
      <c r="HR4500" s="91"/>
      <c r="HS4500" s="91"/>
      <c r="HT4500" s="91"/>
      <c r="HU4500" s="91"/>
      <c r="HV4500" s="91"/>
      <c r="HW4500" s="91"/>
      <c r="HX4500" s="127"/>
      <c r="HY4500" s="126"/>
      <c r="HZ4500" s="91"/>
      <c r="IA4500" s="91"/>
      <c r="IB4500" s="91"/>
      <c r="IC4500" s="91"/>
      <c r="ID4500" s="91"/>
      <c r="IE4500" s="91"/>
      <c r="IF4500" s="91"/>
      <c r="IG4500" s="91"/>
      <c r="IH4500" s="91"/>
      <c r="II4500" s="91"/>
      <c r="IJ4500" s="91"/>
      <c r="IK4500" s="174"/>
    </row>
    <row r="4501" spans="2:245" x14ac:dyDescent="0.2">
      <c r="B4501" s="43"/>
      <c r="C4501" s="73"/>
      <c r="D4501" s="64"/>
      <c r="E4501" s="64"/>
      <c r="F4501" s="55"/>
      <c r="G4501" s="102"/>
      <c r="H4501" s="97"/>
      <c r="T4501" s="98"/>
      <c r="U4501" s="97"/>
      <c r="AG4501" s="98"/>
      <c r="AY4501" s="164"/>
      <c r="BK4501" s="98"/>
      <c r="BL4501" s="97"/>
      <c r="BX4501" s="98"/>
      <c r="CL4501" s="97"/>
      <c r="CX4501" s="98"/>
      <c r="DL4501" s="97"/>
      <c r="DX4501" s="98"/>
      <c r="EL4501" s="97"/>
      <c r="EX4501" s="98"/>
      <c r="EY4501" s="97"/>
      <c r="FL4501" s="126"/>
      <c r="FM4501" s="91"/>
      <c r="FN4501" s="91"/>
      <c r="FO4501" s="91"/>
      <c r="FP4501" s="91"/>
      <c r="FQ4501" s="91"/>
      <c r="FR4501" s="91"/>
      <c r="FS4501" s="91"/>
      <c r="FT4501" s="91"/>
      <c r="FU4501" s="91"/>
      <c r="FV4501" s="91"/>
      <c r="FW4501" s="91"/>
      <c r="FX4501" s="127"/>
      <c r="FY4501" s="126"/>
      <c r="FZ4501" s="91"/>
      <c r="GA4501" s="91"/>
      <c r="GB4501" s="91"/>
      <c r="GC4501" s="91"/>
      <c r="GD4501" s="91"/>
      <c r="GE4501" s="91"/>
      <c r="GF4501" s="91"/>
      <c r="GG4501" s="91"/>
      <c r="GH4501" s="91"/>
      <c r="GI4501" s="91"/>
      <c r="GJ4501" s="91"/>
      <c r="GK4501" s="127"/>
      <c r="GL4501" s="126"/>
      <c r="GM4501" s="91"/>
      <c r="GN4501" s="91"/>
      <c r="GO4501" s="91"/>
      <c r="GP4501" s="91"/>
      <c r="GQ4501" s="91"/>
      <c r="GR4501" s="91"/>
      <c r="GS4501" s="91"/>
      <c r="GT4501" s="91"/>
      <c r="GU4501" s="91"/>
      <c r="GV4501" s="91"/>
      <c r="GW4501" s="91"/>
      <c r="GX4501" s="127"/>
      <c r="GY4501" s="126"/>
      <c r="GZ4501" s="91"/>
      <c r="HA4501" s="91"/>
      <c r="HB4501" s="91"/>
      <c r="HC4501" s="91"/>
      <c r="HD4501" s="91"/>
      <c r="HE4501" s="91"/>
      <c r="HF4501" s="91"/>
      <c r="HG4501" s="91"/>
      <c r="HH4501" s="91"/>
      <c r="HI4501" s="91"/>
      <c r="HJ4501" s="91"/>
      <c r="HK4501" s="127"/>
      <c r="HL4501" s="126"/>
      <c r="HM4501" s="91"/>
      <c r="HN4501" s="91"/>
      <c r="HO4501" s="91"/>
      <c r="HP4501" s="91"/>
      <c r="HQ4501" s="91"/>
      <c r="HR4501" s="91"/>
      <c r="HS4501" s="91"/>
      <c r="HT4501" s="91"/>
      <c r="HU4501" s="91"/>
      <c r="HV4501" s="91"/>
      <c r="HW4501" s="91"/>
      <c r="HX4501" s="127"/>
      <c r="HY4501" s="126"/>
      <c r="HZ4501" s="91"/>
      <c r="IA4501" s="91"/>
      <c r="IB4501" s="91"/>
      <c r="IC4501" s="91"/>
      <c r="ID4501" s="91"/>
      <c r="IE4501" s="91"/>
      <c r="IF4501" s="91"/>
      <c r="IG4501" s="91"/>
      <c r="IH4501" s="91"/>
      <c r="II4501" s="91"/>
      <c r="IJ4501" s="91"/>
      <c r="IK4501" s="174"/>
    </row>
    <row r="4502" spans="2:245" x14ac:dyDescent="0.2">
      <c r="B4502" s="43"/>
      <c r="C4502" s="73"/>
      <c r="D4502" s="64"/>
      <c r="E4502" s="64"/>
      <c r="F4502" s="55"/>
      <c r="G4502" s="102"/>
      <c r="H4502" s="97"/>
      <c r="T4502" s="98"/>
      <c r="U4502" s="97"/>
      <c r="AG4502" s="98"/>
      <c r="AY4502" s="164"/>
      <c r="BK4502" s="98"/>
      <c r="BL4502" s="97"/>
      <c r="BX4502" s="98"/>
      <c r="CL4502" s="97"/>
      <c r="CX4502" s="98"/>
      <c r="DL4502" s="97"/>
      <c r="DX4502" s="98"/>
      <c r="EL4502" s="97"/>
      <c r="EX4502" s="98"/>
      <c r="EY4502" s="97"/>
      <c r="FL4502" s="126"/>
      <c r="FM4502" s="91"/>
      <c r="FN4502" s="91"/>
      <c r="FO4502" s="91"/>
      <c r="FP4502" s="91"/>
      <c r="FQ4502" s="91"/>
      <c r="FR4502" s="91"/>
      <c r="FS4502" s="91"/>
      <c r="FT4502" s="91"/>
      <c r="FU4502" s="91"/>
      <c r="FV4502" s="91"/>
      <c r="FW4502" s="91"/>
      <c r="FX4502" s="127"/>
      <c r="FY4502" s="126"/>
      <c r="FZ4502" s="91"/>
      <c r="GA4502" s="91"/>
      <c r="GB4502" s="91"/>
      <c r="GC4502" s="91"/>
      <c r="GD4502" s="91"/>
      <c r="GE4502" s="91"/>
      <c r="GF4502" s="91"/>
      <c r="GG4502" s="91"/>
      <c r="GH4502" s="91"/>
      <c r="GI4502" s="91"/>
      <c r="GJ4502" s="91"/>
      <c r="GK4502" s="127"/>
      <c r="GL4502" s="126"/>
      <c r="GM4502" s="91"/>
      <c r="GN4502" s="91"/>
      <c r="GO4502" s="91"/>
      <c r="GP4502" s="91"/>
      <c r="GQ4502" s="91"/>
      <c r="GR4502" s="91"/>
      <c r="GS4502" s="91"/>
      <c r="GT4502" s="91"/>
      <c r="GU4502" s="91"/>
      <c r="GV4502" s="91"/>
      <c r="GW4502" s="91"/>
      <c r="GX4502" s="127"/>
      <c r="GY4502" s="126"/>
      <c r="GZ4502" s="91"/>
      <c r="HA4502" s="91"/>
      <c r="HB4502" s="91"/>
      <c r="HC4502" s="91"/>
      <c r="HD4502" s="91"/>
      <c r="HE4502" s="91"/>
      <c r="HF4502" s="91"/>
      <c r="HG4502" s="91"/>
      <c r="HH4502" s="91"/>
      <c r="HI4502" s="91"/>
      <c r="HJ4502" s="91"/>
      <c r="HK4502" s="127"/>
      <c r="HL4502" s="126"/>
      <c r="HM4502" s="91"/>
      <c r="HN4502" s="91"/>
      <c r="HO4502" s="91"/>
      <c r="HP4502" s="91"/>
      <c r="HQ4502" s="91"/>
      <c r="HR4502" s="91"/>
      <c r="HS4502" s="91"/>
      <c r="HT4502" s="91"/>
      <c r="HU4502" s="91"/>
      <c r="HV4502" s="91"/>
      <c r="HW4502" s="91"/>
      <c r="HX4502" s="127"/>
      <c r="HY4502" s="126"/>
      <c r="HZ4502" s="91"/>
      <c r="IA4502" s="91"/>
      <c r="IB4502" s="91"/>
      <c r="IC4502" s="91"/>
      <c r="ID4502" s="91"/>
      <c r="IE4502" s="91"/>
      <c r="IF4502" s="91"/>
      <c r="IG4502" s="91"/>
      <c r="IH4502" s="91"/>
      <c r="II4502" s="91"/>
      <c r="IJ4502" s="91"/>
      <c r="IK4502" s="174"/>
    </row>
    <row r="4503" spans="2:245" x14ac:dyDescent="0.2">
      <c r="B4503" s="43"/>
      <c r="C4503" s="73"/>
      <c r="D4503" s="64"/>
      <c r="E4503" s="64"/>
      <c r="F4503" s="55"/>
      <c r="G4503" s="102"/>
      <c r="H4503" s="97"/>
      <c r="T4503" s="98"/>
      <c r="U4503" s="97"/>
      <c r="AG4503" s="98"/>
      <c r="AY4503" s="164"/>
      <c r="BK4503" s="98"/>
      <c r="BL4503" s="97"/>
      <c r="BX4503" s="98"/>
      <c r="CL4503" s="97"/>
      <c r="CX4503" s="98"/>
      <c r="DL4503" s="97"/>
      <c r="DX4503" s="98"/>
      <c r="EL4503" s="97"/>
      <c r="EX4503" s="98"/>
      <c r="EY4503" s="97"/>
      <c r="FL4503" s="126"/>
      <c r="FM4503" s="91"/>
      <c r="FN4503" s="91"/>
      <c r="FO4503" s="91"/>
      <c r="FP4503" s="91"/>
      <c r="FQ4503" s="91"/>
      <c r="FR4503" s="91"/>
      <c r="FS4503" s="91"/>
      <c r="FT4503" s="91"/>
      <c r="FU4503" s="91"/>
      <c r="FV4503" s="91"/>
      <c r="FW4503" s="91"/>
      <c r="FX4503" s="127"/>
      <c r="FY4503" s="126"/>
      <c r="FZ4503" s="91"/>
      <c r="GA4503" s="91"/>
      <c r="GB4503" s="91"/>
      <c r="GC4503" s="91"/>
      <c r="GD4503" s="91"/>
      <c r="GE4503" s="91"/>
      <c r="GF4503" s="91"/>
      <c r="GG4503" s="91"/>
      <c r="GH4503" s="91"/>
      <c r="GI4503" s="91"/>
      <c r="GJ4503" s="91"/>
      <c r="GK4503" s="127"/>
      <c r="GL4503" s="126"/>
      <c r="GM4503" s="91"/>
      <c r="GN4503" s="91"/>
      <c r="GO4503" s="91"/>
      <c r="GP4503" s="91"/>
      <c r="GQ4503" s="91"/>
      <c r="GR4503" s="91"/>
      <c r="GS4503" s="91"/>
      <c r="GT4503" s="91"/>
      <c r="GU4503" s="91"/>
      <c r="GV4503" s="91"/>
      <c r="GW4503" s="91"/>
      <c r="GX4503" s="127"/>
      <c r="GY4503" s="126"/>
      <c r="GZ4503" s="91"/>
      <c r="HA4503" s="91"/>
      <c r="HB4503" s="91"/>
      <c r="HC4503" s="91"/>
      <c r="HD4503" s="91"/>
      <c r="HE4503" s="91"/>
      <c r="HF4503" s="91"/>
      <c r="HG4503" s="91"/>
      <c r="HH4503" s="91"/>
      <c r="HI4503" s="91"/>
      <c r="HJ4503" s="91"/>
      <c r="HK4503" s="127"/>
      <c r="HL4503" s="126"/>
      <c r="HM4503" s="91"/>
      <c r="HN4503" s="91"/>
      <c r="HO4503" s="91"/>
      <c r="HP4503" s="91"/>
      <c r="HQ4503" s="91"/>
      <c r="HR4503" s="91"/>
      <c r="HS4503" s="91"/>
      <c r="HT4503" s="91"/>
      <c r="HU4503" s="91"/>
      <c r="HV4503" s="91"/>
      <c r="HW4503" s="91"/>
      <c r="HX4503" s="127"/>
      <c r="HY4503" s="126"/>
      <c r="HZ4503" s="91"/>
      <c r="IA4503" s="91"/>
      <c r="IB4503" s="91"/>
      <c r="IC4503" s="91"/>
      <c r="ID4503" s="91"/>
      <c r="IE4503" s="91"/>
      <c r="IF4503" s="91"/>
      <c r="IG4503" s="91"/>
      <c r="IH4503" s="91"/>
      <c r="II4503" s="91"/>
      <c r="IJ4503" s="91"/>
      <c r="IK4503" s="174"/>
    </row>
    <row r="4504" spans="2:245" x14ac:dyDescent="0.2">
      <c r="B4504" s="43"/>
      <c r="C4504" s="73"/>
      <c r="D4504" s="64"/>
      <c r="E4504" s="64"/>
      <c r="F4504" s="55"/>
      <c r="G4504" s="102"/>
      <c r="H4504" s="97"/>
      <c r="T4504" s="98"/>
      <c r="U4504" s="97"/>
      <c r="AG4504" s="98"/>
      <c r="AY4504" s="164"/>
      <c r="BK4504" s="98"/>
      <c r="BL4504" s="97"/>
      <c r="BX4504" s="98"/>
      <c r="CL4504" s="97"/>
      <c r="CX4504" s="98"/>
      <c r="DL4504" s="97"/>
      <c r="DX4504" s="98"/>
      <c r="EL4504" s="97"/>
      <c r="EX4504" s="98"/>
      <c r="EY4504" s="97"/>
      <c r="FL4504" s="126"/>
      <c r="FM4504" s="91"/>
      <c r="FN4504" s="91"/>
      <c r="FO4504" s="91"/>
      <c r="FP4504" s="91"/>
      <c r="FQ4504" s="91"/>
      <c r="FR4504" s="91"/>
      <c r="FS4504" s="91"/>
      <c r="FT4504" s="91"/>
      <c r="FU4504" s="91"/>
      <c r="FV4504" s="91"/>
      <c r="FW4504" s="91"/>
      <c r="FX4504" s="127"/>
      <c r="FY4504" s="126"/>
      <c r="FZ4504" s="91"/>
      <c r="GA4504" s="91"/>
      <c r="GB4504" s="91"/>
      <c r="GC4504" s="91"/>
      <c r="GD4504" s="91"/>
      <c r="GE4504" s="91"/>
      <c r="GF4504" s="91"/>
      <c r="GG4504" s="91"/>
      <c r="GH4504" s="91"/>
      <c r="GI4504" s="91"/>
      <c r="GJ4504" s="91"/>
      <c r="GK4504" s="127"/>
      <c r="GL4504" s="126"/>
      <c r="GM4504" s="91"/>
      <c r="GN4504" s="91"/>
      <c r="GO4504" s="91"/>
      <c r="GP4504" s="91"/>
      <c r="GQ4504" s="91"/>
      <c r="GR4504" s="91"/>
      <c r="GS4504" s="91"/>
      <c r="GT4504" s="91"/>
      <c r="GU4504" s="91"/>
      <c r="GV4504" s="91"/>
      <c r="GW4504" s="91"/>
      <c r="GX4504" s="127"/>
      <c r="GY4504" s="126"/>
      <c r="GZ4504" s="91"/>
      <c r="HA4504" s="91"/>
      <c r="HB4504" s="91"/>
      <c r="HC4504" s="91"/>
      <c r="HD4504" s="91"/>
      <c r="HE4504" s="91"/>
      <c r="HF4504" s="91"/>
      <c r="HG4504" s="91"/>
      <c r="HH4504" s="91"/>
      <c r="HI4504" s="91"/>
      <c r="HJ4504" s="91"/>
      <c r="HK4504" s="127"/>
      <c r="HL4504" s="126"/>
      <c r="HM4504" s="91"/>
      <c r="HN4504" s="91"/>
      <c r="HO4504" s="91"/>
      <c r="HP4504" s="91"/>
      <c r="HQ4504" s="91"/>
      <c r="HR4504" s="91"/>
      <c r="HS4504" s="91"/>
      <c r="HT4504" s="91"/>
      <c r="HU4504" s="91"/>
      <c r="HV4504" s="91"/>
      <c r="HW4504" s="91"/>
      <c r="HX4504" s="127"/>
      <c r="HY4504" s="126"/>
      <c r="HZ4504" s="91"/>
      <c r="IA4504" s="91"/>
      <c r="IB4504" s="91"/>
      <c r="IC4504" s="91"/>
      <c r="ID4504" s="91"/>
      <c r="IE4504" s="91"/>
      <c r="IF4504" s="91"/>
      <c r="IG4504" s="91"/>
      <c r="IH4504" s="91"/>
      <c r="II4504" s="91"/>
      <c r="IJ4504" s="91"/>
      <c r="IK4504" s="174"/>
    </row>
    <row r="4505" spans="2:245" x14ac:dyDescent="0.2">
      <c r="B4505" s="43"/>
      <c r="C4505" s="73"/>
      <c r="D4505" s="64"/>
      <c r="E4505" s="64"/>
      <c r="F4505" s="55"/>
      <c r="G4505" s="102"/>
      <c r="H4505" s="97"/>
      <c r="T4505" s="98"/>
      <c r="U4505" s="97"/>
      <c r="AG4505" s="98"/>
      <c r="AY4505" s="164"/>
      <c r="BK4505" s="98"/>
      <c r="BL4505" s="97"/>
      <c r="BX4505" s="98"/>
      <c r="CL4505" s="97"/>
      <c r="CX4505" s="98"/>
      <c r="DL4505" s="97"/>
      <c r="DX4505" s="98"/>
      <c r="EL4505" s="97"/>
      <c r="EX4505" s="98"/>
      <c r="EY4505" s="97"/>
      <c r="FL4505" s="126"/>
      <c r="FM4505" s="91"/>
      <c r="FN4505" s="91"/>
      <c r="FO4505" s="91"/>
      <c r="FP4505" s="91"/>
      <c r="FQ4505" s="91"/>
      <c r="FR4505" s="91"/>
      <c r="FS4505" s="91"/>
      <c r="FT4505" s="91"/>
      <c r="FU4505" s="91"/>
      <c r="FV4505" s="91"/>
      <c r="FW4505" s="91"/>
      <c r="FX4505" s="127"/>
      <c r="FY4505" s="126"/>
      <c r="FZ4505" s="91"/>
      <c r="GA4505" s="91"/>
      <c r="GB4505" s="91"/>
      <c r="GC4505" s="91"/>
      <c r="GD4505" s="91"/>
      <c r="GE4505" s="91"/>
      <c r="GF4505" s="91"/>
      <c r="GG4505" s="91"/>
      <c r="GH4505" s="91"/>
      <c r="GI4505" s="91"/>
      <c r="GJ4505" s="91"/>
      <c r="GK4505" s="127"/>
      <c r="GL4505" s="126"/>
      <c r="GM4505" s="91"/>
      <c r="GN4505" s="91"/>
      <c r="GO4505" s="91"/>
      <c r="GP4505" s="91"/>
      <c r="GQ4505" s="91"/>
      <c r="GR4505" s="91"/>
      <c r="GS4505" s="91"/>
      <c r="GT4505" s="91"/>
      <c r="GU4505" s="91"/>
      <c r="GV4505" s="91"/>
      <c r="GW4505" s="91"/>
      <c r="GX4505" s="127"/>
      <c r="GY4505" s="126"/>
      <c r="GZ4505" s="91"/>
      <c r="HA4505" s="91"/>
      <c r="HB4505" s="91"/>
      <c r="HC4505" s="91"/>
      <c r="HD4505" s="91"/>
      <c r="HE4505" s="91"/>
      <c r="HF4505" s="91"/>
      <c r="HG4505" s="91"/>
      <c r="HH4505" s="91"/>
      <c r="HI4505" s="91"/>
      <c r="HJ4505" s="91"/>
      <c r="HK4505" s="127"/>
      <c r="HL4505" s="126"/>
      <c r="HM4505" s="91"/>
      <c r="HN4505" s="91"/>
      <c r="HO4505" s="91"/>
      <c r="HP4505" s="91"/>
      <c r="HQ4505" s="91"/>
      <c r="HR4505" s="91"/>
      <c r="HS4505" s="91"/>
      <c r="HT4505" s="91"/>
      <c r="HU4505" s="91"/>
      <c r="HV4505" s="91"/>
      <c r="HW4505" s="91"/>
      <c r="HX4505" s="127"/>
      <c r="HY4505" s="126"/>
      <c r="HZ4505" s="91"/>
      <c r="IA4505" s="91"/>
      <c r="IB4505" s="91"/>
      <c r="IC4505" s="91"/>
      <c r="ID4505" s="91"/>
      <c r="IE4505" s="91"/>
      <c r="IF4505" s="91"/>
      <c r="IG4505" s="91"/>
      <c r="IH4505" s="91"/>
      <c r="II4505" s="91"/>
      <c r="IJ4505" s="91"/>
      <c r="IK4505" s="174"/>
    </row>
    <row r="4506" spans="2:245" x14ac:dyDescent="0.2">
      <c r="B4506" s="43"/>
      <c r="C4506" s="73"/>
      <c r="D4506" s="64"/>
      <c r="E4506" s="64"/>
      <c r="F4506" s="55"/>
      <c r="G4506" s="102"/>
      <c r="H4506" s="97"/>
      <c r="T4506" s="98"/>
      <c r="U4506" s="97"/>
      <c r="AG4506" s="98"/>
      <c r="AY4506" s="164"/>
      <c r="BK4506" s="98"/>
      <c r="BL4506" s="97"/>
      <c r="BX4506" s="98"/>
      <c r="CL4506" s="97"/>
      <c r="CX4506" s="98"/>
      <c r="DL4506" s="97"/>
      <c r="DX4506" s="98"/>
      <c r="EL4506" s="97"/>
      <c r="EX4506" s="98"/>
      <c r="EY4506" s="97"/>
      <c r="FL4506" s="126"/>
      <c r="FM4506" s="91"/>
      <c r="FN4506" s="91"/>
      <c r="FO4506" s="91"/>
      <c r="FP4506" s="91"/>
      <c r="FQ4506" s="91"/>
      <c r="FR4506" s="91"/>
      <c r="FS4506" s="91"/>
      <c r="FT4506" s="91"/>
      <c r="FU4506" s="91"/>
      <c r="FV4506" s="91"/>
      <c r="FW4506" s="91"/>
      <c r="FX4506" s="127"/>
      <c r="FY4506" s="126"/>
      <c r="FZ4506" s="91"/>
      <c r="GA4506" s="91"/>
      <c r="GB4506" s="91"/>
      <c r="GC4506" s="91"/>
      <c r="GD4506" s="91"/>
      <c r="GE4506" s="91"/>
      <c r="GF4506" s="91"/>
      <c r="GG4506" s="91"/>
      <c r="GH4506" s="91"/>
      <c r="GI4506" s="91"/>
      <c r="GJ4506" s="91"/>
      <c r="GK4506" s="127"/>
      <c r="GL4506" s="126"/>
      <c r="GM4506" s="91"/>
      <c r="GN4506" s="91"/>
      <c r="GO4506" s="91"/>
      <c r="GP4506" s="91"/>
      <c r="GQ4506" s="91"/>
      <c r="GR4506" s="91"/>
      <c r="GS4506" s="91"/>
      <c r="GT4506" s="91"/>
      <c r="GU4506" s="91"/>
      <c r="GV4506" s="91"/>
      <c r="GW4506" s="91"/>
      <c r="GX4506" s="127"/>
      <c r="GY4506" s="126"/>
      <c r="GZ4506" s="91"/>
      <c r="HA4506" s="91"/>
      <c r="HB4506" s="91"/>
      <c r="HC4506" s="91"/>
      <c r="HD4506" s="91"/>
      <c r="HE4506" s="91"/>
      <c r="HF4506" s="91"/>
      <c r="HG4506" s="91"/>
      <c r="HH4506" s="91"/>
      <c r="HI4506" s="91"/>
      <c r="HJ4506" s="91"/>
      <c r="HK4506" s="127"/>
      <c r="HL4506" s="126"/>
      <c r="HM4506" s="91"/>
      <c r="HN4506" s="91"/>
      <c r="HO4506" s="91"/>
      <c r="HP4506" s="91"/>
      <c r="HQ4506" s="91"/>
      <c r="HR4506" s="91"/>
      <c r="HS4506" s="91"/>
      <c r="HT4506" s="91"/>
      <c r="HU4506" s="91"/>
      <c r="HV4506" s="91"/>
      <c r="HW4506" s="91"/>
      <c r="HX4506" s="127"/>
      <c r="HY4506" s="126"/>
      <c r="HZ4506" s="91"/>
      <c r="IA4506" s="91"/>
      <c r="IB4506" s="91"/>
      <c r="IC4506" s="91"/>
      <c r="ID4506" s="91"/>
      <c r="IE4506" s="91"/>
      <c r="IF4506" s="91"/>
      <c r="IG4506" s="91"/>
      <c r="IH4506" s="91"/>
      <c r="II4506" s="91"/>
      <c r="IJ4506" s="91"/>
      <c r="IK4506" s="174"/>
    </row>
    <row r="4507" spans="2:245" x14ac:dyDescent="0.2">
      <c r="B4507" s="43"/>
      <c r="C4507" s="73"/>
      <c r="D4507" s="64"/>
      <c r="E4507" s="64"/>
      <c r="F4507" s="55"/>
      <c r="G4507" s="102"/>
      <c r="H4507" s="97"/>
      <c r="T4507" s="98"/>
      <c r="U4507" s="97"/>
      <c r="AG4507" s="98"/>
      <c r="AY4507" s="164"/>
      <c r="BK4507" s="98"/>
      <c r="BL4507" s="97"/>
      <c r="BX4507" s="98"/>
      <c r="CL4507" s="97"/>
      <c r="CX4507" s="98"/>
      <c r="DL4507" s="97"/>
      <c r="DX4507" s="98"/>
      <c r="EL4507" s="97"/>
      <c r="EX4507" s="98"/>
      <c r="EY4507" s="97"/>
      <c r="FL4507" s="126"/>
      <c r="FM4507" s="91"/>
      <c r="FN4507" s="91"/>
      <c r="FO4507" s="91"/>
      <c r="FP4507" s="91"/>
      <c r="FQ4507" s="91"/>
      <c r="FR4507" s="91"/>
      <c r="FS4507" s="91"/>
      <c r="FT4507" s="91"/>
      <c r="FU4507" s="91"/>
      <c r="FV4507" s="91"/>
      <c r="FW4507" s="91"/>
      <c r="FX4507" s="127"/>
      <c r="FY4507" s="126"/>
      <c r="FZ4507" s="91"/>
      <c r="GA4507" s="91"/>
      <c r="GB4507" s="91"/>
      <c r="GC4507" s="91"/>
      <c r="GD4507" s="91"/>
      <c r="GE4507" s="91"/>
      <c r="GF4507" s="91"/>
      <c r="GG4507" s="91"/>
      <c r="GH4507" s="91"/>
      <c r="GI4507" s="91"/>
      <c r="GJ4507" s="91"/>
      <c r="GK4507" s="127"/>
      <c r="GL4507" s="126"/>
      <c r="GM4507" s="91"/>
      <c r="GN4507" s="91"/>
      <c r="GO4507" s="91"/>
      <c r="GP4507" s="91"/>
      <c r="GQ4507" s="91"/>
      <c r="GR4507" s="91"/>
      <c r="GS4507" s="91"/>
      <c r="GT4507" s="91"/>
      <c r="GU4507" s="91"/>
      <c r="GV4507" s="91"/>
      <c r="GW4507" s="91"/>
      <c r="GX4507" s="127"/>
      <c r="GY4507" s="126"/>
      <c r="GZ4507" s="91"/>
      <c r="HA4507" s="91"/>
      <c r="HB4507" s="91"/>
      <c r="HC4507" s="91"/>
      <c r="HD4507" s="91"/>
      <c r="HE4507" s="91"/>
      <c r="HF4507" s="91"/>
      <c r="HG4507" s="91"/>
      <c r="HH4507" s="91"/>
      <c r="HI4507" s="91"/>
      <c r="HJ4507" s="91"/>
      <c r="HK4507" s="127"/>
      <c r="HL4507" s="126"/>
      <c r="HM4507" s="91"/>
      <c r="HN4507" s="91"/>
      <c r="HO4507" s="91"/>
      <c r="HP4507" s="91"/>
      <c r="HQ4507" s="91"/>
      <c r="HR4507" s="91"/>
      <c r="HS4507" s="91"/>
      <c r="HT4507" s="91"/>
      <c r="HU4507" s="91"/>
      <c r="HV4507" s="91"/>
      <c r="HW4507" s="91"/>
      <c r="HX4507" s="127"/>
      <c r="HY4507" s="126"/>
      <c r="HZ4507" s="91"/>
      <c r="IA4507" s="91"/>
      <c r="IB4507" s="91"/>
      <c r="IC4507" s="91"/>
      <c r="ID4507" s="91"/>
      <c r="IE4507" s="91"/>
      <c r="IF4507" s="91"/>
      <c r="IG4507" s="91"/>
      <c r="IH4507" s="91"/>
      <c r="II4507" s="91"/>
      <c r="IJ4507" s="91"/>
      <c r="IK4507" s="174"/>
    </row>
    <row r="4508" spans="2:245" x14ac:dyDescent="0.2">
      <c r="B4508" s="43"/>
      <c r="C4508" s="73"/>
      <c r="D4508" s="64"/>
      <c r="E4508" s="64"/>
      <c r="F4508" s="55"/>
      <c r="G4508" s="102"/>
      <c r="H4508" s="97"/>
      <c r="T4508" s="98"/>
      <c r="U4508" s="97"/>
      <c r="AG4508" s="98"/>
      <c r="AY4508" s="164"/>
      <c r="BK4508" s="98"/>
      <c r="BL4508" s="97"/>
      <c r="BX4508" s="98"/>
      <c r="CL4508" s="97"/>
      <c r="CX4508" s="98"/>
      <c r="DL4508" s="97"/>
      <c r="DX4508" s="98"/>
      <c r="EL4508" s="97"/>
      <c r="EX4508" s="98"/>
      <c r="EY4508" s="97"/>
      <c r="FL4508" s="126"/>
      <c r="FM4508" s="91"/>
      <c r="FN4508" s="91"/>
      <c r="FO4508" s="91"/>
      <c r="FP4508" s="91"/>
      <c r="FQ4508" s="91"/>
      <c r="FR4508" s="91"/>
      <c r="FS4508" s="91"/>
      <c r="FT4508" s="91"/>
      <c r="FU4508" s="91"/>
      <c r="FV4508" s="91"/>
      <c r="FW4508" s="91"/>
      <c r="FX4508" s="127"/>
      <c r="FY4508" s="126"/>
      <c r="FZ4508" s="91"/>
      <c r="GA4508" s="91"/>
      <c r="GB4508" s="91"/>
      <c r="GC4508" s="91"/>
      <c r="GD4508" s="91"/>
      <c r="GE4508" s="91"/>
      <c r="GF4508" s="91"/>
      <c r="GG4508" s="91"/>
      <c r="GH4508" s="91"/>
      <c r="GI4508" s="91"/>
      <c r="GJ4508" s="91"/>
      <c r="GK4508" s="127"/>
      <c r="GL4508" s="126"/>
      <c r="GM4508" s="91"/>
      <c r="GN4508" s="91"/>
      <c r="GO4508" s="91"/>
      <c r="GP4508" s="91"/>
      <c r="GQ4508" s="91"/>
      <c r="GR4508" s="91"/>
      <c r="GS4508" s="91"/>
      <c r="GT4508" s="91"/>
      <c r="GU4508" s="91"/>
      <c r="GV4508" s="91"/>
      <c r="GW4508" s="91"/>
      <c r="GX4508" s="127"/>
      <c r="GY4508" s="126"/>
      <c r="GZ4508" s="91"/>
      <c r="HA4508" s="91"/>
      <c r="HB4508" s="91"/>
      <c r="HC4508" s="91"/>
      <c r="HD4508" s="91"/>
      <c r="HE4508" s="91"/>
      <c r="HF4508" s="91"/>
      <c r="HG4508" s="91"/>
      <c r="HH4508" s="91"/>
      <c r="HI4508" s="91"/>
      <c r="HJ4508" s="91"/>
      <c r="HK4508" s="127"/>
      <c r="HL4508" s="126"/>
      <c r="HM4508" s="91"/>
      <c r="HN4508" s="91"/>
      <c r="HO4508" s="91"/>
      <c r="HP4508" s="91"/>
      <c r="HQ4508" s="91"/>
      <c r="HR4508" s="91"/>
      <c r="HS4508" s="91"/>
      <c r="HT4508" s="91"/>
      <c r="HU4508" s="91"/>
      <c r="HV4508" s="91"/>
      <c r="HW4508" s="91"/>
      <c r="HX4508" s="127"/>
      <c r="HY4508" s="126"/>
      <c r="HZ4508" s="91"/>
      <c r="IA4508" s="91"/>
      <c r="IB4508" s="91"/>
      <c r="IC4508" s="91"/>
      <c r="ID4508" s="91"/>
      <c r="IE4508" s="91"/>
      <c r="IF4508" s="91"/>
      <c r="IG4508" s="91"/>
      <c r="IH4508" s="91"/>
      <c r="II4508" s="91"/>
      <c r="IJ4508" s="91"/>
      <c r="IK4508" s="174"/>
    </row>
    <row r="4509" spans="2:245" x14ac:dyDescent="0.2">
      <c r="B4509" s="43"/>
      <c r="C4509" s="73"/>
      <c r="D4509" s="64"/>
      <c r="E4509" s="64"/>
      <c r="F4509" s="55"/>
      <c r="G4509" s="102"/>
      <c r="H4509" s="97"/>
      <c r="T4509" s="98"/>
      <c r="U4509" s="97"/>
      <c r="AG4509" s="98"/>
      <c r="AY4509" s="164"/>
      <c r="BK4509" s="98"/>
      <c r="BL4509" s="97"/>
      <c r="BX4509" s="98"/>
      <c r="CL4509" s="97"/>
      <c r="CX4509" s="98"/>
      <c r="DL4509" s="97"/>
      <c r="DX4509" s="98"/>
      <c r="EL4509" s="97"/>
      <c r="EX4509" s="98"/>
      <c r="EY4509" s="97"/>
      <c r="FL4509" s="126"/>
      <c r="FM4509" s="91"/>
      <c r="FN4509" s="91"/>
      <c r="FO4509" s="91"/>
      <c r="FP4509" s="91"/>
      <c r="FQ4509" s="91"/>
      <c r="FR4509" s="91"/>
      <c r="FS4509" s="91"/>
      <c r="FT4509" s="91"/>
      <c r="FU4509" s="91"/>
      <c r="FV4509" s="91"/>
      <c r="FW4509" s="91"/>
      <c r="FX4509" s="127"/>
      <c r="FY4509" s="126"/>
      <c r="FZ4509" s="91"/>
      <c r="GA4509" s="91"/>
      <c r="GB4509" s="91"/>
      <c r="GC4509" s="91"/>
      <c r="GD4509" s="91"/>
      <c r="GE4509" s="91"/>
      <c r="GF4509" s="91"/>
      <c r="GG4509" s="91"/>
      <c r="GH4509" s="91"/>
      <c r="GI4509" s="91"/>
      <c r="GJ4509" s="91"/>
      <c r="GK4509" s="127"/>
      <c r="GL4509" s="126"/>
      <c r="GM4509" s="91"/>
      <c r="GN4509" s="91"/>
      <c r="GO4509" s="91"/>
      <c r="GP4509" s="91"/>
      <c r="GQ4509" s="91"/>
      <c r="GR4509" s="91"/>
      <c r="GS4509" s="91"/>
      <c r="GT4509" s="91"/>
      <c r="GU4509" s="91"/>
      <c r="GV4509" s="91"/>
      <c r="GW4509" s="91"/>
      <c r="GX4509" s="127"/>
      <c r="GY4509" s="126"/>
      <c r="GZ4509" s="91"/>
      <c r="HA4509" s="91"/>
      <c r="HB4509" s="91"/>
      <c r="HC4509" s="91"/>
      <c r="HD4509" s="91"/>
      <c r="HE4509" s="91"/>
      <c r="HF4509" s="91"/>
      <c r="HG4509" s="91"/>
      <c r="HH4509" s="91"/>
      <c r="HI4509" s="91"/>
      <c r="HJ4509" s="91"/>
      <c r="HK4509" s="127"/>
      <c r="HL4509" s="126"/>
      <c r="HM4509" s="91"/>
      <c r="HN4509" s="91"/>
      <c r="HO4509" s="91"/>
      <c r="HP4509" s="91"/>
      <c r="HQ4509" s="91"/>
      <c r="HR4509" s="91"/>
      <c r="HS4509" s="91"/>
      <c r="HT4509" s="91"/>
      <c r="HU4509" s="91"/>
      <c r="HV4509" s="91"/>
      <c r="HW4509" s="91"/>
      <c r="HX4509" s="127"/>
      <c r="HY4509" s="126"/>
      <c r="HZ4509" s="91"/>
      <c r="IA4509" s="91"/>
      <c r="IB4509" s="91"/>
      <c r="IC4509" s="91"/>
      <c r="ID4509" s="91"/>
      <c r="IE4509" s="91"/>
      <c r="IF4509" s="91"/>
      <c r="IG4509" s="91"/>
      <c r="IH4509" s="91"/>
      <c r="II4509" s="91"/>
      <c r="IJ4509" s="91"/>
      <c r="IK4509" s="174"/>
    </row>
    <row r="4510" spans="2:245" x14ac:dyDescent="0.2">
      <c r="B4510" s="43"/>
      <c r="C4510" s="73"/>
      <c r="D4510" s="64"/>
      <c r="E4510" s="64"/>
      <c r="F4510" s="55"/>
      <c r="G4510" s="102"/>
      <c r="H4510" s="97"/>
      <c r="T4510" s="98"/>
      <c r="U4510" s="97"/>
      <c r="AG4510" s="98"/>
      <c r="AY4510" s="164"/>
      <c r="BK4510" s="98"/>
      <c r="BL4510" s="97"/>
      <c r="BX4510" s="98"/>
      <c r="CL4510" s="97"/>
      <c r="CX4510" s="98"/>
      <c r="DL4510" s="97"/>
      <c r="DX4510" s="98"/>
      <c r="EL4510" s="97"/>
      <c r="EX4510" s="98"/>
      <c r="EY4510" s="97"/>
      <c r="FL4510" s="126"/>
      <c r="FM4510" s="91"/>
      <c r="FN4510" s="91"/>
      <c r="FO4510" s="91"/>
      <c r="FP4510" s="91"/>
      <c r="FQ4510" s="91"/>
      <c r="FR4510" s="91"/>
      <c r="FS4510" s="91"/>
      <c r="FT4510" s="91"/>
      <c r="FU4510" s="91"/>
      <c r="FV4510" s="91"/>
      <c r="FW4510" s="91"/>
      <c r="FX4510" s="127"/>
      <c r="FY4510" s="126"/>
      <c r="FZ4510" s="91"/>
      <c r="GA4510" s="91"/>
      <c r="GB4510" s="91"/>
      <c r="GC4510" s="91"/>
      <c r="GD4510" s="91"/>
      <c r="GE4510" s="91"/>
      <c r="GF4510" s="91"/>
      <c r="GG4510" s="91"/>
      <c r="GH4510" s="91"/>
      <c r="GI4510" s="91"/>
      <c r="GJ4510" s="91"/>
      <c r="GK4510" s="127"/>
      <c r="GL4510" s="126"/>
      <c r="GM4510" s="91"/>
      <c r="GN4510" s="91"/>
      <c r="GO4510" s="91"/>
      <c r="GP4510" s="91"/>
      <c r="GQ4510" s="91"/>
      <c r="GR4510" s="91"/>
      <c r="GS4510" s="91"/>
      <c r="GT4510" s="91"/>
      <c r="GU4510" s="91"/>
      <c r="GV4510" s="91"/>
      <c r="GW4510" s="91"/>
      <c r="GX4510" s="127"/>
      <c r="GY4510" s="126"/>
      <c r="GZ4510" s="91"/>
      <c r="HA4510" s="91"/>
      <c r="HB4510" s="91"/>
      <c r="HC4510" s="91"/>
      <c r="HD4510" s="91"/>
      <c r="HE4510" s="91"/>
      <c r="HF4510" s="91"/>
      <c r="HG4510" s="91"/>
      <c r="HH4510" s="91"/>
      <c r="HI4510" s="91"/>
      <c r="HJ4510" s="91"/>
      <c r="HK4510" s="127"/>
      <c r="HL4510" s="126"/>
      <c r="HM4510" s="91"/>
      <c r="HN4510" s="91"/>
      <c r="HO4510" s="91"/>
      <c r="HP4510" s="91"/>
      <c r="HQ4510" s="91"/>
      <c r="HR4510" s="91"/>
      <c r="HS4510" s="91"/>
      <c r="HT4510" s="91"/>
      <c r="HU4510" s="91"/>
      <c r="HV4510" s="91"/>
      <c r="HW4510" s="91"/>
      <c r="HX4510" s="127"/>
      <c r="HY4510" s="126"/>
      <c r="HZ4510" s="91"/>
      <c r="IA4510" s="91"/>
      <c r="IB4510" s="91"/>
      <c r="IC4510" s="91"/>
      <c r="ID4510" s="91"/>
      <c r="IE4510" s="91"/>
      <c r="IF4510" s="91"/>
      <c r="IG4510" s="91"/>
      <c r="IH4510" s="91"/>
      <c r="II4510" s="91"/>
      <c r="IJ4510" s="91"/>
      <c r="IK4510" s="174"/>
    </row>
    <row r="4511" spans="2:245" x14ac:dyDescent="0.2">
      <c r="B4511" s="43"/>
      <c r="C4511" s="73"/>
      <c r="D4511" s="64"/>
      <c r="E4511" s="64"/>
      <c r="F4511" s="55"/>
      <c r="G4511" s="102"/>
      <c r="H4511" s="97"/>
      <c r="T4511" s="98"/>
      <c r="U4511" s="97"/>
      <c r="AG4511" s="98"/>
      <c r="AY4511" s="164"/>
      <c r="BK4511" s="98"/>
      <c r="BL4511" s="97"/>
      <c r="BX4511" s="98"/>
      <c r="CL4511" s="97"/>
      <c r="CX4511" s="98"/>
      <c r="DL4511" s="97"/>
      <c r="DX4511" s="98"/>
      <c r="EL4511" s="97"/>
      <c r="EX4511" s="98"/>
      <c r="EY4511" s="97"/>
      <c r="FL4511" s="126"/>
      <c r="FM4511" s="91"/>
      <c r="FN4511" s="91"/>
      <c r="FO4511" s="91"/>
      <c r="FP4511" s="91"/>
      <c r="FQ4511" s="91"/>
      <c r="FR4511" s="91"/>
      <c r="FS4511" s="91"/>
      <c r="FT4511" s="91"/>
      <c r="FU4511" s="91"/>
      <c r="FV4511" s="91"/>
      <c r="FW4511" s="91"/>
      <c r="FX4511" s="127"/>
      <c r="FY4511" s="126"/>
      <c r="FZ4511" s="91"/>
      <c r="GA4511" s="91"/>
      <c r="GB4511" s="91"/>
      <c r="GC4511" s="91"/>
      <c r="GD4511" s="91"/>
      <c r="GE4511" s="91"/>
      <c r="GF4511" s="91"/>
      <c r="GG4511" s="91"/>
      <c r="GH4511" s="91"/>
      <c r="GI4511" s="91"/>
      <c r="GJ4511" s="91"/>
      <c r="GK4511" s="127"/>
      <c r="GL4511" s="126"/>
      <c r="GM4511" s="91"/>
      <c r="GN4511" s="91"/>
      <c r="GO4511" s="91"/>
      <c r="GP4511" s="91"/>
      <c r="GQ4511" s="91"/>
      <c r="GR4511" s="91"/>
      <c r="GS4511" s="91"/>
      <c r="GT4511" s="91"/>
      <c r="GU4511" s="91"/>
      <c r="GV4511" s="91"/>
      <c r="GW4511" s="91"/>
      <c r="GX4511" s="127"/>
      <c r="GY4511" s="126"/>
      <c r="GZ4511" s="91"/>
      <c r="HA4511" s="91"/>
      <c r="HB4511" s="91"/>
      <c r="HC4511" s="91"/>
      <c r="HD4511" s="91"/>
      <c r="HE4511" s="91"/>
      <c r="HF4511" s="91"/>
      <c r="HG4511" s="91"/>
      <c r="HH4511" s="91"/>
      <c r="HI4511" s="91"/>
      <c r="HJ4511" s="91"/>
      <c r="HK4511" s="127"/>
      <c r="HL4511" s="126"/>
      <c r="HM4511" s="91"/>
      <c r="HN4511" s="91"/>
      <c r="HO4511" s="91"/>
      <c r="HP4511" s="91"/>
      <c r="HQ4511" s="91"/>
      <c r="HR4511" s="91"/>
      <c r="HS4511" s="91"/>
      <c r="HT4511" s="91"/>
      <c r="HU4511" s="91"/>
      <c r="HV4511" s="91"/>
      <c r="HW4511" s="91"/>
      <c r="HX4511" s="127"/>
      <c r="HY4511" s="126"/>
      <c r="HZ4511" s="91"/>
      <c r="IA4511" s="91"/>
      <c r="IB4511" s="91"/>
      <c r="IC4511" s="91"/>
      <c r="ID4511" s="91"/>
      <c r="IE4511" s="91"/>
      <c r="IF4511" s="91"/>
      <c r="IG4511" s="91"/>
      <c r="IH4511" s="91"/>
      <c r="II4511" s="91"/>
      <c r="IJ4511" s="91"/>
      <c r="IK4511" s="174"/>
    </row>
    <row r="4512" spans="2:245" x14ac:dyDescent="0.2">
      <c r="B4512" s="43"/>
      <c r="C4512" s="73"/>
      <c r="D4512" s="64"/>
      <c r="E4512" s="64"/>
      <c r="F4512" s="55"/>
      <c r="G4512" s="102"/>
      <c r="H4512" s="97"/>
      <c r="T4512" s="98"/>
      <c r="U4512" s="97"/>
      <c r="AG4512" s="98"/>
      <c r="AY4512" s="164"/>
      <c r="BK4512" s="98"/>
      <c r="BL4512" s="97"/>
      <c r="BX4512" s="98"/>
      <c r="CL4512" s="97"/>
      <c r="CX4512" s="98"/>
      <c r="DL4512" s="97"/>
      <c r="DX4512" s="98"/>
      <c r="EL4512" s="97"/>
      <c r="EX4512" s="98"/>
      <c r="EY4512" s="97"/>
      <c r="FL4512" s="126"/>
      <c r="FM4512" s="91"/>
      <c r="FN4512" s="91"/>
      <c r="FO4512" s="91"/>
      <c r="FP4512" s="91"/>
      <c r="FQ4512" s="91"/>
      <c r="FR4512" s="91"/>
      <c r="FS4512" s="91"/>
      <c r="FT4512" s="91"/>
      <c r="FU4512" s="91"/>
      <c r="FV4512" s="91"/>
      <c r="FW4512" s="91"/>
      <c r="FX4512" s="127"/>
      <c r="FY4512" s="126"/>
      <c r="FZ4512" s="91"/>
      <c r="GA4512" s="91"/>
      <c r="GB4512" s="91"/>
      <c r="GC4512" s="91"/>
      <c r="GD4512" s="91"/>
      <c r="GE4512" s="91"/>
      <c r="GF4512" s="91"/>
      <c r="GG4512" s="91"/>
      <c r="GH4512" s="91"/>
      <c r="GI4512" s="91"/>
      <c r="GJ4512" s="91"/>
      <c r="GK4512" s="127"/>
      <c r="GL4512" s="126"/>
      <c r="GM4512" s="91"/>
      <c r="GN4512" s="91"/>
      <c r="GO4512" s="91"/>
      <c r="GP4512" s="91"/>
      <c r="GQ4512" s="91"/>
      <c r="GR4512" s="91"/>
      <c r="GS4512" s="91"/>
      <c r="GT4512" s="91"/>
      <c r="GU4512" s="91"/>
      <c r="GV4512" s="91"/>
      <c r="GW4512" s="91"/>
      <c r="GX4512" s="127"/>
      <c r="GY4512" s="126"/>
      <c r="GZ4512" s="91"/>
      <c r="HA4512" s="91"/>
      <c r="HB4512" s="91"/>
      <c r="HC4512" s="91"/>
      <c r="HD4512" s="91"/>
      <c r="HE4512" s="91"/>
      <c r="HF4512" s="91"/>
      <c r="HG4512" s="91"/>
      <c r="HH4512" s="91"/>
      <c r="HI4512" s="91"/>
      <c r="HJ4512" s="91"/>
      <c r="HK4512" s="127"/>
      <c r="HL4512" s="126"/>
      <c r="HM4512" s="91"/>
      <c r="HN4512" s="91"/>
      <c r="HO4512" s="91"/>
      <c r="HP4512" s="91"/>
      <c r="HQ4512" s="91"/>
      <c r="HR4512" s="91"/>
      <c r="HS4512" s="91"/>
      <c r="HT4512" s="91"/>
      <c r="HU4512" s="91"/>
      <c r="HV4512" s="91"/>
      <c r="HW4512" s="91"/>
      <c r="HX4512" s="127"/>
      <c r="HY4512" s="126"/>
      <c r="HZ4512" s="91"/>
      <c r="IA4512" s="91"/>
      <c r="IB4512" s="91"/>
      <c r="IC4512" s="91"/>
      <c r="ID4512" s="91"/>
      <c r="IE4512" s="91"/>
      <c r="IF4512" s="91"/>
      <c r="IG4512" s="91"/>
      <c r="IH4512" s="91"/>
      <c r="II4512" s="91"/>
      <c r="IJ4512" s="91"/>
      <c r="IK4512" s="174"/>
    </row>
    <row r="4513" spans="2:245" x14ac:dyDescent="0.2">
      <c r="B4513" s="43"/>
      <c r="C4513" s="73"/>
      <c r="D4513" s="64"/>
      <c r="E4513" s="64"/>
      <c r="F4513" s="55"/>
      <c r="G4513" s="102"/>
      <c r="H4513" s="97"/>
      <c r="T4513" s="98"/>
      <c r="U4513" s="97"/>
      <c r="AG4513" s="98"/>
      <c r="AY4513" s="164"/>
      <c r="BK4513" s="98"/>
      <c r="BL4513" s="97"/>
      <c r="BX4513" s="98"/>
      <c r="CL4513" s="97"/>
      <c r="CX4513" s="98"/>
      <c r="DL4513" s="97"/>
      <c r="DX4513" s="98"/>
      <c r="EL4513" s="97"/>
      <c r="EX4513" s="98"/>
      <c r="EY4513" s="97"/>
      <c r="FL4513" s="126"/>
      <c r="FM4513" s="91"/>
      <c r="FN4513" s="91"/>
      <c r="FO4513" s="91"/>
      <c r="FP4513" s="91"/>
      <c r="FQ4513" s="91"/>
      <c r="FR4513" s="91"/>
      <c r="FS4513" s="91"/>
      <c r="FT4513" s="91"/>
      <c r="FU4513" s="91"/>
      <c r="FV4513" s="91"/>
      <c r="FW4513" s="91"/>
      <c r="FX4513" s="127"/>
      <c r="FY4513" s="126"/>
      <c r="FZ4513" s="91"/>
      <c r="GA4513" s="91"/>
      <c r="GB4513" s="91"/>
      <c r="GC4513" s="91"/>
      <c r="GD4513" s="91"/>
      <c r="GE4513" s="91"/>
      <c r="GF4513" s="91"/>
      <c r="GG4513" s="91"/>
      <c r="GH4513" s="91"/>
      <c r="GI4513" s="91"/>
      <c r="GJ4513" s="91"/>
      <c r="GK4513" s="127"/>
      <c r="GL4513" s="126"/>
      <c r="GM4513" s="91"/>
      <c r="GN4513" s="91"/>
      <c r="GO4513" s="91"/>
      <c r="GP4513" s="91"/>
      <c r="GQ4513" s="91"/>
      <c r="GR4513" s="91"/>
      <c r="GS4513" s="91"/>
      <c r="GT4513" s="91"/>
      <c r="GU4513" s="91"/>
      <c r="GV4513" s="91"/>
      <c r="GW4513" s="91"/>
      <c r="GX4513" s="127"/>
      <c r="GY4513" s="126"/>
      <c r="GZ4513" s="91"/>
      <c r="HA4513" s="91"/>
      <c r="HB4513" s="91"/>
      <c r="HC4513" s="91"/>
      <c r="HD4513" s="91"/>
      <c r="HE4513" s="91"/>
      <c r="HF4513" s="91"/>
      <c r="HG4513" s="91"/>
      <c r="HH4513" s="91"/>
      <c r="HI4513" s="91"/>
      <c r="HJ4513" s="91"/>
      <c r="HK4513" s="127"/>
      <c r="HL4513" s="126"/>
      <c r="HM4513" s="91"/>
      <c r="HN4513" s="91"/>
      <c r="HO4513" s="91"/>
      <c r="HP4513" s="91"/>
      <c r="HQ4513" s="91"/>
      <c r="HR4513" s="91"/>
      <c r="HS4513" s="91"/>
      <c r="HT4513" s="91"/>
      <c r="HU4513" s="91"/>
      <c r="HV4513" s="91"/>
      <c r="HW4513" s="91"/>
      <c r="HX4513" s="127"/>
      <c r="HY4513" s="126"/>
      <c r="HZ4513" s="91"/>
      <c r="IA4513" s="91"/>
      <c r="IB4513" s="91"/>
      <c r="IC4513" s="91"/>
      <c r="ID4513" s="91"/>
      <c r="IE4513" s="91"/>
      <c r="IF4513" s="91"/>
      <c r="IG4513" s="91"/>
      <c r="IH4513" s="91"/>
      <c r="II4513" s="91"/>
      <c r="IJ4513" s="91"/>
      <c r="IK4513" s="174"/>
    </row>
    <row r="4514" spans="2:245" x14ac:dyDescent="0.2">
      <c r="B4514" s="43"/>
      <c r="C4514" s="73"/>
      <c r="D4514" s="64"/>
      <c r="E4514" s="64"/>
      <c r="F4514" s="55"/>
      <c r="G4514" s="102"/>
      <c r="H4514" s="97"/>
      <c r="T4514" s="98"/>
      <c r="U4514" s="97"/>
      <c r="AG4514" s="98"/>
      <c r="AY4514" s="164"/>
      <c r="BK4514" s="98"/>
      <c r="BL4514" s="97"/>
      <c r="BX4514" s="98"/>
      <c r="CL4514" s="97"/>
      <c r="CX4514" s="98"/>
      <c r="DL4514" s="97"/>
      <c r="DX4514" s="98"/>
      <c r="EL4514" s="97"/>
      <c r="EX4514" s="98"/>
      <c r="EY4514" s="97"/>
      <c r="FL4514" s="126"/>
      <c r="FM4514" s="91"/>
      <c r="FN4514" s="91"/>
      <c r="FO4514" s="91"/>
      <c r="FP4514" s="91"/>
      <c r="FQ4514" s="91"/>
      <c r="FR4514" s="91"/>
      <c r="FS4514" s="91"/>
      <c r="FT4514" s="91"/>
      <c r="FU4514" s="91"/>
      <c r="FV4514" s="91"/>
      <c r="FW4514" s="91"/>
      <c r="FX4514" s="127"/>
      <c r="FY4514" s="126"/>
      <c r="FZ4514" s="91"/>
      <c r="GA4514" s="91"/>
      <c r="GB4514" s="91"/>
      <c r="GC4514" s="91"/>
      <c r="GD4514" s="91"/>
      <c r="GE4514" s="91"/>
      <c r="GF4514" s="91"/>
      <c r="GG4514" s="91"/>
      <c r="GH4514" s="91"/>
      <c r="GI4514" s="91"/>
      <c r="GJ4514" s="91"/>
      <c r="GK4514" s="127"/>
      <c r="GL4514" s="126"/>
      <c r="GM4514" s="91"/>
      <c r="GN4514" s="91"/>
      <c r="GO4514" s="91"/>
      <c r="GP4514" s="91"/>
      <c r="GQ4514" s="91"/>
      <c r="GR4514" s="91"/>
      <c r="GS4514" s="91"/>
      <c r="GT4514" s="91"/>
      <c r="GU4514" s="91"/>
      <c r="GV4514" s="91"/>
      <c r="GW4514" s="91"/>
      <c r="GX4514" s="127"/>
      <c r="GY4514" s="126"/>
      <c r="GZ4514" s="91"/>
      <c r="HA4514" s="91"/>
      <c r="HB4514" s="91"/>
      <c r="HC4514" s="91"/>
      <c r="HD4514" s="91"/>
      <c r="HE4514" s="91"/>
      <c r="HF4514" s="91"/>
      <c r="HG4514" s="91"/>
      <c r="HH4514" s="91"/>
      <c r="HI4514" s="91"/>
      <c r="HJ4514" s="91"/>
      <c r="HK4514" s="127"/>
      <c r="HL4514" s="126"/>
      <c r="HM4514" s="91"/>
      <c r="HN4514" s="91"/>
      <c r="HO4514" s="91"/>
      <c r="HP4514" s="91"/>
      <c r="HQ4514" s="91"/>
      <c r="HR4514" s="91"/>
      <c r="HS4514" s="91"/>
      <c r="HT4514" s="91"/>
      <c r="HU4514" s="91"/>
      <c r="HV4514" s="91"/>
      <c r="HW4514" s="91"/>
      <c r="HX4514" s="127"/>
      <c r="HY4514" s="126"/>
      <c r="HZ4514" s="91"/>
      <c r="IA4514" s="91"/>
      <c r="IB4514" s="91"/>
      <c r="IC4514" s="91"/>
      <c r="ID4514" s="91"/>
      <c r="IE4514" s="91"/>
      <c r="IF4514" s="91"/>
      <c r="IG4514" s="91"/>
      <c r="IH4514" s="91"/>
      <c r="II4514" s="91"/>
      <c r="IJ4514" s="91"/>
      <c r="IK4514" s="174"/>
    </row>
    <row r="4515" spans="2:245" x14ac:dyDescent="0.2">
      <c r="B4515" s="43"/>
      <c r="C4515" s="73"/>
      <c r="D4515" s="64"/>
      <c r="E4515" s="64"/>
      <c r="F4515" s="55"/>
      <c r="G4515" s="102"/>
      <c r="H4515" s="97"/>
      <c r="T4515" s="98"/>
      <c r="U4515" s="97"/>
      <c r="AG4515" s="98"/>
      <c r="AY4515" s="164"/>
      <c r="BK4515" s="98"/>
      <c r="BL4515" s="97"/>
      <c r="BX4515" s="98"/>
      <c r="CL4515" s="97"/>
      <c r="CX4515" s="98"/>
      <c r="DL4515" s="97"/>
      <c r="DX4515" s="98"/>
      <c r="EL4515" s="97"/>
      <c r="EX4515" s="98"/>
      <c r="EY4515" s="97"/>
      <c r="FL4515" s="126"/>
      <c r="FM4515" s="91"/>
      <c r="FN4515" s="91"/>
      <c r="FO4515" s="91"/>
      <c r="FP4515" s="91"/>
      <c r="FQ4515" s="91"/>
      <c r="FR4515" s="91"/>
      <c r="FS4515" s="91"/>
      <c r="FT4515" s="91"/>
      <c r="FU4515" s="91"/>
      <c r="FV4515" s="91"/>
      <c r="FW4515" s="91"/>
      <c r="FX4515" s="127"/>
      <c r="FY4515" s="126"/>
      <c r="FZ4515" s="91"/>
      <c r="GA4515" s="91"/>
      <c r="GB4515" s="91"/>
      <c r="GC4515" s="91"/>
      <c r="GD4515" s="91"/>
      <c r="GE4515" s="91"/>
      <c r="GF4515" s="91"/>
      <c r="GG4515" s="91"/>
      <c r="GH4515" s="91"/>
      <c r="GI4515" s="91"/>
      <c r="GJ4515" s="91"/>
      <c r="GK4515" s="127"/>
      <c r="GL4515" s="126"/>
      <c r="GM4515" s="91"/>
      <c r="GN4515" s="91"/>
      <c r="GO4515" s="91"/>
      <c r="GP4515" s="91"/>
      <c r="GQ4515" s="91"/>
      <c r="GR4515" s="91"/>
      <c r="GS4515" s="91"/>
      <c r="GT4515" s="91"/>
      <c r="GU4515" s="91"/>
      <c r="GV4515" s="91"/>
      <c r="GW4515" s="91"/>
      <c r="GX4515" s="127"/>
      <c r="GY4515" s="126"/>
      <c r="GZ4515" s="91"/>
      <c r="HA4515" s="91"/>
      <c r="HB4515" s="91"/>
      <c r="HC4515" s="91"/>
      <c r="HD4515" s="91"/>
      <c r="HE4515" s="91"/>
      <c r="HF4515" s="91"/>
      <c r="HG4515" s="91"/>
      <c r="HH4515" s="91"/>
      <c r="HI4515" s="91"/>
      <c r="HJ4515" s="91"/>
      <c r="HK4515" s="127"/>
      <c r="HL4515" s="126"/>
      <c r="HM4515" s="91"/>
      <c r="HN4515" s="91"/>
      <c r="HO4515" s="91"/>
      <c r="HP4515" s="91"/>
      <c r="HQ4515" s="91"/>
      <c r="HR4515" s="91"/>
      <c r="HS4515" s="91"/>
      <c r="HT4515" s="91"/>
      <c r="HU4515" s="91"/>
      <c r="HV4515" s="91"/>
      <c r="HW4515" s="91"/>
      <c r="HX4515" s="127"/>
      <c r="HY4515" s="126"/>
      <c r="HZ4515" s="91"/>
      <c r="IA4515" s="91"/>
      <c r="IB4515" s="91"/>
      <c r="IC4515" s="91"/>
      <c r="ID4515" s="91"/>
      <c r="IE4515" s="91"/>
      <c r="IF4515" s="91"/>
      <c r="IG4515" s="91"/>
      <c r="IH4515" s="91"/>
      <c r="II4515" s="91"/>
      <c r="IJ4515" s="91"/>
      <c r="IK4515" s="174"/>
    </row>
    <row r="4516" spans="2:245" x14ac:dyDescent="0.2">
      <c r="B4516" s="43"/>
      <c r="C4516" s="73"/>
      <c r="D4516" s="64"/>
      <c r="E4516" s="64"/>
      <c r="F4516" s="55"/>
      <c r="G4516" s="102"/>
      <c r="H4516" s="97"/>
      <c r="T4516" s="98"/>
      <c r="U4516" s="97"/>
      <c r="AG4516" s="98"/>
      <c r="AY4516" s="164"/>
      <c r="BK4516" s="98"/>
      <c r="BL4516" s="97"/>
      <c r="BX4516" s="98"/>
      <c r="CL4516" s="97"/>
      <c r="CX4516" s="98"/>
      <c r="DL4516" s="97"/>
      <c r="DX4516" s="98"/>
      <c r="EL4516" s="97"/>
      <c r="EX4516" s="98"/>
      <c r="EY4516" s="97"/>
      <c r="FL4516" s="126"/>
      <c r="FM4516" s="91"/>
      <c r="FN4516" s="91"/>
      <c r="FO4516" s="91"/>
      <c r="FP4516" s="91"/>
      <c r="FQ4516" s="91"/>
      <c r="FR4516" s="91"/>
      <c r="FS4516" s="91"/>
      <c r="FT4516" s="91"/>
      <c r="FU4516" s="91"/>
      <c r="FV4516" s="91"/>
      <c r="FW4516" s="91"/>
      <c r="FX4516" s="127"/>
      <c r="FY4516" s="126"/>
      <c r="FZ4516" s="91"/>
      <c r="GA4516" s="91"/>
      <c r="GB4516" s="91"/>
      <c r="GC4516" s="91"/>
      <c r="GD4516" s="91"/>
      <c r="GE4516" s="91"/>
      <c r="GF4516" s="91"/>
      <c r="GG4516" s="91"/>
      <c r="GH4516" s="91"/>
      <c r="GI4516" s="91"/>
      <c r="GJ4516" s="91"/>
      <c r="GK4516" s="127"/>
      <c r="GL4516" s="126"/>
      <c r="GM4516" s="91"/>
      <c r="GN4516" s="91"/>
      <c r="GO4516" s="91"/>
      <c r="GP4516" s="91"/>
      <c r="GQ4516" s="91"/>
      <c r="GR4516" s="91"/>
      <c r="GS4516" s="91"/>
      <c r="GT4516" s="91"/>
      <c r="GU4516" s="91"/>
      <c r="GV4516" s="91"/>
      <c r="GW4516" s="91"/>
      <c r="GX4516" s="127"/>
      <c r="GY4516" s="126"/>
      <c r="GZ4516" s="91"/>
      <c r="HA4516" s="91"/>
      <c r="HB4516" s="91"/>
      <c r="HC4516" s="91"/>
      <c r="HD4516" s="91"/>
      <c r="HE4516" s="91"/>
      <c r="HF4516" s="91"/>
      <c r="HG4516" s="91"/>
      <c r="HH4516" s="91"/>
      <c r="HI4516" s="91"/>
      <c r="HJ4516" s="91"/>
      <c r="HK4516" s="127"/>
      <c r="HL4516" s="126"/>
      <c r="HM4516" s="91"/>
      <c r="HN4516" s="91"/>
      <c r="HO4516" s="91"/>
      <c r="HP4516" s="91"/>
      <c r="HQ4516" s="91"/>
      <c r="HR4516" s="91"/>
      <c r="HS4516" s="91"/>
      <c r="HT4516" s="91"/>
      <c r="HU4516" s="91"/>
      <c r="HV4516" s="91"/>
      <c r="HW4516" s="91"/>
      <c r="HX4516" s="127"/>
      <c r="HY4516" s="126"/>
      <c r="HZ4516" s="91"/>
      <c r="IA4516" s="91"/>
      <c r="IB4516" s="91"/>
      <c r="IC4516" s="91"/>
      <c r="ID4516" s="91"/>
      <c r="IE4516" s="91"/>
      <c r="IF4516" s="91"/>
      <c r="IG4516" s="91"/>
      <c r="IH4516" s="91"/>
      <c r="II4516" s="91"/>
      <c r="IJ4516" s="91"/>
      <c r="IK4516" s="174"/>
    </row>
    <row r="4517" spans="2:245" x14ac:dyDescent="0.2">
      <c r="B4517" s="43"/>
      <c r="C4517" s="73"/>
      <c r="D4517" s="64"/>
      <c r="E4517" s="64"/>
      <c r="F4517" s="55"/>
      <c r="G4517" s="102"/>
      <c r="H4517" s="97"/>
      <c r="T4517" s="98"/>
      <c r="U4517" s="97"/>
      <c r="AG4517" s="98"/>
      <c r="AY4517" s="164"/>
      <c r="BK4517" s="98"/>
      <c r="BL4517" s="97"/>
      <c r="BX4517" s="98"/>
      <c r="CL4517" s="97"/>
      <c r="CX4517" s="98"/>
      <c r="DL4517" s="97"/>
      <c r="DX4517" s="98"/>
      <c r="EL4517" s="97"/>
      <c r="EX4517" s="98"/>
      <c r="EY4517" s="97"/>
      <c r="FL4517" s="126"/>
      <c r="FM4517" s="91"/>
      <c r="FN4517" s="91"/>
      <c r="FO4517" s="91"/>
      <c r="FP4517" s="91"/>
      <c r="FQ4517" s="91"/>
      <c r="FR4517" s="91"/>
      <c r="FS4517" s="91"/>
      <c r="FT4517" s="91"/>
      <c r="FU4517" s="91"/>
      <c r="FV4517" s="91"/>
      <c r="FW4517" s="91"/>
      <c r="FX4517" s="127"/>
      <c r="FY4517" s="126"/>
      <c r="FZ4517" s="91"/>
      <c r="GA4517" s="91"/>
      <c r="GB4517" s="91"/>
      <c r="GC4517" s="91"/>
      <c r="GD4517" s="91"/>
      <c r="GE4517" s="91"/>
      <c r="GF4517" s="91"/>
      <c r="GG4517" s="91"/>
      <c r="GH4517" s="91"/>
      <c r="GI4517" s="91"/>
      <c r="GJ4517" s="91"/>
      <c r="GK4517" s="127"/>
      <c r="GL4517" s="126"/>
      <c r="GM4517" s="91"/>
      <c r="GN4517" s="91"/>
      <c r="GO4517" s="91"/>
      <c r="GP4517" s="91"/>
      <c r="GQ4517" s="91"/>
      <c r="GR4517" s="91"/>
      <c r="GS4517" s="91"/>
      <c r="GT4517" s="91"/>
      <c r="GU4517" s="91"/>
      <c r="GV4517" s="91"/>
      <c r="GW4517" s="91"/>
      <c r="GX4517" s="127"/>
      <c r="GY4517" s="126"/>
      <c r="GZ4517" s="91"/>
      <c r="HA4517" s="91"/>
      <c r="HB4517" s="91"/>
      <c r="HC4517" s="91"/>
      <c r="HD4517" s="91"/>
      <c r="HE4517" s="91"/>
      <c r="HF4517" s="91"/>
      <c r="HG4517" s="91"/>
      <c r="HH4517" s="91"/>
      <c r="HI4517" s="91"/>
      <c r="HJ4517" s="91"/>
      <c r="HK4517" s="127"/>
      <c r="HL4517" s="126"/>
      <c r="HM4517" s="91"/>
      <c r="HN4517" s="91"/>
      <c r="HO4517" s="91"/>
      <c r="HP4517" s="91"/>
      <c r="HQ4517" s="91"/>
      <c r="HR4517" s="91"/>
      <c r="HS4517" s="91"/>
      <c r="HT4517" s="91"/>
      <c r="HU4517" s="91"/>
      <c r="HV4517" s="91"/>
      <c r="HW4517" s="91"/>
      <c r="HX4517" s="127"/>
      <c r="HY4517" s="126"/>
      <c r="HZ4517" s="91"/>
      <c r="IA4517" s="91"/>
      <c r="IB4517" s="91"/>
      <c r="IC4517" s="91"/>
      <c r="ID4517" s="91"/>
      <c r="IE4517" s="91"/>
      <c r="IF4517" s="91"/>
      <c r="IG4517" s="91"/>
      <c r="IH4517" s="91"/>
      <c r="II4517" s="91"/>
      <c r="IJ4517" s="91"/>
      <c r="IK4517" s="174"/>
    </row>
    <row r="4518" spans="2:245" x14ac:dyDescent="0.2">
      <c r="B4518" s="43"/>
      <c r="C4518" s="73"/>
      <c r="D4518" s="64"/>
      <c r="E4518" s="64"/>
      <c r="F4518" s="55"/>
      <c r="G4518" s="102"/>
      <c r="H4518" s="97"/>
      <c r="T4518" s="98"/>
      <c r="U4518" s="97"/>
      <c r="AG4518" s="98"/>
      <c r="AY4518" s="164"/>
      <c r="BK4518" s="98"/>
      <c r="BL4518" s="97"/>
      <c r="BX4518" s="98"/>
      <c r="CL4518" s="97"/>
      <c r="CX4518" s="98"/>
      <c r="DL4518" s="97"/>
      <c r="DX4518" s="98"/>
      <c r="EL4518" s="97"/>
      <c r="EX4518" s="98"/>
      <c r="EY4518" s="97"/>
      <c r="FL4518" s="126"/>
      <c r="FM4518" s="91"/>
      <c r="FN4518" s="91"/>
      <c r="FO4518" s="91"/>
      <c r="FP4518" s="91"/>
      <c r="FQ4518" s="91"/>
      <c r="FR4518" s="91"/>
      <c r="FS4518" s="91"/>
      <c r="FT4518" s="91"/>
      <c r="FU4518" s="91"/>
      <c r="FV4518" s="91"/>
      <c r="FW4518" s="91"/>
      <c r="FX4518" s="127"/>
      <c r="FY4518" s="126"/>
      <c r="FZ4518" s="91"/>
      <c r="GA4518" s="91"/>
      <c r="GB4518" s="91"/>
      <c r="GC4518" s="91"/>
      <c r="GD4518" s="91"/>
      <c r="GE4518" s="91"/>
      <c r="GF4518" s="91"/>
      <c r="GG4518" s="91"/>
      <c r="GH4518" s="91"/>
      <c r="GI4518" s="91"/>
      <c r="GJ4518" s="91"/>
      <c r="GK4518" s="127"/>
      <c r="GL4518" s="126"/>
      <c r="GM4518" s="91"/>
      <c r="GN4518" s="91"/>
      <c r="GO4518" s="91"/>
      <c r="GP4518" s="91"/>
      <c r="GQ4518" s="91"/>
      <c r="GR4518" s="91"/>
      <c r="GS4518" s="91"/>
      <c r="GT4518" s="91"/>
      <c r="GU4518" s="91"/>
      <c r="GV4518" s="91"/>
      <c r="GW4518" s="91"/>
      <c r="GX4518" s="127"/>
      <c r="GY4518" s="126"/>
      <c r="GZ4518" s="91"/>
      <c r="HA4518" s="91"/>
      <c r="HB4518" s="91"/>
      <c r="HC4518" s="91"/>
      <c r="HD4518" s="91"/>
      <c r="HE4518" s="91"/>
      <c r="HF4518" s="91"/>
      <c r="HG4518" s="91"/>
      <c r="HH4518" s="91"/>
      <c r="HI4518" s="91"/>
      <c r="HJ4518" s="91"/>
      <c r="HK4518" s="127"/>
      <c r="HL4518" s="126"/>
      <c r="HM4518" s="91"/>
      <c r="HN4518" s="91"/>
      <c r="HO4518" s="91"/>
      <c r="HP4518" s="91"/>
      <c r="HQ4518" s="91"/>
      <c r="HR4518" s="91"/>
      <c r="HS4518" s="91"/>
      <c r="HT4518" s="91"/>
      <c r="HU4518" s="91"/>
      <c r="HV4518" s="91"/>
      <c r="HW4518" s="91"/>
      <c r="HX4518" s="127"/>
      <c r="HY4518" s="126"/>
      <c r="HZ4518" s="91"/>
      <c r="IA4518" s="91"/>
      <c r="IB4518" s="91"/>
      <c r="IC4518" s="91"/>
      <c r="ID4518" s="91"/>
      <c r="IE4518" s="91"/>
      <c r="IF4518" s="91"/>
      <c r="IG4518" s="91"/>
      <c r="IH4518" s="91"/>
      <c r="II4518" s="91"/>
      <c r="IJ4518" s="91"/>
      <c r="IK4518" s="174"/>
    </row>
    <row r="4519" spans="2:245" x14ac:dyDescent="0.2">
      <c r="B4519" s="43"/>
      <c r="C4519" s="73"/>
      <c r="D4519" s="64"/>
      <c r="E4519" s="64"/>
      <c r="F4519" s="55"/>
      <c r="G4519" s="102"/>
      <c r="H4519" s="97"/>
      <c r="T4519" s="98"/>
      <c r="U4519" s="97"/>
      <c r="AG4519" s="98"/>
      <c r="AY4519" s="164"/>
      <c r="BK4519" s="98"/>
      <c r="BL4519" s="97"/>
      <c r="BX4519" s="98"/>
      <c r="CL4519" s="97"/>
      <c r="CX4519" s="98"/>
      <c r="DL4519" s="97"/>
      <c r="DX4519" s="98"/>
      <c r="EL4519" s="97"/>
      <c r="EX4519" s="98"/>
      <c r="EY4519" s="97"/>
      <c r="FL4519" s="126"/>
      <c r="FM4519" s="91"/>
      <c r="FN4519" s="91"/>
      <c r="FO4519" s="91"/>
      <c r="FP4519" s="91"/>
      <c r="FQ4519" s="91"/>
      <c r="FR4519" s="91"/>
      <c r="FS4519" s="91"/>
      <c r="FT4519" s="91"/>
      <c r="FU4519" s="91"/>
      <c r="FV4519" s="91"/>
      <c r="FW4519" s="91"/>
      <c r="FX4519" s="127"/>
      <c r="FY4519" s="126"/>
      <c r="FZ4519" s="91"/>
      <c r="GA4519" s="91"/>
      <c r="GB4519" s="91"/>
      <c r="GC4519" s="91"/>
      <c r="GD4519" s="91"/>
      <c r="GE4519" s="91"/>
      <c r="GF4519" s="91"/>
      <c r="GG4519" s="91"/>
      <c r="GH4519" s="91"/>
      <c r="GI4519" s="91"/>
      <c r="GJ4519" s="91"/>
      <c r="GK4519" s="127"/>
      <c r="GL4519" s="126"/>
      <c r="GM4519" s="91"/>
      <c r="GN4519" s="91"/>
      <c r="GO4519" s="91"/>
      <c r="GP4519" s="91"/>
      <c r="GQ4519" s="91"/>
      <c r="GR4519" s="91"/>
      <c r="GS4519" s="91"/>
      <c r="GT4519" s="91"/>
      <c r="GU4519" s="91"/>
      <c r="GV4519" s="91"/>
      <c r="GW4519" s="91"/>
      <c r="GX4519" s="127"/>
      <c r="GY4519" s="126"/>
      <c r="GZ4519" s="91"/>
      <c r="HA4519" s="91"/>
      <c r="HB4519" s="91"/>
      <c r="HC4519" s="91"/>
      <c r="HD4519" s="91"/>
      <c r="HE4519" s="91"/>
      <c r="HF4519" s="91"/>
      <c r="HG4519" s="91"/>
      <c r="HH4519" s="91"/>
      <c r="HI4519" s="91"/>
      <c r="HJ4519" s="91"/>
      <c r="HK4519" s="127"/>
      <c r="HL4519" s="126"/>
      <c r="HM4519" s="91"/>
      <c r="HN4519" s="91"/>
      <c r="HO4519" s="91"/>
      <c r="HP4519" s="91"/>
      <c r="HQ4519" s="91"/>
      <c r="HR4519" s="91"/>
      <c r="HS4519" s="91"/>
      <c r="HT4519" s="91"/>
      <c r="HU4519" s="91"/>
      <c r="HV4519" s="91"/>
      <c r="HW4519" s="91"/>
      <c r="HX4519" s="127"/>
      <c r="HY4519" s="126"/>
      <c r="HZ4519" s="91"/>
      <c r="IA4519" s="91"/>
      <c r="IB4519" s="91"/>
      <c r="IC4519" s="91"/>
      <c r="ID4519" s="91"/>
      <c r="IE4519" s="91"/>
      <c r="IF4519" s="91"/>
      <c r="IG4519" s="91"/>
      <c r="IH4519" s="91"/>
      <c r="II4519" s="91"/>
      <c r="IJ4519" s="91"/>
      <c r="IK4519" s="174"/>
    </row>
    <row r="4520" spans="2:245" x14ac:dyDescent="0.2">
      <c r="B4520" s="43"/>
      <c r="C4520" s="73"/>
      <c r="D4520" s="64"/>
      <c r="E4520" s="64"/>
      <c r="F4520" s="55"/>
      <c r="G4520" s="102"/>
      <c r="H4520" s="97"/>
      <c r="T4520" s="98"/>
      <c r="U4520" s="97"/>
      <c r="AG4520" s="98"/>
      <c r="AY4520" s="164"/>
      <c r="BK4520" s="98"/>
      <c r="BL4520" s="97"/>
      <c r="BX4520" s="98"/>
      <c r="CL4520" s="97"/>
      <c r="CX4520" s="98"/>
      <c r="DL4520" s="97"/>
      <c r="DX4520" s="98"/>
      <c r="EL4520" s="97"/>
      <c r="EX4520" s="98"/>
      <c r="EY4520" s="97"/>
      <c r="FL4520" s="126"/>
      <c r="FM4520" s="91"/>
      <c r="FN4520" s="91"/>
      <c r="FO4520" s="91"/>
      <c r="FP4520" s="91"/>
      <c r="FQ4520" s="91"/>
      <c r="FR4520" s="91"/>
      <c r="FS4520" s="91"/>
      <c r="FT4520" s="91"/>
      <c r="FU4520" s="91"/>
      <c r="FV4520" s="91"/>
      <c r="FW4520" s="91"/>
      <c r="FX4520" s="127"/>
      <c r="FY4520" s="126"/>
      <c r="FZ4520" s="91"/>
      <c r="GA4520" s="91"/>
      <c r="GB4520" s="91"/>
      <c r="GC4520" s="91"/>
      <c r="GD4520" s="91"/>
      <c r="GE4520" s="91"/>
      <c r="GF4520" s="91"/>
      <c r="GG4520" s="91"/>
      <c r="GH4520" s="91"/>
      <c r="GI4520" s="91"/>
      <c r="GJ4520" s="91"/>
      <c r="GK4520" s="127"/>
      <c r="GL4520" s="126"/>
      <c r="GM4520" s="91"/>
      <c r="GN4520" s="91"/>
      <c r="GO4520" s="91"/>
      <c r="GP4520" s="91"/>
      <c r="GQ4520" s="91"/>
      <c r="GR4520" s="91"/>
      <c r="GS4520" s="91"/>
      <c r="GT4520" s="91"/>
      <c r="GU4520" s="91"/>
      <c r="GV4520" s="91"/>
      <c r="GW4520" s="91"/>
      <c r="GX4520" s="127"/>
      <c r="GY4520" s="126"/>
      <c r="GZ4520" s="91"/>
      <c r="HA4520" s="91"/>
      <c r="HB4520" s="91"/>
      <c r="HC4520" s="91"/>
      <c r="HD4520" s="91"/>
      <c r="HE4520" s="91"/>
      <c r="HF4520" s="91"/>
      <c r="HG4520" s="91"/>
      <c r="HH4520" s="91"/>
      <c r="HI4520" s="91"/>
      <c r="HJ4520" s="91"/>
      <c r="HK4520" s="127"/>
      <c r="HL4520" s="126"/>
      <c r="HM4520" s="91"/>
      <c r="HN4520" s="91"/>
      <c r="HO4520" s="91"/>
      <c r="HP4520" s="91"/>
      <c r="HQ4520" s="91"/>
      <c r="HR4520" s="91"/>
      <c r="HS4520" s="91"/>
      <c r="HT4520" s="91"/>
      <c r="HU4520" s="91"/>
      <c r="HV4520" s="91"/>
      <c r="HW4520" s="91"/>
      <c r="HX4520" s="127"/>
      <c r="HY4520" s="126"/>
      <c r="HZ4520" s="91"/>
      <c r="IA4520" s="91"/>
      <c r="IB4520" s="91"/>
      <c r="IC4520" s="91"/>
      <c r="ID4520" s="91"/>
      <c r="IE4520" s="91"/>
      <c r="IF4520" s="91"/>
      <c r="IG4520" s="91"/>
      <c r="IH4520" s="91"/>
      <c r="II4520" s="91"/>
      <c r="IJ4520" s="91"/>
      <c r="IK4520" s="174"/>
    </row>
    <row r="4521" spans="2:245" x14ac:dyDescent="0.2">
      <c r="B4521" s="43"/>
      <c r="C4521" s="73"/>
      <c r="D4521" s="64"/>
      <c r="E4521" s="64"/>
      <c r="F4521" s="55"/>
      <c r="G4521" s="102"/>
      <c r="H4521" s="97"/>
      <c r="T4521" s="98"/>
      <c r="U4521" s="97"/>
      <c r="AG4521" s="98"/>
      <c r="AY4521" s="164"/>
      <c r="BK4521" s="98"/>
      <c r="BL4521" s="97"/>
      <c r="BX4521" s="98"/>
      <c r="CL4521" s="97"/>
      <c r="CX4521" s="98"/>
      <c r="DL4521" s="97"/>
      <c r="DX4521" s="98"/>
      <c r="EL4521" s="97"/>
      <c r="EX4521" s="98"/>
      <c r="EY4521" s="97"/>
      <c r="FL4521" s="126"/>
      <c r="FM4521" s="91"/>
      <c r="FN4521" s="91"/>
      <c r="FO4521" s="91"/>
      <c r="FP4521" s="91"/>
      <c r="FQ4521" s="91"/>
      <c r="FR4521" s="91"/>
      <c r="FS4521" s="91"/>
      <c r="FT4521" s="91"/>
      <c r="FU4521" s="91"/>
      <c r="FV4521" s="91"/>
      <c r="FW4521" s="91"/>
      <c r="FX4521" s="127"/>
      <c r="FY4521" s="126"/>
      <c r="FZ4521" s="91"/>
      <c r="GA4521" s="91"/>
      <c r="GB4521" s="91"/>
      <c r="GC4521" s="91"/>
      <c r="GD4521" s="91"/>
      <c r="GE4521" s="91"/>
      <c r="GF4521" s="91"/>
      <c r="GG4521" s="91"/>
      <c r="GH4521" s="91"/>
      <c r="GI4521" s="91"/>
      <c r="GJ4521" s="91"/>
      <c r="GK4521" s="127"/>
      <c r="GL4521" s="126"/>
      <c r="GM4521" s="91"/>
      <c r="GN4521" s="91"/>
      <c r="GO4521" s="91"/>
      <c r="GP4521" s="91"/>
      <c r="GQ4521" s="91"/>
      <c r="GR4521" s="91"/>
      <c r="GS4521" s="91"/>
      <c r="GT4521" s="91"/>
      <c r="GU4521" s="91"/>
      <c r="GV4521" s="91"/>
      <c r="GW4521" s="91"/>
      <c r="GX4521" s="127"/>
      <c r="GY4521" s="126"/>
      <c r="GZ4521" s="91"/>
      <c r="HA4521" s="91"/>
      <c r="HB4521" s="91"/>
      <c r="HC4521" s="91"/>
      <c r="HD4521" s="91"/>
      <c r="HE4521" s="91"/>
      <c r="HF4521" s="91"/>
      <c r="HG4521" s="91"/>
      <c r="HH4521" s="91"/>
      <c r="HI4521" s="91"/>
      <c r="HJ4521" s="91"/>
      <c r="HK4521" s="127"/>
      <c r="HL4521" s="126"/>
      <c r="HM4521" s="91"/>
      <c r="HN4521" s="91"/>
      <c r="HO4521" s="91"/>
      <c r="HP4521" s="91"/>
      <c r="HQ4521" s="91"/>
      <c r="HR4521" s="91"/>
      <c r="HS4521" s="91"/>
      <c r="HT4521" s="91"/>
      <c r="HU4521" s="91"/>
      <c r="HV4521" s="91"/>
      <c r="HW4521" s="91"/>
      <c r="HX4521" s="127"/>
      <c r="HY4521" s="126"/>
      <c r="HZ4521" s="91"/>
      <c r="IA4521" s="91"/>
      <c r="IB4521" s="91"/>
      <c r="IC4521" s="91"/>
      <c r="ID4521" s="91"/>
      <c r="IE4521" s="91"/>
      <c r="IF4521" s="91"/>
      <c r="IG4521" s="91"/>
      <c r="IH4521" s="91"/>
      <c r="II4521" s="91"/>
      <c r="IJ4521" s="91"/>
      <c r="IK4521" s="174"/>
    </row>
    <row r="4522" spans="2:245" x14ac:dyDescent="0.2">
      <c r="B4522" s="43"/>
      <c r="C4522" s="73"/>
      <c r="D4522" s="64"/>
      <c r="E4522" s="64"/>
      <c r="F4522" s="55"/>
      <c r="G4522" s="102"/>
      <c r="H4522" s="97"/>
      <c r="T4522" s="98"/>
      <c r="U4522" s="97"/>
      <c r="AG4522" s="98"/>
      <c r="AY4522" s="164"/>
      <c r="BK4522" s="98"/>
      <c r="BL4522" s="97"/>
      <c r="BX4522" s="98"/>
      <c r="CL4522" s="97"/>
      <c r="CX4522" s="98"/>
      <c r="DL4522" s="97"/>
      <c r="DX4522" s="98"/>
      <c r="EL4522" s="97"/>
      <c r="EX4522" s="98"/>
      <c r="EY4522" s="97"/>
      <c r="FL4522" s="126"/>
      <c r="FM4522" s="91"/>
      <c r="FN4522" s="91"/>
      <c r="FO4522" s="91"/>
      <c r="FP4522" s="91"/>
      <c r="FQ4522" s="91"/>
      <c r="FR4522" s="91"/>
      <c r="FS4522" s="91"/>
      <c r="FT4522" s="91"/>
      <c r="FU4522" s="91"/>
      <c r="FV4522" s="91"/>
      <c r="FW4522" s="91"/>
      <c r="FX4522" s="127"/>
      <c r="FY4522" s="126"/>
      <c r="FZ4522" s="91"/>
      <c r="GA4522" s="91"/>
      <c r="GB4522" s="91"/>
      <c r="GC4522" s="91"/>
      <c r="GD4522" s="91"/>
      <c r="GE4522" s="91"/>
      <c r="GF4522" s="91"/>
      <c r="GG4522" s="91"/>
      <c r="GH4522" s="91"/>
      <c r="GI4522" s="91"/>
      <c r="GJ4522" s="91"/>
      <c r="GK4522" s="127"/>
      <c r="GL4522" s="126"/>
      <c r="GM4522" s="91"/>
      <c r="GN4522" s="91"/>
      <c r="GO4522" s="91"/>
      <c r="GP4522" s="91"/>
      <c r="GQ4522" s="91"/>
      <c r="GR4522" s="91"/>
      <c r="GS4522" s="91"/>
      <c r="GT4522" s="91"/>
      <c r="GU4522" s="91"/>
      <c r="GV4522" s="91"/>
      <c r="GW4522" s="91"/>
      <c r="GX4522" s="127"/>
      <c r="GY4522" s="126"/>
      <c r="GZ4522" s="91"/>
      <c r="HA4522" s="91"/>
      <c r="HB4522" s="91"/>
      <c r="HC4522" s="91"/>
      <c r="HD4522" s="91"/>
      <c r="HE4522" s="91"/>
      <c r="HF4522" s="91"/>
      <c r="HG4522" s="91"/>
      <c r="HH4522" s="91"/>
      <c r="HI4522" s="91"/>
      <c r="HJ4522" s="91"/>
      <c r="HK4522" s="127"/>
      <c r="HL4522" s="126"/>
      <c r="HM4522" s="91"/>
      <c r="HN4522" s="91"/>
      <c r="HO4522" s="91"/>
      <c r="HP4522" s="91"/>
      <c r="HQ4522" s="91"/>
      <c r="HR4522" s="91"/>
      <c r="HS4522" s="91"/>
      <c r="HT4522" s="91"/>
      <c r="HU4522" s="91"/>
      <c r="HV4522" s="91"/>
      <c r="HW4522" s="91"/>
      <c r="HX4522" s="127"/>
      <c r="HY4522" s="126"/>
      <c r="HZ4522" s="91"/>
      <c r="IA4522" s="91"/>
      <c r="IB4522" s="91"/>
      <c r="IC4522" s="91"/>
      <c r="ID4522" s="91"/>
      <c r="IE4522" s="91"/>
      <c r="IF4522" s="91"/>
      <c r="IG4522" s="91"/>
      <c r="IH4522" s="91"/>
      <c r="II4522" s="91"/>
      <c r="IJ4522" s="91"/>
      <c r="IK4522" s="174"/>
    </row>
    <row r="4523" spans="2:245" x14ac:dyDescent="0.2">
      <c r="B4523" s="43"/>
      <c r="C4523" s="73"/>
      <c r="D4523" s="64"/>
      <c r="E4523" s="64"/>
      <c r="F4523" s="55"/>
      <c r="G4523" s="102"/>
      <c r="H4523" s="97"/>
      <c r="T4523" s="98"/>
      <c r="U4523" s="97"/>
      <c r="AG4523" s="98"/>
      <c r="AY4523" s="164"/>
      <c r="BK4523" s="98"/>
      <c r="BL4523" s="97"/>
      <c r="BX4523" s="98"/>
      <c r="CL4523" s="97"/>
      <c r="CX4523" s="98"/>
      <c r="DL4523" s="97"/>
      <c r="DX4523" s="98"/>
      <c r="EL4523" s="97"/>
      <c r="EX4523" s="98"/>
      <c r="EY4523" s="97"/>
      <c r="FL4523" s="126"/>
      <c r="FM4523" s="91"/>
      <c r="FN4523" s="91"/>
      <c r="FO4523" s="91"/>
      <c r="FP4523" s="91"/>
      <c r="FQ4523" s="91"/>
      <c r="FR4523" s="91"/>
      <c r="FS4523" s="91"/>
      <c r="FT4523" s="91"/>
      <c r="FU4523" s="91"/>
      <c r="FV4523" s="91"/>
      <c r="FW4523" s="91"/>
      <c r="FX4523" s="127"/>
      <c r="FY4523" s="126"/>
      <c r="FZ4523" s="91"/>
      <c r="GA4523" s="91"/>
      <c r="GB4523" s="91"/>
      <c r="GC4523" s="91"/>
      <c r="GD4523" s="91"/>
      <c r="GE4523" s="91"/>
      <c r="GF4523" s="91"/>
      <c r="GG4523" s="91"/>
      <c r="GH4523" s="91"/>
      <c r="GI4523" s="91"/>
      <c r="GJ4523" s="91"/>
      <c r="GK4523" s="127"/>
      <c r="GL4523" s="126"/>
      <c r="GM4523" s="91"/>
      <c r="GN4523" s="91"/>
      <c r="GO4523" s="91"/>
      <c r="GP4523" s="91"/>
      <c r="GQ4523" s="91"/>
      <c r="GR4523" s="91"/>
      <c r="GS4523" s="91"/>
      <c r="GT4523" s="91"/>
      <c r="GU4523" s="91"/>
      <c r="GV4523" s="91"/>
      <c r="GW4523" s="91"/>
      <c r="GX4523" s="127"/>
      <c r="GY4523" s="126"/>
      <c r="GZ4523" s="91"/>
      <c r="HA4523" s="91"/>
      <c r="HB4523" s="91"/>
      <c r="HC4523" s="91"/>
      <c r="HD4523" s="91"/>
      <c r="HE4523" s="91"/>
      <c r="HF4523" s="91"/>
      <c r="HG4523" s="91"/>
      <c r="HH4523" s="91"/>
      <c r="HI4523" s="91"/>
      <c r="HJ4523" s="91"/>
      <c r="HK4523" s="127"/>
      <c r="HL4523" s="126"/>
      <c r="HM4523" s="91"/>
      <c r="HN4523" s="91"/>
      <c r="HO4523" s="91"/>
      <c r="HP4523" s="91"/>
      <c r="HQ4523" s="91"/>
      <c r="HR4523" s="91"/>
      <c r="HS4523" s="91"/>
      <c r="HT4523" s="91"/>
      <c r="HU4523" s="91"/>
      <c r="HV4523" s="91"/>
      <c r="HW4523" s="91"/>
      <c r="HX4523" s="127"/>
      <c r="HY4523" s="126"/>
      <c r="HZ4523" s="91"/>
      <c r="IA4523" s="91"/>
      <c r="IB4523" s="91"/>
      <c r="IC4523" s="91"/>
      <c r="ID4523" s="91"/>
      <c r="IE4523" s="91"/>
      <c r="IF4523" s="91"/>
      <c r="IG4523" s="91"/>
      <c r="IH4523" s="91"/>
      <c r="II4523" s="91"/>
      <c r="IJ4523" s="91"/>
      <c r="IK4523" s="174"/>
    </row>
    <row r="4524" spans="2:245" x14ac:dyDescent="0.2">
      <c r="B4524" s="43"/>
      <c r="C4524" s="73"/>
      <c r="D4524" s="64"/>
      <c r="E4524" s="64"/>
      <c r="F4524" s="55"/>
      <c r="G4524" s="102"/>
      <c r="H4524" s="97"/>
      <c r="T4524" s="98"/>
      <c r="U4524" s="97"/>
      <c r="AG4524" s="98"/>
      <c r="AY4524" s="164"/>
      <c r="BK4524" s="98"/>
      <c r="BL4524" s="97"/>
      <c r="BX4524" s="98"/>
      <c r="CL4524" s="97"/>
      <c r="CX4524" s="98"/>
      <c r="DL4524" s="97"/>
      <c r="DX4524" s="98"/>
      <c r="EL4524" s="97"/>
      <c r="EX4524" s="98"/>
      <c r="EY4524" s="97"/>
      <c r="FL4524" s="126"/>
      <c r="FM4524" s="91"/>
      <c r="FN4524" s="91"/>
      <c r="FO4524" s="91"/>
      <c r="FP4524" s="91"/>
      <c r="FQ4524" s="91"/>
      <c r="FR4524" s="91"/>
      <c r="FS4524" s="91"/>
      <c r="FT4524" s="91"/>
      <c r="FU4524" s="91"/>
      <c r="FV4524" s="91"/>
      <c r="FW4524" s="91"/>
      <c r="FX4524" s="127"/>
      <c r="FY4524" s="126"/>
      <c r="FZ4524" s="91"/>
      <c r="GA4524" s="91"/>
      <c r="GB4524" s="91"/>
      <c r="GC4524" s="91"/>
      <c r="GD4524" s="91"/>
      <c r="GE4524" s="91"/>
      <c r="GF4524" s="91"/>
      <c r="GG4524" s="91"/>
      <c r="GH4524" s="91"/>
      <c r="GI4524" s="91"/>
      <c r="GJ4524" s="91"/>
      <c r="GK4524" s="127"/>
      <c r="GL4524" s="126"/>
      <c r="GM4524" s="91"/>
      <c r="GN4524" s="91"/>
      <c r="GO4524" s="91"/>
      <c r="GP4524" s="91"/>
      <c r="GQ4524" s="91"/>
      <c r="GR4524" s="91"/>
      <c r="GS4524" s="91"/>
      <c r="GT4524" s="91"/>
      <c r="GU4524" s="91"/>
      <c r="GV4524" s="91"/>
      <c r="GW4524" s="91"/>
      <c r="GX4524" s="127"/>
      <c r="GY4524" s="126"/>
      <c r="GZ4524" s="91"/>
      <c r="HA4524" s="91"/>
      <c r="HB4524" s="91"/>
      <c r="HC4524" s="91"/>
      <c r="HD4524" s="91"/>
      <c r="HE4524" s="91"/>
      <c r="HF4524" s="91"/>
      <c r="HG4524" s="91"/>
      <c r="HH4524" s="91"/>
      <c r="HI4524" s="91"/>
      <c r="HJ4524" s="91"/>
      <c r="HK4524" s="127"/>
      <c r="HL4524" s="126"/>
      <c r="HM4524" s="91"/>
      <c r="HN4524" s="91"/>
      <c r="HO4524" s="91"/>
      <c r="HP4524" s="91"/>
      <c r="HQ4524" s="91"/>
      <c r="HR4524" s="91"/>
      <c r="HS4524" s="91"/>
      <c r="HT4524" s="91"/>
      <c r="HU4524" s="91"/>
      <c r="HV4524" s="91"/>
      <c r="HW4524" s="91"/>
      <c r="HX4524" s="127"/>
      <c r="HY4524" s="126"/>
      <c r="HZ4524" s="91"/>
      <c r="IA4524" s="91"/>
      <c r="IB4524" s="91"/>
      <c r="IC4524" s="91"/>
      <c r="ID4524" s="91"/>
      <c r="IE4524" s="91"/>
      <c r="IF4524" s="91"/>
      <c r="IG4524" s="91"/>
      <c r="IH4524" s="91"/>
      <c r="II4524" s="91"/>
      <c r="IJ4524" s="91"/>
      <c r="IK4524" s="174"/>
    </row>
    <row r="4525" spans="2:245" x14ac:dyDescent="0.2">
      <c r="B4525" s="43"/>
      <c r="C4525" s="73"/>
      <c r="D4525" s="64"/>
      <c r="E4525" s="64"/>
      <c r="F4525" s="55"/>
      <c r="G4525" s="102"/>
      <c r="H4525" s="97"/>
      <c r="T4525" s="98"/>
      <c r="U4525" s="97"/>
      <c r="AG4525" s="98"/>
      <c r="AY4525" s="164"/>
      <c r="BK4525" s="98"/>
      <c r="BL4525" s="97"/>
      <c r="BX4525" s="98"/>
      <c r="CL4525" s="97"/>
      <c r="CX4525" s="98"/>
      <c r="DL4525" s="97"/>
      <c r="DX4525" s="98"/>
      <c r="EL4525" s="97"/>
      <c r="EX4525" s="98"/>
      <c r="EY4525" s="97"/>
      <c r="FL4525" s="126"/>
      <c r="FM4525" s="91"/>
      <c r="FN4525" s="91"/>
      <c r="FO4525" s="91"/>
      <c r="FP4525" s="91"/>
      <c r="FQ4525" s="91"/>
      <c r="FR4525" s="91"/>
      <c r="FS4525" s="91"/>
      <c r="FT4525" s="91"/>
      <c r="FU4525" s="91"/>
      <c r="FV4525" s="91"/>
      <c r="FW4525" s="91"/>
      <c r="FX4525" s="127"/>
      <c r="FY4525" s="126"/>
      <c r="FZ4525" s="91"/>
      <c r="GA4525" s="91"/>
      <c r="GB4525" s="91"/>
      <c r="GC4525" s="91"/>
      <c r="GD4525" s="91"/>
      <c r="GE4525" s="91"/>
      <c r="GF4525" s="91"/>
      <c r="GG4525" s="91"/>
      <c r="GH4525" s="91"/>
      <c r="GI4525" s="91"/>
      <c r="GJ4525" s="91"/>
      <c r="GK4525" s="127"/>
      <c r="GL4525" s="126"/>
      <c r="GM4525" s="91"/>
      <c r="GN4525" s="91"/>
      <c r="GO4525" s="91"/>
      <c r="GP4525" s="91"/>
      <c r="GQ4525" s="91"/>
      <c r="GR4525" s="91"/>
      <c r="GS4525" s="91"/>
      <c r="GT4525" s="91"/>
      <c r="GU4525" s="91"/>
      <c r="GV4525" s="91"/>
      <c r="GW4525" s="91"/>
      <c r="GX4525" s="127"/>
      <c r="GY4525" s="126"/>
      <c r="GZ4525" s="91"/>
      <c r="HA4525" s="91"/>
      <c r="HB4525" s="91"/>
      <c r="HC4525" s="91"/>
      <c r="HD4525" s="91"/>
      <c r="HE4525" s="91"/>
      <c r="HF4525" s="91"/>
      <c r="HG4525" s="91"/>
      <c r="HH4525" s="91"/>
      <c r="HI4525" s="91"/>
      <c r="HJ4525" s="91"/>
      <c r="HK4525" s="127"/>
      <c r="HL4525" s="126"/>
      <c r="HM4525" s="91"/>
      <c r="HN4525" s="91"/>
      <c r="HO4525" s="91"/>
      <c r="HP4525" s="91"/>
      <c r="HQ4525" s="91"/>
      <c r="HR4525" s="91"/>
      <c r="HS4525" s="91"/>
      <c r="HT4525" s="91"/>
      <c r="HU4525" s="91"/>
      <c r="HV4525" s="91"/>
      <c r="HW4525" s="91"/>
      <c r="HX4525" s="127"/>
      <c r="HY4525" s="126"/>
      <c r="HZ4525" s="91"/>
      <c r="IA4525" s="91"/>
      <c r="IB4525" s="91"/>
      <c r="IC4525" s="91"/>
      <c r="ID4525" s="91"/>
      <c r="IE4525" s="91"/>
      <c r="IF4525" s="91"/>
      <c r="IG4525" s="91"/>
      <c r="IH4525" s="91"/>
      <c r="II4525" s="91"/>
      <c r="IJ4525" s="91"/>
      <c r="IK4525" s="174"/>
    </row>
    <row r="4526" spans="2:245" x14ac:dyDescent="0.2">
      <c r="B4526" s="43"/>
      <c r="C4526" s="73"/>
      <c r="D4526" s="64"/>
      <c r="E4526" s="64"/>
      <c r="F4526" s="55"/>
      <c r="G4526" s="102"/>
      <c r="H4526" s="97"/>
      <c r="T4526" s="98"/>
      <c r="U4526" s="97"/>
      <c r="AG4526" s="98"/>
      <c r="AY4526" s="164"/>
      <c r="BK4526" s="98"/>
      <c r="BL4526" s="97"/>
      <c r="BX4526" s="98"/>
      <c r="CL4526" s="97"/>
      <c r="CX4526" s="98"/>
      <c r="DL4526" s="97"/>
      <c r="DX4526" s="98"/>
      <c r="EL4526" s="97"/>
      <c r="EX4526" s="98"/>
      <c r="EY4526" s="97"/>
      <c r="FL4526" s="126"/>
      <c r="FM4526" s="91"/>
      <c r="FN4526" s="91"/>
      <c r="FO4526" s="91"/>
      <c r="FP4526" s="91"/>
      <c r="FQ4526" s="91"/>
      <c r="FR4526" s="91"/>
      <c r="FS4526" s="91"/>
      <c r="FT4526" s="91"/>
      <c r="FU4526" s="91"/>
      <c r="FV4526" s="91"/>
      <c r="FW4526" s="91"/>
      <c r="FX4526" s="127"/>
      <c r="FY4526" s="126"/>
      <c r="FZ4526" s="91"/>
      <c r="GA4526" s="91"/>
      <c r="GB4526" s="91"/>
      <c r="GC4526" s="91"/>
      <c r="GD4526" s="91"/>
      <c r="GE4526" s="91"/>
      <c r="GF4526" s="91"/>
      <c r="GG4526" s="91"/>
      <c r="GH4526" s="91"/>
      <c r="GI4526" s="91"/>
      <c r="GJ4526" s="91"/>
      <c r="GK4526" s="127"/>
      <c r="GL4526" s="126"/>
      <c r="GM4526" s="91"/>
      <c r="GN4526" s="91"/>
      <c r="GO4526" s="91"/>
      <c r="GP4526" s="91"/>
      <c r="GQ4526" s="91"/>
      <c r="GR4526" s="91"/>
      <c r="GS4526" s="91"/>
      <c r="GT4526" s="91"/>
      <c r="GU4526" s="91"/>
      <c r="GV4526" s="91"/>
      <c r="GW4526" s="91"/>
      <c r="GX4526" s="127"/>
      <c r="GY4526" s="126"/>
      <c r="GZ4526" s="91"/>
      <c r="HA4526" s="91"/>
      <c r="HB4526" s="91"/>
      <c r="HC4526" s="91"/>
      <c r="HD4526" s="91"/>
      <c r="HE4526" s="91"/>
      <c r="HF4526" s="91"/>
      <c r="HG4526" s="91"/>
      <c r="HH4526" s="91"/>
      <c r="HI4526" s="91"/>
      <c r="HJ4526" s="91"/>
      <c r="HK4526" s="127"/>
      <c r="HL4526" s="126"/>
      <c r="HM4526" s="91"/>
      <c r="HN4526" s="91"/>
      <c r="HO4526" s="91"/>
      <c r="HP4526" s="91"/>
      <c r="HQ4526" s="91"/>
      <c r="HR4526" s="91"/>
      <c r="HS4526" s="91"/>
      <c r="HT4526" s="91"/>
      <c r="HU4526" s="91"/>
      <c r="HV4526" s="91"/>
      <c r="HW4526" s="91"/>
      <c r="HX4526" s="127"/>
      <c r="HY4526" s="126"/>
      <c r="HZ4526" s="91"/>
      <c r="IA4526" s="91"/>
      <c r="IB4526" s="91"/>
      <c r="IC4526" s="91"/>
      <c r="ID4526" s="91"/>
      <c r="IE4526" s="91"/>
      <c r="IF4526" s="91"/>
      <c r="IG4526" s="91"/>
      <c r="IH4526" s="91"/>
      <c r="II4526" s="91"/>
      <c r="IJ4526" s="91"/>
      <c r="IK4526" s="174"/>
    </row>
    <row r="4527" spans="2:245" x14ac:dyDescent="0.2">
      <c r="B4527" s="43"/>
      <c r="C4527" s="73"/>
      <c r="D4527" s="64"/>
      <c r="E4527" s="64"/>
      <c r="F4527" s="55"/>
      <c r="G4527" s="102"/>
      <c r="H4527" s="97"/>
      <c r="T4527" s="98"/>
      <c r="U4527" s="97"/>
      <c r="AG4527" s="98"/>
      <c r="AY4527" s="164"/>
      <c r="BK4527" s="98"/>
      <c r="BL4527" s="97"/>
      <c r="BX4527" s="98"/>
      <c r="CL4527" s="97"/>
      <c r="CX4527" s="98"/>
      <c r="DL4527" s="97"/>
      <c r="DX4527" s="98"/>
      <c r="EL4527" s="97"/>
      <c r="EX4527" s="98"/>
      <c r="EY4527" s="97"/>
      <c r="FL4527" s="126"/>
      <c r="FM4527" s="91"/>
      <c r="FN4527" s="91"/>
      <c r="FO4527" s="91"/>
      <c r="FP4527" s="91"/>
      <c r="FQ4527" s="91"/>
      <c r="FR4527" s="91"/>
      <c r="FS4527" s="91"/>
      <c r="FT4527" s="91"/>
      <c r="FU4527" s="91"/>
      <c r="FV4527" s="91"/>
      <c r="FW4527" s="91"/>
      <c r="FX4527" s="127"/>
      <c r="FY4527" s="126"/>
      <c r="FZ4527" s="91"/>
      <c r="GA4527" s="91"/>
      <c r="GB4527" s="91"/>
      <c r="GC4527" s="91"/>
      <c r="GD4527" s="91"/>
      <c r="GE4527" s="91"/>
      <c r="GF4527" s="91"/>
      <c r="GG4527" s="91"/>
      <c r="GH4527" s="91"/>
      <c r="GI4527" s="91"/>
      <c r="GJ4527" s="91"/>
      <c r="GK4527" s="127"/>
      <c r="GL4527" s="126"/>
      <c r="GM4527" s="91"/>
      <c r="GN4527" s="91"/>
      <c r="GO4527" s="91"/>
      <c r="GP4527" s="91"/>
      <c r="GQ4527" s="91"/>
      <c r="GR4527" s="91"/>
      <c r="GS4527" s="91"/>
      <c r="GT4527" s="91"/>
      <c r="GU4527" s="91"/>
      <c r="GV4527" s="91"/>
      <c r="GW4527" s="91"/>
      <c r="GX4527" s="127"/>
      <c r="GY4527" s="126"/>
      <c r="GZ4527" s="91"/>
      <c r="HA4527" s="91"/>
      <c r="HB4527" s="91"/>
      <c r="HC4527" s="91"/>
      <c r="HD4527" s="91"/>
      <c r="HE4527" s="91"/>
      <c r="HF4527" s="91"/>
      <c r="HG4527" s="91"/>
      <c r="HH4527" s="91"/>
      <c r="HI4527" s="91"/>
      <c r="HJ4527" s="91"/>
      <c r="HK4527" s="127"/>
      <c r="HL4527" s="126"/>
      <c r="HM4527" s="91"/>
      <c r="HN4527" s="91"/>
      <c r="HO4527" s="91"/>
      <c r="HP4527" s="91"/>
      <c r="HQ4527" s="91"/>
      <c r="HR4527" s="91"/>
      <c r="HS4527" s="91"/>
      <c r="HT4527" s="91"/>
      <c r="HU4527" s="91"/>
      <c r="HV4527" s="91"/>
      <c r="HW4527" s="91"/>
      <c r="HX4527" s="127"/>
      <c r="HY4527" s="126"/>
      <c r="HZ4527" s="91"/>
      <c r="IA4527" s="91"/>
      <c r="IB4527" s="91"/>
      <c r="IC4527" s="91"/>
      <c r="ID4527" s="91"/>
      <c r="IE4527" s="91"/>
      <c r="IF4527" s="91"/>
      <c r="IG4527" s="91"/>
      <c r="IH4527" s="91"/>
      <c r="II4527" s="91"/>
      <c r="IJ4527" s="91"/>
      <c r="IK4527" s="174"/>
    </row>
    <row r="4528" spans="2:245" x14ac:dyDescent="0.2">
      <c r="B4528" s="43"/>
      <c r="C4528" s="73"/>
      <c r="D4528" s="64"/>
      <c r="E4528" s="64"/>
      <c r="F4528" s="55"/>
      <c r="G4528" s="102"/>
      <c r="H4528" s="97"/>
      <c r="T4528" s="98"/>
      <c r="U4528" s="97"/>
      <c r="AG4528" s="98"/>
      <c r="AY4528" s="164"/>
      <c r="BK4528" s="98"/>
      <c r="BL4528" s="97"/>
      <c r="BX4528" s="98"/>
      <c r="CL4528" s="97"/>
      <c r="CX4528" s="98"/>
      <c r="DL4528" s="97"/>
      <c r="DX4528" s="98"/>
      <c r="EL4528" s="97"/>
      <c r="EX4528" s="98"/>
      <c r="EY4528" s="97"/>
      <c r="FL4528" s="126"/>
      <c r="FM4528" s="91"/>
      <c r="FN4528" s="91"/>
      <c r="FO4528" s="91"/>
      <c r="FP4528" s="91"/>
      <c r="FQ4528" s="91"/>
      <c r="FR4528" s="91"/>
      <c r="FS4528" s="91"/>
      <c r="FT4528" s="91"/>
      <c r="FU4528" s="91"/>
      <c r="FV4528" s="91"/>
      <c r="FW4528" s="91"/>
      <c r="FX4528" s="127"/>
      <c r="FY4528" s="126"/>
      <c r="FZ4528" s="91"/>
      <c r="GA4528" s="91"/>
      <c r="GB4528" s="91"/>
      <c r="GC4528" s="91"/>
      <c r="GD4528" s="91"/>
      <c r="GE4528" s="91"/>
      <c r="GF4528" s="91"/>
      <c r="GG4528" s="91"/>
      <c r="GH4528" s="91"/>
      <c r="GI4528" s="91"/>
      <c r="GJ4528" s="91"/>
      <c r="GK4528" s="127"/>
      <c r="GL4528" s="126"/>
      <c r="GM4528" s="91"/>
      <c r="GN4528" s="91"/>
      <c r="GO4528" s="91"/>
      <c r="GP4528" s="91"/>
      <c r="GQ4528" s="91"/>
      <c r="GR4528" s="91"/>
      <c r="GS4528" s="91"/>
      <c r="GT4528" s="91"/>
      <c r="GU4528" s="91"/>
      <c r="GV4528" s="91"/>
      <c r="GW4528" s="91"/>
      <c r="GX4528" s="127"/>
      <c r="GY4528" s="126"/>
      <c r="GZ4528" s="91"/>
      <c r="HA4528" s="91"/>
      <c r="HB4528" s="91"/>
      <c r="HC4528" s="91"/>
      <c r="HD4528" s="91"/>
      <c r="HE4528" s="91"/>
      <c r="HF4528" s="91"/>
      <c r="HG4528" s="91"/>
      <c r="HH4528" s="91"/>
      <c r="HI4528" s="91"/>
      <c r="HJ4528" s="91"/>
      <c r="HK4528" s="127"/>
      <c r="HL4528" s="126"/>
      <c r="HM4528" s="91"/>
      <c r="HN4528" s="91"/>
      <c r="HO4528" s="91"/>
      <c r="HP4528" s="91"/>
      <c r="HQ4528" s="91"/>
      <c r="HR4528" s="91"/>
      <c r="HS4528" s="91"/>
      <c r="HT4528" s="91"/>
      <c r="HU4528" s="91"/>
      <c r="HV4528" s="91"/>
      <c r="HW4528" s="91"/>
      <c r="HX4528" s="127"/>
      <c r="HY4528" s="126"/>
      <c r="HZ4528" s="91"/>
      <c r="IA4528" s="91"/>
      <c r="IB4528" s="91"/>
      <c r="IC4528" s="91"/>
      <c r="ID4528" s="91"/>
      <c r="IE4528" s="91"/>
      <c r="IF4528" s="91"/>
      <c r="IG4528" s="91"/>
      <c r="IH4528" s="91"/>
      <c r="II4528" s="91"/>
      <c r="IJ4528" s="91"/>
      <c r="IK4528" s="174"/>
    </row>
    <row r="4529" spans="2:245" x14ac:dyDescent="0.2">
      <c r="B4529" s="43"/>
      <c r="C4529" s="73"/>
      <c r="D4529" s="64"/>
      <c r="E4529" s="64"/>
      <c r="F4529" s="55"/>
      <c r="G4529" s="102"/>
      <c r="H4529" s="97"/>
      <c r="T4529" s="98"/>
      <c r="U4529" s="97"/>
      <c r="AG4529" s="98"/>
      <c r="AY4529" s="164"/>
      <c r="BK4529" s="98"/>
      <c r="BL4529" s="97"/>
      <c r="BX4529" s="98"/>
      <c r="CL4529" s="97"/>
      <c r="CX4529" s="98"/>
      <c r="DL4529" s="97"/>
      <c r="DX4529" s="98"/>
      <c r="EL4529" s="97"/>
      <c r="EX4529" s="98"/>
      <c r="EY4529" s="97"/>
      <c r="FL4529" s="126"/>
      <c r="FM4529" s="91"/>
      <c r="FN4529" s="91"/>
      <c r="FO4529" s="91"/>
      <c r="FP4529" s="91"/>
      <c r="FQ4529" s="91"/>
      <c r="FR4529" s="91"/>
      <c r="FS4529" s="91"/>
      <c r="FT4529" s="91"/>
      <c r="FU4529" s="91"/>
      <c r="FV4529" s="91"/>
      <c r="FW4529" s="91"/>
      <c r="FX4529" s="127"/>
      <c r="FY4529" s="126"/>
      <c r="FZ4529" s="91"/>
      <c r="GA4529" s="91"/>
      <c r="GB4529" s="91"/>
      <c r="GC4529" s="91"/>
      <c r="GD4529" s="91"/>
      <c r="GE4529" s="91"/>
      <c r="GF4529" s="91"/>
      <c r="GG4529" s="91"/>
      <c r="GH4529" s="91"/>
      <c r="GI4529" s="91"/>
      <c r="GJ4529" s="91"/>
      <c r="GK4529" s="127"/>
      <c r="GL4529" s="126"/>
      <c r="GM4529" s="91"/>
      <c r="GN4529" s="91"/>
      <c r="GO4529" s="91"/>
      <c r="GP4529" s="91"/>
      <c r="GQ4529" s="91"/>
      <c r="GR4529" s="91"/>
      <c r="GS4529" s="91"/>
      <c r="GT4529" s="91"/>
      <c r="GU4529" s="91"/>
      <c r="GV4529" s="91"/>
      <c r="GW4529" s="91"/>
      <c r="GX4529" s="127"/>
      <c r="GY4529" s="126"/>
      <c r="GZ4529" s="91"/>
      <c r="HA4529" s="91"/>
      <c r="HB4529" s="91"/>
      <c r="HC4529" s="91"/>
      <c r="HD4529" s="91"/>
      <c r="HE4529" s="91"/>
      <c r="HF4529" s="91"/>
      <c r="HG4529" s="91"/>
      <c r="HH4529" s="91"/>
      <c r="HI4529" s="91"/>
      <c r="HJ4529" s="91"/>
      <c r="HK4529" s="127"/>
      <c r="HL4529" s="126"/>
      <c r="HM4529" s="91"/>
      <c r="HN4529" s="91"/>
      <c r="HO4529" s="91"/>
      <c r="HP4529" s="91"/>
      <c r="HQ4529" s="91"/>
      <c r="HR4529" s="91"/>
      <c r="HS4529" s="91"/>
      <c r="HT4529" s="91"/>
      <c r="HU4529" s="91"/>
      <c r="HV4529" s="91"/>
      <c r="HW4529" s="91"/>
      <c r="HX4529" s="127"/>
      <c r="HY4529" s="126"/>
      <c r="HZ4529" s="91"/>
      <c r="IA4529" s="91"/>
      <c r="IB4529" s="91"/>
      <c r="IC4529" s="91"/>
      <c r="ID4529" s="91"/>
      <c r="IE4529" s="91"/>
      <c r="IF4529" s="91"/>
      <c r="IG4529" s="91"/>
      <c r="IH4529" s="91"/>
      <c r="II4529" s="91"/>
      <c r="IJ4529" s="91"/>
      <c r="IK4529" s="174"/>
    </row>
    <row r="4530" spans="2:245" x14ac:dyDescent="0.2">
      <c r="B4530" s="43"/>
      <c r="C4530" s="73"/>
      <c r="D4530" s="64"/>
      <c r="E4530" s="64"/>
      <c r="F4530" s="55"/>
      <c r="G4530" s="102"/>
      <c r="H4530" s="97"/>
      <c r="T4530" s="98"/>
      <c r="U4530" s="97"/>
      <c r="AG4530" s="98"/>
      <c r="AY4530" s="164"/>
      <c r="BK4530" s="98"/>
      <c r="BL4530" s="97"/>
      <c r="BX4530" s="98"/>
      <c r="CL4530" s="97"/>
      <c r="CX4530" s="98"/>
      <c r="DL4530" s="97"/>
      <c r="DX4530" s="98"/>
      <c r="EL4530" s="97"/>
      <c r="EX4530" s="98"/>
      <c r="EY4530" s="97"/>
      <c r="FL4530" s="126"/>
      <c r="FM4530" s="91"/>
      <c r="FN4530" s="91"/>
      <c r="FO4530" s="91"/>
      <c r="FP4530" s="91"/>
      <c r="FQ4530" s="91"/>
      <c r="FR4530" s="91"/>
      <c r="FS4530" s="91"/>
      <c r="FT4530" s="91"/>
      <c r="FU4530" s="91"/>
      <c r="FV4530" s="91"/>
      <c r="FW4530" s="91"/>
      <c r="FX4530" s="127"/>
      <c r="FY4530" s="126"/>
      <c r="FZ4530" s="91"/>
      <c r="GA4530" s="91"/>
      <c r="GB4530" s="91"/>
      <c r="GC4530" s="91"/>
      <c r="GD4530" s="91"/>
      <c r="GE4530" s="91"/>
      <c r="GF4530" s="91"/>
      <c r="GG4530" s="91"/>
      <c r="GH4530" s="91"/>
      <c r="GI4530" s="91"/>
      <c r="GJ4530" s="91"/>
      <c r="GK4530" s="127"/>
      <c r="GL4530" s="126"/>
      <c r="GM4530" s="91"/>
      <c r="GN4530" s="91"/>
      <c r="GO4530" s="91"/>
      <c r="GP4530" s="91"/>
      <c r="GQ4530" s="91"/>
      <c r="GR4530" s="91"/>
      <c r="GS4530" s="91"/>
      <c r="GT4530" s="91"/>
      <c r="GU4530" s="91"/>
      <c r="GV4530" s="91"/>
      <c r="GW4530" s="91"/>
      <c r="GX4530" s="127"/>
      <c r="GY4530" s="126"/>
      <c r="GZ4530" s="91"/>
      <c r="HA4530" s="91"/>
      <c r="HB4530" s="91"/>
      <c r="HC4530" s="91"/>
      <c r="HD4530" s="91"/>
      <c r="HE4530" s="91"/>
      <c r="HF4530" s="91"/>
      <c r="HG4530" s="91"/>
      <c r="HH4530" s="91"/>
      <c r="HI4530" s="91"/>
      <c r="HJ4530" s="91"/>
      <c r="HK4530" s="127"/>
      <c r="HL4530" s="126"/>
      <c r="HM4530" s="91"/>
      <c r="HN4530" s="91"/>
      <c r="HO4530" s="91"/>
      <c r="HP4530" s="91"/>
      <c r="HQ4530" s="91"/>
      <c r="HR4530" s="91"/>
      <c r="HS4530" s="91"/>
      <c r="HT4530" s="91"/>
      <c r="HU4530" s="91"/>
      <c r="HV4530" s="91"/>
      <c r="HW4530" s="91"/>
      <c r="HX4530" s="127"/>
      <c r="HY4530" s="126"/>
      <c r="HZ4530" s="91"/>
      <c r="IA4530" s="91"/>
      <c r="IB4530" s="91"/>
      <c r="IC4530" s="91"/>
      <c r="ID4530" s="91"/>
      <c r="IE4530" s="91"/>
      <c r="IF4530" s="91"/>
      <c r="IG4530" s="91"/>
      <c r="IH4530" s="91"/>
      <c r="II4530" s="91"/>
      <c r="IJ4530" s="91"/>
      <c r="IK4530" s="174"/>
    </row>
    <row r="4531" spans="2:245" x14ac:dyDescent="0.2">
      <c r="B4531" s="43"/>
      <c r="C4531" s="73"/>
      <c r="D4531" s="64"/>
      <c r="E4531" s="64"/>
      <c r="F4531" s="55"/>
      <c r="G4531" s="102"/>
      <c r="H4531" s="97"/>
      <c r="T4531" s="98"/>
      <c r="U4531" s="97"/>
      <c r="AG4531" s="98"/>
      <c r="AY4531" s="164"/>
      <c r="BK4531" s="98"/>
      <c r="BL4531" s="97"/>
      <c r="BX4531" s="98"/>
      <c r="CL4531" s="97"/>
      <c r="CX4531" s="98"/>
      <c r="DL4531" s="97"/>
      <c r="DX4531" s="98"/>
      <c r="EL4531" s="97"/>
      <c r="EX4531" s="98"/>
      <c r="EY4531" s="97"/>
      <c r="FL4531" s="126"/>
      <c r="FM4531" s="91"/>
      <c r="FN4531" s="91"/>
      <c r="FO4531" s="91"/>
      <c r="FP4531" s="91"/>
      <c r="FQ4531" s="91"/>
      <c r="FR4531" s="91"/>
      <c r="FS4531" s="91"/>
      <c r="FT4531" s="91"/>
      <c r="FU4531" s="91"/>
      <c r="FV4531" s="91"/>
      <c r="FW4531" s="91"/>
      <c r="FX4531" s="127"/>
      <c r="FY4531" s="126"/>
      <c r="FZ4531" s="91"/>
      <c r="GA4531" s="91"/>
      <c r="GB4531" s="91"/>
      <c r="GC4531" s="91"/>
      <c r="GD4531" s="91"/>
      <c r="GE4531" s="91"/>
      <c r="GF4531" s="91"/>
      <c r="GG4531" s="91"/>
      <c r="GH4531" s="91"/>
      <c r="GI4531" s="91"/>
      <c r="GJ4531" s="91"/>
      <c r="GK4531" s="127"/>
      <c r="GL4531" s="126"/>
      <c r="GM4531" s="91"/>
      <c r="GN4531" s="91"/>
      <c r="GO4531" s="91"/>
      <c r="GP4531" s="91"/>
      <c r="GQ4531" s="91"/>
      <c r="GR4531" s="91"/>
      <c r="GS4531" s="91"/>
      <c r="GT4531" s="91"/>
      <c r="GU4531" s="91"/>
      <c r="GV4531" s="91"/>
      <c r="GW4531" s="91"/>
      <c r="GX4531" s="127"/>
      <c r="GY4531" s="126"/>
      <c r="GZ4531" s="91"/>
      <c r="HA4531" s="91"/>
      <c r="HB4531" s="91"/>
      <c r="HC4531" s="91"/>
      <c r="HD4531" s="91"/>
      <c r="HE4531" s="91"/>
      <c r="HF4531" s="91"/>
      <c r="HG4531" s="91"/>
      <c r="HH4531" s="91"/>
      <c r="HI4531" s="91"/>
      <c r="HJ4531" s="91"/>
      <c r="HK4531" s="127"/>
      <c r="HL4531" s="126"/>
      <c r="HM4531" s="91"/>
      <c r="HN4531" s="91"/>
      <c r="HO4531" s="91"/>
      <c r="HP4531" s="91"/>
      <c r="HQ4531" s="91"/>
      <c r="HR4531" s="91"/>
      <c r="HS4531" s="91"/>
      <c r="HT4531" s="91"/>
      <c r="HU4531" s="91"/>
      <c r="HV4531" s="91"/>
      <c r="HW4531" s="91"/>
      <c r="HX4531" s="127"/>
      <c r="HY4531" s="126"/>
      <c r="HZ4531" s="91"/>
      <c r="IA4531" s="91"/>
      <c r="IB4531" s="91"/>
      <c r="IC4531" s="91"/>
      <c r="ID4531" s="91"/>
      <c r="IE4531" s="91"/>
      <c r="IF4531" s="91"/>
      <c r="IG4531" s="91"/>
      <c r="IH4531" s="91"/>
      <c r="II4531" s="91"/>
      <c r="IJ4531" s="91"/>
      <c r="IK4531" s="174"/>
    </row>
    <row r="4532" spans="2:245" x14ac:dyDescent="0.2">
      <c r="B4532" s="43"/>
      <c r="C4532" s="73"/>
      <c r="D4532" s="64"/>
      <c r="E4532" s="64"/>
      <c r="F4532" s="55"/>
      <c r="G4532" s="102"/>
      <c r="H4532" s="97"/>
      <c r="T4532" s="98"/>
      <c r="U4532" s="97"/>
      <c r="AG4532" s="98"/>
      <c r="AY4532" s="164"/>
      <c r="BK4532" s="98"/>
      <c r="BL4532" s="97"/>
      <c r="BX4532" s="98"/>
      <c r="CL4532" s="97"/>
      <c r="CX4532" s="98"/>
      <c r="DL4532" s="97"/>
      <c r="DX4532" s="98"/>
      <c r="EL4532" s="97"/>
      <c r="EX4532" s="98"/>
      <c r="EY4532" s="97"/>
      <c r="FL4532" s="126"/>
      <c r="FM4532" s="91"/>
      <c r="FN4532" s="91"/>
      <c r="FO4532" s="91"/>
      <c r="FP4532" s="91"/>
      <c r="FQ4532" s="91"/>
      <c r="FR4532" s="91"/>
      <c r="FS4532" s="91"/>
      <c r="FT4532" s="91"/>
      <c r="FU4532" s="91"/>
      <c r="FV4532" s="91"/>
      <c r="FW4532" s="91"/>
      <c r="FX4532" s="127"/>
      <c r="FY4532" s="126"/>
      <c r="FZ4532" s="91"/>
      <c r="GA4532" s="91"/>
      <c r="GB4532" s="91"/>
      <c r="GC4532" s="91"/>
      <c r="GD4532" s="91"/>
      <c r="GE4532" s="91"/>
      <c r="GF4532" s="91"/>
      <c r="GG4532" s="91"/>
      <c r="GH4532" s="91"/>
      <c r="GI4532" s="91"/>
      <c r="GJ4532" s="91"/>
      <c r="GK4532" s="127"/>
      <c r="GL4532" s="126"/>
      <c r="GM4532" s="91"/>
      <c r="GN4532" s="91"/>
      <c r="GO4532" s="91"/>
      <c r="GP4532" s="91"/>
      <c r="GQ4532" s="91"/>
      <c r="GR4532" s="91"/>
      <c r="GS4532" s="91"/>
      <c r="GT4532" s="91"/>
      <c r="GU4532" s="91"/>
      <c r="GV4532" s="91"/>
      <c r="GW4532" s="91"/>
      <c r="GX4532" s="127"/>
      <c r="GY4532" s="126"/>
      <c r="GZ4532" s="91"/>
      <c r="HA4532" s="91"/>
      <c r="HB4532" s="91"/>
      <c r="HC4532" s="91"/>
      <c r="HD4532" s="91"/>
      <c r="HE4532" s="91"/>
      <c r="HF4532" s="91"/>
      <c r="HG4532" s="91"/>
      <c r="HH4532" s="91"/>
      <c r="HI4532" s="91"/>
      <c r="HJ4532" s="91"/>
      <c r="HK4532" s="127"/>
      <c r="HL4532" s="126"/>
      <c r="HM4532" s="91"/>
      <c r="HN4532" s="91"/>
      <c r="HO4532" s="91"/>
      <c r="HP4532" s="91"/>
      <c r="HQ4532" s="91"/>
      <c r="HR4532" s="91"/>
      <c r="HS4532" s="91"/>
      <c r="HT4532" s="91"/>
      <c r="HU4532" s="91"/>
      <c r="HV4532" s="91"/>
      <c r="HW4532" s="91"/>
      <c r="HX4532" s="127"/>
      <c r="HY4532" s="126"/>
      <c r="HZ4532" s="91"/>
      <c r="IA4532" s="91"/>
      <c r="IB4532" s="91"/>
      <c r="IC4532" s="91"/>
      <c r="ID4532" s="91"/>
      <c r="IE4532" s="91"/>
      <c r="IF4532" s="91"/>
      <c r="IG4532" s="91"/>
      <c r="IH4532" s="91"/>
      <c r="II4532" s="91"/>
      <c r="IJ4532" s="91"/>
      <c r="IK4532" s="174"/>
    </row>
    <row r="4533" spans="2:245" x14ac:dyDescent="0.2">
      <c r="B4533" s="43"/>
      <c r="C4533" s="73"/>
      <c r="D4533" s="64"/>
      <c r="E4533" s="64"/>
      <c r="F4533" s="55"/>
      <c r="G4533" s="102"/>
      <c r="H4533" s="97"/>
      <c r="T4533" s="98"/>
      <c r="U4533" s="97"/>
      <c r="AG4533" s="98"/>
      <c r="AY4533" s="164"/>
      <c r="BK4533" s="98"/>
      <c r="BL4533" s="97"/>
      <c r="BX4533" s="98"/>
      <c r="CL4533" s="97"/>
      <c r="CX4533" s="98"/>
      <c r="DL4533" s="97"/>
      <c r="DX4533" s="98"/>
      <c r="EL4533" s="97"/>
      <c r="EX4533" s="98"/>
      <c r="EY4533" s="97"/>
      <c r="FL4533" s="126"/>
      <c r="FM4533" s="91"/>
      <c r="FN4533" s="91"/>
      <c r="FO4533" s="91"/>
      <c r="FP4533" s="91"/>
      <c r="FQ4533" s="91"/>
      <c r="FR4533" s="91"/>
      <c r="FS4533" s="91"/>
      <c r="FT4533" s="91"/>
      <c r="FU4533" s="91"/>
      <c r="FV4533" s="91"/>
      <c r="FW4533" s="91"/>
      <c r="FX4533" s="127"/>
      <c r="FY4533" s="126"/>
      <c r="FZ4533" s="91"/>
      <c r="GA4533" s="91"/>
      <c r="GB4533" s="91"/>
      <c r="GC4533" s="91"/>
      <c r="GD4533" s="91"/>
      <c r="GE4533" s="91"/>
      <c r="GF4533" s="91"/>
      <c r="GG4533" s="91"/>
      <c r="GH4533" s="91"/>
      <c r="GI4533" s="91"/>
      <c r="GJ4533" s="91"/>
      <c r="GK4533" s="127"/>
      <c r="GL4533" s="126"/>
      <c r="GM4533" s="91"/>
      <c r="GN4533" s="91"/>
      <c r="GO4533" s="91"/>
      <c r="GP4533" s="91"/>
      <c r="GQ4533" s="91"/>
      <c r="GR4533" s="91"/>
      <c r="GS4533" s="91"/>
      <c r="GT4533" s="91"/>
      <c r="GU4533" s="91"/>
      <c r="GV4533" s="91"/>
      <c r="GW4533" s="91"/>
      <c r="GX4533" s="127"/>
      <c r="GY4533" s="126"/>
      <c r="GZ4533" s="91"/>
      <c r="HA4533" s="91"/>
      <c r="HB4533" s="91"/>
      <c r="HC4533" s="91"/>
      <c r="HD4533" s="91"/>
      <c r="HE4533" s="91"/>
      <c r="HF4533" s="91"/>
      <c r="HG4533" s="91"/>
      <c r="HH4533" s="91"/>
      <c r="HI4533" s="91"/>
      <c r="HJ4533" s="91"/>
      <c r="HK4533" s="127"/>
      <c r="HL4533" s="126"/>
      <c r="HM4533" s="91"/>
      <c r="HN4533" s="91"/>
      <c r="HO4533" s="91"/>
      <c r="HP4533" s="91"/>
      <c r="HQ4533" s="91"/>
      <c r="HR4533" s="91"/>
      <c r="HS4533" s="91"/>
      <c r="HT4533" s="91"/>
      <c r="HU4533" s="91"/>
      <c r="HV4533" s="91"/>
      <c r="HW4533" s="91"/>
      <c r="HX4533" s="127"/>
      <c r="HY4533" s="126"/>
      <c r="HZ4533" s="91"/>
      <c r="IA4533" s="91"/>
      <c r="IB4533" s="91"/>
      <c r="IC4533" s="91"/>
      <c r="ID4533" s="91"/>
      <c r="IE4533" s="91"/>
      <c r="IF4533" s="91"/>
      <c r="IG4533" s="91"/>
      <c r="IH4533" s="91"/>
      <c r="II4533" s="91"/>
      <c r="IJ4533" s="91"/>
      <c r="IK4533" s="174"/>
    </row>
    <row r="4534" spans="2:245" x14ac:dyDescent="0.2">
      <c r="B4534" s="43"/>
      <c r="C4534" s="73"/>
      <c r="D4534" s="64"/>
      <c r="E4534" s="64"/>
      <c r="F4534" s="55"/>
      <c r="G4534" s="102"/>
      <c r="H4534" s="97"/>
      <c r="T4534" s="98"/>
      <c r="U4534" s="97"/>
      <c r="AG4534" s="98"/>
      <c r="AY4534" s="164"/>
      <c r="BK4534" s="98"/>
      <c r="BL4534" s="97"/>
      <c r="BX4534" s="98"/>
      <c r="CL4534" s="97"/>
      <c r="CX4534" s="98"/>
      <c r="DL4534" s="97"/>
      <c r="DX4534" s="98"/>
      <c r="EL4534" s="97"/>
      <c r="EX4534" s="98"/>
      <c r="EY4534" s="97"/>
      <c r="FL4534" s="126"/>
      <c r="FM4534" s="91"/>
      <c r="FN4534" s="91"/>
      <c r="FO4534" s="91"/>
      <c r="FP4534" s="91"/>
      <c r="FQ4534" s="91"/>
      <c r="FR4534" s="91"/>
      <c r="FS4534" s="91"/>
      <c r="FT4534" s="91"/>
      <c r="FU4534" s="91"/>
      <c r="FV4534" s="91"/>
      <c r="FW4534" s="91"/>
      <c r="FX4534" s="127"/>
      <c r="FY4534" s="126"/>
      <c r="FZ4534" s="91"/>
      <c r="GA4534" s="91"/>
      <c r="GB4534" s="91"/>
      <c r="GC4534" s="91"/>
      <c r="GD4534" s="91"/>
      <c r="GE4534" s="91"/>
      <c r="GF4534" s="91"/>
      <c r="GG4534" s="91"/>
      <c r="GH4534" s="91"/>
      <c r="GI4534" s="91"/>
      <c r="GJ4534" s="91"/>
      <c r="GK4534" s="127"/>
      <c r="GL4534" s="126"/>
      <c r="GM4534" s="91"/>
      <c r="GN4534" s="91"/>
      <c r="GO4534" s="91"/>
      <c r="GP4534" s="91"/>
      <c r="GQ4534" s="91"/>
      <c r="GR4534" s="91"/>
      <c r="GS4534" s="91"/>
      <c r="GT4534" s="91"/>
      <c r="GU4534" s="91"/>
      <c r="GV4534" s="91"/>
      <c r="GW4534" s="91"/>
      <c r="GX4534" s="127"/>
      <c r="GY4534" s="126"/>
      <c r="GZ4534" s="91"/>
      <c r="HA4534" s="91"/>
      <c r="HB4534" s="91"/>
      <c r="HC4534" s="91"/>
      <c r="HD4534" s="91"/>
      <c r="HE4534" s="91"/>
      <c r="HF4534" s="91"/>
      <c r="HG4534" s="91"/>
      <c r="HH4534" s="91"/>
      <c r="HI4534" s="91"/>
      <c r="HJ4534" s="91"/>
      <c r="HK4534" s="127"/>
      <c r="HL4534" s="126"/>
      <c r="HM4534" s="91"/>
      <c r="HN4534" s="91"/>
      <c r="HO4534" s="91"/>
      <c r="HP4534" s="91"/>
      <c r="HQ4534" s="91"/>
      <c r="HR4534" s="91"/>
      <c r="HS4534" s="91"/>
      <c r="HT4534" s="91"/>
      <c r="HU4534" s="91"/>
      <c r="HV4534" s="91"/>
      <c r="HW4534" s="91"/>
      <c r="HX4534" s="127"/>
      <c r="HY4534" s="126"/>
      <c r="HZ4534" s="91"/>
      <c r="IA4534" s="91"/>
      <c r="IB4534" s="91"/>
      <c r="IC4534" s="91"/>
      <c r="ID4534" s="91"/>
      <c r="IE4534" s="91"/>
      <c r="IF4534" s="91"/>
      <c r="IG4534" s="91"/>
      <c r="IH4534" s="91"/>
      <c r="II4534" s="91"/>
      <c r="IJ4534" s="91"/>
      <c r="IK4534" s="174"/>
    </row>
    <row r="4535" spans="2:245" x14ac:dyDescent="0.2">
      <c r="B4535" s="43"/>
      <c r="C4535" s="73"/>
      <c r="D4535" s="64"/>
      <c r="E4535" s="64"/>
      <c r="F4535" s="55"/>
      <c r="G4535" s="102"/>
      <c r="H4535" s="97"/>
      <c r="T4535" s="98"/>
      <c r="U4535" s="97"/>
      <c r="AG4535" s="98"/>
      <c r="AY4535" s="164"/>
      <c r="BK4535" s="98"/>
      <c r="BL4535" s="97"/>
      <c r="BX4535" s="98"/>
      <c r="CL4535" s="97"/>
      <c r="CX4535" s="98"/>
      <c r="DL4535" s="97"/>
      <c r="DX4535" s="98"/>
      <c r="EL4535" s="97"/>
      <c r="EX4535" s="98"/>
      <c r="EY4535" s="97"/>
      <c r="FL4535" s="126"/>
      <c r="FM4535" s="91"/>
      <c r="FN4535" s="91"/>
      <c r="FO4535" s="91"/>
      <c r="FP4535" s="91"/>
      <c r="FQ4535" s="91"/>
      <c r="FR4535" s="91"/>
      <c r="FS4535" s="91"/>
      <c r="FT4535" s="91"/>
      <c r="FU4535" s="91"/>
      <c r="FV4535" s="91"/>
      <c r="FW4535" s="91"/>
      <c r="FX4535" s="127"/>
      <c r="FY4535" s="126"/>
      <c r="FZ4535" s="91"/>
      <c r="GA4535" s="91"/>
      <c r="GB4535" s="91"/>
      <c r="GC4535" s="91"/>
      <c r="GD4535" s="91"/>
      <c r="GE4535" s="91"/>
      <c r="GF4535" s="91"/>
      <c r="GG4535" s="91"/>
      <c r="GH4535" s="91"/>
      <c r="GI4535" s="91"/>
      <c r="GJ4535" s="91"/>
      <c r="GK4535" s="127"/>
      <c r="GL4535" s="126"/>
      <c r="GM4535" s="91"/>
      <c r="GN4535" s="91"/>
      <c r="GO4535" s="91"/>
      <c r="GP4535" s="91"/>
      <c r="GQ4535" s="91"/>
      <c r="GR4535" s="91"/>
      <c r="GS4535" s="91"/>
      <c r="GT4535" s="91"/>
      <c r="GU4535" s="91"/>
      <c r="GV4535" s="91"/>
      <c r="GW4535" s="91"/>
      <c r="GX4535" s="127"/>
      <c r="GY4535" s="126"/>
      <c r="GZ4535" s="91"/>
      <c r="HA4535" s="91"/>
      <c r="HB4535" s="91"/>
      <c r="HC4535" s="91"/>
      <c r="HD4535" s="91"/>
      <c r="HE4535" s="91"/>
      <c r="HF4535" s="91"/>
      <c r="HG4535" s="91"/>
      <c r="HH4535" s="91"/>
      <c r="HI4535" s="91"/>
      <c r="HJ4535" s="91"/>
      <c r="HK4535" s="127"/>
      <c r="HL4535" s="126"/>
      <c r="HM4535" s="91"/>
      <c r="HN4535" s="91"/>
      <c r="HO4535" s="91"/>
      <c r="HP4535" s="91"/>
      <c r="HQ4535" s="91"/>
      <c r="HR4535" s="91"/>
      <c r="HS4535" s="91"/>
      <c r="HT4535" s="91"/>
      <c r="HU4535" s="91"/>
      <c r="HV4535" s="91"/>
      <c r="HW4535" s="91"/>
      <c r="HX4535" s="127"/>
      <c r="HY4535" s="126"/>
      <c r="HZ4535" s="91"/>
      <c r="IA4535" s="91"/>
      <c r="IB4535" s="91"/>
      <c r="IC4535" s="91"/>
      <c r="ID4535" s="91"/>
      <c r="IE4535" s="91"/>
      <c r="IF4535" s="91"/>
      <c r="IG4535" s="91"/>
      <c r="IH4535" s="91"/>
      <c r="II4535" s="91"/>
      <c r="IJ4535" s="91"/>
      <c r="IK4535" s="174"/>
    </row>
    <row r="4536" spans="2:245" x14ac:dyDescent="0.2">
      <c r="B4536" s="43"/>
      <c r="C4536" s="73"/>
      <c r="D4536" s="64"/>
      <c r="E4536" s="64"/>
      <c r="F4536" s="55"/>
      <c r="G4536" s="102"/>
      <c r="H4536" s="97"/>
      <c r="T4536" s="98"/>
      <c r="U4536" s="97"/>
      <c r="AG4536" s="98"/>
      <c r="AY4536" s="164"/>
      <c r="BK4536" s="98"/>
      <c r="BL4536" s="97"/>
      <c r="BX4536" s="98"/>
      <c r="CL4536" s="97"/>
      <c r="CX4536" s="98"/>
      <c r="DL4536" s="97"/>
      <c r="DX4536" s="98"/>
      <c r="EL4536" s="97"/>
      <c r="EX4536" s="98"/>
      <c r="EY4536" s="97"/>
      <c r="FL4536" s="126"/>
      <c r="FM4536" s="91"/>
      <c r="FN4536" s="91"/>
      <c r="FO4536" s="91"/>
      <c r="FP4536" s="91"/>
      <c r="FQ4536" s="91"/>
      <c r="FR4536" s="91"/>
      <c r="FS4536" s="91"/>
      <c r="FT4536" s="91"/>
      <c r="FU4536" s="91"/>
      <c r="FV4536" s="91"/>
      <c r="FW4536" s="91"/>
      <c r="FX4536" s="127"/>
      <c r="FY4536" s="126"/>
      <c r="FZ4536" s="91"/>
      <c r="GA4536" s="91"/>
      <c r="GB4536" s="91"/>
      <c r="GC4536" s="91"/>
      <c r="GD4536" s="91"/>
      <c r="GE4536" s="91"/>
      <c r="GF4536" s="91"/>
      <c r="GG4536" s="91"/>
      <c r="GH4536" s="91"/>
      <c r="GI4536" s="91"/>
      <c r="GJ4536" s="91"/>
      <c r="GK4536" s="127"/>
      <c r="GL4536" s="126"/>
      <c r="GM4536" s="91"/>
      <c r="GN4536" s="91"/>
      <c r="GO4536" s="91"/>
      <c r="GP4536" s="91"/>
      <c r="GQ4536" s="91"/>
      <c r="GR4536" s="91"/>
      <c r="GS4536" s="91"/>
      <c r="GT4536" s="91"/>
      <c r="GU4536" s="91"/>
      <c r="GV4536" s="91"/>
      <c r="GW4536" s="91"/>
      <c r="GX4536" s="127"/>
      <c r="GY4536" s="126"/>
      <c r="GZ4536" s="91"/>
      <c r="HA4536" s="91"/>
      <c r="HB4536" s="91"/>
      <c r="HC4536" s="91"/>
      <c r="HD4536" s="91"/>
      <c r="HE4536" s="91"/>
      <c r="HF4536" s="91"/>
      <c r="HG4536" s="91"/>
      <c r="HH4536" s="91"/>
      <c r="HI4536" s="91"/>
      <c r="HJ4536" s="91"/>
      <c r="HK4536" s="127"/>
      <c r="HL4536" s="126"/>
      <c r="HM4536" s="91"/>
      <c r="HN4536" s="91"/>
      <c r="HO4536" s="91"/>
      <c r="HP4536" s="91"/>
      <c r="HQ4536" s="91"/>
      <c r="HR4536" s="91"/>
      <c r="HS4536" s="91"/>
      <c r="HT4536" s="91"/>
      <c r="HU4536" s="91"/>
      <c r="HV4536" s="91"/>
      <c r="HW4536" s="91"/>
      <c r="HX4536" s="127"/>
      <c r="HY4536" s="126"/>
      <c r="HZ4536" s="91"/>
      <c r="IA4536" s="91"/>
      <c r="IB4536" s="91"/>
      <c r="IC4536" s="91"/>
      <c r="ID4536" s="91"/>
      <c r="IE4536" s="91"/>
      <c r="IF4536" s="91"/>
      <c r="IG4536" s="91"/>
      <c r="IH4536" s="91"/>
      <c r="II4536" s="91"/>
      <c r="IJ4536" s="91"/>
      <c r="IK4536" s="174"/>
    </row>
    <row r="4537" spans="2:245" x14ac:dyDescent="0.2">
      <c r="B4537" s="43"/>
      <c r="C4537" s="73"/>
      <c r="D4537" s="64"/>
      <c r="E4537" s="64"/>
      <c r="F4537" s="55"/>
      <c r="G4537" s="102"/>
      <c r="H4537" s="97"/>
      <c r="T4537" s="98"/>
      <c r="U4537" s="97"/>
      <c r="AG4537" s="98"/>
      <c r="AY4537" s="164"/>
      <c r="BK4537" s="98"/>
      <c r="BL4537" s="97"/>
      <c r="BX4537" s="98"/>
      <c r="CL4537" s="97"/>
      <c r="CX4537" s="98"/>
      <c r="DL4537" s="97"/>
      <c r="DX4537" s="98"/>
      <c r="EL4537" s="97"/>
      <c r="EX4537" s="98"/>
      <c r="EY4537" s="97"/>
      <c r="FL4537" s="126"/>
      <c r="FM4537" s="91"/>
      <c r="FN4537" s="91"/>
      <c r="FO4537" s="91"/>
      <c r="FP4537" s="91"/>
      <c r="FQ4537" s="91"/>
      <c r="FR4537" s="91"/>
      <c r="FS4537" s="91"/>
      <c r="FT4537" s="91"/>
      <c r="FU4537" s="91"/>
      <c r="FV4537" s="91"/>
      <c r="FW4537" s="91"/>
      <c r="FX4537" s="127"/>
      <c r="FY4537" s="126"/>
      <c r="FZ4537" s="91"/>
      <c r="GA4537" s="91"/>
      <c r="GB4537" s="91"/>
      <c r="GC4537" s="91"/>
      <c r="GD4537" s="91"/>
      <c r="GE4537" s="91"/>
      <c r="GF4537" s="91"/>
      <c r="GG4537" s="91"/>
      <c r="GH4537" s="91"/>
      <c r="GI4537" s="91"/>
      <c r="GJ4537" s="91"/>
      <c r="GK4537" s="127"/>
      <c r="GL4537" s="126"/>
      <c r="GM4537" s="91"/>
      <c r="GN4537" s="91"/>
      <c r="GO4537" s="91"/>
      <c r="GP4537" s="91"/>
      <c r="GQ4537" s="91"/>
      <c r="GR4537" s="91"/>
      <c r="GS4537" s="91"/>
      <c r="GT4537" s="91"/>
      <c r="GU4537" s="91"/>
      <c r="GV4537" s="91"/>
      <c r="GW4537" s="91"/>
      <c r="GX4537" s="127"/>
      <c r="GY4537" s="126"/>
      <c r="GZ4537" s="91"/>
      <c r="HA4537" s="91"/>
      <c r="HB4537" s="91"/>
      <c r="HC4537" s="91"/>
      <c r="HD4537" s="91"/>
      <c r="HE4537" s="91"/>
      <c r="HF4537" s="91"/>
      <c r="HG4537" s="91"/>
      <c r="HH4537" s="91"/>
      <c r="HI4537" s="91"/>
      <c r="HJ4537" s="91"/>
      <c r="HK4537" s="127"/>
      <c r="HL4537" s="126"/>
      <c r="HM4537" s="91"/>
      <c r="HN4537" s="91"/>
      <c r="HO4537" s="91"/>
      <c r="HP4537" s="91"/>
      <c r="HQ4537" s="91"/>
      <c r="HR4537" s="91"/>
      <c r="HS4537" s="91"/>
      <c r="HT4537" s="91"/>
      <c r="HU4537" s="91"/>
      <c r="HV4537" s="91"/>
      <c r="HW4537" s="91"/>
      <c r="HX4537" s="127"/>
      <c r="HY4537" s="126"/>
      <c r="HZ4537" s="91"/>
      <c r="IA4537" s="91"/>
      <c r="IB4537" s="91"/>
      <c r="IC4537" s="91"/>
      <c r="ID4537" s="91"/>
      <c r="IE4537" s="91"/>
      <c r="IF4537" s="91"/>
      <c r="IG4537" s="91"/>
      <c r="IH4537" s="91"/>
      <c r="II4537" s="91"/>
      <c r="IJ4537" s="91"/>
      <c r="IK4537" s="174"/>
    </row>
    <row r="4538" spans="2:245" x14ac:dyDescent="0.2">
      <c r="B4538" s="43"/>
      <c r="C4538" s="73"/>
      <c r="D4538" s="64"/>
      <c r="E4538" s="64"/>
      <c r="F4538" s="55"/>
      <c r="G4538" s="102"/>
      <c r="H4538" s="97"/>
      <c r="T4538" s="98"/>
      <c r="U4538" s="97"/>
      <c r="AG4538" s="98"/>
      <c r="AY4538" s="164"/>
      <c r="BK4538" s="98"/>
      <c r="BL4538" s="97"/>
      <c r="BX4538" s="98"/>
      <c r="CL4538" s="97"/>
      <c r="CX4538" s="98"/>
      <c r="DL4538" s="97"/>
      <c r="DX4538" s="98"/>
      <c r="EL4538" s="97"/>
      <c r="EX4538" s="98"/>
      <c r="EY4538" s="97"/>
      <c r="FL4538" s="126"/>
      <c r="FM4538" s="91"/>
      <c r="FN4538" s="91"/>
      <c r="FO4538" s="91"/>
      <c r="FP4538" s="91"/>
      <c r="FQ4538" s="91"/>
      <c r="FR4538" s="91"/>
      <c r="FS4538" s="91"/>
      <c r="FT4538" s="91"/>
      <c r="FU4538" s="91"/>
      <c r="FV4538" s="91"/>
      <c r="FW4538" s="91"/>
      <c r="FX4538" s="127"/>
      <c r="FY4538" s="126"/>
      <c r="FZ4538" s="91"/>
      <c r="GA4538" s="91"/>
      <c r="GB4538" s="91"/>
      <c r="GC4538" s="91"/>
      <c r="GD4538" s="91"/>
      <c r="GE4538" s="91"/>
      <c r="GF4538" s="91"/>
      <c r="GG4538" s="91"/>
      <c r="GH4538" s="91"/>
      <c r="GI4538" s="91"/>
      <c r="GJ4538" s="91"/>
      <c r="GK4538" s="127"/>
      <c r="GL4538" s="126"/>
      <c r="GM4538" s="91"/>
      <c r="GN4538" s="91"/>
      <c r="GO4538" s="91"/>
      <c r="GP4538" s="91"/>
      <c r="GQ4538" s="91"/>
      <c r="GR4538" s="91"/>
      <c r="GS4538" s="91"/>
      <c r="GT4538" s="91"/>
      <c r="GU4538" s="91"/>
      <c r="GV4538" s="91"/>
      <c r="GW4538" s="91"/>
      <c r="GX4538" s="127"/>
      <c r="GY4538" s="126"/>
      <c r="GZ4538" s="91"/>
      <c r="HA4538" s="91"/>
      <c r="HB4538" s="91"/>
      <c r="HC4538" s="91"/>
      <c r="HD4538" s="91"/>
      <c r="HE4538" s="91"/>
      <c r="HF4538" s="91"/>
      <c r="HG4538" s="91"/>
      <c r="HH4538" s="91"/>
      <c r="HI4538" s="91"/>
      <c r="HJ4538" s="91"/>
      <c r="HK4538" s="127"/>
      <c r="HL4538" s="126"/>
      <c r="HM4538" s="91"/>
      <c r="HN4538" s="91"/>
      <c r="HO4538" s="91"/>
      <c r="HP4538" s="91"/>
      <c r="HQ4538" s="91"/>
      <c r="HR4538" s="91"/>
      <c r="HS4538" s="91"/>
      <c r="HT4538" s="91"/>
      <c r="HU4538" s="91"/>
      <c r="HV4538" s="91"/>
      <c r="HW4538" s="91"/>
      <c r="HX4538" s="127"/>
      <c r="HY4538" s="126"/>
      <c r="HZ4538" s="91"/>
      <c r="IA4538" s="91"/>
      <c r="IB4538" s="91"/>
      <c r="IC4538" s="91"/>
      <c r="ID4538" s="91"/>
      <c r="IE4538" s="91"/>
      <c r="IF4538" s="91"/>
      <c r="IG4538" s="91"/>
      <c r="IH4538" s="91"/>
      <c r="II4538" s="91"/>
      <c r="IJ4538" s="91"/>
      <c r="IK4538" s="174"/>
    </row>
    <row r="4539" spans="2:245" x14ac:dyDescent="0.2">
      <c r="B4539" s="43"/>
      <c r="C4539" s="73"/>
      <c r="D4539" s="64"/>
      <c r="E4539" s="64"/>
      <c r="F4539" s="55"/>
      <c r="G4539" s="102"/>
      <c r="H4539" s="97"/>
      <c r="T4539" s="98"/>
      <c r="U4539" s="97"/>
      <c r="AG4539" s="98"/>
      <c r="AY4539" s="164"/>
      <c r="BK4539" s="98"/>
      <c r="BL4539" s="97"/>
      <c r="BX4539" s="98"/>
      <c r="CL4539" s="97"/>
      <c r="CX4539" s="98"/>
      <c r="DL4539" s="97"/>
      <c r="DX4539" s="98"/>
      <c r="EL4539" s="97"/>
      <c r="EX4539" s="98"/>
      <c r="EY4539" s="97"/>
      <c r="FL4539" s="126"/>
      <c r="FM4539" s="91"/>
      <c r="FN4539" s="91"/>
      <c r="FO4539" s="91"/>
      <c r="FP4539" s="91"/>
      <c r="FQ4539" s="91"/>
      <c r="FR4539" s="91"/>
      <c r="FS4539" s="91"/>
      <c r="FT4539" s="91"/>
      <c r="FU4539" s="91"/>
      <c r="FV4539" s="91"/>
      <c r="FW4539" s="91"/>
      <c r="FX4539" s="127"/>
      <c r="FY4539" s="126"/>
      <c r="FZ4539" s="91"/>
      <c r="GA4539" s="91"/>
      <c r="GB4539" s="91"/>
      <c r="GC4539" s="91"/>
      <c r="GD4539" s="91"/>
      <c r="GE4539" s="91"/>
      <c r="GF4539" s="91"/>
      <c r="GG4539" s="91"/>
      <c r="GH4539" s="91"/>
      <c r="GI4539" s="91"/>
      <c r="GJ4539" s="91"/>
      <c r="GK4539" s="127"/>
      <c r="GL4539" s="126"/>
      <c r="GM4539" s="91"/>
      <c r="GN4539" s="91"/>
      <c r="GO4539" s="91"/>
      <c r="GP4539" s="91"/>
      <c r="GQ4539" s="91"/>
      <c r="GR4539" s="91"/>
      <c r="GS4539" s="91"/>
      <c r="GT4539" s="91"/>
      <c r="GU4539" s="91"/>
      <c r="GV4539" s="91"/>
      <c r="GW4539" s="91"/>
      <c r="GX4539" s="127"/>
      <c r="GY4539" s="126"/>
      <c r="GZ4539" s="91"/>
      <c r="HA4539" s="91"/>
      <c r="HB4539" s="91"/>
      <c r="HC4539" s="91"/>
      <c r="HD4539" s="91"/>
      <c r="HE4539" s="91"/>
      <c r="HF4539" s="91"/>
      <c r="HG4539" s="91"/>
      <c r="HH4539" s="91"/>
      <c r="HI4539" s="91"/>
      <c r="HJ4539" s="91"/>
      <c r="HK4539" s="127"/>
      <c r="HL4539" s="126"/>
      <c r="HM4539" s="91"/>
      <c r="HN4539" s="91"/>
      <c r="HO4539" s="91"/>
      <c r="HP4539" s="91"/>
      <c r="HQ4539" s="91"/>
      <c r="HR4539" s="91"/>
      <c r="HS4539" s="91"/>
      <c r="HT4539" s="91"/>
      <c r="HU4539" s="91"/>
      <c r="HV4539" s="91"/>
      <c r="HW4539" s="91"/>
      <c r="HX4539" s="127"/>
      <c r="HY4539" s="126"/>
      <c r="HZ4539" s="91"/>
      <c r="IA4539" s="91"/>
      <c r="IB4539" s="91"/>
      <c r="IC4539" s="91"/>
      <c r="ID4539" s="91"/>
      <c r="IE4539" s="91"/>
      <c r="IF4539" s="91"/>
      <c r="IG4539" s="91"/>
      <c r="IH4539" s="91"/>
      <c r="II4539" s="91"/>
      <c r="IJ4539" s="91"/>
      <c r="IK4539" s="174"/>
    </row>
    <row r="4540" spans="2:245" x14ac:dyDescent="0.2">
      <c r="B4540" s="43"/>
      <c r="C4540" s="73"/>
      <c r="D4540" s="64"/>
      <c r="E4540" s="64"/>
      <c r="F4540" s="55"/>
      <c r="G4540" s="102"/>
      <c r="H4540" s="97"/>
      <c r="T4540" s="98"/>
      <c r="U4540" s="97"/>
      <c r="AG4540" s="98"/>
      <c r="AY4540" s="164"/>
      <c r="BK4540" s="98"/>
      <c r="BL4540" s="97"/>
      <c r="BX4540" s="98"/>
      <c r="CL4540" s="97"/>
      <c r="CX4540" s="98"/>
      <c r="DL4540" s="97"/>
      <c r="DX4540" s="98"/>
      <c r="EL4540" s="97"/>
      <c r="EX4540" s="98"/>
      <c r="EY4540" s="97"/>
      <c r="FL4540" s="126"/>
      <c r="FM4540" s="91"/>
      <c r="FN4540" s="91"/>
      <c r="FO4540" s="91"/>
      <c r="FP4540" s="91"/>
      <c r="FQ4540" s="91"/>
      <c r="FR4540" s="91"/>
      <c r="FS4540" s="91"/>
      <c r="FT4540" s="91"/>
      <c r="FU4540" s="91"/>
      <c r="FV4540" s="91"/>
      <c r="FW4540" s="91"/>
      <c r="FX4540" s="127"/>
      <c r="FY4540" s="126"/>
      <c r="FZ4540" s="91"/>
      <c r="GA4540" s="91"/>
      <c r="GB4540" s="91"/>
      <c r="GC4540" s="91"/>
      <c r="GD4540" s="91"/>
      <c r="GE4540" s="91"/>
      <c r="GF4540" s="91"/>
      <c r="GG4540" s="91"/>
      <c r="GH4540" s="91"/>
      <c r="GI4540" s="91"/>
      <c r="GJ4540" s="91"/>
      <c r="GK4540" s="127"/>
      <c r="GL4540" s="126"/>
      <c r="GM4540" s="91"/>
      <c r="GN4540" s="91"/>
      <c r="GO4540" s="91"/>
      <c r="GP4540" s="91"/>
      <c r="GQ4540" s="91"/>
      <c r="GR4540" s="91"/>
      <c r="GS4540" s="91"/>
      <c r="GT4540" s="91"/>
      <c r="GU4540" s="91"/>
      <c r="GV4540" s="91"/>
      <c r="GW4540" s="91"/>
      <c r="GX4540" s="127"/>
      <c r="GY4540" s="126"/>
      <c r="GZ4540" s="91"/>
      <c r="HA4540" s="91"/>
      <c r="HB4540" s="91"/>
      <c r="HC4540" s="91"/>
      <c r="HD4540" s="91"/>
      <c r="HE4540" s="91"/>
      <c r="HF4540" s="91"/>
      <c r="HG4540" s="91"/>
      <c r="HH4540" s="91"/>
      <c r="HI4540" s="91"/>
      <c r="HJ4540" s="91"/>
      <c r="HK4540" s="127"/>
      <c r="HL4540" s="126"/>
      <c r="HM4540" s="91"/>
      <c r="HN4540" s="91"/>
      <c r="HO4540" s="91"/>
      <c r="HP4540" s="91"/>
      <c r="HQ4540" s="91"/>
      <c r="HR4540" s="91"/>
      <c r="HS4540" s="91"/>
      <c r="HT4540" s="91"/>
      <c r="HU4540" s="91"/>
      <c r="HV4540" s="91"/>
      <c r="HW4540" s="91"/>
      <c r="HX4540" s="127"/>
      <c r="HY4540" s="126"/>
      <c r="HZ4540" s="91"/>
      <c r="IA4540" s="91"/>
      <c r="IB4540" s="91"/>
      <c r="IC4540" s="91"/>
      <c r="ID4540" s="91"/>
      <c r="IE4540" s="91"/>
      <c r="IF4540" s="91"/>
      <c r="IG4540" s="91"/>
      <c r="IH4540" s="91"/>
      <c r="II4540" s="91"/>
      <c r="IJ4540" s="91"/>
      <c r="IK4540" s="174"/>
    </row>
    <row r="4541" spans="2:245" x14ac:dyDescent="0.2">
      <c r="B4541" s="43"/>
      <c r="C4541" s="73"/>
      <c r="D4541" s="64"/>
      <c r="E4541" s="64"/>
      <c r="F4541" s="55"/>
      <c r="G4541" s="102"/>
      <c r="H4541" s="97"/>
      <c r="T4541" s="98"/>
      <c r="U4541" s="97"/>
      <c r="AG4541" s="98"/>
      <c r="AY4541" s="164"/>
      <c r="BK4541" s="98"/>
      <c r="BL4541" s="97"/>
      <c r="BX4541" s="98"/>
      <c r="CL4541" s="97"/>
      <c r="CX4541" s="98"/>
      <c r="DL4541" s="97"/>
      <c r="DX4541" s="98"/>
      <c r="EL4541" s="97"/>
      <c r="EX4541" s="98"/>
      <c r="EY4541" s="97"/>
      <c r="FL4541" s="126"/>
      <c r="FM4541" s="91"/>
      <c r="FN4541" s="91"/>
      <c r="FO4541" s="91"/>
      <c r="FP4541" s="91"/>
      <c r="FQ4541" s="91"/>
      <c r="FR4541" s="91"/>
      <c r="FS4541" s="91"/>
      <c r="FT4541" s="91"/>
      <c r="FU4541" s="91"/>
      <c r="FV4541" s="91"/>
      <c r="FW4541" s="91"/>
      <c r="FX4541" s="127"/>
      <c r="FY4541" s="126"/>
      <c r="FZ4541" s="91"/>
      <c r="GA4541" s="91"/>
      <c r="GB4541" s="91"/>
      <c r="GC4541" s="91"/>
      <c r="GD4541" s="91"/>
      <c r="GE4541" s="91"/>
      <c r="GF4541" s="91"/>
      <c r="GG4541" s="91"/>
      <c r="GH4541" s="91"/>
      <c r="GI4541" s="91"/>
      <c r="GJ4541" s="91"/>
      <c r="GK4541" s="127"/>
      <c r="GL4541" s="126"/>
      <c r="GM4541" s="91"/>
      <c r="GN4541" s="91"/>
      <c r="GO4541" s="91"/>
      <c r="GP4541" s="91"/>
      <c r="GQ4541" s="91"/>
      <c r="GR4541" s="91"/>
      <c r="GS4541" s="91"/>
      <c r="GT4541" s="91"/>
      <c r="GU4541" s="91"/>
      <c r="GV4541" s="91"/>
      <c r="GW4541" s="91"/>
      <c r="GX4541" s="127"/>
      <c r="GY4541" s="126"/>
      <c r="GZ4541" s="91"/>
      <c r="HA4541" s="91"/>
      <c r="HB4541" s="91"/>
      <c r="HC4541" s="91"/>
      <c r="HD4541" s="91"/>
      <c r="HE4541" s="91"/>
      <c r="HF4541" s="91"/>
      <c r="HG4541" s="91"/>
      <c r="HH4541" s="91"/>
      <c r="HI4541" s="91"/>
      <c r="HJ4541" s="91"/>
      <c r="HK4541" s="127"/>
      <c r="HL4541" s="126"/>
      <c r="HM4541" s="91"/>
      <c r="HN4541" s="91"/>
      <c r="HO4541" s="91"/>
      <c r="HP4541" s="91"/>
      <c r="HQ4541" s="91"/>
      <c r="HR4541" s="91"/>
      <c r="HS4541" s="91"/>
      <c r="HT4541" s="91"/>
      <c r="HU4541" s="91"/>
      <c r="HV4541" s="91"/>
      <c r="HW4541" s="91"/>
      <c r="HX4541" s="127"/>
      <c r="HY4541" s="126"/>
      <c r="HZ4541" s="91"/>
      <c r="IA4541" s="91"/>
      <c r="IB4541" s="91"/>
      <c r="IC4541" s="91"/>
      <c r="ID4541" s="91"/>
      <c r="IE4541" s="91"/>
      <c r="IF4541" s="91"/>
      <c r="IG4541" s="91"/>
      <c r="IH4541" s="91"/>
      <c r="II4541" s="91"/>
      <c r="IJ4541" s="91"/>
      <c r="IK4541" s="174"/>
    </row>
    <row r="4542" spans="2:245" x14ac:dyDescent="0.2">
      <c r="B4542" s="43"/>
      <c r="C4542" s="73"/>
      <c r="D4542" s="64"/>
      <c r="E4542" s="64"/>
      <c r="F4542" s="55"/>
      <c r="G4542" s="102"/>
      <c r="H4542" s="97"/>
      <c r="T4542" s="98"/>
      <c r="U4542" s="97"/>
      <c r="AG4542" s="98"/>
      <c r="AY4542" s="164"/>
      <c r="BK4542" s="98"/>
      <c r="BL4542" s="97"/>
      <c r="BX4542" s="98"/>
      <c r="CL4542" s="97"/>
      <c r="CX4542" s="98"/>
      <c r="DL4542" s="97"/>
      <c r="DX4542" s="98"/>
      <c r="EL4542" s="97"/>
      <c r="EX4542" s="98"/>
      <c r="EY4542" s="97"/>
      <c r="FL4542" s="126"/>
      <c r="FM4542" s="91"/>
      <c r="FN4542" s="91"/>
      <c r="FO4542" s="91"/>
      <c r="FP4542" s="91"/>
      <c r="FQ4542" s="91"/>
      <c r="FR4542" s="91"/>
      <c r="FS4542" s="91"/>
      <c r="FT4542" s="91"/>
      <c r="FU4542" s="91"/>
      <c r="FV4542" s="91"/>
      <c r="FW4542" s="91"/>
      <c r="FX4542" s="127"/>
      <c r="FY4542" s="126"/>
      <c r="FZ4542" s="91"/>
      <c r="GA4542" s="91"/>
      <c r="GB4542" s="91"/>
      <c r="GC4542" s="91"/>
      <c r="GD4542" s="91"/>
      <c r="GE4542" s="91"/>
      <c r="GF4542" s="91"/>
      <c r="GG4542" s="91"/>
      <c r="GH4542" s="91"/>
      <c r="GI4542" s="91"/>
      <c r="GJ4542" s="91"/>
      <c r="GK4542" s="127"/>
      <c r="GL4542" s="126"/>
      <c r="GM4542" s="91"/>
      <c r="GN4542" s="91"/>
      <c r="GO4542" s="91"/>
      <c r="GP4542" s="91"/>
      <c r="GQ4542" s="91"/>
      <c r="GR4542" s="91"/>
      <c r="GS4542" s="91"/>
      <c r="GT4542" s="91"/>
      <c r="GU4542" s="91"/>
      <c r="GV4542" s="91"/>
      <c r="GW4542" s="91"/>
      <c r="GX4542" s="127"/>
      <c r="GY4542" s="126"/>
      <c r="GZ4542" s="91"/>
      <c r="HA4542" s="91"/>
      <c r="HB4542" s="91"/>
      <c r="HC4542" s="91"/>
      <c r="HD4542" s="91"/>
      <c r="HE4542" s="91"/>
      <c r="HF4542" s="91"/>
      <c r="HG4542" s="91"/>
      <c r="HH4542" s="91"/>
      <c r="HI4542" s="91"/>
      <c r="HJ4542" s="91"/>
      <c r="HK4542" s="127"/>
      <c r="HL4542" s="126"/>
      <c r="HM4542" s="91"/>
      <c r="HN4542" s="91"/>
      <c r="HO4542" s="91"/>
      <c r="HP4542" s="91"/>
      <c r="HQ4542" s="91"/>
      <c r="HR4542" s="91"/>
      <c r="HS4542" s="91"/>
      <c r="HT4542" s="91"/>
      <c r="HU4542" s="91"/>
      <c r="HV4542" s="91"/>
      <c r="HW4542" s="91"/>
      <c r="HX4542" s="127"/>
      <c r="HY4542" s="126"/>
      <c r="HZ4542" s="91"/>
      <c r="IA4542" s="91"/>
      <c r="IB4542" s="91"/>
      <c r="IC4542" s="91"/>
      <c r="ID4542" s="91"/>
      <c r="IE4542" s="91"/>
      <c r="IF4542" s="91"/>
      <c r="IG4542" s="91"/>
      <c r="IH4542" s="91"/>
      <c r="II4542" s="91"/>
      <c r="IJ4542" s="91"/>
      <c r="IK4542" s="174"/>
    </row>
    <row r="4543" spans="2:245" x14ac:dyDescent="0.2">
      <c r="B4543" s="43"/>
      <c r="C4543" s="73"/>
      <c r="D4543" s="64"/>
      <c r="E4543" s="64"/>
      <c r="F4543" s="55"/>
      <c r="G4543" s="102"/>
      <c r="H4543" s="97"/>
      <c r="T4543" s="98"/>
      <c r="U4543" s="97"/>
      <c r="AG4543" s="98"/>
      <c r="AY4543" s="164"/>
      <c r="BK4543" s="98"/>
      <c r="BL4543" s="97"/>
      <c r="BX4543" s="98"/>
      <c r="CL4543" s="97"/>
      <c r="CX4543" s="98"/>
      <c r="DL4543" s="97"/>
      <c r="DX4543" s="98"/>
      <c r="EL4543" s="97"/>
      <c r="EX4543" s="98"/>
      <c r="EY4543" s="97"/>
      <c r="FL4543" s="126"/>
      <c r="FM4543" s="91"/>
      <c r="FN4543" s="91"/>
      <c r="FO4543" s="91"/>
      <c r="FP4543" s="91"/>
      <c r="FQ4543" s="91"/>
      <c r="FR4543" s="91"/>
      <c r="FS4543" s="91"/>
      <c r="FT4543" s="91"/>
      <c r="FU4543" s="91"/>
      <c r="FV4543" s="91"/>
      <c r="FW4543" s="91"/>
      <c r="FX4543" s="127"/>
      <c r="FY4543" s="126"/>
      <c r="FZ4543" s="91"/>
      <c r="GA4543" s="91"/>
      <c r="GB4543" s="91"/>
      <c r="GC4543" s="91"/>
      <c r="GD4543" s="91"/>
      <c r="GE4543" s="91"/>
      <c r="GF4543" s="91"/>
      <c r="GG4543" s="91"/>
      <c r="GH4543" s="91"/>
      <c r="GI4543" s="91"/>
      <c r="GJ4543" s="91"/>
      <c r="GK4543" s="127"/>
      <c r="GL4543" s="126"/>
      <c r="GM4543" s="91"/>
      <c r="GN4543" s="91"/>
      <c r="GO4543" s="91"/>
      <c r="GP4543" s="91"/>
      <c r="GQ4543" s="91"/>
      <c r="GR4543" s="91"/>
      <c r="GS4543" s="91"/>
      <c r="GT4543" s="91"/>
      <c r="GU4543" s="91"/>
      <c r="GV4543" s="91"/>
      <c r="GW4543" s="91"/>
      <c r="GX4543" s="127"/>
      <c r="GY4543" s="126"/>
      <c r="GZ4543" s="91"/>
      <c r="HA4543" s="91"/>
      <c r="HB4543" s="91"/>
      <c r="HC4543" s="91"/>
      <c r="HD4543" s="91"/>
      <c r="HE4543" s="91"/>
      <c r="HF4543" s="91"/>
      <c r="HG4543" s="91"/>
      <c r="HH4543" s="91"/>
      <c r="HI4543" s="91"/>
      <c r="HJ4543" s="91"/>
      <c r="HK4543" s="127"/>
      <c r="HL4543" s="126"/>
      <c r="HM4543" s="91"/>
      <c r="HN4543" s="91"/>
      <c r="HO4543" s="91"/>
      <c r="HP4543" s="91"/>
      <c r="HQ4543" s="91"/>
      <c r="HR4543" s="91"/>
      <c r="HS4543" s="91"/>
      <c r="HT4543" s="91"/>
      <c r="HU4543" s="91"/>
      <c r="HV4543" s="91"/>
      <c r="HW4543" s="91"/>
      <c r="HX4543" s="127"/>
      <c r="HY4543" s="126"/>
      <c r="HZ4543" s="91"/>
      <c r="IA4543" s="91"/>
      <c r="IB4543" s="91"/>
      <c r="IC4543" s="91"/>
      <c r="ID4543" s="91"/>
      <c r="IE4543" s="91"/>
      <c r="IF4543" s="91"/>
      <c r="IG4543" s="91"/>
      <c r="IH4543" s="91"/>
      <c r="II4543" s="91"/>
      <c r="IJ4543" s="91"/>
      <c r="IK4543" s="174"/>
    </row>
    <row r="4544" spans="2:245" x14ac:dyDescent="0.2">
      <c r="B4544" s="43"/>
      <c r="C4544" s="73"/>
      <c r="D4544" s="64"/>
      <c r="E4544" s="64"/>
      <c r="F4544" s="55"/>
      <c r="G4544" s="102"/>
      <c r="H4544" s="97"/>
      <c r="T4544" s="98"/>
      <c r="U4544" s="97"/>
      <c r="AG4544" s="98"/>
      <c r="AY4544" s="164"/>
      <c r="BK4544" s="98"/>
      <c r="BL4544" s="97"/>
      <c r="BX4544" s="98"/>
      <c r="CL4544" s="97"/>
      <c r="CX4544" s="98"/>
      <c r="DL4544" s="97"/>
      <c r="DX4544" s="98"/>
      <c r="EL4544" s="97"/>
      <c r="EX4544" s="98"/>
      <c r="EY4544" s="97"/>
      <c r="FL4544" s="126"/>
      <c r="FM4544" s="91"/>
      <c r="FN4544" s="91"/>
      <c r="FO4544" s="91"/>
      <c r="FP4544" s="91"/>
      <c r="FQ4544" s="91"/>
      <c r="FR4544" s="91"/>
      <c r="FS4544" s="91"/>
      <c r="FT4544" s="91"/>
      <c r="FU4544" s="91"/>
      <c r="FV4544" s="91"/>
      <c r="FW4544" s="91"/>
      <c r="FX4544" s="127"/>
      <c r="FY4544" s="126"/>
      <c r="FZ4544" s="91"/>
      <c r="GA4544" s="91"/>
      <c r="GB4544" s="91"/>
      <c r="GC4544" s="91"/>
      <c r="GD4544" s="91"/>
      <c r="GE4544" s="91"/>
      <c r="GF4544" s="91"/>
      <c r="GG4544" s="91"/>
      <c r="GH4544" s="91"/>
      <c r="GI4544" s="91"/>
      <c r="GJ4544" s="91"/>
      <c r="GK4544" s="127"/>
      <c r="GL4544" s="126"/>
      <c r="GM4544" s="91"/>
      <c r="GN4544" s="91"/>
      <c r="GO4544" s="91"/>
      <c r="GP4544" s="91"/>
      <c r="GQ4544" s="91"/>
      <c r="GR4544" s="91"/>
      <c r="GS4544" s="91"/>
      <c r="GT4544" s="91"/>
      <c r="GU4544" s="91"/>
      <c r="GV4544" s="91"/>
      <c r="GW4544" s="91"/>
      <c r="GX4544" s="127"/>
      <c r="GY4544" s="126"/>
      <c r="GZ4544" s="91"/>
      <c r="HA4544" s="91"/>
      <c r="HB4544" s="91"/>
      <c r="HC4544" s="91"/>
      <c r="HD4544" s="91"/>
      <c r="HE4544" s="91"/>
      <c r="HF4544" s="91"/>
      <c r="HG4544" s="91"/>
      <c r="HH4544" s="91"/>
      <c r="HI4544" s="91"/>
      <c r="HJ4544" s="91"/>
      <c r="HK4544" s="127"/>
      <c r="HL4544" s="126"/>
      <c r="HM4544" s="91"/>
      <c r="HN4544" s="91"/>
      <c r="HO4544" s="91"/>
      <c r="HP4544" s="91"/>
      <c r="HQ4544" s="91"/>
      <c r="HR4544" s="91"/>
      <c r="HS4544" s="91"/>
      <c r="HT4544" s="91"/>
      <c r="HU4544" s="91"/>
      <c r="HV4544" s="91"/>
      <c r="HW4544" s="91"/>
      <c r="HX4544" s="127"/>
      <c r="HY4544" s="126"/>
      <c r="HZ4544" s="91"/>
      <c r="IA4544" s="91"/>
      <c r="IB4544" s="91"/>
      <c r="IC4544" s="91"/>
      <c r="ID4544" s="91"/>
      <c r="IE4544" s="91"/>
      <c r="IF4544" s="91"/>
      <c r="IG4544" s="91"/>
      <c r="IH4544" s="91"/>
      <c r="II4544" s="91"/>
      <c r="IJ4544" s="91"/>
      <c r="IK4544" s="174"/>
    </row>
    <row r="4545" spans="2:245" x14ac:dyDescent="0.2">
      <c r="B4545" s="43"/>
      <c r="C4545" s="73"/>
      <c r="D4545" s="64"/>
      <c r="E4545" s="64"/>
      <c r="F4545" s="55"/>
      <c r="G4545" s="102"/>
      <c r="H4545" s="97"/>
      <c r="T4545" s="98"/>
      <c r="U4545" s="97"/>
      <c r="AG4545" s="98"/>
      <c r="AY4545" s="164"/>
      <c r="BK4545" s="98"/>
      <c r="BL4545" s="97"/>
      <c r="BX4545" s="98"/>
      <c r="CL4545" s="97"/>
      <c r="CX4545" s="98"/>
      <c r="DL4545" s="97"/>
      <c r="DX4545" s="98"/>
      <c r="EL4545" s="97"/>
      <c r="EX4545" s="98"/>
      <c r="EY4545" s="97"/>
      <c r="FL4545" s="126"/>
      <c r="FM4545" s="91"/>
      <c r="FN4545" s="91"/>
      <c r="FO4545" s="91"/>
      <c r="FP4545" s="91"/>
      <c r="FQ4545" s="91"/>
      <c r="FR4545" s="91"/>
      <c r="FS4545" s="91"/>
      <c r="FT4545" s="91"/>
      <c r="FU4545" s="91"/>
      <c r="FV4545" s="91"/>
      <c r="FW4545" s="91"/>
      <c r="FX4545" s="127"/>
      <c r="FY4545" s="126"/>
      <c r="FZ4545" s="91"/>
      <c r="GA4545" s="91"/>
      <c r="GB4545" s="91"/>
      <c r="GC4545" s="91"/>
      <c r="GD4545" s="91"/>
      <c r="GE4545" s="91"/>
      <c r="GF4545" s="91"/>
      <c r="GG4545" s="91"/>
      <c r="GH4545" s="91"/>
      <c r="GI4545" s="91"/>
      <c r="GJ4545" s="91"/>
      <c r="GK4545" s="127"/>
      <c r="GL4545" s="126"/>
      <c r="GM4545" s="91"/>
      <c r="GN4545" s="91"/>
      <c r="GO4545" s="91"/>
      <c r="GP4545" s="91"/>
      <c r="GQ4545" s="91"/>
      <c r="GR4545" s="91"/>
      <c r="GS4545" s="91"/>
      <c r="GT4545" s="91"/>
      <c r="GU4545" s="91"/>
      <c r="GV4545" s="91"/>
      <c r="GW4545" s="91"/>
      <c r="GX4545" s="127"/>
      <c r="GY4545" s="126"/>
      <c r="GZ4545" s="91"/>
      <c r="HA4545" s="91"/>
      <c r="HB4545" s="91"/>
      <c r="HC4545" s="91"/>
      <c r="HD4545" s="91"/>
      <c r="HE4545" s="91"/>
      <c r="HF4545" s="91"/>
      <c r="HG4545" s="91"/>
      <c r="HH4545" s="91"/>
      <c r="HI4545" s="91"/>
      <c r="HJ4545" s="91"/>
      <c r="HK4545" s="127"/>
      <c r="HL4545" s="126"/>
      <c r="HM4545" s="91"/>
      <c r="HN4545" s="91"/>
      <c r="HO4545" s="91"/>
      <c r="HP4545" s="91"/>
      <c r="HQ4545" s="91"/>
      <c r="HR4545" s="91"/>
      <c r="HS4545" s="91"/>
      <c r="HT4545" s="91"/>
      <c r="HU4545" s="91"/>
      <c r="HV4545" s="91"/>
      <c r="HW4545" s="91"/>
      <c r="HX4545" s="127"/>
      <c r="HY4545" s="126"/>
      <c r="HZ4545" s="91"/>
      <c r="IA4545" s="91"/>
      <c r="IB4545" s="91"/>
      <c r="IC4545" s="91"/>
      <c r="ID4545" s="91"/>
      <c r="IE4545" s="91"/>
      <c r="IF4545" s="91"/>
      <c r="IG4545" s="91"/>
      <c r="IH4545" s="91"/>
      <c r="II4545" s="91"/>
      <c r="IJ4545" s="91"/>
      <c r="IK4545" s="174"/>
    </row>
    <row r="4546" spans="2:245" x14ac:dyDescent="0.2">
      <c r="B4546" s="43"/>
      <c r="C4546" s="73"/>
      <c r="D4546" s="64"/>
      <c r="E4546" s="64"/>
      <c r="F4546" s="55"/>
      <c r="G4546" s="102"/>
      <c r="H4546" s="97"/>
      <c r="T4546" s="98"/>
      <c r="U4546" s="97"/>
      <c r="AG4546" s="98"/>
      <c r="AY4546" s="164"/>
      <c r="BK4546" s="98"/>
      <c r="BL4546" s="97"/>
      <c r="BX4546" s="98"/>
      <c r="CL4546" s="97"/>
      <c r="CX4546" s="98"/>
      <c r="DL4546" s="97"/>
      <c r="DX4546" s="98"/>
      <c r="EL4546" s="97"/>
      <c r="EX4546" s="98"/>
      <c r="EY4546" s="97"/>
      <c r="FL4546" s="126"/>
      <c r="FM4546" s="91"/>
      <c r="FN4546" s="91"/>
      <c r="FO4546" s="91"/>
      <c r="FP4546" s="91"/>
      <c r="FQ4546" s="91"/>
      <c r="FR4546" s="91"/>
      <c r="FS4546" s="91"/>
      <c r="FT4546" s="91"/>
      <c r="FU4546" s="91"/>
      <c r="FV4546" s="91"/>
      <c r="FW4546" s="91"/>
      <c r="FX4546" s="127"/>
      <c r="FY4546" s="126"/>
      <c r="FZ4546" s="91"/>
      <c r="GA4546" s="91"/>
      <c r="GB4546" s="91"/>
      <c r="GC4546" s="91"/>
      <c r="GD4546" s="91"/>
      <c r="GE4546" s="91"/>
      <c r="GF4546" s="91"/>
      <c r="GG4546" s="91"/>
      <c r="GH4546" s="91"/>
      <c r="GI4546" s="91"/>
      <c r="GJ4546" s="91"/>
      <c r="GK4546" s="127"/>
      <c r="GL4546" s="126"/>
      <c r="GM4546" s="91"/>
      <c r="GN4546" s="91"/>
      <c r="GO4546" s="91"/>
      <c r="GP4546" s="91"/>
      <c r="GQ4546" s="91"/>
      <c r="GR4546" s="91"/>
      <c r="GS4546" s="91"/>
      <c r="GT4546" s="91"/>
      <c r="GU4546" s="91"/>
      <c r="GV4546" s="91"/>
      <c r="GW4546" s="91"/>
      <c r="GX4546" s="127"/>
      <c r="GY4546" s="126"/>
      <c r="GZ4546" s="91"/>
      <c r="HA4546" s="91"/>
      <c r="HB4546" s="91"/>
      <c r="HC4546" s="91"/>
      <c r="HD4546" s="91"/>
      <c r="HE4546" s="91"/>
      <c r="HF4546" s="91"/>
      <c r="HG4546" s="91"/>
      <c r="HH4546" s="91"/>
      <c r="HI4546" s="91"/>
      <c r="HJ4546" s="91"/>
      <c r="HK4546" s="127"/>
      <c r="HL4546" s="126"/>
      <c r="HM4546" s="91"/>
      <c r="HN4546" s="91"/>
      <c r="HO4546" s="91"/>
      <c r="HP4546" s="91"/>
      <c r="HQ4546" s="91"/>
      <c r="HR4546" s="91"/>
      <c r="HS4546" s="91"/>
      <c r="HT4546" s="91"/>
      <c r="HU4546" s="91"/>
      <c r="HV4546" s="91"/>
      <c r="HW4546" s="91"/>
      <c r="HX4546" s="127"/>
      <c r="HY4546" s="126"/>
      <c r="HZ4546" s="91"/>
      <c r="IA4546" s="91"/>
      <c r="IB4546" s="91"/>
      <c r="IC4546" s="91"/>
      <c r="ID4546" s="91"/>
      <c r="IE4546" s="91"/>
      <c r="IF4546" s="91"/>
      <c r="IG4546" s="91"/>
      <c r="IH4546" s="91"/>
      <c r="II4546" s="91"/>
      <c r="IJ4546" s="91"/>
      <c r="IK4546" s="174"/>
    </row>
    <row r="4547" spans="2:245" x14ac:dyDescent="0.2">
      <c r="B4547" s="43"/>
      <c r="C4547" s="73"/>
      <c r="D4547" s="64"/>
      <c r="E4547" s="64"/>
      <c r="F4547" s="55"/>
      <c r="G4547" s="102"/>
      <c r="H4547" s="97"/>
      <c r="T4547" s="98"/>
      <c r="U4547" s="97"/>
      <c r="AG4547" s="98"/>
      <c r="AY4547" s="164"/>
      <c r="BK4547" s="98"/>
      <c r="BL4547" s="97"/>
      <c r="BX4547" s="98"/>
      <c r="CL4547" s="97"/>
      <c r="CX4547" s="98"/>
      <c r="DL4547" s="97"/>
      <c r="DX4547" s="98"/>
      <c r="EL4547" s="97"/>
      <c r="EX4547" s="98"/>
      <c r="EY4547" s="97"/>
      <c r="FL4547" s="126"/>
      <c r="FM4547" s="91"/>
      <c r="FN4547" s="91"/>
      <c r="FO4547" s="91"/>
      <c r="FP4547" s="91"/>
      <c r="FQ4547" s="91"/>
      <c r="FR4547" s="91"/>
      <c r="FS4547" s="91"/>
      <c r="FT4547" s="91"/>
      <c r="FU4547" s="91"/>
      <c r="FV4547" s="91"/>
      <c r="FW4547" s="91"/>
      <c r="FX4547" s="127"/>
      <c r="FY4547" s="126"/>
      <c r="FZ4547" s="91"/>
      <c r="GA4547" s="91"/>
      <c r="GB4547" s="91"/>
      <c r="GC4547" s="91"/>
      <c r="GD4547" s="91"/>
      <c r="GE4547" s="91"/>
      <c r="GF4547" s="91"/>
      <c r="GG4547" s="91"/>
      <c r="GH4547" s="91"/>
      <c r="GI4547" s="91"/>
      <c r="GJ4547" s="91"/>
      <c r="GK4547" s="127"/>
      <c r="GL4547" s="126"/>
      <c r="GM4547" s="91"/>
      <c r="GN4547" s="91"/>
      <c r="GO4547" s="91"/>
      <c r="GP4547" s="91"/>
      <c r="GQ4547" s="91"/>
      <c r="GR4547" s="91"/>
      <c r="GS4547" s="91"/>
      <c r="GT4547" s="91"/>
      <c r="GU4547" s="91"/>
      <c r="GV4547" s="91"/>
      <c r="GW4547" s="91"/>
      <c r="GX4547" s="127"/>
      <c r="GY4547" s="126"/>
      <c r="GZ4547" s="91"/>
      <c r="HA4547" s="91"/>
      <c r="HB4547" s="91"/>
      <c r="HC4547" s="91"/>
      <c r="HD4547" s="91"/>
      <c r="HE4547" s="91"/>
      <c r="HF4547" s="91"/>
      <c r="HG4547" s="91"/>
      <c r="HH4547" s="91"/>
      <c r="HI4547" s="91"/>
      <c r="HJ4547" s="91"/>
      <c r="HK4547" s="127"/>
      <c r="HL4547" s="126"/>
      <c r="HM4547" s="91"/>
      <c r="HN4547" s="91"/>
      <c r="HO4547" s="91"/>
      <c r="HP4547" s="91"/>
      <c r="HQ4547" s="91"/>
      <c r="HR4547" s="91"/>
      <c r="HS4547" s="91"/>
      <c r="HT4547" s="91"/>
      <c r="HU4547" s="91"/>
      <c r="HV4547" s="91"/>
      <c r="HW4547" s="91"/>
      <c r="HX4547" s="127"/>
      <c r="HY4547" s="126"/>
      <c r="HZ4547" s="91"/>
      <c r="IA4547" s="91"/>
      <c r="IB4547" s="91"/>
      <c r="IC4547" s="91"/>
      <c r="ID4547" s="91"/>
      <c r="IE4547" s="91"/>
      <c r="IF4547" s="91"/>
      <c r="IG4547" s="91"/>
      <c r="IH4547" s="91"/>
      <c r="II4547" s="91"/>
      <c r="IJ4547" s="91"/>
      <c r="IK4547" s="174"/>
    </row>
    <row r="4548" spans="2:245" x14ac:dyDescent="0.2">
      <c r="B4548" s="43"/>
      <c r="C4548" s="73"/>
      <c r="D4548" s="64"/>
      <c r="E4548" s="64"/>
      <c r="F4548" s="55"/>
      <c r="G4548" s="102"/>
      <c r="H4548" s="97"/>
      <c r="T4548" s="98"/>
      <c r="U4548" s="97"/>
      <c r="AG4548" s="98"/>
      <c r="AY4548" s="164"/>
      <c r="BK4548" s="98"/>
      <c r="BL4548" s="97"/>
      <c r="BX4548" s="98"/>
      <c r="CL4548" s="97"/>
      <c r="CX4548" s="98"/>
      <c r="DL4548" s="97"/>
      <c r="DX4548" s="98"/>
      <c r="EL4548" s="97"/>
      <c r="EX4548" s="98"/>
      <c r="EY4548" s="97"/>
      <c r="FL4548" s="126"/>
      <c r="FM4548" s="91"/>
      <c r="FN4548" s="91"/>
      <c r="FO4548" s="91"/>
      <c r="FP4548" s="91"/>
      <c r="FQ4548" s="91"/>
      <c r="FR4548" s="91"/>
      <c r="FS4548" s="91"/>
      <c r="FT4548" s="91"/>
      <c r="FU4548" s="91"/>
      <c r="FV4548" s="91"/>
      <c r="FW4548" s="91"/>
      <c r="FX4548" s="127"/>
      <c r="FY4548" s="126"/>
      <c r="FZ4548" s="91"/>
      <c r="GA4548" s="91"/>
      <c r="GB4548" s="91"/>
      <c r="GC4548" s="91"/>
      <c r="GD4548" s="91"/>
      <c r="GE4548" s="91"/>
      <c r="GF4548" s="91"/>
      <c r="GG4548" s="91"/>
      <c r="GH4548" s="91"/>
      <c r="GI4548" s="91"/>
      <c r="GJ4548" s="91"/>
      <c r="GK4548" s="127"/>
      <c r="GL4548" s="126"/>
      <c r="GM4548" s="91"/>
      <c r="GN4548" s="91"/>
      <c r="GO4548" s="91"/>
      <c r="GP4548" s="91"/>
      <c r="GQ4548" s="91"/>
      <c r="GR4548" s="91"/>
      <c r="GS4548" s="91"/>
      <c r="GT4548" s="91"/>
      <c r="GU4548" s="91"/>
      <c r="GV4548" s="91"/>
      <c r="GW4548" s="91"/>
      <c r="GX4548" s="127"/>
      <c r="GY4548" s="126"/>
      <c r="GZ4548" s="91"/>
      <c r="HA4548" s="91"/>
      <c r="HB4548" s="91"/>
      <c r="HC4548" s="91"/>
      <c r="HD4548" s="91"/>
      <c r="HE4548" s="91"/>
      <c r="HF4548" s="91"/>
      <c r="HG4548" s="91"/>
      <c r="HH4548" s="91"/>
      <c r="HI4548" s="91"/>
      <c r="HJ4548" s="91"/>
      <c r="HK4548" s="127"/>
      <c r="HL4548" s="126"/>
      <c r="HM4548" s="91"/>
      <c r="HN4548" s="91"/>
      <c r="HO4548" s="91"/>
      <c r="HP4548" s="91"/>
      <c r="HQ4548" s="91"/>
      <c r="HR4548" s="91"/>
      <c r="HS4548" s="91"/>
      <c r="HT4548" s="91"/>
      <c r="HU4548" s="91"/>
      <c r="HV4548" s="91"/>
      <c r="HW4548" s="91"/>
      <c r="HX4548" s="127"/>
      <c r="HY4548" s="126"/>
      <c r="HZ4548" s="91"/>
      <c r="IA4548" s="91"/>
      <c r="IB4548" s="91"/>
      <c r="IC4548" s="91"/>
      <c r="ID4548" s="91"/>
      <c r="IE4548" s="91"/>
      <c r="IF4548" s="91"/>
      <c r="IG4548" s="91"/>
      <c r="IH4548" s="91"/>
      <c r="II4548" s="91"/>
      <c r="IJ4548" s="91"/>
      <c r="IK4548" s="174"/>
    </row>
    <row r="4549" spans="2:245" x14ac:dyDescent="0.2">
      <c r="B4549" s="43"/>
      <c r="C4549" s="73"/>
      <c r="D4549" s="64"/>
      <c r="E4549" s="64"/>
      <c r="F4549" s="55"/>
      <c r="G4549" s="102"/>
      <c r="H4549" s="97"/>
      <c r="T4549" s="98"/>
      <c r="U4549" s="97"/>
      <c r="AG4549" s="98"/>
      <c r="AY4549" s="164"/>
      <c r="BK4549" s="98"/>
      <c r="BL4549" s="97"/>
      <c r="BX4549" s="98"/>
      <c r="CL4549" s="97"/>
      <c r="CX4549" s="98"/>
      <c r="DL4549" s="97"/>
      <c r="DX4549" s="98"/>
      <c r="EL4549" s="97"/>
      <c r="EX4549" s="98"/>
      <c r="EY4549" s="97"/>
      <c r="FL4549" s="126"/>
      <c r="FM4549" s="91"/>
      <c r="FN4549" s="91"/>
      <c r="FO4549" s="91"/>
      <c r="FP4549" s="91"/>
      <c r="FQ4549" s="91"/>
      <c r="FR4549" s="91"/>
      <c r="FS4549" s="91"/>
      <c r="FT4549" s="91"/>
      <c r="FU4549" s="91"/>
      <c r="FV4549" s="91"/>
      <c r="FW4549" s="91"/>
      <c r="FX4549" s="127"/>
      <c r="FY4549" s="126"/>
      <c r="FZ4549" s="91"/>
      <c r="GA4549" s="91"/>
      <c r="GB4549" s="91"/>
      <c r="GC4549" s="91"/>
      <c r="GD4549" s="91"/>
      <c r="GE4549" s="91"/>
      <c r="GF4549" s="91"/>
      <c r="GG4549" s="91"/>
      <c r="GH4549" s="91"/>
      <c r="GI4549" s="91"/>
      <c r="GJ4549" s="91"/>
      <c r="GK4549" s="127"/>
      <c r="GL4549" s="126"/>
      <c r="GM4549" s="91"/>
      <c r="GN4549" s="91"/>
      <c r="GO4549" s="91"/>
      <c r="GP4549" s="91"/>
      <c r="GQ4549" s="91"/>
      <c r="GR4549" s="91"/>
      <c r="GS4549" s="91"/>
      <c r="GT4549" s="91"/>
      <c r="GU4549" s="91"/>
      <c r="GV4549" s="91"/>
      <c r="GW4549" s="91"/>
      <c r="GX4549" s="127"/>
      <c r="GY4549" s="126"/>
      <c r="GZ4549" s="91"/>
      <c r="HA4549" s="91"/>
      <c r="HB4549" s="91"/>
      <c r="HC4549" s="91"/>
      <c r="HD4549" s="91"/>
      <c r="HE4549" s="91"/>
      <c r="HF4549" s="91"/>
      <c r="HG4549" s="91"/>
      <c r="HH4549" s="91"/>
      <c r="HI4549" s="91"/>
      <c r="HJ4549" s="91"/>
      <c r="HK4549" s="127"/>
      <c r="HL4549" s="126"/>
      <c r="HM4549" s="91"/>
      <c r="HN4549" s="91"/>
      <c r="HO4549" s="91"/>
      <c r="HP4549" s="91"/>
      <c r="HQ4549" s="91"/>
      <c r="HR4549" s="91"/>
      <c r="HS4549" s="91"/>
      <c r="HT4549" s="91"/>
      <c r="HU4549" s="91"/>
      <c r="HV4549" s="91"/>
      <c r="HW4549" s="91"/>
      <c r="HX4549" s="127"/>
      <c r="HY4549" s="126"/>
      <c r="HZ4549" s="91"/>
      <c r="IA4549" s="91"/>
      <c r="IB4549" s="91"/>
      <c r="IC4549" s="91"/>
      <c r="ID4549" s="91"/>
      <c r="IE4549" s="91"/>
      <c r="IF4549" s="91"/>
      <c r="IG4549" s="91"/>
      <c r="IH4549" s="91"/>
      <c r="II4549" s="91"/>
      <c r="IJ4549" s="91"/>
      <c r="IK4549" s="174"/>
    </row>
    <row r="4550" spans="2:245" x14ac:dyDescent="0.2">
      <c r="B4550" s="43"/>
      <c r="C4550" s="73"/>
      <c r="D4550" s="64"/>
      <c r="E4550" s="64"/>
      <c r="F4550" s="55"/>
      <c r="G4550" s="102"/>
      <c r="H4550" s="97"/>
      <c r="T4550" s="98"/>
      <c r="U4550" s="97"/>
      <c r="AG4550" s="98"/>
      <c r="AY4550" s="164"/>
      <c r="BK4550" s="98"/>
      <c r="BL4550" s="97"/>
      <c r="BX4550" s="98"/>
      <c r="CL4550" s="97"/>
      <c r="CX4550" s="98"/>
      <c r="DL4550" s="97"/>
      <c r="DX4550" s="98"/>
      <c r="EL4550" s="97"/>
      <c r="EX4550" s="98"/>
      <c r="EY4550" s="97"/>
      <c r="FL4550" s="126"/>
      <c r="FM4550" s="91"/>
      <c r="FN4550" s="91"/>
      <c r="FO4550" s="91"/>
      <c r="FP4550" s="91"/>
      <c r="FQ4550" s="91"/>
      <c r="FR4550" s="91"/>
      <c r="FS4550" s="91"/>
      <c r="FT4550" s="91"/>
      <c r="FU4550" s="91"/>
      <c r="FV4550" s="91"/>
      <c r="FW4550" s="91"/>
      <c r="FX4550" s="127"/>
      <c r="FY4550" s="126"/>
      <c r="FZ4550" s="91"/>
      <c r="GA4550" s="91"/>
      <c r="GB4550" s="91"/>
      <c r="GC4550" s="91"/>
      <c r="GD4550" s="91"/>
      <c r="GE4550" s="91"/>
      <c r="GF4550" s="91"/>
      <c r="GG4550" s="91"/>
      <c r="GH4550" s="91"/>
      <c r="GI4550" s="91"/>
      <c r="GJ4550" s="91"/>
      <c r="GK4550" s="127"/>
      <c r="GL4550" s="126"/>
      <c r="GM4550" s="91"/>
      <c r="GN4550" s="91"/>
      <c r="GO4550" s="91"/>
      <c r="GP4550" s="91"/>
      <c r="GQ4550" s="91"/>
      <c r="GR4550" s="91"/>
      <c r="GS4550" s="91"/>
      <c r="GT4550" s="91"/>
      <c r="GU4550" s="91"/>
      <c r="GV4550" s="91"/>
      <c r="GW4550" s="91"/>
      <c r="GX4550" s="127"/>
      <c r="GY4550" s="126"/>
      <c r="GZ4550" s="91"/>
      <c r="HA4550" s="91"/>
      <c r="HB4550" s="91"/>
      <c r="HC4550" s="91"/>
      <c r="HD4550" s="91"/>
      <c r="HE4550" s="91"/>
      <c r="HF4550" s="91"/>
      <c r="HG4550" s="91"/>
      <c r="HH4550" s="91"/>
      <c r="HI4550" s="91"/>
      <c r="HJ4550" s="91"/>
      <c r="HK4550" s="127"/>
      <c r="HL4550" s="126"/>
      <c r="HM4550" s="91"/>
      <c r="HN4550" s="91"/>
      <c r="HO4550" s="91"/>
      <c r="HP4550" s="91"/>
      <c r="HQ4550" s="91"/>
      <c r="HR4550" s="91"/>
      <c r="HS4550" s="91"/>
      <c r="HT4550" s="91"/>
      <c r="HU4550" s="91"/>
      <c r="HV4550" s="91"/>
      <c r="HW4550" s="91"/>
      <c r="HX4550" s="127"/>
      <c r="HY4550" s="126"/>
      <c r="HZ4550" s="91"/>
      <c r="IA4550" s="91"/>
      <c r="IB4550" s="91"/>
      <c r="IC4550" s="91"/>
      <c r="ID4550" s="91"/>
      <c r="IE4550" s="91"/>
      <c r="IF4550" s="91"/>
      <c r="IG4550" s="91"/>
      <c r="IH4550" s="91"/>
      <c r="II4550" s="91"/>
      <c r="IJ4550" s="91"/>
      <c r="IK4550" s="174"/>
    </row>
    <row r="4551" spans="2:245" x14ac:dyDescent="0.2">
      <c r="B4551" s="43"/>
      <c r="C4551" s="73"/>
      <c r="D4551" s="64"/>
      <c r="E4551" s="64"/>
      <c r="F4551" s="55"/>
      <c r="G4551" s="102"/>
      <c r="H4551" s="97"/>
      <c r="T4551" s="98"/>
      <c r="U4551" s="97"/>
      <c r="AG4551" s="98"/>
      <c r="AY4551" s="164"/>
      <c r="BK4551" s="98"/>
      <c r="BL4551" s="97"/>
      <c r="BX4551" s="98"/>
      <c r="CL4551" s="97"/>
      <c r="CX4551" s="98"/>
      <c r="DL4551" s="97"/>
      <c r="DX4551" s="98"/>
      <c r="EL4551" s="97"/>
      <c r="EX4551" s="98"/>
      <c r="EY4551" s="97"/>
      <c r="FL4551" s="126"/>
      <c r="FM4551" s="91"/>
      <c r="FN4551" s="91"/>
      <c r="FO4551" s="91"/>
      <c r="FP4551" s="91"/>
      <c r="FQ4551" s="91"/>
      <c r="FR4551" s="91"/>
      <c r="FS4551" s="91"/>
      <c r="FT4551" s="91"/>
      <c r="FU4551" s="91"/>
      <c r="FV4551" s="91"/>
      <c r="FW4551" s="91"/>
      <c r="FX4551" s="127"/>
      <c r="FY4551" s="126"/>
      <c r="FZ4551" s="91"/>
      <c r="GA4551" s="91"/>
      <c r="GB4551" s="91"/>
      <c r="GC4551" s="91"/>
      <c r="GD4551" s="91"/>
      <c r="GE4551" s="91"/>
      <c r="GF4551" s="91"/>
      <c r="GG4551" s="91"/>
      <c r="GH4551" s="91"/>
      <c r="GI4551" s="91"/>
      <c r="GJ4551" s="91"/>
      <c r="GK4551" s="127"/>
      <c r="GL4551" s="126"/>
      <c r="GM4551" s="91"/>
      <c r="GN4551" s="91"/>
      <c r="GO4551" s="91"/>
      <c r="GP4551" s="91"/>
      <c r="GQ4551" s="91"/>
      <c r="GR4551" s="91"/>
      <c r="GS4551" s="91"/>
      <c r="GT4551" s="91"/>
      <c r="GU4551" s="91"/>
      <c r="GV4551" s="91"/>
      <c r="GW4551" s="91"/>
      <c r="GX4551" s="127"/>
      <c r="GY4551" s="126"/>
      <c r="GZ4551" s="91"/>
      <c r="HA4551" s="91"/>
      <c r="HB4551" s="91"/>
      <c r="HC4551" s="91"/>
      <c r="HD4551" s="91"/>
      <c r="HE4551" s="91"/>
      <c r="HF4551" s="91"/>
      <c r="HG4551" s="91"/>
      <c r="HH4551" s="91"/>
      <c r="HI4551" s="91"/>
      <c r="HJ4551" s="91"/>
      <c r="HK4551" s="127"/>
      <c r="HL4551" s="126"/>
      <c r="HM4551" s="91"/>
      <c r="HN4551" s="91"/>
      <c r="HO4551" s="91"/>
      <c r="HP4551" s="91"/>
      <c r="HQ4551" s="91"/>
      <c r="HR4551" s="91"/>
      <c r="HS4551" s="91"/>
      <c r="HT4551" s="91"/>
      <c r="HU4551" s="91"/>
      <c r="HV4551" s="91"/>
      <c r="HW4551" s="91"/>
      <c r="HX4551" s="127"/>
      <c r="HY4551" s="126"/>
      <c r="HZ4551" s="91"/>
      <c r="IA4551" s="91"/>
      <c r="IB4551" s="91"/>
      <c r="IC4551" s="91"/>
      <c r="ID4551" s="91"/>
      <c r="IE4551" s="91"/>
      <c r="IF4551" s="91"/>
      <c r="IG4551" s="91"/>
      <c r="IH4551" s="91"/>
      <c r="II4551" s="91"/>
      <c r="IJ4551" s="91"/>
      <c r="IK4551" s="174"/>
    </row>
    <row r="4552" spans="2:245" x14ac:dyDescent="0.2">
      <c r="B4552" s="43"/>
      <c r="C4552" s="73"/>
      <c r="D4552" s="64"/>
      <c r="E4552" s="64"/>
      <c r="F4552" s="55"/>
      <c r="G4552" s="102"/>
      <c r="H4552" s="97"/>
      <c r="T4552" s="98"/>
      <c r="U4552" s="97"/>
      <c r="AG4552" s="98"/>
      <c r="AY4552" s="164"/>
      <c r="BK4552" s="98"/>
      <c r="BL4552" s="97"/>
      <c r="BX4552" s="98"/>
      <c r="CL4552" s="97"/>
      <c r="CX4552" s="98"/>
      <c r="DL4552" s="97"/>
      <c r="DX4552" s="98"/>
      <c r="EL4552" s="97"/>
      <c r="EX4552" s="98"/>
      <c r="EY4552" s="97"/>
      <c r="FL4552" s="126"/>
      <c r="FM4552" s="91"/>
      <c r="FN4552" s="91"/>
      <c r="FO4552" s="91"/>
      <c r="FP4552" s="91"/>
      <c r="FQ4552" s="91"/>
      <c r="FR4552" s="91"/>
      <c r="FS4552" s="91"/>
      <c r="FT4552" s="91"/>
      <c r="FU4552" s="91"/>
      <c r="FV4552" s="91"/>
      <c r="FW4552" s="91"/>
      <c r="FX4552" s="127"/>
      <c r="FY4552" s="126"/>
      <c r="FZ4552" s="91"/>
      <c r="GA4552" s="91"/>
      <c r="GB4552" s="91"/>
      <c r="GC4552" s="91"/>
      <c r="GD4552" s="91"/>
      <c r="GE4552" s="91"/>
      <c r="GF4552" s="91"/>
      <c r="GG4552" s="91"/>
      <c r="GH4552" s="91"/>
      <c r="GI4552" s="91"/>
      <c r="GJ4552" s="91"/>
      <c r="GK4552" s="127"/>
      <c r="GL4552" s="126"/>
      <c r="GM4552" s="91"/>
      <c r="GN4552" s="91"/>
      <c r="GO4552" s="91"/>
      <c r="GP4552" s="91"/>
      <c r="GQ4552" s="91"/>
      <c r="GR4552" s="91"/>
      <c r="GS4552" s="91"/>
      <c r="GT4552" s="91"/>
      <c r="GU4552" s="91"/>
      <c r="GV4552" s="91"/>
      <c r="GW4552" s="91"/>
      <c r="GX4552" s="127"/>
      <c r="GY4552" s="126"/>
      <c r="GZ4552" s="91"/>
      <c r="HA4552" s="91"/>
      <c r="HB4552" s="91"/>
      <c r="HC4552" s="91"/>
      <c r="HD4552" s="91"/>
      <c r="HE4552" s="91"/>
      <c r="HF4552" s="91"/>
      <c r="HG4552" s="91"/>
      <c r="HH4552" s="91"/>
      <c r="HI4552" s="91"/>
      <c r="HJ4552" s="91"/>
      <c r="HK4552" s="127"/>
      <c r="HL4552" s="126"/>
      <c r="HM4552" s="91"/>
      <c r="HN4552" s="91"/>
      <c r="HO4552" s="91"/>
      <c r="HP4552" s="91"/>
      <c r="HQ4552" s="91"/>
      <c r="HR4552" s="91"/>
      <c r="HS4552" s="91"/>
      <c r="HT4552" s="91"/>
      <c r="HU4552" s="91"/>
      <c r="HV4552" s="91"/>
      <c r="HW4552" s="91"/>
      <c r="HX4552" s="127"/>
      <c r="HY4552" s="126"/>
      <c r="HZ4552" s="91"/>
      <c r="IA4552" s="91"/>
      <c r="IB4552" s="91"/>
      <c r="IC4552" s="91"/>
      <c r="ID4552" s="91"/>
      <c r="IE4552" s="91"/>
      <c r="IF4552" s="91"/>
      <c r="IG4552" s="91"/>
      <c r="IH4552" s="91"/>
      <c r="II4552" s="91"/>
      <c r="IJ4552" s="91"/>
      <c r="IK4552" s="174"/>
    </row>
    <row r="4553" spans="2:245" x14ac:dyDescent="0.2">
      <c r="B4553" s="43"/>
      <c r="C4553" s="73"/>
      <c r="D4553" s="64"/>
      <c r="E4553" s="64"/>
      <c r="F4553" s="55"/>
      <c r="G4553" s="102"/>
      <c r="H4553" s="97"/>
      <c r="T4553" s="98"/>
      <c r="U4553" s="97"/>
      <c r="AG4553" s="98"/>
      <c r="AY4553" s="164"/>
      <c r="BK4553" s="98"/>
      <c r="BL4553" s="97"/>
      <c r="BX4553" s="98"/>
      <c r="CL4553" s="97"/>
      <c r="CX4553" s="98"/>
      <c r="DL4553" s="97"/>
      <c r="DX4553" s="98"/>
      <c r="EL4553" s="97"/>
      <c r="EX4553" s="98"/>
      <c r="EY4553" s="97"/>
      <c r="FL4553" s="126"/>
      <c r="FM4553" s="91"/>
      <c r="FN4553" s="91"/>
      <c r="FO4553" s="91"/>
      <c r="FP4553" s="91"/>
      <c r="FQ4553" s="91"/>
      <c r="FR4553" s="91"/>
      <c r="FS4553" s="91"/>
      <c r="FT4553" s="91"/>
      <c r="FU4553" s="91"/>
      <c r="FV4553" s="91"/>
      <c r="FW4553" s="91"/>
      <c r="FX4553" s="127"/>
      <c r="FY4553" s="126"/>
      <c r="FZ4553" s="91"/>
      <c r="GA4553" s="91"/>
      <c r="GB4553" s="91"/>
      <c r="GC4553" s="91"/>
      <c r="GD4553" s="91"/>
      <c r="GE4553" s="91"/>
      <c r="GF4553" s="91"/>
      <c r="GG4553" s="91"/>
      <c r="GH4553" s="91"/>
      <c r="GI4553" s="91"/>
      <c r="GJ4553" s="91"/>
      <c r="GK4553" s="127"/>
      <c r="GL4553" s="126"/>
      <c r="GM4553" s="91"/>
      <c r="GN4553" s="91"/>
      <c r="GO4553" s="91"/>
      <c r="GP4553" s="91"/>
      <c r="GQ4553" s="91"/>
      <c r="GR4553" s="91"/>
      <c r="GS4553" s="91"/>
      <c r="GT4553" s="91"/>
      <c r="GU4553" s="91"/>
      <c r="GV4553" s="91"/>
      <c r="GW4553" s="91"/>
      <c r="GX4553" s="127"/>
      <c r="GY4553" s="126"/>
      <c r="GZ4553" s="91"/>
      <c r="HA4553" s="91"/>
      <c r="HB4553" s="91"/>
      <c r="HC4553" s="91"/>
      <c r="HD4553" s="91"/>
      <c r="HE4553" s="91"/>
      <c r="HF4553" s="91"/>
      <c r="HG4553" s="91"/>
      <c r="HH4553" s="91"/>
      <c r="HI4553" s="91"/>
      <c r="HJ4553" s="91"/>
      <c r="HK4553" s="127"/>
      <c r="HL4553" s="126"/>
      <c r="HM4553" s="91"/>
      <c r="HN4553" s="91"/>
      <c r="HO4553" s="91"/>
      <c r="HP4553" s="91"/>
      <c r="HQ4553" s="91"/>
      <c r="HR4553" s="91"/>
      <c r="HS4553" s="91"/>
      <c r="HT4553" s="91"/>
      <c r="HU4553" s="91"/>
      <c r="HV4553" s="91"/>
      <c r="HW4553" s="91"/>
      <c r="HX4553" s="127"/>
      <c r="HY4553" s="126"/>
      <c r="HZ4553" s="91"/>
      <c r="IA4553" s="91"/>
      <c r="IB4553" s="91"/>
      <c r="IC4553" s="91"/>
      <c r="ID4553" s="91"/>
      <c r="IE4553" s="91"/>
      <c r="IF4553" s="91"/>
      <c r="IG4553" s="91"/>
      <c r="IH4553" s="91"/>
      <c r="II4553" s="91"/>
      <c r="IJ4553" s="91"/>
      <c r="IK4553" s="174"/>
    </row>
    <row r="4554" spans="2:245" x14ac:dyDescent="0.2">
      <c r="B4554" s="43"/>
      <c r="C4554" s="73"/>
      <c r="D4554" s="64"/>
      <c r="E4554" s="64"/>
      <c r="F4554" s="55"/>
      <c r="G4554" s="102"/>
      <c r="H4554" s="97"/>
      <c r="T4554" s="98"/>
      <c r="U4554" s="97"/>
      <c r="AG4554" s="98"/>
      <c r="AY4554" s="164"/>
      <c r="BK4554" s="98"/>
      <c r="BL4554" s="97"/>
      <c r="BX4554" s="98"/>
      <c r="CL4554" s="97"/>
      <c r="CX4554" s="98"/>
      <c r="DL4554" s="97"/>
      <c r="DX4554" s="98"/>
      <c r="EL4554" s="97"/>
      <c r="EX4554" s="98"/>
      <c r="EY4554" s="97"/>
      <c r="FL4554" s="126"/>
      <c r="FM4554" s="91"/>
      <c r="FN4554" s="91"/>
      <c r="FO4554" s="91"/>
      <c r="FP4554" s="91"/>
      <c r="FQ4554" s="91"/>
      <c r="FR4554" s="91"/>
      <c r="FS4554" s="91"/>
      <c r="FT4554" s="91"/>
      <c r="FU4554" s="91"/>
      <c r="FV4554" s="91"/>
      <c r="FW4554" s="91"/>
      <c r="FX4554" s="127"/>
      <c r="FY4554" s="126"/>
      <c r="FZ4554" s="91"/>
      <c r="GA4554" s="91"/>
      <c r="GB4554" s="91"/>
      <c r="GC4554" s="91"/>
      <c r="GD4554" s="91"/>
      <c r="GE4554" s="91"/>
      <c r="GF4554" s="91"/>
      <c r="GG4554" s="91"/>
      <c r="GH4554" s="91"/>
      <c r="GI4554" s="91"/>
      <c r="GJ4554" s="91"/>
      <c r="GK4554" s="127"/>
      <c r="GL4554" s="126"/>
      <c r="GM4554" s="91"/>
      <c r="GN4554" s="91"/>
      <c r="GO4554" s="91"/>
      <c r="GP4554" s="91"/>
      <c r="GQ4554" s="91"/>
      <c r="GR4554" s="91"/>
      <c r="GS4554" s="91"/>
      <c r="GT4554" s="91"/>
      <c r="GU4554" s="91"/>
      <c r="GV4554" s="91"/>
      <c r="GW4554" s="91"/>
      <c r="GX4554" s="127"/>
      <c r="GY4554" s="126"/>
      <c r="GZ4554" s="91"/>
      <c r="HA4554" s="91"/>
      <c r="HB4554" s="91"/>
      <c r="HC4554" s="91"/>
      <c r="HD4554" s="91"/>
      <c r="HE4554" s="91"/>
      <c r="HF4554" s="91"/>
      <c r="HG4554" s="91"/>
      <c r="HH4554" s="91"/>
      <c r="HI4554" s="91"/>
      <c r="HJ4554" s="91"/>
      <c r="HK4554" s="127"/>
      <c r="HL4554" s="126"/>
      <c r="HM4554" s="91"/>
      <c r="HN4554" s="91"/>
      <c r="HO4554" s="91"/>
      <c r="HP4554" s="91"/>
      <c r="HQ4554" s="91"/>
      <c r="HR4554" s="91"/>
      <c r="HS4554" s="91"/>
      <c r="HT4554" s="91"/>
      <c r="HU4554" s="91"/>
      <c r="HV4554" s="91"/>
      <c r="HW4554" s="91"/>
      <c r="HX4554" s="127"/>
      <c r="HY4554" s="126"/>
      <c r="HZ4554" s="91"/>
      <c r="IA4554" s="91"/>
      <c r="IB4554" s="91"/>
      <c r="IC4554" s="91"/>
      <c r="ID4554" s="91"/>
      <c r="IE4554" s="91"/>
      <c r="IF4554" s="91"/>
      <c r="IG4554" s="91"/>
      <c r="IH4554" s="91"/>
      <c r="II4554" s="91"/>
      <c r="IJ4554" s="91"/>
      <c r="IK4554" s="174"/>
    </row>
    <row r="4555" spans="2:245" x14ac:dyDescent="0.2">
      <c r="B4555" s="43"/>
      <c r="C4555" s="73"/>
      <c r="D4555" s="64"/>
      <c r="E4555" s="64"/>
      <c r="F4555" s="55"/>
      <c r="G4555" s="102"/>
      <c r="H4555" s="97"/>
      <c r="T4555" s="98"/>
      <c r="U4555" s="97"/>
      <c r="AG4555" s="98"/>
      <c r="AY4555" s="164"/>
      <c r="BK4555" s="98"/>
      <c r="BL4555" s="97"/>
      <c r="BX4555" s="98"/>
      <c r="CL4555" s="97"/>
      <c r="CX4555" s="98"/>
      <c r="DL4555" s="97"/>
      <c r="DX4555" s="98"/>
      <c r="EL4555" s="97"/>
      <c r="EX4555" s="98"/>
      <c r="EY4555" s="97"/>
      <c r="FL4555" s="126"/>
      <c r="FM4555" s="91"/>
      <c r="FN4555" s="91"/>
      <c r="FO4555" s="91"/>
      <c r="FP4555" s="91"/>
      <c r="FQ4555" s="91"/>
      <c r="FR4555" s="91"/>
      <c r="FS4555" s="91"/>
      <c r="FT4555" s="91"/>
      <c r="FU4555" s="91"/>
      <c r="FV4555" s="91"/>
      <c r="FW4555" s="91"/>
      <c r="FX4555" s="127"/>
      <c r="FY4555" s="126"/>
      <c r="FZ4555" s="91"/>
      <c r="GA4555" s="91"/>
      <c r="GB4555" s="91"/>
      <c r="GC4555" s="91"/>
      <c r="GD4555" s="91"/>
      <c r="GE4555" s="91"/>
      <c r="GF4555" s="91"/>
      <c r="GG4555" s="91"/>
      <c r="GH4555" s="91"/>
      <c r="GI4555" s="91"/>
      <c r="GJ4555" s="91"/>
      <c r="GK4555" s="127"/>
      <c r="GL4555" s="126"/>
      <c r="GM4555" s="91"/>
      <c r="GN4555" s="91"/>
      <c r="GO4555" s="91"/>
      <c r="GP4555" s="91"/>
      <c r="GQ4555" s="91"/>
      <c r="GR4555" s="91"/>
      <c r="GS4555" s="91"/>
      <c r="GT4555" s="91"/>
      <c r="GU4555" s="91"/>
      <c r="GV4555" s="91"/>
      <c r="GW4555" s="91"/>
      <c r="GX4555" s="127"/>
      <c r="GY4555" s="126"/>
      <c r="GZ4555" s="91"/>
      <c r="HA4555" s="91"/>
      <c r="HB4555" s="91"/>
      <c r="HC4555" s="91"/>
      <c r="HD4555" s="91"/>
      <c r="HE4555" s="91"/>
      <c r="HF4555" s="91"/>
      <c r="HG4555" s="91"/>
      <c r="HH4555" s="91"/>
      <c r="HI4555" s="91"/>
      <c r="HJ4555" s="91"/>
      <c r="HK4555" s="127"/>
      <c r="HL4555" s="126"/>
      <c r="HM4555" s="91"/>
      <c r="HN4555" s="91"/>
      <c r="HO4555" s="91"/>
      <c r="HP4555" s="91"/>
      <c r="HQ4555" s="91"/>
      <c r="HR4555" s="91"/>
      <c r="HS4555" s="91"/>
      <c r="HT4555" s="91"/>
      <c r="HU4555" s="91"/>
      <c r="HV4555" s="91"/>
      <c r="HW4555" s="91"/>
      <c r="HX4555" s="127"/>
      <c r="HY4555" s="126"/>
      <c r="HZ4555" s="91"/>
      <c r="IA4555" s="91"/>
      <c r="IB4555" s="91"/>
      <c r="IC4555" s="91"/>
      <c r="ID4555" s="91"/>
      <c r="IE4555" s="91"/>
      <c r="IF4555" s="91"/>
      <c r="IG4555" s="91"/>
      <c r="IH4555" s="91"/>
      <c r="II4555" s="91"/>
      <c r="IJ4555" s="91"/>
      <c r="IK4555" s="174"/>
    </row>
    <row r="4556" spans="2:245" x14ac:dyDescent="0.2">
      <c r="B4556" s="43"/>
      <c r="C4556" s="73"/>
      <c r="D4556" s="64"/>
      <c r="E4556" s="64"/>
      <c r="F4556" s="55"/>
      <c r="G4556" s="102"/>
      <c r="H4556" s="97"/>
      <c r="T4556" s="98"/>
      <c r="U4556" s="97"/>
      <c r="AG4556" s="98"/>
      <c r="AY4556" s="164"/>
      <c r="BK4556" s="98"/>
      <c r="BL4556" s="97"/>
      <c r="BX4556" s="98"/>
      <c r="CL4556" s="97"/>
      <c r="CX4556" s="98"/>
      <c r="DL4556" s="97"/>
      <c r="DX4556" s="98"/>
      <c r="EL4556" s="97"/>
      <c r="EX4556" s="98"/>
      <c r="EY4556" s="97"/>
      <c r="FL4556" s="126"/>
      <c r="FM4556" s="91"/>
      <c r="FN4556" s="91"/>
      <c r="FO4556" s="91"/>
      <c r="FP4556" s="91"/>
      <c r="FQ4556" s="91"/>
      <c r="FR4556" s="91"/>
      <c r="FS4556" s="91"/>
      <c r="FT4556" s="91"/>
      <c r="FU4556" s="91"/>
      <c r="FV4556" s="91"/>
      <c r="FW4556" s="91"/>
      <c r="FX4556" s="127"/>
      <c r="FY4556" s="126"/>
      <c r="FZ4556" s="91"/>
      <c r="GA4556" s="91"/>
      <c r="GB4556" s="91"/>
      <c r="GC4556" s="91"/>
      <c r="GD4556" s="91"/>
      <c r="GE4556" s="91"/>
      <c r="GF4556" s="91"/>
      <c r="GG4556" s="91"/>
      <c r="GH4556" s="91"/>
      <c r="GI4556" s="91"/>
      <c r="GJ4556" s="91"/>
      <c r="GK4556" s="127"/>
      <c r="GL4556" s="126"/>
      <c r="GM4556" s="91"/>
      <c r="GN4556" s="91"/>
      <c r="GO4556" s="91"/>
      <c r="GP4556" s="91"/>
      <c r="GQ4556" s="91"/>
      <c r="GR4556" s="91"/>
      <c r="GS4556" s="91"/>
      <c r="GT4556" s="91"/>
      <c r="GU4556" s="91"/>
      <c r="GV4556" s="91"/>
      <c r="GW4556" s="91"/>
      <c r="GX4556" s="127"/>
      <c r="GY4556" s="126"/>
      <c r="GZ4556" s="91"/>
      <c r="HA4556" s="91"/>
      <c r="HB4556" s="91"/>
      <c r="HC4556" s="91"/>
      <c r="HD4556" s="91"/>
      <c r="HE4556" s="91"/>
      <c r="HF4556" s="91"/>
      <c r="HG4556" s="91"/>
      <c r="HH4556" s="91"/>
      <c r="HI4556" s="91"/>
      <c r="HJ4556" s="91"/>
      <c r="HK4556" s="127"/>
      <c r="HL4556" s="126"/>
      <c r="HM4556" s="91"/>
      <c r="HN4556" s="91"/>
      <c r="HO4556" s="91"/>
      <c r="HP4556" s="91"/>
      <c r="HQ4556" s="91"/>
      <c r="HR4556" s="91"/>
      <c r="HS4556" s="91"/>
      <c r="HT4556" s="91"/>
      <c r="HU4556" s="91"/>
      <c r="HV4556" s="91"/>
      <c r="HW4556" s="91"/>
      <c r="HX4556" s="127"/>
      <c r="HY4556" s="126"/>
      <c r="HZ4556" s="91"/>
      <c r="IA4556" s="91"/>
      <c r="IB4556" s="91"/>
      <c r="IC4556" s="91"/>
      <c r="ID4556" s="91"/>
      <c r="IE4556" s="91"/>
      <c r="IF4556" s="91"/>
      <c r="IG4556" s="91"/>
      <c r="IH4556" s="91"/>
      <c r="II4556" s="91"/>
      <c r="IJ4556" s="91"/>
      <c r="IK4556" s="174"/>
    </row>
    <row r="4557" spans="2:245" x14ac:dyDescent="0.2">
      <c r="B4557" s="43"/>
      <c r="C4557" s="73"/>
      <c r="D4557" s="64"/>
      <c r="E4557" s="64"/>
      <c r="F4557" s="55"/>
      <c r="G4557" s="102"/>
      <c r="H4557" s="97"/>
      <c r="T4557" s="98"/>
      <c r="U4557" s="97"/>
      <c r="AG4557" s="98"/>
      <c r="AY4557" s="164"/>
      <c r="BK4557" s="98"/>
      <c r="BL4557" s="97"/>
      <c r="BX4557" s="98"/>
      <c r="CL4557" s="97"/>
      <c r="CX4557" s="98"/>
      <c r="DL4557" s="97"/>
      <c r="DX4557" s="98"/>
      <c r="EL4557" s="97"/>
      <c r="EX4557" s="98"/>
      <c r="EY4557" s="97"/>
      <c r="FL4557" s="126"/>
      <c r="FM4557" s="91"/>
      <c r="FN4557" s="91"/>
      <c r="FO4557" s="91"/>
      <c r="FP4557" s="91"/>
      <c r="FQ4557" s="91"/>
      <c r="FR4557" s="91"/>
      <c r="FS4557" s="91"/>
      <c r="FT4557" s="91"/>
      <c r="FU4557" s="91"/>
      <c r="FV4557" s="91"/>
      <c r="FW4557" s="91"/>
      <c r="FX4557" s="127"/>
      <c r="FY4557" s="126"/>
      <c r="FZ4557" s="91"/>
      <c r="GA4557" s="91"/>
      <c r="GB4557" s="91"/>
      <c r="GC4557" s="91"/>
      <c r="GD4557" s="91"/>
      <c r="GE4557" s="91"/>
      <c r="GF4557" s="91"/>
      <c r="GG4557" s="91"/>
      <c r="GH4557" s="91"/>
      <c r="GI4557" s="91"/>
      <c r="GJ4557" s="91"/>
      <c r="GK4557" s="127"/>
      <c r="GL4557" s="126"/>
      <c r="GM4557" s="91"/>
      <c r="GN4557" s="91"/>
      <c r="GO4557" s="91"/>
      <c r="GP4557" s="91"/>
      <c r="GQ4557" s="91"/>
      <c r="GR4557" s="91"/>
      <c r="GS4557" s="91"/>
      <c r="GT4557" s="91"/>
      <c r="GU4557" s="91"/>
      <c r="GV4557" s="91"/>
      <c r="GW4557" s="91"/>
      <c r="GX4557" s="127"/>
      <c r="GY4557" s="126"/>
      <c r="GZ4557" s="91"/>
      <c r="HA4557" s="91"/>
      <c r="HB4557" s="91"/>
      <c r="HC4557" s="91"/>
      <c r="HD4557" s="91"/>
      <c r="HE4557" s="91"/>
      <c r="HF4557" s="91"/>
      <c r="HG4557" s="91"/>
      <c r="HH4557" s="91"/>
      <c r="HI4557" s="91"/>
      <c r="HJ4557" s="91"/>
      <c r="HK4557" s="127"/>
      <c r="HL4557" s="126"/>
      <c r="HM4557" s="91"/>
      <c r="HN4557" s="91"/>
      <c r="HO4557" s="91"/>
      <c r="HP4557" s="91"/>
      <c r="HQ4557" s="91"/>
      <c r="HR4557" s="91"/>
      <c r="HS4557" s="91"/>
      <c r="HT4557" s="91"/>
      <c r="HU4557" s="91"/>
      <c r="HV4557" s="91"/>
      <c r="HW4557" s="91"/>
      <c r="HX4557" s="127"/>
      <c r="HY4557" s="126"/>
      <c r="HZ4557" s="91"/>
      <c r="IA4557" s="91"/>
      <c r="IB4557" s="91"/>
      <c r="IC4557" s="91"/>
      <c r="ID4557" s="91"/>
      <c r="IE4557" s="91"/>
      <c r="IF4557" s="91"/>
      <c r="IG4557" s="91"/>
      <c r="IH4557" s="91"/>
      <c r="II4557" s="91"/>
      <c r="IJ4557" s="91"/>
      <c r="IK4557" s="174"/>
    </row>
    <row r="4558" spans="2:245" x14ac:dyDescent="0.2">
      <c r="B4558" s="43"/>
      <c r="C4558" s="73"/>
      <c r="D4558" s="64"/>
      <c r="E4558" s="64"/>
      <c r="F4558" s="55"/>
      <c r="G4558" s="102"/>
      <c r="H4558" s="97"/>
      <c r="T4558" s="98"/>
      <c r="U4558" s="97"/>
      <c r="AG4558" s="98"/>
      <c r="AY4558" s="164"/>
      <c r="BK4558" s="98"/>
      <c r="BL4558" s="97"/>
      <c r="BX4558" s="98"/>
      <c r="CL4558" s="97"/>
      <c r="CX4558" s="98"/>
      <c r="DL4558" s="97"/>
      <c r="DX4558" s="98"/>
      <c r="EL4558" s="97"/>
      <c r="EX4558" s="98"/>
      <c r="EY4558" s="97"/>
      <c r="FL4558" s="126"/>
      <c r="FM4558" s="91"/>
      <c r="FN4558" s="91"/>
      <c r="FO4558" s="91"/>
      <c r="FP4558" s="91"/>
      <c r="FQ4558" s="91"/>
      <c r="FR4558" s="91"/>
      <c r="FS4558" s="91"/>
      <c r="FT4558" s="91"/>
      <c r="FU4558" s="91"/>
      <c r="FV4558" s="91"/>
      <c r="FW4558" s="91"/>
      <c r="FX4558" s="127"/>
      <c r="FY4558" s="126"/>
      <c r="FZ4558" s="91"/>
      <c r="GA4558" s="91"/>
      <c r="GB4558" s="91"/>
      <c r="GC4558" s="91"/>
      <c r="GD4558" s="91"/>
      <c r="GE4558" s="91"/>
      <c r="GF4558" s="91"/>
      <c r="GG4558" s="91"/>
      <c r="GH4558" s="91"/>
      <c r="GI4558" s="91"/>
      <c r="GJ4558" s="91"/>
      <c r="GK4558" s="127"/>
      <c r="GL4558" s="126"/>
      <c r="GM4558" s="91"/>
      <c r="GN4558" s="91"/>
      <c r="GO4558" s="91"/>
      <c r="GP4558" s="91"/>
      <c r="GQ4558" s="91"/>
      <c r="GR4558" s="91"/>
      <c r="GS4558" s="91"/>
      <c r="GT4558" s="91"/>
      <c r="GU4558" s="91"/>
      <c r="GV4558" s="91"/>
      <c r="GW4558" s="91"/>
      <c r="GX4558" s="127"/>
      <c r="GY4558" s="126"/>
      <c r="GZ4558" s="91"/>
      <c r="HA4558" s="91"/>
      <c r="HB4558" s="91"/>
      <c r="HC4558" s="91"/>
      <c r="HD4558" s="91"/>
      <c r="HE4558" s="91"/>
      <c r="HF4558" s="91"/>
      <c r="HG4558" s="91"/>
      <c r="HH4558" s="91"/>
      <c r="HI4558" s="91"/>
      <c r="HJ4558" s="91"/>
      <c r="HK4558" s="127"/>
      <c r="HL4558" s="126"/>
      <c r="HM4558" s="91"/>
      <c r="HN4558" s="91"/>
      <c r="HO4558" s="91"/>
      <c r="HP4558" s="91"/>
      <c r="HQ4558" s="91"/>
      <c r="HR4558" s="91"/>
      <c r="HS4558" s="91"/>
      <c r="HT4558" s="91"/>
      <c r="HU4558" s="91"/>
      <c r="HV4558" s="91"/>
      <c r="HW4558" s="91"/>
      <c r="HX4558" s="127"/>
      <c r="HY4558" s="126"/>
      <c r="HZ4558" s="91"/>
      <c r="IA4558" s="91"/>
      <c r="IB4558" s="91"/>
      <c r="IC4558" s="91"/>
      <c r="ID4558" s="91"/>
      <c r="IE4558" s="91"/>
      <c r="IF4558" s="91"/>
      <c r="IG4558" s="91"/>
      <c r="IH4558" s="91"/>
      <c r="II4558" s="91"/>
      <c r="IJ4558" s="91"/>
      <c r="IK4558" s="174"/>
    </row>
    <row r="4559" spans="2:245" x14ac:dyDescent="0.2">
      <c r="B4559" s="43"/>
      <c r="C4559" s="73"/>
      <c r="D4559" s="64"/>
      <c r="E4559" s="64"/>
      <c r="F4559" s="55"/>
      <c r="G4559" s="102"/>
      <c r="H4559" s="97"/>
      <c r="T4559" s="98"/>
      <c r="U4559" s="97"/>
      <c r="AG4559" s="98"/>
      <c r="AY4559" s="164"/>
      <c r="BK4559" s="98"/>
      <c r="BL4559" s="97"/>
      <c r="BX4559" s="98"/>
      <c r="CL4559" s="97"/>
      <c r="CX4559" s="98"/>
      <c r="DL4559" s="97"/>
      <c r="DX4559" s="98"/>
      <c r="EL4559" s="97"/>
      <c r="EX4559" s="98"/>
      <c r="EY4559" s="97"/>
      <c r="FL4559" s="126"/>
      <c r="FM4559" s="91"/>
      <c r="FN4559" s="91"/>
      <c r="FO4559" s="91"/>
      <c r="FP4559" s="91"/>
      <c r="FQ4559" s="91"/>
      <c r="FR4559" s="91"/>
      <c r="FS4559" s="91"/>
      <c r="FT4559" s="91"/>
      <c r="FU4559" s="91"/>
      <c r="FV4559" s="91"/>
      <c r="FW4559" s="91"/>
      <c r="FX4559" s="127"/>
      <c r="FY4559" s="126"/>
      <c r="FZ4559" s="91"/>
      <c r="GA4559" s="91"/>
      <c r="GB4559" s="91"/>
      <c r="GC4559" s="91"/>
      <c r="GD4559" s="91"/>
      <c r="GE4559" s="91"/>
      <c r="GF4559" s="91"/>
      <c r="GG4559" s="91"/>
      <c r="GH4559" s="91"/>
      <c r="GI4559" s="91"/>
      <c r="GJ4559" s="91"/>
      <c r="GK4559" s="127"/>
      <c r="GL4559" s="126"/>
      <c r="GM4559" s="91"/>
      <c r="GN4559" s="91"/>
      <c r="GO4559" s="91"/>
      <c r="GP4559" s="91"/>
      <c r="GQ4559" s="91"/>
      <c r="GR4559" s="91"/>
      <c r="GS4559" s="91"/>
      <c r="GT4559" s="91"/>
      <c r="GU4559" s="91"/>
      <c r="GV4559" s="91"/>
      <c r="GW4559" s="91"/>
      <c r="GX4559" s="127"/>
      <c r="GY4559" s="126"/>
      <c r="GZ4559" s="91"/>
      <c r="HA4559" s="91"/>
      <c r="HB4559" s="91"/>
      <c r="HC4559" s="91"/>
      <c r="HD4559" s="91"/>
      <c r="HE4559" s="91"/>
      <c r="HF4559" s="91"/>
      <c r="HG4559" s="91"/>
      <c r="HH4559" s="91"/>
      <c r="HI4559" s="91"/>
      <c r="HJ4559" s="91"/>
      <c r="HK4559" s="127"/>
      <c r="HL4559" s="126"/>
      <c r="HM4559" s="91"/>
      <c r="HN4559" s="91"/>
      <c r="HO4559" s="91"/>
      <c r="HP4559" s="91"/>
      <c r="HQ4559" s="91"/>
      <c r="HR4559" s="91"/>
      <c r="HS4559" s="91"/>
      <c r="HT4559" s="91"/>
      <c r="HU4559" s="91"/>
      <c r="HV4559" s="91"/>
      <c r="HW4559" s="91"/>
      <c r="HX4559" s="127"/>
      <c r="HY4559" s="126"/>
      <c r="HZ4559" s="91"/>
      <c r="IA4559" s="91"/>
      <c r="IB4559" s="91"/>
      <c r="IC4559" s="91"/>
      <c r="ID4559" s="91"/>
      <c r="IE4559" s="91"/>
      <c r="IF4559" s="91"/>
      <c r="IG4559" s="91"/>
      <c r="IH4559" s="91"/>
      <c r="II4559" s="91"/>
      <c r="IJ4559" s="91"/>
      <c r="IK4559" s="174"/>
    </row>
    <row r="4560" spans="2:245" x14ac:dyDescent="0.2">
      <c r="B4560" s="43"/>
      <c r="C4560" s="73"/>
      <c r="D4560" s="64"/>
      <c r="E4560" s="64"/>
      <c r="F4560" s="55"/>
      <c r="G4560" s="102"/>
      <c r="H4560" s="97"/>
      <c r="T4560" s="98"/>
      <c r="U4560" s="97"/>
      <c r="AG4560" s="98"/>
      <c r="AY4560" s="164"/>
      <c r="BK4560" s="98"/>
      <c r="BL4560" s="97"/>
      <c r="BX4560" s="98"/>
      <c r="CL4560" s="97"/>
      <c r="CX4560" s="98"/>
      <c r="DL4560" s="97"/>
      <c r="DX4560" s="98"/>
      <c r="EL4560" s="97"/>
      <c r="EX4560" s="98"/>
      <c r="EY4560" s="97"/>
      <c r="FL4560" s="126"/>
      <c r="FM4560" s="91"/>
      <c r="FN4560" s="91"/>
      <c r="FO4560" s="91"/>
      <c r="FP4560" s="91"/>
      <c r="FQ4560" s="91"/>
      <c r="FR4560" s="91"/>
      <c r="FS4560" s="91"/>
      <c r="FT4560" s="91"/>
      <c r="FU4560" s="91"/>
      <c r="FV4560" s="91"/>
      <c r="FW4560" s="91"/>
      <c r="FX4560" s="127"/>
      <c r="FY4560" s="126"/>
      <c r="FZ4560" s="91"/>
      <c r="GA4560" s="91"/>
      <c r="GB4560" s="91"/>
      <c r="GC4560" s="91"/>
      <c r="GD4560" s="91"/>
      <c r="GE4560" s="91"/>
      <c r="GF4560" s="91"/>
      <c r="GG4560" s="91"/>
      <c r="GH4560" s="91"/>
      <c r="GI4560" s="91"/>
      <c r="GJ4560" s="91"/>
      <c r="GK4560" s="127"/>
      <c r="GL4560" s="126"/>
      <c r="GM4560" s="91"/>
      <c r="GN4560" s="91"/>
      <c r="GO4560" s="91"/>
      <c r="GP4560" s="91"/>
      <c r="GQ4560" s="91"/>
      <c r="GR4560" s="91"/>
      <c r="GS4560" s="91"/>
      <c r="GT4560" s="91"/>
      <c r="GU4560" s="91"/>
      <c r="GV4560" s="91"/>
      <c r="GW4560" s="91"/>
      <c r="GX4560" s="127"/>
      <c r="GY4560" s="126"/>
      <c r="GZ4560" s="91"/>
      <c r="HA4560" s="91"/>
      <c r="HB4560" s="91"/>
      <c r="HC4560" s="91"/>
      <c r="HD4560" s="91"/>
      <c r="HE4560" s="91"/>
      <c r="HF4560" s="91"/>
      <c r="HG4560" s="91"/>
      <c r="HH4560" s="91"/>
      <c r="HI4560" s="91"/>
      <c r="HJ4560" s="91"/>
      <c r="HK4560" s="127"/>
      <c r="HL4560" s="126"/>
      <c r="HM4560" s="91"/>
      <c r="HN4560" s="91"/>
      <c r="HO4560" s="91"/>
      <c r="HP4560" s="91"/>
      <c r="HQ4560" s="91"/>
      <c r="HR4560" s="91"/>
      <c r="HS4560" s="91"/>
      <c r="HT4560" s="91"/>
      <c r="HU4560" s="91"/>
      <c r="HV4560" s="91"/>
      <c r="HW4560" s="91"/>
      <c r="HX4560" s="127"/>
      <c r="HY4560" s="126"/>
      <c r="HZ4560" s="91"/>
      <c r="IA4560" s="91"/>
      <c r="IB4560" s="91"/>
      <c r="IC4560" s="91"/>
      <c r="ID4560" s="91"/>
      <c r="IE4560" s="91"/>
      <c r="IF4560" s="91"/>
      <c r="IG4560" s="91"/>
      <c r="IH4560" s="91"/>
      <c r="II4560" s="91"/>
      <c r="IJ4560" s="91"/>
      <c r="IK4560" s="174"/>
    </row>
    <row r="4561" spans="2:245" x14ac:dyDescent="0.2">
      <c r="B4561" s="43"/>
      <c r="C4561" s="73"/>
      <c r="D4561" s="64"/>
      <c r="E4561" s="64"/>
      <c r="F4561" s="55"/>
      <c r="G4561" s="102"/>
      <c r="H4561" s="97"/>
      <c r="T4561" s="98"/>
      <c r="U4561" s="97"/>
      <c r="AG4561" s="98"/>
      <c r="AY4561" s="164"/>
      <c r="BK4561" s="98"/>
      <c r="BL4561" s="97"/>
      <c r="BX4561" s="98"/>
      <c r="CL4561" s="97"/>
      <c r="CX4561" s="98"/>
      <c r="DL4561" s="97"/>
      <c r="DX4561" s="98"/>
      <c r="EL4561" s="97"/>
      <c r="EX4561" s="98"/>
      <c r="EY4561" s="97"/>
      <c r="FL4561" s="126"/>
      <c r="FM4561" s="91"/>
      <c r="FN4561" s="91"/>
      <c r="FO4561" s="91"/>
      <c r="FP4561" s="91"/>
      <c r="FQ4561" s="91"/>
      <c r="FR4561" s="91"/>
      <c r="FS4561" s="91"/>
      <c r="FT4561" s="91"/>
      <c r="FU4561" s="91"/>
      <c r="FV4561" s="91"/>
      <c r="FW4561" s="91"/>
      <c r="FX4561" s="127"/>
      <c r="FY4561" s="126"/>
      <c r="FZ4561" s="91"/>
      <c r="GA4561" s="91"/>
      <c r="GB4561" s="91"/>
      <c r="GC4561" s="91"/>
      <c r="GD4561" s="91"/>
      <c r="GE4561" s="91"/>
      <c r="GF4561" s="91"/>
      <c r="GG4561" s="91"/>
      <c r="GH4561" s="91"/>
      <c r="GI4561" s="91"/>
      <c r="GJ4561" s="91"/>
      <c r="GK4561" s="127"/>
      <c r="GL4561" s="126"/>
      <c r="GM4561" s="91"/>
      <c r="GN4561" s="91"/>
      <c r="GO4561" s="91"/>
      <c r="GP4561" s="91"/>
      <c r="GQ4561" s="91"/>
      <c r="GR4561" s="91"/>
      <c r="GS4561" s="91"/>
      <c r="GT4561" s="91"/>
      <c r="GU4561" s="91"/>
      <c r="GV4561" s="91"/>
      <c r="GW4561" s="91"/>
      <c r="GX4561" s="127"/>
      <c r="GY4561" s="126"/>
      <c r="GZ4561" s="91"/>
      <c r="HA4561" s="91"/>
      <c r="HB4561" s="91"/>
      <c r="HC4561" s="91"/>
      <c r="HD4561" s="91"/>
      <c r="HE4561" s="91"/>
      <c r="HF4561" s="91"/>
      <c r="HG4561" s="91"/>
      <c r="HH4561" s="91"/>
      <c r="HI4561" s="91"/>
      <c r="HJ4561" s="91"/>
      <c r="HK4561" s="127"/>
      <c r="HL4561" s="126"/>
      <c r="HM4561" s="91"/>
      <c r="HN4561" s="91"/>
      <c r="HO4561" s="91"/>
      <c r="HP4561" s="91"/>
      <c r="HQ4561" s="91"/>
      <c r="HR4561" s="91"/>
      <c r="HS4561" s="91"/>
      <c r="HT4561" s="91"/>
      <c r="HU4561" s="91"/>
      <c r="HV4561" s="91"/>
      <c r="HW4561" s="91"/>
      <c r="HX4561" s="127"/>
      <c r="HY4561" s="126"/>
      <c r="HZ4561" s="91"/>
      <c r="IA4561" s="91"/>
      <c r="IB4561" s="91"/>
      <c r="IC4561" s="91"/>
      <c r="ID4561" s="91"/>
      <c r="IE4561" s="91"/>
      <c r="IF4561" s="91"/>
      <c r="IG4561" s="91"/>
      <c r="IH4561" s="91"/>
      <c r="II4561" s="91"/>
      <c r="IJ4561" s="91"/>
      <c r="IK4561" s="174"/>
    </row>
    <row r="4562" spans="2:245" x14ac:dyDescent="0.2">
      <c r="B4562" s="43"/>
      <c r="C4562" s="73"/>
      <c r="D4562" s="64"/>
      <c r="E4562" s="64"/>
      <c r="F4562" s="55"/>
      <c r="G4562" s="102"/>
      <c r="H4562" s="97"/>
      <c r="T4562" s="98"/>
      <c r="U4562" s="97"/>
      <c r="AG4562" s="98"/>
      <c r="AY4562" s="164"/>
      <c r="BK4562" s="98"/>
      <c r="BL4562" s="97"/>
      <c r="BX4562" s="98"/>
      <c r="CL4562" s="97"/>
      <c r="CX4562" s="98"/>
      <c r="DL4562" s="97"/>
      <c r="DX4562" s="98"/>
      <c r="EL4562" s="97"/>
      <c r="EX4562" s="98"/>
      <c r="EY4562" s="97"/>
      <c r="FL4562" s="126"/>
      <c r="FM4562" s="91"/>
      <c r="FN4562" s="91"/>
      <c r="FO4562" s="91"/>
      <c r="FP4562" s="91"/>
      <c r="FQ4562" s="91"/>
      <c r="FR4562" s="91"/>
      <c r="FS4562" s="91"/>
      <c r="FT4562" s="91"/>
      <c r="FU4562" s="91"/>
      <c r="FV4562" s="91"/>
      <c r="FW4562" s="91"/>
      <c r="FX4562" s="127"/>
      <c r="FY4562" s="126"/>
      <c r="FZ4562" s="91"/>
      <c r="GA4562" s="91"/>
      <c r="GB4562" s="91"/>
      <c r="GC4562" s="91"/>
      <c r="GD4562" s="91"/>
      <c r="GE4562" s="91"/>
      <c r="GF4562" s="91"/>
      <c r="GG4562" s="91"/>
      <c r="GH4562" s="91"/>
      <c r="GI4562" s="91"/>
      <c r="GJ4562" s="91"/>
      <c r="GK4562" s="127"/>
      <c r="GL4562" s="126"/>
      <c r="GM4562" s="91"/>
      <c r="GN4562" s="91"/>
      <c r="GO4562" s="91"/>
      <c r="GP4562" s="91"/>
      <c r="GQ4562" s="91"/>
      <c r="GR4562" s="91"/>
      <c r="GS4562" s="91"/>
      <c r="GT4562" s="91"/>
      <c r="GU4562" s="91"/>
      <c r="GV4562" s="91"/>
      <c r="GW4562" s="91"/>
      <c r="GX4562" s="127"/>
      <c r="GY4562" s="126"/>
      <c r="GZ4562" s="91"/>
      <c r="HA4562" s="91"/>
      <c r="HB4562" s="91"/>
      <c r="HC4562" s="91"/>
      <c r="HD4562" s="91"/>
      <c r="HE4562" s="91"/>
      <c r="HF4562" s="91"/>
      <c r="HG4562" s="91"/>
      <c r="HH4562" s="91"/>
      <c r="HI4562" s="91"/>
      <c r="HJ4562" s="91"/>
      <c r="HK4562" s="127"/>
      <c r="HL4562" s="126"/>
      <c r="HM4562" s="91"/>
      <c r="HN4562" s="91"/>
      <c r="HO4562" s="91"/>
      <c r="HP4562" s="91"/>
      <c r="HQ4562" s="91"/>
      <c r="HR4562" s="91"/>
      <c r="HS4562" s="91"/>
      <c r="HT4562" s="91"/>
      <c r="HU4562" s="91"/>
      <c r="HV4562" s="91"/>
      <c r="HW4562" s="91"/>
      <c r="HX4562" s="127"/>
      <c r="HY4562" s="126"/>
      <c r="HZ4562" s="91"/>
      <c r="IA4562" s="91"/>
      <c r="IB4562" s="91"/>
      <c r="IC4562" s="91"/>
      <c r="ID4562" s="91"/>
      <c r="IE4562" s="91"/>
      <c r="IF4562" s="91"/>
      <c r="IG4562" s="91"/>
      <c r="IH4562" s="91"/>
      <c r="II4562" s="91"/>
      <c r="IJ4562" s="91"/>
      <c r="IK4562" s="174"/>
    </row>
    <row r="4563" spans="2:245" x14ac:dyDescent="0.2">
      <c r="B4563" s="43"/>
      <c r="C4563" s="73"/>
      <c r="D4563" s="64"/>
      <c r="E4563" s="64"/>
      <c r="F4563" s="55"/>
      <c r="G4563" s="102"/>
      <c r="H4563" s="97"/>
      <c r="T4563" s="98"/>
      <c r="U4563" s="97"/>
      <c r="AG4563" s="98"/>
      <c r="AY4563" s="164"/>
      <c r="BK4563" s="98"/>
      <c r="BL4563" s="97"/>
      <c r="BX4563" s="98"/>
      <c r="CL4563" s="97"/>
      <c r="CX4563" s="98"/>
      <c r="DL4563" s="97"/>
      <c r="DX4563" s="98"/>
      <c r="EL4563" s="97"/>
      <c r="EX4563" s="98"/>
      <c r="EY4563" s="97"/>
      <c r="FL4563" s="126"/>
      <c r="FM4563" s="91"/>
      <c r="FN4563" s="91"/>
      <c r="FO4563" s="91"/>
      <c r="FP4563" s="91"/>
      <c r="FQ4563" s="91"/>
      <c r="FR4563" s="91"/>
      <c r="FS4563" s="91"/>
      <c r="FT4563" s="91"/>
      <c r="FU4563" s="91"/>
      <c r="FV4563" s="91"/>
      <c r="FW4563" s="91"/>
      <c r="FX4563" s="127"/>
      <c r="FY4563" s="126"/>
      <c r="FZ4563" s="91"/>
      <c r="GA4563" s="91"/>
      <c r="GB4563" s="91"/>
      <c r="GC4563" s="91"/>
      <c r="GD4563" s="91"/>
      <c r="GE4563" s="91"/>
      <c r="GF4563" s="91"/>
      <c r="GG4563" s="91"/>
      <c r="GH4563" s="91"/>
      <c r="GI4563" s="91"/>
      <c r="GJ4563" s="91"/>
      <c r="GK4563" s="127"/>
      <c r="GL4563" s="126"/>
      <c r="GM4563" s="91"/>
      <c r="GN4563" s="91"/>
      <c r="GO4563" s="91"/>
      <c r="GP4563" s="91"/>
      <c r="GQ4563" s="91"/>
      <c r="GR4563" s="91"/>
      <c r="GS4563" s="91"/>
      <c r="GT4563" s="91"/>
      <c r="GU4563" s="91"/>
      <c r="GV4563" s="91"/>
      <c r="GW4563" s="91"/>
      <c r="GX4563" s="127"/>
      <c r="GY4563" s="126"/>
      <c r="GZ4563" s="91"/>
      <c r="HA4563" s="91"/>
      <c r="HB4563" s="91"/>
      <c r="HC4563" s="91"/>
      <c r="HD4563" s="91"/>
      <c r="HE4563" s="91"/>
      <c r="HF4563" s="91"/>
      <c r="HG4563" s="91"/>
      <c r="HH4563" s="91"/>
      <c r="HI4563" s="91"/>
      <c r="HJ4563" s="91"/>
      <c r="HK4563" s="127"/>
      <c r="HL4563" s="126"/>
      <c r="HM4563" s="91"/>
      <c r="HN4563" s="91"/>
      <c r="HO4563" s="91"/>
      <c r="HP4563" s="91"/>
      <c r="HQ4563" s="91"/>
      <c r="HR4563" s="91"/>
      <c r="HS4563" s="91"/>
      <c r="HT4563" s="91"/>
      <c r="HU4563" s="91"/>
      <c r="HV4563" s="91"/>
      <c r="HW4563" s="91"/>
      <c r="HX4563" s="127"/>
      <c r="HY4563" s="126"/>
      <c r="HZ4563" s="91"/>
      <c r="IA4563" s="91"/>
      <c r="IB4563" s="91"/>
      <c r="IC4563" s="91"/>
      <c r="ID4563" s="91"/>
      <c r="IE4563" s="91"/>
      <c r="IF4563" s="91"/>
      <c r="IG4563" s="91"/>
      <c r="IH4563" s="91"/>
      <c r="II4563" s="91"/>
      <c r="IJ4563" s="91"/>
      <c r="IK4563" s="174"/>
    </row>
    <row r="4564" spans="2:245" x14ac:dyDescent="0.2">
      <c r="B4564" s="43"/>
      <c r="C4564" s="73"/>
      <c r="D4564" s="64"/>
      <c r="E4564" s="64"/>
      <c r="F4564" s="55"/>
      <c r="G4564" s="102"/>
      <c r="H4564" s="97"/>
      <c r="T4564" s="98"/>
      <c r="U4564" s="97"/>
      <c r="AG4564" s="98"/>
      <c r="AY4564" s="164"/>
      <c r="BK4564" s="98"/>
      <c r="BL4564" s="97"/>
      <c r="BX4564" s="98"/>
      <c r="CL4564" s="97"/>
      <c r="CX4564" s="98"/>
      <c r="DL4564" s="97"/>
      <c r="DX4564" s="98"/>
      <c r="EL4564" s="97"/>
      <c r="EX4564" s="98"/>
      <c r="EY4564" s="97"/>
      <c r="FL4564" s="126"/>
      <c r="FM4564" s="91"/>
      <c r="FN4564" s="91"/>
      <c r="FO4564" s="91"/>
      <c r="FP4564" s="91"/>
      <c r="FQ4564" s="91"/>
      <c r="FR4564" s="91"/>
      <c r="FS4564" s="91"/>
      <c r="FT4564" s="91"/>
      <c r="FU4564" s="91"/>
      <c r="FV4564" s="91"/>
      <c r="FW4564" s="91"/>
      <c r="FX4564" s="127"/>
      <c r="FY4564" s="126"/>
      <c r="FZ4564" s="91"/>
      <c r="GA4564" s="91"/>
      <c r="GB4564" s="91"/>
      <c r="GC4564" s="91"/>
      <c r="GD4564" s="91"/>
      <c r="GE4564" s="91"/>
      <c r="GF4564" s="91"/>
      <c r="GG4564" s="91"/>
      <c r="GH4564" s="91"/>
      <c r="GI4564" s="91"/>
      <c r="GJ4564" s="91"/>
      <c r="GK4564" s="127"/>
      <c r="GL4564" s="126"/>
      <c r="GM4564" s="91"/>
      <c r="GN4564" s="91"/>
      <c r="GO4564" s="91"/>
      <c r="GP4564" s="91"/>
      <c r="GQ4564" s="91"/>
      <c r="GR4564" s="91"/>
      <c r="GS4564" s="91"/>
      <c r="GT4564" s="91"/>
      <c r="GU4564" s="91"/>
      <c r="GV4564" s="91"/>
      <c r="GW4564" s="91"/>
      <c r="GX4564" s="127"/>
      <c r="GY4564" s="126"/>
      <c r="GZ4564" s="91"/>
      <c r="HA4564" s="91"/>
      <c r="HB4564" s="91"/>
      <c r="HC4564" s="91"/>
      <c r="HD4564" s="91"/>
      <c r="HE4564" s="91"/>
      <c r="HF4564" s="91"/>
      <c r="HG4564" s="91"/>
      <c r="HH4564" s="91"/>
      <c r="HI4564" s="91"/>
      <c r="HJ4564" s="91"/>
      <c r="HK4564" s="127"/>
      <c r="HL4564" s="126"/>
      <c r="HM4564" s="91"/>
      <c r="HN4564" s="91"/>
      <c r="HO4564" s="91"/>
      <c r="HP4564" s="91"/>
      <c r="HQ4564" s="91"/>
      <c r="HR4564" s="91"/>
      <c r="HS4564" s="91"/>
      <c r="HT4564" s="91"/>
      <c r="HU4564" s="91"/>
      <c r="HV4564" s="91"/>
      <c r="HW4564" s="91"/>
      <c r="HX4564" s="127"/>
      <c r="HY4564" s="126"/>
      <c r="HZ4564" s="91"/>
      <c r="IA4564" s="91"/>
      <c r="IB4564" s="91"/>
      <c r="IC4564" s="91"/>
      <c r="ID4564" s="91"/>
      <c r="IE4564" s="91"/>
      <c r="IF4564" s="91"/>
      <c r="IG4564" s="91"/>
      <c r="IH4564" s="91"/>
      <c r="II4564" s="91"/>
      <c r="IJ4564" s="91"/>
      <c r="IK4564" s="174"/>
    </row>
    <row r="4565" spans="2:245" x14ac:dyDescent="0.2">
      <c r="B4565" s="43"/>
      <c r="C4565" s="73"/>
      <c r="D4565" s="64"/>
      <c r="E4565" s="64"/>
      <c r="F4565" s="55"/>
      <c r="G4565" s="102"/>
      <c r="H4565" s="97"/>
      <c r="T4565" s="98"/>
      <c r="U4565" s="97"/>
      <c r="AG4565" s="98"/>
      <c r="AY4565" s="164"/>
      <c r="BK4565" s="98"/>
      <c r="BL4565" s="97"/>
      <c r="BX4565" s="98"/>
      <c r="CL4565" s="97"/>
      <c r="CX4565" s="98"/>
      <c r="DL4565" s="97"/>
      <c r="DX4565" s="98"/>
      <c r="EL4565" s="97"/>
      <c r="EX4565" s="98"/>
      <c r="EY4565" s="97"/>
      <c r="FL4565" s="126"/>
      <c r="FM4565" s="91"/>
      <c r="FN4565" s="91"/>
      <c r="FO4565" s="91"/>
      <c r="FP4565" s="91"/>
      <c r="FQ4565" s="91"/>
      <c r="FR4565" s="91"/>
      <c r="FS4565" s="91"/>
      <c r="FT4565" s="91"/>
      <c r="FU4565" s="91"/>
      <c r="FV4565" s="91"/>
      <c r="FW4565" s="91"/>
      <c r="FX4565" s="127"/>
      <c r="FY4565" s="126"/>
      <c r="FZ4565" s="91"/>
      <c r="GA4565" s="91"/>
      <c r="GB4565" s="91"/>
      <c r="GC4565" s="91"/>
      <c r="GD4565" s="91"/>
      <c r="GE4565" s="91"/>
      <c r="GF4565" s="91"/>
      <c r="GG4565" s="91"/>
      <c r="GH4565" s="91"/>
      <c r="GI4565" s="91"/>
      <c r="GJ4565" s="91"/>
      <c r="GK4565" s="127"/>
      <c r="GL4565" s="126"/>
      <c r="GM4565" s="91"/>
      <c r="GN4565" s="91"/>
      <c r="GO4565" s="91"/>
      <c r="GP4565" s="91"/>
      <c r="GQ4565" s="91"/>
      <c r="GR4565" s="91"/>
      <c r="GS4565" s="91"/>
      <c r="GT4565" s="91"/>
      <c r="GU4565" s="91"/>
      <c r="GV4565" s="91"/>
      <c r="GW4565" s="91"/>
      <c r="GX4565" s="127"/>
      <c r="GY4565" s="126"/>
      <c r="GZ4565" s="91"/>
      <c r="HA4565" s="91"/>
      <c r="HB4565" s="91"/>
      <c r="HC4565" s="91"/>
      <c r="HD4565" s="91"/>
      <c r="HE4565" s="91"/>
      <c r="HF4565" s="91"/>
      <c r="HG4565" s="91"/>
      <c r="HH4565" s="91"/>
      <c r="HI4565" s="91"/>
      <c r="HJ4565" s="91"/>
      <c r="HK4565" s="127"/>
      <c r="HL4565" s="126"/>
      <c r="HM4565" s="91"/>
      <c r="HN4565" s="91"/>
      <c r="HO4565" s="91"/>
      <c r="HP4565" s="91"/>
      <c r="HQ4565" s="91"/>
      <c r="HR4565" s="91"/>
      <c r="HS4565" s="91"/>
      <c r="HT4565" s="91"/>
      <c r="HU4565" s="91"/>
      <c r="HV4565" s="91"/>
      <c r="HW4565" s="91"/>
      <c r="HX4565" s="127"/>
      <c r="HY4565" s="126"/>
      <c r="HZ4565" s="91"/>
      <c r="IA4565" s="91"/>
      <c r="IB4565" s="91"/>
      <c r="IC4565" s="91"/>
      <c r="ID4565" s="91"/>
      <c r="IE4565" s="91"/>
      <c r="IF4565" s="91"/>
      <c r="IG4565" s="91"/>
      <c r="IH4565" s="91"/>
      <c r="II4565" s="91"/>
      <c r="IJ4565" s="91"/>
      <c r="IK4565" s="174"/>
    </row>
    <row r="4566" spans="2:245" x14ac:dyDescent="0.2">
      <c r="B4566" s="43"/>
      <c r="C4566" s="73"/>
      <c r="D4566" s="64"/>
      <c r="E4566" s="64"/>
      <c r="F4566" s="55"/>
      <c r="G4566" s="102"/>
      <c r="H4566" s="97"/>
      <c r="T4566" s="98"/>
      <c r="U4566" s="97"/>
      <c r="AG4566" s="98"/>
      <c r="AY4566" s="164"/>
      <c r="BK4566" s="98"/>
      <c r="BL4566" s="97"/>
      <c r="BX4566" s="98"/>
      <c r="CL4566" s="97"/>
      <c r="CX4566" s="98"/>
      <c r="DL4566" s="97"/>
      <c r="DX4566" s="98"/>
      <c r="EL4566" s="97"/>
      <c r="EX4566" s="98"/>
      <c r="EY4566" s="97"/>
      <c r="FL4566" s="126"/>
      <c r="FM4566" s="91"/>
      <c r="FN4566" s="91"/>
      <c r="FO4566" s="91"/>
      <c r="FP4566" s="91"/>
      <c r="FQ4566" s="91"/>
      <c r="FR4566" s="91"/>
      <c r="FS4566" s="91"/>
      <c r="FT4566" s="91"/>
      <c r="FU4566" s="91"/>
      <c r="FV4566" s="91"/>
      <c r="FW4566" s="91"/>
      <c r="FX4566" s="127"/>
      <c r="FY4566" s="126"/>
      <c r="FZ4566" s="91"/>
      <c r="GA4566" s="91"/>
      <c r="GB4566" s="91"/>
      <c r="GC4566" s="91"/>
      <c r="GD4566" s="91"/>
      <c r="GE4566" s="91"/>
      <c r="GF4566" s="91"/>
      <c r="GG4566" s="91"/>
      <c r="GH4566" s="91"/>
      <c r="GI4566" s="91"/>
      <c r="GJ4566" s="91"/>
      <c r="GK4566" s="127"/>
      <c r="GL4566" s="126"/>
      <c r="GM4566" s="91"/>
      <c r="GN4566" s="91"/>
      <c r="GO4566" s="91"/>
      <c r="GP4566" s="91"/>
      <c r="GQ4566" s="91"/>
      <c r="GR4566" s="91"/>
      <c r="GS4566" s="91"/>
      <c r="GT4566" s="91"/>
      <c r="GU4566" s="91"/>
      <c r="GV4566" s="91"/>
      <c r="GW4566" s="91"/>
      <c r="GX4566" s="127"/>
      <c r="GY4566" s="126"/>
      <c r="GZ4566" s="91"/>
      <c r="HA4566" s="91"/>
      <c r="HB4566" s="91"/>
      <c r="HC4566" s="91"/>
      <c r="HD4566" s="91"/>
      <c r="HE4566" s="91"/>
      <c r="HF4566" s="91"/>
      <c r="HG4566" s="91"/>
      <c r="HH4566" s="91"/>
      <c r="HI4566" s="91"/>
      <c r="HJ4566" s="91"/>
      <c r="HK4566" s="127"/>
      <c r="HL4566" s="126"/>
      <c r="HM4566" s="91"/>
      <c r="HN4566" s="91"/>
      <c r="HO4566" s="91"/>
      <c r="HP4566" s="91"/>
      <c r="HQ4566" s="91"/>
      <c r="HR4566" s="91"/>
      <c r="HS4566" s="91"/>
      <c r="HT4566" s="91"/>
      <c r="HU4566" s="91"/>
      <c r="HV4566" s="91"/>
      <c r="HW4566" s="91"/>
      <c r="HX4566" s="127"/>
      <c r="HY4566" s="126"/>
      <c r="HZ4566" s="91"/>
      <c r="IA4566" s="91"/>
      <c r="IB4566" s="91"/>
      <c r="IC4566" s="91"/>
      <c r="ID4566" s="91"/>
      <c r="IE4566" s="91"/>
      <c r="IF4566" s="91"/>
      <c r="IG4566" s="91"/>
      <c r="IH4566" s="91"/>
      <c r="II4566" s="91"/>
      <c r="IJ4566" s="91"/>
      <c r="IK4566" s="174"/>
    </row>
    <row r="4567" spans="2:245" x14ac:dyDescent="0.2">
      <c r="B4567" s="43"/>
      <c r="C4567" s="73"/>
      <c r="D4567" s="64"/>
      <c r="E4567" s="64"/>
      <c r="F4567" s="55"/>
      <c r="G4567" s="102"/>
      <c r="H4567" s="97"/>
      <c r="T4567" s="98"/>
      <c r="U4567" s="97"/>
      <c r="AG4567" s="98"/>
      <c r="AY4567" s="164"/>
      <c r="BK4567" s="98"/>
      <c r="BL4567" s="97"/>
      <c r="BX4567" s="98"/>
      <c r="CL4567" s="97"/>
      <c r="CX4567" s="98"/>
      <c r="DL4567" s="97"/>
      <c r="DX4567" s="98"/>
      <c r="EL4567" s="97"/>
      <c r="EX4567" s="98"/>
      <c r="EY4567" s="97"/>
      <c r="FL4567" s="126"/>
      <c r="FM4567" s="91"/>
      <c r="FN4567" s="91"/>
      <c r="FO4567" s="91"/>
      <c r="FP4567" s="91"/>
      <c r="FQ4567" s="91"/>
      <c r="FR4567" s="91"/>
      <c r="FS4567" s="91"/>
      <c r="FT4567" s="91"/>
      <c r="FU4567" s="91"/>
      <c r="FV4567" s="91"/>
      <c r="FW4567" s="91"/>
      <c r="FX4567" s="127"/>
      <c r="FY4567" s="126"/>
      <c r="FZ4567" s="91"/>
      <c r="GA4567" s="91"/>
      <c r="GB4567" s="91"/>
      <c r="GC4567" s="91"/>
      <c r="GD4567" s="91"/>
      <c r="GE4567" s="91"/>
      <c r="GF4567" s="91"/>
      <c r="GG4567" s="91"/>
      <c r="GH4567" s="91"/>
      <c r="GI4567" s="91"/>
      <c r="GJ4567" s="91"/>
      <c r="GK4567" s="127"/>
      <c r="GL4567" s="126"/>
      <c r="GM4567" s="91"/>
      <c r="GN4567" s="91"/>
      <c r="GO4567" s="91"/>
      <c r="GP4567" s="91"/>
      <c r="GQ4567" s="91"/>
      <c r="GR4567" s="91"/>
      <c r="GS4567" s="91"/>
      <c r="GT4567" s="91"/>
      <c r="GU4567" s="91"/>
      <c r="GV4567" s="91"/>
      <c r="GW4567" s="91"/>
      <c r="GX4567" s="127"/>
      <c r="GY4567" s="126"/>
      <c r="GZ4567" s="91"/>
      <c r="HA4567" s="91"/>
      <c r="HB4567" s="91"/>
      <c r="HC4567" s="91"/>
      <c r="HD4567" s="91"/>
      <c r="HE4567" s="91"/>
      <c r="HF4567" s="91"/>
      <c r="HG4567" s="91"/>
      <c r="HH4567" s="91"/>
      <c r="HI4567" s="91"/>
      <c r="HJ4567" s="91"/>
      <c r="HK4567" s="127"/>
      <c r="HL4567" s="126"/>
      <c r="HM4567" s="91"/>
      <c r="HN4567" s="91"/>
      <c r="HO4567" s="91"/>
      <c r="HP4567" s="91"/>
      <c r="HQ4567" s="91"/>
      <c r="HR4567" s="91"/>
      <c r="HS4567" s="91"/>
      <c r="HT4567" s="91"/>
      <c r="HU4567" s="91"/>
      <c r="HV4567" s="91"/>
      <c r="HW4567" s="91"/>
      <c r="HX4567" s="127"/>
      <c r="HY4567" s="126"/>
      <c r="HZ4567" s="91"/>
      <c r="IA4567" s="91"/>
      <c r="IB4567" s="91"/>
      <c r="IC4567" s="91"/>
      <c r="ID4567" s="91"/>
      <c r="IE4567" s="91"/>
      <c r="IF4567" s="91"/>
      <c r="IG4567" s="91"/>
      <c r="IH4567" s="91"/>
      <c r="II4567" s="91"/>
      <c r="IJ4567" s="91"/>
      <c r="IK4567" s="174"/>
    </row>
    <row r="4568" spans="2:245" x14ac:dyDescent="0.2">
      <c r="B4568" s="43"/>
      <c r="C4568" s="73"/>
      <c r="D4568" s="64"/>
      <c r="E4568" s="64"/>
      <c r="F4568" s="55"/>
      <c r="G4568" s="102"/>
      <c r="H4568" s="97"/>
      <c r="T4568" s="98"/>
      <c r="U4568" s="97"/>
      <c r="AG4568" s="98"/>
      <c r="AY4568" s="164"/>
      <c r="BK4568" s="98"/>
      <c r="BL4568" s="97"/>
      <c r="BX4568" s="98"/>
      <c r="CL4568" s="97"/>
      <c r="CX4568" s="98"/>
      <c r="DL4568" s="97"/>
      <c r="DX4568" s="98"/>
      <c r="EL4568" s="97"/>
      <c r="EX4568" s="98"/>
      <c r="EY4568" s="97"/>
      <c r="FL4568" s="126"/>
      <c r="FM4568" s="91"/>
      <c r="FN4568" s="91"/>
      <c r="FO4568" s="91"/>
      <c r="FP4568" s="91"/>
      <c r="FQ4568" s="91"/>
      <c r="FR4568" s="91"/>
      <c r="FS4568" s="91"/>
      <c r="FT4568" s="91"/>
      <c r="FU4568" s="91"/>
      <c r="FV4568" s="91"/>
      <c r="FW4568" s="91"/>
      <c r="FX4568" s="127"/>
      <c r="FY4568" s="126"/>
      <c r="FZ4568" s="91"/>
      <c r="GA4568" s="91"/>
      <c r="GB4568" s="91"/>
      <c r="GC4568" s="91"/>
      <c r="GD4568" s="91"/>
      <c r="GE4568" s="91"/>
      <c r="GF4568" s="91"/>
      <c r="GG4568" s="91"/>
      <c r="GH4568" s="91"/>
      <c r="GI4568" s="91"/>
      <c r="GJ4568" s="91"/>
      <c r="GK4568" s="127"/>
      <c r="GL4568" s="126"/>
      <c r="GM4568" s="91"/>
      <c r="GN4568" s="91"/>
      <c r="GO4568" s="91"/>
      <c r="GP4568" s="91"/>
      <c r="GQ4568" s="91"/>
      <c r="GR4568" s="91"/>
      <c r="GS4568" s="91"/>
      <c r="GT4568" s="91"/>
      <c r="GU4568" s="91"/>
      <c r="GV4568" s="91"/>
      <c r="GW4568" s="91"/>
      <c r="GX4568" s="127"/>
      <c r="GY4568" s="126"/>
      <c r="GZ4568" s="91"/>
      <c r="HA4568" s="91"/>
      <c r="HB4568" s="91"/>
      <c r="HC4568" s="91"/>
      <c r="HD4568" s="91"/>
      <c r="HE4568" s="91"/>
      <c r="HF4568" s="91"/>
      <c r="HG4568" s="91"/>
      <c r="HH4568" s="91"/>
      <c r="HI4568" s="91"/>
      <c r="HJ4568" s="91"/>
      <c r="HK4568" s="127"/>
      <c r="HL4568" s="126"/>
      <c r="HM4568" s="91"/>
      <c r="HN4568" s="91"/>
      <c r="HO4568" s="91"/>
      <c r="HP4568" s="91"/>
      <c r="HQ4568" s="91"/>
      <c r="HR4568" s="91"/>
      <c r="HS4568" s="91"/>
      <c r="HT4568" s="91"/>
      <c r="HU4568" s="91"/>
      <c r="HV4568" s="91"/>
      <c r="HW4568" s="91"/>
      <c r="HX4568" s="127"/>
      <c r="HY4568" s="126"/>
      <c r="HZ4568" s="91"/>
      <c r="IA4568" s="91"/>
      <c r="IB4568" s="91"/>
      <c r="IC4568" s="91"/>
      <c r="ID4568" s="91"/>
      <c r="IE4568" s="91"/>
      <c r="IF4568" s="91"/>
      <c r="IG4568" s="91"/>
      <c r="IH4568" s="91"/>
      <c r="II4568" s="91"/>
      <c r="IJ4568" s="91"/>
      <c r="IK4568" s="174"/>
    </row>
    <row r="4569" spans="2:245" x14ac:dyDescent="0.2">
      <c r="B4569" s="43"/>
      <c r="C4569" s="73"/>
      <c r="D4569" s="64"/>
      <c r="E4569" s="64"/>
      <c r="F4569" s="55"/>
      <c r="G4569" s="102"/>
      <c r="H4569" s="97"/>
      <c r="T4569" s="98"/>
      <c r="U4569" s="97"/>
      <c r="AG4569" s="98"/>
      <c r="AY4569" s="164"/>
      <c r="BK4569" s="98"/>
      <c r="BL4569" s="97"/>
      <c r="BX4569" s="98"/>
      <c r="CL4569" s="97"/>
      <c r="CX4569" s="98"/>
      <c r="DL4569" s="97"/>
      <c r="DX4569" s="98"/>
      <c r="EL4569" s="97"/>
      <c r="EX4569" s="98"/>
      <c r="EY4569" s="97"/>
      <c r="FL4569" s="126"/>
      <c r="FM4569" s="91"/>
      <c r="FN4569" s="91"/>
      <c r="FO4569" s="91"/>
      <c r="FP4569" s="91"/>
      <c r="FQ4569" s="91"/>
      <c r="FR4569" s="91"/>
      <c r="FS4569" s="91"/>
      <c r="FT4569" s="91"/>
      <c r="FU4569" s="91"/>
      <c r="FV4569" s="91"/>
      <c r="FW4569" s="91"/>
      <c r="FX4569" s="127"/>
      <c r="FY4569" s="126"/>
      <c r="FZ4569" s="91"/>
      <c r="GA4569" s="91"/>
      <c r="GB4569" s="91"/>
      <c r="GC4569" s="91"/>
      <c r="GD4569" s="91"/>
      <c r="GE4569" s="91"/>
      <c r="GF4569" s="91"/>
      <c r="GG4569" s="91"/>
      <c r="GH4569" s="91"/>
      <c r="GI4569" s="91"/>
      <c r="GJ4569" s="91"/>
      <c r="GK4569" s="127"/>
      <c r="GL4569" s="126"/>
      <c r="GM4569" s="91"/>
      <c r="GN4569" s="91"/>
      <c r="GO4569" s="91"/>
      <c r="GP4569" s="91"/>
      <c r="GQ4569" s="91"/>
      <c r="GR4569" s="91"/>
      <c r="GS4569" s="91"/>
      <c r="GT4569" s="91"/>
      <c r="GU4569" s="91"/>
      <c r="GV4569" s="91"/>
      <c r="GW4569" s="91"/>
      <c r="GX4569" s="127"/>
      <c r="GY4569" s="126"/>
      <c r="GZ4569" s="91"/>
      <c r="HA4569" s="91"/>
      <c r="HB4569" s="91"/>
      <c r="HC4569" s="91"/>
      <c r="HD4569" s="91"/>
      <c r="HE4569" s="91"/>
      <c r="HF4569" s="91"/>
      <c r="HG4569" s="91"/>
      <c r="HH4569" s="91"/>
      <c r="HI4569" s="91"/>
      <c r="HJ4569" s="91"/>
      <c r="HK4569" s="127"/>
      <c r="HL4569" s="126"/>
      <c r="HM4569" s="91"/>
      <c r="HN4569" s="91"/>
      <c r="HO4569" s="91"/>
      <c r="HP4569" s="91"/>
      <c r="HQ4569" s="91"/>
      <c r="HR4569" s="91"/>
      <c r="HS4569" s="91"/>
      <c r="HT4569" s="91"/>
      <c r="HU4569" s="91"/>
      <c r="HV4569" s="91"/>
      <c r="HW4569" s="91"/>
      <c r="HX4569" s="127"/>
      <c r="HY4569" s="126"/>
      <c r="HZ4569" s="91"/>
      <c r="IA4569" s="91"/>
      <c r="IB4569" s="91"/>
      <c r="IC4569" s="91"/>
      <c r="ID4569" s="91"/>
      <c r="IE4569" s="91"/>
      <c r="IF4569" s="91"/>
      <c r="IG4569" s="91"/>
      <c r="IH4569" s="91"/>
      <c r="II4569" s="91"/>
      <c r="IJ4569" s="91"/>
      <c r="IK4569" s="174"/>
    </row>
    <row r="4570" spans="2:245" x14ac:dyDescent="0.2">
      <c r="B4570" s="43"/>
      <c r="C4570" s="73"/>
      <c r="D4570" s="64"/>
      <c r="E4570" s="64"/>
      <c r="F4570" s="55"/>
      <c r="G4570" s="102"/>
      <c r="H4570" s="97"/>
      <c r="T4570" s="98"/>
      <c r="U4570" s="97"/>
      <c r="AG4570" s="98"/>
      <c r="AY4570" s="164"/>
      <c r="BK4570" s="98"/>
      <c r="BL4570" s="97"/>
      <c r="BX4570" s="98"/>
      <c r="CL4570" s="97"/>
      <c r="CX4570" s="98"/>
      <c r="DL4570" s="97"/>
      <c r="DX4570" s="98"/>
      <c r="EL4570" s="97"/>
      <c r="EX4570" s="98"/>
      <c r="EY4570" s="97"/>
      <c r="FL4570" s="126"/>
      <c r="FM4570" s="91"/>
      <c r="FN4570" s="91"/>
      <c r="FO4570" s="91"/>
      <c r="FP4570" s="91"/>
      <c r="FQ4570" s="91"/>
      <c r="FR4570" s="91"/>
      <c r="FS4570" s="91"/>
      <c r="FT4570" s="91"/>
      <c r="FU4570" s="91"/>
      <c r="FV4570" s="91"/>
      <c r="FW4570" s="91"/>
      <c r="FX4570" s="127"/>
      <c r="FY4570" s="126"/>
      <c r="FZ4570" s="91"/>
      <c r="GA4570" s="91"/>
      <c r="GB4570" s="91"/>
      <c r="GC4570" s="91"/>
      <c r="GD4570" s="91"/>
      <c r="GE4570" s="91"/>
      <c r="GF4570" s="91"/>
      <c r="GG4570" s="91"/>
      <c r="GH4570" s="91"/>
      <c r="GI4570" s="91"/>
      <c r="GJ4570" s="91"/>
      <c r="GK4570" s="127"/>
      <c r="GL4570" s="126"/>
      <c r="GM4570" s="91"/>
      <c r="GN4570" s="91"/>
      <c r="GO4570" s="91"/>
      <c r="GP4570" s="91"/>
      <c r="GQ4570" s="91"/>
      <c r="GR4570" s="91"/>
      <c r="GS4570" s="91"/>
      <c r="GT4570" s="91"/>
      <c r="GU4570" s="91"/>
      <c r="GV4570" s="91"/>
      <c r="GW4570" s="91"/>
      <c r="GX4570" s="127"/>
      <c r="GY4570" s="126"/>
      <c r="GZ4570" s="91"/>
      <c r="HA4570" s="91"/>
      <c r="HB4570" s="91"/>
      <c r="HC4570" s="91"/>
      <c r="HD4570" s="91"/>
      <c r="HE4570" s="91"/>
      <c r="HF4570" s="91"/>
      <c r="HG4570" s="91"/>
      <c r="HH4570" s="91"/>
      <c r="HI4570" s="91"/>
      <c r="HJ4570" s="91"/>
      <c r="HK4570" s="127"/>
      <c r="HL4570" s="126"/>
      <c r="HM4570" s="91"/>
      <c r="HN4570" s="91"/>
      <c r="HO4570" s="91"/>
      <c r="HP4570" s="91"/>
      <c r="HQ4570" s="91"/>
      <c r="HR4570" s="91"/>
      <c r="HS4570" s="91"/>
      <c r="HT4570" s="91"/>
      <c r="HU4570" s="91"/>
      <c r="HV4570" s="91"/>
      <c r="HW4570" s="91"/>
      <c r="HX4570" s="127"/>
      <c r="HY4570" s="126"/>
      <c r="HZ4570" s="91"/>
      <c r="IA4570" s="91"/>
      <c r="IB4570" s="91"/>
      <c r="IC4570" s="91"/>
      <c r="ID4570" s="91"/>
      <c r="IE4570" s="91"/>
      <c r="IF4570" s="91"/>
      <c r="IG4570" s="91"/>
      <c r="IH4570" s="91"/>
      <c r="II4570" s="91"/>
      <c r="IJ4570" s="91"/>
      <c r="IK4570" s="174"/>
    </row>
    <row r="4571" spans="2:245" x14ac:dyDescent="0.2">
      <c r="B4571" s="43"/>
      <c r="C4571" s="73"/>
      <c r="D4571" s="64"/>
      <c r="E4571" s="64"/>
      <c r="F4571" s="55"/>
      <c r="G4571" s="102"/>
      <c r="H4571" s="97"/>
      <c r="T4571" s="98"/>
      <c r="U4571" s="97"/>
      <c r="AG4571" s="98"/>
      <c r="AY4571" s="164"/>
      <c r="BK4571" s="98"/>
      <c r="BL4571" s="97"/>
      <c r="BX4571" s="98"/>
      <c r="CL4571" s="97"/>
      <c r="CX4571" s="98"/>
      <c r="DL4571" s="97"/>
      <c r="DX4571" s="98"/>
      <c r="EL4571" s="97"/>
      <c r="EX4571" s="98"/>
      <c r="EY4571" s="97"/>
      <c r="FL4571" s="126"/>
      <c r="FM4571" s="91"/>
      <c r="FN4571" s="91"/>
      <c r="FO4571" s="91"/>
      <c r="FP4571" s="91"/>
      <c r="FQ4571" s="91"/>
      <c r="FR4571" s="91"/>
      <c r="FS4571" s="91"/>
      <c r="FT4571" s="91"/>
      <c r="FU4571" s="91"/>
      <c r="FV4571" s="91"/>
      <c r="FW4571" s="91"/>
      <c r="FX4571" s="127"/>
      <c r="FY4571" s="126"/>
      <c r="FZ4571" s="91"/>
      <c r="GA4571" s="91"/>
      <c r="GB4571" s="91"/>
      <c r="GC4571" s="91"/>
      <c r="GD4571" s="91"/>
      <c r="GE4571" s="91"/>
      <c r="GF4571" s="91"/>
      <c r="GG4571" s="91"/>
      <c r="GH4571" s="91"/>
      <c r="GI4571" s="91"/>
      <c r="GJ4571" s="91"/>
      <c r="GK4571" s="127"/>
      <c r="GL4571" s="126"/>
      <c r="GM4571" s="91"/>
      <c r="GN4571" s="91"/>
      <c r="GO4571" s="91"/>
      <c r="GP4571" s="91"/>
      <c r="GQ4571" s="91"/>
      <c r="GR4571" s="91"/>
      <c r="GS4571" s="91"/>
      <c r="GT4571" s="91"/>
      <c r="GU4571" s="91"/>
      <c r="GV4571" s="91"/>
      <c r="GW4571" s="91"/>
      <c r="GX4571" s="127"/>
      <c r="GY4571" s="126"/>
      <c r="GZ4571" s="91"/>
      <c r="HA4571" s="91"/>
      <c r="HB4571" s="91"/>
      <c r="HC4571" s="91"/>
      <c r="HD4571" s="91"/>
      <c r="HE4571" s="91"/>
      <c r="HF4571" s="91"/>
      <c r="HG4571" s="91"/>
      <c r="HH4571" s="91"/>
      <c r="HI4571" s="91"/>
      <c r="HJ4571" s="91"/>
      <c r="HK4571" s="127"/>
      <c r="HL4571" s="126"/>
      <c r="HM4571" s="91"/>
      <c r="HN4571" s="91"/>
      <c r="HO4571" s="91"/>
      <c r="HP4571" s="91"/>
      <c r="HQ4571" s="91"/>
      <c r="HR4571" s="91"/>
      <c r="HS4571" s="91"/>
      <c r="HT4571" s="91"/>
      <c r="HU4571" s="91"/>
      <c r="HV4571" s="91"/>
      <c r="HW4571" s="91"/>
      <c r="HX4571" s="127"/>
      <c r="HY4571" s="126"/>
      <c r="HZ4571" s="91"/>
      <c r="IA4571" s="91"/>
      <c r="IB4571" s="91"/>
      <c r="IC4571" s="91"/>
      <c r="ID4571" s="91"/>
      <c r="IE4571" s="91"/>
      <c r="IF4571" s="91"/>
      <c r="IG4571" s="91"/>
      <c r="IH4571" s="91"/>
      <c r="II4571" s="91"/>
      <c r="IJ4571" s="91"/>
      <c r="IK4571" s="174"/>
    </row>
    <row r="4572" spans="2:245" x14ac:dyDescent="0.2">
      <c r="B4572" s="43"/>
      <c r="C4572" s="73"/>
      <c r="D4572" s="64"/>
      <c r="E4572" s="64"/>
      <c r="F4572" s="55"/>
      <c r="G4572" s="102"/>
      <c r="H4572" s="97"/>
      <c r="T4572" s="98"/>
      <c r="U4572" s="97"/>
      <c r="AG4572" s="98"/>
      <c r="AY4572" s="164"/>
      <c r="BK4572" s="98"/>
      <c r="BL4572" s="97"/>
      <c r="BX4572" s="98"/>
      <c r="CL4572" s="97"/>
      <c r="CX4572" s="98"/>
      <c r="DL4572" s="97"/>
      <c r="DX4572" s="98"/>
      <c r="EL4572" s="97"/>
      <c r="EX4572" s="98"/>
      <c r="EY4572" s="97"/>
      <c r="FL4572" s="126"/>
      <c r="FM4572" s="91"/>
      <c r="FN4572" s="91"/>
      <c r="FO4572" s="91"/>
      <c r="FP4572" s="91"/>
      <c r="FQ4572" s="91"/>
      <c r="FR4572" s="91"/>
      <c r="FS4572" s="91"/>
      <c r="FT4572" s="91"/>
      <c r="FU4572" s="91"/>
      <c r="FV4572" s="91"/>
      <c r="FW4572" s="91"/>
      <c r="FX4572" s="127"/>
      <c r="FY4572" s="126"/>
      <c r="FZ4572" s="91"/>
      <c r="GA4572" s="91"/>
      <c r="GB4572" s="91"/>
      <c r="GC4572" s="91"/>
      <c r="GD4572" s="91"/>
      <c r="GE4572" s="91"/>
      <c r="GF4572" s="91"/>
      <c r="GG4572" s="91"/>
      <c r="GH4572" s="91"/>
      <c r="GI4572" s="91"/>
      <c r="GJ4572" s="91"/>
      <c r="GK4572" s="127"/>
      <c r="GL4572" s="126"/>
      <c r="GM4572" s="91"/>
      <c r="GN4572" s="91"/>
      <c r="GO4572" s="91"/>
      <c r="GP4572" s="91"/>
      <c r="GQ4572" s="91"/>
      <c r="GR4572" s="91"/>
      <c r="GS4572" s="91"/>
      <c r="GT4572" s="91"/>
      <c r="GU4572" s="91"/>
      <c r="GV4572" s="91"/>
      <c r="GW4572" s="91"/>
      <c r="GX4572" s="127"/>
      <c r="GY4572" s="126"/>
      <c r="GZ4572" s="91"/>
      <c r="HA4572" s="91"/>
      <c r="HB4572" s="91"/>
      <c r="HC4572" s="91"/>
      <c r="HD4572" s="91"/>
      <c r="HE4572" s="91"/>
      <c r="HF4572" s="91"/>
      <c r="HG4572" s="91"/>
      <c r="HH4572" s="91"/>
      <c r="HI4572" s="91"/>
      <c r="HJ4572" s="91"/>
      <c r="HK4572" s="127"/>
      <c r="HL4572" s="126"/>
      <c r="HM4572" s="91"/>
      <c r="HN4572" s="91"/>
      <c r="HO4572" s="91"/>
      <c r="HP4572" s="91"/>
      <c r="HQ4572" s="91"/>
      <c r="HR4572" s="91"/>
      <c r="HS4572" s="91"/>
      <c r="HT4572" s="91"/>
      <c r="HU4572" s="91"/>
      <c r="HV4572" s="91"/>
      <c r="HW4572" s="91"/>
      <c r="HX4572" s="127"/>
      <c r="HY4572" s="126"/>
      <c r="HZ4572" s="91"/>
      <c r="IA4572" s="91"/>
      <c r="IB4572" s="91"/>
      <c r="IC4572" s="91"/>
      <c r="ID4572" s="91"/>
      <c r="IE4572" s="91"/>
      <c r="IF4572" s="91"/>
      <c r="IG4572" s="91"/>
      <c r="IH4572" s="91"/>
      <c r="II4572" s="91"/>
      <c r="IJ4572" s="91"/>
      <c r="IK4572" s="174"/>
    </row>
    <row r="4573" spans="2:245" x14ac:dyDescent="0.2">
      <c r="B4573" s="43"/>
      <c r="C4573" s="73"/>
      <c r="D4573" s="64"/>
      <c r="E4573" s="64"/>
      <c r="F4573" s="55"/>
      <c r="G4573" s="102"/>
      <c r="H4573" s="97"/>
      <c r="T4573" s="98"/>
      <c r="U4573" s="97"/>
      <c r="AG4573" s="98"/>
      <c r="AY4573" s="164"/>
      <c r="BK4573" s="98"/>
      <c r="BL4573" s="97"/>
      <c r="BX4573" s="98"/>
      <c r="CL4573" s="97"/>
      <c r="CX4573" s="98"/>
      <c r="DL4573" s="97"/>
      <c r="DX4573" s="98"/>
      <c r="EL4573" s="97"/>
      <c r="EX4573" s="98"/>
      <c r="EY4573" s="97"/>
      <c r="FL4573" s="126"/>
      <c r="FM4573" s="91"/>
      <c r="FN4573" s="91"/>
      <c r="FO4573" s="91"/>
      <c r="FP4573" s="91"/>
      <c r="FQ4573" s="91"/>
      <c r="FR4573" s="91"/>
      <c r="FS4573" s="91"/>
      <c r="FT4573" s="91"/>
      <c r="FU4573" s="91"/>
      <c r="FV4573" s="91"/>
      <c r="FW4573" s="91"/>
      <c r="FX4573" s="127"/>
      <c r="FY4573" s="126"/>
      <c r="FZ4573" s="91"/>
      <c r="GA4573" s="91"/>
      <c r="GB4573" s="91"/>
      <c r="GC4573" s="91"/>
      <c r="GD4573" s="91"/>
      <c r="GE4573" s="91"/>
      <c r="GF4573" s="91"/>
      <c r="GG4573" s="91"/>
      <c r="GH4573" s="91"/>
      <c r="GI4573" s="91"/>
      <c r="GJ4573" s="91"/>
      <c r="GK4573" s="127"/>
      <c r="GL4573" s="126"/>
      <c r="GM4573" s="91"/>
      <c r="GN4573" s="91"/>
      <c r="GO4573" s="91"/>
      <c r="GP4573" s="91"/>
      <c r="GQ4573" s="91"/>
      <c r="GR4573" s="91"/>
      <c r="GS4573" s="91"/>
      <c r="GT4573" s="91"/>
      <c r="GU4573" s="91"/>
      <c r="GV4573" s="91"/>
      <c r="GW4573" s="91"/>
      <c r="GX4573" s="127"/>
      <c r="GY4573" s="126"/>
      <c r="GZ4573" s="91"/>
      <c r="HA4573" s="91"/>
      <c r="HB4573" s="91"/>
      <c r="HC4573" s="91"/>
      <c r="HD4573" s="91"/>
      <c r="HE4573" s="91"/>
      <c r="HF4573" s="91"/>
      <c r="HG4573" s="91"/>
      <c r="HH4573" s="91"/>
      <c r="HI4573" s="91"/>
      <c r="HJ4573" s="91"/>
      <c r="HK4573" s="127"/>
      <c r="HL4573" s="126"/>
      <c r="HM4573" s="91"/>
      <c r="HN4573" s="91"/>
      <c r="HO4573" s="91"/>
      <c r="HP4573" s="91"/>
      <c r="HQ4573" s="91"/>
      <c r="HR4573" s="91"/>
      <c r="HS4573" s="91"/>
      <c r="HT4573" s="91"/>
      <c r="HU4573" s="91"/>
      <c r="HV4573" s="91"/>
      <c r="HW4573" s="91"/>
      <c r="HX4573" s="127"/>
      <c r="HY4573" s="126"/>
      <c r="HZ4573" s="91"/>
      <c r="IA4573" s="91"/>
      <c r="IB4573" s="91"/>
      <c r="IC4573" s="91"/>
      <c r="ID4573" s="91"/>
      <c r="IE4573" s="91"/>
      <c r="IF4573" s="91"/>
      <c r="IG4573" s="91"/>
      <c r="IH4573" s="91"/>
      <c r="II4573" s="91"/>
      <c r="IJ4573" s="91"/>
      <c r="IK4573" s="174"/>
    </row>
    <row r="4574" spans="2:245" x14ac:dyDescent="0.2">
      <c r="B4574" s="43"/>
      <c r="C4574" s="73"/>
      <c r="D4574" s="64"/>
      <c r="E4574" s="64"/>
      <c r="F4574" s="55"/>
      <c r="G4574" s="102"/>
      <c r="H4574" s="97"/>
      <c r="T4574" s="98"/>
      <c r="U4574" s="97"/>
      <c r="AG4574" s="98"/>
      <c r="AY4574" s="164"/>
      <c r="BK4574" s="98"/>
      <c r="BL4574" s="97"/>
      <c r="BX4574" s="98"/>
      <c r="CL4574" s="97"/>
      <c r="CX4574" s="98"/>
      <c r="DL4574" s="97"/>
      <c r="DX4574" s="98"/>
      <c r="EL4574" s="97"/>
      <c r="EX4574" s="98"/>
      <c r="EY4574" s="97"/>
      <c r="FL4574" s="126"/>
      <c r="FM4574" s="91"/>
      <c r="FN4574" s="91"/>
      <c r="FO4574" s="91"/>
      <c r="FP4574" s="91"/>
      <c r="FQ4574" s="91"/>
      <c r="FR4574" s="91"/>
      <c r="FS4574" s="91"/>
      <c r="FT4574" s="91"/>
      <c r="FU4574" s="91"/>
      <c r="FV4574" s="91"/>
      <c r="FW4574" s="91"/>
      <c r="FX4574" s="127"/>
      <c r="FY4574" s="126"/>
      <c r="FZ4574" s="91"/>
      <c r="GA4574" s="91"/>
      <c r="GB4574" s="91"/>
      <c r="GC4574" s="91"/>
      <c r="GD4574" s="91"/>
      <c r="GE4574" s="91"/>
      <c r="GF4574" s="91"/>
      <c r="GG4574" s="91"/>
      <c r="GH4574" s="91"/>
      <c r="GI4574" s="91"/>
      <c r="GJ4574" s="91"/>
      <c r="GK4574" s="127"/>
      <c r="GL4574" s="126"/>
      <c r="GM4574" s="91"/>
      <c r="GN4574" s="91"/>
      <c r="GO4574" s="91"/>
      <c r="GP4574" s="91"/>
      <c r="GQ4574" s="91"/>
      <c r="GR4574" s="91"/>
      <c r="GS4574" s="91"/>
      <c r="GT4574" s="91"/>
      <c r="GU4574" s="91"/>
      <c r="GV4574" s="91"/>
      <c r="GW4574" s="91"/>
      <c r="GX4574" s="127"/>
      <c r="GY4574" s="126"/>
      <c r="GZ4574" s="91"/>
      <c r="HA4574" s="91"/>
      <c r="HB4574" s="91"/>
      <c r="HC4574" s="91"/>
      <c r="HD4574" s="91"/>
      <c r="HE4574" s="91"/>
      <c r="HF4574" s="91"/>
      <c r="HG4574" s="91"/>
      <c r="HH4574" s="91"/>
      <c r="HI4574" s="91"/>
      <c r="HJ4574" s="91"/>
      <c r="HK4574" s="127"/>
      <c r="HL4574" s="126"/>
      <c r="HM4574" s="91"/>
      <c r="HN4574" s="91"/>
      <c r="HO4574" s="91"/>
      <c r="HP4574" s="91"/>
      <c r="HQ4574" s="91"/>
      <c r="HR4574" s="91"/>
      <c r="HS4574" s="91"/>
      <c r="HT4574" s="91"/>
      <c r="HU4574" s="91"/>
      <c r="HV4574" s="91"/>
      <c r="HW4574" s="91"/>
      <c r="HX4574" s="127"/>
      <c r="HY4574" s="126"/>
      <c r="HZ4574" s="91"/>
      <c r="IA4574" s="91"/>
      <c r="IB4574" s="91"/>
      <c r="IC4574" s="91"/>
      <c r="ID4574" s="91"/>
      <c r="IE4574" s="91"/>
      <c r="IF4574" s="91"/>
      <c r="IG4574" s="91"/>
      <c r="IH4574" s="91"/>
      <c r="II4574" s="91"/>
      <c r="IJ4574" s="91"/>
      <c r="IK4574" s="174"/>
    </row>
    <row r="4575" spans="2:245" x14ac:dyDescent="0.2">
      <c r="B4575" s="43"/>
      <c r="C4575" s="73"/>
      <c r="D4575" s="64"/>
      <c r="E4575" s="64"/>
      <c r="F4575" s="55"/>
      <c r="G4575" s="102"/>
      <c r="H4575" s="97"/>
      <c r="T4575" s="98"/>
      <c r="U4575" s="97"/>
      <c r="AG4575" s="98"/>
      <c r="AY4575" s="164"/>
      <c r="BK4575" s="98"/>
      <c r="BL4575" s="97"/>
      <c r="BX4575" s="98"/>
      <c r="CL4575" s="97"/>
      <c r="CX4575" s="98"/>
      <c r="DL4575" s="97"/>
      <c r="DX4575" s="98"/>
      <c r="EL4575" s="97"/>
      <c r="EX4575" s="98"/>
      <c r="EY4575" s="97"/>
      <c r="FL4575" s="126"/>
      <c r="FM4575" s="91"/>
      <c r="FN4575" s="91"/>
      <c r="FO4575" s="91"/>
      <c r="FP4575" s="91"/>
      <c r="FQ4575" s="91"/>
      <c r="FR4575" s="91"/>
      <c r="FS4575" s="91"/>
      <c r="FT4575" s="91"/>
      <c r="FU4575" s="91"/>
      <c r="FV4575" s="91"/>
      <c r="FW4575" s="91"/>
      <c r="FX4575" s="127"/>
      <c r="FY4575" s="126"/>
      <c r="FZ4575" s="91"/>
      <c r="GA4575" s="91"/>
      <c r="GB4575" s="91"/>
      <c r="GC4575" s="91"/>
      <c r="GD4575" s="91"/>
      <c r="GE4575" s="91"/>
      <c r="GF4575" s="91"/>
      <c r="GG4575" s="91"/>
      <c r="GH4575" s="91"/>
      <c r="GI4575" s="91"/>
      <c r="GJ4575" s="91"/>
      <c r="GK4575" s="127"/>
      <c r="GL4575" s="126"/>
      <c r="GM4575" s="91"/>
      <c r="GN4575" s="91"/>
      <c r="GO4575" s="91"/>
      <c r="GP4575" s="91"/>
      <c r="GQ4575" s="91"/>
      <c r="GR4575" s="91"/>
      <c r="GS4575" s="91"/>
      <c r="GT4575" s="91"/>
      <c r="GU4575" s="91"/>
      <c r="GV4575" s="91"/>
      <c r="GW4575" s="91"/>
      <c r="GX4575" s="127"/>
      <c r="GY4575" s="126"/>
      <c r="GZ4575" s="91"/>
      <c r="HA4575" s="91"/>
      <c r="HB4575" s="91"/>
      <c r="HC4575" s="91"/>
      <c r="HD4575" s="91"/>
      <c r="HE4575" s="91"/>
      <c r="HF4575" s="91"/>
      <c r="HG4575" s="91"/>
      <c r="HH4575" s="91"/>
      <c r="HI4575" s="91"/>
      <c r="HJ4575" s="91"/>
      <c r="HK4575" s="127"/>
      <c r="HL4575" s="126"/>
      <c r="HM4575" s="91"/>
      <c r="HN4575" s="91"/>
      <c r="HO4575" s="91"/>
      <c r="HP4575" s="91"/>
      <c r="HQ4575" s="91"/>
      <c r="HR4575" s="91"/>
      <c r="HS4575" s="91"/>
      <c r="HT4575" s="91"/>
      <c r="HU4575" s="91"/>
      <c r="HV4575" s="91"/>
      <c r="HW4575" s="91"/>
      <c r="HX4575" s="127"/>
      <c r="HY4575" s="126"/>
      <c r="HZ4575" s="91"/>
      <c r="IA4575" s="91"/>
      <c r="IB4575" s="91"/>
      <c r="IC4575" s="91"/>
      <c r="ID4575" s="91"/>
      <c r="IE4575" s="91"/>
      <c r="IF4575" s="91"/>
      <c r="IG4575" s="91"/>
      <c r="IH4575" s="91"/>
      <c r="II4575" s="91"/>
      <c r="IJ4575" s="91"/>
      <c r="IK4575" s="174"/>
    </row>
    <row r="4576" spans="2:245" x14ac:dyDescent="0.2">
      <c r="B4576" s="43"/>
      <c r="C4576" s="73"/>
      <c r="D4576" s="64"/>
      <c r="E4576" s="64"/>
      <c r="F4576" s="55"/>
      <c r="G4576" s="102"/>
      <c r="H4576" s="97"/>
      <c r="T4576" s="98"/>
      <c r="U4576" s="97"/>
      <c r="AG4576" s="98"/>
      <c r="AY4576" s="164"/>
      <c r="BK4576" s="98"/>
      <c r="BL4576" s="97"/>
      <c r="BX4576" s="98"/>
      <c r="CL4576" s="97"/>
      <c r="CX4576" s="98"/>
      <c r="DL4576" s="97"/>
      <c r="DX4576" s="98"/>
      <c r="EL4576" s="97"/>
      <c r="EX4576" s="98"/>
      <c r="EY4576" s="97"/>
      <c r="FL4576" s="126"/>
      <c r="FM4576" s="91"/>
      <c r="FN4576" s="91"/>
      <c r="FO4576" s="91"/>
      <c r="FP4576" s="91"/>
      <c r="FQ4576" s="91"/>
      <c r="FR4576" s="91"/>
      <c r="FS4576" s="91"/>
      <c r="FT4576" s="91"/>
      <c r="FU4576" s="91"/>
      <c r="FV4576" s="91"/>
      <c r="FW4576" s="91"/>
      <c r="FX4576" s="127"/>
      <c r="FY4576" s="126"/>
      <c r="FZ4576" s="91"/>
      <c r="GA4576" s="91"/>
      <c r="GB4576" s="91"/>
      <c r="GC4576" s="91"/>
      <c r="GD4576" s="91"/>
      <c r="GE4576" s="91"/>
      <c r="GF4576" s="91"/>
      <c r="GG4576" s="91"/>
      <c r="GH4576" s="91"/>
      <c r="GI4576" s="91"/>
      <c r="GJ4576" s="91"/>
      <c r="GK4576" s="127"/>
      <c r="GL4576" s="126"/>
      <c r="GM4576" s="91"/>
      <c r="GN4576" s="91"/>
      <c r="GO4576" s="91"/>
      <c r="GP4576" s="91"/>
      <c r="GQ4576" s="91"/>
      <c r="GR4576" s="91"/>
      <c r="GS4576" s="91"/>
      <c r="GT4576" s="91"/>
      <c r="GU4576" s="91"/>
      <c r="GV4576" s="91"/>
      <c r="GW4576" s="91"/>
      <c r="GX4576" s="127"/>
      <c r="GY4576" s="126"/>
      <c r="GZ4576" s="91"/>
      <c r="HA4576" s="91"/>
      <c r="HB4576" s="91"/>
      <c r="HC4576" s="91"/>
      <c r="HD4576" s="91"/>
      <c r="HE4576" s="91"/>
      <c r="HF4576" s="91"/>
      <c r="HG4576" s="91"/>
      <c r="HH4576" s="91"/>
      <c r="HI4576" s="91"/>
      <c r="HJ4576" s="91"/>
      <c r="HK4576" s="127"/>
      <c r="HL4576" s="126"/>
      <c r="HM4576" s="91"/>
      <c r="HN4576" s="91"/>
      <c r="HO4576" s="91"/>
      <c r="HP4576" s="91"/>
      <c r="HQ4576" s="91"/>
      <c r="HR4576" s="91"/>
      <c r="HS4576" s="91"/>
      <c r="HT4576" s="91"/>
      <c r="HU4576" s="91"/>
      <c r="HV4576" s="91"/>
      <c r="HW4576" s="91"/>
      <c r="HX4576" s="127"/>
      <c r="HY4576" s="126"/>
      <c r="HZ4576" s="91"/>
      <c r="IA4576" s="91"/>
      <c r="IB4576" s="91"/>
      <c r="IC4576" s="91"/>
      <c r="ID4576" s="91"/>
      <c r="IE4576" s="91"/>
      <c r="IF4576" s="91"/>
      <c r="IG4576" s="91"/>
      <c r="IH4576" s="91"/>
      <c r="II4576" s="91"/>
      <c r="IJ4576" s="91"/>
      <c r="IK4576" s="174"/>
    </row>
    <row r="4577" spans="2:245" x14ac:dyDescent="0.2">
      <c r="B4577" s="43"/>
      <c r="C4577" s="73"/>
      <c r="D4577" s="64"/>
      <c r="E4577" s="64"/>
      <c r="F4577" s="55"/>
      <c r="G4577" s="102"/>
      <c r="H4577" s="97"/>
      <c r="T4577" s="98"/>
      <c r="U4577" s="97"/>
      <c r="AG4577" s="98"/>
      <c r="AY4577" s="164"/>
      <c r="BK4577" s="98"/>
      <c r="BL4577" s="97"/>
      <c r="BX4577" s="98"/>
      <c r="CL4577" s="97"/>
      <c r="CX4577" s="98"/>
      <c r="DL4577" s="97"/>
      <c r="DX4577" s="98"/>
      <c r="EL4577" s="97"/>
      <c r="EX4577" s="98"/>
      <c r="EY4577" s="97"/>
      <c r="FL4577" s="126"/>
      <c r="FM4577" s="91"/>
      <c r="FN4577" s="91"/>
      <c r="FO4577" s="91"/>
      <c r="FP4577" s="91"/>
      <c r="FQ4577" s="91"/>
      <c r="FR4577" s="91"/>
      <c r="FS4577" s="91"/>
      <c r="FT4577" s="91"/>
      <c r="FU4577" s="91"/>
      <c r="FV4577" s="91"/>
      <c r="FW4577" s="91"/>
      <c r="FX4577" s="127"/>
      <c r="FY4577" s="126"/>
      <c r="FZ4577" s="91"/>
      <c r="GA4577" s="91"/>
      <c r="GB4577" s="91"/>
      <c r="GC4577" s="91"/>
      <c r="GD4577" s="91"/>
      <c r="GE4577" s="91"/>
      <c r="GF4577" s="91"/>
      <c r="GG4577" s="91"/>
      <c r="GH4577" s="91"/>
      <c r="GI4577" s="91"/>
      <c r="GJ4577" s="91"/>
      <c r="GK4577" s="127"/>
      <c r="GL4577" s="126"/>
      <c r="GM4577" s="91"/>
      <c r="GN4577" s="91"/>
      <c r="GO4577" s="91"/>
      <c r="GP4577" s="91"/>
      <c r="GQ4577" s="91"/>
      <c r="GR4577" s="91"/>
      <c r="GS4577" s="91"/>
      <c r="GT4577" s="91"/>
      <c r="GU4577" s="91"/>
      <c r="GV4577" s="91"/>
      <c r="GW4577" s="91"/>
      <c r="GX4577" s="127"/>
      <c r="GY4577" s="126"/>
      <c r="GZ4577" s="91"/>
      <c r="HA4577" s="91"/>
      <c r="HB4577" s="91"/>
      <c r="HC4577" s="91"/>
      <c r="HD4577" s="91"/>
      <c r="HE4577" s="91"/>
      <c r="HF4577" s="91"/>
      <c r="HG4577" s="91"/>
      <c r="HH4577" s="91"/>
      <c r="HI4577" s="91"/>
      <c r="HJ4577" s="91"/>
      <c r="HK4577" s="127"/>
      <c r="HL4577" s="126"/>
      <c r="HM4577" s="91"/>
      <c r="HN4577" s="91"/>
      <c r="HO4577" s="91"/>
      <c r="HP4577" s="91"/>
      <c r="HQ4577" s="91"/>
      <c r="HR4577" s="91"/>
      <c r="HS4577" s="91"/>
      <c r="HT4577" s="91"/>
      <c r="HU4577" s="91"/>
      <c r="HV4577" s="91"/>
      <c r="HW4577" s="91"/>
      <c r="HX4577" s="127"/>
      <c r="HY4577" s="126"/>
      <c r="HZ4577" s="91"/>
      <c r="IA4577" s="91"/>
      <c r="IB4577" s="91"/>
      <c r="IC4577" s="91"/>
      <c r="ID4577" s="91"/>
      <c r="IE4577" s="91"/>
      <c r="IF4577" s="91"/>
      <c r="IG4577" s="91"/>
      <c r="IH4577" s="91"/>
      <c r="II4577" s="91"/>
      <c r="IJ4577" s="91"/>
      <c r="IK4577" s="174"/>
    </row>
    <row r="4578" spans="2:245" x14ac:dyDescent="0.2">
      <c r="B4578" s="43"/>
      <c r="C4578" s="73"/>
      <c r="D4578" s="64"/>
      <c r="E4578" s="64"/>
      <c r="F4578" s="55"/>
      <c r="G4578" s="102"/>
      <c r="H4578" s="97"/>
      <c r="T4578" s="98"/>
      <c r="U4578" s="97"/>
      <c r="AG4578" s="98"/>
      <c r="AY4578" s="164"/>
      <c r="BK4578" s="98"/>
      <c r="BL4578" s="97"/>
      <c r="BX4578" s="98"/>
      <c r="CL4578" s="97"/>
      <c r="CX4578" s="98"/>
      <c r="DL4578" s="97"/>
      <c r="DX4578" s="98"/>
      <c r="EL4578" s="97"/>
      <c r="EX4578" s="98"/>
      <c r="EY4578" s="97"/>
      <c r="FL4578" s="126"/>
      <c r="FM4578" s="91"/>
      <c r="FN4578" s="91"/>
      <c r="FO4578" s="91"/>
      <c r="FP4578" s="91"/>
      <c r="FQ4578" s="91"/>
      <c r="FR4578" s="91"/>
      <c r="FS4578" s="91"/>
      <c r="FT4578" s="91"/>
      <c r="FU4578" s="91"/>
      <c r="FV4578" s="91"/>
      <c r="FW4578" s="91"/>
      <c r="FX4578" s="127"/>
      <c r="FY4578" s="126"/>
      <c r="FZ4578" s="91"/>
      <c r="GA4578" s="91"/>
      <c r="GB4578" s="91"/>
      <c r="GC4578" s="91"/>
      <c r="GD4578" s="91"/>
      <c r="GE4578" s="91"/>
      <c r="GF4578" s="91"/>
      <c r="GG4578" s="91"/>
      <c r="GH4578" s="91"/>
      <c r="GI4578" s="91"/>
      <c r="GJ4578" s="91"/>
      <c r="GK4578" s="127"/>
      <c r="GL4578" s="126"/>
      <c r="GM4578" s="91"/>
      <c r="GN4578" s="91"/>
      <c r="GO4578" s="91"/>
      <c r="GP4578" s="91"/>
      <c r="GQ4578" s="91"/>
      <c r="GR4578" s="91"/>
      <c r="GS4578" s="91"/>
      <c r="GT4578" s="91"/>
      <c r="GU4578" s="91"/>
      <c r="GV4578" s="91"/>
      <c r="GW4578" s="91"/>
      <c r="GX4578" s="127"/>
      <c r="GY4578" s="126"/>
      <c r="GZ4578" s="91"/>
      <c r="HA4578" s="91"/>
      <c r="HB4578" s="91"/>
      <c r="HC4578" s="91"/>
      <c r="HD4578" s="91"/>
      <c r="HE4578" s="91"/>
      <c r="HF4578" s="91"/>
      <c r="HG4578" s="91"/>
      <c r="HH4578" s="91"/>
      <c r="HI4578" s="91"/>
      <c r="HJ4578" s="91"/>
      <c r="HK4578" s="127"/>
      <c r="HL4578" s="126"/>
      <c r="HM4578" s="91"/>
      <c r="HN4578" s="91"/>
      <c r="HO4578" s="91"/>
      <c r="HP4578" s="91"/>
      <c r="HQ4578" s="91"/>
      <c r="HR4578" s="91"/>
      <c r="HS4578" s="91"/>
      <c r="HT4578" s="91"/>
      <c r="HU4578" s="91"/>
      <c r="HV4578" s="91"/>
      <c r="HW4578" s="91"/>
      <c r="HX4578" s="127"/>
      <c r="HY4578" s="126"/>
      <c r="HZ4578" s="91"/>
      <c r="IA4578" s="91"/>
      <c r="IB4578" s="91"/>
      <c r="IC4578" s="91"/>
      <c r="ID4578" s="91"/>
      <c r="IE4578" s="91"/>
      <c r="IF4578" s="91"/>
      <c r="IG4578" s="91"/>
      <c r="IH4578" s="91"/>
      <c r="II4578" s="91"/>
      <c r="IJ4578" s="91"/>
      <c r="IK4578" s="174"/>
    </row>
    <row r="4579" spans="2:245" x14ac:dyDescent="0.2">
      <c r="B4579" s="43"/>
      <c r="C4579" s="73"/>
      <c r="D4579" s="64"/>
      <c r="E4579" s="64"/>
      <c r="F4579" s="55"/>
      <c r="G4579" s="102"/>
      <c r="H4579" s="97"/>
      <c r="T4579" s="98"/>
      <c r="U4579" s="97"/>
      <c r="AG4579" s="98"/>
      <c r="AY4579" s="164"/>
      <c r="BK4579" s="98"/>
      <c r="BL4579" s="97"/>
      <c r="BX4579" s="98"/>
      <c r="CL4579" s="97"/>
      <c r="CX4579" s="98"/>
      <c r="DL4579" s="97"/>
      <c r="DX4579" s="98"/>
      <c r="EL4579" s="97"/>
      <c r="EX4579" s="98"/>
      <c r="EY4579" s="97"/>
      <c r="FL4579" s="126"/>
      <c r="FM4579" s="91"/>
      <c r="FN4579" s="91"/>
      <c r="FO4579" s="91"/>
      <c r="FP4579" s="91"/>
      <c r="FQ4579" s="91"/>
      <c r="FR4579" s="91"/>
      <c r="FS4579" s="91"/>
      <c r="FT4579" s="91"/>
      <c r="FU4579" s="91"/>
      <c r="FV4579" s="91"/>
      <c r="FW4579" s="91"/>
      <c r="FX4579" s="127"/>
      <c r="FY4579" s="126"/>
      <c r="FZ4579" s="91"/>
      <c r="GA4579" s="91"/>
      <c r="GB4579" s="91"/>
      <c r="GC4579" s="91"/>
      <c r="GD4579" s="91"/>
      <c r="GE4579" s="91"/>
      <c r="GF4579" s="91"/>
      <c r="GG4579" s="91"/>
      <c r="GH4579" s="91"/>
      <c r="GI4579" s="91"/>
      <c r="GJ4579" s="91"/>
      <c r="GK4579" s="127"/>
      <c r="GL4579" s="126"/>
      <c r="GM4579" s="91"/>
      <c r="GN4579" s="91"/>
      <c r="GO4579" s="91"/>
      <c r="GP4579" s="91"/>
      <c r="GQ4579" s="91"/>
      <c r="GR4579" s="91"/>
      <c r="GS4579" s="91"/>
      <c r="GT4579" s="91"/>
      <c r="GU4579" s="91"/>
      <c r="GV4579" s="91"/>
      <c r="GW4579" s="91"/>
      <c r="GX4579" s="127"/>
      <c r="GY4579" s="126"/>
      <c r="GZ4579" s="91"/>
      <c r="HA4579" s="91"/>
      <c r="HB4579" s="91"/>
      <c r="HC4579" s="91"/>
      <c r="HD4579" s="91"/>
      <c r="HE4579" s="91"/>
      <c r="HF4579" s="91"/>
      <c r="HG4579" s="91"/>
      <c r="HH4579" s="91"/>
      <c r="HI4579" s="91"/>
      <c r="HJ4579" s="91"/>
      <c r="HK4579" s="127"/>
      <c r="HL4579" s="126"/>
      <c r="HM4579" s="91"/>
      <c r="HN4579" s="91"/>
      <c r="HO4579" s="91"/>
      <c r="HP4579" s="91"/>
      <c r="HQ4579" s="91"/>
      <c r="HR4579" s="91"/>
      <c r="HS4579" s="91"/>
      <c r="HT4579" s="91"/>
      <c r="HU4579" s="91"/>
      <c r="HV4579" s="91"/>
      <c r="HW4579" s="91"/>
      <c r="HX4579" s="127"/>
      <c r="HY4579" s="126"/>
      <c r="HZ4579" s="91"/>
      <c r="IA4579" s="91"/>
      <c r="IB4579" s="91"/>
      <c r="IC4579" s="91"/>
      <c r="ID4579" s="91"/>
      <c r="IE4579" s="91"/>
      <c r="IF4579" s="91"/>
      <c r="IG4579" s="91"/>
      <c r="IH4579" s="91"/>
      <c r="II4579" s="91"/>
      <c r="IJ4579" s="91"/>
      <c r="IK4579" s="174"/>
    </row>
    <row r="4580" spans="2:245" x14ac:dyDescent="0.2">
      <c r="B4580" s="43"/>
      <c r="C4580" s="73"/>
      <c r="D4580" s="64"/>
      <c r="E4580" s="64"/>
      <c r="F4580" s="55"/>
      <c r="G4580" s="102"/>
      <c r="H4580" s="97"/>
      <c r="T4580" s="98"/>
      <c r="U4580" s="97"/>
      <c r="AG4580" s="98"/>
      <c r="AY4580" s="164"/>
      <c r="BK4580" s="98"/>
      <c r="BL4580" s="97"/>
      <c r="BX4580" s="98"/>
      <c r="CL4580" s="97"/>
      <c r="CX4580" s="98"/>
      <c r="DL4580" s="97"/>
      <c r="DX4580" s="98"/>
      <c r="EL4580" s="97"/>
      <c r="EX4580" s="98"/>
      <c r="EY4580" s="97"/>
      <c r="FL4580" s="126"/>
      <c r="FM4580" s="91"/>
      <c r="FN4580" s="91"/>
      <c r="FO4580" s="91"/>
      <c r="FP4580" s="91"/>
      <c r="FQ4580" s="91"/>
      <c r="FR4580" s="91"/>
      <c r="FS4580" s="91"/>
      <c r="FT4580" s="91"/>
      <c r="FU4580" s="91"/>
      <c r="FV4580" s="91"/>
      <c r="FW4580" s="91"/>
      <c r="FX4580" s="127"/>
      <c r="FY4580" s="126"/>
      <c r="FZ4580" s="91"/>
      <c r="GA4580" s="91"/>
      <c r="GB4580" s="91"/>
      <c r="GC4580" s="91"/>
      <c r="GD4580" s="91"/>
      <c r="GE4580" s="91"/>
      <c r="GF4580" s="91"/>
      <c r="GG4580" s="91"/>
      <c r="GH4580" s="91"/>
      <c r="GI4580" s="91"/>
      <c r="GJ4580" s="91"/>
      <c r="GK4580" s="127"/>
      <c r="GL4580" s="126"/>
      <c r="GM4580" s="91"/>
      <c r="GN4580" s="91"/>
      <c r="GO4580" s="91"/>
      <c r="GP4580" s="91"/>
      <c r="GQ4580" s="91"/>
      <c r="GR4580" s="91"/>
      <c r="GS4580" s="91"/>
      <c r="GT4580" s="91"/>
      <c r="GU4580" s="91"/>
      <c r="GV4580" s="91"/>
      <c r="GW4580" s="91"/>
      <c r="GX4580" s="127"/>
      <c r="GY4580" s="126"/>
      <c r="GZ4580" s="91"/>
      <c r="HA4580" s="91"/>
      <c r="HB4580" s="91"/>
      <c r="HC4580" s="91"/>
      <c r="HD4580" s="91"/>
      <c r="HE4580" s="91"/>
      <c r="HF4580" s="91"/>
      <c r="HG4580" s="91"/>
      <c r="HH4580" s="91"/>
      <c r="HI4580" s="91"/>
      <c r="HJ4580" s="91"/>
      <c r="HK4580" s="127"/>
      <c r="HL4580" s="126"/>
      <c r="HM4580" s="91"/>
      <c r="HN4580" s="91"/>
      <c r="HO4580" s="91"/>
      <c r="HP4580" s="91"/>
      <c r="HQ4580" s="91"/>
      <c r="HR4580" s="91"/>
      <c r="HS4580" s="91"/>
      <c r="HT4580" s="91"/>
      <c r="HU4580" s="91"/>
      <c r="HV4580" s="91"/>
      <c r="HW4580" s="91"/>
      <c r="HX4580" s="127"/>
      <c r="HY4580" s="126"/>
      <c r="HZ4580" s="91"/>
      <c r="IA4580" s="91"/>
      <c r="IB4580" s="91"/>
      <c r="IC4580" s="91"/>
      <c r="ID4580" s="91"/>
      <c r="IE4580" s="91"/>
      <c r="IF4580" s="91"/>
      <c r="IG4580" s="91"/>
      <c r="IH4580" s="91"/>
      <c r="II4580" s="91"/>
      <c r="IJ4580" s="91"/>
      <c r="IK4580" s="174"/>
    </row>
    <row r="4581" spans="2:245" x14ac:dyDescent="0.2">
      <c r="B4581" s="43"/>
      <c r="C4581" s="73"/>
      <c r="D4581" s="64"/>
      <c r="E4581" s="64"/>
      <c r="F4581" s="55"/>
      <c r="G4581" s="102"/>
      <c r="H4581" s="97"/>
      <c r="T4581" s="98"/>
      <c r="U4581" s="97"/>
      <c r="AG4581" s="98"/>
      <c r="AY4581" s="164"/>
      <c r="BK4581" s="98"/>
      <c r="BL4581" s="97"/>
      <c r="BX4581" s="98"/>
      <c r="CL4581" s="97"/>
      <c r="CX4581" s="98"/>
      <c r="DL4581" s="97"/>
      <c r="DX4581" s="98"/>
      <c r="EL4581" s="97"/>
      <c r="EX4581" s="98"/>
      <c r="EY4581" s="97"/>
      <c r="FL4581" s="126"/>
      <c r="FM4581" s="91"/>
      <c r="FN4581" s="91"/>
      <c r="FO4581" s="91"/>
      <c r="FP4581" s="91"/>
      <c r="FQ4581" s="91"/>
      <c r="FR4581" s="91"/>
      <c r="FS4581" s="91"/>
      <c r="FT4581" s="91"/>
      <c r="FU4581" s="91"/>
      <c r="FV4581" s="91"/>
      <c r="FW4581" s="91"/>
      <c r="FX4581" s="127"/>
      <c r="FY4581" s="126"/>
      <c r="FZ4581" s="91"/>
      <c r="GA4581" s="91"/>
      <c r="GB4581" s="91"/>
      <c r="GC4581" s="91"/>
      <c r="GD4581" s="91"/>
      <c r="GE4581" s="91"/>
      <c r="GF4581" s="91"/>
      <c r="GG4581" s="91"/>
      <c r="GH4581" s="91"/>
      <c r="GI4581" s="91"/>
      <c r="GJ4581" s="91"/>
      <c r="GK4581" s="127"/>
      <c r="GL4581" s="126"/>
      <c r="GM4581" s="91"/>
      <c r="GN4581" s="91"/>
      <c r="GO4581" s="91"/>
      <c r="GP4581" s="91"/>
      <c r="GQ4581" s="91"/>
      <c r="GR4581" s="91"/>
      <c r="GS4581" s="91"/>
      <c r="GT4581" s="91"/>
      <c r="GU4581" s="91"/>
      <c r="GV4581" s="91"/>
      <c r="GW4581" s="91"/>
      <c r="GX4581" s="127"/>
      <c r="GY4581" s="126"/>
      <c r="GZ4581" s="91"/>
      <c r="HA4581" s="91"/>
      <c r="HB4581" s="91"/>
      <c r="HC4581" s="91"/>
      <c r="HD4581" s="91"/>
      <c r="HE4581" s="91"/>
      <c r="HF4581" s="91"/>
      <c r="HG4581" s="91"/>
      <c r="HH4581" s="91"/>
      <c r="HI4581" s="91"/>
      <c r="HJ4581" s="91"/>
      <c r="HK4581" s="127"/>
      <c r="HL4581" s="126"/>
      <c r="HM4581" s="91"/>
      <c r="HN4581" s="91"/>
      <c r="HO4581" s="91"/>
      <c r="HP4581" s="91"/>
      <c r="HQ4581" s="91"/>
      <c r="HR4581" s="91"/>
      <c r="HS4581" s="91"/>
      <c r="HT4581" s="91"/>
      <c r="HU4581" s="91"/>
      <c r="HV4581" s="91"/>
      <c r="HW4581" s="91"/>
      <c r="HX4581" s="127"/>
      <c r="HY4581" s="126"/>
      <c r="HZ4581" s="91"/>
      <c r="IA4581" s="91"/>
      <c r="IB4581" s="91"/>
      <c r="IC4581" s="91"/>
      <c r="ID4581" s="91"/>
      <c r="IE4581" s="91"/>
      <c r="IF4581" s="91"/>
      <c r="IG4581" s="91"/>
      <c r="IH4581" s="91"/>
      <c r="II4581" s="91"/>
      <c r="IJ4581" s="91"/>
      <c r="IK4581" s="174"/>
    </row>
    <row r="4582" spans="2:245" x14ac:dyDescent="0.2">
      <c r="B4582" s="43"/>
      <c r="C4582" s="73"/>
      <c r="D4582" s="64"/>
      <c r="E4582" s="64"/>
      <c r="F4582" s="55"/>
      <c r="G4582" s="102"/>
      <c r="H4582" s="97"/>
      <c r="T4582" s="98"/>
      <c r="U4582" s="97"/>
      <c r="AG4582" s="98"/>
      <c r="AY4582" s="164"/>
      <c r="BK4582" s="98"/>
      <c r="BL4582" s="97"/>
      <c r="BX4582" s="98"/>
      <c r="CL4582" s="97"/>
      <c r="CX4582" s="98"/>
      <c r="DL4582" s="97"/>
      <c r="DX4582" s="98"/>
      <c r="EL4582" s="97"/>
      <c r="EX4582" s="98"/>
      <c r="EY4582" s="97"/>
      <c r="FL4582" s="126"/>
      <c r="FM4582" s="91"/>
      <c r="FN4582" s="91"/>
      <c r="FO4582" s="91"/>
      <c r="FP4582" s="91"/>
      <c r="FQ4582" s="91"/>
      <c r="FR4582" s="91"/>
      <c r="FS4582" s="91"/>
      <c r="FT4582" s="91"/>
      <c r="FU4582" s="91"/>
      <c r="FV4582" s="91"/>
      <c r="FW4582" s="91"/>
      <c r="FX4582" s="127"/>
      <c r="FY4582" s="126"/>
      <c r="FZ4582" s="91"/>
      <c r="GA4582" s="91"/>
      <c r="GB4582" s="91"/>
      <c r="GC4582" s="91"/>
      <c r="GD4582" s="91"/>
      <c r="GE4582" s="91"/>
      <c r="GF4582" s="91"/>
      <c r="GG4582" s="91"/>
      <c r="GH4582" s="91"/>
      <c r="GI4582" s="91"/>
      <c r="GJ4582" s="91"/>
      <c r="GK4582" s="127"/>
      <c r="GL4582" s="126"/>
      <c r="GM4582" s="91"/>
      <c r="GN4582" s="91"/>
      <c r="GO4582" s="91"/>
      <c r="GP4582" s="91"/>
      <c r="GQ4582" s="91"/>
      <c r="GR4582" s="91"/>
      <c r="GS4582" s="91"/>
      <c r="GT4582" s="91"/>
      <c r="GU4582" s="91"/>
      <c r="GV4582" s="91"/>
      <c r="GW4582" s="91"/>
      <c r="GX4582" s="127"/>
      <c r="GY4582" s="126"/>
      <c r="GZ4582" s="91"/>
      <c r="HA4582" s="91"/>
      <c r="HB4582" s="91"/>
      <c r="HC4582" s="91"/>
      <c r="HD4582" s="91"/>
      <c r="HE4582" s="91"/>
      <c r="HF4582" s="91"/>
      <c r="HG4582" s="91"/>
      <c r="HH4582" s="91"/>
      <c r="HI4582" s="91"/>
      <c r="HJ4582" s="91"/>
      <c r="HK4582" s="127"/>
      <c r="HL4582" s="126"/>
      <c r="HM4582" s="91"/>
      <c r="HN4582" s="91"/>
      <c r="HO4582" s="91"/>
      <c r="HP4582" s="91"/>
      <c r="HQ4582" s="91"/>
      <c r="HR4582" s="91"/>
      <c r="HS4582" s="91"/>
      <c r="HT4582" s="91"/>
      <c r="HU4582" s="91"/>
      <c r="HV4582" s="91"/>
      <c r="HW4582" s="91"/>
      <c r="HX4582" s="127"/>
      <c r="HY4582" s="126"/>
      <c r="HZ4582" s="91"/>
      <c r="IA4582" s="91"/>
      <c r="IB4582" s="91"/>
      <c r="IC4582" s="91"/>
      <c r="ID4582" s="91"/>
      <c r="IE4582" s="91"/>
      <c r="IF4582" s="91"/>
      <c r="IG4582" s="91"/>
      <c r="IH4582" s="91"/>
      <c r="II4582" s="91"/>
      <c r="IJ4582" s="91"/>
      <c r="IK4582" s="174"/>
    </row>
    <row r="4583" spans="2:245" x14ac:dyDescent="0.2">
      <c r="B4583" s="43"/>
      <c r="C4583" s="73"/>
      <c r="D4583" s="64"/>
      <c r="E4583" s="64"/>
      <c r="F4583" s="55"/>
      <c r="G4583" s="102"/>
      <c r="H4583" s="97"/>
      <c r="T4583" s="98"/>
      <c r="U4583" s="97"/>
      <c r="AG4583" s="98"/>
      <c r="AY4583" s="164"/>
      <c r="BK4583" s="98"/>
      <c r="BL4583" s="97"/>
      <c r="BX4583" s="98"/>
      <c r="CL4583" s="97"/>
      <c r="CX4583" s="98"/>
      <c r="DL4583" s="97"/>
      <c r="DX4583" s="98"/>
      <c r="EL4583" s="97"/>
      <c r="EX4583" s="98"/>
      <c r="EY4583" s="97"/>
      <c r="FL4583" s="126"/>
      <c r="FM4583" s="91"/>
      <c r="FN4583" s="91"/>
      <c r="FO4583" s="91"/>
      <c r="FP4583" s="91"/>
      <c r="FQ4583" s="91"/>
      <c r="FR4583" s="91"/>
      <c r="FS4583" s="91"/>
      <c r="FT4583" s="91"/>
      <c r="FU4583" s="91"/>
      <c r="FV4583" s="91"/>
      <c r="FW4583" s="91"/>
      <c r="FX4583" s="127"/>
      <c r="FY4583" s="126"/>
      <c r="FZ4583" s="91"/>
      <c r="GA4583" s="91"/>
      <c r="GB4583" s="91"/>
      <c r="GC4583" s="91"/>
      <c r="GD4583" s="91"/>
      <c r="GE4583" s="91"/>
      <c r="GF4583" s="91"/>
      <c r="GG4583" s="91"/>
      <c r="GH4583" s="91"/>
      <c r="GI4583" s="91"/>
      <c r="GJ4583" s="91"/>
      <c r="GK4583" s="127"/>
      <c r="GL4583" s="126"/>
      <c r="GM4583" s="91"/>
      <c r="GN4583" s="91"/>
      <c r="GO4583" s="91"/>
      <c r="GP4583" s="91"/>
      <c r="GQ4583" s="91"/>
      <c r="GR4583" s="91"/>
      <c r="GS4583" s="91"/>
      <c r="GT4583" s="91"/>
      <c r="GU4583" s="91"/>
      <c r="GV4583" s="91"/>
      <c r="GW4583" s="91"/>
      <c r="GX4583" s="127"/>
      <c r="GY4583" s="126"/>
      <c r="GZ4583" s="91"/>
      <c r="HA4583" s="91"/>
      <c r="HB4583" s="91"/>
      <c r="HC4583" s="91"/>
      <c r="HD4583" s="91"/>
      <c r="HE4583" s="91"/>
      <c r="HF4583" s="91"/>
      <c r="HG4583" s="91"/>
      <c r="HH4583" s="91"/>
      <c r="HI4583" s="91"/>
      <c r="HJ4583" s="91"/>
      <c r="HK4583" s="127"/>
      <c r="HL4583" s="126"/>
      <c r="HM4583" s="91"/>
      <c r="HN4583" s="91"/>
      <c r="HO4583" s="91"/>
      <c r="HP4583" s="91"/>
      <c r="HQ4583" s="91"/>
      <c r="HR4583" s="91"/>
      <c r="HS4583" s="91"/>
      <c r="HT4583" s="91"/>
      <c r="HU4583" s="91"/>
      <c r="HV4583" s="91"/>
      <c r="HW4583" s="91"/>
      <c r="HX4583" s="127"/>
      <c r="HY4583" s="126"/>
      <c r="HZ4583" s="91"/>
      <c r="IA4583" s="91"/>
      <c r="IB4583" s="91"/>
      <c r="IC4583" s="91"/>
      <c r="ID4583" s="91"/>
      <c r="IE4583" s="91"/>
      <c r="IF4583" s="91"/>
      <c r="IG4583" s="91"/>
      <c r="IH4583" s="91"/>
      <c r="II4583" s="91"/>
      <c r="IJ4583" s="91"/>
      <c r="IK4583" s="174"/>
    </row>
    <row r="4584" spans="2:245" x14ac:dyDescent="0.2">
      <c r="B4584" s="43"/>
      <c r="C4584" s="73"/>
      <c r="D4584" s="64"/>
      <c r="E4584" s="64"/>
      <c r="F4584" s="55"/>
      <c r="G4584" s="102"/>
      <c r="H4584" s="97"/>
      <c r="T4584" s="98"/>
      <c r="U4584" s="97"/>
      <c r="AG4584" s="98"/>
      <c r="AY4584" s="164"/>
      <c r="BK4584" s="98"/>
      <c r="BL4584" s="97"/>
      <c r="BX4584" s="98"/>
      <c r="CL4584" s="97"/>
      <c r="CX4584" s="98"/>
      <c r="DL4584" s="97"/>
      <c r="DX4584" s="98"/>
      <c r="EL4584" s="97"/>
      <c r="EX4584" s="98"/>
      <c r="EY4584" s="97"/>
      <c r="FL4584" s="126"/>
      <c r="FM4584" s="91"/>
      <c r="FN4584" s="91"/>
      <c r="FO4584" s="91"/>
      <c r="FP4584" s="91"/>
      <c r="FQ4584" s="91"/>
      <c r="FR4584" s="91"/>
      <c r="FS4584" s="91"/>
      <c r="FT4584" s="91"/>
      <c r="FU4584" s="91"/>
      <c r="FV4584" s="91"/>
      <c r="FW4584" s="91"/>
      <c r="FX4584" s="127"/>
      <c r="FY4584" s="126"/>
      <c r="FZ4584" s="91"/>
      <c r="GA4584" s="91"/>
      <c r="GB4584" s="91"/>
      <c r="GC4584" s="91"/>
      <c r="GD4584" s="91"/>
      <c r="GE4584" s="91"/>
      <c r="GF4584" s="91"/>
      <c r="GG4584" s="91"/>
      <c r="GH4584" s="91"/>
      <c r="GI4584" s="91"/>
      <c r="GJ4584" s="91"/>
      <c r="GK4584" s="127"/>
      <c r="GL4584" s="126"/>
      <c r="GM4584" s="91"/>
      <c r="GN4584" s="91"/>
      <c r="GO4584" s="91"/>
      <c r="GP4584" s="91"/>
      <c r="GQ4584" s="91"/>
      <c r="GR4584" s="91"/>
      <c r="GS4584" s="91"/>
      <c r="GT4584" s="91"/>
      <c r="GU4584" s="91"/>
      <c r="GV4584" s="91"/>
      <c r="GW4584" s="91"/>
      <c r="GX4584" s="127"/>
      <c r="GY4584" s="126"/>
      <c r="GZ4584" s="91"/>
      <c r="HA4584" s="91"/>
      <c r="HB4584" s="91"/>
      <c r="HC4584" s="91"/>
      <c r="HD4584" s="91"/>
      <c r="HE4584" s="91"/>
      <c r="HF4584" s="91"/>
      <c r="HG4584" s="91"/>
      <c r="HH4584" s="91"/>
      <c r="HI4584" s="91"/>
      <c r="HJ4584" s="91"/>
      <c r="HK4584" s="127"/>
      <c r="HL4584" s="126"/>
      <c r="HM4584" s="91"/>
      <c r="HN4584" s="91"/>
      <c r="HO4584" s="91"/>
      <c r="HP4584" s="91"/>
      <c r="HQ4584" s="91"/>
      <c r="HR4584" s="91"/>
      <c r="HS4584" s="91"/>
      <c r="HT4584" s="91"/>
      <c r="HU4584" s="91"/>
      <c r="HV4584" s="91"/>
      <c r="HW4584" s="91"/>
      <c r="HX4584" s="127"/>
      <c r="HY4584" s="126"/>
      <c r="HZ4584" s="91"/>
      <c r="IA4584" s="91"/>
      <c r="IB4584" s="91"/>
      <c r="IC4584" s="91"/>
      <c r="ID4584" s="91"/>
      <c r="IE4584" s="91"/>
      <c r="IF4584" s="91"/>
      <c r="IG4584" s="91"/>
      <c r="IH4584" s="91"/>
      <c r="II4584" s="91"/>
      <c r="IJ4584" s="91"/>
      <c r="IK4584" s="174"/>
    </row>
    <row r="4585" spans="2:245" x14ac:dyDescent="0.2">
      <c r="B4585" s="43"/>
      <c r="C4585" s="73"/>
      <c r="D4585" s="64"/>
      <c r="E4585" s="64"/>
      <c r="F4585" s="55"/>
      <c r="G4585" s="102"/>
      <c r="H4585" s="97"/>
      <c r="T4585" s="98"/>
      <c r="U4585" s="97"/>
      <c r="AG4585" s="98"/>
      <c r="AY4585" s="164"/>
      <c r="BK4585" s="98"/>
      <c r="BL4585" s="97"/>
      <c r="BX4585" s="98"/>
      <c r="CL4585" s="97"/>
      <c r="CX4585" s="98"/>
      <c r="DL4585" s="97"/>
      <c r="DX4585" s="98"/>
      <c r="EL4585" s="97"/>
      <c r="EX4585" s="98"/>
      <c r="EY4585" s="97"/>
      <c r="FL4585" s="126"/>
      <c r="FM4585" s="91"/>
      <c r="FN4585" s="91"/>
      <c r="FO4585" s="91"/>
      <c r="FP4585" s="91"/>
      <c r="FQ4585" s="91"/>
      <c r="FR4585" s="91"/>
      <c r="FS4585" s="91"/>
      <c r="FT4585" s="91"/>
      <c r="FU4585" s="91"/>
      <c r="FV4585" s="91"/>
      <c r="FW4585" s="91"/>
      <c r="FX4585" s="127"/>
      <c r="FY4585" s="126"/>
      <c r="FZ4585" s="91"/>
      <c r="GA4585" s="91"/>
      <c r="GB4585" s="91"/>
      <c r="GC4585" s="91"/>
      <c r="GD4585" s="91"/>
      <c r="GE4585" s="91"/>
      <c r="GF4585" s="91"/>
      <c r="GG4585" s="91"/>
      <c r="GH4585" s="91"/>
      <c r="GI4585" s="91"/>
      <c r="GJ4585" s="91"/>
      <c r="GK4585" s="127"/>
      <c r="GL4585" s="126"/>
      <c r="GM4585" s="91"/>
      <c r="GN4585" s="91"/>
      <c r="GO4585" s="91"/>
      <c r="GP4585" s="91"/>
      <c r="GQ4585" s="91"/>
      <c r="GR4585" s="91"/>
      <c r="GS4585" s="91"/>
      <c r="GT4585" s="91"/>
      <c r="GU4585" s="91"/>
      <c r="GV4585" s="91"/>
      <c r="GW4585" s="91"/>
      <c r="GX4585" s="127"/>
      <c r="GY4585" s="126"/>
      <c r="GZ4585" s="91"/>
      <c r="HA4585" s="91"/>
      <c r="HB4585" s="91"/>
      <c r="HC4585" s="91"/>
      <c r="HD4585" s="91"/>
      <c r="HE4585" s="91"/>
      <c r="HF4585" s="91"/>
      <c r="HG4585" s="91"/>
      <c r="HH4585" s="91"/>
      <c r="HI4585" s="91"/>
      <c r="HJ4585" s="91"/>
      <c r="HK4585" s="127"/>
      <c r="HL4585" s="126"/>
      <c r="HM4585" s="91"/>
      <c r="HN4585" s="91"/>
      <c r="HO4585" s="91"/>
      <c r="HP4585" s="91"/>
      <c r="HQ4585" s="91"/>
      <c r="HR4585" s="91"/>
      <c r="HS4585" s="91"/>
      <c r="HT4585" s="91"/>
      <c r="HU4585" s="91"/>
      <c r="HV4585" s="91"/>
      <c r="HW4585" s="91"/>
      <c r="HX4585" s="127"/>
      <c r="HY4585" s="126"/>
      <c r="HZ4585" s="91"/>
      <c r="IA4585" s="91"/>
      <c r="IB4585" s="91"/>
      <c r="IC4585" s="91"/>
      <c r="ID4585" s="91"/>
      <c r="IE4585" s="91"/>
      <c r="IF4585" s="91"/>
      <c r="IG4585" s="91"/>
      <c r="IH4585" s="91"/>
      <c r="II4585" s="91"/>
      <c r="IJ4585" s="91"/>
      <c r="IK4585" s="174"/>
    </row>
    <row r="4586" spans="2:245" x14ac:dyDescent="0.2">
      <c r="B4586" s="43"/>
      <c r="C4586" s="73"/>
      <c r="D4586" s="64"/>
      <c r="E4586" s="64"/>
      <c r="F4586" s="55"/>
      <c r="G4586" s="102"/>
      <c r="H4586" s="97"/>
      <c r="T4586" s="98"/>
      <c r="U4586" s="97"/>
      <c r="AG4586" s="98"/>
      <c r="AY4586" s="164"/>
      <c r="BK4586" s="98"/>
      <c r="BL4586" s="97"/>
      <c r="BX4586" s="98"/>
      <c r="CL4586" s="97"/>
      <c r="CX4586" s="98"/>
      <c r="DL4586" s="97"/>
      <c r="DX4586" s="98"/>
      <c r="EL4586" s="97"/>
      <c r="EX4586" s="98"/>
      <c r="EY4586" s="97"/>
      <c r="FL4586" s="126"/>
      <c r="FM4586" s="91"/>
      <c r="FN4586" s="91"/>
      <c r="FO4586" s="91"/>
      <c r="FP4586" s="91"/>
      <c r="FQ4586" s="91"/>
      <c r="FR4586" s="91"/>
      <c r="FS4586" s="91"/>
      <c r="FT4586" s="91"/>
      <c r="FU4586" s="91"/>
      <c r="FV4586" s="91"/>
      <c r="FW4586" s="91"/>
      <c r="FX4586" s="127"/>
      <c r="FY4586" s="126"/>
      <c r="FZ4586" s="91"/>
      <c r="GA4586" s="91"/>
      <c r="GB4586" s="91"/>
      <c r="GC4586" s="91"/>
      <c r="GD4586" s="91"/>
      <c r="GE4586" s="91"/>
      <c r="GF4586" s="91"/>
      <c r="GG4586" s="91"/>
      <c r="GH4586" s="91"/>
      <c r="GI4586" s="91"/>
      <c r="GJ4586" s="91"/>
      <c r="GK4586" s="127"/>
      <c r="GL4586" s="126"/>
      <c r="GM4586" s="91"/>
      <c r="GN4586" s="91"/>
      <c r="GO4586" s="91"/>
      <c r="GP4586" s="91"/>
      <c r="GQ4586" s="91"/>
      <c r="GR4586" s="91"/>
      <c r="GS4586" s="91"/>
      <c r="GT4586" s="91"/>
      <c r="GU4586" s="91"/>
      <c r="GV4586" s="91"/>
      <c r="GW4586" s="91"/>
      <c r="GX4586" s="127"/>
      <c r="GY4586" s="126"/>
      <c r="GZ4586" s="91"/>
      <c r="HA4586" s="91"/>
      <c r="HB4586" s="91"/>
      <c r="HC4586" s="91"/>
      <c r="HD4586" s="91"/>
      <c r="HE4586" s="91"/>
      <c r="HF4586" s="91"/>
      <c r="HG4586" s="91"/>
      <c r="HH4586" s="91"/>
      <c r="HI4586" s="91"/>
      <c r="HJ4586" s="91"/>
      <c r="HK4586" s="127"/>
      <c r="HL4586" s="126"/>
      <c r="HM4586" s="91"/>
      <c r="HN4586" s="91"/>
      <c r="HO4586" s="91"/>
      <c r="HP4586" s="91"/>
      <c r="HQ4586" s="91"/>
      <c r="HR4586" s="91"/>
      <c r="HS4586" s="91"/>
      <c r="HT4586" s="91"/>
      <c r="HU4586" s="91"/>
      <c r="HV4586" s="91"/>
      <c r="HW4586" s="91"/>
      <c r="HX4586" s="127"/>
      <c r="HY4586" s="126"/>
      <c r="HZ4586" s="91"/>
      <c r="IA4586" s="91"/>
      <c r="IB4586" s="91"/>
      <c r="IC4586" s="91"/>
      <c r="ID4586" s="91"/>
      <c r="IE4586" s="91"/>
      <c r="IF4586" s="91"/>
      <c r="IG4586" s="91"/>
      <c r="IH4586" s="91"/>
      <c r="II4586" s="91"/>
      <c r="IJ4586" s="91"/>
      <c r="IK4586" s="174"/>
    </row>
    <row r="4587" spans="2:245" x14ac:dyDescent="0.2">
      <c r="B4587" s="43"/>
      <c r="C4587" s="73"/>
      <c r="D4587" s="64"/>
      <c r="E4587" s="64"/>
      <c r="F4587" s="55"/>
      <c r="G4587" s="102"/>
      <c r="H4587" s="97"/>
      <c r="T4587" s="98"/>
      <c r="U4587" s="97"/>
      <c r="AG4587" s="98"/>
      <c r="AY4587" s="164"/>
      <c r="BK4587" s="98"/>
      <c r="BL4587" s="97"/>
      <c r="BX4587" s="98"/>
      <c r="CL4587" s="97"/>
      <c r="CX4587" s="98"/>
      <c r="DL4587" s="97"/>
      <c r="DX4587" s="98"/>
      <c r="EL4587" s="97"/>
      <c r="EX4587" s="98"/>
      <c r="EY4587" s="97"/>
      <c r="FL4587" s="126"/>
      <c r="FM4587" s="91"/>
      <c r="FN4587" s="91"/>
      <c r="FO4587" s="91"/>
      <c r="FP4587" s="91"/>
      <c r="FQ4587" s="91"/>
      <c r="FR4587" s="91"/>
      <c r="FS4587" s="91"/>
      <c r="FT4587" s="91"/>
      <c r="FU4587" s="91"/>
      <c r="FV4587" s="91"/>
      <c r="FW4587" s="91"/>
      <c r="FX4587" s="127"/>
      <c r="FY4587" s="126"/>
      <c r="FZ4587" s="91"/>
      <c r="GA4587" s="91"/>
      <c r="GB4587" s="91"/>
      <c r="GC4587" s="91"/>
      <c r="GD4587" s="91"/>
      <c r="GE4587" s="91"/>
      <c r="GF4587" s="91"/>
      <c r="GG4587" s="91"/>
      <c r="GH4587" s="91"/>
      <c r="GI4587" s="91"/>
      <c r="GJ4587" s="91"/>
      <c r="GK4587" s="127"/>
      <c r="GL4587" s="126"/>
      <c r="GM4587" s="91"/>
      <c r="GN4587" s="91"/>
      <c r="GO4587" s="91"/>
      <c r="GP4587" s="91"/>
      <c r="GQ4587" s="91"/>
      <c r="GR4587" s="91"/>
      <c r="GS4587" s="91"/>
      <c r="GT4587" s="91"/>
      <c r="GU4587" s="91"/>
      <c r="GV4587" s="91"/>
      <c r="GW4587" s="91"/>
      <c r="GX4587" s="127"/>
      <c r="GY4587" s="126"/>
      <c r="GZ4587" s="91"/>
      <c r="HA4587" s="91"/>
      <c r="HB4587" s="91"/>
      <c r="HC4587" s="91"/>
      <c r="HD4587" s="91"/>
      <c r="HE4587" s="91"/>
      <c r="HF4587" s="91"/>
      <c r="HG4587" s="91"/>
      <c r="HH4587" s="91"/>
      <c r="HI4587" s="91"/>
      <c r="HJ4587" s="91"/>
      <c r="HK4587" s="127"/>
      <c r="HL4587" s="126"/>
      <c r="HM4587" s="91"/>
      <c r="HN4587" s="91"/>
      <c r="HO4587" s="91"/>
      <c r="HP4587" s="91"/>
      <c r="HQ4587" s="91"/>
      <c r="HR4587" s="91"/>
      <c r="HS4587" s="91"/>
      <c r="HT4587" s="91"/>
      <c r="HU4587" s="91"/>
      <c r="HV4587" s="91"/>
      <c r="HW4587" s="91"/>
      <c r="HX4587" s="127"/>
      <c r="HY4587" s="126"/>
      <c r="HZ4587" s="91"/>
      <c r="IA4587" s="91"/>
      <c r="IB4587" s="91"/>
      <c r="IC4587" s="91"/>
      <c r="ID4587" s="91"/>
      <c r="IE4587" s="91"/>
      <c r="IF4587" s="91"/>
      <c r="IG4587" s="91"/>
      <c r="IH4587" s="91"/>
      <c r="II4587" s="91"/>
      <c r="IJ4587" s="91"/>
      <c r="IK4587" s="174"/>
    </row>
    <row r="4588" spans="2:245" x14ac:dyDescent="0.2">
      <c r="B4588" s="43"/>
      <c r="C4588" s="73"/>
      <c r="D4588" s="64"/>
      <c r="E4588" s="64"/>
      <c r="F4588" s="55"/>
      <c r="G4588" s="102"/>
      <c r="H4588" s="97"/>
      <c r="T4588" s="98"/>
      <c r="U4588" s="97"/>
      <c r="AG4588" s="98"/>
      <c r="AY4588" s="164"/>
      <c r="BK4588" s="98"/>
      <c r="BL4588" s="97"/>
      <c r="BX4588" s="98"/>
      <c r="CL4588" s="97"/>
      <c r="CX4588" s="98"/>
      <c r="DL4588" s="97"/>
      <c r="DX4588" s="98"/>
      <c r="EL4588" s="97"/>
      <c r="EX4588" s="98"/>
      <c r="EY4588" s="97"/>
      <c r="FL4588" s="126"/>
      <c r="FM4588" s="91"/>
      <c r="FN4588" s="91"/>
      <c r="FO4588" s="91"/>
      <c r="FP4588" s="91"/>
      <c r="FQ4588" s="91"/>
      <c r="FR4588" s="91"/>
      <c r="FS4588" s="91"/>
      <c r="FT4588" s="91"/>
      <c r="FU4588" s="91"/>
      <c r="FV4588" s="91"/>
      <c r="FW4588" s="91"/>
      <c r="FX4588" s="127"/>
      <c r="FY4588" s="126"/>
      <c r="FZ4588" s="91"/>
      <c r="GA4588" s="91"/>
      <c r="GB4588" s="91"/>
      <c r="GC4588" s="91"/>
      <c r="GD4588" s="91"/>
      <c r="GE4588" s="91"/>
      <c r="GF4588" s="91"/>
      <c r="GG4588" s="91"/>
      <c r="GH4588" s="91"/>
      <c r="GI4588" s="91"/>
      <c r="GJ4588" s="91"/>
      <c r="GK4588" s="127"/>
      <c r="GL4588" s="126"/>
      <c r="GM4588" s="91"/>
      <c r="GN4588" s="91"/>
      <c r="GO4588" s="91"/>
      <c r="GP4588" s="91"/>
      <c r="GQ4588" s="91"/>
      <c r="GR4588" s="91"/>
      <c r="GS4588" s="91"/>
      <c r="GT4588" s="91"/>
      <c r="GU4588" s="91"/>
      <c r="GV4588" s="91"/>
      <c r="GW4588" s="91"/>
      <c r="GX4588" s="127"/>
      <c r="GY4588" s="126"/>
      <c r="GZ4588" s="91"/>
      <c r="HA4588" s="91"/>
      <c r="HB4588" s="91"/>
      <c r="HC4588" s="91"/>
      <c r="HD4588" s="91"/>
      <c r="HE4588" s="91"/>
      <c r="HF4588" s="91"/>
      <c r="HG4588" s="91"/>
      <c r="HH4588" s="91"/>
      <c r="HI4588" s="91"/>
      <c r="HJ4588" s="91"/>
      <c r="HK4588" s="127"/>
      <c r="HL4588" s="126"/>
      <c r="HM4588" s="91"/>
      <c r="HN4588" s="91"/>
      <c r="HO4588" s="91"/>
      <c r="HP4588" s="91"/>
      <c r="HQ4588" s="91"/>
      <c r="HR4588" s="91"/>
      <c r="HS4588" s="91"/>
      <c r="HT4588" s="91"/>
      <c r="HU4588" s="91"/>
      <c r="HV4588" s="91"/>
      <c r="HW4588" s="91"/>
      <c r="HX4588" s="127"/>
      <c r="HY4588" s="126"/>
      <c r="HZ4588" s="91"/>
      <c r="IA4588" s="91"/>
      <c r="IB4588" s="91"/>
      <c r="IC4588" s="91"/>
      <c r="ID4588" s="91"/>
      <c r="IE4588" s="91"/>
      <c r="IF4588" s="91"/>
      <c r="IG4588" s="91"/>
      <c r="IH4588" s="91"/>
      <c r="II4588" s="91"/>
      <c r="IJ4588" s="91"/>
      <c r="IK4588" s="174"/>
    </row>
    <row r="4589" spans="2:245" x14ac:dyDescent="0.2">
      <c r="B4589" s="43"/>
      <c r="C4589" s="73"/>
      <c r="D4589" s="64"/>
      <c r="E4589" s="64"/>
      <c r="F4589" s="55"/>
      <c r="G4589" s="102"/>
      <c r="H4589" s="97"/>
      <c r="T4589" s="98"/>
      <c r="U4589" s="97"/>
      <c r="AG4589" s="98"/>
      <c r="AY4589" s="164"/>
      <c r="BK4589" s="98"/>
      <c r="BL4589" s="97"/>
      <c r="BX4589" s="98"/>
      <c r="CL4589" s="97"/>
      <c r="CX4589" s="98"/>
      <c r="DL4589" s="97"/>
      <c r="DX4589" s="98"/>
      <c r="EL4589" s="97"/>
      <c r="EX4589" s="98"/>
      <c r="EY4589" s="97"/>
      <c r="FL4589" s="126"/>
      <c r="FM4589" s="91"/>
      <c r="FN4589" s="91"/>
      <c r="FO4589" s="91"/>
      <c r="FP4589" s="91"/>
      <c r="FQ4589" s="91"/>
      <c r="FR4589" s="91"/>
      <c r="FS4589" s="91"/>
      <c r="FT4589" s="91"/>
      <c r="FU4589" s="91"/>
      <c r="FV4589" s="91"/>
      <c r="FW4589" s="91"/>
      <c r="FX4589" s="127"/>
      <c r="FY4589" s="126"/>
      <c r="FZ4589" s="91"/>
      <c r="GA4589" s="91"/>
      <c r="GB4589" s="91"/>
      <c r="GC4589" s="91"/>
      <c r="GD4589" s="91"/>
      <c r="GE4589" s="91"/>
      <c r="GF4589" s="91"/>
      <c r="GG4589" s="91"/>
      <c r="GH4589" s="91"/>
      <c r="GI4589" s="91"/>
      <c r="GJ4589" s="91"/>
      <c r="GK4589" s="127"/>
      <c r="GL4589" s="126"/>
      <c r="GM4589" s="91"/>
      <c r="GN4589" s="91"/>
      <c r="GO4589" s="91"/>
      <c r="GP4589" s="91"/>
      <c r="GQ4589" s="91"/>
      <c r="GR4589" s="91"/>
      <c r="GS4589" s="91"/>
      <c r="GT4589" s="91"/>
      <c r="GU4589" s="91"/>
      <c r="GV4589" s="91"/>
      <c r="GW4589" s="91"/>
      <c r="GX4589" s="127"/>
      <c r="GY4589" s="126"/>
      <c r="GZ4589" s="91"/>
      <c r="HA4589" s="91"/>
      <c r="HB4589" s="91"/>
      <c r="HC4589" s="91"/>
      <c r="HD4589" s="91"/>
      <c r="HE4589" s="91"/>
      <c r="HF4589" s="91"/>
      <c r="HG4589" s="91"/>
      <c r="HH4589" s="91"/>
      <c r="HI4589" s="91"/>
      <c r="HJ4589" s="91"/>
      <c r="HK4589" s="127"/>
      <c r="HL4589" s="126"/>
      <c r="HM4589" s="91"/>
      <c r="HN4589" s="91"/>
      <c r="HO4589" s="91"/>
      <c r="HP4589" s="91"/>
      <c r="HQ4589" s="91"/>
      <c r="HR4589" s="91"/>
      <c r="HS4589" s="91"/>
      <c r="HT4589" s="91"/>
      <c r="HU4589" s="91"/>
      <c r="HV4589" s="91"/>
      <c r="HW4589" s="91"/>
      <c r="HX4589" s="127"/>
      <c r="HY4589" s="126"/>
      <c r="HZ4589" s="91"/>
      <c r="IA4589" s="91"/>
      <c r="IB4589" s="91"/>
      <c r="IC4589" s="91"/>
      <c r="ID4589" s="91"/>
      <c r="IE4589" s="91"/>
      <c r="IF4589" s="91"/>
      <c r="IG4589" s="91"/>
      <c r="IH4589" s="91"/>
      <c r="II4589" s="91"/>
      <c r="IJ4589" s="91"/>
      <c r="IK4589" s="174"/>
    </row>
    <row r="4590" spans="2:245" x14ac:dyDescent="0.2">
      <c r="B4590" s="43"/>
      <c r="C4590" s="73"/>
      <c r="D4590" s="64"/>
      <c r="E4590" s="64"/>
      <c r="F4590" s="55"/>
      <c r="G4590" s="102"/>
      <c r="H4590" s="97"/>
      <c r="T4590" s="98"/>
      <c r="U4590" s="97"/>
      <c r="AG4590" s="98"/>
      <c r="AY4590" s="164"/>
      <c r="BK4590" s="98"/>
      <c r="BL4590" s="97"/>
      <c r="BX4590" s="98"/>
      <c r="CL4590" s="97"/>
      <c r="CX4590" s="98"/>
      <c r="DL4590" s="97"/>
      <c r="DX4590" s="98"/>
      <c r="EL4590" s="97"/>
      <c r="EX4590" s="98"/>
      <c r="EY4590" s="97"/>
      <c r="FL4590" s="126"/>
      <c r="FM4590" s="91"/>
      <c r="FN4590" s="91"/>
      <c r="FO4590" s="91"/>
      <c r="FP4590" s="91"/>
      <c r="FQ4590" s="91"/>
      <c r="FR4590" s="91"/>
      <c r="FS4590" s="91"/>
      <c r="FT4590" s="91"/>
      <c r="FU4590" s="91"/>
      <c r="FV4590" s="91"/>
      <c r="FW4590" s="91"/>
      <c r="FX4590" s="127"/>
      <c r="FY4590" s="126"/>
      <c r="FZ4590" s="91"/>
      <c r="GA4590" s="91"/>
      <c r="GB4590" s="91"/>
      <c r="GC4590" s="91"/>
      <c r="GD4590" s="91"/>
      <c r="GE4590" s="91"/>
      <c r="GF4590" s="91"/>
      <c r="GG4590" s="91"/>
      <c r="GH4590" s="91"/>
      <c r="GI4590" s="91"/>
      <c r="GJ4590" s="91"/>
      <c r="GK4590" s="127"/>
      <c r="GL4590" s="126"/>
      <c r="GM4590" s="91"/>
      <c r="GN4590" s="91"/>
      <c r="GO4590" s="91"/>
      <c r="GP4590" s="91"/>
      <c r="GQ4590" s="91"/>
      <c r="GR4590" s="91"/>
      <c r="GS4590" s="91"/>
      <c r="GT4590" s="91"/>
      <c r="GU4590" s="91"/>
      <c r="GV4590" s="91"/>
      <c r="GW4590" s="91"/>
      <c r="GX4590" s="127"/>
      <c r="GY4590" s="126"/>
      <c r="GZ4590" s="91"/>
      <c r="HA4590" s="91"/>
      <c r="HB4590" s="91"/>
      <c r="HC4590" s="91"/>
      <c r="HD4590" s="91"/>
      <c r="HE4590" s="91"/>
      <c r="HF4590" s="91"/>
      <c r="HG4590" s="91"/>
      <c r="HH4590" s="91"/>
      <c r="HI4590" s="91"/>
      <c r="HJ4590" s="91"/>
      <c r="HK4590" s="127"/>
      <c r="HL4590" s="126"/>
      <c r="HM4590" s="91"/>
      <c r="HN4590" s="91"/>
      <c r="HO4590" s="91"/>
      <c r="HP4590" s="91"/>
      <c r="HQ4590" s="91"/>
      <c r="HR4590" s="91"/>
      <c r="HS4590" s="91"/>
      <c r="HT4590" s="91"/>
      <c r="HU4590" s="91"/>
      <c r="HV4590" s="91"/>
      <c r="HW4590" s="91"/>
      <c r="HX4590" s="127"/>
      <c r="HY4590" s="126"/>
      <c r="HZ4590" s="91"/>
      <c r="IA4590" s="91"/>
      <c r="IB4590" s="91"/>
      <c r="IC4590" s="91"/>
      <c r="ID4590" s="91"/>
      <c r="IE4590" s="91"/>
      <c r="IF4590" s="91"/>
      <c r="IG4590" s="91"/>
      <c r="IH4590" s="91"/>
      <c r="II4590" s="91"/>
      <c r="IJ4590" s="91"/>
      <c r="IK4590" s="174"/>
    </row>
    <row r="4591" spans="2:245" x14ac:dyDescent="0.2">
      <c r="B4591" s="43"/>
      <c r="C4591" s="73"/>
      <c r="D4591" s="64"/>
      <c r="E4591" s="64"/>
      <c r="F4591" s="55"/>
      <c r="G4591" s="102"/>
      <c r="H4591" s="97"/>
      <c r="T4591" s="98"/>
      <c r="U4591" s="97"/>
      <c r="AG4591" s="98"/>
      <c r="AY4591" s="164"/>
      <c r="BK4591" s="98"/>
      <c r="BL4591" s="97"/>
      <c r="BX4591" s="98"/>
      <c r="CL4591" s="97"/>
      <c r="CX4591" s="98"/>
      <c r="DL4591" s="97"/>
      <c r="DX4591" s="98"/>
      <c r="EL4591" s="97"/>
      <c r="EX4591" s="98"/>
      <c r="EY4591" s="97"/>
      <c r="FL4591" s="126"/>
      <c r="FM4591" s="91"/>
      <c r="FN4591" s="91"/>
      <c r="FO4591" s="91"/>
      <c r="FP4591" s="91"/>
      <c r="FQ4591" s="91"/>
      <c r="FR4591" s="91"/>
      <c r="FS4591" s="91"/>
      <c r="FT4591" s="91"/>
      <c r="FU4591" s="91"/>
      <c r="FV4591" s="91"/>
      <c r="FW4591" s="91"/>
      <c r="FX4591" s="127"/>
      <c r="FY4591" s="126"/>
      <c r="FZ4591" s="91"/>
      <c r="GA4591" s="91"/>
      <c r="GB4591" s="91"/>
      <c r="GC4591" s="91"/>
      <c r="GD4591" s="91"/>
      <c r="GE4591" s="91"/>
      <c r="GF4591" s="91"/>
      <c r="GG4591" s="91"/>
      <c r="GH4591" s="91"/>
      <c r="GI4591" s="91"/>
      <c r="GJ4591" s="91"/>
      <c r="GK4591" s="127"/>
      <c r="GL4591" s="126"/>
      <c r="GM4591" s="91"/>
      <c r="GN4591" s="91"/>
      <c r="GO4591" s="91"/>
      <c r="GP4591" s="91"/>
      <c r="GQ4591" s="91"/>
      <c r="GR4591" s="91"/>
      <c r="GS4591" s="91"/>
      <c r="GT4591" s="91"/>
      <c r="GU4591" s="91"/>
      <c r="GV4591" s="91"/>
      <c r="GW4591" s="91"/>
      <c r="GX4591" s="127"/>
      <c r="GY4591" s="126"/>
      <c r="GZ4591" s="91"/>
      <c r="HA4591" s="91"/>
      <c r="HB4591" s="91"/>
      <c r="HC4591" s="91"/>
      <c r="HD4591" s="91"/>
      <c r="HE4591" s="91"/>
      <c r="HF4591" s="91"/>
      <c r="HG4591" s="91"/>
      <c r="HH4591" s="91"/>
      <c r="HI4591" s="91"/>
      <c r="HJ4591" s="91"/>
      <c r="HK4591" s="127"/>
      <c r="HL4591" s="126"/>
      <c r="HM4591" s="91"/>
      <c r="HN4591" s="91"/>
      <c r="HO4591" s="91"/>
      <c r="HP4591" s="91"/>
      <c r="HQ4591" s="91"/>
      <c r="HR4591" s="91"/>
      <c r="HS4591" s="91"/>
      <c r="HT4591" s="91"/>
      <c r="HU4591" s="91"/>
      <c r="HV4591" s="91"/>
      <c r="HW4591" s="91"/>
      <c r="HX4591" s="127"/>
      <c r="HY4591" s="126"/>
      <c r="HZ4591" s="91"/>
      <c r="IA4591" s="91"/>
      <c r="IB4591" s="91"/>
      <c r="IC4591" s="91"/>
      <c r="ID4591" s="91"/>
      <c r="IE4591" s="91"/>
      <c r="IF4591" s="91"/>
      <c r="IG4591" s="91"/>
      <c r="IH4591" s="91"/>
      <c r="II4591" s="91"/>
      <c r="IJ4591" s="91"/>
      <c r="IK4591" s="174"/>
    </row>
    <row r="4592" spans="2:245" x14ac:dyDescent="0.2">
      <c r="B4592" s="43"/>
      <c r="C4592" s="73"/>
      <c r="D4592" s="64"/>
      <c r="E4592" s="64"/>
      <c r="F4592" s="55"/>
      <c r="G4592" s="102"/>
      <c r="H4592" s="97"/>
      <c r="T4592" s="98"/>
      <c r="U4592" s="97"/>
      <c r="AG4592" s="98"/>
      <c r="AY4592" s="164"/>
      <c r="BK4592" s="98"/>
      <c r="BL4592" s="97"/>
      <c r="BX4592" s="98"/>
      <c r="CL4592" s="97"/>
      <c r="CX4592" s="98"/>
      <c r="DL4592" s="97"/>
      <c r="DX4592" s="98"/>
      <c r="EL4592" s="97"/>
      <c r="EX4592" s="98"/>
      <c r="EY4592" s="97"/>
      <c r="FL4592" s="126"/>
      <c r="FM4592" s="91"/>
      <c r="FN4592" s="91"/>
      <c r="FO4592" s="91"/>
      <c r="FP4592" s="91"/>
      <c r="FQ4592" s="91"/>
      <c r="FR4592" s="91"/>
      <c r="FS4592" s="91"/>
      <c r="FT4592" s="91"/>
      <c r="FU4592" s="91"/>
      <c r="FV4592" s="91"/>
      <c r="FW4592" s="91"/>
      <c r="FX4592" s="127"/>
      <c r="FY4592" s="126"/>
      <c r="FZ4592" s="91"/>
      <c r="GA4592" s="91"/>
      <c r="GB4592" s="91"/>
      <c r="GC4592" s="91"/>
      <c r="GD4592" s="91"/>
      <c r="GE4592" s="91"/>
      <c r="GF4592" s="91"/>
      <c r="GG4592" s="91"/>
      <c r="GH4592" s="91"/>
      <c r="GI4592" s="91"/>
      <c r="GJ4592" s="91"/>
      <c r="GK4592" s="127"/>
      <c r="GL4592" s="126"/>
      <c r="GM4592" s="91"/>
      <c r="GN4592" s="91"/>
      <c r="GO4592" s="91"/>
      <c r="GP4592" s="91"/>
      <c r="GQ4592" s="91"/>
      <c r="GR4592" s="91"/>
      <c r="GS4592" s="91"/>
      <c r="GT4592" s="91"/>
      <c r="GU4592" s="91"/>
      <c r="GV4592" s="91"/>
      <c r="GW4592" s="91"/>
      <c r="GX4592" s="127"/>
      <c r="GY4592" s="126"/>
      <c r="GZ4592" s="91"/>
      <c r="HA4592" s="91"/>
      <c r="HB4592" s="91"/>
      <c r="HC4592" s="91"/>
      <c r="HD4592" s="91"/>
      <c r="HE4592" s="91"/>
      <c r="HF4592" s="91"/>
      <c r="HG4592" s="91"/>
      <c r="HH4592" s="91"/>
      <c r="HI4592" s="91"/>
      <c r="HJ4592" s="91"/>
      <c r="HK4592" s="127"/>
      <c r="HL4592" s="126"/>
      <c r="HM4592" s="91"/>
      <c r="HN4592" s="91"/>
      <c r="HO4592" s="91"/>
      <c r="HP4592" s="91"/>
      <c r="HQ4592" s="91"/>
      <c r="HR4592" s="91"/>
      <c r="HS4592" s="91"/>
      <c r="HT4592" s="91"/>
      <c r="HU4592" s="91"/>
      <c r="HV4592" s="91"/>
      <c r="HW4592" s="91"/>
      <c r="HX4592" s="127"/>
      <c r="HY4592" s="126"/>
      <c r="HZ4592" s="91"/>
      <c r="IA4592" s="91"/>
      <c r="IB4592" s="91"/>
      <c r="IC4592" s="91"/>
      <c r="ID4592" s="91"/>
      <c r="IE4592" s="91"/>
      <c r="IF4592" s="91"/>
      <c r="IG4592" s="91"/>
      <c r="IH4592" s="91"/>
      <c r="II4592" s="91"/>
      <c r="IJ4592" s="91"/>
      <c r="IK4592" s="174"/>
    </row>
    <row r="4593" spans="2:245" x14ac:dyDescent="0.2">
      <c r="B4593" s="43"/>
      <c r="C4593" s="73"/>
      <c r="D4593" s="64"/>
      <c r="E4593" s="64"/>
      <c r="F4593" s="55"/>
      <c r="G4593" s="102"/>
      <c r="H4593" s="97"/>
      <c r="T4593" s="98"/>
      <c r="U4593" s="97"/>
      <c r="AG4593" s="98"/>
      <c r="AY4593" s="164"/>
      <c r="BK4593" s="98"/>
      <c r="BL4593" s="97"/>
      <c r="BX4593" s="98"/>
      <c r="CL4593" s="97"/>
      <c r="CX4593" s="98"/>
      <c r="DL4593" s="97"/>
      <c r="DX4593" s="98"/>
      <c r="EL4593" s="97"/>
      <c r="EX4593" s="98"/>
      <c r="EY4593" s="97"/>
      <c r="FL4593" s="126"/>
      <c r="FM4593" s="91"/>
      <c r="FN4593" s="91"/>
      <c r="FO4593" s="91"/>
      <c r="FP4593" s="91"/>
      <c r="FQ4593" s="91"/>
      <c r="FR4593" s="91"/>
      <c r="FS4593" s="91"/>
      <c r="FT4593" s="91"/>
      <c r="FU4593" s="91"/>
      <c r="FV4593" s="91"/>
      <c r="FW4593" s="91"/>
      <c r="FX4593" s="127"/>
      <c r="FY4593" s="126"/>
      <c r="FZ4593" s="91"/>
      <c r="GA4593" s="91"/>
      <c r="GB4593" s="91"/>
      <c r="GC4593" s="91"/>
      <c r="GD4593" s="91"/>
      <c r="GE4593" s="91"/>
      <c r="GF4593" s="91"/>
      <c r="GG4593" s="91"/>
      <c r="GH4593" s="91"/>
      <c r="GI4593" s="91"/>
      <c r="GJ4593" s="91"/>
      <c r="GK4593" s="127"/>
      <c r="GL4593" s="126"/>
      <c r="GM4593" s="91"/>
      <c r="GN4593" s="91"/>
      <c r="GO4593" s="91"/>
      <c r="GP4593" s="91"/>
      <c r="GQ4593" s="91"/>
      <c r="GR4593" s="91"/>
      <c r="GS4593" s="91"/>
      <c r="GT4593" s="91"/>
      <c r="GU4593" s="91"/>
      <c r="GV4593" s="91"/>
      <c r="GW4593" s="91"/>
      <c r="GX4593" s="127"/>
      <c r="GY4593" s="126"/>
      <c r="GZ4593" s="91"/>
      <c r="HA4593" s="91"/>
      <c r="HB4593" s="91"/>
      <c r="HC4593" s="91"/>
      <c r="HD4593" s="91"/>
      <c r="HE4593" s="91"/>
      <c r="HF4593" s="91"/>
      <c r="HG4593" s="91"/>
      <c r="HH4593" s="91"/>
      <c r="HI4593" s="91"/>
      <c r="HJ4593" s="91"/>
      <c r="HK4593" s="127"/>
      <c r="HL4593" s="126"/>
      <c r="HM4593" s="91"/>
      <c r="HN4593" s="91"/>
      <c r="HO4593" s="91"/>
      <c r="HP4593" s="91"/>
      <c r="HQ4593" s="91"/>
      <c r="HR4593" s="91"/>
      <c r="HS4593" s="91"/>
      <c r="HT4593" s="91"/>
      <c r="HU4593" s="91"/>
      <c r="HV4593" s="91"/>
      <c r="HW4593" s="91"/>
      <c r="HX4593" s="127"/>
      <c r="HY4593" s="126"/>
      <c r="HZ4593" s="91"/>
      <c r="IA4593" s="91"/>
      <c r="IB4593" s="91"/>
      <c r="IC4593" s="91"/>
      <c r="ID4593" s="91"/>
      <c r="IE4593" s="91"/>
      <c r="IF4593" s="91"/>
      <c r="IG4593" s="91"/>
      <c r="IH4593" s="91"/>
      <c r="II4593" s="91"/>
      <c r="IJ4593" s="91"/>
      <c r="IK4593" s="174"/>
    </row>
    <row r="4594" spans="2:245" x14ac:dyDescent="0.2">
      <c r="B4594" s="43"/>
      <c r="C4594" s="73"/>
      <c r="D4594" s="64"/>
      <c r="E4594" s="64"/>
      <c r="F4594" s="55"/>
      <c r="G4594" s="102"/>
      <c r="H4594" s="97"/>
      <c r="T4594" s="98"/>
      <c r="U4594" s="97"/>
      <c r="AG4594" s="98"/>
      <c r="AY4594" s="164"/>
      <c r="BK4594" s="98"/>
      <c r="BL4594" s="97"/>
      <c r="BX4594" s="98"/>
      <c r="CL4594" s="97"/>
      <c r="CX4594" s="98"/>
      <c r="DL4594" s="97"/>
      <c r="DX4594" s="98"/>
      <c r="EL4594" s="97"/>
      <c r="EX4594" s="98"/>
      <c r="EY4594" s="97"/>
      <c r="FL4594" s="126"/>
      <c r="FM4594" s="91"/>
      <c r="FN4594" s="91"/>
      <c r="FO4594" s="91"/>
      <c r="FP4594" s="91"/>
      <c r="FQ4594" s="91"/>
      <c r="FR4594" s="91"/>
      <c r="FS4594" s="91"/>
      <c r="FT4594" s="91"/>
      <c r="FU4594" s="91"/>
      <c r="FV4594" s="91"/>
      <c r="FW4594" s="91"/>
      <c r="FX4594" s="127"/>
      <c r="FY4594" s="126"/>
      <c r="FZ4594" s="91"/>
      <c r="GA4594" s="91"/>
      <c r="GB4594" s="91"/>
      <c r="GC4594" s="91"/>
      <c r="GD4594" s="91"/>
      <c r="GE4594" s="91"/>
      <c r="GF4594" s="91"/>
      <c r="GG4594" s="91"/>
      <c r="GH4594" s="91"/>
      <c r="GI4594" s="91"/>
      <c r="GJ4594" s="91"/>
      <c r="GK4594" s="127"/>
      <c r="GL4594" s="126"/>
      <c r="GM4594" s="91"/>
      <c r="GN4594" s="91"/>
      <c r="GO4594" s="91"/>
      <c r="GP4594" s="91"/>
      <c r="GQ4594" s="91"/>
      <c r="GR4594" s="91"/>
      <c r="GS4594" s="91"/>
      <c r="GT4594" s="91"/>
      <c r="GU4594" s="91"/>
      <c r="GV4594" s="91"/>
      <c r="GW4594" s="91"/>
      <c r="GX4594" s="127"/>
      <c r="GY4594" s="126"/>
      <c r="GZ4594" s="91"/>
      <c r="HA4594" s="91"/>
      <c r="HB4594" s="91"/>
      <c r="HC4594" s="91"/>
      <c r="HD4594" s="91"/>
      <c r="HE4594" s="91"/>
      <c r="HF4594" s="91"/>
      <c r="HG4594" s="91"/>
      <c r="HH4594" s="91"/>
      <c r="HI4594" s="91"/>
      <c r="HJ4594" s="91"/>
      <c r="HK4594" s="127"/>
      <c r="HL4594" s="126"/>
      <c r="HM4594" s="91"/>
      <c r="HN4594" s="91"/>
      <c r="HO4594" s="91"/>
      <c r="HP4594" s="91"/>
      <c r="HQ4594" s="91"/>
      <c r="HR4594" s="91"/>
      <c r="HS4594" s="91"/>
      <c r="HT4594" s="91"/>
      <c r="HU4594" s="91"/>
      <c r="HV4594" s="91"/>
      <c r="HW4594" s="91"/>
      <c r="HX4594" s="127"/>
      <c r="HY4594" s="126"/>
      <c r="HZ4594" s="91"/>
      <c r="IA4594" s="91"/>
      <c r="IB4594" s="91"/>
      <c r="IC4594" s="91"/>
      <c r="ID4594" s="91"/>
      <c r="IE4594" s="91"/>
      <c r="IF4594" s="91"/>
      <c r="IG4594" s="91"/>
      <c r="IH4594" s="91"/>
      <c r="II4594" s="91"/>
      <c r="IJ4594" s="91"/>
      <c r="IK4594" s="174"/>
    </row>
    <row r="4595" spans="2:245" x14ac:dyDescent="0.2">
      <c r="B4595" s="43"/>
      <c r="C4595" s="73"/>
      <c r="D4595" s="64"/>
      <c r="E4595" s="64"/>
      <c r="F4595" s="55"/>
      <c r="G4595" s="102"/>
      <c r="H4595" s="97"/>
      <c r="T4595" s="98"/>
      <c r="U4595" s="97"/>
      <c r="AG4595" s="98"/>
      <c r="AY4595" s="164"/>
      <c r="BK4595" s="98"/>
      <c r="BL4595" s="97"/>
      <c r="BX4595" s="98"/>
      <c r="CL4595" s="97"/>
      <c r="CX4595" s="98"/>
      <c r="DL4595" s="97"/>
      <c r="DX4595" s="98"/>
      <c r="EL4595" s="97"/>
      <c r="EX4595" s="98"/>
      <c r="EY4595" s="97"/>
      <c r="FL4595" s="126"/>
      <c r="FM4595" s="91"/>
      <c r="FN4595" s="91"/>
      <c r="FO4595" s="91"/>
      <c r="FP4595" s="91"/>
      <c r="FQ4595" s="91"/>
      <c r="FR4595" s="91"/>
      <c r="FS4595" s="91"/>
      <c r="FT4595" s="91"/>
      <c r="FU4595" s="91"/>
      <c r="FV4595" s="91"/>
      <c r="FW4595" s="91"/>
      <c r="FX4595" s="127"/>
      <c r="FY4595" s="126"/>
      <c r="FZ4595" s="91"/>
      <c r="GA4595" s="91"/>
      <c r="GB4595" s="91"/>
      <c r="GC4595" s="91"/>
      <c r="GD4595" s="91"/>
      <c r="GE4595" s="91"/>
      <c r="GF4595" s="91"/>
      <c r="GG4595" s="91"/>
      <c r="GH4595" s="91"/>
      <c r="GI4595" s="91"/>
      <c r="GJ4595" s="91"/>
      <c r="GK4595" s="127"/>
      <c r="GL4595" s="126"/>
      <c r="GM4595" s="91"/>
      <c r="GN4595" s="91"/>
      <c r="GO4595" s="91"/>
      <c r="GP4595" s="91"/>
      <c r="GQ4595" s="91"/>
      <c r="GR4595" s="91"/>
      <c r="GS4595" s="91"/>
      <c r="GT4595" s="91"/>
      <c r="GU4595" s="91"/>
      <c r="GV4595" s="91"/>
      <c r="GW4595" s="91"/>
      <c r="GX4595" s="127"/>
      <c r="GY4595" s="126"/>
      <c r="GZ4595" s="91"/>
      <c r="HA4595" s="91"/>
      <c r="HB4595" s="91"/>
      <c r="HC4595" s="91"/>
      <c r="HD4595" s="91"/>
      <c r="HE4595" s="91"/>
      <c r="HF4595" s="91"/>
      <c r="HG4595" s="91"/>
      <c r="HH4595" s="91"/>
      <c r="HI4595" s="91"/>
      <c r="HJ4595" s="91"/>
      <c r="HK4595" s="127"/>
      <c r="HL4595" s="126"/>
      <c r="HM4595" s="91"/>
      <c r="HN4595" s="91"/>
      <c r="HO4595" s="91"/>
      <c r="HP4595" s="91"/>
      <c r="HQ4595" s="91"/>
      <c r="HR4595" s="91"/>
      <c r="HS4595" s="91"/>
      <c r="HT4595" s="91"/>
      <c r="HU4595" s="91"/>
      <c r="HV4595" s="91"/>
      <c r="HW4595" s="91"/>
      <c r="HX4595" s="127"/>
      <c r="HY4595" s="126"/>
      <c r="HZ4595" s="91"/>
      <c r="IA4595" s="91"/>
      <c r="IB4595" s="91"/>
      <c r="IC4595" s="91"/>
      <c r="ID4595" s="91"/>
      <c r="IE4595" s="91"/>
      <c r="IF4595" s="91"/>
      <c r="IG4595" s="91"/>
      <c r="IH4595" s="91"/>
      <c r="II4595" s="91"/>
      <c r="IJ4595" s="91"/>
      <c r="IK4595" s="174"/>
    </row>
    <row r="4596" spans="2:245" x14ac:dyDescent="0.2">
      <c r="B4596" s="43"/>
      <c r="C4596" s="73"/>
      <c r="D4596" s="64"/>
      <c r="E4596" s="64"/>
      <c r="F4596" s="55"/>
      <c r="G4596" s="102"/>
      <c r="H4596" s="97"/>
      <c r="T4596" s="98"/>
      <c r="U4596" s="97"/>
      <c r="AG4596" s="98"/>
      <c r="AY4596" s="164"/>
      <c r="BK4596" s="98"/>
      <c r="BL4596" s="97"/>
      <c r="BX4596" s="98"/>
      <c r="CL4596" s="97"/>
      <c r="CX4596" s="98"/>
      <c r="DL4596" s="97"/>
      <c r="DX4596" s="98"/>
      <c r="EL4596" s="97"/>
      <c r="EX4596" s="98"/>
      <c r="EY4596" s="97"/>
      <c r="FL4596" s="126"/>
      <c r="FM4596" s="91"/>
      <c r="FN4596" s="91"/>
      <c r="FO4596" s="91"/>
      <c r="FP4596" s="91"/>
      <c r="FQ4596" s="91"/>
      <c r="FR4596" s="91"/>
      <c r="FS4596" s="91"/>
      <c r="FT4596" s="91"/>
      <c r="FU4596" s="91"/>
      <c r="FV4596" s="91"/>
      <c r="FW4596" s="91"/>
      <c r="FX4596" s="127"/>
      <c r="FY4596" s="126"/>
      <c r="FZ4596" s="91"/>
      <c r="GA4596" s="91"/>
      <c r="GB4596" s="91"/>
      <c r="GC4596" s="91"/>
      <c r="GD4596" s="91"/>
      <c r="GE4596" s="91"/>
      <c r="GF4596" s="91"/>
      <c r="GG4596" s="91"/>
      <c r="GH4596" s="91"/>
      <c r="GI4596" s="91"/>
      <c r="GJ4596" s="91"/>
      <c r="GK4596" s="127"/>
      <c r="GL4596" s="126"/>
      <c r="GM4596" s="91"/>
      <c r="GN4596" s="91"/>
      <c r="GO4596" s="91"/>
      <c r="GP4596" s="91"/>
      <c r="GQ4596" s="91"/>
      <c r="GR4596" s="91"/>
      <c r="GS4596" s="91"/>
      <c r="GT4596" s="91"/>
      <c r="GU4596" s="91"/>
      <c r="GV4596" s="91"/>
      <c r="GW4596" s="91"/>
      <c r="GX4596" s="127"/>
      <c r="GY4596" s="126"/>
      <c r="GZ4596" s="91"/>
      <c r="HA4596" s="91"/>
      <c r="HB4596" s="91"/>
      <c r="HC4596" s="91"/>
      <c r="HD4596" s="91"/>
      <c r="HE4596" s="91"/>
      <c r="HF4596" s="91"/>
      <c r="HG4596" s="91"/>
      <c r="HH4596" s="91"/>
      <c r="HI4596" s="91"/>
      <c r="HJ4596" s="91"/>
      <c r="HK4596" s="127"/>
      <c r="HL4596" s="126"/>
      <c r="HM4596" s="91"/>
      <c r="HN4596" s="91"/>
      <c r="HO4596" s="91"/>
      <c r="HP4596" s="91"/>
      <c r="HQ4596" s="91"/>
      <c r="HR4596" s="91"/>
      <c r="HS4596" s="91"/>
      <c r="HT4596" s="91"/>
      <c r="HU4596" s="91"/>
      <c r="HV4596" s="91"/>
      <c r="HW4596" s="91"/>
      <c r="HX4596" s="127"/>
      <c r="HY4596" s="126"/>
      <c r="HZ4596" s="91"/>
      <c r="IA4596" s="91"/>
      <c r="IB4596" s="91"/>
      <c r="IC4596" s="91"/>
      <c r="ID4596" s="91"/>
      <c r="IE4596" s="91"/>
      <c r="IF4596" s="91"/>
      <c r="IG4596" s="91"/>
      <c r="IH4596" s="91"/>
      <c r="II4596" s="91"/>
      <c r="IJ4596" s="91"/>
      <c r="IK4596" s="174"/>
    </row>
    <row r="4597" spans="2:245" x14ac:dyDescent="0.2">
      <c r="B4597" s="43"/>
      <c r="C4597" s="73"/>
      <c r="D4597" s="64"/>
      <c r="E4597" s="64"/>
      <c r="F4597" s="55"/>
      <c r="G4597" s="102"/>
      <c r="H4597" s="97"/>
      <c r="T4597" s="98"/>
      <c r="U4597" s="97"/>
      <c r="AG4597" s="98"/>
      <c r="AY4597" s="164"/>
      <c r="BK4597" s="98"/>
      <c r="BL4597" s="97"/>
      <c r="BX4597" s="98"/>
      <c r="CL4597" s="97"/>
      <c r="CX4597" s="98"/>
      <c r="DL4597" s="97"/>
      <c r="DX4597" s="98"/>
      <c r="EL4597" s="97"/>
      <c r="EX4597" s="98"/>
      <c r="EY4597" s="97"/>
      <c r="FL4597" s="126"/>
      <c r="FM4597" s="91"/>
      <c r="FN4597" s="91"/>
      <c r="FO4597" s="91"/>
      <c r="FP4597" s="91"/>
      <c r="FQ4597" s="91"/>
      <c r="FR4597" s="91"/>
      <c r="FS4597" s="91"/>
      <c r="FT4597" s="91"/>
      <c r="FU4597" s="91"/>
      <c r="FV4597" s="91"/>
      <c r="FW4597" s="91"/>
      <c r="FX4597" s="127"/>
      <c r="FY4597" s="126"/>
      <c r="FZ4597" s="91"/>
      <c r="GA4597" s="91"/>
      <c r="GB4597" s="91"/>
      <c r="GC4597" s="91"/>
      <c r="GD4597" s="91"/>
      <c r="GE4597" s="91"/>
      <c r="GF4597" s="91"/>
      <c r="GG4597" s="91"/>
      <c r="GH4597" s="91"/>
      <c r="GI4597" s="91"/>
      <c r="GJ4597" s="91"/>
      <c r="GK4597" s="127"/>
      <c r="GL4597" s="126"/>
      <c r="GM4597" s="91"/>
      <c r="GN4597" s="91"/>
      <c r="GO4597" s="91"/>
      <c r="GP4597" s="91"/>
      <c r="GQ4597" s="91"/>
      <c r="GR4597" s="91"/>
      <c r="GS4597" s="91"/>
      <c r="GT4597" s="91"/>
      <c r="GU4597" s="91"/>
      <c r="GV4597" s="91"/>
      <c r="GW4597" s="91"/>
      <c r="GX4597" s="127"/>
      <c r="GY4597" s="126"/>
      <c r="GZ4597" s="91"/>
      <c r="HA4597" s="91"/>
      <c r="HB4597" s="91"/>
      <c r="HC4597" s="91"/>
      <c r="HD4597" s="91"/>
      <c r="HE4597" s="91"/>
      <c r="HF4597" s="91"/>
      <c r="HG4597" s="91"/>
      <c r="HH4597" s="91"/>
      <c r="HI4597" s="91"/>
      <c r="HJ4597" s="91"/>
      <c r="HK4597" s="127"/>
      <c r="HL4597" s="126"/>
      <c r="HM4597" s="91"/>
      <c r="HN4597" s="91"/>
      <c r="HO4597" s="91"/>
      <c r="HP4597" s="91"/>
      <c r="HQ4597" s="91"/>
      <c r="HR4597" s="91"/>
      <c r="HS4597" s="91"/>
      <c r="HT4597" s="91"/>
      <c r="HU4597" s="91"/>
      <c r="HV4597" s="91"/>
      <c r="HW4597" s="91"/>
      <c r="HX4597" s="127"/>
      <c r="HY4597" s="126"/>
      <c r="HZ4597" s="91"/>
      <c r="IA4597" s="91"/>
      <c r="IB4597" s="91"/>
      <c r="IC4597" s="91"/>
      <c r="ID4597" s="91"/>
      <c r="IE4597" s="91"/>
      <c r="IF4597" s="91"/>
      <c r="IG4597" s="91"/>
      <c r="IH4597" s="91"/>
      <c r="II4597" s="91"/>
      <c r="IJ4597" s="91"/>
      <c r="IK4597" s="174"/>
    </row>
    <row r="4598" spans="2:245" x14ac:dyDescent="0.2">
      <c r="B4598" s="43"/>
      <c r="C4598" s="73"/>
      <c r="D4598" s="64"/>
      <c r="E4598" s="64"/>
      <c r="F4598" s="55"/>
      <c r="G4598" s="102"/>
      <c r="H4598" s="97"/>
      <c r="T4598" s="98"/>
      <c r="U4598" s="97"/>
      <c r="AG4598" s="98"/>
      <c r="AY4598" s="164"/>
      <c r="BK4598" s="98"/>
      <c r="BL4598" s="97"/>
      <c r="BX4598" s="98"/>
      <c r="CL4598" s="97"/>
      <c r="CX4598" s="98"/>
      <c r="DL4598" s="97"/>
      <c r="DX4598" s="98"/>
      <c r="EL4598" s="97"/>
      <c r="EX4598" s="98"/>
      <c r="EY4598" s="97"/>
      <c r="FL4598" s="126"/>
      <c r="FM4598" s="91"/>
      <c r="FN4598" s="91"/>
      <c r="FO4598" s="91"/>
      <c r="FP4598" s="91"/>
      <c r="FQ4598" s="91"/>
      <c r="FR4598" s="91"/>
      <c r="FS4598" s="91"/>
      <c r="FT4598" s="91"/>
      <c r="FU4598" s="91"/>
      <c r="FV4598" s="91"/>
      <c r="FW4598" s="91"/>
      <c r="FX4598" s="127"/>
      <c r="FY4598" s="126"/>
      <c r="FZ4598" s="91"/>
      <c r="GA4598" s="91"/>
      <c r="GB4598" s="91"/>
      <c r="GC4598" s="91"/>
      <c r="GD4598" s="91"/>
      <c r="GE4598" s="91"/>
      <c r="GF4598" s="91"/>
      <c r="GG4598" s="91"/>
      <c r="GH4598" s="91"/>
      <c r="GI4598" s="91"/>
      <c r="GJ4598" s="91"/>
      <c r="GK4598" s="127"/>
      <c r="GL4598" s="126"/>
      <c r="GM4598" s="91"/>
      <c r="GN4598" s="91"/>
      <c r="GO4598" s="91"/>
      <c r="GP4598" s="91"/>
      <c r="GQ4598" s="91"/>
      <c r="GR4598" s="91"/>
      <c r="GS4598" s="91"/>
      <c r="GT4598" s="91"/>
      <c r="GU4598" s="91"/>
      <c r="GV4598" s="91"/>
      <c r="GW4598" s="91"/>
      <c r="GX4598" s="127"/>
      <c r="GY4598" s="126"/>
      <c r="GZ4598" s="91"/>
      <c r="HA4598" s="91"/>
      <c r="HB4598" s="91"/>
      <c r="HC4598" s="91"/>
      <c r="HD4598" s="91"/>
      <c r="HE4598" s="91"/>
      <c r="HF4598" s="91"/>
      <c r="HG4598" s="91"/>
      <c r="HH4598" s="91"/>
      <c r="HI4598" s="91"/>
      <c r="HJ4598" s="91"/>
      <c r="HK4598" s="127"/>
      <c r="HL4598" s="126"/>
      <c r="HM4598" s="91"/>
      <c r="HN4598" s="91"/>
      <c r="HO4598" s="91"/>
      <c r="HP4598" s="91"/>
      <c r="HQ4598" s="91"/>
      <c r="HR4598" s="91"/>
      <c r="HS4598" s="91"/>
      <c r="HT4598" s="91"/>
      <c r="HU4598" s="91"/>
      <c r="HV4598" s="91"/>
      <c r="HW4598" s="91"/>
      <c r="HX4598" s="127"/>
      <c r="HY4598" s="126"/>
      <c r="HZ4598" s="91"/>
      <c r="IA4598" s="91"/>
      <c r="IB4598" s="91"/>
      <c r="IC4598" s="91"/>
      <c r="ID4598" s="91"/>
      <c r="IE4598" s="91"/>
      <c r="IF4598" s="91"/>
      <c r="IG4598" s="91"/>
      <c r="IH4598" s="91"/>
      <c r="II4598" s="91"/>
      <c r="IJ4598" s="91"/>
      <c r="IK4598" s="174"/>
    </row>
    <row r="4599" spans="2:245" x14ac:dyDescent="0.2">
      <c r="B4599" s="43"/>
      <c r="C4599" s="73"/>
      <c r="D4599" s="64"/>
      <c r="E4599" s="64"/>
      <c r="F4599" s="55"/>
      <c r="G4599" s="102"/>
      <c r="H4599" s="97"/>
      <c r="T4599" s="98"/>
      <c r="U4599" s="97"/>
      <c r="AG4599" s="98"/>
      <c r="AY4599" s="164"/>
      <c r="BK4599" s="98"/>
      <c r="BL4599" s="97"/>
      <c r="BX4599" s="98"/>
      <c r="CL4599" s="97"/>
      <c r="CX4599" s="98"/>
      <c r="DL4599" s="97"/>
      <c r="DX4599" s="98"/>
      <c r="EL4599" s="97"/>
      <c r="EX4599" s="98"/>
      <c r="EY4599" s="97"/>
      <c r="FL4599" s="126"/>
      <c r="FM4599" s="91"/>
      <c r="FN4599" s="91"/>
      <c r="FO4599" s="91"/>
      <c r="FP4599" s="91"/>
      <c r="FQ4599" s="91"/>
      <c r="FR4599" s="91"/>
      <c r="FS4599" s="91"/>
      <c r="FT4599" s="91"/>
      <c r="FU4599" s="91"/>
      <c r="FV4599" s="91"/>
      <c r="FW4599" s="91"/>
      <c r="FX4599" s="127"/>
      <c r="FY4599" s="126"/>
      <c r="FZ4599" s="91"/>
      <c r="GA4599" s="91"/>
      <c r="GB4599" s="91"/>
      <c r="GC4599" s="91"/>
      <c r="GD4599" s="91"/>
      <c r="GE4599" s="91"/>
      <c r="GF4599" s="91"/>
      <c r="GG4599" s="91"/>
      <c r="GH4599" s="91"/>
      <c r="GI4599" s="91"/>
      <c r="GJ4599" s="91"/>
      <c r="GK4599" s="127"/>
      <c r="GL4599" s="126"/>
      <c r="GM4599" s="91"/>
      <c r="GN4599" s="91"/>
      <c r="GO4599" s="91"/>
      <c r="GP4599" s="91"/>
      <c r="GQ4599" s="91"/>
      <c r="GR4599" s="91"/>
      <c r="GS4599" s="91"/>
      <c r="GT4599" s="91"/>
      <c r="GU4599" s="91"/>
      <c r="GV4599" s="91"/>
      <c r="GW4599" s="91"/>
      <c r="GX4599" s="127"/>
      <c r="GY4599" s="126"/>
      <c r="GZ4599" s="91"/>
      <c r="HA4599" s="91"/>
      <c r="HB4599" s="91"/>
      <c r="HC4599" s="91"/>
      <c r="HD4599" s="91"/>
      <c r="HE4599" s="91"/>
      <c r="HF4599" s="91"/>
      <c r="HG4599" s="91"/>
      <c r="HH4599" s="91"/>
      <c r="HI4599" s="91"/>
      <c r="HJ4599" s="91"/>
      <c r="HK4599" s="127"/>
      <c r="HL4599" s="126"/>
      <c r="HM4599" s="91"/>
      <c r="HN4599" s="91"/>
      <c r="HO4599" s="91"/>
      <c r="HP4599" s="91"/>
      <c r="HQ4599" s="91"/>
      <c r="HR4599" s="91"/>
      <c r="HS4599" s="91"/>
      <c r="HT4599" s="91"/>
      <c r="HU4599" s="91"/>
      <c r="HV4599" s="91"/>
      <c r="HW4599" s="91"/>
      <c r="HX4599" s="127"/>
      <c r="HY4599" s="126"/>
      <c r="HZ4599" s="91"/>
      <c r="IA4599" s="91"/>
      <c r="IB4599" s="91"/>
      <c r="IC4599" s="91"/>
      <c r="ID4599" s="91"/>
      <c r="IE4599" s="91"/>
      <c r="IF4599" s="91"/>
      <c r="IG4599" s="91"/>
      <c r="IH4599" s="91"/>
      <c r="II4599" s="91"/>
      <c r="IJ4599" s="91"/>
      <c r="IK4599" s="174"/>
    </row>
    <row r="4600" spans="2:245" x14ac:dyDescent="0.2">
      <c r="B4600" s="43"/>
      <c r="C4600" s="73"/>
      <c r="D4600" s="64"/>
      <c r="E4600" s="64"/>
      <c r="F4600" s="55"/>
      <c r="G4600" s="102"/>
      <c r="H4600" s="97"/>
      <c r="T4600" s="98"/>
      <c r="U4600" s="97"/>
      <c r="AG4600" s="98"/>
      <c r="AY4600" s="164"/>
      <c r="BK4600" s="98"/>
      <c r="BL4600" s="97"/>
      <c r="BX4600" s="98"/>
      <c r="CL4600" s="97"/>
      <c r="CX4600" s="98"/>
      <c r="DL4600" s="97"/>
      <c r="DX4600" s="98"/>
      <c r="EL4600" s="97"/>
      <c r="EX4600" s="98"/>
      <c r="EY4600" s="97"/>
      <c r="FL4600" s="126"/>
      <c r="FM4600" s="91"/>
      <c r="FN4600" s="91"/>
      <c r="FO4600" s="91"/>
      <c r="FP4600" s="91"/>
      <c r="FQ4600" s="91"/>
      <c r="FR4600" s="91"/>
      <c r="FS4600" s="91"/>
      <c r="FT4600" s="91"/>
      <c r="FU4600" s="91"/>
      <c r="FV4600" s="91"/>
      <c r="FW4600" s="91"/>
      <c r="FX4600" s="127"/>
      <c r="FY4600" s="126"/>
      <c r="FZ4600" s="91"/>
      <c r="GA4600" s="91"/>
      <c r="GB4600" s="91"/>
      <c r="GC4600" s="91"/>
      <c r="GD4600" s="91"/>
      <c r="GE4600" s="91"/>
      <c r="GF4600" s="91"/>
      <c r="GG4600" s="91"/>
      <c r="GH4600" s="91"/>
      <c r="GI4600" s="91"/>
      <c r="GJ4600" s="91"/>
      <c r="GK4600" s="127"/>
      <c r="GL4600" s="126"/>
      <c r="GM4600" s="91"/>
      <c r="GN4600" s="91"/>
      <c r="GO4600" s="91"/>
      <c r="GP4600" s="91"/>
      <c r="GQ4600" s="91"/>
      <c r="GR4600" s="91"/>
      <c r="GS4600" s="91"/>
      <c r="GT4600" s="91"/>
      <c r="GU4600" s="91"/>
      <c r="GV4600" s="91"/>
      <c r="GW4600" s="91"/>
      <c r="GX4600" s="127"/>
      <c r="GY4600" s="126"/>
      <c r="GZ4600" s="91"/>
      <c r="HA4600" s="91"/>
      <c r="HB4600" s="91"/>
      <c r="HC4600" s="91"/>
      <c r="HD4600" s="91"/>
      <c r="HE4600" s="91"/>
      <c r="HF4600" s="91"/>
      <c r="HG4600" s="91"/>
      <c r="HH4600" s="91"/>
      <c r="HI4600" s="91"/>
      <c r="HJ4600" s="91"/>
      <c r="HK4600" s="127"/>
      <c r="HL4600" s="126"/>
      <c r="HM4600" s="91"/>
      <c r="HN4600" s="91"/>
      <c r="HO4600" s="91"/>
      <c r="HP4600" s="91"/>
      <c r="HQ4600" s="91"/>
      <c r="HR4600" s="91"/>
      <c r="HS4600" s="91"/>
      <c r="HT4600" s="91"/>
      <c r="HU4600" s="91"/>
      <c r="HV4600" s="91"/>
      <c r="HW4600" s="91"/>
      <c r="HX4600" s="127"/>
      <c r="HY4600" s="126"/>
      <c r="HZ4600" s="91"/>
      <c r="IA4600" s="91"/>
      <c r="IB4600" s="91"/>
      <c r="IC4600" s="91"/>
      <c r="ID4600" s="91"/>
      <c r="IE4600" s="91"/>
      <c r="IF4600" s="91"/>
      <c r="IG4600" s="91"/>
      <c r="IH4600" s="91"/>
      <c r="II4600" s="91"/>
      <c r="IJ4600" s="91"/>
      <c r="IK4600" s="174"/>
    </row>
    <row r="4601" spans="2:245" x14ac:dyDescent="0.2">
      <c r="B4601" s="43"/>
      <c r="C4601" s="73"/>
      <c r="D4601" s="64"/>
      <c r="E4601" s="64"/>
      <c r="F4601" s="55"/>
      <c r="G4601" s="102"/>
      <c r="H4601" s="97"/>
      <c r="T4601" s="98"/>
      <c r="U4601" s="97"/>
      <c r="AG4601" s="98"/>
      <c r="AY4601" s="164"/>
      <c r="BK4601" s="98"/>
      <c r="BL4601" s="97"/>
      <c r="BX4601" s="98"/>
      <c r="CL4601" s="97"/>
      <c r="CX4601" s="98"/>
      <c r="DL4601" s="97"/>
      <c r="DX4601" s="98"/>
      <c r="EL4601" s="97"/>
      <c r="EX4601" s="98"/>
      <c r="EY4601" s="97"/>
      <c r="FL4601" s="126"/>
      <c r="FM4601" s="91"/>
      <c r="FN4601" s="91"/>
      <c r="FO4601" s="91"/>
      <c r="FP4601" s="91"/>
      <c r="FQ4601" s="91"/>
      <c r="FR4601" s="91"/>
      <c r="FS4601" s="91"/>
      <c r="FT4601" s="91"/>
      <c r="FU4601" s="91"/>
      <c r="FV4601" s="91"/>
      <c r="FW4601" s="91"/>
      <c r="FX4601" s="127"/>
      <c r="FY4601" s="126"/>
      <c r="FZ4601" s="91"/>
      <c r="GA4601" s="91"/>
      <c r="GB4601" s="91"/>
      <c r="GC4601" s="91"/>
      <c r="GD4601" s="91"/>
      <c r="GE4601" s="91"/>
      <c r="GF4601" s="91"/>
      <c r="GG4601" s="91"/>
      <c r="GH4601" s="91"/>
      <c r="GI4601" s="91"/>
      <c r="GJ4601" s="91"/>
      <c r="GK4601" s="127"/>
      <c r="GL4601" s="126"/>
      <c r="GM4601" s="91"/>
      <c r="GN4601" s="91"/>
      <c r="GO4601" s="91"/>
      <c r="GP4601" s="91"/>
      <c r="GQ4601" s="91"/>
      <c r="GR4601" s="91"/>
      <c r="GS4601" s="91"/>
      <c r="GT4601" s="91"/>
      <c r="GU4601" s="91"/>
      <c r="GV4601" s="91"/>
      <c r="GW4601" s="91"/>
      <c r="GX4601" s="127"/>
      <c r="GY4601" s="126"/>
      <c r="GZ4601" s="91"/>
      <c r="HA4601" s="91"/>
      <c r="HB4601" s="91"/>
      <c r="HC4601" s="91"/>
      <c r="HD4601" s="91"/>
      <c r="HE4601" s="91"/>
      <c r="HF4601" s="91"/>
      <c r="HG4601" s="91"/>
      <c r="HH4601" s="91"/>
      <c r="HI4601" s="91"/>
      <c r="HJ4601" s="91"/>
      <c r="HK4601" s="127"/>
      <c r="HL4601" s="126"/>
      <c r="HM4601" s="91"/>
      <c r="HN4601" s="91"/>
      <c r="HO4601" s="91"/>
      <c r="HP4601" s="91"/>
      <c r="HQ4601" s="91"/>
      <c r="HR4601" s="91"/>
      <c r="HS4601" s="91"/>
      <c r="HT4601" s="91"/>
      <c r="HU4601" s="91"/>
      <c r="HV4601" s="91"/>
      <c r="HW4601" s="91"/>
      <c r="HX4601" s="127"/>
      <c r="HY4601" s="126"/>
      <c r="HZ4601" s="91"/>
      <c r="IA4601" s="91"/>
      <c r="IB4601" s="91"/>
      <c r="IC4601" s="91"/>
      <c r="ID4601" s="91"/>
      <c r="IE4601" s="91"/>
      <c r="IF4601" s="91"/>
      <c r="IG4601" s="91"/>
      <c r="IH4601" s="91"/>
      <c r="II4601" s="91"/>
      <c r="IJ4601" s="91"/>
      <c r="IK4601" s="174"/>
    </row>
    <row r="4602" spans="2:245" x14ac:dyDescent="0.2">
      <c r="B4602" s="43"/>
      <c r="C4602" s="73"/>
      <c r="D4602" s="64"/>
      <c r="E4602" s="64"/>
      <c r="F4602" s="55"/>
      <c r="G4602" s="102"/>
      <c r="H4602" s="97"/>
      <c r="T4602" s="98"/>
      <c r="U4602" s="97"/>
      <c r="AG4602" s="98"/>
      <c r="AY4602" s="164"/>
      <c r="BK4602" s="98"/>
      <c r="BL4602" s="97"/>
      <c r="BX4602" s="98"/>
      <c r="CL4602" s="97"/>
      <c r="CX4602" s="98"/>
      <c r="DL4602" s="97"/>
      <c r="DX4602" s="98"/>
      <c r="EL4602" s="97"/>
      <c r="EX4602" s="98"/>
      <c r="EY4602" s="97"/>
      <c r="FL4602" s="126"/>
      <c r="FM4602" s="91"/>
      <c r="FN4602" s="91"/>
      <c r="FO4602" s="91"/>
      <c r="FP4602" s="91"/>
      <c r="FQ4602" s="91"/>
      <c r="FR4602" s="91"/>
      <c r="FS4602" s="91"/>
      <c r="FT4602" s="91"/>
      <c r="FU4602" s="91"/>
      <c r="FV4602" s="91"/>
      <c r="FW4602" s="91"/>
      <c r="FX4602" s="127"/>
      <c r="FY4602" s="126"/>
      <c r="FZ4602" s="91"/>
      <c r="GA4602" s="91"/>
      <c r="GB4602" s="91"/>
      <c r="GC4602" s="91"/>
      <c r="GD4602" s="91"/>
      <c r="GE4602" s="91"/>
      <c r="GF4602" s="91"/>
      <c r="GG4602" s="91"/>
      <c r="GH4602" s="91"/>
      <c r="GI4602" s="91"/>
      <c r="GJ4602" s="91"/>
      <c r="GK4602" s="127"/>
      <c r="GL4602" s="126"/>
      <c r="GM4602" s="91"/>
      <c r="GN4602" s="91"/>
      <c r="GO4602" s="91"/>
      <c r="GP4602" s="91"/>
      <c r="GQ4602" s="91"/>
      <c r="GR4602" s="91"/>
      <c r="GS4602" s="91"/>
      <c r="GT4602" s="91"/>
      <c r="GU4602" s="91"/>
      <c r="GV4602" s="91"/>
      <c r="GW4602" s="91"/>
      <c r="GX4602" s="127"/>
      <c r="GY4602" s="126"/>
      <c r="GZ4602" s="91"/>
      <c r="HA4602" s="91"/>
      <c r="HB4602" s="91"/>
      <c r="HC4602" s="91"/>
      <c r="HD4602" s="91"/>
      <c r="HE4602" s="91"/>
      <c r="HF4602" s="91"/>
      <c r="HG4602" s="91"/>
      <c r="HH4602" s="91"/>
      <c r="HI4602" s="91"/>
      <c r="HJ4602" s="91"/>
      <c r="HK4602" s="127"/>
      <c r="HL4602" s="126"/>
      <c r="HM4602" s="91"/>
      <c r="HN4602" s="91"/>
      <c r="HO4602" s="91"/>
      <c r="HP4602" s="91"/>
      <c r="HQ4602" s="91"/>
      <c r="HR4602" s="91"/>
      <c r="HS4602" s="91"/>
      <c r="HT4602" s="91"/>
      <c r="HU4602" s="91"/>
      <c r="HV4602" s="91"/>
      <c r="HW4602" s="91"/>
      <c r="HX4602" s="127"/>
      <c r="HY4602" s="126"/>
      <c r="HZ4602" s="91"/>
      <c r="IA4602" s="91"/>
      <c r="IB4602" s="91"/>
      <c r="IC4602" s="91"/>
      <c r="ID4602" s="91"/>
      <c r="IE4602" s="91"/>
      <c r="IF4602" s="91"/>
      <c r="IG4602" s="91"/>
      <c r="IH4602" s="91"/>
      <c r="II4602" s="91"/>
      <c r="IJ4602" s="91"/>
      <c r="IK4602" s="174"/>
    </row>
    <row r="4603" spans="2:245" x14ac:dyDescent="0.2">
      <c r="B4603" s="43"/>
      <c r="C4603" s="73"/>
      <c r="D4603" s="64"/>
      <c r="E4603" s="64"/>
      <c r="F4603" s="55"/>
      <c r="G4603" s="102"/>
      <c r="H4603" s="97"/>
      <c r="T4603" s="98"/>
      <c r="U4603" s="97"/>
      <c r="AG4603" s="98"/>
      <c r="AY4603" s="164"/>
      <c r="BK4603" s="98"/>
      <c r="BL4603" s="97"/>
      <c r="BX4603" s="98"/>
      <c r="CL4603" s="97"/>
      <c r="CX4603" s="98"/>
      <c r="DL4603" s="97"/>
      <c r="DX4603" s="98"/>
      <c r="EL4603" s="97"/>
      <c r="EX4603" s="98"/>
      <c r="EY4603" s="97"/>
      <c r="FL4603" s="126"/>
      <c r="FM4603" s="91"/>
      <c r="FN4603" s="91"/>
      <c r="FO4603" s="91"/>
      <c r="FP4603" s="91"/>
      <c r="FQ4603" s="91"/>
      <c r="FR4603" s="91"/>
      <c r="FS4603" s="91"/>
      <c r="FT4603" s="91"/>
      <c r="FU4603" s="91"/>
      <c r="FV4603" s="91"/>
      <c r="FW4603" s="91"/>
      <c r="FX4603" s="127"/>
      <c r="FY4603" s="126"/>
      <c r="FZ4603" s="91"/>
      <c r="GA4603" s="91"/>
      <c r="GB4603" s="91"/>
      <c r="GC4603" s="91"/>
      <c r="GD4603" s="91"/>
      <c r="GE4603" s="91"/>
      <c r="GF4603" s="91"/>
      <c r="GG4603" s="91"/>
      <c r="GH4603" s="91"/>
      <c r="GI4603" s="91"/>
      <c r="GJ4603" s="91"/>
      <c r="GK4603" s="127"/>
      <c r="GL4603" s="126"/>
      <c r="GM4603" s="91"/>
      <c r="GN4603" s="91"/>
      <c r="GO4603" s="91"/>
      <c r="GP4603" s="91"/>
      <c r="GQ4603" s="91"/>
      <c r="GR4603" s="91"/>
      <c r="GS4603" s="91"/>
      <c r="GT4603" s="91"/>
      <c r="GU4603" s="91"/>
      <c r="GV4603" s="91"/>
      <c r="GW4603" s="91"/>
      <c r="GX4603" s="127"/>
      <c r="GY4603" s="126"/>
      <c r="GZ4603" s="91"/>
      <c r="HA4603" s="91"/>
      <c r="HB4603" s="91"/>
      <c r="HC4603" s="91"/>
      <c r="HD4603" s="91"/>
      <c r="HE4603" s="91"/>
      <c r="HF4603" s="91"/>
      <c r="HG4603" s="91"/>
      <c r="HH4603" s="91"/>
      <c r="HI4603" s="91"/>
      <c r="HJ4603" s="91"/>
      <c r="HK4603" s="127"/>
      <c r="HL4603" s="126"/>
      <c r="HM4603" s="91"/>
      <c r="HN4603" s="91"/>
      <c r="HO4603" s="91"/>
      <c r="HP4603" s="91"/>
      <c r="HQ4603" s="91"/>
      <c r="HR4603" s="91"/>
      <c r="HS4603" s="91"/>
      <c r="HT4603" s="91"/>
      <c r="HU4603" s="91"/>
      <c r="HV4603" s="91"/>
      <c r="HW4603" s="91"/>
      <c r="HX4603" s="127"/>
      <c r="HY4603" s="126"/>
      <c r="HZ4603" s="91"/>
      <c r="IA4603" s="91"/>
      <c r="IB4603" s="91"/>
      <c r="IC4603" s="91"/>
      <c r="ID4603" s="91"/>
      <c r="IE4603" s="91"/>
      <c r="IF4603" s="91"/>
      <c r="IG4603" s="91"/>
      <c r="IH4603" s="91"/>
      <c r="II4603" s="91"/>
      <c r="IJ4603" s="91"/>
      <c r="IK4603" s="174"/>
    </row>
    <row r="4604" spans="2:245" x14ac:dyDescent="0.2">
      <c r="B4604" s="43"/>
      <c r="C4604" s="73"/>
      <c r="D4604" s="64"/>
      <c r="E4604" s="64"/>
      <c r="F4604" s="55"/>
      <c r="G4604" s="102"/>
      <c r="H4604" s="97"/>
      <c r="T4604" s="98"/>
      <c r="U4604" s="97"/>
      <c r="AG4604" s="98"/>
      <c r="AY4604" s="164"/>
      <c r="BK4604" s="98"/>
      <c r="BL4604" s="97"/>
      <c r="BX4604" s="98"/>
      <c r="CL4604" s="97"/>
      <c r="CX4604" s="98"/>
      <c r="DL4604" s="97"/>
      <c r="DX4604" s="98"/>
      <c r="EL4604" s="97"/>
      <c r="EX4604" s="98"/>
      <c r="EY4604" s="97"/>
      <c r="FL4604" s="126"/>
      <c r="FM4604" s="91"/>
      <c r="FN4604" s="91"/>
      <c r="FO4604" s="91"/>
      <c r="FP4604" s="91"/>
      <c r="FQ4604" s="91"/>
      <c r="FR4604" s="91"/>
      <c r="FS4604" s="91"/>
      <c r="FT4604" s="91"/>
      <c r="FU4604" s="91"/>
      <c r="FV4604" s="91"/>
      <c r="FW4604" s="91"/>
      <c r="FX4604" s="127"/>
      <c r="FY4604" s="126"/>
      <c r="FZ4604" s="91"/>
      <c r="GA4604" s="91"/>
      <c r="GB4604" s="91"/>
      <c r="GC4604" s="91"/>
      <c r="GD4604" s="91"/>
      <c r="GE4604" s="91"/>
      <c r="GF4604" s="91"/>
      <c r="GG4604" s="91"/>
      <c r="GH4604" s="91"/>
      <c r="GI4604" s="91"/>
      <c r="GJ4604" s="91"/>
      <c r="GK4604" s="127"/>
      <c r="GL4604" s="126"/>
      <c r="GM4604" s="91"/>
      <c r="GN4604" s="91"/>
      <c r="GO4604" s="91"/>
      <c r="GP4604" s="91"/>
      <c r="GQ4604" s="91"/>
      <c r="GR4604" s="91"/>
      <c r="GS4604" s="91"/>
      <c r="GT4604" s="91"/>
      <c r="GU4604" s="91"/>
      <c r="GV4604" s="91"/>
      <c r="GW4604" s="91"/>
      <c r="GX4604" s="127"/>
      <c r="GY4604" s="126"/>
      <c r="GZ4604" s="91"/>
      <c r="HA4604" s="91"/>
      <c r="HB4604" s="91"/>
      <c r="HC4604" s="91"/>
      <c r="HD4604" s="91"/>
      <c r="HE4604" s="91"/>
      <c r="HF4604" s="91"/>
      <c r="HG4604" s="91"/>
      <c r="HH4604" s="91"/>
      <c r="HI4604" s="91"/>
      <c r="HJ4604" s="91"/>
      <c r="HK4604" s="127"/>
      <c r="HL4604" s="126"/>
      <c r="HM4604" s="91"/>
      <c r="HN4604" s="91"/>
      <c r="HO4604" s="91"/>
      <c r="HP4604" s="91"/>
      <c r="HQ4604" s="91"/>
      <c r="HR4604" s="91"/>
      <c r="HS4604" s="91"/>
      <c r="HT4604" s="91"/>
      <c r="HU4604" s="91"/>
      <c r="HV4604" s="91"/>
      <c r="HW4604" s="91"/>
      <c r="HX4604" s="127"/>
      <c r="HY4604" s="126"/>
      <c r="HZ4604" s="91"/>
      <c r="IA4604" s="91"/>
      <c r="IB4604" s="91"/>
      <c r="IC4604" s="91"/>
      <c r="ID4604" s="91"/>
      <c r="IE4604" s="91"/>
      <c r="IF4604" s="91"/>
      <c r="IG4604" s="91"/>
      <c r="IH4604" s="91"/>
      <c r="II4604" s="91"/>
      <c r="IJ4604" s="91"/>
      <c r="IK4604" s="174"/>
    </row>
    <row r="4605" spans="2:245" x14ac:dyDescent="0.2">
      <c r="B4605" s="43"/>
      <c r="C4605" s="73"/>
      <c r="D4605" s="64"/>
      <c r="E4605" s="64"/>
      <c r="F4605" s="55"/>
      <c r="G4605" s="102"/>
      <c r="H4605" s="97"/>
      <c r="T4605" s="98"/>
      <c r="U4605" s="97"/>
      <c r="AG4605" s="98"/>
      <c r="AY4605" s="164"/>
      <c r="BK4605" s="98"/>
      <c r="BL4605" s="97"/>
      <c r="BX4605" s="98"/>
      <c r="CL4605" s="97"/>
      <c r="CX4605" s="98"/>
      <c r="DL4605" s="97"/>
      <c r="DX4605" s="98"/>
      <c r="EL4605" s="97"/>
      <c r="EX4605" s="98"/>
      <c r="EY4605" s="97"/>
      <c r="FL4605" s="126"/>
      <c r="FM4605" s="91"/>
      <c r="FN4605" s="91"/>
      <c r="FO4605" s="91"/>
      <c r="FP4605" s="91"/>
      <c r="FQ4605" s="91"/>
      <c r="FR4605" s="91"/>
      <c r="FS4605" s="91"/>
      <c r="FT4605" s="91"/>
      <c r="FU4605" s="91"/>
      <c r="FV4605" s="91"/>
      <c r="FW4605" s="91"/>
      <c r="FX4605" s="127"/>
      <c r="FY4605" s="126"/>
      <c r="FZ4605" s="91"/>
      <c r="GA4605" s="91"/>
      <c r="GB4605" s="91"/>
      <c r="GC4605" s="91"/>
      <c r="GD4605" s="91"/>
      <c r="GE4605" s="91"/>
      <c r="GF4605" s="91"/>
      <c r="GG4605" s="91"/>
      <c r="GH4605" s="91"/>
      <c r="GI4605" s="91"/>
      <c r="GJ4605" s="91"/>
      <c r="GK4605" s="127"/>
      <c r="GL4605" s="126"/>
      <c r="GM4605" s="91"/>
      <c r="GN4605" s="91"/>
      <c r="GO4605" s="91"/>
      <c r="GP4605" s="91"/>
      <c r="GQ4605" s="91"/>
      <c r="GR4605" s="91"/>
      <c r="GS4605" s="91"/>
      <c r="GT4605" s="91"/>
      <c r="GU4605" s="91"/>
      <c r="GV4605" s="91"/>
      <c r="GW4605" s="91"/>
      <c r="GX4605" s="127"/>
      <c r="GY4605" s="126"/>
      <c r="GZ4605" s="91"/>
      <c r="HA4605" s="91"/>
      <c r="HB4605" s="91"/>
      <c r="HC4605" s="91"/>
      <c r="HD4605" s="91"/>
      <c r="HE4605" s="91"/>
      <c r="HF4605" s="91"/>
      <c r="HG4605" s="91"/>
      <c r="HH4605" s="91"/>
      <c r="HI4605" s="91"/>
      <c r="HJ4605" s="91"/>
      <c r="HK4605" s="127"/>
      <c r="HL4605" s="126"/>
      <c r="HM4605" s="91"/>
      <c r="HN4605" s="91"/>
      <c r="HO4605" s="91"/>
      <c r="HP4605" s="91"/>
      <c r="HQ4605" s="91"/>
      <c r="HR4605" s="91"/>
      <c r="HS4605" s="91"/>
      <c r="HT4605" s="91"/>
      <c r="HU4605" s="91"/>
      <c r="HV4605" s="91"/>
      <c r="HW4605" s="91"/>
      <c r="HX4605" s="127"/>
      <c r="HY4605" s="126"/>
      <c r="HZ4605" s="91"/>
      <c r="IA4605" s="91"/>
      <c r="IB4605" s="91"/>
      <c r="IC4605" s="91"/>
      <c r="ID4605" s="91"/>
      <c r="IE4605" s="91"/>
      <c r="IF4605" s="91"/>
      <c r="IG4605" s="91"/>
      <c r="IH4605" s="91"/>
      <c r="II4605" s="91"/>
      <c r="IJ4605" s="91"/>
      <c r="IK4605" s="174"/>
    </row>
    <row r="4606" spans="2:245" x14ac:dyDescent="0.2">
      <c r="B4606" s="43"/>
      <c r="C4606" s="73"/>
      <c r="D4606" s="64"/>
      <c r="E4606" s="64"/>
      <c r="F4606" s="55"/>
      <c r="G4606" s="102"/>
      <c r="H4606" s="97"/>
      <c r="T4606" s="98"/>
      <c r="U4606" s="97"/>
      <c r="AG4606" s="98"/>
      <c r="AY4606" s="164"/>
      <c r="BK4606" s="98"/>
      <c r="BL4606" s="97"/>
      <c r="BX4606" s="98"/>
      <c r="CL4606" s="97"/>
      <c r="CX4606" s="98"/>
      <c r="DL4606" s="97"/>
      <c r="DX4606" s="98"/>
      <c r="EL4606" s="97"/>
      <c r="EX4606" s="98"/>
      <c r="EY4606" s="97"/>
      <c r="FL4606" s="126"/>
      <c r="FM4606" s="91"/>
      <c r="FN4606" s="91"/>
      <c r="FO4606" s="91"/>
      <c r="FP4606" s="91"/>
      <c r="FQ4606" s="91"/>
      <c r="FR4606" s="91"/>
      <c r="FS4606" s="91"/>
      <c r="FT4606" s="91"/>
      <c r="FU4606" s="91"/>
      <c r="FV4606" s="91"/>
      <c r="FW4606" s="91"/>
      <c r="FX4606" s="127"/>
      <c r="FY4606" s="126"/>
      <c r="FZ4606" s="91"/>
      <c r="GA4606" s="91"/>
      <c r="GB4606" s="91"/>
      <c r="GC4606" s="91"/>
      <c r="GD4606" s="91"/>
      <c r="GE4606" s="91"/>
      <c r="GF4606" s="91"/>
      <c r="GG4606" s="91"/>
      <c r="GH4606" s="91"/>
      <c r="GI4606" s="91"/>
      <c r="GJ4606" s="91"/>
      <c r="GK4606" s="127"/>
      <c r="GL4606" s="126"/>
      <c r="GM4606" s="91"/>
      <c r="GN4606" s="91"/>
      <c r="GO4606" s="91"/>
      <c r="GP4606" s="91"/>
      <c r="GQ4606" s="91"/>
      <c r="GR4606" s="91"/>
      <c r="GS4606" s="91"/>
      <c r="GT4606" s="91"/>
      <c r="GU4606" s="91"/>
      <c r="GV4606" s="91"/>
      <c r="GW4606" s="91"/>
      <c r="GX4606" s="127"/>
      <c r="GY4606" s="126"/>
      <c r="GZ4606" s="91"/>
      <c r="HA4606" s="91"/>
      <c r="HB4606" s="91"/>
      <c r="HC4606" s="91"/>
      <c r="HD4606" s="91"/>
      <c r="HE4606" s="91"/>
      <c r="HF4606" s="91"/>
      <c r="HG4606" s="91"/>
      <c r="HH4606" s="91"/>
      <c r="HI4606" s="91"/>
      <c r="HJ4606" s="91"/>
      <c r="HK4606" s="127"/>
      <c r="HL4606" s="126"/>
      <c r="HM4606" s="91"/>
      <c r="HN4606" s="91"/>
      <c r="HO4606" s="91"/>
      <c r="HP4606" s="91"/>
      <c r="HQ4606" s="91"/>
      <c r="HR4606" s="91"/>
      <c r="HS4606" s="91"/>
      <c r="HT4606" s="91"/>
      <c r="HU4606" s="91"/>
      <c r="HV4606" s="91"/>
      <c r="HW4606" s="91"/>
      <c r="HX4606" s="127"/>
      <c r="HY4606" s="126"/>
      <c r="HZ4606" s="91"/>
      <c r="IA4606" s="91"/>
      <c r="IB4606" s="91"/>
      <c r="IC4606" s="91"/>
      <c r="ID4606" s="91"/>
      <c r="IE4606" s="91"/>
      <c r="IF4606" s="91"/>
      <c r="IG4606" s="91"/>
      <c r="IH4606" s="91"/>
      <c r="II4606" s="91"/>
      <c r="IJ4606" s="91"/>
      <c r="IK4606" s="174"/>
    </row>
    <row r="4607" spans="2:245" x14ac:dyDescent="0.2">
      <c r="B4607" s="43"/>
      <c r="C4607" s="73"/>
      <c r="D4607" s="64"/>
      <c r="E4607" s="64"/>
      <c r="F4607" s="55"/>
      <c r="G4607" s="102"/>
      <c r="H4607" s="97"/>
      <c r="T4607" s="98"/>
      <c r="U4607" s="97"/>
      <c r="AG4607" s="98"/>
      <c r="AY4607" s="164"/>
      <c r="BK4607" s="98"/>
      <c r="BL4607" s="97"/>
      <c r="BX4607" s="98"/>
      <c r="CL4607" s="97"/>
      <c r="CX4607" s="98"/>
      <c r="DL4607" s="97"/>
      <c r="DX4607" s="98"/>
      <c r="EL4607" s="97"/>
      <c r="EX4607" s="98"/>
      <c r="EY4607" s="97"/>
      <c r="FL4607" s="126"/>
      <c r="FM4607" s="91"/>
      <c r="FN4607" s="91"/>
      <c r="FO4607" s="91"/>
      <c r="FP4607" s="91"/>
      <c r="FQ4607" s="91"/>
      <c r="FR4607" s="91"/>
      <c r="FS4607" s="91"/>
      <c r="FT4607" s="91"/>
      <c r="FU4607" s="91"/>
      <c r="FV4607" s="91"/>
      <c r="FW4607" s="91"/>
      <c r="FX4607" s="127"/>
      <c r="FY4607" s="126"/>
      <c r="FZ4607" s="91"/>
      <c r="GA4607" s="91"/>
      <c r="GB4607" s="91"/>
      <c r="GC4607" s="91"/>
      <c r="GD4607" s="91"/>
      <c r="GE4607" s="91"/>
      <c r="GF4607" s="91"/>
      <c r="GG4607" s="91"/>
      <c r="GH4607" s="91"/>
      <c r="GI4607" s="91"/>
      <c r="GJ4607" s="91"/>
      <c r="GK4607" s="127"/>
      <c r="GL4607" s="126"/>
      <c r="GM4607" s="91"/>
      <c r="GN4607" s="91"/>
      <c r="GO4607" s="91"/>
      <c r="GP4607" s="91"/>
      <c r="GQ4607" s="91"/>
      <c r="GR4607" s="91"/>
      <c r="GS4607" s="91"/>
      <c r="GT4607" s="91"/>
      <c r="GU4607" s="91"/>
      <c r="GV4607" s="91"/>
      <c r="GW4607" s="91"/>
      <c r="GX4607" s="127"/>
      <c r="GY4607" s="126"/>
      <c r="GZ4607" s="91"/>
      <c r="HA4607" s="91"/>
      <c r="HB4607" s="91"/>
      <c r="HC4607" s="91"/>
      <c r="HD4607" s="91"/>
      <c r="HE4607" s="91"/>
      <c r="HF4607" s="91"/>
      <c r="HG4607" s="91"/>
      <c r="HH4607" s="91"/>
      <c r="HI4607" s="91"/>
      <c r="HJ4607" s="91"/>
      <c r="HK4607" s="127"/>
      <c r="HL4607" s="126"/>
      <c r="HM4607" s="91"/>
      <c r="HN4607" s="91"/>
      <c r="HO4607" s="91"/>
      <c r="HP4607" s="91"/>
      <c r="HQ4607" s="91"/>
      <c r="HR4607" s="91"/>
      <c r="HS4607" s="91"/>
      <c r="HT4607" s="91"/>
      <c r="HU4607" s="91"/>
      <c r="HV4607" s="91"/>
      <c r="HW4607" s="91"/>
      <c r="HX4607" s="127"/>
      <c r="HY4607" s="126"/>
      <c r="HZ4607" s="91"/>
      <c r="IA4607" s="91"/>
      <c r="IB4607" s="91"/>
      <c r="IC4607" s="91"/>
      <c r="ID4607" s="91"/>
      <c r="IE4607" s="91"/>
      <c r="IF4607" s="91"/>
      <c r="IG4607" s="91"/>
      <c r="IH4607" s="91"/>
      <c r="II4607" s="91"/>
      <c r="IJ4607" s="91"/>
      <c r="IK4607" s="174"/>
    </row>
    <row r="4608" spans="2:245" x14ac:dyDescent="0.2">
      <c r="B4608" s="43"/>
      <c r="C4608" s="73"/>
      <c r="D4608" s="64"/>
      <c r="E4608" s="64"/>
      <c r="F4608" s="55"/>
      <c r="G4608" s="102"/>
      <c r="H4608" s="97"/>
      <c r="T4608" s="98"/>
      <c r="U4608" s="97"/>
      <c r="AG4608" s="98"/>
      <c r="AY4608" s="164"/>
      <c r="BK4608" s="98"/>
      <c r="BL4608" s="97"/>
      <c r="BX4608" s="98"/>
      <c r="CL4608" s="97"/>
      <c r="CX4608" s="98"/>
      <c r="DL4608" s="97"/>
      <c r="DX4608" s="98"/>
      <c r="EL4608" s="97"/>
      <c r="EX4608" s="98"/>
      <c r="EY4608" s="97"/>
      <c r="FL4608" s="126"/>
      <c r="FM4608" s="91"/>
      <c r="FN4608" s="91"/>
      <c r="FO4608" s="91"/>
      <c r="FP4608" s="91"/>
      <c r="FQ4608" s="91"/>
      <c r="FR4608" s="91"/>
      <c r="FS4608" s="91"/>
      <c r="FT4608" s="91"/>
      <c r="FU4608" s="91"/>
      <c r="FV4608" s="91"/>
      <c r="FW4608" s="91"/>
      <c r="FX4608" s="127"/>
      <c r="FY4608" s="126"/>
      <c r="FZ4608" s="91"/>
      <c r="GA4608" s="91"/>
      <c r="GB4608" s="91"/>
      <c r="GC4608" s="91"/>
      <c r="GD4608" s="91"/>
      <c r="GE4608" s="91"/>
      <c r="GF4608" s="91"/>
      <c r="GG4608" s="91"/>
      <c r="GH4608" s="91"/>
      <c r="GI4608" s="91"/>
      <c r="GJ4608" s="91"/>
      <c r="GK4608" s="127"/>
      <c r="GL4608" s="126"/>
      <c r="GM4608" s="91"/>
      <c r="GN4608" s="91"/>
      <c r="GO4608" s="91"/>
      <c r="GP4608" s="91"/>
      <c r="GQ4608" s="91"/>
      <c r="GR4608" s="91"/>
      <c r="GS4608" s="91"/>
      <c r="GT4608" s="91"/>
      <c r="GU4608" s="91"/>
      <c r="GV4608" s="91"/>
      <c r="GW4608" s="91"/>
      <c r="GX4608" s="127"/>
      <c r="GY4608" s="126"/>
      <c r="GZ4608" s="91"/>
      <c r="HA4608" s="91"/>
      <c r="HB4608" s="91"/>
      <c r="HC4608" s="91"/>
      <c r="HD4608" s="91"/>
      <c r="HE4608" s="91"/>
      <c r="HF4608" s="91"/>
      <c r="HG4608" s="91"/>
      <c r="HH4608" s="91"/>
      <c r="HI4608" s="91"/>
      <c r="HJ4608" s="91"/>
      <c r="HK4608" s="127"/>
      <c r="HL4608" s="126"/>
      <c r="HM4608" s="91"/>
      <c r="HN4608" s="91"/>
      <c r="HO4608" s="91"/>
      <c r="HP4608" s="91"/>
      <c r="HQ4608" s="91"/>
      <c r="HR4608" s="91"/>
      <c r="HS4608" s="91"/>
      <c r="HT4608" s="91"/>
      <c r="HU4608" s="91"/>
      <c r="HV4608" s="91"/>
      <c r="HW4608" s="91"/>
      <c r="HX4608" s="127"/>
      <c r="HY4608" s="126"/>
      <c r="HZ4608" s="91"/>
      <c r="IA4608" s="91"/>
      <c r="IB4608" s="91"/>
      <c r="IC4608" s="91"/>
      <c r="ID4608" s="91"/>
      <c r="IE4608" s="91"/>
      <c r="IF4608" s="91"/>
      <c r="IG4608" s="91"/>
      <c r="IH4608" s="91"/>
      <c r="II4608" s="91"/>
      <c r="IJ4608" s="91"/>
      <c r="IK4608" s="174"/>
    </row>
    <row r="4609" spans="2:245" x14ac:dyDescent="0.2">
      <c r="B4609" s="43"/>
      <c r="C4609" s="73"/>
      <c r="D4609" s="64"/>
      <c r="E4609" s="64"/>
      <c r="F4609" s="55"/>
      <c r="G4609" s="102"/>
      <c r="H4609" s="97"/>
      <c r="T4609" s="98"/>
      <c r="U4609" s="97"/>
      <c r="AG4609" s="98"/>
      <c r="AY4609" s="164"/>
      <c r="BK4609" s="98"/>
      <c r="BL4609" s="97"/>
      <c r="BX4609" s="98"/>
      <c r="CL4609" s="97"/>
      <c r="CX4609" s="98"/>
      <c r="DL4609" s="97"/>
      <c r="DX4609" s="98"/>
      <c r="EL4609" s="97"/>
      <c r="EX4609" s="98"/>
      <c r="EY4609" s="97"/>
      <c r="FL4609" s="126"/>
      <c r="FM4609" s="91"/>
      <c r="FN4609" s="91"/>
      <c r="FO4609" s="91"/>
      <c r="FP4609" s="91"/>
      <c r="FQ4609" s="91"/>
      <c r="FR4609" s="91"/>
      <c r="FS4609" s="91"/>
      <c r="FT4609" s="91"/>
      <c r="FU4609" s="91"/>
      <c r="FV4609" s="91"/>
      <c r="FW4609" s="91"/>
      <c r="FX4609" s="127"/>
      <c r="FY4609" s="126"/>
      <c r="FZ4609" s="91"/>
      <c r="GA4609" s="91"/>
      <c r="GB4609" s="91"/>
      <c r="GC4609" s="91"/>
      <c r="GD4609" s="91"/>
      <c r="GE4609" s="91"/>
      <c r="GF4609" s="91"/>
      <c r="GG4609" s="91"/>
      <c r="GH4609" s="91"/>
      <c r="GI4609" s="91"/>
      <c r="GJ4609" s="91"/>
      <c r="GK4609" s="127"/>
      <c r="GL4609" s="126"/>
      <c r="GM4609" s="91"/>
      <c r="GN4609" s="91"/>
      <c r="GO4609" s="91"/>
      <c r="GP4609" s="91"/>
      <c r="GQ4609" s="91"/>
      <c r="GR4609" s="91"/>
      <c r="GS4609" s="91"/>
      <c r="GT4609" s="91"/>
      <c r="GU4609" s="91"/>
      <c r="GV4609" s="91"/>
      <c r="GW4609" s="91"/>
      <c r="GX4609" s="127"/>
      <c r="GY4609" s="126"/>
      <c r="GZ4609" s="91"/>
      <c r="HA4609" s="91"/>
      <c r="HB4609" s="91"/>
      <c r="HC4609" s="91"/>
      <c r="HD4609" s="91"/>
      <c r="HE4609" s="91"/>
      <c r="HF4609" s="91"/>
      <c r="HG4609" s="91"/>
      <c r="HH4609" s="91"/>
      <c r="HI4609" s="91"/>
      <c r="HJ4609" s="91"/>
      <c r="HK4609" s="127"/>
      <c r="HL4609" s="126"/>
      <c r="HM4609" s="91"/>
      <c r="HN4609" s="91"/>
      <c r="HO4609" s="91"/>
      <c r="HP4609" s="91"/>
      <c r="HQ4609" s="91"/>
      <c r="HR4609" s="91"/>
      <c r="HS4609" s="91"/>
      <c r="HT4609" s="91"/>
      <c r="HU4609" s="91"/>
      <c r="HV4609" s="91"/>
      <c r="HW4609" s="91"/>
      <c r="HX4609" s="127"/>
      <c r="HY4609" s="126"/>
      <c r="HZ4609" s="91"/>
      <c r="IA4609" s="91"/>
      <c r="IB4609" s="91"/>
      <c r="IC4609" s="91"/>
      <c r="ID4609" s="91"/>
      <c r="IE4609" s="91"/>
      <c r="IF4609" s="91"/>
      <c r="IG4609" s="91"/>
      <c r="IH4609" s="91"/>
      <c r="II4609" s="91"/>
      <c r="IJ4609" s="91"/>
      <c r="IK4609" s="174"/>
    </row>
    <row r="4610" spans="2:245" x14ac:dyDescent="0.2">
      <c r="B4610" s="43"/>
      <c r="C4610" s="73"/>
      <c r="D4610" s="64"/>
      <c r="E4610" s="64"/>
      <c r="F4610" s="55"/>
      <c r="G4610" s="102"/>
      <c r="H4610" s="97"/>
      <c r="T4610" s="98"/>
      <c r="U4610" s="97"/>
      <c r="AG4610" s="98"/>
      <c r="AY4610" s="164"/>
      <c r="BK4610" s="98"/>
      <c r="BL4610" s="97"/>
      <c r="BX4610" s="98"/>
      <c r="CL4610" s="97"/>
      <c r="CX4610" s="98"/>
      <c r="DL4610" s="97"/>
      <c r="DX4610" s="98"/>
      <c r="EL4610" s="97"/>
      <c r="EX4610" s="98"/>
      <c r="EY4610" s="97"/>
      <c r="FL4610" s="126"/>
      <c r="FM4610" s="91"/>
      <c r="FN4610" s="91"/>
      <c r="FO4610" s="91"/>
      <c r="FP4610" s="91"/>
      <c r="FQ4610" s="91"/>
      <c r="FR4610" s="91"/>
      <c r="FS4610" s="91"/>
      <c r="FT4610" s="91"/>
      <c r="FU4610" s="91"/>
      <c r="FV4610" s="91"/>
      <c r="FW4610" s="91"/>
      <c r="FX4610" s="127"/>
      <c r="FY4610" s="126"/>
      <c r="FZ4610" s="91"/>
      <c r="GA4610" s="91"/>
      <c r="GB4610" s="91"/>
      <c r="GC4610" s="91"/>
      <c r="GD4610" s="91"/>
      <c r="GE4610" s="91"/>
      <c r="GF4610" s="91"/>
      <c r="GG4610" s="91"/>
      <c r="GH4610" s="91"/>
      <c r="GI4610" s="91"/>
      <c r="GJ4610" s="91"/>
      <c r="GK4610" s="127"/>
      <c r="GL4610" s="126"/>
      <c r="GM4610" s="91"/>
      <c r="GN4610" s="91"/>
      <c r="GO4610" s="91"/>
      <c r="GP4610" s="91"/>
      <c r="GQ4610" s="91"/>
      <c r="GR4610" s="91"/>
      <c r="GS4610" s="91"/>
      <c r="GT4610" s="91"/>
      <c r="GU4610" s="91"/>
      <c r="GV4610" s="91"/>
      <c r="GW4610" s="91"/>
      <c r="GX4610" s="127"/>
      <c r="GY4610" s="126"/>
      <c r="GZ4610" s="91"/>
      <c r="HA4610" s="91"/>
      <c r="HB4610" s="91"/>
      <c r="HC4610" s="91"/>
      <c r="HD4610" s="91"/>
      <c r="HE4610" s="91"/>
      <c r="HF4610" s="91"/>
      <c r="HG4610" s="91"/>
      <c r="HH4610" s="91"/>
      <c r="HI4610" s="91"/>
      <c r="HJ4610" s="91"/>
      <c r="HK4610" s="127"/>
      <c r="HL4610" s="126"/>
      <c r="HM4610" s="91"/>
      <c r="HN4610" s="91"/>
      <c r="HO4610" s="91"/>
      <c r="HP4610" s="91"/>
      <c r="HQ4610" s="91"/>
      <c r="HR4610" s="91"/>
      <c r="HS4610" s="91"/>
      <c r="HT4610" s="91"/>
      <c r="HU4610" s="91"/>
      <c r="HV4610" s="91"/>
      <c r="HW4610" s="91"/>
      <c r="HX4610" s="127"/>
      <c r="HY4610" s="126"/>
      <c r="HZ4610" s="91"/>
      <c r="IA4610" s="91"/>
      <c r="IB4610" s="91"/>
      <c r="IC4610" s="91"/>
      <c r="ID4610" s="91"/>
      <c r="IE4610" s="91"/>
      <c r="IF4610" s="91"/>
      <c r="IG4610" s="91"/>
      <c r="IH4610" s="91"/>
      <c r="II4610" s="91"/>
      <c r="IJ4610" s="91"/>
      <c r="IK4610" s="174"/>
    </row>
    <row r="4611" spans="2:245" x14ac:dyDescent="0.2">
      <c r="B4611" s="43"/>
      <c r="C4611" s="73"/>
      <c r="D4611" s="64"/>
      <c r="E4611" s="64"/>
      <c r="F4611" s="55"/>
      <c r="G4611" s="102"/>
      <c r="H4611" s="97"/>
      <c r="T4611" s="98"/>
      <c r="U4611" s="97"/>
      <c r="AG4611" s="98"/>
      <c r="AY4611" s="164"/>
      <c r="BK4611" s="98"/>
      <c r="BL4611" s="97"/>
      <c r="BX4611" s="98"/>
      <c r="CL4611" s="97"/>
      <c r="CX4611" s="98"/>
      <c r="DL4611" s="97"/>
      <c r="DX4611" s="98"/>
      <c r="EL4611" s="97"/>
      <c r="EX4611" s="98"/>
      <c r="EY4611" s="97"/>
      <c r="FL4611" s="126"/>
      <c r="FM4611" s="91"/>
      <c r="FN4611" s="91"/>
      <c r="FO4611" s="91"/>
      <c r="FP4611" s="91"/>
      <c r="FQ4611" s="91"/>
      <c r="FR4611" s="91"/>
      <c r="FS4611" s="91"/>
      <c r="FT4611" s="91"/>
      <c r="FU4611" s="91"/>
      <c r="FV4611" s="91"/>
      <c r="FW4611" s="91"/>
      <c r="FX4611" s="127"/>
      <c r="FY4611" s="126"/>
      <c r="FZ4611" s="91"/>
      <c r="GA4611" s="91"/>
      <c r="GB4611" s="91"/>
      <c r="GC4611" s="91"/>
      <c r="GD4611" s="91"/>
      <c r="GE4611" s="91"/>
      <c r="GF4611" s="91"/>
      <c r="GG4611" s="91"/>
      <c r="GH4611" s="91"/>
      <c r="GI4611" s="91"/>
      <c r="GJ4611" s="91"/>
      <c r="GK4611" s="127"/>
      <c r="GL4611" s="126"/>
      <c r="GM4611" s="91"/>
      <c r="GN4611" s="91"/>
      <c r="GO4611" s="91"/>
      <c r="GP4611" s="91"/>
      <c r="GQ4611" s="91"/>
      <c r="GR4611" s="91"/>
      <c r="GS4611" s="91"/>
      <c r="GT4611" s="91"/>
      <c r="GU4611" s="91"/>
      <c r="GV4611" s="91"/>
      <c r="GW4611" s="91"/>
      <c r="GX4611" s="127"/>
      <c r="GY4611" s="126"/>
      <c r="GZ4611" s="91"/>
      <c r="HA4611" s="91"/>
      <c r="HB4611" s="91"/>
      <c r="HC4611" s="91"/>
      <c r="HD4611" s="91"/>
      <c r="HE4611" s="91"/>
      <c r="HF4611" s="91"/>
      <c r="HG4611" s="91"/>
      <c r="HH4611" s="91"/>
      <c r="HI4611" s="91"/>
      <c r="HJ4611" s="91"/>
      <c r="HK4611" s="127"/>
      <c r="HL4611" s="126"/>
      <c r="HM4611" s="91"/>
      <c r="HN4611" s="91"/>
      <c r="HO4611" s="91"/>
      <c r="HP4611" s="91"/>
      <c r="HQ4611" s="91"/>
      <c r="HR4611" s="91"/>
      <c r="HS4611" s="91"/>
      <c r="HT4611" s="91"/>
      <c r="HU4611" s="91"/>
      <c r="HV4611" s="91"/>
      <c r="HW4611" s="91"/>
      <c r="HX4611" s="127"/>
      <c r="HY4611" s="126"/>
      <c r="HZ4611" s="91"/>
      <c r="IA4611" s="91"/>
      <c r="IB4611" s="91"/>
      <c r="IC4611" s="91"/>
      <c r="ID4611" s="91"/>
      <c r="IE4611" s="91"/>
      <c r="IF4611" s="91"/>
      <c r="IG4611" s="91"/>
      <c r="IH4611" s="91"/>
      <c r="II4611" s="91"/>
      <c r="IJ4611" s="91"/>
      <c r="IK4611" s="174"/>
    </row>
    <row r="4612" spans="2:245" x14ac:dyDescent="0.2">
      <c r="B4612" s="43"/>
      <c r="C4612" s="73"/>
      <c r="D4612" s="64"/>
      <c r="E4612" s="64"/>
      <c r="F4612" s="55"/>
      <c r="G4612" s="102"/>
      <c r="H4612" s="97"/>
      <c r="T4612" s="98"/>
      <c r="U4612" s="97"/>
      <c r="AG4612" s="98"/>
      <c r="AY4612" s="164"/>
      <c r="BK4612" s="98"/>
      <c r="BL4612" s="97"/>
      <c r="BX4612" s="98"/>
      <c r="CL4612" s="97"/>
      <c r="CX4612" s="98"/>
      <c r="DL4612" s="97"/>
      <c r="DX4612" s="98"/>
      <c r="EL4612" s="97"/>
      <c r="EX4612" s="98"/>
      <c r="EY4612" s="97"/>
      <c r="FL4612" s="126"/>
      <c r="FM4612" s="91"/>
      <c r="FN4612" s="91"/>
      <c r="FO4612" s="91"/>
      <c r="FP4612" s="91"/>
      <c r="FQ4612" s="91"/>
      <c r="FR4612" s="91"/>
      <c r="FS4612" s="91"/>
      <c r="FT4612" s="91"/>
      <c r="FU4612" s="91"/>
      <c r="FV4612" s="91"/>
      <c r="FW4612" s="91"/>
      <c r="FX4612" s="127"/>
      <c r="FY4612" s="126"/>
      <c r="FZ4612" s="91"/>
      <c r="GA4612" s="91"/>
      <c r="GB4612" s="91"/>
      <c r="GC4612" s="91"/>
      <c r="GD4612" s="91"/>
      <c r="GE4612" s="91"/>
      <c r="GF4612" s="91"/>
      <c r="GG4612" s="91"/>
      <c r="GH4612" s="91"/>
      <c r="GI4612" s="91"/>
      <c r="GJ4612" s="91"/>
      <c r="GK4612" s="127"/>
      <c r="GL4612" s="126"/>
      <c r="GM4612" s="91"/>
      <c r="GN4612" s="91"/>
      <c r="GO4612" s="91"/>
      <c r="GP4612" s="91"/>
      <c r="GQ4612" s="91"/>
      <c r="GR4612" s="91"/>
      <c r="GS4612" s="91"/>
      <c r="GT4612" s="91"/>
      <c r="GU4612" s="91"/>
      <c r="GV4612" s="91"/>
      <c r="GW4612" s="91"/>
      <c r="GX4612" s="127"/>
      <c r="GY4612" s="126"/>
      <c r="GZ4612" s="91"/>
      <c r="HA4612" s="91"/>
      <c r="HB4612" s="91"/>
      <c r="HC4612" s="91"/>
      <c r="HD4612" s="91"/>
      <c r="HE4612" s="91"/>
      <c r="HF4612" s="91"/>
      <c r="HG4612" s="91"/>
      <c r="HH4612" s="91"/>
      <c r="HI4612" s="91"/>
      <c r="HJ4612" s="91"/>
      <c r="HK4612" s="127"/>
      <c r="HL4612" s="126"/>
      <c r="HM4612" s="91"/>
      <c r="HN4612" s="91"/>
      <c r="HO4612" s="91"/>
      <c r="HP4612" s="91"/>
      <c r="HQ4612" s="91"/>
      <c r="HR4612" s="91"/>
      <c r="HS4612" s="91"/>
      <c r="HT4612" s="91"/>
      <c r="HU4612" s="91"/>
      <c r="HV4612" s="91"/>
      <c r="HW4612" s="91"/>
      <c r="HX4612" s="127"/>
      <c r="HY4612" s="126"/>
      <c r="HZ4612" s="91"/>
      <c r="IA4612" s="91"/>
      <c r="IB4612" s="91"/>
      <c r="IC4612" s="91"/>
      <c r="ID4612" s="91"/>
      <c r="IE4612" s="91"/>
      <c r="IF4612" s="91"/>
      <c r="IG4612" s="91"/>
      <c r="IH4612" s="91"/>
      <c r="II4612" s="91"/>
      <c r="IJ4612" s="91"/>
      <c r="IK4612" s="174"/>
    </row>
    <row r="4613" spans="2:245" x14ac:dyDescent="0.2">
      <c r="B4613" s="43"/>
      <c r="C4613" s="73"/>
      <c r="D4613" s="64"/>
      <c r="E4613" s="64"/>
      <c r="F4613" s="55"/>
      <c r="G4613" s="102"/>
      <c r="H4613" s="97"/>
      <c r="T4613" s="98"/>
      <c r="U4613" s="97"/>
      <c r="AG4613" s="98"/>
      <c r="AY4613" s="164"/>
      <c r="BK4613" s="98"/>
      <c r="BL4613" s="97"/>
      <c r="BX4613" s="98"/>
      <c r="CL4613" s="97"/>
      <c r="CX4613" s="98"/>
      <c r="DL4613" s="97"/>
      <c r="DX4613" s="98"/>
      <c r="EL4613" s="97"/>
      <c r="EX4613" s="98"/>
      <c r="EY4613" s="97"/>
      <c r="FL4613" s="126"/>
      <c r="FM4613" s="91"/>
      <c r="FN4613" s="91"/>
      <c r="FO4613" s="91"/>
      <c r="FP4613" s="91"/>
      <c r="FQ4613" s="91"/>
      <c r="FR4613" s="91"/>
      <c r="FS4613" s="91"/>
      <c r="FT4613" s="91"/>
      <c r="FU4613" s="91"/>
      <c r="FV4613" s="91"/>
      <c r="FW4613" s="91"/>
      <c r="FX4613" s="127"/>
      <c r="FY4613" s="126"/>
      <c r="FZ4613" s="91"/>
      <c r="GA4613" s="91"/>
      <c r="GB4613" s="91"/>
      <c r="GC4613" s="91"/>
      <c r="GD4613" s="91"/>
      <c r="GE4613" s="91"/>
      <c r="GF4613" s="91"/>
      <c r="GG4613" s="91"/>
      <c r="GH4613" s="91"/>
      <c r="GI4613" s="91"/>
      <c r="GJ4613" s="91"/>
      <c r="GK4613" s="127"/>
      <c r="GL4613" s="126"/>
      <c r="GM4613" s="91"/>
      <c r="GN4613" s="91"/>
      <c r="GO4613" s="91"/>
      <c r="GP4613" s="91"/>
      <c r="GQ4613" s="91"/>
      <c r="GR4613" s="91"/>
      <c r="GS4613" s="91"/>
      <c r="GT4613" s="91"/>
      <c r="GU4613" s="91"/>
      <c r="GV4613" s="91"/>
      <c r="GW4613" s="91"/>
      <c r="GX4613" s="127"/>
      <c r="GY4613" s="126"/>
      <c r="GZ4613" s="91"/>
      <c r="HA4613" s="91"/>
      <c r="HB4613" s="91"/>
      <c r="HC4613" s="91"/>
      <c r="HD4613" s="91"/>
      <c r="HE4613" s="91"/>
      <c r="HF4613" s="91"/>
      <c r="HG4613" s="91"/>
      <c r="HH4613" s="91"/>
      <c r="HI4613" s="91"/>
      <c r="HJ4613" s="91"/>
      <c r="HK4613" s="127"/>
      <c r="HL4613" s="126"/>
      <c r="HM4613" s="91"/>
      <c r="HN4613" s="91"/>
      <c r="HO4613" s="91"/>
      <c r="HP4613" s="91"/>
      <c r="HQ4613" s="91"/>
      <c r="HR4613" s="91"/>
      <c r="HS4613" s="91"/>
      <c r="HT4613" s="91"/>
      <c r="HU4613" s="91"/>
      <c r="HV4613" s="91"/>
      <c r="HW4613" s="91"/>
      <c r="HX4613" s="127"/>
      <c r="HY4613" s="126"/>
      <c r="HZ4613" s="91"/>
      <c r="IA4613" s="91"/>
      <c r="IB4613" s="91"/>
      <c r="IC4613" s="91"/>
      <c r="ID4613" s="91"/>
      <c r="IE4613" s="91"/>
      <c r="IF4613" s="91"/>
      <c r="IG4613" s="91"/>
      <c r="IH4613" s="91"/>
      <c r="II4613" s="91"/>
      <c r="IJ4613" s="91"/>
      <c r="IK4613" s="174"/>
    </row>
    <row r="4614" spans="2:245" x14ac:dyDescent="0.2">
      <c r="B4614" s="43"/>
      <c r="C4614" s="73"/>
      <c r="D4614" s="64"/>
      <c r="E4614" s="64"/>
      <c r="F4614" s="55"/>
      <c r="G4614" s="102"/>
      <c r="H4614" s="97"/>
      <c r="T4614" s="98"/>
      <c r="U4614" s="97"/>
      <c r="AG4614" s="98"/>
      <c r="AY4614" s="164"/>
      <c r="BK4614" s="98"/>
      <c r="BL4614" s="97"/>
      <c r="BX4614" s="98"/>
      <c r="CL4614" s="97"/>
      <c r="CX4614" s="98"/>
      <c r="DL4614" s="97"/>
      <c r="DX4614" s="98"/>
      <c r="EL4614" s="97"/>
      <c r="EX4614" s="98"/>
      <c r="EY4614" s="97"/>
      <c r="FL4614" s="126"/>
      <c r="FM4614" s="91"/>
      <c r="FN4614" s="91"/>
      <c r="FO4614" s="91"/>
      <c r="FP4614" s="91"/>
      <c r="FQ4614" s="91"/>
      <c r="FR4614" s="91"/>
      <c r="FS4614" s="91"/>
      <c r="FT4614" s="91"/>
      <c r="FU4614" s="91"/>
      <c r="FV4614" s="91"/>
      <c r="FW4614" s="91"/>
      <c r="FX4614" s="127"/>
      <c r="FY4614" s="126"/>
      <c r="FZ4614" s="91"/>
      <c r="GA4614" s="91"/>
      <c r="GB4614" s="91"/>
      <c r="GC4614" s="91"/>
      <c r="GD4614" s="91"/>
      <c r="GE4614" s="91"/>
      <c r="GF4614" s="91"/>
      <c r="GG4614" s="91"/>
      <c r="GH4614" s="91"/>
      <c r="GI4614" s="91"/>
      <c r="GJ4614" s="91"/>
      <c r="GK4614" s="127"/>
      <c r="GL4614" s="126"/>
      <c r="GM4614" s="91"/>
      <c r="GN4614" s="91"/>
      <c r="GO4614" s="91"/>
      <c r="GP4614" s="91"/>
      <c r="GQ4614" s="91"/>
      <c r="GR4614" s="91"/>
      <c r="GS4614" s="91"/>
      <c r="GT4614" s="91"/>
      <c r="GU4614" s="91"/>
      <c r="GV4614" s="91"/>
      <c r="GW4614" s="91"/>
      <c r="GX4614" s="127"/>
      <c r="GY4614" s="126"/>
      <c r="GZ4614" s="91"/>
      <c r="HA4614" s="91"/>
      <c r="HB4614" s="91"/>
      <c r="HC4614" s="91"/>
      <c r="HD4614" s="91"/>
      <c r="HE4614" s="91"/>
      <c r="HF4614" s="91"/>
      <c r="HG4614" s="91"/>
      <c r="HH4614" s="91"/>
      <c r="HI4614" s="91"/>
      <c r="HJ4614" s="91"/>
      <c r="HK4614" s="127"/>
      <c r="HL4614" s="126"/>
      <c r="HM4614" s="91"/>
      <c r="HN4614" s="91"/>
      <c r="HO4614" s="91"/>
      <c r="HP4614" s="91"/>
      <c r="HQ4614" s="91"/>
      <c r="HR4614" s="91"/>
      <c r="HS4614" s="91"/>
      <c r="HT4614" s="91"/>
      <c r="HU4614" s="91"/>
      <c r="HV4614" s="91"/>
      <c r="HW4614" s="91"/>
      <c r="HX4614" s="127"/>
      <c r="HY4614" s="126"/>
      <c r="HZ4614" s="91"/>
      <c r="IA4614" s="91"/>
      <c r="IB4614" s="91"/>
      <c r="IC4614" s="91"/>
      <c r="ID4614" s="91"/>
      <c r="IE4614" s="91"/>
      <c r="IF4614" s="91"/>
      <c r="IG4614" s="91"/>
      <c r="IH4614" s="91"/>
      <c r="II4614" s="91"/>
      <c r="IJ4614" s="91"/>
      <c r="IK4614" s="174"/>
    </row>
    <row r="4615" spans="2:245" x14ac:dyDescent="0.2">
      <c r="B4615" s="43"/>
      <c r="C4615" s="73"/>
      <c r="D4615" s="64"/>
      <c r="E4615" s="64"/>
      <c r="F4615" s="55"/>
      <c r="G4615" s="102"/>
      <c r="H4615" s="97"/>
      <c r="T4615" s="98"/>
      <c r="U4615" s="97"/>
      <c r="AG4615" s="98"/>
      <c r="AY4615" s="164"/>
      <c r="BK4615" s="98"/>
      <c r="BL4615" s="97"/>
      <c r="BX4615" s="98"/>
      <c r="CL4615" s="97"/>
      <c r="CX4615" s="98"/>
      <c r="DL4615" s="97"/>
      <c r="DX4615" s="98"/>
      <c r="EL4615" s="97"/>
      <c r="EX4615" s="98"/>
      <c r="EY4615" s="97"/>
      <c r="FL4615" s="126"/>
      <c r="FM4615" s="91"/>
      <c r="FN4615" s="91"/>
      <c r="FO4615" s="91"/>
      <c r="FP4615" s="91"/>
      <c r="FQ4615" s="91"/>
      <c r="FR4615" s="91"/>
      <c r="FS4615" s="91"/>
      <c r="FT4615" s="91"/>
      <c r="FU4615" s="91"/>
      <c r="FV4615" s="91"/>
      <c r="FW4615" s="91"/>
      <c r="FX4615" s="127"/>
      <c r="FY4615" s="126"/>
      <c r="FZ4615" s="91"/>
      <c r="GA4615" s="91"/>
      <c r="GB4615" s="91"/>
      <c r="GC4615" s="91"/>
      <c r="GD4615" s="91"/>
      <c r="GE4615" s="91"/>
      <c r="GF4615" s="91"/>
      <c r="GG4615" s="91"/>
      <c r="GH4615" s="91"/>
      <c r="GI4615" s="91"/>
      <c r="GJ4615" s="91"/>
      <c r="GK4615" s="127"/>
      <c r="GL4615" s="126"/>
      <c r="GM4615" s="91"/>
      <c r="GN4615" s="91"/>
      <c r="GO4615" s="91"/>
      <c r="GP4615" s="91"/>
      <c r="GQ4615" s="91"/>
      <c r="GR4615" s="91"/>
      <c r="GS4615" s="91"/>
      <c r="GT4615" s="91"/>
      <c r="GU4615" s="91"/>
      <c r="GV4615" s="91"/>
      <c r="GW4615" s="91"/>
      <c r="GX4615" s="127"/>
      <c r="GY4615" s="126"/>
      <c r="GZ4615" s="91"/>
      <c r="HA4615" s="91"/>
      <c r="HB4615" s="91"/>
      <c r="HC4615" s="91"/>
      <c r="HD4615" s="91"/>
      <c r="HE4615" s="91"/>
      <c r="HF4615" s="91"/>
      <c r="HG4615" s="91"/>
      <c r="HH4615" s="91"/>
      <c r="HI4615" s="91"/>
      <c r="HJ4615" s="91"/>
      <c r="HK4615" s="127"/>
      <c r="HL4615" s="126"/>
      <c r="HM4615" s="91"/>
      <c r="HN4615" s="91"/>
      <c r="HO4615" s="91"/>
      <c r="HP4615" s="91"/>
      <c r="HQ4615" s="91"/>
      <c r="HR4615" s="91"/>
      <c r="HS4615" s="91"/>
      <c r="HT4615" s="91"/>
      <c r="HU4615" s="91"/>
      <c r="HV4615" s="91"/>
      <c r="HW4615" s="91"/>
      <c r="HX4615" s="127"/>
      <c r="HY4615" s="126"/>
      <c r="HZ4615" s="91"/>
      <c r="IA4615" s="91"/>
      <c r="IB4615" s="91"/>
      <c r="IC4615" s="91"/>
      <c r="ID4615" s="91"/>
      <c r="IE4615" s="91"/>
      <c r="IF4615" s="91"/>
      <c r="IG4615" s="91"/>
      <c r="IH4615" s="91"/>
      <c r="II4615" s="91"/>
      <c r="IJ4615" s="91"/>
      <c r="IK4615" s="174"/>
    </row>
    <row r="4616" spans="2:245" x14ac:dyDescent="0.2">
      <c r="B4616" s="43"/>
      <c r="C4616" s="73"/>
      <c r="D4616" s="64"/>
      <c r="E4616" s="64"/>
      <c r="F4616" s="55"/>
      <c r="G4616" s="102"/>
      <c r="H4616" s="97"/>
      <c r="T4616" s="98"/>
      <c r="U4616" s="97"/>
      <c r="AG4616" s="98"/>
      <c r="AY4616" s="164"/>
      <c r="BK4616" s="98"/>
      <c r="BL4616" s="97"/>
      <c r="BX4616" s="98"/>
      <c r="CL4616" s="97"/>
      <c r="CX4616" s="98"/>
      <c r="DL4616" s="97"/>
      <c r="DX4616" s="98"/>
      <c r="EL4616" s="97"/>
      <c r="EX4616" s="98"/>
      <c r="EY4616" s="97"/>
      <c r="FL4616" s="126"/>
      <c r="FM4616" s="91"/>
      <c r="FN4616" s="91"/>
      <c r="FO4616" s="91"/>
      <c r="FP4616" s="91"/>
      <c r="FQ4616" s="91"/>
      <c r="FR4616" s="91"/>
      <c r="FS4616" s="91"/>
      <c r="FT4616" s="91"/>
      <c r="FU4616" s="91"/>
      <c r="FV4616" s="91"/>
      <c r="FW4616" s="91"/>
      <c r="FX4616" s="127"/>
      <c r="FY4616" s="126"/>
      <c r="FZ4616" s="91"/>
      <c r="GA4616" s="91"/>
      <c r="GB4616" s="91"/>
      <c r="GC4616" s="91"/>
      <c r="GD4616" s="91"/>
      <c r="GE4616" s="91"/>
      <c r="GF4616" s="91"/>
      <c r="GG4616" s="91"/>
      <c r="GH4616" s="91"/>
      <c r="GI4616" s="91"/>
      <c r="GJ4616" s="91"/>
      <c r="GK4616" s="127"/>
      <c r="GL4616" s="126"/>
      <c r="GM4616" s="91"/>
      <c r="GN4616" s="91"/>
      <c r="GO4616" s="91"/>
      <c r="GP4616" s="91"/>
      <c r="GQ4616" s="91"/>
      <c r="GR4616" s="91"/>
      <c r="GS4616" s="91"/>
      <c r="GT4616" s="91"/>
      <c r="GU4616" s="91"/>
      <c r="GV4616" s="91"/>
      <c r="GW4616" s="91"/>
      <c r="GX4616" s="127"/>
      <c r="GY4616" s="126"/>
      <c r="GZ4616" s="91"/>
      <c r="HA4616" s="91"/>
      <c r="HB4616" s="91"/>
      <c r="HC4616" s="91"/>
      <c r="HD4616" s="91"/>
      <c r="HE4616" s="91"/>
      <c r="HF4616" s="91"/>
      <c r="HG4616" s="91"/>
      <c r="HH4616" s="91"/>
      <c r="HI4616" s="91"/>
      <c r="HJ4616" s="91"/>
      <c r="HK4616" s="127"/>
      <c r="HL4616" s="126"/>
      <c r="HM4616" s="91"/>
      <c r="HN4616" s="91"/>
      <c r="HO4616" s="91"/>
      <c r="HP4616" s="91"/>
      <c r="HQ4616" s="91"/>
      <c r="HR4616" s="91"/>
      <c r="HS4616" s="91"/>
      <c r="HT4616" s="91"/>
      <c r="HU4616" s="91"/>
      <c r="HV4616" s="91"/>
      <c r="HW4616" s="91"/>
      <c r="HX4616" s="127"/>
      <c r="HY4616" s="126"/>
      <c r="HZ4616" s="91"/>
      <c r="IA4616" s="91"/>
      <c r="IB4616" s="91"/>
      <c r="IC4616" s="91"/>
      <c r="ID4616" s="91"/>
      <c r="IE4616" s="91"/>
      <c r="IF4616" s="91"/>
      <c r="IG4616" s="91"/>
      <c r="IH4616" s="91"/>
      <c r="II4616" s="91"/>
      <c r="IJ4616" s="91"/>
      <c r="IK4616" s="174"/>
    </row>
    <row r="4617" spans="2:245" x14ac:dyDescent="0.2">
      <c r="B4617" s="43"/>
      <c r="C4617" s="73"/>
      <c r="D4617" s="64"/>
      <c r="E4617" s="64"/>
      <c r="F4617" s="55"/>
      <c r="G4617" s="102"/>
      <c r="H4617" s="97"/>
      <c r="T4617" s="98"/>
      <c r="U4617" s="97"/>
      <c r="AG4617" s="98"/>
      <c r="AY4617" s="164"/>
      <c r="BK4617" s="98"/>
      <c r="BL4617" s="97"/>
      <c r="BX4617" s="98"/>
      <c r="CL4617" s="97"/>
      <c r="CX4617" s="98"/>
      <c r="DL4617" s="97"/>
      <c r="DX4617" s="98"/>
      <c r="EL4617" s="97"/>
      <c r="EX4617" s="98"/>
      <c r="EY4617" s="97"/>
      <c r="FL4617" s="126"/>
      <c r="FM4617" s="91"/>
      <c r="FN4617" s="91"/>
      <c r="FO4617" s="91"/>
      <c r="FP4617" s="91"/>
      <c r="FQ4617" s="91"/>
      <c r="FR4617" s="91"/>
      <c r="FS4617" s="91"/>
      <c r="FT4617" s="91"/>
      <c r="FU4617" s="91"/>
      <c r="FV4617" s="91"/>
      <c r="FW4617" s="91"/>
      <c r="FX4617" s="127"/>
      <c r="FY4617" s="126"/>
      <c r="FZ4617" s="91"/>
      <c r="GA4617" s="91"/>
      <c r="GB4617" s="91"/>
      <c r="GC4617" s="91"/>
      <c r="GD4617" s="91"/>
      <c r="GE4617" s="91"/>
      <c r="GF4617" s="91"/>
      <c r="GG4617" s="91"/>
      <c r="GH4617" s="91"/>
      <c r="GI4617" s="91"/>
      <c r="GJ4617" s="91"/>
      <c r="GK4617" s="127"/>
      <c r="GL4617" s="126"/>
      <c r="GM4617" s="91"/>
      <c r="GN4617" s="91"/>
      <c r="GO4617" s="91"/>
      <c r="GP4617" s="91"/>
      <c r="GQ4617" s="91"/>
      <c r="GR4617" s="91"/>
      <c r="GS4617" s="91"/>
      <c r="GT4617" s="91"/>
      <c r="GU4617" s="91"/>
      <c r="GV4617" s="91"/>
      <c r="GW4617" s="91"/>
      <c r="GX4617" s="127"/>
      <c r="GY4617" s="126"/>
      <c r="GZ4617" s="91"/>
      <c r="HA4617" s="91"/>
      <c r="HB4617" s="91"/>
      <c r="HC4617" s="91"/>
      <c r="HD4617" s="91"/>
      <c r="HE4617" s="91"/>
      <c r="HF4617" s="91"/>
      <c r="HG4617" s="91"/>
      <c r="HH4617" s="91"/>
      <c r="HI4617" s="91"/>
      <c r="HJ4617" s="91"/>
      <c r="HK4617" s="127"/>
      <c r="HL4617" s="126"/>
      <c r="HM4617" s="91"/>
      <c r="HN4617" s="91"/>
      <c r="HO4617" s="91"/>
      <c r="HP4617" s="91"/>
      <c r="HQ4617" s="91"/>
      <c r="HR4617" s="91"/>
      <c r="HS4617" s="91"/>
      <c r="HT4617" s="91"/>
      <c r="HU4617" s="91"/>
      <c r="HV4617" s="91"/>
      <c r="HW4617" s="91"/>
      <c r="HX4617" s="127"/>
      <c r="HY4617" s="126"/>
      <c r="HZ4617" s="91"/>
      <c r="IA4617" s="91"/>
      <c r="IB4617" s="91"/>
      <c r="IC4617" s="91"/>
      <c r="ID4617" s="91"/>
      <c r="IE4617" s="91"/>
      <c r="IF4617" s="91"/>
      <c r="IG4617" s="91"/>
      <c r="IH4617" s="91"/>
      <c r="II4617" s="91"/>
      <c r="IJ4617" s="91"/>
      <c r="IK4617" s="174"/>
    </row>
    <row r="4618" spans="2:245" x14ac:dyDescent="0.2">
      <c r="B4618" s="43"/>
      <c r="C4618" s="73"/>
      <c r="D4618" s="64"/>
      <c r="E4618" s="64"/>
      <c r="F4618" s="55"/>
      <c r="G4618" s="102"/>
      <c r="H4618" s="97"/>
      <c r="T4618" s="98"/>
      <c r="U4618" s="97"/>
      <c r="AG4618" s="98"/>
      <c r="AY4618" s="164"/>
      <c r="BK4618" s="98"/>
      <c r="BL4618" s="97"/>
      <c r="BX4618" s="98"/>
      <c r="CL4618" s="97"/>
      <c r="CX4618" s="98"/>
      <c r="DL4618" s="97"/>
      <c r="DX4618" s="98"/>
      <c r="EL4618" s="97"/>
      <c r="EX4618" s="98"/>
      <c r="EY4618" s="97"/>
      <c r="FL4618" s="126"/>
      <c r="FM4618" s="91"/>
      <c r="FN4618" s="91"/>
      <c r="FO4618" s="91"/>
      <c r="FP4618" s="91"/>
      <c r="FQ4618" s="91"/>
      <c r="FR4618" s="91"/>
      <c r="FS4618" s="91"/>
      <c r="FT4618" s="91"/>
      <c r="FU4618" s="91"/>
      <c r="FV4618" s="91"/>
      <c r="FW4618" s="91"/>
      <c r="FX4618" s="127"/>
      <c r="FY4618" s="126"/>
      <c r="FZ4618" s="91"/>
      <c r="GA4618" s="91"/>
      <c r="GB4618" s="91"/>
      <c r="GC4618" s="91"/>
      <c r="GD4618" s="91"/>
      <c r="GE4618" s="91"/>
      <c r="GF4618" s="91"/>
      <c r="GG4618" s="91"/>
      <c r="GH4618" s="91"/>
      <c r="GI4618" s="91"/>
      <c r="GJ4618" s="91"/>
      <c r="GK4618" s="127"/>
      <c r="GL4618" s="126"/>
      <c r="GM4618" s="91"/>
      <c r="GN4618" s="91"/>
      <c r="GO4618" s="91"/>
      <c r="GP4618" s="91"/>
      <c r="GQ4618" s="91"/>
      <c r="GR4618" s="91"/>
      <c r="GS4618" s="91"/>
      <c r="GT4618" s="91"/>
      <c r="GU4618" s="91"/>
      <c r="GV4618" s="91"/>
      <c r="GW4618" s="91"/>
      <c r="GX4618" s="127"/>
      <c r="GY4618" s="126"/>
      <c r="GZ4618" s="91"/>
      <c r="HA4618" s="91"/>
      <c r="HB4618" s="91"/>
      <c r="HC4618" s="91"/>
      <c r="HD4618" s="91"/>
      <c r="HE4618" s="91"/>
      <c r="HF4618" s="91"/>
      <c r="HG4618" s="91"/>
      <c r="HH4618" s="91"/>
      <c r="HI4618" s="91"/>
      <c r="HJ4618" s="91"/>
      <c r="HK4618" s="127"/>
      <c r="HL4618" s="126"/>
      <c r="HM4618" s="91"/>
      <c r="HN4618" s="91"/>
      <c r="HO4618" s="91"/>
      <c r="HP4618" s="91"/>
      <c r="HQ4618" s="91"/>
      <c r="HR4618" s="91"/>
      <c r="HS4618" s="91"/>
      <c r="HT4618" s="91"/>
      <c r="HU4618" s="91"/>
      <c r="HV4618" s="91"/>
      <c r="HW4618" s="91"/>
      <c r="HX4618" s="127"/>
      <c r="HY4618" s="126"/>
      <c r="HZ4618" s="91"/>
      <c r="IA4618" s="91"/>
      <c r="IB4618" s="91"/>
      <c r="IC4618" s="91"/>
      <c r="ID4618" s="91"/>
      <c r="IE4618" s="91"/>
      <c r="IF4618" s="91"/>
      <c r="IG4618" s="91"/>
      <c r="IH4618" s="91"/>
      <c r="II4618" s="91"/>
      <c r="IJ4618" s="91"/>
      <c r="IK4618" s="174"/>
    </row>
    <row r="4619" spans="2:245" x14ac:dyDescent="0.2">
      <c r="B4619" s="43"/>
      <c r="C4619" s="73"/>
      <c r="D4619" s="64"/>
      <c r="E4619" s="64"/>
      <c r="F4619" s="55"/>
      <c r="G4619" s="102"/>
      <c r="H4619" s="97"/>
      <c r="T4619" s="98"/>
      <c r="U4619" s="97"/>
      <c r="AG4619" s="98"/>
      <c r="AY4619" s="164"/>
      <c r="BK4619" s="98"/>
      <c r="BL4619" s="97"/>
      <c r="BX4619" s="98"/>
      <c r="CL4619" s="97"/>
      <c r="CX4619" s="98"/>
      <c r="DL4619" s="97"/>
      <c r="DX4619" s="98"/>
      <c r="EL4619" s="97"/>
      <c r="EX4619" s="98"/>
      <c r="EY4619" s="97"/>
      <c r="FL4619" s="126"/>
      <c r="FM4619" s="91"/>
      <c r="FN4619" s="91"/>
      <c r="FO4619" s="91"/>
      <c r="FP4619" s="91"/>
      <c r="FQ4619" s="91"/>
      <c r="FR4619" s="91"/>
      <c r="FS4619" s="91"/>
      <c r="FT4619" s="91"/>
      <c r="FU4619" s="91"/>
      <c r="FV4619" s="91"/>
      <c r="FW4619" s="91"/>
      <c r="FX4619" s="127"/>
      <c r="FY4619" s="126"/>
      <c r="FZ4619" s="91"/>
      <c r="GA4619" s="91"/>
      <c r="GB4619" s="91"/>
      <c r="GC4619" s="91"/>
      <c r="GD4619" s="91"/>
      <c r="GE4619" s="91"/>
      <c r="GF4619" s="91"/>
      <c r="GG4619" s="91"/>
      <c r="GH4619" s="91"/>
      <c r="GI4619" s="91"/>
      <c r="GJ4619" s="91"/>
      <c r="GK4619" s="127"/>
      <c r="GL4619" s="126"/>
      <c r="GM4619" s="91"/>
      <c r="GN4619" s="91"/>
      <c r="GO4619" s="91"/>
      <c r="GP4619" s="91"/>
      <c r="GQ4619" s="91"/>
      <c r="GR4619" s="91"/>
      <c r="GS4619" s="91"/>
      <c r="GT4619" s="91"/>
      <c r="GU4619" s="91"/>
      <c r="GV4619" s="91"/>
      <c r="GW4619" s="91"/>
      <c r="GX4619" s="127"/>
      <c r="GY4619" s="126"/>
      <c r="GZ4619" s="91"/>
      <c r="HA4619" s="91"/>
      <c r="HB4619" s="91"/>
      <c r="HC4619" s="91"/>
      <c r="HD4619" s="91"/>
      <c r="HE4619" s="91"/>
      <c r="HF4619" s="91"/>
      <c r="HG4619" s="91"/>
      <c r="HH4619" s="91"/>
      <c r="HI4619" s="91"/>
      <c r="HJ4619" s="91"/>
      <c r="HK4619" s="127"/>
      <c r="HL4619" s="126"/>
      <c r="HM4619" s="91"/>
      <c r="HN4619" s="91"/>
      <c r="HO4619" s="91"/>
      <c r="HP4619" s="91"/>
      <c r="HQ4619" s="91"/>
      <c r="HR4619" s="91"/>
      <c r="HS4619" s="91"/>
      <c r="HT4619" s="91"/>
      <c r="HU4619" s="91"/>
      <c r="HV4619" s="91"/>
      <c r="HW4619" s="91"/>
      <c r="HX4619" s="127"/>
      <c r="HY4619" s="126"/>
      <c r="HZ4619" s="91"/>
      <c r="IA4619" s="91"/>
      <c r="IB4619" s="91"/>
      <c r="IC4619" s="91"/>
      <c r="ID4619" s="91"/>
      <c r="IE4619" s="91"/>
      <c r="IF4619" s="91"/>
      <c r="IG4619" s="91"/>
      <c r="IH4619" s="91"/>
      <c r="II4619" s="91"/>
      <c r="IJ4619" s="91"/>
      <c r="IK4619" s="174"/>
    </row>
    <row r="4620" spans="2:245" x14ac:dyDescent="0.2">
      <c r="B4620" s="43"/>
      <c r="C4620" s="73"/>
      <c r="D4620" s="64"/>
      <c r="E4620" s="64"/>
      <c r="F4620" s="55"/>
      <c r="G4620" s="102"/>
      <c r="H4620" s="97"/>
      <c r="T4620" s="98"/>
      <c r="U4620" s="97"/>
      <c r="AG4620" s="98"/>
      <c r="AY4620" s="164"/>
      <c r="BK4620" s="98"/>
      <c r="BL4620" s="97"/>
      <c r="BX4620" s="98"/>
      <c r="CL4620" s="97"/>
      <c r="CX4620" s="98"/>
      <c r="DL4620" s="97"/>
      <c r="DX4620" s="98"/>
      <c r="EL4620" s="97"/>
      <c r="EX4620" s="98"/>
      <c r="EY4620" s="97"/>
      <c r="FL4620" s="126"/>
      <c r="FM4620" s="91"/>
      <c r="FN4620" s="91"/>
      <c r="FO4620" s="91"/>
      <c r="FP4620" s="91"/>
      <c r="FQ4620" s="91"/>
      <c r="FR4620" s="91"/>
      <c r="FS4620" s="91"/>
      <c r="FT4620" s="91"/>
      <c r="FU4620" s="91"/>
      <c r="FV4620" s="91"/>
      <c r="FW4620" s="91"/>
      <c r="FX4620" s="127"/>
      <c r="FY4620" s="126"/>
      <c r="FZ4620" s="91"/>
      <c r="GA4620" s="91"/>
      <c r="GB4620" s="91"/>
      <c r="GC4620" s="91"/>
      <c r="GD4620" s="91"/>
      <c r="GE4620" s="91"/>
      <c r="GF4620" s="91"/>
      <c r="GG4620" s="91"/>
      <c r="GH4620" s="91"/>
      <c r="GI4620" s="91"/>
      <c r="GJ4620" s="91"/>
      <c r="GK4620" s="127"/>
      <c r="GL4620" s="126"/>
      <c r="GM4620" s="91"/>
      <c r="GN4620" s="91"/>
      <c r="GO4620" s="91"/>
      <c r="GP4620" s="91"/>
      <c r="GQ4620" s="91"/>
      <c r="GR4620" s="91"/>
      <c r="GS4620" s="91"/>
      <c r="GT4620" s="91"/>
      <c r="GU4620" s="91"/>
      <c r="GV4620" s="91"/>
      <c r="GW4620" s="91"/>
      <c r="GX4620" s="127"/>
      <c r="GY4620" s="126"/>
      <c r="GZ4620" s="91"/>
      <c r="HA4620" s="91"/>
      <c r="HB4620" s="91"/>
      <c r="HC4620" s="91"/>
      <c r="HD4620" s="91"/>
      <c r="HE4620" s="91"/>
      <c r="HF4620" s="91"/>
      <c r="HG4620" s="91"/>
      <c r="HH4620" s="91"/>
      <c r="HI4620" s="91"/>
      <c r="HJ4620" s="91"/>
      <c r="HK4620" s="127"/>
      <c r="HL4620" s="126"/>
      <c r="HM4620" s="91"/>
      <c r="HN4620" s="91"/>
      <c r="HO4620" s="91"/>
      <c r="HP4620" s="91"/>
      <c r="HQ4620" s="91"/>
      <c r="HR4620" s="91"/>
      <c r="HS4620" s="91"/>
      <c r="HT4620" s="91"/>
      <c r="HU4620" s="91"/>
      <c r="HV4620" s="91"/>
      <c r="HW4620" s="91"/>
      <c r="HX4620" s="127"/>
      <c r="HY4620" s="126"/>
      <c r="HZ4620" s="91"/>
      <c r="IA4620" s="91"/>
      <c r="IB4620" s="91"/>
      <c r="IC4620" s="91"/>
      <c r="ID4620" s="91"/>
      <c r="IE4620" s="91"/>
      <c r="IF4620" s="91"/>
      <c r="IG4620" s="91"/>
      <c r="IH4620" s="91"/>
      <c r="II4620" s="91"/>
      <c r="IJ4620" s="91"/>
      <c r="IK4620" s="174"/>
    </row>
    <row r="4621" spans="2:245" x14ac:dyDescent="0.2">
      <c r="B4621" s="43"/>
      <c r="C4621" s="73"/>
      <c r="D4621" s="64"/>
      <c r="E4621" s="64"/>
      <c r="F4621" s="55"/>
      <c r="G4621" s="102"/>
      <c r="H4621" s="97"/>
      <c r="T4621" s="98"/>
      <c r="U4621" s="97"/>
      <c r="AG4621" s="98"/>
      <c r="AY4621" s="164"/>
      <c r="BK4621" s="98"/>
      <c r="BL4621" s="97"/>
      <c r="BX4621" s="98"/>
      <c r="CL4621" s="97"/>
      <c r="CX4621" s="98"/>
      <c r="DL4621" s="97"/>
      <c r="DX4621" s="98"/>
      <c r="EL4621" s="97"/>
      <c r="EX4621" s="98"/>
      <c r="EY4621" s="97"/>
      <c r="FL4621" s="126"/>
      <c r="FM4621" s="91"/>
      <c r="FN4621" s="91"/>
      <c r="FO4621" s="91"/>
      <c r="FP4621" s="91"/>
      <c r="FQ4621" s="91"/>
      <c r="FR4621" s="91"/>
      <c r="FS4621" s="91"/>
      <c r="FT4621" s="91"/>
      <c r="FU4621" s="91"/>
      <c r="FV4621" s="91"/>
      <c r="FW4621" s="91"/>
      <c r="FX4621" s="127"/>
      <c r="FY4621" s="126"/>
      <c r="FZ4621" s="91"/>
      <c r="GA4621" s="91"/>
      <c r="GB4621" s="91"/>
      <c r="GC4621" s="91"/>
      <c r="GD4621" s="91"/>
      <c r="GE4621" s="91"/>
      <c r="GF4621" s="91"/>
      <c r="GG4621" s="91"/>
      <c r="GH4621" s="91"/>
      <c r="GI4621" s="91"/>
      <c r="GJ4621" s="91"/>
      <c r="GK4621" s="127"/>
      <c r="GL4621" s="126"/>
      <c r="GM4621" s="91"/>
      <c r="GN4621" s="91"/>
      <c r="GO4621" s="91"/>
      <c r="GP4621" s="91"/>
      <c r="GQ4621" s="91"/>
      <c r="GR4621" s="91"/>
      <c r="GS4621" s="91"/>
      <c r="GT4621" s="91"/>
      <c r="GU4621" s="91"/>
      <c r="GV4621" s="91"/>
      <c r="GW4621" s="91"/>
      <c r="GX4621" s="127"/>
      <c r="GY4621" s="126"/>
      <c r="GZ4621" s="91"/>
      <c r="HA4621" s="91"/>
      <c r="HB4621" s="91"/>
      <c r="HC4621" s="91"/>
      <c r="HD4621" s="91"/>
      <c r="HE4621" s="91"/>
      <c r="HF4621" s="91"/>
      <c r="HG4621" s="91"/>
      <c r="HH4621" s="91"/>
      <c r="HI4621" s="91"/>
      <c r="HJ4621" s="91"/>
      <c r="HK4621" s="127"/>
      <c r="HL4621" s="126"/>
      <c r="HM4621" s="91"/>
      <c r="HN4621" s="91"/>
      <c r="HO4621" s="91"/>
      <c r="HP4621" s="91"/>
      <c r="HQ4621" s="91"/>
      <c r="HR4621" s="91"/>
      <c r="HS4621" s="91"/>
      <c r="HT4621" s="91"/>
      <c r="HU4621" s="91"/>
      <c r="HV4621" s="91"/>
      <c r="HW4621" s="91"/>
      <c r="HX4621" s="127"/>
      <c r="HY4621" s="126"/>
      <c r="HZ4621" s="91"/>
      <c r="IA4621" s="91"/>
      <c r="IB4621" s="91"/>
      <c r="IC4621" s="91"/>
      <c r="ID4621" s="91"/>
      <c r="IE4621" s="91"/>
      <c r="IF4621" s="91"/>
      <c r="IG4621" s="91"/>
      <c r="IH4621" s="91"/>
      <c r="II4621" s="91"/>
      <c r="IJ4621" s="91"/>
      <c r="IK4621" s="174"/>
    </row>
    <row r="4622" spans="2:245" x14ac:dyDescent="0.2">
      <c r="B4622" s="43"/>
      <c r="C4622" s="73"/>
      <c r="D4622" s="64"/>
      <c r="E4622" s="64"/>
      <c r="F4622" s="55"/>
      <c r="G4622" s="102"/>
      <c r="H4622" s="97"/>
      <c r="T4622" s="98"/>
      <c r="U4622" s="97"/>
      <c r="AG4622" s="98"/>
      <c r="AY4622" s="164"/>
      <c r="BK4622" s="98"/>
      <c r="BL4622" s="97"/>
      <c r="BX4622" s="98"/>
      <c r="CL4622" s="97"/>
      <c r="CX4622" s="98"/>
      <c r="DL4622" s="97"/>
      <c r="DX4622" s="98"/>
      <c r="EL4622" s="97"/>
      <c r="EX4622" s="98"/>
      <c r="EY4622" s="97"/>
      <c r="FL4622" s="126"/>
      <c r="FM4622" s="91"/>
      <c r="FN4622" s="91"/>
      <c r="FO4622" s="91"/>
      <c r="FP4622" s="91"/>
      <c r="FQ4622" s="91"/>
      <c r="FR4622" s="91"/>
      <c r="FS4622" s="91"/>
      <c r="FT4622" s="91"/>
      <c r="FU4622" s="91"/>
      <c r="FV4622" s="91"/>
      <c r="FW4622" s="91"/>
      <c r="FX4622" s="127"/>
      <c r="FY4622" s="126"/>
      <c r="FZ4622" s="91"/>
      <c r="GA4622" s="91"/>
      <c r="GB4622" s="91"/>
      <c r="GC4622" s="91"/>
      <c r="GD4622" s="91"/>
      <c r="GE4622" s="91"/>
      <c r="GF4622" s="91"/>
      <c r="GG4622" s="91"/>
      <c r="GH4622" s="91"/>
      <c r="GI4622" s="91"/>
      <c r="GJ4622" s="91"/>
      <c r="GK4622" s="127"/>
      <c r="GL4622" s="126"/>
      <c r="GM4622" s="91"/>
      <c r="GN4622" s="91"/>
      <c r="GO4622" s="91"/>
      <c r="GP4622" s="91"/>
      <c r="GQ4622" s="91"/>
      <c r="GR4622" s="91"/>
      <c r="GS4622" s="91"/>
      <c r="GT4622" s="91"/>
      <c r="GU4622" s="91"/>
      <c r="GV4622" s="91"/>
      <c r="GW4622" s="91"/>
      <c r="GX4622" s="127"/>
      <c r="GY4622" s="126"/>
      <c r="GZ4622" s="91"/>
      <c r="HA4622" s="91"/>
      <c r="HB4622" s="91"/>
      <c r="HC4622" s="91"/>
      <c r="HD4622" s="91"/>
      <c r="HE4622" s="91"/>
      <c r="HF4622" s="91"/>
      <c r="HG4622" s="91"/>
      <c r="HH4622" s="91"/>
      <c r="HI4622" s="91"/>
      <c r="HJ4622" s="91"/>
      <c r="HK4622" s="127"/>
      <c r="HL4622" s="126"/>
      <c r="HM4622" s="91"/>
      <c r="HN4622" s="91"/>
      <c r="HO4622" s="91"/>
      <c r="HP4622" s="91"/>
      <c r="HQ4622" s="91"/>
      <c r="HR4622" s="91"/>
      <c r="HS4622" s="91"/>
      <c r="HT4622" s="91"/>
      <c r="HU4622" s="91"/>
      <c r="HV4622" s="91"/>
      <c r="HW4622" s="91"/>
      <c r="HX4622" s="127"/>
      <c r="HY4622" s="126"/>
      <c r="HZ4622" s="91"/>
      <c r="IA4622" s="91"/>
      <c r="IB4622" s="91"/>
      <c r="IC4622" s="91"/>
      <c r="ID4622" s="91"/>
      <c r="IE4622" s="91"/>
      <c r="IF4622" s="91"/>
      <c r="IG4622" s="91"/>
      <c r="IH4622" s="91"/>
      <c r="II4622" s="91"/>
      <c r="IJ4622" s="91"/>
      <c r="IK4622" s="174"/>
    </row>
    <row r="4623" spans="2:245" x14ac:dyDescent="0.2">
      <c r="B4623" s="43"/>
      <c r="C4623" s="73"/>
      <c r="D4623" s="64"/>
      <c r="E4623" s="64"/>
      <c r="F4623" s="55"/>
      <c r="G4623" s="102"/>
      <c r="H4623" s="97"/>
      <c r="T4623" s="98"/>
      <c r="U4623" s="97"/>
      <c r="AG4623" s="98"/>
      <c r="AY4623" s="164"/>
      <c r="BK4623" s="98"/>
      <c r="BL4623" s="97"/>
      <c r="BX4623" s="98"/>
      <c r="CL4623" s="97"/>
      <c r="CX4623" s="98"/>
      <c r="DL4623" s="97"/>
      <c r="DX4623" s="98"/>
      <c r="EL4623" s="97"/>
      <c r="EX4623" s="98"/>
      <c r="EY4623" s="97"/>
      <c r="FL4623" s="126"/>
      <c r="FM4623" s="91"/>
      <c r="FN4623" s="91"/>
      <c r="FO4623" s="91"/>
      <c r="FP4623" s="91"/>
      <c r="FQ4623" s="91"/>
      <c r="FR4623" s="91"/>
      <c r="FS4623" s="91"/>
      <c r="FT4623" s="91"/>
      <c r="FU4623" s="91"/>
      <c r="FV4623" s="91"/>
      <c r="FW4623" s="91"/>
      <c r="FX4623" s="127"/>
      <c r="FY4623" s="126"/>
      <c r="FZ4623" s="91"/>
      <c r="GA4623" s="91"/>
      <c r="GB4623" s="91"/>
      <c r="GC4623" s="91"/>
      <c r="GD4623" s="91"/>
      <c r="GE4623" s="91"/>
      <c r="GF4623" s="91"/>
      <c r="GG4623" s="91"/>
      <c r="GH4623" s="91"/>
      <c r="GI4623" s="91"/>
      <c r="GJ4623" s="91"/>
      <c r="GK4623" s="127"/>
      <c r="GL4623" s="126"/>
      <c r="GM4623" s="91"/>
      <c r="GN4623" s="91"/>
      <c r="GO4623" s="91"/>
      <c r="GP4623" s="91"/>
      <c r="GQ4623" s="91"/>
      <c r="GR4623" s="91"/>
      <c r="GS4623" s="91"/>
      <c r="GT4623" s="91"/>
      <c r="GU4623" s="91"/>
      <c r="GV4623" s="91"/>
      <c r="GW4623" s="91"/>
      <c r="GX4623" s="127"/>
      <c r="GY4623" s="126"/>
      <c r="GZ4623" s="91"/>
      <c r="HA4623" s="91"/>
      <c r="HB4623" s="91"/>
      <c r="HC4623" s="91"/>
      <c r="HD4623" s="91"/>
      <c r="HE4623" s="91"/>
      <c r="HF4623" s="91"/>
      <c r="HG4623" s="91"/>
      <c r="HH4623" s="91"/>
      <c r="HI4623" s="91"/>
      <c r="HJ4623" s="91"/>
      <c r="HK4623" s="127"/>
      <c r="HL4623" s="126"/>
      <c r="HM4623" s="91"/>
      <c r="HN4623" s="91"/>
      <c r="HO4623" s="91"/>
      <c r="HP4623" s="91"/>
      <c r="HQ4623" s="91"/>
      <c r="HR4623" s="91"/>
      <c r="HS4623" s="91"/>
      <c r="HT4623" s="91"/>
      <c r="HU4623" s="91"/>
      <c r="HV4623" s="91"/>
      <c r="HW4623" s="91"/>
      <c r="HX4623" s="127"/>
      <c r="HY4623" s="126"/>
      <c r="HZ4623" s="91"/>
      <c r="IA4623" s="91"/>
      <c r="IB4623" s="91"/>
      <c r="IC4623" s="91"/>
      <c r="ID4623" s="91"/>
      <c r="IE4623" s="91"/>
      <c r="IF4623" s="91"/>
      <c r="IG4623" s="91"/>
      <c r="IH4623" s="91"/>
      <c r="II4623" s="91"/>
      <c r="IJ4623" s="91"/>
      <c r="IK4623" s="174"/>
    </row>
    <row r="4624" spans="2:245" x14ac:dyDescent="0.2">
      <c r="B4624" s="43"/>
      <c r="C4624" s="73"/>
      <c r="D4624" s="64"/>
      <c r="E4624" s="64"/>
      <c r="F4624" s="55"/>
      <c r="G4624" s="102"/>
      <c r="H4624" s="97"/>
      <c r="T4624" s="98"/>
      <c r="U4624" s="97"/>
      <c r="AG4624" s="98"/>
      <c r="AY4624" s="164"/>
      <c r="BK4624" s="98"/>
      <c r="BL4624" s="97"/>
      <c r="BX4624" s="98"/>
      <c r="CL4624" s="97"/>
      <c r="CX4624" s="98"/>
      <c r="DL4624" s="97"/>
      <c r="DX4624" s="98"/>
      <c r="EL4624" s="97"/>
      <c r="EX4624" s="98"/>
      <c r="EY4624" s="97"/>
      <c r="FL4624" s="126"/>
      <c r="FM4624" s="91"/>
      <c r="FN4624" s="91"/>
      <c r="FO4624" s="91"/>
      <c r="FP4624" s="91"/>
      <c r="FQ4624" s="91"/>
      <c r="FR4624" s="91"/>
      <c r="FS4624" s="91"/>
      <c r="FT4624" s="91"/>
      <c r="FU4624" s="91"/>
      <c r="FV4624" s="91"/>
      <c r="FW4624" s="91"/>
      <c r="FX4624" s="127"/>
      <c r="FY4624" s="126"/>
      <c r="FZ4624" s="91"/>
      <c r="GA4624" s="91"/>
      <c r="GB4624" s="91"/>
      <c r="GC4624" s="91"/>
      <c r="GD4624" s="91"/>
      <c r="GE4624" s="91"/>
      <c r="GF4624" s="91"/>
      <c r="GG4624" s="91"/>
      <c r="GH4624" s="91"/>
      <c r="GI4624" s="91"/>
      <c r="GJ4624" s="91"/>
      <c r="GK4624" s="127"/>
      <c r="GL4624" s="126"/>
      <c r="GM4624" s="91"/>
      <c r="GN4624" s="91"/>
      <c r="GO4624" s="91"/>
      <c r="GP4624" s="91"/>
      <c r="GQ4624" s="91"/>
      <c r="GR4624" s="91"/>
      <c r="GS4624" s="91"/>
      <c r="GT4624" s="91"/>
      <c r="GU4624" s="91"/>
      <c r="GV4624" s="91"/>
      <c r="GW4624" s="91"/>
      <c r="GX4624" s="127"/>
      <c r="GY4624" s="126"/>
      <c r="GZ4624" s="91"/>
      <c r="HA4624" s="91"/>
      <c r="HB4624" s="91"/>
      <c r="HC4624" s="91"/>
      <c r="HD4624" s="91"/>
      <c r="HE4624" s="91"/>
      <c r="HF4624" s="91"/>
      <c r="HG4624" s="91"/>
      <c r="HH4624" s="91"/>
      <c r="HI4624" s="91"/>
      <c r="HJ4624" s="91"/>
      <c r="HK4624" s="127"/>
      <c r="HL4624" s="126"/>
      <c r="HM4624" s="91"/>
      <c r="HN4624" s="91"/>
      <c r="HO4624" s="91"/>
      <c r="HP4624" s="91"/>
      <c r="HQ4624" s="91"/>
      <c r="HR4624" s="91"/>
      <c r="HS4624" s="91"/>
      <c r="HT4624" s="91"/>
      <c r="HU4624" s="91"/>
      <c r="HV4624" s="91"/>
      <c r="HW4624" s="91"/>
      <c r="HX4624" s="127"/>
      <c r="HY4624" s="126"/>
      <c r="HZ4624" s="91"/>
      <c r="IA4624" s="91"/>
      <c r="IB4624" s="91"/>
      <c r="IC4624" s="91"/>
      <c r="ID4624" s="91"/>
      <c r="IE4624" s="91"/>
      <c r="IF4624" s="91"/>
      <c r="IG4624" s="91"/>
      <c r="IH4624" s="91"/>
      <c r="II4624" s="91"/>
      <c r="IJ4624" s="91"/>
      <c r="IK4624" s="174"/>
    </row>
    <row r="4625" spans="2:245" x14ac:dyDescent="0.2">
      <c r="B4625" s="43"/>
      <c r="C4625" s="73"/>
      <c r="D4625" s="64"/>
      <c r="E4625" s="64"/>
      <c r="F4625" s="55"/>
      <c r="G4625" s="102"/>
      <c r="H4625" s="97"/>
      <c r="T4625" s="98"/>
      <c r="U4625" s="97"/>
      <c r="AG4625" s="98"/>
      <c r="AY4625" s="164"/>
      <c r="BK4625" s="98"/>
      <c r="BL4625" s="97"/>
      <c r="BX4625" s="98"/>
      <c r="CL4625" s="97"/>
      <c r="CX4625" s="98"/>
      <c r="DL4625" s="97"/>
      <c r="DX4625" s="98"/>
      <c r="EL4625" s="97"/>
      <c r="EX4625" s="98"/>
      <c r="EY4625" s="97"/>
      <c r="FL4625" s="126"/>
      <c r="FM4625" s="91"/>
      <c r="FN4625" s="91"/>
      <c r="FO4625" s="91"/>
      <c r="FP4625" s="91"/>
      <c r="FQ4625" s="91"/>
      <c r="FR4625" s="91"/>
      <c r="FS4625" s="91"/>
      <c r="FT4625" s="91"/>
      <c r="FU4625" s="91"/>
      <c r="FV4625" s="91"/>
      <c r="FW4625" s="91"/>
      <c r="FX4625" s="127"/>
      <c r="FY4625" s="126"/>
      <c r="FZ4625" s="91"/>
      <c r="GA4625" s="91"/>
      <c r="GB4625" s="91"/>
      <c r="GC4625" s="91"/>
      <c r="GD4625" s="91"/>
      <c r="GE4625" s="91"/>
      <c r="GF4625" s="91"/>
      <c r="GG4625" s="91"/>
      <c r="GH4625" s="91"/>
      <c r="GI4625" s="91"/>
      <c r="GJ4625" s="91"/>
      <c r="GK4625" s="127"/>
      <c r="GL4625" s="126"/>
      <c r="GM4625" s="91"/>
      <c r="GN4625" s="91"/>
      <c r="GO4625" s="91"/>
      <c r="GP4625" s="91"/>
      <c r="GQ4625" s="91"/>
      <c r="GR4625" s="91"/>
      <c r="GS4625" s="91"/>
      <c r="GT4625" s="91"/>
      <c r="GU4625" s="91"/>
      <c r="GV4625" s="91"/>
      <c r="GW4625" s="91"/>
      <c r="GX4625" s="127"/>
      <c r="GY4625" s="126"/>
      <c r="GZ4625" s="91"/>
      <c r="HA4625" s="91"/>
      <c r="HB4625" s="91"/>
      <c r="HC4625" s="91"/>
      <c r="HD4625" s="91"/>
      <c r="HE4625" s="91"/>
      <c r="HF4625" s="91"/>
      <c r="HG4625" s="91"/>
      <c r="HH4625" s="91"/>
      <c r="HI4625" s="91"/>
      <c r="HJ4625" s="91"/>
      <c r="HK4625" s="127"/>
      <c r="HL4625" s="126"/>
      <c r="HM4625" s="91"/>
      <c r="HN4625" s="91"/>
      <c r="HO4625" s="91"/>
      <c r="HP4625" s="91"/>
      <c r="HQ4625" s="91"/>
      <c r="HR4625" s="91"/>
      <c r="HS4625" s="91"/>
      <c r="HT4625" s="91"/>
      <c r="HU4625" s="91"/>
      <c r="HV4625" s="91"/>
      <c r="HW4625" s="91"/>
      <c r="HX4625" s="127"/>
      <c r="HY4625" s="126"/>
      <c r="HZ4625" s="91"/>
      <c r="IA4625" s="91"/>
      <c r="IB4625" s="91"/>
      <c r="IC4625" s="91"/>
      <c r="ID4625" s="91"/>
      <c r="IE4625" s="91"/>
      <c r="IF4625" s="91"/>
      <c r="IG4625" s="91"/>
      <c r="IH4625" s="91"/>
      <c r="II4625" s="91"/>
      <c r="IJ4625" s="91"/>
      <c r="IK4625" s="174"/>
    </row>
    <row r="4626" spans="2:245" x14ac:dyDescent="0.2">
      <c r="B4626" s="43"/>
      <c r="C4626" s="73"/>
      <c r="D4626" s="64"/>
      <c r="E4626" s="64"/>
      <c r="F4626" s="55"/>
      <c r="G4626" s="102"/>
      <c r="H4626" s="97"/>
      <c r="T4626" s="98"/>
      <c r="U4626" s="97"/>
      <c r="AG4626" s="98"/>
      <c r="AY4626" s="164"/>
      <c r="BK4626" s="98"/>
      <c r="BL4626" s="97"/>
      <c r="BX4626" s="98"/>
      <c r="CL4626" s="97"/>
      <c r="CX4626" s="98"/>
      <c r="DL4626" s="97"/>
      <c r="DX4626" s="98"/>
      <c r="EL4626" s="97"/>
      <c r="EX4626" s="98"/>
      <c r="EY4626" s="97"/>
      <c r="FL4626" s="126"/>
      <c r="FM4626" s="91"/>
      <c r="FN4626" s="91"/>
      <c r="FO4626" s="91"/>
      <c r="FP4626" s="91"/>
      <c r="FQ4626" s="91"/>
      <c r="FR4626" s="91"/>
      <c r="FS4626" s="91"/>
      <c r="FT4626" s="91"/>
      <c r="FU4626" s="91"/>
      <c r="FV4626" s="91"/>
      <c r="FW4626" s="91"/>
      <c r="FX4626" s="127"/>
      <c r="FY4626" s="126"/>
      <c r="FZ4626" s="91"/>
      <c r="GA4626" s="91"/>
      <c r="GB4626" s="91"/>
      <c r="GC4626" s="91"/>
      <c r="GD4626" s="91"/>
      <c r="GE4626" s="91"/>
      <c r="GF4626" s="91"/>
      <c r="GG4626" s="91"/>
      <c r="GH4626" s="91"/>
      <c r="GI4626" s="91"/>
      <c r="GJ4626" s="91"/>
      <c r="GK4626" s="127"/>
      <c r="GL4626" s="126"/>
      <c r="GM4626" s="91"/>
      <c r="GN4626" s="91"/>
      <c r="GO4626" s="91"/>
      <c r="GP4626" s="91"/>
      <c r="GQ4626" s="91"/>
      <c r="GR4626" s="91"/>
      <c r="GS4626" s="91"/>
      <c r="GT4626" s="91"/>
      <c r="GU4626" s="91"/>
      <c r="GV4626" s="91"/>
      <c r="GW4626" s="91"/>
      <c r="GX4626" s="127"/>
      <c r="GY4626" s="126"/>
      <c r="GZ4626" s="91"/>
      <c r="HA4626" s="91"/>
      <c r="HB4626" s="91"/>
      <c r="HC4626" s="91"/>
      <c r="HD4626" s="91"/>
      <c r="HE4626" s="91"/>
      <c r="HF4626" s="91"/>
      <c r="HG4626" s="91"/>
      <c r="HH4626" s="91"/>
      <c r="HI4626" s="91"/>
      <c r="HJ4626" s="91"/>
      <c r="HK4626" s="127"/>
      <c r="HL4626" s="126"/>
      <c r="HM4626" s="91"/>
      <c r="HN4626" s="91"/>
      <c r="HO4626" s="91"/>
      <c r="HP4626" s="91"/>
      <c r="HQ4626" s="91"/>
      <c r="HR4626" s="91"/>
      <c r="HS4626" s="91"/>
      <c r="HT4626" s="91"/>
      <c r="HU4626" s="91"/>
      <c r="HV4626" s="91"/>
      <c r="HW4626" s="91"/>
      <c r="HX4626" s="127"/>
      <c r="HY4626" s="126"/>
      <c r="HZ4626" s="91"/>
      <c r="IA4626" s="91"/>
      <c r="IB4626" s="91"/>
      <c r="IC4626" s="91"/>
      <c r="ID4626" s="91"/>
      <c r="IE4626" s="91"/>
      <c r="IF4626" s="91"/>
      <c r="IG4626" s="91"/>
      <c r="IH4626" s="91"/>
      <c r="II4626" s="91"/>
      <c r="IJ4626" s="91"/>
      <c r="IK4626" s="174"/>
    </row>
    <row r="4627" spans="2:245" x14ac:dyDescent="0.2">
      <c r="B4627" s="43"/>
      <c r="C4627" s="73"/>
      <c r="D4627" s="64"/>
      <c r="E4627" s="64"/>
      <c r="F4627" s="55"/>
      <c r="G4627" s="102"/>
      <c r="H4627" s="97"/>
      <c r="T4627" s="98"/>
      <c r="U4627" s="97"/>
      <c r="AG4627" s="98"/>
      <c r="AY4627" s="164"/>
      <c r="BK4627" s="98"/>
      <c r="BL4627" s="97"/>
      <c r="BX4627" s="98"/>
      <c r="CL4627" s="97"/>
      <c r="CX4627" s="98"/>
      <c r="DL4627" s="97"/>
      <c r="DX4627" s="98"/>
      <c r="EL4627" s="97"/>
      <c r="EX4627" s="98"/>
      <c r="EY4627" s="97"/>
      <c r="FL4627" s="126"/>
      <c r="FM4627" s="91"/>
      <c r="FN4627" s="91"/>
      <c r="FO4627" s="91"/>
      <c r="FP4627" s="91"/>
      <c r="FQ4627" s="91"/>
      <c r="FR4627" s="91"/>
      <c r="FS4627" s="91"/>
      <c r="FT4627" s="91"/>
      <c r="FU4627" s="91"/>
      <c r="FV4627" s="91"/>
      <c r="FW4627" s="91"/>
      <c r="FX4627" s="127"/>
      <c r="FY4627" s="126"/>
      <c r="FZ4627" s="91"/>
      <c r="GA4627" s="91"/>
      <c r="GB4627" s="91"/>
      <c r="GC4627" s="91"/>
      <c r="GD4627" s="91"/>
      <c r="GE4627" s="91"/>
      <c r="GF4627" s="91"/>
      <c r="GG4627" s="91"/>
      <c r="GH4627" s="91"/>
      <c r="GI4627" s="91"/>
      <c r="GJ4627" s="91"/>
      <c r="GK4627" s="127"/>
      <c r="GL4627" s="126"/>
      <c r="GM4627" s="91"/>
      <c r="GN4627" s="91"/>
      <c r="GO4627" s="91"/>
      <c r="GP4627" s="91"/>
      <c r="GQ4627" s="91"/>
      <c r="GR4627" s="91"/>
      <c r="GS4627" s="91"/>
      <c r="GT4627" s="91"/>
      <c r="GU4627" s="91"/>
      <c r="GV4627" s="91"/>
      <c r="GW4627" s="91"/>
      <c r="GX4627" s="127"/>
      <c r="GY4627" s="126"/>
      <c r="GZ4627" s="91"/>
      <c r="HA4627" s="91"/>
      <c r="HB4627" s="91"/>
      <c r="HC4627" s="91"/>
      <c r="HD4627" s="91"/>
      <c r="HE4627" s="91"/>
      <c r="HF4627" s="91"/>
      <c r="HG4627" s="91"/>
      <c r="HH4627" s="91"/>
      <c r="HI4627" s="91"/>
      <c r="HJ4627" s="91"/>
      <c r="HK4627" s="127"/>
      <c r="HL4627" s="126"/>
      <c r="HM4627" s="91"/>
      <c r="HN4627" s="91"/>
      <c r="HO4627" s="91"/>
      <c r="HP4627" s="91"/>
      <c r="HQ4627" s="91"/>
      <c r="HR4627" s="91"/>
      <c r="HS4627" s="91"/>
      <c r="HT4627" s="91"/>
      <c r="HU4627" s="91"/>
      <c r="HV4627" s="91"/>
      <c r="HW4627" s="91"/>
      <c r="HX4627" s="127"/>
      <c r="HY4627" s="126"/>
      <c r="HZ4627" s="91"/>
      <c r="IA4627" s="91"/>
      <c r="IB4627" s="91"/>
      <c r="IC4627" s="91"/>
      <c r="ID4627" s="91"/>
      <c r="IE4627" s="91"/>
      <c r="IF4627" s="91"/>
      <c r="IG4627" s="91"/>
      <c r="IH4627" s="91"/>
      <c r="II4627" s="91"/>
      <c r="IJ4627" s="91"/>
      <c r="IK4627" s="174"/>
    </row>
    <row r="4628" spans="2:245" x14ac:dyDescent="0.2">
      <c r="B4628" s="43"/>
      <c r="C4628" s="73"/>
      <c r="D4628" s="64"/>
      <c r="E4628" s="64"/>
      <c r="F4628" s="55"/>
      <c r="G4628" s="102"/>
      <c r="H4628" s="97"/>
      <c r="T4628" s="98"/>
      <c r="U4628" s="97"/>
      <c r="AG4628" s="98"/>
      <c r="AY4628" s="164"/>
      <c r="BK4628" s="98"/>
      <c r="BL4628" s="97"/>
      <c r="BX4628" s="98"/>
      <c r="CL4628" s="97"/>
      <c r="CX4628" s="98"/>
      <c r="DL4628" s="97"/>
      <c r="DX4628" s="98"/>
      <c r="EL4628" s="97"/>
      <c r="EX4628" s="98"/>
      <c r="EY4628" s="97"/>
      <c r="FL4628" s="126"/>
      <c r="FM4628" s="91"/>
      <c r="FN4628" s="91"/>
      <c r="FO4628" s="91"/>
      <c r="FP4628" s="91"/>
      <c r="FQ4628" s="91"/>
      <c r="FR4628" s="91"/>
      <c r="FS4628" s="91"/>
      <c r="FT4628" s="91"/>
      <c r="FU4628" s="91"/>
      <c r="FV4628" s="91"/>
      <c r="FW4628" s="91"/>
      <c r="FX4628" s="127"/>
      <c r="FY4628" s="126"/>
      <c r="FZ4628" s="91"/>
      <c r="GA4628" s="91"/>
      <c r="GB4628" s="91"/>
      <c r="GC4628" s="91"/>
      <c r="GD4628" s="91"/>
      <c r="GE4628" s="91"/>
      <c r="GF4628" s="91"/>
      <c r="GG4628" s="91"/>
      <c r="GH4628" s="91"/>
      <c r="GI4628" s="91"/>
      <c r="GJ4628" s="91"/>
      <c r="GK4628" s="127"/>
      <c r="GL4628" s="126"/>
      <c r="GM4628" s="91"/>
      <c r="GN4628" s="91"/>
      <c r="GO4628" s="91"/>
      <c r="GP4628" s="91"/>
      <c r="GQ4628" s="91"/>
      <c r="GR4628" s="91"/>
      <c r="GS4628" s="91"/>
      <c r="GT4628" s="91"/>
      <c r="GU4628" s="91"/>
      <c r="GV4628" s="91"/>
      <c r="GW4628" s="91"/>
      <c r="GX4628" s="127"/>
      <c r="GY4628" s="126"/>
      <c r="GZ4628" s="91"/>
      <c r="HA4628" s="91"/>
      <c r="HB4628" s="91"/>
      <c r="HC4628" s="91"/>
      <c r="HD4628" s="91"/>
      <c r="HE4628" s="91"/>
      <c r="HF4628" s="91"/>
      <c r="HG4628" s="91"/>
      <c r="HH4628" s="91"/>
      <c r="HI4628" s="91"/>
      <c r="HJ4628" s="91"/>
      <c r="HK4628" s="127"/>
      <c r="HL4628" s="126"/>
      <c r="HM4628" s="91"/>
      <c r="HN4628" s="91"/>
      <c r="HO4628" s="91"/>
      <c r="HP4628" s="91"/>
      <c r="HQ4628" s="91"/>
      <c r="HR4628" s="91"/>
      <c r="HS4628" s="91"/>
      <c r="HT4628" s="91"/>
      <c r="HU4628" s="91"/>
      <c r="HV4628" s="91"/>
      <c r="HW4628" s="91"/>
      <c r="HX4628" s="127"/>
      <c r="HY4628" s="126"/>
      <c r="HZ4628" s="91"/>
      <c r="IA4628" s="91"/>
      <c r="IB4628" s="91"/>
      <c r="IC4628" s="91"/>
      <c r="ID4628" s="91"/>
      <c r="IE4628" s="91"/>
      <c r="IF4628" s="91"/>
      <c r="IG4628" s="91"/>
      <c r="IH4628" s="91"/>
      <c r="II4628" s="91"/>
      <c r="IJ4628" s="91"/>
      <c r="IK4628" s="174"/>
    </row>
    <row r="4629" spans="2:245" x14ac:dyDescent="0.2">
      <c r="B4629" s="43"/>
      <c r="C4629" s="73"/>
      <c r="D4629" s="64"/>
      <c r="E4629" s="64"/>
      <c r="F4629" s="55"/>
      <c r="G4629" s="102"/>
      <c r="H4629" s="97"/>
      <c r="T4629" s="98"/>
      <c r="U4629" s="97"/>
      <c r="AG4629" s="98"/>
      <c r="AY4629" s="164"/>
      <c r="BK4629" s="98"/>
      <c r="BL4629" s="97"/>
      <c r="BX4629" s="98"/>
      <c r="CL4629" s="97"/>
      <c r="CX4629" s="98"/>
      <c r="DL4629" s="97"/>
      <c r="DX4629" s="98"/>
      <c r="EL4629" s="97"/>
      <c r="EX4629" s="98"/>
      <c r="EY4629" s="97"/>
      <c r="FL4629" s="126"/>
      <c r="FM4629" s="91"/>
      <c r="FN4629" s="91"/>
      <c r="FO4629" s="91"/>
      <c r="FP4629" s="91"/>
      <c r="FQ4629" s="91"/>
      <c r="FR4629" s="91"/>
      <c r="FS4629" s="91"/>
      <c r="FT4629" s="91"/>
      <c r="FU4629" s="91"/>
      <c r="FV4629" s="91"/>
      <c r="FW4629" s="91"/>
      <c r="FX4629" s="127"/>
      <c r="FY4629" s="126"/>
      <c r="FZ4629" s="91"/>
      <c r="GA4629" s="91"/>
      <c r="GB4629" s="91"/>
      <c r="GC4629" s="91"/>
      <c r="GD4629" s="91"/>
      <c r="GE4629" s="91"/>
      <c r="GF4629" s="91"/>
      <c r="GG4629" s="91"/>
      <c r="GH4629" s="91"/>
      <c r="GI4629" s="91"/>
      <c r="GJ4629" s="91"/>
      <c r="GK4629" s="127"/>
      <c r="GL4629" s="126"/>
      <c r="GM4629" s="91"/>
      <c r="GN4629" s="91"/>
      <c r="GO4629" s="91"/>
      <c r="GP4629" s="91"/>
      <c r="GQ4629" s="91"/>
      <c r="GR4629" s="91"/>
      <c r="GS4629" s="91"/>
      <c r="GT4629" s="91"/>
      <c r="GU4629" s="91"/>
      <c r="GV4629" s="91"/>
      <c r="GW4629" s="91"/>
      <c r="GX4629" s="127"/>
      <c r="GY4629" s="126"/>
      <c r="GZ4629" s="91"/>
      <c r="HA4629" s="91"/>
      <c r="HB4629" s="91"/>
      <c r="HC4629" s="91"/>
      <c r="HD4629" s="91"/>
      <c r="HE4629" s="91"/>
      <c r="HF4629" s="91"/>
      <c r="HG4629" s="91"/>
      <c r="HH4629" s="91"/>
      <c r="HI4629" s="91"/>
      <c r="HJ4629" s="91"/>
      <c r="HK4629" s="127"/>
      <c r="HL4629" s="126"/>
      <c r="HM4629" s="91"/>
      <c r="HN4629" s="91"/>
      <c r="HO4629" s="91"/>
      <c r="HP4629" s="91"/>
      <c r="HQ4629" s="91"/>
      <c r="HR4629" s="91"/>
      <c r="HS4629" s="91"/>
      <c r="HT4629" s="91"/>
      <c r="HU4629" s="91"/>
      <c r="HV4629" s="91"/>
      <c r="HW4629" s="91"/>
      <c r="HX4629" s="127"/>
      <c r="HY4629" s="126"/>
      <c r="HZ4629" s="91"/>
      <c r="IA4629" s="91"/>
      <c r="IB4629" s="91"/>
      <c r="IC4629" s="91"/>
      <c r="ID4629" s="91"/>
      <c r="IE4629" s="91"/>
      <c r="IF4629" s="91"/>
      <c r="IG4629" s="91"/>
      <c r="IH4629" s="91"/>
      <c r="II4629" s="91"/>
      <c r="IJ4629" s="91"/>
      <c r="IK4629" s="174"/>
    </row>
    <row r="4630" spans="2:245" x14ac:dyDescent="0.2">
      <c r="B4630" s="43"/>
      <c r="C4630" s="73"/>
      <c r="D4630" s="64"/>
      <c r="E4630" s="64"/>
      <c r="F4630" s="55"/>
      <c r="G4630" s="102"/>
      <c r="H4630" s="97"/>
      <c r="T4630" s="98"/>
      <c r="U4630" s="97"/>
      <c r="AG4630" s="98"/>
      <c r="AY4630" s="164"/>
      <c r="BK4630" s="98"/>
      <c r="BL4630" s="97"/>
      <c r="BX4630" s="98"/>
      <c r="CL4630" s="97"/>
      <c r="CX4630" s="98"/>
      <c r="DL4630" s="97"/>
      <c r="DX4630" s="98"/>
      <c r="EL4630" s="97"/>
      <c r="EX4630" s="98"/>
      <c r="EY4630" s="97"/>
      <c r="FL4630" s="126"/>
      <c r="FM4630" s="91"/>
      <c r="FN4630" s="91"/>
      <c r="FO4630" s="91"/>
      <c r="FP4630" s="91"/>
      <c r="FQ4630" s="91"/>
      <c r="FR4630" s="91"/>
      <c r="FS4630" s="91"/>
      <c r="FT4630" s="91"/>
      <c r="FU4630" s="91"/>
      <c r="FV4630" s="91"/>
      <c r="FW4630" s="91"/>
      <c r="FX4630" s="127"/>
      <c r="FY4630" s="126"/>
      <c r="FZ4630" s="91"/>
      <c r="GA4630" s="91"/>
      <c r="GB4630" s="91"/>
      <c r="GC4630" s="91"/>
      <c r="GD4630" s="91"/>
      <c r="GE4630" s="91"/>
      <c r="GF4630" s="91"/>
      <c r="GG4630" s="91"/>
      <c r="GH4630" s="91"/>
      <c r="GI4630" s="91"/>
      <c r="GJ4630" s="91"/>
      <c r="GK4630" s="127"/>
      <c r="GL4630" s="126"/>
      <c r="GM4630" s="91"/>
      <c r="GN4630" s="91"/>
      <c r="GO4630" s="91"/>
      <c r="GP4630" s="91"/>
      <c r="GQ4630" s="91"/>
      <c r="GR4630" s="91"/>
      <c r="GS4630" s="91"/>
      <c r="GT4630" s="91"/>
      <c r="GU4630" s="91"/>
      <c r="GV4630" s="91"/>
      <c r="GW4630" s="91"/>
      <c r="GX4630" s="127"/>
      <c r="GY4630" s="126"/>
      <c r="GZ4630" s="91"/>
      <c r="HA4630" s="91"/>
      <c r="HB4630" s="91"/>
      <c r="HC4630" s="91"/>
      <c r="HD4630" s="91"/>
      <c r="HE4630" s="91"/>
      <c r="HF4630" s="91"/>
      <c r="HG4630" s="91"/>
      <c r="HH4630" s="91"/>
      <c r="HI4630" s="91"/>
      <c r="HJ4630" s="91"/>
      <c r="HK4630" s="127"/>
      <c r="HL4630" s="126"/>
      <c r="HM4630" s="91"/>
      <c r="HN4630" s="91"/>
      <c r="HO4630" s="91"/>
      <c r="HP4630" s="91"/>
      <c r="HQ4630" s="91"/>
      <c r="HR4630" s="91"/>
      <c r="HS4630" s="91"/>
      <c r="HT4630" s="91"/>
      <c r="HU4630" s="91"/>
      <c r="HV4630" s="91"/>
      <c r="HW4630" s="91"/>
      <c r="HX4630" s="127"/>
      <c r="HY4630" s="126"/>
      <c r="HZ4630" s="91"/>
      <c r="IA4630" s="91"/>
      <c r="IB4630" s="91"/>
      <c r="IC4630" s="91"/>
      <c r="ID4630" s="91"/>
      <c r="IE4630" s="91"/>
      <c r="IF4630" s="91"/>
      <c r="IG4630" s="91"/>
      <c r="IH4630" s="91"/>
      <c r="II4630" s="91"/>
      <c r="IJ4630" s="91"/>
      <c r="IK4630" s="174"/>
    </row>
    <row r="4631" spans="2:245" x14ac:dyDescent="0.2">
      <c r="B4631" s="43"/>
      <c r="C4631" s="73"/>
      <c r="D4631" s="64"/>
      <c r="E4631" s="64"/>
      <c r="F4631" s="55"/>
      <c r="G4631" s="102"/>
      <c r="H4631" s="97"/>
      <c r="T4631" s="98"/>
      <c r="U4631" s="97"/>
      <c r="AG4631" s="98"/>
      <c r="AY4631" s="164"/>
      <c r="BK4631" s="98"/>
      <c r="BL4631" s="97"/>
      <c r="BX4631" s="98"/>
      <c r="CL4631" s="97"/>
      <c r="CX4631" s="98"/>
      <c r="DL4631" s="97"/>
      <c r="DX4631" s="98"/>
      <c r="EL4631" s="97"/>
      <c r="EX4631" s="98"/>
      <c r="EY4631" s="97"/>
      <c r="FL4631" s="126"/>
      <c r="FM4631" s="91"/>
      <c r="FN4631" s="91"/>
      <c r="FO4631" s="91"/>
      <c r="FP4631" s="91"/>
      <c r="FQ4631" s="91"/>
      <c r="FR4631" s="91"/>
      <c r="FS4631" s="91"/>
      <c r="FT4631" s="91"/>
      <c r="FU4631" s="91"/>
      <c r="FV4631" s="91"/>
      <c r="FW4631" s="91"/>
      <c r="FX4631" s="127"/>
      <c r="FY4631" s="126"/>
      <c r="FZ4631" s="91"/>
      <c r="GA4631" s="91"/>
      <c r="GB4631" s="91"/>
      <c r="GC4631" s="91"/>
      <c r="GD4631" s="91"/>
      <c r="GE4631" s="91"/>
      <c r="GF4631" s="91"/>
      <c r="GG4631" s="91"/>
      <c r="GH4631" s="91"/>
      <c r="GI4631" s="91"/>
      <c r="GJ4631" s="91"/>
      <c r="GK4631" s="127"/>
      <c r="GL4631" s="126"/>
      <c r="GM4631" s="91"/>
      <c r="GN4631" s="91"/>
      <c r="GO4631" s="91"/>
      <c r="GP4631" s="91"/>
      <c r="GQ4631" s="91"/>
      <c r="GR4631" s="91"/>
      <c r="GS4631" s="91"/>
      <c r="GT4631" s="91"/>
      <c r="GU4631" s="91"/>
      <c r="GV4631" s="91"/>
      <c r="GW4631" s="91"/>
      <c r="GX4631" s="127"/>
      <c r="GY4631" s="126"/>
      <c r="GZ4631" s="91"/>
      <c r="HA4631" s="91"/>
      <c r="HB4631" s="91"/>
      <c r="HC4631" s="91"/>
      <c r="HD4631" s="91"/>
      <c r="HE4631" s="91"/>
      <c r="HF4631" s="91"/>
      <c r="HG4631" s="91"/>
      <c r="HH4631" s="91"/>
      <c r="HI4631" s="91"/>
      <c r="HJ4631" s="91"/>
      <c r="HK4631" s="127"/>
      <c r="HL4631" s="126"/>
      <c r="HM4631" s="91"/>
      <c r="HN4631" s="91"/>
      <c r="HO4631" s="91"/>
      <c r="HP4631" s="91"/>
      <c r="HQ4631" s="91"/>
      <c r="HR4631" s="91"/>
      <c r="HS4631" s="91"/>
      <c r="HT4631" s="91"/>
      <c r="HU4631" s="91"/>
      <c r="HV4631" s="91"/>
      <c r="HW4631" s="91"/>
      <c r="HX4631" s="127"/>
      <c r="HY4631" s="126"/>
      <c r="HZ4631" s="91"/>
      <c r="IA4631" s="91"/>
      <c r="IB4631" s="91"/>
      <c r="IC4631" s="91"/>
      <c r="ID4631" s="91"/>
      <c r="IE4631" s="91"/>
      <c r="IF4631" s="91"/>
      <c r="IG4631" s="91"/>
      <c r="IH4631" s="91"/>
      <c r="II4631" s="91"/>
      <c r="IJ4631" s="91"/>
      <c r="IK4631" s="174"/>
    </row>
    <row r="4632" spans="2:245" x14ac:dyDescent="0.2">
      <c r="B4632" s="43"/>
      <c r="C4632" s="73"/>
      <c r="D4632" s="64"/>
      <c r="E4632" s="64"/>
      <c r="F4632" s="55"/>
      <c r="G4632" s="102"/>
      <c r="H4632" s="97"/>
      <c r="T4632" s="98"/>
      <c r="U4632" s="97"/>
      <c r="AG4632" s="98"/>
      <c r="AY4632" s="164"/>
      <c r="BK4632" s="98"/>
      <c r="BL4632" s="97"/>
      <c r="BX4632" s="98"/>
      <c r="CL4632" s="97"/>
      <c r="CX4632" s="98"/>
      <c r="DL4632" s="97"/>
      <c r="DX4632" s="98"/>
      <c r="EL4632" s="97"/>
      <c r="EX4632" s="98"/>
      <c r="EY4632" s="97"/>
      <c r="FL4632" s="126"/>
      <c r="FM4632" s="91"/>
      <c r="FN4632" s="91"/>
      <c r="FO4632" s="91"/>
      <c r="FP4632" s="91"/>
      <c r="FQ4632" s="91"/>
      <c r="FR4632" s="91"/>
      <c r="FS4632" s="91"/>
      <c r="FT4632" s="91"/>
      <c r="FU4632" s="91"/>
      <c r="FV4632" s="91"/>
      <c r="FW4632" s="91"/>
      <c r="FX4632" s="127"/>
      <c r="FY4632" s="126"/>
      <c r="FZ4632" s="91"/>
      <c r="GA4632" s="91"/>
      <c r="GB4632" s="91"/>
      <c r="GC4632" s="91"/>
      <c r="GD4632" s="91"/>
      <c r="GE4632" s="91"/>
      <c r="GF4632" s="91"/>
      <c r="GG4632" s="91"/>
      <c r="GH4632" s="91"/>
      <c r="GI4632" s="91"/>
      <c r="GJ4632" s="91"/>
      <c r="GK4632" s="127"/>
      <c r="GL4632" s="126"/>
      <c r="GM4632" s="91"/>
      <c r="GN4632" s="91"/>
      <c r="GO4632" s="91"/>
      <c r="GP4632" s="91"/>
      <c r="GQ4632" s="91"/>
      <c r="GR4632" s="91"/>
      <c r="GS4632" s="91"/>
      <c r="GT4632" s="91"/>
      <c r="GU4632" s="91"/>
      <c r="GV4632" s="91"/>
      <c r="GW4632" s="91"/>
      <c r="GX4632" s="127"/>
      <c r="GY4632" s="126"/>
      <c r="GZ4632" s="91"/>
      <c r="HA4632" s="91"/>
      <c r="HB4632" s="91"/>
      <c r="HC4632" s="91"/>
      <c r="HD4632" s="91"/>
      <c r="HE4632" s="91"/>
      <c r="HF4632" s="91"/>
      <c r="HG4632" s="91"/>
      <c r="HH4632" s="91"/>
      <c r="HI4632" s="91"/>
      <c r="HJ4632" s="91"/>
      <c r="HK4632" s="127"/>
      <c r="HL4632" s="126"/>
      <c r="HM4632" s="91"/>
      <c r="HN4632" s="91"/>
      <c r="HO4632" s="91"/>
      <c r="HP4632" s="91"/>
      <c r="HQ4632" s="91"/>
      <c r="HR4632" s="91"/>
      <c r="HS4632" s="91"/>
      <c r="HT4632" s="91"/>
      <c r="HU4632" s="91"/>
      <c r="HV4632" s="91"/>
      <c r="HW4632" s="91"/>
      <c r="HX4632" s="127"/>
      <c r="HY4632" s="126"/>
      <c r="HZ4632" s="91"/>
      <c r="IA4632" s="91"/>
      <c r="IB4632" s="91"/>
      <c r="IC4632" s="91"/>
      <c r="ID4632" s="91"/>
      <c r="IE4632" s="91"/>
      <c r="IF4632" s="91"/>
      <c r="IG4632" s="91"/>
      <c r="IH4632" s="91"/>
      <c r="II4632" s="91"/>
      <c r="IJ4632" s="91"/>
      <c r="IK4632" s="174"/>
    </row>
    <row r="4633" spans="2:245" x14ac:dyDescent="0.2">
      <c r="B4633" s="43"/>
      <c r="C4633" s="73"/>
      <c r="D4633" s="64"/>
      <c r="E4633" s="64"/>
      <c r="F4633" s="55"/>
      <c r="G4633" s="102"/>
      <c r="H4633" s="97"/>
      <c r="T4633" s="98"/>
      <c r="U4633" s="97"/>
      <c r="AG4633" s="98"/>
      <c r="AY4633" s="164"/>
      <c r="BK4633" s="98"/>
      <c r="BL4633" s="97"/>
      <c r="BX4633" s="98"/>
      <c r="CL4633" s="97"/>
      <c r="CX4633" s="98"/>
      <c r="DL4633" s="97"/>
      <c r="DX4633" s="98"/>
      <c r="EL4633" s="97"/>
      <c r="EX4633" s="98"/>
      <c r="EY4633" s="97"/>
      <c r="FL4633" s="126"/>
      <c r="FM4633" s="91"/>
      <c r="FN4633" s="91"/>
      <c r="FO4633" s="91"/>
      <c r="FP4633" s="91"/>
      <c r="FQ4633" s="91"/>
      <c r="FR4633" s="91"/>
      <c r="FS4633" s="91"/>
      <c r="FT4633" s="91"/>
      <c r="FU4633" s="91"/>
      <c r="FV4633" s="91"/>
      <c r="FW4633" s="91"/>
      <c r="FX4633" s="127"/>
      <c r="FY4633" s="126"/>
      <c r="FZ4633" s="91"/>
      <c r="GA4633" s="91"/>
      <c r="GB4633" s="91"/>
      <c r="GC4633" s="91"/>
      <c r="GD4633" s="91"/>
      <c r="GE4633" s="91"/>
      <c r="GF4633" s="91"/>
      <c r="GG4633" s="91"/>
      <c r="GH4633" s="91"/>
      <c r="GI4633" s="91"/>
      <c r="GJ4633" s="91"/>
      <c r="GK4633" s="127"/>
      <c r="GL4633" s="126"/>
      <c r="GM4633" s="91"/>
      <c r="GN4633" s="91"/>
      <c r="GO4633" s="91"/>
      <c r="GP4633" s="91"/>
      <c r="GQ4633" s="91"/>
      <c r="GR4633" s="91"/>
      <c r="GS4633" s="91"/>
      <c r="GT4633" s="91"/>
      <c r="GU4633" s="91"/>
      <c r="GV4633" s="91"/>
      <c r="GW4633" s="91"/>
      <c r="GX4633" s="127"/>
      <c r="GY4633" s="126"/>
      <c r="GZ4633" s="91"/>
      <c r="HA4633" s="91"/>
      <c r="HB4633" s="91"/>
      <c r="HC4633" s="91"/>
      <c r="HD4633" s="91"/>
      <c r="HE4633" s="91"/>
      <c r="HF4633" s="91"/>
      <c r="HG4633" s="91"/>
      <c r="HH4633" s="91"/>
      <c r="HI4633" s="91"/>
      <c r="HJ4633" s="91"/>
      <c r="HK4633" s="127"/>
      <c r="HL4633" s="126"/>
      <c r="HM4633" s="91"/>
      <c r="HN4633" s="91"/>
      <c r="HO4633" s="91"/>
      <c r="HP4633" s="91"/>
      <c r="HQ4633" s="91"/>
      <c r="HR4633" s="91"/>
      <c r="HS4633" s="91"/>
      <c r="HT4633" s="91"/>
      <c r="HU4633" s="91"/>
      <c r="HV4633" s="91"/>
      <c r="HW4633" s="91"/>
      <c r="HX4633" s="127"/>
      <c r="HY4633" s="126"/>
      <c r="HZ4633" s="91"/>
      <c r="IA4633" s="91"/>
      <c r="IB4633" s="91"/>
      <c r="IC4633" s="91"/>
      <c r="ID4633" s="91"/>
      <c r="IE4633" s="91"/>
      <c r="IF4633" s="91"/>
      <c r="IG4633" s="91"/>
      <c r="IH4633" s="91"/>
      <c r="II4633" s="91"/>
      <c r="IJ4633" s="91"/>
      <c r="IK4633" s="174"/>
    </row>
    <row r="4634" spans="2:245" x14ac:dyDescent="0.2">
      <c r="B4634" s="43"/>
      <c r="C4634" s="73"/>
      <c r="D4634" s="64"/>
      <c r="E4634" s="64"/>
      <c r="F4634" s="55"/>
      <c r="G4634" s="102"/>
      <c r="H4634" s="97"/>
      <c r="T4634" s="98"/>
      <c r="U4634" s="97"/>
      <c r="AG4634" s="98"/>
      <c r="AY4634" s="164"/>
      <c r="BK4634" s="98"/>
      <c r="BL4634" s="97"/>
      <c r="BX4634" s="98"/>
      <c r="CL4634" s="97"/>
      <c r="CX4634" s="98"/>
      <c r="DL4634" s="97"/>
      <c r="DX4634" s="98"/>
      <c r="EL4634" s="97"/>
      <c r="EX4634" s="98"/>
      <c r="EY4634" s="97"/>
      <c r="FL4634" s="126"/>
      <c r="FM4634" s="91"/>
      <c r="FN4634" s="91"/>
      <c r="FO4634" s="91"/>
      <c r="FP4634" s="91"/>
      <c r="FQ4634" s="91"/>
      <c r="FR4634" s="91"/>
      <c r="FS4634" s="91"/>
      <c r="FT4634" s="91"/>
      <c r="FU4634" s="91"/>
      <c r="FV4634" s="91"/>
      <c r="FW4634" s="91"/>
      <c r="FX4634" s="127"/>
      <c r="FY4634" s="126"/>
      <c r="FZ4634" s="91"/>
      <c r="GA4634" s="91"/>
      <c r="GB4634" s="91"/>
      <c r="GC4634" s="91"/>
      <c r="GD4634" s="91"/>
      <c r="GE4634" s="91"/>
      <c r="GF4634" s="91"/>
      <c r="GG4634" s="91"/>
      <c r="GH4634" s="91"/>
      <c r="GI4634" s="91"/>
      <c r="GJ4634" s="91"/>
      <c r="GK4634" s="127"/>
      <c r="GL4634" s="126"/>
      <c r="GM4634" s="91"/>
      <c r="GN4634" s="91"/>
      <c r="GO4634" s="91"/>
      <c r="GP4634" s="91"/>
      <c r="GQ4634" s="91"/>
      <c r="GR4634" s="91"/>
      <c r="GS4634" s="91"/>
      <c r="GT4634" s="91"/>
      <c r="GU4634" s="91"/>
      <c r="GV4634" s="91"/>
      <c r="GW4634" s="91"/>
      <c r="GX4634" s="127"/>
      <c r="GY4634" s="126"/>
      <c r="GZ4634" s="91"/>
      <c r="HA4634" s="91"/>
      <c r="HB4634" s="91"/>
      <c r="HC4634" s="91"/>
      <c r="HD4634" s="91"/>
      <c r="HE4634" s="91"/>
      <c r="HF4634" s="91"/>
      <c r="HG4634" s="91"/>
      <c r="HH4634" s="91"/>
      <c r="HI4634" s="91"/>
      <c r="HJ4634" s="91"/>
      <c r="HK4634" s="127"/>
      <c r="HL4634" s="126"/>
      <c r="HM4634" s="91"/>
      <c r="HN4634" s="91"/>
      <c r="HO4634" s="91"/>
      <c r="HP4634" s="91"/>
      <c r="HQ4634" s="91"/>
      <c r="HR4634" s="91"/>
      <c r="HS4634" s="91"/>
      <c r="HT4634" s="91"/>
      <c r="HU4634" s="91"/>
      <c r="HV4634" s="91"/>
      <c r="HW4634" s="91"/>
      <c r="HX4634" s="127"/>
      <c r="HY4634" s="126"/>
      <c r="HZ4634" s="91"/>
      <c r="IA4634" s="91"/>
      <c r="IB4634" s="91"/>
      <c r="IC4634" s="91"/>
      <c r="ID4634" s="91"/>
      <c r="IE4634" s="91"/>
      <c r="IF4634" s="91"/>
      <c r="IG4634" s="91"/>
      <c r="IH4634" s="91"/>
      <c r="II4634" s="91"/>
      <c r="IJ4634" s="91"/>
      <c r="IK4634" s="174"/>
    </row>
    <row r="4635" spans="2:245" x14ac:dyDescent="0.2">
      <c r="B4635" s="43"/>
      <c r="C4635" s="73"/>
      <c r="D4635" s="64"/>
      <c r="E4635" s="64"/>
      <c r="F4635" s="55"/>
      <c r="G4635" s="102"/>
      <c r="H4635" s="97"/>
      <c r="T4635" s="98"/>
      <c r="U4635" s="97"/>
      <c r="AG4635" s="98"/>
      <c r="AY4635" s="164"/>
      <c r="BK4635" s="98"/>
      <c r="BL4635" s="97"/>
      <c r="BX4635" s="98"/>
      <c r="CL4635" s="97"/>
      <c r="CX4635" s="98"/>
      <c r="DL4635" s="97"/>
      <c r="DX4635" s="98"/>
      <c r="EL4635" s="97"/>
      <c r="EX4635" s="98"/>
      <c r="EY4635" s="97"/>
      <c r="FL4635" s="126"/>
      <c r="FM4635" s="91"/>
      <c r="FN4635" s="91"/>
      <c r="FO4635" s="91"/>
      <c r="FP4635" s="91"/>
      <c r="FQ4635" s="91"/>
      <c r="FR4635" s="91"/>
      <c r="FS4635" s="91"/>
      <c r="FT4635" s="91"/>
      <c r="FU4635" s="91"/>
      <c r="FV4635" s="91"/>
      <c r="FW4635" s="91"/>
      <c r="FX4635" s="127"/>
      <c r="FY4635" s="126"/>
      <c r="FZ4635" s="91"/>
      <c r="GA4635" s="91"/>
      <c r="GB4635" s="91"/>
      <c r="GC4635" s="91"/>
      <c r="GD4635" s="91"/>
      <c r="GE4635" s="91"/>
      <c r="GF4635" s="91"/>
      <c r="GG4635" s="91"/>
      <c r="GH4635" s="91"/>
      <c r="GI4635" s="91"/>
      <c r="GJ4635" s="91"/>
      <c r="GK4635" s="127"/>
      <c r="GL4635" s="126"/>
      <c r="GM4635" s="91"/>
      <c r="GN4635" s="91"/>
      <c r="GO4635" s="91"/>
      <c r="GP4635" s="91"/>
      <c r="GQ4635" s="91"/>
      <c r="GR4635" s="91"/>
      <c r="GS4635" s="91"/>
      <c r="GT4635" s="91"/>
      <c r="GU4635" s="91"/>
      <c r="GV4635" s="91"/>
      <c r="GW4635" s="91"/>
      <c r="GX4635" s="127"/>
      <c r="GY4635" s="126"/>
      <c r="GZ4635" s="91"/>
      <c r="HA4635" s="91"/>
      <c r="HB4635" s="91"/>
      <c r="HC4635" s="91"/>
      <c r="HD4635" s="91"/>
      <c r="HE4635" s="91"/>
      <c r="HF4635" s="91"/>
      <c r="HG4635" s="91"/>
      <c r="HH4635" s="91"/>
      <c r="HI4635" s="91"/>
      <c r="HJ4635" s="91"/>
      <c r="HK4635" s="127"/>
      <c r="HL4635" s="126"/>
      <c r="HM4635" s="91"/>
      <c r="HN4635" s="91"/>
      <c r="HO4635" s="91"/>
      <c r="HP4635" s="91"/>
      <c r="HQ4635" s="91"/>
      <c r="HR4635" s="91"/>
      <c r="HS4635" s="91"/>
      <c r="HT4635" s="91"/>
      <c r="HU4635" s="91"/>
      <c r="HV4635" s="91"/>
      <c r="HW4635" s="91"/>
      <c r="HX4635" s="127"/>
      <c r="HY4635" s="126"/>
      <c r="HZ4635" s="91"/>
      <c r="IA4635" s="91"/>
      <c r="IB4635" s="91"/>
      <c r="IC4635" s="91"/>
      <c r="ID4635" s="91"/>
      <c r="IE4635" s="91"/>
      <c r="IF4635" s="91"/>
      <c r="IG4635" s="91"/>
      <c r="IH4635" s="91"/>
      <c r="II4635" s="91"/>
      <c r="IJ4635" s="91"/>
      <c r="IK4635" s="174"/>
    </row>
    <row r="4636" spans="2:245" x14ac:dyDescent="0.2">
      <c r="B4636" s="43"/>
      <c r="C4636" s="73"/>
      <c r="D4636" s="64"/>
      <c r="E4636" s="64"/>
      <c r="F4636" s="55"/>
      <c r="G4636" s="102"/>
      <c r="H4636" s="97"/>
      <c r="T4636" s="98"/>
      <c r="U4636" s="97"/>
      <c r="AG4636" s="98"/>
      <c r="AY4636" s="164"/>
      <c r="BK4636" s="98"/>
      <c r="BL4636" s="97"/>
      <c r="BX4636" s="98"/>
      <c r="CL4636" s="97"/>
      <c r="CX4636" s="98"/>
      <c r="DL4636" s="97"/>
      <c r="DX4636" s="98"/>
      <c r="EL4636" s="97"/>
      <c r="EX4636" s="98"/>
      <c r="EY4636" s="97"/>
      <c r="FL4636" s="126"/>
      <c r="FM4636" s="91"/>
      <c r="FN4636" s="91"/>
      <c r="FO4636" s="91"/>
      <c r="FP4636" s="91"/>
      <c r="FQ4636" s="91"/>
      <c r="FR4636" s="91"/>
      <c r="FS4636" s="91"/>
      <c r="FT4636" s="91"/>
      <c r="FU4636" s="91"/>
      <c r="FV4636" s="91"/>
      <c r="FW4636" s="91"/>
      <c r="FX4636" s="127"/>
      <c r="FY4636" s="126"/>
      <c r="FZ4636" s="91"/>
      <c r="GA4636" s="91"/>
      <c r="GB4636" s="91"/>
      <c r="GC4636" s="91"/>
      <c r="GD4636" s="91"/>
      <c r="GE4636" s="91"/>
      <c r="GF4636" s="91"/>
      <c r="GG4636" s="91"/>
      <c r="GH4636" s="91"/>
      <c r="GI4636" s="91"/>
      <c r="GJ4636" s="91"/>
      <c r="GK4636" s="127"/>
      <c r="GL4636" s="126"/>
      <c r="GM4636" s="91"/>
      <c r="GN4636" s="91"/>
      <c r="GO4636" s="91"/>
      <c r="GP4636" s="91"/>
      <c r="GQ4636" s="91"/>
      <c r="GR4636" s="91"/>
      <c r="GS4636" s="91"/>
      <c r="GT4636" s="91"/>
      <c r="GU4636" s="91"/>
      <c r="GV4636" s="91"/>
      <c r="GW4636" s="91"/>
      <c r="GX4636" s="127"/>
      <c r="GY4636" s="126"/>
      <c r="GZ4636" s="91"/>
      <c r="HA4636" s="91"/>
      <c r="HB4636" s="91"/>
      <c r="HC4636" s="91"/>
      <c r="HD4636" s="91"/>
      <c r="HE4636" s="91"/>
      <c r="HF4636" s="91"/>
      <c r="HG4636" s="91"/>
      <c r="HH4636" s="91"/>
      <c r="HI4636" s="91"/>
      <c r="HJ4636" s="91"/>
      <c r="HK4636" s="127"/>
      <c r="HL4636" s="126"/>
      <c r="HM4636" s="91"/>
      <c r="HN4636" s="91"/>
      <c r="HO4636" s="91"/>
      <c r="HP4636" s="91"/>
      <c r="HQ4636" s="91"/>
      <c r="HR4636" s="91"/>
      <c r="HS4636" s="91"/>
      <c r="HT4636" s="91"/>
      <c r="HU4636" s="91"/>
      <c r="HV4636" s="91"/>
      <c r="HW4636" s="91"/>
      <c r="HX4636" s="127"/>
      <c r="HY4636" s="126"/>
      <c r="HZ4636" s="91"/>
      <c r="IA4636" s="91"/>
      <c r="IB4636" s="91"/>
      <c r="IC4636" s="91"/>
      <c r="ID4636" s="91"/>
      <c r="IE4636" s="91"/>
      <c r="IF4636" s="91"/>
      <c r="IG4636" s="91"/>
      <c r="IH4636" s="91"/>
      <c r="II4636" s="91"/>
      <c r="IJ4636" s="91"/>
      <c r="IK4636" s="174"/>
    </row>
    <row r="4637" spans="2:245" x14ac:dyDescent="0.2">
      <c r="B4637" s="43"/>
      <c r="C4637" s="73"/>
      <c r="D4637" s="64"/>
      <c r="E4637" s="64"/>
      <c r="F4637" s="55"/>
      <c r="G4637" s="102"/>
      <c r="H4637" s="97"/>
      <c r="T4637" s="98"/>
      <c r="U4637" s="97"/>
      <c r="AG4637" s="98"/>
      <c r="AY4637" s="164"/>
      <c r="BK4637" s="98"/>
      <c r="BL4637" s="97"/>
      <c r="BX4637" s="98"/>
      <c r="CL4637" s="97"/>
      <c r="CX4637" s="98"/>
      <c r="DL4637" s="97"/>
      <c r="DX4637" s="98"/>
      <c r="EL4637" s="97"/>
      <c r="EX4637" s="98"/>
      <c r="EY4637" s="97"/>
      <c r="FL4637" s="126"/>
      <c r="FM4637" s="91"/>
      <c r="FN4637" s="91"/>
      <c r="FO4637" s="91"/>
      <c r="FP4637" s="91"/>
      <c r="FQ4637" s="91"/>
      <c r="FR4637" s="91"/>
      <c r="FS4637" s="91"/>
      <c r="FT4637" s="91"/>
      <c r="FU4637" s="91"/>
      <c r="FV4637" s="91"/>
      <c r="FW4637" s="91"/>
      <c r="FX4637" s="127"/>
      <c r="FY4637" s="126"/>
      <c r="FZ4637" s="91"/>
      <c r="GA4637" s="91"/>
      <c r="GB4637" s="91"/>
      <c r="GC4637" s="91"/>
      <c r="GD4637" s="91"/>
      <c r="GE4637" s="91"/>
      <c r="GF4637" s="91"/>
      <c r="GG4637" s="91"/>
      <c r="GH4637" s="91"/>
      <c r="GI4637" s="91"/>
      <c r="GJ4637" s="91"/>
      <c r="GK4637" s="127"/>
      <c r="GL4637" s="126"/>
      <c r="GM4637" s="91"/>
      <c r="GN4637" s="91"/>
      <c r="GO4637" s="91"/>
      <c r="GP4637" s="91"/>
      <c r="GQ4637" s="91"/>
      <c r="GR4637" s="91"/>
      <c r="GS4637" s="91"/>
      <c r="GT4637" s="91"/>
      <c r="GU4637" s="91"/>
      <c r="GV4637" s="91"/>
      <c r="GW4637" s="91"/>
      <c r="GX4637" s="127"/>
      <c r="GY4637" s="126"/>
      <c r="GZ4637" s="91"/>
      <c r="HA4637" s="91"/>
      <c r="HB4637" s="91"/>
      <c r="HC4637" s="91"/>
      <c r="HD4637" s="91"/>
      <c r="HE4637" s="91"/>
      <c r="HF4637" s="91"/>
      <c r="HG4637" s="91"/>
      <c r="HH4637" s="91"/>
      <c r="HI4637" s="91"/>
      <c r="HJ4637" s="91"/>
      <c r="HK4637" s="127"/>
      <c r="HL4637" s="126"/>
      <c r="HM4637" s="91"/>
      <c r="HN4637" s="91"/>
      <c r="HO4637" s="91"/>
      <c r="HP4637" s="91"/>
      <c r="HQ4637" s="91"/>
      <c r="HR4637" s="91"/>
      <c r="HS4637" s="91"/>
      <c r="HT4637" s="91"/>
      <c r="HU4637" s="91"/>
      <c r="HV4637" s="91"/>
      <c r="HW4637" s="91"/>
      <c r="HX4637" s="127"/>
      <c r="HY4637" s="126"/>
      <c r="HZ4637" s="91"/>
      <c r="IA4637" s="91"/>
      <c r="IB4637" s="91"/>
      <c r="IC4637" s="91"/>
      <c r="ID4637" s="91"/>
      <c r="IE4637" s="91"/>
      <c r="IF4637" s="91"/>
      <c r="IG4637" s="91"/>
      <c r="IH4637" s="91"/>
      <c r="II4637" s="91"/>
      <c r="IJ4637" s="91"/>
      <c r="IK4637" s="174"/>
    </row>
    <row r="4638" spans="2:245" x14ac:dyDescent="0.2">
      <c r="B4638" s="43"/>
      <c r="C4638" s="73"/>
      <c r="D4638" s="64"/>
      <c r="E4638" s="64"/>
      <c r="F4638" s="55"/>
      <c r="G4638" s="102"/>
      <c r="H4638" s="97"/>
      <c r="T4638" s="98"/>
      <c r="U4638" s="97"/>
      <c r="AG4638" s="98"/>
      <c r="AY4638" s="164"/>
      <c r="BK4638" s="98"/>
      <c r="BL4638" s="97"/>
      <c r="BX4638" s="98"/>
      <c r="CL4638" s="97"/>
      <c r="CX4638" s="98"/>
      <c r="DL4638" s="97"/>
      <c r="DX4638" s="98"/>
      <c r="EL4638" s="97"/>
      <c r="EX4638" s="98"/>
      <c r="EY4638" s="97"/>
      <c r="FL4638" s="126"/>
      <c r="FM4638" s="91"/>
      <c r="FN4638" s="91"/>
      <c r="FO4638" s="91"/>
      <c r="FP4638" s="91"/>
      <c r="FQ4638" s="91"/>
      <c r="FR4638" s="91"/>
      <c r="FS4638" s="91"/>
      <c r="FT4638" s="91"/>
      <c r="FU4638" s="91"/>
      <c r="FV4638" s="91"/>
      <c r="FW4638" s="91"/>
      <c r="FX4638" s="127"/>
      <c r="FY4638" s="126"/>
      <c r="FZ4638" s="91"/>
      <c r="GA4638" s="91"/>
      <c r="GB4638" s="91"/>
      <c r="GC4638" s="91"/>
      <c r="GD4638" s="91"/>
      <c r="GE4638" s="91"/>
      <c r="GF4638" s="91"/>
      <c r="GG4638" s="91"/>
      <c r="GH4638" s="91"/>
      <c r="GI4638" s="91"/>
      <c r="GJ4638" s="91"/>
      <c r="GK4638" s="127"/>
      <c r="GL4638" s="126"/>
      <c r="GM4638" s="91"/>
      <c r="GN4638" s="91"/>
      <c r="GO4638" s="91"/>
      <c r="GP4638" s="91"/>
      <c r="GQ4638" s="91"/>
      <c r="GR4638" s="91"/>
      <c r="GS4638" s="91"/>
      <c r="GT4638" s="91"/>
      <c r="GU4638" s="91"/>
      <c r="GV4638" s="91"/>
      <c r="GW4638" s="91"/>
      <c r="GX4638" s="127"/>
      <c r="GY4638" s="126"/>
      <c r="GZ4638" s="91"/>
      <c r="HA4638" s="91"/>
      <c r="HB4638" s="91"/>
      <c r="HC4638" s="91"/>
      <c r="HD4638" s="91"/>
      <c r="HE4638" s="91"/>
      <c r="HF4638" s="91"/>
      <c r="HG4638" s="91"/>
      <c r="HH4638" s="91"/>
      <c r="HI4638" s="91"/>
      <c r="HJ4638" s="91"/>
      <c r="HK4638" s="127"/>
      <c r="HL4638" s="126"/>
      <c r="HM4638" s="91"/>
      <c r="HN4638" s="91"/>
      <c r="HO4638" s="91"/>
      <c r="HP4638" s="91"/>
      <c r="HQ4638" s="91"/>
      <c r="HR4638" s="91"/>
      <c r="HS4638" s="91"/>
      <c r="HT4638" s="91"/>
      <c r="HU4638" s="91"/>
      <c r="HV4638" s="91"/>
      <c r="HW4638" s="91"/>
      <c r="HX4638" s="127"/>
      <c r="HY4638" s="126"/>
      <c r="HZ4638" s="91"/>
      <c r="IA4638" s="91"/>
      <c r="IB4638" s="91"/>
      <c r="IC4638" s="91"/>
      <c r="ID4638" s="91"/>
      <c r="IE4638" s="91"/>
      <c r="IF4638" s="91"/>
      <c r="IG4638" s="91"/>
      <c r="IH4638" s="91"/>
      <c r="II4638" s="91"/>
      <c r="IJ4638" s="91"/>
      <c r="IK4638" s="174"/>
    </row>
    <row r="4639" spans="2:245" x14ac:dyDescent="0.2">
      <c r="B4639" s="43"/>
      <c r="C4639" s="73"/>
      <c r="D4639" s="64"/>
      <c r="E4639" s="64"/>
      <c r="F4639" s="55"/>
      <c r="G4639" s="102"/>
      <c r="H4639" s="97"/>
      <c r="T4639" s="98"/>
      <c r="U4639" s="97"/>
      <c r="AG4639" s="98"/>
      <c r="AY4639" s="164"/>
      <c r="BK4639" s="98"/>
      <c r="BL4639" s="97"/>
      <c r="BX4639" s="98"/>
      <c r="CL4639" s="97"/>
      <c r="CX4639" s="98"/>
      <c r="DL4639" s="97"/>
      <c r="DX4639" s="98"/>
      <c r="EL4639" s="97"/>
      <c r="EX4639" s="98"/>
      <c r="EY4639" s="97"/>
      <c r="FL4639" s="126"/>
      <c r="FM4639" s="91"/>
      <c r="FN4639" s="91"/>
      <c r="FO4639" s="91"/>
      <c r="FP4639" s="91"/>
      <c r="FQ4639" s="91"/>
      <c r="FR4639" s="91"/>
      <c r="FS4639" s="91"/>
      <c r="FT4639" s="91"/>
      <c r="FU4639" s="91"/>
      <c r="FV4639" s="91"/>
      <c r="FW4639" s="91"/>
      <c r="FX4639" s="127"/>
      <c r="FY4639" s="126"/>
      <c r="FZ4639" s="91"/>
      <c r="GA4639" s="91"/>
      <c r="GB4639" s="91"/>
      <c r="GC4639" s="91"/>
      <c r="GD4639" s="91"/>
      <c r="GE4639" s="91"/>
      <c r="GF4639" s="91"/>
      <c r="GG4639" s="91"/>
      <c r="GH4639" s="91"/>
      <c r="GI4639" s="91"/>
      <c r="GJ4639" s="91"/>
      <c r="GK4639" s="127"/>
      <c r="GL4639" s="126"/>
      <c r="GM4639" s="91"/>
      <c r="GN4639" s="91"/>
      <c r="GO4639" s="91"/>
      <c r="GP4639" s="91"/>
      <c r="GQ4639" s="91"/>
      <c r="GR4639" s="91"/>
      <c r="GS4639" s="91"/>
      <c r="GT4639" s="91"/>
      <c r="GU4639" s="91"/>
      <c r="GV4639" s="91"/>
      <c r="GW4639" s="91"/>
      <c r="GX4639" s="127"/>
      <c r="GY4639" s="126"/>
      <c r="GZ4639" s="91"/>
      <c r="HA4639" s="91"/>
      <c r="HB4639" s="91"/>
      <c r="HC4639" s="91"/>
      <c r="HD4639" s="91"/>
      <c r="HE4639" s="91"/>
      <c r="HF4639" s="91"/>
      <c r="HG4639" s="91"/>
      <c r="HH4639" s="91"/>
      <c r="HI4639" s="91"/>
      <c r="HJ4639" s="91"/>
      <c r="HK4639" s="127"/>
      <c r="HL4639" s="126"/>
      <c r="HM4639" s="91"/>
      <c r="HN4639" s="91"/>
      <c r="HO4639" s="91"/>
      <c r="HP4639" s="91"/>
      <c r="HQ4639" s="91"/>
      <c r="HR4639" s="91"/>
      <c r="HS4639" s="91"/>
      <c r="HT4639" s="91"/>
      <c r="HU4639" s="91"/>
      <c r="HV4639" s="91"/>
      <c r="HW4639" s="91"/>
      <c r="HX4639" s="127"/>
      <c r="HY4639" s="126"/>
      <c r="HZ4639" s="91"/>
      <c r="IA4639" s="91"/>
      <c r="IB4639" s="91"/>
      <c r="IC4639" s="91"/>
      <c r="ID4639" s="91"/>
      <c r="IE4639" s="91"/>
      <c r="IF4639" s="91"/>
      <c r="IG4639" s="91"/>
      <c r="IH4639" s="91"/>
      <c r="II4639" s="91"/>
      <c r="IJ4639" s="91"/>
      <c r="IK4639" s="174"/>
    </row>
    <row r="4640" spans="2:245" x14ac:dyDescent="0.2">
      <c r="B4640" s="43"/>
      <c r="C4640" s="73"/>
      <c r="D4640" s="64"/>
      <c r="E4640" s="64"/>
      <c r="F4640" s="55"/>
      <c r="G4640" s="102"/>
      <c r="H4640" s="97"/>
      <c r="T4640" s="98"/>
      <c r="U4640" s="97"/>
      <c r="AG4640" s="98"/>
      <c r="AY4640" s="164"/>
      <c r="BK4640" s="98"/>
      <c r="BL4640" s="97"/>
      <c r="BX4640" s="98"/>
      <c r="CL4640" s="97"/>
      <c r="CX4640" s="98"/>
      <c r="DL4640" s="97"/>
      <c r="DX4640" s="98"/>
      <c r="EL4640" s="97"/>
      <c r="EX4640" s="98"/>
      <c r="EY4640" s="97"/>
      <c r="FL4640" s="126"/>
      <c r="FM4640" s="91"/>
      <c r="FN4640" s="91"/>
      <c r="FO4640" s="91"/>
      <c r="FP4640" s="91"/>
      <c r="FQ4640" s="91"/>
      <c r="FR4640" s="91"/>
      <c r="FS4640" s="91"/>
      <c r="FT4640" s="91"/>
      <c r="FU4640" s="91"/>
      <c r="FV4640" s="91"/>
      <c r="FW4640" s="91"/>
      <c r="FX4640" s="127"/>
      <c r="FY4640" s="126"/>
      <c r="FZ4640" s="91"/>
      <c r="GA4640" s="91"/>
      <c r="GB4640" s="91"/>
      <c r="GC4640" s="91"/>
      <c r="GD4640" s="91"/>
      <c r="GE4640" s="91"/>
      <c r="GF4640" s="91"/>
      <c r="GG4640" s="91"/>
      <c r="GH4640" s="91"/>
      <c r="GI4640" s="91"/>
      <c r="GJ4640" s="91"/>
      <c r="GK4640" s="127"/>
      <c r="GL4640" s="126"/>
      <c r="GM4640" s="91"/>
      <c r="GN4640" s="91"/>
      <c r="GO4640" s="91"/>
      <c r="GP4640" s="91"/>
      <c r="GQ4640" s="91"/>
      <c r="GR4640" s="91"/>
      <c r="GS4640" s="91"/>
      <c r="GT4640" s="91"/>
      <c r="GU4640" s="91"/>
      <c r="GV4640" s="91"/>
      <c r="GW4640" s="91"/>
      <c r="GX4640" s="127"/>
      <c r="GY4640" s="126"/>
      <c r="GZ4640" s="91"/>
      <c r="HA4640" s="91"/>
      <c r="HB4640" s="91"/>
      <c r="HC4640" s="91"/>
      <c r="HD4640" s="91"/>
      <c r="HE4640" s="91"/>
      <c r="HF4640" s="91"/>
      <c r="HG4640" s="91"/>
      <c r="HH4640" s="91"/>
      <c r="HI4640" s="91"/>
      <c r="HJ4640" s="91"/>
      <c r="HK4640" s="127"/>
      <c r="HL4640" s="126"/>
      <c r="HM4640" s="91"/>
      <c r="HN4640" s="91"/>
      <c r="HO4640" s="91"/>
      <c r="HP4640" s="91"/>
      <c r="HQ4640" s="91"/>
      <c r="HR4640" s="91"/>
      <c r="HS4640" s="91"/>
      <c r="HT4640" s="91"/>
      <c r="HU4640" s="91"/>
      <c r="HV4640" s="91"/>
      <c r="HW4640" s="91"/>
      <c r="HX4640" s="127"/>
      <c r="HY4640" s="126"/>
      <c r="HZ4640" s="91"/>
      <c r="IA4640" s="91"/>
      <c r="IB4640" s="91"/>
      <c r="IC4640" s="91"/>
      <c r="ID4640" s="91"/>
      <c r="IE4640" s="91"/>
      <c r="IF4640" s="91"/>
      <c r="IG4640" s="91"/>
      <c r="IH4640" s="91"/>
      <c r="II4640" s="91"/>
      <c r="IJ4640" s="91"/>
      <c r="IK4640" s="174"/>
    </row>
    <row r="4641" spans="2:245" x14ac:dyDescent="0.2">
      <c r="B4641" s="43"/>
      <c r="C4641" s="73"/>
      <c r="D4641" s="64"/>
      <c r="E4641" s="64"/>
      <c r="F4641" s="55"/>
      <c r="G4641" s="102"/>
      <c r="H4641" s="97"/>
      <c r="T4641" s="98"/>
      <c r="U4641" s="97"/>
      <c r="AG4641" s="98"/>
      <c r="AY4641" s="164"/>
      <c r="BK4641" s="98"/>
      <c r="BL4641" s="97"/>
      <c r="BX4641" s="98"/>
      <c r="CL4641" s="97"/>
      <c r="CX4641" s="98"/>
      <c r="DL4641" s="97"/>
      <c r="DX4641" s="98"/>
      <c r="EL4641" s="97"/>
      <c r="EX4641" s="98"/>
      <c r="EY4641" s="97"/>
      <c r="FL4641" s="126"/>
      <c r="FM4641" s="91"/>
      <c r="FN4641" s="91"/>
      <c r="FO4641" s="91"/>
      <c r="FP4641" s="91"/>
      <c r="FQ4641" s="91"/>
      <c r="FR4641" s="91"/>
      <c r="FS4641" s="91"/>
      <c r="FT4641" s="91"/>
      <c r="FU4641" s="91"/>
      <c r="FV4641" s="91"/>
      <c r="FW4641" s="91"/>
      <c r="FX4641" s="127"/>
      <c r="FY4641" s="126"/>
      <c r="FZ4641" s="91"/>
      <c r="GA4641" s="91"/>
      <c r="GB4641" s="91"/>
      <c r="GC4641" s="91"/>
      <c r="GD4641" s="91"/>
      <c r="GE4641" s="91"/>
      <c r="GF4641" s="91"/>
      <c r="GG4641" s="91"/>
      <c r="GH4641" s="91"/>
      <c r="GI4641" s="91"/>
      <c r="GJ4641" s="91"/>
      <c r="GK4641" s="127"/>
      <c r="GL4641" s="126"/>
      <c r="GM4641" s="91"/>
      <c r="GN4641" s="91"/>
      <c r="GO4641" s="91"/>
      <c r="GP4641" s="91"/>
      <c r="GQ4641" s="91"/>
      <c r="GR4641" s="91"/>
      <c r="GS4641" s="91"/>
      <c r="GT4641" s="91"/>
      <c r="GU4641" s="91"/>
      <c r="GV4641" s="91"/>
      <c r="GW4641" s="91"/>
      <c r="GX4641" s="127"/>
      <c r="GY4641" s="126"/>
      <c r="GZ4641" s="91"/>
      <c r="HA4641" s="91"/>
      <c r="HB4641" s="91"/>
      <c r="HC4641" s="91"/>
      <c r="HD4641" s="91"/>
      <c r="HE4641" s="91"/>
      <c r="HF4641" s="91"/>
      <c r="HG4641" s="91"/>
      <c r="HH4641" s="91"/>
      <c r="HI4641" s="91"/>
      <c r="HJ4641" s="91"/>
      <c r="HK4641" s="127"/>
      <c r="HL4641" s="126"/>
      <c r="HM4641" s="91"/>
      <c r="HN4641" s="91"/>
      <c r="HO4641" s="91"/>
      <c r="HP4641" s="91"/>
      <c r="HQ4641" s="91"/>
      <c r="HR4641" s="91"/>
      <c r="HS4641" s="91"/>
      <c r="HT4641" s="91"/>
      <c r="HU4641" s="91"/>
      <c r="HV4641" s="91"/>
      <c r="HW4641" s="91"/>
      <c r="HX4641" s="127"/>
      <c r="HY4641" s="126"/>
      <c r="HZ4641" s="91"/>
      <c r="IA4641" s="91"/>
      <c r="IB4641" s="91"/>
      <c r="IC4641" s="91"/>
      <c r="ID4641" s="91"/>
      <c r="IE4641" s="91"/>
      <c r="IF4641" s="91"/>
      <c r="IG4641" s="91"/>
      <c r="IH4641" s="91"/>
      <c r="II4641" s="91"/>
      <c r="IJ4641" s="91"/>
      <c r="IK4641" s="174"/>
    </row>
    <row r="4642" spans="2:245" x14ac:dyDescent="0.2">
      <c r="B4642" s="43"/>
      <c r="C4642" s="73"/>
      <c r="D4642" s="64"/>
      <c r="E4642" s="64"/>
      <c r="F4642" s="55"/>
      <c r="G4642" s="102"/>
      <c r="H4642" s="97"/>
      <c r="T4642" s="98"/>
      <c r="U4642" s="97"/>
      <c r="AG4642" s="98"/>
      <c r="AY4642" s="164"/>
      <c r="BK4642" s="98"/>
      <c r="BL4642" s="97"/>
      <c r="BX4642" s="98"/>
      <c r="CL4642" s="97"/>
      <c r="CX4642" s="98"/>
      <c r="DL4642" s="97"/>
      <c r="DX4642" s="98"/>
      <c r="EL4642" s="97"/>
      <c r="EX4642" s="98"/>
      <c r="EY4642" s="97"/>
      <c r="FL4642" s="126"/>
      <c r="FM4642" s="91"/>
      <c r="FN4642" s="91"/>
      <c r="FO4642" s="91"/>
      <c r="FP4642" s="91"/>
      <c r="FQ4642" s="91"/>
      <c r="FR4642" s="91"/>
      <c r="FS4642" s="91"/>
      <c r="FT4642" s="91"/>
      <c r="FU4642" s="91"/>
      <c r="FV4642" s="91"/>
      <c r="FW4642" s="91"/>
      <c r="FX4642" s="127"/>
      <c r="FY4642" s="126"/>
      <c r="FZ4642" s="91"/>
      <c r="GA4642" s="91"/>
      <c r="GB4642" s="91"/>
      <c r="GC4642" s="91"/>
      <c r="GD4642" s="91"/>
      <c r="GE4642" s="91"/>
      <c r="GF4642" s="91"/>
      <c r="GG4642" s="91"/>
      <c r="GH4642" s="91"/>
      <c r="GI4642" s="91"/>
      <c r="GJ4642" s="91"/>
      <c r="GK4642" s="127"/>
      <c r="GL4642" s="126"/>
      <c r="GM4642" s="91"/>
      <c r="GN4642" s="91"/>
      <c r="GO4642" s="91"/>
      <c r="GP4642" s="91"/>
      <c r="GQ4642" s="91"/>
      <c r="GR4642" s="91"/>
      <c r="GS4642" s="91"/>
      <c r="GT4642" s="91"/>
      <c r="GU4642" s="91"/>
      <c r="GV4642" s="91"/>
      <c r="GW4642" s="91"/>
      <c r="GX4642" s="127"/>
      <c r="GY4642" s="126"/>
      <c r="GZ4642" s="91"/>
      <c r="HA4642" s="91"/>
      <c r="HB4642" s="91"/>
      <c r="HC4642" s="91"/>
      <c r="HD4642" s="91"/>
      <c r="HE4642" s="91"/>
      <c r="HF4642" s="91"/>
      <c r="HG4642" s="91"/>
      <c r="HH4642" s="91"/>
      <c r="HI4642" s="91"/>
      <c r="HJ4642" s="91"/>
      <c r="HK4642" s="127"/>
      <c r="HL4642" s="126"/>
      <c r="HM4642" s="91"/>
      <c r="HN4642" s="91"/>
      <c r="HO4642" s="91"/>
      <c r="HP4642" s="91"/>
      <c r="HQ4642" s="91"/>
      <c r="HR4642" s="91"/>
      <c r="HS4642" s="91"/>
      <c r="HT4642" s="91"/>
      <c r="HU4642" s="91"/>
      <c r="HV4642" s="91"/>
      <c r="HW4642" s="91"/>
      <c r="HX4642" s="127"/>
      <c r="HY4642" s="126"/>
      <c r="HZ4642" s="91"/>
      <c r="IA4642" s="91"/>
      <c r="IB4642" s="91"/>
      <c r="IC4642" s="91"/>
      <c r="ID4642" s="91"/>
      <c r="IE4642" s="91"/>
      <c r="IF4642" s="91"/>
      <c r="IG4642" s="91"/>
      <c r="IH4642" s="91"/>
      <c r="II4642" s="91"/>
      <c r="IJ4642" s="91"/>
      <c r="IK4642" s="174"/>
    </row>
    <row r="4643" spans="2:245" x14ac:dyDescent="0.2">
      <c r="B4643" s="43"/>
      <c r="C4643" s="73"/>
      <c r="D4643" s="64"/>
      <c r="E4643" s="64"/>
      <c r="F4643" s="55"/>
      <c r="G4643" s="102"/>
      <c r="H4643" s="97"/>
      <c r="T4643" s="98"/>
      <c r="U4643" s="97"/>
      <c r="AG4643" s="98"/>
      <c r="AY4643" s="164"/>
      <c r="BK4643" s="98"/>
      <c r="BL4643" s="97"/>
      <c r="BX4643" s="98"/>
      <c r="CL4643" s="97"/>
      <c r="CX4643" s="98"/>
      <c r="DL4643" s="97"/>
      <c r="DX4643" s="98"/>
      <c r="EL4643" s="97"/>
      <c r="EX4643" s="98"/>
      <c r="EY4643" s="97"/>
      <c r="FL4643" s="126"/>
      <c r="FM4643" s="91"/>
      <c r="FN4643" s="91"/>
      <c r="FO4643" s="91"/>
      <c r="FP4643" s="91"/>
      <c r="FQ4643" s="91"/>
      <c r="FR4643" s="91"/>
      <c r="FS4643" s="91"/>
      <c r="FT4643" s="91"/>
      <c r="FU4643" s="91"/>
      <c r="FV4643" s="91"/>
      <c r="FW4643" s="91"/>
      <c r="FX4643" s="127"/>
      <c r="FY4643" s="126"/>
      <c r="FZ4643" s="91"/>
      <c r="GA4643" s="91"/>
      <c r="GB4643" s="91"/>
      <c r="GC4643" s="91"/>
      <c r="GD4643" s="91"/>
      <c r="GE4643" s="91"/>
      <c r="GF4643" s="91"/>
      <c r="GG4643" s="91"/>
      <c r="GH4643" s="91"/>
      <c r="GI4643" s="91"/>
      <c r="GJ4643" s="91"/>
      <c r="GK4643" s="127"/>
      <c r="GL4643" s="126"/>
      <c r="GM4643" s="91"/>
      <c r="GN4643" s="91"/>
      <c r="GO4643" s="91"/>
      <c r="GP4643" s="91"/>
      <c r="GQ4643" s="91"/>
      <c r="GR4643" s="91"/>
      <c r="GS4643" s="91"/>
      <c r="GT4643" s="91"/>
      <c r="GU4643" s="91"/>
      <c r="GV4643" s="91"/>
      <c r="GW4643" s="91"/>
      <c r="GX4643" s="127"/>
      <c r="GY4643" s="126"/>
      <c r="GZ4643" s="91"/>
      <c r="HA4643" s="91"/>
      <c r="HB4643" s="91"/>
      <c r="HC4643" s="91"/>
      <c r="HD4643" s="91"/>
      <c r="HE4643" s="91"/>
      <c r="HF4643" s="91"/>
      <c r="HG4643" s="91"/>
      <c r="HH4643" s="91"/>
      <c r="HI4643" s="91"/>
      <c r="HJ4643" s="91"/>
      <c r="HK4643" s="127"/>
      <c r="HL4643" s="126"/>
      <c r="HM4643" s="91"/>
      <c r="HN4643" s="91"/>
      <c r="HO4643" s="91"/>
      <c r="HP4643" s="91"/>
      <c r="HQ4643" s="91"/>
      <c r="HR4643" s="91"/>
      <c r="HS4643" s="91"/>
      <c r="HT4643" s="91"/>
      <c r="HU4643" s="91"/>
      <c r="HV4643" s="91"/>
      <c r="HW4643" s="91"/>
      <c r="HX4643" s="127"/>
      <c r="HY4643" s="126"/>
      <c r="HZ4643" s="91"/>
      <c r="IA4643" s="91"/>
      <c r="IB4643" s="91"/>
      <c r="IC4643" s="91"/>
      <c r="ID4643" s="91"/>
      <c r="IE4643" s="91"/>
      <c r="IF4643" s="91"/>
      <c r="IG4643" s="91"/>
      <c r="IH4643" s="91"/>
      <c r="II4643" s="91"/>
      <c r="IJ4643" s="91"/>
      <c r="IK4643" s="174"/>
    </row>
    <row r="4644" spans="2:245" x14ac:dyDescent="0.2">
      <c r="B4644" s="43"/>
      <c r="C4644" s="73"/>
      <c r="D4644" s="64"/>
      <c r="E4644" s="64"/>
      <c r="F4644" s="55"/>
      <c r="G4644" s="102"/>
      <c r="H4644" s="97"/>
      <c r="T4644" s="98"/>
      <c r="U4644" s="97"/>
      <c r="AG4644" s="98"/>
      <c r="AY4644" s="164"/>
      <c r="BK4644" s="98"/>
      <c r="BL4644" s="97"/>
      <c r="BX4644" s="98"/>
      <c r="CL4644" s="97"/>
      <c r="CX4644" s="98"/>
      <c r="DL4644" s="97"/>
      <c r="DX4644" s="98"/>
      <c r="EL4644" s="97"/>
      <c r="EX4644" s="98"/>
      <c r="EY4644" s="97"/>
      <c r="FL4644" s="126"/>
      <c r="FM4644" s="91"/>
      <c r="FN4644" s="91"/>
      <c r="FO4644" s="91"/>
      <c r="FP4644" s="91"/>
      <c r="FQ4644" s="91"/>
      <c r="FR4644" s="91"/>
      <c r="FS4644" s="91"/>
      <c r="FT4644" s="91"/>
      <c r="FU4644" s="91"/>
      <c r="FV4644" s="91"/>
      <c r="FW4644" s="91"/>
      <c r="FX4644" s="127"/>
      <c r="FY4644" s="126"/>
      <c r="FZ4644" s="91"/>
      <c r="GA4644" s="91"/>
      <c r="GB4644" s="91"/>
      <c r="GC4644" s="91"/>
      <c r="GD4644" s="91"/>
      <c r="GE4644" s="91"/>
      <c r="GF4644" s="91"/>
      <c r="GG4644" s="91"/>
      <c r="GH4644" s="91"/>
      <c r="GI4644" s="91"/>
      <c r="GJ4644" s="91"/>
      <c r="GK4644" s="127"/>
      <c r="GL4644" s="126"/>
      <c r="GM4644" s="91"/>
      <c r="GN4644" s="91"/>
      <c r="GO4644" s="91"/>
      <c r="GP4644" s="91"/>
      <c r="GQ4644" s="91"/>
      <c r="GR4644" s="91"/>
      <c r="GS4644" s="91"/>
      <c r="GT4644" s="91"/>
      <c r="GU4644" s="91"/>
      <c r="GV4644" s="91"/>
      <c r="GW4644" s="91"/>
      <c r="GX4644" s="127"/>
      <c r="GY4644" s="126"/>
      <c r="GZ4644" s="91"/>
      <c r="HA4644" s="91"/>
      <c r="HB4644" s="91"/>
      <c r="HC4644" s="91"/>
      <c r="HD4644" s="91"/>
      <c r="HE4644" s="91"/>
      <c r="HF4644" s="91"/>
      <c r="HG4644" s="91"/>
      <c r="HH4644" s="91"/>
      <c r="HI4644" s="91"/>
      <c r="HJ4644" s="91"/>
      <c r="HK4644" s="127"/>
      <c r="HL4644" s="126"/>
      <c r="HM4644" s="91"/>
      <c r="HN4644" s="91"/>
      <c r="HO4644" s="91"/>
      <c r="HP4644" s="91"/>
      <c r="HQ4644" s="91"/>
      <c r="HR4644" s="91"/>
      <c r="HS4644" s="91"/>
      <c r="HT4644" s="91"/>
      <c r="HU4644" s="91"/>
      <c r="HV4644" s="91"/>
      <c r="HW4644" s="91"/>
      <c r="HX4644" s="127"/>
      <c r="HY4644" s="126"/>
      <c r="HZ4644" s="91"/>
      <c r="IA4644" s="91"/>
      <c r="IB4644" s="91"/>
      <c r="IC4644" s="91"/>
      <c r="ID4644" s="91"/>
      <c r="IE4644" s="91"/>
      <c r="IF4644" s="91"/>
      <c r="IG4644" s="91"/>
      <c r="IH4644" s="91"/>
      <c r="II4644" s="91"/>
      <c r="IJ4644" s="91"/>
      <c r="IK4644" s="174"/>
    </row>
    <row r="4645" spans="2:245" x14ac:dyDescent="0.2">
      <c r="B4645" s="43"/>
      <c r="C4645" s="73"/>
      <c r="D4645" s="64"/>
      <c r="E4645" s="64"/>
      <c r="F4645" s="55"/>
      <c r="G4645" s="102"/>
      <c r="H4645" s="97"/>
      <c r="T4645" s="98"/>
      <c r="U4645" s="97"/>
      <c r="AG4645" s="98"/>
      <c r="AY4645" s="164"/>
      <c r="BK4645" s="98"/>
      <c r="BL4645" s="97"/>
      <c r="BX4645" s="98"/>
      <c r="CL4645" s="97"/>
      <c r="CX4645" s="98"/>
      <c r="DL4645" s="97"/>
      <c r="DX4645" s="98"/>
      <c r="EL4645" s="97"/>
      <c r="EX4645" s="98"/>
      <c r="EY4645" s="97"/>
      <c r="FL4645" s="126"/>
      <c r="FM4645" s="91"/>
      <c r="FN4645" s="91"/>
      <c r="FO4645" s="91"/>
      <c r="FP4645" s="91"/>
      <c r="FQ4645" s="91"/>
      <c r="FR4645" s="91"/>
      <c r="FS4645" s="91"/>
      <c r="FT4645" s="91"/>
      <c r="FU4645" s="91"/>
      <c r="FV4645" s="91"/>
      <c r="FW4645" s="91"/>
      <c r="FX4645" s="127"/>
      <c r="FY4645" s="126"/>
      <c r="FZ4645" s="91"/>
      <c r="GA4645" s="91"/>
      <c r="GB4645" s="91"/>
      <c r="GC4645" s="91"/>
      <c r="GD4645" s="91"/>
      <c r="GE4645" s="91"/>
      <c r="GF4645" s="91"/>
      <c r="GG4645" s="91"/>
      <c r="GH4645" s="91"/>
      <c r="GI4645" s="91"/>
      <c r="GJ4645" s="91"/>
      <c r="GK4645" s="127"/>
      <c r="GL4645" s="126"/>
      <c r="GM4645" s="91"/>
      <c r="GN4645" s="91"/>
      <c r="GO4645" s="91"/>
      <c r="GP4645" s="91"/>
      <c r="GQ4645" s="91"/>
      <c r="GR4645" s="91"/>
      <c r="GS4645" s="91"/>
      <c r="GT4645" s="91"/>
      <c r="GU4645" s="91"/>
      <c r="GV4645" s="91"/>
      <c r="GW4645" s="91"/>
      <c r="GX4645" s="127"/>
      <c r="GY4645" s="126"/>
      <c r="GZ4645" s="91"/>
      <c r="HA4645" s="91"/>
      <c r="HB4645" s="91"/>
      <c r="HC4645" s="91"/>
      <c r="HD4645" s="91"/>
      <c r="HE4645" s="91"/>
      <c r="HF4645" s="91"/>
      <c r="HG4645" s="91"/>
      <c r="HH4645" s="91"/>
      <c r="HI4645" s="91"/>
      <c r="HJ4645" s="91"/>
      <c r="HK4645" s="127"/>
      <c r="HL4645" s="126"/>
      <c r="HM4645" s="91"/>
      <c r="HN4645" s="91"/>
      <c r="HO4645" s="91"/>
      <c r="HP4645" s="91"/>
      <c r="HQ4645" s="91"/>
      <c r="HR4645" s="91"/>
      <c r="HS4645" s="91"/>
      <c r="HT4645" s="91"/>
      <c r="HU4645" s="91"/>
      <c r="HV4645" s="91"/>
      <c r="HW4645" s="91"/>
      <c r="HX4645" s="127"/>
      <c r="HY4645" s="126"/>
      <c r="HZ4645" s="91"/>
      <c r="IA4645" s="91"/>
      <c r="IB4645" s="91"/>
      <c r="IC4645" s="91"/>
      <c r="ID4645" s="91"/>
      <c r="IE4645" s="91"/>
      <c r="IF4645" s="91"/>
      <c r="IG4645" s="91"/>
      <c r="IH4645" s="91"/>
      <c r="II4645" s="91"/>
      <c r="IJ4645" s="91"/>
      <c r="IK4645" s="174"/>
    </row>
    <row r="4646" spans="2:245" x14ac:dyDescent="0.2">
      <c r="B4646" s="43"/>
      <c r="C4646" s="73"/>
      <c r="D4646" s="64"/>
      <c r="E4646" s="64"/>
      <c r="F4646" s="55"/>
      <c r="G4646" s="102"/>
      <c r="H4646" s="97"/>
      <c r="T4646" s="98"/>
      <c r="U4646" s="97"/>
      <c r="AG4646" s="98"/>
      <c r="AY4646" s="164"/>
      <c r="BK4646" s="98"/>
      <c r="BL4646" s="97"/>
      <c r="BX4646" s="98"/>
      <c r="CL4646" s="97"/>
      <c r="CX4646" s="98"/>
      <c r="DL4646" s="97"/>
      <c r="DX4646" s="98"/>
      <c r="EL4646" s="97"/>
      <c r="EX4646" s="98"/>
      <c r="EY4646" s="97"/>
      <c r="FL4646" s="126"/>
      <c r="FM4646" s="91"/>
      <c r="FN4646" s="91"/>
      <c r="FO4646" s="91"/>
      <c r="FP4646" s="91"/>
      <c r="FQ4646" s="91"/>
      <c r="FR4646" s="91"/>
      <c r="FS4646" s="91"/>
      <c r="FT4646" s="91"/>
      <c r="FU4646" s="91"/>
      <c r="FV4646" s="91"/>
      <c r="FW4646" s="91"/>
      <c r="FX4646" s="127"/>
      <c r="FY4646" s="126"/>
      <c r="FZ4646" s="91"/>
      <c r="GA4646" s="91"/>
      <c r="GB4646" s="91"/>
      <c r="GC4646" s="91"/>
      <c r="GD4646" s="91"/>
      <c r="GE4646" s="91"/>
      <c r="GF4646" s="91"/>
      <c r="GG4646" s="91"/>
      <c r="GH4646" s="91"/>
      <c r="GI4646" s="91"/>
      <c r="GJ4646" s="91"/>
      <c r="GK4646" s="127"/>
      <c r="GL4646" s="126"/>
      <c r="GM4646" s="91"/>
      <c r="GN4646" s="91"/>
      <c r="GO4646" s="91"/>
      <c r="GP4646" s="91"/>
      <c r="GQ4646" s="91"/>
      <c r="GR4646" s="91"/>
      <c r="GS4646" s="91"/>
      <c r="GT4646" s="91"/>
      <c r="GU4646" s="91"/>
      <c r="GV4646" s="91"/>
      <c r="GW4646" s="91"/>
      <c r="GX4646" s="127"/>
      <c r="GY4646" s="126"/>
      <c r="GZ4646" s="91"/>
      <c r="HA4646" s="91"/>
      <c r="HB4646" s="91"/>
      <c r="HC4646" s="91"/>
      <c r="HD4646" s="91"/>
      <c r="HE4646" s="91"/>
      <c r="HF4646" s="91"/>
      <c r="HG4646" s="91"/>
      <c r="HH4646" s="91"/>
      <c r="HI4646" s="91"/>
      <c r="HJ4646" s="91"/>
      <c r="HK4646" s="127"/>
      <c r="HL4646" s="126"/>
      <c r="HM4646" s="91"/>
      <c r="HN4646" s="91"/>
      <c r="HO4646" s="91"/>
      <c r="HP4646" s="91"/>
      <c r="HQ4646" s="91"/>
      <c r="HR4646" s="91"/>
      <c r="HS4646" s="91"/>
      <c r="HT4646" s="91"/>
      <c r="HU4646" s="91"/>
      <c r="HV4646" s="91"/>
      <c r="HW4646" s="91"/>
      <c r="HX4646" s="127"/>
      <c r="HY4646" s="126"/>
      <c r="HZ4646" s="91"/>
      <c r="IA4646" s="91"/>
      <c r="IB4646" s="91"/>
      <c r="IC4646" s="91"/>
      <c r="ID4646" s="91"/>
      <c r="IE4646" s="91"/>
      <c r="IF4646" s="91"/>
      <c r="IG4646" s="91"/>
      <c r="IH4646" s="91"/>
      <c r="II4646" s="91"/>
      <c r="IJ4646" s="91"/>
      <c r="IK4646" s="174"/>
    </row>
    <row r="4647" spans="2:245" x14ac:dyDescent="0.2">
      <c r="B4647" s="43"/>
      <c r="C4647" s="73"/>
      <c r="D4647" s="64"/>
      <c r="E4647" s="64"/>
      <c r="F4647" s="55"/>
      <c r="G4647" s="102"/>
      <c r="H4647" s="97"/>
      <c r="T4647" s="98"/>
      <c r="U4647" s="97"/>
      <c r="AG4647" s="98"/>
      <c r="AY4647" s="164"/>
      <c r="BK4647" s="98"/>
      <c r="BL4647" s="97"/>
      <c r="BX4647" s="98"/>
      <c r="CL4647" s="97"/>
      <c r="CX4647" s="98"/>
      <c r="DL4647" s="97"/>
      <c r="DX4647" s="98"/>
      <c r="EL4647" s="97"/>
      <c r="EX4647" s="98"/>
      <c r="EY4647" s="97"/>
      <c r="FL4647" s="126"/>
      <c r="FM4647" s="91"/>
      <c r="FN4647" s="91"/>
      <c r="FO4647" s="91"/>
      <c r="FP4647" s="91"/>
      <c r="FQ4647" s="91"/>
      <c r="FR4647" s="91"/>
      <c r="FS4647" s="91"/>
      <c r="FT4647" s="91"/>
      <c r="FU4647" s="91"/>
      <c r="FV4647" s="91"/>
      <c r="FW4647" s="91"/>
      <c r="FX4647" s="127"/>
      <c r="FY4647" s="126"/>
      <c r="FZ4647" s="91"/>
      <c r="GA4647" s="91"/>
      <c r="GB4647" s="91"/>
      <c r="GC4647" s="91"/>
      <c r="GD4647" s="91"/>
      <c r="GE4647" s="91"/>
      <c r="GF4647" s="91"/>
      <c r="GG4647" s="91"/>
      <c r="GH4647" s="91"/>
      <c r="GI4647" s="91"/>
      <c r="GJ4647" s="91"/>
      <c r="GK4647" s="127"/>
      <c r="GL4647" s="126"/>
      <c r="GM4647" s="91"/>
      <c r="GN4647" s="91"/>
      <c r="GO4647" s="91"/>
      <c r="GP4647" s="91"/>
      <c r="GQ4647" s="91"/>
      <c r="GR4647" s="91"/>
      <c r="GS4647" s="91"/>
      <c r="GT4647" s="91"/>
      <c r="GU4647" s="91"/>
      <c r="GV4647" s="91"/>
      <c r="GW4647" s="91"/>
      <c r="GX4647" s="127"/>
      <c r="GY4647" s="126"/>
      <c r="GZ4647" s="91"/>
      <c r="HA4647" s="91"/>
      <c r="HB4647" s="91"/>
      <c r="HC4647" s="91"/>
      <c r="HD4647" s="91"/>
      <c r="HE4647" s="91"/>
      <c r="HF4647" s="91"/>
      <c r="HG4647" s="91"/>
      <c r="HH4647" s="91"/>
      <c r="HI4647" s="91"/>
      <c r="HJ4647" s="91"/>
      <c r="HK4647" s="127"/>
      <c r="HL4647" s="126"/>
      <c r="HM4647" s="91"/>
      <c r="HN4647" s="91"/>
      <c r="HO4647" s="91"/>
      <c r="HP4647" s="91"/>
      <c r="HQ4647" s="91"/>
      <c r="HR4647" s="91"/>
      <c r="HS4647" s="91"/>
      <c r="HT4647" s="91"/>
      <c r="HU4647" s="91"/>
      <c r="HV4647" s="91"/>
      <c r="HW4647" s="91"/>
      <c r="HX4647" s="127"/>
      <c r="HY4647" s="126"/>
      <c r="HZ4647" s="91"/>
      <c r="IA4647" s="91"/>
      <c r="IB4647" s="91"/>
      <c r="IC4647" s="91"/>
      <c r="ID4647" s="91"/>
      <c r="IE4647" s="91"/>
      <c r="IF4647" s="91"/>
      <c r="IG4647" s="91"/>
      <c r="IH4647" s="91"/>
      <c r="II4647" s="91"/>
      <c r="IJ4647" s="91"/>
      <c r="IK4647" s="174"/>
    </row>
    <row r="4648" spans="2:245" x14ac:dyDescent="0.2">
      <c r="B4648" s="43"/>
      <c r="C4648" s="73"/>
      <c r="D4648" s="64"/>
      <c r="E4648" s="64"/>
      <c r="F4648" s="55"/>
      <c r="G4648" s="102"/>
      <c r="H4648" s="97"/>
      <c r="T4648" s="98"/>
      <c r="U4648" s="97"/>
      <c r="AG4648" s="98"/>
      <c r="AY4648" s="164"/>
      <c r="BK4648" s="98"/>
      <c r="BL4648" s="97"/>
      <c r="BX4648" s="98"/>
      <c r="CL4648" s="97"/>
      <c r="CX4648" s="98"/>
      <c r="DL4648" s="97"/>
      <c r="DX4648" s="98"/>
      <c r="EL4648" s="97"/>
      <c r="EX4648" s="98"/>
      <c r="EY4648" s="97"/>
      <c r="FL4648" s="126"/>
      <c r="FM4648" s="91"/>
      <c r="FN4648" s="91"/>
      <c r="FO4648" s="91"/>
      <c r="FP4648" s="91"/>
      <c r="FQ4648" s="91"/>
      <c r="FR4648" s="91"/>
      <c r="FS4648" s="91"/>
      <c r="FT4648" s="91"/>
      <c r="FU4648" s="91"/>
      <c r="FV4648" s="91"/>
      <c r="FW4648" s="91"/>
      <c r="FX4648" s="127"/>
      <c r="FY4648" s="126"/>
      <c r="FZ4648" s="91"/>
      <c r="GA4648" s="91"/>
      <c r="GB4648" s="91"/>
      <c r="GC4648" s="91"/>
      <c r="GD4648" s="91"/>
      <c r="GE4648" s="91"/>
      <c r="GF4648" s="91"/>
      <c r="GG4648" s="91"/>
      <c r="GH4648" s="91"/>
      <c r="GI4648" s="91"/>
      <c r="GJ4648" s="91"/>
      <c r="GK4648" s="127"/>
      <c r="GL4648" s="126"/>
      <c r="GM4648" s="91"/>
      <c r="GN4648" s="91"/>
      <c r="GO4648" s="91"/>
      <c r="GP4648" s="91"/>
      <c r="GQ4648" s="91"/>
      <c r="GR4648" s="91"/>
      <c r="GS4648" s="91"/>
      <c r="GT4648" s="91"/>
      <c r="GU4648" s="91"/>
      <c r="GV4648" s="91"/>
      <c r="GW4648" s="91"/>
      <c r="GX4648" s="127"/>
      <c r="GY4648" s="126"/>
      <c r="GZ4648" s="91"/>
      <c r="HA4648" s="91"/>
      <c r="HB4648" s="91"/>
      <c r="HC4648" s="91"/>
      <c r="HD4648" s="91"/>
      <c r="HE4648" s="91"/>
      <c r="HF4648" s="91"/>
      <c r="HG4648" s="91"/>
      <c r="HH4648" s="91"/>
      <c r="HI4648" s="91"/>
      <c r="HJ4648" s="91"/>
      <c r="HK4648" s="127"/>
      <c r="HL4648" s="126"/>
      <c r="HM4648" s="91"/>
      <c r="HN4648" s="91"/>
      <c r="HO4648" s="91"/>
      <c r="HP4648" s="91"/>
      <c r="HQ4648" s="91"/>
      <c r="HR4648" s="91"/>
      <c r="HS4648" s="91"/>
      <c r="HT4648" s="91"/>
      <c r="HU4648" s="91"/>
      <c r="HV4648" s="91"/>
      <c r="HW4648" s="91"/>
      <c r="HX4648" s="127"/>
      <c r="HY4648" s="126"/>
      <c r="HZ4648" s="91"/>
      <c r="IA4648" s="91"/>
      <c r="IB4648" s="91"/>
      <c r="IC4648" s="91"/>
      <c r="ID4648" s="91"/>
      <c r="IE4648" s="91"/>
      <c r="IF4648" s="91"/>
      <c r="IG4648" s="91"/>
      <c r="IH4648" s="91"/>
      <c r="II4648" s="91"/>
      <c r="IJ4648" s="91"/>
      <c r="IK4648" s="174"/>
    </row>
    <row r="4649" spans="2:245" x14ac:dyDescent="0.2">
      <c r="B4649" s="43"/>
      <c r="C4649" s="73"/>
      <c r="D4649" s="64"/>
      <c r="E4649" s="64"/>
      <c r="F4649" s="55"/>
      <c r="G4649" s="102"/>
      <c r="H4649" s="97"/>
      <c r="T4649" s="98"/>
      <c r="U4649" s="97"/>
      <c r="AG4649" s="98"/>
      <c r="AY4649" s="164"/>
      <c r="BK4649" s="98"/>
      <c r="BL4649" s="97"/>
      <c r="BX4649" s="98"/>
      <c r="CL4649" s="97"/>
      <c r="CX4649" s="98"/>
      <c r="DL4649" s="97"/>
      <c r="DX4649" s="98"/>
      <c r="EL4649" s="97"/>
      <c r="EX4649" s="98"/>
      <c r="EY4649" s="97"/>
      <c r="FL4649" s="126"/>
      <c r="FM4649" s="91"/>
      <c r="FN4649" s="91"/>
      <c r="FO4649" s="91"/>
      <c r="FP4649" s="91"/>
      <c r="FQ4649" s="91"/>
      <c r="FR4649" s="91"/>
      <c r="FS4649" s="91"/>
      <c r="FT4649" s="91"/>
      <c r="FU4649" s="91"/>
      <c r="FV4649" s="91"/>
      <c r="FW4649" s="91"/>
      <c r="FX4649" s="127"/>
      <c r="FY4649" s="126"/>
      <c r="FZ4649" s="91"/>
      <c r="GA4649" s="91"/>
      <c r="GB4649" s="91"/>
      <c r="GC4649" s="91"/>
      <c r="GD4649" s="91"/>
      <c r="GE4649" s="91"/>
      <c r="GF4649" s="91"/>
      <c r="GG4649" s="91"/>
      <c r="GH4649" s="91"/>
      <c r="GI4649" s="91"/>
      <c r="GJ4649" s="91"/>
      <c r="GK4649" s="127"/>
      <c r="GL4649" s="126"/>
      <c r="GM4649" s="91"/>
      <c r="GN4649" s="91"/>
      <c r="GO4649" s="91"/>
      <c r="GP4649" s="91"/>
      <c r="GQ4649" s="91"/>
      <c r="GR4649" s="91"/>
      <c r="GS4649" s="91"/>
      <c r="GT4649" s="91"/>
      <c r="GU4649" s="91"/>
      <c r="GV4649" s="91"/>
      <c r="GW4649" s="91"/>
      <c r="GX4649" s="127"/>
      <c r="GY4649" s="126"/>
      <c r="GZ4649" s="91"/>
      <c r="HA4649" s="91"/>
      <c r="HB4649" s="91"/>
      <c r="HC4649" s="91"/>
      <c r="HD4649" s="91"/>
      <c r="HE4649" s="91"/>
      <c r="HF4649" s="91"/>
      <c r="HG4649" s="91"/>
      <c r="HH4649" s="91"/>
      <c r="HI4649" s="91"/>
      <c r="HJ4649" s="91"/>
      <c r="HK4649" s="127"/>
      <c r="HL4649" s="126"/>
      <c r="HM4649" s="91"/>
      <c r="HN4649" s="91"/>
      <c r="HO4649" s="91"/>
      <c r="HP4649" s="91"/>
      <c r="HQ4649" s="91"/>
      <c r="HR4649" s="91"/>
      <c r="HS4649" s="91"/>
      <c r="HT4649" s="91"/>
      <c r="HU4649" s="91"/>
      <c r="HV4649" s="91"/>
      <c r="HW4649" s="91"/>
      <c r="HX4649" s="127"/>
      <c r="HY4649" s="126"/>
      <c r="HZ4649" s="91"/>
      <c r="IA4649" s="91"/>
      <c r="IB4649" s="91"/>
      <c r="IC4649" s="91"/>
      <c r="ID4649" s="91"/>
      <c r="IE4649" s="91"/>
      <c r="IF4649" s="91"/>
      <c r="IG4649" s="91"/>
      <c r="IH4649" s="91"/>
      <c r="II4649" s="91"/>
      <c r="IJ4649" s="91"/>
      <c r="IK4649" s="174"/>
    </row>
    <row r="4650" spans="2:245" x14ac:dyDescent="0.2">
      <c r="B4650" s="43"/>
      <c r="C4650" s="73"/>
      <c r="D4650" s="64"/>
      <c r="E4650" s="64"/>
      <c r="F4650" s="55"/>
      <c r="G4650" s="102"/>
      <c r="H4650" s="97"/>
      <c r="T4650" s="98"/>
      <c r="U4650" s="97"/>
      <c r="AG4650" s="98"/>
      <c r="AY4650" s="164"/>
      <c r="BK4650" s="98"/>
      <c r="BL4650" s="97"/>
      <c r="BX4650" s="98"/>
      <c r="CL4650" s="97"/>
      <c r="CX4650" s="98"/>
      <c r="DL4650" s="97"/>
      <c r="DX4650" s="98"/>
      <c r="EL4650" s="97"/>
      <c r="EX4650" s="98"/>
      <c r="EY4650" s="97"/>
      <c r="FL4650" s="126"/>
      <c r="FM4650" s="91"/>
      <c r="FN4650" s="91"/>
      <c r="FO4650" s="91"/>
      <c r="FP4650" s="91"/>
      <c r="FQ4650" s="91"/>
      <c r="FR4650" s="91"/>
      <c r="FS4650" s="91"/>
      <c r="FT4650" s="91"/>
      <c r="FU4650" s="91"/>
      <c r="FV4650" s="91"/>
      <c r="FW4650" s="91"/>
      <c r="FX4650" s="127"/>
      <c r="FY4650" s="126"/>
      <c r="FZ4650" s="91"/>
      <c r="GA4650" s="91"/>
      <c r="GB4650" s="91"/>
      <c r="GC4650" s="91"/>
      <c r="GD4650" s="91"/>
      <c r="GE4650" s="91"/>
      <c r="GF4650" s="91"/>
      <c r="GG4650" s="91"/>
      <c r="GH4650" s="91"/>
      <c r="GI4650" s="91"/>
      <c r="GJ4650" s="91"/>
      <c r="GK4650" s="127"/>
      <c r="GL4650" s="126"/>
      <c r="GM4650" s="91"/>
      <c r="GN4650" s="91"/>
      <c r="GO4650" s="91"/>
      <c r="GP4650" s="91"/>
      <c r="GQ4650" s="91"/>
      <c r="GR4650" s="91"/>
      <c r="GS4650" s="91"/>
      <c r="GT4650" s="91"/>
      <c r="GU4650" s="91"/>
      <c r="GV4650" s="91"/>
      <c r="GW4650" s="91"/>
      <c r="GX4650" s="127"/>
      <c r="GY4650" s="126"/>
      <c r="GZ4650" s="91"/>
      <c r="HA4650" s="91"/>
      <c r="HB4650" s="91"/>
      <c r="HC4650" s="91"/>
      <c r="HD4650" s="91"/>
      <c r="HE4650" s="91"/>
      <c r="HF4650" s="91"/>
      <c r="HG4650" s="91"/>
      <c r="HH4650" s="91"/>
      <c r="HI4650" s="91"/>
      <c r="HJ4650" s="91"/>
      <c r="HK4650" s="127"/>
      <c r="HL4650" s="126"/>
      <c r="HM4650" s="91"/>
      <c r="HN4650" s="91"/>
      <c r="HO4650" s="91"/>
      <c r="HP4650" s="91"/>
      <c r="HQ4650" s="91"/>
      <c r="HR4650" s="91"/>
      <c r="HS4650" s="91"/>
      <c r="HT4650" s="91"/>
      <c r="HU4650" s="91"/>
      <c r="HV4650" s="91"/>
      <c r="HW4650" s="91"/>
      <c r="HX4650" s="127"/>
      <c r="HY4650" s="126"/>
      <c r="HZ4650" s="91"/>
      <c r="IA4650" s="91"/>
      <c r="IB4650" s="91"/>
      <c r="IC4650" s="91"/>
      <c r="ID4650" s="91"/>
      <c r="IE4650" s="91"/>
      <c r="IF4650" s="91"/>
      <c r="IG4650" s="91"/>
      <c r="IH4650" s="91"/>
      <c r="II4650" s="91"/>
      <c r="IJ4650" s="91"/>
      <c r="IK4650" s="174"/>
    </row>
    <row r="4651" spans="2:245" x14ac:dyDescent="0.2">
      <c r="B4651" s="43"/>
      <c r="C4651" s="73"/>
      <c r="D4651" s="64"/>
      <c r="E4651" s="64"/>
      <c r="F4651" s="55"/>
      <c r="G4651" s="102"/>
      <c r="H4651" s="97"/>
      <c r="T4651" s="98"/>
      <c r="U4651" s="97"/>
      <c r="AG4651" s="98"/>
      <c r="AY4651" s="164"/>
      <c r="BK4651" s="98"/>
      <c r="BL4651" s="97"/>
      <c r="BX4651" s="98"/>
      <c r="CL4651" s="97"/>
      <c r="CX4651" s="98"/>
      <c r="DL4651" s="97"/>
      <c r="DX4651" s="98"/>
      <c r="EL4651" s="97"/>
      <c r="EX4651" s="98"/>
      <c r="EY4651" s="97"/>
      <c r="FL4651" s="126"/>
      <c r="FM4651" s="91"/>
      <c r="FN4651" s="91"/>
      <c r="FO4651" s="91"/>
      <c r="FP4651" s="91"/>
      <c r="FQ4651" s="91"/>
      <c r="FR4651" s="91"/>
      <c r="FS4651" s="91"/>
      <c r="FT4651" s="91"/>
      <c r="FU4651" s="91"/>
      <c r="FV4651" s="91"/>
      <c r="FW4651" s="91"/>
      <c r="FX4651" s="127"/>
      <c r="FY4651" s="126"/>
      <c r="FZ4651" s="91"/>
      <c r="GA4651" s="91"/>
      <c r="GB4651" s="91"/>
      <c r="GC4651" s="91"/>
      <c r="GD4651" s="91"/>
      <c r="GE4651" s="91"/>
      <c r="GF4651" s="91"/>
      <c r="GG4651" s="91"/>
      <c r="GH4651" s="91"/>
      <c r="GI4651" s="91"/>
      <c r="GJ4651" s="91"/>
      <c r="GK4651" s="127"/>
      <c r="GL4651" s="126"/>
      <c r="GM4651" s="91"/>
      <c r="GN4651" s="91"/>
      <c r="GO4651" s="91"/>
      <c r="GP4651" s="91"/>
      <c r="GQ4651" s="91"/>
      <c r="GR4651" s="91"/>
      <c r="GS4651" s="91"/>
      <c r="GT4651" s="91"/>
      <c r="GU4651" s="91"/>
      <c r="GV4651" s="91"/>
      <c r="GW4651" s="91"/>
      <c r="GX4651" s="127"/>
      <c r="GY4651" s="126"/>
      <c r="GZ4651" s="91"/>
      <c r="HA4651" s="91"/>
      <c r="HB4651" s="91"/>
      <c r="HC4651" s="91"/>
      <c r="HD4651" s="91"/>
      <c r="HE4651" s="91"/>
      <c r="HF4651" s="91"/>
      <c r="HG4651" s="91"/>
      <c r="HH4651" s="91"/>
      <c r="HI4651" s="91"/>
      <c r="HJ4651" s="91"/>
      <c r="HK4651" s="127"/>
      <c r="HL4651" s="126"/>
      <c r="HM4651" s="91"/>
      <c r="HN4651" s="91"/>
      <c r="HO4651" s="91"/>
      <c r="HP4651" s="91"/>
      <c r="HQ4651" s="91"/>
      <c r="HR4651" s="91"/>
      <c r="HS4651" s="91"/>
      <c r="HT4651" s="91"/>
      <c r="HU4651" s="91"/>
      <c r="HV4651" s="91"/>
      <c r="HW4651" s="91"/>
      <c r="HX4651" s="127"/>
      <c r="HY4651" s="126"/>
      <c r="HZ4651" s="91"/>
      <c r="IA4651" s="91"/>
      <c r="IB4651" s="91"/>
      <c r="IC4651" s="91"/>
      <c r="ID4651" s="91"/>
      <c r="IE4651" s="91"/>
      <c r="IF4651" s="91"/>
      <c r="IG4651" s="91"/>
      <c r="IH4651" s="91"/>
      <c r="II4651" s="91"/>
      <c r="IJ4651" s="91"/>
      <c r="IK4651" s="174"/>
    </row>
    <row r="4652" spans="2:245" x14ac:dyDescent="0.2">
      <c r="B4652" s="43"/>
      <c r="C4652" s="73"/>
      <c r="D4652" s="64"/>
      <c r="E4652" s="64"/>
      <c r="F4652" s="55"/>
      <c r="G4652" s="102"/>
      <c r="H4652" s="97"/>
      <c r="T4652" s="98"/>
      <c r="U4652" s="97"/>
      <c r="AG4652" s="98"/>
      <c r="AY4652" s="164"/>
      <c r="BK4652" s="98"/>
      <c r="BL4652" s="97"/>
      <c r="BX4652" s="98"/>
      <c r="CL4652" s="97"/>
      <c r="CX4652" s="98"/>
      <c r="DL4652" s="97"/>
      <c r="DX4652" s="98"/>
      <c r="EL4652" s="97"/>
      <c r="EX4652" s="98"/>
      <c r="EY4652" s="97"/>
      <c r="FL4652" s="126"/>
      <c r="FM4652" s="91"/>
      <c r="FN4652" s="91"/>
      <c r="FO4652" s="91"/>
      <c r="FP4652" s="91"/>
      <c r="FQ4652" s="91"/>
      <c r="FR4652" s="91"/>
      <c r="FS4652" s="91"/>
      <c r="FT4652" s="91"/>
      <c r="FU4652" s="91"/>
      <c r="FV4652" s="91"/>
      <c r="FW4652" s="91"/>
      <c r="FX4652" s="127"/>
      <c r="FY4652" s="126"/>
      <c r="FZ4652" s="91"/>
      <c r="GA4652" s="91"/>
      <c r="GB4652" s="91"/>
      <c r="GC4652" s="91"/>
      <c r="GD4652" s="91"/>
      <c r="GE4652" s="91"/>
      <c r="GF4652" s="91"/>
      <c r="GG4652" s="91"/>
      <c r="GH4652" s="91"/>
      <c r="GI4652" s="91"/>
      <c r="GJ4652" s="91"/>
      <c r="GK4652" s="127"/>
      <c r="GL4652" s="126"/>
      <c r="GM4652" s="91"/>
      <c r="GN4652" s="91"/>
      <c r="GO4652" s="91"/>
      <c r="GP4652" s="91"/>
      <c r="GQ4652" s="91"/>
      <c r="GR4652" s="91"/>
      <c r="GS4652" s="91"/>
      <c r="GT4652" s="91"/>
      <c r="GU4652" s="91"/>
      <c r="GV4652" s="91"/>
      <c r="GW4652" s="91"/>
      <c r="GX4652" s="127"/>
      <c r="GY4652" s="126"/>
      <c r="GZ4652" s="91"/>
      <c r="HA4652" s="91"/>
      <c r="HB4652" s="91"/>
      <c r="HC4652" s="91"/>
      <c r="HD4652" s="91"/>
      <c r="HE4652" s="91"/>
      <c r="HF4652" s="91"/>
      <c r="HG4652" s="91"/>
      <c r="HH4652" s="91"/>
      <c r="HI4652" s="91"/>
      <c r="HJ4652" s="91"/>
      <c r="HK4652" s="127"/>
      <c r="HL4652" s="126"/>
      <c r="HM4652" s="91"/>
      <c r="HN4652" s="91"/>
      <c r="HO4652" s="91"/>
      <c r="HP4652" s="91"/>
      <c r="HQ4652" s="91"/>
      <c r="HR4652" s="91"/>
      <c r="HS4652" s="91"/>
      <c r="HT4652" s="91"/>
      <c r="HU4652" s="91"/>
      <c r="HV4652" s="91"/>
      <c r="HW4652" s="91"/>
      <c r="HX4652" s="127"/>
      <c r="HY4652" s="126"/>
      <c r="HZ4652" s="91"/>
      <c r="IA4652" s="91"/>
      <c r="IB4652" s="91"/>
      <c r="IC4652" s="91"/>
      <c r="ID4652" s="91"/>
      <c r="IE4652" s="91"/>
      <c r="IF4652" s="91"/>
      <c r="IG4652" s="91"/>
      <c r="IH4652" s="91"/>
      <c r="II4652" s="91"/>
      <c r="IJ4652" s="91"/>
      <c r="IK4652" s="174"/>
    </row>
    <row r="4653" spans="2:245" x14ac:dyDescent="0.2">
      <c r="B4653" s="43"/>
      <c r="C4653" s="73"/>
      <c r="D4653" s="64"/>
      <c r="E4653" s="64"/>
      <c r="F4653" s="55"/>
      <c r="G4653" s="102"/>
      <c r="H4653" s="97"/>
      <c r="T4653" s="98"/>
      <c r="U4653" s="97"/>
      <c r="AG4653" s="98"/>
      <c r="AY4653" s="164"/>
      <c r="BK4653" s="98"/>
      <c r="BL4653" s="97"/>
      <c r="BX4653" s="98"/>
      <c r="CL4653" s="97"/>
      <c r="CX4653" s="98"/>
      <c r="DL4653" s="97"/>
      <c r="DX4653" s="98"/>
      <c r="EL4653" s="97"/>
      <c r="EX4653" s="98"/>
      <c r="EY4653" s="97"/>
      <c r="FL4653" s="126"/>
      <c r="FM4653" s="91"/>
      <c r="FN4653" s="91"/>
      <c r="FO4653" s="91"/>
      <c r="FP4653" s="91"/>
      <c r="FQ4653" s="91"/>
      <c r="FR4653" s="91"/>
      <c r="FS4653" s="91"/>
      <c r="FT4653" s="91"/>
      <c r="FU4653" s="91"/>
      <c r="FV4653" s="91"/>
      <c r="FW4653" s="91"/>
      <c r="FX4653" s="127"/>
      <c r="FY4653" s="126"/>
      <c r="FZ4653" s="91"/>
      <c r="GA4653" s="91"/>
      <c r="GB4653" s="91"/>
      <c r="GC4653" s="91"/>
      <c r="GD4653" s="91"/>
      <c r="GE4653" s="91"/>
      <c r="GF4653" s="91"/>
      <c r="GG4653" s="91"/>
      <c r="GH4653" s="91"/>
      <c r="GI4653" s="91"/>
      <c r="GJ4653" s="91"/>
      <c r="GK4653" s="127"/>
      <c r="GL4653" s="126"/>
      <c r="GM4653" s="91"/>
      <c r="GN4653" s="91"/>
      <c r="GO4653" s="91"/>
      <c r="GP4653" s="91"/>
      <c r="GQ4653" s="91"/>
      <c r="GR4653" s="91"/>
      <c r="GS4653" s="91"/>
      <c r="GT4653" s="91"/>
      <c r="GU4653" s="91"/>
      <c r="GV4653" s="91"/>
      <c r="GW4653" s="91"/>
      <c r="GX4653" s="127"/>
      <c r="GY4653" s="126"/>
      <c r="GZ4653" s="91"/>
      <c r="HA4653" s="91"/>
      <c r="HB4653" s="91"/>
      <c r="HC4653" s="91"/>
      <c r="HD4653" s="91"/>
      <c r="HE4653" s="91"/>
      <c r="HF4653" s="91"/>
      <c r="HG4653" s="91"/>
      <c r="HH4653" s="91"/>
      <c r="HI4653" s="91"/>
      <c r="HJ4653" s="91"/>
      <c r="HK4653" s="127"/>
      <c r="HL4653" s="126"/>
      <c r="HM4653" s="91"/>
      <c r="HN4653" s="91"/>
      <c r="HO4653" s="91"/>
      <c r="HP4653" s="91"/>
      <c r="HQ4653" s="91"/>
      <c r="HR4653" s="91"/>
      <c r="HS4653" s="91"/>
      <c r="HT4653" s="91"/>
      <c r="HU4653" s="91"/>
      <c r="HV4653" s="91"/>
      <c r="HW4653" s="91"/>
      <c r="HX4653" s="127"/>
      <c r="HY4653" s="126"/>
      <c r="HZ4653" s="91"/>
      <c r="IA4653" s="91"/>
      <c r="IB4653" s="91"/>
      <c r="IC4653" s="91"/>
      <c r="ID4653" s="91"/>
      <c r="IE4653" s="91"/>
      <c r="IF4653" s="91"/>
      <c r="IG4653" s="91"/>
      <c r="IH4653" s="91"/>
      <c r="II4653" s="91"/>
      <c r="IJ4653" s="91"/>
      <c r="IK4653" s="174"/>
    </row>
    <row r="4654" spans="2:245" x14ac:dyDescent="0.2">
      <c r="B4654" s="43"/>
      <c r="C4654" s="73"/>
      <c r="D4654" s="64"/>
      <c r="E4654" s="64"/>
      <c r="F4654" s="55"/>
      <c r="G4654" s="102"/>
      <c r="H4654" s="97"/>
      <c r="T4654" s="98"/>
      <c r="U4654" s="97"/>
      <c r="AG4654" s="98"/>
      <c r="AY4654" s="164"/>
      <c r="BK4654" s="98"/>
      <c r="BL4654" s="97"/>
      <c r="BX4654" s="98"/>
      <c r="CL4654" s="97"/>
      <c r="CX4654" s="98"/>
      <c r="DL4654" s="97"/>
      <c r="DX4654" s="98"/>
      <c r="EL4654" s="97"/>
      <c r="EX4654" s="98"/>
      <c r="EY4654" s="97"/>
      <c r="FL4654" s="126"/>
      <c r="FM4654" s="91"/>
      <c r="FN4654" s="91"/>
      <c r="FO4654" s="91"/>
      <c r="FP4654" s="91"/>
      <c r="FQ4654" s="91"/>
      <c r="FR4654" s="91"/>
      <c r="FS4654" s="91"/>
      <c r="FT4654" s="91"/>
      <c r="FU4654" s="91"/>
      <c r="FV4654" s="91"/>
      <c r="FW4654" s="91"/>
      <c r="FX4654" s="127"/>
      <c r="FY4654" s="126"/>
      <c r="FZ4654" s="91"/>
      <c r="GA4654" s="91"/>
      <c r="GB4654" s="91"/>
      <c r="GC4654" s="91"/>
      <c r="GD4654" s="91"/>
      <c r="GE4654" s="91"/>
      <c r="GF4654" s="91"/>
      <c r="GG4654" s="91"/>
      <c r="GH4654" s="91"/>
      <c r="GI4654" s="91"/>
      <c r="GJ4654" s="91"/>
      <c r="GK4654" s="127"/>
      <c r="GL4654" s="126"/>
      <c r="GM4654" s="91"/>
      <c r="GN4654" s="91"/>
      <c r="GO4654" s="91"/>
      <c r="GP4654" s="91"/>
      <c r="GQ4654" s="91"/>
      <c r="GR4654" s="91"/>
      <c r="GS4654" s="91"/>
      <c r="GT4654" s="91"/>
      <c r="GU4654" s="91"/>
      <c r="GV4654" s="91"/>
      <c r="GW4654" s="91"/>
      <c r="GX4654" s="127"/>
      <c r="GY4654" s="126"/>
      <c r="GZ4654" s="91"/>
      <c r="HA4654" s="91"/>
      <c r="HB4654" s="91"/>
      <c r="HC4654" s="91"/>
      <c r="HD4654" s="91"/>
      <c r="HE4654" s="91"/>
      <c r="HF4654" s="91"/>
      <c r="HG4654" s="91"/>
      <c r="HH4654" s="91"/>
      <c r="HI4654" s="91"/>
      <c r="HJ4654" s="91"/>
      <c r="HK4654" s="127"/>
      <c r="HL4654" s="126"/>
      <c r="HM4654" s="91"/>
      <c r="HN4654" s="91"/>
      <c r="HO4654" s="91"/>
      <c r="HP4654" s="91"/>
      <c r="HQ4654" s="91"/>
      <c r="HR4654" s="91"/>
      <c r="HS4654" s="91"/>
      <c r="HT4654" s="91"/>
      <c r="HU4654" s="91"/>
      <c r="HV4654" s="91"/>
      <c r="HW4654" s="91"/>
      <c r="HX4654" s="127"/>
      <c r="HY4654" s="126"/>
      <c r="HZ4654" s="91"/>
      <c r="IA4654" s="91"/>
      <c r="IB4654" s="91"/>
      <c r="IC4654" s="91"/>
      <c r="ID4654" s="91"/>
      <c r="IE4654" s="91"/>
      <c r="IF4654" s="91"/>
      <c r="IG4654" s="91"/>
      <c r="IH4654" s="91"/>
      <c r="II4654" s="91"/>
      <c r="IJ4654" s="91"/>
      <c r="IK4654" s="174"/>
    </row>
    <row r="4655" spans="2:245" x14ac:dyDescent="0.2">
      <c r="B4655" s="43"/>
      <c r="C4655" s="73"/>
      <c r="D4655" s="64"/>
      <c r="E4655" s="64"/>
      <c r="F4655" s="55"/>
      <c r="G4655" s="102"/>
      <c r="H4655" s="97"/>
      <c r="T4655" s="98"/>
      <c r="U4655" s="97"/>
      <c r="AG4655" s="98"/>
      <c r="AY4655" s="164"/>
      <c r="BK4655" s="98"/>
      <c r="BL4655" s="97"/>
      <c r="BX4655" s="98"/>
      <c r="CL4655" s="97"/>
      <c r="CX4655" s="98"/>
      <c r="DL4655" s="97"/>
      <c r="DX4655" s="98"/>
      <c r="EL4655" s="97"/>
      <c r="EX4655" s="98"/>
      <c r="EY4655" s="97"/>
      <c r="FL4655" s="126"/>
      <c r="FM4655" s="91"/>
      <c r="FN4655" s="91"/>
      <c r="FO4655" s="91"/>
      <c r="FP4655" s="91"/>
      <c r="FQ4655" s="91"/>
      <c r="FR4655" s="91"/>
      <c r="FS4655" s="91"/>
      <c r="FT4655" s="91"/>
      <c r="FU4655" s="91"/>
      <c r="FV4655" s="91"/>
      <c r="FW4655" s="91"/>
      <c r="FX4655" s="127"/>
      <c r="FY4655" s="126"/>
      <c r="FZ4655" s="91"/>
      <c r="GA4655" s="91"/>
      <c r="GB4655" s="91"/>
      <c r="GC4655" s="91"/>
      <c r="GD4655" s="91"/>
      <c r="GE4655" s="91"/>
      <c r="GF4655" s="91"/>
      <c r="GG4655" s="91"/>
      <c r="GH4655" s="91"/>
      <c r="GI4655" s="91"/>
      <c r="GJ4655" s="91"/>
      <c r="GK4655" s="127"/>
      <c r="GL4655" s="126"/>
      <c r="GM4655" s="91"/>
      <c r="GN4655" s="91"/>
      <c r="GO4655" s="91"/>
      <c r="GP4655" s="91"/>
      <c r="GQ4655" s="91"/>
      <c r="GR4655" s="91"/>
      <c r="GS4655" s="91"/>
      <c r="GT4655" s="91"/>
      <c r="GU4655" s="91"/>
      <c r="GV4655" s="91"/>
      <c r="GW4655" s="91"/>
      <c r="GX4655" s="127"/>
      <c r="GY4655" s="126"/>
      <c r="GZ4655" s="91"/>
      <c r="HA4655" s="91"/>
      <c r="HB4655" s="91"/>
      <c r="HC4655" s="91"/>
      <c r="HD4655" s="91"/>
      <c r="HE4655" s="91"/>
      <c r="HF4655" s="91"/>
      <c r="HG4655" s="91"/>
      <c r="HH4655" s="91"/>
      <c r="HI4655" s="91"/>
      <c r="HJ4655" s="91"/>
      <c r="HK4655" s="127"/>
      <c r="HL4655" s="126"/>
      <c r="HM4655" s="91"/>
      <c r="HN4655" s="91"/>
      <c r="HO4655" s="91"/>
      <c r="HP4655" s="91"/>
      <c r="HQ4655" s="91"/>
      <c r="HR4655" s="91"/>
      <c r="HS4655" s="91"/>
      <c r="HT4655" s="91"/>
      <c r="HU4655" s="91"/>
      <c r="HV4655" s="91"/>
      <c r="HW4655" s="91"/>
      <c r="HX4655" s="127"/>
      <c r="HY4655" s="126"/>
      <c r="HZ4655" s="91"/>
      <c r="IA4655" s="91"/>
      <c r="IB4655" s="91"/>
      <c r="IC4655" s="91"/>
      <c r="ID4655" s="91"/>
      <c r="IE4655" s="91"/>
      <c r="IF4655" s="91"/>
      <c r="IG4655" s="91"/>
      <c r="IH4655" s="91"/>
      <c r="II4655" s="91"/>
      <c r="IJ4655" s="91"/>
      <c r="IK4655" s="174"/>
    </row>
    <row r="4656" spans="2:245" x14ac:dyDescent="0.2">
      <c r="B4656" s="43"/>
      <c r="C4656" s="73"/>
      <c r="D4656" s="64"/>
      <c r="E4656" s="64"/>
      <c r="F4656" s="55"/>
      <c r="G4656" s="102"/>
      <c r="H4656" s="97"/>
      <c r="T4656" s="98"/>
      <c r="U4656" s="97"/>
      <c r="AG4656" s="98"/>
      <c r="AY4656" s="164"/>
      <c r="BK4656" s="98"/>
      <c r="BL4656" s="97"/>
      <c r="BX4656" s="98"/>
      <c r="CL4656" s="97"/>
      <c r="CX4656" s="98"/>
      <c r="DL4656" s="97"/>
      <c r="DX4656" s="98"/>
      <c r="EL4656" s="97"/>
      <c r="EX4656" s="98"/>
      <c r="EY4656" s="97"/>
      <c r="FL4656" s="126"/>
      <c r="FM4656" s="91"/>
      <c r="FN4656" s="91"/>
      <c r="FO4656" s="91"/>
      <c r="FP4656" s="91"/>
      <c r="FQ4656" s="91"/>
      <c r="FR4656" s="91"/>
      <c r="FS4656" s="91"/>
      <c r="FT4656" s="91"/>
      <c r="FU4656" s="91"/>
      <c r="FV4656" s="91"/>
      <c r="FW4656" s="91"/>
      <c r="FX4656" s="127"/>
      <c r="FY4656" s="126"/>
      <c r="FZ4656" s="91"/>
      <c r="GA4656" s="91"/>
      <c r="GB4656" s="91"/>
      <c r="GC4656" s="91"/>
      <c r="GD4656" s="91"/>
      <c r="GE4656" s="91"/>
      <c r="GF4656" s="91"/>
      <c r="GG4656" s="91"/>
      <c r="GH4656" s="91"/>
      <c r="GI4656" s="91"/>
      <c r="GJ4656" s="91"/>
      <c r="GK4656" s="127"/>
      <c r="GL4656" s="126"/>
      <c r="GM4656" s="91"/>
      <c r="GN4656" s="91"/>
      <c r="GO4656" s="91"/>
      <c r="GP4656" s="91"/>
      <c r="GQ4656" s="91"/>
      <c r="GR4656" s="91"/>
      <c r="GS4656" s="91"/>
      <c r="GT4656" s="91"/>
      <c r="GU4656" s="91"/>
      <c r="GV4656" s="91"/>
      <c r="GW4656" s="91"/>
      <c r="GX4656" s="127"/>
      <c r="GY4656" s="126"/>
      <c r="GZ4656" s="91"/>
      <c r="HA4656" s="91"/>
      <c r="HB4656" s="91"/>
      <c r="HC4656" s="91"/>
      <c r="HD4656" s="91"/>
      <c r="HE4656" s="91"/>
      <c r="HF4656" s="91"/>
      <c r="HG4656" s="91"/>
      <c r="HH4656" s="91"/>
      <c r="HI4656" s="91"/>
      <c r="HJ4656" s="91"/>
      <c r="HK4656" s="127"/>
      <c r="HL4656" s="126"/>
      <c r="HM4656" s="91"/>
      <c r="HN4656" s="91"/>
      <c r="HO4656" s="91"/>
      <c r="HP4656" s="91"/>
      <c r="HQ4656" s="91"/>
      <c r="HR4656" s="91"/>
      <c r="HS4656" s="91"/>
      <c r="HT4656" s="91"/>
      <c r="HU4656" s="91"/>
      <c r="HV4656" s="91"/>
      <c r="HW4656" s="91"/>
      <c r="HX4656" s="127"/>
      <c r="HY4656" s="126"/>
      <c r="HZ4656" s="91"/>
      <c r="IA4656" s="91"/>
      <c r="IB4656" s="91"/>
      <c r="IC4656" s="91"/>
      <c r="ID4656" s="91"/>
      <c r="IE4656" s="91"/>
      <c r="IF4656" s="91"/>
      <c r="IG4656" s="91"/>
      <c r="IH4656" s="91"/>
      <c r="II4656" s="91"/>
      <c r="IJ4656" s="91"/>
      <c r="IK4656" s="174"/>
    </row>
    <row r="4657" spans="2:245" x14ac:dyDescent="0.2">
      <c r="B4657" s="43"/>
      <c r="C4657" s="73"/>
      <c r="D4657" s="64"/>
      <c r="E4657" s="64"/>
      <c r="F4657" s="55"/>
      <c r="G4657" s="102"/>
      <c r="H4657" s="97"/>
      <c r="T4657" s="98"/>
      <c r="U4657" s="97"/>
      <c r="AG4657" s="98"/>
      <c r="AY4657" s="164"/>
      <c r="BK4657" s="98"/>
      <c r="BL4657" s="97"/>
      <c r="BX4657" s="98"/>
      <c r="CL4657" s="97"/>
      <c r="CX4657" s="98"/>
      <c r="DL4657" s="97"/>
      <c r="DX4657" s="98"/>
      <c r="EL4657" s="97"/>
      <c r="EX4657" s="98"/>
      <c r="EY4657" s="97"/>
      <c r="FL4657" s="126"/>
      <c r="FM4657" s="91"/>
      <c r="FN4657" s="91"/>
      <c r="FO4657" s="91"/>
      <c r="FP4657" s="91"/>
      <c r="FQ4657" s="91"/>
      <c r="FR4657" s="91"/>
      <c r="FS4657" s="91"/>
      <c r="FT4657" s="91"/>
      <c r="FU4657" s="91"/>
      <c r="FV4657" s="91"/>
      <c r="FW4657" s="91"/>
      <c r="FX4657" s="127"/>
      <c r="FY4657" s="126"/>
      <c r="FZ4657" s="91"/>
      <c r="GA4657" s="91"/>
      <c r="GB4657" s="91"/>
      <c r="GC4657" s="91"/>
      <c r="GD4657" s="91"/>
      <c r="GE4657" s="91"/>
      <c r="GF4657" s="91"/>
      <c r="GG4657" s="91"/>
      <c r="GH4657" s="91"/>
      <c r="GI4657" s="91"/>
      <c r="GJ4657" s="91"/>
      <c r="GK4657" s="127"/>
      <c r="GL4657" s="126"/>
      <c r="GM4657" s="91"/>
      <c r="GN4657" s="91"/>
      <c r="GO4657" s="91"/>
      <c r="GP4657" s="91"/>
      <c r="GQ4657" s="91"/>
      <c r="GR4657" s="91"/>
      <c r="GS4657" s="91"/>
      <c r="GT4657" s="91"/>
      <c r="GU4657" s="91"/>
      <c r="GV4657" s="91"/>
      <c r="GW4657" s="91"/>
      <c r="GX4657" s="127"/>
      <c r="GY4657" s="126"/>
      <c r="GZ4657" s="91"/>
      <c r="HA4657" s="91"/>
      <c r="HB4657" s="91"/>
      <c r="HC4657" s="91"/>
      <c r="HD4657" s="91"/>
      <c r="HE4657" s="91"/>
      <c r="HF4657" s="91"/>
      <c r="HG4657" s="91"/>
      <c r="HH4657" s="91"/>
      <c r="HI4657" s="91"/>
      <c r="HJ4657" s="91"/>
      <c r="HK4657" s="127"/>
      <c r="HL4657" s="126"/>
      <c r="HM4657" s="91"/>
      <c r="HN4657" s="91"/>
      <c r="HO4657" s="91"/>
      <c r="HP4657" s="91"/>
      <c r="HQ4657" s="91"/>
      <c r="HR4657" s="91"/>
      <c r="HS4657" s="91"/>
      <c r="HT4657" s="91"/>
      <c r="HU4657" s="91"/>
      <c r="HV4657" s="91"/>
      <c r="HW4657" s="91"/>
      <c r="HX4657" s="127"/>
      <c r="HY4657" s="126"/>
      <c r="HZ4657" s="91"/>
      <c r="IA4657" s="91"/>
      <c r="IB4657" s="91"/>
      <c r="IC4657" s="91"/>
      <c r="ID4657" s="91"/>
      <c r="IE4657" s="91"/>
      <c r="IF4657" s="91"/>
      <c r="IG4657" s="91"/>
      <c r="IH4657" s="91"/>
      <c r="II4657" s="91"/>
      <c r="IJ4657" s="91"/>
      <c r="IK4657" s="174"/>
    </row>
    <row r="4658" spans="2:245" x14ac:dyDescent="0.2">
      <c r="B4658" s="43"/>
      <c r="C4658" s="73"/>
      <c r="D4658" s="64"/>
      <c r="E4658" s="64"/>
      <c r="F4658" s="55"/>
      <c r="G4658" s="102"/>
      <c r="H4658" s="97"/>
      <c r="T4658" s="98"/>
      <c r="U4658" s="97"/>
      <c r="AG4658" s="98"/>
      <c r="AY4658" s="164"/>
      <c r="BK4658" s="98"/>
      <c r="BL4658" s="97"/>
      <c r="BX4658" s="98"/>
      <c r="CL4658" s="97"/>
      <c r="CX4658" s="98"/>
      <c r="DL4658" s="97"/>
      <c r="DX4658" s="98"/>
      <c r="EL4658" s="97"/>
      <c r="EX4658" s="98"/>
      <c r="EY4658" s="97"/>
      <c r="FL4658" s="126"/>
      <c r="FM4658" s="91"/>
      <c r="FN4658" s="91"/>
      <c r="FO4658" s="91"/>
      <c r="FP4658" s="91"/>
      <c r="FQ4658" s="91"/>
      <c r="FR4658" s="91"/>
      <c r="FS4658" s="91"/>
      <c r="FT4658" s="91"/>
      <c r="FU4658" s="91"/>
      <c r="FV4658" s="91"/>
      <c r="FW4658" s="91"/>
      <c r="FX4658" s="127"/>
      <c r="FY4658" s="126"/>
      <c r="FZ4658" s="91"/>
      <c r="GA4658" s="91"/>
      <c r="GB4658" s="91"/>
      <c r="GC4658" s="91"/>
      <c r="GD4658" s="91"/>
      <c r="GE4658" s="91"/>
      <c r="GF4658" s="91"/>
      <c r="GG4658" s="91"/>
      <c r="GH4658" s="91"/>
      <c r="GI4658" s="91"/>
      <c r="GJ4658" s="91"/>
      <c r="GK4658" s="127"/>
      <c r="GL4658" s="126"/>
      <c r="GM4658" s="91"/>
      <c r="GN4658" s="91"/>
      <c r="GO4658" s="91"/>
      <c r="GP4658" s="91"/>
      <c r="GQ4658" s="91"/>
      <c r="GR4658" s="91"/>
      <c r="GS4658" s="91"/>
      <c r="GT4658" s="91"/>
      <c r="GU4658" s="91"/>
      <c r="GV4658" s="91"/>
      <c r="GW4658" s="91"/>
      <c r="GX4658" s="127"/>
      <c r="GY4658" s="126"/>
      <c r="GZ4658" s="91"/>
      <c r="HA4658" s="91"/>
      <c r="HB4658" s="91"/>
      <c r="HC4658" s="91"/>
      <c r="HD4658" s="91"/>
      <c r="HE4658" s="91"/>
      <c r="HF4658" s="91"/>
      <c r="HG4658" s="91"/>
      <c r="HH4658" s="91"/>
      <c r="HI4658" s="91"/>
      <c r="HJ4658" s="91"/>
      <c r="HK4658" s="127"/>
      <c r="HL4658" s="126"/>
      <c r="HM4658" s="91"/>
      <c r="HN4658" s="91"/>
      <c r="HO4658" s="91"/>
      <c r="HP4658" s="91"/>
      <c r="HQ4658" s="91"/>
      <c r="HR4658" s="91"/>
      <c r="HS4658" s="91"/>
      <c r="HT4658" s="91"/>
      <c r="HU4658" s="91"/>
      <c r="HV4658" s="91"/>
      <c r="HW4658" s="91"/>
      <c r="HX4658" s="127"/>
      <c r="HY4658" s="126"/>
      <c r="HZ4658" s="91"/>
      <c r="IA4658" s="91"/>
      <c r="IB4658" s="91"/>
      <c r="IC4658" s="91"/>
      <c r="ID4658" s="91"/>
      <c r="IE4658" s="91"/>
      <c r="IF4658" s="91"/>
      <c r="IG4658" s="91"/>
      <c r="IH4658" s="91"/>
      <c r="II4658" s="91"/>
      <c r="IJ4658" s="91"/>
      <c r="IK4658" s="174"/>
    </row>
    <row r="4659" spans="2:245" x14ac:dyDescent="0.2">
      <c r="B4659" s="43"/>
      <c r="C4659" s="73"/>
      <c r="D4659" s="64"/>
      <c r="E4659" s="64"/>
      <c r="F4659" s="55"/>
      <c r="G4659" s="102"/>
      <c r="H4659" s="97"/>
      <c r="T4659" s="98"/>
      <c r="U4659" s="97"/>
      <c r="AG4659" s="98"/>
      <c r="AY4659" s="164"/>
      <c r="BK4659" s="98"/>
      <c r="BL4659" s="97"/>
      <c r="BX4659" s="98"/>
      <c r="CL4659" s="97"/>
      <c r="CX4659" s="98"/>
      <c r="DL4659" s="97"/>
      <c r="DX4659" s="98"/>
      <c r="EL4659" s="97"/>
      <c r="EX4659" s="98"/>
      <c r="EY4659" s="97"/>
      <c r="FL4659" s="126"/>
      <c r="FM4659" s="91"/>
      <c r="FN4659" s="91"/>
      <c r="FO4659" s="91"/>
      <c r="FP4659" s="91"/>
      <c r="FQ4659" s="91"/>
      <c r="FR4659" s="91"/>
      <c r="FS4659" s="91"/>
      <c r="FT4659" s="91"/>
      <c r="FU4659" s="91"/>
      <c r="FV4659" s="91"/>
      <c r="FW4659" s="91"/>
      <c r="FX4659" s="127"/>
      <c r="FY4659" s="126"/>
      <c r="FZ4659" s="91"/>
      <c r="GA4659" s="91"/>
      <c r="GB4659" s="91"/>
      <c r="GC4659" s="91"/>
      <c r="GD4659" s="91"/>
      <c r="GE4659" s="91"/>
      <c r="GF4659" s="91"/>
      <c r="GG4659" s="91"/>
      <c r="GH4659" s="91"/>
      <c r="GI4659" s="91"/>
      <c r="GJ4659" s="91"/>
      <c r="GK4659" s="127"/>
      <c r="GL4659" s="126"/>
      <c r="GM4659" s="91"/>
      <c r="GN4659" s="91"/>
      <c r="GO4659" s="91"/>
      <c r="GP4659" s="91"/>
      <c r="GQ4659" s="91"/>
      <c r="GR4659" s="91"/>
      <c r="GS4659" s="91"/>
      <c r="GT4659" s="91"/>
      <c r="GU4659" s="91"/>
      <c r="GV4659" s="91"/>
      <c r="GW4659" s="91"/>
      <c r="GX4659" s="127"/>
      <c r="GY4659" s="126"/>
      <c r="GZ4659" s="91"/>
      <c r="HA4659" s="91"/>
      <c r="HB4659" s="91"/>
      <c r="HC4659" s="91"/>
      <c r="HD4659" s="91"/>
      <c r="HE4659" s="91"/>
      <c r="HF4659" s="91"/>
      <c r="HG4659" s="91"/>
      <c r="HH4659" s="91"/>
      <c r="HI4659" s="91"/>
      <c r="HJ4659" s="91"/>
      <c r="HK4659" s="127"/>
      <c r="HL4659" s="126"/>
      <c r="HM4659" s="91"/>
      <c r="HN4659" s="91"/>
      <c r="HO4659" s="91"/>
      <c r="HP4659" s="91"/>
      <c r="HQ4659" s="91"/>
      <c r="HR4659" s="91"/>
      <c r="HS4659" s="91"/>
      <c r="HT4659" s="91"/>
      <c r="HU4659" s="91"/>
      <c r="HV4659" s="91"/>
      <c r="HW4659" s="91"/>
      <c r="HX4659" s="127"/>
      <c r="HY4659" s="126"/>
      <c r="HZ4659" s="91"/>
      <c r="IA4659" s="91"/>
      <c r="IB4659" s="91"/>
      <c r="IC4659" s="91"/>
      <c r="ID4659" s="91"/>
      <c r="IE4659" s="91"/>
      <c r="IF4659" s="91"/>
      <c r="IG4659" s="91"/>
      <c r="IH4659" s="91"/>
      <c r="II4659" s="91"/>
      <c r="IJ4659" s="91"/>
      <c r="IK4659" s="174"/>
    </row>
    <row r="4660" spans="2:245" x14ac:dyDescent="0.2">
      <c r="B4660" s="43"/>
      <c r="C4660" s="73"/>
      <c r="D4660" s="64"/>
      <c r="E4660" s="64"/>
      <c r="F4660" s="55"/>
      <c r="G4660" s="102"/>
      <c r="H4660" s="97"/>
      <c r="T4660" s="98"/>
      <c r="U4660" s="97"/>
      <c r="AG4660" s="98"/>
      <c r="AY4660" s="164"/>
      <c r="BK4660" s="98"/>
      <c r="BL4660" s="97"/>
      <c r="BX4660" s="98"/>
      <c r="CL4660" s="97"/>
      <c r="CX4660" s="98"/>
      <c r="DL4660" s="97"/>
      <c r="DX4660" s="98"/>
      <c r="EL4660" s="97"/>
      <c r="EX4660" s="98"/>
      <c r="EY4660" s="97"/>
      <c r="FL4660" s="126"/>
      <c r="FM4660" s="91"/>
      <c r="FN4660" s="91"/>
      <c r="FO4660" s="91"/>
      <c r="FP4660" s="91"/>
      <c r="FQ4660" s="91"/>
      <c r="FR4660" s="91"/>
      <c r="FS4660" s="91"/>
      <c r="FT4660" s="91"/>
      <c r="FU4660" s="91"/>
      <c r="FV4660" s="91"/>
      <c r="FW4660" s="91"/>
      <c r="FX4660" s="127"/>
      <c r="FY4660" s="126"/>
      <c r="FZ4660" s="91"/>
      <c r="GA4660" s="91"/>
      <c r="GB4660" s="91"/>
      <c r="GC4660" s="91"/>
      <c r="GD4660" s="91"/>
      <c r="GE4660" s="91"/>
      <c r="GF4660" s="91"/>
      <c r="GG4660" s="91"/>
      <c r="GH4660" s="91"/>
      <c r="GI4660" s="91"/>
      <c r="GJ4660" s="91"/>
      <c r="GK4660" s="127"/>
      <c r="GL4660" s="126"/>
      <c r="GM4660" s="91"/>
      <c r="GN4660" s="91"/>
      <c r="GO4660" s="91"/>
      <c r="GP4660" s="91"/>
      <c r="GQ4660" s="91"/>
      <c r="GR4660" s="91"/>
      <c r="GS4660" s="91"/>
      <c r="GT4660" s="91"/>
      <c r="GU4660" s="91"/>
      <c r="GV4660" s="91"/>
      <c r="GW4660" s="91"/>
      <c r="GX4660" s="127"/>
      <c r="GY4660" s="126"/>
      <c r="GZ4660" s="91"/>
      <c r="HA4660" s="91"/>
      <c r="HB4660" s="91"/>
      <c r="HC4660" s="91"/>
      <c r="HD4660" s="91"/>
      <c r="HE4660" s="91"/>
      <c r="HF4660" s="91"/>
      <c r="HG4660" s="91"/>
      <c r="HH4660" s="91"/>
      <c r="HI4660" s="91"/>
      <c r="HJ4660" s="91"/>
      <c r="HK4660" s="127"/>
      <c r="HL4660" s="126"/>
      <c r="HM4660" s="91"/>
      <c r="HN4660" s="91"/>
      <c r="HO4660" s="91"/>
      <c r="HP4660" s="91"/>
      <c r="HQ4660" s="91"/>
      <c r="HR4660" s="91"/>
      <c r="HS4660" s="91"/>
      <c r="HT4660" s="91"/>
      <c r="HU4660" s="91"/>
      <c r="HV4660" s="91"/>
      <c r="HW4660" s="91"/>
      <c r="HX4660" s="127"/>
      <c r="HY4660" s="126"/>
      <c r="HZ4660" s="91"/>
      <c r="IA4660" s="91"/>
      <c r="IB4660" s="91"/>
      <c r="IC4660" s="91"/>
      <c r="ID4660" s="91"/>
      <c r="IE4660" s="91"/>
      <c r="IF4660" s="91"/>
      <c r="IG4660" s="91"/>
      <c r="IH4660" s="91"/>
      <c r="II4660" s="91"/>
      <c r="IJ4660" s="91"/>
      <c r="IK4660" s="174"/>
    </row>
    <row r="4661" spans="2:245" x14ac:dyDescent="0.2">
      <c r="B4661" s="43"/>
      <c r="C4661" s="73"/>
      <c r="D4661" s="64"/>
      <c r="E4661" s="64"/>
      <c r="F4661" s="55"/>
      <c r="G4661" s="102"/>
      <c r="H4661" s="97"/>
      <c r="T4661" s="98"/>
      <c r="U4661" s="97"/>
      <c r="AG4661" s="98"/>
      <c r="AY4661" s="164"/>
      <c r="BK4661" s="98"/>
      <c r="BL4661" s="97"/>
      <c r="BX4661" s="98"/>
      <c r="CL4661" s="97"/>
      <c r="CX4661" s="98"/>
      <c r="DL4661" s="97"/>
      <c r="DX4661" s="98"/>
      <c r="EL4661" s="97"/>
      <c r="EX4661" s="98"/>
      <c r="EY4661" s="97"/>
      <c r="FL4661" s="126"/>
      <c r="FM4661" s="91"/>
      <c r="FN4661" s="91"/>
      <c r="FO4661" s="91"/>
      <c r="FP4661" s="91"/>
      <c r="FQ4661" s="91"/>
      <c r="FR4661" s="91"/>
      <c r="FS4661" s="91"/>
      <c r="FT4661" s="91"/>
      <c r="FU4661" s="91"/>
      <c r="FV4661" s="91"/>
      <c r="FW4661" s="91"/>
      <c r="FX4661" s="127"/>
      <c r="FY4661" s="126"/>
      <c r="FZ4661" s="91"/>
      <c r="GA4661" s="91"/>
      <c r="GB4661" s="91"/>
      <c r="GC4661" s="91"/>
      <c r="GD4661" s="91"/>
      <c r="GE4661" s="91"/>
      <c r="GF4661" s="91"/>
      <c r="GG4661" s="91"/>
      <c r="GH4661" s="91"/>
      <c r="GI4661" s="91"/>
      <c r="GJ4661" s="91"/>
      <c r="GK4661" s="127"/>
      <c r="GL4661" s="126"/>
      <c r="GM4661" s="91"/>
      <c r="GN4661" s="91"/>
      <c r="GO4661" s="91"/>
      <c r="GP4661" s="91"/>
      <c r="GQ4661" s="91"/>
      <c r="GR4661" s="91"/>
      <c r="GS4661" s="91"/>
      <c r="GT4661" s="91"/>
      <c r="GU4661" s="91"/>
      <c r="GV4661" s="91"/>
      <c r="GW4661" s="91"/>
      <c r="GX4661" s="127"/>
      <c r="GY4661" s="126"/>
      <c r="GZ4661" s="91"/>
      <c r="HA4661" s="91"/>
      <c r="HB4661" s="91"/>
      <c r="HC4661" s="91"/>
      <c r="HD4661" s="91"/>
      <c r="HE4661" s="91"/>
      <c r="HF4661" s="91"/>
      <c r="HG4661" s="91"/>
      <c r="HH4661" s="91"/>
      <c r="HI4661" s="91"/>
      <c r="HJ4661" s="91"/>
      <c r="HK4661" s="127"/>
      <c r="HL4661" s="126"/>
      <c r="HM4661" s="91"/>
      <c r="HN4661" s="91"/>
      <c r="HO4661" s="91"/>
      <c r="HP4661" s="91"/>
      <c r="HQ4661" s="91"/>
      <c r="HR4661" s="91"/>
      <c r="HS4661" s="91"/>
      <c r="HT4661" s="91"/>
      <c r="HU4661" s="91"/>
      <c r="HV4661" s="91"/>
      <c r="HW4661" s="91"/>
      <c r="HX4661" s="127"/>
      <c r="HY4661" s="126"/>
      <c r="HZ4661" s="91"/>
      <c r="IA4661" s="91"/>
      <c r="IB4661" s="91"/>
      <c r="IC4661" s="91"/>
      <c r="ID4661" s="91"/>
      <c r="IE4661" s="91"/>
      <c r="IF4661" s="91"/>
      <c r="IG4661" s="91"/>
      <c r="IH4661" s="91"/>
      <c r="II4661" s="91"/>
      <c r="IJ4661" s="91"/>
      <c r="IK4661" s="174"/>
    </row>
    <row r="4662" spans="2:245" x14ac:dyDescent="0.2">
      <c r="B4662" s="43"/>
      <c r="C4662" s="73"/>
      <c r="D4662" s="64"/>
      <c r="E4662" s="64"/>
      <c r="F4662" s="55"/>
      <c r="G4662" s="102"/>
      <c r="H4662" s="97"/>
      <c r="T4662" s="98"/>
      <c r="U4662" s="97"/>
      <c r="AG4662" s="98"/>
      <c r="AY4662" s="164"/>
      <c r="BK4662" s="98"/>
      <c r="BL4662" s="97"/>
      <c r="BX4662" s="98"/>
      <c r="CL4662" s="97"/>
      <c r="CX4662" s="98"/>
      <c r="DL4662" s="97"/>
      <c r="DX4662" s="98"/>
      <c r="EL4662" s="97"/>
      <c r="EX4662" s="98"/>
      <c r="EY4662" s="97"/>
      <c r="FL4662" s="126"/>
      <c r="FM4662" s="91"/>
      <c r="FN4662" s="91"/>
      <c r="FO4662" s="91"/>
      <c r="FP4662" s="91"/>
      <c r="FQ4662" s="91"/>
      <c r="FR4662" s="91"/>
      <c r="FS4662" s="91"/>
      <c r="FT4662" s="91"/>
      <c r="FU4662" s="91"/>
      <c r="FV4662" s="91"/>
      <c r="FW4662" s="91"/>
      <c r="FX4662" s="127"/>
      <c r="FY4662" s="126"/>
      <c r="FZ4662" s="91"/>
      <c r="GA4662" s="91"/>
      <c r="GB4662" s="91"/>
      <c r="GC4662" s="91"/>
      <c r="GD4662" s="91"/>
      <c r="GE4662" s="91"/>
      <c r="GF4662" s="91"/>
      <c r="GG4662" s="91"/>
      <c r="GH4662" s="91"/>
      <c r="GI4662" s="91"/>
      <c r="GJ4662" s="91"/>
      <c r="GK4662" s="127"/>
      <c r="GL4662" s="126"/>
      <c r="GM4662" s="91"/>
      <c r="GN4662" s="91"/>
      <c r="GO4662" s="91"/>
      <c r="GP4662" s="91"/>
      <c r="GQ4662" s="91"/>
      <c r="GR4662" s="91"/>
      <c r="GS4662" s="91"/>
      <c r="GT4662" s="91"/>
      <c r="GU4662" s="91"/>
      <c r="GV4662" s="91"/>
      <c r="GW4662" s="91"/>
      <c r="GX4662" s="127"/>
      <c r="GY4662" s="126"/>
      <c r="GZ4662" s="91"/>
      <c r="HA4662" s="91"/>
      <c r="HB4662" s="91"/>
      <c r="HC4662" s="91"/>
      <c r="HD4662" s="91"/>
      <c r="HE4662" s="91"/>
      <c r="HF4662" s="91"/>
      <c r="HG4662" s="91"/>
      <c r="HH4662" s="91"/>
      <c r="HI4662" s="91"/>
      <c r="HJ4662" s="91"/>
      <c r="HK4662" s="127"/>
      <c r="HL4662" s="126"/>
      <c r="HM4662" s="91"/>
      <c r="HN4662" s="91"/>
      <c r="HO4662" s="91"/>
      <c r="HP4662" s="91"/>
      <c r="HQ4662" s="91"/>
      <c r="HR4662" s="91"/>
      <c r="HS4662" s="91"/>
      <c r="HT4662" s="91"/>
      <c r="HU4662" s="91"/>
      <c r="HV4662" s="91"/>
      <c r="HW4662" s="91"/>
      <c r="HX4662" s="127"/>
      <c r="HY4662" s="126"/>
      <c r="HZ4662" s="91"/>
      <c r="IA4662" s="91"/>
      <c r="IB4662" s="91"/>
      <c r="IC4662" s="91"/>
      <c r="ID4662" s="91"/>
      <c r="IE4662" s="91"/>
      <c r="IF4662" s="91"/>
      <c r="IG4662" s="91"/>
      <c r="IH4662" s="91"/>
      <c r="II4662" s="91"/>
      <c r="IJ4662" s="91"/>
      <c r="IK4662" s="174"/>
    </row>
    <row r="4663" spans="2:245" x14ac:dyDescent="0.2">
      <c r="B4663" s="43"/>
      <c r="C4663" s="73"/>
      <c r="D4663" s="64"/>
      <c r="E4663" s="64"/>
      <c r="F4663" s="55"/>
      <c r="G4663" s="102"/>
      <c r="H4663" s="97"/>
      <c r="T4663" s="98"/>
      <c r="U4663" s="97"/>
      <c r="AG4663" s="98"/>
      <c r="AY4663" s="164"/>
      <c r="BK4663" s="98"/>
      <c r="BL4663" s="97"/>
      <c r="BX4663" s="98"/>
      <c r="CL4663" s="97"/>
      <c r="CX4663" s="98"/>
      <c r="DL4663" s="97"/>
      <c r="DX4663" s="98"/>
      <c r="EL4663" s="97"/>
      <c r="EX4663" s="98"/>
      <c r="EY4663" s="97"/>
      <c r="FL4663" s="126"/>
      <c r="FM4663" s="91"/>
      <c r="FN4663" s="91"/>
      <c r="FO4663" s="91"/>
      <c r="FP4663" s="91"/>
      <c r="FQ4663" s="91"/>
      <c r="FR4663" s="91"/>
      <c r="FS4663" s="91"/>
      <c r="FT4663" s="91"/>
      <c r="FU4663" s="91"/>
      <c r="FV4663" s="91"/>
      <c r="FW4663" s="91"/>
      <c r="FX4663" s="127"/>
      <c r="FY4663" s="126"/>
      <c r="FZ4663" s="91"/>
      <c r="GA4663" s="91"/>
      <c r="GB4663" s="91"/>
      <c r="GC4663" s="91"/>
      <c r="GD4663" s="91"/>
      <c r="GE4663" s="91"/>
      <c r="GF4663" s="91"/>
      <c r="GG4663" s="91"/>
      <c r="GH4663" s="91"/>
      <c r="GI4663" s="91"/>
      <c r="GJ4663" s="91"/>
      <c r="GK4663" s="127"/>
      <c r="GL4663" s="126"/>
      <c r="GM4663" s="91"/>
      <c r="GN4663" s="91"/>
      <c r="GO4663" s="91"/>
      <c r="GP4663" s="91"/>
      <c r="GQ4663" s="91"/>
      <c r="GR4663" s="91"/>
      <c r="GS4663" s="91"/>
      <c r="GT4663" s="91"/>
      <c r="GU4663" s="91"/>
      <c r="GV4663" s="91"/>
      <c r="GW4663" s="91"/>
      <c r="GX4663" s="127"/>
      <c r="GY4663" s="126"/>
      <c r="GZ4663" s="91"/>
      <c r="HA4663" s="91"/>
      <c r="HB4663" s="91"/>
      <c r="HC4663" s="91"/>
      <c r="HD4663" s="91"/>
      <c r="HE4663" s="91"/>
      <c r="HF4663" s="91"/>
      <c r="HG4663" s="91"/>
      <c r="HH4663" s="91"/>
      <c r="HI4663" s="91"/>
      <c r="HJ4663" s="91"/>
      <c r="HK4663" s="127"/>
      <c r="HL4663" s="126"/>
      <c r="HM4663" s="91"/>
      <c r="HN4663" s="91"/>
      <c r="HO4663" s="91"/>
      <c r="HP4663" s="91"/>
      <c r="HQ4663" s="91"/>
      <c r="HR4663" s="91"/>
      <c r="HS4663" s="91"/>
      <c r="HT4663" s="91"/>
      <c r="HU4663" s="91"/>
      <c r="HV4663" s="91"/>
      <c r="HW4663" s="91"/>
      <c r="HX4663" s="127"/>
      <c r="HY4663" s="126"/>
      <c r="HZ4663" s="91"/>
      <c r="IA4663" s="91"/>
      <c r="IB4663" s="91"/>
      <c r="IC4663" s="91"/>
      <c r="ID4663" s="91"/>
      <c r="IE4663" s="91"/>
      <c r="IF4663" s="91"/>
      <c r="IG4663" s="91"/>
      <c r="IH4663" s="91"/>
      <c r="II4663" s="91"/>
      <c r="IJ4663" s="91"/>
      <c r="IK4663" s="174"/>
    </row>
    <row r="4664" spans="2:245" x14ac:dyDescent="0.2">
      <c r="B4664" s="43"/>
      <c r="C4664" s="73"/>
      <c r="D4664" s="64"/>
      <c r="E4664" s="64"/>
      <c r="F4664" s="55"/>
      <c r="G4664" s="102"/>
      <c r="H4664" s="97"/>
      <c r="T4664" s="98"/>
      <c r="U4664" s="97"/>
      <c r="AG4664" s="98"/>
      <c r="AY4664" s="164"/>
      <c r="BK4664" s="98"/>
      <c r="BL4664" s="97"/>
      <c r="BX4664" s="98"/>
      <c r="CL4664" s="97"/>
      <c r="CX4664" s="98"/>
      <c r="DL4664" s="97"/>
      <c r="DX4664" s="98"/>
      <c r="EL4664" s="97"/>
      <c r="EX4664" s="98"/>
      <c r="EY4664" s="97"/>
      <c r="FL4664" s="126"/>
      <c r="FM4664" s="91"/>
      <c r="FN4664" s="91"/>
      <c r="FO4664" s="91"/>
      <c r="FP4664" s="91"/>
      <c r="FQ4664" s="91"/>
      <c r="FR4664" s="91"/>
      <c r="FS4664" s="91"/>
      <c r="FT4664" s="91"/>
      <c r="FU4664" s="91"/>
      <c r="FV4664" s="91"/>
      <c r="FW4664" s="91"/>
      <c r="FX4664" s="127"/>
      <c r="FY4664" s="126"/>
      <c r="FZ4664" s="91"/>
      <c r="GA4664" s="91"/>
      <c r="GB4664" s="91"/>
      <c r="GC4664" s="91"/>
      <c r="GD4664" s="91"/>
      <c r="GE4664" s="91"/>
      <c r="GF4664" s="91"/>
      <c r="GG4664" s="91"/>
      <c r="GH4664" s="91"/>
      <c r="GI4664" s="91"/>
      <c r="GJ4664" s="91"/>
      <c r="GK4664" s="127"/>
      <c r="GL4664" s="126"/>
      <c r="GM4664" s="91"/>
      <c r="GN4664" s="91"/>
      <c r="GO4664" s="91"/>
      <c r="GP4664" s="91"/>
      <c r="GQ4664" s="91"/>
      <c r="GR4664" s="91"/>
      <c r="GS4664" s="91"/>
      <c r="GT4664" s="91"/>
      <c r="GU4664" s="91"/>
      <c r="GV4664" s="91"/>
      <c r="GW4664" s="91"/>
      <c r="GX4664" s="127"/>
      <c r="GY4664" s="126"/>
      <c r="GZ4664" s="91"/>
      <c r="HA4664" s="91"/>
      <c r="HB4664" s="91"/>
      <c r="HC4664" s="91"/>
      <c r="HD4664" s="91"/>
      <c r="HE4664" s="91"/>
      <c r="HF4664" s="91"/>
      <c r="HG4664" s="91"/>
      <c r="HH4664" s="91"/>
      <c r="HI4664" s="91"/>
      <c r="HJ4664" s="91"/>
      <c r="HK4664" s="127"/>
      <c r="HL4664" s="126"/>
      <c r="HM4664" s="91"/>
      <c r="HN4664" s="91"/>
      <c r="HO4664" s="91"/>
      <c r="HP4664" s="91"/>
      <c r="HQ4664" s="91"/>
      <c r="HR4664" s="91"/>
      <c r="HS4664" s="91"/>
      <c r="HT4664" s="91"/>
      <c r="HU4664" s="91"/>
      <c r="HV4664" s="91"/>
      <c r="HW4664" s="91"/>
      <c r="HX4664" s="127"/>
      <c r="HY4664" s="126"/>
      <c r="HZ4664" s="91"/>
      <c r="IA4664" s="91"/>
      <c r="IB4664" s="91"/>
      <c r="IC4664" s="91"/>
      <c r="ID4664" s="91"/>
      <c r="IE4664" s="91"/>
      <c r="IF4664" s="91"/>
      <c r="IG4664" s="91"/>
      <c r="IH4664" s="91"/>
      <c r="II4664" s="91"/>
      <c r="IJ4664" s="91"/>
      <c r="IK4664" s="174"/>
    </row>
    <row r="4665" spans="2:245" x14ac:dyDescent="0.2">
      <c r="B4665" s="43"/>
      <c r="C4665" s="73"/>
      <c r="D4665" s="64"/>
      <c r="E4665" s="64"/>
      <c r="F4665" s="55"/>
      <c r="G4665" s="102"/>
      <c r="H4665" s="97"/>
      <c r="T4665" s="98"/>
      <c r="U4665" s="97"/>
      <c r="AG4665" s="98"/>
      <c r="AY4665" s="164"/>
      <c r="BK4665" s="98"/>
      <c r="BL4665" s="97"/>
      <c r="BX4665" s="98"/>
      <c r="CL4665" s="97"/>
      <c r="CX4665" s="98"/>
      <c r="DL4665" s="97"/>
      <c r="DX4665" s="98"/>
      <c r="EL4665" s="97"/>
      <c r="EX4665" s="98"/>
      <c r="EY4665" s="97"/>
      <c r="FL4665" s="126"/>
      <c r="FM4665" s="91"/>
      <c r="FN4665" s="91"/>
      <c r="FO4665" s="91"/>
      <c r="FP4665" s="91"/>
      <c r="FQ4665" s="91"/>
      <c r="FR4665" s="91"/>
      <c r="FS4665" s="91"/>
      <c r="FT4665" s="91"/>
      <c r="FU4665" s="91"/>
      <c r="FV4665" s="91"/>
      <c r="FW4665" s="91"/>
      <c r="FX4665" s="127"/>
      <c r="FY4665" s="126"/>
      <c r="FZ4665" s="91"/>
      <c r="GA4665" s="91"/>
      <c r="GB4665" s="91"/>
      <c r="GC4665" s="91"/>
      <c r="GD4665" s="91"/>
      <c r="GE4665" s="91"/>
      <c r="GF4665" s="91"/>
      <c r="GG4665" s="91"/>
      <c r="GH4665" s="91"/>
      <c r="GI4665" s="91"/>
      <c r="GJ4665" s="91"/>
      <c r="GK4665" s="127"/>
      <c r="GL4665" s="126"/>
      <c r="GM4665" s="91"/>
      <c r="GN4665" s="91"/>
      <c r="GO4665" s="91"/>
      <c r="GP4665" s="91"/>
      <c r="GQ4665" s="91"/>
      <c r="GR4665" s="91"/>
      <c r="GS4665" s="91"/>
      <c r="GT4665" s="91"/>
      <c r="GU4665" s="91"/>
      <c r="GV4665" s="91"/>
      <c r="GW4665" s="91"/>
      <c r="GX4665" s="127"/>
      <c r="GY4665" s="126"/>
      <c r="GZ4665" s="91"/>
      <c r="HA4665" s="91"/>
      <c r="HB4665" s="91"/>
      <c r="HC4665" s="91"/>
      <c r="HD4665" s="91"/>
      <c r="HE4665" s="91"/>
      <c r="HF4665" s="91"/>
      <c r="HG4665" s="91"/>
      <c r="HH4665" s="91"/>
      <c r="HI4665" s="91"/>
      <c r="HJ4665" s="91"/>
      <c r="HK4665" s="127"/>
      <c r="HL4665" s="126"/>
      <c r="HM4665" s="91"/>
      <c r="HN4665" s="91"/>
      <c r="HO4665" s="91"/>
      <c r="HP4665" s="91"/>
      <c r="HQ4665" s="91"/>
      <c r="HR4665" s="91"/>
      <c r="HS4665" s="91"/>
      <c r="HT4665" s="91"/>
      <c r="HU4665" s="91"/>
      <c r="HV4665" s="91"/>
      <c r="HW4665" s="91"/>
      <c r="HX4665" s="127"/>
      <c r="HY4665" s="126"/>
      <c r="HZ4665" s="91"/>
      <c r="IA4665" s="91"/>
      <c r="IB4665" s="91"/>
      <c r="IC4665" s="91"/>
      <c r="ID4665" s="91"/>
      <c r="IE4665" s="91"/>
      <c r="IF4665" s="91"/>
      <c r="IG4665" s="91"/>
      <c r="IH4665" s="91"/>
      <c r="II4665" s="91"/>
      <c r="IJ4665" s="91"/>
      <c r="IK4665" s="174"/>
    </row>
    <row r="4666" spans="2:245" x14ac:dyDescent="0.2">
      <c r="B4666" s="43"/>
      <c r="C4666" s="73"/>
      <c r="D4666" s="64"/>
      <c r="E4666" s="64"/>
      <c r="F4666" s="55"/>
      <c r="G4666" s="102"/>
      <c r="H4666" s="97"/>
      <c r="T4666" s="98"/>
      <c r="U4666" s="97"/>
      <c r="AG4666" s="98"/>
      <c r="AY4666" s="164"/>
      <c r="BK4666" s="98"/>
      <c r="BL4666" s="97"/>
      <c r="BX4666" s="98"/>
      <c r="CL4666" s="97"/>
      <c r="CX4666" s="98"/>
      <c r="DL4666" s="97"/>
      <c r="DX4666" s="98"/>
      <c r="EL4666" s="97"/>
      <c r="EX4666" s="98"/>
      <c r="EY4666" s="97"/>
      <c r="FL4666" s="126"/>
      <c r="FM4666" s="91"/>
      <c r="FN4666" s="91"/>
      <c r="FO4666" s="91"/>
      <c r="FP4666" s="91"/>
      <c r="FQ4666" s="91"/>
      <c r="FR4666" s="91"/>
      <c r="FS4666" s="91"/>
      <c r="FT4666" s="91"/>
      <c r="FU4666" s="91"/>
      <c r="FV4666" s="91"/>
      <c r="FW4666" s="91"/>
      <c r="FX4666" s="127"/>
      <c r="FY4666" s="126"/>
      <c r="FZ4666" s="91"/>
      <c r="GA4666" s="91"/>
      <c r="GB4666" s="91"/>
      <c r="GC4666" s="91"/>
      <c r="GD4666" s="91"/>
      <c r="GE4666" s="91"/>
      <c r="GF4666" s="91"/>
      <c r="GG4666" s="91"/>
      <c r="GH4666" s="91"/>
      <c r="GI4666" s="91"/>
      <c r="GJ4666" s="91"/>
      <c r="GK4666" s="127"/>
      <c r="GL4666" s="126"/>
      <c r="GM4666" s="91"/>
      <c r="GN4666" s="91"/>
      <c r="GO4666" s="91"/>
      <c r="GP4666" s="91"/>
      <c r="GQ4666" s="91"/>
      <c r="GR4666" s="91"/>
      <c r="GS4666" s="91"/>
      <c r="GT4666" s="91"/>
      <c r="GU4666" s="91"/>
      <c r="GV4666" s="91"/>
      <c r="GW4666" s="91"/>
      <c r="GX4666" s="127"/>
      <c r="GY4666" s="126"/>
      <c r="GZ4666" s="91"/>
      <c r="HA4666" s="91"/>
      <c r="HB4666" s="91"/>
      <c r="HC4666" s="91"/>
      <c r="HD4666" s="91"/>
      <c r="HE4666" s="91"/>
      <c r="HF4666" s="91"/>
      <c r="HG4666" s="91"/>
      <c r="HH4666" s="91"/>
      <c r="HI4666" s="91"/>
      <c r="HJ4666" s="91"/>
      <c r="HK4666" s="127"/>
      <c r="HL4666" s="126"/>
      <c r="HM4666" s="91"/>
      <c r="HN4666" s="91"/>
      <c r="HO4666" s="91"/>
      <c r="HP4666" s="91"/>
      <c r="HQ4666" s="91"/>
      <c r="HR4666" s="91"/>
      <c r="HS4666" s="91"/>
      <c r="HT4666" s="91"/>
      <c r="HU4666" s="91"/>
      <c r="HV4666" s="91"/>
      <c r="HW4666" s="91"/>
      <c r="HX4666" s="127"/>
      <c r="HY4666" s="126"/>
      <c r="HZ4666" s="91"/>
      <c r="IA4666" s="91"/>
      <c r="IB4666" s="91"/>
      <c r="IC4666" s="91"/>
      <c r="ID4666" s="91"/>
      <c r="IE4666" s="91"/>
      <c r="IF4666" s="91"/>
      <c r="IG4666" s="91"/>
      <c r="IH4666" s="91"/>
      <c r="II4666" s="91"/>
      <c r="IJ4666" s="91"/>
      <c r="IK4666" s="174"/>
    </row>
    <row r="4667" spans="2:245" x14ac:dyDescent="0.2">
      <c r="B4667" s="43"/>
      <c r="C4667" s="73"/>
      <c r="D4667" s="64"/>
      <c r="E4667" s="64"/>
      <c r="F4667" s="55"/>
      <c r="G4667" s="102"/>
      <c r="H4667" s="97"/>
      <c r="T4667" s="98"/>
      <c r="U4667" s="97"/>
      <c r="AG4667" s="98"/>
      <c r="AY4667" s="164"/>
      <c r="BK4667" s="98"/>
      <c r="BL4667" s="97"/>
      <c r="BX4667" s="98"/>
      <c r="CL4667" s="97"/>
      <c r="CX4667" s="98"/>
      <c r="DL4667" s="97"/>
      <c r="DX4667" s="98"/>
      <c r="EL4667" s="97"/>
      <c r="EX4667" s="98"/>
      <c r="EY4667" s="97"/>
      <c r="FL4667" s="126"/>
      <c r="FM4667" s="91"/>
      <c r="FN4667" s="91"/>
      <c r="FO4667" s="91"/>
      <c r="FP4667" s="91"/>
      <c r="FQ4667" s="91"/>
      <c r="FR4667" s="91"/>
      <c r="FS4667" s="91"/>
      <c r="FT4667" s="91"/>
      <c r="FU4667" s="91"/>
      <c r="FV4667" s="91"/>
      <c r="FW4667" s="91"/>
      <c r="FX4667" s="127"/>
      <c r="FY4667" s="126"/>
      <c r="FZ4667" s="91"/>
      <c r="GA4667" s="91"/>
      <c r="GB4667" s="91"/>
      <c r="GC4667" s="91"/>
      <c r="GD4667" s="91"/>
      <c r="GE4667" s="91"/>
      <c r="GF4667" s="91"/>
      <c r="GG4667" s="91"/>
      <c r="GH4667" s="91"/>
      <c r="GI4667" s="91"/>
      <c r="GJ4667" s="91"/>
      <c r="GK4667" s="127"/>
      <c r="GL4667" s="126"/>
      <c r="GM4667" s="91"/>
      <c r="GN4667" s="91"/>
      <c r="GO4667" s="91"/>
      <c r="GP4667" s="91"/>
      <c r="GQ4667" s="91"/>
      <c r="GR4667" s="91"/>
      <c r="GS4667" s="91"/>
      <c r="GT4667" s="91"/>
      <c r="GU4667" s="91"/>
      <c r="GV4667" s="91"/>
      <c r="GW4667" s="91"/>
      <c r="GX4667" s="127"/>
      <c r="GY4667" s="126"/>
      <c r="GZ4667" s="91"/>
      <c r="HA4667" s="91"/>
      <c r="HB4667" s="91"/>
      <c r="HC4667" s="91"/>
      <c r="HD4667" s="91"/>
      <c r="HE4667" s="91"/>
      <c r="HF4667" s="91"/>
      <c r="HG4667" s="91"/>
      <c r="HH4667" s="91"/>
      <c r="HI4667" s="91"/>
      <c r="HJ4667" s="91"/>
      <c r="HK4667" s="127"/>
      <c r="HL4667" s="126"/>
      <c r="HM4667" s="91"/>
      <c r="HN4667" s="91"/>
      <c r="HO4667" s="91"/>
      <c r="HP4667" s="91"/>
      <c r="HQ4667" s="91"/>
      <c r="HR4667" s="91"/>
      <c r="HS4667" s="91"/>
      <c r="HT4667" s="91"/>
      <c r="HU4667" s="91"/>
      <c r="HV4667" s="91"/>
      <c r="HW4667" s="91"/>
      <c r="HX4667" s="127"/>
      <c r="HY4667" s="126"/>
      <c r="HZ4667" s="91"/>
      <c r="IA4667" s="91"/>
      <c r="IB4667" s="91"/>
      <c r="IC4667" s="91"/>
      <c r="ID4667" s="91"/>
      <c r="IE4667" s="91"/>
      <c r="IF4667" s="91"/>
      <c r="IG4667" s="91"/>
      <c r="IH4667" s="91"/>
      <c r="II4667" s="91"/>
      <c r="IJ4667" s="91"/>
      <c r="IK4667" s="174"/>
    </row>
    <row r="4668" spans="2:245" x14ac:dyDescent="0.2">
      <c r="B4668" s="43"/>
      <c r="C4668" s="73"/>
      <c r="D4668" s="64"/>
      <c r="E4668" s="64"/>
      <c r="F4668" s="55"/>
      <c r="G4668" s="102"/>
      <c r="H4668" s="97"/>
      <c r="T4668" s="98"/>
      <c r="U4668" s="97"/>
      <c r="AG4668" s="98"/>
      <c r="AY4668" s="164"/>
      <c r="BK4668" s="98"/>
      <c r="BL4668" s="97"/>
      <c r="BX4668" s="98"/>
      <c r="CL4668" s="97"/>
      <c r="CX4668" s="98"/>
      <c r="DL4668" s="97"/>
      <c r="DX4668" s="98"/>
      <c r="EL4668" s="97"/>
      <c r="EX4668" s="98"/>
      <c r="EY4668" s="97"/>
      <c r="FL4668" s="126"/>
      <c r="FM4668" s="91"/>
      <c r="FN4668" s="91"/>
      <c r="FO4668" s="91"/>
      <c r="FP4668" s="91"/>
      <c r="FQ4668" s="91"/>
      <c r="FR4668" s="91"/>
      <c r="FS4668" s="91"/>
      <c r="FT4668" s="91"/>
      <c r="FU4668" s="91"/>
      <c r="FV4668" s="91"/>
      <c r="FW4668" s="91"/>
      <c r="FX4668" s="127"/>
      <c r="FY4668" s="126"/>
      <c r="FZ4668" s="91"/>
      <c r="GA4668" s="91"/>
      <c r="GB4668" s="91"/>
      <c r="GC4668" s="91"/>
      <c r="GD4668" s="91"/>
      <c r="GE4668" s="91"/>
      <c r="GF4668" s="91"/>
      <c r="GG4668" s="91"/>
      <c r="GH4668" s="91"/>
      <c r="GI4668" s="91"/>
      <c r="GJ4668" s="91"/>
      <c r="GK4668" s="127"/>
      <c r="GL4668" s="126"/>
      <c r="GM4668" s="91"/>
      <c r="GN4668" s="91"/>
      <c r="GO4668" s="91"/>
      <c r="GP4668" s="91"/>
      <c r="GQ4668" s="91"/>
      <c r="GR4668" s="91"/>
      <c r="GS4668" s="91"/>
      <c r="GT4668" s="91"/>
      <c r="GU4668" s="91"/>
      <c r="GV4668" s="91"/>
      <c r="GW4668" s="91"/>
      <c r="GX4668" s="127"/>
      <c r="GY4668" s="126"/>
      <c r="GZ4668" s="91"/>
      <c r="HA4668" s="91"/>
      <c r="HB4668" s="91"/>
      <c r="HC4668" s="91"/>
      <c r="HD4668" s="91"/>
      <c r="HE4668" s="91"/>
      <c r="HF4668" s="91"/>
      <c r="HG4668" s="91"/>
      <c r="HH4668" s="91"/>
      <c r="HI4668" s="91"/>
      <c r="HJ4668" s="91"/>
      <c r="HK4668" s="127"/>
      <c r="HL4668" s="126"/>
      <c r="HM4668" s="91"/>
      <c r="HN4668" s="91"/>
      <c r="HO4668" s="91"/>
      <c r="HP4668" s="91"/>
      <c r="HQ4668" s="91"/>
      <c r="HR4668" s="91"/>
      <c r="HS4668" s="91"/>
      <c r="HT4668" s="91"/>
      <c r="HU4668" s="91"/>
      <c r="HV4668" s="91"/>
      <c r="HW4668" s="91"/>
      <c r="HX4668" s="127"/>
      <c r="HY4668" s="126"/>
      <c r="HZ4668" s="91"/>
      <c r="IA4668" s="91"/>
      <c r="IB4668" s="91"/>
      <c r="IC4668" s="91"/>
      <c r="ID4668" s="91"/>
      <c r="IE4668" s="91"/>
      <c r="IF4668" s="91"/>
      <c r="IG4668" s="91"/>
      <c r="IH4668" s="91"/>
      <c r="II4668" s="91"/>
      <c r="IJ4668" s="91"/>
      <c r="IK4668" s="174"/>
    </row>
    <row r="4669" spans="2:245" x14ac:dyDescent="0.2">
      <c r="B4669" s="43"/>
      <c r="C4669" s="73"/>
      <c r="D4669" s="64"/>
      <c r="E4669" s="64"/>
      <c r="F4669" s="55"/>
      <c r="G4669" s="102"/>
      <c r="H4669" s="97"/>
      <c r="T4669" s="98"/>
      <c r="U4669" s="97"/>
      <c r="AG4669" s="98"/>
      <c r="AY4669" s="164"/>
      <c r="BK4669" s="98"/>
      <c r="BL4669" s="97"/>
      <c r="BX4669" s="98"/>
      <c r="CL4669" s="97"/>
      <c r="CX4669" s="98"/>
      <c r="DL4669" s="97"/>
      <c r="DX4669" s="98"/>
      <c r="EL4669" s="97"/>
      <c r="EX4669" s="98"/>
      <c r="EY4669" s="97"/>
      <c r="FL4669" s="126"/>
      <c r="FM4669" s="91"/>
      <c r="FN4669" s="91"/>
      <c r="FO4669" s="91"/>
      <c r="FP4669" s="91"/>
      <c r="FQ4669" s="91"/>
      <c r="FR4669" s="91"/>
      <c r="FS4669" s="91"/>
      <c r="FT4669" s="91"/>
      <c r="FU4669" s="91"/>
      <c r="FV4669" s="91"/>
      <c r="FW4669" s="91"/>
      <c r="FX4669" s="127"/>
      <c r="FY4669" s="126"/>
      <c r="FZ4669" s="91"/>
      <c r="GA4669" s="91"/>
      <c r="GB4669" s="91"/>
      <c r="GC4669" s="91"/>
      <c r="GD4669" s="91"/>
      <c r="GE4669" s="91"/>
      <c r="GF4669" s="91"/>
      <c r="GG4669" s="91"/>
      <c r="GH4669" s="91"/>
      <c r="GI4669" s="91"/>
      <c r="GJ4669" s="91"/>
      <c r="GK4669" s="127"/>
      <c r="GL4669" s="126"/>
      <c r="GM4669" s="91"/>
      <c r="GN4669" s="91"/>
      <c r="GO4669" s="91"/>
      <c r="GP4669" s="91"/>
      <c r="GQ4669" s="91"/>
      <c r="GR4669" s="91"/>
      <c r="GS4669" s="91"/>
      <c r="GT4669" s="91"/>
      <c r="GU4669" s="91"/>
      <c r="GV4669" s="91"/>
      <c r="GW4669" s="91"/>
      <c r="GX4669" s="127"/>
      <c r="GY4669" s="126"/>
      <c r="GZ4669" s="91"/>
      <c r="HA4669" s="91"/>
      <c r="HB4669" s="91"/>
      <c r="HC4669" s="91"/>
      <c r="HD4669" s="91"/>
      <c r="HE4669" s="91"/>
      <c r="HF4669" s="91"/>
      <c r="HG4669" s="91"/>
      <c r="HH4669" s="91"/>
      <c r="HI4669" s="91"/>
      <c r="HJ4669" s="91"/>
      <c r="HK4669" s="127"/>
      <c r="HL4669" s="126"/>
      <c r="HM4669" s="91"/>
      <c r="HN4669" s="91"/>
      <c r="HO4669" s="91"/>
      <c r="HP4669" s="91"/>
      <c r="HQ4669" s="91"/>
      <c r="HR4669" s="91"/>
      <c r="HS4669" s="91"/>
      <c r="HT4669" s="91"/>
      <c r="HU4669" s="91"/>
      <c r="HV4669" s="91"/>
      <c r="HW4669" s="91"/>
      <c r="HX4669" s="127"/>
      <c r="HY4669" s="126"/>
      <c r="HZ4669" s="91"/>
      <c r="IA4669" s="91"/>
      <c r="IB4669" s="91"/>
      <c r="IC4669" s="91"/>
      <c r="ID4669" s="91"/>
      <c r="IE4669" s="91"/>
      <c r="IF4669" s="91"/>
      <c r="IG4669" s="91"/>
      <c r="IH4669" s="91"/>
      <c r="II4669" s="91"/>
      <c r="IJ4669" s="91"/>
      <c r="IK4669" s="174"/>
    </row>
    <row r="4670" spans="2:245" x14ac:dyDescent="0.2">
      <c r="B4670" s="43"/>
      <c r="C4670" s="73"/>
      <c r="D4670" s="64"/>
      <c r="E4670" s="64"/>
      <c r="F4670" s="55"/>
      <c r="G4670" s="102"/>
      <c r="H4670" s="97"/>
      <c r="T4670" s="98"/>
      <c r="U4670" s="97"/>
      <c r="AG4670" s="98"/>
      <c r="AY4670" s="164"/>
      <c r="BK4670" s="98"/>
      <c r="BL4670" s="97"/>
      <c r="BX4670" s="98"/>
      <c r="CL4670" s="97"/>
      <c r="CX4670" s="98"/>
      <c r="DL4670" s="97"/>
      <c r="DX4670" s="98"/>
      <c r="EL4670" s="97"/>
      <c r="EX4670" s="98"/>
      <c r="EY4670" s="97"/>
      <c r="FL4670" s="126"/>
      <c r="FM4670" s="91"/>
      <c r="FN4670" s="91"/>
      <c r="FO4670" s="91"/>
      <c r="FP4670" s="91"/>
      <c r="FQ4670" s="91"/>
      <c r="FR4670" s="91"/>
      <c r="FS4670" s="91"/>
      <c r="FT4670" s="91"/>
      <c r="FU4670" s="91"/>
      <c r="FV4670" s="91"/>
      <c r="FW4670" s="91"/>
      <c r="FX4670" s="127"/>
      <c r="FY4670" s="126"/>
      <c r="FZ4670" s="91"/>
      <c r="GA4670" s="91"/>
      <c r="GB4670" s="91"/>
      <c r="GC4670" s="91"/>
      <c r="GD4670" s="91"/>
      <c r="GE4670" s="91"/>
      <c r="GF4670" s="91"/>
      <c r="GG4670" s="91"/>
      <c r="GH4670" s="91"/>
      <c r="GI4670" s="91"/>
      <c r="GJ4670" s="91"/>
      <c r="GK4670" s="127"/>
      <c r="GL4670" s="126"/>
      <c r="GM4670" s="91"/>
      <c r="GN4670" s="91"/>
      <c r="GO4670" s="91"/>
      <c r="GP4670" s="91"/>
      <c r="GQ4670" s="91"/>
      <c r="GR4670" s="91"/>
      <c r="GS4670" s="91"/>
      <c r="GT4670" s="91"/>
      <c r="GU4670" s="91"/>
      <c r="GV4670" s="91"/>
      <c r="GW4670" s="91"/>
      <c r="GX4670" s="127"/>
      <c r="GY4670" s="126"/>
      <c r="GZ4670" s="91"/>
      <c r="HA4670" s="91"/>
      <c r="HB4670" s="91"/>
      <c r="HC4670" s="91"/>
      <c r="HD4670" s="91"/>
      <c r="HE4670" s="91"/>
      <c r="HF4670" s="91"/>
      <c r="HG4670" s="91"/>
      <c r="HH4670" s="91"/>
      <c r="HI4670" s="91"/>
      <c r="HJ4670" s="91"/>
      <c r="HK4670" s="127"/>
      <c r="HL4670" s="126"/>
      <c r="HM4670" s="91"/>
      <c r="HN4670" s="91"/>
      <c r="HO4670" s="91"/>
      <c r="HP4670" s="91"/>
      <c r="HQ4670" s="91"/>
      <c r="HR4670" s="91"/>
      <c r="HS4670" s="91"/>
      <c r="HT4670" s="91"/>
      <c r="HU4670" s="91"/>
      <c r="HV4670" s="91"/>
      <c r="HW4670" s="91"/>
      <c r="HX4670" s="127"/>
      <c r="HY4670" s="126"/>
      <c r="HZ4670" s="91"/>
      <c r="IA4670" s="91"/>
      <c r="IB4670" s="91"/>
      <c r="IC4670" s="91"/>
      <c r="ID4670" s="91"/>
      <c r="IE4670" s="91"/>
      <c r="IF4670" s="91"/>
      <c r="IG4670" s="91"/>
      <c r="IH4670" s="91"/>
      <c r="II4670" s="91"/>
      <c r="IJ4670" s="91"/>
      <c r="IK4670" s="174"/>
    </row>
    <row r="4671" spans="2:245" x14ac:dyDescent="0.2">
      <c r="B4671" s="43"/>
      <c r="C4671" s="73"/>
      <c r="D4671" s="64"/>
      <c r="E4671" s="64"/>
      <c r="F4671" s="55"/>
      <c r="G4671" s="102"/>
      <c r="H4671" s="97"/>
      <c r="T4671" s="98"/>
      <c r="U4671" s="97"/>
      <c r="AG4671" s="98"/>
      <c r="AY4671" s="164"/>
      <c r="BK4671" s="98"/>
      <c r="BL4671" s="97"/>
      <c r="BX4671" s="98"/>
      <c r="CL4671" s="97"/>
      <c r="CX4671" s="98"/>
      <c r="DL4671" s="97"/>
      <c r="DX4671" s="98"/>
      <c r="EL4671" s="97"/>
      <c r="EX4671" s="98"/>
      <c r="EY4671" s="97"/>
      <c r="FL4671" s="126"/>
      <c r="FM4671" s="91"/>
      <c r="FN4671" s="91"/>
      <c r="FO4671" s="91"/>
      <c r="FP4671" s="91"/>
      <c r="FQ4671" s="91"/>
      <c r="FR4671" s="91"/>
      <c r="FS4671" s="91"/>
      <c r="FT4671" s="91"/>
      <c r="FU4671" s="91"/>
      <c r="FV4671" s="91"/>
      <c r="FW4671" s="91"/>
      <c r="FX4671" s="127"/>
      <c r="FY4671" s="126"/>
      <c r="FZ4671" s="91"/>
      <c r="GA4671" s="91"/>
      <c r="GB4671" s="91"/>
      <c r="GC4671" s="91"/>
      <c r="GD4671" s="91"/>
      <c r="GE4671" s="91"/>
      <c r="GF4671" s="91"/>
      <c r="GG4671" s="91"/>
      <c r="GH4671" s="91"/>
      <c r="GI4671" s="91"/>
      <c r="GJ4671" s="91"/>
      <c r="GK4671" s="127"/>
      <c r="GL4671" s="126"/>
      <c r="GM4671" s="91"/>
      <c r="GN4671" s="91"/>
      <c r="GO4671" s="91"/>
      <c r="GP4671" s="91"/>
      <c r="GQ4671" s="91"/>
      <c r="GR4671" s="91"/>
      <c r="GS4671" s="91"/>
      <c r="GT4671" s="91"/>
      <c r="GU4671" s="91"/>
      <c r="GV4671" s="91"/>
      <c r="GW4671" s="91"/>
      <c r="GX4671" s="127"/>
      <c r="GY4671" s="126"/>
      <c r="GZ4671" s="91"/>
      <c r="HA4671" s="91"/>
      <c r="HB4671" s="91"/>
      <c r="HC4671" s="91"/>
      <c r="HD4671" s="91"/>
      <c r="HE4671" s="91"/>
      <c r="HF4671" s="91"/>
      <c r="HG4671" s="91"/>
      <c r="HH4671" s="91"/>
      <c r="HI4671" s="91"/>
      <c r="HJ4671" s="91"/>
      <c r="HK4671" s="127"/>
      <c r="HL4671" s="126"/>
      <c r="HM4671" s="91"/>
      <c r="HN4671" s="91"/>
      <c r="HO4671" s="91"/>
      <c r="HP4671" s="91"/>
      <c r="HQ4671" s="91"/>
      <c r="HR4671" s="91"/>
      <c r="HS4671" s="91"/>
      <c r="HT4671" s="91"/>
      <c r="HU4671" s="91"/>
      <c r="HV4671" s="91"/>
      <c r="HW4671" s="91"/>
      <c r="HX4671" s="127"/>
      <c r="HY4671" s="126"/>
      <c r="HZ4671" s="91"/>
      <c r="IA4671" s="91"/>
      <c r="IB4671" s="91"/>
      <c r="IC4671" s="91"/>
      <c r="ID4671" s="91"/>
      <c r="IE4671" s="91"/>
      <c r="IF4671" s="91"/>
      <c r="IG4671" s="91"/>
      <c r="IH4671" s="91"/>
      <c r="II4671" s="91"/>
      <c r="IJ4671" s="91"/>
      <c r="IK4671" s="174"/>
    </row>
    <row r="4672" spans="2:245" x14ac:dyDescent="0.2">
      <c r="B4672" s="43"/>
      <c r="C4672" s="73"/>
      <c r="D4672" s="64"/>
      <c r="E4672" s="64"/>
      <c r="F4672" s="55"/>
      <c r="G4672" s="102"/>
      <c r="H4672" s="97"/>
      <c r="T4672" s="98"/>
      <c r="U4672" s="97"/>
      <c r="AG4672" s="98"/>
      <c r="AY4672" s="164"/>
      <c r="BK4672" s="98"/>
      <c r="BL4672" s="97"/>
      <c r="BX4672" s="98"/>
      <c r="CL4672" s="97"/>
      <c r="CX4672" s="98"/>
      <c r="DL4672" s="97"/>
      <c r="DX4672" s="98"/>
      <c r="EL4672" s="97"/>
      <c r="EX4672" s="98"/>
      <c r="EY4672" s="97"/>
      <c r="FL4672" s="126"/>
      <c r="FM4672" s="91"/>
      <c r="FN4672" s="91"/>
      <c r="FO4672" s="91"/>
      <c r="FP4672" s="91"/>
      <c r="FQ4672" s="91"/>
      <c r="FR4672" s="91"/>
      <c r="FS4672" s="91"/>
      <c r="FT4672" s="91"/>
      <c r="FU4672" s="91"/>
      <c r="FV4672" s="91"/>
      <c r="FW4672" s="91"/>
      <c r="FX4672" s="127"/>
      <c r="FY4672" s="126"/>
      <c r="FZ4672" s="91"/>
      <c r="GA4672" s="91"/>
      <c r="GB4672" s="91"/>
      <c r="GC4672" s="91"/>
      <c r="GD4672" s="91"/>
      <c r="GE4672" s="91"/>
      <c r="GF4672" s="91"/>
      <c r="GG4672" s="91"/>
      <c r="GH4672" s="91"/>
      <c r="GI4672" s="91"/>
      <c r="GJ4672" s="91"/>
      <c r="GK4672" s="127"/>
      <c r="GL4672" s="126"/>
      <c r="GM4672" s="91"/>
      <c r="GN4672" s="91"/>
      <c r="GO4672" s="91"/>
      <c r="GP4672" s="91"/>
      <c r="GQ4672" s="91"/>
      <c r="GR4672" s="91"/>
      <c r="GS4672" s="91"/>
      <c r="GT4672" s="91"/>
      <c r="GU4672" s="91"/>
      <c r="GV4672" s="91"/>
      <c r="GW4672" s="91"/>
      <c r="GX4672" s="127"/>
      <c r="GY4672" s="126"/>
      <c r="GZ4672" s="91"/>
      <c r="HA4672" s="91"/>
      <c r="HB4672" s="91"/>
      <c r="HC4672" s="91"/>
      <c r="HD4672" s="91"/>
      <c r="HE4672" s="91"/>
      <c r="HF4672" s="91"/>
      <c r="HG4672" s="91"/>
      <c r="HH4672" s="91"/>
      <c r="HI4672" s="91"/>
      <c r="HJ4672" s="91"/>
      <c r="HK4672" s="127"/>
      <c r="HL4672" s="126"/>
      <c r="HM4672" s="91"/>
      <c r="HN4672" s="91"/>
      <c r="HO4672" s="91"/>
      <c r="HP4672" s="91"/>
      <c r="HQ4672" s="91"/>
      <c r="HR4672" s="91"/>
      <c r="HS4672" s="91"/>
      <c r="HT4672" s="91"/>
      <c r="HU4672" s="91"/>
      <c r="HV4672" s="91"/>
      <c r="HW4672" s="91"/>
      <c r="HX4672" s="127"/>
      <c r="HY4672" s="126"/>
      <c r="HZ4672" s="91"/>
      <c r="IA4672" s="91"/>
      <c r="IB4672" s="91"/>
      <c r="IC4672" s="91"/>
      <c r="ID4672" s="91"/>
      <c r="IE4672" s="91"/>
      <c r="IF4672" s="91"/>
      <c r="IG4672" s="91"/>
      <c r="IH4672" s="91"/>
      <c r="II4672" s="91"/>
      <c r="IJ4672" s="91"/>
      <c r="IK4672" s="174"/>
    </row>
    <row r="4673" spans="2:245" x14ac:dyDescent="0.2">
      <c r="B4673" s="43"/>
      <c r="C4673" s="73"/>
      <c r="D4673" s="64"/>
      <c r="E4673" s="64"/>
      <c r="F4673" s="55"/>
      <c r="G4673" s="102"/>
      <c r="H4673" s="97"/>
      <c r="T4673" s="98"/>
      <c r="U4673" s="97"/>
      <c r="AG4673" s="98"/>
      <c r="AY4673" s="164"/>
      <c r="BK4673" s="98"/>
      <c r="BL4673" s="97"/>
      <c r="BX4673" s="98"/>
      <c r="CL4673" s="97"/>
      <c r="CX4673" s="98"/>
      <c r="DL4673" s="97"/>
      <c r="DX4673" s="98"/>
      <c r="EL4673" s="97"/>
      <c r="EX4673" s="98"/>
      <c r="EY4673" s="97"/>
      <c r="FL4673" s="126"/>
      <c r="FM4673" s="91"/>
      <c r="FN4673" s="91"/>
      <c r="FO4673" s="91"/>
      <c r="FP4673" s="91"/>
      <c r="FQ4673" s="91"/>
      <c r="FR4673" s="91"/>
      <c r="FS4673" s="91"/>
      <c r="FT4673" s="91"/>
      <c r="FU4673" s="91"/>
      <c r="FV4673" s="91"/>
      <c r="FW4673" s="91"/>
      <c r="FX4673" s="127"/>
      <c r="FY4673" s="126"/>
      <c r="FZ4673" s="91"/>
      <c r="GA4673" s="91"/>
      <c r="GB4673" s="91"/>
      <c r="GC4673" s="91"/>
      <c r="GD4673" s="91"/>
      <c r="GE4673" s="91"/>
      <c r="GF4673" s="91"/>
      <c r="GG4673" s="91"/>
      <c r="GH4673" s="91"/>
      <c r="GI4673" s="91"/>
      <c r="GJ4673" s="91"/>
      <c r="GK4673" s="127"/>
      <c r="GL4673" s="126"/>
      <c r="GM4673" s="91"/>
      <c r="GN4673" s="91"/>
      <c r="GO4673" s="91"/>
      <c r="GP4673" s="91"/>
      <c r="GQ4673" s="91"/>
      <c r="GR4673" s="91"/>
      <c r="GS4673" s="91"/>
      <c r="GT4673" s="91"/>
      <c r="GU4673" s="91"/>
      <c r="GV4673" s="91"/>
      <c r="GW4673" s="91"/>
      <c r="GX4673" s="127"/>
      <c r="GY4673" s="126"/>
      <c r="GZ4673" s="91"/>
      <c r="HA4673" s="91"/>
      <c r="HB4673" s="91"/>
      <c r="HC4673" s="91"/>
      <c r="HD4673" s="91"/>
      <c r="HE4673" s="91"/>
      <c r="HF4673" s="91"/>
      <c r="HG4673" s="91"/>
      <c r="HH4673" s="91"/>
      <c r="HI4673" s="91"/>
      <c r="HJ4673" s="91"/>
      <c r="HK4673" s="127"/>
      <c r="HL4673" s="126"/>
      <c r="HM4673" s="91"/>
      <c r="HN4673" s="91"/>
      <c r="HO4673" s="91"/>
      <c r="HP4673" s="91"/>
      <c r="HQ4673" s="91"/>
      <c r="HR4673" s="91"/>
      <c r="HS4673" s="91"/>
      <c r="HT4673" s="91"/>
      <c r="HU4673" s="91"/>
      <c r="HV4673" s="91"/>
      <c r="HW4673" s="91"/>
      <c r="HX4673" s="127"/>
      <c r="HY4673" s="126"/>
      <c r="HZ4673" s="91"/>
      <c r="IA4673" s="91"/>
      <c r="IB4673" s="91"/>
      <c r="IC4673" s="91"/>
      <c r="ID4673" s="91"/>
      <c r="IE4673" s="91"/>
      <c r="IF4673" s="91"/>
      <c r="IG4673" s="91"/>
      <c r="IH4673" s="91"/>
      <c r="II4673" s="91"/>
      <c r="IJ4673" s="91"/>
      <c r="IK4673" s="174"/>
    </row>
    <row r="4674" spans="2:245" x14ac:dyDescent="0.2">
      <c r="B4674" s="43"/>
      <c r="C4674" s="73"/>
      <c r="D4674" s="64"/>
      <c r="E4674" s="64"/>
      <c r="F4674" s="55"/>
      <c r="G4674" s="102"/>
      <c r="H4674" s="97"/>
      <c r="T4674" s="98"/>
      <c r="U4674" s="97"/>
      <c r="AG4674" s="98"/>
      <c r="AY4674" s="164"/>
      <c r="BK4674" s="98"/>
      <c r="BL4674" s="97"/>
      <c r="BX4674" s="98"/>
      <c r="CL4674" s="97"/>
      <c r="CX4674" s="98"/>
      <c r="DL4674" s="97"/>
      <c r="DX4674" s="98"/>
      <c r="EL4674" s="97"/>
      <c r="EX4674" s="98"/>
      <c r="EY4674" s="97"/>
      <c r="FL4674" s="126"/>
      <c r="FM4674" s="91"/>
      <c r="FN4674" s="91"/>
      <c r="FO4674" s="91"/>
      <c r="FP4674" s="91"/>
      <c r="FQ4674" s="91"/>
      <c r="FR4674" s="91"/>
      <c r="FS4674" s="91"/>
      <c r="FT4674" s="91"/>
      <c r="FU4674" s="91"/>
      <c r="FV4674" s="91"/>
      <c r="FW4674" s="91"/>
      <c r="FX4674" s="127"/>
      <c r="FY4674" s="126"/>
      <c r="FZ4674" s="91"/>
      <c r="GA4674" s="91"/>
      <c r="GB4674" s="91"/>
      <c r="GC4674" s="91"/>
      <c r="GD4674" s="91"/>
      <c r="GE4674" s="91"/>
      <c r="GF4674" s="91"/>
      <c r="GG4674" s="91"/>
      <c r="GH4674" s="91"/>
      <c r="GI4674" s="91"/>
      <c r="GJ4674" s="91"/>
      <c r="GK4674" s="127"/>
      <c r="GL4674" s="126"/>
      <c r="GM4674" s="91"/>
      <c r="GN4674" s="91"/>
      <c r="GO4674" s="91"/>
      <c r="GP4674" s="91"/>
      <c r="GQ4674" s="91"/>
      <c r="GR4674" s="91"/>
      <c r="GS4674" s="91"/>
      <c r="GT4674" s="91"/>
      <c r="GU4674" s="91"/>
      <c r="GV4674" s="91"/>
      <c r="GW4674" s="91"/>
      <c r="GX4674" s="127"/>
      <c r="GY4674" s="126"/>
      <c r="GZ4674" s="91"/>
      <c r="HA4674" s="91"/>
      <c r="HB4674" s="91"/>
      <c r="HC4674" s="91"/>
      <c r="HD4674" s="91"/>
      <c r="HE4674" s="91"/>
      <c r="HF4674" s="91"/>
      <c r="HG4674" s="91"/>
      <c r="HH4674" s="91"/>
      <c r="HI4674" s="91"/>
      <c r="HJ4674" s="91"/>
      <c r="HK4674" s="127"/>
      <c r="HL4674" s="126"/>
      <c r="HM4674" s="91"/>
      <c r="HN4674" s="91"/>
      <c r="HO4674" s="91"/>
      <c r="HP4674" s="91"/>
      <c r="HQ4674" s="91"/>
      <c r="HR4674" s="91"/>
      <c r="HS4674" s="91"/>
      <c r="HT4674" s="91"/>
      <c r="HU4674" s="91"/>
      <c r="HV4674" s="91"/>
      <c r="HW4674" s="91"/>
      <c r="HX4674" s="127"/>
      <c r="HY4674" s="126"/>
      <c r="HZ4674" s="91"/>
      <c r="IA4674" s="91"/>
      <c r="IB4674" s="91"/>
      <c r="IC4674" s="91"/>
      <c r="ID4674" s="91"/>
      <c r="IE4674" s="91"/>
      <c r="IF4674" s="91"/>
      <c r="IG4674" s="91"/>
      <c r="IH4674" s="91"/>
      <c r="II4674" s="91"/>
      <c r="IJ4674" s="91"/>
      <c r="IK4674" s="174"/>
    </row>
    <row r="4675" spans="2:245" x14ac:dyDescent="0.2">
      <c r="B4675" s="43"/>
      <c r="C4675" s="73"/>
      <c r="D4675" s="64"/>
      <c r="E4675" s="64"/>
      <c r="F4675" s="55"/>
      <c r="G4675" s="102"/>
      <c r="H4675" s="97"/>
      <c r="T4675" s="98"/>
      <c r="U4675" s="97"/>
      <c r="AG4675" s="98"/>
      <c r="AY4675" s="164"/>
      <c r="BK4675" s="98"/>
      <c r="BL4675" s="97"/>
      <c r="BX4675" s="98"/>
      <c r="CL4675" s="97"/>
      <c r="CX4675" s="98"/>
      <c r="DL4675" s="97"/>
      <c r="DX4675" s="98"/>
      <c r="EL4675" s="97"/>
      <c r="EX4675" s="98"/>
      <c r="EY4675" s="97"/>
      <c r="FL4675" s="126"/>
      <c r="FM4675" s="91"/>
      <c r="FN4675" s="91"/>
      <c r="FO4675" s="91"/>
      <c r="FP4675" s="91"/>
      <c r="FQ4675" s="91"/>
      <c r="FR4675" s="91"/>
      <c r="FS4675" s="91"/>
      <c r="FT4675" s="91"/>
      <c r="FU4675" s="91"/>
      <c r="FV4675" s="91"/>
      <c r="FW4675" s="91"/>
      <c r="FX4675" s="127"/>
      <c r="FY4675" s="126"/>
      <c r="FZ4675" s="91"/>
      <c r="GA4675" s="91"/>
      <c r="GB4675" s="91"/>
      <c r="GC4675" s="91"/>
      <c r="GD4675" s="91"/>
      <c r="GE4675" s="91"/>
      <c r="GF4675" s="91"/>
      <c r="GG4675" s="91"/>
      <c r="GH4675" s="91"/>
      <c r="GI4675" s="91"/>
      <c r="GJ4675" s="91"/>
      <c r="GK4675" s="127"/>
      <c r="GL4675" s="126"/>
      <c r="GM4675" s="91"/>
      <c r="GN4675" s="91"/>
      <c r="GO4675" s="91"/>
      <c r="GP4675" s="91"/>
      <c r="GQ4675" s="91"/>
      <c r="GR4675" s="91"/>
      <c r="GS4675" s="91"/>
      <c r="GT4675" s="91"/>
      <c r="GU4675" s="91"/>
      <c r="GV4675" s="91"/>
      <c r="GW4675" s="91"/>
      <c r="GX4675" s="127"/>
      <c r="GY4675" s="126"/>
      <c r="GZ4675" s="91"/>
      <c r="HA4675" s="91"/>
      <c r="HB4675" s="91"/>
      <c r="HC4675" s="91"/>
      <c r="HD4675" s="91"/>
      <c r="HE4675" s="91"/>
      <c r="HF4675" s="91"/>
      <c r="HG4675" s="91"/>
      <c r="HH4675" s="91"/>
      <c r="HI4675" s="91"/>
      <c r="HJ4675" s="91"/>
      <c r="HK4675" s="127"/>
      <c r="HL4675" s="126"/>
      <c r="HM4675" s="91"/>
      <c r="HN4675" s="91"/>
      <c r="HO4675" s="91"/>
      <c r="HP4675" s="91"/>
      <c r="HQ4675" s="91"/>
      <c r="HR4675" s="91"/>
      <c r="HS4675" s="91"/>
      <c r="HT4675" s="91"/>
      <c r="HU4675" s="91"/>
      <c r="HV4675" s="91"/>
      <c r="HW4675" s="91"/>
      <c r="HX4675" s="127"/>
      <c r="HY4675" s="126"/>
      <c r="HZ4675" s="91"/>
      <c r="IA4675" s="91"/>
      <c r="IB4675" s="91"/>
      <c r="IC4675" s="91"/>
      <c r="ID4675" s="91"/>
      <c r="IE4675" s="91"/>
      <c r="IF4675" s="91"/>
      <c r="IG4675" s="91"/>
      <c r="IH4675" s="91"/>
      <c r="II4675" s="91"/>
      <c r="IJ4675" s="91"/>
      <c r="IK4675" s="174"/>
    </row>
    <row r="4676" spans="2:245" x14ac:dyDescent="0.2">
      <c r="B4676" s="43"/>
      <c r="C4676" s="73"/>
      <c r="D4676" s="64"/>
      <c r="E4676" s="64"/>
      <c r="F4676" s="55"/>
      <c r="G4676" s="102"/>
      <c r="H4676" s="97"/>
      <c r="T4676" s="98"/>
      <c r="U4676" s="97"/>
      <c r="AG4676" s="98"/>
      <c r="AY4676" s="164"/>
      <c r="BK4676" s="98"/>
      <c r="BL4676" s="97"/>
      <c r="BX4676" s="98"/>
      <c r="CL4676" s="97"/>
      <c r="CX4676" s="98"/>
      <c r="DL4676" s="97"/>
      <c r="DX4676" s="98"/>
      <c r="EL4676" s="97"/>
      <c r="EX4676" s="98"/>
      <c r="EY4676" s="97"/>
      <c r="FL4676" s="126"/>
      <c r="FM4676" s="91"/>
      <c r="FN4676" s="91"/>
      <c r="FO4676" s="91"/>
      <c r="FP4676" s="91"/>
      <c r="FQ4676" s="91"/>
      <c r="FR4676" s="91"/>
      <c r="FS4676" s="91"/>
      <c r="FT4676" s="91"/>
      <c r="FU4676" s="91"/>
      <c r="FV4676" s="91"/>
      <c r="FW4676" s="91"/>
      <c r="FX4676" s="127"/>
      <c r="FY4676" s="126"/>
      <c r="FZ4676" s="91"/>
      <c r="GA4676" s="91"/>
      <c r="GB4676" s="91"/>
      <c r="GC4676" s="91"/>
      <c r="GD4676" s="91"/>
      <c r="GE4676" s="91"/>
      <c r="GF4676" s="91"/>
      <c r="GG4676" s="91"/>
      <c r="GH4676" s="91"/>
      <c r="GI4676" s="91"/>
      <c r="GJ4676" s="91"/>
      <c r="GK4676" s="127"/>
      <c r="GL4676" s="126"/>
      <c r="GM4676" s="91"/>
      <c r="GN4676" s="91"/>
      <c r="GO4676" s="91"/>
      <c r="GP4676" s="91"/>
      <c r="GQ4676" s="91"/>
      <c r="GR4676" s="91"/>
      <c r="GS4676" s="91"/>
      <c r="GT4676" s="91"/>
      <c r="GU4676" s="91"/>
      <c r="GV4676" s="91"/>
      <c r="GW4676" s="91"/>
      <c r="GX4676" s="127"/>
      <c r="GY4676" s="126"/>
      <c r="GZ4676" s="91"/>
      <c r="HA4676" s="91"/>
      <c r="HB4676" s="91"/>
      <c r="HC4676" s="91"/>
      <c r="HD4676" s="91"/>
      <c r="HE4676" s="91"/>
      <c r="HF4676" s="91"/>
      <c r="HG4676" s="91"/>
      <c r="HH4676" s="91"/>
      <c r="HI4676" s="91"/>
      <c r="HJ4676" s="91"/>
      <c r="HK4676" s="127"/>
      <c r="HL4676" s="126"/>
      <c r="HM4676" s="91"/>
      <c r="HN4676" s="91"/>
      <c r="HO4676" s="91"/>
      <c r="HP4676" s="91"/>
      <c r="HQ4676" s="91"/>
      <c r="HR4676" s="91"/>
      <c r="HS4676" s="91"/>
      <c r="HT4676" s="91"/>
      <c r="HU4676" s="91"/>
      <c r="HV4676" s="91"/>
      <c r="HW4676" s="91"/>
      <c r="HX4676" s="127"/>
      <c r="HY4676" s="126"/>
      <c r="HZ4676" s="91"/>
      <c r="IA4676" s="91"/>
      <c r="IB4676" s="91"/>
      <c r="IC4676" s="91"/>
      <c r="ID4676" s="91"/>
      <c r="IE4676" s="91"/>
      <c r="IF4676" s="91"/>
      <c r="IG4676" s="91"/>
      <c r="IH4676" s="91"/>
      <c r="II4676" s="91"/>
      <c r="IJ4676" s="91"/>
      <c r="IK4676" s="174"/>
    </row>
    <row r="4677" spans="2:245" x14ac:dyDescent="0.2">
      <c r="B4677" s="43"/>
      <c r="C4677" s="73"/>
      <c r="D4677" s="64"/>
      <c r="E4677" s="64"/>
      <c r="F4677" s="55"/>
      <c r="G4677" s="102"/>
      <c r="H4677" s="97"/>
      <c r="T4677" s="98"/>
      <c r="U4677" s="97"/>
      <c r="AG4677" s="98"/>
      <c r="AY4677" s="164"/>
      <c r="BK4677" s="98"/>
      <c r="BL4677" s="97"/>
      <c r="BX4677" s="98"/>
      <c r="CL4677" s="97"/>
      <c r="CX4677" s="98"/>
      <c r="DL4677" s="97"/>
      <c r="DX4677" s="98"/>
      <c r="EL4677" s="97"/>
      <c r="EX4677" s="98"/>
      <c r="EY4677" s="97"/>
      <c r="FL4677" s="126"/>
      <c r="FM4677" s="91"/>
      <c r="FN4677" s="91"/>
      <c r="FO4677" s="91"/>
      <c r="FP4677" s="91"/>
      <c r="FQ4677" s="91"/>
      <c r="FR4677" s="91"/>
      <c r="FS4677" s="91"/>
      <c r="FT4677" s="91"/>
      <c r="FU4677" s="91"/>
      <c r="FV4677" s="91"/>
      <c r="FW4677" s="91"/>
      <c r="FX4677" s="127"/>
      <c r="FY4677" s="126"/>
      <c r="FZ4677" s="91"/>
      <c r="GA4677" s="91"/>
      <c r="GB4677" s="91"/>
      <c r="GC4677" s="91"/>
      <c r="GD4677" s="91"/>
      <c r="GE4677" s="91"/>
      <c r="GF4677" s="91"/>
      <c r="GG4677" s="91"/>
      <c r="GH4677" s="91"/>
      <c r="GI4677" s="91"/>
      <c r="GJ4677" s="91"/>
      <c r="GK4677" s="127"/>
      <c r="GL4677" s="126"/>
      <c r="GM4677" s="91"/>
      <c r="GN4677" s="91"/>
      <c r="GO4677" s="91"/>
      <c r="GP4677" s="91"/>
      <c r="GQ4677" s="91"/>
      <c r="GR4677" s="91"/>
      <c r="GS4677" s="91"/>
      <c r="GT4677" s="91"/>
      <c r="GU4677" s="91"/>
      <c r="GV4677" s="91"/>
      <c r="GW4677" s="91"/>
      <c r="GX4677" s="127"/>
      <c r="GY4677" s="126"/>
      <c r="GZ4677" s="91"/>
      <c r="HA4677" s="91"/>
      <c r="HB4677" s="91"/>
      <c r="HC4677" s="91"/>
      <c r="HD4677" s="91"/>
      <c r="HE4677" s="91"/>
      <c r="HF4677" s="91"/>
      <c r="HG4677" s="91"/>
      <c r="HH4677" s="91"/>
      <c r="HI4677" s="91"/>
      <c r="HJ4677" s="91"/>
      <c r="HK4677" s="127"/>
      <c r="HL4677" s="126"/>
      <c r="HM4677" s="91"/>
      <c r="HN4677" s="91"/>
      <c r="HO4677" s="91"/>
      <c r="HP4677" s="91"/>
      <c r="HQ4677" s="91"/>
      <c r="HR4677" s="91"/>
      <c r="HS4677" s="91"/>
      <c r="HT4677" s="91"/>
      <c r="HU4677" s="91"/>
      <c r="HV4677" s="91"/>
      <c r="HW4677" s="91"/>
      <c r="HX4677" s="127"/>
      <c r="HY4677" s="126"/>
      <c r="HZ4677" s="91"/>
      <c r="IA4677" s="91"/>
      <c r="IB4677" s="91"/>
      <c r="IC4677" s="91"/>
      <c r="ID4677" s="91"/>
      <c r="IE4677" s="91"/>
      <c r="IF4677" s="91"/>
      <c r="IG4677" s="91"/>
      <c r="IH4677" s="91"/>
      <c r="II4677" s="91"/>
      <c r="IJ4677" s="91"/>
      <c r="IK4677" s="174"/>
    </row>
    <row r="4678" spans="2:245" x14ac:dyDescent="0.2">
      <c r="B4678" s="43"/>
      <c r="C4678" s="73"/>
      <c r="D4678" s="64"/>
      <c r="E4678" s="64"/>
      <c r="F4678" s="55"/>
      <c r="G4678" s="102"/>
      <c r="H4678" s="97"/>
      <c r="T4678" s="98"/>
      <c r="U4678" s="97"/>
      <c r="AG4678" s="98"/>
      <c r="AY4678" s="164"/>
      <c r="BK4678" s="98"/>
      <c r="BL4678" s="97"/>
      <c r="BX4678" s="98"/>
      <c r="CL4678" s="97"/>
      <c r="CX4678" s="98"/>
      <c r="DL4678" s="97"/>
      <c r="DX4678" s="98"/>
      <c r="EL4678" s="97"/>
      <c r="EX4678" s="98"/>
      <c r="EY4678" s="97"/>
      <c r="FL4678" s="126"/>
      <c r="FM4678" s="91"/>
      <c r="FN4678" s="91"/>
      <c r="FO4678" s="91"/>
      <c r="FP4678" s="91"/>
      <c r="FQ4678" s="91"/>
      <c r="FR4678" s="91"/>
      <c r="FS4678" s="91"/>
      <c r="FT4678" s="91"/>
      <c r="FU4678" s="91"/>
      <c r="FV4678" s="91"/>
      <c r="FW4678" s="91"/>
      <c r="FX4678" s="127"/>
      <c r="FY4678" s="126"/>
      <c r="FZ4678" s="91"/>
      <c r="GA4678" s="91"/>
      <c r="GB4678" s="91"/>
      <c r="GC4678" s="91"/>
      <c r="GD4678" s="91"/>
      <c r="GE4678" s="91"/>
      <c r="GF4678" s="91"/>
      <c r="GG4678" s="91"/>
      <c r="GH4678" s="91"/>
      <c r="GI4678" s="91"/>
      <c r="GJ4678" s="91"/>
      <c r="GK4678" s="127"/>
      <c r="GL4678" s="126"/>
      <c r="GM4678" s="91"/>
      <c r="GN4678" s="91"/>
      <c r="GO4678" s="91"/>
      <c r="GP4678" s="91"/>
      <c r="GQ4678" s="91"/>
      <c r="GR4678" s="91"/>
      <c r="GS4678" s="91"/>
      <c r="GT4678" s="91"/>
      <c r="GU4678" s="91"/>
      <c r="GV4678" s="91"/>
      <c r="GW4678" s="91"/>
      <c r="GX4678" s="127"/>
      <c r="GY4678" s="126"/>
      <c r="GZ4678" s="91"/>
      <c r="HA4678" s="91"/>
      <c r="HB4678" s="91"/>
      <c r="HC4678" s="91"/>
      <c r="HD4678" s="91"/>
      <c r="HE4678" s="91"/>
      <c r="HF4678" s="91"/>
      <c r="HG4678" s="91"/>
      <c r="HH4678" s="91"/>
      <c r="HI4678" s="91"/>
      <c r="HJ4678" s="91"/>
      <c r="HK4678" s="127"/>
      <c r="HL4678" s="126"/>
      <c r="HM4678" s="91"/>
      <c r="HN4678" s="91"/>
      <c r="HO4678" s="91"/>
      <c r="HP4678" s="91"/>
      <c r="HQ4678" s="91"/>
      <c r="HR4678" s="91"/>
      <c r="HS4678" s="91"/>
      <c r="HT4678" s="91"/>
      <c r="HU4678" s="91"/>
      <c r="HV4678" s="91"/>
      <c r="HW4678" s="91"/>
      <c r="HX4678" s="127"/>
      <c r="HY4678" s="126"/>
      <c r="HZ4678" s="91"/>
      <c r="IA4678" s="91"/>
      <c r="IB4678" s="91"/>
      <c r="IC4678" s="91"/>
      <c r="ID4678" s="91"/>
      <c r="IE4678" s="91"/>
      <c r="IF4678" s="91"/>
      <c r="IG4678" s="91"/>
      <c r="IH4678" s="91"/>
      <c r="II4678" s="91"/>
      <c r="IJ4678" s="91"/>
      <c r="IK4678" s="174"/>
    </row>
    <row r="4679" spans="2:245" x14ac:dyDescent="0.2">
      <c r="B4679" s="43"/>
      <c r="C4679" s="73"/>
      <c r="D4679" s="64"/>
      <c r="E4679" s="64"/>
      <c r="F4679" s="55"/>
      <c r="G4679" s="102"/>
      <c r="H4679" s="97"/>
      <c r="T4679" s="98"/>
      <c r="U4679" s="97"/>
      <c r="AG4679" s="98"/>
      <c r="AY4679" s="164"/>
      <c r="BK4679" s="98"/>
      <c r="BL4679" s="97"/>
      <c r="BX4679" s="98"/>
      <c r="CL4679" s="97"/>
      <c r="CX4679" s="98"/>
      <c r="DL4679" s="97"/>
      <c r="DX4679" s="98"/>
      <c r="EL4679" s="97"/>
      <c r="EX4679" s="98"/>
      <c r="EY4679" s="97"/>
      <c r="FL4679" s="126"/>
      <c r="FM4679" s="91"/>
      <c r="FN4679" s="91"/>
      <c r="FO4679" s="91"/>
      <c r="FP4679" s="91"/>
      <c r="FQ4679" s="91"/>
      <c r="FR4679" s="91"/>
      <c r="FS4679" s="91"/>
      <c r="FT4679" s="91"/>
      <c r="FU4679" s="91"/>
      <c r="FV4679" s="91"/>
      <c r="FW4679" s="91"/>
      <c r="FX4679" s="127"/>
      <c r="FY4679" s="126"/>
      <c r="FZ4679" s="91"/>
      <c r="GA4679" s="91"/>
      <c r="GB4679" s="91"/>
      <c r="GC4679" s="91"/>
      <c r="GD4679" s="91"/>
      <c r="GE4679" s="91"/>
      <c r="GF4679" s="91"/>
      <c r="GG4679" s="91"/>
      <c r="GH4679" s="91"/>
      <c r="GI4679" s="91"/>
      <c r="GJ4679" s="91"/>
      <c r="GK4679" s="127"/>
      <c r="GL4679" s="126"/>
      <c r="GM4679" s="91"/>
      <c r="GN4679" s="91"/>
      <c r="GO4679" s="91"/>
      <c r="GP4679" s="91"/>
      <c r="GQ4679" s="91"/>
      <c r="GR4679" s="91"/>
      <c r="GS4679" s="91"/>
      <c r="GT4679" s="91"/>
      <c r="GU4679" s="91"/>
      <c r="GV4679" s="91"/>
      <c r="GW4679" s="91"/>
      <c r="GX4679" s="127"/>
      <c r="GY4679" s="126"/>
      <c r="GZ4679" s="91"/>
      <c r="HA4679" s="91"/>
      <c r="HB4679" s="91"/>
      <c r="HC4679" s="91"/>
      <c r="HD4679" s="91"/>
      <c r="HE4679" s="91"/>
      <c r="HF4679" s="91"/>
      <c r="HG4679" s="91"/>
      <c r="HH4679" s="91"/>
      <c r="HI4679" s="91"/>
      <c r="HJ4679" s="91"/>
      <c r="HK4679" s="127"/>
      <c r="HL4679" s="126"/>
      <c r="HM4679" s="91"/>
      <c r="HN4679" s="91"/>
      <c r="HO4679" s="91"/>
      <c r="HP4679" s="91"/>
      <c r="HQ4679" s="91"/>
      <c r="HR4679" s="91"/>
      <c r="HS4679" s="91"/>
      <c r="HT4679" s="91"/>
      <c r="HU4679" s="91"/>
      <c r="HV4679" s="91"/>
      <c r="HW4679" s="91"/>
      <c r="HX4679" s="127"/>
      <c r="HY4679" s="126"/>
      <c r="HZ4679" s="91"/>
      <c r="IA4679" s="91"/>
      <c r="IB4679" s="91"/>
      <c r="IC4679" s="91"/>
      <c r="ID4679" s="91"/>
      <c r="IE4679" s="91"/>
      <c r="IF4679" s="91"/>
      <c r="IG4679" s="91"/>
      <c r="IH4679" s="91"/>
      <c r="II4679" s="91"/>
      <c r="IJ4679" s="91"/>
      <c r="IK4679" s="174"/>
    </row>
    <row r="4680" spans="2:245" x14ac:dyDescent="0.2">
      <c r="B4680" s="43"/>
      <c r="C4680" s="73"/>
      <c r="D4680" s="64"/>
      <c r="E4680" s="64"/>
      <c r="F4680" s="55"/>
      <c r="G4680" s="102"/>
      <c r="H4680" s="97"/>
      <c r="T4680" s="98"/>
      <c r="U4680" s="97"/>
      <c r="AG4680" s="98"/>
      <c r="AY4680" s="164"/>
      <c r="BK4680" s="98"/>
      <c r="BL4680" s="97"/>
      <c r="BX4680" s="98"/>
      <c r="CL4680" s="97"/>
      <c r="CX4680" s="98"/>
      <c r="DL4680" s="97"/>
      <c r="DX4680" s="98"/>
      <c r="EL4680" s="97"/>
      <c r="EX4680" s="98"/>
      <c r="EY4680" s="97"/>
      <c r="FL4680" s="126"/>
      <c r="FM4680" s="91"/>
      <c r="FN4680" s="91"/>
      <c r="FO4680" s="91"/>
      <c r="FP4680" s="91"/>
      <c r="FQ4680" s="91"/>
      <c r="FR4680" s="91"/>
      <c r="FS4680" s="91"/>
      <c r="FT4680" s="91"/>
      <c r="FU4680" s="91"/>
      <c r="FV4680" s="91"/>
      <c r="FW4680" s="91"/>
      <c r="FX4680" s="127"/>
      <c r="FY4680" s="126"/>
      <c r="FZ4680" s="91"/>
      <c r="GA4680" s="91"/>
      <c r="GB4680" s="91"/>
      <c r="GC4680" s="91"/>
      <c r="GD4680" s="91"/>
      <c r="GE4680" s="91"/>
      <c r="GF4680" s="91"/>
      <c r="GG4680" s="91"/>
      <c r="GH4680" s="91"/>
      <c r="GI4680" s="91"/>
      <c r="GJ4680" s="91"/>
      <c r="GK4680" s="127"/>
      <c r="GL4680" s="126"/>
      <c r="GM4680" s="91"/>
      <c r="GN4680" s="91"/>
      <c r="GO4680" s="91"/>
      <c r="GP4680" s="91"/>
      <c r="GQ4680" s="91"/>
      <c r="GR4680" s="91"/>
      <c r="GS4680" s="91"/>
      <c r="GT4680" s="91"/>
      <c r="GU4680" s="91"/>
      <c r="GV4680" s="91"/>
      <c r="GW4680" s="91"/>
      <c r="GX4680" s="127"/>
      <c r="GY4680" s="126"/>
      <c r="GZ4680" s="91"/>
      <c r="HA4680" s="91"/>
      <c r="HB4680" s="91"/>
      <c r="HC4680" s="91"/>
      <c r="HD4680" s="91"/>
      <c r="HE4680" s="91"/>
      <c r="HF4680" s="91"/>
      <c r="HG4680" s="91"/>
      <c r="HH4680" s="91"/>
      <c r="HI4680" s="91"/>
      <c r="HJ4680" s="91"/>
      <c r="HK4680" s="127"/>
      <c r="HL4680" s="126"/>
      <c r="HM4680" s="91"/>
      <c r="HN4680" s="91"/>
      <c r="HO4680" s="91"/>
      <c r="HP4680" s="91"/>
      <c r="HQ4680" s="91"/>
      <c r="HR4680" s="91"/>
      <c r="HS4680" s="91"/>
      <c r="HT4680" s="91"/>
      <c r="HU4680" s="91"/>
      <c r="HV4680" s="91"/>
      <c r="HW4680" s="91"/>
      <c r="HX4680" s="127"/>
      <c r="HY4680" s="126"/>
      <c r="HZ4680" s="91"/>
      <c r="IA4680" s="91"/>
      <c r="IB4680" s="91"/>
      <c r="IC4680" s="91"/>
      <c r="ID4680" s="91"/>
      <c r="IE4680" s="91"/>
      <c r="IF4680" s="91"/>
      <c r="IG4680" s="91"/>
      <c r="IH4680" s="91"/>
      <c r="II4680" s="91"/>
      <c r="IJ4680" s="91"/>
      <c r="IK4680" s="174"/>
    </row>
    <row r="4681" spans="2:245" x14ac:dyDescent="0.2">
      <c r="B4681" s="43"/>
      <c r="C4681" s="73"/>
      <c r="D4681" s="64"/>
      <c r="E4681" s="64"/>
      <c r="F4681" s="55"/>
      <c r="G4681" s="102"/>
      <c r="H4681" s="97"/>
      <c r="T4681" s="98"/>
      <c r="U4681" s="97"/>
      <c r="AG4681" s="98"/>
      <c r="AY4681" s="164"/>
      <c r="BK4681" s="98"/>
      <c r="BL4681" s="97"/>
      <c r="BX4681" s="98"/>
      <c r="CL4681" s="97"/>
      <c r="CX4681" s="98"/>
      <c r="DL4681" s="97"/>
      <c r="DX4681" s="98"/>
      <c r="EL4681" s="97"/>
      <c r="EX4681" s="98"/>
      <c r="EY4681" s="97"/>
      <c r="FL4681" s="126"/>
      <c r="FM4681" s="91"/>
      <c r="FN4681" s="91"/>
      <c r="FO4681" s="91"/>
      <c r="FP4681" s="91"/>
      <c r="FQ4681" s="91"/>
      <c r="FR4681" s="91"/>
      <c r="FS4681" s="91"/>
      <c r="FT4681" s="91"/>
      <c r="FU4681" s="91"/>
      <c r="FV4681" s="91"/>
      <c r="FW4681" s="91"/>
      <c r="FX4681" s="127"/>
      <c r="FY4681" s="126"/>
      <c r="FZ4681" s="91"/>
      <c r="GA4681" s="91"/>
      <c r="GB4681" s="91"/>
      <c r="GC4681" s="91"/>
      <c r="GD4681" s="91"/>
      <c r="GE4681" s="91"/>
      <c r="GF4681" s="91"/>
      <c r="GG4681" s="91"/>
      <c r="GH4681" s="91"/>
      <c r="GI4681" s="91"/>
      <c r="GJ4681" s="91"/>
      <c r="GK4681" s="127"/>
      <c r="GL4681" s="126"/>
      <c r="GM4681" s="91"/>
      <c r="GN4681" s="91"/>
      <c r="GO4681" s="91"/>
      <c r="GP4681" s="91"/>
      <c r="GQ4681" s="91"/>
      <c r="GR4681" s="91"/>
      <c r="GS4681" s="91"/>
      <c r="GT4681" s="91"/>
      <c r="GU4681" s="91"/>
      <c r="GV4681" s="91"/>
      <c r="GW4681" s="91"/>
      <c r="GX4681" s="127"/>
      <c r="GY4681" s="126"/>
      <c r="GZ4681" s="91"/>
      <c r="HA4681" s="91"/>
      <c r="HB4681" s="91"/>
      <c r="HC4681" s="91"/>
      <c r="HD4681" s="91"/>
      <c r="HE4681" s="91"/>
      <c r="HF4681" s="91"/>
      <c r="HG4681" s="91"/>
      <c r="HH4681" s="91"/>
      <c r="HI4681" s="91"/>
      <c r="HJ4681" s="91"/>
      <c r="HK4681" s="127"/>
      <c r="HL4681" s="126"/>
      <c r="HM4681" s="91"/>
      <c r="HN4681" s="91"/>
      <c r="HO4681" s="91"/>
      <c r="HP4681" s="91"/>
      <c r="HQ4681" s="91"/>
      <c r="HR4681" s="91"/>
      <c r="HS4681" s="91"/>
      <c r="HT4681" s="91"/>
      <c r="HU4681" s="91"/>
      <c r="HV4681" s="91"/>
      <c r="HW4681" s="91"/>
      <c r="HX4681" s="127"/>
      <c r="HY4681" s="126"/>
      <c r="HZ4681" s="91"/>
      <c r="IA4681" s="91"/>
      <c r="IB4681" s="91"/>
      <c r="IC4681" s="91"/>
      <c r="ID4681" s="91"/>
      <c r="IE4681" s="91"/>
      <c r="IF4681" s="91"/>
      <c r="IG4681" s="91"/>
      <c r="IH4681" s="91"/>
      <c r="II4681" s="91"/>
      <c r="IJ4681" s="91"/>
      <c r="IK4681" s="174"/>
    </row>
    <row r="4682" spans="2:245" x14ac:dyDescent="0.2">
      <c r="B4682" s="43"/>
      <c r="C4682" s="73"/>
      <c r="D4682" s="64"/>
      <c r="E4682" s="64"/>
      <c r="F4682" s="55"/>
      <c r="G4682" s="102"/>
      <c r="H4682" s="97"/>
      <c r="T4682" s="98"/>
      <c r="U4682" s="97"/>
      <c r="AG4682" s="98"/>
      <c r="AY4682" s="164"/>
      <c r="BK4682" s="98"/>
      <c r="BL4682" s="97"/>
      <c r="BX4682" s="98"/>
      <c r="CL4682" s="97"/>
      <c r="CX4682" s="98"/>
      <c r="DL4682" s="97"/>
      <c r="DX4682" s="98"/>
      <c r="EL4682" s="97"/>
      <c r="EX4682" s="98"/>
      <c r="EY4682" s="97"/>
      <c r="FL4682" s="126"/>
      <c r="FM4682" s="91"/>
      <c r="FN4682" s="91"/>
      <c r="FO4682" s="91"/>
      <c r="FP4682" s="91"/>
      <c r="FQ4682" s="91"/>
      <c r="FR4682" s="91"/>
      <c r="FS4682" s="91"/>
      <c r="FT4682" s="91"/>
      <c r="FU4682" s="91"/>
      <c r="FV4682" s="91"/>
      <c r="FW4682" s="91"/>
      <c r="FX4682" s="127"/>
      <c r="FY4682" s="126"/>
      <c r="FZ4682" s="91"/>
      <c r="GA4682" s="91"/>
      <c r="GB4682" s="91"/>
      <c r="GC4682" s="91"/>
      <c r="GD4682" s="91"/>
      <c r="GE4682" s="91"/>
      <c r="GF4682" s="91"/>
      <c r="GG4682" s="91"/>
      <c r="GH4682" s="91"/>
      <c r="GI4682" s="91"/>
      <c r="GJ4682" s="91"/>
      <c r="GK4682" s="127"/>
      <c r="GL4682" s="126"/>
      <c r="GM4682" s="91"/>
      <c r="GN4682" s="91"/>
      <c r="GO4682" s="91"/>
      <c r="GP4682" s="91"/>
      <c r="GQ4682" s="91"/>
      <c r="GR4682" s="91"/>
      <c r="GS4682" s="91"/>
      <c r="GT4682" s="91"/>
      <c r="GU4682" s="91"/>
      <c r="GV4682" s="91"/>
      <c r="GW4682" s="91"/>
      <c r="GX4682" s="127"/>
      <c r="GY4682" s="126"/>
      <c r="GZ4682" s="91"/>
      <c r="HA4682" s="91"/>
      <c r="HB4682" s="91"/>
      <c r="HC4682" s="91"/>
      <c r="HD4682" s="91"/>
      <c r="HE4682" s="91"/>
      <c r="HF4682" s="91"/>
      <c r="HG4682" s="91"/>
      <c r="HH4682" s="91"/>
      <c r="HI4682" s="91"/>
      <c r="HJ4682" s="91"/>
      <c r="HK4682" s="127"/>
      <c r="HL4682" s="126"/>
      <c r="HM4682" s="91"/>
      <c r="HN4682" s="91"/>
      <c r="HO4682" s="91"/>
      <c r="HP4682" s="91"/>
      <c r="HQ4682" s="91"/>
      <c r="HR4682" s="91"/>
      <c r="HS4682" s="91"/>
      <c r="HT4682" s="91"/>
      <c r="HU4682" s="91"/>
      <c r="HV4682" s="91"/>
      <c r="HW4682" s="91"/>
      <c r="HX4682" s="127"/>
      <c r="HY4682" s="126"/>
      <c r="HZ4682" s="91"/>
      <c r="IA4682" s="91"/>
      <c r="IB4682" s="91"/>
      <c r="IC4682" s="91"/>
      <c r="ID4682" s="91"/>
      <c r="IE4682" s="91"/>
      <c r="IF4682" s="91"/>
      <c r="IG4682" s="91"/>
      <c r="IH4682" s="91"/>
      <c r="II4682" s="91"/>
      <c r="IJ4682" s="91"/>
      <c r="IK4682" s="174"/>
    </row>
    <row r="4683" spans="2:245" x14ac:dyDescent="0.2">
      <c r="B4683" s="43"/>
      <c r="C4683" s="73"/>
      <c r="D4683" s="64"/>
      <c r="E4683" s="64"/>
      <c r="F4683" s="55"/>
      <c r="G4683" s="102"/>
      <c r="H4683" s="97"/>
      <c r="T4683" s="98"/>
      <c r="U4683" s="97"/>
      <c r="AG4683" s="98"/>
      <c r="AY4683" s="164"/>
      <c r="BK4683" s="98"/>
      <c r="BL4683" s="97"/>
      <c r="BX4683" s="98"/>
      <c r="CL4683" s="97"/>
      <c r="CX4683" s="98"/>
      <c r="DL4683" s="97"/>
      <c r="DX4683" s="98"/>
      <c r="EL4683" s="97"/>
      <c r="EX4683" s="98"/>
      <c r="EY4683" s="97"/>
      <c r="FL4683" s="126"/>
      <c r="FM4683" s="91"/>
      <c r="FN4683" s="91"/>
      <c r="FO4683" s="91"/>
      <c r="FP4683" s="91"/>
      <c r="FQ4683" s="91"/>
      <c r="FR4683" s="91"/>
      <c r="FS4683" s="91"/>
      <c r="FT4683" s="91"/>
      <c r="FU4683" s="91"/>
      <c r="FV4683" s="91"/>
      <c r="FW4683" s="91"/>
      <c r="FX4683" s="127"/>
      <c r="FY4683" s="126"/>
      <c r="FZ4683" s="91"/>
      <c r="GA4683" s="91"/>
      <c r="GB4683" s="91"/>
      <c r="GC4683" s="91"/>
      <c r="GD4683" s="91"/>
      <c r="GE4683" s="91"/>
      <c r="GF4683" s="91"/>
      <c r="GG4683" s="91"/>
      <c r="GH4683" s="91"/>
      <c r="GI4683" s="91"/>
      <c r="GJ4683" s="91"/>
      <c r="GK4683" s="127"/>
      <c r="GL4683" s="126"/>
      <c r="GM4683" s="91"/>
      <c r="GN4683" s="91"/>
      <c r="GO4683" s="91"/>
      <c r="GP4683" s="91"/>
      <c r="GQ4683" s="91"/>
      <c r="GR4683" s="91"/>
      <c r="GS4683" s="91"/>
      <c r="GT4683" s="91"/>
      <c r="GU4683" s="91"/>
      <c r="GV4683" s="91"/>
      <c r="GW4683" s="91"/>
      <c r="GX4683" s="127"/>
      <c r="GY4683" s="126"/>
      <c r="GZ4683" s="91"/>
      <c r="HA4683" s="91"/>
      <c r="HB4683" s="91"/>
      <c r="HC4683" s="91"/>
      <c r="HD4683" s="91"/>
      <c r="HE4683" s="91"/>
      <c r="HF4683" s="91"/>
      <c r="HG4683" s="91"/>
      <c r="HH4683" s="91"/>
      <c r="HI4683" s="91"/>
      <c r="HJ4683" s="91"/>
      <c r="HK4683" s="127"/>
      <c r="HL4683" s="126"/>
      <c r="HM4683" s="91"/>
      <c r="HN4683" s="91"/>
      <c r="HO4683" s="91"/>
      <c r="HP4683" s="91"/>
      <c r="HQ4683" s="91"/>
      <c r="HR4683" s="91"/>
      <c r="HS4683" s="91"/>
      <c r="HT4683" s="91"/>
      <c r="HU4683" s="91"/>
      <c r="HV4683" s="91"/>
      <c r="HW4683" s="91"/>
      <c r="HX4683" s="127"/>
      <c r="HY4683" s="126"/>
      <c r="HZ4683" s="91"/>
      <c r="IA4683" s="91"/>
      <c r="IB4683" s="91"/>
      <c r="IC4683" s="91"/>
      <c r="ID4683" s="91"/>
      <c r="IE4683" s="91"/>
      <c r="IF4683" s="91"/>
      <c r="IG4683" s="91"/>
      <c r="IH4683" s="91"/>
      <c r="II4683" s="91"/>
      <c r="IJ4683" s="91"/>
      <c r="IK4683" s="174"/>
    </row>
    <row r="4684" spans="2:245" x14ac:dyDescent="0.2">
      <c r="B4684" s="43"/>
      <c r="C4684" s="73"/>
      <c r="D4684" s="64"/>
      <c r="E4684" s="64"/>
      <c r="F4684" s="55"/>
      <c r="G4684" s="102"/>
      <c r="H4684" s="97"/>
      <c r="T4684" s="98"/>
      <c r="U4684" s="97"/>
      <c r="AG4684" s="98"/>
      <c r="AY4684" s="164"/>
      <c r="BK4684" s="98"/>
      <c r="BL4684" s="97"/>
      <c r="BX4684" s="98"/>
      <c r="CL4684" s="97"/>
      <c r="CX4684" s="98"/>
      <c r="DL4684" s="97"/>
      <c r="DX4684" s="98"/>
      <c r="EL4684" s="97"/>
      <c r="EX4684" s="98"/>
      <c r="EY4684" s="97"/>
      <c r="FL4684" s="126"/>
      <c r="FM4684" s="91"/>
      <c r="FN4684" s="91"/>
      <c r="FO4684" s="91"/>
      <c r="FP4684" s="91"/>
      <c r="FQ4684" s="91"/>
      <c r="FR4684" s="91"/>
      <c r="FS4684" s="91"/>
      <c r="FT4684" s="91"/>
      <c r="FU4684" s="91"/>
      <c r="FV4684" s="91"/>
      <c r="FW4684" s="91"/>
      <c r="FX4684" s="127"/>
      <c r="FY4684" s="126"/>
      <c r="FZ4684" s="91"/>
      <c r="GA4684" s="91"/>
      <c r="GB4684" s="91"/>
      <c r="GC4684" s="91"/>
      <c r="GD4684" s="91"/>
      <c r="GE4684" s="91"/>
      <c r="GF4684" s="91"/>
      <c r="GG4684" s="91"/>
      <c r="GH4684" s="91"/>
      <c r="GI4684" s="91"/>
      <c r="GJ4684" s="91"/>
      <c r="GK4684" s="127"/>
      <c r="GL4684" s="126"/>
      <c r="GM4684" s="91"/>
      <c r="GN4684" s="91"/>
      <c r="GO4684" s="91"/>
      <c r="GP4684" s="91"/>
      <c r="GQ4684" s="91"/>
      <c r="GR4684" s="91"/>
      <c r="GS4684" s="91"/>
      <c r="GT4684" s="91"/>
      <c r="GU4684" s="91"/>
      <c r="GV4684" s="91"/>
      <c r="GW4684" s="91"/>
      <c r="GX4684" s="127"/>
      <c r="GY4684" s="126"/>
      <c r="GZ4684" s="91"/>
      <c r="HA4684" s="91"/>
      <c r="HB4684" s="91"/>
      <c r="HC4684" s="91"/>
      <c r="HD4684" s="91"/>
      <c r="HE4684" s="91"/>
      <c r="HF4684" s="91"/>
      <c r="HG4684" s="91"/>
      <c r="HH4684" s="91"/>
      <c r="HI4684" s="91"/>
      <c r="HJ4684" s="91"/>
      <c r="HK4684" s="127"/>
      <c r="HL4684" s="126"/>
      <c r="HM4684" s="91"/>
      <c r="HN4684" s="91"/>
      <c r="HO4684" s="91"/>
      <c r="HP4684" s="91"/>
      <c r="HQ4684" s="91"/>
      <c r="HR4684" s="91"/>
      <c r="HS4684" s="91"/>
      <c r="HT4684" s="91"/>
      <c r="HU4684" s="91"/>
      <c r="HV4684" s="91"/>
      <c r="HW4684" s="91"/>
      <c r="HX4684" s="127"/>
      <c r="HY4684" s="126"/>
      <c r="HZ4684" s="91"/>
      <c r="IA4684" s="91"/>
      <c r="IB4684" s="91"/>
      <c r="IC4684" s="91"/>
      <c r="ID4684" s="91"/>
      <c r="IE4684" s="91"/>
      <c r="IF4684" s="91"/>
      <c r="IG4684" s="91"/>
      <c r="IH4684" s="91"/>
      <c r="II4684" s="91"/>
      <c r="IJ4684" s="91"/>
      <c r="IK4684" s="174"/>
    </row>
    <row r="4685" spans="2:245" x14ac:dyDescent="0.2">
      <c r="B4685" s="43"/>
      <c r="C4685" s="73"/>
      <c r="D4685" s="64"/>
      <c r="E4685" s="64"/>
      <c r="F4685" s="55"/>
      <c r="G4685" s="102"/>
      <c r="H4685" s="97"/>
      <c r="T4685" s="98"/>
      <c r="U4685" s="97"/>
      <c r="AG4685" s="98"/>
      <c r="AY4685" s="164"/>
      <c r="BK4685" s="98"/>
      <c r="BL4685" s="97"/>
      <c r="BX4685" s="98"/>
      <c r="CL4685" s="97"/>
      <c r="CX4685" s="98"/>
      <c r="DL4685" s="97"/>
      <c r="DX4685" s="98"/>
      <c r="EL4685" s="97"/>
      <c r="EX4685" s="98"/>
      <c r="EY4685" s="97"/>
      <c r="FL4685" s="126"/>
      <c r="FM4685" s="91"/>
      <c r="FN4685" s="91"/>
      <c r="FO4685" s="91"/>
      <c r="FP4685" s="91"/>
      <c r="FQ4685" s="91"/>
      <c r="FR4685" s="91"/>
      <c r="FS4685" s="91"/>
      <c r="FT4685" s="91"/>
      <c r="FU4685" s="91"/>
      <c r="FV4685" s="91"/>
      <c r="FW4685" s="91"/>
      <c r="FX4685" s="127"/>
      <c r="FY4685" s="126"/>
      <c r="FZ4685" s="91"/>
      <c r="GA4685" s="91"/>
      <c r="GB4685" s="91"/>
      <c r="GC4685" s="91"/>
      <c r="GD4685" s="91"/>
      <c r="GE4685" s="91"/>
      <c r="GF4685" s="91"/>
      <c r="GG4685" s="91"/>
      <c r="GH4685" s="91"/>
      <c r="GI4685" s="91"/>
      <c r="GJ4685" s="91"/>
      <c r="GK4685" s="127"/>
      <c r="GL4685" s="126"/>
      <c r="GM4685" s="91"/>
      <c r="GN4685" s="91"/>
      <c r="GO4685" s="91"/>
      <c r="GP4685" s="91"/>
      <c r="GQ4685" s="91"/>
      <c r="GR4685" s="91"/>
      <c r="GS4685" s="91"/>
      <c r="GT4685" s="91"/>
      <c r="GU4685" s="91"/>
      <c r="GV4685" s="91"/>
      <c r="GW4685" s="91"/>
      <c r="GX4685" s="127"/>
      <c r="GY4685" s="126"/>
      <c r="GZ4685" s="91"/>
      <c r="HA4685" s="91"/>
      <c r="HB4685" s="91"/>
      <c r="HC4685" s="91"/>
      <c r="HD4685" s="91"/>
      <c r="HE4685" s="91"/>
      <c r="HF4685" s="91"/>
      <c r="HG4685" s="91"/>
      <c r="HH4685" s="91"/>
      <c r="HI4685" s="91"/>
      <c r="HJ4685" s="91"/>
      <c r="HK4685" s="127"/>
      <c r="HL4685" s="126"/>
      <c r="HM4685" s="91"/>
      <c r="HN4685" s="91"/>
      <c r="HO4685" s="91"/>
      <c r="HP4685" s="91"/>
      <c r="HQ4685" s="91"/>
      <c r="HR4685" s="91"/>
      <c r="HS4685" s="91"/>
      <c r="HT4685" s="91"/>
      <c r="HU4685" s="91"/>
      <c r="HV4685" s="91"/>
      <c r="HW4685" s="91"/>
      <c r="HX4685" s="127"/>
      <c r="HY4685" s="126"/>
      <c r="HZ4685" s="91"/>
      <c r="IA4685" s="91"/>
      <c r="IB4685" s="91"/>
      <c r="IC4685" s="91"/>
      <c r="ID4685" s="91"/>
      <c r="IE4685" s="91"/>
      <c r="IF4685" s="91"/>
      <c r="IG4685" s="91"/>
      <c r="IH4685" s="91"/>
      <c r="II4685" s="91"/>
      <c r="IJ4685" s="91"/>
      <c r="IK4685" s="174"/>
    </row>
    <row r="4686" spans="2:245" x14ac:dyDescent="0.2">
      <c r="B4686" s="43"/>
      <c r="C4686" s="73"/>
      <c r="D4686" s="64"/>
      <c r="E4686" s="64"/>
      <c r="F4686" s="55"/>
      <c r="G4686" s="102"/>
      <c r="H4686" s="97"/>
      <c r="T4686" s="98"/>
      <c r="U4686" s="97"/>
      <c r="AG4686" s="98"/>
      <c r="AY4686" s="164"/>
      <c r="BK4686" s="98"/>
      <c r="BL4686" s="97"/>
      <c r="BX4686" s="98"/>
      <c r="CL4686" s="97"/>
      <c r="CX4686" s="98"/>
      <c r="DL4686" s="97"/>
      <c r="DX4686" s="98"/>
      <c r="EL4686" s="97"/>
      <c r="EX4686" s="98"/>
      <c r="EY4686" s="97"/>
      <c r="FL4686" s="126"/>
      <c r="FM4686" s="91"/>
      <c r="FN4686" s="91"/>
      <c r="FO4686" s="91"/>
      <c r="FP4686" s="91"/>
      <c r="FQ4686" s="91"/>
      <c r="FR4686" s="91"/>
      <c r="FS4686" s="91"/>
      <c r="FT4686" s="91"/>
      <c r="FU4686" s="91"/>
      <c r="FV4686" s="91"/>
      <c r="FW4686" s="91"/>
      <c r="FX4686" s="127"/>
      <c r="FY4686" s="126"/>
      <c r="FZ4686" s="91"/>
      <c r="GA4686" s="91"/>
      <c r="GB4686" s="91"/>
      <c r="GC4686" s="91"/>
      <c r="GD4686" s="91"/>
      <c r="GE4686" s="91"/>
      <c r="GF4686" s="91"/>
      <c r="GG4686" s="91"/>
      <c r="GH4686" s="91"/>
      <c r="GI4686" s="91"/>
      <c r="GJ4686" s="91"/>
      <c r="GK4686" s="127"/>
      <c r="GL4686" s="126"/>
      <c r="GM4686" s="91"/>
      <c r="GN4686" s="91"/>
      <c r="GO4686" s="91"/>
      <c r="GP4686" s="91"/>
      <c r="GQ4686" s="91"/>
      <c r="GR4686" s="91"/>
      <c r="GS4686" s="91"/>
      <c r="GT4686" s="91"/>
      <c r="GU4686" s="91"/>
      <c r="GV4686" s="91"/>
      <c r="GW4686" s="91"/>
      <c r="GX4686" s="127"/>
      <c r="GY4686" s="126"/>
      <c r="GZ4686" s="91"/>
      <c r="HA4686" s="91"/>
      <c r="HB4686" s="91"/>
      <c r="HC4686" s="91"/>
      <c r="HD4686" s="91"/>
      <c r="HE4686" s="91"/>
      <c r="HF4686" s="91"/>
      <c r="HG4686" s="91"/>
      <c r="HH4686" s="91"/>
      <c r="HI4686" s="91"/>
      <c r="HJ4686" s="91"/>
      <c r="HK4686" s="127"/>
      <c r="HL4686" s="126"/>
      <c r="HM4686" s="91"/>
      <c r="HN4686" s="91"/>
      <c r="HO4686" s="91"/>
      <c r="HP4686" s="91"/>
      <c r="HQ4686" s="91"/>
      <c r="HR4686" s="91"/>
      <c r="HS4686" s="91"/>
      <c r="HT4686" s="91"/>
      <c r="HU4686" s="91"/>
      <c r="HV4686" s="91"/>
      <c r="HW4686" s="91"/>
      <c r="HX4686" s="127"/>
      <c r="HY4686" s="126"/>
      <c r="HZ4686" s="91"/>
      <c r="IA4686" s="91"/>
      <c r="IB4686" s="91"/>
      <c r="IC4686" s="91"/>
      <c r="ID4686" s="91"/>
      <c r="IE4686" s="91"/>
      <c r="IF4686" s="91"/>
      <c r="IG4686" s="91"/>
      <c r="IH4686" s="91"/>
      <c r="II4686" s="91"/>
      <c r="IJ4686" s="91"/>
      <c r="IK4686" s="174"/>
    </row>
    <row r="4687" spans="2:245" x14ac:dyDescent="0.2">
      <c r="B4687" s="43"/>
      <c r="C4687" s="73"/>
      <c r="D4687" s="64"/>
      <c r="E4687" s="64"/>
      <c r="F4687" s="55"/>
      <c r="G4687" s="102"/>
      <c r="H4687" s="97"/>
      <c r="T4687" s="98"/>
      <c r="U4687" s="97"/>
      <c r="AG4687" s="98"/>
      <c r="AY4687" s="164"/>
      <c r="BK4687" s="98"/>
      <c r="BL4687" s="97"/>
      <c r="BX4687" s="98"/>
      <c r="CL4687" s="97"/>
      <c r="CX4687" s="98"/>
      <c r="DL4687" s="97"/>
      <c r="DX4687" s="98"/>
      <c r="EL4687" s="97"/>
      <c r="EX4687" s="98"/>
      <c r="EY4687" s="97"/>
      <c r="FL4687" s="126"/>
      <c r="FM4687" s="91"/>
      <c r="FN4687" s="91"/>
      <c r="FO4687" s="91"/>
      <c r="FP4687" s="91"/>
      <c r="FQ4687" s="91"/>
      <c r="FR4687" s="91"/>
      <c r="FS4687" s="91"/>
      <c r="FT4687" s="91"/>
      <c r="FU4687" s="91"/>
      <c r="FV4687" s="91"/>
      <c r="FW4687" s="91"/>
      <c r="FX4687" s="127"/>
      <c r="FY4687" s="126"/>
      <c r="FZ4687" s="91"/>
      <c r="GA4687" s="91"/>
      <c r="GB4687" s="91"/>
      <c r="GC4687" s="91"/>
      <c r="GD4687" s="91"/>
      <c r="GE4687" s="91"/>
      <c r="GF4687" s="91"/>
      <c r="GG4687" s="91"/>
      <c r="GH4687" s="91"/>
      <c r="GI4687" s="91"/>
      <c r="GJ4687" s="91"/>
      <c r="GK4687" s="127"/>
      <c r="GL4687" s="126"/>
      <c r="GM4687" s="91"/>
      <c r="GN4687" s="91"/>
      <c r="GO4687" s="91"/>
      <c r="GP4687" s="91"/>
      <c r="GQ4687" s="91"/>
      <c r="GR4687" s="91"/>
      <c r="GS4687" s="91"/>
      <c r="GT4687" s="91"/>
      <c r="GU4687" s="91"/>
      <c r="GV4687" s="91"/>
      <c r="GW4687" s="91"/>
      <c r="GX4687" s="127"/>
      <c r="GY4687" s="126"/>
      <c r="GZ4687" s="91"/>
      <c r="HA4687" s="91"/>
      <c r="HB4687" s="91"/>
      <c r="HC4687" s="91"/>
      <c r="HD4687" s="91"/>
      <c r="HE4687" s="91"/>
      <c r="HF4687" s="91"/>
      <c r="HG4687" s="91"/>
      <c r="HH4687" s="91"/>
      <c r="HI4687" s="91"/>
      <c r="HJ4687" s="91"/>
      <c r="HK4687" s="127"/>
      <c r="HL4687" s="126"/>
      <c r="HM4687" s="91"/>
      <c r="HN4687" s="91"/>
      <c r="HO4687" s="91"/>
      <c r="HP4687" s="91"/>
      <c r="HQ4687" s="91"/>
      <c r="HR4687" s="91"/>
      <c r="HS4687" s="91"/>
      <c r="HT4687" s="91"/>
      <c r="HU4687" s="91"/>
      <c r="HV4687" s="91"/>
      <c r="HW4687" s="91"/>
      <c r="HX4687" s="127"/>
      <c r="HY4687" s="126"/>
      <c r="HZ4687" s="91"/>
      <c r="IA4687" s="91"/>
      <c r="IB4687" s="91"/>
      <c r="IC4687" s="91"/>
      <c r="ID4687" s="91"/>
      <c r="IE4687" s="91"/>
      <c r="IF4687" s="91"/>
      <c r="IG4687" s="91"/>
      <c r="IH4687" s="91"/>
      <c r="II4687" s="91"/>
      <c r="IJ4687" s="91"/>
      <c r="IK4687" s="174"/>
    </row>
    <row r="4688" spans="2:245" x14ac:dyDescent="0.2">
      <c r="B4688" s="43"/>
      <c r="C4688" s="73"/>
      <c r="D4688" s="64"/>
      <c r="E4688" s="64"/>
      <c r="F4688" s="55"/>
      <c r="G4688" s="102"/>
      <c r="H4688" s="97"/>
      <c r="T4688" s="98"/>
      <c r="U4688" s="97"/>
      <c r="AG4688" s="98"/>
      <c r="AY4688" s="164"/>
      <c r="BK4688" s="98"/>
      <c r="BL4688" s="97"/>
      <c r="BX4688" s="98"/>
      <c r="CL4688" s="97"/>
      <c r="CX4688" s="98"/>
      <c r="DL4688" s="97"/>
      <c r="DX4688" s="98"/>
      <c r="EL4688" s="97"/>
      <c r="EX4688" s="98"/>
      <c r="EY4688" s="97"/>
      <c r="FL4688" s="126"/>
      <c r="FM4688" s="91"/>
      <c r="FN4688" s="91"/>
      <c r="FO4688" s="91"/>
      <c r="FP4688" s="91"/>
      <c r="FQ4688" s="91"/>
      <c r="FR4688" s="91"/>
      <c r="FS4688" s="91"/>
      <c r="FT4688" s="91"/>
      <c r="FU4688" s="91"/>
      <c r="FV4688" s="91"/>
      <c r="FW4688" s="91"/>
      <c r="FX4688" s="127"/>
      <c r="FY4688" s="126"/>
      <c r="FZ4688" s="91"/>
      <c r="GA4688" s="91"/>
      <c r="GB4688" s="91"/>
      <c r="GC4688" s="91"/>
      <c r="GD4688" s="91"/>
      <c r="GE4688" s="91"/>
      <c r="GF4688" s="91"/>
      <c r="GG4688" s="91"/>
      <c r="GH4688" s="91"/>
      <c r="GI4688" s="91"/>
      <c r="GJ4688" s="91"/>
      <c r="GK4688" s="127"/>
      <c r="GL4688" s="126"/>
      <c r="GM4688" s="91"/>
      <c r="GN4688" s="91"/>
      <c r="GO4688" s="91"/>
      <c r="GP4688" s="91"/>
      <c r="GQ4688" s="91"/>
      <c r="GR4688" s="91"/>
      <c r="GS4688" s="91"/>
      <c r="GT4688" s="91"/>
      <c r="GU4688" s="91"/>
      <c r="GV4688" s="91"/>
      <c r="GW4688" s="91"/>
      <c r="GX4688" s="127"/>
      <c r="GY4688" s="126"/>
      <c r="GZ4688" s="91"/>
      <c r="HA4688" s="91"/>
      <c r="HB4688" s="91"/>
      <c r="HC4688" s="91"/>
      <c r="HD4688" s="91"/>
      <c r="HE4688" s="91"/>
      <c r="HF4688" s="91"/>
      <c r="HG4688" s="91"/>
      <c r="HH4688" s="91"/>
      <c r="HI4688" s="91"/>
      <c r="HJ4688" s="91"/>
      <c r="HK4688" s="127"/>
      <c r="HL4688" s="126"/>
      <c r="HM4688" s="91"/>
      <c r="HN4688" s="91"/>
      <c r="HO4688" s="91"/>
      <c r="HP4688" s="91"/>
      <c r="HQ4688" s="91"/>
      <c r="HR4688" s="91"/>
      <c r="HS4688" s="91"/>
      <c r="HT4688" s="91"/>
      <c r="HU4688" s="91"/>
      <c r="HV4688" s="91"/>
      <c r="HW4688" s="91"/>
      <c r="HX4688" s="127"/>
      <c r="HY4688" s="126"/>
      <c r="HZ4688" s="91"/>
      <c r="IA4688" s="91"/>
      <c r="IB4688" s="91"/>
      <c r="IC4688" s="91"/>
      <c r="ID4688" s="91"/>
      <c r="IE4688" s="91"/>
      <c r="IF4688" s="91"/>
      <c r="IG4688" s="91"/>
      <c r="IH4688" s="91"/>
      <c r="II4688" s="91"/>
      <c r="IJ4688" s="91"/>
      <c r="IK4688" s="174"/>
    </row>
    <row r="4689" spans="2:245" x14ac:dyDescent="0.2">
      <c r="B4689" s="43"/>
      <c r="C4689" s="73"/>
      <c r="D4689" s="64"/>
      <c r="E4689" s="64"/>
      <c r="F4689" s="55"/>
      <c r="G4689" s="102"/>
      <c r="H4689" s="97"/>
      <c r="T4689" s="98"/>
      <c r="U4689" s="97"/>
      <c r="AG4689" s="98"/>
      <c r="AY4689" s="164"/>
      <c r="BK4689" s="98"/>
      <c r="BL4689" s="97"/>
      <c r="BX4689" s="98"/>
      <c r="CL4689" s="97"/>
      <c r="CX4689" s="98"/>
      <c r="DL4689" s="97"/>
      <c r="DX4689" s="98"/>
      <c r="EL4689" s="97"/>
      <c r="EX4689" s="98"/>
      <c r="EY4689" s="97"/>
      <c r="FL4689" s="126"/>
      <c r="FM4689" s="91"/>
      <c r="FN4689" s="91"/>
      <c r="FO4689" s="91"/>
      <c r="FP4689" s="91"/>
      <c r="FQ4689" s="91"/>
      <c r="FR4689" s="91"/>
      <c r="FS4689" s="91"/>
      <c r="FT4689" s="91"/>
      <c r="FU4689" s="91"/>
      <c r="FV4689" s="91"/>
      <c r="FW4689" s="91"/>
      <c r="FX4689" s="127"/>
      <c r="FY4689" s="126"/>
      <c r="FZ4689" s="91"/>
      <c r="GA4689" s="91"/>
      <c r="GB4689" s="91"/>
      <c r="GC4689" s="91"/>
      <c r="GD4689" s="91"/>
      <c r="GE4689" s="91"/>
      <c r="GF4689" s="91"/>
      <c r="GG4689" s="91"/>
      <c r="GH4689" s="91"/>
      <c r="GI4689" s="91"/>
      <c r="GJ4689" s="91"/>
      <c r="GK4689" s="127"/>
      <c r="GL4689" s="126"/>
      <c r="GM4689" s="91"/>
      <c r="GN4689" s="91"/>
      <c r="GO4689" s="91"/>
      <c r="GP4689" s="91"/>
      <c r="GQ4689" s="91"/>
      <c r="GR4689" s="91"/>
      <c r="GS4689" s="91"/>
      <c r="GT4689" s="91"/>
      <c r="GU4689" s="91"/>
      <c r="GV4689" s="91"/>
      <c r="GW4689" s="91"/>
      <c r="GX4689" s="127"/>
      <c r="GY4689" s="126"/>
      <c r="GZ4689" s="91"/>
      <c r="HA4689" s="91"/>
      <c r="HB4689" s="91"/>
      <c r="HC4689" s="91"/>
      <c r="HD4689" s="91"/>
      <c r="HE4689" s="91"/>
      <c r="HF4689" s="91"/>
      <c r="HG4689" s="91"/>
      <c r="HH4689" s="91"/>
      <c r="HI4689" s="91"/>
      <c r="HJ4689" s="91"/>
      <c r="HK4689" s="127"/>
      <c r="HL4689" s="126"/>
      <c r="HM4689" s="91"/>
      <c r="HN4689" s="91"/>
      <c r="HO4689" s="91"/>
      <c r="HP4689" s="91"/>
      <c r="HQ4689" s="91"/>
      <c r="HR4689" s="91"/>
      <c r="HS4689" s="91"/>
      <c r="HT4689" s="91"/>
      <c r="HU4689" s="91"/>
      <c r="HV4689" s="91"/>
      <c r="HW4689" s="91"/>
      <c r="HX4689" s="127"/>
      <c r="HY4689" s="126"/>
      <c r="HZ4689" s="91"/>
      <c r="IA4689" s="91"/>
      <c r="IB4689" s="91"/>
      <c r="IC4689" s="91"/>
      <c r="ID4689" s="91"/>
      <c r="IE4689" s="91"/>
      <c r="IF4689" s="91"/>
      <c r="IG4689" s="91"/>
      <c r="IH4689" s="91"/>
      <c r="II4689" s="91"/>
      <c r="IJ4689" s="91"/>
      <c r="IK4689" s="174"/>
    </row>
    <row r="4690" spans="2:245" x14ac:dyDescent="0.2">
      <c r="B4690" s="43"/>
      <c r="C4690" s="73"/>
      <c r="D4690" s="64"/>
      <c r="E4690" s="64"/>
      <c r="F4690" s="55"/>
      <c r="G4690" s="102"/>
      <c r="H4690" s="97"/>
      <c r="T4690" s="98"/>
      <c r="U4690" s="97"/>
      <c r="AG4690" s="98"/>
      <c r="AY4690" s="164"/>
      <c r="BK4690" s="98"/>
      <c r="BL4690" s="97"/>
      <c r="BX4690" s="98"/>
      <c r="CL4690" s="97"/>
      <c r="CX4690" s="98"/>
      <c r="DL4690" s="97"/>
      <c r="DX4690" s="98"/>
      <c r="EL4690" s="97"/>
      <c r="EX4690" s="98"/>
      <c r="EY4690" s="97"/>
      <c r="FL4690" s="126"/>
      <c r="FM4690" s="91"/>
      <c r="FN4690" s="91"/>
      <c r="FO4690" s="91"/>
      <c r="FP4690" s="91"/>
      <c r="FQ4690" s="91"/>
      <c r="FR4690" s="91"/>
      <c r="FS4690" s="91"/>
      <c r="FT4690" s="91"/>
      <c r="FU4690" s="91"/>
      <c r="FV4690" s="91"/>
      <c r="FW4690" s="91"/>
      <c r="FX4690" s="127"/>
      <c r="FY4690" s="126"/>
      <c r="FZ4690" s="91"/>
      <c r="GA4690" s="91"/>
      <c r="GB4690" s="91"/>
      <c r="GC4690" s="91"/>
      <c r="GD4690" s="91"/>
      <c r="GE4690" s="91"/>
      <c r="GF4690" s="91"/>
      <c r="GG4690" s="91"/>
      <c r="GH4690" s="91"/>
      <c r="GI4690" s="91"/>
      <c r="GJ4690" s="91"/>
      <c r="GK4690" s="127"/>
      <c r="GL4690" s="126"/>
      <c r="GM4690" s="91"/>
      <c r="GN4690" s="91"/>
      <c r="GO4690" s="91"/>
      <c r="GP4690" s="91"/>
      <c r="GQ4690" s="91"/>
      <c r="GR4690" s="91"/>
      <c r="GS4690" s="91"/>
      <c r="GT4690" s="91"/>
      <c r="GU4690" s="91"/>
      <c r="GV4690" s="91"/>
      <c r="GW4690" s="91"/>
      <c r="GX4690" s="127"/>
      <c r="GY4690" s="126"/>
      <c r="GZ4690" s="91"/>
      <c r="HA4690" s="91"/>
      <c r="HB4690" s="91"/>
      <c r="HC4690" s="91"/>
      <c r="HD4690" s="91"/>
      <c r="HE4690" s="91"/>
      <c r="HF4690" s="91"/>
      <c r="HG4690" s="91"/>
      <c r="HH4690" s="91"/>
      <c r="HI4690" s="91"/>
      <c r="HJ4690" s="91"/>
      <c r="HK4690" s="127"/>
      <c r="HL4690" s="126"/>
      <c r="HM4690" s="91"/>
      <c r="HN4690" s="91"/>
      <c r="HO4690" s="91"/>
      <c r="HP4690" s="91"/>
      <c r="HQ4690" s="91"/>
      <c r="HR4690" s="91"/>
      <c r="HS4690" s="91"/>
      <c r="HT4690" s="91"/>
      <c r="HU4690" s="91"/>
      <c r="HV4690" s="91"/>
      <c r="HW4690" s="91"/>
      <c r="HX4690" s="127"/>
      <c r="HY4690" s="126"/>
      <c r="HZ4690" s="91"/>
      <c r="IA4690" s="91"/>
      <c r="IB4690" s="91"/>
      <c r="IC4690" s="91"/>
      <c r="ID4690" s="91"/>
      <c r="IE4690" s="91"/>
      <c r="IF4690" s="91"/>
      <c r="IG4690" s="91"/>
      <c r="IH4690" s="91"/>
      <c r="II4690" s="91"/>
      <c r="IJ4690" s="91"/>
      <c r="IK4690" s="174"/>
    </row>
    <row r="4691" spans="2:245" x14ac:dyDescent="0.2">
      <c r="B4691" s="43"/>
      <c r="C4691" s="73"/>
      <c r="D4691" s="64"/>
      <c r="E4691" s="64"/>
      <c r="F4691" s="55"/>
      <c r="G4691" s="102"/>
      <c r="H4691" s="97"/>
      <c r="T4691" s="98"/>
      <c r="U4691" s="97"/>
      <c r="AG4691" s="98"/>
      <c r="AY4691" s="164"/>
      <c r="BK4691" s="98"/>
      <c r="BL4691" s="97"/>
      <c r="BX4691" s="98"/>
      <c r="CL4691" s="97"/>
      <c r="CX4691" s="98"/>
      <c r="DL4691" s="97"/>
      <c r="DX4691" s="98"/>
      <c r="EL4691" s="97"/>
      <c r="EX4691" s="98"/>
      <c r="EY4691" s="97"/>
      <c r="FL4691" s="126"/>
      <c r="FM4691" s="91"/>
      <c r="FN4691" s="91"/>
      <c r="FO4691" s="91"/>
      <c r="FP4691" s="91"/>
      <c r="FQ4691" s="91"/>
      <c r="FR4691" s="91"/>
      <c r="FS4691" s="91"/>
      <c r="FT4691" s="91"/>
      <c r="FU4691" s="91"/>
      <c r="FV4691" s="91"/>
      <c r="FW4691" s="91"/>
      <c r="FX4691" s="127"/>
      <c r="FY4691" s="126"/>
      <c r="FZ4691" s="91"/>
      <c r="GA4691" s="91"/>
      <c r="GB4691" s="91"/>
      <c r="GC4691" s="91"/>
      <c r="GD4691" s="91"/>
      <c r="GE4691" s="91"/>
      <c r="GF4691" s="91"/>
      <c r="GG4691" s="91"/>
      <c r="GH4691" s="91"/>
      <c r="GI4691" s="91"/>
      <c r="GJ4691" s="91"/>
      <c r="GK4691" s="127"/>
      <c r="GL4691" s="126"/>
      <c r="GM4691" s="91"/>
      <c r="GN4691" s="91"/>
      <c r="GO4691" s="91"/>
      <c r="GP4691" s="91"/>
      <c r="GQ4691" s="91"/>
      <c r="GR4691" s="91"/>
      <c r="GS4691" s="91"/>
      <c r="GT4691" s="91"/>
      <c r="GU4691" s="91"/>
      <c r="GV4691" s="91"/>
      <c r="GW4691" s="91"/>
      <c r="GX4691" s="127"/>
      <c r="GY4691" s="126"/>
      <c r="GZ4691" s="91"/>
      <c r="HA4691" s="91"/>
      <c r="HB4691" s="91"/>
      <c r="HC4691" s="91"/>
      <c r="HD4691" s="91"/>
      <c r="HE4691" s="91"/>
      <c r="HF4691" s="91"/>
      <c r="HG4691" s="91"/>
      <c r="HH4691" s="91"/>
      <c r="HI4691" s="91"/>
      <c r="HJ4691" s="91"/>
      <c r="HK4691" s="127"/>
      <c r="HL4691" s="126"/>
      <c r="HM4691" s="91"/>
      <c r="HN4691" s="91"/>
      <c r="HO4691" s="91"/>
      <c r="HP4691" s="91"/>
      <c r="HQ4691" s="91"/>
      <c r="HR4691" s="91"/>
      <c r="HS4691" s="91"/>
      <c r="HT4691" s="91"/>
      <c r="HU4691" s="91"/>
      <c r="HV4691" s="91"/>
      <c r="HW4691" s="91"/>
      <c r="HX4691" s="127"/>
      <c r="HY4691" s="126"/>
      <c r="HZ4691" s="91"/>
      <c r="IA4691" s="91"/>
      <c r="IB4691" s="91"/>
      <c r="IC4691" s="91"/>
      <c r="ID4691" s="91"/>
      <c r="IE4691" s="91"/>
      <c r="IF4691" s="91"/>
      <c r="IG4691" s="91"/>
      <c r="IH4691" s="91"/>
      <c r="II4691" s="91"/>
      <c r="IJ4691" s="91"/>
      <c r="IK4691" s="174"/>
    </row>
    <row r="4692" spans="2:245" x14ac:dyDescent="0.2">
      <c r="B4692" s="43"/>
      <c r="C4692" s="73"/>
      <c r="D4692" s="64"/>
      <c r="E4692" s="64"/>
      <c r="F4692" s="55"/>
      <c r="G4692" s="102"/>
      <c r="H4692" s="97"/>
      <c r="T4692" s="98"/>
      <c r="U4692" s="97"/>
      <c r="AG4692" s="98"/>
      <c r="AY4692" s="164"/>
      <c r="BK4692" s="98"/>
      <c r="BL4692" s="97"/>
      <c r="BX4692" s="98"/>
      <c r="CL4692" s="97"/>
      <c r="CX4692" s="98"/>
      <c r="DL4692" s="97"/>
      <c r="DX4692" s="98"/>
      <c r="EL4692" s="97"/>
      <c r="EX4692" s="98"/>
      <c r="EY4692" s="97"/>
      <c r="FL4692" s="126"/>
      <c r="FM4692" s="91"/>
      <c r="FN4692" s="91"/>
      <c r="FO4692" s="91"/>
      <c r="FP4692" s="91"/>
      <c r="FQ4692" s="91"/>
      <c r="FR4692" s="91"/>
      <c r="FS4692" s="91"/>
      <c r="FT4692" s="91"/>
      <c r="FU4692" s="91"/>
      <c r="FV4692" s="91"/>
      <c r="FW4692" s="91"/>
      <c r="FX4692" s="127"/>
      <c r="FY4692" s="126"/>
      <c r="FZ4692" s="91"/>
      <c r="GA4692" s="91"/>
      <c r="GB4692" s="91"/>
      <c r="GC4692" s="91"/>
      <c r="GD4692" s="91"/>
      <c r="GE4692" s="91"/>
      <c r="GF4692" s="91"/>
      <c r="GG4692" s="91"/>
      <c r="GH4692" s="91"/>
      <c r="GI4692" s="91"/>
      <c r="GJ4692" s="91"/>
      <c r="GK4692" s="127"/>
      <c r="GL4692" s="126"/>
      <c r="GM4692" s="91"/>
      <c r="GN4692" s="91"/>
      <c r="GO4692" s="91"/>
      <c r="GP4692" s="91"/>
      <c r="GQ4692" s="91"/>
      <c r="GR4692" s="91"/>
      <c r="GS4692" s="91"/>
      <c r="GT4692" s="91"/>
      <c r="GU4692" s="91"/>
      <c r="GV4692" s="91"/>
      <c r="GW4692" s="91"/>
      <c r="GX4692" s="127"/>
      <c r="GY4692" s="126"/>
      <c r="GZ4692" s="91"/>
      <c r="HA4692" s="91"/>
      <c r="HB4692" s="91"/>
      <c r="HC4692" s="91"/>
      <c r="HD4692" s="91"/>
      <c r="HE4692" s="91"/>
      <c r="HF4692" s="91"/>
      <c r="HG4692" s="91"/>
      <c r="HH4692" s="91"/>
      <c r="HI4692" s="91"/>
      <c r="HJ4692" s="91"/>
      <c r="HK4692" s="127"/>
      <c r="HL4692" s="126"/>
      <c r="HM4692" s="91"/>
      <c r="HN4692" s="91"/>
      <c r="HO4692" s="91"/>
      <c r="HP4692" s="91"/>
      <c r="HQ4692" s="91"/>
      <c r="HR4692" s="91"/>
      <c r="HS4692" s="91"/>
      <c r="HT4692" s="91"/>
      <c r="HU4692" s="91"/>
      <c r="HV4692" s="91"/>
      <c r="HW4692" s="91"/>
      <c r="HX4692" s="127"/>
      <c r="HY4692" s="126"/>
      <c r="HZ4692" s="91"/>
      <c r="IA4692" s="91"/>
      <c r="IB4692" s="91"/>
      <c r="IC4692" s="91"/>
      <c r="ID4692" s="91"/>
      <c r="IE4692" s="91"/>
      <c r="IF4692" s="91"/>
      <c r="IG4692" s="91"/>
      <c r="IH4692" s="91"/>
      <c r="II4692" s="91"/>
      <c r="IJ4692" s="91"/>
      <c r="IK4692" s="174"/>
    </row>
    <row r="4693" spans="2:245" x14ac:dyDescent="0.2">
      <c r="B4693" s="43"/>
      <c r="C4693" s="73"/>
      <c r="D4693" s="64"/>
      <c r="E4693" s="64"/>
      <c r="F4693" s="55"/>
      <c r="G4693" s="102"/>
      <c r="H4693" s="97"/>
      <c r="T4693" s="98"/>
      <c r="U4693" s="97"/>
      <c r="AG4693" s="98"/>
      <c r="AY4693" s="164"/>
      <c r="BK4693" s="98"/>
      <c r="BL4693" s="97"/>
      <c r="BX4693" s="98"/>
      <c r="CL4693" s="97"/>
      <c r="CX4693" s="98"/>
      <c r="DL4693" s="97"/>
      <c r="DX4693" s="98"/>
      <c r="EL4693" s="97"/>
      <c r="EX4693" s="98"/>
      <c r="EY4693" s="97"/>
      <c r="FL4693" s="126"/>
      <c r="FM4693" s="91"/>
      <c r="FN4693" s="91"/>
      <c r="FO4693" s="91"/>
      <c r="FP4693" s="91"/>
      <c r="FQ4693" s="91"/>
      <c r="FR4693" s="91"/>
      <c r="FS4693" s="91"/>
      <c r="FT4693" s="91"/>
      <c r="FU4693" s="91"/>
      <c r="FV4693" s="91"/>
      <c r="FW4693" s="91"/>
      <c r="FX4693" s="127"/>
      <c r="FY4693" s="126"/>
      <c r="FZ4693" s="91"/>
      <c r="GA4693" s="91"/>
      <c r="GB4693" s="91"/>
      <c r="GC4693" s="91"/>
      <c r="GD4693" s="91"/>
      <c r="GE4693" s="91"/>
      <c r="GF4693" s="91"/>
      <c r="GG4693" s="91"/>
      <c r="GH4693" s="91"/>
      <c r="GI4693" s="91"/>
      <c r="GJ4693" s="91"/>
      <c r="GK4693" s="127"/>
      <c r="GL4693" s="126"/>
      <c r="GM4693" s="91"/>
      <c r="GN4693" s="91"/>
      <c r="GO4693" s="91"/>
      <c r="GP4693" s="91"/>
      <c r="GQ4693" s="91"/>
      <c r="GR4693" s="91"/>
      <c r="GS4693" s="91"/>
      <c r="GT4693" s="91"/>
      <c r="GU4693" s="91"/>
      <c r="GV4693" s="91"/>
      <c r="GW4693" s="91"/>
      <c r="GX4693" s="127"/>
      <c r="GY4693" s="126"/>
      <c r="GZ4693" s="91"/>
      <c r="HA4693" s="91"/>
      <c r="HB4693" s="91"/>
      <c r="HC4693" s="91"/>
      <c r="HD4693" s="91"/>
      <c r="HE4693" s="91"/>
      <c r="HF4693" s="91"/>
      <c r="HG4693" s="91"/>
      <c r="HH4693" s="91"/>
      <c r="HI4693" s="91"/>
      <c r="HJ4693" s="91"/>
      <c r="HK4693" s="127"/>
      <c r="HL4693" s="126"/>
      <c r="HM4693" s="91"/>
      <c r="HN4693" s="91"/>
      <c r="HO4693" s="91"/>
      <c r="HP4693" s="91"/>
      <c r="HQ4693" s="91"/>
      <c r="HR4693" s="91"/>
      <c r="HS4693" s="91"/>
      <c r="HT4693" s="91"/>
      <c r="HU4693" s="91"/>
      <c r="HV4693" s="91"/>
      <c r="HW4693" s="91"/>
      <c r="HX4693" s="127"/>
      <c r="HY4693" s="126"/>
      <c r="HZ4693" s="91"/>
      <c r="IA4693" s="91"/>
      <c r="IB4693" s="91"/>
      <c r="IC4693" s="91"/>
      <c r="ID4693" s="91"/>
      <c r="IE4693" s="91"/>
      <c r="IF4693" s="91"/>
      <c r="IG4693" s="91"/>
      <c r="IH4693" s="91"/>
      <c r="II4693" s="91"/>
      <c r="IJ4693" s="91"/>
      <c r="IK4693" s="174"/>
    </row>
    <row r="4694" spans="2:245" x14ac:dyDescent="0.2">
      <c r="B4694" s="43"/>
      <c r="C4694" s="73"/>
      <c r="D4694" s="64"/>
      <c r="E4694" s="64"/>
      <c r="F4694" s="55"/>
      <c r="G4694" s="102"/>
      <c r="H4694" s="97"/>
      <c r="T4694" s="98"/>
      <c r="U4694" s="97"/>
      <c r="AG4694" s="98"/>
      <c r="AY4694" s="164"/>
      <c r="BK4694" s="98"/>
      <c r="BL4694" s="97"/>
      <c r="BX4694" s="98"/>
      <c r="CL4694" s="97"/>
      <c r="CX4694" s="98"/>
      <c r="DL4694" s="97"/>
      <c r="DX4694" s="98"/>
      <c r="EL4694" s="97"/>
      <c r="EX4694" s="98"/>
      <c r="EY4694" s="97"/>
      <c r="FL4694" s="126"/>
      <c r="FM4694" s="91"/>
      <c r="FN4694" s="91"/>
      <c r="FO4694" s="91"/>
      <c r="FP4694" s="91"/>
      <c r="FQ4694" s="91"/>
      <c r="FR4694" s="91"/>
      <c r="FS4694" s="91"/>
      <c r="FT4694" s="91"/>
      <c r="FU4694" s="91"/>
      <c r="FV4694" s="91"/>
      <c r="FW4694" s="91"/>
      <c r="FX4694" s="127"/>
      <c r="FY4694" s="126"/>
      <c r="FZ4694" s="91"/>
      <c r="GA4694" s="91"/>
      <c r="GB4694" s="91"/>
      <c r="GC4694" s="91"/>
      <c r="GD4694" s="91"/>
      <c r="GE4694" s="91"/>
      <c r="GF4694" s="91"/>
      <c r="GG4694" s="91"/>
      <c r="GH4694" s="91"/>
      <c r="GI4694" s="91"/>
      <c r="GJ4694" s="91"/>
      <c r="GK4694" s="127"/>
      <c r="GL4694" s="126"/>
      <c r="GM4694" s="91"/>
      <c r="GN4694" s="91"/>
      <c r="GO4694" s="91"/>
      <c r="GP4694" s="91"/>
      <c r="GQ4694" s="91"/>
      <c r="GR4694" s="91"/>
      <c r="GS4694" s="91"/>
      <c r="GT4694" s="91"/>
      <c r="GU4694" s="91"/>
      <c r="GV4694" s="91"/>
      <c r="GW4694" s="91"/>
      <c r="GX4694" s="127"/>
      <c r="GY4694" s="126"/>
      <c r="GZ4694" s="91"/>
      <c r="HA4694" s="91"/>
      <c r="HB4694" s="91"/>
      <c r="HC4694" s="91"/>
      <c r="HD4694" s="91"/>
      <c r="HE4694" s="91"/>
      <c r="HF4694" s="91"/>
      <c r="HG4694" s="91"/>
      <c r="HH4694" s="91"/>
      <c r="HI4694" s="91"/>
      <c r="HJ4694" s="91"/>
      <c r="HK4694" s="127"/>
      <c r="HL4694" s="126"/>
      <c r="HM4694" s="91"/>
      <c r="HN4694" s="91"/>
      <c r="HO4694" s="91"/>
      <c r="HP4694" s="91"/>
      <c r="HQ4694" s="91"/>
      <c r="HR4694" s="91"/>
      <c r="HS4694" s="91"/>
      <c r="HT4694" s="91"/>
      <c r="HU4694" s="91"/>
      <c r="HV4694" s="91"/>
      <c r="HW4694" s="91"/>
      <c r="HX4694" s="127"/>
      <c r="HY4694" s="126"/>
      <c r="HZ4694" s="91"/>
      <c r="IA4694" s="91"/>
      <c r="IB4694" s="91"/>
      <c r="IC4694" s="91"/>
      <c r="ID4694" s="91"/>
      <c r="IE4694" s="91"/>
      <c r="IF4694" s="91"/>
      <c r="IG4694" s="91"/>
      <c r="IH4694" s="91"/>
      <c r="II4694" s="91"/>
      <c r="IJ4694" s="91"/>
      <c r="IK4694" s="174"/>
    </row>
    <row r="4695" spans="2:245" x14ac:dyDescent="0.2">
      <c r="B4695" s="43"/>
      <c r="C4695" s="73"/>
      <c r="D4695" s="64"/>
      <c r="E4695" s="64"/>
      <c r="F4695" s="55"/>
      <c r="G4695" s="102"/>
      <c r="H4695" s="97"/>
      <c r="T4695" s="98"/>
      <c r="U4695" s="97"/>
      <c r="AG4695" s="98"/>
      <c r="AY4695" s="164"/>
      <c r="BK4695" s="98"/>
      <c r="BL4695" s="97"/>
      <c r="BX4695" s="98"/>
      <c r="CL4695" s="97"/>
      <c r="CX4695" s="98"/>
      <c r="DL4695" s="97"/>
      <c r="DX4695" s="98"/>
      <c r="EL4695" s="97"/>
      <c r="EX4695" s="98"/>
      <c r="EY4695" s="97"/>
      <c r="FL4695" s="126"/>
      <c r="FM4695" s="91"/>
      <c r="FN4695" s="91"/>
      <c r="FO4695" s="91"/>
      <c r="FP4695" s="91"/>
      <c r="FQ4695" s="91"/>
      <c r="FR4695" s="91"/>
      <c r="FS4695" s="91"/>
      <c r="FT4695" s="91"/>
      <c r="FU4695" s="91"/>
      <c r="FV4695" s="91"/>
      <c r="FW4695" s="91"/>
      <c r="FX4695" s="127"/>
      <c r="FY4695" s="126"/>
      <c r="FZ4695" s="91"/>
      <c r="GA4695" s="91"/>
      <c r="GB4695" s="91"/>
      <c r="GC4695" s="91"/>
      <c r="GD4695" s="91"/>
      <c r="GE4695" s="91"/>
      <c r="GF4695" s="91"/>
      <c r="GG4695" s="91"/>
      <c r="GH4695" s="91"/>
      <c r="GI4695" s="91"/>
      <c r="GJ4695" s="91"/>
      <c r="GK4695" s="127"/>
      <c r="GL4695" s="126"/>
      <c r="GM4695" s="91"/>
      <c r="GN4695" s="91"/>
      <c r="GO4695" s="91"/>
      <c r="GP4695" s="91"/>
      <c r="GQ4695" s="91"/>
      <c r="GR4695" s="91"/>
      <c r="GS4695" s="91"/>
      <c r="GT4695" s="91"/>
      <c r="GU4695" s="91"/>
      <c r="GV4695" s="91"/>
      <c r="GW4695" s="91"/>
      <c r="GX4695" s="127"/>
      <c r="GY4695" s="126"/>
      <c r="GZ4695" s="91"/>
      <c r="HA4695" s="91"/>
      <c r="HB4695" s="91"/>
      <c r="HC4695" s="91"/>
      <c r="HD4695" s="91"/>
      <c r="HE4695" s="91"/>
      <c r="HF4695" s="91"/>
      <c r="HG4695" s="91"/>
      <c r="HH4695" s="91"/>
      <c r="HI4695" s="91"/>
      <c r="HJ4695" s="91"/>
      <c r="HK4695" s="127"/>
      <c r="HL4695" s="126"/>
      <c r="HM4695" s="91"/>
      <c r="HN4695" s="91"/>
      <c r="HO4695" s="91"/>
      <c r="HP4695" s="91"/>
      <c r="HQ4695" s="91"/>
      <c r="HR4695" s="91"/>
      <c r="HS4695" s="91"/>
      <c r="HT4695" s="91"/>
      <c r="HU4695" s="91"/>
      <c r="HV4695" s="91"/>
      <c r="HW4695" s="91"/>
      <c r="HX4695" s="127"/>
      <c r="HY4695" s="126"/>
      <c r="HZ4695" s="91"/>
      <c r="IA4695" s="91"/>
      <c r="IB4695" s="91"/>
      <c r="IC4695" s="91"/>
      <c r="ID4695" s="91"/>
      <c r="IE4695" s="91"/>
      <c r="IF4695" s="91"/>
      <c r="IG4695" s="91"/>
      <c r="IH4695" s="91"/>
      <c r="II4695" s="91"/>
      <c r="IJ4695" s="91"/>
      <c r="IK4695" s="174"/>
    </row>
    <row r="4696" spans="2:245" x14ac:dyDescent="0.2">
      <c r="B4696" s="43"/>
      <c r="C4696" s="73"/>
      <c r="D4696" s="64"/>
      <c r="E4696" s="64"/>
      <c r="F4696" s="55"/>
      <c r="G4696" s="102"/>
      <c r="H4696" s="97"/>
      <c r="T4696" s="98"/>
      <c r="U4696" s="97"/>
      <c r="AG4696" s="98"/>
      <c r="AY4696" s="164"/>
      <c r="BK4696" s="98"/>
      <c r="BL4696" s="97"/>
      <c r="BX4696" s="98"/>
      <c r="CL4696" s="97"/>
      <c r="CX4696" s="98"/>
      <c r="DL4696" s="97"/>
      <c r="DX4696" s="98"/>
      <c r="EL4696" s="97"/>
      <c r="EX4696" s="98"/>
      <c r="EY4696" s="97"/>
      <c r="FL4696" s="126"/>
      <c r="FM4696" s="91"/>
      <c r="FN4696" s="91"/>
      <c r="FO4696" s="91"/>
      <c r="FP4696" s="91"/>
      <c r="FQ4696" s="91"/>
      <c r="FR4696" s="91"/>
      <c r="FS4696" s="91"/>
      <c r="FT4696" s="91"/>
      <c r="FU4696" s="91"/>
      <c r="FV4696" s="91"/>
      <c r="FW4696" s="91"/>
      <c r="FX4696" s="127"/>
      <c r="FY4696" s="126"/>
      <c r="FZ4696" s="91"/>
      <c r="GA4696" s="91"/>
      <c r="GB4696" s="91"/>
      <c r="GC4696" s="91"/>
      <c r="GD4696" s="91"/>
      <c r="GE4696" s="91"/>
      <c r="GF4696" s="91"/>
      <c r="GG4696" s="91"/>
      <c r="GH4696" s="91"/>
      <c r="GI4696" s="91"/>
      <c r="GJ4696" s="91"/>
      <c r="GK4696" s="127"/>
      <c r="GL4696" s="126"/>
      <c r="GM4696" s="91"/>
      <c r="GN4696" s="91"/>
      <c r="GO4696" s="91"/>
      <c r="GP4696" s="91"/>
      <c r="GQ4696" s="91"/>
      <c r="GR4696" s="91"/>
      <c r="GS4696" s="91"/>
      <c r="GT4696" s="91"/>
      <c r="GU4696" s="91"/>
      <c r="GV4696" s="91"/>
      <c r="GW4696" s="91"/>
      <c r="GX4696" s="127"/>
      <c r="GY4696" s="126"/>
      <c r="GZ4696" s="91"/>
      <c r="HA4696" s="91"/>
      <c r="HB4696" s="91"/>
      <c r="HC4696" s="91"/>
      <c r="HD4696" s="91"/>
      <c r="HE4696" s="91"/>
      <c r="HF4696" s="91"/>
      <c r="HG4696" s="91"/>
      <c r="HH4696" s="91"/>
      <c r="HI4696" s="91"/>
      <c r="HJ4696" s="91"/>
      <c r="HK4696" s="127"/>
      <c r="HL4696" s="126"/>
      <c r="HM4696" s="91"/>
      <c r="HN4696" s="91"/>
      <c r="HO4696" s="91"/>
      <c r="HP4696" s="91"/>
      <c r="HQ4696" s="91"/>
      <c r="HR4696" s="91"/>
      <c r="HS4696" s="91"/>
      <c r="HT4696" s="91"/>
      <c r="HU4696" s="91"/>
      <c r="HV4696" s="91"/>
      <c r="HW4696" s="91"/>
      <c r="HX4696" s="127"/>
      <c r="HY4696" s="126"/>
      <c r="HZ4696" s="91"/>
      <c r="IA4696" s="91"/>
      <c r="IB4696" s="91"/>
      <c r="IC4696" s="91"/>
      <c r="ID4696" s="91"/>
      <c r="IE4696" s="91"/>
      <c r="IF4696" s="91"/>
      <c r="IG4696" s="91"/>
      <c r="IH4696" s="91"/>
      <c r="II4696" s="91"/>
      <c r="IJ4696" s="91"/>
      <c r="IK4696" s="174"/>
    </row>
    <row r="4697" spans="2:245" x14ac:dyDescent="0.2">
      <c r="B4697" s="43"/>
      <c r="C4697" s="73"/>
      <c r="D4697" s="64"/>
      <c r="E4697" s="64"/>
      <c r="F4697" s="55"/>
      <c r="G4697" s="102"/>
      <c r="H4697" s="97"/>
      <c r="T4697" s="98"/>
      <c r="U4697" s="97"/>
      <c r="AG4697" s="98"/>
      <c r="AY4697" s="164"/>
      <c r="BK4697" s="98"/>
      <c r="BL4697" s="97"/>
      <c r="BX4697" s="98"/>
      <c r="CL4697" s="97"/>
      <c r="CX4697" s="98"/>
      <c r="DL4697" s="97"/>
      <c r="DX4697" s="98"/>
      <c r="EL4697" s="97"/>
      <c r="EX4697" s="98"/>
      <c r="EY4697" s="97"/>
      <c r="FL4697" s="126"/>
      <c r="FM4697" s="91"/>
      <c r="FN4697" s="91"/>
      <c r="FO4697" s="91"/>
      <c r="FP4697" s="91"/>
      <c r="FQ4697" s="91"/>
      <c r="FR4697" s="91"/>
      <c r="FS4697" s="91"/>
      <c r="FT4697" s="91"/>
      <c r="FU4697" s="91"/>
      <c r="FV4697" s="91"/>
      <c r="FW4697" s="91"/>
      <c r="FX4697" s="127"/>
      <c r="FY4697" s="126"/>
      <c r="FZ4697" s="91"/>
      <c r="GA4697" s="91"/>
      <c r="GB4697" s="91"/>
      <c r="GC4697" s="91"/>
      <c r="GD4697" s="91"/>
      <c r="GE4697" s="91"/>
      <c r="GF4697" s="91"/>
      <c r="GG4697" s="91"/>
      <c r="GH4697" s="91"/>
      <c r="GI4697" s="91"/>
      <c r="GJ4697" s="91"/>
      <c r="GK4697" s="127"/>
      <c r="GL4697" s="126"/>
      <c r="GM4697" s="91"/>
      <c r="GN4697" s="91"/>
      <c r="GO4697" s="91"/>
      <c r="GP4697" s="91"/>
      <c r="GQ4697" s="91"/>
      <c r="GR4697" s="91"/>
      <c r="GS4697" s="91"/>
      <c r="GT4697" s="91"/>
      <c r="GU4697" s="91"/>
      <c r="GV4697" s="91"/>
      <c r="GW4697" s="91"/>
      <c r="GX4697" s="127"/>
      <c r="GY4697" s="126"/>
      <c r="GZ4697" s="91"/>
      <c r="HA4697" s="91"/>
      <c r="HB4697" s="91"/>
      <c r="HC4697" s="91"/>
      <c r="HD4697" s="91"/>
      <c r="HE4697" s="91"/>
      <c r="HF4697" s="91"/>
      <c r="HG4697" s="91"/>
      <c r="HH4697" s="91"/>
      <c r="HI4697" s="91"/>
      <c r="HJ4697" s="91"/>
      <c r="HK4697" s="127"/>
      <c r="HL4697" s="126"/>
      <c r="HM4697" s="91"/>
      <c r="HN4697" s="91"/>
      <c r="HO4697" s="91"/>
      <c r="HP4697" s="91"/>
      <c r="HQ4697" s="91"/>
      <c r="HR4697" s="91"/>
      <c r="HS4697" s="91"/>
      <c r="HT4697" s="91"/>
      <c r="HU4697" s="91"/>
      <c r="HV4697" s="91"/>
      <c r="HW4697" s="91"/>
      <c r="HX4697" s="127"/>
      <c r="HY4697" s="126"/>
      <c r="HZ4697" s="91"/>
      <c r="IA4697" s="91"/>
      <c r="IB4697" s="91"/>
      <c r="IC4697" s="91"/>
      <c r="ID4697" s="91"/>
      <c r="IE4697" s="91"/>
      <c r="IF4697" s="91"/>
      <c r="IG4697" s="91"/>
      <c r="IH4697" s="91"/>
      <c r="II4697" s="91"/>
      <c r="IJ4697" s="91"/>
      <c r="IK4697" s="174"/>
    </row>
    <row r="4698" spans="2:245" x14ac:dyDescent="0.2">
      <c r="B4698" s="43"/>
      <c r="C4698" s="73"/>
      <c r="D4698" s="64"/>
      <c r="E4698" s="64"/>
      <c r="F4698" s="55"/>
      <c r="G4698" s="102"/>
      <c r="H4698" s="97"/>
      <c r="T4698" s="98"/>
      <c r="U4698" s="97"/>
      <c r="AG4698" s="98"/>
      <c r="AY4698" s="164"/>
      <c r="BK4698" s="98"/>
      <c r="BL4698" s="97"/>
      <c r="BX4698" s="98"/>
      <c r="CL4698" s="97"/>
      <c r="CX4698" s="98"/>
      <c r="DL4698" s="97"/>
      <c r="DX4698" s="98"/>
      <c r="EL4698" s="97"/>
      <c r="EX4698" s="98"/>
      <c r="EY4698" s="97"/>
      <c r="FL4698" s="126"/>
      <c r="FM4698" s="91"/>
      <c r="FN4698" s="91"/>
      <c r="FO4698" s="91"/>
      <c r="FP4698" s="91"/>
      <c r="FQ4698" s="91"/>
      <c r="FR4698" s="91"/>
      <c r="FS4698" s="91"/>
      <c r="FT4698" s="91"/>
      <c r="FU4698" s="91"/>
      <c r="FV4698" s="91"/>
      <c r="FW4698" s="91"/>
      <c r="FX4698" s="127"/>
      <c r="FY4698" s="126"/>
      <c r="FZ4698" s="91"/>
      <c r="GA4698" s="91"/>
      <c r="GB4698" s="91"/>
      <c r="GC4698" s="91"/>
      <c r="GD4698" s="91"/>
      <c r="GE4698" s="91"/>
      <c r="GF4698" s="91"/>
      <c r="GG4698" s="91"/>
      <c r="GH4698" s="91"/>
      <c r="GI4698" s="91"/>
      <c r="GJ4698" s="91"/>
      <c r="GK4698" s="127"/>
      <c r="GL4698" s="126"/>
      <c r="GM4698" s="91"/>
      <c r="GN4698" s="91"/>
      <c r="GO4698" s="91"/>
      <c r="GP4698" s="91"/>
      <c r="GQ4698" s="91"/>
      <c r="GR4698" s="91"/>
      <c r="GS4698" s="91"/>
      <c r="GT4698" s="91"/>
      <c r="GU4698" s="91"/>
      <c r="GV4698" s="91"/>
      <c r="GW4698" s="91"/>
      <c r="GX4698" s="127"/>
      <c r="GY4698" s="126"/>
      <c r="GZ4698" s="91"/>
      <c r="HA4698" s="91"/>
      <c r="HB4698" s="91"/>
      <c r="HC4698" s="91"/>
      <c r="HD4698" s="91"/>
      <c r="HE4698" s="91"/>
      <c r="HF4698" s="91"/>
      <c r="HG4698" s="91"/>
      <c r="HH4698" s="91"/>
      <c r="HI4698" s="91"/>
      <c r="HJ4698" s="91"/>
      <c r="HK4698" s="127"/>
      <c r="HL4698" s="126"/>
      <c r="HM4698" s="91"/>
      <c r="HN4698" s="91"/>
      <c r="HO4698" s="91"/>
      <c r="HP4698" s="91"/>
      <c r="HQ4698" s="91"/>
      <c r="HR4698" s="91"/>
      <c r="HS4698" s="91"/>
      <c r="HT4698" s="91"/>
      <c r="HU4698" s="91"/>
      <c r="HV4698" s="91"/>
      <c r="HW4698" s="91"/>
      <c r="HX4698" s="127"/>
      <c r="HY4698" s="126"/>
      <c r="HZ4698" s="91"/>
      <c r="IA4698" s="91"/>
      <c r="IB4698" s="91"/>
      <c r="IC4698" s="91"/>
      <c r="ID4698" s="91"/>
      <c r="IE4698" s="91"/>
      <c r="IF4698" s="91"/>
      <c r="IG4698" s="91"/>
      <c r="IH4698" s="91"/>
      <c r="II4698" s="91"/>
      <c r="IJ4698" s="91"/>
      <c r="IK4698" s="174"/>
    </row>
    <row r="4699" spans="2:245" x14ac:dyDescent="0.2">
      <c r="B4699" s="43"/>
      <c r="C4699" s="73"/>
      <c r="D4699" s="64"/>
      <c r="E4699" s="64"/>
      <c r="F4699" s="55"/>
      <c r="G4699" s="102"/>
      <c r="H4699" s="97"/>
      <c r="T4699" s="98"/>
      <c r="U4699" s="97"/>
      <c r="AG4699" s="98"/>
      <c r="AY4699" s="164"/>
      <c r="BK4699" s="98"/>
      <c r="BL4699" s="97"/>
      <c r="BX4699" s="98"/>
      <c r="CL4699" s="97"/>
      <c r="CX4699" s="98"/>
      <c r="DL4699" s="97"/>
      <c r="DX4699" s="98"/>
      <c r="EL4699" s="97"/>
      <c r="EX4699" s="98"/>
      <c r="EY4699" s="97"/>
      <c r="FL4699" s="126"/>
      <c r="FM4699" s="91"/>
      <c r="FN4699" s="91"/>
      <c r="FO4699" s="91"/>
      <c r="FP4699" s="91"/>
      <c r="FQ4699" s="91"/>
      <c r="FR4699" s="91"/>
      <c r="FS4699" s="91"/>
      <c r="FT4699" s="91"/>
      <c r="FU4699" s="91"/>
      <c r="FV4699" s="91"/>
      <c r="FW4699" s="91"/>
      <c r="FX4699" s="127"/>
      <c r="FY4699" s="126"/>
      <c r="FZ4699" s="91"/>
      <c r="GA4699" s="91"/>
      <c r="GB4699" s="91"/>
      <c r="GC4699" s="91"/>
      <c r="GD4699" s="91"/>
      <c r="GE4699" s="91"/>
      <c r="GF4699" s="91"/>
      <c r="GG4699" s="91"/>
      <c r="GH4699" s="91"/>
      <c r="GI4699" s="91"/>
      <c r="GJ4699" s="91"/>
      <c r="GK4699" s="127"/>
      <c r="GL4699" s="126"/>
      <c r="GM4699" s="91"/>
      <c r="GN4699" s="91"/>
      <c r="GO4699" s="91"/>
      <c r="GP4699" s="91"/>
      <c r="GQ4699" s="91"/>
      <c r="GR4699" s="91"/>
      <c r="GS4699" s="91"/>
      <c r="GT4699" s="91"/>
      <c r="GU4699" s="91"/>
      <c r="GV4699" s="91"/>
      <c r="GW4699" s="91"/>
      <c r="GX4699" s="127"/>
      <c r="GY4699" s="126"/>
      <c r="GZ4699" s="91"/>
      <c r="HA4699" s="91"/>
      <c r="HB4699" s="91"/>
      <c r="HC4699" s="91"/>
      <c r="HD4699" s="91"/>
      <c r="HE4699" s="91"/>
      <c r="HF4699" s="91"/>
      <c r="HG4699" s="91"/>
      <c r="HH4699" s="91"/>
      <c r="HI4699" s="91"/>
      <c r="HJ4699" s="91"/>
      <c r="HK4699" s="127"/>
      <c r="HL4699" s="126"/>
      <c r="HM4699" s="91"/>
      <c r="HN4699" s="91"/>
      <c r="HO4699" s="91"/>
      <c r="HP4699" s="91"/>
      <c r="HQ4699" s="91"/>
      <c r="HR4699" s="91"/>
      <c r="HS4699" s="91"/>
      <c r="HT4699" s="91"/>
      <c r="HU4699" s="91"/>
      <c r="HV4699" s="91"/>
      <c r="HW4699" s="91"/>
      <c r="HX4699" s="127"/>
      <c r="HY4699" s="126"/>
      <c r="HZ4699" s="91"/>
      <c r="IA4699" s="91"/>
      <c r="IB4699" s="91"/>
      <c r="IC4699" s="91"/>
      <c r="ID4699" s="91"/>
      <c r="IE4699" s="91"/>
      <c r="IF4699" s="91"/>
      <c r="IG4699" s="91"/>
      <c r="IH4699" s="91"/>
      <c r="II4699" s="91"/>
      <c r="IJ4699" s="91"/>
      <c r="IK4699" s="174"/>
    </row>
    <row r="4700" spans="2:245" x14ac:dyDescent="0.2">
      <c r="B4700" s="43"/>
      <c r="C4700" s="73"/>
      <c r="D4700" s="64"/>
      <c r="E4700" s="64"/>
      <c r="F4700" s="55"/>
      <c r="G4700" s="102"/>
      <c r="H4700" s="97"/>
      <c r="T4700" s="98"/>
      <c r="U4700" s="97"/>
      <c r="AG4700" s="98"/>
      <c r="AY4700" s="164"/>
      <c r="BK4700" s="98"/>
      <c r="BL4700" s="97"/>
      <c r="BX4700" s="98"/>
      <c r="CL4700" s="97"/>
      <c r="CX4700" s="98"/>
      <c r="DL4700" s="97"/>
      <c r="DX4700" s="98"/>
      <c r="EL4700" s="97"/>
      <c r="EX4700" s="98"/>
      <c r="EY4700" s="97"/>
      <c r="FL4700" s="126"/>
      <c r="FM4700" s="91"/>
      <c r="FN4700" s="91"/>
      <c r="FO4700" s="91"/>
      <c r="FP4700" s="91"/>
      <c r="FQ4700" s="91"/>
      <c r="FR4700" s="91"/>
      <c r="FS4700" s="91"/>
      <c r="FT4700" s="91"/>
      <c r="FU4700" s="91"/>
      <c r="FV4700" s="91"/>
      <c r="FW4700" s="91"/>
      <c r="FX4700" s="127"/>
      <c r="FY4700" s="126"/>
      <c r="FZ4700" s="91"/>
      <c r="GA4700" s="91"/>
      <c r="GB4700" s="91"/>
      <c r="GC4700" s="91"/>
      <c r="GD4700" s="91"/>
      <c r="GE4700" s="91"/>
      <c r="GF4700" s="91"/>
      <c r="GG4700" s="91"/>
      <c r="GH4700" s="91"/>
      <c r="GI4700" s="91"/>
      <c r="GJ4700" s="91"/>
      <c r="GK4700" s="127"/>
      <c r="GL4700" s="126"/>
      <c r="GM4700" s="91"/>
      <c r="GN4700" s="91"/>
      <c r="GO4700" s="91"/>
      <c r="GP4700" s="91"/>
      <c r="GQ4700" s="91"/>
      <c r="GR4700" s="91"/>
      <c r="GS4700" s="91"/>
      <c r="GT4700" s="91"/>
      <c r="GU4700" s="91"/>
      <c r="GV4700" s="91"/>
      <c r="GW4700" s="91"/>
      <c r="GX4700" s="127"/>
      <c r="GY4700" s="126"/>
      <c r="GZ4700" s="91"/>
      <c r="HA4700" s="91"/>
      <c r="HB4700" s="91"/>
      <c r="HC4700" s="91"/>
      <c r="HD4700" s="91"/>
      <c r="HE4700" s="91"/>
      <c r="HF4700" s="91"/>
      <c r="HG4700" s="91"/>
      <c r="HH4700" s="91"/>
      <c r="HI4700" s="91"/>
      <c r="HJ4700" s="91"/>
      <c r="HK4700" s="127"/>
      <c r="HL4700" s="126"/>
      <c r="HM4700" s="91"/>
      <c r="HN4700" s="91"/>
      <c r="HO4700" s="91"/>
      <c r="HP4700" s="91"/>
      <c r="HQ4700" s="91"/>
      <c r="HR4700" s="91"/>
      <c r="HS4700" s="91"/>
      <c r="HT4700" s="91"/>
      <c r="HU4700" s="91"/>
      <c r="HV4700" s="91"/>
      <c r="HW4700" s="91"/>
      <c r="HX4700" s="127"/>
      <c r="HY4700" s="126"/>
      <c r="HZ4700" s="91"/>
      <c r="IA4700" s="91"/>
      <c r="IB4700" s="91"/>
      <c r="IC4700" s="91"/>
      <c r="ID4700" s="91"/>
      <c r="IE4700" s="91"/>
      <c r="IF4700" s="91"/>
      <c r="IG4700" s="91"/>
      <c r="IH4700" s="91"/>
      <c r="II4700" s="91"/>
      <c r="IJ4700" s="91"/>
      <c r="IK4700" s="174"/>
    </row>
    <row r="4701" spans="2:245" x14ac:dyDescent="0.2">
      <c r="B4701" s="43"/>
      <c r="C4701" s="73"/>
      <c r="D4701" s="64"/>
      <c r="E4701" s="64"/>
      <c r="F4701" s="55"/>
      <c r="G4701" s="102"/>
      <c r="H4701" s="97"/>
      <c r="T4701" s="98"/>
      <c r="U4701" s="97"/>
      <c r="AG4701" s="98"/>
      <c r="AY4701" s="164"/>
      <c r="BK4701" s="98"/>
      <c r="BL4701" s="97"/>
      <c r="BX4701" s="98"/>
      <c r="CL4701" s="97"/>
      <c r="CX4701" s="98"/>
      <c r="DL4701" s="97"/>
      <c r="DX4701" s="98"/>
      <c r="EL4701" s="97"/>
      <c r="EX4701" s="98"/>
      <c r="EY4701" s="97"/>
      <c r="FL4701" s="126"/>
      <c r="FM4701" s="91"/>
      <c r="FN4701" s="91"/>
      <c r="FO4701" s="91"/>
      <c r="FP4701" s="91"/>
      <c r="FQ4701" s="91"/>
      <c r="FR4701" s="91"/>
      <c r="FS4701" s="91"/>
      <c r="FT4701" s="91"/>
      <c r="FU4701" s="91"/>
      <c r="FV4701" s="91"/>
      <c r="FW4701" s="91"/>
      <c r="FX4701" s="127"/>
      <c r="FY4701" s="126"/>
      <c r="FZ4701" s="91"/>
      <c r="GA4701" s="91"/>
      <c r="GB4701" s="91"/>
      <c r="GC4701" s="91"/>
      <c r="GD4701" s="91"/>
      <c r="GE4701" s="91"/>
      <c r="GF4701" s="91"/>
      <c r="GG4701" s="91"/>
      <c r="GH4701" s="91"/>
      <c r="GI4701" s="91"/>
      <c r="GJ4701" s="91"/>
      <c r="GK4701" s="127"/>
      <c r="GL4701" s="126"/>
      <c r="GM4701" s="91"/>
      <c r="GN4701" s="91"/>
      <c r="GO4701" s="91"/>
      <c r="GP4701" s="91"/>
      <c r="GQ4701" s="91"/>
      <c r="GR4701" s="91"/>
      <c r="GS4701" s="91"/>
      <c r="GT4701" s="91"/>
      <c r="GU4701" s="91"/>
      <c r="GV4701" s="91"/>
      <c r="GW4701" s="91"/>
      <c r="GX4701" s="127"/>
      <c r="GY4701" s="126"/>
      <c r="GZ4701" s="91"/>
      <c r="HA4701" s="91"/>
      <c r="HB4701" s="91"/>
      <c r="HC4701" s="91"/>
      <c r="HD4701" s="91"/>
      <c r="HE4701" s="91"/>
      <c r="HF4701" s="91"/>
      <c r="HG4701" s="91"/>
      <c r="HH4701" s="91"/>
      <c r="HI4701" s="91"/>
      <c r="HJ4701" s="91"/>
      <c r="HK4701" s="127"/>
      <c r="HL4701" s="126"/>
      <c r="HM4701" s="91"/>
      <c r="HN4701" s="91"/>
      <c r="HO4701" s="91"/>
      <c r="HP4701" s="91"/>
      <c r="HQ4701" s="91"/>
      <c r="HR4701" s="91"/>
      <c r="HS4701" s="91"/>
      <c r="HT4701" s="91"/>
      <c r="HU4701" s="91"/>
      <c r="HV4701" s="91"/>
      <c r="HW4701" s="91"/>
      <c r="HX4701" s="127"/>
      <c r="HY4701" s="126"/>
      <c r="HZ4701" s="91"/>
      <c r="IA4701" s="91"/>
      <c r="IB4701" s="91"/>
      <c r="IC4701" s="91"/>
      <c r="ID4701" s="91"/>
      <c r="IE4701" s="91"/>
      <c r="IF4701" s="91"/>
      <c r="IG4701" s="91"/>
      <c r="IH4701" s="91"/>
      <c r="II4701" s="91"/>
      <c r="IJ4701" s="91"/>
      <c r="IK4701" s="174"/>
    </row>
    <row r="4702" spans="2:245" x14ac:dyDescent="0.2">
      <c r="B4702" s="43"/>
      <c r="C4702" s="73"/>
      <c r="D4702" s="64"/>
      <c r="E4702" s="64"/>
      <c r="F4702" s="55"/>
      <c r="G4702" s="102"/>
      <c r="H4702" s="97"/>
      <c r="T4702" s="98"/>
      <c r="U4702" s="97"/>
      <c r="AG4702" s="98"/>
      <c r="AY4702" s="164"/>
      <c r="BK4702" s="98"/>
      <c r="BL4702" s="97"/>
      <c r="BX4702" s="98"/>
      <c r="CL4702" s="97"/>
      <c r="CX4702" s="98"/>
      <c r="DL4702" s="97"/>
      <c r="DX4702" s="98"/>
      <c r="EL4702" s="97"/>
      <c r="EX4702" s="98"/>
      <c r="EY4702" s="97"/>
      <c r="FL4702" s="126"/>
      <c r="FM4702" s="91"/>
      <c r="FN4702" s="91"/>
      <c r="FO4702" s="91"/>
      <c r="FP4702" s="91"/>
      <c r="FQ4702" s="91"/>
      <c r="FR4702" s="91"/>
      <c r="FS4702" s="91"/>
      <c r="FT4702" s="91"/>
      <c r="FU4702" s="91"/>
      <c r="FV4702" s="91"/>
      <c r="FW4702" s="91"/>
      <c r="FX4702" s="127"/>
      <c r="FY4702" s="126"/>
      <c r="FZ4702" s="91"/>
      <c r="GA4702" s="91"/>
      <c r="GB4702" s="91"/>
      <c r="GC4702" s="91"/>
      <c r="GD4702" s="91"/>
      <c r="GE4702" s="91"/>
      <c r="GF4702" s="91"/>
      <c r="GG4702" s="91"/>
      <c r="GH4702" s="91"/>
      <c r="GI4702" s="91"/>
      <c r="GJ4702" s="91"/>
      <c r="GK4702" s="127"/>
      <c r="GL4702" s="126"/>
      <c r="GM4702" s="91"/>
      <c r="GN4702" s="91"/>
      <c r="GO4702" s="91"/>
      <c r="GP4702" s="91"/>
      <c r="GQ4702" s="91"/>
      <c r="GR4702" s="91"/>
      <c r="GS4702" s="91"/>
      <c r="GT4702" s="91"/>
      <c r="GU4702" s="91"/>
      <c r="GV4702" s="91"/>
      <c r="GW4702" s="91"/>
      <c r="GX4702" s="127"/>
      <c r="GY4702" s="126"/>
      <c r="GZ4702" s="91"/>
      <c r="HA4702" s="91"/>
      <c r="HB4702" s="91"/>
      <c r="HC4702" s="91"/>
      <c r="HD4702" s="91"/>
      <c r="HE4702" s="91"/>
      <c r="HF4702" s="91"/>
      <c r="HG4702" s="91"/>
      <c r="HH4702" s="91"/>
      <c r="HI4702" s="91"/>
      <c r="HJ4702" s="91"/>
      <c r="HK4702" s="127"/>
      <c r="HL4702" s="126"/>
      <c r="HM4702" s="91"/>
      <c r="HN4702" s="91"/>
      <c r="HO4702" s="91"/>
      <c r="HP4702" s="91"/>
      <c r="HQ4702" s="91"/>
      <c r="HR4702" s="91"/>
      <c r="HS4702" s="91"/>
      <c r="HT4702" s="91"/>
      <c r="HU4702" s="91"/>
      <c r="HV4702" s="91"/>
      <c r="HW4702" s="91"/>
      <c r="HX4702" s="127"/>
      <c r="HY4702" s="126"/>
      <c r="HZ4702" s="91"/>
      <c r="IA4702" s="91"/>
      <c r="IB4702" s="91"/>
      <c r="IC4702" s="91"/>
      <c r="ID4702" s="91"/>
      <c r="IE4702" s="91"/>
      <c r="IF4702" s="91"/>
      <c r="IG4702" s="91"/>
      <c r="IH4702" s="91"/>
      <c r="II4702" s="91"/>
      <c r="IJ4702" s="91"/>
      <c r="IK4702" s="174"/>
    </row>
    <row r="4703" spans="2:245" x14ac:dyDescent="0.2">
      <c r="B4703" s="43"/>
      <c r="C4703" s="73"/>
      <c r="D4703" s="64"/>
      <c r="E4703" s="64"/>
      <c r="F4703" s="55"/>
      <c r="G4703" s="102"/>
      <c r="H4703" s="97"/>
      <c r="T4703" s="98"/>
      <c r="U4703" s="97"/>
      <c r="AG4703" s="98"/>
      <c r="AY4703" s="164"/>
      <c r="BK4703" s="98"/>
      <c r="BL4703" s="97"/>
      <c r="BX4703" s="98"/>
      <c r="CL4703" s="97"/>
      <c r="CX4703" s="98"/>
      <c r="DL4703" s="97"/>
      <c r="DX4703" s="98"/>
      <c r="EL4703" s="97"/>
      <c r="EX4703" s="98"/>
      <c r="EY4703" s="97"/>
      <c r="FL4703" s="126"/>
      <c r="FM4703" s="91"/>
      <c r="FN4703" s="91"/>
      <c r="FO4703" s="91"/>
      <c r="FP4703" s="91"/>
      <c r="FQ4703" s="91"/>
      <c r="FR4703" s="91"/>
      <c r="FS4703" s="91"/>
      <c r="FT4703" s="91"/>
      <c r="FU4703" s="91"/>
      <c r="FV4703" s="91"/>
      <c r="FW4703" s="91"/>
      <c r="FX4703" s="127"/>
      <c r="FY4703" s="126"/>
      <c r="FZ4703" s="91"/>
      <c r="GA4703" s="91"/>
      <c r="GB4703" s="91"/>
      <c r="GC4703" s="91"/>
      <c r="GD4703" s="91"/>
      <c r="GE4703" s="91"/>
      <c r="GF4703" s="91"/>
      <c r="GG4703" s="91"/>
      <c r="GH4703" s="91"/>
      <c r="GI4703" s="91"/>
      <c r="GJ4703" s="91"/>
      <c r="GK4703" s="127"/>
      <c r="GL4703" s="126"/>
      <c r="GM4703" s="91"/>
      <c r="GN4703" s="91"/>
      <c r="GO4703" s="91"/>
      <c r="GP4703" s="91"/>
      <c r="GQ4703" s="91"/>
      <c r="GR4703" s="91"/>
      <c r="GS4703" s="91"/>
      <c r="GT4703" s="91"/>
      <c r="GU4703" s="91"/>
      <c r="GV4703" s="91"/>
      <c r="GW4703" s="91"/>
      <c r="GX4703" s="127"/>
      <c r="GY4703" s="126"/>
      <c r="GZ4703" s="91"/>
      <c r="HA4703" s="91"/>
      <c r="HB4703" s="91"/>
      <c r="HC4703" s="91"/>
      <c r="HD4703" s="91"/>
      <c r="HE4703" s="91"/>
      <c r="HF4703" s="91"/>
      <c r="HG4703" s="91"/>
      <c r="HH4703" s="91"/>
      <c r="HI4703" s="91"/>
      <c r="HJ4703" s="91"/>
      <c r="HK4703" s="127"/>
      <c r="HL4703" s="126"/>
      <c r="HM4703" s="91"/>
      <c r="HN4703" s="91"/>
      <c r="HO4703" s="91"/>
      <c r="HP4703" s="91"/>
      <c r="HQ4703" s="91"/>
      <c r="HR4703" s="91"/>
      <c r="HS4703" s="91"/>
      <c r="HT4703" s="91"/>
      <c r="HU4703" s="91"/>
      <c r="HV4703" s="91"/>
      <c r="HW4703" s="91"/>
      <c r="HX4703" s="127"/>
      <c r="HY4703" s="126"/>
      <c r="HZ4703" s="91"/>
      <c r="IA4703" s="91"/>
      <c r="IB4703" s="91"/>
      <c r="IC4703" s="91"/>
      <c r="ID4703" s="91"/>
      <c r="IE4703" s="91"/>
      <c r="IF4703" s="91"/>
      <c r="IG4703" s="91"/>
      <c r="IH4703" s="91"/>
      <c r="II4703" s="91"/>
      <c r="IJ4703" s="91"/>
      <c r="IK4703" s="174"/>
    </row>
    <row r="4704" spans="2:245" x14ac:dyDescent="0.2">
      <c r="B4704" s="43"/>
      <c r="C4704" s="73"/>
      <c r="D4704" s="64"/>
      <c r="E4704" s="64"/>
      <c r="F4704" s="55"/>
      <c r="G4704" s="102"/>
      <c r="H4704" s="97"/>
      <c r="T4704" s="98"/>
      <c r="U4704" s="97"/>
      <c r="AG4704" s="98"/>
      <c r="AY4704" s="164"/>
      <c r="BK4704" s="98"/>
      <c r="BL4704" s="97"/>
      <c r="BX4704" s="98"/>
      <c r="CL4704" s="97"/>
      <c r="CX4704" s="98"/>
      <c r="DL4704" s="97"/>
      <c r="DX4704" s="98"/>
      <c r="EL4704" s="97"/>
      <c r="EX4704" s="98"/>
      <c r="EY4704" s="97"/>
      <c r="FL4704" s="126"/>
      <c r="FM4704" s="91"/>
      <c r="FN4704" s="91"/>
      <c r="FO4704" s="91"/>
      <c r="FP4704" s="91"/>
      <c r="FQ4704" s="91"/>
      <c r="FR4704" s="91"/>
      <c r="FS4704" s="91"/>
      <c r="FT4704" s="91"/>
      <c r="FU4704" s="91"/>
      <c r="FV4704" s="91"/>
      <c r="FW4704" s="91"/>
      <c r="FX4704" s="127"/>
      <c r="FY4704" s="126"/>
      <c r="FZ4704" s="91"/>
      <c r="GA4704" s="91"/>
      <c r="GB4704" s="91"/>
      <c r="GC4704" s="91"/>
      <c r="GD4704" s="91"/>
      <c r="GE4704" s="91"/>
      <c r="GF4704" s="91"/>
      <c r="GG4704" s="91"/>
      <c r="GH4704" s="91"/>
      <c r="GI4704" s="91"/>
      <c r="GJ4704" s="91"/>
      <c r="GK4704" s="127"/>
      <c r="GL4704" s="126"/>
      <c r="GM4704" s="91"/>
      <c r="GN4704" s="91"/>
      <c r="GO4704" s="91"/>
      <c r="GP4704" s="91"/>
      <c r="GQ4704" s="91"/>
      <c r="GR4704" s="91"/>
      <c r="GS4704" s="91"/>
      <c r="GT4704" s="91"/>
      <c r="GU4704" s="91"/>
      <c r="GV4704" s="91"/>
      <c r="GW4704" s="91"/>
      <c r="GX4704" s="127"/>
      <c r="GY4704" s="126"/>
      <c r="GZ4704" s="91"/>
      <c r="HA4704" s="91"/>
      <c r="HB4704" s="91"/>
      <c r="HC4704" s="91"/>
      <c r="HD4704" s="91"/>
      <c r="HE4704" s="91"/>
      <c r="HF4704" s="91"/>
      <c r="HG4704" s="91"/>
      <c r="HH4704" s="91"/>
      <c r="HI4704" s="91"/>
      <c r="HJ4704" s="91"/>
      <c r="HK4704" s="127"/>
      <c r="HL4704" s="126"/>
      <c r="HM4704" s="91"/>
      <c r="HN4704" s="91"/>
      <c r="HO4704" s="91"/>
      <c r="HP4704" s="91"/>
      <c r="HQ4704" s="91"/>
      <c r="HR4704" s="91"/>
      <c r="HS4704" s="91"/>
      <c r="HT4704" s="91"/>
      <c r="HU4704" s="91"/>
      <c r="HV4704" s="91"/>
      <c r="HW4704" s="91"/>
      <c r="HX4704" s="127"/>
      <c r="HY4704" s="126"/>
      <c r="HZ4704" s="91"/>
      <c r="IA4704" s="91"/>
      <c r="IB4704" s="91"/>
      <c r="IC4704" s="91"/>
      <c r="ID4704" s="91"/>
      <c r="IE4704" s="91"/>
      <c r="IF4704" s="91"/>
      <c r="IG4704" s="91"/>
      <c r="IH4704" s="91"/>
      <c r="II4704" s="91"/>
      <c r="IJ4704" s="91"/>
      <c r="IK4704" s="174"/>
    </row>
    <row r="4705" spans="2:245" x14ac:dyDescent="0.2">
      <c r="B4705" s="43"/>
      <c r="C4705" s="73"/>
      <c r="D4705" s="64"/>
      <c r="E4705" s="64"/>
      <c r="F4705" s="55"/>
      <c r="G4705" s="102"/>
      <c r="H4705" s="97"/>
      <c r="T4705" s="98"/>
      <c r="U4705" s="97"/>
      <c r="AG4705" s="98"/>
      <c r="AY4705" s="164"/>
      <c r="BK4705" s="98"/>
      <c r="BL4705" s="97"/>
      <c r="BX4705" s="98"/>
      <c r="CL4705" s="97"/>
      <c r="CX4705" s="98"/>
      <c r="DL4705" s="97"/>
      <c r="DX4705" s="98"/>
      <c r="EL4705" s="97"/>
      <c r="EX4705" s="98"/>
      <c r="EY4705" s="97"/>
      <c r="FL4705" s="126"/>
      <c r="FM4705" s="91"/>
      <c r="FN4705" s="91"/>
      <c r="FO4705" s="91"/>
      <c r="FP4705" s="91"/>
      <c r="FQ4705" s="91"/>
      <c r="FR4705" s="91"/>
      <c r="FS4705" s="91"/>
      <c r="FT4705" s="91"/>
      <c r="FU4705" s="91"/>
      <c r="FV4705" s="91"/>
      <c r="FW4705" s="91"/>
      <c r="FX4705" s="127"/>
      <c r="FY4705" s="126"/>
      <c r="FZ4705" s="91"/>
      <c r="GA4705" s="91"/>
      <c r="GB4705" s="91"/>
      <c r="GC4705" s="91"/>
      <c r="GD4705" s="91"/>
      <c r="GE4705" s="91"/>
      <c r="GF4705" s="91"/>
      <c r="GG4705" s="91"/>
      <c r="GH4705" s="91"/>
      <c r="GI4705" s="91"/>
      <c r="GJ4705" s="91"/>
      <c r="GK4705" s="127"/>
      <c r="GL4705" s="126"/>
      <c r="GM4705" s="91"/>
      <c r="GN4705" s="91"/>
      <c r="GO4705" s="91"/>
      <c r="GP4705" s="91"/>
      <c r="GQ4705" s="91"/>
      <c r="GR4705" s="91"/>
      <c r="GS4705" s="91"/>
      <c r="GT4705" s="91"/>
      <c r="GU4705" s="91"/>
      <c r="GV4705" s="91"/>
      <c r="GW4705" s="91"/>
      <c r="GX4705" s="127"/>
      <c r="GY4705" s="126"/>
      <c r="GZ4705" s="91"/>
      <c r="HA4705" s="91"/>
      <c r="HB4705" s="91"/>
      <c r="HC4705" s="91"/>
      <c r="HD4705" s="91"/>
      <c r="HE4705" s="91"/>
      <c r="HF4705" s="91"/>
      <c r="HG4705" s="91"/>
      <c r="HH4705" s="91"/>
      <c r="HI4705" s="91"/>
      <c r="HJ4705" s="91"/>
      <c r="HK4705" s="127"/>
      <c r="HL4705" s="126"/>
      <c r="HM4705" s="91"/>
      <c r="HN4705" s="91"/>
      <c r="HO4705" s="91"/>
      <c r="HP4705" s="91"/>
      <c r="HQ4705" s="91"/>
      <c r="HR4705" s="91"/>
      <c r="HS4705" s="91"/>
      <c r="HT4705" s="91"/>
      <c r="HU4705" s="91"/>
      <c r="HV4705" s="91"/>
      <c r="HW4705" s="91"/>
      <c r="HX4705" s="127"/>
      <c r="HY4705" s="126"/>
      <c r="HZ4705" s="91"/>
      <c r="IA4705" s="91"/>
      <c r="IB4705" s="91"/>
      <c r="IC4705" s="91"/>
      <c r="ID4705" s="91"/>
      <c r="IE4705" s="91"/>
      <c r="IF4705" s="91"/>
      <c r="IG4705" s="91"/>
      <c r="IH4705" s="91"/>
      <c r="II4705" s="91"/>
      <c r="IJ4705" s="91"/>
      <c r="IK4705" s="174"/>
    </row>
    <row r="4706" spans="2:245" x14ac:dyDescent="0.2">
      <c r="B4706" s="43"/>
      <c r="C4706" s="73"/>
      <c r="D4706" s="64"/>
      <c r="E4706" s="64"/>
      <c r="F4706" s="55"/>
      <c r="G4706" s="102"/>
      <c r="H4706" s="97"/>
      <c r="T4706" s="98"/>
      <c r="U4706" s="97"/>
      <c r="AG4706" s="98"/>
      <c r="AY4706" s="164"/>
      <c r="BK4706" s="98"/>
      <c r="BL4706" s="97"/>
      <c r="BX4706" s="98"/>
      <c r="CL4706" s="97"/>
      <c r="CX4706" s="98"/>
      <c r="DL4706" s="97"/>
      <c r="DX4706" s="98"/>
      <c r="EL4706" s="97"/>
      <c r="EX4706" s="98"/>
      <c r="EY4706" s="97"/>
      <c r="FL4706" s="126"/>
      <c r="FM4706" s="91"/>
      <c r="FN4706" s="91"/>
      <c r="FO4706" s="91"/>
      <c r="FP4706" s="91"/>
      <c r="FQ4706" s="91"/>
      <c r="FR4706" s="91"/>
      <c r="FS4706" s="91"/>
      <c r="FT4706" s="91"/>
      <c r="FU4706" s="91"/>
      <c r="FV4706" s="91"/>
      <c r="FW4706" s="91"/>
      <c r="FX4706" s="127"/>
      <c r="FY4706" s="126"/>
      <c r="FZ4706" s="91"/>
      <c r="GA4706" s="91"/>
      <c r="GB4706" s="91"/>
      <c r="GC4706" s="91"/>
      <c r="GD4706" s="91"/>
      <c r="GE4706" s="91"/>
      <c r="GF4706" s="91"/>
      <c r="GG4706" s="91"/>
      <c r="GH4706" s="91"/>
      <c r="GI4706" s="91"/>
      <c r="GJ4706" s="91"/>
      <c r="GK4706" s="127"/>
      <c r="GL4706" s="126"/>
      <c r="GM4706" s="91"/>
      <c r="GN4706" s="91"/>
      <c r="GO4706" s="91"/>
      <c r="GP4706" s="91"/>
      <c r="GQ4706" s="91"/>
      <c r="GR4706" s="91"/>
      <c r="GS4706" s="91"/>
      <c r="GT4706" s="91"/>
      <c r="GU4706" s="91"/>
      <c r="GV4706" s="91"/>
      <c r="GW4706" s="91"/>
      <c r="GX4706" s="127"/>
      <c r="GY4706" s="126"/>
      <c r="GZ4706" s="91"/>
      <c r="HA4706" s="91"/>
      <c r="HB4706" s="91"/>
      <c r="HC4706" s="91"/>
      <c r="HD4706" s="91"/>
      <c r="HE4706" s="91"/>
      <c r="HF4706" s="91"/>
      <c r="HG4706" s="91"/>
      <c r="HH4706" s="91"/>
      <c r="HI4706" s="91"/>
      <c r="HJ4706" s="91"/>
      <c r="HK4706" s="127"/>
      <c r="HL4706" s="126"/>
      <c r="HM4706" s="91"/>
      <c r="HN4706" s="91"/>
      <c r="HO4706" s="91"/>
      <c r="HP4706" s="91"/>
      <c r="HQ4706" s="91"/>
      <c r="HR4706" s="91"/>
      <c r="HS4706" s="91"/>
      <c r="HT4706" s="91"/>
      <c r="HU4706" s="91"/>
      <c r="HV4706" s="91"/>
      <c r="HW4706" s="91"/>
      <c r="HX4706" s="127"/>
      <c r="HY4706" s="126"/>
      <c r="HZ4706" s="91"/>
      <c r="IA4706" s="91"/>
      <c r="IB4706" s="91"/>
      <c r="IC4706" s="91"/>
      <c r="ID4706" s="91"/>
      <c r="IE4706" s="91"/>
      <c r="IF4706" s="91"/>
      <c r="IG4706" s="91"/>
      <c r="IH4706" s="91"/>
      <c r="II4706" s="91"/>
      <c r="IJ4706" s="91"/>
      <c r="IK4706" s="174"/>
    </row>
    <row r="4707" spans="2:245" x14ac:dyDescent="0.2">
      <c r="B4707" s="43"/>
      <c r="C4707" s="73"/>
      <c r="D4707" s="64"/>
      <c r="E4707" s="64"/>
      <c r="F4707" s="55"/>
      <c r="G4707" s="102"/>
      <c r="H4707" s="97"/>
      <c r="T4707" s="98"/>
      <c r="U4707" s="97"/>
      <c r="AG4707" s="98"/>
      <c r="AY4707" s="164"/>
      <c r="BK4707" s="98"/>
      <c r="BL4707" s="97"/>
      <c r="BX4707" s="98"/>
      <c r="CL4707" s="97"/>
      <c r="CX4707" s="98"/>
      <c r="DL4707" s="97"/>
      <c r="DX4707" s="98"/>
      <c r="EL4707" s="97"/>
      <c r="EX4707" s="98"/>
      <c r="EY4707" s="97"/>
      <c r="FL4707" s="126"/>
      <c r="FM4707" s="91"/>
      <c r="FN4707" s="91"/>
      <c r="FO4707" s="91"/>
      <c r="FP4707" s="91"/>
      <c r="FQ4707" s="91"/>
      <c r="FR4707" s="91"/>
      <c r="FS4707" s="91"/>
      <c r="FT4707" s="91"/>
      <c r="FU4707" s="91"/>
      <c r="FV4707" s="91"/>
      <c r="FW4707" s="91"/>
      <c r="FX4707" s="127"/>
      <c r="FY4707" s="126"/>
      <c r="FZ4707" s="91"/>
      <c r="GA4707" s="91"/>
      <c r="GB4707" s="91"/>
      <c r="GC4707" s="91"/>
      <c r="GD4707" s="91"/>
      <c r="GE4707" s="91"/>
      <c r="GF4707" s="91"/>
      <c r="GG4707" s="91"/>
      <c r="GH4707" s="91"/>
      <c r="GI4707" s="91"/>
      <c r="GJ4707" s="91"/>
      <c r="GK4707" s="127"/>
      <c r="GL4707" s="126"/>
      <c r="GM4707" s="91"/>
      <c r="GN4707" s="91"/>
      <c r="GO4707" s="91"/>
      <c r="GP4707" s="91"/>
      <c r="GQ4707" s="91"/>
      <c r="GR4707" s="91"/>
      <c r="GS4707" s="91"/>
      <c r="GT4707" s="91"/>
      <c r="GU4707" s="91"/>
      <c r="GV4707" s="91"/>
      <c r="GW4707" s="91"/>
      <c r="GX4707" s="127"/>
      <c r="GY4707" s="126"/>
      <c r="GZ4707" s="91"/>
      <c r="HA4707" s="91"/>
      <c r="HB4707" s="91"/>
      <c r="HC4707" s="91"/>
      <c r="HD4707" s="91"/>
      <c r="HE4707" s="91"/>
      <c r="HF4707" s="91"/>
      <c r="HG4707" s="91"/>
      <c r="HH4707" s="91"/>
      <c r="HI4707" s="91"/>
      <c r="HJ4707" s="91"/>
      <c r="HK4707" s="127"/>
      <c r="HL4707" s="126"/>
      <c r="HM4707" s="91"/>
      <c r="HN4707" s="91"/>
      <c r="HO4707" s="91"/>
      <c r="HP4707" s="91"/>
      <c r="HQ4707" s="91"/>
      <c r="HR4707" s="91"/>
      <c r="HS4707" s="91"/>
      <c r="HT4707" s="91"/>
      <c r="HU4707" s="91"/>
      <c r="HV4707" s="91"/>
      <c r="HW4707" s="91"/>
      <c r="HX4707" s="127"/>
      <c r="HY4707" s="126"/>
      <c r="HZ4707" s="91"/>
      <c r="IA4707" s="91"/>
      <c r="IB4707" s="91"/>
      <c r="IC4707" s="91"/>
      <c r="ID4707" s="91"/>
      <c r="IE4707" s="91"/>
      <c r="IF4707" s="91"/>
      <c r="IG4707" s="91"/>
      <c r="IH4707" s="91"/>
      <c r="II4707" s="91"/>
      <c r="IJ4707" s="91"/>
      <c r="IK4707" s="174"/>
    </row>
    <row r="4708" spans="2:245" x14ac:dyDescent="0.2">
      <c r="B4708" s="43"/>
      <c r="C4708" s="73"/>
      <c r="D4708" s="64"/>
      <c r="E4708" s="64"/>
      <c r="F4708" s="55"/>
      <c r="G4708" s="102"/>
      <c r="H4708" s="97"/>
      <c r="T4708" s="98"/>
      <c r="U4708" s="97"/>
      <c r="AG4708" s="98"/>
      <c r="AY4708" s="164"/>
      <c r="BK4708" s="98"/>
      <c r="BL4708" s="97"/>
      <c r="BX4708" s="98"/>
      <c r="CL4708" s="97"/>
      <c r="CX4708" s="98"/>
      <c r="DL4708" s="97"/>
      <c r="DX4708" s="98"/>
      <c r="EL4708" s="97"/>
      <c r="EX4708" s="98"/>
      <c r="EY4708" s="97"/>
      <c r="FL4708" s="126"/>
      <c r="FM4708" s="91"/>
      <c r="FN4708" s="91"/>
      <c r="FO4708" s="91"/>
      <c r="FP4708" s="91"/>
      <c r="FQ4708" s="91"/>
      <c r="FR4708" s="91"/>
      <c r="FS4708" s="91"/>
      <c r="FT4708" s="91"/>
      <c r="FU4708" s="91"/>
      <c r="FV4708" s="91"/>
      <c r="FW4708" s="91"/>
      <c r="FX4708" s="127"/>
      <c r="FY4708" s="126"/>
      <c r="FZ4708" s="91"/>
      <c r="GA4708" s="91"/>
      <c r="GB4708" s="91"/>
      <c r="GC4708" s="91"/>
      <c r="GD4708" s="91"/>
      <c r="GE4708" s="91"/>
      <c r="GF4708" s="91"/>
      <c r="GG4708" s="91"/>
      <c r="GH4708" s="91"/>
      <c r="GI4708" s="91"/>
      <c r="GJ4708" s="91"/>
      <c r="GK4708" s="127"/>
      <c r="GL4708" s="126"/>
      <c r="GM4708" s="91"/>
      <c r="GN4708" s="91"/>
      <c r="GO4708" s="91"/>
      <c r="GP4708" s="91"/>
      <c r="GQ4708" s="91"/>
      <c r="GR4708" s="91"/>
      <c r="GS4708" s="91"/>
      <c r="GT4708" s="91"/>
      <c r="GU4708" s="91"/>
      <c r="GV4708" s="91"/>
      <c r="GW4708" s="91"/>
      <c r="GX4708" s="127"/>
      <c r="GY4708" s="126"/>
      <c r="GZ4708" s="91"/>
      <c r="HA4708" s="91"/>
      <c r="HB4708" s="91"/>
      <c r="HC4708" s="91"/>
      <c r="HD4708" s="91"/>
      <c r="HE4708" s="91"/>
      <c r="HF4708" s="91"/>
      <c r="HG4708" s="91"/>
      <c r="HH4708" s="91"/>
      <c r="HI4708" s="91"/>
      <c r="HJ4708" s="91"/>
      <c r="HK4708" s="127"/>
      <c r="HL4708" s="126"/>
      <c r="HM4708" s="91"/>
      <c r="HN4708" s="91"/>
      <c r="HO4708" s="91"/>
      <c r="HP4708" s="91"/>
      <c r="HQ4708" s="91"/>
      <c r="HR4708" s="91"/>
      <c r="HS4708" s="91"/>
      <c r="HT4708" s="91"/>
      <c r="HU4708" s="91"/>
      <c r="HV4708" s="91"/>
      <c r="HW4708" s="91"/>
      <c r="HX4708" s="127"/>
      <c r="HY4708" s="126"/>
      <c r="HZ4708" s="91"/>
      <c r="IA4708" s="91"/>
      <c r="IB4708" s="91"/>
      <c r="IC4708" s="91"/>
      <c r="ID4708" s="91"/>
      <c r="IE4708" s="91"/>
      <c r="IF4708" s="91"/>
      <c r="IG4708" s="91"/>
      <c r="IH4708" s="91"/>
      <c r="II4708" s="91"/>
      <c r="IJ4708" s="91"/>
      <c r="IK4708" s="174"/>
    </row>
    <row r="4709" spans="2:245" x14ac:dyDescent="0.2">
      <c r="B4709" s="43"/>
      <c r="C4709" s="73"/>
      <c r="D4709" s="64"/>
      <c r="E4709" s="64"/>
      <c r="F4709" s="55"/>
      <c r="G4709" s="102"/>
      <c r="H4709" s="97"/>
      <c r="T4709" s="98"/>
      <c r="U4709" s="97"/>
      <c r="AG4709" s="98"/>
      <c r="AY4709" s="164"/>
      <c r="BK4709" s="98"/>
      <c r="BL4709" s="97"/>
      <c r="BX4709" s="98"/>
      <c r="CL4709" s="97"/>
      <c r="CX4709" s="98"/>
      <c r="DL4709" s="97"/>
      <c r="DX4709" s="98"/>
      <c r="EL4709" s="97"/>
      <c r="EX4709" s="98"/>
      <c r="EY4709" s="97"/>
      <c r="FL4709" s="126"/>
      <c r="FM4709" s="91"/>
      <c r="FN4709" s="91"/>
      <c r="FO4709" s="91"/>
      <c r="FP4709" s="91"/>
      <c r="FQ4709" s="91"/>
      <c r="FR4709" s="91"/>
      <c r="FS4709" s="91"/>
      <c r="FT4709" s="91"/>
      <c r="FU4709" s="91"/>
      <c r="FV4709" s="91"/>
      <c r="FW4709" s="91"/>
      <c r="FX4709" s="127"/>
      <c r="FY4709" s="126"/>
      <c r="FZ4709" s="91"/>
      <c r="GA4709" s="91"/>
      <c r="GB4709" s="91"/>
      <c r="GC4709" s="91"/>
      <c r="GD4709" s="91"/>
      <c r="GE4709" s="91"/>
      <c r="GF4709" s="91"/>
      <c r="GG4709" s="91"/>
      <c r="GH4709" s="91"/>
      <c r="GI4709" s="91"/>
      <c r="GJ4709" s="91"/>
      <c r="GK4709" s="127"/>
      <c r="GL4709" s="126"/>
      <c r="GM4709" s="91"/>
      <c r="GN4709" s="91"/>
      <c r="GO4709" s="91"/>
      <c r="GP4709" s="91"/>
      <c r="GQ4709" s="91"/>
      <c r="GR4709" s="91"/>
      <c r="GS4709" s="91"/>
      <c r="GT4709" s="91"/>
      <c r="GU4709" s="91"/>
      <c r="GV4709" s="91"/>
      <c r="GW4709" s="91"/>
      <c r="GX4709" s="127"/>
      <c r="GY4709" s="126"/>
      <c r="GZ4709" s="91"/>
      <c r="HA4709" s="91"/>
      <c r="HB4709" s="91"/>
      <c r="HC4709" s="91"/>
      <c r="HD4709" s="91"/>
      <c r="HE4709" s="91"/>
      <c r="HF4709" s="91"/>
      <c r="HG4709" s="91"/>
      <c r="HH4709" s="91"/>
      <c r="HI4709" s="91"/>
      <c r="HJ4709" s="91"/>
      <c r="HK4709" s="127"/>
      <c r="HL4709" s="126"/>
      <c r="HM4709" s="91"/>
      <c r="HN4709" s="91"/>
      <c r="HO4709" s="91"/>
      <c r="HP4709" s="91"/>
      <c r="HQ4709" s="91"/>
      <c r="HR4709" s="91"/>
      <c r="HS4709" s="91"/>
      <c r="HT4709" s="91"/>
      <c r="HU4709" s="91"/>
      <c r="HV4709" s="91"/>
      <c r="HW4709" s="91"/>
      <c r="HX4709" s="127"/>
      <c r="HY4709" s="126"/>
      <c r="HZ4709" s="91"/>
      <c r="IA4709" s="91"/>
      <c r="IB4709" s="91"/>
      <c r="IC4709" s="91"/>
      <c r="ID4709" s="91"/>
      <c r="IE4709" s="91"/>
      <c r="IF4709" s="91"/>
      <c r="IG4709" s="91"/>
      <c r="IH4709" s="91"/>
      <c r="II4709" s="91"/>
      <c r="IJ4709" s="91"/>
      <c r="IK4709" s="174"/>
    </row>
    <row r="4710" spans="2:245" x14ac:dyDescent="0.2">
      <c r="B4710" s="43"/>
      <c r="C4710" s="73"/>
      <c r="D4710" s="64"/>
      <c r="E4710" s="64"/>
      <c r="F4710" s="55"/>
      <c r="G4710" s="102"/>
      <c r="H4710" s="97"/>
      <c r="T4710" s="98"/>
      <c r="U4710" s="97"/>
      <c r="AG4710" s="98"/>
      <c r="AY4710" s="164"/>
      <c r="BK4710" s="98"/>
      <c r="BL4710" s="97"/>
      <c r="BX4710" s="98"/>
      <c r="CL4710" s="97"/>
      <c r="CX4710" s="98"/>
      <c r="DL4710" s="97"/>
      <c r="DX4710" s="98"/>
      <c r="EL4710" s="97"/>
      <c r="EX4710" s="98"/>
      <c r="EY4710" s="97"/>
      <c r="FL4710" s="126"/>
      <c r="FM4710" s="91"/>
      <c r="FN4710" s="91"/>
      <c r="FO4710" s="91"/>
      <c r="FP4710" s="91"/>
      <c r="FQ4710" s="91"/>
      <c r="FR4710" s="91"/>
      <c r="FS4710" s="91"/>
      <c r="FT4710" s="91"/>
      <c r="FU4710" s="91"/>
      <c r="FV4710" s="91"/>
      <c r="FW4710" s="91"/>
      <c r="FX4710" s="127"/>
      <c r="FY4710" s="126"/>
      <c r="FZ4710" s="91"/>
      <c r="GA4710" s="91"/>
      <c r="GB4710" s="91"/>
      <c r="GC4710" s="91"/>
      <c r="GD4710" s="91"/>
      <c r="GE4710" s="91"/>
      <c r="GF4710" s="91"/>
      <c r="GG4710" s="91"/>
      <c r="GH4710" s="91"/>
      <c r="GI4710" s="91"/>
      <c r="GJ4710" s="91"/>
      <c r="GK4710" s="127"/>
      <c r="GL4710" s="126"/>
      <c r="GM4710" s="91"/>
      <c r="GN4710" s="91"/>
      <c r="GO4710" s="91"/>
      <c r="GP4710" s="91"/>
      <c r="GQ4710" s="91"/>
      <c r="GR4710" s="91"/>
      <c r="GS4710" s="91"/>
      <c r="GT4710" s="91"/>
      <c r="GU4710" s="91"/>
      <c r="GV4710" s="91"/>
      <c r="GW4710" s="91"/>
      <c r="GX4710" s="127"/>
      <c r="GY4710" s="126"/>
      <c r="GZ4710" s="91"/>
      <c r="HA4710" s="91"/>
      <c r="HB4710" s="91"/>
      <c r="HC4710" s="91"/>
      <c r="HD4710" s="91"/>
      <c r="HE4710" s="91"/>
      <c r="HF4710" s="91"/>
      <c r="HG4710" s="91"/>
      <c r="HH4710" s="91"/>
      <c r="HI4710" s="91"/>
      <c r="HJ4710" s="91"/>
      <c r="HK4710" s="127"/>
      <c r="HL4710" s="126"/>
      <c r="HM4710" s="91"/>
      <c r="HN4710" s="91"/>
      <c r="HO4710" s="91"/>
      <c r="HP4710" s="91"/>
      <c r="HQ4710" s="91"/>
      <c r="HR4710" s="91"/>
      <c r="HS4710" s="91"/>
      <c r="HT4710" s="91"/>
      <c r="HU4710" s="91"/>
      <c r="HV4710" s="91"/>
      <c r="HW4710" s="91"/>
      <c r="HX4710" s="127"/>
      <c r="HY4710" s="126"/>
      <c r="HZ4710" s="91"/>
      <c r="IA4710" s="91"/>
      <c r="IB4710" s="91"/>
      <c r="IC4710" s="91"/>
      <c r="ID4710" s="91"/>
      <c r="IE4710" s="91"/>
      <c r="IF4710" s="91"/>
      <c r="IG4710" s="91"/>
      <c r="IH4710" s="91"/>
      <c r="II4710" s="91"/>
      <c r="IJ4710" s="91"/>
      <c r="IK4710" s="174"/>
    </row>
    <row r="4711" spans="2:245" x14ac:dyDescent="0.2">
      <c r="B4711" s="43"/>
      <c r="C4711" s="73"/>
      <c r="D4711" s="64"/>
      <c r="E4711" s="64"/>
      <c r="F4711" s="55"/>
      <c r="G4711" s="102"/>
      <c r="H4711" s="97"/>
      <c r="T4711" s="98"/>
      <c r="U4711" s="97"/>
      <c r="AG4711" s="98"/>
      <c r="AY4711" s="164"/>
      <c r="BK4711" s="98"/>
      <c r="BL4711" s="97"/>
      <c r="BX4711" s="98"/>
      <c r="CL4711" s="97"/>
      <c r="CX4711" s="98"/>
      <c r="DL4711" s="97"/>
      <c r="DX4711" s="98"/>
      <c r="EL4711" s="97"/>
      <c r="EX4711" s="98"/>
      <c r="EY4711" s="97"/>
      <c r="FL4711" s="126"/>
      <c r="FM4711" s="91"/>
      <c r="FN4711" s="91"/>
      <c r="FO4711" s="91"/>
      <c r="FP4711" s="91"/>
      <c r="FQ4711" s="91"/>
      <c r="FR4711" s="91"/>
      <c r="FS4711" s="91"/>
      <c r="FT4711" s="91"/>
      <c r="FU4711" s="91"/>
      <c r="FV4711" s="91"/>
      <c r="FW4711" s="91"/>
      <c r="FX4711" s="127"/>
      <c r="FY4711" s="126"/>
      <c r="FZ4711" s="91"/>
      <c r="GA4711" s="91"/>
      <c r="GB4711" s="91"/>
      <c r="GC4711" s="91"/>
      <c r="GD4711" s="91"/>
      <c r="GE4711" s="91"/>
      <c r="GF4711" s="91"/>
      <c r="GG4711" s="91"/>
      <c r="GH4711" s="91"/>
      <c r="GI4711" s="91"/>
      <c r="GJ4711" s="91"/>
      <c r="GK4711" s="127"/>
      <c r="GL4711" s="126"/>
      <c r="GM4711" s="91"/>
      <c r="GN4711" s="91"/>
      <c r="GO4711" s="91"/>
      <c r="GP4711" s="91"/>
      <c r="GQ4711" s="91"/>
      <c r="GR4711" s="91"/>
      <c r="GS4711" s="91"/>
      <c r="GT4711" s="91"/>
      <c r="GU4711" s="91"/>
      <c r="GV4711" s="91"/>
      <c r="GW4711" s="91"/>
      <c r="GX4711" s="127"/>
      <c r="GY4711" s="126"/>
      <c r="GZ4711" s="91"/>
      <c r="HA4711" s="91"/>
      <c r="HB4711" s="91"/>
      <c r="HC4711" s="91"/>
      <c r="HD4711" s="91"/>
      <c r="HE4711" s="91"/>
      <c r="HF4711" s="91"/>
      <c r="HG4711" s="91"/>
      <c r="HH4711" s="91"/>
      <c r="HI4711" s="91"/>
      <c r="HJ4711" s="91"/>
      <c r="HK4711" s="127"/>
      <c r="HL4711" s="126"/>
      <c r="HM4711" s="91"/>
      <c r="HN4711" s="91"/>
      <c r="HO4711" s="91"/>
      <c r="HP4711" s="91"/>
      <c r="HQ4711" s="91"/>
      <c r="HR4711" s="91"/>
      <c r="HS4711" s="91"/>
      <c r="HT4711" s="91"/>
      <c r="HU4711" s="91"/>
      <c r="HV4711" s="91"/>
      <c r="HW4711" s="91"/>
      <c r="HX4711" s="127"/>
      <c r="HY4711" s="126"/>
      <c r="HZ4711" s="91"/>
      <c r="IA4711" s="91"/>
      <c r="IB4711" s="91"/>
      <c r="IC4711" s="91"/>
      <c r="ID4711" s="91"/>
      <c r="IE4711" s="91"/>
      <c r="IF4711" s="91"/>
      <c r="IG4711" s="91"/>
      <c r="IH4711" s="91"/>
      <c r="II4711" s="91"/>
      <c r="IJ4711" s="91"/>
      <c r="IK4711" s="174"/>
    </row>
    <row r="4712" spans="2:245" x14ac:dyDescent="0.2">
      <c r="B4712" s="43"/>
      <c r="C4712" s="73"/>
      <c r="D4712" s="64"/>
      <c r="E4712" s="64"/>
      <c r="F4712" s="55"/>
      <c r="G4712" s="102"/>
      <c r="H4712" s="97"/>
      <c r="T4712" s="98"/>
      <c r="U4712" s="97"/>
      <c r="AG4712" s="98"/>
      <c r="AY4712" s="164"/>
      <c r="BK4712" s="98"/>
      <c r="BL4712" s="97"/>
      <c r="BX4712" s="98"/>
      <c r="CL4712" s="97"/>
      <c r="CX4712" s="98"/>
      <c r="DL4712" s="97"/>
      <c r="DX4712" s="98"/>
      <c r="EL4712" s="97"/>
      <c r="EX4712" s="98"/>
      <c r="EY4712" s="97"/>
      <c r="FL4712" s="126"/>
      <c r="FM4712" s="91"/>
      <c r="FN4712" s="91"/>
      <c r="FO4712" s="91"/>
      <c r="FP4712" s="91"/>
      <c r="FQ4712" s="91"/>
      <c r="FR4712" s="91"/>
      <c r="FS4712" s="91"/>
      <c r="FT4712" s="91"/>
      <c r="FU4712" s="91"/>
      <c r="FV4712" s="91"/>
      <c r="FW4712" s="91"/>
      <c r="FX4712" s="127"/>
      <c r="FY4712" s="126"/>
      <c r="FZ4712" s="91"/>
      <c r="GA4712" s="91"/>
      <c r="GB4712" s="91"/>
      <c r="GC4712" s="91"/>
      <c r="GD4712" s="91"/>
      <c r="GE4712" s="91"/>
      <c r="GF4712" s="91"/>
      <c r="GG4712" s="91"/>
      <c r="GH4712" s="91"/>
      <c r="GI4712" s="91"/>
      <c r="GJ4712" s="91"/>
      <c r="GK4712" s="127"/>
      <c r="GL4712" s="126"/>
      <c r="GM4712" s="91"/>
      <c r="GN4712" s="91"/>
      <c r="GO4712" s="91"/>
      <c r="GP4712" s="91"/>
      <c r="GQ4712" s="91"/>
      <c r="GR4712" s="91"/>
      <c r="GS4712" s="91"/>
      <c r="GT4712" s="91"/>
      <c r="GU4712" s="91"/>
      <c r="GV4712" s="91"/>
      <c r="GW4712" s="91"/>
      <c r="GX4712" s="127"/>
      <c r="GY4712" s="126"/>
      <c r="GZ4712" s="91"/>
      <c r="HA4712" s="91"/>
      <c r="HB4712" s="91"/>
      <c r="HC4712" s="91"/>
      <c r="HD4712" s="91"/>
      <c r="HE4712" s="91"/>
      <c r="HF4712" s="91"/>
      <c r="HG4712" s="91"/>
      <c r="HH4712" s="91"/>
      <c r="HI4712" s="91"/>
      <c r="HJ4712" s="91"/>
      <c r="HK4712" s="127"/>
      <c r="HL4712" s="126"/>
      <c r="HM4712" s="91"/>
      <c r="HN4712" s="91"/>
      <c r="HO4712" s="91"/>
      <c r="HP4712" s="91"/>
      <c r="HQ4712" s="91"/>
      <c r="HR4712" s="91"/>
      <c r="HS4712" s="91"/>
      <c r="HT4712" s="91"/>
      <c r="HU4712" s="91"/>
      <c r="HV4712" s="91"/>
      <c r="HW4712" s="91"/>
      <c r="HX4712" s="127"/>
      <c r="HY4712" s="126"/>
      <c r="HZ4712" s="91"/>
      <c r="IA4712" s="91"/>
      <c r="IB4712" s="91"/>
      <c r="IC4712" s="91"/>
      <c r="ID4712" s="91"/>
      <c r="IE4712" s="91"/>
      <c r="IF4712" s="91"/>
      <c r="IG4712" s="91"/>
      <c r="IH4712" s="91"/>
      <c r="II4712" s="91"/>
      <c r="IJ4712" s="91"/>
      <c r="IK4712" s="174"/>
    </row>
    <row r="4713" spans="2:245" x14ac:dyDescent="0.2">
      <c r="B4713" s="43"/>
      <c r="C4713" s="73"/>
      <c r="D4713" s="64"/>
      <c r="E4713" s="64"/>
      <c r="F4713" s="55"/>
      <c r="G4713" s="102"/>
      <c r="H4713" s="97"/>
      <c r="T4713" s="98"/>
      <c r="U4713" s="97"/>
      <c r="AG4713" s="98"/>
      <c r="AY4713" s="164"/>
      <c r="BK4713" s="98"/>
      <c r="BL4713" s="97"/>
      <c r="BX4713" s="98"/>
      <c r="CL4713" s="97"/>
      <c r="CX4713" s="98"/>
      <c r="DL4713" s="97"/>
      <c r="DX4713" s="98"/>
      <c r="EL4713" s="97"/>
      <c r="EX4713" s="98"/>
      <c r="EY4713" s="97"/>
      <c r="FL4713" s="126"/>
      <c r="FM4713" s="91"/>
      <c r="FN4713" s="91"/>
      <c r="FO4713" s="91"/>
      <c r="FP4713" s="91"/>
      <c r="FQ4713" s="91"/>
      <c r="FR4713" s="91"/>
      <c r="FS4713" s="91"/>
      <c r="FT4713" s="91"/>
      <c r="FU4713" s="91"/>
      <c r="FV4713" s="91"/>
      <c r="FW4713" s="91"/>
      <c r="FX4713" s="127"/>
      <c r="FY4713" s="126"/>
      <c r="FZ4713" s="91"/>
      <c r="GA4713" s="91"/>
      <c r="GB4713" s="91"/>
      <c r="GC4713" s="91"/>
      <c r="GD4713" s="91"/>
      <c r="GE4713" s="91"/>
      <c r="GF4713" s="91"/>
      <c r="GG4713" s="91"/>
      <c r="GH4713" s="91"/>
      <c r="GI4713" s="91"/>
      <c r="GJ4713" s="91"/>
      <c r="GK4713" s="127"/>
      <c r="GL4713" s="126"/>
      <c r="GM4713" s="91"/>
      <c r="GN4713" s="91"/>
      <c r="GO4713" s="91"/>
      <c r="GP4713" s="91"/>
      <c r="GQ4713" s="91"/>
      <c r="GR4713" s="91"/>
      <c r="GS4713" s="91"/>
      <c r="GT4713" s="91"/>
      <c r="GU4713" s="91"/>
      <c r="GV4713" s="91"/>
      <c r="GW4713" s="91"/>
      <c r="GX4713" s="127"/>
      <c r="GY4713" s="126"/>
      <c r="GZ4713" s="91"/>
      <c r="HA4713" s="91"/>
      <c r="HB4713" s="91"/>
      <c r="HC4713" s="91"/>
      <c r="HD4713" s="91"/>
      <c r="HE4713" s="91"/>
      <c r="HF4713" s="91"/>
      <c r="HG4713" s="91"/>
      <c r="HH4713" s="91"/>
      <c r="HI4713" s="91"/>
      <c r="HJ4713" s="91"/>
      <c r="HK4713" s="127"/>
      <c r="HL4713" s="126"/>
      <c r="HM4713" s="91"/>
      <c r="HN4713" s="91"/>
      <c r="HO4713" s="91"/>
      <c r="HP4713" s="91"/>
      <c r="HQ4713" s="91"/>
      <c r="HR4713" s="91"/>
      <c r="HS4713" s="91"/>
      <c r="HT4713" s="91"/>
      <c r="HU4713" s="91"/>
      <c r="HV4713" s="91"/>
      <c r="HW4713" s="91"/>
      <c r="HX4713" s="127"/>
      <c r="HY4713" s="126"/>
      <c r="HZ4713" s="91"/>
      <c r="IA4713" s="91"/>
      <c r="IB4713" s="91"/>
      <c r="IC4713" s="91"/>
      <c r="ID4713" s="91"/>
      <c r="IE4713" s="91"/>
      <c r="IF4713" s="91"/>
      <c r="IG4713" s="91"/>
      <c r="IH4713" s="91"/>
      <c r="II4713" s="91"/>
      <c r="IJ4713" s="91"/>
      <c r="IK4713" s="174"/>
    </row>
    <row r="4714" spans="2:245" x14ac:dyDescent="0.2">
      <c r="B4714" s="43"/>
      <c r="C4714" s="73"/>
      <c r="D4714" s="64"/>
      <c r="E4714" s="64"/>
      <c r="F4714" s="55"/>
      <c r="G4714" s="102"/>
      <c r="H4714" s="97"/>
      <c r="T4714" s="98"/>
      <c r="U4714" s="97"/>
      <c r="AG4714" s="98"/>
      <c r="AY4714" s="164"/>
      <c r="BK4714" s="98"/>
      <c r="BL4714" s="97"/>
      <c r="BX4714" s="98"/>
      <c r="CL4714" s="97"/>
      <c r="CX4714" s="98"/>
      <c r="DL4714" s="97"/>
      <c r="DX4714" s="98"/>
      <c r="EL4714" s="97"/>
      <c r="EX4714" s="98"/>
      <c r="EY4714" s="97"/>
      <c r="FL4714" s="126"/>
      <c r="FM4714" s="91"/>
      <c r="FN4714" s="91"/>
      <c r="FO4714" s="91"/>
      <c r="FP4714" s="91"/>
      <c r="FQ4714" s="91"/>
      <c r="FR4714" s="91"/>
      <c r="FS4714" s="91"/>
      <c r="FT4714" s="91"/>
      <c r="FU4714" s="91"/>
      <c r="FV4714" s="91"/>
      <c r="FW4714" s="91"/>
      <c r="FX4714" s="127"/>
      <c r="FY4714" s="126"/>
      <c r="FZ4714" s="91"/>
      <c r="GA4714" s="91"/>
      <c r="GB4714" s="91"/>
      <c r="GC4714" s="91"/>
      <c r="GD4714" s="91"/>
      <c r="GE4714" s="91"/>
      <c r="GF4714" s="91"/>
      <c r="GG4714" s="91"/>
      <c r="GH4714" s="91"/>
      <c r="GI4714" s="91"/>
      <c r="GJ4714" s="91"/>
      <c r="GK4714" s="127"/>
      <c r="GL4714" s="126"/>
      <c r="GM4714" s="91"/>
      <c r="GN4714" s="91"/>
      <c r="GO4714" s="91"/>
      <c r="GP4714" s="91"/>
      <c r="GQ4714" s="91"/>
      <c r="GR4714" s="91"/>
      <c r="GS4714" s="91"/>
      <c r="GT4714" s="91"/>
      <c r="GU4714" s="91"/>
      <c r="GV4714" s="91"/>
      <c r="GW4714" s="91"/>
      <c r="GX4714" s="127"/>
      <c r="GY4714" s="126"/>
      <c r="GZ4714" s="91"/>
      <c r="HA4714" s="91"/>
      <c r="HB4714" s="91"/>
      <c r="HC4714" s="91"/>
      <c r="HD4714" s="91"/>
      <c r="HE4714" s="91"/>
      <c r="HF4714" s="91"/>
      <c r="HG4714" s="91"/>
      <c r="HH4714" s="91"/>
      <c r="HI4714" s="91"/>
      <c r="HJ4714" s="91"/>
      <c r="HK4714" s="127"/>
      <c r="HL4714" s="126"/>
      <c r="HM4714" s="91"/>
      <c r="HN4714" s="91"/>
      <c r="HO4714" s="91"/>
      <c r="HP4714" s="91"/>
      <c r="HQ4714" s="91"/>
      <c r="HR4714" s="91"/>
      <c r="HS4714" s="91"/>
      <c r="HT4714" s="91"/>
      <c r="HU4714" s="91"/>
      <c r="HV4714" s="91"/>
      <c r="HW4714" s="91"/>
      <c r="HX4714" s="127"/>
      <c r="HY4714" s="126"/>
      <c r="HZ4714" s="91"/>
      <c r="IA4714" s="91"/>
      <c r="IB4714" s="91"/>
      <c r="IC4714" s="91"/>
      <c r="ID4714" s="91"/>
      <c r="IE4714" s="91"/>
      <c r="IF4714" s="91"/>
      <c r="IG4714" s="91"/>
      <c r="IH4714" s="91"/>
      <c r="II4714" s="91"/>
      <c r="IJ4714" s="91"/>
      <c r="IK4714" s="174"/>
    </row>
    <row r="4715" spans="2:245" x14ac:dyDescent="0.2">
      <c r="B4715" s="43"/>
      <c r="C4715" s="73"/>
      <c r="D4715" s="64"/>
      <c r="E4715" s="64"/>
      <c r="F4715" s="55"/>
      <c r="G4715" s="102"/>
      <c r="H4715" s="97"/>
      <c r="T4715" s="98"/>
      <c r="U4715" s="97"/>
      <c r="AG4715" s="98"/>
      <c r="AY4715" s="164"/>
      <c r="BK4715" s="98"/>
      <c r="BL4715" s="97"/>
      <c r="BX4715" s="98"/>
      <c r="CL4715" s="97"/>
      <c r="CX4715" s="98"/>
      <c r="DL4715" s="97"/>
      <c r="DX4715" s="98"/>
      <c r="EL4715" s="97"/>
      <c r="EX4715" s="98"/>
      <c r="EY4715" s="97"/>
      <c r="FL4715" s="126"/>
      <c r="FM4715" s="91"/>
      <c r="FN4715" s="91"/>
      <c r="FO4715" s="91"/>
      <c r="FP4715" s="91"/>
      <c r="FQ4715" s="91"/>
      <c r="FR4715" s="91"/>
      <c r="FS4715" s="91"/>
      <c r="FT4715" s="91"/>
      <c r="FU4715" s="91"/>
      <c r="FV4715" s="91"/>
      <c r="FW4715" s="91"/>
      <c r="FX4715" s="127"/>
      <c r="FY4715" s="126"/>
      <c r="FZ4715" s="91"/>
      <c r="GA4715" s="91"/>
      <c r="GB4715" s="91"/>
      <c r="GC4715" s="91"/>
      <c r="GD4715" s="91"/>
      <c r="GE4715" s="91"/>
      <c r="GF4715" s="91"/>
      <c r="GG4715" s="91"/>
      <c r="GH4715" s="91"/>
      <c r="GI4715" s="91"/>
      <c r="GJ4715" s="91"/>
      <c r="GK4715" s="127"/>
      <c r="GL4715" s="126"/>
      <c r="GM4715" s="91"/>
      <c r="GN4715" s="91"/>
      <c r="GO4715" s="91"/>
      <c r="GP4715" s="91"/>
      <c r="GQ4715" s="91"/>
      <c r="GR4715" s="91"/>
      <c r="GS4715" s="91"/>
      <c r="GT4715" s="91"/>
      <c r="GU4715" s="91"/>
      <c r="GV4715" s="91"/>
      <c r="GW4715" s="91"/>
      <c r="GX4715" s="127"/>
      <c r="GY4715" s="126"/>
      <c r="GZ4715" s="91"/>
      <c r="HA4715" s="91"/>
      <c r="HB4715" s="91"/>
      <c r="HC4715" s="91"/>
      <c r="HD4715" s="91"/>
      <c r="HE4715" s="91"/>
      <c r="HF4715" s="91"/>
      <c r="HG4715" s="91"/>
      <c r="HH4715" s="91"/>
      <c r="HI4715" s="91"/>
      <c r="HJ4715" s="91"/>
      <c r="HK4715" s="127"/>
      <c r="HL4715" s="126"/>
      <c r="HM4715" s="91"/>
      <c r="HN4715" s="91"/>
      <c r="HO4715" s="91"/>
      <c r="HP4715" s="91"/>
      <c r="HQ4715" s="91"/>
      <c r="HR4715" s="91"/>
      <c r="HS4715" s="91"/>
      <c r="HT4715" s="91"/>
      <c r="HU4715" s="91"/>
      <c r="HV4715" s="91"/>
      <c r="HW4715" s="91"/>
      <c r="HX4715" s="127"/>
      <c r="HY4715" s="126"/>
      <c r="HZ4715" s="91"/>
      <c r="IA4715" s="91"/>
      <c r="IB4715" s="91"/>
      <c r="IC4715" s="91"/>
      <c r="ID4715" s="91"/>
      <c r="IE4715" s="91"/>
      <c r="IF4715" s="91"/>
      <c r="IG4715" s="91"/>
      <c r="IH4715" s="91"/>
      <c r="II4715" s="91"/>
      <c r="IJ4715" s="91"/>
      <c r="IK4715" s="174"/>
    </row>
    <row r="4716" spans="2:245" x14ac:dyDescent="0.2">
      <c r="B4716" s="43"/>
      <c r="C4716" s="73"/>
      <c r="D4716" s="64"/>
      <c r="E4716" s="64"/>
      <c r="F4716" s="55"/>
      <c r="G4716" s="102"/>
      <c r="H4716" s="97"/>
      <c r="T4716" s="98"/>
      <c r="U4716" s="97"/>
      <c r="AG4716" s="98"/>
      <c r="AY4716" s="164"/>
      <c r="BK4716" s="98"/>
      <c r="BL4716" s="97"/>
      <c r="BX4716" s="98"/>
      <c r="CL4716" s="97"/>
      <c r="CX4716" s="98"/>
      <c r="DL4716" s="97"/>
      <c r="DX4716" s="98"/>
      <c r="EL4716" s="97"/>
      <c r="EX4716" s="98"/>
      <c r="EY4716" s="97"/>
      <c r="FL4716" s="126"/>
      <c r="FM4716" s="91"/>
      <c r="FN4716" s="91"/>
      <c r="FO4716" s="91"/>
      <c r="FP4716" s="91"/>
      <c r="FQ4716" s="91"/>
      <c r="FR4716" s="91"/>
      <c r="FS4716" s="91"/>
      <c r="FT4716" s="91"/>
      <c r="FU4716" s="91"/>
      <c r="FV4716" s="91"/>
      <c r="FW4716" s="91"/>
      <c r="FX4716" s="127"/>
      <c r="FY4716" s="126"/>
      <c r="FZ4716" s="91"/>
      <c r="GA4716" s="91"/>
      <c r="GB4716" s="91"/>
      <c r="GC4716" s="91"/>
      <c r="GD4716" s="91"/>
      <c r="GE4716" s="91"/>
      <c r="GF4716" s="91"/>
      <c r="GG4716" s="91"/>
      <c r="GH4716" s="91"/>
      <c r="GI4716" s="91"/>
      <c r="GJ4716" s="91"/>
      <c r="GK4716" s="127"/>
      <c r="GL4716" s="126"/>
      <c r="GM4716" s="91"/>
      <c r="GN4716" s="91"/>
      <c r="GO4716" s="91"/>
      <c r="GP4716" s="91"/>
      <c r="GQ4716" s="91"/>
      <c r="GR4716" s="91"/>
      <c r="GS4716" s="91"/>
      <c r="GT4716" s="91"/>
      <c r="GU4716" s="91"/>
      <c r="GV4716" s="91"/>
      <c r="GW4716" s="91"/>
      <c r="GX4716" s="127"/>
      <c r="GY4716" s="126"/>
      <c r="GZ4716" s="91"/>
      <c r="HA4716" s="91"/>
      <c r="HB4716" s="91"/>
      <c r="HC4716" s="91"/>
      <c r="HD4716" s="91"/>
      <c r="HE4716" s="91"/>
      <c r="HF4716" s="91"/>
      <c r="HG4716" s="91"/>
      <c r="HH4716" s="91"/>
      <c r="HI4716" s="91"/>
      <c r="HJ4716" s="91"/>
      <c r="HK4716" s="127"/>
      <c r="HL4716" s="126"/>
      <c r="HM4716" s="91"/>
      <c r="HN4716" s="91"/>
      <c r="HO4716" s="91"/>
      <c r="HP4716" s="91"/>
      <c r="HQ4716" s="91"/>
      <c r="HR4716" s="91"/>
      <c r="HS4716" s="91"/>
      <c r="HT4716" s="91"/>
      <c r="HU4716" s="91"/>
      <c r="HV4716" s="91"/>
      <c r="HW4716" s="91"/>
      <c r="HX4716" s="127"/>
      <c r="HY4716" s="126"/>
      <c r="HZ4716" s="91"/>
      <c r="IA4716" s="91"/>
      <c r="IB4716" s="91"/>
      <c r="IC4716" s="91"/>
      <c r="ID4716" s="91"/>
      <c r="IE4716" s="91"/>
      <c r="IF4716" s="91"/>
      <c r="IG4716" s="91"/>
      <c r="IH4716" s="91"/>
      <c r="II4716" s="91"/>
      <c r="IJ4716" s="91"/>
      <c r="IK4716" s="174"/>
    </row>
    <row r="4717" spans="2:245" x14ac:dyDescent="0.2">
      <c r="B4717" s="43"/>
      <c r="C4717" s="73"/>
      <c r="D4717" s="64"/>
      <c r="E4717" s="64"/>
      <c r="F4717" s="55"/>
      <c r="G4717" s="102"/>
      <c r="H4717" s="97"/>
      <c r="T4717" s="98"/>
      <c r="U4717" s="97"/>
      <c r="AG4717" s="98"/>
      <c r="AY4717" s="164"/>
      <c r="BK4717" s="98"/>
      <c r="BL4717" s="97"/>
      <c r="BX4717" s="98"/>
      <c r="CL4717" s="97"/>
      <c r="CX4717" s="98"/>
      <c r="DL4717" s="97"/>
      <c r="DX4717" s="98"/>
      <c r="EL4717" s="97"/>
      <c r="EX4717" s="98"/>
      <c r="EY4717" s="97"/>
      <c r="FL4717" s="126"/>
      <c r="FM4717" s="91"/>
      <c r="FN4717" s="91"/>
      <c r="FO4717" s="91"/>
      <c r="FP4717" s="91"/>
      <c r="FQ4717" s="91"/>
      <c r="FR4717" s="91"/>
      <c r="FS4717" s="91"/>
      <c r="FT4717" s="91"/>
      <c r="FU4717" s="91"/>
      <c r="FV4717" s="91"/>
      <c r="FW4717" s="91"/>
      <c r="FX4717" s="127"/>
      <c r="FY4717" s="126"/>
      <c r="FZ4717" s="91"/>
      <c r="GA4717" s="91"/>
      <c r="GB4717" s="91"/>
      <c r="GC4717" s="91"/>
      <c r="GD4717" s="91"/>
      <c r="GE4717" s="91"/>
      <c r="GF4717" s="91"/>
      <c r="GG4717" s="91"/>
      <c r="GH4717" s="91"/>
      <c r="GI4717" s="91"/>
      <c r="GJ4717" s="91"/>
      <c r="GK4717" s="127"/>
      <c r="GL4717" s="126"/>
      <c r="GM4717" s="91"/>
      <c r="GN4717" s="91"/>
      <c r="GO4717" s="91"/>
      <c r="GP4717" s="91"/>
      <c r="GQ4717" s="91"/>
      <c r="GR4717" s="91"/>
      <c r="GS4717" s="91"/>
      <c r="GT4717" s="91"/>
      <c r="GU4717" s="91"/>
      <c r="GV4717" s="91"/>
      <c r="GW4717" s="91"/>
      <c r="GX4717" s="127"/>
      <c r="GY4717" s="126"/>
      <c r="GZ4717" s="91"/>
      <c r="HA4717" s="91"/>
      <c r="HB4717" s="91"/>
      <c r="HC4717" s="91"/>
      <c r="HD4717" s="91"/>
      <c r="HE4717" s="91"/>
      <c r="HF4717" s="91"/>
      <c r="HG4717" s="91"/>
      <c r="HH4717" s="91"/>
      <c r="HI4717" s="91"/>
      <c r="HJ4717" s="91"/>
      <c r="HK4717" s="127"/>
      <c r="HL4717" s="126"/>
      <c r="HM4717" s="91"/>
      <c r="HN4717" s="91"/>
      <c r="HO4717" s="91"/>
      <c r="HP4717" s="91"/>
      <c r="HQ4717" s="91"/>
      <c r="HR4717" s="91"/>
      <c r="HS4717" s="91"/>
      <c r="HT4717" s="91"/>
      <c r="HU4717" s="91"/>
      <c r="HV4717" s="91"/>
      <c r="HW4717" s="91"/>
      <c r="HX4717" s="127"/>
      <c r="HY4717" s="126"/>
      <c r="HZ4717" s="91"/>
      <c r="IA4717" s="91"/>
      <c r="IB4717" s="91"/>
      <c r="IC4717" s="91"/>
      <c r="ID4717" s="91"/>
      <c r="IE4717" s="91"/>
      <c r="IF4717" s="91"/>
      <c r="IG4717" s="91"/>
      <c r="IH4717" s="91"/>
      <c r="II4717" s="91"/>
      <c r="IJ4717" s="91"/>
      <c r="IK4717" s="174"/>
    </row>
    <row r="4718" spans="2:245" x14ac:dyDescent="0.2">
      <c r="B4718" s="43"/>
      <c r="C4718" s="73"/>
      <c r="D4718" s="64"/>
      <c r="E4718" s="64"/>
      <c r="F4718" s="55"/>
      <c r="G4718" s="102"/>
      <c r="H4718" s="97"/>
      <c r="T4718" s="98"/>
      <c r="U4718" s="97"/>
      <c r="AG4718" s="98"/>
      <c r="AY4718" s="164"/>
      <c r="BK4718" s="98"/>
      <c r="BL4718" s="97"/>
      <c r="BX4718" s="98"/>
      <c r="CL4718" s="97"/>
      <c r="CX4718" s="98"/>
      <c r="DL4718" s="97"/>
      <c r="DX4718" s="98"/>
      <c r="EL4718" s="97"/>
      <c r="EX4718" s="98"/>
      <c r="EY4718" s="97"/>
      <c r="FL4718" s="126"/>
      <c r="FM4718" s="91"/>
      <c r="FN4718" s="91"/>
      <c r="FO4718" s="91"/>
      <c r="FP4718" s="91"/>
      <c r="FQ4718" s="91"/>
      <c r="FR4718" s="91"/>
      <c r="FS4718" s="91"/>
      <c r="FT4718" s="91"/>
      <c r="FU4718" s="91"/>
      <c r="FV4718" s="91"/>
      <c r="FW4718" s="91"/>
      <c r="FX4718" s="127"/>
      <c r="FY4718" s="126"/>
      <c r="FZ4718" s="91"/>
      <c r="GA4718" s="91"/>
      <c r="GB4718" s="91"/>
      <c r="GC4718" s="91"/>
      <c r="GD4718" s="91"/>
      <c r="GE4718" s="91"/>
      <c r="GF4718" s="91"/>
      <c r="GG4718" s="91"/>
      <c r="GH4718" s="91"/>
      <c r="GI4718" s="91"/>
      <c r="GJ4718" s="91"/>
      <c r="GK4718" s="127"/>
      <c r="GL4718" s="126"/>
      <c r="GM4718" s="91"/>
      <c r="GN4718" s="91"/>
      <c r="GO4718" s="91"/>
      <c r="GP4718" s="91"/>
      <c r="GQ4718" s="91"/>
      <c r="GR4718" s="91"/>
      <c r="GS4718" s="91"/>
      <c r="GT4718" s="91"/>
      <c r="GU4718" s="91"/>
      <c r="GV4718" s="91"/>
      <c r="GW4718" s="91"/>
      <c r="GX4718" s="127"/>
      <c r="GY4718" s="126"/>
      <c r="GZ4718" s="91"/>
      <c r="HA4718" s="91"/>
      <c r="HB4718" s="91"/>
      <c r="HC4718" s="91"/>
      <c r="HD4718" s="91"/>
      <c r="HE4718" s="91"/>
      <c r="HF4718" s="91"/>
      <c r="HG4718" s="91"/>
      <c r="HH4718" s="91"/>
      <c r="HI4718" s="91"/>
      <c r="HJ4718" s="91"/>
      <c r="HK4718" s="127"/>
      <c r="HL4718" s="126"/>
      <c r="HM4718" s="91"/>
      <c r="HN4718" s="91"/>
      <c r="HO4718" s="91"/>
      <c r="HP4718" s="91"/>
      <c r="HQ4718" s="91"/>
      <c r="HR4718" s="91"/>
      <c r="HS4718" s="91"/>
      <c r="HT4718" s="91"/>
      <c r="HU4718" s="91"/>
      <c r="HV4718" s="91"/>
      <c r="HW4718" s="91"/>
      <c r="HX4718" s="127"/>
      <c r="HY4718" s="126"/>
      <c r="HZ4718" s="91"/>
      <c r="IA4718" s="91"/>
      <c r="IB4718" s="91"/>
      <c r="IC4718" s="91"/>
      <c r="ID4718" s="91"/>
      <c r="IE4718" s="91"/>
      <c r="IF4718" s="91"/>
      <c r="IG4718" s="91"/>
      <c r="IH4718" s="91"/>
      <c r="II4718" s="91"/>
      <c r="IJ4718" s="91"/>
      <c r="IK4718" s="174"/>
    </row>
    <row r="4719" spans="2:245" x14ac:dyDescent="0.2">
      <c r="B4719" s="43"/>
      <c r="C4719" s="73"/>
      <c r="D4719" s="64"/>
      <c r="E4719" s="64"/>
      <c r="F4719" s="55"/>
      <c r="G4719" s="102"/>
      <c r="H4719" s="97"/>
      <c r="T4719" s="98"/>
      <c r="U4719" s="97"/>
      <c r="AG4719" s="98"/>
      <c r="AY4719" s="164"/>
      <c r="BK4719" s="98"/>
      <c r="BL4719" s="97"/>
      <c r="BX4719" s="98"/>
      <c r="CL4719" s="97"/>
      <c r="CX4719" s="98"/>
      <c r="DL4719" s="97"/>
      <c r="DX4719" s="98"/>
      <c r="EL4719" s="97"/>
      <c r="EX4719" s="98"/>
      <c r="EY4719" s="97"/>
      <c r="FL4719" s="126"/>
      <c r="FM4719" s="91"/>
      <c r="FN4719" s="91"/>
      <c r="FO4719" s="91"/>
      <c r="FP4719" s="91"/>
      <c r="FQ4719" s="91"/>
      <c r="FR4719" s="91"/>
      <c r="FS4719" s="91"/>
      <c r="FT4719" s="91"/>
      <c r="FU4719" s="91"/>
      <c r="FV4719" s="91"/>
      <c r="FW4719" s="91"/>
      <c r="FX4719" s="127"/>
      <c r="FY4719" s="126"/>
      <c r="FZ4719" s="91"/>
      <c r="GA4719" s="91"/>
      <c r="GB4719" s="91"/>
      <c r="GC4719" s="91"/>
      <c r="GD4719" s="91"/>
      <c r="GE4719" s="91"/>
      <c r="GF4719" s="91"/>
      <c r="GG4719" s="91"/>
      <c r="GH4719" s="91"/>
      <c r="GI4719" s="91"/>
      <c r="GJ4719" s="91"/>
      <c r="GK4719" s="127"/>
      <c r="GL4719" s="126"/>
      <c r="GM4719" s="91"/>
      <c r="GN4719" s="91"/>
      <c r="GO4719" s="91"/>
      <c r="GP4719" s="91"/>
      <c r="GQ4719" s="91"/>
      <c r="GR4719" s="91"/>
      <c r="GS4719" s="91"/>
      <c r="GT4719" s="91"/>
      <c r="GU4719" s="91"/>
      <c r="GV4719" s="91"/>
      <c r="GW4719" s="91"/>
      <c r="GX4719" s="127"/>
      <c r="GY4719" s="126"/>
      <c r="GZ4719" s="91"/>
      <c r="HA4719" s="91"/>
      <c r="HB4719" s="91"/>
      <c r="HC4719" s="91"/>
      <c r="HD4719" s="91"/>
      <c r="HE4719" s="91"/>
      <c r="HF4719" s="91"/>
      <c r="HG4719" s="91"/>
      <c r="HH4719" s="91"/>
      <c r="HI4719" s="91"/>
      <c r="HJ4719" s="91"/>
      <c r="HK4719" s="127"/>
      <c r="HL4719" s="126"/>
      <c r="HM4719" s="91"/>
      <c r="HN4719" s="91"/>
      <c r="HO4719" s="91"/>
      <c r="HP4719" s="91"/>
      <c r="HQ4719" s="91"/>
      <c r="HR4719" s="91"/>
      <c r="HS4719" s="91"/>
      <c r="HT4719" s="91"/>
      <c r="HU4719" s="91"/>
      <c r="HV4719" s="91"/>
      <c r="HW4719" s="91"/>
      <c r="HX4719" s="127"/>
      <c r="HY4719" s="126"/>
      <c r="HZ4719" s="91"/>
      <c r="IA4719" s="91"/>
      <c r="IB4719" s="91"/>
      <c r="IC4719" s="91"/>
      <c r="ID4719" s="91"/>
      <c r="IE4719" s="91"/>
      <c r="IF4719" s="91"/>
      <c r="IG4719" s="91"/>
      <c r="IH4719" s="91"/>
      <c r="II4719" s="91"/>
      <c r="IJ4719" s="91"/>
      <c r="IK4719" s="174"/>
    </row>
    <row r="4720" spans="2:245" x14ac:dyDescent="0.2">
      <c r="B4720" s="43"/>
      <c r="C4720" s="73"/>
      <c r="D4720" s="64"/>
      <c r="E4720" s="64"/>
      <c r="F4720" s="55"/>
      <c r="G4720" s="102"/>
      <c r="H4720" s="97"/>
      <c r="T4720" s="98"/>
      <c r="U4720" s="97"/>
      <c r="AG4720" s="98"/>
      <c r="AY4720" s="164"/>
      <c r="BK4720" s="98"/>
      <c r="BL4720" s="97"/>
      <c r="BX4720" s="98"/>
      <c r="CL4720" s="97"/>
      <c r="CX4720" s="98"/>
      <c r="DL4720" s="97"/>
      <c r="DX4720" s="98"/>
      <c r="EL4720" s="97"/>
      <c r="EX4720" s="98"/>
      <c r="EY4720" s="97"/>
      <c r="FL4720" s="126"/>
      <c r="FM4720" s="91"/>
      <c r="FN4720" s="91"/>
      <c r="FO4720" s="91"/>
      <c r="FP4720" s="91"/>
      <c r="FQ4720" s="91"/>
      <c r="FR4720" s="91"/>
      <c r="FS4720" s="91"/>
      <c r="FT4720" s="91"/>
      <c r="FU4720" s="91"/>
      <c r="FV4720" s="91"/>
      <c r="FW4720" s="91"/>
      <c r="FX4720" s="127"/>
      <c r="FY4720" s="126"/>
      <c r="FZ4720" s="91"/>
      <c r="GA4720" s="91"/>
      <c r="GB4720" s="91"/>
      <c r="GC4720" s="91"/>
      <c r="GD4720" s="91"/>
      <c r="GE4720" s="91"/>
      <c r="GF4720" s="91"/>
      <c r="GG4720" s="91"/>
      <c r="GH4720" s="91"/>
      <c r="GI4720" s="91"/>
      <c r="GJ4720" s="91"/>
      <c r="GK4720" s="127"/>
      <c r="GL4720" s="126"/>
      <c r="GM4720" s="91"/>
      <c r="GN4720" s="91"/>
      <c r="GO4720" s="91"/>
      <c r="GP4720" s="91"/>
      <c r="GQ4720" s="91"/>
      <c r="GR4720" s="91"/>
      <c r="GS4720" s="91"/>
      <c r="GT4720" s="91"/>
      <c r="GU4720" s="91"/>
      <c r="GV4720" s="91"/>
      <c r="GW4720" s="91"/>
      <c r="GX4720" s="127"/>
      <c r="GY4720" s="126"/>
      <c r="GZ4720" s="91"/>
      <c r="HA4720" s="91"/>
      <c r="HB4720" s="91"/>
      <c r="HC4720" s="91"/>
      <c r="HD4720" s="91"/>
      <c r="HE4720" s="91"/>
      <c r="HF4720" s="91"/>
      <c r="HG4720" s="91"/>
      <c r="HH4720" s="91"/>
      <c r="HI4720" s="91"/>
      <c r="HJ4720" s="91"/>
      <c r="HK4720" s="127"/>
      <c r="HL4720" s="126"/>
      <c r="HM4720" s="91"/>
      <c r="HN4720" s="91"/>
      <c r="HO4720" s="91"/>
      <c r="HP4720" s="91"/>
      <c r="HQ4720" s="91"/>
      <c r="HR4720" s="91"/>
      <c r="HS4720" s="91"/>
      <c r="HT4720" s="91"/>
      <c r="HU4720" s="91"/>
      <c r="HV4720" s="91"/>
      <c r="HW4720" s="91"/>
      <c r="HX4720" s="127"/>
      <c r="HY4720" s="126"/>
      <c r="HZ4720" s="91"/>
      <c r="IA4720" s="91"/>
      <c r="IB4720" s="91"/>
      <c r="IC4720" s="91"/>
      <c r="ID4720" s="91"/>
      <c r="IE4720" s="91"/>
      <c r="IF4720" s="91"/>
      <c r="IG4720" s="91"/>
      <c r="IH4720" s="91"/>
      <c r="II4720" s="91"/>
      <c r="IJ4720" s="91"/>
      <c r="IK4720" s="174"/>
    </row>
    <row r="4721" spans="2:245" x14ac:dyDescent="0.2">
      <c r="B4721" s="43"/>
      <c r="C4721" s="73"/>
      <c r="D4721" s="64"/>
      <c r="E4721" s="64"/>
      <c r="F4721" s="55"/>
      <c r="G4721" s="102"/>
      <c r="H4721" s="97"/>
      <c r="T4721" s="98"/>
      <c r="U4721" s="97"/>
      <c r="AG4721" s="98"/>
      <c r="AY4721" s="164"/>
      <c r="BK4721" s="98"/>
      <c r="BL4721" s="97"/>
      <c r="BX4721" s="98"/>
      <c r="CL4721" s="97"/>
      <c r="CX4721" s="98"/>
      <c r="DL4721" s="97"/>
      <c r="DX4721" s="98"/>
      <c r="EL4721" s="97"/>
      <c r="EX4721" s="98"/>
      <c r="EY4721" s="97"/>
      <c r="FL4721" s="126"/>
      <c r="FM4721" s="91"/>
      <c r="FN4721" s="91"/>
      <c r="FO4721" s="91"/>
      <c r="FP4721" s="91"/>
      <c r="FQ4721" s="91"/>
      <c r="FR4721" s="91"/>
      <c r="FS4721" s="91"/>
      <c r="FT4721" s="91"/>
      <c r="FU4721" s="91"/>
      <c r="FV4721" s="91"/>
      <c r="FW4721" s="91"/>
      <c r="FX4721" s="127"/>
      <c r="FY4721" s="126"/>
      <c r="FZ4721" s="91"/>
      <c r="GA4721" s="91"/>
      <c r="GB4721" s="91"/>
      <c r="GC4721" s="91"/>
      <c r="GD4721" s="91"/>
      <c r="GE4721" s="91"/>
      <c r="GF4721" s="91"/>
      <c r="GG4721" s="91"/>
      <c r="GH4721" s="91"/>
      <c r="GI4721" s="91"/>
      <c r="GJ4721" s="91"/>
      <c r="GK4721" s="127"/>
      <c r="GL4721" s="126"/>
      <c r="GM4721" s="91"/>
      <c r="GN4721" s="91"/>
      <c r="GO4721" s="91"/>
      <c r="GP4721" s="91"/>
      <c r="GQ4721" s="91"/>
      <c r="GR4721" s="91"/>
      <c r="GS4721" s="91"/>
      <c r="GT4721" s="91"/>
      <c r="GU4721" s="91"/>
      <c r="GV4721" s="91"/>
      <c r="GW4721" s="91"/>
      <c r="GX4721" s="127"/>
      <c r="GY4721" s="126"/>
      <c r="GZ4721" s="91"/>
      <c r="HA4721" s="91"/>
      <c r="HB4721" s="91"/>
      <c r="HC4721" s="91"/>
      <c r="HD4721" s="91"/>
      <c r="HE4721" s="91"/>
      <c r="HF4721" s="91"/>
      <c r="HG4721" s="91"/>
      <c r="HH4721" s="91"/>
      <c r="HI4721" s="91"/>
      <c r="HJ4721" s="91"/>
      <c r="HK4721" s="127"/>
      <c r="HL4721" s="126"/>
      <c r="HM4721" s="91"/>
      <c r="HN4721" s="91"/>
      <c r="HO4721" s="91"/>
      <c r="HP4721" s="91"/>
      <c r="HQ4721" s="91"/>
      <c r="HR4721" s="91"/>
      <c r="HS4721" s="91"/>
      <c r="HT4721" s="91"/>
      <c r="HU4721" s="91"/>
      <c r="HV4721" s="91"/>
      <c r="HW4721" s="91"/>
      <c r="HX4721" s="127"/>
      <c r="HY4721" s="126"/>
      <c r="HZ4721" s="91"/>
      <c r="IA4721" s="91"/>
      <c r="IB4721" s="91"/>
      <c r="IC4721" s="91"/>
      <c r="ID4721" s="91"/>
      <c r="IE4721" s="91"/>
      <c r="IF4721" s="91"/>
      <c r="IG4721" s="91"/>
      <c r="IH4721" s="91"/>
      <c r="II4721" s="91"/>
      <c r="IJ4721" s="91"/>
      <c r="IK4721" s="174"/>
    </row>
    <row r="4722" spans="2:245" x14ac:dyDescent="0.2">
      <c r="B4722" s="43"/>
      <c r="C4722" s="73"/>
      <c r="D4722" s="64"/>
      <c r="E4722" s="64"/>
      <c r="F4722" s="55"/>
      <c r="G4722" s="102"/>
      <c r="H4722" s="97"/>
      <c r="T4722" s="98"/>
      <c r="U4722" s="97"/>
      <c r="AG4722" s="98"/>
      <c r="AY4722" s="164"/>
      <c r="BK4722" s="98"/>
      <c r="BL4722" s="97"/>
      <c r="BX4722" s="98"/>
      <c r="CL4722" s="97"/>
      <c r="CX4722" s="98"/>
      <c r="DL4722" s="97"/>
      <c r="DX4722" s="98"/>
      <c r="EL4722" s="97"/>
      <c r="EX4722" s="98"/>
      <c r="EY4722" s="97"/>
      <c r="FL4722" s="126"/>
      <c r="FM4722" s="91"/>
      <c r="FN4722" s="91"/>
      <c r="FO4722" s="91"/>
      <c r="FP4722" s="91"/>
      <c r="FQ4722" s="91"/>
      <c r="FR4722" s="91"/>
      <c r="FS4722" s="91"/>
      <c r="FT4722" s="91"/>
      <c r="FU4722" s="91"/>
      <c r="FV4722" s="91"/>
      <c r="FW4722" s="91"/>
      <c r="FX4722" s="127"/>
      <c r="FY4722" s="126"/>
      <c r="FZ4722" s="91"/>
      <c r="GA4722" s="91"/>
      <c r="GB4722" s="91"/>
      <c r="GC4722" s="91"/>
      <c r="GD4722" s="91"/>
      <c r="GE4722" s="91"/>
      <c r="GF4722" s="91"/>
      <c r="GG4722" s="91"/>
      <c r="GH4722" s="91"/>
      <c r="GI4722" s="91"/>
      <c r="GJ4722" s="91"/>
      <c r="GK4722" s="127"/>
      <c r="GL4722" s="126"/>
      <c r="GM4722" s="91"/>
      <c r="GN4722" s="91"/>
      <c r="GO4722" s="91"/>
      <c r="GP4722" s="91"/>
      <c r="GQ4722" s="91"/>
      <c r="GR4722" s="91"/>
      <c r="GS4722" s="91"/>
      <c r="GT4722" s="91"/>
      <c r="GU4722" s="91"/>
      <c r="GV4722" s="91"/>
      <c r="GW4722" s="91"/>
      <c r="GX4722" s="127"/>
      <c r="GY4722" s="126"/>
      <c r="GZ4722" s="91"/>
      <c r="HA4722" s="91"/>
      <c r="HB4722" s="91"/>
      <c r="HC4722" s="91"/>
      <c r="HD4722" s="91"/>
      <c r="HE4722" s="91"/>
      <c r="HF4722" s="91"/>
      <c r="HG4722" s="91"/>
      <c r="HH4722" s="91"/>
      <c r="HI4722" s="91"/>
      <c r="HJ4722" s="91"/>
      <c r="HK4722" s="127"/>
      <c r="HL4722" s="126"/>
      <c r="HM4722" s="91"/>
      <c r="HN4722" s="91"/>
      <c r="HO4722" s="91"/>
      <c r="HP4722" s="91"/>
      <c r="HQ4722" s="91"/>
      <c r="HR4722" s="91"/>
      <c r="HS4722" s="91"/>
      <c r="HT4722" s="91"/>
      <c r="HU4722" s="91"/>
      <c r="HV4722" s="91"/>
      <c r="HW4722" s="91"/>
      <c r="HX4722" s="127"/>
      <c r="HY4722" s="126"/>
      <c r="HZ4722" s="91"/>
      <c r="IA4722" s="91"/>
      <c r="IB4722" s="91"/>
      <c r="IC4722" s="91"/>
      <c r="ID4722" s="91"/>
      <c r="IE4722" s="91"/>
      <c r="IF4722" s="91"/>
      <c r="IG4722" s="91"/>
      <c r="IH4722" s="91"/>
      <c r="II4722" s="91"/>
      <c r="IJ4722" s="91"/>
      <c r="IK4722" s="174"/>
    </row>
    <row r="4723" spans="2:245" x14ac:dyDescent="0.2">
      <c r="B4723" s="43"/>
      <c r="C4723" s="73"/>
      <c r="D4723" s="64"/>
      <c r="E4723" s="64"/>
      <c r="F4723" s="55"/>
      <c r="G4723" s="102"/>
      <c r="H4723" s="97"/>
      <c r="T4723" s="98"/>
      <c r="U4723" s="97"/>
      <c r="AG4723" s="98"/>
      <c r="AY4723" s="164"/>
      <c r="BK4723" s="98"/>
      <c r="BL4723" s="97"/>
      <c r="BX4723" s="98"/>
      <c r="CL4723" s="97"/>
      <c r="CX4723" s="98"/>
      <c r="DL4723" s="97"/>
      <c r="DX4723" s="98"/>
      <c r="EL4723" s="97"/>
      <c r="EX4723" s="98"/>
      <c r="EY4723" s="97"/>
      <c r="FL4723" s="126"/>
      <c r="FM4723" s="91"/>
      <c r="FN4723" s="91"/>
      <c r="FO4723" s="91"/>
      <c r="FP4723" s="91"/>
      <c r="FQ4723" s="91"/>
      <c r="FR4723" s="91"/>
      <c r="FS4723" s="91"/>
      <c r="FT4723" s="91"/>
      <c r="FU4723" s="91"/>
      <c r="FV4723" s="91"/>
      <c r="FW4723" s="91"/>
      <c r="FX4723" s="127"/>
      <c r="FY4723" s="126"/>
      <c r="FZ4723" s="91"/>
      <c r="GA4723" s="91"/>
      <c r="GB4723" s="91"/>
      <c r="GC4723" s="91"/>
      <c r="GD4723" s="91"/>
      <c r="GE4723" s="91"/>
      <c r="GF4723" s="91"/>
      <c r="GG4723" s="91"/>
      <c r="GH4723" s="91"/>
      <c r="GI4723" s="91"/>
      <c r="GJ4723" s="91"/>
      <c r="GK4723" s="127"/>
      <c r="GL4723" s="126"/>
      <c r="GM4723" s="91"/>
      <c r="GN4723" s="91"/>
      <c r="GO4723" s="91"/>
      <c r="GP4723" s="91"/>
      <c r="GQ4723" s="91"/>
      <c r="GR4723" s="91"/>
      <c r="GS4723" s="91"/>
      <c r="GT4723" s="91"/>
      <c r="GU4723" s="91"/>
      <c r="GV4723" s="91"/>
      <c r="GW4723" s="91"/>
      <c r="GX4723" s="127"/>
      <c r="GY4723" s="126"/>
      <c r="GZ4723" s="91"/>
      <c r="HA4723" s="91"/>
      <c r="HB4723" s="91"/>
      <c r="HC4723" s="91"/>
      <c r="HD4723" s="91"/>
      <c r="HE4723" s="91"/>
      <c r="HF4723" s="91"/>
      <c r="HG4723" s="91"/>
      <c r="HH4723" s="91"/>
      <c r="HI4723" s="91"/>
      <c r="HJ4723" s="91"/>
      <c r="HK4723" s="127"/>
      <c r="HL4723" s="126"/>
      <c r="HM4723" s="91"/>
      <c r="HN4723" s="91"/>
      <c r="HO4723" s="91"/>
      <c r="HP4723" s="91"/>
      <c r="HQ4723" s="91"/>
      <c r="HR4723" s="91"/>
      <c r="HS4723" s="91"/>
      <c r="HT4723" s="91"/>
      <c r="HU4723" s="91"/>
      <c r="HV4723" s="91"/>
      <c r="HW4723" s="91"/>
      <c r="HX4723" s="127"/>
      <c r="HY4723" s="126"/>
      <c r="HZ4723" s="91"/>
      <c r="IA4723" s="91"/>
      <c r="IB4723" s="91"/>
      <c r="IC4723" s="91"/>
      <c r="ID4723" s="91"/>
      <c r="IE4723" s="91"/>
      <c r="IF4723" s="91"/>
      <c r="IG4723" s="91"/>
      <c r="IH4723" s="91"/>
      <c r="II4723" s="91"/>
      <c r="IJ4723" s="91"/>
      <c r="IK4723" s="174"/>
    </row>
    <row r="4724" spans="2:245" x14ac:dyDescent="0.2">
      <c r="B4724" s="43"/>
      <c r="C4724" s="73"/>
      <c r="D4724" s="64"/>
      <c r="E4724" s="64"/>
      <c r="F4724" s="55"/>
      <c r="G4724" s="102"/>
      <c r="H4724" s="97"/>
      <c r="T4724" s="98"/>
      <c r="U4724" s="97"/>
      <c r="AG4724" s="98"/>
      <c r="AY4724" s="164"/>
      <c r="BK4724" s="98"/>
      <c r="BL4724" s="97"/>
      <c r="BX4724" s="98"/>
      <c r="CL4724" s="97"/>
      <c r="CX4724" s="98"/>
      <c r="DL4724" s="97"/>
      <c r="DX4724" s="98"/>
      <c r="EL4724" s="97"/>
      <c r="EX4724" s="98"/>
      <c r="EY4724" s="97"/>
      <c r="FL4724" s="126"/>
      <c r="FM4724" s="91"/>
      <c r="FN4724" s="91"/>
      <c r="FO4724" s="91"/>
      <c r="FP4724" s="91"/>
      <c r="FQ4724" s="91"/>
      <c r="FR4724" s="91"/>
      <c r="FS4724" s="91"/>
      <c r="FT4724" s="91"/>
      <c r="FU4724" s="91"/>
      <c r="FV4724" s="91"/>
      <c r="FW4724" s="91"/>
      <c r="FX4724" s="127"/>
      <c r="FY4724" s="126"/>
      <c r="FZ4724" s="91"/>
      <c r="GA4724" s="91"/>
      <c r="GB4724" s="91"/>
      <c r="GC4724" s="91"/>
      <c r="GD4724" s="91"/>
      <c r="GE4724" s="91"/>
      <c r="GF4724" s="91"/>
      <c r="GG4724" s="91"/>
      <c r="GH4724" s="91"/>
      <c r="GI4724" s="91"/>
      <c r="GJ4724" s="91"/>
      <c r="GK4724" s="127"/>
      <c r="GL4724" s="126"/>
      <c r="GM4724" s="91"/>
      <c r="GN4724" s="91"/>
      <c r="GO4724" s="91"/>
      <c r="GP4724" s="91"/>
      <c r="GQ4724" s="91"/>
      <c r="GR4724" s="91"/>
      <c r="GS4724" s="91"/>
      <c r="GT4724" s="91"/>
      <c r="GU4724" s="91"/>
      <c r="GV4724" s="91"/>
      <c r="GW4724" s="91"/>
      <c r="GX4724" s="127"/>
      <c r="GY4724" s="126"/>
      <c r="GZ4724" s="91"/>
      <c r="HA4724" s="91"/>
      <c r="HB4724" s="91"/>
      <c r="HC4724" s="91"/>
      <c r="HD4724" s="91"/>
      <c r="HE4724" s="91"/>
      <c r="HF4724" s="91"/>
      <c r="HG4724" s="91"/>
      <c r="HH4724" s="91"/>
      <c r="HI4724" s="91"/>
      <c r="HJ4724" s="91"/>
      <c r="HK4724" s="127"/>
      <c r="HL4724" s="126"/>
      <c r="HM4724" s="91"/>
      <c r="HN4724" s="91"/>
      <c r="HO4724" s="91"/>
      <c r="HP4724" s="91"/>
      <c r="HQ4724" s="91"/>
      <c r="HR4724" s="91"/>
      <c r="HS4724" s="91"/>
      <c r="HT4724" s="91"/>
      <c r="HU4724" s="91"/>
      <c r="HV4724" s="91"/>
      <c r="HW4724" s="91"/>
      <c r="HX4724" s="127"/>
      <c r="HY4724" s="126"/>
      <c r="HZ4724" s="91"/>
      <c r="IA4724" s="91"/>
      <c r="IB4724" s="91"/>
      <c r="IC4724" s="91"/>
      <c r="ID4724" s="91"/>
      <c r="IE4724" s="91"/>
      <c r="IF4724" s="91"/>
      <c r="IG4724" s="91"/>
      <c r="IH4724" s="91"/>
      <c r="II4724" s="91"/>
      <c r="IJ4724" s="91"/>
      <c r="IK4724" s="174"/>
    </row>
    <row r="4725" spans="2:245" x14ac:dyDescent="0.2">
      <c r="B4725" s="43"/>
      <c r="C4725" s="73"/>
      <c r="D4725" s="64"/>
      <c r="E4725" s="64"/>
      <c r="F4725" s="55"/>
      <c r="G4725" s="102"/>
      <c r="H4725" s="97"/>
      <c r="T4725" s="98"/>
      <c r="U4725" s="97"/>
      <c r="AG4725" s="98"/>
      <c r="AY4725" s="164"/>
      <c r="BK4725" s="98"/>
      <c r="BL4725" s="97"/>
      <c r="BX4725" s="98"/>
      <c r="CL4725" s="97"/>
      <c r="CX4725" s="98"/>
      <c r="DL4725" s="97"/>
      <c r="DX4725" s="98"/>
      <c r="EL4725" s="97"/>
      <c r="EX4725" s="98"/>
      <c r="EY4725" s="97"/>
      <c r="FL4725" s="126"/>
      <c r="FM4725" s="91"/>
      <c r="FN4725" s="91"/>
      <c r="FO4725" s="91"/>
      <c r="FP4725" s="91"/>
      <c r="FQ4725" s="91"/>
      <c r="FR4725" s="91"/>
      <c r="FS4725" s="91"/>
      <c r="FT4725" s="91"/>
      <c r="FU4725" s="91"/>
      <c r="FV4725" s="91"/>
      <c r="FW4725" s="91"/>
      <c r="FX4725" s="127"/>
      <c r="FY4725" s="126"/>
      <c r="FZ4725" s="91"/>
      <c r="GA4725" s="91"/>
      <c r="GB4725" s="91"/>
      <c r="GC4725" s="91"/>
      <c r="GD4725" s="91"/>
      <c r="GE4725" s="91"/>
      <c r="GF4725" s="91"/>
      <c r="GG4725" s="91"/>
      <c r="GH4725" s="91"/>
      <c r="GI4725" s="91"/>
      <c r="GJ4725" s="91"/>
      <c r="GK4725" s="127"/>
      <c r="GL4725" s="126"/>
      <c r="GM4725" s="91"/>
      <c r="GN4725" s="91"/>
      <c r="GO4725" s="91"/>
      <c r="GP4725" s="91"/>
      <c r="GQ4725" s="91"/>
      <c r="GR4725" s="91"/>
      <c r="GS4725" s="91"/>
      <c r="GT4725" s="91"/>
      <c r="GU4725" s="91"/>
      <c r="GV4725" s="91"/>
      <c r="GW4725" s="91"/>
      <c r="GX4725" s="127"/>
      <c r="GY4725" s="126"/>
      <c r="GZ4725" s="91"/>
      <c r="HA4725" s="91"/>
      <c r="HB4725" s="91"/>
      <c r="HC4725" s="91"/>
      <c r="HD4725" s="91"/>
      <c r="HE4725" s="91"/>
      <c r="HF4725" s="91"/>
      <c r="HG4725" s="91"/>
      <c r="HH4725" s="91"/>
      <c r="HI4725" s="91"/>
      <c r="HJ4725" s="91"/>
      <c r="HK4725" s="127"/>
      <c r="HL4725" s="126"/>
      <c r="HM4725" s="91"/>
      <c r="HN4725" s="91"/>
      <c r="HO4725" s="91"/>
      <c r="HP4725" s="91"/>
      <c r="HQ4725" s="91"/>
      <c r="HR4725" s="91"/>
      <c r="HS4725" s="91"/>
      <c r="HT4725" s="91"/>
      <c r="HU4725" s="91"/>
      <c r="HV4725" s="91"/>
      <c r="HW4725" s="91"/>
      <c r="HX4725" s="127"/>
      <c r="HY4725" s="126"/>
      <c r="HZ4725" s="91"/>
      <c r="IA4725" s="91"/>
      <c r="IB4725" s="91"/>
      <c r="IC4725" s="91"/>
      <c r="ID4725" s="91"/>
      <c r="IE4725" s="91"/>
      <c r="IF4725" s="91"/>
      <c r="IG4725" s="91"/>
      <c r="IH4725" s="91"/>
      <c r="II4725" s="91"/>
      <c r="IJ4725" s="91"/>
      <c r="IK4725" s="174"/>
    </row>
    <row r="4726" spans="2:245" x14ac:dyDescent="0.2">
      <c r="B4726" s="43"/>
      <c r="C4726" s="73"/>
      <c r="D4726" s="64"/>
      <c r="E4726" s="64"/>
      <c r="F4726" s="55"/>
      <c r="G4726" s="102"/>
      <c r="H4726" s="97"/>
      <c r="T4726" s="98"/>
      <c r="U4726" s="97"/>
      <c r="AG4726" s="98"/>
      <c r="AY4726" s="164"/>
      <c r="BK4726" s="98"/>
      <c r="BL4726" s="97"/>
      <c r="BX4726" s="98"/>
      <c r="CL4726" s="97"/>
      <c r="CX4726" s="98"/>
      <c r="DL4726" s="97"/>
      <c r="DX4726" s="98"/>
      <c r="EL4726" s="97"/>
      <c r="EX4726" s="98"/>
      <c r="EY4726" s="97"/>
      <c r="FL4726" s="126"/>
      <c r="FM4726" s="91"/>
      <c r="FN4726" s="91"/>
      <c r="FO4726" s="91"/>
      <c r="FP4726" s="91"/>
      <c r="FQ4726" s="91"/>
      <c r="FR4726" s="91"/>
      <c r="FS4726" s="91"/>
      <c r="FT4726" s="91"/>
      <c r="FU4726" s="91"/>
      <c r="FV4726" s="91"/>
      <c r="FW4726" s="91"/>
      <c r="FX4726" s="127"/>
      <c r="FY4726" s="126"/>
      <c r="FZ4726" s="91"/>
      <c r="GA4726" s="91"/>
      <c r="GB4726" s="91"/>
      <c r="GC4726" s="91"/>
      <c r="GD4726" s="91"/>
      <c r="GE4726" s="91"/>
      <c r="GF4726" s="91"/>
      <c r="GG4726" s="91"/>
      <c r="GH4726" s="91"/>
      <c r="GI4726" s="91"/>
      <c r="GJ4726" s="91"/>
      <c r="GK4726" s="127"/>
      <c r="GL4726" s="126"/>
      <c r="GM4726" s="91"/>
      <c r="GN4726" s="91"/>
      <c r="GO4726" s="91"/>
      <c r="GP4726" s="91"/>
      <c r="GQ4726" s="91"/>
      <c r="GR4726" s="91"/>
      <c r="GS4726" s="91"/>
      <c r="GT4726" s="91"/>
      <c r="GU4726" s="91"/>
      <c r="GV4726" s="91"/>
      <c r="GW4726" s="91"/>
      <c r="GX4726" s="127"/>
      <c r="GY4726" s="126"/>
      <c r="GZ4726" s="91"/>
      <c r="HA4726" s="91"/>
      <c r="HB4726" s="91"/>
      <c r="HC4726" s="91"/>
      <c r="HD4726" s="91"/>
      <c r="HE4726" s="91"/>
      <c r="HF4726" s="91"/>
      <c r="HG4726" s="91"/>
      <c r="HH4726" s="91"/>
      <c r="HI4726" s="91"/>
      <c r="HJ4726" s="91"/>
      <c r="HK4726" s="127"/>
      <c r="HL4726" s="126"/>
      <c r="HM4726" s="91"/>
      <c r="HN4726" s="91"/>
      <c r="HO4726" s="91"/>
      <c r="HP4726" s="91"/>
      <c r="HQ4726" s="91"/>
      <c r="HR4726" s="91"/>
      <c r="HS4726" s="91"/>
      <c r="HT4726" s="91"/>
      <c r="HU4726" s="91"/>
      <c r="HV4726" s="91"/>
      <c r="HW4726" s="91"/>
      <c r="HX4726" s="127"/>
      <c r="HY4726" s="126"/>
      <c r="HZ4726" s="91"/>
      <c r="IA4726" s="91"/>
      <c r="IB4726" s="91"/>
      <c r="IC4726" s="91"/>
      <c r="ID4726" s="91"/>
      <c r="IE4726" s="91"/>
      <c r="IF4726" s="91"/>
      <c r="IG4726" s="91"/>
      <c r="IH4726" s="91"/>
      <c r="II4726" s="91"/>
      <c r="IJ4726" s="91"/>
      <c r="IK4726" s="174"/>
    </row>
    <row r="4727" spans="2:245" x14ac:dyDescent="0.2">
      <c r="B4727" s="43"/>
      <c r="C4727" s="73"/>
      <c r="D4727" s="64"/>
      <c r="E4727" s="64"/>
      <c r="F4727" s="55"/>
      <c r="G4727" s="102"/>
      <c r="H4727" s="97"/>
      <c r="T4727" s="98"/>
      <c r="U4727" s="97"/>
      <c r="AG4727" s="98"/>
      <c r="AY4727" s="164"/>
      <c r="BK4727" s="98"/>
      <c r="BL4727" s="97"/>
      <c r="BX4727" s="98"/>
      <c r="CL4727" s="97"/>
      <c r="CX4727" s="98"/>
      <c r="DL4727" s="97"/>
      <c r="DX4727" s="98"/>
      <c r="EL4727" s="97"/>
      <c r="EX4727" s="98"/>
      <c r="EY4727" s="97"/>
      <c r="FL4727" s="126"/>
      <c r="FM4727" s="91"/>
      <c r="FN4727" s="91"/>
      <c r="FO4727" s="91"/>
      <c r="FP4727" s="91"/>
      <c r="FQ4727" s="91"/>
      <c r="FR4727" s="91"/>
      <c r="FS4727" s="91"/>
      <c r="FT4727" s="91"/>
      <c r="FU4727" s="91"/>
      <c r="FV4727" s="91"/>
      <c r="FW4727" s="91"/>
      <c r="FX4727" s="127"/>
      <c r="FY4727" s="126"/>
      <c r="FZ4727" s="91"/>
      <c r="GA4727" s="91"/>
      <c r="GB4727" s="91"/>
      <c r="GC4727" s="91"/>
      <c r="GD4727" s="91"/>
      <c r="GE4727" s="91"/>
      <c r="GF4727" s="91"/>
      <c r="GG4727" s="91"/>
      <c r="GH4727" s="91"/>
      <c r="GI4727" s="91"/>
      <c r="GJ4727" s="91"/>
      <c r="GK4727" s="127"/>
      <c r="GL4727" s="126"/>
      <c r="GM4727" s="91"/>
      <c r="GN4727" s="91"/>
      <c r="GO4727" s="91"/>
      <c r="GP4727" s="91"/>
      <c r="GQ4727" s="91"/>
      <c r="GR4727" s="91"/>
      <c r="GS4727" s="91"/>
      <c r="GT4727" s="91"/>
      <c r="GU4727" s="91"/>
      <c r="GV4727" s="91"/>
      <c r="GW4727" s="91"/>
      <c r="GX4727" s="127"/>
      <c r="GY4727" s="126"/>
      <c r="GZ4727" s="91"/>
      <c r="HA4727" s="91"/>
      <c r="HB4727" s="91"/>
      <c r="HC4727" s="91"/>
      <c r="HD4727" s="91"/>
      <c r="HE4727" s="91"/>
      <c r="HF4727" s="91"/>
      <c r="HG4727" s="91"/>
      <c r="HH4727" s="91"/>
      <c r="HI4727" s="91"/>
      <c r="HJ4727" s="91"/>
      <c r="HK4727" s="127"/>
      <c r="HL4727" s="126"/>
      <c r="HM4727" s="91"/>
      <c r="HN4727" s="91"/>
      <c r="HO4727" s="91"/>
      <c r="HP4727" s="91"/>
      <c r="HQ4727" s="91"/>
      <c r="HR4727" s="91"/>
      <c r="HS4727" s="91"/>
      <c r="HT4727" s="91"/>
      <c r="HU4727" s="91"/>
      <c r="HV4727" s="91"/>
      <c r="HW4727" s="91"/>
      <c r="HX4727" s="127"/>
      <c r="HY4727" s="126"/>
      <c r="HZ4727" s="91"/>
      <c r="IA4727" s="91"/>
      <c r="IB4727" s="91"/>
      <c r="IC4727" s="91"/>
      <c r="ID4727" s="91"/>
      <c r="IE4727" s="91"/>
      <c r="IF4727" s="91"/>
      <c r="IG4727" s="91"/>
      <c r="IH4727" s="91"/>
      <c r="II4727" s="91"/>
      <c r="IJ4727" s="91"/>
      <c r="IK4727" s="174"/>
    </row>
    <row r="4728" spans="2:245" x14ac:dyDescent="0.2">
      <c r="B4728" s="43"/>
      <c r="C4728" s="73"/>
      <c r="D4728" s="64"/>
      <c r="E4728" s="64"/>
      <c r="F4728" s="55"/>
      <c r="G4728" s="102"/>
      <c r="H4728" s="97"/>
      <c r="T4728" s="98"/>
      <c r="U4728" s="97"/>
      <c r="AG4728" s="98"/>
      <c r="AY4728" s="164"/>
      <c r="BK4728" s="98"/>
      <c r="BL4728" s="97"/>
      <c r="BX4728" s="98"/>
      <c r="CL4728" s="97"/>
      <c r="CX4728" s="98"/>
      <c r="DL4728" s="97"/>
      <c r="DX4728" s="98"/>
      <c r="EL4728" s="97"/>
      <c r="EX4728" s="98"/>
      <c r="EY4728" s="97"/>
      <c r="FL4728" s="126"/>
      <c r="FM4728" s="91"/>
      <c r="FN4728" s="91"/>
      <c r="FO4728" s="91"/>
      <c r="FP4728" s="91"/>
      <c r="FQ4728" s="91"/>
      <c r="FR4728" s="91"/>
      <c r="FS4728" s="91"/>
      <c r="FT4728" s="91"/>
      <c r="FU4728" s="91"/>
      <c r="FV4728" s="91"/>
      <c r="FW4728" s="91"/>
      <c r="FX4728" s="127"/>
      <c r="FY4728" s="126"/>
      <c r="FZ4728" s="91"/>
      <c r="GA4728" s="91"/>
      <c r="GB4728" s="91"/>
      <c r="GC4728" s="91"/>
      <c r="GD4728" s="91"/>
      <c r="GE4728" s="91"/>
      <c r="GF4728" s="91"/>
      <c r="GG4728" s="91"/>
      <c r="GH4728" s="91"/>
      <c r="GI4728" s="91"/>
      <c r="GJ4728" s="91"/>
      <c r="GK4728" s="127"/>
      <c r="GL4728" s="126"/>
      <c r="GM4728" s="91"/>
      <c r="GN4728" s="91"/>
      <c r="GO4728" s="91"/>
      <c r="GP4728" s="91"/>
      <c r="GQ4728" s="91"/>
      <c r="GR4728" s="91"/>
      <c r="GS4728" s="91"/>
      <c r="GT4728" s="91"/>
      <c r="GU4728" s="91"/>
      <c r="GV4728" s="91"/>
      <c r="GW4728" s="91"/>
      <c r="GX4728" s="127"/>
      <c r="GY4728" s="126"/>
      <c r="GZ4728" s="91"/>
      <c r="HA4728" s="91"/>
      <c r="HB4728" s="91"/>
      <c r="HC4728" s="91"/>
      <c r="HD4728" s="91"/>
      <c r="HE4728" s="91"/>
      <c r="HF4728" s="91"/>
      <c r="HG4728" s="91"/>
      <c r="HH4728" s="91"/>
      <c r="HI4728" s="91"/>
      <c r="HJ4728" s="91"/>
      <c r="HK4728" s="127"/>
      <c r="HL4728" s="126"/>
      <c r="HM4728" s="91"/>
      <c r="HN4728" s="91"/>
      <c r="HO4728" s="91"/>
      <c r="HP4728" s="91"/>
      <c r="HQ4728" s="91"/>
      <c r="HR4728" s="91"/>
      <c r="HS4728" s="91"/>
      <c r="HT4728" s="91"/>
      <c r="HU4728" s="91"/>
      <c r="HV4728" s="91"/>
      <c r="HW4728" s="91"/>
      <c r="HX4728" s="127"/>
      <c r="HY4728" s="126"/>
      <c r="HZ4728" s="91"/>
      <c r="IA4728" s="91"/>
      <c r="IB4728" s="91"/>
      <c r="IC4728" s="91"/>
      <c r="ID4728" s="91"/>
      <c r="IE4728" s="91"/>
      <c r="IF4728" s="91"/>
      <c r="IG4728" s="91"/>
      <c r="IH4728" s="91"/>
      <c r="II4728" s="91"/>
      <c r="IJ4728" s="91"/>
      <c r="IK4728" s="174"/>
    </row>
    <row r="4729" spans="2:245" x14ac:dyDescent="0.2">
      <c r="B4729" s="43"/>
      <c r="C4729" s="73"/>
      <c r="D4729" s="64"/>
      <c r="E4729" s="64"/>
      <c r="F4729" s="55"/>
      <c r="G4729" s="102"/>
      <c r="H4729" s="97"/>
      <c r="T4729" s="98"/>
      <c r="U4729" s="97"/>
      <c r="AG4729" s="98"/>
      <c r="AY4729" s="164"/>
      <c r="BK4729" s="98"/>
      <c r="BL4729" s="97"/>
      <c r="BX4729" s="98"/>
      <c r="CL4729" s="97"/>
      <c r="CX4729" s="98"/>
      <c r="DL4729" s="97"/>
      <c r="DX4729" s="98"/>
      <c r="EL4729" s="97"/>
      <c r="EX4729" s="98"/>
      <c r="EY4729" s="97"/>
      <c r="FL4729" s="126"/>
      <c r="FM4729" s="91"/>
      <c r="FN4729" s="91"/>
      <c r="FO4729" s="91"/>
      <c r="FP4729" s="91"/>
      <c r="FQ4729" s="91"/>
      <c r="FR4729" s="91"/>
      <c r="FS4729" s="91"/>
      <c r="FT4729" s="91"/>
      <c r="FU4729" s="91"/>
      <c r="FV4729" s="91"/>
      <c r="FW4729" s="91"/>
      <c r="FX4729" s="127"/>
      <c r="FY4729" s="126"/>
      <c r="FZ4729" s="91"/>
      <c r="GA4729" s="91"/>
      <c r="GB4729" s="91"/>
      <c r="GC4729" s="91"/>
      <c r="GD4729" s="91"/>
      <c r="GE4729" s="91"/>
      <c r="GF4729" s="91"/>
      <c r="GG4729" s="91"/>
      <c r="GH4729" s="91"/>
      <c r="GI4729" s="91"/>
      <c r="GJ4729" s="91"/>
      <c r="GK4729" s="127"/>
      <c r="GL4729" s="126"/>
      <c r="GM4729" s="91"/>
      <c r="GN4729" s="91"/>
      <c r="GO4729" s="91"/>
      <c r="GP4729" s="91"/>
      <c r="GQ4729" s="91"/>
      <c r="GR4729" s="91"/>
      <c r="GS4729" s="91"/>
      <c r="GT4729" s="91"/>
      <c r="GU4729" s="91"/>
      <c r="GV4729" s="91"/>
      <c r="GW4729" s="91"/>
      <c r="GX4729" s="127"/>
      <c r="GY4729" s="126"/>
      <c r="GZ4729" s="91"/>
      <c r="HA4729" s="91"/>
      <c r="HB4729" s="91"/>
      <c r="HC4729" s="91"/>
      <c r="HD4729" s="91"/>
      <c r="HE4729" s="91"/>
      <c r="HF4729" s="91"/>
      <c r="HG4729" s="91"/>
      <c r="HH4729" s="91"/>
      <c r="HI4729" s="91"/>
      <c r="HJ4729" s="91"/>
      <c r="HK4729" s="127"/>
      <c r="HL4729" s="126"/>
      <c r="HM4729" s="91"/>
      <c r="HN4729" s="91"/>
      <c r="HO4729" s="91"/>
      <c r="HP4729" s="91"/>
      <c r="HQ4729" s="91"/>
      <c r="HR4729" s="91"/>
      <c r="HS4729" s="91"/>
      <c r="HT4729" s="91"/>
      <c r="HU4729" s="91"/>
      <c r="HV4729" s="91"/>
      <c r="HW4729" s="91"/>
      <c r="HX4729" s="127"/>
      <c r="HY4729" s="126"/>
      <c r="HZ4729" s="91"/>
      <c r="IA4729" s="91"/>
      <c r="IB4729" s="91"/>
      <c r="IC4729" s="91"/>
      <c r="ID4729" s="91"/>
      <c r="IE4729" s="91"/>
      <c r="IF4729" s="91"/>
      <c r="IG4729" s="91"/>
      <c r="IH4729" s="91"/>
      <c r="II4729" s="91"/>
      <c r="IJ4729" s="91"/>
      <c r="IK4729" s="174"/>
    </row>
    <row r="4730" spans="2:245" x14ac:dyDescent="0.2">
      <c r="B4730" s="43"/>
      <c r="C4730" s="73"/>
      <c r="D4730" s="64"/>
      <c r="E4730" s="64"/>
      <c r="F4730" s="55"/>
      <c r="G4730" s="102"/>
      <c r="H4730" s="97"/>
      <c r="T4730" s="98"/>
      <c r="U4730" s="97"/>
      <c r="AG4730" s="98"/>
      <c r="AY4730" s="164"/>
      <c r="BK4730" s="98"/>
      <c r="BL4730" s="97"/>
      <c r="BX4730" s="98"/>
      <c r="CL4730" s="97"/>
      <c r="CX4730" s="98"/>
      <c r="DL4730" s="97"/>
      <c r="DX4730" s="98"/>
      <c r="EL4730" s="97"/>
      <c r="EX4730" s="98"/>
      <c r="EY4730" s="97"/>
      <c r="FL4730" s="126"/>
      <c r="FM4730" s="91"/>
      <c r="FN4730" s="91"/>
      <c r="FO4730" s="91"/>
      <c r="FP4730" s="91"/>
      <c r="FQ4730" s="91"/>
      <c r="FR4730" s="91"/>
      <c r="FS4730" s="91"/>
      <c r="FT4730" s="91"/>
      <c r="FU4730" s="91"/>
      <c r="FV4730" s="91"/>
      <c r="FW4730" s="91"/>
      <c r="FX4730" s="127"/>
      <c r="FY4730" s="126"/>
      <c r="FZ4730" s="91"/>
      <c r="GA4730" s="91"/>
      <c r="GB4730" s="91"/>
      <c r="GC4730" s="91"/>
      <c r="GD4730" s="91"/>
      <c r="GE4730" s="91"/>
      <c r="GF4730" s="91"/>
      <c r="GG4730" s="91"/>
      <c r="GH4730" s="91"/>
      <c r="GI4730" s="91"/>
      <c r="GJ4730" s="91"/>
      <c r="GK4730" s="127"/>
      <c r="GL4730" s="126"/>
      <c r="GM4730" s="91"/>
      <c r="GN4730" s="91"/>
      <c r="GO4730" s="91"/>
      <c r="GP4730" s="91"/>
      <c r="GQ4730" s="91"/>
      <c r="GR4730" s="91"/>
      <c r="GS4730" s="91"/>
      <c r="GT4730" s="91"/>
      <c r="GU4730" s="91"/>
      <c r="GV4730" s="91"/>
      <c r="GW4730" s="91"/>
      <c r="GX4730" s="127"/>
      <c r="GY4730" s="126"/>
      <c r="GZ4730" s="91"/>
      <c r="HA4730" s="91"/>
      <c r="HB4730" s="91"/>
      <c r="HC4730" s="91"/>
      <c r="HD4730" s="91"/>
      <c r="HE4730" s="91"/>
      <c r="HF4730" s="91"/>
      <c r="HG4730" s="91"/>
      <c r="HH4730" s="91"/>
      <c r="HI4730" s="91"/>
      <c r="HJ4730" s="91"/>
      <c r="HK4730" s="127"/>
      <c r="HL4730" s="126"/>
      <c r="HM4730" s="91"/>
      <c r="HN4730" s="91"/>
      <c r="HO4730" s="91"/>
      <c r="HP4730" s="91"/>
      <c r="HQ4730" s="91"/>
      <c r="HR4730" s="91"/>
      <c r="HS4730" s="91"/>
      <c r="HT4730" s="91"/>
      <c r="HU4730" s="91"/>
      <c r="HV4730" s="91"/>
      <c r="HW4730" s="91"/>
      <c r="HX4730" s="127"/>
      <c r="HY4730" s="126"/>
      <c r="HZ4730" s="91"/>
      <c r="IA4730" s="91"/>
      <c r="IB4730" s="91"/>
      <c r="IC4730" s="91"/>
      <c r="ID4730" s="91"/>
      <c r="IE4730" s="91"/>
      <c r="IF4730" s="91"/>
      <c r="IG4730" s="91"/>
      <c r="IH4730" s="91"/>
      <c r="II4730" s="91"/>
      <c r="IJ4730" s="91"/>
      <c r="IK4730" s="174"/>
    </row>
    <row r="4731" spans="2:245" x14ac:dyDescent="0.2">
      <c r="B4731" s="43"/>
      <c r="C4731" s="73"/>
      <c r="D4731" s="64"/>
      <c r="E4731" s="64"/>
      <c r="F4731" s="55"/>
      <c r="G4731" s="102"/>
      <c r="H4731" s="97"/>
      <c r="T4731" s="98"/>
      <c r="U4731" s="97"/>
      <c r="AG4731" s="98"/>
      <c r="AY4731" s="164"/>
      <c r="BK4731" s="98"/>
      <c r="BL4731" s="97"/>
      <c r="BX4731" s="98"/>
      <c r="CL4731" s="97"/>
      <c r="CX4731" s="98"/>
      <c r="DL4731" s="97"/>
      <c r="DX4731" s="98"/>
      <c r="EL4731" s="97"/>
      <c r="EX4731" s="98"/>
      <c r="EY4731" s="97"/>
      <c r="FL4731" s="126"/>
      <c r="FM4731" s="91"/>
      <c r="FN4731" s="91"/>
      <c r="FO4731" s="91"/>
      <c r="FP4731" s="91"/>
      <c r="FQ4731" s="91"/>
      <c r="FR4731" s="91"/>
      <c r="FS4731" s="91"/>
      <c r="FT4731" s="91"/>
      <c r="FU4731" s="91"/>
      <c r="FV4731" s="91"/>
      <c r="FW4731" s="91"/>
      <c r="FX4731" s="127"/>
      <c r="FY4731" s="126"/>
      <c r="FZ4731" s="91"/>
      <c r="GA4731" s="91"/>
      <c r="GB4731" s="91"/>
      <c r="GC4731" s="91"/>
      <c r="GD4731" s="91"/>
      <c r="GE4731" s="91"/>
      <c r="GF4731" s="91"/>
      <c r="GG4731" s="91"/>
      <c r="GH4731" s="91"/>
      <c r="GI4731" s="91"/>
      <c r="GJ4731" s="91"/>
      <c r="GK4731" s="127"/>
      <c r="GL4731" s="126"/>
      <c r="GM4731" s="91"/>
      <c r="GN4731" s="91"/>
      <c r="GO4731" s="91"/>
      <c r="GP4731" s="91"/>
      <c r="GQ4731" s="91"/>
      <c r="GR4731" s="91"/>
      <c r="GS4731" s="91"/>
      <c r="GT4731" s="91"/>
      <c r="GU4731" s="91"/>
      <c r="GV4731" s="91"/>
      <c r="GW4731" s="91"/>
      <c r="GX4731" s="127"/>
      <c r="GY4731" s="126"/>
      <c r="GZ4731" s="91"/>
      <c r="HA4731" s="91"/>
      <c r="HB4731" s="91"/>
      <c r="HC4731" s="91"/>
      <c r="HD4731" s="91"/>
      <c r="HE4731" s="91"/>
      <c r="HF4731" s="91"/>
      <c r="HG4731" s="91"/>
      <c r="HH4731" s="91"/>
      <c r="HI4731" s="91"/>
      <c r="HJ4731" s="91"/>
      <c r="HK4731" s="127"/>
      <c r="HL4731" s="126"/>
      <c r="HM4731" s="91"/>
      <c r="HN4731" s="91"/>
      <c r="HO4731" s="91"/>
      <c r="HP4731" s="91"/>
      <c r="HQ4731" s="91"/>
      <c r="HR4731" s="91"/>
      <c r="HS4731" s="91"/>
      <c r="HT4731" s="91"/>
      <c r="HU4731" s="91"/>
      <c r="HV4731" s="91"/>
      <c r="HW4731" s="91"/>
      <c r="HX4731" s="127"/>
      <c r="HY4731" s="126"/>
      <c r="HZ4731" s="91"/>
      <c r="IA4731" s="91"/>
      <c r="IB4731" s="91"/>
      <c r="IC4731" s="91"/>
      <c r="ID4731" s="91"/>
      <c r="IE4731" s="91"/>
      <c r="IF4731" s="91"/>
      <c r="IG4731" s="91"/>
      <c r="IH4731" s="91"/>
      <c r="II4731" s="91"/>
      <c r="IJ4731" s="91"/>
      <c r="IK4731" s="174"/>
    </row>
    <row r="4732" spans="2:245" x14ac:dyDescent="0.2">
      <c r="B4732" s="43"/>
      <c r="C4732" s="73"/>
      <c r="D4732" s="64"/>
      <c r="E4732" s="64"/>
      <c r="F4732" s="55"/>
      <c r="G4732" s="102"/>
      <c r="H4732" s="97"/>
      <c r="T4732" s="98"/>
      <c r="U4732" s="97"/>
      <c r="AG4732" s="98"/>
      <c r="AY4732" s="164"/>
      <c r="BK4732" s="98"/>
      <c r="BL4732" s="97"/>
      <c r="BX4732" s="98"/>
      <c r="CL4732" s="97"/>
      <c r="CX4732" s="98"/>
      <c r="DL4732" s="97"/>
      <c r="DX4732" s="98"/>
      <c r="EL4732" s="97"/>
      <c r="EX4732" s="98"/>
      <c r="EY4732" s="97"/>
      <c r="FL4732" s="126"/>
      <c r="FM4732" s="91"/>
      <c r="FN4732" s="91"/>
      <c r="FO4732" s="91"/>
      <c r="FP4732" s="91"/>
      <c r="FQ4732" s="91"/>
      <c r="FR4732" s="91"/>
      <c r="FS4732" s="91"/>
      <c r="FT4732" s="91"/>
      <c r="FU4732" s="91"/>
      <c r="FV4732" s="91"/>
      <c r="FW4732" s="91"/>
      <c r="FX4732" s="127"/>
      <c r="FY4732" s="126"/>
      <c r="FZ4732" s="91"/>
      <c r="GA4732" s="91"/>
      <c r="GB4732" s="91"/>
      <c r="GC4732" s="91"/>
      <c r="GD4732" s="91"/>
      <c r="GE4732" s="91"/>
      <c r="GF4732" s="91"/>
      <c r="GG4732" s="91"/>
      <c r="GH4732" s="91"/>
      <c r="GI4732" s="91"/>
      <c r="GJ4732" s="91"/>
      <c r="GK4732" s="127"/>
      <c r="GL4732" s="126"/>
      <c r="GM4732" s="91"/>
      <c r="GN4732" s="91"/>
      <c r="GO4732" s="91"/>
      <c r="GP4732" s="91"/>
      <c r="GQ4732" s="91"/>
      <c r="GR4732" s="91"/>
      <c r="GS4732" s="91"/>
      <c r="GT4732" s="91"/>
      <c r="GU4732" s="91"/>
      <c r="GV4732" s="91"/>
      <c r="GW4732" s="91"/>
      <c r="GX4732" s="127"/>
      <c r="GY4732" s="126"/>
      <c r="GZ4732" s="91"/>
      <c r="HA4732" s="91"/>
      <c r="HB4732" s="91"/>
      <c r="HC4732" s="91"/>
      <c r="HD4732" s="91"/>
      <c r="HE4732" s="91"/>
      <c r="HF4732" s="91"/>
      <c r="HG4732" s="91"/>
      <c r="HH4732" s="91"/>
      <c r="HI4732" s="91"/>
      <c r="HJ4732" s="91"/>
      <c r="HK4732" s="127"/>
      <c r="HL4732" s="126"/>
      <c r="HM4732" s="91"/>
      <c r="HN4732" s="91"/>
      <c r="HO4732" s="91"/>
      <c r="HP4732" s="91"/>
      <c r="HQ4732" s="91"/>
      <c r="HR4732" s="91"/>
      <c r="HS4732" s="91"/>
      <c r="HT4732" s="91"/>
      <c r="HU4732" s="91"/>
      <c r="HV4732" s="91"/>
      <c r="HW4732" s="91"/>
      <c r="HX4732" s="127"/>
      <c r="HY4732" s="126"/>
      <c r="HZ4732" s="91"/>
      <c r="IA4732" s="91"/>
      <c r="IB4732" s="91"/>
      <c r="IC4732" s="91"/>
      <c r="ID4732" s="91"/>
      <c r="IE4732" s="91"/>
      <c r="IF4732" s="91"/>
      <c r="IG4732" s="91"/>
      <c r="IH4732" s="91"/>
      <c r="II4732" s="91"/>
      <c r="IJ4732" s="91"/>
      <c r="IK4732" s="174"/>
    </row>
    <row r="4733" spans="2:245" x14ac:dyDescent="0.2">
      <c r="B4733" s="43"/>
      <c r="C4733" s="73"/>
      <c r="D4733" s="64"/>
      <c r="E4733" s="64"/>
      <c r="F4733" s="55"/>
      <c r="G4733" s="102"/>
      <c r="H4733" s="97"/>
      <c r="T4733" s="98"/>
      <c r="U4733" s="97"/>
      <c r="AG4733" s="98"/>
      <c r="AY4733" s="164"/>
      <c r="BK4733" s="98"/>
      <c r="BL4733" s="97"/>
      <c r="BX4733" s="98"/>
      <c r="CL4733" s="97"/>
      <c r="CX4733" s="98"/>
      <c r="DL4733" s="97"/>
      <c r="DX4733" s="98"/>
      <c r="EL4733" s="97"/>
      <c r="EX4733" s="98"/>
      <c r="EY4733" s="97"/>
      <c r="FL4733" s="126"/>
      <c r="FM4733" s="91"/>
      <c r="FN4733" s="91"/>
      <c r="FO4733" s="91"/>
      <c r="FP4733" s="91"/>
      <c r="FQ4733" s="91"/>
      <c r="FR4733" s="91"/>
      <c r="FS4733" s="91"/>
      <c r="FT4733" s="91"/>
      <c r="FU4733" s="91"/>
      <c r="FV4733" s="91"/>
      <c r="FW4733" s="91"/>
      <c r="FX4733" s="127"/>
      <c r="FY4733" s="126"/>
      <c r="FZ4733" s="91"/>
      <c r="GA4733" s="91"/>
      <c r="GB4733" s="91"/>
      <c r="GC4733" s="91"/>
      <c r="GD4733" s="91"/>
      <c r="GE4733" s="91"/>
      <c r="GF4733" s="91"/>
      <c r="GG4733" s="91"/>
      <c r="GH4733" s="91"/>
      <c r="GI4733" s="91"/>
      <c r="GJ4733" s="91"/>
      <c r="GK4733" s="127"/>
      <c r="GL4733" s="126"/>
      <c r="GM4733" s="91"/>
      <c r="GN4733" s="91"/>
      <c r="GO4733" s="91"/>
      <c r="GP4733" s="91"/>
      <c r="GQ4733" s="91"/>
      <c r="GR4733" s="91"/>
      <c r="GS4733" s="91"/>
      <c r="GT4733" s="91"/>
      <c r="GU4733" s="91"/>
      <c r="GV4733" s="91"/>
      <c r="GW4733" s="91"/>
      <c r="GX4733" s="127"/>
      <c r="GY4733" s="126"/>
      <c r="GZ4733" s="91"/>
      <c r="HA4733" s="91"/>
      <c r="HB4733" s="91"/>
      <c r="HC4733" s="91"/>
      <c r="HD4733" s="91"/>
      <c r="HE4733" s="91"/>
      <c r="HF4733" s="91"/>
      <c r="HG4733" s="91"/>
      <c r="HH4733" s="91"/>
      <c r="HI4733" s="91"/>
      <c r="HJ4733" s="91"/>
      <c r="HK4733" s="127"/>
      <c r="HL4733" s="126"/>
      <c r="HM4733" s="91"/>
      <c r="HN4733" s="91"/>
      <c r="HO4733" s="91"/>
      <c r="HP4733" s="91"/>
      <c r="HQ4733" s="91"/>
      <c r="HR4733" s="91"/>
      <c r="HS4733" s="91"/>
      <c r="HT4733" s="91"/>
      <c r="HU4733" s="91"/>
      <c r="HV4733" s="91"/>
      <c r="HW4733" s="91"/>
      <c r="HX4733" s="127"/>
      <c r="HY4733" s="126"/>
      <c r="HZ4733" s="91"/>
      <c r="IA4733" s="91"/>
      <c r="IB4733" s="91"/>
      <c r="IC4733" s="91"/>
      <c r="ID4733" s="91"/>
      <c r="IE4733" s="91"/>
      <c r="IF4733" s="91"/>
      <c r="IG4733" s="91"/>
      <c r="IH4733" s="91"/>
      <c r="II4733" s="91"/>
      <c r="IJ4733" s="91"/>
      <c r="IK4733" s="174"/>
    </row>
    <row r="4734" spans="2:245" x14ac:dyDescent="0.2">
      <c r="B4734" s="43"/>
      <c r="C4734" s="73"/>
      <c r="D4734" s="64"/>
      <c r="E4734" s="64"/>
      <c r="F4734" s="55"/>
      <c r="G4734" s="102"/>
      <c r="H4734" s="97"/>
      <c r="T4734" s="98"/>
      <c r="U4734" s="97"/>
      <c r="AG4734" s="98"/>
      <c r="AY4734" s="164"/>
      <c r="BK4734" s="98"/>
      <c r="BL4734" s="97"/>
      <c r="BX4734" s="98"/>
      <c r="CL4734" s="97"/>
      <c r="CX4734" s="98"/>
      <c r="DL4734" s="97"/>
      <c r="DX4734" s="98"/>
      <c r="EL4734" s="97"/>
      <c r="EX4734" s="98"/>
      <c r="EY4734" s="97"/>
      <c r="FL4734" s="126"/>
      <c r="FM4734" s="91"/>
      <c r="FN4734" s="91"/>
      <c r="FO4734" s="91"/>
      <c r="FP4734" s="91"/>
      <c r="FQ4734" s="91"/>
      <c r="FR4734" s="91"/>
      <c r="FS4734" s="91"/>
      <c r="FT4734" s="91"/>
      <c r="FU4734" s="91"/>
      <c r="FV4734" s="91"/>
      <c r="FW4734" s="91"/>
      <c r="FX4734" s="127"/>
      <c r="FY4734" s="126"/>
      <c r="FZ4734" s="91"/>
      <c r="GA4734" s="91"/>
      <c r="GB4734" s="91"/>
      <c r="GC4734" s="91"/>
      <c r="GD4734" s="91"/>
      <c r="GE4734" s="91"/>
      <c r="GF4734" s="91"/>
      <c r="GG4734" s="91"/>
      <c r="GH4734" s="91"/>
      <c r="GI4734" s="91"/>
      <c r="GJ4734" s="91"/>
      <c r="GK4734" s="127"/>
      <c r="GL4734" s="126"/>
      <c r="GM4734" s="91"/>
      <c r="GN4734" s="91"/>
      <c r="GO4734" s="91"/>
      <c r="GP4734" s="91"/>
      <c r="GQ4734" s="91"/>
      <c r="GR4734" s="91"/>
      <c r="GS4734" s="91"/>
      <c r="GT4734" s="91"/>
      <c r="GU4734" s="91"/>
      <c r="GV4734" s="91"/>
      <c r="GW4734" s="91"/>
      <c r="GX4734" s="127"/>
      <c r="GY4734" s="126"/>
      <c r="GZ4734" s="91"/>
      <c r="HA4734" s="91"/>
      <c r="HB4734" s="91"/>
      <c r="HC4734" s="91"/>
      <c r="HD4734" s="91"/>
      <c r="HE4734" s="91"/>
      <c r="HF4734" s="91"/>
      <c r="HG4734" s="91"/>
      <c r="HH4734" s="91"/>
      <c r="HI4734" s="91"/>
      <c r="HJ4734" s="91"/>
      <c r="HK4734" s="127"/>
      <c r="HL4734" s="126"/>
      <c r="HM4734" s="91"/>
      <c r="HN4734" s="91"/>
      <c r="HO4734" s="91"/>
      <c r="HP4734" s="91"/>
      <c r="HQ4734" s="91"/>
      <c r="HR4734" s="91"/>
      <c r="HS4734" s="91"/>
      <c r="HT4734" s="91"/>
      <c r="HU4734" s="91"/>
      <c r="HV4734" s="91"/>
      <c r="HW4734" s="91"/>
      <c r="HX4734" s="127"/>
      <c r="HY4734" s="126"/>
      <c r="HZ4734" s="91"/>
      <c r="IA4734" s="91"/>
      <c r="IB4734" s="91"/>
      <c r="IC4734" s="91"/>
      <c r="ID4734" s="91"/>
      <c r="IE4734" s="91"/>
      <c r="IF4734" s="91"/>
      <c r="IG4734" s="91"/>
      <c r="IH4734" s="91"/>
      <c r="II4734" s="91"/>
      <c r="IJ4734" s="91"/>
      <c r="IK4734" s="174"/>
    </row>
    <row r="4735" spans="2:245" x14ac:dyDescent="0.2">
      <c r="B4735" s="43"/>
      <c r="C4735" s="73"/>
      <c r="D4735" s="64"/>
      <c r="E4735" s="64"/>
      <c r="F4735" s="55"/>
      <c r="G4735" s="102"/>
      <c r="H4735" s="97"/>
      <c r="T4735" s="98"/>
      <c r="U4735" s="97"/>
      <c r="AG4735" s="98"/>
      <c r="AY4735" s="164"/>
      <c r="BK4735" s="98"/>
      <c r="BL4735" s="97"/>
      <c r="BX4735" s="98"/>
      <c r="CL4735" s="97"/>
      <c r="CX4735" s="98"/>
      <c r="DL4735" s="97"/>
      <c r="DX4735" s="98"/>
      <c r="EL4735" s="97"/>
      <c r="EX4735" s="98"/>
      <c r="EY4735" s="97"/>
      <c r="FL4735" s="126"/>
      <c r="FM4735" s="91"/>
      <c r="FN4735" s="91"/>
      <c r="FO4735" s="91"/>
      <c r="FP4735" s="91"/>
      <c r="FQ4735" s="91"/>
      <c r="FR4735" s="91"/>
      <c r="FS4735" s="91"/>
      <c r="FT4735" s="91"/>
      <c r="FU4735" s="91"/>
      <c r="FV4735" s="91"/>
      <c r="FW4735" s="91"/>
      <c r="FX4735" s="127"/>
      <c r="FY4735" s="126"/>
      <c r="FZ4735" s="91"/>
      <c r="GA4735" s="91"/>
      <c r="GB4735" s="91"/>
      <c r="GC4735" s="91"/>
      <c r="GD4735" s="91"/>
      <c r="GE4735" s="91"/>
      <c r="GF4735" s="91"/>
      <c r="GG4735" s="91"/>
      <c r="GH4735" s="91"/>
      <c r="GI4735" s="91"/>
      <c r="GJ4735" s="91"/>
      <c r="GK4735" s="127"/>
      <c r="GL4735" s="126"/>
      <c r="GM4735" s="91"/>
      <c r="GN4735" s="91"/>
      <c r="GO4735" s="91"/>
      <c r="GP4735" s="91"/>
      <c r="GQ4735" s="91"/>
      <c r="GR4735" s="91"/>
      <c r="GS4735" s="91"/>
      <c r="GT4735" s="91"/>
      <c r="GU4735" s="91"/>
      <c r="GV4735" s="91"/>
      <c r="GW4735" s="91"/>
      <c r="GX4735" s="127"/>
      <c r="GY4735" s="126"/>
      <c r="GZ4735" s="91"/>
      <c r="HA4735" s="91"/>
      <c r="HB4735" s="91"/>
      <c r="HC4735" s="91"/>
      <c r="HD4735" s="91"/>
      <c r="HE4735" s="91"/>
      <c r="HF4735" s="91"/>
      <c r="HG4735" s="91"/>
      <c r="HH4735" s="91"/>
      <c r="HI4735" s="91"/>
      <c r="HJ4735" s="91"/>
      <c r="HK4735" s="127"/>
      <c r="HL4735" s="126"/>
      <c r="HM4735" s="91"/>
      <c r="HN4735" s="91"/>
      <c r="HO4735" s="91"/>
      <c r="HP4735" s="91"/>
      <c r="HQ4735" s="91"/>
      <c r="HR4735" s="91"/>
      <c r="HS4735" s="91"/>
      <c r="HT4735" s="91"/>
      <c r="HU4735" s="91"/>
      <c r="HV4735" s="91"/>
      <c r="HW4735" s="91"/>
      <c r="HX4735" s="127"/>
      <c r="HY4735" s="126"/>
      <c r="HZ4735" s="91"/>
      <c r="IA4735" s="91"/>
      <c r="IB4735" s="91"/>
      <c r="IC4735" s="91"/>
      <c r="ID4735" s="91"/>
      <c r="IE4735" s="91"/>
      <c r="IF4735" s="91"/>
      <c r="IG4735" s="91"/>
      <c r="IH4735" s="91"/>
      <c r="II4735" s="91"/>
      <c r="IJ4735" s="91"/>
      <c r="IK4735" s="174"/>
    </row>
    <row r="4736" spans="2:245" x14ac:dyDescent="0.2">
      <c r="B4736" s="43"/>
      <c r="C4736" s="73"/>
      <c r="D4736" s="64"/>
      <c r="E4736" s="64"/>
      <c r="F4736" s="55"/>
      <c r="G4736" s="102"/>
      <c r="H4736" s="97"/>
      <c r="T4736" s="98"/>
      <c r="U4736" s="97"/>
      <c r="AG4736" s="98"/>
      <c r="AY4736" s="164"/>
      <c r="BK4736" s="98"/>
      <c r="BL4736" s="97"/>
      <c r="BX4736" s="98"/>
      <c r="CL4736" s="97"/>
      <c r="CX4736" s="98"/>
      <c r="DL4736" s="97"/>
      <c r="DX4736" s="98"/>
      <c r="EL4736" s="97"/>
      <c r="EX4736" s="98"/>
      <c r="EY4736" s="97"/>
      <c r="FL4736" s="126"/>
      <c r="FM4736" s="91"/>
      <c r="FN4736" s="91"/>
      <c r="FO4736" s="91"/>
      <c r="FP4736" s="91"/>
      <c r="FQ4736" s="91"/>
      <c r="FR4736" s="91"/>
      <c r="FS4736" s="91"/>
      <c r="FT4736" s="91"/>
      <c r="FU4736" s="91"/>
      <c r="FV4736" s="91"/>
      <c r="FW4736" s="91"/>
      <c r="FX4736" s="127"/>
      <c r="FY4736" s="126"/>
      <c r="FZ4736" s="91"/>
      <c r="GA4736" s="91"/>
      <c r="GB4736" s="91"/>
      <c r="GC4736" s="91"/>
      <c r="GD4736" s="91"/>
      <c r="GE4736" s="91"/>
      <c r="GF4736" s="91"/>
      <c r="GG4736" s="91"/>
      <c r="GH4736" s="91"/>
      <c r="GI4736" s="91"/>
      <c r="GJ4736" s="91"/>
      <c r="GK4736" s="127"/>
      <c r="GL4736" s="126"/>
      <c r="GM4736" s="91"/>
      <c r="GN4736" s="91"/>
      <c r="GO4736" s="91"/>
      <c r="GP4736" s="91"/>
      <c r="GQ4736" s="91"/>
      <c r="GR4736" s="91"/>
      <c r="GS4736" s="91"/>
      <c r="GT4736" s="91"/>
      <c r="GU4736" s="91"/>
      <c r="GV4736" s="91"/>
      <c r="GW4736" s="91"/>
      <c r="GX4736" s="127"/>
      <c r="GY4736" s="126"/>
      <c r="GZ4736" s="91"/>
      <c r="HA4736" s="91"/>
      <c r="HB4736" s="91"/>
      <c r="HC4736" s="91"/>
      <c r="HD4736" s="91"/>
      <c r="HE4736" s="91"/>
      <c r="HF4736" s="91"/>
      <c r="HG4736" s="91"/>
      <c r="HH4736" s="91"/>
      <c r="HI4736" s="91"/>
      <c r="HJ4736" s="91"/>
      <c r="HK4736" s="127"/>
      <c r="HL4736" s="126"/>
      <c r="HM4736" s="91"/>
      <c r="HN4736" s="91"/>
      <c r="HO4736" s="91"/>
      <c r="HP4736" s="91"/>
      <c r="HQ4736" s="91"/>
      <c r="HR4736" s="91"/>
      <c r="HS4736" s="91"/>
      <c r="HT4736" s="91"/>
      <c r="HU4736" s="91"/>
      <c r="HV4736" s="91"/>
      <c r="HW4736" s="91"/>
      <c r="HX4736" s="127"/>
      <c r="HY4736" s="126"/>
      <c r="HZ4736" s="91"/>
      <c r="IA4736" s="91"/>
      <c r="IB4736" s="91"/>
      <c r="IC4736" s="91"/>
      <c r="ID4736" s="91"/>
      <c r="IE4736" s="91"/>
      <c r="IF4736" s="91"/>
      <c r="IG4736" s="91"/>
      <c r="IH4736" s="91"/>
      <c r="II4736" s="91"/>
      <c r="IJ4736" s="91"/>
      <c r="IK4736" s="174"/>
    </row>
    <row r="4737" spans="2:245" x14ac:dyDescent="0.2">
      <c r="B4737" s="43"/>
      <c r="C4737" s="73"/>
      <c r="D4737" s="64"/>
      <c r="E4737" s="64"/>
      <c r="F4737" s="55"/>
      <c r="G4737" s="102"/>
      <c r="H4737" s="97"/>
      <c r="T4737" s="98"/>
      <c r="U4737" s="97"/>
      <c r="AG4737" s="98"/>
      <c r="AY4737" s="164"/>
      <c r="BK4737" s="98"/>
      <c r="BL4737" s="97"/>
      <c r="BX4737" s="98"/>
      <c r="CL4737" s="97"/>
      <c r="CX4737" s="98"/>
      <c r="DL4737" s="97"/>
      <c r="DX4737" s="98"/>
      <c r="EL4737" s="97"/>
      <c r="EX4737" s="98"/>
      <c r="EY4737" s="97"/>
      <c r="FL4737" s="126"/>
      <c r="FM4737" s="91"/>
      <c r="FN4737" s="91"/>
      <c r="FO4737" s="91"/>
      <c r="FP4737" s="91"/>
      <c r="FQ4737" s="91"/>
      <c r="FR4737" s="91"/>
      <c r="FS4737" s="91"/>
      <c r="FT4737" s="91"/>
      <c r="FU4737" s="91"/>
      <c r="FV4737" s="91"/>
      <c r="FW4737" s="91"/>
      <c r="FX4737" s="127"/>
      <c r="FY4737" s="126"/>
      <c r="FZ4737" s="91"/>
      <c r="GA4737" s="91"/>
      <c r="GB4737" s="91"/>
      <c r="GC4737" s="91"/>
      <c r="GD4737" s="91"/>
      <c r="GE4737" s="91"/>
      <c r="GF4737" s="91"/>
      <c r="GG4737" s="91"/>
      <c r="GH4737" s="91"/>
      <c r="GI4737" s="91"/>
      <c r="GJ4737" s="91"/>
      <c r="GK4737" s="127"/>
      <c r="GL4737" s="126"/>
      <c r="GM4737" s="91"/>
      <c r="GN4737" s="91"/>
      <c r="GO4737" s="91"/>
      <c r="GP4737" s="91"/>
      <c r="GQ4737" s="91"/>
      <c r="GR4737" s="91"/>
      <c r="GS4737" s="91"/>
      <c r="GT4737" s="91"/>
      <c r="GU4737" s="91"/>
      <c r="GV4737" s="91"/>
      <c r="GW4737" s="91"/>
      <c r="GX4737" s="127"/>
      <c r="GY4737" s="126"/>
      <c r="GZ4737" s="91"/>
      <c r="HA4737" s="91"/>
      <c r="HB4737" s="91"/>
      <c r="HC4737" s="91"/>
      <c r="HD4737" s="91"/>
      <c r="HE4737" s="91"/>
      <c r="HF4737" s="91"/>
      <c r="HG4737" s="91"/>
      <c r="HH4737" s="91"/>
      <c r="HI4737" s="91"/>
      <c r="HJ4737" s="91"/>
      <c r="HK4737" s="127"/>
      <c r="HL4737" s="126"/>
      <c r="HM4737" s="91"/>
      <c r="HN4737" s="91"/>
      <c r="HO4737" s="91"/>
      <c r="HP4737" s="91"/>
      <c r="HQ4737" s="91"/>
      <c r="HR4737" s="91"/>
      <c r="HS4737" s="91"/>
      <c r="HT4737" s="91"/>
      <c r="HU4737" s="91"/>
      <c r="HV4737" s="91"/>
      <c r="HW4737" s="91"/>
      <c r="HX4737" s="127"/>
      <c r="HY4737" s="126"/>
      <c r="HZ4737" s="91"/>
      <c r="IA4737" s="91"/>
      <c r="IB4737" s="91"/>
      <c r="IC4737" s="91"/>
      <c r="ID4737" s="91"/>
      <c r="IE4737" s="91"/>
      <c r="IF4737" s="91"/>
      <c r="IG4737" s="91"/>
      <c r="IH4737" s="91"/>
      <c r="II4737" s="91"/>
      <c r="IJ4737" s="91"/>
      <c r="IK4737" s="174"/>
    </row>
    <row r="4738" spans="2:245" x14ac:dyDescent="0.2">
      <c r="B4738" s="43"/>
      <c r="C4738" s="73"/>
      <c r="D4738" s="64"/>
      <c r="E4738" s="64"/>
      <c r="F4738" s="55"/>
      <c r="G4738" s="102"/>
      <c r="H4738" s="97"/>
      <c r="T4738" s="98"/>
      <c r="U4738" s="97"/>
      <c r="AG4738" s="98"/>
      <c r="AY4738" s="164"/>
      <c r="BK4738" s="98"/>
      <c r="BL4738" s="97"/>
      <c r="BX4738" s="98"/>
      <c r="CL4738" s="97"/>
      <c r="CX4738" s="98"/>
      <c r="DL4738" s="97"/>
      <c r="DX4738" s="98"/>
      <c r="EL4738" s="97"/>
      <c r="EX4738" s="98"/>
      <c r="EY4738" s="97"/>
      <c r="FL4738" s="126"/>
      <c r="FM4738" s="91"/>
      <c r="FN4738" s="91"/>
      <c r="FO4738" s="91"/>
      <c r="FP4738" s="91"/>
      <c r="FQ4738" s="91"/>
      <c r="FR4738" s="91"/>
      <c r="FS4738" s="91"/>
      <c r="FT4738" s="91"/>
      <c r="FU4738" s="91"/>
      <c r="FV4738" s="91"/>
      <c r="FW4738" s="91"/>
      <c r="FX4738" s="127"/>
      <c r="FY4738" s="126"/>
      <c r="FZ4738" s="91"/>
      <c r="GA4738" s="91"/>
      <c r="GB4738" s="91"/>
      <c r="GC4738" s="91"/>
      <c r="GD4738" s="91"/>
      <c r="GE4738" s="91"/>
      <c r="GF4738" s="91"/>
      <c r="GG4738" s="91"/>
      <c r="GH4738" s="91"/>
      <c r="GI4738" s="91"/>
      <c r="GJ4738" s="91"/>
      <c r="GK4738" s="127"/>
      <c r="GL4738" s="126"/>
      <c r="GM4738" s="91"/>
      <c r="GN4738" s="91"/>
      <c r="GO4738" s="91"/>
      <c r="GP4738" s="91"/>
      <c r="GQ4738" s="91"/>
      <c r="GR4738" s="91"/>
      <c r="GS4738" s="91"/>
      <c r="GT4738" s="91"/>
      <c r="GU4738" s="91"/>
      <c r="GV4738" s="91"/>
      <c r="GW4738" s="91"/>
      <c r="GX4738" s="127"/>
      <c r="GY4738" s="126"/>
      <c r="GZ4738" s="91"/>
      <c r="HA4738" s="91"/>
      <c r="HB4738" s="91"/>
      <c r="HC4738" s="91"/>
      <c r="HD4738" s="91"/>
      <c r="HE4738" s="91"/>
      <c r="HF4738" s="91"/>
      <c r="HG4738" s="91"/>
      <c r="HH4738" s="91"/>
      <c r="HI4738" s="91"/>
      <c r="HJ4738" s="91"/>
      <c r="HK4738" s="127"/>
      <c r="HL4738" s="126"/>
      <c r="HM4738" s="91"/>
      <c r="HN4738" s="91"/>
      <c r="HO4738" s="91"/>
      <c r="HP4738" s="91"/>
      <c r="HQ4738" s="91"/>
      <c r="HR4738" s="91"/>
      <c r="HS4738" s="91"/>
      <c r="HT4738" s="91"/>
      <c r="HU4738" s="91"/>
      <c r="HV4738" s="91"/>
      <c r="HW4738" s="91"/>
      <c r="HX4738" s="127"/>
      <c r="HY4738" s="126"/>
      <c r="HZ4738" s="91"/>
      <c r="IA4738" s="91"/>
      <c r="IB4738" s="91"/>
      <c r="IC4738" s="91"/>
      <c r="ID4738" s="91"/>
      <c r="IE4738" s="91"/>
      <c r="IF4738" s="91"/>
      <c r="IG4738" s="91"/>
      <c r="IH4738" s="91"/>
      <c r="II4738" s="91"/>
      <c r="IJ4738" s="91"/>
      <c r="IK4738" s="174"/>
    </row>
    <row r="4739" spans="2:245" x14ac:dyDescent="0.2">
      <c r="B4739" s="43"/>
      <c r="C4739" s="73"/>
      <c r="D4739" s="64"/>
      <c r="E4739" s="64"/>
      <c r="F4739" s="55"/>
      <c r="G4739" s="102"/>
      <c r="H4739" s="97"/>
      <c r="T4739" s="98"/>
      <c r="U4739" s="97"/>
      <c r="AG4739" s="98"/>
      <c r="AY4739" s="164"/>
      <c r="BK4739" s="98"/>
      <c r="BL4739" s="97"/>
      <c r="BX4739" s="98"/>
      <c r="CL4739" s="97"/>
      <c r="CX4739" s="98"/>
      <c r="DL4739" s="97"/>
      <c r="DX4739" s="98"/>
      <c r="EL4739" s="97"/>
      <c r="EX4739" s="98"/>
      <c r="EY4739" s="97"/>
      <c r="FL4739" s="126"/>
      <c r="FM4739" s="91"/>
      <c r="FN4739" s="91"/>
      <c r="FO4739" s="91"/>
      <c r="FP4739" s="91"/>
      <c r="FQ4739" s="91"/>
      <c r="FR4739" s="91"/>
      <c r="FS4739" s="91"/>
      <c r="FT4739" s="91"/>
      <c r="FU4739" s="91"/>
      <c r="FV4739" s="91"/>
      <c r="FW4739" s="91"/>
      <c r="FX4739" s="127"/>
      <c r="FY4739" s="126"/>
      <c r="FZ4739" s="91"/>
      <c r="GA4739" s="91"/>
      <c r="GB4739" s="91"/>
      <c r="GC4739" s="91"/>
      <c r="GD4739" s="91"/>
      <c r="GE4739" s="91"/>
      <c r="GF4739" s="91"/>
      <c r="GG4739" s="91"/>
      <c r="GH4739" s="91"/>
      <c r="GI4739" s="91"/>
      <c r="GJ4739" s="91"/>
      <c r="GK4739" s="127"/>
      <c r="GL4739" s="126"/>
      <c r="GM4739" s="91"/>
      <c r="GN4739" s="91"/>
      <c r="GO4739" s="91"/>
      <c r="GP4739" s="91"/>
      <c r="GQ4739" s="91"/>
      <c r="GR4739" s="91"/>
      <c r="GS4739" s="91"/>
      <c r="GT4739" s="91"/>
      <c r="GU4739" s="91"/>
      <c r="GV4739" s="91"/>
      <c r="GW4739" s="91"/>
      <c r="GX4739" s="127"/>
      <c r="GY4739" s="126"/>
      <c r="GZ4739" s="91"/>
      <c r="HA4739" s="91"/>
      <c r="HB4739" s="91"/>
      <c r="HC4739" s="91"/>
      <c r="HD4739" s="91"/>
      <c r="HE4739" s="91"/>
      <c r="HF4739" s="91"/>
      <c r="HG4739" s="91"/>
      <c r="HH4739" s="91"/>
      <c r="HI4739" s="91"/>
      <c r="HJ4739" s="91"/>
      <c r="HK4739" s="127"/>
      <c r="HL4739" s="126"/>
      <c r="HM4739" s="91"/>
      <c r="HN4739" s="91"/>
      <c r="HO4739" s="91"/>
      <c r="HP4739" s="91"/>
      <c r="HQ4739" s="91"/>
      <c r="HR4739" s="91"/>
      <c r="HS4739" s="91"/>
      <c r="HT4739" s="91"/>
      <c r="HU4739" s="91"/>
      <c r="HV4739" s="91"/>
      <c r="HW4739" s="91"/>
      <c r="HX4739" s="127"/>
      <c r="HY4739" s="126"/>
      <c r="HZ4739" s="91"/>
      <c r="IA4739" s="91"/>
      <c r="IB4739" s="91"/>
      <c r="IC4739" s="91"/>
      <c r="ID4739" s="91"/>
      <c r="IE4739" s="91"/>
      <c r="IF4739" s="91"/>
      <c r="IG4739" s="91"/>
      <c r="IH4739" s="91"/>
      <c r="II4739" s="91"/>
      <c r="IJ4739" s="91"/>
      <c r="IK4739" s="174"/>
    </row>
    <row r="4740" spans="2:245" x14ac:dyDescent="0.2">
      <c r="B4740" s="43"/>
      <c r="C4740" s="73"/>
      <c r="D4740" s="64"/>
      <c r="E4740" s="64"/>
      <c r="F4740" s="55"/>
      <c r="G4740" s="102"/>
      <c r="H4740" s="97"/>
      <c r="T4740" s="98"/>
      <c r="U4740" s="97"/>
      <c r="AG4740" s="98"/>
      <c r="AY4740" s="164"/>
      <c r="BK4740" s="98"/>
      <c r="BL4740" s="97"/>
      <c r="BX4740" s="98"/>
      <c r="CL4740" s="97"/>
      <c r="CX4740" s="98"/>
      <c r="DL4740" s="97"/>
      <c r="DX4740" s="98"/>
      <c r="EL4740" s="97"/>
      <c r="EX4740" s="98"/>
      <c r="EY4740" s="97"/>
      <c r="FL4740" s="126"/>
      <c r="FM4740" s="91"/>
      <c r="FN4740" s="91"/>
      <c r="FO4740" s="91"/>
      <c r="FP4740" s="91"/>
      <c r="FQ4740" s="91"/>
      <c r="FR4740" s="91"/>
      <c r="FS4740" s="91"/>
      <c r="FT4740" s="91"/>
      <c r="FU4740" s="91"/>
      <c r="FV4740" s="91"/>
      <c r="FW4740" s="91"/>
      <c r="FX4740" s="127"/>
      <c r="FY4740" s="126"/>
      <c r="FZ4740" s="91"/>
      <c r="GA4740" s="91"/>
      <c r="GB4740" s="91"/>
      <c r="GC4740" s="91"/>
      <c r="GD4740" s="91"/>
      <c r="GE4740" s="91"/>
      <c r="GF4740" s="91"/>
      <c r="GG4740" s="91"/>
      <c r="GH4740" s="91"/>
      <c r="GI4740" s="91"/>
      <c r="GJ4740" s="91"/>
      <c r="GK4740" s="127"/>
      <c r="GL4740" s="126"/>
      <c r="GM4740" s="91"/>
      <c r="GN4740" s="91"/>
      <c r="GO4740" s="91"/>
      <c r="GP4740" s="91"/>
      <c r="GQ4740" s="91"/>
      <c r="GR4740" s="91"/>
      <c r="GS4740" s="91"/>
      <c r="GT4740" s="91"/>
      <c r="GU4740" s="91"/>
      <c r="GV4740" s="91"/>
      <c r="GW4740" s="91"/>
      <c r="GX4740" s="127"/>
      <c r="GY4740" s="126"/>
      <c r="GZ4740" s="91"/>
      <c r="HA4740" s="91"/>
      <c r="HB4740" s="91"/>
      <c r="HC4740" s="91"/>
      <c r="HD4740" s="91"/>
      <c r="HE4740" s="91"/>
      <c r="HF4740" s="91"/>
      <c r="HG4740" s="91"/>
      <c r="HH4740" s="91"/>
      <c r="HI4740" s="91"/>
      <c r="HJ4740" s="91"/>
      <c r="HK4740" s="127"/>
      <c r="HL4740" s="126"/>
      <c r="HM4740" s="91"/>
      <c r="HN4740" s="91"/>
      <c r="HO4740" s="91"/>
      <c r="HP4740" s="91"/>
      <c r="HQ4740" s="91"/>
      <c r="HR4740" s="91"/>
      <c r="HS4740" s="91"/>
      <c r="HT4740" s="91"/>
      <c r="HU4740" s="91"/>
      <c r="HV4740" s="91"/>
      <c r="HW4740" s="91"/>
      <c r="HX4740" s="127"/>
      <c r="HY4740" s="126"/>
      <c r="HZ4740" s="91"/>
      <c r="IA4740" s="91"/>
      <c r="IB4740" s="91"/>
      <c r="IC4740" s="91"/>
      <c r="ID4740" s="91"/>
      <c r="IE4740" s="91"/>
      <c r="IF4740" s="91"/>
      <c r="IG4740" s="91"/>
      <c r="IH4740" s="91"/>
      <c r="II4740" s="91"/>
      <c r="IJ4740" s="91"/>
      <c r="IK4740" s="174"/>
    </row>
    <row r="4741" spans="2:245" x14ac:dyDescent="0.2">
      <c r="B4741" s="43"/>
      <c r="C4741" s="73"/>
      <c r="D4741" s="64"/>
      <c r="E4741" s="64"/>
      <c r="F4741" s="55"/>
      <c r="G4741" s="102"/>
      <c r="H4741" s="97"/>
      <c r="T4741" s="98"/>
      <c r="U4741" s="97"/>
      <c r="AG4741" s="98"/>
      <c r="AY4741" s="164"/>
      <c r="BK4741" s="98"/>
      <c r="BL4741" s="97"/>
      <c r="BX4741" s="98"/>
      <c r="CL4741" s="97"/>
      <c r="CX4741" s="98"/>
      <c r="DL4741" s="97"/>
      <c r="DX4741" s="98"/>
      <c r="EL4741" s="97"/>
      <c r="EX4741" s="98"/>
      <c r="EY4741" s="97"/>
      <c r="FL4741" s="126"/>
      <c r="FM4741" s="91"/>
      <c r="FN4741" s="91"/>
      <c r="FO4741" s="91"/>
      <c r="FP4741" s="91"/>
      <c r="FQ4741" s="91"/>
      <c r="FR4741" s="91"/>
      <c r="FS4741" s="91"/>
      <c r="FT4741" s="91"/>
      <c r="FU4741" s="91"/>
      <c r="FV4741" s="91"/>
      <c r="FW4741" s="91"/>
      <c r="FX4741" s="127"/>
      <c r="FY4741" s="126"/>
      <c r="FZ4741" s="91"/>
      <c r="GA4741" s="91"/>
      <c r="GB4741" s="91"/>
      <c r="GC4741" s="91"/>
      <c r="GD4741" s="91"/>
      <c r="GE4741" s="91"/>
      <c r="GF4741" s="91"/>
      <c r="GG4741" s="91"/>
      <c r="GH4741" s="91"/>
      <c r="GI4741" s="91"/>
      <c r="GJ4741" s="91"/>
      <c r="GK4741" s="127"/>
      <c r="GL4741" s="126"/>
      <c r="GM4741" s="91"/>
      <c r="GN4741" s="91"/>
      <c r="GO4741" s="91"/>
      <c r="GP4741" s="91"/>
      <c r="GQ4741" s="91"/>
      <c r="GR4741" s="91"/>
      <c r="GS4741" s="91"/>
      <c r="GT4741" s="91"/>
      <c r="GU4741" s="91"/>
      <c r="GV4741" s="91"/>
      <c r="GW4741" s="91"/>
      <c r="GX4741" s="127"/>
      <c r="GY4741" s="126"/>
      <c r="GZ4741" s="91"/>
      <c r="HA4741" s="91"/>
      <c r="HB4741" s="91"/>
      <c r="HC4741" s="91"/>
      <c r="HD4741" s="91"/>
      <c r="HE4741" s="91"/>
      <c r="HF4741" s="91"/>
      <c r="HG4741" s="91"/>
      <c r="HH4741" s="91"/>
      <c r="HI4741" s="91"/>
      <c r="HJ4741" s="91"/>
      <c r="HK4741" s="127"/>
      <c r="HL4741" s="126"/>
      <c r="HM4741" s="91"/>
      <c r="HN4741" s="91"/>
      <c r="HO4741" s="91"/>
      <c r="HP4741" s="91"/>
      <c r="HQ4741" s="91"/>
      <c r="HR4741" s="91"/>
      <c r="HS4741" s="91"/>
      <c r="HT4741" s="91"/>
      <c r="HU4741" s="91"/>
      <c r="HV4741" s="91"/>
      <c r="HW4741" s="91"/>
      <c r="HX4741" s="127"/>
      <c r="HY4741" s="126"/>
      <c r="HZ4741" s="91"/>
      <c r="IA4741" s="91"/>
      <c r="IB4741" s="91"/>
      <c r="IC4741" s="91"/>
      <c r="ID4741" s="91"/>
      <c r="IE4741" s="91"/>
      <c r="IF4741" s="91"/>
      <c r="IG4741" s="91"/>
      <c r="IH4741" s="91"/>
      <c r="II4741" s="91"/>
      <c r="IJ4741" s="91"/>
      <c r="IK4741" s="174"/>
    </row>
    <row r="4742" spans="2:245" x14ac:dyDescent="0.2">
      <c r="B4742" s="43"/>
      <c r="C4742" s="73"/>
      <c r="D4742" s="64"/>
      <c r="E4742" s="64"/>
      <c r="F4742" s="55"/>
      <c r="G4742" s="102"/>
      <c r="H4742" s="97"/>
      <c r="T4742" s="98"/>
      <c r="U4742" s="97"/>
      <c r="AG4742" s="98"/>
      <c r="AY4742" s="164"/>
      <c r="BK4742" s="98"/>
      <c r="BL4742" s="97"/>
      <c r="BX4742" s="98"/>
      <c r="CL4742" s="97"/>
      <c r="CX4742" s="98"/>
      <c r="DL4742" s="97"/>
      <c r="DX4742" s="98"/>
      <c r="EL4742" s="97"/>
      <c r="EX4742" s="98"/>
      <c r="EY4742" s="97"/>
      <c r="FL4742" s="126"/>
      <c r="FM4742" s="91"/>
      <c r="FN4742" s="91"/>
      <c r="FO4742" s="91"/>
      <c r="FP4742" s="91"/>
      <c r="FQ4742" s="91"/>
      <c r="FR4742" s="91"/>
      <c r="FS4742" s="91"/>
      <c r="FT4742" s="91"/>
      <c r="FU4742" s="91"/>
      <c r="FV4742" s="91"/>
      <c r="FW4742" s="91"/>
      <c r="FX4742" s="127"/>
      <c r="FY4742" s="126"/>
      <c r="FZ4742" s="91"/>
      <c r="GA4742" s="91"/>
      <c r="GB4742" s="91"/>
      <c r="GC4742" s="91"/>
      <c r="GD4742" s="91"/>
      <c r="GE4742" s="91"/>
      <c r="GF4742" s="91"/>
      <c r="GG4742" s="91"/>
      <c r="GH4742" s="91"/>
      <c r="GI4742" s="91"/>
      <c r="GJ4742" s="91"/>
      <c r="GK4742" s="127"/>
      <c r="GL4742" s="126"/>
      <c r="GM4742" s="91"/>
      <c r="GN4742" s="91"/>
      <c r="GO4742" s="91"/>
      <c r="GP4742" s="91"/>
      <c r="GQ4742" s="91"/>
      <c r="GR4742" s="91"/>
      <c r="GS4742" s="91"/>
      <c r="GT4742" s="91"/>
      <c r="GU4742" s="91"/>
      <c r="GV4742" s="91"/>
      <c r="GW4742" s="91"/>
      <c r="GX4742" s="127"/>
      <c r="GY4742" s="126"/>
      <c r="GZ4742" s="91"/>
      <c r="HA4742" s="91"/>
      <c r="HB4742" s="91"/>
      <c r="HC4742" s="91"/>
      <c r="HD4742" s="91"/>
      <c r="HE4742" s="91"/>
      <c r="HF4742" s="91"/>
      <c r="HG4742" s="91"/>
      <c r="HH4742" s="91"/>
      <c r="HI4742" s="91"/>
      <c r="HJ4742" s="91"/>
      <c r="HK4742" s="127"/>
      <c r="HL4742" s="126"/>
      <c r="HM4742" s="91"/>
      <c r="HN4742" s="91"/>
      <c r="HO4742" s="91"/>
      <c r="HP4742" s="91"/>
      <c r="HQ4742" s="91"/>
      <c r="HR4742" s="91"/>
      <c r="HS4742" s="91"/>
      <c r="HT4742" s="91"/>
      <c r="HU4742" s="91"/>
      <c r="HV4742" s="91"/>
      <c r="HW4742" s="91"/>
      <c r="HX4742" s="127"/>
      <c r="HY4742" s="126"/>
      <c r="HZ4742" s="91"/>
      <c r="IA4742" s="91"/>
      <c r="IB4742" s="91"/>
      <c r="IC4742" s="91"/>
      <c r="ID4742" s="91"/>
      <c r="IE4742" s="91"/>
      <c r="IF4742" s="91"/>
      <c r="IG4742" s="91"/>
      <c r="IH4742" s="91"/>
      <c r="II4742" s="91"/>
      <c r="IJ4742" s="91"/>
      <c r="IK4742" s="174"/>
    </row>
    <row r="4743" spans="2:245" x14ac:dyDescent="0.2">
      <c r="B4743" s="43"/>
      <c r="C4743" s="73"/>
      <c r="D4743" s="64"/>
      <c r="E4743" s="64"/>
      <c r="F4743" s="55"/>
      <c r="G4743" s="102"/>
      <c r="H4743" s="97"/>
      <c r="T4743" s="98"/>
      <c r="U4743" s="97"/>
      <c r="AG4743" s="98"/>
      <c r="AY4743" s="164"/>
      <c r="BK4743" s="98"/>
      <c r="BL4743" s="97"/>
      <c r="BX4743" s="98"/>
      <c r="CL4743" s="97"/>
      <c r="CX4743" s="98"/>
      <c r="DL4743" s="97"/>
      <c r="DX4743" s="98"/>
      <c r="EL4743" s="97"/>
      <c r="EX4743" s="98"/>
      <c r="EY4743" s="97"/>
      <c r="FL4743" s="126"/>
      <c r="FM4743" s="91"/>
      <c r="FN4743" s="91"/>
      <c r="FO4743" s="91"/>
      <c r="FP4743" s="91"/>
      <c r="FQ4743" s="91"/>
      <c r="FR4743" s="91"/>
      <c r="FS4743" s="91"/>
      <c r="FT4743" s="91"/>
      <c r="FU4743" s="91"/>
      <c r="FV4743" s="91"/>
      <c r="FW4743" s="91"/>
      <c r="FX4743" s="127"/>
      <c r="FY4743" s="126"/>
      <c r="FZ4743" s="91"/>
      <c r="GA4743" s="91"/>
      <c r="GB4743" s="91"/>
      <c r="GC4743" s="91"/>
      <c r="GD4743" s="91"/>
      <c r="GE4743" s="91"/>
      <c r="GF4743" s="91"/>
      <c r="GG4743" s="91"/>
      <c r="GH4743" s="91"/>
      <c r="GI4743" s="91"/>
      <c r="GJ4743" s="91"/>
      <c r="GK4743" s="127"/>
      <c r="GL4743" s="126"/>
      <c r="GM4743" s="91"/>
      <c r="GN4743" s="91"/>
      <c r="GO4743" s="91"/>
      <c r="GP4743" s="91"/>
      <c r="GQ4743" s="91"/>
      <c r="GR4743" s="91"/>
      <c r="GS4743" s="91"/>
      <c r="GT4743" s="91"/>
      <c r="GU4743" s="91"/>
      <c r="GV4743" s="91"/>
      <c r="GW4743" s="91"/>
      <c r="GX4743" s="127"/>
      <c r="GY4743" s="126"/>
      <c r="GZ4743" s="91"/>
      <c r="HA4743" s="91"/>
      <c r="HB4743" s="91"/>
      <c r="HC4743" s="91"/>
      <c r="HD4743" s="91"/>
      <c r="HE4743" s="91"/>
      <c r="HF4743" s="91"/>
      <c r="HG4743" s="91"/>
      <c r="HH4743" s="91"/>
      <c r="HI4743" s="91"/>
      <c r="HJ4743" s="91"/>
      <c r="HK4743" s="127"/>
      <c r="HL4743" s="126"/>
      <c r="HM4743" s="91"/>
      <c r="HN4743" s="91"/>
      <c r="HO4743" s="91"/>
      <c r="HP4743" s="91"/>
      <c r="HQ4743" s="91"/>
      <c r="HR4743" s="91"/>
      <c r="HS4743" s="91"/>
      <c r="HT4743" s="91"/>
      <c r="HU4743" s="91"/>
      <c r="HV4743" s="91"/>
      <c r="HW4743" s="91"/>
      <c r="HX4743" s="127"/>
      <c r="HY4743" s="126"/>
      <c r="HZ4743" s="91"/>
      <c r="IA4743" s="91"/>
      <c r="IB4743" s="91"/>
      <c r="IC4743" s="91"/>
      <c r="ID4743" s="91"/>
      <c r="IE4743" s="91"/>
      <c r="IF4743" s="91"/>
      <c r="IG4743" s="91"/>
      <c r="IH4743" s="91"/>
      <c r="II4743" s="91"/>
      <c r="IJ4743" s="91"/>
      <c r="IK4743" s="174"/>
    </row>
    <row r="4744" spans="2:245" x14ac:dyDescent="0.2">
      <c r="B4744" s="43"/>
      <c r="C4744" s="73"/>
      <c r="D4744" s="64"/>
      <c r="E4744" s="64"/>
      <c r="F4744" s="55"/>
      <c r="G4744" s="102"/>
      <c r="H4744" s="97"/>
      <c r="T4744" s="98"/>
      <c r="U4744" s="97"/>
      <c r="AG4744" s="98"/>
      <c r="AY4744" s="164"/>
      <c r="BK4744" s="98"/>
      <c r="BL4744" s="97"/>
      <c r="BX4744" s="98"/>
      <c r="CL4744" s="97"/>
      <c r="CX4744" s="98"/>
      <c r="DL4744" s="97"/>
      <c r="DX4744" s="98"/>
      <c r="EL4744" s="97"/>
      <c r="EX4744" s="98"/>
      <c r="EY4744" s="97"/>
      <c r="FL4744" s="126"/>
      <c r="FM4744" s="91"/>
      <c r="FN4744" s="91"/>
      <c r="FO4744" s="91"/>
      <c r="FP4744" s="91"/>
      <c r="FQ4744" s="91"/>
      <c r="FR4744" s="91"/>
      <c r="FS4744" s="91"/>
      <c r="FT4744" s="91"/>
      <c r="FU4744" s="91"/>
      <c r="FV4744" s="91"/>
      <c r="FW4744" s="91"/>
      <c r="FX4744" s="127"/>
      <c r="FY4744" s="126"/>
      <c r="FZ4744" s="91"/>
      <c r="GA4744" s="91"/>
      <c r="GB4744" s="91"/>
      <c r="GC4744" s="91"/>
      <c r="GD4744" s="91"/>
      <c r="GE4744" s="91"/>
      <c r="GF4744" s="91"/>
      <c r="GG4744" s="91"/>
      <c r="GH4744" s="91"/>
      <c r="GI4744" s="91"/>
      <c r="GJ4744" s="91"/>
      <c r="GK4744" s="127"/>
      <c r="GL4744" s="126"/>
      <c r="GM4744" s="91"/>
      <c r="GN4744" s="91"/>
      <c r="GO4744" s="91"/>
      <c r="GP4744" s="91"/>
      <c r="GQ4744" s="91"/>
      <c r="GR4744" s="91"/>
      <c r="GS4744" s="91"/>
      <c r="GT4744" s="91"/>
      <c r="GU4744" s="91"/>
      <c r="GV4744" s="91"/>
      <c r="GW4744" s="91"/>
      <c r="GX4744" s="127"/>
      <c r="GY4744" s="126"/>
      <c r="GZ4744" s="91"/>
      <c r="HA4744" s="91"/>
      <c r="HB4744" s="91"/>
      <c r="HC4744" s="91"/>
      <c r="HD4744" s="91"/>
      <c r="HE4744" s="91"/>
      <c r="HF4744" s="91"/>
      <c r="HG4744" s="91"/>
      <c r="HH4744" s="91"/>
      <c r="HI4744" s="91"/>
      <c r="HJ4744" s="91"/>
      <c r="HK4744" s="127"/>
      <c r="HL4744" s="126"/>
      <c r="HM4744" s="91"/>
      <c r="HN4744" s="91"/>
      <c r="HO4744" s="91"/>
      <c r="HP4744" s="91"/>
      <c r="HQ4744" s="91"/>
      <c r="HR4744" s="91"/>
      <c r="HS4744" s="91"/>
      <c r="HT4744" s="91"/>
      <c r="HU4744" s="91"/>
      <c r="HV4744" s="91"/>
      <c r="HW4744" s="91"/>
      <c r="HX4744" s="127"/>
      <c r="HY4744" s="126"/>
      <c r="HZ4744" s="91"/>
      <c r="IA4744" s="91"/>
      <c r="IB4744" s="91"/>
      <c r="IC4744" s="91"/>
      <c r="ID4744" s="91"/>
      <c r="IE4744" s="91"/>
      <c r="IF4744" s="91"/>
      <c r="IG4744" s="91"/>
      <c r="IH4744" s="91"/>
      <c r="II4744" s="91"/>
      <c r="IJ4744" s="91"/>
      <c r="IK4744" s="174"/>
    </row>
    <row r="4745" spans="2:245" x14ac:dyDescent="0.2">
      <c r="B4745" s="43"/>
      <c r="C4745" s="73"/>
      <c r="D4745" s="64"/>
      <c r="E4745" s="64"/>
      <c r="F4745" s="55"/>
      <c r="G4745" s="102"/>
      <c r="H4745" s="97"/>
      <c r="T4745" s="98"/>
      <c r="U4745" s="97"/>
      <c r="AG4745" s="98"/>
      <c r="AY4745" s="164"/>
      <c r="BK4745" s="98"/>
      <c r="BL4745" s="97"/>
      <c r="BX4745" s="98"/>
      <c r="CL4745" s="97"/>
      <c r="CX4745" s="98"/>
      <c r="DL4745" s="97"/>
      <c r="DX4745" s="98"/>
      <c r="EL4745" s="97"/>
      <c r="EX4745" s="98"/>
      <c r="EY4745" s="97"/>
      <c r="FL4745" s="126"/>
      <c r="FM4745" s="91"/>
      <c r="FN4745" s="91"/>
      <c r="FO4745" s="91"/>
      <c r="FP4745" s="91"/>
      <c r="FQ4745" s="91"/>
      <c r="FR4745" s="91"/>
      <c r="FS4745" s="91"/>
      <c r="FT4745" s="91"/>
      <c r="FU4745" s="91"/>
      <c r="FV4745" s="91"/>
      <c r="FW4745" s="91"/>
      <c r="FX4745" s="127"/>
      <c r="FY4745" s="126"/>
      <c r="FZ4745" s="91"/>
      <c r="GA4745" s="91"/>
      <c r="GB4745" s="91"/>
      <c r="GC4745" s="91"/>
      <c r="GD4745" s="91"/>
      <c r="GE4745" s="91"/>
      <c r="GF4745" s="91"/>
      <c r="GG4745" s="91"/>
      <c r="GH4745" s="91"/>
      <c r="GI4745" s="91"/>
      <c r="GJ4745" s="91"/>
      <c r="GK4745" s="127"/>
      <c r="GL4745" s="126"/>
      <c r="GM4745" s="91"/>
      <c r="GN4745" s="91"/>
      <c r="GO4745" s="91"/>
      <c r="GP4745" s="91"/>
      <c r="GQ4745" s="91"/>
      <c r="GR4745" s="91"/>
      <c r="GS4745" s="91"/>
      <c r="GT4745" s="91"/>
      <c r="GU4745" s="91"/>
      <c r="GV4745" s="91"/>
      <c r="GW4745" s="91"/>
      <c r="GX4745" s="127"/>
      <c r="GY4745" s="126"/>
      <c r="GZ4745" s="91"/>
      <c r="HA4745" s="91"/>
      <c r="HB4745" s="91"/>
      <c r="HC4745" s="91"/>
      <c r="HD4745" s="91"/>
      <c r="HE4745" s="91"/>
      <c r="HF4745" s="91"/>
      <c r="HG4745" s="91"/>
      <c r="HH4745" s="91"/>
      <c r="HI4745" s="91"/>
      <c r="HJ4745" s="91"/>
      <c r="HK4745" s="127"/>
      <c r="HL4745" s="126"/>
      <c r="HM4745" s="91"/>
      <c r="HN4745" s="91"/>
      <c r="HO4745" s="91"/>
      <c r="HP4745" s="91"/>
      <c r="HQ4745" s="91"/>
      <c r="HR4745" s="91"/>
      <c r="HS4745" s="91"/>
      <c r="HT4745" s="91"/>
      <c r="HU4745" s="91"/>
      <c r="HV4745" s="91"/>
      <c r="HW4745" s="91"/>
      <c r="HX4745" s="127"/>
      <c r="HY4745" s="126"/>
      <c r="HZ4745" s="91"/>
      <c r="IA4745" s="91"/>
      <c r="IB4745" s="91"/>
      <c r="IC4745" s="91"/>
      <c r="ID4745" s="91"/>
      <c r="IE4745" s="91"/>
      <c r="IF4745" s="91"/>
      <c r="IG4745" s="91"/>
      <c r="IH4745" s="91"/>
      <c r="II4745" s="91"/>
      <c r="IJ4745" s="91"/>
      <c r="IK4745" s="174"/>
    </row>
    <row r="4746" spans="2:245" x14ac:dyDescent="0.2">
      <c r="B4746" s="43"/>
      <c r="C4746" s="73"/>
      <c r="D4746" s="64"/>
      <c r="E4746" s="64"/>
      <c r="F4746" s="55"/>
      <c r="G4746" s="102"/>
      <c r="H4746" s="97"/>
      <c r="T4746" s="98"/>
      <c r="U4746" s="97"/>
      <c r="AG4746" s="98"/>
      <c r="AY4746" s="164"/>
      <c r="BK4746" s="98"/>
      <c r="BL4746" s="97"/>
      <c r="BX4746" s="98"/>
      <c r="CL4746" s="97"/>
      <c r="CX4746" s="98"/>
      <c r="DL4746" s="97"/>
      <c r="DX4746" s="98"/>
      <c r="EL4746" s="97"/>
      <c r="EX4746" s="98"/>
      <c r="EY4746" s="97"/>
      <c r="FL4746" s="126"/>
      <c r="FM4746" s="91"/>
      <c r="FN4746" s="91"/>
      <c r="FO4746" s="91"/>
      <c r="FP4746" s="91"/>
      <c r="FQ4746" s="91"/>
      <c r="FR4746" s="91"/>
      <c r="FS4746" s="91"/>
      <c r="FT4746" s="91"/>
      <c r="FU4746" s="91"/>
      <c r="FV4746" s="91"/>
      <c r="FW4746" s="91"/>
      <c r="FX4746" s="127"/>
      <c r="FY4746" s="126"/>
      <c r="FZ4746" s="91"/>
      <c r="GA4746" s="91"/>
      <c r="GB4746" s="91"/>
      <c r="GC4746" s="91"/>
      <c r="GD4746" s="91"/>
      <c r="GE4746" s="91"/>
      <c r="GF4746" s="91"/>
      <c r="GG4746" s="91"/>
      <c r="GH4746" s="91"/>
      <c r="GI4746" s="91"/>
      <c r="GJ4746" s="91"/>
      <c r="GK4746" s="127"/>
      <c r="GL4746" s="126"/>
      <c r="GM4746" s="91"/>
      <c r="GN4746" s="91"/>
      <c r="GO4746" s="91"/>
      <c r="GP4746" s="91"/>
      <c r="GQ4746" s="91"/>
      <c r="GR4746" s="91"/>
      <c r="GS4746" s="91"/>
      <c r="GT4746" s="91"/>
      <c r="GU4746" s="91"/>
      <c r="GV4746" s="91"/>
      <c r="GW4746" s="91"/>
      <c r="GX4746" s="127"/>
      <c r="GY4746" s="126"/>
      <c r="GZ4746" s="91"/>
      <c r="HA4746" s="91"/>
      <c r="HB4746" s="91"/>
      <c r="HC4746" s="91"/>
      <c r="HD4746" s="91"/>
      <c r="HE4746" s="91"/>
      <c r="HF4746" s="91"/>
      <c r="HG4746" s="91"/>
      <c r="HH4746" s="91"/>
      <c r="HI4746" s="91"/>
      <c r="HJ4746" s="91"/>
      <c r="HK4746" s="127"/>
      <c r="HL4746" s="126"/>
      <c r="HM4746" s="91"/>
      <c r="HN4746" s="91"/>
      <c r="HO4746" s="91"/>
      <c r="HP4746" s="91"/>
      <c r="HQ4746" s="91"/>
      <c r="HR4746" s="91"/>
      <c r="HS4746" s="91"/>
      <c r="HT4746" s="91"/>
      <c r="HU4746" s="91"/>
      <c r="HV4746" s="91"/>
      <c r="HW4746" s="91"/>
      <c r="HX4746" s="127"/>
      <c r="HY4746" s="126"/>
      <c r="HZ4746" s="91"/>
      <c r="IA4746" s="91"/>
      <c r="IB4746" s="91"/>
      <c r="IC4746" s="91"/>
      <c r="ID4746" s="91"/>
      <c r="IE4746" s="91"/>
      <c r="IF4746" s="91"/>
      <c r="IG4746" s="91"/>
      <c r="IH4746" s="91"/>
      <c r="II4746" s="91"/>
      <c r="IJ4746" s="91"/>
      <c r="IK4746" s="174"/>
    </row>
    <row r="4747" spans="2:245" x14ac:dyDescent="0.2">
      <c r="B4747" s="43"/>
      <c r="C4747" s="73"/>
      <c r="D4747" s="64"/>
      <c r="E4747" s="64"/>
      <c r="F4747" s="55"/>
      <c r="G4747" s="102"/>
      <c r="H4747" s="97"/>
      <c r="T4747" s="98"/>
      <c r="U4747" s="97"/>
      <c r="AG4747" s="98"/>
      <c r="AY4747" s="164"/>
      <c r="BK4747" s="98"/>
      <c r="BL4747" s="97"/>
      <c r="BX4747" s="98"/>
      <c r="CL4747" s="97"/>
      <c r="CX4747" s="98"/>
      <c r="DL4747" s="97"/>
      <c r="DX4747" s="98"/>
      <c r="EL4747" s="97"/>
      <c r="EX4747" s="98"/>
      <c r="EY4747" s="97"/>
      <c r="FL4747" s="126"/>
      <c r="FM4747" s="91"/>
      <c r="FN4747" s="91"/>
      <c r="FO4747" s="91"/>
      <c r="FP4747" s="91"/>
      <c r="FQ4747" s="91"/>
      <c r="FR4747" s="91"/>
      <c r="FS4747" s="91"/>
      <c r="FT4747" s="91"/>
      <c r="FU4747" s="91"/>
      <c r="FV4747" s="91"/>
      <c r="FW4747" s="91"/>
      <c r="FX4747" s="127"/>
      <c r="FY4747" s="126"/>
      <c r="FZ4747" s="91"/>
      <c r="GA4747" s="91"/>
      <c r="GB4747" s="91"/>
      <c r="GC4747" s="91"/>
      <c r="GD4747" s="91"/>
      <c r="GE4747" s="91"/>
      <c r="GF4747" s="91"/>
      <c r="GG4747" s="91"/>
      <c r="GH4747" s="91"/>
      <c r="GI4747" s="91"/>
      <c r="GJ4747" s="91"/>
      <c r="GK4747" s="127"/>
      <c r="GL4747" s="126"/>
      <c r="GM4747" s="91"/>
      <c r="GN4747" s="91"/>
      <c r="GO4747" s="91"/>
      <c r="GP4747" s="91"/>
      <c r="GQ4747" s="91"/>
      <c r="GR4747" s="91"/>
      <c r="GS4747" s="91"/>
      <c r="GT4747" s="91"/>
      <c r="GU4747" s="91"/>
      <c r="GV4747" s="91"/>
      <c r="GW4747" s="91"/>
      <c r="GX4747" s="127"/>
      <c r="GY4747" s="126"/>
      <c r="GZ4747" s="91"/>
      <c r="HA4747" s="91"/>
      <c r="HB4747" s="91"/>
      <c r="HC4747" s="91"/>
      <c r="HD4747" s="91"/>
      <c r="HE4747" s="91"/>
      <c r="HF4747" s="91"/>
      <c r="HG4747" s="91"/>
      <c r="HH4747" s="91"/>
      <c r="HI4747" s="91"/>
      <c r="HJ4747" s="91"/>
      <c r="HK4747" s="127"/>
      <c r="HL4747" s="126"/>
      <c r="HM4747" s="91"/>
      <c r="HN4747" s="91"/>
      <c r="HO4747" s="91"/>
      <c r="HP4747" s="91"/>
      <c r="HQ4747" s="91"/>
      <c r="HR4747" s="91"/>
      <c r="HS4747" s="91"/>
      <c r="HT4747" s="91"/>
      <c r="HU4747" s="91"/>
      <c r="HV4747" s="91"/>
      <c r="HW4747" s="91"/>
      <c r="HX4747" s="127"/>
      <c r="HY4747" s="126"/>
      <c r="HZ4747" s="91"/>
      <c r="IA4747" s="91"/>
      <c r="IB4747" s="91"/>
      <c r="IC4747" s="91"/>
      <c r="ID4747" s="91"/>
      <c r="IE4747" s="91"/>
      <c r="IF4747" s="91"/>
      <c r="IG4747" s="91"/>
      <c r="IH4747" s="91"/>
      <c r="II4747" s="91"/>
      <c r="IJ4747" s="91"/>
      <c r="IK4747" s="174"/>
    </row>
    <row r="4748" spans="2:245" x14ac:dyDescent="0.2">
      <c r="B4748" s="43"/>
      <c r="C4748" s="73"/>
      <c r="D4748" s="64"/>
      <c r="E4748" s="64"/>
      <c r="F4748" s="55"/>
      <c r="G4748" s="102"/>
      <c r="H4748" s="97"/>
      <c r="T4748" s="98"/>
      <c r="U4748" s="97"/>
      <c r="AG4748" s="98"/>
      <c r="AY4748" s="164"/>
      <c r="BK4748" s="98"/>
      <c r="BL4748" s="97"/>
      <c r="BX4748" s="98"/>
      <c r="CL4748" s="97"/>
      <c r="CX4748" s="98"/>
      <c r="DL4748" s="97"/>
      <c r="DX4748" s="98"/>
      <c r="EL4748" s="97"/>
      <c r="EX4748" s="98"/>
      <c r="EY4748" s="97"/>
      <c r="FL4748" s="126"/>
      <c r="FM4748" s="91"/>
      <c r="FN4748" s="91"/>
      <c r="FO4748" s="91"/>
      <c r="FP4748" s="91"/>
      <c r="FQ4748" s="91"/>
      <c r="FR4748" s="91"/>
      <c r="FS4748" s="91"/>
      <c r="FT4748" s="91"/>
      <c r="FU4748" s="91"/>
      <c r="FV4748" s="91"/>
      <c r="FW4748" s="91"/>
      <c r="FX4748" s="127"/>
      <c r="FY4748" s="126"/>
      <c r="FZ4748" s="91"/>
      <c r="GA4748" s="91"/>
      <c r="GB4748" s="91"/>
      <c r="GC4748" s="91"/>
      <c r="GD4748" s="91"/>
      <c r="GE4748" s="91"/>
      <c r="GF4748" s="91"/>
      <c r="GG4748" s="91"/>
      <c r="GH4748" s="91"/>
      <c r="GI4748" s="91"/>
      <c r="GJ4748" s="91"/>
      <c r="GK4748" s="127"/>
      <c r="GL4748" s="126"/>
      <c r="GM4748" s="91"/>
      <c r="GN4748" s="91"/>
      <c r="GO4748" s="91"/>
      <c r="GP4748" s="91"/>
      <c r="GQ4748" s="91"/>
      <c r="GR4748" s="91"/>
      <c r="GS4748" s="91"/>
      <c r="GT4748" s="91"/>
      <c r="GU4748" s="91"/>
      <c r="GV4748" s="91"/>
      <c r="GW4748" s="91"/>
      <c r="GX4748" s="127"/>
      <c r="GY4748" s="126"/>
      <c r="GZ4748" s="91"/>
      <c r="HA4748" s="91"/>
      <c r="HB4748" s="91"/>
      <c r="HC4748" s="91"/>
      <c r="HD4748" s="91"/>
      <c r="HE4748" s="91"/>
      <c r="HF4748" s="91"/>
      <c r="HG4748" s="91"/>
      <c r="HH4748" s="91"/>
      <c r="HI4748" s="91"/>
      <c r="HJ4748" s="91"/>
      <c r="HK4748" s="127"/>
      <c r="HL4748" s="126"/>
      <c r="HM4748" s="91"/>
      <c r="HN4748" s="91"/>
      <c r="HO4748" s="91"/>
      <c r="HP4748" s="91"/>
      <c r="HQ4748" s="91"/>
      <c r="HR4748" s="91"/>
      <c r="HS4748" s="91"/>
      <c r="HT4748" s="91"/>
      <c r="HU4748" s="91"/>
      <c r="HV4748" s="91"/>
      <c r="HW4748" s="91"/>
      <c r="HX4748" s="127"/>
      <c r="HY4748" s="126"/>
      <c r="HZ4748" s="91"/>
      <c r="IA4748" s="91"/>
      <c r="IB4748" s="91"/>
      <c r="IC4748" s="91"/>
      <c r="ID4748" s="91"/>
      <c r="IE4748" s="91"/>
      <c r="IF4748" s="91"/>
      <c r="IG4748" s="91"/>
      <c r="IH4748" s="91"/>
      <c r="II4748" s="91"/>
      <c r="IJ4748" s="91"/>
      <c r="IK4748" s="174"/>
    </row>
    <row r="4749" spans="2:245" x14ac:dyDescent="0.2">
      <c r="B4749" s="43"/>
      <c r="C4749" s="73"/>
      <c r="D4749" s="64"/>
      <c r="E4749" s="64"/>
      <c r="F4749" s="55"/>
      <c r="G4749" s="102"/>
      <c r="H4749" s="97"/>
      <c r="T4749" s="98"/>
      <c r="U4749" s="97"/>
      <c r="AG4749" s="98"/>
      <c r="AY4749" s="164"/>
      <c r="BK4749" s="98"/>
      <c r="BL4749" s="97"/>
      <c r="BX4749" s="98"/>
      <c r="CL4749" s="97"/>
      <c r="CX4749" s="98"/>
      <c r="DL4749" s="97"/>
      <c r="DX4749" s="98"/>
      <c r="EL4749" s="97"/>
      <c r="EX4749" s="98"/>
      <c r="EY4749" s="97"/>
      <c r="FL4749" s="126"/>
      <c r="FM4749" s="91"/>
      <c r="FN4749" s="91"/>
      <c r="FO4749" s="91"/>
      <c r="FP4749" s="91"/>
      <c r="FQ4749" s="91"/>
      <c r="FR4749" s="91"/>
      <c r="FS4749" s="91"/>
      <c r="FT4749" s="91"/>
      <c r="FU4749" s="91"/>
      <c r="FV4749" s="91"/>
      <c r="FW4749" s="91"/>
      <c r="FX4749" s="127"/>
      <c r="FY4749" s="126"/>
      <c r="FZ4749" s="91"/>
      <c r="GA4749" s="91"/>
      <c r="GB4749" s="91"/>
      <c r="GC4749" s="91"/>
      <c r="GD4749" s="91"/>
      <c r="GE4749" s="91"/>
      <c r="GF4749" s="91"/>
      <c r="GG4749" s="91"/>
      <c r="GH4749" s="91"/>
      <c r="GI4749" s="91"/>
      <c r="GJ4749" s="91"/>
      <c r="GK4749" s="127"/>
      <c r="GL4749" s="126"/>
      <c r="GM4749" s="91"/>
      <c r="GN4749" s="91"/>
      <c r="GO4749" s="91"/>
      <c r="GP4749" s="91"/>
      <c r="GQ4749" s="91"/>
      <c r="GR4749" s="91"/>
      <c r="GS4749" s="91"/>
      <c r="GT4749" s="91"/>
      <c r="GU4749" s="91"/>
      <c r="GV4749" s="91"/>
      <c r="GW4749" s="91"/>
      <c r="GX4749" s="127"/>
      <c r="GY4749" s="126"/>
      <c r="GZ4749" s="91"/>
      <c r="HA4749" s="91"/>
      <c r="HB4749" s="91"/>
      <c r="HC4749" s="91"/>
      <c r="HD4749" s="91"/>
      <c r="HE4749" s="91"/>
      <c r="HF4749" s="91"/>
      <c r="HG4749" s="91"/>
      <c r="HH4749" s="91"/>
      <c r="HI4749" s="91"/>
      <c r="HJ4749" s="91"/>
      <c r="HK4749" s="127"/>
      <c r="HL4749" s="126"/>
      <c r="HM4749" s="91"/>
      <c r="HN4749" s="91"/>
      <c r="HO4749" s="91"/>
      <c r="HP4749" s="91"/>
      <c r="HQ4749" s="91"/>
      <c r="HR4749" s="91"/>
      <c r="HS4749" s="91"/>
      <c r="HT4749" s="91"/>
      <c r="HU4749" s="91"/>
      <c r="HV4749" s="91"/>
      <c r="HW4749" s="91"/>
      <c r="HX4749" s="127"/>
      <c r="HY4749" s="126"/>
      <c r="HZ4749" s="91"/>
      <c r="IA4749" s="91"/>
      <c r="IB4749" s="91"/>
      <c r="IC4749" s="91"/>
      <c r="ID4749" s="91"/>
      <c r="IE4749" s="91"/>
      <c r="IF4749" s="91"/>
      <c r="IG4749" s="91"/>
      <c r="IH4749" s="91"/>
      <c r="II4749" s="91"/>
      <c r="IJ4749" s="91"/>
      <c r="IK4749" s="174"/>
    </row>
    <row r="4750" spans="2:245" x14ac:dyDescent="0.2">
      <c r="B4750" s="43"/>
      <c r="C4750" s="73"/>
      <c r="D4750" s="64"/>
      <c r="E4750" s="64"/>
      <c r="F4750" s="55"/>
      <c r="G4750" s="102"/>
      <c r="H4750" s="97"/>
      <c r="T4750" s="98"/>
      <c r="U4750" s="97"/>
      <c r="AG4750" s="98"/>
      <c r="AY4750" s="164"/>
      <c r="BK4750" s="98"/>
      <c r="BL4750" s="97"/>
      <c r="BX4750" s="98"/>
      <c r="CL4750" s="97"/>
      <c r="CX4750" s="98"/>
      <c r="DL4750" s="97"/>
      <c r="DX4750" s="98"/>
      <c r="EL4750" s="97"/>
      <c r="EX4750" s="98"/>
      <c r="EY4750" s="97"/>
      <c r="FL4750" s="126"/>
      <c r="FM4750" s="91"/>
      <c r="FN4750" s="91"/>
      <c r="FO4750" s="91"/>
      <c r="FP4750" s="91"/>
      <c r="FQ4750" s="91"/>
      <c r="FR4750" s="91"/>
      <c r="FS4750" s="91"/>
      <c r="FT4750" s="91"/>
      <c r="FU4750" s="91"/>
      <c r="FV4750" s="91"/>
      <c r="FW4750" s="91"/>
      <c r="FX4750" s="127"/>
      <c r="FY4750" s="126"/>
      <c r="FZ4750" s="91"/>
      <c r="GA4750" s="91"/>
      <c r="GB4750" s="91"/>
      <c r="GC4750" s="91"/>
      <c r="GD4750" s="91"/>
      <c r="GE4750" s="91"/>
      <c r="GF4750" s="91"/>
      <c r="GG4750" s="91"/>
      <c r="GH4750" s="91"/>
      <c r="GI4750" s="91"/>
      <c r="GJ4750" s="91"/>
      <c r="GK4750" s="127"/>
      <c r="GL4750" s="126"/>
      <c r="GM4750" s="91"/>
      <c r="GN4750" s="91"/>
      <c r="GO4750" s="91"/>
      <c r="GP4750" s="91"/>
      <c r="GQ4750" s="91"/>
      <c r="GR4750" s="91"/>
      <c r="GS4750" s="91"/>
      <c r="GT4750" s="91"/>
      <c r="GU4750" s="91"/>
      <c r="GV4750" s="91"/>
      <c r="GW4750" s="91"/>
      <c r="GX4750" s="127"/>
      <c r="GY4750" s="126"/>
      <c r="GZ4750" s="91"/>
      <c r="HA4750" s="91"/>
      <c r="HB4750" s="91"/>
      <c r="HC4750" s="91"/>
      <c r="HD4750" s="91"/>
      <c r="HE4750" s="91"/>
      <c r="HF4750" s="91"/>
      <c r="HG4750" s="91"/>
      <c r="HH4750" s="91"/>
      <c r="HI4750" s="91"/>
      <c r="HJ4750" s="91"/>
      <c r="HK4750" s="127"/>
      <c r="HL4750" s="126"/>
      <c r="HM4750" s="91"/>
      <c r="HN4750" s="91"/>
      <c r="HO4750" s="91"/>
      <c r="HP4750" s="91"/>
      <c r="HQ4750" s="91"/>
      <c r="HR4750" s="91"/>
      <c r="HS4750" s="91"/>
      <c r="HT4750" s="91"/>
      <c r="HU4750" s="91"/>
      <c r="HV4750" s="91"/>
      <c r="HW4750" s="91"/>
      <c r="HX4750" s="127"/>
      <c r="HY4750" s="126"/>
      <c r="HZ4750" s="91"/>
      <c r="IA4750" s="91"/>
      <c r="IB4750" s="91"/>
      <c r="IC4750" s="91"/>
      <c r="ID4750" s="91"/>
      <c r="IE4750" s="91"/>
      <c r="IF4750" s="91"/>
      <c r="IG4750" s="91"/>
      <c r="IH4750" s="91"/>
      <c r="II4750" s="91"/>
      <c r="IJ4750" s="91"/>
      <c r="IK4750" s="174"/>
    </row>
    <row r="4751" spans="2:245" x14ac:dyDescent="0.2">
      <c r="B4751" s="43"/>
      <c r="C4751" s="73"/>
      <c r="D4751" s="64"/>
      <c r="E4751" s="64"/>
      <c r="F4751" s="55"/>
      <c r="G4751" s="102"/>
      <c r="H4751" s="97"/>
      <c r="T4751" s="98"/>
      <c r="U4751" s="97"/>
      <c r="AG4751" s="98"/>
      <c r="AY4751" s="164"/>
      <c r="BK4751" s="98"/>
      <c r="BL4751" s="97"/>
      <c r="BX4751" s="98"/>
      <c r="CL4751" s="97"/>
      <c r="CX4751" s="98"/>
      <c r="DL4751" s="97"/>
      <c r="DX4751" s="98"/>
      <c r="EL4751" s="97"/>
      <c r="EX4751" s="98"/>
      <c r="EY4751" s="97"/>
      <c r="FL4751" s="126"/>
      <c r="FM4751" s="91"/>
      <c r="FN4751" s="91"/>
      <c r="FO4751" s="91"/>
      <c r="FP4751" s="91"/>
      <c r="FQ4751" s="91"/>
      <c r="FR4751" s="91"/>
      <c r="FS4751" s="91"/>
      <c r="FT4751" s="91"/>
      <c r="FU4751" s="91"/>
      <c r="FV4751" s="91"/>
      <c r="FW4751" s="91"/>
      <c r="FX4751" s="127"/>
      <c r="FY4751" s="126"/>
      <c r="FZ4751" s="91"/>
      <c r="GA4751" s="91"/>
      <c r="GB4751" s="91"/>
      <c r="GC4751" s="91"/>
      <c r="GD4751" s="91"/>
      <c r="GE4751" s="91"/>
      <c r="GF4751" s="91"/>
      <c r="GG4751" s="91"/>
      <c r="GH4751" s="91"/>
      <c r="GI4751" s="91"/>
      <c r="GJ4751" s="91"/>
      <c r="GK4751" s="127"/>
      <c r="GL4751" s="126"/>
      <c r="GM4751" s="91"/>
      <c r="GN4751" s="91"/>
      <c r="GO4751" s="91"/>
      <c r="GP4751" s="91"/>
      <c r="GQ4751" s="91"/>
      <c r="GR4751" s="91"/>
      <c r="GS4751" s="91"/>
      <c r="GT4751" s="91"/>
      <c r="GU4751" s="91"/>
      <c r="GV4751" s="91"/>
      <c r="GW4751" s="91"/>
      <c r="GX4751" s="127"/>
      <c r="GY4751" s="126"/>
      <c r="GZ4751" s="91"/>
      <c r="HA4751" s="91"/>
      <c r="HB4751" s="91"/>
      <c r="HC4751" s="91"/>
      <c r="HD4751" s="91"/>
      <c r="HE4751" s="91"/>
      <c r="HF4751" s="91"/>
      <c r="HG4751" s="91"/>
      <c r="HH4751" s="91"/>
      <c r="HI4751" s="91"/>
      <c r="HJ4751" s="91"/>
      <c r="HK4751" s="127"/>
      <c r="HL4751" s="126"/>
      <c r="HM4751" s="91"/>
      <c r="HN4751" s="91"/>
      <c r="HO4751" s="91"/>
      <c r="HP4751" s="91"/>
      <c r="HQ4751" s="91"/>
      <c r="HR4751" s="91"/>
      <c r="HS4751" s="91"/>
      <c r="HT4751" s="91"/>
      <c r="HU4751" s="91"/>
      <c r="HV4751" s="91"/>
      <c r="HW4751" s="91"/>
      <c r="HX4751" s="127"/>
      <c r="HY4751" s="126"/>
      <c r="HZ4751" s="91"/>
      <c r="IA4751" s="91"/>
      <c r="IB4751" s="91"/>
      <c r="IC4751" s="91"/>
      <c r="ID4751" s="91"/>
      <c r="IE4751" s="91"/>
      <c r="IF4751" s="91"/>
      <c r="IG4751" s="91"/>
      <c r="IH4751" s="91"/>
      <c r="II4751" s="91"/>
      <c r="IJ4751" s="91"/>
      <c r="IK4751" s="174"/>
    </row>
    <row r="4752" spans="2:245" x14ac:dyDescent="0.2">
      <c r="B4752" s="43"/>
      <c r="C4752" s="73"/>
      <c r="D4752" s="64"/>
      <c r="E4752" s="64"/>
      <c r="F4752" s="55"/>
      <c r="G4752" s="102"/>
      <c r="H4752" s="97"/>
      <c r="T4752" s="98"/>
      <c r="U4752" s="97"/>
      <c r="AG4752" s="98"/>
      <c r="AY4752" s="164"/>
      <c r="BK4752" s="98"/>
      <c r="BL4752" s="97"/>
      <c r="BX4752" s="98"/>
      <c r="CL4752" s="97"/>
      <c r="CX4752" s="98"/>
      <c r="DL4752" s="97"/>
      <c r="DX4752" s="98"/>
      <c r="EL4752" s="97"/>
      <c r="EX4752" s="98"/>
      <c r="EY4752" s="97"/>
      <c r="FL4752" s="126"/>
      <c r="FM4752" s="91"/>
      <c r="FN4752" s="91"/>
      <c r="FO4752" s="91"/>
      <c r="FP4752" s="91"/>
      <c r="FQ4752" s="91"/>
      <c r="FR4752" s="91"/>
      <c r="FS4752" s="91"/>
      <c r="FT4752" s="91"/>
      <c r="FU4752" s="91"/>
      <c r="FV4752" s="91"/>
      <c r="FW4752" s="91"/>
      <c r="FX4752" s="127"/>
      <c r="FY4752" s="126"/>
      <c r="FZ4752" s="91"/>
      <c r="GA4752" s="91"/>
      <c r="GB4752" s="91"/>
      <c r="GC4752" s="91"/>
      <c r="GD4752" s="91"/>
      <c r="GE4752" s="91"/>
      <c r="GF4752" s="91"/>
      <c r="GG4752" s="91"/>
      <c r="GH4752" s="91"/>
      <c r="GI4752" s="91"/>
      <c r="GJ4752" s="91"/>
      <c r="GK4752" s="127"/>
      <c r="GL4752" s="126"/>
      <c r="GM4752" s="91"/>
      <c r="GN4752" s="91"/>
      <c r="GO4752" s="91"/>
      <c r="GP4752" s="91"/>
      <c r="GQ4752" s="91"/>
      <c r="GR4752" s="91"/>
      <c r="GS4752" s="91"/>
      <c r="GT4752" s="91"/>
      <c r="GU4752" s="91"/>
      <c r="GV4752" s="91"/>
      <c r="GW4752" s="91"/>
      <c r="GX4752" s="127"/>
      <c r="GY4752" s="126"/>
      <c r="GZ4752" s="91"/>
      <c r="HA4752" s="91"/>
      <c r="HB4752" s="91"/>
      <c r="HC4752" s="91"/>
      <c r="HD4752" s="91"/>
      <c r="HE4752" s="91"/>
      <c r="HF4752" s="91"/>
      <c r="HG4752" s="91"/>
      <c r="HH4752" s="91"/>
      <c r="HI4752" s="91"/>
      <c r="HJ4752" s="91"/>
      <c r="HK4752" s="127"/>
      <c r="HL4752" s="126"/>
      <c r="HM4752" s="91"/>
      <c r="HN4752" s="91"/>
      <c r="HO4752" s="91"/>
      <c r="HP4752" s="91"/>
      <c r="HQ4752" s="91"/>
      <c r="HR4752" s="91"/>
      <c r="HS4752" s="91"/>
      <c r="HT4752" s="91"/>
      <c r="HU4752" s="91"/>
      <c r="HV4752" s="91"/>
      <c r="HW4752" s="91"/>
      <c r="HX4752" s="127"/>
      <c r="HY4752" s="126"/>
      <c r="HZ4752" s="91"/>
      <c r="IA4752" s="91"/>
      <c r="IB4752" s="91"/>
      <c r="IC4752" s="91"/>
      <c r="ID4752" s="91"/>
      <c r="IE4752" s="91"/>
      <c r="IF4752" s="91"/>
      <c r="IG4752" s="91"/>
      <c r="IH4752" s="91"/>
      <c r="II4752" s="91"/>
      <c r="IJ4752" s="91"/>
      <c r="IK4752" s="174"/>
    </row>
    <row r="4753" spans="2:245" x14ac:dyDescent="0.2">
      <c r="B4753" s="43"/>
      <c r="C4753" s="73"/>
      <c r="D4753" s="64"/>
      <c r="E4753" s="64"/>
      <c r="F4753" s="55"/>
      <c r="G4753" s="102"/>
      <c r="H4753" s="97"/>
      <c r="T4753" s="98"/>
      <c r="U4753" s="97"/>
      <c r="AG4753" s="98"/>
      <c r="AY4753" s="164"/>
      <c r="BK4753" s="98"/>
      <c r="BL4753" s="97"/>
      <c r="BX4753" s="98"/>
      <c r="CL4753" s="97"/>
      <c r="CX4753" s="98"/>
      <c r="DL4753" s="97"/>
      <c r="DX4753" s="98"/>
      <c r="EL4753" s="97"/>
      <c r="EX4753" s="98"/>
      <c r="EY4753" s="97"/>
      <c r="FL4753" s="126"/>
      <c r="FM4753" s="91"/>
      <c r="FN4753" s="91"/>
      <c r="FO4753" s="91"/>
      <c r="FP4753" s="91"/>
      <c r="FQ4753" s="91"/>
      <c r="FR4753" s="91"/>
      <c r="FS4753" s="91"/>
      <c r="FT4753" s="91"/>
      <c r="FU4753" s="91"/>
      <c r="FV4753" s="91"/>
      <c r="FW4753" s="91"/>
      <c r="FX4753" s="127"/>
      <c r="FY4753" s="126"/>
      <c r="FZ4753" s="91"/>
      <c r="GA4753" s="91"/>
      <c r="GB4753" s="91"/>
      <c r="GC4753" s="91"/>
      <c r="GD4753" s="91"/>
      <c r="GE4753" s="91"/>
      <c r="GF4753" s="91"/>
      <c r="GG4753" s="91"/>
      <c r="GH4753" s="91"/>
      <c r="GI4753" s="91"/>
      <c r="GJ4753" s="91"/>
      <c r="GK4753" s="127"/>
      <c r="GL4753" s="126"/>
      <c r="GM4753" s="91"/>
      <c r="GN4753" s="91"/>
      <c r="GO4753" s="91"/>
      <c r="GP4753" s="91"/>
      <c r="GQ4753" s="91"/>
      <c r="GR4753" s="91"/>
      <c r="GS4753" s="91"/>
      <c r="GT4753" s="91"/>
      <c r="GU4753" s="91"/>
      <c r="GV4753" s="91"/>
      <c r="GW4753" s="91"/>
      <c r="GX4753" s="127"/>
      <c r="GY4753" s="126"/>
      <c r="GZ4753" s="91"/>
      <c r="HA4753" s="91"/>
      <c r="HB4753" s="91"/>
      <c r="HC4753" s="91"/>
      <c r="HD4753" s="91"/>
      <c r="HE4753" s="91"/>
      <c r="HF4753" s="91"/>
      <c r="HG4753" s="91"/>
      <c r="HH4753" s="91"/>
      <c r="HI4753" s="91"/>
      <c r="HJ4753" s="91"/>
      <c r="HK4753" s="127"/>
      <c r="HL4753" s="126"/>
      <c r="HM4753" s="91"/>
      <c r="HN4753" s="91"/>
      <c r="HO4753" s="91"/>
      <c r="HP4753" s="91"/>
      <c r="HQ4753" s="91"/>
      <c r="HR4753" s="91"/>
      <c r="HS4753" s="91"/>
      <c r="HT4753" s="91"/>
      <c r="HU4753" s="91"/>
      <c r="HV4753" s="91"/>
      <c r="HW4753" s="91"/>
      <c r="HX4753" s="127"/>
      <c r="HY4753" s="126"/>
      <c r="HZ4753" s="91"/>
      <c r="IA4753" s="91"/>
      <c r="IB4753" s="91"/>
      <c r="IC4753" s="91"/>
      <c r="ID4753" s="91"/>
      <c r="IE4753" s="91"/>
      <c r="IF4753" s="91"/>
      <c r="IG4753" s="91"/>
      <c r="IH4753" s="91"/>
      <c r="II4753" s="91"/>
      <c r="IJ4753" s="91"/>
      <c r="IK4753" s="174"/>
    </row>
    <row r="4754" spans="2:245" x14ac:dyDescent="0.2">
      <c r="B4754" s="43"/>
      <c r="C4754" s="73"/>
      <c r="D4754" s="64"/>
      <c r="E4754" s="64"/>
      <c r="F4754" s="55"/>
      <c r="G4754" s="102"/>
      <c r="H4754" s="97"/>
      <c r="T4754" s="98"/>
      <c r="U4754" s="97"/>
      <c r="AG4754" s="98"/>
      <c r="AY4754" s="164"/>
      <c r="BK4754" s="98"/>
      <c r="BL4754" s="97"/>
      <c r="BX4754" s="98"/>
      <c r="CL4754" s="97"/>
      <c r="CX4754" s="98"/>
      <c r="DL4754" s="97"/>
      <c r="DX4754" s="98"/>
      <c r="EL4754" s="97"/>
      <c r="EX4754" s="98"/>
      <c r="EY4754" s="97"/>
      <c r="FL4754" s="126"/>
      <c r="FM4754" s="91"/>
      <c r="FN4754" s="91"/>
      <c r="FO4754" s="91"/>
      <c r="FP4754" s="91"/>
      <c r="FQ4754" s="91"/>
      <c r="FR4754" s="91"/>
      <c r="FS4754" s="91"/>
      <c r="FT4754" s="91"/>
      <c r="FU4754" s="91"/>
      <c r="FV4754" s="91"/>
      <c r="FW4754" s="91"/>
      <c r="FX4754" s="127"/>
      <c r="FY4754" s="126"/>
      <c r="FZ4754" s="91"/>
      <c r="GA4754" s="91"/>
      <c r="GB4754" s="91"/>
      <c r="GC4754" s="91"/>
      <c r="GD4754" s="91"/>
      <c r="GE4754" s="91"/>
      <c r="GF4754" s="91"/>
      <c r="GG4754" s="91"/>
      <c r="GH4754" s="91"/>
      <c r="GI4754" s="91"/>
      <c r="GJ4754" s="91"/>
      <c r="GK4754" s="127"/>
      <c r="GL4754" s="126"/>
      <c r="GM4754" s="91"/>
      <c r="GN4754" s="91"/>
      <c r="GO4754" s="91"/>
      <c r="GP4754" s="91"/>
      <c r="GQ4754" s="91"/>
      <c r="GR4754" s="91"/>
      <c r="GS4754" s="91"/>
      <c r="GT4754" s="91"/>
      <c r="GU4754" s="91"/>
      <c r="GV4754" s="91"/>
      <c r="GW4754" s="91"/>
      <c r="GX4754" s="127"/>
      <c r="GY4754" s="126"/>
      <c r="GZ4754" s="91"/>
      <c r="HA4754" s="91"/>
      <c r="HB4754" s="91"/>
      <c r="HC4754" s="91"/>
      <c r="HD4754" s="91"/>
      <c r="HE4754" s="91"/>
      <c r="HF4754" s="91"/>
      <c r="HG4754" s="91"/>
      <c r="HH4754" s="91"/>
      <c r="HI4754" s="91"/>
      <c r="HJ4754" s="91"/>
      <c r="HK4754" s="127"/>
      <c r="HL4754" s="126"/>
      <c r="HM4754" s="91"/>
      <c r="HN4754" s="91"/>
      <c r="HO4754" s="91"/>
      <c r="HP4754" s="91"/>
      <c r="HQ4754" s="91"/>
      <c r="HR4754" s="91"/>
      <c r="HS4754" s="91"/>
      <c r="HT4754" s="91"/>
      <c r="HU4754" s="91"/>
      <c r="HV4754" s="91"/>
      <c r="HW4754" s="91"/>
      <c r="HX4754" s="127"/>
      <c r="HY4754" s="126"/>
      <c r="HZ4754" s="91"/>
      <c r="IA4754" s="91"/>
      <c r="IB4754" s="91"/>
      <c r="IC4754" s="91"/>
      <c r="ID4754" s="91"/>
      <c r="IE4754" s="91"/>
      <c r="IF4754" s="91"/>
      <c r="IG4754" s="91"/>
      <c r="IH4754" s="91"/>
      <c r="II4754" s="91"/>
      <c r="IJ4754" s="91"/>
      <c r="IK4754" s="174"/>
    </row>
    <row r="4755" spans="2:245" x14ac:dyDescent="0.2">
      <c r="B4755" s="43"/>
      <c r="C4755" s="73"/>
      <c r="D4755" s="64"/>
      <c r="E4755" s="64"/>
      <c r="F4755" s="55"/>
      <c r="G4755" s="102"/>
      <c r="H4755" s="97"/>
      <c r="T4755" s="98"/>
      <c r="U4755" s="97"/>
      <c r="AG4755" s="98"/>
      <c r="AY4755" s="164"/>
      <c r="BK4755" s="98"/>
      <c r="BL4755" s="97"/>
      <c r="BX4755" s="98"/>
      <c r="CL4755" s="97"/>
      <c r="CX4755" s="98"/>
      <c r="DL4755" s="97"/>
      <c r="DX4755" s="98"/>
      <c r="EL4755" s="97"/>
      <c r="EX4755" s="98"/>
      <c r="EY4755" s="97"/>
      <c r="FL4755" s="126"/>
      <c r="FM4755" s="91"/>
      <c r="FN4755" s="91"/>
      <c r="FO4755" s="91"/>
      <c r="FP4755" s="91"/>
      <c r="FQ4755" s="91"/>
      <c r="FR4755" s="91"/>
      <c r="FS4755" s="91"/>
      <c r="FT4755" s="91"/>
      <c r="FU4755" s="91"/>
      <c r="FV4755" s="91"/>
      <c r="FW4755" s="91"/>
      <c r="FX4755" s="127"/>
      <c r="FY4755" s="126"/>
      <c r="FZ4755" s="91"/>
      <c r="GA4755" s="91"/>
      <c r="GB4755" s="91"/>
      <c r="GC4755" s="91"/>
      <c r="GD4755" s="91"/>
      <c r="GE4755" s="91"/>
      <c r="GF4755" s="91"/>
      <c r="GG4755" s="91"/>
      <c r="GH4755" s="91"/>
      <c r="GI4755" s="91"/>
      <c r="GJ4755" s="91"/>
      <c r="GK4755" s="127"/>
      <c r="GL4755" s="126"/>
      <c r="GM4755" s="91"/>
      <c r="GN4755" s="91"/>
      <c r="GO4755" s="91"/>
      <c r="GP4755" s="91"/>
      <c r="GQ4755" s="91"/>
      <c r="GR4755" s="91"/>
      <c r="GS4755" s="91"/>
      <c r="GT4755" s="91"/>
      <c r="GU4755" s="91"/>
      <c r="GV4755" s="91"/>
      <c r="GW4755" s="91"/>
      <c r="GX4755" s="127"/>
      <c r="GY4755" s="126"/>
      <c r="GZ4755" s="91"/>
      <c r="HA4755" s="91"/>
      <c r="HB4755" s="91"/>
      <c r="HC4755" s="91"/>
      <c r="HD4755" s="91"/>
      <c r="HE4755" s="91"/>
      <c r="HF4755" s="91"/>
      <c r="HG4755" s="91"/>
      <c r="HH4755" s="91"/>
      <c r="HI4755" s="91"/>
      <c r="HJ4755" s="91"/>
      <c r="HK4755" s="127"/>
      <c r="HL4755" s="126"/>
      <c r="HM4755" s="91"/>
      <c r="HN4755" s="91"/>
      <c r="HO4755" s="91"/>
      <c r="HP4755" s="91"/>
      <c r="HQ4755" s="91"/>
      <c r="HR4755" s="91"/>
      <c r="HS4755" s="91"/>
      <c r="HT4755" s="91"/>
      <c r="HU4755" s="91"/>
      <c r="HV4755" s="91"/>
      <c r="HW4755" s="91"/>
      <c r="HX4755" s="127"/>
      <c r="HY4755" s="126"/>
      <c r="HZ4755" s="91"/>
      <c r="IA4755" s="91"/>
      <c r="IB4755" s="91"/>
      <c r="IC4755" s="91"/>
      <c r="ID4755" s="91"/>
      <c r="IE4755" s="91"/>
      <c r="IF4755" s="91"/>
      <c r="IG4755" s="91"/>
      <c r="IH4755" s="91"/>
      <c r="II4755" s="91"/>
      <c r="IJ4755" s="91"/>
      <c r="IK4755" s="174"/>
    </row>
    <row r="4756" spans="2:245" x14ac:dyDescent="0.2">
      <c r="B4756" s="43"/>
      <c r="C4756" s="73"/>
      <c r="D4756" s="64"/>
      <c r="E4756" s="64"/>
      <c r="F4756" s="55"/>
      <c r="G4756" s="102"/>
      <c r="H4756" s="97"/>
      <c r="T4756" s="98"/>
      <c r="U4756" s="97"/>
      <c r="AG4756" s="98"/>
      <c r="AY4756" s="164"/>
      <c r="BK4756" s="98"/>
      <c r="BL4756" s="97"/>
      <c r="BX4756" s="98"/>
      <c r="CL4756" s="97"/>
      <c r="CX4756" s="98"/>
      <c r="DL4756" s="97"/>
      <c r="DX4756" s="98"/>
      <c r="EL4756" s="97"/>
      <c r="EX4756" s="98"/>
      <c r="EY4756" s="97"/>
      <c r="FL4756" s="126"/>
      <c r="FM4756" s="91"/>
      <c r="FN4756" s="91"/>
      <c r="FO4756" s="91"/>
      <c r="FP4756" s="91"/>
      <c r="FQ4756" s="91"/>
      <c r="FR4756" s="91"/>
      <c r="FS4756" s="91"/>
      <c r="FT4756" s="91"/>
      <c r="FU4756" s="91"/>
      <c r="FV4756" s="91"/>
      <c r="FW4756" s="91"/>
      <c r="FX4756" s="127"/>
      <c r="FY4756" s="126"/>
      <c r="FZ4756" s="91"/>
      <c r="GA4756" s="91"/>
      <c r="GB4756" s="91"/>
      <c r="GC4756" s="91"/>
      <c r="GD4756" s="91"/>
      <c r="GE4756" s="91"/>
      <c r="GF4756" s="91"/>
      <c r="GG4756" s="91"/>
      <c r="GH4756" s="91"/>
      <c r="GI4756" s="91"/>
      <c r="GJ4756" s="91"/>
      <c r="GK4756" s="127"/>
      <c r="GL4756" s="126"/>
      <c r="GM4756" s="91"/>
      <c r="GN4756" s="91"/>
      <c r="GO4756" s="91"/>
      <c r="GP4756" s="91"/>
      <c r="GQ4756" s="91"/>
      <c r="GR4756" s="91"/>
      <c r="GS4756" s="91"/>
      <c r="GT4756" s="91"/>
      <c r="GU4756" s="91"/>
      <c r="GV4756" s="91"/>
      <c r="GW4756" s="91"/>
      <c r="GX4756" s="127"/>
      <c r="GY4756" s="126"/>
      <c r="GZ4756" s="91"/>
      <c r="HA4756" s="91"/>
      <c r="HB4756" s="91"/>
      <c r="HC4756" s="91"/>
      <c r="HD4756" s="91"/>
      <c r="HE4756" s="91"/>
      <c r="HF4756" s="91"/>
      <c r="HG4756" s="91"/>
      <c r="HH4756" s="91"/>
      <c r="HI4756" s="91"/>
      <c r="HJ4756" s="91"/>
      <c r="HK4756" s="127"/>
      <c r="HL4756" s="126"/>
      <c r="HM4756" s="91"/>
      <c r="HN4756" s="91"/>
      <c r="HO4756" s="91"/>
      <c r="HP4756" s="91"/>
      <c r="HQ4756" s="91"/>
      <c r="HR4756" s="91"/>
      <c r="HS4756" s="91"/>
      <c r="HT4756" s="91"/>
      <c r="HU4756" s="91"/>
      <c r="HV4756" s="91"/>
      <c r="HW4756" s="91"/>
      <c r="HX4756" s="127"/>
      <c r="HY4756" s="126"/>
      <c r="HZ4756" s="91"/>
      <c r="IA4756" s="91"/>
      <c r="IB4756" s="91"/>
      <c r="IC4756" s="91"/>
      <c r="ID4756" s="91"/>
      <c r="IE4756" s="91"/>
      <c r="IF4756" s="91"/>
      <c r="IG4756" s="91"/>
      <c r="IH4756" s="91"/>
      <c r="II4756" s="91"/>
      <c r="IJ4756" s="91"/>
      <c r="IK4756" s="174"/>
    </row>
    <row r="4757" spans="2:245" x14ac:dyDescent="0.2">
      <c r="B4757" s="43"/>
      <c r="C4757" s="73"/>
      <c r="D4757" s="64"/>
      <c r="E4757" s="64"/>
      <c r="F4757" s="55"/>
      <c r="G4757" s="102"/>
      <c r="H4757" s="97"/>
      <c r="T4757" s="98"/>
      <c r="U4757" s="97"/>
      <c r="AG4757" s="98"/>
      <c r="AY4757" s="164"/>
      <c r="BK4757" s="98"/>
      <c r="BL4757" s="97"/>
      <c r="BX4757" s="98"/>
      <c r="CL4757" s="97"/>
      <c r="CX4757" s="98"/>
      <c r="DL4757" s="97"/>
      <c r="DX4757" s="98"/>
      <c r="EL4757" s="97"/>
      <c r="EX4757" s="98"/>
      <c r="EY4757" s="97"/>
      <c r="FL4757" s="126"/>
      <c r="FM4757" s="91"/>
      <c r="FN4757" s="91"/>
      <c r="FO4757" s="91"/>
      <c r="FP4757" s="91"/>
      <c r="FQ4757" s="91"/>
      <c r="FR4757" s="91"/>
      <c r="FS4757" s="91"/>
      <c r="FT4757" s="91"/>
      <c r="FU4757" s="91"/>
      <c r="FV4757" s="91"/>
      <c r="FW4757" s="91"/>
      <c r="FX4757" s="127"/>
      <c r="FY4757" s="126"/>
      <c r="FZ4757" s="91"/>
      <c r="GA4757" s="91"/>
      <c r="GB4757" s="91"/>
      <c r="GC4757" s="91"/>
      <c r="GD4757" s="91"/>
      <c r="GE4757" s="91"/>
      <c r="GF4757" s="91"/>
      <c r="GG4757" s="91"/>
      <c r="GH4757" s="91"/>
      <c r="GI4757" s="91"/>
      <c r="GJ4757" s="91"/>
      <c r="GK4757" s="127"/>
      <c r="GL4757" s="126"/>
      <c r="GM4757" s="91"/>
      <c r="GN4757" s="91"/>
      <c r="GO4757" s="91"/>
      <c r="GP4757" s="91"/>
      <c r="GQ4757" s="91"/>
      <c r="GR4757" s="91"/>
      <c r="GS4757" s="91"/>
      <c r="GT4757" s="91"/>
      <c r="GU4757" s="91"/>
      <c r="GV4757" s="91"/>
      <c r="GW4757" s="91"/>
      <c r="GX4757" s="127"/>
      <c r="GY4757" s="126"/>
      <c r="GZ4757" s="91"/>
      <c r="HA4757" s="91"/>
      <c r="HB4757" s="91"/>
      <c r="HC4757" s="91"/>
      <c r="HD4757" s="91"/>
      <c r="HE4757" s="91"/>
      <c r="HF4757" s="91"/>
      <c r="HG4757" s="91"/>
      <c r="HH4757" s="91"/>
      <c r="HI4757" s="91"/>
      <c r="HJ4757" s="91"/>
      <c r="HK4757" s="127"/>
      <c r="HL4757" s="126"/>
      <c r="HM4757" s="91"/>
      <c r="HN4757" s="91"/>
      <c r="HO4757" s="91"/>
      <c r="HP4757" s="91"/>
      <c r="HQ4757" s="91"/>
      <c r="HR4757" s="91"/>
      <c r="HS4757" s="91"/>
      <c r="HT4757" s="91"/>
      <c r="HU4757" s="91"/>
      <c r="HV4757" s="91"/>
      <c r="HW4757" s="91"/>
      <c r="HX4757" s="127"/>
      <c r="HY4757" s="126"/>
      <c r="HZ4757" s="91"/>
      <c r="IA4757" s="91"/>
      <c r="IB4757" s="91"/>
      <c r="IC4757" s="91"/>
      <c r="ID4757" s="91"/>
      <c r="IE4757" s="91"/>
      <c r="IF4757" s="91"/>
      <c r="IG4757" s="91"/>
      <c r="IH4757" s="91"/>
      <c r="II4757" s="91"/>
      <c r="IJ4757" s="91"/>
      <c r="IK4757" s="174"/>
    </row>
    <row r="4758" spans="2:245" x14ac:dyDescent="0.2">
      <c r="B4758" s="43"/>
      <c r="C4758" s="73"/>
      <c r="D4758" s="64"/>
      <c r="E4758" s="64"/>
      <c r="F4758" s="55"/>
      <c r="G4758" s="102"/>
      <c r="H4758" s="97"/>
      <c r="T4758" s="98"/>
      <c r="U4758" s="97"/>
      <c r="AG4758" s="98"/>
      <c r="AY4758" s="164"/>
      <c r="BK4758" s="98"/>
      <c r="BL4758" s="97"/>
      <c r="BX4758" s="98"/>
      <c r="CL4758" s="97"/>
      <c r="CX4758" s="98"/>
      <c r="DL4758" s="97"/>
      <c r="DX4758" s="98"/>
      <c r="EL4758" s="97"/>
      <c r="EX4758" s="98"/>
      <c r="EY4758" s="97"/>
      <c r="FL4758" s="126"/>
      <c r="FM4758" s="91"/>
      <c r="FN4758" s="91"/>
      <c r="FO4758" s="91"/>
      <c r="FP4758" s="91"/>
      <c r="FQ4758" s="91"/>
      <c r="FR4758" s="91"/>
      <c r="FS4758" s="91"/>
      <c r="FT4758" s="91"/>
      <c r="FU4758" s="91"/>
      <c r="FV4758" s="91"/>
      <c r="FW4758" s="91"/>
      <c r="FX4758" s="127"/>
      <c r="FY4758" s="126"/>
      <c r="FZ4758" s="91"/>
      <c r="GA4758" s="91"/>
      <c r="GB4758" s="91"/>
      <c r="GC4758" s="91"/>
      <c r="GD4758" s="91"/>
      <c r="GE4758" s="91"/>
      <c r="GF4758" s="91"/>
      <c r="GG4758" s="91"/>
      <c r="GH4758" s="91"/>
      <c r="GI4758" s="91"/>
      <c r="GJ4758" s="91"/>
      <c r="GK4758" s="127"/>
      <c r="GL4758" s="126"/>
      <c r="GM4758" s="91"/>
      <c r="GN4758" s="91"/>
      <c r="GO4758" s="91"/>
      <c r="GP4758" s="91"/>
      <c r="GQ4758" s="91"/>
      <c r="GR4758" s="91"/>
      <c r="GS4758" s="91"/>
      <c r="GT4758" s="91"/>
      <c r="GU4758" s="91"/>
      <c r="GV4758" s="91"/>
      <c r="GW4758" s="91"/>
      <c r="GX4758" s="127"/>
      <c r="GY4758" s="126"/>
      <c r="GZ4758" s="91"/>
      <c r="HA4758" s="91"/>
      <c r="HB4758" s="91"/>
      <c r="HC4758" s="91"/>
      <c r="HD4758" s="91"/>
      <c r="HE4758" s="91"/>
      <c r="HF4758" s="91"/>
      <c r="HG4758" s="91"/>
      <c r="HH4758" s="91"/>
      <c r="HI4758" s="91"/>
      <c r="HJ4758" s="91"/>
      <c r="HK4758" s="127"/>
      <c r="HL4758" s="126"/>
      <c r="HM4758" s="91"/>
      <c r="HN4758" s="91"/>
      <c r="HO4758" s="91"/>
      <c r="HP4758" s="91"/>
      <c r="HQ4758" s="91"/>
      <c r="HR4758" s="91"/>
      <c r="HS4758" s="91"/>
      <c r="HT4758" s="91"/>
      <c r="HU4758" s="91"/>
      <c r="HV4758" s="91"/>
      <c r="HW4758" s="91"/>
      <c r="HX4758" s="127"/>
      <c r="HY4758" s="126"/>
      <c r="HZ4758" s="91"/>
      <c r="IA4758" s="91"/>
      <c r="IB4758" s="91"/>
      <c r="IC4758" s="91"/>
      <c r="ID4758" s="91"/>
      <c r="IE4758" s="91"/>
      <c r="IF4758" s="91"/>
      <c r="IG4758" s="91"/>
      <c r="IH4758" s="91"/>
      <c r="II4758" s="91"/>
      <c r="IJ4758" s="91"/>
      <c r="IK4758" s="174"/>
    </row>
    <row r="4759" spans="2:245" x14ac:dyDescent="0.2">
      <c r="B4759" s="43"/>
      <c r="C4759" s="73"/>
      <c r="D4759" s="64"/>
      <c r="E4759" s="64"/>
      <c r="F4759" s="55"/>
      <c r="G4759" s="102"/>
      <c r="H4759" s="97"/>
      <c r="T4759" s="98"/>
      <c r="U4759" s="97"/>
      <c r="AG4759" s="98"/>
      <c r="AY4759" s="164"/>
      <c r="BK4759" s="98"/>
      <c r="BL4759" s="97"/>
      <c r="BX4759" s="98"/>
      <c r="CL4759" s="97"/>
      <c r="CX4759" s="98"/>
      <c r="DL4759" s="97"/>
      <c r="DX4759" s="98"/>
      <c r="EL4759" s="97"/>
      <c r="EX4759" s="98"/>
      <c r="EY4759" s="97"/>
      <c r="FL4759" s="126"/>
      <c r="FM4759" s="91"/>
      <c r="FN4759" s="91"/>
      <c r="FO4759" s="91"/>
      <c r="FP4759" s="91"/>
      <c r="FQ4759" s="91"/>
      <c r="FR4759" s="91"/>
      <c r="FS4759" s="91"/>
      <c r="FT4759" s="91"/>
      <c r="FU4759" s="91"/>
      <c r="FV4759" s="91"/>
      <c r="FW4759" s="91"/>
      <c r="FX4759" s="127"/>
      <c r="FY4759" s="126"/>
      <c r="FZ4759" s="91"/>
      <c r="GA4759" s="91"/>
      <c r="GB4759" s="91"/>
      <c r="GC4759" s="91"/>
      <c r="GD4759" s="91"/>
      <c r="GE4759" s="91"/>
      <c r="GF4759" s="91"/>
      <c r="GG4759" s="91"/>
      <c r="GH4759" s="91"/>
      <c r="GI4759" s="91"/>
      <c r="GJ4759" s="91"/>
      <c r="GK4759" s="127"/>
      <c r="GL4759" s="126"/>
      <c r="GM4759" s="91"/>
      <c r="GN4759" s="91"/>
      <c r="GO4759" s="91"/>
      <c r="GP4759" s="91"/>
      <c r="GQ4759" s="91"/>
      <c r="GR4759" s="91"/>
      <c r="GS4759" s="91"/>
      <c r="GT4759" s="91"/>
      <c r="GU4759" s="91"/>
      <c r="GV4759" s="91"/>
      <c r="GW4759" s="91"/>
      <c r="GX4759" s="127"/>
      <c r="GY4759" s="126"/>
      <c r="GZ4759" s="91"/>
      <c r="HA4759" s="91"/>
      <c r="HB4759" s="91"/>
      <c r="HC4759" s="91"/>
      <c r="HD4759" s="91"/>
      <c r="HE4759" s="91"/>
      <c r="HF4759" s="91"/>
      <c r="HG4759" s="91"/>
      <c r="HH4759" s="91"/>
      <c r="HI4759" s="91"/>
      <c r="HJ4759" s="91"/>
      <c r="HK4759" s="127"/>
      <c r="HL4759" s="126"/>
      <c r="HM4759" s="91"/>
      <c r="HN4759" s="91"/>
      <c r="HO4759" s="91"/>
      <c r="HP4759" s="91"/>
      <c r="HQ4759" s="91"/>
      <c r="HR4759" s="91"/>
      <c r="HS4759" s="91"/>
      <c r="HT4759" s="91"/>
      <c r="HU4759" s="91"/>
      <c r="HV4759" s="91"/>
      <c r="HW4759" s="91"/>
      <c r="HX4759" s="127"/>
      <c r="HY4759" s="126"/>
      <c r="HZ4759" s="91"/>
      <c r="IA4759" s="91"/>
      <c r="IB4759" s="91"/>
      <c r="IC4759" s="91"/>
      <c r="ID4759" s="91"/>
      <c r="IE4759" s="91"/>
      <c r="IF4759" s="91"/>
      <c r="IG4759" s="91"/>
      <c r="IH4759" s="91"/>
      <c r="II4759" s="91"/>
      <c r="IJ4759" s="91"/>
      <c r="IK4759" s="174"/>
    </row>
    <row r="4760" spans="2:245" x14ac:dyDescent="0.2">
      <c r="B4760" s="43"/>
      <c r="C4760" s="73"/>
      <c r="D4760" s="64"/>
      <c r="E4760" s="64"/>
      <c r="F4760" s="55"/>
      <c r="G4760" s="102"/>
      <c r="H4760" s="97"/>
      <c r="T4760" s="98"/>
      <c r="U4760" s="97"/>
      <c r="AG4760" s="98"/>
      <c r="AY4760" s="164"/>
      <c r="BK4760" s="98"/>
      <c r="BL4760" s="97"/>
      <c r="BX4760" s="98"/>
      <c r="CL4760" s="97"/>
      <c r="CX4760" s="98"/>
      <c r="DL4760" s="97"/>
      <c r="DX4760" s="98"/>
      <c r="EL4760" s="97"/>
      <c r="EX4760" s="98"/>
      <c r="EY4760" s="97"/>
      <c r="FL4760" s="126"/>
      <c r="FM4760" s="91"/>
      <c r="FN4760" s="91"/>
      <c r="FO4760" s="91"/>
      <c r="FP4760" s="91"/>
      <c r="FQ4760" s="91"/>
      <c r="FR4760" s="91"/>
      <c r="FS4760" s="91"/>
      <c r="FT4760" s="91"/>
      <c r="FU4760" s="91"/>
      <c r="FV4760" s="91"/>
      <c r="FW4760" s="91"/>
      <c r="FX4760" s="127"/>
      <c r="FY4760" s="126"/>
      <c r="FZ4760" s="91"/>
      <c r="GA4760" s="91"/>
      <c r="GB4760" s="91"/>
      <c r="GC4760" s="91"/>
      <c r="GD4760" s="91"/>
      <c r="GE4760" s="91"/>
      <c r="GF4760" s="91"/>
      <c r="GG4760" s="91"/>
      <c r="GH4760" s="91"/>
      <c r="GI4760" s="91"/>
      <c r="GJ4760" s="91"/>
      <c r="GK4760" s="127"/>
      <c r="GL4760" s="126"/>
      <c r="GM4760" s="91"/>
      <c r="GN4760" s="91"/>
      <c r="GO4760" s="91"/>
      <c r="GP4760" s="91"/>
      <c r="GQ4760" s="91"/>
      <c r="GR4760" s="91"/>
      <c r="GS4760" s="91"/>
      <c r="GT4760" s="91"/>
      <c r="GU4760" s="91"/>
      <c r="GV4760" s="91"/>
      <c r="GW4760" s="91"/>
      <c r="GX4760" s="127"/>
      <c r="GY4760" s="126"/>
      <c r="GZ4760" s="91"/>
      <c r="HA4760" s="91"/>
      <c r="HB4760" s="91"/>
      <c r="HC4760" s="91"/>
      <c r="HD4760" s="91"/>
      <c r="HE4760" s="91"/>
      <c r="HF4760" s="91"/>
      <c r="HG4760" s="91"/>
      <c r="HH4760" s="91"/>
      <c r="HI4760" s="91"/>
      <c r="HJ4760" s="91"/>
      <c r="HK4760" s="127"/>
      <c r="HL4760" s="126"/>
      <c r="HM4760" s="91"/>
      <c r="HN4760" s="91"/>
      <c r="HO4760" s="91"/>
      <c r="HP4760" s="91"/>
      <c r="HQ4760" s="91"/>
      <c r="HR4760" s="91"/>
      <c r="HS4760" s="91"/>
      <c r="HT4760" s="91"/>
      <c r="HU4760" s="91"/>
      <c r="HV4760" s="91"/>
      <c r="HW4760" s="91"/>
      <c r="HX4760" s="127"/>
      <c r="HY4760" s="126"/>
      <c r="HZ4760" s="91"/>
      <c r="IA4760" s="91"/>
      <c r="IB4760" s="91"/>
      <c r="IC4760" s="91"/>
      <c r="ID4760" s="91"/>
      <c r="IE4760" s="91"/>
      <c r="IF4760" s="91"/>
      <c r="IG4760" s="91"/>
      <c r="IH4760" s="91"/>
      <c r="II4760" s="91"/>
      <c r="IJ4760" s="91"/>
      <c r="IK4760" s="174"/>
    </row>
    <row r="4761" spans="2:245" x14ac:dyDescent="0.2">
      <c r="B4761" s="43"/>
      <c r="C4761" s="73"/>
      <c r="D4761" s="64"/>
      <c r="E4761" s="64"/>
      <c r="F4761" s="55"/>
      <c r="G4761" s="102"/>
      <c r="H4761" s="97"/>
      <c r="T4761" s="98"/>
      <c r="U4761" s="97"/>
      <c r="AG4761" s="98"/>
      <c r="AY4761" s="164"/>
      <c r="BK4761" s="98"/>
      <c r="BL4761" s="97"/>
      <c r="BX4761" s="98"/>
      <c r="CL4761" s="97"/>
      <c r="CX4761" s="98"/>
      <c r="DL4761" s="97"/>
      <c r="DX4761" s="98"/>
      <c r="EL4761" s="97"/>
      <c r="EX4761" s="98"/>
      <c r="EY4761" s="97"/>
      <c r="FL4761" s="126"/>
      <c r="FM4761" s="91"/>
      <c r="FN4761" s="91"/>
      <c r="FO4761" s="91"/>
      <c r="FP4761" s="91"/>
      <c r="FQ4761" s="91"/>
      <c r="FR4761" s="91"/>
      <c r="FS4761" s="91"/>
      <c r="FT4761" s="91"/>
      <c r="FU4761" s="91"/>
      <c r="FV4761" s="91"/>
      <c r="FW4761" s="91"/>
      <c r="FX4761" s="127"/>
      <c r="FY4761" s="126"/>
      <c r="FZ4761" s="91"/>
      <c r="GA4761" s="91"/>
      <c r="GB4761" s="91"/>
      <c r="GC4761" s="91"/>
      <c r="GD4761" s="91"/>
      <c r="GE4761" s="91"/>
      <c r="GF4761" s="91"/>
      <c r="GG4761" s="91"/>
      <c r="GH4761" s="91"/>
      <c r="GI4761" s="91"/>
      <c r="GJ4761" s="91"/>
      <c r="GK4761" s="127"/>
      <c r="GL4761" s="126"/>
      <c r="GM4761" s="91"/>
      <c r="GN4761" s="91"/>
      <c r="GO4761" s="91"/>
      <c r="GP4761" s="91"/>
      <c r="GQ4761" s="91"/>
      <c r="GR4761" s="91"/>
      <c r="GS4761" s="91"/>
      <c r="GT4761" s="91"/>
      <c r="GU4761" s="91"/>
      <c r="GV4761" s="91"/>
      <c r="GW4761" s="91"/>
      <c r="GX4761" s="127"/>
      <c r="GY4761" s="126"/>
      <c r="GZ4761" s="91"/>
      <c r="HA4761" s="91"/>
      <c r="HB4761" s="91"/>
      <c r="HC4761" s="91"/>
      <c r="HD4761" s="91"/>
      <c r="HE4761" s="91"/>
      <c r="HF4761" s="91"/>
      <c r="HG4761" s="91"/>
      <c r="HH4761" s="91"/>
      <c r="HI4761" s="91"/>
      <c r="HJ4761" s="91"/>
      <c r="HK4761" s="127"/>
      <c r="HL4761" s="126"/>
      <c r="HM4761" s="91"/>
      <c r="HN4761" s="91"/>
      <c r="HO4761" s="91"/>
      <c r="HP4761" s="91"/>
      <c r="HQ4761" s="91"/>
      <c r="HR4761" s="91"/>
      <c r="HS4761" s="91"/>
      <c r="HT4761" s="91"/>
      <c r="HU4761" s="91"/>
      <c r="HV4761" s="91"/>
      <c r="HW4761" s="91"/>
      <c r="HX4761" s="127"/>
      <c r="HY4761" s="126"/>
      <c r="HZ4761" s="91"/>
      <c r="IA4761" s="91"/>
      <c r="IB4761" s="91"/>
      <c r="IC4761" s="91"/>
      <c r="ID4761" s="91"/>
      <c r="IE4761" s="91"/>
      <c r="IF4761" s="91"/>
      <c r="IG4761" s="91"/>
      <c r="IH4761" s="91"/>
      <c r="II4761" s="91"/>
      <c r="IJ4761" s="91"/>
      <c r="IK4761" s="174"/>
    </row>
    <row r="4762" spans="2:245" x14ac:dyDescent="0.2">
      <c r="B4762" s="43"/>
      <c r="C4762" s="73"/>
      <c r="D4762" s="64"/>
      <c r="E4762" s="64"/>
      <c r="F4762" s="55"/>
      <c r="G4762" s="102"/>
      <c r="H4762" s="97"/>
      <c r="T4762" s="98"/>
      <c r="U4762" s="97"/>
      <c r="AG4762" s="98"/>
      <c r="AY4762" s="164"/>
      <c r="BK4762" s="98"/>
      <c r="BL4762" s="97"/>
      <c r="BX4762" s="98"/>
      <c r="CL4762" s="97"/>
      <c r="CX4762" s="98"/>
      <c r="DL4762" s="97"/>
      <c r="DX4762" s="98"/>
      <c r="EL4762" s="97"/>
      <c r="EX4762" s="98"/>
      <c r="EY4762" s="97"/>
      <c r="FL4762" s="126"/>
      <c r="FM4762" s="91"/>
      <c r="FN4762" s="91"/>
      <c r="FO4762" s="91"/>
      <c r="FP4762" s="91"/>
      <c r="FQ4762" s="91"/>
      <c r="FR4762" s="91"/>
      <c r="FS4762" s="91"/>
      <c r="FT4762" s="91"/>
      <c r="FU4762" s="91"/>
      <c r="FV4762" s="91"/>
      <c r="FW4762" s="91"/>
      <c r="FX4762" s="127"/>
      <c r="FY4762" s="126"/>
      <c r="FZ4762" s="91"/>
      <c r="GA4762" s="91"/>
      <c r="GB4762" s="91"/>
      <c r="GC4762" s="91"/>
      <c r="GD4762" s="91"/>
      <c r="GE4762" s="91"/>
      <c r="GF4762" s="91"/>
      <c r="GG4762" s="91"/>
      <c r="GH4762" s="91"/>
      <c r="GI4762" s="91"/>
      <c r="GJ4762" s="91"/>
      <c r="GK4762" s="127"/>
      <c r="GL4762" s="126"/>
      <c r="GM4762" s="91"/>
      <c r="GN4762" s="91"/>
      <c r="GO4762" s="91"/>
      <c r="GP4762" s="91"/>
      <c r="GQ4762" s="91"/>
      <c r="GR4762" s="91"/>
      <c r="GS4762" s="91"/>
      <c r="GT4762" s="91"/>
      <c r="GU4762" s="91"/>
      <c r="GV4762" s="91"/>
      <c r="GW4762" s="91"/>
      <c r="GX4762" s="127"/>
      <c r="GY4762" s="126"/>
      <c r="GZ4762" s="91"/>
      <c r="HA4762" s="91"/>
      <c r="HB4762" s="91"/>
      <c r="HC4762" s="91"/>
      <c r="HD4762" s="91"/>
      <c r="HE4762" s="91"/>
      <c r="HF4762" s="91"/>
      <c r="HG4762" s="91"/>
      <c r="HH4762" s="91"/>
      <c r="HI4762" s="91"/>
      <c r="HJ4762" s="91"/>
      <c r="HK4762" s="127"/>
      <c r="HL4762" s="126"/>
      <c r="HM4762" s="91"/>
      <c r="HN4762" s="91"/>
      <c r="HO4762" s="91"/>
      <c r="HP4762" s="91"/>
      <c r="HQ4762" s="91"/>
      <c r="HR4762" s="91"/>
      <c r="HS4762" s="91"/>
      <c r="HT4762" s="91"/>
      <c r="HU4762" s="91"/>
      <c r="HV4762" s="91"/>
      <c r="HW4762" s="91"/>
      <c r="HX4762" s="127"/>
      <c r="HY4762" s="126"/>
      <c r="HZ4762" s="91"/>
      <c r="IA4762" s="91"/>
      <c r="IB4762" s="91"/>
      <c r="IC4762" s="91"/>
      <c r="ID4762" s="91"/>
      <c r="IE4762" s="91"/>
      <c r="IF4762" s="91"/>
      <c r="IG4762" s="91"/>
      <c r="IH4762" s="91"/>
      <c r="II4762" s="91"/>
      <c r="IJ4762" s="91"/>
      <c r="IK4762" s="174"/>
    </row>
    <row r="4763" spans="2:245" x14ac:dyDescent="0.2">
      <c r="B4763" s="43"/>
      <c r="C4763" s="73"/>
      <c r="D4763" s="64"/>
      <c r="E4763" s="64"/>
      <c r="F4763" s="55"/>
      <c r="G4763" s="102"/>
      <c r="H4763" s="97"/>
      <c r="T4763" s="98"/>
      <c r="U4763" s="97"/>
      <c r="AG4763" s="98"/>
      <c r="AY4763" s="164"/>
      <c r="BK4763" s="98"/>
      <c r="BL4763" s="97"/>
      <c r="BX4763" s="98"/>
      <c r="CL4763" s="97"/>
      <c r="CX4763" s="98"/>
      <c r="DL4763" s="97"/>
      <c r="DX4763" s="98"/>
      <c r="EL4763" s="97"/>
      <c r="EX4763" s="98"/>
      <c r="EY4763" s="97"/>
      <c r="FL4763" s="126"/>
      <c r="FM4763" s="91"/>
      <c r="FN4763" s="91"/>
      <c r="FO4763" s="91"/>
      <c r="FP4763" s="91"/>
      <c r="FQ4763" s="91"/>
      <c r="FR4763" s="91"/>
      <c r="FS4763" s="91"/>
      <c r="FT4763" s="91"/>
      <c r="FU4763" s="91"/>
      <c r="FV4763" s="91"/>
      <c r="FW4763" s="91"/>
      <c r="FX4763" s="127"/>
      <c r="FY4763" s="126"/>
      <c r="FZ4763" s="91"/>
      <c r="GA4763" s="91"/>
      <c r="GB4763" s="91"/>
      <c r="GC4763" s="91"/>
      <c r="GD4763" s="91"/>
      <c r="GE4763" s="91"/>
      <c r="GF4763" s="91"/>
      <c r="GG4763" s="91"/>
      <c r="GH4763" s="91"/>
      <c r="GI4763" s="91"/>
      <c r="GJ4763" s="91"/>
      <c r="GK4763" s="127"/>
      <c r="GL4763" s="126"/>
      <c r="GM4763" s="91"/>
      <c r="GN4763" s="91"/>
      <c r="GO4763" s="91"/>
      <c r="GP4763" s="91"/>
      <c r="GQ4763" s="91"/>
      <c r="GR4763" s="91"/>
      <c r="GS4763" s="91"/>
      <c r="GT4763" s="91"/>
      <c r="GU4763" s="91"/>
      <c r="GV4763" s="91"/>
      <c r="GW4763" s="91"/>
      <c r="GX4763" s="127"/>
      <c r="GY4763" s="126"/>
      <c r="GZ4763" s="91"/>
      <c r="HA4763" s="91"/>
      <c r="HB4763" s="91"/>
      <c r="HC4763" s="91"/>
      <c r="HD4763" s="91"/>
      <c r="HE4763" s="91"/>
      <c r="HF4763" s="91"/>
      <c r="HG4763" s="91"/>
      <c r="HH4763" s="91"/>
      <c r="HI4763" s="91"/>
      <c r="HJ4763" s="91"/>
      <c r="HK4763" s="127"/>
      <c r="HL4763" s="126"/>
      <c r="HM4763" s="91"/>
      <c r="HN4763" s="91"/>
      <c r="HO4763" s="91"/>
      <c r="HP4763" s="91"/>
      <c r="HQ4763" s="91"/>
      <c r="HR4763" s="91"/>
      <c r="HS4763" s="91"/>
      <c r="HT4763" s="91"/>
      <c r="HU4763" s="91"/>
      <c r="HV4763" s="91"/>
      <c r="HW4763" s="91"/>
      <c r="HX4763" s="127"/>
      <c r="HY4763" s="126"/>
      <c r="HZ4763" s="91"/>
      <c r="IA4763" s="91"/>
      <c r="IB4763" s="91"/>
      <c r="IC4763" s="91"/>
      <c r="ID4763" s="91"/>
      <c r="IE4763" s="91"/>
      <c r="IF4763" s="91"/>
      <c r="IG4763" s="91"/>
      <c r="IH4763" s="91"/>
      <c r="II4763" s="91"/>
      <c r="IJ4763" s="91"/>
      <c r="IK4763" s="174"/>
    </row>
    <row r="4764" spans="2:245" x14ac:dyDescent="0.2">
      <c r="B4764" s="43"/>
      <c r="C4764" s="73"/>
      <c r="D4764" s="64"/>
      <c r="E4764" s="64"/>
      <c r="F4764" s="55"/>
      <c r="G4764" s="102"/>
      <c r="H4764" s="97"/>
      <c r="T4764" s="98"/>
      <c r="U4764" s="97"/>
      <c r="AG4764" s="98"/>
      <c r="AY4764" s="164"/>
      <c r="BK4764" s="98"/>
      <c r="BL4764" s="97"/>
      <c r="BX4764" s="98"/>
      <c r="CL4764" s="97"/>
      <c r="CX4764" s="98"/>
      <c r="DL4764" s="97"/>
      <c r="DX4764" s="98"/>
      <c r="EL4764" s="97"/>
      <c r="EX4764" s="98"/>
      <c r="EY4764" s="97"/>
      <c r="FL4764" s="126"/>
      <c r="FM4764" s="91"/>
      <c r="FN4764" s="91"/>
      <c r="FO4764" s="91"/>
      <c r="FP4764" s="91"/>
      <c r="FQ4764" s="91"/>
      <c r="FR4764" s="91"/>
      <c r="FS4764" s="91"/>
      <c r="FT4764" s="91"/>
      <c r="FU4764" s="91"/>
      <c r="FV4764" s="91"/>
      <c r="FW4764" s="91"/>
      <c r="FX4764" s="127"/>
      <c r="FY4764" s="126"/>
      <c r="FZ4764" s="91"/>
      <c r="GA4764" s="91"/>
      <c r="GB4764" s="91"/>
      <c r="GC4764" s="91"/>
      <c r="GD4764" s="91"/>
      <c r="GE4764" s="91"/>
      <c r="GF4764" s="91"/>
      <c r="GG4764" s="91"/>
      <c r="GH4764" s="91"/>
      <c r="GI4764" s="91"/>
      <c r="GJ4764" s="91"/>
      <c r="GK4764" s="127"/>
      <c r="GL4764" s="126"/>
      <c r="GM4764" s="91"/>
      <c r="GN4764" s="91"/>
      <c r="GO4764" s="91"/>
      <c r="GP4764" s="91"/>
      <c r="GQ4764" s="91"/>
      <c r="GR4764" s="91"/>
      <c r="GS4764" s="91"/>
      <c r="GT4764" s="91"/>
      <c r="GU4764" s="91"/>
      <c r="GV4764" s="91"/>
      <c r="GW4764" s="91"/>
      <c r="GX4764" s="127"/>
      <c r="GY4764" s="126"/>
      <c r="GZ4764" s="91"/>
      <c r="HA4764" s="91"/>
      <c r="HB4764" s="91"/>
      <c r="HC4764" s="91"/>
      <c r="HD4764" s="91"/>
      <c r="HE4764" s="91"/>
      <c r="HF4764" s="91"/>
      <c r="HG4764" s="91"/>
      <c r="HH4764" s="91"/>
      <c r="HI4764" s="91"/>
      <c r="HJ4764" s="91"/>
      <c r="HK4764" s="127"/>
      <c r="HL4764" s="126"/>
      <c r="HM4764" s="91"/>
      <c r="HN4764" s="91"/>
      <c r="HO4764" s="91"/>
      <c r="HP4764" s="91"/>
      <c r="HQ4764" s="91"/>
      <c r="HR4764" s="91"/>
      <c r="HS4764" s="91"/>
      <c r="HT4764" s="91"/>
      <c r="HU4764" s="91"/>
      <c r="HV4764" s="91"/>
      <c r="HW4764" s="91"/>
      <c r="HX4764" s="127"/>
      <c r="HY4764" s="126"/>
      <c r="HZ4764" s="91"/>
      <c r="IA4764" s="91"/>
      <c r="IB4764" s="91"/>
      <c r="IC4764" s="91"/>
      <c r="ID4764" s="91"/>
      <c r="IE4764" s="91"/>
      <c r="IF4764" s="91"/>
      <c r="IG4764" s="91"/>
      <c r="IH4764" s="91"/>
      <c r="II4764" s="91"/>
      <c r="IJ4764" s="91"/>
      <c r="IK4764" s="174"/>
    </row>
    <row r="4765" spans="2:245" x14ac:dyDescent="0.2">
      <c r="B4765" s="43"/>
      <c r="C4765" s="73"/>
      <c r="D4765" s="64"/>
      <c r="E4765" s="64"/>
      <c r="F4765" s="55"/>
      <c r="G4765" s="102"/>
      <c r="H4765" s="97"/>
      <c r="T4765" s="98"/>
      <c r="U4765" s="97"/>
      <c r="AG4765" s="98"/>
      <c r="AY4765" s="164"/>
      <c r="BK4765" s="98"/>
      <c r="BL4765" s="97"/>
      <c r="BX4765" s="98"/>
      <c r="CL4765" s="97"/>
      <c r="CX4765" s="98"/>
      <c r="DL4765" s="97"/>
      <c r="DX4765" s="98"/>
      <c r="EL4765" s="97"/>
      <c r="EX4765" s="98"/>
      <c r="EY4765" s="97"/>
      <c r="FL4765" s="126"/>
      <c r="FM4765" s="91"/>
      <c r="FN4765" s="91"/>
      <c r="FO4765" s="91"/>
      <c r="FP4765" s="91"/>
      <c r="FQ4765" s="91"/>
      <c r="FR4765" s="91"/>
      <c r="FS4765" s="91"/>
      <c r="FT4765" s="91"/>
      <c r="FU4765" s="91"/>
      <c r="FV4765" s="91"/>
      <c r="FW4765" s="91"/>
      <c r="FX4765" s="127"/>
      <c r="FY4765" s="126"/>
      <c r="FZ4765" s="91"/>
      <c r="GA4765" s="91"/>
      <c r="GB4765" s="91"/>
      <c r="GC4765" s="91"/>
      <c r="GD4765" s="91"/>
      <c r="GE4765" s="91"/>
      <c r="GF4765" s="91"/>
      <c r="GG4765" s="91"/>
      <c r="GH4765" s="91"/>
      <c r="GI4765" s="91"/>
      <c r="GJ4765" s="91"/>
      <c r="GK4765" s="127"/>
      <c r="GL4765" s="126"/>
      <c r="GM4765" s="91"/>
      <c r="GN4765" s="91"/>
      <c r="GO4765" s="91"/>
      <c r="GP4765" s="91"/>
      <c r="GQ4765" s="91"/>
      <c r="GR4765" s="91"/>
      <c r="GS4765" s="91"/>
      <c r="GT4765" s="91"/>
      <c r="GU4765" s="91"/>
      <c r="GV4765" s="91"/>
      <c r="GW4765" s="91"/>
      <c r="GX4765" s="127"/>
      <c r="GY4765" s="126"/>
      <c r="GZ4765" s="91"/>
      <c r="HA4765" s="91"/>
      <c r="HB4765" s="91"/>
      <c r="HC4765" s="91"/>
      <c r="HD4765" s="91"/>
      <c r="HE4765" s="91"/>
      <c r="HF4765" s="91"/>
      <c r="HG4765" s="91"/>
      <c r="HH4765" s="91"/>
      <c r="HI4765" s="91"/>
      <c r="HJ4765" s="91"/>
      <c r="HK4765" s="127"/>
      <c r="HL4765" s="126"/>
      <c r="HM4765" s="91"/>
      <c r="HN4765" s="91"/>
      <c r="HO4765" s="91"/>
      <c r="HP4765" s="91"/>
      <c r="HQ4765" s="91"/>
      <c r="HR4765" s="91"/>
      <c r="HS4765" s="91"/>
      <c r="HT4765" s="91"/>
      <c r="HU4765" s="91"/>
      <c r="HV4765" s="91"/>
      <c r="HW4765" s="91"/>
      <c r="HX4765" s="127"/>
      <c r="HY4765" s="126"/>
      <c r="HZ4765" s="91"/>
      <c r="IA4765" s="91"/>
      <c r="IB4765" s="91"/>
      <c r="IC4765" s="91"/>
      <c r="ID4765" s="91"/>
      <c r="IE4765" s="91"/>
      <c r="IF4765" s="91"/>
      <c r="IG4765" s="91"/>
      <c r="IH4765" s="91"/>
      <c r="II4765" s="91"/>
      <c r="IJ4765" s="91"/>
      <c r="IK4765" s="174"/>
    </row>
    <row r="4766" spans="2:245" x14ac:dyDescent="0.2">
      <c r="B4766" s="43"/>
      <c r="C4766" s="73"/>
      <c r="D4766" s="64"/>
      <c r="E4766" s="64"/>
      <c r="F4766" s="55"/>
      <c r="G4766" s="102"/>
      <c r="H4766" s="97"/>
      <c r="T4766" s="98"/>
      <c r="U4766" s="97"/>
      <c r="AG4766" s="98"/>
      <c r="AY4766" s="164"/>
      <c r="BK4766" s="98"/>
      <c r="BL4766" s="97"/>
      <c r="BX4766" s="98"/>
      <c r="CL4766" s="97"/>
      <c r="CX4766" s="98"/>
      <c r="DL4766" s="97"/>
      <c r="DX4766" s="98"/>
      <c r="EL4766" s="97"/>
      <c r="EX4766" s="98"/>
      <c r="EY4766" s="97"/>
      <c r="FL4766" s="126"/>
      <c r="FM4766" s="91"/>
      <c r="FN4766" s="91"/>
      <c r="FO4766" s="91"/>
      <c r="FP4766" s="91"/>
      <c r="FQ4766" s="91"/>
      <c r="FR4766" s="91"/>
      <c r="FS4766" s="91"/>
      <c r="FT4766" s="91"/>
      <c r="FU4766" s="91"/>
      <c r="FV4766" s="91"/>
      <c r="FW4766" s="91"/>
      <c r="FX4766" s="127"/>
      <c r="FY4766" s="126"/>
      <c r="FZ4766" s="91"/>
      <c r="GA4766" s="91"/>
      <c r="GB4766" s="91"/>
      <c r="GC4766" s="91"/>
      <c r="GD4766" s="91"/>
      <c r="GE4766" s="91"/>
      <c r="GF4766" s="91"/>
      <c r="GG4766" s="91"/>
      <c r="GH4766" s="91"/>
      <c r="GI4766" s="91"/>
      <c r="GJ4766" s="91"/>
      <c r="GK4766" s="127"/>
      <c r="GL4766" s="126"/>
      <c r="GM4766" s="91"/>
      <c r="GN4766" s="91"/>
      <c r="GO4766" s="91"/>
      <c r="GP4766" s="91"/>
      <c r="GQ4766" s="91"/>
      <c r="GR4766" s="91"/>
      <c r="GS4766" s="91"/>
      <c r="GT4766" s="91"/>
      <c r="GU4766" s="91"/>
      <c r="GV4766" s="91"/>
      <c r="GW4766" s="91"/>
      <c r="GX4766" s="127"/>
      <c r="GY4766" s="126"/>
      <c r="GZ4766" s="91"/>
      <c r="HA4766" s="91"/>
      <c r="HB4766" s="91"/>
      <c r="HC4766" s="91"/>
      <c r="HD4766" s="91"/>
      <c r="HE4766" s="91"/>
      <c r="HF4766" s="91"/>
      <c r="HG4766" s="91"/>
      <c r="HH4766" s="91"/>
      <c r="HI4766" s="91"/>
      <c r="HJ4766" s="91"/>
      <c r="HK4766" s="127"/>
      <c r="HL4766" s="126"/>
      <c r="HM4766" s="91"/>
      <c r="HN4766" s="91"/>
      <c r="HO4766" s="91"/>
      <c r="HP4766" s="91"/>
      <c r="HQ4766" s="91"/>
      <c r="HR4766" s="91"/>
      <c r="HS4766" s="91"/>
      <c r="HT4766" s="91"/>
      <c r="HU4766" s="91"/>
      <c r="HV4766" s="91"/>
      <c r="HW4766" s="91"/>
      <c r="HX4766" s="127"/>
      <c r="HY4766" s="126"/>
      <c r="HZ4766" s="91"/>
      <c r="IA4766" s="91"/>
      <c r="IB4766" s="91"/>
      <c r="IC4766" s="91"/>
      <c r="ID4766" s="91"/>
      <c r="IE4766" s="91"/>
      <c r="IF4766" s="91"/>
      <c r="IG4766" s="91"/>
      <c r="IH4766" s="91"/>
      <c r="II4766" s="91"/>
      <c r="IJ4766" s="91"/>
      <c r="IK4766" s="174"/>
    </row>
    <row r="4767" spans="2:245" x14ac:dyDescent="0.2">
      <c r="B4767" s="43"/>
      <c r="C4767" s="73"/>
      <c r="D4767" s="64"/>
      <c r="E4767" s="64"/>
      <c r="F4767" s="55"/>
      <c r="G4767" s="102"/>
      <c r="H4767" s="97"/>
      <c r="T4767" s="98"/>
      <c r="U4767" s="97"/>
      <c r="AG4767" s="98"/>
      <c r="AY4767" s="164"/>
      <c r="BK4767" s="98"/>
      <c r="BL4767" s="97"/>
      <c r="BX4767" s="98"/>
      <c r="CL4767" s="97"/>
      <c r="CX4767" s="98"/>
      <c r="DL4767" s="97"/>
      <c r="DX4767" s="98"/>
      <c r="EL4767" s="97"/>
      <c r="EX4767" s="98"/>
      <c r="EY4767" s="97"/>
      <c r="FL4767" s="126"/>
      <c r="FM4767" s="91"/>
      <c r="FN4767" s="91"/>
      <c r="FO4767" s="91"/>
      <c r="FP4767" s="91"/>
      <c r="FQ4767" s="91"/>
      <c r="FR4767" s="91"/>
      <c r="FS4767" s="91"/>
      <c r="FT4767" s="91"/>
      <c r="FU4767" s="91"/>
      <c r="FV4767" s="91"/>
      <c r="FW4767" s="91"/>
      <c r="FX4767" s="127"/>
      <c r="FY4767" s="126"/>
      <c r="FZ4767" s="91"/>
      <c r="GA4767" s="91"/>
      <c r="GB4767" s="91"/>
      <c r="GC4767" s="91"/>
      <c r="GD4767" s="91"/>
      <c r="GE4767" s="91"/>
      <c r="GF4767" s="91"/>
      <c r="GG4767" s="91"/>
      <c r="GH4767" s="91"/>
      <c r="GI4767" s="91"/>
      <c r="GJ4767" s="91"/>
      <c r="GK4767" s="127"/>
      <c r="GL4767" s="126"/>
      <c r="GM4767" s="91"/>
      <c r="GN4767" s="91"/>
      <c r="GO4767" s="91"/>
      <c r="GP4767" s="91"/>
      <c r="GQ4767" s="91"/>
      <c r="GR4767" s="91"/>
      <c r="GS4767" s="91"/>
      <c r="GT4767" s="91"/>
      <c r="GU4767" s="91"/>
      <c r="GV4767" s="91"/>
      <c r="GW4767" s="91"/>
      <c r="GX4767" s="127"/>
      <c r="GY4767" s="126"/>
      <c r="GZ4767" s="91"/>
      <c r="HA4767" s="91"/>
      <c r="HB4767" s="91"/>
      <c r="HC4767" s="91"/>
      <c r="HD4767" s="91"/>
      <c r="HE4767" s="91"/>
      <c r="HF4767" s="91"/>
      <c r="HG4767" s="91"/>
      <c r="HH4767" s="91"/>
      <c r="HI4767" s="91"/>
      <c r="HJ4767" s="91"/>
      <c r="HK4767" s="127"/>
      <c r="HL4767" s="126"/>
      <c r="HM4767" s="91"/>
      <c r="HN4767" s="91"/>
      <c r="HO4767" s="91"/>
      <c r="HP4767" s="91"/>
      <c r="HQ4767" s="91"/>
      <c r="HR4767" s="91"/>
      <c r="HS4767" s="91"/>
      <c r="HT4767" s="91"/>
      <c r="HU4767" s="91"/>
      <c r="HV4767" s="91"/>
      <c r="HW4767" s="91"/>
      <c r="HX4767" s="127"/>
      <c r="HY4767" s="126"/>
      <c r="HZ4767" s="91"/>
      <c r="IA4767" s="91"/>
      <c r="IB4767" s="91"/>
      <c r="IC4767" s="91"/>
      <c r="ID4767" s="91"/>
      <c r="IE4767" s="91"/>
      <c r="IF4767" s="91"/>
      <c r="IG4767" s="91"/>
      <c r="IH4767" s="91"/>
      <c r="II4767" s="91"/>
      <c r="IJ4767" s="91"/>
      <c r="IK4767" s="174"/>
    </row>
    <row r="4768" spans="2:245" x14ac:dyDescent="0.2">
      <c r="B4768" s="43"/>
      <c r="C4768" s="73"/>
      <c r="D4768" s="64"/>
      <c r="E4768" s="64"/>
      <c r="F4768" s="55"/>
      <c r="G4768" s="102"/>
      <c r="H4768" s="97"/>
      <c r="T4768" s="98"/>
      <c r="U4768" s="97"/>
      <c r="AG4768" s="98"/>
      <c r="AY4768" s="164"/>
      <c r="BK4768" s="98"/>
      <c r="BL4768" s="97"/>
      <c r="BX4768" s="98"/>
      <c r="CL4768" s="97"/>
      <c r="CX4768" s="98"/>
      <c r="DL4768" s="97"/>
      <c r="DX4768" s="98"/>
      <c r="EL4768" s="97"/>
      <c r="EX4768" s="98"/>
      <c r="EY4768" s="97"/>
      <c r="FL4768" s="126"/>
      <c r="FM4768" s="91"/>
      <c r="FN4768" s="91"/>
      <c r="FO4768" s="91"/>
      <c r="FP4768" s="91"/>
      <c r="FQ4768" s="91"/>
      <c r="FR4768" s="91"/>
      <c r="FS4768" s="91"/>
      <c r="FT4768" s="91"/>
      <c r="FU4768" s="91"/>
      <c r="FV4768" s="91"/>
      <c r="FW4768" s="91"/>
      <c r="FX4768" s="127"/>
      <c r="FY4768" s="126"/>
      <c r="FZ4768" s="91"/>
      <c r="GA4768" s="91"/>
      <c r="GB4768" s="91"/>
      <c r="GC4768" s="91"/>
      <c r="GD4768" s="91"/>
      <c r="GE4768" s="91"/>
      <c r="GF4768" s="91"/>
      <c r="GG4768" s="91"/>
      <c r="GH4768" s="91"/>
      <c r="GI4768" s="91"/>
      <c r="GJ4768" s="91"/>
      <c r="GK4768" s="127"/>
      <c r="GL4768" s="126"/>
      <c r="GM4768" s="91"/>
      <c r="GN4768" s="91"/>
      <c r="GO4768" s="91"/>
      <c r="GP4768" s="91"/>
      <c r="GQ4768" s="91"/>
      <c r="GR4768" s="91"/>
      <c r="GS4768" s="91"/>
      <c r="GT4768" s="91"/>
      <c r="GU4768" s="91"/>
      <c r="GV4768" s="91"/>
      <c r="GW4768" s="91"/>
      <c r="GX4768" s="127"/>
      <c r="GY4768" s="126"/>
      <c r="GZ4768" s="91"/>
      <c r="HA4768" s="91"/>
      <c r="HB4768" s="91"/>
      <c r="HC4768" s="91"/>
      <c r="HD4768" s="91"/>
      <c r="HE4768" s="91"/>
      <c r="HF4768" s="91"/>
      <c r="HG4768" s="91"/>
      <c r="HH4768" s="91"/>
      <c r="HI4768" s="91"/>
      <c r="HJ4768" s="91"/>
      <c r="HK4768" s="127"/>
      <c r="HL4768" s="126"/>
      <c r="HM4768" s="91"/>
      <c r="HN4768" s="91"/>
      <c r="HO4768" s="91"/>
      <c r="HP4768" s="91"/>
      <c r="HQ4768" s="91"/>
      <c r="HR4768" s="91"/>
      <c r="HS4768" s="91"/>
      <c r="HT4768" s="91"/>
      <c r="HU4768" s="91"/>
      <c r="HV4768" s="91"/>
      <c r="HW4768" s="91"/>
      <c r="HX4768" s="127"/>
      <c r="HY4768" s="126"/>
      <c r="HZ4768" s="91"/>
      <c r="IA4768" s="91"/>
      <c r="IB4768" s="91"/>
      <c r="IC4768" s="91"/>
      <c r="ID4768" s="91"/>
      <c r="IE4768" s="91"/>
      <c r="IF4768" s="91"/>
      <c r="IG4768" s="91"/>
      <c r="IH4768" s="91"/>
      <c r="II4768" s="91"/>
      <c r="IJ4768" s="91"/>
      <c r="IK4768" s="174"/>
    </row>
    <row r="4769" spans="2:245" x14ac:dyDescent="0.2">
      <c r="B4769" s="43"/>
      <c r="C4769" s="73"/>
      <c r="D4769" s="64"/>
      <c r="E4769" s="64"/>
      <c r="F4769" s="55"/>
      <c r="G4769" s="102"/>
      <c r="H4769" s="97"/>
      <c r="T4769" s="98"/>
      <c r="U4769" s="97"/>
      <c r="AG4769" s="98"/>
      <c r="AY4769" s="164"/>
      <c r="BK4769" s="98"/>
      <c r="BL4769" s="97"/>
      <c r="BX4769" s="98"/>
      <c r="CL4769" s="97"/>
      <c r="CX4769" s="98"/>
      <c r="DL4769" s="97"/>
      <c r="DX4769" s="98"/>
      <c r="EL4769" s="97"/>
      <c r="EX4769" s="98"/>
      <c r="EY4769" s="97"/>
      <c r="FL4769" s="126"/>
      <c r="FM4769" s="91"/>
      <c r="FN4769" s="91"/>
      <c r="FO4769" s="91"/>
      <c r="FP4769" s="91"/>
      <c r="FQ4769" s="91"/>
      <c r="FR4769" s="91"/>
      <c r="FS4769" s="91"/>
      <c r="FT4769" s="91"/>
      <c r="FU4769" s="91"/>
      <c r="FV4769" s="91"/>
      <c r="FW4769" s="91"/>
      <c r="FX4769" s="127"/>
      <c r="FY4769" s="126"/>
      <c r="FZ4769" s="91"/>
      <c r="GA4769" s="91"/>
      <c r="GB4769" s="91"/>
      <c r="GC4769" s="91"/>
      <c r="GD4769" s="91"/>
      <c r="GE4769" s="91"/>
      <c r="GF4769" s="91"/>
      <c r="GG4769" s="91"/>
      <c r="GH4769" s="91"/>
      <c r="GI4769" s="91"/>
      <c r="GJ4769" s="91"/>
      <c r="GK4769" s="127"/>
      <c r="GL4769" s="126"/>
      <c r="GM4769" s="91"/>
      <c r="GN4769" s="91"/>
      <c r="GO4769" s="91"/>
      <c r="GP4769" s="91"/>
      <c r="GQ4769" s="91"/>
      <c r="GR4769" s="91"/>
      <c r="GS4769" s="91"/>
      <c r="GT4769" s="91"/>
      <c r="GU4769" s="91"/>
      <c r="GV4769" s="91"/>
      <c r="GW4769" s="91"/>
      <c r="GX4769" s="127"/>
      <c r="GY4769" s="126"/>
      <c r="GZ4769" s="91"/>
      <c r="HA4769" s="91"/>
      <c r="HB4769" s="91"/>
      <c r="HC4769" s="91"/>
      <c r="HD4769" s="91"/>
      <c r="HE4769" s="91"/>
      <c r="HF4769" s="91"/>
      <c r="HG4769" s="91"/>
      <c r="HH4769" s="91"/>
      <c r="HI4769" s="91"/>
      <c r="HJ4769" s="91"/>
      <c r="HK4769" s="127"/>
      <c r="HL4769" s="126"/>
      <c r="HM4769" s="91"/>
      <c r="HN4769" s="91"/>
      <c r="HO4769" s="91"/>
      <c r="HP4769" s="91"/>
      <c r="HQ4769" s="91"/>
      <c r="HR4769" s="91"/>
      <c r="HS4769" s="91"/>
      <c r="HT4769" s="91"/>
      <c r="HU4769" s="91"/>
      <c r="HV4769" s="91"/>
      <c r="HW4769" s="91"/>
      <c r="HX4769" s="127"/>
      <c r="HY4769" s="126"/>
      <c r="HZ4769" s="91"/>
      <c r="IA4769" s="91"/>
      <c r="IB4769" s="91"/>
      <c r="IC4769" s="91"/>
      <c r="ID4769" s="91"/>
      <c r="IE4769" s="91"/>
      <c r="IF4769" s="91"/>
      <c r="IG4769" s="91"/>
      <c r="IH4769" s="91"/>
      <c r="II4769" s="91"/>
      <c r="IJ4769" s="91"/>
      <c r="IK4769" s="174"/>
    </row>
    <row r="4770" spans="2:245" x14ac:dyDescent="0.2">
      <c r="B4770" s="43"/>
      <c r="C4770" s="73"/>
      <c r="D4770" s="64"/>
      <c r="E4770" s="64"/>
      <c r="F4770" s="55"/>
      <c r="G4770" s="102"/>
      <c r="H4770" s="97"/>
      <c r="T4770" s="98"/>
      <c r="U4770" s="97"/>
      <c r="AG4770" s="98"/>
      <c r="AY4770" s="164"/>
      <c r="BK4770" s="98"/>
      <c r="BL4770" s="97"/>
      <c r="BX4770" s="98"/>
      <c r="CL4770" s="97"/>
      <c r="CX4770" s="98"/>
      <c r="DL4770" s="97"/>
      <c r="DX4770" s="98"/>
      <c r="EL4770" s="97"/>
      <c r="EX4770" s="98"/>
      <c r="EY4770" s="97"/>
      <c r="FL4770" s="126"/>
      <c r="FM4770" s="91"/>
      <c r="FN4770" s="91"/>
      <c r="FO4770" s="91"/>
      <c r="FP4770" s="91"/>
      <c r="FQ4770" s="91"/>
      <c r="FR4770" s="91"/>
      <c r="FS4770" s="91"/>
      <c r="FT4770" s="91"/>
      <c r="FU4770" s="91"/>
      <c r="FV4770" s="91"/>
      <c r="FW4770" s="91"/>
      <c r="FX4770" s="127"/>
      <c r="FY4770" s="126"/>
      <c r="FZ4770" s="91"/>
      <c r="GA4770" s="91"/>
      <c r="GB4770" s="91"/>
      <c r="GC4770" s="91"/>
      <c r="GD4770" s="91"/>
      <c r="GE4770" s="91"/>
      <c r="GF4770" s="91"/>
      <c r="GG4770" s="91"/>
      <c r="GH4770" s="91"/>
      <c r="GI4770" s="91"/>
      <c r="GJ4770" s="91"/>
      <c r="GK4770" s="127"/>
      <c r="GL4770" s="126"/>
      <c r="GM4770" s="91"/>
      <c r="GN4770" s="91"/>
      <c r="GO4770" s="91"/>
      <c r="GP4770" s="91"/>
      <c r="GQ4770" s="91"/>
      <c r="GR4770" s="91"/>
      <c r="GS4770" s="91"/>
      <c r="GT4770" s="91"/>
      <c r="GU4770" s="91"/>
      <c r="GV4770" s="91"/>
      <c r="GW4770" s="91"/>
      <c r="GX4770" s="127"/>
      <c r="GY4770" s="126"/>
      <c r="GZ4770" s="91"/>
      <c r="HA4770" s="91"/>
      <c r="HB4770" s="91"/>
      <c r="HC4770" s="91"/>
      <c r="HD4770" s="91"/>
      <c r="HE4770" s="91"/>
      <c r="HF4770" s="91"/>
      <c r="HG4770" s="91"/>
      <c r="HH4770" s="91"/>
      <c r="HI4770" s="91"/>
      <c r="HJ4770" s="91"/>
      <c r="HK4770" s="127"/>
      <c r="HL4770" s="126"/>
      <c r="HM4770" s="91"/>
      <c r="HN4770" s="91"/>
      <c r="HO4770" s="91"/>
      <c r="HP4770" s="91"/>
      <c r="HQ4770" s="91"/>
      <c r="HR4770" s="91"/>
      <c r="HS4770" s="91"/>
      <c r="HT4770" s="91"/>
      <c r="HU4770" s="91"/>
      <c r="HV4770" s="91"/>
      <c r="HW4770" s="91"/>
      <c r="HX4770" s="127"/>
      <c r="HY4770" s="126"/>
      <c r="HZ4770" s="91"/>
      <c r="IA4770" s="91"/>
      <c r="IB4770" s="91"/>
      <c r="IC4770" s="91"/>
      <c r="ID4770" s="91"/>
      <c r="IE4770" s="91"/>
      <c r="IF4770" s="91"/>
      <c r="IG4770" s="91"/>
      <c r="IH4770" s="91"/>
      <c r="II4770" s="91"/>
      <c r="IJ4770" s="91"/>
      <c r="IK4770" s="174"/>
    </row>
    <row r="4771" spans="2:245" x14ac:dyDescent="0.2">
      <c r="B4771" s="43"/>
      <c r="C4771" s="73"/>
      <c r="D4771" s="64"/>
      <c r="E4771" s="64"/>
      <c r="F4771" s="55"/>
      <c r="G4771" s="102"/>
      <c r="H4771" s="97"/>
      <c r="T4771" s="98"/>
      <c r="U4771" s="97"/>
      <c r="AG4771" s="98"/>
      <c r="AY4771" s="164"/>
      <c r="BK4771" s="98"/>
      <c r="BL4771" s="97"/>
      <c r="BX4771" s="98"/>
      <c r="CL4771" s="97"/>
      <c r="CX4771" s="98"/>
      <c r="DL4771" s="97"/>
      <c r="DX4771" s="98"/>
      <c r="EL4771" s="97"/>
      <c r="EX4771" s="98"/>
      <c r="EY4771" s="97"/>
      <c r="FL4771" s="126"/>
      <c r="FM4771" s="91"/>
      <c r="FN4771" s="91"/>
      <c r="FO4771" s="91"/>
      <c r="FP4771" s="91"/>
      <c r="FQ4771" s="91"/>
      <c r="FR4771" s="91"/>
      <c r="FS4771" s="91"/>
      <c r="FT4771" s="91"/>
      <c r="FU4771" s="91"/>
      <c r="FV4771" s="91"/>
      <c r="FW4771" s="91"/>
      <c r="FX4771" s="127"/>
      <c r="FY4771" s="126"/>
      <c r="FZ4771" s="91"/>
      <c r="GA4771" s="91"/>
      <c r="GB4771" s="91"/>
      <c r="GC4771" s="91"/>
      <c r="GD4771" s="91"/>
      <c r="GE4771" s="91"/>
      <c r="GF4771" s="91"/>
      <c r="GG4771" s="91"/>
      <c r="GH4771" s="91"/>
      <c r="GI4771" s="91"/>
      <c r="GJ4771" s="91"/>
      <c r="GK4771" s="127"/>
      <c r="GL4771" s="126"/>
      <c r="GM4771" s="91"/>
      <c r="GN4771" s="91"/>
      <c r="GO4771" s="91"/>
      <c r="GP4771" s="91"/>
      <c r="GQ4771" s="91"/>
      <c r="GR4771" s="91"/>
      <c r="GS4771" s="91"/>
      <c r="GT4771" s="91"/>
      <c r="GU4771" s="91"/>
      <c r="GV4771" s="91"/>
      <c r="GW4771" s="91"/>
      <c r="GX4771" s="127"/>
      <c r="GY4771" s="126"/>
      <c r="GZ4771" s="91"/>
      <c r="HA4771" s="91"/>
      <c r="HB4771" s="91"/>
      <c r="HC4771" s="91"/>
      <c r="HD4771" s="91"/>
      <c r="HE4771" s="91"/>
      <c r="HF4771" s="91"/>
      <c r="HG4771" s="91"/>
      <c r="HH4771" s="91"/>
      <c r="HI4771" s="91"/>
      <c r="HJ4771" s="91"/>
      <c r="HK4771" s="127"/>
      <c r="HL4771" s="126"/>
      <c r="HM4771" s="91"/>
      <c r="HN4771" s="91"/>
      <c r="HO4771" s="91"/>
      <c r="HP4771" s="91"/>
      <c r="HQ4771" s="91"/>
      <c r="HR4771" s="91"/>
      <c r="HS4771" s="91"/>
      <c r="HT4771" s="91"/>
      <c r="HU4771" s="91"/>
      <c r="HV4771" s="91"/>
      <c r="HW4771" s="91"/>
      <c r="HX4771" s="127"/>
      <c r="HY4771" s="126"/>
      <c r="HZ4771" s="91"/>
      <c r="IA4771" s="91"/>
      <c r="IB4771" s="91"/>
      <c r="IC4771" s="91"/>
      <c r="ID4771" s="91"/>
      <c r="IE4771" s="91"/>
      <c r="IF4771" s="91"/>
      <c r="IG4771" s="91"/>
      <c r="IH4771" s="91"/>
      <c r="II4771" s="91"/>
      <c r="IJ4771" s="91"/>
      <c r="IK4771" s="174"/>
    </row>
    <row r="4772" spans="2:245" x14ac:dyDescent="0.2">
      <c r="B4772" s="43"/>
      <c r="C4772" s="73"/>
      <c r="D4772" s="64"/>
      <c r="E4772" s="64"/>
      <c r="F4772" s="55"/>
      <c r="G4772" s="102"/>
      <c r="H4772" s="97"/>
      <c r="T4772" s="98"/>
      <c r="U4772" s="97"/>
      <c r="AG4772" s="98"/>
      <c r="AY4772" s="164"/>
      <c r="BK4772" s="98"/>
      <c r="BL4772" s="97"/>
      <c r="BX4772" s="98"/>
      <c r="CL4772" s="97"/>
      <c r="CX4772" s="98"/>
      <c r="DL4772" s="97"/>
      <c r="DX4772" s="98"/>
      <c r="EL4772" s="97"/>
      <c r="EX4772" s="98"/>
      <c r="EY4772" s="97"/>
      <c r="FL4772" s="126"/>
      <c r="FM4772" s="91"/>
      <c r="FN4772" s="91"/>
      <c r="FO4772" s="91"/>
      <c r="FP4772" s="91"/>
      <c r="FQ4772" s="91"/>
      <c r="FR4772" s="91"/>
      <c r="FS4772" s="91"/>
      <c r="FT4772" s="91"/>
      <c r="FU4772" s="91"/>
      <c r="FV4772" s="91"/>
      <c r="FW4772" s="91"/>
      <c r="FX4772" s="127"/>
      <c r="FY4772" s="126"/>
      <c r="FZ4772" s="91"/>
      <c r="GA4772" s="91"/>
      <c r="GB4772" s="91"/>
      <c r="GC4772" s="91"/>
      <c r="GD4772" s="91"/>
      <c r="GE4772" s="91"/>
      <c r="GF4772" s="91"/>
      <c r="GG4772" s="91"/>
      <c r="GH4772" s="91"/>
      <c r="GI4772" s="91"/>
      <c r="GJ4772" s="91"/>
      <c r="GK4772" s="127"/>
      <c r="GL4772" s="126"/>
      <c r="GM4772" s="91"/>
      <c r="GN4772" s="91"/>
      <c r="GO4772" s="91"/>
      <c r="GP4772" s="91"/>
      <c r="GQ4772" s="91"/>
      <c r="GR4772" s="91"/>
      <c r="GS4772" s="91"/>
      <c r="GT4772" s="91"/>
      <c r="GU4772" s="91"/>
      <c r="GV4772" s="91"/>
      <c r="GW4772" s="91"/>
      <c r="GX4772" s="127"/>
      <c r="GY4772" s="126"/>
      <c r="GZ4772" s="91"/>
      <c r="HA4772" s="91"/>
      <c r="HB4772" s="91"/>
      <c r="HC4772" s="91"/>
      <c r="HD4772" s="91"/>
      <c r="HE4772" s="91"/>
      <c r="HF4772" s="91"/>
      <c r="HG4772" s="91"/>
      <c r="HH4772" s="91"/>
      <c r="HI4772" s="91"/>
      <c r="HJ4772" s="91"/>
      <c r="HK4772" s="127"/>
      <c r="HL4772" s="126"/>
      <c r="HM4772" s="91"/>
      <c r="HN4772" s="91"/>
      <c r="HO4772" s="91"/>
      <c r="HP4772" s="91"/>
      <c r="HQ4772" s="91"/>
      <c r="HR4772" s="91"/>
      <c r="HS4772" s="91"/>
      <c r="HT4772" s="91"/>
      <c r="HU4772" s="91"/>
      <c r="HV4772" s="91"/>
      <c r="HW4772" s="91"/>
      <c r="HX4772" s="127"/>
      <c r="HY4772" s="126"/>
      <c r="HZ4772" s="91"/>
      <c r="IA4772" s="91"/>
      <c r="IB4772" s="91"/>
      <c r="IC4772" s="91"/>
      <c r="ID4772" s="91"/>
      <c r="IE4772" s="91"/>
      <c r="IF4772" s="91"/>
      <c r="IG4772" s="91"/>
      <c r="IH4772" s="91"/>
      <c r="II4772" s="91"/>
      <c r="IJ4772" s="91"/>
      <c r="IK4772" s="174"/>
    </row>
    <row r="4773" spans="2:245" x14ac:dyDescent="0.2">
      <c r="B4773" s="43"/>
      <c r="C4773" s="73"/>
      <c r="D4773" s="64"/>
      <c r="E4773" s="64"/>
      <c r="F4773" s="55"/>
      <c r="G4773" s="102"/>
      <c r="H4773" s="97"/>
      <c r="T4773" s="98"/>
      <c r="U4773" s="97"/>
      <c r="AG4773" s="98"/>
      <c r="AY4773" s="164"/>
      <c r="BK4773" s="98"/>
      <c r="BL4773" s="97"/>
      <c r="BX4773" s="98"/>
      <c r="CL4773" s="97"/>
      <c r="CX4773" s="98"/>
      <c r="DL4773" s="97"/>
      <c r="DX4773" s="98"/>
      <c r="EL4773" s="97"/>
      <c r="EX4773" s="98"/>
      <c r="EY4773" s="97"/>
      <c r="FL4773" s="126"/>
      <c r="FM4773" s="91"/>
      <c r="FN4773" s="91"/>
      <c r="FO4773" s="91"/>
      <c r="FP4773" s="91"/>
      <c r="FQ4773" s="91"/>
      <c r="FR4773" s="91"/>
      <c r="FS4773" s="91"/>
      <c r="FT4773" s="91"/>
      <c r="FU4773" s="91"/>
      <c r="FV4773" s="91"/>
      <c r="FW4773" s="91"/>
      <c r="FX4773" s="127"/>
      <c r="FY4773" s="126"/>
      <c r="FZ4773" s="91"/>
      <c r="GA4773" s="91"/>
      <c r="GB4773" s="91"/>
      <c r="GC4773" s="91"/>
      <c r="GD4773" s="91"/>
      <c r="GE4773" s="91"/>
      <c r="GF4773" s="91"/>
      <c r="GG4773" s="91"/>
      <c r="GH4773" s="91"/>
      <c r="GI4773" s="91"/>
      <c r="GJ4773" s="91"/>
      <c r="GK4773" s="127"/>
      <c r="GL4773" s="126"/>
      <c r="GM4773" s="91"/>
      <c r="GN4773" s="91"/>
      <c r="GO4773" s="91"/>
      <c r="GP4773" s="91"/>
      <c r="GQ4773" s="91"/>
      <c r="GR4773" s="91"/>
      <c r="GS4773" s="91"/>
      <c r="GT4773" s="91"/>
      <c r="GU4773" s="91"/>
      <c r="GV4773" s="91"/>
      <c r="GW4773" s="91"/>
      <c r="GX4773" s="127"/>
      <c r="GY4773" s="126"/>
      <c r="GZ4773" s="91"/>
      <c r="HA4773" s="91"/>
      <c r="HB4773" s="91"/>
      <c r="HC4773" s="91"/>
      <c r="HD4773" s="91"/>
      <c r="HE4773" s="91"/>
      <c r="HF4773" s="91"/>
      <c r="HG4773" s="91"/>
      <c r="HH4773" s="91"/>
      <c r="HI4773" s="91"/>
      <c r="HJ4773" s="91"/>
      <c r="HK4773" s="127"/>
      <c r="HL4773" s="126"/>
      <c r="HM4773" s="91"/>
      <c r="HN4773" s="91"/>
      <c r="HO4773" s="91"/>
      <c r="HP4773" s="91"/>
      <c r="HQ4773" s="91"/>
      <c r="HR4773" s="91"/>
      <c r="HS4773" s="91"/>
      <c r="HT4773" s="91"/>
      <c r="HU4773" s="91"/>
      <c r="HV4773" s="91"/>
      <c r="HW4773" s="91"/>
      <c r="HX4773" s="127"/>
      <c r="HY4773" s="126"/>
      <c r="HZ4773" s="91"/>
      <c r="IA4773" s="91"/>
      <c r="IB4773" s="91"/>
      <c r="IC4773" s="91"/>
      <c r="ID4773" s="91"/>
      <c r="IE4773" s="91"/>
      <c r="IF4773" s="91"/>
      <c r="IG4773" s="91"/>
      <c r="IH4773" s="91"/>
      <c r="II4773" s="91"/>
      <c r="IJ4773" s="91"/>
      <c r="IK4773" s="174"/>
    </row>
    <row r="4774" spans="2:245" x14ac:dyDescent="0.2">
      <c r="B4774" s="43"/>
      <c r="C4774" s="73"/>
      <c r="D4774" s="64"/>
      <c r="E4774" s="64"/>
      <c r="F4774" s="55"/>
      <c r="G4774" s="102"/>
      <c r="H4774" s="97"/>
      <c r="T4774" s="98"/>
      <c r="U4774" s="97"/>
      <c r="AG4774" s="98"/>
      <c r="AY4774" s="164"/>
      <c r="BK4774" s="98"/>
      <c r="BL4774" s="97"/>
      <c r="BX4774" s="98"/>
      <c r="CL4774" s="97"/>
      <c r="CX4774" s="98"/>
      <c r="DL4774" s="97"/>
      <c r="DX4774" s="98"/>
      <c r="EL4774" s="97"/>
      <c r="EX4774" s="98"/>
      <c r="EY4774" s="97"/>
      <c r="FL4774" s="126"/>
      <c r="FM4774" s="91"/>
      <c r="FN4774" s="91"/>
      <c r="FO4774" s="91"/>
      <c r="FP4774" s="91"/>
      <c r="FQ4774" s="91"/>
      <c r="FR4774" s="91"/>
      <c r="FS4774" s="91"/>
      <c r="FT4774" s="91"/>
      <c r="FU4774" s="91"/>
      <c r="FV4774" s="91"/>
      <c r="FW4774" s="91"/>
      <c r="FX4774" s="127"/>
      <c r="FY4774" s="126"/>
      <c r="FZ4774" s="91"/>
      <c r="GA4774" s="91"/>
      <c r="GB4774" s="91"/>
      <c r="GC4774" s="91"/>
      <c r="GD4774" s="91"/>
      <c r="GE4774" s="91"/>
      <c r="GF4774" s="91"/>
      <c r="GG4774" s="91"/>
      <c r="GH4774" s="91"/>
      <c r="GI4774" s="91"/>
      <c r="GJ4774" s="91"/>
      <c r="GK4774" s="127"/>
      <c r="GL4774" s="126"/>
      <c r="GM4774" s="91"/>
      <c r="GN4774" s="91"/>
      <c r="GO4774" s="91"/>
      <c r="GP4774" s="91"/>
      <c r="GQ4774" s="91"/>
      <c r="GR4774" s="91"/>
      <c r="GS4774" s="91"/>
      <c r="GT4774" s="91"/>
      <c r="GU4774" s="91"/>
      <c r="GV4774" s="91"/>
      <c r="GW4774" s="91"/>
      <c r="GX4774" s="127"/>
      <c r="GY4774" s="126"/>
      <c r="GZ4774" s="91"/>
      <c r="HA4774" s="91"/>
      <c r="HB4774" s="91"/>
      <c r="HC4774" s="91"/>
      <c r="HD4774" s="91"/>
      <c r="HE4774" s="91"/>
      <c r="HF4774" s="91"/>
      <c r="HG4774" s="91"/>
      <c r="HH4774" s="91"/>
      <c r="HI4774" s="91"/>
      <c r="HJ4774" s="91"/>
      <c r="HK4774" s="127"/>
      <c r="HL4774" s="126"/>
      <c r="HM4774" s="91"/>
      <c r="HN4774" s="91"/>
      <c r="HO4774" s="91"/>
      <c r="HP4774" s="91"/>
      <c r="HQ4774" s="91"/>
      <c r="HR4774" s="91"/>
      <c r="HS4774" s="91"/>
      <c r="HT4774" s="91"/>
      <c r="HU4774" s="91"/>
      <c r="HV4774" s="91"/>
      <c r="HW4774" s="91"/>
      <c r="HX4774" s="127"/>
      <c r="HY4774" s="126"/>
      <c r="HZ4774" s="91"/>
      <c r="IA4774" s="91"/>
      <c r="IB4774" s="91"/>
      <c r="IC4774" s="91"/>
      <c r="ID4774" s="91"/>
      <c r="IE4774" s="91"/>
      <c r="IF4774" s="91"/>
      <c r="IG4774" s="91"/>
      <c r="IH4774" s="91"/>
      <c r="II4774" s="91"/>
      <c r="IJ4774" s="91"/>
      <c r="IK4774" s="174"/>
    </row>
    <row r="4775" spans="2:245" x14ac:dyDescent="0.2">
      <c r="B4775" s="43"/>
      <c r="C4775" s="73"/>
      <c r="D4775" s="64"/>
      <c r="E4775" s="64"/>
      <c r="F4775" s="55"/>
      <c r="G4775" s="102"/>
      <c r="H4775" s="97"/>
      <c r="T4775" s="98"/>
      <c r="U4775" s="97"/>
      <c r="AG4775" s="98"/>
      <c r="AY4775" s="164"/>
      <c r="BK4775" s="98"/>
      <c r="BL4775" s="97"/>
      <c r="BX4775" s="98"/>
      <c r="CL4775" s="97"/>
      <c r="CX4775" s="98"/>
      <c r="DL4775" s="97"/>
      <c r="DX4775" s="98"/>
      <c r="EL4775" s="97"/>
      <c r="EX4775" s="98"/>
      <c r="EY4775" s="97"/>
      <c r="FL4775" s="126"/>
      <c r="FM4775" s="91"/>
      <c r="FN4775" s="91"/>
      <c r="FO4775" s="91"/>
      <c r="FP4775" s="91"/>
      <c r="FQ4775" s="91"/>
      <c r="FR4775" s="91"/>
      <c r="FS4775" s="91"/>
      <c r="FT4775" s="91"/>
      <c r="FU4775" s="91"/>
      <c r="FV4775" s="91"/>
      <c r="FW4775" s="91"/>
      <c r="FX4775" s="127"/>
      <c r="FY4775" s="126"/>
      <c r="FZ4775" s="91"/>
      <c r="GA4775" s="91"/>
      <c r="GB4775" s="91"/>
      <c r="GC4775" s="91"/>
      <c r="GD4775" s="91"/>
      <c r="GE4775" s="91"/>
      <c r="GF4775" s="91"/>
      <c r="GG4775" s="91"/>
      <c r="GH4775" s="91"/>
      <c r="GI4775" s="91"/>
      <c r="GJ4775" s="91"/>
      <c r="GK4775" s="127"/>
      <c r="GL4775" s="126"/>
      <c r="GM4775" s="91"/>
      <c r="GN4775" s="91"/>
      <c r="GO4775" s="91"/>
      <c r="GP4775" s="91"/>
      <c r="GQ4775" s="91"/>
      <c r="GR4775" s="91"/>
      <c r="GS4775" s="91"/>
      <c r="GT4775" s="91"/>
      <c r="GU4775" s="91"/>
      <c r="GV4775" s="91"/>
      <c r="GW4775" s="91"/>
      <c r="GX4775" s="127"/>
      <c r="GY4775" s="126"/>
      <c r="GZ4775" s="91"/>
      <c r="HA4775" s="91"/>
      <c r="HB4775" s="91"/>
      <c r="HC4775" s="91"/>
      <c r="HD4775" s="91"/>
      <c r="HE4775" s="91"/>
      <c r="HF4775" s="91"/>
      <c r="HG4775" s="91"/>
      <c r="HH4775" s="91"/>
      <c r="HI4775" s="91"/>
      <c r="HJ4775" s="91"/>
      <c r="HK4775" s="127"/>
      <c r="HL4775" s="126"/>
      <c r="HM4775" s="91"/>
      <c r="HN4775" s="91"/>
      <c r="HO4775" s="91"/>
      <c r="HP4775" s="91"/>
      <c r="HQ4775" s="91"/>
      <c r="HR4775" s="91"/>
      <c r="HS4775" s="91"/>
      <c r="HT4775" s="91"/>
      <c r="HU4775" s="91"/>
      <c r="HV4775" s="91"/>
      <c r="HW4775" s="91"/>
      <c r="HX4775" s="127"/>
      <c r="HY4775" s="126"/>
      <c r="HZ4775" s="91"/>
      <c r="IA4775" s="91"/>
      <c r="IB4775" s="91"/>
      <c r="IC4775" s="91"/>
      <c r="ID4775" s="91"/>
      <c r="IE4775" s="91"/>
      <c r="IF4775" s="91"/>
      <c r="IG4775" s="91"/>
      <c r="IH4775" s="91"/>
      <c r="II4775" s="91"/>
      <c r="IJ4775" s="91"/>
      <c r="IK4775" s="174"/>
    </row>
    <row r="4776" spans="2:245" x14ac:dyDescent="0.2">
      <c r="B4776" s="43"/>
      <c r="C4776" s="73"/>
      <c r="D4776" s="64"/>
      <c r="E4776" s="64"/>
      <c r="F4776" s="55"/>
      <c r="G4776" s="102"/>
      <c r="H4776" s="97"/>
      <c r="T4776" s="98"/>
      <c r="U4776" s="97"/>
      <c r="AG4776" s="98"/>
      <c r="AY4776" s="164"/>
      <c r="BK4776" s="98"/>
      <c r="BL4776" s="97"/>
      <c r="BX4776" s="98"/>
      <c r="CL4776" s="97"/>
      <c r="CX4776" s="98"/>
      <c r="DL4776" s="97"/>
      <c r="DX4776" s="98"/>
      <c r="EL4776" s="97"/>
      <c r="EX4776" s="98"/>
      <c r="EY4776" s="97"/>
      <c r="FL4776" s="126"/>
      <c r="FM4776" s="91"/>
      <c r="FN4776" s="91"/>
      <c r="FO4776" s="91"/>
      <c r="FP4776" s="91"/>
      <c r="FQ4776" s="91"/>
      <c r="FR4776" s="91"/>
      <c r="FS4776" s="91"/>
      <c r="FT4776" s="91"/>
      <c r="FU4776" s="91"/>
      <c r="FV4776" s="91"/>
      <c r="FW4776" s="91"/>
      <c r="FX4776" s="127"/>
      <c r="FY4776" s="126"/>
      <c r="FZ4776" s="91"/>
      <c r="GA4776" s="91"/>
      <c r="GB4776" s="91"/>
      <c r="GC4776" s="91"/>
      <c r="GD4776" s="91"/>
      <c r="GE4776" s="91"/>
      <c r="GF4776" s="91"/>
      <c r="GG4776" s="91"/>
      <c r="GH4776" s="91"/>
      <c r="GI4776" s="91"/>
      <c r="GJ4776" s="91"/>
      <c r="GK4776" s="127"/>
      <c r="GL4776" s="126"/>
      <c r="GM4776" s="91"/>
      <c r="GN4776" s="91"/>
      <c r="GO4776" s="91"/>
      <c r="GP4776" s="91"/>
      <c r="GQ4776" s="91"/>
      <c r="GR4776" s="91"/>
      <c r="GS4776" s="91"/>
      <c r="GT4776" s="91"/>
      <c r="GU4776" s="91"/>
      <c r="GV4776" s="91"/>
      <c r="GW4776" s="91"/>
      <c r="GX4776" s="127"/>
      <c r="GY4776" s="126"/>
      <c r="GZ4776" s="91"/>
      <c r="HA4776" s="91"/>
      <c r="HB4776" s="91"/>
      <c r="HC4776" s="91"/>
      <c r="HD4776" s="91"/>
      <c r="HE4776" s="91"/>
      <c r="HF4776" s="91"/>
      <c r="HG4776" s="91"/>
      <c r="HH4776" s="91"/>
      <c r="HI4776" s="91"/>
      <c r="HJ4776" s="91"/>
      <c r="HK4776" s="127"/>
      <c r="HL4776" s="126"/>
      <c r="HM4776" s="91"/>
      <c r="HN4776" s="91"/>
      <c r="HO4776" s="91"/>
      <c r="HP4776" s="91"/>
      <c r="HQ4776" s="91"/>
      <c r="HR4776" s="91"/>
      <c r="HS4776" s="91"/>
      <c r="HT4776" s="91"/>
      <c r="HU4776" s="91"/>
      <c r="HV4776" s="91"/>
      <c r="HW4776" s="91"/>
      <c r="HX4776" s="127"/>
      <c r="HY4776" s="126"/>
      <c r="HZ4776" s="91"/>
      <c r="IA4776" s="91"/>
      <c r="IB4776" s="91"/>
      <c r="IC4776" s="91"/>
      <c r="ID4776" s="91"/>
      <c r="IE4776" s="91"/>
      <c r="IF4776" s="91"/>
      <c r="IG4776" s="91"/>
      <c r="IH4776" s="91"/>
      <c r="II4776" s="91"/>
      <c r="IJ4776" s="91"/>
      <c r="IK4776" s="174"/>
    </row>
    <row r="4777" spans="2:245" x14ac:dyDescent="0.2">
      <c r="B4777" s="43"/>
      <c r="C4777" s="73"/>
      <c r="D4777" s="64"/>
      <c r="E4777" s="64"/>
      <c r="F4777" s="55"/>
      <c r="G4777" s="102"/>
      <c r="H4777" s="97"/>
      <c r="T4777" s="98"/>
      <c r="U4777" s="97"/>
      <c r="AG4777" s="98"/>
      <c r="AY4777" s="164"/>
      <c r="BK4777" s="98"/>
      <c r="BL4777" s="97"/>
      <c r="BX4777" s="98"/>
      <c r="CL4777" s="97"/>
      <c r="CX4777" s="98"/>
      <c r="DL4777" s="97"/>
      <c r="DX4777" s="98"/>
      <c r="EL4777" s="97"/>
      <c r="EX4777" s="98"/>
      <c r="EY4777" s="97"/>
      <c r="FL4777" s="126"/>
      <c r="FM4777" s="91"/>
      <c r="FN4777" s="91"/>
      <c r="FO4777" s="91"/>
      <c r="FP4777" s="91"/>
      <c r="FQ4777" s="91"/>
      <c r="FR4777" s="91"/>
      <c r="FS4777" s="91"/>
      <c r="FT4777" s="91"/>
      <c r="FU4777" s="91"/>
      <c r="FV4777" s="91"/>
      <c r="FW4777" s="91"/>
      <c r="FX4777" s="127"/>
      <c r="FY4777" s="126"/>
      <c r="FZ4777" s="91"/>
      <c r="GA4777" s="91"/>
      <c r="GB4777" s="91"/>
      <c r="GC4777" s="91"/>
      <c r="GD4777" s="91"/>
      <c r="GE4777" s="91"/>
      <c r="GF4777" s="91"/>
      <c r="GG4777" s="91"/>
      <c r="GH4777" s="91"/>
      <c r="GI4777" s="91"/>
      <c r="GJ4777" s="91"/>
      <c r="GK4777" s="127"/>
      <c r="GL4777" s="126"/>
      <c r="GM4777" s="91"/>
      <c r="GN4777" s="91"/>
      <c r="GO4777" s="91"/>
      <c r="GP4777" s="91"/>
      <c r="GQ4777" s="91"/>
      <c r="GR4777" s="91"/>
      <c r="GS4777" s="91"/>
      <c r="GT4777" s="91"/>
      <c r="GU4777" s="91"/>
      <c r="GV4777" s="91"/>
      <c r="GW4777" s="91"/>
      <c r="GX4777" s="127"/>
      <c r="GY4777" s="126"/>
      <c r="GZ4777" s="91"/>
      <c r="HA4777" s="91"/>
      <c r="HB4777" s="91"/>
      <c r="HC4777" s="91"/>
      <c r="HD4777" s="91"/>
      <c r="HE4777" s="91"/>
      <c r="HF4777" s="91"/>
      <c r="HG4777" s="91"/>
      <c r="HH4777" s="91"/>
      <c r="HI4777" s="91"/>
      <c r="HJ4777" s="91"/>
      <c r="HK4777" s="127"/>
      <c r="HL4777" s="126"/>
      <c r="HM4777" s="91"/>
      <c r="HN4777" s="91"/>
      <c r="HO4777" s="91"/>
      <c r="HP4777" s="91"/>
      <c r="HQ4777" s="91"/>
      <c r="HR4777" s="91"/>
      <c r="HS4777" s="91"/>
      <c r="HT4777" s="91"/>
      <c r="HU4777" s="91"/>
      <c r="HV4777" s="91"/>
      <c r="HW4777" s="91"/>
      <c r="HX4777" s="127"/>
      <c r="HY4777" s="126"/>
      <c r="HZ4777" s="91"/>
      <c r="IA4777" s="91"/>
      <c r="IB4777" s="91"/>
      <c r="IC4777" s="91"/>
      <c r="ID4777" s="91"/>
      <c r="IE4777" s="91"/>
      <c r="IF4777" s="91"/>
      <c r="IG4777" s="91"/>
      <c r="IH4777" s="91"/>
      <c r="II4777" s="91"/>
      <c r="IJ4777" s="91"/>
      <c r="IK4777" s="174"/>
    </row>
    <row r="4778" spans="2:245" x14ac:dyDescent="0.2">
      <c r="B4778" s="43"/>
      <c r="C4778" s="73"/>
      <c r="D4778" s="64"/>
      <c r="E4778" s="64"/>
      <c r="F4778" s="55"/>
      <c r="G4778" s="102"/>
      <c r="H4778" s="97"/>
      <c r="T4778" s="98"/>
      <c r="U4778" s="97"/>
      <c r="AG4778" s="98"/>
      <c r="AY4778" s="164"/>
      <c r="BK4778" s="98"/>
      <c r="BL4778" s="97"/>
      <c r="BX4778" s="98"/>
      <c r="CL4778" s="97"/>
      <c r="CX4778" s="98"/>
      <c r="DL4778" s="97"/>
      <c r="DX4778" s="98"/>
      <c r="EL4778" s="97"/>
      <c r="EX4778" s="98"/>
      <c r="EY4778" s="97"/>
      <c r="FL4778" s="126"/>
      <c r="FM4778" s="91"/>
      <c r="FN4778" s="91"/>
      <c r="FO4778" s="91"/>
      <c r="FP4778" s="91"/>
      <c r="FQ4778" s="91"/>
      <c r="FR4778" s="91"/>
      <c r="FS4778" s="91"/>
      <c r="FT4778" s="91"/>
      <c r="FU4778" s="91"/>
      <c r="FV4778" s="91"/>
      <c r="FW4778" s="91"/>
      <c r="FX4778" s="127"/>
      <c r="FY4778" s="126"/>
      <c r="FZ4778" s="91"/>
      <c r="GA4778" s="91"/>
      <c r="GB4778" s="91"/>
      <c r="GC4778" s="91"/>
      <c r="GD4778" s="91"/>
      <c r="GE4778" s="91"/>
      <c r="GF4778" s="91"/>
      <c r="GG4778" s="91"/>
      <c r="GH4778" s="91"/>
      <c r="GI4778" s="91"/>
      <c r="GJ4778" s="91"/>
      <c r="GK4778" s="127"/>
      <c r="GL4778" s="126"/>
      <c r="GM4778" s="91"/>
      <c r="GN4778" s="91"/>
      <c r="GO4778" s="91"/>
      <c r="GP4778" s="91"/>
      <c r="GQ4778" s="91"/>
      <c r="GR4778" s="91"/>
      <c r="GS4778" s="91"/>
      <c r="GT4778" s="91"/>
      <c r="GU4778" s="91"/>
      <c r="GV4778" s="91"/>
      <c r="GW4778" s="91"/>
      <c r="GX4778" s="127"/>
      <c r="GY4778" s="126"/>
      <c r="GZ4778" s="91"/>
      <c r="HA4778" s="91"/>
      <c r="HB4778" s="91"/>
      <c r="HC4778" s="91"/>
      <c r="HD4778" s="91"/>
      <c r="HE4778" s="91"/>
      <c r="HF4778" s="91"/>
      <c r="HG4778" s="91"/>
      <c r="HH4778" s="91"/>
      <c r="HI4778" s="91"/>
      <c r="HJ4778" s="91"/>
      <c r="HK4778" s="127"/>
      <c r="HL4778" s="126"/>
      <c r="HM4778" s="91"/>
      <c r="HN4778" s="91"/>
      <c r="HO4778" s="91"/>
      <c r="HP4778" s="91"/>
      <c r="HQ4778" s="91"/>
      <c r="HR4778" s="91"/>
      <c r="HS4778" s="91"/>
      <c r="HT4778" s="91"/>
      <c r="HU4778" s="91"/>
      <c r="HV4778" s="91"/>
      <c r="HW4778" s="91"/>
      <c r="HX4778" s="127"/>
      <c r="HY4778" s="126"/>
      <c r="HZ4778" s="91"/>
      <c r="IA4778" s="91"/>
      <c r="IB4778" s="91"/>
      <c r="IC4778" s="91"/>
      <c r="ID4778" s="91"/>
      <c r="IE4778" s="91"/>
      <c r="IF4778" s="91"/>
      <c r="IG4778" s="91"/>
      <c r="IH4778" s="91"/>
      <c r="II4778" s="91"/>
      <c r="IJ4778" s="91"/>
      <c r="IK4778" s="174"/>
    </row>
    <row r="4779" spans="2:245" x14ac:dyDescent="0.2">
      <c r="B4779" s="43"/>
      <c r="C4779" s="73"/>
      <c r="D4779" s="64"/>
      <c r="E4779" s="64"/>
      <c r="F4779" s="55"/>
      <c r="G4779" s="102"/>
      <c r="H4779" s="97"/>
      <c r="T4779" s="98"/>
      <c r="U4779" s="97"/>
      <c r="AG4779" s="98"/>
      <c r="AY4779" s="164"/>
      <c r="BK4779" s="98"/>
      <c r="BL4779" s="97"/>
      <c r="BX4779" s="98"/>
      <c r="CL4779" s="97"/>
      <c r="CX4779" s="98"/>
      <c r="DL4779" s="97"/>
      <c r="DX4779" s="98"/>
      <c r="EL4779" s="97"/>
      <c r="EX4779" s="98"/>
      <c r="EY4779" s="97"/>
      <c r="FL4779" s="126"/>
      <c r="FM4779" s="91"/>
      <c r="FN4779" s="91"/>
      <c r="FO4779" s="91"/>
      <c r="FP4779" s="91"/>
      <c r="FQ4779" s="91"/>
      <c r="FR4779" s="91"/>
      <c r="FS4779" s="91"/>
      <c r="FT4779" s="91"/>
      <c r="FU4779" s="91"/>
      <c r="FV4779" s="91"/>
      <c r="FW4779" s="91"/>
      <c r="FX4779" s="127"/>
      <c r="FY4779" s="126"/>
      <c r="FZ4779" s="91"/>
      <c r="GA4779" s="91"/>
      <c r="GB4779" s="91"/>
      <c r="GC4779" s="91"/>
      <c r="GD4779" s="91"/>
      <c r="GE4779" s="91"/>
      <c r="GF4779" s="91"/>
      <c r="GG4779" s="91"/>
      <c r="GH4779" s="91"/>
      <c r="GI4779" s="91"/>
      <c r="GJ4779" s="91"/>
      <c r="GK4779" s="127"/>
      <c r="GL4779" s="126"/>
      <c r="GM4779" s="91"/>
      <c r="GN4779" s="91"/>
      <c r="GO4779" s="91"/>
      <c r="GP4779" s="91"/>
      <c r="GQ4779" s="91"/>
      <c r="GR4779" s="91"/>
      <c r="GS4779" s="91"/>
      <c r="GT4779" s="91"/>
      <c r="GU4779" s="91"/>
      <c r="GV4779" s="91"/>
      <c r="GW4779" s="91"/>
      <c r="GX4779" s="127"/>
      <c r="GY4779" s="126"/>
      <c r="GZ4779" s="91"/>
      <c r="HA4779" s="91"/>
      <c r="HB4779" s="91"/>
      <c r="HC4779" s="91"/>
      <c r="HD4779" s="91"/>
      <c r="HE4779" s="91"/>
      <c r="HF4779" s="91"/>
      <c r="HG4779" s="91"/>
      <c r="HH4779" s="91"/>
      <c r="HI4779" s="91"/>
      <c r="HJ4779" s="91"/>
      <c r="HK4779" s="127"/>
      <c r="HL4779" s="126"/>
      <c r="HM4779" s="91"/>
      <c r="HN4779" s="91"/>
      <c r="HO4779" s="91"/>
      <c r="HP4779" s="91"/>
      <c r="HQ4779" s="91"/>
      <c r="HR4779" s="91"/>
      <c r="HS4779" s="91"/>
      <c r="HT4779" s="91"/>
      <c r="HU4779" s="91"/>
      <c r="HV4779" s="91"/>
      <c r="HW4779" s="91"/>
      <c r="HX4779" s="127"/>
      <c r="HY4779" s="126"/>
      <c r="HZ4779" s="91"/>
      <c r="IA4779" s="91"/>
      <c r="IB4779" s="91"/>
      <c r="IC4779" s="91"/>
      <c r="ID4779" s="91"/>
      <c r="IE4779" s="91"/>
      <c r="IF4779" s="91"/>
      <c r="IG4779" s="91"/>
      <c r="IH4779" s="91"/>
      <c r="II4779" s="91"/>
      <c r="IJ4779" s="91"/>
      <c r="IK4779" s="174"/>
    </row>
    <row r="4780" spans="2:245" x14ac:dyDescent="0.2">
      <c r="B4780" s="43"/>
      <c r="C4780" s="73"/>
      <c r="D4780" s="64"/>
      <c r="E4780" s="64"/>
      <c r="F4780" s="55"/>
      <c r="G4780" s="102"/>
      <c r="H4780" s="97"/>
      <c r="T4780" s="98"/>
      <c r="U4780" s="97"/>
      <c r="AG4780" s="98"/>
      <c r="AY4780" s="164"/>
      <c r="BK4780" s="98"/>
      <c r="BL4780" s="97"/>
      <c r="BX4780" s="98"/>
      <c r="CL4780" s="97"/>
      <c r="CX4780" s="98"/>
      <c r="DL4780" s="97"/>
      <c r="DX4780" s="98"/>
      <c r="EL4780" s="97"/>
      <c r="EX4780" s="98"/>
      <c r="EY4780" s="97"/>
      <c r="FL4780" s="126"/>
      <c r="FM4780" s="91"/>
      <c r="FN4780" s="91"/>
      <c r="FO4780" s="91"/>
      <c r="FP4780" s="91"/>
      <c r="FQ4780" s="91"/>
      <c r="FR4780" s="91"/>
      <c r="FS4780" s="91"/>
      <c r="FT4780" s="91"/>
      <c r="FU4780" s="91"/>
      <c r="FV4780" s="91"/>
      <c r="FW4780" s="91"/>
      <c r="FX4780" s="127"/>
      <c r="FY4780" s="126"/>
      <c r="FZ4780" s="91"/>
      <c r="GA4780" s="91"/>
      <c r="GB4780" s="91"/>
      <c r="GC4780" s="91"/>
      <c r="GD4780" s="91"/>
      <c r="GE4780" s="91"/>
      <c r="GF4780" s="91"/>
      <c r="GG4780" s="91"/>
      <c r="GH4780" s="91"/>
      <c r="GI4780" s="91"/>
      <c r="GJ4780" s="91"/>
      <c r="GK4780" s="127"/>
      <c r="GL4780" s="126"/>
      <c r="GM4780" s="91"/>
      <c r="GN4780" s="91"/>
      <c r="GO4780" s="91"/>
      <c r="GP4780" s="91"/>
      <c r="GQ4780" s="91"/>
      <c r="GR4780" s="91"/>
      <c r="GS4780" s="91"/>
      <c r="GT4780" s="91"/>
      <c r="GU4780" s="91"/>
      <c r="GV4780" s="91"/>
      <c r="GW4780" s="91"/>
      <c r="GX4780" s="127"/>
      <c r="GY4780" s="126"/>
      <c r="GZ4780" s="91"/>
      <c r="HA4780" s="91"/>
      <c r="HB4780" s="91"/>
      <c r="HC4780" s="91"/>
      <c r="HD4780" s="91"/>
      <c r="HE4780" s="91"/>
      <c r="HF4780" s="91"/>
      <c r="HG4780" s="91"/>
      <c r="HH4780" s="91"/>
      <c r="HI4780" s="91"/>
      <c r="HJ4780" s="91"/>
      <c r="HK4780" s="127"/>
      <c r="HL4780" s="126"/>
      <c r="HM4780" s="91"/>
      <c r="HN4780" s="91"/>
      <c r="HO4780" s="91"/>
      <c r="HP4780" s="91"/>
      <c r="HQ4780" s="91"/>
      <c r="HR4780" s="91"/>
      <c r="HS4780" s="91"/>
      <c r="HT4780" s="91"/>
      <c r="HU4780" s="91"/>
      <c r="HV4780" s="91"/>
      <c r="HW4780" s="91"/>
      <c r="HX4780" s="127"/>
      <c r="HY4780" s="126"/>
      <c r="HZ4780" s="91"/>
      <c r="IA4780" s="91"/>
      <c r="IB4780" s="91"/>
      <c r="IC4780" s="91"/>
      <c r="ID4780" s="91"/>
      <c r="IE4780" s="91"/>
      <c r="IF4780" s="91"/>
      <c r="IG4780" s="91"/>
      <c r="IH4780" s="91"/>
      <c r="II4780" s="91"/>
      <c r="IJ4780" s="91"/>
      <c r="IK4780" s="174"/>
    </row>
    <row r="4781" spans="2:245" x14ac:dyDescent="0.2">
      <c r="B4781" s="43"/>
      <c r="C4781" s="73"/>
      <c r="D4781" s="64"/>
      <c r="E4781" s="64"/>
      <c r="F4781" s="55"/>
      <c r="G4781" s="102"/>
      <c r="H4781" s="97"/>
      <c r="T4781" s="98"/>
      <c r="U4781" s="97"/>
      <c r="AG4781" s="98"/>
      <c r="AY4781" s="164"/>
      <c r="BK4781" s="98"/>
      <c r="BL4781" s="97"/>
      <c r="BX4781" s="98"/>
      <c r="CL4781" s="97"/>
      <c r="CX4781" s="98"/>
      <c r="DL4781" s="97"/>
      <c r="DX4781" s="98"/>
      <c r="EL4781" s="97"/>
      <c r="EX4781" s="98"/>
      <c r="EY4781" s="97"/>
      <c r="FL4781" s="126"/>
      <c r="FM4781" s="91"/>
      <c r="FN4781" s="91"/>
      <c r="FO4781" s="91"/>
      <c r="FP4781" s="91"/>
      <c r="FQ4781" s="91"/>
      <c r="FR4781" s="91"/>
      <c r="FS4781" s="91"/>
      <c r="FT4781" s="91"/>
      <c r="FU4781" s="91"/>
      <c r="FV4781" s="91"/>
      <c r="FW4781" s="91"/>
      <c r="FX4781" s="127"/>
      <c r="FY4781" s="126"/>
      <c r="FZ4781" s="91"/>
      <c r="GA4781" s="91"/>
      <c r="GB4781" s="91"/>
      <c r="GC4781" s="91"/>
      <c r="GD4781" s="91"/>
      <c r="GE4781" s="91"/>
      <c r="GF4781" s="91"/>
      <c r="GG4781" s="91"/>
      <c r="GH4781" s="91"/>
      <c r="GI4781" s="91"/>
      <c r="GJ4781" s="91"/>
      <c r="GK4781" s="127"/>
      <c r="GL4781" s="126"/>
      <c r="GM4781" s="91"/>
      <c r="GN4781" s="91"/>
      <c r="GO4781" s="91"/>
      <c r="GP4781" s="91"/>
      <c r="GQ4781" s="91"/>
      <c r="GR4781" s="91"/>
      <c r="GS4781" s="91"/>
      <c r="GT4781" s="91"/>
      <c r="GU4781" s="91"/>
      <c r="GV4781" s="91"/>
      <c r="GW4781" s="91"/>
      <c r="GX4781" s="127"/>
      <c r="GY4781" s="126"/>
      <c r="GZ4781" s="91"/>
      <c r="HA4781" s="91"/>
      <c r="HB4781" s="91"/>
      <c r="HC4781" s="91"/>
      <c r="HD4781" s="91"/>
      <c r="HE4781" s="91"/>
      <c r="HF4781" s="91"/>
      <c r="HG4781" s="91"/>
      <c r="HH4781" s="91"/>
      <c r="HI4781" s="91"/>
      <c r="HJ4781" s="91"/>
      <c r="HK4781" s="127"/>
      <c r="HL4781" s="126"/>
      <c r="HM4781" s="91"/>
      <c r="HN4781" s="91"/>
      <c r="HO4781" s="91"/>
      <c r="HP4781" s="91"/>
      <c r="HQ4781" s="91"/>
      <c r="HR4781" s="91"/>
      <c r="HS4781" s="91"/>
      <c r="HT4781" s="91"/>
      <c r="HU4781" s="91"/>
      <c r="HV4781" s="91"/>
      <c r="HW4781" s="91"/>
      <c r="HX4781" s="127"/>
      <c r="HY4781" s="126"/>
      <c r="HZ4781" s="91"/>
      <c r="IA4781" s="91"/>
      <c r="IB4781" s="91"/>
      <c r="IC4781" s="91"/>
      <c r="ID4781" s="91"/>
      <c r="IE4781" s="91"/>
      <c r="IF4781" s="91"/>
      <c r="IG4781" s="91"/>
      <c r="IH4781" s="91"/>
      <c r="II4781" s="91"/>
      <c r="IJ4781" s="91"/>
      <c r="IK4781" s="174"/>
    </row>
    <row r="4782" spans="2:245" x14ac:dyDescent="0.2">
      <c r="B4782" s="43"/>
      <c r="C4782" s="73"/>
      <c r="D4782" s="64"/>
      <c r="E4782" s="64"/>
      <c r="F4782" s="55"/>
      <c r="G4782" s="102"/>
      <c r="H4782" s="97"/>
      <c r="T4782" s="98"/>
      <c r="U4782" s="97"/>
      <c r="AG4782" s="98"/>
      <c r="AY4782" s="164"/>
      <c r="BK4782" s="98"/>
      <c r="BL4782" s="97"/>
      <c r="BX4782" s="98"/>
      <c r="CL4782" s="97"/>
      <c r="CX4782" s="98"/>
      <c r="DL4782" s="97"/>
      <c r="DX4782" s="98"/>
      <c r="EL4782" s="97"/>
      <c r="EX4782" s="98"/>
      <c r="EY4782" s="97"/>
      <c r="FL4782" s="126"/>
      <c r="FM4782" s="91"/>
      <c r="FN4782" s="91"/>
      <c r="FO4782" s="91"/>
      <c r="FP4782" s="91"/>
      <c r="FQ4782" s="91"/>
      <c r="FR4782" s="91"/>
      <c r="FS4782" s="91"/>
      <c r="FT4782" s="91"/>
      <c r="FU4782" s="91"/>
      <c r="FV4782" s="91"/>
      <c r="FW4782" s="91"/>
      <c r="FX4782" s="127"/>
      <c r="FY4782" s="126"/>
      <c r="FZ4782" s="91"/>
      <c r="GA4782" s="91"/>
      <c r="GB4782" s="91"/>
      <c r="GC4782" s="91"/>
      <c r="GD4782" s="91"/>
      <c r="GE4782" s="91"/>
      <c r="GF4782" s="91"/>
      <c r="GG4782" s="91"/>
      <c r="GH4782" s="91"/>
      <c r="GI4782" s="91"/>
      <c r="GJ4782" s="91"/>
      <c r="GK4782" s="127"/>
      <c r="GL4782" s="126"/>
      <c r="GM4782" s="91"/>
      <c r="GN4782" s="91"/>
      <c r="GO4782" s="91"/>
      <c r="GP4782" s="91"/>
      <c r="GQ4782" s="91"/>
      <c r="GR4782" s="91"/>
      <c r="GS4782" s="91"/>
      <c r="GT4782" s="91"/>
      <c r="GU4782" s="91"/>
      <c r="GV4782" s="91"/>
      <c r="GW4782" s="91"/>
      <c r="GX4782" s="127"/>
      <c r="GY4782" s="126"/>
      <c r="GZ4782" s="91"/>
      <c r="HA4782" s="91"/>
      <c r="HB4782" s="91"/>
      <c r="HC4782" s="91"/>
      <c r="HD4782" s="91"/>
      <c r="HE4782" s="91"/>
      <c r="HF4782" s="91"/>
      <c r="HG4782" s="91"/>
      <c r="HH4782" s="91"/>
      <c r="HI4782" s="91"/>
      <c r="HJ4782" s="91"/>
      <c r="HK4782" s="127"/>
      <c r="HL4782" s="126"/>
      <c r="HM4782" s="91"/>
      <c r="HN4782" s="91"/>
      <c r="HO4782" s="91"/>
      <c r="HP4782" s="91"/>
      <c r="HQ4782" s="91"/>
      <c r="HR4782" s="91"/>
      <c r="HS4782" s="91"/>
      <c r="HT4782" s="91"/>
      <c r="HU4782" s="91"/>
      <c r="HV4782" s="91"/>
      <c r="HW4782" s="91"/>
      <c r="HX4782" s="127"/>
      <c r="HY4782" s="126"/>
      <c r="HZ4782" s="91"/>
      <c r="IA4782" s="91"/>
      <c r="IB4782" s="91"/>
      <c r="IC4782" s="91"/>
      <c r="ID4782" s="91"/>
      <c r="IE4782" s="91"/>
      <c r="IF4782" s="91"/>
      <c r="IG4782" s="91"/>
      <c r="IH4782" s="91"/>
      <c r="II4782" s="91"/>
      <c r="IJ4782" s="91"/>
      <c r="IK4782" s="174"/>
    </row>
    <row r="4783" spans="2:245" x14ac:dyDescent="0.2">
      <c r="B4783" s="43"/>
      <c r="C4783" s="73"/>
      <c r="D4783" s="64"/>
      <c r="E4783" s="64"/>
      <c r="F4783" s="55"/>
      <c r="G4783" s="102"/>
      <c r="H4783" s="97"/>
      <c r="T4783" s="98"/>
      <c r="U4783" s="97"/>
      <c r="AG4783" s="98"/>
      <c r="AY4783" s="164"/>
      <c r="BK4783" s="98"/>
      <c r="BL4783" s="97"/>
      <c r="BX4783" s="98"/>
      <c r="CL4783" s="97"/>
      <c r="CX4783" s="98"/>
      <c r="DL4783" s="97"/>
      <c r="DX4783" s="98"/>
      <c r="EL4783" s="97"/>
      <c r="EX4783" s="98"/>
      <c r="EY4783" s="97"/>
      <c r="FL4783" s="126"/>
      <c r="FM4783" s="91"/>
      <c r="FN4783" s="91"/>
      <c r="FO4783" s="91"/>
      <c r="FP4783" s="91"/>
      <c r="FQ4783" s="91"/>
      <c r="FR4783" s="91"/>
      <c r="FS4783" s="91"/>
      <c r="FT4783" s="91"/>
      <c r="FU4783" s="91"/>
      <c r="FV4783" s="91"/>
      <c r="FW4783" s="91"/>
      <c r="FX4783" s="127"/>
      <c r="FY4783" s="126"/>
      <c r="FZ4783" s="91"/>
      <c r="GA4783" s="91"/>
      <c r="GB4783" s="91"/>
      <c r="GC4783" s="91"/>
      <c r="GD4783" s="91"/>
      <c r="GE4783" s="91"/>
      <c r="GF4783" s="91"/>
      <c r="GG4783" s="91"/>
      <c r="GH4783" s="91"/>
      <c r="GI4783" s="91"/>
      <c r="GJ4783" s="91"/>
      <c r="GK4783" s="127"/>
      <c r="GL4783" s="126"/>
      <c r="GM4783" s="91"/>
      <c r="GN4783" s="91"/>
      <c r="GO4783" s="91"/>
      <c r="GP4783" s="91"/>
      <c r="GQ4783" s="91"/>
      <c r="GR4783" s="91"/>
      <c r="GS4783" s="91"/>
      <c r="GT4783" s="91"/>
      <c r="GU4783" s="91"/>
      <c r="GV4783" s="91"/>
      <c r="GW4783" s="91"/>
      <c r="GX4783" s="127"/>
      <c r="GY4783" s="126"/>
      <c r="GZ4783" s="91"/>
      <c r="HA4783" s="91"/>
      <c r="HB4783" s="91"/>
      <c r="HC4783" s="91"/>
      <c r="HD4783" s="91"/>
      <c r="HE4783" s="91"/>
      <c r="HF4783" s="91"/>
      <c r="HG4783" s="91"/>
      <c r="HH4783" s="91"/>
      <c r="HI4783" s="91"/>
      <c r="HJ4783" s="91"/>
      <c r="HK4783" s="127"/>
      <c r="HL4783" s="126"/>
      <c r="HM4783" s="91"/>
      <c r="HN4783" s="91"/>
      <c r="HO4783" s="91"/>
      <c r="HP4783" s="91"/>
      <c r="HQ4783" s="91"/>
      <c r="HR4783" s="91"/>
      <c r="HS4783" s="91"/>
      <c r="HT4783" s="91"/>
      <c r="HU4783" s="91"/>
      <c r="HV4783" s="91"/>
      <c r="HW4783" s="91"/>
      <c r="HX4783" s="127"/>
      <c r="HY4783" s="126"/>
      <c r="HZ4783" s="91"/>
      <c r="IA4783" s="91"/>
      <c r="IB4783" s="91"/>
      <c r="IC4783" s="91"/>
      <c r="ID4783" s="91"/>
      <c r="IE4783" s="91"/>
      <c r="IF4783" s="91"/>
      <c r="IG4783" s="91"/>
      <c r="IH4783" s="91"/>
      <c r="II4783" s="91"/>
      <c r="IJ4783" s="91"/>
      <c r="IK4783" s="174"/>
    </row>
    <row r="4784" spans="2:245" x14ac:dyDescent="0.2">
      <c r="B4784" s="43"/>
      <c r="C4784" s="73"/>
      <c r="D4784" s="64"/>
      <c r="E4784" s="64"/>
      <c r="F4784" s="55"/>
      <c r="G4784" s="102"/>
      <c r="H4784" s="97"/>
      <c r="T4784" s="98"/>
      <c r="U4784" s="97"/>
      <c r="AG4784" s="98"/>
      <c r="AY4784" s="164"/>
      <c r="BK4784" s="98"/>
      <c r="BL4784" s="97"/>
      <c r="BX4784" s="98"/>
      <c r="CL4784" s="97"/>
      <c r="CX4784" s="98"/>
      <c r="DL4784" s="97"/>
      <c r="DX4784" s="98"/>
      <c r="EL4784" s="97"/>
      <c r="EX4784" s="98"/>
      <c r="EY4784" s="97"/>
      <c r="FL4784" s="126"/>
      <c r="FM4784" s="91"/>
      <c r="FN4784" s="91"/>
      <c r="FO4784" s="91"/>
      <c r="FP4784" s="91"/>
      <c r="FQ4784" s="91"/>
      <c r="FR4784" s="91"/>
      <c r="FS4784" s="91"/>
      <c r="FT4784" s="91"/>
      <c r="FU4784" s="91"/>
      <c r="FV4784" s="91"/>
      <c r="FW4784" s="91"/>
      <c r="FX4784" s="127"/>
      <c r="FY4784" s="126"/>
      <c r="FZ4784" s="91"/>
      <c r="GA4784" s="91"/>
      <c r="GB4784" s="91"/>
      <c r="GC4784" s="91"/>
      <c r="GD4784" s="91"/>
      <c r="GE4784" s="91"/>
      <c r="GF4784" s="91"/>
      <c r="GG4784" s="91"/>
      <c r="GH4784" s="91"/>
      <c r="GI4784" s="91"/>
      <c r="GJ4784" s="91"/>
      <c r="GK4784" s="127"/>
      <c r="GL4784" s="126"/>
      <c r="GM4784" s="91"/>
      <c r="GN4784" s="91"/>
      <c r="GO4784" s="91"/>
      <c r="GP4784" s="91"/>
      <c r="GQ4784" s="91"/>
      <c r="GR4784" s="91"/>
      <c r="GS4784" s="91"/>
      <c r="GT4784" s="91"/>
      <c r="GU4784" s="91"/>
      <c r="GV4784" s="91"/>
      <c r="GW4784" s="91"/>
      <c r="GX4784" s="127"/>
      <c r="GY4784" s="126"/>
      <c r="GZ4784" s="91"/>
      <c r="HA4784" s="91"/>
      <c r="HB4784" s="91"/>
      <c r="HC4784" s="91"/>
      <c r="HD4784" s="91"/>
      <c r="HE4784" s="91"/>
      <c r="HF4784" s="91"/>
      <c r="HG4784" s="91"/>
      <c r="HH4784" s="91"/>
      <c r="HI4784" s="91"/>
      <c r="HJ4784" s="91"/>
      <c r="HK4784" s="127"/>
      <c r="HL4784" s="126"/>
      <c r="HM4784" s="91"/>
      <c r="HN4784" s="91"/>
      <c r="HO4784" s="91"/>
      <c r="HP4784" s="91"/>
      <c r="HQ4784" s="91"/>
      <c r="HR4784" s="91"/>
      <c r="HS4784" s="91"/>
      <c r="HT4784" s="91"/>
      <c r="HU4784" s="91"/>
      <c r="HV4784" s="91"/>
      <c r="HW4784" s="91"/>
      <c r="HX4784" s="127"/>
      <c r="HY4784" s="126"/>
      <c r="HZ4784" s="91"/>
      <c r="IA4784" s="91"/>
      <c r="IB4784" s="91"/>
      <c r="IC4784" s="91"/>
      <c r="ID4784" s="91"/>
      <c r="IE4784" s="91"/>
      <c r="IF4784" s="91"/>
      <c r="IG4784" s="91"/>
      <c r="IH4784" s="91"/>
      <c r="II4784" s="91"/>
      <c r="IJ4784" s="91"/>
      <c r="IK4784" s="174"/>
    </row>
    <row r="4785" spans="2:245" x14ac:dyDescent="0.2">
      <c r="B4785" s="43"/>
      <c r="C4785" s="73"/>
      <c r="D4785" s="64"/>
      <c r="E4785" s="64"/>
      <c r="F4785" s="55"/>
      <c r="G4785" s="102"/>
      <c r="H4785" s="97"/>
      <c r="T4785" s="98"/>
      <c r="U4785" s="97"/>
      <c r="AG4785" s="98"/>
      <c r="AY4785" s="164"/>
      <c r="BK4785" s="98"/>
      <c r="BL4785" s="97"/>
      <c r="BX4785" s="98"/>
      <c r="CL4785" s="97"/>
      <c r="CX4785" s="98"/>
      <c r="DL4785" s="97"/>
      <c r="DX4785" s="98"/>
      <c r="EL4785" s="97"/>
      <c r="EX4785" s="98"/>
      <c r="EY4785" s="97"/>
      <c r="FL4785" s="126"/>
      <c r="FM4785" s="91"/>
      <c r="FN4785" s="91"/>
      <c r="FO4785" s="91"/>
      <c r="FP4785" s="91"/>
      <c r="FQ4785" s="91"/>
      <c r="FR4785" s="91"/>
      <c r="FS4785" s="91"/>
      <c r="FT4785" s="91"/>
      <c r="FU4785" s="91"/>
      <c r="FV4785" s="91"/>
      <c r="FW4785" s="91"/>
      <c r="FX4785" s="127"/>
      <c r="FY4785" s="126"/>
      <c r="FZ4785" s="91"/>
      <c r="GA4785" s="91"/>
      <c r="GB4785" s="91"/>
      <c r="GC4785" s="91"/>
      <c r="GD4785" s="91"/>
      <c r="GE4785" s="91"/>
      <c r="GF4785" s="91"/>
      <c r="GG4785" s="91"/>
      <c r="GH4785" s="91"/>
      <c r="GI4785" s="91"/>
      <c r="GJ4785" s="91"/>
      <c r="GK4785" s="127"/>
      <c r="GL4785" s="126"/>
      <c r="GM4785" s="91"/>
      <c r="GN4785" s="91"/>
      <c r="GO4785" s="91"/>
      <c r="GP4785" s="91"/>
      <c r="GQ4785" s="91"/>
      <c r="GR4785" s="91"/>
      <c r="GS4785" s="91"/>
      <c r="GT4785" s="91"/>
      <c r="GU4785" s="91"/>
      <c r="GV4785" s="91"/>
      <c r="GW4785" s="91"/>
      <c r="GX4785" s="127"/>
      <c r="GY4785" s="126"/>
      <c r="GZ4785" s="91"/>
      <c r="HA4785" s="91"/>
      <c r="HB4785" s="91"/>
      <c r="HC4785" s="91"/>
      <c r="HD4785" s="91"/>
      <c r="HE4785" s="91"/>
      <c r="HF4785" s="91"/>
      <c r="HG4785" s="91"/>
      <c r="HH4785" s="91"/>
      <c r="HI4785" s="91"/>
      <c r="HJ4785" s="91"/>
      <c r="HK4785" s="127"/>
      <c r="HL4785" s="126"/>
      <c r="HM4785" s="91"/>
      <c r="HN4785" s="91"/>
      <c r="HO4785" s="91"/>
      <c r="HP4785" s="91"/>
      <c r="HQ4785" s="91"/>
      <c r="HR4785" s="91"/>
      <c r="HS4785" s="91"/>
      <c r="HT4785" s="91"/>
      <c r="HU4785" s="91"/>
      <c r="HV4785" s="91"/>
      <c r="HW4785" s="91"/>
      <c r="HX4785" s="127"/>
      <c r="HY4785" s="126"/>
      <c r="HZ4785" s="91"/>
      <c r="IA4785" s="91"/>
      <c r="IB4785" s="91"/>
      <c r="IC4785" s="91"/>
      <c r="ID4785" s="91"/>
      <c r="IE4785" s="91"/>
      <c r="IF4785" s="91"/>
      <c r="IG4785" s="91"/>
      <c r="IH4785" s="91"/>
      <c r="II4785" s="91"/>
      <c r="IJ4785" s="91"/>
      <c r="IK4785" s="174"/>
    </row>
    <row r="4786" spans="2:245" x14ac:dyDescent="0.2">
      <c r="B4786" s="43"/>
      <c r="C4786" s="73"/>
      <c r="D4786" s="64"/>
      <c r="E4786" s="64"/>
      <c r="F4786" s="55"/>
      <c r="G4786" s="102"/>
      <c r="H4786" s="97"/>
      <c r="T4786" s="98"/>
      <c r="U4786" s="97"/>
      <c r="AG4786" s="98"/>
      <c r="AY4786" s="164"/>
      <c r="BK4786" s="98"/>
      <c r="BL4786" s="97"/>
      <c r="BX4786" s="98"/>
      <c r="CL4786" s="97"/>
      <c r="CX4786" s="98"/>
      <c r="DL4786" s="97"/>
      <c r="DX4786" s="98"/>
      <c r="EL4786" s="97"/>
      <c r="EX4786" s="98"/>
      <c r="EY4786" s="97"/>
      <c r="FL4786" s="126"/>
      <c r="FM4786" s="91"/>
      <c r="FN4786" s="91"/>
      <c r="FO4786" s="91"/>
      <c r="FP4786" s="91"/>
      <c r="FQ4786" s="91"/>
      <c r="FR4786" s="91"/>
      <c r="FS4786" s="91"/>
      <c r="FT4786" s="91"/>
      <c r="FU4786" s="91"/>
      <c r="FV4786" s="91"/>
      <c r="FW4786" s="91"/>
      <c r="FX4786" s="127"/>
      <c r="FY4786" s="126"/>
      <c r="FZ4786" s="91"/>
      <c r="GA4786" s="91"/>
      <c r="GB4786" s="91"/>
      <c r="GC4786" s="91"/>
      <c r="GD4786" s="91"/>
      <c r="GE4786" s="91"/>
      <c r="GF4786" s="91"/>
      <c r="GG4786" s="91"/>
      <c r="GH4786" s="91"/>
      <c r="GI4786" s="91"/>
      <c r="GJ4786" s="91"/>
      <c r="GK4786" s="127"/>
      <c r="GL4786" s="126"/>
      <c r="GM4786" s="91"/>
      <c r="GN4786" s="91"/>
      <c r="GO4786" s="91"/>
      <c r="GP4786" s="91"/>
      <c r="GQ4786" s="91"/>
      <c r="GR4786" s="91"/>
      <c r="GS4786" s="91"/>
      <c r="GT4786" s="91"/>
      <c r="GU4786" s="91"/>
      <c r="GV4786" s="91"/>
      <c r="GW4786" s="91"/>
      <c r="GX4786" s="127"/>
      <c r="GY4786" s="126"/>
      <c r="GZ4786" s="91"/>
      <c r="HA4786" s="91"/>
      <c r="HB4786" s="91"/>
      <c r="HC4786" s="91"/>
      <c r="HD4786" s="91"/>
      <c r="HE4786" s="91"/>
      <c r="HF4786" s="91"/>
      <c r="HG4786" s="91"/>
      <c r="HH4786" s="91"/>
      <c r="HI4786" s="91"/>
      <c r="HJ4786" s="91"/>
      <c r="HK4786" s="127"/>
      <c r="HL4786" s="126"/>
      <c r="HM4786" s="91"/>
      <c r="HN4786" s="91"/>
      <c r="HO4786" s="91"/>
      <c r="HP4786" s="91"/>
      <c r="HQ4786" s="91"/>
      <c r="HR4786" s="91"/>
      <c r="HS4786" s="91"/>
      <c r="HT4786" s="91"/>
      <c r="HU4786" s="91"/>
      <c r="HV4786" s="91"/>
      <c r="HW4786" s="91"/>
      <c r="HX4786" s="127"/>
      <c r="HY4786" s="126"/>
      <c r="HZ4786" s="91"/>
      <c r="IA4786" s="91"/>
      <c r="IB4786" s="91"/>
      <c r="IC4786" s="91"/>
      <c r="ID4786" s="91"/>
      <c r="IE4786" s="91"/>
      <c r="IF4786" s="91"/>
      <c r="IG4786" s="91"/>
      <c r="IH4786" s="91"/>
      <c r="II4786" s="91"/>
      <c r="IJ4786" s="91"/>
      <c r="IK4786" s="174"/>
    </row>
    <row r="4787" spans="2:245" x14ac:dyDescent="0.2">
      <c r="B4787" s="43"/>
      <c r="C4787" s="73"/>
      <c r="D4787" s="64"/>
      <c r="E4787" s="64"/>
      <c r="F4787" s="55"/>
      <c r="G4787" s="102"/>
      <c r="H4787" s="97"/>
      <c r="T4787" s="98"/>
      <c r="U4787" s="97"/>
      <c r="AG4787" s="98"/>
      <c r="AY4787" s="164"/>
      <c r="BK4787" s="98"/>
      <c r="BL4787" s="97"/>
      <c r="BX4787" s="98"/>
      <c r="CL4787" s="97"/>
      <c r="CX4787" s="98"/>
      <c r="DL4787" s="97"/>
      <c r="DX4787" s="98"/>
      <c r="EL4787" s="97"/>
      <c r="EX4787" s="98"/>
      <c r="EY4787" s="97"/>
      <c r="FL4787" s="126"/>
      <c r="FM4787" s="91"/>
      <c r="FN4787" s="91"/>
      <c r="FO4787" s="91"/>
      <c r="FP4787" s="91"/>
      <c r="FQ4787" s="91"/>
      <c r="FR4787" s="91"/>
      <c r="FS4787" s="91"/>
      <c r="FT4787" s="91"/>
      <c r="FU4787" s="91"/>
      <c r="FV4787" s="91"/>
      <c r="FW4787" s="91"/>
      <c r="FX4787" s="127"/>
      <c r="FY4787" s="126"/>
      <c r="FZ4787" s="91"/>
      <c r="GA4787" s="91"/>
      <c r="GB4787" s="91"/>
      <c r="GC4787" s="91"/>
      <c r="GD4787" s="91"/>
      <c r="GE4787" s="91"/>
      <c r="GF4787" s="91"/>
      <c r="GG4787" s="91"/>
      <c r="GH4787" s="91"/>
      <c r="GI4787" s="91"/>
      <c r="GJ4787" s="91"/>
      <c r="GK4787" s="127"/>
      <c r="GL4787" s="126"/>
      <c r="GM4787" s="91"/>
      <c r="GN4787" s="91"/>
      <c r="GO4787" s="91"/>
      <c r="GP4787" s="91"/>
      <c r="GQ4787" s="91"/>
      <c r="GR4787" s="91"/>
      <c r="GS4787" s="91"/>
      <c r="GT4787" s="91"/>
      <c r="GU4787" s="91"/>
      <c r="GV4787" s="91"/>
      <c r="GW4787" s="91"/>
      <c r="GX4787" s="127"/>
      <c r="GY4787" s="126"/>
      <c r="GZ4787" s="91"/>
      <c r="HA4787" s="91"/>
      <c r="HB4787" s="91"/>
      <c r="HC4787" s="91"/>
      <c r="HD4787" s="91"/>
      <c r="HE4787" s="91"/>
      <c r="HF4787" s="91"/>
      <c r="HG4787" s="91"/>
      <c r="HH4787" s="91"/>
      <c r="HI4787" s="91"/>
      <c r="HJ4787" s="91"/>
      <c r="HK4787" s="127"/>
      <c r="HL4787" s="126"/>
      <c r="HM4787" s="91"/>
      <c r="HN4787" s="91"/>
      <c r="HO4787" s="91"/>
      <c r="HP4787" s="91"/>
      <c r="HQ4787" s="91"/>
      <c r="HR4787" s="91"/>
      <c r="HS4787" s="91"/>
      <c r="HT4787" s="91"/>
      <c r="HU4787" s="91"/>
      <c r="HV4787" s="91"/>
      <c r="HW4787" s="91"/>
      <c r="HX4787" s="127"/>
      <c r="HY4787" s="126"/>
      <c r="HZ4787" s="91"/>
      <c r="IA4787" s="91"/>
      <c r="IB4787" s="91"/>
      <c r="IC4787" s="91"/>
      <c r="ID4787" s="91"/>
      <c r="IE4787" s="91"/>
      <c r="IF4787" s="91"/>
      <c r="IG4787" s="91"/>
      <c r="IH4787" s="91"/>
      <c r="II4787" s="91"/>
      <c r="IJ4787" s="91"/>
      <c r="IK4787" s="174"/>
    </row>
    <row r="4788" spans="2:245" x14ac:dyDescent="0.2">
      <c r="B4788" s="43"/>
      <c r="C4788" s="73"/>
      <c r="D4788" s="64"/>
      <c r="E4788" s="64"/>
      <c r="F4788" s="55"/>
      <c r="G4788" s="102"/>
      <c r="H4788" s="97"/>
      <c r="T4788" s="98"/>
      <c r="U4788" s="97"/>
      <c r="AG4788" s="98"/>
      <c r="AY4788" s="164"/>
      <c r="BK4788" s="98"/>
      <c r="BL4788" s="97"/>
      <c r="BX4788" s="98"/>
      <c r="CL4788" s="97"/>
      <c r="CX4788" s="98"/>
      <c r="DL4788" s="97"/>
      <c r="DX4788" s="98"/>
      <c r="EL4788" s="97"/>
      <c r="EX4788" s="98"/>
      <c r="EY4788" s="97"/>
      <c r="FL4788" s="126"/>
      <c r="FM4788" s="91"/>
      <c r="FN4788" s="91"/>
      <c r="FO4788" s="91"/>
      <c r="FP4788" s="91"/>
      <c r="FQ4788" s="91"/>
      <c r="FR4788" s="91"/>
      <c r="FS4788" s="91"/>
      <c r="FT4788" s="91"/>
      <c r="FU4788" s="91"/>
      <c r="FV4788" s="91"/>
      <c r="FW4788" s="91"/>
      <c r="FX4788" s="127"/>
      <c r="FY4788" s="126"/>
      <c r="FZ4788" s="91"/>
      <c r="GA4788" s="91"/>
      <c r="GB4788" s="91"/>
      <c r="GC4788" s="91"/>
      <c r="GD4788" s="91"/>
      <c r="GE4788" s="91"/>
      <c r="GF4788" s="91"/>
      <c r="GG4788" s="91"/>
      <c r="GH4788" s="91"/>
      <c r="GI4788" s="91"/>
      <c r="GJ4788" s="91"/>
      <c r="GK4788" s="127"/>
      <c r="GL4788" s="126"/>
      <c r="GM4788" s="91"/>
      <c r="GN4788" s="91"/>
      <c r="GO4788" s="91"/>
      <c r="GP4788" s="91"/>
      <c r="GQ4788" s="91"/>
      <c r="GR4788" s="91"/>
      <c r="GS4788" s="91"/>
      <c r="GT4788" s="91"/>
      <c r="GU4788" s="91"/>
      <c r="GV4788" s="91"/>
      <c r="GW4788" s="91"/>
      <c r="GX4788" s="127"/>
      <c r="GY4788" s="126"/>
      <c r="GZ4788" s="91"/>
      <c r="HA4788" s="91"/>
      <c r="HB4788" s="91"/>
      <c r="HC4788" s="91"/>
      <c r="HD4788" s="91"/>
      <c r="HE4788" s="91"/>
      <c r="HF4788" s="91"/>
      <c r="HG4788" s="91"/>
      <c r="HH4788" s="91"/>
      <c r="HI4788" s="91"/>
      <c r="HJ4788" s="91"/>
      <c r="HK4788" s="127"/>
      <c r="HL4788" s="126"/>
      <c r="HM4788" s="91"/>
      <c r="HN4788" s="91"/>
      <c r="HO4788" s="91"/>
      <c r="HP4788" s="91"/>
      <c r="HQ4788" s="91"/>
      <c r="HR4788" s="91"/>
      <c r="HS4788" s="91"/>
      <c r="HT4788" s="91"/>
      <c r="HU4788" s="91"/>
      <c r="HV4788" s="91"/>
      <c r="HW4788" s="91"/>
      <c r="HX4788" s="127"/>
      <c r="HY4788" s="126"/>
      <c r="HZ4788" s="91"/>
      <c r="IA4788" s="91"/>
      <c r="IB4788" s="91"/>
      <c r="IC4788" s="91"/>
      <c r="ID4788" s="91"/>
      <c r="IE4788" s="91"/>
      <c r="IF4788" s="91"/>
      <c r="IG4788" s="91"/>
      <c r="IH4788" s="91"/>
      <c r="II4788" s="91"/>
      <c r="IJ4788" s="91"/>
      <c r="IK4788" s="174"/>
    </row>
    <row r="4789" spans="2:245" x14ac:dyDescent="0.2">
      <c r="B4789" s="43"/>
      <c r="C4789" s="73"/>
      <c r="D4789" s="64"/>
      <c r="E4789" s="64"/>
      <c r="F4789" s="55"/>
      <c r="G4789" s="102"/>
      <c r="H4789" s="97"/>
      <c r="T4789" s="98"/>
      <c r="U4789" s="97"/>
      <c r="AG4789" s="98"/>
      <c r="AY4789" s="164"/>
      <c r="BK4789" s="98"/>
      <c r="BL4789" s="97"/>
      <c r="BX4789" s="98"/>
      <c r="CL4789" s="97"/>
      <c r="CX4789" s="98"/>
      <c r="DL4789" s="97"/>
      <c r="DX4789" s="98"/>
      <c r="EL4789" s="97"/>
      <c r="EX4789" s="98"/>
      <c r="EY4789" s="97"/>
      <c r="FL4789" s="126"/>
      <c r="FM4789" s="91"/>
      <c r="FN4789" s="91"/>
      <c r="FO4789" s="91"/>
      <c r="FP4789" s="91"/>
      <c r="FQ4789" s="91"/>
      <c r="FR4789" s="91"/>
      <c r="FS4789" s="91"/>
      <c r="FT4789" s="91"/>
      <c r="FU4789" s="91"/>
      <c r="FV4789" s="91"/>
      <c r="FW4789" s="91"/>
      <c r="FX4789" s="127"/>
      <c r="FY4789" s="126"/>
      <c r="FZ4789" s="91"/>
      <c r="GA4789" s="91"/>
      <c r="GB4789" s="91"/>
      <c r="GC4789" s="91"/>
      <c r="GD4789" s="91"/>
      <c r="GE4789" s="91"/>
      <c r="GF4789" s="91"/>
      <c r="GG4789" s="91"/>
      <c r="GH4789" s="91"/>
      <c r="GI4789" s="91"/>
      <c r="GJ4789" s="91"/>
      <c r="GK4789" s="127"/>
      <c r="GL4789" s="126"/>
      <c r="GM4789" s="91"/>
      <c r="GN4789" s="91"/>
      <c r="GO4789" s="91"/>
      <c r="GP4789" s="91"/>
      <c r="GQ4789" s="91"/>
      <c r="GR4789" s="91"/>
      <c r="GS4789" s="91"/>
      <c r="GT4789" s="91"/>
      <c r="GU4789" s="91"/>
      <c r="GV4789" s="91"/>
      <c r="GW4789" s="91"/>
      <c r="GX4789" s="127"/>
      <c r="GY4789" s="126"/>
      <c r="GZ4789" s="91"/>
      <c r="HA4789" s="91"/>
      <c r="HB4789" s="91"/>
      <c r="HC4789" s="91"/>
      <c r="HD4789" s="91"/>
      <c r="HE4789" s="91"/>
      <c r="HF4789" s="91"/>
      <c r="HG4789" s="91"/>
      <c r="HH4789" s="91"/>
      <c r="HI4789" s="91"/>
      <c r="HJ4789" s="91"/>
      <c r="HK4789" s="127"/>
      <c r="HL4789" s="126"/>
      <c r="HM4789" s="91"/>
      <c r="HN4789" s="91"/>
      <c r="HO4789" s="91"/>
      <c r="HP4789" s="91"/>
      <c r="HQ4789" s="91"/>
      <c r="HR4789" s="91"/>
      <c r="HS4789" s="91"/>
      <c r="HT4789" s="91"/>
      <c r="HU4789" s="91"/>
      <c r="HV4789" s="91"/>
      <c r="HW4789" s="91"/>
      <c r="HX4789" s="127"/>
      <c r="HY4789" s="126"/>
      <c r="HZ4789" s="91"/>
      <c r="IA4789" s="91"/>
      <c r="IB4789" s="91"/>
      <c r="IC4789" s="91"/>
      <c r="ID4789" s="91"/>
      <c r="IE4789" s="91"/>
      <c r="IF4789" s="91"/>
      <c r="IG4789" s="91"/>
      <c r="IH4789" s="91"/>
      <c r="II4789" s="91"/>
      <c r="IJ4789" s="91"/>
      <c r="IK4789" s="174"/>
    </row>
    <row r="4790" spans="2:245" x14ac:dyDescent="0.2">
      <c r="B4790" s="43"/>
      <c r="C4790" s="73"/>
      <c r="D4790" s="64"/>
      <c r="E4790" s="64"/>
      <c r="F4790" s="55"/>
      <c r="G4790" s="102"/>
      <c r="H4790" s="97"/>
      <c r="T4790" s="98"/>
      <c r="U4790" s="97"/>
      <c r="AG4790" s="98"/>
      <c r="AY4790" s="164"/>
      <c r="BK4790" s="98"/>
      <c r="BL4790" s="97"/>
      <c r="BX4790" s="98"/>
      <c r="CL4790" s="97"/>
      <c r="CX4790" s="98"/>
      <c r="DL4790" s="97"/>
      <c r="DX4790" s="98"/>
      <c r="EL4790" s="97"/>
      <c r="EX4790" s="98"/>
      <c r="EY4790" s="97"/>
      <c r="FL4790" s="126"/>
      <c r="FM4790" s="91"/>
      <c r="FN4790" s="91"/>
      <c r="FO4790" s="91"/>
      <c r="FP4790" s="91"/>
      <c r="FQ4790" s="91"/>
      <c r="FR4790" s="91"/>
      <c r="FS4790" s="91"/>
      <c r="FT4790" s="91"/>
      <c r="FU4790" s="91"/>
      <c r="FV4790" s="91"/>
      <c r="FW4790" s="91"/>
      <c r="FX4790" s="127"/>
      <c r="FY4790" s="126"/>
      <c r="FZ4790" s="91"/>
      <c r="GA4790" s="91"/>
      <c r="GB4790" s="91"/>
      <c r="GC4790" s="91"/>
      <c r="GD4790" s="91"/>
      <c r="GE4790" s="91"/>
      <c r="GF4790" s="91"/>
      <c r="GG4790" s="91"/>
      <c r="GH4790" s="91"/>
      <c r="GI4790" s="91"/>
      <c r="GJ4790" s="91"/>
      <c r="GK4790" s="127"/>
      <c r="GL4790" s="126"/>
      <c r="GM4790" s="91"/>
      <c r="GN4790" s="91"/>
      <c r="GO4790" s="91"/>
      <c r="GP4790" s="91"/>
      <c r="GQ4790" s="91"/>
      <c r="GR4790" s="91"/>
      <c r="GS4790" s="91"/>
      <c r="GT4790" s="91"/>
      <c r="GU4790" s="91"/>
      <c r="GV4790" s="91"/>
      <c r="GW4790" s="91"/>
      <c r="GX4790" s="127"/>
      <c r="GY4790" s="126"/>
      <c r="GZ4790" s="91"/>
      <c r="HA4790" s="91"/>
      <c r="HB4790" s="91"/>
      <c r="HC4790" s="91"/>
      <c r="HD4790" s="91"/>
      <c r="HE4790" s="91"/>
      <c r="HF4790" s="91"/>
      <c r="HG4790" s="91"/>
      <c r="HH4790" s="91"/>
      <c r="HI4790" s="91"/>
      <c r="HJ4790" s="91"/>
      <c r="HK4790" s="127"/>
      <c r="HL4790" s="126"/>
      <c r="HM4790" s="91"/>
      <c r="HN4790" s="91"/>
      <c r="HO4790" s="91"/>
      <c r="HP4790" s="91"/>
      <c r="HQ4790" s="91"/>
      <c r="HR4790" s="91"/>
      <c r="HS4790" s="91"/>
      <c r="HT4790" s="91"/>
      <c r="HU4790" s="91"/>
      <c r="HV4790" s="91"/>
      <c r="HW4790" s="91"/>
      <c r="HX4790" s="127"/>
      <c r="HY4790" s="126"/>
      <c r="HZ4790" s="91"/>
      <c r="IA4790" s="91"/>
      <c r="IB4790" s="91"/>
      <c r="IC4790" s="91"/>
      <c r="ID4790" s="91"/>
      <c r="IE4790" s="91"/>
      <c r="IF4790" s="91"/>
      <c r="IG4790" s="91"/>
      <c r="IH4790" s="91"/>
      <c r="II4790" s="91"/>
      <c r="IJ4790" s="91"/>
      <c r="IK4790" s="174"/>
    </row>
    <row r="4791" spans="2:245" x14ac:dyDescent="0.2">
      <c r="B4791" s="43"/>
      <c r="C4791" s="73"/>
      <c r="D4791" s="64"/>
      <c r="E4791" s="64"/>
      <c r="F4791" s="55"/>
      <c r="G4791" s="102"/>
      <c r="H4791" s="97"/>
      <c r="T4791" s="98"/>
      <c r="U4791" s="97"/>
      <c r="AG4791" s="98"/>
      <c r="AY4791" s="164"/>
      <c r="BK4791" s="98"/>
      <c r="BL4791" s="97"/>
      <c r="BX4791" s="98"/>
      <c r="CL4791" s="97"/>
      <c r="CX4791" s="98"/>
      <c r="DL4791" s="97"/>
      <c r="DX4791" s="98"/>
      <c r="EL4791" s="97"/>
      <c r="EX4791" s="98"/>
      <c r="EY4791" s="97"/>
      <c r="FL4791" s="126"/>
      <c r="FM4791" s="91"/>
      <c r="FN4791" s="91"/>
      <c r="FO4791" s="91"/>
      <c r="FP4791" s="91"/>
      <c r="FQ4791" s="91"/>
      <c r="FR4791" s="91"/>
      <c r="FS4791" s="91"/>
      <c r="FT4791" s="91"/>
      <c r="FU4791" s="91"/>
      <c r="FV4791" s="91"/>
      <c r="FW4791" s="91"/>
      <c r="FX4791" s="127"/>
      <c r="FY4791" s="126"/>
      <c r="FZ4791" s="91"/>
      <c r="GA4791" s="91"/>
      <c r="GB4791" s="91"/>
      <c r="GC4791" s="91"/>
      <c r="GD4791" s="91"/>
      <c r="GE4791" s="91"/>
      <c r="GF4791" s="91"/>
      <c r="GG4791" s="91"/>
      <c r="GH4791" s="91"/>
      <c r="GI4791" s="91"/>
      <c r="GJ4791" s="91"/>
      <c r="GK4791" s="127"/>
      <c r="GL4791" s="126"/>
      <c r="GM4791" s="91"/>
      <c r="GN4791" s="91"/>
      <c r="GO4791" s="91"/>
      <c r="GP4791" s="91"/>
      <c r="GQ4791" s="91"/>
      <c r="GR4791" s="91"/>
      <c r="GS4791" s="91"/>
      <c r="GT4791" s="91"/>
      <c r="GU4791" s="91"/>
      <c r="GV4791" s="91"/>
      <c r="GW4791" s="91"/>
      <c r="GX4791" s="127"/>
      <c r="GY4791" s="126"/>
      <c r="GZ4791" s="91"/>
      <c r="HA4791" s="91"/>
      <c r="HB4791" s="91"/>
      <c r="HC4791" s="91"/>
      <c r="HD4791" s="91"/>
      <c r="HE4791" s="91"/>
      <c r="HF4791" s="91"/>
      <c r="HG4791" s="91"/>
      <c r="HH4791" s="91"/>
      <c r="HI4791" s="91"/>
      <c r="HJ4791" s="91"/>
      <c r="HK4791" s="127"/>
      <c r="HL4791" s="126"/>
      <c r="HM4791" s="91"/>
      <c r="HN4791" s="91"/>
      <c r="HO4791" s="91"/>
      <c r="HP4791" s="91"/>
      <c r="HQ4791" s="91"/>
      <c r="HR4791" s="91"/>
      <c r="HS4791" s="91"/>
      <c r="HT4791" s="91"/>
      <c r="HU4791" s="91"/>
      <c r="HV4791" s="91"/>
      <c r="HW4791" s="91"/>
      <c r="HX4791" s="127"/>
      <c r="HY4791" s="126"/>
      <c r="HZ4791" s="91"/>
      <c r="IA4791" s="91"/>
      <c r="IB4791" s="91"/>
      <c r="IC4791" s="91"/>
      <c r="ID4791" s="91"/>
      <c r="IE4791" s="91"/>
      <c r="IF4791" s="91"/>
      <c r="IG4791" s="91"/>
      <c r="IH4791" s="91"/>
      <c r="II4791" s="91"/>
      <c r="IJ4791" s="91"/>
      <c r="IK4791" s="174"/>
    </row>
    <row r="4792" spans="2:245" x14ac:dyDescent="0.2">
      <c r="B4792" s="43"/>
      <c r="C4792" s="73"/>
      <c r="D4792" s="64"/>
      <c r="E4792" s="64"/>
      <c r="F4792" s="55"/>
      <c r="G4792" s="102"/>
      <c r="H4792" s="97"/>
      <c r="T4792" s="98"/>
      <c r="U4792" s="97"/>
      <c r="AG4792" s="98"/>
      <c r="AY4792" s="164"/>
      <c r="BK4792" s="98"/>
      <c r="BL4792" s="97"/>
      <c r="BX4792" s="98"/>
      <c r="CL4792" s="97"/>
      <c r="CX4792" s="98"/>
      <c r="DL4792" s="97"/>
      <c r="DX4792" s="98"/>
      <c r="EL4792" s="97"/>
      <c r="EX4792" s="98"/>
      <c r="EY4792" s="97"/>
      <c r="FL4792" s="126"/>
      <c r="FM4792" s="91"/>
      <c r="FN4792" s="91"/>
      <c r="FO4792" s="91"/>
      <c r="FP4792" s="91"/>
      <c r="FQ4792" s="91"/>
      <c r="FR4792" s="91"/>
      <c r="FS4792" s="91"/>
      <c r="FT4792" s="91"/>
      <c r="FU4792" s="91"/>
      <c r="FV4792" s="91"/>
      <c r="FW4792" s="91"/>
      <c r="FX4792" s="127"/>
      <c r="FY4792" s="126"/>
      <c r="FZ4792" s="91"/>
      <c r="GA4792" s="91"/>
      <c r="GB4792" s="91"/>
      <c r="GC4792" s="91"/>
      <c r="GD4792" s="91"/>
      <c r="GE4792" s="91"/>
      <c r="GF4792" s="91"/>
      <c r="GG4792" s="91"/>
      <c r="GH4792" s="91"/>
      <c r="GI4792" s="91"/>
      <c r="GJ4792" s="91"/>
      <c r="GK4792" s="127"/>
      <c r="GL4792" s="126"/>
      <c r="GM4792" s="91"/>
      <c r="GN4792" s="91"/>
      <c r="GO4792" s="91"/>
      <c r="GP4792" s="91"/>
      <c r="GQ4792" s="91"/>
      <c r="GR4792" s="91"/>
      <c r="GS4792" s="91"/>
      <c r="GT4792" s="91"/>
      <c r="GU4792" s="91"/>
      <c r="GV4792" s="91"/>
      <c r="GW4792" s="91"/>
      <c r="GX4792" s="127"/>
      <c r="GY4792" s="126"/>
      <c r="GZ4792" s="91"/>
      <c r="HA4792" s="91"/>
      <c r="HB4792" s="91"/>
      <c r="HC4792" s="91"/>
      <c r="HD4792" s="91"/>
      <c r="HE4792" s="91"/>
      <c r="HF4792" s="91"/>
      <c r="HG4792" s="91"/>
      <c r="HH4792" s="91"/>
      <c r="HI4792" s="91"/>
      <c r="HJ4792" s="91"/>
      <c r="HK4792" s="127"/>
      <c r="HL4792" s="126"/>
      <c r="HM4792" s="91"/>
      <c r="HN4792" s="91"/>
      <c r="HO4792" s="91"/>
      <c r="HP4792" s="91"/>
      <c r="HQ4792" s="91"/>
      <c r="HR4792" s="91"/>
      <c r="HS4792" s="91"/>
      <c r="HT4792" s="91"/>
      <c r="HU4792" s="91"/>
      <c r="HV4792" s="91"/>
      <c r="HW4792" s="91"/>
      <c r="HX4792" s="127"/>
      <c r="HY4792" s="126"/>
      <c r="HZ4792" s="91"/>
      <c r="IA4792" s="91"/>
      <c r="IB4792" s="91"/>
      <c r="IC4792" s="91"/>
      <c r="ID4792" s="91"/>
      <c r="IE4792" s="91"/>
      <c r="IF4792" s="91"/>
      <c r="IG4792" s="91"/>
      <c r="IH4792" s="91"/>
      <c r="II4792" s="91"/>
      <c r="IJ4792" s="91"/>
      <c r="IK4792" s="174"/>
    </row>
    <row r="4793" spans="2:245" x14ac:dyDescent="0.2">
      <c r="B4793" s="43"/>
      <c r="C4793" s="73"/>
      <c r="D4793" s="64"/>
      <c r="E4793" s="64"/>
      <c r="F4793" s="55"/>
      <c r="G4793" s="102"/>
      <c r="H4793" s="97"/>
      <c r="T4793" s="98"/>
      <c r="U4793" s="97"/>
      <c r="AG4793" s="98"/>
      <c r="AY4793" s="164"/>
      <c r="BK4793" s="98"/>
      <c r="BL4793" s="97"/>
      <c r="BX4793" s="98"/>
      <c r="CL4793" s="97"/>
      <c r="CX4793" s="98"/>
      <c r="DL4793" s="97"/>
      <c r="DX4793" s="98"/>
      <c r="EL4793" s="97"/>
      <c r="EX4793" s="98"/>
      <c r="EY4793" s="97"/>
      <c r="FL4793" s="126"/>
      <c r="FM4793" s="91"/>
      <c r="FN4793" s="91"/>
      <c r="FO4793" s="91"/>
      <c r="FP4793" s="91"/>
      <c r="FQ4793" s="91"/>
      <c r="FR4793" s="91"/>
      <c r="FS4793" s="91"/>
      <c r="FT4793" s="91"/>
      <c r="FU4793" s="91"/>
      <c r="FV4793" s="91"/>
      <c r="FW4793" s="91"/>
      <c r="FX4793" s="127"/>
      <c r="FY4793" s="126"/>
      <c r="FZ4793" s="91"/>
      <c r="GA4793" s="91"/>
      <c r="GB4793" s="91"/>
      <c r="GC4793" s="91"/>
      <c r="GD4793" s="91"/>
      <c r="GE4793" s="91"/>
      <c r="GF4793" s="91"/>
      <c r="GG4793" s="91"/>
      <c r="GH4793" s="91"/>
      <c r="GI4793" s="91"/>
      <c r="GJ4793" s="91"/>
      <c r="GK4793" s="127"/>
      <c r="GL4793" s="126"/>
      <c r="GM4793" s="91"/>
      <c r="GN4793" s="91"/>
      <c r="GO4793" s="91"/>
      <c r="GP4793" s="91"/>
      <c r="GQ4793" s="91"/>
      <c r="GR4793" s="91"/>
      <c r="GS4793" s="91"/>
      <c r="GT4793" s="91"/>
      <c r="GU4793" s="91"/>
      <c r="GV4793" s="91"/>
      <c r="GW4793" s="91"/>
      <c r="GX4793" s="127"/>
      <c r="GY4793" s="126"/>
      <c r="GZ4793" s="91"/>
      <c r="HA4793" s="91"/>
      <c r="HB4793" s="91"/>
      <c r="HC4793" s="91"/>
      <c r="HD4793" s="91"/>
      <c r="HE4793" s="91"/>
      <c r="HF4793" s="91"/>
      <c r="HG4793" s="91"/>
      <c r="HH4793" s="91"/>
      <c r="HI4793" s="91"/>
      <c r="HJ4793" s="91"/>
      <c r="HK4793" s="127"/>
      <c r="HL4793" s="126"/>
      <c r="HM4793" s="91"/>
      <c r="HN4793" s="91"/>
      <c r="HO4793" s="91"/>
      <c r="HP4793" s="91"/>
      <c r="HQ4793" s="91"/>
      <c r="HR4793" s="91"/>
      <c r="HS4793" s="91"/>
      <c r="HT4793" s="91"/>
      <c r="HU4793" s="91"/>
      <c r="HV4793" s="91"/>
      <c r="HW4793" s="91"/>
      <c r="HX4793" s="127"/>
      <c r="HY4793" s="126"/>
      <c r="HZ4793" s="91"/>
      <c r="IA4793" s="91"/>
      <c r="IB4793" s="91"/>
      <c r="IC4793" s="91"/>
      <c r="ID4793" s="91"/>
      <c r="IE4793" s="91"/>
      <c r="IF4793" s="91"/>
      <c r="IG4793" s="91"/>
      <c r="IH4793" s="91"/>
      <c r="II4793" s="91"/>
      <c r="IJ4793" s="91"/>
      <c r="IK4793" s="174"/>
    </row>
    <row r="4794" spans="2:245" x14ac:dyDescent="0.2">
      <c r="B4794" s="43"/>
      <c r="C4794" s="73"/>
      <c r="D4794" s="64"/>
      <c r="E4794" s="64"/>
      <c r="F4794" s="55"/>
      <c r="G4794" s="102"/>
      <c r="H4794" s="97"/>
      <c r="T4794" s="98"/>
      <c r="U4794" s="97"/>
      <c r="AG4794" s="98"/>
      <c r="AY4794" s="164"/>
      <c r="BK4794" s="98"/>
      <c r="BL4794" s="97"/>
      <c r="BX4794" s="98"/>
      <c r="CL4794" s="97"/>
      <c r="CX4794" s="98"/>
      <c r="DL4794" s="97"/>
      <c r="DX4794" s="98"/>
      <c r="EL4794" s="97"/>
      <c r="EX4794" s="98"/>
      <c r="EY4794" s="97"/>
      <c r="FL4794" s="126"/>
      <c r="FM4794" s="91"/>
      <c r="FN4794" s="91"/>
      <c r="FO4794" s="91"/>
      <c r="FP4794" s="91"/>
      <c r="FQ4794" s="91"/>
      <c r="FR4794" s="91"/>
      <c r="FS4794" s="91"/>
      <c r="FT4794" s="91"/>
      <c r="FU4794" s="91"/>
      <c r="FV4794" s="91"/>
      <c r="FW4794" s="91"/>
      <c r="FX4794" s="127"/>
      <c r="FY4794" s="126"/>
      <c r="FZ4794" s="91"/>
      <c r="GA4794" s="91"/>
      <c r="GB4794" s="91"/>
      <c r="GC4794" s="91"/>
      <c r="GD4794" s="91"/>
      <c r="GE4794" s="91"/>
      <c r="GF4794" s="91"/>
      <c r="GG4794" s="91"/>
      <c r="GH4794" s="91"/>
      <c r="GI4794" s="91"/>
      <c r="GJ4794" s="91"/>
      <c r="GK4794" s="127"/>
      <c r="GL4794" s="126"/>
      <c r="GM4794" s="91"/>
      <c r="GN4794" s="91"/>
      <c r="GO4794" s="91"/>
      <c r="GP4794" s="91"/>
      <c r="GQ4794" s="91"/>
      <c r="GR4794" s="91"/>
      <c r="GS4794" s="91"/>
      <c r="GT4794" s="91"/>
      <c r="GU4794" s="91"/>
      <c r="GV4794" s="91"/>
      <c r="GW4794" s="91"/>
      <c r="GX4794" s="127"/>
      <c r="GY4794" s="126"/>
      <c r="GZ4794" s="91"/>
      <c r="HA4794" s="91"/>
      <c r="HB4794" s="91"/>
      <c r="HC4794" s="91"/>
      <c r="HD4794" s="91"/>
      <c r="HE4794" s="91"/>
      <c r="HF4794" s="91"/>
      <c r="HG4794" s="91"/>
      <c r="HH4794" s="91"/>
      <c r="HI4794" s="91"/>
      <c r="HJ4794" s="91"/>
      <c r="HK4794" s="127"/>
      <c r="HL4794" s="126"/>
      <c r="HM4794" s="91"/>
      <c r="HN4794" s="91"/>
      <c r="HO4794" s="91"/>
      <c r="HP4794" s="91"/>
      <c r="HQ4794" s="91"/>
      <c r="HR4794" s="91"/>
      <c r="HS4794" s="91"/>
      <c r="HT4794" s="91"/>
      <c r="HU4794" s="91"/>
      <c r="HV4794" s="91"/>
      <c r="HW4794" s="91"/>
      <c r="HX4794" s="127"/>
      <c r="HY4794" s="126"/>
      <c r="HZ4794" s="91"/>
      <c r="IA4794" s="91"/>
      <c r="IB4794" s="91"/>
      <c r="IC4794" s="91"/>
      <c r="ID4794" s="91"/>
      <c r="IE4794" s="91"/>
      <c r="IF4794" s="91"/>
      <c r="IG4794" s="91"/>
      <c r="IH4794" s="91"/>
      <c r="II4794" s="91"/>
      <c r="IJ4794" s="91"/>
      <c r="IK4794" s="174"/>
    </row>
    <row r="4795" spans="2:245" x14ac:dyDescent="0.2">
      <c r="B4795" s="43"/>
      <c r="C4795" s="73"/>
      <c r="D4795" s="64"/>
      <c r="E4795" s="64"/>
      <c r="F4795" s="55"/>
      <c r="G4795" s="102"/>
      <c r="H4795" s="97"/>
      <c r="T4795" s="98"/>
      <c r="U4795" s="97"/>
      <c r="AG4795" s="98"/>
      <c r="AY4795" s="164"/>
      <c r="BK4795" s="98"/>
      <c r="BL4795" s="97"/>
      <c r="BX4795" s="98"/>
      <c r="CL4795" s="97"/>
      <c r="CX4795" s="98"/>
      <c r="DL4795" s="97"/>
      <c r="DX4795" s="98"/>
      <c r="EL4795" s="97"/>
      <c r="EX4795" s="98"/>
      <c r="EY4795" s="97"/>
      <c r="FL4795" s="126"/>
      <c r="FM4795" s="91"/>
      <c r="FN4795" s="91"/>
      <c r="FO4795" s="91"/>
      <c r="FP4795" s="91"/>
      <c r="FQ4795" s="91"/>
      <c r="FR4795" s="91"/>
      <c r="FS4795" s="91"/>
      <c r="FT4795" s="91"/>
      <c r="FU4795" s="91"/>
      <c r="FV4795" s="91"/>
      <c r="FW4795" s="91"/>
      <c r="FX4795" s="127"/>
      <c r="FY4795" s="126"/>
      <c r="FZ4795" s="91"/>
      <c r="GA4795" s="91"/>
      <c r="GB4795" s="91"/>
      <c r="GC4795" s="91"/>
      <c r="GD4795" s="91"/>
      <c r="GE4795" s="91"/>
      <c r="GF4795" s="91"/>
      <c r="GG4795" s="91"/>
      <c r="GH4795" s="91"/>
      <c r="GI4795" s="91"/>
      <c r="GJ4795" s="91"/>
      <c r="GK4795" s="127"/>
      <c r="GL4795" s="126"/>
      <c r="GM4795" s="91"/>
      <c r="GN4795" s="91"/>
      <c r="GO4795" s="91"/>
      <c r="GP4795" s="91"/>
      <c r="GQ4795" s="91"/>
      <c r="GR4795" s="91"/>
      <c r="GS4795" s="91"/>
      <c r="GT4795" s="91"/>
      <c r="GU4795" s="91"/>
      <c r="GV4795" s="91"/>
      <c r="GW4795" s="91"/>
      <c r="GX4795" s="127"/>
      <c r="GY4795" s="126"/>
      <c r="GZ4795" s="91"/>
      <c r="HA4795" s="91"/>
      <c r="HB4795" s="91"/>
      <c r="HC4795" s="91"/>
      <c r="HD4795" s="91"/>
      <c r="HE4795" s="91"/>
      <c r="HF4795" s="91"/>
      <c r="HG4795" s="91"/>
      <c r="HH4795" s="91"/>
      <c r="HI4795" s="91"/>
      <c r="HJ4795" s="91"/>
      <c r="HK4795" s="127"/>
      <c r="HL4795" s="126"/>
      <c r="HM4795" s="91"/>
      <c r="HN4795" s="91"/>
      <c r="HO4795" s="91"/>
      <c r="HP4795" s="91"/>
      <c r="HQ4795" s="91"/>
      <c r="HR4795" s="91"/>
      <c r="HS4795" s="91"/>
      <c r="HT4795" s="91"/>
      <c r="HU4795" s="91"/>
      <c r="HV4795" s="91"/>
      <c r="HW4795" s="91"/>
      <c r="HX4795" s="127"/>
      <c r="HY4795" s="126"/>
      <c r="HZ4795" s="91"/>
      <c r="IA4795" s="91"/>
      <c r="IB4795" s="91"/>
      <c r="IC4795" s="91"/>
      <c r="ID4795" s="91"/>
      <c r="IE4795" s="91"/>
      <c r="IF4795" s="91"/>
      <c r="IG4795" s="91"/>
      <c r="IH4795" s="91"/>
      <c r="II4795" s="91"/>
      <c r="IJ4795" s="91"/>
      <c r="IK4795" s="174"/>
    </row>
    <row r="4796" spans="2:245" x14ac:dyDescent="0.2">
      <c r="B4796" s="43"/>
      <c r="C4796" s="73"/>
      <c r="D4796" s="64"/>
      <c r="E4796" s="64"/>
      <c r="F4796" s="55"/>
      <c r="G4796" s="102"/>
      <c r="H4796" s="97"/>
      <c r="T4796" s="98"/>
      <c r="U4796" s="97"/>
      <c r="AG4796" s="98"/>
      <c r="AY4796" s="164"/>
      <c r="BK4796" s="98"/>
      <c r="BL4796" s="97"/>
      <c r="BX4796" s="98"/>
      <c r="CL4796" s="97"/>
      <c r="CX4796" s="98"/>
      <c r="DL4796" s="97"/>
      <c r="DX4796" s="98"/>
      <c r="EL4796" s="97"/>
      <c r="EX4796" s="98"/>
      <c r="EY4796" s="97"/>
      <c r="FL4796" s="126"/>
      <c r="FM4796" s="91"/>
      <c r="FN4796" s="91"/>
      <c r="FO4796" s="91"/>
      <c r="FP4796" s="91"/>
      <c r="FQ4796" s="91"/>
      <c r="FR4796" s="91"/>
      <c r="FS4796" s="91"/>
      <c r="FT4796" s="91"/>
      <c r="FU4796" s="91"/>
      <c r="FV4796" s="91"/>
      <c r="FW4796" s="91"/>
      <c r="FX4796" s="127"/>
      <c r="FY4796" s="126"/>
      <c r="FZ4796" s="91"/>
      <c r="GA4796" s="91"/>
      <c r="GB4796" s="91"/>
      <c r="GC4796" s="91"/>
      <c r="GD4796" s="91"/>
      <c r="GE4796" s="91"/>
      <c r="GF4796" s="91"/>
      <c r="GG4796" s="91"/>
      <c r="GH4796" s="91"/>
      <c r="GI4796" s="91"/>
      <c r="GJ4796" s="91"/>
      <c r="GK4796" s="127"/>
      <c r="GL4796" s="126"/>
      <c r="GM4796" s="91"/>
      <c r="GN4796" s="91"/>
      <c r="GO4796" s="91"/>
      <c r="GP4796" s="91"/>
      <c r="GQ4796" s="91"/>
      <c r="GR4796" s="91"/>
      <c r="GS4796" s="91"/>
      <c r="GT4796" s="91"/>
      <c r="GU4796" s="91"/>
      <c r="GV4796" s="91"/>
      <c r="GW4796" s="91"/>
      <c r="GX4796" s="127"/>
      <c r="GY4796" s="126"/>
      <c r="GZ4796" s="91"/>
      <c r="HA4796" s="91"/>
      <c r="HB4796" s="91"/>
      <c r="HC4796" s="91"/>
      <c r="HD4796" s="91"/>
      <c r="HE4796" s="91"/>
      <c r="HF4796" s="91"/>
      <c r="HG4796" s="91"/>
      <c r="HH4796" s="91"/>
      <c r="HI4796" s="91"/>
      <c r="HJ4796" s="91"/>
      <c r="HK4796" s="127"/>
      <c r="HL4796" s="126"/>
      <c r="HM4796" s="91"/>
      <c r="HN4796" s="91"/>
      <c r="HO4796" s="91"/>
      <c r="HP4796" s="91"/>
      <c r="HQ4796" s="91"/>
      <c r="HR4796" s="91"/>
      <c r="HS4796" s="91"/>
      <c r="HT4796" s="91"/>
      <c r="HU4796" s="91"/>
      <c r="HV4796" s="91"/>
      <c r="HW4796" s="91"/>
      <c r="HX4796" s="127"/>
      <c r="HY4796" s="126"/>
      <c r="HZ4796" s="91"/>
      <c r="IA4796" s="91"/>
      <c r="IB4796" s="91"/>
      <c r="IC4796" s="91"/>
      <c r="ID4796" s="91"/>
      <c r="IE4796" s="91"/>
      <c r="IF4796" s="91"/>
      <c r="IG4796" s="91"/>
      <c r="IH4796" s="91"/>
      <c r="II4796" s="91"/>
      <c r="IJ4796" s="91"/>
      <c r="IK4796" s="174"/>
    </row>
    <row r="4797" spans="2:245" x14ac:dyDescent="0.2">
      <c r="B4797" s="43"/>
      <c r="C4797" s="73"/>
      <c r="D4797" s="64"/>
      <c r="E4797" s="64"/>
      <c r="F4797" s="55"/>
      <c r="G4797" s="102"/>
      <c r="H4797" s="97"/>
      <c r="T4797" s="98"/>
      <c r="U4797" s="97"/>
      <c r="AG4797" s="98"/>
      <c r="AY4797" s="164"/>
      <c r="BK4797" s="98"/>
      <c r="BL4797" s="97"/>
      <c r="BX4797" s="98"/>
      <c r="CL4797" s="97"/>
      <c r="CX4797" s="98"/>
      <c r="DL4797" s="97"/>
      <c r="DX4797" s="98"/>
      <c r="EL4797" s="97"/>
      <c r="EX4797" s="98"/>
      <c r="EY4797" s="97"/>
      <c r="FL4797" s="126"/>
      <c r="FM4797" s="91"/>
      <c r="FN4797" s="91"/>
      <c r="FO4797" s="91"/>
      <c r="FP4797" s="91"/>
      <c r="FQ4797" s="91"/>
      <c r="FR4797" s="91"/>
      <c r="FS4797" s="91"/>
      <c r="FT4797" s="91"/>
      <c r="FU4797" s="91"/>
      <c r="FV4797" s="91"/>
      <c r="FW4797" s="91"/>
      <c r="FX4797" s="127"/>
      <c r="FY4797" s="126"/>
      <c r="FZ4797" s="91"/>
      <c r="GA4797" s="91"/>
      <c r="GB4797" s="91"/>
      <c r="GC4797" s="91"/>
      <c r="GD4797" s="91"/>
      <c r="GE4797" s="91"/>
      <c r="GF4797" s="91"/>
      <c r="GG4797" s="91"/>
      <c r="GH4797" s="91"/>
      <c r="GI4797" s="91"/>
      <c r="GJ4797" s="91"/>
      <c r="GK4797" s="127"/>
      <c r="GL4797" s="126"/>
      <c r="GM4797" s="91"/>
      <c r="GN4797" s="91"/>
      <c r="GO4797" s="91"/>
      <c r="GP4797" s="91"/>
      <c r="GQ4797" s="91"/>
      <c r="GR4797" s="91"/>
      <c r="GS4797" s="91"/>
      <c r="GT4797" s="91"/>
      <c r="GU4797" s="91"/>
      <c r="GV4797" s="91"/>
      <c r="GW4797" s="91"/>
      <c r="GX4797" s="127"/>
      <c r="GY4797" s="126"/>
      <c r="GZ4797" s="91"/>
      <c r="HA4797" s="91"/>
      <c r="HB4797" s="91"/>
      <c r="HC4797" s="91"/>
      <c r="HD4797" s="91"/>
      <c r="HE4797" s="91"/>
      <c r="HF4797" s="91"/>
      <c r="HG4797" s="91"/>
      <c r="HH4797" s="91"/>
      <c r="HI4797" s="91"/>
      <c r="HJ4797" s="91"/>
      <c r="HK4797" s="127"/>
      <c r="HL4797" s="126"/>
      <c r="HM4797" s="91"/>
      <c r="HN4797" s="91"/>
      <c r="HO4797" s="91"/>
      <c r="HP4797" s="91"/>
      <c r="HQ4797" s="91"/>
      <c r="HR4797" s="91"/>
      <c r="HS4797" s="91"/>
      <c r="HT4797" s="91"/>
      <c r="HU4797" s="91"/>
      <c r="HV4797" s="91"/>
      <c r="HW4797" s="91"/>
      <c r="HX4797" s="127"/>
      <c r="HY4797" s="126"/>
      <c r="HZ4797" s="91"/>
      <c r="IA4797" s="91"/>
      <c r="IB4797" s="91"/>
      <c r="IC4797" s="91"/>
      <c r="ID4797" s="91"/>
      <c r="IE4797" s="91"/>
      <c r="IF4797" s="91"/>
      <c r="IG4797" s="91"/>
      <c r="IH4797" s="91"/>
      <c r="II4797" s="91"/>
      <c r="IJ4797" s="91"/>
      <c r="IK4797" s="174"/>
    </row>
    <row r="4798" spans="2:245" x14ac:dyDescent="0.2">
      <c r="B4798" s="43"/>
      <c r="C4798" s="73"/>
      <c r="D4798" s="64"/>
      <c r="E4798" s="64"/>
      <c r="F4798" s="55"/>
      <c r="G4798" s="102"/>
      <c r="H4798" s="97"/>
      <c r="T4798" s="98"/>
      <c r="U4798" s="97"/>
      <c r="AG4798" s="98"/>
      <c r="AY4798" s="164"/>
      <c r="BK4798" s="98"/>
      <c r="BL4798" s="97"/>
      <c r="BX4798" s="98"/>
      <c r="CL4798" s="97"/>
      <c r="CX4798" s="98"/>
      <c r="DL4798" s="97"/>
      <c r="DX4798" s="98"/>
      <c r="EL4798" s="97"/>
      <c r="EX4798" s="98"/>
      <c r="EY4798" s="97"/>
      <c r="FL4798" s="126"/>
      <c r="FM4798" s="91"/>
      <c r="FN4798" s="91"/>
      <c r="FO4798" s="91"/>
      <c r="FP4798" s="91"/>
      <c r="FQ4798" s="91"/>
      <c r="FR4798" s="91"/>
      <c r="FS4798" s="91"/>
      <c r="FT4798" s="91"/>
      <c r="FU4798" s="91"/>
      <c r="FV4798" s="91"/>
      <c r="FW4798" s="91"/>
      <c r="FX4798" s="127"/>
      <c r="FY4798" s="126"/>
      <c r="FZ4798" s="91"/>
      <c r="GA4798" s="91"/>
      <c r="GB4798" s="91"/>
      <c r="GC4798" s="91"/>
      <c r="GD4798" s="91"/>
      <c r="GE4798" s="91"/>
      <c r="GF4798" s="91"/>
      <c r="GG4798" s="91"/>
      <c r="GH4798" s="91"/>
      <c r="GI4798" s="91"/>
      <c r="GJ4798" s="91"/>
      <c r="GK4798" s="127"/>
      <c r="GL4798" s="126"/>
      <c r="GM4798" s="91"/>
      <c r="GN4798" s="91"/>
      <c r="GO4798" s="91"/>
      <c r="GP4798" s="91"/>
      <c r="GQ4798" s="91"/>
      <c r="GR4798" s="91"/>
      <c r="GS4798" s="91"/>
      <c r="GT4798" s="91"/>
      <c r="GU4798" s="91"/>
      <c r="GV4798" s="91"/>
      <c r="GW4798" s="91"/>
      <c r="GX4798" s="127"/>
      <c r="GY4798" s="126"/>
      <c r="GZ4798" s="91"/>
      <c r="HA4798" s="91"/>
      <c r="HB4798" s="91"/>
      <c r="HC4798" s="91"/>
      <c r="HD4798" s="91"/>
      <c r="HE4798" s="91"/>
      <c r="HF4798" s="91"/>
      <c r="HG4798" s="91"/>
      <c r="HH4798" s="91"/>
      <c r="HI4798" s="91"/>
      <c r="HJ4798" s="91"/>
      <c r="HK4798" s="127"/>
      <c r="HL4798" s="126"/>
      <c r="HM4798" s="91"/>
      <c r="HN4798" s="91"/>
      <c r="HO4798" s="91"/>
      <c r="HP4798" s="91"/>
      <c r="HQ4798" s="91"/>
      <c r="HR4798" s="91"/>
      <c r="HS4798" s="91"/>
      <c r="HT4798" s="91"/>
      <c r="HU4798" s="91"/>
      <c r="HV4798" s="91"/>
      <c r="HW4798" s="91"/>
      <c r="HX4798" s="127"/>
      <c r="HY4798" s="126"/>
      <c r="HZ4798" s="91"/>
      <c r="IA4798" s="91"/>
      <c r="IB4798" s="91"/>
      <c r="IC4798" s="91"/>
      <c r="ID4798" s="91"/>
      <c r="IE4798" s="91"/>
      <c r="IF4798" s="91"/>
      <c r="IG4798" s="91"/>
      <c r="IH4798" s="91"/>
      <c r="II4798" s="91"/>
      <c r="IJ4798" s="91"/>
      <c r="IK4798" s="174"/>
    </row>
    <row r="4799" spans="2:245" x14ac:dyDescent="0.2">
      <c r="B4799" s="43"/>
      <c r="C4799" s="73"/>
      <c r="D4799" s="64"/>
      <c r="E4799" s="64"/>
      <c r="F4799" s="55"/>
      <c r="G4799" s="102"/>
      <c r="H4799" s="97"/>
      <c r="T4799" s="98"/>
      <c r="U4799" s="97"/>
      <c r="AG4799" s="98"/>
      <c r="AY4799" s="164"/>
      <c r="BK4799" s="98"/>
      <c r="BL4799" s="97"/>
      <c r="BX4799" s="98"/>
      <c r="CL4799" s="97"/>
      <c r="CX4799" s="98"/>
      <c r="DL4799" s="97"/>
      <c r="DX4799" s="98"/>
      <c r="EL4799" s="97"/>
      <c r="EX4799" s="98"/>
      <c r="EY4799" s="97"/>
      <c r="FL4799" s="126"/>
      <c r="FM4799" s="91"/>
      <c r="FN4799" s="91"/>
      <c r="FO4799" s="91"/>
      <c r="FP4799" s="91"/>
      <c r="FQ4799" s="91"/>
      <c r="FR4799" s="91"/>
      <c r="FS4799" s="91"/>
      <c r="FT4799" s="91"/>
      <c r="FU4799" s="91"/>
      <c r="FV4799" s="91"/>
      <c r="FW4799" s="91"/>
      <c r="FX4799" s="127"/>
      <c r="FY4799" s="126"/>
      <c r="FZ4799" s="91"/>
      <c r="GA4799" s="91"/>
      <c r="GB4799" s="91"/>
      <c r="GC4799" s="91"/>
      <c r="GD4799" s="91"/>
      <c r="GE4799" s="91"/>
      <c r="GF4799" s="91"/>
      <c r="GG4799" s="91"/>
      <c r="GH4799" s="91"/>
      <c r="GI4799" s="91"/>
      <c r="GJ4799" s="91"/>
      <c r="GK4799" s="127"/>
      <c r="GL4799" s="126"/>
      <c r="GM4799" s="91"/>
      <c r="GN4799" s="91"/>
      <c r="GO4799" s="91"/>
      <c r="GP4799" s="91"/>
      <c r="GQ4799" s="91"/>
      <c r="GR4799" s="91"/>
      <c r="GS4799" s="91"/>
      <c r="GT4799" s="91"/>
      <c r="GU4799" s="91"/>
      <c r="GV4799" s="91"/>
      <c r="GW4799" s="91"/>
      <c r="GX4799" s="127"/>
      <c r="GY4799" s="126"/>
      <c r="GZ4799" s="91"/>
      <c r="HA4799" s="91"/>
      <c r="HB4799" s="91"/>
      <c r="HC4799" s="91"/>
      <c r="HD4799" s="91"/>
      <c r="HE4799" s="91"/>
      <c r="HF4799" s="91"/>
      <c r="HG4799" s="91"/>
      <c r="HH4799" s="91"/>
      <c r="HI4799" s="91"/>
      <c r="HJ4799" s="91"/>
      <c r="HK4799" s="127"/>
      <c r="HL4799" s="126"/>
      <c r="HM4799" s="91"/>
      <c r="HN4799" s="91"/>
      <c r="HO4799" s="91"/>
      <c r="HP4799" s="91"/>
      <c r="HQ4799" s="91"/>
      <c r="HR4799" s="91"/>
      <c r="HS4799" s="91"/>
      <c r="HT4799" s="91"/>
      <c r="HU4799" s="91"/>
      <c r="HV4799" s="91"/>
      <c r="HW4799" s="91"/>
      <c r="HX4799" s="127"/>
      <c r="HY4799" s="126"/>
      <c r="HZ4799" s="91"/>
      <c r="IA4799" s="91"/>
      <c r="IB4799" s="91"/>
      <c r="IC4799" s="91"/>
      <c r="ID4799" s="91"/>
      <c r="IE4799" s="91"/>
      <c r="IF4799" s="91"/>
      <c r="IG4799" s="91"/>
      <c r="IH4799" s="91"/>
      <c r="II4799" s="91"/>
      <c r="IJ4799" s="91"/>
      <c r="IK4799" s="174"/>
    </row>
    <row r="4800" spans="2:245" x14ac:dyDescent="0.2">
      <c r="B4800" s="43"/>
      <c r="C4800" s="73"/>
      <c r="D4800" s="64"/>
      <c r="E4800" s="64"/>
      <c r="F4800" s="55"/>
      <c r="G4800" s="102"/>
      <c r="H4800" s="97"/>
      <c r="T4800" s="98"/>
      <c r="U4800" s="97"/>
      <c r="AG4800" s="98"/>
      <c r="AY4800" s="164"/>
      <c r="BK4800" s="98"/>
      <c r="BL4800" s="97"/>
      <c r="BX4800" s="98"/>
      <c r="CL4800" s="97"/>
      <c r="CX4800" s="98"/>
      <c r="DL4800" s="97"/>
      <c r="DX4800" s="98"/>
      <c r="EL4800" s="97"/>
      <c r="EX4800" s="98"/>
      <c r="EY4800" s="97"/>
      <c r="FL4800" s="126"/>
      <c r="FM4800" s="91"/>
      <c r="FN4800" s="91"/>
      <c r="FO4800" s="91"/>
      <c r="FP4800" s="91"/>
      <c r="FQ4800" s="91"/>
      <c r="FR4800" s="91"/>
      <c r="FS4800" s="91"/>
      <c r="FT4800" s="91"/>
      <c r="FU4800" s="91"/>
      <c r="FV4800" s="91"/>
      <c r="FW4800" s="91"/>
      <c r="FX4800" s="127"/>
      <c r="FY4800" s="126"/>
      <c r="FZ4800" s="91"/>
      <c r="GA4800" s="91"/>
      <c r="GB4800" s="91"/>
      <c r="GC4800" s="91"/>
      <c r="GD4800" s="91"/>
      <c r="GE4800" s="91"/>
      <c r="GF4800" s="91"/>
      <c r="GG4800" s="91"/>
      <c r="GH4800" s="91"/>
      <c r="GI4800" s="91"/>
      <c r="GJ4800" s="91"/>
      <c r="GK4800" s="127"/>
      <c r="GL4800" s="126"/>
      <c r="GM4800" s="91"/>
      <c r="GN4800" s="91"/>
      <c r="GO4800" s="91"/>
      <c r="GP4800" s="91"/>
      <c r="GQ4800" s="91"/>
      <c r="GR4800" s="91"/>
      <c r="GS4800" s="91"/>
      <c r="GT4800" s="91"/>
      <c r="GU4800" s="91"/>
      <c r="GV4800" s="91"/>
      <c r="GW4800" s="91"/>
      <c r="GX4800" s="127"/>
      <c r="GY4800" s="126"/>
      <c r="GZ4800" s="91"/>
      <c r="HA4800" s="91"/>
      <c r="HB4800" s="91"/>
      <c r="HC4800" s="91"/>
      <c r="HD4800" s="91"/>
      <c r="HE4800" s="91"/>
      <c r="HF4800" s="91"/>
      <c r="HG4800" s="91"/>
      <c r="HH4800" s="91"/>
      <c r="HI4800" s="91"/>
      <c r="HJ4800" s="91"/>
      <c r="HK4800" s="127"/>
      <c r="HL4800" s="126"/>
      <c r="HM4800" s="91"/>
      <c r="HN4800" s="91"/>
      <c r="HO4800" s="91"/>
      <c r="HP4800" s="91"/>
      <c r="HQ4800" s="91"/>
      <c r="HR4800" s="91"/>
      <c r="HS4800" s="91"/>
      <c r="HT4800" s="91"/>
      <c r="HU4800" s="91"/>
      <c r="HV4800" s="91"/>
      <c r="HW4800" s="91"/>
      <c r="HX4800" s="127"/>
      <c r="HY4800" s="126"/>
      <c r="HZ4800" s="91"/>
      <c r="IA4800" s="91"/>
      <c r="IB4800" s="91"/>
      <c r="IC4800" s="91"/>
      <c r="ID4800" s="91"/>
      <c r="IE4800" s="91"/>
      <c r="IF4800" s="91"/>
      <c r="IG4800" s="91"/>
      <c r="IH4800" s="91"/>
      <c r="II4800" s="91"/>
      <c r="IJ4800" s="91"/>
      <c r="IK4800" s="174"/>
    </row>
    <row r="4801" spans="2:245" x14ac:dyDescent="0.2">
      <c r="B4801" s="43"/>
      <c r="C4801" s="73"/>
      <c r="D4801" s="64"/>
      <c r="E4801" s="64"/>
      <c r="F4801" s="55"/>
      <c r="G4801" s="102"/>
      <c r="H4801" s="97"/>
      <c r="T4801" s="98"/>
      <c r="U4801" s="97"/>
      <c r="AG4801" s="98"/>
      <c r="AY4801" s="164"/>
      <c r="BK4801" s="98"/>
      <c r="BL4801" s="97"/>
      <c r="BX4801" s="98"/>
      <c r="CL4801" s="97"/>
      <c r="CX4801" s="98"/>
      <c r="DL4801" s="97"/>
      <c r="DX4801" s="98"/>
      <c r="EL4801" s="97"/>
      <c r="EX4801" s="98"/>
      <c r="EY4801" s="97"/>
      <c r="FL4801" s="126"/>
      <c r="FM4801" s="91"/>
      <c r="FN4801" s="91"/>
      <c r="FO4801" s="91"/>
      <c r="FP4801" s="91"/>
      <c r="FQ4801" s="91"/>
      <c r="FR4801" s="91"/>
      <c r="FS4801" s="91"/>
      <c r="FT4801" s="91"/>
      <c r="FU4801" s="91"/>
      <c r="FV4801" s="91"/>
      <c r="FW4801" s="91"/>
      <c r="FX4801" s="127"/>
      <c r="FY4801" s="126"/>
      <c r="FZ4801" s="91"/>
      <c r="GA4801" s="91"/>
      <c r="GB4801" s="91"/>
      <c r="GC4801" s="91"/>
      <c r="GD4801" s="91"/>
      <c r="GE4801" s="91"/>
      <c r="GF4801" s="91"/>
      <c r="GG4801" s="91"/>
      <c r="GH4801" s="91"/>
      <c r="GI4801" s="91"/>
      <c r="GJ4801" s="91"/>
      <c r="GK4801" s="127"/>
      <c r="GL4801" s="126"/>
      <c r="GM4801" s="91"/>
      <c r="GN4801" s="91"/>
      <c r="GO4801" s="91"/>
      <c r="GP4801" s="91"/>
      <c r="GQ4801" s="91"/>
      <c r="GR4801" s="91"/>
      <c r="GS4801" s="91"/>
      <c r="GT4801" s="91"/>
      <c r="GU4801" s="91"/>
      <c r="GV4801" s="91"/>
      <c r="GW4801" s="91"/>
      <c r="GX4801" s="127"/>
      <c r="GY4801" s="126"/>
      <c r="GZ4801" s="91"/>
      <c r="HA4801" s="91"/>
      <c r="HB4801" s="91"/>
      <c r="HC4801" s="91"/>
      <c r="HD4801" s="91"/>
      <c r="HE4801" s="91"/>
      <c r="HF4801" s="91"/>
      <c r="HG4801" s="91"/>
      <c r="HH4801" s="91"/>
      <c r="HI4801" s="91"/>
      <c r="HJ4801" s="91"/>
      <c r="HK4801" s="127"/>
      <c r="HL4801" s="126"/>
      <c r="HM4801" s="91"/>
      <c r="HN4801" s="91"/>
      <c r="HO4801" s="91"/>
      <c r="HP4801" s="91"/>
      <c r="HQ4801" s="91"/>
      <c r="HR4801" s="91"/>
      <c r="HS4801" s="91"/>
      <c r="HT4801" s="91"/>
      <c r="HU4801" s="91"/>
      <c r="HV4801" s="91"/>
      <c r="HW4801" s="91"/>
      <c r="HX4801" s="127"/>
      <c r="HY4801" s="126"/>
      <c r="HZ4801" s="91"/>
      <c r="IA4801" s="91"/>
      <c r="IB4801" s="91"/>
      <c r="IC4801" s="91"/>
      <c r="ID4801" s="91"/>
      <c r="IE4801" s="91"/>
      <c r="IF4801" s="91"/>
      <c r="IG4801" s="91"/>
      <c r="IH4801" s="91"/>
      <c r="II4801" s="91"/>
      <c r="IJ4801" s="91"/>
      <c r="IK4801" s="174"/>
    </row>
    <row r="4802" spans="2:245" x14ac:dyDescent="0.2">
      <c r="B4802" s="43"/>
      <c r="C4802" s="73"/>
      <c r="D4802" s="64"/>
      <c r="E4802" s="64"/>
      <c r="F4802" s="55"/>
      <c r="G4802" s="102"/>
      <c r="H4802" s="97"/>
      <c r="T4802" s="98"/>
      <c r="U4802" s="97"/>
      <c r="AG4802" s="98"/>
      <c r="AY4802" s="164"/>
      <c r="BK4802" s="98"/>
      <c r="BL4802" s="97"/>
      <c r="BX4802" s="98"/>
      <c r="CL4802" s="97"/>
      <c r="CX4802" s="98"/>
      <c r="DL4802" s="97"/>
      <c r="DX4802" s="98"/>
      <c r="EL4802" s="97"/>
      <c r="EX4802" s="98"/>
      <c r="EY4802" s="97"/>
      <c r="FL4802" s="126"/>
      <c r="FM4802" s="91"/>
      <c r="FN4802" s="91"/>
      <c r="FO4802" s="91"/>
      <c r="FP4802" s="91"/>
      <c r="FQ4802" s="91"/>
      <c r="FR4802" s="91"/>
      <c r="FS4802" s="91"/>
      <c r="FT4802" s="91"/>
      <c r="FU4802" s="91"/>
      <c r="FV4802" s="91"/>
      <c r="FW4802" s="91"/>
      <c r="FX4802" s="127"/>
      <c r="FY4802" s="126"/>
      <c r="FZ4802" s="91"/>
      <c r="GA4802" s="91"/>
      <c r="GB4802" s="91"/>
      <c r="GC4802" s="91"/>
      <c r="GD4802" s="91"/>
      <c r="GE4802" s="91"/>
      <c r="GF4802" s="91"/>
      <c r="GG4802" s="91"/>
      <c r="GH4802" s="91"/>
      <c r="GI4802" s="91"/>
      <c r="GJ4802" s="91"/>
      <c r="GK4802" s="127"/>
      <c r="GL4802" s="126"/>
      <c r="GM4802" s="91"/>
      <c r="GN4802" s="91"/>
      <c r="GO4802" s="91"/>
      <c r="GP4802" s="91"/>
      <c r="GQ4802" s="91"/>
      <c r="GR4802" s="91"/>
      <c r="GS4802" s="91"/>
      <c r="GT4802" s="91"/>
      <c r="GU4802" s="91"/>
      <c r="GV4802" s="91"/>
      <c r="GW4802" s="91"/>
      <c r="GX4802" s="127"/>
      <c r="GY4802" s="126"/>
      <c r="GZ4802" s="91"/>
      <c r="HA4802" s="91"/>
      <c r="HB4802" s="91"/>
      <c r="HC4802" s="91"/>
      <c r="HD4802" s="91"/>
      <c r="HE4802" s="91"/>
      <c r="HF4802" s="91"/>
      <c r="HG4802" s="91"/>
      <c r="HH4802" s="91"/>
      <c r="HI4802" s="91"/>
      <c r="HJ4802" s="91"/>
      <c r="HK4802" s="127"/>
      <c r="HL4802" s="126"/>
      <c r="HM4802" s="91"/>
      <c r="HN4802" s="91"/>
      <c r="HO4802" s="91"/>
      <c r="HP4802" s="91"/>
      <c r="HQ4802" s="91"/>
      <c r="HR4802" s="91"/>
      <c r="HS4802" s="91"/>
      <c r="HT4802" s="91"/>
      <c r="HU4802" s="91"/>
      <c r="HV4802" s="91"/>
      <c r="HW4802" s="91"/>
      <c r="HX4802" s="127"/>
      <c r="HY4802" s="126"/>
      <c r="HZ4802" s="91"/>
      <c r="IA4802" s="91"/>
      <c r="IB4802" s="91"/>
      <c r="IC4802" s="91"/>
      <c r="ID4802" s="91"/>
      <c r="IE4802" s="91"/>
      <c r="IF4802" s="91"/>
      <c r="IG4802" s="91"/>
      <c r="IH4802" s="91"/>
      <c r="II4802" s="91"/>
      <c r="IJ4802" s="91"/>
      <c r="IK4802" s="174"/>
    </row>
    <row r="4803" spans="2:245" x14ac:dyDescent="0.2">
      <c r="B4803" s="43"/>
      <c r="C4803" s="73"/>
      <c r="D4803" s="64"/>
      <c r="E4803" s="64"/>
      <c r="F4803" s="55"/>
      <c r="G4803" s="102"/>
      <c r="H4803" s="97"/>
      <c r="T4803" s="98"/>
      <c r="U4803" s="97"/>
      <c r="AG4803" s="98"/>
      <c r="AY4803" s="164"/>
      <c r="BK4803" s="98"/>
      <c r="BL4803" s="97"/>
      <c r="BX4803" s="98"/>
      <c r="CL4803" s="97"/>
      <c r="CX4803" s="98"/>
      <c r="DL4803" s="97"/>
      <c r="DX4803" s="98"/>
      <c r="EL4803" s="97"/>
      <c r="EX4803" s="98"/>
      <c r="EY4803" s="97"/>
      <c r="FL4803" s="126"/>
      <c r="FM4803" s="91"/>
      <c r="FN4803" s="91"/>
      <c r="FO4803" s="91"/>
      <c r="FP4803" s="91"/>
      <c r="FQ4803" s="91"/>
      <c r="FR4803" s="91"/>
      <c r="FS4803" s="91"/>
      <c r="FT4803" s="91"/>
      <c r="FU4803" s="91"/>
      <c r="FV4803" s="91"/>
      <c r="FW4803" s="91"/>
      <c r="FX4803" s="127"/>
      <c r="FY4803" s="126"/>
      <c r="FZ4803" s="91"/>
      <c r="GA4803" s="91"/>
      <c r="GB4803" s="91"/>
      <c r="GC4803" s="91"/>
      <c r="GD4803" s="91"/>
      <c r="GE4803" s="91"/>
      <c r="GF4803" s="91"/>
      <c r="GG4803" s="91"/>
      <c r="GH4803" s="91"/>
      <c r="GI4803" s="91"/>
      <c r="GJ4803" s="91"/>
      <c r="GK4803" s="127"/>
      <c r="GL4803" s="126"/>
      <c r="GM4803" s="91"/>
      <c r="GN4803" s="91"/>
      <c r="GO4803" s="91"/>
      <c r="GP4803" s="91"/>
      <c r="GQ4803" s="91"/>
      <c r="GR4803" s="91"/>
      <c r="GS4803" s="91"/>
      <c r="GT4803" s="91"/>
      <c r="GU4803" s="91"/>
      <c r="GV4803" s="91"/>
      <c r="GW4803" s="91"/>
      <c r="GX4803" s="127"/>
      <c r="GY4803" s="126"/>
      <c r="GZ4803" s="91"/>
      <c r="HA4803" s="91"/>
      <c r="HB4803" s="91"/>
      <c r="HC4803" s="91"/>
      <c r="HD4803" s="91"/>
      <c r="HE4803" s="91"/>
      <c r="HF4803" s="91"/>
      <c r="HG4803" s="91"/>
      <c r="HH4803" s="91"/>
      <c r="HI4803" s="91"/>
      <c r="HJ4803" s="91"/>
      <c r="HK4803" s="127"/>
      <c r="HL4803" s="126"/>
      <c r="HM4803" s="91"/>
      <c r="HN4803" s="91"/>
      <c r="HO4803" s="91"/>
      <c r="HP4803" s="91"/>
      <c r="HQ4803" s="91"/>
      <c r="HR4803" s="91"/>
      <c r="HS4803" s="91"/>
      <c r="HT4803" s="91"/>
      <c r="HU4803" s="91"/>
      <c r="HV4803" s="91"/>
      <c r="HW4803" s="91"/>
      <c r="HX4803" s="127"/>
      <c r="HY4803" s="126"/>
      <c r="HZ4803" s="91"/>
      <c r="IA4803" s="91"/>
      <c r="IB4803" s="91"/>
      <c r="IC4803" s="91"/>
      <c r="ID4803" s="91"/>
      <c r="IE4803" s="91"/>
      <c r="IF4803" s="91"/>
      <c r="IG4803" s="91"/>
      <c r="IH4803" s="91"/>
      <c r="II4803" s="91"/>
      <c r="IJ4803" s="91"/>
      <c r="IK4803" s="174"/>
    </row>
    <row r="4804" spans="2:245" x14ac:dyDescent="0.2">
      <c r="B4804" s="43"/>
      <c r="C4804" s="73"/>
      <c r="D4804" s="64"/>
      <c r="E4804" s="64"/>
      <c r="F4804" s="55"/>
      <c r="G4804" s="102"/>
      <c r="H4804" s="97"/>
      <c r="T4804" s="98"/>
      <c r="U4804" s="97"/>
      <c r="AG4804" s="98"/>
      <c r="AY4804" s="164"/>
      <c r="BK4804" s="98"/>
      <c r="BL4804" s="97"/>
      <c r="BX4804" s="98"/>
      <c r="CL4804" s="97"/>
      <c r="CX4804" s="98"/>
      <c r="DL4804" s="97"/>
      <c r="DX4804" s="98"/>
      <c r="EL4804" s="97"/>
      <c r="EX4804" s="98"/>
      <c r="EY4804" s="97"/>
      <c r="FL4804" s="126"/>
      <c r="FM4804" s="91"/>
      <c r="FN4804" s="91"/>
      <c r="FO4804" s="91"/>
      <c r="FP4804" s="91"/>
      <c r="FQ4804" s="91"/>
      <c r="FR4804" s="91"/>
      <c r="FS4804" s="91"/>
      <c r="FT4804" s="91"/>
      <c r="FU4804" s="91"/>
      <c r="FV4804" s="91"/>
      <c r="FW4804" s="91"/>
      <c r="FX4804" s="127"/>
      <c r="FY4804" s="126"/>
      <c r="FZ4804" s="91"/>
      <c r="GA4804" s="91"/>
      <c r="GB4804" s="91"/>
      <c r="GC4804" s="91"/>
      <c r="GD4804" s="91"/>
      <c r="GE4804" s="91"/>
      <c r="GF4804" s="91"/>
      <c r="GG4804" s="91"/>
      <c r="GH4804" s="91"/>
      <c r="GI4804" s="91"/>
      <c r="GJ4804" s="91"/>
      <c r="GK4804" s="127"/>
      <c r="GL4804" s="126"/>
      <c r="GM4804" s="91"/>
      <c r="GN4804" s="91"/>
      <c r="GO4804" s="91"/>
      <c r="GP4804" s="91"/>
      <c r="GQ4804" s="91"/>
      <c r="GR4804" s="91"/>
      <c r="GS4804" s="91"/>
      <c r="GT4804" s="91"/>
      <c r="GU4804" s="91"/>
      <c r="GV4804" s="91"/>
      <c r="GW4804" s="91"/>
      <c r="GX4804" s="127"/>
      <c r="GY4804" s="126"/>
      <c r="GZ4804" s="91"/>
      <c r="HA4804" s="91"/>
      <c r="HB4804" s="91"/>
      <c r="HC4804" s="91"/>
      <c r="HD4804" s="91"/>
      <c r="HE4804" s="91"/>
      <c r="HF4804" s="91"/>
      <c r="HG4804" s="91"/>
      <c r="HH4804" s="91"/>
      <c r="HI4804" s="91"/>
      <c r="HJ4804" s="91"/>
      <c r="HK4804" s="127"/>
      <c r="HL4804" s="126"/>
      <c r="HM4804" s="91"/>
      <c r="HN4804" s="91"/>
      <c r="HO4804" s="91"/>
      <c r="HP4804" s="91"/>
      <c r="HQ4804" s="91"/>
      <c r="HR4804" s="91"/>
      <c r="HS4804" s="91"/>
      <c r="HT4804" s="91"/>
      <c r="HU4804" s="91"/>
      <c r="HV4804" s="91"/>
      <c r="HW4804" s="91"/>
      <c r="HX4804" s="127"/>
      <c r="HY4804" s="126"/>
      <c r="HZ4804" s="91"/>
      <c r="IA4804" s="91"/>
      <c r="IB4804" s="91"/>
      <c r="IC4804" s="91"/>
      <c r="ID4804" s="91"/>
      <c r="IE4804" s="91"/>
      <c r="IF4804" s="91"/>
      <c r="IG4804" s="91"/>
      <c r="IH4804" s="91"/>
      <c r="II4804" s="91"/>
      <c r="IJ4804" s="91"/>
      <c r="IK4804" s="174"/>
    </row>
    <row r="4805" spans="2:245" x14ac:dyDescent="0.2">
      <c r="B4805" s="43"/>
      <c r="C4805" s="73"/>
      <c r="D4805" s="64"/>
      <c r="E4805" s="64"/>
      <c r="F4805" s="55"/>
      <c r="G4805" s="102"/>
      <c r="H4805" s="97"/>
      <c r="T4805" s="98"/>
      <c r="U4805" s="97"/>
      <c r="AG4805" s="98"/>
      <c r="AY4805" s="164"/>
      <c r="BK4805" s="98"/>
      <c r="BL4805" s="97"/>
      <c r="BX4805" s="98"/>
      <c r="CL4805" s="97"/>
      <c r="CX4805" s="98"/>
      <c r="DL4805" s="97"/>
      <c r="DX4805" s="98"/>
      <c r="EL4805" s="97"/>
      <c r="EX4805" s="98"/>
      <c r="EY4805" s="97"/>
      <c r="FL4805" s="126"/>
      <c r="FM4805" s="91"/>
      <c r="FN4805" s="91"/>
      <c r="FO4805" s="91"/>
      <c r="FP4805" s="91"/>
      <c r="FQ4805" s="91"/>
      <c r="FR4805" s="91"/>
      <c r="FS4805" s="91"/>
      <c r="FT4805" s="91"/>
      <c r="FU4805" s="91"/>
      <c r="FV4805" s="91"/>
      <c r="FW4805" s="91"/>
      <c r="FX4805" s="127"/>
      <c r="FY4805" s="126"/>
      <c r="FZ4805" s="91"/>
      <c r="GA4805" s="91"/>
      <c r="GB4805" s="91"/>
      <c r="GC4805" s="91"/>
      <c r="GD4805" s="91"/>
      <c r="GE4805" s="91"/>
      <c r="GF4805" s="91"/>
      <c r="GG4805" s="91"/>
      <c r="GH4805" s="91"/>
      <c r="GI4805" s="91"/>
      <c r="GJ4805" s="91"/>
      <c r="GK4805" s="127"/>
      <c r="GL4805" s="126"/>
      <c r="GM4805" s="91"/>
      <c r="GN4805" s="91"/>
      <c r="GO4805" s="91"/>
      <c r="GP4805" s="91"/>
      <c r="GQ4805" s="91"/>
      <c r="GR4805" s="91"/>
      <c r="GS4805" s="91"/>
      <c r="GT4805" s="91"/>
      <c r="GU4805" s="91"/>
      <c r="GV4805" s="91"/>
      <c r="GW4805" s="91"/>
      <c r="GX4805" s="127"/>
      <c r="GY4805" s="126"/>
      <c r="GZ4805" s="91"/>
      <c r="HA4805" s="91"/>
      <c r="HB4805" s="91"/>
      <c r="HC4805" s="91"/>
      <c r="HD4805" s="91"/>
      <c r="HE4805" s="91"/>
      <c r="HF4805" s="91"/>
      <c r="HG4805" s="91"/>
      <c r="HH4805" s="91"/>
      <c r="HI4805" s="91"/>
      <c r="HJ4805" s="91"/>
      <c r="HK4805" s="127"/>
      <c r="HL4805" s="126"/>
      <c r="HM4805" s="91"/>
      <c r="HN4805" s="91"/>
      <c r="HO4805" s="91"/>
      <c r="HP4805" s="91"/>
      <c r="HQ4805" s="91"/>
      <c r="HR4805" s="91"/>
      <c r="HS4805" s="91"/>
      <c r="HT4805" s="91"/>
      <c r="HU4805" s="91"/>
      <c r="HV4805" s="91"/>
      <c r="HW4805" s="91"/>
      <c r="HX4805" s="127"/>
      <c r="HY4805" s="126"/>
      <c r="HZ4805" s="91"/>
      <c r="IA4805" s="91"/>
      <c r="IB4805" s="91"/>
      <c r="IC4805" s="91"/>
      <c r="ID4805" s="91"/>
      <c r="IE4805" s="91"/>
      <c r="IF4805" s="91"/>
      <c r="IG4805" s="91"/>
      <c r="IH4805" s="91"/>
      <c r="II4805" s="91"/>
      <c r="IJ4805" s="91"/>
      <c r="IK4805" s="174"/>
    </row>
    <row r="4806" spans="2:245" x14ac:dyDescent="0.2">
      <c r="B4806" s="43"/>
      <c r="C4806" s="73"/>
      <c r="D4806" s="64"/>
      <c r="E4806" s="64"/>
      <c r="F4806" s="55"/>
      <c r="G4806" s="102"/>
      <c r="H4806" s="97"/>
      <c r="T4806" s="98"/>
      <c r="U4806" s="97"/>
      <c r="AG4806" s="98"/>
      <c r="AY4806" s="164"/>
      <c r="BK4806" s="98"/>
      <c r="BL4806" s="97"/>
      <c r="BX4806" s="98"/>
      <c r="CL4806" s="97"/>
      <c r="CX4806" s="98"/>
      <c r="DL4806" s="97"/>
      <c r="DX4806" s="98"/>
      <c r="EL4806" s="97"/>
      <c r="EX4806" s="98"/>
      <c r="EY4806" s="97"/>
      <c r="FL4806" s="126"/>
      <c r="FM4806" s="91"/>
      <c r="FN4806" s="91"/>
      <c r="FO4806" s="91"/>
      <c r="FP4806" s="91"/>
      <c r="FQ4806" s="91"/>
      <c r="FR4806" s="91"/>
      <c r="FS4806" s="91"/>
      <c r="FT4806" s="91"/>
      <c r="FU4806" s="91"/>
      <c r="FV4806" s="91"/>
      <c r="FW4806" s="91"/>
      <c r="FX4806" s="127"/>
      <c r="FY4806" s="126"/>
      <c r="FZ4806" s="91"/>
      <c r="GA4806" s="91"/>
      <c r="GB4806" s="91"/>
      <c r="GC4806" s="91"/>
      <c r="GD4806" s="91"/>
      <c r="GE4806" s="91"/>
      <c r="GF4806" s="91"/>
      <c r="GG4806" s="91"/>
      <c r="GH4806" s="91"/>
      <c r="GI4806" s="91"/>
      <c r="GJ4806" s="91"/>
      <c r="GK4806" s="127"/>
      <c r="GL4806" s="126"/>
      <c r="GM4806" s="91"/>
      <c r="GN4806" s="91"/>
      <c r="GO4806" s="91"/>
      <c r="GP4806" s="91"/>
      <c r="GQ4806" s="91"/>
      <c r="GR4806" s="91"/>
      <c r="GS4806" s="91"/>
      <c r="GT4806" s="91"/>
      <c r="GU4806" s="91"/>
      <c r="GV4806" s="91"/>
      <c r="GW4806" s="91"/>
      <c r="GX4806" s="127"/>
      <c r="GY4806" s="126"/>
      <c r="GZ4806" s="91"/>
      <c r="HA4806" s="91"/>
      <c r="HB4806" s="91"/>
      <c r="HC4806" s="91"/>
      <c r="HD4806" s="91"/>
      <c r="HE4806" s="91"/>
      <c r="HF4806" s="91"/>
      <c r="HG4806" s="91"/>
      <c r="HH4806" s="91"/>
      <c r="HI4806" s="91"/>
      <c r="HJ4806" s="91"/>
      <c r="HK4806" s="127"/>
      <c r="HL4806" s="126"/>
      <c r="HM4806" s="91"/>
      <c r="HN4806" s="91"/>
      <c r="HO4806" s="91"/>
      <c r="HP4806" s="91"/>
      <c r="HQ4806" s="91"/>
      <c r="HR4806" s="91"/>
      <c r="HS4806" s="91"/>
      <c r="HT4806" s="91"/>
      <c r="HU4806" s="91"/>
      <c r="HV4806" s="91"/>
      <c r="HW4806" s="91"/>
      <c r="HX4806" s="127"/>
      <c r="HY4806" s="126"/>
      <c r="HZ4806" s="91"/>
      <c r="IA4806" s="91"/>
      <c r="IB4806" s="91"/>
      <c r="IC4806" s="91"/>
      <c r="ID4806" s="91"/>
      <c r="IE4806" s="91"/>
      <c r="IF4806" s="91"/>
      <c r="IG4806" s="91"/>
      <c r="IH4806" s="91"/>
      <c r="II4806" s="91"/>
      <c r="IJ4806" s="91"/>
      <c r="IK4806" s="174"/>
    </row>
    <row r="4807" spans="2:245" x14ac:dyDescent="0.2">
      <c r="B4807" s="43"/>
      <c r="C4807" s="73"/>
      <c r="D4807" s="64"/>
      <c r="E4807" s="64"/>
      <c r="F4807" s="55"/>
      <c r="G4807" s="102"/>
      <c r="H4807" s="97"/>
      <c r="T4807" s="98"/>
      <c r="U4807" s="97"/>
      <c r="AG4807" s="98"/>
      <c r="AY4807" s="164"/>
      <c r="BK4807" s="98"/>
      <c r="BL4807" s="97"/>
      <c r="BX4807" s="98"/>
      <c r="CL4807" s="97"/>
      <c r="CX4807" s="98"/>
      <c r="DL4807" s="97"/>
      <c r="DX4807" s="98"/>
      <c r="EL4807" s="97"/>
      <c r="EX4807" s="98"/>
      <c r="EY4807" s="97"/>
      <c r="FL4807" s="126"/>
      <c r="FM4807" s="91"/>
      <c r="FN4807" s="91"/>
      <c r="FO4807" s="91"/>
      <c r="FP4807" s="91"/>
      <c r="FQ4807" s="91"/>
      <c r="FR4807" s="91"/>
      <c r="FS4807" s="91"/>
      <c r="FT4807" s="91"/>
      <c r="FU4807" s="91"/>
      <c r="FV4807" s="91"/>
      <c r="FW4807" s="91"/>
      <c r="FX4807" s="127"/>
      <c r="FY4807" s="126"/>
      <c r="FZ4807" s="91"/>
      <c r="GA4807" s="91"/>
      <c r="GB4807" s="91"/>
      <c r="GC4807" s="91"/>
      <c r="GD4807" s="91"/>
      <c r="GE4807" s="91"/>
      <c r="GF4807" s="91"/>
      <c r="GG4807" s="91"/>
      <c r="GH4807" s="91"/>
      <c r="GI4807" s="91"/>
      <c r="GJ4807" s="91"/>
      <c r="GK4807" s="127"/>
      <c r="GL4807" s="126"/>
      <c r="GM4807" s="91"/>
      <c r="GN4807" s="91"/>
      <c r="GO4807" s="91"/>
      <c r="GP4807" s="91"/>
      <c r="GQ4807" s="91"/>
      <c r="GR4807" s="91"/>
      <c r="GS4807" s="91"/>
      <c r="GT4807" s="91"/>
      <c r="GU4807" s="91"/>
      <c r="GV4807" s="91"/>
      <c r="GW4807" s="91"/>
      <c r="GX4807" s="127"/>
      <c r="GY4807" s="126"/>
      <c r="GZ4807" s="91"/>
      <c r="HA4807" s="91"/>
      <c r="HB4807" s="91"/>
      <c r="HC4807" s="91"/>
      <c r="HD4807" s="91"/>
      <c r="HE4807" s="91"/>
      <c r="HF4807" s="91"/>
      <c r="HG4807" s="91"/>
      <c r="HH4807" s="91"/>
      <c r="HI4807" s="91"/>
      <c r="HJ4807" s="91"/>
      <c r="HK4807" s="127"/>
      <c r="HL4807" s="126"/>
      <c r="HM4807" s="91"/>
      <c r="HN4807" s="91"/>
      <c r="HO4807" s="91"/>
      <c r="HP4807" s="91"/>
      <c r="HQ4807" s="91"/>
      <c r="HR4807" s="91"/>
      <c r="HS4807" s="91"/>
      <c r="HT4807" s="91"/>
      <c r="HU4807" s="91"/>
      <c r="HV4807" s="91"/>
      <c r="HW4807" s="91"/>
      <c r="HX4807" s="127"/>
      <c r="HY4807" s="126"/>
      <c r="HZ4807" s="91"/>
      <c r="IA4807" s="91"/>
      <c r="IB4807" s="91"/>
      <c r="IC4807" s="91"/>
      <c r="ID4807" s="91"/>
      <c r="IE4807" s="91"/>
      <c r="IF4807" s="91"/>
      <c r="IG4807" s="91"/>
      <c r="IH4807" s="91"/>
      <c r="II4807" s="91"/>
      <c r="IJ4807" s="91"/>
      <c r="IK4807" s="174"/>
    </row>
    <row r="4808" spans="2:245" x14ac:dyDescent="0.2">
      <c r="B4808" s="43"/>
      <c r="C4808" s="73"/>
      <c r="D4808" s="64"/>
      <c r="E4808" s="64"/>
      <c r="F4808" s="55"/>
      <c r="G4808" s="102"/>
      <c r="H4808" s="97"/>
      <c r="T4808" s="98"/>
      <c r="U4808" s="97"/>
      <c r="AG4808" s="98"/>
      <c r="AY4808" s="164"/>
      <c r="BK4808" s="98"/>
      <c r="BL4808" s="97"/>
      <c r="BX4808" s="98"/>
      <c r="CL4808" s="97"/>
      <c r="CX4808" s="98"/>
      <c r="DL4808" s="97"/>
      <c r="DX4808" s="98"/>
      <c r="EL4808" s="97"/>
      <c r="EX4808" s="98"/>
      <c r="EY4808" s="97"/>
      <c r="FL4808" s="126"/>
      <c r="FM4808" s="91"/>
      <c r="FN4808" s="91"/>
      <c r="FO4808" s="91"/>
      <c r="FP4808" s="91"/>
      <c r="FQ4808" s="91"/>
      <c r="FR4808" s="91"/>
      <c r="FS4808" s="91"/>
      <c r="FT4808" s="91"/>
      <c r="FU4808" s="91"/>
      <c r="FV4808" s="91"/>
      <c r="FW4808" s="91"/>
      <c r="FX4808" s="127"/>
      <c r="FY4808" s="126"/>
      <c r="FZ4808" s="91"/>
      <c r="GA4808" s="91"/>
      <c r="GB4808" s="91"/>
      <c r="GC4808" s="91"/>
      <c r="GD4808" s="91"/>
      <c r="GE4808" s="91"/>
      <c r="GF4808" s="91"/>
      <c r="GG4808" s="91"/>
      <c r="GH4808" s="91"/>
      <c r="GI4808" s="91"/>
      <c r="GJ4808" s="91"/>
      <c r="GK4808" s="127"/>
      <c r="GL4808" s="126"/>
      <c r="GM4808" s="91"/>
      <c r="GN4808" s="91"/>
      <c r="GO4808" s="91"/>
      <c r="GP4808" s="91"/>
      <c r="GQ4808" s="91"/>
      <c r="GR4808" s="91"/>
      <c r="GS4808" s="91"/>
      <c r="GT4808" s="91"/>
      <c r="GU4808" s="91"/>
      <c r="GV4808" s="91"/>
      <c r="GW4808" s="91"/>
      <c r="GX4808" s="127"/>
      <c r="GY4808" s="126"/>
      <c r="GZ4808" s="91"/>
      <c r="HA4808" s="91"/>
      <c r="HB4808" s="91"/>
      <c r="HC4808" s="91"/>
      <c r="HD4808" s="91"/>
      <c r="HE4808" s="91"/>
      <c r="HF4808" s="91"/>
      <c r="HG4808" s="91"/>
      <c r="HH4808" s="91"/>
      <c r="HI4808" s="91"/>
      <c r="HJ4808" s="91"/>
      <c r="HK4808" s="127"/>
      <c r="HL4808" s="126"/>
      <c r="HM4808" s="91"/>
      <c r="HN4808" s="91"/>
      <c r="HO4808" s="91"/>
      <c r="HP4808" s="91"/>
      <c r="HQ4808" s="91"/>
      <c r="HR4808" s="91"/>
      <c r="HS4808" s="91"/>
      <c r="HT4808" s="91"/>
      <c r="HU4808" s="91"/>
      <c r="HV4808" s="91"/>
      <c r="HW4808" s="91"/>
      <c r="HX4808" s="127"/>
      <c r="HY4808" s="126"/>
      <c r="HZ4808" s="91"/>
      <c r="IA4808" s="91"/>
      <c r="IB4808" s="91"/>
      <c r="IC4808" s="91"/>
      <c r="ID4808" s="91"/>
      <c r="IE4808" s="91"/>
      <c r="IF4808" s="91"/>
      <c r="IG4808" s="91"/>
      <c r="IH4808" s="91"/>
      <c r="II4808" s="91"/>
      <c r="IJ4808" s="91"/>
      <c r="IK4808" s="174"/>
    </row>
    <row r="4809" spans="2:245" x14ac:dyDescent="0.2">
      <c r="B4809" s="43"/>
      <c r="C4809" s="73"/>
      <c r="D4809" s="64"/>
      <c r="E4809" s="64"/>
      <c r="F4809" s="55"/>
      <c r="G4809" s="102"/>
      <c r="H4809" s="97"/>
      <c r="T4809" s="98"/>
      <c r="U4809" s="97"/>
      <c r="AG4809" s="98"/>
      <c r="AY4809" s="164"/>
      <c r="BK4809" s="98"/>
      <c r="BL4809" s="97"/>
      <c r="BX4809" s="98"/>
      <c r="CL4809" s="97"/>
      <c r="CX4809" s="98"/>
      <c r="DL4809" s="97"/>
      <c r="DX4809" s="98"/>
      <c r="EL4809" s="97"/>
      <c r="EX4809" s="98"/>
      <c r="EY4809" s="97"/>
      <c r="FL4809" s="126"/>
      <c r="FM4809" s="91"/>
      <c r="FN4809" s="91"/>
      <c r="FO4809" s="91"/>
      <c r="FP4809" s="91"/>
      <c r="FQ4809" s="91"/>
      <c r="FR4809" s="91"/>
      <c r="FS4809" s="91"/>
      <c r="FT4809" s="91"/>
      <c r="FU4809" s="91"/>
      <c r="FV4809" s="91"/>
      <c r="FW4809" s="91"/>
      <c r="FX4809" s="127"/>
      <c r="FY4809" s="126"/>
      <c r="FZ4809" s="91"/>
      <c r="GA4809" s="91"/>
      <c r="GB4809" s="91"/>
      <c r="GC4809" s="91"/>
      <c r="GD4809" s="91"/>
      <c r="GE4809" s="91"/>
      <c r="GF4809" s="91"/>
      <c r="GG4809" s="91"/>
      <c r="GH4809" s="91"/>
      <c r="GI4809" s="91"/>
      <c r="GJ4809" s="91"/>
      <c r="GK4809" s="127"/>
      <c r="GL4809" s="126"/>
      <c r="GM4809" s="91"/>
      <c r="GN4809" s="91"/>
      <c r="GO4809" s="91"/>
      <c r="GP4809" s="91"/>
      <c r="GQ4809" s="91"/>
      <c r="GR4809" s="91"/>
      <c r="GS4809" s="91"/>
      <c r="GT4809" s="91"/>
      <c r="GU4809" s="91"/>
      <c r="GV4809" s="91"/>
      <c r="GW4809" s="91"/>
      <c r="GX4809" s="127"/>
      <c r="GY4809" s="126"/>
      <c r="GZ4809" s="91"/>
      <c r="HA4809" s="91"/>
      <c r="HB4809" s="91"/>
      <c r="HC4809" s="91"/>
      <c r="HD4809" s="91"/>
      <c r="HE4809" s="91"/>
      <c r="HF4809" s="91"/>
      <c r="HG4809" s="91"/>
      <c r="HH4809" s="91"/>
      <c r="HI4809" s="91"/>
      <c r="HJ4809" s="91"/>
      <c r="HK4809" s="127"/>
      <c r="HL4809" s="126"/>
      <c r="HM4809" s="91"/>
      <c r="HN4809" s="91"/>
      <c r="HO4809" s="91"/>
      <c r="HP4809" s="91"/>
      <c r="HQ4809" s="91"/>
      <c r="HR4809" s="91"/>
      <c r="HS4809" s="91"/>
      <c r="HT4809" s="91"/>
      <c r="HU4809" s="91"/>
      <c r="HV4809" s="91"/>
      <c r="HW4809" s="91"/>
      <c r="HX4809" s="127"/>
      <c r="HY4809" s="126"/>
      <c r="HZ4809" s="91"/>
      <c r="IA4809" s="91"/>
      <c r="IB4809" s="91"/>
      <c r="IC4809" s="91"/>
      <c r="ID4809" s="91"/>
      <c r="IE4809" s="91"/>
      <c r="IF4809" s="91"/>
      <c r="IG4809" s="91"/>
      <c r="IH4809" s="91"/>
      <c r="II4809" s="91"/>
      <c r="IJ4809" s="91"/>
      <c r="IK4809" s="174"/>
    </row>
    <row r="4810" spans="2:245" x14ac:dyDescent="0.2">
      <c r="B4810" s="43"/>
      <c r="C4810" s="73"/>
      <c r="D4810" s="64"/>
      <c r="E4810" s="64"/>
      <c r="F4810" s="55"/>
      <c r="G4810" s="102"/>
      <c r="H4810" s="97"/>
      <c r="T4810" s="98"/>
      <c r="U4810" s="97"/>
      <c r="AG4810" s="98"/>
      <c r="AY4810" s="164"/>
      <c r="BK4810" s="98"/>
      <c r="BL4810" s="97"/>
      <c r="BX4810" s="98"/>
      <c r="CL4810" s="97"/>
      <c r="CX4810" s="98"/>
      <c r="DL4810" s="97"/>
      <c r="DX4810" s="98"/>
      <c r="EL4810" s="97"/>
      <c r="EX4810" s="98"/>
      <c r="EY4810" s="97"/>
      <c r="FL4810" s="126"/>
      <c r="FM4810" s="91"/>
      <c r="FN4810" s="91"/>
      <c r="FO4810" s="91"/>
      <c r="FP4810" s="91"/>
      <c r="FQ4810" s="91"/>
      <c r="FR4810" s="91"/>
      <c r="FS4810" s="91"/>
      <c r="FT4810" s="91"/>
      <c r="FU4810" s="91"/>
      <c r="FV4810" s="91"/>
      <c r="FW4810" s="91"/>
      <c r="FX4810" s="127"/>
      <c r="FY4810" s="126"/>
      <c r="FZ4810" s="91"/>
      <c r="GA4810" s="91"/>
      <c r="GB4810" s="91"/>
      <c r="GC4810" s="91"/>
      <c r="GD4810" s="91"/>
      <c r="GE4810" s="91"/>
      <c r="GF4810" s="91"/>
      <c r="GG4810" s="91"/>
      <c r="GH4810" s="91"/>
      <c r="GI4810" s="91"/>
      <c r="GJ4810" s="91"/>
      <c r="GK4810" s="127"/>
      <c r="GL4810" s="126"/>
      <c r="GM4810" s="91"/>
      <c r="GN4810" s="91"/>
      <c r="GO4810" s="91"/>
      <c r="GP4810" s="91"/>
      <c r="GQ4810" s="91"/>
      <c r="GR4810" s="91"/>
      <c r="GS4810" s="91"/>
      <c r="GT4810" s="91"/>
      <c r="GU4810" s="91"/>
      <c r="GV4810" s="91"/>
      <c r="GW4810" s="91"/>
      <c r="GX4810" s="127"/>
      <c r="GY4810" s="126"/>
      <c r="GZ4810" s="91"/>
      <c r="HA4810" s="91"/>
      <c r="HB4810" s="91"/>
      <c r="HC4810" s="91"/>
      <c r="HD4810" s="91"/>
      <c r="HE4810" s="91"/>
      <c r="HF4810" s="91"/>
      <c r="HG4810" s="91"/>
      <c r="HH4810" s="91"/>
      <c r="HI4810" s="91"/>
      <c r="HJ4810" s="91"/>
      <c r="HK4810" s="127"/>
      <c r="HL4810" s="126"/>
      <c r="HM4810" s="91"/>
      <c r="HN4810" s="91"/>
      <c r="HO4810" s="91"/>
      <c r="HP4810" s="91"/>
      <c r="HQ4810" s="91"/>
      <c r="HR4810" s="91"/>
      <c r="HS4810" s="91"/>
      <c r="HT4810" s="91"/>
      <c r="HU4810" s="91"/>
      <c r="HV4810" s="91"/>
      <c r="HW4810" s="91"/>
      <c r="HX4810" s="127"/>
      <c r="HY4810" s="126"/>
      <c r="HZ4810" s="91"/>
      <c r="IA4810" s="91"/>
      <c r="IB4810" s="91"/>
      <c r="IC4810" s="91"/>
      <c r="ID4810" s="91"/>
      <c r="IE4810" s="91"/>
      <c r="IF4810" s="91"/>
      <c r="IG4810" s="91"/>
      <c r="IH4810" s="91"/>
      <c r="II4810" s="91"/>
      <c r="IJ4810" s="91"/>
      <c r="IK4810" s="174"/>
    </row>
    <row r="4811" spans="2:245" x14ac:dyDescent="0.2">
      <c r="B4811" s="43"/>
      <c r="C4811" s="73"/>
      <c r="D4811" s="64"/>
      <c r="E4811" s="64"/>
      <c r="F4811" s="55"/>
      <c r="G4811" s="102"/>
      <c r="H4811" s="97"/>
      <c r="T4811" s="98"/>
      <c r="U4811" s="97"/>
      <c r="AG4811" s="98"/>
      <c r="AY4811" s="164"/>
      <c r="BK4811" s="98"/>
      <c r="BL4811" s="97"/>
      <c r="BX4811" s="98"/>
      <c r="CL4811" s="97"/>
      <c r="CX4811" s="98"/>
      <c r="DL4811" s="97"/>
      <c r="DX4811" s="98"/>
      <c r="EL4811" s="97"/>
      <c r="EX4811" s="98"/>
      <c r="EY4811" s="97"/>
      <c r="FL4811" s="126"/>
      <c r="FM4811" s="91"/>
      <c r="FN4811" s="91"/>
      <c r="FO4811" s="91"/>
      <c r="FP4811" s="91"/>
      <c r="FQ4811" s="91"/>
      <c r="FR4811" s="91"/>
      <c r="FS4811" s="91"/>
      <c r="FT4811" s="91"/>
      <c r="FU4811" s="91"/>
      <c r="FV4811" s="91"/>
      <c r="FW4811" s="91"/>
      <c r="FX4811" s="127"/>
      <c r="FY4811" s="126"/>
      <c r="FZ4811" s="91"/>
      <c r="GA4811" s="91"/>
      <c r="GB4811" s="91"/>
      <c r="GC4811" s="91"/>
      <c r="GD4811" s="91"/>
      <c r="GE4811" s="91"/>
      <c r="GF4811" s="91"/>
      <c r="GG4811" s="91"/>
      <c r="GH4811" s="91"/>
      <c r="GI4811" s="91"/>
      <c r="GJ4811" s="91"/>
      <c r="GK4811" s="127"/>
      <c r="GL4811" s="126"/>
      <c r="GM4811" s="91"/>
      <c r="GN4811" s="91"/>
      <c r="GO4811" s="91"/>
      <c r="GP4811" s="91"/>
      <c r="GQ4811" s="91"/>
      <c r="GR4811" s="91"/>
      <c r="GS4811" s="91"/>
      <c r="GT4811" s="91"/>
      <c r="GU4811" s="91"/>
      <c r="GV4811" s="91"/>
      <c r="GW4811" s="91"/>
      <c r="GX4811" s="127"/>
      <c r="GY4811" s="126"/>
      <c r="GZ4811" s="91"/>
      <c r="HA4811" s="91"/>
      <c r="HB4811" s="91"/>
      <c r="HC4811" s="91"/>
      <c r="HD4811" s="91"/>
      <c r="HE4811" s="91"/>
      <c r="HF4811" s="91"/>
      <c r="HG4811" s="91"/>
      <c r="HH4811" s="91"/>
      <c r="HI4811" s="91"/>
      <c r="HJ4811" s="91"/>
      <c r="HK4811" s="127"/>
      <c r="HL4811" s="126"/>
      <c r="HM4811" s="91"/>
      <c r="HN4811" s="91"/>
      <c r="HO4811" s="91"/>
      <c r="HP4811" s="91"/>
      <c r="HQ4811" s="91"/>
      <c r="HR4811" s="91"/>
      <c r="HS4811" s="91"/>
      <c r="HT4811" s="91"/>
      <c r="HU4811" s="91"/>
      <c r="HV4811" s="91"/>
      <c r="HW4811" s="91"/>
      <c r="HX4811" s="127"/>
      <c r="HY4811" s="126"/>
      <c r="HZ4811" s="91"/>
      <c r="IA4811" s="91"/>
      <c r="IB4811" s="91"/>
      <c r="IC4811" s="91"/>
      <c r="ID4811" s="91"/>
      <c r="IE4811" s="91"/>
      <c r="IF4811" s="91"/>
      <c r="IG4811" s="91"/>
      <c r="IH4811" s="91"/>
      <c r="II4811" s="91"/>
      <c r="IJ4811" s="91"/>
      <c r="IK4811" s="174"/>
    </row>
    <row r="4812" spans="2:245" x14ac:dyDescent="0.2">
      <c r="B4812" s="43"/>
      <c r="C4812" s="73"/>
      <c r="D4812" s="64"/>
      <c r="E4812" s="64"/>
      <c r="F4812" s="55"/>
      <c r="G4812" s="102"/>
      <c r="H4812" s="97"/>
      <c r="T4812" s="98"/>
      <c r="U4812" s="97"/>
      <c r="AG4812" s="98"/>
      <c r="AY4812" s="164"/>
      <c r="BK4812" s="98"/>
      <c r="BL4812" s="97"/>
      <c r="BX4812" s="98"/>
      <c r="CL4812" s="97"/>
      <c r="CX4812" s="98"/>
      <c r="DL4812" s="97"/>
      <c r="DX4812" s="98"/>
      <c r="EL4812" s="97"/>
      <c r="EX4812" s="98"/>
      <c r="EY4812" s="97"/>
      <c r="FL4812" s="126"/>
      <c r="FM4812" s="91"/>
      <c r="FN4812" s="91"/>
      <c r="FO4812" s="91"/>
      <c r="FP4812" s="91"/>
      <c r="FQ4812" s="91"/>
      <c r="FR4812" s="91"/>
      <c r="FS4812" s="91"/>
      <c r="FT4812" s="91"/>
      <c r="FU4812" s="91"/>
      <c r="FV4812" s="91"/>
      <c r="FW4812" s="91"/>
      <c r="FX4812" s="127"/>
      <c r="FY4812" s="126"/>
      <c r="FZ4812" s="91"/>
      <c r="GA4812" s="91"/>
      <c r="GB4812" s="91"/>
      <c r="GC4812" s="91"/>
      <c r="GD4812" s="91"/>
      <c r="GE4812" s="91"/>
      <c r="GF4812" s="91"/>
      <c r="GG4812" s="91"/>
      <c r="GH4812" s="91"/>
      <c r="GI4812" s="91"/>
      <c r="GJ4812" s="91"/>
      <c r="GK4812" s="127"/>
      <c r="GL4812" s="126"/>
      <c r="GM4812" s="91"/>
      <c r="GN4812" s="91"/>
      <c r="GO4812" s="91"/>
      <c r="GP4812" s="91"/>
      <c r="GQ4812" s="91"/>
      <c r="GR4812" s="91"/>
      <c r="GS4812" s="91"/>
      <c r="GT4812" s="91"/>
      <c r="GU4812" s="91"/>
      <c r="GV4812" s="91"/>
      <c r="GW4812" s="91"/>
      <c r="GX4812" s="127"/>
      <c r="GY4812" s="126"/>
      <c r="GZ4812" s="91"/>
      <c r="HA4812" s="91"/>
      <c r="HB4812" s="91"/>
      <c r="HC4812" s="91"/>
      <c r="HD4812" s="91"/>
      <c r="HE4812" s="91"/>
      <c r="HF4812" s="91"/>
      <c r="HG4812" s="91"/>
      <c r="HH4812" s="91"/>
      <c r="HI4812" s="91"/>
      <c r="HJ4812" s="91"/>
      <c r="HK4812" s="127"/>
      <c r="HL4812" s="126"/>
      <c r="HM4812" s="91"/>
      <c r="HN4812" s="91"/>
      <c r="HO4812" s="91"/>
      <c r="HP4812" s="91"/>
      <c r="HQ4812" s="91"/>
      <c r="HR4812" s="91"/>
      <c r="HS4812" s="91"/>
      <c r="HT4812" s="91"/>
      <c r="HU4812" s="91"/>
      <c r="HV4812" s="91"/>
      <c r="HW4812" s="91"/>
      <c r="HX4812" s="127"/>
      <c r="HY4812" s="126"/>
      <c r="HZ4812" s="91"/>
      <c r="IA4812" s="91"/>
      <c r="IB4812" s="91"/>
      <c r="IC4812" s="91"/>
      <c r="ID4812" s="91"/>
      <c r="IE4812" s="91"/>
      <c r="IF4812" s="91"/>
      <c r="IG4812" s="91"/>
      <c r="IH4812" s="91"/>
      <c r="II4812" s="91"/>
      <c r="IJ4812" s="91"/>
      <c r="IK4812" s="174"/>
    </row>
    <row r="4813" spans="2:245" x14ac:dyDescent="0.2">
      <c r="B4813" s="43"/>
      <c r="C4813" s="73"/>
      <c r="D4813" s="64"/>
      <c r="E4813" s="64"/>
      <c r="F4813" s="55"/>
      <c r="G4813" s="102"/>
      <c r="H4813" s="97"/>
      <c r="T4813" s="98"/>
      <c r="U4813" s="97"/>
      <c r="AG4813" s="98"/>
      <c r="AY4813" s="164"/>
      <c r="BK4813" s="98"/>
      <c r="BL4813" s="97"/>
      <c r="BX4813" s="98"/>
      <c r="CL4813" s="97"/>
      <c r="CX4813" s="98"/>
      <c r="DL4813" s="97"/>
      <c r="DX4813" s="98"/>
      <c r="EL4813" s="97"/>
      <c r="EX4813" s="98"/>
      <c r="EY4813" s="97"/>
      <c r="FL4813" s="126"/>
      <c r="FM4813" s="91"/>
      <c r="FN4813" s="91"/>
      <c r="FO4813" s="91"/>
      <c r="FP4813" s="91"/>
      <c r="FQ4813" s="91"/>
      <c r="FR4813" s="91"/>
      <c r="FS4813" s="91"/>
      <c r="FT4813" s="91"/>
      <c r="FU4813" s="91"/>
      <c r="FV4813" s="91"/>
      <c r="FW4813" s="91"/>
      <c r="FX4813" s="127"/>
      <c r="FY4813" s="126"/>
      <c r="FZ4813" s="91"/>
      <c r="GA4813" s="91"/>
      <c r="GB4813" s="91"/>
      <c r="GC4813" s="91"/>
      <c r="GD4813" s="91"/>
      <c r="GE4813" s="91"/>
      <c r="GF4813" s="91"/>
      <c r="GG4813" s="91"/>
      <c r="GH4813" s="91"/>
      <c r="GI4813" s="91"/>
      <c r="GJ4813" s="91"/>
      <c r="GK4813" s="127"/>
      <c r="GL4813" s="126"/>
      <c r="GM4813" s="91"/>
      <c r="GN4813" s="91"/>
      <c r="GO4813" s="91"/>
      <c r="GP4813" s="91"/>
      <c r="GQ4813" s="91"/>
      <c r="GR4813" s="91"/>
      <c r="GS4813" s="91"/>
      <c r="GT4813" s="91"/>
      <c r="GU4813" s="91"/>
      <c r="GV4813" s="91"/>
      <c r="GW4813" s="91"/>
      <c r="GX4813" s="127"/>
      <c r="GY4813" s="126"/>
      <c r="GZ4813" s="91"/>
      <c r="HA4813" s="91"/>
      <c r="HB4813" s="91"/>
      <c r="HC4813" s="91"/>
      <c r="HD4813" s="91"/>
      <c r="HE4813" s="91"/>
      <c r="HF4813" s="91"/>
      <c r="HG4813" s="91"/>
      <c r="HH4813" s="91"/>
      <c r="HI4813" s="91"/>
      <c r="HJ4813" s="91"/>
      <c r="HK4813" s="127"/>
      <c r="HL4813" s="126"/>
      <c r="HM4813" s="91"/>
      <c r="HN4813" s="91"/>
      <c r="HO4813" s="91"/>
      <c r="HP4813" s="91"/>
      <c r="HQ4813" s="91"/>
      <c r="HR4813" s="91"/>
      <c r="HS4813" s="91"/>
      <c r="HT4813" s="91"/>
      <c r="HU4813" s="91"/>
      <c r="HV4813" s="91"/>
      <c r="HW4813" s="91"/>
      <c r="HX4813" s="127"/>
      <c r="HY4813" s="126"/>
      <c r="HZ4813" s="91"/>
      <c r="IA4813" s="91"/>
      <c r="IB4813" s="91"/>
      <c r="IC4813" s="91"/>
      <c r="ID4813" s="91"/>
      <c r="IE4813" s="91"/>
      <c r="IF4813" s="91"/>
      <c r="IG4813" s="91"/>
      <c r="IH4813" s="91"/>
      <c r="II4813" s="91"/>
      <c r="IJ4813" s="91"/>
      <c r="IK4813" s="174"/>
    </row>
    <row r="4814" spans="2:245" x14ac:dyDescent="0.2">
      <c r="B4814" s="43"/>
      <c r="C4814" s="73"/>
      <c r="D4814" s="64"/>
      <c r="E4814" s="64"/>
      <c r="F4814" s="55"/>
      <c r="G4814" s="102"/>
      <c r="H4814" s="97"/>
      <c r="T4814" s="98"/>
      <c r="U4814" s="97"/>
      <c r="AG4814" s="98"/>
      <c r="AY4814" s="164"/>
      <c r="BK4814" s="98"/>
      <c r="BL4814" s="97"/>
      <c r="BX4814" s="98"/>
      <c r="CL4814" s="97"/>
      <c r="CX4814" s="98"/>
      <c r="DL4814" s="97"/>
      <c r="DX4814" s="98"/>
      <c r="EL4814" s="97"/>
      <c r="EX4814" s="98"/>
      <c r="EY4814" s="97"/>
      <c r="FL4814" s="126"/>
      <c r="FM4814" s="91"/>
      <c r="FN4814" s="91"/>
      <c r="FO4814" s="91"/>
      <c r="FP4814" s="91"/>
      <c r="FQ4814" s="91"/>
      <c r="FR4814" s="91"/>
      <c r="FS4814" s="91"/>
      <c r="FT4814" s="91"/>
      <c r="FU4814" s="91"/>
      <c r="FV4814" s="91"/>
      <c r="FW4814" s="91"/>
      <c r="FX4814" s="127"/>
      <c r="FY4814" s="126"/>
      <c r="FZ4814" s="91"/>
      <c r="GA4814" s="91"/>
      <c r="GB4814" s="91"/>
      <c r="GC4814" s="91"/>
      <c r="GD4814" s="91"/>
      <c r="GE4814" s="91"/>
      <c r="GF4814" s="91"/>
      <c r="GG4814" s="91"/>
      <c r="GH4814" s="91"/>
      <c r="GI4814" s="91"/>
      <c r="GJ4814" s="91"/>
      <c r="GK4814" s="127"/>
      <c r="GL4814" s="126"/>
      <c r="GM4814" s="91"/>
      <c r="GN4814" s="91"/>
      <c r="GO4814" s="91"/>
      <c r="GP4814" s="91"/>
      <c r="GQ4814" s="91"/>
      <c r="GR4814" s="91"/>
      <c r="GS4814" s="91"/>
      <c r="GT4814" s="91"/>
      <c r="GU4814" s="91"/>
      <c r="GV4814" s="91"/>
      <c r="GW4814" s="91"/>
      <c r="GX4814" s="127"/>
      <c r="GY4814" s="126"/>
      <c r="GZ4814" s="91"/>
      <c r="HA4814" s="91"/>
      <c r="HB4814" s="91"/>
      <c r="HC4814" s="91"/>
      <c r="HD4814" s="91"/>
      <c r="HE4814" s="91"/>
      <c r="HF4814" s="91"/>
      <c r="HG4814" s="91"/>
      <c r="HH4814" s="91"/>
      <c r="HI4814" s="91"/>
      <c r="HJ4814" s="91"/>
      <c r="HK4814" s="127"/>
      <c r="HL4814" s="126"/>
      <c r="HM4814" s="91"/>
      <c r="HN4814" s="91"/>
      <c r="HO4814" s="91"/>
      <c r="HP4814" s="91"/>
      <c r="HQ4814" s="91"/>
      <c r="HR4814" s="91"/>
      <c r="HS4814" s="91"/>
      <c r="HT4814" s="91"/>
      <c r="HU4814" s="91"/>
      <c r="HV4814" s="91"/>
      <c r="HW4814" s="91"/>
      <c r="HX4814" s="127"/>
      <c r="HY4814" s="126"/>
      <c r="HZ4814" s="91"/>
      <c r="IA4814" s="91"/>
      <c r="IB4814" s="91"/>
      <c r="IC4814" s="91"/>
      <c r="ID4814" s="91"/>
      <c r="IE4814" s="91"/>
      <c r="IF4814" s="91"/>
      <c r="IG4814" s="91"/>
      <c r="IH4814" s="91"/>
      <c r="II4814" s="91"/>
      <c r="IJ4814" s="91"/>
      <c r="IK4814" s="174"/>
    </row>
    <row r="4815" spans="2:245" x14ac:dyDescent="0.2">
      <c r="B4815" s="43"/>
      <c r="C4815" s="73"/>
      <c r="D4815" s="64"/>
      <c r="E4815" s="64"/>
      <c r="F4815" s="55"/>
      <c r="G4815" s="102"/>
      <c r="H4815" s="97"/>
      <c r="T4815" s="98"/>
      <c r="U4815" s="97"/>
      <c r="AG4815" s="98"/>
      <c r="AY4815" s="164"/>
      <c r="BK4815" s="98"/>
      <c r="BL4815" s="97"/>
      <c r="BX4815" s="98"/>
      <c r="CL4815" s="97"/>
      <c r="CX4815" s="98"/>
      <c r="DL4815" s="97"/>
      <c r="DX4815" s="98"/>
      <c r="EL4815" s="97"/>
      <c r="EX4815" s="98"/>
      <c r="EY4815" s="97"/>
      <c r="FL4815" s="126"/>
      <c r="FM4815" s="91"/>
      <c r="FN4815" s="91"/>
      <c r="FO4815" s="91"/>
      <c r="FP4815" s="91"/>
      <c r="FQ4815" s="91"/>
      <c r="FR4815" s="91"/>
      <c r="FS4815" s="91"/>
      <c r="FT4815" s="91"/>
      <c r="FU4815" s="91"/>
      <c r="FV4815" s="91"/>
      <c r="FW4815" s="91"/>
      <c r="FX4815" s="127"/>
      <c r="FY4815" s="126"/>
      <c r="FZ4815" s="91"/>
      <c r="GA4815" s="91"/>
      <c r="GB4815" s="91"/>
      <c r="GC4815" s="91"/>
      <c r="GD4815" s="91"/>
      <c r="GE4815" s="91"/>
      <c r="GF4815" s="91"/>
      <c r="GG4815" s="91"/>
      <c r="GH4815" s="91"/>
      <c r="GI4815" s="91"/>
      <c r="GJ4815" s="91"/>
      <c r="GK4815" s="127"/>
      <c r="GL4815" s="126"/>
      <c r="GM4815" s="91"/>
      <c r="GN4815" s="91"/>
      <c r="GO4815" s="91"/>
      <c r="GP4815" s="91"/>
      <c r="GQ4815" s="91"/>
      <c r="GR4815" s="91"/>
      <c r="GS4815" s="91"/>
      <c r="GT4815" s="91"/>
      <c r="GU4815" s="91"/>
      <c r="GV4815" s="91"/>
      <c r="GW4815" s="91"/>
      <c r="GX4815" s="127"/>
      <c r="GY4815" s="126"/>
      <c r="GZ4815" s="91"/>
      <c r="HA4815" s="91"/>
      <c r="HB4815" s="91"/>
      <c r="HC4815" s="91"/>
      <c r="HD4815" s="91"/>
      <c r="HE4815" s="91"/>
      <c r="HF4815" s="91"/>
      <c r="HG4815" s="91"/>
      <c r="HH4815" s="91"/>
      <c r="HI4815" s="91"/>
      <c r="HJ4815" s="91"/>
      <c r="HK4815" s="127"/>
      <c r="HL4815" s="126"/>
      <c r="HM4815" s="91"/>
      <c r="HN4815" s="91"/>
      <c r="HO4815" s="91"/>
      <c r="HP4815" s="91"/>
      <c r="HQ4815" s="91"/>
      <c r="HR4815" s="91"/>
      <c r="HS4815" s="91"/>
      <c r="HT4815" s="91"/>
      <c r="HU4815" s="91"/>
      <c r="HV4815" s="91"/>
      <c r="HW4815" s="91"/>
      <c r="HX4815" s="127"/>
      <c r="HY4815" s="126"/>
      <c r="HZ4815" s="91"/>
      <c r="IA4815" s="91"/>
      <c r="IB4815" s="91"/>
      <c r="IC4815" s="91"/>
      <c r="ID4815" s="91"/>
      <c r="IE4815" s="91"/>
      <c r="IF4815" s="91"/>
      <c r="IG4815" s="91"/>
      <c r="IH4815" s="91"/>
      <c r="II4815" s="91"/>
      <c r="IJ4815" s="91"/>
      <c r="IK4815" s="174"/>
    </row>
    <row r="4816" spans="2:245" x14ac:dyDescent="0.2">
      <c r="B4816" s="43"/>
      <c r="C4816" s="73"/>
      <c r="D4816" s="64"/>
      <c r="E4816" s="64"/>
      <c r="F4816" s="55"/>
      <c r="G4816" s="102"/>
      <c r="H4816" s="97"/>
      <c r="T4816" s="98"/>
      <c r="U4816" s="97"/>
      <c r="AG4816" s="98"/>
      <c r="AY4816" s="164"/>
      <c r="BK4816" s="98"/>
      <c r="BL4816" s="97"/>
      <c r="BX4816" s="98"/>
      <c r="CL4816" s="97"/>
      <c r="CX4816" s="98"/>
      <c r="DL4816" s="97"/>
      <c r="DX4816" s="98"/>
      <c r="EL4816" s="97"/>
      <c r="EX4816" s="98"/>
      <c r="EY4816" s="97"/>
      <c r="FL4816" s="126"/>
      <c r="FM4816" s="91"/>
      <c r="FN4816" s="91"/>
      <c r="FO4816" s="91"/>
      <c r="FP4816" s="91"/>
      <c r="FQ4816" s="91"/>
      <c r="FR4816" s="91"/>
      <c r="FS4816" s="91"/>
      <c r="FT4816" s="91"/>
      <c r="FU4816" s="91"/>
      <c r="FV4816" s="91"/>
      <c r="FW4816" s="91"/>
      <c r="FX4816" s="127"/>
      <c r="FY4816" s="126"/>
      <c r="FZ4816" s="91"/>
      <c r="GA4816" s="91"/>
      <c r="GB4816" s="91"/>
      <c r="GC4816" s="91"/>
      <c r="GD4816" s="91"/>
      <c r="GE4816" s="91"/>
      <c r="GF4816" s="91"/>
      <c r="GG4816" s="91"/>
      <c r="GH4816" s="91"/>
      <c r="GI4816" s="91"/>
      <c r="GJ4816" s="91"/>
      <c r="GK4816" s="127"/>
      <c r="GL4816" s="126"/>
      <c r="GM4816" s="91"/>
      <c r="GN4816" s="91"/>
      <c r="GO4816" s="91"/>
      <c r="GP4816" s="91"/>
      <c r="GQ4816" s="91"/>
      <c r="GR4816" s="91"/>
      <c r="GS4816" s="91"/>
      <c r="GT4816" s="91"/>
      <c r="GU4816" s="91"/>
      <c r="GV4816" s="91"/>
      <c r="GW4816" s="91"/>
      <c r="GX4816" s="127"/>
      <c r="GY4816" s="126"/>
      <c r="GZ4816" s="91"/>
      <c r="HA4816" s="91"/>
      <c r="HB4816" s="91"/>
      <c r="HC4816" s="91"/>
      <c r="HD4816" s="91"/>
      <c r="HE4816" s="91"/>
      <c r="HF4816" s="91"/>
      <c r="HG4816" s="91"/>
      <c r="HH4816" s="91"/>
      <c r="HI4816" s="91"/>
      <c r="HJ4816" s="91"/>
      <c r="HK4816" s="127"/>
      <c r="HL4816" s="126"/>
      <c r="HM4816" s="91"/>
      <c r="HN4816" s="91"/>
      <c r="HO4816" s="91"/>
      <c r="HP4816" s="91"/>
      <c r="HQ4816" s="91"/>
      <c r="HR4816" s="91"/>
      <c r="HS4816" s="91"/>
      <c r="HT4816" s="91"/>
      <c r="HU4816" s="91"/>
      <c r="HV4816" s="91"/>
      <c r="HW4816" s="91"/>
      <c r="HX4816" s="127"/>
      <c r="HY4816" s="126"/>
      <c r="HZ4816" s="91"/>
      <c r="IA4816" s="91"/>
      <c r="IB4816" s="91"/>
      <c r="IC4816" s="91"/>
      <c r="ID4816" s="91"/>
      <c r="IE4816" s="91"/>
      <c r="IF4816" s="91"/>
      <c r="IG4816" s="91"/>
      <c r="IH4816" s="91"/>
      <c r="II4816" s="91"/>
      <c r="IJ4816" s="91"/>
      <c r="IK4816" s="174"/>
    </row>
    <row r="4817" spans="2:245" x14ac:dyDescent="0.2">
      <c r="B4817" s="43"/>
      <c r="C4817" s="73"/>
      <c r="D4817" s="64"/>
      <c r="E4817" s="64"/>
      <c r="F4817" s="55"/>
      <c r="G4817" s="102"/>
      <c r="H4817" s="97"/>
      <c r="T4817" s="98"/>
      <c r="U4817" s="97"/>
      <c r="AG4817" s="98"/>
      <c r="AY4817" s="164"/>
      <c r="BK4817" s="98"/>
      <c r="BL4817" s="97"/>
      <c r="BX4817" s="98"/>
      <c r="CL4817" s="97"/>
      <c r="CX4817" s="98"/>
      <c r="DL4817" s="97"/>
      <c r="DX4817" s="98"/>
      <c r="EL4817" s="97"/>
      <c r="EX4817" s="98"/>
      <c r="EY4817" s="97"/>
      <c r="FL4817" s="126"/>
      <c r="FM4817" s="91"/>
      <c r="FN4817" s="91"/>
      <c r="FO4817" s="91"/>
      <c r="FP4817" s="91"/>
      <c r="FQ4817" s="91"/>
      <c r="FR4817" s="91"/>
      <c r="FS4817" s="91"/>
      <c r="FT4817" s="91"/>
      <c r="FU4817" s="91"/>
      <c r="FV4817" s="91"/>
      <c r="FW4817" s="91"/>
      <c r="FX4817" s="127"/>
      <c r="FY4817" s="126"/>
      <c r="FZ4817" s="91"/>
      <c r="GA4817" s="91"/>
      <c r="GB4817" s="91"/>
      <c r="GC4817" s="91"/>
      <c r="GD4817" s="91"/>
      <c r="GE4817" s="91"/>
      <c r="GF4817" s="91"/>
      <c r="GG4817" s="91"/>
      <c r="GH4817" s="91"/>
      <c r="GI4817" s="91"/>
      <c r="GJ4817" s="91"/>
      <c r="GK4817" s="127"/>
      <c r="GL4817" s="126"/>
      <c r="GM4817" s="91"/>
      <c r="GN4817" s="91"/>
      <c r="GO4817" s="91"/>
      <c r="GP4817" s="91"/>
      <c r="GQ4817" s="91"/>
      <c r="GR4817" s="91"/>
      <c r="GS4817" s="91"/>
      <c r="GT4817" s="91"/>
      <c r="GU4817" s="91"/>
      <c r="GV4817" s="91"/>
      <c r="GW4817" s="91"/>
      <c r="GX4817" s="127"/>
      <c r="GY4817" s="126"/>
      <c r="GZ4817" s="91"/>
      <c r="HA4817" s="91"/>
      <c r="HB4817" s="91"/>
      <c r="HC4817" s="91"/>
      <c r="HD4817" s="91"/>
      <c r="HE4817" s="91"/>
      <c r="HF4817" s="91"/>
      <c r="HG4817" s="91"/>
      <c r="HH4817" s="91"/>
      <c r="HI4817" s="91"/>
      <c r="HJ4817" s="91"/>
      <c r="HK4817" s="127"/>
      <c r="HL4817" s="126"/>
      <c r="HM4817" s="91"/>
      <c r="HN4817" s="91"/>
      <c r="HO4817" s="91"/>
      <c r="HP4817" s="91"/>
      <c r="HQ4817" s="91"/>
      <c r="HR4817" s="91"/>
      <c r="HS4817" s="91"/>
      <c r="HT4817" s="91"/>
      <c r="HU4817" s="91"/>
      <c r="HV4817" s="91"/>
      <c r="HW4817" s="91"/>
      <c r="HX4817" s="127"/>
      <c r="HY4817" s="126"/>
      <c r="HZ4817" s="91"/>
      <c r="IA4817" s="91"/>
      <c r="IB4817" s="91"/>
      <c r="IC4817" s="91"/>
      <c r="ID4817" s="91"/>
      <c r="IE4817" s="91"/>
      <c r="IF4817" s="91"/>
      <c r="IG4817" s="91"/>
      <c r="IH4817" s="91"/>
      <c r="II4817" s="91"/>
      <c r="IJ4817" s="91"/>
      <c r="IK4817" s="174"/>
    </row>
    <row r="4818" spans="2:245" x14ac:dyDescent="0.2">
      <c r="B4818" s="43"/>
      <c r="C4818" s="73"/>
      <c r="D4818" s="64"/>
      <c r="E4818" s="64"/>
      <c r="F4818" s="55"/>
      <c r="G4818" s="102"/>
      <c r="H4818" s="97"/>
      <c r="T4818" s="98"/>
      <c r="U4818" s="97"/>
      <c r="AG4818" s="98"/>
      <c r="AY4818" s="164"/>
      <c r="BK4818" s="98"/>
      <c r="BL4818" s="97"/>
      <c r="BX4818" s="98"/>
      <c r="CL4818" s="97"/>
      <c r="CX4818" s="98"/>
      <c r="DL4818" s="97"/>
      <c r="DX4818" s="98"/>
      <c r="EL4818" s="97"/>
      <c r="EX4818" s="98"/>
      <c r="EY4818" s="97"/>
      <c r="FL4818" s="126"/>
      <c r="FM4818" s="91"/>
      <c r="FN4818" s="91"/>
      <c r="FO4818" s="91"/>
      <c r="FP4818" s="91"/>
      <c r="FQ4818" s="91"/>
      <c r="FR4818" s="91"/>
      <c r="FS4818" s="91"/>
      <c r="FT4818" s="91"/>
      <c r="FU4818" s="91"/>
      <c r="FV4818" s="91"/>
      <c r="FW4818" s="91"/>
      <c r="FX4818" s="127"/>
      <c r="FY4818" s="126"/>
      <c r="FZ4818" s="91"/>
      <c r="GA4818" s="91"/>
      <c r="GB4818" s="91"/>
      <c r="GC4818" s="91"/>
      <c r="GD4818" s="91"/>
      <c r="GE4818" s="91"/>
      <c r="GF4818" s="91"/>
      <c r="GG4818" s="91"/>
      <c r="GH4818" s="91"/>
      <c r="GI4818" s="91"/>
      <c r="GJ4818" s="91"/>
      <c r="GK4818" s="127"/>
      <c r="GL4818" s="126"/>
      <c r="GM4818" s="91"/>
      <c r="GN4818" s="91"/>
      <c r="GO4818" s="91"/>
      <c r="GP4818" s="91"/>
      <c r="GQ4818" s="91"/>
      <c r="GR4818" s="91"/>
      <c r="GS4818" s="91"/>
      <c r="GT4818" s="91"/>
      <c r="GU4818" s="91"/>
      <c r="GV4818" s="91"/>
      <c r="GW4818" s="91"/>
      <c r="GX4818" s="127"/>
      <c r="GY4818" s="126"/>
      <c r="GZ4818" s="91"/>
      <c r="HA4818" s="91"/>
      <c r="HB4818" s="91"/>
      <c r="HC4818" s="91"/>
      <c r="HD4818" s="91"/>
      <c r="HE4818" s="91"/>
      <c r="HF4818" s="91"/>
      <c r="HG4818" s="91"/>
      <c r="HH4818" s="91"/>
      <c r="HI4818" s="91"/>
      <c r="HJ4818" s="91"/>
      <c r="HK4818" s="127"/>
      <c r="HL4818" s="126"/>
      <c r="HM4818" s="91"/>
      <c r="HN4818" s="91"/>
      <c r="HO4818" s="91"/>
      <c r="HP4818" s="91"/>
      <c r="HQ4818" s="91"/>
      <c r="HR4818" s="91"/>
      <c r="HS4818" s="91"/>
      <c r="HT4818" s="91"/>
      <c r="HU4818" s="91"/>
      <c r="HV4818" s="91"/>
      <c r="HW4818" s="91"/>
      <c r="HX4818" s="127"/>
      <c r="HY4818" s="126"/>
      <c r="HZ4818" s="91"/>
      <c r="IA4818" s="91"/>
      <c r="IB4818" s="91"/>
      <c r="IC4818" s="91"/>
      <c r="ID4818" s="91"/>
      <c r="IE4818" s="91"/>
      <c r="IF4818" s="91"/>
      <c r="IG4818" s="91"/>
      <c r="IH4818" s="91"/>
      <c r="II4818" s="91"/>
      <c r="IJ4818" s="91"/>
      <c r="IK4818" s="174"/>
    </row>
    <row r="4819" spans="2:245" x14ac:dyDescent="0.2">
      <c r="B4819" s="43"/>
      <c r="C4819" s="73"/>
      <c r="D4819" s="64"/>
      <c r="E4819" s="64"/>
      <c r="F4819" s="55"/>
      <c r="G4819" s="102"/>
      <c r="H4819" s="97"/>
      <c r="T4819" s="98"/>
      <c r="U4819" s="97"/>
      <c r="AG4819" s="98"/>
      <c r="AY4819" s="164"/>
      <c r="BK4819" s="98"/>
      <c r="BL4819" s="97"/>
      <c r="BX4819" s="98"/>
      <c r="CL4819" s="97"/>
      <c r="CX4819" s="98"/>
      <c r="DL4819" s="97"/>
      <c r="DX4819" s="98"/>
      <c r="EL4819" s="97"/>
      <c r="EX4819" s="98"/>
      <c r="EY4819" s="97"/>
      <c r="FL4819" s="126"/>
      <c r="FM4819" s="91"/>
      <c r="FN4819" s="91"/>
      <c r="FO4819" s="91"/>
      <c r="FP4819" s="91"/>
      <c r="FQ4819" s="91"/>
      <c r="FR4819" s="91"/>
      <c r="FS4819" s="91"/>
      <c r="FT4819" s="91"/>
      <c r="FU4819" s="91"/>
      <c r="FV4819" s="91"/>
      <c r="FW4819" s="91"/>
      <c r="FX4819" s="127"/>
      <c r="FY4819" s="126"/>
      <c r="FZ4819" s="91"/>
      <c r="GA4819" s="91"/>
      <c r="GB4819" s="91"/>
      <c r="GC4819" s="91"/>
      <c r="GD4819" s="91"/>
      <c r="GE4819" s="91"/>
      <c r="GF4819" s="91"/>
      <c r="GG4819" s="91"/>
      <c r="GH4819" s="91"/>
      <c r="GI4819" s="91"/>
      <c r="GJ4819" s="91"/>
      <c r="GK4819" s="127"/>
      <c r="GL4819" s="126"/>
      <c r="GM4819" s="91"/>
      <c r="GN4819" s="91"/>
      <c r="GO4819" s="91"/>
      <c r="GP4819" s="91"/>
      <c r="GQ4819" s="91"/>
      <c r="GR4819" s="91"/>
      <c r="GS4819" s="91"/>
      <c r="GT4819" s="91"/>
      <c r="GU4819" s="91"/>
      <c r="GV4819" s="91"/>
      <c r="GW4819" s="91"/>
      <c r="GX4819" s="127"/>
      <c r="GY4819" s="126"/>
      <c r="GZ4819" s="91"/>
      <c r="HA4819" s="91"/>
      <c r="HB4819" s="91"/>
      <c r="HC4819" s="91"/>
      <c r="HD4819" s="91"/>
      <c r="HE4819" s="91"/>
      <c r="HF4819" s="91"/>
      <c r="HG4819" s="91"/>
      <c r="HH4819" s="91"/>
      <c r="HI4819" s="91"/>
      <c r="HJ4819" s="91"/>
      <c r="HK4819" s="127"/>
      <c r="HL4819" s="126"/>
      <c r="HM4819" s="91"/>
      <c r="HN4819" s="91"/>
      <c r="HO4819" s="91"/>
      <c r="HP4819" s="91"/>
      <c r="HQ4819" s="91"/>
      <c r="HR4819" s="91"/>
      <c r="HS4819" s="91"/>
      <c r="HT4819" s="91"/>
      <c r="HU4819" s="91"/>
      <c r="HV4819" s="91"/>
      <c r="HW4819" s="91"/>
      <c r="HX4819" s="127"/>
      <c r="HY4819" s="126"/>
      <c r="HZ4819" s="91"/>
      <c r="IA4819" s="91"/>
      <c r="IB4819" s="91"/>
      <c r="IC4819" s="91"/>
      <c r="ID4819" s="91"/>
      <c r="IE4819" s="91"/>
      <c r="IF4819" s="91"/>
      <c r="IG4819" s="91"/>
      <c r="IH4819" s="91"/>
      <c r="II4819" s="91"/>
      <c r="IJ4819" s="91"/>
      <c r="IK4819" s="174"/>
    </row>
    <row r="4820" spans="2:245" x14ac:dyDescent="0.2">
      <c r="B4820" s="43"/>
      <c r="C4820" s="73"/>
      <c r="D4820" s="64"/>
      <c r="E4820" s="64"/>
      <c r="F4820" s="55"/>
      <c r="G4820" s="102"/>
      <c r="H4820" s="97"/>
      <c r="T4820" s="98"/>
      <c r="U4820" s="97"/>
      <c r="AG4820" s="98"/>
      <c r="AY4820" s="164"/>
      <c r="BK4820" s="98"/>
      <c r="BL4820" s="97"/>
      <c r="BX4820" s="98"/>
      <c r="CL4820" s="97"/>
      <c r="CX4820" s="98"/>
      <c r="DL4820" s="97"/>
      <c r="DX4820" s="98"/>
      <c r="EL4820" s="97"/>
      <c r="EX4820" s="98"/>
      <c r="EY4820" s="97"/>
      <c r="FL4820" s="126"/>
      <c r="FM4820" s="91"/>
      <c r="FN4820" s="91"/>
      <c r="FO4820" s="91"/>
      <c r="FP4820" s="91"/>
      <c r="FQ4820" s="91"/>
      <c r="FR4820" s="91"/>
      <c r="FS4820" s="91"/>
      <c r="FT4820" s="91"/>
      <c r="FU4820" s="91"/>
      <c r="FV4820" s="91"/>
      <c r="FW4820" s="91"/>
      <c r="FX4820" s="127"/>
      <c r="FY4820" s="126"/>
      <c r="FZ4820" s="91"/>
      <c r="GA4820" s="91"/>
      <c r="GB4820" s="91"/>
      <c r="GC4820" s="91"/>
      <c r="GD4820" s="91"/>
      <c r="GE4820" s="91"/>
      <c r="GF4820" s="91"/>
      <c r="GG4820" s="91"/>
      <c r="GH4820" s="91"/>
      <c r="GI4820" s="91"/>
      <c r="GJ4820" s="91"/>
      <c r="GK4820" s="127"/>
      <c r="GL4820" s="126"/>
      <c r="GM4820" s="91"/>
      <c r="GN4820" s="91"/>
      <c r="GO4820" s="91"/>
      <c r="GP4820" s="91"/>
      <c r="GQ4820" s="91"/>
      <c r="GR4820" s="91"/>
      <c r="GS4820" s="91"/>
      <c r="GT4820" s="91"/>
      <c r="GU4820" s="91"/>
      <c r="GV4820" s="91"/>
      <c r="GW4820" s="91"/>
      <c r="GX4820" s="127"/>
      <c r="GY4820" s="126"/>
      <c r="GZ4820" s="91"/>
      <c r="HA4820" s="91"/>
      <c r="HB4820" s="91"/>
      <c r="HC4820" s="91"/>
      <c r="HD4820" s="91"/>
      <c r="HE4820" s="91"/>
      <c r="HF4820" s="91"/>
      <c r="HG4820" s="91"/>
      <c r="HH4820" s="91"/>
      <c r="HI4820" s="91"/>
      <c r="HJ4820" s="91"/>
      <c r="HK4820" s="127"/>
      <c r="HL4820" s="126"/>
      <c r="HM4820" s="91"/>
      <c r="HN4820" s="91"/>
      <c r="HO4820" s="91"/>
      <c r="HP4820" s="91"/>
      <c r="HQ4820" s="91"/>
      <c r="HR4820" s="91"/>
      <c r="HS4820" s="91"/>
      <c r="HT4820" s="91"/>
      <c r="HU4820" s="91"/>
      <c r="HV4820" s="91"/>
      <c r="HW4820" s="91"/>
      <c r="HX4820" s="127"/>
      <c r="HY4820" s="126"/>
      <c r="HZ4820" s="91"/>
      <c r="IA4820" s="91"/>
      <c r="IB4820" s="91"/>
      <c r="IC4820" s="91"/>
      <c r="ID4820" s="91"/>
      <c r="IE4820" s="91"/>
      <c r="IF4820" s="91"/>
      <c r="IG4820" s="91"/>
      <c r="IH4820" s="91"/>
      <c r="II4820" s="91"/>
      <c r="IJ4820" s="91"/>
      <c r="IK4820" s="174"/>
    </row>
    <row r="4821" spans="2:245" x14ac:dyDescent="0.2">
      <c r="B4821" s="43"/>
      <c r="C4821" s="73"/>
      <c r="D4821" s="64"/>
      <c r="E4821" s="64"/>
      <c r="F4821" s="55"/>
      <c r="G4821" s="102"/>
      <c r="H4821" s="97"/>
      <c r="T4821" s="98"/>
      <c r="U4821" s="97"/>
      <c r="AG4821" s="98"/>
      <c r="AY4821" s="164"/>
      <c r="BK4821" s="98"/>
      <c r="BL4821" s="97"/>
      <c r="BX4821" s="98"/>
      <c r="CL4821" s="97"/>
      <c r="CX4821" s="98"/>
      <c r="DL4821" s="97"/>
      <c r="DX4821" s="98"/>
      <c r="EL4821" s="97"/>
      <c r="EX4821" s="98"/>
      <c r="EY4821" s="97"/>
      <c r="FL4821" s="126"/>
      <c r="FM4821" s="91"/>
      <c r="FN4821" s="91"/>
      <c r="FO4821" s="91"/>
      <c r="FP4821" s="91"/>
      <c r="FQ4821" s="91"/>
      <c r="FR4821" s="91"/>
      <c r="FS4821" s="91"/>
      <c r="FT4821" s="91"/>
      <c r="FU4821" s="91"/>
      <c r="FV4821" s="91"/>
      <c r="FW4821" s="91"/>
      <c r="FX4821" s="127"/>
      <c r="FY4821" s="126"/>
      <c r="FZ4821" s="91"/>
      <c r="GA4821" s="91"/>
      <c r="GB4821" s="91"/>
      <c r="GC4821" s="91"/>
      <c r="GD4821" s="91"/>
      <c r="GE4821" s="91"/>
      <c r="GF4821" s="91"/>
      <c r="GG4821" s="91"/>
      <c r="GH4821" s="91"/>
      <c r="GI4821" s="91"/>
      <c r="GJ4821" s="91"/>
      <c r="GK4821" s="127"/>
      <c r="GL4821" s="126"/>
      <c r="GM4821" s="91"/>
      <c r="GN4821" s="91"/>
      <c r="GO4821" s="91"/>
      <c r="GP4821" s="91"/>
      <c r="GQ4821" s="91"/>
      <c r="GR4821" s="91"/>
      <c r="GS4821" s="91"/>
      <c r="GT4821" s="91"/>
      <c r="GU4821" s="91"/>
      <c r="GV4821" s="91"/>
      <c r="GW4821" s="91"/>
      <c r="GX4821" s="127"/>
      <c r="GY4821" s="126"/>
      <c r="GZ4821" s="91"/>
      <c r="HA4821" s="91"/>
      <c r="HB4821" s="91"/>
      <c r="HC4821" s="91"/>
      <c r="HD4821" s="91"/>
      <c r="HE4821" s="91"/>
      <c r="HF4821" s="91"/>
      <c r="HG4821" s="91"/>
      <c r="HH4821" s="91"/>
      <c r="HI4821" s="91"/>
      <c r="HJ4821" s="91"/>
      <c r="HK4821" s="127"/>
      <c r="HL4821" s="126"/>
      <c r="HM4821" s="91"/>
      <c r="HN4821" s="91"/>
      <c r="HO4821" s="91"/>
      <c r="HP4821" s="91"/>
      <c r="HQ4821" s="91"/>
      <c r="HR4821" s="91"/>
      <c r="HS4821" s="91"/>
      <c r="HT4821" s="91"/>
      <c r="HU4821" s="91"/>
      <c r="HV4821" s="91"/>
      <c r="HW4821" s="91"/>
      <c r="HX4821" s="127"/>
      <c r="HY4821" s="126"/>
      <c r="HZ4821" s="91"/>
      <c r="IA4821" s="91"/>
      <c r="IB4821" s="91"/>
      <c r="IC4821" s="91"/>
      <c r="ID4821" s="91"/>
      <c r="IE4821" s="91"/>
      <c r="IF4821" s="91"/>
      <c r="IG4821" s="91"/>
      <c r="IH4821" s="91"/>
      <c r="II4821" s="91"/>
      <c r="IJ4821" s="91"/>
      <c r="IK4821" s="174"/>
    </row>
    <row r="4822" spans="2:245" x14ac:dyDescent="0.2">
      <c r="B4822" s="43"/>
      <c r="C4822" s="73"/>
      <c r="D4822" s="64"/>
      <c r="E4822" s="64"/>
      <c r="F4822" s="55"/>
      <c r="G4822" s="102"/>
      <c r="H4822" s="97"/>
      <c r="T4822" s="98"/>
      <c r="U4822" s="97"/>
      <c r="AG4822" s="98"/>
      <c r="AY4822" s="164"/>
      <c r="BK4822" s="98"/>
      <c r="BL4822" s="97"/>
      <c r="BX4822" s="98"/>
      <c r="CL4822" s="97"/>
      <c r="CX4822" s="98"/>
      <c r="DL4822" s="97"/>
      <c r="DX4822" s="98"/>
      <c r="EL4822" s="97"/>
      <c r="EX4822" s="98"/>
      <c r="EY4822" s="97"/>
      <c r="FL4822" s="126"/>
      <c r="FM4822" s="91"/>
      <c r="FN4822" s="91"/>
      <c r="FO4822" s="91"/>
      <c r="FP4822" s="91"/>
      <c r="FQ4822" s="91"/>
      <c r="FR4822" s="91"/>
      <c r="FS4822" s="91"/>
      <c r="FT4822" s="91"/>
      <c r="FU4822" s="91"/>
      <c r="FV4822" s="91"/>
      <c r="FW4822" s="91"/>
      <c r="FX4822" s="127"/>
      <c r="FY4822" s="126"/>
      <c r="FZ4822" s="91"/>
      <c r="GA4822" s="91"/>
      <c r="GB4822" s="91"/>
      <c r="GC4822" s="91"/>
      <c r="GD4822" s="91"/>
      <c r="GE4822" s="91"/>
      <c r="GF4822" s="91"/>
      <c r="GG4822" s="91"/>
      <c r="GH4822" s="91"/>
      <c r="GI4822" s="91"/>
      <c r="GJ4822" s="91"/>
      <c r="GK4822" s="127"/>
      <c r="GL4822" s="126"/>
      <c r="GM4822" s="91"/>
      <c r="GN4822" s="91"/>
      <c r="GO4822" s="91"/>
      <c r="GP4822" s="91"/>
      <c r="GQ4822" s="91"/>
      <c r="GR4822" s="91"/>
      <c r="GS4822" s="91"/>
      <c r="GT4822" s="91"/>
      <c r="GU4822" s="91"/>
      <c r="GV4822" s="91"/>
      <c r="GW4822" s="91"/>
      <c r="GX4822" s="127"/>
      <c r="GY4822" s="126"/>
      <c r="GZ4822" s="91"/>
      <c r="HA4822" s="91"/>
      <c r="HB4822" s="91"/>
      <c r="HC4822" s="91"/>
      <c r="HD4822" s="91"/>
      <c r="HE4822" s="91"/>
      <c r="HF4822" s="91"/>
      <c r="HG4822" s="91"/>
      <c r="HH4822" s="91"/>
      <c r="HI4822" s="91"/>
      <c r="HJ4822" s="91"/>
      <c r="HK4822" s="127"/>
      <c r="HL4822" s="126"/>
      <c r="HM4822" s="91"/>
      <c r="HN4822" s="91"/>
      <c r="HO4822" s="91"/>
      <c r="HP4822" s="91"/>
      <c r="HQ4822" s="91"/>
      <c r="HR4822" s="91"/>
      <c r="HS4822" s="91"/>
      <c r="HT4822" s="91"/>
      <c r="HU4822" s="91"/>
      <c r="HV4822" s="91"/>
      <c r="HW4822" s="91"/>
      <c r="HX4822" s="127"/>
      <c r="HY4822" s="126"/>
      <c r="HZ4822" s="91"/>
      <c r="IA4822" s="91"/>
      <c r="IB4822" s="91"/>
      <c r="IC4822" s="91"/>
      <c r="ID4822" s="91"/>
      <c r="IE4822" s="91"/>
      <c r="IF4822" s="91"/>
      <c r="IG4822" s="91"/>
      <c r="IH4822" s="91"/>
      <c r="II4822" s="91"/>
      <c r="IJ4822" s="91"/>
      <c r="IK4822" s="174"/>
    </row>
    <row r="4823" spans="2:245" x14ac:dyDescent="0.2">
      <c r="B4823" s="43"/>
      <c r="C4823" s="73"/>
      <c r="D4823" s="64"/>
      <c r="E4823" s="64"/>
      <c r="F4823" s="55"/>
      <c r="G4823" s="102"/>
      <c r="H4823" s="97"/>
      <c r="T4823" s="98"/>
      <c r="U4823" s="97"/>
      <c r="AG4823" s="98"/>
      <c r="AY4823" s="164"/>
      <c r="BK4823" s="98"/>
      <c r="BL4823" s="97"/>
      <c r="BX4823" s="98"/>
      <c r="CL4823" s="97"/>
      <c r="CX4823" s="98"/>
      <c r="DL4823" s="97"/>
      <c r="DX4823" s="98"/>
      <c r="EL4823" s="97"/>
      <c r="EX4823" s="98"/>
      <c r="EY4823" s="97"/>
      <c r="FL4823" s="126"/>
      <c r="FM4823" s="91"/>
      <c r="FN4823" s="91"/>
      <c r="FO4823" s="91"/>
      <c r="FP4823" s="91"/>
      <c r="FQ4823" s="91"/>
      <c r="FR4823" s="91"/>
      <c r="FS4823" s="91"/>
      <c r="FT4823" s="91"/>
      <c r="FU4823" s="91"/>
      <c r="FV4823" s="91"/>
      <c r="FW4823" s="91"/>
      <c r="FX4823" s="127"/>
      <c r="FY4823" s="126"/>
      <c r="FZ4823" s="91"/>
      <c r="GA4823" s="91"/>
      <c r="GB4823" s="91"/>
      <c r="GC4823" s="91"/>
      <c r="GD4823" s="91"/>
      <c r="GE4823" s="91"/>
      <c r="GF4823" s="91"/>
      <c r="GG4823" s="91"/>
      <c r="GH4823" s="91"/>
      <c r="GI4823" s="91"/>
      <c r="GJ4823" s="91"/>
      <c r="GK4823" s="127"/>
      <c r="GL4823" s="126"/>
      <c r="GM4823" s="91"/>
      <c r="GN4823" s="91"/>
      <c r="GO4823" s="91"/>
      <c r="GP4823" s="91"/>
      <c r="GQ4823" s="91"/>
      <c r="GR4823" s="91"/>
      <c r="GS4823" s="91"/>
      <c r="GT4823" s="91"/>
      <c r="GU4823" s="91"/>
      <c r="GV4823" s="91"/>
      <c r="GW4823" s="91"/>
      <c r="GX4823" s="127"/>
      <c r="GY4823" s="126"/>
      <c r="GZ4823" s="91"/>
      <c r="HA4823" s="91"/>
      <c r="HB4823" s="91"/>
      <c r="HC4823" s="91"/>
      <c r="HD4823" s="91"/>
      <c r="HE4823" s="91"/>
      <c r="HF4823" s="91"/>
      <c r="HG4823" s="91"/>
      <c r="HH4823" s="91"/>
      <c r="HI4823" s="91"/>
      <c r="HJ4823" s="91"/>
      <c r="HK4823" s="127"/>
      <c r="HL4823" s="126"/>
      <c r="HM4823" s="91"/>
      <c r="HN4823" s="91"/>
      <c r="HO4823" s="91"/>
      <c r="HP4823" s="91"/>
      <c r="HQ4823" s="91"/>
      <c r="HR4823" s="91"/>
      <c r="HS4823" s="91"/>
      <c r="HT4823" s="91"/>
      <c r="HU4823" s="91"/>
      <c r="HV4823" s="91"/>
      <c r="HW4823" s="91"/>
      <c r="HX4823" s="127"/>
      <c r="HY4823" s="126"/>
      <c r="HZ4823" s="91"/>
      <c r="IA4823" s="91"/>
      <c r="IB4823" s="91"/>
      <c r="IC4823" s="91"/>
      <c r="ID4823" s="91"/>
      <c r="IE4823" s="91"/>
      <c r="IF4823" s="91"/>
      <c r="IG4823" s="91"/>
      <c r="IH4823" s="91"/>
      <c r="II4823" s="91"/>
      <c r="IJ4823" s="91"/>
      <c r="IK4823" s="174"/>
    </row>
    <row r="4824" spans="2:245" x14ac:dyDescent="0.2">
      <c r="B4824" s="43"/>
      <c r="C4824" s="73"/>
      <c r="D4824" s="64"/>
      <c r="E4824" s="64"/>
      <c r="F4824" s="55"/>
      <c r="G4824" s="102"/>
      <c r="H4824" s="97"/>
      <c r="T4824" s="98"/>
      <c r="U4824" s="97"/>
      <c r="AG4824" s="98"/>
      <c r="AY4824" s="164"/>
      <c r="BK4824" s="98"/>
      <c r="BL4824" s="97"/>
      <c r="BX4824" s="98"/>
      <c r="CL4824" s="97"/>
      <c r="CX4824" s="98"/>
      <c r="DL4824" s="97"/>
      <c r="DX4824" s="98"/>
      <c r="EL4824" s="97"/>
      <c r="EX4824" s="98"/>
      <c r="EY4824" s="97"/>
      <c r="FL4824" s="126"/>
      <c r="FM4824" s="91"/>
      <c r="FN4824" s="91"/>
      <c r="FO4824" s="91"/>
      <c r="FP4824" s="91"/>
      <c r="FQ4824" s="91"/>
      <c r="FR4824" s="91"/>
      <c r="FS4824" s="91"/>
      <c r="FT4824" s="91"/>
      <c r="FU4824" s="91"/>
      <c r="FV4824" s="91"/>
      <c r="FW4824" s="91"/>
      <c r="FX4824" s="127"/>
      <c r="FY4824" s="126"/>
      <c r="FZ4824" s="91"/>
      <c r="GA4824" s="91"/>
      <c r="GB4824" s="91"/>
      <c r="GC4824" s="91"/>
      <c r="GD4824" s="91"/>
      <c r="GE4824" s="91"/>
      <c r="GF4824" s="91"/>
      <c r="GG4824" s="91"/>
      <c r="GH4824" s="91"/>
      <c r="GI4824" s="91"/>
      <c r="GJ4824" s="91"/>
      <c r="GK4824" s="127"/>
      <c r="GL4824" s="126"/>
      <c r="GM4824" s="91"/>
      <c r="GN4824" s="91"/>
      <c r="GO4824" s="91"/>
      <c r="GP4824" s="91"/>
      <c r="GQ4824" s="91"/>
      <c r="GR4824" s="91"/>
      <c r="GS4824" s="91"/>
      <c r="GT4824" s="91"/>
      <c r="GU4824" s="91"/>
      <c r="GV4824" s="91"/>
      <c r="GW4824" s="91"/>
      <c r="GX4824" s="127"/>
      <c r="GY4824" s="126"/>
      <c r="GZ4824" s="91"/>
      <c r="HA4824" s="91"/>
      <c r="HB4824" s="91"/>
      <c r="HC4824" s="91"/>
      <c r="HD4824" s="91"/>
      <c r="HE4824" s="91"/>
      <c r="HF4824" s="91"/>
      <c r="HG4824" s="91"/>
      <c r="HH4824" s="91"/>
      <c r="HI4824" s="91"/>
      <c r="HJ4824" s="91"/>
      <c r="HK4824" s="127"/>
      <c r="HL4824" s="126"/>
      <c r="HM4824" s="91"/>
      <c r="HN4824" s="91"/>
      <c r="HO4824" s="91"/>
      <c r="HP4824" s="91"/>
      <c r="HQ4824" s="91"/>
      <c r="HR4824" s="91"/>
      <c r="HS4824" s="91"/>
      <c r="HT4824" s="91"/>
      <c r="HU4824" s="91"/>
      <c r="HV4824" s="91"/>
      <c r="HW4824" s="91"/>
      <c r="HX4824" s="127"/>
      <c r="HY4824" s="126"/>
      <c r="HZ4824" s="91"/>
      <c r="IA4824" s="91"/>
      <c r="IB4824" s="91"/>
      <c r="IC4824" s="91"/>
      <c r="ID4824" s="91"/>
      <c r="IE4824" s="91"/>
      <c r="IF4824" s="91"/>
      <c r="IG4824" s="91"/>
      <c r="IH4824" s="91"/>
      <c r="II4824" s="91"/>
      <c r="IJ4824" s="91"/>
      <c r="IK4824" s="174"/>
    </row>
    <row r="4825" spans="2:245" x14ac:dyDescent="0.2">
      <c r="B4825" s="43"/>
      <c r="C4825" s="73"/>
      <c r="D4825" s="64"/>
      <c r="E4825" s="64"/>
      <c r="F4825" s="55"/>
      <c r="G4825" s="102"/>
      <c r="H4825" s="97"/>
      <c r="T4825" s="98"/>
      <c r="U4825" s="97"/>
      <c r="AG4825" s="98"/>
      <c r="AY4825" s="164"/>
      <c r="BK4825" s="98"/>
      <c r="BL4825" s="97"/>
      <c r="BX4825" s="98"/>
      <c r="CL4825" s="97"/>
      <c r="CX4825" s="98"/>
      <c r="DL4825" s="97"/>
      <c r="DX4825" s="98"/>
      <c r="EL4825" s="97"/>
      <c r="EX4825" s="98"/>
      <c r="EY4825" s="97"/>
      <c r="FL4825" s="126"/>
      <c r="FM4825" s="91"/>
      <c r="FN4825" s="91"/>
      <c r="FO4825" s="91"/>
      <c r="FP4825" s="91"/>
      <c r="FQ4825" s="91"/>
      <c r="FR4825" s="91"/>
      <c r="FS4825" s="91"/>
      <c r="FT4825" s="91"/>
      <c r="FU4825" s="91"/>
      <c r="FV4825" s="91"/>
      <c r="FW4825" s="91"/>
      <c r="FX4825" s="127"/>
      <c r="FY4825" s="126"/>
      <c r="FZ4825" s="91"/>
      <c r="GA4825" s="91"/>
      <c r="GB4825" s="91"/>
      <c r="GC4825" s="91"/>
      <c r="GD4825" s="91"/>
      <c r="GE4825" s="91"/>
      <c r="GF4825" s="91"/>
      <c r="GG4825" s="91"/>
      <c r="GH4825" s="91"/>
      <c r="GI4825" s="91"/>
      <c r="GJ4825" s="91"/>
      <c r="GK4825" s="127"/>
      <c r="GL4825" s="126"/>
      <c r="GM4825" s="91"/>
      <c r="GN4825" s="91"/>
      <c r="GO4825" s="91"/>
      <c r="GP4825" s="91"/>
      <c r="GQ4825" s="91"/>
      <c r="GR4825" s="91"/>
      <c r="GS4825" s="91"/>
      <c r="GT4825" s="91"/>
      <c r="GU4825" s="91"/>
      <c r="GV4825" s="91"/>
      <c r="GW4825" s="91"/>
      <c r="GX4825" s="127"/>
      <c r="GY4825" s="126"/>
      <c r="GZ4825" s="91"/>
      <c r="HA4825" s="91"/>
      <c r="HB4825" s="91"/>
      <c r="HC4825" s="91"/>
      <c r="HD4825" s="91"/>
      <c r="HE4825" s="91"/>
      <c r="HF4825" s="91"/>
      <c r="HG4825" s="91"/>
      <c r="HH4825" s="91"/>
      <c r="HI4825" s="91"/>
      <c r="HJ4825" s="91"/>
      <c r="HK4825" s="127"/>
      <c r="HL4825" s="126"/>
      <c r="HM4825" s="91"/>
      <c r="HN4825" s="91"/>
      <c r="HO4825" s="91"/>
      <c r="HP4825" s="91"/>
      <c r="HQ4825" s="91"/>
      <c r="HR4825" s="91"/>
      <c r="HS4825" s="91"/>
      <c r="HT4825" s="91"/>
      <c r="HU4825" s="91"/>
      <c r="HV4825" s="91"/>
      <c r="HW4825" s="91"/>
      <c r="HX4825" s="127"/>
      <c r="HY4825" s="126"/>
      <c r="HZ4825" s="91"/>
      <c r="IA4825" s="91"/>
      <c r="IB4825" s="91"/>
      <c r="IC4825" s="91"/>
      <c r="ID4825" s="91"/>
      <c r="IE4825" s="91"/>
      <c r="IF4825" s="91"/>
      <c r="IG4825" s="91"/>
      <c r="IH4825" s="91"/>
      <c r="II4825" s="91"/>
      <c r="IJ4825" s="91"/>
      <c r="IK4825" s="174"/>
    </row>
    <row r="4826" spans="2:245" x14ac:dyDescent="0.2">
      <c r="B4826" s="43"/>
      <c r="C4826" s="73"/>
      <c r="D4826" s="64"/>
      <c r="E4826" s="64"/>
      <c r="F4826" s="55"/>
      <c r="G4826" s="102"/>
      <c r="H4826" s="97"/>
      <c r="T4826" s="98"/>
      <c r="U4826" s="97"/>
      <c r="AG4826" s="98"/>
      <c r="AY4826" s="164"/>
      <c r="BK4826" s="98"/>
      <c r="BL4826" s="97"/>
      <c r="BX4826" s="98"/>
      <c r="CL4826" s="97"/>
      <c r="CX4826" s="98"/>
      <c r="DL4826" s="97"/>
      <c r="DX4826" s="98"/>
      <c r="EL4826" s="97"/>
      <c r="EX4826" s="98"/>
      <c r="EY4826" s="97"/>
      <c r="FL4826" s="126"/>
      <c r="FM4826" s="91"/>
      <c r="FN4826" s="91"/>
      <c r="FO4826" s="91"/>
      <c r="FP4826" s="91"/>
      <c r="FQ4826" s="91"/>
      <c r="FR4826" s="91"/>
      <c r="FS4826" s="91"/>
      <c r="FT4826" s="91"/>
      <c r="FU4826" s="91"/>
      <c r="FV4826" s="91"/>
      <c r="FW4826" s="91"/>
      <c r="FX4826" s="127"/>
      <c r="FY4826" s="126"/>
      <c r="FZ4826" s="91"/>
      <c r="GA4826" s="91"/>
      <c r="GB4826" s="91"/>
      <c r="GC4826" s="91"/>
      <c r="GD4826" s="91"/>
      <c r="GE4826" s="91"/>
      <c r="GF4826" s="91"/>
      <c r="GG4826" s="91"/>
      <c r="GH4826" s="91"/>
      <c r="GI4826" s="91"/>
      <c r="GJ4826" s="91"/>
      <c r="GK4826" s="127"/>
      <c r="GL4826" s="126"/>
      <c r="GM4826" s="91"/>
      <c r="GN4826" s="91"/>
      <c r="GO4826" s="91"/>
      <c r="GP4826" s="91"/>
      <c r="GQ4826" s="91"/>
      <c r="GR4826" s="91"/>
      <c r="GS4826" s="91"/>
      <c r="GT4826" s="91"/>
      <c r="GU4826" s="91"/>
      <c r="GV4826" s="91"/>
      <c r="GW4826" s="91"/>
      <c r="GX4826" s="127"/>
      <c r="GY4826" s="126"/>
      <c r="GZ4826" s="91"/>
      <c r="HA4826" s="91"/>
      <c r="HB4826" s="91"/>
      <c r="HC4826" s="91"/>
      <c r="HD4826" s="91"/>
      <c r="HE4826" s="91"/>
      <c r="HF4826" s="91"/>
      <c r="HG4826" s="91"/>
      <c r="HH4826" s="91"/>
      <c r="HI4826" s="91"/>
      <c r="HJ4826" s="91"/>
      <c r="HK4826" s="127"/>
      <c r="HL4826" s="126"/>
      <c r="HM4826" s="91"/>
      <c r="HN4826" s="91"/>
      <c r="HO4826" s="91"/>
      <c r="HP4826" s="91"/>
      <c r="HQ4826" s="91"/>
      <c r="HR4826" s="91"/>
      <c r="HS4826" s="91"/>
      <c r="HT4826" s="91"/>
      <c r="HU4826" s="91"/>
      <c r="HV4826" s="91"/>
      <c r="HW4826" s="91"/>
      <c r="HX4826" s="127"/>
      <c r="HY4826" s="126"/>
      <c r="HZ4826" s="91"/>
      <c r="IA4826" s="91"/>
      <c r="IB4826" s="91"/>
      <c r="IC4826" s="91"/>
      <c r="ID4826" s="91"/>
      <c r="IE4826" s="91"/>
      <c r="IF4826" s="91"/>
      <c r="IG4826" s="91"/>
      <c r="IH4826" s="91"/>
      <c r="II4826" s="91"/>
      <c r="IJ4826" s="91"/>
      <c r="IK4826" s="174"/>
    </row>
    <row r="4827" spans="2:245" x14ac:dyDescent="0.2">
      <c r="B4827" s="43"/>
      <c r="C4827" s="73"/>
      <c r="D4827" s="64"/>
      <c r="E4827" s="64"/>
      <c r="F4827" s="55"/>
      <c r="G4827" s="102"/>
      <c r="H4827" s="97"/>
      <c r="T4827" s="98"/>
      <c r="U4827" s="97"/>
      <c r="AG4827" s="98"/>
      <c r="AY4827" s="164"/>
      <c r="BK4827" s="98"/>
      <c r="BL4827" s="97"/>
      <c r="BX4827" s="98"/>
      <c r="CL4827" s="97"/>
      <c r="CX4827" s="98"/>
      <c r="DL4827" s="97"/>
      <c r="DX4827" s="98"/>
      <c r="EL4827" s="97"/>
      <c r="EX4827" s="98"/>
      <c r="EY4827" s="97"/>
      <c r="FL4827" s="126"/>
      <c r="FM4827" s="91"/>
      <c r="FN4827" s="91"/>
      <c r="FO4827" s="91"/>
      <c r="FP4827" s="91"/>
      <c r="FQ4827" s="91"/>
      <c r="FR4827" s="91"/>
      <c r="FS4827" s="91"/>
      <c r="FT4827" s="91"/>
      <c r="FU4827" s="91"/>
      <c r="FV4827" s="91"/>
      <c r="FW4827" s="91"/>
      <c r="FX4827" s="127"/>
      <c r="FY4827" s="126"/>
      <c r="FZ4827" s="91"/>
      <c r="GA4827" s="91"/>
      <c r="GB4827" s="91"/>
      <c r="GC4827" s="91"/>
      <c r="GD4827" s="91"/>
      <c r="GE4827" s="91"/>
      <c r="GF4827" s="91"/>
      <c r="GG4827" s="91"/>
      <c r="GH4827" s="91"/>
      <c r="GI4827" s="91"/>
      <c r="GJ4827" s="91"/>
      <c r="GK4827" s="127"/>
      <c r="GL4827" s="126"/>
      <c r="GM4827" s="91"/>
      <c r="GN4827" s="91"/>
      <c r="GO4827" s="91"/>
      <c r="GP4827" s="91"/>
      <c r="GQ4827" s="91"/>
      <c r="GR4827" s="91"/>
      <c r="GS4827" s="91"/>
      <c r="GT4827" s="91"/>
      <c r="GU4827" s="91"/>
      <c r="GV4827" s="91"/>
      <c r="GW4827" s="91"/>
      <c r="GX4827" s="127"/>
      <c r="GY4827" s="126"/>
      <c r="GZ4827" s="91"/>
      <c r="HA4827" s="91"/>
      <c r="HB4827" s="91"/>
      <c r="HC4827" s="91"/>
      <c r="HD4827" s="91"/>
      <c r="HE4827" s="91"/>
      <c r="HF4827" s="91"/>
      <c r="HG4827" s="91"/>
      <c r="HH4827" s="91"/>
      <c r="HI4827" s="91"/>
      <c r="HJ4827" s="91"/>
      <c r="HK4827" s="127"/>
      <c r="HL4827" s="126"/>
      <c r="HM4827" s="91"/>
      <c r="HN4827" s="91"/>
      <c r="HO4827" s="91"/>
      <c r="HP4827" s="91"/>
      <c r="HQ4827" s="91"/>
      <c r="HR4827" s="91"/>
      <c r="HS4827" s="91"/>
      <c r="HT4827" s="91"/>
      <c r="HU4827" s="91"/>
      <c r="HV4827" s="91"/>
      <c r="HW4827" s="91"/>
      <c r="HX4827" s="127"/>
      <c r="HY4827" s="126"/>
      <c r="HZ4827" s="91"/>
      <c r="IA4827" s="91"/>
      <c r="IB4827" s="91"/>
      <c r="IC4827" s="91"/>
      <c r="ID4827" s="91"/>
      <c r="IE4827" s="91"/>
      <c r="IF4827" s="91"/>
      <c r="IG4827" s="91"/>
      <c r="IH4827" s="91"/>
      <c r="II4827" s="91"/>
      <c r="IJ4827" s="91"/>
      <c r="IK4827" s="174"/>
    </row>
    <row r="4828" spans="2:245" x14ac:dyDescent="0.2">
      <c r="B4828" s="43"/>
      <c r="C4828" s="73"/>
      <c r="D4828" s="64"/>
      <c r="E4828" s="64"/>
      <c r="F4828" s="55"/>
      <c r="G4828" s="102"/>
      <c r="H4828" s="97"/>
      <c r="T4828" s="98"/>
      <c r="U4828" s="97"/>
      <c r="AG4828" s="98"/>
      <c r="AY4828" s="164"/>
      <c r="BK4828" s="98"/>
      <c r="BL4828" s="97"/>
      <c r="BX4828" s="98"/>
      <c r="CL4828" s="97"/>
      <c r="CX4828" s="98"/>
      <c r="DL4828" s="97"/>
      <c r="DX4828" s="98"/>
      <c r="EL4828" s="97"/>
      <c r="EX4828" s="98"/>
      <c r="EY4828" s="97"/>
      <c r="FL4828" s="126"/>
      <c r="FM4828" s="91"/>
      <c r="FN4828" s="91"/>
      <c r="FO4828" s="91"/>
      <c r="FP4828" s="91"/>
      <c r="FQ4828" s="91"/>
      <c r="FR4828" s="91"/>
      <c r="FS4828" s="91"/>
      <c r="FT4828" s="91"/>
      <c r="FU4828" s="91"/>
      <c r="FV4828" s="91"/>
      <c r="FW4828" s="91"/>
      <c r="FX4828" s="127"/>
      <c r="FY4828" s="126"/>
      <c r="FZ4828" s="91"/>
      <c r="GA4828" s="91"/>
      <c r="GB4828" s="91"/>
      <c r="GC4828" s="91"/>
      <c r="GD4828" s="91"/>
      <c r="GE4828" s="91"/>
      <c r="GF4828" s="91"/>
      <c r="GG4828" s="91"/>
      <c r="GH4828" s="91"/>
      <c r="GI4828" s="91"/>
      <c r="GJ4828" s="91"/>
      <c r="GK4828" s="127"/>
      <c r="GL4828" s="126"/>
      <c r="GM4828" s="91"/>
      <c r="GN4828" s="91"/>
      <c r="GO4828" s="91"/>
      <c r="GP4828" s="91"/>
      <c r="GQ4828" s="91"/>
      <c r="GR4828" s="91"/>
      <c r="GS4828" s="91"/>
      <c r="GT4828" s="91"/>
      <c r="GU4828" s="91"/>
      <c r="GV4828" s="91"/>
      <c r="GW4828" s="91"/>
      <c r="GX4828" s="127"/>
      <c r="GY4828" s="126"/>
      <c r="GZ4828" s="91"/>
      <c r="HA4828" s="91"/>
      <c r="HB4828" s="91"/>
      <c r="HC4828" s="91"/>
      <c r="HD4828" s="91"/>
      <c r="HE4828" s="91"/>
      <c r="HF4828" s="91"/>
      <c r="HG4828" s="91"/>
      <c r="HH4828" s="91"/>
      <c r="HI4828" s="91"/>
      <c r="HJ4828" s="91"/>
      <c r="HK4828" s="127"/>
      <c r="HL4828" s="126"/>
      <c r="HM4828" s="91"/>
      <c r="HN4828" s="91"/>
      <c r="HO4828" s="91"/>
      <c r="HP4828" s="91"/>
      <c r="HQ4828" s="91"/>
      <c r="HR4828" s="91"/>
      <c r="HS4828" s="91"/>
      <c r="HT4828" s="91"/>
      <c r="HU4828" s="91"/>
      <c r="HV4828" s="91"/>
      <c r="HW4828" s="91"/>
      <c r="HX4828" s="127"/>
      <c r="HY4828" s="126"/>
      <c r="HZ4828" s="91"/>
      <c r="IA4828" s="91"/>
      <c r="IB4828" s="91"/>
      <c r="IC4828" s="91"/>
      <c r="ID4828" s="91"/>
      <c r="IE4828" s="91"/>
      <c r="IF4828" s="91"/>
      <c r="IG4828" s="91"/>
      <c r="IH4828" s="91"/>
      <c r="II4828" s="91"/>
      <c r="IJ4828" s="91"/>
      <c r="IK4828" s="174"/>
    </row>
    <row r="4829" spans="2:245" x14ac:dyDescent="0.2">
      <c r="B4829" s="43"/>
      <c r="C4829" s="73"/>
      <c r="D4829" s="64"/>
      <c r="E4829" s="64"/>
      <c r="F4829" s="55"/>
      <c r="G4829" s="102"/>
      <c r="H4829" s="97"/>
      <c r="T4829" s="98"/>
      <c r="U4829" s="97"/>
      <c r="AG4829" s="98"/>
      <c r="AY4829" s="164"/>
      <c r="BK4829" s="98"/>
      <c r="BL4829" s="97"/>
      <c r="BX4829" s="98"/>
      <c r="CL4829" s="97"/>
      <c r="CX4829" s="98"/>
      <c r="DL4829" s="97"/>
      <c r="DX4829" s="98"/>
      <c r="EL4829" s="97"/>
      <c r="EX4829" s="98"/>
      <c r="EY4829" s="97"/>
      <c r="FL4829" s="126"/>
      <c r="FM4829" s="91"/>
      <c r="FN4829" s="91"/>
      <c r="FO4829" s="91"/>
      <c r="FP4829" s="91"/>
      <c r="FQ4829" s="91"/>
      <c r="FR4829" s="91"/>
      <c r="FS4829" s="91"/>
      <c r="FT4829" s="91"/>
      <c r="FU4829" s="91"/>
      <c r="FV4829" s="91"/>
      <c r="FW4829" s="91"/>
      <c r="FX4829" s="127"/>
      <c r="FY4829" s="126"/>
      <c r="FZ4829" s="91"/>
      <c r="GA4829" s="91"/>
      <c r="GB4829" s="91"/>
      <c r="GC4829" s="91"/>
      <c r="GD4829" s="91"/>
      <c r="GE4829" s="91"/>
      <c r="GF4829" s="91"/>
      <c r="GG4829" s="91"/>
      <c r="GH4829" s="91"/>
      <c r="GI4829" s="91"/>
      <c r="GJ4829" s="91"/>
      <c r="GK4829" s="127"/>
      <c r="GL4829" s="126"/>
      <c r="GM4829" s="91"/>
      <c r="GN4829" s="91"/>
      <c r="GO4829" s="91"/>
      <c r="GP4829" s="91"/>
      <c r="GQ4829" s="91"/>
      <c r="GR4829" s="91"/>
      <c r="GS4829" s="91"/>
      <c r="GT4829" s="91"/>
      <c r="GU4829" s="91"/>
      <c r="GV4829" s="91"/>
      <c r="GW4829" s="91"/>
      <c r="GX4829" s="127"/>
      <c r="GY4829" s="126"/>
      <c r="GZ4829" s="91"/>
      <c r="HA4829" s="91"/>
      <c r="HB4829" s="91"/>
      <c r="HC4829" s="91"/>
      <c r="HD4829" s="91"/>
      <c r="HE4829" s="91"/>
      <c r="HF4829" s="91"/>
      <c r="HG4829" s="91"/>
      <c r="HH4829" s="91"/>
      <c r="HI4829" s="91"/>
      <c r="HJ4829" s="91"/>
      <c r="HK4829" s="127"/>
      <c r="HL4829" s="126"/>
      <c r="HM4829" s="91"/>
      <c r="HN4829" s="91"/>
      <c r="HO4829" s="91"/>
      <c r="HP4829" s="91"/>
      <c r="HQ4829" s="91"/>
      <c r="HR4829" s="91"/>
      <c r="HS4829" s="91"/>
      <c r="HT4829" s="91"/>
      <c r="HU4829" s="91"/>
      <c r="HV4829" s="91"/>
      <c r="HW4829" s="91"/>
      <c r="HX4829" s="127"/>
      <c r="HY4829" s="126"/>
      <c r="HZ4829" s="91"/>
      <c r="IA4829" s="91"/>
      <c r="IB4829" s="91"/>
      <c r="IC4829" s="91"/>
      <c r="ID4829" s="91"/>
      <c r="IE4829" s="91"/>
      <c r="IF4829" s="91"/>
      <c r="IG4829" s="91"/>
      <c r="IH4829" s="91"/>
      <c r="II4829" s="91"/>
      <c r="IJ4829" s="91"/>
      <c r="IK4829" s="174"/>
    </row>
    <row r="4830" spans="2:245" x14ac:dyDescent="0.2">
      <c r="B4830" s="43"/>
      <c r="C4830" s="73"/>
      <c r="D4830" s="64"/>
      <c r="E4830" s="64"/>
      <c r="F4830" s="55"/>
      <c r="G4830" s="102"/>
      <c r="H4830" s="97"/>
      <c r="T4830" s="98"/>
      <c r="U4830" s="97"/>
      <c r="AG4830" s="98"/>
      <c r="AY4830" s="164"/>
      <c r="BK4830" s="98"/>
      <c r="BL4830" s="97"/>
      <c r="BX4830" s="98"/>
      <c r="CL4830" s="97"/>
      <c r="CX4830" s="98"/>
      <c r="DL4830" s="97"/>
      <c r="DX4830" s="98"/>
      <c r="EL4830" s="97"/>
      <c r="EX4830" s="98"/>
      <c r="EY4830" s="97"/>
      <c r="FL4830" s="126"/>
      <c r="FM4830" s="91"/>
      <c r="FN4830" s="91"/>
      <c r="FO4830" s="91"/>
      <c r="FP4830" s="91"/>
      <c r="FQ4830" s="91"/>
      <c r="FR4830" s="91"/>
      <c r="FS4830" s="91"/>
      <c r="FT4830" s="91"/>
      <c r="FU4830" s="91"/>
      <c r="FV4830" s="91"/>
      <c r="FW4830" s="91"/>
      <c r="FX4830" s="127"/>
      <c r="FY4830" s="126"/>
      <c r="FZ4830" s="91"/>
      <c r="GA4830" s="91"/>
      <c r="GB4830" s="91"/>
      <c r="GC4830" s="91"/>
      <c r="GD4830" s="91"/>
      <c r="GE4830" s="91"/>
      <c r="GF4830" s="91"/>
      <c r="GG4830" s="91"/>
      <c r="GH4830" s="91"/>
      <c r="GI4830" s="91"/>
      <c r="GJ4830" s="91"/>
      <c r="GK4830" s="127"/>
      <c r="GL4830" s="126"/>
      <c r="GM4830" s="91"/>
      <c r="GN4830" s="91"/>
      <c r="GO4830" s="91"/>
      <c r="GP4830" s="91"/>
      <c r="GQ4830" s="91"/>
      <c r="GR4830" s="91"/>
      <c r="GS4830" s="91"/>
      <c r="GT4830" s="91"/>
      <c r="GU4830" s="91"/>
      <c r="GV4830" s="91"/>
      <c r="GW4830" s="91"/>
      <c r="GX4830" s="127"/>
      <c r="GY4830" s="126"/>
      <c r="GZ4830" s="91"/>
      <c r="HA4830" s="91"/>
      <c r="HB4830" s="91"/>
      <c r="HC4830" s="91"/>
      <c r="HD4830" s="91"/>
      <c r="HE4830" s="91"/>
      <c r="HF4830" s="91"/>
      <c r="HG4830" s="91"/>
      <c r="HH4830" s="91"/>
      <c r="HI4830" s="91"/>
      <c r="HJ4830" s="91"/>
      <c r="HK4830" s="127"/>
      <c r="HL4830" s="126"/>
      <c r="HM4830" s="91"/>
      <c r="HN4830" s="91"/>
      <c r="HO4830" s="91"/>
      <c r="HP4830" s="91"/>
      <c r="HQ4830" s="91"/>
      <c r="HR4830" s="91"/>
      <c r="HS4830" s="91"/>
      <c r="HT4830" s="91"/>
      <c r="HU4830" s="91"/>
      <c r="HV4830" s="91"/>
      <c r="HW4830" s="91"/>
      <c r="HX4830" s="127"/>
      <c r="HY4830" s="126"/>
      <c r="HZ4830" s="91"/>
      <c r="IA4830" s="91"/>
      <c r="IB4830" s="91"/>
      <c r="IC4830" s="91"/>
      <c r="ID4830" s="91"/>
      <c r="IE4830" s="91"/>
      <c r="IF4830" s="91"/>
      <c r="IG4830" s="91"/>
      <c r="IH4830" s="91"/>
      <c r="II4830" s="91"/>
      <c r="IJ4830" s="91"/>
      <c r="IK4830" s="174"/>
    </row>
    <row r="4831" spans="2:245" x14ac:dyDescent="0.2">
      <c r="B4831" s="43"/>
      <c r="C4831" s="73"/>
      <c r="D4831" s="64"/>
      <c r="E4831" s="64"/>
      <c r="F4831" s="55"/>
      <c r="G4831" s="102"/>
      <c r="H4831" s="97"/>
      <c r="T4831" s="98"/>
      <c r="U4831" s="97"/>
      <c r="AG4831" s="98"/>
      <c r="AY4831" s="164"/>
      <c r="BK4831" s="98"/>
      <c r="BL4831" s="97"/>
      <c r="BX4831" s="98"/>
      <c r="CL4831" s="97"/>
      <c r="CX4831" s="98"/>
      <c r="DL4831" s="97"/>
      <c r="DX4831" s="98"/>
      <c r="EL4831" s="97"/>
      <c r="EX4831" s="98"/>
      <c r="EY4831" s="97"/>
      <c r="FL4831" s="126"/>
      <c r="FM4831" s="91"/>
      <c r="FN4831" s="91"/>
      <c r="FO4831" s="91"/>
      <c r="FP4831" s="91"/>
      <c r="FQ4831" s="91"/>
      <c r="FR4831" s="91"/>
      <c r="FS4831" s="91"/>
      <c r="FT4831" s="91"/>
      <c r="FU4831" s="91"/>
      <c r="FV4831" s="91"/>
      <c r="FW4831" s="91"/>
      <c r="FX4831" s="127"/>
      <c r="FY4831" s="126"/>
      <c r="FZ4831" s="91"/>
      <c r="GA4831" s="91"/>
      <c r="GB4831" s="91"/>
      <c r="GC4831" s="91"/>
      <c r="GD4831" s="91"/>
      <c r="GE4831" s="91"/>
      <c r="GF4831" s="91"/>
      <c r="GG4831" s="91"/>
      <c r="GH4831" s="91"/>
      <c r="GI4831" s="91"/>
      <c r="GJ4831" s="91"/>
      <c r="GK4831" s="127"/>
      <c r="GL4831" s="126"/>
      <c r="GM4831" s="91"/>
      <c r="GN4831" s="91"/>
      <c r="GO4831" s="91"/>
      <c r="GP4831" s="91"/>
      <c r="GQ4831" s="91"/>
      <c r="GR4831" s="91"/>
      <c r="GS4831" s="91"/>
      <c r="GT4831" s="91"/>
      <c r="GU4831" s="91"/>
      <c r="GV4831" s="91"/>
      <c r="GW4831" s="91"/>
      <c r="GX4831" s="127"/>
      <c r="GY4831" s="126"/>
      <c r="GZ4831" s="91"/>
      <c r="HA4831" s="91"/>
      <c r="HB4831" s="91"/>
      <c r="HC4831" s="91"/>
      <c r="HD4831" s="91"/>
      <c r="HE4831" s="91"/>
      <c r="HF4831" s="91"/>
      <c r="HG4831" s="91"/>
      <c r="HH4831" s="91"/>
      <c r="HI4831" s="91"/>
      <c r="HJ4831" s="91"/>
      <c r="HK4831" s="127"/>
      <c r="HL4831" s="126"/>
      <c r="HM4831" s="91"/>
      <c r="HN4831" s="91"/>
      <c r="HO4831" s="91"/>
      <c r="HP4831" s="91"/>
      <c r="HQ4831" s="91"/>
      <c r="HR4831" s="91"/>
      <c r="HS4831" s="91"/>
      <c r="HT4831" s="91"/>
      <c r="HU4831" s="91"/>
      <c r="HV4831" s="91"/>
      <c r="HW4831" s="91"/>
      <c r="HX4831" s="127"/>
      <c r="HY4831" s="126"/>
      <c r="HZ4831" s="91"/>
      <c r="IA4831" s="91"/>
      <c r="IB4831" s="91"/>
      <c r="IC4831" s="91"/>
      <c r="ID4831" s="91"/>
      <c r="IE4831" s="91"/>
      <c r="IF4831" s="91"/>
      <c r="IG4831" s="91"/>
      <c r="IH4831" s="91"/>
      <c r="II4831" s="91"/>
      <c r="IJ4831" s="91"/>
      <c r="IK4831" s="174"/>
    </row>
    <row r="4832" spans="2:245" x14ac:dyDescent="0.2">
      <c r="B4832" s="43"/>
      <c r="C4832" s="73"/>
      <c r="D4832" s="64"/>
      <c r="E4832" s="64"/>
      <c r="F4832" s="55"/>
      <c r="G4832" s="102"/>
      <c r="H4832" s="97"/>
      <c r="T4832" s="98"/>
      <c r="U4832" s="97"/>
      <c r="AG4832" s="98"/>
      <c r="AY4832" s="164"/>
      <c r="BK4832" s="98"/>
      <c r="BL4832" s="97"/>
      <c r="BX4832" s="98"/>
      <c r="CL4832" s="97"/>
      <c r="CX4832" s="98"/>
      <c r="DL4832" s="97"/>
      <c r="DX4832" s="98"/>
      <c r="EL4832" s="97"/>
      <c r="EX4832" s="98"/>
      <c r="EY4832" s="97"/>
      <c r="FL4832" s="126"/>
      <c r="FM4832" s="91"/>
      <c r="FN4832" s="91"/>
      <c r="FO4832" s="91"/>
      <c r="FP4832" s="91"/>
      <c r="FQ4832" s="91"/>
      <c r="FR4832" s="91"/>
      <c r="FS4832" s="91"/>
      <c r="FT4832" s="91"/>
      <c r="FU4832" s="91"/>
      <c r="FV4832" s="91"/>
      <c r="FW4832" s="91"/>
      <c r="FX4832" s="127"/>
      <c r="FY4832" s="126"/>
      <c r="FZ4832" s="91"/>
      <c r="GA4832" s="91"/>
      <c r="GB4832" s="91"/>
      <c r="GC4832" s="91"/>
      <c r="GD4832" s="91"/>
      <c r="GE4832" s="91"/>
      <c r="GF4832" s="91"/>
      <c r="GG4832" s="91"/>
      <c r="GH4832" s="91"/>
      <c r="GI4832" s="91"/>
      <c r="GJ4832" s="91"/>
      <c r="GK4832" s="127"/>
      <c r="GL4832" s="126"/>
      <c r="GM4832" s="91"/>
      <c r="GN4832" s="91"/>
      <c r="GO4832" s="91"/>
      <c r="GP4832" s="91"/>
      <c r="GQ4832" s="91"/>
      <c r="GR4832" s="91"/>
      <c r="GS4832" s="91"/>
      <c r="GT4832" s="91"/>
      <c r="GU4832" s="91"/>
      <c r="GV4832" s="91"/>
      <c r="GW4832" s="91"/>
      <c r="GX4832" s="127"/>
      <c r="GY4832" s="126"/>
      <c r="GZ4832" s="91"/>
      <c r="HA4832" s="91"/>
      <c r="HB4832" s="91"/>
      <c r="HC4832" s="91"/>
      <c r="HD4832" s="91"/>
      <c r="HE4832" s="91"/>
      <c r="HF4832" s="91"/>
      <c r="HG4832" s="91"/>
      <c r="HH4832" s="91"/>
      <c r="HI4832" s="91"/>
      <c r="HJ4832" s="91"/>
      <c r="HK4832" s="127"/>
      <c r="HL4832" s="126"/>
      <c r="HM4832" s="91"/>
      <c r="HN4832" s="91"/>
      <c r="HO4832" s="91"/>
      <c r="HP4832" s="91"/>
      <c r="HQ4832" s="91"/>
      <c r="HR4832" s="91"/>
      <c r="HS4832" s="91"/>
      <c r="HT4832" s="91"/>
      <c r="HU4832" s="91"/>
      <c r="HV4832" s="91"/>
      <c r="HW4832" s="91"/>
      <c r="HX4832" s="127"/>
      <c r="HY4832" s="126"/>
      <c r="HZ4832" s="91"/>
      <c r="IA4832" s="91"/>
      <c r="IB4832" s="91"/>
      <c r="IC4832" s="91"/>
      <c r="ID4832" s="91"/>
      <c r="IE4832" s="91"/>
      <c r="IF4832" s="91"/>
      <c r="IG4832" s="91"/>
      <c r="IH4832" s="91"/>
      <c r="II4832" s="91"/>
      <c r="IJ4832" s="91"/>
      <c r="IK4832" s="174"/>
    </row>
    <row r="4833" spans="2:245" x14ac:dyDescent="0.2">
      <c r="B4833" s="43"/>
      <c r="C4833" s="73"/>
      <c r="D4833" s="64"/>
      <c r="E4833" s="64"/>
      <c r="F4833" s="55"/>
      <c r="G4833" s="102"/>
      <c r="H4833" s="97"/>
      <c r="T4833" s="98"/>
      <c r="U4833" s="97"/>
      <c r="AG4833" s="98"/>
      <c r="AY4833" s="164"/>
      <c r="BK4833" s="98"/>
      <c r="BL4833" s="97"/>
      <c r="BX4833" s="98"/>
      <c r="CL4833" s="97"/>
      <c r="CX4833" s="98"/>
      <c r="DL4833" s="97"/>
      <c r="DX4833" s="98"/>
      <c r="EL4833" s="97"/>
      <c r="EX4833" s="98"/>
      <c r="EY4833" s="97"/>
      <c r="FL4833" s="126"/>
      <c r="FM4833" s="91"/>
      <c r="FN4833" s="91"/>
      <c r="FO4833" s="91"/>
      <c r="FP4833" s="91"/>
      <c r="FQ4833" s="91"/>
      <c r="FR4833" s="91"/>
      <c r="FS4833" s="91"/>
      <c r="FT4833" s="91"/>
      <c r="FU4833" s="91"/>
      <c r="FV4833" s="91"/>
      <c r="FW4833" s="91"/>
      <c r="FX4833" s="127"/>
      <c r="FY4833" s="126"/>
      <c r="FZ4833" s="91"/>
      <c r="GA4833" s="91"/>
      <c r="GB4833" s="91"/>
      <c r="GC4833" s="91"/>
      <c r="GD4833" s="91"/>
      <c r="GE4833" s="91"/>
      <c r="GF4833" s="91"/>
      <c r="GG4833" s="91"/>
      <c r="GH4833" s="91"/>
      <c r="GI4833" s="91"/>
      <c r="GJ4833" s="91"/>
      <c r="GK4833" s="127"/>
      <c r="GL4833" s="126"/>
      <c r="GM4833" s="91"/>
      <c r="GN4833" s="91"/>
      <c r="GO4833" s="91"/>
      <c r="GP4833" s="91"/>
      <c r="GQ4833" s="91"/>
      <c r="GR4833" s="91"/>
      <c r="GS4833" s="91"/>
      <c r="GT4833" s="91"/>
      <c r="GU4833" s="91"/>
      <c r="GV4833" s="91"/>
      <c r="GW4833" s="91"/>
      <c r="GX4833" s="127"/>
      <c r="GY4833" s="126"/>
      <c r="GZ4833" s="91"/>
      <c r="HA4833" s="91"/>
      <c r="HB4833" s="91"/>
      <c r="HC4833" s="91"/>
      <c r="HD4833" s="91"/>
      <c r="HE4833" s="91"/>
      <c r="HF4833" s="91"/>
      <c r="HG4833" s="91"/>
      <c r="HH4833" s="91"/>
      <c r="HI4833" s="91"/>
      <c r="HJ4833" s="91"/>
      <c r="HK4833" s="127"/>
      <c r="HL4833" s="126"/>
      <c r="HM4833" s="91"/>
      <c r="HN4833" s="91"/>
      <c r="HO4833" s="91"/>
      <c r="HP4833" s="91"/>
      <c r="HQ4833" s="91"/>
      <c r="HR4833" s="91"/>
      <c r="HS4833" s="91"/>
      <c r="HT4833" s="91"/>
      <c r="HU4833" s="91"/>
      <c r="HV4833" s="91"/>
      <c r="HW4833" s="91"/>
      <c r="HX4833" s="127"/>
      <c r="HY4833" s="126"/>
      <c r="HZ4833" s="91"/>
      <c r="IA4833" s="91"/>
      <c r="IB4833" s="91"/>
      <c r="IC4833" s="91"/>
      <c r="ID4833" s="91"/>
      <c r="IE4833" s="91"/>
      <c r="IF4833" s="91"/>
      <c r="IG4833" s="91"/>
      <c r="IH4833" s="91"/>
      <c r="II4833" s="91"/>
      <c r="IJ4833" s="91"/>
      <c r="IK4833" s="174"/>
    </row>
    <row r="4834" spans="2:245" x14ac:dyDescent="0.2">
      <c r="B4834" s="43"/>
      <c r="C4834" s="73"/>
      <c r="D4834" s="64"/>
      <c r="E4834" s="64"/>
      <c r="F4834" s="55"/>
      <c r="G4834" s="102"/>
      <c r="H4834" s="97"/>
      <c r="T4834" s="98"/>
      <c r="U4834" s="97"/>
      <c r="AG4834" s="98"/>
      <c r="AY4834" s="164"/>
      <c r="BK4834" s="98"/>
      <c r="BL4834" s="97"/>
      <c r="BX4834" s="98"/>
      <c r="CL4834" s="97"/>
      <c r="CX4834" s="98"/>
      <c r="DL4834" s="97"/>
      <c r="DX4834" s="98"/>
      <c r="EL4834" s="97"/>
      <c r="EX4834" s="98"/>
      <c r="EY4834" s="97"/>
      <c r="FL4834" s="126"/>
      <c r="FM4834" s="91"/>
      <c r="FN4834" s="91"/>
      <c r="FO4834" s="91"/>
      <c r="FP4834" s="91"/>
      <c r="FQ4834" s="91"/>
      <c r="FR4834" s="91"/>
      <c r="FS4834" s="91"/>
      <c r="FT4834" s="91"/>
      <c r="FU4834" s="91"/>
      <c r="FV4834" s="91"/>
      <c r="FW4834" s="91"/>
      <c r="FX4834" s="127"/>
      <c r="FY4834" s="126"/>
      <c r="FZ4834" s="91"/>
      <c r="GA4834" s="91"/>
      <c r="GB4834" s="91"/>
      <c r="GC4834" s="91"/>
      <c r="GD4834" s="91"/>
      <c r="GE4834" s="91"/>
      <c r="GF4834" s="91"/>
      <c r="GG4834" s="91"/>
      <c r="GH4834" s="91"/>
      <c r="GI4834" s="91"/>
      <c r="GJ4834" s="91"/>
      <c r="GK4834" s="127"/>
      <c r="GL4834" s="126"/>
      <c r="GM4834" s="91"/>
      <c r="GN4834" s="91"/>
      <c r="GO4834" s="91"/>
      <c r="GP4834" s="91"/>
      <c r="GQ4834" s="91"/>
      <c r="GR4834" s="91"/>
      <c r="GS4834" s="91"/>
      <c r="GT4834" s="91"/>
      <c r="GU4834" s="91"/>
      <c r="GV4834" s="91"/>
      <c r="GW4834" s="91"/>
      <c r="GX4834" s="127"/>
      <c r="GY4834" s="126"/>
      <c r="GZ4834" s="91"/>
      <c r="HA4834" s="91"/>
      <c r="HB4834" s="91"/>
      <c r="HC4834" s="91"/>
      <c r="HD4834" s="91"/>
      <c r="HE4834" s="91"/>
      <c r="HF4834" s="91"/>
      <c r="HG4834" s="91"/>
      <c r="HH4834" s="91"/>
      <c r="HI4834" s="91"/>
      <c r="HJ4834" s="91"/>
      <c r="HK4834" s="127"/>
      <c r="HL4834" s="126"/>
      <c r="HM4834" s="91"/>
      <c r="HN4834" s="91"/>
      <c r="HO4834" s="91"/>
      <c r="HP4834" s="91"/>
      <c r="HQ4834" s="91"/>
      <c r="HR4834" s="91"/>
      <c r="HS4834" s="91"/>
      <c r="HT4834" s="91"/>
      <c r="HU4834" s="91"/>
      <c r="HV4834" s="91"/>
      <c r="HW4834" s="91"/>
      <c r="HX4834" s="127"/>
      <c r="HY4834" s="126"/>
      <c r="HZ4834" s="91"/>
      <c r="IA4834" s="91"/>
      <c r="IB4834" s="91"/>
      <c r="IC4834" s="91"/>
      <c r="ID4834" s="91"/>
      <c r="IE4834" s="91"/>
      <c r="IF4834" s="91"/>
      <c r="IG4834" s="91"/>
      <c r="IH4834" s="91"/>
      <c r="II4834" s="91"/>
      <c r="IJ4834" s="91"/>
      <c r="IK4834" s="174"/>
    </row>
    <row r="4835" spans="2:245" x14ac:dyDescent="0.2">
      <c r="B4835" s="43"/>
      <c r="C4835" s="73"/>
      <c r="D4835" s="64"/>
      <c r="E4835" s="64"/>
      <c r="F4835" s="55"/>
      <c r="G4835" s="102"/>
      <c r="H4835" s="97"/>
      <c r="T4835" s="98"/>
      <c r="U4835" s="97"/>
      <c r="AG4835" s="98"/>
      <c r="AY4835" s="164"/>
      <c r="BK4835" s="98"/>
      <c r="BL4835" s="97"/>
      <c r="BX4835" s="98"/>
      <c r="CL4835" s="97"/>
      <c r="CX4835" s="98"/>
      <c r="DL4835" s="97"/>
      <c r="DX4835" s="98"/>
      <c r="EL4835" s="97"/>
      <c r="EX4835" s="98"/>
      <c r="EY4835" s="97"/>
      <c r="FL4835" s="126"/>
      <c r="FM4835" s="91"/>
      <c r="FN4835" s="91"/>
      <c r="FO4835" s="91"/>
      <c r="FP4835" s="91"/>
      <c r="FQ4835" s="91"/>
      <c r="FR4835" s="91"/>
      <c r="FS4835" s="91"/>
      <c r="FT4835" s="91"/>
      <c r="FU4835" s="91"/>
      <c r="FV4835" s="91"/>
      <c r="FW4835" s="91"/>
      <c r="FX4835" s="127"/>
      <c r="FY4835" s="126"/>
      <c r="FZ4835" s="91"/>
      <c r="GA4835" s="91"/>
      <c r="GB4835" s="91"/>
      <c r="GC4835" s="91"/>
      <c r="GD4835" s="91"/>
      <c r="GE4835" s="91"/>
      <c r="GF4835" s="91"/>
      <c r="GG4835" s="91"/>
      <c r="GH4835" s="91"/>
      <c r="GI4835" s="91"/>
      <c r="GJ4835" s="91"/>
      <c r="GK4835" s="127"/>
      <c r="GL4835" s="126"/>
      <c r="GM4835" s="91"/>
      <c r="GN4835" s="91"/>
      <c r="GO4835" s="91"/>
      <c r="GP4835" s="91"/>
      <c r="GQ4835" s="91"/>
      <c r="GR4835" s="91"/>
      <c r="GS4835" s="91"/>
      <c r="GT4835" s="91"/>
      <c r="GU4835" s="91"/>
      <c r="GV4835" s="91"/>
      <c r="GW4835" s="91"/>
      <c r="GX4835" s="127"/>
      <c r="GY4835" s="126"/>
      <c r="GZ4835" s="91"/>
      <c r="HA4835" s="91"/>
      <c r="HB4835" s="91"/>
      <c r="HC4835" s="91"/>
      <c r="HD4835" s="91"/>
      <c r="HE4835" s="91"/>
      <c r="HF4835" s="91"/>
      <c r="HG4835" s="91"/>
      <c r="HH4835" s="91"/>
      <c r="HI4835" s="91"/>
      <c r="HJ4835" s="91"/>
      <c r="HK4835" s="127"/>
      <c r="HL4835" s="126"/>
      <c r="HM4835" s="91"/>
      <c r="HN4835" s="91"/>
      <c r="HO4835" s="91"/>
      <c r="HP4835" s="91"/>
      <c r="HQ4835" s="91"/>
      <c r="HR4835" s="91"/>
      <c r="HS4835" s="91"/>
      <c r="HT4835" s="91"/>
      <c r="HU4835" s="91"/>
      <c r="HV4835" s="91"/>
      <c r="HW4835" s="91"/>
      <c r="HX4835" s="127"/>
      <c r="HY4835" s="126"/>
      <c r="HZ4835" s="91"/>
      <c r="IA4835" s="91"/>
      <c r="IB4835" s="91"/>
      <c r="IC4835" s="91"/>
      <c r="ID4835" s="91"/>
      <c r="IE4835" s="91"/>
      <c r="IF4835" s="91"/>
      <c r="IG4835" s="91"/>
      <c r="IH4835" s="91"/>
      <c r="II4835" s="91"/>
      <c r="IJ4835" s="91"/>
      <c r="IK4835" s="174"/>
    </row>
    <row r="4836" spans="2:245" x14ac:dyDescent="0.2">
      <c r="B4836" s="43"/>
      <c r="C4836" s="73"/>
      <c r="D4836" s="64"/>
      <c r="E4836" s="64"/>
      <c r="F4836" s="55"/>
      <c r="G4836" s="102"/>
      <c r="H4836" s="97"/>
      <c r="T4836" s="98"/>
      <c r="U4836" s="97"/>
      <c r="AG4836" s="98"/>
      <c r="AY4836" s="164"/>
      <c r="BK4836" s="98"/>
      <c r="BL4836" s="97"/>
      <c r="BX4836" s="98"/>
      <c r="CL4836" s="97"/>
      <c r="CX4836" s="98"/>
      <c r="DL4836" s="97"/>
      <c r="DX4836" s="98"/>
      <c r="EL4836" s="97"/>
      <c r="EX4836" s="98"/>
      <c r="EY4836" s="97"/>
      <c r="FL4836" s="126"/>
      <c r="FM4836" s="91"/>
      <c r="FN4836" s="91"/>
      <c r="FO4836" s="91"/>
      <c r="FP4836" s="91"/>
      <c r="FQ4836" s="91"/>
      <c r="FR4836" s="91"/>
      <c r="FS4836" s="91"/>
      <c r="FT4836" s="91"/>
      <c r="FU4836" s="91"/>
      <c r="FV4836" s="91"/>
      <c r="FW4836" s="91"/>
      <c r="FX4836" s="127"/>
      <c r="FY4836" s="126"/>
      <c r="FZ4836" s="91"/>
      <c r="GA4836" s="91"/>
      <c r="GB4836" s="91"/>
      <c r="GC4836" s="91"/>
      <c r="GD4836" s="91"/>
      <c r="GE4836" s="91"/>
      <c r="GF4836" s="91"/>
      <c r="GG4836" s="91"/>
      <c r="GH4836" s="91"/>
      <c r="GI4836" s="91"/>
      <c r="GJ4836" s="91"/>
      <c r="GK4836" s="127"/>
      <c r="GL4836" s="126"/>
      <c r="GM4836" s="91"/>
      <c r="GN4836" s="91"/>
      <c r="GO4836" s="91"/>
      <c r="GP4836" s="91"/>
      <c r="GQ4836" s="91"/>
      <c r="GR4836" s="91"/>
      <c r="GS4836" s="91"/>
      <c r="GT4836" s="91"/>
      <c r="GU4836" s="91"/>
      <c r="GV4836" s="91"/>
      <c r="GW4836" s="91"/>
      <c r="GX4836" s="127"/>
      <c r="GY4836" s="126"/>
      <c r="GZ4836" s="91"/>
      <c r="HA4836" s="91"/>
      <c r="HB4836" s="91"/>
      <c r="HC4836" s="91"/>
      <c r="HD4836" s="91"/>
      <c r="HE4836" s="91"/>
      <c r="HF4836" s="91"/>
      <c r="HG4836" s="91"/>
      <c r="HH4836" s="91"/>
      <c r="HI4836" s="91"/>
      <c r="HJ4836" s="91"/>
      <c r="HK4836" s="127"/>
      <c r="HL4836" s="126"/>
      <c r="HM4836" s="91"/>
      <c r="HN4836" s="91"/>
      <c r="HO4836" s="91"/>
      <c r="HP4836" s="91"/>
      <c r="HQ4836" s="91"/>
      <c r="HR4836" s="91"/>
      <c r="HS4836" s="91"/>
      <c r="HT4836" s="91"/>
      <c r="HU4836" s="91"/>
      <c r="HV4836" s="91"/>
      <c r="HW4836" s="91"/>
      <c r="HX4836" s="127"/>
      <c r="HY4836" s="126"/>
      <c r="HZ4836" s="91"/>
      <c r="IA4836" s="91"/>
      <c r="IB4836" s="91"/>
      <c r="IC4836" s="91"/>
      <c r="ID4836" s="91"/>
      <c r="IE4836" s="91"/>
      <c r="IF4836" s="91"/>
      <c r="IG4836" s="91"/>
      <c r="IH4836" s="91"/>
      <c r="II4836" s="91"/>
      <c r="IJ4836" s="91"/>
      <c r="IK4836" s="174"/>
    </row>
    <row r="4837" spans="2:245" x14ac:dyDescent="0.2">
      <c r="B4837" s="43"/>
      <c r="C4837" s="73"/>
      <c r="D4837" s="64"/>
      <c r="E4837" s="64"/>
      <c r="F4837" s="55"/>
      <c r="G4837" s="102"/>
      <c r="H4837" s="97"/>
      <c r="T4837" s="98"/>
      <c r="U4837" s="97"/>
      <c r="AG4837" s="98"/>
      <c r="AY4837" s="164"/>
      <c r="BK4837" s="98"/>
      <c r="BL4837" s="97"/>
      <c r="BX4837" s="98"/>
      <c r="CL4837" s="97"/>
      <c r="CX4837" s="98"/>
      <c r="DL4837" s="97"/>
      <c r="DX4837" s="98"/>
      <c r="EL4837" s="97"/>
      <c r="EX4837" s="98"/>
      <c r="EY4837" s="97"/>
      <c r="FL4837" s="126"/>
      <c r="FM4837" s="91"/>
      <c r="FN4837" s="91"/>
      <c r="FO4837" s="91"/>
      <c r="FP4837" s="91"/>
      <c r="FQ4837" s="91"/>
      <c r="FR4837" s="91"/>
      <c r="FS4837" s="91"/>
      <c r="FT4837" s="91"/>
      <c r="FU4837" s="91"/>
      <c r="FV4837" s="91"/>
      <c r="FW4837" s="91"/>
      <c r="FX4837" s="127"/>
      <c r="FY4837" s="126"/>
      <c r="FZ4837" s="91"/>
      <c r="GA4837" s="91"/>
      <c r="GB4837" s="91"/>
      <c r="GC4837" s="91"/>
      <c r="GD4837" s="91"/>
      <c r="GE4837" s="91"/>
      <c r="GF4837" s="91"/>
      <c r="GG4837" s="91"/>
      <c r="GH4837" s="91"/>
      <c r="GI4837" s="91"/>
      <c r="GJ4837" s="91"/>
      <c r="GK4837" s="127"/>
      <c r="GL4837" s="126"/>
      <c r="GM4837" s="91"/>
      <c r="GN4837" s="91"/>
      <c r="GO4837" s="91"/>
      <c r="GP4837" s="91"/>
      <c r="GQ4837" s="91"/>
      <c r="GR4837" s="91"/>
      <c r="GS4837" s="91"/>
      <c r="GT4837" s="91"/>
      <c r="GU4837" s="91"/>
      <c r="GV4837" s="91"/>
      <c r="GW4837" s="91"/>
      <c r="GX4837" s="127"/>
      <c r="GY4837" s="126"/>
      <c r="GZ4837" s="91"/>
      <c r="HA4837" s="91"/>
      <c r="HB4837" s="91"/>
      <c r="HC4837" s="91"/>
      <c r="HD4837" s="91"/>
      <c r="HE4837" s="91"/>
      <c r="HF4837" s="91"/>
      <c r="HG4837" s="91"/>
      <c r="HH4837" s="91"/>
      <c r="HI4837" s="91"/>
      <c r="HJ4837" s="91"/>
      <c r="HK4837" s="127"/>
      <c r="HL4837" s="126"/>
      <c r="HM4837" s="91"/>
      <c r="HN4837" s="91"/>
      <c r="HO4837" s="91"/>
      <c r="HP4837" s="91"/>
      <c r="HQ4837" s="91"/>
      <c r="HR4837" s="91"/>
      <c r="HS4837" s="91"/>
      <c r="HT4837" s="91"/>
      <c r="HU4837" s="91"/>
      <c r="HV4837" s="91"/>
      <c r="HW4837" s="91"/>
      <c r="HX4837" s="127"/>
      <c r="HY4837" s="126"/>
      <c r="HZ4837" s="91"/>
      <c r="IA4837" s="91"/>
      <c r="IB4837" s="91"/>
      <c r="IC4837" s="91"/>
      <c r="ID4837" s="91"/>
      <c r="IE4837" s="91"/>
      <c r="IF4837" s="91"/>
      <c r="IG4837" s="91"/>
      <c r="IH4837" s="91"/>
      <c r="II4837" s="91"/>
      <c r="IJ4837" s="91"/>
      <c r="IK4837" s="174"/>
    </row>
    <row r="4838" spans="2:245" x14ac:dyDescent="0.2">
      <c r="B4838" s="43"/>
      <c r="C4838" s="73"/>
      <c r="D4838" s="64"/>
      <c r="E4838" s="64"/>
      <c r="F4838" s="55"/>
      <c r="G4838" s="102"/>
      <c r="H4838" s="97"/>
      <c r="T4838" s="98"/>
      <c r="U4838" s="97"/>
      <c r="AG4838" s="98"/>
      <c r="AY4838" s="164"/>
      <c r="BK4838" s="98"/>
      <c r="BL4838" s="97"/>
      <c r="BX4838" s="98"/>
      <c r="CL4838" s="97"/>
      <c r="CX4838" s="98"/>
      <c r="DL4838" s="97"/>
      <c r="DX4838" s="98"/>
      <c r="EL4838" s="97"/>
      <c r="EX4838" s="98"/>
      <c r="EY4838" s="97"/>
      <c r="FL4838" s="126"/>
      <c r="FM4838" s="91"/>
      <c r="FN4838" s="91"/>
      <c r="FO4838" s="91"/>
      <c r="FP4838" s="91"/>
      <c r="FQ4838" s="91"/>
      <c r="FR4838" s="91"/>
      <c r="FS4838" s="91"/>
      <c r="FT4838" s="91"/>
      <c r="FU4838" s="91"/>
      <c r="FV4838" s="91"/>
      <c r="FW4838" s="91"/>
      <c r="FX4838" s="127"/>
      <c r="FY4838" s="126"/>
      <c r="FZ4838" s="91"/>
      <c r="GA4838" s="91"/>
      <c r="GB4838" s="91"/>
      <c r="GC4838" s="91"/>
      <c r="GD4838" s="91"/>
      <c r="GE4838" s="91"/>
      <c r="GF4838" s="91"/>
      <c r="GG4838" s="91"/>
      <c r="GH4838" s="91"/>
      <c r="GI4838" s="91"/>
      <c r="GJ4838" s="91"/>
      <c r="GK4838" s="127"/>
      <c r="GL4838" s="126"/>
      <c r="GM4838" s="91"/>
      <c r="GN4838" s="91"/>
      <c r="GO4838" s="91"/>
      <c r="GP4838" s="91"/>
      <c r="GQ4838" s="91"/>
      <c r="GR4838" s="91"/>
      <c r="GS4838" s="91"/>
      <c r="GT4838" s="91"/>
      <c r="GU4838" s="91"/>
      <c r="GV4838" s="91"/>
      <c r="GW4838" s="91"/>
      <c r="GX4838" s="127"/>
      <c r="GY4838" s="126"/>
      <c r="GZ4838" s="91"/>
      <c r="HA4838" s="91"/>
      <c r="HB4838" s="91"/>
      <c r="HC4838" s="91"/>
      <c r="HD4838" s="91"/>
      <c r="HE4838" s="91"/>
      <c r="HF4838" s="91"/>
      <c r="HG4838" s="91"/>
      <c r="HH4838" s="91"/>
      <c r="HI4838" s="91"/>
      <c r="HJ4838" s="91"/>
      <c r="HK4838" s="127"/>
      <c r="HL4838" s="126"/>
      <c r="HM4838" s="91"/>
      <c r="HN4838" s="91"/>
      <c r="HO4838" s="91"/>
      <c r="HP4838" s="91"/>
      <c r="HQ4838" s="91"/>
      <c r="HR4838" s="91"/>
      <c r="HS4838" s="91"/>
      <c r="HT4838" s="91"/>
      <c r="HU4838" s="91"/>
      <c r="HV4838" s="91"/>
      <c r="HW4838" s="91"/>
      <c r="HX4838" s="127"/>
      <c r="HY4838" s="126"/>
      <c r="HZ4838" s="91"/>
      <c r="IA4838" s="91"/>
      <c r="IB4838" s="91"/>
      <c r="IC4838" s="91"/>
      <c r="ID4838" s="91"/>
      <c r="IE4838" s="91"/>
      <c r="IF4838" s="91"/>
      <c r="IG4838" s="91"/>
      <c r="IH4838" s="91"/>
      <c r="II4838" s="91"/>
      <c r="IJ4838" s="91"/>
      <c r="IK4838" s="174"/>
    </row>
    <row r="4839" spans="2:245" x14ac:dyDescent="0.2">
      <c r="B4839" s="43"/>
      <c r="C4839" s="73"/>
      <c r="D4839" s="64"/>
      <c r="E4839" s="64"/>
      <c r="F4839" s="55"/>
      <c r="G4839" s="102"/>
      <c r="H4839" s="97"/>
      <c r="T4839" s="98"/>
      <c r="U4839" s="97"/>
      <c r="AG4839" s="98"/>
      <c r="AY4839" s="164"/>
      <c r="BK4839" s="98"/>
      <c r="BL4839" s="97"/>
      <c r="BX4839" s="98"/>
      <c r="CL4839" s="97"/>
      <c r="CX4839" s="98"/>
      <c r="DL4839" s="97"/>
      <c r="DX4839" s="98"/>
      <c r="EL4839" s="97"/>
      <c r="EX4839" s="98"/>
      <c r="EY4839" s="97"/>
      <c r="FL4839" s="126"/>
      <c r="FM4839" s="91"/>
      <c r="FN4839" s="91"/>
      <c r="FO4839" s="91"/>
      <c r="FP4839" s="91"/>
      <c r="FQ4839" s="91"/>
      <c r="FR4839" s="91"/>
      <c r="FS4839" s="91"/>
      <c r="FT4839" s="91"/>
      <c r="FU4839" s="91"/>
      <c r="FV4839" s="91"/>
      <c r="FW4839" s="91"/>
      <c r="FX4839" s="127"/>
      <c r="FY4839" s="126"/>
      <c r="FZ4839" s="91"/>
      <c r="GA4839" s="91"/>
      <c r="GB4839" s="91"/>
      <c r="GC4839" s="91"/>
      <c r="GD4839" s="91"/>
      <c r="GE4839" s="91"/>
      <c r="GF4839" s="91"/>
      <c r="GG4839" s="91"/>
      <c r="GH4839" s="91"/>
      <c r="GI4839" s="91"/>
      <c r="GJ4839" s="91"/>
      <c r="GK4839" s="127"/>
      <c r="GL4839" s="126"/>
      <c r="GM4839" s="91"/>
      <c r="GN4839" s="91"/>
      <c r="GO4839" s="91"/>
      <c r="GP4839" s="91"/>
      <c r="GQ4839" s="91"/>
      <c r="GR4839" s="91"/>
      <c r="GS4839" s="91"/>
      <c r="GT4839" s="91"/>
      <c r="GU4839" s="91"/>
      <c r="GV4839" s="91"/>
      <c r="GW4839" s="91"/>
      <c r="GX4839" s="127"/>
      <c r="GY4839" s="126"/>
      <c r="GZ4839" s="91"/>
      <c r="HA4839" s="91"/>
      <c r="HB4839" s="91"/>
      <c r="HC4839" s="91"/>
      <c r="HD4839" s="91"/>
      <c r="HE4839" s="91"/>
      <c r="HF4839" s="91"/>
      <c r="HG4839" s="91"/>
      <c r="HH4839" s="91"/>
      <c r="HI4839" s="91"/>
      <c r="HJ4839" s="91"/>
      <c r="HK4839" s="127"/>
      <c r="HL4839" s="126"/>
      <c r="HM4839" s="91"/>
      <c r="HN4839" s="91"/>
      <c r="HO4839" s="91"/>
      <c r="HP4839" s="91"/>
      <c r="HQ4839" s="91"/>
      <c r="HR4839" s="91"/>
      <c r="HS4839" s="91"/>
      <c r="HT4839" s="91"/>
      <c r="HU4839" s="91"/>
      <c r="HV4839" s="91"/>
      <c r="HW4839" s="91"/>
      <c r="HX4839" s="127"/>
      <c r="HY4839" s="126"/>
      <c r="HZ4839" s="91"/>
      <c r="IA4839" s="91"/>
      <c r="IB4839" s="91"/>
      <c r="IC4839" s="91"/>
      <c r="ID4839" s="91"/>
      <c r="IE4839" s="91"/>
      <c r="IF4839" s="91"/>
      <c r="IG4839" s="91"/>
      <c r="IH4839" s="91"/>
      <c r="II4839" s="91"/>
      <c r="IJ4839" s="91"/>
      <c r="IK4839" s="174"/>
    </row>
    <row r="4840" spans="2:245" x14ac:dyDescent="0.2">
      <c r="B4840" s="43"/>
      <c r="C4840" s="73"/>
      <c r="D4840" s="64"/>
      <c r="E4840" s="64"/>
      <c r="F4840" s="55"/>
      <c r="G4840" s="102"/>
      <c r="H4840" s="97"/>
      <c r="T4840" s="98"/>
      <c r="U4840" s="97"/>
      <c r="AG4840" s="98"/>
      <c r="AY4840" s="164"/>
      <c r="BK4840" s="98"/>
      <c r="BL4840" s="97"/>
      <c r="BX4840" s="98"/>
      <c r="CL4840" s="97"/>
      <c r="CX4840" s="98"/>
      <c r="DL4840" s="97"/>
      <c r="DX4840" s="98"/>
      <c r="EL4840" s="97"/>
      <c r="EX4840" s="98"/>
      <c r="EY4840" s="97"/>
      <c r="FL4840" s="126"/>
      <c r="FM4840" s="91"/>
      <c r="FN4840" s="91"/>
      <c r="FO4840" s="91"/>
      <c r="FP4840" s="91"/>
      <c r="FQ4840" s="91"/>
      <c r="FR4840" s="91"/>
      <c r="FS4840" s="91"/>
      <c r="FT4840" s="91"/>
      <c r="FU4840" s="91"/>
      <c r="FV4840" s="91"/>
      <c r="FW4840" s="91"/>
      <c r="FX4840" s="127"/>
      <c r="FY4840" s="126"/>
      <c r="FZ4840" s="91"/>
      <c r="GA4840" s="91"/>
      <c r="GB4840" s="91"/>
      <c r="GC4840" s="91"/>
      <c r="GD4840" s="91"/>
      <c r="GE4840" s="91"/>
      <c r="GF4840" s="91"/>
      <c r="GG4840" s="91"/>
      <c r="GH4840" s="91"/>
      <c r="GI4840" s="91"/>
      <c r="GJ4840" s="91"/>
      <c r="GK4840" s="127"/>
      <c r="GL4840" s="126"/>
      <c r="GM4840" s="91"/>
      <c r="GN4840" s="91"/>
      <c r="GO4840" s="91"/>
      <c r="GP4840" s="91"/>
      <c r="GQ4840" s="91"/>
      <c r="GR4840" s="91"/>
      <c r="GS4840" s="91"/>
      <c r="GT4840" s="91"/>
      <c r="GU4840" s="91"/>
      <c r="GV4840" s="91"/>
      <c r="GW4840" s="91"/>
      <c r="GX4840" s="127"/>
      <c r="GY4840" s="126"/>
      <c r="GZ4840" s="91"/>
      <c r="HA4840" s="91"/>
      <c r="HB4840" s="91"/>
      <c r="HC4840" s="91"/>
      <c r="HD4840" s="91"/>
      <c r="HE4840" s="91"/>
      <c r="HF4840" s="91"/>
      <c r="HG4840" s="91"/>
      <c r="HH4840" s="91"/>
      <c r="HI4840" s="91"/>
      <c r="HJ4840" s="91"/>
      <c r="HK4840" s="127"/>
      <c r="HL4840" s="126"/>
      <c r="HM4840" s="91"/>
      <c r="HN4840" s="91"/>
      <c r="HO4840" s="91"/>
      <c r="HP4840" s="91"/>
      <c r="HQ4840" s="91"/>
      <c r="HR4840" s="91"/>
      <c r="HS4840" s="91"/>
      <c r="HT4840" s="91"/>
      <c r="HU4840" s="91"/>
      <c r="HV4840" s="91"/>
      <c r="HW4840" s="91"/>
      <c r="HX4840" s="127"/>
      <c r="HY4840" s="126"/>
      <c r="HZ4840" s="91"/>
      <c r="IA4840" s="91"/>
      <c r="IB4840" s="91"/>
      <c r="IC4840" s="91"/>
      <c r="ID4840" s="91"/>
      <c r="IE4840" s="91"/>
      <c r="IF4840" s="91"/>
      <c r="IG4840" s="91"/>
      <c r="IH4840" s="91"/>
      <c r="II4840" s="91"/>
      <c r="IJ4840" s="91"/>
      <c r="IK4840" s="174"/>
    </row>
    <row r="4841" spans="2:245" x14ac:dyDescent="0.2">
      <c r="B4841" s="43"/>
      <c r="C4841" s="73"/>
      <c r="D4841" s="64"/>
      <c r="E4841" s="64"/>
      <c r="F4841" s="55"/>
      <c r="G4841" s="102"/>
      <c r="H4841" s="97"/>
      <c r="T4841" s="98"/>
      <c r="U4841" s="97"/>
      <c r="AG4841" s="98"/>
      <c r="AY4841" s="164"/>
      <c r="BK4841" s="98"/>
      <c r="BL4841" s="97"/>
      <c r="BX4841" s="98"/>
      <c r="CL4841" s="97"/>
      <c r="CX4841" s="98"/>
      <c r="DL4841" s="97"/>
      <c r="DX4841" s="98"/>
      <c r="EL4841" s="97"/>
      <c r="EX4841" s="98"/>
      <c r="EY4841" s="97"/>
      <c r="FL4841" s="126"/>
      <c r="FM4841" s="91"/>
      <c r="FN4841" s="91"/>
      <c r="FO4841" s="91"/>
      <c r="FP4841" s="91"/>
      <c r="FQ4841" s="91"/>
      <c r="FR4841" s="91"/>
      <c r="FS4841" s="91"/>
      <c r="FT4841" s="91"/>
      <c r="FU4841" s="91"/>
      <c r="FV4841" s="91"/>
      <c r="FW4841" s="91"/>
      <c r="FX4841" s="127"/>
      <c r="FY4841" s="126"/>
      <c r="FZ4841" s="91"/>
      <c r="GA4841" s="91"/>
      <c r="GB4841" s="91"/>
      <c r="GC4841" s="91"/>
      <c r="GD4841" s="91"/>
      <c r="GE4841" s="91"/>
      <c r="GF4841" s="91"/>
      <c r="GG4841" s="91"/>
      <c r="GH4841" s="91"/>
      <c r="GI4841" s="91"/>
      <c r="GJ4841" s="91"/>
      <c r="GK4841" s="127"/>
      <c r="GL4841" s="126"/>
      <c r="GM4841" s="91"/>
      <c r="GN4841" s="91"/>
      <c r="GO4841" s="91"/>
      <c r="GP4841" s="91"/>
      <c r="GQ4841" s="91"/>
      <c r="GR4841" s="91"/>
      <c r="GS4841" s="91"/>
      <c r="GT4841" s="91"/>
      <c r="GU4841" s="91"/>
      <c r="GV4841" s="91"/>
      <c r="GW4841" s="91"/>
      <c r="GX4841" s="127"/>
      <c r="GY4841" s="126"/>
      <c r="GZ4841" s="91"/>
      <c r="HA4841" s="91"/>
      <c r="HB4841" s="91"/>
      <c r="HC4841" s="91"/>
      <c r="HD4841" s="91"/>
      <c r="HE4841" s="91"/>
      <c r="HF4841" s="91"/>
      <c r="HG4841" s="91"/>
      <c r="HH4841" s="91"/>
      <c r="HI4841" s="91"/>
      <c r="HJ4841" s="91"/>
      <c r="HK4841" s="127"/>
      <c r="HL4841" s="126"/>
      <c r="HM4841" s="91"/>
      <c r="HN4841" s="91"/>
      <c r="HO4841" s="91"/>
      <c r="HP4841" s="91"/>
      <c r="HQ4841" s="91"/>
      <c r="HR4841" s="91"/>
      <c r="HS4841" s="91"/>
      <c r="HT4841" s="91"/>
      <c r="HU4841" s="91"/>
      <c r="HV4841" s="91"/>
      <c r="HW4841" s="91"/>
      <c r="HX4841" s="127"/>
      <c r="HY4841" s="126"/>
      <c r="HZ4841" s="91"/>
      <c r="IA4841" s="91"/>
      <c r="IB4841" s="91"/>
      <c r="IC4841" s="91"/>
      <c r="ID4841" s="91"/>
      <c r="IE4841" s="91"/>
      <c r="IF4841" s="91"/>
      <c r="IG4841" s="91"/>
      <c r="IH4841" s="91"/>
      <c r="II4841" s="91"/>
      <c r="IJ4841" s="91"/>
      <c r="IK4841" s="174"/>
    </row>
    <row r="4842" spans="2:245" x14ac:dyDescent="0.2">
      <c r="B4842" s="43"/>
      <c r="C4842" s="73"/>
      <c r="D4842" s="64"/>
      <c r="E4842" s="64"/>
      <c r="F4842" s="55"/>
      <c r="G4842" s="102"/>
      <c r="H4842" s="97"/>
      <c r="T4842" s="98"/>
      <c r="U4842" s="97"/>
      <c r="AG4842" s="98"/>
      <c r="AY4842" s="164"/>
      <c r="BK4842" s="98"/>
      <c r="BL4842" s="97"/>
      <c r="BX4842" s="98"/>
      <c r="CL4842" s="97"/>
      <c r="CX4842" s="98"/>
      <c r="DL4842" s="97"/>
      <c r="DX4842" s="98"/>
      <c r="EL4842" s="97"/>
      <c r="EX4842" s="98"/>
      <c r="EY4842" s="97"/>
      <c r="FL4842" s="126"/>
      <c r="FM4842" s="91"/>
      <c r="FN4842" s="91"/>
      <c r="FO4842" s="91"/>
      <c r="FP4842" s="91"/>
      <c r="FQ4842" s="91"/>
      <c r="FR4842" s="91"/>
      <c r="FS4842" s="91"/>
      <c r="FT4842" s="91"/>
      <c r="FU4842" s="91"/>
      <c r="FV4842" s="91"/>
      <c r="FW4842" s="91"/>
      <c r="FX4842" s="127"/>
      <c r="FY4842" s="126"/>
      <c r="FZ4842" s="91"/>
      <c r="GA4842" s="91"/>
      <c r="GB4842" s="91"/>
      <c r="GC4842" s="91"/>
      <c r="GD4842" s="91"/>
      <c r="GE4842" s="91"/>
      <c r="GF4842" s="91"/>
      <c r="GG4842" s="91"/>
      <c r="GH4842" s="91"/>
      <c r="GI4842" s="91"/>
      <c r="GJ4842" s="91"/>
      <c r="GK4842" s="127"/>
      <c r="GL4842" s="126"/>
      <c r="GM4842" s="91"/>
      <c r="GN4842" s="91"/>
      <c r="GO4842" s="91"/>
      <c r="GP4842" s="91"/>
      <c r="GQ4842" s="91"/>
      <c r="GR4842" s="91"/>
      <c r="GS4842" s="91"/>
      <c r="GT4842" s="91"/>
      <c r="GU4842" s="91"/>
      <c r="GV4842" s="91"/>
      <c r="GW4842" s="91"/>
      <c r="GX4842" s="127"/>
      <c r="GY4842" s="126"/>
      <c r="GZ4842" s="91"/>
      <c r="HA4842" s="91"/>
      <c r="HB4842" s="91"/>
      <c r="HC4842" s="91"/>
      <c r="HD4842" s="91"/>
      <c r="HE4842" s="91"/>
      <c r="HF4842" s="91"/>
      <c r="HG4842" s="91"/>
      <c r="HH4842" s="91"/>
      <c r="HI4842" s="91"/>
      <c r="HJ4842" s="91"/>
      <c r="HK4842" s="127"/>
      <c r="HL4842" s="126"/>
      <c r="HM4842" s="91"/>
      <c r="HN4842" s="91"/>
      <c r="HO4842" s="91"/>
      <c r="HP4842" s="91"/>
      <c r="HQ4842" s="91"/>
      <c r="HR4842" s="91"/>
      <c r="HS4842" s="91"/>
      <c r="HT4842" s="91"/>
      <c r="HU4842" s="91"/>
      <c r="HV4842" s="91"/>
      <c r="HW4842" s="91"/>
      <c r="HX4842" s="127"/>
      <c r="HY4842" s="126"/>
      <c r="HZ4842" s="91"/>
      <c r="IA4842" s="91"/>
      <c r="IB4842" s="91"/>
      <c r="IC4842" s="91"/>
      <c r="ID4842" s="91"/>
      <c r="IE4842" s="91"/>
      <c r="IF4842" s="91"/>
      <c r="IG4842" s="91"/>
      <c r="IH4842" s="91"/>
      <c r="II4842" s="91"/>
      <c r="IJ4842" s="91"/>
      <c r="IK4842" s="174"/>
    </row>
    <row r="4843" spans="2:245" x14ac:dyDescent="0.2">
      <c r="B4843" s="43"/>
      <c r="C4843" s="73"/>
      <c r="D4843" s="64"/>
      <c r="E4843" s="64"/>
      <c r="F4843" s="55"/>
      <c r="G4843" s="102"/>
      <c r="H4843" s="97"/>
      <c r="T4843" s="98"/>
      <c r="U4843" s="97"/>
      <c r="AG4843" s="98"/>
      <c r="AY4843" s="164"/>
      <c r="BK4843" s="98"/>
      <c r="BL4843" s="97"/>
      <c r="BX4843" s="98"/>
      <c r="CL4843" s="97"/>
      <c r="CX4843" s="98"/>
      <c r="DL4843" s="97"/>
      <c r="DX4843" s="98"/>
      <c r="EL4843" s="97"/>
      <c r="EX4843" s="98"/>
      <c r="EY4843" s="97"/>
      <c r="FL4843" s="126"/>
      <c r="FM4843" s="91"/>
      <c r="FN4843" s="91"/>
      <c r="FO4843" s="91"/>
      <c r="FP4843" s="91"/>
      <c r="FQ4843" s="91"/>
      <c r="FR4843" s="91"/>
      <c r="FS4843" s="91"/>
      <c r="FT4843" s="91"/>
      <c r="FU4843" s="91"/>
      <c r="FV4843" s="91"/>
      <c r="FW4843" s="91"/>
      <c r="FX4843" s="127"/>
      <c r="FY4843" s="126"/>
      <c r="FZ4843" s="91"/>
      <c r="GA4843" s="91"/>
      <c r="GB4843" s="91"/>
      <c r="GC4843" s="91"/>
      <c r="GD4843" s="91"/>
      <c r="GE4843" s="91"/>
      <c r="GF4843" s="91"/>
      <c r="GG4843" s="91"/>
      <c r="GH4843" s="91"/>
      <c r="GI4843" s="91"/>
      <c r="GJ4843" s="91"/>
      <c r="GK4843" s="127"/>
      <c r="GL4843" s="126"/>
      <c r="GM4843" s="91"/>
      <c r="GN4843" s="91"/>
      <c r="GO4843" s="91"/>
      <c r="GP4843" s="91"/>
      <c r="GQ4843" s="91"/>
      <c r="GR4843" s="91"/>
      <c r="GS4843" s="91"/>
      <c r="GT4843" s="91"/>
      <c r="GU4843" s="91"/>
      <c r="GV4843" s="91"/>
      <c r="GW4843" s="91"/>
      <c r="GX4843" s="127"/>
      <c r="GY4843" s="126"/>
      <c r="GZ4843" s="91"/>
      <c r="HA4843" s="91"/>
      <c r="HB4843" s="91"/>
      <c r="HC4843" s="91"/>
      <c r="HD4843" s="91"/>
      <c r="HE4843" s="91"/>
      <c r="HF4843" s="91"/>
      <c r="HG4843" s="91"/>
      <c r="HH4843" s="91"/>
      <c r="HI4843" s="91"/>
      <c r="HJ4843" s="91"/>
      <c r="HK4843" s="127"/>
      <c r="HL4843" s="126"/>
      <c r="HM4843" s="91"/>
      <c r="HN4843" s="91"/>
      <c r="HO4843" s="91"/>
      <c r="HP4843" s="91"/>
      <c r="HQ4843" s="91"/>
      <c r="HR4843" s="91"/>
      <c r="HS4843" s="91"/>
      <c r="HT4843" s="91"/>
      <c r="HU4843" s="91"/>
      <c r="HV4843" s="91"/>
      <c r="HW4843" s="91"/>
      <c r="HX4843" s="127"/>
      <c r="HY4843" s="126"/>
      <c r="HZ4843" s="91"/>
      <c r="IA4843" s="91"/>
      <c r="IB4843" s="91"/>
      <c r="IC4843" s="91"/>
      <c r="ID4843" s="91"/>
      <c r="IE4843" s="91"/>
      <c r="IF4843" s="91"/>
      <c r="IG4843" s="91"/>
      <c r="IH4843" s="91"/>
      <c r="II4843" s="91"/>
      <c r="IJ4843" s="91"/>
      <c r="IK4843" s="174"/>
    </row>
    <row r="4844" spans="2:245" x14ac:dyDescent="0.2">
      <c r="B4844" s="43"/>
      <c r="C4844" s="73"/>
      <c r="D4844" s="64"/>
      <c r="E4844" s="64"/>
      <c r="F4844" s="55"/>
      <c r="G4844" s="102"/>
      <c r="H4844" s="97"/>
      <c r="T4844" s="98"/>
      <c r="U4844" s="97"/>
      <c r="AG4844" s="98"/>
      <c r="AY4844" s="164"/>
      <c r="BK4844" s="98"/>
      <c r="BL4844" s="97"/>
      <c r="BX4844" s="98"/>
      <c r="CL4844" s="97"/>
      <c r="CX4844" s="98"/>
      <c r="DL4844" s="97"/>
      <c r="DX4844" s="98"/>
      <c r="EL4844" s="97"/>
      <c r="EX4844" s="98"/>
      <c r="EY4844" s="97"/>
      <c r="FL4844" s="126"/>
      <c r="FM4844" s="91"/>
      <c r="FN4844" s="91"/>
      <c r="FO4844" s="91"/>
      <c r="FP4844" s="91"/>
      <c r="FQ4844" s="91"/>
      <c r="FR4844" s="91"/>
      <c r="FS4844" s="91"/>
      <c r="FT4844" s="91"/>
      <c r="FU4844" s="91"/>
      <c r="FV4844" s="91"/>
      <c r="FW4844" s="91"/>
      <c r="FX4844" s="127"/>
      <c r="FY4844" s="126"/>
      <c r="FZ4844" s="91"/>
      <c r="GA4844" s="91"/>
      <c r="GB4844" s="91"/>
      <c r="GC4844" s="91"/>
      <c r="GD4844" s="91"/>
      <c r="GE4844" s="91"/>
      <c r="GF4844" s="91"/>
      <c r="GG4844" s="91"/>
      <c r="GH4844" s="91"/>
      <c r="GI4844" s="91"/>
      <c r="GJ4844" s="91"/>
      <c r="GK4844" s="127"/>
      <c r="GL4844" s="126"/>
      <c r="GM4844" s="91"/>
      <c r="GN4844" s="91"/>
      <c r="GO4844" s="91"/>
      <c r="GP4844" s="91"/>
      <c r="GQ4844" s="91"/>
      <c r="GR4844" s="91"/>
      <c r="GS4844" s="91"/>
      <c r="GT4844" s="91"/>
      <c r="GU4844" s="91"/>
      <c r="GV4844" s="91"/>
      <c r="GW4844" s="91"/>
      <c r="GX4844" s="127"/>
      <c r="GY4844" s="126"/>
      <c r="GZ4844" s="91"/>
      <c r="HA4844" s="91"/>
      <c r="HB4844" s="91"/>
      <c r="HC4844" s="91"/>
      <c r="HD4844" s="91"/>
      <c r="HE4844" s="91"/>
      <c r="HF4844" s="91"/>
      <c r="HG4844" s="91"/>
      <c r="HH4844" s="91"/>
      <c r="HI4844" s="91"/>
      <c r="HJ4844" s="91"/>
      <c r="HK4844" s="127"/>
      <c r="HL4844" s="126"/>
      <c r="HM4844" s="91"/>
      <c r="HN4844" s="91"/>
      <c r="HO4844" s="91"/>
      <c r="HP4844" s="91"/>
      <c r="HQ4844" s="91"/>
      <c r="HR4844" s="91"/>
      <c r="HS4844" s="91"/>
      <c r="HT4844" s="91"/>
      <c r="HU4844" s="91"/>
      <c r="HV4844" s="91"/>
      <c r="HW4844" s="91"/>
      <c r="HX4844" s="127"/>
      <c r="HY4844" s="126"/>
      <c r="HZ4844" s="91"/>
      <c r="IA4844" s="91"/>
      <c r="IB4844" s="91"/>
      <c r="IC4844" s="91"/>
      <c r="ID4844" s="91"/>
      <c r="IE4844" s="91"/>
      <c r="IF4844" s="91"/>
      <c r="IG4844" s="91"/>
      <c r="IH4844" s="91"/>
      <c r="II4844" s="91"/>
      <c r="IJ4844" s="91"/>
      <c r="IK4844" s="174"/>
    </row>
    <row r="4845" spans="2:245" x14ac:dyDescent="0.2">
      <c r="B4845" s="43"/>
      <c r="C4845" s="73"/>
      <c r="D4845" s="64"/>
      <c r="E4845" s="64"/>
      <c r="F4845" s="55"/>
      <c r="G4845" s="102"/>
      <c r="H4845" s="97"/>
      <c r="T4845" s="98"/>
      <c r="U4845" s="97"/>
      <c r="AG4845" s="98"/>
      <c r="AY4845" s="164"/>
      <c r="BK4845" s="98"/>
      <c r="BL4845" s="97"/>
      <c r="BX4845" s="98"/>
      <c r="CL4845" s="97"/>
      <c r="CX4845" s="98"/>
      <c r="DL4845" s="97"/>
      <c r="DX4845" s="98"/>
      <c r="EL4845" s="97"/>
      <c r="EX4845" s="98"/>
      <c r="EY4845" s="97"/>
      <c r="FL4845" s="126"/>
      <c r="FM4845" s="91"/>
      <c r="FN4845" s="91"/>
      <c r="FO4845" s="91"/>
      <c r="FP4845" s="91"/>
      <c r="FQ4845" s="91"/>
      <c r="FR4845" s="91"/>
      <c r="FS4845" s="91"/>
      <c r="FT4845" s="91"/>
      <c r="FU4845" s="91"/>
      <c r="FV4845" s="91"/>
      <c r="FW4845" s="91"/>
      <c r="FX4845" s="127"/>
      <c r="FY4845" s="126"/>
      <c r="FZ4845" s="91"/>
      <c r="GA4845" s="91"/>
      <c r="GB4845" s="91"/>
      <c r="GC4845" s="91"/>
      <c r="GD4845" s="91"/>
      <c r="GE4845" s="91"/>
      <c r="GF4845" s="91"/>
      <c r="GG4845" s="91"/>
      <c r="GH4845" s="91"/>
      <c r="GI4845" s="91"/>
      <c r="GJ4845" s="91"/>
      <c r="GK4845" s="127"/>
      <c r="GL4845" s="126"/>
      <c r="GM4845" s="91"/>
      <c r="GN4845" s="91"/>
      <c r="GO4845" s="91"/>
      <c r="GP4845" s="91"/>
      <c r="GQ4845" s="91"/>
      <c r="GR4845" s="91"/>
      <c r="GS4845" s="91"/>
      <c r="GT4845" s="91"/>
      <c r="GU4845" s="91"/>
      <c r="GV4845" s="91"/>
      <c r="GW4845" s="91"/>
      <c r="GX4845" s="127"/>
      <c r="GY4845" s="126"/>
      <c r="GZ4845" s="91"/>
      <c r="HA4845" s="91"/>
      <c r="HB4845" s="91"/>
      <c r="HC4845" s="91"/>
      <c r="HD4845" s="91"/>
      <c r="HE4845" s="91"/>
      <c r="HF4845" s="91"/>
      <c r="HG4845" s="91"/>
      <c r="HH4845" s="91"/>
      <c r="HI4845" s="91"/>
      <c r="HJ4845" s="91"/>
      <c r="HK4845" s="127"/>
      <c r="HL4845" s="126"/>
      <c r="HM4845" s="91"/>
      <c r="HN4845" s="91"/>
      <c r="HO4845" s="91"/>
      <c r="HP4845" s="91"/>
      <c r="HQ4845" s="91"/>
      <c r="HR4845" s="91"/>
      <c r="HS4845" s="91"/>
      <c r="HT4845" s="91"/>
      <c r="HU4845" s="91"/>
      <c r="HV4845" s="91"/>
      <c r="HW4845" s="91"/>
      <c r="HX4845" s="127"/>
      <c r="HY4845" s="126"/>
      <c r="HZ4845" s="91"/>
      <c r="IA4845" s="91"/>
      <c r="IB4845" s="91"/>
      <c r="IC4845" s="91"/>
      <c r="ID4845" s="91"/>
      <c r="IE4845" s="91"/>
      <c r="IF4845" s="91"/>
      <c r="IG4845" s="91"/>
      <c r="IH4845" s="91"/>
      <c r="II4845" s="91"/>
      <c r="IJ4845" s="91"/>
      <c r="IK4845" s="174"/>
    </row>
    <row r="4846" spans="2:245" x14ac:dyDescent="0.2">
      <c r="B4846" s="43"/>
      <c r="C4846" s="73"/>
      <c r="D4846" s="64"/>
      <c r="E4846" s="64"/>
      <c r="F4846" s="55"/>
      <c r="G4846" s="102"/>
      <c r="H4846" s="97"/>
      <c r="T4846" s="98"/>
      <c r="U4846" s="97"/>
      <c r="AG4846" s="98"/>
      <c r="AY4846" s="164"/>
      <c r="BK4846" s="98"/>
      <c r="BL4846" s="97"/>
      <c r="BX4846" s="98"/>
      <c r="CL4846" s="97"/>
      <c r="CX4846" s="98"/>
      <c r="DL4846" s="97"/>
      <c r="DX4846" s="98"/>
      <c r="EL4846" s="97"/>
      <c r="EX4846" s="98"/>
      <c r="EY4846" s="97"/>
      <c r="FL4846" s="126"/>
      <c r="FM4846" s="91"/>
      <c r="FN4846" s="91"/>
      <c r="FO4846" s="91"/>
      <c r="FP4846" s="91"/>
      <c r="FQ4846" s="91"/>
      <c r="FR4846" s="91"/>
      <c r="FS4846" s="91"/>
      <c r="FT4846" s="91"/>
      <c r="FU4846" s="91"/>
      <c r="FV4846" s="91"/>
      <c r="FW4846" s="91"/>
      <c r="FX4846" s="127"/>
      <c r="FY4846" s="126"/>
      <c r="FZ4846" s="91"/>
      <c r="GA4846" s="91"/>
      <c r="GB4846" s="91"/>
      <c r="GC4846" s="91"/>
      <c r="GD4846" s="91"/>
      <c r="GE4846" s="91"/>
      <c r="GF4846" s="91"/>
      <c r="GG4846" s="91"/>
      <c r="GH4846" s="91"/>
      <c r="GI4846" s="91"/>
      <c r="GJ4846" s="91"/>
      <c r="GK4846" s="127"/>
      <c r="GL4846" s="126"/>
      <c r="GM4846" s="91"/>
      <c r="GN4846" s="91"/>
      <c r="GO4846" s="91"/>
      <c r="GP4846" s="91"/>
      <c r="GQ4846" s="91"/>
      <c r="GR4846" s="91"/>
      <c r="GS4846" s="91"/>
      <c r="GT4846" s="91"/>
      <c r="GU4846" s="91"/>
      <c r="GV4846" s="91"/>
      <c r="GW4846" s="91"/>
      <c r="GX4846" s="127"/>
      <c r="GY4846" s="126"/>
      <c r="GZ4846" s="91"/>
      <c r="HA4846" s="91"/>
      <c r="HB4846" s="91"/>
      <c r="HC4846" s="91"/>
      <c r="HD4846" s="91"/>
      <c r="HE4846" s="91"/>
      <c r="HF4846" s="91"/>
      <c r="HG4846" s="91"/>
      <c r="HH4846" s="91"/>
      <c r="HI4846" s="91"/>
      <c r="HJ4846" s="91"/>
      <c r="HK4846" s="127"/>
      <c r="HL4846" s="126"/>
      <c r="HM4846" s="91"/>
      <c r="HN4846" s="91"/>
      <c r="HO4846" s="91"/>
      <c r="HP4846" s="91"/>
      <c r="HQ4846" s="91"/>
      <c r="HR4846" s="91"/>
      <c r="HS4846" s="91"/>
      <c r="HT4846" s="91"/>
      <c r="HU4846" s="91"/>
      <c r="HV4846" s="91"/>
      <c r="HW4846" s="91"/>
      <c r="HX4846" s="127"/>
      <c r="HY4846" s="126"/>
      <c r="HZ4846" s="91"/>
      <c r="IA4846" s="91"/>
      <c r="IB4846" s="91"/>
      <c r="IC4846" s="91"/>
      <c r="ID4846" s="91"/>
      <c r="IE4846" s="91"/>
      <c r="IF4846" s="91"/>
      <c r="IG4846" s="91"/>
      <c r="IH4846" s="91"/>
      <c r="II4846" s="91"/>
      <c r="IJ4846" s="91"/>
      <c r="IK4846" s="174"/>
    </row>
    <row r="4847" spans="2:245" x14ac:dyDescent="0.2">
      <c r="B4847" s="43"/>
      <c r="C4847" s="73"/>
      <c r="D4847" s="64"/>
      <c r="E4847" s="64"/>
      <c r="F4847" s="55"/>
      <c r="G4847" s="102"/>
      <c r="H4847" s="97"/>
      <c r="T4847" s="98"/>
      <c r="U4847" s="97"/>
      <c r="AG4847" s="98"/>
      <c r="AY4847" s="164"/>
      <c r="BK4847" s="98"/>
      <c r="BL4847" s="97"/>
      <c r="BX4847" s="98"/>
      <c r="CL4847" s="97"/>
      <c r="CX4847" s="98"/>
      <c r="DL4847" s="97"/>
      <c r="DX4847" s="98"/>
      <c r="EL4847" s="97"/>
      <c r="EX4847" s="98"/>
      <c r="EY4847" s="97"/>
      <c r="FL4847" s="126"/>
      <c r="FM4847" s="91"/>
      <c r="FN4847" s="91"/>
      <c r="FO4847" s="91"/>
      <c r="FP4847" s="91"/>
      <c r="FQ4847" s="91"/>
      <c r="FR4847" s="91"/>
      <c r="FS4847" s="91"/>
      <c r="FT4847" s="91"/>
      <c r="FU4847" s="91"/>
      <c r="FV4847" s="91"/>
      <c r="FW4847" s="91"/>
      <c r="FX4847" s="127"/>
      <c r="FY4847" s="126"/>
      <c r="FZ4847" s="91"/>
      <c r="GA4847" s="91"/>
      <c r="GB4847" s="91"/>
      <c r="GC4847" s="91"/>
      <c r="GD4847" s="91"/>
      <c r="GE4847" s="91"/>
      <c r="GF4847" s="91"/>
      <c r="GG4847" s="91"/>
      <c r="GH4847" s="91"/>
      <c r="GI4847" s="91"/>
      <c r="GJ4847" s="91"/>
      <c r="GK4847" s="127"/>
      <c r="GL4847" s="126"/>
      <c r="GM4847" s="91"/>
      <c r="GN4847" s="91"/>
      <c r="GO4847" s="91"/>
      <c r="GP4847" s="91"/>
      <c r="GQ4847" s="91"/>
      <c r="GR4847" s="91"/>
      <c r="GS4847" s="91"/>
      <c r="GT4847" s="91"/>
      <c r="GU4847" s="91"/>
      <c r="GV4847" s="91"/>
      <c r="GW4847" s="91"/>
      <c r="GX4847" s="127"/>
      <c r="GY4847" s="126"/>
      <c r="GZ4847" s="91"/>
      <c r="HA4847" s="91"/>
      <c r="HB4847" s="91"/>
      <c r="HC4847" s="91"/>
      <c r="HD4847" s="91"/>
      <c r="HE4847" s="91"/>
      <c r="HF4847" s="91"/>
      <c r="HG4847" s="91"/>
      <c r="HH4847" s="91"/>
      <c r="HI4847" s="91"/>
      <c r="HJ4847" s="91"/>
      <c r="HK4847" s="127"/>
      <c r="HL4847" s="126"/>
      <c r="HM4847" s="91"/>
      <c r="HN4847" s="91"/>
      <c r="HO4847" s="91"/>
      <c r="HP4847" s="91"/>
      <c r="HQ4847" s="91"/>
      <c r="HR4847" s="91"/>
      <c r="HS4847" s="91"/>
      <c r="HT4847" s="91"/>
      <c r="HU4847" s="91"/>
      <c r="HV4847" s="91"/>
      <c r="HW4847" s="91"/>
      <c r="HX4847" s="127"/>
      <c r="HY4847" s="126"/>
      <c r="HZ4847" s="91"/>
      <c r="IA4847" s="91"/>
      <c r="IB4847" s="91"/>
      <c r="IC4847" s="91"/>
      <c r="ID4847" s="91"/>
      <c r="IE4847" s="91"/>
      <c r="IF4847" s="91"/>
      <c r="IG4847" s="91"/>
      <c r="IH4847" s="91"/>
      <c r="II4847" s="91"/>
      <c r="IJ4847" s="91"/>
      <c r="IK4847" s="174"/>
    </row>
    <row r="4848" spans="2:245" x14ac:dyDescent="0.2">
      <c r="B4848" s="43"/>
      <c r="C4848" s="73"/>
      <c r="D4848" s="64"/>
      <c r="E4848" s="64"/>
      <c r="F4848" s="55"/>
      <c r="G4848" s="102"/>
      <c r="H4848" s="97"/>
      <c r="T4848" s="98"/>
      <c r="U4848" s="97"/>
      <c r="AG4848" s="98"/>
      <c r="AY4848" s="164"/>
      <c r="BK4848" s="98"/>
      <c r="BL4848" s="97"/>
      <c r="BX4848" s="98"/>
      <c r="CL4848" s="97"/>
      <c r="CX4848" s="98"/>
      <c r="DL4848" s="97"/>
      <c r="DX4848" s="98"/>
      <c r="EL4848" s="97"/>
      <c r="EX4848" s="98"/>
      <c r="EY4848" s="97"/>
      <c r="FL4848" s="126"/>
      <c r="FM4848" s="91"/>
      <c r="FN4848" s="91"/>
      <c r="FO4848" s="91"/>
      <c r="FP4848" s="91"/>
      <c r="FQ4848" s="91"/>
      <c r="FR4848" s="91"/>
      <c r="FS4848" s="91"/>
      <c r="FT4848" s="91"/>
      <c r="FU4848" s="91"/>
      <c r="FV4848" s="91"/>
      <c r="FW4848" s="91"/>
      <c r="FX4848" s="127"/>
      <c r="FY4848" s="126"/>
      <c r="FZ4848" s="91"/>
      <c r="GA4848" s="91"/>
      <c r="GB4848" s="91"/>
      <c r="GC4848" s="91"/>
      <c r="GD4848" s="91"/>
      <c r="GE4848" s="91"/>
      <c r="GF4848" s="91"/>
      <c r="GG4848" s="91"/>
      <c r="GH4848" s="91"/>
      <c r="GI4848" s="91"/>
      <c r="GJ4848" s="91"/>
      <c r="GK4848" s="127"/>
      <c r="GL4848" s="126"/>
      <c r="GM4848" s="91"/>
      <c r="GN4848" s="91"/>
      <c r="GO4848" s="91"/>
      <c r="GP4848" s="91"/>
      <c r="GQ4848" s="91"/>
      <c r="GR4848" s="91"/>
      <c r="GS4848" s="91"/>
      <c r="GT4848" s="91"/>
      <c r="GU4848" s="91"/>
      <c r="GV4848" s="91"/>
      <c r="GW4848" s="91"/>
      <c r="GX4848" s="127"/>
      <c r="GY4848" s="126"/>
      <c r="GZ4848" s="91"/>
      <c r="HA4848" s="91"/>
      <c r="HB4848" s="91"/>
      <c r="HC4848" s="91"/>
      <c r="HD4848" s="91"/>
      <c r="HE4848" s="91"/>
      <c r="HF4848" s="91"/>
      <c r="HG4848" s="91"/>
      <c r="HH4848" s="91"/>
      <c r="HI4848" s="91"/>
      <c r="HJ4848" s="91"/>
      <c r="HK4848" s="127"/>
      <c r="HL4848" s="126"/>
      <c r="HM4848" s="91"/>
      <c r="HN4848" s="91"/>
      <c r="HO4848" s="91"/>
      <c r="HP4848" s="91"/>
      <c r="HQ4848" s="91"/>
      <c r="HR4848" s="91"/>
      <c r="HS4848" s="91"/>
      <c r="HT4848" s="91"/>
      <c r="HU4848" s="91"/>
      <c r="HV4848" s="91"/>
      <c r="HW4848" s="91"/>
      <c r="HX4848" s="127"/>
      <c r="HY4848" s="126"/>
      <c r="HZ4848" s="91"/>
      <c r="IA4848" s="91"/>
      <c r="IB4848" s="91"/>
      <c r="IC4848" s="91"/>
      <c r="ID4848" s="91"/>
      <c r="IE4848" s="91"/>
      <c r="IF4848" s="91"/>
      <c r="IG4848" s="91"/>
      <c r="IH4848" s="91"/>
      <c r="II4848" s="91"/>
      <c r="IJ4848" s="91"/>
      <c r="IK4848" s="174"/>
    </row>
    <row r="4849" spans="2:245" x14ac:dyDescent="0.2">
      <c r="B4849" s="43"/>
      <c r="C4849" s="73"/>
      <c r="D4849" s="64"/>
      <c r="E4849" s="64"/>
      <c r="F4849" s="55"/>
      <c r="G4849" s="102"/>
      <c r="H4849" s="97"/>
      <c r="T4849" s="98"/>
      <c r="U4849" s="97"/>
      <c r="AG4849" s="98"/>
      <c r="AY4849" s="164"/>
      <c r="BK4849" s="98"/>
      <c r="BL4849" s="97"/>
      <c r="BX4849" s="98"/>
      <c r="CL4849" s="97"/>
      <c r="CX4849" s="98"/>
      <c r="DL4849" s="97"/>
      <c r="DX4849" s="98"/>
      <c r="EL4849" s="97"/>
      <c r="EX4849" s="98"/>
      <c r="EY4849" s="97"/>
      <c r="FL4849" s="126"/>
      <c r="FM4849" s="91"/>
      <c r="FN4849" s="91"/>
      <c r="FO4849" s="91"/>
      <c r="FP4849" s="91"/>
      <c r="FQ4849" s="91"/>
      <c r="FR4849" s="91"/>
      <c r="FS4849" s="91"/>
      <c r="FT4849" s="91"/>
      <c r="FU4849" s="91"/>
      <c r="FV4849" s="91"/>
      <c r="FW4849" s="91"/>
      <c r="FX4849" s="127"/>
      <c r="FY4849" s="126"/>
      <c r="FZ4849" s="91"/>
      <c r="GA4849" s="91"/>
      <c r="GB4849" s="91"/>
      <c r="GC4849" s="91"/>
      <c r="GD4849" s="91"/>
      <c r="GE4849" s="91"/>
      <c r="GF4849" s="91"/>
      <c r="GG4849" s="91"/>
      <c r="GH4849" s="91"/>
      <c r="GI4849" s="91"/>
      <c r="GJ4849" s="91"/>
      <c r="GK4849" s="127"/>
      <c r="GL4849" s="126"/>
      <c r="GM4849" s="91"/>
      <c r="GN4849" s="91"/>
      <c r="GO4849" s="91"/>
      <c r="GP4849" s="91"/>
      <c r="GQ4849" s="91"/>
      <c r="GR4849" s="91"/>
      <c r="GS4849" s="91"/>
      <c r="GT4849" s="91"/>
      <c r="GU4849" s="91"/>
      <c r="GV4849" s="91"/>
      <c r="GW4849" s="91"/>
      <c r="GX4849" s="127"/>
      <c r="GY4849" s="126"/>
      <c r="GZ4849" s="91"/>
      <c r="HA4849" s="91"/>
      <c r="HB4849" s="91"/>
      <c r="HC4849" s="91"/>
      <c r="HD4849" s="91"/>
      <c r="HE4849" s="91"/>
      <c r="HF4849" s="91"/>
      <c r="HG4849" s="91"/>
      <c r="HH4849" s="91"/>
      <c r="HI4849" s="91"/>
      <c r="HJ4849" s="91"/>
      <c r="HK4849" s="127"/>
      <c r="HL4849" s="126"/>
      <c r="HM4849" s="91"/>
      <c r="HN4849" s="91"/>
      <c r="HO4849" s="91"/>
      <c r="HP4849" s="91"/>
      <c r="HQ4849" s="91"/>
      <c r="HR4849" s="91"/>
      <c r="HS4849" s="91"/>
      <c r="HT4849" s="91"/>
      <c r="HU4849" s="91"/>
      <c r="HV4849" s="91"/>
      <c r="HW4849" s="91"/>
      <c r="HX4849" s="127"/>
      <c r="HY4849" s="126"/>
      <c r="HZ4849" s="91"/>
      <c r="IA4849" s="91"/>
      <c r="IB4849" s="91"/>
      <c r="IC4849" s="91"/>
      <c r="ID4849" s="91"/>
      <c r="IE4849" s="91"/>
      <c r="IF4849" s="91"/>
      <c r="IG4849" s="91"/>
      <c r="IH4849" s="91"/>
      <c r="II4849" s="91"/>
      <c r="IJ4849" s="91"/>
      <c r="IK4849" s="174"/>
    </row>
    <row r="4850" spans="2:245" x14ac:dyDescent="0.2">
      <c r="B4850" s="43"/>
      <c r="C4850" s="73"/>
      <c r="D4850" s="64"/>
      <c r="E4850" s="64"/>
      <c r="F4850" s="55"/>
      <c r="G4850" s="102"/>
      <c r="H4850" s="97"/>
      <c r="T4850" s="98"/>
      <c r="U4850" s="97"/>
      <c r="AG4850" s="98"/>
      <c r="AY4850" s="164"/>
      <c r="BK4850" s="98"/>
      <c r="BL4850" s="97"/>
      <c r="BX4850" s="98"/>
      <c r="CL4850" s="97"/>
      <c r="CX4850" s="98"/>
      <c r="DL4850" s="97"/>
      <c r="DX4850" s="98"/>
      <c r="EL4850" s="97"/>
      <c r="EX4850" s="98"/>
      <c r="EY4850" s="97"/>
      <c r="FL4850" s="126"/>
      <c r="FM4850" s="91"/>
      <c r="FN4850" s="91"/>
      <c r="FO4850" s="91"/>
      <c r="FP4850" s="91"/>
      <c r="FQ4850" s="91"/>
      <c r="FR4850" s="91"/>
      <c r="FS4850" s="91"/>
      <c r="FT4850" s="91"/>
      <c r="FU4850" s="91"/>
      <c r="FV4850" s="91"/>
      <c r="FW4850" s="91"/>
      <c r="FX4850" s="127"/>
      <c r="FY4850" s="126"/>
      <c r="FZ4850" s="91"/>
      <c r="GA4850" s="91"/>
      <c r="GB4850" s="91"/>
      <c r="GC4850" s="91"/>
      <c r="GD4850" s="91"/>
      <c r="GE4850" s="91"/>
      <c r="GF4850" s="91"/>
      <c r="GG4850" s="91"/>
      <c r="GH4850" s="91"/>
      <c r="GI4850" s="91"/>
      <c r="GJ4850" s="91"/>
      <c r="GK4850" s="127"/>
      <c r="GL4850" s="126"/>
      <c r="GM4850" s="91"/>
      <c r="GN4850" s="91"/>
      <c r="GO4850" s="91"/>
      <c r="GP4850" s="91"/>
      <c r="GQ4850" s="91"/>
      <c r="GR4850" s="91"/>
      <c r="GS4850" s="91"/>
      <c r="GT4850" s="91"/>
      <c r="GU4850" s="91"/>
      <c r="GV4850" s="91"/>
      <c r="GW4850" s="91"/>
      <c r="GX4850" s="127"/>
      <c r="GY4850" s="126"/>
      <c r="GZ4850" s="91"/>
      <c r="HA4850" s="91"/>
      <c r="HB4850" s="91"/>
      <c r="HC4850" s="91"/>
      <c r="HD4850" s="91"/>
      <c r="HE4850" s="91"/>
      <c r="HF4850" s="91"/>
      <c r="HG4850" s="91"/>
      <c r="HH4850" s="91"/>
      <c r="HI4850" s="91"/>
      <c r="HJ4850" s="91"/>
      <c r="HK4850" s="127"/>
      <c r="HL4850" s="126"/>
      <c r="HM4850" s="91"/>
      <c r="HN4850" s="91"/>
      <c r="HO4850" s="91"/>
      <c r="HP4850" s="91"/>
      <c r="HQ4850" s="91"/>
      <c r="HR4850" s="91"/>
      <c r="HS4850" s="91"/>
      <c r="HT4850" s="91"/>
      <c r="HU4850" s="91"/>
      <c r="HV4850" s="91"/>
      <c r="HW4850" s="91"/>
      <c r="HX4850" s="127"/>
      <c r="HY4850" s="126"/>
      <c r="HZ4850" s="91"/>
      <c r="IA4850" s="91"/>
      <c r="IB4850" s="91"/>
      <c r="IC4850" s="91"/>
      <c r="ID4850" s="91"/>
      <c r="IE4850" s="91"/>
      <c r="IF4850" s="91"/>
      <c r="IG4850" s="91"/>
      <c r="IH4850" s="91"/>
      <c r="II4850" s="91"/>
      <c r="IJ4850" s="91"/>
      <c r="IK4850" s="174"/>
    </row>
    <row r="4851" spans="2:245" x14ac:dyDescent="0.2">
      <c r="B4851" s="43"/>
      <c r="C4851" s="73"/>
      <c r="D4851" s="64"/>
      <c r="E4851" s="64"/>
      <c r="F4851" s="55"/>
      <c r="G4851" s="102"/>
      <c r="H4851" s="97"/>
      <c r="T4851" s="98"/>
      <c r="U4851" s="97"/>
      <c r="AG4851" s="98"/>
      <c r="AY4851" s="164"/>
      <c r="BK4851" s="98"/>
      <c r="BL4851" s="97"/>
      <c r="BX4851" s="98"/>
      <c r="CL4851" s="97"/>
      <c r="CX4851" s="98"/>
      <c r="DL4851" s="97"/>
      <c r="DX4851" s="98"/>
      <c r="EL4851" s="97"/>
      <c r="EX4851" s="98"/>
      <c r="EY4851" s="97"/>
      <c r="FL4851" s="126"/>
      <c r="FM4851" s="91"/>
      <c r="FN4851" s="91"/>
      <c r="FO4851" s="91"/>
      <c r="FP4851" s="91"/>
      <c r="FQ4851" s="91"/>
      <c r="FR4851" s="91"/>
      <c r="FS4851" s="91"/>
      <c r="FT4851" s="91"/>
      <c r="FU4851" s="91"/>
      <c r="FV4851" s="91"/>
      <c r="FW4851" s="91"/>
      <c r="FX4851" s="127"/>
      <c r="FY4851" s="126"/>
      <c r="FZ4851" s="91"/>
      <c r="GA4851" s="91"/>
      <c r="GB4851" s="91"/>
      <c r="GC4851" s="91"/>
      <c r="GD4851" s="91"/>
      <c r="GE4851" s="91"/>
      <c r="GF4851" s="91"/>
      <c r="GG4851" s="91"/>
      <c r="GH4851" s="91"/>
      <c r="GI4851" s="91"/>
      <c r="GJ4851" s="91"/>
      <c r="GK4851" s="127"/>
      <c r="GL4851" s="126"/>
      <c r="GM4851" s="91"/>
      <c r="GN4851" s="91"/>
      <c r="GO4851" s="91"/>
      <c r="GP4851" s="91"/>
      <c r="GQ4851" s="91"/>
      <c r="GR4851" s="91"/>
      <c r="GS4851" s="91"/>
      <c r="GT4851" s="91"/>
      <c r="GU4851" s="91"/>
      <c r="GV4851" s="91"/>
      <c r="GW4851" s="91"/>
      <c r="GX4851" s="127"/>
      <c r="GY4851" s="126"/>
      <c r="GZ4851" s="91"/>
      <c r="HA4851" s="91"/>
      <c r="HB4851" s="91"/>
      <c r="HC4851" s="91"/>
      <c r="HD4851" s="91"/>
      <c r="HE4851" s="91"/>
      <c r="HF4851" s="91"/>
      <c r="HG4851" s="91"/>
      <c r="HH4851" s="91"/>
      <c r="HI4851" s="91"/>
      <c r="HJ4851" s="91"/>
      <c r="HK4851" s="127"/>
      <c r="HL4851" s="126"/>
      <c r="HM4851" s="91"/>
      <c r="HN4851" s="91"/>
      <c r="HO4851" s="91"/>
      <c r="HP4851" s="91"/>
      <c r="HQ4851" s="91"/>
      <c r="HR4851" s="91"/>
      <c r="HS4851" s="91"/>
      <c r="HT4851" s="91"/>
      <c r="HU4851" s="91"/>
      <c r="HV4851" s="91"/>
      <c r="HW4851" s="91"/>
      <c r="HX4851" s="127"/>
      <c r="HY4851" s="126"/>
      <c r="HZ4851" s="91"/>
      <c r="IA4851" s="91"/>
      <c r="IB4851" s="91"/>
      <c r="IC4851" s="91"/>
      <c r="ID4851" s="91"/>
      <c r="IE4851" s="91"/>
      <c r="IF4851" s="91"/>
      <c r="IG4851" s="91"/>
      <c r="IH4851" s="91"/>
      <c r="II4851" s="91"/>
      <c r="IJ4851" s="91"/>
      <c r="IK4851" s="174"/>
    </row>
    <row r="4852" spans="2:245" x14ac:dyDescent="0.2">
      <c r="B4852" s="43"/>
      <c r="C4852" s="73"/>
      <c r="D4852" s="64"/>
      <c r="E4852" s="64"/>
      <c r="F4852" s="55"/>
      <c r="G4852" s="102"/>
      <c r="H4852" s="97"/>
      <c r="T4852" s="98"/>
      <c r="U4852" s="97"/>
      <c r="AG4852" s="98"/>
      <c r="AY4852" s="164"/>
      <c r="BK4852" s="98"/>
      <c r="BL4852" s="97"/>
      <c r="BX4852" s="98"/>
      <c r="CL4852" s="97"/>
      <c r="CX4852" s="98"/>
      <c r="DL4852" s="97"/>
      <c r="DX4852" s="98"/>
      <c r="EL4852" s="97"/>
      <c r="EX4852" s="98"/>
      <c r="EY4852" s="97"/>
      <c r="FL4852" s="126"/>
      <c r="FM4852" s="91"/>
      <c r="FN4852" s="91"/>
      <c r="FO4852" s="91"/>
      <c r="FP4852" s="91"/>
      <c r="FQ4852" s="91"/>
      <c r="FR4852" s="91"/>
      <c r="FS4852" s="91"/>
      <c r="FT4852" s="91"/>
      <c r="FU4852" s="91"/>
      <c r="FV4852" s="91"/>
      <c r="FW4852" s="91"/>
      <c r="FX4852" s="127"/>
      <c r="FY4852" s="126"/>
      <c r="FZ4852" s="91"/>
      <c r="GA4852" s="91"/>
      <c r="GB4852" s="91"/>
      <c r="GC4852" s="91"/>
      <c r="GD4852" s="91"/>
      <c r="GE4852" s="91"/>
      <c r="GF4852" s="91"/>
      <c r="GG4852" s="91"/>
      <c r="GH4852" s="91"/>
      <c r="GI4852" s="91"/>
      <c r="GJ4852" s="91"/>
      <c r="GK4852" s="127"/>
      <c r="GL4852" s="126"/>
      <c r="GM4852" s="91"/>
      <c r="GN4852" s="91"/>
      <c r="GO4852" s="91"/>
      <c r="GP4852" s="91"/>
      <c r="GQ4852" s="91"/>
      <c r="GR4852" s="91"/>
      <c r="GS4852" s="91"/>
      <c r="GT4852" s="91"/>
      <c r="GU4852" s="91"/>
      <c r="GV4852" s="91"/>
      <c r="GW4852" s="91"/>
      <c r="GX4852" s="127"/>
      <c r="GY4852" s="126"/>
      <c r="GZ4852" s="91"/>
      <c r="HA4852" s="91"/>
      <c r="HB4852" s="91"/>
      <c r="HC4852" s="91"/>
      <c r="HD4852" s="91"/>
      <c r="HE4852" s="91"/>
      <c r="HF4852" s="91"/>
      <c r="HG4852" s="91"/>
      <c r="HH4852" s="91"/>
      <c r="HI4852" s="91"/>
      <c r="HJ4852" s="91"/>
      <c r="HK4852" s="127"/>
      <c r="HL4852" s="126"/>
      <c r="HM4852" s="91"/>
      <c r="HN4852" s="91"/>
      <c r="HO4852" s="91"/>
      <c r="HP4852" s="91"/>
      <c r="HQ4852" s="91"/>
      <c r="HR4852" s="91"/>
      <c r="HS4852" s="91"/>
      <c r="HT4852" s="91"/>
      <c r="HU4852" s="91"/>
      <c r="HV4852" s="91"/>
      <c r="HW4852" s="91"/>
      <c r="HX4852" s="127"/>
      <c r="HY4852" s="126"/>
      <c r="HZ4852" s="91"/>
      <c r="IA4852" s="91"/>
      <c r="IB4852" s="91"/>
      <c r="IC4852" s="91"/>
      <c r="ID4852" s="91"/>
      <c r="IE4852" s="91"/>
      <c r="IF4852" s="91"/>
      <c r="IG4852" s="91"/>
      <c r="IH4852" s="91"/>
      <c r="II4852" s="91"/>
      <c r="IJ4852" s="91"/>
      <c r="IK4852" s="174"/>
    </row>
    <row r="4853" spans="2:245" x14ac:dyDescent="0.2">
      <c r="B4853" s="43"/>
      <c r="C4853" s="73"/>
      <c r="D4853" s="64"/>
      <c r="E4853" s="64"/>
      <c r="F4853" s="55"/>
      <c r="G4853" s="102"/>
      <c r="H4853" s="97"/>
      <c r="T4853" s="98"/>
      <c r="U4853" s="97"/>
      <c r="AG4853" s="98"/>
      <c r="AY4853" s="164"/>
      <c r="BK4853" s="98"/>
      <c r="BL4853" s="97"/>
      <c r="BX4853" s="98"/>
      <c r="CL4853" s="97"/>
      <c r="CX4853" s="98"/>
      <c r="DL4853" s="97"/>
      <c r="DX4853" s="98"/>
      <c r="EL4853" s="97"/>
      <c r="EX4853" s="98"/>
      <c r="EY4853" s="97"/>
      <c r="FL4853" s="126"/>
      <c r="FM4853" s="91"/>
      <c r="FN4853" s="91"/>
      <c r="FO4853" s="91"/>
      <c r="FP4853" s="91"/>
      <c r="FQ4853" s="91"/>
      <c r="FR4853" s="91"/>
      <c r="FS4853" s="91"/>
      <c r="FT4853" s="91"/>
      <c r="FU4853" s="91"/>
      <c r="FV4853" s="91"/>
      <c r="FW4853" s="91"/>
      <c r="FX4853" s="127"/>
      <c r="FY4853" s="126"/>
      <c r="FZ4853" s="91"/>
      <c r="GA4853" s="91"/>
      <c r="GB4853" s="91"/>
      <c r="GC4853" s="91"/>
      <c r="GD4853" s="91"/>
      <c r="GE4853" s="91"/>
      <c r="GF4853" s="91"/>
      <c r="GG4853" s="91"/>
      <c r="GH4853" s="91"/>
      <c r="GI4853" s="91"/>
      <c r="GJ4853" s="91"/>
      <c r="GK4853" s="127"/>
      <c r="GL4853" s="126"/>
      <c r="GM4853" s="91"/>
      <c r="GN4853" s="91"/>
      <c r="GO4853" s="91"/>
      <c r="GP4853" s="91"/>
      <c r="GQ4853" s="91"/>
      <c r="GR4853" s="91"/>
      <c r="GS4853" s="91"/>
      <c r="GT4853" s="91"/>
      <c r="GU4853" s="91"/>
      <c r="GV4853" s="91"/>
      <c r="GW4853" s="91"/>
      <c r="GX4853" s="127"/>
      <c r="GY4853" s="126"/>
      <c r="GZ4853" s="91"/>
      <c r="HA4853" s="91"/>
      <c r="HB4853" s="91"/>
      <c r="HC4853" s="91"/>
      <c r="HD4853" s="91"/>
      <c r="HE4853" s="91"/>
      <c r="HF4853" s="91"/>
      <c r="HG4853" s="91"/>
      <c r="HH4853" s="91"/>
      <c r="HI4853" s="91"/>
      <c r="HJ4853" s="91"/>
      <c r="HK4853" s="127"/>
      <c r="HL4853" s="126"/>
      <c r="HM4853" s="91"/>
      <c r="HN4853" s="91"/>
      <c r="HO4853" s="91"/>
      <c r="HP4853" s="91"/>
      <c r="HQ4853" s="91"/>
      <c r="HR4853" s="91"/>
      <c r="HS4853" s="91"/>
      <c r="HT4853" s="91"/>
      <c r="HU4853" s="91"/>
      <c r="HV4853" s="91"/>
      <c r="HW4853" s="91"/>
      <c r="HX4853" s="127"/>
      <c r="HY4853" s="126"/>
      <c r="HZ4853" s="91"/>
      <c r="IA4853" s="91"/>
      <c r="IB4853" s="91"/>
      <c r="IC4853" s="91"/>
      <c r="ID4853" s="91"/>
      <c r="IE4853" s="91"/>
      <c r="IF4853" s="91"/>
      <c r="IG4853" s="91"/>
      <c r="IH4853" s="91"/>
      <c r="II4853" s="91"/>
      <c r="IJ4853" s="91"/>
      <c r="IK4853" s="174"/>
    </row>
    <row r="4854" spans="2:245" x14ac:dyDescent="0.2">
      <c r="B4854" s="43"/>
      <c r="C4854" s="73"/>
      <c r="D4854" s="64"/>
      <c r="E4854" s="64"/>
      <c r="F4854" s="55"/>
      <c r="G4854" s="102"/>
      <c r="H4854" s="97"/>
      <c r="T4854" s="98"/>
      <c r="U4854" s="97"/>
      <c r="AG4854" s="98"/>
      <c r="AY4854" s="164"/>
      <c r="BK4854" s="98"/>
      <c r="BL4854" s="97"/>
      <c r="BX4854" s="98"/>
      <c r="CL4854" s="97"/>
      <c r="CX4854" s="98"/>
      <c r="DL4854" s="97"/>
      <c r="DX4854" s="98"/>
      <c r="EL4854" s="97"/>
      <c r="EX4854" s="98"/>
      <c r="EY4854" s="97"/>
      <c r="FL4854" s="126"/>
      <c r="FM4854" s="91"/>
      <c r="FN4854" s="91"/>
      <c r="FO4854" s="91"/>
      <c r="FP4854" s="91"/>
      <c r="FQ4854" s="91"/>
      <c r="FR4854" s="91"/>
      <c r="FS4854" s="91"/>
      <c r="FT4854" s="91"/>
      <c r="FU4854" s="91"/>
      <c r="FV4854" s="91"/>
      <c r="FW4854" s="91"/>
      <c r="FX4854" s="127"/>
      <c r="FY4854" s="126"/>
      <c r="FZ4854" s="91"/>
      <c r="GA4854" s="91"/>
      <c r="GB4854" s="91"/>
      <c r="GC4854" s="91"/>
      <c r="GD4854" s="91"/>
      <c r="GE4854" s="91"/>
      <c r="GF4854" s="91"/>
      <c r="GG4854" s="91"/>
      <c r="GH4854" s="91"/>
      <c r="GI4854" s="91"/>
      <c r="GJ4854" s="91"/>
      <c r="GK4854" s="127"/>
      <c r="GL4854" s="126"/>
      <c r="GM4854" s="91"/>
      <c r="GN4854" s="91"/>
      <c r="GO4854" s="91"/>
      <c r="GP4854" s="91"/>
      <c r="GQ4854" s="91"/>
      <c r="GR4854" s="91"/>
      <c r="GS4854" s="91"/>
      <c r="GT4854" s="91"/>
      <c r="GU4854" s="91"/>
      <c r="GV4854" s="91"/>
      <c r="GW4854" s="91"/>
      <c r="GX4854" s="127"/>
      <c r="GY4854" s="126"/>
      <c r="GZ4854" s="91"/>
      <c r="HA4854" s="91"/>
      <c r="HB4854" s="91"/>
      <c r="HC4854" s="91"/>
      <c r="HD4854" s="91"/>
      <c r="HE4854" s="91"/>
      <c r="HF4854" s="91"/>
      <c r="HG4854" s="91"/>
      <c r="HH4854" s="91"/>
      <c r="HI4854" s="91"/>
      <c r="HJ4854" s="91"/>
      <c r="HK4854" s="127"/>
      <c r="HL4854" s="126"/>
      <c r="HM4854" s="91"/>
      <c r="HN4854" s="91"/>
      <c r="HO4854" s="91"/>
      <c r="HP4854" s="91"/>
      <c r="HQ4854" s="91"/>
      <c r="HR4854" s="91"/>
      <c r="HS4854" s="91"/>
      <c r="HT4854" s="91"/>
      <c r="HU4854" s="91"/>
      <c r="HV4854" s="91"/>
      <c r="HW4854" s="91"/>
      <c r="HX4854" s="127"/>
      <c r="HY4854" s="126"/>
      <c r="HZ4854" s="91"/>
      <c r="IA4854" s="91"/>
      <c r="IB4854" s="91"/>
      <c r="IC4854" s="91"/>
      <c r="ID4854" s="91"/>
      <c r="IE4854" s="91"/>
      <c r="IF4854" s="91"/>
      <c r="IG4854" s="91"/>
      <c r="IH4854" s="91"/>
      <c r="II4854" s="91"/>
      <c r="IJ4854" s="91"/>
      <c r="IK4854" s="174"/>
    </row>
    <row r="4855" spans="2:245" x14ac:dyDescent="0.2">
      <c r="B4855" s="43"/>
      <c r="C4855" s="73"/>
      <c r="D4855" s="64"/>
      <c r="E4855" s="64"/>
      <c r="F4855" s="55"/>
      <c r="G4855" s="102"/>
      <c r="H4855" s="97"/>
      <c r="T4855" s="98"/>
      <c r="U4855" s="97"/>
      <c r="AG4855" s="98"/>
      <c r="AY4855" s="164"/>
      <c r="BK4855" s="98"/>
      <c r="BL4855" s="97"/>
      <c r="BX4855" s="98"/>
      <c r="CL4855" s="97"/>
      <c r="CX4855" s="98"/>
      <c r="DL4855" s="97"/>
      <c r="DX4855" s="98"/>
      <c r="EL4855" s="97"/>
      <c r="EX4855" s="98"/>
      <c r="EY4855" s="97"/>
      <c r="FL4855" s="126"/>
      <c r="FM4855" s="91"/>
      <c r="FN4855" s="91"/>
      <c r="FO4855" s="91"/>
      <c r="FP4855" s="91"/>
      <c r="FQ4855" s="91"/>
      <c r="FR4855" s="91"/>
      <c r="FS4855" s="91"/>
      <c r="FT4855" s="91"/>
      <c r="FU4855" s="91"/>
      <c r="FV4855" s="91"/>
      <c r="FW4855" s="91"/>
      <c r="FX4855" s="127"/>
      <c r="FY4855" s="126"/>
      <c r="FZ4855" s="91"/>
      <c r="GA4855" s="91"/>
      <c r="GB4855" s="91"/>
      <c r="GC4855" s="91"/>
      <c r="GD4855" s="91"/>
      <c r="GE4855" s="91"/>
      <c r="GF4855" s="91"/>
      <c r="GG4855" s="91"/>
      <c r="GH4855" s="91"/>
      <c r="GI4855" s="91"/>
      <c r="GJ4855" s="91"/>
      <c r="GK4855" s="127"/>
      <c r="GL4855" s="126"/>
      <c r="GM4855" s="91"/>
      <c r="GN4855" s="91"/>
      <c r="GO4855" s="91"/>
      <c r="GP4855" s="91"/>
      <c r="GQ4855" s="91"/>
      <c r="GR4855" s="91"/>
      <c r="GS4855" s="91"/>
      <c r="GT4855" s="91"/>
      <c r="GU4855" s="91"/>
      <c r="GV4855" s="91"/>
      <c r="GW4855" s="91"/>
      <c r="GX4855" s="127"/>
      <c r="GY4855" s="126"/>
      <c r="GZ4855" s="91"/>
      <c r="HA4855" s="91"/>
      <c r="HB4855" s="91"/>
      <c r="HC4855" s="91"/>
      <c r="HD4855" s="91"/>
      <c r="HE4855" s="91"/>
      <c r="HF4855" s="91"/>
      <c r="HG4855" s="91"/>
      <c r="HH4855" s="91"/>
      <c r="HI4855" s="91"/>
      <c r="HJ4855" s="91"/>
      <c r="HK4855" s="127"/>
      <c r="HL4855" s="126"/>
      <c r="HM4855" s="91"/>
      <c r="HN4855" s="91"/>
      <c r="HO4855" s="91"/>
      <c r="HP4855" s="91"/>
      <c r="HQ4855" s="91"/>
      <c r="HR4855" s="91"/>
      <c r="HS4855" s="91"/>
      <c r="HT4855" s="91"/>
      <c r="HU4855" s="91"/>
      <c r="HV4855" s="91"/>
      <c r="HW4855" s="91"/>
      <c r="HX4855" s="127"/>
      <c r="HY4855" s="126"/>
      <c r="HZ4855" s="91"/>
      <c r="IA4855" s="91"/>
      <c r="IB4855" s="91"/>
      <c r="IC4855" s="91"/>
      <c r="ID4855" s="91"/>
      <c r="IE4855" s="91"/>
      <c r="IF4855" s="91"/>
      <c r="IG4855" s="91"/>
      <c r="IH4855" s="91"/>
      <c r="II4855" s="91"/>
      <c r="IJ4855" s="91"/>
      <c r="IK4855" s="174"/>
    </row>
    <row r="4856" spans="2:245" x14ac:dyDescent="0.2">
      <c r="B4856" s="43"/>
      <c r="C4856" s="73"/>
      <c r="D4856" s="64"/>
      <c r="E4856" s="64"/>
      <c r="F4856" s="55"/>
      <c r="G4856" s="102"/>
      <c r="H4856" s="97"/>
      <c r="T4856" s="98"/>
      <c r="U4856" s="97"/>
      <c r="AG4856" s="98"/>
      <c r="AY4856" s="164"/>
      <c r="BK4856" s="98"/>
      <c r="BL4856" s="97"/>
      <c r="BX4856" s="98"/>
      <c r="CL4856" s="97"/>
      <c r="CX4856" s="98"/>
      <c r="DL4856" s="97"/>
      <c r="DX4856" s="98"/>
      <c r="EL4856" s="97"/>
      <c r="EX4856" s="98"/>
      <c r="EY4856" s="97"/>
      <c r="FL4856" s="126"/>
      <c r="FM4856" s="91"/>
      <c r="FN4856" s="91"/>
      <c r="FO4856" s="91"/>
      <c r="FP4856" s="91"/>
      <c r="FQ4856" s="91"/>
      <c r="FR4856" s="91"/>
      <c r="FS4856" s="91"/>
      <c r="FT4856" s="91"/>
      <c r="FU4856" s="91"/>
      <c r="FV4856" s="91"/>
      <c r="FW4856" s="91"/>
      <c r="FX4856" s="127"/>
      <c r="FY4856" s="126"/>
      <c r="FZ4856" s="91"/>
      <c r="GA4856" s="91"/>
      <c r="GB4856" s="91"/>
      <c r="GC4856" s="91"/>
      <c r="GD4856" s="91"/>
      <c r="GE4856" s="91"/>
      <c r="GF4856" s="91"/>
      <c r="GG4856" s="91"/>
      <c r="GH4856" s="91"/>
      <c r="GI4856" s="91"/>
      <c r="GJ4856" s="91"/>
      <c r="GK4856" s="127"/>
      <c r="GL4856" s="126"/>
      <c r="GM4856" s="91"/>
      <c r="GN4856" s="91"/>
      <c r="GO4856" s="91"/>
      <c r="GP4856" s="91"/>
      <c r="GQ4856" s="91"/>
      <c r="GR4856" s="91"/>
      <c r="GS4856" s="91"/>
      <c r="GT4856" s="91"/>
      <c r="GU4856" s="91"/>
      <c r="GV4856" s="91"/>
      <c r="GW4856" s="91"/>
      <c r="GX4856" s="127"/>
      <c r="GY4856" s="126"/>
      <c r="GZ4856" s="91"/>
      <c r="HA4856" s="91"/>
      <c r="HB4856" s="91"/>
      <c r="HC4856" s="91"/>
      <c r="HD4856" s="91"/>
      <c r="HE4856" s="91"/>
      <c r="HF4856" s="91"/>
      <c r="HG4856" s="91"/>
      <c r="HH4856" s="91"/>
      <c r="HI4856" s="91"/>
      <c r="HJ4856" s="91"/>
      <c r="HK4856" s="127"/>
      <c r="HL4856" s="126"/>
      <c r="HM4856" s="91"/>
      <c r="HN4856" s="91"/>
      <c r="HO4856" s="91"/>
      <c r="HP4856" s="91"/>
      <c r="HQ4856" s="91"/>
      <c r="HR4856" s="91"/>
      <c r="HS4856" s="91"/>
      <c r="HT4856" s="91"/>
      <c r="HU4856" s="91"/>
      <c r="HV4856" s="91"/>
      <c r="HW4856" s="91"/>
      <c r="HX4856" s="127"/>
      <c r="HY4856" s="126"/>
      <c r="HZ4856" s="91"/>
      <c r="IA4856" s="91"/>
      <c r="IB4856" s="91"/>
      <c r="IC4856" s="91"/>
      <c r="ID4856" s="91"/>
      <c r="IE4856" s="91"/>
      <c r="IF4856" s="91"/>
      <c r="IG4856" s="91"/>
      <c r="IH4856" s="91"/>
      <c r="II4856" s="91"/>
      <c r="IJ4856" s="91"/>
      <c r="IK4856" s="174"/>
    </row>
    <row r="4857" spans="2:245" x14ac:dyDescent="0.2">
      <c r="B4857" s="43"/>
      <c r="C4857" s="73"/>
      <c r="D4857" s="64"/>
      <c r="E4857" s="64"/>
      <c r="F4857" s="55"/>
      <c r="G4857" s="102"/>
      <c r="H4857" s="97"/>
      <c r="T4857" s="98"/>
      <c r="U4857" s="97"/>
      <c r="AG4857" s="98"/>
      <c r="AY4857" s="164"/>
      <c r="BK4857" s="98"/>
      <c r="BL4857" s="97"/>
      <c r="BX4857" s="98"/>
      <c r="CL4857" s="97"/>
      <c r="CX4857" s="98"/>
      <c r="DL4857" s="97"/>
      <c r="DX4857" s="98"/>
      <c r="EL4857" s="97"/>
      <c r="EX4857" s="98"/>
      <c r="EY4857" s="97"/>
      <c r="FL4857" s="126"/>
      <c r="FM4857" s="91"/>
      <c r="FN4857" s="91"/>
      <c r="FO4857" s="91"/>
      <c r="FP4857" s="91"/>
      <c r="FQ4857" s="91"/>
      <c r="FR4857" s="91"/>
      <c r="FS4857" s="91"/>
      <c r="FT4857" s="91"/>
      <c r="FU4857" s="91"/>
      <c r="FV4857" s="91"/>
      <c r="FW4857" s="91"/>
      <c r="FX4857" s="127"/>
      <c r="FY4857" s="126"/>
      <c r="FZ4857" s="91"/>
      <c r="GA4857" s="91"/>
      <c r="GB4857" s="91"/>
      <c r="GC4857" s="91"/>
      <c r="GD4857" s="91"/>
      <c r="GE4857" s="91"/>
      <c r="GF4857" s="91"/>
      <c r="GG4857" s="91"/>
      <c r="GH4857" s="91"/>
      <c r="GI4857" s="91"/>
      <c r="GJ4857" s="91"/>
      <c r="GK4857" s="127"/>
      <c r="GL4857" s="126"/>
      <c r="GM4857" s="91"/>
      <c r="GN4857" s="91"/>
      <c r="GO4857" s="91"/>
      <c r="GP4857" s="91"/>
      <c r="GQ4857" s="91"/>
      <c r="GR4857" s="91"/>
      <c r="GS4857" s="91"/>
      <c r="GT4857" s="91"/>
      <c r="GU4857" s="91"/>
      <c r="GV4857" s="91"/>
      <c r="GW4857" s="91"/>
      <c r="GX4857" s="127"/>
      <c r="GY4857" s="126"/>
      <c r="GZ4857" s="91"/>
      <c r="HA4857" s="91"/>
      <c r="HB4857" s="91"/>
      <c r="HC4857" s="91"/>
      <c r="HD4857" s="91"/>
      <c r="HE4857" s="91"/>
      <c r="HF4857" s="91"/>
      <c r="HG4857" s="91"/>
      <c r="HH4857" s="91"/>
      <c r="HI4857" s="91"/>
      <c r="HJ4857" s="91"/>
      <c r="HK4857" s="127"/>
      <c r="HL4857" s="126"/>
      <c r="HM4857" s="91"/>
      <c r="HN4857" s="91"/>
      <c r="HO4857" s="91"/>
      <c r="HP4857" s="91"/>
      <c r="HQ4857" s="91"/>
      <c r="HR4857" s="91"/>
      <c r="HS4857" s="91"/>
      <c r="HT4857" s="91"/>
      <c r="HU4857" s="91"/>
      <c r="HV4857" s="91"/>
      <c r="HW4857" s="91"/>
      <c r="HX4857" s="127"/>
      <c r="HY4857" s="126"/>
      <c r="HZ4857" s="91"/>
      <c r="IA4857" s="91"/>
      <c r="IB4857" s="91"/>
      <c r="IC4857" s="91"/>
      <c r="ID4857" s="91"/>
      <c r="IE4857" s="91"/>
      <c r="IF4857" s="91"/>
      <c r="IG4857" s="91"/>
      <c r="IH4857" s="91"/>
      <c r="II4857" s="91"/>
      <c r="IJ4857" s="91"/>
      <c r="IK4857" s="174"/>
    </row>
    <row r="4858" spans="2:245" x14ac:dyDescent="0.2">
      <c r="B4858" s="43"/>
      <c r="C4858" s="73"/>
      <c r="D4858" s="64"/>
      <c r="E4858" s="64"/>
      <c r="F4858" s="55"/>
      <c r="G4858" s="102"/>
      <c r="H4858" s="97"/>
      <c r="T4858" s="98"/>
      <c r="U4858" s="97"/>
      <c r="AG4858" s="98"/>
      <c r="AY4858" s="164"/>
      <c r="BK4858" s="98"/>
      <c r="BL4858" s="97"/>
      <c r="BX4858" s="98"/>
      <c r="CL4858" s="97"/>
      <c r="CX4858" s="98"/>
      <c r="DL4858" s="97"/>
      <c r="DX4858" s="98"/>
      <c r="EL4858" s="97"/>
      <c r="EX4858" s="98"/>
      <c r="EY4858" s="97"/>
      <c r="FL4858" s="126"/>
      <c r="FM4858" s="91"/>
      <c r="FN4858" s="91"/>
      <c r="FO4858" s="91"/>
      <c r="FP4858" s="91"/>
      <c r="FQ4858" s="91"/>
      <c r="FR4858" s="91"/>
      <c r="FS4858" s="91"/>
      <c r="FT4858" s="91"/>
      <c r="FU4858" s="91"/>
      <c r="FV4858" s="91"/>
      <c r="FW4858" s="91"/>
      <c r="FX4858" s="127"/>
      <c r="FY4858" s="126"/>
      <c r="FZ4858" s="91"/>
      <c r="GA4858" s="91"/>
      <c r="GB4858" s="91"/>
      <c r="GC4858" s="91"/>
      <c r="GD4858" s="91"/>
      <c r="GE4858" s="91"/>
      <c r="GF4858" s="91"/>
      <c r="GG4858" s="91"/>
      <c r="GH4858" s="91"/>
      <c r="GI4858" s="91"/>
      <c r="GJ4858" s="91"/>
      <c r="GK4858" s="127"/>
      <c r="GL4858" s="126"/>
      <c r="GM4858" s="91"/>
      <c r="GN4858" s="91"/>
      <c r="GO4858" s="91"/>
      <c r="GP4858" s="91"/>
      <c r="GQ4858" s="91"/>
      <c r="GR4858" s="91"/>
      <c r="GS4858" s="91"/>
      <c r="GT4858" s="91"/>
      <c r="GU4858" s="91"/>
      <c r="GV4858" s="91"/>
      <c r="GW4858" s="91"/>
      <c r="GX4858" s="127"/>
      <c r="GY4858" s="126"/>
      <c r="GZ4858" s="91"/>
      <c r="HA4858" s="91"/>
      <c r="HB4858" s="91"/>
      <c r="HC4858" s="91"/>
      <c r="HD4858" s="91"/>
      <c r="HE4858" s="91"/>
      <c r="HF4858" s="91"/>
      <c r="HG4858" s="91"/>
      <c r="HH4858" s="91"/>
      <c r="HI4858" s="91"/>
      <c r="HJ4858" s="91"/>
      <c r="HK4858" s="127"/>
      <c r="HL4858" s="126"/>
      <c r="HM4858" s="91"/>
      <c r="HN4858" s="91"/>
      <c r="HO4858" s="91"/>
      <c r="HP4858" s="91"/>
      <c r="HQ4858" s="91"/>
      <c r="HR4858" s="91"/>
      <c r="HS4858" s="91"/>
      <c r="HT4858" s="91"/>
      <c r="HU4858" s="91"/>
      <c r="HV4858" s="91"/>
      <c r="HW4858" s="91"/>
      <c r="HX4858" s="127"/>
      <c r="HY4858" s="126"/>
      <c r="HZ4858" s="91"/>
      <c r="IA4858" s="91"/>
      <c r="IB4858" s="91"/>
      <c r="IC4858" s="91"/>
      <c r="ID4858" s="91"/>
      <c r="IE4858" s="91"/>
      <c r="IF4858" s="91"/>
      <c r="IG4858" s="91"/>
      <c r="IH4858" s="91"/>
      <c r="II4858" s="91"/>
      <c r="IJ4858" s="91"/>
      <c r="IK4858" s="174"/>
    </row>
    <row r="4859" spans="2:245" x14ac:dyDescent="0.2">
      <c r="B4859" s="43"/>
      <c r="C4859" s="73"/>
      <c r="D4859" s="64"/>
      <c r="E4859" s="64"/>
      <c r="F4859" s="55"/>
      <c r="G4859" s="102"/>
      <c r="H4859" s="97"/>
      <c r="T4859" s="98"/>
      <c r="U4859" s="97"/>
      <c r="AG4859" s="98"/>
      <c r="AY4859" s="164"/>
      <c r="BK4859" s="98"/>
      <c r="BL4859" s="97"/>
      <c r="BX4859" s="98"/>
      <c r="CL4859" s="97"/>
      <c r="CX4859" s="98"/>
      <c r="DL4859" s="97"/>
      <c r="DX4859" s="98"/>
      <c r="EL4859" s="97"/>
      <c r="EX4859" s="98"/>
      <c r="EY4859" s="97"/>
      <c r="FL4859" s="126"/>
      <c r="FM4859" s="91"/>
      <c r="FN4859" s="91"/>
      <c r="FO4859" s="91"/>
      <c r="FP4859" s="91"/>
      <c r="FQ4859" s="91"/>
      <c r="FR4859" s="91"/>
      <c r="FS4859" s="91"/>
      <c r="FT4859" s="91"/>
      <c r="FU4859" s="91"/>
      <c r="FV4859" s="91"/>
      <c r="FW4859" s="91"/>
      <c r="FX4859" s="127"/>
      <c r="FY4859" s="126"/>
      <c r="FZ4859" s="91"/>
      <c r="GA4859" s="91"/>
      <c r="GB4859" s="91"/>
      <c r="GC4859" s="91"/>
      <c r="GD4859" s="91"/>
      <c r="GE4859" s="91"/>
      <c r="GF4859" s="91"/>
      <c r="GG4859" s="91"/>
      <c r="GH4859" s="91"/>
      <c r="GI4859" s="91"/>
      <c r="GJ4859" s="91"/>
      <c r="GK4859" s="127"/>
      <c r="GL4859" s="126"/>
      <c r="GM4859" s="91"/>
      <c r="GN4859" s="91"/>
      <c r="GO4859" s="91"/>
      <c r="GP4859" s="91"/>
      <c r="GQ4859" s="91"/>
      <c r="GR4859" s="91"/>
      <c r="GS4859" s="91"/>
      <c r="GT4859" s="91"/>
      <c r="GU4859" s="91"/>
      <c r="GV4859" s="91"/>
      <c r="GW4859" s="91"/>
      <c r="GX4859" s="127"/>
      <c r="GY4859" s="126"/>
      <c r="GZ4859" s="91"/>
      <c r="HA4859" s="91"/>
      <c r="HB4859" s="91"/>
      <c r="HC4859" s="91"/>
      <c r="HD4859" s="91"/>
      <c r="HE4859" s="91"/>
      <c r="HF4859" s="91"/>
      <c r="HG4859" s="91"/>
      <c r="HH4859" s="91"/>
      <c r="HI4859" s="91"/>
      <c r="HJ4859" s="91"/>
      <c r="HK4859" s="127"/>
      <c r="HL4859" s="126"/>
      <c r="HM4859" s="91"/>
      <c r="HN4859" s="91"/>
      <c r="HO4859" s="91"/>
      <c r="HP4859" s="91"/>
      <c r="HQ4859" s="91"/>
      <c r="HR4859" s="91"/>
      <c r="HS4859" s="91"/>
      <c r="HT4859" s="91"/>
      <c r="HU4859" s="91"/>
      <c r="HV4859" s="91"/>
      <c r="HW4859" s="91"/>
      <c r="HX4859" s="127"/>
      <c r="HY4859" s="126"/>
      <c r="HZ4859" s="91"/>
      <c r="IA4859" s="91"/>
      <c r="IB4859" s="91"/>
      <c r="IC4859" s="91"/>
      <c r="ID4859" s="91"/>
      <c r="IE4859" s="91"/>
      <c r="IF4859" s="91"/>
      <c r="IG4859" s="91"/>
      <c r="IH4859" s="91"/>
      <c r="II4859" s="91"/>
      <c r="IJ4859" s="91"/>
      <c r="IK4859" s="174"/>
    </row>
    <row r="4860" spans="2:245" x14ac:dyDescent="0.2">
      <c r="B4860" s="43"/>
      <c r="C4860" s="73"/>
      <c r="D4860" s="64"/>
      <c r="E4860" s="64"/>
      <c r="F4860" s="55"/>
      <c r="G4860" s="102"/>
      <c r="H4860" s="97"/>
      <c r="T4860" s="98"/>
      <c r="U4860" s="97"/>
      <c r="AG4860" s="98"/>
      <c r="AY4860" s="164"/>
      <c r="BK4860" s="98"/>
      <c r="BL4860" s="97"/>
      <c r="BX4860" s="98"/>
      <c r="CL4860" s="97"/>
      <c r="CX4860" s="98"/>
      <c r="DL4860" s="97"/>
      <c r="DX4860" s="98"/>
      <c r="EL4860" s="97"/>
      <c r="EX4860" s="98"/>
      <c r="EY4860" s="97"/>
      <c r="FL4860" s="126"/>
      <c r="FM4860" s="91"/>
      <c r="FN4860" s="91"/>
      <c r="FO4860" s="91"/>
      <c r="FP4860" s="91"/>
      <c r="FQ4860" s="91"/>
      <c r="FR4860" s="91"/>
      <c r="FS4860" s="91"/>
      <c r="FT4860" s="91"/>
      <c r="FU4860" s="91"/>
      <c r="FV4860" s="91"/>
      <c r="FW4860" s="91"/>
      <c r="FX4860" s="127"/>
      <c r="FY4860" s="126"/>
      <c r="FZ4860" s="91"/>
      <c r="GA4860" s="91"/>
      <c r="GB4860" s="91"/>
      <c r="GC4860" s="91"/>
      <c r="GD4860" s="91"/>
      <c r="GE4860" s="91"/>
      <c r="GF4860" s="91"/>
      <c r="GG4860" s="91"/>
      <c r="GH4860" s="91"/>
      <c r="GI4860" s="91"/>
      <c r="GJ4860" s="91"/>
      <c r="GK4860" s="127"/>
      <c r="GL4860" s="126"/>
      <c r="GM4860" s="91"/>
      <c r="GN4860" s="91"/>
      <c r="GO4860" s="91"/>
      <c r="GP4860" s="91"/>
      <c r="GQ4860" s="91"/>
      <c r="GR4860" s="91"/>
      <c r="GS4860" s="91"/>
      <c r="GT4860" s="91"/>
      <c r="GU4860" s="91"/>
      <c r="GV4860" s="91"/>
      <c r="GW4860" s="91"/>
      <c r="GX4860" s="127"/>
      <c r="GY4860" s="126"/>
      <c r="GZ4860" s="91"/>
      <c r="HA4860" s="91"/>
      <c r="HB4860" s="91"/>
      <c r="HC4860" s="91"/>
      <c r="HD4860" s="91"/>
      <c r="HE4860" s="91"/>
      <c r="HF4860" s="91"/>
      <c r="HG4860" s="91"/>
      <c r="HH4860" s="91"/>
      <c r="HI4860" s="91"/>
      <c r="HJ4860" s="91"/>
      <c r="HK4860" s="127"/>
      <c r="HL4860" s="126"/>
      <c r="HM4860" s="91"/>
      <c r="HN4860" s="91"/>
      <c r="HO4860" s="91"/>
      <c r="HP4860" s="91"/>
      <c r="HQ4860" s="91"/>
      <c r="HR4860" s="91"/>
      <c r="HS4860" s="91"/>
      <c r="HT4860" s="91"/>
      <c r="HU4860" s="91"/>
      <c r="HV4860" s="91"/>
      <c r="HW4860" s="91"/>
      <c r="HX4860" s="127"/>
      <c r="HY4860" s="126"/>
      <c r="HZ4860" s="91"/>
      <c r="IA4860" s="91"/>
      <c r="IB4860" s="91"/>
      <c r="IC4860" s="91"/>
      <c r="ID4860" s="91"/>
      <c r="IE4860" s="91"/>
      <c r="IF4860" s="91"/>
      <c r="IG4860" s="91"/>
      <c r="IH4860" s="91"/>
      <c r="II4860" s="91"/>
      <c r="IJ4860" s="91"/>
      <c r="IK4860" s="174"/>
    </row>
    <row r="4861" spans="2:245" x14ac:dyDescent="0.2">
      <c r="B4861" s="43"/>
      <c r="C4861" s="73"/>
      <c r="D4861" s="64"/>
      <c r="E4861" s="64"/>
      <c r="F4861" s="55"/>
      <c r="G4861" s="102"/>
      <c r="H4861" s="97"/>
      <c r="T4861" s="98"/>
      <c r="U4861" s="97"/>
      <c r="AG4861" s="98"/>
      <c r="AY4861" s="164"/>
      <c r="BK4861" s="98"/>
      <c r="BL4861" s="97"/>
      <c r="BX4861" s="98"/>
      <c r="CL4861" s="97"/>
      <c r="CX4861" s="98"/>
      <c r="DL4861" s="97"/>
      <c r="DX4861" s="98"/>
      <c r="EL4861" s="97"/>
      <c r="EX4861" s="98"/>
      <c r="EY4861" s="97"/>
      <c r="FL4861" s="126"/>
      <c r="FM4861" s="91"/>
      <c r="FN4861" s="91"/>
      <c r="FO4861" s="91"/>
      <c r="FP4861" s="91"/>
      <c r="FQ4861" s="91"/>
      <c r="FR4861" s="91"/>
      <c r="FS4861" s="91"/>
      <c r="FT4861" s="91"/>
      <c r="FU4861" s="91"/>
      <c r="FV4861" s="91"/>
      <c r="FW4861" s="91"/>
      <c r="FX4861" s="127"/>
      <c r="FY4861" s="126"/>
      <c r="FZ4861" s="91"/>
      <c r="GA4861" s="91"/>
      <c r="GB4861" s="91"/>
      <c r="GC4861" s="91"/>
      <c r="GD4861" s="91"/>
      <c r="GE4861" s="91"/>
      <c r="GF4861" s="91"/>
      <c r="GG4861" s="91"/>
      <c r="GH4861" s="91"/>
      <c r="GI4861" s="91"/>
      <c r="GJ4861" s="91"/>
      <c r="GK4861" s="127"/>
      <c r="GL4861" s="126"/>
      <c r="GM4861" s="91"/>
      <c r="GN4861" s="91"/>
      <c r="GO4861" s="91"/>
      <c r="GP4861" s="91"/>
      <c r="GQ4861" s="91"/>
      <c r="GR4861" s="91"/>
      <c r="GS4861" s="91"/>
      <c r="GT4861" s="91"/>
      <c r="GU4861" s="91"/>
      <c r="GV4861" s="91"/>
      <c r="GW4861" s="91"/>
      <c r="GX4861" s="127"/>
      <c r="GY4861" s="126"/>
      <c r="GZ4861" s="91"/>
      <c r="HA4861" s="91"/>
      <c r="HB4861" s="91"/>
      <c r="HC4861" s="91"/>
      <c r="HD4861" s="91"/>
      <c r="HE4861" s="91"/>
      <c r="HF4861" s="91"/>
      <c r="HG4861" s="91"/>
      <c r="HH4861" s="91"/>
      <c r="HI4861" s="91"/>
      <c r="HJ4861" s="91"/>
      <c r="HK4861" s="127"/>
      <c r="HL4861" s="126"/>
      <c r="HM4861" s="91"/>
      <c r="HN4861" s="91"/>
      <c r="HO4861" s="91"/>
      <c r="HP4861" s="91"/>
      <c r="HQ4861" s="91"/>
      <c r="HR4861" s="91"/>
      <c r="HS4861" s="91"/>
      <c r="HT4861" s="91"/>
      <c r="HU4861" s="91"/>
      <c r="HV4861" s="91"/>
      <c r="HW4861" s="91"/>
      <c r="HX4861" s="127"/>
      <c r="HY4861" s="126"/>
      <c r="HZ4861" s="91"/>
      <c r="IA4861" s="91"/>
      <c r="IB4861" s="91"/>
      <c r="IC4861" s="91"/>
      <c r="ID4861" s="91"/>
      <c r="IE4861" s="91"/>
      <c r="IF4861" s="91"/>
      <c r="IG4861" s="91"/>
      <c r="IH4861" s="91"/>
      <c r="II4861" s="91"/>
      <c r="IJ4861" s="91"/>
      <c r="IK4861" s="174"/>
    </row>
    <row r="4862" spans="2:245" x14ac:dyDescent="0.2">
      <c r="B4862" s="43"/>
      <c r="C4862" s="73"/>
      <c r="D4862" s="64"/>
      <c r="E4862" s="64"/>
      <c r="F4862" s="55"/>
      <c r="G4862" s="102"/>
      <c r="H4862" s="97"/>
      <c r="T4862" s="98"/>
      <c r="U4862" s="97"/>
      <c r="AG4862" s="98"/>
      <c r="AY4862" s="164"/>
      <c r="BK4862" s="98"/>
      <c r="BL4862" s="97"/>
      <c r="BX4862" s="98"/>
      <c r="CL4862" s="97"/>
      <c r="CX4862" s="98"/>
      <c r="DL4862" s="97"/>
      <c r="DX4862" s="98"/>
      <c r="EL4862" s="97"/>
      <c r="EX4862" s="98"/>
      <c r="EY4862" s="97"/>
      <c r="FL4862" s="126"/>
      <c r="FM4862" s="91"/>
      <c r="FN4862" s="91"/>
      <c r="FO4862" s="91"/>
      <c r="FP4862" s="91"/>
      <c r="FQ4862" s="91"/>
      <c r="FR4862" s="91"/>
      <c r="FS4862" s="91"/>
      <c r="FT4862" s="91"/>
      <c r="FU4862" s="91"/>
      <c r="FV4862" s="91"/>
      <c r="FW4862" s="91"/>
      <c r="FX4862" s="127"/>
      <c r="FY4862" s="126"/>
      <c r="FZ4862" s="91"/>
      <c r="GA4862" s="91"/>
      <c r="GB4862" s="91"/>
      <c r="GC4862" s="91"/>
      <c r="GD4862" s="91"/>
      <c r="GE4862" s="91"/>
      <c r="GF4862" s="91"/>
      <c r="GG4862" s="91"/>
      <c r="GH4862" s="91"/>
      <c r="GI4862" s="91"/>
      <c r="GJ4862" s="91"/>
      <c r="GK4862" s="127"/>
      <c r="GL4862" s="126"/>
      <c r="GM4862" s="91"/>
      <c r="GN4862" s="91"/>
      <c r="GO4862" s="91"/>
      <c r="GP4862" s="91"/>
      <c r="GQ4862" s="91"/>
      <c r="GR4862" s="91"/>
      <c r="GS4862" s="91"/>
      <c r="GT4862" s="91"/>
      <c r="GU4862" s="91"/>
      <c r="GV4862" s="91"/>
      <c r="GW4862" s="91"/>
      <c r="GX4862" s="127"/>
      <c r="GY4862" s="126"/>
      <c r="GZ4862" s="91"/>
      <c r="HA4862" s="91"/>
      <c r="HB4862" s="91"/>
      <c r="HC4862" s="91"/>
      <c r="HD4862" s="91"/>
      <c r="HE4862" s="91"/>
      <c r="HF4862" s="91"/>
      <c r="HG4862" s="91"/>
      <c r="HH4862" s="91"/>
      <c r="HI4862" s="91"/>
      <c r="HJ4862" s="91"/>
      <c r="HK4862" s="127"/>
      <c r="HL4862" s="126"/>
      <c r="HM4862" s="91"/>
      <c r="HN4862" s="91"/>
      <c r="HO4862" s="91"/>
      <c r="HP4862" s="91"/>
      <c r="HQ4862" s="91"/>
      <c r="HR4862" s="91"/>
      <c r="HS4862" s="91"/>
      <c r="HT4862" s="91"/>
      <c r="HU4862" s="91"/>
      <c r="HV4862" s="91"/>
      <c r="HW4862" s="91"/>
      <c r="HX4862" s="127"/>
      <c r="HY4862" s="126"/>
      <c r="HZ4862" s="91"/>
      <c r="IA4862" s="91"/>
      <c r="IB4862" s="91"/>
      <c r="IC4862" s="91"/>
      <c r="ID4862" s="91"/>
      <c r="IE4862" s="91"/>
      <c r="IF4862" s="91"/>
      <c r="IG4862" s="91"/>
      <c r="IH4862" s="91"/>
      <c r="II4862" s="91"/>
      <c r="IJ4862" s="91"/>
      <c r="IK4862" s="174"/>
    </row>
    <row r="4863" spans="2:245" x14ac:dyDescent="0.2">
      <c r="B4863" s="43"/>
      <c r="C4863" s="73"/>
      <c r="D4863" s="64"/>
      <c r="E4863" s="64"/>
      <c r="F4863" s="55"/>
      <c r="G4863" s="102"/>
      <c r="H4863" s="97"/>
      <c r="T4863" s="98"/>
      <c r="U4863" s="97"/>
      <c r="AG4863" s="98"/>
      <c r="AY4863" s="164"/>
      <c r="BK4863" s="98"/>
      <c r="BL4863" s="97"/>
      <c r="BX4863" s="98"/>
      <c r="CL4863" s="97"/>
      <c r="CX4863" s="98"/>
      <c r="DL4863" s="97"/>
      <c r="DX4863" s="98"/>
      <c r="EL4863" s="97"/>
      <c r="EX4863" s="98"/>
      <c r="EY4863" s="97"/>
      <c r="FL4863" s="126"/>
      <c r="FM4863" s="91"/>
      <c r="FN4863" s="91"/>
      <c r="FO4863" s="91"/>
      <c r="FP4863" s="91"/>
      <c r="FQ4863" s="91"/>
      <c r="FR4863" s="91"/>
      <c r="FS4863" s="91"/>
      <c r="FT4863" s="91"/>
      <c r="FU4863" s="91"/>
      <c r="FV4863" s="91"/>
      <c r="FW4863" s="91"/>
      <c r="FX4863" s="127"/>
      <c r="FY4863" s="126"/>
      <c r="FZ4863" s="91"/>
      <c r="GA4863" s="91"/>
      <c r="GB4863" s="91"/>
      <c r="GC4863" s="91"/>
      <c r="GD4863" s="91"/>
      <c r="GE4863" s="91"/>
      <c r="GF4863" s="91"/>
      <c r="GG4863" s="91"/>
      <c r="GH4863" s="91"/>
      <c r="GI4863" s="91"/>
      <c r="GJ4863" s="91"/>
      <c r="GK4863" s="127"/>
      <c r="GL4863" s="126"/>
      <c r="GM4863" s="91"/>
      <c r="GN4863" s="91"/>
      <c r="GO4863" s="91"/>
      <c r="GP4863" s="91"/>
      <c r="GQ4863" s="91"/>
      <c r="GR4863" s="91"/>
      <c r="GS4863" s="91"/>
      <c r="GT4863" s="91"/>
      <c r="GU4863" s="91"/>
      <c r="GV4863" s="91"/>
      <c r="GW4863" s="91"/>
      <c r="GX4863" s="127"/>
      <c r="GY4863" s="126"/>
      <c r="GZ4863" s="91"/>
      <c r="HA4863" s="91"/>
      <c r="HB4863" s="91"/>
      <c r="HC4863" s="91"/>
      <c r="HD4863" s="91"/>
      <c r="HE4863" s="91"/>
      <c r="HF4863" s="91"/>
      <c r="HG4863" s="91"/>
      <c r="HH4863" s="91"/>
      <c r="HI4863" s="91"/>
      <c r="HJ4863" s="91"/>
      <c r="HK4863" s="127"/>
      <c r="HL4863" s="126"/>
      <c r="HM4863" s="91"/>
      <c r="HN4863" s="91"/>
      <c r="HO4863" s="91"/>
      <c r="HP4863" s="91"/>
      <c r="HQ4863" s="91"/>
      <c r="HR4863" s="91"/>
      <c r="HS4863" s="91"/>
      <c r="HT4863" s="91"/>
      <c r="HU4863" s="91"/>
      <c r="HV4863" s="91"/>
      <c r="HW4863" s="91"/>
      <c r="HX4863" s="127"/>
      <c r="HY4863" s="126"/>
      <c r="HZ4863" s="91"/>
      <c r="IA4863" s="91"/>
      <c r="IB4863" s="91"/>
      <c r="IC4863" s="91"/>
      <c r="ID4863" s="91"/>
      <c r="IE4863" s="91"/>
      <c r="IF4863" s="91"/>
      <c r="IG4863" s="91"/>
      <c r="IH4863" s="91"/>
      <c r="II4863" s="91"/>
      <c r="IJ4863" s="91"/>
      <c r="IK4863" s="174"/>
    </row>
    <row r="4864" spans="2:245" x14ac:dyDescent="0.2">
      <c r="B4864" s="43"/>
      <c r="C4864" s="73"/>
      <c r="D4864" s="64"/>
      <c r="E4864" s="64"/>
      <c r="F4864" s="55"/>
      <c r="G4864" s="102"/>
      <c r="H4864" s="97"/>
      <c r="T4864" s="98"/>
      <c r="U4864" s="97"/>
      <c r="AG4864" s="98"/>
      <c r="AY4864" s="164"/>
      <c r="BK4864" s="98"/>
      <c r="BL4864" s="97"/>
      <c r="BX4864" s="98"/>
      <c r="CL4864" s="97"/>
      <c r="CX4864" s="98"/>
      <c r="DL4864" s="97"/>
      <c r="DX4864" s="98"/>
      <c r="EL4864" s="97"/>
      <c r="EX4864" s="98"/>
      <c r="EY4864" s="97"/>
      <c r="FL4864" s="126"/>
      <c r="FM4864" s="91"/>
      <c r="FN4864" s="91"/>
      <c r="FO4864" s="91"/>
      <c r="FP4864" s="91"/>
      <c r="FQ4864" s="91"/>
      <c r="FR4864" s="91"/>
      <c r="FS4864" s="91"/>
      <c r="FT4864" s="91"/>
      <c r="FU4864" s="91"/>
      <c r="FV4864" s="91"/>
      <c r="FW4864" s="91"/>
      <c r="FX4864" s="127"/>
      <c r="FY4864" s="126"/>
      <c r="FZ4864" s="91"/>
      <c r="GA4864" s="91"/>
      <c r="GB4864" s="91"/>
      <c r="GC4864" s="91"/>
      <c r="GD4864" s="91"/>
      <c r="GE4864" s="91"/>
      <c r="GF4864" s="91"/>
      <c r="GG4864" s="91"/>
      <c r="GH4864" s="91"/>
      <c r="GI4864" s="91"/>
      <c r="GJ4864" s="91"/>
      <c r="GK4864" s="127"/>
      <c r="GL4864" s="126"/>
      <c r="GM4864" s="91"/>
      <c r="GN4864" s="91"/>
      <c r="GO4864" s="91"/>
      <c r="GP4864" s="91"/>
      <c r="GQ4864" s="91"/>
      <c r="GR4864" s="91"/>
      <c r="GS4864" s="91"/>
      <c r="GT4864" s="91"/>
      <c r="GU4864" s="91"/>
      <c r="GV4864" s="91"/>
      <c r="GW4864" s="91"/>
      <c r="GX4864" s="127"/>
      <c r="GY4864" s="126"/>
      <c r="GZ4864" s="91"/>
      <c r="HA4864" s="91"/>
      <c r="HB4864" s="91"/>
      <c r="HC4864" s="91"/>
      <c r="HD4864" s="91"/>
      <c r="HE4864" s="91"/>
      <c r="HF4864" s="91"/>
      <c r="HG4864" s="91"/>
      <c r="HH4864" s="91"/>
      <c r="HI4864" s="91"/>
      <c r="HJ4864" s="91"/>
      <c r="HK4864" s="127"/>
      <c r="HL4864" s="126"/>
      <c r="HM4864" s="91"/>
      <c r="HN4864" s="91"/>
      <c r="HO4864" s="91"/>
      <c r="HP4864" s="91"/>
      <c r="HQ4864" s="91"/>
      <c r="HR4864" s="91"/>
      <c r="HS4864" s="91"/>
      <c r="HT4864" s="91"/>
      <c r="HU4864" s="91"/>
      <c r="HV4864" s="91"/>
      <c r="HW4864" s="91"/>
      <c r="HX4864" s="127"/>
      <c r="HY4864" s="126"/>
      <c r="HZ4864" s="91"/>
      <c r="IA4864" s="91"/>
      <c r="IB4864" s="91"/>
      <c r="IC4864" s="91"/>
      <c r="ID4864" s="91"/>
      <c r="IE4864" s="91"/>
      <c r="IF4864" s="91"/>
      <c r="IG4864" s="91"/>
      <c r="IH4864" s="91"/>
      <c r="II4864" s="91"/>
      <c r="IJ4864" s="91"/>
      <c r="IK4864" s="174"/>
    </row>
    <row r="4865" spans="2:245" x14ac:dyDescent="0.2">
      <c r="B4865" s="43"/>
      <c r="C4865" s="73"/>
      <c r="D4865" s="64"/>
      <c r="E4865" s="64"/>
      <c r="F4865" s="55"/>
      <c r="G4865" s="102"/>
      <c r="H4865" s="97"/>
      <c r="T4865" s="98"/>
      <c r="U4865" s="97"/>
      <c r="AG4865" s="98"/>
      <c r="AY4865" s="164"/>
      <c r="BK4865" s="98"/>
      <c r="BL4865" s="97"/>
      <c r="BX4865" s="98"/>
      <c r="CL4865" s="97"/>
      <c r="CX4865" s="98"/>
      <c r="DL4865" s="97"/>
      <c r="DX4865" s="98"/>
      <c r="EL4865" s="97"/>
      <c r="EX4865" s="98"/>
      <c r="EY4865" s="97"/>
      <c r="FL4865" s="126"/>
      <c r="FM4865" s="91"/>
      <c r="FN4865" s="91"/>
      <c r="FO4865" s="91"/>
      <c r="FP4865" s="91"/>
      <c r="FQ4865" s="91"/>
      <c r="FR4865" s="91"/>
      <c r="FS4865" s="91"/>
      <c r="FT4865" s="91"/>
      <c r="FU4865" s="91"/>
      <c r="FV4865" s="91"/>
      <c r="FW4865" s="91"/>
      <c r="FX4865" s="127"/>
      <c r="FY4865" s="126"/>
      <c r="FZ4865" s="91"/>
      <c r="GA4865" s="91"/>
      <c r="GB4865" s="91"/>
      <c r="GC4865" s="91"/>
      <c r="GD4865" s="91"/>
      <c r="GE4865" s="91"/>
      <c r="GF4865" s="91"/>
      <c r="GG4865" s="91"/>
      <c r="GH4865" s="91"/>
      <c r="GI4865" s="91"/>
      <c r="GJ4865" s="91"/>
      <c r="GK4865" s="127"/>
      <c r="GL4865" s="126"/>
      <c r="GM4865" s="91"/>
      <c r="GN4865" s="91"/>
      <c r="GO4865" s="91"/>
      <c r="GP4865" s="91"/>
      <c r="GQ4865" s="91"/>
      <c r="GR4865" s="91"/>
      <c r="GS4865" s="91"/>
      <c r="GT4865" s="91"/>
      <c r="GU4865" s="91"/>
      <c r="GV4865" s="91"/>
      <c r="GW4865" s="91"/>
      <c r="GX4865" s="127"/>
      <c r="GY4865" s="126"/>
      <c r="GZ4865" s="91"/>
      <c r="HA4865" s="91"/>
      <c r="HB4865" s="91"/>
      <c r="HC4865" s="91"/>
      <c r="HD4865" s="91"/>
      <c r="HE4865" s="91"/>
      <c r="HF4865" s="91"/>
      <c r="HG4865" s="91"/>
      <c r="HH4865" s="91"/>
      <c r="HI4865" s="91"/>
      <c r="HJ4865" s="91"/>
      <c r="HK4865" s="127"/>
      <c r="HL4865" s="126"/>
      <c r="HM4865" s="91"/>
      <c r="HN4865" s="91"/>
      <c r="HO4865" s="91"/>
      <c r="HP4865" s="91"/>
      <c r="HQ4865" s="91"/>
      <c r="HR4865" s="91"/>
      <c r="HS4865" s="91"/>
      <c r="HT4865" s="91"/>
      <c r="HU4865" s="91"/>
      <c r="HV4865" s="91"/>
      <c r="HW4865" s="91"/>
      <c r="HX4865" s="127"/>
      <c r="HY4865" s="126"/>
      <c r="HZ4865" s="91"/>
      <c r="IA4865" s="91"/>
      <c r="IB4865" s="91"/>
      <c r="IC4865" s="91"/>
      <c r="ID4865" s="91"/>
      <c r="IE4865" s="91"/>
      <c r="IF4865" s="91"/>
      <c r="IG4865" s="91"/>
      <c r="IH4865" s="91"/>
      <c r="II4865" s="91"/>
      <c r="IJ4865" s="91"/>
      <c r="IK4865" s="174"/>
    </row>
    <row r="4866" spans="2:245" x14ac:dyDescent="0.2">
      <c r="B4866" s="43"/>
      <c r="C4866" s="73"/>
      <c r="D4866" s="64"/>
      <c r="E4866" s="64"/>
      <c r="F4866" s="55"/>
      <c r="G4866" s="102"/>
      <c r="H4866" s="97"/>
      <c r="T4866" s="98"/>
      <c r="U4866" s="97"/>
      <c r="AG4866" s="98"/>
      <c r="AY4866" s="164"/>
      <c r="BK4866" s="98"/>
      <c r="BL4866" s="97"/>
      <c r="BX4866" s="98"/>
      <c r="CL4866" s="97"/>
      <c r="CX4866" s="98"/>
      <c r="DL4866" s="97"/>
      <c r="DX4866" s="98"/>
      <c r="EL4866" s="97"/>
      <c r="EX4866" s="98"/>
      <c r="EY4866" s="97"/>
      <c r="FL4866" s="126"/>
      <c r="FM4866" s="91"/>
      <c r="FN4866" s="91"/>
      <c r="FO4866" s="91"/>
      <c r="FP4866" s="91"/>
      <c r="FQ4866" s="91"/>
      <c r="FR4866" s="91"/>
      <c r="FS4866" s="91"/>
      <c r="FT4866" s="91"/>
      <c r="FU4866" s="91"/>
      <c r="FV4866" s="91"/>
      <c r="FW4866" s="91"/>
      <c r="FX4866" s="127"/>
      <c r="FY4866" s="126"/>
      <c r="FZ4866" s="91"/>
      <c r="GA4866" s="91"/>
      <c r="GB4866" s="91"/>
      <c r="GC4866" s="91"/>
      <c r="GD4866" s="91"/>
      <c r="GE4866" s="91"/>
      <c r="GF4866" s="91"/>
      <c r="GG4866" s="91"/>
      <c r="GH4866" s="91"/>
      <c r="GI4866" s="91"/>
      <c r="GJ4866" s="91"/>
      <c r="GK4866" s="127"/>
      <c r="GL4866" s="126"/>
      <c r="GM4866" s="91"/>
      <c r="GN4866" s="91"/>
      <c r="GO4866" s="91"/>
      <c r="GP4866" s="91"/>
      <c r="GQ4866" s="91"/>
      <c r="GR4866" s="91"/>
      <c r="GS4866" s="91"/>
      <c r="GT4866" s="91"/>
      <c r="GU4866" s="91"/>
      <c r="GV4866" s="91"/>
      <c r="GW4866" s="91"/>
      <c r="GX4866" s="127"/>
      <c r="GY4866" s="126"/>
      <c r="GZ4866" s="91"/>
      <c r="HA4866" s="91"/>
      <c r="HB4866" s="91"/>
      <c r="HC4866" s="91"/>
      <c r="HD4866" s="91"/>
      <c r="HE4866" s="91"/>
      <c r="HF4866" s="91"/>
      <c r="HG4866" s="91"/>
      <c r="HH4866" s="91"/>
      <c r="HI4866" s="91"/>
      <c r="HJ4866" s="91"/>
      <c r="HK4866" s="127"/>
      <c r="HL4866" s="126"/>
      <c r="HM4866" s="91"/>
      <c r="HN4866" s="91"/>
      <c r="HO4866" s="91"/>
      <c r="HP4866" s="91"/>
      <c r="HQ4866" s="91"/>
      <c r="HR4866" s="91"/>
      <c r="HS4866" s="91"/>
      <c r="HT4866" s="91"/>
      <c r="HU4866" s="91"/>
      <c r="HV4866" s="91"/>
      <c r="HW4866" s="91"/>
      <c r="HX4866" s="127"/>
      <c r="HY4866" s="126"/>
      <c r="HZ4866" s="91"/>
      <c r="IA4866" s="91"/>
      <c r="IB4866" s="91"/>
      <c r="IC4866" s="91"/>
      <c r="ID4866" s="91"/>
      <c r="IE4866" s="91"/>
      <c r="IF4866" s="91"/>
      <c r="IG4866" s="91"/>
      <c r="IH4866" s="91"/>
      <c r="II4866" s="91"/>
      <c r="IJ4866" s="91"/>
      <c r="IK4866" s="174"/>
    </row>
    <row r="4867" spans="2:245" x14ac:dyDescent="0.2">
      <c r="B4867" s="43"/>
      <c r="C4867" s="73"/>
      <c r="D4867" s="64"/>
      <c r="E4867" s="64"/>
      <c r="F4867" s="55"/>
      <c r="G4867" s="102"/>
      <c r="H4867" s="97"/>
      <c r="T4867" s="98"/>
      <c r="U4867" s="97"/>
      <c r="AG4867" s="98"/>
      <c r="AY4867" s="164"/>
      <c r="BK4867" s="98"/>
      <c r="BL4867" s="97"/>
      <c r="BX4867" s="98"/>
      <c r="CL4867" s="97"/>
      <c r="CX4867" s="98"/>
      <c r="DL4867" s="97"/>
      <c r="DX4867" s="98"/>
      <c r="EL4867" s="97"/>
      <c r="EX4867" s="98"/>
      <c r="EY4867" s="97"/>
      <c r="FL4867" s="126"/>
      <c r="FM4867" s="91"/>
      <c r="FN4867" s="91"/>
      <c r="FO4867" s="91"/>
      <c r="FP4867" s="91"/>
      <c r="FQ4867" s="91"/>
      <c r="FR4867" s="91"/>
      <c r="FS4867" s="91"/>
      <c r="FT4867" s="91"/>
      <c r="FU4867" s="91"/>
      <c r="FV4867" s="91"/>
      <c r="FW4867" s="91"/>
      <c r="FX4867" s="127"/>
      <c r="FY4867" s="126"/>
      <c r="FZ4867" s="91"/>
      <c r="GA4867" s="91"/>
      <c r="GB4867" s="91"/>
      <c r="GC4867" s="91"/>
      <c r="GD4867" s="91"/>
      <c r="GE4867" s="91"/>
      <c r="GF4867" s="91"/>
      <c r="GG4867" s="91"/>
      <c r="GH4867" s="91"/>
      <c r="GI4867" s="91"/>
      <c r="GJ4867" s="91"/>
      <c r="GK4867" s="127"/>
      <c r="GL4867" s="126"/>
      <c r="GM4867" s="91"/>
      <c r="GN4867" s="91"/>
      <c r="GO4867" s="91"/>
      <c r="GP4867" s="91"/>
      <c r="GQ4867" s="91"/>
      <c r="GR4867" s="91"/>
      <c r="GS4867" s="91"/>
      <c r="GT4867" s="91"/>
      <c r="GU4867" s="91"/>
      <c r="GV4867" s="91"/>
      <c r="GW4867" s="91"/>
      <c r="GX4867" s="127"/>
      <c r="GY4867" s="126"/>
      <c r="GZ4867" s="91"/>
      <c r="HA4867" s="91"/>
      <c r="HB4867" s="91"/>
      <c r="HC4867" s="91"/>
      <c r="HD4867" s="91"/>
      <c r="HE4867" s="91"/>
      <c r="HF4867" s="91"/>
      <c r="HG4867" s="91"/>
      <c r="HH4867" s="91"/>
      <c r="HI4867" s="91"/>
      <c r="HJ4867" s="91"/>
      <c r="HK4867" s="127"/>
      <c r="HL4867" s="126"/>
      <c r="HM4867" s="91"/>
      <c r="HN4867" s="91"/>
      <c r="HO4867" s="91"/>
      <c r="HP4867" s="91"/>
      <c r="HQ4867" s="91"/>
      <c r="HR4867" s="91"/>
      <c r="HS4867" s="91"/>
      <c r="HT4867" s="91"/>
      <c r="HU4867" s="91"/>
      <c r="HV4867" s="91"/>
      <c r="HW4867" s="91"/>
      <c r="HX4867" s="127"/>
      <c r="HY4867" s="126"/>
      <c r="HZ4867" s="91"/>
      <c r="IA4867" s="91"/>
      <c r="IB4867" s="91"/>
      <c r="IC4867" s="91"/>
      <c r="ID4867" s="91"/>
      <c r="IE4867" s="91"/>
      <c r="IF4867" s="91"/>
      <c r="IG4867" s="91"/>
      <c r="IH4867" s="91"/>
      <c r="II4867" s="91"/>
      <c r="IJ4867" s="91"/>
      <c r="IK4867" s="174"/>
    </row>
    <row r="4868" spans="2:245" x14ac:dyDescent="0.2">
      <c r="B4868" s="43"/>
      <c r="C4868" s="73"/>
      <c r="D4868" s="64"/>
      <c r="E4868" s="64"/>
      <c r="F4868" s="55"/>
      <c r="G4868" s="102"/>
      <c r="H4868" s="97"/>
      <c r="T4868" s="98"/>
      <c r="U4868" s="97"/>
      <c r="AG4868" s="98"/>
      <c r="AY4868" s="164"/>
      <c r="BK4868" s="98"/>
      <c r="BL4868" s="97"/>
      <c r="BX4868" s="98"/>
      <c r="CL4868" s="97"/>
      <c r="CX4868" s="98"/>
      <c r="DL4868" s="97"/>
      <c r="DX4868" s="98"/>
      <c r="EL4868" s="97"/>
      <c r="EX4868" s="98"/>
      <c r="EY4868" s="97"/>
      <c r="FL4868" s="126"/>
      <c r="FM4868" s="91"/>
      <c r="FN4868" s="91"/>
      <c r="FO4868" s="91"/>
      <c r="FP4868" s="91"/>
      <c r="FQ4868" s="91"/>
      <c r="FR4868" s="91"/>
      <c r="FS4868" s="91"/>
      <c r="FT4868" s="91"/>
      <c r="FU4868" s="91"/>
      <c r="FV4868" s="91"/>
      <c r="FW4868" s="91"/>
      <c r="FX4868" s="127"/>
      <c r="FY4868" s="126"/>
      <c r="FZ4868" s="91"/>
      <c r="GA4868" s="91"/>
      <c r="GB4868" s="91"/>
      <c r="GC4868" s="91"/>
      <c r="GD4868" s="91"/>
      <c r="GE4868" s="91"/>
      <c r="GF4868" s="91"/>
      <c r="GG4868" s="91"/>
      <c r="GH4868" s="91"/>
      <c r="GI4868" s="91"/>
      <c r="GJ4868" s="91"/>
      <c r="GK4868" s="127"/>
      <c r="GL4868" s="126"/>
      <c r="GM4868" s="91"/>
      <c r="GN4868" s="91"/>
      <c r="GO4868" s="91"/>
      <c r="GP4868" s="91"/>
      <c r="GQ4868" s="91"/>
      <c r="GR4868" s="91"/>
      <c r="GS4868" s="91"/>
      <c r="GT4868" s="91"/>
      <c r="GU4868" s="91"/>
      <c r="GV4868" s="91"/>
      <c r="GW4868" s="91"/>
      <c r="GX4868" s="127"/>
      <c r="GY4868" s="126"/>
      <c r="GZ4868" s="91"/>
      <c r="HA4868" s="91"/>
      <c r="HB4868" s="91"/>
      <c r="HC4868" s="91"/>
      <c r="HD4868" s="91"/>
      <c r="HE4868" s="91"/>
      <c r="HF4868" s="91"/>
      <c r="HG4868" s="91"/>
      <c r="HH4868" s="91"/>
      <c r="HI4868" s="91"/>
      <c r="HJ4868" s="91"/>
      <c r="HK4868" s="127"/>
      <c r="HL4868" s="126"/>
      <c r="HM4868" s="91"/>
      <c r="HN4868" s="91"/>
      <c r="HO4868" s="91"/>
      <c r="HP4868" s="91"/>
      <c r="HQ4868" s="91"/>
      <c r="HR4868" s="91"/>
      <c r="HS4868" s="91"/>
      <c r="HT4868" s="91"/>
      <c r="HU4868" s="91"/>
      <c r="HV4868" s="91"/>
      <c r="HW4868" s="91"/>
      <c r="HX4868" s="127"/>
      <c r="HY4868" s="126"/>
      <c r="HZ4868" s="91"/>
      <c r="IA4868" s="91"/>
      <c r="IB4868" s="91"/>
      <c r="IC4868" s="91"/>
      <c r="ID4868" s="91"/>
      <c r="IE4868" s="91"/>
      <c r="IF4868" s="91"/>
      <c r="IG4868" s="91"/>
      <c r="IH4868" s="91"/>
      <c r="II4868" s="91"/>
      <c r="IJ4868" s="91"/>
      <c r="IK4868" s="174"/>
    </row>
    <row r="4869" spans="2:245" x14ac:dyDescent="0.2">
      <c r="B4869" s="43"/>
      <c r="C4869" s="73"/>
      <c r="D4869" s="64"/>
      <c r="E4869" s="64"/>
      <c r="F4869" s="55"/>
      <c r="G4869" s="102"/>
      <c r="H4869" s="97"/>
      <c r="T4869" s="98"/>
      <c r="U4869" s="97"/>
      <c r="AG4869" s="98"/>
      <c r="AY4869" s="164"/>
      <c r="BK4869" s="98"/>
      <c r="BL4869" s="97"/>
      <c r="BX4869" s="98"/>
      <c r="CL4869" s="97"/>
      <c r="CX4869" s="98"/>
      <c r="DL4869" s="97"/>
      <c r="DX4869" s="98"/>
      <c r="EL4869" s="97"/>
      <c r="EX4869" s="98"/>
      <c r="EY4869" s="97"/>
      <c r="FL4869" s="126"/>
      <c r="FM4869" s="91"/>
      <c r="FN4869" s="91"/>
      <c r="FO4869" s="91"/>
      <c r="FP4869" s="91"/>
      <c r="FQ4869" s="91"/>
      <c r="FR4869" s="91"/>
      <c r="FS4869" s="91"/>
      <c r="FT4869" s="91"/>
      <c r="FU4869" s="91"/>
      <c r="FV4869" s="91"/>
      <c r="FW4869" s="91"/>
      <c r="FX4869" s="127"/>
      <c r="FY4869" s="126"/>
      <c r="FZ4869" s="91"/>
      <c r="GA4869" s="91"/>
      <c r="GB4869" s="91"/>
      <c r="GC4869" s="91"/>
      <c r="GD4869" s="91"/>
      <c r="GE4869" s="91"/>
      <c r="GF4869" s="91"/>
      <c r="GG4869" s="91"/>
      <c r="GH4869" s="91"/>
      <c r="GI4869" s="91"/>
      <c r="GJ4869" s="91"/>
      <c r="GK4869" s="127"/>
      <c r="GL4869" s="126"/>
      <c r="GM4869" s="91"/>
      <c r="GN4869" s="91"/>
      <c r="GO4869" s="91"/>
      <c r="GP4869" s="91"/>
      <c r="GQ4869" s="91"/>
      <c r="GR4869" s="91"/>
      <c r="GS4869" s="91"/>
      <c r="GT4869" s="91"/>
      <c r="GU4869" s="91"/>
      <c r="GV4869" s="91"/>
      <c r="GW4869" s="91"/>
      <c r="GX4869" s="127"/>
      <c r="GY4869" s="126"/>
      <c r="GZ4869" s="91"/>
      <c r="HA4869" s="91"/>
      <c r="HB4869" s="91"/>
      <c r="HC4869" s="91"/>
      <c r="HD4869" s="91"/>
      <c r="HE4869" s="91"/>
      <c r="HF4869" s="91"/>
      <c r="HG4869" s="91"/>
      <c r="HH4869" s="91"/>
      <c r="HI4869" s="91"/>
      <c r="HJ4869" s="91"/>
      <c r="HK4869" s="127"/>
      <c r="HL4869" s="126"/>
      <c r="HM4869" s="91"/>
      <c r="HN4869" s="91"/>
      <c r="HO4869" s="91"/>
      <c r="HP4869" s="91"/>
      <c r="HQ4869" s="91"/>
      <c r="HR4869" s="91"/>
      <c r="HS4869" s="91"/>
      <c r="HT4869" s="91"/>
      <c r="HU4869" s="91"/>
      <c r="HV4869" s="91"/>
      <c r="HW4869" s="91"/>
      <c r="HX4869" s="127"/>
      <c r="HY4869" s="126"/>
      <c r="HZ4869" s="91"/>
      <c r="IA4869" s="91"/>
      <c r="IB4869" s="91"/>
      <c r="IC4869" s="91"/>
      <c r="ID4869" s="91"/>
      <c r="IE4869" s="91"/>
      <c r="IF4869" s="91"/>
      <c r="IG4869" s="91"/>
      <c r="IH4869" s="91"/>
      <c r="II4869" s="91"/>
      <c r="IJ4869" s="91"/>
      <c r="IK4869" s="174"/>
    </row>
    <row r="4870" spans="2:245" x14ac:dyDescent="0.2">
      <c r="B4870" s="43"/>
      <c r="C4870" s="73"/>
      <c r="D4870" s="64"/>
      <c r="E4870" s="64"/>
      <c r="F4870" s="55"/>
      <c r="G4870" s="102"/>
      <c r="H4870" s="97"/>
      <c r="T4870" s="98"/>
      <c r="U4870" s="97"/>
      <c r="AG4870" s="98"/>
      <c r="AY4870" s="164"/>
      <c r="BK4870" s="98"/>
      <c r="BL4870" s="97"/>
      <c r="BX4870" s="98"/>
      <c r="CL4870" s="97"/>
      <c r="CX4870" s="98"/>
      <c r="DL4870" s="97"/>
      <c r="DX4870" s="98"/>
      <c r="EL4870" s="97"/>
      <c r="EX4870" s="98"/>
      <c r="EY4870" s="97"/>
      <c r="FL4870" s="126"/>
      <c r="FM4870" s="91"/>
      <c r="FN4870" s="91"/>
      <c r="FO4870" s="91"/>
      <c r="FP4870" s="91"/>
      <c r="FQ4870" s="91"/>
      <c r="FR4870" s="91"/>
      <c r="FS4870" s="91"/>
      <c r="FT4870" s="91"/>
      <c r="FU4870" s="91"/>
      <c r="FV4870" s="91"/>
      <c r="FW4870" s="91"/>
      <c r="FX4870" s="127"/>
      <c r="FY4870" s="126"/>
      <c r="FZ4870" s="91"/>
      <c r="GA4870" s="91"/>
      <c r="GB4870" s="91"/>
      <c r="GC4870" s="91"/>
      <c r="GD4870" s="91"/>
      <c r="GE4870" s="91"/>
      <c r="GF4870" s="91"/>
      <c r="GG4870" s="91"/>
      <c r="GH4870" s="91"/>
      <c r="GI4870" s="91"/>
      <c r="GJ4870" s="91"/>
      <c r="GK4870" s="127"/>
      <c r="GL4870" s="126"/>
      <c r="GM4870" s="91"/>
      <c r="GN4870" s="91"/>
      <c r="GO4870" s="91"/>
      <c r="GP4870" s="91"/>
      <c r="GQ4870" s="91"/>
      <c r="GR4870" s="91"/>
      <c r="GS4870" s="91"/>
      <c r="GT4870" s="91"/>
      <c r="GU4870" s="91"/>
      <c r="GV4870" s="91"/>
      <c r="GW4870" s="91"/>
      <c r="GX4870" s="127"/>
      <c r="GY4870" s="126"/>
      <c r="GZ4870" s="91"/>
      <c r="HA4870" s="91"/>
      <c r="HB4870" s="91"/>
      <c r="HC4870" s="91"/>
      <c r="HD4870" s="91"/>
      <c r="HE4870" s="91"/>
      <c r="HF4870" s="91"/>
      <c r="HG4870" s="91"/>
      <c r="HH4870" s="91"/>
      <c r="HI4870" s="91"/>
      <c r="HJ4870" s="91"/>
      <c r="HK4870" s="127"/>
      <c r="HL4870" s="126"/>
      <c r="HM4870" s="91"/>
      <c r="HN4870" s="91"/>
      <c r="HO4870" s="91"/>
      <c r="HP4870" s="91"/>
      <c r="HQ4870" s="91"/>
      <c r="HR4870" s="91"/>
      <c r="HS4870" s="91"/>
      <c r="HT4870" s="91"/>
      <c r="HU4870" s="91"/>
      <c r="HV4870" s="91"/>
      <c r="HW4870" s="91"/>
      <c r="HX4870" s="127"/>
      <c r="HY4870" s="126"/>
      <c r="HZ4870" s="91"/>
      <c r="IA4870" s="91"/>
      <c r="IB4870" s="91"/>
      <c r="IC4870" s="91"/>
      <c r="ID4870" s="91"/>
      <c r="IE4870" s="91"/>
      <c r="IF4870" s="91"/>
      <c r="IG4870" s="91"/>
      <c r="IH4870" s="91"/>
      <c r="II4870" s="91"/>
      <c r="IJ4870" s="91"/>
      <c r="IK4870" s="174"/>
    </row>
    <row r="4871" spans="2:245" x14ac:dyDescent="0.2">
      <c r="B4871" s="43"/>
      <c r="C4871" s="73"/>
      <c r="D4871" s="64"/>
      <c r="E4871" s="64"/>
      <c r="F4871" s="55"/>
      <c r="G4871" s="102"/>
      <c r="H4871" s="97"/>
      <c r="T4871" s="98"/>
      <c r="U4871" s="97"/>
      <c r="AG4871" s="98"/>
      <c r="AY4871" s="164"/>
      <c r="BK4871" s="98"/>
      <c r="BL4871" s="97"/>
      <c r="BX4871" s="98"/>
      <c r="CL4871" s="97"/>
      <c r="CX4871" s="98"/>
      <c r="DL4871" s="97"/>
      <c r="DX4871" s="98"/>
      <c r="EL4871" s="97"/>
      <c r="EX4871" s="98"/>
      <c r="EY4871" s="97"/>
      <c r="FL4871" s="126"/>
      <c r="FM4871" s="91"/>
      <c r="FN4871" s="91"/>
      <c r="FO4871" s="91"/>
      <c r="FP4871" s="91"/>
      <c r="FQ4871" s="91"/>
      <c r="FR4871" s="91"/>
      <c r="FS4871" s="91"/>
      <c r="FT4871" s="91"/>
      <c r="FU4871" s="91"/>
      <c r="FV4871" s="91"/>
      <c r="FW4871" s="91"/>
      <c r="FX4871" s="127"/>
      <c r="FY4871" s="126"/>
      <c r="FZ4871" s="91"/>
      <c r="GA4871" s="91"/>
      <c r="GB4871" s="91"/>
      <c r="GC4871" s="91"/>
      <c r="GD4871" s="91"/>
      <c r="GE4871" s="91"/>
      <c r="GF4871" s="91"/>
      <c r="GG4871" s="91"/>
      <c r="GH4871" s="91"/>
      <c r="GI4871" s="91"/>
      <c r="GJ4871" s="91"/>
      <c r="GK4871" s="127"/>
      <c r="GL4871" s="126"/>
      <c r="GM4871" s="91"/>
      <c r="GN4871" s="91"/>
      <c r="GO4871" s="91"/>
      <c r="GP4871" s="91"/>
      <c r="GQ4871" s="91"/>
      <c r="GR4871" s="91"/>
      <c r="GS4871" s="91"/>
      <c r="GT4871" s="91"/>
      <c r="GU4871" s="91"/>
      <c r="GV4871" s="91"/>
      <c r="GW4871" s="91"/>
      <c r="GX4871" s="127"/>
      <c r="GY4871" s="126"/>
      <c r="GZ4871" s="91"/>
      <c r="HA4871" s="91"/>
      <c r="HB4871" s="91"/>
      <c r="HC4871" s="91"/>
      <c r="HD4871" s="91"/>
      <c r="HE4871" s="91"/>
      <c r="HF4871" s="91"/>
      <c r="HG4871" s="91"/>
      <c r="HH4871" s="91"/>
      <c r="HI4871" s="91"/>
      <c r="HJ4871" s="91"/>
      <c r="HK4871" s="127"/>
      <c r="HL4871" s="126"/>
      <c r="HM4871" s="91"/>
      <c r="HN4871" s="91"/>
      <c r="HO4871" s="91"/>
      <c r="HP4871" s="91"/>
      <c r="HQ4871" s="91"/>
      <c r="HR4871" s="91"/>
      <c r="HS4871" s="91"/>
      <c r="HT4871" s="91"/>
      <c r="HU4871" s="91"/>
      <c r="HV4871" s="91"/>
      <c r="HW4871" s="91"/>
      <c r="HX4871" s="127"/>
      <c r="HY4871" s="126"/>
      <c r="HZ4871" s="91"/>
      <c r="IA4871" s="91"/>
      <c r="IB4871" s="91"/>
      <c r="IC4871" s="91"/>
      <c r="ID4871" s="91"/>
      <c r="IE4871" s="91"/>
      <c r="IF4871" s="91"/>
      <c r="IG4871" s="91"/>
      <c r="IH4871" s="91"/>
      <c r="II4871" s="91"/>
      <c r="IJ4871" s="91"/>
      <c r="IK4871" s="174"/>
    </row>
    <row r="4872" spans="2:245" x14ac:dyDescent="0.2">
      <c r="B4872" s="43"/>
      <c r="C4872" s="73"/>
      <c r="D4872" s="64"/>
      <c r="E4872" s="64"/>
      <c r="F4872" s="55"/>
      <c r="G4872" s="102"/>
      <c r="H4872" s="97"/>
      <c r="T4872" s="98"/>
      <c r="U4872" s="97"/>
      <c r="AG4872" s="98"/>
      <c r="AY4872" s="164"/>
      <c r="BK4872" s="98"/>
      <c r="BL4872" s="97"/>
      <c r="BX4872" s="98"/>
      <c r="CL4872" s="97"/>
      <c r="CX4872" s="98"/>
      <c r="DL4872" s="97"/>
      <c r="DX4872" s="98"/>
      <c r="EL4872" s="97"/>
      <c r="EX4872" s="98"/>
      <c r="EY4872" s="97"/>
      <c r="FL4872" s="126"/>
      <c r="FM4872" s="91"/>
      <c r="FN4872" s="91"/>
      <c r="FO4872" s="91"/>
      <c r="FP4872" s="91"/>
      <c r="FQ4872" s="91"/>
      <c r="FR4872" s="91"/>
      <c r="FS4872" s="91"/>
      <c r="FT4872" s="91"/>
      <c r="FU4872" s="91"/>
      <c r="FV4872" s="91"/>
      <c r="FW4872" s="91"/>
      <c r="FX4872" s="127"/>
      <c r="FY4872" s="126"/>
      <c r="FZ4872" s="91"/>
      <c r="GA4872" s="91"/>
      <c r="GB4872" s="91"/>
      <c r="GC4872" s="91"/>
      <c r="GD4872" s="91"/>
      <c r="GE4872" s="91"/>
      <c r="GF4872" s="91"/>
      <c r="GG4872" s="91"/>
      <c r="GH4872" s="91"/>
      <c r="GI4872" s="91"/>
      <c r="GJ4872" s="91"/>
      <c r="GK4872" s="127"/>
      <c r="GL4872" s="126"/>
      <c r="GM4872" s="91"/>
      <c r="GN4872" s="91"/>
      <c r="GO4872" s="91"/>
      <c r="GP4872" s="91"/>
      <c r="GQ4872" s="91"/>
      <c r="GR4872" s="91"/>
      <c r="GS4872" s="91"/>
      <c r="GT4872" s="91"/>
      <c r="GU4872" s="91"/>
      <c r="GV4872" s="91"/>
      <c r="GW4872" s="91"/>
      <c r="GX4872" s="127"/>
      <c r="GY4872" s="126"/>
      <c r="GZ4872" s="91"/>
      <c r="HA4872" s="91"/>
      <c r="HB4872" s="91"/>
      <c r="HC4872" s="91"/>
      <c r="HD4872" s="91"/>
      <c r="HE4872" s="91"/>
      <c r="HF4872" s="91"/>
      <c r="HG4872" s="91"/>
      <c r="HH4872" s="91"/>
      <c r="HI4872" s="91"/>
      <c r="HJ4872" s="91"/>
      <c r="HK4872" s="127"/>
      <c r="HL4872" s="126"/>
      <c r="HM4872" s="91"/>
      <c r="HN4872" s="91"/>
      <c r="HO4872" s="91"/>
      <c r="HP4872" s="91"/>
      <c r="HQ4872" s="91"/>
      <c r="HR4872" s="91"/>
      <c r="HS4872" s="91"/>
      <c r="HT4872" s="91"/>
      <c r="HU4872" s="91"/>
      <c r="HV4872" s="91"/>
      <c r="HW4872" s="91"/>
      <c r="HX4872" s="127"/>
      <c r="HY4872" s="126"/>
      <c r="HZ4872" s="91"/>
      <c r="IA4872" s="91"/>
      <c r="IB4872" s="91"/>
      <c r="IC4872" s="91"/>
      <c r="ID4872" s="91"/>
      <c r="IE4872" s="91"/>
      <c r="IF4872" s="91"/>
      <c r="IG4872" s="91"/>
      <c r="IH4872" s="91"/>
      <c r="II4872" s="91"/>
      <c r="IJ4872" s="91"/>
      <c r="IK4872" s="174"/>
    </row>
    <row r="4873" spans="2:245" x14ac:dyDescent="0.2">
      <c r="B4873" s="43"/>
      <c r="C4873" s="73"/>
      <c r="D4873" s="64"/>
      <c r="E4873" s="64"/>
      <c r="F4873" s="55"/>
      <c r="G4873" s="102"/>
      <c r="H4873" s="97"/>
      <c r="T4873" s="98"/>
      <c r="U4873" s="97"/>
      <c r="AG4873" s="98"/>
      <c r="AY4873" s="164"/>
      <c r="BK4873" s="98"/>
      <c r="BL4873" s="97"/>
      <c r="BX4873" s="98"/>
      <c r="CL4873" s="97"/>
      <c r="CX4873" s="98"/>
      <c r="DL4873" s="97"/>
      <c r="DX4873" s="98"/>
      <c r="EL4873" s="97"/>
      <c r="EX4873" s="98"/>
      <c r="EY4873" s="97"/>
      <c r="FL4873" s="126"/>
      <c r="FM4873" s="91"/>
      <c r="FN4873" s="91"/>
      <c r="FO4873" s="91"/>
      <c r="FP4873" s="91"/>
      <c r="FQ4873" s="91"/>
      <c r="FR4873" s="91"/>
      <c r="FS4873" s="91"/>
      <c r="FT4873" s="91"/>
      <c r="FU4873" s="91"/>
      <c r="FV4873" s="91"/>
      <c r="FW4873" s="91"/>
      <c r="FX4873" s="127"/>
      <c r="FY4873" s="126"/>
      <c r="FZ4873" s="91"/>
      <c r="GA4873" s="91"/>
      <c r="GB4873" s="91"/>
      <c r="GC4873" s="91"/>
      <c r="GD4873" s="91"/>
      <c r="GE4873" s="91"/>
      <c r="GF4873" s="91"/>
      <c r="GG4873" s="91"/>
      <c r="GH4873" s="91"/>
      <c r="GI4873" s="91"/>
      <c r="GJ4873" s="91"/>
      <c r="GK4873" s="127"/>
      <c r="GL4873" s="126"/>
      <c r="GM4873" s="91"/>
      <c r="GN4873" s="91"/>
      <c r="GO4873" s="91"/>
      <c r="GP4873" s="91"/>
      <c r="GQ4873" s="91"/>
      <c r="GR4873" s="91"/>
      <c r="GS4873" s="91"/>
      <c r="GT4873" s="91"/>
      <c r="GU4873" s="91"/>
      <c r="GV4873" s="91"/>
      <c r="GW4873" s="91"/>
      <c r="GX4873" s="127"/>
      <c r="GY4873" s="126"/>
      <c r="GZ4873" s="91"/>
      <c r="HA4873" s="91"/>
      <c r="HB4873" s="91"/>
      <c r="HC4873" s="91"/>
      <c r="HD4873" s="91"/>
      <c r="HE4873" s="91"/>
      <c r="HF4873" s="91"/>
      <c r="HG4873" s="91"/>
      <c r="HH4873" s="91"/>
      <c r="HI4873" s="91"/>
      <c r="HJ4873" s="91"/>
      <c r="HK4873" s="127"/>
      <c r="HL4873" s="126"/>
      <c r="HM4873" s="91"/>
      <c r="HN4873" s="91"/>
      <c r="HO4873" s="91"/>
      <c r="HP4873" s="91"/>
      <c r="HQ4873" s="91"/>
      <c r="HR4873" s="91"/>
      <c r="HS4873" s="91"/>
      <c r="HT4873" s="91"/>
      <c r="HU4873" s="91"/>
      <c r="HV4873" s="91"/>
      <c r="HW4873" s="91"/>
      <c r="HX4873" s="127"/>
      <c r="HY4873" s="126"/>
      <c r="HZ4873" s="91"/>
      <c r="IA4873" s="91"/>
      <c r="IB4873" s="91"/>
      <c r="IC4873" s="91"/>
      <c r="ID4873" s="91"/>
      <c r="IE4873" s="91"/>
      <c r="IF4873" s="91"/>
      <c r="IG4873" s="91"/>
      <c r="IH4873" s="91"/>
      <c r="II4873" s="91"/>
      <c r="IJ4873" s="91"/>
      <c r="IK4873" s="174"/>
    </row>
    <row r="4874" spans="2:245" x14ac:dyDescent="0.2">
      <c r="B4874" s="43"/>
      <c r="C4874" s="73"/>
      <c r="D4874" s="64"/>
      <c r="E4874" s="64"/>
      <c r="F4874" s="55"/>
      <c r="G4874" s="102"/>
      <c r="H4874" s="97"/>
      <c r="T4874" s="98"/>
      <c r="U4874" s="97"/>
      <c r="AG4874" s="98"/>
      <c r="AY4874" s="164"/>
      <c r="BK4874" s="98"/>
      <c r="BL4874" s="97"/>
      <c r="BX4874" s="98"/>
      <c r="CL4874" s="97"/>
      <c r="CX4874" s="98"/>
      <c r="DL4874" s="97"/>
      <c r="DX4874" s="98"/>
      <c r="EL4874" s="97"/>
      <c r="EX4874" s="98"/>
      <c r="EY4874" s="97"/>
      <c r="FL4874" s="126"/>
      <c r="FM4874" s="91"/>
      <c r="FN4874" s="91"/>
      <c r="FO4874" s="91"/>
      <c r="FP4874" s="91"/>
      <c r="FQ4874" s="91"/>
      <c r="FR4874" s="91"/>
      <c r="FS4874" s="91"/>
      <c r="FT4874" s="91"/>
      <c r="FU4874" s="91"/>
      <c r="FV4874" s="91"/>
      <c r="FW4874" s="91"/>
      <c r="FX4874" s="127"/>
      <c r="FY4874" s="126"/>
      <c r="FZ4874" s="91"/>
      <c r="GA4874" s="91"/>
      <c r="GB4874" s="91"/>
      <c r="GC4874" s="91"/>
      <c r="GD4874" s="91"/>
      <c r="GE4874" s="91"/>
      <c r="GF4874" s="91"/>
      <c r="GG4874" s="91"/>
      <c r="GH4874" s="91"/>
      <c r="GI4874" s="91"/>
      <c r="GJ4874" s="91"/>
      <c r="GK4874" s="127"/>
      <c r="GL4874" s="126"/>
      <c r="GM4874" s="91"/>
      <c r="GN4874" s="91"/>
      <c r="GO4874" s="91"/>
      <c r="GP4874" s="91"/>
      <c r="GQ4874" s="91"/>
      <c r="GR4874" s="91"/>
      <c r="GS4874" s="91"/>
      <c r="GT4874" s="91"/>
      <c r="GU4874" s="91"/>
      <c r="GV4874" s="91"/>
      <c r="GW4874" s="91"/>
      <c r="GX4874" s="127"/>
      <c r="GY4874" s="126"/>
      <c r="GZ4874" s="91"/>
      <c r="HA4874" s="91"/>
      <c r="HB4874" s="91"/>
      <c r="HC4874" s="91"/>
      <c r="HD4874" s="91"/>
      <c r="HE4874" s="91"/>
      <c r="HF4874" s="91"/>
      <c r="HG4874" s="91"/>
      <c r="HH4874" s="91"/>
      <c r="HI4874" s="91"/>
      <c r="HJ4874" s="91"/>
      <c r="HK4874" s="127"/>
      <c r="HL4874" s="126"/>
      <c r="HM4874" s="91"/>
      <c r="HN4874" s="91"/>
      <c r="HO4874" s="91"/>
      <c r="HP4874" s="91"/>
      <c r="HQ4874" s="91"/>
      <c r="HR4874" s="91"/>
      <c r="HS4874" s="91"/>
      <c r="HT4874" s="91"/>
      <c r="HU4874" s="91"/>
      <c r="HV4874" s="91"/>
      <c r="HW4874" s="91"/>
      <c r="HX4874" s="127"/>
      <c r="HY4874" s="126"/>
      <c r="HZ4874" s="91"/>
      <c r="IA4874" s="91"/>
      <c r="IB4874" s="91"/>
      <c r="IC4874" s="91"/>
      <c r="ID4874" s="91"/>
      <c r="IE4874" s="91"/>
      <c r="IF4874" s="91"/>
      <c r="IG4874" s="91"/>
      <c r="IH4874" s="91"/>
      <c r="II4874" s="91"/>
      <c r="IJ4874" s="91"/>
      <c r="IK4874" s="174"/>
    </row>
    <row r="4875" spans="2:245" x14ac:dyDescent="0.2">
      <c r="B4875" s="43"/>
      <c r="C4875" s="73"/>
      <c r="D4875" s="64"/>
      <c r="E4875" s="64"/>
      <c r="F4875" s="55"/>
      <c r="G4875" s="102"/>
      <c r="H4875" s="97"/>
      <c r="T4875" s="98"/>
      <c r="U4875" s="97"/>
      <c r="AG4875" s="98"/>
      <c r="AY4875" s="164"/>
      <c r="BK4875" s="98"/>
      <c r="BL4875" s="97"/>
      <c r="BX4875" s="98"/>
      <c r="CL4875" s="97"/>
      <c r="CX4875" s="98"/>
      <c r="DL4875" s="97"/>
      <c r="DX4875" s="98"/>
      <c r="EL4875" s="97"/>
      <c r="EX4875" s="98"/>
      <c r="EY4875" s="97"/>
      <c r="FL4875" s="126"/>
      <c r="FM4875" s="91"/>
      <c r="FN4875" s="91"/>
      <c r="FO4875" s="91"/>
      <c r="FP4875" s="91"/>
      <c r="FQ4875" s="91"/>
      <c r="FR4875" s="91"/>
      <c r="FS4875" s="91"/>
      <c r="FT4875" s="91"/>
      <c r="FU4875" s="91"/>
      <c r="FV4875" s="91"/>
      <c r="FW4875" s="91"/>
      <c r="FX4875" s="127"/>
      <c r="FY4875" s="126"/>
      <c r="FZ4875" s="91"/>
      <c r="GA4875" s="91"/>
      <c r="GB4875" s="91"/>
      <c r="GC4875" s="91"/>
      <c r="GD4875" s="91"/>
      <c r="GE4875" s="91"/>
      <c r="GF4875" s="91"/>
      <c r="GG4875" s="91"/>
      <c r="GH4875" s="91"/>
      <c r="GI4875" s="91"/>
      <c r="GJ4875" s="91"/>
      <c r="GK4875" s="127"/>
      <c r="GL4875" s="126"/>
      <c r="GM4875" s="91"/>
      <c r="GN4875" s="91"/>
      <c r="GO4875" s="91"/>
      <c r="GP4875" s="91"/>
      <c r="GQ4875" s="91"/>
      <c r="GR4875" s="91"/>
      <c r="GS4875" s="91"/>
      <c r="GT4875" s="91"/>
      <c r="GU4875" s="91"/>
      <c r="GV4875" s="91"/>
      <c r="GW4875" s="91"/>
      <c r="GX4875" s="127"/>
      <c r="GY4875" s="126"/>
      <c r="GZ4875" s="91"/>
      <c r="HA4875" s="91"/>
      <c r="HB4875" s="91"/>
      <c r="HC4875" s="91"/>
      <c r="HD4875" s="91"/>
      <c r="HE4875" s="91"/>
      <c r="HF4875" s="91"/>
      <c r="HG4875" s="91"/>
      <c r="HH4875" s="91"/>
      <c r="HI4875" s="91"/>
      <c r="HJ4875" s="91"/>
      <c r="HK4875" s="127"/>
      <c r="HL4875" s="126"/>
      <c r="HM4875" s="91"/>
      <c r="HN4875" s="91"/>
      <c r="HO4875" s="91"/>
      <c r="HP4875" s="91"/>
      <c r="HQ4875" s="91"/>
      <c r="HR4875" s="91"/>
      <c r="HS4875" s="91"/>
      <c r="HT4875" s="91"/>
      <c r="HU4875" s="91"/>
      <c r="HV4875" s="91"/>
      <c r="HW4875" s="91"/>
      <c r="HX4875" s="127"/>
      <c r="HY4875" s="126"/>
      <c r="HZ4875" s="91"/>
      <c r="IA4875" s="91"/>
      <c r="IB4875" s="91"/>
      <c r="IC4875" s="91"/>
      <c r="ID4875" s="91"/>
      <c r="IE4875" s="91"/>
      <c r="IF4875" s="91"/>
      <c r="IG4875" s="91"/>
      <c r="IH4875" s="91"/>
      <c r="II4875" s="91"/>
      <c r="IJ4875" s="91"/>
      <c r="IK4875" s="174"/>
    </row>
    <row r="4876" spans="2:245" x14ac:dyDescent="0.2">
      <c r="B4876" s="43"/>
      <c r="C4876" s="73"/>
      <c r="D4876" s="64"/>
      <c r="E4876" s="64"/>
      <c r="F4876" s="55"/>
      <c r="G4876" s="102"/>
      <c r="H4876" s="97"/>
      <c r="T4876" s="98"/>
      <c r="U4876" s="97"/>
      <c r="AG4876" s="98"/>
      <c r="AY4876" s="164"/>
      <c r="BK4876" s="98"/>
      <c r="BL4876" s="97"/>
      <c r="BX4876" s="98"/>
      <c r="CL4876" s="97"/>
      <c r="CX4876" s="98"/>
      <c r="DL4876" s="97"/>
      <c r="DX4876" s="98"/>
      <c r="EL4876" s="97"/>
      <c r="EX4876" s="98"/>
      <c r="EY4876" s="97"/>
      <c r="FL4876" s="126"/>
      <c r="FM4876" s="91"/>
      <c r="FN4876" s="91"/>
      <c r="FO4876" s="91"/>
      <c r="FP4876" s="91"/>
      <c r="FQ4876" s="91"/>
      <c r="FR4876" s="91"/>
      <c r="FS4876" s="91"/>
      <c r="FT4876" s="91"/>
      <c r="FU4876" s="91"/>
      <c r="FV4876" s="91"/>
      <c r="FW4876" s="91"/>
      <c r="FX4876" s="127"/>
      <c r="FY4876" s="126"/>
      <c r="FZ4876" s="91"/>
      <c r="GA4876" s="91"/>
      <c r="GB4876" s="91"/>
      <c r="GC4876" s="91"/>
      <c r="GD4876" s="91"/>
      <c r="GE4876" s="91"/>
      <c r="GF4876" s="91"/>
      <c r="GG4876" s="91"/>
      <c r="GH4876" s="91"/>
      <c r="GI4876" s="91"/>
      <c r="GJ4876" s="91"/>
      <c r="GK4876" s="127"/>
      <c r="GL4876" s="126"/>
      <c r="GM4876" s="91"/>
      <c r="GN4876" s="91"/>
      <c r="GO4876" s="91"/>
      <c r="GP4876" s="91"/>
      <c r="GQ4876" s="91"/>
      <c r="GR4876" s="91"/>
      <c r="GS4876" s="91"/>
      <c r="GT4876" s="91"/>
      <c r="GU4876" s="91"/>
      <c r="GV4876" s="91"/>
      <c r="GW4876" s="91"/>
      <c r="GX4876" s="127"/>
      <c r="GY4876" s="126"/>
      <c r="GZ4876" s="91"/>
      <c r="HA4876" s="91"/>
      <c r="HB4876" s="91"/>
      <c r="HC4876" s="91"/>
      <c r="HD4876" s="91"/>
      <c r="HE4876" s="91"/>
      <c r="HF4876" s="91"/>
      <c r="HG4876" s="91"/>
      <c r="HH4876" s="91"/>
      <c r="HI4876" s="91"/>
      <c r="HJ4876" s="91"/>
      <c r="HK4876" s="127"/>
      <c r="HL4876" s="126"/>
      <c r="HM4876" s="91"/>
      <c r="HN4876" s="91"/>
      <c r="HO4876" s="91"/>
      <c r="HP4876" s="91"/>
      <c r="HQ4876" s="91"/>
      <c r="HR4876" s="91"/>
      <c r="HS4876" s="91"/>
      <c r="HT4876" s="91"/>
      <c r="HU4876" s="91"/>
      <c r="HV4876" s="91"/>
      <c r="HW4876" s="91"/>
      <c r="HX4876" s="127"/>
      <c r="HY4876" s="126"/>
      <c r="HZ4876" s="91"/>
      <c r="IA4876" s="91"/>
      <c r="IB4876" s="91"/>
      <c r="IC4876" s="91"/>
      <c r="ID4876" s="91"/>
      <c r="IE4876" s="91"/>
      <c r="IF4876" s="91"/>
      <c r="IG4876" s="91"/>
      <c r="IH4876" s="91"/>
      <c r="II4876" s="91"/>
      <c r="IJ4876" s="91"/>
      <c r="IK4876" s="174"/>
    </row>
    <row r="4877" spans="2:245" x14ac:dyDescent="0.2">
      <c r="B4877" s="43"/>
      <c r="C4877" s="73"/>
      <c r="D4877" s="64"/>
      <c r="E4877" s="64"/>
      <c r="F4877" s="55"/>
      <c r="G4877" s="102"/>
      <c r="H4877" s="97"/>
      <c r="T4877" s="98"/>
      <c r="U4877" s="97"/>
      <c r="AG4877" s="98"/>
      <c r="AY4877" s="164"/>
      <c r="BK4877" s="98"/>
      <c r="BL4877" s="97"/>
      <c r="BX4877" s="98"/>
      <c r="CL4877" s="97"/>
      <c r="CX4877" s="98"/>
      <c r="DL4877" s="97"/>
      <c r="DX4877" s="98"/>
      <c r="EL4877" s="97"/>
      <c r="EX4877" s="98"/>
      <c r="EY4877" s="97"/>
      <c r="FL4877" s="126"/>
      <c r="FM4877" s="91"/>
      <c r="FN4877" s="91"/>
      <c r="FO4877" s="91"/>
      <c r="FP4877" s="91"/>
      <c r="FQ4877" s="91"/>
      <c r="FR4877" s="91"/>
      <c r="FS4877" s="91"/>
      <c r="FT4877" s="91"/>
      <c r="FU4877" s="91"/>
      <c r="FV4877" s="91"/>
      <c r="FW4877" s="91"/>
      <c r="FX4877" s="127"/>
      <c r="FY4877" s="126"/>
      <c r="FZ4877" s="91"/>
      <c r="GA4877" s="91"/>
      <c r="GB4877" s="91"/>
      <c r="GC4877" s="91"/>
      <c r="GD4877" s="91"/>
      <c r="GE4877" s="91"/>
      <c r="GF4877" s="91"/>
      <c r="GG4877" s="91"/>
      <c r="GH4877" s="91"/>
      <c r="GI4877" s="91"/>
      <c r="GJ4877" s="91"/>
      <c r="GK4877" s="127"/>
      <c r="GL4877" s="126"/>
      <c r="GM4877" s="91"/>
      <c r="GN4877" s="91"/>
      <c r="GO4877" s="91"/>
      <c r="GP4877" s="91"/>
      <c r="GQ4877" s="91"/>
      <c r="GR4877" s="91"/>
      <c r="GS4877" s="91"/>
      <c r="GT4877" s="91"/>
      <c r="GU4877" s="91"/>
      <c r="GV4877" s="91"/>
      <c r="GW4877" s="91"/>
      <c r="GX4877" s="127"/>
      <c r="GY4877" s="126"/>
      <c r="GZ4877" s="91"/>
      <c r="HA4877" s="91"/>
      <c r="HB4877" s="91"/>
      <c r="HC4877" s="91"/>
      <c r="HD4877" s="91"/>
      <c r="HE4877" s="91"/>
      <c r="HF4877" s="91"/>
      <c r="HG4877" s="91"/>
      <c r="HH4877" s="91"/>
      <c r="HI4877" s="91"/>
      <c r="HJ4877" s="91"/>
      <c r="HK4877" s="127"/>
      <c r="HL4877" s="126"/>
      <c r="HM4877" s="91"/>
      <c r="HN4877" s="91"/>
      <c r="HO4877" s="91"/>
      <c r="HP4877" s="91"/>
      <c r="HQ4877" s="91"/>
      <c r="HR4877" s="91"/>
      <c r="HS4877" s="91"/>
      <c r="HT4877" s="91"/>
      <c r="HU4877" s="91"/>
      <c r="HV4877" s="91"/>
      <c r="HW4877" s="91"/>
      <c r="HX4877" s="127"/>
      <c r="HY4877" s="126"/>
      <c r="HZ4877" s="91"/>
      <c r="IA4877" s="91"/>
      <c r="IB4877" s="91"/>
      <c r="IC4877" s="91"/>
      <c r="ID4877" s="91"/>
      <c r="IE4877" s="91"/>
      <c r="IF4877" s="91"/>
      <c r="IG4877" s="91"/>
      <c r="IH4877" s="91"/>
      <c r="II4877" s="91"/>
      <c r="IJ4877" s="91"/>
      <c r="IK4877" s="174"/>
    </row>
    <row r="4878" spans="2:245" x14ac:dyDescent="0.2">
      <c r="B4878" s="43"/>
      <c r="C4878" s="73"/>
      <c r="D4878" s="64"/>
      <c r="E4878" s="64"/>
      <c r="F4878" s="55"/>
      <c r="G4878" s="102"/>
      <c r="H4878" s="97"/>
      <c r="T4878" s="98"/>
      <c r="U4878" s="97"/>
      <c r="AG4878" s="98"/>
      <c r="AY4878" s="164"/>
      <c r="BK4878" s="98"/>
      <c r="BL4878" s="97"/>
      <c r="BX4878" s="98"/>
      <c r="CL4878" s="97"/>
      <c r="CX4878" s="98"/>
      <c r="DL4878" s="97"/>
      <c r="DX4878" s="98"/>
      <c r="EL4878" s="97"/>
      <c r="EX4878" s="98"/>
      <c r="EY4878" s="97"/>
      <c r="FL4878" s="126"/>
      <c r="FM4878" s="91"/>
      <c r="FN4878" s="91"/>
      <c r="FO4878" s="91"/>
      <c r="FP4878" s="91"/>
      <c r="FQ4878" s="91"/>
      <c r="FR4878" s="91"/>
      <c r="FS4878" s="91"/>
      <c r="FT4878" s="91"/>
      <c r="FU4878" s="91"/>
      <c r="FV4878" s="91"/>
      <c r="FW4878" s="91"/>
      <c r="FX4878" s="127"/>
      <c r="FY4878" s="126"/>
      <c r="FZ4878" s="91"/>
      <c r="GA4878" s="91"/>
      <c r="GB4878" s="91"/>
      <c r="GC4878" s="91"/>
      <c r="GD4878" s="91"/>
      <c r="GE4878" s="91"/>
      <c r="GF4878" s="91"/>
      <c r="GG4878" s="91"/>
      <c r="GH4878" s="91"/>
      <c r="GI4878" s="91"/>
      <c r="GJ4878" s="91"/>
      <c r="GK4878" s="127"/>
      <c r="GL4878" s="126"/>
      <c r="GM4878" s="91"/>
      <c r="GN4878" s="91"/>
      <c r="GO4878" s="91"/>
      <c r="GP4878" s="91"/>
      <c r="GQ4878" s="91"/>
      <c r="GR4878" s="91"/>
      <c r="GS4878" s="91"/>
      <c r="GT4878" s="91"/>
      <c r="GU4878" s="91"/>
      <c r="GV4878" s="91"/>
      <c r="GW4878" s="91"/>
      <c r="GX4878" s="127"/>
      <c r="GY4878" s="126"/>
      <c r="GZ4878" s="91"/>
      <c r="HA4878" s="91"/>
      <c r="HB4878" s="91"/>
      <c r="HC4878" s="91"/>
      <c r="HD4878" s="91"/>
      <c r="HE4878" s="91"/>
      <c r="HF4878" s="91"/>
      <c r="HG4878" s="91"/>
      <c r="HH4878" s="91"/>
      <c r="HI4878" s="91"/>
      <c r="HJ4878" s="91"/>
      <c r="HK4878" s="127"/>
      <c r="HL4878" s="126"/>
      <c r="HM4878" s="91"/>
      <c r="HN4878" s="91"/>
      <c r="HO4878" s="91"/>
      <c r="HP4878" s="91"/>
      <c r="HQ4878" s="91"/>
      <c r="HR4878" s="91"/>
      <c r="HS4878" s="91"/>
      <c r="HT4878" s="91"/>
      <c r="HU4878" s="91"/>
      <c r="HV4878" s="91"/>
      <c r="HW4878" s="91"/>
      <c r="HX4878" s="127"/>
      <c r="HY4878" s="126"/>
      <c r="HZ4878" s="91"/>
      <c r="IA4878" s="91"/>
      <c r="IB4878" s="91"/>
      <c r="IC4878" s="91"/>
      <c r="ID4878" s="91"/>
      <c r="IE4878" s="91"/>
      <c r="IF4878" s="91"/>
      <c r="IG4878" s="91"/>
      <c r="IH4878" s="91"/>
      <c r="II4878" s="91"/>
      <c r="IJ4878" s="91"/>
      <c r="IK4878" s="174"/>
    </row>
    <row r="4879" spans="2:245" x14ac:dyDescent="0.2">
      <c r="B4879" s="43"/>
      <c r="C4879" s="73"/>
      <c r="D4879" s="64"/>
      <c r="E4879" s="64"/>
      <c r="F4879" s="55"/>
      <c r="G4879" s="102"/>
      <c r="H4879" s="97"/>
      <c r="T4879" s="98"/>
      <c r="U4879" s="97"/>
      <c r="AG4879" s="98"/>
      <c r="AY4879" s="164"/>
      <c r="BK4879" s="98"/>
      <c r="BL4879" s="97"/>
      <c r="BX4879" s="98"/>
      <c r="CL4879" s="97"/>
      <c r="CX4879" s="98"/>
      <c r="DL4879" s="97"/>
      <c r="DX4879" s="98"/>
      <c r="EL4879" s="97"/>
      <c r="EX4879" s="98"/>
      <c r="EY4879" s="97"/>
      <c r="FL4879" s="126"/>
      <c r="FM4879" s="91"/>
      <c r="FN4879" s="91"/>
      <c r="FO4879" s="91"/>
      <c r="FP4879" s="91"/>
      <c r="FQ4879" s="91"/>
      <c r="FR4879" s="91"/>
      <c r="FS4879" s="91"/>
      <c r="FT4879" s="91"/>
      <c r="FU4879" s="91"/>
      <c r="FV4879" s="91"/>
      <c r="FW4879" s="91"/>
      <c r="FX4879" s="127"/>
      <c r="FY4879" s="126"/>
      <c r="FZ4879" s="91"/>
      <c r="GA4879" s="91"/>
      <c r="GB4879" s="91"/>
      <c r="GC4879" s="91"/>
      <c r="GD4879" s="91"/>
      <c r="GE4879" s="91"/>
      <c r="GF4879" s="91"/>
      <c r="GG4879" s="91"/>
      <c r="GH4879" s="91"/>
      <c r="GI4879" s="91"/>
      <c r="GJ4879" s="91"/>
      <c r="GK4879" s="127"/>
      <c r="GL4879" s="126"/>
      <c r="GM4879" s="91"/>
      <c r="GN4879" s="91"/>
      <c r="GO4879" s="91"/>
      <c r="GP4879" s="91"/>
      <c r="GQ4879" s="91"/>
      <c r="GR4879" s="91"/>
      <c r="GS4879" s="91"/>
      <c r="GT4879" s="91"/>
      <c r="GU4879" s="91"/>
      <c r="GV4879" s="91"/>
      <c r="GW4879" s="91"/>
      <c r="GX4879" s="127"/>
      <c r="GY4879" s="126"/>
      <c r="GZ4879" s="91"/>
      <c r="HA4879" s="91"/>
      <c r="HB4879" s="91"/>
      <c r="HC4879" s="91"/>
      <c r="HD4879" s="91"/>
      <c r="HE4879" s="91"/>
      <c r="HF4879" s="91"/>
      <c r="HG4879" s="91"/>
      <c r="HH4879" s="91"/>
      <c r="HI4879" s="91"/>
      <c r="HJ4879" s="91"/>
      <c r="HK4879" s="127"/>
      <c r="HL4879" s="126"/>
      <c r="HM4879" s="91"/>
      <c r="HN4879" s="91"/>
      <c r="HO4879" s="91"/>
      <c r="HP4879" s="91"/>
      <c r="HQ4879" s="91"/>
      <c r="HR4879" s="91"/>
      <c r="HS4879" s="91"/>
      <c r="HT4879" s="91"/>
      <c r="HU4879" s="91"/>
      <c r="HV4879" s="91"/>
      <c r="HW4879" s="91"/>
      <c r="HX4879" s="127"/>
      <c r="HY4879" s="126"/>
      <c r="HZ4879" s="91"/>
      <c r="IA4879" s="91"/>
      <c r="IB4879" s="91"/>
      <c r="IC4879" s="91"/>
      <c r="ID4879" s="91"/>
      <c r="IE4879" s="91"/>
      <c r="IF4879" s="91"/>
      <c r="IG4879" s="91"/>
      <c r="IH4879" s="91"/>
      <c r="II4879" s="91"/>
      <c r="IJ4879" s="91"/>
      <c r="IK4879" s="174"/>
    </row>
    <row r="4880" spans="2:245" x14ac:dyDescent="0.2">
      <c r="B4880" s="43"/>
      <c r="C4880" s="73"/>
      <c r="D4880" s="64"/>
      <c r="E4880" s="64"/>
      <c r="F4880" s="55"/>
      <c r="G4880" s="102"/>
      <c r="H4880" s="97"/>
      <c r="T4880" s="98"/>
      <c r="U4880" s="97"/>
      <c r="AG4880" s="98"/>
      <c r="AY4880" s="164"/>
      <c r="BK4880" s="98"/>
      <c r="BL4880" s="97"/>
      <c r="BX4880" s="98"/>
      <c r="CL4880" s="97"/>
      <c r="CX4880" s="98"/>
      <c r="DL4880" s="97"/>
      <c r="DX4880" s="98"/>
      <c r="EL4880" s="97"/>
      <c r="EX4880" s="98"/>
      <c r="EY4880" s="97"/>
      <c r="FL4880" s="126"/>
      <c r="FM4880" s="91"/>
      <c r="FN4880" s="91"/>
      <c r="FO4880" s="91"/>
      <c r="FP4880" s="91"/>
      <c r="FQ4880" s="91"/>
      <c r="FR4880" s="91"/>
      <c r="FS4880" s="91"/>
      <c r="FT4880" s="91"/>
      <c r="FU4880" s="91"/>
      <c r="FV4880" s="91"/>
      <c r="FW4880" s="91"/>
      <c r="FX4880" s="127"/>
      <c r="FY4880" s="126"/>
      <c r="FZ4880" s="91"/>
      <c r="GA4880" s="91"/>
      <c r="GB4880" s="91"/>
      <c r="GC4880" s="91"/>
      <c r="GD4880" s="91"/>
      <c r="GE4880" s="91"/>
      <c r="GF4880" s="91"/>
      <c r="GG4880" s="91"/>
      <c r="GH4880" s="91"/>
      <c r="GI4880" s="91"/>
      <c r="GJ4880" s="91"/>
      <c r="GK4880" s="127"/>
      <c r="GL4880" s="126"/>
      <c r="GM4880" s="91"/>
      <c r="GN4880" s="91"/>
      <c r="GO4880" s="91"/>
      <c r="GP4880" s="91"/>
      <c r="GQ4880" s="91"/>
      <c r="GR4880" s="91"/>
      <c r="GS4880" s="91"/>
      <c r="GT4880" s="91"/>
      <c r="GU4880" s="91"/>
      <c r="GV4880" s="91"/>
      <c r="GW4880" s="91"/>
      <c r="GX4880" s="127"/>
      <c r="GY4880" s="126"/>
      <c r="GZ4880" s="91"/>
      <c r="HA4880" s="91"/>
      <c r="HB4880" s="91"/>
      <c r="HC4880" s="91"/>
      <c r="HD4880" s="91"/>
      <c r="HE4880" s="91"/>
      <c r="HF4880" s="91"/>
      <c r="HG4880" s="91"/>
      <c r="HH4880" s="91"/>
      <c r="HI4880" s="91"/>
      <c r="HJ4880" s="91"/>
      <c r="HK4880" s="127"/>
      <c r="HL4880" s="126"/>
      <c r="HM4880" s="91"/>
      <c r="HN4880" s="91"/>
      <c r="HO4880" s="91"/>
      <c r="HP4880" s="91"/>
      <c r="HQ4880" s="91"/>
      <c r="HR4880" s="91"/>
      <c r="HS4880" s="91"/>
      <c r="HT4880" s="91"/>
      <c r="HU4880" s="91"/>
      <c r="HV4880" s="91"/>
      <c r="HW4880" s="91"/>
      <c r="HX4880" s="127"/>
      <c r="HY4880" s="126"/>
      <c r="HZ4880" s="91"/>
      <c r="IA4880" s="91"/>
      <c r="IB4880" s="91"/>
      <c r="IC4880" s="91"/>
      <c r="ID4880" s="91"/>
      <c r="IE4880" s="91"/>
      <c r="IF4880" s="91"/>
      <c r="IG4880" s="91"/>
      <c r="IH4880" s="91"/>
      <c r="II4880" s="91"/>
      <c r="IJ4880" s="91"/>
      <c r="IK4880" s="174"/>
    </row>
    <row r="4881" spans="2:245" x14ac:dyDescent="0.2">
      <c r="B4881" s="43"/>
      <c r="C4881" s="73"/>
      <c r="D4881" s="64"/>
      <c r="E4881" s="64"/>
      <c r="F4881" s="55"/>
      <c r="G4881" s="102"/>
      <c r="H4881" s="97"/>
      <c r="T4881" s="98"/>
      <c r="U4881" s="97"/>
      <c r="AG4881" s="98"/>
      <c r="AY4881" s="164"/>
      <c r="BK4881" s="98"/>
      <c r="BL4881" s="97"/>
      <c r="BX4881" s="98"/>
      <c r="CL4881" s="97"/>
      <c r="CX4881" s="98"/>
      <c r="DL4881" s="97"/>
      <c r="DX4881" s="98"/>
      <c r="EL4881" s="97"/>
      <c r="EX4881" s="98"/>
      <c r="EY4881" s="97"/>
      <c r="FL4881" s="126"/>
      <c r="FM4881" s="91"/>
      <c r="FN4881" s="91"/>
      <c r="FO4881" s="91"/>
      <c r="FP4881" s="91"/>
      <c r="FQ4881" s="91"/>
      <c r="FR4881" s="91"/>
      <c r="FS4881" s="91"/>
      <c r="FT4881" s="91"/>
      <c r="FU4881" s="91"/>
      <c r="FV4881" s="91"/>
      <c r="FW4881" s="91"/>
      <c r="FX4881" s="127"/>
      <c r="FY4881" s="126"/>
      <c r="FZ4881" s="91"/>
      <c r="GA4881" s="91"/>
      <c r="GB4881" s="91"/>
      <c r="GC4881" s="91"/>
      <c r="GD4881" s="91"/>
      <c r="GE4881" s="91"/>
      <c r="GF4881" s="91"/>
      <c r="GG4881" s="91"/>
      <c r="GH4881" s="91"/>
      <c r="GI4881" s="91"/>
      <c r="GJ4881" s="91"/>
      <c r="GK4881" s="127"/>
      <c r="GL4881" s="126"/>
      <c r="GM4881" s="91"/>
      <c r="GN4881" s="91"/>
      <c r="GO4881" s="91"/>
      <c r="GP4881" s="91"/>
      <c r="GQ4881" s="91"/>
      <c r="GR4881" s="91"/>
      <c r="GS4881" s="91"/>
      <c r="GT4881" s="91"/>
      <c r="GU4881" s="91"/>
      <c r="GV4881" s="91"/>
      <c r="GW4881" s="91"/>
      <c r="GX4881" s="127"/>
      <c r="GY4881" s="126"/>
      <c r="GZ4881" s="91"/>
      <c r="HA4881" s="91"/>
      <c r="HB4881" s="91"/>
      <c r="HC4881" s="91"/>
      <c r="HD4881" s="91"/>
      <c r="HE4881" s="91"/>
      <c r="HF4881" s="91"/>
      <c r="HG4881" s="91"/>
      <c r="HH4881" s="91"/>
      <c r="HI4881" s="91"/>
      <c r="HJ4881" s="91"/>
      <c r="HK4881" s="127"/>
      <c r="HL4881" s="126"/>
      <c r="HM4881" s="91"/>
      <c r="HN4881" s="91"/>
      <c r="HO4881" s="91"/>
      <c r="HP4881" s="91"/>
      <c r="HQ4881" s="91"/>
      <c r="HR4881" s="91"/>
      <c r="HS4881" s="91"/>
      <c r="HT4881" s="91"/>
      <c r="HU4881" s="91"/>
      <c r="HV4881" s="91"/>
      <c r="HW4881" s="91"/>
      <c r="HX4881" s="127"/>
      <c r="HY4881" s="126"/>
      <c r="HZ4881" s="91"/>
      <c r="IA4881" s="91"/>
      <c r="IB4881" s="91"/>
      <c r="IC4881" s="91"/>
      <c r="ID4881" s="91"/>
      <c r="IE4881" s="91"/>
      <c r="IF4881" s="91"/>
      <c r="IG4881" s="91"/>
      <c r="IH4881" s="91"/>
      <c r="II4881" s="91"/>
      <c r="IJ4881" s="91"/>
      <c r="IK4881" s="174"/>
    </row>
    <row r="4882" spans="2:245" x14ac:dyDescent="0.2">
      <c r="B4882" s="43"/>
      <c r="C4882" s="73"/>
      <c r="D4882" s="64"/>
      <c r="E4882" s="64"/>
      <c r="F4882" s="55"/>
      <c r="G4882" s="102"/>
      <c r="H4882" s="97"/>
      <c r="T4882" s="98"/>
      <c r="U4882" s="97"/>
      <c r="AG4882" s="98"/>
      <c r="AY4882" s="164"/>
      <c r="BK4882" s="98"/>
      <c r="BL4882" s="97"/>
      <c r="BX4882" s="98"/>
      <c r="CL4882" s="97"/>
      <c r="CX4882" s="98"/>
      <c r="DL4882" s="97"/>
      <c r="DX4882" s="98"/>
      <c r="EL4882" s="97"/>
      <c r="EX4882" s="98"/>
      <c r="EY4882" s="97"/>
      <c r="FL4882" s="126"/>
      <c r="FM4882" s="91"/>
      <c r="FN4882" s="91"/>
      <c r="FO4882" s="91"/>
      <c r="FP4882" s="91"/>
      <c r="FQ4882" s="91"/>
      <c r="FR4882" s="91"/>
      <c r="FS4882" s="91"/>
      <c r="FT4882" s="91"/>
      <c r="FU4882" s="91"/>
      <c r="FV4882" s="91"/>
      <c r="FW4882" s="91"/>
      <c r="FX4882" s="127"/>
      <c r="FY4882" s="126"/>
      <c r="FZ4882" s="91"/>
      <c r="GA4882" s="91"/>
      <c r="GB4882" s="91"/>
      <c r="GC4882" s="91"/>
      <c r="GD4882" s="91"/>
      <c r="GE4882" s="91"/>
      <c r="GF4882" s="91"/>
      <c r="GG4882" s="91"/>
      <c r="GH4882" s="91"/>
      <c r="GI4882" s="91"/>
      <c r="GJ4882" s="91"/>
      <c r="GK4882" s="127"/>
      <c r="GL4882" s="126"/>
      <c r="GM4882" s="91"/>
      <c r="GN4882" s="91"/>
      <c r="GO4882" s="91"/>
      <c r="GP4882" s="91"/>
      <c r="GQ4882" s="91"/>
      <c r="GR4882" s="91"/>
      <c r="GS4882" s="91"/>
      <c r="GT4882" s="91"/>
      <c r="GU4882" s="91"/>
      <c r="GV4882" s="91"/>
      <c r="GW4882" s="91"/>
      <c r="GX4882" s="127"/>
      <c r="GY4882" s="126"/>
      <c r="GZ4882" s="91"/>
      <c r="HA4882" s="91"/>
      <c r="HB4882" s="91"/>
      <c r="HC4882" s="91"/>
      <c r="HD4882" s="91"/>
      <c r="HE4882" s="91"/>
      <c r="HF4882" s="91"/>
      <c r="HG4882" s="91"/>
      <c r="HH4882" s="91"/>
      <c r="HI4882" s="91"/>
      <c r="HJ4882" s="91"/>
      <c r="HK4882" s="127"/>
      <c r="HL4882" s="126"/>
      <c r="HM4882" s="91"/>
      <c r="HN4882" s="91"/>
      <c r="HO4882" s="91"/>
      <c r="HP4882" s="91"/>
      <c r="HQ4882" s="91"/>
      <c r="HR4882" s="91"/>
      <c r="HS4882" s="91"/>
      <c r="HT4882" s="91"/>
      <c r="HU4882" s="91"/>
      <c r="HV4882" s="91"/>
      <c r="HW4882" s="91"/>
      <c r="HX4882" s="127"/>
      <c r="HY4882" s="126"/>
      <c r="HZ4882" s="91"/>
      <c r="IA4882" s="91"/>
      <c r="IB4882" s="91"/>
      <c r="IC4882" s="91"/>
      <c r="ID4882" s="91"/>
      <c r="IE4882" s="91"/>
      <c r="IF4882" s="91"/>
      <c r="IG4882" s="91"/>
      <c r="IH4882" s="91"/>
      <c r="II4882" s="91"/>
      <c r="IJ4882" s="91"/>
      <c r="IK4882" s="174"/>
    </row>
    <row r="4883" spans="2:245" x14ac:dyDescent="0.2">
      <c r="B4883" s="43"/>
      <c r="C4883" s="73"/>
      <c r="D4883" s="64"/>
      <c r="E4883" s="64"/>
      <c r="F4883" s="55"/>
      <c r="G4883" s="102"/>
      <c r="H4883" s="97"/>
      <c r="T4883" s="98"/>
      <c r="U4883" s="97"/>
      <c r="AG4883" s="98"/>
      <c r="AY4883" s="164"/>
      <c r="BK4883" s="98"/>
      <c r="BL4883" s="97"/>
      <c r="BX4883" s="98"/>
      <c r="CL4883" s="97"/>
      <c r="CX4883" s="98"/>
      <c r="DL4883" s="97"/>
      <c r="DX4883" s="98"/>
      <c r="EL4883" s="97"/>
      <c r="EX4883" s="98"/>
      <c r="EY4883" s="97"/>
      <c r="FL4883" s="126"/>
      <c r="FM4883" s="91"/>
      <c r="FN4883" s="91"/>
      <c r="FO4883" s="91"/>
      <c r="FP4883" s="91"/>
      <c r="FQ4883" s="91"/>
      <c r="FR4883" s="91"/>
      <c r="FS4883" s="91"/>
      <c r="FT4883" s="91"/>
      <c r="FU4883" s="91"/>
      <c r="FV4883" s="91"/>
      <c r="FW4883" s="91"/>
      <c r="FX4883" s="127"/>
      <c r="FY4883" s="126"/>
      <c r="FZ4883" s="91"/>
      <c r="GA4883" s="91"/>
      <c r="GB4883" s="91"/>
      <c r="GC4883" s="91"/>
      <c r="GD4883" s="91"/>
      <c r="GE4883" s="91"/>
      <c r="GF4883" s="91"/>
      <c r="GG4883" s="91"/>
      <c r="GH4883" s="91"/>
      <c r="GI4883" s="91"/>
      <c r="GJ4883" s="91"/>
      <c r="GK4883" s="127"/>
      <c r="GL4883" s="126"/>
      <c r="GM4883" s="91"/>
      <c r="GN4883" s="91"/>
      <c r="GO4883" s="91"/>
      <c r="GP4883" s="91"/>
      <c r="GQ4883" s="91"/>
      <c r="GR4883" s="91"/>
      <c r="GS4883" s="91"/>
      <c r="GT4883" s="91"/>
      <c r="GU4883" s="91"/>
      <c r="GV4883" s="91"/>
      <c r="GW4883" s="91"/>
      <c r="GX4883" s="127"/>
      <c r="GY4883" s="126"/>
      <c r="GZ4883" s="91"/>
      <c r="HA4883" s="91"/>
      <c r="HB4883" s="91"/>
      <c r="HC4883" s="91"/>
      <c r="HD4883" s="91"/>
      <c r="HE4883" s="91"/>
      <c r="HF4883" s="91"/>
      <c r="HG4883" s="91"/>
      <c r="HH4883" s="91"/>
      <c r="HI4883" s="91"/>
      <c r="HJ4883" s="91"/>
      <c r="HK4883" s="127"/>
      <c r="HL4883" s="126"/>
      <c r="HM4883" s="91"/>
      <c r="HN4883" s="91"/>
      <c r="HO4883" s="91"/>
      <c r="HP4883" s="91"/>
      <c r="HQ4883" s="91"/>
      <c r="HR4883" s="91"/>
      <c r="HS4883" s="91"/>
      <c r="HT4883" s="91"/>
      <c r="HU4883" s="91"/>
      <c r="HV4883" s="91"/>
      <c r="HW4883" s="91"/>
      <c r="HX4883" s="127"/>
      <c r="HY4883" s="126"/>
      <c r="HZ4883" s="91"/>
      <c r="IA4883" s="91"/>
      <c r="IB4883" s="91"/>
      <c r="IC4883" s="91"/>
      <c r="ID4883" s="91"/>
      <c r="IE4883" s="91"/>
      <c r="IF4883" s="91"/>
      <c r="IG4883" s="91"/>
      <c r="IH4883" s="91"/>
      <c r="II4883" s="91"/>
      <c r="IJ4883" s="91"/>
      <c r="IK4883" s="174"/>
    </row>
    <row r="4884" spans="2:245" x14ac:dyDescent="0.2">
      <c r="B4884" s="43"/>
      <c r="C4884" s="73"/>
      <c r="D4884" s="64"/>
      <c r="E4884" s="64"/>
      <c r="F4884" s="55"/>
      <c r="G4884" s="102"/>
      <c r="H4884" s="97"/>
      <c r="T4884" s="98"/>
      <c r="U4884" s="97"/>
      <c r="AG4884" s="98"/>
      <c r="AY4884" s="164"/>
      <c r="BK4884" s="98"/>
      <c r="BL4884" s="97"/>
      <c r="BX4884" s="98"/>
      <c r="CL4884" s="97"/>
      <c r="CX4884" s="98"/>
      <c r="DL4884" s="97"/>
      <c r="DX4884" s="98"/>
      <c r="EL4884" s="97"/>
      <c r="EX4884" s="98"/>
      <c r="EY4884" s="97"/>
      <c r="FL4884" s="126"/>
      <c r="FM4884" s="91"/>
      <c r="FN4884" s="91"/>
      <c r="FO4884" s="91"/>
      <c r="FP4884" s="91"/>
      <c r="FQ4884" s="91"/>
      <c r="FR4884" s="91"/>
      <c r="FS4884" s="91"/>
      <c r="FT4884" s="91"/>
      <c r="FU4884" s="91"/>
      <c r="FV4884" s="91"/>
      <c r="FW4884" s="91"/>
      <c r="FX4884" s="127"/>
      <c r="FY4884" s="126"/>
      <c r="FZ4884" s="91"/>
      <c r="GA4884" s="91"/>
      <c r="GB4884" s="91"/>
      <c r="GC4884" s="91"/>
      <c r="GD4884" s="91"/>
      <c r="GE4884" s="91"/>
      <c r="GF4884" s="91"/>
      <c r="GG4884" s="91"/>
      <c r="GH4884" s="91"/>
      <c r="GI4884" s="91"/>
      <c r="GJ4884" s="91"/>
      <c r="GK4884" s="127"/>
      <c r="GL4884" s="126"/>
      <c r="GM4884" s="91"/>
      <c r="GN4884" s="91"/>
      <c r="GO4884" s="91"/>
      <c r="GP4884" s="91"/>
      <c r="GQ4884" s="91"/>
      <c r="GR4884" s="91"/>
      <c r="GS4884" s="91"/>
      <c r="GT4884" s="91"/>
      <c r="GU4884" s="91"/>
      <c r="GV4884" s="91"/>
      <c r="GW4884" s="91"/>
      <c r="GX4884" s="127"/>
      <c r="GY4884" s="126"/>
      <c r="GZ4884" s="91"/>
      <c r="HA4884" s="91"/>
      <c r="HB4884" s="91"/>
      <c r="HC4884" s="91"/>
      <c r="HD4884" s="91"/>
      <c r="HE4884" s="91"/>
      <c r="HF4884" s="91"/>
      <c r="HG4884" s="91"/>
      <c r="HH4884" s="91"/>
      <c r="HI4884" s="91"/>
      <c r="HJ4884" s="91"/>
      <c r="HK4884" s="127"/>
      <c r="HL4884" s="126"/>
      <c r="HM4884" s="91"/>
      <c r="HN4884" s="91"/>
      <c r="HO4884" s="91"/>
      <c r="HP4884" s="91"/>
      <c r="HQ4884" s="91"/>
      <c r="HR4884" s="91"/>
      <c r="HS4884" s="91"/>
      <c r="HT4884" s="91"/>
      <c r="HU4884" s="91"/>
      <c r="HV4884" s="91"/>
      <c r="HW4884" s="91"/>
      <c r="HX4884" s="127"/>
      <c r="HY4884" s="126"/>
      <c r="HZ4884" s="91"/>
      <c r="IA4884" s="91"/>
      <c r="IB4884" s="91"/>
      <c r="IC4884" s="91"/>
      <c r="ID4884" s="91"/>
      <c r="IE4884" s="91"/>
      <c r="IF4884" s="91"/>
      <c r="IG4884" s="91"/>
      <c r="IH4884" s="91"/>
      <c r="II4884" s="91"/>
      <c r="IJ4884" s="91"/>
      <c r="IK4884" s="174"/>
    </row>
    <row r="4885" spans="2:245" x14ac:dyDescent="0.2">
      <c r="B4885" s="43"/>
      <c r="C4885" s="73"/>
      <c r="D4885" s="64"/>
      <c r="E4885" s="64"/>
      <c r="F4885" s="55"/>
      <c r="G4885" s="102"/>
      <c r="H4885" s="97"/>
      <c r="T4885" s="98"/>
      <c r="U4885" s="97"/>
      <c r="AG4885" s="98"/>
      <c r="AY4885" s="164"/>
      <c r="BK4885" s="98"/>
      <c r="BL4885" s="97"/>
      <c r="BX4885" s="98"/>
      <c r="CL4885" s="97"/>
      <c r="CX4885" s="98"/>
      <c r="DL4885" s="97"/>
      <c r="DX4885" s="98"/>
      <c r="EL4885" s="97"/>
      <c r="EX4885" s="98"/>
      <c r="EY4885" s="97"/>
      <c r="FL4885" s="126"/>
      <c r="FM4885" s="91"/>
      <c r="FN4885" s="91"/>
      <c r="FO4885" s="91"/>
      <c r="FP4885" s="91"/>
      <c r="FQ4885" s="91"/>
      <c r="FR4885" s="91"/>
      <c r="FS4885" s="91"/>
      <c r="FT4885" s="91"/>
      <c r="FU4885" s="91"/>
      <c r="FV4885" s="91"/>
      <c r="FW4885" s="91"/>
      <c r="FX4885" s="127"/>
      <c r="FY4885" s="126"/>
      <c r="FZ4885" s="91"/>
      <c r="GA4885" s="91"/>
      <c r="GB4885" s="91"/>
      <c r="GC4885" s="91"/>
      <c r="GD4885" s="91"/>
      <c r="GE4885" s="91"/>
      <c r="GF4885" s="91"/>
      <c r="GG4885" s="91"/>
      <c r="GH4885" s="91"/>
      <c r="GI4885" s="91"/>
      <c r="GJ4885" s="91"/>
      <c r="GK4885" s="127"/>
      <c r="GL4885" s="126"/>
      <c r="GM4885" s="91"/>
      <c r="GN4885" s="91"/>
      <c r="GO4885" s="91"/>
      <c r="GP4885" s="91"/>
      <c r="GQ4885" s="91"/>
      <c r="GR4885" s="91"/>
      <c r="GS4885" s="91"/>
      <c r="GT4885" s="91"/>
      <c r="GU4885" s="91"/>
      <c r="GV4885" s="91"/>
      <c r="GW4885" s="91"/>
      <c r="GX4885" s="127"/>
      <c r="GY4885" s="126"/>
      <c r="GZ4885" s="91"/>
      <c r="HA4885" s="91"/>
      <c r="HB4885" s="91"/>
      <c r="HC4885" s="91"/>
      <c r="HD4885" s="91"/>
      <c r="HE4885" s="91"/>
      <c r="HF4885" s="91"/>
      <c r="HG4885" s="91"/>
      <c r="HH4885" s="91"/>
      <c r="HI4885" s="91"/>
      <c r="HJ4885" s="91"/>
      <c r="HK4885" s="127"/>
      <c r="HL4885" s="126"/>
      <c r="HM4885" s="91"/>
      <c r="HN4885" s="91"/>
      <c r="HO4885" s="91"/>
      <c r="HP4885" s="91"/>
      <c r="HQ4885" s="91"/>
      <c r="HR4885" s="91"/>
      <c r="HS4885" s="91"/>
      <c r="HT4885" s="91"/>
      <c r="HU4885" s="91"/>
      <c r="HV4885" s="91"/>
      <c r="HW4885" s="91"/>
      <c r="HX4885" s="127"/>
      <c r="HY4885" s="126"/>
      <c r="HZ4885" s="91"/>
      <c r="IA4885" s="91"/>
      <c r="IB4885" s="91"/>
      <c r="IC4885" s="91"/>
      <c r="ID4885" s="91"/>
      <c r="IE4885" s="91"/>
      <c r="IF4885" s="91"/>
      <c r="IG4885" s="91"/>
      <c r="IH4885" s="91"/>
      <c r="II4885" s="91"/>
      <c r="IJ4885" s="91"/>
      <c r="IK4885" s="174"/>
    </row>
    <row r="4886" spans="2:245" x14ac:dyDescent="0.2">
      <c r="B4886" s="43"/>
      <c r="C4886" s="73"/>
      <c r="D4886" s="64"/>
      <c r="E4886" s="64"/>
      <c r="F4886" s="55"/>
      <c r="G4886" s="102"/>
      <c r="H4886" s="97"/>
      <c r="T4886" s="98"/>
      <c r="U4886" s="97"/>
      <c r="AG4886" s="98"/>
      <c r="AY4886" s="164"/>
      <c r="BK4886" s="98"/>
      <c r="BL4886" s="97"/>
      <c r="BX4886" s="98"/>
      <c r="CL4886" s="97"/>
      <c r="CX4886" s="98"/>
      <c r="DL4886" s="97"/>
      <c r="DX4886" s="98"/>
      <c r="EL4886" s="97"/>
      <c r="EX4886" s="98"/>
      <c r="EY4886" s="97"/>
      <c r="FL4886" s="126"/>
      <c r="FM4886" s="91"/>
      <c r="FN4886" s="91"/>
      <c r="FO4886" s="91"/>
      <c r="FP4886" s="91"/>
      <c r="FQ4886" s="91"/>
      <c r="FR4886" s="91"/>
      <c r="FS4886" s="91"/>
      <c r="FT4886" s="91"/>
      <c r="FU4886" s="91"/>
      <c r="FV4886" s="91"/>
      <c r="FW4886" s="91"/>
      <c r="FX4886" s="127"/>
      <c r="FY4886" s="126"/>
      <c r="FZ4886" s="91"/>
      <c r="GA4886" s="91"/>
      <c r="GB4886" s="91"/>
      <c r="GC4886" s="91"/>
      <c r="GD4886" s="91"/>
      <c r="GE4886" s="91"/>
      <c r="GF4886" s="91"/>
      <c r="GG4886" s="91"/>
      <c r="GH4886" s="91"/>
      <c r="GI4886" s="91"/>
      <c r="GJ4886" s="91"/>
      <c r="GK4886" s="127"/>
      <c r="GL4886" s="126"/>
      <c r="GM4886" s="91"/>
      <c r="GN4886" s="91"/>
      <c r="GO4886" s="91"/>
      <c r="GP4886" s="91"/>
      <c r="GQ4886" s="91"/>
      <c r="GR4886" s="91"/>
      <c r="GS4886" s="91"/>
      <c r="GT4886" s="91"/>
      <c r="GU4886" s="91"/>
      <c r="GV4886" s="91"/>
      <c r="GW4886" s="91"/>
      <c r="GX4886" s="127"/>
      <c r="GY4886" s="126"/>
      <c r="GZ4886" s="91"/>
      <c r="HA4886" s="91"/>
      <c r="HB4886" s="91"/>
      <c r="HC4886" s="91"/>
      <c r="HD4886" s="91"/>
      <c r="HE4886" s="91"/>
      <c r="HF4886" s="91"/>
      <c r="HG4886" s="91"/>
      <c r="HH4886" s="91"/>
      <c r="HI4886" s="91"/>
      <c r="HJ4886" s="91"/>
      <c r="HK4886" s="127"/>
      <c r="HL4886" s="126"/>
      <c r="HM4886" s="91"/>
      <c r="HN4886" s="91"/>
      <c r="HO4886" s="91"/>
      <c r="HP4886" s="91"/>
      <c r="HQ4886" s="91"/>
      <c r="HR4886" s="91"/>
      <c r="HS4886" s="91"/>
      <c r="HT4886" s="91"/>
      <c r="HU4886" s="91"/>
      <c r="HV4886" s="91"/>
      <c r="HW4886" s="91"/>
      <c r="HX4886" s="127"/>
      <c r="HY4886" s="126"/>
      <c r="HZ4886" s="91"/>
      <c r="IA4886" s="91"/>
      <c r="IB4886" s="91"/>
      <c r="IC4886" s="91"/>
      <c r="ID4886" s="91"/>
      <c r="IE4886" s="91"/>
      <c r="IF4886" s="91"/>
      <c r="IG4886" s="91"/>
      <c r="IH4886" s="91"/>
      <c r="II4886" s="91"/>
      <c r="IJ4886" s="91"/>
      <c r="IK4886" s="174"/>
    </row>
    <row r="4887" spans="2:245" x14ac:dyDescent="0.2">
      <c r="B4887" s="43"/>
      <c r="C4887" s="73"/>
      <c r="D4887" s="64"/>
      <c r="E4887" s="64"/>
      <c r="F4887" s="55"/>
      <c r="G4887" s="102"/>
      <c r="H4887" s="97"/>
      <c r="T4887" s="98"/>
      <c r="U4887" s="97"/>
      <c r="AG4887" s="98"/>
      <c r="AY4887" s="164"/>
      <c r="BK4887" s="98"/>
      <c r="BL4887" s="97"/>
      <c r="BX4887" s="98"/>
      <c r="CL4887" s="97"/>
      <c r="CX4887" s="98"/>
      <c r="DL4887" s="97"/>
      <c r="DX4887" s="98"/>
      <c r="EL4887" s="97"/>
      <c r="EX4887" s="98"/>
      <c r="EY4887" s="97"/>
      <c r="FL4887" s="126"/>
      <c r="FM4887" s="91"/>
      <c r="FN4887" s="91"/>
      <c r="FO4887" s="91"/>
      <c r="FP4887" s="91"/>
      <c r="FQ4887" s="91"/>
      <c r="FR4887" s="91"/>
      <c r="FS4887" s="91"/>
      <c r="FT4887" s="91"/>
      <c r="FU4887" s="91"/>
      <c r="FV4887" s="91"/>
      <c r="FW4887" s="91"/>
      <c r="FX4887" s="127"/>
      <c r="FY4887" s="126"/>
      <c r="FZ4887" s="91"/>
      <c r="GA4887" s="91"/>
      <c r="GB4887" s="91"/>
      <c r="GC4887" s="91"/>
      <c r="GD4887" s="91"/>
      <c r="GE4887" s="91"/>
      <c r="GF4887" s="91"/>
      <c r="GG4887" s="91"/>
      <c r="GH4887" s="91"/>
      <c r="GI4887" s="91"/>
      <c r="GJ4887" s="91"/>
      <c r="GK4887" s="127"/>
      <c r="GL4887" s="126"/>
      <c r="GM4887" s="91"/>
      <c r="GN4887" s="91"/>
      <c r="GO4887" s="91"/>
      <c r="GP4887" s="91"/>
      <c r="GQ4887" s="91"/>
      <c r="GR4887" s="91"/>
      <c r="GS4887" s="91"/>
      <c r="GT4887" s="91"/>
      <c r="GU4887" s="91"/>
      <c r="GV4887" s="91"/>
      <c r="GW4887" s="91"/>
      <c r="GX4887" s="127"/>
      <c r="GY4887" s="126"/>
      <c r="GZ4887" s="91"/>
      <c r="HA4887" s="91"/>
      <c r="HB4887" s="91"/>
      <c r="HC4887" s="91"/>
      <c r="HD4887" s="91"/>
      <c r="HE4887" s="91"/>
      <c r="HF4887" s="91"/>
      <c r="HG4887" s="91"/>
      <c r="HH4887" s="91"/>
      <c r="HI4887" s="91"/>
      <c r="HJ4887" s="91"/>
      <c r="HK4887" s="127"/>
      <c r="HL4887" s="126"/>
      <c r="HM4887" s="91"/>
      <c r="HN4887" s="91"/>
      <c r="HO4887" s="91"/>
      <c r="HP4887" s="91"/>
      <c r="HQ4887" s="91"/>
      <c r="HR4887" s="91"/>
      <c r="HS4887" s="91"/>
      <c r="HT4887" s="91"/>
      <c r="HU4887" s="91"/>
      <c r="HV4887" s="91"/>
      <c r="HW4887" s="91"/>
      <c r="HX4887" s="127"/>
      <c r="HY4887" s="126"/>
      <c r="HZ4887" s="91"/>
      <c r="IA4887" s="91"/>
      <c r="IB4887" s="91"/>
      <c r="IC4887" s="91"/>
      <c r="ID4887" s="91"/>
      <c r="IE4887" s="91"/>
      <c r="IF4887" s="91"/>
      <c r="IG4887" s="91"/>
      <c r="IH4887" s="91"/>
      <c r="II4887" s="91"/>
      <c r="IJ4887" s="91"/>
      <c r="IK4887" s="174"/>
    </row>
    <row r="4888" spans="2:245" x14ac:dyDescent="0.2">
      <c r="B4888" s="43"/>
      <c r="C4888" s="73"/>
      <c r="D4888" s="64"/>
      <c r="E4888" s="64"/>
      <c r="F4888" s="55"/>
      <c r="G4888" s="102"/>
      <c r="H4888" s="97"/>
      <c r="T4888" s="98"/>
      <c r="U4888" s="97"/>
      <c r="AG4888" s="98"/>
      <c r="AY4888" s="164"/>
      <c r="BK4888" s="98"/>
      <c r="BL4888" s="97"/>
      <c r="BX4888" s="98"/>
      <c r="CL4888" s="97"/>
      <c r="CX4888" s="98"/>
      <c r="DL4888" s="97"/>
      <c r="DX4888" s="98"/>
      <c r="EL4888" s="97"/>
      <c r="EX4888" s="98"/>
      <c r="EY4888" s="97"/>
      <c r="FL4888" s="126"/>
      <c r="FM4888" s="91"/>
      <c r="FN4888" s="91"/>
      <c r="FO4888" s="91"/>
      <c r="FP4888" s="91"/>
      <c r="FQ4888" s="91"/>
      <c r="FR4888" s="91"/>
      <c r="FS4888" s="91"/>
      <c r="FT4888" s="91"/>
      <c r="FU4888" s="91"/>
      <c r="FV4888" s="91"/>
      <c r="FW4888" s="91"/>
      <c r="FX4888" s="127"/>
      <c r="FY4888" s="126"/>
      <c r="FZ4888" s="91"/>
      <c r="GA4888" s="91"/>
      <c r="GB4888" s="91"/>
      <c r="GC4888" s="91"/>
      <c r="GD4888" s="91"/>
      <c r="GE4888" s="91"/>
      <c r="GF4888" s="91"/>
      <c r="GG4888" s="91"/>
      <c r="GH4888" s="91"/>
      <c r="GI4888" s="91"/>
      <c r="GJ4888" s="91"/>
      <c r="GK4888" s="127"/>
      <c r="GL4888" s="126"/>
      <c r="GM4888" s="91"/>
      <c r="GN4888" s="91"/>
      <c r="GO4888" s="91"/>
      <c r="GP4888" s="91"/>
      <c r="GQ4888" s="91"/>
      <c r="GR4888" s="91"/>
      <c r="GS4888" s="91"/>
      <c r="GT4888" s="91"/>
      <c r="GU4888" s="91"/>
      <c r="GV4888" s="91"/>
      <c r="GW4888" s="91"/>
      <c r="GX4888" s="127"/>
      <c r="GY4888" s="126"/>
      <c r="GZ4888" s="91"/>
      <c r="HA4888" s="91"/>
      <c r="HB4888" s="91"/>
      <c r="HC4888" s="91"/>
      <c r="HD4888" s="91"/>
      <c r="HE4888" s="91"/>
      <c r="HF4888" s="91"/>
      <c r="HG4888" s="91"/>
      <c r="HH4888" s="91"/>
      <c r="HI4888" s="91"/>
      <c r="HJ4888" s="91"/>
      <c r="HK4888" s="127"/>
      <c r="HL4888" s="126"/>
      <c r="HM4888" s="91"/>
      <c r="HN4888" s="91"/>
      <c r="HO4888" s="91"/>
      <c r="HP4888" s="91"/>
      <c r="HQ4888" s="91"/>
      <c r="HR4888" s="91"/>
      <c r="HS4888" s="91"/>
      <c r="HT4888" s="91"/>
      <c r="HU4888" s="91"/>
      <c r="HV4888" s="91"/>
      <c r="HW4888" s="91"/>
      <c r="HX4888" s="127"/>
      <c r="HY4888" s="126"/>
      <c r="HZ4888" s="91"/>
      <c r="IA4888" s="91"/>
      <c r="IB4888" s="91"/>
      <c r="IC4888" s="91"/>
      <c r="ID4888" s="91"/>
      <c r="IE4888" s="91"/>
      <c r="IF4888" s="91"/>
      <c r="IG4888" s="91"/>
      <c r="IH4888" s="91"/>
      <c r="II4888" s="91"/>
      <c r="IJ4888" s="91"/>
      <c r="IK4888" s="174"/>
    </row>
    <row r="4889" spans="2:245" x14ac:dyDescent="0.2">
      <c r="B4889" s="43"/>
      <c r="C4889" s="73"/>
      <c r="D4889" s="64"/>
      <c r="E4889" s="64"/>
      <c r="F4889" s="55"/>
      <c r="G4889" s="102"/>
      <c r="H4889" s="97"/>
      <c r="T4889" s="98"/>
      <c r="U4889" s="97"/>
      <c r="AG4889" s="98"/>
      <c r="AY4889" s="164"/>
      <c r="BK4889" s="98"/>
      <c r="BL4889" s="97"/>
      <c r="BX4889" s="98"/>
      <c r="CL4889" s="97"/>
      <c r="CX4889" s="98"/>
      <c r="DL4889" s="97"/>
      <c r="DX4889" s="98"/>
      <c r="EL4889" s="97"/>
      <c r="EX4889" s="98"/>
      <c r="EY4889" s="97"/>
      <c r="FL4889" s="126"/>
      <c r="FM4889" s="91"/>
      <c r="FN4889" s="91"/>
      <c r="FO4889" s="91"/>
      <c r="FP4889" s="91"/>
      <c r="FQ4889" s="91"/>
      <c r="FR4889" s="91"/>
      <c r="FS4889" s="91"/>
      <c r="FT4889" s="91"/>
      <c r="FU4889" s="91"/>
      <c r="FV4889" s="91"/>
      <c r="FW4889" s="91"/>
      <c r="FX4889" s="127"/>
      <c r="FY4889" s="126"/>
      <c r="FZ4889" s="91"/>
      <c r="GA4889" s="91"/>
      <c r="GB4889" s="91"/>
      <c r="GC4889" s="91"/>
      <c r="GD4889" s="91"/>
      <c r="GE4889" s="91"/>
      <c r="GF4889" s="91"/>
      <c r="GG4889" s="91"/>
      <c r="GH4889" s="91"/>
      <c r="GI4889" s="91"/>
      <c r="GJ4889" s="91"/>
      <c r="GK4889" s="127"/>
      <c r="GL4889" s="126"/>
      <c r="GM4889" s="91"/>
      <c r="GN4889" s="91"/>
      <c r="GO4889" s="91"/>
      <c r="GP4889" s="91"/>
      <c r="GQ4889" s="91"/>
      <c r="GR4889" s="91"/>
      <c r="GS4889" s="91"/>
      <c r="GT4889" s="91"/>
      <c r="GU4889" s="91"/>
      <c r="GV4889" s="91"/>
      <c r="GW4889" s="91"/>
      <c r="GX4889" s="127"/>
      <c r="GY4889" s="126"/>
      <c r="GZ4889" s="91"/>
      <c r="HA4889" s="91"/>
      <c r="HB4889" s="91"/>
      <c r="HC4889" s="91"/>
      <c r="HD4889" s="91"/>
      <c r="HE4889" s="91"/>
      <c r="HF4889" s="91"/>
      <c r="HG4889" s="91"/>
      <c r="HH4889" s="91"/>
      <c r="HI4889" s="91"/>
      <c r="HJ4889" s="91"/>
      <c r="HK4889" s="127"/>
      <c r="HL4889" s="126"/>
      <c r="HM4889" s="91"/>
      <c r="HN4889" s="91"/>
      <c r="HO4889" s="91"/>
      <c r="HP4889" s="91"/>
      <c r="HQ4889" s="91"/>
      <c r="HR4889" s="91"/>
      <c r="HS4889" s="91"/>
      <c r="HT4889" s="91"/>
      <c r="HU4889" s="91"/>
      <c r="HV4889" s="91"/>
      <c r="HW4889" s="91"/>
      <c r="HX4889" s="127"/>
      <c r="HY4889" s="126"/>
      <c r="HZ4889" s="91"/>
      <c r="IA4889" s="91"/>
      <c r="IB4889" s="91"/>
      <c r="IC4889" s="91"/>
      <c r="ID4889" s="91"/>
      <c r="IE4889" s="91"/>
      <c r="IF4889" s="91"/>
      <c r="IG4889" s="91"/>
      <c r="IH4889" s="91"/>
      <c r="II4889" s="91"/>
      <c r="IJ4889" s="91"/>
      <c r="IK4889" s="174"/>
    </row>
    <row r="4890" spans="2:245" x14ac:dyDescent="0.2">
      <c r="B4890" s="43"/>
      <c r="C4890" s="73"/>
      <c r="D4890" s="64"/>
      <c r="E4890" s="64"/>
      <c r="F4890" s="55"/>
      <c r="G4890" s="102"/>
      <c r="H4890" s="97"/>
      <c r="T4890" s="98"/>
      <c r="U4890" s="97"/>
      <c r="AG4890" s="98"/>
      <c r="AY4890" s="164"/>
      <c r="BK4890" s="98"/>
      <c r="BL4890" s="97"/>
      <c r="BX4890" s="98"/>
      <c r="CL4890" s="97"/>
      <c r="CX4890" s="98"/>
      <c r="DL4890" s="97"/>
      <c r="DX4890" s="98"/>
      <c r="EL4890" s="97"/>
      <c r="EX4890" s="98"/>
      <c r="EY4890" s="97"/>
      <c r="FL4890" s="126"/>
      <c r="FM4890" s="91"/>
      <c r="FN4890" s="91"/>
      <c r="FO4890" s="91"/>
      <c r="FP4890" s="91"/>
      <c r="FQ4890" s="91"/>
      <c r="FR4890" s="91"/>
      <c r="FS4890" s="91"/>
      <c r="FT4890" s="91"/>
      <c r="FU4890" s="91"/>
      <c r="FV4890" s="91"/>
      <c r="FW4890" s="91"/>
      <c r="FX4890" s="127"/>
      <c r="FY4890" s="126"/>
      <c r="FZ4890" s="91"/>
      <c r="GA4890" s="91"/>
      <c r="GB4890" s="91"/>
      <c r="GC4890" s="91"/>
      <c r="GD4890" s="91"/>
      <c r="GE4890" s="91"/>
      <c r="GF4890" s="91"/>
      <c r="GG4890" s="91"/>
      <c r="GH4890" s="91"/>
      <c r="GI4890" s="91"/>
      <c r="GJ4890" s="91"/>
      <c r="GK4890" s="127"/>
      <c r="GL4890" s="126"/>
      <c r="GM4890" s="91"/>
      <c r="GN4890" s="91"/>
      <c r="GO4890" s="91"/>
      <c r="GP4890" s="91"/>
      <c r="GQ4890" s="91"/>
      <c r="GR4890" s="91"/>
      <c r="GS4890" s="91"/>
      <c r="GT4890" s="91"/>
      <c r="GU4890" s="91"/>
      <c r="GV4890" s="91"/>
      <c r="GW4890" s="91"/>
      <c r="GX4890" s="127"/>
      <c r="GY4890" s="126"/>
      <c r="GZ4890" s="91"/>
      <c r="HA4890" s="91"/>
      <c r="HB4890" s="91"/>
      <c r="HC4890" s="91"/>
      <c r="HD4890" s="91"/>
      <c r="HE4890" s="91"/>
      <c r="HF4890" s="91"/>
      <c r="HG4890" s="91"/>
      <c r="HH4890" s="91"/>
      <c r="HI4890" s="91"/>
      <c r="HJ4890" s="91"/>
      <c r="HK4890" s="127"/>
      <c r="HL4890" s="126"/>
      <c r="HM4890" s="91"/>
      <c r="HN4890" s="91"/>
      <c r="HO4890" s="91"/>
      <c r="HP4890" s="91"/>
      <c r="HQ4890" s="91"/>
      <c r="HR4890" s="91"/>
      <c r="HS4890" s="91"/>
      <c r="HT4890" s="91"/>
      <c r="HU4890" s="91"/>
      <c r="HV4890" s="91"/>
      <c r="HW4890" s="91"/>
      <c r="HX4890" s="127"/>
      <c r="HY4890" s="126"/>
      <c r="HZ4890" s="91"/>
      <c r="IA4890" s="91"/>
      <c r="IB4890" s="91"/>
      <c r="IC4890" s="91"/>
      <c r="ID4890" s="91"/>
      <c r="IE4890" s="91"/>
      <c r="IF4890" s="91"/>
      <c r="IG4890" s="91"/>
      <c r="IH4890" s="91"/>
      <c r="II4890" s="91"/>
      <c r="IJ4890" s="91"/>
      <c r="IK4890" s="174"/>
    </row>
    <row r="4891" spans="2:245" x14ac:dyDescent="0.2">
      <c r="B4891" s="43"/>
      <c r="C4891" s="73"/>
      <c r="D4891" s="64"/>
      <c r="E4891" s="64"/>
      <c r="F4891" s="55"/>
      <c r="G4891" s="102"/>
      <c r="H4891" s="97"/>
      <c r="T4891" s="98"/>
      <c r="U4891" s="97"/>
      <c r="AG4891" s="98"/>
      <c r="AY4891" s="164"/>
      <c r="BK4891" s="98"/>
      <c r="BL4891" s="97"/>
      <c r="BX4891" s="98"/>
      <c r="CL4891" s="97"/>
      <c r="CX4891" s="98"/>
      <c r="DL4891" s="97"/>
      <c r="DX4891" s="98"/>
      <c r="EL4891" s="97"/>
      <c r="EX4891" s="98"/>
      <c r="EY4891" s="97"/>
      <c r="FL4891" s="126"/>
      <c r="FM4891" s="91"/>
      <c r="FN4891" s="91"/>
      <c r="FO4891" s="91"/>
      <c r="FP4891" s="91"/>
      <c r="FQ4891" s="91"/>
      <c r="FR4891" s="91"/>
      <c r="FS4891" s="91"/>
      <c r="FT4891" s="91"/>
      <c r="FU4891" s="91"/>
      <c r="FV4891" s="91"/>
      <c r="FW4891" s="91"/>
      <c r="FX4891" s="127"/>
      <c r="FY4891" s="126"/>
      <c r="FZ4891" s="91"/>
      <c r="GA4891" s="91"/>
      <c r="GB4891" s="91"/>
      <c r="GC4891" s="91"/>
      <c r="GD4891" s="91"/>
      <c r="GE4891" s="91"/>
      <c r="GF4891" s="91"/>
      <c r="GG4891" s="91"/>
      <c r="GH4891" s="91"/>
      <c r="GI4891" s="91"/>
      <c r="GJ4891" s="91"/>
      <c r="GK4891" s="127"/>
      <c r="GL4891" s="126"/>
      <c r="GM4891" s="91"/>
      <c r="GN4891" s="91"/>
      <c r="GO4891" s="91"/>
      <c r="GP4891" s="91"/>
      <c r="GQ4891" s="91"/>
      <c r="GR4891" s="91"/>
      <c r="GS4891" s="91"/>
      <c r="GT4891" s="91"/>
      <c r="GU4891" s="91"/>
      <c r="GV4891" s="91"/>
      <c r="GW4891" s="91"/>
      <c r="GX4891" s="127"/>
      <c r="GY4891" s="126"/>
      <c r="GZ4891" s="91"/>
      <c r="HA4891" s="91"/>
      <c r="HB4891" s="91"/>
      <c r="HC4891" s="91"/>
      <c r="HD4891" s="91"/>
      <c r="HE4891" s="91"/>
      <c r="HF4891" s="91"/>
      <c r="HG4891" s="91"/>
      <c r="HH4891" s="91"/>
      <c r="HI4891" s="91"/>
      <c r="HJ4891" s="91"/>
      <c r="HK4891" s="127"/>
      <c r="HL4891" s="126"/>
      <c r="HM4891" s="91"/>
      <c r="HN4891" s="91"/>
      <c r="HO4891" s="91"/>
      <c r="HP4891" s="91"/>
      <c r="HQ4891" s="91"/>
      <c r="HR4891" s="91"/>
      <c r="HS4891" s="91"/>
      <c r="HT4891" s="91"/>
      <c r="HU4891" s="91"/>
      <c r="HV4891" s="91"/>
      <c r="HW4891" s="91"/>
      <c r="HX4891" s="127"/>
      <c r="HY4891" s="126"/>
      <c r="HZ4891" s="91"/>
      <c r="IA4891" s="91"/>
      <c r="IB4891" s="91"/>
      <c r="IC4891" s="91"/>
      <c r="ID4891" s="91"/>
      <c r="IE4891" s="91"/>
      <c r="IF4891" s="91"/>
      <c r="IG4891" s="91"/>
      <c r="IH4891" s="91"/>
      <c r="II4891" s="91"/>
      <c r="IJ4891" s="91"/>
      <c r="IK4891" s="174"/>
    </row>
    <row r="4892" spans="2:245" x14ac:dyDescent="0.2">
      <c r="B4892" s="43"/>
      <c r="C4892" s="73"/>
      <c r="D4892" s="64"/>
      <c r="E4892" s="64"/>
      <c r="F4892" s="55"/>
      <c r="G4892" s="102"/>
      <c r="H4892" s="97"/>
      <c r="T4892" s="98"/>
      <c r="U4892" s="97"/>
      <c r="AG4892" s="98"/>
      <c r="AY4892" s="164"/>
      <c r="BK4892" s="98"/>
      <c r="BL4892" s="97"/>
      <c r="BX4892" s="98"/>
      <c r="CL4892" s="97"/>
      <c r="CX4892" s="98"/>
      <c r="DL4892" s="97"/>
      <c r="DX4892" s="98"/>
      <c r="EL4892" s="97"/>
      <c r="EX4892" s="98"/>
      <c r="EY4892" s="97"/>
      <c r="FL4892" s="126"/>
      <c r="FM4892" s="91"/>
      <c r="FN4892" s="91"/>
      <c r="FO4892" s="91"/>
      <c r="FP4892" s="91"/>
      <c r="FQ4892" s="91"/>
      <c r="FR4892" s="91"/>
      <c r="FS4892" s="91"/>
      <c r="FT4892" s="91"/>
      <c r="FU4892" s="91"/>
      <c r="FV4892" s="91"/>
      <c r="FW4892" s="91"/>
      <c r="FX4892" s="127"/>
      <c r="FY4892" s="126"/>
      <c r="FZ4892" s="91"/>
      <c r="GA4892" s="91"/>
      <c r="GB4892" s="91"/>
      <c r="GC4892" s="91"/>
      <c r="GD4892" s="91"/>
      <c r="GE4892" s="91"/>
      <c r="GF4892" s="91"/>
      <c r="GG4892" s="91"/>
      <c r="GH4892" s="91"/>
      <c r="GI4892" s="91"/>
      <c r="GJ4892" s="91"/>
      <c r="GK4892" s="127"/>
      <c r="GL4892" s="126"/>
      <c r="GM4892" s="91"/>
      <c r="GN4892" s="91"/>
      <c r="GO4892" s="91"/>
      <c r="GP4892" s="91"/>
      <c r="GQ4892" s="91"/>
      <c r="GR4892" s="91"/>
      <c r="GS4892" s="91"/>
      <c r="GT4892" s="91"/>
      <c r="GU4892" s="91"/>
      <c r="GV4892" s="91"/>
      <c r="GW4892" s="91"/>
      <c r="GX4892" s="127"/>
      <c r="GY4892" s="126"/>
      <c r="GZ4892" s="91"/>
      <c r="HA4892" s="91"/>
      <c r="HB4892" s="91"/>
      <c r="HC4892" s="91"/>
      <c r="HD4892" s="91"/>
      <c r="HE4892" s="91"/>
      <c r="HF4892" s="91"/>
      <c r="HG4892" s="91"/>
      <c r="HH4892" s="91"/>
      <c r="HI4892" s="91"/>
      <c r="HJ4892" s="91"/>
      <c r="HK4892" s="127"/>
      <c r="HL4892" s="126"/>
      <c r="HM4892" s="91"/>
      <c r="HN4892" s="91"/>
      <c r="HO4892" s="91"/>
      <c r="HP4892" s="91"/>
      <c r="HQ4892" s="91"/>
      <c r="HR4892" s="91"/>
      <c r="HS4892" s="91"/>
      <c r="HT4892" s="91"/>
      <c r="HU4892" s="91"/>
      <c r="HV4892" s="91"/>
      <c r="HW4892" s="91"/>
      <c r="HX4892" s="127"/>
      <c r="HY4892" s="126"/>
      <c r="HZ4892" s="91"/>
      <c r="IA4892" s="91"/>
      <c r="IB4892" s="91"/>
      <c r="IC4892" s="91"/>
      <c r="ID4892" s="91"/>
      <c r="IE4892" s="91"/>
      <c r="IF4892" s="91"/>
      <c r="IG4892" s="91"/>
      <c r="IH4892" s="91"/>
      <c r="II4892" s="91"/>
      <c r="IJ4892" s="91"/>
      <c r="IK4892" s="174"/>
    </row>
    <row r="4893" spans="2:245" x14ac:dyDescent="0.2">
      <c r="B4893" s="43"/>
      <c r="C4893" s="73"/>
      <c r="D4893" s="64"/>
      <c r="E4893" s="64"/>
      <c r="F4893" s="55"/>
      <c r="G4893" s="102"/>
      <c r="H4893" s="97"/>
      <c r="T4893" s="98"/>
      <c r="U4893" s="97"/>
      <c r="AG4893" s="98"/>
      <c r="AY4893" s="164"/>
      <c r="BK4893" s="98"/>
      <c r="BL4893" s="97"/>
      <c r="BX4893" s="98"/>
      <c r="CL4893" s="97"/>
      <c r="CX4893" s="98"/>
      <c r="DL4893" s="97"/>
      <c r="DX4893" s="98"/>
      <c r="EL4893" s="97"/>
      <c r="EX4893" s="98"/>
      <c r="EY4893" s="97"/>
      <c r="FL4893" s="126"/>
      <c r="FM4893" s="91"/>
      <c r="FN4893" s="91"/>
      <c r="FO4893" s="91"/>
      <c r="FP4893" s="91"/>
      <c r="FQ4893" s="91"/>
      <c r="FR4893" s="91"/>
      <c r="FS4893" s="91"/>
      <c r="FT4893" s="91"/>
      <c r="FU4893" s="91"/>
      <c r="FV4893" s="91"/>
      <c r="FW4893" s="91"/>
      <c r="FX4893" s="127"/>
      <c r="FY4893" s="126"/>
      <c r="FZ4893" s="91"/>
      <c r="GA4893" s="91"/>
      <c r="GB4893" s="91"/>
      <c r="GC4893" s="91"/>
      <c r="GD4893" s="91"/>
      <c r="GE4893" s="91"/>
      <c r="GF4893" s="91"/>
      <c r="GG4893" s="91"/>
      <c r="GH4893" s="91"/>
      <c r="GI4893" s="91"/>
      <c r="GJ4893" s="91"/>
      <c r="GK4893" s="127"/>
      <c r="GL4893" s="126"/>
      <c r="GM4893" s="91"/>
      <c r="GN4893" s="91"/>
      <c r="GO4893" s="91"/>
      <c r="GP4893" s="91"/>
      <c r="GQ4893" s="91"/>
      <c r="GR4893" s="91"/>
      <c r="GS4893" s="91"/>
      <c r="GT4893" s="91"/>
      <c r="GU4893" s="91"/>
      <c r="GV4893" s="91"/>
      <c r="GW4893" s="91"/>
      <c r="GX4893" s="127"/>
      <c r="GY4893" s="126"/>
      <c r="GZ4893" s="91"/>
      <c r="HA4893" s="91"/>
      <c r="HB4893" s="91"/>
      <c r="HC4893" s="91"/>
      <c r="HD4893" s="91"/>
      <c r="HE4893" s="91"/>
      <c r="HF4893" s="91"/>
      <c r="HG4893" s="91"/>
      <c r="HH4893" s="91"/>
      <c r="HI4893" s="91"/>
      <c r="HJ4893" s="91"/>
      <c r="HK4893" s="127"/>
      <c r="HL4893" s="126"/>
      <c r="HM4893" s="91"/>
      <c r="HN4893" s="91"/>
      <c r="HO4893" s="91"/>
      <c r="HP4893" s="91"/>
      <c r="HQ4893" s="91"/>
      <c r="HR4893" s="91"/>
      <c r="HS4893" s="91"/>
      <c r="HT4893" s="91"/>
      <c r="HU4893" s="91"/>
      <c r="HV4893" s="91"/>
      <c r="HW4893" s="91"/>
      <c r="HX4893" s="127"/>
      <c r="HY4893" s="126"/>
      <c r="HZ4893" s="91"/>
      <c r="IA4893" s="91"/>
      <c r="IB4893" s="91"/>
      <c r="IC4893" s="91"/>
      <c r="ID4893" s="91"/>
      <c r="IE4893" s="91"/>
      <c r="IF4893" s="91"/>
      <c r="IG4893" s="91"/>
      <c r="IH4893" s="91"/>
      <c r="II4893" s="91"/>
      <c r="IJ4893" s="91"/>
      <c r="IK4893" s="174"/>
    </row>
    <row r="4894" spans="2:245" x14ac:dyDescent="0.2">
      <c r="B4894" s="43"/>
      <c r="C4894" s="73"/>
      <c r="D4894" s="64"/>
      <c r="E4894" s="64"/>
      <c r="F4894" s="55"/>
      <c r="G4894" s="102"/>
      <c r="H4894" s="97"/>
      <c r="T4894" s="98"/>
      <c r="U4894" s="97"/>
      <c r="AG4894" s="98"/>
      <c r="AY4894" s="164"/>
      <c r="BK4894" s="98"/>
      <c r="BL4894" s="97"/>
      <c r="BX4894" s="98"/>
      <c r="CL4894" s="97"/>
      <c r="CX4894" s="98"/>
      <c r="DL4894" s="97"/>
      <c r="DX4894" s="98"/>
      <c r="EL4894" s="97"/>
      <c r="EX4894" s="98"/>
      <c r="EY4894" s="97"/>
      <c r="FL4894" s="126"/>
      <c r="FM4894" s="91"/>
      <c r="FN4894" s="91"/>
      <c r="FO4894" s="91"/>
      <c r="FP4894" s="91"/>
      <c r="FQ4894" s="91"/>
      <c r="FR4894" s="91"/>
      <c r="FS4894" s="91"/>
      <c r="FT4894" s="91"/>
      <c r="FU4894" s="91"/>
      <c r="FV4894" s="91"/>
      <c r="FW4894" s="91"/>
      <c r="FX4894" s="127"/>
      <c r="FY4894" s="126"/>
      <c r="FZ4894" s="91"/>
      <c r="GA4894" s="91"/>
      <c r="GB4894" s="91"/>
      <c r="GC4894" s="91"/>
      <c r="GD4894" s="91"/>
      <c r="GE4894" s="91"/>
      <c r="GF4894" s="91"/>
      <c r="GG4894" s="91"/>
      <c r="GH4894" s="91"/>
      <c r="GI4894" s="91"/>
      <c r="GJ4894" s="91"/>
      <c r="GK4894" s="127"/>
      <c r="GL4894" s="126"/>
      <c r="GM4894" s="91"/>
      <c r="GN4894" s="91"/>
      <c r="GO4894" s="91"/>
      <c r="GP4894" s="91"/>
      <c r="GQ4894" s="91"/>
      <c r="GR4894" s="91"/>
      <c r="GS4894" s="91"/>
      <c r="GT4894" s="91"/>
      <c r="GU4894" s="91"/>
      <c r="GV4894" s="91"/>
      <c r="GW4894" s="91"/>
      <c r="GX4894" s="127"/>
      <c r="GY4894" s="126"/>
      <c r="GZ4894" s="91"/>
      <c r="HA4894" s="91"/>
      <c r="HB4894" s="91"/>
      <c r="HC4894" s="91"/>
      <c r="HD4894" s="91"/>
      <c r="HE4894" s="91"/>
      <c r="HF4894" s="91"/>
      <c r="HG4894" s="91"/>
      <c r="HH4894" s="91"/>
      <c r="HI4894" s="91"/>
      <c r="HJ4894" s="91"/>
      <c r="HK4894" s="127"/>
      <c r="HL4894" s="126"/>
      <c r="HM4894" s="91"/>
      <c r="HN4894" s="91"/>
      <c r="HO4894" s="91"/>
      <c r="HP4894" s="91"/>
      <c r="HQ4894" s="91"/>
      <c r="HR4894" s="91"/>
      <c r="HS4894" s="91"/>
      <c r="HT4894" s="91"/>
      <c r="HU4894" s="91"/>
      <c r="HV4894" s="91"/>
      <c r="HW4894" s="91"/>
      <c r="HX4894" s="127"/>
      <c r="HY4894" s="126"/>
      <c r="HZ4894" s="91"/>
      <c r="IA4894" s="91"/>
      <c r="IB4894" s="91"/>
      <c r="IC4894" s="91"/>
      <c r="ID4894" s="91"/>
      <c r="IE4894" s="91"/>
      <c r="IF4894" s="91"/>
      <c r="IG4894" s="91"/>
      <c r="IH4894" s="91"/>
      <c r="II4894" s="91"/>
      <c r="IJ4894" s="91"/>
      <c r="IK4894" s="174"/>
    </row>
    <row r="4895" spans="2:245" x14ac:dyDescent="0.2">
      <c r="B4895" s="43"/>
      <c r="C4895" s="73"/>
      <c r="D4895" s="64"/>
      <c r="E4895" s="64"/>
      <c r="F4895" s="55"/>
      <c r="G4895" s="102"/>
      <c r="H4895" s="97"/>
      <c r="T4895" s="98"/>
      <c r="U4895" s="97"/>
      <c r="AG4895" s="98"/>
      <c r="AY4895" s="164"/>
      <c r="BK4895" s="98"/>
      <c r="BL4895" s="97"/>
      <c r="BX4895" s="98"/>
      <c r="CL4895" s="97"/>
      <c r="CX4895" s="98"/>
      <c r="DL4895" s="97"/>
      <c r="DX4895" s="98"/>
      <c r="EL4895" s="97"/>
      <c r="EX4895" s="98"/>
      <c r="EY4895" s="97"/>
      <c r="FL4895" s="126"/>
      <c r="FM4895" s="91"/>
      <c r="FN4895" s="91"/>
      <c r="FO4895" s="91"/>
      <c r="FP4895" s="91"/>
      <c r="FQ4895" s="91"/>
      <c r="FR4895" s="91"/>
      <c r="FS4895" s="91"/>
      <c r="FT4895" s="91"/>
      <c r="FU4895" s="91"/>
      <c r="FV4895" s="91"/>
      <c r="FW4895" s="91"/>
      <c r="FX4895" s="127"/>
      <c r="FY4895" s="126"/>
      <c r="FZ4895" s="91"/>
      <c r="GA4895" s="91"/>
      <c r="GB4895" s="91"/>
      <c r="GC4895" s="91"/>
      <c r="GD4895" s="91"/>
      <c r="GE4895" s="91"/>
      <c r="GF4895" s="91"/>
      <c r="GG4895" s="91"/>
      <c r="GH4895" s="91"/>
      <c r="GI4895" s="91"/>
      <c r="GJ4895" s="91"/>
      <c r="GK4895" s="127"/>
      <c r="GL4895" s="126"/>
      <c r="GM4895" s="91"/>
      <c r="GN4895" s="91"/>
      <c r="GO4895" s="91"/>
      <c r="GP4895" s="91"/>
      <c r="GQ4895" s="91"/>
      <c r="GR4895" s="91"/>
      <c r="GS4895" s="91"/>
      <c r="GT4895" s="91"/>
      <c r="GU4895" s="91"/>
      <c r="GV4895" s="91"/>
      <c r="GW4895" s="91"/>
      <c r="GX4895" s="127"/>
      <c r="GY4895" s="126"/>
      <c r="GZ4895" s="91"/>
      <c r="HA4895" s="91"/>
      <c r="HB4895" s="91"/>
      <c r="HC4895" s="91"/>
      <c r="HD4895" s="91"/>
      <c r="HE4895" s="91"/>
      <c r="HF4895" s="91"/>
      <c r="HG4895" s="91"/>
      <c r="HH4895" s="91"/>
      <c r="HI4895" s="91"/>
      <c r="HJ4895" s="91"/>
      <c r="HK4895" s="127"/>
      <c r="HL4895" s="126"/>
      <c r="HM4895" s="91"/>
      <c r="HN4895" s="91"/>
      <c r="HO4895" s="91"/>
      <c r="HP4895" s="91"/>
      <c r="HQ4895" s="91"/>
      <c r="HR4895" s="91"/>
      <c r="HS4895" s="91"/>
      <c r="HT4895" s="91"/>
      <c r="HU4895" s="91"/>
      <c r="HV4895" s="91"/>
      <c r="HW4895" s="91"/>
      <c r="HX4895" s="127"/>
      <c r="HY4895" s="126"/>
      <c r="HZ4895" s="91"/>
      <c r="IA4895" s="91"/>
      <c r="IB4895" s="91"/>
      <c r="IC4895" s="91"/>
      <c r="ID4895" s="91"/>
      <c r="IE4895" s="91"/>
      <c r="IF4895" s="91"/>
      <c r="IG4895" s="91"/>
      <c r="IH4895" s="91"/>
      <c r="II4895" s="91"/>
      <c r="IJ4895" s="91"/>
      <c r="IK4895" s="174"/>
    </row>
    <row r="4896" spans="2:245" x14ac:dyDescent="0.2">
      <c r="B4896" s="43"/>
      <c r="C4896" s="73"/>
      <c r="D4896" s="64"/>
      <c r="E4896" s="64"/>
      <c r="F4896" s="55"/>
      <c r="G4896" s="102"/>
      <c r="H4896" s="97"/>
      <c r="T4896" s="98"/>
      <c r="U4896" s="97"/>
      <c r="AG4896" s="98"/>
      <c r="AY4896" s="164"/>
      <c r="BK4896" s="98"/>
      <c r="BL4896" s="97"/>
      <c r="BX4896" s="98"/>
      <c r="CL4896" s="97"/>
      <c r="CX4896" s="98"/>
      <c r="DL4896" s="97"/>
      <c r="DX4896" s="98"/>
      <c r="EL4896" s="97"/>
      <c r="EX4896" s="98"/>
      <c r="EY4896" s="97"/>
      <c r="FL4896" s="126"/>
      <c r="FM4896" s="91"/>
      <c r="FN4896" s="91"/>
      <c r="FO4896" s="91"/>
      <c r="FP4896" s="91"/>
      <c r="FQ4896" s="91"/>
      <c r="FR4896" s="91"/>
      <c r="FS4896" s="91"/>
      <c r="FT4896" s="91"/>
      <c r="FU4896" s="91"/>
      <c r="FV4896" s="91"/>
      <c r="FW4896" s="91"/>
      <c r="FX4896" s="127"/>
      <c r="FY4896" s="126"/>
      <c r="FZ4896" s="91"/>
      <c r="GA4896" s="91"/>
      <c r="GB4896" s="91"/>
      <c r="GC4896" s="91"/>
      <c r="GD4896" s="91"/>
      <c r="GE4896" s="91"/>
      <c r="GF4896" s="91"/>
      <c r="GG4896" s="91"/>
      <c r="GH4896" s="91"/>
      <c r="GI4896" s="91"/>
      <c r="GJ4896" s="91"/>
      <c r="GK4896" s="127"/>
      <c r="GL4896" s="126"/>
      <c r="GM4896" s="91"/>
      <c r="GN4896" s="91"/>
      <c r="GO4896" s="91"/>
      <c r="GP4896" s="91"/>
      <c r="GQ4896" s="91"/>
      <c r="GR4896" s="91"/>
      <c r="GS4896" s="91"/>
      <c r="GT4896" s="91"/>
      <c r="GU4896" s="91"/>
      <c r="GV4896" s="91"/>
      <c r="GW4896" s="91"/>
      <c r="GX4896" s="127"/>
      <c r="GY4896" s="126"/>
      <c r="GZ4896" s="91"/>
      <c r="HA4896" s="91"/>
      <c r="HB4896" s="91"/>
      <c r="HC4896" s="91"/>
      <c r="HD4896" s="91"/>
      <c r="HE4896" s="91"/>
      <c r="HF4896" s="91"/>
      <c r="HG4896" s="91"/>
      <c r="HH4896" s="91"/>
      <c r="HI4896" s="91"/>
      <c r="HJ4896" s="91"/>
      <c r="HK4896" s="127"/>
      <c r="HL4896" s="126"/>
      <c r="HM4896" s="91"/>
      <c r="HN4896" s="91"/>
      <c r="HO4896" s="91"/>
      <c r="HP4896" s="91"/>
      <c r="HQ4896" s="91"/>
      <c r="HR4896" s="91"/>
      <c r="HS4896" s="91"/>
      <c r="HT4896" s="91"/>
      <c r="HU4896" s="91"/>
      <c r="HV4896" s="91"/>
      <c r="HW4896" s="91"/>
      <c r="HX4896" s="127"/>
      <c r="HY4896" s="126"/>
      <c r="HZ4896" s="91"/>
      <c r="IA4896" s="91"/>
      <c r="IB4896" s="91"/>
      <c r="IC4896" s="91"/>
      <c r="ID4896" s="91"/>
      <c r="IE4896" s="91"/>
      <c r="IF4896" s="91"/>
      <c r="IG4896" s="91"/>
      <c r="IH4896" s="91"/>
      <c r="II4896" s="91"/>
      <c r="IJ4896" s="91"/>
      <c r="IK4896" s="174"/>
    </row>
    <row r="4897" spans="2:245" x14ac:dyDescent="0.2">
      <c r="B4897" s="43"/>
      <c r="C4897" s="73"/>
      <c r="D4897" s="64"/>
      <c r="E4897" s="64"/>
      <c r="F4897" s="55"/>
      <c r="G4897" s="102"/>
      <c r="H4897" s="97"/>
      <c r="T4897" s="98"/>
      <c r="U4897" s="97"/>
      <c r="AG4897" s="98"/>
      <c r="AY4897" s="164"/>
      <c r="BK4897" s="98"/>
      <c r="BL4897" s="97"/>
      <c r="BX4897" s="98"/>
      <c r="CL4897" s="97"/>
      <c r="CX4897" s="98"/>
      <c r="DL4897" s="97"/>
      <c r="DX4897" s="98"/>
      <c r="EL4897" s="97"/>
      <c r="EX4897" s="98"/>
      <c r="EY4897" s="97"/>
      <c r="FL4897" s="126"/>
      <c r="FM4897" s="91"/>
      <c r="FN4897" s="91"/>
      <c r="FO4897" s="91"/>
      <c r="FP4897" s="91"/>
      <c r="FQ4897" s="91"/>
      <c r="FR4897" s="91"/>
      <c r="FS4897" s="91"/>
      <c r="FT4897" s="91"/>
      <c r="FU4897" s="91"/>
      <c r="FV4897" s="91"/>
      <c r="FW4897" s="91"/>
      <c r="FX4897" s="127"/>
      <c r="FY4897" s="126"/>
      <c r="FZ4897" s="91"/>
      <c r="GA4897" s="91"/>
      <c r="GB4897" s="91"/>
      <c r="GC4897" s="91"/>
      <c r="GD4897" s="91"/>
      <c r="GE4897" s="91"/>
      <c r="GF4897" s="91"/>
      <c r="GG4897" s="91"/>
      <c r="GH4897" s="91"/>
      <c r="GI4897" s="91"/>
      <c r="GJ4897" s="91"/>
      <c r="GK4897" s="127"/>
      <c r="GL4897" s="126"/>
      <c r="GM4897" s="91"/>
      <c r="GN4897" s="91"/>
      <c r="GO4897" s="91"/>
      <c r="GP4897" s="91"/>
      <c r="GQ4897" s="91"/>
      <c r="GR4897" s="91"/>
      <c r="GS4897" s="91"/>
      <c r="GT4897" s="91"/>
      <c r="GU4897" s="91"/>
      <c r="GV4897" s="91"/>
      <c r="GW4897" s="91"/>
      <c r="GX4897" s="127"/>
      <c r="GY4897" s="126"/>
      <c r="GZ4897" s="91"/>
      <c r="HA4897" s="91"/>
      <c r="HB4897" s="91"/>
      <c r="HC4897" s="91"/>
      <c r="HD4897" s="91"/>
      <c r="HE4897" s="91"/>
      <c r="HF4897" s="91"/>
      <c r="HG4897" s="91"/>
      <c r="HH4897" s="91"/>
      <c r="HI4897" s="91"/>
      <c r="HJ4897" s="91"/>
      <c r="HK4897" s="127"/>
      <c r="HL4897" s="126"/>
      <c r="HM4897" s="91"/>
      <c r="HN4897" s="91"/>
      <c r="HO4897" s="91"/>
      <c r="HP4897" s="91"/>
      <c r="HQ4897" s="91"/>
      <c r="HR4897" s="91"/>
      <c r="HS4897" s="91"/>
      <c r="HT4897" s="91"/>
      <c r="HU4897" s="91"/>
      <c r="HV4897" s="91"/>
      <c r="HW4897" s="91"/>
      <c r="HX4897" s="127"/>
      <c r="HY4897" s="126"/>
      <c r="HZ4897" s="91"/>
      <c r="IA4897" s="91"/>
      <c r="IB4897" s="91"/>
      <c r="IC4897" s="91"/>
      <c r="ID4897" s="91"/>
      <c r="IE4897" s="91"/>
      <c r="IF4897" s="91"/>
      <c r="IG4897" s="91"/>
      <c r="IH4897" s="91"/>
      <c r="II4897" s="91"/>
      <c r="IJ4897" s="91"/>
      <c r="IK4897" s="174"/>
    </row>
    <row r="4898" spans="2:245" x14ac:dyDescent="0.2">
      <c r="B4898" s="43"/>
      <c r="C4898" s="73"/>
      <c r="D4898" s="64"/>
      <c r="E4898" s="64"/>
      <c r="F4898" s="55"/>
      <c r="G4898" s="102"/>
      <c r="H4898" s="97"/>
      <c r="T4898" s="98"/>
      <c r="U4898" s="97"/>
      <c r="AG4898" s="98"/>
      <c r="AY4898" s="164"/>
      <c r="BK4898" s="98"/>
      <c r="BL4898" s="97"/>
      <c r="BX4898" s="98"/>
      <c r="CL4898" s="97"/>
      <c r="CX4898" s="98"/>
      <c r="DL4898" s="97"/>
      <c r="DX4898" s="98"/>
      <c r="EL4898" s="97"/>
      <c r="EX4898" s="98"/>
      <c r="EY4898" s="97"/>
      <c r="FL4898" s="126"/>
      <c r="FM4898" s="91"/>
      <c r="FN4898" s="91"/>
      <c r="FO4898" s="91"/>
      <c r="FP4898" s="91"/>
      <c r="FQ4898" s="91"/>
      <c r="FR4898" s="91"/>
      <c r="FS4898" s="91"/>
      <c r="FT4898" s="91"/>
      <c r="FU4898" s="91"/>
      <c r="FV4898" s="91"/>
      <c r="FW4898" s="91"/>
      <c r="FX4898" s="127"/>
      <c r="FY4898" s="126"/>
      <c r="FZ4898" s="91"/>
      <c r="GA4898" s="91"/>
      <c r="GB4898" s="91"/>
      <c r="GC4898" s="91"/>
      <c r="GD4898" s="91"/>
      <c r="GE4898" s="91"/>
      <c r="GF4898" s="91"/>
      <c r="GG4898" s="91"/>
      <c r="GH4898" s="91"/>
      <c r="GI4898" s="91"/>
      <c r="GJ4898" s="91"/>
      <c r="GK4898" s="127"/>
      <c r="GL4898" s="126"/>
      <c r="GM4898" s="91"/>
      <c r="GN4898" s="91"/>
      <c r="GO4898" s="91"/>
      <c r="GP4898" s="91"/>
      <c r="GQ4898" s="91"/>
      <c r="GR4898" s="91"/>
      <c r="GS4898" s="91"/>
      <c r="GT4898" s="91"/>
      <c r="GU4898" s="91"/>
      <c r="GV4898" s="91"/>
      <c r="GW4898" s="91"/>
      <c r="GX4898" s="127"/>
      <c r="GY4898" s="126"/>
      <c r="GZ4898" s="91"/>
      <c r="HA4898" s="91"/>
      <c r="HB4898" s="91"/>
      <c r="HC4898" s="91"/>
      <c r="HD4898" s="91"/>
      <c r="HE4898" s="91"/>
      <c r="HF4898" s="91"/>
      <c r="HG4898" s="91"/>
      <c r="HH4898" s="91"/>
      <c r="HI4898" s="91"/>
      <c r="HJ4898" s="91"/>
      <c r="HK4898" s="127"/>
      <c r="HL4898" s="126"/>
      <c r="HM4898" s="91"/>
      <c r="HN4898" s="91"/>
      <c r="HO4898" s="91"/>
      <c r="HP4898" s="91"/>
      <c r="HQ4898" s="91"/>
      <c r="HR4898" s="91"/>
      <c r="HS4898" s="91"/>
      <c r="HT4898" s="91"/>
      <c r="HU4898" s="91"/>
      <c r="HV4898" s="91"/>
      <c r="HW4898" s="91"/>
      <c r="HX4898" s="127"/>
      <c r="HY4898" s="126"/>
      <c r="HZ4898" s="91"/>
      <c r="IA4898" s="91"/>
      <c r="IB4898" s="91"/>
      <c r="IC4898" s="91"/>
      <c r="ID4898" s="91"/>
      <c r="IE4898" s="91"/>
      <c r="IF4898" s="91"/>
      <c r="IG4898" s="91"/>
      <c r="IH4898" s="91"/>
      <c r="II4898" s="91"/>
      <c r="IJ4898" s="91"/>
      <c r="IK4898" s="174"/>
    </row>
    <row r="4899" spans="2:245" x14ac:dyDescent="0.2">
      <c r="B4899" s="43"/>
      <c r="C4899" s="73"/>
      <c r="D4899" s="64"/>
      <c r="E4899" s="64"/>
      <c r="F4899" s="55"/>
      <c r="G4899" s="102"/>
      <c r="H4899" s="97"/>
      <c r="T4899" s="98"/>
      <c r="U4899" s="97"/>
      <c r="AG4899" s="98"/>
      <c r="AY4899" s="164"/>
      <c r="BK4899" s="98"/>
      <c r="BL4899" s="97"/>
      <c r="BX4899" s="98"/>
      <c r="CL4899" s="97"/>
      <c r="CX4899" s="98"/>
      <c r="DL4899" s="97"/>
      <c r="DX4899" s="98"/>
      <c r="EL4899" s="97"/>
      <c r="EX4899" s="98"/>
      <c r="EY4899" s="97"/>
      <c r="FL4899" s="126"/>
      <c r="FM4899" s="91"/>
      <c r="FN4899" s="91"/>
      <c r="FO4899" s="91"/>
      <c r="FP4899" s="91"/>
      <c r="FQ4899" s="91"/>
      <c r="FR4899" s="91"/>
      <c r="FS4899" s="91"/>
      <c r="FT4899" s="91"/>
      <c r="FU4899" s="91"/>
      <c r="FV4899" s="91"/>
      <c r="FW4899" s="91"/>
      <c r="FX4899" s="127"/>
      <c r="FY4899" s="126"/>
      <c r="FZ4899" s="91"/>
      <c r="GA4899" s="91"/>
      <c r="GB4899" s="91"/>
      <c r="GC4899" s="91"/>
      <c r="GD4899" s="91"/>
      <c r="GE4899" s="91"/>
      <c r="GF4899" s="91"/>
      <c r="GG4899" s="91"/>
      <c r="GH4899" s="91"/>
      <c r="GI4899" s="91"/>
      <c r="GJ4899" s="91"/>
      <c r="GK4899" s="127"/>
      <c r="GL4899" s="126"/>
      <c r="GM4899" s="91"/>
      <c r="GN4899" s="91"/>
      <c r="GO4899" s="91"/>
      <c r="GP4899" s="91"/>
      <c r="GQ4899" s="91"/>
      <c r="GR4899" s="91"/>
      <c r="GS4899" s="91"/>
      <c r="GT4899" s="91"/>
      <c r="GU4899" s="91"/>
      <c r="GV4899" s="91"/>
      <c r="GW4899" s="91"/>
      <c r="GX4899" s="127"/>
      <c r="GY4899" s="126"/>
      <c r="GZ4899" s="91"/>
      <c r="HA4899" s="91"/>
      <c r="HB4899" s="91"/>
      <c r="HC4899" s="91"/>
      <c r="HD4899" s="91"/>
      <c r="HE4899" s="91"/>
      <c r="HF4899" s="91"/>
      <c r="HG4899" s="91"/>
      <c r="HH4899" s="91"/>
      <c r="HI4899" s="91"/>
      <c r="HJ4899" s="91"/>
      <c r="HK4899" s="127"/>
      <c r="HL4899" s="126"/>
      <c r="HM4899" s="91"/>
      <c r="HN4899" s="91"/>
      <c r="HO4899" s="91"/>
      <c r="HP4899" s="91"/>
      <c r="HQ4899" s="91"/>
      <c r="HR4899" s="91"/>
      <c r="HS4899" s="91"/>
      <c r="HT4899" s="91"/>
      <c r="HU4899" s="91"/>
      <c r="HV4899" s="91"/>
      <c r="HW4899" s="91"/>
      <c r="HX4899" s="127"/>
      <c r="HY4899" s="126"/>
      <c r="HZ4899" s="91"/>
      <c r="IA4899" s="91"/>
      <c r="IB4899" s="91"/>
      <c r="IC4899" s="91"/>
      <c r="ID4899" s="91"/>
      <c r="IE4899" s="91"/>
      <c r="IF4899" s="91"/>
      <c r="IG4899" s="91"/>
      <c r="IH4899" s="91"/>
      <c r="II4899" s="91"/>
      <c r="IJ4899" s="91"/>
      <c r="IK4899" s="174"/>
    </row>
    <row r="4900" spans="2:245" x14ac:dyDescent="0.2">
      <c r="B4900" s="43"/>
      <c r="C4900" s="73"/>
      <c r="D4900" s="64"/>
      <c r="E4900" s="64"/>
      <c r="F4900" s="55"/>
      <c r="G4900" s="102"/>
      <c r="H4900" s="97"/>
      <c r="T4900" s="98"/>
      <c r="U4900" s="97"/>
      <c r="AG4900" s="98"/>
      <c r="AY4900" s="164"/>
      <c r="BK4900" s="98"/>
      <c r="BL4900" s="97"/>
      <c r="BX4900" s="98"/>
      <c r="CL4900" s="97"/>
      <c r="CX4900" s="98"/>
      <c r="DL4900" s="97"/>
      <c r="DX4900" s="98"/>
      <c r="EL4900" s="97"/>
      <c r="EX4900" s="98"/>
      <c r="EY4900" s="97"/>
      <c r="FL4900" s="126"/>
      <c r="FM4900" s="91"/>
      <c r="FN4900" s="91"/>
      <c r="FO4900" s="91"/>
      <c r="FP4900" s="91"/>
      <c r="FQ4900" s="91"/>
      <c r="FR4900" s="91"/>
      <c r="FS4900" s="91"/>
      <c r="FT4900" s="91"/>
      <c r="FU4900" s="91"/>
      <c r="FV4900" s="91"/>
      <c r="FW4900" s="91"/>
      <c r="FX4900" s="127"/>
      <c r="FY4900" s="126"/>
      <c r="FZ4900" s="91"/>
      <c r="GA4900" s="91"/>
      <c r="GB4900" s="91"/>
      <c r="GC4900" s="91"/>
      <c r="GD4900" s="91"/>
      <c r="GE4900" s="91"/>
      <c r="GF4900" s="91"/>
      <c r="GG4900" s="91"/>
      <c r="GH4900" s="91"/>
      <c r="GI4900" s="91"/>
      <c r="GJ4900" s="91"/>
      <c r="GK4900" s="127"/>
      <c r="GL4900" s="126"/>
      <c r="GM4900" s="91"/>
      <c r="GN4900" s="91"/>
      <c r="GO4900" s="91"/>
      <c r="GP4900" s="91"/>
      <c r="GQ4900" s="91"/>
      <c r="GR4900" s="91"/>
      <c r="GS4900" s="91"/>
      <c r="GT4900" s="91"/>
      <c r="GU4900" s="91"/>
      <c r="GV4900" s="91"/>
      <c r="GW4900" s="91"/>
      <c r="GX4900" s="127"/>
      <c r="GY4900" s="126"/>
      <c r="GZ4900" s="91"/>
      <c r="HA4900" s="91"/>
      <c r="HB4900" s="91"/>
      <c r="HC4900" s="91"/>
      <c r="HD4900" s="91"/>
      <c r="HE4900" s="91"/>
      <c r="HF4900" s="91"/>
      <c r="HG4900" s="91"/>
      <c r="HH4900" s="91"/>
      <c r="HI4900" s="91"/>
      <c r="HJ4900" s="91"/>
      <c r="HK4900" s="127"/>
      <c r="HL4900" s="126"/>
      <c r="HM4900" s="91"/>
      <c r="HN4900" s="91"/>
      <c r="HO4900" s="91"/>
      <c r="HP4900" s="91"/>
      <c r="HQ4900" s="91"/>
      <c r="HR4900" s="91"/>
      <c r="HS4900" s="91"/>
      <c r="HT4900" s="91"/>
      <c r="HU4900" s="91"/>
      <c r="HV4900" s="91"/>
      <c r="HW4900" s="91"/>
      <c r="HX4900" s="127"/>
      <c r="HY4900" s="126"/>
      <c r="HZ4900" s="91"/>
      <c r="IA4900" s="91"/>
      <c r="IB4900" s="91"/>
      <c r="IC4900" s="91"/>
      <c r="ID4900" s="91"/>
      <c r="IE4900" s="91"/>
      <c r="IF4900" s="91"/>
      <c r="IG4900" s="91"/>
      <c r="IH4900" s="91"/>
      <c r="II4900" s="91"/>
      <c r="IJ4900" s="91"/>
      <c r="IK4900" s="174"/>
    </row>
    <row r="4901" spans="2:245" x14ac:dyDescent="0.2">
      <c r="B4901" s="43"/>
      <c r="C4901" s="73"/>
      <c r="D4901" s="64"/>
      <c r="E4901" s="64"/>
      <c r="F4901" s="55"/>
      <c r="G4901" s="102"/>
      <c r="H4901" s="97"/>
      <c r="T4901" s="98"/>
      <c r="U4901" s="97"/>
      <c r="AG4901" s="98"/>
      <c r="AY4901" s="164"/>
      <c r="BK4901" s="98"/>
      <c r="BL4901" s="97"/>
      <c r="BX4901" s="98"/>
      <c r="CL4901" s="97"/>
      <c r="CX4901" s="98"/>
      <c r="DL4901" s="97"/>
      <c r="DX4901" s="98"/>
      <c r="EL4901" s="97"/>
      <c r="EX4901" s="98"/>
      <c r="EY4901" s="97"/>
      <c r="FL4901" s="126"/>
      <c r="FM4901" s="91"/>
      <c r="FN4901" s="91"/>
      <c r="FO4901" s="91"/>
      <c r="FP4901" s="91"/>
      <c r="FQ4901" s="91"/>
      <c r="FR4901" s="91"/>
      <c r="FS4901" s="91"/>
      <c r="FT4901" s="91"/>
      <c r="FU4901" s="91"/>
      <c r="FV4901" s="91"/>
      <c r="FW4901" s="91"/>
      <c r="FX4901" s="127"/>
      <c r="FY4901" s="126"/>
      <c r="FZ4901" s="91"/>
      <c r="GA4901" s="91"/>
      <c r="GB4901" s="91"/>
      <c r="GC4901" s="91"/>
      <c r="GD4901" s="91"/>
      <c r="GE4901" s="91"/>
      <c r="GF4901" s="91"/>
      <c r="GG4901" s="91"/>
      <c r="GH4901" s="91"/>
      <c r="GI4901" s="91"/>
      <c r="GJ4901" s="91"/>
      <c r="GK4901" s="127"/>
      <c r="GL4901" s="126"/>
      <c r="GM4901" s="91"/>
      <c r="GN4901" s="91"/>
      <c r="GO4901" s="91"/>
      <c r="GP4901" s="91"/>
      <c r="GQ4901" s="91"/>
      <c r="GR4901" s="91"/>
      <c r="GS4901" s="91"/>
      <c r="GT4901" s="91"/>
      <c r="GU4901" s="91"/>
      <c r="GV4901" s="91"/>
      <c r="GW4901" s="91"/>
      <c r="GX4901" s="127"/>
      <c r="GY4901" s="126"/>
      <c r="GZ4901" s="91"/>
      <c r="HA4901" s="91"/>
      <c r="HB4901" s="91"/>
      <c r="HC4901" s="91"/>
      <c r="HD4901" s="91"/>
      <c r="HE4901" s="91"/>
      <c r="HF4901" s="91"/>
      <c r="HG4901" s="91"/>
      <c r="HH4901" s="91"/>
      <c r="HI4901" s="91"/>
      <c r="HJ4901" s="91"/>
      <c r="HK4901" s="127"/>
      <c r="HL4901" s="126"/>
      <c r="HM4901" s="91"/>
      <c r="HN4901" s="91"/>
      <c r="HO4901" s="91"/>
      <c r="HP4901" s="91"/>
      <c r="HQ4901" s="91"/>
      <c r="HR4901" s="91"/>
      <c r="HS4901" s="91"/>
      <c r="HT4901" s="91"/>
      <c r="HU4901" s="91"/>
      <c r="HV4901" s="91"/>
      <c r="HW4901" s="91"/>
      <c r="HX4901" s="127"/>
      <c r="HY4901" s="126"/>
      <c r="HZ4901" s="91"/>
      <c r="IA4901" s="91"/>
      <c r="IB4901" s="91"/>
      <c r="IC4901" s="91"/>
      <c r="ID4901" s="91"/>
      <c r="IE4901" s="91"/>
      <c r="IF4901" s="91"/>
      <c r="IG4901" s="91"/>
      <c r="IH4901" s="91"/>
      <c r="II4901" s="91"/>
      <c r="IJ4901" s="91"/>
      <c r="IK4901" s="174"/>
    </row>
    <row r="4902" spans="2:245" x14ac:dyDescent="0.2">
      <c r="B4902" s="43"/>
      <c r="C4902" s="73"/>
      <c r="D4902" s="64"/>
      <c r="E4902" s="64"/>
      <c r="F4902" s="55"/>
      <c r="G4902" s="102"/>
      <c r="H4902" s="97"/>
      <c r="T4902" s="98"/>
      <c r="U4902" s="97"/>
      <c r="AG4902" s="98"/>
      <c r="AY4902" s="164"/>
      <c r="BK4902" s="98"/>
      <c r="BL4902" s="97"/>
      <c r="BX4902" s="98"/>
      <c r="CL4902" s="97"/>
      <c r="CX4902" s="98"/>
      <c r="DL4902" s="97"/>
      <c r="DX4902" s="98"/>
      <c r="EL4902" s="97"/>
      <c r="EX4902" s="98"/>
      <c r="EY4902" s="97"/>
      <c r="FL4902" s="126"/>
      <c r="FM4902" s="91"/>
      <c r="FN4902" s="91"/>
      <c r="FO4902" s="91"/>
      <c r="FP4902" s="91"/>
      <c r="FQ4902" s="91"/>
      <c r="FR4902" s="91"/>
      <c r="FS4902" s="91"/>
      <c r="FT4902" s="91"/>
      <c r="FU4902" s="91"/>
      <c r="FV4902" s="91"/>
      <c r="FW4902" s="91"/>
      <c r="FX4902" s="127"/>
      <c r="FY4902" s="126"/>
      <c r="FZ4902" s="91"/>
      <c r="GA4902" s="91"/>
      <c r="GB4902" s="91"/>
      <c r="GC4902" s="91"/>
      <c r="GD4902" s="91"/>
      <c r="GE4902" s="91"/>
      <c r="GF4902" s="91"/>
      <c r="GG4902" s="91"/>
      <c r="GH4902" s="91"/>
      <c r="GI4902" s="91"/>
      <c r="GJ4902" s="91"/>
      <c r="GK4902" s="127"/>
      <c r="GL4902" s="126"/>
      <c r="GM4902" s="91"/>
      <c r="GN4902" s="91"/>
      <c r="GO4902" s="91"/>
      <c r="GP4902" s="91"/>
      <c r="GQ4902" s="91"/>
      <c r="GR4902" s="91"/>
      <c r="GS4902" s="91"/>
      <c r="GT4902" s="91"/>
      <c r="GU4902" s="91"/>
      <c r="GV4902" s="91"/>
      <c r="GW4902" s="91"/>
      <c r="GX4902" s="127"/>
      <c r="GY4902" s="126"/>
      <c r="GZ4902" s="91"/>
      <c r="HA4902" s="91"/>
      <c r="HB4902" s="91"/>
      <c r="HC4902" s="91"/>
      <c r="HD4902" s="91"/>
      <c r="HE4902" s="91"/>
      <c r="HF4902" s="91"/>
      <c r="HG4902" s="91"/>
      <c r="HH4902" s="91"/>
      <c r="HI4902" s="91"/>
      <c r="HJ4902" s="91"/>
      <c r="HK4902" s="127"/>
      <c r="HL4902" s="126"/>
      <c r="HM4902" s="91"/>
      <c r="HN4902" s="91"/>
      <c r="HO4902" s="91"/>
      <c r="HP4902" s="91"/>
      <c r="HQ4902" s="91"/>
      <c r="HR4902" s="91"/>
      <c r="HS4902" s="91"/>
      <c r="HT4902" s="91"/>
      <c r="HU4902" s="91"/>
      <c r="HV4902" s="91"/>
      <c r="HW4902" s="91"/>
      <c r="HX4902" s="127"/>
      <c r="HY4902" s="126"/>
      <c r="HZ4902" s="91"/>
      <c r="IA4902" s="91"/>
      <c r="IB4902" s="91"/>
      <c r="IC4902" s="91"/>
      <c r="ID4902" s="91"/>
      <c r="IE4902" s="91"/>
      <c r="IF4902" s="91"/>
      <c r="IG4902" s="91"/>
      <c r="IH4902" s="91"/>
      <c r="II4902" s="91"/>
      <c r="IJ4902" s="91"/>
      <c r="IK4902" s="174"/>
    </row>
    <row r="4903" spans="2:245" x14ac:dyDescent="0.2">
      <c r="B4903" s="43"/>
      <c r="C4903" s="73"/>
      <c r="D4903" s="64"/>
      <c r="E4903" s="64"/>
      <c r="F4903" s="55"/>
      <c r="G4903" s="102"/>
      <c r="H4903" s="97"/>
      <c r="T4903" s="98"/>
      <c r="U4903" s="97"/>
      <c r="AG4903" s="98"/>
      <c r="AY4903" s="164"/>
      <c r="BK4903" s="98"/>
      <c r="BL4903" s="97"/>
      <c r="BX4903" s="98"/>
      <c r="CL4903" s="97"/>
      <c r="CX4903" s="98"/>
      <c r="DL4903" s="97"/>
      <c r="DX4903" s="98"/>
      <c r="EL4903" s="97"/>
      <c r="EX4903" s="98"/>
      <c r="EY4903" s="97"/>
      <c r="FL4903" s="126"/>
      <c r="FM4903" s="91"/>
      <c r="FN4903" s="91"/>
      <c r="FO4903" s="91"/>
      <c r="FP4903" s="91"/>
      <c r="FQ4903" s="91"/>
      <c r="FR4903" s="91"/>
      <c r="FS4903" s="91"/>
      <c r="FT4903" s="91"/>
      <c r="FU4903" s="91"/>
      <c r="FV4903" s="91"/>
      <c r="FW4903" s="91"/>
      <c r="FX4903" s="127"/>
      <c r="FY4903" s="126"/>
      <c r="FZ4903" s="91"/>
      <c r="GA4903" s="91"/>
      <c r="GB4903" s="91"/>
      <c r="GC4903" s="91"/>
      <c r="GD4903" s="91"/>
      <c r="GE4903" s="91"/>
      <c r="GF4903" s="91"/>
      <c r="GG4903" s="91"/>
      <c r="GH4903" s="91"/>
      <c r="GI4903" s="91"/>
      <c r="GJ4903" s="91"/>
      <c r="GK4903" s="127"/>
      <c r="GL4903" s="126"/>
      <c r="GM4903" s="91"/>
      <c r="GN4903" s="91"/>
      <c r="GO4903" s="91"/>
      <c r="GP4903" s="91"/>
      <c r="GQ4903" s="91"/>
      <c r="GR4903" s="91"/>
      <c r="GS4903" s="91"/>
      <c r="GT4903" s="91"/>
      <c r="GU4903" s="91"/>
      <c r="GV4903" s="91"/>
      <c r="GW4903" s="91"/>
      <c r="GX4903" s="127"/>
      <c r="GY4903" s="126"/>
      <c r="GZ4903" s="91"/>
      <c r="HA4903" s="91"/>
      <c r="HB4903" s="91"/>
      <c r="HC4903" s="91"/>
      <c r="HD4903" s="91"/>
      <c r="HE4903" s="91"/>
      <c r="HF4903" s="91"/>
      <c r="HG4903" s="91"/>
      <c r="HH4903" s="91"/>
      <c r="HI4903" s="91"/>
      <c r="HJ4903" s="91"/>
      <c r="HK4903" s="127"/>
      <c r="HL4903" s="126"/>
      <c r="HM4903" s="91"/>
      <c r="HN4903" s="91"/>
      <c r="HO4903" s="91"/>
      <c r="HP4903" s="91"/>
      <c r="HQ4903" s="91"/>
      <c r="HR4903" s="91"/>
      <c r="HS4903" s="91"/>
      <c r="HT4903" s="91"/>
      <c r="HU4903" s="91"/>
      <c r="HV4903" s="91"/>
      <c r="HW4903" s="91"/>
      <c r="HX4903" s="127"/>
      <c r="HY4903" s="126"/>
      <c r="HZ4903" s="91"/>
      <c r="IA4903" s="91"/>
      <c r="IB4903" s="91"/>
      <c r="IC4903" s="91"/>
      <c r="ID4903" s="91"/>
      <c r="IE4903" s="91"/>
      <c r="IF4903" s="91"/>
      <c r="IG4903" s="91"/>
      <c r="IH4903" s="91"/>
      <c r="II4903" s="91"/>
      <c r="IJ4903" s="91"/>
      <c r="IK4903" s="174"/>
    </row>
    <row r="4904" spans="2:245" x14ac:dyDescent="0.2">
      <c r="B4904" s="43"/>
      <c r="C4904" s="73"/>
      <c r="D4904" s="64"/>
      <c r="E4904" s="64"/>
      <c r="F4904" s="55"/>
      <c r="G4904" s="102"/>
      <c r="H4904" s="97"/>
      <c r="T4904" s="98"/>
      <c r="U4904" s="97"/>
      <c r="AG4904" s="98"/>
      <c r="AY4904" s="164"/>
      <c r="BK4904" s="98"/>
      <c r="BL4904" s="97"/>
      <c r="BX4904" s="98"/>
      <c r="CL4904" s="97"/>
      <c r="CX4904" s="98"/>
      <c r="DL4904" s="97"/>
      <c r="DX4904" s="98"/>
      <c r="EL4904" s="97"/>
      <c r="EX4904" s="98"/>
      <c r="EY4904" s="97"/>
      <c r="FL4904" s="126"/>
      <c r="FM4904" s="91"/>
      <c r="FN4904" s="91"/>
      <c r="FO4904" s="91"/>
      <c r="FP4904" s="91"/>
      <c r="FQ4904" s="91"/>
      <c r="FR4904" s="91"/>
      <c r="FS4904" s="91"/>
      <c r="FT4904" s="91"/>
      <c r="FU4904" s="91"/>
      <c r="FV4904" s="91"/>
      <c r="FW4904" s="91"/>
      <c r="FX4904" s="127"/>
      <c r="FY4904" s="126"/>
      <c r="FZ4904" s="91"/>
      <c r="GA4904" s="91"/>
      <c r="GB4904" s="91"/>
      <c r="GC4904" s="91"/>
      <c r="GD4904" s="91"/>
      <c r="GE4904" s="91"/>
      <c r="GF4904" s="91"/>
      <c r="GG4904" s="91"/>
      <c r="GH4904" s="91"/>
      <c r="GI4904" s="91"/>
      <c r="GJ4904" s="91"/>
      <c r="GK4904" s="127"/>
      <c r="GL4904" s="126"/>
      <c r="GM4904" s="91"/>
      <c r="GN4904" s="91"/>
      <c r="GO4904" s="91"/>
      <c r="GP4904" s="91"/>
      <c r="GQ4904" s="91"/>
      <c r="GR4904" s="91"/>
      <c r="GS4904" s="91"/>
      <c r="GT4904" s="91"/>
      <c r="GU4904" s="91"/>
      <c r="GV4904" s="91"/>
      <c r="GW4904" s="91"/>
      <c r="GX4904" s="127"/>
      <c r="GY4904" s="126"/>
      <c r="GZ4904" s="91"/>
      <c r="HA4904" s="91"/>
      <c r="HB4904" s="91"/>
      <c r="HC4904" s="91"/>
      <c r="HD4904" s="91"/>
      <c r="HE4904" s="91"/>
      <c r="HF4904" s="91"/>
      <c r="HG4904" s="91"/>
      <c r="HH4904" s="91"/>
      <c r="HI4904" s="91"/>
      <c r="HJ4904" s="91"/>
      <c r="HK4904" s="127"/>
      <c r="HL4904" s="126"/>
      <c r="HM4904" s="91"/>
      <c r="HN4904" s="91"/>
      <c r="HO4904" s="91"/>
      <c r="HP4904" s="91"/>
      <c r="HQ4904" s="91"/>
      <c r="HR4904" s="91"/>
      <c r="HS4904" s="91"/>
      <c r="HT4904" s="91"/>
      <c r="HU4904" s="91"/>
      <c r="HV4904" s="91"/>
      <c r="HW4904" s="91"/>
      <c r="HX4904" s="127"/>
      <c r="HY4904" s="126"/>
      <c r="HZ4904" s="91"/>
      <c r="IA4904" s="91"/>
      <c r="IB4904" s="91"/>
      <c r="IC4904" s="91"/>
      <c r="ID4904" s="91"/>
      <c r="IE4904" s="91"/>
      <c r="IF4904" s="91"/>
      <c r="IG4904" s="91"/>
      <c r="IH4904" s="91"/>
      <c r="II4904" s="91"/>
      <c r="IJ4904" s="91"/>
      <c r="IK4904" s="174"/>
    </row>
    <row r="4905" spans="2:245" x14ac:dyDescent="0.2">
      <c r="B4905" s="43"/>
      <c r="C4905" s="73"/>
      <c r="D4905" s="64"/>
      <c r="E4905" s="64"/>
      <c r="F4905" s="55"/>
      <c r="G4905" s="102"/>
      <c r="H4905" s="97"/>
      <c r="T4905" s="98"/>
      <c r="U4905" s="97"/>
      <c r="AG4905" s="98"/>
      <c r="AY4905" s="164"/>
      <c r="BK4905" s="98"/>
      <c r="BL4905" s="97"/>
      <c r="BX4905" s="98"/>
      <c r="CL4905" s="97"/>
      <c r="CX4905" s="98"/>
      <c r="DL4905" s="97"/>
      <c r="DX4905" s="98"/>
      <c r="EL4905" s="97"/>
      <c r="EX4905" s="98"/>
      <c r="EY4905" s="97"/>
      <c r="FL4905" s="126"/>
      <c r="FM4905" s="91"/>
      <c r="FN4905" s="91"/>
      <c r="FO4905" s="91"/>
      <c r="FP4905" s="91"/>
      <c r="FQ4905" s="91"/>
      <c r="FR4905" s="91"/>
      <c r="FS4905" s="91"/>
      <c r="FT4905" s="91"/>
      <c r="FU4905" s="91"/>
      <c r="FV4905" s="91"/>
      <c r="FW4905" s="91"/>
      <c r="FX4905" s="127"/>
      <c r="FY4905" s="126"/>
      <c r="FZ4905" s="91"/>
      <c r="GA4905" s="91"/>
      <c r="GB4905" s="91"/>
      <c r="GC4905" s="91"/>
      <c r="GD4905" s="91"/>
      <c r="GE4905" s="91"/>
      <c r="GF4905" s="91"/>
      <c r="GG4905" s="91"/>
      <c r="GH4905" s="91"/>
      <c r="GI4905" s="91"/>
      <c r="GJ4905" s="91"/>
      <c r="GK4905" s="127"/>
      <c r="GL4905" s="126"/>
      <c r="GM4905" s="91"/>
      <c r="GN4905" s="91"/>
      <c r="GO4905" s="91"/>
      <c r="GP4905" s="91"/>
      <c r="GQ4905" s="91"/>
      <c r="GR4905" s="91"/>
      <c r="GS4905" s="91"/>
      <c r="GT4905" s="91"/>
      <c r="GU4905" s="91"/>
      <c r="GV4905" s="91"/>
      <c r="GW4905" s="91"/>
      <c r="GX4905" s="127"/>
      <c r="GY4905" s="126"/>
      <c r="GZ4905" s="91"/>
      <c r="HA4905" s="91"/>
      <c r="HB4905" s="91"/>
      <c r="HC4905" s="91"/>
      <c r="HD4905" s="91"/>
      <c r="HE4905" s="91"/>
      <c r="HF4905" s="91"/>
      <c r="HG4905" s="91"/>
      <c r="HH4905" s="91"/>
      <c r="HI4905" s="91"/>
      <c r="HJ4905" s="91"/>
      <c r="HK4905" s="127"/>
      <c r="HL4905" s="126"/>
      <c r="HM4905" s="91"/>
      <c r="HN4905" s="91"/>
      <c r="HO4905" s="91"/>
      <c r="HP4905" s="91"/>
      <c r="HQ4905" s="91"/>
      <c r="HR4905" s="91"/>
      <c r="HS4905" s="91"/>
      <c r="HT4905" s="91"/>
      <c r="HU4905" s="91"/>
      <c r="HV4905" s="91"/>
      <c r="HW4905" s="91"/>
      <c r="HX4905" s="127"/>
      <c r="HY4905" s="126"/>
      <c r="HZ4905" s="91"/>
      <c r="IA4905" s="91"/>
      <c r="IB4905" s="91"/>
      <c r="IC4905" s="91"/>
      <c r="ID4905" s="91"/>
      <c r="IE4905" s="91"/>
      <c r="IF4905" s="91"/>
      <c r="IG4905" s="91"/>
      <c r="IH4905" s="91"/>
      <c r="II4905" s="91"/>
      <c r="IJ4905" s="91"/>
      <c r="IK4905" s="174"/>
    </row>
    <row r="4906" spans="2:245" x14ac:dyDescent="0.2">
      <c r="B4906" s="43"/>
      <c r="C4906" s="73"/>
      <c r="D4906" s="64"/>
      <c r="E4906" s="64"/>
      <c r="F4906" s="55"/>
      <c r="G4906" s="102"/>
      <c r="H4906" s="97"/>
      <c r="T4906" s="98"/>
      <c r="U4906" s="97"/>
      <c r="AG4906" s="98"/>
      <c r="AY4906" s="164"/>
      <c r="BK4906" s="98"/>
      <c r="BL4906" s="97"/>
      <c r="BX4906" s="98"/>
      <c r="CL4906" s="97"/>
      <c r="CX4906" s="98"/>
      <c r="DL4906" s="97"/>
      <c r="DX4906" s="98"/>
      <c r="EL4906" s="97"/>
      <c r="EX4906" s="98"/>
      <c r="EY4906" s="97"/>
      <c r="FL4906" s="126"/>
      <c r="FM4906" s="91"/>
      <c r="FN4906" s="91"/>
      <c r="FO4906" s="91"/>
      <c r="FP4906" s="91"/>
      <c r="FQ4906" s="91"/>
      <c r="FR4906" s="91"/>
      <c r="FS4906" s="91"/>
      <c r="FT4906" s="91"/>
      <c r="FU4906" s="91"/>
      <c r="FV4906" s="91"/>
      <c r="FW4906" s="91"/>
      <c r="FX4906" s="127"/>
      <c r="FY4906" s="126"/>
      <c r="FZ4906" s="91"/>
      <c r="GA4906" s="91"/>
      <c r="GB4906" s="91"/>
      <c r="GC4906" s="91"/>
      <c r="GD4906" s="91"/>
      <c r="GE4906" s="91"/>
      <c r="GF4906" s="91"/>
      <c r="GG4906" s="91"/>
      <c r="GH4906" s="91"/>
      <c r="GI4906" s="91"/>
      <c r="GJ4906" s="91"/>
      <c r="GK4906" s="127"/>
      <c r="GL4906" s="126"/>
      <c r="GM4906" s="91"/>
      <c r="GN4906" s="91"/>
      <c r="GO4906" s="91"/>
      <c r="GP4906" s="91"/>
      <c r="GQ4906" s="91"/>
      <c r="GR4906" s="91"/>
      <c r="GS4906" s="91"/>
      <c r="GT4906" s="91"/>
      <c r="GU4906" s="91"/>
      <c r="GV4906" s="91"/>
      <c r="GW4906" s="91"/>
      <c r="GX4906" s="127"/>
      <c r="GY4906" s="126"/>
      <c r="GZ4906" s="91"/>
      <c r="HA4906" s="91"/>
      <c r="HB4906" s="91"/>
      <c r="HC4906" s="91"/>
      <c r="HD4906" s="91"/>
      <c r="HE4906" s="91"/>
      <c r="HF4906" s="91"/>
      <c r="HG4906" s="91"/>
      <c r="HH4906" s="91"/>
      <c r="HI4906" s="91"/>
      <c r="HJ4906" s="91"/>
      <c r="HK4906" s="127"/>
      <c r="HL4906" s="126"/>
      <c r="HM4906" s="91"/>
      <c r="HN4906" s="91"/>
      <c r="HO4906" s="91"/>
      <c r="HP4906" s="91"/>
      <c r="HQ4906" s="91"/>
      <c r="HR4906" s="91"/>
      <c r="HS4906" s="91"/>
      <c r="HT4906" s="91"/>
      <c r="HU4906" s="91"/>
      <c r="HV4906" s="91"/>
      <c r="HW4906" s="91"/>
      <c r="HX4906" s="127"/>
      <c r="HY4906" s="126"/>
      <c r="HZ4906" s="91"/>
      <c r="IA4906" s="91"/>
      <c r="IB4906" s="91"/>
      <c r="IC4906" s="91"/>
      <c r="ID4906" s="91"/>
      <c r="IE4906" s="91"/>
      <c r="IF4906" s="91"/>
      <c r="IG4906" s="91"/>
      <c r="IH4906" s="91"/>
      <c r="II4906" s="91"/>
      <c r="IJ4906" s="91"/>
      <c r="IK4906" s="174"/>
    </row>
    <row r="4907" spans="2:245" x14ac:dyDescent="0.2">
      <c r="B4907" s="43"/>
      <c r="C4907" s="73"/>
      <c r="D4907" s="64"/>
      <c r="E4907" s="64"/>
      <c r="F4907" s="55"/>
      <c r="G4907" s="102"/>
      <c r="H4907" s="97"/>
      <c r="T4907" s="98"/>
      <c r="U4907" s="97"/>
      <c r="AG4907" s="98"/>
      <c r="AY4907" s="164"/>
      <c r="BK4907" s="98"/>
      <c r="BL4907" s="97"/>
      <c r="BX4907" s="98"/>
      <c r="CL4907" s="97"/>
      <c r="CX4907" s="98"/>
      <c r="DL4907" s="97"/>
      <c r="DX4907" s="98"/>
      <c r="EL4907" s="97"/>
      <c r="EX4907" s="98"/>
      <c r="EY4907" s="97"/>
      <c r="FL4907" s="126"/>
      <c r="FM4907" s="91"/>
      <c r="FN4907" s="91"/>
      <c r="FO4907" s="91"/>
      <c r="FP4907" s="91"/>
      <c r="FQ4907" s="91"/>
      <c r="FR4907" s="91"/>
      <c r="FS4907" s="91"/>
      <c r="FT4907" s="91"/>
      <c r="FU4907" s="91"/>
      <c r="FV4907" s="91"/>
      <c r="FW4907" s="91"/>
      <c r="FX4907" s="127"/>
      <c r="FY4907" s="126"/>
      <c r="FZ4907" s="91"/>
      <c r="GA4907" s="91"/>
      <c r="GB4907" s="91"/>
      <c r="GC4907" s="91"/>
      <c r="GD4907" s="91"/>
      <c r="GE4907" s="91"/>
      <c r="GF4907" s="91"/>
      <c r="GG4907" s="91"/>
      <c r="GH4907" s="91"/>
      <c r="GI4907" s="91"/>
      <c r="GJ4907" s="91"/>
      <c r="GK4907" s="127"/>
      <c r="GL4907" s="126"/>
      <c r="GM4907" s="91"/>
      <c r="GN4907" s="91"/>
      <c r="GO4907" s="91"/>
      <c r="GP4907" s="91"/>
      <c r="GQ4907" s="91"/>
      <c r="GR4907" s="91"/>
      <c r="GS4907" s="91"/>
      <c r="GT4907" s="91"/>
      <c r="GU4907" s="91"/>
      <c r="GV4907" s="91"/>
      <c r="GW4907" s="91"/>
      <c r="GX4907" s="127"/>
      <c r="GY4907" s="126"/>
      <c r="GZ4907" s="91"/>
      <c r="HA4907" s="91"/>
      <c r="HB4907" s="91"/>
      <c r="HC4907" s="91"/>
      <c r="HD4907" s="91"/>
      <c r="HE4907" s="91"/>
      <c r="HF4907" s="91"/>
      <c r="HG4907" s="91"/>
      <c r="HH4907" s="91"/>
      <c r="HI4907" s="91"/>
      <c r="HJ4907" s="91"/>
      <c r="HK4907" s="127"/>
      <c r="HL4907" s="126"/>
      <c r="HM4907" s="91"/>
      <c r="HN4907" s="91"/>
      <c r="HO4907" s="91"/>
      <c r="HP4907" s="91"/>
      <c r="HQ4907" s="91"/>
      <c r="HR4907" s="91"/>
      <c r="HS4907" s="91"/>
      <c r="HT4907" s="91"/>
      <c r="HU4907" s="91"/>
      <c r="HV4907" s="91"/>
      <c r="HW4907" s="91"/>
      <c r="HX4907" s="127"/>
      <c r="HY4907" s="126"/>
      <c r="HZ4907" s="91"/>
      <c r="IA4907" s="91"/>
      <c r="IB4907" s="91"/>
      <c r="IC4907" s="91"/>
      <c r="ID4907" s="91"/>
      <c r="IE4907" s="91"/>
      <c r="IF4907" s="91"/>
      <c r="IG4907" s="91"/>
      <c r="IH4907" s="91"/>
      <c r="II4907" s="91"/>
      <c r="IJ4907" s="91"/>
      <c r="IK4907" s="174"/>
    </row>
    <row r="4908" spans="2:245" x14ac:dyDescent="0.2">
      <c r="B4908" s="43"/>
      <c r="C4908" s="73"/>
      <c r="D4908" s="64"/>
      <c r="E4908" s="64"/>
      <c r="F4908" s="55"/>
      <c r="G4908" s="102"/>
      <c r="H4908" s="97"/>
      <c r="T4908" s="98"/>
      <c r="U4908" s="97"/>
      <c r="AG4908" s="98"/>
      <c r="AY4908" s="164"/>
      <c r="BK4908" s="98"/>
      <c r="BL4908" s="97"/>
      <c r="BX4908" s="98"/>
      <c r="CL4908" s="97"/>
      <c r="CX4908" s="98"/>
      <c r="DL4908" s="97"/>
      <c r="DX4908" s="98"/>
      <c r="EL4908" s="97"/>
      <c r="EX4908" s="98"/>
      <c r="EY4908" s="97"/>
      <c r="FL4908" s="126"/>
      <c r="FM4908" s="91"/>
      <c r="FN4908" s="91"/>
      <c r="FO4908" s="91"/>
      <c r="FP4908" s="91"/>
      <c r="FQ4908" s="91"/>
      <c r="FR4908" s="91"/>
      <c r="FS4908" s="91"/>
      <c r="FT4908" s="91"/>
      <c r="FU4908" s="91"/>
      <c r="FV4908" s="91"/>
      <c r="FW4908" s="91"/>
      <c r="FX4908" s="127"/>
      <c r="FY4908" s="126"/>
      <c r="FZ4908" s="91"/>
      <c r="GA4908" s="91"/>
      <c r="GB4908" s="91"/>
      <c r="GC4908" s="91"/>
      <c r="GD4908" s="91"/>
      <c r="GE4908" s="91"/>
      <c r="GF4908" s="91"/>
      <c r="GG4908" s="91"/>
      <c r="GH4908" s="91"/>
      <c r="GI4908" s="91"/>
      <c r="GJ4908" s="91"/>
      <c r="GK4908" s="127"/>
      <c r="GL4908" s="126"/>
      <c r="GM4908" s="91"/>
      <c r="GN4908" s="91"/>
      <c r="GO4908" s="91"/>
      <c r="GP4908" s="91"/>
      <c r="GQ4908" s="91"/>
      <c r="GR4908" s="91"/>
      <c r="GS4908" s="91"/>
      <c r="GT4908" s="91"/>
      <c r="GU4908" s="91"/>
      <c r="GV4908" s="91"/>
      <c r="GW4908" s="91"/>
      <c r="GX4908" s="127"/>
      <c r="GY4908" s="126"/>
      <c r="GZ4908" s="91"/>
      <c r="HA4908" s="91"/>
      <c r="HB4908" s="91"/>
      <c r="HC4908" s="91"/>
      <c r="HD4908" s="91"/>
      <c r="HE4908" s="91"/>
      <c r="HF4908" s="91"/>
      <c r="HG4908" s="91"/>
      <c r="HH4908" s="91"/>
      <c r="HI4908" s="91"/>
      <c r="HJ4908" s="91"/>
      <c r="HK4908" s="127"/>
      <c r="HL4908" s="126"/>
      <c r="HM4908" s="91"/>
      <c r="HN4908" s="91"/>
      <c r="HO4908" s="91"/>
      <c r="HP4908" s="91"/>
      <c r="HQ4908" s="91"/>
      <c r="HR4908" s="91"/>
      <c r="HS4908" s="91"/>
      <c r="HT4908" s="91"/>
      <c r="HU4908" s="91"/>
      <c r="HV4908" s="91"/>
      <c r="HW4908" s="91"/>
      <c r="HX4908" s="127"/>
      <c r="HY4908" s="126"/>
      <c r="HZ4908" s="91"/>
      <c r="IA4908" s="91"/>
      <c r="IB4908" s="91"/>
      <c r="IC4908" s="91"/>
      <c r="ID4908" s="91"/>
      <c r="IE4908" s="91"/>
      <c r="IF4908" s="91"/>
      <c r="IG4908" s="91"/>
      <c r="IH4908" s="91"/>
      <c r="II4908" s="91"/>
      <c r="IJ4908" s="91"/>
      <c r="IK4908" s="174"/>
    </row>
    <row r="4909" spans="2:245" x14ac:dyDescent="0.2">
      <c r="B4909" s="43"/>
      <c r="C4909" s="73"/>
      <c r="D4909" s="64"/>
      <c r="E4909" s="64"/>
      <c r="F4909" s="55"/>
      <c r="G4909" s="102"/>
      <c r="H4909" s="97"/>
      <c r="T4909" s="98"/>
      <c r="U4909" s="97"/>
      <c r="AG4909" s="98"/>
      <c r="AY4909" s="164"/>
      <c r="BK4909" s="98"/>
      <c r="BL4909" s="97"/>
      <c r="BX4909" s="98"/>
      <c r="CL4909" s="97"/>
      <c r="CX4909" s="98"/>
      <c r="DL4909" s="97"/>
      <c r="DX4909" s="98"/>
      <c r="EL4909" s="97"/>
      <c r="EX4909" s="98"/>
      <c r="EY4909" s="97"/>
      <c r="FL4909" s="126"/>
      <c r="FM4909" s="91"/>
      <c r="FN4909" s="91"/>
      <c r="FO4909" s="91"/>
      <c r="FP4909" s="91"/>
      <c r="FQ4909" s="91"/>
      <c r="FR4909" s="91"/>
      <c r="FS4909" s="91"/>
      <c r="FT4909" s="91"/>
      <c r="FU4909" s="91"/>
      <c r="FV4909" s="91"/>
      <c r="FW4909" s="91"/>
      <c r="FX4909" s="127"/>
      <c r="FY4909" s="126"/>
      <c r="FZ4909" s="91"/>
      <c r="GA4909" s="91"/>
      <c r="GB4909" s="91"/>
      <c r="GC4909" s="91"/>
      <c r="GD4909" s="91"/>
      <c r="GE4909" s="91"/>
      <c r="GF4909" s="91"/>
      <c r="GG4909" s="91"/>
      <c r="GH4909" s="91"/>
      <c r="GI4909" s="91"/>
      <c r="GJ4909" s="91"/>
      <c r="GK4909" s="127"/>
      <c r="GL4909" s="126"/>
      <c r="GM4909" s="91"/>
      <c r="GN4909" s="91"/>
      <c r="GO4909" s="91"/>
      <c r="GP4909" s="91"/>
      <c r="GQ4909" s="91"/>
      <c r="GR4909" s="91"/>
      <c r="GS4909" s="91"/>
      <c r="GT4909" s="91"/>
      <c r="GU4909" s="91"/>
      <c r="GV4909" s="91"/>
      <c r="GW4909" s="91"/>
      <c r="GX4909" s="127"/>
      <c r="GY4909" s="126"/>
      <c r="GZ4909" s="91"/>
      <c r="HA4909" s="91"/>
      <c r="HB4909" s="91"/>
      <c r="HC4909" s="91"/>
      <c r="HD4909" s="91"/>
      <c r="HE4909" s="91"/>
      <c r="HF4909" s="91"/>
      <c r="HG4909" s="91"/>
      <c r="HH4909" s="91"/>
      <c r="HI4909" s="91"/>
      <c r="HJ4909" s="91"/>
      <c r="HK4909" s="127"/>
      <c r="HL4909" s="126"/>
      <c r="HM4909" s="91"/>
      <c r="HN4909" s="91"/>
      <c r="HO4909" s="91"/>
      <c r="HP4909" s="91"/>
      <c r="HQ4909" s="91"/>
      <c r="HR4909" s="91"/>
      <c r="HS4909" s="91"/>
      <c r="HT4909" s="91"/>
      <c r="HU4909" s="91"/>
      <c r="HV4909" s="91"/>
      <c r="HW4909" s="91"/>
      <c r="HX4909" s="127"/>
      <c r="HY4909" s="126"/>
      <c r="HZ4909" s="91"/>
      <c r="IA4909" s="91"/>
      <c r="IB4909" s="91"/>
      <c r="IC4909" s="91"/>
      <c r="ID4909" s="91"/>
      <c r="IE4909" s="91"/>
      <c r="IF4909" s="91"/>
      <c r="IG4909" s="91"/>
      <c r="IH4909" s="91"/>
      <c r="II4909" s="91"/>
      <c r="IJ4909" s="91"/>
      <c r="IK4909" s="174"/>
    </row>
    <row r="4910" spans="2:245" x14ac:dyDescent="0.2">
      <c r="B4910" s="43"/>
      <c r="C4910" s="73"/>
      <c r="D4910" s="64"/>
      <c r="E4910" s="64"/>
      <c r="F4910" s="55"/>
      <c r="G4910" s="102"/>
      <c r="H4910" s="97"/>
      <c r="T4910" s="98"/>
      <c r="U4910" s="97"/>
      <c r="AG4910" s="98"/>
      <c r="AY4910" s="164"/>
      <c r="BK4910" s="98"/>
      <c r="BL4910" s="97"/>
      <c r="BX4910" s="98"/>
      <c r="CL4910" s="97"/>
      <c r="CX4910" s="98"/>
      <c r="DL4910" s="97"/>
      <c r="DX4910" s="98"/>
      <c r="EL4910" s="97"/>
      <c r="EX4910" s="98"/>
      <c r="EY4910" s="97"/>
      <c r="FL4910" s="126"/>
      <c r="FM4910" s="91"/>
      <c r="FN4910" s="91"/>
      <c r="FO4910" s="91"/>
      <c r="FP4910" s="91"/>
      <c r="FQ4910" s="91"/>
      <c r="FR4910" s="91"/>
      <c r="FS4910" s="91"/>
      <c r="FT4910" s="91"/>
      <c r="FU4910" s="91"/>
      <c r="FV4910" s="91"/>
      <c r="FW4910" s="91"/>
      <c r="FX4910" s="127"/>
      <c r="FY4910" s="126"/>
      <c r="FZ4910" s="91"/>
      <c r="GA4910" s="91"/>
      <c r="GB4910" s="91"/>
      <c r="GC4910" s="91"/>
      <c r="GD4910" s="91"/>
      <c r="GE4910" s="91"/>
      <c r="GF4910" s="91"/>
      <c r="GG4910" s="91"/>
      <c r="GH4910" s="91"/>
      <c r="GI4910" s="91"/>
      <c r="GJ4910" s="91"/>
      <c r="GK4910" s="127"/>
      <c r="GL4910" s="126"/>
      <c r="GM4910" s="91"/>
      <c r="GN4910" s="91"/>
      <c r="GO4910" s="91"/>
      <c r="GP4910" s="91"/>
      <c r="GQ4910" s="91"/>
      <c r="GR4910" s="91"/>
      <c r="GS4910" s="91"/>
      <c r="GT4910" s="91"/>
      <c r="GU4910" s="91"/>
      <c r="GV4910" s="91"/>
      <c r="GW4910" s="91"/>
      <c r="GX4910" s="127"/>
      <c r="GY4910" s="126"/>
      <c r="GZ4910" s="91"/>
      <c r="HA4910" s="91"/>
      <c r="HB4910" s="91"/>
      <c r="HC4910" s="91"/>
      <c r="HD4910" s="91"/>
      <c r="HE4910" s="91"/>
      <c r="HF4910" s="91"/>
      <c r="HG4910" s="91"/>
      <c r="HH4910" s="91"/>
      <c r="HI4910" s="91"/>
      <c r="HJ4910" s="91"/>
      <c r="HK4910" s="127"/>
      <c r="HL4910" s="126"/>
      <c r="HM4910" s="91"/>
      <c r="HN4910" s="91"/>
      <c r="HO4910" s="91"/>
      <c r="HP4910" s="91"/>
      <c r="HQ4910" s="91"/>
      <c r="HR4910" s="91"/>
      <c r="HS4910" s="91"/>
      <c r="HT4910" s="91"/>
      <c r="HU4910" s="91"/>
      <c r="HV4910" s="91"/>
      <c r="HW4910" s="91"/>
      <c r="HX4910" s="127"/>
      <c r="HY4910" s="126"/>
      <c r="HZ4910" s="91"/>
      <c r="IA4910" s="91"/>
      <c r="IB4910" s="91"/>
      <c r="IC4910" s="91"/>
      <c r="ID4910" s="91"/>
      <c r="IE4910" s="91"/>
      <c r="IF4910" s="91"/>
      <c r="IG4910" s="91"/>
      <c r="IH4910" s="91"/>
      <c r="II4910" s="91"/>
      <c r="IJ4910" s="91"/>
      <c r="IK4910" s="174"/>
    </row>
    <row r="4911" spans="2:245" x14ac:dyDescent="0.2">
      <c r="B4911" s="43"/>
      <c r="C4911" s="73"/>
      <c r="D4911" s="64"/>
      <c r="E4911" s="64"/>
      <c r="F4911" s="55"/>
      <c r="G4911" s="102"/>
      <c r="H4911" s="97"/>
      <c r="T4911" s="98"/>
      <c r="U4911" s="97"/>
      <c r="AG4911" s="98"/>
      <c r="AY4911" s="164"/>
      <c r="BK4911" s="98"/>
      <c r="BL4911" s="97"/>
      <c r="BX4911" s="98"/>
      <c r="CL4911" s="97"/>
      <c r="CX4911" s="98"/>
      <c r="DL4911" s="97"/>
      <c r="DX4911" s="98"/>
      <c r="EL4911" s="97"/>
      <c r="EX4911" s="98"/>
      <c r="EY4911" s="97"/>
      <c r="FL4911" s="126"/>
      <c r="FM4911" s="91"/>
      <c r="FN4911" s="91"/>
      <c r="FO4911" s="91"/>
      <c r="FP4911" s="91"/>
      <c r="FQ4911" s="91"/>
      <c r="FR4911" s="91"/>
      <c r="FS4911" s="91"/>
      <c r="FT4911" s="91"/>
      <c r="FU4911" s="91"/>
      <c r="FV4911" s="91"/>
      <c r="FW4911" s="91"/>
      <c r="FX4911" s="127"/>
      <c r="FY4911" s="126"/>
      <c r="FZ4911" s="91"/>
      <c r="GA4911" s="91"/>
      <c r="GB4911" s="91"/>
      <c r="GC4911" s="91"/>
      <c r="GD4911" s="91"/>
      <c r="GE4911" s="91"/>
      <c r="GF4911" s="91"/>
      <c r="GG4911" s="91"/>
      <c r="GH4911" s="91"/>
      <c r="GI4911" s="91"/>
      <c r="GJ4911" s="91"/>
      <c r="GK4911" s="127"/>
      <c r="GL4911" s="126"/>
      <c r="GM4911" s="91"/>
      <c r="GN4911" s="91"/>
      <c r="GO4911" s="91"/>
      <c r="GP4911" s="91"/>
      <c r="GQ4911" s="91"/>
      <c r="GR4911" s="91"/>
      <c r="GS4911" s="91"/>
      <c r="GT4911" s="91"/>
      <c r="GU4911" s="91"/>
      <c r="GV4911" s="91"/>
      <c r="GW4911" s="91"/>
      <c r="GX4911" s="127"/>
      <c r="GY4911" s="126"/>
      <c r="GZ4911" s="91"/>
      <c r="HA4911" s="91"/>
      <c r="HB4911" s="91"/>
      <c r="HC4911" s="91"/>
      <c r="HD4911" s="91"/>
      <c r="HE4911" s="91"/>
      <c r="HF4911" s="91"/>
      <c r="HG4911" s="91"/>
      <c r="HH4911" s="91"/>
      <c r="HI4911" s="91"/>
      <c r="HJ4911" s="91"/>
      <c r="HK4911" s="127"/>
      <c r="HL4911" s="126"/>
      <c r="HM4911" s="91"/>
      <c r="HN4911" s="91"/>
      <c r="HO4911" s="91"/>
      <c r="HP4911" s="91"/>
      <c r="HQ4911" s="91"/>
      <c r="HR4911" s="91"/>
      <c r="HS4911" s="91"/>
      <c r="HT4911" s="91"/>
      <c r="HU4911" s="91"/>
      <c r="HV4911" s="91"/>
      <c r="HW4911" s="91"/>
      <c r="HX4911" s="127"/>
      <c r="HY4911" s="126"/>
      <c r="HZ4911" s="91"/>
      <c r="IA4911" s="91"/>
      <c r="IB4911" s="91"/>
      <c r="IC4911" s="91"/>
      <c r="ID4911" s="91"/>
      <c r="IE4911" s="91"/>
      <c r="IF4911" s="91"/>
      <c r="IG4911" s="91"/>
      <c r="IH4911" s="91"/>
      <c r="II4911" s="91"/>
      <c r="IJ4911" s="91"/>
      <c r="IK4911" s="174"/>
    </row>
    <row r="4912" spans="2:245" x14ac:dyDescent="0.2">
      <c r="B4912" s="43"/>
      <c r="C4912" s="73"/>
      <c r="D4912" s="64"/>
      <c r="E4912" s="64"/>
      <c r="F4912" s="55"/>
      <c r="G4912" s="102"/>
      <c r="H4912" s="97"/>
      <c r="T4912" s="98"/>
      <c r="U4912" s="97"/>
      <c r="AG4912" s="98"/>
      <c r="AY4912" s="164"/>
      <c r="BK4912" s="98"/>
      <c r="BL4912" s="97"/>
      <c r="BX4912" s="98"/>
      <c r="CL4912" s="97"/>
      <c r="CX4912" s="98"/>
      <c r="DL4912" s="97"/>
      <c r="DX4912" s="98"/>
      <c r="EL4912" s="97"/>
      <c r="EX4912" s="98"/>
      <c r="EY4912" s="97"/>
      <c r="FL4912" s="126"/>
      <c r="FM4912" s="91"/>
      <c r="FN4912" s="91"/>
      <c r="FO4912" s="91"/>
      <c r="FP4912" s="91"/>
      <c r="FQ4912" s="91"/>
      <c r="FR4912" s="91"/>
      <c r="FS4912" s="91"/>
      <c r="FT4912" s="91"/>
      <c r="FU4912" s="91"/>
      <c r="FV4912" s="91"/>
      <c r="FW4912" s="91"/>
      <c r="FX4912" s="127"/>
      <c r="FY4912" s="126"/>
      <c r="FZ4912" s="91"/>
      <c r="GA4912" s="91"/>
      <c r="GB4912" s="91"/>
      <c r="GC4912" s="91"/>
      <c r="GD4912" s="91"/>
      <c r="GE4912" s="91"/>
      <c r="GF4912" s="91"/>
      <c r="GG4912" s="91"/>
      <c r="GH4912" s="91"/>
      <c r="GI4912" s="91"/>
      <c r="GJ4912" s="91"/>
      <c r="GK4912" s="127"/>
      <c r="GL4912" s="126"/>
      <c r="GM4912" s="91"/>
      <c r="GN4912" s="91"/>
      <c r="GO4912" s="91"/>
      <c r="GP4912" s="91"/>
      <c r="GQ4912" s="91"/>
      <c r="GR4912" s="91"/>
      <c r="GS4912" s="91"/>
      <c r="GT4912" s="91"/>
      <c r="GU4912" s="91"/>
      <c r="GV4912" s="91"/>
      <c r="GW4912" s="91"/>
      <c r="GX4912" s="127"/>
      <c r="GY4912" s="126"/>
      <c r="GZ4912" s="91"/>
      <c r="HA4912" s="91"/>
      <c r="HB4912" s="91"/>
      <c r="HC4912" s="91"/>
      <c r="HD4912" s="91"/>
      <c r="HE4912" s="91"/>
      <c r="HF4912" s="91"/>
      <c r="HG4912" s="91"/>
      <c r="HH4912" s="91"/>
      <c r="HI4912" s="91"/>
      <c r="HJ4912" s="91"/>
      <c r="HK4912" s="127"/>
      <c r="HL4912" s="126"/>
      <c r="HM4912" s="91"/>
      <c r="HN4912" s="91"/>
      <c r="HO4912" s="91"/>
      <c r="HP4912" s="91"/>
      <c r="HQ4912" s="91"/>
      <c r="HR4912" s="91"/>
      <c r="HS4912" s="91"/>
      <c r="HT4912" s="91"/>
      <c r="HU4912" s="91"/>
      <c r="HV4912" s="91"/>
      <c r="HW4912" s="91"/>
      <c r="HX4912" s="127"/>
      <c r="HY4912" s="126"/>
      <c r="HZ4912" s="91"/>
      <c r="IA4912" s="91"/>
      <c r="IB4912" s="91"/>
      <c r="IC4912" s="91"/>
      <c r="ID4912" s="91"/>
      <c r="IE4912" s="91"/>
      <c r="IF4912" s="91"/>
      <c r="IG4912" s="91"/>
      <c r="IH4912" s="91"/>
      <c r="II4912" s="91"/>
      <c r="IJ4912" s="91"/>
      <c r="IK4912" s="174"/>
    </row>
    <row r="4913" spans="2:245" x14ac:dyDescent="0.2">
      <c r="B4913" s="43"/>
      <c r="C4913" s="73"/>
      <c r="D4913" s="64"/>
      <c r="E4913" s="64"/>
      <c r="F4913" s="55"/>
      <c r="G4913" s="102"/>
      <c r="H4913" s="97"/>
      <c r="T4913" s="98"/>
      <c r="U4913" s="97"/>
      <c r="AG4913" s="98"/>
      <c r="AY4913" s="164"/>
      <c r="BK4913" s="98"/>
      <c r="BL4913" s="97"/>
      <c r="BX4913" s="98"/>
      <c r="CL4913" s="97"/>
      <c r="CX4913" s="98"/>
      <c r="DL4913" s="97"/>
      <c r="DX4913" s="98"/>
      <c r="EL4913" s="97"/>
      <c r="EX4913" s="98"/>
      <c r="EY4913" s="97"/>
      <c r="FL4913" s="126"/>
      <c r="FM4913" s="91"/>
      <c r="FN4913" s="91"/>
      <c r="FO4913" s="91"/>
      <c r="FP4913" s="91"/>
      <c r="FQ4913" s="91"/>
      <c r="FR4913" s="91"/>
      <c r="FS4913" s="91"/>
      <c r="FT4913" s="91"/>
      <c r="FU4913" s="91"/>
      <c r="FV4913" s="91"/>
      <c r="FW4913" s="91"/>
      <c r="FX4913" s="127"/>
      <c r="FY4913" s="126"/>
      <c r="FZ4913" s="91"/>
      <c r="GA4913" s="91"/>
      <c r="GB4913" s="91"/>
      <c r="GC4913" s="91"/>
      <c r="GD4913" s="91"/>
      <c r="GE4913" s="91"/>
      <c r="GF4913" s="91"/>
      <c r="GG4913" s="91"/>
      <c r="GH4913" s="91"/>
      <c r="GI4913" s="91"/>
      <c r="GJ4913" s="91"/>
      <c r="GK4913" s="127"/>
      <c r="GL4913" s="126"/>
      <c r="GM4913" s="91"/>
      <c r="GN4913" s="91"/>
      <c r="GO4913" s="91"/>
      <c r="GP4913" s="91"/>
      <c r="GQ4913" s="91"/>
      <c r="GR4913" s="91"/>
      <c r="GS4913" s="91"/>
      <c r="GT4913" s="91"/>
      <c r="GU4913" s="91"/>
      <c r="GV4913" s="91"/>
      <c r="GW4913" s="91"/>
      <c r="GX4913" s="127"/>
      <c r="GY4913" s="126"/>
      <c r="GZ4913" s="91"/>
      <c r="HA4913" s="91"/>
      <c r="HB4913" s="91"/>
      <c r="HC4913" s="91"/>
      <c r="HD4913" s="91"/>
      <c r="HE4913" s="91"/>
      <c r="HF4913" s="91"/>
      <c r="HG4913" s="91"/>
      <c r="HH4913" s="91"/>
      <c r="HI4913" s="91"/>
      <c r="HJ4913" s="91"/>
      <c r="HK4913" s="127"/>
      <c r="HL4913" s="126"/>
      <c r="HM4913" s="91"/>
      <c r="HN4913" s="91"/>
      <c r="HO4913" s="91"/>
      <c r="HP4913" s="91"/>
      <c r="HQ4913" s="91"/>
      <c r="HR4913" s="91"/>
      <c r="HS4913" s="91"/>
      <c r="HT4913" s="91"/>
      <c r="HU4913" s="91"/>
      <c r="HV4913" s="91"/>
      <c r="HW4913" s="91"/>
      <c r="HX4913" s="127"/>
      <c r="HY4913" s="126"/>
      <c r="HZ4913" s="91"/>
      <c r="IA4913" s="91"/>
      <c r="IB4913" s="91"/>
      <c r="IC4913" s="91"/>
      <c r="ID4913" s="91"/>
      <c r="IE4913" s="91"/>
      <c r="IF4913" s="91"/>
      <c r="IG4913" s="91"/>
      <c r="IH4913" s="91"/>
      <c r="II4913" s="91"/>
      <c r="IJ4913" s="91"/>
      <c r="IK4913" s="174"/>
    </row>
    <row r="4914" spans="2:245" x14ac:dyDescent="0.2">
      <c r="B4914" s="43"/>
      <c r="C4914" s="73"/>
      <c r="D4914" s="64"/>
      <c r="E4914" s="64"/>
      <c r="F4914" s="55"/>
      <c r="G4914" s="102"/>
      <c r="H4914" s="97"/>
      <c r="T4914" s="98"/>
      <c r="U4914" s="97"/>
      <c r="AG4914" s="98"/>
      <c r="AY4914" s="164"/>
      <c r="BK4914" s="98"/>
      <c r="BL4914" s="97"/>
      <c r="BX4914" s="98"/>
      <c r="CL4914" s="97"/>
      <c r="CX4914" s="98"/>
      <c r="DL4914" s="97"/>
      <c r="DX4914" s="98"/>
      <c r="EL4914" s="97"/>
      <c r="EX4914" s="98"/>
      <c r="EY4914" s="97"/>
      <c r="FL4914" s="126"/>
      <c r="FM4914" s="91"/>
      <c r="FN4914" s="91"/>
      <c r="FO4914" s="91"/>
      <c r="FP4914" s="91"/>
      <c r="FQ4914" s="91"/>
      <c r="FR4914" s="91"/>
      <c r="FS4914" s="91"/>
      <c r="FT4914" s="91"/>
      <c r="FU4914" s="91"/>
      <c r="FV4914" s="91"/>
      <c r="FW4914" s="91"/>
      <c r="FX4914" s="127"/>
      <c r="FY4914" s="126"/>
      <c r="FZ4914" s="91"/>
      <c r="GA4914" s="91"/>
      <c r="GB4914" s="91"/>
      <c r="GC4914" s="91"/>
      <c r="GD4914" s="91"/>
      <c r="GE4914" s="91"/>
      <c r="GF4914" s="91"/>
      <c r="GG4914" s="91"/>
      <c r="GH4914" s="91"/>
      <c r="GI4914" s="91"/>
      <c r="GJ4914" s="91"/>
      <c r="GK4914" s="127"/>
      <c r="GL4914" s="126"/>
      <c r="GM4914" s="91"/>
      <c r="GN4914" s="91"/>
      <c r="GO4914" s="91"/>
      <c r="GP4914" s="91"/>
      <c r="GQ4914" s="91"/>
      <c r="GR4914" s="91"/>
      <c r="GS4914" s="91"/>
      <c r="GT4914" s="91"/>
      <c r="GU4914" s="91"/>
      <c r="GV4914" s="91"/>
      <c r="GW4914" s="91"/>
      <c r="GX4914" s="127"/>
      <c r="GY4914" s="126"/>
      <c r="GZ4914" s="91"/>
      <c r="HA4914" s="91"/>
      <c r="HB4914" s="91"/>
      <c r="HC4914" s="91"/>
      <c r="HD4914" s="91"/>
      <c r="HE4914" s="91"/>
      <c r="HF4914" s="91"/>
      <c r="HG4914" s="91"/>
      <c r="HH4914" s="91"/>
      <c r="HI4914" s="91"/>
      <c r="HJ4914" s="91"/>
      <c r="HK4914" s="127"/>
      <c r="HL4914" s="126"/>
      <c r="HM4914" s="91"/>
      <c r="HN4914" s="91"/>
      <c r="HO4914" s="91"/>
      <c r="HP4914" s="91"/>
      <c r="HQ4914" s="91"/>
      <c r="HR4914" s="91"/>
      <c r="HS4914" s="91"/>
      <c r="HT4914" s="91"/>
      <c r="HU4914" s="91"/>
      <c r="HV4914" s="91"/>
      <c r="HW4914" s="91"/>
      <c r="HX4914" s="127"/>
      <c r="HY4914" s="126"/>
      <c r="HZ4914" s="91"/>
      <c r="IA4914" s="91"/>
      <c r="IB4914" s="91"/>
      <c r="IC4914" s="91"/>
      <c r="ID4914" s="91"/>
      <c r="IE4914" s="91"/>
      <c r="IF4914" s="91"/>
      <c r="IG4914" s="91"/>
      <c r="IH4914" s="91"/>
      <c r="II4914" s="91"/>
      <c r="IJ4914" s="91"/>
      <c r="IK4914" s="174"/>
    </row>
    <row r="4915" spans="2:245" x14ac:dyDescent="0.2">
      <c r="B4915" s="43"/>
      <c r="C4915" s="73"/>
      <c r="D4915" s="64"/>
      <c r="E4915" s="64"/>
      <c r="F4915" s="55"/>
      <c r="G4915" s="102"/>
      <c r="H4915" s="97"/>
      <c r="T4915" s="98"/>
      <c r="U4915" s="97"/>
      <c r="AG4915" s="98"/>
      <c r="AY4915" s="164"/>
      <c r="BK4915" s="98"/>
      <c r="BL4915" s="97"/>
      <c r="BX4915" s="98"/>
      <c r="CL4915" s="97"/>
      <c r="CX4915" s="98"/>
      <c r="DL4915" s="97"/>
      <c r="DX4915" s="98"/>
      <c r="EL4915" s="97"/>
      <c r="EX4915" s="98"/>
      <c r="EY4915" s="97"/>
      <c r="FL4915" s="126"/>
      <c r="FM4915" s="91"/>
      <c r="FN4915" s="91"/>
      <c r="FO4915" s="91"/>
      <c r="FP4915" s="91"/>
      <c r="FQ4915" s="91"/>
      <c r="FR4915" s="91"/>
      <c r="FS4915" s="91"/>
      <c r="FT4915" s="91"/>
      <c r="FU4915" s="91"/>
      <c r="FV4915" s="91"/>
      <c r="FW4915" s="91"/>
      <c r="FX4915" s="127"/>
      <c r="FY4915" s="126"/>
      <c r="FZ4915" s="91"/>
      <c r="GA4915" s="91"/>
      <c r="GB4915" s="91"/>
      <c r="GC4915" s="91"/>
      <c r="GD4915" s="91"/>
      <c r="GE4915" s="91"/>
      <c r="GF4915" s="91"/>
      <c r="GG4915" s="91"/>
      <c r="GH4915" s="91"/>
      <c r="GI4915" s="91"/>
      <c r="GJ4915" s="91"/>
      <c r="GK4915" s="127"/>
      <c r="GL4915" s="126"/>
      <c r="GM4915" s="91"/>
      <c r="GN4915" s="91"/>
      <c r="GO4915" s="91"/>
      <c r="GP4915" s="91"/>
      <c r="GQ4915" s="91"/>
      <c r="GR4915" s="91"/>
      <c r="GS4915" s="91"/>
      <c r="GT4915" s="91"/>
      <c r="GU4915" s="91"/>
      <c r="GV4915" s="91"/>
      <c r="GW4915" s="91"/>
      <c r="GX4915" s="127"/>
      <c r="GY4915" s="126"/>
      <c r="GZ4915" s="91"/>
      <c r="HA4915" s="91"/>
      <c r="HB4915" s="91"/>
      <c r="HC4915" s="91"/>
      <c r="HD4915" s="91"/>
      <c r="HE4915" s="91"/>
      <c r="HF4915" s="91"/>
      <c r="HG4915" s="91"/>
      <c r="HH4915" s="91"/>
      <c r="HI4915" s="91"/>
      <c r="HJ4915" s="91"/>
      <c r="HK4915" s="127"/>
      <c r="HL4915" s="126"/>
      <c r="HM4915" s="91"/>
      <c r="HN4915" s="91"/>
      <c r="HO4915" s="91"/>
      <c r="HP4915" s="91"/>
      <c r="HQ4915" s="91"/>
      <c r="HR4915" s="91"/>
      <c r="HS4915" s="91"/>
      <c r="HT4915" s="91"/>
      <c r="HU4915" s="91"/>
      <c r="HV4915" s="91"/>
      <c r="HW4915" s="91"/>
      <c r="HX4915" s="127"/>
      <c r="HY4915" s="126"/>
      <c r="HZ4915" s="91"/>
      <c r="IA4915" s="91"/>
      <c r="IB4915" s="91"/>
      <c r="IC4915" s="91"/>
      <c r="ID4915" s="91"/>
      <c r="IE4915" s="91"/>
      <c r="IF4915" s="91"/>
      <c r="IG4915" s="91"/>
      <c r="IH4915" s="91"/>
      <c r="II4915" s="91"/>
      <c r="IJ4915" s="91"/>
      <c r="IK4915" s="174"/>
    </row>
    <row r="4916" spans="2:245" x14ac:dyDescent="0.2">
      <c r="B4916" s="43"/>
      <c r="C4916" s="73"/>
      <c r="D4916" s="64"/>
      <c r="E4916" s="64"/>
      <c r="F4916" s="55"/>
      <c r="G4916" s="102"/>
      <c r="H4916" s="97"/>
      <c r="T4916" s="98"/>
      <c r="U4916" s="97"/>
      <c r="AG4916" s="98"/>
      <c r="AY4916" s="164"/>
      <c r="BK4916" s="98"/>
      <c r="BL4916" s="97"/>
      <c r="BX4916" s="98"/>
      <c r="CL4916" s="97"/>
      <c r="CX4916" s="98"/>
      <c r="DL4916" s="97"/>
      <c r="DX4916" s="98"/>
      <c r="EL4916" s="97"/>
      <c r="EX4916" s="98"/>
      <c r="EY4916" s="97"/>
      <c r="FL4916" s="126"/>
      <c r="FM4916" s="91"/>
      <c r="FN4916" s="91"/>
      <c r="FO4916" s="91"/>
      <c r="FP4916" s="91"/>
      <c r="FQ4916" s="91"/>
      <c r="FR4916" s="91"/>
      <c r="FS4916" s="91"/>
      <c r="FT4916" s="91"/>
      <c r="FU4916" s="91"/>
      <c r="FV4916" s="91"/>
      <c r="FW4916" s="91"/>
      <c r="FX4916" s="127"/>
      <c r="FY4916" s="126"/>
      <c r="FZ4916" s="91"/>
      <c r="GA4916" s="91"/>
      <c r="GB4916" s="91"/>
      <c r="GC4916" s="91"/>
      <c r="GD4916" s="91"/>
      <c r="GE4916" s="91"/>
      <c r="GF4916" s="91"/>
      <c r="GG4916" s="91"/>
      <c r="GH4916" s="91"/>
      <c r="GI4916" s="91"/>
      <c r="GJ4916" s="91"/>
      <c r="GK4916" s="127"/>
      <c r="GL4916" s="126"/>
      <c r="GM4916" s="91"/>
      <c r="GN4916" s="91"/>
      <c r="GO4916" s="91"/>
      <c r="GP4916" s="91"/>
      <c r="GQ4916" s="91"/>
      <c r="GR4916" s="91"/>
      <c r="GS4916" s="91"/>
      <c r="GT4916" s="91"/>
      <c r="GU4916" s="91"/>
      <c r="GV4916" s="91"/>
      <c r="GW4916" s="91"/>
      <c r="GX4916" s="127"/>
      <c r="GY4916" s="126"/>
      <c r="GZ4916" s="91"/>
      <c r="HA4916" s="91"/>
      <c r="HB4916" s="91"/>
      <c r="HC4916" s="91"/>
      <c r="HD4916" s="91"/>
      <c r="HE4916" s="91"/>
      <c r="HF4916" s="91"/>
      <c r="HG4916" s="91"/>
      <c r="HH4916" s="91"/>
      <c r="HI4916" s="91"/>
      <c r="HJ4916" s="91"/>
      <c r="HK4916" s="127"/>
      <c r="HL4916" s="126"/>
      <c r="HM4916" s="91"/>
      <c r="HN4916" s="91"/>
      <c r="HO4916" s="91"/>
      <c r="HP4916" s="91"/>
      <c r="HQ4916" s="91"/>
      <c r="HR4916" s="91"/>
      <c r="HS4916" s="91"/>
      <c r="HT4916" s="91"/>
      <c r="HU4916" s="91"/>
      <c r="HV4916" s="91"/>
      <c r="HW4916" s="91"/>
      <c r="HX4916" s="127"/>
      <c r="HY4916" s="126"/>
      <c r="HZ4916" s="91"/>
      <c r="IA4916" s="91"/>
      <c r="IB4916" s="91"/>
      <c r="IC4916" s="91"/>
      <c r="ID4916" s="91"/>
      <c r="IE4916" s="91"/>
      <c r="IF4916" s="91"/>
      <c r="IG4916" s="91"/>
      <c r="IH4916" s="91"/>
      <c r="II4916" s="91"/>
      <c r="IJ4916" s="91"/>
      <c r="IK4916" s="174"/>
    </row>
    <row r="4917" spans="2:245" x14ac:dyDescent="0.2">
      <c r="B4917" s="43"/>
      <c r="C4917" s="73"/>
      <c r="D4917" s="64"/>
      <c r="E4917" s="64"/>
      <c r="F4917" s="55"/>
      <c r="G4917" s="102"/>
      <c r="H4917" s="97"/>
      <c r="T4917" s="98"/>
      <c r="U4917" s="97"/>
      <c r="AG4917" s="98"/>
      <c r="AY4917" s="164"/>
      <c r="BK4917" s="98"/>
      <c r="BL4917" s="97"/>
      <c r="BX4917" s="98"/>
      <c r="CL4917" s="97"/>
      <c r="CX4917" s="98"/>
      <c r="DL4917" s="97"/>
      <c r="DX4917" s="98"/>
      <c r="EL4917" s="97"/>
      <c r="EX4917" s="98"/>
      <c r="EY4917" s="97"/>
      <c r="FL4917" s="126"/>
      <c r="FM4917" s="91"/>
      <c r="FN4917" s="91"/>
      <c r="FO4917" s="91"/>
      <c r="FP4917" s="91"/>
      <c r="FQ4917" s="91"/>
      <c r="FR4917" s="91"/>
      <c r="FS4917" s="91"/>
      <c r="FT4917" s="91"/>
      <c r="FU4917" s="91"/>
      <c r="FV4917" s="91"/>
      <c r="FW4917" s="91"/>
      <c r="FX4917" s="127"/>
      <c r="FY4917" s="126"/>
      <c r="FZ4917" s="91"/>
      <c r="GA4917" s="91"/>
      <c r="GB4917" s="91"/>
      <c r="GC4917" s="91"/>
      <c r="GD4917" s="91"/>
      <c r="GE4917" s="91"/>
      <c r="GF4917" s="91"/>
      <c r="GG4917" s="91"/>
      <c r="GH4917" s="91"/>
      <c r="GI4917" s="91"/>
      <c r="GJ4917" s="91"/>
      <c r="GK4917" s="127"/>
      <c r="GL4917" s="126"/>
      <c r="GM4917" s="91"/>
      <c r="GN4917" s="91"/>
      <c r="GO4917" s="91"/>
      <c r="GP4917" s="91"/>
      <c r="GQ4917" s="91"/>
      <c r="GR4917" s="91"/>
      <c r="GS4917" s="91"/>
      <c r="GT4917" s="91"/>
      <c r="GU4917" s="91"/>
      <c r="GV4917" s="91"/>
      <c r="GW4917" s="91"/>
      <c r="GX4917" s="127"/>
      <c r="GY4917" s="126"/>
      <c r="GZ4917" s="91"/>
      <c r="HA4917" s="91"/>
      <c r="HB4917" s="91"/>
      <c r="HC4917" s="91"/>
      <c r="HD4917" s="91"/>
      <c r="HE4917" s="91"/>
      <c r="HF4917" s="91"/>
      <c r="HG4917" s="91"/>
      <c r="HH4917" s="91"/>
      <c r="HI4917" s="91"/>
      <c r="HJ4917" s="91"/>
      <c r="HK4917" s="127"/>
      <c r="HL4917" s="126"/>
      <c r="HM4917" s="91"/>
      <c r="HN4917" s="91"/>
      <c r="HO4917" s="91"/>
      <c r="HP4917" s="91"/>
      <c r="HQ4917" s="91"/>
      <c r="HR4917" s="91"/>
      <c r="HS4917" s="91"/>
      <c r="HT4917" s="91"/>
      <c r="HU4917" s="91"/>
      <c r="HV4917" s="91"/>
      <c r="HW4917" s="91"/>
      <c r="HX4917" s="127"/>
      <c r="HY4917" s="126"/>
      <c r="HZ4917" s="91"/>
      <c r="IA4917" s="91"/>
      <c r="IB4917" s="91"/>
      <c r="IC4917" s="91"/>
      <c r="ID4917" s="91"/>
      <c r="IE4917" s="91"/>
      <c r="IF4917" s="91"/>
      <c r="IG4917" s="91"/>
      <c r="IH4917" s="91"/>
      <c r="II4917" s="91"/>
      <c r="IJ4917" s="91"/>
      <c r="IK4917" s="174"/>
    </row>
    <row r="4918" spans="2:245" x14ac:dyDescent="0.2">
      <c r="B4918" s="43"/>
      <c r="C4918" s="73"/>
      <c r="D4918" s="64"/>
      <c r="E4918" s="64"/>
      <c r="F4918" s="55"/>
      <c r="G4918" s="102"/>
      <c r="H4918" s="97"/>
      <c r="T4918" s="98"/>
      <c r="U4918" s="97"/>
      <c r="AG4918" s="98"/>
      <c r="AY4918" s="164"/>
      <c r="BK4918" s="98"/>
      <c r="BL4918" s="97"/>
      <c r="BX4918" s="98"/>
      <c r="CL4918" s="97"/>
      <c r="CX4918" s="98"/>
      <c r="DL4918" s="97"/>
      <c r="DX4918" s="98"/>
      <c r="EL4918" s="97"/>
      <c r="EX4918" s="98"/>
      <c r="EY4918" s="97"/>
      <c r="FL4918" s="126"/>
      <c r="FM4918" s="91"/>
      <c r="FN4918" s="91"/>
      <c r="FO4918" s="91"/>
      <c r="FP4918" s="91"/>
      <c r="FQ4918" s="91"/>
      <c r="FR4918" s="91"/>
      <c r="FS4918" s="91"/>
      <c r="FT4918" s="91"/>
      <c r="FU4918" s="91"/>
      <c r="FV4918" s="91"/>
      <c r="FW4918" s="91"/>
      <c r="FX4918" s="127"/>
      <c r="FY4918" s="126"/>
      <c r="FZ4918" s="91"/>
      <c r="GA4918" s="91"/>
      <c r="GB4918" s="91"/>
      <c r="GC4918" s="91"/>
      <c r="GD4918" s="91"/>
      <c r="GE4918" s="91"/>
      <c r="GF4918" s="91"/>
      <c r="GG4918" s="91"/>
      <c r="GH4918" s="91"/>
      <c r="GI4918" s="91"/>
      <c r="GJ4918" s="91"/>
      <c r="GK4918" s="127"/>
      <c r="GL4918" s="126"/>
      <c r="GM4918" s="91"/>
      <c r="GN4918" s="91"/>
      <c r="GO4918" s="91"/>
      <c r="GP4918" s="91"/>
      <c r="GQ4918" s="91"/>
      <c r="GR4918" s="91"/>
      <c r="GS4918" s="91"/>
      <c r="GT4918" s="91"/>
      <c r="GU4918" s="91"/>
      <c r="GV4918" s="91"/>
      <c r="GW4918" s="91"/>
      <c r="GX4918" s="127"/>
      <c r="GY4918" s="126"/>
      <c r="GZ4918" s="91"/>
      <c r="HA4918" s="91"/>
      <c r="HB4918" s="91"/>
      <c r="HC4918" s="91"/>
      <c r="HD4918" s="91"/>
      <c r="HE4918" s="91"/>
      <c r="HF4918" s="91"/>
      <c r="HG4918" s="91"/>
      <c r="HH4918" s="91"/>
      <c r="HI4918" s="91"/>
      <c r="HJ4918" s="91"/>
      <c r="HK4918" s="127"/>
      <c r="HL4918" s="126"/>
      <c r="HM4918" s="91"/>
      <c r="HN4918" s="91"/>
      <c r="HO4918" s="91"/>
      <c r="HP4918" s="91"/>
      <c r="HQ4918" s="91"/>
      <c r="HR4918" s="91"/>
      <c r="HS4918" s="91"/>
      <c r="HT4918" s="91"/>
      <c r="HU4918" s="91"/>
      <c r="HV4918" s="91"/>
      <c r="HW4918" s="91"/>
      <c r="HX4918" s="127"/>
      <c r="HY4918" s="126"/>
      <c r="HZ4918" s="91"/>
      <c r="IA4918" s="91"/>
      <c r="IB4918" s="91"/>
      <c r="IC4918" s="91"/>
      <c r="ID4918" s="91"/>
      <c r="IE4918" s="91"/>
      <c r="IF4918" s="91"/>
      <c r="IG4918" s="91"/>
      <c r="IH4918" s="91"/>
      <c r="II4918" s="91"/>
      <c r="IJ4918" s="91"/>
      <c r="IK4918" s="174"/>
    </row>
    <row r="4919" spans="2:245" x14ac:dyDescent="0.2">
      <c r="B4919" s="43"/>
      <c r="C4919" s="73"/>
      <c r="D4919" s="64"/>
      <c r="E4919" s="64"/>
      <c r="F4919" s="55"/>
      <c r="G4919" s="102"/>
      <c r="H4919" s="97"/>
      <c r="T4919" s="98"/>
      <c r="U4919" s="97"/>
      <c r="AG4919" s="98"/>
      <c r="AY4919" s="164"/>
      <c r="BK4919" s="98"/>
      <c r="BL4919" s="97"/>
      <c r="BX4919" s="98"/>
      <c r="CL4919" s="97"/>
      <c r="CX4919" s="98"/>
      <c r="DL4919" s="97"/>
      <c r="DX4919" s="98"/>
      <c r="EL4919" s="97"/>
      <c r="EX4919" s="98"/>
      <c r="EY4919" s="97"/>
      <c r="FL4919" s="126"/>
      <c r="FM4919" s="91"/>
      <c r="FN4919" s="91"/>
      <c r="FO4919" s="91"/>
      <c r="FP4919" s="91"/>
      <c r="FQ4919" s="91"/>
      <c r="FR4919" s="91"/>
      <c r="FS4919" s="91"/>
      <c r="FT4919" s="91"/>
      <c r="FU4919" s="91"/>
      <c r="FV4919" s="91"/>
      <c r="FW4919" s="91"/>
      <c r="FX4919" s="127"/>
      <c r="FY4919" s="126"/>
      <c r="FZ4919" s="91"/>
      <c r="GA4919" s="91"/>
      <c r="GB4919" s="91"/>
      <c r="GC4919" s="91"/>
      <c r="GD4919" s="91"/>
      <c r="GE4919" s="91"/>
      <c r="GF4919" s="91"/>
      <c r="GG4919" s="91"/>
      <c r="GH4919" s="91"/>
      <c r="GI4919" s="91"/>
      <c r="GJ4919" s="91"/>
      <c r="GK4919" s="127"/>
      <c r="GL4919" s="126"/>
      <c r="GM4919" s="91"/>
      <c r="GN4919" s="91"/>
      <c r="GO4919" s="91"/>
      <c r="GP4919" s="91"/>
      <c r="GQ4919" s="91"/>
      <c r="GR4919" s="91"/>
      <c r="GS4919" s="91"/>
      <c r="GT4919" s="91"/>
      <c r="GU4919" s="91"/>
      <c r="GV4919" s="91"/>
      <c r="GW4919" s="91"/>
      <c r="GX4919" s="127"/>
      <c r="GY4919" s="126"/>
      <c r="GZ4919" s="91"/>
      <c r="HA4919" s="91"/>
      <c r="HB4919" s="91"/>
      <c r="HC4919" s="91"/>
      <c r="HD4919" s="91"/>
      <c r="HE4919" s="91"/>
      <c r="HF4919" s="91"/>
      <c r="HG4919" s="91"/>
      <c r="HH4919" s="91"/>
      <c r="HI4919" s="91"/>
      <c r="HJ4919" s="91"/>
      <c r="HK4919" s="127"/>
      <c r="HL4919" s="126"/>
      <c r="HM4919" s="91"/>
      <c r="HN4919" s="91"/>
      <c r="HO4919" s="91"/>
      <c r="HP4919" s="91"/>
      <c r="HQ4919" s="91"/>
      <c r="HR4919" s="91"/>
      <c r="HS4919" s="91"/>
      <c r="HT4919" s="91"/>
      <c r="HU4919" s="91"/>
      <c r="HV4919" s="91"/>
      <c r="HW4919" s="91"/>
      <c r="HX4919" s="127"/>
      <c r="HY4919" s="126"/>
      <c r="HZ4919" s="91"/>
      <c r="IA4919" s="91"/>
      <c r="IB4919" s="91"/>
      <c r="IC4919" s="91"/>
      <c r="ID4919" s="91"/>
      <c r="IE4919" s="91"/>
      <c r="IF4919" s="91"/>
      <c r="IG4919" s="91"/>
      <c r="IH4919" s="91"/>
      <c r="II4919" s="91"/>
      <c r="IJ4919" s="91"/>
      <c r="IK4919" s="174"/>
    </row>
    <row r="4920" spans="2:245" x14ac:dyDescent="0.2">
      <c r="B4920" s="43"/>
      <c r="C4920" s="73"/>
      <c r="D4920" s="64"/>
      <c r="E4920" s="64"/>
      <c r="F4920" s="55"/>
      <c r="G4920" s="102"/>
      <c r="H4920" s="97"/>
      <c r="T4920" s="98"/>
      <c r="U4920" s="97"/>
      <c r="AG4920" s="98"/>
      <c r="AY4920" s="164"/>
      <c r="BK4920" s="98"/>
      <c r="BL4920" s="97"/>
      <c r="BX4920" s="98"/>
      <c r="CL4920" s="97"/>
      <c r="CX4920" s="98"/>
      <c r="DL4920" s="97"/>
      <c r="DX4920" s="98"/>
      <c r="EL4920" s="97"/>
      <c r="EX4920" s="98"/>
      <c r="EY4920" s="97"/>
      <c r="FL4920" s="126"/>
      <c r="FM4920" s="91"/>
      <c r="FN4920" s="91"/>
      <c r="FO4920" s="91"/>
      <c r="FP4920" s="91"/>
      <c r="FQ4920" s="91"/>
      <c r="FR4920" s="91"/>
      <c r="FS4920" s="91"/>
      <c r="FT4920" s="91"/>
      <c r="FU4920" s="91"/>
      <c r="FV4920" s="91"/>
      <c r="FW4920" s="91"/>
      <c r="FX4920" s="127"/>
      <c r="FY4920" s="126"/>
      <c r="FZ4920" s="91"/>
      <c r="GA4920" s="91"/>
      <c r="GB4920" s="91"/>
      <c r="GC4920" s="91"/>
      <c r="GD4920" s="91"/>
      <c r="GE4920" s="91"/>
      <c r="GF4920" s="91"/>
      <c r="GG4920" s="91"/>
      <c r="GH4920" s="91"/>
      <c r="GI4920" s="91"/>
      <c r="GJ4920" s="91"/>
      <c r="GK4920" s="127"/>
      <c r="GL4920" s="126"/>
      <c r="GM4920" s="91"/>
      <c r="GN4920" s="91"/>
      <c r="GO4920" s="91"/>
      <c r="GP4920" s="91"/>
      <c r="GQ4920" s="91"/>
      <c r="GR4920" s="91"/>
      <c r="GS4920" s="91"/>
      <c r="GT4920" s="91"/>
      <c r="GU4920" s="91"/>
      <c r="GV4920" s="91"/>
      <c r="GW4920" s="91"/>
      <c r="GX4920" s="127"/>
      <c r="GY4920" s="126"/>
      <c r="GZ4920" s="91"/>
      <c r="HA4920" s="91"/>
      <c r="HB4920" s="91"/>
      <c r="HC4920" s="91"/>
      <c r="HD4920" s="91"/>
      <c r="HE4920" s="91"/>
      <c r="HF4920" s="91"/>
      <c r="HG4920" s="91"/>
      <c r="HH4920" s="91"/>
      <c r="HI4920" s="91"/>
      <c r="HJ4920" s="91"/>
      <c r="HK4920" s="127"/>
      <c r="HL4920" s="126"/>
      <c r="HM4920" s="91"/>
      <c r="HN4920" s="91"/>
      <c r="HO4920" s="91"/>
      <c r="HP4920" s="91"/>
      <c r="HQ4920" s="91"/>
      <c r="HR4920" s="91"/>
      <c r="HS4920" s="91"/>
      <c r="HT4920" s="91"/>
      <c r="HU4920" s="91"/>
      <c r="HV4920" s="91"/>
      <c r="HW4920" s="91"/>
      <c r="HX4920" s="127"/>
      <c r="HY4920" s="126"/>
      <c r="HZ4920" s="91"/>
      <c r="IA4920" s="91"/>
      <c r="IB4920" s="91"/>
      <c r="IC4920" s="91"/>
      <c r="ID4920" s="91"/>
      <c r="IE4920" s="91"/>
      <c r="IF4920" s="91"/>
      <c r="IG4920" s="91"/>
      <c r="IH4920" s="91"/>
      <c r="II4920" s="91"/>
      <c r="IJ4920" s="91"/>
      <c r="IK4920" s="174"/>
    </row>
    <row r="4921" spans="2:245" x14ac:dyDescent="0.2">
      <c r="B4921" s="43"/>
      <c r="C4921" s="73"/>
      <c r="D4921" s="64"/>
      <c r="E4921" s="64"/>
      <c r="F4921" s="55"/>
      <c r="G4921" s="102"/>
      <c r="H4921" s="97"/>
      <c r="T4921" s="98"/>
      <c r="U4921" s="97"/>
      <c r="AG4921" s="98"/>
      <c r="AY4921" s="164"/>
      <c r="BK4921" s="98"/>
      <c r="BL4921" s="97"/>
      <c r="BX4921" s="98"/>
      <c r="CL4921" s="97"/>
      <c r="CX4921" s="98"/>
      <c r="DL4921" s="97"/>
      <c r="DX4921" s="98"/>
      <c r="EL4921" s="97"/>
      <c r="EX4921" s="98"/>
      <c r="EY4921" s="97"/>
      <c r="FL4921" s="126"/>
      <c r="FM4921" s="91"/>
      <c r="FN4921" s="91"/>
      <c r="FO4921" s="91"/>
      <c r="FP4921" s="91"/>
      <c r="FQ4921" s="91"/>
      <c r="FR4921" s="91"/>
      <c r="FS4921" s="91"/>
      <c r="FT4921" s="91"/>
      <c r="FU4921" s="91"/>
      <c r="FV4921" s="91"/>
      <c r="FW4921" s="91"/>
      <c r="FX4921" s="127"/>
      <c r="FY4921" s="126"/>
      <c r="FZ4921" s="91"/>
      <c r="GA4921" s="91"/>
      <c r="GB4921" s="91"/>
      <c r="GC4921" s="91"/>
      <c r="GD4921" s="91"/>
      <c r="GE4921" s="91"/>
      <c r="GF4921" s="91"/>
      <c r="GG4921" s="91"/>
      <c r="GH4921" s="91"/>
      <c r="GI4921" s="91"/>
      <c r="GJ4921" s="91"/>
      <c r="GK4921" s="127"/>
      <c r="GL4921" s="126"/>
      <c r="GM4921" s="91"/>
      <c r="GN4921" s="91"/>
      <c r="GO4921" s="91"/>
      <c r="GP4921" s="91"/>
      <c r="GQ4921" s="91"/>
      <c r="GR4921" s="91"/>
      <c r="GS4921" s="91"/>
      <c r="GT4921" s="91"/>
      <c r="GU4921" s="91"/>
      <c r="GV4921" s="91"/>
      <c r="GW4921" s="91"/>
      <c r="GX4921" s="127"/>
      <c r="GY4921" s="126"/>
      <c r="GZ4921" s="91"/>
      <c r="HA4921" s="91"/>
      <c r="HB4921" s="91"/>
      <c r="HC4921" s="91"/>
      <c r="HD4921" s="91"/>
      <c r="HE4921" s="91"/>
      <c r="HF4921" s="91"/>
      <c r="HG4921" s="91"/>
      <c r="HH4921" s="91"/>
      <c r="HI4921" s="91"/>
      <c r="HJ4921" s="91"/>
      <c r="HK4921" s="127"/>
      <c r="HL4921" s="126"/>
      <c r="HM4921" s="91"/>
      <c r="HN4921" s="91"/>
      <c r="HO4921" s="91"/>
      <c r="HP4921" s="91"/>
      <c r="HQ4921" s="91"/>
      <c r="HR4921" s="91"/>
      <c r="HS4921" s="91"/>
      <c r="HT4921" s="91"/>
      <c r="HU4921" s="91"/>
      <c r="HV4921" s="91"/>
      <c r="HW4921" s="91"/>
      <c r="HX4921" s="127"/>
      <c r="HY4921" s="126"/>
      <c r="HZ4921" s="91"/>
      <c r="IA4921" s="91"/>
      <c r="IB4921" s="91"/>
      <c r="IC4921" s="91"/>
      <c r="ID4921" s="91"/>
      <c r="IE4921" s="91"/>
      <c r="IF4921" s="91"/>
      <c r="IG4921" s="91"/>
      <c r="IH4921" s="91"/>
      <c r="II4921" s="91"/>
      <c r="IJ4921" s="91"/>
      <c r="IK4921" s="174"/>
    </row>
    <row r="4922" spans="2:245" x14ac:dyDescent="0.2">
      <c r="B4922" s="43"/>
      <c r="C4922" s="73"/>
      <c r="D4922" s="64"/>
      <c r="E4922" s="64"/>
      <c r="F4922" s="55"/>
      <c r="G4922" s="102"/>
      <c r="H4922" s="97"/>
      <c r="T4922" s="98"/>
      <c r="U4922" s="97"/>
      <c r="AG4922" s="98"/>
      <c r="AY4922" s="164"/>
      <c r="BK4922" s="98"/>
      <c r="BL4922" s="97"/>
      <c r="BX4922" s="98"/>
      <c r="CL4922" s="97"/>
      <c r="CX4922" s="98"/>
      <c r="DL4922" s="97"/>
      <c r="DX4922" s="98"/>
      <c r="EL4922" s="97"/>
      <c r="EX4922" s="98"/>
      <c r="EY4922" s="97"/>
      <c r="FL4922" s="126"/>
      <c r="FM4922" s="91"/>
      <c r="FN4922" s="91"/>
      <c r="FO4922" s="91"/>
      <c r="FP4922" s="91"/>
      <c r="FQ4922" s="91"/>
      <c r="FR4922" s="91"/>
      <c r="FS4922" s="91"/>
      <c r="FT4922" s="91"/>
      <c r="FU4922" s="91"/>
      <c r="FV4922" s="91"/>
      <c r="FW4922" s="91"/>
      <c r="FX4922" s="127"/>
      <c r="FY4922" s="126"/>
      <c r="FZ4922" s="91"/>
      <c r="GA4922" s="91"/>
      <c r="GB4922" s="91"/>
      <c r="GC4922" s="91"/>
      <c r="GD4922" s="91"/>
      <c r="GE4922" s="91"/>
      <c r="GF4922" s="91"/>
      <c r="GG4922" s="91"/>
      <c r="GH4922" s="91"/>
      <c r="GI4922" s="91"/>
      <c r="GJ4922" s="91"/>
      <c r="GK4922" s="127"/>
      <c r="GL4922" s="126"/>
      <c r="GM4922" s="91"/>
      <c r="GN4922" s="91"/>
      <c r="GO4922" s="91"/>
      <c r="GP4922" s="91"/>
      <c r="GQ4922" s="91"/>
      <c r="GR4922" s="91"/>
      <c r="GS4922" s="91"/>
      <c r="GT4922" s="91"/>
      <c r="GU4922" s="91"/>
      <c r="GV4922" s="91"/>
      <c r="GW4922" s="91"/>
      <c r="GX4922" s="127"/>
      <c r="GY4922" s="126"/>
      <c r="GZ4922" s="91"/>
      <c r="HA4922" s="91"/>
      <c r="HB4922" s="91"/>
      <c r="HC4922" s="91"/>
      <c r="HD4922" s="91"/>
      <c r="HE4922" s="91"/>
      <c r="HF4922" s="91"/>
      <c r="HG4922" s="91"/>
      <c r="HH4922" s="91"/>
      <c r="HI4922" s="91"/>
      <c r="HJ4922" s="91"/>
      <c r="HK4922" s="127"/>
      <c r="HL4922" s="126"/>
      <c r="HM4922" s="91"/>
      <c r="HN4922" s="91"/>
      <c r="HO4922" s="91"/>
      <c r="HP4922" s="91"/>
      <c r="HQ4922" s="91"/>
      <c r="HR4922" s="91"/>
      <c r="HS4922" s="91"/>
      <c r="HT4922" s="91"/>
      <c r="HU4922" s="91"/>
      <c r="HV4922" s="91"/>
      <c r="HW4922" s="91"/>
      <c r="HX4922" s="127"/>
      <c r="HY4922" s="126"/>
      <c r="HZ4922" s="91"/>
      <c r="IA4922" s="91"/>
      <c r="IB4922" s="91"/>
      <c r="IC4922" s="91"/>
      <c r="ID4922" s="91"/>
      <c r="IE4922" s="91"/>
      <c r="IF4922" s="91"/>
      <c r="IG4922" s="91"/>
      <c r="IH4922" s="91"/>
      <c r="II4922" s="91"/>
      <c r="IJ4922" s="91"/>
      <c r="IK4922" s="174"/>
    </row>
    <row r="4923" spans="2:245" x14ac:dyDescent="0.2">
      <c r="B4923" s="43"/>
      <c r="C4923" s="73"/>
      <c r="D4923" s="64"/>
      <c r="E4923" s="64"/>
      <c r="F4923" s="55"/>
      <c r="G4923" s="102"/>
      <c r="H4923" s="97"/>
      <c r="T4923" s="98"/>
      <c r="U4923" s="97"/>
      <c r="AG4923" s="98"/>
      <c r="AY4923" s="164"/>
      <c r="BK4923" s="98"/>
      <c r="BL4923" s="97"/>
      <c r="BX4923" s="98"/>
      <c r="CL4923" s="97"/>
      <c r="CX4923" s="98"/>
      <c r="DL4923" s="97"/>
      <c r="DX4923" s="98"/>
      <c r="EL4923" s="97"/>
      <c r="EX4923" s="98"/>
      <c r="EY4923" s="97"/>
      <c r="FL4923" s="126"/>
      <c r="FM4923" s="91"/>
      <c r="FN4923" s="91"/>
      <c r="FO4923" s="91"/>
      <c r="FP4923" s="91"/>
      <c r="FQ4923" s="91"/>
      <c r="FR4923" s="91"/>
      <c r="FS4923" s="91"/>
      <c r="FT4923" s="91"/>
      <c r="FU4923" s="91"/>
      <c r="FV4923" s="91"/>
      <c r="FW4923" s="91"/>
      <c r="FX4923" s="127"/>
      <c r="FY4923" s="126"/>
      <c r="FZ4923" s="91"/>
      <c r="GA4923" s="91"/>
      <c r="GB4923" s="91"/>
      <c r="GC4923" s="91"/>
      <c r="GD4923" s="91"/>
      <c r="GE4923" s="91"/>
      <c r="GF4923" s="91"/>
      <c r="GG4923" s="91"/>
      <c r="GH4923" s="91"/>
      <c r="GI4923" s="91"/>
      <c r="GJ4923" s="91"/>
      <c r="GK4923" s="127"/>
      <c r="GL4923" s="126"/>
      <c r="GM4923" s="91"/>
      <c r="GN4923" s="91"/>
      <c r="GO4923" s="91"/>
      <c r="GP4923" s="91"/>
      <c r="GQ4923" s="91"/>
      <c r="GR4923" s="91"/>
      <c r="GS4923" s="91"/>
      <c r="GT4923" s="91"/>
      <c r="GU4923" s="91"/>
      <c r="GV4923" s="91"/>
      <c r="GW4923" s="91"/>
      <c r="GX4923" s="127"/>
      <c r="GY4923" s="126"/>
      <c r="GZ4923" s="91"/>
      <c r="HA4923" s="91"/>
      <c r="HB4923" s="91"/>
      <c r="HC4923" s="91"/>
      <c r="HD4923" s="91"/>
      <c r="HE4923" s="91"/>
      <c r="HF4923" s="91"/>
      <c r="HG4923" s="91"/>
      <c r="HH4923" s="91"/>
      <c r="HI4923" s="91"/>
      <c r="HJ4923" s="91"/>
      <c r="HK4923" s="127"/>
      <c r="HL4923" s="126"/>
      <c r="HM4923" s="91"/>
      <c r="HN4923" s="91"/>
      <c r="HO4923" s="91"/>
      <c r="HP4923" s="91"/>
      <c r="HQ4923" s="91"/>
      <c r="HR4923" s="91"/>
      <c r="HS4923" s="91"/>
      <c r="HT4923" s="91"/>
      <c r="HU4923" s="91"/>
      <c r="HV4923" s="91"/>
      <c r="HW4923" s="91"/>
      <c r="HX4923" s="127"/>
      <c r="HY4923" s="126"/>
      <c r="HZ4923" s="91"/>
      <c r="IA4923" s="91"/>
      <c r="IB4923" s="91"/>
      <c r="IC4923" s="91"/>
      <c r="ID4923" s="91"/>
      <c r="IE4923" s="91"/>
      <c r="IF4923" s="91"/>
      <c r="IG4923" s="91"/>
      <c r="IH4923" s="91"/>
      <c r="II4923" s="91"/>
      <c r="IJ4923" s="91"/>
      <c r="IK4923" s="174"/>
    </row>
    <row r="4924" spans="2:245" x14ac:dyDescent="0.2">
      <c r="B4924" s="43"/>
      <c r="C4924" s="73"/>
      <c r="D4924" s="64"/>
      <c r="E4924" s="64"/>
      <c r="F4924" s="55"/>
      <c r="G4924" s="102"/>
      <c r="H4924" s="97"/>
      <c r="T4924" s="98"/>
      <c r="U4924" s="97"/>
      <c r="AG4924" s="98"/>
      <c r="AY4924" s="164"/>
      <c r="BK4924" s="98"/>
      <c r="BL4924" s="97"/>
      <c r="BX4924" s="98"/>
      <c r="CL4924" s="97"/>
      <c r="CX4924" s="98"/>
      <c r="DL4924" s="97"/>
      <c r="DX4924" s="98"/>
      <c r="EL4924" s="97"/>
      <c r="EX4924" s="98"/>
      <c r="EY4924" s="97"/>
      <c r="FL4924" s="126"/>
      <c r="FM4924" s="91"/>
      <c r="FN4924" s="91"/>
      <c r="FO4924" s="91"/>
      <c r="FP4924" s="91"/>
      <c r="FQ4924" s="91"/>
      <c r="FR4924" s="91"/>
      <c r="FS4924" s="91"/>
      <c r="FT4924" s="91"/>
      <c r="FU4924" s="91"/>
      <c r="FV4924" s="91"/>
      <c r="FW4924" s="91"/>
      <c r="FX4924" s="127"/>
      <c r="FY4924" s="126"/>
      <c r="FZ4924" s="91"/>
      <c r="GA4924" s="91"/>
      <c r="GB4924" s="91"/>
      <c r="GC4924" s="91"/>
      <c r="GD4924" s="91"/>
      <c r="GE4924" s="91"/>
      <c r="GF4924" s="91"/>
      <c r="GG4924" s="91"/>
      <c r="GH4924" s="91"/>
      <c r="GI4924" s="91"/>
      <c r="GJ4924" s="91"/>
      <c r="GK4924" s="127"/>
      <c r="GL4924" s="126"/>
      <c r="GM4924" s="91"/>
      <c r="GN4924" s="91"/>
      <c r="GO4924" s="91"/>
      <c r="GP4924" s="91"/>
      <c r="GQ4924" s="91"/>
      <c r="GR4924" s="91"/>
      <c r="GS4924" s="91"/>
      <c r="GT4924" s="91"/>
      <c r="GU4924" s="91"/>
      <c r="GV4924" s="91"/>
      <c r="GW4924" s="91"/>
      <c r="GX4924" s="127"/>
      <c r="GY4924" s="126"/>
      <c r="GZ4924" s="91"/>
      <c r="HA4924" s="91"/>
      <c r="HB4924" s="91"/>
      <c r="HC4924" s="91"/>
      <c r="HD4924" s="91"/>
      <c r="HE4924" s="91"/>
      <c r="HF4924" s="91"/>
      <c r="HG4924" s="91"/>
      <c r="HH4924" s="91"/>
      <c r="HI4924" s="91"/>
      <c r="HJ4924" s="91"/>
      <c r="HK4924" s="127"/>
      <c r="HL4924" s="126"/>
      <c r="HM4924" s="91"/>
      <c r="HN4924" s="91"/>
      <c r="HO4924" s="91"/>
      <c r="HP4924" s="91"/>
      <c r="HQ4924" s="91"/>
      <c r="HR4924" s="91"/>
      <c r="HS4924" s="91"/>
      <c r="HT4924" s="91"/>
      <c r="HU4924" s="91"/>
      <c r="HV4924" s="91"/>
      <c r="HW4924" s="91"/>
      <c r="HX4924" s="127"/>
      <c r="HY4924" s="126"/>
      <c r="HZ4924" s="91"/>
      <c r="IA4924" s="91"/>
      <c r="IB4924" s="91"/>
      <c r="IC4924" s="91"/>
      <c r="ID4924" s="91"/>
      <c r="IE4924" s="91"/>
      <c r="IF4924" s="91"/>
      <c r="IG4924" s="91"/>
      <c r="IH4924" s="91"/>
      <c r="II4924" s="91"/>
      <c r="IJ4924" s="91"/>
      <c r="IK4924" s="174"/>
    </row>
    <row r="4925" spans="2:245" x14ac:dyDescent="0.2">
      <c r="B4925" s="43"/>
      <c r="C4925" s="73"/>
      <c r="D4925" s="64"/>
      <c r="E4925" s="64"/>
      <c r="F4925" s="55"/>
      <c r="G4925" s="102"/>
      <c r="H4925" s="97"/>
      <c r="T4925" s="98"/>
      <c r="U4925" s="97"/>
      <c r="AG4925" s="98"/>
      <c r="AY4925" s="164"/>
      <c r="BK4925" s="98"/>
      <c r="BL4925" s="97"/>
      <c r="BX4925" s="98"/>
      <c r="CL4925" s="97"/>
      <c r="CX4925" s="98"/>
      <c r="DL4925" s="97"/>
      <c r="DX4925" s="98"/>
      <c r="EL4925" s="97"/>
      <c r="EX4925" s="98"/>
      <c r="EY4925" s="97"/>
      <c r="FL4925" s="126"/>
      <c r="FM4925" s="91"/>
      <c r="FN4925" s="91"/>
      <c r="FO4925" s="91"/>
      <c r="FP4925" s="91"/>
      <c r="FQ4925" s="91"/>
      <c r="FR4925" s="91"/>
      <c r="FS4925" s="91"/>
      <c r="FT4925" s="91"/>
      <c r="FU4925" s="91"/>
      <c r="FV4925" s="91"/>
      <c r="FW4925" s="91"/>
      <c r="FX4925" s="127"/>
      <c r="FY4925" s="126"/>
      <c r="FZ4925" s="91"/>
      <c r="GA4925" s="91"/>
      <c r="GB4925" s="91"/>
      <c r="GC4925" s="91"/>
      <c r="GD4925" s="91"/>
      <c r="GE4925" s="91"/>
      <c r="GF4925" s="91"/>
      <c r="GG4925" s="91"/>
      <c r="GH4925" s="91"/>
      <c r="GI4925" s="91"/>
      <c r="GJ4925" s="91"/>
      <c r="GK4925" s="127"/>
      <c r="GL4925" s="126"/>
      <c r="GM4925" s="91"/>
      <c r="GN4925" s="91"/>
      <c r="GO4925" s="91"/>
      <c r="GP4925" s="91"/>
      <c r="GQ4925" s="91"/>
      <c r="GR4925" s="91"/>
      <c r="GS4925" s="91"/>
      <c r="GT4925" s="91"/>
      <c r="GU4925" s="91"/>
      <c r="GV4925" s="91"/>
      <c r="GW4925" s="91"/>
      <c r="GX4925" s="127"/>
      <c r="GY4925" s="126"/>
      <c r="GZ4925" s="91"/>
      <c r="HA4925" s="91"/>
      <c r="HB4925" s="91"/>
      <c r="HC4925" s="91"/>
      <c r="HD4925" s="91"/>
      <c r="HE4925" s="91"/>
      <c r="HF4925" s="91"/>
      <c r="HG4925" s="91"/>
      <c r="HH4925" s="91"/>
      <c r="HI4925" s="91"/>
      <c r="HJ4925" s="91"/>
      <c r="HK4925" s="127"/>
      <c r="HL4925" s="126"/>
      <c r="HM4925" s="91"/>
      <c r="HN4925" s="91"/>
      <c r="HO4925" s="91"/>
      <c r="HP4925" s="91"/>
      <c r="HQ4925" s="91"/>
      <c r="HR4925" s="91"/>
      <c r="HS4925" s="91"/>
      <c r="HT4925" s="91"/>
      <c r="HU4925" s="91"/>
      <c r="HV4925" s="91"/>
      <c r="HW4925" s="91"/>
      <c r="HX4925" s="127"/>
      <c r="HY4925" s="126"/>
      <c r="HZ4925" s="91"/>
      <c r="IA4925" s="91"/>
      <c r="IB4925" s="91"/>
      <c r="IC4925" s="91"/>
      <c r="ID4925" s="91"/>
      <c r="IE4925" s="91"/>
      <c r="IF4925" s="91"/>
      <c r="IG4925" s="91"/>
      <c r="IH4925" s="91"/>
      <c r="II4925" s="91"/>
      <c r="IJ4925" s="91"/>
      <c r="IK4925" s="174"/>
    </row>
    <row r="4926" spans="2:245" x14ac:dyDescent="0.2">
      <c r="B4926" s="43"/>
      <c r="C4926" s="73"/>
      <c r="D4926" s="64"/>
      <c r="E4926" s="64"/>
      <c r="F4926" s="55"/>
      <c r="G4926" s="102"/>
      <c r="H4926" s="97"/>
      <c r="T4926" s="98"/>
      <c r="U4926" s="97"/>
      <c r="AG4926" s="98"/>
      <c r="AY4926" s="164"/>
      <c r="BK4926" s="98"/>
      <c r="BL4926" s="97"/>
      <c r="BX4926" s="98"/>
      <c r="CL4926" s="97"/>
      <c r="CX4926" s="98"/>
      <c r="DL4926" s="97"/>
      <c r="DX4926" s="98"/>
      <c r="EL4926" s="97"/>
      <c r="EX4926" s="98"/>
      <c r="EY4926" s="97"/>
      <c r="FL4926" s="126"/>
      <c r="FM4926" s="91"/>
      <c r="FN4926" s="91"/>
      <c r="FO4926" s="91"/>
      <c r="FP4926" s="91"/>
      <c r="FQ4926" s="91"/>
      <c r="FR4926" s="91"/>
      <c r="FS4926" s="91"/>
      <c r="FT4926" s="91"/>
      <c r="FU4926" s="91"/>
      <c r="FV4926" s="91"/>
      <c r="FW4926" s="91"/>
      <c r="FX4926" s="127"/>
      <c r="FY4926" s="126"/>
      <c r="FZ4926" s="91"/>
      <c r="GA4926" s="91"/>
      <c r="GB4926" s="91"/>
      <c r="GC4926" s="91"/>
      <c r="GD4926" s="91"/>
      <c r="GE4926" s="91"/>
      <c r="GF4926" s="91"/>
      <c r="GG4926" s="91"/>
      <c r="GH4926" s="91"/>
      <c r="GI4926" s="91"/>
      <c r="GJ4926" s="91"/>
      <c r="GK4926" s="127"/>
      <c r="GL4926" s="126"/>
      <c r="GM4926" s="91"/>
      <c r="GN4926" s="91"/>
      <c r="GO4926" s="91"/>
      <c r="GP4926" s="91"/>
      <c r="GQ4926" s="91"/>
      <c r="GR4926" s="91"/>
      <c r="GS4926" s="91"/>
      <c r="GT4926" s="91"/>
      <c r="GU4926" s="91"/>
      <c r="GV4926" s="91"/>
      <c r="GW4926" s="91"/>
      <c r="GX4926" s="127"/>
      <c r="GY4926" s="126"/>
      <c r="GZ4926" s="91"/>
      <c r="HA4926" s="91"/>
      <c r="HB4926" s="91"/>
      <c r="HC4926" s="91"/>
      <c r="HD4926" s="91"/>
      <c r="HE4926" s="91"/>
      <c r="HF4926" s="91"/>
      <c r="HG4926" s="91"/>
      <c r="HH4926" s="91"/>
      <c r="HI4926" s="91"/>
      <c r="HJ4926" s="91"/>
      <c r="HK4926" s="127"/>
      <c r="HL4926" s="126"/>
      <c r="HM4926" s="91"/>
      <c r="HN4926" s="91"/>
      <c r="HO4926" s="91"/>
      <c r="HP4926" s="91"/>
      <c r="HQ4926" s="91"/>
      <c r="HR4926" s="91"/>
      <c r="HS4926" s="91"/>
      <c r="HT4926" s="91"/>
      <c r="HU4926" s="91"/>
      <c r="HV4926" s="91"/>
      <c r="HW4926" s="91"/>
      <c r="HX4926" s="127"/>
      <c r="HY4926" s="126"/>
      <c r="HZ4926" s="91"/>
      <c r="IA4926" s="91"/>
      <c r="IB4926" s="91"/>
      <c r="IC4926" s="91"/>
      <c r="ID4926" s="91"/>
      <c r="IE4926" s="91"/>
      <c r="IF4926" s="91"/>
      <c r="IG4926" s="91"/>
      <c r="IH4926" s="91"/>
      <c r="II4926" s="91"/>
      <c r="IJ4926" s="91"/>
      <c r="IK4926" s="174"/>
    </row>
    <row r="4927" spans="2:245" x14ac:dyDescent="0.2">
      <c r="B4927" s="43"/>
      <c r="C4927" s="73"/>
      <c r="D4927" s="64"/>
      <c r="E4927" s="64"/>
      <c r="F4927" s="55"/>
      <c r="G4927" s="102"/>
      <c r="H4927" s="97"/>
      <c r="T4927" s="98"/>
      <c r="U4927" s="97"/>
      <c r="AG4927" s="98"/>
      <c r="AY4927" s="164"/>
      <c r="BK4927" s="98"/>
      <c r="BL4927" s="97"/>
      <c r="BX4927" s="98"/>
      <c r="CL4927" s="97"/>
      <c r="CX4927" s="98"/>
      <c r="DL4927" s="97"/>
      <c r="DX4927" s="98"/>
      <c r="EL4927" s="97"/>
      <c r="EX4927" s="98"/>
      <c r="EY4927" s="97"/>
      <c r="FL4927" s="126"/>
      <c r="FM4927" s="91"/>
      <c r="FN4927" s="91"/>
      <c r="FO4927" s="91"/>
      <c r="FP4927" s="91"/>
      <c r="FQ4927" s="91"/>
      <c r="FR4927" s="91"/>
      <c r="FS4927" s="91"/>
      <c r="FT4927" s="91"/>
      <c r="FU4927" s="91"/>
      <c r="FV4927" s="91"/>
      <c r="FW4927" s="91"/>
      <c r="FX4927" s="127"/>
      <c r="FY4927" s="126"/>
      <c r="FZ4927" s="91"/>
      <c r="GA4927" s="91"/>
      <c r="GB4927" s="91"/>
      <c r="GC4927" s="91"/>
      <c r="GD4927" s="91"/>
      <c r="GE4927" s="91"/>
      <c r="GF4927" s="91"/>
      <c r="GG4927" s="91"/>
      <c r="GH4927" s="91"/>
      <c r="GI4927" s="91"/>
      <c r="GJ4927" s="91"/>
      <c r="GK4927" s="127"/>
      <c r="GL4927" s="126"/>
      <c r="GM4927" s="91"/>
      <c r="GN4927" s="91"/>
      <c r="GO4927" s="91"/>
      <c r="GP4927" s="91"/>
      <c r="GQ4927" s="91"/>
      <c r="GR4927" s="91"/>
      <c r="GS4927" s="91"/>
      <c r="GT4927" s="91"/>
      <c r="GU4927" s="91"/>
      <c r="GV4927" s="91"/>
      <c r="GW4927" s="91"/>
      <c r="GX4927" s="127"/>
      <c r="GY4927" s="126"/>
      <c r="GZ4927" s="91"/>
      <c r="HA4927" s="91"/>
      <c r="HB4927" s="91"/>
      <c r="HC4927" s="91"/>
      <c r="HD4927" s="91"/>
      <c r="HE4927" s="91"/>
      <c r="HF4927" s="91"/>
      <c r="HG4927" s="91"/>
      <c r="HH4927" s="91"/>
      <c r="HI4927" s="91"/>
      <c r="HJ4927" s="91"/>
      <c r="HK4927" s="127"/>
      <c r="HL4927" s="126"/>
      <c r="HM4927" s="91"/>
      <c r="HN4927" s="91"/>
      <c r="HO4927" s="91"/>
      <c r="HP4927" s="91"/>
      <c r="HQ4927" s="91"/>
      <c r="HR4927" s="91"/>
      <c r="HS4927" s="91"/>
      <c r="HT4927" s="91"/>
      <c r="HU4927" s="91"/>
      <c r="HV4927" s="91"/>
      <c r="HW4927" s="91"/>
      <c r="HX4927" s="127"/>
      <c r="HY4927" s="126"/>
      <c r="HZ4927" s="91"/>
      <c r="IA4927" s="91"/>
      <c r="IB4927" s="91"/>
      <c r="IC4927" s="91"/>
      <c r="ID4927" s="91"/>
      <c r="IE4927" s="91"/>
      <c r="IF4927" s="91"/>
      <c r="IG4927" s="91"/>
      <c r="IH4927" s="91"/>
      <c r="II4927" s="91"/>
      <c r="IJ4927" s="91"/>
      <c r="IK4927" s="174"/>
    </row>
    <row r="4928" spans="2:245" x14ac:dyDescent="0.2">
      <c r="B4928" s="43"/>
      <c r="C4928" s="73"/>
      <c r="D4928" s="64"/>
      <c r="E4928" s="64"/>
      <c r="F4928" s="55"/>
      <c r="G4928" s="102"/>
      <c r="H4928" s="97"/>
      <c r="T4928" s="98"/>
      <c r="U4928" s="97"/>
      <c r="AG4928" s="98"/>
      <c r="AY4928" s="164"/>
      <c r="BK4928" s="98"/>
      <c r="BL4928" s="97"/>
      <c r="BX4928" s="98"/>
      <c r="CL4928" s="97"/>
      <c r="CX4928" s="98"/>
      <c r="DL4928" s="97"/>
      <c r="DX4928" s="98"/>
      <c r="EL4928" s="97"/>
      <c r="EX4928" s="98"/>
      <c r="EY4928" s="97"/>
      <c r="FL4928" s="126"/>
      <c r="FM4928" s="91"/>
      <c r="FN4928" s="91"/>
      <c r="FO4928" s="91"/>
      <c r="FP4928" s="91"/>
      <c r="FQ4928" s="91"/>
      <c r="FR4928" s="91"/>
      <c r="FS4928" s="91"/>
      <c r="FT4928" s="91"/>
      <c r="FU4928" s="91"/>
      <c r="FV4928" s="91"/>
      <c r="FW4928" s="91"/>
      <c r="FX4928" s="127"/>
      <c r="FY4928" s="126"/>
      <c r="FZ4928" s="91"/>
      <c r="GA4928" s="91"/>
      <c r="GB4928" s="91"/>
      <c r="GC4928" s="91"/>
      <c r="GD4928" s="91"/>
      <c r="GE4928" s="91"/>
      <c r="GF4928" s="91"/>
      <c r="GG4928" s="91"/>
      <c r="GH4928" s="91"/>
      <c r="GI4928" s="91"/>
      <c r="GJ4928" s="91"/>
      <c r="GK4928" s="127"/>
      <c r="GL4928" s="126"/>
      <c r="GM4928" s="91"/>
      <c r="GN4928" s="91"/>
      <c r="GO4928" s="91"/>
      <c r="GP4928" s="91"/>
      <c r="GQ4928" s="91"/>
      <c r="GR4928" s="91"/>
      <c r="GS4928" s="91"/>
      <c r="GT4928" s="91"/>
      <c r="GU4928" s="91"/>
      <c r="GV4928" s="91"/>
      <c r="GW4928" s="91"/>
      <c r="GX4928" s="127"/>
      <c r="GY4928" s="126"/>
      <c r="GZ4928" s="91"/>
      <c r="HA4928" s="91"/>
      <c r="HB4928" s="91"/>
      <c r="HC4928" s="91"/>
      <c r="HD4928" s="91"/>
      <c r="HE4928" s="91"/>
      <c r="HF4928" s="91"/>
      <c r="HG4928" s="91"/>
      <c r="HH4928" s="91"/>
      <c r="HI4928" s="91"/>
      <c r="HJ4928" s="91"/>
      <c r="HK4928" s="127"/>
      <c r="HL4928" s="126"/>
      <c r="HM4928" s="91"/>
      <c r="HN4928" s="91"/>
      <c r="HO4928" s="91"/>
      <c r="HP4928" s="91"/>
      <c r="HQ4928" s="91"/>
      <c r="HR4928" s="91"/>
      <c r="HS4928" s="91"/>
      <c r="HT4928" s="91"/>
      <c r="HU4928" s="91"/>
      <c r="HV4928" s="91"/>
      <c r="HW4928" s="91"/>
      <c r="HX4928" s="127"/>
      <c r="HY4928" s="126"/>
      <c r="HZ4928" s="91"/>
      <c r="IA4928" s="91"/>
      <c r="IB4928" s="91"/>
      <c r="IC4928" s="91"/>
      <c r="ID4928" s="91"/>
      <c r="IE4928" s="91"/>
      <c r="IF4928" s="91"/>
      <c r="IG4928" s="91"/>
      <c r="IH4928" s="91"/>
      <c r="II4928" s="91"/>
      <c r="IJ4928" s="91"/>
      <c r="IK4928" s="174"/>
    </row>
    <row r="4929" spans="2:245" x14ac:dyDescent="0.2">
      <c r="B4929" s="43"/>
      <c r="C4929" s="73"/>
      <c r="D4929" s="64"/>
      <c r="E4929" s="64"/>
      <c r="F4929" s="55"/>
      <c r="G4929" s="102"/>
      <c r="H4929" s="97"/>
      <c r="T4929" s="98"/>
      <c r="U4929" s="97"/>
      <c r="AG4929" s="98"/>
      <c r="AY4929" s="164"/>
      <c r="BK4929" s="98"/>
      <c r="BL4929" s="97"/>
      <c r="BX4929" s="98"/>
      <c r="CL4929" s="97"/>
      <c r="CX4929" s="98"/>
      <c r="DL4929" s="97"/>
      <c r="DX4929" s="98"/>
      <c r="EL4929" s="97"/>
      <c r="EX4929" s="98"/>
      <c r="EY4929" s="97"/>
      <c r="FL4929" s="126"/>
      <c r="FM4929" s="91"/>
      <c r="FN4929" s="91"/>
      <c r="FO4929" s="91"/>
      <c r="FP4929" s="91"/>
      <c r="FQ4929" s="91"/>
      <c r="FR4929" s="91"/>
      <c r="FS4929" s="91"/>
      <c r="FT4929" s="91"/>
      <c r="FU4929" s="91"/>
      <c r="FV4929" s="91"/>
      <c r="FW4929" s="91"/>
      <c r="FX4929" s="127"/>
      <c r="FY4929" s="126"/>
      <c r="FZ4929" s="91"/>
      <c r="GA4929" s="91"/>
      <c r="GB4929" s="91"/>
      <c r="GC4929" s="91"/>
      <c r="GD4929" s="91"/>
      <c r="GE4929" s="91"/>
      <c r="GF4929" s="91"/>
      <c r="GG4929" s="91"/>
      <c r="GH4929" s="91"/>
      <c r="GI4929" s="91"/>
      <c r="GJ4929" s="91"/>
      <c r="GK4929" s="127"/>
      <c r="GL4929" s="126"/>
      <c r="GM4929" s="91"/>
      <c r="GN4929" s="91"/>
      <c r="GO4929" s="91"/>
      <c r="GP4929" s="91"/>
      <c r="GQ4929" s="91"/>
      <c r="GR4929" s="91"/>
      <c r="GS4929" s="91"/>
      <c r="GT4929" s="91"/>
      <c r="GU4929" s="91"/>
      <c r="GV4929" s="91"/>
      <c r="GW4929" s="91"/>
      <c r="GX4929" s="127"/>
      <c r="GY4929" s="126"/>
      <c r="GZ4929" s="91"/>
      <c r="HA4929" s="91"/>
      <c r="HB4929" s="91"/>
      <c r="HC4929" s="91"/>
      <c r="HD4929" s="91"/>
      <c r="HE4929" s="91"/>
      <c r="HF4929" s="91"/>
      <c r="HG4929" s="91"/>
      <c r="HH4929" s="91"/>
      <c r="HI4929" s="91"/>
      <c r="HJ4929" s="91"/>
      <c r="HK4929" s="127"/>
      <c r="HL4929" s="126"/>
      <c r="HM4929" s="91"/>
      <c r="HN4929" s="91"/>
      <c r="HO4929" s="91"/>
      <c r="HP4929" s="91"/>
      <c r="HQ4929" s="91"/>
      <c r="HR4929" s="91"/>
      <c r="HS4929" s="91"/>
      <c r="HT4929" s="91"/>
      <c r="HU4929" s="91"/>
      <c r="HV4929" s="91"/>
      <c r="HW4929" s="91"/>
      <c r="HX4929" s="127"/>
      <c r="HY4929" s="126"/>
      <c r="HZ4929" s="91"/>
      <c r="IA4929" s="91"/>
      <c r="IB4929" s="91"/>
      <c r="IC4929" s="91"/>
      <c r="ID4929" s="91"/>
      <c r="IE4929" s="91"/>
      <c r="IF4929" s="91"/>
      <c r="IG4929" s="91"/>
      <c r="IH4929" s="91"/>
      <c r="II4929" s="91"/>
      <c r="IJ4929" s="91"/>
      <c r="IK4929" s="174"/>
    </row>
    <row r="4930" spans="2:245" x14ac:dyDescent="0.2">
      <c r="B4930" s="43"/>
      <c r="C4930" s="73"/>
      <c r="D4930" s="64"/>
      <c r="E4930" s="64"/>
      <c r="F4930" s="55"/>
      <c r="G4930" s="102"/>
      <c r="H4930" s="97"/>
      <c r="T4930" s="98"/>
      <c r="U4930" s="97"/>
      <c r="AG4930" s="98"/>
      <c r="AY4930" s="164"/>
      <c r="BK4930" s="98"/>
      <c r="BL4930" s="97"/>
      <c r="BX4930" s="98"/>
      <c r="CL4930" s="97"/>
      <c r="CX4930" s="98"/>
      <c r="DL4930" s="97"/>
      <c r="DX4930" s="98"/>
      <c r="EL4930" s="97"/>
      <c r="EX4930" s="98"/>
      <c r="EY4930" s="97"/>
      <c r="FL4930" s="126"/>
      <c r="FM4930" s="91"/>
      <c r="FN4930" s="91"/>
      <c r="FO4930" s="91"/>
      <c r="FP4930" s="91"/>
      <c r="FQ4930" s="91"/>
      <c r="FR4930" s="91"/>
      <c r="FS4930" s="91"/>
      <c r="FT4930" s="91"/>
      <c r="FU4930" s="91"/>
      <c r="FV4930" s="91"/>
      <c r="FW4930" s="91"/>
      <c r="FX4930" s="127"/>
      <c r="FY4930" s="126"/>
      <c r="FZ4930" s="91"/>
      <c r="GA4930" s="91"/>
      <c r="GB4930" s="91"/>
      <c r="GC4930" s="91"/>
      <c r="GD4930" s="91"/>
      <c r="GE4930" s="91"/>
      <c r="GF4930" s="91"/>
      <c r="GG4930" s="91"/>
      <c r="GH4930" s="91"/>
      <c r="GI4930" s="91"/>
      <c r="GJ4930" s="91"/>
      <c r="GK4930" s="127"/>
      <c r="GL4930" s="126"/>
      <c r="GM4930" s="91"/>
      <c r="GN4930" s="91"/>
      <c r="GO4930" s="91"/>
      <c r="GP4930" s="91"/>
      <c r="GQ4930" s="91"/>
      <c r="GR4930" s="91"/>
      <c r="GS4930" s="91"/>
      <c r="GT4930" s="91"/>
      <c r="GU4930" s="91"/>
      <c r="GV4930" s="91"/>
      <c r="GW4930" s="91"/>
      <c r="GX4930" s="127"/>
      <c r="GY4930" s="126"/>
      <c r="GZ4930" s="91"/>
      <c r="HA4930" s="91"/>
      <c r="HB4930" s="91"/>
      <c r="HC4930" s="91"/>
      <c r="HD4930" s="91"/>
      <c r="HE4930" s="91"/>
      <c r="HF4930" s="91"/>
      <c r="HG4930" s="91"/>
      <c r="HH4930" s="91"/>
      <c r="HI4930" s="91"/>
      <c r="HJ4930" s="91"/>
      <c r="HK4930" s="127"/>
      <c r="HL4930" s="126"/>
      <c r="HM4930" s="91"/>
      <c r="HN4930" s="91"/>
      <c r="HO4930" s="91"/>
      <c r="HP4930" s="91"/>
      <c r="HQ4930" s="91"/>
      <c r="HR4930" s="91"/>
      <c r="HS4930" s="91"/>
      <c r="HT4930" s="91"/>
      <c r="HU4930" s="91"/>
      <c r="HV4930" s="91"/>
      <c r="HW4930" s="91"/>
      <c r="HX4930" s="127"/>
      <c r="HY4930" s="126"/>
      <c r="HZ4930" s="91"/>
      <c r="IA4930" s="91"/>
      <c r="IB4930" s="91"/>
      <c r="IC4930" s="91"/>
      <c r="ID4930" s="91"/>
      <c r="IE4930" s="91"/>
      <c r="IF4930" s="91"/>
      <c r="IG4930" s="91"/>
      <c r="IH4930" s="91"/>
      <c r="II4930" s="91"/>
      <c r="IJ4930" s="91"/>
      <c r="IK4930" s="174"/>
    </row>
    <row r="4931" spans="2:245" x14ac:dyDescent="0.2">
      <c r="B4931" s="43"/>
      <c r="C4931" s="73"/>
      <c r="D4931" s="64"/>
      <c r="E4931" s="64"/>
      <c r="F4931" s="55"/>
      <c r="G4931" s="102"/>
      <c r="H4931" s="97"/>
      <c r="T4931" s="98"/>
      <c r="U4931" s="97"/>
      <c r="AG4931" s="98"/>
      <c r="AY4931" s="164"/>
      <c r="BK4931" s="98"/>
      <c r="BL4931" s="97"/>
      <c r="BX4931" s="98"/>
      <c r="CL4931" s="97"/>
      <c r="CX4931" s="98"/>
      <c r="DL4931" s="97"/>
      <c r="DX4931" s="98"/>
      <c r="EL4931" s="97"/>
      <c r="EX4931" s="98"/>
      <c r="EY4931" s="97"/>
      <c r="FL4931" s="126"/>
      <c r="FM4931" s="91"/>
      <c r="FN4931" s="91"/>
      <c r="FO4931" s="91"/>
      <c r="FP4931" s="91"/>
      <c r="FQ4931" s="91"/>
      <c r="FR4931" s="91"/>
      <c r="FS4931" s="91"/>
      <c r="FT4931" s="91"/>
      <c r="FU4931" s="91"/>
      <c r="FV4931" s="91"/>
      <c r="FW4931" s="91"/>
      <c r="FX4931" s="127"/>
      <c r="FY4931" s="126"/>
      <c r="FZ4931" s="91"/>
      <c r="GA4931" s="91"/>
      <c r="GB4931" s="91"/>
      <c r="GC4931" s="91"/>
      <c r="GD4931" s="91"/>
      <c r="GE4931" s="91"/>
      <c r="GF4931" s="91"/>
      <c r="GG4931" s="91"/>
      <c r="GH4931" s="91"/>
      <c r="GI4931" s="91"/>
      <c r="GJ4931" s="91"/>
      <c r="GK4931" s="127"/>
      <c r="GL4931" s="126"/>
      <c r="GM4931" s="91"/>
      <c r="GN4931" s="91"/>
      <c r="GO4931" s="91"/>
      <c r="GP4931" s="91"/>
      <c r="GQ4931" s="91"/>
      <c r="GR4931" s="91"/>
      <c r="GS4931" s="91"/>
      <c r="GT4931" s="91"/>
      <c r="GU4931" s="91"/>
      <c r="GV4931" s="91"/>
      <c r="GW4931" s="91"/>
      <c r="GX4931" s="127"/>
      <c r="GY4931" s="126"/>
      <c r="GZ4931" s="91"/>
      <c r="HA4931" s="91"/>
      <c r="HB4931" s="91"/>
      <c r="HC4931" s="91"/>
      <c r="HD4931" s="91"/>
      <c r="HE4931" s="91"/>
      <c r="HF4931" s="91"/>
      <c r="HG4931" s="91"/>
      <c r="HH4931" s="91"/>
      <c r="HI4931" s="91"/>
      <c r="HJ4931" s="91"/>
      <c r="HK4931" s="127"/>
      <c r="HL4931" s="126"/>
      <c r="HM4931" s="91"/>
      <c r="HN4931" s="91"/>
      <c r="HO4931" s="91"/>
      <c r="HP4931" s="91"/>
      <c r="HQ4931" s="91"/>
      <c r="HR4931" s="91"/>
      <c r="HS4931" s="91"/>
      <c r="HT4931" s="91"/>
      <c r="HU4931" s="91"/>
      <c r="HV4931" s="91"/>
      <c r="HW4931" s="91"/>
      <c r="HX4931" s="127"/>
      <c r="HY4931" s="126"/>
      <c r="HZ4931" s="91"/>
      <c r="IA4931" s="91"/>
      <c r="IB4931" s="91"/>
      <c r="IC4931" s="91"/>
      <c r="ID4931" s="91"/>
      <c r="IE4931" s="91"/>
      <c r="IF4931" s="91"/>
      <c r="IG4931" s="91"/>
      <c r="IH4931" s="91"/>
      <c r="II4931" s="91"/>
      <c r="IJ4931" s="91"/>
      <c r="IK4931" s="174"/>
    </row>
    <row r="4932" spans="2:245" x14ac:dyDescent="0.2">
      <c r="B4932" s="43"/>
      <c r="C4932" s="73"/>
      <c r="D4932" s="64"/>
      <c r="E4932" s="64"/>
      <c r="F4932" s="55"/>
      <c r="G4932" s="102"/>
      <c r="H4932" s="97"/>
      <c r="T4932" s="98"/>
      <c r="U4932" s="97"/>
      <c r="AG4932" s="98"/>
      <c r="AY4932" s="164"/>
      <c r="BK4932" s="98"/>
      <c r="BL4932" s="97"/>
      <c r="BX4932" s="98"/>
      <c r="CL4932" s="97"/>
      <c r="CX4932" s="98"/>
      <c r="DL4932" s="97"/>
      <c r="DX4932" s="98"/>
      <c r="EL4932" s="97"/>
      <c r="EX4932" s="98"/>
      <c r="EY4932" s="97"/>
      <c r="FL4932" s="126"/>
      <c r="FM4932" s="91"/>
      <c r="FN4932" s="91"/>
      <c r="FO4932" s="91"/>
      <c r="FP4932" s="91"/>
      <c r="FQ4932" s="91"/>
      <c r="FR4932" s="91"/>
      <c r="FS4932" s="91"/>
      <c r="FT4932" s="91"/>
      <c r="FU4932" s="91"/>
      <c r="FV4932" s="91"/>
      <c r="FW4932" s="91"/>
      <c r="FX4932" s="127"/>
      <c r="FY4932" s="126"/>
      <c r="FZ4932" s="91"/>
      <c r="GA4932" s="91"/>
      <c r="GB4932" s="91"/>
      <c r="GC4932" s="91"/>
      <c r="GD4932" s="91"/>
      <c r="GE4932" s="91"/>
      <c r="GF4932" s="91"/>
      <c r="GG4932" s="91"/>
      <c r="GH4932" s="91"/>
      <c r="GI4932" s="91"/>
      <c r="GJ4932" s="91"/>
      <c r="GK4932" s="127"/>
      <c r="GL4932" s="126"/>
      <c r="GM4932" s="91"/>
      <c r="GN4932" s="91"/>
      <c r="GO4932" s="91"/>
      <c r="GP4932" s="91"/>
      <c r="GQ4932" s="91"/>
      <c r="GR4932" s="91"/>
      <c r="GS4932" s="91"/>
      <c r="GT4932" s="91"/>
      <c r="GU4932" s="91"/>
      <c r="GV4932" s="91"/>
      <c r="GW4932" s="91"/>
      <c r="GX4932" s="127"/>
      <c r="GY4932" s="126"/>
      <c r="GZ4932" s="91"/>
      <c r="HA4932" s="91"/>
      <c r="HB4932" s="91"/>
      <c r="HC4932" s="91"/>
      <c r="HD4932" s="91"/>
      <c r="HE4932" s="91"/>
      <c r="HF4932" s="91"/>
      <c r="HG4932" s="91"/>
      <c r="HH4932" s="91"/>
      <c r="HI4932" s="91"/>
      <c r="HJ4932" s="91"/>
      <c r="HK4932" s="127"/>
      <c r="HL4932" s="126"/>
      <c r="HM4932" s="91"/>
      <c r="HN4932" s="91"/>
      <c r="HO4932" s="91"/>
      <c r="HP4932" s="91"/>
      <c r="HQ4932" s="91"/>
      <c r="HR4932" s="91"/>
      <c r="HS4932" s="91"/>
      <c r="HT4932" s="91"/>
      <c r="HU4932" s="91"/>
      <c r="HV4932" s="91"/>
      <c r="HW4932" s="91"/>
      <c r="HX4932" s="127"/>
      <c r="HY4932" s="126"/>
      <c r="HZ4932" s="91"/>
      <c r="IA4932" s="91"/>
      <c r="IB4932" s="91"/>
      <c r="IC4932" s="91"/>
      <c r="ID4932" s="91"/>
      <c r="IE4932" s="91"/>
      <c r="IF4932" s="91"/>
      <c r="IG4932" s="91"/>
      <c r="IH4932" s="91"/>
      <c r="II4932" s="91"/>
      <c r="IJ4932" s="91"/>
      <c r="IK4932" s="174"/>
    </row>
    <row r="4933" spans="2:245" x14ac:dyDescent="0.2">
      <c r="B4933" s="43"/>
      <c r="C4933" s="73"/>
      <c r="D4933" s="64"/>
      <c r="E4933" s="64"/>
      <c r="F4933" s="55"/>
      <c r="G4933" s="102"/>
      <c r="H4933" s="97"/>
      <c r="T4933" s="98"/>
      <c r="U4933" s="97"/>
      <c r="AG4933" s="98"/>
      <c r="AY4933" s="164"/>
      <c r="BK4933" s="98"/>
      <c r="BL4933" s="97"/>
      <c r="BX4933" s="98"/>
      <c r="CL4933" s="97"/>
      <c r="CX4933" s="98"/>
      <c r="DL4933" s="97"/>
      <c r="DX4933" s="98"/>
      <c r="EL4933" s="97"/>
      <c r="EX4933" s="98"/>
      <c r="EY4933" s="97"/>
      <c r="FL4933" s="126"/>
      <c r="FM4933" s="91"/>
      <c r="FN4933" s="91"/>
      <c r="FO4933" s="91"/>
      <c r="FP4933" s="91"/>
      <c r="FQ4933" s="91"/>
      <c r="FR4933" s="91"/>
      <c r="FS4933" s="91"/>
      <c r="FT4933" s="91"/>
      <c r="FU4933" s="91"/>
      <c r="FV4933" s="91"/>
      <c r="FW4933" s="91"/>
      <c r="FX4933" s="127"/>
      <c r="FY4933" s="126"/>
      <c r="FZ4933" s="91"/>
      <c r="GA4933" s="91"/>
      <c r="GB4933" s="91"/>
      <c r="GC4933" s="91"/>
      <c r="GD4933" s="91"/>
      <c r="GE4933" s="91"/>
      <c r="GF4933" s="91"/>
      <c r="GG4933" s="91"/>
      <c r="GH4933" s="91"/>
      <c r="GI4933" s="91"/>
      <c r="GJ4933" s="91"/>
      <c r="GK4933" s="127"/>
      <c r="GL4933" s="126"/>
      <c r="GM4933" s="91"/>
      <c r="GN4933" s="91"/>
      <c r="GO4933" s="91"/>
      <c r="GP4933" s="91"/>
      <c r="GQ4933" s="91"/>
      <c r="GR4933" s="91"/>
      <c r="GS4933" s="91"/>
      <c r="GT4933" s="91"/>
      <c r="GU4933" s="91"/>
      <c r="GV4933" s="91"/>
      <c r="GW4933" s="91"/>
      <c r="GX4933" s="127"/>
      <c r="GY4933" s="126"/>
      <c r="GZ4933" s="91"/>
      <c r="HA4933" s="91"/>
      <c r="HB4933" s="91"/>
      <c r="HC4933" s="91"/>
      <c r="HD4933" s="91"/>
      <c r="HE4933" s="91"/>
      <c r="HF4933" s="91"/>
      <c r="HG4933" s="91"/>
      <c r="HH4933" s="91"/>
      <c r="HI4933" s="91"/>
      <c r="HJ4933" s="91"/>
      <c r="HK4933" s="127"/>
      <c r="HL4933" s="126"/>
      <c r="HM4933" s="91"/>
      <c r="HN4933" s="91"/>
      <c r="HO4933" s="91"/>
      <c r="HP4933" s="91"/>
      <c r="HQ4933" s="91"/>
      <c r="HR4933" s="91"/>
      <c r="HS4933" s="91"/>
      <c r="HT4933" s="91"/>
      <c r="HU4933" s="91"/>
      <c r="HV4933" s="91"/>
      <c r="HW4933" s="91"/>
      <c r="HX4933" s="127"/>
      <c r="HY4933" s="126"/>
      <c r="HZ4933" s="91"/>
      <c r="IA4933" s="91"/>
      <c r="IB4933" s="91"/>
      <c r="IC4933" s="91"/>
      <c r="ID4933" s="91"/>
      <c r="IE4933" s="91"/>
      <c r="IF4933" s="91"/>
      <c r="IG4933" s="91"/>
      <c r="IH4933" s="91"/>
      <c r="II4933" s="91"/>
      <c r="IJ4933" s="91"/>
      <c r="IK4933" s="174"/>
    </row>
    <row r="4934" spans="2:245" x14ac:dyDescent="0.2">
      <c r="B4934" s="43"/>
      <c r="C4934" s="73"/>
      <c r="D4934" s="64"/>
      <c r="E4934" s="64"/>
      <c r="F4934" s="55"/>
      <c r="G4934" s="102"/>
      <c r="H4934" s="97"/>
      <c r="T4934" s="98"/>
      <c r="U4934" s="97"/>
      <c r="AG4934" s="98"/>
      <c r="AY4934" s="164"/>
      <c r="BK4934" s="98"/>
      <c r="BL4934" s="97"/>
      <c r="BX4934" s="98"/>
      <c r="CL4934" s="97"/>
      <c r="CX4934" s="98"/>
      <c r="DL4934" s="97"/>
      <c r="DX4934" s="98"/>
      <c r="EL4934" s="97"/>
      <c r="EX4934" s="98"/>
      <c r="EY4934" s="97"/>
      <c r="FL4934" s="126"/>
      <c r="FM4934" s="91"/>
      <c r="FN4934" s="91"/>
      <c r="FO4934" s="91"/>
      <c r="FP4934" s="91"/>
      <c r="FQ4934" s="91"/>
      <c r="FR4934" s="91"/>
      <c r="FS4934" s="91"/>
      <c r="FT4934" s="91"/>
      <c r="FU4934" s="91"/>
      <c r="FV4934" s="91"/>
      <c r="FW4934" s="91"/>
      <c r="FX4934" s="127"/>
      <c r="FY4934" s="126"/>
      <c r="FZ4934" s="91"/>
      <c r="GA4934" s="91"/>
      <c r="GB4934" s="91"/>
      <c r="GC4934" s="91"/>
      <c r="GD4934" s="91"/>
      <c r="GE4934" s="91"/>
      <c r="GF4934" s="91"/>
      <c r="GG4934" s="91"/>
      <c r="GH4934" s="91"/>
      <c r="GI4934" s="91"/>
      <c r="GJ4934" s="91"/>
      <c r="GK4934" s="127"/>
      <c r="GL4934" s="126"/>
      <c r="GM4934" s="91"/>
      <c r="GN4934" s="91"/>
      <c r="GO4934" s="91"/>
      <c r="GP4934" s="91"/>
      <c r="GQ4934" s="91"/>
      <c r="GR4934" s="91"/>
      <c r="GS4934" s="91"/>
      <c r="GT4934" s="91"/>
      <c r="GU4934" s="91"/>
      <c r="GV4934" s="91"/>
      <c r="GW4934" s="91"/>
      <c r="GX4934" s="127"/>
      <c r="GY4934" s="126"/>
      <c r="GZ4934" s="91"/>
      <c r="HA4934" s="91"/>
      <c r="HB4934" s="91"/>
      <c r="HC4934" s="91"/>
      <c r="HD4934" s="91"/>
      <c r="HE4934" s="91"/>
      <c r="HF4934" s="91"/>
      <c r="HG4934" s="91"/>
      <c r="HH4934" s="91"/>
      <c r="HI4934" s="91"/>
      <c r="HJ4934" s="91"/>
      <c r="HK4934" s="127"/>
      <c r="HL4934" s="126"/>
      <c r="HM4934" s="91"/>
      <c r="HN4934" s="91"/>
      <c r="HO4934" s="91"/>
      <c r="HP4934" s="91"/>
      <c r="HQ4934" s="91"/>
      <c r="HR4934" s="91"/>
      <c r="HS4934" s="91"/>
      <c r="HT4934" s="91"/>
      <c r="HU4934" s="91"/>
      <c r="HV4934" s="91"/>
      <c r="HW4934" s="91"/>
      <c r="HX4934" s="127"/>
      <c r="HY4934" s="126"/>
      <c r="HZ4934" s="91"/>
      <c r="IA4934" s="91"/>
      <c r="IB4934" s="91"/>
      <c r="IC4934" s="91"/>
      <c r="ID4934" s="91"/>
      <c r="IE4934" s="91"/>
      <c r="IF4934" s="91"/>
      <c r="IG4934" s="91"/>
      <c r="IH4934" s="91"/>
      <c r="II4934" s="91"/>
      <c r="IJ4934" s="91"/>
      <c r="IK4934" s="174"/>
    </row>
    <row r="4935" spans="2:245" x14ac:dyDescent="0.2">
      <c r="B4935" s="43"/>
      <c r="C4935" s="73"/>
      <c r="D4935" s="64"/>
      <c r="E4935" s="64"/>
      <c r="F4935" s="55"/>
      <c r="G4935" s="102"/>
      <c r="H4935" s="97"/>
      <c r="T4935" s="98"/>
      <c r="U4935" s="97"/>
      <c r="AG4935" s="98"/>
      <c r="AY4935" s="164"/>
      <c r="BK4935" s="98"/>
      <c r="BL4935" s="97"/>
      <c r="BX4935" s="98"/>
      <c r="CL4935" s="97"/>
      <c r="CX4935" s="98"/>
      <c r="DL4935" s="97"/>
      <c r="DX4935" s="98"/>
      <c r="EL4935" s="97"/>
      <c r="EX4935" s="98"/>
      <c r="EY4935" s="97"/>
      <c r="FL4935" s="126"/>
      <c r="FM4935" s="91"/>
      <c r="FN4935" s="91"/>
      <c r="FO4935" s="91"/>
      <c r="FP4935" s="91"/>
      <c r="FQ4935" s="91"/>
      <c r="FR4935" s="91"/>
      <c r="FS4935" s="91"/>
      <c r="FT4935" s="91"/>
      <c r="FU4935" s="91"/>
      <c r="FV4935" s="91"/>
      <c r="FW4935" s="91"/>
      <c r="FX4935" s="127"/>
      <c r="FY4935" s="126"/>
      <c r="FZ4935" s="91"/>
      <c r="GA4935" s="91"/>
      <c r="GB4935" s="91"/>
      <c r="GC4935" s="91"/>
      <c r="GD4935" s="91"/>
      <c r="GE4935" s="91"/>
      <c r="GF4935" s="91"/>
      <c r="GG4935" s="91"/>
      <c r="GH4935" s="91"/>
      <c r="GI4935" s="91"/>
      <c r="GJ4935" s="91"/>
      <c r="GK4935" s="127"/>
      <c r="GL4935" s="126"/>
      <c r="GM4935" s="91"/>
      <c r="GN4935" s="91"/>
      <c r="GO4935" s="91"/>
      <c r="GP4935" s="91"/>
      <c r="GQ4935" s="91"/>
      <c r="GR4935" s="91"/>
      <c r="GS4935" s="91"/>
      <c r="GT4935" s="91"/>
      <c r="GU4935" s="91"/>
      <c r="GV4935" s="91"/>
      <c r="GW4935" s="91"/>
      <c r="GX4935" s="127"/>
      <c r="GY4935" s="126"/>
      <c r="GZ4935" s="91"/>
      <c r="HA4935" s="91"/>
      <c r="HB4935" s="91"/>
      <c r="HC4935" s="91"/>
      <c r="HD4935" s="91"/>
      <c r="HE4935" s="91"/>
      <c r="HF4935" s="91"/>
      <c r="HG4935" s="91"/>
      <c r="HH4935" s="91"/>
      <c r="HI4935" s="91"/>
      <c r="HJ4935" s="91"/>
      <c r="HK4935" s="127"/>
      <c r="HL4935" s="126"/>
      <c r="HM4935" s="91"/>
      <c r="HN4935" s="91"/>
      <c r="HO4935" s="91"/>
      <c r="HP4935" s="91"/>
      <c r="HQ4935" s="91"/>
      <c r="HR4935" s="91"/>
      <c r="HS4935" s="91"/>
      <c r="HT4935" s="91"/>
      <c r="HU4935" s="91"/>
      <c r="HV4935" s="91"/>
      <c r="HW4935" s="91"/>
      <c r="HX4935" s="127"/>
      <c r="HY4935" s="126"/>
      <c r="HZ4935" s="91"/>
      <c r="IA4935" s="91"/>
      <c r="IB4935" s="91"/>
      <c r="IC4935" s="91"/>
      <c r="ID4935" s="91"/>
      <c r="IE4935" s="91"/>
      <c r="IF4935" s="91"/>
      <c r="IG4935" s="91"/>
      <c r="IH4935" s="91"/>
      <c r="II4935" s="91"/>
      <c r="IJ4935" s="91"/>
      <c r="IK4935" s="174"/>
    </row>
    <row r="4936" spans="2:245" x14ac:dyDescent="0.2">
      <c r="B4936" s="43"/>
      <c r="C4936" s="73"/>
      <c r="D4936" s="64"/>
      <c r="E4936" s="64"/>
      <c r="F4936" s="55"/>
      <c r="G4936" s="102"/>
      <c r="H4936" s="97"/>
      <c r="T4936" s="98"/>
      <c r="U4936" s="97"/>
      <c r="AG4936" s="98"/>
      <c r="AY4936" s="164"/>
      <c r="BK4936" s="98"/>
      <c r="BL4936" s="97"/>
      <c r="BX4936" s="98"/>
      <c r="CL4936" s="97"/>
      <c r="CX4936" s="98"/>
      <c r="DL4936" s="97"/>
      <c r="DX4936" s="98"/>
      <c r="EL4936" s="97"/>
      <c r="EX4936" s="98"/>
      <c r="EY4936" s="97"/>
      <c r="FL4936" s="126"/>
      <c r="FM4936" s="91"/>
      <c r="FN4936" s="91"/>
      <c r="FO4936" s="91"/>
      <c r="FP4936" s="91"/>
      <c r="FQ4936" s="91"/>
      <c r="FR4936" s="91"/>
      <c r="FS4936" s="91"/>
      <c r="FT4936" s="91"/>
      <c r="FU4936" s="91"/>
      <c r="FV4936" s="91"/>
      <c r="FW4936" s="91"/>
      <c r="FX4936" s="127"/>
      <c r="FY4936" s="126"/>
      <c r="FZ4936" s="91"/>
      <c r="GA4936" s="91"/>
      <c r="GB4936" s="91"/>
      <c r="GC4936" s="91"/>
      <c r="GD4936" s="91"/>
      <c r="GE4936" s="91"/>
      <c r="GF4936" s="91"/>
      <c r="GG4936" s="91"/>
      <c r="GH4936" s="91"/>
      <c r="GI4936" s="91"/>
      <c r="GJ4936" s="91"/>
      <c r="GK4936" s="127"/>
      <c r="GL4936" s="126"/>
      <c r="GM4936" s="91"/>
      <c r="GN4936" s="91"/>
      <c r="GO4936" s="91"/>
      <c r="GP4936" s="91"/>
      <c r="GQ4936" s="91"/>
      <c r="GR4936" s="91"/>
      <c r="GS4936" s="91"/>
      <c r="GT4936" s="91"/>
      <c r="GU4936" s="91"/>
      <c r="GV4936" s="91"/>
      <c r="GW4936" s="91"/>
      <c r="GX4936" s="127"/>
      <c r="GY4936" s="126"/>
      <c r="GZ4936" s="91"/>
      <c r="HA4936" s="91"/>
      <c r="HB4936" s="91"/>
      <c r="HC4936" s="91"/>
      <c r="HD4936" s="91"/>
      <c r="HE4936" s="91"/>
      <c r="HF4936" s="91"/>
      <c r="HG4936" s="91"/>
      <c r="HH4936" s="91"/>
      <c r="HI4936" s="91"/>
      <c r="HJ4936" s="91"/>
      <c r="HK4936" s="127"/>
      <c r="HL4936" s="126"/>
      <c r="HM4936" s="91"/>
      <c r="HN4936" s="91"/>
      <c r="HO4936" s="91"/>
      <c r="HP4936" s="91"/>
      <c r="HQ4936" s="91"/>
      <c r="HR4936" s="91"/>
      <c r="HS4936" s="91"/>
      <c r="HT4936" s="91"/>
      <c r="HU4936" s="91"/>
      <c r="HV4936" s="91"/>
      <c r="HW4936" s="91"/>
      <c r="HX4936" s="127"/>
      <c r="HY4936" s="126"/>
      <c r="HZ4936" s="91"/>
      <c r="IA4936" s="91"/>
      <c r="IB4936" s="91"/>
      <c r="IC4936" s="91"/>
      <c r="ID4936" s="91"/>
      <c r="IE4936" s="91"/>
      <c r="IF4936" s="91"/>
      <c r="IG4936" s="91"/>
      <c r="IH4936" s="91"/>
      <c r="II4936" s="91"/>
      <c r="IJ4936" s="91"/>
      <c r="IK4936" s="174"/>
    </row>
    <row r="4937" spans="2:245" x14ac:dyDescent="0.2">
      <c r="B4937" s="43"/>
      <c r="C4937" s="73"/>
      <c r="D4937" s="64"/>
      <c r="E4937" s="64"/>
      <c r="F4937" s="55"/>
      <c r="G4937" s="102"/>
      <c r="H4937" s="97"/>
      <c r="T4937" s="98"/>
      <c r="U4937" s="97"/>
      <c r="AG4937" s="98"/>
      <c r="AY4937" s="164"/>
      <c r="BK4937" s="98"/>
      <c r="BL4937" s="97"/>
      <c r="BX4937" s="98"/>
      <c r="CL4937" s="97"/>
      <c r="CX4937" s="98"/>
      <c r="DL4937" s="97"/>
      <c r="DX4937" s="98"/>
      <c r="EL4937" s="97"/>
      <c r="EX4937" s="98"/>
      <c r="EY4937" s="97"/>
      <c r="FL4937" s="126"/>
      <c r="FM4937" s="91"/>
      <c r="FN4937" s="91"/>
      <c r="FO4937" s="91"/>
      <c r="FP4937" s="91"/>
      <c r="FQ4937" s="91"/>
      <c r="FR4937" s="91"/>
      <c r="FS4937" s="91"/>
      <c r="FT4937" s="91"/>
      <c r="FU4937" s="91"/>
      <c r="FV4937" s="91"/>
      <c r="FW4937" s="91"/>
      <c r="FX4937" s="127"/>
      <c r="FY4937" s="126"/>
      <c r="FZ4937" s="91"/>
      <c r="GA4937" s="91"/>
      <c r="GB4937" s="91"/>
      <c r="GC4937" s="91"/>
      <c r="GD4937" s="91"/>
      <c r="GE4937" s="91"/>
      <c r="GF4937" s="91"/>
      <c r="GG4937" s="91"/>
      <c r="GH4937" s="91"/>
      <c r="GI4937" s="91"/>
      <c r="GJ4937" s="91"/>
      <c r="GK4937" s="127"/>
      <c r="GL4937" s="126"/>
      <c r="GM4937" s="91"/>
      <c r="GN4937" s="91"/>
      <c r="GO4937" s="91"/>
      <c r="GP4937" s="91"/>
      <c r="GQ4937" s="91"/>
      <c r="GR4937" s="91"/>
      <c r="GS4937" s="91"/>
      <c r="GT4937" s="91"/>
      <c r="GU4937" s="91"/>
      <c r="GV4937" s="91"/>
      <c r="GW4937" s="91"/>
      <c r="GX4937" s="127"/>
      <c r="GY4937" s="126"/>
      <c r="GZ4937" s="91"/>
      <c r="HA4937" s="91"/>
      <c r="HB4937" s="91"/>
      <c r="HC4937" s="91"/>
      <c r="HD4937" s="91"/>
      <c r="HE4937" s="91"/>
      <c r="HF4937" s="91"/>
      <c r="HG4937" s="91"/>
      <c r="HH4937" s="91"/>
      <c r="HI4937" s="91"/>
      <c r="HJ4937" s="91"/>
      <c r="HK4937" s="127"/>
      <c r="HL4937" s="126"/>
      <c r="HM4937" s="91"/>
      <c r="HN4937" s="91"/>
      <c r="HO4937" s="91"/>
      <c r="HP4937" s="91"/>
      <c r="HQ4937" s="91"/>
      <c r="HR4937" s="91"/>
      <c r="HS4937" s="91"/>
      <c r="HT4937" s="91"/>
      <c r="HU4937" s="91"/>
      <c r="HV4937" s="91"/>
      <c r="HW4937" s="91"/>
      <c r="HX4937" s="127"/>
      <c r="HY4937" s="126"/>
      <c r="HZ4937" s="91"/>
      <c r="IA4937" s="91"/>
      <c r="IB4937" s="91"/>
      <c r="IC4937" s="91"/>
      <c r="ID4937" s="91"/>
      <c r="IE4937" s="91"/>
      <c r="IF4937" s="91"/>
      <c r="IG4937" s="91"/>
      <c r="IH4937" s="91"/>
      <c r="II4937" s="91"/>
      <c r="IJ4937" s="91"/>
      <c r="IK4937" s="174"/>
    </row>
    <row r="4938" spans="2:245" x14ac:dyDescent="0.2">
      <c r="B4938" s="43"/>
      <c r="C4938" s="73"/>
      <c r="D4938" s="64"/>
      <c r="E4938" s="64"/>
      <c r="F4938" s="55"/>
      <c r="G4938" s="102"/>
      <c r="H4938" s="97"/>
      <c r="T4938" s="98"/>
      <c r="U4938" s="97"/>
      <c r="AG4938" s="98"/>
      <c r="AY4938" s="164"/>
      <c r="BK4938" s="98"/>
      <c r="BL4938" s="97"/>
      <c r="BX4938" s="98"/>
      <c r="CL4938" s="97"/>
      <c r="CX4938" s="98"/>
      <c r="DL4938" s="97"/>
      <c r="DX4938" s="98"/>
      <c r="EL4938" s="97"/>
      <c r="EX4938" s="98"/>
      <c r="EY4938" s="97"/>
      <c r="FL4938" s="126"/>
      <c r="FM4938" s="91"/>
      <c r="FN4938" s="91"/>
      <c r="FO4938" s="91"/>
      <c r="FP4938" s="91"/>
      <c r="FQ4938" s="91"/>
      <c r="FR4938" s="91"/>
      <c r="FS4938" s="91"/>
      <c r="FT4938" s="91"/>
      <c r="FU4938" s="91"/>
      <c r="FV4938" s="91"/>
      <c r="FW4938" s="91"/>
      <c r="FX4938" s="127"/>
      <c r="FY4938" s="126"/>
      <c r="FZ4938" s="91"/>
      <c r="GA4938" s="91"/>
      <c r="GB4938" s="91"/>
      <c r="GC4938" s="91"/>
      <c r="GD4938" s="91"/>
      <c r="GE4938" s="91"/>
      <c r="GF4938" s="91"/>
      <c r="GG4938" s="91"/>
      <c r="GH4938" s="91"/>
      <c r="GI4938" s="91"/>
      <c r="GJ4938" s="91"/>
      <c r="GK4938" s="127"/>
      <c r="GL4938" s="126"/>
      <c r="GM4938" s="91"/>
      <c r="GN4938" s="91"/>
      <c r="GO4938" s="91"/>
      <c r="GP4938" s="91"/>
      <c r="GQ4938" s="91"/>
      <c r="GR4938" s="91"/>
      <c r="GS4938" s="91"/>
      <c r="GT4938" s="91"/>
      <c r="GU4938" s="91"/>
      <c r="GV4938" s="91"/>
      <c r="GW4938" s="91"/>
      <c r="GX4938" s="127"/>
      <c r="GY4938" s="126"/>
      <c r="GZ4938" s="91"/>
      <c r="HA4938" s="91"/>
      <c r="HB4938" s="91"/>
      <c r="HC4938" s="91"/>
      <c r="HD4938" s="91"/>
      <c r="HE4938" s="91"/>
      <c r="HF4938" s="91"/>
      <c r="HG4938" s="91"/>
      <c r="HH4938" s="91"/>
      <c r="HI4938" s="91"/>
      <c r="HJ4938" s="91"/>
      <c r="HK4938" s="127"/>
      <c r="HL4938" s="126"/>
      <c r="HM4938" s="91"/>
      <c r="HN4938" s="91"/>
      <c r="HO4938" s="91"/>
      <c r="HP4938" s="91"/>
      <c r="HQ4938" s="91"/>
      <c r="HR4938" s="91"/>
      <c r="HS4938" s="91"/>
      <c r="HT4938" s="91"/>
      <c r="HU4938" s="91"/>
      <c r="HV4938" s="91"/>
      <c r="HW4938" s="91"/>
      <c r="HX4938" s="127"/>
      <c r="HY4938" s="126"/>
      <c r="HZ4938" s="91"/>
      <c r="IA4938" s="91"/>
      <c r="IB4938" s="91"/>
      <c r="IC4938" s="91"/>
      <c r="ID4938" s="91"/>
      <c r="IE4938" s="91"/>
      <c r="IF4938" s="91"/>
      <c r="IG4938" s="91"/>
      <c r="IH4938" s="91"/>
      <c r="II4938" s="91"/>
      <c r="IJ4938" s="91"/>
      <c r="IK4938" s="174"/>
    </row>
    <row r="4939" spans="2:245" x14ac:dyDescent="0.2">
      <c r="B4939" s="43"/>
      <c r="C4939" s="73"/>
      <c r="D4939" s="64"/>
      <c r="E4939" s="64"/>
      <c r="F4939" s="55"/>
      <c r="G4939" s="102"/>
      <c r="H4939" s="97"/>
      <c r="T4939" s="98"/>
      <c r="U4939" s="97"/>
      <c r="AG4939" s="98"/>
      <c r="AY4939" s="164"/>
      <c r="BK4939" s="98"/>
      <c r="BL4939" s="97"/>
      <c r="BX4939" s="98"/>
      <c r="CL4939" s="97"/>
      <c r="CX4939" s="98"/>
      <c r="DL4939" s="97"/>
      <c r="DX4939" s="98"/>
      <c r="EL4939" s="97"/>
      <c r="EX4939" s="98"/>
      <c r="EY4939" s="97"/>
      <c r="FL4939" s="126"/>
      <c r="FM4939" s="91"/>
      <c r="FN4939" s="91"/>
      <c r="FO4939" s="91"/>
      <c r="FP4939" s="91"/>
      <c r="FQ4939" s="91"/>
      <c r="FR4939" s="91"/>
      <c r="FS4939" s="91"/>
      <c r="FT4939" s="91"/>
      <c r="FU4939" s="91"/>
      <c r="FV4939" s="91"/>
      <c r="FW4939" s="91"/>
      <c r="FX4939" s="127"/>
      <c r="FY4939" s="126"/>
      <c r="FZ4939" s="91"/>
      <c r="GA4939" s="91"/>
      <c r="GB4939" s="91"/>
      <c r="GC4939" s="91"/>
      <c r="GD4939" s="91"/>
      <c r="GE4939" s="91"/>
      <c r="GF4939" s="91"/>
      <c r="GG4939" s="91"/>
      <c r="GH4939" s="91"/>
      <c r="GI4939" s="91"/>
      <c r="GJ4939" s="91"/>
      <c r="GK4939" s="127"/>
      <c r="GL4939" s="126"/>
      <c r="GM4939" s="91"/>
      <c r="GN4939" s="91"/>
      <c r="GO4939" s="91"/>
      <c r="GP4939" s="91"/>
      <c r="GQ4939" s="91"/>
      <c r="GR4939" s="91"/>
      <c r="GS4939" s="91"/>
      <c r="GT4939" s="91"/>
      <c r="GU4939" s="91"/>
      <c r="GV4939" s="91"/>
      <c r="GW4939" s="91"/>
      <c r="GX4939" s="127"/>
      <c r="GY4939" s="126"/>
      <c r="GZ4939" s="91"/>
      <c r="HA4939" s="91"/>
      <c r="HB4939" s="91"/>
      <c r="HC4939" s="91"/>
      <c r="HD4939" s="91"/>
      <c r="HE4939" s="91"/>
      <c r="HF4939" s="91"/>
      <c r="HG4939" s="91"/>
      <c r="HH4939" s="91"/>
      <c r="HI4939" s="91"/>
      <c r="HJ4939" s="91"/>
      <c r="HK4939" s="127"/>
      <c r="HL4939" s="126"/>
      <c r="HM4939" s="91"/>
      <c r="HN4939" s="91"/>
      <c r="HO4939" s="91"/>
      <c r="HP4939" s="91"/>
      <c r="HQ4939" s="91"/>
      <c r="HR4939" s="91"/>
      <c r="HS4939" s="91"/>
      <c r="HT4939" s="91"/>
      <c r="HU4939" s="91"/>
      <c r="HV4939" s="91"/>
      <c r="HW4939" s="91"/>
      <c r="HX4939" s="127"/>
      <c r="HY4939" s="126"/>
      <c r="HZ4939" s="91"/>
      <c r="IA4939" s="91"/>
      <c r="IB4939" s="91"/>
      <c r="IC4939" s="91"/>
      <c r="ID4939" s="91"/>
      <c r="IE4939" s="91"/>
      <c r="IF4939" s="91"/>
      <c r="IG4939" s="91"/>
      <c r="IH4939" s="91"/>
      <c r="II4939" s="91"/>
      <c r="IJ4939" s="91"/>
      <c r="IK4939" s="174"/>
    </row>
    <row r="4940" spans="2:245" x14ac:dyDescent="0.2">
      <c r="B4940" s="43"/>
      <c r="C4940" s="73"/>
      <c r="D4940" s="64"/>
      <c r="E4940" s="64"/>
      <c r="F4940" s="55"/>
      <c r="G4940" s="102"/>
      <c r="H4940" s="97"/>
      <c r="T4940" s="98"/>
      <c r="U4940" s="97"/>
      <c r="AG4940" s="98"/>
      <c r="AY4940" s="164"/>
      <c r="BK4940" s="98"/>
      <c r="BL4940" s="97"/>
      <c r="BX4940" s="98"/>
      <c r="CL4940" s="97"/>
      <c r="CX4940" s="98"/>
      <c r="DL4940" s="97"/>
      <c r="DX4940" s="98"/>
      <c r="EL4940" s="97"/>
      <c r="EX4940" s="98"/>
      <c r="EY4940" s="97"/>
      <c r="FL4940" s="126"/>
      <c r="FM4940" s="91"/>
      <c r="FN4940" s="91"/>
      <c r="FO4940" s="91"/>
      <c r="FP4940" s="91"/>
      <c r="FQ4940" s="91"/>
      <c r="FR4940" s="91"/>
      <c r="FS4940" s="91"/>
      <c r="FT4940" s="91"/>
      <c r="FU4940" s="91"/>
      <c r="FV4940" s="91"/>
      <c r="FW4940" s="91"/>
      <c r="FX4940" s="127"/>
      <c r="FY4940" s="126"/>
      <c r="FZ4940" s="91"/>
      <c r="GA4940" s="91"/>
      <c r="GB4940" s="91"/>
      <c r="GC4940" s="91"/>
      <c r="GD4940" s="91"/>
      <c r="GE4940" s="91"/>
      <c r="GF4940" s="91"/>
      <c r="GG4940" s="91"/>
      <c r="GH4940" s="91"/>
      <c r="GI4940" s="91"/>
      <c r="GJ4940" s="91"/>
      <c r="GK4940" s="127"/>
      <c r="GL4940" s="126"/>
      <c r="GM4940" s="91"/>
      <c r="GN4940" s="91"/>
      <c r="GO4940" s="91"/>
      <c r="GP4940" s="91"/>
      <c r="GQ4940" s="91"/>
      <c r="GR4940" s="91"/>
      <c r="GS4940" s="91"/>
      <c r="GT4940" s="91"/>
      <c r="GU4940" s="91"/>
      <c r="GV4940" s="91"/>
      <c r="GW4940" s="91"/>
      <c r="GX4940" s="127"/>
      <c r="GY4940" s="126"/>
      <c r="GZ4940" s="91"/>
      <c r="HA4940" s="91"/>
      <c r="HB4940" s="91"/>
      <c r="HC4940" s="91"/>
      <c r="HD4940" s="91"/>
      <c r="HE4940" s="91"/>
      <c r="HF4940" s="91"/>
      <c r="HG4940" s="91"/>
      <c r="HH4940" s="91"/>
      <c r="HI4940" s="91"/>
      <c r="HJ4940" s="91"/>
      <c r="HK4940" s="127"/>
      <c r="HL4940" s="126"/>
      <c r="HM4940" s="91"/>
      <c r="HN4940" s="91"/>
      <c r="HO4940" s="91"/>
      <c r="HP4940" s="91"/>
      <c r="HQ4940" s="91"/>
      <c r="HR4940" s="91"/>
      <c r="HS4940" s="91"/>
      <c r="HT4940" s="91"/>
      <c r="HU4940" s="91"/>
      <c r="HV4940" s="91"/>
      <c r="HW4940" s="91"/>
      <c r="HX4940" s="127"/>
      <c r="HY4940" s="126"/>
      <c r="HZ4940" s="91"/>
      <c r="IA4940" s="91"/>
      <c r="IB4940" s="91"/>
      <c r="IC4940" s="91"/>
      <c r="ID4940" s="91"/>
      <c r="IE4940" s="91"/>
      <c r="IF4940" s="91"/>
      <c r="IG4940" s="91"/>
      <c r="IH4940" s="91"/>
      <c r="II4940" s="91"/>
      <c r="IJ4940" s="91"/>
      <c r="IK4940" s="174"/>
    </row>
    <row r="4941" spans="2:245" x14ac:dyDescent="0.2">
      <c r="B4941" s="43"/>
      <c r="C4941" s="73"/>
      <c r="D4941" s="64"/>
      <c r="E4941" s="64"/>
      <c r="F4941" s="55"/>
      <c r="G4941" s="102"/>
      <c r="H4941" s="97"/>
      <c r="T4941" s="98"/>
      <c r="U4941" s="97"/>
      <c r="AG4941" s="98"/>
      <c r="AY4941" s="164"/>
      <c r="BK4941" s="98"/>
      <c r="BL4941" s="97"/>
      <c r="BX4941" s="98"/>
      <c r="CL4941" s="97"/>
      <c r="CX4941" s="98"/>
      <c r="DL4941" s="97"/>
      <c r="DX4941" s="98"/>
      <c r="EL4941" s="97"/>
      <c r="EX4941" s="98"/>
      <c r="EY4941" s="97"/>
      <c r="FL4941" s="126"/>
      <c r="FM4941" s="91"/>
      <c r="FN4941" s="91"/>
      <c r="FO4941" s="91"/>
      <c r="FP4941" s="91"/>
      <c r="FQ4941" s="91"/>
      <c r="FR4941" s="91"/>
      <c r="FS4941" s="91"/>
      <c r="FT4941" s="91"/>
      <c r="FU4941" s="91"/>
      <c r="FV4941" s="91"/>
      <c r="FW4941" s="91"/>
      <c r="FX4941" s="127"/>
      <c r="FY4941" s="126"/>
      <c r="FZ4941" s="91"/>
      <c r="GA4941" s="91"/>
      <c r="GB4941" s="91"/>
      <c r="GC4941" s="91"/>
      <c r="GD4941" s="91"/>
      <c r="GE4941" s="91"/>
      <c r="GF4941" s="91"/>
      <c r="GG4941" s="91"/>
      <c r="GH4941" s="91"/>
      <c r="GI4941" s="91"/>
      <c r="GJ4941" s="91"/>
      <c r="GK4941" s="127"/>
      <c r="GL4941" s="126"/>
      <c r="GM4941" s="91"/>
      <c r="GN4941" s="91"/>
      <c r="GO4941" s="91"/>
      <c r="GP4941" s="91"/>
      <c r="GQ4941" s="91"/>
      <c r="GR4941" s="91"/>
      <c r="GS4941" s="91"/>
      <c r="GT4941" s="91"/>
      <c r="GU4941" s="91"/>
      <c r="GV4941" s="91"/>
      <c r="GW4941" s="91"/>
      <c r="GX4941" s="127"/>
      <c r="GY4941" s="126"/>
      <c r="GZ4941" s="91"/>
      <c r="HA4941" s="91"/>
      <c r="HB4941" s="91"/>
      <c r="HC4941" s="91"/>
      <c r="HD4941" s="91"/>
      <c r="HE4941" s="91"/>
      <c r="HF4941" s="91"/>
      <c r="HG4941" s="91"/>
      <c r="HH4941" s="91"/>
      <c r="HI4941" s="91"/>
      <c r="HJ4941" s="91"/>
      <c r="HK4941" s="127"/>
      <c r="HL4941" s="126"/>
      <c r="HM4941" s="91"/>
      <c r="HN4941" s="91"/>
      <c r="HO4941" s="91"/>
      <c r="HP4941" s="91"/>
      <c r="HQ4941" s="91"/>
      <c r="HR4941" s="91"/>
      <c r="HS4941" s="91"/>
      <c r="HT4941" s="91"/>
      <c r="HU4941" s="91"/>
      <c r="HV4941" s="91"/>
      <c r="HW4941" s="91"/>
      <c r="HX4941" s="127"/>
      <c r="HY4941" s="126"/>
      <c r="HZ4941" s="91"/>
      <c r="IA4941" s="91"/>
      <c r="IB4941" s="91"/>
      <c r="IC4941" s="91"/>
      <c r="ID4941" s="91"/>
      <c r="IE4941" s="91"/>
      <c r="IF4941" s="91"/>
      <c r="IG4941" s="91"/>
      <c r="IH4941" s="91"/>
      <c r="II4941" s="91"/>
      <c r="IJ4941" s="91"/>
      <c r="IK4941" s="174"/>
    </row>
    <row r="4942" spans="2:245" x14ac:dyDescent="0.2">
      <c r="B4942" s="43"/>
      <c r="C4942" s="73"/>
      <c r="D4942" s="64"/>
      <c r="E4942" s="64"/>
      <c r="F4942" s="55"/>
      <c r="G4942" s="102"/>
      <c r="H4942" s="97"/>
      <c r="T4942" s="98"/>
      <c r="U4942" s="97"/>
      <c r="AG4942" s="98"/>
      <c r="AY4942" s="164"/>
      <c r="BK4942" s="98"/>
      <c r="BL4942" s="97"/>
      <c r="BX4942" s="98"/>
      <c r="CL4942" s="97"/>
      <c r="CX4942" s="98"/>
      <c r="DL4942" s="97"/>
      <c r="DX4942" s="98"/>
      <c r="EL4942" s="97"/>
      <c r="EX4942" s="98"/>
      <c r="EY4942" s="97"/>
      <c r="FL4942" s="126"/>
      <c r="FM4942" s="91"/>
      <c r="FN4942" s="91"/>
      <c r="FO4942" s="91"/>
      <c r="FP4942" s="91"/>
      <c r="FQ4942" s="91"/>
      <c r="FR4942" s="91"/>
      <c r="FS4942" s="91"/>
      <c r="FT4942" s="91"/>
      <c r="FU4942" s="91"/>
      <c r="FV4942" s="91"/>
      <c r="FW4942" s="91"/>
      <c r="FX4942" s="127"/>
      <c r="FY4942" s="126"/>
      <c r="FZ4942" s="91"/>
      <c r="GA4942" s="91"/>
      <c r="GB4942" s="91"/>
      <c r="GC4942" s="91"/>
      <c r="GD4942" s="91"/>
      <c r="GE4942" s="91"/>
      <c r="GF4942" s="91"/>
      <c r="GG4942" s="91"/>
      <c r="GH4942" s="91"/>
      <c r="GI4942" s="91"/>
      <c r="GJ4942" s="91"/>
      <c r="GK4942" s="127"/>
      <c r="GL4942" s="126"/>
      <c r="GM4942" s="91"/>
      <c r="GN4942" s="91"/>
      <c r="GO4942" s="91"/>
      <c r="GP4942" s="91"/>
      <c r="GQ4942" s="91"/>
      <c r="GR4942" s="91"/>
      <c r="GS4942" s="91"/>
      <c r="GT4942" s="91"/>
      <c r="GU4942" s="91"/>
      <c r="GV4942" s="91"/>
      <c r="GW4942" s="91"/>
      <c r="GX4942" s="127"/>
      <c r="GY4942" s="126"/>
      <c r="GZ4942" s="91"/>
      <c r="HA4942" s="91"/>
      <c r="HB4942" s="91"/>
      <c r="HC4942" s="91"/>
      <c r="HD4942" s="91"/>
      <c r="HE4942" s="91"/>
      <c r="HF4942" s="91"/>
      <c r="HG4942" s="91"/>
      <c r="HH4942" s="91"/>
      <c r="HI4942" s="91"/>
      <c r="HJ4942" s="91"/>
      <c r="HK4942" s="127"/>
      <c r="HL4942" s="126"/>
      <c r="HM4942" s="91"/>
      <c r="HN4942" s="91"/>
      <c r="HO4942" s="91"/>
      <c r="HP4942" s="91"/>
      <c r="HQ4942" s="91"/>
      <c r="HR4942" s="91"/>
      <c r="HS4942" s="91"/>
      <c r="HT4942" s="91"/>
      <c r="HU4942" s="91"/>
      <c r="HV4942" s="91"/>
      <c r="HW4942" s="91"/>
      <c r="HX4942" s="127"/>
      <c r="HY4942" s="126"/>
      <c r="HZ4942" s="91"/>
      <c r="IA4942" s="91"/>
      <c r="IB4942" s="91"/>
      <c r="IC4942" s="91"/>
      <c r="ID4942" s="91"/>
      <c r="IE4942" s="91"/>
      <c r="IF4942" s="91"/>
      <c r="IG4942" s="91"/>
      <c r="IH4942" s="91"/>
      <c r="II4942" s="91"/>
      <c r="IJ4942" s="91"/>
      <c r="IK4942" s="174"/>
    </row>
    <row r="4943" spans="2:245" x14ac:dyDescent="0.2">
      <c r="B4943" s="43"/>
      <c r="C4943" s="73"/>
      <c r="D4943" s="64"/>
      <c r="E4943" s="64"/>
      <c r="F4943" s="55"/>
      <c r="G4943" s="102"/>
      <c r="H4943" s="97"/>
      <c r="T4943" s="98"/>
      <c r="U4943" s="97"/>
      <c r="AG4943" s="98"/>
      <c r="AY4943" s="164"/>
      <c r="BK4943" s="98"/>
      <c r="BL4943" s="97"/>
      <c r="BX4943" s="98"/>
      <c r="CL4943" s="97"/>
      <c r="CX4943" s="98"/>
      <c r="DL4943" s="97"/>
      <c r="DX4943" s="98"/>
      <c r="EL4943" s="97"/>
      <c r="EX4943" s="98"/>
      <c r="EY4943" s="97"/>
      <c r="FL4943" s="126"/>
      <c r="FM4943" s="91"/>
      <c r="FN4943" s="91"/>
      <c r="FO4943" s="91"/>
      <c r="FP4943" s="91"/>
      <c r="FQ4943" s="91"/>
      <c r="FR4943" s="91"/>
      <c r="FS4943" s="91"/>
      <c r="FT4943" s="91"/>
      <c r="FU4943" s="91"/>
      <c r="FV4943" s="91"/>
      <c r="FW4943" s="91"/>
      <c r="FX4943" s="127"/>
      <c r="FY4943" s="126"/>
      <c r="FZ4943" s="91"/>
      <c r="GA4943" s="91"/>
      <c r="GB4943" s="91"/>
      <c r="GC4943" s="91"/>
      <c r="GD4943" s="91"/>
      <c r="GE4943" s="91"/>
      <c r="GF4943" s="91"/>
      <c r="GG4943" s="91"/>
      <c r="GH4943" s="91"/>
      <c r="GI4943" s="91"/>
      <c r="GJ4943" s="91"/>
      <c r="GK4943" s="127"/>
      <c r="GL4943" s="126"/>
      <c r="GM4943" s="91"/>
      <c r="GN4943" s="91"/>
      <c r="GO4943" s="91"/>
      <c r="GP4943" s="91"/>
      <c r="GQ4943" s="91"/>
      <c r="GR4943" s="91"/>
      <c r="GS4943" s="91"/>
      <c r="GT4943" s="91"/>
      <c r="GU4943" s="91"/>
      <c r="GV4943" s="91"/>
      <c r="GW4943" s="91"/>
      <c r="GX4943" s="127"/>
      <c r="GY4943" s="126"/>
      <c r="GZ4943" s="91"/>
      <c r="HA4943" s="91"/>
      <c r="HB4943" s="91"/>
      <c r="HC4943" s="91"/>
      <c r="HD4943" s="91"/>
      <c r="HE4943" s="91"/>
      <c r="HF4943" s="91"/>
      <c r="HG4943" s="91"/>
      <c r="HH4943" s="91"/>
      <c r="HI4943" s="91"/>
      <c r="HJ4943" s="91"/>
      <c r="HK4943" s="127"/>
      <c r="HL4943" s="126"/>
      <c r="HM4943" s="91"/>
      <c r="HN4943" s="91"/>
      <c r="HO4943" s="91"/>
      <c r="HP4943" s="91"/>
      <c r="HQ4943" s="91"/>
      <c r="HR4943" s="91"/>
      <c r="HS4943" s="91"/>
      <c r="HT4943" s="91"/>
      <c r="HU4943" s="91"/>
      <c r="HV4943" s="91"/>
      <c r="HW4943" s="91"/>
      <c r="HX4943" s="127"/>
      <c r="HY4943" s="126"/>
      <c r="HZ4943" s="91"/>
      <c r="IA4943" s="91"/>
      <c r="IB4943" s="91"/>
      <c r="IC4943" s="91"/>
      <c r="ID4943" s="91"/>
      <c r="IE4943" s="91"/>
      <c r="IF4943" s="91"/>
      <c r="IG4943" s="91"/>
      <c r="IH4943" s="91"/>
      <c r="II4943" s="91"/>
      <c r="IJ4943" s="91"/>
      <c r="IK4943" s="174"/>
    </row>
    <row r="4944" spans="2:245" x14ac:dyDescent="0.2">
      <c r="B4944" s="43"/>
      <c r="C4944" s="73"/>
      <c r="D4944" s="64"/>
      <c r="E4944" s="64"/>
      <c r="F4944" s="55"/>
      <c r="G4944" s="102"/>
      <c r="H4944" s="97"/>
      <c r="T4944" s="98"/>
      <c r="U4944" s="97"/>
      <c r="AG4944" s="98"/>
      <c r="AY4944" s="164"/>
      <c r="BK4944" s="98"/>
      <c r="BL4944" s="97"/>
      <c r="BX4944" s="98"/>
      <c r="CL4944" s="97"/>
      <c r="CX4944" s="98"/>
      <c r="DL4944" s="97"/>
      <c r="DX4944" s="98"/>
      <c r="EL4944" s="97"/>
      <c r="EX4944" s="98"/>
      <c r="EY4944" s="97"/>
      <c r="FL4944" s="126"/>
      <c r="FM4944" s="91"/>
      <c r="FN4944" s="91"/>
      <c r="FO4944" s="91"/>
      <c r="FP4944" s="91"/>
      <c r="FQ4944" s="91"/>
      <c r="FR4944" s="91"/>
      <c r="FS4944" s="91"/>
      <c r="FT4944" s="91"/>
      <c r="FU4944" s="91"/>
      <c r="FV4944" s="91"/>
      <c r="FW4944" s="91"/>
      <c r="FX4944" s="127"/>
      <c r="FY4944" s="126"/>
      <c r="FZ4944" s="91"/>
      <c r="GA4944" s="91"/>
      <c r="GB4944" s="91"/>
      <c r="GC4944" s="91"/>
      <c r="GD4944" s="91"/>
      <c r="GE4944" s="91"/>
      <c r="GF4944" s="91"/>
      <c r="GG4944" s="91"/>
      <c r="GH4944" s="91"/>
      <c r="GI4944" s="91"/>
      <c r="GJ4944" s="91"/>
      <c r="GK4944" s="127"/>
      <c r="GL4944" s="126"/>
      <c r="GM4944" s="91"/>
      <c r="GN4944" s="91"/>
      <c r="GO4944" s="91"/>
      <c r="GP4944" s="91"/>
      <c r="GQ4944" s="91"/>
      <c r="GR4944" s="91"/>
      <c r="GS4944" s="91"/>
      <c r="GT4944" s="91"/>
      <c r="GU4944" s="91"/>
      <c r="GV4944" s="91"/>
      <c r="GW4944" s="91"/>
      <c r="GX4944" s="127"/>
      <c r="GY4944" s="126"/>
      <c r="GZ4944" s="91"/>
      <c r="HA4944" s="91"/>
      <c r="HB4944" s="91"/>
      <c r="HC4944" s="91"/>
      <c r="HD4944" s="91"/>
      <c r="HE4944" s="91"/>
      <c r="HF4944" s="91"/>
      <c r="HG4944" s="91"/>
      <c r="HH4944" s="91"/>
      <c r="HI4944" s="91"/>
      <c r="HJ4944" s="91"/>
      <c r="HK4944" s="127"/>
      <c r="HL4944" s="126"/>
      <c r="HM4944" s="91"/>
      <c r="HN4944" s="91"/>
      <c r="HO4944" s="91"/>
      <c r="HP4944" s="91"/>
      <c r="HQ4944" s="91"/>
      <c r="HR4944" s="91"/>
      <c r="HS4944" s="91"/>
      <c r="HT4944" s="91"/>
      <c r="HU4944" s="91"/>
      <c r="HV4944" s="91"/>
      <c r="HW4944" s="91"/>
      <c r="HX4944" s="127"/>
      <c r="HY4944" s="126"/>
      <c r="HZ4944" s="91"/>
      <c r="IA4944" s="91"/>
      <c r="IB4944" s="91"/>
      <c r="IC4944" s="91"/>
      <c r="ID4944" s="91"/>
      <c r="IE4944" s="91"/>
      <c r="IF4944" s="91"/>
      <c r="IG4944" s="91"/>
      <c r="IH4944" s="91"/>
      <c r="II4944" s="91"/>
      <c r="IJ4944" s="91"/>
      <c r="IK4944" s="174"/>
    </row>
    <row r="4945" spans="2:245" x14ac:dyDescent="0.2">
      <c r="B4945" s="43"/>
      <c r="C4945" s="73"/>
      <c r="D4945" s="64"/>
      <c r="E4945" s="64"/>
      <c r="F4945" s="55"/>
      <c r="G4945" s="102"/>
      <c r="H4945" s="97"/>
      <c r="T4945" s="98"/>
      <c r="U4945" s="97"/>
      <c r="AG4945" s="98"/>
      <c r="AY4945" s="164"/>
      <c r="BK4945" s="98"/>
      <c r="BL4945" s="97"/>
      <c r="BX4945" s="98"/>
      <c r="CL4945" s="97"/>
      <c r="CX4945" s="98"/>
      <c r="DL4945" s="97"/>
      <c r="DX4945" s="98"/>
      <c r="EL4945" s="97"/>
      <c r="EX4945" s="98"/>
      <c r="EY4945" s="97"/>
      <c r="FL4945" s="126"/>
      <c r="FM4945" s="91"/>
      <c r="FN4945" s="91"/>
      <c r="FO4945" s="91"/>
      <c r="FP4945" s="91"/>
      <c r="FQ4945" s="91"/>
      <c r="FR4945" s="91"/>
      <c r="FS4945" s="91"/>
      <c r="FT4945" s="91"/>
      <c r="FU4945" s="91"/>
      <c r="FV4945" s="91"/>
      <c r="FW4945" s="91"/>
      <c r="FX4945" s="127"/>
      <c r="FY4945" s="126"/>
      <c r="FZ4945" s="91"/>
      <c r="GA4945" s="91"/>
      <c r="GB4945" s="91"/>
      <c r="GC4945" s="91"/>
      <c r="GD4945" s="91"/>
      <c r="GE4945" s="91"/>
      <c r="GF4945" s="91"/>
      <c r="GG4945" s="91"/>
      <c r="GH4945" s="91"/>
      <c r="GI4945" s="91"/>
      <c r="GJ4945" s="91"/>
      <c r="GK4945" s="127"/>
      <c r="GL4945" s="126"/>
      <c r="GM4945" s="91"/>
      <c r="GN4945" s="91"/>
      <c r="GO4945" s="91"/>
      <c r="GP4945" s="91"/>
      <c r="GQ4945" s="91"/>
      <c r="GR4945" s="91"/>
      <c r="GS4945" s="91"/>
      <c r="GT4945" s="91"/>
      <c r="GU4945" s="91"/>
      <c r="GV4945" s="91"/>
      <c r="GW4945" s="91"/>
      <c r="GX4945" s="127"/>
      <c r="GY4945" s="126"/>
      <c r="GZ4945" s="91"/>
      <c r="HA4945" s="91"/>
      <c r="HB4945" s="91"/>
      <c r="HC4945" s="91"/>
      <c r="HD4945" s="91"/>
      <c r="HE4945" s="91"/>
      <c r="HF4945" s="91"/>
      <c r="HG4945" s="91"/>
      <c r="HH4945" s="91"/>
      <c r="HI4945" s="91"/>
      <c r="HJ4945" s="91"/>
      <c r="HK4945" s="127"/>
      <c r="HL4945" s="126"/>
      <c r="HM4945" s="91"/>
      <c r="HN4945" s="91"/>
      <c r="HO4945" s="91"/>
      <c r="HP4945" s="91"/>
      <c r="HQ4945" s="91"/>
      <c r="HR4945" s="91"/>
      <c r="HS4945" s="91"/>
      <c r="HT4945" s="91"/>
      <c r="HU4945" s="91"/>
      <c r="HV4945" s="91"/>
      <c r="HW4945" s="91"/>
      <c r="HX4945" s="127"/>
      <c r="HY4945" s="126"/>
      <c r="HZ4945" s="91"/>
      <c r="IA4945" s="91"/>
      <c r="IB4945" s="91"/>
      <c r="IC4945" s="91"/>
      <c r="ID4945" s="91"/>
      <c r="IE4945" s="91"/>
      <c r="IF4945" s="91"/>
      <c r="IG4945" s="91"/>
      <c r="IH4945" s="91"/>
      <c r="II4945" s="91"/>
      <c r="IJ4945" s="91"/>
      <c r="IK4945" s="174"/>
    </row>
    <row r="4946" spans="2:245" x14ac:dyDescent="0.2">
      <c r="B4946" s="43"/>
      <c r="C4946" s="73"/>
      <c r="D4946" s="64"/>
      <c r="E4946" s="64"/>
      <c r="F4946" s="55"/>
      <c r="G4946" s="102"/>
      <c r="H4946" s="97"/>
      <c r="T4946" s="98"/>
      <c r="U4946" s="97"/>
      <c r="AG4946" s="98"/>
      <c r="AY4946" s="164"/>
      <c r="BK4946" s="98"/>
      <c r="BL4946" s="97"/>
      <c r="BX4946" s="98"/>
      <c r="CL4946" s="97"/>
      <c r="CX4946" s="98"/>
      <c r="DL4946" s="97"/>
      <c r="DX4946" s="98"/>
      <c r="EL4946" s="97"/>
      <c r="EX4946" s="98"/>
      <c r="EY4946" s="97"/>
      <c r="FL4946" s="126"/>
      <c r="FM4946" s="91"/>
      <c r="FN4946" s="91"/>
      <c r="FO4946" s="91"/>
      <c r="FP4946" s="91"/>
      <c r="FQ4946" s="91"/>
      <c r="FR4946" s="91"/>
      <c r="FS4946" s="91"/>
      <c r="FT4946" s="91"/>
      <c r="FU4946" s="91"/>
      <c r="FV4946" s="91"/>
      <c r="FW4946" s="91"/>
      <c r="FX4946" s="127"/>
      <c r="FY4946" s="126"/>
      <c r="FZ4946" s="91"/>
      <c r="GA4946" s="91"/>
      <c r="GB4946" s="91"/>
      <c r="GC4946" s="91"/>
      <c r="GD4946" s="91"/>
      <c r="GE4946" s="91"/>
      <c r="GF4946" s="91"/>
      <c r="GG4946" s="91"/>
      <c r="GH4946" s="91"/>
      <c r="GI4946" s="91"/>
      <c r="GJ4946" s="91"/>
      <c r="GK4946" s="127"/>
      <c r="GL4946" s="126"/>
      <c r="GM4946" s="91"/>
      <c r="GN4946" s="91"/>
      <c r="GO4946" s="91"/>
      <c r="GP4946" s="91"/>
      <c r="GQ4946" s="91"/>
      <c r="GR4946" s="91"/>
      <c r="GS4946" s="91"/>
      <c r="GT4946" s="91"/>
      <c r="GU4946" s="91"/>
      <c r="GV4946" s="91"/>
      <c r="GW4946" s="91"/>
      <c r="GX4946" s="127"/>
      <c r="GY4946" s="126"/>
      <c r="GZ4946" s="91"/>
      <c r="HA4946" s="91"/>
      <c r="HB4946" s="91"/>
      <c r="HC4946" s="91"/>
      <c r="HD4946" s="91"/>
      <c r="HE4946" s="91"/>
      <c r="HF4946" s="91"/>
      <c r="HG4946" s="91"/>
      <c r="HH4946" s="91"/>
      <c r="HI4946" s="91"/>
      <c r="HJ4946" s="91"/>
      <c r="HK4946" s="127"/>
      <c r="HL4946" s="126"/>
      <c r="HM4946" s="91"/>
      <c r="HN4946" s="91"/>
      <c r="HO4946" s="91"/>
      <c r="HP4946" s="91"/>
      <c r="HQ4946" s="91"/>
      <c r="HR4946" s="91"/>
      <c r="HS4946" s="91"/>
      <c r="HT4946" s="91"/>
      <c r="HU4946" s="91"/>
      <c r="HV4946" s="91"/>
      <c r="HW4946" s="91"/>
      <c r="HX4946" s="127"/>
      <c r="HY4946" s="126"/>
      <c r="HZ4946" s="91"/>
      <c r="IA4946" s="91"/>
      <c r="IB4946" s="91"/>
      <c r="IC4946" s="91"/>
      <c r="ID4946" s="91"/>
      <c r="IE4946" s="91"/>
      <c r="IF4946" s="91"/>
      <c r="IG4946" s="91"/>
      <c r="IH4946" s="91"/>
      <c r="II4946" s="91"/>
      <c r="IJ4946" s="91"/>
      <c r="IK4946" s="174"/>
    </row>
    <row r="4947" spans="2:245" x14ac:dyDescent="0.2">
      <c r="B4947" s="43"/>
      <c r="C4947" s="73"/>
      <c r="D4947" s="64"/>
      <c r="E4947" s="64"/>
      <c r="F4947" s="55"/>
      <c r="G4947" s="102"/>
      <c r="H4947" s="97"/>
      <c r="T4947" s="98"/>
      <c r="U4947" s="97"/>
      <c r="AG4947" s="98"/>
      <c r="AY4947" s="164"/>
      <c r="BK4947" s="98"/>
      <c r="BL4947" s="97"/>
      <c r="BX4947" s="98"/>
      <c r="CL4947" s="97"/>
      <c r="CX4947" s="98"/>
      <c r="DL4947" s="97"/>
      <c r="DX4947" s="98"/>
      <c r="EL4947" s="97"/>
      <c r="EX4947" s="98"/>
      <c r="EY4947" s="97"/>
      <c r="FL4947" s="126"/>
      <c r="FM4947" s="91"/>
      <c r="FN4947" s="91"/>
      <c r="FO4947" s="91"/>
      <c r="FP4947" s="91"/>
      <c r="FQ4947" s="91"/>
      <c r="FR4947" s="91"/>
      <c r="FS4947" s="91"/>
      <c r="FT4947" s="91"/>
      <c r="FU4947" s="91"/>
      <c r="FV4947" s="91"/>
      <c r="FW4947" s="91"/>
      <c r="FX4947" s="127"/>
      <c r="FY4947" s="126"/>
      <c r="FZ4947" s="91"/>
      <c r="GA4947" s="91"/>
      <c r="GB4947" s="91"/>
      <c r="GC4947" s="91"/>
      <c r="GD4947" s="91"/>
      <c r="GE4947" s="91"/>
      <c r="GF4947" s="91"/>
      <c r="GG4947" s="91"/>
      <c r="GH4947" s="91"/>
      <c r="GI4947" s="91"/>
      <c r="GJ4947" s="91"/>
      <c r="GK4947" s="127"/>
      <c r="GL4947" s="126"/>
      <c r="GM4947" s="91"/>
      <c r="GN4947" s="91"/>
      <c r="GO4947" s="91"/>
      <c r="GP4947" s="91"/>
      <c r="GQ4947" s="91"/>
      <c r="GR4947" s="91"/>
      <c r="GS4947" s="91"/>
      <c r="GT4947" s="91"/>
      <c r="GU4947" s="91"/>
      <c r="GV4947" s="91"/>
      <c r="GW4947" s="91"/>
      <c r="GX4947" s="127"/>
      <c r="GY4947" s="126"/>
      <c r="GZ4947" s="91"/>
      <c r="HA4947" s="91"/>
      <c r="HB4947" s="91"/>
      <c r="HC4947" s="91"/>
      <c r="HD4947" s="91"/>
      <c r="HE4947" s="91"/>
      <c r="HF4947" s="91"/>
      <c r="HG4947" s="91"/>
      <c r="HH4947" s="91"/>
      <c r="HI4947" s="91"/>
      <c r="HJ4947" s="91"/>
      <c r="HK4947" s="127"/>
      <c r="HL4947" s="126"/>
      <c r="HM4947" s="91"/>
      <c r="HN4947" s="91"/>
      <c r="HO4947" s="91"/>
      <c r="HP4947" s="91"/>
      <c r="HQ4947" s="91"/>
      <c r="HR4947" s="91"/>
      <c r="HS4947" s="91"/>
      <c r="HT4947" s="91"/>
      <c r="HU4947" s="91"/>
      <c r="HV4947" s="91"/>
      <c r="HW4947" s="91"/>
      <c r="HX4947" s="127"/>
      <c r="HY4947" s="126"/>
      <c r="HZ4947" s="91"/>
      <c r="IA4947" s="91"/>
      <c r="IB4947" s="91"/>
      <c r="IC4947" s="91"/>
      <c r="ID4947" s="91"/>
      <c r="IE4947" s="91"/>
      <c r="IF4947" s="91"/>
      <c r="IG4947" s="91"/>
      <c r="IH4947" s="91"/>
      <c r="II4947" s="91"/>
      <c r="IJ4947" s="91"/>
      <c r="IK4947" s="174"/>
    </row>
    <row r="4948" spans="2:245" x14ac:dyDescent="0.2">
      <c r="B4948" s="43"/>
      <c r="C4948" s="73"/>
      <c r="D4948" s="64"/>
      <c r="E4948" s="64"/>
      <c r="F4948" s="55"/>
      <c r="G4948" s="102"/>
      <c r="H4948" s="97"/>
      <c r="T4948" s="98"/>
      <c r="U4948" s="97"/>
      <c r="AG4948" s="98"/>
      <c r="AY4948" s="164"/>
      <c r="BK4948" s="98"/>
      <c r="BL4948" s="97"/>
      <c r="BX4948" s="98"/>
      <c r="CL4948" s="97"/>
      <c r="CX4948" s="98"/>
      <c r="DL4948" s="97"/>
      <c r="DX4948" s="98"/>
      <c r="EL4948" s="97"/>
      <c r="EX4948" s="98"/>
      <c r="EY4948" s="97"/>
      <c r="FL4948" s="126"/>
      <c r="FM4948" s="91"/>
      <c r="FN4948" s="91"/>
      <c r="FO4948" s="91"/>
      <c r="FP4948" s="91"/>
      <c r="FQ4948" s="91"/>
      <c r="FR4948" s="91"/>
      <c r="FS4948" s="91"/>
      <c r="FT4948" s="91"/>
      <c r="FU4948" s="91"/>
      <c r="FV4948" s="91"/>
      <c r="FW4948" s="91"/>
      <c r="FX4948" s="127"/>
      <c r="FY4948" s="126"/>
      <c r="FZ4948" s="91"/>
      <c r="GA4948" s="91"/>
      <c r="GB4948" s="91"/>
      <c r="GC4948" s="91"/>
      <c r="GD4948" s="91"/>
      <c r="GE4948" s="91"/>
      <c r="GF4948" s="91"/>
      <c r="GG4948" s="91"/>
      <c r="GH4948" s="91"/>
      <c r="GI4948" s="91"/>
      <c r="GJ4948" s="91"/>
      <c r="GK4948" s="127"/>
      <c r="GL4948" s="126"/>
      <c r="GM4948" s="91"/>
      <c r="GN4948" s="91"/>
      <c r="GO4948" s="91"/>
      <c r="GP4948" s="91"/>
      <c r="GQ4948" s="91"/>
      <c r="GR4948" s="91"/>
      <c r="GS4948" s="91"/>
      <c r="GT4948" s="91"/>
      <c r="GU4948" s="91"/>
      <c r="GV4948" s="91"/>
      <c r="GW4948" s="91"/>
      <c r="GX4948" s="127"/>
      <c r="GY4948" s="126"/>
      <c r="GZ4948" s="91"/>
      <c r="HA4948" s="91"/>
      <c r="HB4948" s="91"/>
      <c r="HC4948" s="91"/>
      <c r="HD4948" s="91"/>
      <c r="HE4948" s="91"/>
      <c r="HF4948" s="91"/>
      <c r="HG4948" s="91"/>
      <c r="HH4948" s="91"/>
      <c r="HI4948" s="91"/>
      <c r="HJ4948" s="91"/>
      <c r="HK4948" s="127"/>
      <c r="HL4948" s="126"/>
      <c r="HM4948" s="91"/>
      <c r="HN4948" s="91"/>
      <c r="HO4948" s="91"/>
      <c r="HP4948" s="91"/>
      <c r="HQ4948" s="91"/>
      <c r="HR4948" s="91"/>
      <c r="HS4948" s="91"/>
      <c r="HT4948" s="91"/>
      <c r="HU4948" s="91"/>
      <c r="HV4948" s="91"/>
      <c r="HW4948" s="91"/>
      <c r="HX4948" s="127"/>
      <c r="HY4948" s="126"/>
      <c r="HZ4948" s="91"/>
      <c r="IA4948" s="91"/>
      <c r="IB4948" s="91"/>
      <c r="IC4948" s="91"/>
      <c r="ID4948" s="91"/>
      <c r="IE4948" s="91"/>
      <c r="IF4948" s="91"/>
      <c r="IG4948" s="91"/>
      <c r="IH4948" s="91"/>
      <c r="II4948" s="91"/>
      <c r="IJ4948" s="91"/>
      <c r="IK4948" s="174"/>
    </row>
    <row r="4949" spans="2:245" x14ac:dyDescent="0.2">
      <c r="B4949" s="43"/>
      <c r="C4949" s="73"/>
      <c r="D4949" s="64"/>
      <c r="E4949" s="64"/>
      <c r="F4949" s="55"/>
      <c r="G4949" s="102"/>
      <c r="H4949" s="97"/>
      <c r="T4949" s="98"/>
      <c r="U4949" s="97"/>
      <c r="AG4949" s="98"/>
      <c r="AY4949" s="164"/>
      <c r="BK4949" s="98"/>
      <c r="BL4949" s="97"/>
      <c r="BX4949" s="98"/>
      <c r="CL4949" s="97"/>
      <c r="CX4949" s="98"/>
      <c r="DL4949" s="97"/>
      <c r="DX4949" s="98"/>
      <c r="EL4949" s="97"/>
      <c r="EX4949" s="98"/>
      <c r="EY4949" s="97"/>
      <c r="FL4949" s="126"/>
      <c r="FM4949" s="91"/>
      <c r="FN4949" s="91"/>
      <c r="FO4949" s="91"/>
      <c r="FP4949" s="91"/>
      <c r="FQ4949" s="91"/>
      <c r="FR4949" s="91"/>
      <c r="FS4949" s="91"/>
      <c r="FT4949" s="91"/>
      <c r="FU4949" s="91"/>
      <c r="FV4949" s="91"/>
      <c r="FW4949" s="91"/>
      <c r="FX4949" s="127"/>
      <c r="FY4949" s="126"/>
      <c r="FZ4949" s="91"/>
      <c r="GA4949" s="91"/>
      <c r="GB4949" s="91"/>
      <c r="GC4949" s="91"/>
      <c r="GD4949" s="91"/>
      <c r="GE4949" s="91"/>
      <c r="GF4949" s="91"/>
      <c r="GG4949" s="91"/>
      <c r="GH4949" s="91"/>
      <c r="GI4949" s="91"/>
      <c r="GJ4949" s="91"/>
      <c r="GK4949" s="127"/>
      <c r="GL4949" s="126"/>
      <c r="GM4949" s="91"/>
      <c r="GN4949" s="91"/>
      <c r="GO4949" s="91"/>
      <c r="GP4949" s="91"/>
      <c r="GQ4949" s="91"/>
      <c r="GR4949" s="91"/>
      <c r="GS4949" s="91"/>
      <c r="GT4949" s="91"/>
      <c r="GU4949" s="91"/>
      <c r="GV4949" s="91"/>
      <c r="GW4949" s="91"/>
      <c r="GX4949" s="127"/>
      <c r="GY4949" s="126"/>
      <c r="GZ4949" s="91"/>
      <c r="HA4949" s="91"/>
      <c r="HB4949" s="91"/>
      <c r="HC4949" s="91"/>
      <c r="HD4949" s="91"/>
      <c r="HE4949" s="91"/>
      <c r="HF4949" s="91"/>
      <c r="HG4949" s="91"/>
      <c r="HH4949" s="91"/>
      <c r="HI4949" s="91"/>
      <c r="HJ4949" s="91"/>
      <c r="HK4949" s="127"/>
      <c r="HL4949" s="126"/>
      <c r="HM4949" s="91"/>
      <c r="HN4949" s="91"/>
      <c r="HO4949" s="91"/>
      <c r="HP4949" s="91"/>
      <c r="HQ4949" s="91"/>
      <c r="HR4949" s="91"/>
      <c r="HS4949" s="91"/>
      <c r="HT4949" s="91"/>
      <c r="HU4949" s="91"/>
      <c r="HV4949" s="91"/>
      <c r="HW4949" s="91"/>
      <c r="HX4949" s="127"/>
      <c r="HY4949" s="126"/>
      <c r="HZ4949" s="91"/>
      <c r="IA4949" s="91"/>
      <c r="IB4949" s="91"/>
      <c r="IC4949" s="91"/>
      <c r="ID4949" s="91"/>
      <c r="IE4949" s="91"/>
      <c r="IF4949" s="91"/>
      <c r="IG4949" s="91"/>
      <c r="IH4949" s="91"/>
      <c r="II4949" s="91"/>
      <c r="IJ4949" s="91"/>
      <c r="IK4949" s="174"/>
    </row>
    <row r="4950" spans="2:245" x14ac:dyDescent="0.2">
      <c r="B4950" s="43"/>
      <c r="C4950" s="73"/>
      <c r="D4950" s="64"/>
      <c r="E4950" s="64"/>
      <c r="F4950" s="55"/>
      <c r="G4950" s="102"/>
      <c r="H4950" s="97"/>
      <c r="T4950" s="98"/>
      <c r="U4950" s="97"/>
      <c r="AG4950" s="98"/>
      <c r="AY4950" s="164"/>
      <c r="BK4950" s="98"/>
      <c r="BL4950" s="97"/>
      <c r="BX4950" s="98"/>
      <c r="CL4950" s="97"/>
      <c r="CX4950" s="98"/>
      <c r="DL4950" s="97"/>
      <c r="DX4950" s="98"/>
      <c r="EL4950" s="97"/>
      <c r="EX4950" s="98"/>
      <c r="EY4950" s="97"/>
      <c r="FL4950" s="126"/>
      <c r="FM4950" s="91"/>
      <c r="FN4950" s="91"/>
      <c r="FO4950" s="91"/>
      <c r="FP4950" s="91"/>
      <c r="FQ4950" s="91"/>
      <c r="FR4950" s="91"/>
      <c r="FS4950" s="91"/>
      <c r="FT4950" s="91"/>
      <c r="FU4950" s="91"/>
      <c r="FV4950" s="91"/>
      <c r="FW4950" s="91"/>
      <c r="FX4950" s="127"/>
      <c r="FY4950" s="126"/>
      <c r="FZ4950" s="91"/>
      <c r="GA4950" s="91"/>
      <c r="GB4950" s="91"/>
      <c r="GC4950" s="91"/>
      <c r="GD4950" s="91"/>
      <c r="GE4950" s="91"/>
      <c r="GF4950" s="91"/>
      <c r="GG4950" s="91"/>
      <c r="GH4950" s="91"/>
      <c r="GI4950" s="91"/>
      <c r="GJ4950" s="91"/>
      <c r="GK4950" s="127"/>
      <c r="GL4950" s="126"/>
      <c r="GM4950" s="91"/>
      <c r="GN4950" s="91"/>
      <c r="GO4950" s="91"/>
      <c r="GP4950" s="91"/>
      <c r="GQ4950" s="91"/>
      <c r="GR4950" s="91"/>
      <c r="GS4950" s="91"/>
      <c r="GT4950" s="91"/>
      <c r="GU4950" s="91"/>
      <c r="GV4950" s="91"/>
      <c r="GW4950" s="91"/>
      <c r="GX4950" s="127"/>
      <c r="GY4950" s="126"/>
      <c r="GZ4950" s="91"/>
      <c r="HA4950" s="91"/>
      <c r="HB4950" s="91"/>
      <c r="HC4950" s="91"/>
      <c r="HD4950" s="91"/>
      <c r="HE4950" s="91"/>
      <c r="HF4950" s="91"/>
      <c r="HG4950" s="91"/>
      <c r="HH4950" s="91"/>
      <c r="HI4950" s="91"/>
      <c r="HJ4950" s="91"/>
      <c r="HK4950" s="127"/>
      <c r="HL4950" s="126"/>
      <c r="HM4950" s="91"/>
      <c r="HN4950" s="91"/>
      <c r="HO4950" s="91"/>
      <c r="HP4950" s="91"/>
      <c r="HQ4950" s="91"/>
      <c r="HR4950" s="91"/>
      <c r="HS4950" s="91"/>
      <c r="HT4950" s="91"/>
      <c r="HU4950" s="91"/>
      <c r="HV4950" s="91"/>
      <c r="HW4950" s="91"/>
      <c r="HX4950" s="127"/>
      <c r="HY4950" s="126"/>
      <c r="HZ4950" s="91"/>
      <c r="IA4950" s="91"/>
      <c r="IB4950" s="91"/>
      <c r="IC4950" s="91"/>
      <c r="ID4950" s="91"/>
      <c r="IE4950" s="91"/>
      <c r="IF4950" s="91"/>
      <c r="IG4950" s="91"/>
      <c r="IH4950" s="91"/>
      <c r="II4950" s="91"/>
      <c r="IJ4950" s="91"/>
      <c r="IK4950" s="174"/>
    </row>
    <row r="4951" spans="2:245" x14ac:dyDescent="0.2">
      <c r="B4951" s="43"/>
      <c r="C4951" s="73"/>
      <c r="D4951" s="64"/>
      <c r="E4951" s="64"/>
      <c r="F4951" s="55"/>
      <c r="G4951" s="102"/>
      <c r="H4951" s="97"/>
      <c r="T4951" s="98"/>
      <c r="U4951" s="97"/>
      <c r="AG4951" s="98"/>
      <c r="AY4951" s="164"/>
      <c r="BK4951" s="98"/>
      <c r="BL4951" s="97"/>
      <c r="BX4951" s="98"/>
      <c r="CL4951" s="97"/>
      <c r="CX4951" s="98"/>
      <c r="DL4951" s="97"/>
      <c r="DX4951" s="98"/>
      <c r="EL4951" s="97"/>
      <c r="EX4951" s="98"/>
      <c r="EY4951" s="97"/>
      <c r="FL4951" s="126"/>
      <c r="FM4951" s="91"/>
      <c r="FN4951" s="91"/>
      <c r="FO4951" s="91"/>
      <c r="FP4951" s="91"/>
      <c r="FQ4951" s="91"/>
      <c r="FR4951" s="91"/>
      <c r="FS4951" s="91"/>
      <c r="FT4951" s="91"/>
      <c r="FU4951" s="91"/>
      <c r="FV4951" s="91"/>
      <c r="FW4951" s="91"/>
      <c r="FX4951" s="127"/>
      <c r="FY4951" s="126"/>
      <c r="FZ4951" s="91"/>
      <c r="GA4951" s="91"/>
      <c r="GB4951" s="91"/>
      <c r="GC4951" s="91"/>
      <c r="GD4951" s="91"/>
      <c r="GE4951" s="91"/>
      <c r="GF4951" s="91"/>
      <c r="GG4951" s="91"/>
      <c r="GH4951" s="91"/>
      <c r="GI4951" s="91"/>
      <c r="GJ4951" s="91"/>
      <c r="GK4951" s="127"/>
      <c r="GL4951" s="126"/>
      <c r="GM4951" s="91"/>
      <c r="GN4951" s="91"/>
      <c r="GO4951" s="91"/>
      <c r="GP4951" s="91"/>
      <c r="GQ4951" s="91"/>
      <c r="GR4951" s="91"/>
      <c r="GS4951" s="91"/>
      <c r="GT4951" s="91"/>
      <c r="GU4951" s="91"/>
      <c r="GV4951" s="91"/>
      <c r="GW4951" s="91"/>
      <c r="GX4951" s="127"/>
      <c r="GY4951" s="126"/>
      <c r="GZ4951" s="91"/>
      <c r="HA4951" s="91"/>
      <c r="HB4951" s="91"/>
      <c r="HC4951" s="91"/>
      <c r="HD4951" s="91"/>
      <c r="HE4951" s="91"/>
      <c r="HF4951" s="91"/>
      <c r="HG4951" s="91"/>
      <c r="HH4951" s="91"/>
      <c r="HI4951" s="91"/>
      <c r="HJ4951" s="91"/>
      <c r="HK4951" s="127"/>
      <c r="HL4951" s="126"/>
      <c r="HM4951" s="91"/>
      <c r="HN4951" s="91"/>
      <c r="HO4951" s="91"/>
      <c r="HP4951" s="91"/>
      <c r="HQ4951" s="91"/>
      <c r="HR4951" s="91"/>
      <c r="HS4951" s="91"/>
      <c r="HT4951" s="91"/>
      <c r="HU4951" s="91"/>
      <c r="HV4951" s="91"/>
      <c r="HW4951" s="91"/>
      <c r="HX4951" s="127"/>
      <c r="HY4951" s="126"/>
      <c r="HZ4951" s="91"/>
      <c r="IA4951" s="91"/>
      <c r="IB4951" s="91"/>
      <c r="IC4951" s="91"/>
      <c r="ID4951" s="91"/>
      <c r="IE4951" s="91"/>
      <c r="IF4951" s="91"/>
      <c r="IG4951" s="91"/>
      <c r="IH4951" s="91"/>
      <c r="II4951" s="91"/>
      <c r="IJ4951" s="91"/>
      <c r="IK4951" s="174"/>
    </row>
    <row r="4952" spans="2:245" x14ac:dyDescent="0.2">
      <c r="B4952" s="43"/>
      <c r="C4952" s="73"/>
      <c r="D4952" s="64"/>
      <c r="E4952" s="64"/>
      <c r="F4952" s="55"/>
      <c r="G4952" s="102"/>
      <c r="H4952" s="97"/>
      <c r="T4952" s="98"/>
      <c r="U4952" s="97"/>
      <c r="AG4952" s="98"/>
      <c r="AY4952" s="164"/>
      <c r="BK4952" s="98"/>
      <c r="BL4952" s="97"/>
      <c r="BX4952" s="98"/>
      <c r="CL4952" s="97"/>
      <c r="CX4952" s="98"/>
      <c r="DL4952" s="97"/>
      <c r="DX4952" s="98"/>
      <c r="EL4952" s="97"/>
      <c r="EX4952" s="98"/>
      <c r="EY4952" s="97"/>
      <c r="FL4952" s="126"/>
      <c r="FM4952" s="91"/>
      <c r="FN4952" s="91"/>
      <c r="FO4952" s="91"/>
      <c r="FP4952" s="91"/>
      <c r="FQ4952" s="91"/>
      <c r="FR4952" s="91"/>
      <c r="FS4952" s="91"/>
      <c r="FT4952" s="91"/>
      <c r="FU4952" s="91"/>
      <c r="FV4952" s="91"/>
      <c r="FW4952" s="91"/>
      <c r="FX4952" s="127"/>
      <c r="FY4952" s="126"/>
      <c r="FZ4952" s="91"/>
      <c r="GA4952" s="91"/>
      <c r="GB4952" s="91"/>
      <c r="GC4952" s="91"/>
      <c r="GD4952" s="91"/>
      <c r="GE4952" s="91"/>
      <c r="GF4952" s="91"/>
      <c r="GG4952" s="91"/>
      <c r="GH4952" s="91"/>
      <c r="GI4952" s="91"/>
      <c r="GJ4952" s="91"/>
      <c r="GK4952" s="127"/>
      <c r="GL4952" s="126"/>
      <c r="GM4952" s="91"/>
      <c r="GN4952" s="91"/>
      <c r="GO4952" s="91"/>
      <c r="GP4952" s="91"/>
      <c r="GQ4952" s="91"/>
      <c r="GR4952" s="91"/>
      <c r="GS4952" s="91"/>
      <c r="GT4952" s="91"/>
      <c r="GU4952" s="91"/>
      <c r="GV4952" s="91"/>
      <c r="GW4952" s="91"/>
      <c r="GX4952" s="127"/>
      <c r="GY4952" s="126"/>
      <c r="GZ4952" s="91"/>
      <c r="HA4952" s="91"/>
      <c r="HB4952" s="91"/>
      <c r="HC4952" s="91"/>
      <c r="HD4952" s="91"/>
      <c r="HE4952" s="91"/>
      <c r="HF4952" s="91"/>
      <c r="HG4952" s="91"/>
      <c r="HH4952" s="91"/>
      <c r="HI4952" s="91"/>
      <c r="HJ4952" s="91"/>
      <c r="HK4952" s="127"/>
      <c r="HL4952" s="126"/>
      <c r="HM4952" s="91"/>
      <c r="HN4952" s="91"/>
      <c r="HO4952" s="91"/>
      <c r="HP4952" s="91"/>
      <c r="HQ4952" s="91"/>
      <c r="HR4952" s="91"/>
      <c r="HS4952" s="91"/>
      <c r="HT4952" s="91"/>
      <c r="HU4952" s="91"/>
      <c r="HV4952" s="91"/>
      <c r="HW4952" s="91"/>
      <c r="HX4952" s="127"/>
      <c r="HY4952" s="126"/>
      <c r="HZ4952" s="91"/>
      <c r="IA4952" s="91"/>
      <c r="IB4952" s="91"/>
      <c r="IC4952" s="91"/>
      <c r="ID4952" s="91"/>
      <c r="IE4952" s="91"/>
      <c r="IF4952" s="91"/>
      <c r="IG4952" s="91"/>
      <c r="IH4952" s="91"/>
      <c r="II4952" s="91"/>
      <c r="IJ4952" s="91"/>
      <c r="IK4952" s="174"/>
    </row>
    <row r="4953" spans="2:245" x14ac:dyDescent="0.2">
      <c r="B4953" s="43"/>
      <c r="C4953" s="73"/>
      <c r="D4953" s="64"/>
      <c r="E4953" s="64"/>
      <c r="F4953" s="55"/>
      <c r="G4953" s="102"/>
      <c r="H4953" s="97"/>
      <c r="T4953" s="98"/>
      <c r="U4953" s="97"/>
      <c r="AG4953" s="98"/>
      <c r="AY4953" s="164"/>
      <c r="BK4953" s="98"/>
      <c r="BL4953" s="97"/>
      <c r="BX4953" s="98"/>
      <c r="CL4953" s="97"/>
      <c r="CX4953" s="98"/>
      <c r="DL4953" s="97"/>
      <c r="DX4953" s="98"/>
      <c r="EL4953" s="97"/>
      <c r="EX4953" s="98"/>
      <c r="EY4953" s="97"/>
      <c r="FL4953" s="126"/>
      <c r="FM4953" s="91"/>
      <c r="FN4953" s="91"/>
      <c r="FO4953" s="91"/>
      <c r="FP4953" s="91"/>
      <c r="FQ4953" s="91"/>
      <c r="FR4953" s="91"/>
      <c r="FS4953" s="91"/>
      <c r="FT4953" s="91"/>
      <c r="FU4953" s="91"/>
      <c r="FV4953" s="91"/>
      <c r="FW4953" s="91"/>
      <c r="FX4953" s="127"/>
      <c r="FY4953" s="126"/>
      <c r="FZ4953" s="91"/>
      <c r="GA4953" s="91"/>
      <c r="GB4953" s="91"/>
      <c r="GC4953" s="91"/>
      <c r="GD4953" s="91"/>
      <c r="GE4953" s="91"/>
      <c r="GF4953" s="91"/>
      <c r="GG4953" s="91"/>
      <c r="GH4953" s="91"/>
      <c r="GI4953" s="91"/>
      <c r="GJ4953" s="91"/>
      <c r="GK4953" s="127"/>
      <c r="GL4953" s="126"/>
      <c r="GM4953" s="91"/>
      <c r="GN4953" s="91"/>
      <c r="GO4953" s="91"/>
      <c r="GP4953" s="91"/>
      <c r="GQ4953" s="91"/>
      <c r="GR4953" s="91"/>
      <c r="GS4953" s="91"/>
      <c r="GT4953" s="91"/>
      <c r="GU4953" s="91"/>
      <c r="GV4953" s="91"/>
      <c r="GW4953" s="91"/>
      <c r="GX4953" s="127"/>
      <c r="GY4953" s="126"/>
      <c r="GZ4953" s="91"/>
      <c r="HA4953" s="91"/>
      <c r="HB4953" s="91"/>
      <c r="HC4953" s="91"/>
      <c r="HD4953" s="91"/>
      <c r="HE4953" s="91"/>
      <c r="HF4953" s="91"/>
      <c r="HG4953" s="91"/>
      <c r="HH4953" s="91"/>
      <c r="HI4953" s="91"/>
      <c r="HJ4953" s="91"/>
      <c r="HK4953" s="127"/>
      <c r="HL4953" s="126"/>
      <c r="HM4953" s="91"/>
      <c r="HN4953" s="91"/>
      <c r="HO4953" s="91"/>
      <c r="HP4953" s="91"/>
      <c r="HQ4953" s="91"/>
      <c r="HR4953" s="91"/>
      <c r="HS4953" s="91"/>
      <c r="HT4953" s="91"/>
      <c r="HU4953" s="91"/>
      <c r="HV4953" s="91"/>
      <c r="HW4953" s="91"/>
      <c r="HX4953" s="127"/>
      <c r="HY4953" s="126"/>
      <c r="HZ4953" s="91"/>
      <c r="IA4953" s="91"/>
      <c r="IB4953" s="91"/>
      <c r="IC4953" s="91"/>
      <c r="ID4953" s="91"/>
      <c r="IE4953" s="91"/>
      <c r="IF4953" s="91"/>
      <c r="IG4953" s="91"/>
      <c r="IH4953" s="91"/>
      <c r="II4953" s="91"/>
      <c r="IJ4953" s="91"/>
      <c r="IK4953" s="174"/>
    </row>
    <row r="4954" spans="2:245" x14ac:dyDescent="0.2">
      <c r="B4954" s="43"/>
      <c r="C4954" s="73"/>
      <c r="D4954" s="64"/>
      <c r="E4954" s="64"/>
      <c r="F4954" s="55"/>
      <c r="G4954" s="102"/>
      <c r="H4954" s="97"/>
      <c r="T4954" s="98"/>
      <c r="U4954" s="97"/>
      <c r="AG4954" s="98"/>
      <c r="AY4954" s="164"/>
      <c r="BK4954" s="98"/>
      <c r="BL4954" s="97"/>
      <c r="BX4954" s="98"/>
      <c r="CL4954" s="97"/>
      <c r="CX4954" s="98"/>
      <c r="DL4954" s="97"/>
      <c r="DX4954" s="98"/>
      <c r="EL4954" s="97"/>
      <c r="EX4954" s="98"/>
      <c r="EY4954" s="97"/>
      <c r="FL4954" s="126"/>
      <c r="FM4954" s="91"/>
      <c r="FN4954" s="91"/>
      <c r="FO4954" s="91"/>
      <c r="FP4954" s="91"/>
      <c r="FQ4954" s="91"/>
      <c r="FR4954" s="91"/>
      <c r="FS4954" s="91"/>
      <c r="FT4954" s="91"/>
      <c r="FU4954" s="91"/>
      <c r="FV4954" s="91"/>
      <c r="FW4954" s="91"/>
      <c r="FX4954" s="127"/>
      <c r="FY4954" s="126"/>
      <c r="FZ4954" s="91"/>
      <c r="GA4954" s="91"/>
      <c r="GB4954" s="91"/>
      <c r="GC4954" s="91"/>
      <c r="GD4954" s="91"/>
      <c r="GE4954" s="91"/>
      <c r="GF4954" s="91"/>
      <c r="GG4954" s="91"/>
      <c r="GH4954" s="91"/>
      <c r="GI4954" s="91"/>
      <c r="GJ4954" s="91"/>
      <c r="GK4954" s="127"/>
      <c r="GL4954" s="126"/>
      <c r="GM4954" s="91"/>
      <c r="GN4954" s="91"/>
      <c r="GO4954" s="91"/>
      <c r="GP4954" s="91"/>
      <c r="GQ4954" s="91"/>
      <c r="GR4954" s="91"/>
      <c r="GS4954" s="91"/>
      <c r="GT4954" s="91"/>
      <c r="GU4954" s="91"/>
      <c r="GV4954" s="91"/>
      <c r="GW4954" s="91"/>
      <c r="GX4954" s="127"/>
      <c r="GY4954" s="126"/>
      <c r="GZ4954" s="91"/>
      <c r="HA4954" s="91"/>
      <c r="HB4954" s="91"/>
      <c r="HC4954" s="91"/>
      <c r="HD4954" s="91"/>
      <c r="HE4954" s="91"/>
      <c r="HF4954" s="91"/>
      <c r="HG4954" s="91"/>
      <c r="HH4954" s="91"/>
      <c r="HI4954" s="91"/>
      <c r="HJ4954" s="91"/>
      <c r="HK4954" s="127"/>
      <c r="HL4954" s="126"/>
      <c r="HM4954" s="91"/>
      <c r="HN4954" s="91"/>
      <c r="HO4954" s="91"/>
      <c r="HP4954" s="91"/>
      <c r="HQ4954" s="91"/>
      <c r="HR4954" s="91"/>
      <c r="HS4954" s="91"/>
      <c r="HT4954" s="91"/>
      <c r="HU4954" s="91"/>
      <c r="HV4954" s="91"/>
      <c r="HW4954" s="91"/>
      <c r="HX4954" s="127"/>
      <c r="HY4954" s="126"/>
      <c r="HZ4954" s="91"/>
      <c r="IA4954" s="91"/>
      <c r="IB4954" s="91"/>
      <c r="IC4954" s="91"/>
      <c r="ID4954" s="91"/>
      <c r="IE4954" s="91"/>
      <c r="IF4954" s="91"/>
      <c r="IG4954" s="91"/>
      <c r="IH4954" s="91"/>
      <c r="II4954" s="91"/>
      <c r="IJ4954" s="91"/>
      <c r="IK4954" s="174"/>
    </row>
    <row r="4955" spans="2:245" x14ac:dyDescent="0.2">
      <c r="B4955" s="43"/>
      <c r="C4955" s="73"/>
      <c r="D4955" s="64"/>
      <c r="E4955" s="64"/>
      <c r="F4955" s="55"/>
      <c r="G4955" s="102"/>
      <c r="H4955" s="97"/>
      <c r="T4955" s="98"/>
      <c r="U4955" s="97"/>
      <c r="AG4955" s="98"/>
      <c r="AY4955" s="164"/>
      <c r="BK4955" s="98"/>
      <c r="BL4955" s="97"/>
      <c r="BX4955" s="98"/>
      <c r="CL4955" s="97"/>
      <c r="CX4955" s="98"/>
      <c r="DL4955" s="97"/>
      <c r="DX4955" s="98"/>
      <c r="EL4955" s="97"/>
      <c r="EX4955" s="98"/>
      <c r="EY4955" s="97"/>
      <c r="FL4955" s="126"/>
      <c r="FM4955" s="91"/>
      <c r="FN4955" s="91"/>
      <c r="FO4955" s="91"/>
      <c r="FP4955" s="91"/>
      <c r="FQ4955" s="91"/>
      <c r="FR4955" s="91"/>
      <c r="FS4955" s="91"/>
      <c r="FT4955" s="91"/>
      <c r="FU4955" s="91"/>
      <c r="FV4955" s="91"/>
      <c r="FW4955" s="91"/>
      <c r="FX4955" s="127"/>
      <c r="FY4955" s="126"/>
      <c r="FZ4955" s="91"/>
      <c r="GA4955" s="91"/>
      <c r="GB4955" s="91"/>
      <c r="GC4955" s="91"/>
      <c r="GD4955" s="91"/>
      <c r="GE4955" s="91"/>
      <c r="GF4955" s="91"/>
      <c r="GG4955" s="91"/>
      <c r="GH4955" s="91"/>
      <c r="GI4955" s="91"/>
      <c r="GJ4955" s="91"/>
      <c r="GK4955" s="127"/>
      <c r="GL4955" s="126"/>
      <c r="GM4955" s="91"/>
      <c r="GN4955" s="91"/>
      <c r="GO4955" s="91"/>
      <c r="GP4955" s="91"/>
      <c r="GQ4955" s="91"/>
      <c r="GR4955" s="91"/>
      <c r="GS4955" s="91"/>
      <c r="GT4955" s="91"/>
      <c r="GU4955" s="91"/>
      <c r="GV4955" s="91"/>
      <c r="GW4955" s="91"/>
      <c r="GX4955" s="127"/>
      <c r="GY4955" s="126"/>
      <c r="GZ4955" s="91"/>
      <c r="HA4955" s="91"/>
      <c r="HB4955" s="91"/>
      <c r="HC4955" s="91"/>
      <c r="HD4955" s="91"/>
      <c r="HE4955" s="91"/>
      <c r="HF4955" s="91"/>
      <c r="HG4955" s="91"/>
      <c r="HH4955" s="91"/>
      <c r="HI4955" s="91"/>
      <c r="HJ4955" s="91"/>
      <c r="HK4955" s="127"/>
      <c r="HL4955" s="126"/>
      <c r="HM4955" s="91"/>
      <c r="HN4955" s="91"/>
      <c r="HO4955" s="91"/>
      <c r="HP4955" s="91"/>
      <c r="HQ4955" s="91"/>
      <c r="HR4955" s="91"/>
      <c r="HS4955" s="91"/>
      <c r="HT4955" s="91"/>
      <c r="HU4955" s="91"/>
      <c r="HV4955" s="91"/>
      <c r="HW4955" s="91"/>
      <c r="HX4955" s="127"/>
      <c r="HY4955" s="126"/>
      <c r="HZ4955" s="91"/>
      <c r="IA4955" s="91"/>
      <c r="IB4955" s="91"/>
      <c r="IC4955" s="91"/>
      <c r="ID4955" s="91"/>
      <c r="IE4955" s="91"/>
      <c r="IF4955" s="91"/>
      <c r="IG4955" s="91"/>
      <c r="IH4955" s="91"/>
      <c r="II4955" s="91"/>
      <c r="IJ4955" s="91"/>
      <c r="IK4955" s="174"/>
    </row>
    <row r="4956" spans="2:245" x14ac:dyDescent="0.2">
      <c r="B4956" s="43"/>
      <c r="C4956" s="73"/>
      <c r="D4956" s="64"/>
      <c r="E4956" s="64"/>
      <c r="F4956" s="55"/>
      <c r="G4956" s="102"/>
      <c r="H4956" s="97"/>
      <c r="T4956" s="98"/>
      <c r="U4956" s="97"/>
      <c r="AG4956" s="98"/>
      <c r="AY4956" s="164"/>
      <c r="BK4956" s="98"/>
      <c r="BL4956" s="97"/>
      <c r="BX4956" s="98"/>
      <c r="CL4956" s="97"/>
      <c r="CX4956" s="98"/>
      <c r="DL4956" s="97"/>
      <c r="DX4956" s="98"/>
      <c r="EL4956" s="97"/>
      <c r="EX4956" s="98"/>
      <c r="EY4956" s="97"/>
      <c r="FL4956" s="126"/>
      <c r="FM4956" s="91"/>
      <c r="FN4956" s="91"/>
      <c r="FO4956" s="91"/>
      <c r="FP4956" s="91"/>
      <c r="FQ4956" s="91"/>
      <c r="FR4956" s="91"/>
      <c r="FS4956" s="91"/>
      <c r="FT4956" s="91"/>
      <c r="FU4956" s="91"/>
      <c r="FV4956" s="91"/>
      <c r="FW4956" s="91"/>
      <c r="FX4956" s="127"/>
      <c r="FY4956" s="126"/>
      <c r="FZ4956" s="91"/>
      <c r="GA4956" s="91"/>
      <c r="GB4956" s="91"/>
      <c r="GC4956" s="91"/>
      <c r="GD4956" s="91"/>
      <c r="GE4956" s="91"/>
      <c r="GF4956" s="91"/>
      <c r="GG4956" s="91"/>
      <c r="GH4956" s="91"/>
      <c r="GI4956" s="91"/>
      <c r="GJ4956" s="91"/>
      <c r="GK4956" s="127"/>
      <c r="GL4956" s="126"/>
      <c r="GM4956" s="91"/>
      <c r="GN4956" s="91"/>
      <c r="GO4956" s="91"/>
      <c r="GP4956" s="91"/>
      <c r="GQ4956" s="91"/>
      <c r="GR4956" s="91"/>
      <c r="GS4956" s="91"/>
      <c r="GT4956" s="91"/>
      <c r="GU4956" s="91"/>
      <c r="GV4956" s="91"/>
      <c r="GW4956" s="91"/>
      <c r="GX4956" s="127"/>
      <c r="GY4956" s="126"/>
      <c r="GZ4956" s="91"/>
      <c r="HA4956" s="91"/>
      <c r="HB4956" s="91"/>
      <c r="HC4956" s="91"/>
      <c r="HD4956" s="91"/>
      <c r="HE4956" s="91"/>
      <c r="HF4956" s="91"/>
      <c r="HG4956" s="91"/>
      <c r="HH4956" s="91"/>
      <c r="HI4956" s="91"/>
      <c r="HJ4956" s="91"/>
      <c r="HK4956" s="127"/>
      <c r="HL4956" s="126"/>
      <c r="HM4956" s="91"/>
      <c r="HN4956" s="91"/>
      <c r="HO4956" s="91"/>
      <c r="HP4956" s="91"/>
      <c r="HQ4956" s="91"/>
      <c r="HR4956" s="91"/>
      <c r="HS4956" s="91"/>
      <c r="HT4956" s="91"/>
      <c r="HU4956" s="91"/>
      <c r="HV4956" s="91"/>
      <c r="HW4956" s="91"/>
      <c r="HX4956" s="127"/>
      <c r="HY4956" s="126"/>
      <c r="HZ4956" s="91"/>
      <c r="IA4956" s="91"/>
      <c r="IB4956" s="91"/>
      <c r="IC4956" s="91"/>
      <c r="ID4956" s="91"/>
      <c r="IE4956" s="91"/>
      <c r="IF4956" s="91"/>
      <c r="IG4956" s="91"/>
      <c r="IH4956" s="91"/>
      <c r="II4956" s="91"/>
      <c r="IJ4956" s="91"/>
      <c r="IK4956" s="174"/>
    </row>
    <row r="4957" spans="2:245" x14ac:dyDescent="0.2">
      <c r="B4957" s="43"/>
      <c r="C4957" s="73"/>
      <c r="D4957" s="64"/>
      <c r="E4957" s="64"/>
      <c r="F4957" s="55"/>
      <c r="G4957" s="102"/>
      <c r="H4957" s="97"/>
      <c r="T4957" s="98"/>
      <c r="U4957" s="97"/>
      <c r="AG4957" s="98"/>
      <c r="AY4957" s="164"/>
      <c r="BK4957" s="98"/>
      <c r="BL4957" s="97"/>
      <c r="BX4957" s="98"/>
      <c r="CL4957" s="97"/>
      <c r="CX4957" s="98"/>
      <c r="DL4957" s="97"/>
      <c r="DX4957" s="98"/>
      <c r="EL4957" s="97"/>
      <c r="EX4957" s="98"/>
      <c r="EY4957" s="97"/>
      <c r="FL4957" s="126"/>
      <c r="FM4957" s="91"/>
      <c r="FN4957" s="91"/>
      <c r="FO4957" s="91"/>
      <c r="FP4957" s="91"/>
      <c r="FQ4957" s="91"/>
      <c r="FR4957" s="91"/>
      <c r="FS4957" s="91"/>
      <c r="FT4957" s="91"/>
      <c r="FU4957" s="91"/>
      <c r="FV4957" s="91"/>
      <c r="FW4957" s="91"/>
      <c r="FX4957" s="127"/>
      <c r="FY4957" s="126"/>
      <c r="FZ4957" s="91"/>
      <c r="GA4957" s="91"/>
      <c r="GB4957" s="91"/>
      <c r="GC4957" s="91"/>
      <c r="GD4957" s="91"/>
      <c r="GE4957" s="91"/>
      <c r="GF4957" s="91"/>
      <c r="GG4957" s="91"/>
      <c r="GH4957" s="91"/>
      <c r="GI4957" s="91"/>
      <c r="GJ4957" s="91"/>
      <c r="GK4957" s="127"/>
      <c r="GL4957" s="126"/>
      <c r="GM4957" s="91"/>
      <c r="GN4957" s="91"/>
      <c r="GO4957" s="91"/>
      <c r="GP4957" s="91"/>
      <c r="GQ4957" s="91"/>
      <c r="GR4957" s="91"/>
      <c r="GS4957" s="91"/>
      <c r="GT4957" s="91"/>
      <c r="GU4957" s="91"/>
      <c r="GV4957" s="91"/>
      <c r="GW4957" s="91"/>
      <c r="GX4957" s="127"/>
      <c r="GY4957" s="126"/>
      <c r="GZ4957" s="91"/>
      <c r="HA4957" s="91"/>
      <c r="HB4957" s="91"/>
      <c r="HC4957" s="91"/>
      <c r="HD4957" s="91"/>
      <c r="HE4957" s="91"/>
      <c r="HF4957" s="91"/>
      <c r="HG4957" s="91"/>
      <c r="HH4957" s="91"/>
      <c r="HI4957" s="91"/>
      <c r="HJ4957" s="91"/>
      <c r="HK4957" s="127"/>
      <c r="HL4957" s="126"/>
      <c r="HM4957" s="91"/>
      <c r="HN4957" s="91"/>
      <c r="HO4957" s="91"/>
      <c r="HP4957" s="91"/>
      <c r="HQ4957" s="91"/>
      <c r="HR4957" s="91"/>
      <c r="HS4957" s="91"/>
      <c r="HT4957" s="91"/>
      <c r="HU4957" s="91"/>
      <c r="HV4957" s="91"/>
      <c r="HW4957" s="91"/>
      <c r="HX4957" s="127"/>
      <c r="HY4957" s="126"/>
      <c r="HZ4957" s="91"/>
      <c r="IA4957" s="91"/>
      <c r="IB4957" s="91"/>
      <c r="IC4957" s="91"/>
      <c r="ID4957" s="91"/>
      <c r="IE4957" s="91"/>
      <c r="IF4957" s="91"/>
      <c r="IG4957" s="91"/>
      <c r="IH4957" s="91"/>
      <c r="II4957" s="91"/>
      <c r="IJ4957" s="91"/>
      <c r="IK4957" s="174"/>
    </row>
    <row r="4958" spans="2:245" x14ac:dyDescent="0.2">
      <c r="B4958" s="43"/>
      <c r="C4958" s="73"/>
      <c r="D4958" s="64"/>
      <c r="E4958" s="64"/>
      <c r="F4958" s="55"/>
      <c r="G4958" s="102"/>
      <c r="H4958" s="97"/>
      <c r="T4958" s="98"/>
      <c r="U4958" s="97"/>
      <c r="AG4958" s="98"/>
      <c r="AY4958" s="164"/>
      <c r="BK4958" s="98"/>
      <c r="BL4958" s="97"/>
      <c r="BX4958" s="98"/>
      <c r="CL4958" s="97"/>
      <c r="CX4958" s="98"/>
      <c r="DL4958" s="97"/>
      <c r="DX4958" s="98"/>
      <c r="EL4958" s="97"/>
      <c r="EX4958" s="98"/>
      <c r="EY4958" s="97"/>
      <c r="FL4958" s="126"/>
      <c r="FM4958" s="91"/>
      <c r="FN4958" s="91"/>
      <c r="FO4958" s="91"/>
      <c r="FP4958" s="91"/>
      <c r="FQ4958" s="91"/>
      <c r="FR4958" s="91"/>
      <c r="FS4958" s="91"/>
      <c r="FT4958" s="91"/>
      <c r="FU4958" s="91"/>
      <c r="FV4958" s="91"/>
      <c r="FW4958" s="91"/>
      <c r="FX4958" s="127"/>
      <c r="FY4958" s="126"/>
      <c r="FZ4958" s="91"/>
      <c r="GA4958" s="91"/>
      <c r="GB4958" s="91"/>
      <c r="GC4958" s="91"/>
      <c r="GD4958" s="91"/>
      <c r="GE4958" s="91"/>
      <c r="GF4958" s="91"/>
      <c r="GG4958" s="91"/>
      <c r="GH4958" s="91"/>
      <c r="GI4958" s="91"/>
      <c r="GJ4958" s="91"/>
      <c r="GK4958" s="127"/>
      <c r="GL4958" s="126"/>
      <c r="GM4958" s="91"/>
      <c r="GN4958" s="91"/>
      <c r="GO4958" s="91"/>
      <c r="GP4958" s="91"/>
      <c r="GQ4958" s="91"/>
      <c r="GR4958" s="91"/>
      <c r="GS4958" s="91"/>
      <c r="GT4958" s="91"/>
      <c r="GU4958" s="91"/>
      <c r="GV4958" s="91"/>
      <c r="GW4958" s="91"/>
      <c r="GX4958" s="127"/>
      <c r="GY4958" s="126"/>
      <c r="GZ4958" s="91"/>
      <c r="HA4958" s="91"/>
      <c r="HB4958" s="91"/>
      <c r="HC4958" s="91"/>
      <c r="HD4958" s="91"/>
      <c r="HE4958" s="91"/>
      <c r="HF4958" s="91"/>
      <c r="HG4958" s="91"/>
      <c r="HH4958" s="91"/>
      <c r="HI4958" s="91"/>
      <c r="HJ4958" s="91"/>
      <c r="HK4958" s="127"/>
      <c r="HL4958" s="126"/>
      <c r="HM4958" s="91"/>
      <c r="HN4958" s="91"/>
      <c r="HO4958" s="91"/>
      <c r="HP4958" s="91"/>
      <c r="HQ4958" s="91"/>
      <c r="HR4958" s="91"/>
      <c r="HS4958" s="91"/>
      <c r="HT4958" s="91"/>
      <c r="HU4958" s="91"/>
      <c r="HV4958" s="91"/>
      <c r="HW4958" s="91"/>
      <c r="HX4958" s="127"/>
      <c r="HY4958" s="126"/>
      <c r="HZ4958" s="91"/>
      <c r="IA4958" s="91"/>
      <c r="IB4958" s="91"/>
      <c r="IC4958" s="91"/>
      <c r="ID4958" s="91"/>
      <c r="IE4958" s="91"/>
      <c r="IF4958" s="91"/>
      <c r="IG4958" s="91"/>
      <c r="IH4958" s="91"/>
      <c r="II4958" s="91"/>
      <c r="IJ4958" s="91"/>
      <c r="IK4958" s="174"/>
    </row>
    <row r="4959" spans="2:245" x14ac:dyDescent="0.2">
      <c r="B4959" s="43"/>
      <c r="C4959" s="73"/>
      <c r="D4959" s="64"/>
      <c r="E4959" s="64"/>
      <c r="F4959" s="55"/>
      <c r="G4959" s="102"/>
      <c r="H4959" s="97"/>
      <c r="T4959" s="98"/>
      <c r="U4959" s="97"/>
      <c r="AG4959" s="98"/>
      <c r="AY4959" s="164"/>
      <c r="BK4959" s="98"/>
      <c r="BL4959" s="97"/>
      <c r="BX4959" s="98"/>
      <c r="CL4959" s="97"/>
      <c r="CX4959" s="98"/>
      <c r="DL4959" s="97"/>
      <c r="DX4959" s="98"/>
      <c r="EL4959" s="97"/>
      <c r="EX4959" s="98"/>
      <c r="EY4959" s="97"/>
      <c r="FL4959" s="126"/>
      <c r="FM4959" s="91"/>
      <c r="FN4959" s="91"/>
      <c r="FO4959" s="91"/>
      <c r="FP4959" s="91"/>
      <c r="FQ4959" s="91"/>
      <c r="FR4959" s="91"/>
      <c r="FS4959" s="91"/>
      <c r="FT4959" s="91"/>
      <c r="FU4959" s="91"/>
      <c r="FV4959" s="91"/>
      <c r="FW4959" s="91"/>
      <c r="FX4959" s="127"/>
      <c r="FY4959" s="126"/>
      <c r="FZ4959" s="91"/>
      <c r="GA4959" s="91"/>
      <c r="GB4959" s="91"/>
      <c r="GC4959" s="91"/>
      <c r="GD4959" s="91"/>
      <c r="GE4959" s="91"/>
      <c r="GF4959" s="91"/>
      <c r="GG4959" s="91"/>
      <c r="GH4959" s="91"/>
      <c r="GI4959" s="91"/>
      <c r="GJ4959" s="91"/>
      <c r="GK4959" s="127"/>
      <c r="GL4959" s="126"/>
      <c r="GM4959" s="91"/>
      <c r="GN4959" s="91"/>
      <c r="GO4959" s="91"/>
      <c r="GP4959" s="91"/>
      <c r="GQ4959" s="91"/>
      <c r="GR4959" s="91"/>
      <c r="GS4959" s="91"/>
      <c r="GT4959" s="91"/>
      <c r="GU4959" s="91"/>
      <c r="GV4959" s="91"/>
      <c r="GW4959" s="91"/>
      <c r="GX4959" s="127"/>
      <c r="GY4959" s="126"/>
      <c r="GZ4959" s="91"/>
      <c r="HA4959" s="91"/>
      <c r="HB4959" s="91"/>
      <c r="HC4959" s="91"/>
      <c r="HD4959" s="91"/>
      <c r="HE4959" s="91"/>
      <c r="HF4959" s="91"/>
      <c r="HG4959" s="91"/>
      <c r="HH4959" s="91"/>
      <c r="HI4959" s="91"/>
      <c r="HJ4959" s="91"/>
      <c r="HK4959" s="127"/>
      <c r="HL4959" s="126"/>
      <c r="HM4959" s="91"/>
      <c r="HN4959" s="91"/>
      <c r="HO4959" s="91"/>
      <c r="HP4959" s="91"/>
      <c r="HQ4959" s="91"/>
      <c r="HR4959" s="91"/>
      <c r="HS4959" s="91"/>
      <c r="HT4959" s="91"/>
      <c r="HU4959" s="91"/>
      <c r="HV4959" s="91"/>
      <c r="HW4959" s="91"/>
      <c r="HX4959" s="127"/>
      <c r="HY4959" s="126"/>
      <c r="HZ4959" s="91"/>
      <c r="IA4959" s="91"/>
      <c r="IB4959" s="91"/>
      <c r="IC4959" s="91"/>
      <c r="ID4959" s="91"/>
      <c r="IE4959" s="91"/>
      <c r="IF4959" s="91"/>
      <c r="IG4959" s="91"/>
      <c r="IH4959" s="91"/>
      <c r="II4959" s="91"/>
      <c r="IJ4959" s="91"/>
      <c r="IK4959" s="174"/>
    </row>
    <row r="4960" spans="2:245" x14ac:dyDescent="0.2">
      <c r="B4960" s="43"/>
      <c r="C4960" s="73"/>
      <c r="D4960" s="64"/>
      <c r="E4960" s="64"/>
      <c r="F4960" s="55"/>
      <c r="G4960" s="102"/>
      <c r="H4960" s="97"/>
      <c r="T4960" s="98"/>
      <c r="U4960" s="97"/>
      <c r="AG4960" s="98"/>
      <c r="AY4960" s="164"/>
      <c r="BK4960" s="98"/>
      <c r="BL4960" s="97"/>
      <c r="BX4960" s="98"/>
      <c r="CL4960" s="97"/>
      <c r="CX4960" s="98"/>
      <c r="DL4960" s="97"/>
      <c r="DX4960" s="98"/>
      <c r="EL4960" s="97"/>
      <c r="EX4960" s="98"/>
      <c r="EY4960" s="97"/>
      <c r="FL4960" s="126"/>
      <c r="FM4960" s="91"/>
      <c r="FN4960" s="91"/>
      <c r="FO4960" s="91"/>
      <c r="FP4960" s="91"/>
      <c r="FQ4960" s="91"/>
      <c r="FR4960" s="91"/>
      <c r="FS4960" s="91"/>
      <c r="FT4960" s="91"/>
      <c r="FU4960" s="91"/>
      <c r="FV4960" s="91"/>
      <c r="FW4960" s="91"/>
      <c r="FX4960" s="127"/>
      <c r="FY4960" s="126"/>
      <c r="FZ4960" s="91"/>
      <c r="GA4960" s="91"/>
      <c r="GB4960" s="91"/>
      <c r="GC4960" s="91"/>
      <c r="GD4960" s="91"/>
      <c r="GE4960" s="91"/>
      <c r="GF4960" s="91"/>
      <c r="GG4960" s="91"/>
      <c r="GH4960" s="91"/>
      <c r="GI4960" s="91"/>
      <c r="GJ4960" s="91"/>
      <c r="GK4960" s="127"/>
      <c r="GL4960" s="126"/>
      <c r="GM4960" s="91"/>
      <c r="GN4960" s="91"/>
      <c r="GO4960" s="91"/>
      <c r="GP4960" s="91"/>
      <c r="GQ4960" s="91"/>
      <c r="GR4960" s="91"/>
      <c r="GS4960" s="91"/>
      <c r="GT4960" s="91"/>
      <c r="GU4960" s="91"/>
      <c r="GV4960" s="91"/>
      <c r="GW4960" s="91"/>
      <c r="GX4960" s="127"/>
      <c r="GY4960" s="126"/>
      <c r="GZ4960" s="91"/>
      <c r="HA4960" s="91"/>
      <c r="HB4960" s="91"/>
      <c r="HC4960" s="91"/>
      <c r="HD4960" s="91"/>
      <c r="HE4960" s="91"/>
      <c r="HF4960" s="91"/>
      <c r="HG4960" s="91"/>
      <c r="HH4960" s="91"/>
      <c r="HI4960" s="91"/>
      <c r="HJ4960" s="91"/>
      <c r="HK4960" s="127"/>
      <c r="HL4960" s="126"/>
      <c r="HM4960" s="91"/>
      <c r="HN4960" s="91"/>
      <c r="HO4960" s="91"/>
      <c r="HP4960" s="91"/>
      <c r="HQ4960" s="91"/>
      <c r="HR4960" s="91"/>
      <c r="HS4960" s="91"/>
      <c r="HT4960" s="91"/>
      <c r="HU4960" s="91"/>
      <c r="HV4960" s="91"/>
      <c r="HW4960" s="91"/>
      <c r="HX4960" s="127"/>
      <c r="HY4960" s="126"/>
      <c r="HZ4960" s="91"/>
      <c r="IA4960" s="91"/>
      <c r="IB4960" s="91"/>
      <c r="IC4960" s="91"/>
      <c r="ID4960" s="91"/>
      <c r="IE4960" s="91"/>
      <c r="IF4960" s="91"/>
      <c r="IG4960" s="91"/>
      <c r="IH4960" s="91"/>
      <c r="II4960" s="91"/>
      <c r="IJ4960" s="91"/>
      <c r="IK4960" s="174"/>
    </row>
    <row r="4961" spans="2:245" x14ac:dyDescent="0.2">
      <c r="B4961" s="43"/>
      <c r="C4961" s="73"/>
      <c r="D4961" s="64"/>
      <c r="E4961" s="64"/>
      <c r="F4961" s="55"/>
      <c r="G4961" s="102"/>
      <c r="H4961" s="97"/>
      <c r="T4961" s="98"/>
      <c r="U4961" s="97"/>
      <c r="AG4961" s="98"/>
      <c r="AY4961" s="164"/>
      <c r="BK4961" s="98"/>
      <c r="BL4961" s="97"/>
      <c r="BX4961" s="98"/>
      <c r="CL4961" s="97"/>
      <c r="CX4961" s="98"/>
      <c r="DL4961" s="97"/>
      <c r="DX4961" s="98"/>
      <c r="EL4961" s="97"/>
      <c r="EX4961" s="98"/>
      <c r="EY4961" s="97"/>
      <c r="FL4961" s="126"/>
      <c r="FM4961" s="91"/>
      <c r="FN4961" s="91"/>
      <c r="FO4961" s="91"/>
      <c r="FP4961" s="91"/>
      <c r="FQ4961" s="91"/>
      <c r="FR4961" s="91"/>
      <c r="FS4961" s="91"/>
      <c r="FT4961" s="91"/>
      <c r="FU4961" s="91"/>
      <c r="FV4961" s="91"/>
      <c r="FW4961" s="91"/>
      <c r="FX4961" s="127"/>
      <c r="FY4961" s="126"/>
      <c r="FZ4961" s="91"/>
      <c r="GA4961" s="91"/>
      <c r="GB4961" s="91"/>
      <c r="GC4961" s="91"/>
      <c r="GD4961" s="91"/>
      <c r="GE4961" s="91"/>
      <c r="GF4961" s="91"/>
      <c r="GG4961" s="91"/>
      <c r="GH4961" s="91"/>
      <c r="GI4961" s="91"/>
      <c r="GJ4961" s="91"/>
      <c r="GK4961" s="127"/>
      <c r="GL4961" s="126"/>
      <c r="GM4961" s="91"/>
      <c r="GN4961" s="91"/>
      <c r="GO4961" s="91"/>
      <c r="GP4961" s="91"/>
      <c r="GQ4961" s="91"/>
      <c r="GR4961" s="91"/>
      <c r="GS4961" s="91"/>
      <c r="GT4961" s="91"/>
      <c r="GU4961" s="91"/>
      <c r="GV4961" s="91"/>
      <c r="GW4961" s="91"/>
      <c r="GX4961" s="127"/>
      <c r="GY4961" s="126"/>
      <c r="GZ4961" s="91"/>
      <c r="HA4961" s="91"/>
      <c r="HB4961" s="91"/>
      <c r="HC4961" s="91"/>
      <c r="HD4961" s="91"/>
      <c r="HE4961" s="91"/>
      <c r="HF4961" s="91"/>
      <c r="HG4961" s="91"/>
      <c r="HH4961" s="91"/>
      <c r="HI4961" s="91"/>
      <c r="HJ4961" s="91"/>
      <c r="HK4961" s="127"/>
      <c r="HL4961" s="126"/>
      <c r="HM4961" s="91"/>
      <c r="HN4961" s="91"/>
      <c r="HO4961" s="91"/>
      <c r="HP4961" s="91"/>
      <c r="HQ4961" s="91"/>
      <c r="HR4961" s="91"/>
      <c r="HS4961" s="91"/>
      <c r="HT4961" s="91"/>
      <c r="HU4961" s="91"/>
      <c r="HV4961" s="91"/>
      <c r="HW4961" s="91"/>
      <c r="HX4961" s="127"/>
      <c r="HY4961" s="126"/>
      <c r="HZ4961" s="91"/>
      <c r="IA4961" s="91"/>
      <c r="IB4961" s="91"/>
      <c r="IC4961" s="91"/>
      <c r="ID4961" s="91"/>
      <c r="IE4961" s="91"/>
      <c r="IF4961" s="91"/>
      <c r="IG4961" s="91"/>
      <c r="IH4961" s="91"/>
      <c r="II4961" s="91"/>
      <c r="IJ4961" s="91"/>
      <c r="IK4961" s="174"/>
    </row>
    <row r="4962" spans="2:245" x14ac:dyDescent="0.2">
      <c r="B4962" s="43"/>
      <c r="C4962" s="73"/>
      <c r="D4962" s="64"/>
      <c r="E4962" s="64"/>
      <c r="F4962" s="55"/>
      <c r="G4962" s="102"/>
      <c r="H4962" s="97"/>
      <c r="T4962" s="98"/>
      <c r="U4962" s="97"/>
      <c r="AG4962" s="98"/>
      <c r="AY4962" s="164"/>
      <c r="BK4962" s="98"/>
      <c r="BL4962" s="97"/>
      <c r="BX4962" s="98"/>
      <c r="CL4962" s="97"/>
      <c r="CX4962" s="98"/>
      <c r="DL4962" s="97"/>
      <c r="DX4962" s="98"/>
      <c r="EL4962" s="97"/>
      <c r="EX4962" s="98"/>
      <c r="EY4962" s="97"/>
      <c r="FL4962" s="126"/>
      <c r="FM4962" s="91"/>
      <c r="FN4962" s="91"/>
      <c r="FO4962" s="91"/>
      <c r="FP4962" s="91"/>
      <c r="FQ4962" s="91"/>
      <c r="FR4962" s="91"/>
      <c r="FS4962" s="91"/>
      <c r="FT4962" s="91"/>
      <c r="FU4962" s="91"/>
      <c r="FV4962" s="91"/>
      <c r="FW4962" s="91"/>
      <c r="FX4962" s="127"/>
      <c r="FY4962" s="126"/>
      <c r="FZ4962" s="91"/>
      <c r="GA4962" s="91"/>
      <c r="GB4962" s="91"/>
      <c r="GC4962" s="91"/>
      <c r="GD4962" s="91"/>
      <c r="GE4962" s="91"/>
      <c r="GF4962" s="91"/>
      <c r="GG4962" s="91"/>
      <c r="GH4962" s="91"/>
      <c r="GI4962" s="91"/>
      <c r="GJ4962" s="91"/>
      <c r="GK4962" s="127"/>
      <c r="GL4962" s="126"/>
      <c r="GM4962" s="91"/>
      <c r="GN4962" s="91"/>
      <c r="GO4962" s="91"/>
      <c r="GP4962" s="91"/>
      <c r="GQ4962" s="91"/>
      <c r="GR4962" s="91"/>
      <c r="GS4962" s="91"/>
      <c r="GT4962" s="91"/>
      <c r="GU4962" s="91"/>
      <c r="GV4962" s="91"/>
      <c r="GW4962" s="91"/>
      <c r="GX4962" s="127"/>
      <c r="GY4962" s="126"/>
      <c r="GZ4962" s="91"/>
      <c r="HA4962" s="91"/>
      <c r="HB4962" s="91"/>
      <c r="HC4962" s="91"/>
      <c r="HD4962" s="91"/>
      <c r="HE4962" s="91"/>
      <c r="HF4962" s="91"/>
      <c r="HG4962" s="91"/>
      <c r="HH4962" s="91"/>
      <c r="HI4962" s="91"/>
      <c r="HJ4962" s="91"/>
      <c r="HK4962" s="127"/>
      <c r="HL4962" s="126"/>
      <c r="HM4962" s="91"/>
      <c r="HN4962" s="91"/>
      <c r="HO4962" s="91"/>
      <c r="HP4962" s="91"/>
      <c r="HQ4962" s="91"/>
      <c r="HR4962" s="91"/>
      <c r="HS4962" s="91"/>
      <c r="HT4962" s="91"/>
      <c r="HU4962" s="91"/>
      <c r="HV4962" s="91"/>
      <c r="HW4962" s="91"/>
      <c r="HX4962" s="127"/>
      <c r="HY4962" s="126"/>
      <c r="HZ4962" s="91"/>
      <c r="IA4962" s="91"/>
      <c r="IB4962" s="91"/>
      <c r="IC4962" s="91"/>
      <c r="ID4962" s="91"/>
      <c r="IE4962" s="91"/>
      <c r="IF4962" s="91"/>
      <c r="IG4962" s="91"/>
      <c r="IH4962" s="91"/>
      <c r="II4962" s="91"/>
      <c r="IJ4962" s="91"/>
      <c r="IK4962" s="174"/>
    </row>
    <row r="4963" spans="2:245" x14ac:dyDescent="0.2">
      <c r="B4963" s="43"/>
      <c r="C4963" s="73"/>
      <c r="D4963" s="64"/>
      <c r="E4963" s="64"/>
      <c r="F4963" s="55"/>
      <c r="G4963" s="102"/>
      <c r="H4963" s="97"/>
      <c r="T4963" s="98"/>
      <c r="U4963" s="97"/>
      <c r="AG4963" s="98"/>
      <c r="AY4963" s="164"/>
      <c r="BK4963" s="98"/>
      <c r="BL4963" s="97"/>
      <c r="BX4963" s="98"/>
      <c r="CL4963" s="97"/>
      <c r="CX4963" s="98"/>
      <c r="DL4963" s="97"/>
      <c r="DX4963" s="98"/>
      <c r="EL4963" s="97"/>
      <c r="EX4963" s="98"/>
      <c r="EY4963" s="97"/>
      <c r="FL4963" s="126"/>
      <c r="FM4963" s="91"/>
      <c r="FN4963" s="91"/>
      <c r="FO4963" s="91"/>
      <c r="FP4963" s="91"/>
      <c r="FQ4963" s="91"/>
      <c r="FR4963" s="91"/>
      <c r="FS4963" s="91"/>
      <c r="FT4963" s="91"/>
      <c r="FU4963" s="91"/>
      <c r="FV4963" s="91"/>
      <c r="FW4963" s="91"/>
      <c r="FX4963" s="127"/>
      <c r="FY4963" s="126"/>
      <c r="FZ4963" s="91"/>
      <c r="GA4963" s="91"/>
      <c r="GB4963" s="91"/>
      <c r="GC4963" s="91"/>
      <c r="GD4963" s="91"/>
      <c r="GE4963" s="91"/>
      <c r="GF4963" s="91"/>
      <c r="GG4963" s="91"/>
      <c r="GH4963" s="91"/>
      <c r="GI4963" s="91"/>
      <c r="GJ4963" s="91"/>
      <c r="GK4963" s="127"/>
      <c r="GL4963" s="126"/>
      <c r="GM4963" s="91"/>
      <c r="GN4963" s="91"/>
      <c r="GO4963" s="91"/>
      <c r="GP4963" s="91"/>
      <c r="GQ4963" s="91"/>
      <c r="GR4963" s="91"/>
      <c r="GS4963" s="91"/>
      <c r="GT4963" s="91"/>
      <c r="GU4963" s="91"/>
      <c r="GV4963" s="91"/>
      <c r="GW4963" s="91"/>
      <c r="GX4963" s="127"/>
      <c r="GY4963" s="126"/>
      <c r="GZ4963" s="91"/>
      <c r="HA4963" s="91"/>
      <c r="HB4963" s="91"/>
      <c r="HC4963" s="91"/>
      <c r="HD4963" s="91"/>
      <c r="HE4963" s="91"/>
      <c r="HF4963" s="91"/>
      <c r="HG4963" s="91"/>
      <c r="HH4963" s="91"/>
      <c r="HI4963" s="91"/>
      <c r="HJ4963" s="91"/>
      <c r="HK4963" s="127"/>
      <c r="HL4963" s="126"/>
      <c r="HM4963" s="91"/>
      <c r="HN4963" s="91"/>
      <c r="HO4963" s="91"/>
      <c r="HP4963" s="91"/>
      <c r="HQ4963" s="91"/>
      <c r="HR4963" s="91"/>
      <c r="HS4963" s="91"/>
      <c r="HT4963" s="91"/>
      <c r="HU4963" s="91"/>
      <c r="HV4963" s="91"/>
      <c r="HW4963" s="91"/>
      <c r="HX4963" s="127"/>
      <c r="HY4963" s="126"/>
      <c r="HZ4963" s="91"/>
      <c r="IA4963" s="91"/>
      <c r="IB4963" s="91"/>
      <c r="IC4963" s="91"/>
      <c r="ID4963" s="91"/>
      <c r="IE4963" s="91"/>
      <c r="IF4963" s="91"/>
      <c r="IG4963" s="91"/>
      <c r="IH4963" s="91"/>
      <c r="II4963" s="91"/>
      <c r="IJ4963" s="91"/>
      <c r="IK4963" s="174"/>
    </row>
    <row r="4964" spans="2:245" x14ac:dyDescent="0.2">
      <c r="B4964" s="43"/>
      <c r="C4964" s="73"/>
      <c r="D4964" s="64"/>
      <c r="E4964" s="64"/>
      <c r="F4964" s="55"/>
      <c r="G4964" s="102"/>
      <c r="H4964" s="97"/>
      <c r="T4964" s="98"/>
      <c r="U4964" s="97"/>
      <c r="AG4964" s="98"/>
      <c r="AY4964" s="164"/>
      <c r="BK4964" s="98"/>
      <c r="BL4964" s="97"/>
      <c r="BX4964" s="98"/>
      <c r="CL4964" s="97"/>
      <c r="CX4964" s="98"/>
      <c r="DL4964" s="97"/>
      <c r="DX4964" s="98"/>
      <c r="EL4964" s="97"/>
      <c r="EX4964" s="98"/>
      <c r="EY4964" s="97"/>
      <c r="FL4964" s="126"/>
      <c r="FM4964" s="91"/>
      <c r="FN4964" s="91"/>
      <c r="FO4964" s="91"/>
      <c r="FP4964" s="91"/>
      <c r="FQ4964" s="91"/>
      <c r="FR4964" s="91"/>
      <c r="FS4964" s="91"/>
      <c r="FT4964" s="91"/>
      <c r="FU4964" s="91"/>
      <c r="FV4964" s="91"/>
      <c r="FW4964" s="91"/>
      <c r="FX4964" s="127"/>
      <c r="FY4964" s="126"/>
      <c r="FZ4964" s="91"/>
      <c r="GA4964" s="91"/>
      <c r="GB4964" s="91"/>
      <c r="GC4964" s="91"/>
      <c r="GD4964" s="91"/>
      <c r="GE4964" s="91"/>
      <c r="GF4964" s="91"/>
      <c r="GG4964" s="91"/>
      <c r="GH4964" s="91"/>
      <c r="GI4964" s="91"/>
      <c r="GJ4964" s="91"/>
      <c r="GK4964" s="127"/>
      <c r="GL4964" s="126"/>
      <c r="GM4964" s="91"/>
      <c r="GN4964" s="91"/>
      <c r="GO4964" s="91"/>
      <c r="GP4964" s="91"/>
      <c r="GQ4964" s="91"/>
      <c r="GR4964" s="91"/>
      <c r="GS4964" s="91"/>
      <c r="GT4964" s="91"/>
      <c r="GU4964" s="91"/>
      <c r="GV4964" s="91"/>
      <c r="GW4964" s="91"/>
      <c r="GX4964" s="127"/>
      <c r="GY4964" s="126"/>
      <c r="GZ4964" s="91"/>
      <c r="HA4964" s="91"/>
      <c r="HB4964" s="91"/>
      <c r="HC4964" s="91"/>
      <c r="HD4964" s="91"/>
      <c r="HE4964" s="91"/>
      <c r="HF4964" s="91"/>
      <c r="HG4964" s="91"/>
      <c r="HH4964" s="91"/>
      <c r="HI4964" s="91"/>
      <c r="HJ4964" s="91"/>
      <c r="HK4964" s="127"/>
      <c r="HL4964" s="126"/>
      <c r="HM4964" s="91"/>
      <c r="HN4964" s="91"/>
      <c r="HO4964" s="91"/>
      <c r="HP4964" s="91"/>
      <c r="HQ4964" s="91"/>
      <c r="HR4964" s="91"/>
      <c r="HS4964" s="91"/>
      <c r="HT4964" s="91"/>
      <c r="HU4964" s="91"/>
      <c r="HV4964" s="91"/>
      <c r="HW4964" s="91"/>
      <c r="HX4964" s="127"/>
      <c r="HY4964" s="126"/>
      <c r="HZ4964" s="91"/>
      <c r="IA4964" s="91"/>
      <c r="IB4964" s="91"/>
      <c r="IC4964" s="91"/>
      <c r="ID4964" s="91"/>
      <c r="IE4964" s="91"/>
      <c r="IF4964" s="91"/>
      <c r="IG4964" s="91"/>
      <c r="IH4964" s="91"/>
      <c r="II4964" s="91"/>
      <c r="IJ4964" s="91"/>
      <c r="IK4964" s="174"/>
    </row>
    <row r="4965" spans="2:245" x14ac:dyDescent="0.2">
      <c r="B4965" s="43"/>
      <c r="C4965" s="73"/>
      <c r="D4965" s="64"/>
      <c r="E4965" s="64"/>
      <c r="F4965" s="55"/>
      <c r="G4965" s="102"/>
      <c r="H4965" s="97"/>
      <c r="T4965" s="98"/>
      <c r="U4965" s="97"/>
      <c r="AG4965" s="98"/>
      <c r="AY4965" s="164"/>
      <c r="BK4965" s="98"/>
      <c r="BL4965" s="97"/>
      <c r="BX4965" s="98"/>
      <c r="CL4965" s="97"/>
      <c r="CX4965" s="98"/>
      <c r="DL4965" s="97"/>
      <c r="DX4965" s="98"/>
      <c r="EL4965" s="97"/>
      <c r="EX4965" s="98"/>
      <c r="EY4965" s="97"/>
      <c r="FL4965" s="126"/>
      <c r="FM4965" s="91"/>
      <c r="FN4965" s="91"/>
      <c r="FO4965" s="91"/>
      <c r="FP4965" s="91"/>
      <c r="FQ4965" s="91"/>
      <c r="FR4965" s="91"/>
      <c r="FS4965" s="91"/>
      <c r="FT4965" s="91"/>
      <c r="FU4965" s="91"/>
      <c r="FV4965" s="91"/>
      <c r="FW4965" s="91"/>
      <c r="FX4965" s="127"/>
      <c r="FY4965" s="126"/>
      <c r="FZ4965" s="91"/>
      <c r="GA4965" s="91"/>
      <c r="GB4965" s="91"/>
      <c r="GC4965" s="91"/>
      <c r="GD4965" s="91"/>
      <c r="GE4965" s="91"/>
      <c r="GF4965" s="91"/>
      <c r="GG4965" s="91"/>
      <c r="GH4965" s="91"/>
      <c r="GI4965" s="91"/>
      <c r="GJ4965" s="91"/>
      <c r="GK4965" s="127"/>
      <c r="GL4965" s="126"/>
      <c r="GM4965" s="91"/>
      <c r="GN4965" s="91"/>
      <c r="GO4965" s="91"/>
      <c r="GP4965" s="91"/>
      <c r="GQ4965" s="91"/>
      <c r="GR4965" s="91"/>
      <c r="GS4965" s="91"/>
      <c r="GT4965" s="91"/>
      <c r="GU4965" s="91"/>
      <c r="GV4965" s="91"/>
      <c r="GW4965" s="91"/>
      <c r="GX4965" s="127"/>
      <c r="GY4965" s="126"/>
      <c r="GZ4965" s="91"/>
      <c r="HA4965" s="91"/>
      <c r="HB4965" s="91"/>
      <c r="HC4965" s="91"/>
      <c r="HD4965" s="91"/>
      <c r="HE4965" s="91"/>
      <c r="HF4965" s="91"/>
      <c r="HG4965" s="91"/>
      <c r="HH4965" s="91"/>
      <c r="HI4965" s="91"/>
      <c r="HJ4965" s="91"/>
      <c r="HK4965" s="127"/>
      <c r="HL4965" s="126"/>
      <c r="HM4965" s="91"/>
      <c r="HN4965" s="91"/>
      <c r="HO4965" s="91"/>
      <c r="HP4965" s="91"/>
      <c r="HQ4965" s="91"/>
      <c r="HR4965" s="91"/>
      <c r="HS4965" s="91"/>
      <c r="HT4965" s="91"/>
      <c r="HU4965" s="91"/>
      <c r="HV4965" s="91"/>
      <c r="HW4965" s="91"/>
      <c r="HX4965" s="127"/>
      <c r="HY4965" s="126"/>
      <c r="HZ4965" s="91"/>
      <c r="IA4965" s="91"/>
      <c r="IB4965" s="91"/>
      <c r="IC4965" s="91"/>
      <c r="ID4965" s="91"/>
      <c r="IE4965" s="91"/>
      <c r="IF4965" s="91"/>
      <c r="IG4965" s="91"/>
      <c r="IH4965" s="91"/>
      <c r="II4965" s="91"/>
      <c r="IJ4965" s="91"/>
      <c r="IK4965" s="174"/>
    </row>
    <row r="4966" spans="2:245" x14ac:dyDescent="0.2">
      <c r="B4966" s="43"/>
      <c r="C4966" s="73"/>
      <c r="D4966" s="64"/>
      <c r="E4966" s="64"/>
      <c r="F4966" s="55"/>
      <c r="G4966" s="102"/>
      <c r="H4966" s="97"/>
      <c r="T4966" s="98"/>
      <c r="U4966" s="97"/>
      <c r="AG4966" s="98"/>
      <c r="AY4966" s="164"/>
      <c r="BK4966" s="98"/>
      <c r="BL4966" s="97"/>
      <c r="BX4966" s="98"/>
      <c r="CL4966" s="97"/>
      <c r="CX4966" s="98"/>
      <c r="DL4966" s="97"/>
      <c r="DX4966" s="98"/>
      <c r="EL4966" s="97"/>
      <c r="EX4966" s="98"/>
      <c r="EY4966" s="97"/>
      <c r="FL4966" s="126"/>
      <c r="FM4966" s="91"/>
      <c r="FN4966" s="91"/>
      <c r="FO4966" s="91"/>
      <c r="FP4966" s="91"/>
      <c r="FQ4966" s="91"/>
      <c r="FR4966" s="91"/>
      <c r="FS4966" s="91"/>
      <c r="FT4966" s="91"/>
      <c r="FU4966" s="91"/>
      <c r="FV4966" s="91"/>
      <c r="FW4966" s="91"/>
      <c r="FX4966" s="127"/>
      <c r="FY4966" s="126"/>
      <c r="FZ4966" s="91"/>
      <c r="GA4966" s="91"/>
      <c r="GB4966" s="91"/>
      <c r="GC4966" s="91"/>
      <c r="GD4966" s="91"/>
      <c r="GE4966" s="91"/>
      <c r="GF4966" s="91"/>
      <c r="GG4966" s="91"/>
      <c r="GH4966" s="91"/>
      <c r="GI4966" s="91"/>
      <c r="GJ4966" s="91"/>
      <c r="GK4966" s="127"/>
      <c r="GL4966" s="126"/>
      <c r="GM4966" s="91"/>
      <c r="GN4966" s="91"/>
      <c r="GO4966" s="91"/>
      <c r="GP4966" s="91"/>
      <c r="GQ4966" s="91"/>
      <c r="GR4966" s="91"/>
      <c r="GS4966" s="91"/>
      <c r="GT4966" s="91"/>
      <c r="GU4966" s="91"/>
      <c r="GV4966" s="91"/>
      <c r="GW4966" s="91"/>
      <c r="GX4966" s="127"/>
      <c r="GY4966" s="126"/>
      <c r="GZ4966" s="91"/>
      <c r="HA4966" s="91"/>
      <c r="HB4966" s="91"/>
      <c r="HC4966" s="91"/>
      <c r="HD4966" s="91"/>
      <c r="HE4966" s="91"/>
      <c r="HF4966" s="91"/>
      <c r="HG4966" s="91"/>
      <c r="HH4966" s="91"/>
      <c r="HI4966" s="91"/>
      <c r="HJ4966" s="91"/>
      <c r="HK4966" s="127"/>
      <c r="HL4966" s="126"/>
      <c r="HM4966" s="91"/>
      <c r="HN4966" s="91"/>
      <c r="HO4966" s="91"/>
      <c r="HP4966" s="91"/>
      <c r="HQ4966" s="91"/>
      <c r="HR4966" s="91"/>
      <c r="HS4966" s="91"/>
      <c r="HT4966" s="91"/>
      <c r="HU4966" s="91"/>
      <c r="HV4966" s="91"/>
      <c r="HW4966" s="91"/>
      <c r="HX4966" s="127"/>
      <c r="HY4966" s="126"/>
      <c r="HZ4966" s="91"/>
      <c r="IA4966" s="91"/>
      <c r="IB4966" s="91"/>
      <c r="IC4966" s="91"/>
      <c r="ID4966" s="91"/>
      <c r="IE4966" s="91"/>
      <c r="IF4966" s="91"/>
      <c r="IG4966" s="91"/>
      <c r="IH4966" s="91"/>
      <c r="II4966" s="91"/>
      <c r="IJ4966" s="91"/>
      <c r="IK4966" s="174"/>
    </row>
    <row r="4967" spans="2:245" x14ac:dyDescent="0.2">
      <c r="B4967" s="43"/>
      <c r="C4967" s="73"/>
      <c r="D4967" s="64"/>
      <c r="E4967" s="64"/>
      <c r="F4967" s="55"/>
      <c r="G4967" s="102"/>
      <c r="H4967" s="97"/>
      <c r="T4967" s="98"/>
      <c r="U4967" s="97"/>
      <c r="AG4967" s="98"/>
      <c r="AY4967" s="164"/>
      <c r="BK4967" s="98"/>
      <c r="BL4967" s="97"/>
      <c r="BX4967" s="98"/>
      <c r="CL4967" s="97"/>
      <c r="CX4967" s="98"/>
      <c r="DL4967" s="97"/>
      <c r="DX4967" s="98"/>
      <c r="EL4967" s="97"/>
      <c r="EX4967" s="98"/>
      <c r="EY4967" s="97"/>
      <c r="FL4967" s="126"/>
      <c r="FM4967" s="91"/>
      <c r="FN4967" s="91"/>
      <c r="FO4967" s="91"/>
      <c r="FP4967" s="91"/>
      <c r="FQ4967" s="91"/>
      <c r="FR4967" s="91"/>
      <c r="FS4967" s="91"/>
      <c r="FT4967" s="91"/>
      <c r="FU4967" s="91"/>
      <c r="FV4967" s="91"/>
      <c r="FW4967" s="91"/>
      <c r="FX4967" s="127"/>
      <c r="FY4967" s="126"/>
      <c r="FZ4967" s="91"/>
      <c r="GA4967" s="91"/>
      <c r="GB4967" s="91"/>
      <c r="GC4967" s="91"/>
      <c r="GD4967" s="91"/>
      <c r="GE4967" s="91"/>
      <c r="GF4967" s="91"/>
      <c r="GG4967" s="91"/>
      <c r="GH4967" s="91"/>
      <c r="GI4967" s="91"/>
      <c r="GJ4967" s="91"/>
      <c r="GK4967" s="127"/>
      <c r="GL4967" s="126"/>
      <c r="GM4967" s="91"/>
      <c r="GN4967" s="91"/>
      <c r="GO4967" s="91"/>
      <c r="GP4967" s="91"/>
      <c r="GQ4967" s="91"/>
      <c r="GR4967" s="91"/>
      <c r="GS4967" s="91"/>
      <c r="GT4967" s="91"/>
      <c r="GU4967" s="91"/>
      <c r="GV4967" s="91"/>
      <c r="GW4967" s="91"/>
      <c r="GX4967" s="127"/>
      <c r="GY4967" s="126"/>
      <c r="GZ4967" s="91"/>
      <c r="HA4967" s="91"/>
      <c r="HB4967" s="91"/>
      <c r="HC4967" s="91"/>
      <c r="HD4967" s="91"/>
      <c r="HE4967" s="91"/>
      <c r="HF4967" s="91"/>
      <c r="HG4967" s="91"/>
      <c r="HH4967" s="91"/>
      <c r="HI4967" s="91"/>
      <c r="HJ4967" s="91"/>
      <c r="HK4967" s="127"/>
      <c r="HL4967" s="126"/>
      <c r="HM4967" s="91"/>
      <c r="HN4967" s="91"/>
      <c r="HO4967" s="91"/>
      <c r="HP4967" s="91"/>
      <c r="HQ4967" s="91"/>
      <c r="HR4967" s="91"/>
      <c r="HS4967" s="91"/>
      <c r="HT4967" s="91"/>
      <c r="HU4967" s="91"/>
      <c r="HV4967" s="91"/>
      <c r="HW4967" s="91"/>
      <c r="HX4967" s="127"/>
      <c r="HY4967" s="126"/>
      <c r="HZ4967" s="91"/>
      <c r="IA4967" s="91"/>
      <c r="IB4967" s="91"/>
      <c r="IC4967" s="91"/>
      <c r="ID4967" s="91"/>
      <c r="IE4967" s="91"/>
      <c r="IF4967" s="91"/>
      <c r="IG4967" s="91"/>
      <c r="IH4967" s="91"/>
      <c r="II4967" s="91"/>
      <c r="IJ4967" s="91"/>
      <c r="IK4967" s="174"/>
    </row>
    <row r="4968" spans="2:245" x14ac:dyDescent="0.2">
      <c r="B4968" s="43"/>
      <c r="C4968" s="73"/>
      <c r="D4968" s="64"/>
      <c r="E4968" s="64"/>
      <c r="F4968" s="55"/>
      <c r="G4968" s="102"/>
      <c r="H4968" s="97"/>
      <c r="T4968" s="98"/>
      <c r="U4968" s="97"/>
      <c r="AG4968" s="98"/>
      <c r="AY4968" s="164"/>
      <c r="BK4968" s="98"/>
      <c r="BL4968" s="97"/>
      <c r="BX4968" s="98"/>
      <c r="CL4968" s="97"/>
      <c r="CX4968" s="98"/>
      <c r="DL4968" s="97"/>
      <c r="DX4968" s="98"/>
      <c r="EL4968" s="97"/>
      <c r="EX4968" s="98"/>
      <c r="EY4968" s="97"/>
      <c r="FL4968" s="126"/>
      <c r="FM4968" s="91"/>
      <c r="FN4968" s="91"/>
      <c r="FO4968" s="91"/>
      <c r="FP4968" s="91"/>
      <c r="FQ4968" s="91"/>
      <c r="FR4968" s="91"/>
      <c r="FS4968" s="91"/>
      <c r="FT4968" s="91"/>
      <c r="FU4968" s="91"/>
      <c r="FV4968" s="91"/>
      <c r="FW4968" s="91"/>
      <c r="FX4968" s="127"/>
      <c r="FY4968" s="126"/>
      <c r="FZ4968" s="91"/>
      <c r="GA4968" s="91"/>
      <c r="GB4968" s="91"/>
      <c r="GC4968" s="91"/>
      <c r="GD4968" s="91"/>
      <c r="GE4968" s="91"/>
      <c r="GF4968" s="91"/>
      <c r="GG4968" s="91"/>
      <c r="GH4968" s="91"/>
      <c r="GI4968" s="91"/>
      <c r="GJ4968" s="91"/>
      <c r="GK4968" s="127"/>
      <c r="GL4968" s="126"/>
      <c r="GM4968" s="91"/>
      <c r="GN4968" s="91"/>
      <c r="GO4968" s="91"/>
      <c r="GP4968" s="91"/>
      <c r="GQ4968" s="91"/>
      <c r="GR4968" s="91"/>
      <c r="GS4968" s="91"/>
      <c r="GT4968" s="91"/>
      <c r="GU4968" s="91"/>
      <c r="GV4968" s="91"/>
      <c r="GW4968" s="91"/>
      <c r="GX4968" s="127"/>
      <c r="GY4968" s="126"/>
      <c r="GZ4968" s="91"/>
      <c r="HA4968" s="91"/>
      <c r="HB4968" s="91"/>
      <c r="HC4968" s="91"/>
      <c r="HD4968" s="91"/>
      <c r="HE4968" s="91"/>
      <c r="HF4968" s="91"/>
      <c r="HG4968" s="91"/>
      <c r="HH4968" s="91"/>
      <c r="HI4968" s="91"/>
      <c r="HJ4968" s="91"/>
      <c r="HK4968" s="127"/>
      <c r="HL4968" s="126"/>
      <c r="HM4968" s="91"/>
      <c r="HN4968" s="91"/>
      <c r="HO4968" s="91"/>
      <c r="HP4968" s="91"/>
      <c r="HQ4968" s="91"/>
      <c r="HR4968" s="91"/>
      <c r="HS4968" s="91"/>
      <c r="HT4968" s="91"/>
      <c r="HU4968" s="91"/>
      <c r="HV4968" s="91"/>
      <c r="HW4968" s="91"/>
      <c r="HX4968" s="127"/>
      <c r="HY4968" s="126"/>
      <c r="HZ4968" s="91"/>
      <c r="IA4968" s="91"/>
      <c r="IB4968" s="91"/>
      <c r="IC4968" s="91"/>
      <c r="ID4968" s="91"/>
      <c r="IE4968" s="91"/>
      <c r="IF4968" s="91"/>
      <c r="IG4968" s="91"/>
      <c r="IH4968" s="91"/>
      <c r="II4968" s="91"/>
      <c r="IJ4968" s="91"/>
      <c r="IK4968" s="174"/>
    </row>
    <row r="4969" spans="2:245" x14ac:dyDescent="0.2">
      <c r="B4969" s="43"/>
      <c r="C4969" s="73"/>
      <c r="D4969" s="64"/>
      <c r="E4969" s="64"/>
      <c r="F4969" s="55"/>
      <c r="G4969" s="102"/>
      <c r="H4969" s="97"/>
      <c r="T4969" s="98"/>
      <c r="U4969" s="97"/>
      <c r="AG4969" s="98"/>
      <c r="AY4969" s="164"/>
      <c r="BK4969" s="98"/>
      <c r="BL4969" s="97"/>
      <c r="BX4969" s="98"/>
      <c r="CL4969" s="97"/>
      <c r="CX4969" s="98"/>
      <c r="DL4969" s="97"/>
      <c r="DX4969" s="98"/>
      <c r="EL4969" s="97"/>
      <c r="EX4969" s="98"/>
      <c r="EY4969" s="97"/>
      <c r="FL4969" s="126"/>
      <c r="FM4969" s="91"/>
      <c r="FN4969" s="91"/>
      <c r="FO4969" s="91"/>
      <c r="FP4969" s="91"/>
      <c r="FQ4969" s="91"/>
      <c r="FR4969" s="91"/>
      <c r="FS4969" s="91"/>
      <c r="FT4969" s="91"/>
      <c r="FU4969" s="91"/>
      <c r="FV4969" s="91"/>
      <c r="FW4969" s="91"/>
      <c r="FX4969" s="127"/>
      <c r="FY4969" s="126"/>
      <c r="FZ4969" s="91"/>
      <c r="GA4969" s="91"/>
      <c r="GB4969" s="91"/>
      <c r="GC4969" s="91"/>
      <c r="GD4969" s="91"/>
      <c r="GE4969" s="91"/>
      <c r="GF4969" s="91"/>
      <c r="GG4969" s="91"/>
      <c r="GH4969" s="91"/>
      <c r="GI4969" s="91"/>
      <c r="GJ4969" s="91"/>
      <c r="GK4969" s="127"/>
      <c r="GL4969" s="126"/>
      <c r="GM4969" s="91"/>
      <c r="GN4969" s="91"/>
      <c r="GO4969" s="91"/>
      <c r="GP4969" s="91"/>
      <c r="GQ4969" s="91"/>
      <c r="GR4969" s="91"/>
      <c r="GS4969" s="91"/>
      <c r="GT4969" s="91"/>
      <c r="GU4969" s="91"/>
      <c r="GV4969" s="91"/>
      <c r="GW4969" s="91"/>
      <c r="GX4969" s="127"/>
      <c r="GY4969" s="126"/>
      <c r="GZ4969" s="91"/>
      <c r="HA4969" s="91"/>
      <c r="HB4969" s="91"/>
      <c r="HC4969" s="91"/>
      <c r="HD4969" s="91"/>
      <c r="HE4969" s="91"/>
      <c r="HF4969" s="91"/>
      <c r="HG4969" s="91"/>
      <c r="HH4969" s="91"/>
      <c r="HI4969" s="91"/>
      <c r="HJ4969" s="91"/>
      <c r="HK4969" s="127"/>
      <c r="HL4969" s="126"/>
      <c r="HM4969" s="91"/>
      <c r="HN4969" s="91"/>
      <c r="HO4969" s="91"/>
      <c r="HP4969" s="91"/>
      <c r="HQ4969" s="91"/>
      <c r="HR4969" s="91"/>
      <c r="HS4969" s="91"/>
      <c r="HT4969" s="91"/>
      <c r="HU4969" s="91"/>
      <c r="HV4969" s="91"/>
      <c r="HW4969" s="91"/>
      <c r="HX4969" s="127"/>
      <c r="HY4969" s="126"/>
      <c r="HZ4969" s="91"/>
      <c r="IA4969" s="91"/>
      <c r="IB4969" s="91"/>
      <c r="IC4969" s="91"/>
      <c r="ID4969" s="91"/>
      <c r="IE4969" s="91"/>
      <c r="IF4969" s="91"/>
      <c r="IG4969" s="91"/>
      <c r="IH4969" s="91"/>
      <c r="II4969" s="91"/>
      <c r="IJ4969" s="91"/>
      <c r="IK4969" s="174"/>
    </row>
    <row r="4970" spans="2:245" x14ac:dyDescent="0.2">
      <c r="B4970" s="43"/>
      <c r="C4970" s="73"/>
      <c r="D4970" s="64"/>
      <c r="E4970" s="64"/>
      <c r="F4970" s="55"/>
      <c r="G4970" s="102"/>
      <c r="H4970" s="97"/>
      <c r="T4970" s="98"/>
      <c r="U4970" s="97"/>
      <c r="AG4970" s="98"/>
      <c r="AY4970" s="164"/>
      <c r="BK4970" s="98"/>
      <c r="BL4970" s="97"/>
      <c r="BX4970" s="98"/>
      <c r="CL4970" s="97"/>
      <c r="CX4970" s="98"/>
      <c r="DL4970" s="97"/>
      <c r="DX4970" s="98"/>
      <c r="EL4970" s="97"/>
      <c r="EX4970" s="98"/>
      <c r="EY4970" s="97"/>
      <c r="FL4970" s="126"/>
      <c r="FM4970" s="91"/>
      <c r="FN4970" s="91"/>
      <c r="FO4970" s="91"/>
      <c r="FP4970" s="91"/>
      <c r="FQ4970" s="91"/>
      <c r="FR4970" s="91"/>
      <c r="FS4970" s="91"/>
      <c r="FT4970" s="91"/>
      <c r="FU4970" s="91"/>
      <c r="FV4970" s="91"/>
      <c r="FW4970" s="91"/>
      <c r="FX4970" s="127"/>
      <c r="FY4970" s="126"/>
      <c r="FZ4970" s="91"/>
      <c r="GA4970" s="91"/>
      <c r="GB4970" s="91"/>
      <c r="GC4970" s="91"/>
      <c r="GD4970" s="91"/>
      <c r="GE4970" s="91"/>
      <c r="GF4970" s="91"/>
      <c r="GG4970" s="91"/>
      <c r="GH4970" s="91"/>
      <c r="GI4970" s="91"/>
      <c r="GJ4970" s="91"/>
      <c r="GK4970" s="127"/>
      <c r="GL4970" s="126"/>
      <c r="GM4970" s="91"/>
      <c r="GN4970" s="91"/>
      <c r="GO4970" s="91"/>
      <c r="GP4970" s="91"/>
      <c r="GQ4970" s="91"/>
      <c r="GR4970" s="91"/>
      <c r="GS4970" s="91"/>
      <c r="GT4970" s="91"/>
      <c r="GU4970" s="91"/>
      <c r="GV4970" s="91"/>
      <c r="GW4970" s="91"/>
      <c r="GX4970" s="127"/>
      <c r="GY4970" s="126"/>
      <c r="GZ4970" s="91"/>
      <c r="HA4970" s="91"/>
      <c r="HB4970" s="91"/>
      <c r="HC4970" s="91"/>
      <c r="HD4970" s="91"/>
      <c r="HE4970" s="91"/>
      <c r="HF4970" s="91"/>
      <c r="HG4970" s="91"/>
      <c r="HH4970" s="91"/>
      <c r="HI4970" s="91"/>
      <c r="HJ4970" s="91"/>
      <c r="HK4970" s="127"/>
      <c r="HL4970" s="126"/>
      <c r="HM4970" s="91"/>
      <c r="HN4970" s="91"/>
      <c r="HO4970" s="91"/>
      <c r="HP4970" s="91"/>
      <c r="HQ4970" s="91"/>
      <c r="HR4970" s="91"/>
      <c r="HS4970" s="91"/>
      <c r="HT4970" s="91"/>
      <c r="HU4970" s="91"/>
      <c r="HV4970" s="91"/>
      <c r="HW4970" s="91"/>
      <c r="HX4970" s="127"/>
      <c r="HY4970" s="126"/>
      <c r="HZ4970" s="91"/>
      <c r="IA4970" s="91"/>
      <c r="IB4970" s="91"/>
      <c r="IC4970" s="91"/>
      <c r="ID4970" s="91"/>
      <c r="IE4970" s="91"/>
      <c r="IF4970" s="91"/>
      <c r="IG4970" s="91"/>
      <c r="IH4970" s="91"/>
      <c r="II4970" s="91"/>
      <c r="IJ4970" s="91"/>
      <c r="IK4970" s="174"/>
    </row>
    <row r="4971" spans="2:245" x14ac:dyDescent="0.2">
      <c r="B4971" s="43"/>
      <c r="C4971" s="73"/>
      <c r="D4971" s="64"/>
      <c r="E4971" s="64"/>
      <c r="F4971" s="55"/>
      <c r="G4971" s="102"/>
      <c r="H4971" s="97"/>
      <c r="T4971" s="98"/>
      <c r="U4971" s="97"/>
      <c r="AG4971" s="98"/>
      <c r="AY4971" s="164"/>
      <c r="BK4971" s="98"/>
      <c r="BL4971" s="97"/>
      <c r="BX4971" s="98"/>
      <c r="CL4971" s="97"/>
      <c r="CX4971" s="98"/>
      <c r="DL4971" s="97"/>
      <c r="DX4971" s="98"/>
      <c r="EL4971" s="97"/>
      <c r="EX4971" s="98"/>
      <c r="EY4971" s="97"/>
      <c r="FL4971" s="126"/>
      <c r="FM4971" s="91"/>
      <c r="FN4971" s="91"/>
      <c r="FO4971" s="91"/>
      <c r="FP4971" s="91"/>
      <c r="FQ4971" s="91"/>
      <c r="FR4971" s="91"/>
      <c r="FS4971" s="91"/>
      <c r="FT4971" s="91"/>
      <c r="FU4971" s="91"/>
      <c r="FV4971" s="91"/>
      <c r="FW4971" s="91"/>
      <c r="FX4971" s="127"/>
      <c r="FY4971" s="126"/>
      <c r="FZ4971" s="91"/>
      <c r="GA4971" s="91"/>
      <c r="GB4971" s="91"/>
      <c r="GC4971" s="91"/>
      <c r="GD4971" s="91"/>
      <c r="GE4971" s="91"/>
      <c r="GF4971" s="91"/>
      <c r="GG4971" s="91"/>
      <c r="GH4971" s="91"/>
      <c r="GI4971" s="91"/>
      <c r="GJ4971" s="91"/>
      <c r="GK4971" s="127"/>
      <c r="GL4971" s="126"/>
      <c r="GM4971" s="91"/>
      <c r="GN4971" s="91"/>
      <c r="GO4971" s="91"/>
      <c r="GP4971" s="91"/>
      <c r="GQ4971" s="91"/>
      <c r="GR4971" s="91"/>
      <c r="GS4971" s="91"/>
      <c r="GT4971" s="91"/>
      <c r="GU4971" s="91"/>
      <c r="GV4971" s="91"/>
      <c r="GW4971" s="91"/>
      <c r="GX4971" s="127"/>
      <c r="GY4971" s="126"/>
      <c r="GZ4971" s="91"/>
      <c r="HA4971" s="91"/>
      <c r="HB4971" s="91"/>
      <c r="HC4971" s="91"/>
      <c r="HD4971" s="91"/>
      <c r="HE4971" s="91"/>
      <c r="HF4971" s="91"/>
      <c r="HG4971" s="91"/>
      <c r="HH4971" s="91"/>
      <c r="HI4971" s="91"/>
      <c r="HJ4971" s="91"/>
      <c r="HK4971" s="127"/>
      <c r="HL4971" s="126"/>
      <c r="HM4971" s="91"/>
      <c r="HN4971" s="91"/>
      <c r="HO4971" s="91"/>
      <c r="HP4971" s="91"/>
      <c r="HQ4971" s="91"/>
      <c r="HR4971" s="91"/>
      <c r="HS4971" s="91"/>
      <c r="HT4971" s="91"/>
      <c r="HU4971" s="91"/>
      <c r="HV4971" s="91"/>
      <c r="HW4971" s="91"/>
      <c r="HX4971" s="127"/>
      <c r="HY4971" s="126"/>
      <c r="HZ4971" s="91"/>
      <c r="IA4971" s="91"/>
      <c r="IB4971" s="91"/>
      <c r="IC4971" s="91"/>
      <c r="ID4971" s="91"/>
      <c r="IE4971" s="91"/>
      <c r="IF4971" s="91"/>
      <c r="IG4971" s="91"/>
      <c r="IH4971" s="91"/>
      <c r="II4971" s="91"/>
      <c r="IJ4971" s="91"/>
      <c r="IK4971" s="174"/>
    </row>
    <row r="4972" spans="2:245" x14ac:dyDescent="0.2">
      <c r="B4972" s="43"/>
      <c r="C4972" s="73"/>
      <c r="D4972" s="64"/>
      <c r="E4972" s="64"/>
      <c r="F4972" s="55"/>
      <c r="G4972" s="102"/>
      <c r="H4972" s="97"/>
      <c r="T4972" s="98"/>
      <c r="U4972" s="97"/>
      <c r="AG4972" s="98"/>
      <c r="AY4972" s="164"/>
      <c r="BK4972" s="98"/>
      <c r="BL4972" s="97"/>
      <c r="BX4972" s="98"/>
      <c r="CL4972" s="97"/>
      <c r="CX4972" s="98"/>
      <c r="DL4972" s="97"/>
      <c r="DX4972" s="98"/>
      <c r="EL4972" s="97"/>
      <c r="EX4972" s="98"/>
      <c r="EY4972" s="97"/>
      <c r="FL4972" s="126"/>
      <c r="FM4972" s="91"/>
      <c r="FN4972" s="91"/>
      <c r="FO4972" s="91"/>
      <c r="FP4972" s="91"/>
      <c r="FQ4972" s="91"/>
      <c r="FR4972" s="91"/>
      <c r="FS4972" s="91"/>
      <c r="FT4972" s="91"/>
      <c r="FU4972" s="91"/>
      <c r="FV4972" s="91"/>
      <c r="FW4972" s="91"/>
      <c r="FX4972" s="127"/>
      <c r="FY4972" s="126"/>
      <c r="FZ4972" s="91"/>
      <c r="GA4972" s="91"/>
      <c r="GB4972" s="91"/>
      <c r="GC4972" s="91"/>
      <c r="GD4972" s="91"/>
      <c r="GE4972" s="91"/>
      <c r="GF4972" s="91"/>
      <c r="GG4972" s="91"/>
      <c r="GH4972" s="91"/>
      <c r="GI4972" s="91"/>
      <c r="GJ4972" s="91"/>
      <c r="GK4972" s="127"/>
      <c r="GL4972" s="126"/>
      <c r="GM4972" s="91"/>
      <c r="GN4972" s="91"/>
      <c r="GO4972" s="91"/>
      <c r="GP4972" s="91"/>
      <c r="GQ4972" s="91"/>
      <c r="GR4972" s="91"/>
      <c r="GS4972" s="91"/>
      <c r="GT4972" s="91"/>
      <c r="GU4972" s="91"/>
      <c r="GV4972" s="91"/>
      <c r="GW4972" s="91"/>
      <c r="GX4972" s="127"/>
      <c r="GY4972" s="126"/>
      <c r="GZ4972" s="91"/>
      <c r="HA4972" s="91"/>
      <c r="HB4972" s="91"/>
      <c r="HC4972" s="91"/>
      <c r="HD4972" s="91"/>
      <c r="HE4972" s="91"/>
      <c r="HF4972" s="91"/>
      <c r="HG4972" s="91"/>
      <c r="HH4972" s="91"/>
      <c r="HI4972" s="91"/>
      <c r="HJ4972" s="91"/>
      <c r="HK4972" s="127"/>
      <c r="HL4972" s="126"/>
      <c r="HM4972" s="91"/>
      <c r="HN4972" s="91"/>
      <c r="HO4972" s="91"/>
      <c r="HP4972" s="91"/>
      <c r="HQ4972" s="91"/>
      <c r="HR4972" s="91"/>
      <c r="HS4972" s="91"/>
      <c r="HT4972" s="91"/>
      <c r="HU4972" s="91"/>
      <c r="HV4972" s="91"/>
      <c r="HW4972" s="91"/>
      <c r="HX4972" s="127"/>
      <c r="HY4972" s="126"/>
      <c r="HZ4972" s="91"/>
      <c r="IA4972" s="91"/>
      <c r="IB4972" s="91"/>
      <c r="IC4972" s="91"/>
      <c r="ID4972" s="91"/>
      <c r="IE4972" s="91"/>
      <c r="IF4972" s="91"/>
      <c r="IG4972" s="91"/>
      <c r="IH4972" s="91"/>
      <c r="II4972" s="91"/>
      <c r="IJ4972" s="91"/>
      <c r="IK4972" s="174"/>
    </row>
    <row r="4973" spans="2:245" x14ac:dyDescent="0.2">
      <c r="B4973" s="43"/>
      <c r="C4973" s="73"/>
      <c r="D4973" s="64"/>
      <c r="E4973" s="64"/>
      <c r="F4973" s="55"/>
      <c r="G4973" s="102"/>
      <c r="H4973" s="97"/>
      <c r="T4973" s="98"/>
      <c r="U4973" s="97"/>
      <c r="AG4973" s="98"/>
      <c r="AY4973" s="164"/>
      <c r="BK4973" s="98"/>
      <c r="BL4973" s="97"/>
      <c r="BX4973" s="98"/>
      <c r="CL4973" s="97"/>
      <c r="CX4973" s="98"/>
      <c r="DL4973" s="97"/>
      <c r="DX4973" s="98"/>
      <c r="EL4973" s="97"/>
      <c r="EX4973" s="98"/>
      <c r="EY4973" s="97"/>
      <c r="FL4973" s="126"/>
      <c r="FM4973" s="91"/>
      <c r="FN4973" s="91"/>
      <c r="FO4973" s="91"/>
      <c r="FP4973" s="91"/>
      <c r="FQ4973" s="91"/>
      <c r="FR4973" s="91"/>
      <c r="FS4973" s="91"/>
      <c r="FT4973" s="91"/>
      <c r="FU4973" s="91"/>
      <c r="FV4973" s="91"/>
      <c r="FW4973" s="91"/>
      <c r="FX4973" s="127"/>
      <c r="FY4973" s="126"/>
      <c r="FZ4973" s="91"/>
      <c r="GA4973" s="91"/>
      <c r="GB4973" s="91"/>
      <c r="GC4973" s="91"/>
      <c r="GD4973" s="91"/>
      <c r="GE4973" s="91"/>
      <c r="GF4973" s="91"/>
      <c r="GG4973" s="91"/>
      <c r="GH4973" s="91"/>
      <c r="GI4973" s="91"/>
      <c r="GJ4973" s="91"/>
      <c r="GK4973" s="127"/>
      <c r="GL4973" s="126"/>
      <c r="GM4973" s="91"/>
      <c r="GN4973" s="91"/>
      <c r="GO4973" s="91"/>
      <c r="GP4973" s="91"/>
      <c r="GQ4973" s="91"/>
      <c r="GR4973" s="91"/>
      <c r="GS4973" s="91"/>
      <c r="GT4973" s="91"/>
      <c r="GU4973" s="91"/>
      <c r="GV4973" s="91"/>
      <c r="GW4973" s="91"/>
      <c r="GX4973" s="127"/>
      <c r="GY4973" s="126"/>
      <c r="GZ4973" s="91"/>
      <c r="HA4973" s="91"/>
      <c r="HB4973" s="91"/>
      <c r="HC4973" s="91"/>
      <c r="HD4973" s="91"/>
      <c r="HE4973" s="91"/>
      <c r="HF4973" s="91"/>
      <c r="HG4973" s="91"/>
      <c r="HH4973" s="91"/>
      <c r="HI4973" s="91"/>
      <c r="HJ4973" s="91"/>
      <c r="HK4973" s="127"/>
      <c r="HL4973" s="126"/>
      <c r="HM4973" s="91"/>
      <c r="HN4973" s="91"/>
      <c r="HO4973" s="91"/>
      <c r="HP4973" s="91"/>
      <c r="HQ4973" s="91"/>
      <c r="HR4973" s="91"/>
      <c r="HS4973" s="91"/>
      <c r="HT4973" s="91"/>
      <c r="HU4973" s="91"/>
      <c r="HV4973" s="91"/>
      <c r="HW4973" s="91"/>
      <c r="HX4973" s="127"/>
      <c r="HY4973" s="126"/>
      <c r="HZ4973" s="91"/>
      <c r="IA4973" s="91"/>
      <c r="IB4973" s="91"/>
      <c r="IC4973" s="91"/>
      <c r="ID4973" s="91"/>
      <c r="IE4973" s="91"/>
      <c r="IF4973" s="91"/>
      <c r="IG4973" s="91"/>
      <c r="IH4973" s="91"/>
      <c r="II4973" s="91"/>
      <c r="IJ4973" s="91"/>
      <c r="IK4973" s="174"/>
    </row>
    <row r="4974" spans="2:245" x14ac:dyDescent="0.2">
      <c r="B4974" s="43"/>
      <c r="C4974" s="73"/>
      <c r="D4974" s="64"/>
      <c r="E4974" s="64"/>
      <c r="F4974" s="55"/>
      <c r="G4974" s="102"/>
      <c r="H4974" s="97"/>
      <c r="T4974" s="98"/>
      <c r="U4974" s="97"/>
      <c r="AG4974" s="98"/>
      <c r="AY4974" s="164"/>
      <c r="BK4974" s="98"/>
      <c r="BL4974" s="97"/>
      <c r="BX4974" s="98"/>
      <c r="CL4974" s="97"/>
      <c r="CX4974" s="98"/>
      <c r="DL4974" s="97"/>
      <c r="DX4974" s="98"/>
      <c r="EL4974" s="97"/>
      <c r="EX4974" s="98"/>
      <c r="EY4974" s="97"/>
      <c r="FL4974" s="126"/>
      <c r="FM4974" s="91"/>
      <c r="FN4974" s="91"/>
      <c r="FO4974" s="91"/>
      <c r="FP4974" s="91"/>
      <c r="FQ4974" s="91"/>
      <c r="FR4974" s="91"/>
      <c r="FS4974" s="91"/>
      <c r="FT4974" s="91"/>
      <c r="FU4974" s="91"/>
      <c r="FV4974" s="91"/>
      <c r="FW4974" s="91"/>
      <c r="FX4974" s="127"/>
      <c r="FY4974" s="126"/>
      <c r="FZ4974" s="91"/>
      <c r="GA4974" s="91"/>
      <c r="GB4974" s="91"/>
      <c r="GC4974" s="91"/>
      <c r="GD4974" s="91"/>
      <c r="GE4974" s="91"/>
      <c r="GF4974" s="91"/>
      <c r="GG4974" s="91"/>
      <c r="GH4974" s="91"/>
      <c r="GI4974" s="91"/>
      <c r="GJ4974" s="91"/>
      <c r="GK4974" s="127"/>
      <c r="GL4974" s="126"/>
      <c r="GM4974" s="91"/>
      <c r="GN4974" s="91"/>
      <c r="GO4974" s="91"/>
      <c r="GP4974" s="91"/>
      <c r="GQ4974" s="91"/>
      <c r="GR4974" s="91"/>
      <c r="GS4974" s="91"/>
      <c r="GT4974" s="91"/>
      <c r="GU4974" s="91"/>
      <c r="GV4974" s="91"/>
      <c r="GW4974" s="91"/>
      <c r="GX4974" s="127"/>
      <c r="GY4974" s="126"/>
      <c r="GZ4974" s="91"/>
      <c r="HA4974" s="91"/>
      <c r="HB4974" s="91"/>
      <c r="HC4974" s="91"/>
      <c r="HD4974" s="91"/>
      <c r="HE4974" s="91"/>
      <c r="HF4974" s="91"/>
      <c r="HG4974" s="91"/>
      <c r="HH4974" s="91"/>
      <c r="HI4974" s="91"/>
      <c r="HJ4974" s="91"/>
      <c r="HK4974" s="127"/>
      <c r="HL4974" s="126"/>
      <c r="HM4974" s="91"/>
      <c r="HN4974" s="91"/>
      <c r="HO4974" s="91"/>
      <c r="HP4974" s="91"/>
      <c r="HQ4974" s="91"/>
      <c r="HR4974" s="91"/>
      <c r="HS4974" s="91"/>
      <c r="HT4974" s="91"/>
      <c r="HU4974" s="91"/>
      <c r="HV4974" s="91"/>
      <c r="HW4974" s="91"/>
      <c r="HX4974" s="127"/>
      <c r="HY4974" s="126"/>
      <c r="HZ4974" s="91"/>
      <c r="IA4974" s="91"/>
      <c r="IB4974" s="91"/>
      <c r="IC4974" s="91"/>
      <c r="ID4974" s="91"/>
      <c r="IE4974" s="91"/>
      <c r="IF4974" s="91"/>
      <c r="IG4974" s="91"/>
      <c r="IH4974" s="91"/>
      <c r="II4974" s="91"/>
      <c r="IJ4974" s="91"/>
      <c r="IK4974" s="174"/>
    </row>
    <row r="4975" spans="2:245" x14ac:dyDescent="0.2">
      <c r="B4975" s="43"/>
      <c r="C4975" s="73"/>
      <c r="D4975" s="64"/>
      <c r="E4975" s="64"/>
      <c r="F4975" s="55"/>
      <c r="G4975" s="102"/>
      <c r="H4975" s="97"/>
      <c r="T4975" s="98"/>
      <c r="U4975" s="97"/>
      <c r="AG4975" s="98"/>
      <c r="AY4975" s="164"/>
      <c r="BK4975" s="98"/>
      <c r="BL4975" s="97"/>
      <c r="BX4975" s="98"/>
      <c r="CL4975" s="97"/>
      <c r="CX4975" s="98"/>
      <c r="DL4975" s="97"/>
      <c r="DX4975" s="98"/>
      <c r="EL4975" s="97"/>
      <c r="EX4975" s="98"/>
      <c r="EY4975" s="97"/>
      <c r="FL4975" s="126"/>
      <c r="FM4975" s="91"/>
      <c r="FN4975" s="91"/>
      <c r="FO4975" s="91"/>
      <c r="FP4975" s="91"/>
      <c r="FQ4975" s="91"/>
      <c r="FR4975" s="91"/>
      <c r="FS4975" s="91"/>
      <c r="FT4975" s="91"/>
      <c r="FU4975" s="91"/>
      <c r="FV4975" s="91"/>
      <c r="FW4975" s="91"/>
      <c r="FX4975" s="127"/>
      <c r="FY4975" s="126"/>
      <c r="FZ4975" s="91"/>
      <c r="GA4975" s="91"/>
      <c r="GB4975" s="91"/>
      <c r="GC4975" s="91"/>
      <c r="GD4975" s="91"/>
      <c r="GE4975" s="91"/>
      <c r="GF4975" s="91"/>
      <c r="GG4975" s="91"/>
      <c r="GH4975" s="91"/>
      <c r="GI4975" s="91"/>
      <c r="GJ4975" s="91"/>
      <c r="GK4975" s="127"/>
      <c r="GL4975" s="126"/>
      <c r="GM4975" s="91"/>
      <c r="GN4975" s="91"/>
      <c r="GO4975" s="91"/>
      <c r="GP4975" s="91"/>
      <c r="GQ4975" s="91"/>
      <c r="GR4975" s="91"/>
      <c r="GS4975" s="91"/>
      <c r="GT4975" s="91"/>
      <c r="GU4975" s="91"/>
      <c r="GV4975" s="91"/>
      <c r="GW4975" s="91"/>
      <c r="GX4975" s="127"/>
      <c r="GY4975" s="126"/>
      <c r="GZ4975" s="91"/>
      <c r="HA4975" s="91"/>
      <c r="HB4975" s="91"/>
      <c r="HC4975" s="91"/>
      <c r="HD4975" s="91"/>
      <c r="HE4975" s="91"/>
      <c r="HF4975" s="91"/>
      <c r="HG4975" s="91"/>
      <c r="HH4975" s="91"/>
      <c r="HI4975" s="91"/>
      <c r="HJ4975" s="91"/>
      <c r="HK4975" s="127"/>
      <c r="HL4975" s="126"/>
      <c r="HM4975" s="91"/>
      <c r="HN4975" s="91"/>
      <c r="HO4975" s="91"/>
      <c r="HP4975" s="91"/>
      <c r="HQ4975" s="91"/>
      <c r="HR4975" s="91"/>
      <c r="HS4975" s="91"/>
      <c r="HT4975" s="91"/>
      <c r="HU4975" s="91"/>
      <c r="HV4975" s="91"/>
      <c r="HW4975" s="91"/>
      <c r="HX4975" s="127"/>
      <c r="HY4975" s="126"/>
      <c r="HZ4975" s="91"/>
      <c r="IA4975" s="91"/>
      <c r="IB4975" s="91"/>
      <c r="IC4975" s="91"/>
      <c r="ID4975" s="91"/>
      <c r="IE4975" s="91"/>
      <c r="IF4975" s="91"/>
      <c r="IG4975" s="91"/>
      <c r="IH4975" s="91"/>
      <c r="II4975" s="91"/>
      <c r="IJ4975" s="91"/>
      <c r="IK4975" s="174"/>
    </row>
    <row r="4976" spans="2:245" x14ac:dyDescent="0.2">
      <c r="B4976" s="43"/>
      <c r="C4976" s="73"/>
      <c r="D4976" s="64"/>
      <c r="E4976" s="64"/>
      <c r="F4976" s="55"/>
      <c r="G4976" s="102"/>
      <c r="H4976" s="97"/>
      <c r="T4976" s="98"/>
      <c r="U4976" s="97"/>
      <c r="AG4976" s="98"/>
      <c r="AY4976" s="164"/>
      <c r="BK4976" s="98"/>
      <c r="BL4976" s="97"/>
      <c r="BX4976" s="98"/>
      <c r="CL4976" s="97"/>
      <c r="CX4976" s="98"/>
      <c r="DL4976" s="97"/>
      <c r="DX4976" s="98"/>
      <c r="EL4976" s="97"/>
      <c r="EX4976" s="98"/>
      <c r="EY4976" s="97"/>
      <c r="FL4976" s="126"/>
      <c r="FM4976" s="91"/>
      <c r="FN4976" s="91"/>
      <c r="FO4976" s="91"/>
      <c r="FP4976" s="91"/>
      <c r="FQ4976" s="91"/>
      <c r="FR4976" s="91"/>
      <c r="FS4976" s="91"/>
      <c r="FT4976" s="91"/>
      <c r="FU4976" s="91"/>
      <c r="FV4976" s="91"/>
      <c r="FW4976" s="91"/>
      <c r="FX4976" s="127"/>
      <c r="FY4976" s="126"/>
      <c r="FZ4976" s="91"/>
      <c r="GA4976" s="91"/>
      <c r="GB4976" s="91"/>
      <c r="GC4976" s="91"/>
      <c r="GD4976" s="91"/>
      <c r="GE4976" s="91"/>
      <c r="GF4976" s="91"/>
      <c r="GG4976" s="91"/>
      <c r="GH4976" s="91"/>
      <c r="GI4976" s="91"/>
      <c r="GJ4976" s="91"/>
      <c r="GK4976" s="127"/>
      <c r="GL4976" s="126"/>
      <c r="GM4976" s="91"/>
      <c r="GN4976" s="91"/>
      <c r="GO4976" s="91"/>
      <c r="GP4976" s="91"/>
      <c r="GQ4976" s="91"/>
      <c r="GR4976" s="91"/>
      <c r="GS4976" s="91"/>
      <c r="GT4976" s="91"/>
      <c r="GU4976" s="91"/>
      <c r="GV4976" s="91"/>
      <c r="GW4976" s="91"/>
      <c r="GX4976" s="127"/>
      <c r="GY4976" s="126"/>
      <c r="GZ4976" s="91"/>
      <c r="HA4976" s="91"/>
      <c r="HB4976" s="91"/>
      <c r="HC4976" s="91"/>
      <c r="HD4976" s="91"/>
      <c r="HE4976" s="91"/>
      <c r="HF4976" s="91"/>
      <c r="HG4976" s="91"/>
      <c r="HH4976" s="91"/>
      <c r="HI4976" s="91"/>
      <c r="HJ4976" s="91"/>
      <c r="HK4976" s="127"/>
      <c r="HL4976" s="126"/>
      <c r="HM4976" s="91"/>
      <c r="HN4976" s="91"/>
      <c r="HO4976" s="91"/>
      <c r="HP4976" s="91"/>
      <c r="HQ4976" s="91"/>
      <c r="HR4976" s="91"/>
      <c r="HS4976" s="91"/>
      <c r="HT4976" s="91"/>
      <c r="HU4976" s="91"/>
      <c r="HV4976" s="91"/>
      <c r="HW4976" s="91"/>
      <c r="HX4976" s="127"/>
      <c r="HY4976" s="126"/>
      <c r="HZ4976" s="91"/>
      <c r="IA4976" s="91"/>
      <c r="IB4976" s="91"/>
      <c r="IC4976" s="91"/>
      <c r="ID4976" s="91"/>
      <c r="IE4976" s="91"/>
      <c r="IF4976" s="91"/>
      <c r="IG4976" s="91"/>
      <c r="IH4976" s="91"/>
      <c r="II4976" s="91"/>
      <c r="IJ4976" s="91"/>
      <c r="IK4976" s="174"/>
    </row>
    <row r="4977" spans="2:245" x14ac:dyDescent="0.2">
      <c r="B4977" s="43"/>
      <c r="C4977" s="73"/>
      <c r="D4977" s="64"/>
      <c r="E4977" s="64"/>
      <c r="F4977" s="55"/>
      <c r="G4977" s="102"/>
      <c r="H4977" s="97"/>
      <c r="T4977" s="98"/>
      <c r="U4977" s="97"/>
      <c r="AG4977" s="98"/>
      <c r="AY4977" s="164"/>
      <c r="BK4977" s="98"/>
      <c r="BL4977" s="97"/>
      <c r="BX4977" s="98"/>
      <c r="CL4977" s="97"/>
      <c r="CX4977" s="98"/>
      <c r="DL4977" s="97"/>
      <c r="DX4977" s="98"/>
      <c r="EL4977" s="97"/>
      <c r="EX4977" s="98"/>
      <c r="EY4977" s="97"/>
      <c r="FL4977" s="126"/>
      <c r="FM4977" s="91"/>
      <c r="FN4977" s="91"/>
      <c r="FO4977" s="91"/>
      <c r="FP4977" s="91"/>
      <c r="FQ4977" s="91"/>
      <c r="FR4977" s="91"/>
      <c r="FS4977" s="91"/>
      <c r="FT4977" s="91"/>
      <c r="FU4977" s="91"/>
      <c r="FV4977" s="91"/>
      <c r="FW4977" s="91"/>
      <c r="FX4977" s="127"/>
      <c r="FY4977" s="126"/>
      <c r="FZ4977" s="91"/>
      <c r="GA4977" s="91"/>
      <c r="GB4977" s="91"/>
      <c r="GC4977" s="91"/>
      <c r="GD4977" s="91"/>
      <c r="GE4977" s="91"/>
      <c r="GF4977" s="91"/>
      <c r="GG4977" s="91"/>
      <c r="GH4977" s="91"/>
      <c r="GI4977" s="91"/>
      <c r="GJ4977" s="91"/>
      <c r="GK4977" s="127"/>
      <c r="GL4977" s="126"/>
      <c r="GM4977" s="91"/>
      <c r="GN4977" s="91"/>
      <c r="GO4977" s="91"/>
      <c r="GP4977" s="91"/>
      <c r="GQ4977" s="91"/>
      <c r="GR4977" s="91"/>
      <c r="GS4977" s="91"/>
      <c r="GT4977" s="91"/>
      <c r="GU4977" s="91"/>
      <c r="GV4977" s="91"/>
      <c r="GW4977" s="91"/>
      <c r="GX4977" s="127"/>
      <c r="GY4977" s="126"/>
      <c r="GZ4977" s="91"/>
      <c r="HA4977" s="91"/>
      <c r="HB4977" s="91"/>
      <c r="HC4977" s="91"/>
      <c r="HD4977" s="91"/>
      <c r="HE4977" s="91"/>
      <c r="HF4977" s="91"/>
      <c r="HG4977" s="91"/>
      <c r="HH4977" s="91"/>
      <c r="HI4977" s="91"/>
      <c r="HJ4977" s="91"/>
      <c r="HK4977" s="127"/>
      <c r="HL4977" s="126"/>
      <c r="HM4977" s="91"/>
      <c r="HN4977" s="91"/>
      <c r="HO4977" s="91"/>
      <c r="HP4977" s="91"/>
      <c r="HQ4977" s="91"/>
      <c r="HR4977" s="91"/>
      <c r="HS4977" s="91"/>
      <c r="HT4977" s="91"/>
      <c r="HU4977" s="91"/>
      <c r="HV4977" s="91"/>
      <c r="HW4977" s="91"/>
      <c r="HX4977" s="127"/>
      <c r="HY4977" s="126"/>
      <c r="HZ4977" s="91"/>
      <c r="IA4977" s="91"/>
      <c r="IB4977" s="91"/>
      <c r="IC4977" s="91"/>
      <c r="ID4977" s="91"/>
      <c r="IE4977" s="91"/>
      <c r="IF4977" s="91"/>
      <c r="IG4977" s="91"/>
      <c r="IH4977" s="91"/>
      <c r="II4977" s="91"/>
      <c r="IJ4977" s="91"/>
      <c r="IK4977" s="174"/>
    </row>
    <row r="4978" spans="2:245" x14ac:dyDescent="0.2">
      <c r="B4978" s="43"/>
      <c r="C4978" s="73"/>
      <c r="D4978" s="64"/>
      <c r="E4978" s="64"/>
      <c r="F4978" s="55"/>
      <c r="G4978" s="102"/>
      <c r="H4978" s="97"/>
      <c r="T4978" s="98"/>
      <c r="U4978" s="97"/>
      <c r="AG4978" s="98"/>
      <c r="AY4978" s="164"/>
      <c r="BK4978" s="98"/>
      <c r="BL4978" s="97"/>
      <c r="BX4978" s="98"/>
      <c r="CL4978" s="97"/>
      <c r="CX4978" s="98"/>
      <c r="DL4978" s="97"/>
      <c r="DX4978" s="98"/>
      <c r="EL4978" s="97"/>
      <c r="EX4978" s="98"/>
      <c r="EY4978" s="97"/>
      <c r="FL4978" s="126"/>
      <c r="FM4978" s="91"/>
      <c r="FN4978" s="91"/>
      <c r="FO4978" s="91"/>
      <c r="FP4978" s="91"/>
      <c r="FQ4978" s="91"/>
      <c r="FR4978" s="91"/>
      <c r="FS4978" s="91"/>
      <c r="FT4978" s="91"/>
      <c r="FU4978" s="91"/>
      <c r="FV4978" s="91"/>
      <c r="FW4978" s="91"/>
      <c r="FX4978" s="127"/>
      <c r="FY4978" s="126"/>
      <c r="FZ4978" s="91"/>
      <c r="GA4978" s="91"/>
      <c r="GB4978" s="91"/>
      <c r="GC4978" s="91"/>
      <c r="GD4978" s="91"/>
      <c r="GE4978" s="91"/>
      <c r="GF4978" s="91"/>
      <c r="GG4978" s="91"/>
      <c r="GH4978" s="91"/>
      <c r="GI4978" s="91"/>
      <c r="GJ4978" s="91"/>
      <c r="GK4978" s="127"/>
      <c r="GL4978" s="126"/>
      <c r="GM4978" s="91"/>
      <c r="GN4978" s="91"/>
      <c r="GO4978" s="91"/>
      <c r="GP4978" s="91"/>
      <c r="GQ4978" s="91"/>
      <c r="GR4978" s="91"/>
      <c r="GS4978" s="91"/>
      <c r="GT4978" s="91"/>
      <c r="GU4978" s="91"/>
      <c r="GV4978" s="91"/>
      <c r="GW4978" s="91"/>
      <c r="GX4978" s="127"/>
      <c r="GY4978" s="126"/>
      <c r="GZ4978" s="91"/>
      <c r="HA4978" s="91"/>
      <c r="HB4978" s="91"/>
      <c r="HC4978" s="91"/>
      <c r="HD4978" s="91"/>
      <c r="HE4978" s="91"/>
      <c r="HF4978" s="91"/>
      <c r="HG4978" s="91"/>
      <c r="HH4978" s="91"/>
      <c r="HI4978" s="91"/>
      <c r="HJ4978" s="91"/>
      <c r="HK4978" s="127"/>
      <c r="HL4978" s="126"/>
      <c r="HM4978" s="91"/>
      <c r="HN4978" s="91"/>
      <c r="HO4978" s="91"/>
      <c r="HP4978" s="91"/>
      <c r="HQ4978" s="91"/>
      <c r="HR4978" s="91"/>
      <c r="HS4978" s="91"/>
      <c r="HT4978" s="91"/>
      <c r="HU4978" s="91"/>
      <c r="HV4978" s="91"/>
      <c r="HW4978" s="91"/>
      <c r="HX4978" s="127"/>
      <c r="HY4978" s="126"/>
      <c r="HZ4978" s="91"/>
      <c r="IA4978" s="91"/>
      <c r="IB4978" s="91"/>
      <c r="IC4978" s="91"/>
      <c r="ID4978" s="91"/>
      <c r="IE4978" s="91"/>
      <c r="IF4978" s="91"/>
      <c r="IG4978" s="91"/>
      <c r="IH4978" s="91"/>
      <c r="II4978" s="91"/>
      <c r="IJ4978" s="91"/>
      <c r="IK4978" s="174"/>
    </row>
    <row r="4979" spans="2:245" x14ac:dyDescent="0.2">
      <c r="B4979" s="43"/>
      <c r="C4979" s="73"/>
      <c r="D4979" s="64"/>
      <c r="E4979" s="64"/>
      <c r="F4979" s="55"/>
      <c r="G4979" s="102"/>
      <c r="H4979" s="97"/>
      <c r="T4979" s="98"/>
      <c r="U4979" s="97"/>
      <c r="AG4979" s="98"/>
      <c r="AY4979" s="164"/>
      <c r="BK4979" s="98"/>
      <c r="BL4979" s="97"/>
      <c r="BX4979" s="98"/>
      <c r="CL4979" s="97"/>
      <c r="CX4979" s="98"/>
      <c r="DL4979" s="97"/>
      <c r="DX4979" s="98"/>
      <c r="EL4979" s="97"/>
      <c r="EX4979" s="98"/>
      <c r="EY4979" s="97"/>
      <c r="FL4979" s="126"/>
      <c r="FM4979" s="91"/>
      <c r="FN4979" s="91"/>
      <c r="FO4979" s="91"/>
      <c r="FP4979" s="91"/>
      <c r="FQ4979" s="91"/>
      <c r="FR4979" s="91"/>
      <c r="FS4979" s="91"/>
      <c r="FT4979" s="91"/>
      <c r="FU4979" s="91"/>
      <c r="FV4979" s="91"/>
      <c r="FW4979" s="91"/>
      <c r="FX4979" s="127"/>
      <c r="FY4979" s="126"/>
      <c r="FZ4979" s="91"/>
      <c r="GA4979" s="91"/>
      <c r="GB4979" s="91"/>
      <c r="GC4979" s="91"/>
      <c r="GD4979" s="91"/>
      <c r="GE4979" s="91"/>
      <c r="GF4979" s="91"/>
      <c r="GG4979" s="91"/>
      <c r="GH4979" s="91"/>
      <c r="GI4979" s="91"/>
      <c r="GJ4979" s="91"/>
      <c r="GK4979" s="127"/>
      <c r="GL4979" s="126"/>
      <c r="GM4979" s="91"/>
      <c r="GN4979" s="91"/>
      <c r="GO4979" s="91"/>
      <c r="GP4979" s="91"/>
      <c r="GQ4979" s="91"/>
      <c r="GR4979" s="91"/>
      <c r="GS4979" s="91"/>
      <c r="GT4979" s="91"/>
      <c r="GU4979" s="91"/>
      <c r="GV4979" s="91"/>
      <c r="GW4979" s="91"/>
      <c r="GX4979" s="127"/>
      <c r="GY4979" s="126"/>
      <c r="GZ4979" s="91"/>
      <c r="HA4979" s="91"/>
      <c r="HB4979" s="91"/>
      <c r="HC4979" s="91"/>
      <c r="HD4979" s="91"/>
      <c r="HE4979" s="91"/>
      <c r="HF4979" s="91"/>
      <c r="HG4979" s="91"/>
      <c r="HH4979" s="91"/>
      <c r="HI4979" s="91"/>
      <c r="HJ4979" s="91"/>
      <c r="HK4979" s="127"/>
      <c r="HL4979" s="126"/>
      <c r="HM4979" s="91"/>
      <c r="HN4979" s="91"/>
      <c r="HO4979" s="91"/>
      <c r="HP4979" s="91"/>
      <c r="HQ4979" s="91"/>
      <c r="HR4979" s="91"/>
      <c r="HS4979" s="91"/>
      <c r="HT4979" s="91"/>
      <c r="HU4979" s="91"/>
      <c r="HV4979" s="91"/>
      <c r="HW4979" s="91"/>
      <c r="HX4979" s="127"/>
      <c r="HY4979" s="126"/>
      <c r="HZ4979" s="91"/>
      <c r="IA4979" s="91"/>
      <c r="IB4979" s="91"/>
      <c r="IC4979" s="91"/>
      <c r="ID4979" s="91"/>
      <c r="IE4979" s="91"/>
      <c r="IF4979" s="91"/>
      <c r="IG4979" s="91"/>
      <c r="IH4979" s="91"/>
      <c r="II4979" s="91"/>
      <c r="IJ4979" s="91"/>
      <c r="IK4979" s="174"/>
    </row>
    <row r="4980" spans="2:245" x14ac:dyDescent="0.2">
      <c r="B4980" s="43"/>
      <c r="C4980" s="73"/>
      <c r="D4980" s="64"/>
      <c r="E4980" s="64"/>
      <c r="F4980" s="55"/>
      <c r="G4980" s="102"/>
      <c r="H4980" s="97"/>
      <c r="T4980" s="98"/>
      <c r="U4980" s="97"/>
      <c r="AG4980" s="98"/>
      <c r="AY4980" s="164"/>
      <c r="BK4980" s="98"/>
      <c r="BL4980" s="97"/>
      <c r="BX4980" s="98"/>
      <c r="CL4980" s="97"/>
      <c r="CX4980" s="98"/>
      <c r="DL4980" s="97"/>
      <c r="DX4980" s="98"/>
      <c r="EL4980" s="97"/>
      <c r="EX4980" s="98"/>
      <c r="EY4980" s="97"/>
      <c r="FL4980" s="126"/>
      <c r="FM4980" s="91"/>
      <c r="FN4980" s="91"/>
      <c r="FO4980" s="91"/>
      <c r="FP4980" s="91"/>
      <c r="FQ4980" s="91"/>
      <c r="FR4980" s="91"/>
      <c r="FS4980" s="91"/>
      <c r="FT4980" s="91"/>
      <c r="FU4980" s="91"/>
      <c r="FV4980" s="91"/>
      <c r="FW4980" s="91"/>
      <c r="FX4980" s="127"/>
      <c r="FY4980" s="126"/>
      <c r="FZ4980" s="91"/>
      <c r="GA4980" s="91"/>
      <c r="GB4980" s="91"/>
      <c r="GC4980" s="91"/>
      <c r="GD4980" s="91"/>
      <c r="GE4980" s="91"/>
      <c r="GF4980" s="91"/>
      <c r="GG4980" s="91"/>
      <c r="GH4980" s="91"/>
      <c r="GI4980" s="91"/>
      <c r="GJ4980" s="91"/>
      <c r="GK4980" s="127"/>
      <c r="GL4980" s="126"/>
      <c r="GM4980" s="91"/>
      <c r="GN4980" s="91"/>
      <c r="GO4980" s="91"/>
      <c r="GP4980" s="91"/>
      <c r="GQ4980" s="91"/>
      <c r="GR4980" s="91"/>
      <c r="GS4980" s="91"/>
      <c r="GT4980" s="91"/>
      <c r="GU4980" s="91"/>
      <c r="GV4980" s="91"/>
      <c r="GW4980" s="91"/>
      <c r="GX4980" s="127"/>
      <c r="GY4980" s="126"/>
      <c r="GZ4980" s="91"/>
      <c r="HA4980" s="91"/>
      <c r="HB4980" s="91"/>
      <c r="HC4980" s="91"/>
      <c r="HD4980" s="91"/>
      <c r="HE4980" s="91"/>
      <c r="HF4980" s="91"/>
      <c r="HG4980" s="91"/>
      <c r="HH4980" s="91"/>
      <c r="HI4980" s="91"/>
      <c r="HJ4980" s="91"/>
      <c r="HK4980" s="127"/>
      <c r="HL4980" s="126"/>
      <c r="HM4980" s="91"/>
      <c r="HN4980" s="91"/>
      <c r="HO4980" s="91"/>
      <c r="HP4980" s="91"/>
      <c r="HQ4980" s="91"/>
      <c r="HR4980" s="91"/>
      <c r="HS4980" s="91"/>
      <c r="HT4980" s="91"/>
      <c r="HU4980" s="91"/>
      <c r="HV4980" s="91"/>
      <c r="HW4980" s="91"/>
      <c r="HX4980" s="127"/>
      <c r="HY4980" s="126"/>
      <c r="HZ4980" s="91"/>
      <c r="IA4980" s="91"/>
      <c r="IB4980" s="91"/>
      <c r="IC4980" s="91"/>
      <c r="ID4980" s="91"/>
      <c r="IE4980" s="91"/>
      <c r="IF4980" s="91"/>
      <c r="IG4980" s="91"/>
      <c r="IH4980" s="91"/>
      <c r="II4980" s="91"/>
      <c r="IJ4980" s="91"/>
      <c r="IK4980" s="174"/>
    </row>
    <row r="4981" spans="2:245" x14ac:dyDescent="0.2">
      <c r="B4981" s="43"/>
      <c r="C4981" s="73"/>
      <c r="D4981" s="64"/>
      <c r="E4981" s="64"/>
      <c r="F4981" s="55"/>
      <c r="G4981" s="102"/>
      <c r="H4981" s="97"/>
      <c r="T4981" s="98"/>
      <c r="U4981" s="97"/>
      <c r="AG4981" s="98"/>
      <c r="AY4981" s="164"/>
      <c r="BK4981" s="98"/>
      <c r="BL4981" s="97"/>
      <c r="BX4981" s="98"/>
      <c r="CL4981" s="97"/>
      <c r="CX4981" s="98"/>
      <c r="DL4981" s="97"/>
      <c r="DX4981" s="98"/>
      <c r="EL4981" s="97"/>
      <c r="EX4981" s="98"/>
      <c r="EY4981" s="97"/>
      <c r="FL4981" s="126"/>
      <c r="FM4981" s="91"/>
      <c r="FN4981" s="91"/>
      <c r="FO4981" s="91"/>
      <c r="FP4981" s="91"/>
      <c r="FQ4981" s="91"/>
      <c r="FR4981" s="91"/>
      <c r="FS4981" s="91"/>
      <c r="FT4981" s="91"/>
      <c r="FU4981" s="91"/>
      <c r="FV4981" s="91"/>
      <c r="FW4981" s="91"/>
      <c r="FX4981" s="127"/>
      <c r="FY4981" s="126"/>
      <c r="FZ4981" s="91"/>
      <c r="GA4981" s="91"/>
      <c r="GB4981" s="91"/>
      <c r="GC4981" s="91"/>
      <c r="GD4981" s="91"/>
      <c r="GE4981" s="91"/>
      <c r="GF4981" s="91"/>
      <c r="GG4981" s="91"/>
      <c r="GH4981" s="91"/>
      <c r="GI4981" s="91"/>
      <c r="GJ4981" s="91"/>
      <c r="GK4981" s="127"/>
      <c r="GL4981" s="126"/>
      <c r="GM4981" s="91"/>
      <c r="GN4981" s="91"/>
      <c r="GO4981" s="91"/>
      <c r="GP4981" s="91"/>
      <c r="GQ4981" s="91"/>
      <c r="GR4981" s="91"/>
      <c r="GS4981" s="91"/>
      <c r="GT4981" s="91"/>
      <c r="GU4981" s="91"/>
      <c r="GV4981" s="91"/>
      <c r="GW4981" s="91"/>
      <c r="GX4981" s="127"/>
      <c r="GY4981" s="126"/>
      <c r="GZ4981" s="91"/>
      <c r="HA4981" s="91"/>
      <c r="HB4981" s="91"/>
      <c r="HC4981" s="91"/>
      <c r="HD4981" s="91"/>
      <c r="HE4981" s="91"/>
      <c r="HF4981" s="91"/>
      <c r="HG4981" s="91"/>
      <c r="HH4981" s="91"/>
      <c r="HI4981" s="91"/>
      <c r="HJ4981" s="91"/>
      <c r="HK4981" s="127"/>
      <c r="HL4981" s="126"/>
      <c r="HM4981" s="91"/>
      <c r="HN4981" s="91"/>
      <c r="HO4981" s="91"/>
      <c r="HP4981" s="91"/>
      <c r="HQ4981" s="91"/>
      <c r="HR4981" s="91"/>
      <c r="HS4981" s="91"/>
      <c r="HT4981" s="91"/>
      <c r="HU4981" s="91"/>
      <c r="HV4981" s="91"/>
      <c r="HW4981" s="91"/>
      <c r="HX4981" s="127"/>
      <c r="HY4981" s="126"/>
      <c r="HZ4981" s="91"/>
      <c r="IA4981" s="91"/>
      <c r="IB4981" s="91"/>
      <c r="IC4981" s="91"/>
      <c r="ID4981" s="91"/>
      <c r="IE4981" s="91"/>
      <c r="IF4981" s="91"/>
      <c r="IG4981" s="91"/>
      <c r="IH4981" s="91"/>
      <c r="II4981" s="91"/>
      <c r="IJ4981" s="91"/>
      <c r="IK4981" s="174"/>
    </row>
    <row r="4982" spans="2:245" x14ac:dyDescent="0.2">
      <c r="B4982" s="43"/>
      <c r="C4982" s="73"/>
      <c r="D4982" s="64"/>
      <c r="E4982" s="64"/>
      <c r="F4982" s="55"/>
      <c r="G4982" s="102"/>
      <c r="H4982" s="97"/>
      <c r="T4982" s="98"/>
      <c r="U4982" s="97"/>
      <c r="AG4982" s="98"/>
      <c r="AY4982" s="164"/>
      <c r="BK4982" s="98"/>
      <c r="BL4982" s="97"/>
      <c r="BX4982" s="98"/>
      <c r="CL4982" s="97"/>
      <c r="CX4982" s="98"/>
      <c r="DL4982" s="97"/>
      <c r="DX4982" s="98"/>
      <c r="EL4982" s="97"/>
      <c r="EX4982" s="98"/>
      <c r="EY4982" s="97"/>
      <c r="FL4982" s="126"/>
      <c r="FM4982" s="91"/>
      <c r="FN4982" s="91"/>
      <c r="FO4982" s="91"/>
      <c r="FP4982" s="91"/>
      <c r="FQ4982" s="91"/>
      <c r="FR4982" s="91"/>
      <c r="FS4982" s="91"/>
      <c r="FT4982" s="91"/>
      <c r="FU4982" s="91"/>
      <c r="FV4982" s="91"/>
      <c r="FW4982" s="91"/>
      <c r="FX4982" s="127"/>
      <c r="FY4982" s="126"/>
      <c r="FZ4982" s="91"/>
      <c r="GA4982" s="91"/>
      <c r="GB4982" s="91"/>
      <c r="GC4982" s="91"/>
      <c r="GD4982" s="91"/>
      <c r="GE4982" s="91"/>
      <c r="GF4982" s="91"/>
      <c r="GG4982" s="91"/>
      <c r="GH4982" s="91"/>
      <c r="GI4982" s="91"/>
      <c r="GJ4982" s="91"/>
      <c r="GK4982" s="127"/>
      <c r="GL4982" s="126"/>
      <c r="GM4982" s="91"/>
      <c r="GN4982" s="91"/>
      <c r="GO4982" s="91"/>
      <c r="GP4982" s="91"/>
      <c r="GQ4982" s="91"/>
      <c r="GR4982" s="91"/>
      <c r="GS4982" s="91"/>
      <c r="GT4982" s="91"/>
      <c r="GU4982" s="91"/>
      <c r="GV4982" s="91"/>
      <c r="GW4982" s="91"/>
      <c r="GX4982" s="127"/>
      <c r="GY4982" s="126"/>
      <c r="GZ4982" s="91"/>
      <c r="HA4982" s="91"/>
      <c r="HB4982" s="91"/>
      <c r="HC4982" s="91"/>
      <c r="HD4982" s="91"/>
      <c r="HE4982" s="91"/>
      <c r="HF4982" s="91"/>
      <c r="HG4982" s="91"/>
      <c r="HH4982" s="91"/>
      <c r="HI4982" s="91"/>
      <c r="HJ4982" s="91"/>
      <c r="HK4982" s="127"/>
      <c r="HL4982" s="126"/>
      <c r="HM4982" s="91"/>
      <c r="HN4982" s="91"/>
      <c r="HO4982" s="91"/>
      <c r="HP4982" s="91"/>
      <c r="HQ4982" s="91"/>
      <c r="HR4982" s="91"/>
      <c r="HS4982" s="91"/>
      <c r="HT4982" s="91"/>
      <c r="HU4982" s="91"/>
      <c r="HV4982" s="91"/>
      <c r="HW4982" s="91"/>
      <c r="HX4982" s="127"/>
      <c r="HY4982" s="126"/>
      <c r="HZ4982" s="91"/>
      <c r="IA4982" s="91"/>
      <c r="IB4982" s="91"/>
      <c r="IC4982" s="91"/>
      <c r="ID4982" s="91"/>
      <c r="IE4982" s="91"/>
      <c r="IF4982" s="91"/>
      <c r="IG4982" s="91"/>
      <c r="IH4982" s="91"/>
      <c r="II4982" s="91"/>
      <c r="IJ4982" s="91"/>
      <c r="IK4982" s="174"/>
    </row>
    <row r="4983" spans="2:245" x14ac:dyDescent="0.2">
      <c r="B4983" s="43"/>
      <c r="C4983" s="73"/>
      <c r="D4983" s="64"/>
      <c r="E4983" s="64"/>
      <c r="F4983" s="55"/>
      <c r="G4983" s="102"/>
      <c r="H4983" s="97"/>
      <c r="T4983" s="98"/>
      <c r="U4983" s="97"/>
      <c r="AG4983" s="98"/>
      <c r="AY4983" s="164"/>
      <c r="BK4983" s="98"/>
      <c r="BL4983" s="97"/>
      <c r="BX4983" s="98"/>
      <c r="CL4983" s="97"/>
      <c r="CX4983" s="98"/>
      <c r="DL4983" s="97"/>
      <c r="DX4983" s="98"/>
      <c r="EL4983" s="97"/>
      <c r="EX4983" s="98"/>
      <c r="EY4983" s="97"/>
      <c r="FL4983" s="126"/>
      <c r="FM4983" s="91"/>
      <c r="FN4983" s="91"/>
      <c r="FO4983" s="91"/>
      <c r="FP4983" s="91"/>
      <c r="FQ4983" s="91"/>
      <c r="FR4983" s="91"/>
      <c r="FS4983" s="91"/>
      <c r="FT4983" s="91"/>
      <c r="FU4983" s="91"/>
      <c r="FV4983" s="91"/>
      <c r="FW4983" s="91"/>
      <c r="FX4983" s="127"/>
      <c r="FY4983" s="126"/>
      <c r="FZ4983" s="91"/>
      <c r="GA4983" s="91"/>
      <c r="GB4983" s="91"/>
      <c r="GC4983" s="91"/>
      <c r="GD4983" s="91"/>
      <c r="GE4983" s="91"/>
      <c r="GF4983" s="91"/>
      <c r="GG4983" s="91"/>
      <c r="GH4983" s="91"/>
      <c r="GI4983" s="91"/>
      <c r="GJ4983" s="91"/>
      <c r="GK4983" s="127"/>
      <c r="GL4983" s="126"/>
      <c r="GM4983" s="91"/>
      <c r="GN4983" s="91"/>
      <c r="GO4983" s="91"/>
      <c r="GP4983" s="91"/>
      <c r="GQ4983" s="91"/>
      <c r="GR4983" s="91"/>
      <c r="GS4983" s="91"/>
      <c r="GT4983" s="91"/>
      <c r="GU4983" s="91"/>
      <c r="GV4983" s="91"/>
      <c r="GW4983" s="91"/>
      <c r="GX4983" s="127"/>
      <c r="GY4983" s="126"/>
      <c r="GZ4983" s="91"/>
      <c r="HA4983" s="91"/>
      <c r="HB4983" s="91"/>
      <c r="HC4983" s="91"/>
      <c r="HD4983" s="91"/>
      <c r="HE4983" s="91"/>
      <c r="HF4983" s="91"/>
      <c r="HG4983" s="91"/>
      <c r="HH4983" s="91"/>
      <c r="HI4983" s="91"/>
      <c r="HJ4983" s="91"/>
      <c r="HK4983" s="127"/>
      <c r="HL4983" s="126"/>
      <c r="HM4983" s="91"/>
      <c r="HN4983" s="91"/>
      <c r="HO4983" s="91"/>
      <c r="HP4983" s="91"/>
      <c r="HQ4983" s="91"/>
      <c r="HR4983" s="91"/>
      <c r="HS4983" s="91"/>
      <c r="HT4983" s="91"/>
      <c r="HU4983" s="91"/>
      <c r="HV4983" s="91"/>
      <c r="HW4983" s="91"/>
      <c r="HX4983" s="127"/>
      <c r="HY4983" s="126"/>
      <c r="HZ4983" s="91"/>
      <c r="IA4983" s="91"/>
      <c r="IB4983" s="91"/>
      <c r="IC4983" s="91"/>
      <c r="ID4983" s="91"/>
      <c r="IE4983" s="91"/>
      <c r="IF4983" s="91"/>
      <c r="IG4983" s="91"/>
      <c r="IH4983" s="91"/>
      <c r="II4983" s="91"/>
      <c r="IJ4983" s="91"/>
      <c r="IK4983" s="174"/>
    </row>
    <row r="4984" spans="2:245" x14ac:dyDescent="0.2">
      <c r="B4984" s="43"/>
      <c r="C4984" s="73"/>
      <c r="D4984" s="64"/>
      <c r="E4984" s="64"/>
      <c r="F4984" s="55"/>
      <c r="G4984" s="102"/>
      <c r="H4984" s="97"/>
      <c r="T4984" s="98"/>
      <c r="U4984" s="97"/>
      <c r="AG4984" s="98"/>
      <c r="AY4984" s="164"/>
      <c r="BK4984" s="98"/>
      <c r="BL4984" s="97"/>
      <c r="BX4984" s="98"/>
      <c r="CL4984" s="97"/>
      <c r="CX4984" s="98"/>
      <c r="DL4984" s="97"/>
      <c r="DX4984" s="98"/>
      <c r="EL4984" s="97"/>
      <c r="EX4984" s="98"/>
      <c r="EY4984" s="97"/>
      <c r="FL4984" s="126"/>
      <c r="FM4984" s="91"/>
      <c r="FN4984" s="91"/>
      <c r="FO4984" s="91"/>
      <c r="FP4984" s="91"/>
      <c r="FQ4984" s="91"/>
      <c r="FR4984" s="91"/>
      <c r="FS4984" s="91"/>
      <c r="FT4984" s="91"/>
      <c r="FU4984" s="91"/>
      <c r="FV4984" s="91"/>
      <c r="FW4984" s="91"/>
      <c r="FX4984" s="127"/>
      <c r="FY4984" s="126"/>
      <c r="FZ4984" s="91"/>
      <c r="GA4984" s="91"/>
      <c r="GB4984" s="91"/>
      <c r="GC4984" s="91"/>
      <c r="GD4984" s="91"/>
      <c r="GE4984" s="91"/>
      <c r="GF4984" s="91"/>
      <c r="GG4984" s="91"/>
      <c r="GH4984" s="91"/>
      <c r="GI4984" s="91"/>
      <c r="GJ4984" s="91"/>
      <c r="GK4984" s="127"/>
      <c r="GL4984" s="126"/>
      <c r="GM4984" s="91"/>
      <c r="GN4984" s="91"/>
      <c r="GO4984" s="91"/>
      <c r="GP4984" s="91"/>
      <c r="GQ4984" s="91"/>
      <c r="GR4984" s="91"/>
      <c r="GS4984" s="91"/>
      <c r="GT4984" s="91"/>
      <c r="GU4984" s="91"/>
      <c r="GV4984" s="91"/>
      <c r="GW4984" s="91"/>
      <c r="GX4984" s="127"/>
      <c r="GY4984" s="126"/>
      <c r="GZ4984" s="91"/>
      <c r="HA4984" s="91"/>
      <c r="HB4984" s="91"/>
      <c r="HC4984" s="91"/>
      <c r="HD4984" s="91"/>
      <c r="HE4984" s="91"/>
      <c r="HF4984" s="91"/>
      <c r="HG4984" s="91"/>
      <c r="HH4984" s="91"/>
      <c r="HI4984" s="91"/>
      <c r="HJ4984" s="91"/>
      <c r="HK4984" s="127"/>
      <c r="HL4984" s="126"/>
      <c r="HM4984" s="91"/>
      <c r="HN4984" s="91"/>
      <c r="HO4984" s="91"/>
      <c r="HP4984" s="91"/>
      <c r="HQ4984" s="91"/>
      <c r="HR4984" s="91"/>
      <c r="HS4984" s="91"/>
      <c r="HT4984" s="91"/>
      <c r="HU4984" s="91"/>
      <c r="HV4984" s="91"/>
      <c r="HW4984" s="91"/>
      <c r="HX4984" s="127"/>
      <c r="HY4984" s="126"/>
      <c r="HZ4984" s="91"/>
      <c r="IA4984" s="91"/>
      <c r="IB4984" s="91"/>
      <c r="IC4984" s="91"/>
      <c r="ID4984" s="91"/>
      <c r="IE4984" s="91"/>
      <c r="IF4984" s="91"/>
      <c r="IG4984" s="91"/>
      <c r="IH4984" s="91"/>
      <c r="II4984" s="91"/>
      <c r="IJ4984" s="91"/>
      <c r="IK4984" s="174"/>
    </row>
    <row r="4985" spans="2:245" x14ac:dyDescent="0.2">
      <c r="B4985" s="43"/>
      <c r="C4985" s="73"/>
      <c r="D4985" s="64"/>
      <c r="E4985" s="64"/>
      <c r="F4985" s="55"/>
      <c r="G4985" s="102"/>
      <c r="H4985" s="97"/>
      <c r="T4985" s="98"/>
      <c r="U4985" s="97"/>
      <c r="AG4985" s="98"/>
      <c r="AY4985" s="164"/>
      <c r="BK4985" s="98"/>
      <c r="BL4985" s="97"/>
      <c r="BX4985" s="98"/>
      <c r="CL4985" s="97"/>
      <c r="CX4985" s="98"/>
      <c r="DL4985" s="97"/>
      <c r="DX4985" s="98"/>
      <c r="EL4985" s="97"/>
      <c r="EX4985" s="98"/>
      <c r="EY4985" s="97"/>
      <c r="FL4985" s="126"/>
      <c r="FM4985" s="91"/>
      <c r="FN4985" s="91"/>
      <c r="FO4985" s="91"/>
      <c r="FP4985" s="91"/>
      <c r="FQ4985" s="91"/>
      <c r="FR4985" s="91"/>
      <c r="FS4985" s="91"/>
      <c r="FT4985" s="91"/>
      <c r="FU4985" s="91"/>
      <c r="FV4985" s="91"/>
      <c r="FW4985" s="91"/>
      <c r="FX4985" s="127"/>
      <c r="FY4985" s="126"/>
      <c r="FZ4985" s="91"/>
      <c r="GA4985" s="91"/>
      <c r="GB4985" s="91"/>
      <c r="GC4985" s="91"/>
      <c r="GD4985" s="91"/>
      <c r="GE4985" s="91"/>
      <c r="GF4985" s="91"/>
      <c r="GG4985" s="91"/>
      <c r="GH4985" s="91"/>
      <c r="GI4985" s="91"/>
      <c r="GJ4985" s="91"/>
      <c r="GK4985" s="127"/>
      <c r="GL4985" s="126"/>
      <c r="GM4985" s="91"/>
      <c r="GN4985" s="91"/>
      <c r="GO4985" s="91"/>
      <c r="GP4985" s="91"/>
      <c r="GQ4985" s="91"/>
      <c r="GR4985" s="91"/>
      <c r="GS4985" s="91"/>
      <c r="GT4985" s="91"/>
      <c r="GU4985" s="91"/>
      <c r="GV4985" s="91"/>
      <c r="GW4985" s="91"/>
      <c r="GX4985" s="127"/>
      <c r="GY4985" s="126"/>
      <c r="GZ4985" s="91"/>
      <c r="HA4985" s="91"/>
      <c r="HB4985" s="91"/>
      <c r="HC4985" s="91"/>
      <c r="HD4985" s="91"/>
      <c r="HE4985" s="91"/>
      <c r="HF4985" s="91"/>
      <c r="HG4985" s="91"/>
      <c r="HH4985" s="91"/>
      <c r="HI4985" s="91"/>
      <c r="HJ4985" s="91"/>
      <c r="HK4985" s="127"/>
      <c r="HL4985" s="126"/>
      <c r="HM4985" s="91"/>
      <c r="HN4985" s="91"/>
      <c r="HO4985" s="91"/>
      <c r="HP4985" s="91"/>
      <c r="HQ4985" s="91"/>
      <c r="HR4985" s="91"/>
      <c r="HS4985" s="91"/>
      <c r="HT4985" s="91"/>
      <c r="HU4985" s="91"/>
      <c r="HV4985" s="91"/>
      <c r="HW4985" s="91"/>
      <c r="HX4985" s="127"/>
      <c r="HY4985" s="126"/>
      <c r="HZ4985" s="91"/>
      <c r="IA4985" s="91"/>
      <c r="IB4985" s="91"/>
      <c r="IC4985" s="91"/>
      <c r="ID4985" s="91"/>
      <c r="IE4985" s="91"/>
      <c r="IF4985" s="91"/>
      <c r="IG4985" s="91"/>
      <c r="IH4985" s="91"/>
      <c r="II4985" s="91"/>
      <c r="IJ4985" s="91"/>
      <c r="IK4985" s="174"/>
    </row>
    <row r="4986" spans="2:245" x14ac:dyDescent="0.2">
      <c r="B4986" s="43"/>
      <c r="C4986" s="73"/>
      <c r="D4986" s="64"/>
      <c r="E4986" s="64"/>
      <c r="F4986" s="55"/>
      <c r="G4986" s="102"/>
      <c r="H4986" s="97"/>
      <c r="T4986" s="98"/>
      <c r="U4986" s="97"/>
      <c r="AG4986" s="98"/>
      <c r="AY4986" s="164"/>
      <c r="BK4986" s="98"/>
      <c r="BL4986" s="97"/>
      <c r="BX4986" s="98"/>
      <c r="CL4986" s="97"/>
      <c r="CX4986" s="98"/>
      <c r="DL4986" s="97"/>
      <c r="DX4986" s="98"/>
      <c r="EL4986" s="97"/>
      <c r="EX4986" s="98"/>
      <c r="EY4986" s="97"/>
      <c r="FL4986" s="126"/>
      <c r="FM4986" s="91"/>
      <c r="FN4986" s="91"/>
      <c r="FO4986" s="91"/>
      <c r="FP4986" s="91"/>
      <c r="FQ4986" s="91"/>
      <c r="FR4986" s="91"/>
      <c r="FS4986" s="91"/>
      <c r="FT4986" s="91"/>
      <c r="FU4986" s="91"/>
      <c r="FV4986" s="91"/>
      <c r="FW4986" s="91"/>
      <c r="FX4986" s="127"/>
      <c r="FY4986" s="126"/>
      <c r="FZ4986" s="91"/>
      <c r="GA4986" s="91"/>
      <c r="GB4986" s="91"/>
      <c r="GC4986" s="91"/>
      <c r="GD4986" s="91"/>
      <c r="GE4986" s="91"/>
      <c r="GF4986" s="91"/>
      <c r="GG4986" s="91"/>
      <c r="GH4986" s="91"/>
      <c r="GI4986" s="91"/>
      <c r="GJ4986" s="91"/>
      <c r="GK4986" s="127"/>
      <c r="GL4986" s="126"/>
      <c r="GM4986" s="91"/>
      <c r="GN4986" s="91"/>
      <c r="GO4986" s="91"/>
      <c r="GP4986" s="91"/>
      <c r="GQ4986" s="91"/>
      <c r="GR4986" s="91"/>
      <c r="GS4986" s="91"/>
      <c r="GT4986" s="91"/>
      <c r="GU4986" s="91"/>
      <c r="GV4986" s="91"/>
      <c r="GW4986" s="91"/>
      <c r="GX4986" s="127"/>
      <c r="GY4986" s="126"/>
      <c r="GZ4986" s="91"/>
      <c r="HA4986" s="91"/>
      <c r="HB4986" s="91"/>
      <c r="HC4986" s="91"/>
      <c r="HD4986" s="91"/>
      <c r="HE4986" s="91"/>
      <c r="HF4986" s="91"/>
      <c r="HG4986" s="91"/>
      <c r="HH4986" s="91"/>
      <c r="HI4986" s="91"/>
      <c r="HJ4986" s="91"/>
      <c r="HK4986" s="127"/>
      <c r="HL4986" s="126"/>
      <c r="HM4986" s="91"/>
      <c r="HN4986" s="91"/>
      <c r="HO4986" s="91"/>
      <c r="HP4986" s="91"/>
      <c r="HQ4986" s="91"/>
      <c r="HR4986" s="91"/>
      <c r="HS4986" s="91"/>
      <c r="HT4986" s="91"/>
      <c r="HU4986" s="91"/>
      <c r="HV4986" s="91"/>
      <c r="HW4986" s="91"/>
      <c r="HX4986" s="127"/>
      <c r="HY4986" s="126"/>
      <c r="HZ4986" s="91"/>
      <c r="IA4986" s="91"/>
      <c r="IB4986" s="91"/>
      <c r="IC4986" s="91"/>
      <c r="ID4986" s="91"/>
      <c r="IE4986" s="91"/>
      <c r="IF4986" s="91"/>
      <c r="IG4986" s="91"/>
      <c r="IH4986" s="91"/>
      <c r="II4986" s="91"/>
      <c r="IJ4986" s="91"/>
      <c r="IK4986" s="174"/>
    </row>
    <row r="4987" spans="2:245" x14ac:dyDescent="0.2">
      <c r="B4987" s="43"/>
      <c r="C4987" s="73"/>
      <c r="D4987" s="64"/>
      <c r="E4987" s="64"/>
      <c r="F4987" s="55"/>
      <c r="G4987" s="102"/>
      <c r="H4987" s="97"/>
      <c r="T4987" s="98"/>
      <c r="U4987" s="97"/>
      <c r="AG4987" s="98"/>
      <c r="AY4987" s="164"/>
      <c r="BK4987" s="98"/>
      <c r="BL4987" s="97"/>
      <c r="BX4987" s="98"/>
      <c r="CL4987" s="97"/>
      <c r="CX4987" s="98"/>
      <c r="DL4987" s="97"/>
      <c r="DX4987" s="98"/>
      <c r="EL4987" s="97"/>
      <c r="EX4987" s="98"/>
      <c r="EY4987" s="97"/>
      <c r="FL4987" s="126"/>
      <c r="FM4987" s="91"/>
      <c r="FN4987" s="91"/>
      <c r="FO4987" s="91"/>
      <c r="FP4987" s="91"/>
      <c r="FQ4987" s="91"/>
      <c r="FR4987" s="91"/>
      <c r="FS4987" s="91"/>
      <c r="FT4987" s="91"/>
      <c r="FU4987" s="91"/>
      <c r="FV4987" s="91"/>
      <c r="FW4987" s="91"/>
      <c r="FX4987" s="127"/>
      <c r="FY4987" s="126"/>
      <c r="FZ4987" s="91"/>
      <c r="GA4987" s="91"/>
      <c r="GB4987" s="91"/>
      <c r="GC4987" s="91"/>
      <c r="GD4987" s="91"/>
      <c r="GE4987" s="91"/>
      <c r="GF4987" s="91"/>
      <c r="GG4987" s="91"/>
      <c r="GH4987" s="91"/>
      <c r="GI4987" s="91"/>
      <c r="GJ4987" s="91"/>
      <c r="GK4987" s="127"/>
      <c r="GL4987" s="126"/>
      <c r="GM4987" s="91"/>
      <c r="GN4987" s="91"/>
      <c r="GO4987" s="91"/>
      <c r="GP4987" s="91"/>
      <c r="GQ4987" s="91"/>
      <c r="GR4987" s="91"/>
      <c r="GS4987" s="91"/>
      <c r="GT4987" s="91"/>
      <c r="GU4987" s="91"/>
      <c r="GV4987" s="91"/>
      <c r="GW4987" s="91"/>
      <c r="GX4987" s="127"/>
      <c r="GY4987" s="126"/>
      <c r="GZ4987" s="91"/>
      <c r="HA4987" s="91"/>
      <c r="HB4987" s="91"/>
      <c r="HC4987" s="91"/>
      <c r="HD4987" s="91"/>
      <c r="HE4987" s="91"/>
      <c r="HF4987" s="91"/>
      <c r="HG4987" s="91"/>
      <c r="HH4987" s="91"/>
      <c r="HI4987" s="91"/>
      <c r="HJ4987" s="91"/>
      <c r="HK4987" s="127"/>
      <c r="HL4987" s="126"/>
      <c r="HM4987" s="91"/>
      <c r="HN4987" s="91"/>
      <c r="HO4987" s="91"/>
      <c r="HP4987" s="91"/>
      <c r="HQ4987" s="91"/>
      <c r="HR4987" s="91"/>
      <c r="HS4987" s="91"/>
      <c r="HT4987" s="91"/>
      <c r="HU4987" s="91"/>
      <c r="HV4987" s="91"/>
      <c r="HW4987" s="91"/>
      <c r="HX4987" s="127"/>
      <c r="HY4987" s="126"/>
      <c r="HZ4987" s="91"/>
      <c r="IA4987" s="91"/>
      <c r="IB4987" s="91"/>
      <c r="IC4987" s="91"/>
      <c r="ID4987" s="91"/>
      <c r="IE4987" s="91"/>
      <c r="IF4987" s="91"/>
      <c r="IG4987" s="91"/>
      <c r="IH4987" s="91"/>
      <c r="II4987" s="91"/>
      <c r="IJ4987" s="91"/>
      <c r="IK4987" s="174"/>
    </row>
    <row r="4988" spans="2:245" x14ac:dyDescent="0.2">
      <c r="B4988" s="43"/>
      <c r="C4988" s="73"/>
      <c r="D4988" s="64"/>
      <c r="E4988" s="64"/>
      <c r="F4988" s="55"/>
      <c r="G4988" s="102"/>
      <c r="H4988" s="97"/>
      <c r="T4988" s="98"/>
      <c r="U4988" s="97"/>
      <c r="AG4988" s="98"/>
      <c r="AY4988" s="164"/>
      <c r="BK4988" s="98"/>
      <c r="BL4988" s="97"/>
      <c r="BX4988" s="98"/>
      <c r="CL4988" s="97"/>
      <c r="CX4988" s="98"/>
      <c r="DL4988" s="97"/>
      <c r="DX4988" s="98"/>
      <c r="EL4988" s="97"/>
      <c r="EX4988" s="98"/>
      <c r="EY4988" s="97"/>
      <c r="FL4988" s="126"/>
      <c r="FM4988" s="91"/>
      <c r="FN4988" s="91"/>
      <c r="FO4988" s="91"/>
      <c r="FP4988" s="91"/>
      <c r="FQ4988" s="91"/>
      <c r="FR4988" s="91"/>
      <c r="FS4988" s="91"/>
      <c r="FT4988" s="91"/>
      <c r="FU4988" s="91"/>
      <c r="FV4988" s="91"/>
      <c r="FW4988" s="91"/>
      <c r="FX4988" s="127"/>
      <c r="FY4988" s="126"/>
      <c r="FZ4988" s="91"/>
      <c r="GA4988" s="91"/>
      <c r="GB4988" s="91"/>
      <c r="GC4988" s="91"/>
      <c r="GD4988" s="91"/>
      <c r="GE4988" s="91"/>
      <c r="GF4988" s="91"/>
      <c r="GG4988" s="91"/>
      <c r="GH4988" s="91"/>
      <c r="GI4988" s="91"/>
      <c r="GJ4988" s="91"/>
      <c r="GK4988" s="127"/>
      <c r="GL4988" s="126"/>
      <c r="GM4988" s="91"/>
      <c r="GN4988" s="91"/>
      <c r="GO4988" s="91"/>
      <c r="GP4988" s="91"/>
      <c r="GQ4988" s="91"/>
      <c r="GR4988" s="91"/>
      <c r="GS4988" s="91"/>
      <c r="GT4988" s="91"/>
      <c r="GU4988" s="91"/>
      <c r="GV4988" s="91"/>
      <c r="GW4988" s="91"/>
      <c r="GX4988" s="127"/>
      <c r="GY4988" s="126"/>
      <c r="GZ4988" s="91"/>
      <c r="HA4988" s="91"/>
      <c r="HB4988" s="91"/>
      <c r="HC4988" s="91"/>
      <c r="HD4988" s="91"/>
      <c r="HE4988" s="91"/>
      <c r="HF4988" s="91"/>
      <c r="HG4988" s="91"/>
      <c r="HH4988" s="91"/>
      <c r="HI4988" s="91"/>
      <c r="HJ4988" s="91"/>
      <c r="HK4988" s="127"/>
      <c r="HL4988" s="126"/>
      <c r="HM4988" s="91"/>
      <c r="HN4988" s="91"/>
      <c r="HO4988" s="91"/>
      <c r="HP4988" s="91"/>
      <c r="HQ4988" s="91"/>
      <c r="HR4988" s="91"/>
      <c r="HS4988" s="91"/>
      <c r="HT4988" s="91"/>
      <c r="HU4988" s="91"/>
      <c r="HV4988" s="91"/>
      <c r="HW4988" s="91"/>
      <c r="HX4988" s="127"/>
      <c r="HY4988" s="126"/>
      <c r="HZ4988" s="91"/>
      <c r="IA4988" s="91"/>
      <c r="IB4988" s="91"/>
      <c r="IC4988" s="91"/>
      <c r="ID4988" s="91"/>
      <c r="IE4988" s="91"/>
      <c r="IF4988" s="91"/>
      <c r="IG4988" s="91"/>
      <c r="IH4988" s="91"/>
      <c r="II4988" s="91"/>
      <c r="IJ4988" s="91"/>
      <c r="IK4988" s="174"/>
    </row>
    <row r="4989" spans="2:245" x14ac:dyDescent="0.2">
      <c r="B4989" s="43"/>
      <c r="C4989" s="73"/>
      <c r="D4989" s="64"/>
      <c r="E4989" s="64"/>
      <c r="F4989" s="55"/>
      <c r="G4989" s="102"/>
      <c r="H4989" s="97"/>
      <c r="T4989" s="98"/>
      <c r="U4989" s="97"/>
      <c r="AG4989" s="98"/>
      <c r="AY4989" s="164"/>
      <c r="BK4989" s="98"/>
      <c r="BL4989" s="97"/>
      <c r="BX4989" s="98"/>
      <c r="CL4989" s="97"/>
      <c r="CX4989" s="98"/>
      <c r="DL4989" s="97"/>
      <c r="DX4989" s="98"/>
      <c r="EL4989" s="97"/>
      <c r="EX4989" s="98"/>
      <c r="EY4989" s="97"/>
      <c r="FL4989" s="126"/>
      <c r="FM4989" s="91"/>
      <c r="FN4989" s="91"/>
      <c r="FO4989" s="91"/>
      <c r="FP4989" s="91"/>
      <c r="FQ4989" s="91"/>
      <c r="FR4989" s="91"/>
      <c r="FS4989" s="91"/>
      <c r="FT4989" s="91"/>
      <c r="FU4989" s="91"/>
      <c r="FV4989" s="91"/>
      <c r="FW4989" s="91"/>
      <c r="FX4989" s="127"/>
      <c r="FY4989" s="126"/>
      <c r="FZ4989" s="91"/>
      <c r="GA4989" s="91"/>
      <c r="GB4989" s="91"/>
      <c r="GC4989" s="91"/>
      <c r="GD4989" s="91"/>
      <c r="GE4989" s="91"/>
      <c r="GF4989" s="91"/>
      <c r="GG4989" s="91"/>
      <c r="GH4989" s="91"/>
      <c r="GI4989" s="91"/>
      <c r="GJ4989" s="91"/>
      <c r="GK4989" s="127"/>
      <c r="GL4989" s="126"/>
      <c r="GM4989" s="91"/>
      <c r="GN4989" s="91"/>
      <c r="GO4989" s="91"/>
      <c r="GP4989" s="91"/>
      <c r="GQ4989" s="91"/>
      <c r="GR4989" s="91"/>
      <c r="GS4989" s="91"/>
      <c r="GT4989" s="91"/>
      <c r="GU4989" s="91"/>
      <c r="GV4989" s="91"/>
      <c r="GW4989" s="91"/>
      <c r="GX4989" s="127"/>
      <c r="GY4989" s="126"/>
      <c r="GZ4989" s="91"/>
      <c r="HA4989" s="91"/>
      <c r="HB4989" s="91"/>
      <c r="HC4989" s="91"/>
      <c r="HD4989" s="91"/>
      <c r="HE4989" s="91"/>
      <c r="HF4989" s="91"/>
      <c r="HG4989" s="91"/>
      <c r="HH4989" s="91"/>
      <c r="HI4989" s="91"/>
      <c r="HJ4989" s="91"/>
      <c r="HK4989" s="127"/>
      <c r="HL4989" s="126"/>
      <c r="HM4989" s="91"/>
      <c r="HN4989" s="91"/>
      <c r="HO4989" s="91"/>
      <c r="HP4989" s="91"/>
      <c r="HQ4989" s="91"/>
      <c r="HR4989" s="91"/>
      <c r="HS4989" s="91"/>
      <c r="HT4989" s="91"/>
      <c r="HU4989" s="91"/>
      <c r="HV4989" s="91"/>
      <c r="HW4989" s="91"/>
      <c r="HX4989" s="127"/>
      <c r="HY4989" s="126"/>
      <c r="HZ4989" s="91"/>
      <c r="IA4989" s="91"/>
      <c r="IB4989" s="91"/>
      <c r="IC4989" s="91"/>
      <c r="ID4989" s="91"/>
      <c r="IE4989" s="91"/>
      <c r="IF4989" s="91"/>
      <c r="IG4989" s="91"/>
      <c r="IH4989" s="91"/>
      <c r="II4989" s="91"/>
      <c r="IJ4989" s="91"/>
      <c r="IK4989" s="174"/>
    </row>
    <row r="4990" spans="2:245" x14ac:dyDescent="0.2">
      <c r="B4990" s="43"/>
      <c r="C4990" s="73"/>
      <c r="D4990" s="64"/>
      <c r="E4990" s="64"/>
      <c r="F4990" s="55"/>
      <c r="G4990" s="102"/>
      <c r="H4990" s="97"/>
      <c r="T4990" s="98"/>
      <c r="U4990" s="97"/>
      <c r="AG4990" s="98"/>
      <c r="AY4990" s="164"/>
      <c r="BK4990" s="98"/>
      <c r="BL4990" s="97"/>
      <c r="BX4990" s="98"/>
      <c r="CL4990" s="97"/>
      <c r="CX4990" s="98"/>
      <c r="DL4990" s="97"/>
      <c r="DX4990" s="98"/>
      <c r="EL4990" s="97"/>
      <c r="EX4990" s="98"/>
      <c r="EY4990" s="97"/>
      <c r="FL4990" s="126"/>
      <c r="FM4990" s="91"/>
      <c r="FN4990" s="91"/>
      <c r="FO4990" s="91"/>
      <c r="FP4990" s="91"/>
      <c r="FQ4990" s="91"/>
      <c r="FR4990" s="91"/>
      <c r="FS4990" s="91"/>
      <c r="FT4990" s="91"/>
      <c r="FU4990" s="91"/>
      <c r="FV4990" s="91"/>
      <c r="FW4990" s="91"/>
      <c r="FX4990" s="127"/>
      <c r="FY4990" s="126"/>
      <c r="FZ4990" s="91"/>
      <c r="GA4990" s="91"/>
      <c r="GB4990" s="91"/>
      <c r="GC4990" s="91"/>
      <c r="GD4990" s="91"/>
      <c r="GE4990" s="91"/>
      <c r="GF4990" s="91"/>
      <c r="GG4990" s="91"/>
      <c r="GH4990" s="91"/>
      <c r="GI4990" s="91"/>
      <c r="GJ4990" s="91"/>
      <c r="GK4990" s="127"/>
      <c r="GL4990" s="126"/>
      <c r="GM4990" s="91"/>
      <c r="GN4990" s="91"/>
      <c r="GO4990" s="91"/>
      <c r="GP4990" s="91"/>
      <c r="GQ4990" s="91"/>
      <c r="GR4990" s="91"/>
      <c r="GS4990" s="91"/>
      <c r="GT4990" s="91"/>
      <c r="GU4990" s="91"/>
      <c r="GV4990" s="91"/>
      <c r="GW4990" s="91"/>
      <c r="GX4990" s="127"/>
      <c r="GY4990" s="126"/>
      <c r="GZ4990" s="91"/>
      <c r="HA4990" s="91"/>
      <c r="HB4990" s="91"/>
      <c r="HC4990" s="91"/>
      <c r="HD4990" s="91"/>
      <c r="HE4990" s="91"/>
      <c r="HF4990" s="91"/>
      <c r="HG4990" s="91"/>
      <c r="HH4990" s="91"/>
      <c r="HI4990" s="91"/>
      <c r="HJ4990" s="91"/>
      <c r="HK4990" s="127"/>
      <c r="HL4990" s="126"/>
      <c r="HM4990" s="91"/>
      <c r="HN4990" s="91"/>
      <c r="HO4990" s="91"/>
      <c r="HP4990" s="91"/>
      <c r="HQ4990" s="91"/>
      <c r="HR4990" s="91"/>
      <c r="HS4990" s="91"/>
      <c r="HT4990" s="91"/>
      <c r="HU4990" s="91"/>
      <c r="HV4990" s="91"/>
      <c r="HW4990" s="91"/>
      <c r="HX4990" s="127"/>
      <c r="HY4990" s="126"/>
      <c r="HZ4990" s="91"/>
      <c r="IA4990" s="91"/>
      <c r="IB4990" s="91"/>
      <c r="IC4990" s="91"/>
      <c r="ID4990" s="91"/>
      <c r="IE4990" s="91"/>
      <c r="IF4990" s="91"/>
      <c r="IG4990" s="91"/>
      <c r="IH4990" s="91"/>
      <c r="II4990" s="91"/>
      <c r="IJ4990" s="91"/>
      <c r="IK4990" s="174"/>
    </row>
    <row r="4991" spans="2:245" x14ac:dyDescent="0.2">
      <c r="B4991" s="43"/>
      <c r="C4991" s="73"/>
      <c r="D4991" s="64"/>
      <c r="E4991" s="64"/>
      <c r="F4991" s="55"/>
      <c r="G4991" s="102"/>
      <c r="H4991" s="97"/>
      <c r="T4991" s="98"/>
      <c r="U4991" s="97"/>
      <c r="AG4991" s="98"/>
      <c r="AY4991" s="164"/>
      <c r="BK4991" s="98"/>
      <c r="BL4991" s="97"/>
      <c r="BX4991" s="98"/>
      <c r="CL4991" s="97"/>
      <c r="CX4991" s="98"/>
      <c r="DL4991" s="97"/>
      <c r="DX4991" s="98"/>
      <c r="EL4991" s="97"/>
      <c r="EX4991" s="98"/>
      <c r="EY4991" s="97"/>
      <c r="FL4991" s="126"/>
      <c r="FM4991" s="91"/>
      <c r="FN4991" s="91"/>
      <c r="FO4991" s="91"/>
      <c r="FP4991" s="91"/>
      <c r="FQ4991" s="91"/>
      <c r="FR4991" s="91"/>
      <c r="FS4991" s="91"/>
      <c r="FT4991" s="91"/>
      <c r="FU4991" s="91"/>
      <c r="FV4991" s="91"/>
      <c r="FW4991" s="91"/>
      <c r="FX4991" s="127"/>
      <c r="FY4991" s="126"/>
      <c r="FZ4991" s="91"/>
      <c r="GA4991" s="91"/>
      <c r="GB4991" s="91"/>
      <c r="GC4991" s="91"/>
      <c r="GD4991" s="91"/>
      <c r="GE4991" s="91"/>
      <c r="GF4991" s="91"/>
      <c r="GG4991" s="91"/>
      <c r="GH4991" s="91"/>
      <c r="GI4991" s="91"/>
      <c r="GJ4991" s="91"/>
      <c r="GK4991" s="127"/>
      <c r="GL4991" s="126"/>
      <c r="GM4991" s="91"/>
      <c r="GN4991" s="91"/>
      <c r="GO4991" s="91"/>
      <c r="GP4991" s="91"/>
      <c r="GQ4991" s="91"/>
      <c r="GR4991" s="91"/>
      <c r="GS4991" s="91"/>
      <c r="GT4991" s="91"/>
      <c r="GU4991" s="91"/>
      <c r="GV4991" s="91"/>
      <c r="GW4991" s="91"/>
      <c r="GX4991" s="127"/>
      <c r="GY4991" s="126"/>
      <c r="GZ4991" s="91"/>
      <c r="HA4991" s="91"/>
      <c r="HB4991" s="91"/>
      <c r="HC4991" s="91"/>
      <c r="HD4991" s="91"/>
      <c r="HE4991" s="91"/>
      <c r="HF4991" s="91"/>
      <c r="HG4991" s="91"/>
      <c r="HH4991" s="91"/>
      <c r="HI4991" s="91"/>
      <c r="HJ4991" s="91"/>
      <c r="HK4991" s="127"/>
      <c r="HL4991" s="126"/>
      <c r="HM4991" s="91"/>
      <c r="HN4991" s="91"/>
      <c r="HO4991" s="91"/>
      <c r="HP4991" s="91"/>
      <c r="HQ4991" s="91"/>
      <c r="HR4991" s="91"/>
      <c r="HS4991" s="91"/>
      <c r="HT4991" s="91"/>
      <c r="HU4991" s="91"/>
      <c r="HV4991" s="91"/>
      <c r="HW4991" s="91"/>
      <c r="HX4991" s="127"/>
      <c r="HY4991" s="126"/>
      <c r="HZ4991" s="91"/>
      <c r="IA4991" s="91"/>
      <c r="IB4991" s="91"/>
      <c r="IC4991" s="91"/>
      <c r="ID4991" s="91"/>
      <c r="IE4991" s="91"/>
      <c r="IF4991" s="91"/>
      <c r="IG4991" s="91"/>
      <c r="IH4991" s="91"/>
      <c r="II4991" s="91"/>
      <c r="IJ4991" s="91"/>
      <c r="IK4991" s="174"/>
    </row>
    <row r="4992" spans="2:245" x14ac:dyDescent="0.2">
      <c r="B4992" s="43"/>
      <c r="C4992" s="73"/>
      <c r="D4992" s="64"/>
      <c r="E4992" s="64"/>
      <c r="F4992" s="55"/>
      <c r="G4992" s="102"/>
      <c r="H4992" s="97"/>
      <c r="T4992" s="98"/>
      <c r="U4992" s="97"/>
      <c r="AG4992" s="98"/>
      <c r="AY4992" s="164"/>
      <c r="BK4992" s="98"/>
      <c r="BL4992" s="97"/>
      <c r="BX4992" s="98"/>
      <c r="CL4992" s="97"/>
      <c r="CX4992" s="98"/>
      <c r="DL4992" s="97"/>
      <c r="DX4992" s="98"/>
      <c r="EL4992" s="97"/>
      <c r="EX4992" s="98"/>
      <c r="EY4992" s="97"/>
      <c r="FL4992" s="126"/>
      <c r="FM4992" s="91"/>
      <c r="FN4992" s="91"/>
      <c r="FO4992" s="91"/>
      <c r="FP4992" s="91"/>
      <c r="FQ4992" s="91"/>
      <c r="FR4992" s="91"/>
      <c r="FS4992" s="91"/>
      <c r="FT4992" s="91"/>
      <c r="FU4992" s="91"/>
      <c r="FV4992" s="91"/>
      <c r="FW4992" s="91"/>
      <c r="FX4992" s="127"/>
      <c r="FY4992" s="126"/>
      <c r="FZ4992" s="91"/>
      <c r="GA4992" s="91"/>
      <c r="GB4992" s="91"/>
      <c r="GC4992" s="91"/>
      <c r="GD4992" s="91"/>
      <c r="GE4992" s="91"/>
      <c r="GF4992" s="91"/>
      <c r="GG4992" s="91"/>
      <c r="GH4992" s="91"/>
      <c r="GI4992" s="91"/>
      <c r="GJ4992" s="91"/>
      <c r="GK4992" s="127"/>
      <c r="GL4992" s="126"/>
      <c r="GM4992" s="91"/>
      <c r="GN4992" s="91"/>
      <c r="GO4992" s="91"/>
      <c r="GP4992" s="91"/>
      <c r="GQ4992" s="91"/>
      <c r="GR4992" s="91"/>
      <c r="GS4992" s="91"/>
      <c r="GT4992" s="91"/>
      <c r="GU4992" s="91"/>
      <c r="GV4992" s="91"/>
      <c r="GW4992" s="91"/>
      <c r="GX4992" s="127"/>
      <c r="GY4992" s="126"/>
      <c r="GZ4992" s="91"/>
      <c r="HA4992" s="91"/>
      <c r="HB4992" s="91"/>
      <c r="HC4992" s="91"/>
      <c r="HD4992" s="91"/>
      <c r="HE4992" s="91"/>
      <c r="HF4992" s="91"/>
      <c r="HG4992" s="91"/>
      <c r="HH4992" s="91"/>
      <c r="HI4992" s="91"/>
      <c r="HJ4992" s="91"/>
      <c r="HK4992" s="127"/>
      <c r="HL4992" s="126"/>
      <c r="HM4992" s="91"/>
      <c r="HN4992" s="91"/>
      <c r="HO4992" s="91"/>
      <c r="HP4992" s="91"/>
      <c r="HQ4992" s="91"/>
      <c r="HR4992" s="91"/>
      <c r="HS4992" s="91"/>
      <c r="HT4992" s="91"/>
      <c r="HU4992" s="91"/>
      <c r="HV4992" s="91"/>
      <c r="HW4992" s="91"/>
      <c r="HX4992" s="127"/>
      <c r="HY4992" s="126"/>
      <c r="HZ4992" s="91"/>
      <c r="IA4992" s="91"/>
      <c r="IB4992" s="91"/>
      <c r="IC4992" s="91"/>
      <c r="ID4992" s="91"/>
      <c r="IE4992" s="91"/>
      <c r="IF4992" s="91"/>
      <c r="IG4992" s="91"/>
      <c r="IH4992" s="91"/>
      <c r="II4992" s="91"/>
      <c r="IJ4992" s="91"/>
      <c r="IK4992" s="174"/>
    </row>
    <row r="4993" spans="2:245" x14ac:dyDescent="0.2">
      <c r="B4993" s="43"/>
      <c r="C4993" s="73"/>
      <c r="D4993" s="64"/>
      <c r="E4993" s="64"/>
      <c r="F4993" s="55"/>
      <c r="G4993" s="102"/>
      <c r="H4993" s="97"/>
      <c r="T4993" s="98"/>
      <c r="U4993" s="97"/>
      <c r="AG4993" s="98"/>
      <c r="AY4993" s="164"/>
      <c r="BK4993" s="98"/>
      <c r="BL4993" s="97"/>
      <c r="BX4993" s="98"/>
      <c r="CL4993" s="97"/>
      <c r="CX4993" s="98"/>
      <c r="DL4993" s="97"/>
      <c r="DX4993" s="98"/>
      <c r="EL4993" s="97"/>
      <c r="EX4993" s="98"/>
      <c r="EY4993" s="97"/>
      <c r="FL4993" s="126"/>
      <c r="FM4993" s="91"/>
      <c r="FN4993" s="91"/>
      <c r="FO4993" s="91"/>
      <c r="FP4993" s="91"/>
      <c r="FQ4993" s="91"/>
      <c r="FR4993" s="91"/>
      <c r="FS4993" s="91"/>
      <c r="FT4993" s="91"/>
      <c r="FU4993" s="91"/>
      <c r="FV4993" s="91"/>
      <c r="FW4993" s="91"/>
      <c r="FX4993" s="127"/>
      <c r="FY4993" s="126"/>
      <c r="FZ4993" s="91"/>
      <c r="GA4993" s="91"/>
      <c r="GB4993" s="91"/>
      <c r="GC4993" s="91"/>
      <c r="GD4993" s="91"/>
      <c r="GE4993" s="91"/>
      <c r="GF4993" s="91"/>
      <c r="GG4993" s="91"/>
      <c r="GH4993" s="91"/>
      <c r="GI4993" s="91"/>
      <c r="GJ4993" s="91"/>
      <c r="GK4993" s="127"/>
      <c r="GL4993" s="126"/>
      <c r="GM4993" s="91"/>
      <c r="GN4993" s="91"/>
      <c r="GO4993" s="91"/>
      <c r="GP4993" s="91"/>
      <c r="GQ4993" s="91"/>
      <c r="GR4993" s="91"/>
      <c r="GS4993" s="91"/>
      <c r="GT4993" s="91"/>
      <c r="GU4993" s="91"/>
      <c r="GV4993" s="91"/>
      <c r="GW4993" s="91"/>
      <c r="GX4993" s="127"/>
      <c r="GY4993" s="126"/>
      <c r="GZ4993" s="91"/>
      <c r="HA4993" s="91"/>
      <c r="HB4993" s="91"/>
      <c r="HC4993" s="91"/>
      <c r="HD4993" s="91"/>
      <c r="HE4993" s="91"/>
      <c r="HF4993" s="91"/>
      <c r="HG4993" s="91"/>
      <c r="HH4993" s="91"/>
      <c r="HI4993" s="91"/>
      <c r="HJ4993" s="91"/>
      <c r="HK4993" s="127"/>
      <c r="HL4993" s="126"/>
      <c r="HM4993" s="91"/>
      <c r="HN4993" s="91"/>
      <c r="HO4993" s="91"/>
      <c r="HP4993" s="91"/>
      <c r="HQ4993" s="91"/>
      <c r="HR4993" s="91"/>
      <c r="HS4993" s="91"/>
      <c r="HT4993" s="91"/>
      <c r="HU4993" s="91"/>
      <c r="HV4993" s="91"/>
      <c r="HW4993" s="91"/>
      <c r="HX4993" s="127"/>
      <c r="HY4993" s="126"/>
      <c r="HZ4993" s="91"/>
      <c r="IA4993" s="91"/>
      <c r="IB4993" s="91"/>
      <c r="IC4993" s="91"/>
      <c r="ID4993" s="91"/>
      <c r="IE4993" s="91"/>
      <c r="IF4993" s="91"/>
      <c r="IG4993" s="91"/>
      <c r="IH4993" s="91"/>
      <c r="II4993" s="91"/>
      <c r="IJ4993" s="91"/>
      <c r="IK4993" s="174"/>
    </row>
    <row r="4994" spans="2:245" x14ac:dyDescent="0.2">
      <c r="B4994" s="43"/>
      <c r="C4994" s="73"/>
      <c r="D4994" s="64"/>
      <c r="E4994" s="64"/>
      <c r="F4994" s="55"/>
      <c r="G4994" s="102"/>
      <c r="H4994" s="97"/>
      <c r="T4994" s="98"/>
      <c r="U4994" s="97"/>
      <c r="AG4994" s="98"/>
      <c r="AY4994" s="164"/>
      <c r="BK4994" s="98"/>
      <c r="BL4994" s="97"/>
      <c r="BX4994" s="98"/>
      <c r="CL4994" s="97"/>
      <c r="CX4994" s="98"/>
      <c r="DL4994" s="97"/>
      <c r="DX4994" s="98"/>
      <c r="EL4994" s="97"/>
      <c r="EX4994" s="98"/>
      <c r="EY4994" s="97"/>
      <c r="FL4994" s="126"/>
      <c r="FM4994" s="91"/>
      <c r="FN4994" s="91"/>
      <c r="FO4994" s="91"/>
      <c r="FP4994" s="91"/>
      <c r="FQ4994" s="91"/>
      <c r="FR4994" s="91"/>
      <c r="FS4994" s="91"/>
      <c r="FT4994" s="91"/>
      <c r="FU4994" s="91"/>
      <c r="FV4994" s="91"/>
      <c r="FW4994" s="91"/>
      <c r="FX4994" s="127"/>
      <c r="FY4994" s="126"/>
      <c r="FZ4994" s="91"/>
      <c r="GA4994" s="91"/>
      <c r="GB4994" s="91"/>
      <c r="GC4994" s="91"/>
      <c r="GD4994" s="91"/>
      <c r="GE4994" s="91"/>
      <c r="GF4994" s="91"/>
      <c r="GG4994" s="91"/>
      <c r="GH4994" s="91"/>
      <c r="GI4994" s="91"/>
      <c r="GJ4994" s="91"/>
      <c r="GK4994" s="127"/>
      <c r="GL4994" s="126"/>
      <c r="GM4994" s="91"/>
      <c r="GN4994" s="91"/>
      <c r="GO4994" s="91"/>
      <c r="GP4994" s="91"/>
      <c r="GQ4994" s="91"/>
      <c r="GR4994" s="91"/>
      <c r="GS4994" s="91"/>
      <c r="GT4994" s="91"/>
      <c r="GU4994" s="91"/>
      <c r="GV4994" s="91"/>
      <c r="GW4994" s="91"/>
      <c r="GX4994" s="127"/>
      <c r="GY4994" s="126"/>
      <c r="GZ4994" s="91"/>
      <c r="HA4994" s="91"/>
      <c r="HB4994" s="91"/>
      <c r="HC4994" s="91"/>
      <c r="HD4994" s="91"/>
      <c r="HE4994" s="91"/>
      <c r="HF4994" s="91"/>
      <c r="HG4994" s="91"/>
      <c r="HH4994" s="91"/>
      <c r="HI4994" s="91"/>
      <c r="HJ4994" s="91"/>
      <c r="HK4994" s="127"/>
      <c r="HL4994" s="126"/>
      <c r="HM4994" s="91"/>
      <c r="HN4994" s="91"/>
      <c r="HO4994" s="91"/>
      <c r="HP4994" s="91"/>
      <c r="HQ4994" s="91"/>
      <c r="HR4994" s="91"/>
      <c r="HS4994" s="91"/>
      <c r="HT4994" s="91"/>
      <c r="HU4994" s="91"/>
      <c r="HV4994" s="91"/>
      <c r="HW4994" s="91"/>
      <c r="HX4994" s="127"/>
      <c r="HY4994" s="126"/>
      <c r="HZ4994" s="91"/>
      <c r="IA4994" s="91"/>
      <c r="IB4994" s="91"/>
      <c r="IC4994" s="91"/>
      <c r="ID4994" s="91"/>
      <c r="IE4994" s="91"/>
      <c r="IF4994" s="91"/>
      <c r="IG4994" s="91"/>
      <c r="IH4994" s="91"/>
      <c r="II4994" s="91"/>
      <c r="IJ4994" s="91"/>
      <c r="IK4994" s="174"/>
    </row>
    <row r="4995" spans="2:245" x14ac:dyDescent="0.2">
      <c r="B4995" s="43"/>
      <c r="C4995" s="73"/>
      <c r="D4995" s="64"/>
      <c r="E4995" s="64"/>
      <c r="F4995" s="55"/>
      <c r="G4995" s="102"/>
      <c r="H4995" s="97"/>
      <c r="T4995" s="98"/>
      <c r="U4995" s="97"/>
      <c r="AG4995" s="98"/>
      <c r="AY4995" s="164"/>
      <c r="BK4995" s="98"/>
      <c r="BL4995" s="97"/>
      <c r="BX4995" s="98"/>
      <c r="CL4995" s="97"/>
      <c r="CX4995" s="98"/>
      <c r="DL4995" s="97"/>
      <c r="DX4995" s="98"/>
      <c r="EL4995" s="97"/>
      <c r="EX4995" s="98"/>
      <c r="EY4995" s="97"/>
      <c r="FL4995" s="126"/>
      <c r="FM4995" s="91"/>
      <c r="FN4995" s="91"/>
      <c r="FO4995" s="91"/>
      <c r="FP4995" s="91"/>
      <c r="FQ4995" s="91"/>
      <c r="FR4995" s="91"/>
      <c r="FS4995" s="91"/>
      <c r="FT4995" s="91"/>
      <c r="FU4995" s="91"/>
      <c r="FV4995" s="91"/>
      <c r="FW4995" s="91"/>
      <c r="FX4995" s="127"/>
      <c r="FY4995" s="126"/>
      <c r="FZ4995" s="91"/>
      <c r="GA4995" s="91"/>
      <c r="GB4995" s="91"/>
      <c r="GC4995" s="91"/>
      <c r="GD4995" s="91"/>
      <c r="GE4995" s="91"/>
      <c r="GF4995" s="91"/>
      <c r="GG4995" s="91"/>
      <c r="GH4995" s="91"/>
      <c r="GI4995" s="91"/>
      <c r="GJ4995" s="91"/>
      <c r="GK4995" s="127"/>
      <c r="GL4995" s="126"/>
      <c r="GM4995" s="91"/>
      <c r="GN4995" s="91"/>
      <c r="GO4995" s="91"/>
      <c r="GP4995" s="91"/>
      <c r="GQ4995" s="91"/>
      <c r="GR4995" s="91"/>
      <c r="GS4995" s="91"/>
      <c r="GT4995" s="91"/>
      <c r="GU4995" s="91"/>
      <c r="GV4995" s="91"/>
      <c r="GW4995" s="91"/>
      <c r="GX4995" s="127"/>
      <c r="GY4995" s="126"/>
      <c r="GZ4995" s="91"/>
      <c r="HA4995" s="91"/>
      <c r="HB4995" s="91"/>
      <c r="HC4995" s="91"/>
      <c r="HD4995" s="91"/>
      <c r="HE4995" s="91"/>
      <c r="HF4995" s="91"/>
      <c r="HG4995" s="91"/>
      <c r="HH4995" s="91"/>
      <c r="HI4995" s="91"/>
      <c r="HJ4995" s="91"/>
      <c r="HK4995" s="127"/>
      <c r="HL4995" s="126"/>
      <c r="HM4995" s="91"/>
      <c r="HN4995" s="91"/>
      <c r="HO4995" s="91"/>
      <c r="HP4995" s="91"/>
      <c r="HQ4995" s="91"/>
      <c r="HR4995" s="91"/>
      <c r="HS4995" s="91"/>
      <c r="HT4995" s="91"/>
      <c r="HU4995" s="91"/>
      <c r="HV4995" s="91"/>
      <c r="HW4995" s="91"/>
      <c r="HX4995" s="127"/>
      <c r="HY4995" s="126"/>
      <c r="HZ4995" s="91"/>
      <c r="IA4995" s="91"/>
      <c r="IB4995" s="91"/>
      <c r="IC4995" s="91"/>
      <c r="ID4995" s="91"/>
      <c r="IE4995" s="91"/>
      <c r="IF4995" s="91"/>
      <c r="IG4995" s="91"/>
      <c r="IH4995" s="91"/>
      <c r="II4995" s="91"/>
      <c r="IJ4995" s="91"/>
      <c r="IK4995" s="174"/>
    </row>
    <row r="4996" spans="2:245" x14ac:dyDescent="0.2">
      <c r="B4996" s="43"/>
      <c r="C4996" s="73"/>
      <c r="D4996" s="64"/>
      <c r="E4996" s="64"/>
      <c r="F4996" s="55"/>
      <c r="G4996" s="102"/>
      <c r="H4996" s="97"/>
      <c r="T4996" s="98"/>
      <c r="U4996" s="97"/>
      <c r="AG4996" s="98"/>
      <c r="AY4996" s="164"/>
      <c r="BK4996" s="98"/>
      <c r="BL4996" s="97"/>
      <c r="BX4996" s="98"/>
      <c r="CL4996" s="97"/>
      <c r="CX4996" s="98"/>
      <c r="DL4996" s="97"/>
      <c r="DX4996" s="98"/>
      <c r="EL4996" s="97"/>
      <c r="EX4996" s="98"/>
      <c r="EY4996" s="97"/>
      <c r="FL4996" s="126"/>
      <c r="FM4996" s="91"/>
      <c r="FN4996" s="91"/>
      <c r="FO4996" s="91"/>
      <c r="FP4996" s="91"/>
      <c r="FQ4996" s="91"/>
      <c r="FR4996" s="91"/>
      <c r="FS4996" s="91"/>
      <c r="FT4996" s="91"/>
      <c r="FU4996" s="91"/>
      <c r="FV4996" s="91"/>
      <c r="FW4996" s="91"/>
      <c r="FX4996" s="127"/>
      <c r="FY4996" s="126"/>
      <c r="FZ4996" s="91"/>
      <c r="GA4996" s="91"/>
      <c r="GB4996" s="91"/>
      <c r="GC4996" s="91"/>
      <c r="GD4996" s="91"/>
      <c r="GE4996" s="91"/>
      <c r="GF4996" s="91"/>
      <c r="GG4996" s="91"/>
      <c r="GH4996" s="91"/>
      <c r="GI4996" s="91"/>
      <c r="GJ4996" s="91"/>
      <c r="GK4996" s="127"/>
      <c r="GL4996" s="126"/>
      <c r="GM4996" s="91"/>
      <c r="GN4996" s="91"/>
      <c r="GO4996" s="91"/>
      <c r="GP4996" s="91"/>
      <c r="GQ4996" s="91"/>
      <c r="GR4996" s="91"/>
      <c r="GS4996" s="91"/>
      <c r="GT4996" s="91"/>
      <c r="GU4996" s="91"/>
      <c r="GV4996" s="91"/>
      <c r="GW4996" s="91"/>
      <c r="GX4996" s="127"/>
      <c r="GY4996" s="126"/>
      <c r="GZ4996" s="91"/>
      <c r="HA4996" s="91"/>
      <c r="HB4996" s="91"/>
      <c r="HC4996" s="91"/>
      <c r="HD4996" s="91"/>
      <c r="HE4996" s="91"/>
      <c r="HF4996" s="91"/>
      <c r="HG4996" s="91"/>
      <c r="HH4996" s="91"/>
      <c r="HI4996" s="91"/>
      <c r="HJ4996" s="91"/>
      <c r="HK4996" s="127"/>
      <c r="HL4996" s="126"/>
      <c r="HM4996" s="91"/>
      <c r="HN4996" s="91"/>
      <c r="HO4996" s="91"/>
      <c r="HP4996" s="91"/>
      <c r="HQ4996" s="91"/>
      <c r="HR4996" s="91"/>
      <c r="HS4996" s="91"/>
      <c r="HT4996" s="91"/>
      <c r="HU4996" s="91"/>
      <c r="HV4996" s="91"/>
      <c r="HW4996" s="91"/>
      <c r="HX4996" s="127"/>
      <c r="HY4996" s="126"/>
      <c r="HZ4996" s="91"/>
      <c r="IA4996" s="91"/>
      <c r="IB4996" s="91"/>
      <c r="IC4996" s="91"/>
      <c r="ID4996" s="91"/>
      <c r="IE4996" s="91"/>
      <c r="IF4996" s="91"/>
      <c r="IG4996" s="91"/>
      <c r="IH4996" s="91"/>
      <c r="II4996" s="91"/>
      <c r="IJ4996" s="91"/>
      <c r="IK4996" s="174"/>
    </row>
    <row r="4997" spans="2:245" x14ac:dyDescent="0.2">
      <c r="B4997" s="43"/>
      <c r="C4997" s="73"/>
      <c r="D4997" s="64"/>
      <c r="E4997" s="64"/>
      <c r="F4997" s="55"/>
      <c r="G4997" s="102"/>
      <c r="H4997" s="97"/>
      <c r="T4997" s="98"/>
      <c r="U4997" s="97"/>
      <c r="AG4997" s="98"/>
      <c r="AY4997" s="164"/>
      <c r="BK4997" s="98"/>
      <c r="BL4997" s="97"/>
      <c r="BX4997" s="98"/>
      <c r="CL4997" s="97"/>
      <c r="CX4997" s="98"/>
      <c r="DL4997" s="97"/>
      <c r="DX4997" s="98"/>
      <c r="EL4997" s="97"/>
      <c r="EX4997" s="98"/>
      <c r="EY4997" s="97"/>
      <c r="FL4997" s="126"/>
      <c r="FM4997" s="91"/>
      <c r="FN4997" s="91"/>
      <c r="FO4997" s="91"/>
      <c r="FP4997" s="91"/>
      <c r="FQ4997" s="91"/>
      <c r="FR4997" s="91"/>
      <c r="FS4997" s="91"/>
      <c r="FT4997" s="91"/>
      <c r="FU4997" s="91"/>
      <c r="FV4997" s="91"/>
      <c r="FW4997" s="91"/>
      <c r="FX4997" s="127"/>
      <c r="FY4997" s="126"/>
      <c r="FZ4997" s="91"/>
      <c r="GA4997" s="91"/>
      <c r="GB4997" s="91"/>
      <c r="GC4997" s="91"/>
      <c r="GD4997" s="91"/>
      <c r="GE4997" s="91"/>
      <c r="GF4997" s="91"/>
      <c r="GG4997" s="91"/>
      <c r="GH4997" s="91"/>
      <c r="GI4997" s="91"/>
      <c r="GJ4997" s="91"/>
      <c r="GK4997" s="127"/>
      <c r="GL4997" s="126"/>
      <c r="GM4997" s="91"/>
      <c r="GN4997" s="91"/>
      <c r="GO4997" s="91"/>
      <c r="GP4997" s="91"/>
      <c r="GQ4997" s="91"/>
      <c r="GR4997" s="91"/>
      <c r="GS4997" s="91"/>
      <c r="GT4997" s="91"/>
      <c r="GU4997" s="91"/>
      <c r="GV4997" s="91"/>
      <c r="GW4997" s="91"/>
      <c r="GX4997" s="127"/>
      <c r="GY4997" s="126"/>
      <c r="GZ4997" s="91"/>
      <c r="HA4997" s="91"/>
      <c r="HB4997" s="91"/>
      <c r="HC4997" s="91"/>
      <c r="HD4997" s="91"/>
      <c r="HE4997" s="91"/>
      <c r="HF4997" s="91"/>
      <c r="HG4997" s="91"/>
      <c r="HH4997" s="91"/>
      <c r="HI4997" s="91"/>
      <c r="HJ4997" s="91"/>
      <c r="HK4997" s="127"/>
      <c r="HL4997" s="126"/>
      <c r="HM4997" s="91"/>
      <c r="HN4997" s="91"/>
      <c r="HO4997" s="91"/>
      <c r="HP4997" s="91"/>
      <c r="HQ4997" s="91"/>
      <c r="HR4997" s="91"/>
      <c r="HS4997" s="91"/>
      <c r="HT4997" s="91"/>
      <c r="HU4997" s="91"/>
      <c r="HV4997" s="91"/>
      <c r="HW4997" s="91"/>
      <c r="HX4997" s="127"/>
      <c r="HY4997" s="126"/>
      <c r="HZ4997" s="91"/>
      <c r="IA4997" s="91"/>
      <c r="IB4997" s="91"/>
      <c r="IC4997" s="91"/>
      <c r="ID4997" s="91"/>
      <c r="IE4997" s="91"/>
      <c r="IF4997" s="91"/>
      <c r="IG4997" s="91"/>
      <c r="IH4997" s="91"/>
      <c r="II4997" s="91"/>
      <c r="IJ4997" s="91"/>
      <c r="IK4997" s="174"/>
    </row>
    <row r="4998" spans="2:245" x14ac:dyDescent="0.2">
      <c r="B4998" s="43"/>
      <c r="C4998" s="73"/>
      <c r="D4998" s="64"/>
      <c r="E4998" s="64"/>
      <c r="F4998" s="55"/>
      <c r="G4998" s="102"/>
      <c r="H4998" s="97"/>
      <c r="T4998" s="98"/>
      <c r="U4998" s="97"/>
      <c r="AG4998" s="98"/>
      <c r="AY4998" s="164"/>
      <c r="BK4998" s="98"/>
      <c r="BL4998" s="97"/>
      <c r="BX4998" s="98"/>
      <c r="CL4998" s="97"/>
      <c r="CX4998" s="98"/>
      <c r="DL4998" s="97"/>
      <c r="DX4998" s="98"/>
      <c r="EL4998" s="97"/>
      <c r="EX4998" s="98"/>
      <c r="EY4998" s="97"/>
      <c r="FL4998" s="126"/>
      <c r="FM4998" s="91"/>
      <c r="FN4998" s="91"/>
      <c r="FO4998" s="91"/>
      <c r="FP4998" s="91"/>
      <c r="FQ4998" s="91"/>
      <c r="FR4998" s="91"/>
      <c r="FS4998" s="91"/>
      <c r="FT4998" s="91"/>
      <c r="FU4998" s="91"/>
      <c r="FV4998" s="91"/>
      <c r="FW4998" s="91"/>
      <c r="FX4998" s="127"/>
      <c r="FY4998" s="126"/>
      <c r="FZ4998" s="91"/>
      <c r="GA4998" s="91"/>
      <c r="GB4998" s="91"/>
      <c r="GC4998" s="91"/>
      <c r="GD4998" s="91"/>
      <c r="GE4998" s="91"/>
      <c r="GF4998" s="91"/>
      <c r="GG4998" s="91"/>
      <c r="GH4998" s="91"/>
      <c r="GI4998" s="91"/>
      <c r="GJ4998" s="91"/>
      <c r="GK4998" s="127"/>
      <c r="GL4998" s="126"/>
      <c r="GM4998" s="91"/>
      <c r="GN4998" s="91"/>
      <c r="GO4998" s="91"/>
      <c r="GP4998" s="91"/>
      <c r="GQ4998" s="91"/>
      <c r="GR4998" s="91"/>
      <c r="GS4998" s="91"/>
      <c r="GT4998" s="91"/>
      <c r="GU4998" s="91"/>
      <c r="GV4998" s="91"/>
      <c r="GW4998" s="91"/>
      <c r="GX4998" s="127"/>
      <c r="GY4998" s="126"/>
      <c r="GZ4998" s="91"/>
      <c r="HA4998" s="91"/>
      <c r="HB4998" s="91"/>
      <c r="HC4998" s="91"/>
      <c r="HD4998" s="91"/>
      <c r="HE4998" s="91"/>
      <c r="HF4998" s="91"/>
      <c r="HG4998" s="91"/>
      <c r="HH4998" s="91"/>
      <c r="HI4998" s="91"/>
      <c r="HJ4998" s="91"/>
      <c r="HK4998" s="127"/>
      <c r="HL4998" s="126"/>
      <c r="HM4998" s="91"/>
      <c r="HN4998" s="91"/>
      <c r="HO4998" s="91"/>
      <c r="HP4998" s="91"/>
      <c r="HQ4998" s="91"/>
      <c r="HR4998" s="91"/>
      <c r="HS4998" s="91"/>
      <c r="HT4998" s="91"/>
      <c r="HU4998" s="91"/>
      <c r="HV4998" s="91"/>
      <c r="HW4998" s="91"/>
      <c r="HX4998" s="127"/>
      <c r="HY4998" s="126"/>
      <c r="HZ4998" s="91"/>
      <c r="IA4998" s="91"/>
      <c r="IB4998" s="91"/>
      <c r="IC4998" s="91"/>
      <c r="ID4998" s="91"/>
      <c r="IE4998" s="91"/>
      <c r="IF4998" s="91"/>
      <c r="IG4998" s="91"/>
      <c r="IH4998" s="91"/>
      <c r="II4998" s="91"/>
      <c r="IJ4998" s="91"/>
      <c r="IK4998" s="174"/>
    </row>
    <row r="4999" spans="2:245" x14ac:dyDescent="0.2">
      <c r="B4999" s="43"/>
      <c r="C4999" s="73"/>
      <c r="D4999" s="64"/>
      <c r="E4999" s="64"/>
      <c r="F4999" s="55"/>
      <c r="G4999" s="102"/>
      <c r="H4999" s="97"/>
      <c r="T4999" s="98"/>
      <c r="U4999" s="97"/>
      <c r="AG4999" s="98"/>
      <c r="AY4999" s="164"/>
      <c r="BK4999" s="98"/>
      <c r="BL4999" s="97"/>
      <c r="BX4999" s="98"/>
      <c r="CL4999" s="97"/>
      <c r="CX4999" s="98"/>
      <c r="DL4999" s="97"/>
      <c r="DX4999" s="98"/>
      <c r="EL4999" s="97"/>
      <c r="EX4999" s="98"/>
      <c r="EY4999" s="97"/>
      <c r="FL4999" s="126"/>
      <c r="FM4999" s="91"/>
      <c r="FN4999" s="91"/>
      <c r="FO4999" s="91"/>
      <c r="FP4999" s="91"/>
      <c r="FQ4999" s="91"/>
      <c r="FR4999" s="91"/>
      <c r="FS4999" s="91"/>
      <c r="FT4999" s="91"/>
      <c r="FU4999" s="91"/>
      <c r="FV4999" s="91"/>
      <c r="FW4999" s="91"/>
      <c r="FX4999" s="127"/>
      <c r="FY4999" s="126"/>
      <c r="FZ4999" s="91"/>
      <c r="GA4999" s="91"/>
      <c r="GB4999" s="91"/>
      <c r="GC4999" s="91"/>
      <c r="GD4999" s="91"/>
      <c r="GE4999" s="91"/>
      <c r="GF4999" s="91"/>
      <c r="GG4999" s="91"/>
      <c r="GH4999" s="91"/>
      <c r="GI4999" s="91"/>
      <c r="GJ4999" s="91"/>
      <c r="GK4999" s="127"/>
      <c r="GL4999" s="126"/>
      <c r="GM4999" s="91"/>
      <c r="GN4999" s="91"/>
      <c r="GO4999" s="91"/>
      <c r="GP4999" s="91"/>
      <c r="GQ4999" s="91"/>
      <c r="GR4999" s="91"/>
      <c r="GS4999" s="91"/>
      <c r="GT4999" s="91"/>
      <c r="GU4999" s="91"/>
      <c r="GV4999" s="91"/>
      <c r="GW4999" s="91"/>
      <c r="GX4999" s="127"/>
      <c r="GY4999" s="126"/>
      <c r="GZ4999" s="91"/>
      <c r="HA4999" s="91"/>
      <c r="HB4999" s="91"/>
      <c r="HC4999" s="91"/>
      <c r="HD4999" s="91"/>
      <c r="HE4999" s="91"/>
      <c r="HF4999" s="91"/>
      <c r="HG4999" s="91"/>
      <c r="HH4999" s="91"/>
      <c r="HI4999" s="91"/>
      <c r="HJ4999" s="91"/>
      <c r="HK4999" s="127"/>
      <c r="HL4999" s="126"/>
      <c r="HM4999" s="91"/>
      <c r="HN4999" s="91"/>
      <c r="HO4999" s="91"/>
      <c r="HP4999" s="91"/>
      <c r="HQ4999" s="91"/>
      <c r="HR4999" s="91"/>
      <c r="HS4999" s="91"/>
      <c r="HT4999" s="91"/>
      <c r="HU4999" s="91"/>
      <c r="HV4999" s="91"/>
      <c r="HW4999" s="91"/>
      <c r="HX4999" s="127"/>
      <c r="HY4999" s="126"/>
      <c r="HZ4999" s="91"/>
      <c r="IA4999" s="91"/>
      <c r="IB4999" s="91"/>
      <c r="IC4999" s="91"/>
      <c r="ID4999" s="91"/>
      <c r="IE4999" s="91"/>
      <c r="IF4999" s="91"/>
      <c r="IG4999" s="91"/>
      <c r="IH4999" s="91"/>
      <c r="II4999" s="91"/>
      <c r="IJ4999" s="91"/>
      <c r="IK4999" s="174"/>
    </row>
    <row r="5000" spans="2:245" x14ac:dyDescent="0.2">
      <c r="B5000" s="43"/>
      <c r="C5000" s="73"/>
      <c r="D5000" s="64"/>
      <c r="E5000" s="64"/>
      <c r="F5000" s="55"/>
      <c r="G5000" s="102"/>
      <c r="H5000" s="97"/>
      <c r="T5000" s="98"/>
      <c r="U5000" s="97"/>
      <c r="AG5000" s="98"/>
      <c r="AY5000" s="164"/>
      <c r="BK5000" s="98"/>
      <c r="BL5000" s="97"/>
      <c r="BX5000" s="98"/>
      <c r="CL5000" s="97"/>
      <c r="CX5000" s="98"/>
      <c r="DL5000" s="97"/>
      <c r="DX5000" s="98"/>
      <c r="EL5000" s="97"/>
      <c r="EX5000" s="98"/>
      <c r="EY5000" s="97"/>
      <c r="FL5000" s="126"/>
      <c r="FM5000" s="91"/>
      <c r="FN5000" s="91"/>
      <c r="FO5000" s="91"/>
      <c r="FP5000" s="91"/>
      <c r="FQ5000" s="91"/>
      <c r="FR5000" s="91"/>
      <c r="FS5000" s="91"/>
      <c r="FT5000" s="91"/>
      <c r="FU5000" s="91"/>
      <c r="FV5000" s="91"/>
      <c r="FW5000" s="91"/>
      <c r="FX5000" s="127"/>
      <c r="FY5000" s="126"/>
      <c r="FZ5000" s="91"/>
      <c r="GA5000" s="91"/>
      <c r="GB5000" s="91"/>
      <c r="GC5000" s="91"/>
      <c r="GD5000" s="91"/>
      <c r="GE5000" s="91"/>
      <c r="GF5000" s="91"/>
      <c r="GG5000" s="91"/>
      <c r="GH5000" s="91"/>
      <c r="GI5000" s="91"/>
      <c r="GJ5000" s="91"/>
      <c r="GK5000" s="127"/>
      <c r="GL5000" s="126"/>
      <c r="GM5000" s="91"/>
      <c r="GN5000" s="91"/>
      <c r="GO5000" s="91"/>
      <c r="GP5000" s="91"/>
      <c r="GQ5000" s="91"/>
      <c r="GR5000" s="91"/>
      <c r="GS5000" s="91"/>
      <c r="GT5000" s="91"/>
      <c r="GU5000" s="91"/>
      <c r="GV5000" s="91"/>
      <c r="GW5000" s="91"/>
      <c r="GX5000" s="127"/>
      <c r="GY5000" s="126"/>
      <c r="GZ5000" s="91"/>
      <c r="HA5000" s="91"/>
      <c r="HB5000" s="91"/>
      <c r="HC5000" s="91"/>
      <c r="HD5000" s="91"/>
      <c r="HE5000" s="91"/>
      <c r="HF5000" s="91"/>
      <c r="HG5000" s="91"/>
      <c r="HH5000" s="91"/>
      <c r="HI5000" s="91"/>
      <c r="HJ5000" s="91"/>
      <c r="HK5000" s="127"/>
      <c r="HL5000" s="126"/>
      <c r="HM5000" s="91"/>
      <c r="HN5000" s="91"/>
      <c r="HO5000" s="91"/>
      <c r="HP5000" s="91"/>
      <c r="HQ5000" s="91"/>
      <c r="HR5000" s="91"/>
      <c r="HS5000" s="91"/>
      <c r="HT5000" s="91"/>
      <c r="HU5000" s="91"/>
      <c r="HV5000" s="91"/>
      <c r="HW5000" s="91"/>
      <c r="HX5000" s="127"/>
      <c r="HY5000" s="126"/>
      <c r="HZ5000" s="91"/>
      <c r="IA5000" s="91"/>
      <c r="IB5000" s="91"/>
      <c r="IC5000" s="91"/>
      <c r="ID5000" s="91"/>
      <c r="IE5000" s="91"/>
      <c r="IF5000" s="91"/>
      <c r="IG5000" s="91"/>
      <c r="IH5000" s="91"/>
      <c r="II5000" s="91"/>
      <c r="IJ5000" s="91"/>
      <c r="IK5000" s="174"/>
    </row>
    <row r="5001" spans="2:245" x14ac:dyDescent="0.2">
      <c r="B5001" s="43"/>
      <c r="C5001" s="73"/>
      <c r="D5001" s="64"/>
      <c r="E5001" s="64"/>
      <c r="F5001" s="55"/>
      <c r="G5001" s="102"/>
      <c r="H5001" s="97"/>
      <c r="T5001" s="98"/>
      <c r="U5001" s="97"/>
      <c r="AG5001" s="98"/>
      <c r="AY5001" s="164"/>
      <c r="BK5001" s="98"/>
      <c r="BL5001" s="97"/>
      <c r="BX5001" s="98"/>
      <c r="CL5001" s="97"/>
      <c r="CX5001" s="98"/>
      <c r="DL5001" s="97"/>
      <c r="DX5001" s="98"/>
      <c r="EL5001" s="97"/>
      <c r="EX5001" s="98"/>
      <c r="EY5001" s="97"/>
      <c r="FL5001" s="126"/>
      <c r="FM5001" s="91"/>
      <c r="FN5001" s="91"/>
      <c r="FO5001" s="91"/>
      <c r="FP5001" s="91"/>
      <c r="FQ5001" s="91"/>
      <c r="FR5001" s="91"/>
      <c r="FS5001" s="91"/>
      <c r="FT5001" s="91"/>
      <c r="FU5001" s="91"/>
      <c r="FV5001" s="91"/>
      <c r="FW5001" s="91"/>
      <c r="FX5001" s="127"/>
      <c r="FY5001" s="126"/>
      <c r="FZ5001" s="91"/>
      <c r="GA5001" s="91"/>
      <c r="GB5001" s="91"/>
      <c r="GC5001" s="91"/>
      <c r="GD5001" s="91"/>
      <c r="GE5001" s="91"/>
      <c r="GF5001" s="91"/>
      <c r="GG5001" s="91"/>
      <c r="GH5001" s="91"/>
      <c r="GI5001" s="91"/>
      <c r="GJ5001" s="91"/>
      <c r="GK5001" s="127"/>
      <c r="GL5001" s="126"/>
      <c r="GM5001" s="91"/>
      <c r="GN5001" s="91"/>
      <c r="GO5001" s="91"/>
      <c r="GP5001" s="91"/>
      <c r="GQ5001" s="91"/>
      <c r="GR5001" s="91"/>
      <c r="GS5001" s="91"/>
      <c r="GT5001" s="91"/>
      <c r="GU5001" s="91"/>
      <c r="GV5001" s="91"/>
      <c r="GW5001" s="91"/>
      <c r="GX5001" s="127"/>
      <c r="GY5001" s="126"/>
      <c r="GZ5001" s="91"/>
      <c r="HA5001" s="91"/>
      <c r="HB5001" s="91"/>
      <c r="HC5001" s="91"/>
      <c r="HD5001" s="91"/>
      <c r="HE5001" s="91"/>
      <c r="HF5001" s="91"/>
      <c r="HG5001" s="91"/>
      <c r="HH5001" s="91"/>
      <c r="HI5001" s="91"/>
      <c r="HJ5001" s="91"/>
      <c r="HK5001" s="127"/>
      <c r="HL5001" s="126"/>
      <c r="HM5001" s="91"/>
      <c r="HN5001" s="91"/>
      <c r="HO5001" s="91"/>
      <c r="HP5001" s="91"/>
      <c r="HQ5001" s="91"/>
      <c r="HR5001" s="91"/>
      <c r="HS5001" s="91"/>
      <c r="HT5001" s="91"/>
      <c r="HU5001" s="91"/>
      <c r="HV5001" s="91"/>
      <c r="HW5001" s="91"/>
      <c r="HX5001" s="127"/>
      <c r="HY5001" s="126"/>
      <c r="HZ5001" s="91"/>
      <c r="IA5001" s="91"/>
      <c r="IB5001" s="91"/>
      <c r="IC5001" s="91"/>
      <c r="ID5001" s="91"/>
      <c r="IE5001" s="91"/>
      <c r="IF5001" s="91"/>
      <c r="IG5001" s="91"/>
      <c r="IH5001" s="91"/>
      <c r="II5001" s="91"/>
      <c r="IJ5001" s="91"/>
      <c r="IK5001" s="174"/>
    </row>
    <row r="5002" spans="2:245" x14ac:dyDescent="0.2">
      <c r="B5002" s="43"/>
      <c r="C5002" s="73"/>
      <c r="D5002" s="64"/>
      <c r="E5002" s="64"/>
      <c r="F5002" s="55"/>
      <c r="G5002" s="102"/>
      <c r="H5002" s="97"/>
      <c r="T5002" s="98"/>
      <c r="U5002" s="97"/>
      <c r="AG5002" s="98"/>
      <c r="AY5002" s="164"/>
      <c r="BK5002" s="98"/>
      <c r="BL5002" s="97"/>
      <c r="BX5002" s="98"/>
      <c r="CL5002" s="97"/>
      <c r="CX5002" s="98"/>
      <c r="DL5002" s="97"/>
      <c r="DX5002" s="98"/>
      <c r="EL5002" s="97"/>
      <c r="EX5002" s="98"/>
      <c r="EY5002" s="97"/>
      <c r="FL5002" s="126"/>
      <c r="FM5002" s="91"/>
      <c r="FN5002" s="91"/>
      <c r="FO5002" s="91"/>
      <c r="FP5002" s="91"/>
      <c r="FQ5002" s="91"/>
      <c r="FR5002" s="91"/>
      <c r="FS5002" s="91"/>
      <c r="FT5002" s="91"/>
      <c r="FU5002" s="91"/>
      <c r="FV5002" s="91"/>
      <c r="FW5002" s="91"/>
      <c r="FX5002" s="127"/>
      <c r="FY5002" s="126"/>
      <c r="FZ5002" s="91"/>
      <c r="GA5002" s="91"/>
      <c r="GB5002" s="91"/>
      <c r="GC5002" s="91"/>
      <c r="GD5002" s="91"/>
      <c r="GE5002" s="91"/>
      <c r="GF5002" s="91"/>
      <c r="GG5002" s="91"/>
      <c r="GH5002" s="91"/>
      <c r="GI5002" s="91"/>
      <c r="GJ5002" s="91"/>
      <c r="GK5002" s="127"/>
      <c r="GL5002" s="126"/>
      <c r="GM5002" s="91"/>
      <c r="GN5002" s="91"/>
      <c r="GO5002" s="91"/>
      <c r="GP5002" s="91"/>
      <c r="GQ5002" s="91"/>
      <c r="GR5002" s="91"/>
      <c r="GS5002" s="91"/>
      <c r="GT5002" s="91"/>
      <c r="GU5002" s="91"/>
      <c r="GV5002" s="91"/>
      <c r="GW5002" s="91"/>
      <c r="GX5002" s="127"/>
      <c r="GY5002" s="126"/>
      <c r="GZ5002" s="91"/>
      <c r="HA5002" s="91"/>
      <c r="HB5002" s="91"/>
      <c r="HC5002" s="91"/>
      <c r="HD5002" s="91"/>
      <c r="HE5002" s="91"/>
      <c r="HF5002" s="91"/>
      <c r="HG5002" s="91"/>
      <c r="HH5002" s="91"/>
      <c r="HI5002" s="91"/>
      <c r="HJ5002" s="91"/>
      <c r="HK5002" s="127"/>
      <c r="HL5002" s="126"/>
      <c r="HM5002" s="91"/>
      <c r="HN5002" s="91"/>
      <c r="HO5002" s="91"/>
      <c r="HP5002" s="91"/>
      <c r="HQ5002" s="91"/>
      <c r="HR5002" s="91"/>
      <c r="HS5002" s="91"/>
      <c r="HT5002" s="91"/>
      <c r="HU5002" s="91"/>
      <c r="HV5002" s="91"/>
      <c r="HW5002" s="91"/>
      <c r="HX5002" s="127"/>
      <c r="HY5002" s="126"/>
      <c r="HZ5002" s="91"/>
      <c r="IA5002" s="91"/>
      <c r="IB5002" s="91"/>
      <c r="IC5002" s="91"/>
      <c r="ID5002" s="91"/>
      <c r="IE5002" s="91"/>
      <c r="IF5002" s="91"/>
      <c r="IG5002" s="91"/>
      <c r="IH5002" s="91"/>
      <c r="II5002" s="91"/>
      <c r="IJ5002" s="91"/>
      <c r="IK5002" s="174"/>
    </row>
    <row r="5003" spans="2:245" x14ac:dyDescent="0.2">
      <c r="B5003" s="43"/>
      <c r="C5003" s="73"/>
      <c r="D5003" s="64"/>
      <c r="E5003" s="64"/>
      <c r="F5003" s="55"/>
      <c r="G5003" s="102"/>
      <c r="H5003" s="97"/>
      <c r="T5003" s="98"/>
      <c r="U5003" s="97"/>
      <c r="AG5003" s="98"/>
      <c r="AY5003" s="164"/>
      <c r="BK5003" s="98"/>
      <c r="BL5003" s="97"/>
      <c r="BX5003" s="98"/>
      <c r="CL5003" s="97"/>
      <c r="CX5003" s="98"/>
      <c r="DL5003" s="97"/>
      <c r="DX5003" s="98"/>
      <c r="EL5003" s="97"/>
      <c r="EX5003" s="98"/>
      <c r="EY5003" s="97"/>
      <c r="FL5003" s="126"/>
      <c r="FM5003" s="91"/>
      <c r="FN5003" s="91"/>
      <c r="FO5003" s="91"/>
      <c r="FP5003" s="91"/>
      <c r="FQ5003" s="91"/>
      <c r="FR5003" s="91"/>
      <c r="FS5003" s="91"/>
      <c r="FT5003" s="91"/>
      <c r="FU5003" s="91"/>
      <c r="FV5003" s="91"/>
      <c r="FW5003" s="91"/>
      <c r="FX5003" s="127"/>
      <c r="FY5003" s="126"/>
      <c r="FZ5003" s="91"/>
      <c r="GA5003" s="91"/>
      <c r="GB5003" s="91"/>
      <c r="GC5003" s="91"/>
      <c r="GD5003" s="91"/>
      <c r="GE5003" s="91"/>
      <c r="GF5003" s="91"/>
      <c r="GG5003" s="91"/>
      <c r="GH5003" s="91"/>
      <c r="GI5003" s="91"/>
      <c r="GJ5003" s="91"/>
      <c r="GK5003" s="127"/>
      <c r="GL5003" s="126"/>
      <c r="GM5003" s="91"/>
      <c r="GN5003" s="91"/>
      <c r="GO5003" s="91"/>
      <c r="GP5003" s="91"/>
      <c r="GQ5003" s="91"/>
      <c r="GR5003" s="91"/>
      <c r="GS5003" s="91"/>
      <c r="GT5003" s="91"/>
      <c r="GU5003" s="91"/>
      <c r="GV5003" s="91"/>
      <c r="GW5003" s="91"/>
      <c r="GX5003" s="127"/>
      <c r="GY5003" s="126"/>
      <c r="GZ5003" s="91"/>
      <c r="HA5003" s="91"/>
      <c r="HB5003" s="91"/>
      <c r="HC5003" s="91"/>
      <c r="HD5003" s="91"/>
      <c r="HE5003" s="91"/>
      <c r="HF5003" s="91"/>
      <c r="HG5003" s="91"/>
      <c r="HH5003" s="91"/>
      <c r="HI5003" s="91"/>
      <c r="HJ5003" s="91"/>
      <c r="HK5003" s="127"/>
      <c r="HL5003" s="126"/>
      <c r="HM5003" s="91"/>
      <c r="HN5003" s="91"/>
      <c r="HO5003" s="91"/>
      <c r="HP5003" s="91"/>
      <c r="HQ5003" s="91"/>
      <c r="HR5003" s="91"/>
      <c r="HS5003" s="91"/>
      <c r="HT5003" s="91"/>
      <c r="HU5003" s="91"/>
      <c r="HV5003" s="91"/>
      <c r="HW5003" s="91"/>
      <c r="HX5003" s="127"/>
      <c r="HY5003" s="126"/>
      <c r="HZ5003" s="91"/>
      <c r="IA5003" s="91"/>
      <c r="IB5003" s="91"/>
      <c r="IC5003" s="91"/>
      <c r="ID5003" s="91"/>
      <c r="IE5003" s="91"/>
      <c r="IF5003" s="91"/>
      <c r="IG5003" s="91"/>
      <c r="IH5003" s="91"/>
      <c r="II5003" s="91"/>
      <c r="IJ5003" s="91"/>
      <c r="IK5003" s="174"/>
    </row>
    <row r="5004" spans="2:245" x14ac:dyDescent="0.2">
      <c r="B5004" s="43"/>
      <c r="C5004" s="73"/>
      <c r="D5004" s="64"/>
      <c r="E5004" s="64"/>
      <c r="F5004" s="55"/>
      <c r="G5004" s="102"/>
      <c r="H5004" s="97"/>
      <c r="T5004" s="98"/>
      <c r="U5004" s="97"/>
      <c r="AG5004" s="98"/>
      <c r="AY5004" s="164"/>
      <c r="BK5004" s="98"/>
      <c r="BL5004" s="97"/>
      <c r="BX5004" s="98"/>
      <c r="CL5004" s="97"/>
      <c r="CX5004" s="98"/>
      <c r="DL5004" s="97"/>
      <c r="DX5004" s="98"/>
      <c r="EL5004" s="97"/>
      <c r="EX5004" s="98"/>
      <c r="EY5004" s="97"/>
      <c r="FL5004" s="126"/>
      <c r="FM5004" s="91"/>
      <c r="FN5004" s="91"/>
      <c r="FO5004" s="91"/>
      <c r="FP5004" s="91"/>
      <c r="FQ5004" s="91"/>
      <c r="FR5004" s="91"/>
      <c r="FS5004" s="91"/>
      <c r="FT5004" s="91"/>
      <c r="FU5004" s="91"/>
      <c r="FV5004" s="91"/>
      <c r="FW5004" s="91"/>
      <c r="FX5004" s="127"/>
      <c r="FY5004" s="126"/>
      <c r="FZ5004" s="91"/>
      <c r="GA5004" s="91"/>
      <c r="GB5004" s="91"/>
      <c r="GC5004" s="91"/>
      <c r="GD5004" s="91"/>
      <c r="GE5004" s="91"/>
      <c r="GF5004" s="91"/>
      <c r="GG5004" s="91"/>
      <c r="GH5004" s="91"/>
      <c r="GI5004" s="91"/>
      <c r="GJ5004" s="91"/>
      <c r="GK5004" s="127"/>
      <c r="GL5004" s="126"/>
      <c r="GM5004" s="91"/>
      <c r="GN5004" s="91"/>
      <c r="GO5004" s="91"/>
      <c r="GP5004" s="91"/>
      <c r="GQ5004" s="91"/>
      <c r="GR5004" s="91"/>
      <c r="GS5004" s="91"/>
      <c r="GT5004" s="91"/>
      <c r="GU5004" s="91"/>
      <c r="GV5004" s="91"/>
      <c r="GW5004" s="91"/>
      <c r="GX5004" s="127"/>
      <c r="GY5004" s="126"/>
      <c r="GZ5004" s="91"/>
      <c r="HA5004" s="91"/>
      <c r="HB5004" s="91"/>
      <c r="HC5004" s="91"/>
      <c r="HD5004" s="91"/>
      <c r="HE5004" s="91"/>
      <c r="HF5004" s="91"/>
      <c r="HG5004" s="91"/>
      <c r="HH5004" s="91"/>
      <c r="HI5004" s="91"/>
      <c r="HJ5004" s="91"/>
      <c r="HK5004" s="127"/>
      <c r="HL5004" s="126"/>
      <c r="HM5004" s="91"/>
      <c r="HN5004" s="91"/>
      <c r="HO5004" s="91"/>
      <c r="HP5004" s="91"/>
      <c r="HQ5004" s="91"/>
      <c r="HR5004" s="91"/>
      <c r="HS5004" s="91"/>
      <c r="HT5004" s="91"/>
      <c r="HU5004" s="91"/>
      <c r="HV5004" s="91"/>
      <c r="HW5004" s="91"/>
      <c r="HX5004" s="127"/>
      <c r="HY5004" s="126"/>
      <c r="HZ5004" s="91"/>
      <c r="IA5004" s="91"/>
      <c r="IB5004" s="91"/>
      <c r="IC5004" s="91"/>
      <c r="ID5004" s="91"/>
      <c r="IE5004" s="91"/>
      <c r="IF5004" s="91"/>
      <c r="IG5004" s="91"/>
      <c r="IH5004" s="91"/>
      <c r="II5004" s="91"/>
      <c r="IJ5004" s="91"/>
      <c r="IK5004" s="174"/>
    </row>
    <row r="5005" spans="2:245" x14ac:dyDescent="0.2">
      <c r="B5005" s="43"/>
      <c r="C5005" s="73"/>
      <c r="D5005" s="64"/>
      <c r="E5005" s="64"/>
      <c r="F5005" s="55"/>
      <c r="G5005" s="102"/>
      <c r="H5005" s="97"/>
      <c r="T5005" s="98"/>
      <c r="U5005" s="97"/>
      <c r="AG5005" s="98"/>
      <c r="AY5005" s="164"/>
      <c r="BK5005" s="98"/>
      <c r="BL5005" s="97"/>
      <c r="BX5005" s="98"/>
      <c r="CL5005" s="97"/>
      <c r="CX5005" s="98"/>
      <c r="DL5005" s="97"/>
      <c r="DX5005" s="98"/>
      <c r="EL5005" s="97"/>
      <c r="EX5005" s="98"/>
      <c r="EY5005" s="97"/>
      <c r="FL5005" s="126"/>
      <c r="FM5005" s="91"/>
      <c r="FN5005" s="91"/>
      <c r="FO5005" s="91"/>
      <c r="FP5005" s="91"/>
      <c r="FQ5005" s="91"/>
      <c r="FR5005" s="91"/>
      <c r="FS5005" s="91"/>
      <c r="FT5005" s="91"/>
      <c r="FU5005" s="91"/>
      <c r="FV5005" s="91"/>
      <c r="FW5005" s="91"/>
      <c r="FX5005" s="127"/>
      <c r="FY5005" s="126"/>
      <c r="FZ5005" s="91"/>
      <c r="GA5005" s="91"/>
      <c r="GB5005" s="91"/>
      <c r="GC5005" s="91"/>
      <c r="GD5005" s="91"/>
      <c r="GE5005" s="91"/>
      <c r="GF5005" s="91"/>
      <c r="GG5005" s="91"/>
      <c r="GH5005" s="91"/>
      <c r="GI5005" s="91"/>
      <c r="GJ5005" s="91"/>
      <c r="GK5005" s="127"/>
      <c r="GL5005" s="126"/>
      <c r="GM5005" s="91"/>
      <c r="GN5005" s="91"/>
      <c r="GO5005" s="91"/>
      <c r="GP5005" s="91"/>
      <c r="GQ5005" s="91"/>
      <c r="GR5005" s="91"/>
      <c r="GS5005" s="91"/>
      <c r="GT5005" s="91"/>
      <c r="GU5005" s="91"/>
      <c r="GV5005" s="91"/>
      <c r="GW5005" s="91"/>
      <c r="GX5005" s="127"/>
      <c r="GY5005" s="126"/>
      <c r="GZ5005" s="91"/>
      <c r="HA5005" s="91"/>
      <c r="HB5005" s="91"/>
      <c r="HC5005" s="91"/>
      <c r="HD5005" s="91"/>
      <c r="HE5005" s="91"/>
      <c r="HF5005" s="91"/>
      <c r="HG5005" s="91"/>
      <c r="HH5005" s="91"/>
      <c r="HI5005" s="91"/>
      <c r="HJ5005" s="91"/>
      <c r="HK5005" s="127"/>
      <c r="HL5005" s="126"/>
      <c r="HM5005" s="91"/>
      <c r="HN5005" s="91"/>
      <c r="HO5005" s="91"/>
      <c r="HP5005" s="91"/>
      <c r="HQ5005" s="91"/>
      <c r="HR5005" s="91"/>
      <c r="HS5005" s="91"/>
      <c r="HT5005" s="91"/>
      <c r="HU5005" s="91"/>
      <c r="HV5005" s="91"/>
      <c r="HW5005" s="91"/>
      <c r="HX5005" s="127"/>
      <c r="HY5005" s="126"/>
      <c r="HZ5005" s="91"/>
      <c r="IA5005" s="91"/>
      <c r="IB5005" s="91"/>
      <c r="IC5005" s="91"/>
      <c r="ID5005" s="91"/>
      <c r="IE5005" s="91"/>
      <c r="IF5005" s="91"/>
      <c r="IG5005" s="91"/>
      <c r="IH5005" s="91"/>
      <c r="II5005" s="91"/>
      <c r="IJ5005" s="91"/>
      <c r="IK5005" s="174"/>
    </row>
    <row r="5006" spans="2:245" x14ac:dyDescent="0.2">
      <c r="B5006" s="43"/>
      <c r="C5006" s="73"/>
      <c r="D5006" s="64"/>
      <c r="E5006" s="64"/>
      <c r="F5006" s="55"/>
      <c r="G5006" s="102"/>
      <c r="H5006" s="97"/>
      <c r="T5006" s="98"/>
      <c r="U5006" s="97"/>
      <c r="AG5006" s="98"/>
      <c r="AY5006" s="164"/>
      <c r="BK5006" s="98"/>
      <c r="BL5006" s="97"/>
      <c r="BX5006" s="98"/>
      <c r="CL5006" s="97"/>
      <c r="CX5006" s="98"/>
      <c r="DL5006" s="97"/>
      <c r="DX5006" s="98"/>
      <c r="EL5006" s="97"/>
      <c r="EX5006" s="98"/>
      <c r="EY5006" s="97"/>
      <c r="FL5006" s="126"/>
      <c r="FM5006" s="91"/>
      <c r="FN5006" s="91"/>
      <c r="FO5006" s="91"/>
      <c r="FP5006" s="91"/>
      <c r="FQ5006" s="91"/>
      <c r="FR5006" s="91"/>
      <c r="FS5006" s="91"/>
      <c r="FT5006" s="91"/>
      <c r="FU5006" s="91"/>
      <c r="FV5006" s="91"/>
      <c r="FW5006" s="91"/>
      <c r="FX5006" s="127"/>
      <c r="FY5006" s="126"/>
      <c r="FZ5006" s="91"/>
      <c r="GA5006" s="91"/>
      <c r="GB5006" s="91"/>
      <c r="GC5006" s="91"/>
      <c r="GD5006" s="91"/>
      <c r="GE5006" s="91"/>
      <c r="GF5006" s="91"/>
      <c r="GG5006" s="91"/>
      <c r="GH5006" s="91"/>
      <c r="GI5006" s="91"/>
      <c r="GJ5006" s="91"/>
      <c r="GK5006" s="127"/>
      <c r="GL5006" s="126"/>
      <c r="GM5006" s="91"/>
      <c r="GN5006" s="91"/>
      <c r="GO5006" s="91"/>
      <c r="GP5006" s="91"/>
      <c r="GQ5006" s="91"/>
      <c r="GR5006" s="91"/>
      <c r="GS5006" s="91"/>
      <c r="GT5006" s="91"/>
      <c r="GU5006" s="91"/>
      <c r="GV5006" s="91"/>
      <c r="GW5006" s="91"/>
      <c r="GX5006" s="127"/>
      <c r="GY5006" s="126"/>
      <c r="GZ5006" s="91"/>
      <c r="HA5006" s="91"/>
      <c r="HB5006" s="91"/>
      <c r="HC5006" s="91"/>
      <c r="HD5006" s="91"/>
      <c r="HE5006" s="91"/>
      <c r="HF5006" s="91"/>
      <c r="HG5006" s="91"/>
      <c r="HH5006" s="91"/>
      <c r="HI5006" s="91"/>
      <c r="HJ5006" s="91"/>
      <c r="HK5006" s="127"/>
      <c r="HL5006" s="126"/>
      <c r="HM5006" s="91"/>
      <c r="HN5006" s="91"/>
      <c r="HO5006" s="91"/>
      <c r="HP5006" s="91"/>
      <c r="HQ5006" s="91"/>
      <c r="HR5006" s="91"/>
      <c r="HS5006" s="91"/>
      <c r="HT5006" s="91"/>
      <c r="HU5006" s="91"/>
      <c r="HV5006" s="91"/>
      <c r="HW5006" s="91"/>
      <c r="HX5006" s="127"/>
      <c r="HY5006" s="126"/>
      <c r="HZ5006" s="91"/>
      <c r="IA5006" s="91"/>
      <c r="IB5006" s="91"/>
      <c r="IC5006" s="91"/>
      <c r="ID5006" s="91"/>
      <c r="IE5006" s="91"/>
      <c r="IF5006" s="91"/>
      <c r="IG5006" s="91"/>
      <c r="IH5006" s="91"/>
      <c r="II5006" s="91"/>
      <c r="IJ5006" s="91"/>
      <c r="IK5006" s="174"/>
    </row>
    <row r="5007" spans="2:245" x14ac:dyDescent="0.2">
      <c r="B5007" s="43"/>
      <c r="C5007" s="73"/>
      <c r="D5007" s="64"/>
      <c r="E5007" s="64"/>
      <c r="F5007" s="55"/>
      <c r="G5007" s="102"/>
      <c r="H5007" s="97"/>
      <c r="T5007" s="98"/>
      <c r="U5007" s="97"/>
      <c r="AG5007" s="98"/>
      <c r="AY5007" s="164"/>
      <c r="BK5007" s="98"/>
      <c r="BL5007" s="97"/>
      <c r="BX5007" s="98"/>
      <c r="CL5007" s="97"/>
      <c r="CX5007" s="98"/>
      <c r="DL5007" s="97"/>
      <c r="DX5007" s="98"/>
      <c r="EL5007" s="97"/>
      <c r="EX5007" s="98"/>
      <c r="EY5007" s="97"/>
      <c r="FL5007" s="126"/>
      <c r="FM5007" s="91"/>
      <c r="FN5007" s="91"/>
      <c r="FO5007" s="91"/>
      <c r="FP5007" s="91"/>
      <c r="FQ5007" s="91"/>
      <c r="FR5007" s="91"/>
      <c r="FS5007" s="91"/>
      <c r="FT5007" s="91"/>
      <c r="FU5007" s="91"/>
      <c r="FV5007" s="91"/>
      <c r="FW5007" s="91"/>
      <c r="FX5007" s="127"/>
      <c r="FY5007" s="126"/>
      <c r="FZ5007" s="91"/>
      <c r="GA5007" s="91"/>
      <c r="GB5007" s="91"/>
      <c r="GC5007" s="91"/>
      <c r="GD5007" s="91"/>
      <c r="GE5007" s="91"/>
      <c r="GF5007" s="91"/>
      <c r="GG5007" s="91"/>
      <c r="GH5007" s="91"/>
      <c r="GI5007" s="91"/>
      <c r="GJ5007" s="91"/>
      <c r="GK5007" s="127"/>
      <c r="GL5007" s="126"/>
      <c r="GM5007" s="91"/>
      <c r="GN5007" s="91"/>
      <c r="GO5007" s="91"/>
      <c r="GP5007" s="91"/>
      <c r="GQ5007" s="91"/>
      <c r="GR5007" s="91"/>
      <c r="GS5007" s="91"/>
      <c r="GT5007" s="91"/>
      <c r="GU5007" s="91"/>
      <c r="GV5007" s="91"/>
      <c r="GW5007" s="91"/>
      <c r="GX5007" s="127"/>
      <c r="GY5007" s="126"/>
      <c r="GZ5007" s="91"/>
      <c r="HA5007" s="91"/>
      <c r="HB5007" s="91"/>
      <c r="HC5007" s="91"/>
      <c r="HD5007" s="91"/>
      <c r="HE5007" s="91"/>
      <c r="HF5007" s="91"/>
      <c r="HG5007" s="91"/>
      <c r="HH5007" s="91"/>
      <c r="HI5007" s="91"/>
      <c r="HJ5007" s="91"/>
      <c r="HK5007" s="127"/>
      <c r="HL5007" s="126"/>
      <c r="HM5007" s="91"/>
      <c r="HN5007" s="91"/>
      <c r="HO5007" s="91"/>
      <c r="HP5007" s="91"/>
      <c r="HQ5007" s="91"/>
      <c r="HR5007" s="91"/>
      <c r="HS5007" s="91"/>
      <c r="HT5007" s="91"/>
      <c r="HU5007" s="91"/>
      <c r="HV5007" s="91"/>
      <c r="HW5007" s="91"/>
      <c r="HX5007" s="127"/>
      <c r="HY5007" s="126"/>
      <c r="HZ5007" s="91"/>
      <c r="IA5007" s="91"/>
      <c r="IB5007" s="91"/>
      <c r="IC5007" s="91"/>
      <c r="ID5007" s="91"/>
      <c r="IE5007" s="91"/>
      <c r="IF5007" s="91"/>
      <c r="IG5007" s="91"/>
      <c r="IH5007" s="91"/>
      <c r="II5007" s="91"/>
      <c r="IJ5007" s="91"/>
      <c r="IK5007" s="174"/>
    </row>
    <row r="5008" spans="2:245" x14ac:dyDescent="0.2">
      <c r="B5008" s="43"/>
      <c r="C5008" s="73"/>
      <c r="D5008" s="64"/>
      <c r="E5008" s="64"/>
      <c r="F5008" s="55"/>
      <c r="G5008" s="102"/>
      <c r="H5008" s="97"/>
      <c r="T5008" s="98"/>
      <c r="U5008" s="97"/>
      <c r="AG5008" s="98"/>
      <c r="AY5008" s="164"/>
      <c r="BK5008" s="98"/>
      <c r="BL5008" s="97"/>
      <c r="BX5008" s="98"/>
      <c r="CL5008" s="97"/>
      <c r="CX5008" s="98"/>
      <c r="DL5008" s="97"/>
      <c r="DX5008" s="98"/>
      <c r="EL5008" s="97"/>
      <c r="EX5008" s="98"/>
      <c r="EY5008" s="97"/>
      <c r="FL5008" s="126"/>
      <c r="FM5008" s="91"/>
      <c r="FN5008" s="91"/>
      <c r="FO5008" s="91"/>
      <c r="FP5008" s="91"/>
      <c r="FQ5008" s="91"/>
      <c r="FR5008" s="91"/>
      <c r="FS5008" s="91"/>
      <c r="FT5008" s="91"/>
      <c r="FU5008" s="91"/>
      <c r="FV5008" s="91"/>
      <c r="FW5008" s="91"/>
      <c r="FX5008" s="127"/>
      <c r="FY5008" s="126"/>
      <c r="FZ5008" s="91"/>
      <c r="GA5008" s="91"/>
      <c r="GB5008" s="91"/>
      <c r="GC5008" s="91"/>
      <c r="GD5008" s="91"/>
      <c r="GE5008" s="91"/>
      <c r="GF5008" s="91"/>
      <c r="GG5008" s="91"/>
      <c r="GH5008" s="91"/>
      <c r="GI5008" s="91"/>
      <c r="GJ5008" s="91"/>
      <c r="GK5008" s="127"/>
      <c r="GL5008" s="126"/>
      <c r="GM5008" s="91"/>
      <c r="GN5008" s="91"/>
      <c r="GO5008" s="91"/>
      <c r="GP5008" s="91"/>
      <c r="GQ5008" s="91"/>
      <c r="GR5008" s="91"/>
      <c r="GS5008" s="91"/>
      <c r="GT5008" s="91"/>
      <c r="GU5008" s="91"/>
      <c r="GV5008" s="91"/>
      <c r="GW5008" s="91"/>
      <c r="GX5008" s="127"/>
      <c r="GY5008" s="126"/>
      <c r="GZ5008" s="91"/>
      <c r="HA5008" s="91"/>
      <c r="HB5008" s="91"/>
      <c r="HC5008" s="91"/>
      <c r="HD5008" s="91"/>
      <c r="HE5008" s="91"/>
      <c r="HF5008" s="91"/>
      <c r="HG5008" s="91"/>
      <c r="HH5008" s="91"/>
      <c r="HI5008" s="91"/>
      <c r="HJ5008" s="91"/>
      <c r="HK5008" s="127"/>
      <c r="HL5008" s="126"/>
      <c r="HM5008" s="91"/>
      <c r="HN5008" s="91"/>
      <c r="HO5008" s="91"/>
      <c r="HP5008" s="91"/>
      <c r="HQ5008" s="91"/>
      <c r="HR5008" s="91"/>
      <c r="HS5008" s="91"/>
      <c r="HT5008" s="91"/>
      <c r="HU5008" s="91"/>
      <c r="HV5008" s="91"/>
      <c r="HW5008" s="91"/>
      <c r="HX5008" s="127"/>
      <c r="HY5008" s="126"/>
      <c r="HZ5008" s="91"/>
      <c r="IA5008" s="91"/>
      <c r="IB5008" s="91"/>
      <c r="IC5008" s="91"/>
      <c r="ID5008" s="91"/>
      <c r="IE5008" s="91"/>
      <c r="IF5008" s="91"/>
      <c r="IG5008" s="91"/>
      <c r="IH5008" s="91"/>
      <c r="II5008" s="91"/>
      <c r="IJ5008" s="91"/>
      <c r="IK5008" s="174"/>
    </row>
    <row r="5009" spans="2:245" x14ac:dyDescent="0.2">
      <c r="B5009" s="43"/>
      <c r="C5009" s="73"/>
      <c r="D5009" s="64"/>
      <c r="E5009" s="64"/>
      <c r="F5009" s="55"/>
      <c r="G5009" s="102"/>
      <c r="H5009" s="97"/>
      <c r="T5009" s="98"/>
      <c r="U5009" s="97"/>
      <c r="AG5009" s="98"/>
      <c r="AY5009" s="164"/>
      <c r="BK5009" s="98"/>
      <c r="BL5009" s="97"/>
      <c r="BX5009" s="98"/>
      <c r="CL5009" s="97"/>
      <c r="CX5009" s="98"/>
      <c r="DL5009" s="97"/>
      <c r="DX5009" s="98"/>
      <c r="EL5009" s="97"/>
      <c r="EX5009" s="98"/>
      <c r="EY5009" s="97"/>
      <c r="FL5009" s="126"/>
      <c r="FM5009" s="91"/>
      <c r="FN5009" s="91"/>
      <c r="FO5009" s="91"/>
      <c r="FP5009" s="91"/>
      <c r="FQ5009" s="91"/>
      <c r="FR5009" s="91"/>
      <c r="FS5009" s="91"/>
      <c r="FT5009" s="91"/>
      <c r="FU5009" s="91"/>
      <c r="FV5009" s="91"/>
      <c r="FW5009" s="91"/>
      <c r="FX5009" s="127"/>
      <c r="FY5009" s="126"/>
      <c r="FZ5009" s="91"/>
      <c r="GA5009" s="91"/>
      <c r="GB5009" s="91"/>
      <c r="GC5009" s="91"/>
      <c r="GD5009" s="91"/>
      <c r="GE5009" s="91"/>
      <c r="GF5009" s="91"/>
      <c r="GG5009" s="91"/>
      <c r="GH5009" s="91"/>
      <c r="GI5009" s="91"/>
      <c r="GJ5009" s="91"/>
      <c r="GK5009" s="127"/>
      <c r="GL5009" s="126"/>
      <c r="GM5009" s="91"/>
      <c r="GN5009" s="91"/>
      <c r="GO5009" s="91"/>
      <c r="GP5009" s="91"/>
      <c r="GQ5009" s="91"/>
      <c r="GR5009" s="91"/>
      <c r="GS5009" s="91"/>
      <c r="GT5009" s="91"/>
      <c r="GU5009" s="91"/>
      <c r="GV5009" s="91"/>
      <c r="GW5009" s="91"/>
      <c r="GX5009" s="127"/>
      <c r="GY5009" s="126"/>
      <c r="GZ5009" s="91"/>
      <c r="HA5009" s="91"/>
      <c r="HB5009" s="91"/>
      <c r="HC5009" s="91"/>
      <c r="HD5009" s="91"/>
      <c r="HE5009" s="91"/>
      <c r="HF5009" s="91"/>
      <c r="HG5009" s="91"/>
      <c r="HH5009" s="91"/>
      <c r="HI5009" s="91"/>
      <c r="HJ5009" s="91"/>
      <c r="HK5009" s="127"/>
      <c r="HL5009" s="126"/>
      <c r="HM5009" s="91"/>
      <c r="HN5009" s="91"/>
      <c r="HO5009" s="91"/>
      <c r="HP5009" s="91"/>
      <c r="HQ5009" s="91"/>
      <c r="HR5009" s="91"/>
      <c r="HS5009" s="91"/>
      <c r="HT5009" s="91"/>
      <c r="HU5009" s="91"/>
      <c r="HV5009" s="91"/>
      <c r="HW5009" s="91"/>
      <c r="HX5009" s="127"/>
      <c r="HY5009" s="126"/>
      <c r="HZ5009" s="91"/>
      <c r="IA5009" s="91"/>
      <c r="IB5009" s="91"/>
      <c r="IC5009" s="91"/>
      <c r="ID5009" s="91"/>
      <c r="IE5009" s="91"/>
      <c r="IF5009" s="91"/>
      <c r="IG5009" s="91"/>
      <c r="IH5009" s="91"/>
      <c r="II5009" s="91"/>
      <c r="IJ5009" s="91"/>
      <c r="IK5009" s="174"/>
    </row>
    <row r="5010" spans="2:245" x14ac:dyDescent="0.2">
      <c r="B5010" s="43"/>
      <c r="C5010" s="73"/>
      <c r="D5010" s="64"/>
      <c r="E5010" s="64"/>
      <c r="F5010" s="55"/>
      <c r="G5010" s="102"/>
      <c r="H5010" s="97"/>
      <c r="T5010" s="98"/>
      <c r="U5010" s="97"/>
      <c r="AG5010" s="98"/>
      <c r="AY5010" s="164"/>
      <c r="BK5010" s="98"/>
      <c r="BL5010" s="97"/>
      <c r="BX5010" s="98"/>
      <c r="CL5010" s="97"/>
      <c r="CX5010" s="98"/>
      <c r="DL5010" s="97"/>
      <c r="DX5010" s="98"/>
      <c r="EL5010" s="97"/>
      <c r="EX5010" s="98"/>
      <c r="EY5010" s="97"/>
      <c r="FL5010" s="126"/>
      <c r="FM5010" s="91"/>
      <c r="FN5010" s="91"/>
      <c r="FO5010" s="91"/>
      <c r="FP5010" s="91"/>
      <c r="FQ5010" s="91"/>
      <c r="FR5010" s="91"/>
      <c r="FS5010" s="91"/>
      <c r="FT5010" s="91"/>
      <c r="FU5010" s="91"/>
      <c r="FV5010" s="91"/>
      <c r="FW5010" s="91"/>
      <c r="FX5010" s="127"/>
      <c r="FY5010" s="126"/>
      <c r="FZ5010" s="91"/>
      <c r="GA5010" s="91"/>
      <c r="GB5010" s="91"/>
      <c r="GC5010" s="91"/>
      <c r="GD5010" s="91"/>
      <c r="GE5010" s="91"/>
      <c r="GF5010" s="91"/>
      <c r="GG5010" s="91"/>
      <c r="GH5010" s="91"/>
      <c r="GI5010" s="91"/>
      <c r="GJ5010" s="91"/>
      <c r="GK5010" s="127"/>
      <c r="GL5010" s="126"/>
      <c r="GM5010" s="91"/>
      <c r="GN5010" s="91"/>
      <c r="GO5010" s="91"/>
      <c r="GP5010" s="91"/>
      <c r="GQ5010" s="91"/>
      <c r="GR5010" s="91"/>
      <c r="GS5010" s="91"/>
      <c r="GT5010" s="91"/>
      <c r="GU5010" s="91"/>
      <c r="GV5010" s="91"/>
      <c r="GW5010" s="91"/>
      <c r="GX5010" s="127"/>
      <c r="GY5010" s="126"/>
      <c r="GZ5010" s="91"/>
      <c r="HA5010" s="91"/>
      <c r="HB5010" s="91"/>
      <c r="HC5010" s="91"/>
      <c r="HD5010" s="91"/>
      <c r="HE5010" s="91"/>
      <c r="HF5010" s="91"/>
      <c r="HG5010" s="91"/>
      <c r="HH5010" s="91"/>
      <c r="HI5010" s="91"/>
      <c r="HJ5010" s="91"/>
      <c r="HK5010" s="127"/>
      <c r="HL5010" s="126"/>
      <c r="HM5010" s="91"/>
      <c r="HN5010" s="91"/>
      <c r="HO5010" s="91"/>
      <c r="HP5010" s="91"/>
      <c r="HQ5010" s="91"/>
      <c r="HR5010" s="91"/>
      <c r="HS5010" s="91"/>
      <c r="HT5010" s="91"/>
      <c r="HU5010" s="91"/>
      <c r="HV5010" s="91"/>
      <c r="HW5010" s="91"/>
      <c r="HX5010" s="127"/>
      <c r="HY5010" s="126"/>
      <c r="HZ5010" s="91"/>
      <c r="IA5010" s="91"/>
      <c r="IB5010" s="91"/>
      <c r="IC5010" s="91"/>
      <c r="ID5010" s="91"/>
      <c r="IE5010" s="91"/>
      <c r="IF5010" s="91"/>
      <c r="IG5010" s="91"/>
      <c r="IH5010" s="91"/>
      <c r="II5010" s="91"/>
      <c r="IJ5010" s="91"/>
      <c r="IK5010" s="174"/>
    </row>
    <row r="5011" spans="2:245" x14ac:dyDescent="0.2">
      <c r="B5011" s="43"/>
      <c r="C5011" s="73"/>
      <c r="D5011" s="64"/>
      <c r="E5011" s="64"/>
      <c r="F5011" s="55"/>
      <c r="G5011" s="102"/>
      <c r="H5011" s="97"/>
      <c r="T5011" s="98"/>
      <c r="U5011" s="97"/>
      <c r="AG5011" s="98"/>
      <c r="AY5011" s="164"/>
      <c r="BK5011" s="98"/>
      <c r="BL5011" s="97"/>
      <c r="BX5011" s="98"/>
      <c r="CL5011" s="97"/>
      <c r="CX5011" s="98"/>
      <c r="DL5011" s="97"/>
      <c r="DX5011" s="98"/>
      <c r="EL5011" s="97"/>
      <c r="EX5011" s="98"/>
      <c r="EY5011" s="97"/>
      <c r="FL5011" s="126"/>
      <c r="FM5011" s="91"/>
      <c r="FN5011" s="91"/>
      <c r="FO5011" s="91"/>
      <c r="FP5011" s="91"/>
      <c r="FQ5011" s="91"/>
      <c r="FR5011" s="91"/>
      <c r="FS5011" s="91"/>
      <c r="FT5011" s="91"/>
      <c r="FU5011" s="91"/>
      <c r="FV5011" s="91"/>
      <c r="FW5011" s="91"/>
      <c r="FX5011" s="127"/>
      <c r="FY5011" s="126"/>
      <c r="FZ5011" s="91"/>
      <c r="GA5011" s="91"/>
      <c r="GB5011" s="91"/>
      <c r="GC5011" s="91"/>
      <c r="GD5011" s="91"/>
      <c r="GE5011" s="91"/>
      <c r="GF5011" s="91"/>
      <c r="GG5011" s="91"/>
      <c r="GH5011" s="91"/>
      <c r="GI5011" s="91"/>
      <c r="GJ5011" s="91"/>
      <c r="GK5011" s="127"/>
      <c r="GL5011" s="126"/>
      <c r="GM5011" s="91"/>
      <c r="GN5011" s="91"/>
      <c r="GO5011" s="91"/>
      <c r="GP5011" s="91"/>
      <c r="GQ5011" s="91"/>
      <c r="GR5011" s="91"/>
      <c r="GS5011" s="91"/>
      <c r="GT5011" s="91"/>
      <c r="GU5011" s="91"/>
      <c r="GV5011" s="91"/>
      <c r="GW5011" s="91"/>
      <c r="GX5011" s="127"/>
      <c r="GY5011" s="126"/>
      <c r="GZ5011" s="91"/>
      <c r="HA5011" s="91"/>
      <c r="HB5011" s="91"/>
      <c r="HC5011" s="91"/>
      <c r="HD5011" s="91"/>
      <c r="HE5011" s="91"/>
      <c r="HF5011" s="91"/>
      <c r="HG5011" s="91"/>
      <c r="HH5011" s="91"/>
      <c r="HI5011" s="91"/>
      <c r="HJ5011" s="91"/>
      <c r="HK5011" s="127"/>
      <c r="HL5011" s="126"/>
      <c r="HM5011" s="91"/>
      <c r="HN5011" s="91"/>
      <c r="HO5011" s="91"/>
      <c r="HP5011" s="91"/>
      <c r="HQ5011" s="91"/>
      <c r="HR5011" s="91"/>
      <c r="HS5011" s="91"/>
      <c r="HT5011" s="91"/>
      <c r="HU5011" s="91"/>
      <c r="HV5011" s="91"/>
      <c r="HW5011" s="91"/>
      <c r="HX5011" s="127"/>
      <c r="HY5011" s="126"/>
      <c r="HZ5011" s="91"/>
      <c r="IA5011" s="91"/>
      <c r="IB5011" s="91"/>
      <c r="IC5011" s="91"/>
      <c r="ID5011" s="91"/>
      <c r="IE5011" s="91"/>
      <c r="IF5011" s="91"/>
      <c r="IG5011" s="91"/>
      <c r="IH5011" s="91"/>
      <c r="II5011" s="91"/>
      <c r="IJ5011" s="91"/>
      <c r="IK5011" s="174"/>
    </row>
    <row r="5012" spans="2:245" x14ac:dyDescent="0.2">
      <c r="B5012" s="43"/>
      <c r="C5012" s="73"/>
      <c r="D5012" s="64"/>
      <c r="E5012" s="64"/>
      <c r="F5012" s="55"/>
      <c r="G5012" s="102"/>
      <c r="H5012" s="97"/>
      <c r="T5012" s="98"/>
      <c r="U5012" s="97"/>
      <c r="AG5012" s="98"/>
      <c r="AY5012" s="164"/>
      <c r="BK5012" s="98"/>
      <c r="BL5012" s="97"/>
      <c r="BX5012" s="98"/>
      <c r="CL5012" s="97"/>
      <c r="CX5012" s="98"/>
      <c r="DL5012" s="97"/>
      <c r="DX5012" s="98"/>
      <c r="EL5012" s="97"/>
      <c r="EX5012" s="98"/>
      <c r="EY5012" s="97"/>
      <c r="FL5012" s="126"/>
      <c r="FM5012" s="91"/>
      <c r="FN5012" s="91"/>
      <c r="FO5012" s="91"/>
      <c r="FP5012" s="91"/>
      <c r="FQ5012" s="91"/>
      <c r="FR5012" s="91"/>
      <c r="FS5012" s="91"/>
      <c r="FT5012" s="91"/>
      <c r="FU5012" s="91"/>
      <c r="FV5012" s="91"/>
      <c r="FW5012" s="91"/>
      <c r="FX5012" s="127"/>
      <c r="FY5012" s="126"/>
      <c r="FZ5012" s="91"/>
      <c r="GA5012" s="91"/>
      <c r="GB5012" s="91"/>
      <c r="GC5012" s="91"/>
      <c r="GD5012" s="91"/>
      <c r="GE5012" s="91"/>
      <c r="GF5012" s="91"/>
      <c r="GG5012" s="91"/>
      <c r="GH5012" s="91"/>
      <c r="GI5012" s="91"/>
      <c r="GJ5012" s="91"/>
      <c r="GK5012" s="127"/>
      <c r="GL5012" s="126"/>
      <c r="GM5012" s="91"/>
      <c r="GN5012" s="91"/>
      <c r="GO5012" s="91"/>
      <c r="GP5012" s="91"/>
      <c r="GQ5012" s="91"/>
      <c r="GR5012" s="91"/>
      <c r="GS5012" s="91"/>
      <c r="GT5012" s="91"/>
      <c r="GU5012" s="91"/>
      <c r="GV5012" s="91"/>
      <c r="GW5012" s="91"/>
      <c r="GX5012" s="127"/>
      <c r="GY5012" s="126"/>
      <c r="GZ5012" s="91"/>
      <c r="HA5012" s="91"/>
      <c r="HB5012" s="91"/>
      <c r="HC5012" s="91"/>
      <c r="HD5012" s="91"/>
      <c r="HE5012" s="91"/>
      <c r="HF5012" s="91"/>
      <c r="HG5012" s="91"/>
      <c r="HH5012" s="91"/>
      <c r="HI5012" s="91"/>
      <c r="HJ5012" s="91"/>
      <c r="HK5012" s="127"/>
      <c r="HL5012" s="126"/>
      <c r="HM5012" s="91"/>
      <c r="HN5012" s="91"/>
      <c r="HO5012" s="91"/>
      <c r="HP5012" s="91"/>
      <c r="HQ5012" s="91"/>
      <c r="HR5012" s="91"/>
      <c r="HS5012" s="91"/>
      <c r="HT5012" s="91"/>
      <c r="HU5012" s="91"/>
      <c r="HV5012" s="91"/>
      <c r="HW5012" s="91"/>
      <c r="HX5012" s="127"/>
      <c r="HY5012" s="126"/>
      <c r="HZ5012" s="91"/>
      <c r="IA5012" s="91"/>
      <c r="IB5012" s="91"/>
      <c r="IC5012" s="91"/>
      <c r="ID5012" s="91"/>
      <c r="IE5012" s="91"/>
      <c r="IF5012" s="91"/>
      <c r="IG5012" s="91"/>
      <c r="IH5012" s="91"/>
      <c r="II5012" s="91"/>
      <c r="IJ5012" s="91"/>
      <c r="IK5012" s="174"/>
    </row>
    <row r="5013" spans="2:245" x14ac:dyDescent="0.2">
      <c r="B5013" s="43"/>
      <c r="C5013" s="73"/>
      <c r="D5013" s="64"/>
      <c r="E5013" s="64"/>
      <c r="F5013" s="55"/>
      <c r="G5013" s="102"/>
      <c r="H5013" s="97"/>
      <c r="T5013" s="98"/>
      <c r="U5013" s="97"/>
      <c r="AG5013" s="98"/>
      <c r="AY5013" s="164"/>
      <c r="BK5013" s="98"/>
      <c r="BL5013" s="97"/>
      <c r="BX5013" s="98"/>
      <c r="CL5013" s="97"/>
      <c r="CX5013" s="98"/>
      <c r="DL5013" s="97"/>
      <c r="DX5013" s="98"/>
      <c r="EL5013" s="97"/>
      <c r="EX5013" s="98"/>
      <c r="EY5013" s="97"/>
      <c r="FL5013" s="126"/>
      <c r="FM5013" s="91"/>
      <c r="FN5013" s="91"/>
      <c r="FO5013" s="91"/>
      <c r="FP5013" s="91"/>
      <c r="FQ5013" s="91"/>
      <c r="FR5013" s="91"/>
      <c r="FS5013" s="91"/>
      <c r="FT5013" s="91"/>
      <c r="FU5013" s="91"/>
      <c r="FV5013" s="91"/>
      <c r="FW5013" s="91"/>
      <c r="FX5013" s="127"/>
      <c r="FY5013" s="126"/>
      <c r="FZ5013" s="91"/>
      <c r="GA5013" s="91"/>
      <c r="GB5013" s="91"/>
      <c r="GC5013" s="91"/>
      <c r="GD5013" s="91"/>
      <c r="GE5013" s="91"/>
      <c r="GF5013" s="91"/>
      <c r="GG5013" s="91"/>
      <c r="GH5013" s="91"/>
      <c r="GI5013" s="91"/>
      <c r="GJ5013" s="91"/>
      <c r="GK5013" s="127"/>
      <c r="GL5013" s="126"/>
      <c r="GM5013" s="91"/>
      <c r="GN5013" s="91"/>
      <c r="GO5013" s="91"/>
      <c r="GP5013" s="91"/>
      <c r="GQ5013" s="91"/>
      <c r="GR5013" s="91"/>
      <c r="GS5013" s="91"/>
      <c r="GT5013" s="91"/>
      <c r="GU5013" s="91"/>
      <c r="GV5013" s="91"/>
      <c r="GW5013" s="91"/>
      <c r="GX5013" s="127"/>
      <c r="GY5013" s="126"/>
      <c r="GZ5013" s="91"/>
      <c r="HA5013" s="91"/>
      <c r="HB5013" s="91"/>
      <c r="HC5013" s="91"/>
      <c r="HD5013" s="91"/>
      <c r="HE5013" s="91"/>
      <c r="HF5013" s="91"/>
      <c r="HG5013" s="91"/>
      <c r="HH5013" s="91"/>
      <c r="HI5013" s="91"/>
      <c r="HJ5013" s="91"/>
      <c r="HK5013" s="127"/>
      <c r="HL5013" s="126"/>
      <c r="HM5013" s="91"/>
      <c r="HN5013" s="91"/>
      <c r="HO5013" s="91"/>
      <c r="HP5013" s="91"/>
      <c r="HQ5013" s="91"/>
      <c r="HR5013" s="91"/>
      <c r="HS5013" s="91"/>
      <c r="HT5013" s="91"/>
      <c r="HU5013" s="91"/>
      <c r="HV5013" s="91"/>
      <c r="HW5013" s="91"/>
      <c r="HX5013" s="127"/>
      <c r="HY5013" s="126"/>
      <c r="HZ5013" s="91"/>
      <c r="IA5013" s="91"/>
      <c r="IB5013" s="91"/>
      <c r="IC5013" s="91"/>
      <c r="ID5013" s="91"/>
      <c r="IE5013" s="91"/>
      <c r="IF5013" s="91"/>
      <c r="IG5013" s="91"/>
      <c r="IH5013" s="91"/>
      <c r="II5013" s="91"/>
      <c r="IJ5013" s="91"/>
      <c r="IK5013" s="174"/>
    </row>
    <row r="5014" spans="2:245" x14ac:dyDescent="0.2">
      <c r="B5014" s="43"/>
      <c r="C5014" s="73"/>
      <c r="D5014" s="64"/>
      <c r="E5014" s="64"/>
      <c r="F5014" s="55"/>
      <c r="G5014" s="102"/>
      <c r="H5014" s="97"/>
      <c r="T5014" s="98"/>
      <c r="U5014" s="97"/>
      <c r="AG5014" s="98"/>
      <c r="AY5014" s="164"/>
      <c r="BK5014" s="98"/>
      <c r="BL5014" s="97"/>
      <c r="BX5014" s="98"/>
      <c r="CL5014" s="97"/>
      <c r="CX5014" s="98"/>
      <c r="DL5014" s="97"/>
      <c r="DX5014" s="98"/>
      <c r="EL5014" s="97"/>
      <c r="EX5014" s="98"/>
      <c r="EY5014" s="97"/>
      <c r="FL5014" s="126"/>
      <c r="FM5014" s="91"/>
      <c r="FN5014" s="91"/>
      <c r="FO5014" s="91"/>
      <c r="FP5014" s="91"/>
      <c r="FQ5014" s="91"/>
      <c r="FR5014" s="91"/>
      <c r="FS5014" s="91"/>
      <c r="FT5014" s="91"/>
      <c r="FU5014" s="91"/>
      <c r="FV5014" s="91"/>
      <c r="FW5014" s="91"/>
      <c r="FX5014" s="127"/>
      <c r="FY5014" s="126"/>
      <c r="FZ5014" s="91"/>
      <c r="GA5014" s="91"/>
      <c r="GB5014" s="91"/>
      <c r="GC5014" s="91"/>
      <c r="GD5014" s="91"/>
      <c r="GE5014" s="91"/>
      <c r="GF5014" s="91"/>
      <c r="GG5014" s="91"/>
      <c r="GH5014" s="91"/>
      <c r="GI5014" s="91"/>
      <c r="GJ5014" s="91"/>
      <c r="GK5014" s="127"/>
      <c r="GL5014" s="126"/>
      <c r="GM5014" s="91"/>
      <c r="GN5014" s="91"/>
      <c r="GO5014" s="91"/>
      <c r="GP5014" s="91"/>
      <c r="GQ5014" s="91"/>
      <c r="GR5014" s="91"/>
      <c r="GS5014" s="91"/>
      <c r="GT5014" s="91"/>
      <c r="GU5014" s="91"/>
      <c r="GV5014" s="91"/>
      <c r="GW5014" s="91"/>
      <c r="GX5014" s="127"/>
      <c r="GY5014" s="126"/>
      <c r="GZ5014" s="91"/>
      <c r="HA5014" s="91"/>
      <c r="HB5014" s="91"/>
      <c r="HC5014" s="91"/>
      <c r="HD5014" s="91"/>
      <c r="HE5014" s="91"/>
      <c r="HF5014" s="91"/>
      <c r="HG5014" s="91"/>
      <c r="HH5014" s="91"/>
      <c r="HI5014" s="91"/>
      <c r="HJ5014" s="91"/>
      <c r="HK5014" s="127"/>
      <c r="HL5014" s="126"/>
      <c r="HM5014" s="91"/>
      <c r="HN5014" s="91"/>
      <c r="HO5014" s="91"/>
      <c r="HP5014" s="91"/>
      <c r="HQ5014" s="91"/>
      <c r="HR5014" s="91"/>
      <c r="HS5014" s="91"/>
      <c r="HT5014" s="91"/>
      <c r="HU5014" s="91"/>
      <c r="HV5014" s="91"/>
      <c r="HW5014" s="91"/>
      <c r="HX5014" s="127"/>
      <c r="HY5014" s="126"/>
      <c r="HZ5014" s="91"/>
      <c r="IA5014" s="91"/>
      <c r="IB5014" s="91"/>
      <c r="IC5014" s="91"/>
      <c r="ID5014" s="91"/>
      <c r="IE5014" s="91"/>
      <c r="IF5014" s="91"/>
      <c r="IG5014" s="91"/>
      <c r="IH5014" s="91"/>
      <c r="II5014" s="91"/>
      <c r="IJ5014" s="91"/>
      <c r="IK5014" s="174"/>
    </row>
    <row r="5015" spans="2:245" x14ac:dyDescent="0.2">
      <c r="B5015" s="43"/>
      <c r="C5015" s="73"/>
      <c r="D5015" s="64"/>
      <c r="E5015" s="64"/>
      <c r="F5015" s="55"/>
      <c r="G5015" s="102"/>
      <c r="H5015" s="97"/>
      <c r="T5015" s="98"/>
      <c r="U5015" s="97"/>
      <c r="AG5015" s="98"/>
      <c r="AY5015" s="164"/>
      <c r="BK5015" s="98"/>
      <c r="BL5015" s="97"/>
      <c r="BX5015" s="98"/>
      <c r="CL5015" s="97"/>
      <c r="CX5015" s="98"/>
      <c r="DL5015" s="97"/>
      <c r="DX5015" s="98"/>
      <c r="EL5015" s="97"/>
      <c r="EX5015" s="98"/>
      <c r="EY5015" s="97"/>
      <c r="FL5015" s="126"/>
      <c r="FM5015" s="91"/>
      <c r="FN5015" s="91"/>
      <c r="FO5015" s="91"/>
      <c r="FP5015" s="91"/>
      <c r="FQ5015" s="91"/>
      <c r="FR5015" s="91"/>
      <c r="FS5015" s="91"/>
      <c r="FT5015" s="91"/>
      <c r="FU5015" s="91"/>
      <c r="FV5015" s="91"/>
      <c r="FW5015" s="91"/>
      <c r="FX5015" s="127"/>
      <c r="FY5015" s="126"/>
      <c r="FZ5015" s="91"/>
      <c r="GA5015" s="91"/>
      <c r="GB5015" s="91"/>
      <c r="GC5015" s="91"/>
      <c r="GD5015" s="91"/>
      <c r="GE5015" s="91"/>
      <c r="GF5015" s="91"/>
      <c r="GG5015" s="91"/>
      <c r="GH5015" s="91"/>
      <c r="GI5015" s="91"/>
      <c r="GJ5015" s="91"/>
      <c r="GK5015" s="127"/>
      <c r="GL5015" s="126"/>
      <c r="GM5015" s="91"/>
      <c r="GN5015" s="91"/>
      <c r="GO5015" s="91"/>
      <c r="GP5015" s="91"/>
      <c r="GQ5015" s="91"/>
      <c r="GR5015" s="91"/>
      <c r="GS5015" s="91"/>
      <c r="GT5015" s="91"/>
      <c r="GU5015" s="91"/>
      <c r="GV5015" s="91"/>
      <c r="GW5015" s="91"/>
      <c r="GX5015" s="127"/>
      <c r="GY5015" s="126"/>
      <c r="GZ5015" s="91"/>
      <c r="HA5015" s="91"/>
      <c r="HB5015" s="91"/>
      <c r="HC5015" s="91"/>
      <c r="HD5015" s="91"/>
      <c r="HE5015" s="91"/>
      <c r="HF5015" s="91"/>
      <c r="HG5015" s="91"/>
      <c r="HH5015" s="91"/>
      <c r="HI5015" s="91"/>
      <c r="HJ5015" s="91"/>
      <c r="HK5015" s="127"/>
      <c r="HL5015" s="126"/>
      <c r="HM5015" s="91"/>
      <c r="HN5015" s="91"/>
      <c r="HO5015" s="91"/>
      <c r="HP5015" s="91"/>
      <c r="HQ5015" s="91"/>
      <c r="HR5015" s="91"/>
      <c r="HS5015" s="91"/>
      <c r="HT5015" s="91"/>
      <c r="HU5015" s="91"/>
      <c r="HV5015" s="91"/>
      <c r="HW5015" s="91"/>
      <c r="HX5015" s="127"/>
      <c r="HY5015" s="126"/>
      <c r="HZ5015" s="91"/>
      <c r="IA5015" s="91"/>
      <c r="IB5015" s="91"/>
      <c r="IC5015" s="91"/>
      <c r="ID5015" s="91"/>
      <c r="IE5015" s="91"/>
      <c r="IF5015" s="91"/>
      <c r="IG5015" s="91"/>
      <c r="IH5015" s="91"/>
      <c r="II5015" s="91"/>
      <c r="IJ5015" s="91"/>
      <c r="IK5015" s="174"/>
    </row>
    <row r="5016" spans="2:245" x14ac:dyDescent="0.2">
      <c r="B5016" s="43"/>
      <c r="C5016" s="73"/>
      <c r="D5016" s="64"/>
      <c r="E5016" s="64"/>
      <c r="F5016" s="55"/>
      <c r="G5016" s="102"/>
      <c r="H5016" s="97"/>
      <c r="T5016" s="98"/>
      <c r="U5016" s="97"/>
      <c r="AG5016" s="98"/>
      <c r="AY5016" s="164"/>
      <c r="BK5016" s="98"/>
      <c r="BL5016" s="97"/>
      <c r="BX5016" s="98"/>
      <c r="CL5016" s="97"/>
      <c r="CX5016" s="98"/>
      <c r="DL5016" s="97"/>
      <c r="DX5016" s="98"/>
      <c r="EL5016" s="97"/>
      <c r="EX5016" s="98"/>
      <c r="EY5016" s="97"/>
      <c r="FL5016" s="126"/>
      <c r="FM5016" s="91"/>
      <c r="FN5016" s="91"/>
      <c r="FO5016" s="91"/>
      <c r="FP5016" s="91"/>
      <c r="FQ5016" s="91"/>
      <c r="FR5016" s="91"/>
      <c r="FS5016" s="91"/>
      <c r="FT5016" s="91"/>
      <c r="FU5016" s="91"/>
      <c r="FV5016" s="91"/>
      <c r="FW5016" s="91"/>
      <c r="FX5016" s="127"/>
      <c r="FY5016" s="126"/>
      <c r="FZ5016" s="91"/>
      <c r="GA5016" s="91"/>
      <c r="GB5016" s="91"/>
      <c r="GC5016" s="91"/>
      <c r="GD5016" s="91"/>
      <c r="GE5016" s="91"/>
      <c r="GF5016" s="91"/>
      <c r="GG5016" s="91"/>
      <c r="GH5016" s="91"/>
      <c r="GI5016" s="91"/>
      <c r="GJ5016" s="91"/>
      <c r="GK5016" s="127"/>
      <c r="GL5016" s="126"/>
      <c r="GM5016" s="91"/>
      <c r="GN5016" s="91"/>
      <c r="GO5016" s="91"/>
      <c r="GP5016" s="91"/>
      <c r="GQ5016" s="91"/>
      <c r="GR5016" s="91"/>
      <c r="GS5016" s="91"/>
      <c r="GT5016" s="91"/>
      <c r="GU5016" s="91"/>
      <c r="GV5016" s="91"/>
      <c r="GW5016" s="91"/>
      <c r="GX5016" s="127"/>
      <c r="GY5016" s="126"/>
      <c r="GZ5016" s="91"/>
      <c r="HA5016" s="91"/>
      <c r="HB5016" s="91"/>
      <c r="HC5016" s="91"/>
      <c r="HD5016" s="91"/>
      <c r="HE5016" s="91"/>
      <c r="HF5016" s="91"/>
      <c r="HG5016" s="91"/>
      <c r="HH5016" s="91"/>
      <c r="HI5016" s="91"/>
      <c r="HJ5016" s="91"/>
      <c r="HK5016" s="127"/>
      <c r="HL5016" s="126"/>
      <c r="HM5016" s="91"/>
      <c r="HN5016" s="91"/>
      <c r="HO5016" s="91"/>
      <c r="HP5016" s="91"/>
      <c r="HQ5016" s="91"/>
      <c r="HR5016" s="91"/>
      <c r="HS5016" s="91"/>
      <c r="HT5016" s="91"/>
      <c r="HU5016" s="91"/>
      <c r="HV5016" s="91"/>
      <c r="HW5016" s="91"/>
      <c r="HX5016" s="127"/>
      <c r="HY5016" s="126"/>
      <c r="HZ5016" s="91"/>
      <c r="IA5016" s="91"/>
      <c r="IB5016" s="91"/>
      <c r="IC5016" s="91"/>
      <c r="ID5016" s="91"/>
      <c r="IE5016" s="91"/>
      <c r="IF5016" s="91"/>
      <c r="IG5016" s="91"/>
      <c r="IH5016" s="91"/>
      <c r="II5016" s="91"/>
      <c r="IJ5016" s="91"/>
      <c r="IK5016" s="174"/>
    </row>
    <row r="5017" spans="2:245" x14ac:dyDescent="0.2">
      <c r="B5017" s="43"/>
      <c r="C5017" s="73"/>
      <c r="D5017" s="64"/>
      <c r="E5017" s="64"/>
      <c r="F5017" s="55"/>
      <c r="G5017" s="102"/>
      <c r="H5017" s="97"/>
      <c r="T5017" s="98"/>
      <c r="U5017" s="97"/>
      <c r="AG5017" s="98"/>
      <c r="AY5017" s="164"/>
      <c r="BK5017" s="98"/>
      <c r="BL5017" s="97"/>
      <c r="BX5017" s="98"/>
      <c r="CL5017" s="97"/>
      <c r="CX5017" s="98"/>
      <c r="DL5017" s="97"/>
      <c r="DX5017" s="98"/>
      <c r="EL5017" s="97"/>
      <c r="EX5017" s="98"/>
      <c r="EY5017" s="97"/>
      <c r="FL5017" s="126"/>
      <c r="FM5017" s="91"/>
      <c r="FN5017" s="91"/>
      <c r="FO5017" s="91"/>
      <c r="FP5017" s="91"/>
      <c r="FQ5017" s="91"/>
      <c r="FR5017" s="91"/>
      <c r="FS5017" s="91"/>
      <c r="FT5017" s="91"/>
      <c r="FU5017" s="91"/>
      <c r="FV5017" s="91"/>
      <c r="FW5017" s="91"/>
      <c r="FX5017" s="127"/>
      <c r="FY5017" s="126"/>
      <c r="FZ5017" s="91"/>
      <c r="GA5017" s="91"/>
      <c r="GB5017" s="91"/>
      <c r="GC5017" s="91"/>
      <c r="GD5017" s="91"/>
      <c r="GE5017" s="91"/>
      <c r="GF5017" s="91"/>
      <c r="GG5017" s="91"/>
      <c r="GH5017" s="91"/>
      <c r="GI5017" s="91"/>
      <c r="GJ5017" s="91"/>
      <c r="GK5017" s="127"/>
      <c r="GL5017" s="126"/>
      <c r="GM5017" s="91"/>
      <c r="GN5017" s="91"/>
      <c r="GO5017" s="91"/>
      <c r="GP5017" s="91"/>
      <c r="GQ5017" s="91"/>
      <c r="GR5017" s="91"/>
      <c r="GS5017" s="91"/>
      <c r="GT5017" s="91"/>
      <c r="GU5017" s="91"/>
      <c r="GV5017" s="91"/>
      <c r="GW5017" s="91"/>
      <c r="GX5017" s="127"/>
      <c r="GY5017" s="126"/>
      <c r="GZ5017" s="91"/>
      <c r="HA5017" s="91"/>
      <c r="HB5017" s="91"/>
      <c r="HC5017" s="91"/>
      <c r="HD5017" s="91"/>
      <c r="HE5017" s="91"/>
      <c r="HF5017" s="91"/>
      <c r="HG5017" s="91"/>
      <c r="HH5017" s="91"/>
      <c r="HI5017" s="91"/>
      <c r="HJ5017" s="91"/>
      <c r="HK5017" s="127"/>
      <c r="HL5017" s="126"/>
      <c r="HM5017" s="91"/>
      <c r="HN5017" s="91"/>
      <c r="HO5017" s="91"/>
      <c r="HP5017" s="91"/>
      <c r="HQ5017" s="91"/>
      <c r="HR5017" s="91"/>
      <c r="HS5017" s="91"/>
      <c r="HT5017" s="91"/>
      <c r="HU5017" s="91"/>
      <c r="HV5017" s="91"/>
      <c r="HW5017" s="91"/>
      <c r="HX5017" s="127"/>
      <c r="HY5017" s="126"/>
      <c r="HZ5017" s="91"/>
      <c r="IA5017" s="91"/>
      <c r="IB5017" s="91"/>
      <c r="IC5017" s="91"/>
      <c r="ID5017" s="91"/>
      <c r="IE5017" s="91"/>
      <c r="IF5017" s="91"/>
      <c r="IG5017" s="91"/>
      <c r="IH5017" s="91"/>
      <c r="II5017" s="91"/>
      <c r="IJ5017" s="91"/>
      <c r="IK5017" s="174"/>
    </row>
    <row r="5018" spans="2:245" x14ac:dyDescent="0.2">
      <c r="B5018" s="43"/>
      <c r="C5018" s="73"/>
      <c r="D5018" s="64"/>
      <c r="E5018" s="64"/>
      <c r="F5018" s="55"/>
      <c r="G5018" s="102"/>
      <c r="H5018" s="97"/>
      <c r="T5018" s="98"/>
      <c r="U5018" s="97"/>
      <c r="AG5018" s="98"/>
      <c r="AY5018" s="164"/>
      <c r="BK5018" s="98"/>
      <c r="BL5018" s="97"/>
      <c r="BX5018" s="98"/>
      <c r="CL5018" s="97"/>
      <c r="CX5018" s="98"/>
      <c r="DL5018" s="97"/>
      <c r="DX5018" s="98"/>
      <c r="EL5018" s="97"/>
      <c r="EX5018" s="98"/>
      <c r="EY5018" s="97"/>
      <c r="FL5018" s="126"/>
      <c r="FM5018" s="91"/>
      <c r="FN5018" s="91"/>
      <c r="FO5018" s="91"/>
      <c r="FP5018" s="91"/>
      <c r="FQ5018" s="91"/>
      <c r="FR5018" s="91"/>
      <c r="FS5018" s="91"/>
      <c r="FT5018" s="91"/>
      <c r="FU5018" s="91"/>
      <c r="FV5018" s="91"/>
      <c r="FW5018" s="91"/>
      <c r="FX5018" s="127"/>
      <c r="FY5018" s="126"/>
      <c r="FZ5018" s="91"/>
      <c r="GA5018" s="91"/>
      <c r="GB5018" s="91"/>
      <c r="GC5018" s="91"/>
      <c r="GD5018" s="91"/>
      <c r="GE5018" s="91"/>
      <c r="GF5018" s="91"/>
      <c r="GG5018" s="91"/>
      <c r="GH5018" s="91"/>
      <c r="GI5018" s="91"/>
      <c r="GJ5018" s="91"/>
      <c r="GK5018" s="127"/>
      <c r="GL5018" s="126"/>
      <c r="GM5018" s="91"/>
      <c r="GN5018" s="91"/>
      <c r="GO5018" s="91"/>
      <c r="GP5018" s="91"/>
      <c r="GQ5018" s="91"/>
      <c r="GR5018" s="91"/>
      <c r="GS5018" s="91"/>
      <c r="GT5018" s="91"/>
      <c r="GU5018" s="91"/>
      <c r="GV5018" s="91"/>
      <c r="GW5018" s="91"/>
      <c r="GX5018" s="127"/>
      <c r="GY5018" s="126"/>
      <c r="GZ5018" s="91"/>
      <c r="HA5018" s="91"/>
      <c r="HB5018" s="91"/>
      <c r="HC5018" s="91"/>
      <c r="HD5018" s="91"/>
      <c r="HE5018" s="91"/>
      <c r="HF5018" s="91"/>
      <c r="HG5018" s="91"/>
      <c r="HH5018" s="91"/>
      <c r="HI5018" s="91"/>
      <c r="HJ5018" s="91"/>
      <c r="HK5018" s="127"/>
      <c r="HL5018" s="126"/>
      <c r="HM5018" s="91"/>
      <c r="HN5018" s="91"/>
      <c r="HO5018" s="91"/>
      <c r="HP5018" s="91"/>
      <c r="HQ5018" s="91"/>
      <c r="HR5018" s="91"/>
      <c r="HS5018" s="91"/>
      <c r="HT5018" s="91"/>
      <c r="HU5018" s="91"/>
      <c r="HV5018" s="91"/>
      <c r="HW5018" s="91"/>
      <c r="HX5018" s="127"/>
      <c r="HY5018" s="126"/>
      <c r="HZ5018" s="91"/>
      <c r="IA5018" s="91"/>
      <c r="IB5018" s="91"/>
      <c r="IC5018" s="91"/>
      <c r="ID5018" s="91"/>
      <c r="IE5018" s="91"/>
      <c r="IF5018" s="91"/>
      <c r="IG5018" s="91"/>
      <c r="IH5018" s="91"/>
      <c r="II5018" s="91"/>
      <c r="IJ5018" s="91"/>
      <c r="IK5018" s="174"/>
    </row>
    <row r="5019" spans="2:245" x14ac:dyDescent="0.2">
      <c r="B5019" s="43"/>
      <c r="C5019" s="73"/>
      <c r="D5019" s="64"/>
      <c r="E5019" s="64"/>
      <c r="F5019" s="55"/>
      <c r="G5019" s="102"/>
      <c r="H5019" s="97"/>
      <c r="T5019" s="98"/>
      <c r="U5019" s="97"/>
      <c r="AG5019" s="98"/>
      <c r="AY5019" s="164"/>
      <c r="BK5019" s="98"/>
      <c r="BL5019" s="97"/>
      <c r="BX5019" s="98"/>
      <c r="CL5019" s="97"/>
      <c r="CX5019" s="98"/>
      <c r="DL5019" s="97"/>
      <c r="DX5019" s="98"/>
      <c r="EL5019" s="97"/>
      <c r="EX5019" s="98"/>
      <c r="EY5019" s="97"/>
      <c r="FL5019" s="126"/>
      <c r="FM5019" s="91"/>
      <c r="FN5019" s="91"/>
      <c r="FO5019" s="91"/>
      <c r="FP5019" s="91"/>
      <c r="FQ5019" s="91"/>
      <c r="FR5019" s="91"/>
      <c r="FS5019" s="91"/>
      <c r="FT5019" s="91"/>
      <c r="FU5019" s="91"/>
      <c r="FV5019" s="91"/>
      <c r="FW5019" s="91"/>
      <c r="FX5019" s="127"/>
      <c r="FY5019" s="126"/>
      <c r="FZ5019" s="91"/>
      <c r="GA5019" s="91"/>
      <c r="GB5019" s="91"/>
      <c r="GC5019" s="91"/>
      <c r="GD5019" s="91"/>
      <c r="GE5019" s="91"/>
      <c r="GF5019" s="91"/>
      <c r="GG5019" s="91"/>
      <c r="GH5019" s="91"/>
      <c r="GI5019" s="91"/>
      <c r="GJ5019" s="91"/>
      <c r="GK5019" s="127"/>
      <c r="GL5019" s="126"/>
      <c r="GM5019" s="91"/>
      <c r="GN5019" s="91"/>
      <c r="GO5019" s="91"/>
      <c r="GP5019" s="91"/>
      <c r="GQ5019" s="91"/>
      <c r="GR5019" s="91"/>
      <c r="GS5019" s="91"/>
      <c r="GT5019" s="91"/>
      <c r="GU5019" s="91"/>
      <c r="GV5019" s="91"/>
      <c r="GW5019" s="91"/>
      <c r="GX5019" s="127"/>
      <c r="GY5019" s="126"/>
      <c r="GZ5019" s="91"/>
      <c r="HA5019" s="91"/>
      <c r="HB5019" s="91"/>
      <c r="HC5019" s="91"/>
      <c r="HD5019" s="91"/>
      <c r="HE5019" s="91"/>
      <c r="HF5019" s="91"/>
      <c r="HG5019" s="91"/>
      <c r="HH5019" s="91"/>
      <c r="HI5019" s="91"/>
      <c r="HJ5019" s="91"/>
      <c r="HK5019" s="127"/>
      <c r="HL5019" s="126"/>
      <c r="HM5019" s="91"/>
      <c r="HN5019" s="91"/>
      <c r="HO5019" s="91"/>
      <c r="HP5019" s="91"/>
      <c r="HQ5019" s="91"/>
      <c r="HR5019" s="91"/>
      <c r="HS5019" s="91"/>
      <c r="HT5019" s="91"/>
      <c r="HU5019" s="91"/>
      <c r="HV5019" s="91"/>
      <c r="HW5019" s="91"/>
      <c r="HX5019" s="127"/>
      <c r="HY5019" s="126"/>
      <c r="HZ5019" s="91"/>
      <c r="IA5019" s="91"/>
      <c r="IB5019" s="91"/>
      <c r="IC5019" s="91"/>
      <c r="ID5019" s="91"/>
      <c r="IE5019" s="91"/>
      <c r="IF5019" s="91"/>
      <c r="IG5019" s="91"/>
      <c r="IH5019" s="91"/>
      <c r="II5019" s="91"/>
      <c r="IJ5019" s="91"/>
      <c r="IK5019" s="174"/>
    </row>
    <row r="5020" spans="2:245" x14ac:dyDescent="0.2">
      <c r="B5020" s="43"/>
      <c r="C5020" s="73"/>
      <c r="D5020" s="64"/>
      <c r="E5020" s="64"/>
      <c r="F5020" s="55"/>
      <c r="G5020" s="102"/>
      <c r="H5020" s="97"/>
      <c r="T5020" s="98"/>
      <c r="U5020" s="97"/>
      <c r="AG5020" s="98"/>
      <c r="AY5020" s="164"/>
      <c r="BK5020" s="98"/>
      <c r="BL5020" s="97"/>
      <c r="BX5020" s="98"/>
      <c r="CL5020" s="97"/>
      <c r="CX5020" s="98"/>
      <c r="DL5020" s="97"/>
      <c r="DX5020" s="98"/>
      <c r="EL5020" s="97"/>
      <c r="EX5020" s="98"/>
      <c r="EY5020" s="97"/>
      <c r="FL5020" s="126"/>
      <c r="FM5020" s="91"/>
      <c r="FN5020" s="91"/>
      <c r="FO5020" s="91"/>
      <c r="FP5020" s="91"/>
      <c r="FQ5020" s="91"/>
      <c r="FR5020" s="91"/>
      <c r="FS5020" s="91"/>
      <c r="FT5020" s="91"/>
      <c r="FU5020" s="91"/>
      <c r="FV5020" s="91"/>
      <c r="FW5020" s="91"/>
      <c r="FX5020" s="127"/>
      <c r="FY5020" s="126"/>
      <c r="FZ5020" s="91"/>
      <c r="GA5020" s="91"/>
      <c r="GB5020" s="91"/>
      <c r="GC5020" s="91"/>
      <c r="GD5020" s="91"/>
      <c r="GE5020" s="91"/>
      <c r="GF5020" s="91"/>
      <c r="GG5020" s="91"/>
      <c r="GH5020" s="91"/>
      <c r="GI5020" s="91"/>
      <c r="GJ5020" s="91"/>
      <c r="GK5020" s="127"/>
      <c r="GL5020" s="126"/>
      <c r="GM5020" s="91"/>
      <c r="GN5020" s="91"/>
      <c r="GO5020" s="91"/>
      <c r="GP5020" s="91"/>
      <c r="GQ5020" s="91"/>
      <c r="GR5020" s="91"/>
      <c r="GS5020" s="91"/>
      <c r="GT5020" s="91"/>
      <c r="GU5020" s="91"/>
      <c r="GV5020" s="91"/>
      <c r="GW5020" s="91"/>
      <c r="GX5020" s="127"/>
      <c r="GY5020" s="126"/>
      <c r="GZ5020" s="91"/>
      <c r="HA5020" s="91"/>
      <c r="HB5020" s="91"/>
      <c r="HC5020" s="91"/>
      <c r="HD5020" s="91"/>
      <c r="HE5020" s="91"/>
      <c r="HF5020" s="91"/>
      <c r="HG5020" s="91"/>
      <c r="HH5020" s="91"/>
      <c r="HI5020" s="91"/>
      <c r="HJ5020" s="91"/>
      <c r="HK5020" s="127"/>
      <c r="HL5020" s="126"/>
      <c r="HM5020" s="91"/>
      <c r="HN5020" s="91"/>
      <c r="HO5020" s="91"/>
      <c r="HP5020" s="91"/>
      <c r="HQ5020" s="91"/>
      <c r="HR5020" s="91"/>
      <c r="HS5020" s="91"/>
      <c r="HT5020" s="91"/>
      <c r="HU5020" s="91"/>
      <c r="HV5020" s="91"/>
      <c r="HW5020" s="91"/>
      <c r="HX5020" s="127"/>
      <c r="HY5020" s="126"/>
      <c r="HZ5020" s="91"/>
      <c r="IA5020" s="91"/>
      <c r="IB5020" s="91"/>
      <c r="IC5020" s="91"/>
      <c r="ID5020" s="91"/>
      <c r="IE5020" s="91"/>
      <c r="IF5020" s="91"/>
      <c r="IG5020" s="91"/>
      <c r="IH5020" s="91"/>
      <c r="II5020" s="91"/>
      <c r="IJ5020" s="91"/>
      <c r="IK5020" s="174"/>
    </row>
    <row r="5021" spans="2:245" x14ac:dyDescent="0.2">
      <c r="B5021" s="43"/>
      <c r="C5021" s="73"/>
      <c r="D5021" s="64"/>
      <c r="E5021" s="64"/>
      <c r="F5021" s="55"/>
      <c r="G5021" s="102"/>
      <c r="H5021" s="97"/>
      <c r="T5021" s="98"/>
      <c r="U5021" s="97"/>
      <c r="AG5021" s="98"/>
      <c r="AY5021" s="164"/>
      <c r="BK5021" s="98"/>
      <c r="BL5021" s="97"/>
      <c r="BX5021" s="98"/>
      <c r="CL5021" s="97"/>
      <c r="CX5021" s="98"/>
      <c r="DL5021" s="97"/>
      <c r="DX5021" s="98"/>
      <c r="EL5021" s="97"/>
      <c r="EX5021" s="98"/>
      <c r="EY5021" s="97"/>
      <c r="FL5021" s="126"/>
      <c r="FM5021" s="91"/>
      <c r="FN5021" s="91"/>
      <c r="FO5021" s="91"/>
      <c r="FP5021" s="91"/>
      <c r="FQ5021" s="91"/>
      <c r="FR5021" s="91"/>
      <c r="FS5021" s="91"/>
      <c r="FT5021" s="91"/>
      <c r="FU5021" s="91"/>
      <c r="FV5021" s="91"/>
      <c r="FW5021" s="91"/>
      <c r="FX5021" s="127"/>
      <c r="FY5021" s="126"/>
      <c r="FZ5021" s="91"/>
      <c r="GA5021" s="91"/>
      <c r="GB5021" s="91"/>
      <c r="GC5021" s="91"/>
      <c r="GD5021" s="91"/>
      <c r="GE5021" s="91"/>
      <c r="GF5021" s="91"/>
      <c r="GG5021" s="91"/>
      <c r="GH5021" s="91"/>
      <c r="GI5021" s="91"/>
      <c r="GJ5021" s="91"/>
      <c r="GK5021" s="127"/>
      <c r="GL5021" s="126"/>
      <c r="GM5021" s="91"/>
      <c r="GN5021" s="91"/>
      <c r="GO5021" s="91"/>
      <c r="GP5021" s="91"/>
      <c r="GQ5021" s="91"/>
      <c r="GR5021" s="91"/>
      <c r="GS5021" s="91"/>
      <c r="GT5021" s="91"/>
      <c r="GU5021" s="91"/>
      <c r="GV5021" s="91"/>
      <c r="GW5021" s="91"/>
      <c r="GX5021" s="127"/>
      <c r="GY5021" s="126"/>
      <c r="GZ5021" s="91"/>
      <c r="HA5021" s="91"/>
      <c r="HB5021" s="91"/>
      <c r="HC5021" s="91"/>
      <c r="HD5021" s="91"/>
      <c r="HE5021" s="91"/>
      <c r="HF5021" s="91"/>
      <c r="HG5021" s="91"/>
      <c r="HH5021" s="91"/>
      <c r="HI5021" s="91"/>
      <c r="HJ5021" s="91"/>
      <c r="HK5021" s="127"/>
      <c r="HL5021" s="126"/>
      <c r="HM5021" s="91"/>
      <c r="HN5021" s="91"/>
      <c r="HO5021" s="91"/>
      <c r="HP5021" s="91"/>
      <c r="HQ5021" s="91"/>
      <c r="HR5021" s="91"/>
      <c r="HS5021" s="91"/>
      <c r="HT5021" s="91"/>
      <c r="HU5021" s="91"/>
      <c r="HV5021" s="91"/>
      <c r="HW5021" s="91"/>
      <c r="HX5021" s="127"/>
      <c r="HY5021" s="126"/>
      <c r="HZ5021" s="91"/>
      <c r="IA5021" s="91"/>
      <c r="IB5021" s="91"/>
      <c r="IC5021" s="91"/>
      <c r="ID5021" s="91"/>
      <c r="IE5021" s="91"/>
      <c r="IF5021" s="91"/>
      <c r="IG5021" s="91"/>
      <c r="IH5021" s="91"/>
      <c r="II5021" s="91"/>
      <c r="IJ5021" s="91"/>
      <c r="IK5021" s="174"/>
    </row>
    <row r="5022" spans="2:245" x14ac:dyDescent="0.2">
      <c r="B5022" s="43"/>
      <c r="C5022" s="73"/>
      <c r="D5022" s="64"/>
      <c r="E5022" s="64"/>
      <c r="F5022" s="55"/>
      <c r="G5022" s="102"/>
      <c r="H5022" s="97"/>
      <c r="T5022" s="98"/>
      <c r="U5022" s="97"/>
      <c r="AG5022" s="98"/>
      <c r="AY5022" s="164"/>
      <c r="BK5022" s="98"/>
      <c r="BL5022" s="97"/>
      <c r="BX5022" s="98"/>
      <c r="CL5022" s="97"/>
      <c r="CX5022" s="98"/>
      <c r="DL5022" s="97"/>
      <c r="DX5022" s="98"/>
      <c r="EL5022" s="97"/>
      <c r="EX5022" s="98"/>
      <c r="EY5022" s="97"/>
      <c r="FL5022" s="126"/>
      <c r="FM5022" s="91"/>
      <c r="FN5022" s="91"/>
      <c r="FO5022" s="91"/>
      <c r="FP5022" s="91"/>
      <c r="FQ5022" s="91"/>
      <c r="FR5022" s="91"/>
      <c r="FS5022" s="91"/>
      <c r="FT5022" s="91"/>
      <c r="FU5022" s="91"/>
      <c r="FV5022" s="91"/>
      <c r="FW5022" s="91"/>
      <c r="FX5022" s="127"/>
      <c r="FY5022" s="126"/>
      <c r="FZ5022" s="91"/>
      <c r="GA5022" s="91"/>
      <c r="GB5022" s="91"/>
      <c r="GC5022" s="91"/>
      <c r="GD5022" s="91"/>
      <c r="GE5022" s="91"/>
      <c r="GF5022" s="91"/>
      <c r="GG5022" s="91"/>
      <c r="GH5022" s="91"/>
      <c r="GI5022" s="91"/>
      <c r="GJ5022" s="91"/>
      <c r="GK5022" s="127"/>
      <c r="GL5022" s="126"/>
      <c r="GM5022" s="91"/>
      <c r="GN5022" s="91"/>
      <c r="GO5022" s="91"/>
      <c r="GP5022" s="91"/>
      <c r="GQ5022" s="91"/>
      <c r="GR5022" s="91"/>
      <c r="GS5022" s="91"/>
      <c r="GT5022" s="91"/>
      <c r="GU5022" s="91"/>
      <c r="GV5022" s="91"/>
      <c r="GW5022" s="91"/>
      <c r="GX5022" s="127"/>
      <c r="GY5022" s="126"/>
      <c r="GZ5022" s="91"/>
      <c r="HA5022" s="91"/>
      <c r="HB5022" s="91"/>
      <c r="HC5022" s="91"/>
      <c r="HD5022" s="91"/>
      <c r="HE5022" s="91"/>
      <c r="HF5022" s="91"/>
      <c r="HG5022" s="91"/>
      <c r="HH5022" s="91"/>
      <c r="HI5022" s="91"/>
      <c r="HJ5022" s="91"/>
      <c r="HK5022" s="127"/>
      <c r="HL5022" s="126"/>
      <c r="HM5022" s="91"/>
      <c r="HN5022" s="91"/>
      <c r="HO5022" s="91"/>
      <c r="HP5022" s="91"/>
      <c r="HQ5022" s="91"/>
      <c r="HR5022" s="91"/>
      <c r="HS5022" s="91"/>
      <c r="HT5022" s="91"/>
      <c r="HU5022" s="91"/>
      <c r="HV5022" s="91"/>
      <c r="HW5022" s="91"/>
      <c r="HX5022" s="127"/>
      <c r="HY5022" s="126"/>
      <c r="HZ5022" s="91"/>
      <c r="IA5022" s="91"/>
      <c r="IB5022" s="91"/>
      <c r="IC5022" s="91"/>
      <c r="ID5022" s="91"/>
      <c r="IE5022" s="91"/>
      <c r="IF5022" s="91"/>
      <c r="IG5022" s="91"/>
      <c r="IH5022" s="91"/>
      <c r="II5022" s="91"/>
      <c r="IJ5022" s="91"/>
      <c r="IK5022" s="174"/>
    </row>
    <row r="5023" spans="2:245" x14ac:dyDescent="0.2">
      <c r="B5023" s="43"/>
      <c r="C5023" s="73"/>
      <c r="D5023" s="64"/>
      <c r="E5023" s="64"/>
      <c r="F5023" s="55"/>
      <c r="G5023" s="102"/>
      <c r="H5023" s="97"/>
      <c r="T5023" s="98"/>
      <c r="U5023" s="97"/>
      <c r="AG5023" s="98"/>
      <c r="AY5023" s="164"/>
      <c r="BK5023" s="98"/>
      <c r="BL5023" s="97"/>
      <c r="BX5023" s="98"/>
      <c r="CL5023" s="97"/>
      <c r="CX5023" s="98"/>
      <c r="DL5023" s="97"/>
      <c r="DX5023" s="98"/>
      <c r="EL5023" s="97"/>
      <c r="EX5023" s="98"/>
      <c r="EY5023" s="97"/>
      <c r="FL5023" s="126"/>
      <c r="FM5023" s="91"/>
      <c r="FN5023" s="91"/>
      <c r="FO5023" s="91"/>
      <c r="FP5023" s="91"/>
      <c r="FQ5023" s="91"/>
      <c r="FR5023" s="91"/>
      <c r="FS5023" s="91"/>
      <c r="FT5023" s="91"/>
      <c r="FU5023" s="91"/>
      <c r="FV5023" s="91"/>
      <c r="FW5023" s="91"/>
      <c r="FX5023" s="127"/>
      <c r="FY5023" s="126"/>
      <c r="FZ5023" s="91"/>
      <c r="GA5023" s="91"/>
      <c r="GB5023" s="91"/>
      <c r="GC5023" s="91"/>
      <c r="GD5023" s="91"/>
      <c r="GE5023" s="91"/>
      <c r="GF5023" s="91"/>
      <c r="GG5023" s="91"/>
      <c r="GH5023" s="91"/>
      <c r="GI5023" s="91"/>
      <c r="GJ5023" s="91"/>
      <c r="GK5023" s="127"/>
      <c r="GL5023" s="126"/>
      <c r="GM5023" s="91"/>
      <c r="GN5023" s="91"/>
      <c r="GO5023" s="91"/>
      <c r="GP5023" s="91"/>
      <c r="GQ5023" s="91"/>
      <c r="GR5023" s="91"/>
      <c r="GS5023" s="91"/>
      <c r="GT5023" s="91"/>
      <c r="GU5023" s="91"/>
      <c r="GV5023" s="91"/>
      <c r="GW5023" s="91"/>
      <c r="GX5023" s="127"/>
      <c r="GY5023" s="126"/>
      <c r="GZ5023" s="91"/>
      <c r="HA5023" s="91"/>
      <c r="HB5023" s="91"/>
      <c r="HC5023" s="91"/>
      <c r="HD5023" s="91"/>
      <c r="HE5023" s="91"/>
      <c r="HF5023" s="91"/>
      <c r="HG5023" s="91"/>
      <c r="HH5023" s="91"/>
      <c r="HI5023" s="91"/>
      <c r="HJ5023" s="91"/>
      <c r="HK5023" s="127"/>
      <c r="HL5023" s="126"/>
      <c r="HM5023" s="91"/>
      <c r="HN5023" s="91"/>
      <c r="HO5023" s="91"/>
      <c r="HP5023" s="91"/>
      <c r="HQ5023" s="91"/>
      <c r="HR5023" s="91"/>
      <c r="HS5023" s="91"/>
      <c r="HT5023" s="91"/>
      <c r="HU5023" s="91"/>
      <c r="HV5023" s="91"/>
      <c r="HW5023" s="91"/>
      <c r="HX5023" s="127"/>
      <c r="HY5023" s="126"/>
      <c r="HZ5023" s="91"/>
      <c r="IA5023" s="91"/>
      <c r="IB5023" s="91"/>
      <c r="IC5023" s="91"/>
      <c r="ID5023" s="91"/>
      <c r="IE5023" s="91"/>
      <c r="IF5023" s="91"/>
      <c r="IG5023" s="91"/>
      <c r="IH5023" s="91"/>
      <c r="II5023" s="91"/>
      <c r="IJ5023" s="91"/>
      <c r="IK5023" s="174"/>
    </row>
    <row r="5024" spans="2:245" x14ac:dyDescent="0.2">
      <c r="B5024" s="43"/>
      <c r="C5024" s="73"/>
      <c r="D5024" s="64"/>
      <c r="E5024" s="64"/>
      <c r="F5024" s="55"/>
      <c r="G5024" s="102"/>
      <c r="H5024" s="97"/>
      <c r="T5024" s="98"/>
      <c r="U5024" s="97"/>
      <c r="AG5024" s="98"/>
      <c r="AY5024" s="164"/>
      <c r="BK5024" s="98"/>
      <c r="BL5024" s="97"/>
      <c r="BX5024" s="98"/>
      <c r="CL5024" s="97"/>
      <c r="CX5024" s="98"/>
      <c r="DL5024" s="97"/>
      <c r="DX5024" s="98"/>
      <c r="EL5024" s="97"/>
      <c r="EX5024" s="98"/>
      <c r="EY5024" s="97"/>
      <c r="FL5024" s="126"/>
      <c r="FM5024" s="91"/>
      <c r="FN5024" s="91"/>
      <c r="FO5024" s="91"/>
      <c r="FP5024" s="91"/>
      <c r="FQ5024" s="91"/>
      <c r="FR5024" s="91"/>
      <c r="FS5024" s="91"/>
      <c r="FT5024" s="91"/>
      <c r="FU5024" s="91"/>
      <c r="FV5024" s="91"/>
      <c r="FW5024" s="91"/>
      <c r="FX5024" s="127"/>
      <c r="FY5024" s="126"/>
      <c r="FZ5024" s="91"/>
      <c r="GA5024" s="91"/>
      <c r="GB5024" s="91"/>
      <c r="GC5024" s="91"/>
      <c r="GD5024" s="91"/>
      <c r="GE5024" s="91"/>
      <c r="GF5024" s="91"/>
      <c r="GG5024" s="91"/>
      <c r="GH5024" s="91"/>
      <c r="GI5024" s="91"/>
      <c r="GJ5024" s="91"/>
      <c r="GK5024" s="127"/>
      <c r="GL5024" s="126"/>
      <c r="GM5024" s="91"/>
      <c r="GN5024" s="91"/>
      <c r="GO5024" s="91"/>
      <c r="GP5024" s="91"/>
      <c r="GQ5024" s="91"/>
      <c r="GR5024" s="91"/>
      <c r="GS5024" s="91"/>
      <c r="GT5024" s="91"/>
      <c r="GU5024" s="91"/>
      <c r="GV5024" s="91"/>
      <c r="GW5024" s="91"/>
      <c r="GX5024" s="127"/>
      <c r="GY5024" s="126"/>
      <c r="GZ5024" s="91"/>
      <c r="HA5024" s="91"/>
      <c r="HB5024" s="91"/>
      <c r="HC5024" s="91"/>
      <c r="HD5024" s="91"/>
      <c r="HE5024" s="91"/>
      <c r="HF5024" s="91"/>
      <c r="HG5024" s="91"/>
      <c r="HH5024" s="91"/>
      <c r="HI5024" s="91"/>
      <c r="HJ5024" s="91"/>
      <c r="HK5024" s="127"/>
      <c r="HL5024" s="126"/>
      <c r="HM5024" s="91"/>
      <c r="HN5024" s="91"/>
      <c r="HO5024" s="91"/>
      <c r="HP5024" s="91"/>
      <c r="HQ5024" s="91"/>
      <c r="HR5024" s="91"/>
      <c r="HS5024" s="91"/>
      <c r="HT5024" s="91"/>
      <c r="HU5024" s="91"/>
      <c r="HV5024" s="91"/>
      <c r="HW5024" s="91"/>
      <c r="HX5024" s="127"/>
      <c r="HY5024" s="126"/>
      <c r="HZ5024" s="91"/>
      <c r="IA5024" s="91"/>
      <c r="IB5024" s="91"/>
      <c r="IC5024" s="91"/>
      <c r="ID5024" s="91"/>
      <c r="IE5024" s="91"/>
      <c r="IF5024" s="91"/>
      <c r="IG5024" s="91"/>
      <c r="IH5024" s="91"/>
      <c r="II5024" s="91"/>
      <c r="IJ5024" s="91"/>
      <c r="IK5024" s="174"/>
    </row>
    <row r="5025" spans="2:245" x14ac:dyDescent="0.2">
      <c r="B5025" s="43"/>
      <c r="C5025" s="73"/>
      <c r="D5025" s="64"/>
      <c r="E5025" s="64"/>
      <c r="F5025" s="55"/>
      <c r="G5025" s="102"/>
      <c r="H5025" s="97"/>
      <c r="T5025" s="98"/>
      <c r="U5025" s="97"/>
      <c r="AG5025" s="98"/>
      <c r="AY5025" s="164"/>
      <c r="BK5025" s="98"/>
      <c r="BL5025" s="97"/>
      <c r="BX5025" s="98"/>
      <c r="CL5025" s="97"/>
      <c r="CX5025" s="98"/>
      <c r="DL5025" s="97"/>
      <c r="DX5025" s="98"/>
      <c r="EL5025" s="97"/>
      <c r="EX5025" s="98"/>
      <c r="EY5025" s="97"/>
      <c r="FL5025" s="126"/>
      <c r="FM5025" s="91"/>
      <c r="FN5025" s="91"/>
      <c r="FO5025" s="91"/>
      <c r="FP5025" s="91"/>
      <c r="FQ5025" s="91"/>
      <c r="FR5025" s="91"/>
      <c r="FS5025" s="91"/>
      <c r="FT5025" s="91"/>
      <c r="FU5025" s="91"/>
      <c r="FV5025" s="91"/>
      <c r="FW5025" s="91"/>
      <c r="FX5025" s="127"/>
      <c r="FY5025" s="126"/>
      <c r="FZ5025" s="91"/>
      <c r="GA5025" s="91"/>
      <c r="GB5025" s="91"/>
      <c r="GC5025" s="91"/>
      <c r="GD5025" s="91"/>
      <c r="GE5025" s="91"/>
      <c r="GF5025" s="91"/>
      <c r="GG5025" s="91"/>
      <c r="GH5025" s="91"/>
      <c r="GI5025" s="91"/>
      <c r="GJ5025" s="91"/>
      <c r="GK5025" s="127"/>
      <c r="GL5025" s="126"/>
      <c r="GM5025" s="91"/>
      <c r="GN5025" s="91"/>
      <c r="GO5025" s="91"/>
      <c r="GP5025" s="91"/>
      <c r="GQ5025" s="91"/>
      <c r="GR5025" s="91"/>
      <c r="GS5025" s="91"/>
      <c r="GT5025" s="91"/>
      <c r="GU5025" s="91"/>
      <c r="GV5025" s="91"/>
      <c r="GW5025" s="91"/>
      <c r="GX5025" s="127"/>
      <c r="GY5025" s="126"/>
      <c r="GZ5025" s="91"/>
      <c r="HA5025" s="91"/>
      <c r="HB5025" s="91"/>
      <c r="HC5025" s="91"/>
      <c r="HD5025" s="91"/>
      <c r="HE5025" s="91"/>
      <c r="HF5025" s="91"/>
      <c r="HG5025" s="91"/>
      <c r="HH5025" s="91"/>
      <c r="HI5025" s="91"/>
      <c r="HJ5025" s="91"/>
      <c r="HK5025" s="127"/>
      <c r="HL5025" s="126"/>
      <c r="HM5025" s="91"/>
      <c r="HN5025" s="91"/>
      <c r="HO5025" s="91"/>
      <c r="HP5025" s="91"/>
      <c r="HQ5025" s="91"/>
      <c r="HR5025" s="91"/>
      <c r="HS5025" s="91"/>
      <c r="HT5025" s="91"/>
      <c r="HU5025" s="91"/>
      <c r="HV5025" s="91"/>
      <c r="HW5025" s="91"/>
      <c r="HX5025" s="127"/>
      <c r="HY5025" s="126"/>
      <c r="HZ5025" s="91"/>
      <c r="IA5025" s="91"/>
      <c r="IB5025" s="91"/>
      <c r="IC5025" s="91"/>
      <c r="ID5025" s="91"/>
      <c r="IE5025" s="91"/>
      <c r="IF5025" s="91"/>
      <c r="IG5025" s="91"/>
      <c r="IH5025" s="91"/>
      <c r="II5025" s="91"/>
      <c r="IJ5025" s="91"/>
      <c r="IK5025" s="174"/>
    </row>
    <row r="5026" spans="2:245" x14ac:dyDescent="0.2">
      <c r="B5026" s="43"/>
      <c r="C5026" s="73"/>
      <c r="D5026" s="64"/>
      <c r="E5026" s="64"/>
      <c r="F5026" s="55"/>
      <c r="G5026" s="102"/>
      <c r="H5026" s="97"/>
      <c r="T5026" s="98"/>
      <c r="U5026" s="97"/>
      <c r="AG5026" s="98"/>
      <c r="AY5026" s="164"/>
      <c r="BK5026" s="98"/>
      <c r="BL5026" s="97"/>
      <c r="BX5026" s="98"/>
      <c r="CL5026" s="97"/>
      <c r="CX5026" s="98"/>
      <c r="DL5026" s="97"/>
      <c r="DX5026" s="98"/>
      <c r="EL5026" s="97"/>
      <c r="EX5026" s="98"/>
      <c r="EY5026" s="97"/>
      <c r="FL5026" s="126"/>
      <c r="FM5026" s="91"/>
      <c r="FN5026" s="91"/>
      <c r="FO5026" s="91"/>
      <c r="FP5026" s="91"/>
      <c r="FQ5026" s="91"/>
      <c r="FR5026" s="91"/>
      <c r="FS5026" s="91"/>
      <c r="FT5026" s="91"/>
      <c r="FU5026" s="91"/>
      <c r="FV5026" s="91"/>
      <c r="FW5026" s="91"/>
      <c r="FX5026" s="127"/>
      <c r="FY5026" s="126"/>
      <c r="FZ5026" s="91"/>
      <c r="GA5026" s="91"/>
      <c r="GB5026" s="91"/>
      <c r="GC5026" s="91"/>
      <c r="GD5026" s="91"/>
      <c r="GE5026" s="91"/>
      <c r="GF5026" s="91"/>
      <c r="GG5026" s="91"/>
      <c r="GH5026" s="91"/>
      <c r="GI5026" s="91"/>
      <c r="GJ5026" s="91"/>
      <c r="GK5026" s="127"/>
      <c r="GL5026" s="126"/>
      <c r="GM5026" s="91"/>
      <c r="GN5026" s="91"/>
      <c r="GO5026" s="91"/>
      <c r="GP5026" s="91"/>
      <c r="GQ5026" s="91"/>
      <c r="GR5026" s="91"/>
      <c r="GS5026" s="91"/>
      <c r="GT5026" s="91"/>
      <c r="GU5026" s="91"/>
      <c r="GV5026" s="91"/>
      <c r="GW5026" s="91"/>
      <c r="GX5026" s="127"/>
      <c r="GY5026" s="126"/>
      <c r="GZ5026" s="91"/>
      <c r="HA5026" s="91"/>
      <c r="HB5026" s="91"/>
      <c r="HC5026" s="91"/>
      <c r="HD5026" s="91"/>
      <c r="HE5026" s="91"/>
      <c r="HF5026" s="91"/>
      <c r="HG5026" s="91"/>
      <c r="HH5026" s="91"/>
      <c r="HI5026" s="91"/>
      <c r="HJ5026" s="91"/>
      <c r="HK5026" s="127"/>
      <c r="HL5026" s="126"/>
      <c r="HM5026" s="91"/>
      <c r="HN5026" s="91"/>
      <c r="HO5026" s="91"/>
      <c r="HP5026" s="91"/>
      <c r="HQ5026" s="91"/>
      <c r="HR5026" s="91"/>
      <c r="HS5026" s="91"/>
      <c r="HT5026" s="91"/>
      <c r="HU5026" s="91"/>
      <c r="HV5026" s="91"/>
      <c r="HW5026" s="91"/>
      <c r="HX5026" s="127"/>
      <c r="HY5026" s="126"/>
      <c r="HZ5026" s="91"/>
      <c r="IA5026" s="91"/>
      <c r="IB5026" s="91"/>
      <c r="IC5026" s="91"/>
      <c r="ID5026" s="91"/>
      <c r="IE5026" s="91"/>
      <c r="IF5026" s="91"/>
      <c r="IG5026" s="91"/>
      <c r="IH5026" s="91"/>
      <c r="II5026" s="91"/>
      <c r="IJ5026" s="91"/>
      <c r="IK5026" s="174"/>
    </row>
    <row r="5027" spans="2:245" x14ac:dyDescent="0.2">
      <c r="B5027" s="43"/>
      <c r="C5027" s="73"/>
      <c r="D5027" s="64"/>
      <c r="E5027" s="64"/>
      <c r="F5027" s="55"/>
      <c r="G5027" s="102"/>
      <c r="H5027" s="97"/>
      <c r="T5027" s="98"/>
      <c r="U5027" s="97"/>
      <c r="AG5027" s="98"/>
      <c r="AY5027" s="164"/>
      <c r="BK5027" s="98"/>
      <c r="BL5027" s="97"/>
      <c r="BX5027" s="98"/>
      <c r="CL5027" s="97"/>
      <c r="CX5027" s="98"/>
      <c r="DL5027" s="97"/>
      <c r="DX5027" s="98"/>
      <c r="EL5027" s="97"/>
      <c r="EX5027" s="98"/>
      <c r="EY5027" s="97"/>
      <c r="FL5027" s="126"/>
      <c r="FM5027" s="91"/>
      <c r="FN5027" s="91"/>
      <c r="FO5027" s="91"/>
      <c r="FP5027" s="91"/>
      <c r="FQ5027" s="91"/>
      <c r="FR5027" s="91"/>
      <c r="FS5027" s="91"/>
      <c r="FT5027" s="91"/>
      <c r="FU5027" s="91"/>
      <c r="FV5027" s="91"/>
      <c r="FW5027" s="91"/>
      <c r="FX5027" s="127"/>
      <c r="FY5027" s="126"/>
      <c r="FZ5027" s="91"/>
      <c r="GA5027" s="91"/>
      <c r="GB5027" s="91"/>
      <c r="GC5027" s="91"/>
      <c r="GD5027" s="91"/>
      <c r="GE5027" s="91"/>
      <c r="GF5027" s="91"/>
      <c r="GG5027" s="91"/>
      <c r="GH5027" s="91"/>
      <c r="GI5027" s="91"/>
      <c r="GJ5027" s="91"/>
      <c r="GK5027" s="127"/>
      <c r="GL5027" s="126"/>
      <c r="GM5027" s="91"/>
      <c r="GN5027" s="91"/>
      <c r="GO5027" s="91"/>
      <c r="GP5027" s="91"/>
      <c r="GQ5027" s="91"/>
      <c r="GR5027" s="91"/>
      <c r="GS5027" s="91"/>
      <c r="GT5027" s="91"/>
      <c r="GU5027" s="91"/>
      <c r="GV5027" s="91"/>
      <c r="GW5027" s="91"/>
      <c r="GX5027" s="127"/>
      <c r="GY5027" s="126"/>
      <c r="GZ5027" s="91"/>
      <c r="HA5027" s="91"/>
      <c r="HB5027" s="91"/>
      <c r="HC5027" s="91"/>
      <c r="HD5027" s="91"/>
      <c r="HE5027" s="91"/>
      <c r="HF5027" s="91"/>
      <c r="HG5027" s="91"/>
      <c r="HH5027" s="91"/>
      <c r="HI5027" s="91"/>
      <c r="HJ5027" s="91"/>
      <c r="HK5027" s="127"/>
      <c r="HL5027" s="126"/>
      <c r="HM5027" s="91"/>
      <c r="HN5027" s="91"/>
      <c r="HO5027" s="91"/>
      <c r="HP5027" s="91"/>
      <c r="HQ5027" s="91"/>
      <c r="HR5027" s="91"/>
      <c r="HS5027" s="91"/>
      <c r="HT5027" s="91"/>
      <c r="HU5027" s="91"/>
      <c r="HV5027" s="91"/>
      <c r="HW5027" s="91"/>
      <c r="HX5027" s="127"/>
      <c r="HY5027" s="126"/>
      <c r="HZ5027" s="91"/>
      <c r="IA5027" s="91"/>
      <c r="IB5027" s="91"/>
      <c r="IC5027" s="91"/>
      <c r="ID5027" s="91"/>
      <c r="IE5027" s="91"/>
      <c r="IF5027" s="91"/>
      <c r="IG5027" s="91"/>
      <c r="IH5027" s="91"/>
      <c r="II5027" s="91"/>
      <c r="IJ5027" s="91"/>
      <c r="IK5027" s="174"/>
    </row>
    <row r="5028" spans="2:245" x14ac:dyDescent="0.2">
      <c r="B5028" s="43"/>
      <c r="C5028" s="73"/>
      <c r="D5028" s="64"/>
      <c r="E5028" s="64"/>
      <c r="F5028" s="55"/>
      <c r="G5028" s="102"/>
      <c r="H5028" s="97"/>
      <c r="T5028" s="98"/>
      <c r="U5028" s="97"/>
      <c r="AG5028" s="98"/>
      <c r="AY5028" s="164"/>
      <c r="BK5028" s="98"/>
      <c r="BL5028" s="97"/>
      <c r="BX5028" s="98"/>
      <c r="CL5028" s="97"/>
      <c r="CX5028" s="98"/>
      <c r="DL5028" s="97"/>
      <c r="DX5028" s="98"/>
      <c r="EL5028" s="97"/>
      <c r="EX5028" s="98"/>
      <c r="EY5028" s="97"/>
      <c r="FL5028" s="126"/>
      <c r="FM5028" s="91"/>
      <c r="FN5028" s="91"/>
      <c r="FO5028" s="91"/>
      <c r="FP5028" s="91"/>
      <c r="FQ5028" s="91"/>
      <c r="FR5028" s="91"/>
      <c r="FS5028" s="91"/>
      <c r="FT5028" s="91"/>
      <c r="FU5028" s="91"/>
      <c r="FV5028" s="91"/>
      <c r="FW5028" s="91"/>
      <c r="FX5028" s="127"/>
      <c r="FY5028" s="126"/>
      <c r="FZ5028" s="91"/>
      <c r="GA5028" s="91"/>
      <c r="GB5028" s="91"/>
      <c r="GC5028" s="91"/>
      <c r="GD5028" s="91"/>
      <c r="GE5028" s="91"/>
      <c r="GF5028" s="91"/>
      <c r="GG5028" s="91"/>
      <c r="GH5028" s="91"/>
      <c r="GI5028" s="91"/>
      <c r="GJ5028" s="91"/>
      <c r="GK5028" s="127"/>
      <c r="GL5028" s="126"/>
      <c r="GM5028" s="91"/>
      <c r="GN5028" s="91"/>
      <c r="GO5028" s="91"/>
      <c r="GP5028" s="91"/>
      <c r="GQ5028" s="91"/>
      <c r="GR5028" s="91"/>
      <c r="GS5028" s="91"/>
      <c r="GT5028" s="91"/>
      <c r="GU5028" s="91"/>
      <c r="GV5028" s="91"/>
      <c r="GW5028" s="91"/>
      <c r="GX5028" s="127"/>
      <c r="GY5028" s="126"/>
      <c r="GZ5028" s="91"/>
      <c r="HA5028" s="91"/>
      <c r="HB5028" s="91"/>
      <c r="HC5028" s="91"/>
      <c r="HD5028" s="91"/>
      <c r="HE5028" s="91"/>
      <c r="HF5028" s="91"/>
      <c r="HG5028" s="91"/>
      <c r="HH5028" s="91"/>
      <c r="HI5028" s="91"/>
      <c r="HJ5028" s="91"/>
      <c r="HK5028" s="127"/>
      <c r="HL5028" s="126"/>
      <c r="HM5028" s="91"/>
      <c r="HN5028" s="91"/>
      <c r="HO5028" s="91"/>
      <c r="HP5028" s="91"/>
      <c r="HQ5028" s="91"/>
      <c r="HR5028" s="91"/>
      <c r="HS5028" s="91"/>
      <c r="HT5028" s="91"/>
      <c r="HU5028" s="91"/>
      <c r="HV5028" s="91"/>
      <c r="HW5028" s="91"/>
      <c r="HX5028" s="127"/>
      <c r="HY5028" s="126"/>
      <c r="HZ5028" s="91"/>
      <c r="IA5028" s="91"/>
      <c r="IB5028" s="91"/>
      <c r="IC5028" s="91"/>
      <c r="ID5028" s="91"/>
      <c r="IE5028" s="91"/>
      <c r="IF5028" s="91"/>
      <c r="IG5028" s="91"/>
      <c r="IH5028" s="91"/>
      <c r="II5028" s="91"/>
      <c r="IJ5028" s="91"/>
      <c r="IK5028" s="174"/>
    </row>
    <row r="5029" spans="2:245" x14ac:dyDescent="0.2">
      <c r="B5029" s="43"/>
      <c r="C5029" s="73"/>
      <c r="D5029" s="64"/>
      <c r="E5029" s="64"/>
      <c r="F5029" s="55"/>
      <c r="G5029" s="102"/>
      <c r="H5029" s="97"/>
      <c r="T5029" s="98"/>
      <c r="U5029" s="97"/>
      <c r="AG5029" s="98"/>
      <c r="AY5029" s="164"/>
      <c r="BK5029" s="98"/>
      <c r="BL5029" s="97"/>
      <c r="BX5029" s="98"/>
      <c r="CL5029" s="97"/>
      <c r="CX5029" s="98"/>
      <c r="DL5029" s="97"/>
      <c r="DX5029" s="98"/>
      <c r="EL5029" s="97"/>
      <c r="EX5029" s="98"/>
      <c r="EY5029" s="97"/>
      <c r="FL5029" s="126"/>
      <c r="FM5029" s="91"/>
      <c r="FN5029" s="91"/>
      <c r="FO5029" s="91"/>
      <c r="FP5029" s="91"/>
      <c r="FQ5029" s="91"/>
      <c r="FR5029" s="91"/>
      <c r="FS5029" s="91"/>
      <c r="FT5029" s="91"/>
      <c r="FU5029" s="91"/>
      <c r="FV5029" s="91"/>
      <c r="FW5029" s="91"/>
      <c r="FX5029" s="127"/>
      <c r="FY5029" s="126"/>
      <c r="FZ5029" s="91"/>
      <c r="GA5029" s="91"/>
      <c r="GB5029" s="91"/>
      <c r="GC5029" s="91"/>
      <c r="GD5029" s="91"/>
      <c r="GE5029" s="91"/>
      <c r="GF5029" s="91"/>
      <c r="GG5029" s="91"/>
      <c r="GH5029" s="91"/>
      <c r="GI5029" s="91"/>
      <c r="GJ5029" s="91"/>
      <c r="GK5029" s="127"/>
      <c r="GL5029" s="126"/>
      <c r="GM5029" s="91"/>
      <c r="GN5029" s="91"/>
      <c r="GO5029" s="91"/>
      <c r="GP5029" s="91"/>
      <c r="GQ5029" s="91"/>
      <c r="GR5029" s="91"/>
      <c r="GS5029" s="91"/>
      <c r="GT5029" s="91"/>
      <c r="GU5029" s="91"/>
      <c r="GV5029" s="91"/>
      <c r="GW5029" s="91"/>
      <c r="GX5029" s="127"/>
      <c r="GY5029" s="126"/>
      <c r="GZ5029" s="91"/>
      <c r="HA5029" s="91"/>
      <c r="HB5029" s="91"/>
      <c r="HC5029" s="91"/>
      <c r="HD5029" s="91"/>
      <c r="HE5029" s="91"/>
      <c r="HF5029" s="91"/>
      <c r="HG5029" s="91"/>
      <c r="HH5029" s="91"/>
      <c r="HI5029" s="91"/>
      <c r="HJ5029" s="91"/>
      <c r="HK5029" s="127"/>
      <c r="HL5029" s="126"/>
      <c r="HM5029" s="91"/>
      <c r="HN5029" s="91"/>
      <c r="HO5029" s="91"/>
      <c r="HP5029" s="91"/>
      <c r="HQ5029" s="91"/>
      <c r="HR5029" s="91"/>
      <c r="HS5029" s="91"/>
      <c r="HT5029" s="91"/>
      <c r="HU5029" s="91"/>
      <c r="HV5029" s="91"/>
      <c r="HW5029" s="91"/>
      <c r="HX5029" s="127"/>
      <c r="HY5029" s="126"/>
      <c r="HZ5029" s="91"/>
      <c r="IA5029" s="91"/>
      <c r="IB5029" s="91"/>
      <c r="IC5029" s="91"/>
      <c r="ID5029" s="91"/>
      <c r="IE5029" s="91"/>
      <c r="IF5029" s="91"/>
      <c r="IG5029" s="91"/>
      <c r="IH5029" s="91"/>
      <c r="II5029" s="91"/>
      <c r="IJ5029" s="91"/>
      <c r="IK5029" s="174"/>
    </row>
    <row r="5030" spans="2:245" x14ac:dyDescent="0.2">
      <c r="B5030" s="43"/>
      <c r="C5030" s="73"/>
      <c r="D5030" s="64"/>
      <c r="E5030" s="64"/>
      <c r="F5030" s="55"/>
      <c r="G5030" s="102"/>
      <c r="H5030" s="97"/>
      <c r="T5030" s="98"/>
      <c r="U5030" s="97"/>
      <c r="AG5030" s="98"/>
      <c r="AY5030" s="164"/>
      <c r="BK5030" s="98"/>
      <c r="BL5030" s="97"/>
      <c r="BX5030" s="98"/>
      <c r="CL5030" s="97"/>
      <c r="CX5030" s="98"/>
      <c r="DL5030" s="97"/>
      <c r="DX5030" s="98"/>
      <c r="EL5030" s="97"/>
      <c r="EX5030" s="98"/>
      <c r="EY5030" s="97"/>
      <c r="FL5030" s="126"/>
      <c r="FM5030" s="91"/>
      <c r="FN5030" s="91"/>
      <c r="FO5030" s="91"/>
      <c r="FP5030" s="91"/>
      <c r="FQ5030" s="91"/>
      <c r="FR5030" s="91"/>
      <c r="FS5030" s="91"/>
      <c r="FT5030" s="91"/>
      <c r="FU5030" s="91"/>
      <c r="FV5030" s="91"/>
      <c r="FW5030" s="91"/>
      <c r="FX5030" s="127"/>
      <c r="FY5030" s="126"/>
      <c r="FZ5030" s="91"/>
      <c r="GA5030" s="91"/>
      <c r="GB5030" s="91"/>
      <c r="GC5030" s="91"/>
      <c r="GD5030" s="91"/>
      <c r="GE5030" s="91"/>
      <c r="GF5030" s="91"/>
      <c r="GG5030" s="91"/>
      <c r="GH5030" s="91"/>
      <c r="GI5030" s="91"/>
      <c r="GJ5030" s="91"/>
      <c r="GK5030" s="127"/>
      <c r="GL5030" s="126"/>
      <c r="GM5030" s="91"/>
      <c r="GN5030" s="91"/>
      <c r="GO5030" s="91"/>
      <c r="GP5030" s="91"/>
      <c r="GQ5030" s="91"/>
      <c r="GR5030" s="91"/>
      <c r="GS5030" s="91"/>
      <c r="GT5030" s="91"/>
      <c r="GU5030" s="91"/>
      <c r="GV5030" s="91"/>
      <c r="GW5030" s="91"/>
      <c r="GX5030" s="127"/>
      <c r="GY5030" s="126"/>
      <c r="GZ5030" s="91"/>
      <c r="HA5030" s="91"/>
      <c r="HB5030" s="91"/>
      <c r="HC5030" s="91"/>
      <c r="HD5030" s="91"/>
      <c r="HE5030" s="91"/>
      <c r="HF5030" s="91"/>
      <c r="HG5030" s="91"/>
      <c r="HH5030" s="91"/>
      <c r="HI5030" s="91"/>
      <c r="HJ5030" s="91"/>
      <c r="HK5030" s="127"/>
      <c r="HL5030" s="126"/>
      <c r="HM5030" s="91"/>
      <c r="HN5030" s="91"/>
      <c r="HO5030" s="91"/>
      <c r="HP5030" s="91"/>
      <c r="HQ5030" s="91"/>
      <c r="HR5030" s="91"/>
      <c r="HS5030" s="91"/>
      <c r="HT5030" s="91"/>
      <c r="HU5030" s="91"/>
      <c r="HV5030" s="91"/>
      <c r="HW5030" s="91"/>
      <c r="HX5030" s="127"/>
      <c r="HY5030" s="126"/>
      <c r="HZ5030" s="91"/>
      <c r="IA5030" s="91"/>
      <c r="IB5030" s="91"/>
      <c r="IC5030" s="91"/>
      <c r="ID5030" s="91"/>
      <c r="IE5030" s="91"/>
      <c r="IF5030" s="91"/>
      <c r="IG5030" s="91"/>
      <c r="IH5030" s="91"/>
      <c r="II5030" s="91"/>
      <c r="IJ5030" s="91"/>
      <c r="IK5030" s="174"/>
    </row>
    <row r="5031" spans="2:245" x14ac:dyDescent="0.2">
      <c r="B5031" s="43"/>
      <c r="C5031" s="73"/>
      <c r="D5031" s="64"/>
      <c r="E5031" s="64"/>
      <c r="F5031" s="55"/>
      <c r="G5031" s="102"/>
      <c r="H5031" s="97"/>
      <c r="T5031" s="98"/>
      <c r="U5031" s="97"/>
      <c r="AG5031" s="98"/>
      <c r="AY5031" s="164"/>
      <c r="BK5031" s="98"/>
      <c r="BL5031" s="97"/>
      <c r="BX5031" s="98"/>
      <c r="CL5031" s="97"/>
      <c r="CX5031" s="98"/>
      <c r="DL5031" s="97"/>
      <c r="DX5031" s="98"/>
      <c r="EL5031" s="97"/>
      <c r="EX5031" s="98"/>
      <c r="EY5031" s="97"/>
      <c r="FL5031" s="126"/>
      <c r="FM5031" s="91"/>
      <c r="FN5031" s="91"/>
      <c r="FO5031" s="91"/>
      <c r="FP5031" s="91"/>
      <c r="FQ5031" s="91"/>
      <c r="FR5031" s="91"/>
      <c r="FS5031" s="91"/>
      <c r="FT5031" s="91"/>
      <c r="FU5031" s="91"/>
      <c r="FV5031" s="91"/>
      <c r="FW5031" s="91"/>
      <c r="FX5031" s="127"/>
      <c r="FY5031" s="126"/>
      <c r="FZ5031" s="91"/>
      <c r="GA5031" s="91"/>
      <c r="GB5031" s="91"/>
      <c r="GC5031" s="91"/>
      <c r="GD5031" s="91"/>
      <c r="GE5031" s="91"/>
      <c r="GF5031" s="91"/>
      <c r="GG5031" s="91"/>
      <c r="GH5031" s="91"/>
      <c r="GI5031" s="91"/>
      <c r="GJ5031" s="91"/>
      <c r="GK5031" s="127"/>
      <c r="GL5031" s="126"/>
      <c r="GM5031" s="91"/>
      <c r="GN5031" s="91"/>
      <c r="GO5031" s="91"/>
      <c r="GP5031" s="91"/>
      <c r="GQ5031" s="91"/>
      <c r="GR5031" s="91"/>
      <c r="GS5031" s="91"/>
      <c r="GT5031" s="91"/>
      <c r="GU5031" s="91"/>
      <c r="GV5031" s="91"/>
      <c r="GW5031" s="91"/>
      <c r="GX5031" s="127"/>
      <c r="GY5031" s="126"/>
      <c r="GZ5031" s="91"/>
      <c r="HA5031" s="91"/>
      <c r="HB5031" s="91"/>
      <c r="HC5031" s="91"/>
      <c r="HD5031" s="91"/>
      <c r="HE5031" s="91"/>
      <c r="HF5031" s="91"/>
      <c r="HG5031" s="91"/>
      <c r="HH5031" s="91"/>
      <c r="HI5031" s="91"/>
      <c r="HJ5031" s="91"/>
      <c r="HK5031" s="127"/>
      <c r="HL5031" s="126"/>
      <c r="HM5031" s="91"/>
      <c r="HN5031" s="91"/>
      <c r="HO5031" s="91"/>
      <c r="HP5031" s="91"/>
      <c r="HQ5031" s="91"/>
      <c r="HR5031" s="91"/>
      <c r="HS5031" s="91"/>
      <c r="HT5031" s="91"/>
      <c r="HU5031" s="91"/>
      <c r="HV5031" s="91"/>
      <c r="HW5031" s="91"/>
      <c r="HX5031" s="127"/>
      <c r="HY5031" s="126"/>
      <c r="HZ5031" s="91"/>
      <c r="IA5031" s="91"/>
      <c r="IB5031" s="91"/>
      <c r="IC5031" s="91"/>
      <c r="ID5031" s="91"/>
      <c r="IE5031" s="91"/>
      <c r="IF5031" s="91"/>
      <c r="IG5031" s="91"/>
      <c r="IH5031" s="91"/>
      <c r="II5031" s="91"/>
      <c r="IJ5031" s="91"/>
      <c r="IK5031" s="174"/>
    </row>
    <row r="5032" spans="2:245" x14ac:dyDescent="0.2">
      <c r="B5032" s="43"/>
      <c r="C5032" s="73"/>
      <c r="D5032" s="64"/>
      <c r="E5032" s="64"/>
      <c r="F5032" s="55"/>
      <c r="G5032" s="102"/>
      <c r="H5032" s="97"/>
      <c r="T5032" s="98"/>
      <c r="U5032" s="97"/>
      <c r="AG5032" s="98"/>
      <c r="AY5032" s="164"/>
      <c r="BK5032" s="98"/>
      <c r="BL5032" s="97"/>
      <c r="BX5032" s="98"/>
      <c r="CL5032" s="97"/>
      <c r="CX5032" s="98"/>
      <c r="DL5032" s="97"/>
      <c r="DX5032" s="98"/>
      <c r="EL5032" s="97"/>
      <c r="EX5032" s="98"/>
      <c r="EY5032" s="97"/>
      <c r="FL5032" s="126"/>
      <c r="FM5032" s="91"/>
      <c r="FN5032" s="91"/>
      <c r="FO5032" s="91"/>
      <c r="FP5032" s="91"/>
      <c r="FQ5032" s="91"/>
      <c r="FR5032" s="91"/>
      <c r="FS5032" s="91"/>
      <c r="FT5032" s="91"/>
      <c r="FU5032" s="91"/>
      <c r="FV5032" s="91"/>
      <c r="FW5032" s="91"/>
      <c r="FX5032" s="127"/>
      <c r="FY5032" s="126"/>
      <c r="FZ5032" s="91"/>
      <c r="GA5032" s="91"/>
      <c r="GB5032" s="91"/>
      <c r="GC5032" s="91"/>
      <c r="GD5032" s="91"/>
      <c r="GE5032" s="91"/>
      <c r="GF5032" s="91"/>
      <c r="GG5032" s="91"/>
      <c r="GH5032" s="91"/>
      <c r="GI5032" s="91"/>
      <c r="GJ5032" s="91"/>
      <c r="GK5032" s="127"/>
      <c r="GL5032" s="126"/>
      <c r="GM5032" s="91"/>
      <c r="GN5032" s="91"/>
      <c r="GO5032" s="91"/>
      <c r="GP5032" s="91"/>
      <c r="GQ5032" s="91"/>
      <c r="GR5032" s="91"/>
      <c r="GS5032" s="91"/>
      <c r="GT5032" s="91"/>
      <c r="GU5032" s="91"/>
      <c r="GV5032" s="91"/>
      <c r="GW5032" s="91"/>
      <c r="GX5032" s="127"/>
      <c r="GY5032" s="126"/>
      <c r="GZ5032" s="91"/>
      <c r="HA5032" s="91"/>
      <c r="HB5032" s="91"/>
      <c r="HC5032" s="91"/>
      <c r="HD5032" s="91"/>
      <c r="HE5032" s="91"/>
      <c r="HF5032" s="91"/>
      <c r="HG5032" s="91"/>
      <c r="HH5032" s="91"/>
      <c r="HI5032" s="91"/>
      <c r="HJ5032" s="91"/>
      <c r="HK5032" s="127"/>
      <c r="HL5032" s="126"/>
      <c r="HM5032" s="91"/>
      <c r="HN5032" s="91"/>
      <c r="HO5032" s="91"/>
      <c r="HP5032" s="91"/>
      <c r="HQ5032" s="91"/>
      <c r="HR5032" s="91"/>
      <c r="HS5032" s="91"/>
      <c r="HT5032" s="91"/>
      <c r="HU5032" s="91"/>
      <c r="HV5032" s="91"/>
      <c r="HW5032" s="91"/>
      <c r="HX5032" s="127"/>
      <c r="HY5032" s="126"/>
      <c r="HZ5032" s="91"/>
      <c r="IA5032" s="91"/>
      <c r="IB5032" s="91"/>
      <c r="IC5032" s="91"/>
      <c r="ID5032" s="91"/>
      <c r="IE5032" s="91"/>
      <c r="IF5032" s="91"/>
      <c r="IG5032" s="91"/>
      <c r="IH5032" s="91"/>
      <c r="II5032" s="91"/>
      <c r="IJ5032" s="91"/>
      <c r="IK5032" s="174"/>
    </row>
    <row r="5033" spans="2:245" x14ac:dyDescent="0.2">
      <c r="B5033" s="43"/>
      <c r="C5033" s="73"/>
      <c r="D5033" s="64"/>
      <c r="E5033" s="64"/>
      <c r="F5033" s="55"/>
      <c r="G5033" s="102"/>
      <c r="H5033" s="97"/>
      <c r="T5033" s="98"/>
      <c r="U5033" s="97"/>
      <c r="AG5033" s="98"/>
      <c r="AY5033" s="164"/>
      <c r="BK5033" s="98"/>
      <c r="BL5033" s="97"/>
      <c r="BX5033" s="98"/>
      <c r="CL5033" s="97"/>
      <c r="CX5033" s="98"/>
      <c r="DL5033" s="97"/>
      <c r="DX5033" s="98"/>
      <c r="EL5033" s="97"/>
      <c r="EX5033" s="98"/>
      <c r="EY5033" s="97"/>
      <c r="FL5033" s="126"/>
      <c r="FM5033" s="91"/>
      <c r="FN5033" s="91"/>
      <c r="FO5033" s="91"/>
      <c r="FP5033" s="91"/>
      <c r="FQ5033" s="91"/>
      <c r="FR5033" s="91"/>
      <c r="FS5033" s="91"/>
      <c r="FT5033" s="91"/>
      <c r="FU5033" s="91"/>
      <c r="FV5033" s="91"/>
      <c r="FW5033" s="91"/>
      <c r="FX5033" s="127"/>
      <c r="FY5033" s="126"/>
      <c r="FZ5033" s="91"/>
      <c r="GA5033" s="91"/>
      <c r="GB5033" s="91"/>
      <c r="GC5033" s="91"/>
      <c r="GD5033" s="91"/>
      <c r="GE5033" s="91"/>
      <c r="GF5033" s="91"/>
      <c r="GG5033" s="91"/>
      <c r="GH5033" s="91"/>
      <c r="GI5033" s="91"/>
      <c r="GJ5033" s="91"/>
      <c r="GK5033" s="127"/>
      <c r="GL5033" s="126"/>
      <c r="GM5033" s="91"/>
      <c r="GN5033" s="91"/>
      <c r="GO5033" s="91"/>
      <c r="GP5033" s="91"/>
      <c r="GQ5033" s="91"/>
      <c r="GR5033" s="91"/>
      <c r="GS5033" s="91"/>
      <c r="GT5033" s="91"/>
      <c r="GU5033" s="91"/>
      <c r="GV5033" s="91"/>
      <c r="GW5033" s="91"/>
      <c r="GX5033" s="127"/>
      <c r="GY5033" s="126"/>
      <c r="GZ5033" s="91"/>
      <c r="HA5033" s="91"/>
      <c r="HB5033" s="91"/>
      <c r="HC5033" s="91"/>
      <c r="HD5033" s="91"/>
      <c r="HE5033" s="91"/>
      <c r="HF5033" s="91"/>
      <c r="HG5033" s="91"/>
      <c r="HH5033" s="91"/>
      <c r="HI5033" s="91"/>
      <c r="HJ5033" s="91"/>
      <c r="HK5033" s="127"/>
      <c r="HL5033" s="126"/>
      <c r="HM5033" s="91"/>
      <c r="HN5033" s="91"/>
      <c r="HO5033" s="91"/>
      <c r="HP5033" s="91"/>
      <c r="HQ5033" s="91"/>
      <c r="HR5033" s="91"/>
      <c r="HS5033" s="91"/>
      <c r="HT5033" s="91"/>
      <c r="HU5033" s="91"/>
      <c r="HV5033" s="91"/>
      <c r="HW5033" s="91"/>
      <c r="HX5033" s="127"/>
      <c r="HY5033" s="126"/>
      <c r="HZ5033" s="91"/>
      <c r="IA5033" s="91"/>
      <c r="IB5033" s="91"/>
      <c r="IC5033" s="91"/>
      <c r="ID5033" s="91"/>
      <c r="IE5033" s="91"/>
      <c r="IF5033" s="91"/>
      <c r="IG5033" s="91"/>
      <c r="IH5033" s="91"/>
      <c r="II5033" s="91"/>
      <c r="IJ5033" s="91"/>
      <c r="IK5033" s="174"/>
    </row>
    <row r="5034" spans="2:245" x14ac:dyDescent="0.2">
      <c r="B5034" s="43"/>
      <c r="C5034" s="73"/>
      <c r="D5034" s="64"/>
      <c r="E5034" s="64"/>
      <c r="F5034" s="55"/>
      <c r="G5034" s="102"/>
      <c r="H5034" s="97"/>
      <c r="T5034" s="98"/>
      <c r="U5034" s="97"/>
      <c r="AG5034" s="98"/>
      <c r="AY5034" s="164"/>
      <c r="BK5034" s="98"/>
      <c r="BL5034" s="97"/>
      <c r="BX5034" s="98"/>
      <c r="CL5034" s="97"/>
      <c r="CX5034" s="98"/>
      <c r="DL5034" s="97"/>
      <c r="DX5034" s="98"/>
      <c r="EL5034" s="97"/>
      <c r="EX5034" s="98"/>
      <c r="EY5034" s="97"/>
      <c r="FL5034" s="126"/>
      <c r="FM5034" s="91"/>
      <c r="FN5034" s="91"/>
      <c r="FO5034" s="91"/>
      <c r="FP5034" s="91"/>
      <c r="FQ5034" s="91"/>
      <c r="FR5034" s="91"/>
      <c r="FS5034" s="91"/>
      <c r="FT5034" s="91"/>
      <c r="FU5034" s="91"/>
      <c r="FV5034" s="91"/>
      <c r="FW5034" s="91"/>
      <c r="FX5034" s="127"/>
      <c r="FY5034" s="126"/>
      <c r="FZ5034" s="91"/>
      <c r="GA5034" s="91"/>
      <c r="GB5034" s="91"/>
      <c r="GC5034" s="91"/>
      <c r="GD5034" s="91"/>
      <c r="GE5034" s="91"/>
      <c r="GF5034" s="91"/>
      <c r="GG5034" s="91"/>
      <c r="GH5034" s="91"/>
      <c r="GI5034" s="91"/>
      <c r="GJ5034" s="91"/>
      <c r="GK5034" s="127"/>
      <c r="GL5034" s="126"/>
      <c r="GM5034" s="91"/>
      <c r="GN5034" s="91"/>
      <c r="GO5034" s="91"/>
      <c r="GP5034" s="91"/>
      <c r="GQ5034" s="91"/>
      <c r="GR5034" s="91"/>
      <c r="GS5034" s="91"/>
      <c r="GT5034" s="91"/>
      <c r="GU5034" s="91"/>
      <c r="GV5034" s="91"/>
      <c r="GW5034" s="91"/>
      <c r="GX5034" s="127"/>
      <c r="GY5034" s="126"/>
      <c r="GZ5034" s="91"/>
      <c r="HA5034" s="91"/>
      <c r="HB5034" s="91"/>
      <c r="HC5034" s="91"/>
      <c r="HD5034" s="91"/>
      <c r="HE5034" s="91"/>
      <c r="HF5034" s="91"/>
      <c r="HG5034" s="91"/>
      <c r="HH5034" s="91"/>
      <c r="HI5034" s="91"/>
      <c r="HJ5034" s="91"/>
      <c r="HK5034" s="127"/>
      <c r="HL5034" s="126"/>
      <c r="HM5034" s="91"/>
      <c r="HN5034" s="91"/>
      <c r="HO5034" s="91"/>
      <c r="HP5034" s="91"/>
      <c r="HQ5034" s="91"/>
      <c r="HR5034" s="91"/>
      <c r="HS5034" s="91"/>
      <c r="HT5034" s="91"/>
      <c r="HU5034" s="91"/>
      <c r="HV5034" s="91"/>
      <c r="HW5034" s="91"/>
      <c r="HX5034" s="127"/>
      <c r="HY5034" s="126"/>
      <c r="HZ5034" s="91"/>
      <c r="IA5034" s="91"/>
      <c r="IB5034" s="91"/>
      <c r="IC5034" s="91"/>
      <c r="ID5034" s="91"/>
      <c r="IE5034" s="91"/>
      <c r="IF5034" s="91"/>
      <c r="IG5034" s="91"/>
      <c r="IH5034" s="91"/>
      <c r="II5034" s="91"/>
      <c r="IJ5034" s="91"/>
      <c r="IK5034" s="174"/>
    </row>
    <row r="5035" spans="2:245" x14ac:dyDescent="0.2">
      <c r="B5035" s="43"/>
      <c r="C5035" s="73"/>
      <c r="D5035" s="64"/>
      <c r="E5035" s="64"/>
      <c r="F5035" s="55"/>
      <c r="G5035" s="102"/>
      <c r="H5035" s="97"/>
      <c r="T5035" s="98"/>
      <c r="U5035" s="97"/>
      <c r="AG5035" s="98"/>
      <c r="AY5035" s="164"/>
      <c r="BK5035" s="98"/>
      <c r="BL5035" s="97"/>
      <c r="BX5035" s="98"/>
      <c r="CL5035" s="97"/>
      <c r="CX5035" s="98"/>
      <c r="DL5035" s="97"/>
      <c r="DX5035" s="98"/>
      <c r="EL5035" s="97"/>
      <c r="EX5035" s="98"/>
      <c r="EY5035" s="97"/>
      <c r="FL5035" s="126"/>
      <c r="FM5035" s="91"/>
      <c r="FN5035" s="91"/>
      <c r="FO5035" s="91"/>
      <c r="FP5035" s="91"/>
      <c r="FQ5035" s="91"/>
      <c r="FR5035" s="91"/>
      <c r="FS5035" s="91"/>
      <c r="FT5035" s="91"/>
      <c r="FU5035" s="91"/>
      <c r="FV5035" s="91"/>
      <c r="FW5035" s="91"/>
      <c r="FX5035" s="127"/>
      <c r="FY5035" s="126"/>
      <c r="FZ5035" s="91"/>
      <c r="GA5035" s="91"/>
      <c r="GB5035" s="91"/>
      <c r="GC5035" s="91"/>
      <c r="GD5035" s="91"/>
      <c r="GE5035" s="91"/>
      <c r="GF5035" s="91"/>
      <c r="GG5035" s="91"/>
      <c r="GH5035" s="91"/>
      <c r="GI5035" s="91"/>
      <c r="GJ5035" s="91"/>
      <c r="GK5035" s="127"/>
      <c r="GL5035" s="126"/>
      <c r="GM5035" s="91"/>
      <c r="GN5035" s="91"/>
      <c r="GO5035" s="91"/>
      <c r="GP5035" s="91"/>
      <c r="GQ5035" s="91"/>
      <c r="GR5035" s="91"/>
      <c r="GS5035" s="91"/>
      <c r="GT5035" s="91"/>
      <c r="GU5035" s="91"/>
      <c r="GV5035" s="91"/>
      <c r="GW5035" s="91"/>
      <c r="GX5035" s="127"/>
      <c r="GY5035" s="126"/>
      <c r="GZ5035" s="91"/>
      <c r="HA5035" s="91"/>
      <c r="HB5035" s="91"/>
      <c r="HC5035" s="91"/>
      <c r="HD5035" s="91"/>
      <c r="HE5035" s="91"/>
      <c r="HF5035" s="91"/>
      <c r="HG5035" s="91"/>
      <c r="HH5035" s="91"/>
      <c r="HI5035" s="91"/>
      <c r="HJ5035" s="91"/>
      <c r="HK5035" s="127"/>
      <c r="HL5035" s="126"/>
      <c r="HM5035" s="91"/>
      <c r="HN5035" s="91"/>
      <c r="HO5035" s="91"/>
      <c r="HP5035" s="91"/>
      <c r="HQ5035" s="91"/>
      <c r="HR5035" s="91"/>
      <c r="HS5035" s="91"/>
      <c r="HT5035" s="91"/>
      <c r="HU5035" s="91"/>
      <c r="HV5035" s="91"/>
      <c r="HW5035" s="91"/>
      <c r="HX5035" s="127"/>
      <c r="HY5035" s="126"/>
      <c r="HZ5035" s="91"/>
      <c r="IA5035" s="91"/>
      <c r="IB5035" s="91"/>
      <c r="IC5035" s="91"/>
      <c r="ID5035" s="91"/>
      <c r="IE5035" s="91"/>
      <c r="IF5035" s="91"/>
      <c r="IG5035" s="91"/>
      <c r="IH5035" s="91"/>
      <c r="II5035" s="91"/>
      <c r="IJ5035" s="91"/>
      <c r="IK5035" s="174"/>
    </row>
    <row r="5036" spans="2:245" x14ac:dyDescent="0.2">
      <c r="B5036" s="43"/>
      <c r="C5036" s="73"/>
      <c r="D5036" s="64"/>
      <c r="E5036" s="64"/>
      <c r="F5036" s="55"/>
      <c r="G5036" s="102"/>
      <c r="H5036" s="97"/>
      <c r="T5036" s="98"/>
      <c r="U5036" s="97"/>
      <c r="AG5036" s="98"/>
      <c r="AY5036" s="164"/>
      <c r="BK5036" s="98"/>
      <c r="BL5036" s="97"/>
      <c r="BX5036" s="98"/>
      <c r="CL5036" s="97"/>
      <c r="CX5036" s="98"/>
      <c r="DL5036" s="97"/>
      <c r="DX5036" s="98"/>
      <c r="EL5036" s="97"/>
      <c r="EX5036" s="98"/>
      <c r="EY5036" s="97"/>
      <c r="FL5036" s="126"/>
      <c r="FM5036" s="91"/>
      <c r="FN5036" s="91"/>
      <c r="FO5036" s="91"/>
      <c r="FP5036" s="91"/>
      <c r="FQ5036" s="91"/>
      <c r="FR5036" s="91"/>
      <c r="FS5036" s="91"/>
      <c r="FT5036" s="91"/>
      <c r="FU5036" s="91"/>
      <c r="FV5036" s="91"/>
      <c r="FW5036" s="91"/>
      <c r="FX5036" s="127"/>
      <c r="FY5036" s="126"/>
      <c r="FZ5036" s="91"/>
      <c r="GA5036" s="91"/>
      <c r="GB5036" s="91"/>
      <c r="GC5036" s="91"/>
      <c r="GD5036" s="91"/>
      <c r="GE5036" s="91"/>
      <c r="GF5036" s="91"/>
      <c r="GG5036" s="91"/>
      <c r="GH5036" s="91"/>
      <c r="GI5036" s="91"/>
      <c r="GJ5036" s="91"/>
      <c r="GK5036" s="127"/>
      <c r="GL5036" s="126"/>
      <c r="GM5036" s="91"/>
      <c r="GN5036" s="91"/>
      <c r="GO5036" s="91"/>
      <c r="GP5036" s="91"/>
      <c r="GQ5036" s="91"/>
      <c r="GR5036" s="91"/>
      <c r="GS5036" s="91"/>
      <c r="GT5036" s="91"/>
      <c r="GU5036" s="91"/>
      <c r="GV5036" s="91"/>
      <c r="GW5036" s="91"/>
      <c r="GX5036" s="127"/>
      <c r="GY5036" s="126"/>
      <c r="GZ5036" s="91"/>
      <c r="HA5036" s="91"/>
      <c r="HB5036" s="91"/>
      <c r="HC5036" s="91"/>
      <c r="HD5036" s="91"/>
      <c r="HE5036" s="91"/>
      <c r="HF5036" s="91"/>
      <c r="HG5036" s="91"/>
      <c r="HH5036" s="91"/>
      <c r="HI5036" s="91"/>
      <c r="HJ5036" s="91"/>
      <c r="HK5036" s="127"/>
      <c r="HL5036" s="126"/>
      <c r="HM5036" s="91"/>
      <c r="HN5036" s="91"/>
      <c r="HO5036" s="91"/>
      <c r="HP5036" s="91"/>
      <c r="HQ5036" s="91"/>
      <c r="HR5036" s="91"/>
      <c r="HS5036" s="91"/>
      <c r="HT5036" s="91"/>
      <c r="HU5036" s="91"/>
      <c r="HV5036" s="91"/>
      <c r="HW5036" s="91"/>
      <c r="HX5036" s="127"/>
      <c r="HY5036" s="126"/>
      <c r="HZ5036" s="91"/>
      <c r="IA5036" s="91"/>
      <c r="IB5036" s="91"/>
      <c r="IC5036" s="91"/>
      <c r="ID5036" s="91"/>
      <c r="IE5036" s="91"/>
      <c r="IF5036" s="91"/>
      <c r="IG5036" s="91"/>
      <c r="IH5036" s="91"/>
      <c r="II5036" s="91"/>
      <c r="IJ5036" s="91"/>
      <c r="IK5036" s="174"/>
    </row>
    <row r="5037" spans="2:245" x14ac:dyDescent="0.2">
      <c r="B5037" s="43"/>
      <c r="C5037" s="73"/>
      <c r="D5037" s="64"/>
      <c r="E5037" s="64"/>
      <c r="F5037" s="55"/>
      <c r="G5037" s="102"/>
      <c r="H5037" s="97"/>
      <c r="T5037" s="98"/>
      <c r="U5037" s="97"/>
      <c r="AG5037" s="98"/>
      <c r="AY5037" s="164"/>
      <c r="BK5037" s="98"/>
      <c r="BL5037" s="97"/>
      <c r="BX5037" s="98"/>
      <c r="CL5037" s="97"/>
      <c r="CX5037" s="98"/>
      <c r="DL5037" s="97"/>
      <c r="DX5037" s="98"/>
      <c r="EL5037" s="97"/>
      <c r="EX5037" s="98"/>
      <c r="EY5037" s="97"/>
      <c r="FL5037" s="126"/>
      <c r="FM5037" s="91"/>
      <c r="FN5037" s="91"/>
      <c r="FO5037" s="91"/>
      <c r="FP5037" s="91"/>
      <c r="FQ5037" s="91"/>
      <c r="FR5037" s="91"/>
      <c r="FS5037" s="91"/>
      <c r="FT5037" s="91"/>
      <c r="FU5037" s="91"/>
      <c r="FV5037" s="91"/>
      <c r="FW5037" s="91"/>
      <c r="FX5037" s="127"/>
      <c r="FY5037" s="126"/>
      <c r="FZ5037" s="91"/>
      <c r="GA5037" s="91"/>
      <c r="GB5037" s="91"/>
      <c r="GC5037" s="91"/>
      <c r="GD5037" s="91"/>
      <c r="GE5037" s="91"/>
      <c r="GF5037" s="91"/>
      <c r="GG5037" s="91"/>
      <c r="GH5037" s="91"/>
      <c r="GI5037" s="91"/>
      <c r="GJ5037" s="91"/>
      <c r="GK5037" s="127"/>
      <c r="GL5037" s="126"/>
      <c r="GM5037" s="91"/>
      <c r="GN5037" s="91"/>
      <c r="GO5037" s="91"/>
      <c r="GP5037" s="91"/>
      <c r="GQ5037" s="91"/>
      <c r="GR5037" s="91"/>
      <c r="GS5037" s="91"/>
      <c r="GT5037" s="91"/>
      <c r="GU5037" s="91"/>
      <c r="GV5037" s="91"/>
      <c r="GW5037" s="91"/>
      <c r="GX5037" s="127"/>
      <c r="GY5037" s="126"/>
      <c r="GZ5037" s="91"/>
      <c r="HA5037" s="91"/>
      <c r="HB5037" s="91"/>
      <c r="HC5037" s="91"/>
      <c r="HD5037" s="91"/>
      <c r="HE5037" s="91"/>
      <c r="HF5037" s="91"/>
      <c r="HG5037" s="91"/>
      <c r="HH5037" s="91"/>
      <c r="HI5037" s="91"/>
      <c r="HJ5037" s="91"/>
      <c r="HK5037" s="127"/>
      <c r="HL5037" s="126"/>
      <c r="HM5037" s="91"/>
      <c r="HN5037" s="91"/>
      <c r="HO5037" s="91"/>
      <c r="HP5037" s="91"/>
      <c r="HQ5037" s="91"/>
      <c r="HR5037" s="91"/>
      <c r="HS5037" s="91"/>
      <c r="HT5037" s="91"/>
      <c r="HU5037" s="91"/>
      <c r="HV5037" s="91"/>
      <c r="HW5037" s="91"/>
      <c r="HX5037" s="127"/>
      <c r="HY5037" s="126"/>
      <c r="HZ5037" s="91"/>
      <c r="IA5037" s="91"/>
      <c r="IB5037" s="91"/>
      <c r="IC5037" s="91"/>
      <c r="ID5037" s="91"/>
      <c r="IE5037" s="91"/>
      <c r="IF5037" s="91"/>
      <c r="IG5037" s="91"/>
      <c r="IH5037" s="91"/>
      <c r="II5037" s="91"/>
      <c r="IJ5037" s="91"/>
      <c r="IK5037" s="174"/>
    </row>
    <row r="5038" spans="2:245" x14ac:dyDescent="0.2">
      <c r="B5038" s="43"/>
      <c r="C5038" s="73"/>
      <c r="D5038" s="64"/>
      <c r="E5038" s="64"/>
      <c r="F5038" s="55"/>
      <c r="G5038" s="102"/>
      <c r="H5038" s="97"/>
      <c r="T5038" s="98"/>
      <c r="U5038" s="97"/>
      <c r="AG5038" s="98"/>
      <c r="AY5038" s="164"/>
      <c r="BK5038" s="98"/>
      <c r="BL5038" s="97"/>
      <c r="BX5038" s="98"/>
      <c r="CL5038" s="97"/>
      <c r="CX5038" s="98"/>
      <c r="DL5038" s="97"/>
      <c r="DX5038" s="98"/>
      <c r="EL5038" s="97"/>
      <c r="EX5038" s="98"/>
      <c r="EY5038" s="97"/>
      <c r="FL5038" s="126"/>
      <c r="FM5038" s="91"/>
      <c r="FN5038" s="91"/>
      <c r="FO5038" s="91"/>
      <c r="FP5038" s="91"/>
      <c r="FQ5038" s="91"/>
      <c r="FR5038" s="91"/>
      <c r="FS5038" s="91"/>
      <c r="FT5038" s="91"/>
      <c r="FU5038" s="91"/>
      <c r="FV5038" s="91"/>
      <c r="FW5038" s="91"/>
      <c r="FX5038" s="127"/>
      <c r="FY5038" s="126"/>
      <c r="FZ5038" s="91"/>
      <c r="GA5038" s="91"/>
      <c r="GB5038" s="91"/>
      <c r="GC5038" s="91"/>
      <c r="GD5038" s="91"/>
      <c r="GE5038" s="91"/>
      <c r="GF5038" s="91"/>
      <c r="GG5038" s="91"/>
      <c r="GH5038" s="91"/>
      <c r="GI5038" s="91"/>
      <c r="GJ5038" s="91"/>
      <c r="GK5038" s="127"/>
      <c r="GL5038" s="126"/>
      <c r="GM5038" s="91"/>
      <c r="GN5038" s="91"/>
      <c r="GO5038" s="91"/>
      <c r="GP5038" s="91"/>
      <c r="GQ5038" s="91"/>
      <c r="GR5038" s="91"/>
      <c r="GS5038" s="91"/>
      <c r="GT5038" s="91"/>
      <c r="GU5038" s="91"/>
      <c r="GV5038" s="91"/>
      <c r="GW5038" s="91"/>
      <c r="GX5038" s="127"/>
      <c r="GY5038" s="126"/>
      <c r="GZ5038" s="91"/>
      <c r="HA5038" s="91"/>
      <c r="HB5038" s="91"/>
      <c r="HC5038" s="91"/>
      <c r="HD5038" s="91"/>
      <c r="HE5038" s="91"/>
      <c r="HF5038" s="91"/>
      <c r="HG5038" s="91"/>
      <c r="HH5038" s="91"/>
      <c r="HI5038" s="91"/>
      <c r="HJ5038" s="91"/>
      <c r="HK5038" s="127"/>
      <c r="HL5038" s="126"/>
      <c r="HM5038" s="91"/>
      <c r="HN5038" s="91"/>
      <c r="HO5038" s="91"/>
      <c r="HP5038" s="91"/>
      <c r="HQ5038" s="91"/>
      <c r="HR5038" s="91"/>
      <c r="HS5038" s="91"/>
      <c r="HT5038" s="91"/>
      <c r="HU5038" s="91"/>
      <c r="HV5038" s="91"/>
      <c r="HW5038" s="91"/>
      <c r="HX5038" s="127"/>
      <c r="HY5038" s="126"/>
      <c r="HZ5038" s="91"/>
      <c r="IA5038" s="91"/>
      <c r="IB5038" s="91"/>
      <c r="IC5038" s="91"/>
      <c r="ID5038" s="91"/>
      <c r="IE5038" s="91"/>
      <c r="IF5038" s="91"/>
      <c r="IG5038" s="91"/>
      <c r="IH5038" s="91"/>
      <c r="II5038" s="91"/>
      <c r="IJ5038" s="91"/>
      <c r="IK5038" s="174"/>
    </row>
    <row r="5039" spans="2:245" x14ac:dyDescent="0.2">
      <c r="B5039" s="43"/>
      <c r="C5039" s="73"/>
      <c r="D5039" s="64"/>
      <c r="E5039" s="64"/>
      <c r="F5039" s="55"/>
      <c r="G5039" s="102"/>
      <c r="H5039" s="97"/>
      <c r="T5039" s="98"/>
      <c r="U5039" s="97"/>
      <c r="AG5039" s="98"/>
      <c r="AY5039" s="164"/>
      <c r="BK5039" s="98"/>
      <c r="BL5039" s="97"/>
      <c r="BX5039" s="98"/>
      <c r="CL5039" s="97"/>
      <c r="CX5039" s="98"/>
      <c r="DL5039" s="97"/>
      <c r="DX5039" s="98"/>
      <c r="EL5039" s="97"/>
      <c r="EX5039" s="98"/>
      <c r="EY5039" s="97"/>
      <c r="FL5039" s="126"/>
      <c r="FM5039" s="91"/>
      <c r="FN5039" s="91"/>
      <c r="FO5039" s="91"/>
      <c r="FP5039" s="91"/>
      <c r="FQ5039" s="91"/>
      <c r="FR5039" s="91"/>
      <c r="FS5039" s="91"/>
      <c r="FT5039" s="91"/>
      <c r="FU5039" s="91"/>
      <c r="FV5039" s="91"/>
      <c r="FW5039" s="91"/>
      <c r="FX5039" s="127"/>
      <c r="FY5039" s="126"/>
      <c r="FZ5039" s="91"/>
      <c r="GA5039" s="91"/>
      <c r="GB5039" s="91"/>
      <c r="GC5039" s="91"/>
      <c r="GD5039" s="91"/>
      <c r="GE5039" s="91"/>
      <c r="GF5039" s="91"/>
      <c r="GG5039" s="91"/>
      <c r="GH5039" s="91"/>
      <c r="GI5039" s="91"/>
      <c r="GJ5039" s="91"/>
      <c r="GK5039" s="127"/>
      <c r="GL5039" s="126"/>
      <c r="GM5039" s="91"/>
      <c r="GN5039" s="91"/>
      <c r="GO5039" s="91"/>
      <c r="GP5039" s="91"/>
      <c r="GQ5039" s="91"/>
      <c r="GR5039" s="91"/>
      <c r="GS5039" s="91"/>
      <c r="GT5039" s="91"/>
      <c r="GU5039" s="91"/>
      <c r="GV5039" s="91"/>
      <c r="GW5039" s="91"/>
      <c r="GX5039" s="127"/>
      <c r="GY5039" s="126"/>
      <c r="GZ5039" s="91"/>
      <c r="HA5039" s="91"/>
      <c r="HB5039" s="91"/>
      <c r="HC5039" s="91"/>
      <c r="HD5039" s="91"/>
      <c r="HE5039" s="91"/>
      <c r="HF5039" s="91"/>
      <c r="HG5039" s="91"/>
      <c r="HH5039" s="91"/>
      <c r="HI5039" s="91"/>
      <c r="HJ5039" s="91"/>
      <c r="HK5039" s="127"/>
      <c r="HL5039" s="126"/>
      <c r="HM5039" s="91"/>
      <c r="HN5039" s="91"/>
      <c r="HO5039" s="91"/>
      <c r="HP5039" s="91"/>
      <c r="HQ5039" s="91"/>
      <c r="HR5039" s="91"/>
      <c r="HS5039" s="91"/>
      <c r="HT5039" s="91"/>
      <c r="HU5039" s="91"/>
      <c r="HV5039" s="91"/>
      <c r="HW5039" s="91"/>
      <c r="HX5039" s="127"/>
      <c r="HY5039" s="126"/>
      <c r="HZ5039" s="91"/>
      <c r="IA5039" s="91"/>
      <c r="IB5039" s="91"/>
      <c r="IC5039" s="91"/>
      <c r="ID5039" s="91"/>
      <c r="IE5039" s="91"/>
      <c r="IF5039" s="91"/>
      <c r="IG5039" s="91"/>
      <c r="IH5039" s="91"/>
      <c r="II5039" s="91"/>
      <c r="IJ5039" s="91"/>
      <c r="IK5039" s="174"/>
    </row>
    <row r="5040" spans="2:245" x14ac:dyDescent="0.2">
      <c r="B5040" s="43"/>
      <c r="C5040" s="73"/>
      <c r="D5040" s="64"/>
      <c r="E5040" s="64"/>
      <c r="F5040" s="55"/>
      <c r="G5040" s="102"/>
      <c r="H5040" s="97"/>
      <c r="T5040" s="98"/>
      <c r="U5040" s="97"/>
      <c r="AG5040" s="98"/>
      <c r="AY5040" s="164"/>
      <c r="BK5040" s="98"/>
      <c r="BL5040" s="97"/>
      <c r="BX5040" s="98"/>
      <c r="CL5040" s="97"/>
      <c r="CX5040" s="98"/>
      <c r="DL5040" s="97"/>
      <c r="DX5040" s="98"/>
      <c r="EL5040" s="97"/>
      <c r="EX5040" s="98"/>
      <c r="EY5040" s="97"/>
      <c r="FL5040" s="126"/>
      <c r="FM5040" s="91"/>
      <c r="FN5040" s="91"/>
      <c r="FO5040" s="91"/>
      <c r="FP5040" s="91"/>
      <c r="FQ5040" s="91"/>
      <c r="FR5040" s="91"/>
      <c r="FS5040" s="91"/>
      <c r="FT5040" s="91"/>
      <c r="FU5040" s="91"/>
      <c r="FV5040" s="91"/>
      <c r="FW5040" s="91"/>
      <c r="FX5040" s="127"/>
      <c r="FY5040" s="126"/>
      <c r="FZ5040" s="91"/>
      <c r="GA5040" s="91"/>
      <c r="GB5040" s="91"/>
      <c r="GC5040" s="91"/>
      <c r="GD5040" s="91"/>
      <c r="GE5040" s="91"/>
      <c r="GF5040" s="91"/>
      <c r="GG5040" s="91"/>
      <c r="GH5040" s="91"/>
      <c r="GI5040" s="91"/>
      <c r="GJ5040" s="91"/>
      <c r="GK5040" s="127"/>
      <c r="GL5040" s="126"/>
      <c r="GM5040" s="91"/>
      <c r="GN5040" s="91"/>
      <c r="GO5040" s="91"/>
      <c r="GP5040" s="91"/>
      <c r="GQ5040" s="91"/>
      <c r="GR5040" s="91"/>
      <c r="GS5040" s="91"/>
      <c r="GT5040" s="91"/>
      <c r="GU5040" s="91"/>
      <c r="GV5040" s="91"/>
      <c r="GW5040" s="91"/>
      <c r="GX5040" s="127"/>
      <c r="GY5040" s="126"/>
      <c r="GZ5040" s="91"/>
      <c r="HA5040" s="91"/>
      <c r="HB5040" s="91"/>
      <c r="HC5040" s="91"/>
      <c r="HD5040" s="91"/>
      <c r="HE5040" s="91"/>
      <c r="HF5040" s="91"/>
      <c r="HG5040" s="91"/>
      <c r="HH5040" s="91"/>
      <c r="HI5040" s="91"/>
      <c r="HJ5040" s="91"/>
      <c r="HK5040" s="127"/>
      <c r="HL5040" s="126"/>
      <c r="HM5040" s="91"/>
      <c r="HN5040" s="91"/>
      <c r="HO5040" s="91"/>
      <c r="HP5040" s="91"/>
      <c r="HQ5040" s="91"/>
      <c r="HR5040" s="91"/>
      <c r="HS5040" s="91"/>
      <c r="HT5040" s="91"/>
      <c r="HU5040" s="91"/>
      <c r="HV5040" s="91"/>
      <c r="HW5040" s="91"/>
      <c r="HX5040" s="127"/>
      <c r="HY5040" s="126"/>
      <c r="HZ5040" s="91"/>
      <c r="IA5040" s="91"/>
      <c r="IB5040" s="91"/>
      <c r="IC5040" s="91"/>
      <c r="ID5040" s="91"/>
      <c r="IE5040" s="91"/>
      <c r="IF5040" s="91"/>
      <c r="IG5040" s="91"/>
      <c r="IH5040" s="91"/>
      <c r="II5040" s="91"/>
      <c r="IJ5040" s="91"/>
      <c r="IK5040" s="174"/>
    </row>
    <row r="5041" spans="2:245" x14ac:dyDescent="0.2">
      <c r="B5041" s="43"/>
      <c r="C5041" s="73"/>
      <c r="D5041" s="64"/>
      <c r="E5041" s="64"/>
      <c r="F5041" s="55"/>
      <c r="G5041" s="102"/>
      <c r="H5041" s="97"/>
      <c r="T5041" s="98"/>
      <c r="U5041" s="97"/>
      <c r="AG5041" s="98"/>
      <c r="AY5041" s="164"/>
      <c r="BK5041" s="98"/>
      <c r="BL5041" s="97"/>
      <c r="BX5041" s="98"/>
      <c r="CL5041" s="97"/>
      <c r="CX5041" s="98"/>
      <c r="DL5041" s="97"/>
      <c r="DX5041" s="98"/>
      <c r="EL5041" s="97"/>
      <c r="EX5041" s="98"/>
      <c r="EY5041" s="97"/>
      <c r="FL5041" s="126"/>
      <c r="FM5041" s="91"/>
      <c r="FN5041" s="91"/>
      <c r="FO5041" s="91"/>
      <c r="FP5041" s="91"/>
      <c r="FQ5041" s="91"/>
      <c r="FR5041" s="91"/>
      <c r="FS5041" s="91"/>
      <c r="FT5041" s="91"/>
      <c r="FU5041" s="91"/>
      <c r="FV5041" s="91"/>
      <c r="FW5041" s="91"/>
      <c r="FX5041" s="127"/>
      <c r="FY5041" s="126"/>
      <c r="FZ5041" s="91"/>
      <c r="GA5041" s="91"/>
      <c r="GB5041" s="91"/>
      <c r="GC5041" s="91"/>
      <c r="GD5041" s="91"/>
      <c r="GE5041" s="91"/>
      <c r="GF5041" s="91"/>
      <c r="GG5041" s="91"/>
      <c r="GH5041" s="91"/>
      <c r="GI5041" s="91"/>
      <c r="GJ5041" s="91"/>
      <c r="GK5041" s="127"/>
      <c r="GL5041" s="126"/>
      <c r="GM5041" s="91"/>
      <c r="GN5041" s="91"/>
      <c r="GO5041" s="91"/>
      <c r="GP5041" s="91"/>
      <c r="GQ5041" s="91"/>
      <c r="GR5041" s="91"/>
      <c r="GS5041" s="91"/>
      <c r="GT5041" s="91"/>
      <c r="GU5041" s="91"/>
      <c r="GV5041" s="91"/>
      <c r="GW5041" s="91"/>
      <c r="GX5041" s="127"/>
      <c r="GY5041" s="126"/>
      <c r="GZ5041" s="91"/>
      <c r="HA5041" s="91"/>
      <c r="HB5041" s="91"/>
      <c r="HC5041" s="91"/>
      <c r="HD5041" s="91"/>
      <c r="HE5041" s="91"/>
      <c r="HF5041" s="91"/>
      <c r="HG5041" s="91"/>
      <c r="HH5041" s="91"/>
      <c r="HI5041" s="91"/>
      <c r="HJ5041" s="91"/>
      <c r="HK5041" s="127"/>
      <c r="HL5041" s="126"/>
      <c r="HM5041" s="91"/>
      <c r="HN5041" s="91"/>
      <c r="HO5041" s="91"/>
      <c r="HP5041" s="91"/>
      <c r="HQ5041" s="91"/>
      <c r="HR5041" s="91"/>
      <c r="HS5041" s="91"/>
      <c r="HT5041" s="91"/>
      <c r="HU5041" s="91"/>
      <c r="HV5041" s="91"/>
      <c r="HW5041" s="91"/>
      <c r="HX5041" s="127"/>
      <c r="HY5041" s="126"/>
      <c r="HZ5041" s="91"/>
      <c r="IA5041" s="91"/>
      <c r="IB5041" s="91"/>
      <c r="IC5041" s="91"/>
      <c r="ID5041" s="91"/>
      <c r="IE5041" s="91"/>
      <c r="IF5041" s="91"/>
      <c r="IG5041" s="91"/>
      <c r="IH5041" s="91"/>
      <c r="II5041" s="91"/>
      <c r="IJ5041" s="91"/>
      <c r="IK5041" s="174"/>
    </row>
    <row r="5042" spans="2:245" x14ac:dyDescent="0.2">
      <c r="B5042" s="43"/>
      <c r="C5042" s="73"/>
      <c r="D5042" s="64"/>
      <c r="E5042" s="64"/>
      <c r="F5042" s="55"/>
      <c r="G5042" s="102"/>
      <c r="H5042" s="97"/>
      <c r="T5042" s="98"/>
      <c r="U5042" s="97"/>
      <c r="AG5042" s="98"/>
      <c r="AY5042" s="164"/>
      <c r="BK5042" s="98"/>
      <c r="BL5042" s="97"/>
      <c r="BX5042" s="98"/>
      <c r="CL5042" s="97"/>
      <c r="CX5042" s="98"/>
      <c r="DL5042" s="97"/>
      <c r="DX5042" s="98"/>
      <c r="EL5042" s="97"/>
      <c r="EX5042" s="98"/>
      <c r="EY5042" s="97"/>
      <c r="FL5042" s="126"/>
      <c r="FM5042" s="91"/>
      <c r="FN5042" s="91"/>
      <c r="FO5042" s="91"/>
      <c r="FP5042" s="91"/>
      <c r="FQ5042" s="91"/>
      <c r="FR5042" s="91"/>
      <c r="FS5042" s="91"/>
      <c r="FT5042" s="91"/>
      <c r="FU5042" s="91"/>
      <c r="FV5042" s="91"/>
      <c r="FW5042" s="91"/>
      <c r="FX5042" s="127"/>
      <c r="FY5042" s="126"/>
      <c r="FZ5042" s="91"/>
      <c r="GA5042" s="91"/>
      <c r="GB5042" s="91"/>
      <c r="GC5042" s="91"/>
      <c r="GD5042" s="91"/>
      <c r="GE5042" s="91"/>
      <c r="GF5042" s="91"/>
      <c r="GG5042" s="91"/>
      <c r="GH5042" s="91"/>
      <c r="GI5042" s="91"/>
      <c r="GJ5042" s="91"/>
      <c r="GK5042" s="127"/>
      <c r="GL5042" s="126"/>
      <c r="GM5042" s="91"/>
      <c r="GN5042" s="91"/>
      <c r="GO5042" s="91"/>
      <c r="GP5042" s="91"/>
      <c r="GQ5042" s="91"/>
      <c r="GR5042" s="91"/>
      <c r="GS5042" s="91"/>
      <c r="GT5042" s="91"/>
      <c r="GU5042" s="91"/>
      <c r="GV5042" s="91"/>
      <c r="GW5042" s="91"/>
      <c r="GX5042" s="127"/>
      <c r="GY5042" s="126"/>
      <c r="GZ5042" s="91"/>
      <c r="HA5042" s="91"/>
      <c r="HB5042" s="91"/>
      <c r="HC5042" s="91"/>
      <c r="HD5042" s="91"/>
      <c r="HE5042" s="91"/>
      <c r="HF5042" s="91"/>
      <c r="HG5042" s="91"/>
      <c r="HH5042" s="91"/>
      <c r="HI5042" s="91"/>
      <c r="HJ5042" s="91"/>
      <c r="HK5042" s="127"/>
      <c r="HL5042" s="126"/>
      <c r="HM5042" s="91"/>
      <c r="HN5042" s="91"/>
      <c r="HO5042" s="91"/>
      <c r="HP5042" s="91"/>
      <c r="HQ5042" s="91"/>
      <c r="HR5042" s="91"/>
      <c r="HS5042" s="91"/>
      <c r="HT5042" s="91"/>
      <c r="HU5042" s="91"/>
      <c r="HV5042" s="91"/>
      <c r="HW5042" s="91"/>
      <c r="HX5042" s="127"/>
      <c r="HY5042" s="126"/>
      <c r="HZ5042" s="91"/>
      <c r="IA5042" s="91"/>
      <c r="IB5042" s="91"/>
      <c r="IC5042" s="91"/>
      <c r="ID5042" s="91"/>
      <c r="IE5042" s="91"/>
      <c r="IF5042" s="91"/>
      <c r="IG5042" s="91"/>
      <c r="IH5042" s="91"/>
      <c r="II5042" s="91"/>
      <c r="IJ5042" s="91"/>
      <c r="IK5042" s="174"/>
    </row>
    <row r="5043" spans="2:245" x14ac:dyDescent="0.2">
      <c r="B5043" s="43"/>
      <c r="C5043" s="73"/>
      <c r="D5043" s="64"/>
      <c r="E5043" s="64"/>
      <c r="F5043" s="55"/>
      <c r="G5043" s="102"/>
      <c r="H5043" s="97"/>
      <c r="T5043" s="98"/>
      <c r="U5043" s="97"/>
      <c r="AG5043" s="98"/>
      <c r="AY5043" s="164"/>
      <c r="BK5043" s="98"/>
      <c r="BL5043" s="97"/>
      <c r="BX5043" s="98"/>
      <c r="CL5043" s="97"/>
      <c r="CX5043" s="98"/>
      <c r="DL5043" s="97"/>
      <c r="DX5043" s="98"/>
      <c r="EL5043" s="97"/>
      <c r="EX5043" s="98"/>
      <c r="EY5043" s="97"/>
      <c r="FL5043" s="126"/>
      <c r="FM5043" s="91"/>
      <c r="FN5043" s="91"/>
      <c r="FO5043" s="91"/>
      <c r="FP5043" s="91"/>
      <c r="FQ5043" s="91"/>
      <c r="FR5043" s="91"/>
      <c r="FS5043" s="91"/>
      <c r="FT5043" s="91"/>
      <c r="FU5043" s="91"/>
      <c r="FV5043" s="91"/>
      <c r="FW5043" s="91"/>
      <c r="FX5043" s="127"/>
      <c r="FY5043" s="126"/>
      <c r="FZ5043" s="91"/>
      <c r="GA5043" s="91"/>
      <c r="GB5043" s="91"/>
      <c r="GC5043" s="91"/>
      <c r="GD5043" s="91"/>
      <c r="GE5043" s="91"/>
      <c r="GF5043" s="91"/>
      <c r="GG5043" s="91"/>
      <c r="GH5043" s="91"/>
      <c r="GI5043" s="91"/>
      <c r="GJ5043" s="91"/>
      <c r="GK5043" s="127"/>
      <c r="GL5043" s="126"/>
      <c r="GM5043" s="91"/>
      <c r="GN5043" s="91"/>
      <c r="GO5043" s="91"/>
      <c r="GP5043" s="91"/>
      <c r="GQ5043" s="91"/>
      <c r="GR5043" s="91"/>
      <c r="GS5043" s="91"/>
      <c r="GT5043" s="91"/>
      <c r="GU5043" s="91"/>
      <c r="GV5043" s="91"/>
      <c r="GW5043" s="91"/>
      <c r="GX5043" s="127"/>
      <c r="GY5043" s="126"/>
      <c r="GZ5043" s="91"/>
      <c r="HA5043" s="91"/>
      <c r="HB5043" s="91"/>
      <c r="HC5043" s="91"/>
      <c r="HD5043" s="91"/>
      <c r="HE5043" s="91"/>
      <c r="HF5043" s="91"/>
      <c r="HG5043" s="91"/>
      <c r="HH5043" s="91"/>
      <c r="HI5043" s="91"/>
      <c r="HJ5043" s="91"/>
      <c r="HK5043" s="127"/>
      <c r="HL5043" s="126"/>
      <c r="HM5043" s="91"/>
      <c r="HN5043" s="91"/>
      <c r="HO5043" s="91"/>
      <c r="HP5043" s="91"/>
      <c r="HQ5043" s="91"/>
      <c r="HR5043" s="91"/>
      <c r="HS5043" s="91"/>
      <c r="HT5043" s="91"/>
      <c r="HU5043" s="91"/>
      <c r="HV5043" s="91"/>
      <c r="HW5043" s="91"/>
      <c r="HX5043" s="127"/>
      <c r="HY5043" s="126"/>
      <c r="HZ5043" s="91"/>
      <c r="IA5043" s="91"/>
      <c r="IB5043" s="91"/>
      <c r="IC5043" s="91"/>
      <c r="ID5043" s="91"/>
      <c r="IE5043" s="91"/>
      <c r="IF5043" s="91"/>
      <c r="IG5043" s="91"/>
      <c r="IH5043" s="91"/>
      <c r="II5043" s="91"/>
      <c r="IJ5043" s="91"/>
      <c r="IK5043" s="174"/>
    </row>
    <row r="5044" spans="2:245" x14ac:dyDescent="0.2">
      <c r="B5044" s="43"/>
      <c r="C5044" s="73"/>
      <c r="D5044" s="64"/>
      <c r="E5044" s="64"/>
      <c r="F5044" s="55"/>
      <c r="G5044" s="102"/>
      <c r="H5044" s="97"/>
      <c r="T5044" s="98"/>
      <c r="U5044" s="97"/>
      <c r="AG5044" s="98"/>
      <c r="AY5044" s="164"/>
      <c r="BK5044" s="98"/>
      <c r="BL5044" s="97"/>
      <c r="BX5044" s="98"/>
      <c r="CL5044" s="97"/>
      <c r="CX5044" s="98"/>
      <c r="DL5044" s="97"/>
      <c r="DX5044" s="98"/>
      <c r="EL5044" s="97"/>
      <c r="EX5044" s="98"/>
      <c r="EY5044" s="97"/>
      <c r="FL5044" s="126"/>
      <c r="FM5044" s="91"/>
      <c r="FN5044" s="91"/>
      <c r="FO5044" s="91"/>
      <c r="FP5044" s="91"/>
      <c r="FQ5044" s="91"/>
      <c r="FR5044" s="91"/>
      <c r="FS5044" s="91"/>
      <c r="FT5044" s="91"/>
      <c r="FU5044" s="91"/>
      <c r="FV5044" s="91"/>
      <c r="FW5044" s="91"/>
      <c r="FX5044" s="127"/>
      <c r="FY5044" s="126"/>
      <c r="FZ5044" s="91"/>
      <c r="GA5044" s="91"/>
      <c r="GB5044" s="91"/>
      <c r="GC5044" s="91"/>
      <c r="GD5044" s="91"/>
      <c r="GE5044" s="91"/>
      <c r="GF5044" s="91"/>
      <c r="GG5044" s="91"/>
      <c r="GH5044" s="91"/>
      <c r="GI5044" s="91"/>
      <c r="GJ5044" s="91"/>
      <c r="GK5044" s="127"/>
      <c r="GL5044" s="126"/>
      <c r="GM5044" s="91"/>
      <c r="GN5044" s="91"/>
      <c r="GO5044" s="91"/>
      <c r="GP5044" s="91"/>
      <c r="GQ5044" s="91"/>
      <c r="GR5044" s="91"/>
      <c r="GS5044" s="91"/>
      <c r="GT5044" s="91"/>
      <c r="GU5044" s="91"/>
      <c r="GV5044" s="91"/>
      <c r="GW5044" s="91"/>
      <c r="GX5044" s="127"/>
      <c r="GY5044" s="126"/>
      <c r="GZ5044" s="91"/>
      <c r="HA5044" s="91"/>
      <c r="HB5044" s="91"/>
      <c r="HC5044" s="91"/>
      <c r="HD5044" s="91"/>
      <c r="HE5044" s="91"/>
      <c r="HF5044" s="91"/>
      <c r="HG5044" s="91"/>
      <c r="HH5044" s="91"/>
      <c r="HI5044" s="91"/>
      <c r="HJ5044" s="91"/>
      <c r="HK5044" s="127"/>
      <c r="HL5044" s="126"/>
      <c r="HM5044" s="91"/>
      <c r="HN5044" s="91"/>
      <c r="HO5044" s="91"/>
      <c r="HP5044" s="91"/>
      <c r="HQ5044" s="91"/>
      <c r="HR5044" s="91"/>
      <c r="HS5044" s="91"/>
      <c r="HT5044" s="91"/>
      <c r="HU5044" s="91"/>
      <c r="HV5044" s="91"/>
      <c r="HW5044" s="91"/>
      <c r="HX5044" s="127"/>
      <c r="HY5044" s="126"/>
      <c r="HZ5044" s="91"/>
      <c r="IA5044" s="91"/>
      <c r="IB5044" s="91"/>
      <c r="IC5044" s="91"/>
      <c r="ID5044" s="91"/>
      <c r="IE5044" s="91"/>
      <c r="IF5044" s="91"/>
      <c r="IG5044" s="91"/>
      <c r="IH5044" s="91"/>
      <c r="II5044" s="91"/>
      <c r="IJ5044" s="91"/>
      <c r="IK5044" s="174"/>
    </row>
    <row r="5045" spans="2:245" x14ac:dyDescent="0.2">
      <c r="B5045" s="43"/>
      <c r="C5045" s="73"/>
      <c r="D5045" s="64"/>
      <c r="E5045" s="64"/>
      <c r="F5045" s="55"/>
      <c r="G5045" s="102"/>
      <c r="H5045" s="97"/>
      <c r="T5045" s="98"/>
      <c r="U5045" s="97"/>
      <c r="AG5045" s="98"/>
      <c r="AY5045" s="164"/>
      <c r="BK5045" s="98"/>
      <c r="BL5045" s="97"/>
      <c r="BX5045" s="98"/>
      <c r="CL5045" s="97"/>
      <c r="CX5045" s="98"/>
      <c r="DL5045" s="97"/>
      <c r="DX5045" s="98"/>
      <c r="EL5045" s="97"/>
      <c r="EX5045" s="98"/>
      <c r="EY5045" s="97"/>
      <c r="FL5045" s="126"/>
      <c r="FM5045" s="91"/>
      <c r="FN5045" s="91"/>
      <c r="FO5045" s="91"/>
      <c r="FP5045" s="91"/>
      <c r="FQ5045" s="91"/>
      <c r="FR5045" s="91"/>
      <c r="FS5045" s="91"/>
      <c r="FT5045" s="91"/>
      <c r="FU5045" s="91"/>
      <c r="FV5045" s="91"/>
      <c r="FW5045" s="91"/>
      <c r="FX5045" s="127"/>
      <c r="FY5045" s="126"/>
      <c r="FZ5045" s="91"/>
      <c r="GA5045" s="91"/>
      <c r="GB5045" s="91"/>
      <c r="GC5045" s="91"/>
      <c r="GD5045" s="91"/>
      <c r="GE5045" s="91"/>
      <c r="GF5045" s="91"/>
      <c r="GG5045" s="91"/>
      <c r="GH5045" s="91"/>
      <c r="GI5045" s="91"/>
      <c r="GJ5045" s="91"/>
      <c r="GK5045" s="127"/>
      <c r="GL5045" s="126"/>
      <c r="GM5045" s="91"/>
      <c r="GN5045" s="91"/>
      <c r="GO5045" s="91"/>
      <c r="GP5045" s="91"/>
      <c r="GQ5045" s="91"/>
      <c r="GR5045" s="91"/>
      <c r="GS5045" s="91"/>
      <c r="GT5045" s="91"/>
      <c r="GU5045" s="91"/>
      <c r="GV5045" s="91"/>
      <c r="GW5045" s="91"/>
      <c r="GX5045" s="127"/>
      <c r="GY5045" s="126"/>
      <c r="GZ5045" s="91"/>
      <c r="HA5045" s="91"/>
      <c r="HB5045" s="91"/>
      <c r="HC5045" s="91"/>
      <c r="HD5045" s="91"/>
      <c r="HE5045" s="91"/>
      <c r="HF5045" s="91"/>
      <c r="HG5045" s="91"/>
      <c r="HH5045" s="91"/>
      <c r="HI5045" s="91"/>
      <c r="HJ5045" s="91"/>
      <c r="HK5045" s="127"/>
      <c r="HL5045" s="126"/>
      <c r="HM5045" s="91"/>
      <c r="HN5045" s="91"/>
      <c r="HO5045" s="91"/>
      <c r="HP5045" s="91"/>
      <c r="HQ5045" s="91"/>
      <c r="HR5045" s="91"/>
      <c r="HS5045" s="91"/>
      <c r="HT5045" s="91"/>
      <c r="HU5045" s="91"/>
      <c r="HV5045" s="91"/>
      <c r="HW5045" s="91"/>
      <c r="HX5045" s="127"/>
      <c r="HY5045" s="126"/>
      <c r="HZ5045" s="91"/>
      <c r="IA5045" s="91"/>
      <c r="IB5045" s="91"/>
      <c r="IC5045" s="91"/>
      <c r="ID5045" s="91"/>
      <c r="IE5045" s="91"/>
      <c r="IF5045" s="91"/>
      <c r="IG5045" s="91"/>
      <c r="IH5045" s="91"/>
      <c r="II5045" s="91"/>
      <c r="IJ5045" s="91"/>
      <c r="IK5045" s="174"/>
    </row>
    <row r="5046" spans="2:245" x14ac:dyDescent="0.2">
      <c r="B5046" s="43"/>
      <c r="C5046" s="73"/>
      <c r="D5046" s="64"/>
      <c r="E5046" s="64"/>
      <c r="F5046" s="55"/>
      <c r="G5046" s="102"/>
      <c r="H5046" s="97"/>
      <c r="T5046" s="98"/>
      <c r="U5046" s="97"/>
      <c r="AG5046" s="98"/>
      <c r="AY5046" s="164"/>
      <c r="BK5046" s="98"/>
      <c r="BL5046" s="97"/>
      <c r="BX5046" s="98"/>
      <c r="CL5046" s="97"/>
      <c r="CX5046" s="98"/>
      <c r="DL5046" s="97"/>
      <c r="DX5046" s="98"/>
      <c r="EL5046" s="97"/>
      <c r="EX5046" s="98"/>
      <c r="EY5046" s="97"/>
      <c r="FL5046" s="126"/>
      <c r="FM5046" s="91"/>
      <c r="FN5046" s="91"/>
      <c r="FO5046" s="91"/>
      <c r="FP5046" s="91"/>
      <c r="FQ5046" s="91"/>
      <c r="FR5046" s="91"/>
      <c r="FS5046" s="91"/>
      <c r="FT5046" s="91"/>
      <c r="FU5046" s="91"/>
      <c r="FV5046" s="91"/>
      <c r="FW5046" s="91"/>
      <c r="FX5046" s="127"/>
      <c r="FY5046" s="126"/>
      <c r="FZ5046" s="91"/>
      <c r="GA5046" s="91"/>
      <c r="GB5046" s="91"/>
      <c r="GC5046" s="91"/>
      <c r="GD5046" s="91"/>
      <c r="GE5046" s="91"/>
      <c r="GF5046" s="91"/>
      <c r="GG5046" s="91"/>
      <c r="GH5046" s="91"/>
      <c r="GI5046" s="91"/>
      <c r="GJ5046" s="91"/>
      <c r="GK5046" s="127"/>
      <c r="GL5046" s="126"/>
      <c r="GM5046" s="91"/>
      <c r="GN5046" s="91"/>
      <c r="GO5046" s="91"/>
      <c r="GP5046" s="91"/>
      <c r="GQ5046" s="91"/>
      <c r="GR5046" s="91"/>
      <c r="GS5046" s="91"/>
      <c r="GT5046" s="91"/>
      <c r="GU5046" s="91"/>
      <c r="GV5046" s="91"/>
      <c r="GW5046" s="91"/>
      <c r="GX5046" s="127"/>
      <c r="GY5046" s="126"/>
      <c r="GZ5046" s="91"/>
      <c r="HA5046" s="91"/>
      <c r="HB5046" s="91"/>
      <c r="HC5046" s="91"/>
      <c r="HD5046" s="91"/>
      <c r="HE5046" s="91"/>
      <c r="HF5046" s="91"/>
      <c r="HG5046" s="91"/>
      <c r="HH5046" s="91"/>
      <c r="HI5046" s="91"/>
      <c r="HJ5046" s="91"/>
      <c r="HK5046" s="127"/>
      <c r="HL5046" s="126"/>
      <c r="HM5046" s="91"/>
      <c r="HN5046" s="91"/>
      <c r="HO5046" s="91"/>
      <c r="HP5046" s="91"/>
      <c r="HQ5046" s="91"/>
      <c r="HR5046" s="91"/>
      <c r="HS5046" s="91"/>
      <c r="HT5046" s="91"/>
      <c r="HU5046" s="91"/>
      <c r="HV5046" s="91"/>
      <c r="HW5046" s="91"/>
      <c r="HX5046" s="127"/>
      <c r="HY5046" s="126"/>
      <c r="HZ5046" s="91"/>
      <c r="IA5046" s="91"/>
      <c r="IB5046" s="91"/>
      <c r="IC5046" s="91"/>
      <c r="ID5046" s="91"/>
      <c r="IE5046" s="91"/>
      <c r="IF5046" s="91"/>
      <c r="IG5046" s="91"/>
      <c r="IH5046" s="91"/>
      <c r="II5046" s="91"/>
      <c r="IJ5046" s="91"/>
      <c r="IK5046" s="174"/>
    </row>
    <row r="5047" spans="2:245" x14ac:dyDescent="0.2">
      <c r="B5047" s="43"/>
      <c r="C5047" s="73"/>
      <c r="D5047" s="64"/>
      <c r="E5047" s="64"/>
      <c r="F5047" s="55"/>
      <c r="G5047" s="102"/>
      <c r="H5047" s="97"/>
      <c r="T5047" s="98"/>
      <c r="U5047" s="97"/>
      <c r="AG5047" s="98"/>
      <c r="AY5047" s="164"/>
      <c r="BK5047" s="98"/>
      <c r="BL5047" s="97"/>
      <c r="BX5047" s="98"/>
      <c r="CL5047" s="97"/>
      <c r="CX5047" s="98"/>
      <c r="DL5047" s="97"/>
      <c r="DX5047" s="98"/>
      <c r="EL5047" s="97"/>
      <c r="EX5047" s="98"/>
      <c r="EY5047" s="97"/>
      <c r="FL5047" s="126"/>
      <c r="FM5047" s="91"/>
      <c r="FN5047" s="91"/>
      <c r="FO5047" s="91"/>
      <c r="FP5047" s="91"/>
      <c r="FQ5047" s="91"/>
      <c r="FR5047" s="91"/>
      <c r="FS5047" s="91"/>
      <c r="FT5047" s="91"/>
      <c r="FU5047" s="91"/>
      <c r="FV5047" s="91"/>
      <c r="FW5047" s="91"/>
      <c r="FX5047" s="127"/>
      <c r="FY5047" s="126"/>
      <c r="FZ5047" s="91"/>
      <c r="GA5047" s="91"/>
      <c r="GB5047" s="91"/>
      <c r="GC5047" s="91"/>
      <c r="GD5047" s="91"/>
      <c r="GE5047" s="91"/>
      <c r="GF5047" s="91"/>
      <c r="GG5047" s="91"/>
      <c r="GH5047" s="91"/>
      <c r="GI5047" s="91"/>
      <c r="GJ5047" s="91"/>
      <c r="GK5047" s="127"/>
      <c r="GL5047" s="126"/>
      <c r="GM5047" s="91"/>
      <c r="GN5047" s="91"/>
      <c r="GO5047" s="91"/>
      <c r="GP5047" s="91"/>
      <c r="GQ5047" s="91"/>
      <c r="GR5047" s="91"/>
      <c r="GS5047" s="91"/>
      <c r="GT5047" s="91"/>
      <c r="GU5047" s="91"/>
      <c r="GV5047" s="91"/>
      <c r="GW5047" s="91"/>
      <c r="GX5047" s="127"/>
      <c r="GY5047" s="126"/>
      <c r="GZ5047" s="91"/>
      <c r="HA5047" s="91"/>
      <c r="HB5047" s="91"/>
      <c r="HC5047" s="91"/>
      <c r="HD5047" s="91"/>
      <c r="HE5047" s="91"/>
      <c r="HF5047" s="91"/>
      <c r="HG5047" s="91"/>
      <c r="HH5047" s="91"/>
      <c r="HI5047" s="91"/>
      <c r="HJ5047" s="91"/>
      <c r="HK5047" s="127"/>
      <c r="HL5047" s="126"/>
      <c r="HM5047" s="91"/>
      <c r="HN5047" s="91"/>
      <c r="HO5047" s="91"/>
      <c r="HP5047" s="91"/>
      <c r="HQ5047" s="91"/>
      <c r="HR5047" s="91"/>
      <c r="HS5047" s="91"/>
      <c r="HT5047" s="91"/>
      <c r="HU5047" s="91"/>
      <c r="HV5047" s="91"/>
      <c r="HW5047" s="91"/>
      <c r="HX5047" s="127"/>
      <c r="HY5047" s="126"/>
      <c r="HZ5047" s="91"/>
      <c r="IA5047" s="91"/>
      <c r="IB5047" s="91"/>
      <c r="IC5047" s="91"/>
      <c r="ID5047" s="91"/>
      <c r="IE5047" s="91"/>
      <c r="IF5047" s="91"/>
      <c r="IG5047" s="91"/>
      <c r="IH5047" s="91"/>
      <c r="II5047" s="91"/>
      <c r="IJ5047" s="91"/>
      <c r="IK5047" s="174"/>
    </row>
    <row r="5048" spans="2:245" x14ac:dyDescent="0.2">
      <c r="B5048" s="43"/>
      <c r="C5048" s="73"/>
      <c r="D5048" s="64"/>
      <c r="E5048" s="64"/>
      <c r="F5048" s="55"/>
      <c r="G5048" s="102"/>
      <c r="H5048" s="97"/>
      <c r="T5048" s="98"/>
      <c r="U5048" s="97"/>
      <c r="AG5048" s="98"/>
      <c r="AY5048" s="164"/>
      <c r="BK5048" s="98"/>
      <c r="BL5048" s="97"/>
      <c r="BX5048" s="98"/>
      <c r="CL5048" s="97"/>
      <c r="CX5048" s="98"/>
      <c r="DL5048" s="97"/>
      <c r="DX5048" s="98"/>
      <c r="EL5048" s="97"/>
      <c r="EX5048" s="98"/>
      <c r="EY5048" s="97"/>
      <c r="FL5048" s="126"/>
      <c r="FM5048" s="91"/>
      <c r="FN5048" s="91"/>
      <c r="FO5048" s="91"/>
      <c r="FP5048" s="91"/>
      <c r="FQ5048" s="91"/>
      <c r="FR5048" s="91"/>
      <c r="FS5048" s="91"/>
      <c r="FT5048" s="91"/>
      <c r="FU5048" s="91"/>
      <c r="FV5048" s="91"/>
      <c r="FW5048" s="91"/>
      <c r="FX5048" s="127"/>
      <c r="FY5048" s="126"/>
      <c r="FZ5048" s="91"/>
      <c r="GA5048" s="91"/>
      <c r="GB5048" s="91"/>
      <c r="GC5048" s="91"/>
      <c r="GD5048" s="91"/>
      <c r="GE5048" s="91"/>
      <c r="GF5048" s="91"/>
      <c r="GG5048" s="91"/>
      <c r="GH5048" s="91"/>
      <c r="GI5048" s="91"/>
      <c r="GJ5048" s="91"/>
      <c r="GK5048" s="127"/>
      <c r="GL5048" s="126"/>
      <c r="GM5048" s="91"/>
      <c r="GN5048" s="91"/>
      <c r="GO5048" s="91"/>
      <c r="GP5048" s="91"/>
      <c r="GQ5048" s="91"/>
      <c r="GR5048" s="91"/>
      <c r="GS5048" s="91"/>
      <c r="GT5048" s="91"/>
      <c r="GU5048" s="91"/>
      <c r="GV5048" s="91"/>
      <c r="GW5048" s="91"/>
      <c r="GX5048" s="127"/>
      <c r="GY5048" s="126"/>
      <c r="GZ5048" s="91"/>
      <c r="HA5048" s="91"/>
      <c r="HB5048" s="91"/>
      <c r="HC5048" s="91"/>
      <c r="HD5048" s="91"/>
      <c r="HE5048" s="91"/>
      <c r="HF5048" s="91"/>
      <c r="HG5048" s="91"/>
      <c r="HH5048" s="91"/>
      <c r="HI5048" s="91"/>
      <c r="HJ5048" s="91"/>
      <c r="HK5048" s="127"/>
      <c r="HL5048" s="126"/>
      <c r="HM5048" s="91"/>
      <c r="HN5048" s="91"/>
      <c r="HO5048" s="91"/>
      <c r="HP5048" s="91"/>
      <c r="HQ5048" s="91"/>
      <c r="HR5048" s="91"/>
      <c r="HS5048" s="91"/>
      <c r="HT5048" s="91"/>
      <c r="HU5048" s="91"/>
      <c r="HV5048" s="91"/>
      <c r="HW5048" s="91"/>
      <c r="HX5048" s="127"/>
      <c r="HY5048" s="126"/>
      <c r="HZ5048" s="91"/>
      <c r="IA5048" s="91"/>
      <c r="IB5048" s="91"/>
      <c r="IC5048" s="91"/>
      <c r="ID5048" s="91"/>
      <c r="IE5048" s="91"/>
      <c r="IF5048" s="91"/>
      <c r="IG5048" s="91"/>
      <c r="IH5048" s="91"/>
      <c r="II5048" s="91"/>
      <c r="IJ5048" s="91"/>
      <c r="IK5048" s="174"/>
    </row>
    <row r="5049" spans="2:245" x14ac:dyDescent="0.2">
      <c r="B5049" s="43"/>
      <c r="C5049" s="73"/>
      <c r="D5049" s="64"/>
      <c r="E5049" s="64"/>
      <c r="F5049" s="55"/>
      <c r="G5049" s="102"/>
      <c r="H5049" s="97"/>
      <c r="T5049" s="98"/>
      <c r="U5049" s="97"/>
      <c r="AG5049" s="98"/>
      <c r="AY5049" s="164"/>
      <c r="BK5049" s="98"/>
      <c r="BL5049" s="97"/>
      <c r="BX5049" s="98"/>
      <c r="CL5049" s="97"/>
      <c r="CX5049" s="98"/>
      <c r="DL5049" s="97"/>
      <c r="DX5049" s="98"/>
      <c r="EL5049" s="97"/>
      <c r="EX5049" s="98"/>
      <c r="EY5049" s="97"/>
      <c r="FL5049" s="126"/>
      <c r="FM5049" s="91"/>
      <c r="FN5049" s="91"/>
      <c r="FO5049" s="91"/>
      <c r="FP5049" s="91"/>
      <c r="FQ5049" s="91"/>
      <c r="FR5049" s="91"/>
      <c r="FS5049" s="91"/>
      <c r="FT5049" s="91"/>
      <c r="FU5049" s="91"/>
      <c r="FV5049" s="91"/>
      <c r="FW5049" s="91"/>
      <c r="FX5049" s="127"/>
      <c r="FY5049" s="126"/>
      <c r="FZ5049" s="91"/>
      <c r="GA5049" s="91"/>
      <c r="GB5049" s="91"/>
      <c r="GC5049" s="91"/>
      <c r="GD5049" s="91"/>
      <c r="GE5049" s="91"/>
      <c r="GF5049" s="91"/>
      <c r="GG5049" s="91"/>
      <c r="GH5049" s="91"/>
      <c r="GI5049" s="91"/>
      <c r="GJ5049" s="91"/>
      <c r="GK5049" s="127"/>
      <c r="GL5049" s="126"/>
      <c r="GM5049" s="91"/>
      <c r="GN5049" s="91"/>
      <c r="GO5049" s="91"/>
      <c r="GP5049" s="91"/>
      <c r="GQ5049" s="91"/>
      <c r="GR5049" s="91"/>
      <c r="GS5049" s="91"/>
      <c r="GT5049" s="91"/>
      <c r="GU5049" s="91"/>
      <c r="GV5049" s="91"/>
      <c r="GW5049" s="91"/>
      <c r="GX5049" s="127"/>
      <c r="GY5049" s="126"/>
      <c r="GZ5049" s="91"/>
      <c r="HA5049" s="91"/>
      <c r="HB5049" s="91"/>
      <c r="HC5049" s="91"/>
      <c r="HD5049" s="91"/>
      <c r="HE5049" s="91"/>
      <c r="HF5049" s="91"/>
      <c r="HG5049" s="91"/>
      <c r="HH5049" s="91"/>
      <c r="HI5049" s="91"/>
      <c r="HJ5049" s="91"/>
      <c r="HK5049" s="127"/>
      <c r="HL5049" s="126"/>
      <c r="HM5049" s="91"/>
      <c r="HN5049" s="91"/>
      <c r="HO5049" s="91"/>
      <c r="HP5049" s="91"/>
      <c r="HQ5049" s="91"/>
      <c r="HR5049" s="91"/>
      <c r="HS5049" s="91"/>
      <c r="HT5049" s="91"/>
      <c r="HU5049" s="91"/>
      <c r="HV5049" s="91"/>
      <c r="HW5049" s="91"/>
      <c r="HX5049" s="127"/>
      <c r="HY5049" s="126"/>
      <c r="HZ5049" s="91"/>
      <c r="IA5049" s="91"/>
      <c r="IB5049" s="91"/>
      <c r="IC5049" s="91"/>
      <c r="ID5049" s="91"/>
      <c r="IE5049" s="91"/>
      <c r="IF5049" s="91"/>
      <c r="IG5049" s="91"/>
      <c r="IH5049" s="91"/>
      <c r="II5049" s="91"/>
      <c r="IJ5049" s="91"/>
      <c r="IK5049" s="174"/>
    </row>
    <row r="5050" spans="2:245" x14ac:dyDescent="0.2">
      <c r="B5050" s="43"/>
      <c r="C5050" s="73"/>
      <c r="D5050" s="64"/>
      <c r="E5050" s="64"/>
      <c r="F5050" s="55"/>
      <c r="G5050" s="102"/>
      <c r="H5050" s="97"/>
      <c r="T5050" s="98"/>
      <c r="U5050" s="97"/>
      <c r="AG5050" s="98"/>
      <c r="AY5050" s="164"/>
      <c r="BK5050" s="98"/>
      <c r="BL5050" s="97"/>
      <c r="BX5050" s="98"/>
      <c r="CL5050" s="97"/>
      <c r="CX5050" s="98"/>
      <c r="DL5050" s="97"/>
      <c r="DX5050" s="98"/>
      <c r="EL5050" s="97"/>
      <c r="EX5050" s="98"/>
      <c r="EY5050" s="97"/>
      <c r="FL5050" s="126"/>
      <c r="FM5050" s="91"/>
      <c r="FN5050" s="91"/>
      <c r="FO5050" s="91"/>
      <c r="FP5050" s="91"/>
      <c r="FQ5050" s="91"/>
      <c r="FR5050" s="91"/>
      <c r="FS5050" s="91"/>
      <c r="FT5050" s="91"/>
      <c r="FU5050" s="91"/>
      <c r="FV5050" s="91"/>
      <c r="FW5050" s="91"/>
      <c r="FX5050" s="127"/>
      <c r="FY5050" s="126"/>
      <c r="FZ5050" s="91"/>
      <c r="GA5050" s="91"/>
      <c r="GB5050" s="91"/>
      <c r="GC5050" s="91"/>
      <c r="GD5050" s="91"/>
      <c r="GE5050" s="91"/>
      <c r="GF5050" s="91"/>
      <c r="GG5050" s="91"/>
      <c r="GH5050" s="91"/>
      <c r="GI5050" s="91"/>
      <c r="GJ5050" s="91"/>
      <c r="GK5050" s="127"/>
      <c r="GL5050" s="126"/>
      <c r="GM5050" s="91"/>
      <c r="GN5050" s="91"/>
      <c r="GO5050" s="91"/>
      <c r="GP5050" s="91"/>
      <c r="GQ5050" s="91"/>
      <c r="GR5050" s="91"/>
      <c r="GS5050" s="91"/>
      <c r="GT5050" s="91"/>
      <c r="GU5050" s="91"/>
      <c r="GV5050" s="91"/>
      <c r="GW5050" s="91"/>
      <c r="GX5050" s="127"/>
      <c r="GY5050" s="126"/>
      <c r="GZ5050" s="91"/>
      <c r="HA5050" s="91"/>
      <c r="HB5050" s="91"/>
      <c r="HC5050" s="91"/>
      <c r="HD5050" s="91"/>
      <c r="HE5050" s="91"/>
      <c r="HF5050" s="91"/>
      <c r="HG5050" s="91"/>
      <c r="HH5050" s="91"/>
      <c r="HI5050" s="91"/>
      <c r="HJ5050" s="91"/>
      <c r="HK5050" s="127"/>
      <c r="HL5050" s="126"/>
      <c r="HM5050" s="91"/>
      <c r="HN5050" s="91"/>
      <c r="HO5050" s="91"/>
      <c r="HP5050" s="91"/>
      <c r="HQ5050" s="91"/>
      <c r="HR5050" s="91"/>
      <c r="HS5050" s="91"/>
      <c r="HT5050" s="91"/>
      <c r="HU5050" s="91"/>
      <c r="HV5050" s="91"/>
      <c r="HW5050" s="91"/>
      <c r="HX5050" s="127"/>
      <c r="HY5050" s="126"/>
      <c r="HZ5050" s="91"/>
      <c r="IA5050" s="91"/>
      <c r="IB5050" s="91"/>
      <c r="IC5050" s="91"/>
      <c r="ID5050" s="91"/>
      <c r="IE5050" s="91"/>
      <c r="IF5050" s="91"/>
      <c r="IG5050" s="91"/>
      <c r="IH5050" s="91"/>
      <c r="II5050" s="91"/>
      <c r="IJ5050" s="91"/>
      <c r="IK5050" s="174"/>
    </row>
    <row r="5051" spans="2:245" x14ac:dyDescent="0.2">
      <c r="B5051" s="43"/>
      <c r="C5051" s="73"/>
      <c r="D5051" s="64"/>
      <c r="E5051" s="64"/>
      <c r="F5051" s="55"/>
      <c r="G5051" s="102"/>
      <c r="H5051" s="97"/>
      <c r="T5051" s="98"/>
      <c r="U5051" s="97"/>
      <c r="AG5051" s="98"/>
      <c r="AY5051" s="164"/>
      <c r="BK5051" s="98"/>
      <c r="BL5051" s="97"/>
      <c r="BX5051" s="98"/>
      <c r="CL5051" s="97"/>
      <c r="CX5051" s="98"/>
      <c r="DL5051" s="97"/>
      <c r="DX5051" s="98"/>
      <c r="EL5051" s="97"/>
      <c r="EX5051" s="98"/>
      <c r="EY5051" s="97"/>
      <c r="FL5051" s="126"/>
      <c r="FM5051" s="91"/>
      <c r="FN5051" s="91"/>
      <c r="FO5051" s="91"/>
      <c r="FP5051" s="91"/>
      <c r="FQ5051" s="91"/>
      <c r="FR5051" s="91"/>
      <c r="FS5051" s="91"/>
      <c r="FT5051" s="91"/>
      <c r="FU5051" s="91"/>
      <c r="FV5051" s="91"/>
      <c r="FW5051" s="91"/>
      <c r="FX5051" s="127"/>
      <c r="FY5051" s="126"/>
      <c r="FZ5051" s="91"/>
      <c r="GA5051" s="91"/>
      <c r="GB5051" s="91"/>
      <c r="GC5051" s="91"/>
      <c r="GD5051" s="91"/>
      <c r="GE5051" s="91"/>
      <c r="GF5051" s="91"/>
      <c r="GG5051" s="91"/>
      <c r="GH5051" s="91"/>
      <c r="GI5051" s="91"/>
      <c r="GJ5051" s="91"/>
      <c r="GK5051" s="127"/>
      <c r="GL5051" s="126"/>
      <c r="GM5051" s="91"/>
      <c r="GN5051" s="91"/>
      <c r="GO5051" s="91"/>
      <c r="GP5051" s="91"/>
      <c r="GQ5051" s="91"/>
      <c r="GR5051" s="91"/>
      <c r="GS5051" s="91"/>
      <c r="GT5051" s="91"/>
      <c r="GU5051" s="91"/>
      <c r="GV5051" s="91"/>
      <c r="GW5051" s="91"/>
      <c r="GX5051" s="127"/>
      <c r="GY5051" s="126"/>
      <c r="GZ5051" s="91"/>
      <c r="HA5051" s="91"/>
      <c r="HB5051" s="91"/>
      <c r="HC5051" s="91"/>
      <c r="HD5051" s="91"/>
      <c r="HE5051" s="91"/>
      <c r="HF5051" s="91"/>
      <c r="HG5051" s="91"/>
      <c r="HH5051" s="91"/>
      <c r="HI5051" s="91"/>
      <c r="HJ5051" s="91"/>
      <c r="HK5051" s="127"/>
      <c r="HL5051" s="126"/>
      <c r="HM5051" s="91"/>
      <c r="HN5051" s="91"/>
      <c r="HO5051" s="91"/>
      <c r="HP5051" s="91"/>
      <c r="HQ5051" s="91"/>
      <c r="HR5051" s="91"/>
      <c r="HS5051" s="91"/>
      <c r="HT5051" s="91"/>
      <c r="HU5051" s="91"/>
      <c r="HV5051" s="91"/>
      <c r="HW5051" s="91"/>
      <c r="HX5051" s="127"/>
      <c r="HY5051" s="126"/>
      <c r="HZ5051" s="91"/>
      <c r="IA5051" s="91"/>
      <c r="IB5051" s="91"/>
      <c r="IC5051" s="91"/>
      <c r="ID5051" s="91"/>
      <c r="IE5051" s="91"/>
      <c r="IF5051" s="91"/>
      <c r="IG5051" s="91"/>
      <c r="IH5051" s="91"/>
      <c r="II5051" s="91"/>
      <c r="IJ5051" s="91"/>
      <c r="IK5051" s="174"/>
    </row>
    <row r="5052" spans="2:245" x14ac:dyDescent="0.2">
      <c r="B5052" s="43"/>
      <c r="C5052" s="73"/>
      <c r="D5052" s="64"/>
      <c r="E5052" s="64"/>
      <c r="F5052" s="55"/>
      <c r="G5052" s="102"/>
      <c r="H5052" s="97"/>
      <c r="T5052" s="98"/>
      <c r="U5052" s="97"/>
      <c r="AG5052" s="98"/>
      <c r="AY5052" s="164"/>
      <c r="BK5052" s="98"/>
      <c r="BL5052" s="97"/>
      <c r="BX5052" s="98"/>
      <c r="CL5052" s="97"/>
      <c r="CX5052" s="98"/>
      <c r="DL5052" s="97"/>
      <c r="DX5052" s="98"/>
      <c r="EL5052" s="97"/>
      <c r="EX5052" s="98"/>
      <c r="EY5052" s="97"/>
      <c r="FL5052" s="126"/>
      <c r="FM5052" s="91"/>
      <c r="FN5052" s="91"/>
      <c r="FO5052" s="91"/>
      <c r="FP5052" s="91"/>
      <c r="FQ5052" s="91"/>
      <c r="FR5052" s="91"/>
      <c r="FS5052" s="91"/>
      <c r="FT5052" s="91"/>
      <c r="FU5052" s="91"/>
      <c r="FV5052" s="91"/>
      <c r="FW5052" s="91"/>
      <c r="FX5052" s="127"/>
      <c r="FY5052" s="126"/>
      <c r="FZ5052" s="91"/>
      <c r="GA5052" s="91"/>
      <c r="GB5052" s="91"/>
      <c r="GC5052" s="91"/>
      <c r="GD5052" s="91"/>
      <c r="GE5052" s="91"/>
      <c r="GF5052" s="91"/>
      <c r="GG5052" s="91"/>
      <c r="GH5052" s="91"/>
      <c r="GI5052" s="91"/>
      <c r="GJ5052" s="91"/>
      <c r="GK5052" s="127"/>
      <c r="GL5052" s="126"/>
      <c r="GM5052" s="91"/>
      <c r="GN5052" s="91"/>
      <c r="GO5052" s="91"/>
      <c r="GP5052" s="91"/>
      <c r="GQ5052" s="91"/>
      <c r="GR5052" s="91"/>
      <c r="GS5052" s="91"/>
      <c r="GT5052" s="91"/>
      <c r="GU5052" s="91"/>
      <c r="GV5052" s="91"/>
      <c r="GW5052" s="91"/>
      <c r="GX5052" s="127"/>
      <c r="GY5052" s="126"/>
      <c r="GZ5052" s="91"/>
      <c r="HA5052" s="91"/>
      <c r="HB5052" s="91"/>
      <c r="HC5052" s="91"/>
      <c r="HD5052" s="91"/>
      <c r="HE5052" s="91"/>
      <c r="HF5052" s="91"/>
      <c r="HG5052" s="91"/>
      <c r="HH5052" s="91"/>
      <c r="HI5052" s="91"/>
      <c r="HJ5052" s="91"/>
      <c r="HK5052" s="127"/>
      <c r="HL5052" s="126"/>
      <c r="HM5052" s="91"/>
      <c r="HN5052" s="91"/>
      <c r="HO5052" s="91"/>
      <c r="HP5052" s="91"/>
      <c r="HQ5052" s="91"/>
      <c r="HR5052" s="91"/>
      <c r="HS5052" s="91"/>
      <c r="HT5052" s="91"/>
      <c r="HU5052" s="91"/>
      <c r="HV5052" s="91"/>
      <c r="HW5052" s="91"/>
      <c r="HX5052" s="127"/>
      <c r="HY5052" s="126"/>
      <c r="HZ5052" s="91"/>
      <c r="IA5052" s="91"/>
      <c r="IB5052" s="91"/>
      <c r="IC5052" s="91"/>
      <c r="ID5052" s="91"/>
      <c r="IE5052" s="91"/>
      <c r="IF5052" s="91"/>
      <c r="IG5052" s="91"/>
      <c r="IH5052" s="91"/>
      <c r="II5052" s="91"/>
      <c r="IJ5052" s="91"/>
      <c r="IK5052" s="174"/>
    </row>
    <row r="5053" spans="2:245" x14ac:dyDescent="0.2">
      <c r="B5053" s="43"/>
      <c r="C5053" s="73"/>
      <c r="D5053" s="64"/>
      <c r="E5053" s="64"/>
      <c r="F5053" s="55"/>
      <c r="G5053" s="102"/>
      <c r="H5053" s="97"/>
      <c r="T5053" s="98"/>
      <c r="U5053" s="97"/>
      <c r="AG5053" s="98"/>
      <c r="AY5053" s="164"/>
      <c r="BK5053" s="98"/>
      <c r="BL5053" s="97"/>
      <c r="BX5053" s="98"/>
      <c r="CL5053" s="97"/>
      <c r="CX5053" s="98"/>
      <c r="DL5053" s="97"/>
      <c r="DX5053" s="98"/>
      <c r="EL5053" s="97"/>
      <c r="EX5053" s="98"/>
      <c r="EY5053" s="97"/>
      <c r="FL5053" s="126"/>
      <c r="FM5053" s="91"/>
      <c r="FN5053" s="91"/>
      <c r="FO5053" s="91"/>
      <c r="FP5053" s="91"/>
      <c r="FQ5053" s="91"/>
      <c r="FR5053" s="91"/>
      <c r="FS5053" s="91"/>
      <c r="FT5053" s="91"/>
      <c r="FU5053" s="91"/>
      <c r="FV5053" s="91"/>
      <c r="FW5053" s="91"/>
      <c r="FX5053" s="127"/>
      <c r="FY5053" s="126"/>
      <c r="FZ5053" s="91"/>
      <c r="GA5053" s="91"/>
      <c r="GB5053" s="91"/>
      <c r="GC5053" s="91"/>
      <c r="GD5053" s="91"/>
      <c r="GE5053" s="91"/>
      <c r="GF5053" s="91"/>
      <c r="GG5053" s="91"/>
      <c r="GH5053" s="91"/>
      <c r="GI5053" s="91"/>
      <c r="GJ5053" s="91"/>
      <c r="GK5053" s="127"/>
      <c r="GL5053" s="126"/>
      <c r="GM5053" s="91"/>
      <c r="GN5053" s="91"/>
      <c r="GO5053" s="91"/>
      <c r="GP5053" s="91"/>
      <c r="GQ5053" s="91"/>
      <c r="GR5053" s="91"/>
      <c r="GS5053" s="91"/>
      <c r="GT5053" s="91"/>
      <c r="GU5053" s="91"/>
      <c r="GV5053" s="91"/>
      <c r="GW5053" s="91"/>
      <c r="GX5053" s="127"/>
      <c r="GY5053" s="126"/>
      <c r="GZ5053" s="91"/>
      <c r="HA5053" s="91"/>
      <c r="HB5053" s="91"/>
      <c r="HC5053" s="91"/>
      <c r="HD5053" s="91"/>
      <c r="HE5053" s="91"/>
      <c r="HF5053" s="91"/>
      <c r="HG5053" s="91"/>
      <c r="HH5053" s="91"/>
      <c r="HI5053" s="91"/>
      <c r="HJ5053" s="91"/>
      <c r="HK5053" s="127"/>
      <c r="HL5053" s="126"/>
      <c r="HM5053" s="91"/>
      <c r="HN5053" s="91"/>
      <c r="HO5053" s="91"/>
      <c r="HP5053" s="91"/>
      <c r="HQ5053" s="91"/>
      <c r="HR5053" s="91"/>
      <c r="HS5053" s="91"/>
      <c r="HT5053" s="91"/>
      <c r="HU5053" s="91"/>
      <c r="HV5053" s="91"/>
      <c r="HW5053" s="91"/>
      <c r="HX5053" s="127"/>
      <c r="HY5053" s="126"/>
      <c r="HZ5053" s="91"/>
      <c r="IA5053" s="91"/>
      <c r="IB5053" s="91"/>
      <c r="IC5053" s="91"/>
      <c r="ID5053" s="91"/>
      <c r="IE5053" s="91"/>
      <c r="IF5053" s="91"/>
      <c r="IG5053" s="91"/>
      <c r="IH5053" s="91"/>
      <c r="II5053" s="91"/>
      <c r="IJ5053" s="91"/>
      <c r="IK5053" s="174"/>
    </row>
    <row r="5054" spans="2:245" x14ac:dyDescent="0.2">
      <c r="B5054" s="43"/>
      <c r="C5054" s="73"/>
      <c r="D5054" s="64"/>
      <c r="E5054" s="64"/>
      <c r="F5054" s="55"/>
      <c r="G5054" s="102"/>
      <c r="H5054" s="97"/>
      <c r="T5054" s="98"/>
      <c r="U5054" s="97"/>
      <c r="AG5054" s="98"/>
      <c r="AY5054" s="164"/>
      <c r="BK5054" s="98"/>
      <c r="BL5054" s="97"/>
      <c r="BX5054" s="98"/>
      <c r="CL5054" s="97"/>
      <c r="CX5054" s="98"/>
      <c r="DL5054" s="97"/>
      <c r="DX5054" s="98"/>
      <c r="EL5054" s="97"/>
      <c r="EX5054" s="98"/>
      <c r="EY5054" s="97"/>
      <c r="FL5054" s="126"/>
      <c r="FM5054" s="91"/>
      <c r="FN5054" s="91"/>
      <c r="FO5054" s="91"/>
      <c r="FP5054" s="91"/>
      <c r="FQ5054" s="91"/>
      <c r="FR5054" s="91"/>
      <c r="FS5054" s="91"/>
      <c r="FT5054" s="91"/>
      <c r="FU5054" s="91"/>
      <c r="FV5054" s="91"/>
      <c r="FW5054" s="91"/>
      <c r="FX5054" s="127"/>
      <c r="FY5054" s="126"/>
      <c r="FZ5054" s="91"/>
      <c r="GA5054" s="91"/>
      <c r="GB5054" s="91"/>
      <c r="GC5054" s="91"/>
      <c r="GD5054" s="91"/>
      <c r="GE5054" s="91"/>
      <c r="GF5054" s="91"/>
      <c r="GG5054" s="91"/>
      <c r="GH5054" s="91"/>
      <c r="GI5054" s="91"/>
      <c r="GJ5054" s="91"/>
      <c r="GK5054" s="127"/>
      <c r="GL5054" s="126"/>
      <c r="GM5054" s="91"/>
      <c r="GN5054" s="91"/>
      <c r="GO5054" s="91"/>
      <c r="GP5054" s="91"/>
      <c r="GQ5054" s="91"/>
      <c r="GR5054" s="91"/>
      <c r="GS5054" s="91"/>
      <c r="GT5054" s="91"/>
      <c r="GU5054" s="91"/>
      <c r="GV5054" s="91"/>
      <c r="GW5054" s="91"/>
      <c r="GX5054" s="127"/>
      <c r="GY5054" s="126"/>
      <c r="GZ5054" s="91"/>
      <c r="HA5054" s="91"/>
      <c r="HB5054" s="91"/>
      <c r="HC5054" s="91"/>
      <c r="HD5054" s="91"/>
      <c r="HE5054" s="91"/>
      <c r="HF5054" s="91"/>
      <c r="HG5054" s="91"/>
      <c r="HH5054" s="91"/>
      <c r="HI5054" s="91"/>
      <c r="HJ5054" s="91"/>
      <c r="HK5054" s="127"/>
      <c r="HL5054" s="126"/>
      <c r="HM5054" s="91"/>
      <c r="HN5054" s="91"/>
      <c r="HO5054" s="91"/>
      <c r="HP5054" s="91"/>
      <c r="HQ5054" s="91"/>
      <c r="HR5054" s="91"/>
      <c r="HS5054" s="91"/>
      <c r="HT5054" s="91"/>
      <c r="HU5054" s="91"/>
      <c r="HV5054" s="91"/>
      <c r="HW5054" s="91"/>
      <c r="HX5054" s="127"/>
      <c r="HY5054" s="126"/>
      <c r="HZ5054" s="91"/>
      <c r="IA5054" s="91"/>
      <c r="IB5054" s="91"/>
      <c r="IC5054" s="91"/>
      <c r="ID5054" s="91"/>
      <c r="IE5054" s="91"/>
      <c r="IF5054" s="91"/>
      <c r="IG5054" s="91"/>
      <c r="IH5054" s="91"/>
      <c r="II5054" s="91"/>
      <c r="IJ5054" s="91"/>
      <c r="IK5054" s="174"/>
    </row>
    <row r="5055" spans="2:245" x14ac:dyDescent="0.2">
      <c r="B5055" s="43"/>
      <c r="C5055" s="73"/>
      <c r="D5055" s="64"/>
      <c r="E5055" s="64"/>
      <c r="F5055" s="55"/>
      <c r="G5055" s="102"/>
      <c r="H5055" s="97"/>
      <c r="T5055" s="98"/>
      <c r="U5055" s="97"/>
      <c r="AG5055" s="98"/>
      <c r="AY5055" s="164"/>
      <c r="BK5055" s="98"/>
      <c r="BL5055" s="97"/>
      <c r="BX5055" s="98"/>
      <c r="CL5055" s="97"/>
      <c r="CX5055" s="98"/>
      <c r="DL5055" s="97"/>
      <c r="DX5055" s="98"/>
      <c r="EL5055" s="97"/>
      <c r="EX5055" s="98"/>
      <c r="EY5055" s="97"/>
      <c r="FL5055" s="126"/>
      <c r="FM5055" s="91"/>
      <c r="FN5055" s="91"/>
      <c r="FO5055" s="91"/>
      <c r="FP5055" s="91"/>
      <c r="FQ5055" s="91"/>
      <c r="FR5055" s="91"/>
      <c r="FS5055" s="91"/>
      <c r="FT5055" s="91"/>
      <c r="FU5055" s="91"/>
      <c r="FV5055" s="91"/>
      <c r="FW5055" s="91"/>
      <c r="FX5055" s="127"/>
      <c r="FY5055" s="126"/>
      <c r="FZ5055" s="91"/>
      <c r="GA5055" s="91"/>
      <c r="GB5055" s="91"/>
      <c r="GC5055" s="91"/>
      <c r="GD5055" s="91"/>
      <c r="GE5055" s="91"/>
      <c r="GF5055" s="91"/>
      <c r="GG5055" s="91"/>
      <c r="GH5055" s="91"/>
      <c r="GI5055" s="91"/>
      <c r="GJ5055" s="91"/>
      <c r="GK5055" s="127"/>
      <c r="GL5055" s="126"/>
      <c r="GM5055" s="91"/>
      <c r="GN5055" s="91"/>
      <c r="GO5055" s="91"/>
      <c r="GP5055" s="91"/>
      <c r="GQ5055" s="91"/>
      <c r="GR5055" s="91"/>
      <c r="GS5055" s="91"/>
      <c r="GT5055" s="91"/>
      <c r="GU5055" s="91"/>
      <c r="GV5055" s="91"/>
      <c r="GW5055" s="91"/>
      <c r="GX5055" s="127"/>
      <c r="GY5055" s="126"/>
      <c r="GZ5055" s="91"/>
      <c r="HA5055" s="91"/>
      <c r="HB5055" s="91"/>
      <c r="HC5055" s="91"/>
      <c r="HD5055" s="91"/>
      <c r="HE5055" s="91"/>
      <c r="HF5055" s="91"/>
      <c r="HG5055" s="91"/>
      <c r="HH5055" s="91"/>
      <c r="HI5055" s="91"/>
      <c r="HJ5055" s="91"/>
      <c r="HK5055" s="127"/>
      <c r="HL5055" s="126"/>
      <c r="HM5055" s="91"/>
      <c r="HN5055" s="91"/>
      <c r="HO5055" s="91"/>
      <c r="HP5055" s="91"/>
      <c r="HQ5055" s="91"/>
      <c r="HR5055" s="91"/>
      <c r="HS5055" s="91"/>
      <c r="HT5055" s="91"/>
      <c r="HU5055" s="91"/>
      <c r="HV5055" s="91"/>
      <c r="HW5055" s="91"/>
      <c r="HX5055" s="127"/>
      <c r="HY5055" s="126"/>
      <c r="HZ5055" s="91"/>
      <c r="IA5055" s="91"/>
      <c r="IB5055" s="91"/>
      <c r="IC5055" s="91"/>
      <c r="ID5055" s="91"/>
      <c r="IE5055" s="91"/>
      <c r="IF5055" s="91"/>
      <c r="IG5055" s="91"/>
      <c r="IH5055" s="91"/>
      <c r="II5055" s="91"/>
      <c r="IJ5055" s="91"/>
      <c r="IK5055" s="174"/>
    </row>
    <row r="5056" spans="2:245" x14ac:dyDescent="0.2">
      <c r="B5056" s="43"/>
      <c r="C5056" s="73"/>
      <c r="D5056" s="64"/>
      <c r="E5056" s="64"/>
      <c r="F5056" s="55"/>
      <c r="G5056" s="102"/>
      <c r="H5056" s="97"/>
      <c r="T5056" s="98"/>
      <c r="U5056" s="97"/>
      <c r="AG5056" s="98"/>
      <c r="AY5056" s="164"/>
      <c r="BK5056" s="98"/>
      <c r="BL5056" s="97"/>
      <c r="BX5056" s="98"/>
      <c r="CL5056" s="97"/>
      <c r="CX5056" s="98"/>
      <c r="DL5056" s="97"/>
      <c r="DX5056" s="98"/>
      <c r="EL5056" s="97"/>
      <c r="EX5056" s="98"/>
      <c r="EY5056" s="97"/>
      <c r="FL5056" s="126"/>
      <c r="FM5056" s="91"/>
      <c r="FN5056" s="91"/>
      <c r="FO5056" s="91"/>
      <c r="FP5056" s="91"/>
      <c r="FQ5056" s="91"/>
      <c r="FR5056" s="91"/>
      <c r="FS5056" s="91"/>
      <c r="FT5056" s="91"/>
      <c r="FU5056" s="91"/>
      <c r="FV5056" s="91"/>
      <c r="FW5056" s="91"/>
      <c r="FX5056" s="127"/>
      <c r="FY5056" s="126"/>
      <c r="FZ5056" s="91"/>
      <c r="GA5056" s="91"/>
      <c r="GB5056" s="91"/>
      <c r="GC5056" s="91"/>
      <c r="GD5056" s="91"/>
      <c r="GE5056" s="91"/>
      <c r="GF5056" s="91"/>
      <c r="GG5056" s="91"/>
      <c r="GH5056" s="91"/>
      <c r="GI5056" s="91"/>
      <c r="GJ5056" s="91"/>
      <c r="GK5056" s="127"/>
      <c r="GL5056" s="126"/>
      <c r="GM5056" s="91"/>
      <c r="GN5056" s="91"/>
      <c r="GO5056" s="91"/>
      <c r="GP5056" s="91"/>
      <c r="GQ5056" s="91"/>
      <c r="GR5056" s="91"/>
      <c r="GS5056" s="91"/>
      <c r="GT5056" s="91"/>
      <c r="GU5056" s="91"/>
      <c r="GV5056" s="91"/>
      <c r="GW5056" s="91"/>
      <c r="GX5056" s="127"/>
      <c r="GY5056" s="126"/>
      <c r="GZ5056" s="91"/>
      <c r="HA5056" s="91"/>
      <c r="HB5056" s="91"/>
      <c r="HC5056" s="91"/>
      <c r="HD5056" s="91"/>
      <c r="HE5056" s="91"/>
      <c r="HF5056" s="91"/>
      <c r="HG5056" s="91"/>
      <c r="HH5056" s="91"/>
      <c r="HI5056" s="91"/>
      <c r="HJ5056" s="91"/>
      <c r="HK5056" s="127"/>
      <c r="HL5056" s="126"/>
      <c r="HM5056" s="91"/>
      <c r="HN5056" s="91"/>
      <c r="HO5056" s="91"/>
      <c r="HP5056" s="91"/>
      <c r="HQ5056" s="91"/>
      <c r="HR5056" s="91"/>
      <c r="HS5056" s="91"/>
      <c r="HT5056" s="91"/>
      <c r="HU5056" s="91"/>
      <c r="HV5056" s="91"/>
      <c r="HW5056" s="91"/>
      <c r="HX5056" s="127"/>
      <c r="HY5056" s="126"/>
      <c r="HZ5056" s="91"/>
      <c r="IA5056" s="91"/>
      <c r="IB5056" s="91"/>
      <c r="IC5056" s="91"/>
      <c r="ID5056" s="91"/>
      <c r="IE5056" s="91"/>
      <c r="IF5056" s="91"/>
      <c r="IG5056" s="91"/>
      <c r="IH5056" s="91"/>
      <c r="II5056" s="91"/>
      <c r="IJ5056" s="91"/>
      <c r="IK5056" s="174"/>
    </row>
    <row r="5057" spans="2:245" x14ac:dyDescent="0.2">
      <c r="B5057" s="43"/>
      <c r="C5057" s="73"/>
      <c r="D5057" s="64"/>
      <c r="E5057" s="64"/>
      <c r="F5057" s="55"/>
      <c r="G5057" s="102"/>
      <c r="H5057" s="97"/>
      <c r="T5057" s="98"/>
      <c r="U5057" s="97"/>
      <c r="AG5057" s="98"/>
      <c r="AY5057" s="164"/>
      <c r="BK5057" s="98"/>
      <c r="BL5057" s="97"/>
      <c r="BX5057" s="98"/>
      <c r="CL5057" s="97"/>
      <c r="CX5057" s="98"/>
      <c r="DL5057" s="97"/>
      <c r="DX5057" s="98"/>
      <c r="EL5057" s="97"/>
      <c r="EX5057" s="98"/>
      <c r="EY5057" s="97"/>
      <c r="FL5057" s="126"/>
      <c r="FM5057" s="91"/>
      <c r="FN5057" s="91"/>
      <c r="FO5057" s="91"/>
      <c r="FP5057" s="91"/>
      <c r="FQ5057" s="91"/>
      <c r="FR5057" s="91"/>
      <c r="FS5057" s="91"/>
      <c r="FT5057" s="91"/>
      <c r="FU5057" s="91"/>
      <c r="FV5057" s="91"/>
      <c r="FW5057" s="91"/>
      <c r="FX5057" s="127"/>
      <c r="FY5057" s="126"/>
      <c r="FZ5057" s="91"/>
      <c r="GA5057" s="91"/>
      <c r="GB5057" s="91"/>
      <c r="GC5057" s="91"/>
      <c r="GD5057" s="91"/>
      <c r="GE5057" s="91"/>
      <c r="GF5057" s="91"/>
      <c r="GG5057" s="91"/>
      <c r="GH5057" s="91"/>
      <c r="GI5057" s="91"/>
      <c r="GJ5057" s="91"/>
      <c r="GK5057" s="127"/>
      <c r="GL5057" s="126"/>
      <c r="GM5057" s="91"/>
      <c r="GN5057" s="91"/>
      <c r="GO5057" s="91"/>
      <c r="GP5057" s="91"/>
      <c r="GQ5057" s="91"/>
      <c r="GR5057" s="91"/>
      <c r="GS5057" s="91"/>
      <c r="GT5057" s="91"/>
      <c r="GU5057" s="91"/>
      <c r="GV5057" s="91"/>
      <c r="GW5057" s="91"/>
      <c r="GX5057" s="127"/>
      <c r="GY5057" s="126"/>
      <c r="GZ5057" s="91"/>
      <c r="HA5057" s="91"/>
      <c r="HB5057" s="91"/>
      <c r="HC5057" s="91"/>
      <c r="HD5057" s="91"/>
      <c r="HE5057" s="91"/>
      <c r="HF5057" s="91"/>
      <c r="HG5057" s="91"/>
      <c r="HH5057" s="91"/>
      <c r="HI5057" s="91"/>
      <c r="HJ5057" s="91"/>
      <c r="HK5057" s="127"/>
      <c r="HL5057" s="126"/>
      <c r="HM5057" s="91"/>
      <c r="HN5057" s="91"/>
      <c r="HO5057" s="91"/>
      <c r="HP5057" s="91"/>
      <c r="HQ5057" s="91"/>
      <c r="HR5057" s="91"/>
      <c r="HS5057" s="91"/>
      <c r="HT5057" s="91"/>
      <c r="HU5057" s="91"/>
      <c r="HV5057" s="91"/>
      <c r="HW5057" s="91"/>
      <c r="HX5057" s="127"/>
      <c r="HY5057" s="126"/>
      <c r="HZ5057" s="91"/>
      <c r="IA5057" s="91"/>
      <c r="IB5057" s="91"/>
      <c r="IC5057" s="91"/>
      <c r="ID5057" s="91"/>
      <c r="IE5057" s="91"/>
      <c r="IF5057" s="91"/>
      <c r="IG5057" s="91"/>
      <c r="IH5057" s="91"/>
      <c r="II5057" s="91"/>
      <c r="IJ5057" s="91"/>
      <c r="IK5057" s="174"/>
    </row>
    <row r="5058" spans="2:245" x14ac:dyDescent="0.2">
      <c r="B5058" s="43"/>
      <c r="C5058" s="73"/>
      <c r="D5058" s="64"/>
      <c r="E5058" s="64"/>
      <c r="F5058" s="55"/>
      <c r="G5058" s="102"/>
      <c r="H5058" s="97"/>
      <c r="T5058" s="98"/>
      <c r="U5058" s="97"/>
      <c r="AG5058" s="98"/>
      <c r="AY5058" s="164"/>
      <c r="BK5058" s="98"/>
      <c r="BL5058" s="97"/>
      <c r="BX5058" s="98"/>
      <c r="CL5058" s="97"/>
      <c r="CX5058" s="98"/>
      <c r="DL5058" s="97"/>
      <c r="DX5058" s="98"/>
      <c r="EL5058" s="97"/>
      <c r="EX5058" s="98"/>
      <c r="EY5058" s="97"/>
      <c r="FL5058" s="126"/>
      <c r="FM5058" s="91"/>
      <c r="FN5058" s="91"/>
      <c r="FO5058" s="91"/>
      <c r="FP5058" s="91"/>
      <c r="FQ5058" s="91"/>
      <c r="FR5058" s="91"/>
      <c r="FS5058" s="91"/>
      <c r="FT5058" s="91"/>
      <c r="FU5058" s="91"/>
      <c r="FV5058" s="91"/>
      <c r="FW5058" s="91"/>
      <c r="FX5058" s="127"/>
      <c r="FY5058" s="126"/>
      <c r="FZ5058" s="91"/>
      <c r="GA5058" s="91"/>
      <c r="GB5058" s="91"/>
      <c r="GC5058" s="91"/>
      <c r="GD5058" s="91"/>
      <c r="GE5058" s="91"/>
      <c r="GF5058" s="91"/>
      <c r="GG5058" s="91"/>
      <c r="GH5058" s="91"/>
      <c r="GI5058" s="91"/>
      <c r="GJ5058" s="91"/>
      <c r="GK5058" s="127"/>
      <c r="GL5058" s="126"/>
      <c r="GM5058" s="91"/>
      <c r="GN5058" s="91"/>
      <c r="GO5058" s="91"/>
      <c r="GP5058" s="91"/>
      <c r="GQ5058" s="91"/>
      <c r="GR5058" s="91"/>
      <c r="GS5058" s="91"/>
      <c r="GT5058" s="91"/>
      <c r="GU5058" s="91"/>
      <c r="GV5058" s="91"/>
      <c r="GW5058" s="91"/>
      <c r="GX5058" s="127"/>
      <c r="GY5058" s="126"/>
      <c r="GZ5058" s="91"/>
      <c r="HA5058" s="91"/>
      <c r="HB5058" s="91"/>
      <c r="HC5058" s="91"/>
      <c r="HD5058" s="91"/>
      <c r="HE5058" s="91"/>
      <c r="HF5058" s="91"/>
      <c r="HG5058" s="91"/>
      <c r="HH5058" s="91"/>
      <c r="HI5058" s="91"/>
      <c r="HJ5058" s="91"/>
      <c r="HK5058" s="127"/>
      <c r="HL5058" s="126"/>
      <c r="HM5058" s="91"/>
      <c r="HN5058" s="91"/>
      <c r="HO5058" s="91"/>
      <c r="HP5058" s="91"/>
      <c r="HQ5058" s="91"/>
      <c r="HR5058" s="91"/>
      <c r="HS5058" s="91"/>
      <c r="HT5058" s="91"/>
      <c r="HU5058" s="91"/>
      <c r="HV5058" s="91"/>
      <c r="HW5058" s="91"/>
      <c r="HX5058" s="127"/>
      <c r="HY5058" s="126"/>
      <c r="HZ5058" s="91"/>
      <c r="IA5058" s="91"/>
      <c r="IB5058" s="91"/>
      <c r="IC5058" s="91"/>
      <c r="ID5058" s="91"/>
      <c r="IE5058" s="91"/>
      <c r="IF5058" s="91"/>
      <c r="IG5058" s="91"/>
      <c r="IH5058" s="91"/>
      <c r="II5058" s="91"/>
      <c r="IJ5058" s="91"/>
      <c r="IK5058" s="174"/>
    </row>
    <row r="5059" spans="2:245" x14ac:dyDescent="0.2">
      <c r="B5059" s="43"/>
      <c r="C5059" s="73"/>
      <c r="D5059" s="64"/>
      <c r="E5059" s="64"/>
      <c r="F5059" s="55"/>
      <c r="G5059" s="102"/>
      <c r="H5059" s="97"/>
      <c r="T5059" s="98"/>
      <c r="U5059" s="97"/>
      <c r="AG5059" s="98"/>
      <c r="AY5059" s="164"/>
      <c r="BK5059" s="98"/>
      <c r="BL5059" s="97"/>
      <c r="BX5059" s="98"/>
      <c r="CL5059" s="97"/>
      <c r="CX5059" s="98"/>
      <c r="DL5059" s="97"/>
      <c r="DX5059" s="98"/>
      <c r="EL5059" s="97"/>
      <c r="EX5059" s="98"/>
      <c r="EY5059" s="97"/>
      <c r="FL5059" s="126"/>
      <c r="FM5059" s="91"/>
      <c r="FN5059" s="91"/>
      <c r="FO5059" s="91"/>
      <c r="FP5059" s="91"/>
      <c r="FQ5059" s="91"/>
      <c r="FR5059" s="91"/>
      <c r="FS5059" s="91"/>
      <c r="FT5059" s="91"/>
      <c r="FU5059" s="91"/>
      <c r="FV5059" s="91"/>
      <c r="FW5059" s="91"/>
      <c r="FX5059" s="127"/>
      <c r="FY5059" s="126"/>
      <c r="FZ5059" s="91"/>
      <c r="GA5059" s="91"/>
      <c r="GB5059" s="91"/>
      <c r="GC5059" s="91"/>
      <c r="GD5059" s="91"/>
      <c r="GE5059" s="91"/>
      <c r="GF5059" s="91"/>
      <c r="GG5059" s="91"/>
      <c r="GH5059" s="91"/>
      <c r="GI5059" s="91"/>
      <c r="GJ5059" s="91"/>
      <c r="GK5059" s="127"/>
      <c r="GL5059" s="126"/>
      <c r="GM5059" s="91"/>
      <c r="GN5059" s="91"/>
      <c r="GO5059" s="91"/>
      <c r="GP5059" s="91"/>
      <c r="GQ5059" s="91"/>
      <c r="GR5059" s="91"/>
      <c r="GS5059" s="91"/>
      <c r="GT5059" s="91"/>
      <c r="GU5059" s="91"/>
      <c r="GV5059" s="91"/>
      <c r="GW5059" s="91"/>
      <c r="GX5059" s="127"/>
      <c r="GY5059" s="126"/>
      <c r="GZ5059" s="91"/>
      <c r="HA5059" s="91"/>
      <c r="HB5059" s="91"/>
      <c r="HC5059" s="91"/>
      <c r="HD5059" s="91"/>
      <c r="HE5059" s="91"/>
      <c r="HF5059" s="91"/>
      <c r="HG5059" s="91"/>
      <c r="HH5059" s="91"/>
      <c r="HI5059" s="91"/>
      <c r="HJ5059" s="91"/>
      <c r="HK5059" s="127"/>
      <c r="HL5059" s="126"/>
      <c r="HM5059" s="91"/>
      <c r="HN5059" s="91"/>
      <c r="HO5059" s="91"/>
      <c r="HP5059" s="91"/>
      <c r="HQ5059" s="91"/>
      <c r="HR5059" s="91"/>
      <c r="HS5059" s="91"/>
      <c r="HT5059" s="91"/>
      <c r="HU5059" s="91"/>
      <c r="HV5059" s="91"/>
      <c r="HW5059" s="91"/>
      <c r="HX5059" s="127"/>
      <c r="HY5059" s="126"/>
      <c r="HZ5059" s="91"/>
      <c r="IA5059" s="91"/>
      <c r="IB5059" s="91"/>
      <c r="IC5059" s="91"/>
      <c r="ID5059" s="91"/>
      <c r="IE5059" s="91"/>
      <c r="IF5059" s="91"/>
      <c r="IG5059" s="91"/>
      <c r="IH5059" s="91"/>
      <c r="II5059" s="91"/>
      <c r="IJ5059" s="91"/>
      <c r="IK5059" s="174"/>
    </row>
    <row r="5060" spans="2:245" x14ac:dyDescent="0.2">
      <c r="B5060" s="43"/>
      <c r="C5060" s="73"/>
      <c r="D5060" s="64"/>
      <c r="E5060" s="64"/>
      <c r="F5060" s="55"/>
      <c r="G5060" s="102"/>
      <c r="H5060" s="97"/>
      <c r="T5060" s="98"/>
      <c r="U5060" s="97"/>
      <c r="AG5060" s="98"/>
      <c r="AY5060" s="164"/>
      <c r="BK5060" s="98"/>
      <c r="BL5060" s="97"/>
      <c r="BX5060" s="98"/>
      <c r="CL5060" s="97"/>
      <c r="CX5060" s="98"/>
      <c r="DL5060" s="97"/>
      <c r="DX5060" s="98"/>
      <c r="EL5060" s="97"/>
      <c r="EX5060" s="98"/>
      <c r="EY5060" s="97"/>
      <c r="FL5060" s="126"/>
      <c r="FM5060" s="91"/>
      <c r="FN5060" s="91"/>
      <c r="FO5060" s="91"/>
      <c r="FP5060" s="91"/>
      <c r="FQ5060" s="91"/>
      <c r="FR5060" s="91"/>
      <c r="FS5060" s="91"/>
      <c r="FT5060" s="91"/>
      <c r="FU5060" s="91"/>
      <c r="FV5060" s="91"/>
      <c r="FW5060" s="91"/>
      <c r="FX5060" s="127"/>
      <c r="FY5060" s="126"/>
      <c r="FZ5060" s="91"/>
      <c r="GA5060" s="91"/>
      <c r="GB5060" s="91"/>
      <c r="GC5060" s="91"/>
      <c r="GD5060" s="91"/>
      <c r="GE5060" s="91"/>
      <c r="GF5060" s="91"/>
      <c r="GG5060" s="91"/>
      <c r="GH5060" s="91"/>
      <c r="GI5060" s="91"/>
      <c r="GJ5060" s="91"/>
      <c r="GK5060" s="127"/>
      <c r="GL5060" s="126"/>
      <c r="GM5060" s="91"/>
      <c r="GN5060" s="91"/>
      <c r="GO5060" s="91"/>
      <c r="GP5060" s="91"/>
      <c r="GQ5060" s="91"/>
      <c r="GR5060" s="91"/>
      <c r="GS5060" s="91"/>
      <c r="GT5060" s="91"/>
      <c r="GU5060" s="91"/>
      <c r="GV5060" s="91"/>
      <c r="GW5060" s="91"/>
      <c r="GX5060" s="127"/>
      <c r="GY5060" s="126"/>
      <c r="GZ5060" s="91"/>
      <c r="HA5060" s="91"/>
      <c r="HB5060" s="91"/>
      <c r="HC5060" s="91"/>
      <c r="HD5060" s="91"/>
      <c r="HE5060" s="91"/>
      <c r="HF5060" s="91"/>
      <c r="HG5060" s="91"/>
      <c r="HH5060" s="91"/>
      <c r="HI5060" s="91"/>
      <c r="HJ5060" s="91"/>
      <c r="HK5060" s="127"/>
      <c r="HL5060" s="126"/>
      <c r="HM5060" s="91"/>
      <c r="HN5060" s="91"/>
      <c r="HO5060" s="91"/>
      <c r="HP5060" s="91"/>
      <c r="HQ5060" s="91"/>
      <c r="HR5060" s="91"/>
      <c r="HS5060" s="91"/>
      <c r="HT5060" s="91"/>
      <c r="HU5060" s="91"/>
      <c r="HV5060" s="91"/>
      <c r="HW5060" s="91"/>
      <c r="HX5060" s="127"/>
      <c r="HY5060" s="126"/>
      <c r="HZ5060" s="91"/>
      <c r="IA5060" s="91"/>
      <c r="IB5060" s="91"/>
      <c r="IC5060" s="91"/>
      <c r="ID5060" s="91"/>
      <c r="IE5060" s="91"/>
      <c r="IF5060" s="91"/>
      <c r="IG5060" s="91"/>
      <c r="IH5060" s="91"/>
      <c r="II5060" s="91"/>
      <c r="IJ5060" s="91"/>
      <c r="IK5060" s="174"/>
    </row>
    <row r="5061" spans="2:245" x14ac:dyDescent="0.2">
      <c r="B5061" s="43"/>
      <c r="C5061" s="73"/>
      <c r="D5061" s="64"/>
      <c r="E5061" s="64"/>
      <c r="F5061" s="55"/>
      <c r="G5061" s="102"/>
      <c r="H5061" s="97"/>
      <c r="T5061" s="98"/>
      <c r="U5061" s="97"/>
      <c r="AG5061" s="98"/>
      <c r="AY5061" s="164"/>
      <c r="BK5061" s="98"/>
      <c r="BL5061" s="97"/>
      <c r="BX5061" s="98"/>
      <c r="CL5061" s="97"/>
      <c r="CX5061" s="98"/>
      <c r="DL5061" s="97"/>
      <c r="DX5061" s="98"/>
      <c r="EL5061" s="97"/>
      <c r="EX5061" s="98"/>
      <c r="EY5061" s="97"/>
      <c r="FL5061" s="126"/>
      <c r="FM5061" s="91"/>
      <c r="FN5061" s="91"/>
      <c r="FO5061" s="91"/>
      <c r="FP5061" s="91"/>
      <c r="FQ5061" s="91"/>
      <c r="FR5061" s="91"/>
      <c r="FS5061" s="91"/>
      <c r="FT5061" s="91"/>
      <c r="FU5061" s="91"/>
      <c r="FV5061" s="91"/>
      <c r="FW5061" s="91"/>
      <c r="FX5061" s="127"/>
      <c r="FY5061" s="126"/>
      <c r="FZ5061" s="91"/>
      <c r="GA5061" s="91"/>
      <c r="GB5061" s="91"/>
      <c r="GC5061" s="91"/>
      <c r="GD5061" s="91"/>
      <c r="GE5061" s="91"/>
      <c r="GF5061" s="91"/>
      <c r="GG5061" s="91"/>
      <c r="GH5061" s="91"/>
      <c r="GI5061" s="91"/>
      <c r="GJ5061" s="91"/>
      <c r="GK5061" s="127"/>
      <c r="GL5061" s="126"/>
      <c r="GM5061" s="91"/>
      <c r="GN5061" s="91"/>
      <c r="GO5061" s="91"/>
      <c r="GP5061" s="91"/>
      <c r="GQ5061" s="91"/>
      <c r="GR5061" s="91"/>
      <c r="GS5061" s="91"/>
      <c r="GT5061" s="91"/>
      <c r="GU5061" s="91"/>
      <c r="GV5061" s="91"/>
      <c r="GW5061" s="91"/>
      <c r="GX5061" s="127"/>
      <c r="GY5061" s="126"/>
      <c r="GZ5061" s="91"/>
      <c r="HA5061" s="91"/>
      <c r="HB5061" s="91"/>
      <c r="HC5061" s="91"/>
      <c r="HD5061" s="91"/>
      <c r="HE5061" s="91"/>
      <c r="HF5061" s="91"/>
      <c r="HG5061" s="91"/>
      <c r="HH5061" s="91"/>
      <c r="HI5061" s="91"/>
      <c r="HJ5061" s="91"/>
      <c r="HK5061" s="127"/>
      <c r="HL5061" s="126"/>
      <c r="HM5061" s="91"/>
      <c r="HN5061" s="91"/>
      <c r="HO5061" s="91"/>
      <c r="HP5061" s="91"/>
      <c r="HQ5061" s="91"/>
      <c r="HR5061" s="91"/>
      <c r="HS5061" s="91"/>
      <c r="HT5061" s="91"/>
      <c r="HU5061" s="91"/>
      <c r="HV5061" s="91"/>
      <c r="HW5061" s="91"/>
      <c r="HX5061" s="127"/>
      <c r="HY5061" s="126"/>
      <c r="HZ5061" s="91"/>
      <c r="IA5061" s="91"/>
      <c r="IB5061" s="91"/>
      <c r="IC5061" s="91"/>
      <c r="ID5061" s="91"/>
      <c r="IE5061" s="91"/>
      <c r="IF5061" s="91"/>
      <c r="IG5061" s="91"/>
      <c r="IH5061" s="91"/>
      <c r="II5061" s="91"/>
      <c r="IJ5061" s="91"/>
      <c r="IK5061" s="174"/>
    </row>
    <row r="5062" spans="2:245" x14ac:dyDescent="0.2">
      <c r="B5062" s="43"/>
      <c r="C5062" s="73"/>
      <c r="D5062" s="64"/>
      <c r="E5062" s="64"/>
      <c r="F5062" s="55"/>
      <c r="G5062" s="102"/>
      <c r="H5062" s="97"/>
      <c r="T5062" s="98"/>
      <c r="U5062" s="97"/>
      <c r="AG5062" s="98"/>
      <c r="AY5062" s="164"/>
      <c r="BK5062" s="98"/>
      <c r="BL5062" s="97"/>
      <c r="BX5062" s="98"/>
      <c r="CL5062" s="97"/>
      <c r="CX5062" s="98"/>
      <c r="DL5062" s="97"/>
      <c r="DX5062" s="98"/>
      <c r="EL5062" s="97"/>
      <c r="EX5062" s="98"/>
      <c r="EY5062" s="97"/>
      <c r="FL5062" s="126"/>
      <c r="FM5062" s="91"/>
      <c r="FN5062" s="91"/>
      <c r="FO5062" s="91"/>
      <c r="FP5062" s="91"/>
      <c r="FQ5062" s="91"/>
      <c r="FR5062" s="91"/>
      <c r="FS5062" s="91"/>
      <c r="FT5062" s="91"/>
      <c r="FU5062" s="91"/>
      <c r="FV5062" s="91"/>
      <c r="FW5062" s="91"/>
      <c r="FX5062" s="127"/>
      <c r="FY5062" s="126"/>
      <c r="FZ5062" s="91"/>
      <c r="GA5062" s="91"/>
      <c r="GB5062" s="91"/>
      <c r="GC5062" s="91"/>
      <c r="GD5062" s="91"/>
      <c r="GE5062" s="91"/>
      <c r="GF5062" s="91"/>
      <c r="GG5062" s="91"/>
      <c r="GH5062" s="91"/>
      <c r="GI5062" s="91"/>
      <c r="GJ5062" s="91"/>
      <c r="GK5062" s="127"/>
      <c r="GL5062" s="126"/>
      <c r="GM5062" s="91"/>
      <c r="GN5062" s="91"/>
      <c r="GO5062" s="91"/>
      <c r="GP5062" s="91"/>
      <c r="GQ5062" s="91"/>
      <c r="GR5062" s="91"/>
      <c r="GS5062" s="91"/>
      <c r="GT5062" s="91"/>
      <c r="GU5062" s="91"/>
      <c r="GV5062" s="91"/>
      <c r="GW5062" s="91"/>
      <c r="GX5062" s="127"/>
      <c r="GY5062" s="126"/>
      <c r="GZ5062" s="91"/>
      <c r="HA5062" s="91"/>
      <c r="HB5062" s="91"/>
      <c r="HC5062" s="91"/>
      <c r="HD5062" s="91"/>
      <c r="HE5062" s="91"/>
      <c r="HF5062" s="91"/>
      <c r="HG5062" s="91"/>
      <c r="HH5062" s="91"/>
      <c r="HI5062" s="91"/>
      <c r="HJ5062" s="91"/>
      <c r="HK5062" s="127"/>
      <c r="HL5062" s="126"/>
      <c r="HM5062" s="91"/>
      <c r="HN5062" s="91"/>
      <c r="HO5062" s="91"/>
      <c r="HP5062" s="91"/>
      <c r="HQ5062" s="91"/>
      <c r="HR5062" s="91"/>
      <c r="HS5062" s="91"/>
      <c r="HT5062" s="91"/>
      <c r="HU5062" s="91"/>
      <c r="HV5062" s="91"/>
      <c r="HW5062" s="91"/>
      <c r="HX5062" s="127"/>
      <c r="HY5062" s="126"/>
      <c r="HZ5062" s="91"/>
      <c r="IA5062" s="91"/>
      <c r="IB5062" s="91"/>
      <c r="IC5062" s="91"/>
      <c r="ID5062" s="91"/>
      <c r="IE5062" s="91"/>
      <c r="IF5062" s="91"/>
      <c r="IG5062" s="91"/>
      <c r="IH5062" s="91"/>
      <c r="II5062" s="91"/>
      <c r="IJ5062" s="91"/>
      <c r="IK5062" s="174"/>
    </row>
    <row r="5063" spans="2:245" x14ac:dyDescent="0.2">
      <c r="B5063" s="43"/>
      <c r="C5063" s="73"/>
      <c r="D5063" s="64"/>
      <c r="E5063" s="64"/>
      <c r="F5063" s="55"/>
      <c r="G5063" s="102"/>
      <c r="H5063" s="97"/>
      <c r="T5063" s="98"/>
      <c r="U5063" s="97"/>
      <c r="AG5063" s="98"/>
      <c r="AY5063" s="164"/>
      <c r="BK5063" s="98"/>
      <c r="BL5063" s="97"/>
      <c r="BX5063" s="98"/>
      <c r="CL5063" s="97"/>
      <c r="CX5063" s="98"/>
      <c r="DL5063" s="97"/>
      <c r="DX5063" s="98"/>
      <c r="EL5063" s="97"/>
      <c r="EX5063" s="98"/>
      <c r="EY5063" s="97"/>
      <c r="FL5063" s="126"/>
      <c r="FM5063" s="91"/>
      <c r="FN5063" s="91"/>
      <c r="FO5063" s="91"/>
      <c r="FP5063" s="91"/>
      <c r="FQ5063" s="91"/>
      <c r="FR5063" s="91"/>
      <c r="FS5063" s="91"/>
      <c r="FT5063" s="91"/>
      <c r="FU5063" s="91"/>
      <c r="FV5063" s="91"/>
      <c r="FW5063" s="91"/>
      <c r="FX5063" s="127"/>
      <c r="FY5063" s="126"/>
      <c r="FZ5063" s="91"/>
      <c r="GA5063" s="91"/>
      <c r="GB5063" s="91"/>
      <c r="GC5063" s="91"/>
      <c r="GD5063" s="91"/>
      <c r="GE5063" s="91"/>
      <c r="GF5063" s="91"/>
      <c r="GG5063" s="91"/>
      <c r="GH5063" s="91"/>
      <c r="GI5063" s="91"/>
      <c r="GJ5063" s="91"/>
      <c r="GK5063" s="127"/>
      <c r="GL5063" s="126"/>
      <c r="GM5063" s="91"/>
      <c r="GN5063" s="91"/>
      <c r="GO5063" s="91"/>
      <c r="GP5063" s="91"/>
      <c r="GQ5063" s="91"/>
      <c r="GR5063" s="91"/>
      <c r="GS5063" s="91"/>
      <c r="GT5063" s="91"/>
      <c r="GU5063" s="91"/>
      <c r="GV5063" s="91"/>
      <c r="GW5063" s="91"/>
      <c r="GX5063" s="127"/>
      <c r="GY5063" s="126"/>
      <c r="GZ5063" s="91"/>
      <c r="HA5063" s="91"/>
      <c r="HB5063" s="91"/>
      <c r="HC5063" s="91"/>
      <c r="HD5063" s="91"/>
      <c r="HE5063" s="91"/>
      <c r="HF5063" s="91"/>
      <c r="HG5063" s="91"/>
      <c r="HH5063" s="91"/>
      <c r="HI5063" s="91"/>
      <c r="HJ5063" s="91"/>
      <c r="HK5063" s="127"/>
      <c r="HL5063" s="126"/>
      <c r="HM5063" s="91"/>
      <c r="HN5063" s="91"/>
      <c r="HO5063" s="91"/>
      <c r="HP5063" s="91"/>
      <c r="HQ5063" s="91"/>
      <c r="HR5063" s="91"/>
      <c r="HS5063" s="91"/>
      <c r="HT5063" s="91"/>
      <c r="HU5063" s="91"/>
      <c r="HV5063" s="91"/>
      <c r="HW5063" s="91"/>
      <c r="HX5063" s="127"/>
      <c r="HY5063" s="126"/>
      <c r="HZ5063" s="91"/>
      <c r="IA5063" s="91"/>
      <c r="IB5063" s="91"/>
      <c r="IC5063" s="91"/>
      <c r="ID5063" s="91"/>
      <c r="IE5063" s="91"/>
      <c r="IF5063" s="91"/>
      <c r="IG5063" s="91"/>
      <c r="IH5063" s="91"/>
      <c r="II5063" s="91"/>
      <c r="IJ5063" s="91"/>
      <c r="IK5063" s="174"/>
    </row>
    <row r="5064" spans="2:245" x14ac:dyDescent="0.2">
      <c r="B5064" s="43"/>
      <c r="C5064" s="73"/>
      <c r="D5064" s="64"/>
      <c r="E5064" s="64"/>
      <c r="F5064" s="55"/>
      <c r="G5064" s="102"/>
      <c r="H5064" s="97"/>
      <c r="T5064" s="98"/>
      <c r="U5064" s="97"/>
      <c r="AG5064" s="98"/>
      <c r="AY5064" s="164"/>
      <c r="BK5064" s="98"/>
      <c r="BL5064" s="97"/>
      <c r="BX5064" s="98"/>
      <c r="CL5064" s="97"/>
      <c r="CX5064" s="98"/>
      <c r="DL5064" s="97"/>
      <c r="DX5064" s="98"/>
      <c r="EL5064" s="97"/>
      <c r="EX5064" s="98"/>
      <c r="EY5064" s="97"/>
      <c r="FL5064" s="126"/>
      <c r="FM5064" s="91"/>
      <c r="FN5064" s="91"/>
      <c r="FO5064" s="91"/>
      <c r="FP5064" s="91"/>
      <c r="FQ5064" s="91"/>
      <c r="FR5064" s="91"/>
      <c r="FS5064" s="91"/>
      <c r="FT5064" s="91"/>
      <c r="FU5064" s="91"/>
      <c r="FV5064" s="91"/>
      <c r="FW5064" s="91"/>
      <c r="FX5064" s="127"/>
      <c r="FY5064" s="126"/>
      <c r="FZ5064" s="91"/>
      <c r="GA5064" s="91"/>
      <c r="GB5064" s="91"/>
      <c r="GC5064" s="91"/>
      <c r="GD5064" s="91"/>
      <c r="GE5064" s="91"/>
      <c r="GF5064" s="91"/>
      <c r="GG5064" s="91"/>
      <c r="GH5064" s="91"/>
      <c r="GI5064" s="91"/>
      <c r="GJ5064" s="91"/>
      <c r="GK5064" s="127"/>
      <c r="GL5064" s="126"/>
      <c r="GM5064" s="91"/>
      <c r="GN5064" s="91"/>
      <c r="GO5064" s="91"/>
      <c r="GP5064" s="91"/>
      <c r="GQ5064" s="91"/>
      <c r="GR5064" s="91"/>
      <c r="GS5064" s="91"/>
      <c r="GT5064" s="91"/>
      <c r="GU5064" s="91"/>
      <c r="GV5064" s="91"/>
      <c r="GW5064" s="91"/>
      <c r="GX5064" s="127"/>
      <c r="GY5064" s="126"/>
      <c r="GZ5064" s="91"/>
      <c r="HA5064" s="91"/>
      <c r="HB5064" s="91"/>
      <c r="HC5064" s="91"/>
      <c r="HD5064" s="91"/>
      <c r="HE5064" s="91"/>
      <c r="HF5064" s="91"/>
      <c r="HG5064" s="91"/>
      <c r="HH5064" s="91"/>
      <c r="HI5064" s="91"/>
      <c r="HJ5064" s="91"/>
      <c r="HK5064" s="127"/>
      <c r="HL5064" s="126"/>
      <c r="HM5064" s="91"/>
      <c r="HN5064" s="91"/>
      <c r="HO5064" s="91"/>
      <c r="HP5064" s="91"/>
      <c r="HQ5064" s="91"/>
      <c r="HR5064" s="91"/>
      <c r="HS5064" s="91"/>
      <c r="HT5064" s="91"/>
      <c r="HU5064" s="91"/>
      <c r="HV5064" s="91"/>
      <c r="HW5064" s="91"/>
      <c r="HX5064" s="127"/>
      <c r="HY5064" s="126"/>
      <c r="HZ5064" s="91"/>
      <c r="IA5064" s="91"/>
      <c r="IB5064" s="91"/>
      <c r="IC5064" s="91"/>
      <c r="ID5064" s="91"/>
      <c r="IE5064" s="91"/>
      <c r="IF5064" s="91"/>
      <c r="IG5064" s="91"/>
      <c r="IH5064" s="91"/>
      <c r="II5064" s="91"/>
      <c r="IJ5064" s="91"/>
      <c r="IK5064" s="174"/>
    </row>
    <row r="5065" spans="2:245" x14ac:dyDescent="0.2">
      <c r="B5065" s="43"/>
      <c r="C5065" s="73"/>
      <c r="D5065" s="64"/>
      <c r="E5065" s="64"/>
      <c r="F5065" s="55"/>
      <c r="G5065" s="102"/>
      <c r="H5065" s="97"/>
      <c r="T5065" s="98"/>
      <c r="U5065" s="97"/>
      <c r="AG5065" s="98"/>
      <c r="AY5065" s="164"/>
      <c r="BK5065" s="98"/>
      <c r="BL5065" s="97"/>
      <c r="BX5065" s="98"/>
      <c r="CL5065" s="97"/>
      <c r="CX5065" s="98"/>
      <c r="DL5065" s="97"/>
      <c r="DX5065" s="98"/>
      <c r="EL5065" s="97"/>
      <c r="EX5065" s="98"/>
      <c r="EY5065" s="97"/>
      <c r="FL5065" s="126"/>
      <c r="FM5065" s="91"/>
      <c r="FN5065" s="91"/>
      <c r="FO5065" s="91"/>
      <c r="FP5065" s="91"/>
      <c r="FQ5065" s="91"/>
      <c r="FR5065" s="91"/>
      <c r="FS5065" s="91"/>
      <c r="FT5065" s="91"/>
      <c r="FU5065" s="91"/>
      <c r="FV5065" s="91"/>
      <c r="FW5065" s="91"/>
      <c r="FX5065" s="127"/>
      <c r="FY5065" s="126"/>
      <c r="FZ5065" s="91"/>
      <c r="GA5065" s="91"/>
      <c r="GB5065" s="91"/>
      <c r="GC5065" s="91"/>
      <c r="GD5065" s="91"/>
      <c r="GE5065" s="91"/>
      <c r="GF5065" s="91"/>
      <c r="GG5065" s="91"/>
      <c r="GH5065" s="91"/>
      <c r="GI5065" s="91"/>
      <c r="GJ5065" s="91"/>
      <c r="GK5065" s="127"/>
      <c r="GL5065" s="126"/>
      <c r="GM5065" s="91"/>
      <c r="GN5065" s="91"/>
      <c r="GO5065" s="91"/>
      <c r="GP5065" s="91"/>
      <c r="GQ5065" s="91"/>
      <c r="GR5065" s="91"/>
      <c r="GS5065" s="91"/>
      <c r="GT5065" s="91"/>
      <c r="GU5065" s="91"/>
      <c r="GV5065" s="91"/>
      <c r="GW5065" s="91"/>
      <c r="GX5065" s="127"/>
      <c r="GY5065" s="126"/>
      <c r="GZ5065" s="91"/>
      <c r="HA5065" s="91"/>
      <c r="HB5065" s="91"/>
      <c r="HC5065" s="91"/>
      <c r="HD5065" s="91"/>
      <c r="HE5065" s="91"/>
      <c r="HF5065" s="91"/>
      <c r="HG5065" s="91"/>
      <c r="HH5065" s="91"/>
      <c r="HI5065" s="91"/>
      <c r="HJ5065" s="91"/>
      <c r="HK5065" s="127"/>
      <c r="HL5065" s="126"/>
      <c r="HM5065" s="91"/>
      <c r="HN5065" s="91"/>
      <c r="HO5065" s="91"/>
      <c r="HP5065" s="91"/>
      <c r="HQ5065" s="91"/>
      <c r="HR5065" s="91"/>
      <c r="HS5065" s="91"/>
      <c r="HT5065" s="91"/>
      <c r="HU5065" s="91"/>
      <c r="HV5065" s="91"/>
      <c r="HW5065" s="91"/>
      <c r="HX5065" s="127"/>
      <c r="HY5065" s="126"/>
      <c r="HZ5065" s="91"/>
      <c r="IA5065" s="91"/>
      <c r="IB5065" s="91"/>
      <c r="IC5065" s="91"/>
      <c r="ID5065" s="91"/>
      <c r="IE5065" s="91"/>
      <c r="IF5065" s="91"/>
      <c r="IG5065" s="91"/>
      <c r="IH5065" s="91"/>
      <c r="II5065" s="91"/>
      <c r="IJ5065" s="91"/>
      <c r="IK5065" s="174"/>
    </row>
    <row r="5066" spans="2:245" x14ac:dyDescent="0.2">
      <c r="B5066" s="43"/>
      <c r="C5066" s="73"/>
      <c r="D5066" s="64"/>
      <c r="E5066" s="64"/>
      <c r="F5066" s="55"/>
      <c r="G5066" s="102"/>
      <c r="H5066" s="97"/>
      <c r="T5066" s="98"/>
      <c r="U5066" s="97"/>
      <c r="AG5066" s="98"/>
      <c r="AY5066" s="164"/>
      <c r="BK5066" s="98"/>
      <c r="BL5066" s="97"/>
      <c r="BX5066" s="98"/>
      <c r="CL5066" s="97"/>
      <c r="CX5066" s="98"/>
      <c r="DL5066" s="97"/>
      <c r="DX5066" s="98"/>
      <c r="EL5066" s="97"/>
      <c r="EX5066" s="98"/>
      <c r="EY5066" s="97"/>
      <c r="FL5066" s="126"/>
      <c r="FM5066" s="91"/>
      <c r="FN5066" s="91"/>
      <c r="FO5066" s="91"/>
      <c r="FP5066" s="91"/>
      <c r="FQ5066" s="91"/>
      <c r="FR5066" s="91"/>
      <c r="FS5066" s="91"/>
      <c r="FT5066" s="91"/>
      <c r="FU5066" s="91"/>
      <c r="FV5066" s="91"/>
      <c r="FW5066" s="91"/>
      <c r="FX5066" s="127"/>
      <c r="FY5066" s="126"/>
      <c r="FZ5066" s="91"/>
      <c r="GA5066" s="91"/>
      <c r="GB5066" s="91"/>
      <c r="GC5066" s="91"/>
      <c r="GD5066" s="91"/>
      <c r="GE5066" s="91"/>
      <c r="GF5066" s="91"/>
      <c r="GG5066" s="91"/>
      <c r="GH5066" s="91"/>
      <c r="GI5066" s="91"/>
      <c r="GJ5066" s="91"/>
      <c r="GK5066" s="127"/>
      <c r="GL5066" s="126"/>
      <c r="GM5066" s="91"/>
      <c r="GN5066" s="91"/>
      <c r="GO5066" s="91"/>
      <c r="GP5066" s="91"/>
      <c r="GQ5066" s="91"/>
      <c r="GR5066" s="91"/>
      <c r="GS5066" s="91"/>
      <c r="GT5066" s="91"/>
      <c r="GU5066" s="91"/>
      <c r="GV5066" s="91"/>
      <c r="GW5066" s="91"/>
      <c r="GX5066" s="127"/>
      <c r="GY5066" s="126"/>
      <c r="GZ5066" s="91"/>
      <c r="HA5066" s="91"/>
      <c r="HB5066" s="91"/>
      <c r="HC5066" s="91"/>
      <c r="HD5066" s="91"/>
      <c r="HE5066" s="91"/>
      <c r="HF5066" s="91"/>
      <c r="HG5066" s="91"/>
      <c r="HH5066" s="91"/>
      <c r="HI5066" s="91"/>
      <c r="HJ5066" s="91"/>
      <c r="HK5066" s="127"/>
      <c r="HL5066" s="126"/>
      <c r="HM5066" s="91"/>
      <c r="HN5066" s="91"/>
      <c r="HO5066" s="91"/>
      <c r="HP5066" s="91"/>
      <c r="HQ5066" s="91"/>
      <c r="HR5066" s="91"/>
      <c r="HS5066" s="91"/>
      <c r="HT5066" s="91"/>
      <c r="HU5066" s="91"/>
      <c r="HV5066" s="91"/>
      <c r="HW5066" s="91"/>
      <c r="HX5066" s="127"/>
      <c r="HY5066" s="126"/>
      <c r="HZ5066" s="91"/>
      <c r="IA5066" s="91"/>
      <c r="IB5066" s="91"/>
      <c r="IC5066" s="91"/>
      <c r="ID5066" s="91"/>
      <c r="IE5066" s="91"/>
      <c r="IF5066" s="91"/>
      <c r="IG5066" s="91"/>
      <c r="IH5066" s="91"/>
      <c r="II5066" s="91"/>
      <c r="IJ5066" s="91"/>
      <c r="IK5066" s="174"/>
    </row>
    <row r="5067" spans="2:245" x14ac:dyDescent="0.2">
      <c r="B5067" s="43"/>
      <c r="C5067" s="73"/>
      <c r="D5067" s="64"/>
      <c r="E5067" s="64"/>
      <c r="F5067" s="55"/>
      <c r="G5067" s="102"/>
      <c r="H5067" s="97"/>
      <c r="T5067" s="98"/>
      <c r="U5067" s="97"/>
      <c r="AG5067" s="98"/>
      <c r="AY5067" s="164"/>
      <c r="BK5067" s="98"/>
      <c r="BL5067" s="97"/>
      <c r="BX5067" s="98"/>
      <c r="CL5067" s="97"/>
      <c r="CX5067" s="98"/>
      <c r="DL5067" s="97"/>
      <c r="DX5067" s="98"/>
      <c r="EL5067" s="97"/>
      <c r="EX5067" s="98"/>
      <c r="EY5067" s="97"/>
      <c r="FL5067" s="126"/>
      <c r="FM5067" s="91"/>
      <c r="FN5067" s="91"/>
      <c r="FO5067" s="91"/>
      <c r="FP5067" s="91"/>
      <c r="FQ5067" s="91"/>
      <c r="FR5067" s="91"/>
      <c r="FS5067" s="91"/>
      <c r="FT5067" s="91"/>
      <c r="FU5067" s="91"/>
      <c r="FV5067" s="91"/>
      <c r="FW5067" s="91"/>
      <c r="FX5067" s="127"/>
      <c r="FY5067" s="126"/>
      <c r="FZ5067" s="91"/>
      <c r="GA5067" s="91"/>
      <c r="GB5067" s="91"/>
      <c r="GC5067" s="91"/>
      <c r="GD5067" s="91"/>
      <c r="GE5067" s="91"/>
      <c r="GF5067" s="91"/>
      <c r="GG5067" s="91"/>
      <c r="GH5067" s="91"/>
      <c r="GI5067" s="91"/>
      <c r="GJ5067" s="91"/>
      <c r="GK5067" s="127"/>
      <c r="GL5067" s="126"/>
      <c r="GM5067" s="91"/>
      <c r="GN5067" s="91"/>
      <c r="GO5067" s="91"/>
      <c r="GP5067" s="91"/>
      <c r="GQ5067" s="91"/>
      <c r="GR5067" s="91"/>
      <c r="GS5067" s="91"/>
      <c r="GT5067" s="91"/>
      <c r="GU5067" s="91"/>
      <c r="GV5067" s="91"/>
      <c r="GW5067" s="91"/>
      <c r="GX5067" s="127"/>
      <c r="GY5067" s="126"/>
      <c r="GZ5067" s="91"/>
      <c r="HA5067" s="91"/>
      <c r="HB5067" s="91"/>
      <c r="HC5067" s="91"/>
      <c r="HD5067" s="91"/>
      <c r="HE5067" s="91"/>
      <c r="HF5067" s="91"/>
      <c r="HG5067" s="91"/>
      <c r="HH5067" s="91"/>
      <c r="HI5067" s="91"/>
      <c r="HJ5067" s="91"/>
      <c r="HK5067" s="127"/>
      <c r="HL5067" s="126"/>
      <c r="HM5067" s="91"/>
      <c r="HN5067" s="91"/>
      <c r="HO5067" s="91"/>
      <c r="HP5067" s="91"/>
      <c r="HQ5067" s="91"/>
      <c r="HR5067" s="91"/>
      <c r="HS5067" s="91"/>
      <c r="HT5067" s="91"/>
      <c r="HU5067" s="91"/>
      <c r="HV5067" s="91"/>
      <c r="HW5067" s="91"/>
      <c r="HX5067" s="127"/>
      <c r="HY5067" s="126"/>
      <c r="HZ5067" s="91"/>
      <c r="IA5067" s="91"/>
      <c r="IB5067" s="91"/>
      <c r="IC5067" s="91"/>
      <c r="ID5067" s="91"/>
      <c r="IE5067" s="91"/>
      <c r="IF5067" s="91"/>
      <c r="IG5067" s="91"/>
      <c r="IH5067" s="91"/>
      <c r="II5067" s="91"/>
      <c r="IJ5067" s="91"/>
      <c r="IK5067" s="174"/>
    </row>
    <row r="5068" spans="2:245" x14ac:dyDescent="0.2">
      <c r="B5068" s="43"/>
      <c r="C5068" s="73"/>
      <c r="D5068" s="64"/>
      <c r="E5068" s="64"/>
      <c r="F5068" s="55"/>
      <c r="G5068" s="102"/>
      <c r="H5068" s="97"/>
      <c r="T5068" s="98"/>
      <c r="U5068" s="97"/>
      <c r="AG5068" s="98"/>
      <c r="AY5068" s="164"/>
      <c r="BK5068" s="98"/>
      <c r="BL5068" s="97"/>
      <c r="BX5068" s="98"/>
      <c r="CL5068" s="97"/>
      <c r="CX5068" s="98"/>
      <c r="DL5068" s="97"/>
      <c r="DX5068" s="98"/>
      <c r="EL5068" s="97"/>
      <c r="EX5068" s="98"/>
      <c r="EY5068" s="97"/>
      <c r="FL5068" s="126"/>
      <c r="FM5068" s="91"/>
      <c r="FN5068" s="91"/>
      <c r="FO5068" s="91"/>
      <c r="FP5068" s="91"/>
      <c r="FQ5068" s="91"/>
      <c r="FR5068" s="91"/>
      <c r="FS5068" s="91"/>
      <c r="FT5068" s="91"/>
      <c r="FU5068" s="91"/>
      <c r="FV5068" s="91"/>
      <c r="FW5068" s="91"/>
      <c r="FX5068" s="127"/>
      <c r="FY5068" s="126"/>
      <c r="FZ5068" s="91"/>
      <c r="GA5068" s="91"/>
      <c r="GB5068" s="91"/>
      <c r="GC5068" s="91"/>
      <c r="GD5068" s="91"/>
      <c r="GE5068" s="91"/>
      <c r="GF5068" s="91"/>
      <c r="GG5068" s="91"/>
      <c r="GH5068" s="91"/>
      <c r="GI5068" s="91"/>
      <c r="GJ5068" s="91"/>
      <c r="GK5068" s="127"/>
      <c r="GL5068" s="126"/>
      <c r="GM5068" s="91"/>
      <c r="GN5068" s="91"/>
      <c r="GO5068" s="91"/>
      <c r="GP5068" s="91"/>
      <c r="GQ5068" s="91"/>
      <c r="GR5068" s="91"/>
      <c r="GS5068" s="91"/>
      <c r="GT5068" s="91"/>
      <c r="GU5068" s="91"/>
      <c r="GV5068" s="91"/>
      <c r="GW5068" s="91"/>
      <c r="GX5068" s="127"/>
      <c r="GY5068" s="126"/>
      <c r="GZ5068" s="91"/>
      <c r="HA5068" s="91"/>
      <c r="HB5068" s="91"/>
      <c r="HC5068" s="91"/>
      <c r="HD5068" s="91"/>
      <c r="HE5068" s="91"/>
      <c r="HF5068" s="91"/>
      <c r="HG5068" s="91"/>
      <c r="HH5068" s="91"/>
      <c r="HI5068" s="91"/>
      <c r="HJ5068" s="91"/>
      <c r="HK5068" s="127"/>
      <c r="HL5068" s="126"/>
      <c r="HM5068" s="91"/>
      <c r="HN5068" s="91"/>
      <c r="HO5068" s="91"/>
      <c r="HP5068" s="91"/>
      <c r="HQ5068" s="91"/>
      <c r="HR5068" s="91"/>
      <c r="HS5068" s="91"/>
      <c r="HT5068" s="91"/>
      <c r="HU5068" s="91"/>
      <c r="HV5068" s="91"/>
      <c r="HW5068" s="91"/>
      <c r="HX5068" s="127"/>
      <c r="HY5068" s="126"/>
      <c r="HZ5068" s="91"/>
      <c r="IA5068" s="91"/>
      <c r="IB5068" s="91"/>
      <c r="IC5068" s="91"/>
      <c r="ID5068" s="91"/>
      <c r="IE5068" s="91"/>
      <c r="IF5068" s="91"/>
      <c r="IG5068" s="91"/>
      <c r="IH5068" s="91"/>
      <c r="II5068" s="91"/>
      <c r="IJ5068" s="91"/>
      <c r="IK5068" s="174"/>
    </row>
    <row r="5069" spans="2:245" x14ac:dyDescent="0.2">
      <c r="B5069" s="43"/>
      <c r="C5069" s="73"/>
      <c r="D5069" s="64"/>
      <c r="E5069" s="64"/>
      <c r="F5069" s="55"/>
      <c r="G5069" s="102"/>
      <c r="H5069" s="97"/>
      <c r="T5069" s="98"/>
      <c r="U5069" s="97"/>
      <c r="AG5069" s="98"/>
      <c r="AY5069" s="164"/>
      <c r="BK5069" s="98"/>
      <c r="BL5069" s="97"/>
      <c r="BX5069" s="98"/>
      <c r="CL5069" s="97"/>
      <c r="CX5069" s="98"/>
      <c r="DL5069" s="97"/>
      <c r="DX5069" s="98"/>
      <c r="EL5069" s="97"/>
      <c r="EX5069" s="98"/>
      <c r="EY5069" s="97"/>
      <c r="FL5069" s="126"/>
      <c r="FM5069" s="91"/>
      <c r="FN5069" s="91"/>
      <c r="FO5069" s="91"/>
      <c r="FP5069" s="91"/>
      <c r="FQ5069" s="91"/>
      <c r="FR5069" s="91"/>
      <c r="FS5069" s="91"/>
      <c r="FT5069" s="91"/>
      <c r="FU5069" s="91"/>
      <c r="FV5069" s="91"/>
      <c r="FW5069" s="91"/>
      <c r="FX5069" s="127"/>
      <c r="FY5069" s="126"/>
      <c r="FZ5069" s="91"/>
      <c r="GA5069" s="91"/>
      <c r="GB5069" s="91"/>
      <c r="GC5069" s="91"/>
      <c r="GD5069" s="91"/>
      <c r="GE5069" s="91"/>
      <c r="GF5069" s="91"/>
      <c r="GG5069" s="91"/>
      <c r="GH5069" s="91"/>
      <c r="GI5069" s="91"/>
      <c r="GJ5069" s="91"/>
      <c r="GK5069" s="127"/>
      <c r="GL5069" s="126"/>
      <c r="GM5069" s="91"/>
      <c r="GN5069" s="91"/>
      <c r="GO5069" s="91"/>
      <c r="GP5069" s="91"/>
      <c r="GQ5069" s="91"/>
      <c r="GR5069" s="91"/>
      <c r="GS5069" s="91"/>
      <c r="GT5069" s="91"/>
      <c r="GU5069" s="91"/>
      <c r="GV5069" s="91"/>
      <c r="GW5069" s="91"/>
      <c r="GX5069" s="127"/>
      <c r="GY5069" s="126"/>
      <c r="GZ5069" s="91"/>
      <c r="HA5069" s="91"/>
      <c r="HB5069" s="91"/>
      <c r="HC5069" s="91"/>
      <c r="HD5069" s="91"/>
      <c r="HE5069" s="91"/>
      <c r="HF5069" s="91"/>
      <c r="HG5069" s="91"/>
      <c r="HH5069" s="91"/>
      <c r="HI5069" s="91"/>
      <c r="HJ5069" s="91"/>
      <c r="HK5069" s="127"/>
      <c r="HL5069" s="126"/>
      <c r="HM5069" s="91"/>
      <c r="HN5069" s="91"/>
      <c r="HO5069" s="91"/>
      <c r="HP5069" s="91"/>
      <c r="HQ5069" s="91"/>
      <c r="HR5069" s="91"/>
      <c r="HS5069" s="91"/>
      <c r="HT5069" s="91"/>
      <c r="HU5069" s="91"/>
      <c r="HV5069" s="91"/>
      <c r="HW5069" s="91"/>
      <c r="HX5069" s="127"/>
      <c r="HY5069" s="126"/>
      <c r="HZ5069" s="91"/>
      <c r="IA5069" s="91"/>
      <c r="IB5069" s="91"/>
      <c r="IC5069" s="91"/>
      <c r="ID5069" s="91"/>
      <c r="IE5069" s="91"/>
      <c r="IF5069" s="91"/>
      <c r="IG5069" s="91"/>
      <c r="IH5069" s="91"/>
      <c r="II5069" s="91"/>
      <c r="IJ5069" s="91"/>
      <c r="IK5069" s="174"/>
    </row>
    <row r="5070" spans="2:245" x14ac:dyDescent="0.2">
      <c r="B5070" s="43"/>
      <c r="C5070" s="73"/>
      <c r="D5070" s="64"/>
      <c r="E5070" s="64"/>
      <c r="F5070" s="55"/>
      <c r="G5070" s="102"/>
      <c r="H5070" s="97"/>
      <c r="T5070" s="98"/>
      <c r="U5070" s="97"/>
      <c r="AG5070" s="98"/>
      <c r="AY5070" s="164"/>
      <c r="BK5070" s="98"/>
      <c r="BL5070" s="97"/>
      <c r="BX5070" s="98"/>
      <c r="CL5070" s="97"/>
      <c r="CX5070" s="98"/>
      <c r="DL5070" s="97"/>
      <c r="DX5070" s="98"/>
      <c r="EL5070" s="97"/>
      <c r="EX5070" s="98"/>
      <c r="EY5070" s="97"/>
      <c r="FL5070" s="126"/>
      <c r="FM5070" s="91"/>
      <c r="FN5070" s="91"/>
      <c r="FO5070" s="91"/>
      <c r="FP5070" s="91"/>
      <c r="FQ5070" s="91"/>
      <c r="FR5070" s="91"/>
      <c r="FS5070" s="91"/>
      <c r="FT5070" s="91"/>
      <c r="FU5070" s="91"/>
      <c r="FV5070" s="91"/>
      <c r="FW5070" s="91"/>
      <c r="FX5070" s="127"/>
      <c r="FY5070" s="126"/>
      <c r="FZ5070" s="91"/>
      <c r="GA5070" s="91"/>
      <c r="GB5070" s="91"/>
      <c r="GC5070" s="91"/>
      <c r="GD5070" s="91"/>
      <c r="GE5070" s="91"/>
      <c r="GF5070" s="91"/>
      <c r="GG5070" s="91"/>
      <c r="GH5070" s="91"/>
      <c r="GI5070" s="91"/>
      <c r="GJ5070" s="91"/>
      <c r="GK5070" s="127"/>
      <c r="GL5070" s="126"/>
      <c r="GM5070" s="91"/>
      <c r="GN5070" s="91"/>
      <c r="GO5070" s="91"/>
      <c r="GP5070" s="91"/>
      <c r="GQ5070" s="91"/>
      <c r="GR5070" s="91"/>
      <c r="GS5070" s="91"/>
      <c r="GT5070" s="91"/>
      <c r="GU5070" s="91"/>
      <c r="GV5070" s="91"/>
      <c r="GW5070" s="91"/>
      <c r="GX5070" s="127"/>
      <c r="GY5070" s="126"/>
      <c r="GZ5070" s="91"/>
      <c r="HA5070" s="91"/>
      <c r="HB5070" s="91"/>
      <c r="HC5070" s="91"/>
      <c r="HD5070" s="91"/>
      <c r="HE5070" s="91"/>
      <c r="HF5070" s="91"/>
      <c r="HG5070" s="91"/>
      <c r="HH5070" s="91"/>
      <c r="HI5070" s="91"/>
      <c r="HJ5070" s="91"/>
      <c r="HK5070" s="127"/>
      <c r="HL5070" s="126"/>
      <c r="HM5070" s="91"/>
      <c r="HN5070" s="91"/>
      <c r="HO5070" s="91"/>
      <c r="HP5070" s="91"/>
      <c r="HQ5070" s="91"/>
      <c r="HR5070" s="91"/>
      <c r="HS5070" s="91"/>
      <c r="HT5070" s="91"/>
      <c r="HU5070" s="91"/>
      <c r="HV5070" s="91"/>
      <c r="HW5070" s="91"/>
      <c r="HX5070" s="127"/>
      <c r="HY5070" s="126"/>
      <c r="HZ5070" s="91"/>
      <c r="IA5070" s="91"/>
      <c r="IB5070" s="91"/>
      <c r="IC5070" s="91"/>
      <c r="ID5070" s="91"/>
      <c r="IE5070" s="91"/>
      <c r="IF5070" s="91"/>
      <c r="IG5070" s="91"/>
      <c r="IH5070" s="91"/>
      <c r="II5070" s="91"/>
      <c r="IJ5070" s="91"/>
      <c r="IK5070" s="174"/>
    </row>
    <row r="5071" spans="2:245" x14ac:dyDescent="0.2">
      <c r="B5071" s="43"/>
      <c r="C5071" s="73"/>
      <c r="D5071" s="64"/>
      <c r="E5071" s="64"/>
      <c r="F5071" s="55"/>
      <c r="G5071" s="102"/>
      <c r="H5071" s="97"/>
      <c r="T5071" s="98"/>
      <c r="U5071" s="97"/>
      <c r="AG5071" s="98"/>
      <c r="AY5071" s="164"/>
      <c r="BK5071" s="98"/>
      <c r="BL5071" s="97"/>
      <c r="BX5071" s="98"/>
      <c r="CL5071" s="97"/>
      <c r="CX5071" s="98"/>
      <c r="DL5071" s="97"/>
      <c r="DX5071" s="98"/>
      <c r="EL5071" s="97"/>
      <c r="EX5071" s="98"/>
      <c r="EY5071" s="97"/>
      <c r="FL5071" s="126"/>
      <c r="FM5071" s="91"/>
      <c r="FN5071" s="91"/>
      <c r="FO5071" s="91"/>
      <c r="FP5071" s="91"/>
      <c r="FQ5071" s="91"/>
      <c r="FR5071" s="91"/>
      <c r="FS5071" s="91"/>
      <c r="FT5071" s="91"/>
      <c r="FU5071" s="91"/>
      <c r="FV5071" s="91"/>
      <c r="FW5071" s="91"/>
      <c r="FX5071" s="127"/>
      <c r="FY5071" s="126"/>
      <c r="FZ5071" s="91"/>
      <c r="GA5071" s="91"/>
      <c r="GB5071" s="91"/>
      <c r="GC5071" s="91"/>
      <c r="GD5071" s="91"/>
      <c r="GE5071" s="91"/>
      <c r="GF5071" s="91"/>
      <c r="GG5071" s="91"/>
      <c r="GH5071" s="91"/>
      <c r="GI5071" s="91"/>
      <c r="GJ5071" s="91"/>
      <c r="GK5071" s="127"/>
      <c r="GL5071" s="126"/>
      <c r="GM5071" s="91"/>
      <c r="GN5071" s="91"/>
      <c r="GO5071" s="91"/>
      <c r="GP5071" s="91"/>
      <c r="GQ5071" s="91"/>
      <c r="GR5071" s="91"/>
      <c r="GS5071" s="91"/>
      <c r="GT5071" s="91"/>
      <c r="GU5071" s="91"/>
      <c r="GV5071" s="91"/>
      <c r="GW5071" s="91"/>
      <c r="GX5071" s="127"/>
      <c r="GY5071" s="126"/>
      <c r="GZ5071" s="91"/>
      <c r="HA5071" s="91"/>
      <c r="HB5071" s="91"/>
      <c r="HC5071" s="91"/>
      <c r="HD5071" s="91"/>
      <c r="HE5071" s="91"/>
      <c r="HF5071" s="91"/>
      <c r="HG5071" s="91"/>
      <c r="HH5071" s="91"/>
      <c r="HI5071" s="91"/>
      <c r="HJ5071" s="91"/>
      <c r="HK5071" s="127"/>
      <c r="HL5071" s="126"/>
      <c r="HM5071" s="91"/>
      <c r="HN5071" s="91"/>
      <c r="HO5071" s="91"/>
      <c r="HP5071" s="91"/>
      <c r="HQ5071" s="91"/>
      <c r="HR5071" s="91"/>
      <c r="HS5071" s="91"/>
      <c r="HT5071" s="91"/>
      <c r="HU5071" s="91"/>
      <c r="HV5071" s="91"/>
      <c r="HW5071" s="91"/>
      <c r="HX5071" s="127"/>
      <c r="HY5071" s="126"/>
      <c r="HZ5071" s="91"/>
      <c r="IA5071" s="91"/>
      <c r="IB5071" s="91"/>
      <c r="IC5071" s="91"/>
      <c r="ID5071" s="91"/>
      <c r="IE5071" s="91"/>
      <c r="IF5071" s="91"/>
      <c r="IG5071" s="91"/>
      <c r="IH5071" s="91"/>
      <c r="II5071" s="91"/>
      <c r="IJ5071" s="91"/>
      <c r="IK5071" s="174"/>
    </row>
    <row r="5072" spans="2:245" x14ac:dyDescent="0.2">
      <c r="B5072" s="43"/>
      <c r="C5072" s="73"/>
      <c r="D5072" s="64"/>
      <c r="E5072" s="64"/>
      <c r="F5072" s="55"/>
      <c r="G5072" s="102"/>
      <c r="H5072" s="97"/>
      <c r="T5072" s="98"/>
      <c r="U5072" s="97"/>
      <c r="AG5072" s="98"/>
      <c r="AY5072" s="164"/>
      <c r="BK5072" s="98"/>
      <c r="BL5072" s="97"/>
      <c r="BX5072" s="98"/>
      <c r="CL5072" s="97"/>
      <c r="CX5072" s="98"/>
      <c r="DL5072" s="97"/>
      <c r="DX5072" s="98"/>
      <c r="EL5072" s="97"/>
      <c r="EX5072" s="98"/>
      <c r="EY5072" s="97"/>
      <c r="FL5072" s="126"/>
      <c r="FM5072" s="91"/>
      <c r="FN5072" s="91"/>
      <c r="FO5072" s="91"/>
      <c r="FP5072" s="91"/>
      <c r="FQ5072" s="91"/>
      <c r="FR5072" s="91"/>
      <c r="FS5072" s="91"/>
      <c r="FT5072" s="91"/>
      <c r="FU5072" s="91"/>
      <c r="FV5072" s="91"/>
      <c r="FW5072" s="91"/>
      <c r="FX5072" s="127"/>
      <c r="FY5072" s="126"/>
      <c r="FZ5072" s="91"/>
      <c r="GA5072" s="91"/>
      <c r="GB5072" s="91"/>
      <c r="GC5072" s="91"/>
      <c r="GD5072" s="91"/>
      <c r="GE5072" s="91"/>
      <c r="GF5072" s="91"/>
      <c r="GG5072" s="91"/>
      <c r="GH5072" s="91"/>
      <c r="GI5072" s="91"/>
      <c r="GJ5072" s="91"/>
      <c r="GK5072" s="127"/>
      <c r="GL5072" s="126"/>
      <c r="GM5072" s="91"/>
      <c r="GN5072" s="91"/>
      <c r="GO5072" s="91"/>
      <c r="GP5072" s="91"/>
      <c r="GQ5072" s="91"/>
      <c r="GR5072" s="91"/>
      <c r="GS5072" s="91"/>
      <c r="GT5072" s="91"/>
      <c r="GU5072" s="91"/>
      <c r="GV5072" s="91"/>
      <c r="GW5072" s="91"/>
      <c r="GX5072" s="127"/>
      <c r="GY5072" s="126"/>
      <c r="GZ5072" s="91"/>
      <c r="HA5072" s="91"/>
      <c r="HB5072" s="91"/>
      <c r="HC5072" s="91"/>
      <c r="HD5072" s="91"/>
      <c r="HE5072" s="91"/>
      <c r="HF5072" s="91"/>
      <c r="HG5072" s="91"/>
      <c r="HH5072" s="91"/>
      <c r="HI5072" s="91"/>
      <c r="HJ5072" s="91"/>
      <c r="HK5072" s="127"/>
      <c r="HL5072" s="126"/>
      <c r="HM5072" s="91"/>
      <c r="HN5072" s="91"/>
      <c r="HO5072" s="91"/>
      <c r="HP5072" s="91"/>
      <c r="HQ5072" s="91"/>
      <c r="HR5072" s="91"/>
      <c r="HS5072" s="91"/>
      <c r="HT5072" s="91"/>
      <c r="HU5072" s="91"/>
      <c r="HV5072" s="91"/>
      <c r="HW5072" s="91"/>
      <c r="HX5072" s="127"/>
      <c r="HY5072" s="126"/>
      <c r="HZ5072" s="91"/>
      <c r="IA5072" s="91"/>
      <c r="IB5072" s="91"/>
      <c r="IC5072" s="91"/>
      <c r="ID5072" s="91"/>
      <c r="IE5072" s="91"/>
      <c r="IF5072" s="91"/>
      <c r="IG5072" s="91"/>
      <c r="IH5072" s="91"/>
      <c r="II5072" s="91"/>
      <c r="IJ5072" s="91"/>
      <c r="IK5072" s="174"/>
    </row>
    <row r="5073" spans="2:245" x14ac:dyDescent="0.2">
      <c r="B5073" s="43"/>
      <c r="C5073" s="73"/>
      <c r="D5073" s="64"/>
      <c r="E5073" s="64"/>
      <c r="F5073" s="55"/>
      <c r="G5073" s="102"/>
      <c r="H5073" s="97"/>
      <c r="T5073" s="98"/>
      <c r="U5073" s="97"/>
      <c r="AG5073" s="98"/>
      <c r="AY5073" s="164"/>
      <c r="BK5073" s="98"/>
      <c r="BL5073" s="97"/>
      <c r="BX5073" s="98"/>
      <c r="CL5073" s="97"/>
      <c r="CX5073" s="98"/>
      <c r="DL5073" s="97"/>
      <c r="DX5073" s="98"/>
      <c r="EL5073" s="97"/>
      <c r="EX5073" s="98"/>
      <c r="EY5073" s="97"/>
      <c r="FL5073" s="126"/>
      <c r="FM5073" s="91"/>
      <c r="FN5073" s="91"/>
      <c r="FO5073" s="91"/>
      <c r="FP5073" s="91"/>
      <c r="FQ5073" s="91"/>
      <c r="FR5073" s="91"/>
      <c r="FS5073" s="91"/>
      <c r="FT5073" s="91"/>
      <c r="FU5073" s="91"/>
      <c r="FV5073" s="91"/>
      <c r="FW5073" s="91"/>
      <c r="FX5073" s="127"/>
      <c r="FY5073" s="126"/>
      <c r="FZ5073" s="91"/>
      <c r="GA5073" s="91"/>
      <c r="GB5073" s="91"/>
      <c r="GC5073" s="91"/>
      <c r="GD5073" s="91"/>
      <c r="GE5073" s="91"/>
      <c r="GF5073" s="91"/>
      <c r="GG5073" s="91"/>
      <c r="GH5073" s="91"/>
      <c r="GI5073" s="91"/>
      <c r="GJ5073" s="91"/>
      <c r="GK5073" s="127"/>
      <c r="GL5073" s="126"/>
      <c r="GM5073" s="91"/>
      <c r="GN5073" s="91"/>
      <c r="GO5073" s="91"/>
      <c r="GP5073" s="91"/>
      <c r="GQ5073" s="91"/>
      <c r="GR5073" s="91"/>
      <c r="GS5073" s="91"/>
      <c r="GT5073" s="91"/>
      <c r="GU5073" s="91"/>
      <c r="GV5073" s="91"/>
      <c r="GW5073" s="91"/>
      <c r="GX5073" s="127"/>
      <c r="GY5073" s="126"/>
      <c r="GZ5073" s="91"/>
      <c r="HA5073" s="91"/>
      <c r="HB5073" s="91"/>
      <c r="HC5073" s="91"/>
      <c r="HD5073" s="91"/>
      <c r="HE5073" s="91"/>
      <c r="HF5073" s="91"/>
      <c r="HG5073" s="91"/>
      <c r="HH5073" s="91"/>
      <c r="HI5073" s="91"/>
      <c r="HJ5073" s="91"/>
      <c r="HK5073" s="127"/>
      <c r="HL5073" s="126"/>
      <c r="HM5073" s="91"/>
      <c r="HN5073" s="91"/>
      <c r="HO5073" s="91"/>
      <c r="HP5073" s="91"/>
      <c r="HQ5073" s="91"/>
      <c r="HR5073" s="91"/>
      <c r="HS5073" s="91"/>
      <c r="HT5073" s="91"/>
      <c r="HU5073" s="91"/>
      <c r="HV5073" s="91"/>
      <c r="HW5073" s="91"/>
      <c r="HX5073" s="127"/>
      <c r="HY5073" s="126"/>
      <c r="HZ5073" s="91"/>
      <c r="IA5073" s="91"/>
      <c r="IB5073" s="91"/>
      <c r="IC5073" s="91"/>
      <c r="ID5073" s="91"/>
      <c r="IE5073" s="91"/>
      <c r="IF5073" s="91"/>
      <c r="IG5073" s="91"/>
      <c r="IH5073" s="91"/>
      <c r="II5073" s="91"/>
      <c r="IJ5073" s="91"/>
      <c r="IK5073" s="174"/>
    </row>
    <row r="5074" spans="2:245" x14ac:dyDescent="0.2">
      <c r="B5074" s="43"/>
      <c r="C5074" s="73"/>
      <c r="D5074" s="64"/>
      <c r="E5074" s="64"/>
      <c r="F5074" s="55"/>
      <c r="G5074" s="102"/>
      <c r="H5074" s="97"/>
      <c r="T5074" s="98"/>
      <c r="U5074" s="97"/>
      <c r="AG5074" s="98"/>
      <c r="AY5074" s="164"/>
      <c r="BK5074" s="98"/>
      <c r="BL5074" s="97"/>
      <c r="BX5074" s="98"/>
      <c r="CL5074" s="97"/>
      <c r="CX5074" s="98"/>
      <c r="DL5074" s="97"/>
      <c r="DX5074" s="98"/>
      <c r="EL5074" s="97"/>
      <c r="EX5074" s="98"/>
      <c r="EY5074" s="97"/>
      <c r="FL5074" s="126"/>
      <c r="FM5074" s="91"/>
      <c r="FN5074" s="91"/>
      <c r="FO5074" s="91"/>
      <c r="FP5074" s="91"/>
      <c r="FQ5074" s="91"/>
      <c r="FR5074" s="91"/>
      <c r="FS5074" s="91"/>
      <c r="FT5074" s="91"/>
      <c r="FU5074" s="91"/>
      <c r="FV5074" s="91"/>
      <c r="FW5074" s="91"/>
      <c r="FX5074" s="127"/>
      <c r="FY5074" s="126"/>
      <c r="FZ5074" s="91"/>
      <c r="GA5074" s="91"/>
      <c r="GB5074" s="91"/>
      <c r="GC5074" s="91"/>
      <c r="GD5074" s="91"/>
      <c r="GE5074" s="91"/>
      <c r="GF5074" s="91"/>
      <c r="GG5074" s="91"/>
      <c r="GH5074" s="91"/>
      <c r="GI5074" s="91"/>
      <c r="GJ5074" s="91"/>
      <c r="GK5074" s="127"/>
      <c r="GL5074" s="126"/>
      <c r="GM5074" s="91"/>
      <c r="GN5074" s="91"/>
      <c r="GO5074" s="91"/>
      <c r="GP5074" s="91"/>
      <c r="GQ5074" s="91"/>
      <c r="GR5074" s="91"/>
      <c r="GS5074" s="91"/>
      <c r="GT5074" s="91"/>
      <c r="GU5074" s="91"/>
      <c r="GV5074" s="91"/>
      <c r="GW5074" s="91"/>
      <c r="GX5074" s="127"/>
      <c r="GY5074" s="126"/>
      <c r="GZ5074" s="91"/>
      <c r="HA5074" s="91"/>
      <c r="HB5074" s="91"/>
      <c r="HC5074" s="91"/>
      <c r="HD5074" s="91"/>
      <c r="HE5074" s="91"/>
      <c r="HF5074" s="91"/>
      <c r="HG5074" s="91"/>
      <c r="HH5074" s="91"/>
      <c r="HI5074" s="91"/>
      <c r="HJ5074" s="91"/>
      <c r="HK5074" s="127"/>
      <c r="HL5074" s="126"/>
      <c r="HM5074" s="91"/>
      <c r="HN5074" s="91"/>
      <c r="HO5074" s="91"/>
      <c r="HP5074" s="91"/>
      <c r="HQ5074" s="91"/>
      <c r="HR5074" s="91"/>
      <c r="HS5074" s="91"/>
      <c r="HT5074" s="91"/>
      <c r="HU5074" s="91"/>
      <c r="HV5074" s="91"/>
      <c r="HW5074" s="91"/>
      <c r="HX5074" s="127"/>
      <c r="HY5074" s="126"/>
      <c r="HZ5074" s="91"/>
      <c r="IA5074" s="91"/>
      <c r="IB5074" s="91"/>
      <c r="IC5074" s="91"/>
      <c r="ID5074" s="91"/>
      <c r="IE5074" s="91"/>
      <c r="IF5074" s="91"/>
      <c r="IG5074" s="91"/>
      <c r="IH5074" s="91"/>
      <c r="II5074" s="91"/>
      <c r="IJ5074" s="91"/>
      <c r="IK5074" s="174"/>
    </row>
    <row r="5075" spans="2:245" x14ac:dyDescent="0.2">
      <c r="B5075" s="43"/>
      <c r="C5075" s="73"/>
      <c r="D5075" s="64"/>
      <c r="E5075" s="64"/>
      <c r="F5075" s="55"/>
      <c r="G5075" s="102"/>
      <c r="H5075" s="97"/>
      <c r="T5075" s="98"/>
      <c r="U5075" s="97"/>
      <c r="AG5075" s="98"/>
      <c r="AY5075" s="164"/>
      <c r="BK5075" s="98"/>
      <c r="BL5075" s="97"/>
      <c r="BX5075" s="98"/>
      <c r="CL5075" s="97"/>
      <c r="CX5075" s="98"/>
      <c r="DL5075" s="97"/>
      <c r="DX5075" s="98"/>
      <c r="EL5075" s="97"/>
      <c r="EX5075" s="98"/>
      <c r="EY5075" s="97"/>
      <c r="FL5075" s="126"/>
      <c r="FM5075" s="91"/>
      <c r="FN5075" s="91"/>
      <c r="FO5075" s="91"/>
      <c r="FP5075" s="91"/>
      <c r="FQ5075" s="91"/>
      <c r="FR5075" s="91"/>
      <c r="FS5075" s="91"/>
      <c r="FT5075" s="91"/>
      <c r="FU5075" s="91"/>
      <c r="FV5075" s="91"/>
      <c r="FW5075" s="91"/>
      <c r="FX5075" s="127"/>
      <c r="FY5075" s="126"/>
      <c r="FZ5075" s="91"/>
      <c r="GA5075" s="91"/>
      <c r="GB5075" s="91"/>
      <c r="GC5075" s="91"/>
      <c r="GD5075" s="91"/>
      <c r="GE5075" s="91"/>
      <c r="GF5075" s="91"/>
      <c r="GG5075" s="91"/>
      <c r="GH5075" s="91"/>
      <c r="GI5075" s="91"/>
      <c r="GJ5075" s="91"/>
      <c r="GK5075" s="127"/>
      <c r="GL5075" s="126"/>
      <c r="GM5075" s="91"/>
      <c r="GN5075" s="91"/>
      <c r="GO5075" s="91"/>
      <c r="GP5075" s="91"/>
      <c r="GQ5075" s="91"/>
      <c r="GR5075" s="91"/>
      <c r="GS5075" s="91"/>
      <c r="GT5075" s="91"/>
      <c r="GU5075" s="91"/>
      <c r="GV5075" s="91"/>
      <c r="GW5075" s="91"/>
      <c r="GX5075" s="127"/>
      <c r="GY5075" s="126"/>
      <c r="GZ5075" s="91"/>
      <c r="HA5075" s="91"/>
      <c r="HB5075" s="91"/>
      <c r="HC5075" s="91"/>
      <c r="HD5075" s="91"/>
      <c r="HE5075" s="91"/>
      <c r="HF5075" s="91"/>
      <c r="HG5075" s="91"/>
      <c r="HH5075" s="91"/>
      <c r="HI5075" s="91"/>
      <c r="HJ5075" s="91"/>
      <c r="HK5075" s="127"/>
      <c r="HL5075" s="126"/>
      <c r="HM5075" s="91"/>
      <c r="HN5075" s="91"/>
      <c r="HO5075" s="91"/>
      <c r="HP5075" s="91"/>
      <c r="HQ5075" s="91"/>
      <c r="HR5075" s="91"/>
      <c r="HS5075" s="91"/>
      <c r="HT5075" s="91"/>
      <c r="HU5075" s="91"/>
      <c r="HV5075" s="91"/>
      <c r="HW5075" s="91"/>
      <c r="HX5075" s="127"/>
      <c r="HY5075" s="126"/>
      <c r="HZ5075" s="91"/>
      <c r="IA5075" s="91"/>
      <c r="IB5075" s="91"/>
      <c r="IC5075" s="91"/>
      <c r="ID5075" s="91"/>
      <c r="IE5075" s="91"/>
      <c r="IF5075" s="91"/>
      <c r="IG5075" s="91"/>
      <c r="IH5075" s="91"/>
      <c r="II5075" s="91"/>
      <c r="IJ5075" s="91"/>
      <c r="IK5075" s="174"/>
    </row>
    <row r="5076" spans="2:245" x14ac:dyDescent="0.2">
      <c r="B5076" s="43"/>
      <c r="C5076" s="73"/>
      <c r="D5076" s="64"/>
      <c r="E5076" s="64"/>
      <c r="F5076" s="55"/>
      <c r="G5076" s="102"/>
      <c r="H5076" s="97"/>
      <c r="T5076" s="98"/>
      <c r="U5076" s="97"/>
      <c r="AG5076" s="98"/>
      <c r="AY5076" s="164"/>
      <c r="BK5076" s="98"/>
      <c r="BL5076" s="97"/>
      <c r="BX5076" s="98"/>
      <c r="CL5076" s="97"/>
      <c r="CX5076" s="98"/>
      <c r="DL5076" s="97"/>
      <c r="DX5076" s="98"/>
      <c r="EL5076" s="97"/>
      <c r="EX5076" s="98"/>
      <c r="EY5076" s="97"/>
      <c r="FL5076" s="126"/>
      <c r="FM5076" s="91"/>
      <c r="FN5076" s="91"/>
      <c r="FO5076" s="91"/>
      <c r="FP5076" s="91"/>
      <c r="FQ5076" s="91"/>
      <c r="FR5076" s="91"/>
      <c r="FS5076" s="91"/>
      <c r="FT5076" s="91"/>
      <c r="FU5076" s="91"/>
      <c r="FV5076" s="91"/>
      <c r="FW5076" s="91"/>
      <c r="FX5076" s="127"/>
      <c r="FY5076" s="126"/>
      <c r="FZ5076" s="91"/>
      <c r="GA5076" s="91"/>
      <c r="GB5076" s="91"/>
      <c r="GC5076" s="91"/>
      <c r="GD5076" s="91"/>
      <c r="GE5076" s="91"/>
      <c r="GF5076" s="91"/>
      <c r="GG5076" s="91"/>
      <c r="GH5076" s="91"/>
      <c r="GI5076" s="91"/>
      <c r="GJ5076" s="91"/>
      <c r="GK5076" s="127"/>
      <c r="GL5076" s="126"/>
      <c r="GM5076" s="91"/>
      <c r="GN5076" s="91"/>
      <c r="GO5076" s="91"/>
      <c r="GP5076" s="91"/>
      <c r="GQ5076" s="91"/>
      <c r="GR5076" s="91"/>
      <c r="GS5076" s="91"/>
      <c r="GT5076" s="91"/>
      <c r="GU5076" s="91"/>
      <c r="GV5076" s="91"/>
      <c r="GW5076" s="91"/>
      <c r="GX5076" s="127"/>
      <c r="GY5076" s="126"/>
      <c r="GZ5076" s="91"/>
      <c r="HA5076" s="91"/>
      <c r="HB5076" s="91"/>
      <c r="HC5076" s="91"/>
      <c r="HD5076" s="91"/>
      <c r="HE5076" s="91"/>
      <c r="HF5076" s="91"/>
      <c r="HG5076" s="91"/>
      <c r="HH5076" s="91"/>
      <c r="HI5076" s="91"/>
      <c r="HJ5076" s="91"/>
      <c r="HK5076" s="127"/>
      <c r="HL5076" s="126"/>
      <c r="HM5076" s="91"/>
      <c r="HN5076" s="91"/>
      <c r="HO5076" s="91"/>
      <c r="HP5076" s="91"/>
      <c r="HQ5076" s="91"/>
      <c r="HR5076" s="91"/>
      <c r="HS5076" s="91"/>
      <c r="HT5076" s="91"/>
      <c r="HU5076" s="91"/>
      <c r="HV5076" s="91"/>
      <c r="HW5076" s="91"/>
      <c r="HX5076" s="127"/>
      <c r="HY5076" s="126"/>
      <c r="HZ5076" s="91"/>
      <c r="IA5076" s="91"/>
      <c r="IB5076" s="91"/>
      <c r="IC5076" s="91"/>
      <c r="ID5076" s="91"/>
      <c r="IE5076" s="91"/>
      <c r="IF5076" s="91"/>
      <c r="IG5076" s="91"/>
      <c r="IH5076" s="91"/>
      <c r="II5076" s="91"/>
      <c r="IJ5076" s="91"/>
      <c r="IK5076" s="174"/>
    </row>
    <row r="5077" spans="2:245" x14ac:dyDescent="0.2">
      <c r="B5077" s="43"/>
      <c r="C5077" s="73"/>
      <c r="D5077" s="64"/>
      <c r="E5077" s="64"/>
      <c r="F5077" s="55"/>
      <c r="G5077" s="102"/>
      <c r="H5077" s="97"/>
      <c r="T5077" s="98"/>
      <c r="U5077" s="97"/>
      <c r="AG5077" s="98"/>
      <c r="AY5077" s="164"/>
      <c r="BK5077" s="98"/>
      <c r="BL5077" s="97"/>
      <c r="BX5077" s="98"/>
      <c r="CL5077" s="97"/>
      <c r="CX5077" s="98"/>
      <c r="DL5077" s="97"/>
      <c r="DX5077" s="98"/>
      <c r="EL5077" s="97"/>
      <c r="EX5077" s="98"/>
      <c r="EY5077" s="97"/>
      <c r="FL5077" s="126"/>
      <c r="FM5077" s="91"/>
      <c r="FN5077" s="91"/>
      <c r="FO5077" s="91"/>
      <c r="FP5077" s="91"/>
      <c r="FQ5077" s="91"/>
      <c r="FR5077" s="91"/>
      <c r="FS5077" s="91"/>
      <c r="FT5077" s="91"/>
      <c r="FU5077" s="91"/>
      <c r="FV5077" s="91"/>
      <c r="FW5077" s="91"/>
      <c r="FX5077" s="127"/>
      <c r="FY5077" s="126"/>
      <c r="FZ5077" s="91"/>
      <c r="GA5077" s="91"/>
      <c r="GB5077" s="91"/>
      <c r="GC5077" s="91"/>
      <c r="GD5077" s="91"/>
      <c r="GE5077" s="91"/>
      <c r="GF5077" s="91"/>
      <c r="GG5077" s="91"/>
      <c r="GH5077" s="91"/>
      <c r="GI5077" s="91"/>
      <c r="GJ5077" s="91"/>
      <c r="GK5077" s="127"/>
      <c r="GL5077" s="126"/>
      <c r="GM5077" s="91"/>
      <c r="GN5077" s="91"/>
      <c r="GO5077" s="91"/>
      <c r="GP5077" s="91"/>
      <c r="GQ5077" s="91"/>
      <c r="GR5077" s="91"/>
      <c r="GS5077" s="91"/>
      <c r="GT5077" s="91"/>
      <c r="GU5077" s="91"/>
      <c r="GV5077" s="91"/>
      <c r="GW5077" s="91"/>
      <c r="GX5077" s="127"/>
      <c r="GY5077" s="126"/>
      <c r="GZ5077" s="91"/>
      <c r="HA5077" s="91"/>
      <c r="HB5077" s="91"/>
      <c r="HC5077" s="91"/>
      <c r="HD5077" s="91"/>
      <c r="HE5077" s="91"/>
      <c r="HF5077" s="91"/>
      <c r="HG5077" s="91"/>
      <c r="HH5077" s="91"/>
      <c r="HI5077" s="91"/>
      <c r="HJ5077" s="91"/>
      <c r="HK5077" s="127"/>
      <c r="HL5077" s="126"/>
      <c r="HM5077" s="91"/>
      <c r="HN5077" s="91"/>
      <c r="HO5077" s="91"/>
      <c r="HP5077" s="91"/>
      <c r="HQ5077" s="91"/>
      <c r="HR5077" s="91"/>
      <c r="HS5077" s="91"/>
      <c r="HT5077" s="91"/>
      <c r="HU5077" s="91"/>
      <c r="HV5077" s="91"/>
      <c r="HW5077" s="91"/>
      <c r="HX5077" s="127"/>
      <c r="HY5077" s="126"/>
      <c r="HZ5077" s="91"/>
      <c r="IA5077" s="91"/>
      <c r="IB5077" s="91"/>
      <c r="IC5077" s="91"/>
      <c r="ID5077" s="91"/>
      <c r="IE5077" s="91"/>
      <c r="IF5077" s="91"/>
      <c r="IG5077" s="91"/>
      <c r="IH5077" s="91"/>
      <c r="II5077" s="91"/>
      <c r="IJ5077" s="91"/>
      <c r="IK5077" s="174"/>
    </row>
    <row r="5078" spans="2:245" x14ac:dyDescent="0.2">
      <c r="B5078" s="43"/>
      <c r="C5078" s="73"/>
      <c r="D5078" s="64"/>
      <c r="E5078" s="64"/>
      <c r="F5078" s="55"/>
      <c r="G5078" s="102"/>
      <c r="H5078" s="97"/>
      <c r="T5078" s="98"/>
      <c r="U5078" s="97"/>
      <c r="AG5078" s="98"/>
      <c r="AY5078" s="164"/>
      <c r="BK5078" s="98"/>
      <c r="BL5078" s="97"/>
      <c r="BX5078" s="98"/>
      <c r="CL5078" s="97"/>
      <c r="CX5078" s="98"/>
      <c r="DL5078" s="97"/>
      <c r="DX5078" s="98"/>
      <c r="EL5078" s="97"/>
      <c r="EX5078" s="98"/>
      <c r="EY5078" s="97"/>
      <c r="FL5078" s="126"/>
      <c r="FM5078" s="91"/>
      <c r="FN5078" s="91"/>
      <c r="FO5078" s="91"/>
      <c r="FP5078" s="91"/>
      <c r="FQ5078" s="91"/>
      <c r="FR5078" s="91"/>
      <c r="FS5078" s="91"/>
      <c r="FT5078" s="91"/>
      <c r="FU5078" s="91"/>
      <c r="FV5078" s="91"/>
      <c r="FW5078" s="91"/>
      <c r="FX5078" s="127"/>
      <c r="FY5078" s="126"/>
      <c r="FZ5078" s="91"/>
      <c r="GA5078" s="91"/>
      <c r="GB5078" s="91"/>
      <c r="GC5078" s="91"/>
      <c r="GD5078" s="91"/>
      <c r="GE5078" s="91"/>
      <c r="GF5078" s="91"/>
      <c r="GG5078" s="91"/>
      <c r="GH5078" s="91"/>
      <c r="GI5078" s="91"/>
      <c r="GJ5078" s="91"/>
      <c r="GK5078" s="127"/>
      <c r="GL5078" s="126"/>
      <c r="GM5078" s="91"/>
      <c r="GN5078" s="91"/>
      <c r="GO5078" s="91"/>
      <c r="GP5078" s="91"/>
      <c r="GQ5078" s="91"/>
      <c r="GR5078" s="91"/>
      <c r="GS5078" s="91"/>
      <c r="GT5078" s="91"/>
      <c r="GU5078" s="91"/>
      <c r="GV5078" s="91"/>
      <c r="GW5078" s="91"/>
      <c r="GX5078" s="127"/>
      <c r="GY5078" s="126"/>
      <c r="GZ5078" s="91"/>
      <c r="HA5078" s="91"/>
      <c r="HB5078" s="91"/>
      <c r="HC5078" s="91"/>
      <c r="HD5078" s="91"/>
      <c r="HE5078" s="91"/>
      <c r="HF5078" s="91"/>
      <c r="HG5078" s="91"/>
      <c r="HH5078" s="91"/>
      <c r="HI5078" s="91"/>
      <c r="HJ5078" s="91"/>
      <c r="HK5078" s="127"/>
      <c r="HL5078" s="126"/>
      <c r="HM5078" s="91"/>
      <c r="HN5078" s="91"/>
      <c r="HO5078" s="91"/>
      <c r="HP5078" s="91"/>
      <c r="HQ5078" s="91"/>
      <c r="HR5078" s="91"/>
      <c r="HS5078" s="91"/>
      <c r="HT5078" s="91"/>
      <c r="HU5078" s="91"/>
      <c r="HV5078" s="91"/>
      <c r="HW5078" s="91"/>
      <c r="HX5078" s="127"/>
      <c r="HY5078" s="126"/>
      <c r="HZ5078" s="91"/>
      <c r="IA5078" s="91"/>
      <c r="IB5078" s="91"/>
      <c r="IC5078" s="91"/>
      <c r="ID5078" s="91"/>
      <c r="IE5078" s="91"/>
      <c r="IF5078" s="91"/>
      <c r="IG5078" s="91"/>
      <c r="IH5078" s="91"/>
      <c r="II5078" s="91"/>
      <c r="IJ5078" s="91"/>
      <c r="IK5078" s="174"/>
    </row>
    <row r="5079" spans="2:245" x14ac:dyDescent="0.2">
      <c r="B5079" s="43"/>
      <c r="C5079" s="73"/>
      <c r="D5079" s="64"/>
      <c r="E5079" s="64"/>
      <c r="F5079" s="55"/>
      <c r="G5079" s="102"/>
      <c r="H5079" s="97"/>
      <c r="T5079" s="98"/>
      <c r="U5079" s="97"/>
      <c r="AG5079" s="98"/>
      <c r="AY5079" s="164"/>
      <c r="BK5079" s="98"/>
      <c r="BL5079" s="97"/>
      <c r="BX5079" s="98"/>
      <c r="CL5079" s="97"/>
      <c r="CX5079" s="98"/>
      <c r="DL5079" s="97"/>
      <c r="DX5079" s="98"/>
      <c r="EL5079" s="97"/>
      <c r="EX5079" s="98"/>
      <c r="EY5079" s="97"/>
      <c r="FL5079" s="126"/>
      <c r="FM5079" s="91"/>
      <c r="FN5079" s="91"/>
      <c r="FO5079" s="91"/>
      <c r="FP5079" s="91"/>
      <c r="FQ5079" s="91"/>
      <c r="FR5079" s="91"/>
      <c r="FS5079" s="91"/>
      <c r="FT5079" s="91"/>
      <c r="FU5079" s="91"/>
      <c r="FV5079" s="91"/>
      <c r="FW5079" s="91"/>
      <c r="FX5079" s="127"/>
      <c r="FY5079" s="126"/>
      <c r="FZ5079" s="91"/>
      <c r="GA5079" s="91"/>
      <c r="GB5079" s="91"/>
      <c r="GC5079" s="91"/>
      <c r="GD5079" s="91"/>
      <c r="GE5079" s="91"/>
      <c r="GF5079" s="91"/>
      <c r="GG5079" s="91"/>
      <c r="GH5079" s="91"/>
      <c r="GI5079" s="91"/>
      <c r="GJ5079" s="91"/>
      <c r="GK5079" s="127"/>
      <c r="GL5079" s="126"/>
      <c r="GM5079" s="91"/>
      <c r="GN5079" s="91"/>
      <c r="GO5079" s="91"/>
      <c r="GP5079" s="91"/>
      <c r="GQ5079" s="91"/>
      <c r="GR5079" s="91"/>
      <c r="GS5079" s="91"/>
      <c r="GT5079" s="91"/>
      <c r="GU5079" s="91"/>
      <c r="GV5079" s="91"/>
      <c r="GW5079" s="91"/>
      <c r="GX5079" s="127"/>
      <c r="GY5079" s="126"/>
      <c r="GZ5079" s="91"/>
      <c r="HA5079" s="91"/>
      <c r="HB5079" s="91"/>
      <c r="HC5079" s="91"/>
      <c r="HD5079" s="91"/>
      <c r="HE5079" s="91"/>
      <c r="HF5079" s="91"/>
      <c r="HG5079" s="91"/>
      <c r="HH5079" s="91"/>
      <c r="HI5079" s="91"/>
      <c r="HJ5079" s="91"/>
      <c r="HK5079" s="127"/>
      <c r="HL5079" s="126"/>
      <c r="HM5079" s="91"/>
      <c r="HN5079" s="91"/>
      <c r="HO5079" s="91"/>
      <c r="HP5079" s="91"/>
      <c r="HQ5079" s="91"/>
      <c r="HR5079" s="91"/>
      <c r="HS5079" s="91"/>
      <c r="HT5079" s="91"/>
      <c r="HU5079" s="91"/>
      <c r="HV5079" s="91"/>
      <c r="HW5079" s="91"/>
      <c r="HX5079" s="127"/>
      <c r="HY5079" s="126"/>
      <c r="HZ5079" s="91"/>
      <c r="IA5079" s="91"/>
      <c r="IB5079" s="91"/>
      <c r="IC5079" s="91"/>
      <c r="ID5079" s="91"/>
      <c r="IE5079" s="91"/>
      <c r="IF5079" s="91"/>
      <c r="IG5079" s="91"/>
      <c r="IH5079" s="91"/>
      <c r="II5079" s="91"/>
      <c r="IJ5079" s="91"/>
      <c r="IK5079" s="174"/>
    </row>
    <row r="5080" spans="2:245" x14ac:dyDescent="0.2">
      <c r="B5080" s="43"/>
      <c r="C5080" s="73"/>
      <c r="D5080" s="64"/>
      <c r="E5080" s="64"/>
      <c r="F5080" s="55"/>
      <c r="G5080" s="102"/>
      <c r="H5080" s="97"/>
      <c r="T5080" s="98"/>
      <c r="U5080" s="97"/>
      <c r="AG5080" s="98"/>
      <c r="AY5080" s="164"/>
      <c r="BK5080" s="98"/>
      <c r="BL5080" s="97"/>
      <c r="BX5080" s="98"/>
      <c r="CL5080" s="97"/>
      <c r="CX5080" s="98"/>
      <c r="DL5080" s="97"/>
      <c r="DX5080" s="98"/>
      <c r="EL5080" s="97"/>
      <c r="EX5080" s="98"/>
      <c r="EY5080" s="97"/>
      <c r="FL5080" s="126"/>
      <c r="FM5080" s="91"/>
      <c r="FN5080" s="91"/>
      <c r="FO5080" s="91"/>
      <c r="FP5080" s="91"/>
      <c r="FQ5080" s="91"/>
      <c r="FR5080" s="91"/>
      <c r="FS5080" s="91"/>
      <c r="FT5080" s="91"/>
      <c r="FU5080" s="91"/>
      <c r="FV5080" s="91"/>
      <c r="FW5080" s="91"/>
      <c r="FX5080" s="127"/>
      <c r="FY5080" s="126"/>
      <c r="FZ5080" s="91"/>
      <c r="GA5080" s="91"/>
      <c r="GB5080" s="91"/>
      <c r="GC5080" s="91"/>
      <c r="GD5080" s="91"/>
      <c r="GE5080" s="91"/>
      <c r="GF5080" s="91"/>
      <c r="GG5080" s="91"/>
      <c r="GH5080" s="91"/>
      <c r="GI5080" s="91"/>
      <c r="GJ5080" s="91"/>
      <c r="GK5080" s="127"/>
      <c r="GL5080" s="126"/>
      <c r="GM5080" s="91"/>
      <c r="GN5080" s="91"/>
      <c r="GO5080" s="91"/>
      <c r="GP5080" s="91"/>
      <c r="GQ5080" s="91"/>
      <c r="GR5080" s="91"/>
      <c r="GS5080" s="91"/>
      <c r="GT5080" s="91"/>
      <c r="GU5080" s="91"/>
      <c r="GV5080" s="91"/>
      <c r="GW5080" s="91"/>
      <c r="GX5080" s="127"/>
      <c r="GY5080" s="126"/>
      <c r="GZ5080" s="91"/>
      <c r="HA5080" s="91"/>
      <c r="HB5080" s="91"/>
      <c r="HC5080" s="91"/>
      <c r="HD5080" s="91"/>
      <c r="HE5080" s="91"/>
      <c r="HF5080" s="91"/>
      <c r="HG5080" s="91"/>
      <c r="HH5080" s="91"/>
      <c r="HI5080" s="91"/>
      <c r="HJ5080" s="91"/>
      <c r="HK5080" s="127"/>
      <c r="HL5080" s="126"/>
      <c r="HM5080" s="91"/>
      <c r="HN5080" s="91"/>
      <c r="HO5080" s="91"/>
      <c r="HP5080" s="91"/>
      <c r="HQ5080" s="91"/>
      <c r="HR5080" s="91"/>
      <c r="HS5080" s="91"/>
      <c r="HT5080" s="91"/>
      <c r="HU5080" s="91"/>
      <c r="HV5080" s="91"/>
      <c r="HW5080" s="91"/>
      <c r="HX5080" s="127"/>
      <c r="HY5080" s="126"/>
      <c r="HZ5080" s="91"/>
      <c r="IA5080" s="91"/>
      <c r="IB5080" s="91"/>
      <c r="IC5080" s="91"/>
      <c r="ID5080" s="91"/>
      <c r="IE5080" s="91"/>
      <c r="IF5080" s="91"/>
      <c r="IG5080" s="91"/>
      <c r="IH5080" s="91"/>
      <c r="II5080" s="91"/>
      <c r="IJ5080" s="91"/>
      <c r="IK5080" s="174"/>
    </row>
    <row r="5081" spans="2:245" x14ac:dyDescent="0.2">
      <c r="B5081" s="43"/>
      <c r="C5081" s="73"/>
      <c r="D5081" s="64"/>
      <c r="E5081" s="64"/>
      <c r="F5081" s="55"/>
      <c r="G5081" s="102"/>
      <c r="H5081" s="97"/>
      <c r="T5081" s="98"/>
      <c r="U5081" s="97"/>
      <c r="AG5081" s="98"/>
      <c r="AY5081" s="164"/>
      <c r="BK5081" s="98"/>
      <c r="BL5081" s="97"/>
      <c r="BX5081" s="98"/>
      <c r="CL5081" s="97"/>
      <c r="CX5081" s="98"/>
      <c r="DL5081" s="97"/>
      <c r="DX5081" s="98"/>
      <c r="EL5081" s="97"/>
      <c r="EX5081" s="98"/>
      <c r="EY5081" s="97"/>
      <c r="FL5081" s="126"/>
      <c r="FM5081" s="91"/>
      <c r="FN5081" s="91"/>
      <c r="FO5081" s="91"/>
      <c r="FP5081" s="91"/>
      <c r="FQ5081" s="91"/>
      <c r="FR5081" s="91"/>
      <c r="FS5081" s="91"/>
      <c r="FT5081" s="91"/>
      <c r="FU5081" s="91"/>
      <c r="FV5081" s="91"/>
      <c r="FW5081" s="91"/>
      <c r="FX5081" s="127"/>
      <c r="FY5081" s="126"/>
      <c r="FZ5081" s="91"/>
      <c r="GA5081" s="91"/>
      <c r="GB5081" s="91"/>
      <c r="GC5081" s="91"/>
      <c r="GD5081" s="91"/>
      <c r="GE5081" s="91"/>
      <c r="GF5081" s="91"/>
      <c r="GG5081" s="91"/>
      <c r="GH5081" s="91"/>
      <c r="GI5081" s="91"/>
      <c r="GJ5081" s="91"/>
      <c r="GK5081" s="127"/>
      <c r="GL5081" s="126"/>
      <c r="GM5081" s="91"/>
      <c r="GN5081" s="91"/>
      <c r="GO5081" s="91"/>
      <c r="GP5081" s="91"/>
      <c r="GQ5081" s="91"/>
      <c r="GR5081" s="91"/>
      <c r="GS5081" s="91"/>
      <c r="GT5081" s="91"/>
      <c r="GU5081" s="91"/>
      <c r="GV5081" s="91"/>
      <c r="GW5081" s="91"/>
      <c r="GX5081" s="127"/>
      <c r="GY5081" s="126"/>
      <c r="GZ5081" s="91"/>
      <c r="HA5081" s="91"/>
      <c r="HB5081" s="91"/>
      <c r="HC5081" s="91"/>
      <c r="HD5081" s="91"/>
      <c r="HE5081" s="91"/>
      <c r="HF5081" s="91"/>
      <c r="HG5081" s="91"/>
      <c r="HH5081" s="91"/>
      <c r="HI5081" s="91"/>
      <c r="HJ5081" s="91"/>
      <c r="HK5081" s="127"/>
      <c r="HL5081" s="126"/>
      <c r="HM5081" s="91"/>
      <c r="HN5081" s="91"/>
      <c r="HO5081" s="91"/>
      <c r="HP5081" s="91"/>
      <c r="HQ5081" s="91"/>
      <c r="HR5081" s="91"/>
      <c r="HS5081" s="91"/>
      <c r="HT5081" s="91"/>
      <c r="HU5081" s="91"/>
      <c r="HV5081" s="91"/>
      <c r="HW5081" s="91"/>
      <c r="HX5081" s="127"/>
      <c r="HY5081" s="126"/>
      <c r="HZ5081" s="91"/>
      <c r="IA5081" s="91"/>
      <c r="IB5081" s="91"/>
      <c r="IC5081" s="91"/>
      <c r="ID5081" s="91"/>
      <c r="IE5081" s="91"/>
      <c r="IF5081" s="91"/>
      <c r="IG5081" s="91"/>
      <c r="IH5081" s="91"/>
      <c r="II5081" s="91"/>
      <c r="IJ5081" s="91"/>
      <c r="IK5081" s="174"/>
    </row>
    <row r="5082" spans="2:245" x14ac:dyDescent="0.2">
      <c r="B5082" s="43"/>
      <c r="C5082" s="73"/>
      <c r="D5082" s="64"/>
      <c r="E5082" s="64"/>
      <c r="F5082" s="55"/>
      <c r="G5082" s="102"/>
      <c r="H5082" s="97"/>
      <c r="T5082" s="98"/>
      <c r="U5082" s="97"/>
      <c r="AG5082" s="98"/>
      <c r="AY5082" s="164"/>
      <c r="BK5082" s="98"/>
      <c r="BL5082" s="97"/>
      <c r="BX5082" s="98"/>
      <c r="CL5082" s="97"/>
      <c r="CX5082" s="98"/>
      <c r="DL5082" s="97"/>
      <c r="DX5082" s="98"/>
      <c r="EL5082" s="97"/>
      <c r="EX5082" s="98"/>
      <c r="EY5082" s="97"/>
      <c r="FL5082" s="126"/>
      <c r="FM5082" s="91"/>
      <c r="FN5082" s="91"/>
      <c r="FO5082" s="91"/>
      <c r="FP5082" s="91"/>
      <c r="FQ5082" s="91"/>
      <c r="FR5082" s="91"/>
      <c r="FS5082" s="91"/>
      <c r="FT5082" s="91"/>
      <c r="FU5082" s="91"/>
      <c r="FV5082" s="91"/>
      <c r="FW5082" s="91"/>
      <c r="FX5082" s="127"/>
      <c r="FY5082" s="126"/>
      <c r="FZ5082" s="91"/>
      <c r="GA5082" s="91"/>
      <c r="GB5082" s="91"/>
      <c r="GC5082" s="91"/>
      <c r="GD5082" s="91"/>
      <c r="GE5082" s="91"/>
      <c r="GF5082" s="91"/>
      <c r="GG5082" s="91"/>
      <c r="GH5082" s="91"/>
      <c r="GI5082" s="91"/>
      <c r="GJ5082" s="91"/>
      <c r="GK5082" s="127"/>
      <c r="GL5082" s="126"/>
      <c r="GM5082" s="91"/>
      <c r="GN5082" s="91"/>
      <c r="GO5082" s="91"/>
      <c r="GP5082" s="91"/>
      <c r="GQ5082" s="91"/>
      <c r="GR5082" s="91"/>
      <c r="GS5082" s="91"/>
      <c r="GT5082" s="91"/>
      <c r="GU5082" s="91"/>
      <c r="GV5082" s="91"/>
      <c r="GW5082" s="91"/>
      <c r="GX5082" s="127"/>
      <c r="GY5082" s="126"/>
      <c r="GZ5082" s="91"/>
      <c r="HA5082" s="91"/>
      <c r="HB5082" s="91"/>
      <c r="HC5082" s="91"/>
      <c r="HD5082" s="91"/>
      <c r="HE5082" s="91"/>
      <c r="HF5082" s="91"/>
      <c r="HG5082" s="91"/>
      <c r="HH5082" s="91"/>
      <c r="HI5082" s="91"/>
      <c r="HJ5082" s="91"/>
      <c r="HK5082" s="127"/>
      <c r="HL5082" s="126"/>
      <c r="HM5082" s="91"/>
      <c r="HN5082" s="91"/>
      <c r="HO5082" s="91"/>
      <c r="HP5082" s="91"/>
      <c r="HQ5082" s="91"/>
      <c r="HR5082" s="91"/>
      <c r="HS5082" s="91"/>
      <c r="HT5082" s="91"/>
      <c r="HU5082" s="91"/>
      <c r="HV5082" s="91"/>
      <c r="HW5082" s="91"/>
      <c r="HX5082" s="127"/>
      <c r="HY5082" s="126"/>
      <c r="HZ5082" s="91"/>
      <c r="IA5082" s="91"/>
      <c r="IB5082" s="91"/>
      <c r="IC5082" s="91"/>
      <c r="ID5082" s="91"/>
      <c r="IE5082" s="91"/>
      <c r="IF5082" s="91"/>
      <c r="IG5082" s="91"/>
      <c r="IH5082" s="91"/>
      <c r="II5082" s="91"/>
      <c r="IJ5082" s="91"/>
      <c r="IK5082" s="174"/>
    </row>
    <row r="5083" spans="2:245" x14ac:dyDescent="0.2">
      <c r="B5083" s="43"/>
      <c r="C5083" s="73"/>
      <c r="D5083" s="64"/>
      <c r="E5083" s="64"/>
      <c r="F5083" s="55"/>
      <c r="G5083" s="102"/>
      <c r="H5083" s="97"/>
      <c r="T5083" s="98"/>
      <c r="U5083" s="97"/>
      <c r="AG5083" s="98"/>
      <c r="AY5083" s="164"/>
      <c r="BK5083" s="98"/>
      <c r="BL5083" s="97"/>
      <c r="BX5083" s="98"/>
      <c r="CL5083" s="97"/>
      <c r="CX5083" s="98"/>
      <c r="DL5083" s="97"/>
      <c r="DX5083" s="98"/>
      <c r="EL5083" s="97"/>
      <c r="EX5083" s="98"/>
      <c r="EY5083" s="97"/>
      <c r="FL5083" s="126"/>
      <c r="FM5083" s="91"/>
      <c r="FN5083" s="91"/>
      <c r="FO5083" s="91"/>
      <c r="FP5083" s="91"/>
      <c r="FQ5083" s="91"/>
      <c r="FR5083" s="91"/>
      <c r="FS5083" s="91"/>
      <c r="FT5083" s="91"/>
      <c r="FU5083" s="91"/>
      <c r="FV5083" s="91"/>
      <c r="FW5083" s="91"/>
      <c r="FX5083" s="127"/>
      <c r="FY5083" s="126"/>
      <c r="FZ5083" s="91"/>
      <c r="GA5083" s="91"/>
      <c r="GB5083" s="91"/>
      <c r="GC5083" s="91"/>
      <c r="GD5083" s="91"/>
      <c r="GE5083" s="91"/>
      <c r="GF5083" s="91"/>
      <c r="GG5083" s="91"/>
      <c r="GH5083" s="91"/>
      <c r="GI5083" s="91"/>
      <c r="GJ5083" s="91"/>
      <c r="GK5083" s="127"/>
      <c r="GL5083" s="126"/>
      <c r="GM5083" s="91"/>
      <c r="GN5083" s="91"/>
      <c r="GO5083" s="91"/>
      <c r="GP5083" s="91"/>
      <c r="GQ5083" s="91"/>
      <c r="GR5083" s="91"/>
      <c r="GS5083" s="91"/>
      <c r="GT5083" s="91"/>
      <c r="GU5083" s="91"/>
      <c r="GV5083" s="91"/>
      <c r="GW5083" s="91"/>
      <c r="GX5083" s="127"/>
      <c r="GY5083" s="126"/>
      <c r="GZ5083" s="91"/>
      <c r="HA5083" s="91"/>
      <c r="HB5083" s="91"/>
      <c r="HC5083" s="91"/>
      <c r="HD5083" s="91"/>
      <c r="HE5083" s="91"/>
      <c r="HF5083" s="91"/>
      <c r="HG5083" s="91"/>
      <c r="HH5083" s="91"/>
      <c r="HI5083" s="91"/>
      <c r="HJ5083" s="91"/>
      <c r="HK5083" s="127"/>
      <c r="HL5083" s="126"/>
      <c r="HM5083" s="91"/>
      <c r="HN5083" s="91"/>
      <c r="HO5083" s="91"/>
      <c r="HP5083" s="91"/>
      <c r="HQ5083" s="91"/>
      <c r="HR5083" s="91"/>
      <c r="HS5083" s="91"/>
      <c r="HT5083" s="91"/>
      <c r="HU5083" s="91"/>
      <c r="HV5083" s="91"/>
      <c r="HW5083" s="91"/>
      <c r="HX5083" s="127"/>
      <c r="HY5083" s="126"/>
      <c r="HZ5083" s="91"/>
      <c r="IA5083" s="91"/>
      <c r="IB5083" s="91"/>
      <c r="IC5083" s="91"/>
      <c r="ID5083" s="91"/>
      <c r="IE5083" s="91"/>
      <c r="IF5083" s="91"/>
      <c r="IG5083" s="91"/>
      <c r="IH5083" s="91"/>
      <c r="II5083" s="91"/>
      <c r="IJ5083" s="91"/>
      <c r="IK5083" s="174"/>
    </row>
    <row r="5084" spans="2:245" x14ac:dyDescent="0.2">
      <c r="B5084" s="43"/>
      <c r="C5084" s="73"/>
      <c r="D5084" s="64"/>
      <c r="E5084" s="64"/>
      <c r="F5084" s="55"/>
      <c r="G5084" s="102"/>
      <c r="H5084" s="97"/>
      <c r="T5084" s="98"/>
      <c r="U5084" s="97"/>
      <c r="AG5084" s="98"/>
      <c r="AY5084" s="164"/>
      <c r="BK5084" s="98"/>
      <c r="BL5084" s="97"/>
      <c r="BX5084" s="98"/>
      <c r="CL5084" s="97"/>
      <c r="CX5084" s="98"/>
      <c r="DL5084" s="97"/>
      <c r="DX5084" s="98"/>
      <c r="EL5084" s="97"/>
      <c r="EX5084" s="98"/>
      <c r="EY5084" s="97"/>
      <c r="FL5084" s="126"/>
      <c r="FM5084" s="91"/>
      <c r="FN5084" s="91"/>
      <c r="FO5084" s="91"/>
      <c r="FP5084" s="91"/>
      <c r="FQ5084" s="91"/>
      <c r="FR5084" s="91"/>
      <c r="FS5084" s="91"/>
      <c r="FT5084" s="91"/>
      <c r="FU5084" s="91"/>
      <c r="FV5084" s="91"/>
      <c r="FW5084" s="91"/>
      <c r="FX5084" s="127"/>
      <c r="FY5084" s="126"/>
      <c r="FZ5084" s="91"/>
      <c r="GA5084" s="91"/>
      <c r="GB5084" s="91"/>
      <c r="GC5084" s="91"/>
      <c r="GD5084" s="91"/>
      <c r="GE5084" s="91"/>
      <c r="GF5084" s="91"/>
      <c r="GG5084" s="91"/>
      <c r="GH5084" s="91"/>
      <c r="GI5084" s="91"/>
      <c r="GJ5084" s="91"/>
      <c r="GK5084" s="127"/>
      <c r="GL5084" s="126"/>
      <c r="GM5084" s="91"/>
      <c r="GN5084" s="91"/>
      <c r="GO5084" s="91"/>
      <c r="GP5084" s="91"/>
      <c r="GQ5084" s="91"/>
      <c r="GR5084" s="91"/>
      <c r="GS5084" s="91"/>
      <c r="GT5084" s="91"/>
      <c r="GU5084" s="91"/>
      <c r="GV5084" s="91"/>
      <c r="GW5084" s="91"/>
      <c r="GX5084" s="127"/>
      <c r="GY5084" s="126"/>
      <c r="GZ5084" s="91"/>
      <c r="HA5084" s="91"/>
      <c r="HB5084" s="91"/>
      <c r="HC5084" s="91"/>
      <c r="HD5084" s="91"/>
      <c r="HE5084" s="91"/>
      <c r="HF5084" s="91"/>
      <c r="HG5084" s="91"/>
      <c r="HH5084" s="91"/>
      <c r="HI5084" s="91"/>
      <c r="HJ5084" s="91"/>
      <c r="HK5084" s="127"/>
      <c r="HL5084" s="126"/>
      <c r="HM5084" s="91"/>
      <c r="HN5084" s="91"/>
      <c r="HO5084" s="91"/>
      <c r="HP5084" s="91"/>
      <c r="HQ5084" s="91"/>
      <c r="HR5084" s="91"/>
      <c r="HS5084" s="91"/>
      <c r="HT5084" s="91"/>
      <c r="HU5084" s="91"/>
      <c r="HV5084" s="91"/>
      <c r="HW5084" s="91"/>
      <c r="HX5084" s="127"/>
      <c r="HY5084" s="126"/>
      <c r="HZ5084" s="91"/>
      <c r="IA5084" s="91"/>
      <c r="IB5084" s="91"/>
      <c r="IC5084" s="91"/>
      <c r="ID5084" s="91"/>
      <c r="IE5084" s="91"/>
      <c r="IF5084" s="91"/>
      <c r="IG5084" s="91"/>
      <c r="IH5084" s="91"/>
      <c r="II5084" s="91"/>
      <c r="IJ5084" s="91"/>
      <c r="IK5084" s="174"/>
    </row>
    <row r="5085" spans="2:245" x14ac:dyDescent="0.2">
      <c r="B5085" s="43"/>
      <c r="C5085" s="73"/>
      <c r="D5085" s="64"/>
      <c r="E5085" s="64"/>
      <c r="F5085" s="55"/>
      <c r="G5085" s="102"/>
      <c r="H5085" s="97"/>
      <c r="T5085" s="98"/>
      <c r="U5085" s="97"/>
      <c r="AG5085" s="98"/>
      <c r="AY5085" s="164"/>
      <c r="BK5085" s="98"/>
      <c r="BL5085" s="97"/>
      <c r="BX5085" s="98"/>
      <c r="CL5085" s="97"/>
      <c r="CX5085" s="98"/>
      <c r="DL5085" s="97"/>
      <c r="DX5085" s="98"/>
      <c r="EL5085" s="97"/>
      <c r="EX5085" s="98"/>
      <c r="EY5085" s="97"/>
      <c r="FL5085" s="126"/>
      <c r="FM5085" s="91"/>
      <c r="FN5085" s="91"/>
      <c r="FO5085" s="91"/>
      <c r="FP5085" s="91"/>
      <c r="FQ5085" s="91"/>
      <c r="FR5085" s="91"/>
      <c r="FS5085" s="91"/>
      <c r="FT5085" s="91"/>
      <c r="FU5085" s="91"/>
      <c r="FV5085" s="91"/>
      <c r="FW5085" s="91"/>
      <c r="FX5085" s="127"/>
      <c r="FY5085" s="126"/>
      <c r="FZ5085" s="91"/>
      <c r="GA5085" s="91"/>
      <c r="GB5085" s="91"/>
      <c r="GC5085" s="91"/>
      <c r="GD5085" s="91"/>
      <c r="GE5085" s="91"/>
      <c r="GF5085" s="91"/>
      <c r="GG5085" s="91"/>
      <c r="GH5085" s="91"/>
      <c r="GI5085" s="91"/>
      <c r="GJ5085" s="91"/>
      <c r="GK5085" s="127"/>
      <c r="GL5085" s="126"/>
      <c r="GM5085" s="91"/>
      <c r="GN5085" s="91"/>
      <c r="GO5085" s="91"/>
      <c r="GP5085" s="91"/>
      <c r="GQ5085" s="91"/>
      <c r="GR5085" s="91"/>
      <c r="GS5085" s="91"/>
      <c r="GT5085" s="91"/>
      <c r="GU5085" s="91"/>
      <c r="GV5085" s="91"/>
      <c r="GW5085" s="91"/>
      <c r="GX5085" s="127"/>
      <c r="GY5085" s="126"/>
      <c r="GZ5085" s="91"/>
      <c r="HA5085" s="91"/>
      <c r="HB5085" s="91"/>
      <c r="HC5085" s="91"/>
      <c r="HD5085" s="91"/>
      <c r="HE5085" s="91"/>
      <c r="HF5085" s="91"/>
      <c r="HG5085" s="91"/>
      <c r="HH5085" s="91"/>
      <c r="HI5085" s="91"/>
      <c r="HJ5085" s="91"/>
      <c r="HK5085" s="127"/>
      <c r="HL5085" s="126"/>
      <c r="HM5085" s="91"/>
      <c r="HN5085" s="91"/>
      <c r="HO5085" s="91"/>
      <c r="HP5085" s="91"/>
      <c r="HQ5085" s="91"/>
      <c r="HR5085" s="91"/>
      <c r="HS5085" s="91"/>
      <c r="HT5085" s="91"/>
      <c r="HU5085" s="91"/>
      <c r="HV5085" s="91"/>
      <c r="HW5085" s="91"/>
      <c r="HX5085" s="127"/>
      <c r="HY5085" s="126"/>
      <c r="HZ5085" s="91"/>
      <c r="IA5085" s="91"/>
      <c r="IB5085" s="91"/>
      <c r="IC5085" s="91"/>
      <c r="ID5085" s="91"/>
      <c r="IE5085" s="91"/>
      <c r="IF5085" s="91"/>
      <c r="IG5085" s="91"/>
      <c r="IH5085" s="91"/>
      <c r="II5085" s="91"/>
      <c r="IJ5085" s="91"/>
      <c r="IK5085" s="174"/>
    </row>
    <row r="5086" spans="2:245" x14ac:dyDescent="0.2">
      <c r="B5086" s="43"/>
      <c r="C5086" s="73"/>
      <c r="D5086" s="64"/>
      <c r="E5086" s="64"/>
      <c r="F5086" s="55"/>
      <c r="G5086" s="102"/>
      <c r="H5086" s="97"/>
      <c r="T5086" s="98"/>
      <c r="U5086" s="97"/>
      <c r="AG5086" s="98"/>
      <c r="AY5086" s="164"/>
      <c r="BK5086" s="98"/>
      <c r="BL5086" s="97"/>
      <c r="BX5086" s="98"/>
      <c r="CL5086" s="97"/>
      <c r="CX5086" s="98"/>
      <c r="DL5086" s="97"/>
      <c r="DX5086" s="98"/>
      <c r="EL5086" s="97"/>
      <c r="EX5086" s="98"/>
      <c r="EY5086" s="97"/>
      <c r="FL5086" s="126"/>
      <c r="FM5086" s="91"/>
      <c r="FN5086" s="91"/>
      <c r="FO5086" s="91"/>
      <c r="FP5086" s="91"/>
      <c r="FQ5086" s="91"/>
      <c r="FR5086" s="91"/>
      <c r="FS5086" s="91"/>
      <c r="FT5086" s="91"/>
      <c r="FU5086" s="91"/>
      <c r="FV5086" s="91"/>
      <c r="FW5086" s="91"/>
      <c r="FX5086" s="127"/>
      <c r="FY5086" s="126"/>
      <c r="FZ5086" s="91"/>
      <c r="GA5086" s="91"/>
      <c r="GB5086" s="91"/>
      <c r="GC5086" s="91"/>
      <c r="GD5086" s="91"/>
      <c r="GE5086" s="91"/>
      <c r="GF5086" s="91"/>
      <c r="GG5086" s="91"/>
      <c r="GH5086" s="91"/>
      <c r="GI5086" s="91"/>
      <c r="GJ5086" s="91"/>
      <c r="GK5086" s="127"/>
      <c r="GL5086" s="126"/>
      <c r="GM5086" s="91"/>
      <c r="GN5086" s="91"/>
      <c r="GO5086" s="91"/>
      <c r="GP5086" s="91"/>
      <c r="GQ5086" s="91"/>
      <c r="GR5086" s="91"/>
      <c r="GS5086" s="91"/>
      <c r="GT5086" s="91"/>
      <c r="GU5086" s="91"/>
      <c r="GV5086" s="91"/>
      <c r="GW5086" s="91"/>
      <c r="GX5086" s="127"/>
      <c r="GY5086" s="126"/>
      <c r="GZ5086" s="91"/>
      <c r="HA5086" s="91"/>
      <c r="HB5086" s="91"/>
      <c r="HC5086" s="91"/>
      <c r="HD5086" s="91"/>
      <c r="HE5086" s="91"/>
      <c r="HF5086" s="91"/>
      <c r="HG5086" s="91"/>
      <c r="HH5086" s="91"/>
      <c r="HI5086" s="91"/>
      <c r="HJ5086" s="91"/>
      <c r="HK5086" s="127"/>
      <c r="HL5086" s="126"/>
      <c r="HM5086" s="91"/>
      <c r="HN5086" s="91"/>
      <c r="HO5086" s="91"/>
      <c r="HP5086" s="91"/>
      <c r="HQ5086" s="91"/>
      <c r="HR5086" s="91"/>
      <c r="HS5086" s="91"/>
      <c r="HT5086" s="91"/>
      <c r="HU5086" s="91"/>
      <c r="HV5086" s="91"/>
      <c r="HW5086" s="91"/>
      <c r="HX5086" s="127"/>
      <c r="HY5086" s="126"/>
      <c r="HZ5086" s="91"/>
      <c r="IA5086" s="91"/>
      <c r="IB5086" s="91"/>
      <c r="IC5086" s="91"/>
      <c r="ID5086" s="91"/>
      <c r="IE5086" s="91"/>
      <c r="IF5086" s="91"/>
      <c r="IG5086" s="91"/>
      <c r="IH5086" s="91"/>
      <c r="II5086" s="91"/>
      <c r="IJ5086" s="91"/>
      <c r="IK5086" s="174"/>
    </row>
    <row r="5087" spans="2:245" x14ac:dyDescent="0.2">
      <c r="B5087" s="43"/>
      <c r="C5087" s="73"/>
      <c r="D5087" s="64"/>
      <c r="E5087" s="64"/>
      <c r="F5087" s="55"/>
      <c r="G5087" s="102"/>
      <c r="H5087" s="97"/>
      <c r="T5087" s="98"/>
      <c r="U5087" s="97"/>
      <c r="AG5087" s="98"/>
      <c r="AY5087" s="164"/>
      <c r="BK5087" s="98"/>
      <c r="BL5087" s="97"/>
      <c r="BX5087" s="98"/>
      <c r="CL5087" s="97"/>
      <c r="CX5087" s="98"/>
      <c r="DL5087" s="97"/>
      <c r="DX5087" s="98"/>
      <c r="EL5087" s="97"/>
      <c r="EX5087" s="98"/>
      <c r="EY5087" s="97"/>
      <c r="FL5087" s="126"/>
      <c r="FM5087" s="91"/>
      <c r="FN5087" s="91"/>
      <c r="FO5087" s="91"/>
      <c r="FP5087" s="91"/>
      <c r="FQ5087" s="91"/>
      <c r="FR5087" s="91"/>
      <c r="FS5087" s="91"/>
      <c r="FT5087" s="91"/>
      <c r="FU5087" s="91"/>
      <c r="FV5087" s="91"/>
      <c r="FW5087" s="91"/>
      <c r="FX5087" s="127"/>
      <c r="FY5087" s="126"/>
      <c r="FZ5087" s="91"/>
      <c r="GA5087" s="91"/>
      <c r="GB5087" s="91"/>
      <c r="GC5087" s="91"/>
      <c r="GD5087" s="91"/>
      <c r="GE5087" s="91"/>
      <c r="GF5087" s="91"/>
      <c r="GG5087" s="91"/>
      <c r="GH5087" s="91"/>
      <c r="GI5087" s="91"/>
      <c r="GJ5087" s="91"/>
      <c r="GK5087" s="127"/>
      <c r="GL5087" s="126"/>
      <c r="GM5087" s="91"/>
      <c r="GN5087" s="91"/>
      <c r="GO5087" s="91"/>
      <c r="GP5087" s="91"/>
      <c r="GQ5087" s="91"/>
      <c r="GR5087" s="91"/>
      <c r="GS5087" s="91"/>
      <c r="GT5087" s="91"/>
      <c r="GU5087" s="91"/>
      <c r="GV5087" s="91"/>
      <c r="GW5087" s="91"/>
      <c r="GX5087" s="127"/>
      <c r="GY5087" s="126"/>
      <c r="GZ5087" s="91"/>
      <c r="HA5087" s="91"/>
      <c r="HB5087" s="91"/>
      <c r="HC5087" s="91"/>
      <c r="HD5087" s="91"/>
      <c r="HE5087" s="91"/>
      <c r="HF5087" s="91"/>
      <c r="HG5087" s="91"/>
      <c r="HH5087" s="91"/>
      <c r="HI5087" s="91"/>
      <c r="HJ5087" s="91"/>
      <c r="HK5087" s="127"/>
      <c r="HL5087" s="126"/>
      <c r="HM5087" s="91"/>
      <c r="HN5087" s="91"/>
      <c r="HO5087" s="91"/>
      <c r="HP5087" s="91"/>
      <c r="HQ5087" s="91"/>
      <c r="HR5087" s="91"/>
      <c r="HS5087" s="91"/>
      <c r="HT5087" s="91"/>
      <c r="HU5087" s="91"/>
      <c r="HV5087" s="91"/>
      <c r="HW5087" s="91"/>
      <c r="HX5087" s="127"/>
      <c r="HY5087" s="126"/>
      <c r="HZ5087" s="91"/>
      <c r="IA5087" s="91"/>
      <c r="IB5087" s="91"/>
      <c r="IC5087" s="91"/>
      <c r="ID5087" s="91"/>
      <c r="IE5087" s="91"/>
      <c r="IF5087" s="91"/>
      <c r="IG5087" s="91"/>
      <c r="IH5087" s="91"/>
      <c r="II5087" s="91"/>
      <c r="IJ5087" s="91"/>
      <c r="IK5087" s="174"/>
    </row>
    <row r="5088" spans="2:245" x14ac:dyDescent="0.2">
      <c r="B5088" s="43"/>
      <c r="C5088" s="73"/>
      <c r="D5088" s="64"/>
      <c r="E5088" s="64"/>
      <c r="F5088" s="55"/>
      <c r="G5088" s="102"/>
      <c r="H5088" s="97"/>
      <c r="T5088" s="98"/>
      <c r="U5088" s="97"/>
      <c r="AG5088" s="98"/>
      <c r="AY5088" s="164"/>
      <c r="BK5088" s="98"/>
      <c r="BL5088" s="97"/>
      <c r="BX5088" s="98"/>
      <c r="CL5088" s="97"/>
      <c r="CX5088" s="98"/>
      <c r="DL5088" s="97"/>
      <c r="DX5088" s="98"/>
      <c r="EL5088" s="97"/>
      <c r="EX5088" s="98"/>
      <c r="EY5088" s="97"/>
      <c r="FL5088" s="126"/>
      <c r="FM5088" s="91"/>
      <c r="FN5088" s="91"/>
      <c r="FO5088" s="91"/>
      <c r="FP5088" s="91"/>
      <c r="FQ5088" s="91"/>
      <c r="FR5088" s="91"/>
      <c r="FS5088" s="91"/>
      <c r="FT5088" s="91"/>
      <c r="FU5088" s="91"/>
      <c r="FV5088" s="91"/>
      <c r="FW5088" s="91"/>
      <c r="FX5088" s="127"/>
      <c r="FY5088" s="126"/>
      <c r="FZ5088" s="91"/>
      <c r="GA5088" s="91"/>
      <c r="GB5088" s="91"/>
      <c r="GC5088" s="91"/>
      <c r="GD5088" s="91"/>
      <c r="GE5088" s="91"/>
      <c r="GF5088" s="91"/>
      <c r="GG5088" s="91"/>
      <c r="GH5088" s="91"/>
      <c r="GI5088" s="91"/>
      <c r="GJ5088" s="91"/>
      <c r="GK5088" s="127"/>
      <c r="GL5088" s="126"/>
      <c r="GM5088" s="91"/>
      <c r="GN5088" s="91"/>
      <c r="GO5088" s="91"/>
      <c r="GP5088" s="91"/>
      <c r="GQ5088" s="91"/>
      <c r="GR5088" s="91"/>
      <c r="GS5088" s="91"/>
      <c r="GT5088" s="91"/>
      <c r="GU5088" s="91"/>
      <c r="GV5088" s="91"/>
      <c r="GW5088" s="91"/>
      <c r="GX5088" s="127"/>
      <c r="GY5088" s="126"/>
      <c r="GZ5088" s="91"/>
      <c r="HA5088" s="91"/>
      <c r="HB5088" s="91"/>
      <c r="HC5088" s="91"/>
      <c r="HD5088" s="91"/>
      <c r="HE5088" s="91"/>
      <c r="HF5088" s="91"/>
      <c r="HG5088" s="91"/>
      <c r="HH5088" s="91"/>
      <c r="HI5088" s="91"/>
      <c r="HJ5088" s="91"/>
      <c r="HK5088" s="127"/>
      <c r="HL5088" s="126"/>
      <c r="HM5088" s="91"/>
      <c r="HN5088" s="91"/>
      <c r="HO5088" s="91"/>
      <c r="HP5088" s="91"/>
      <c r="HQ5088" s="91"/>
      <c r="HR5088" s="91"/>
      <c r="HS5088" s="91"/>
      <c r="HT5088" s="91"/>
      <c r="HU5088" s="91"/>
      <c r="HV5088" s="91"/>
      <c r="HW5088" s="91"/>
      <c r="HX5088" s="127"/>
      <c r="HY5088" s="126"/>
      <c r="HZ5088" s="91"/>
      <c r="IA5088" s="91"/>
      <c r="IB5088" s="91"/>
      <c r="IC5088" s="91"/>
      <c r="ID5088" s="91"/>
      <c r="IE5088" s="91"/>
      <c r="IF5088" s="91"/>
      <c r="IG5088" s="91"/>
      <c r="IH5088" s="91"/>
      <c r="II5088" s="91"/>
      <c r="IJ5088" s="91"/>
      <c r="IK5088" s="174"/>
    </row>
    <row r="5089" spans="2:245" x14ac:dyDescent="0.2">
      <c r="B5089" s="43"/>
      <c r="C5089" s="73"/>
      <c r="D5089" s="64"/>
      <c r="E5089" s="64"/>
      <c r="F5089" s="55"/>
      <c r="G5089" s="102"/>
      <c r="H5089" s="97"/>
      <c r="T5089" s="98"/>
      <c r="U5089" s="97"/>
      <c r="AG5089" s="98"/>
      <c r="AY5089" s="164"/>
      <c r="BK5089" s="98"/>
      <c r="BL5089" s="97"/>
      <c r="BX5089" s="98"/>
      <c r="CL5089" s="97"/>
      <c r="CX5089" s="98"/>
      <c r="DL5089" s="97"/>
      <c r="DX5089" s="98"/>
      <c r="EL5089" s="97"/>
      <c r="EX5089" s="98"/>
      <c r="EY5089" s="97"/>
      <c r="FL5089" s="126"/>
      <c r="FM5089" s="91"/>
      <c r="FN5089" s="91"/>
      <c r="FO5089" s="91"/>
      <c r="FP5089" s="91"/>
      <c r="FQ5089" s="91"/>
      <c r="FR5089" s="91"/>
      <c r="FS5089" s="91"/>
      <c r="FT5089" s="91"/>
      <c r="FU5089" s="91"/>
      <c r="FV5089" s="91"/>
      <c r="FW5089" s="91"/>
      <c r="FX5089" s="127"/>
      <c r="FY5089" s="126"/>
      <c r="FZ5089" s="91"/>
      <c r="GA5089" s="91"/>
      <c r="GB5089" s="91"/>
      <c r="GC5089" s="91"/>
      <c r="GD5089" s="91"/>
      <c r="GE5089" s="91"/>
      <c r="GF5089" s="91"/>
      <c r="GG5089" s="91"/>
      <c r="GH5089" s="91"/>
      <c r="GI5089" s="91"/>
      <c r="GJ5089" s="91"/>
      <c r="GK5089" s="127"/>
      <c r="GL5089" s="126"/>
      <c r="GM5089" s="91"/>
      <c r="GN5089" s="91"/>
      <c r="GO5089" s="91"/>
      <c r="GP5089" s="91"/>
      <c r="GQ5089" s="91"/>
      <c r="GR5089" s="91"/>
      <c r="GS5089" s="91"/>
      <c r="GT5089" s="91"/>
      <c r="GU5089" s="91"/>
      <c r="GV5089" s="91"/>
      <c r="GW5089" s="91"/>
      <c r="GX5089" s="127"/>
      <c r="GY5089" s="126"/>
      <c r="GZ5089" s="91"/>
      <c r="HA5089" s="91"/>
      <c r="HB5089" s="91"/>
      <c r="HC5089" s="91"/>
      <c r="HD5089" s="91"/>
      <c r="HE5089" s="91"/>
      <c r="HF5089" s="91"/>
      <c r="HG5089" s="91"/>
      <c r="HH5089" s="91"/>
      <c r="HI5089" s="91"/>
      <c r="HJ5089" s="91"/>
      <c r="HK5089" s="127"/>
      <c r="HL5089" s="126"/>
      <c r="HM5089" s="91"/>
      <c r="HN5089" s="91"/>
      <c r="HO5089" s="91"/>
      <c r="HP5089" s="91"/>
      <c r="HQ5089" s="91"/>
      <c r="HR5089" s="91"/>
      <c r="HS5089" s="91"/>
      <c r="HT5089" s="91"/>
      <c r="HU5089" s="91"/>
      <c r="HV5089" s="91"/>
      <c r="HW5089" s="91"/>
      <c r="HX5089" s="127"/>
      <c r="HY5089" s="126"/>
      <c r="HZ5089" s="91"/>
      <c r="IA5089" s="91"/>
      <c r="IB5089" s="91"/>
      <c r="IC5089" s="91"/>
      <c r="ID5089" s="91"/>
      <c r="IE5089" s="91"/>
      <c r="IF5089" s="91"/>
      <c r="IG5089" s="91"/>
      <c r="IH5089" s="91"/>
      <c r="II5089" s="91"/>
      <c r="IJ5089" s="91"/>
      <c r="IK5089" s="174"/>
    </row>
    <row r="5090" spans="2:245" x14ac:dyDescent="0.2">
      <c r="B5090" s="43"/>
      <c r="C5090" s="73"/>
      <c r="D5090" s="64"/>
      <c r="E5090" s="64"/>
      <c r="F5090" s="55"/>
      <c r="G5090" s="102"/>
      <c r="H5090" s="97"/>
      <c r="T5090" s="98"/>
      <c r="U5090" s="97"/>
      <c r="AG5090" s="98"/>
      <c r="AY5090" s="164"/>
      <c r="BK5090" s="98"/>
      <c r="BL5090" s="97"/>
      <c r="BX5090" s="98"/>
      <c r="CL5090" s="97"/>
      <c r="CX5090" s="98"/>
      <c r="DL5090" s="97"/>
      <c r="DX5090" s="98"/>
      <c r="EL5090" s="97"/>
      <c r="EX5090" s="98"/>
      <c r="EY5090" s="97"/>
      <c r="FL5090" s="126"/>
      <c r="FM5090" s="91"/>
      <c r="FN5090" s="91"/>
      <c r="FO5090" s="91"/>
      <c r="FP5090" s="91"/>
      <c r="FQ5090" s="91"/>
      <c r="FR5090" s="91"/>
      <c r="FS5090" s="91"/>
      <c r="FT5090" s="91"/>
      <c r="FU5090" s="91"/>
      <c r="FV5090" s="91"/>
      <c r="FW5090" s="91"/>
      <c r="FX5090" s="127"/>
      <c r="FY5090" s="126"/>
      <c r="FZ5090" s="91"/>
      <c r="GA5090" s="91"/>
      <c r="GB5090" s="91"/>
      <c r="GC5090" s="91"/>
      <c r="GD5090" s="91"/>
      <c r="GE5090" s="91"/>
      <c r="GF5090" s="91"/>
      <c r="GG5090" s="91"/>
      <c r="GH5090" s="91"/>
      <c r="GI5090" s="91"/>
      <c r="GJ5090" s="91"/>
      <c r="GK5090" s="127"/>
      <c r="GL5090" s="126"/>
      <c r="GM5090" s="91"/>
      <c r="GN5090" s="91"/>
      <c r="GO5090" s="91"/>
      <c r="GP5090" s="91"/>
      <c r="GQ5090" s="91"/>
      <c r="GR5090" s="91"/>
      <c r="GS5090" s="91"/>
      <c r="GT5090" s="91"/>
      <c r="GU5090" s="91"/>
      <c r="GV5090" s="91"/>
      <c r="GW5090" s="91"/>
      <c r="GX5090" s="127"/>
      <c r="GY5090" s="126"/>
      <c r="GZ5090" s="91"/>
      <c r="HA5090" s="91"/>
      <c r="HB5090" s="91"/>
      <c r="HC5090" s="91"/>
      <c r="HD5090" s="91"/>
      <c r="HE5090" s="91"/>
      <c r="HF5090" s="91"/>
      <c r="HG5090" s="91"/>
      <c r="HH5090" s="91"/>
      <c r="HI5090" s="91"/>
      <c r="HJ5090" s="91"/>
      <c r="HK5090" s="127"/>
      <c r="HL5090" s="126"/>
      <c r="HM5090" s="91"/>
      <c r="HN5090" s="91"/>
      <c r="HO5090" s="91"/>
      <c r="HP5090" s="91"/>
      <c r="HQ5090" s="91"/>
      <c r="HR5090" s="91"/>
      <c r="HS5090" s="91"/>
      <c r="HT5090" s="91"/>
      <c r="HU5090" s="91"/>
      <c r="HV5090" s="91"/>
      <c r="HW5090" s="91"/>
      <c r="HX5090" s="127"/>
      <c r="HY5090" s="126"/>
      <c r="HZ5090" s="91"/>
      <c r="IA5090" s="91"/>
      <c r="IB5090" s="91"/>
      <c r="IC5090" s="91"/>
      <c r="ID5090" s="91"/>
      <c r="IE5090" s="91"/>
      <c r="IF5090" s="91"/>
      <c r="IG5090" s="91"/>
      <c r="IH5090" s="91"/>
      <c r="II5090" s="91"/>
      <c r="IJ5090" s="91"/>
      <c r="IK5090" s="174"/>
    </row>
    <row r="5091" spans="2:245" x14ac:dyDescent="0.2">
      <c r="B5091" s="43"/>
      <c r="C5091" s="73"/>
      <c r="D5091" s="64"/>
      <c r="E5091" s="64"/>
      <c r="F5091" s="55"/>
      <c r="G5091" s="102"/>
      <c r="H5091" s="97"/>
      <c r="T5091" s="98"/>
      <c r="U5091" s="97"/>
      <c r="AG5091" s="98"/>
      <c r="AY5091" s="164"/>
      <c r="BK5091" s="98"/>
      <c r="BL5091" s="97"/>
      <c r="BX5091" s="98"/>
      <c r="CL5091" s="97"/>
      <c r="CX5091" s="98"/>
      <c r="DL5091" s="97"/>
      <c r="DX5091" s="98"/>
      <c r="EL5091" s="97"/>
      <c r="EX5091" s="98"/>
      <c r="EY5091" s="97"/>
      <c r="FL5091" s="126"/>
      <c r="FM5091" s="91"/>
      <c r="FN5091" s="91"/>
      <c r="FO5091" s="91"/>
      <c r="FP5091" s="91"/>
      <c r="FQ5091" s="91"/>
      <c r="FR5091" s="91"/>
      <c r="FS5091" s="91"/>
      <c r="FT5091" s="91"/>
      <c r="FU5091" s="91"/>
      <c r="FV5091" s="91"/>
      <c r="FW5091" s="91"/>
      <c r="FX5091" s="127"/>
      <c r="FY5091" s="126"/>
      <c r="FZ5091" s="91"/>
      <c r="GA5091" s="91"/>
      <c r="GB5091" s="91"/>
      <c r="GC5091" s="91"/>
      <c r="GD5091" s="91"/>
      <c r="GE5091" s="91"/>
      <c r="GF5091" s="91"/>
      <c r="GG5091" s="91"/>
      <c r="GH5091" s="91"/>
      <c r="GI5091" s="91"/>
      <c r="GJ5091" s="91"/>
      <c r="GK5091" s="127"/>
      <c r="GL5091" s="126"/>
      <c r="GM5091" s="91"/>
      <c r="GN5091" s="91"/>
      <c r="GO5091" s="91"/>
      <c r="GP5091" s="91"/>
      <c r="GQ5091" s="91"/>
      <c r="GR5091" s="91"/>
      <c r="GS5091" s="91"/>
      <c r="GT5091" s="91"/>
      <c r="GU5091" s="91"/>
      <c r="GV5091" s="91"/>
      <c r="GW5091" s="91"/>
      <c r="GX5091" s="127"/>
      <c r="GY5091" s="126"/>
      <c r="GZ5091" s="91"/>
      <c r="HA5091" s="91"/>
      <c r="HB5091" s="91"/>
      <c r="HC5091" s="91"/>
      <c r="HD5091" s="91"/>
      <c r="HE5091" s="91"/>
      <c r="HF5091" s="91"/>
      <c r="HG5091" s="91"/>
      <c r="HH5091" s="91"/>
      <c r="HI5091" s="91"/>
      <c r="HJ5091" s="91"/>
      <c r="HK5091" s="127"/>
      <c r="HL5091" s="126"/>
      <c r="HM5091" s="91"/>
      <c r="HN5091" s="91"/>
      <c r="HO5091" s="91"/>
      <c r="HP5091" s="91"/>
      <c r="HQ5091" s="91"/>
      <c r="HR5091" s="91"/>
      <c r="HS5091" s="91"/>
      <c r="HT5091" s="91"/>
      <c r="HU5091" s="91"/>
      <c r="HV5091" s="91"/>
      <c r="HW5091" s="91"/>
      <c r="HX5091" s="127"/>
      <c r="HY5091" s="126"/>
      <c r="HZ5091" s="91"/>
      <c r="IA5091" s="91"/>
      <c r="IB5091" s="91"/>
      <c r="IC5091" s="91"/>
      <c r="ID5091" s="91"/>
      <c r="IE5091" s="91"/>
      <c r="IF5091" s="91"/>
      <c r="IG5091" s="91"/>
      <c r="IH5091" s="91"/>
      <c r="II5091" s="91"/>
      <c r="IJ5091" s="91"/>
      <c r="IK5091" s="174"/>
    </row>
    <row r="5092" spans="2:245" x14ac:dyDescent="0.2">
      <c r="B5092" s="43"/>
      <c r="C5092" s="73"/>
      <c r="D5092" s="64"/>
      <c r="E5092" s="64"/>
      <c r="F5092" s="55"/>
      <c r="G5092" s="102"/>
      <c r="H5092" s="97"/>
      <c r="T5092" s="98"/>
      <c r="U5092" s="97"/>
      <c r="AG5092" s="98"/>
      <c r="AY5092" s="164"/>
      <c r="BK5092" s="98"/>
      <c r="BL5092" s="97"/>
      <c r="BX5092" s="98"/>
      <c r="CL5092" s="97"/>
      <c r="CX5092" s="98"/>
      <c r="DL5092" s="97"/>
      <c r="DX5092" s="98"/>
      <c r="EL5092" s="97"/>
      <c r="EX5092" s="98"/>
      <c r="EY5092" s="97"/>
      <c r="FL5092" s="126"/>
      <c r="FM5092" s="91"/>
      <c r="FN5092" s="91"/>
      <c r="FO5092" s="91"/>
      <c r="FP5092" s="91"/>
      <c r="FQ5092" s="91"/>
      <c r="FR5092" s="91"/>
      <c r="FS5092" s="91"/>
      <c r="FT5092" s="91"/>
      <c r="FU5092" s="91"/>
      <c r="FV5092" s="91"/>
      <c r="FW5092" s="91"/>
      <c r="FX5092" s="127"/>
      <c r="FY5092" s="126"/>
      <c r="FZ5092" s="91"/>
      <c r="GA5092" s="91"/>
      <c r="GB5092" s="91"/>
      <c r="GC5092" s="91"/>
      <c r="GD5092" s="91"/>
      <c r="GE5092" s="91"/>
      <c r="GF5092" s="91"/>
      <c r="GG5092" s="91"/>
      <c r="GH5092" s="91"/>
      <c r="GI5092" s="91"/>
      <c r="GJ5092" s="91"/>
      <c r="GK5092" s="127"/>
      <c r="GL5092" s="126"/>
      <c r="GM5092" s="91"/>
      <c r="GN5092" s="91"/>
      <c r="GO5092" s="91"/>
      <c r="GP5092" s="91"/>
      <c r="GQ5092" s="91"/>
      <c r="GR5092" s="91"/>
      <c r="GS5092" s="91"/>
      <c r="GT5092" s="91"/>
      <c r="GU5092" s="91"/>
      <c r="GV5092" s="91"/>
      <c r="GW5092" s="91"/>
      <c r="GX5092" s="127"/>
      <c r="GY5092" s="126"/>
      <c r="GZ5092" s="91"/>
      <c r="HA5092" s="91"/>
      <c r="HB5092" s="91"/>
      <c r="HC5092" s="91"/>
      <c r="HD5092" s="91"/>
      <c r="HE5092" s="91"/>
      <c r="HF5092" s="91"/>
      <c r="HG5092" s="91"/>
      <c r="HH5092" s="91"/>
      <c r="HI5092" s="91"/>
      <c r="HJ5092" s="91"/>
      <c r="HK5092" s="127"/>
      <c r="HL5092" s="126"/>
      <c r="HM5092" s="91"/>
      <c r="HN5092" s="91"/>
      <c r="HO5092" s="91"/>
      <c r="HP5092" s="91"/>
      <c r="HQ5092" s="91"/>
      <c r="HR5092" s="91"/>
      <c r="HS5092" s="91"/>
      <c r="HT5092" s="91"/>
      <c r="HU5092" s="91"/>
      <c r="HV5092" s="91"/>
      <c r="HW5092" s="91"/>
      <c r="HX5092" s="127"/>
      <c r="HY5092" s="126"/>
      <c r="HZ5092" s="91"/>
      <c r="IA5092" s="91"/>
      <c r="IB5092" s="91"/>
      <c r="IC5092" s="91"/>
      <c r="ID5092" s="91"/>
      <c r="IE5092" s="91"/>
      <c r="IF5092" s="91"/>
      <c r="IG5092" s="91"/>
      <c r="IH5092" s="91"/>
      <c r="II5092" s="91"/>
      <c r="IJ5092" s="91"/>
      <c r="IK5092" s="174"/>
    </row>
    <row r="5093" spans="2:245" x14ac:dyDescent="0.2">
      <c r="B5093" s="43"/>
      <c r="C5093" s="73"/>
      <c r="D5093" s="64"/>
      <c r="E5093" s="64"/>
      <c r="F5093" s="55"/>
      <c r="G5093" s="102"/>
      <c r="H5093" s="97"/>
      <c r="T5093" s="98"/>
      <c r="U5093" s="97"/>
      <c r="AG5093" s="98"/>
      <c r="AY5093" s="164"/>
      <c r="BK5093" s="98"/>
      <c r="BL5093" s="97"/>
      <c r="BX5093" s="98"/>
      <c r="CL5093" s="97"/>
      <c r="CX5093" s="98"/>
      <c r="DL5093" s="97"/>
      <c r="DX5093" s="98"/>
      <c r="EL5093" s="97"/>
      <c r="EX5093" s="98"/>
      <c r="EY5093" s="97"/>
      <c r="FL5093" s="126"/>
      <c r="FM5093" s="91"/>
      <c r="FN5093" s="91"/>
      <c r="FO5093" s="91"/>
      <c r="FP5093" s="91"/>
      <c r="FQ5093" s="91"/>
      <c r="FR5093" s="91"/>
      <c r="FS5093" s="91"/>
      <c r="FT5093" s="91"/>
      <c r="FU5093" s="91"/>
      <c r="FV5093" s="91"/>
      <c r="FW5093" s="91"/>
      <c r="FX5093" s="127"/>
      <c r="FY5093" s="126"/>
      <c r="FZ5093" s="91"/>
      <c r="GA5093" s="91"/>
      <c r="GB5093" s="91"/>
      <c r="GC5093" s="91"/>
      <c r="GD5093" s="91"/>
      <c r="GE5093" s="91"/>
      <c r="GF5093" s="91"/>
      <c r="GG5093" s="91"/>
      <c r="GH5093" s="91"/>
      <c r="GI5093" s="91"/>
      <c r="GJ5093" s="91"/>
      <c r="GK5093" s="127"/>
      <c r="GL5093" s="126"/>
      <c r="GM5093" s="91"/>
      <c r="GN5093" s="91"/>
      <c r="GO5093" s="91"/>
      <c r="GP5093" s="91"/>
      <c r="GQ5093" s="91"/>
      <c r="GR5093" s="91"/>
      <c r="GS5093" s="91"/>
      <c r="GT5093" s="91"/>
      <c r="GU5093" s="91"/>
      <c r="GV5093" s="91"/>
      <c r="GW5093" s="91"/>
      <c r="GX5093" s="127"/>
      <c r="GY5093" s="126"/>
      <c r="GZ5093" s="91"/>
      <c r="HA5093" s="91"/>
      <c r="HB5093" s="91"/>
      <c r="HC5093" s="91"/>
      <c r="HD5093" s="91"/>
      <c r="HE5093" s="91"/>
      <c r="HF5093" s="91"/>
      <c r="HG5093" s="91"/>
      <c r="HH5093" s="91"/>
      <c r="HI5093" s="91"/>
      <c r="HJ5093" s="91"/>
      <c r="HK5093" s="127"/>
      <c r="HL5093" s="126"/>
      <c r="HM5093" s="91"/>
      <c r="HN5093" s="91"/>
      <c r="HO5093" s="91"/>
      <c r="HP5093" s="91"/>
      <c r="HQ5093" s="91"/>
      <c r="HR5093" s="91"/>
      <c r="HS5093" s="91"/>
      <c r="HT5093" s="91"/>
      <c r="HU5093" s="91"/>
      <c r="HV5093" s="91"/>
      <c r="HW5093" s="91"/>
      <c r="HX5093" s="127"/>
      <c r="HY5093" s="126"/>
      <c r="HZ5093" s="91"/>
      <c r="IA5093" s="91"/>
      <c r="IB5093" s="91"/>
      <c r="IC5093" s="91"/>
      <c r="ID5093" s="91"/>
      <c r="IE5093" s="91"/>
      <c r="IF5093" s="91"/>
      <c r="IG5093" s="91"/>
      <c r="IH5093" s="91"/>
      <c r="II5093" s="91"/>
      <c r="IJ5093" s="91"/>
      <c r="IK5093" s="174"/>
    </row>
    <row r="5094" spans="2:245" x14ac:dyDescent="0.2">
      <c r="B5094" s="43"/>
      <c r="C5094" s="73"/>
      <c r="D5094" s="64"/>
      <c r="E5094" s="64"/>
      <c r="F5094" s="55"/>
      <c r="G5094" s="102"/>
      <c r="H5094" s="97"/>
      <c r="T5094" s="98"/>
      <c r="U5094" s="97"/>
      <c r="AG5094" s="98"/>
      <c r="AY5094" s="164"/>
      <c r="BK5094" s="98"/>
      <c r="BL5094" s="97"/>
      <c r="BX5094" s="98"/>
      <c r="CL5094" s="97"/>
      <c r="CX5094" s="98"/>
      <c r="DL5094" s="97"/>
      <c r="DX5094" s="98"/>
      <c r="EL5094" s="97"/>
      <c r="EX5094" s="98"/>
      <c r="EY5094" s="97"/>
      <c r="FL5094" s="126"/>
      <c r="FM5094" s="91"/>
      <c r="FN5094" s="91"/>
      <c r="FO5094" s="91"/>
      <c r="FP5094" s="91"/>
      <c r="FQ5094" s="91"/>
      <c r="FR5094" s="91"/>
      <c r="FS5094" s="91"/>
      <c r="FT5094" s="91"/>
      <c r="FU5094" s="91"/>
      <c r="FV5094" s="91"/>
      <c r="FW5094" s="91"/>
      <c r="FX5094" s="127"/>
      <c r="FY5094" s="126"/>
      <c r="FZ5094" s="91"/>
      <c r="GA5094" s="91"/>
      <c r="GB5094" s="91"/>
      <c r="GC5094" s="91"/>
      <c r="GD5094" s="91"/>
      <c r="GE5094" s="91"/>
      <c r="GF5094" s="91"/>
      <c r="GG5094" s="91"/>
      <c r="GH5094" s="91"/>
      <c r="GI5094" s="91"/>
      <c r="GJ5094" s="91"/>
      <c r="GK5094" s="127"/>
      <c r="GL5094" s="126"/>
      <c r="GM5094" s="91"/>
      <c r="GN5094" s="91"/>
      <c r="GO5094" s="91"/>
      <c r="GP5094" s="91"/>
      <c r="GQ5094" s="91"/>
      <c r="GR5094" s="91"/>
      <c r="GS5094" s="91"/>
      <c r="GT5094" s="91"/>
      <c r="GU5094" s="91"/>
      <c r="GV5094" s="91"/>
      <c r="GW5094" s="91"/>
      <c r="GX5094" s="127"/>
      <c r="GY5094" s="126"/>
      <c r="GZ5094" s="91"/>
      <c r="HA5094" s="91"/>
      <c r="HB5094" s="91"/>
      <c r="HC5094" s="91"/>
      <c r="HD5094" s="91"/>
      <c r="HE5094" s="91"/>
      <c r="HF5094" s="91"/>
      <c r="HG5094" s="91"/>
      <c r="HH5094" s="91"/>
      <c r="HI5094" s="91"/>
      <c r="HJ5094" s="91"/>
      <c r="HK5094" s="127"/>
      <c r="HL5094" s="126"/>
      <c r="HM5094" s="91"/>
      <c r="HN5094" s="91"/>
      <c r="HO5094" s="91"/>
      <c r="HP5094" s="91"/>
      <c r="HQ5094" s="91"/>
      <c r="HR5094" s="91"/>
      <c r="HS5094" s="91"/>
      <c r="HT5094" s="91"/>
      <c r="HU5094" s="91"/>
      <c r="HV5094" s="91"/>
      <c r="HW5094" s="91"/>
      <c r="HX5094" s="127"/>
      <c r="HY5094" s="126"/>
      <c r="HZ5094" s="91"/>
      <c r="IA5094" s="91"/>
      <c r="IB5094" s="91"/>
      <c r="IC5094" s="91"/>
      <c r="ID5094" s="91"/>
      <c r="IE5094" s="91"/>
      <c r="IF5094" s="91"/>
      <c r="IG5094" s="91"/>
      <c r="IH5094" s="91"/>
      <c r="II5094" s="91"/>
      <c r="IJ5094" s="91"/>
      <c r="IK5094" s="174"/>
    </row>
    <row r="5095" spans="2:245" x14ac:dyDescent="0.2">
      <c r="B5095" s="43"/>
      <c r="C5095" s="73"/>
      <c r="D5095" s="64"/>
      <c r="E5095" s="64"/>
      <c r="F5095" s="55"/>
      <c r="G5095" s="102"/>
      <c r="H5095" s="97"/>
      <c r="T5095" s="98"/>
      <c r="U5095" s="97"/>
      <c r="AG5095" s="98"/>
      <c r="AY5095" s="164"/>
      <c r="BK5095" s="98"/>
      <c r="BL5095" s="97"/>
      <c r="BX5095" s="98"/>
      <c r="CL5095" s="97"/>
      <c r="CX5095" s="98"/>
      <c r="DL5095" s="97"/>
      <c r="DX5095" s="98"/>
      <c r="EL5095" s="97"/>
      <c r="EX5095" s="98"/>
      <c r="EY5095" s="97"/>
      <c r="FL5095" s="126"/>
      <c r="FM5095" s="91"/>
      <c r="FN5095" s="91"/>
      <c r="FO5095" s="91"/>
      <c r="FP5095" s="91"/>
      <c r="FQ5095" s="91"/>
      <c r="FR5095" s="91"/>
      <c r="FS5095" s="91"/>
      <c r="FT5095" s="91"/>
      <c r="FU5095" s="91"/>
      <c r="FV5095" s="91"/>
      <c r="FW5095" s="91"/>
      <c r="FX5095" s="127"/>
      <c r="FY5095" s="126"/>
      <c r="FZ5095" s="91"/>
      <c r="GA5095" s="91"/>
      <c r="GB5095" s="91"/>
      <c r="GC5095" s="91"/>
      <c r="GD5095" s="91"/>
      <c r="GE5095" s="91"/>
      <c r="GF5095" s="91"/>
      <c r="GG5095" s="91"/>
      <c r="GH5095" s="91"/>
      <c r="GI5095" s="91"/>
      <c r="GJ5095" s="91"/>
      <c r="GK5095" s="127"/>
      <c r="GL5095" s="126"/>
      <c r="GM5095" s="91"/>
      <c r="GN5095" s="91"/>
      <c r="GO5095" s="91"/>
      <c r="GP5095" s="91"/>
      <c r="GQ5095" s="91"/>
      <c r="GR5095" s="91"/>
      <c r="GS5095" s="91"/>
      <c r="GT5095" s="91"/>
      <c r="GU5095" s="91"/>
      <c r="GV5095" s="91"/>
      <c r="GW5095" s="91"/>
      <c r="GX5095" s="127"/>
      <c r="GY5095" s="126"/>
      <c r="GZ5095" s="91"/>
      <c r="HA5095" s="91"/>
      <c r="HB5095" s="91"/>
      <c r="HC5095" s="91"/>
      <c r="HD5095" s="91"/>
      <c r="HE5095" s="91"/>
      <c r="HF5095" s="91"/>
      <c r="HG5095" s="91"/>
      <c r="HH5095" s="91"/>
      <c r="HI5095" s="91"/>
      <c r="HJ5095" s="91"/>
      <c r="HK5095" s="127"/>
      <c r="HL5095" s="126"/>
      <c r="HM5095" s="91"/>
      <c r="HN5095" s="91"/>
      <c r="HO5095" s="91"/>
      <c r="HP5095" s="91"/>
      <c r="HQ5095" s="91"/>
      <c r="HR5095" s="91"/>
      <c r="HS5095" s="91"/>
      <c r="HT5095" s="91"/>
      <c r="HU5095" s="91"/>
      <c r="HV5095" s="91"/>
      <c r="HW5095" s="91"/>
      <c r="HX5095" s="127"/>
      <c r="HY5095" s="126"/>
      <c r="HZ5095" s="91"/>
      <c r="IA5095" s="91"/>
      <c r="IB5095" s="91"/>
      <c r="IC5095" s="91"/>
      <c r="ID5095" s="91"/>
      <c r="IE5095" s="91"/>
      <c r="IF5095" s="91"/>
      <c r="IG5095" s="91"/>
      <c r="IH5095" s="91"/>
      <c r="II5095" s="91"/>
      <c r="IJ5095" s="91"/>
      <c r="IK5095" s="174"/>
    </row>
    <row r="5096" spans="2:245" x14ac:dyDescent="0.2">
      <c r="B5096" s="43"/>
      <c r="C5096" s="73"/>
      <c r="D5096" s="64"/>
      <c r="E5096" s="64"/>
      <c r="F5096" s="55"/>
      <c r="G5096" s="102"/>
      <c r="H5096" s="97"/>
      <c r="T5096" s="98"/>
      <c r="U5096" s="97"/>
      <c r="AG5096" s="98"/>
      <c r="AY5096" s="164"/>
      <c r="BK5096" s="98"/>
      <c r="BL5096" s="97"/>
      <c r="BX5096" s="98"/>
      <c r="CL5096" s="97"/>
      <c r="CX5096" s="98"/>
      <c r="DL5096" s="97"/>
      <c r="DX5096" s="98"/>
      <c r="EL5096" s="97"/>
      <c r="EX5096" s="98"/>
      <c r="EY5096" s="97"/>
      <c r="FL5096" s="126"/>
      <c r="FM5096" s="91"/>
      <c r="FN5096" s="91"/>
      <c r="FO5096" s="91"/>
      <c r="FP5096" s="91"/>
      <c r="FQ5096" s="91"/>
      <c r="FR5096" s="91"/>
      <c r="FS5096" s="91"/>
      <c r="FT5096" s="91"/>
      <c r="FU5096" s="91"/>
      <c r="FV5096" s="91"/>
      <c r="FW5096" s="91"/>
      <c r="FX5096" s="127"/>
      <c r="FY5096" s="126"/>
      <c r="FZ5096" s="91"/>
      <c r="GA5096" s="91"/>
      <c r="GB5096" s="91"/>
      <c r="GC5096" s="91"/>
      <c r="GD5096" s="91"/>
      <c r="GE5096" s="91"/>
      <c r="GF5096" s="91"/>
      <c r="GG5096" s="91"/>
      <c r="GH5096" s="91"/>
      <c r="GI5096" s="91"/>
      <c r="GJ5096" s="91"/>
      <c r="GK5096" s="127"/>
      <c r="GL5096" s="126"/>
      <c r="GM5096" s="91"/>
      <c r="GN5096" s="91"/>
      <c r="GO5096" s="91"/>
      <c r="GP5096" s="91"/>
      <c r="GQ5096" s="91"/>
      <c r="GR5096" s="91"/>
      <c r="GS5096" s="91"/>
      <c r="GT5096" s="91"/>
      <c r="GU5096" s="91"/>
      <c r="GV5096" s="91"/>
      <c r="GW5096" s="91"/>
      <c r="GX5096" s="127"/>
      <c r="GY5096" s="126"/>
      <c r="GZ5096" s="91"/>
      <c r="HA5096" s="91"/>
      <c r="HB5096" s="91"/>
      <c r="HC5096" s="91"/>
      <c r="HD5096" s="91"/>
      <c r="HE5096" s="91"/>
      <c r="HF5096" s="91"/>
      <c r="HG5096" s="91"/>
      <c r="HH5096" s="91"/>
      <c r="HI5096" s="91"/>
      <c r="HJ5096" s="91"/>
      <c r="HK5096" s="127"/>
      <c r="HL5096" s="126"/>
      <c r="HM5096" s="91"/>
      <c r="HN5096" s="91"/>
      <c r="HO5096" s="91"/>
      <c r="HP5096" s="91"/>
      <c r="HQ5096" s="91"/>
      <c r="HR5096" s="91"/>
      <c r="HS5096" s="91"/>
      <c r="HT5096" s="91"/>
      <c r="HU5096" s="91"/>
      <c r="HV5096" s="91"/>
      <c r="HW5096" s="91"/>
      <c r="HX5096" s="127"/>
      <c r="HY5096" s="126"/>
      <c r="HZ5096" s="91"/>
      <c r="IA5096" s="91"/>
      <c r="IB5096" s="91"/>
      <c r="IC5096" s="91"/>
      <c r="ID5096" s="91"/>
      <c r="IE5096" s="91"/>
      <c r="IF5096" s="91"/>
      <c r="IG5096" s="91"/>
      <c r="IH5096" s="91"/>
      <c r="II5096" s="91"/>
      <c r="IJ5096" s="91"/>
      <c r="IK5096" s="174"/>
    </row>
    <row r="5097" spans="2:245" x14ac:dyDescent="0.2">
      <c r="B5097" s="43"/>
      <c r="C5097" s="73"/>
      <c r="D5097" s="64"/>
      <c r="E5097" s="64"/>
      <c r="F5097" s="55"/>
      <c r="G5097" s="102"/>
      <c r="H5097" s="97"/>
      <c r="T5097" s="98"/>
      <c r="U5097" s="97"/>
      <c r="AG5097" s="98"/>
      <c r="AY5097" s="164"/>
      <c r="BK5097" s="98"/>
      <c r="BL5097" s="97"/>
      <c r="BX5097" s="98"/>
      <c r="CL5097" s="97"/>
      <c r="CX5097" s="98"/>
      <c r="DL5097" s="97"/>
      <c r="DX5097" s="98"/>
      <c r="EL5097" s="97"/>
      <c r="EX5097" s="98"/>
      <c r="EY5097" s="97"/>
      <c r="FL5097" s="126"/>
      <c r="FM5097" s="91"/>
      <c r="FN5097" s="91"/>
      <c r="FO5097" s="91"/>
      <c r="FP5097" s="91"/>
      <c r="FQ5097" s="91"/>
      <c r="FR5097" s="91"/>
      <c r="FS5097" s="91"/>
      <c r="FT5097" s="91"/>
      <c r="FU5097" s="91"/>
      <c r="FV5097" s="91"/>
      <c r="FW5097" s="91"/>
      <c r="FX5097" s="127"/>
      <c r="FY5097" s="126"/>
      <c r="FZ5097" s="91"/>
      <c r="GA5097" s="91"/>
      <c r="GB5097" s="91"/>
      <c r="GC5097" s="91"/>
      <c r="GD5097" s="91"/>
      <c r="GE5097" s="91"/>
      <c r="GF5097" s="91"/>
      <c r="GG5097" s="91"/>
      <c r="GH5097" s="91"/>
      <c r="GI5097" s="91"/>
      <c r="GJ5097" s="91"/>
      <c r="GK5097" s="127"/>
      <c r="GL5097" s="126"/>
      <c r="GM5097" s="91"/>
      <c r="GN5097" s="91"/>
      <c r="GO5097" s="91"/>
      <c r="GP5097" s="91"/>
      <c r="GQ5097" s="91"/>
      <c r="GR5097" s="91"/>
      <c r="GS5097" s="91"/>
      <c r="GT5097" s="91"/>
      <c r="GU5097" s="91"/>
      <c r="GV5097" s="91"/>
      <c r="GW5097" s="91"/>
      <c r="GX5097" s="127"/>
      <c r="GY5097" s="126"/>
      <c r="GZ5097" s="91"/>
      <c r="HA5097" s="91"/>
      <c r="HB5097" s="91"/>
      <c r="HC5097" s="91"/>
      <c r="HD5097" s="91"/>
      <c r="HE5097" s="91"/>
      <c r="HF5097" s="91"/>
      <c r="HG5097" s="91"/>
      <c r="HH5097" s="91"/>
      <c r="HI5097" s="91"/>
      <c r="HJ5097" s="91"/>
      <c r="HK5097" s="127"/>
      <c r="HL5097" s="126"/>
      <c r="HM5097" s="91"/>
      <c r="HN5097" s="91"/>
      <c r="HO5097" s="91"/>
      <c r="HP5097" s="91"/>
      <c r="HQ5097" s="91"/>
      <c r="HR5097" s="91"/>
      <c r="HS5097" s="91"/>
      <c r="HT5097" s="91"/>
      <c r="HU5097" s="91"/>
      <c r="HV5097" s="91"/>
      <c r="HW5097" s="91"/>
      <c r="HX5097" s="127"/>
      <c r="HY5097" s="126"/>
      <c r="HZ5097" s="91"/>
      <c r="IA5097" s="91"/>
      <c r="IB5097" s="91"/>
      <c r="IC5097" s="91"/>
      <c r="ID5097" s="91"/>
      <c r="IE5097" s="91"/>
      <c r="IF5097" s="91"/>
      <c r="IG5097" s="91"/>
      <c r="IH5097" s="91"/>
      <c r="II5097" s="91"/>
      <c r="IJ5097" s="91"/>
      <c r="IK5097" s="174"/>
    </row>
    <row r="5098" spans="2:245" x14ac:dyDescent="0.2">
      <c r="B5098" s="43"/>
      <c r="C5098" s="73"/>
      <c r="D5098" s="64"/>
      <c r="E5098" s="64"/>
      <c r="F5098" s="55"/>
      <c r="G5098" s="102"/>
      <c r="H5098" s="97"/>
      <c r="T5098" s="98"/>
      <c r="U5098" s="97"/>
      <c r="AG5098" s="98"/>
      <c r="AY5098" s="164"/>
      <c r="BK5098" s="98"/>
      <c r="BL5098" s="97"/>
      <c r="BX5098" s="98"/>
      <c r="CL5098" s="97"/>
      <c r="CX5098" s="98"/>
      <c r="DL5098" s="97"/>
      <c r="DX5098" s="98"/>
      <c r="EL5098" s="97"/>
      <c r="EX5098" s="98"/>
      <c r="EY5098" s="97"/>
      <c r="FL5098" s="126"/>
      <c r="FM5098" s="91"/>
      <c r="FN5098" s="91"/>
      <c r="FO5098" s="91"/>
      <c r="FP5098" s="91"/>
      <c r="FQ5098" s="91"/>
      <c r="FR5098" s="91"/>
      <c r="FS5098" s="91"/>
      <c r="FT5098" s="91"/>
      <c r="FU5098" s="91"/>
      <c r="FV5098" s="91"/>
      <c r="FW5098" s="91"/>
      <c r="FX5098" s="127"/>
      <c r="FY5098" s="126"/>
      <c r="FZ5098" s="91"/>
      <c r="GA5098" s="91"/>
      <c r="GB5098" s="91"/>
      <c r="GC5098" s="91"/>
      <c r="GD5098" s="91"/>
      <c r="GE5098" s="91"/>
      <c r="GF5098" s="91"/>
      <c r="GG5098" s="91"/>
      <c r="GH5098" s="91"/>
      <c r="GI5098" s="91"/>
      <c r="GJ5098" s="91"/>
      <c r="GK5098" s="127"/>
      <c r="GL5098" s="126"/>
      <c r="GM5098" s="91"/>
      <c r="GN5098" s="91"/>
      <c r="GO5098" s="91"/>
      <c r="GP5098" s="91"/>
      <c r="GQ5098" s="91"/>
      <c r="GR5098" s="91"/>
      <c r="GS5098" s="91"/>
      <c r="GT5098" s="91"/>
      <c r="GU5098" s="91"/>
      <c r="GV5098" s="91"/>
      <c r="GW5098" s="91"/>
      <c r="GX5098" s="127"/>
      <c r="GY5098" s="126"/>
      <c r="GZ5098" s="91"/>
      <c r="HA5098" s="91"/>
      <c r="HB5098" s="91"/>
      <c r="HC5098" s="91"/>
      <c r="HD5098" s="91"/>
      <c r="HE5098" s="91"/>
      <c r="HF5098" s="91"/>
      <c r="HG5098" s="91"/>
      <c r="HH5098" s="91"/>
      <c r="HI5098" s="91"/>
      <c r="HJ5098" s="91"/>
      <c r="HK5098" s="127"/>
      <c r="HL5098" s="126"/>
      <c r="HM5098" s="91"/>
      <c r="HN5098" s="91"/>
      <c r="HO5098" s="91"/>
      <c r="HP5098" s="91"/>
      <c r="HQ5098" s="91"/>
      <c r="HR5098" s="91"/>
      <c r="HS5098" s="91"/>
      <c r="HT5098" s="91"/>
      <c r="HU5098" s="91"/>
      <c r="HV5098" s="91"/>
      <c r="HW5098" s="91"/>
      <c r="HX5098" s="127"/>
      <c r="HY5098" s="126"/>
      <c r="HZ5098" s="91"/>
      <c r="IA5098" s="91"/>
      <c r="IB5098" s="91"/>
      <c r="IC5098" s="91"/>
      <c r="ID5098" s="91"/>
      <c r="IE5098" s="91"/>
      <c r="IF5098" s="91"/>
      <c r="IG5098" s="91"/>
      <c r="IH5098" s="91"/>
      <c r="II5098" s="91"/>
      <c r="IJ5098" s="91"/>
      <c r="IK5098" s="174"/>
    </row>
    <row r="5099" spans="2:245" x14ac:dyDescent="0.2">
      <c r="B5099" s="43"/>
      <c r="C5099" s="73"/>
      <c r="D5099" s="64"/>
      <c r="E5099" s="64"/>
      <c r="F5099" s="55"/>
      <c r="G5099" s="102"/>
      <c r="H5099" s="97"/>
      <c r="T5099" s="98"/>
      <c r="U5099" s="97"/>
      <c r="AG5099" s="98"/>
      <c r="AY5099" s="164"/>
      <c r="BK5099" s="98"/>
      <c r="BL5099" s="97"/>
      <c r="BX5099" s="98"/>
      <c r="CL5099" s="97"/>
      <c r="CX5099" s="98"/>
      <c r="DL5099" s="97"/>
      <c r="DX5099" s="98"/>
      <c r="EL5099" s="97"/>
      <c r="EX5099" s="98"/>
      <c r="EY5099" s="97"/>
      <c r="FL5099" s="126"/>
      <c r="FM5099" s="91"/>
      <c r="FN5099" s="91"/>
      <c r="FO5099" s="91"/>
      <c r="FP5099" s="91"/>
      <c r="FQ5099" s="91"/>
      <c r="FR5099" s="91"/>
      <c r="FS5099" s="91"/>
      <c r="FT5099" s="91"/>
      <c r="FU5099" s="91"/>
      <c r="FV5099" s="91"/>
      <c r="FW5099" s="91"/>
      <c r="FX5099" s="127"/>
      <c r="FY5099" s="126"/>
      <c r="FZ5099" s="91"/>
      <c r="GA5099" s="91"/>
      <c r="GB5099" s="91"/>
      <c r="GC5099" s="91"/>
      <c r="GD5099" s="91"/>
      <c r="GE5099" s="91"/>
      <c r="GF5099" s="91"/>
      <c r="GG5099" s="91"/>
      <c r="GH5099" s="91"/>
      <c r="GI5099" s="91"/>
      <c r="GJ5099" s="91"/>
      <c r="GK5099" s="127"/>
      <c r="GL5099" s="126"/>
      <c r="GM5099" s="91"/>
      <c r="GN5099" s="91"/>
      <c r="GO5099" s="91"/>
      <c r="GP5099" s="91"/>
      <c r="GQ5099" s="91"/>
      <c r="GR5099" s="91"/>
      <c r="GS5099" s="91"/>
      <c r="GT5099" s="91"/>
      <c r="GU5099" s="91"/>
      <c r="GV5099" s="91"/>
      <c r="GW5099" s="91"/>
      <c r="GX5099" s="127"/>
      <c r="GY5099" s="126"/>
      <c r="GZ5099" s="91"/>
      <c r="HA5099" s="91"/>
      <c r="HB5099" s="91"/>
      <c r="HC5099" s="91"/>
      <c r="HD5099" s="91"/>
      <c r="HE5099" s="91"/>
      <c r="HF5099" s="91"/>
      <c r="HG5099" s="91"/>
      <c r="HH5099" s="91"/>
      <c r="HI5099" s="91"/>
      <c r="HJ5099" s="91"/>
      <c r="HK5099" s="127"/>
      <c r="HL5099" s="126"/>
      <c r="HM5099" s="91"/>
      <c r="HN5099" s="91"/>
      <c r="HO5099" s="91"/>
      <c r="HP5099" s="91"/>
      <c r="HQ5099" s="91"/>
      <c r="HR5099" s="91"/>
      <c r="HS5099" s="91"/>
      <c r="HT5099" s="91"/>
      <c r="HU5099" s="91"/>
      <c r="HV5099" s="91"/>
      <c r="HW5099" s="91"/>
      <c r="HX5099" s="127"/>
      <c r="HY5099" s="126"/>
      <c r="HZ5099" s="91"/>
      <c r="IA5099" s="91"/>
      <c r="IB5099" s="91"/>
      <c r="IC5099" s="91"/>
      <c r="ID5099" s="91"/>
      <c r="IE5099" s="91"/>
      <c r="IF5099" s="91"/>
      <c r="IG5099" s="91"/>
      <c r="IH5099" s="91"/>
      <c r="II5099" s="91"/>
      <c r="IJ5099" s="91"/>
      <c r="IK5099" s="174"/>
    </row>
    <row r="5100" spans="2:245" x14ac:dyDescent="0.2">
      <c r="B5100" s="43"/>
      <c r="C5100" s="73"/>
      <c r="D5100" s="64"/>
      <c r="E5100" s="64"/>
      <c r="F5100" s="55"/>
      <c r="G5100" s="102"/>
      <c r="H5100" s="97"/>
      <c r="T5100" s="98"/>
      <c r="U5100" s="97"/>
      <c r="AG5100" s="98"/>
      <c r="AY5100" s="164"/>
      <c r="BK5100" s="98"/>
      <c r="BL5100" s="97"/>
      <c r="BX5100" s="98"/>
      <c r="CL5100" s="97"/>
      <c r="CX5100" s="98"/>
      <c r="DL5100" s="97"/>
      <c r="DX5100" s="98"/>
      <c r="EL5100" s="97"/>
      <c r="EX5100" s="98"/>
      <c r="EY5100" s="97"/>
      <c r="FL5100" s="126"/>
      <c r="FM5100" s="91"/>
      <c r="FN5100" s="91"/>
      <c r="FO5100" s="91"/>
      <c r="FP5100" s="91"/>
      <c r="FQ5100" s="91"/>
      <c r="FR5100" s="91"/>
      <c r="FS5100" s="91"/>
      <c r="FT5100" s="91"/>
      <c r="FU5100" s="91"/>
      <c r="FV5100" s="91"/>
      <c r="FW5100" s="91"/>
      <c r="FX5100" s="127"/>
      <c r="FY5100" s="126"/>
      <c r="FZ5100" s="91"/>
      <c r="GA5100" s="91"/>
      <c r="GB5100" s="91"/>
      <c r="GC5100" s="91"/>
      <c r="GD5100" s="91"/>
      <c r="GE5100" s="91"/>
      <c r="GF5100" s="91"/>
      <c r="GG5100" s="91"/>
      <c r="GH5100" s="91"/>
      <c r="GI5100" s="91"/>
      <c r="GJ5100" s="91"/>
      <c r="GK5100" s="127"/>
      <c r="GL5100" s="126"/>
      <c r="GM5100" s="91"/>
      <c r="GN5100" s="91"/>
      <c r="GO5100" s="91"/>
      <c r="GP5100" s="91"/>
      <c r="GQ5100" s="91"/>
      <c r="GR5100" s="91"/>
      <c r="GS5100" s="91"/>
      <c r="GT5100" s="91"/>
      <c r="GU5100" s="91"/>
      <c r="GV5100" s="91"/>
      <c r="GW5100" s="91"/>
      <c r="GX5100" s="127"/>
      <c r="GY5100" s="126"/>
      <c r="GZ5100" s="91"/>
      <c r="HA5100" s="91"/>
      <c r="HB5100" s="91"/>
      <c r="HC5100" s="91"/>
      <c r="HD5100" s="91"/>
      <c r="HE5100" s="91"/>
      <c r="HF5100" s="91"/>
      <c r="HG5100" s="91"/>
      <c r="HH5100" s="91"/>
      <c r="HI5100" s="91"/>
      <c r="HJ5100" s="91"/>
      <c r="HK5100" s="127"/>
      <c r="HL5100" s="126"/>
      <c r="HM5100" s="91"/>
      <c r="HN5100" s="91"/>
      <c r="HO5100" s="91"/>
      <c r="HP5100" s="91"/>
      <c r="HQ5100" s="91"/>
      <c r="HR5100" s="91"/>
      <c r="HS5100" s="91"/>
      <c r="HT5100" s="91"/>
      <c r="HU5100" s="91"/>
      <c r="HV5100" s="91"/>
      <c r="HW5100" s="91"/>
      <c r="HX5100" s="127"/>
      <c r="HY5100" s="126"/>
      <c r="HZ5100" s="91"/>
      <c r="IA5100" s="91"/>
      <c r="IB5100" s="91"/>
      <c r="IC5100" s="91"/>
      <c r="ID5100" s="91"/>
      <c r="IE5100" s="91"/>
      <c r="IF5100" s="91"/>
      <c r="IG5100" s="91"/>
      <c r="IH5100" s="91"/>
      <c r="II5100" s="91"/>
      <c r="IJ5100" s="91"/>
      <c r="IK5100" s="174"/>
    </row>
    <row r="5101" spans="2:245" x14ac:dyDescent="0.2">
      <c r="B5101" s="43"/>
      <c r="C5101" s="73"/>
      <c r="D5101" s="64"/>
      <c r="E5101" s="64"/>
      <c r="F5101" s="55"/>
      <c r="G5101" s="102"/>
      <c r="H5101" s="97"/>
      <c r="T5101" s="98"/>
      <c r="U5101" s="97"/>
      <c r="AG5101" s="98"/>
      <c r="AY5101" s="164"/>
      <c r="BK5101" s="98"/>
      <c r="BL5101" s="97"/>
      <c r="BX5101" s="98"/>
      <c r="CL5101" s="97"/>
      <c r="CX5101" s="98"/>
      <c r="DL5101" s="97"/>
      <c r="DX5101" s="98"/>
      <c r="EL5101" s="97"/>
      <c r="EX5101" s="98"/>
      <c r="EY5101" s="97"/>
      <c r="FL5101" s="126"/>
      <c r="FM5101" s="91"/>
      <c r="FN5101" s="91"/>
      <c r="FO5101" s="91"/>
      <c r="FP5101" s="91"/>
      <c r="FQ5101" s="91"/>
      <c r="FR5101" s="91"/>
      <c r="FS5101" s="91"/>
      <c r="FT5101" s="91"/>
      <c r="FU5101" s="91"/>
      <c r="FV5101" s="91"/>
      <c r="FW5101" s="91"/>
      <c r="FX5101" s="127"/>
      <c r="FY5101" s="126"/>
      <c r="FZ5101" s="91"/>
      <c r="GA5101" s="91"/>
      <c r="GB5101" s="91"/>
      <c r="GC5101" s="91"/>
      <c r="GD5101" s="91"/>
      <c r="GE5101" s="91"/>
      <c r="GF5101" s="91"/>
      <c r="GG5101" s="91"/>
      <c r="GH5101" s="91"/>
      <c r="GI5101" s="91"/>
      <c r="GJ5101" s="91"/>
      <c r="GK5101" s="127"/>
      <c r="GL5101" s="126"/>
      <c r="GM5101" s="91"/>
      <c r="GN5101" s="91"/>
      <c r="GO5101" s="91"/>
      <c r="GP5101" s="91"/>
      <c r="GQ5101" s="91"/>
      <c r="GR5101" s="91"/>
      <c r="GS5101" s="91"/>
      <c r="GT5101" s="91"/>
      <c r="GU5101" s="91"/>
      <c r="GV5101" s="91"/>
      <c r="GW5101" s="91"/>
      <c r="GX5101" s="127"/>
      <c r="GY5101" s="126"/>
      <c r="GZ5101" s="91"/>
      <c r="HA5101" s="91"/>
      <c r="HB5101" s="91"/>
      <c r="HC5101" s="91"/>
      <c r="HD5101" s="91"/>
      <c r="HE5101" s="91"/>
      <c r="HF5101" s="91"/>
      <c r="HG5101" s="91"/>
      <c r="HH5101" s="91"/>
      <c r="HI5101" s="91"/>
      <c r="HJ5101" s="91"/>
      <c r="HK5101" s="127"/>
      <c r="HL5101" s="126"/>
      <c r="HM5101" s="91"/>
      <c r="HN5101" s="91"/>
      <c r="HO5101" s="91"/>
      <c r="HP5101" s="91"/>
      <c r="HQ5101" s="91"/>
      <c r="HR5101" s="91"/>
      <c r="HS5101" s="91"/>
      <c r="HT5101" s="91"/>
      <c r="HU5101" s="91"/>
      <c r="HV5101" s="91"/>
      <c r="HW5101" s="91"/>
      <c r="HX5101" s="127"/>
      <c r="HY5101" s="126"/>
      <c r="HZ5101" s="91"/>
      <c r="IA5101" s="91"/>
      <c r="IB5101" s="91"/>
      <c r="IC5101" s="91"/>
      <c r="ID5101" s="91"/>
      <c r="IE5101" s="91"/>
      <c r="IF5101" s="91"/>
      <c r="IG5101" s="91"/>
      <c r="IH5101" s="91"/>
      <c r="II5101" s="91"/>
      <c r="IJ5101" s="91"/>
      <c r="IK5101" s="174"/>
    </row>
    <row r="5102" spans="2:245" x14ac:dyDescent="0.2">
      <c r="B5102" s="43"/>
      <c r="C5102" s="73"/>
      <c r="D5102" s="64"/>
      <c r="E5102" s="64"/>
      <c r="F5102" s="55"/>
      <c r="G5102" s="102"/>
      <c r="H5102" s="97"/>
      <c r="T5102" s="98"/>
      <c r="U5102" s="97"/>
      <c r="AG5102" s="98"/>
      <c r="AY5102" s="164"/>
      <c r="BK5102" s="98"/>
      <c r="BL5102" s="97"/>
      <c r="BX5102" s="98"/>
      <c r="CL5102" s="97"/>
      <c r="CX5102" s="98"/>
      <c r="DL5102" s="97"/>
      <c r="DX5102" s="98"/>
      <c r="EL5102" s="97"/>
      <c r="EX5102" s="98"/>
      <c r="EY5102" s="97"/>
      <c r="FL5102" s="126"/>
      <c r="FM5102" s="91"/>
      <c r="FN5102" s="91"/>
      <c r="FO5102" s="91"/>
      <c r="FP5102" s="91"/>
      <c r="FQ5102" s="91"/>
      <c r="FR5102" s="91"/>
      <c r="FS5102" s="91"/>
      <c r="FT5102" s="91"/>
      <c r="FU5102" s="91"/>
      <c r="FV5102" s="91"/>
      <c r="FW5102" s="91"/>
      <c r="FX5102" s="127"/>
      <c r="FY5102" s="126"/>
      <c r="FZ5102" s="91"/>
      <c r="GA5102" s="91"/>
      <c r="GB5102" s="91"/>
      <c r="GC5102" s="91"/>
      <c r="GD5102" s="91"/>
      <c r="GE5102" s="91"/>
      <c r="GF5102" s="91"/>
      <c r="GG5102" s="91"/>
      <c r="GH5102" s="91"/>
      <c r="GI5102" s="91"/>
      <c r="GJ5102" s="91"/>
      <c r="GK5102" s="127"/>
      <c r="GL5102" s="126"/>
      <c r="GM5102" s="91"/>
      <c r="GN5102" s="91"/>
      <c r="GO5102" s="91"/>
      <c r="GP5102" s="91"/>
      <c r="GQ5102" s="91"/>
      <c r="GR5102" s="91"/>
      <c r="GS5102" s="91"/>
      <c r="GT5102" s="91"/>
      <c r="GU5102" s="91"/>
      <c r="GV5102" s="91"/>
      <c r="GW5102" s="91"/>
      <c r="GX5102" s="127"/>
      <c r="GY5102" s="126"/>
      <c r="GZ5102" s="91"/>
      <c r="HA5102" s="91"/>
      <c r="HB5102" s="91"/>
      <c r="HC5102" s="91"/>
      <c r="HD5102" s="91"/>
      <c r="HE5102" s="91"/>
      <c r="HF5102" s="91"/>
      <c r="HG5102" s="91"/>
      <c r="HH5102" s="91"/>
      <c r="HI5102" s="91"/>
      <c r="HJ5102" s="91"/>
      <c r="HK5102" s="127"/>
      <c r="HL5102" s="126"/>
      <c r="HM5102" s="91"/>
      <c r="HN5102" s="91"/>
      <c r="HO5102" s="91"/>
      <c r="HP5102" s="91"/>
      <c r="HQ5102" s="91"/>
      <c r="HR5102" s="91"/>
      <c r="HS5102" s="91"/>
      <c r="HT5102" s="91"/>
      <c r="HU5102" s="91"/>
      <c r="HV5102" s="91"/>
      <c r="HW5102" s="91"/>
      <c r="HX5102" s="127"/>
      <c r="HY5102" s="126"/>
      <c r="HZ5102" s="91"/>
      <c r="IA5102" s="91"/>
      <c r="IB5102" s="91"/>
      <c r="IC5102" s="91"/>
      <c r="ID5102" s="91"/>
      <c r="IE5102" s="91"/>
      <c r="IF5102" s="91"/>
      <c r="IG5102" s="91"/>
      <c r="IH5102" s="91"/>
      <c r="II5102" s="91"/>
      <c r="IJ5102" s="91"/>
      <c r="IK5102" s="174"/>
    </row>
    <row r="5103" spans="2:245" x14ac:dyDescent="0.2">
      <c r="B5103" s="43"/>
      <c r="C5103" s="73"/>
      <c r="D5103" s="64"/>
      <c r="E5103" s="64"/>
      <c r="F5103" s="55"/>
      <c r="G5103" s="102"/>
      <c r="H5103" s="97"/>
      <c r="T5103" s="98"/>
      <c r="U5103" s="97"/>
      <c r="AG5103" s="98"/>
      <c r="AY5103" s="164"/>
      <c r="BK5103" s="98"/>
      <c r="BL5103" s="97"/>
      <c r="BX5103" s="98"/>
      <c r="CL5103" s="97"/>
      <c r="CX5103" s="98"/>
      <c r="DL5103" s="97"/>
      <c r="DX5103" s="98"/>
      <c r="EL5103" s="97"/>
      <c r="EX5103" s="98"/>
      <c r="EY5103" s="97"/>
      <c r="FL5103" s="126"/>
      <c r="FM5103" s="91"/>
      <c r="FN5103" s="91"/>
      <c r="FO5103" s="91"/>
      <c r="FP5103" s="91"/>
      <c r="FQ5103" s="91"/>
      <c r="FR5103" s="91"/>
      <c r="FS5103" s="91"/>
      <c r="FT5103" s="91"/>
      <c r="FU5103" s="91"/>
      <c r="FV5103" s="91"/>
      <c r="FW5103" s="91"/>
      <c r="FX5103" s="127"/>
      <c r="FY5103" s="126"/>
      <c r="FZ5103" s="91"/>
      <c r="GA5103" s="91"/>
      <c r="GB5103" s="91"/>
      <c r="GC5103" s="91"/>
      <c r="GD5103" s="91"/>
      <c r="GE5103" s="91"/>
      <c r="GF5103" s="91"/>
      <c r="GG5103" s="91"/>
      <c r="GH5103" s="91"/>
      <c r="GI5103" s="91"/>
      <c r="GJ5103" s="91"/>
      <c r="GK5103" s="127"/>
      <c r="GL5103" s="126"/>
      <c r="GM5103" s="91"/>
      <c r="GN5103" s="91"/>
      <c r="GO5103" s="91"/>
      <c r="GP5103" s="91"/>
      <c r="GQ5103" s="91"/>
      <c r="GR5103" s="91"/>
      <c r="GS5103" s="91"/>
      <c r="GT5103" s="91"/>
      <c r="GU5103" s="91"/>
      <c r="GV5103" s="91"/>
      <c r="GW5103" s="91"/>
      <c r="GX5103" s="127"/>
      <c r="GY5103" s="126"/>
      <c r="GZ5103" s="91"/>
      <c r="HA5103" s="91"/>
      <c r="HB5103" s="91"/>
      <c r="HC5103" s="91"/>
      <c r="HD5103" s="91"/>
      <c r="HE5103" s="91"/>
      <c r="HF5103" s="91"/>
      <c r="HG5103" s="91"/>
      <c r="HH5103" s="91"/>
      <c r="HI5103" s="91"/>
      <c r="HJ5103" s="91"/>
      <c r="HK5103" s="127"/>
      <c r="HL5103" s="126"/>
      <c r="HM5103" s="91"/>
      <c r="HN5103" s="91"/>
      <c r="HO5103" s="91"/>
      <c r="HP5103" s="91"/>
      <c r="HQ5103" s="91"/>
      <c r="HR5103" s="91"/>
      <c r="HS5103" s="91"/>
      <c r="HT5103" s="91"/>
      <c r="HU5103" s="91"/>
      <c r="HV5103" s="91"/>
      <c r="HW5103" s="91"/>
      <c r="HX5103" s="127"/>
      <c r="HY5103" s="126"/>
      <c r="HZ5103" s="91"/>
      <c r="IA5103" s="91"/>
      <c r="IB5103" s="91"/>
      <c r="IC5103" s="91"/>
      <c r="ID5103" s="91"/>
      <c r="IE5103" s="91"/>
      <c r="IF5103" s="91"/>
      <c r="IG5103" s="91"/>
      <c r="IH5103" s="91"/>
      <c r="II5103" s="91"/>
      <c r="IJ5103" s="91"/>
      <c r="IK5103" s="174"/>
    </row>
    <row r="5104" spans="2:245" x14ac:dyDescent="0.2">
      <c r="B5104" s="43"/>
      <c r="C5104" s="73"/>
      <c r="D5104" s="64"/>
      <c r="E5104" s="64"/>
      <c r="F5104" s="55"/>
      <c r="G5104" s="102"/>
      <c r="H5104" s="97"/>
      <c r="T5104" s="98"/>
      <c r="U5104" s="97"/>
      <c r="AG5104" s="98"/>
      <c r="AY5104" s="164"/>
      <c r="BK5104" s="98"/>
      <c r="BL5104" s="97"/>
      <c r="BX5104" s="98"/>
      <c r="CL5104" s="97"/>
      <c r="CX5104" s="98"/>
      <c r="DL5104" s="97"/>
      <c r="DX5104" s="98"/>
      <c r="EL5104" s="97"/>
      <c r="EX5104" s="98"/>
      <c r="EY5104" s="97"/>
      <c r="FL5104" s="126"/>
      <c r="FM5104" s="91"/>
      <c r="FN5104" s="91"/>
      <c r="FO5104" s="91"/>
      <c r="FP5104" s="91"/>
      <c r="FQ5104" s="91"/>
      <c r="FR5104" s="91"/>
      <c r="FS5104" s="91"/>
      <c r="FT5104" s="91"/>
      <c r="FU5104" s="91"/>
      <c r="FV5104" s="91"/>
      <c r="FW5104" s="91"/>
      <c r="FX5104" s="127"/>
      <c r="FY5104" s="126"/>
      <c r="FZ5104" s="91"/>
      <c r="GA5104" s="91"/>
      <c r="GB5104" s="91"/>
      <c r="GC5104" s="91"/>
      <c r="GD5104" s="91"/>
      <c r="GE5104" s="91"/>
      <c r="GF5104" s="91"/>
      <c r="GG5104" s="91"/>
      <c r="GH5104" s="91"/>
      <c r="GI5104" s="91"/>
      <c r="GJ5104" s="91"/>
      <c r="GK5104" s="127"/>
      <c r="GL5104" s="126"/>
      <c r="GM5104" s="91"/>
      <c r="GN5104" s="91"/>
      <c r="GO5104" s="91"/>
      <c r="GP5104" s="91"/>
      <c r="GQ5104" s="91"/>
      <c r="GR5104" s="91"/>
      <c r="GS5104" s="91"/>
      <c r="GT5104" s="91"/>
      <c r="GU5104" s="91"/>
      <c r="GV5104" s="91"/>
      <c r="GW5104" s="91"/>
      <c r="GX5104" s="127"/>
      <c r="GY5104" s="126"/>
      <c r="GZ5104" s="91"/>
      <c r="HA5104" s="91"/>
      <c r="HB5104" s="91"/>
      <c r="HC5104" s="91"/>
      <c r="HD5104" s="91"/>
      <c r="HE5104" s="91"/>
      <c r="HF5104" s="91"/>
      <c r="HG5104" s="91"/>
      <c r="HH5104" s="91"/>
      <c r="HI5104" s="91"/>
      <c r="HJ5104" s="91"/>
      <c r="HK5104" s="127"/>
      <c r="HL5104" s="126"/>
      <c r="HM5104" s="91"/>
      <c r="HN5104" s="91"/>
      <c r="HO5104" s="91"/>
      <c r="HP5104" s="91"/>
      <c r="HQ5104" s="91"/>
      <c r="HR5104" s="91"/>
      <c r="HS5104" s="91"/>
      <c r="HT5104" s="91"/>
      <c r="HU5104" s="91"/>
      <c r="HV5104" s="91"/>
      <c r="HW5104" s="91"/>
      <c r="HX5104" s="127"/>
      <c r="HY5104" s="126"/>
      <c r="HZ5104" s="91"/>
      <c r="IA5104" s="91"/>
      <c r="IB5104" s="91"/>
      <c r="IC5104" s="91"/>
      <c r="ID5104" s="91"/>
      <c r="IE5104" s="91"/>
      <c r="IF5104" s="91"/>
      <c r="IG5104" s="91"/>
      <c r="IH5104" s="91"/>
      <c r="II5104" s="91"/>
      <c r="IJ5104" s="91"/>
      <c r="IK5104" s="174"/>
    </row>
    <row r="5105" spans="2:245" x14ac:dyDescent="0.2">
      <c r="B5105" s="43"/>
      <c r="C5105" s="73"/>
      <c r="D5105" s="64"/>
      <c r="E5105" s="64"/>
      <c r="F5105" s="55"/>
      <c r="G5105" s="102"/>
      <c r="H5105" s="97"/>
      <c r="T5105" s="98"/>
      <c r="U5105" s="97"/>
      <c r="AG5105" s="98"/>
      <c r="AY5105" s="164"/>
      <c r="BK5105" s="98"/>
      <c r="BL5105" s="97"/>
      <c r="BX5105" s="98"/>
      <c r="CL5105" s="97"/>
      <c r="CX5105" s="98"/>
      <c r="DL5105" s="97"/>
      <c r="DX5105" s="98"/>
      <c r="EL5105" s="97"/>
      <c r="EX5105" s="98"/>
      <c r="EY5105" s="97"/>
      <c r="FL5105" s="126"/>
      <c r="FM5105" s="91"/>
      <c r="FN5105" s="91"/>
      <c r="FO5105" s="91"/>
      <c r="FP5105" s="91"/>
      <c r="FQ5105" s="91"/>
      <c r="FR5105" s="91"/>
      <c r="FS5105" s="91"/>
      <c r="FT5105" s="91"/>
      <c r="FU5105" s="91"/>
      <c r="FV5105" s="91"/>
      <c r="FW5105" s="91"/>
      <c r="FX5105" s="127"/>
      <c r="FY5105" s="126"/>
      <c r="FZ5105" s="91"/>
      <c r="GA5105" s="91"/>
      <c r="GB5105" s="91"/>
      <c r="GC5105" s="91"/>
      <c r="GD5105" s="91"/>
      <c r="GE5105" s="91"/>
      <c r="GF5105" s="91"/>
      <c r="GG5105" s="91"/>
      <c r="GH5105" s="91"/>
      <c r="GI5105" s="91"/>
      <c r="GJ5105" s="91"/>
      <c r="GK5105" s="127"/>
      <c r="GL5105" s="126"/>
      <c r="GM5105" s="91"/>
      <c r="GN5105" s="91"/>
      <c r="GO5105" s="91"/>
      <c r="GP5105" s="91"/>
      <c r="GQ5105" s="91"/>
      <c r="GR5105" s="91"/>
      <c r="GS5105" s="91"/>
      <c r="GT5105" s="91"/>
      <c r="GU5105" s="91"/>
      <c r="GV5105" s="91"/>
      <c r="GW5105" s="91"/>
      <c r="GX5105" s="127"/>
      <c r="GY5105" s="126"/>
      <c r="GZ5105" s="91"/>
      <c r="HA5105" s="91"/>
      <c r="HB5105" s="91"/>
      <c r="HC5105" s="91"/>
      <c r="HD5105" s="91"/>
      <c r="HE5105" s="91"/>
      <c r="HF5105" s="91"/>
      <c r="HG5105" s="91"/>
      <c r="HH5105" s="91"/>
      <c r="HI5105" s="91"/>
      <c r="HJ5105" s="91"/>
      <c r="HK5105" s="127"/>
      <c r="HL5105" s="126"/>
      <c r="HM5105" s="91"/>
      <c r="HN5105" s="91"/>
      <c r="HO5105" s="91"/>
      <c r="HP5105" s="91"/>
      <c r="HQ5105" s="91"/>
      <c r="HR5105" s="91"/>
      <c r="HS5105" s="91"/>
      <c r="HT5105" s="91"/>
      <c r="HU5105" s="91"/>
      <c r="HV5105" s="91"/>
      <c r="HW5105" s="91"/>
      <c r="HX5105" s="127"/>
      <c r="HY5105" s="126"/>
      <c r="HZ5105" s="91"/>
      <c r="IA5105" s="91"/>
      <c r="IB5105" s="91"/>
      <c r="IC5105" s="91"/>
      <c r="ID5105" s="91"/>
      <c r="IE5105" s="91"/>
      <c r="IF5105" s="91"/>
      <c r="IG5105" s="91"/>
      <c r="IH5105" s="91"/>
      <c r="II5105" s="91"/>
      <c r="IJ5105" s="91"/>
      <c r="IK5105" s="174"/>
    </row>
    <row r="5106" spans="2:245" x14ac:dyDescent="0.2">
      <c r="B5106" s="43"/>
      <c r="C5106" s="73"/>
      <c r="D5106" s="64"/>
      <c r="E5106" s="64"/>
      <c r="F5106" s="55"/>
      <c r="G5106" s="102"/>
      <c r="H5106" s="97"/>
      <c r="T5106" s="98"/>
      <c r="U5106" s="97"/>
      <c r="AG5106" s="98"/>
      <c r="AY5106" s="164"/>
      <c r="BK5106" s="98"/>
      <c r="BL5106" s="97"/>
      <c r="BX5106" s="98"/>
      <c r="CL5106" s="97"/>
      <c r="CX5106" s="98"/>
      <c r="DL5106" s="97"/>
      <c r="DX5106" s="98"/>
      <c r="EL5106" s="97"/>
      <c r="EX5106" s="98"/>
      <c r="EY5106" s="97"/>
      <c r="FL5106" s="126"/>
      <c r="FM5106" s="91"/>
      <c r="FN5106" s="91"/>
      <c r="FO5106" s="91"/>
      <c r="FP5106" s="91"/>
      <c r="FQ5106" s="91"/>
      <c r="FR5106" s="91"/>
      <c r="FS5106" s="91"/>
      <c r="FT5106" s="91"/>
      <c r="FU5106" s="91"/>
      <c r="FV5106" s="91"/>
      <c r="FW5106" s="91"/>
      <c r="FX5106" s="127"/>
      <c r="FY5106" s="126"/>
      <c r="FZ5106" s="91"/>
      <c r="GA5106" s="91"/>
      <c r="GB5106" s="91"/>
      <c r="GC5106" s="91"/>
      <c r="GD5106" s="91"/>
      <c r="GE5106" s="91"/>
      <c r="GF5106" s="91"/>
      <c r="GG5106" s="91"/>
      <c r="GH5106" s="91"/>
      <c r="GI5106" s="91"/>
      <c r="GJ5106" s="91"/>
      <c r="GK5106" s="127"/>
      <c r="GL5106" s="126"/>
      <c r="GM5106" s="91"/>
      <c r="GN5106" s="91"/>
      <c r="GO5106" s="91"/>
      <c r="GP5106" s="91"/>
      <c r="GQ5106" s="91"/>
      <c r="GR5106" s="91"/>
      <c r="GS5106" s="91"/>
      <c r="GT5106" s="91"/>
      <c r="GU5106" s="91"/>
      <c r="GV5106" s="91"/>
      <c r="GW5106" s="91"/>
      <c r="GX5106" s="127"/>
      <c r="GY5106" s="126"/>
      <c r="GZ5106" s="91"/>
      <c r="HA5106" s="91"/>
      <c r="HB5106" s="91"/>
      <c r="HC5106" s="91"/>
      <c r="HD5106" s="91"/>
      <c r="HE5106" s="91"/>
      <c r="HF5106" s="91"/>
      <c r="HG5106" s="91"/>
      <c r="HH5106" s="91"/>
      <c r="HI5106" s="91"/>
      <c r="HJ5106" s="91"/>
      <c r="HK5106" s="127"/>
      <c r="HL5106" s="126"/>
      <c r="HM5106" s="91"/>
      <c r="HN5106" s="91"/>
      <c r="HO5106" s="91"/>
      <c r="HP5106" s="91"/>
      <c r="HQ5106" s="91"/>
      <c r="HR5106" s="91"/>
      <c r="HS5106" s="91"/>
      <c r="HT5106" s="91"/>
      <c r="HU5106" s="91"/>
      <c r="HV5106" s="91"/>
      <c r="HW5106" s="91"/>
      <c r="HX5106" s="127"/>
      <c r="HY5106" s="126"/>
      <c r="HZ5106" s="91"/>
      <c r="IA5106" s="91"/>
      <c r="IB5106" s="91"/>
      <c r="IC5106" s="91"/>
      <c r="ID5106" s="91"/>
      <c r="IE5106" s="91"/>
      <c r="IF5106" s="91"/>
      <c r="IG5106" s="91"/>
      <c r="IH5106" s="91"/>
      <c r="II5106" s="91"/>
      <c r="IJ5106" s="91"/>
      <c r="IK5106" s="174"/>
    </row>
    <row r="5107" spans="2:245" x14ac:dyDescent="0.2">
      <c r="B5107" s="43"/>
      <c r="C5107" s="73"/>
      <c r="D5107" s="64"/>
      <c r="E5107" s="64"/>
      <c r="F5107" s="55"/>
      <c r="G5107" s="102"/>
      <c r="H5107" s="97"/>
      <c r="T5107" s="98"/>
      <c r="U5107" s="97"/>
      <c r="AG5107" s="98"/>
      <c r="AY5107" s="164"/>
      <c r="BK5107" s="98"/>
      <c r="BL5107" s="97"/>
      <c r="BX5107" s="98"/>
      <c r="CL5107" s="97"/>
      <c r="CX5107" s="98"/>
      <c r="DL5107" s="97"/>
      <c r="DX5107" s="98"/>
      <c r="EL5107" s="97"/>
      <c r="EX5107" s="98"/>
      <c r="EY5107" s="97"/>
      <c r="FL5107" s="126"/>
      <c r="FM5107" s="91"/>
      <c r="FN5107" s="91"/>
      <c r="FO5107" s="91"/>
      <c r="FP5107" s="91"/>
      <c r="FQ5107" s="91"/>
      <c r="FR5107" s="91"/>
      <c r="FS5107" s="91"/>
      <c r="FT5107" s="91"/>
      <c r="FU5107" s="91"/>
      <c r="FV5107" s="91"/>
      <c r="FW5107" s="91"/>
      <c r="FX5107" s="127"/>
      <c r="FY5107" s="126"/>
      <c r="FZ5107" s="91"/>
      <c r="GA5107" s="91"/>
      <c r="GB5107" s="91"/>
      <c r="GC5107" s="91"/>
      <c r="GD5107" s="91"/>
      <c r="GE5107" s="91"/>
      <c r="GF5107" s="91"/>
      <c r="GG5107" s="91"/>
      <c r="GH5107" s="91"/>
      <c r="GI5107" s="91"/>
      <c r="GJ5107" s="91"/>
      <c r="GK5107" s="127"/>
      <c r="GL5107" s="126"/>
      <c r="GM5107" s="91"/>
      <c r="GN5107" s="91"/>
      <c r="GO5107" s="91"/>
      <c r="GP5107" s="91"/>
      <c r="GQ5107" s="91"/>
      <c r="GR5107" s="91"/>
      <c r="GS5107" s="91"/>
      <c r="GT5107" s="91"/>
      <c r="GU5107" s="91"/>
      <c r="GV5107" s="91"/>
      <c r="GW5107" s="91"/>
      <c r="GX5107" s="127"/>
      <c r="GY5107" s="126"/>
      <c r="GZ5107" s="91"/>
      <c r="HA5107" s="91"/>
      <c r="HB5107" s="91"/>
      <c r="HC5107" s="91"/>
      <c r="HD5107" s="91"/>
      <c r="HE5107" s="91"/>
      <c r="HF5107" s="91"/>
      <c r="HG5107" s="91"/>
      <c r="HH5107" s="91"/>
      <c r="HI5107" s="91"/>
      <c r="HJ5107" s="91"/>
      <c r="HK5107" s="127"/>
      <c r="HL5107" s="126"/>
      <c r="HM5107" s="91"/>
      <c r="HN5107" s="91"/>
      <c r="HO5107" s="91"/>
      <c r="HP5107" s="91"/>
      <c r="HQ5107" s="91"/>
      <c r="HR5107" s="91"/>
      <c r="HS5107" s="91"/>
      <c r="HT5107" s="91"/>
      <c r="HU5107" s="91"/>
      <c r="HV5107" s="91"/>
      <c r="HW5107" s="91"/>
      <c r="HX5107" s="127"/>
      <c r="HY5107" s="126"/>
      <c r="HZ5107" s="91"/>
      <c r="IA5107" s="91"/>
      <c r="IB5107" s="91"/>
      <c r="IC5107" s="91"/>
      <c r="ID5107" s="91"/>
      <c r="IE5107" s="91"/>
      <c r="IF5107" s="91"/>
      <c r="IG5107" s="91"/>
      <c r="IH5107" s="91"/>
      <c r="II5107" s="91"/>
      <c r="IJ5107" s="91"/>
      <c r="IK5107" s="174"/>
    </row>
    <row r="5108" spans="2:245" x14ac:dyDescent="0.2">
      <c r="B5108" s="43"/>
      <c r="C5108" s="73"/>
      <c r="D5108" s="64"/>
      <c r="E5108" s="64"/>
      <c r="F5108" s="55"/>
      <c r="G5108" s="102"/>
      <c r="H5108" s="97"/>
      <c r="T5108" s="98"/>
      <c r="U5108" s="97"/>
      <c r="AG5108" s="98"/>
      <c r="AY5108" s="164"/>
      <c r="BK5108" s="98"/>
      <c r="BL5108" s="97"/>
      <c r="BX5108" s="98"/>
      <c r="CL5108" s="97"/>
      <c r="CX5108" s="98"/>
      <c r="DL5108" s="97"/>
      <c r="DX5108" s="98"/>
      <c r="EL5108" s="97"/>
      <c r="EX5108" s="98"/>
      <c r="EY5108" s="97"/>
      <c r="FL5108" s="126"/>
      <c r="FM5108" s="91"/>
      <c r="FN5108" s="91"/>
      <c r="FO5108" s="91"/>
      <c r="FP5108" s="91"/>
      <c r="FQ5108" s="91"/>
      <c r="FR5108" s="91"/>
      <c r="FS5108" s="91"/>
      <c r="FT5108" s="91"/>
      <c r="FU5108" s="91"/>
      <c r="FV5108" s="91"/>
      <c r="FW5108" s="91"/>
      <c r="FX5108" s="127"/>
      <c r="FY5108" s="126"/>
      <c r="FZ5108" s="91"/>
      <c r="GA5108" s="91"/>
      <c r="GB5108" s="91"/>
      <c r="GC5108" s="91"/>
      <c r="GD5108" s="91"/>
      <c r="GE5108" s="91"/>
      <c r="GF5108" s="91"/>
      <c r="GG5108" s="91"/>
      <c r="GH5108" s="91"/>
      <c r="GI5108" s="91"/>
      <c r="GJ5108" s="91"/>
      <c r="GK5108" s="127"/>
      <c r="GL5108" s="126"/>
      <c r="GM5108" s="91"/>
      <c r="GN5108" s="91"/>
      <c r="GO5108" s="91"/>
      <c r="GP5108" s="91"/>
      <c r="GQ5108" s="91"/>
      <c r="GR5108" s="91"/>
      <c r="GS5108" s="91"/>
      <c r="GT5108" s="91"/>
      <c r="GU5108" s="91"/>
      <c r="GV5108" s="91"/>
      <c r="GW5108" s="91"/>
      <c r="GX5108" s="127"/>
      <c r="GY5108" s="126"/>
      <c r="GZ5108" s="91"/>
      <c r="HA5108" s="91"/>
      <c r="HB5108" s="91"/>
      <c r="HC5108" s="91"/>
      <c r="HD5108" s="91"/>
      <c r="HE5108" s="91"/>
      <c r="HF5108" s="91"/>
      <c r="HG5108" s="91"/>
      <c r="HH5108" s="91"/>
      <c r="HI5108" s="91"/>
      <c r="HJ5108" s="91"/>
      <c r="HK5108" s="127"/>
      <c r="HL5108" s="126"/>
      <c r="HM5108" s="91"/>
      <c r="HN5108" s="91"/>
      <c r="HO5108" s="91"/>
      <c r="HP5108" s="91"/>
      <c r="HQ5108" s="91"/>
      <c r="HR5108" s="91"/>
      <c r="HS5108" s="91"/>
      <c r="HT5108" s="91"/>
      <c r="HU5108" s="91"/>
      <c r="HV5108" s="91"/>
      <c r="HW5108" s="91"/>
      <c r="HX5108" s="127"/>
      <c r="HY5108" s="126"/>
      <c r="HZ5108" s="91"/>
      <c r="IA5108" s="91"/>
      <c r="IB5108" s="91"/>
      <c r="IC5108" s="91"/>
      <c r="ID5108" s="91"/>
      <c r="IE5108" s="91"/>
      <c r="IF5108" s="91"/>
      <c r="IG5108" s="91"/>
      <c r="IH5108" s="91"/>
      <c r="II5108" s="91"/>
      <c r="IJ5108" s="91"/>
      <c r="IK5108" s="174"/>
    </row>
    <row r="5109" spans="2:245" x14ac:dyDescent="0.2">
      <c r="B5109" s="43"/>
      <c r="C5109" s="73"/>
      <c r="D5109" s="64"/>
      <c r="E5109" s="64"/>
      <c r="F5109" s="55"/>
      <c r="G5109" s="102"/>
      <c r="H5109" s="97"/>
      <c r="T5109" s="98"/>
      <c r="U5109" s="97"/>
      <c r="AG5109" s="98"/>
      <c r="AY5109" s="164"/>
      <c r="BK5109" s="98"/>
      <c r="BL5109" s="97"/>
      <c r="BX5109" s="98"/>
      <c r="CL5109" s="97"/>
      <c r="CX5109" s="98"/>
      <c r="DL5109" s="97"/>
      <c r="DX5109" s="98"/>
      <c r="EL5109" s="97"/>
      <c r="EX5109" s="98"/>
      <c r="EY5109" s="97"/>
      <c r="FL5109" s="126"/>
      <c r="FM5109" s="91"/>
      <c r="FN5109" s="91"/>
      <c r="FO5109" s="91"/>
      <c r="FP5109" s="91"/>
      <c r="FQ5109" s="91"/>
      <c r="FR5109" s="91"/>
      <c r="FS5109" s="91"/>
      <c r="FT5109" s="91"/>
      <c r="FU5109" s="91"/>
      <c r="FV5109" s="91"/>
      <c r="FW5109" s="91"/>
      <c r="FX5109" s="127"/>
      <c r="FY5109" s="126"/>
      <c r="FZ5109" s="91"/>
      <c r="GA5109" s="91"/>
      <c r="GB5109" s="91"/>
      <c r="GC5109" s="91"/>
      <c r="GD5109" s="91"/>
      <c r="GE5109" s="91"/>
      <c r="GF5109" s="91"/>
      <c r="GG5109" s="91"/>
      <c r="GH5109" s="91"/>
      <c r="GI5109" s="91"/>
      <c r="GJ5109" s="91"/>
      <c r="GK5109" s="127"/>
      <c r="GL5109" s="126"/>
      <c r="GM5109" s="91"/>
      <c r="GN5109" s="91"/>
      <c r="GO5109" s="91"/>
      <c r="GP5109" s="91"/>
      <c r="GQ5109" s="91"/>
      <c r="GR5109" s="91"/>
      <c r="GS5109" s="91"/>
      <c r="GT5109" s="91"/>
      <c r="GU5109" s="91"/>
      <c r="GV5109" s="91"/>
      <c r="GW5109" s="91"/>
      <c r="GX5109" s="127"/>
      <c r="GY5109" s="126"/>
      <c r="GZ5109" s="91"/>
      <c r="HA5109" s="91"/>
      <c r="HB5109" s="91"/>
      <c r="HC5109" s="91"/>
      <c r="HD5109" s="91"/>
      <c r="HE5109" s="91"/>
      <c r="HF5109" s="91"/>
      <c r="HG5109" s="91"/>
      <c r="HH5109" s="91"/>
      <c r="HI5109" s="91"/>
      <c r="HJ5109" s="91"/>
      <c r="HK5109" s="127"/>
      <c r="HL5109" s="126"/>
      <c r="HM5109" s="91"/>
      <c r="HN5109" s="91"/>
      <c r="HO5109" s="91"/>
      <c r="HP5109" s="91"/>
      <c r="HQ5109" s="91"/>
      <c r="HR5109" s="91"/>
      <c r="HS5109" s="91"/>
      <c r="HT5109" s="91"/>
      <c r="HU5109" s="91"/>
      <c r="HV5109" s="91"/>
      <c r="HW5109" s="91"/>
      <c r="HX5109" s="127"/>
      <c r="HY5109" s="126"/>
      <c r="HZ5109" s="91"/>
      <c r="IA5109" s="91"/>
      <c r="IB5109" s="91"/>
      <c r="IC5109" s="91"/>
      <c r="ID5109" s="91"/>
      <c r="IE5109" s="91"/>
      <c r="IF5109" s="91"/>
      <c r="IG5109" s="91"/>
      <c r="IH5109" s="91"/>
      <c r="II5109" s="91"/>
      <c r="IJ5109" s="91"/>
      <c r="IK5109" s="174"/>
    </row>
    <row r="5110" spans="2:245" x14ac:dyDescent="0.2">
      <c r="B5110" s="43"/>
      <c r="C5110" s="73"/>
      <c r="D5110" s="64"/>
      <c r="E5110" s="64"/>
      <c r="F5110" s="55"/>
      <c r="G5110" s="102"/>
      <c r="H5110" s="97"/>
      <c r="T5110" s="98"/>
      <c r="U5110" s="97"/>
      <c r="AG5110" s="98"/>
      <c r="AY5110" s="164"/>
      <c r="BK5110" s="98"/>
      <c r="BL5110" s="97"/>
      <c r="BX5110" s="98"/>
      <c r="CL5110" s="97"/>
      <c r="CX5110" s="98"/>
      <c r="DL5110" s="97"/>
      <c r="DX5110" s="98"/>
      <c r="EL5110" s="97"/>
      <c r="EX5110" s="98"/>
      <c r="EY5110" s="97"/>
      <c r="FL5110" s="126"/>
      <c r="FM5110" s="91"/>
      <c r="FN5110" s="91"/>
      <c r="FO5110" s="91"/>
      <c r="FP5110" s="91"/>
      <c r="FQ5110" s="91"/>
      <c r="FR5110" s="91"/>
      <c r="FS5110" s="91"/>
      <c r="FT5110" s="91"/>
      <c r="FU5110" s="91"/>
      <c r="FV5110" s="91"/>
      <c r="FW5110" s="91"/>
      <c r="FX5110" s="127"/>
      <c r="FY5110" s="126"/>
      <c r="FZ5110" s="91"/>
      <c r="GA5110" s="91"/>
      <c r="GB5110" s="91"/>
      <c r="GC5110" s="91"/>
      <c r="GD5110" s="91"/>
      <c r="GE5110" s="91"/>
      <c r="GF5110" s="91"/>
      <c r="GG5110" s="91"/>
      <c r="GH5110" s="91"/>
      <c r="GI5110" s="91"/>
      <c r="GJ5110" s="91"/>
      <c r="GK5110" s="127"/>
      <c r="GL5110" s="126"/>
      <c r="GM5110" s="91"/>
      <c r="GN5110" s="91"/>
      <c r="GO5110" s="91"/>
      <c r="GP5110" s="91"/>
      <c r="GQ5110" s="91"/>
      <c r="GR5110" s="91"/>
      <c r="GS5110" s="91"/>
      <c r="GT5110" s="91"/>
      <c r="GU5110" s="91"/>
      <c r="GV5110" s="91"/>
      <c r="GW5110" s="91"/>
      <c r="GX5110" s="127"/>
      <c r="GY5110" s="126"/>
      <c r="GZ5110" s="91"/>
      <c r="HA5110" s="91"/>
      <c r="HB5110" s="91"/>
      <c r="HC5110" s="91"/>
      <c r="HD5110" s="91"/>
      <c r="HE5110" s="91"/>
      <c r="HF5110" s="91"/>
      <c r="HG5110" s="91"/>
      <c r="HH5110" s="91"/>
      <c r="HI5110" s="91"/>
      <c r="HJ5110" s="91"/>
      <c r="HK5110" s="127"/>
      <c r="HL5110" s="126"/>
      <c r="HM5110" s="91"/>
      <c r="HN5110" s="91"/>
      <c r="HO5110" s="91"/>
      <c r="HP5110" s="91"/>
      <c r="HQ5110" s="91"/>
      <c r="HR5110" s="91"/>
      <c r="HS5110" s="91"/>
      <c r="HT5110" s="91"/>
      <c r="HU5110" s="91"/>
      <c r="HV5110" s="91"/>
      <c r="HW5110" s="91"/>
      <c r="HX5110" s="127"/>
      <c r="HY5110" s="126"/>
      <c r="HZ5110" s="91"/>
      <c r="IA5110" s="91"/>
      <c r="IB5110" s="91"/>
      <c r="IC5110" s="91"/>
      <c r="ID5110" s="91"/>
      <c r="IE5110" s="91"/>
      <c r="IF5110" s="91"/>
      <c r="IG5110" s="91"/>
      <c r="IH5110" s="91"/>
      <c r="II5110" s="91"/>
      <c r="IJ5110" s="91"/>
      <c r="IK5110" s="174"/>
    </row>
    <row r="5111" spans="2:245" x14ac:dyDescent="0.2">
      <c r="B5111" s="43"/>
      <c r="C5111" s="73"/>
      <c r="D5111" s="64"/>
      <c r="E5111" s="64"/>
      <c r="F5111" s="55"/>
      <c r="G5111" s="102"/>
      <c r="H5111" s="97"/>
      <c r="T5111" s="98"/>
      <c r="U5111" s="97"/>
      <c r="AG5111" s="98"/>
      <c r="AY5111" s="164"/>
      <c r="BK5111" s="98"/>
      <c r="BL5111" s="97"/>
      <c r="BX5111" s="98"/>
      <c r="CL5111" s="97"/>
      <c r="CX5111" s="98"/>
      <c r="DL5111" s="97"/>
      <c r="DX5111" s="98"/>
      <c r="EL5111" s="97"/>
      <c r="EX5111" s="98"/>
      <c r="EY5111" s="97"/>
      <c r="FL5111" s="126"/>
      <c r="FM5111" s="91"/>
      <c r="FN5111" s="91"/>
      <c r="FO5111" s="91"/>
      <c r="FP5111" s="91"/>
      <c r="FQ5111" s="91"/>
      <c r="FR5111" s="91"/>
      <c r="FS5111" s="91"/>
      <c r="FT5111" s="91"/>
      <c r="FU5111" s="91"/>
      <c r="FV5111" s="91"/>
      <c r="FW5111" s="91"/>
      <c r="FX5111" s="127"/>
      <c r="FY5111" s="126"/>
      <c r="FZ5111" s="91"/>
      <c r="GA5111" s="91"/>
      <c r="GB5111" s="91"/>
      <c r="GC5111" s="91"/>
      <c r="GD5111" s="91"/>
      <c r="GE5111" s="91"/>
      <c r="GF5111" s="91"/>
      <c r="GG5111" s="91"/>
      <c r="GH5111" s="91"/>
      <c r="GI5111" s="91"/>
      <c r="GJ5111" s="91"/>
      <c r="GK5111" s="127"/>
      <c r="GL5111" s="126"/>
      <c r="GM5111" s="91"/>
      <c r="GN5111" s="91"/>
      <c r="GO5111" s="91"/>
      <c r="GP5111" s="91"/>
      <c r="GQ5111" s="91"/>
      <c r="GR5111" s="91"/>
      <c r="GS5111" s="91"/>
      <c r="GT5111" s="91"/>
      <c r="GU5111" s="91"/>
      <c r="GV5111" s="91"/>
      <c r="GW5111" s="91"/>
      <c r="GX5111" s="127"/>
      <c r="GY5111" s="126"/>
      <c r="GZ5111" s="91"/>
      <c r="HA5111" s="91"/>
      <c r="HB5111" s="91"/>
      <c r="HC5111" s="91"/>
      <c r="HD5111" s="91"/>
      <c r="HE5111" s="91"/>
      <c r="HF5111" s="91"/>
      <c r="HG5111" s="91"/>
      <c r="HH5111" s="91"/>
      <c r="HI5111" s="91"/>
      <c r="HJ5111" s="91"/>
      <c r="HK5111" s="127"/>
      <c r="HL5111" s="126"/>
      <c r="HM5111" s="91"/>
      <c r="HN5111" s="91"/>
      <c r="HO5111" s="91"/>
      <c r="HP5111" s="91"/>
      <c r="HQ5111" s="91"/>
      <c r="HR5111" s="91"/>
      <c r="HS5111" s="91"/>
      <c r="HT5111" s="91"/>
      <c r="HU5111" s="91"/>
      <c r="HV5111" s="91"/>
      <c r="HW5111" s="91"/>
      <c r="HX5111" s="127"/>
      <c r="HY5111" s="126"/>
      <c r="HZ5111" s="91"/>
      <c r="IA5111" s="91"/>
      <c r="IB5111" s="91"/>
      <c r="IC5111" s="91"/>
      <c r="ID5111" s="91"/>
      <c r="IE5111" s="91"/>
      <c r="IF5111" s="91"/>
      <c r="IG5111" s="91"/>
      <c r="IH5111" s="91"/>
      <c r="II5111" s="91"/>
      <c r="IJ5111" s="91"/>
      <c r="IK5111" s="174"/>
    </row>
    <row r="5112" spans="2:245" x14ac:dyDescent="0.2">
      <c r="B5112" s="43"/>
      <c r="C5112" s="73"/>
      <c r="D5112" s="64"/>
      <c r="E5112" s="64"/>
      <c r="F5112" s="55"/>
      <c r="G5112" s="102"/>
      <c r="H5112" s="97"/>
      <c r="T5112" s="98"/>
      <c r="U5112" s="97"/>
      <c r="AG5112" s="98"/>
      <c r="AY5112" s="164"/>
      <c r="BK5112" s="98"/>
      <c r="BL5112" s="97"/>
      <c r="BX5112" s="98"/>
      <c r="CL5112" s="97"/>
      <c r="CX5112" s="98"/>
      <c r="DL5112" s="97"/>
      <c r="DX5112" s="98"/>
      <c r="EL5112" s="97"/>
      <c r="EX5112" s="98"/>
      <c r="EY5112" s="97"/>
      <c r="FL5112" s="126"/>
      <c r="FM5112" s="91"/>
      <c r="FN5112" s="91"/>
      <c r="FO5112" s="91"/>
      <c r="FP5112" s="91"/>
      <c r="FQ5112" s="91"/>
      <c r="FR5112" s="91"/>
      <c r="FS5112" s="91"/>
      <c r="FT5112" s="91"/>
      <c r="FU5112" s="91"/>
      <c r="FV5112" s="91"/>
      <c r="FW5112" s="91"/>
      <c r="FX5112" s="127"/>
      <c r="FY5112" s="126"/>
      <c r="FZ5112" s="91"/>
      <c r="GA5112" s="91"/>
      <c r="GB5112" s="91"/>
      <c r="GC5112" s="91"/>
      <c r="GD5112" s="91"/>
      <c r="GE5112" s="91"/>
      <c r="GF5112" s="91"/>
      <c r="GG5112" s="91"/>
      <c r="GH5112" s="91"/>
      <c r="GI5112" s="91"/>
      <c r="GJ5112" s="91"/>
      <c r="GK5112" s="127"/>
      <c r="GL5112" s="126"/>
      <c r="GM5112" s="91"/>
      <c r="GN5112" s="91"/>
      <c r="GO5112" s="91"/>
      <c r="GP5112" s="91"/>
      <c r="GQ5112" s="91"/>
      <c r="GR5112" s="91"/>
      <c r="GS5112" s="91"/>
      <c r="GT5112" s="91"/>
      <c r="GU5112" s="91"/>
      <c r="GV5112" s="91"/>
      <c r="GW5112" s="91"/>
      <c r="GX5112" s="127"/>
      <c r="GY5112" s="126"/>
      <c r="GZ5112" s="91"/>
      <c r="HA5112" s="91"/>
      <c r="HB5112" s="91"/>
      <c r="HC5112" s="91"/>
      <c r="HD5112" s="91"/>
      <c r="HE5112" s="91"/>
      <c r="HF5112" s="91"/>
      <c r="HG5112" s="91"/>
      <c r="HH5112" s="91"/>
      <c r="HI5112" s="91"/>
      <c r="HJ5112" s="91"/>
      <c r="HK5112" s="127"/>
      <c r="HL5112" s="126"/>
      <c r="HM5112" s="91"/>
      <c r="HN5112" s="91"/>
      <c r="HO5112" s="91"/>
      <c r="HP5112" s="91"/>
      <c r="HQ5112" s="91"/>
      <c r="HR5112" s="91"/>
      <c r="HS5112" s="91"/>
      <c r="HT5112" s="91"/>
      <c r="HU5112" s="91"/>
      <c r="HV5112" s="91"/>
      <c r="HW5112" s="91"/>
      <c r="HX5112" s="127"/>
      <c r="HY5112" s="126"/>
      <c r="HZ5112" s="91"/>
      <c r="IA5112" s="91"/>
      <c r="IB5112" s="91"/>
      <c r="IC5112" s="91"/>
      <c r="ID5112" s="91"/>
      <c r="IE5112" s="91"/>
      <c r="IF5112" s="91"/>
      <c r="IG5112" s="91"/>
      <c r="IH5112" s="91"/>
      <c r="II5112" s="91"/>
      <c r="IJ5112" s="91"/>
      <c r="IK5112" s="174"/>
    </row>
    <row r="5113" spans="2:245" x14ac:dyDescent="0.2">
      <c r="B5113" s="43"/>
      <c r="C5113" s="73"/>
      <c r="D5113" s="64"/>
      <c r="E5113" s="64"/>
      <c r="F5113" s="55"/>
      <c r="G5113" s="102"/>
      <c r="H5113" s="97"/>
      <c r="T5113" s="98"/>
      <c r="U5113" s="97"/>
      <c r="AG5113" s="98"/>
      <c r="AY5113" s="164"/>
      <c r="BK5113" s="98"/>
      <c r="BL5113" s="97"/>
      <c r="BX5113" s="98"/>
      <c r="CL5113" s="97"/>
      <c r="CX5113" s="98"/>
      <c r="DL5113" s="97"/>
      <c r="DX5113" s="98"/>
      <c r="EL5113" s="97"/>
      <c r="EX5113" s="98"/>
      <c r="EY5113" s="97"/>
      <c r="FL5113" s="126"/>
      <c r="FM5113" s="91"/>
      <c r="FN5113" s="91"/>
      <c r="FO5113" s="91"/>
      <c r="FP5113" s="91"/>
      <c r="FQ5113" s="91"/>
      <c r="FR5113" s="91"/>
      <c r="FS5113" s="91"/>
      <c r="FT5113" s="91"/>
      <c r="FU5113" s="91"/>
      <c r="FV5113" s="91"/>
      <c r="FW5113" s="91"/>
      <c r="FX5113" s="127"/>
      <c r="FY5113" s="126"/>
      <c r="FZ5113" s="91"/>
      <c r="GA5113" s="91"/>
      <c r="GB5113" s="91"/>
      <c r="GC5113" s="91"/>
      <c r="GD5113" s="91"/>
      <c r="GE5113" s="91"/>
      <c r="GF5113" s="91"/>
      <c r="GG5113" s="91"/>
      <c r="GH5113" s="91"/>
      <c r="GI5113" s="91"/>
      <c r="GJ5113" s="91"/>
      <c r="GK5113" s="127"/>
      <c r="GL5113" s="126"/>
      <c r="GM5113" s="91"/>
      <c r="GN5113" s="91"/>
      <c r="GO5113" s="91"/>
      <c r="GP5113" s="91"/>
      <c r="GQ5113" s="91"/>
      <c r="GR5113" s="91"/>
      <c r="GS5113" s="91"/>
      <c r="GT5113" s="91"/>
      <c r="GU5113" s="91"/>
      <c r="GV5113" s="91"/>
      <c r="GW5113" s="91"/>
      <c r="GX5113" s="127"/>
      <c r="GY5113" s="126"/>
      <c r="GZ5113" s="91"/>
      <c r="HA5113" s="91"/>
      <c r="HB5113" s="91"/>
      <c r="HC5113" s="91"/>
      <c r="HD5113" s="91"/>
      <c r="HE5113" s="91"/>
      <c r="HF5113" s="91"/>
      <c r="HG5113" s="91"/>
      <c r="HH5113" s="91"/>
      <c r="HI5113" s="91"/>
      <c r="HJ5113" s="91"/>
      <c r="HK5113" s="127"/>
      <c r="HL5113" s="126"/>
      <c r="HM5113" s="91"/>
      <c r="HN5113" s="91"/>
      <c r="HO5113" s="91"/>
      <c r="HP5113" s="91"/>
      <c r="HQ5113" s="91"/>
      <c r="HR5113" s="91"/>
      <c r="HS5113" s="91"/>
      <c r="HT5113" s="91"/>
      <c r="HU5113" s="91"/>
      <c r="HV5113" s="91"/>
      <c r="HW5113" s="91"/>
      <c r="HX5113" s="127"/>
      <c r="HY5113" s="126"/>
      <c r="HZ5113" s="91"/>
      <c r="IA5113" s="91"/>
      <c r="IB5113" s="91"/>
      <c r="IC5113" s="91"/>
      <c r="ID5113" s="91"/>
      <c r="IE5113" s="91"/>
      <c r="IF5113" s="91"/>
      <c r="IG5113" s="91"/>
      <c r="IH5113" s="91"/>
      <c r="II5113" s="91"/>
      <c r="IJ5113" s="91"/>
      <c r="IK5113" s="174"/>
    </row>
    <row r="5114" spans="2:245" x14ac:dyDescent="0.2">
      <c r="B5114" s="43"/>
      <c r="C5114" s="73"/>
      <c r="D5114" s="64"/>
      <c r="E5114" s="64"/>
      <c r="F5114" s="55"/>
      <c r="G5114" s="102"/>
      <c r="H5114" s="97"/>
      <c r="T5114" s="98"/>
      <c r="U5114" s="97"/>
      <c r="AG5114" s="98"/>
      <c r="AY5114" s="164"/>
      <c r="BK5114" s="98"/>
      <c r="BL5114" s="97"/>
      <c r="BX5114" s="98"/>
      <c r="CL5114" s="97"/>
      <c r="CX5114" s="98"/>
      <c r="DL5114" s="97"/>
      <c r="DX5114" s="98"/>
      <c r="EL5114" s="97"/>
      <c r="EX5114" s="98"/>
      <c r="EY5114" s="97"/>
      <c r="FL5114" s="126"/>
      <c r="FM5114" s="91"/>
      <c r="FN5114" s="91"/>
      <c r="FO5114" s="91"/>
      <c r="FP5114" s="91"/>
      <c r="FQ5114" s="91"/>
      <c r="FR5114" s="91"/>
      <c r="FS5114" s="91"/>
      <c r="FT5114" s="91"/>
      <c r="FU5114" s="91"/>
      <c r="FV5114" s="91"/>
      <c r="FW5114" s="91"/>
      <c r="FX5114" s="127"/>
      <c r="FY5114" s="126"/>
      <c r="FZ5114" s="91"/>
      <c r="GA5114" s="91"/>
      <c r="GB5114" s="91"/>
      <c r="GC5114" s="91"/>
      <c r="GD5114" s="91"/>
      <c r="GE5114" s="91"/>
      <c r="GF5114" s="91"/>
      <c r="GG5114" s="91"/>
      <c r="GH5114" s="91"/>
      <c r="GI5114" s="91"/>
      <c r="GJ5114" s="91"/>
      <c r="GK5114" s="127"/>
      <c r="GL5114" s="126"/>
      <c r="GM5114" s="91"/>
      <c r="GN5114" s="91"/>
      <c r="GO5114" s="91"/>
      <c r="GP5114" s="91"/>
      <c r="GQ5114" s="91"/>
      <c r="GR5114" s="91"/>
      <c r="GS5114" s="91"/>
      <c r="GT5114" s="91"/>
      <c r="GU5114" s="91"/>
      <c r="GV5114" s="91"/>
      <c r="GW5114" s="91"/>
      <c r="GX5114" s="127"/>
      <c r="GY5114" s="126"/>
      <c r="GZ5114" s="91"/>
      <c r="HA5114" s="91"/>
      <c r="HB5114" s="91"/>
      <c r="HC5114" s="91"/>
      <c r="HD5114" s="91"/>
      <c r="HE5114" s="91"/>
      <c r="HF5114" s="91"/>
      <c r="HG5114" s="91"/>
      <c r="HH5114" s="91"/>
      <c r="HI5114" s="91"/>
      <c r="HJ5114" s="91"/>
      <c r="HK5114" s="127"/>
      <c r="HL5114" s="126"/>
      <c r="HM5114" s="91"/>
      <c r="HN5114" s="91"/>
      <c r="HO5114" s="91"/>
      <c r="HP5114" s="91"/>
      <c r="HQ5114" s="91"/>
      <c r="HR5114" s="91"/>
      <c r="HS5114" s="91"/>
      <c r="HT5114" s="91"/>
      <c r="HU5114" s="91"/>
      <c r="HV5114" s="91"/>
      <c r="HW5114" s="91"/>
      <c r="HX5114" s="127"/>
      <c r="HY5114" s="126"/>
      <c r="HZ5114" s="91"/>
      <c r="IA5114" s="91"/>
      <c r="IB5114" s="91"/>
      <c r="IC5114" s="91"/>
      <c r="ID5114" s="91"/>
      <c r="IE5114" s="91"/>
      <c r="IF5114" s="91"/>
      <c r="IG5114" s="91"/>
      <c r="IH5114" s="91"/>
      <c r="II5114" s="91"/>
      <c r="IJ5114" s="91"/>
      <c r="IK5114" s="174"/>
    </row>
    <row r="5115" spans="2:245" x14ac:dyDescent="0.2">
      <c r="B5115" s="43"/>
      <c r="C5115" s="73"/>
      <c r="D5115" s="64"/>
      <c r="E5115" s="64"/>
      <c r="F5115" s="55"/>
      <c r="G5115" s="102"/>
      <c r="H5115" s="97"/>
      <c r="T5115" s="98"/>
      <c r="U5115" s="97"/>
      <c r="AG5115" s="98"/>
      <c r="AY5115" s="164"/>
      <c r="BK5115" s="98"/>
      <c r="BL5115" s="97"/>
      <c r="BX5115" s="98"/>
      <c r="CL5115" s="97"/>
      <c r="CX5115" s="98"/>
      <c r="DL5115" s="97"/>
      <c r="DX5115" s="98"/>
      <c r="EL5115" s="97"/>
      <c r="EX5115" s="98"/>
      <c r="EY5115" s="97"/>
      <c r="FL5115" s="126"/>
      <c r="FM5115" s="91"/>
      <c r="FN5115" s="91"/>
      <c r="FO5115" s="91"/>
      <c r="FP5115" s="91"/>
      <c r="FQ5115" s="91"/>
      <c r="FR5115" s="91"/>
      <c r="FS5115" s="91"/>
      <c r="FT5115" s="91"/>
      <c r="FU5115" s="91"/>
      <c r="FV5115" s="91"/>
      <c r="FW5115" s="91"/>
      <c r="FX5115" s="127"/>
      <c r="FY5115" s="126"/>
      <c r="FZ5115" s="91"/>
      <c r="GA5115" s="91"/>
      <c r="GB5115" s="91"/>
      <c r="GC5115" s="91"/>
      <c r="GD5115" s="91"/>
      <c r="GE5115" s="91"/>
      <c r="GF5115" s="91"/>
      <c r="GG5115" s="91"/>
      <c r="GH5115" s="91"/>
      <c r="GI5115" s="91"/>
      <c r="GJ5115" s="91"/>
      <c r="GK5115" s="127"/>
      <c r="GL5115" s="126"/>
      <c r="GM5115" s="91"/>
      <c r="GN5115" s="91"/>
      <c r="GO5115" s="91"/>
      <c r="GP5115" s="91"/>
      <c r="GQ5115" s="91"/>
      <c r="GR5115" s="91"/>
      <c r="GS5115" s="91"/>
      <c r="GT5115" s="91"/>
      <c r="GU5115" s="91"/>
      <c r="GV5115" s="91"/>
      <c r="GW5115" s="91"/>
      <c r="GX5115" s="127"/>
      <c r="GY5115" s="126"/>
      <c r="GZ5115" s="91"/>
      <c r="HA5115" s="91"/>
      <c r="HB5115" s="91"/>
      <c r="HC5115" s="91"/>
      <c r="HD5115" s="91"/>
      <c r="HE5115" s="91"/>
      <c r="HF5115" s="91"/>
      <c r="HG5115" s="91"/>
      <c r="HH5115" s="91"/>
      <c r="HI5115" s="91"/>
      <c r="HJ5115" s="91"/>
      <c r="HK5115" s="127"/>
      <c r="HL5115" s="126"/>
      <c r="HM5115" s="91"/>
      <c r="HN5115" s="91"/>
      <c r="HO5115" s="91"/>
      <c r="HP5115" s="91"/>
      <c r="HQ5115" s="91"/>
      <c r="HR5115" s="91"/>
      <c r="HS5115" s="91"/>
      <c r="HT5115" s="91"/>
      <c r="HU5115" s="91"/>
      <c r="HV5115" s="91"/>
      <c r="HW5115" s="91"/>
      <c r="HX5115" s="127"/>
      <c r="HY5115" s="126"/>
      <c r="HZ5115" s="91"/>
      <c r="IA5115" s="91"/>
      <c r="IB5115" s="91"/>
      <c r="IC5115" s="91"/>
      <c r="ID5115" s="91"/>
      <c r="IE5115" s="91"/>
      <c r="IF5115" s="91"/>
      <c r="IG5115" s="91"/>
      <c r="IH5115" s="91"/>
      <c r="II5115" s="91"/>
      <c r="IJ5115" s="91"/>
      <c r="IK5115" s="174"/>
    </row>
    <row r="5116" spans="2:245" x14ac:dyDescent="0.2">
      <c r="B5116" s="43"/>
      <c r="C5116" s="73"/>
      <c r="D5116" s="64"/>
      <c r="E5116" s="64"/>
      <c r="F5116" s="55"/>
      <c r="G5116" s="102"/>
      <c r="H5116" s="97"/>
      <c r="T5116" s="98"/>
      <c r="U5116" s="97"/>
      <c r="AG5116" s="98"/>
      <c r="AY5116" s="164"/>
      <c r="BK5116" s="98"/>
      <c r="BL5116" s="97"/>
      <c r="BX5116" s="98"/>
      <c r="CL5116" s="97"/>
      <c r="CX5116" s="98"/>
      <c r="DL5116" s="97"/>
      <c r="DX5116" s="98"/>
      <c r="EL5116" s="97"/>
      <c r="EX5116" s="98"/>
      <c r="EY5116" s="97"/>
      <c r="FL5116" s="126"/>
      <c r="FM5116" s="91"/>
      <c r="FN5116" s="91"/>
      <c r="FO5116" s="91"/>
      <c r="FP5116" s="91"/>
      <c r="FQ5116" s="91"/>
      <c r="FR5116" s="91"/>
      <c r="FS5116" s="91"/>
      <c r="FT5116" s="91"/>
      <c r="FU5116" s="91"/>
      <c r="FV5116" s="91"/>
      <c r="FW5116" s="91"/>
      <c r="FX5116" s="127"/>
      <c r="FY5116" s="126"/>
      <c r="FZ5116" s="91"/>
      <c r="GA5116" s="91"/>
      <c r="GB5116" s="91"/>
      <c r="GC5116" s="91"/>
      <c r="GD5116" s="91"/>
      <c r="GE5116" s="91"/>
      <c r="GF5116" s="91"/>
      <c r="GG5116" s="91"/>
      <c r="GH5116" s="91"/>
      <c r="GI5116" s="91"/>
      <c r="GJ5116" s="91"/>
      <c r="GK5116" s="127"/>
      <c r="GL5116" s="126"/>
      <c r="GM5116" s="91"/>
      <c r="GN5116" s="91"/>
      <c r="GO5116" s="91"/>
      <c r="GP5116" s="91"/>
      <c r="GQ5116" s="91"/>
      <c r="GR5116" s="91"/>
      <c r="GS5116" s="91"/>
      <c r="GT5116" s="91"/>
      <c r="GU5116" s="91"/>
      <c r="GV5116" s="91"/>
      <c r="GW5116" s="91"/>
      <c r="GX5116" s="127"/>
      <c r="GY5116" s="126"/>
      <c r="GZ5116" s="91"/>
      <c r="HA5116" s="91"/>
      <c r="HB5116" s="91"/>
      <c r="HC5116" s="91"/>
      <c r="HD5116" s="91"/>
      <c r="HE5116" s="91"/>
      <c r="HF5116" s="91"/>
      <c r="HG5116" s="91"/>
      <c r="HH5116" s="91"/>
      <c r="HI5116" s="91"/>
      <c r="HJ5116" s="91"/>
      <c r="HK5116" s="127"/>
      <c r="HL5116" s="126"/>
      <c r="HM5116" s="91"/>
      <c r="HN5116" s="91"/>
      <c r="HO5116" s="91"/>
      <c r="HP5116" s="91"/>
      <c r="HQ5116" s="91"/>
      <c r="HR5116" s="91"/>
      <c r="HS5116" s="91"/>
      <c r="HT5116" s="91"/>
      <c r="HU5116" s="91"/>
      <c r="HV5116" s="91"/>
      <c r="HW5116" s="91"/>
      <c r="HX5116" s="127"/>
      <c r="HY5116" s="126"/>
      <c r="HZ5116" s="91"/>
      <c r="IA5116" s="91"/>
      <c r="IB5116" s="91"/>
      <c r="IC5116" s="91"/>
      <c r="ID5116" s="91"/>
      <c r="IE5116" s="91"/>
      <c r="IF5116" s="91"/>
      <c r="IG5116" s="91"/>
      <c r="IH5116" s="91"/>
      <c r="II5116" s="91"/>
      <c r="IJ5116" s="91"/>
      <c r="IK5116" s="174"/>
    </row>
    <row r="5117" spans="2:245" x14ac:dyDescent="0.2">
      <c r="B5117" s="43"/>
      <c r="C5117" s="73"/>
      <c r="D5117" s="64"/>
      <c r="E5117" s="64"/>
      <c r="F5117" s="55"/>
      <c r="G5117" s="102"/>
      <c r="H5117" s="97"/>
      <c r="T5117" s="98"/>
      <c r="U5117" s="97"/>
      <c r="AG5117" s="98"/>
      <c r="AY5117" s="164"/>
      <c r="BK5117" s="98"/>
      <c r="BL5117" s="97"/>
      <c r="BX5117" s="98"/>
      <c r="CL5117" s="97"/>
      <c r="CX5117" s="98"/>
      <c r="DL5117" s="97"/>
      <c r="DX5117" s="98"/>
      <c r="EL5117" s="97"/>
      <c r="EX5117" s="98"/>
      <c r="EY5117" s="97"/>
      <c r="FL5117" s="126"/>
      <c r="FM5117" s="91"/>
      <c r="FN5117" s="91"/>
      <c r="FO5117" s="91"/>
      <c r="FP5117" s="91"/>
      <c r="FQ5117" s="91"/>
      <c r="FR5117" s="91"/>
      <c r="FS5117" s="91"/>
      <c r="FT5117" s="91"/>
      <c r="FU5117" s="91"/>
      <c r="FV5117" s="91"/>
      <c r="FW5117" s="91"/>
      <c r="FX5117" s="127"/>
      <c r="FY5117" s="126"/>
      <c r="FZ5117" s="91"/>
      <c r="GA5117" s="91"/>
      <c r="GB5117" s="91"/>
      <c r="GC5117" s="91"/>
      <c r="GD5117" s="91"/>
      <c r="GE5117" s="91"/>
      <c r="GF5117" s="91"/>
      <c r="GG5117" s="91"/>
      <c r="GH5117" s="91"/>
      <c r="GI5117" s="91"/>
      <c r="GJ5117" s="91"/>
      <c r="GK5117" s="127"/>
      <c r="GL5117" s="126"/>
      <c r="GM5117" s="91"/>
      <c r="GN5117" s="91"/>
      <c r="GO5117" s="91"/>
      <c r="GP5117" s="91"/>
      <c r="GQ5117" s="91"/>
      <c r="GR5117" s="91"/>
      <c r="GS5117" s="91"/>
      <c r="GT5117" s="91"/>
      <c r="GU5117" s="91"/>
      <c r="GV5117" s="91"/>
      <c r="GW5117" s="91"/>
      <c r="GX5117" s="127"/>
      <c r="GY5117" s="126"/>
      <c r="GZ5117" s="91"/>
      <c r="HA5117" s="91"/>
      <c r="HB5117" s="91"/>
      <c r="HC5117" s="91"/>
      <c r="HD5117" s="91"/>
      <c r="HE5117" s="91"/>
      <c r="HF5117" s="91"/>
      <c r="HG5117" s="91"/>
      <c r="HH5117" s="91"/>
      <c r="HI5117" s="91"/>
      <c r="HJ5117" s="91"/>
      <c r="HK5117" s="127"/>
      <c r="HL5117" s="126"/>
      <c r="HM5117" s="91"/>
      <c r="HN5117" s="91"/>
      <c r="HO5117" s="91"/>
      <c r="HP5117" s="91"/>
      <c r="HQ5117" s="91"/>
      <c r="HR5117" s="91"/>
      <c r="HS5117" s="91"/>
      <c r="HT5117" s="91"/>
      <c r="HU5117" s="91"/>
      <c r="HV5117" s="91"/>
      <c r="HW5117" s="91"/>
      <c r="HX5117" s="127"/>
      <c r="HY5117" s="126"/>
      <c r="HZ5117" s="91"/>
      <c r="IA5117" s="91"/>
      <c r="IB5117" s="91"/>
      <c r="IC5117" s="91"/>
      <c r="ID5117" s="91"/>
      <c r="IE5117" s="91"/>
      <c r="IF5117" s="91"/>
      <c r="IG5117" s="91"/>
      <c r="IH5117" s="91"/>
      <c r="II5117" s="91"/>
      <c r="IJ5117" s="91"/>
      <c r="IK5117" s="174"/>
    </row>
    <row r="5118" spans="2:245" x14ac:dyDescent="0.2">
      <c r="B5118" s="43"/>
      <c r="C5118" s="73"/>
      <c r="D5118" s="64"/>
      <c r="E5118" s="64"/>
      <c r="F5118" s="55"/>
      <c r="G5118" s="102"/>
      <c r="H5118" s="97"/>
      <c r="T5118" s="98"/>
      <c r="U5118" s="97"/>
      <c r="AG5118" s="98"/>
      <c r="AY5118" s="164"/>
      <c r="BK5118" s="98"/>
      <c r="BL5118" s="97"/>
      <c r="BX5118" s="98"/>
      <c r="CL5118" s="97"/>
      <c r="CX5118" s="98"/>
      <c r="DL5118" s="97"/>
      <c r="DX5118" s="98"/>
      <c r="EL5118" s="97"/>
      <c r="EX5118" s="98"/>
      <c r="EY5118" s="97"/>
      <c r="FL5118" s="126"/>
      <c r="FM5118" s="91"/>
      <c r="FN5118" s="91"/>
      <c r="FO5118" s="91"/>
      <c r="FP5118" s="91"/>
      <c r="FQ5118" s="91"/>
      <c r="FR5118" s="91"/>
      <c r="FS5118" s="91"/>
      <c r="FT5118" s="91"/>
      <c r="FU5118" s="91"/>
      <c r="FV5118" s="91"/>
      <c r="FW5118" s="91"/>
      <c r="FX5118" s="127"/>
      <c r="FY5118" s="126"/>
      <c r="FZ5118" s="91"/>
      <c r="GA5118" s="91"/>
      <c r="GB5118" s="91"/>
      <c r="GC5118" s="91"/>
      <c r="GD5118" s="91"/>
      <c r="GE5118" s="91"/>
      <c r="GF5118" s="91"/>
      <c r="GG5118" s="91"/>
      <c r="GH5118" s="91"/>
      <c r="GI5118" s="91"/>
      <c r="GJ5118" s="91"/>
      <c r="GK5118" s="127"/>
      <c r="GL5118" s="126"/>
      <c r="GM5118" s="91"/>
      <c r="GN5118" s="91"/>
      <c r="GO5118" s="91"/>
      <c r="GP5118" s="91"/>
      <c r="GQ5118" s="91"/>
      <c r="GR5118" s="91"/>
      <c r="GS5118" s="91"/>
      <c r="GT5118" s="91"/>
      <c r="GU5118" s="91"/>
      <c r="GV5118" s="91"/>
      <c r="GW5118" s="91"/>
      <c r="GX5118" s="127"/>
      <c r="GY5118" s="126"/>
      <c r="GZ5118" s="91"/>
      <c r="HA5118" s="91"/>
      <c r="HB5118" s="91"/>
      <c r="HC5118" s="91"/>
      <c r="HD5118" s="91"/>
      <c r="HE5118" s="91"/>
      <c r="HF5118" s="91"/>
      <c r="HG5118" s="91"/>
      <c r="HH5118" s="91"/>
      <c r="HI5118" s="91"/>
      <c r="HJ5118" s="91"/>
      <c r="HK5118" s="127"/>
      <c r="HL5118" s="126"/>
      <c r="HM5118" s="91"/>
      <c r="HN5118" s="91"/>
      <c r="HO5118" s="91"/>
      <c r="HP5118" s="91"/>
      <c r="HQ5118" s="91"/>
      <c r="HR5118" s="91"/>
      <c r="HS5118" s="91"/>
      <c r="HT5118" s="91"/>
      <c r="HU5118" s="91"/>
      <c r="HV5118" s="91"/>
      <c r="HW5118" s="91"/>
      <c r="HX5118" s="127"/>
      <c r="HY5118" s="126"/>
      <c r="HZ5118" s="91"/>
      <c r="IA5118" s="91"/>
      <c r="IB5118" s="91"/>
      <c r="IC5118" s="91"/>
      <c r="ID5118" s="91"/>
      <c r="IE5118" s="91"/>
      <c r="IF5118" s="91"/>
      <c r="IG5118" s="91"/>
      <c r="IH5118" s="91"/>
      <c r="II5118" s="91"/>
      <c r="IJ5118" s="91"/>
      <c r="IK5118" s="174"/>
    </row>
    <row r="5119" spans="2:245" x14ac:dyDescent="0.2">
      <c r="B5119" s="43"/>
      <c r="C5119" s="73"/>
      <c r="D5119" s="64"/>
      <c r="E5119" s="64"/>
      <c r="F5119" s="55"/>
      <c r="G5119" s="102"/>
      <c r="H5119" s="97"/>
      <c r="T5119" s="98"/>
      <c r="U5119" s="97"/>
      <c r="AG5119" s="98"/>
      <c r="AY5119" s="164"/>
      <c r="BK5119" s="98"/>
      <c r="BL5119" s="97"/>
      <c r="BX5119" s="98"/>
      <c r="CL5119" s="97"/>
      <c r="CX5119" s="98"/>
      <c r="DL5119" s="97"/>
      <c r="DX5119" s="98"/>
      <c r="EL5119" s="97"/>
      <c r="EX5119" s="98"/>
      <c r="EY5119" s="97"/>
      <c r="FL5119" s="126"/>
      <c r="FM5119" s="91"/>
      <c r="FN5119" s="91"/>
      <c r="FO5119" s="91"/>
      <c r="FP5119" s="91"/>
      <c r="FQ5119" s="91"/>
      <c r="FR5119" s="91"/>
      <c r="FS5119" s="91"/>
      <c r="FT5119" s="91"/>
      <c r="FU5119" s="91"/>
      <c r="FV5119" s="91"/>
      <c r="FW5119" s="91"/>
      <c r="FX5119" s="127"/>
      <c r="FY5119" s="126"/>
      <c r="FZ5119" s="91"/>
      <c r="GA5119" s="91"/>
      <c r="GB5119" s="91"/>
      <c r="GC5119" s="91"/>
      <c r="GD5119" s="91"/>
      <c r="GE5119" s="91"/>
      <c r="GF5119" s="91"/>
      <c r="GG5119" s="91"/>
      <c r="GH5119" s="91"/>
      <c r="GI5119" s="91"/>
      <c r="GJ5119" s="91"/>
      <c r="GK5119" s="127"/>
      <c r="GL5119" s="126"/>
      <c r="GM5119" s="91"/>
      <c r="GN5119" s="91"/>
      <c r="GO5119" s="91"/>
      <c r="GP5119" s="91"/>
      <c r="GQ5119" s="91"/>
      <c r="GR5119" s="91"/>
      <c r="GS5119" s="91"/>
      <c r="GT5119" s="91"/>
      <c r="GU5119" s="91"/>
      <c r="GV5119" s="91"/>
      <c r="GW5119" s="91"/>
      <c r="GX5119" s="127"/>
      <c r="GY5119" s="126"/>
      <c r="GZ5119" s="91"/>
      <c r="HA5119" s="91"/>
      <c r="HB5119" s="91"/>
      <c r="HC5119" s="91"/>
      <c r="HD5119" s="91"/>
      <c r="HE5119" s="91"/>
      <c r="HF5119" s="91"/>
      <c r="HG5119" s="91"/>
      <c r="HH5119" s="91"/>
      <c r="HI5119" s="91"/>
      <c r="HJ5119" s="91"/>
      <c r="HK5119" s="127"/>
      <c r="HL5119" s="126"/>
      <c r="HM5119" s="91"/>
      <c r="HN5119" s="91"/>
      <c r="HO5119" s="91"/>
      <c r="HP5119" s="91"/>
      <c r="HQ5119" s="91"/>
      <c r="HR5119" s="91"/>
      <c r="HS5119" s="91"/>
      <c r="HT5119" s="91"/>
      <c r="HU5119" s="91"/>
      <c r="HV5119" s="91"/>
      <c r="HW5119" s="91"/>
      <c r="HX5119" s="127"/>
      <c r="HY5119" s="126"/>
      <c r="HZ5119" s="91"/>
      <c r="IA5119" s="91"/>
      <c r="IB5119" s="91"/>
      <c r="IC5119" s="91"/>
      <c r="ID5119" s="91"/>
      <c r="IE5119" s="91"/>
      <c r="IF5119" s="91"/>
      <c r="IG5119" s="91"/>
      <c r="IH5119" s="91"/>
      <c r="II5119" s="91"/>
      <c r="IJ5119" s="91"/>
      <c r="IK5119" s="174"/>
    </row>
    <row r="5120" spans="2:245" x14ac:dyDescent="0.2">
      <c r="B5120" s="43"/>
      <c r="C5120" s="73"/>
      <c r="D5120" s="64"/>
      <c r="E5120" s="64"/>
      <c r="F5120" s="55"/>
      <c r="G5120" s="102"/>
      <c r="H5120" s="97"/>
      <c r="T5120" s="98"/>
      <c r="U5120" s="97"/>
      <c r="AG5120" s="98"/>
      <c r="AY5120" s="164"/>
      <c r="BK5120" s="98"/>
      <c r="BL5120" s="97"/>
      <c r="BX5120" s="98"/>
      <c r="CL5120" s="97"/>
      <c r="CX5120" s="98"/>
      <c r="DL5120" s="97"/>
      <c r="DX5120" s="98"/>
      <c r="EL5120" s="97"/>
      <c r="EX5120" s="98"/>
      <c r="EY5120" s="97"/>
      <c r="FL5120" s="126"/>
      <c r="FM5120" s="91"/>
      <c r="FN5120" s="91"/>
      <c r="FO5120" s="91"/>
      <c r="FP5120" s="91"/>
      <c r="FQ5120" s="91"/>
      <c r="FR5120" s="91"/>
      <c r="FS5120" s="91"/>
      <c r="FT5120" s="91"/>
      <c r="FU5120" s="91"/>
      <c r="FV5120" s="91"/>
      <c r="FW5120" s="91"/>
      <c r="FX5120" s="127"/>
      <c r="FY5120" s="126"/>
      <c r="FZ5120" s="91"/>
      <c r="GA5120" s="91"/>
      <c r="GB5120" s="91"/>
      <c r="GC5120" s="91"/>
      <c r="GD5120" s="91"/>
      <c r="GE5120" s="91"/>
      <c r="GF5120" s="91"/>
      <c r="GG5120" s="91"/>
      <c r="GH5120" s="91"/>
      <c r="GI5120" s="91"/>
      <c r="GJ5120" s="91"/>
      <c r="GK5120" s="127"/>
      <c r="GL5120" s="126"/>
      <c r="GM5120" s="91"/>
      <c r="GN5120" s="91"/>
      <c r="GO5120" s="91"/>
      <c r="GP5120" s="91"/>
      <c r="GQ5120" s="91"/>
      <c r="GR5120" s="91"/>
      <c r="GS5120" s="91"/>
      <c r="GT5120" s="91"/>
      <c r="GU5120" s="91"/>
      <c r="GV5120" s="91"/>
      <c r="GW5120" s="91"/>
      <c r="GX5120" s="127"/>
      <c r="GY5120" s="126"/>
      <c r="GZ5120" s="91"/>
      <c r="HA5120" s="91"/>
      <c r="HB5120" s="91"/>
      <c r="HC5120" s="91"/>
      <c r="HD5120" s="91"/>
      <c r="HE5120" s="91"/>
      <c r="HF5120" s="91"/>
      <c r="HG5120" s="91"/>
      <c r="HH5120" s="91"/>
      <c r="HI5120" s="91"/>
      <c r="HJ5120" s="91"/>
      <c r="HK5120" s="127"/>
      <c r="HL5120" s="126"/>
      <c r="HM5120" s="91"/>
      <c r="HN5120" s="91"/>
      <c r="HO5120" s="91"/>
      <c r="HP5120" s="91"/>
      <c r="HQ5120" s="91"/>
      <c r="HR5120" s="91"/>
      <c r="HS5120" s="91"/>
      <c r="HT5120" s="91"/>
      <c r="HU5120" s="91"/>
      <c r="HV5120" s="91"/>
      <c r="HW5120" s="91"/>
      <c r="HX5120" s="127"/>
      <c r="HY5120" s="126"/>
      <c r="HZ5120" s="91"/>
      <c r="IA5120" s="91"/>
      <c r="IB5120" s="91"/>
      <c r="IC5120" s="91"/>
      <c r="ID5120" s="91"/>
      <c r="IE5120" s="91"/>
      <c r="IF5120" s="91"/>
      <c r="IG5120" s="91"/>
      <c r="IH5120" s="91"/>
      <c r="II5120" s="91"/>
      <c r="IJ5120" s="91"/>
      <c r="IK5120" s="174"/>
    </row>
    <row r="5121" spans="2:245" x14ac:dyDescent="0.2">
      <c r="B5121" s="43"/>
      <c r="C5121" s="73"/>
      <c r="D5121" s="64"/>
      <c r="E5121" s="64"/>
      <c r="F5121" s="55"/>
      <c r="G5121" s="102"/>
      <c r="H5121" s="97"/>
      <c r="T5121" s="98"/>
      <c r="U5121" s="97"/>
      <c r="AG5121" s="98"/>
      <c r="AY5121" s="164"/>
      <c r="BK5121" s="98"/>
      <c r="BL5121" s="97"/>
      <c r="BX5121" s="98"/>
      <c r="CL5121" s="97"/>
      <c r="CX5121" s="98"/>
      <c r="DL5121" s="97"/>
      <c r="DX5121" s="98"/>
      <c r="EL5121" s="97"/>
      <c r="EX5121" s="98"/>
      <c r="EY5121" s="97"/>
      <c r="FL5121" s="126"/>
      <c r="FM5121" s="91"/>
      <c r="FN5121" s="91"/>
      <c r="FO5121" s="91"/>
      <c r="FP5121" s="91"/>
      <c r="FQ5121" s="91"/>
      <c r="FR5121" s="91"/>
      <c r="FS5121" s="91"/>
      <c r="FT5121" s="91"/>
      <c r="FU5121" s="91"/>
      <c r="FV5121" s="91"/>
      <c r="FW5121" s="91"/>
      <c r="FX5121" s="127"/>
      <c r="FY5121" s="126"/>
      <c r="FZ5121" s="91"/>
      <c r="GA5121" s="91"/>
      <c r="GB5121" s="91"/>
      <c r="GC5121" s="91"/>
      <c r="GD5121" s="91"/>
      <c r="GE5121" s="91"/>
      <c r="GF5121" s="91"/>
      <c r="GG5121" s="91"/>
      <c r="GH5121" s="91"/>
      <c r="GI5121" s="91"/>
      <c r="GJ5121" s="91"/>
      <c r="GK5121" s="127"/>
      <c r="GL5121" s="126"/>
      <c r="GM5121" s="91"/>
      <c r="GN5121" s="91"/>
      <c r="GO5121" s="91"/>
      <c r="GP5121" s="91"/>
      <c r="GQ5121" s="91"/>
      <c r="GR5121" s="91"/>
      <c r="GS5121" s="91"/>
      <c r="GT5121" s="91"/>
      <c r="GU5121" s="91"/>
      <c r="GV5121" s="91"/>
      <c r="GW5121" s="91"/>
      <c r="GX5121" s="127"/>
      <c r="GY5121" s="126"/>
      <c r="GZ5121" s="91"/>
      <c r="HA5121" s="91"/>
      <c r="HB5121" s="91"/>
      <c r="HC5121" s="91"/>
      <c r="HD5121" s="91"/>
      <c r="HE5121" s="91"/>
      <c r="HF5121" s="91"/>
      <c r="HG5121" s="91"/>
      <c r="HH5121" s="91"/>
      <c r="HI5121" s="91"/>
      <c r="HJ5121" s="91"/>
      <c r="HK5121" s="127"/>
      <c r="HL5121" s="126"/>
      <c r="HM5121" s="91"/>
      <c r="HN5121" s="91"/>
      <c r="HO5121" s="91"/>
      <c r="HP5121" s="91"/>
      <c r="HQ5121" s="91"/>
      <c r="HR5121" s="91"/>
      <c r="HS5121" s="91"/>
      <c r="HT5121" s="91"/>
      <c r="HU5121" s="91"/>
      <c r="HV5121" s="91"/>
      <c r="HW5121" s="91"/>
      <c r="HX5121" s="127"/>
      <c r="HY5121" s="126"/>
      <c r="HZ5121" s="91"/>
      <c r="IA5121" s="91"/>
      <c r="IB5121" s="91"/>
      <c r="IC5121" s="91"/>
      <c r="ID5121" s="91"/>
      <c r="IE5121" s="91"/>
      <c r="IF5121" s="91"/>
      <c r="IG5121" s="91"/>
      <c r="IH5121" s="91"/>
      <c r="II5121" s="91"/>
      <c r="IJ5121" s="91"/>
      <c r="IK5121" s="174"/>
    </row>
    <row r="5122" spans="2:245" x14ac:dyDescent="0.2">
      <c r="B5122" s="43"/>
      <c r="C5122" s="73"/>
      <c r="D5122" s="64"/>
      <c r="E5122" s="64"/>
      <c r="F5122" s="55"/>
      <c r="G5122" s="102"/>
      <c r="H5122" s="97"/>
      <c r="T5122" s="98"/>
      <c r="U5122" s="97"/>
      <c r="AG5122" s="98"/>
      <c r="AY5122" s="164"/>
      <c r="BK5122" s="98"/>
      <c r="BL5122" s="97"/>
      <c r="BX5122" s="98"/>
      <c r="CL5122" s="97"/>
      <c r="CX5122" s="98"/>
      <c r="DL5122" s="97"/>
      <c r="DX5122" s="98"/>
      <c r="EL5122" s="97"/>
      <c r="EX5122" s="98"/>
      <c r="EY5122" s="97"/>
      <c r="FL5122" s="126"/>
      <c r="FM5122" s="91"/>
      <c r="FN5122" s="91"/>
      <c r="FO5122" s="91"/>
      <c r="FP5122" s="91"/>
      <c r="FQ5122" s="91"/>
      <c r="FR5122" s="91"/>
      <c r="FS5122" s="91"/>
      <c r="FT5122" s="91"/>
      <c r="FU5122" s="91"/>
      <c r="FV5122" s="91"/>
      <c r="FW5122" s="91"/>
      <c r="FX5122" s="127"/>
      <c r="FY5122" s="126"/>
      <c r="FZ5122" s="91"/>
      <c r="GA5122" s="91"/>
      <c r="GB5122" s="91"/>
      <c r="GC5122" s="91"/>
      <c r="GD5122" s="91"/>
      <c r="GE5122" s="91"/>
      <c r="GF5122" s="91"/>
      <c r="GG5122" s="91"/>
      <c r="GH5122" s="91"/>
      <c r="GI5122" s="91"/>
      <c r="GJ5122" s="91"/>
      <c r="GK5122" s="127"/>
      <c r="GL5122" s="126"/>
      <c r="GM5122" s="91"/>
      <c r="GN5122" s="91"/>
      <c r="GO5122" s="91"/>
      <c r="GP5122" s="91"/>
      <c r="GQ5122" s="91"/>
      <c r="GR5122" s="91"/>
      <c r="GS5122" s="91"/>
      <c r="GT5122" s="91"/>
      <c r="GU5122" s="91"/>
      <c r="GV5122" s="91"/>
      <c r="GW5122" s="91"/>
      <c r="GX5122" s="127"/>
      <c r="GY5122" s="126"/>
      <c r="GZ5122" s="91"/>
      <c r="HA5122" s="91"/>
      <c r="HB5122" s="91"/>
      <c r="HC5122" s="91"/>
      <c r="HD5122" s="91"/>
      <c r="HE5122" s="91"/>
      <c r="HF5122" s="91"/>
      <c r="HG5122" s="91"/>
      <c r="HH5122" s="91"/>
      <c r="HI5122" s="91"/>
      <c r="HJ5122" s="91"/>
      <c r="HK5122" s="127"/>
      <c r="HL5122" s="126"/>
      <c r="HM5122" s="91"/>
      <c r="HN5122" s="91"/>
      <c r="HO5122" s="91"/>
      <c r="HP5122" s="91"/>
      <c r="HQ5122" s="91"/>
      <c r="HR5122" s="91"/>
      <c r="HS5122" s="91"/>
      <c r="HT5122" s="91"/>
      <c r="HU5122" s="91"/>
      <c r="HV5122" s="91"/>
      <c r="HW5122" s="91"/>
      <c r="HX5122" s="127"/>
      <c r="HY5122" s="126"/>
      <c r="HZ5122" s="91"/>
      <c r="IA5122" s="91"/>
      <c r="IB5122" s="91"/>
      <c r="IC5122" s="91"/>
      <c r="ID5122" s="91"/>
      <c r="IE5122" s="91"/>
      <c r="IF5122" s="91"/>
      <c r="IG5122" s="91"/>
      <c r="IH5122" s="91"/>
      <c r="II5122" s="91"/>
      <c r="IJ5122" s="91"/>
      <c r="IK5122" s="174"/>
    </row>
    <row r="5123" spans="2:245" x14ac:dyDescent="0.2">
      <c r="B5123" s="43"/>
      <c r="C5123" s="73"/>
      <c r="D5123" s="64"/>
      <c r="E5123" s="64"/>
      <c r="F5123" s="55"/>
      <c r="G5123" s="102"/>
      <c r="H5123" s="97"/>
      <c r="T5123" s="98"/>
      <c r="U5123" s="97"/>
      <c r="AG5123" s="98"/>
      <c r="AY5123" s="164"/>
      <c r="BK5123" s="98"/>
      <c r="BL5123" s="97"/>
      <c r="BX5123" s="98"/>
      <c r="CL5123" s="97"/>
      <c r="CX5123" s="98"/>
      <c r="DL5123" s="97"/>
      <c r="DX5123" s="98"/>
      <c r="EL5123" s="97"/>
      <c r="EX5123" s="98"/>
      <c r="EY5123" s="97"/>
      <c r="FL5123" s="126"/>
      <c r="FM5123" s="91"/>
      <c r="FN5123" s="91"/>
      <c r="FO5123" s="91"/>
      <c r="FP5123" s="91"/>
      <c r="FQ5123" s="91"/>
      <c r="FR5123" s="91"/>
      <c r="FS5123" s="91"/>
      <c r="FT5123" s="91"/>
      <c r="FU5123" s="91"/>
      <c r="FV5123" s="91"/>
      <c r="FW5123" s="91"/>
      <c r="FX5123" s="127"/>
      <c r="FY5123" s="126"/>
      <c r="FZ5123" s="91"/>
      <c r="GA5123" s="91"/>
      <c r="GB5123" s="91"/>
      <c r="GC5123" s="91"/>
      <c r="GD5123" s="91"/>
      <c r="GE5123" s="91"/>
      <c r="GF5123" s="91"/>
      <c r="GG5123" s="91"/>
      <c r="GH5123" s="91"/>
      <c r="GI5123" s="91"/>
      <c r="GJ5123" s="91"/>
      <c r="GK5123" s="127"/>
      <c r="GL5123" s="126"/>
      <c r="GM5123" s="91"/>
      <c r="GN5123" s="91"/>
      <c r="GO5123" s="91"/>
      <c r="GP5123" s="91"/>
      <c r="GQ5123" s="91"/>
      <c r="GR5123" s="91"/>
      <c r="GS5123" s="91"/>
      <c r="GT5123" s="91"/>
      <c r="GU5123" s="91"/>
      <c r="GV5123" s="91"/>
      <c r="GW5123" s="91"/>
      <c r="GX5123" s="127"/>
      <c r="GY5123" s="126"/>
      <c r="GZ5123" s="91"/>
      <c r="HA5123" s="91"/>
      <c r="HB5123" s="91"/>
      <c r="HC5123" s="91"/>
      <c r="HD5123" s="91"/>
      <c r="HE5123" s="91"/>
      <c r="HF5123" s="91"/>
      <c r="HG5123" s="91"/>
      <c r="HH5123" s="91"/>
      <c r="HI5123" s="91"/>
      <c r="HJ5123" s="91"/>
      <c r="HK5123" s="127"/>
      <c r="HL5123" s="126"/>
      <c r="HM5123" s="91"/>
      <c r="HN5123" s="91"/>
      <c r="HO5123" s="91"/>
      <c r="HP5123" s="91"/>
      <c r="HQ5123" s="91"/>
      <c r="HR5123" s="91"/>
      <c r="HS5123" s="91"/>
      <c r="HT5123" s="91"/>
      <c r="HU5123" s="91"/>
      <c r="HV5123" s="91"/>
      <c r="HW5123" s="91"/>
      <c r="HX5123" s="127"/>
      <c r="HY5123" s="126"/>
      <c r="HZ5123" s="91"/>
      <c r="IA5123" s="91"/>
      <c r="IB5123" s="91"/>
      <c r="IC5123" s="91"/>
      <c r="ID5123" s="91"/>
      <c r="IE5123" s="91"/>
      <c r="IF5123" s="91"/>
      <c r="IG5123" s="91"/>
      <c r="IH5123" s="91"/>
      <c r="II5123" s="91"/>
      <c r="IJ5123" s="91"/>
      <c r="IK5123" s="174"/>
    </row>
    <row r="5124" spans="2:245" x14ac:dyDescent="0.2">
      <c r="B5124" s="43"/>
      <c r="C5124" s="73"/>
      <c r="D5124" s="64"/>
      <c r="E5124" s="64"/>
      <c r="F5124" s="55"/>
      <c r="G5124" s="102"/>
      <c r="H5124" s="97"/>
      <c r="T5124" s="98"/>
      <c r="U5124" s="97"/>
      <c r="AG5124" s="98"/>
      <c r="AY5124" s="164"/>
      <c r="BK5124" s="98"/>
      <c r="BL5124" s="97"/>
      <c r="BX5124" s="98"/>
      <c r="CL5124" s="97"/>
      <c r="CX5124" s="98"/>
      <c r="DL5124" s="97"/>
      <c r="DX5124" s="98"/>
      <c r="EL5124" s="97"/>
      <c r="EX5124" s="98"/>
      <c r="EY5124" s="97"/>
      <c r="FL5124" s="126"/>
      <c r="FM5124" s="91"/>
      <c r="FN5124" s="91"/>
      <c r="FO5124" s="91"/>
      <c r="FP5124" s="91"/>
      <c r="FQ5124" s="91"/>
      <c r="FR5124" s="91"/>
      <c r="FS5124" s="91"/>
      <c r="FT5124" s="91"/>
      <c r="FU5124" s="91"/>
      <c r="FV5124" s="91"/>
      <c r="FW5124" s="91"/>
      <c r="FX5124" s="127"/>
      <c r="FY5124" s="126"/>
      <c r="FZ5124" s="91"/>
      <c r="GA5124" s="91"/>
      <c r="GB5124" s="91"/>
      <c r="GC5124" s="91"/>
      <c r="GD5124" s="91"/>
      <c r="GE5124" s="91"/>
      <c r="GF5124" s="91"/>
      <c r="GG5124" s="91"/>
      <c r="GH5124" s="91"/>
      <c r="GI5124" s="91"/>
      <c r="GJ5124" s="91"/>
      <c r="GK5124" s="127"/>
      <c r="GL5124" s="126"/>
      <c r="GM5124" s="91"/>
      <c r="GN5124" s="91"/>
      <c r="GO5124" s="91"/>
      <c r="GP5124" s="91"/>
      <c r="GQ5124" s="91"/>
      <c r="GR5124" s="91"/>
      <c r="GS5124" s="91"/>
      <c r="GT5124" s="91"/>
      <c r="GU5124" s="91"/>
      <c r="GV5124" s="91"/>
      <c r="GW5124" s="91"/>
      <c r="GX5124" s="127"/>
      <c r="GY5124" s="126"/>
      <c r="GZ5124" s="91"/>
      <c r="HA5124" s="91"/>
      <c r="HB5124" s="91"/>
      <c r="HC5124" s="91"/>
      <c r="HD5124" s="91"/>
      <c r="HE5124" s="91"/>
      <c r="HF5124" s="91"/>
      <c r="HG5124" s="91"/>
      <c r="HH5124" s="91"/>
      <c r="HI5124" s="91"/>
      <c r="HJ5124" s="91"/>
      <c r="HK5124" s="127"/>
      <c r="HL5124" s="126"/>
      <c r="HM5124" s="91"/>
      <c r="HN5124" s="91"/>
      <c r="HO5124" s="91"/>
      <c r="HP5124" s="91"/>
      <c r="HQ5124" s="91"/>
      <c r="HR5124" s="91"/>
      <c r="HS5124" s="91"/>
      <c r="HT5124" s="91"/>
      <c r="HU5124" s="91"/>
      <c r="HV5124" s="91"/>
      <c r="HW5124" s="91"/>
      <c r="HX5124" s="127"/>
      <c r="HY5124" s="126"/>
      <c r="HZ5124" s="91"/>
      <c r="IA5124" s="91"/>
      <c r="IB5124" s="91"/>
      <c r="IC5124" s="91"/>
      <c r="ID5124" s="91"/>
      <c r="IE5124" s="91"/>
      <c r="IF5124" s="91"/>
      <c r="IG5124" s="91"/>
      <c r="IH5124" s="91"/>
      <c r="II5124" s="91"/>
      <c r="IJ5124" s="91"/>
      <c r="IK5124" s="174"/>
    </row>
    <row r="5125" spans="2:245" x14ac:dyDescent="0.2">
      <c r="B5125" s="43"/>
      <c r="C5125" s="73"/>
      <c r="D5125" s="64"/>
      <c r="E5125" s="64"/>
      <c r="F5125" s="55"/>
      <c r="G5125" s="102"/>
      <c r="H5125" s="97"/>
      <c r="T5125" s="98"/>
      <c r="U5125" s="97"/>
      <c r="AG5125" s="98"/>
      <c r="AY5125" s="164"/>
      <c r="BK5125" s="98"/>
      <c r="BL5125" s="97"/>
      <c r="BX5125" s="98"/>
      <c r="CL5125" s="97"/>
      <c r="CX5125" s="98"/>
      <c r="DL5125" s="97"/>
      <c r="DX5125" s="98"/>
      <c r="EL5125" s="97"/>
      <c r="EX5125" s="98"/>
      <c r="EY5125" s="97"/>
      <c r="FL5125" s="126"/>
      <c r="FM5125" s="91"/>
      <c r="FN5125" s="91"/>
      <c r="FO5125" s="91"/>
      <c r="FP5125" s="91"/>
      <c r="FQ5125" s="91"/>
      <c r="FR5125" s="91"/>
      <c r="FS5125" s="91"/>
      <c r="FT5125" s="91"/>
      <c r="FU5125" s="91"/>
      <c r="FV5125" s="91"/>
      <c r="FW5125" s="91"/>
      <c r="FX5125" s="127"/>
      <c r="FY5125" s="126"/>
      <c r="FZ5125" s="91"/>
      <c r="GA5125" s="91"/>
      <c r="GB5125" s="91"/>
      <c r="GC5125" s="91"/>
      <c r="GD5125" s="91"/>
      <c r="GE5125" s="91"/>
      <c r="GF5125" s="91"/>
      <c r="GG5125" s="91"/>
      <c r="GH5125" s="91"/>
      <c r="GI5125" s="91"/>
      <c r="GJ5125" s="91"/>
      <c r="GK5125" s="127"/>
      <c r="GL5125" s="126"/>
      <c r="GM5125" s="91"/>
      <c r="GN5125" s="91"/>
      <c r="GO5125" s="91"/>
      <c r="GP5125" s="91"/>
      <c r="GQ5125" s="91"/>
      <c r="GR5125" s="91"/>
      <c r="GS5125" s="91"/>
      <c r="GT5125" s="91"/>
      <c r="GU5125" s="91"/>
      <c r="GV5125" s="91"/>
      <c r="GW5125" s="91"/>
      <c r="GX5125" s="127"/>
      <c r="GY5125" s="126"/>
      <c r="GZ5125" s="91"/>
      <c r="HA5125" s="91"/>
      <c r="HB5125" s="91"/>
      <c r="HC5125" s="91"/>
      <c r="HD5125" s="91"/>
      <c r="HE5125" s="91"/>
      <c r="HF5125" s="91"/>
      <c r="HG5125" s="91"/>
      <c r="HH5125" s="91"/>
      <c r="HI5125" s="91"/>
      <c r="HJ5125" s="91"/>
      <c r="HK5125" s="127"/>
      <c r="HL5125" s="126"/>
      <c r="HM5125" s="91"/>
      <c r="HN5125" s="91"/>
      <c r="HO5125" s="91"/>
      <c r="HP5125" s="91"/>
      <c r="HQ5125" s="91"/>
      <c r="HR5125" s="91"/>
      <c r="HS5125" s="91"/>
      <c r="HT5125" s="91"/>
      <c r="HU5125" s="91"/>
      <c r="HV5125" s="91"/>
      <c r="HW5125" s="91"/>
      <c r="HX5125" s="127"/>
      <c r="HY5125" s="126"/>
      <c r="HZ5125" s="91"/>
      <c r="IA5125" s="91"/>
      <c r="IB5125" s="91"/>
      <c r="IC5125" s="91"/>
      <c r="ID5125" s="91"/>
      <c r="IE5125" s="91"/>
      <c r="IF5125" s="91"/>
      <c r="IG5125" s="91"/>
      <c r="IH5125" s="91"/>
      <c r="II5125" s="91"/>
      <c r="IJ5125" s="91"/>
      <c r="IK5125" s="174"/>
    </row>
    <row r="5126" spans="2:245" x14ac:dyDescent="0.2">
      <c r="B5126" s="43"/>
      <c r="C5126" s="73"/>
      <c r="D5126" s="64"/>
      <c r="E5126" s="64"/>
      <c r="F5126" s="55"/>
      <c r="G5126" s="102"/>
      <c r="H5126" s="97"/>
      <c r="T5126" s="98"/>
      <c r="U5126" s="97"/>
      <c r="AG5126" s="98"/>
      <c r="AY5126" s="164"/>
      <c r="BK5126" s="98"/>
      <c r="BL5126" s="97"/>
      <c r="BX5126" s="98"/>
      <c r="CL5126" s="97"/>
      <c r="CX5126" s="98"/>
      <c r="DL5126" s="97"/>
      <c r="DX5126" s="98"/>
      <c r="EL5126" s="97"/>
      <c r="EX5126" s="98"/>
      <c r="EY5126" s="97"/>
      <c r="FL5126" s="126"/>
      <c r="FM5126" s="91"/>
      <c r="FN5126" s="91"/>
      <c r="FO5126" s="91"/>
      <c r="FP5126" s="91"/>
      <c r="FQ5126" s="91"/>
      <c r="FR5126" s="91"/>
      <c r="FS5126" s="91"/>
      <c r="FT5126" s="91"/>
      <c r="FU5126" s="91"/>
      <c r="FV5126" s="91"/>
      <c r="FW5126" s="91"/>
      <c r="FX5126" s="127"/>
      <c r="FY5126" s="126"/>
      <c r="FZ5126" s="91"/>
      <c r="GA5126" s="91"/>
      <c r="GB5126" s="91"/>
      <c r="GC5126" s="91"/>
      <c r="GD5126" s="91"/>
      <c r="GE5126" s="91"/>
      <c r="GF5126" s="91"/>
      <c r="GG5126" s="91"/>
      <c r="GH5126" s="91"/>
      <c r="GI5126" s="91"/>
      <c r="GJ5126" s="91"/>
      <c r="GK5126" s="127"/>
      <c r="GL5126" s="126"/>
      <c r="GM5126" s="91"/>
      <c r="GN5126" s="91"/>
      <c r="GO5126" s="91"/>
      <c r="GP5126" s="91"/>
      <c r="GQ5126" s="91"/>
      <c r="GR5126" s="91"/>
      <c r="GS5126" s="91"/>
      <c r="GT5126" s="91"/>
      <c r="GU5126" s="91"/>
      <c r="GV5126" s="91"/>
      <c r="GW5126" s="91"/>
      <c r="GX5126" s="127"/>
      <c r="GY5126" s="126"/>
      <c r="GZ5126" s="91"/>
      <c r="HA5126" s="91"/>
      <c r="HB5126" s="91"/>
      <c r="HC5126" s="91"/>
      <c r="HD5126" s="91"/>
      <c r="HE5126" s="91"/>
      <c r="HF5126" s="91"/>
      <c r="HG5126" s="91"/>
      <c r="HH5126" s="91"/>
      <c r="HI5126" s="91"/>
      <c r="HJ5126" s="91"/>
      <c r="HK5126" s="127"/>
      <c r="HL5126" s="126"/>
      <c r="HM5126" s="91"/>
      <c r="HN5126" s="91"/>
      <c r="HO5126" s="91"/>
      <c r="HP5126" s="91"/>
      <c r="HQ5126" s="91"/>
      <c r="HR5126" s="91"/>
      <c r="HS5126" s="91"/>
      <c r="HT5126" s="91"/>
      <c r="HU5126" s="91"/>
      <c r="HV5126" s="91"/>
      <c r="HW5126" s="91"/>
      <c r="HX5126" s="127"/>
      <c r="HY5126" s="126"/>
      <c r="HZ5126" s="91"/>
      <c r="IA5126" s="91"/>
      <c r="IB5126" s="91"/>
      <c r="IC5126" s="91"/>
      <c r="ID5126" s="91"/>
      <c r="IE5126" s="91"/>
      <c r="IF5126" s="91"/>
      <c r="IG5126" s="91"/>
      <c r="IH5126" s="91"/>
      <c r="II5126" s="91"/>
      <c r="IJ5126" s="91"/>
      <c r="IK5126" s="174"/>
    </row>
    <row r="5127" spans="2:245" x14ac:dyDescent="0.2">
      <c r="B5127" s="43"/>
      <c r="C5127" s="73"/>
      <c r="D5127" s="64"/>
      <c r="E5127" s="64"/>
      <c r="F5127" s="55"/>
      <c r="G5127" s="102"/>
      <c r="H5127" s="97"/>
      <c r="T5127" s="98"/>
      <c r="U5127" s="97"/>
      <c r="AG5127" s="98"/>
      <c r="AY5127" s="164"/>
      <c r="BK5127" s="98"/>
      <c r="BL5127" s="97"/>
      <c r="BX5127" s="98"/>
      <c r="CL5127" s="97"/>
      <c r="CX5127" s="98"/>
      <c r="DL5127" s="97"/>
      <c r="DX5127" s="98"/>
      <c r="EL5127" s="97"/>
      <c r="EX5127" s="98"/>
      <c r="EY5127" s="97"/>
      <c r="FL5127" s="126"/>
      <c r="FM5127" s="91"/>
      <c r="FN5127" s="91"/>
      <c r="FO5127" s="91"/>
      <c r="FP5127" s="91"/>
      <c r="FQ5127" s="91"/>
      <c r="FR5127" s="91"/>
      <c r="FS5127" s="91"/>
      <c r="FT5127" s="91"/>
      <c r="FU5127" s="91"/>
      <c r="FV5127" s="91"/>
      <c r="FW5127" s="91"/>
      <c r="FX5127" s="127"/>
      <c r="FY5127" s="126"/>
      <c r="FZ5127" s="91"/>
      <c r="GA5127" s="91"/>
      <c r="GB5127" s="91"/>
      <c r="GC5127" s="91"/>
      <c r="GD5127" s="91"/>
      <c r="GE5127" s="91"/>
      <c r="GF5127" s="91"/>
      <c r="GG5127" s="91"/>
      <c r="GH5127" s="91"/>
      <c r="GI5127" s="91"/>
      <c r="GJ5127" s="91"/>
      <c r="GK5127" s="127"/>
      <c r="GL5127" s="126"/>
      <c r="GM5127" s="91"/>
      <c r="GN5127" s="91"/>
      <c r="GO5127" s="91"/>
      <c r="GP5127" s="91"/>
      <c r="GQ5127" s="91"/>
      <c r="GR5127" s="91"/>
      <c r="GS5127" s="91"/>
      <c r="GT5127" s="91"/>
      <c r="GU5127" s="91"/>
      <c r="GV5127" s="91"/>
      <c r="GW5127" s="91"/>
      <c r="GX5127" s="127"/>
      <c r="GY5127" s="126"/>
      <c r="GZ5127" s="91"/>
      <c r="HA5127" s="91"/>
      <c r="HB5127" s="91"/>
      <c r="HC5127" s="91"/>
      <c r="HD5127" s="91"/>
      <c r="HE5127" s="91"/>
      <c r="HF5127" s="91"/>
      <c r="HG5127" s="91"/>
      <c r="HH5127" s="91"/>
      <c r="HI5127" s="91"/>
      <c r="HJ5127" s="91"/>
      <c r="HK5127" s="127"/>
      <c r="HL5127" s="126"/>
      <c r="HM5127" s="91"/>
      <c r="HN5127" s="91"/>
      <c r="HO5127" s="91"/>
      <c r="HP5127" s="91"/>
      <c r="HQ5127" s="91"/>
      <c r="HR5127" s="91"/>
      <c r="HS5127" s="91"/>
      <c r="HT5127" s="91"/>
      <c r="HU5127" s="91"/>
      <c r="HV5127" s="91"/>
      <c r="HW5127" s="91"/>
      <c r="HX5127" s="127"/>
      <c r="HY5127" s="126"/>
      <c r="HZ5127" s="91"/>
      <c r="IA5127" s="91"/>
      <c r="IB5127" s="91"/>
      <c r="IC5127" s="91"/>
      <c r="ID5127" s="91"/>
      <c r="IE5127" s="91"/>
      <c r="IF5127" s="91"/>
      <c r="IG5127" s="91"/>
      <c r="IH5127" s="91"/>
      <c r="II5127" s="91"/>
      <c r="IJ5127" s="91"/>
      <c r="IK5127" s="174"/>
    </row>
    <row r="5128" spans="2:245" x14ac:dyDescent="0.2">
      <c r="B5128" s="43"/>
      <c r="C5128" s="73"/>
      <c r="D5128" s="64"/>
      <c r="E5128" s="64"/>
      <c r="F5128" s="55"/>
      <c r="G5128" s="102"/>
      <c r="H5128" s="97"/>
      <c r="T5128" s="98"/>
      <c r="U5128" s="97"/>
      <c r="AG5128" s="98"/>
      <c r="AY5128" s="164"/>
      <c r="BK5128" s="98"/>
      <c r="BL5128" s="97"/>
      <c r="BX5128" s="98"/>
      <c r="CL5128" s="97"/>
      <c r="CX5128" s="98"/>
      <c r="DL5128" s="97"/>
      <c r="DX5128" s="98"/>
      <c r="EL5128" s="97"/>
      <c r="EX5128" s="98"/>
      <c r="EY5128" s="97"/>
      <c r="FL5128" s="126"/>
      <c r="FM5128" s="91"/>
      <c r="FN5128" s="91"/>
      <c r="FO5128" s="91"/>
      <c r="FP5128" s="91"/>
      <c r="FQ5128" s="91"/>
      <c r="FR5128" s="91"/>
      <c r="FS5128" s="91"/>
      <c r="FT5128" s="91"/>
      <c r="FU5128" s="91"/>
      <c r="FV5128" s="91"/>
      <c r="FW5128" s="91"/>
      <c r="FX5128" s="127"/>
      <c r="FY5128" s="126"/>
      <c r="FZ5128" s="91"/>
      <c r="GA5128" s="91"/>
      <c r="GB5128" s="91"/>
      <c r="GC5128" s="91"/>
      <c r="GD5128" s="91"/>
      <c r="GE5128" s="91"/>
      <c r="GF5128" s="91"/>
      <c r="GG5128" s="91"/>
      <c r="GH5128" s="91"/>
      <c r="GI5128" s="91"/>
      <c r="GJ5128" s="91"/>
      <c r="GK5128" s="127"/>
      <c r="GL5128" s="126"/>
      <c r="GM5128" s="91"/>
      <c r="GN5128" s="91"/>
      <c r="GO5128" s="91"/>
      <c r="GP5128" s="91"/>
      <c r="GQ5128" s="91"/>
      <c r="GR5128" s="91"/>
      <c r="GS5128" s="91"/>
      <c r="GT5128" s="91"/>
      <c r="GU5128" s="91"/>
      <c r="GV5128" s="91"/>
      <c r="GW5128" s="91"/>
      <c r="GX5128" s="127"/>
      <c r="GY5128" s="126"/>
      <c r="GZ5128" s="91"/>
      <c r="HA5128" s="91"/>
      <c r="HB5128" s="91"/>
      <c r="HC5128" s="91"/>
      <c r="HD5128" s="91"/>
      <c r="HE5128" s="91"/>
      <c r="HF5128" s="91"/>
      <c r="HG5128" s="91"/>
      <c r="HH5128" s="91"/>
      <c r="HI5128" s="91"/>
      <c r="HJ5128" s="91"/>
      <c r="HK5128" s="127"/>
      <c r="HL5128" s="126"/>
      <c r="HM5128" s="91"/>
      <c r="HN5128" s="91"/>
      <c r="HO5128" s="91"/>
      <c r="HP5128" s="91"/>
      <c r="HQ5128" s="91"/>
      <c r="HR5128" s="91"/>
      <c r="HS5128" s="91"/>
      <c r="HT5128" s="91"/>
      <c r="HU5128" s="91"/>
      <c r="HV5128" s="91"/>
      <c r="HW5128" s="91"/>
      <c r="HX5128" s="127"/>
      <c r="HY5128" s="126"/>
      <c r="HZ5128" s="91"/>
      <c r="IA5128" s="91"/>
      <c r="IB5128" s="91"/>
      <c r="IC5128" s="91"/>
      <c r="ID5128" s="91"/>
      <c r="IE5128" s="91"/>
      <c r="IF5128" s="91"/>
      <c r="IG5128" s="91"/>
      <c r="IH5128" s="91"/>
      <c r="II5128" s="91"/>
      <c r="IJ5128" s="91"/>
      <c r="IK5128" s="174"/>
    </row>
    <row r="5129" spans="2:245" x14ac:dyDescent="0.2">
      <c r="B5129" s="43"/>
      <c r="C5129" s="73"/>
      <c r="D5129" s="64"/>
      <c r="E5129" s="64"/>
      <c r="F5129" s="55"/>
      <c r="G5129" s="102"/>
      <c r="H5129" s="97"/>
      <c r="T5129" s="98"/>
      <c r="U5129" s="97"/>
      <c r="AG5129" s="98"/>
      <c r="AY5129" s="164"/>
      <c r="BK5129" s="98"/>
      <c r="BL5129" s="97"/>
      <c r="BX5129" s="98"/>
      <c r="CL5129" s="97"/>
      <c r="CX5129" s="98"/>
      <c r="DL5129" s="97"/>
      <c r="DX5129" s="98"/>
      <c r="EL5129" s="97"/>
      <c r="EX5129" s="98"/>
      <c r="EY5129" s="97"/>
      <c r="FL5129" s="126"/>
      <c r="FM5129" s="91"/>
      <c r="FN5129" s="91"/>
      <c r="FO5129" s="91"/>
      <c r="FP5129" s="91"/>
      <c r="FQ5129" s="91"/>
      <c r="FR5129" s="91"/>
      <c r="FS5129" s="91"/>
      <c r="FT5129" s="91"/>
      <c r="FU5129" s="91"/>
      <c r="FV5129" s="91"/>
      <c r="FW5129" s="91"/>
      <c r="FX5129" s="127"/>
      <c r="FY5129" s="126"/>
      <c r="FZ5129" s="91"/>
      <c r="GA5129" s="91"/>
      <c r="GB5129" s="91"/>
      <c r="GC5129" s="91"/>
      <c r="GD5129" s="91"/>
      <c r="GE5129" s="91"/>
      <c r="GF5129" s="91"/>
      <c r="GG5129" s="91"/>
      <c r="GH5129" s="91"/>
      <c r="GI5129" s="91"/>
      <c r="GJ5129" s="91"/>
      <c r="GK5129" s="127"/>
      <c r="GL5129" s="126"/>
      <c r="GM5129" s="91"/>
      <c r="GN5129" s="91"/>
      <c r="GO5129" s="91"/>
      <c r="GP5129" s="91"/>
      <c r="GQ5129" s="91"/>
      <c r="GR5129" s="91"/>
      <c r="GS5129" s="91"/>
      <c r="GT5129" s="91"/>
      <c r="GU5129" s="91"/>
      <c r="GV5129" s="91"/>
      <c r="GW5129" s="91"/>
      <c r="GX5129" s="127"/>
      <c r="GY5129" s="126"/>
      <c r="GZ5129" s="91"/>
      <c r="HA5129" s="91"/>
      <c r="HB5129" s="91"/>
      <c r="HC5129" s="91"/>
      <c r="HD5129" s="91"/>
      <c r="HE5129" s="91"/>
      <c r="HF5129" s="91"/>
      <c r="HG5129" s="91"/>
      <c r="HH5129" s="91"/>
      <c r="HI5129" s="91"/>
      <c r="HJ5129" s="91"/>
      <c r="HK5129" s="127"/>
      <c r="HL5129" s="126"/>
      <c r="HM5129" s="91"/>
      <c r="HN5129" s="91"/>
      <c r="HO5129" s="91"/>
      <c r="HP5129" s="91"/>
      <c r="HQ5129" s="91"/>
      <c r="HR5129" s="91"/>
      <c r="HS5129" s="91"/>
      <c r="HT5129" s="91"/>
      <c r="HU5129" s="91"/>
      <c r="HV5129" s="91"/>
      <c r="HW5129" s="91"/>
      <c r="HX5129" s="127"/>
      <c r="HY5129" s="126"/>
      <c r="HZ5129" s="91"/>
      <c r="IA5129" s="91"/>
      <c r="IB5129" s="91"/>
      <c r="IC5129" s="91"/>
      <c r="ID5129" s="91"/>
      <c r="IE5129" s="91"/>
      <c r="IF5129" s="91"/>
      <c r="IG5129" s="91"/>
      <c r="IH5129" s="91"/>
      <c r="II5129" s="91"/>
      <c r="IJ5129" s="91"/>
      <c r="IK5129" s="174"/>
    </row>
    <row r="5130" spans="2:245" x14ac:dyDescent="0.2">
      <c r="B5130" s="43"/>
      <c r="C5130" s="73"/>
      <c r="D5130" s="64"/>
      <c r="E5130" s="64"/>
      <c r="F5130" s="55"/>
      <c r="G5130" s="102"/>
      <c r="H5130" s="97"/>
      <c r="T5130" s="98"/>
      <c r="U5130" s="97"/>
      <c r="AG5130" s="98"/>
      <c r="AY5130" s="164"/>
      <c r="BK5130" s="98"/>
      <c r="BL5130" s="97"/>
      <c r="BX5130" s="98"/>
      <c r="CL5130" s="97"/>
      <c r="CX5130" s="98"/>
      <c r="DL5130" s="97"/>
      <c r="DX5130" s="98"/>
      <c r="EL5130" s="97"/>
      <c r="EX5130" s="98"/>
      <c r="EY5130" s="97"/>
      <c r="FL5130" s="126"/>
      <c r="FM5130" s="91"/>
      <c r="FN5130" s="91"/>
      <c r="FO5130" s="91"/>
      <c r="FP5130" s="91"/>
      <c r="FQ5130" s="91"/>
      <c r="FR5130" s="91"/>
      <c r="FS5130" s="91"/>
      <c r="FT5130" s="91"/>
      <c r="FU5130" s="91"/>
      <c r="FV5130" s="91"/>
      <c r="FW5130" s="91"/>
      <c r="FX5130" s="127"/>
      <c r="FY5130" s="126"/>
      <c r="FZ5130" s="91"/>
      <c r="GA5130" s="91"/>
      <c r="GB5130" s="91"/>
      <c r="GC5130" s="91"/>
      <c r="GD5130" s="91"/>
      <c r="GE5130" s="91"/>
      <c r="GF5130" s="91"/>
      <c r="GG5130" s="91"/>
      <c r="GH5130" s="91"/>
      <c r="GI5130" s="91"/>
      <c r="GJ5130" s="91"/>
      <c r="GK5130" s="127"/>
      <c r="GL5130" s="126"/>
      <c r="GM5130" s="91"/>
      <c r="GN5130" s="91"/>
      <c r="GO5130" s="91"/>
      <c r="GP5130" s="91"/>
      <c r="GQ5130" s="91"/>
      <c r="GR5130" s="91"/>
      <c r="GS5130" s="91"/>
      <c r="GT5130" s="91"/>
      <c r="GU5130" s="91"/>
      <c r="GV5130" s="91"/>
      <c r="GW5130" s="91"/>
      <c r="GX5130" s="127"/>
      <c r="GY5130" s="126"/>
      <c r="GZ5130" s="91"/>
      <c r="HA5130" s="91"/>
      <c r="HB5130" s="91"/>
      <c r="HC5130" s="91"/>
      <c r="HD5130" s="91"/>
      <c r="HE5130" s="91"/>
      <c r="HF5130" s="91"/>
      <c r="HG5130" s="91"/>
      <c r="HH5130" s="91"/>
      <c r="HI5130" s="91"/>
      <c r="HJ5130" s="91"/>
      <c r="HK5130" s="127"/>
      <c r="HL5130" s="126"/>
      <c r="HM5130" s="91"/>
      <c r="HN5130" s="91"/>
      <c r="HO5130" s="91"/>
      <c r="HP5130" s="91"/>
      <c r="HQ5130" s="91"/>
      <c r="HR5130" s="91"/>
      <c r="HS5130" s="91"/>
      <c r="HT5130" s="91"/>
      <c r="HU5130" s="91"/>
      <c r="HV5130" s="91"/>
      <c r="HW5130" s="91"/>
      <c r="HX5130" s="127"/>
      <c r="HY5130" s="126"/>
      <c r="HZ5130" s="91"/>
      <c r="IA5130" s="91"/>
      <c r="IB5130" s="91"/>
      <c r="IC5130" s="91"/>
      <c r="ID5130" s="91"/>
      <c r="IE5130" s="91"/>
      <c r="IF5130" s="91"/>
      <c r="IG5130" s="91"/>
      <c r="IH5130" s="91"/>
      <c r="II5130" s="91"/>
      <c r="IJ5130" s="91"/>
      <c r="IK5130" s="174"/>
    </row>
    <row r="5131" spans="2:245" x14ac:dyDescent="0.2">
      <c r="B5131" s="43"/>
      <c r="C5131" s="73"/>
      <c r="D5131" s="64"/>
      <c r="E5131" s="64"/>
      <c r="F5131" s="55"/>
      <c r="G5131" s="102"/>
      <c r="H5131" s="97"/>
      <c r="T5131" s="98"/>
      <c r="U5131" s="97"/>
      <c r="AG5131" s="98"/>
      <c r="AY5131" s="164"/>
      <c r="BK5131" s="98"/>
      <c r="BL5131" s="97"/>
      <c r="BX5131" s="98"/>
      <c r="CL5131" s="97"/>
      <c r="CX5131" s="98"/>
      <c r="DL5131" s="97"/>
      <c r="DX5131" s="98"/>
      <c r="EL5131" s="97"/>
      <c r="EX5131" s="98"/>
      <c r="EY5131" s="97"/>
      <c r="FL5131" s="126"/>
      <c r="FM5131" s="91"/>
      <c r="FN5131" s="91"/>
      <c r="FO5131" s="91"/>
      <c r="FP5131" s="91"/>
      <c r="FQ5131" s="91"/>
      <c r="FR5131" s="91"/>
      <c r="FS5131" s="91"/>
      <c r="FT5131" s="91"/>
      <c r="FU5131" s="91"/>
      <c r="FV5131" s="91"/>
      <c r="FW5131" s="91"/>
      <c r="FX5131" s="127"/>
      <c r="FY5131" s="126"/>
      <c r="FZ5131" s="91"/>
      <c r="GA5131" s="91"/>
      <c r="GB5131" s="91"/>
      <c r="GC5131" s="91"/>
      <c r="GD5131" s="91"/>
      <c r="GE5131" s="91"/>
      <c r="GF5131" s="91"/>
      <c r="GG5131" s="91"/>
      <c r="GH5131" s="91"/>
      <c r="GI5131" s="91"/>
      <c r="GJ5131" s="91"/>
      <c r="GK5131" s="127"/>
      <c r="GL5131" s="126"/>
      <c r="GM5131" s="91"/>
      <c r="GN5131" s="91"/>
      <c r="GO5131" s="91"/>
      <c r="GP5131" s="91"/>
      <c r="GQ5131" s="91"/>
      <c r="GR5131" s="91"/>
      <c r="GS5131" s="91"/>
      <c r="GT5131" s="91"/>
      <c r="GU5131" s="91"/>
      <c r="GV5131" s="91"/>
      <c r="GW5131" s="91"/>
      <c r="GX5131" s="127"/>
      <c r="GY5131" s="126"/>
      <c r="GZ5131" s="91"/>
      <c r="HA5131" s="91"/>
      <c r="HB5131" s="91"/>
      <c r="HC5131" s="91"/>
      <c r="HD5131" s="91"/>
      <c r="HE5131" s="91"/>
      <c r="HF5131" s="91"/>
      <c r="HG5131" s="91"/>
      <c r="HH5131" s="91"/>
      <c r="HI5131" s="91"/>
      <c r="HJ5131" s="91"/>
      <c r="HK5131" s="127"/>
      <c r="HL5131" s="126"/>
      <c r="HM5131" s="91"/>
      <c r="HN5131" s="91"/>
      <c r="HO5131" s="91"/>
      <c r="HP5131" s="91"/>
      <c r="HQ5131" s="91"/>
      <c r="HR5131" s="91"/>
      <c r="HS5131" s="91"/>
      <c r="HT5131" s="91"/>
      <c r="HU5131" s="91"/>
      <c r="HV5131" s="91"/>
      <c r="HW5131" s="91"/>
      <c r="HX5131" s="127"/>
      <c r="HY5131" s="126"/>
      <c r="HZ5131" s="91"/>
      <c r="IA5131" s="91"/>
      <c r="IB5131" s="91"/>
      <c r="IC5131" s="91"/>
      <c r="ID5131" s="91"/>
      <c r="IE5131" s="91"/>
      <c r="IF5131" s="91"/>
      <c r="IG5131" s="91"/>
      <c r="IH5131" s="91"/>
      <c r="II5131" s="91"/>
      <c r="IJ5131" s="91"/>
      <c r="IK5131" s="174"/>
    </row>
    <row r="5132" spans="2:245" x14ac:dyDescent="0.2">
      <c r="B5132" s="43"/>
      <c r="C5132" s="73"/>
      <c r="D5132" s="64"/>
      <c r="E5132" s="64"/>
      <c r="F5132" s="55"/>
      <c r="G5132" s="102"/>
      <c r="H5132" s="97"/>
      <c r="T5132" s="98"/>
      <c r="U5132" s="97"/>
      <c r="AG5132" s="98"/>
      <c r="AY5132" s="164"/>
      <c r="BK5132" s="98"/>
      <c r="BL5132" s="97"/>
      <c r="BX5132" s="98"/>
      <c r="CL5132" s="97"/>
      <c r="CX5132" s="98"/>
      <c r="DL5132" s="97"/>
      <c r="DX5132" s="98"/>
      <c r="EL5132" s="97"/>
      <c r="EX5132" s="98"/>
      <c r="EY5132" s="97"/>
      <c r="FL5132" s="126"/>
      <c r="FM5132" s="91"/>
      <c r="FN5132" s="91"/>
      <c r="FO5132" s="91"/>
      <c r="FP5132" s="91"/>
      <c r="FQ5132" s="91"/>
      <c r="FR5132" s="91"/>
      <c r="FS5132" s="91"/>
      <c r="FT5132" s="91"/>
      <c r="FU5132" s="91"/>
      <c r="FV5132" s="91"/>
      <c r="FW5132" s="91"/>
      <c r="FX5132" s="127"/>
      <c r="FY5132" s="126"/>
      <c r="FZ5132" s="91"/>
      <c r="GA5132" s="91"/>
      <c r="GB5132" s="91"/>
      <c r="GC5132" s="91"/>
      <c r="GD5132" s="91"/>
      <c r="GE5132" s="91"/>
      <c r="GF5132" s="91"/>
      <c r="GG5132" s="91"/>
      <c r="GH5132" s="91"/>
      <c r="GI5132" s="91"/>
      <c r="GJ5132" s="91"/>
      <c r="GK5132" s="127"/>
      <c r="GL5132" s="126"/>
      <c r="GM5132" s="91"/>
      <c r="GN5132" s="91"/>
      <c r="GO5132" s="91"/>
      <c r="GP5132" s="91"/>
      <c r="GQ5132" s="91"/>
      <c r="GR5132" s="91"/>
      <c r="GS5132" s="91"/>
      <c r="GT5132" s="91"/>
      <c r="GU5132" s="91"/>
      <c r="GV5132" s="91"/>
      <c r="GW5132" s="91"/>
      <c r="GX5132" s="127"/>
      <c r="GY5132" s="126"/>
      <c r="GZ5132" s="91"/>
      <c r="HA5132" s="91"/>
      <c r="HB5132" s="91"/>
      <c r="HC5132" s="91"/>
      <c r="HD5132" s="91"/>
      <c r="HE5132" s="91"/>
      <c r="HF5132" s="91"/>
      <c r="HG5132" s="91"/>
      <c r="HH5132" s="91"/>
      <c r="HI5132" s="91"/>
      <c r="HJ5132" s="91"/>
      <c r="HK5132" s="127"/>
      <c r="HL5132" s="126"/>
      <c r="HM5132" s="91"/>
      <c r="HN5132" s="91"/>
      <c r="HO5132" s="91"/>
      <c r="HP5132" s="91"/>
      <c r="HQ5132" s="91"/>
      <c r="HR5132" s="91"/>
      <c r="HS5132" s="91"/>
      <c r="HT5132" s="91"/>
      <c r="HU5132" s="91"/>
      <c r="HV5132" s="91"/>
      <c r="HW5132" s="91"/>
      <c r="HX5132" s="127"/>
      <c r="HY5132" s="126"/>
      <c r="HZ5132" s="91"/>
      <c r="IA5132" s="91"/>
      <c r="IB5132" s="91"/>
      <c r="IC5132" s="91"/>
      <c r="ID5132" s="91"/>
      <c r="IE5132" s="91"/>
      <c r="IF5132" s="91"/>
      <c r="IG5132" s="91"/>
      <c r="IH5132" s="91"/>
      <c r="II5132" s="91"/>
      <c r="IJ5132" s="91"/>
      <c r="IK5132" s="174"/>
    </row>
    <row r="5133" spans="2:245" x14ac:dyDescent="0.2">
      <c r="B5133" s="43"/>
      <c r="C5133" s="73"/>
      <c r="D5133" s="64"/>
      <c r="E5133" s="64"/>
      <c r="F5133" s="55"/>
      <c r="G5133" s="102"/>
      <c r="H5133" s="97"/>
      <c r="T5133" s="98"/>
      <c r="U5133" s="97"/>
      <c r="AG5133" s="98"/>
      <c r="AY5133" s="164"/>
      <c r="BK5133" s="98"/>
      <c r="BL5133" s="97"/>
      <c r="BX5133" s="98"/>
      <c r="CL5133" s="97"/>
      <c r="CX5133" s="98"/>
      <c r="DL5133" s="97"/>
      <c r="DX5133" s="98"/>
      <c r="EL5133" s="97"/>
      <c r="EX5133" s="98"/>
      <c r="EY5133" s="97"/>
      <c r="FL5133" s="126"/>
      <c r="FM5133" s="91"/>
      <c r="FN5133" s="91"/>
      <c r="FO5133" s="91"/>
      <c r="FP5133" s="91"/>
      <c r="FQ5133" s="91"/>
      <c r="FR5133" s="91"/>
      <c r="FS5133" s="91"/>
      <c r="FT5133" s="91"/>
      <c r="FU5133" s="91"/>
      <c r="FV5133" s="91"/>
      <c r="FW5133" s="91"/>
      <c r="FX5133" s="127"/>
      <c r="FY5133" s="126"/>
      <c r="FZ5133" s="91"/>
      <c r="GA5133" s="91"/>
      <c r="GB5133" s="91"/>
      <c r="GC5133" s="91"/>
      <c r="GD5133" s="91"/>
      <c r="GE5133" s="91"/>
      <c r="GF5133" s="91"/>
      <c r="GG5133" s="91"/>
      <c r="GH5133" s="91"/>
      <c r="GI5133" s="91"/>
      <c r="GJ5133" s="91"/>
      <c r="GK5133" s="127"/>
      <c r="GL5133" s="126"/>
      <c r="GM5133" s="91"/>
      <c r="GN5133" s="91"/>
      <c r="GO5133" s="91"/>
      <c r="GP5133" s="91"/>
      <c r="GQ5133" s="91"/>
      <c r="GR5133" s="91"/>
      <c r="GS5133" s="91"/>
      <c r="GT5133" s="91"/>
      <c r="GU5133" s="91"/>
      <c r="GV5133" s="91"/>
      <c r="GW5133" s="91"/>
      <c r="GX5133" s="127"/>
      <c r="GY5133" s="126"/>
      <c r="GZ5133" s="91"/>
      <c r="HA5133" s="91"/>
      <c r="HB5133" s="91"/>
      <c r="HC5133" s="91"/>
      <c r="HD5133" s="91"/>
      <c r="HE5133" s="91"/>
      <c r="HF5133" s="91"/>
      <c r="HG5133" s="91"/>
      <c r="HH5133" s="91"/>
      <c r="HI5133" s="91"/>
      <c r="HJ5133" s="91"/>
      <c r="HK5133" s="127"/>
      <c r="HL5133" s="126"/>
      <c r="HM5133" s="91"/>
      <c r="HN5133" s="91"/>
      <c r="HO5133" s="91"/>
      <c r="HP5133" s="91"/>
      <c r="HQ5133" s="91"/>
      <c r="HR5133" s="91"/>
      <c r="HS5133" s="91"/>
      <c r="HT5133" s="91"/>
      <c r="HU5133" s="91"/>
      <c r="HV5133" s="91"/>
      <c r="HW5133" s="91"/>
      <c r="HX5133" s="127"/>
      <c r="HY5133" s="126"/>
      <c r="HZ5133" s="91"/>
      <c r="IA5133" s="91"/>
      <c r="IB5133" s="91"/>
      <c r="IC5133" s="91"/>
      <c r="ID5133" s="91"/>
      <c r="IE5133" s="91"/>
      <c r="IF5133" s="91"/>
      <c r="IG5133" s="91"/>
      <c r="IH5133" s="91"/>
      <c r="II5133" s="91"/>
      <c r="IJ5133" s="91"/>
      <c r="IK5133" s="174"/>
    </row>
    <row r="5134" spans="2:245" x14ac:dyDescent="0.2">
      <c r="B5134" s="43"/>
      <c r="C5134" s="73"/>
      <c r="D5134" s="64"/>
      <c r="E5134" s="64"/>
      <c r="F5134" s="55"/>
      <c r="G5134" s="102"/>
      <c r="H5134" s="97"/>
      <c r="T5134" s="98"/>
      <c r="U5134" s="97"/>
      <c r="AG5134" s="98"/>
      <c r="AY5134" s="164"/>
      <c r="BK5134" s="98"/>
      <c r="BL5134" s="97"/>
      <c r="BX5134" s="98"/>
      <c r="CL5134" s="97"/>
      <c r="CX5134" s="98"/>
      <c r="DL5134" s="97"/>
      <c r="DX5134" s="98"/>
      <c r="EL5134" s="97"/>
      <c r="EX5134" s="98"/>
      <c r="EY5134" s="97"/>
      <c r="FL5134" s="126"/>
      <c r="FM5134" s="91"/>
      <c r="FN5134" s="91"/>
      <c r="FO5134" s="91"/>
      <c r="FP5134" s="91"/>
      <c r="FQ5134" s="91"/>
      <c r="FR5134" s="91"/>
      <c r="FS5134" s="91"/>
      <c r="FT5134" s="91"/>
      <c r="FU5134" s="91"/>
      <c r="FV5134" s="91"/>
      <c r="FW5134" s="91"/>
      <c r="FX5134" s="127"/>
      <c r="FY5134" s="126"/>
      <c r="FZ5134" s="91"/>
      <c r="GA5134" s="91"/>
      <c r="GB5134" s="91"/>
      <c r="GC5134" s="91"/>
      <c r="GD5134" s="91"/>
      <c r="GE5134" s="91"/>
      <c r="GF5134" s="91"/>
      <c r="GG5134" s="91"/>
      <c r="GH5134" s="91"/>
      <c r="GI5134" s="91"/>
      <c r="GJ5134" s="91"/>
      <c r="GK5134" s="127"/>
      <c r="GL5134" s="126"/>
      <c r="GM5134" s="91"/>
      <c r="GN5134" s="91"/>
      <c r="GO5134" s="91"/>
      <c r="GP5134" s="91"/>
      <c r="GQ5134" s="91"/>
      <c r="GR5134" s="91"/>
      <c r="GS5134" s="91"/>
      <c r="GT5134" s="91"/>
      <c r="GU5134" s="91"/>
      <c r="GV5134" s="91"/>
      <c r="GW5134" s="91"/>
      <c r="GX5134" s="127"/>
      <c r="GY5134" s="126"/>
      <c r="GZ5134" s="91"/>
      <c r="HA5134" s="91"/>
      <c r="HB5134" s="91"/>
      <c r="HC5134" s="91"/>
      <c r="HD5134" s="91"/>
      <c r="HE5134" s="91"/>
      <c r="HF5134" s="91"/>
      <c r="HG5134" s="91"/>
      <c r="HH5134" s="91"/>
      <c r="HI5134" s="91"/>
      <c r="HJ5134" s="91"/>
      <c r="HK5134" s="127"/>
      <c r="HL5134" s="126"/>
      <c r="HM5134" s="91"/>
      <c r="HN5134" s="91"/>
      <c r="HO5134" s="91"/>
      <c r="HP5134" s="91"/>
      <c r="HQ5134" s="91"/>
      <c r="HR5134" s="91"/>
      <c r="HS5134" s="91"/>
      <c r="HT5134" s="91"/>
      <c r="HU5134" s="91"/>
      <c r="HV5134" s="91"/>
      <c r="HW5134" s="91"/>
      <c r="HX5134" s="127"/>
      <c r="HY5134" s="126"/>
      <c r="HZ5134" s="91"/>
      <c r="IA5134" s="91"/>
      <c r="IB5134" s="91"/>
      <c r="IC5134" s="91"/>
      <c r="ID5134" s="91"/>
      <c r="IE5134" s="91"/>
      <c r="IF5134" s="91"/>
      <c r="IG5134" s="91"/>
      <c r="IH5134" s="91"/>
      <c r="II5134" s="91"/>
      <c r="IJ5134" s="91"/>
      <c r="IK5134" s="174"/>
    </row>
    <row r="5135" spans="2:245" x14ac:dyDescent="0.2">
      <c r="B5135" s="43"/>
      <c r="C5135" s="73"/>
      <c r="D5135" s="64"/>
      <c r="E5135" s="64"/>
      <c r="F5135" s="55"/>
      <c r="G5135" s="102"/>
      <c r="H5135" s="97"/>
      <c r="T5135" s="98"/>
      <c r="U5135" s="97"/>
      <c r="AG5135" s="98"/>
      <c r="AY5135" s="164"/>
      <c r="BK5135" s="98"/>
      <c r="BL5135" s="97"/>
      <c r="BX5135" s="98"/>
      <c r="CL5135" s="97"/>
      <c r="CX5135" s="98"/>
      <c r="DL5135" s="97"/>
      <c r="DX5135" s="98"/>
      <c r="EL5135" s="97"/>
      <c r="EX5135" s="98"/>
      <c r="EY5135" s="97"/>
      <c r="FL5135" s="126"/>
      <c r="FM5135" s="91"/>
      <c r="FN5135" s="91"/>
      <c r="FO5135" s="91"/>
      <c r="FP5135" s="91"/>
      <c r="FQ5135" s="91"/>
      <c r="FR5135" s="91"/>
      <c r="FS5135" s="91"/>
      <c r="FT5135" s="91"/>
      <c r="FU5135" s="91"/>
      <c r="FV5135" s="91"/>
      <c r="FW5135" s="91"/>
      <c r="FX5135" s="127"/>
      <c r="FY5135" s="126"/>
      <c r="FZ5135" s="91"/>
      <c r="GA5135" s="91"/>
      <c r="GB5135" s="91"/>
      <c r="GC5135" s="91"/>
      <c r="GD5135" s="91"/>
      <c r="GE5135" s="91"/>
      <c r="GF5135" s="91"/>
      <c r="GG5135" s="91"/>
      <c r="GH5135" s="91"/>
      <c r="GI5135" s="91"/>
      <c r="GJ5135" s="91"/>
      <c r="GK5135" s="127"/>
      <c r="GL5135" s="126"/>
      <c r="GM5135" s="91"/>
      <c r="GN5135" s="91"/>
      <c r="GO5135" s="91"/>
      <c r="GP5135" s="91"/>
      <c r="GQ5135" s="91"/>
      <c r="GR5135" s="91"/>
      <c r="GS5135" s="91"/>
      <c r="GT5135" s="91"/>
      <c r="GU5135" s="91"/>
      <c r="GV5135" s="91"/>
      <c r="GW5135" s="91"/>
      <c r="GX5135" s="127"/>
      <c r="GY5135" s="126"/>
      <c r="GZ5135" s="91"/>
      <c r="HA5135" s="91"/>
      <c r="HB5135" s="91"/>
      <c r="HC5135" s="91"/>
      <c r="HD5135" s="91"/>
      <c r="HE5135" s="91"/>
      <c r="HF5135" s="91"/>
      <c r="HG5135" s="91"/>
      <c r="HH5135" s="91"/>
      <c r="HI5135" s="91"/>
      <c r="HJ5135" s="91"/>
      <c r="HK5135" s="127"/>
      <c r="HL5135" s="126"/>
      <c r="HM5135" s="91"/>
      <c r="HN5135" s="91"/>
      <c r="HO5135" s="91"/>
      <c r="HP5135" s="91"/>
      <c r="HQ5135" s="91"/>
      <c r="HR5135" s="91"/>
      <c r="HS5135" s="91"/>
      <c r="HT5135" s="91"/>
      <c r="HU5135" s="91"/>
      <c r="HV5135" s="91"/>
      <c r="HW5135" s="91"/>
      <c r="HX5135" s="127"/>
      <c r="HY5135" s="126"/>
      <c r="HZ5135" s="91"/>
      <c r="IA5135" s="91"/>
      <c r="IB5135" s="91"/>
      <c r="IC5135" s="91"/>
      <c r="ID5135" s="91"/>
      <c r="IE5135" s="91"/>
      <c r="IF5135" s="91"/>
      <c r="IG5135" s="91"/>
      <c r="IH5135" s="91"/>
      <c r="II5135" s="91"/>
      <c r="IJ5135" s="91"/>
      <c r="IK5135" s="174"/>
    </row>
    <row r="5136" spans="2:245" x14ac:dyDescent="0.2">
      <c r="B5136" s="43"/>
      <c r="C5136" s="73"/>
      <c r="D5136" s="64"/>
      <c r="E5136" s="64"/>
      <c r="F5136" s="55"/>
      <c r="G5136" s="102"/>
      <c r="H5136" s="97"/>
      <c r="T5136" s="98"/>
      <c r="U5136" s="97"/>
      <c r="AG5136" s="98"/>
      <c r="AY5136" s="164"/>
      <c r="BK5136" s="98"/>
      <c r="BL5136" s="97"/>
      <c r="BX5136" s="98"/>
      <c r="CL5136" s="97"/>
      <c r="CX5136" s="98"/>
      <c r="DL5136" s="97"/>
      <c r="DX5136" s="98"/>
      <c r="EL5136" s="97"/>
      <c r="EX5136" s="98"/>
      <c r="EY5136" s="97"/>
      <c r="FL5136" s="126"/>
      <c r="FM5136" s="91"/>
      <c r="FN5136" s="91"/>
      <c r="FO5136" s="91"/>
      <c r="FP5136" s="91"/>
      <c r="FQ5136" s="91"/>
      <c r="FR5136" s="91"/>
      <c r="FS5136" s="91"/>
      <c r="FT5136" s="91"/>
      <c r="FU5136" s="91"/>
      <c r="FV5136" s="91"/>
      <c r="FW5136" s="91"/>
      <c r="FX5136" s="127"/>
      <c r="FY5136" s="126"/>
      <c r="FZ5136" s="91"/>
      <c r="GA5136" s="91"/>
      <c r="GB5136" s="91"/>
      <c r="GC5136" s="91"/>
      <c r="GD5136" s="91"/>
      <c r="GE5136" s="91"/>
      <c r="GF5136" s="91"/>
      <c r="GG5136" s="91"/>
      <c r="GH5136" s="91"/>
      <c r="GI5136" s="91"/>
      <c r="GJ5136" s="91"/>
      <c r="GK5136" s="127"/>
      <c r="GL5136" s="126"/>
      <c r="GM5136" s="91"/>
      <c r="GN5136" s="91"/>
      <c r="GO5136" s="91"/>
      <c r="GP5136" s="91"/>
      <c r="GQ5136" s="91"/>
      <c r="GR5136" s="91"/>
      <c r="GS5136" s="91"/>
      <c r="GT5136" s="91"/>
      <c r="GU5136" s="91"/>
      <c r="GV5136" s="91"/>
      <c r="GW5136" s="91"/>
      <c r="GX5136" s="127"/>
      <c r="GY5136" s="126"/>
      <c r="GZ5136" s="91"/>
      <c r="HA5136" s="91"/>
      <c r="HB5136" s="91"/>
      <c r="HC5136" s="91"/>
      <c r="HD5136" s="91"/>
      <c r="HE5136" s="91"/>
      <c r="HF5136" s="91"/>
      <c r="HG5136" s="91"/>
      <c r="HH5136" s="91"/>
      <c r="HI5136" s="91"/>
      <c r="HJ5136" s="91"/>
      <c r="HK5136" s="127"/>
      <c r="HL5136" s="126"/>
      <c r="HM5136" s="91"/>
      <c r="HN5136" s="91"/>
      <c r="HO5136" s="91"/>
      <c r="HP5136" s="91"/>
      <c r="HQ5136" s="91"/>
      <c r="HR5136" s="91"/>
      <c r="HS5136" s="91"/>
      <c r="HT5136" s="91"/>
      <c r="HU5136" s="91"/>
      <c r="HV5136" s="91"/>
      <c r="HW5136" s="91"/>
      <c r="HX5136" s="127"/>
      <c r="HY5136" s="126"/>
      <c r="HZ5136" s="91"/>
      <c r="IA5136" s="91"/>
      <c r="IB5136" s="91"/>
      <c r="IC5136" s="91"/>
      <c r="ID5136" s="91"/>
      <c r="IE5136" s="91"/>
      <c r="IF5136" s="91"/>
      <c r="IG5136" s="91"/>
      <c r="IH5136" s="91"/>
      <c r="II5136" s="91"/>
      <c r="IJ5136" s="91"/>
      <c r="IK5136" s="174"/>
    </row>
    <row r="5137" spans="2:245" x14ac:dyDescent="0.2">
      <c r="B5137" s="43"/>
      <c r="C5137" s="73"/>
      <c r="D5137" s="64"/>
      <c r="E5137" s="64"/>
      <c r="F5137" s="55"/>
      <c r="G5137" s="102"/>
      <c r="H5137" s="97"/>
      <c r="T5137" s="98"/>
      <c r="U5137" s="97"/>
      <c r="AG5137" s="98"/>
      <c r="AY5137" s="164"/>
      <c r="BK5137" s="98"/>
      <c r="BL5137" s="97"/>
      <c r="BX5137" s="98"/>
      <c r="CL5137" s="97"/>
      <c r="CX5137" s="98"/>
      <c r="DL5137" s="97"/>
      <c r="DX5137" s="98"/>
      <c r="EL5137" s="97"/>
      <c r="EX5137" s="98"/>
      <c r="EY5137" s="97"/>
      <c r="FL5137" s="126"/>
      <c r="FM5137" s="91"/>
      <c r="FN5137" s="91"/>
      <c r="FO5137" s="91"/>
      <c r="FP5137" s="91"/>
      <c r="FQ5137" s="91"/>
      <c r="FR5137" s="91"/>
      <c r="FS5137" s="91"/>
      <c r="FT5137" s="91"/>
      <c r="FU5137" s="91"/>
      <c r="FV5137" s="91"/>
      <c r="FW5137" s="91"/>
      <c r="FX5137" s="127"/>
      <c r="FY5137" s="126"/>
      <c r="FZ5137" s="91"/>
      <c r="GA5137" s="91"/>
      <c r="GB5137" s="91"/>
      <c r="GC5137" s="91"/>
      <c r="GD5137" s="91"/>
      <c r="GE5137" s="91"/>
      <c r="GF5137" s="91"/>
      <c r="GG5137" s="91"/>
      <c r="GH5137" s="91"/>
      <c r="GI5137" s="91"/>
      <c r="GJ5137" s="91"/>
      <c r="GK5137" s="127"/>
      <c r="GL5137" s="126"/>
      <c r="GM5137" s="91"/>
      <c r="GN5137" s="91"/>
      <c r="GO5137" s="91"/>
      <c r="GP5137" s="91"/>
      <c r="GQ5137" s="91"/>
      <c r="GR5137" s="91"/>
      <c r="GS5137" s="91"/>
      <c r="GT5137" s="91"/>
      <c r="GU5137" s="91"/>
      <c r="GV5137" s="91"/>
      <c r="GW5137" s="91"/>
      <c r="GX5137" s="127"/>
      <c r="GY5137" s="126"/>
      <c r="GZ5137" s="91"/>
      <c r="HA5137" s="91"/>
      <c r="HB5137" s="91"/>
      <c r="HC5137" s="91"/>
      <c r="HD5137" s="91"/>
      <c r="HE5137" s="91"/>
      <c r="HF5137" s="91"/>
      <c r="HG5137" s="91"/>
      <c r="HH5137" s="91"/>
      <c r="HI5137" s="91"/>
      <c r="HJ5137" s="91"/>
      <c r="HK5137" s="127"/>
      <c r="HL5137" s="126"/>
      <c r="HM5137" s="91"/>
      <c r="HN5137" s="91"/>
      <c r="HO5137" s="91"/>
      <c r="HP5137" s="91"/>
      <c r="HQ5137" s="91"/>
      <c r="HR5137" s="91"/>
      <c r="HS5137" s="91"/>
      <c r="HT5137" s="91"/>
      <c r="HU5137" s="91"/>
      <c r="HV5137" s="91"/>
      <c r="HW5137" s="91"/>
      <c r="HX5137" s="127"/>
      <c r="HY5137" s="126"/>
      <c r="HZ5137" s="91"/>
      <c r="IA5137" s="91"/>
      <c r="IB5137" s="91"/>
      <c r="IC5137" s="91"/>
      <c r="ID5137" s="91"/>
      <c r="IE5137" s="91"/>
      <c r="IF5137" s="91"/>
      <c r="IG5137" s="91"/>
      <c r="IH5137" s="91"/>
      <c r="II5137" s="91"/>
      <c r="IJ5137" s="91"/>
      <c r="IK5137" s="174"/>
    </row>
    <row r="5138" spans="2:245" x14ac:dyDescent="0.2">
      <c r="B5138" s="43"/>
      <c r="C5138" s="73"/>
      <c r="D5138" s="64"/>
      <c r="E5138" s="64"/>
      <c r="F5138" s="55"/>
      <c r="G5138" s="102"/>
      <c r="H5138" s="97"/>
      <c r="T5138" s="98"/>
      <c r="U5138" s="97"/>
      <c r="AG5138" s="98"/>
      <c r="AY5138" s="164"/>
      <c r="BK5138" s="98"/>
      <c r="BL5138" s="97"/>
      <c r="BX5138" s="98"/>
      <c r="CL5138" s="97"/>
      <c r="CX5138" s="98"/>
      <c r="DL5138" s="97"/>
      <c r="DX5138" s="98"/>
      <c r="EL5138" s="97"/>
      <c r="EX5138" s="98"/>
      <c r="EY5138" s="97"/>
      <c r="FL5138" s="126"/>
      <c r="FM5138" s="91"/>
      <c r="FN5138" s="91"/>
      <c r="FO5138" s="91"/>
      <c r="FP5138" s="91"/>
      <c r="FQ5138" s="91"/>
      <c r="FR5138" s="91"/>
      <c r="FS5138" s="91"/>
      <c r="FT5138" s="91"/>
      <c r="FU5138" s="91"/>
      <c r="FV5138" s="91"/>
      <c r="FW5138" s="91"/>
      <c r="FX5138" s="127"/>
      <c r="FY5138" s="126"/>
      <c r="FZ5138" s="91"/>
      <c r="GA5138" s="91"/>
      <c r="GB5138" s="91"/>
      <c r="GC5138" s="91"/>
      <c r="GD5138" s="91"/>
      <c r="GE5138" s="91"/>
      <c r="GF5138" s="91"/>
      <c r="GG5138" s="91"/>
      <c r="GH5138" s="91"/>
      <c r="GI5138" s="91"/>
      <c r="GJ5138" s="91"/>
      <c r="GK5138" s="127"/>
      <c r="GL5138" s="126"/>
      <c r="GM5138" s="91"/>
      <c r="GN5138" s="91"/>
      <c r="GO5138" s="91"/>
      <c r="GP5138" s="91"/>
      <c r="GQ5138" s="91"/>
      <c r="GR5138" s="91"/>
      <c r="GS5138" s="91"/>
      <c r="GT5138" s="91"/>
      <c r="GU5138" s="91"/>
      <c r="GV5138" s="91"/>
      <c r="GW5138" s="91"/>
      <c r="GX5138" s="127"/>
      <c r="GY5138" s="126"/>
      <c r="GZ5138" s="91"/>
      <c r="HA5138" s="91"/>
      <c r="HB5138" s="91"/>
      <c r="HC5138" s="91"/>
      <c r="HD5138" s="91"/>
      <c r="HE5138" s="91"/>
      <c r="HF5138" s="91"/>
      <c r="HG5138" s="91"/>
      <c r="HH5138" s="91"/>
      <c r="HI5138" s="91"/>
      <c r="HJ5138" s="91"/>
      <c r="HK5138" s="127"/>
      <c r="HL5138" s="126"/>
      <c r="HM5138" s="91"/>
      <c r="HN5138" s="91"/>
      <c r="HO5138" s="91"/>
      <c r="HP5138" s="91"/>
      <c r="HQ5138" s="91"/>
      <c r="HR5138" s="91"/>
      <c r="HS5138" s="91"/>
      <c r="HT5138" s="91"/>
      <c r="HU5138" s="91"/>
      <c r="HV5138" s="91"/>
      <c r="HW5138" s="91"/>
      <c r="HX5138" s="127"/>
      <c r="HY5138" s="126"/>
      <c r="HZ5138" s="91"/>
      <c r="IA5138" s="91"/>
      <c r="IB5138" s="91"/>
      <c r="IC5138" s="91"/>
      <c r="ID5138" s="91"/>
      <c r="IE5138" s="91"/>
      <c r="IF5138" s="91"/>
      <c r="IG5138" s="91"/>
      <c r="IH5138" s="91"/>
      <c r="II5138" s="91"/>
      <c r="IJ5138" s="91"/>
      <c r="IK5138" s="174"/>
    </row>
    <row r="5139" spans="2:245" x14ac:dyDescent="0.2">
      <c r="B5139" s="43"/>
      <c r="C5139" s="73"/>
      <c r="D5139" s="64"/>
      <c r="E5139" s="64"/>
      <c r="F5139" s="55"/>
      <c r="G5139" s="102"/>
      <c r="H5139" s="97"/>
      <c r="T5139" s="98"/>
      <c r="U5139" s="97"/>
      <c r="AG5139" s="98"/>
      <c r="AY5139" s="164"/>
      <c r="BK5139" s="98"/>
      <c r="BL5139" s="97"/>
      <c r="BX5139" s="98"/>
      <c r="CL5139" s="97"/>
      <c r="CX5139" s="98"/>
      <c r="DL5139" s="97"/>
      <c r="DX5139" s="98"/>
      <c r="EL5139" s="97"/>
      <c r="EX5139" s="98"/>
      <c r="EY5139" s="97"/>
      <c r="FL5139" s="126"/>
      <c r="FM5139" s="91"/>
      <c r="FN5139" s="91"/>
      <c r="FO5139" s="91"/>
      <c r="FP5139" s="91"/>
      <c r="FQ5139" s="91"/>
      <c r="FR5139" s="91"/>
      <c r="FS5139" s="91"/>
      <c r="FT5139" s="91"/>
      <c r="FU5139" s="91"/>
      <c r="FV5139" s="91"/>
      <c r="FW5139" s="91"/>
      <c r="FX5139" s="127"/>
      <c r="FY5139" s="126"/>
      <c r="FZ5139" s="91"/>
      <c r="GA5139" s="91"/>
      <c r="GB5139" s="91"/>
      <c r="GC5139" s="91"/>
      <c r="GD5139" s="91"/>
      <c r="GE5139" s="91"/>
      <c r="GF5139" s="91"/>
      <c r="GG5139" s="91"/>
      <c r="GH5139" s="91"/>
      <c r="GI5139" s="91"/>
      <c r="GJ5139" s="91"/>
      <c r="GK5139" s="127"/>
      <c r="GL5139" s="126"/>
      <c r="GM5139" s="91"/>
      <c r="GN5139" s="91"/>
      <c r="GO5139" s="91"/>
      <c r="GP5139" s="91"/>
      <c r="GQ5139" s="91"/>
      <c r="GR5139" s="91"/>
      <c r="GS5139" s="91"/>
      <c r="GT5139" s="91"/>
      <c r="GU5139" s="91"/>
      <c r="GV5139" s="91"/>
      <c r="GW5139" s="91"/>
      <c r="GX5139" s="127"/>
      <c r="GY5139" s="126"/>
      <c r="GZ5139" s="91"/>
      <c r="HA5139" s="91"/>
      <c r="HB5139" s="91"/>
      <c r="HC5139" s="91"/>
      <c r="HD5139" s="91"/>
      <c r="HE5139" s="91"/>
      <c r="HF5139" s="91"/>
      <c r="HG5139" s="91"/>
      <c r="HH5139" s="91"/>
      <c r="HI5139" s="91"/>
      <c r="HJ5139" s="91"/>
      <c r="HK5139" s="127"/>
      <c r="HL5139" s="126"/>
      <c r="HM5139" s="91"/>
      <c r="HN5139" s="91"/>
      <c r="HO5139" s="91"/>
      <c r="HP5139" s="91"/>
      <c r="HQ5139" s="91"/>
      <c r="HR5139" s="91"/>
      <c r="HS5139" s="91"/>
      <c r="HT5139" s="91"/>
      <c r="HU5139" s="91"/>
      <c r="HV5139" s="91"/>
      <c r="HW5139" s="91"/>
      <c r="HX5139" s="127"/>
      <c r="HY5139" s="126"/>
      <c r="HZ5139" s="91"/>
      <c r="IA5139" s="91"/>
      <c r="IB5139" s="91"/>
      <c r="IC5139" s="91"/>
      <c r="ID5139" s="91"/>
      <c r="IE5139" s="91"/>
      <c r="IF5139" s="91"/>
      <c r="IG5139" s="91"/>
      <c r="IH5139" s="91"/>
      <c r="II5139" s="91"/>
      <c r="IJ5139" s="91"/>
      <c r="IK5139" s="174"/>
    </row>
    <row r="5140" spans="2:245" x14ac:dyDescent="0.2">
      <c r="B5140" s="43"/>
      <c r="C5140" s="73"/>
      <c r="D5140" s="64"/>
      <c r="E5140" s="64"/>
      <c r="F5140" s="55"/>
      <c r="G5140" s="102"/>
      <c r="H5140" s="97"/>
      <c r="T5140" s="98"/>
      <c r="U5140" s="97"/>
      <c r="AG5140" s="98"/>
      <c r="AY5140" s="164"/>
      <c r="BK5140" s="98"/>
      <c r="BL5140" s="97"/>
      <c r="BX5140" s="98"/>
      <c r="CL5140" s="97"/>
      <c r="CX5140" s="98"/>
      <c r="DL5140" s="97"/>
      <c r="DX5140" s="98"/>
      <c r="EL5140" s="97"/>
      <c r="EX5140" s="98"/>
      <c r="EY5140" s="97"/>
      <c r="FL5140" s="126"/>
      <c r="FM5140" s="91"/>
      <c r="FN5140" s="91"/>
      <c r="FO5140" s="91"/>
      <c r="FP5140" s="91"/>
      <c r="FQ5140" s="91"/>
      <c r="FR5140" s="91"/>
      <c r="FS5140" s="91"/>
      <c r="FT5140" s="91"/>
      <c r="FU5140" s="91"/>
      <c r="FV5140" s="91"/>
      <c r="FW5140" s="91"/>
      <c r="FX5140" s="127"/>
      <c r="FY5140" s="126"/>
      <c r="FZ5140" s="91"/>
      <c r="GA5140" s="91"/>
      <c r="GB5140" s="91"/>
      <c r="GC5140" s="91"/>
      <c r="GD5140" s="91"/>
      <c r="GE5140" s="91"/>
      <c r="GF5140" s="91"/>
      <c r="GG5140" s="91"/>
      <c r="GH5140" s="91"/>
      <c r="GI5140" s="91"/>
      <c r="GJ5140" s="91"/>
      <c r="GK5140" s="127"/>
      <c r="GL5140" s="126"/>
      <c r="GM5140" s="91"/>
      <c r="GN5140" s="91"/>
      <c r="GO5140" s="91"/>
      <c r="GP5140" s="91"/>
      <c r="GQ5140" s="91"/>
      <c r="GR5140" s="91"/>
      <c r="GS5140" s="91"/>
      <c r="GT5140" s="91"/>
      <c r="GU5140" s="91"/>
      <c r="GV5140" s="91"/>
      <c r="GW5140" s="91"/>
      <c r="GX5140" s="127"/>
      <c r="GY5140" s="126"/>
      <c r="GZ5140" s="91"/>
      <c r="HA5140" s="91"/>
      <c r="HB5140" s="91"/>
      <c r="HC5140" s="91"/>
      <c r="HD5140" s="91"/>
      <c r="HE5140" s="91"/>
      <c r="HF5140" s="91"/>
      <c r="HG5140" s="91"/>
      <c r="HH5140" s="91"/>
      <c r="HI5140" s="91"/>
      <c r="HJ5140" s="91"/>
      <c r="HK5140" s="127"/>
      <c r="HL5140" s="126"/>
      <c r="HM5140" s="91"/>
      <c r="HN5140" s="91"/>
      <c r="HO5140" s="91"/>
      <c r="HP5140" s="91"/>
      <c r="HQ5140" s="91"/>
      <c r="HR5140" s="91"/>
      <c r="HS5140" s="91"/>
      <c r="HT5140" s="91"/>
      <c r="HU5140" s="91"/>
      <c r="HV5140" s="91"/>
      <c r="HW5140" s="91"/>
      <c r="HX5140" s="127"/>
      <c r="HY5140" s="126"/>
      <c r="HZ5140" s="91"/>
      <c r="IA5140" s="91"/>
      <c r="IB5140" s="91"/>
      <c r="IC5140" s="91"/>
      <c r="ID5140" s="91"/>
      <c r="IE5140" s="91"/>
      <c r="IF5140" s="91"/>
      <c r="IG5140" s="91"/>
      <c r="IH5140" s="91"/>
      <c r="II5140" s="91"/>
      <c r="IJ5140" s="91"/>
      <c r="IK5140" s="174"/>
    </row>
    <row r="5141" spans="2:245" x14ac:dyDescent="0.2">
      <c r="B5141" s="43"/>
      <c r="C5141" s="73"/>
      <c r="D5141" s="64"/>
      <c r="E5141" s="64"/>
      <c r="F5141" s="55"/>
      <c r="G5141" s="102"/>
      <c r="H5141" s="97"/>
      <c r="T5141" s="98"/>
      <c r="U5141" s="97"/>
      <c r="AG5141" s="98"/>
      <c r="AY5141" s="164"/>
      <c r="BK5141" s="98"/>
      <c r="BL5141" s="97"/>
      <c r="BX5141" s="98"/>
      <c r="CL5141" s="97"/>
      <c r="CX5141" s="98"/>
      <c r="DL5141" s="97"/>
      <c r="DX5141" s="98"/>
      <c r="EL5141" s="97"/>
      <c r="EX5141" s="98"/>
      <c r="EY5141" s="97"/>
      <c r="FL5141" s="126"/>
      <c r="FM5141" s="91"/>
      <c r="FN5141" s="91"/>
      <c r="FO5141" s="91"/>
      <c r="FP5141" s="91"/>
      <c r="FQ5141" s="91"/>
      <c r="FR5141" s="91"/>
      <c r="FS5141" s="91"/>
      <c r="FT5141" s="91"/>
      <c r="FU5141" s="91"/>
      <c r="FV5141" s="91"/>
      <c r="FW5141" s="91"/>
      <c r="FX5141" s="127"/>
      <c r="FY5141" s="126"/>
      <c r="FZ5141" s="91"/>
      <c r="GA5141" s="91"/>
      <c r="GB5141" s="91"/>
      <c r="GC5141" s="91"/>
      <c r="GD5141" s="91"/>
      <c r="GE5141" s="91"/>
      <c r="GF5141" s="91"/>
      <c r="GG5141" s="91"/>
      <c r="GH5141" s="91"/>
      <c r="GI5141" s="91"/>
      <c r="GJ5141" s="91"/>
      <c r="GK5141" s="127"/>
      <c r="GL5141" s="126"/>
      <c r="GM5141" s="91"/>
      <c r="GN5141" s="91"/>
      <c r="GO5141" s="91"/>
      <c r="GP5141" s="91"/>
      <c r="GQ5141" s="91"/>
      <c r="GR5141" s="91"/>
      <c r="GS5141" s="91"/>
      <c r="GT5141" s="91"/>
      <c r="GU5141" s="91"/>
      <c r="GV5141" s="91"/>
      <c r="GW5141" s="91"/>
      <c r="GX5141" s="127"/>
      <c r="GY5141" s="126"/>
      <c r="GZ5141" s="91"/>
      <c r="HA5141" s="91"/>
      <c r="HB5141" s="91"/>
      <c r="HC5141" s="91"/>
      <c r="HD5141" s="91"/>
      <c r="HE5141" s="91"/>
      <c r="HF5141" s="91"/>
      <c r="HG5141" s="91"/>
      <c r="HH5141" s="91"/>
      <c r="HI5141" s="91"/>
      <c r="HJ5141" s="91"/>
      <c r="HK5141" s="127"/>
      <c r="HL5141" s="126"/>
      <c r="HM5141" s="91"/>
      <c r="HN5141" s="91"/>
      <c r="HO5141" s="91"/>
      <c r="HP5141" s="91"/>
      <c r="HQ5141" s="91"/>
      <c r="HR5141" s="91"/>
      <c r="HS5141" s="91"/>
      <c r="HT5141" s="91"/>
      <c r="HU5141" s="91"/>
      <c r="HV5141" s="91"/>
      <c r="HW5141" s="91"/>
      <c r="HX5141" s="127"/>
      <c r="HY5141" s="126"/>
      <c r="HZ5141" s="91"/>
      <c r="IA5141" s="91"/>
      <c r="IB5141" s="91"/>
      <c r="IC5141" s="91"/>
      <c r="ID5141" s="91"/>
      <c r="IE5141" s="91"/>
      <c r="IF5141" s="91"/>
      <c r="IG5141" s="91"/>
      <c r="IH5141" s="91"/>
      <c r="II5141" s="91"/>
      <c r="IJ5141" s="91"/>
      <c r="IK5141" s="174"/>
    </row>
    <row r="5142" spans="2:245" x14ac:dyDescent="0.2">
      <c r="B5142" s="43"/>
      <c r="C5142" s="73"/>
      <c r="D5142" s="64"/>
      <c r="E5142" s="64"/>
      <c r="F5142" s="55"/>
      <c r="G5142" s="102"/>
      <c r="H5142" s="97"/>
      <c r="T5142" s="98"/>
      <c r="U5142" s="97"/>
      <c r="AG5142" s="98"/>
      <c r="AY5142" s="164"/>
      <c r="BK5142" s="98"/>
      <c r="BL5142" s="97"/>
      <c r="BX5142" s="98"/>
      <c r="CL5142" s="97"/>
      <c r="CX5142" s="98"/>
      <c r="DL5142" s="97"/>
      <c r="DX5142" s="98"/>
      <c r="EL5142" s="97"/>
      <c r="EX5142" s="98"/>
      <c r="EY5142" s="97"/>
      <c r="FL5142" s="126"/>
      <c r="FM5142" s="91"/>
      <c r="FN5142" s="91"/>
      <c r="FO5142" s="91"/>
      <c r="FP5142" s="91"/>
      <c r="FQ5142" s="91"/>
      <c r="FR5142" s="91"/>
      <c r="FS5142" s="91"/>
      <c r="FT5142" s="91"/>
      <c r="FU5142" s="91"/>
      <c r="FV5142" s="91"/>
      <c r="FW5142" s="91"/>
      <c r="FX5142" s="127"/>
      <c r="FY5142" s="126"/>
      <c r="FZ5142" s="91"/>
      <c r="GA5142" s="91"/>
      <c r="GB5142" s="91"/>
      <c r="GC5142" s="91"/>
      <c r="GD5142" s="91"/>
      <c r="GE5142" s="91"/>
      <c r="GF5142" s="91"/>
      <c r="GG5142" s="91"/>
      <c r="GH5142" s="91"/>
      <c r="GI5142" s="91"/>
      <c r="GJ5142" s="91"/>
      <c r="GK5142" s="127"/>
      <c r="GL5142" s="126"/>
      <c r="GM5142" s="91"/>
      <c r="GN5142" s="91"/>
      <c r="GO5142" s="91"/>
      <c r="GP5142" s="91"/>
      <c r="GQ5142" s="91"/>
      <c r="GR5142" s="91"/>
      <c r="GS5142" s="91"/>
      <c r="GT5142" s="91"/>
      <c r="GU5142" s="91"/>
      <c r="GV5142" s="91"/>
      <c r="GW5142" s="91"/>
      <c r="GX5142" s="127"/>
      <c r="GY5142" s="126"/>
      <c r="GZ5142" s="91"/>
      <c r="HA5142" s="91"/>
      <c r="HB5142" s="91"/>
      <c r="HC5142" s="91"/>
      <c r="HD5142" s="91"/>
      <c r="HE5142" s="91"/>
      <c r="HF5142" s="91"/>
      <c r="HG5142" s="91"/>
      <c r="HH5142" s="91"/>
      <c r="HI5142" s="91"/>
      <c r="HJ5142" s="91"/>
      <c r="HK5142" s="127"/>
      <c r="HL5142" s="126"/>
      <c r="HM5142" s="91"/>
      <c r="HN5142" s="91"/>
      <c r="HO5142" s="91"/>
      <c r="HP5142" s="91"/>
      <c r="HQ5142" s="91"/>
      <c r="HR5142" s="91"/>
      <c r="HS5142" s="91"/>
      <c r="HT5142" s="91"/>
      <c r="HU5142" s="91"/>
      <c r="HV5142" s="91"/>
      <c r="HW5142" s="91"/>
      <c r="HX5142" s="127"/>
      <c r="HY5142" s="126"/>
      <c r="HZ5142" s="91"/>
      <c r="IA5142" s="91"/>
      <c r="IB5142" s="91"/>
      <c r="IC5142" s="91"/>
      <c r="ID5142" s="91"/>
      <c r="IE5142" s="91"/>
      <c r="IF5142" s="91"/>
      <c r="IG5142" s="91"/>
      <c r="IH5142" s="91"/>
      <c r="II5142" s="91"/>
      <c r="IJ5142" s="91"/>
      <c r="IK5142" s="174"/>
    </row>
    <row r="5143" spans="2:245" x14ac:dyDescent="0.2">
      <c r="B5143" s="43"/>
      <c r="C5143" s="73"/>
      <c r="D5143" s="64"/>
      <c r="E5143" s="64"/>
      <c r="F5143" s="55"/>
      <c r="G5143" s="102"/>
      <c r="H5143" s="97"/>
      <c r="T5143" s="98"/>
      <c r="U5143" s="97"/>
      <c r="AG5143" s="98"/>
      <c r="AY5143" s="164"/>
      <c r="BK5143" s="98"/>
      <c r="BL5143" s="97"/>
      <c r="BX5143" s="98"/>
      <c r="CL5143" s="97"/>
      <c r="CX5143" s="98"/>
      <c r="DL5143" s="97"/>
      <c r="DX5143" s="98"/>
      <c r="EL5143" s="97"/>
      <c r="EX5143" s="98"/>
      <c r="EY5143" s="97"/>
      <c r="FL5143" s="126"/>
      <c r="FM5143" s="91"/>
      <c r="FN5143" s="91"/>
      <c r="FO5143" s="91"/>
      <c r="FP5143" s="91"/>
      <c r="FQ5143" s="91"/>
      <c r="FR5143" s="91"/>
      <c r="FS5143" s="91"/>
      <c r="FT5143" s="91"/>
      <c r="FU5143" s="91"/>
      <c r="FV5143" s="91"/>
      <c r="FW5143" s="91"/>
      <c r="FX5143" s="127"/>
      <c r="FY5143" s="126"/>
      <c r="FZ5143" s="91"/>
      <c r="GA5143" s="91"/>
      <c r="GB5143" s="91"/>
      <c r="GC5143" s="91"/>
      <c r="GD5143" s="91"/>
      <c r="GE5143" s="91"/>
      <c r="GF5143" s="91"/>
      <c r="GG5143" s="91"/>
      <c r="GH5143" s="91"/>
      <c r="GI5143" s="91"/>
      <c r="GJ5143" s="91"/>
      <c r="GK5143" s="127"/>
      <c r="GL5143" s="126"/>
      <c r="GM5143" s="91"/>
      <c r="GN5143" s="91"/>
      <c r="GO5143" s="91"/>
      <c r="GP5143" s="91"/>
      <c r="GQ5143" s="91"/>
      <c r="GR5143" s="91"/>
      <c r="GS5143" s="91"/>
      <c r="GT5143" s="91"/>
      <c r="GU5143" s="91"/>
      <c r="GV5143" s="91"/>
      <c r="GW5143" s="91"/>
      <c r="GX5143" s="127"/>
      <c r="GY5143" s="126"/>
      <c r="GZ5143" s="91"/>
      <c r="HA5143" s="91"/>
      <c r="HB5143" s="91"/>
      <c r="HC5143" s="91"/>
      <c r="HD5143" s="91"/>
      <c r="HE5143" s="91"/>
      <c r="HF5143" s="91"/>
      <c r="HG5143" s="91"/>
      <c r="HH5143" s="91"/>
      <c r="HI5143" s="91"/>
      <c r="HJ5143" s="91"/>
      <c r="HK5143" s="127"/>
      <c r="HL5143" s="126"/>
      <c r="HM5143" s="91"/>
      <c r="HN5143" s="91"/>
      <c r="HO5143" s="91"/>
      <c r="HP5143" s="91"/>
      <c r="HQ5143" s="91"/>
      <c r="HR5143" s="91"/>
      <c r="HS5143" s="91"/>
      <c r="HT5143" s="91"/>
      <c r="HU5143" s="91"/>
      <c r="HV5143" s="91"/>
      <c r="HW5143" s="91"/>
      <c r="HX5143" s="127"/>
      <c r="HY5143" s="126"/>
      <c r="HZ5143" s="91"/>
      <c r="IA5143" s="91"/>
      <c r="IB5143" s="91"/>
      <c r="IC5143" s="91"/>
      <c r="ID5143" s="91"/>
      <c r="IE5143" s="91"/>
      <c r="IF5143" s="91"/>
      <c r="IG5143" s="91"/>
      <c r="IH5143" s="91"/>
      <c r="II5143" s="91"/>
      <c r="IJ5143" s="91"/>
      <c r="IK5143" s="174"/>
    </row>
    <row r="5144" spans="2:245" x14ac:dyDescent="0.2">
      <c r="B5144" s="43"/>
      <c r="C5144" s="73"/>
      <c r="D5144" s="64"/>
      <c r="E5144" s="64"/>
      <c r="F5144" s="55"/>
      <c r="G5144" s="102"/>
      <c r="H5144" s="97"/>
      <c r="T5144" s="98"/>
      <c r="U5144" s="97"/>
      <c r="AG5144" s="98"/>
      <c r="AY5144" s="164"/>
      <c r="BK5144" s="98"/>
      <c r="BL5144" s="97"/>
      <c r="BX5144" s="98"/>
      <c r="CL5144" s="97"/>
      <c r="CX5144" s="98"/>
      <c r="DL5144" s="97"/>
      <c r="DX5144" s="98"/>
      <c r="EL5144" s="97"/>
      <c r="EX5144" s="98"/>
      <c r="EY5144" s="97"/>
      <c r="FL5144" s="126"/>
      <c r="FM5144" s="91"/>
      <c r="FN5144" s="91"/>
      <c r="FO5144" s="91"/>
      <c r="FP5144" s="91"/>
      <c r="FQ5144" s="91"/>
      <c r="FR5144" s="91"/>
      <c r="FS5144" s="91"/>
      <c r="FT5144" s="91"/>
      <c r="FU5144" s="91"/>
      <c r="FV5144" s="91"/>
      <c r="FW5144" s="91"/>
      <c r="FX5144" s="127"/>
      <c r="FY5144" s="126"/>
      <c r="FZ5144" s="91"/>
      <c r="GA5144" s="91"/>
      <c r="GB5144" s="91"/>
      <c r="GC5144" s="91"/>
      <c r="GD5144" s="91"/>
      <c r="GE5144" s="91"/>
      <c r="GF5144" s="91"/>
      <c r="GG5144" s="91"/>
      <c r="GH5144" s="91"/>
      <c r="GI5144" s="91"/>
      <c r="GJ5144" s="91"/>
      <c r="GK5144" s="127"/>
      <c r="GL5144" s="126"/>
      <c r="GM5144" s="91"/>
      <c r="GN5144" s="91"/>
      <c r="GO5144" s="91"/>
      <c r="GP5144" s="91"/>
      <c r="GQ5144" s="91"/>
      <c r="GR5144" s="91"/>
      <c r="GS5144" s="91"/>
      <c r="GT5144" s="91"/>
      <c r="GU5144" s="91"/>
      <c r="GV5144" s="91"/>
      <c r="GW5144" s="91"/>
      <c r="GX5144" s="127"/>
      <c r="GY5144" s="126"/>
      <c r="GZ5144" s="91"/>
      <c r="HA5144" s="91"/>
      <c r="HB5144" s="91"/>
      <c r="HC5144" s="91"/>
      <c r="HD5144" s="91"/>
      <c r="HE5144" s="91"/>
      <c r="HF5144" s="91"/>
      <c r="HG5144" s="91"/>
      <c r="HH5144" s="91"/>
      <c r="HI5144" s="91"/>
      <c r="HJ5144" s="91"/>
      <c r="HK5144" s="127"/>
      <c r="HL5144" s="126"/>
      <c r="HM5144" s="91"/>
      <c r="HN5144" s="91"/>
      <c r="HO5144" s="91"/>
      <c r="HP5144" s="91"/>
      <c r="HQ5144" s="91"/>
      <c r="HR5144" s="91"/>
      <c r="HS5144" s="91"/>
      <c r="HT5144" s="91"/>
      <c r="HU5144" s="91"/>
      <c r="HV5144" s="91"/>
      <c r="HW5144" s="91"/>
      <c r="HX5144" s="127"/>
      <c r="HY5144" s="126"/>
      <c r="HZ5144" s="91"/>
      <c r="IA5144" s="91"/>
      <c r="IB5144" s="91"/>
      <c r="IC5144" s="91"/>
      <c r="ID5144" s="91"/>
      <c r="IE5144" s="91"/>
      <c r="IF5144" s="91"/>
      <c r="IG5144" s="91"/>
      <c r="IH5144" s="91"/>
      <c r="II5144" s="91"/>
      <c r="IJ5144" s="91"/>
      <c r="IK5144" s="174"/>
    </row>
    <row r="5145" spans="2:245" x14ac:dyDescent="0.2">
      <c r="B5145" s="43"/>
      <c r="C5145" s="73"/>
      <c r="D5145" s="64"/>
      <c r="E5145" s="64"/>
      <c r="F5145" s="55"/>
      <c r="G5145" s="102"/>
      <c r="H5145" s="97"/>
      <c r="T5145" s="98"/>
      <c r="U5145" s="97"/>
      <c r="AG5145" s="98"/>
      <c r="AY5145" s="164"/>
      <c r="BK5145" s="98"/>
      <c r="BL5145" s="97"/>
      <c r="BX5145" s="98"/>
      <c r="CL5145" s="97"/>
      <c r="CX5145" s="98"/>
      <c r="DL5145" s="97"/>
      <c r="DX5145" s="98"/>
      <c r="EL5145" s="97"/>
      <c r="EX5145" s="98"/>
      <c r="EY5145" s="97"/>
      <c r="FL5145" s="126"/>
      <c r="FM5145" s="91"/>
      <c r="FN5145" s="91"/>
      <c r="FO5145" s="91"/>
      <c r="FP5145" s="91"/>
      <c r="FQ5145" s="91"/>
      <c r="FR5145" s="91"/>
      <c r="FS5145" s="91"/>
      <c r="FT5145" s="91"/>
      <c r="FU5145" s="91"/>
      <c r="FV5145" s="91"/>
      <c r="FW5145" s="91"/>
      <c r="FX5145" s="127"/>
      <c r="FY5145" s="126"/>
      <c r="FZ5145" s="91"/>
      <c r="GA5145" s="91"/>
      <c r="GB5145" s="91"/>
      <c r="GC5145" s="91"/>
      <c r="GD5145" s="91"/>
      <c r="GE5145" s="91"/>
      <c r="GF5145" s="91"/>
      <c r="GG5145" s="91"/>
      <c r="GH5145" s="91"/>
      <c r="GI5145" s="91"/>
      <c r="GJ5145" s="91"/>
      <c r="GK5145" s="127"/>
      <c r="GL5145" s="126"/>
      <c r="GM5145" s="91"/>
      <c r="GN5145" s="91"/>
      <c r="GO5145" s="91"/>
      <c r="GP5145" s="91"/>
      <c r="GQ5145" s="91"/>
      <c r="GR5145" s="91"/>
      <c r="GS5145" s="91"/>
      <c r="GT5145" s="91"/>
      <c r="GU5145" s="91"/>
      <c r="GV5145" s="91"/>
      <c r="GW5145" s="91"/>
      <c r="GX5145" s="127"/>
      <c r="GY5145" s="126"/>
      <c r="GZ5145" s="91"/>
      <c r="HA5145" s="91"/>
      <c r="HB5145" s="91"/>
      <c r="HC5145" s="91"/>
      <c r="HD5145" s="91"/>
      <c r="HE5145" s="91"/>
      <c r="HF5145" s="91"/>
      <c r="HG5145" s="91"/>
      <c r="HH5145" s="91"/>
      <c r="HI5145" s="91"/>
      <c r="HJ5145" s="91"/>
      <c r="HK5145" s="127"/>
      <c r="HL5145" s="126"/>
      <c r="HM5145" s="91"/>
      <c r="HN5145" s="91"/>
      <c r="HO5145" s="91"/>
      <c r="HP5145" s="91"/>
      <c r="HQ5145" s="91"/>
      <c r="HR5145" s="91"/>
      <c r="HS5145" s="91"/>
      <c r="HT5145" s="91"/>
      <c r="HU5145" s="91"/>
      <c r="HV5145" s="91"/>
      <c r="HW5145" s="91"/>
      <c r="HX5145" s="127"/>
      <c r="HY5145" s="126"/>
      <c r="HZ5145" s="91"/>
      <c r="IA5145" s="91"/>
      <c r="IB5145" s="91"/>
      <c r="IC5145" s="91"/>
      <c r="ID5145" s="91"/>
      <c r="IE5145" s="91"/>
      <c r="IF5145" s="91"/>
      <c r="IG5145" s="91"/>
      <c r="IH5145" s="91"/>
      <c r="II5145" s="91"/>
      <c r="IJ5145" s="91"/>
      <c r="IK5145" s="174"/>
    </row>
    <row r="5146" spans="2:245" x14ac:dyDescent="0.2">
      <c r="B5146" s="43"/>
      <c r="C5146" s="73"/>
      <c r="D5146" s="64"/>
      <c r="E5146" s="64"/>
      <c r="F5146" s="55"/>
      <c r="G5146" s="102"/>
      <c r="H5146" s="97"/>
      <c r="T5146" s="98"/>
      <c r="U5146" s="97"/>
      <c r="AG5146" s="98"/>
      <c r="AY5146" s="164"/>
      <c r="BK5146" s="98"/>
      <c r="BL5146" s="97"/>
      <c r="BX5146" s="98"/>
      <c r="CL5146" s="97"/>
      <c r="CX5146" s="98"/>
      <c r="DL5146" s="97"/>
      <c r="DX5146" s="98"/>
      <c r="EL5146" s="97"/>
      <c r="EX5146" s="98"/>
      <c r="EY5146" s="97"/>
      <c r="FL5146" s="126"/>
      <c r="FM5146" s="91"/>
      <c r="FN5146" s="91"/>
      <c r="FO5146" s="91"/>
      <c r="FP5146" s="91"/>
      <c r="FQ5146" s="91"/>
      <c r="FR5146" s="91"/>
      <c r="FS5146" s="91"/>
      <c r="FT5146" s="91"/>
      <c r="FU5146" s="91"/>
      <c r="FV5146" s="91"/>
      <c r="FW5146" s="91"/>
      <c r="FX5146" s="127"/>
      <c r="FY5146" s="126"/>
      <c r="FZ5146" s="91"/>
      <c r="GA5146" s="91"/>
      <c r="GB5146" s="91"/>
      <c r="GC5146" s="91"/>
      <c r="GD5146" s="91"/>
      <c r="GE5146" s="91"/>
      <c r="GF5146" s="91"/>
      <c r="GG5146" s="91"/>
      <c r="GH5146" s="91"/>
      <c r="GI5146" s="91"/>
      <c r="GJ5146" s="91"/>
      <c r="GK5146" s="127"/>
      <c r="GL5146" s="126"/>
      <c r="GM5146" s="91"/>
      <c r="GN5146" s="91"/>
      <c r="GO5146" s="91"/>
      <c r="GP5146" s="91"/>
      <c r="GQ5146" s="91"/>
      <c r="GR5146" s="91"/>
      <c r="GS5146" s="91"/>
      <c r="GT5146" s="91"/>
      <c r="GU5146" s="91"/>
      <c r="GV5146" s="91"/>
      <c r="GW5146" s="91"/>
      <c r="GX5146" s="127"/>
      <c r="GY5146" s="126"/>
      <c r="GZ5146" s="91"/>
      <c r="HA5146" s="91"/>
      <c r="HB5146" s="91"/>
      <c r="HC5146" s="91"/>
      <c r="HD5146" s="91"/>
      <c r="HE5146" s="91"/>
      <c r="HF5146" s="91"/>
      <c r="HG5146" s="91"/>
      <c r="HH5146" s="91"/>
      <c r="HI5146" s="91"/>
      <c r="HJ5146" s="91"/>
      <c r="HK5146" s="127"/>
      <c r="HL5146" s="126"/>
      <c r="HM5146" s="91"/>
      <c r="HN5146" s="91"/>
      <c r="HO5146" s="91"/>
      <c r="HP5146" s="91"/>
      <c r="HQ5146" s="91"/>
      <c r="HR5146" s="91"/>
      <c r="HS5146" s="91"/>
      <c r="HT5146" s="91"/>
      <c r="HU5146" s="91"/>
      <c r="HV5146" s="91"/>
      <c r="HW5146" s="91"/>
      <c r="HX5146" s="127"/>
      <c r="HY5146" s="126"/>
      <c r="HZ5146" s="91"/>
      <c r="IA5146" s="91"/>
      <c r="IB5146" s="91"/>
      <c r="IC5146" s="91"/>
      <c r="ID5146" s="91"/>
      <c r="IE5146" s="91"/>
      <c r="IF5146" s="91"/>
      <c r="IG5146" s="91"/>
      <c r="IH5146" s="91"/>
      <c r="II5146" s="91"/>
      <c r="IJ5146" s="91"/>
      <c r="IK5146" s="174"/>
    </row>
    <row r="5147" spans="2:245" x14ac:dyDescent="0.2">
      <c r="B5147" s="43"/>
      <c r="C5147" s="73"/>
      <c r="D5147" s="64"/>
      <c r="E5147" s="64"/>
      <c r="F5147" s="55"/>
      <c r="G5147" s="102"/>
      <c r="H5147" s="97"/>
      <c r="T5147" s="98"/>
      <c r="U5147" s="97"/>
      <c r="AG5147" s="98"/>
      <c r="AY5147" s="164"/>
      <c r="BK5147" s="98"/>
      <c r="BL5147" s="97"/>
      <c r="BX5147" s="98"/>
      <c r="CL5147" s="97"/>
      <c r="CX5147" s="98"/>
      <c r="DL5147" s="97"/>
      <c r="DX5147" s="98"/>
      <c r="EL5147" s="97"/>
      <c r="EX5147" s="98"/>
      <c r="EY5147" s="97"/>
      <c r="FL5147" s="126"/>
      <c r="FM5147" s="91"/>
      <c r="FN5147" s="91"/>
      <c r="FO5147" s="91"/>
      <c r="FP5147" s="91"/>
      <c r="FQ5147" s="91"/>
      <c r="FR5147" s="91"/>
      <c r="FS5147" s="91"/>
      <c r="FT5147" s="91"/>
      <c r="FU5147" s="91"/>
      <c r="FV5147" s="91"/>
      <c r="FW5147" s="91"/>
      <c r="FX5147" s="127"/>
      <c r="FY5147" s="126"/>
      <c r="FZ5147" s="91"/>
      <c r="GA5147" s="91"/>
      <c r="GB5147" s="91"/>
      <c r="GC5147" s="91"/>
      <c r="GD5147" s="91"/>
      <c r="GE5147" s="91"/>
      <c r="GF5147" s="91"/>
      <c r="GG5147" s="91"/>
      <c r="GH5147" s="91"/>
      <c r="GI5147" s="91"/>
      <c r="GJ5147" s="91"/>
      <c r="GK5147" s="127"/>
      <c r="GL5147" s="126"/>
      <c r="GM5147" s="91"/>
      <c r="GN5147" s="91"/>
      <c r="GO5147" s="91"/>
      <c r="GP5147" s="91"/>
      <c r="GQ5147" s="91"/>
      <c r="GR5147" s="91"/>
      <c r="GS5147" s="91"/>
      <c r="GT5147" s="91"/>
      <c r="GU5147" s="91"/>
      <c r="GV5147" s="91"/>
      <c r="GW5147" s="91"/>
      <c r="GX5147" s="127"/>
      <c r="GY5147" s="126"/>
      <c r="GZ5147" s="91"/>
      <c r="HA5147" s="91"/>
      <c r="HB5147" s="91"/>
      <c r="HC5147" s="91"/>
      <c r="HD5147" s="91"/>
      <c r="HE5147" s="91"/>
      <c r="HF5147" s="91"/>
      <c r="HG5147" s="91"/>
      <c r="HH5147" s="91"/>
      <c r="HI5147" s="91"/>
      <c r="HJ5147" s="91"/>
      <c r="HK5147" s="127"/>
      <c r="HL5147" s="126"/>
      <c r="HM5147" s="91"/>
      <c r="HN5147" s="91"/>
      <c r="HO5147" s="91"/>
      <c r="HP5147" s="91"/>
      <c r="HQ5147" s="91"/>
      <c r="HR5147" s="91"/>
      <c r="HS5147" s="91"/>
      <c r="HT5147" s="91"/>
      <c r="HU5147" s="91"/>
      <c r="HV5147" s="91"/>
      <c r="HW5147" s="91"/>
      <c r="HX5147" s="127"/>
      <c r="HY5147" s="126"/>
      <c r="HZ5147" s="91"/>
      <c r="IA5147" s="91"/>
      <c r="IB5147" s="91"/>
      <c r="IC5147" s="91"/>
      <c r="ID5147" s="91"/>
      <c r="IE5147" s="91"/>
      <c r="IF5147" s="91"/>
      <c r="IG5147" s="91"/>
      <c r="IH5147" s="91"/>
      <c r="II5147" s="91"/>
      <c r="IJ5147" s="91"/>
      <c r="IK5147" s="174"/>
    </row>
    <row r="5148" spans="2:245" x14ac:dyDescent="0.2">
      <c r="B5148" s="43"/>
      <c r="C5148" s="73"/>
      <c r="D5148" s="64"/>
      <c r="E5148" s="64"/>
      <c r="F5148" s="55"/>
      <c r="G5148" s="102"/>
      <c r="H5148" s="97"/>
      <c r="T5148" s="98"/>
      <c r="U5148" s="97"/>
      <c r="AG5148" s="98"/>
      <c r="AY5148" s="164"/>
      <c r="BK5148" s="98"/>
      <c r="BL5148" s="97"/>
      <c r="BX5148" s="98"/>
      <c r="CL5148" s="97"/>
      <c r="CX5148" s="98"/>
      <c r="DL5148" s="97"/>
      <c r="DX5148" s="98"/>
      <c r="EL5148" s="97"/>
      <c r="EX5148" s="98"/>
      <c r="EY5148" s="97"/>
      <c r="FL5148" s="126"/>
      <c r="FM5148" s="91"/>
      <c r="FN5148" s="91"/>
      <c r="FO5148" s="91"/>
      <c r="FP5148" s="91"/>
      <c r="FQ5148" s="91"/>
      <c r="FR5148" s="91"/>
      <c r="FS5148" s="91"/>
      <c r="FT5148" s="91"/>
      <c r="FU5148" s="91"/>
      <c r="FV5148" s="91"/>
      <c r="FW5148" s="91"/>
      <c r="FX5148" s="127"/>
      <c r="FY5148" s="126"/>
      <c r="FZ5148" s="91"/>
      <c r="GA5148" s="91"/>
      <c r="GB5148" s="91"/>
      <c r="GC5148" s="91"/>
      <c r="GD5148" s="91"/>
      <c r="GE5148" s="91"/>
      <c r="GF5148" s="91"/>
      <c r="GG5148" s="91"/>
      <c r="GH5148" s="91"/>
      <c r="GI5148" s="91"/>
      <c r="GJ5148" s="91"/>
      <c r="GK5148" s="127"/>
      <c r="GL5148" s="126"/>
      <c r="GM5148" s="91"/>
      <c r="GN5148" s="91"/>
      <c r="GO5148" s="91"/>
      <c r="GP5148" s="91"/>
      <c r="GQ5148" s="91"/>
      <c r="GR5148" s="91"/>
      <c r="GS5148" s="91"/>
      <c r="GT5148" s="91"/>
      <c r="GU5148" s="91"/>
      <c r="GV5148" s="91"/>
      <c r="GW5148" s="91"/>
      <c r="GX5148" s="127"/>
      <c r="GY5148" s="126"/>
      <c r="GZ5148" s="91"/>
      <c r="HA5148" s="91"/>
      <c r="HB5148" s="91"/>
      <c r="HC5148" s="91"/>
      <c r="HD5148" s="91"/>
      <c r="HE5148" s="91"/>
      <c r="HF5148" s="91"/>
      <c r="HG5148" s="91"/>
      <c r="HH5148" s="91"/>
      <c r="HI5148" s="91"/>
      <c r="HJ5148" s="91"/>
      <c r="HK5148" s="127"/>
      <c r="HL5148" s="126"/>
      <c r="HM5148" s="91"/>
      <c r="HN5148" s="91"/>
      <c r="HO5148" s="91"/>
      <c r="HP5148" s="91"/>
      <c r="HQ5148" s="91"/>
      <c r="HR5148" s="91"/>
      <c r="HS5148" s="91"/>
      <c r="HT5148" s="91"/>
      <c r="HU5148" s="91"/>
      <c r="HV5148" s="91"/>
      <c r="HW5148" s="91"/>
      <c r="HX5148" s="127"/>
      <c r="HY5148" s="126"/>
      <c r="HZ5148" s="91"/>
      <c r="IA5148" s="91"/>
      <c r="IB5148" s="91"/>
      <c r="IC5148" s="91"/>
      <c r="ID5148" s="91"/>
      <c r="IE5148" s="91"/>
      <c r="IF5148" s="91"/>
      <c r="IG5148" s="91"/>
      <c r="IH5148" s="91"/>
      <c r="II5148" s="91"/>
      <c r="IJ5148" s="91"/>
      <c r="IK5148" s="174"/>
    </row>
    <row r="5149" spans="2:245" x14ac:dyDescent="0.2">
      <c r="B5149" s="43"/>
      <c r="C5149" s="73"/>
      <c r="D5149" s="64"/>
      <c r="E5149" s="64"/>
      <c r="F5149" s="55"/>
      <c r="G5149" s="102"/>
      <c r="H5149" s="97"/>
      <c r="T5149" s="98"/>
      <c r="U5149" s="97"/>
      <c r="AG5149" s="98"/>
      <c r="AY5149" s="164"/>
      <c r="BK5149" s="98"/>
      <c r="BL5149" s="97"/>
      <c r="BX5149" s="98"/>
      <c r="CL5149" s="97"/>
      <c r="CX5149" s="98"/>
      <c r="DL5149" s="97"/>
      <c r="DX5149" s="98"/>
      <c r="EL5149" s="97"/>
      <c r="EX5149" s="98"/>
      <c r="EY5149" s="97"/>
      <c r="FL5149" s="126"/>
      <c r="FM5149" s="91"/>
      <c r="FN5149" s="91"/>
      <c r="FO5149" s="91"/>
      <c r="FP5149" s="91"/>
      <c r="FQ5149" s="91"/>
      <c r="FR5149" s="91"/>
      <c r="FS5149" s="91"/>
      <c r="FT5149" s="91"/>
      <c r="FU5149" s="91"/>
      <c r="FV5149" s="91"/>
      <c r="FW5149" s="91"/>
      <c r="FX5149" s="127"/>
      <c r="FY5149" s="126"/>
      <c r="FZ5149" s="91"/>
      <c r="GA5149" s="91"/>
      <c r="GB5149" s="91"/>
      <c r="GC5149" s="91"/>
      <c r="GD5149" s="91"/>
      <c r="GE5149" s="91"/>
      <c r="GF5149" s="91"/>
      <c r="GG5149" s="91"/>
      <c r="GH5149" s="91"/>
      <c r="GI5149" s="91"/>
      <c r="GJ5149" s="91"/>
      <c r="GK5149" s="127"/>
      <c r="GL5149" s="126"/>
      <c r="GM5149" s="91"/>
      <c r="GN5149" s="91"/>
      <c r="GO5149" s="91"/>
      <c r="GP5149" s="91"/>
      <c r="GQ5149" s="91"/>
      <c r="GR5149" s="91"/>
      <c r="GS5149" s="91"/>
      <c r="GT5149" s="91"/>
      <c r="GU5149" s="91"/>
      <c r="GV5149" s="91"/>
      <c r="GW5149" s="91"/>
      <c r="GX5149" s="127"/>
      <c r="GY5149" s="126"/>
      <c r="GZ5149" s="91"/>
      <c r="HA5149" s="91"/>
      <c r="HB5149" s="91"/>
      <c r="HC5149" s="91"/>
      <c r="HD5149" s="91"/>
      <c r="HE5149" s="91"/>
      <c r="HF5149" s="91"/>
      <c r="HG5149" s="91"/>
      <c r="HH5149" s="91"/>
      <c r="HI5149" s="91"/>
      <c r="HJ5149" s="91"/>
      <c r="HK5149" s="127"/>
      <c r="HL5149" s="126"/>
      <c r="HM5149" s="91"/>
      <c r="HN5149" s="91"/>
      <c r="HO5149" s="91"/>
      <c r="HP5149" s="91"/>
      <c r="HQ5149" s="91"/>
      <c r="HR5149" s="91"/>
      <c r="HS5149" s="91"/>
      <c r="HT5149" s="91"/>
      <c r="HU5149" s="91"/>
      <c r="HV5149" s="91"/>
      <c r="HW5149" s="91"/>
      <c r="HX5149" s="127"/>
      <c r="HY5149" s="126"/>
      <c r="HZ5149" s="91"/>
      <c r="IA5149" s="91"/>
      <c r="IB5149" s="91"/>
      <c r="IC5149" s="91"/>
      <c r="ID5149" s="91"/>
      <c r="IE5149" s="91"/>
      <c r="IF5149" s="91"/>
      <c r="IG5149" s="91"/>
      <c r="IH5149" s="91"/>
      <c r="II5149" s="91"/>
      <c r="IJ5149" s="91"/>
      <c r="IK5149" s="174"/>
    </row>
    <row r="5150" spans="2:245" x14ac:dyDescent="0.2">
      <c r="B5150" s="43"/>
      <c r="C5150" s="73"/>
      <c r="D5150" s="64"/>
      <c r="E5150" s="64"/>
      <c r="F5150" s="55"/>
      <c r="G5150" s="102"/>
      <c r="H5150" s="97"/>
      <c r="T5150" s="98"/>
      <c r="U5150" s="97"/>
      <c r="AG5150" s="98"/>
      <c r="AY5150" s="164"/>
      <c r="BK5150" s="98"/>
      <c r="BL5150" s="97"/>
      <c r="BX5150" s="98"/>
      <c r="CL5150" s="97"/>
      <c r="CX5150" s="98"/>
      <c r="DL5150" s="97"/>
      <c r="DX5150" s="98"/>
      <c r="EL5150" s="97"/>
      <c r="EX5150" s="98"/>
      <c r="EY5150" s="97"/>
      <c r="FL5150" s="126"/>
      <c r="FM5150" s="91"/>
      <c r="FN5150" s="91"/>
      <c r="FO5150" s="91"/>
      <c r="FP5150" s="91"/>
      <c r="FQ5150" s="91"/>
      <c r="FR5150" s="91"/>
      <c r="FS5150" s="91"/>
      <c r="FT5150" s="91"/>
      <c r="FU5150" s="91"/>
      <c r="FV5150" s="91"/>
      <c r="FW5150" s="91"/>
      <c r="FX5150" s="127"/>
      <c r="FY5150" s="126"/>
      <c r="FZ5150" s="91"/>
      <c r="GA5150" s="91"/>
      <c r="GB5150" s="91"/>
      <c r="GC5150" s="91"/>
      <c r="GD5150" s="91"/>
      <c r="GE5150" s="91"/>
      <c r="GF5150" s="91"/>
      <c r="GG5150" s="91"/>
      <c r="GH5150" s="91"/>
      <c r="GI5150" s="91"/>
      <c r="GJ5150" s="91"/>
      <c r="GK5150" s="127"/>
      <c r="GL5150" s="126"/>
      <c r="GM5150" s="91"/>
      <c r="GN5150" s="91"/>
      <c r="GO5150" s="91"/>
      <c r="GP5150" s="91"/>
      <c r="GQ5150" s="91"/>
      <c r="GR5150" s="91"/>
      <c r="GS5150" s="91"/>
      <c r="GT5150" s="91"/>
      <c r="GU5150" s="91"/>
      <c r="GV5150" s="91"/>
      <c r="GW5150" s="91"/>
      <c r="GX5150" s="127"/>
      <c r="GY5150" s="126"/>
      <c r="GZ5150" s="91"/>
      <c r="HA5150" s="91"/>
      <c r="HB5150" s="91"/>
      <c r="HC5150" s="91"/>
      <c r="HD5150" s="91"/>
      <c r="HE5150" s="91"/>
      <c r="HF5150" s="91"/>
      <c r="HG5150" s="91"/>
      <c r="HH5150" s="91"/>
      <c r="HI5150" s="91"/>
      <c r="HJ5150" s="91"/>
      <c r="HK5150" s="127"/>
      <c r="HL5150" s="126"/>
      <c r="HM5150" s="91"/>
      <c r="HN5150" s="91"/>
      <c r="HO5150" s="91"/>
      <c r="HP5150" s="91"/>
      <c r="HQ5150" s="91"/>
      <c r="HR5150" s="91"/>
      <c r="HS5150" s="91"/>
      <c r="HT5150" s="91"/>
      <c r="HU5150" s="91"/>
      <c r="HV5150" s="91"/>
      <c r="HW5150" s="91"/>
      <c r="HX5150" s="127"/>
      <c r="HY5150" s="126"/>
      <c r="HZ5150" s="91"/>
      <c r="IA5150" s="91"/>
      <c r="IB5150" s="91"/>
      <c r="IC5150" s="91"/>
      <c r="ID5150" s="91"/>
      <c r="IE5150" s="91"/>
      <c r="IF5150" s="91"/>
      <c r="IG5150" s="91"/>
      <c r="IH5150" s="91"/>
      <c r="II5150" s="91"/>
      <c r="IJ5150" s="91"/>
      <c r="IK5150" s="174"/>
    </row>
    <row r="5151" spans="2:245" x14ac:dyDescent="0.2">
      <c r="B5151" s="43"/>
      <c r="C5151" s="73"/>
      <c r="D5151" s="64"/>
      <c r="E5151" s="64"/>
      <c r="F5151" s="55"/>
      <c r="G5151" s="102"/>
      <c r="H5151" s="97"/>
      <c r="T5151" s="98"/>
      <c r="U5151" s="97"/>
      <c r="AG5151" s="98"/>
      <c r="AY5151" s="164"/>
      <c r="BK5151" s="98"/>
      <c r="BL5151" s="97"/>
      <c r="BX5151" s="98"/>
      <c r="CL5151" s="97"/>
      <c r="CX5151" s="98"/>
      <c r="DL5151" s="97"/>
      <c r="DX5151" s="98"/>
      <c r="EL5151" s="97"/>
      <c r="EX5151" s="98"/>
      <c r="EY5151" s="97"/>
      <c r="FL5151" s="126"/>
      <c r="FM5151" s="91"/>
      <c r="FN5151" s="91"/>
      <c r="FO5151" s="91"/>
      <c r="FP5151" s="91"/>
      <c r="FQ5151" s="91"/>
      <c r="FR5151" s="91"/>
      <c r="FS5151" s="91"/>
      <c r="FT5151" s="91"/>
      <c r="FU5151" s="91"/>
      <c r="FV5151" s="91"/>
      <c r="FW5151" s="91"/>
      <c r="FX5151" s="127"/>
      <c r="FY5151" s="126"/>
      <c r="FZ5151" s="91"/>
      <c r="GA5151" s="91"/>
      <c r="GB5151" s="91"/>
      <c r="GC5151" s="91"/>
      <c r="GD5151" s="91"/>
      <c r="GE5151" s="91"/>
      <c r="GF5151" s="91"/>
      <c r="GG5151" s="91"/>
      <c r="GH5151" s="91"/>
      <c r="GI5151" s="91"/>
      <c r="GJ5151" s="91"/>
      <c r="GK5151" s="127"/>
      <c r="GL5151" s="126"/>
      <c r="GM5151" s="91"/>
      <c r="GN5151" s="91"/>
      <c r="GO5151" s="91"/>
      <c r="GP5151" s="91"/>
      <c r="GQ5151" s="91"/>
      <c r="GR5151" s="91"/>
      <c r="GS5151" s="91"/>
      <c r="GT5151" s="91"/>
      <c r="GU5151" s="91"/>
      <c r="GV5151" s="91"/>
      <c r="GW5151" s="91"/>
      <c r="GX5151" s="127"/>
      <c r="GY5151" s="126"/>
      <c r="GZ5151" s="91"/>
      <c r="HA5151" s="91"/>
      <c r="HB5151" s="91"/>
      <c r="HC5151" s="91"/>
      <c r="HD5151" s="91"/>
      <c r="HE5151" s="91"/>
      <c r="HF5151" s="91"/>
      <c r="HG5151" s="91"/>
      <c r="HH5151" s="91"/>
      <c r="HI5151" s="91"/>
      <c r="HJ5151" s="91"/>
      <c r="HK5151" s="127"/>
      <c r="HL5151" s="126"/>
      <c r="HM5151" s="91"/>
      <c r="HN5151" s="91"/>
      <c r="HO5151" s="91"/>
      <c r="HP5151" s="91"/>
      <c r="HQ5151" s="91"/>
      <c r="HR5151" s="91"/>
      <c r="HS5151" s="91"/>
      <c r="HT5151" s="91"/>
      <c r="HU5151" s="91"/>
      <c r="HV5151" s="91"/>
      <c r="HW5151" s="91"/>
      <c r="HX5151" s="127"/>
      <c r="HY5151" s="126"/>
      <c r="HZ5151" s="91"/>
      <c r="IA5151" s="91"/>
      <c r="IB5151" s="91"/>
      <c r="IC5151" s="91"/>
      <c r="ID5151" s="91"/>
      <c r="IE5151" s="91"/>
      <c r="IF5151" s="91"/>
      <c r="IG5151" s="91"/>
      <c r="IH5151" s="91"/>
      <c r="II5151" s="91"/>
      <c r="IJ5151" s="91"/>
      <c r="IK5151" s="174"/>
    </row>
    <row r="5152" spans="2:245" x14ac:dyDescent="0.2">
      <c r="B5152" s="43"/>
      <c r="C5152" s="73"/>
      <c r="D5152" s="64"/>
      <c r="E5152" s="64"/>
      <c r="F5152" s="55"/>
      <c r="G5152" s="102"/>
      <c r="H5152" s="97"/>
      <c r="T5152" s="98"/>
      <c r="U5152" s="97"/>
      <c r="AG5152" s="98"/>
      <c r="AY5152" s="164"/>
      <c r="BK5152" s="98"/>
      <c r="BL5152" s="97"/>
      <c r="BX5152" s="98"/>
      <c r="CL5152" s="97"/>
      <c r="CX5152" s="98"/>
      <c r="DL5152" s="97"/>
      <c r="DX5152" s="98"/>
      <c r="EL5152" s="97"/>
      <c r="EX5152" s="98"/>
      <c r="EY5152" s="97"/>
      <c r="FL5152" s="126"/>
      <c r="FM5152" s="91"/>
      <c r="FN5152" s="91"/>
      <c r="FO5152" s="91"/>
      <c r="FP5152" s="91"/>
      <c r="FQ5152" s="91"/>
      <c r="FR5152" s="91"/>
      <c r="FS5152" s="91"/>
      <c r="FT5152" s="91"/>
      <c r="FU5152" s="91"/>
      <c r="FV5152" s="91"/>
      <c r="FW5152" s="91"/>
      <c r="FX5152" s="127"/>
      <c r="FY5152" s="126"/>
      <c r="FZ5152" s="91"/>
      <c r="GA5152" s="91"/>
      <c r="GB5152" s="91"/>
      <c r="GC5152" s="91"/>
      <c r="GD5152" s="91"/>
      <c r="GE5152" s="91"/>
      <c r="GF5152" s="91"/>
      <c r="GG5152" s="91"/>
      <c r="GH5152" s="91"/>
      <c r="GI5152" s="91"/>
      <c r="GJ5152" s="91"/>
      <c r="GK5152" s="127"/>
      <c r="GL5152" s="126"/>
      <c r="GM5152" s="91"/>
      <c r="GN5152" s="91"/>
      <c r="GO5152" s="91"/>
      <c r="GP5152" s="91"/>
      <c r="GQ5152" s="91"/>
      <c r="GR5152" s="91"/>
      <c r="GS5152" s="91"/>
      <c r="GT5152" s="91"/>
      <c r="GU5152" s="91"/>
      <c r="GV5152" s="91"/>
      <c r="GW5152" s="91"/>
      <c r="GX5152" s="127"/>
      <c r="GY5152" s="126"/>
      <c r="GZ5152" s="91"/>
      <c r="HA5152" s="91"/>
      <c r="HB5152" s="91"/>
      <c r="HC5152" s="91"/>
      <c r="HD5152" s="91"/>
      <c r="HE5152" s="91"/>
      <c r="HF5152" s="91"/>
      <c r="HG5152" s="91"/>
      <c r="HH5152" s="91"/>
      <c r="HI5152" s="91"/>
      <c r="HJ5152" s="91"/>
      <c r="HK5152" s="127"/>
      <c r="HL5152" s="126"/>
      <c r="HM5152" s="91"/>
      <c r="HN5152" s="91"/>
      <c r="HO5152" s="91"/>
      <c r="HP5152" s="91"/>
      <c r="HQ5152" s="91"/>
      <c r="HR5152" s="91"/>
      <c r="HS5152" s="91"/>
      <c r="HT5152" s="91"/>
      <c r="HU5152" s="91"/>
      <c r="HV5152" s="91"/>
      <c r="HW5152" s="91"/>
      <c r="HX5152" s="127"/>
      <c r="HY5152" s="126"/>
      <c r="HZ5152" s="91"/>
      <c r="IA5152" s="91"/>
      <c r="IB5152" s="91"/>
      <c r="IC5152" s="91"/>
      <c r="ID5152" s="91"/>
      <c r="IE5152" s="91"/>
      <c r="IF5152" s="91"/>
      <c r="IG5152" s="91"/>
      <c r="IH5152" s="91"/>
      <c r="II5152" s="91"/>
      <c r="IJ5152" s="91"/>
      <c r="IK5152" s="174"/>
    </row>
    <row r="5153" spans="2:245" x14ac:dyDescent="0.2">
      <c r="B5153" s="43"/>
      <c r="C5153" s="73"/>
      <c r="D5153" s="64"/>
      <c r="E5153" s="64"/>
      <c r="F5153" s="55"/>
      <c r="G5153" s="102"/>
      <c r="H5153" s="97"/>
      <c r="T5153" s="98"/>
      <c r="U5153" s="97"/>
      <c r="AG5153" s="98"/>
      <c r="AY5153" s="164"/>
      <c r="BK5153" s="98"/>
      <c r="BL5153" s="97"/>
      <c r="BX5153" s="98"/>
      <c r="CL5153" s="97"/>
      <c r="CX5153" s="98"/>
      <c r="DL5153" s="97"/>
      <c r="DX5153" s="98"/>
      <c r="EL5153" s="97"/>
      <c r="EX5153" s="98"/>
      <c r="EY5153" s="97"/>
      <c r="FL5153" s="126"/>
      <c r="FM5153" s="91"/>
      <c r="FN5153" s="91"/>
      <c r="FO5153" s="91"/>
      <c r="FP5153" s="91"/>
      <c r="FQ5153" s="91"/>
      <c r="FR5153" s="91"/>
      <c r="FS5153" s="91"/>
      <c r="FT5153" s="91"/>
      <c r="FU5153" s="91"/>
      <c r="FV5153" s="91"/>
      <c r="FW5153" s="91"/>
      <c r="FX5153" s="127"/>
      <c r="FY5153" s="126"/>
      <c r="FZ5153" s="91"/>
      <c r="GA5153" s="91"/>
      <c r="GB5153" s="91"/>
      <c r="GC5153" s="91"/>
      <c r="GD5153" s="91"/>
      <c r="GE5153" s="91"/>
      <c r="GF5153" s="91"/>
      <c r="GG5153" s="91"/>
      <c r="GH5153" s="91"/>
      <c r="GI5153" s="91"/>
      <c r="GJ5153" s="91"/>
      <c r="GK5153" s="127"/>
      <c r="GL5153" s="126"/>
      <c r="GM5153" s="91"/>
      <c r="GN5153" s="91"/>
      <c r="GO5153" s="91"/>
      <c r="GP5153" s="91"/>
      <c r="GQ5153" s="91"/>
      <c r="GR5153" s="91"/>
      <c r="GS5153" s="91"/>
      <c r="GT5153" s="91"/>
      <c r="GU5153" s="91"/>
      <c r="GV5153" s="91"/>
      <c r="GW5153" s="91"/>
      <c r="GX5153" s="127"/>
      <c r="GY5153" s="126"/>
      <c r="GZ5153" s="91"/>
      <c r="HA5153" s="91"/>
      <c r="HB5153" s="91"/>
      <c r="HC5153" s="91"/>
      <c r="HD5153" s="91"/>
      <c r="HE5153" s="91"/>
      <c r="HF5153" s="91"/>
      <c r="HG5153" s="91"/>
      <c r="HH5153" s="91"/>
      <c r="HI5153" s="91"/>
      <c r="HJ5153" s="91"/>
      <c r="HK5153" s="127"/>
      <c r="HL5153" s="126"/>
      <c r="HM5153" s="91"/>
      <c r="HN5153" s="91"/>
      <c r="HO5153" s="91"/>
      <c r="HP5153" s="91"/>
      <c r="HQ5153" s="91"/>
      <c r="HR5153" s="91"/>
      <c r="HS5153" s="91"/>
      <c r="HT5153" s="91"/>
      <c r="HU5153" s="91"/>
      <c r="HV5153" s="91"/>
      <c r="HW5153" s="91"/>
      <c r="HX5153" s="127"/>
      <c r="HY5153" s="126"/>
      <c r="HZ5153" s="91"/>
      <c r="IA5153" s="91"/>
      <c r="IB5153" s="91"/>
      <c r="IC5153" s="91"/>
      <c r="ID5153" s="91"/>
      <c r="IE5153" s="91"/>
      <c r="IF5153" s="91"/>
      <c r="IG5153" s="91"/>
      <c r="IH5153" s="91"/>
      <c r="II5153" s="91"/>
      <c r="IJ5153" s="91"/>
      <c r="IK5153" s="174"/>
    </row>
    <row r="5154" spans="2:245" x14ac:dyDescent="0.2">
      <c r="B5154" s="43"/>
      <c r="C5154" s="73"/>
      <c r="D5154" s="64"/>
      <c r="E5154" s="64"/>
      <c r="F5154" s="55"/>
      <c r="G5154" s="102"/>
      <c r="H5154" s="97"/>
      <c r="T5154" s="98"/>
      <c r="U5154" s="97"/>
      <c r="AG5154" s="98"/>
      <c r="AY5154" s="164"/>
      <c r="BK5154" s="98"/>
      <c r="BL5154" s="97"/>
      <c r="BX5154" s="98"/>
      <c r="CL5154" s="97"/>
      <c r="CX5154" s="98"/>
      <c r="DL5154" s="97"/>
      <c r="DX5154" s="98"/>
      <c r="EL5154" s="97"/>
      <c r="EX5154" s="98"/>
      <c r="EY5154" s="97"/>
      <c r="FL5154" s="126"/>
      <c r="FM5154" s="91"/>
      <c r="FN5154" s="91"/>
      <c r="FO5154" s="91"/>
      <c r="FP5154" s="91"/>
      <c r="FQ5154" s="91"/>
      <c r="FR5154" s="91"/>
      <c r="FS5154" s="91"/>
      <c r="FT5154" s="91"/>
      <c r="FU5154" s="91"/>
      <c r="FV5154" s="91"/>
      <c r="FW5154" s="91"/>
      <c r="FX5154" s="127"/>
      <c r="FY5154" s="126"/>
      <c r="FZ5154" s="91"/>
      <c r="GA5154" s="91"/>
      <c r="GB5154" s="91"/>
      <c r="GC5154" s="91"/>
      <c r="GD5154" s="91"/>
      <c r="GE5154" s="91"/>
      <c r="GF5154" s="91"/>
      <c r="GG5154" s="91"/>
      <c r="GH5154" s="91"/>
      <c r="GI5154" s="91"/>
      <c r="GJ5154" s="91"/>
      <c r="GK5154" s="127"/>
      <c r="GL5154" s="126"/>
      <c r="GM5154" s="91"/>
      <c r="GN5154" s="91"/>
      <c r="GO5154" s="91"/>
      <c r="GP5154" s="91"/>
      <c r="GQ5154" s="91"/>
      <c r="GR5154" s="91"/>
      <c r="GS5154" s="91"/>
      <c r="GT5154" s="91"/>
      <c r="GU5154" s="91"/>
      <c r="GV5154" s="91"/>
      <c r="GW5154" s="91"/>
      <c r="GX5154" s="127"/>
      <c r="GY5154" s="126"/>
      <c r="GZ5154" s="91"/>
      <c r="HA5154" s="91"/>
      <c r="HB5154" s="91"/>
      <c r="HC5154" s="91"/>
      <c r="HD5154" s="91"/>
      <c r="HE5154" s="91"/>
      <c r="HF5154" s="91"/>
      <c r="HG5154" s="91"/>
      <c r="HH5154" s="91"/>
      <c r="HI5154" s="91"/>
      <c r="HJ5154" s="91"/>
      <c r="HK5154" s="127"/>
      <c r="HL5154" s="126"/>
      <c r="HM5154" s="91"/>
      <c r="HN5154" s="91"/>
      <c r="HO5154" s="91"/>
      <c r="HP5154" s="91"/>
      <c r="HQ5154" s="91"/>
      <c r="HR5154" s="91"/>
      <c r="HS5154" s="91"/>
      <c r="HT5154" s="91"/>
      <c r="HU5154" s="91"/>
      <c r="HV5154" s="91"/>
      <c r="HW5154" s="91"/>
      <c r="HX5154" s="127"/>
      <c r="HY5154" s="126"/>
      <c r="HZ5154" s="91"/>
      <c r="IA5154" s="91"/>
      <c r="IB5154" s="91"/>
      <c r="IC5154" s="91"/>
      <c r="ID5154" s="91"/>
      <c r="IE5154" s="91"/>
      <c r="IF5154" s="91"/>
      <c r="IG5154" s="91"/>
      <c r="IH5154" s="91"/>
      <c r="II5154" s="91"/>
      <c r="IJ5154" s="91"/>
      <c r="IK5154" s="174"/>
    </row>
    <row r="5155" spans="2:245" x14ac:dyDescent="0.2">
      <c r="B5155" s="43"/>
      <c r="C5155" s="73"/>
      <c r="D5155" s="64"/>
      <c r="E5155" s="64"/>
      <c r="F5155" s="55"/>
      <c r="G5155" s="102"/>
      <c r="H5155" s="97"/>
      <c r="T5155" s="98"/>
      <c r="U5155" s="97"/>
      <c r="AG5155" s="98"/>
      <c r="AY5155" s="164"/>
      <c r="BK5155" s="98"/>
      <c r="BL5155" s="97"/>
      <c r="BX5155" s="98"/>
      <c r="CL5155" s="97"/>
      <c r="CX5155" s="98"/>
      <c r="DL5155" s="97"/>
      <c r="DX5155" s="98"/>
      <c r="EL5155" s="97"/>
      <c r="EX5155" s="98"/>
      <c r="EY5155" s="97"/>
      <c r="FL5155" s="126"/>
      <c r="FM5155" s="91"/>
      <c r="FN5155" s="91"/>
      <c r="FO5155" s="91"/>
      <c r="FP5155" s="91"/>
      <c r="FQ5155" s="91"/>
      <c r="FR5155" s="91"/>
      <c r="FS5155" s="91"/>
      <c r="FT5155" s="91"/>
      <c r="FU5155" s="91"/>
      <c r="FV5155" s="91"/>
      <c r="FW5155" s="91"/>
      <c r="FX5155" s="127"/>
      <c r="FY5155" s="126"/>
      <c r="FZ5155" s="91"/>
      <c r="GA5155" s="91"/>
      <c r="GB5155" s="91"/>
      <c r="GC5155" s="91"/>
      <c r="GD5155" s="91"/>
      <c r="GE5155" s="91"/>
      <c r="GF5155" s="91"/>
      <c r="GG5155" s="91"/>
      <c r="GH5155" s="91"/>
      <c r="GI5155" s="91"/>
      <c r="GJ5155" s="91"/>
      <c r="GK5155" s="127"/>
      <c r="GL5155" s="126"/>
      <c r="GM5155" s="91"/>
      <c r="GN5155" s="91"/>
      <c r="GO5155" s="91"/>
      <c r="GP5155" s="91"/>
      <c r="GQ5155" s="91"/>
      <c r="GR5155" s="91"/>
      <c r="GS5155" s="91"/>
      <c r="GT5155" s="91"/>
      <c r="GU5155" s="91"/>
      <c r="GV5155" s="91"/>
      <c r="GW5155" s="91"/>
      <c r="GX5155" s="127"/>
      <c r="GY5155" s="126"/>
      <c r="GZ5155" s="91"/>
      <c r="HA5155" s="91"/>
      <c r="HB5155" s="91"/>
      <c r="HC5155" s="91"/>
      <c r="HD5155" s="91"/>
      <c r="HE5155" s="91"/>
      <c r="HF5155" s="91"/>
      <c r="HG5155" s="91"/>
      <c r="HH5155" s="91"/>
      <c r="HI5155" s="91"/>
      <c r="HJ5155" s="91"/>
      <c r="HK5155" s="127"/>
      <c r="HL5155" s="126"/>
      <c r="HM5155" s="91"/>
      <c r="HN5155" s="91"/>
      <c r="HO5155" s="91"/>
      <c r="HP5155" s="91"/>
      <c r="HQ5155" s="91"/>
      <c r="HR5155" s="91"/>
      <c r="HS5155" s="91"/>
      <c r="HT5155" s="91"/>
      <c r="HU5155" s="91"/>
      <c r="HV5155" s="91"/>
      <c r="HW5155" s="91"/>
      <c r="HX5155" s="127"/>
      <c r="HY5155" s="126"/>
      <c r="HZ5155" s="91"/>
      <c r="IA5155" s="91"/>
      <c r="IB5155" s="91"/>
      <c r="IC5155" s="91"/>
      <c r="ID5155" s="91"/>
      <c r="IE5155" s="91"/>
      <c r="IF5155" s="91"/>
      <c r="IG5155" s="91"/>
      <c r="IH5155" s="91"/>
      <c r="II5155" s="91"/>
      <c r="IJ5155" s="91"/>
      <c r="IK5155" s="174"/>
    </row>
    <row r="5156" spans="2:245" x14ac:dyDescent="0.2">
      <c r="B5156" s="43"/>
      <c r="C5156" s="73"/>
      <c r="D5156" s="64"/>
      <c r="E5156" s="64"/>
      <c r="F5156" s="55"/>
      <c r="G5156" s="102"/>
      <c r="H5156" s="97"/>
      <c r="T5156" s="98"/>
      <c r="U5156" s="97"/>
      <c r="AG5156" s="98"/>
      <c r="AY5156" s="164"/>
      <c r="BK5156" s="98"/>
      <c r="BL5156" s="97"/>
      <c r="BX5156" s="98"/>
      <c r="CL5156" s="97"/>
      <c r="CX5156" s="98"/>
      <c r="DL5156" s="97"/>
      <c r="DX5156" s="98"/>
      <c r="EL5156" s="97"/>
      <c r="EX5156" s="98"/>
      <c r="EY5156" s="97"/>
      <c r="FL5156" s="126"/>
      <c r="FM5156" s="91"/>
      <c r="FN5156" s="91"/>
      <c r="FO5156" s="91"/>
      <c r="FP5156" s="91"/>
      <c r="FQ5156" s="91"/>
      <c r="FR5156" s="91"/>
      <c r="FS5156" s="91"/>
      <c r="FT5156" s="91"/>
      <c r="FU5156" s="91"/>
      <c r="FV5156" s="91"/>
      <c r="FW5156" s="91"/>
      <c r="FX5156" s="127"/>
      <c r="FY5156" s="126"/>
      <c r="FZ5156" s="91"/>
      <c r="GA5156" s="91"/>
      <c r="GB5156" s="91"/>
      <c r="GC5156" s="91"/>
      <c r="GD5156" s="91"/>
      <c r="GE5156" s="91"/>
      <c r="GF5156" s="91"/>
      <c r="GG5156" s="91"/>
      <c r="GH5156" s="91"/>
      <c r="GI5156" s="91"/>
      <c r="GJ5156" s="91"/>
      <c r="GK5156" s="127"/>
      <c r="GL5156" s="126"/>
      <c r="GM5156" s="91"/>
      <c r="GN5156" s="91"/>
      <c r="GO5156" s="91"/>
      <c r="GP5156" s="91"/>
      <c r="GQ5156" s="91"/>
      <c r="GR5156" s="91"/>
      <c r="GS5156" s="91"/>
      <c r="GT5156" s="91"/>
      <c r="GU5156" s="91"/>
      <c r="GV5156" s="91"/>
      <c r="GW5156" s="91"/>
      <c r="GX5156" s="127"/>
      <c r="GY5156" s="126"/>
      <c r="GZ5156" s="91"/>
      <c r="HA5156" s="91"/>
      <c r="HB5156" s="91"/>
      <c r="HC5156" s="91"/>
      <c r="HD5156" s="91"/>
      <c r="HE5156" s="91"/>
      <c r="HF5156" s="91"/>
      <c r="HG5156" s="91"/>
      <c r="HH5156" s="91"/>
      <c r="HI5156" s="91"/>
      <c r="HJ5156" s="91"/>
      <c r="HK5156" s="127"/>
      <c r="HL5156" s="126"/>
      <c r="HM5156" s="91"/>
      <c r="HN5156" s="91"/>
      <c r="HO5156" s="91"/>
      <c r="HP5156" s="91"/>
      <c r="HQ5156" s="91"/>
      <c r="HR5156" s="91"/>
      <c r="HS5156" s="91"/>
      <c r="HT5156" s="91"/>
      <c r="HU5156" s="91"/>
      <c r="HV5156" s="91"/>
      <c r="HW5156" s="91"/>
      <c r="HX5156" s="127"/>
      <c r="HY5156" s="126"/>
      <c r="HZ5156" s="91"/>
      <c r="IA5156" s="91"/>
      <c r="IB5156" s="91"/>
      <c r="IC5156" s="91"/>
      <c r="ID5156" s="91"/>
      <c r="IE5156" s="91"/>
      <c r="IF5156" s="91"/>
      <c r="IG5156" s="91"/>
      <c r="IH5156" s="91"/>
      <c r="II5156" s="91"/>
      <c r="IJ5156" s="91"/>
      <c r="IK5156" s="174"/>
    </row>
    <row r="5157" spans="2:245" x14ac:dyDescent="0.2">
      <c r="B5157" s="43"/>
      <c r="C5157" s="73"/>
      <c r="D5157" s="64"/>
      <c r="E5157" s="64"/>
      <c r="F5157" s="55"/>
      <c r="G5157" s="102"/>
      <c r="H5157" s="97"/>
      <c r="T5157" s="98"/>
      <c r="U5157" s="97"/>
      <c r="AG5157" s="98"/>
      <c r="AY5157" s="164"/>
      <c r="BK5157" s="98"/>
      <c r="BL5157" s="97"/>
      <c r="BX5157" s="98"/>
      <c r="CL5157" s="97"/>
      <c r="CX5157" s="98"/>
      <c r="DL5157" s="97"/>
      <c r="DX5157" s="98"/>
      <c r="EL5157" s="97"/>
      <c r="EX5157" s="98"/>
      <c r="EY5157" s="97"/>
      <c r="FL5157" s="126"/>
      <c r="FM5157" s="91"/>
      <c r="FN5157" s="91"/>
      <c r="FO5157" s="91"/>
      <c r="FP5157" s="91"/>
      <c r="FQ5157" s="91"/>
      <c r="FR5157" s="91"/>
      <c r="FS5157" s="91"/>
      <c r="FT5157" s="91"/>
      <c r="FU5157" s="91"/>
      <c r="FV5157" s="91"/>
      <c r="FW5157" s="91"/>
      <c r="FX5157" s="127"/>
      <c r="FY5157" s="126"/>
      <c r="FZ5157" s="91"/>
      <c r="GA5157" s="91"/>
      <c r="GB5157" s="91"/>
      <c r="GC5157" s="91"/>
      <c r="GD5157" s="91"/>
      <c r="GE5157" s="91"/>
      <c r="GF5157" s="91"/>
      <c r="GG5157" s="91"/>
      <c r="GH5157" s="91"/>
      <c r="GI5157" s="91"/>
      <c r="GJ5157" s="91"/>
      <c r="GK5157" s="127"/>
      <c r="GL5157" s="126"/>
      <c r="GM5157" s="91"/>
      <c r="GN5157" s="91"/>
      <c r="GO5157" s="91"/>
      <c r="GP5157" s="91"/>
      <c r="GQ5157" s="91"/>
      <c r="GR5157" s="91"/>
      <c r="GS5157" s="91"/>
      <c r="GT5157" s="91"/>
      <c r="GU5157" s="91"/>
      <c r="GV5157" s="91"/>
      <c r="GW5157" s="91"/>
      <c r="GX5157" s="127"/>
      <c r="GY5157" s="126"/>
      <c r="GZ5157" s="91"/>
      <c r="HA5157" s="91"/>
      <c r="HB5157" s="91"/>
      <c r="HC5157" s="91"/>
      <c r="HD5157" s="91"/>
      <c r="HE5157" s="91"/>
      <c r="HF5157" s="91"/>
      <c r="HG5157" s="91"/>
      <c r="HH5157" s="91"/>
      <c r="HI5157" s="91"/>
      <c r="HJ5157" s="91"/>
      <c r="HK5157" s="127"/>
      <c r="HL5157" s="126"/>
      <c r="HM5157" s="91"/>
      <c r="HN5157" s="91"/>
      <c r="HO5157" s="91"/>
      <c r="HP5157" s="91"/>
      <c r="HQ5157" s="91"/>
      <c r="HR5157" s="91"/>
      <c r="HS5157" s="91"/>
      <c r="HT5157" s="91"/>
      <c r="HU5157" s="91"/>
      <c r="HV5157" s="91"/>
      <c r="HW5157" s="91"/>
      <c r="HX5157" s="127"/>
      <c r="HY5157" s="126"/>
      <c r="HZ5157" s="91"/>
      <c r="IA5157" s="91"/>
      <c r="IB5157" s="91"/>
      <c r="IC5157" s="91"/>
      <c r="ID5157" s="91"/>
      <c r="IE5157" s="91"/>
      <c r="IF5157" s="91"/>
      <c r="IG5157" s="91"/>
      <c r="IH5157" s="91"/>
      <c r="II5157" s="91"/>
      <c r="IJ5157" s="91"/>
      <c r="IK5157" s="174"/>
    </row>
    <row r="5158" spans="2:245" x14ac:dyDescent="0.2">
      <c r="B5158" s="43"/>
      <c r="C5158" s="73"/>
      <c r="D5158" s="64"/>
      <c r="E5158" s="64"/>
      <c r="F5158" s="55"/>
      <c r="G5158" s="102"/>
      <c r="H5158" s="97"/>
      <c r="T5158" s="98"/>
      <c r="U5158" s="97"/>
      <c r="AG5158" s="98"/>
      <c r="AY5158" s="164"/>
      <c r="BK5158" s="98"/>
      <c r="BL5158" s="97"/>
      <c r="BX5158" s="98"/>
      <c r="CL5158" s="97"/>
      <c r="CX5158" s="98"/>
      <c r="DL5158" s="97"/>
      <c r="DX5158" s="98"/>
      <c r="EL5158" s="97"/>
      <c r="EX5158" s="98"/>
      <c r="EY5158" s="97"/>
      <c r="FL5158" s="126"/>
      <c r="FM5158" s="91"/>
      <c r="FN5158" s="91"/>
      <c r="FO5158" s="91"/>
      <c r="FP5158" s="91"/>
      <c r="FQ5158" s="91"/>
      <c r="FR5158" s="91"/>
      <c r="FS5158" s="91"/>
      <c r="FT5158" s="91"/>
      <c r="FU5158" s="91"/>
      <c r="FV5158" s="91"/>
      <c r="FW5158" s="91"/>
      <c r="FX5158" s="127"/>
      <c r="FY5158" s="126"/>
      <c r="FZ5158" s="91"/>
      <c r="GA5158" s="91"/>
      <c r="GB5158" s="91"/>
      <c r="GC5158" s="91"/>
      <c r="GD5158" s="91"/>
      <c r="GE5158" s="91"/>
      <c r="GF5158" s="91"/>
      <c r="GG5158" s="91"/>
      <c r="GH5158" s="91"/>
      <c r="GI5158" s="91"/>
      <c r="GJ5158" s="91"/>
      <c r="GK5158" s="127"/>
      <c r="GL5158" s="126"/>
      <c r="GM5158" s="91"/>
      <c r="GN5158" s="91"/>
      <c r="GO5158" s="91"/>
      <c r="GP5158" s="91"/>
      <c r="GQ5158" s="91"/>
      <c r="GR5158" s="91"/>
      <c r="GS5158" s="91"/>
      <c r="GT5158" s="91"/>
      <c r="GU5158" s="91"/>
      <c r="GV5158" s="91"/>
      <c r="GW5158" s="91"/>
      <c r="GX5158" s="127"/>
      <c r="GY5158" s="126"/>
      <c r="GZ5158" s="91"/>
      <c r="HA5158" s="91"/>
      <c r="HB5158" s="91"/>
      <c r="HC5158" s="91"/>
      <c r="HD5158" s="91"/>
      <c r="HE5158" s="91"/>
      <c r="HF5158" s="91"/>
      <c r="HG5158" s="91"/>
      <c r="HH5158" s="91"/>
      <c r="HI5158" s="91"/>
      <c r="HJ5158" s="91"/>
      <c r="HK5158" s="127"/>
      <c r="HL5158" s="126"/>
      <c r="HM5158" s="91"/>
      <c r="HN5158" s="91"/>
      <c r="HO5158" s="91"/>
      <c r="HP5158" s="91"/>
      <c r="HQ5158" s="91"/>
      <c r="HR5158" s="91"/>
      <c r="HS5158" s="91"/>
      <c r="HT5158" s="91"/>
      <c r="HU5158" s="91"/>
      <c r="HV5158" s="91"/>
      <c r="HW5158" s="91"/>
      <c r="HX5158" s="127"/>
      <c r="HY5158" s="126"/>
      <c r="HZ5158" s="91"/>
      <c r="IA5158" s="91"/>
      <c r="IB5158" s="91"/>
      <c r="IC5158" s="91"/>
      <c r="ID5158" s="91"/>
      <c r="IE5158" s="91"/>
      <c r="IF5158" s="91"/>
      <c r="IG5158" s="91"/>
      <c r="IH5158" s="91"/>
      <c r="II5158" s="91"/>
      <c r="IJ5158" s="91"/>
      <c r="IK5158" s="174"/>
    </row>
    <row r="5159" spans="2:245" x14ac:dyDescent="0.2">
      <c r="B5159" s="43"/>
      <c r="C5159" s="73"/>
      <c r="D5159" s="64"/>
      <c r="E5159" s="64"/>
      <c r="F5159" s="55"/>
      <c r="G5159" s="102"/>
      <c r="H5159" s="97"/>
      <c r="T5159" s="98"/>
      <c r="U5159" s="97"/>
      <c r="AG5159" s="98"/>
      <c r="AY5159" s="164"/>
      <c r="BK5159" s="98"/>
      <c r="BL5159" s="97"/>
      <c r="BX5159" s="98"/>
      <c r="CL5159" s="97"/>
      <c r="CX5159" s="98"/>
      <c r="DL5159" s="97"/>
      <c r="DX5159" s="98"/>
      <c r="EL5159" s="97"/>
      <c r="EX5159" s="98"/>
      <c r="EY5159" s="97"/>
      <c r="FL5159" s="126"/>
      <c r="FM5159" s="91"/>
      <c r="FN5159" s="91"/>
      <c r="FO5159" s="91"/>
      <c r="FP5159" s="91"/>
      <c r="FQ5159" s="91"/>
      <c r="FR5159" s="91"/>
      <c r="FS5159" s="91"/>
      <c r="FT5159" s="91"/>
      <c r="FU5159" s="91"/>
      <c r="FV5159" s="91"/>
      <c r="FW5159" s="91"/>
      <c r="FX5159" s="127"/>
      <c r="FY5159" s="126"/>
      <c r="FZ5159" s="91"/>
      <c r="GA5159" s="91"/>
      <c r="GB5159" s="91"/>
      <c r="GC5159" s="91"/>
      <c r="GD5159" s="91"/>
      <c r="GE5159" s="91"/>
      <c r="GF5159" s="91"/>
      <c r="GG5159" s="91"/>
      <c r="GH5159" s="91"/>
      <c r="GI5159" s="91"/>
      <c r="GJ5159" s="91"/>
      <c r="GK5159" s="127"/>
      <c r="GL5159" s="126"/>
      <c r="GM5159" s="91"/>
      <c r="GN5159" s="91"/>
      <c r="GO5159" s="91"/>
      <c r="GP5159" s="91"/>
      <c r="GQ5159" s="91"/>
      <c r="GR5159" s="91"/>
      <c r="GS5159" s="91"/>
      <c r="GT5159" s="91"/>
      <c r="GU5159" s="91"/>
      <c r="GV5159" s="91"/>
      <c r="GW5159" s="91"/>
      <c r="GX5159" s="127"/>
      <c r="GY5159" s="126"/>
      <c r="GZ5159" s="91"/>
      <c r="HA5159" s="91"/>
      <c r="HB5159" s="91"/>
      <c r="HC5159" s="91"/>
      <c r="HD5159" s="91"/>
      <c r="HE5159" s="91"/>
      <c r="HF5159" s="91"/>
      <c r="HG5159" s="91"/>
      <c r="HH5159" s="91"/>
      <c r="HI5159" s="91"/>
      <c r="HJ5159" s="91"/>
      <c r="HK5159" s="127"/>
      <c r="HL5159" s="126"/>
      <c r="HM5159" s="91"/>
      <c r="HN5159" s="91"/>
      <c r="HO5159" s="91"/>
      <c r="HP5159" s="91"/>
      <c r="HQ5159" s="91"/>
      <c r="HR5159" s="91"/>
      <c r="HS5159" s="91"/>
      <c r="HT5159" s="91"/>
      <c r="HU5159" s="91"/>
      <c r="HV5159" s="91"/>
      <c r="HW5159" s="91"/>
      <c r="HX5159" s="127"/>
      <c r="HY5159" s="126"/>
      <c r="HZ5159" s="91"/>
      <c r="IA5159" s="91"/>
      <c r="IB5159" s="91"/>
      <c r="IC5159" s="91"/>
      <c r="ID5159" s="91"/>
      <c r="IE5159" s="91"/>
      <c r="IF5159" s="91"/>
      <c r="IG5159" s="91"/>
      <c r="IH5159" s="91"/>
      <c r="II5159" s="91"/>
      <c r="IJ5159" s="91"/>
      <c r="IK5159" s="174"/>
    </row>
    <row r="5160" spans="2:245" x14ac:dyDescent="0.2">
      <c r="B5160" s="43"/>
      <c r="C5160" s="73"/>
      <c r="D5160" s="64"/>
      <c r="E5160" s="64"/>
      <c r="F5160" s="55"/>
      <c r="G5160" s="102"/>
      <c r="H5160" s="97"/>
      <c r="T5160" s="98"/>
      <c r="U5160" s="97"/>
      <c r="AG5160" s="98"/>
      <c r="AY5160" s="164"/>
      <c r="BK5160" s="98"/>
      <c r="BL5160" s="97"/>
      <c r="BX5160" s="98"/>
      <c r="CL5160" s="97"/>
      <c r="CX5160" s="98"/>
      <c r="DL5160" s="97"/>
      <c r="DX5160" s="98"/>
      <c r="EL5160" s="97"/>
      <c r="EX5160" s="98"/>
      <c r="EY5160" s="97"/>
      <c r="FL5160" s="126"/>
      <c r="FM5160" s="91"/>
      <c r="FN5160" s="91"/>
      <c r="FO5160" s="91"/>
      <c r="FP5160" s="91"/>
      <c r="FQ5160" s="91"/>
      <c r="FR5160" s="91"/>
      <c r="FS5160" s="91"/>
      <c r="FT5160" s="91"/>
      <c r="FU5160" s="91"/>
      <c r="FV5160" s="91"/>
      <c r="FW5160" s="91"/>
      <c r="FX5160" s="127"/>
      <c r="FY5160" s="126"/>
      <c r="FZ5160" s="91"/>
      <c r="GA5160" s="91"/>
      <c r="GB5160" s="91"/>
      <c r="GC5160" s="91"/>
      <c r="GD5160" s="91"/>
      <c r="GE5160" s="91"/>
      <c r="GF5160" s="91"/>
      <c r="GG5160" s="91"/>
      <c r="GH5160" s="91"/>
      <c r="GI5160" s="91"/>
      <c r="GJ5160" s="91"/>
      <c r="GK5160" s="127"/>
      <c r="GL5160" s="126"/>
      <c r="GM5160" s="91"/>
      <c r="GN5160" s="91"/>
      <c r="GO5160" s="91"/>
      <c r="GP5160" s="91"/>
      <c r="GQ5160" s="91"/>
      <c r="GR5160" s="91"/>
      <c r="GS5160" s="91"/>
      <c r="GT5160" s="91"/>
      <c r="GU5160" s="91"/>
      <c r="GV5160" s="91"/>
      <c r="GW5160" s="91"/>
      <c r="GX5160" s="127"/>
      <c r="GY5160" s="126"/>
      <c r="GZ5160" s="91"/>
      <c r="HA5160" s="91"/>
      <c r="HB5160" s="91"/>
      <c r="HC5160" s="91"/>
      <c r="HD5160" s="91"/>
      <c r="HE5160" s="91"/>
      <c r="HF5160" s="91"/>
      <c r="HG5160" s="91"/>
      <c r="HH5160" s="91"/>
      <c r="HI5160" s="91"/>
      <c r="HJ5160" s="91"/>
      <c r="HK5160" s="127"/>
      <c r="HL5160" s="126"/>
      <c r="HM5160" s="91"/>
      <c r="HN5160" s="91"/>
      <c r="HO5160" s="91"/>
      <c r="HP5160" s="91"/>
      <c r="HQ5160" s="91"/>
      <c r="HR5160" s="91"/>
      <c r="HS5160" s="91"/>
      <c r="HT5160" s="91"/>
      <c r="HU5160" s="91"/>
      <c r="HV5160" s="91"/>
      <c r="HW5160" s="91"/>
      <c r="HX5160" s="127"/>
      <c r="HY5160" s="126"/>
      <c r="HZ5160" s="91"/>
      <c r="IA5160" s="91"/>
      <c r="IB5160" s="91"/>
      <c r="IC5160" s="91"/>
      <c r="ID5160" s="91"/>
      <c r="IE5160" s="91"/>
      <c r="IF5160" s="91"/>
      <c r="IG5160" s="91"/>
      <c r="IH5160" s="91"/>
      <c r="II5160" s="91"/>
      <c r="IJ5160" s="91"/>
      <c r="IK5160" s="174"/>
    </row>
    <row r="5161" spans="2:245" x14ac:dyDescent="0.2">
      <c r="B5161" s="43"/>
      <c r="C5161" s="73"/>
      <c r="D5161" s="64"/>
      <c r="E5161" s="64"/>
      <c r="F5161" s="55"/>
      <c r="G5161" s="102"/>
      <c r="H5161" s="97"/>
      <c r="T5161" s="98"/>
      <c r="U5161" s="97"/>
      <c r="AG5161" s="98"/>
      <c r="AY5161" s="164"/>
      <c r="BK5161" s="98"/>
      <c r="BL5161" s="97"/>
      <c r="BX5161" s="98"/>
      <c r="CL5161" s="97"/>
      <c r="CX5161" s="98"/>
      <c r="DL5161" s="97"/>
      <c r="DX5161" s="98"/>
      <c r="EL5161" s="97"/>
      <c r="EX5161" s="98"/>
      <c r="EY5161" s="97"/>
      <c r="FL5161" s="126"/>
      <c r="FM5161" s="91"/>
      <c r="FN5161" s="91"/>
      <c r="FO5161" s="91"/>
      <c r="FP5161" s="91"/>
      <c r="FQ5161" s="91"/>
      <c r="FR5161" s="91"/>
      <c r="FS5161" s="91"/>
      <c r="FT5161" s="91"/>
      <c r="FU5161" s="91"/>
      <c r="FV5161" s="91"/>
      <c r="FW5161" s="91"/>
      <c r="FX5161" s="127"/>
      <c r="FY5161" s="126"/>
      <c r="FZ5161" s="91"/>
      <c r="GA5161" s="91"/>
      <c r="GB5161" s="91"/>
      <c r="GC5161" s="91"/>
      <c r="GD5161" s="91"/>
      <c r="GE5161" s="91"/>
      <c r="GF5161" s="91"/>
      <c r="GG5161" s="91"/>
      <c r="GH5161" s="91"/>
      <c r="GI5161" s="91"/>
      <c r="GJ5161" s="91"/>
      <c r="GK5161" s="127"/>
      <c r="GL5161" s="126"/>
      <c r="GM5161" s="91"/>
      <c r="GN5161" s="91"/>
      <c r="GO5161" s="91"/>
      <c r="GP5161" s="91"/>
      <c r="GQ5161" s="91"/>
      <c r="GR5161" s="91"/>
      <c r="GS5161" s="91"/>
      <c r="GT5161" s="91"/>
      <c r="GU5161" s="91"/>
      <c r="GV5161" s="91"/>
      <c r="GW5161" s="91"/>
      <c r="GX5161" s="127"/>
      <c r="GY5161" s="126"/>
      <c r="GZ5161" s="91"/>
      <c r="HA5161" s="91"/>
      <c r="HB5161" s="91"/>
      <c r="HC5161" s="91"/>
      <c r="HD5161" s="91"/>
      <c r="HE5161" s="91"/>
      <c r="HF5161" s="91"/>
      <c r="HG5161" s="91"/>
      <c r="HH5161" s="91"/>
      <c r="HI5161" s="91"/>
      <c r="HJ5161" s="91"/>
      <c r="HK5161" s="127"/>
      <c r="HL5161" s="126"/>
      <c r="HM5161" s="91"/>
      <c r="HN5161" s="91"/>
      <c r="HO5161" s="91"/>
      <c r="HP5161" s="91"/>
      <c r="HQ5161" s="91"/>
      <c r="HR5161" s="91"/>
      <c r="HS5161" s="91"/>
      <c r="HT5161" s="91"/>
      <c r="HU5161" s="91"/>
      <c r="HV5161" s="91"/>
      <c r="HW5161" s="91"/>
      <c r="HX5161" s="127"/>
      <c r="HY5161" s="126"/>
      <c r="HZ5161" s="91"/>
      <c r="IA5161" s="91"/>
      <c r="IB5161" s="91"/>
      <c r="IC5161" s="91"/>
      <c r="ID5161" s="91"/>
      <c r="IE5161" s="91"/>
      <c r="IF5161" s="91"/>
      <c r="IG5161" s="91"/>
      <c r="IH5161" s="91"/>
      <c r="II5161" s="91"/>
      <c r="IJ5161" s="91"/>
      <c r="IK5161" s="174"/>
    </row>
    <row r="5162" spans="2:245" x14ac:dyDescent="0.2">
      <c r="B5162" s="43"/>
      <c r="C5162" s="73"/>
      <c r="D5162" s="64"/>
      <c r="E5162" s="64"/>
      <c r="F5162" s="55"/>
      <c r="G5162" s="102"/>
      <c r="H5162" s="97"/>
      <c r="T5162" s="98"/>
      <c r="U5162" s="97"/>
      <c r="AG5162" s="98"/>
      <c r="AY5162" s="164"/>
      <c r="BK5162" s="98"/>
      <c r="BL5162" s="97"/>
      <c r="BX5162" s="98"/>
      <c r="CL5162" s="97"/>
      <c r="CX5162" s="98"/>
      <c r="DL5162" s="97"/>
      <c r="DX5162" s="98"/>
      <c r="EL5162" s="97"/>
      <c r="EX5162" s="98"/>
      <c r="EY5162" s="97"/>
      <c r="FL5162" s="126"/>
      <c r="FM5162" s="91"/>
      <c r="FN5162" s="91"/>
      <c r="FO5162" s="91"/>
      <c r="FP5162" s="91"/>
      <c r="FQ5162" s="91"/>
      <c r="FR5162" s="91"/>
      <c r="FS5162" s="91"/>
      <c r="FT5162" s="91"/>
      <c r="FU5162" s="91"/>
      <c r="FV5162" s="91"/>
      <c r="FW5162" s="91"/>
      <c r="FX5162" s="127"/>
      <c r="FY5162" s="126"/>
      <c r="FZ5162" s="91"/>
      <c r="GA5162" s="91"/>
      <c r="GB5162" s="91"/>
      <c r="GC5162" s="91"/>
      <c r="GD5162" s="91"/>
      <c r="GE5162" s="91"/>
      <c r="GF5162" s="91"/>
      <c r="GG5162" s="91"/>
      <c r="GH5162" s="91"/>
      <c r="GI5162" s="91"/>
      <c r="GJ5162" s="91"/>
      <c r="GK5162" s="127"/>
      <c r="GL5162" s="126"/>
      <c r="GM5162" s="91"/>
      <c r="GN5162" s="91"/>
      <c r="GO5162" s="91"/>
      <c r="GP5162" s="91"/>
      <c r="GQ5162" s="91"/>
      <c r="GR5162" s="91"/>
      <c r="GS5162" s="91"/>
      <c r="GT5162" s="91"/>
      <c r="GU5162" s="91"/>
      <c r="GV5162" s="91"/>
      <c r="GW5162" s="91"/>
      <c r="GX5162" s="127"/>
      <c r="GY5162" s="126"/>
      <c r="GZ5162" s="91"/>
      <c r="HA5162" s="91"/>
      <c r="HB5162" s="91"/>
      <c r="HC5162" s="91"/>
      <c r="HD5162" s="91"/>
      <c r="HE5162" s="91"/>
      <c r="HF5162" s="91"/>
      <c r="HG5162" s="91"/>
      <c r="HH5162" s="91"/>
      <c r="HI5162" s="91"/>
      <c r="HJ5162" s="91"/>
      <c r="HK5162" s="127"/>
      <c r="HL5162" s="126"/>
      <c r="HM5162" s="91"/>
      <c r="HN5162" s="91"/>
      <c r="HO5162" s="91"/>
      <c r="HP5162" s="91"/>
      <c r="HQ5162" s="91"/>
      <c r="HR5162" s="91"/>
      <c r="HS5162" s="91"/>
      <c r="HT5162" s="91"/>
      <c r="HU5162" s="91"/>
      <c r="HV5162" s="91"/>
      <c r="HW5162" s="91"/>
      <c r="HX5162" s="127"/>
      <c r="HY5162" s="126"/>
      <c r="HZ5162" s="91"/>
      <c r="IA5162" s="91"/>
      <c r="IB5162" s="91"/>
      <c r="IC5162" s="91"/>
      <c r="ID5162" s="91"/>
      <c r="IE5162" s="91"/>
      <c r="IF5162" s="91"/>
      <c r="IG5162" s="91"/>
      <c r="IH5162" s="91"/>
      <c r="II5162" s="91"/>
      <c r="IJ5162" s="91"/>
      <c r="IK5162" s="174"/>
    </row>
    <row r="5163" spans="2:245" x14ac:dyDescent="0.2">
      <c r="B5163" s="43"/>
      <c r="C5163" s="73"/>
      <c r="D5163" s="64"/>
      <c r="E5163" s="64"/>
      <c r="F5163" s="55"/>
      <c r="G5163" s="102"/>
      <c r="H5163" s="97"/>
      <c r="T5163" s="98"/>
      <c r="U5163" s="97"/>
      <c r="AG5163" s="98"/>
      <c r="AY5163" s="164"/>
      <c r="BK5163" s="98"/>
      <c r="BL5163" s="97"/>
      <c r="BX5163" s="98"/>
      <c r="CL5163" s="97"/>
      <c r="CX5163" s="98"/>
      <c r="DL5163" s="97"/>
      <c r="DX5163" s="98"/>
      <c r="EL5163" s="97"/>
      <c r="EX5163" s="98"/>
      <c r="EY5163" s="97"/>
      <c r="FL5163" s="126"/>
      <c r="FM5163" s="91"/>
      <c r="FN5163" s="91"/>
      <c r="FO5163" s="91"/>
      <c r="FP5163" s="91"/>
      <c r="FQ5163" s="91"/>
      <c r="FR5163" s="91"/>
      <c r="FS5163" s="91"/>
      <c r="FT5163" s="91"/>
      <c r="FU5163" s="91"/>
      <c r="FV5163" s="91"/>
      <c r="FW5163" s="91"/>
      <c r="FX5163" s="127"/>
      <c r="FY5163" s="126"/>
      <c r="FZ5163" s="91"/>
      <c r="GA5163" s="91"/>
      <c r="GB5163" s="91"/>
      <c r="GC5163" s="91"/>
      <c r="GD5163" s="91"/>
      <c r="GE5163" s="91"/>
      <c r="GF5163" s="91"/>
      <c r="GG5163" s="91"/>
      <c r="GH5163" s="91"/>
      <c r="GI5163" s="91"/>
      <c r="GJ5163" s="91"/>
      <c r="GK5163" s="127"/>
      <c r="GL5163" s="126"/>
      <c r="GM5163" s="91"/>
      <c r="GN5163" s="91"/>
      <c r="GO5163" s="91"/>
      <c r="GP5163" s="91"/>
      <c r="GQ5163" s="91"/>
      <c r="GR5163" s="91"/>
      <c r="GS5163" s="91"/>
      <c r="GT5163" s="91"/>
      <c r="GU5163" s="91"/>
      <c r="GV5163" s="91"/>
      <c r="GW5163" s="91"/>
      <c r="GX5163" s="127"/>
      <c r="GY5163" s="126"/>
      <c r="GZ5163" s="91"/>
      <c r="HA5163" s="91"/>
      <c r="HB5163" s="91"/>
      <c r="HC5163" s="91"/>
      <c r="HD5163" s="91"/>
      <c r="HE5163" s="91"/>
      <c r="HF5163" s="91"/>
      <c r="HG5163" s="91"/>
      <c r="HH5163" s="91"/>
      <c r="HI5163" s="91"/>
      <c r="HJ5163" s="91"/>
      <c r="HK5163" s="127"/>
      <c r="HL5163" s="126"/>
      <c r="HM5163" s="91"/>
      <c r="HN5163" s="91"/>
      <c r="HO5163" s="91"/>
      <c r="HP5163" s="91"/>
      <c r="HQ5163" s="91"/>
      <c r="HR5163" s="91"/>
      <c r="HS5163" s="91"/>
      <c r="HT5163" s="91"/>
      <c r="HU5163" s="91"/>
      <c r="HV5163" s="91"/>
      <c r="HW5163" s="91"/>
      <c r="HX5163" s="127"/>
      <c r="HY5163" s="126"/>
      <c r="HZ5163" s="91"/>
      <c r="IA5163" s="91"/>
      <c r="IB5163" s="91"/>
      <c r="IC5163" s="91"/>
      <c r="ID5163" s="91"/>
      <c r="IE5163" s="91"/>
      <c r="IF5163" s="91"/>
      <c r="IG5163" s="91"/>
      <c r="IH5163" s="91"/>
      <c r="II5163" s="91"/>
      <c r="IJ5163" s="91"/>
      <c r="IK5163" s="174"/>
    </row>
    <row r="5164" spans="2:245" x14ac:dyDescent="0.2">
      <c r="B5164" s="43"/>
      <c r="C5164" s="73"/>
      <c r="D5164" s="64"/>
      <c r="E5164" s="64"/>
      <c r="F5164" s="55"/>
      <c r="G5164" s="102"/>
      <c r="H5164" s="97"/>
      <c r="T5164" s="98"/>
      <c r="U5164" s="97"/>
      <c r="AG5164" s="98"/>
      <c r="AY5164" s="164"/>
      <c r="BK5164" s="98"/>
      <c r="BL5164" s="97"/>
      <c r="BX5164" s="98"/>
      <c r="CL5164" s="97"/>
      <c r="CX5164" s="98"/>
      <c r="DL5164" s="97"/>
      <c r="DX5164" s="98"/>
      <c r="EL5164" s="97"/>
      <c r="EX5164" s="98"/>
      <c r="EY5164" s="97"/>
      <c r="FL5164" s="126"/>
      <c r="FM5164" s="91"/>
      <c r="FN5164" s="91"/>
      <c r="FO5164" s="91"/>
      <c r="FP5164" s="91"/>
      <c r="FQ5164" s="91"/>
      <c r="FR5164" s="91"/>
      <c r="FS5164" s="91"/>
      <c r="FT5164" s="91"/>
      <c r="FU5164" s="91"/>
      <c r="FV5164" s="91"/>
      <c r="FW5164" s="91"/>
      <c r="FX5164" s="127"/>
      <c r="FY5164" s="126"/>
      <c r="FZ5164" s="91"/>
      <c r="GA5164" s="91"/>
      <c r="GB5164" s="91"/>
      <c r="GC5164" s="91"/>
      <c r="GD5164" s="91"/>
      <c r="GE5164" s="91"/>
      <c r="GF5164" s="91"/>
      <c r="GG5164" s="91"/>
      <c r="GH5164" s="91"/>
      <c r="GI5164" s="91"/>
      <c r="GJ5164" s="91"/>
      <c r="GK5164" s="127"/>
      <c r="GL5164" s="126"/>
      <c r="GM5164" s="91"/>
      <c r="GN5164" s="91"/>
      <c r="GO5164" s="91"/>
      <c r="GP5164" s="91"/>
      <c r="GQ5164" s="91"/>
      <c r="GR5164" s="91"/>
      <c r="GS5164" s="91"/>
      <c r="GT5164" s="91"/>
      <c r="GU5164" s="91"/>
      <c r="GV5164" s="91"/>
      <c r="GW5164" s="91"/>
      <c r="GX5164" s="127"/>
      <c r="GY5164" s="126"/>
      <c r="GZ5164" s="91"/>
      <c r="HA5164" s="91"/>
      <c r="HB5164" s="91"/>
      <c r="HC5164" s="91"/>
      <c r="HD5164" s="91"/>
      <c r="HE5164" s="91"/>
      <c r="HF5164" s="91"/>
      <c r="HG5164" s="91"/>
      <c r="HH5164" s="91"/>
      <c r="HI5164" s="91"/>
      <c r="HJ5164" s="91"/>
      <c r="HK5164" s="127"/>
      <c r="HL5164" s="126"/>
      <c r="HM5164" s="91"/>
      <c r="HN5164" s="91"/>
      <c r="HO5164" s="91"/>
      <c r="HP5164" s="91"/>
      <c r="HQ5164" s="91"/>
      <c r="HR5164" s="91"/>
      <c r="HS5164" s="91"/>
      <c r="HT5164" s="91"/>
      <c r="HU5164" s="91"/>
      <c r="HV5164" s="91"/>
      <c r="HW5164" s="91"/>
      <c r="HX5164" s="127"/>
      <c r="HY5164" s="126"/>
      <c r="HZ5164" s="91"/>
      <c r="IA5164" s="91"/>
      <c r="IB5164" s="91"/>
      <c r="IC5164" s="91"/>
      <c r="ID5164" s="91"/>
      <c r="IE5164" s="91"/>
      <c r="IF5164" s="91"/>
      <c r="IG5164" s="91"/>
      <c r="IH5164" s="91"/>
      <c r="II5164" s="91"/>
      <c r="IJ5164" s="91"/>
      <c r="IK5164" s="174"/>
    </row>
    <row r="5165" spans="2:245" x14ac:dyDescent="0.2">
      <c r="B5165" s="43"/>
      <c r="C5165" s="73"/>
      <c r="D5165" s="64"/>
      <c r="E5165" s="64"/>
      <c r="F5165" s="55"/>
      <c r="G5165" s="102"/>
      <c r="H5165" s="97"/>
      <c r="T5165" s="98"/>
      <c r="U5165" s="97"/>
      <c r="AG5165" s="98"/>
      <c r="AY5165" s="164"/>
      <c r="BK5165" s="98"/>
      <c r="BL5165" s="97"/>
      <c r="BX5165" s="98"/>
      <c r="CL5165" s="97"/>
      <c r="CX5165" s="98"/>
      <c r="DL5165" s="97"/>
      <c r="DX5165" s="98"/>
      <c r="EL5165" s="97"/>
      <c r="EX5165" s="98"/>
      <c r="EY5165" s="97"/>
      <c r="FL5165" s="126"/>
      <c r="FM5165" s="91"/>
      <c r="FN5165" s="91"/>
      <c r="FO5165" s="91"/>
      <c r="FP5165" s="91"/>
      <c r="FQ5165" s="91"/>
      <c r="FR5165" s="91"/>
      <c r="FS5165" s="91"/>
      <c r="FT5165" s="91"/>
      <c r="FU5165" s="91"/>
      <c r="FV5165" s="91"/>
      <c r="FW5165" s="91"/>
      <c r="FX5165" s="127"/>
      <c r="FY5165" s="126"/>
      <c r="FZ5165" s="91"/>
      <c r="GA5165" s="91"/>
      <c r="GB5165" s="91"/>
      <c r="GC5165" s="91"/>
      <c r="GD5165" s="91"/>
      <c r="GE5165" s="91"/>
      <c r="GF5165" s="91"/>
      <c r="GG5165" s="91"/>
      <c r="GH5165" s="91"/>
      <c r="GI5165" s="91"/>
      <c r="GJ5165" s="91"/>
      <c r="GK5165" s="127"/>
      <c r="GL5165" s="126"/>
      <c r="GM5165" s="91"/>
      <c r="GN5165" s="91"/>
      <c r="GO5165" s="91"/>
      <c r="GP5165" s="91"/>
      <c r="GQ5165" s="91"/>
      <c r="GR5165" s="91"/>
      <c r="GS5165" s="91"/>
      <c r="GT5165" s="91"/>
      <c r="GU5165" s="91"/>
      <c r="GV5165" s="91"/>
      <c r="GW5165" s="91"/>
      <c r="GX5165" s="127"/>
      <c r="GY5165" s="126"/>
      <c r="GZ5165" s="91"/>
      <c r="HA5165" s="91"/>
      <c r="HB5165" s="91"/>
      <c r="HC5165" s="91"/>
      <c r="HD5165" s="91"/>
      <c r="HE5165" s="91"/>
      <c r="HF5165" s="91"/>
      <c r="HG5165" s="91"/>
      <c r="HH5165" s="91"/>
      <c r="HI5165" s="91"/>
      <c r="HJ5165" s="91"/>
      <c r="HK5165" s="127"/>
      <c r="HL5165" s="126"/>
      <c r="HM5165" s="91"/>
      <c r="HN5165" s="91"/>
      <c r="HO5165" s="91"/>
      <c r="HP5165" s="91"/>
      <c r="HQ5165" s="91"/>
      <c r="HR5165" s="91"/>
      <c r="HS5165" s="91"/>
      <c r="HT5165" s="91"/>
      <c r="HU5165" s="91"/>
      <c r="HV5165" s="91"/>
      <c r="HW5165" s="91"/>
      <c r="HX5165" s="127"/>
      <c r="HY5165" s="126"/>
      <c r="HZ5165" s="91"/>
      <c r="IA5165" s="91"/>
      <c r="IB5165" s="91"/>
      <c r="IC5165" s="91"/>
      <c r="ID5165" s="91"/>
      <c r="IE5165" s="91"/>
      <c r="IF5165" s="91"/>
      <c r="IG5165" s="91"/>
      <c r="IH5165" s="91"/>
      <c r="II5165" s="91"/>
      <c r="IJ5165" s="91"/>
      <c r="IK5165" s="174"/>
    </row>
    <row r="5166" spans="2:245" x14ac:dyDescent="0.2">
      <c r="B5166" s="43"/>
      <c r="C5166" s="73"/>
      <c r="D5166" s="64"/>
      <c r="E5166" s="64"/>
      <c r="F5166" s="55"/>
      <c r="G5166" s="102"/>
      <c r="H5166" s="97"/>
      <c r="T5166" s="98"/>
      <c r="U5166" s="97"/>
      <c r="AG5166" s="98"/>
      <c r="AY5166" s="164"/>
      <c r="BK5166" s="98"/>
      <c r="BL5166" s="97"/>
      <c r="BX5166" s="98"/>
      <c r="CL5166" s="97"/>
      <c r="CX5166" s="98"/>
      <c r="DL5166" s="97"/>
      <c r="DX5166" s="98"/>
      <c r="EL5166" s="97"/>
      <c r="EX5166" s="98"/>
      <c r="EY5166" s="97"/>
      <c r="FL5166" s="126"/>
      <c r="FM5166" s="91"/>
      <c r="FN5166" s="91"/>
      <c r="FO5166" s="91"/>
      <c r="FP5166" s="91"/>
      <c r="FQ5166" s="91"/>
      <c r="FR5166" s="91"/>
      <c r="FS5166" s="91"/>
      <c r="FT5166" s="91"/>
      <c r="FU5166" s="91"/>
      <c r="FV5166" s="91"/>
      <c r="FW5166" s="91"/>
      <c r="FX5166" s="127"/>
      <c r="FY5166" s="126"/>
      <c r="FZ5166" s="91"/>
      <c r="GA5166" s="91"/>
      <c r="GB5166" s="91"/>
      <c r="GC5166" s="91"/>
      <c r="GD5166" s="91"/>
      <c r="GE5166" s="91"/>
      <c r="GF5166" s="91"/>
      <c r="GG5166" s="91"/>
      <c r="GH5166" s="91"/>
      <c r="GI5166" s="91"/>
      <c r="GJ5166" s="91"/>
      <c r="GK5166" s="127"/>
      <c r="GL5166" s="126"/>
      <c r="GM5166" s="91"/>
      <c r="GN5166" s="91"/>
      <c r="GO5166" s="91"/>
      <c r="GP5166" s="91"/>
      <c r="GQ5166" s="91"/>
      <c r="GR5166" s="91"/>
      <c r="GS5166" s="91"/>
      <c r="GT5166" s="91"/>
      <c r="GU5166" s="91"/>
      <c r="GV5166" s="91"/>
      <c r="GW5166" s="91"/>
      <c r="GX5166" s="127"/>
      <c r="GY5166" s="126"/>
      <c r="GZ5166" s="91"/>
      <c r="HA5166" s="91"/>
      <c r="HB5166" s="91"/>
      <c r="HC5166" s="91"/>
      <c r="HD5166" s="91"/>
      <c r="HE5166" s="91"/>
      <c r="HF5166" s="91"/>
      <c r="HG5166" s="91"/>
      <c r="HH5166" s="91"/>
      <c r="HI5166" s="91"/>
      <c r="HJ5166" s="91"/>
      <c r="HK5166" s="127"/>
      <c r="HL5166" s="126"/>
      <c r="HM5166" s="91"/>
      <c r="HN5166" s="91"/>
      <c r="HO5166" s="91"/>
      <c r="HP5166" s="91"/>
      <c r="HQ5166" s="91"/>
      <c r="HR5166" s="91"/>
      <c r="HS5166" s="91"/>
      <c r="HT5166" s="91"/>
      <c r="HU5166" s="91"/>
      <c r="HV5166" s="91"/>
      <c r="HW5166" s="91"/>
      <c r="HX5166" s="127"/>
      <c r="HY5166" s="126"/>
      <c r="HZ5166" s="91"/>
      <c r="IA5166" s="91"/>
      <c r="IB5166" s="91"/>
      <c r="IC5166" s="91"/>
      <c r="ID5166" s="91"/>
      <c r="IE5166" s="91"/>
      <c r="IF5166" s="91"/>
      <c r="IG5166" s="91"/>
      <c r="IH5166" s="91"/>
      <c r="II5166" s="91"/>
      <c r="IJ5166" s="91"/>
      <c r="IK5166" s="174"/>
    </row>
    <row r="5167" spans="2:245" x14ac:dyDescent="0.2">
      <c r="B5167" s="43"/>
      <c r="C5167" s="73"/>
      <c r="D5167" s="64"/>
      <c r="E5167" s="64"/>
      <c r="F5167" s="55"/>
      <c r="G5167" s="102"/>
      <c r="H5167" s="97"/>
      <c r="T5167" s="98"/>
      <c r="U5167" s="97"/>
      <c r="AG5167" s="98"/>
      <c r="AY5167" s="164"/>
      <c r="BK5167" s="98"/>
      <c r="BL5167" s="97"/>
      <c r="BX5167" s="98"/>
      <c r="CL5167" s="97"/>
      <c r="CX5167" s="98"/>
      <c r="DL5167" s="97"/>
      <c r="DX5167" s="98"/>
      <c r="EL5167" s="97"/>
      <c r="EX5167" s="98"/>
      <c r="EY5167" s="97"/>
      <c r="FL5167" s="126"/>
      <c r="FM5167" s="91"/>
      <c r="FN5167" s="91"/>
      <c r="FO5167" s="91"/>
      <c r="FP5167" s="91"/>
      <c r="FQ5167" s="91"/>
      <c r="FR5167" s="91"/>
      <c r="FS5167" s="91"/>
      <c r="FT5167" s="91"/>
      <c r="FU5167" s="91"/>
      <c r="FV5167" s="91"/>
      <c r="FW5167" s="91"/>
      <c r="FX5167" s="127"/>
      <c r="FY5167" s="126"/>
      <c r="FZ5167" s="91"/>
      <c r="GA5167" s="91"/>
      <c r="GB5167" s="91"/>
      <c r="GC5167" s="91"/>
      <c r="GD5167" s="91"/>
      <c r="GE5167" s="91"/>
      <c r="GF5167" s="91"/>
      <c r="GG5167" s="91"/>
      <c r="GH5167" s="91"/>
      <c r="GI5167" s="91"/>
      <c r="GJ5167" s="91"/>
      <c r="GK5167" s="127"/>
      <c r="GL5167" s="126"/>
      <c r="GM5167" s="91"/>
      <c r="GN5167" s="91"/>
      <c r="GO5167" s="91"/>
      <c r="GP5167" s="91"/>
      <c r="GQ5167" s="91"/>
      <c r="GR5167" s="91"/>
      <c r="GS5167" s="91"/>
      <c r="GT5167" s="91"/>
      <c r="GU5167" s="91"/>
      <c r="GV5167" s="91"/>
      <c r="GW5167" s="91"/>
      <c r="GX5167" s="127"/>
      <c r="GY5167" s="126"/>
      <c r="GZ5167" s="91"/>
      <c r="HA5167" s="91"/>
      <c r="HB5167" s="91"/>
      <c r="HC5167" s="91"/>
      <c r="HD5167" s="91"/>
      <c r="HE5167" s="91"/>
      <c r="HF5167" s="91"/>
      <c r="HG5167" s="91"/>
      <c r="HH5167" s="91"/>
      <c r="HI5167" s="91"/>
      <c r="HJ5167" s="91"/>
      <c r="HK5167" s="127"/>
      <c r="HL5167" s="126"/>
      <c r="HM5167" s="91"/>
      <c r="HN5167" s="91"/>
      <c r="HO5167" s="91"/>
      <c r="HP5167" s="91"/>
      <c r="HQ5167" s="91"/>
      <c r="HR5167" s="91"/>
      <c r="HS5167" s="91"/>
      <c r="HT5167" s="91"/>
      <c r="HU5167" s="91"/>
      <c r="HV5167" s="91"/>
      <c r="HW5167" s="91"/>
      <c r="HX5167" s="127"/>
      <c r="HY5167" s="126"/>
      <c r="HZ5167" s="91"/>
      <c r="IA5167" s="91"/>
      <c r="IB5167" s="91"/>
      <c r="IC5167" s="91"/>
      <c r="ID5167" s="91"/>
      <c r="IE5167" s="91"/>
      <c r="IF5167" s="91"/>
      <c r="IG5167" s="91"/>
      <c r="IH5167" s="91"/>
      <c r="II5167" s="91"/>
      <c r="IJ5167" s="91"/>
      <c r="IK5167" s="174"/>
    </row>
    <row r="5168" spans="2:245" x14ac:dyDescent="0.2">
      <c r="B5168" s="43"/>
      <c r="C5168" s="73"/>
      <c r="D5168" s="64"/>
      <c r="E5168" s="64"/>
      <c r="F5168" s="55"/>
      <c r="G5168" s="102"/>
      <c r="H5168" s="97"/>
      <c r="T5168" s="98"/>
      <c r="U5168" s="97"/>
      <c r="AG5168" s="98"/>
      <c r="AY5168" s="164"/>
      <c r="BK5168" s="98"/>
      <c r="BL5168" s="97"/>
      <c r="BX5168" s="98"/>
      <c r="CL5168" s="97"/>
      <c r="CX5168" s="98"/>
      <c r="DL5168" s="97"/>
      <c r="DX5168" s="98"/>
      <c r="EL5168" s="97"/>
      <c r="EX5168" s="98"/>
      <c r="EY5168" s="97"/>
      <c r="FL5168" s="126"/>
      <c r="FM5168" s="91"/>
      <c r="FN5168" s="91"/>
      <c r="FO5168" s="91"/>
      <c r="FP5168" s="91"/>
      <c r="FQ5168" s="91"/>
      <c r="FR5168" s="91"/>
      <c r="FS5168" s="91"/>
      <c r="FT5168" s="91"/>
      <c r="FU5168" s="91"/>
      <c r="FV5168" s="91"/>
      <c r="FW5168" s="91"/>
      <c r="FX5168" s="127"/>
      <c r="FY5168" s="126"/>
      <c r="FZ5168" s="91"/>
      <c r="GA5168" s="91"/>
      <c r="GB5168" s="91"/>
      <c r="GC5168" s="91"/>
      <c r="GD5168" s="91"/>
      <c r="GE5168" s="91"/>
      <c r="GF5168" s="91"/>
      <c r="GG5168" s="91"/>
      <c r="GH5168" s="91"/>
      <c r="GI5168" s="91"/>
      <c r="GJ5168" s="91"/>
      <c r="GK5168" s="127"/>
      <c r="GL5168" s="126"/>
      <c r="GM5168" s="91"/>
      <c r="GN5168" s="91"/>
      <c r="GO5168" s="91"/>
      <c r="GP5168" s="91"/>
      <c r="GQ5168" s="91"/>
      <c r="GR5168" s="91"/>
      <c r="GS5168" s="91"/>
      <c r="GT5168" s="91"/>
      <c r="GU5168" s="91"/>
      <c r="GV5168" s="91"/>
      <c r="GW5168" s="91"/>
      <c r="GX5168" s="127"/>
      <c r="GY5168" s="126"/>
      <c r="GZ5168" s="91"/>
      <c r="HA5168" s="91"/>
      <c r="HB5168" s="91"/>
      <c r="HC5168" s="91"/>
      <c r="HD5168" s="91"/>
      <c r="HE5168" s="91"/>
      <c r="HF5168" s="91"/>
      <c r="HG5168" s="91"/>
      <c r="HH5168" s="91"/>
      <c r="HI5168" s="91"/>
      <c r="HJ5168" s="91"/>
      <c r="HK5168" s="127"/>
      <c r="HL5168" s="126"/>
      <c r="HM5168" s="91"/>
      <c r="HN5168" s="91"/>
      <c r="HO5168" s="91"/>
      <c r="HP5168" s="91"/>
      <c r="HQ5168" s="91"/>
      <c r="HR5168" s="91"/>
      <c r="HS5168" s="91"/>
      <c r="HT5168" s="91"/>
      <c r="HU5168" s="91"/>
      <c r="HV5168" s="91"/>
      <c r="HW5168" s="91"/>
      <c r="HX5168" s="127"/>
      <c r="HY5168" s="126"/>
      <c r="HZ5168" s="91"/>
      <c r="IA5168" s="91"/>
      <c r="IB5168" s="91"/>
      <c r="IC5168" s="91"/>
      <c r="ID5168" s="91"/>
      <c r="IE5168" s="91"/>
      <c r="IF5168" s="91"/>
      <c r="IG5168" s="91"/>
      <c r="IH5168" s="91"/>
      <c r="II5168" s="91"/>
      <c r="IJ5168" s="91"/>
      <c r="IK5168" s="174"/>
    </row>
    <row r="5169" spans="2:245" x14ac:dyDescent="0.2">
      <c r="B5169" s="43"/>
      <c r="C5169" s="73"/>
      <c r="D5169" s="64"/>
      <c r="E5169" s="64"/>
      <c r="F5169" s="55"/>
      <c r="G5169" s="102"/>
      <c r="H5169" s="97"/>
      <c r="T5169" s="98"/>
      <c r="U5169" s="97"/>
      <c r="AG5169" s="98"/>
      <c r="AY5169" s="164"/>
      <c r="BK5169" s="98"/>
      <c r="BL5169" s="97"/>
      <c r="BX5169" s="98"/>
      <c r="CL5169" s="97"/>
      <c r="CX5169" s="98"/>
      <c r="DL5169" s="97"/>
      <c r="DX5169" s="98"/>
      <c r="EL5169" s="97"/>
      <c r="EX5169" s="98"/>
      <c r="EY5169" s="97"/>
      <c r="FL5169" s="126"/>
      <c r="FM5169" s="91"/>
      <c r="FN5169" s="91"/>
      <c r="FO5169" s="91"/>
      <c r="FP5169" s="91"/>
      <c r="FQ5169" s="91"/>
      <c r="FR5169" s="91"/>
      <c r="FS5169" s="91"/>
      <c r="FT5169" s="91"/>
      <c r="FU5169" s="91"/>
      <c r="FV5169" s="91"/>
      <c r="FW5169" s="91"/>
      <c r="FX5169" s="127"/>
      <c r="FY5169" s="126"/>
      <c r="FZ5169" s="91"/>
      <c r="GA5169" s="91"/>
      <c r="GB5169" s="91"/>
      <c r="GC5169" s="91"/>
      <c r="GD5169" s="91"/>
      <c r="GE5169" s="91"/>
      <c r="GF5169" s="91"/>
      <c r="GG5169" s="91"/>
      <c r="GH5169" s="91"/>
      <c r="GI5169" s="91"/>
      <c r="GJ5169" s="91"/>
      <c r="GK5169" s="127"/>
      <c r="GL5169" s="126"/>
      <c r="GM5169" s="91"/>
      <c r="GN5169" s="91"/>
      <c r="GO5169" s="91"/>
      <c r="GP5169" s="91"/>
      <c r="GQ5169" s="91"/>
      <c r="GR5169" s="91"/>
      <c r="GS5169" s="91"/>
      <c r="GT5169" s="91"/>
      <c r="GU5169" s="91"/>
      <c r="GV5169" s="91"/>
      <c r="GW5169" s="91"/>
      <c r="GX5169" s="127"/>
      <c r="GY5169" s="126"/>
      <c r="GZ5169" s="91"/>
      <c r="HA5169" s="91"/>
      <c r="HB5169" s="91"/>
      <c r="HC5169" s="91"/>
      <c r="HD5169" s="91"/>
      <c r="HE5169" s="91"/>
      <c r="HF5169" s="91"/>
      <c r="HG5169" s="91"/>
      <c r="HH5169" s="91"/>
      <c r="HI5169" s="91"/>
      <c r="HJ5169" s="91"/>
      <c r="HK5169" s="127"/>
      <c r="HL5169" s="126"/>
      <c r="HM5169" s="91"/>
      <c r="HN5169" s="91"/>
      <c r="HO5169" s="91"/>
      <c r="HP5169" s="91"/>
      <c r="HQ5169" s="91"/>
      <c r="HR5169" s="91"/>
      <c r="HS5169" s="91"/>
      <c r="HT5169" s="91"/>
      <c r="HU5169" s="91"/>
      <c r="HV5169" s="91"/>
      <c r="HW5169" s="91"/>
      <c r="HX5169" s="127"/>
      <c r="HY5169" s="126"/>
      <c r="HZ5169" s="91"/>
      <c r="IA5169" s="91"/>
      <c r="IB5169" s="91"/>
      <c r="IC5169" s="91"/>
      <c r="ID5169" s="91"/>
      <c r="IE5169" s="91"/>
      <c r="IF5169" s="91"/>
      <c r="IG5169" s="91"/>
      <c r="IH5169" s="91"/>
      <c r="II5169" s="91"/>
      <c r="IJ5169" s="91"/>
      <c r="IK5169" s="174"/>
    </row>
    <row r="5170" spans="2:245" x14ac:dyDescent="0.2">
      <c r="B5170" s="43"/>
      <c r="C5170" s="73"/>
      <c r="D5170" s="64"/>
      <c r="E5170" s="64"/>
      <c r="F5170" s="55"/>
      <c r="G5170" s="102"/>
      <c r="H5170" s="97"/>
      <c r="T5170" s="98"/>
      <c r="U5170" s="97"/>
      <c r="AG5170" s="98"/>
      <c r="AY5170" s="164"/>
      <c r="BK5170" s="98"/>
      <c r="BL5170" s="97"/>
      <c r="BX5170" s="98"/>
      <c r="CL5170" s="97"/>
      <c r="CX5170" s="98"/>
      <c r="DL5170" s="97"/>
      <c r="DX5170" s="98"/>
      <c r="EL5170" s="97"/>
      <c r="EX5170" s="98"/>
      <c r="EY5170" s="97"/>
      <c r="FL5170" s="126"/>
      <c r="FM5170" s="91"/>
      <c r="FN5170" s="91"/>
      <c r="FO5170" s="91"/>
      <c r="FP5170" s="91"/>
      <c r="FQ5170" s="91"/>
      <c r="FR5170" s="91"/>
      <c r="FS5170" s="91"/>
      <c r="FT5170" s="91"/>
      <c r="FU5170" s="91"/>
      <c r="FV5170" s="91"/>
      <c r="FW5170" s="91"/>
      <c r="FX5170" s="127"/>
      <c r="FY5170" s="126"/>
      <c r="FZ5170" s="91"/>
      <c r="GA5170" s="91"/>
      <c r="GB5170" s="91"/>
      <c r="GC5170" s="91"/>
      <c r="GD5170" s="91"/>
      <c r="GE5170" s="91"/>
      <c r="GF5170" s="91"/>
      <c r="GG5170" s="91"/>
      <c r="GH5170" s="91"/>
      <c r="GI5170" s="91"/>
      <c r="GJ5170" s="91"/>
      <c r="GK5170" s="127"/>
      <c r="GL5170" s="126"/>
      <c r="GM5170" s="91"/>
      <c r="GN5170" s="91"/>
      <c r="GO5170" s="91"/>
      <c r="GP5170" s="91"/>
      <c r="GQ5170" s="91"/>
      <c r="GR5170" s="91"/>
      <c r="GS5170" s="91"/>
      <c r="GT5170" s="91"/>
      <c r="GU5170" s="91"/>
      <c r="GV5170" s="91"/>
      <c r="GW5170" s="91"/>
      <c r="GX5170" s="127"/>
      <c r="GY5170" s="126"/>
      <c r="GZ5170" s="91"/>
      <c r="HA5170" s="91"/>
      <c r="HB5170" s="91"/>
      <c r="HC5170" s="91"/>
      <c r="HD5170" s="91"/>
      <c r="HE5170" s="91"/>
      <c r="HF5170" s="91"/>
      <c r="HG5170" s="91"/>
      <c r="HH5170" s="91"/>
      <c r="HI5170" s="91"/>
      <c r="HJ5170" s="91"/>
      <c r="HK5170" s="127"/>
      <c r="HL5170" s="126"/>
      <c r="HM5170" s="91"/>
      <c r="HN5170" s="91"/>
      <c r="HO5170" s="91"/>
      <c r="HP5170" s="91"/>
      <c r="HQ5170" s="91"/>
      <c r="HR5170" s="91"/>
      <c r="HS5170" s="91"/>
      <c r="HT5170" s="91"/>
      <c r="HU5170" s="91"/>
      <c r="HV5170" s="91"/>
      <c r="HW5170" s="91"/>
      <c r="HX5170" s="127"/>
      <c r="HY5170" s="126"/>
      <c r="HZ5170" s="91"/>
      <c r="IA5170" s="91"/>
      <c r="IB5170" s="91"/>
      <c r="IC5170" s="91"/>
      <c r="ID5170" s="91"/>
      <c r="IE5170" s="91"/>
      <c r="IF5170" s="91"/>
      <c r="IG5170" s="91"/>
      <c r="IH5170" s="91"/>
      <c r="II5170" s="91"/>
      <c r="IJ5170" s="91"/>
      <c r="IK5170" s="174"/>
    </row>
    <row r="5171" spans="2:245" x14ac:dyDescent="0.2">
      <c r="B5171" s="43"/>
      <c r="C5171" s="73"/>
      <c r="D5171" s="64"/>
      <c r="E5171" s="64"/>
      <c r="F5171" s="55"/>
      <c r="G5171" s="102"/>
      <c r="H5171" s="97"/>
      <c r="T5171" s="98"/>
      <c r="U5171" s="97"/>
      <c r="AG5171" s="98"/>
      <c r="AY5171" s="164"/>
      <c r="BK5171" s="98"/>
      <c r="BL5171" s="97"/>
      <c r="BX5171" s="98"/>
      <c r="CL5171" s="97"/>
      <c r="CX5171" s="98"/>
      <c r="DL5171" s="97"/>
      <c r="DX5171" s="98"/>
      <c r="EL5171" s="97"/>
      <c r="EX5171" s="98"/>
      <c r="EY5171" s="97"/>
      <c r="FL5171" s="126"/>
      <c r="FM5171" s="91"/>
      <c r="FN5171" s="91"/>
      <c r="FO5171" s="91"/>
      <c r="FP5171" s="91"/>
      <c r="FQ5171" s="91"/>
      <c r="FR5171" s="91"/>
      <c r="FS5171" s="91"/>
      <c r="FT5171" s="91"/>
      <c r="FU5171" s="91"/>
      <c r="FV5171" s="91"/>
      <c r="FW5171" s="91"/>
      <c r="FX5171" s="127"/>
      <c r="FY5171" s="126"/>
      <c r="FZ5171" s="91"/>
      <c r="GA5171" s="91"/>
      <c r="GB5171" s="91"/>
      <c r="GC5171" s="91"/>
      <c r="GD5171" s="91"/>
      <c r="GE5171" s="91"/>
      <c r="GF5171" s="91"/>
      <c r="GG5171" s="91"/>
      <c r="GH5171" s="91"/>
      <c r="GI5171" s="91"/>
      <c r="GJ5171" s="91"/>
      <c r="GK5171" s="127"/>
      <c r="GL5171" s="126"/>
      <c r="GM5171" s="91"/>
      <c r="GN5171" s="91"/>
      <c r="GO5171" s="91"/>
      <c r="GP5171" s="91"/>
      <c r="GQ5171" s="91"/>
      <c r="GR5171" s="91"/>
      <c r="GS5171" s="91"/>
      <c r="GT5171" s="91"/>
      <c r="GU5171" s="91"/>
      <c r="GV5171" s="91"/>
      <c r="GW5171" s="91"/>
      <c r="GX5171" s="127"/>
      <c r="GY5171" s="126"/>
      <c r="GZ5171" s="91"/>
      <c r="HA5171" s="91"/>
      <c r="HB5171" s="91"/>
      <c r="HC5171" s="91"/>
      <c r="HD5171" s="91"/>
      <c r="HE5171" s="91"/>
      <c r="HF5171" s="91"/>
      <c r="HG5171" s="91"/>
      <c r="HH5171" s="91"/>
      <c r="HI5171" s="91"/>
      <c r="HJ5171" s="91"/>
      <c r="HK5171" s="127"/>
      <c r="HL5171" s="126"/>
      <c r="HM5171" s="91"/>
      <c r="HN5171" s="91"/>
      <c r="HO5171" s="91"/>
      <c r="HP5171" s="91"/>
      <c r="HQ5171" s="91"/>
      <c r="HR5171" s="91"/>
      <c r="HS5171" s="91"/>
      <c r="HT5171" s="91"/>
      <c r="HU5171" s="91"/>
      <c r="HV5171" s="91"/>
      <c r="HW5171" s="91"/>
      <c r="HX5171" s="127"/>
      <c r="HY5171" s="126"/>
      <c r="HZ5171" s="91"/>
      <c r="IA5171" s="91"/>
      <c r="IB5171" s="91"/>
      <c r="IC5171" s="91"/>
      <c r="ID5171" s="91"/>
      <c r="IE5171" s="91"/>
      <c r="IF5171" s="91"/>
      <c r="IG5171" s="91"/>
      <c r="IH5171" s="91"/>
      <c r="II5171" s="91"/>
      <c r="IJ5171" s="91"/>
      <c r="IK5171" s="174"/>
    </row>
    <row r="5172" spans="2:245" x14ac:dyDescent="0.2">
      <c r="B5172" s="43"/>
      <c r="C5172" s="73"/>
      <c r="D5172" s="64"/>
      <c r="E5172" s="64"/>
      <c r="F5172" s="55"/>
      <c r="G5172" s="102"/>
      <c r="H5172" s="97"/>
      <c r="T5172" s="98"/>
      <c r="U5172" s="97"/>
      <c r="AG5172" s="98"/>
      <c r="AY5172" s="164"/>
      <c r="BK5172" s="98"/>
      <c r="BL5172" s="97"/>
      <c r="BX5172" s="98"/>
      <c r="CL5172" s="97"/>
      <c r="CX5172" s="98"/>
      <c r="DL5172" s="97"/>
      <c r="DX5172" s="98"/>
      <c r="EL5172" s="97"/>
      <c r="EX5172" s="98"/>
      <c r="EY5172" s="97"/>
      <c r="FL5172" s="126"/>
      <c r="FM5172" s="91"/>
      <c r="FN5172" s="91"/>
      <c r="FO5172" s="91"/>
      <c r="FP5172" s="91"/>
      <c r="FQ5172" s="91"/>
      <c r="FR5172" s="91"/>
      <c r="FS5172" s="91"/>
      <c r="FT5172" s="91"/>
      <c r="FU5172" s="91"/>
      <c r="FV5172" s="91"/>
      <c r="FW5172" s="91"/>
      <c r="FX5172" s="127"/>
      <c r="FY5172" s="126"/>
      <c r="FZ5172" s="91"/>
      <c r="GA5172" s="91"/>
      <c r="GB5172" s="91"/>
      <c r="GC5172" s="91"/>
      <c r="GD5172" s="91"/>
      <c r="GE5172" s="91"/>
      <c r="GF5172" s="91"/>
      <c r="GG5172" s="91"/>
      <c r="GH5172" s="91"/>
      <c r="GI5172" s="91"/>
      <c r="GJ5172" s="91"/>
      <c r="GK5172" s="127"/>
      <c r="GL5172" s="126"/>
      <c r="GM5172" s="91"/>
      <c r="GN5172" s="91"/>
      <c r="GO5172" s="91"/>
      <c r="GP5172" s="91"/>
      <c r="GQ5172" s="91"/>
      <c r="GR5172" s="91"/>
      <c r="GS5172" s="91"/>
      <c r="GT5172" s="91"/>
      <c r="GU5172" s="91"/>
      <c r="GV5172" s="91"/>
      <c r="GW5172" s="91"/>
      <c r="GX5172" s="127"/>
      <c r="GY5172" s="126"/>
      <c r="GZ5172" s="91"/>
      <c r="HA5172" s="91"/>
      <c r="HB5172" s="91"/>
      <c r="HC5172" s="91"/>
      <c r="HD5172" s="91"/>
      <c r="HE5172" s="91"/>
      <c r="HF5172" s="91"/>
      <c r="HG5172" s="91"/>
      <c r="HH5172" s="91"/>
      <c r="HI5172" s="91"/>
      <c r="HJ5172" s="91"/>
      <c r="HK5172" s="127"/>
      <c r="HL5172" s="126"/>
      <c r="HM5172" s="91"/>
      <c r="HN5172" s="91"/>
      <c r="HO5172" s="91"/>
      <c r="HP5172" s="91"/>
      <c r="HQ5172" s="91"/>
      <c r="HR5172" s="91"/>
      <c r="HS5172" s="91"/>
      <c r="HT5172" s="91"/>
      <c r="HU5172" s="91"/>
      <c r="HV5172" s="91"/>
      <c r="HW5172" s="91"/>
      <c r="HX5172" s="127"/>
      <c r="HY5172" s="126"/>
      <c r="HZ5172" s="91"/>
      <c r="IA5172" s="91"/>
      <c r="IB5172" s="91"/>
      <c r="IC5172" s="91"/>
      <c r="ID5172" s="91"/>
      <c r="IE5172" s="91"/>
      <c r="IF5172" s="91"/>
      <c r="IG5172" s="91"/>
      <c r="IH5172" s="91"/>
      <c r="II5172" s="91"/>
      <c r="IJ5172" s="91"/>
      <c r="IK5172" s="174"/>
    </row>
    <row r="5173" spans="2:245" x14ac:dyDescent="0.2">
      <c r="B5173" s="43"/>
      <c r="C5173" s="73"/>
      <c r="D5173" s="64"/>
      <c r="E5173" s="64"/>
      <c r="F5173" s="55"/>
      <c r="G5173" s="102"/>
      <c r="H5173" s="97"/>
      <c r="T5173" s="98"/>
      <c r="U5173" s="97"/>
      <c r="AG5173" s="98"/>
      <c r="AY5173" s="164"/>
      <c r="BK5173" s="98"/>
      <c r="BL5173" s="97"/>
      <c r="BX5173" s="98"/>
      <c r="CL5173" s="97"/>
      <c r="CX5173" s="98"/>
      <c r="DL5173" s="97"/>
      <c r="DX5173" s="98"/>
      <c r="EL5173" s="97"/>
      <c r="EX5173" s="98"/>
      <c r="EY5173" s="97"/>
      <c r="FL5173" s="126"/>
      <c r="FM5173" s="91"/>
      <c r="FN5173" s="91"/>
      <c r="FO5173" s="91"/>
      <c r="FP5173" s="91"/>
      <c r="FQ5173" s="91"/>
      <c r="FR5173" s="91"/>
      <c r="FS5173" s="91"/>
      <c r="FT5173" s="91"/>
      <c r="FU5173" s="91"/>
      <c r="FV5173" s="91"/>
      <c r="FW5173" s="91"/>
      <c r="FX5173" s="127"/>
      <c r="FY5173" s="126"/>
      <c r="FZ5173" s="91"/>
      <c r="GA5173" s="91"/>
      <c r="GB5173" s="91"/>
      <c r="GC5173" s="91"/>
      <c r="GD5173" s="91"/>
      <c r="GE5173" s="91"/>
      <c r="GF5173" s="91"/>
      <c r="GG5173" s="91"/>
      <c r="GH5173" s="91"/>
      <c r="GI5173" s="91"/>
      <c r="GJ5173" s="91"/>
      <c r="GK5173" s="127"/>
      <c r="GL5173" s="126"/>
      <c r="GM5173" s="91"/>
      <c r="GN5173" s="91"/>
      <c r="GO5173" s="91"/>
      <c r="GP5173" s="91"/>
      <c r="GQ5173" s="91"/>
      <c r="GR5173" s="91"/>
      <c r="GS5173" s="91"/>
      <c r="GT5173" s="91"/>
      <c r="GU5173" s="91"/>
      <c r="GV5173" s="91"/>
      <c r="GW5173" s="91"/>
      <c r="GX5173" s="127"/>
      <c r="GY5173" s="126"/>
      <c r="GZ5173" s="91"/>
      <c r="HA5173" s="91"/>
      <c r="HB5173" s="91"/>
      <c r="HC5173" s="91"/>
      <c r="HD5173" s="91"/>
      <c r="HE5173" s="91"/>
      <c r="HF5173" s="91"/>
      <c r="HG5173" s="91"/>
      <c r="HH5173" s="91"/>
      <c r="HI5173" s="91"/>
      <c r="HJ5173" s="91"/>
      <c r="HK5173" s="127"/>
      <c r="HL5173" s="126"/>
      <c r="HM5173" s="91"/>
      <c r="HN5173" s="91"/>
      <c r="HO5173" s="91"/>
      <c r="HP5173" s="91"/>
      <c r="HQ5173" s="91"/>
      <c r="HR5173" s="91"/>
      <c r="HS5173" s="91"/>
      <c r="HT5173" s="91"/>
      <c r="HU5173" s="91"/>
      <c r="HV5173" s="91"/>
      <c r="HW5173" s="91"/>
      <c r="HX5173" s="127"/>
      <c r="HY5173" s="126"/>
      <c r="HZ5173" s="91"/>
      <c r="IA5173" s="91"/>
      <c r="IB5173" s="91"/>
      <c r="IC5173" s="91"/>
      <c r="ID5173" s="91"/>
      <c r="IE5173" s="91"/>
      <c r="IF5173" s="91"/>
      <c r="IG5173" s="91"/>
      <c r="IH5173" s="91"/>
      <c r="II5173" s="91"/>
      <c r="IJ5173" s="91"/>
      <c r="IK5173" s="174"/>
    </row>
    <row r="5174" spans="2:245" x14ac:dyDescent="0.2">
      <c r="B5174" s="43"/>
      <c r="C5174" s="73"/>
      <c r="D5174" s="64"/>
      <c r="E5174" s="64"/>
      <c r="F5174" s="55"/>
      <c r="G5174" s="102"/>
      <c r="H5174" s="97"/>
      <c r="T5174" s="98"/>
      <c r="U5174" s="97"/>
      <c r="AG5174" s="98"/>
      <c r="AY5174" s="164"/>
      <c r="BK5174" s="98"/>
      <c r="BL5174" s="97"/>
      <c r="BX5174" s="98"/>
      <c r="CL5174" s="97"/>
      <c r="CX5174" s="98"/>
      <c r="DL5174" s="97"/>
      <c r="DX5174" s="98"/>
      <c r="EL5174" s="97"/>
      <c r="EX5174" s="98"/>
      <c r="EY5174" s="97"/>
      <c r="FL5174" s="126"/>
      <c r="FM5174" s="91"/>
      <c r="FN5174" s="91"/>
      <c r="FO5174" s="91"/>
      <c r="FP5174" s="91"/>
      <c r="FQ5174" s="91"/>
      <c r="FR5174" s="91"/>
      <c r="FS5174" s="91"/>
      <c r="FT5174" s="91"/>
      <c r="FU5174" s="91"/>
      <c r="FV5174" s="91"/>
      <c r="FW5174" s="91"/>
      <c r="FX5174" s="127"/>
      <c r="FY5174" s="126"/>
      <c r="FZ5174" s="91"/>
      <c r="GA5174" s="91"/>
      <c r="GB5174" s="91"/>
      <c r="GC5174" s="91"/>
      <c r="GD5174" s="91"/>
      <c r="GE5174" s="91"/>
      <c r="GF5174" s="91"/>
      <c r="GG5174" s="91"/>
      <c r="GH5174" s="91"/>
      <c r="GI5174" s="91"/>
      <c r="GJ5174" s="91"/>
      <c r="GK5174" s="127"/>
      <c r="GL5174" s="126"/>
      <c r="GM5174" s="91"/>
      <c r="GN5174" s="91"/>
      <c r="GO5174" s="91"/>
      <c r="GP5174" s="91"/>
      <c r="GQ5174" s="91"/>
      <c r="GR5174" s="91"/>
      <c r="GS5174" s="91"/>
      <c r="GT5174" s="91"/>
      <c r="GU5174" s="91"/>
      <c r="GV5174" s="91"/>
      <c r="GW5174" s="91"/>
      <c r="GX5174" s="127"/>
      <c r="GY5174" s="126"/>
      <c r="GZ5174" s="91"/>
      <c r="HA5174" s="91"/>
      <c r="HB5174" s="91"/>
      <c r="HC5174" s="91"/>
      <c r="HD5174" s="91"/>
      <c r="HE5174" s="91"/>
      <c r="HF5174" s="91"/>
      <c r="HG5174" s="91"/>
      <c r="HH5174" s="91"/>
      <c r="HI5174" s="91"/>
      <c r="HJ5174" s="91"/>
      <c r="HK5174" s="127"/>
      <c r="HL5174" s="126"/>
      <c r="HM5174" s="91"/>
      <c r="HN5174" s="91"/>
      <c r="HO5174" s="91"/>
      <c r="HP5174" s="91"/>
      <c r="HQ5174" s="91"/>
      <c r="HR5174" s="91"/>
      <c r="HS5174" s="91"/>
      <c r="HT5174" s="91"/>
      <c r="HU5174" s="91"/>
      <c r="HV5174" s="91"/>
      <c r="HW5174" s="91"/>
      <c r="HX5174" s="127"/>
      <c r="HY5174" s="126"/>
      <c r="HZ5174" s="91"/>
      <c r="IA5174" s="91"/>
      <c r="IB5174" s="91"/>
      <c r="IC5174" s="91"/>
      <c r="ID5174" s="91"/>
      <c r="IE5174" s="91"/>
      <c r="IF5174" s="91"/>
      <c r="IG5174" s="91"/>
      <c r="IH5174" s="91"/>
      <c r="II5174" s="91"/>
      <c r="IJ5174" s="91"/>
      <c r="IK5174" s="174"/>
    </row>
    <row r="5175" spans="2:245" x14ac:dyDescent="0.2">
      <c r="B5175" s="43"/>
      <c r="C5175" s="73"/>
      <c r="D5175" s="64"/>
      <c r="E5175" s="64"/>
      <c r="F5175" s="55"/>
      <c r="G5175" s="102"/>
      <c r="H5175" s="97"/>
      <c r="T5175" s="98"/>
      <c r="U5175" s="97"/>
      <c r="AG5175" s="98"/>
      <c r="AY5175" s="164"/>
      <c r="BK5175" s="98"/>
      <c r="BL5175" s="97"/>
      <c r="BX5175" s="98"/>
      <c r="CL5175" s="97"/>
      <c r="CX5175" s="98"/>
      <c r="DL5175" s="97"/>
      <c r="DX5175" s="98"/>
      <c r="EL5175" s="97"/>
      <c r="EX5175" s="98"/>
      <c r="EY5175" s="97"/>
      <c r="FL5175" s="126"/>
      <c r="FM5175" s="91"/>
      <c r="FN5175" s="91"/>
      <c r="FO5175" s="91"/>
      <c r="FP5175" s="91"/>
      <c r="FQ5175" s="91"/>
      <c r="FR5175" s="91"/>
      <c r="FS5175" s="91"/>
      <c r="FT5175" s="91"/>
      <c r="FU5175" s="91"/>
      <c r="FV5175" s="91"/>
      <c r="FW5175" s="91"/>
      <c r="FX5175" s="127"/>
      <c r="FY5175" s="126"/>
      <c r="FZ5175" s="91"/>
      <c r="GA5175" s="91"/>
      <c r="GB5175" s="91"/>
      <c r="GC5175" s="91"/>
      <c r="GD5175" s="91"/>
      <c r="GE5175" s="91"/>
      <c r="GF5175" s="91"/>
      <c r="GG5175" s="91"/>
      <c r="GH5175" s="91"/>
      <c r="GI5175" s="91"/>
      <c r="GJ5175" s="91"/>
      <c r="GK5175" s="127"/>
      <c r="GL5175" s="126"/>
      <c r="GM5175" s="91"/>
      <c r="GN5175" s="91"/>
      <c r="GO5175" s="91"/>
      <c r="GP5175" s="91"/>
      <c r="GQ5175" s="91"/>
      <c r="GR5175" s="91"/>
      <c r="GS5175" s="91"/>
      <c r="GT5175" s="91"/>
      <c r="GU5175" s="91"/>
      <c r="GV5175" s="91"/>
      <c r="GW5175" s="91"/>
      <c r="GX5175" s="127"/>
      <c r="GY5175" s="126"/>
      <c r="GZ5175" s="91"/>
      <c r="HA5175" s="91"/>
      <c r="HB5175" s="91"/>
      <c r="HC5175" s="91"/>
      <c r="HD5175" s="91"/>
      <c r="HE5175" s="91"/>
      <c r="HF5175" s="91"/>
      <c r="HG5175" s="91"/>
      <c r="HH5175" s="91"/>
      <c r="HI5175" s="91"/>
      <c r="HJ5175" s="91"/>
      <c r="HK5175" s="127"/>
      <c r="HL5175" s="126"/>
      <c r="HM5175" s="91"/>
      <c r="HN5175" s="91"/>
      <c r="HO5175" s="91"/>
      <c r="HP5175" s="91"/>
      <c r="HQ5175" s="91"/>
      <c r="HR5175" s="91"/>
      <c r="HS5175" s="91"/>
      <c r="HT5175" s="91"/>
      <c r="HU5175" s="91"/>
      <c r="HV5175" s="91"/>
      <c r="HW5175" s="91"/>
      <c r="HX5175" s="127"/>
      <c r="HY5175" s="126"/>
      <c r="HZ5175" s="91"/>
      <c r="IA5175" s="91"/>
      <c r="IB5175" s="91"/>
      <c r="IC5175" s="91"/>
      <c r="ID5175" s="91"/>
      <c r="IE5175" s="91"/>
      <c r="IF5175" s="91"/>
      <c r="IG5175" s="91"/>
      <c r="IH5175" s="91"/>
      <c r="II5175" s="91"/>
      <c r="IJ5175" s="91"/>
      <c r="IK5175" s="174"/>
    </row>
    <row r="5176" spans="2:245" x14ac:dyDescent="0.2">
      <c r="B5176" s="43"/>
      <c r="C5176" s="73"/>
      <c r="D5176" s="64"/>
      <c r="E5176" s="64"/>
      <c r="F5176" s="55"/>
      <c r="G5176" s="102"/>
      <c r="H5176" s="97"/>
      <c r="T5176" s="98"/>
      <c r="U5176" s="97"/>
      <c r="AG5176" s="98"/>
      <c r="AY5176" s="164"/>
      <c r="BK5176" s="98"/>
      <c r="BL5176" s="97"/>
      <c r="BX5176" s="98"/>
      <c r="CL5176" s="97"/>
      <c r="CX5176" s="98"/>
      <c r="DL5176" s="97"/>
      <c r="DX5176" s="98"/>
      <c r="EL5176" s="97"/>
      <c r="EX5176" s="98"/>
      <c r="EY5176" s="97"/>
      <c r="FL5176" s="126"/>
      <c r="FM5176" s="91"/>
      <c r="FN5176" s="91"/>
      <c r="FO5176" s="91"/>
      <c r="FP5176" s="91"/>
      <c r="FQ5176" s="91"/>
      <c r="FR5176" s="91"/>
      <c r="FS5176" s="91"/>
      <c r="FT5176" s="91"/>
      <c r="FU5176" s="91"/>
      <c r="FV5176" s="91"/>
      <c r="FW5176" s="91"/>
      <c r="FX5176" s="127"/>
      <c r="FY5176" s="126"/>
      <c r="FZ5176" s="91"/>
      <c r="GA5176" s="91"/>
      <c r="GB5176" s="91"/>
      <c r="GC5176" s="91"/>
      <c r="GD5176" s="91"/>
      <c r="GE5176" s="91"/>
      <c r="GF5176" s="91"/>
      <c r="GG5176" s="91"/>
      <c r="GH5176" s="91"/>
      <c r="GI5176" s="91"/>
      <c r="GJ5176" s="91"/>
      <c r="GK5176" s="127"/>
      <c r="GL5176" s="126"/>
      <c r="GM5176" s="91"/>
      <c r="GN5176" s="91"/>
      <c r="GO5176" s="91"/>
      <c r="GP5176" s="91"/>
      <c r="GQ5176" s="91"/>
      <c r="GR5176" s="91"/>
      <c r="GS5176" s="91"/>
      <c r="GT5176" s="91"/>
      <c r="GU5176" s="91"/>
      <c r="GV5176" s="91"/>
      <c r="GW5176" s="91"/>
      <c r="GX5176" s="127"/>
      <c r="GY5176" s="126"/>
      <c r="GZ5176" s="91"/>
      <c r="HA5176" s="91"/>
      <c r="HB5176" s="91"/>
      <c r="HC5176" s="91"/>
      <c r="HD5176" s="91"/>
      <c r="HE5176" s="91"/>
      <c r="HF5176" s="91"/>
      <c r="HG5176" s="91"/>
      <c r="HH5176" s="91"/>
      <c r="HI5176" s="91"/>
      <c r="HJ5176" s="91"/>
      <c r="HK5176" s="127"/>
      <c r="HL5176" s="126"/>
      <c r="HM5176" s="91"/>
      <c r="HN5176" s="91"/>
      <c r="HO5176" s="91"/>
      <c r="HP5176" s="91"/>
      <c r="HQ5176" s="91"/>
      <c r="HR5176" s="91"/>
      <c r="HS5176" s="91"/>
      <c r="HT5176" s="91"/>
      <c r="HU5176" s="91"/>
      <c r="HV5176" s="91"/>
      <c r="HW5176" s="91"/>
      <c r="HX5176" s="127"/>
      <c r="HY5176" s="126"/>
      <c r="HZ5176" s="91"/>
      <c r="IA5176" s="91"/>
      <c r="IB5176" s="91"/>
      <c r="IC5176" s="91"/>
      <c r="ID5176" s="91"/>
      <c r="IE5176" s="91"/>
      <c r="IF5176" s="91"/>
      <c r="IG5176" s="91"/>
      <c r="IH5176" s="91"/>
      <c r="II5176" s="91"/>
      <c r="IJ5176" s="91"/>
      <c r="IK5176" s="174"/>
    </row>
    <row r="5177" spans="2:245" x14ac:dyDescent="0.2">
      <c r="B5177" s="43"/>
      <c r="C5177" s="73"/>
      <c r="D5177" s="64"/>
      <c r="E5177" s="64"/>
      <c r="F5177" s="55"/>
      <c r="G5177" s="102"/>
      <c r="H5177" s="97"/>
      <c r="T5177" s="98"/>
      <c r="U5177" s="97"/>
      <c r="AG5177" s="98"/>
      <c r="AY5177" s="164"/>
      <c r="BK5177" s="98"/>
      <c r="BL5177" s="97"/>
      <c r="BX5177" s="98"/>
      <c r="CL5177" s="97"/>
      <c r="CX5177" s="98"/>
      <c r="DL5177" s="97"/>
      <c r="DX5177" s="98"/>
      <c r="EL5177" s="97"/>
      <c r="EX5177" s="98"/>
      <c r="EY5177" s="97"/>
      <c r="FL5177" s="126"/>
      <c r="FM5177" s="91"/>
      <c r="FN5177" s="91"/>
      <c r="FO5177" s="91"/>
      <c r="FP5177" s="91"/>
      <c r="FQ5177" s="91"/>
      <c r="FR5177" s="91"/>
      <c r="FS5177" s="91"/>
      <c r="FT5177" s="91"/>
      <c r="FU5177" s="91"/>
      <c r="FV5177" s="91"/>
      <c r="FW5177" s="91"/>
      <c r="FX5177" s="127"/>
      <c r="FY5177" s="126"/>
      <c r="FZ5177" s="91"/>
      <c r="GA5177" s="91"/>
      <c r="GB5177" s="91"/>
      <c r="GC5177" s="91"/>
      <c r="GD5177" s="91"/>
      <c r="GE5177" s="91"/>
      <c r="GF5177" s="91"/>
      <c r="GG5177" s="91"/>
      <c r="GH5177" s="91"/>
      <c r="GI5177" s="91"/>
      <c r="GJ5177" s="91"/>
      <c r="GK5177" s="127"/>
      <c r="GL5177" s="126"/>
      <c r="GM5177" s="91"/>
      <c r="GN5177" s="91"/>
      <c r="GO5177" s="91"/>
      <c r="GP5177" s="91"/>
      <c r="GQ5177" s="91"/>
      <c r="GR5177" s="91"/>
      <c r="GS5177" s="91"/>
      <c r="GT5177" s="91"/>
      <c r="GU5177" s="91"/>
      <c r="GV5177" s="91"/>
      <c r="GW5177" s="91"/>
      <c r="GX5177" s="127"/>
      <c r="GY5177" s="126"/>
      <c r="GZ5177" s="91"/>
      <c r="HA5177" s="91"/>
      <c r="HB5177" s="91"/>
      <c r="HC5177" s="91"/>
      <c r="HD5177" s="91"/>
      <c r="HE5177" s="91"/>
      <c r="HF5177" s="91"/>
      <c r="HG5177" s="91"/>
      <c r="HH5177" s="91"/>
      <c r="HI5177" s="91"/>
      <c r="HJ5177" s="91"/>
      <c r="HK5177" s="127"/>
      <c r="HL5177" s="126"/>
      <c r="HM5177" s="91"/>
      <c r="HN5177" s="91"/>
      <c r="HO5177" s="91"/>
      <c r="HP5177" s="91"/>
      <c r="HQ5177" s="91"/>
      <c r="HR5177" s="91"/>
      <c r="HS5177" s="91"/>
      <c r="HT5177" s="91"/>
      <c r="HU5177" s="91"/>
      <c r="HV5177" s="91"/>
      <c r="HW5177" s="91"/>
      <c r="HX5177" s="127"/>
      <c r="HY5177" s="126"/>
      <c r="HZ5177" s="91"/>
      <c r="IA5177" s="91"/>
      <c r="IB5177" s="91"/>
      <c r="IC5177" s="91"/>
      <c r="ID5177" s="91"/>
      <c r="IE5177" s="91"/>
      <c r="IF5177" s="91"/>
      <c r="IG5177" s="91"/>
      <c r="IH5177" s="91"/>
      <c r="II5177" s="91"/>
      <c r="IJ5177" s="91"/>
      <c r="IK5177" s="174"/>
    </row>
    <row r="5178" spans="2:245" x14ac:dyDescent="0.2">
      <c r="B5178" s="43"/>
      <c r="C5178" s="73"/>
      <c r="D5178" s="64"/>
      <c r="E5178" s="64"/>
      <c r="F5178" s="55"/>
      <c r="G5178" s="102"/>
      <c r="H5178" s="97"/>
      <c r="T5178" s="98"/>
      <c r="U5178" s="97"/>
      <c r="AG5178" s="98"/>
      <c r="AY5178" s="164"/>
      <c r="BK5178" s="98"/>
      <c r="BL5178" s="97"/>
      <c r="BX5178" s="98"/>
      <c r="CL5178" s="97"/>
      <c r="CX5178" s="98"/>
      <c r="DL5178" s="97"/>
      <c r="DX5178" s="98"/>
      <c r="EL5178" s="97"/>
      <c r="EX5178" s="98"/>
      <c r="EY5178" s="97"/>
      <c r="FL5178" s="126"/>
      <c r="FM5178" s="91"/>
      <c r="FN5178" s="91"/>
      <c r="FO5178" s="91"/>
      <c r="FP5178" s="91"/>
      <c r="FQ5178" s="91"/>
      <c r="FR5178" s="91"/>
      <c r="FS5178" s="91"/>
      <c r="FT5178" s="91"/>
      <c r="FU5178" s="91"/>
      <c r="FV5178" s="91"/>
      <c r="FW5178" s="91"/>
      <c r="FX5178" s="127"/>
      <c r="FY5178" s="126"/>
      <c r="FZ5178" s="91"/>
      <c r="GA5178" s="91"/>
      <c r="GB5178" s="91"/>
      <c r="GC5178" s="91"/>
      <c r="GD5178" s="91"/>
      <c r="GE5178" s="91"/>
      <c r="GF5178" s="91"/>
      <c r="GG5178" s="91"/>
      <c r="GH5178" s="91"/>
      <c r="GI5178" s="91"/>
      <c r="GJ5178" s="91"/>
      <c r="GK5178" s="127"/>
      <c r="GL5178" s="126"/>
      <c r="GM5178" s="91"/>
      <c r="GN5178" s="91"/>
      <c r="GO5178" s="91"/>
      <c r="GP5178" s="91"/>
      <c r="GQ5178" s="91"/>
      <c r="GR5178" s="91"/>
      <c r="GS5178" s="91"/>
      <c r="GT5178" s="91"/>
      <c r="GU5178" s="91"/>
      <c r="GV5178" s="91"/>
      <c r="GW5178" s="91"/>
      <c r="GX5178" s="127"/>
      <c r="GY5178" s="126"/>
      <c r="GZ5178" s="91"/>
      <c r="HA5178" s="91"/>
      <c r="HB5178" s="91"/>
      <c r="HC5178" s="91"/>
      <c r="HD5178" s="91"/>
      <c r="HE5178" s="91"/>
      <c r="HF5178" s="91"/>
      <c r="HG5178" s="91"/>
      <c r="HH5178" s="91"/>
      <c r="HI5178" s="91"/>
      <c r="HJ5178" s="91"/>
      <c r="HK5178" s="127"/>
      <c r="HL5178" s="126"/>
      <c r="HM5178" s="91"/>
      <c r="HN5178" s="91"/>
      <c r="HO5178" s="91"/>
      <c r="HP5178" s="91"/>
      <c r="HQ5178" s="91"/>
      <c r="HR5178" s="91"/>
      <c r="HS5178" s="91"/>
      <c r="HT5178" s="91"/>
      <c r="HU5178" s="91"/>
      <c r="HV5178" s="91"/>
      <c r="HW5178" s="91"/>
      <c r="HX5178" s="127"/>
      <c r="HY5178" s="126"/>
      <c r="HZ5178" s="91"/>
      <c r="IA5178" s="91"/>
      <c r="IB5178" s="91"/>
      <c r="IC5178" s="91"/>
      <c r="ID5178" s="91"/>
      <c r="IE5178" s="91"/>
      <c r="IF5178" s="91"/>
      <c r="IG5178" s="91"/>
      <c r="IH5178" s="91"/>
      <c r="II5178" s="91"/>
      <c r="IJ5178" s="91"/>
      <c r="IK5178" s="174"/>
    </row>
    <row r="5179" spans="2:245" x14ac:dyDescent="0.2">
      <c r="B5179" s="43"/>
      <c r="C5179" s="73"/>
      <c r="D5179" s="64"/>
      <c r="E5179" s="64"/>
      <c r="F5179" s="55"/>
      <c r="G5179" s="102"/>
      <c r="H5179" s="97"/>
      <c r="T5179" s="98"/>
      <c r="U5179" s="97"/>
      <c r="AG5179" s="98"/>
      <c r="AY5179" s="164"/>
      <c r="BK5179" s="98"/>
      <c r="BL5179" s="97"/>
      <c r="BX5179" s="98"/>
      <c r="CL5179" s="97"/>
      <c r="CX5179" s="98"/>
      <c r="DL5179" s="97"/>
      <c r="DX5179" s="98"/>
      <c r="EL5179" s="97"/>
      <c r="EX5179" s="98"/>
      <c r="EY5179" s="97"/>
      <c r="FL5179" s="126"/>
      <c r="FM5179" s="91"/>
      <c r="FN5179" s="91"/>
      <c r="FO5179" s="91"/>
      <c r="FP5179" s="91"/>
      <c r="FQ5179" s="91"/>
      <c r="FR5179" s="91"/>
      <c r="FS5179" s="91"/>
      <c r="FT5179" s="91"/>
      <c r="FU5179" s="91"/>
      <c r="FV5179" s="91"/>
      <c r="FW5179" s="91"/>
      <c r="FX5179" s="127"/>
      <c r="FY5179" s="126"/>
      <c r="FZ5179" s="91"/>
      <c r="GA5179" s="91"/>
      <c r="GB5179" s="91"/>
      <c r="GC5179" s="91"/>
      <c r="GD5179" s="91"/>
      <c r="GE5179" s="91"/>
      <c r="GF5179" s="91"/>
      <c r="GG5179" s="91"/>
      <c r="GH5179" s="91"/>
      <c r="GI5179" s="91"/>
      <c r="GJ5179" s="91"/>
      <c r="GK5179" s="127"/>
      <c r="GL5179" s="126"/>
      <c r="GM5179" s="91"/>
      <c r="GN5179" s="91"/>
      <c r="GO5179" s="91"/>
      <c r="GP5179" s="91"/>
      <c r="GQ5179" s="91"/>
      <c r="GR5179" s="91"/>
      <c r="GS5179" s="91"/>
      <c r="GT5179" s="91"/>
      <c r="GU5179" s="91"/>
      <c r="GV5179" s="91"/>
      <c r="GW5179" s="91"/>
      <c r="GX5179" s="127"/>
      <c r="GY5179" s="126"/>
      <c r="GZ5179" s="91"/>
      <c r="HA5179" s="91"/>
      <c r="HB5179" s="91"/>
      <c r="HC5179" s="91"/>
      <c r="HD5179" s="91"/>
      <c r="HE5179" s="91"/>
      <c r="HF5179" s="91"/>
      <c r="HG5179" s="91"/>
      <c r="HH5179" s="91"/>
      <c r="HI5179" s="91"/>
      <c r="HJ5179" s="91"/>
      <c r="HK5179" s="127"/>
      <c r="HL5179" s="126"/>
      <c r="HM5179" s="91"/>
      <c r="HN5179" s="91"/>
      <c r="HO5179" s="91"/>
      <c r="HP5179" s="91"/>
      <c r="HQ5179" s="91"/>
      <c r="HR5179" s="91"/>
      <c r="HS5179" s="91"/>
      <c r="HT5179" s="91"/>
      <c r="HU5179" s="91"/>
      <c r="HV5179" s="91"/>
      <c r="HW5179" s="91"/>
      <c r="HX5179" s="127"/>
      <c r="HY5179" s="126"/>
      <c r="HZ5179" s="91"/>
      <c r="IA5179" s="91"/>
      <c r="IB5179" s="91"/>
      <c r="IC5179" s="91"/>
      <c r="ID5179" s="91"/>
      <c r="IE5179" s="91"/>
      <c r="IF5179" s="91"/>
      <c r="IG5179" s="91"/>
      <c r="IH5179" s="91"/>
      <c r="II5179" s="91"/>
      <c r="IJ5179" s="91"/>
      <c r="IK5179" s="174"/>
    </row>
    <row r="5180" spans="2:245" x14ac:dyDescent="0.2">
      <c r="B5180" s="43"/>
      <c r="C5180" s="73"/>
      <c r="D5180" s="64"/>
      <c r="E5180" s="64"/>
      <c r="F5180" s="55"/>
      <c r="G5180" s="102"/>
      <c r="H5180" s="97"/>
      <c r="T5180" s="98"/>
      <c r="U5180" s="97"/>
      <c r="AG5180" s="98"/>
      <c r="AY5180" s="164"/>
      <c r="BK5180" s="98"/>
      <c r="BL5180" s="97"/>
      <c r="BX5180" s="98"/>
      <c r="CL5180" s="97"/>
      <c r="CX5180" s="98"/>
      <c r="DL5180" s="97"/>
      <c r="DX5180" s="98"/>
      <c r="EL5180" s="97"/>
      <c r="EX5180" s="98"/>
      <c r="EY5180" s="97"/>
      <c r="FL5180" s="126"/>
      <c r="FM5180" s="91"/>
      <c r="FN5180" s="91"/>
      <c r="FO5180" s="91"/>
      <c r="FP5180" s="91"/>
      <c r="FQ5180" s="91"/>
      <c r="FR5180" s="91"/>
      <c r="FS5180" s="91"/>
      <c r="FT5180" s="91"/>
      <c r="FU5180" s="91"/>
      <c r="FV5180" s="91"/>
      <c r="FW5180" s="91"/>
      <c r="FX5180" s="127"/>
      <c r="FY5180" s="126"/>
      <c r="FZ5180" s="91"/>
      <c r="GA5180" s="91"/>
      <c r="GB5180" s="91"/>
      <c r="GC5180" s="91"/>
      <c r="GD5180" s="91"/>
      <c r="GE5180" s="91"/>
      <c r="GF5180" s="91"/>
      <c r="GG5180" s="91"/>
      <c r="GH5180" s="91"/>
      <c r="GI5180" s="91"/>
      <c r="GJ5180" s="91"/>
      <c r="GK5180" s="127"/>
      <c r="GL5180" s="126"/>
      <c r="GM5180" s="91"/>
      <c r="GN5180" s="91"/>
      <c r="GO5180" s="91"/>
      <c r="GP5180" s="91"/>
      <c r="GQ5180" s="91"/>
      <c r="GR5180" s="91"/>
      <c r="GS5180" s="91"/>
      <c r="GT5180" s="91"/>
      <c r="GU5180" s="91"/>
      <c r="GV5180" s="91"/>
      <c r="GW5180" s="91"/>
      <c r="GX5180" s="127"/>
      <c r="GY5180" s="126"/>
      <c r="GZ5180" s="91"/>
      <c r="HA5180" s="91"/>
      <c r="HB5180" s="91"/>
      <c r="HC5180" s="91"/>
      <c r="HD5180" s="91"/>
      <c r="HE5180" s="91"/>
      <c r="HF5180" s="91"/>
      <c r="HG5180" s="91"/>
      <c r="HH5180" s="91"/>
      <c r="HI5180" s="91"/>
      <c r="HJ5180" s="91"/>
      <c r="HK5180" s="127"/>
      <c r="HL5180" s="126"/>
      <c r="HM5180" s="91"/>
      <c r="HN5180" s="91"/>
      <c r="HO5180" s="91"/>
      <c r="HP5180" s="91"/>
      <c r="HQ5180" s="91"/>
      <c r="HR5180" s="91"/>
      <c r="HS5180" s="91"/>
      <c r="HT5180" s="91"/>
      <c r="HU5180" s="91"/>
      <c r="HV5180" s="91"/>
      <c r="HW5180" s="91"/>
      <c r="HX5180" s="127"/>
      <c r="HY5180" s="126"/>
      <c r="HZ5180" s="91"/>
      <c r="IA5180" s="91"/>
      <c r="IB5180" s="91"/>
      <c r="IC5180" s="91"/>
      <c r="ID5180" s="91"/>
      <c r="IE5180" s="91"/>
      <c r="IF5180" s="91"/>
      <c r="IG5180" s="91"/>
      <c r="IH5180" s="91"/>
      <c r="II5180" s="91"/>
      <c r="IJ5180" s="91"/>
      <c r="IK5180" s="174"/>
    </row>
    <row r="5181" spans="2:245" x14ac:dyDescent="0.2">
      <c r="B5181" s="43"/>
      <c r="C5181" s="73"/>
      <c r="D5181" s="64"/>
      <c r="E5181" s="64"/>
      <c r="F5181" s="55"/>
      <c r="G5181" s="102"/>
      <c r="H5181" s="97"/>
      <c r="T5181" s="98"/>
      <c r="U5181" s="97"/>
      <c r="AG5181" s="98"/>
      <c r="AY5181" s="164"/>
      <c r="BK5181" s="98"/>
      <c r="BL5181" s="97"/>
      <c r="BX5181" s="98"/>
      <c r="CL5181" s="97"/>
      <c r="CX5181" s="98"/>
      <c r="DL5181" s="97"/>
      <c r="DX5181" s="98"/>
      <c r="EL5181" s="97"/>
      <c r="EX5181" s="98"/>
      <c r="EY5181" s="97"/>
      <c r="FL5181" s="126"/>
      <c r="FM5181" s="91"/>
      <c r="FN5181" s="91"/>
      <c r="FO5181" s="91"/>
      <c r="FP5181" s="91"/>
      <c r="FQ5181" s="91"/>
      <c r="FR5181" s="91"/>
      <c r="FS5181" s="91"/>
      <c r="FT5181" s="91"/>
      <c r="FU5181" s="91"/>
      <c r="FV5181" s="91"/>
      <c r="FW5181" s="91"/>
      <c r="FX5181" s="127"/>
      <c r="FY5181" s="126"/>
      <c r="FZ5181" s="91"/>
      <c r="GA5181" s="91"/>
      <c r="GB5181" s="91"/>
      <c r="GC5181" s="91"/>
      <c r="GD5181" s="91"/>
      <c r="GE5181" s="91"/>
      <c r="GF5181" s="91"/>
      <c r="GG5181" s="91"/>
      <c r="GH5181" s="91"/>
      <c r="GI5181" s="91"/>
      <c r="GJ5181" s="91"/>
      <c r="GK5181" s="127"/>
      <c r="GL5181" s="126"/>
      <c r="GM5181" s="91"/>
      <c r="GN5181" s="91"/>
      <c r="GO5181" s="91"/>
      <c r="GP5181" s="91"/>
      <c r="GQ5181" s="91"/>
      <c r="GR5181" s="91"/>
      <c r="GS5181" s="91"/>
      <c r="GT5181" s="91"/>
      <c r="GU5181" s="91"/>
      <c r="GV5181" s="91"/>
      <c r="GW5181" s="91"/>
      <c r="GX5181" s="127"/>
      <c r="GY5181" s="126"/>
      <c r="GZ5181" s="91"/>
      <c r="HA5181" s="91"/>
      <c r="HB5181" s="91"/>
      <c r="HC5181" s="91"/>
      <c r="HD5181" s="91"/>
      <c r="HE5181" s="91"/>
      <c r="HF5181" s="91"/>
      <c r="HG5181" s="91"/>
      <c r="HH5181" s="91"/>
      <c r="HI5181" s="91"/>
      <c r="HJ5181" s="91"/>
      <c r="HK5181" s="127"/>
      <c r="HL5181" s="126"/>
      <c r="HM5181" s="91"/>
      <c r="HN5181" s="91"/>
      <c r="HO5181" s="91"/>
      <c r="HP5181" s="91"/>
      <c r="HQ5181" s="91"/>
      <c r="HR5181" s="91"/>
      <c r="HS5181" s="91"/>
      <c r="HT5181" s="91"/>
      <c r="HU5181" s="91"/>
      <c r="HV5181" s="91"/>
      <c r="HW5181" s="91"/>
      <c r="HX5181" s="127"/>
      <c r="HY5181" s="126"/>
      <c r="HZ5181" s="91"/>
      <c r="IA5181" s="91"/>
      <c r="IB5181" s="91"/>
      <c r="IC5181" s="91"/>
      <c r="ID5181" s="91"/>
      <c r="IE5181" s="91"/>
      <c r="IF5181" s="91"/>
      <c r="IG5181" s="91"/>
      <c r="IH5181" s="91"/>
      <c r="II5181" s="91"/>
      <c r="IJ5181" s="91"/>
      <c r="IK5181" s="174"/>
    </row>
    <row r="5182" spans="2:245" x14ac:dyDescent="0.2">
      <c r="B5182" s="43"/>
      <c r="C5182" s="73"/>
      <c r="D5182" s="64"/>
      <c r="E5182" s="64"/>
      <c r="F5182" s="55"/>
      <c r="G5182" s="102"/>
      <c r="H5182" s="97"/>
      <c r="T5182" s="98"/>
      <c r="U5182" s="97"/>
      <c r="AG5182" s="98"/>
      <c r="AY5182" s="164"/>
      <c r="BK5182" s="98"/>
      <c r="BL5182" s="97"/>
      <c r="BX5182" s="98"/>
      <c r="CL5182" s="97"/>
      <c r="CX5182" s="98"/>
      <c r="DL5182" s="97"/>
      <c r="DX5182" s="98"/>
      <c r="EL5182" s="97"/>
      <c r="EX5182" s="98"/>
      <c r="EY5182" s="97"/>
      <c r="FL5182" s="126"/>
      <c r="FM5182" s="91"/>
      <c r="FN5182" s="91"/>
      <c r="FO5182" s="91"/>
      <c r="FP5182" s="91"/>
      <c r="FQ5182" s="91"/>
      <c r="FR5182" s="91"/>
      <c r="FS5182" s="91"/>
      <c r="FT5182" s="91"/>
      <c r="FU5182" s="91"/>
      <c r="FV5182" s="91"/>
      <c r="FW5182" s="91"/>
      <c r="FX5182" s="127"/>
      <c r="FY5182" s="126"/>
      <c r="FZ5182" s="91"/>
      <c r="GA5182" s="91"/>
      <c r="GB5182" s="91"/>
      <c r="GC5182" s="91"/>
      <c r="GD5182" s="91"/>
      <c r="GE5182" s="91"/>
      <c r="GF5182" s="91"/>
      <c r="GG5182" s="91"/>
      <c r="GH5182" s="91"/>
      <c r="GI5182" s="91"/>
      <c r="GJ5182" s="91"/>
      <c r="GK5182" s="127"/>
      <c r="GL5182" s="126"/>
      <c r="GM5182" s="91"/>
      <c r="GN5182" s="91"/>
      <c r="GO5182" s="91"/>
      <c r="GP5182" s="91"/>
      <c r="GQ5182" s="91"/>
      <c r="GR5182" s="91"/>
      <c r="GS5182" s="91"/>
      <c r="GT5182" s="91"/>
      <c r="GU5182" s="91"/>
      <c r="GV5182" s="91"/>
      <c r="GW5182" s="91"/>
      <c r="GX5182" s="127"/>
      <c r="GY5182" s="126"/>
      <c r="GZ5182" s="91"/>
      <c r="HA5182" s="91"/>
      <c r="HB5182" s="91"/>
      <c r="HC5182" s="91"/>
      <c r="HD5182" s="91"/>
      <c r="HE5182" s="91"/>
      <c r="HF5182" s="91"/>
      <c r="HG5182" s="91"/>
      <c r="HH5182" s="91"/>
      <c r="HI5182" s="91"/>
      <c r="HJ5182" s="91"/>
      <c r="HK5182" s="127"/>
      <c r="HL5182" s="126"/>
      <c r="HM5182" s="91"/>
      <c r="HN5182" s="91"/>
      <c r="HO5182" s="91"/>
      <c r="HP5182" s="91"/>
      <c r="HQ5182" s="91"/>
      <c r="HR5182" s="91"/>
      <c r="HS5182" s="91"/>
      <c r="HT5182" s="91"/>
      <c r="HU5182" s="91"/>
      <c r="HV5182" s="91"/>
      <c r="HW5182" s="91"/>
      <c r="HX5182" s="127"/>
      <c r="HY5182" s="126"/>
      <c r="HZ5182" s="91"/>
      <c r="IA5182" s="91"/>
      <c r="IB5182" s="91"/>
      <c r="IC5182" s="91"/>
      <c r="ID5182" s="91"/>
      <c r="IE5182" s="91"/>
      <c r="IF5182" s="91"/>
      <c r="IG5182" s="91"/>
      <c r="IH5182" s="91"/>
      <c r="II5182" s="91"/>
      <c r="IJ5182" s="91"/>
      <c r="IK5182" s="174"/>
    </row>
    <row r="5183" spans="2:245" x14ac:dyDescent="0.2">
      <c r="B5183" s="43"/>
      <c r="C5183" s="73"/>
      <c r="D5183" s="64"/>
      <c r="E5183" s="64"/>
      <c r="F5183" s="55"/>
      <c r="G5183" s="102"/>
      <c r="H5183" s="97"/>
      <c r="T5183" s="98"/>
      <c r="U5183" s="97"/>
      <c r="AG5183" s="98"/>
      <c r="AY5183" s="164"/>
      <c r="BK5183" s="98"/>
      <c r="BL5183" s="97"/>
      <c r="BX5183" s="98"/>
      <c r="CL5183" s="97"/>
      <c r="CX5183" s="98"/>
      <c r="DL5183" s="97"/>
      <c r="DX5183" s="98"/>
      <c r="EL5183" s="97"/>
      <c r="EX5183" s="98"/>
      <c r="EY5183" s="97"/>
      <c r="FL5183" s="126"/>
      <c r="FM5183" s="91"/>
      <c r="FN5183" s="91"/>
      <c r="FO5183" s="91"/>
      <c r="FP5183" s="91"/>
      <c r="FQ5183" s="91"/>
      <c r="FR5183" s="91"/>
      <c r="FS5183" s="91"/>
      <c r="FT5183" s="91"/>
      <c r="FU5183" s="91"/>
      <c r="FV5183" s="91"/>
      <c r="FW5183" s="91"/>
      <c r="FX5183" s="127"/>
      <c r="FY5183" s="126"/>
      <c r="FZ5183" s="91"/>
      <c r="GA5183" s="91"/>
      <c r="GB5183" s="91"/>
      <c r="GC5183" s="91"/>
      <c r="GD5183" s="91"/>
      <c r="GE5183" s="91"/>
      <c r="GF5183" s="91"/>
      <c r="GG5183" s="91"/>
      <c r="GH5183" s="91"/>
      <c r="GI5183" s="91"/>
      <c r="GJ5183" s="91"/>
      <c r="GK5183" s="127"/>
      <c r="GL5183" s="126"/>
      <c r="GM5183" s="91"/>
      <c r="GN5183" s="91"/>
      <c r="GO5183" s="91"/>
      <c r="GP5183" s="91"/>
      <c r="GQ5183" s="91"/>
      <c r="GR5183" s="91"/>
      <c r="GS5183" s="91"/>
      <c r="GT5183" s="91"/>
      <c r="GU5183" s="91"/>
      <c r="GV5183" s="91"/>
      <c r="GW5183" s="91"/>
      <c r="GX5183" s="127"/>
      <c r="GY5183" s="126"/>
      <c r="GZ5183" s="91"/>
      <c r="HA5183" s="91"/>
      <c r="HB5183" s="91"/>
      <c r="HC5183" s="91"/>
      <c r="HD5183" s="91"/>
      <c r="HE5183" s="91"/>
      <c r="HF5183" s="91"/>
      <c r="HG5183" s="91"/>
      <c r="HH5183" s="91"/>
      <c r="HI5183" s="91"/>
      <c r="HJ5183" s="91"/>
      <c r="HK5183" s="127"/>
      <c r="HL5183" s="126"/>
      <c r="HM5183" s="91"/>
      <c r="HN5183" s="91"/>
      <c r="HO5183" s="91"/>
      <c r="HP5183" s="91"/>
      <c r="HQ5183" s="91"/>
      <c r="HR5183" s="91"/>
      <c r="HS5183" s="91"/>
      <c r="HT5183" s="91"/>
      <c r="HU5183" s="91"/>
      <c r="HV5183" s="91"/>
      <c r="HW5183" s="91"/>
      <c r="HX5183" s="127"/>
      <c r="HY5183" s="126"/>
      <c r="HZ5183" s="91"/>
      <c r="IA5183" s="91"/>
      <c r="IB5183" s="91"/>
      <c r="IC5183" s="91"/>
      <c r="ID5183" s="91"/>
      <c r="IE5183" s="91"/>
      <c r="IF5183" s="91"/>
      <c r="IG5183" s="91"/>
      <c r="IH5183" s="91"/>
      <c r="II5183" s="91"/>
      <c r="IJ5183" s="91"/>
      <c r="IK5183" s="174"/>
    </row>
    <row r="5184" spans="2:245" x14ac:dyDescent="0.2">
      <c r="B5184" s="43"/>
      <c r="C5184" s="73"/>
      <c r="D5184" s="64"/>
      <c r="E5184" s="64"/>
      <c r="F5184" s="55"/>
      <c r="G5184" s="102"/>
      <c r="H5184" s="97"/>
      <c r="T5184" s="98"/>
      <c r="U5184" s="97"/>
      <c r="AG5184" s="98"/>
      <c r="AY5184" s="164"/>
      <c r="BK5184" s="98"/>
      <c r="BL5184" s="97"/>
      <c r="BX5184" s="98"/>
      <c r="CL5184" s="97"/>
      <c r="CX5184" s="98"/>
      <c r="DL5184" s="97"/>
      <c r="DX5184" s="98"/>
      <c r="EL5184" s="97"/>
      <c r="EX5184" s="98"/>
      <c r="EY5184" s="97"/>
      <c r="FL5184" s="126"/>
      <c r="FM5184" s="91"/>
      <c r="FN5184" s="91"/>
      <c r="FO5184" s="91"/>
      <c r="FP5184" s="91"/>
      <c r="FQ5184" s="91"/>
      <c r="FR5184" s="91"/>
      <c r="FS5184" s="91"/>
      <c r="FT5184" s="91"/>
      <c r="FU5184" s="91"/>
      <c r="FV5184" s="91"/>
      <c r="FW5184" s="91"/>
      <c r="FX5184" s="127"/>
      <c r="FY5184" s="126"/>
      <c r="FZ5184" s="91"/>
      <c r="GA5184" s="91"/>
      <c r="GB5184" s="91"/>
      <c r="GC5184" s="91"/>
      <c r="GD5184" s="91"/>
      <c r="GE5184" s="91"/>
      <c r="GF5184" s="91"/>
      <c r="GG5184" s="91"/>
      <c r="GH5184" s="91"/>
      <c r="GI5184" s="91"/>
      <c r="GJ5184" s="91"/>
      <c r="GK5184" s="127"/>
      <c r="GL5184" s="126"/>
      <c r="GM5184" s="91"/>
      <c r="GN5184" s="91"/>
      <c r="GO5184" s="91"/>
      <c r="GP5184" s="91"/>
      <c r="GQ5184" s="91"/>
      <c r="GR5184" s="91"/>
      <c r="GS5184" s="91"/>
      <c r="GT5184" s="91"/>
      <c r="GU5184" s="91"/>
      <c r="GV5184" s="91"/>
      <c r="GW5184" s="91"/>
      <c r="GX5184" s="127"/>
      <c r="GY5184" s="126"/>
      <c r="GZ5184" s="91"/>
      <c r="HA5184" s="91"/>
      <c r="HB5184" s="91"/>
      <c r="HC5184" s="91"/>
      <c r="HD5184" s="91"/>
      <c r="HE5184" s="91"/>
      <c r="HF5184" s="91"/>
      <c r="HG5184" s="91"/>
      <c r="HH5184" s="91"/>
      <c r="HI5184" s="91"/>
      <c r="HJ5184" s="91"/>
      <c r="HK5184" s="127"/>
      <c r="HL5184" s="126"/>
      <c r="HM5184" s="91"/>
      <c r="HN5184" s="91"/>
      <c r="HO5184" s="91"/>
      <c r="HP5184" s="91"/>
      <c r="HQ5184" s="91"/>
      <c r="HR5184" s="91"/>
      <c r="HS5184" s="91"/>
      <c r="HT5184" s="91"/>
      <c r="HU5184" s="91"/>
      <c r="HV5184" s="91"/>
      <c r="HW5184" s="91"/>
      <c r="HX5184" s="127"/>
      <c r="HY5184" s="126"/>
      <c r="HZ5184" s="91"/>
      <c r="IA5184" s="91"/>
      <c r="IB5184" s="91"/>
      <c r="IC5184" s="91"/>
      <c r="ID5184" s="91"/>
      <c r="IE5184" s="91"/>
      <c r="IF5184" s="91"/>
      <c r="IG5184" s="91"/>
      <c r="IH5184" s="91"/>
      <c r="II5184" s="91"/>
      <c r="IJ5184" s="91"/>
      <c r="IK5184" s="174"/>
    </row>
    <row r="5185" spans="2:245" x14ac:dyDescent="0.2">
      <c r="B5185" s="43"/>
      <c r="C5185" s="73"/>
      <c r="D5185" s="64"/>
      <c r="E5185" s="64"/>
      <c r="F5185" s="55"/>
      <c r="G5185" s="102"/>
      <c r="H5185" s="97"/>
      <c r="T5185" s="98"/>
      <c r="U5185" s="97"/>
      <c r="AG5185" s="98"/>
      <c r="AY5185" s="164"/>
      <c r="BK5185" s="98"/>
      <c r="BL5185" s="97"/>
      <c r="BX5185" s="98"/>
      <c r="CL5185" s="97"/>
      <c r="CX5185" s="98"/>
      <c r="DL5185" s="97"/>
      <c r="DX5185" s="98"/>
      <c r="EL5185" s="97"/>
      <c r="EX5185" s="98"/>
      <c r="EY5185" s="97"/>
      <c r="FL5185" s="126"/>
      <c r="FM5185" s="91"/>
      <c r="FN5185" s="91"/>
      <c r="FO5185" s="91"/>
      <c r="FP5185" s="91"/>
      <c r="FQ5185" s="91"/>
      <c r="FR5185" s="91"/>
      <c r="FS5185" s="91"/>
      <c r="FT5185" s="91"/>
      <c r="FU5185" s="91"/>
      <c r="FV5185" s="91"/>
      <c r="FW5185" s="91"/>
      <c r="FX5185" s="127"/>
      <c r="FY5185" s="126"/>
      <c r="FZ5185" s="91"/>
      <c r="GA5185" s="91"/>
      <c r="GB5185" s="91"/>
      <c r="GC5185" s="91"/>
      <c r="GD5185" s="91"/>
      <c r="GE5185" s="91"/>
      <c r="GF5185" s="91"/>
      <c r="GG5185" s="91"/>
      <c r="GH5185" s="91"/>
      <c r="GI5185" s="91"/>
      <c r="GJ5185" s="91"/>
      <c r="GK5185" s="127"/>
      <c r="GL5185" s="126"/>
      <c r="GM5185" s="91"/>
      <c r="GN5185" s="91"/>
      <c r="GO5185" s="91"/>
      <c r="GP5185" s="91"/>
      <c r="GQ5185" s="91"/>
      <c r="GR5185" s="91"/>
      <c r="GS5185" s="91"/>
      <c r="GT5185" s="91"/>
      <c r="GU5185" s="91"/>
      <c r="GV5185" s="91"/>
      <c r="GW5185" s="91"/>
      <c r="GX5185" s="127"/>
      <c r="GY5185" s="126"/>
      <c r="GZ5185" s="91"/>
      <c r="HA5185" s="91"/>
      <c r="HB5185" s="91"/>
      <c r="HC5185" s="91"/>
      <c r="HD5185" s="91"/>
      <c r="HE5185" s="91"/>
      <c r="HF5185" s="91"/>
      <c r="HG5185" s="91"/>
      <c r="HH5185" s="91"/>
      <c r="HI5185" s="91"/>
      <c r="HJ5185" s="91"/>
      <c r="HK5185" s="127"/>
      <c r="HL5185" s="126"/>
      <c r="HM5185" s="91"/>
      <c r="HN5185" s="91"/>
      <c r="HO5185" s="91"/>
      <c r="HP5185" s="91"/>
      <c r="HQ5185" s="91"/>
      <c r="HR5185" s="91"/>
      <c r="HS5185" s="91"/>
      <c r="HT5185" s="91"/>
      <c r="HU5185" s="91"/>
      <c r="HV5185" s="91"/>
      <c r="HW5185" s="91"/>
      <c r="HX5185" s="127"/>
      <c r="HY5185" s="126"/>
      <c r="HZ5185" s="91"/>
      <c r="IA5185" s="91"/>
      <c r="IB5185" s="91"/>
      <c r="IC5185" s="91"/>
      <c r="ID5185" s="91"/>
      <c r="IE5185" s="91"/>
      <c r="IF5185" s="91"/>
      <c r="IG5185" s="91"/>
      <c r="IH5185" s="91"/>
      <c r="II5185" s="91"/>
      <c r="IJ5185" s="91"/>
      <c r="IK5185" s="174"/>
    </row>
    <row r="5186" spans="2:245" x14ac:dyDescent="0.2">
      <c r="B5186" s="43"/>
      <c r="C5186" s="73"/>
      <c r="D5186" s="64"/>
      <c r="E5186" s="64"/>
      <c r="F5186" s="55"/>
      <c r="G5186" s="102"/>
      <c r="H5186" s="97"/>
      <c r="T5186" s="98"/>
      <c r="U5186" s="97"/>
      <c r="AG5186" s="98"/>
      <c r="AY5186" s="164"/>
      <c r="BK5186" s="98"/>
      <c r="BL5186" s="97"/>
      <c r="BX5186" s="98"/>
      <c r="CL5186" s="97"/>
      <c r="CX5186" s="98"/>
      <c r="DL5186" s="97"/>
      <c r="DX5186" s="98"/>
      <c r="EL5186" s="97"/>
      <c r="EX5186" s="98"/>
      <c r="EY5186" s="97"/>
      <c r="FL5186" s="126"/>
      <c r="FM5186" s="91"/>
      <c r="FN5186" s="91"/>
      <c r="FO5186" s="91"/>
      <c r="FP5186" s="91"/>
      <c r="FQ5186" s="91"/>
      <c r="FR5186" s="91"/>
      <c r="FS5186" s="91"/>
      <c r="FT5186" s="91"/>
      <c r="FU5186" s="91"/>
      <c r="FV5186" s="91"/>
      <c r="FW5186" s="91"/>
      <c r="FX5186" s="127"/>
      <c r="FY5186" s="126"/>
      <c r="FZ5186" s="91"/>
      <c r="GA5186" s="91"/>
      <c r="GB5186" s="91"/>
      <c r="GC5186" s="91"/>
      <c r="GD5186" s="91"/>
      <c r="GE5186" s="91"/>
      <c r="GF5186" s="91"/>
      <c r="GG5186" s="91"/>
      <c r="GH5186" s="91"/>
      <c r="GI5186" s="91"/>
      <c r="GJ5186" s="91"/>
      <c r="GK5186" s="127"/>
      <c r="GL5186" s="126"/>
      <c r="GM5186" s="91"/>
      <c r="GN5186" s="91"/>
      <c r="GO5186" s="91"/>
      <c r="GP5186" s="91"/>
      <c r="GQ5186" s="91"/>
      <c r="GR5186" s="91"/>
      <c r="GS5186" s="91"/>
      <c r="GT5186" s="91"/>
      <c r="GU5186" s="91"/>
      <c r="GV5186" s="91"/>
      <c r="GW5186" s="91"/>
      <c r="GX5186" s="127"/>
      <c r="GY5186" s="126"/>
      <c r="GZ5186" s="91"/>
      <c r="HA5186" s="91"/>
      <c r="HB5186" s="91"/>
      <c r="HC5186" s="91"/>
      <c r="HD5186" s="91"/>
      <c r="HE5186" s="91"/>
      <c r="HF5186" s="91"/>
      <c r="HG5186" s="91"/>
      <c r="HH5186" s="91"/>
      <c r="HI5186" s="91"/>
      <c r="HJ5186" s="91"/>
      <c r="HK5186" s="127"/>
      <c r="HL5186" s="126"/>
      <c r="HM5186" s="91"/>
      <c r="HN5186" s="91"/>
      <c r="HO5186" s="91"/>
      <c r="HP5186" s="91"/>
      <c r="HQ5186" s="91"/>
      <c r="HR5186" s="91"/>
      <c r="HS5186" s="91"/>
      <c r="HT5186" s="91"/>
      <c r="HU5186" s="91"/>
      <c r="HV5186" s="91"/>
      <c r="HW5186" s="91"/>
      <c r="HX5186" s="127"/>
      <c r="HY5186" s="126"/>
      <c r="HZ5186" s="91"/>
      <c r="IA5186" s="91"/>
      <c r="IB5186" s="91"/>
      <c r="IC5186" s="91"/>
      <c r="ID5186" s="91"/>
      <c r="IE5186" s="91"/>
      <c r="IF5186" s="91"/>
      <c r="IG5186" s="91"/>
      <c r="IH5186" s="91"/>
      <c r="II5186" s="91"/>
      <c r="IJ5186" s="91"/>
      <c r="IK5186" s="174"/>
    </row>
    <row r="5187" spans="2:245" x14ac:dyDescent="0.2">
      <c r="B5187" s="43"/>
      <c r="C5187" s="73"/>
      <c r="D5187" s="64"/>
      <c r="E5187" s="64"/>
      <c r="F5187" s="55"/>
      <c r="G5187" s="102"/>
      <c r="H5187" s="97"/>
      <c r="T5187" s="98"/>
      <c r="U5187" s="97"/>
      <c r="AG5187" s="98"/>
      <c r="AY5187" s="164"/>
      <c r="BK5187" s="98"/>
      <c r="BL5187" s="97"/>
      <c r="BX5187" s="98"/>
      <c r="CL5187" s="97"/>
      <c r="CX5187" s="98"/>
      <c r="DL5187" s="97"/>
      <c r="DX5187" s="98"/>
      <c r="EL5187" s="97"/>
      <c r="EX5187" s="98"/>
      <c r="EY5187" s="97"/>
      <c r="FL5187" s="126"/>
      <c r="FM5187" s="91"/>
      <c r="FN5187" s="91"/>
      <c r="FO5187" s="91"/>
      <c r="FP5187" s="91"/>
      <c r="FQ5187" s="91"/>
      <c r="FR5187" s="91"/>
      <c r="FS5187" s="91"/>
      <c r="FT5187" s="91"/>
      <c r="FU5187" s="91"/>
      <c r="FV5187" s="91"/>
      <c r="FW5187" s="91"/>
      <c r="FX5187" s="127"/>
      <c r="FY5187" s="126"/>
      <c r="FZ5187" s="91"/>
      <c r="GA5187" s="91"/>
      <c r="GB5187" s="91"/>
      <c r="GC5187" s="91"/>
      <c r="GD5187" s="91"/>
      <c r="GE5187" s="91"/>
      <c r="GF5187" s="91"/>
      <c r="GG5187" s="91"/>
      <c r="GH5187" s="91"/>
      <c r="GI5187" s="91"/>
      <c r="GJ5187" s="91"/>
      <c r="GK5187" s="127"/>
      <c r="GL5187" s="126"/>
      <c r="GM5187" s="91"/>
      <c r="GN5187" s="91"/>
      <c r="GO5187" s="91"/>
      <c r="GP5187" s="91"/>
      <c r="GQ5187" s="91"/>
      <c r="GR5187" s="91"/>
      <c r="GS5187" s="91"/>
      <c r="GT5187" s="91"/>
      <c r="GU5187" s="91"/>
      <c r="GV5187" s="91"/>
      <c r="GW5187" s="91"/>
      <c r="GX5187" s="127"/>
      <c r="GY5187" s="126"/>
      <c r="GZ5187" s="91"/>
      <c r="HA5187" s="91"/>
      <c r="HB5187" s="91"/>
      <c r="HC5187" s="91"/>
      <c r="HD5187" s="91"/>
      <c r="HE5187" s="91"/>
      <c r="HF5187" s="91"/>
      <c r="HG5187" s="91"/>
      <c r="HH5187" s="91"/>
      <c r="HI5187" s="91"/>
      <c r="HJ5187" s="91"/>
      <c r="HK5187" s="127"/>
      <c r="HL5187" s="126"/>
      <c r="HM5187" s="91"/>
      <c r="HN5187" s="91"/>
      <c r="HO5187" s="91"/>
      <c r="HP5187" s="91"/>
      <c r="HQ5187" s="91"/>
      <c r="HR5187" s="91"/>
      <c r="HS5187" s="91"/>
      <c r="HT5187" s="91"/>
      <c r="HU5187" s="91"/>
      <c r="HV5187" s="91"/>
      <c r="HW5187" s="91"/>
      <c r="HX5187" s="127"/>
      <c r="HY5187" s="126"/>
      <c r="HZ5187" s="91"/>
      <c r="IA5187" s="91"/>
      <c r="IB5187" s="91"/>
      <c r="IC5187" s="91"/>
      <c r="ID5187" s="91"/>
      <c r="IE5187" s="91"/>
      <c r="IF5187" s="91"/>
      <c r="IG5187" s="91"/>
      <c r="IH5187" s="91"/>
      <c r="II5187" s="91"/>
      <c r="IJ5187" s="91"/>
      <c r="IK5187" s="174"/>
    </row>
    <row r="5188" spans="2:245" x14ac:dyDescent="0.2">
      <c r="B5188" s="43"/>
      <c r="C5188" s="73"/>
      <c r="D5188" s="64"/>
      <c r="E5188" s="64"/>
      <c r="F5188" s="55"/>
      <c r="G5188" s="102"/>
      <c r="H5188" s="97"/>
      <c r="T5188" s="98"/>
      <c r="U5188" s="97"/>
      <c r="AG5188" s="98"/>
      <c r="AY5188" s="164"/>
      <c r="BK5188" s="98"/>
      <c r="BL5188" s="97"/>
      <c r="BX5188" s="98"/>
      <c r="CL5188" s="97"/>
      <c r="CX5188" s="98"/>
      <c r="DL5188" s="97"/>
      <c r="DX5188" s="98"/>
      <c r="EL5188" s="97"/>
      <c r="EX5188" s="98"/>
      <c r="EY5188" s="97"/>
      <c r="FL5188" s="126"/>
      <c r="FM5188" s="91"/>
      <c r="FN5188" s="91"/>
      <c r="FO5188" s="91"/>
      <c r="FP5188" s="91"/>
      <c r="FQ5188" s="91"/>
      <c r="FR5188" s="91"/>
      <c r="FS5188" s="91"/>
      <c r="FT5188" s="91"/>
      <c r="FU5188" s="91"/>
      <c r="FV5188" s="91"/>
      <c r="FW5188" s="91"/>
      <c r="FX5188" s="127"/>
      <c r="FY5188" s="126"/>
      <c r="FZ5188" s="91"/>
      <c r="GA5188" s="91"/>
      <c r="GB5188" s="91"/>
      <c r="GC5188" s="91"/>
      <c r="GD5188" s="91"/>
      <c r="GE5188" s="91"/>
      <c r="GF5188" s="91"/>
      <c r="GG5188" s="91"/>
      <c r="GH5188" s="91"/>
      <c r="GI5188" s="91"/>
      <c r="GJ5188" s="91"/>
      <c r="GK5188" s="127"/>
      <c r="GL5188" s="126"/>
      <c r="GM5188" s="91"/>
      <c r="GN5188" s="91"/>
      <c r="GO5188" s="91"/>
      <c r="GP5188" s="91"/>
      <c r="GQ5188" s="91"/>
      <c r="GR5188" s="91"/>
      <c r="GS5188" s="91"/>
      <c r="GT5188" s="91"/>
      <c r="GU5188" s="91"/>
      <c r="GV5188" s="91"/>
      <c r="GW5188" s="91"/>
      <c r="GX5188" s="127"/>
      <c r="GY5188" s="126"/>
      <c r="GZ5188" s="91"/>
      <c r="HA5188" s="91"/>
      <c r="HB5188" s="91"/>
      <c r="HC5188" s="91"/>
      <c r="HD5188" s="91"/>
      <c r="HE5188" s="91"/>
      <c r="HF5188" s="91"/>
      <c r="HG5188" s="91"/>
      <c r="HH5188" s="91"/>
      <c r="HI5188" s="91"/>
      <c r="HJ5188" s="91"/>
      <c r="HK5188" s="127"/>
      <c r="HL5188" s="126"/>
      <c r="HM5188" s="91"/>
      <c r="HN5188" s="91"/>
      <c r="HO5188" s="91"/>
      <c r="HP5188" s="91"/>
      <c r="HQ5188" s="91"/>
      <c r="HR5188" s="91"/>
      <c r="HS5188" s="91"/>
      <c r="HT5188" s="91"/>
      <c r="HU5188" s="91"/>
      <c r="HV5188" s="91"/>
      <c r="HW5188" s="91"/>
      <c r="HX5188" s="127"/>
      <c r="HY5188" s="126"/>
      <c r="HZ5188" s="91"/>
      <c r="IA5188" s="91"/>
      <c r="IB5188" s="91"/>
      <c r="IC5188" s="91"/>
      <c r="ID5188" s="91"/>
      <c r="IE5188" s="91"/>
      <c r="IF5188" s="91"/>
      <c r="IG5188" s="91"/>
      <c r="IH5188" s="91"/>
      <c r="II5188" s="91"/>
      <c r="IJ5188" s="91"/>
      <c r="IK5188" s="174"/>
    </row>
    <row r="5189" spans="2:245" x14ac:dyDescent="0.2">
      <c r="B5189" s="43"/>
      <c r="C5189" s="73"/>
      <c r="D5189" s="64"/>
      <c r="E5189" s="64"/>
      <c r="F5189" s="55"/>
      <c r="G5189" s="102"/>
      <c r="H5189" s="97"/>
      <c r="T5189" s="98"/>
      <c r="U5189" s="97"/>
      <c r="AG5189" s="98"/>
      <c r="AY5189" s="164"/>
      <c r="BK5189" s="98"/>
      <c r="BL5189" s="97"/>
      <c r="BX5189" s="98"/>
      <c r="CL5189" s="97"/>
      <c r="CX5189" s="98"/>
      <c r="DL5189" s="97"/>
      <c r="DX5189" s="98"/>
      <c r="EL5189" s="97"/>
      <c r="EX5189" s="98"/>
      <c r="EY5189" s="97"/>
      <c r="FL5189" s="126"/>
      <c r="FM5189" s="91"/>
      <c r="FN5189" s="91"/>
      <c r="FO5189" s="91"/>
      <c r="FP5189" s="91"/>
      <c r="FQ5189" s="91"/>
      <c r="FR5189" s="91"/>
      <c r="FS5189" s="91"/>
      <c r="FT5189" s="91"/>
      <c r="FU5189" s="91"/>
      <c r="FV5189" s="91"/>
      <c r="FW5189" s="91"/>
      <c r="FX5189" s="127"/>
      <c r="FY5189" s="126"/>
      <c r="FZ5189" s="91"/>
      <c r="GA5189" s="91"/>
      <c r="GB5189" s="91"/>
      <c r="GC5189" s="91"/>
      <c r="GD5189" s="91"/>
      <c r="GE5189" s="91"/>
      <c r="GF5189" s="91"/>
      <c r="GG5189" s="91"/>
      <c r="GH5189" s="91"/>
      <c r="GI5189" s="91"/>
      <c r="GJ5189" s="91"/>
      <c r="GK5189" s="127"/>
      <c r="GL5189" s="126"/>
      <c r="GM5189" s="91"/>
      <c r="GN5189" s="91"/>
      <c r="GO5189" s="91"/>
      <c r="GP5189" s="91"/>
      <c r="GQ5189" s="91"/>
      <c r="GR5189" s="91"/>
      <c r="GS5189" s="91"/>
      <c r="GT5189" s="91"/>
      <c r="GU5189" s="91"/>
      <c r="GV5189" s="91"/>
      <c r="GW5189" s="91"/>
      <c r="GX5189" s="127"/>
      <c r="GY5189" s="126"/>
      <c r="GZ5189" s="91"/>
      <c r="HA5189" s="91"/>
      <c r="HB5189" s="91"/>
      <c r="HC5189" s="91"/>
      <c r="HD5189" s="91"/>
      <c r="HE5189" s="91"/>
      <c r="HF5189" s="91"/>
      <c r="HG5189" s="91"/>
      <c r="HH5189" s="91"/>
      <c r="HI5189" s="91"/>
      <c r="HJ5189" s="91"/>
      <c r="HK5189" s="127"/>
      <c r="HL5189" s="126"/>
      <c r="HM5189" s="91"/>
      <c r="HN5189" s="91"/>
      <c r="HO5189" s="91"/>
      <c r="HP5189" s="91"/>
      <c r="HQ5189" s="91"/>
      <c r="HR5189" s="91"/>
      <c r="HS5189" s="91"/>
      <c r="HT5189" s="91"/>
      <c r="HU5189" s="91"/>
      <c r="HV5189" s="91"/>
      <c r="HW5189" s="91"/>
      <c r="HX5189" s="127"/>
      <c r="HY5189" s="126"/>
      <c r="HZ5189" s="91"/>
      <c r="IA5189" s="91"/>
      <c r="IB5189" s="91"/>
      <c r="IC5189" s="91"/>
      <c r="ID5189" s="91"/>
      <c r="IE5189" s="91"/>
      <c r="IF5189" s="91"/>
      <c r="IG5189" s="91"/>
      <c r="IH5189" s="91"/>
      <c r="II5189" s="91"/>
      <c r="IJ5189" s="91"/>
      <c r="IK5189" s="174"/>
    </row>
    <row r="5190" spans="2:245" x14ac:dyDescent="0.2">
      <c r="B5190" s="43"/>
      <c r="C5190" s="73"/>
      <c r="D5190" s="64"/>
      <c r="E5190" s="64"/>
      <c r="F5190" s="55"/>
      <c r="G5190" s="102"/>
      <c r="H5190" s="97"/>
      <c r="T5190" s="98"/>
      <c r="U5190" s="97"/>
      <c r="AG5190" s="98"/>
      <c r="AY5190" s="164"/>
      <c r="BK5190" s="98"/>
      <c r="BL5190" s="97"/>
      <c r="BX5190" s="98"/>
      <c r="CL5190" s="97"/>
      <c r="CX5190" s="98"/>
      <c r="DL5190" s="97"/>
      <c r="DX5190" s="98"/>
      <c r="EL5190" s="97"/>
      <c r="EX5190" s="98"/>
      <c r="EY5190" s="97"/>
      <c r="FL5190" s="126"/>
      <c r="FM5190" s="91"/>
      <c r="FN5190" s="91"/>
      <c r="FO5190" s="91"/>
      <c r="FP5190" s="91"/>
      <c r="FQ5190" s="91"/>
      <c r="FR5190" s="91"/>
      <c r="FS5190" s="91"/>
      <c r="FT5190" s="91"/>
      <c r="FU5190" s="91"/>
      <c r="FV5190" s="91"/>
      <c r="FW5190" s="91"/>
      <c r="FX5190" s="127"/>
      <c r="FY5190" s="126"/>
      <c r="FZ5190" s="91"/>
      <c r="GA5190" s="91"/>
      <c r="GB5190" s="91"/>
      <c r="GC5190" s="91"/>
      <c r="GD5190" s="91"/>
      <c r="GE5190" s="91"/>
      <c r="GF5190" s="91"/>
      <c r="GG5190" s="91"/>
      <c r="GH5190" s="91"/>
      <c r="GI5190" s="91"/>
      <c r="GJ5190" s="91"/>
      <c r="GK5190" s="127"/>
      <c r="GL5190" s="126"/>
      <c r="GM5190" s="91"/>
      <c r="GN5190" s="91"/>
      <c r="GO5190" s="91"/>
      <c r="GP5190" s="91"/>
      <c r="GQ5190" s="91"/>
      <c r="GR5190" s="91"/>
      <c r="GS5190" s="91"/>
      <c r="GT5190" s="91"/>
      <c r="GU5190" s="91"/>
      <c r="GV5190" s="91"/>
      <c r="GW5190" s="91"/>
      <c r="GX5190" s="127"/>
      <c r="GY5190" s="126"/>
      <c r="GZ5190" s="91"/>
      <c r="HA5190" s="91"/>
      <c r="HB5190" s="91"/>
      <c r="HC5190" s="91"/>
      <c r="HD5190" s="91"/>
      <c r="HE5190" s="91"/>
      <c r="HF5190" s="91"/>
      <c r="HG5190" s="91"/>
      <c r="HH5190" s="91"/>
      <c r="HI5190" s="91"/>
      <c r="HJ5190" s="91"/>
      <c r="HK5190" s="127"/>
      <c r="HL5190" s="126"/>
      <c r="HM5190" s="91"/>
      <c r="HN5190" s="91"/>
      <c r="HO5190" s="91"/>
      <c r="HP5190" s="91"/>
      <c r="HQ5190" s="91"/>
      <c r="HR5190" s="91"/>
      <c r="HS5190" s="91"/>
      <c r="HT5190" s="91"/>
      <c r="HU5190" s="91"/>
      <c r="HV5190" s="91"/>
      <c r="HW5190" s="91"/>
      <c r="HX5190" s="127"/>
      <c r="HY5190" s="126"/>
      <c r="HZ5190" s="91"/>
      <c r="IA5190" s="91"/>
      <c r="IB5190" s="91"/>
      <c r="IC5190" s="91"/>
      <c r="ID5190" s="91"/>
      <c r="IE5190" s="91"/>
      <c r="IF5190" s="91"/>
      <c r="IG5190" s="91"/>
      <c r="IH5190" s="91"/>
      <c r="II5190" s="91"/>
      <c r="IJ5190" s="91"/>
      <c r="IK5190" s="174"/>
    </row>
    <row r="5191" spans="2:245" x14ac:dyDescent="0.2">
      <c r="B5191" s="43"/>
      <c r="C5191" s="73"/>
      <c r="D5191" s="64"/>
      <c r="E5191" s="64"/>
      <c r="F5191" s="55"/>
      <c r="G5191" s="102"/>
      <c r="H5191" s="97"/>
      <c r="T5191" s="98"/>
      <c r="U5191" s="97"/>
      <c r="AG5191" s="98"/>
      <c r="AY5191" s="164"/>
      <c r="BK5191" s="98"/>
      <c r="BL5191" s="97"/>
      <c r="BX5191" s="98"/>
      <c r="CL5191" s="97"/>
      <c r="CX5191" s="98"/>
      <c r="DL5191" s="97"/>
      <c r="DX5191" s="98"/>
      <c r="EL5191" s="97"/>
      <c r="EX5191" s="98"/>
      <c r="EY5191" s="97"/>
      <c r="FL5191" s="126"/>
      <c r="FM5191" s="91"/>
      <c r="FN5191" s="91"/>
      <c r="FO5191" s="91"/>
      <c r="FP5191" s="91"/>
      <c r="FQ5191" s="91"/>
      <c r="FR5191" s="91"/>
      <c r="FS5191" s="91"/>
      <c r="FT5191" s="91"/>
      <c r="FU5191" s="91"/>
      <c r="FV5191" s="91"/>
      <c r="FW5191" s="91"/>
      <c r="FX5191" s="127"/>
      <c r="FY5191" s="126"/>
      <c r="FZ5191" s="91"/>
      <c r="GA5191" s="91"/>
      <c r="GB5191" s="91"/>
      <c r="GC5191" s="91"/>
      <c r="GD5191" s="91"/>
      <c r="GE5191" s="91"/>
      <c r="GF5191" s="91"/>
      <c r="GG5191" s="91"/>
      <c r="GH5191" s="91"/>
      <c r="GI5191" s="91"/>
      <c r="GJ5191" s="91"/>
      <c r="GK5191" s="127"/>
      <c r="GL5191" s="126"/>
      <c r="GM5191" s="91"/>
      <c r="GN5191" s="91"/>
      <c r="GO5191" s="91"/>
      <c r="GP5191" s="91"/>
      <c r="GQ5191" s="91"/>
      <c r="GR5191" s="91"/>
      <c r="GS5191" s="91"/>
      <c r="GT5191" s="91"/>
      <c r="GU5191" s="91"/>
      <c r="GV5191" s="91"/>
      <c r="GW5191" s="91"/>
      <c r="GX5191" s="127"/>
      <c r="GY5191" s="126"/>
      <c r="GZ5191" s="91"/>
      <c r="HA5191" s="91"/>
      <c r="HB5191" s="91"/>
      <c r="HC5191" s="91"/>
      <c r="HD5191" s="91"/>
      <c r="HE5191" s="91"/>
      <c r="HF5191" s="91"/>
      <c r="HG5191" s="91"/>
      <c r="HH5191" s="91"/>
      <c r="HI5191" s="91"/>
      <c r="HJ5191" s="91"/>
      <c r="HK5191" s="127"/>
      <c r="HL5191" s="126"/>
      <c r="HM5191" s="91"/>
      <c r="HN5191" s="91"/>
      <c r="HO5191" s="91"/>
      <c r="HP5191" s="91"/>
      <c r="HQ5191" s="91"/>
      <c r="HR5191" s="91"/>
      <c r="HS5191" s="91"/>
      <c r="HT5191" s="91"/>
      <c r="HU5191" s="91"/>
      <c r="HV5191" s="91"/>
      <c r="HW5191" s="91"/>
      <c r="HX5191" s="127"/>
      <c r="HY5191" s="126"/>
      <c r="HZ5191" s="91"/>
      <c r="IA5191" s="91"/>
      <c r="IB5191" s="91"/>
      <c r="IC5191" s="91"/>
      <c r="ID5191" s="91"/>
      <c r="IE5191" s="91"/>
      <c r="IF5191" s="91"/>
      <c r="IG5191" s="91"/>
      <c r="IH5191" s="91"/>
      <c r="II5191" s="91"/>
      <c r="IJ5191" s="91"/>
      <c r="IK5191" s="174"/>
    </row>
    <row r="5192" spans="2:245" x14ac:dyDescent="0.2">
      <c r="B5192" s="43"/>
      <c r="C5192" s="73"/>
      <c r="D5192" s="64"/>
      <c r="E5192" s="64"/>
      <c r="F5192" s="55"/>
      <c r="G5192" s="102"/>
      <c r="H5192" s="97"/>
      <c r="T5192" s="98"/>
      <c r="U5192" s="97"/>
      <c r="AG5192" s="98"/>
      <c r="AY5192" s="164"/>
      <c r="BK5192" s="98"/>
      <c r="BL5192" s="97"/>
      <c r="BX5192" s="98"/>
      <c r="CL5192" s="97"/>
      <c r="CX5192" s="98"/>
      <c r="DL5192" s="97"/>
      <c r="DX5192" s="98"/>
      <c r="EL5192" s="97"/>
      <c r="EX5192" s="98"/>
      <c r="EY5192" s="97"/>
      <c r="FL5192" s="126"/>
      <c r="FM5192" s="91"/>
      <c r="FN5192" s="91"/>
      <c r="FO5192" s="91"/>
      <c r="FP5192" s="91"/>
      <c r="FQ5192" s="91"/>
      <c r="FR5192" s="91"/>
      <c r="FS5192" s="91"/>
      <c r="FT5192" s="91"/>
      <c r="FU5192" s="91"/>
      <c r="FV5192" s="91"/>
      <c r="FW5192" s="91"/>
      <c r="FX5192" s="127"/>
      <c r="FY5192" s="126"/>
      <c r="FZ5192" s="91"/>
      <c r="GA5192" s="91"/>
      <c r="GB5192" s="91"/>
      <c r="GC5192" s="91"/>
      <c r="GD5192" s="91"/>
      <c r="GE5192" s="91"/>
      <c r="GF5192" s="91"/>
      <c r="GG5192" s="91"/>
      <c r="GH5192" s="91"/>
      <c r="GI5192" s="91"/>
      <c r="GJ5192" s="91"/>
      <c r="GK5192" s="127"/>
      <c r="GL5192" s="126"/>
      <c r="GM5192" s="91"/>
      <c r="GN5192" s="91"/>
      <c r="GO5192" s="91"/>
      <c r="GP5192" s="91"/>
      <c r="GQ5192" s="91"/>
      <c r="GR5192" s="91"/>
      <c r="GS5192" s="91"/>
      <c r="GT5192" s="91"/>
      <c r="GU5192" s="91"/>
      <c r="GV5192" s="91"/>
      <c r="GW5192" s="91"/>
      <c r="GX5192" s="127"/>
      <c r="GY5192" s="126"/>
      <c r="GZ5192" s="91"/>
      <c r="HA5192" s="91"/>
      <c r="HB5192" s="91"/>
      <c r="HC5192" s="91"/>
      <c r="HD5192" s="91"/>
      <c r="HE5192" s="91"/>
      <c r="HF5192" s="91"/>
      <c r="HG5192" s="91"/>
      <c r="HH5192" s="91"/>
      <c r="HI5192" s="91"/>
      <c r="HJ5192" s="91"/>
      <c r="HK5192" s="127"/>
      <c r="HL5192" s="126"/>
      <c r="HM5192" s="91"/>
      <c r="HN5192" s="91"/>
      <c r="HO5192" s="91"/>
      <c r="HP5192" s="91"/>
      <c r="HQ5192" s="91"/>
      <c r="HR5192" s="91"/>
      <c r="HS5192" s="91"/>
      <c r="HT5192" s="91"/>
      <c r="HU5192" s="91"/>
      <c r="HV5192" s="91"/>
      <c r="HW5192" s="91"/>
      <c r="HX5192" s="127"/>
      <c r="HY5192" s="126"/>
      <c r="HZ5192" s="91"/>
      <c r="IA5192" s="91"/>
      <c r="IB5192" s="91"/>
      <c r="IC5192" s="91"/>
      <c r="ID5192" s="91"/>
      <c r="IE5192" s="91"/>
      <c r="IF5192" s="91"/>
      <c r="IG5192" s="91"/>
      <c r="IH5192" s="91"/>
      <c r="II5192" s="91"/>
      <c r="IJ5192" s="91"/>
      <c r="IK5192" s="174"/>
    </row>
    <row r="5193" spans="2:245" x14ac:dyDescent="0.2">
      <c r="B5193" s="43"/>
      <c r="C5193" s="73"/>
      <c r="D5193" s="64"/>
      <c r="E5193" s="64"/>
      <c r="F5193" s="55"/>
      <c r="G5193" s="102"/>
      <c r="H5193" s="97"/>
      <c r="T5193" s="98"/>
      <c r="U5193" s="97"/>
      <c r="AG5193" s="98"/>
      <c r="AY5193" s="164"/>
      <c r="BK5193" s="98"/>
      <c r="BL5193" s="97"/>
      <c r="BX5193" s="98"/>
      <c r="CL5193" s="97"/>
      <c r="CX5193" s="98"/>
      <c r="DL5193" s="97"/>
      <c r="DX5193" s="98"/>
      <c r="EL5193" s="97"/>
      <c r="EX5193" s="98"/>
      <c r="EY5193" s="97"/>
      <c r="FL5193" s="126"/>
      <c r="FM5193" s="91"/>
      <c r="FN5193" s="91"/>
      <c r="FO5193" s="91"/>
      <c r="FP5193" s="91"/>
      <c r="FQ5193" s="91"/>
      <c r="FR5193" s="91"/>
      <c r="FS5193" s="91"/>
      <c r="FT5193" s="91"/>
      <c r="FU5193" s="91"/>
      <c r="FV5193" s="91"/>
      <c r="FW5193" s="91"/>
      <c r="FX5193" s="127"/>
      <c r="FY5193" s="126"/>
      <c r="FZ5193" s="91"/>
      <c r="GA5193" s="91"/>
      <c r="GB5193" s="91"/>
      <c r="GC5193" s="91"/>
      <c r="GD5193" s="91"/>
      <c r="GE5193" s="91"/>
      <c r="GF5193" s="91"/>
      <c r="GG5193" s="91"/>
      <c r="GH5193" s="91"/>
      <c r="GI5193" s="91"/>
      <c r="GJ5193" s="91"/>
      <c r="GK5193" s="127"/>
      <c r="GL5193" s="126"/>
      <c r="GM5193" s="91"/>
      <c r="GN5193" s="91"/>
      <c r="GO5193" s="91"/>
      <c r="GP5193" s="91"/>
      <c r="GQ5193" s="91"/>
      <c r="GR5193" s="91"/>
      <c r="GS5193" s="91"/>
      <c r="GT5193" s="91"/>
      <c r="GU5193" s="91"/>
      <c r="GV5193" s="91"/>
      <c r="GW5193" s="91"/>
      <c r="GX5193" s="127"/>
      <c r="GY5193" s="126"/>
      <c r="GZ5193" s="91"/>
      <c r="HA5193" s="91"/>
      <c r="HB5193" s="91"/>
      <c r="HC5193" s="91"/>
      <c r="HD5193" s="91"/>
      <c r="HE5193" s="91"/>
      <c r="HF5193" s="91"/>
      <c r="HG5193" s="91"/>
      <c r="HH5193" s="91"/>
      <c r="HI5193" s="91"/>
      <c r="HJ5193" s="91"/>
      <c r="HK5193" s="127"/>
      <c r="HL5193" s="126"/>
      <c r="HM5193" s="91"/>
      <c r="HN5193" s="91"/>
      <c r="HO5193" s="91"/>
      <c r="HP5193" s="91"/>
      <c r="HQ5193" s="91"/>
      <c r="HR5193" s="91"/>
      <c r="HS5193" s="91"/>
      <c r="HT5193" s="91"/>
      <c r="HU5193" s="91"/>
      <c r="HV5193" s="91"/>
      <c r="HW5193" s="91"/>
      <c r="HX5193" s="127"/>
      <c r="HY5193" s="126"/>
      <c r="HZ5193" s="91"/>
      <c r="IA5193" s="91"/>
      <c r="IB5193" s="91"/>
      <c r="IC5193" s="91"/>
      <c r="ID5193" s="91"/>
      <c r="IE5193" s="91"/>
      <c r="IF5193" s="91"/>
      <c r="IG5193" s="91"/>
      <c r="IH5193" s="91"/>
      <c r="II5193" s="91"/>
      <c r="IJ5193" s="91"/>
      <c r="IK5193" s="174"/>
    </row>
    <row r="5194" spans="2:245" x14ac:dyDescent="0.2">
      <c r="B5194" s="43"/>
      <c r="C5194" s="73"/>
      <c r="D5194" s="64"/>
      <c r="E5194" s="64"/>
      <c r="F5194" s="55"/>
      <c r="G5194" s="102"/>
      <c r="H5194" s="97"/>
      <c r="T5194" s="98"/>
      <c r="U5194" s="97"/>
      <c r="AG5194" s="98"/>
      <c r="AY5194" s="164"/>
      <c r="BK5194" s="98"/>
      <c r="BL5194" s="97"/>
      <c r="BX5194" s="98"/>
      <c r="CL5194" s="97"/>
      <c r="CX5194" s="98"/>
      <c r="DL5194" s="97"/>
      <c r="DX5194" s="98"/>
      <c r="EL5194" s="97"/>
      <c r="EX5194" s="98"/>
      <c r="EY5194" s="97"/>
      <c r="FL5194" s="126"/>
      <c r="FM5194" s="91"/>
      <c r="FN5194" s="91"/>
      <c r="FO5194" s="91"/>
      <c r="FP5194" s="91"/>
      <c r="FQ5194" s="91"/>
      <c r="FR5194" s="91"/>
      <c r="FS5194" s="91"/>
      <c r="FT5194" s="91"/>
      <c r="FU5194" s="91"/>
      <c r="FV5194" s="91"/>
      <c r="FW5194" s="91"/>
      <c r="FX5194" s="127"/>
      <c r="FY5194" s="126"/>
      <c r="FZ5194" s="91"/>
      <c r="GA5194" s="91"/>
      <c r="GB5194" s="91"/>
      <c r="GC5194" s="91"/>
      <c r="GD5194" s="91"/>
      <c r="GE5194" s="91"/>
      <c r="GF5194" s="91"/>
      <c r="GG5194" s="91"/>
      <c r="GH5194" s="91"/>
      <c r="GI5194" s="91"/>
      <c r="GJ5194" s="91"/>
      <c r="GK5194" s="127"/>
      <c r="GL5194" s="126"/>
      <c r="GM5194" s="91"/>
      <c r="GN5194" s="91"/>
      <c r="GO5194" s="91"/>
      <c r="GP5194" s="91"/>
      <c r="GQ5194" s="91"/>
      <c r="GR5194" s="91"/>
      <c r="GS5194" s="91"/>
      <c r="GT5194" s="91"/>
      <c r="GU5194" s="91"/>
      <c r="GV5194" s="91"/>
      <c r="GW5194" s="91"/>
      <c r="GX5194" s="127"/>
      <c r="GY5194" s="126"/>
      <c r="GZ5194" s="91"/>
      <c r="HA5194" s="91"/>
      <c r="HB5194" s="91"/>
      <c r="HC5194" s="91"/>
      <c r="HD5194" s="91"/>
      <c r="HE5194" s="91"/>
      <c r="HF5194" s="91"/>
      <c r="HG5194" s="91"/>
      <c r="HH5194" s="91"/>
      <c r="HI5194" s="91"/>
      <c r="HJ5194" s="91"/>
      <c r="HK5194" s="127"/>
      <c r="HL5194" s="126"/>
      <c r="HM5194" s="91"/>
      <c r="HN5194" s="91"/>
      <c r="HO5194" s="91"/>
      <c r="HP5194" s="91"/>
      <c r="HQ5194" s="91"/>
      <c r="HR5194" s="91"/>
      <c r="HS5194" s="91"/>
      <c r="HT5194" s="91"/>
      <c r="HU5194" s="91"/>
      <c r="HV5194" s="91"/>
      <c r="HW5194" s="91"/>
      <c r="HX5194" s="127"/>
      <c r="HY5194" s="126"/>
      <c r="HZ5194" s="91"/>
      <c r="IA5194" s="91"/>
      <c r="IB5194" s="91"/>
      <c r="IC5194" s="91"/>
      <c r="ID5194" s="91"/>
      <c r="IE5194" s="91"/>
      <c r="IF5194" s="91"/>
      <c r="IG5194" s="91"/>
      <c r="IH5194" s="91"/>
      <c r="II5194" s="91"/>
      <c r="IJ5194" s="91"/>
      <c r="IK5194" s="174"/>
    </row>
    <row r="5195" spans="2:245" x14ac:dyDescent="0.2">
      <c r="B5195" s="43"/>
      <c r="C5195" s="73"/>
      <c r="D5195" s="64"/>
      <c r="E5195" s="64"/>
      <c r="F5195" s="55"/>
      <c r="G5195" s="102"/>
      <c r="H5195" s="97"/>
      <c r="T5195" s="98"/>
      <c r="U5195" s="97"/>
      <c r="AG5195" s="98"/>
      <c r="AY5195" s="164"/>
      <c r="BK5195" s="98"/>
      <c r="BL5195" s="97"/>
      <c r="BX5195" s="98"/>
      <c r="CL5195" s="97"/>
      <c r="CX5195" s="98"/>
      <c r="DL5195" s="97"/>
      <c r="DX5195" s="98"/>
      <c r="EL5195" s="97"/>
      <c r="EX5195" s="98"/>
      <c r="EY5195" s="97"/>
      <c r="FL5195" s="126"/>
      <c r="FM5195" s="91"/>
      <c r="FN5195" s="91"/>
      <c r="FO5195" s="91"/>
      <c r="FP5195" s="91"/>
      <c r="FQ5195" s="91"/>
      <c r="FR5195" s="91"/>
      <c r="FS5195" s="91"/>
      <c r="FT5195" s="91"/>
      <c r="FU5195" s="91"/>
      <c r="FV5195" s="91"/>
      <c r="FW5195" s="91"/>
      <c r="FX5195" s="127"/>
      <c r="FY5195" s="126"/>
      <c r="FZ5195" s="91"/>
      <c r="GA5195" s="91"/>
      <c r="GB5195" s="91"/>
      <c r="GC5195" s="91"/>
      <c r="GD5195" s="91"/>
      <c r="GE5195" s="91"/>
      <c r="GF5195" s="91"/>
      <c r="GG5195" s="91"/>
      <c r="GH5195" s="91"/>
      <c r="GI5195" s="91"/>
      <c r="GJ5195" s="91"/>
      <c r="GK5195" s="127"/>
      <c r="GL5195" s="126"/>
      <c r="GM5195" s="91"/>
      <c r="GN5195" s="91"/>
      <c r="GO5195" s="91"/>
      <c r="GP5195" s="91"/>
      <c r="GQ5195" s="91"/>
      <c r="GR5195" s="91"/>
      <c r="GS5195" s="91"/>
      <c r="GT5195" s="91"/>
      <c r="GU5195" s="91"/>
      <c r="GV5195" s="91"/>
      <c r="GW5195" s="91"/>
      <c r="GX5195" s="127"/>
      <c r="GY5195" s="126"/>
      <c r="GZ5195" s="91"/>
      <c r="HA5195" s="91"/>
      <c r="HB5195" s="91"/>
      <c r="HC5195" s="91"/>
      <c r="HD5195" s="91"/>
      <c r="HE5195" s="91"/>
      <c r="HF5195" s="91"/>
      <c r="HG5195" s="91"/>
      <c r="HH5195" s="91"/>
      <c r="HI5195" s="91"/>
      <c r="HJ5195" s="91"/>
      <c r="HK5195" s="127"/>
      <c r="HL5195" s="126"/>
      <c r="HM5195" s="91"/>
      <c r="HN5195" s="91"/>
      <c r="HO5195" s="91"/>
      <c r="HP5195" s="91"/>
      <c r="HQ5195" s="91"/>
      <c r="HR5195" s="91"/>
      <c r="HS5195" s="91"/>
      <c r="HT5195" s="91"/>
      <c r="HU5195" s="91"/>
      <c r="HV5195" s="91"/>
      <c r="HW5195" s="91"/>
      <c r="HX5195" s="127"/>
      <c r="HY5195" s="126"/>
      <c r="HZ5195" s="91"/>
      <c r="IA5195" s="91"/>
      <c r="IB5195" s="91"/>
      <c r="IC5195" s="91"/>
      <c r="ID5195" s="91"/>
      <c r="IE5195" s="91"/>
      <c r="IF5195" s="91"/>
      <c r="IG5195" s="91"/>
      <c r="IH5195" s="91"/>
      <c r="II5195" s="91"/>
      <c r="IJ5195" s="91"/>
      <c r="IK5195" s="174"/>
    </row>
    <row r="5196" spans="2:245" x14ac:dyDescent="0.2">
      <c r="B5196" s="43"/>
      <c r="C5196" s="73"/>
      <c r="D5196" s="64"/>
      <c r="E5196" s="64"/>
      <c r="F5196" s="55"/>
      <c r="G5196" s="102"/>
      <c r="H5196" s="97"/>
      <c r="T5196" s="98"/>
      <c r="U5196" s="97"/>
      <c r="AG5196" s="98"/>
      <c r="AY5196" s="164"/>
      <c r="BK5196" s="98"/>
      <c r="BL5196" s="97"/>
      <c r="BX5196" s="98"/>
      <c r="CL5196" s="97"/>
      <c r="CX5196" s="98"/>
      <c r="DL5196" s="97"/>
      <c r="DX5196" s="98"/>
      <c r="EL5196" s="97"/>
      <c r="EX5196" s="98"/>
      <c r="EY5196" s="97"/>
      <c r="FL5196" s="126"/>
      <c r="FM5196" s="91"/>
      <c r="FN5196" s="91"/>
      <c r="FO5196" s="91"/>
      <c r="FP5196" s="91"/>
      <c r="FQ5196" s="91"/>
      <c r="FR5196" s="91"/>
      <c r="FS5196" s="91"/>
      <c r="FT5196" s="91"/>
      <c r="FU5196" s="91"/>
      <c r="FV5196" s="91"/>
      <c r="FW5196" s="91"/>
      <c r="FX5196" s="127"/>
      <c r="FY5196" s="126"/>
      <c r="FZ5196" s="91"/>
      <c r="GA5196" s="91"/>
      <c r="GB5196" s="91"/>
      <c r="GC5196" s="91"/>
      <c r="GD5196" s="91"/>
      <c r="GE5196" s="91"/>
      <c r="GF5196" s="91"/>
      <c r="GG5196" s="91"/>
      <c r="GH5196" s="91"/>
      <c r="GI5196" s="91"/>
      <c r="GJ5196" s="91"/>
      <c r="GK5196" s="127"/>
      <c r="GL5196" s="126"/>
      <c r="GM5196" s="91"/>
      <c r="GN5196" s="91"/>
      <c r="GO5196" s="91"/>
      <c r="GP5196" s="91"/>
      <c r="GQ5196" s="91"/>
      <c r="GR5196" s="91"/>
      <c r="GS5196" s="91"/>
      <c r="GT5196" s="91"/>
      <c r="GU5196" s="91"/>
      <c r="GV5196" s="91"/>
      <c r="GW5196" s="91"/>
      <c r="GX5196" s="127"/>
      <c r="GY5196" s="126"/>
      <c r="GZ5196" s="91"/>
      <c r="HA5196" s="91"/>
      <c r="HB5196" s="91"/>
      <c r="HC5196" s="91"/>
      <c r="HD5196" s="91"/>
      <c r="HE5196" s="91"/>
      <c r="HF5196" s="91"/>
      <c r="HG5196" s="91"/>
      <c r="HH5196" s="91"/>
      <c r="HI5196" s="91"/>
      <c r="HJ5196" s="91"/>
      <c r="HK5196" s="127"/>
      <c r="HL5196" s="126"/>
      <c r="HM5196" s="91"/>
      <c r="HN5196" s="91"/>
      <c r="HO5196" s="91"/>
      <c r="HP5196" s="91"/>
      <c r="HQ5196" s="91"/>
      <c r="HR5196" s="91"/>
      <c r="HS5196" s="91"/>
      <c r="HT5196" s="91"/>
      <c r="HU5196" s="91"/>
      <c r="HV5196" s="91"/>
      <c r="HW5196" s="91"/>
      <c r="HX5196" s="127"/>
      <c r="HY5196" s="126"/>
      <c r="HZ5196" s="91"/>
      <c r="IA5196" s="91"/>
      <c r="IB5196" s="91"/>
      <c r="IC5196" s="91"/>
      <c r="ID5196" s="91"/>
      <c r="IE5196" s="91"/>
      <c r="IF5196" s="91"/>
      <c r="IG5196" s="91"/>
      <c r="IH5196" s="91"/>
      <c r="II5196" s="91"/>
      <c r="IJ5196" s="91"/>
      <c r="IK5196" s="174"/>
    </row>
    <row r="5197" spans="2:245" x14ac:dyDescent="0.2">
      <c r="B5197" s="43"/>
      <c r="C5197" s="73"/>
      <c r="D5197" s="64"/>
      <c r="E5197" s="64"/>
      <c r="F5197" s="55"/>
      <c r="G5197" s="102"/>
      <c r="H5197" s="97"/>
      <c r="T5197" s="98"/>
      <c r="U5197" s="97"/>
      <c r="AG5197" s="98"/>
      <c r="AY5197" s="164"/>
      <c r="BK5197" s="98"/>
      <c r="BL5197" s="97"/>
      <c r="BX5197" s="98"/>
      <c r="CL5197" s="97"/>
      <c r="CX5197" s="98"/>
      <c r="DL5197" s="97"/>
      <c r="DX5197" s="98"/>
      <c r="EL5197" s="97"/>
      <c r="EX5197" s="98"/>
      <c r="EY5197" s="97"/>
      <c r="FL5197" s="126"/>
      <c r="FM5197" s="91"/>
      <c r="FN5197" s="91"/>
      <c r="FO5197" s="91"/>
      <c r="FP5197" s="91"/>
      <c r="FQ5197" s="91"/>
      <c r="FR5197" s="91"/>
      <c r="FS5197" s="91"/>
      <c r="FT5197" s="91"/>
      <c r="FU5197" s="91"/>
      <c r="FV5197" s="91"/>
      <c r="FW5197" s="91"/>
      <c r="FX5197" s="127"/>
      <c r="FY5197" s="126"/>
      <c r="FZ5197" s="91"/>
      <c r="GA5197" s="91"/>
      <c r="GB5197" s="91"/>
      <c r="GC5197" s="91"/>
      <c r="GD5197" s="91"/>
      <c r="GE5197" s="91"/>
      <c r="GF5197" s="91"/>
      <c r="GG5197" s="91"/>
      <c r="GH5197" s="91"/>
      <c r="GI5197" s="91"/>
      <c r="GJ5197" s="91"/>
      <c r="GK5197" s="127"/>
      <c r="GL5197" s="126"/>
      <c r="GM5197" s="91"/>
      <c r="GN5197" s="91"/>
      <c r="GO5197" s="91"/>
      <c r="GP5197" s="91"/>
      <c r="GQ5197" s="91"/>
      <c r="GR5197" s="91"/>
      <c r="GS5197" s="91"/>
      <c r="GT5197" s="91"/>
      <c r="GU5197" s="91"/>
      <c r="GV5197" s="91"/>
      <c r="GW5197" s="91"/>
      <c r="GX5197" s="127"/>
      <c r="GY5197" s="126"/>
      <c r="GZ5197" s="91"/>
      <c r="HA5197" s="91"/>
      <c r="HB5197" s="91"/>
      <c r="HC5197" s="91"/>
      <c r="HD5197" s="91"/>
      <c r="HE5197" s="91"/>
      <c r="HF5197" s="91"/>
      <c r="HG5197" s="91"/>
      <c r="HH5197" s="91"/>
      <c r="HI5197" s="91"/>
      <c r="HJ5197" s="91"/>
      <c r="HK5197" s="127"/>
      <c r="HL5197" s="126"/>
      <c r="HM5197" s="91"/>
      <c r="HN5197" s="91"/>
      <c r="HO5197" s="91"/>
      <c r="HP5197" s="91"/>
      <c r="HQ5197" s="91"/>
      <c r="HR5197" s="91"/>
      <c r="HS5197" s="91"/>
      <c r="HT5197" s="91"/>
      <c r="HU5197" s="91"/>
      <c r="HV5197" s="91"/>
      <c r="HW5197" s="91"/>
      <c r="HX5197" s="127"/>
      <c r="HY5197" s="126"/>
      <c r="HZ5197" s="91"/>
      <c r="IA5197" s="91"/>
      <c r="IB5197" s="91"/>
      <c r="IC5197" s="91"/>
      <c r="ID5197" s="91"/>
      <c r="IE5197" s="91"/>
      <c r="IF5197" s="91"/>
      <c r="IG5197" s="91"/>
      <c r="IH5197" s="91"/>
      <c r="II5197" s="91"/>
      <c r="IJ5197" s="91"/>
      <c r="IK5197" s="174"/>
    </row>
    <row r="5198" spans="2:245" x14ac:dyDescent="0.2">
      <c r="B5198" s="43"/>
      <c r="C5198" s="73"/>
      <c r="D5198" s="64"/>
      <c r="E5198" s="64"/>
      <c r="F5198" s="55"/>
      <c r="G5198" s="102"/>
      <c r="H5198" s="97"/>
      <c r="T5198" s="98"/>
      <c r="U5198" s="97"/>
      <c r="AG5198" s="98"/>
      <c r="AY5198" s="164"/>
      <c r="BK5198" s="98"/>
      <c r="BL5198" s="97"/>
      <c r="BX5198" s="98"/>
      <c r="CL5198" s="97"/>
      <c r="CX5198" s="98"/>
      <c r="DL5198" s="97"/>
      <c r="DX5198" s="98"/>
      <c r="EL5198" s="97"/>
      <c r="EX5198" s="98"/>
      <c r="EY5198" s="97"/>
      <c r="FL5198" s="126"/>
      <c r="FM5198" s="91"/>
      <c r="FN5198" s="91"/>
      <c r="FO5198" s="91"/>
      <c r="FP5198" s="91"/>
      <c r="FQ5198" s="91"/>
      <c r="FR5198" s="91"/>
      <c r="FS5198" s="91"/>
      <c r="FT5198" s="91"/>
      <c r="FU5198" s="91"/>
      <c r="FV5198" s="91"/>
      <c r="FW5198" s="91"/>
      <c r="FX5198" s="127"/>
      <c r="FY5198" s="126"/>
      <c r="FZ5198" s="91"/>
      <c r="GA5198" s="91"/>
      <c r="GB5198" s="91"/>
      <c r="GC5198" s="91"/>
      <c r="GD5198" s="91"/>
      <c r="GE5198" s="91"/>
      <c r="GF5198" s="91"/>
      <c r="GG5198" s="91"/>
      <c r="GH5198" s="91"/>
      <c r="GI5198" s="91"/>
      <c r="GJ5198" s="91"/>
      <c r="GK5198" s="127"/>
      <c r="GL5198" s="126"/>
      <c r="GM5198" s="91"/>
      <c r="GN5198" s="91"/>
      <c r="GO5198" s="91"/>
      <c r="GP5198" s="91"/>
      <c r="GQ5198" s="91"/>
      <c r="GR5198" s="91"/>
      <c r="GS5198" s="91"/>
      <c r="GT5198" s="91"/>
      <c r="GU5198" s="91"/>
      <c r="GV5198" s="91"/>
      <c r="GW5198" s="91"/>
      <c r="GX5198" s="127"/>
      <c r="GY5198" s="126"/>
      <c r="GZ5198" s="91"/>
      <c r="HA5198" s="91"/>
      <c r="HB5198" s="91"/>
      <c r="HC5198" s="91"/>
      <c r="HD5198" s="91"/>
      <c r="HE5198" s="91"/>
      <c r="HF5198" s="91"/>
      <c r="HG5198" s="91"/>
      <c r="HH5198" s="91"/>
      <c r="HI5198" s="91"/>
      <c r="HJ5198" s="91"/>
      <c r="HK5198" s="127"/>
      <c r="HL5198" s="126"/>
      <c r="HM5198" s="91"/>
      <c r="HN5198" s="91"/>
      <c r="HO5198" s="91"/>
      <c r="HP5198" s="91"/>
      <c r="HQ5198" s="91"/>
      <c r="HR5198" s="91"/>
      <c r="HS5198" s="91"/>
      <c r="HT5198" s="91"/>
      <c r="HU5198" s="91"/>
      <c r="HV5198" s="91"/>
      <c r="HW5198" s="91"/>
      <c r="HX5198" s="127"/>
      <c r="HY5198" s="126"/>
      <c r="HZ5198" s="91"/>
      <c r="IA5198" s="91"/>
      <c r="IB5198" s="91"/>
      <c r="IC5198" s="91"/>
      <c r="ID5198" s="91"/>
      <c r="IE5198" s="91"/>
      <c r="IF5198" s="91"/>
      <c r="IG5198" s="91"/>
      <c r="IH5198" s="91"/>
      <c r="II5198" s="91"/>
      <c r="IJ5198" s="91"/>
      <c r="IK5198" s="174"/>
    </row>
    <row r="5199" spans="2:245" x14ac:dyDescent="0.2">
      <c r="B5199" s="43"/>
      <c r="C5199" s="73"/>
      <c r="D5199" s="64"/>
      <c r="E5199" s="64"/>
      <c r="F5199" s="55"/>
      <c r="G5199" s="102"/>
      <c r="H5199" s="97"/>
      <c r="T5199" s="98"/>
      <c r="U5199" s="97"/>
      <c r="AG5199" s="98"/>
      <c r="AY5199" s="164"/>
      <c r="BK5199" s="98"/>
      <c r="BL5199" s="97"/>
      <c r="BX5199" s="98"/>
      <c r="CL5199" s="97"/>
      <c r="CX5199" s="98"/>
      <c r="DL5199" s="97"/>
      <c r="DX5199" s="98"/>
      <c r="EL5199" s="97"/>
      <c r="EX5199" s="98"/>
      <c r="EY5199" s="97"/>
      <c r="FL5199" s="126"/>
      <c r="FM5199" s="91"/>
      <c r="FN5199" s="91"/>
      <c r="FO5199" s="91"/>
      <c r="FP5199" s="91"/>
      <c r="FQ5199" s="91"/>
      <c r="FR5199" s="91"/>
      <c r="FS5199" s="91"/>
      <c r="FT5199" s="91"/>
      <c r="FU5199" s="91"/>
      <c r="FV5199" s="91"/>
      <c r="FW5199" s="91"/>
      <c r="FX5199" s="127"/>
      <c r="FY5199" s="126"/>
      <c r="FZ5199" s="91"/>
      <c r="GA5199" s="91"/>
      <c r="GB5199" s="91"/>
      <c r="GC5199" s="91"/>
      <c r="GD5199" s="91"/>
      <c r="GE5199" s="91"/>
      <c r="GF5199" s="91"/>
      <c r="GG5199" s="91"/>
      <c r="GH5199" s="91"/>
      <c r="GI5199" s="91"/>
      <c r="GJ5199" s="91"/>
      <c r="GK5199" s="127"/>
      <c r="GL5199" s="126"/>
      <c r="GM5199" s="91"/>
      <c r="GN5199" s="91"/>
      <c r="GO5199" s="91"/>
      <c r="GP5199" s="91"/>
      <c r="GQ5199" s="91"/>
      <c r="GR5199" s="91"/>
      <c r="GS5199" s="91"/>
      <c r="GT5199" s="91"/>
      <c r="GU5199" s="91"/>
      <c r="GV5199" s="91"/>
      <c r="GW5199" s="91"/>
      <c r="GX5199" s="127"/>
      <c r="GY5199" s="126"/>
      <c r="GZ5199" s="91"/>
      <c r="HA5199" s="91"/>
      <c r="HB5199" s="91"/>
      <c r="HC5199" s="91"/>
      <c r="HD5199" s="91"/>
      <c r="HE5199" s="91"/>
      <c r="HF5199" s="91"/>
      <c r="HG5199" s="91"/>
      <c r="HH5199" s="91"/>
      <c r="HI5199" s="91"/>
      <c r="HJ5199" s="91"/>
      <c r="HK5199" s="127"/>
      <c r="HL5199" s="126"/>
      <c r="HM5199" s="91"/>
      <c r="HN5199" s="91"/>
      <c r="HO5199" s="91"/>
      <c r="HP5199" s="91"/>
      <c r="HQ5199" s="91"/>
      <c r="HR5199" s="91"/>
      <c r="HS5199" s="91"/>
      <c r="HT5199" s="91"/>
      <c r="HU5199" s="91"/>
      <c r="HV5199" s="91"/>
      <c r="HW5199" s="91"/>
      <c r="HX5199" s="127"/>
      <c r="HY5199" s="126"/>
      <c r="HZ5199" s="91"/>
      <c r="IA5199" s="91"/>
      <c r="IB5199" s="91"/>
      <c r="IC5199" s="91"/>
      <c r="ID5199" s="91"/>
      <c r="IE5199" s="91"/>
      <c r="IF5199" s="91"/>
      <c r="IG5199" s="91"/>
      <c r="IH5199" s="91"/>
      <c r="II5199" s="91"/>
      <c r="IJ5199" s="91"/>
      <c r="IK5199" s="174"/>
    </row>
    <row r="5200" spans="2:245" x14ac:dyDescent="0.2">
      <c r="B5200" s="43"/>
      <c r="C5200" s="73"/>
      <c r="D5200" s="64"/>
      <c r="E5200" s="64"/>
      <c r="F5200" s="55"/>
      <c r="G5200" s="102"/>
      <c r="H5200" s="97"/>
      <c r="T5200" s="98"/>
      <c r="U5200" s="97"/>
      <c r="AG5200" s="98"/>
      <c r="AY5200" s="164"/>
      <c r="BK5200" s="98"/>
      <c r="BL5200" s="97"/>
      <c r="BX5200" s="98"/>
      <c r="CL5200" s="97"/>
      <c r="CX5200" s="98"/>
      <c r="DL5200" s="97"/>
      <c r="DX5200" s="98"/>
      <c r="EL5200" s="97"/>
      <c r="EX5200" s="98"/>
      <c r="EY5200" s="97"/>
      <c r="FL5200" s="126"/>
      <c r="FM5200" s="91"/>
      <c r="FN5200" s="91"/>
      <c r="FO5200" s="91"/>
      <c r="FP5200" s="91"/>
      <c r="FQ5200" s="91"/>
      <c r="FR5200" s="91"/>
      <c r="FS5200" s="91"/>
      <c r="FT5200" s="91"/>
      <c r="FU5200" s="91"/>
      <c r="FV5200" s="91"/>
      <c r="FW5200" s="91"/>
      <c r="FX5200" s="127"/>
      <c r="FY5200" s="126"/>
      <c r="FZ5200" s="91"/>
      <c r="GA5200" s="91"/>
      <c r="GB5200" s="91"/>
      <c r="GC5200" s="91"/>
      <c r="GD5200" s="91"/>
      <c r="GE5200" s="91"/>
      <c r="GF5200" s="91"/>
      <c r="GG5200" s="91"/>
      <c r="GH5200" s="91"/>
      <c r="GI5200" s="91"/>
      <c r="GJ5200" s="91"/>
      <c r="GK5200" s="127"/>
      <c r="GL5200" s="126"/>
      <c r="GM5200" s="91"/>
      <c r="GN5200" s="91"/>
      <c r="GO5200" s="91"/>
      <c r="GP5200" s="91"/>
      <c r="GQ5200" s="91"/>
      <c r="GR5200" s="91"/>
      <c r="GS5200" s="91"/>
      <c r="GT5200" s="91"/>
      <c r="GU5200" s="91"/>
      <c r="GV5200" s="91"/>
      <c r="GW5200" s="91"/>
      <c r="GX5200" s="127"/>
      <c r="GY5200" s="126"/>
      <c r="GZ5200" s="91"/>
      <c r="HA5200" s="91"/>
      <c r="HB5200" s="91"/>
      <c r="HC5200" s="91"/>
      <c r="HD5200" s="91"/>
      <c r="HE5200" s="91"/>
      <c r="HF5200" s="91"/>
      <c r="HG5200" s="91"/>
      <c r="HH5200" s="91"/>
      <c r="HI5200" s="91"/>
      <c r="HJ5200" s="91"/>
      <c r="HK5200" s="127"/>
      <c r="HL5200" s="126"/>
      <c r="HM5200" s="91"/>
      <c r="HN5200" s="91"/>
      <c r="HO5200" s="91"/>
      <c r="HP5200" s="91"/>
      <c r="HQ5200" s="91"/>
      <c r="HR5200" s="91"/>
      <c r="HS5200" s="91"/>
      <c r="HT5200" s="91"/>
      <c r="HU5200" s="91"/>
      <c r="HV5200" s="91"/>
      <c r="HW5200" s="91"/>
      <c r="HX5200" s="127"/>
      <c r="HY5200" s="126"/>
      <c r="HZ5200" s="91"/>
      <c r="IA5200" s="91"/>
      <c r="IB5200" s="91"/>
      <c r="IC5200" s="91"/>
      <c r="ID5200" s="91"/>
      <c r="IE5200" s="91"/>
      <c r="IF5200" s="91"/>
      <c r="IG5200" s="91"/>
      <c r="IH5200" s="91"/>
      <c r="II5200" s="91"/>
      <c r="IJ5200" s="91"/>
      <c r="IK5200" s="174"/>
    </row>
    <row r="5201" spans="2:245" x14ac:dyDescent="0.2">
      <c r="B5201" s="43"/>
      <c r="C5201" s="73"/>
      <c r="D5201" s="64"/>
      <c r="E5201" s="64"/>
      <c r="F5201" s="55"/>
      <c r="G5201" s="102"/>
      <c r="H5201" s="97"/>
      <c r="T5201" s="98"/>
      <c r="U5201" s="97"/>
      <c r="AG5201" s="98"/>
      <c r="AY5201" s="164"/>
      <c r="BK5201" s="98"/>
      <c r="BL5201" s="97"/>
      <c r="BX5201" s="98"/>
      <c r="CL5201" s="97"/>
      <c r="CX5201" s="98"/>
      <c r="DL5201" s="97"/>
      <c r="DX5201" s="98"/>
      <c r="EL5201" s="97"/>
      <c r="EX5201" s="98"/>
      <c r="EY5201" s="97"/>
      <c r="FL5201" s="126"/>
      <c r="FM5201" s="91"/>
      <c r="FN5201" s="91"/>
      <c r="FO5201" s="91"/>
      <c r="FP5201" s="91"/>
      <c r="FQ5201" s="91"/>
      <c r="FR5201" s="91"/>
      <c r="FS5201" s="91"/>
      <c r="FT5201" s="91"/>
      <c r="FU5201" s="91"/>
      <c r="FV5201" s="91"/>
      <c r="FW5201" s="91"/>
      <c r="FX5201" s="127"/>
      <c r="FY5201" s="126"/>
      <c r="FZ5201" s="91"/>
      <c r="GA5201" s="91"/>
      <c r="GB5201" s="91"/>
      <c r="GC5201" s="91"/>
      <c r="GD5201" s="91"/>
      <c r="GE5201" s="91"/>
      <c r="GF5201" s="91"/>
      <c r="GG5201" s="91"/>
      <c r="GH5201" s="91"/>
      <c r="GI5201" s="91"/>
      <c r="GJ5201" s="91"/>
      <c r="GK5201" s="127"/>
      <c r="GL5201" s="126"/>
      <c r="GM5201" s="91"/>
      <c r="GN5201" s="91"/>
      <c r="GO5201" s="91"/>
      <c r="GP5201" s="91"/>
      <c r="GQ5201" s="91"/>
      <c r="GR5201" s="91"/>
      <c r="GS5201" s="91"/>
      <c r="GT5201" s="91"/>
      <c r="GU5201" s="91"/>
      <c r="GV5201" s="91"/>
      <c r="GW5201" s="91"/>
      <c r="GX5201" s="127"/>
      <c r="GY5201" s="126"/>
      <c r="GZ5201" s="91"/>
      <c r="HA5201" s="91"/>
      <c r="HB5201" s="91"/>
      <c r="HC5201" s="91"/>
      <c r="HD5201" s="91"/>
      <c r="HE5201" s="91"/>
      <c r="HF5201" s="91"/>
      <c r="HG5201" s="91"/>
      <c r="HH5201" s="91"/>
      <c r="HI5201" s="91"/>
      <c r="HJ5201" s="91"/>
      <c r="HK5201" s="127"/>
      <c r="HL5201" s="126"/>
      <c r="HM5201" s="91"/>
      <c r="HN5201" s="91"/>
      <c r="HO5201" s="91"/>
      <c r="HP5201" s="91"/>
      <c r="HQ5201" s="91"/>
      <c r="HR5201" s="91"/>
      <c r="HS5201" s="91"/>
      <c r="HT5201" s="91"/>
      <c r="HU5201" s="91"/>
      <c r="HV5201" s="91"/>
      <c r="HW5201" s="91"/>
      <c r="HX5201" s="127"/>
      <c r="HY5201" s="126"/>
      <c r="HZ5201" s="91"/>
      <c r="IA5201" s="91"/>
      <c r="IB5201" s="91"/>
      <c r="IC5201" s="91"/>
      <c r="ID5201" s="91"/>
      <c r="IE5201" s="91"/>
      <c r="IF5201" s="91"/>
      <c r="IG5201" s="91"/>
      <c r="IH5201" s="91"/>
      <c r="II5201" s="91"/>
      <c r="IJ5201" s="91"/>
      <c r="IK5201" s="174"/>
    </row>
    <row r="5202" spans="2:245" x14ac:dyDescent="0.2">
      <c r="B5202" s="43"/>
      <c r="C5202" s="73"/>
      <c r="D5202" s="64"/>
      <c r="E5202" s="64"/>
      <c r="F5202" s="55"/>
      <c r="G5202" s="102"/>
      <c r="H5202" s="97"/>
      <c r="T5202" s="98"/>
      <c r="U5202" s="97"/>
      <c r="AG5202" s="98"/>
      <c r="AY5202" s="164"/>
      <c r="BK5202" s="98"/>
      <c r="BL5202" s="97"/>
      <c r="BX5202" s="98"/>
      <c r="CL5202" s="97"/>
      <c r="CX5202" s="98"/>
      <c r="DL5202" s="97"/>
      <c r="DX5202" s="98"/>
      <c r="EL5202" s="97"/>
      <c r="EX5202" s="98"/>
      <c r="EY5202" s="97"/>
      <c r="FL5202" s="126"/>
      <c r="FM5202" s="91"/>
      <c r="FN5202" s="91"/>
      <c r="FO5202" s="91"/>
      <c r="FP5202" s="91"/>
      <c r="FQ5202" s="91"/>
      <c r="FR5202" s="91"/>
      <c r="FS5202" s="91"/>
      <c r="FT5202" s="91"/>
      <c r="FU5202" s="91"/>
      <c r="FV5202" s="91"/>
      <c r="FW5202" s="91"/>
      <c r="FX5202" s="127"/>
      <c r="FY5202" s="126"/>
      <c r="FZ5202" s="91"/>
      <c r="GA5202" s="91"/>
      <c r="GB5202" s="91"/>
      <c r="GC5202" s="91"/>
      <c r="GD5202" s="91"/>
      <c r="GE5202" s="91"/>
      <c r="GF5202" s="91"/>
      <c r="GG5202" s="91"/>
      <c r="GH5202" s="91"/>
      <c r="GI5202" s="91"/>
      <c r="GJ5202" s="91"/>
      <c r="GK5202" s="127"/>
      <c r="GL5202" s="126"/>
      <c r="GM5202" s="91"/>
      <c r="GN5202" s="91"/>
      <c r="GO5202" s="91"/>
      <c r="GP5202" s="91"/>
      <c r="GQ5202" s="91"/>
      <c r="GR5202" s="91"/>
      <c r="GS5202" s="91"/>
      <c r="GT5202" s="91"/>
      <c r="GU5202" s="91"/>
      <c r="GV5202" s="91"/>
      <c r="GW5202" s="91"/>
      <c r="GX5202" s="127"/>
      <c r="GY5202" s="126"/>
      <c r="GZ5202" s="91"/>
      <c r="HA5202" s="91"/>
      <c r="HB5202" s="91"/>
      <c r="HC5202" s="91"/>
      <c r="HD5202" s="91"/>
      <c r="HE5202" s="91"/>
      <c r="HF5202" s="91"/>
      <c r="HG5202" s="91"/>
      <c r="HH5202" s="91"/>
      <c r="HI5202" s="91"/>
      <c r="HJ5202" s="91"/>
      <c r="HK5202" s="127"/>
      <c r="HL5202" s="126"/>
      <c r="HM5202" s="91"/>
      <c r="HN5202" s="91"/>
      <c r="HO5202" s="91"/>
      <c r="HP5202" s="91"/>
      <c r="HQ5202" s="91"/>
      <c r="HR5202" s="91"/>
      <c r="HS5202" s="91"/>
      <c r="HT5202" s="91"/>
      <c r="HU5202" s="91"/>
      <c r="HV5202" s="91"/>
      <c r="HW5202" s="91"/>
      <c r="HX5202" s="127"/>
      <c r="HY5202" s="126"/>
      <c r="HZ5202" s="91"/>
      <c r="IA5202" s="91"/>
      <c r="IB5202" s="91"/>
      <c r="IC5202" s="91"/>
      <c r="ID5202" s="91"/>
      <c r="IE5202" s="91"/>
      <c r="IF5202" s="91"/>
      <c r="IG5202" s="91"/>
      <c r="IH5202" s="91"/>
      <c r="II5202" s="91"/>
      <c r="IJ5202" s="91"/>
      <c r="IK5202" s="174"/>
    </row>
    <row r="5203" spans="2:245" x14ac:dyDescent="0.2">
      <c r="B5203" s="43"/>
      <c r="C5203" s="73"/>
      <c r="D5203" s="64"/>
      <c r="E5203" s="64"/>
      <c r="F5203" s="55"/>
      <c r="G5203" s="102"/>
      <c r="H5203" s="97"/>
      <c r="T5203" s="98"/>
      <c r="U5203" s="97"/>
      <c r="AG5203" s="98"/>
      <c r="AY5203" s="164"/>
      <c r="BK5203" s="98"/>
      <c r="BL5203" s="97"/>
      <c r="BX5203" s="98"/>
      <c r="CL5203" s="97"/>
      <c r="CX5203" s="98"/>
      <c r="DL5203" s="97"/>
      <c r="DX5203" s="98"/>
      <c r="EL5203" s="97"/>
      <c r="EX5203" s="98"/>
      <c r="EY5203" s="97"/>
      <c r="FL5203" s="126"/>
      <c r="FM5203" s="91"/>
      <c r="FN5203" s="91"/>
      <c r="FO5203" s="91"/>
      <c r="FP5203" s="91"/>
      <c r="FQ5203" s="91"/>
      <c r="FR5203" s="91"/>
      <c r="FS5203" s="91"/>
      <c r="FT5203" s="91"/>
      <c r="FU5203" s="91"/>
      <c r="FV5203" s="91"/>
      <c r="FW5203" s="91"/>
      <c r="FX5203" s="127"/>
      <c r="FY5203" s="126"/>
      <c r="FZ5203" s="91"/>
      <c r="GA5203" s="91"/>
      <c r="GB5203" s="91"/>
      <c r="GC5203" s="91"/>
      <c r="GD5203" s="91"/>
      <c r="GE5203" s="91"/>
      <c r="GF5203" s="91"/>
      <c r="GG5203" s="91"/>
      <c r="GH5203" s="91"/>
      <c r="GI5203" s="91"/>
      <c r="GJ5203" s="91"/>
      <c r="GK5203" s="127"/>
      <c r="GL5203" s="126"/>
      <c r="GM5203" s="91"/>
      <c r="GN5203" s="91"/>
      <c r="GO5203" s="91"/>
      <c r="GP5203" s="91"/>
      <c r="GQ5203" s="91"/>
      <c r="GR5203" s="91"/>
      <c r="GS5203" s="91"/>
      <c r="GT5203" s="91"/>
      <c r="GU5203" s="91"/>
      <c r="GV5203" s="91"/>
      <c r="GW5203" s="91"/>
      <c r="GX5203" s="127"/>
      <c r="GY5203" s="126"/>
      <c r="GZ5203" s="91"/>
      <c r="HA5203" s="91"/>
      <c r="HB5203" s="91"/>
      <c r="HC5203" s="91"/>
      <c r="HD5203" s="91"/>
      <c r="HE5203" s="91"/>
      <c r="HF5203" s="91"/>
      <c r="HG5203" s="91"/>
      <c r="HH5203" s="91"/>
      <c r="HI5203" s="91"/>
      <c r="HJ5203" s="91"/>
      <c r="HK5203" s="127"/>
      <c r="HL5203" s="126"/>
      <c r="HM5203" s="91"/>
      <c r="HN5203" s="91"/>
      <c r="HO5203" s="91"/>
      <c r="HP5203" s="91"/>
      <c r="HQ5203" s="91"/>
      <c r="HR5203" s="91"/>
      <c r="HS5203" s="91"/>
      <c r="HT5203" s="91"/>
      <c r="HU5203" s="91"/>
      <c r="HV5203" s="91"/>
      <c r="HW5203" s="91"/>
      <c r="HX5203" s="127"/>
      <c r="HY5203" s="126"/>
      <c r="HZ5203" s="91"/>
      <c r="IA5203" s="91"/>
      <c r="IB5203" s="91"/>
      <c r="IC5203" s="91"/>
      <c r="ID5203" s="91"/>
      <c r="IE5203" s="91"/>
      <c r="IF5203" s="91"/>
      <c r="IG5203" s="91"/>
      <c r="IH5203" s="91"/>
      <c r="II5203" s="91"/>
      <c r="IJ5203" s="91"/>
      <c r="IK5203" s="174"/>
    </row>
    <row r="5204" spans="2:245" x14ac:dyDescent="0.2">
      <c r="B5204" s="43"/>
      <c r="C5204" s="73"/>
      <c r="D5204" s="64"/>
      <c r="E5204" s="64"/>
      <c r="F5204" s="55"/>
      <c r="G5204" s="102"/>
      <c r="H5204" s="97"/>
      <c r="T5204" s="98"/>
      <c r="U5204" s="97"/>
      <c r="AG5204" s="98"/>
      <c r="AY5204" s="164"/>
      <c r="BK5204" s="98"/>
      <c r="BL5204" s="97"/>
      <c r="BX5204" s="98"/>
      <c r="CL5204" s="97"/>
      <c r="CX5204" s="98"/>
      <c r="DL5204" s="97"/>
      <c r="DX5204" s="98"/>
      <c r="EL5204" s="97"/>
      <c r="EX5204" s="98"/>
      <c r="EY5204" s="97"/>
      <c r="FL5204" s="126"/>
      <c r="FM5204" s="91"/>
      <c r="FN5204" s="91"/>
      <c r="FO5204" s="91"/>
      <c r="FP5204" s="91"/>
      <c r="FQ5204" s="91"/>
      <c r="FR5204" s="91"/>
      <c r="FS5204" s="91"/>
      <c r="FT5204" s="91"/>
      <c r="FU5204" s="91"/>
      <c r="FV5204" s="91"/>
      <c r="FW5204" s="91"/>
      <c r="FX5204" s="127"/>
      <c r="FY5204" s="126"/>
      <c r="FZ5204" s="91"/>
      <c r="GA5204" s="91"/>
      <c r="GB5204" s="91"/>
      <c r="GC5204" s="91"/>
      <c r="GD5204" s="91"/>
      <c r="GE5204" s="91"/>
      <c r="GF5204" s="91"/>
      <c r="GG5204" s="91"/>
      <c r="GH5204" s="91"/>
      <c r="GI5204" s="91"/>
      <c r="GJ5204" s="91"/>
      <c r="GK5204" s="127"/>
      <c r="GL5204" s="126"/>
      <c r="GM5204" s="91"/>
      <c r="GN5204" s="91"/>
      <c r="GO5204" s="91"/>
      <c r="GP5204" s="91"/>
      <c r="GQ5204" s="91"/>
      <c r="GR5204" s="91"/>
      <c r="GS5204" s="91"/>
      <c r="GT5204" s="91"/>
      <c r="GU5204" s="91"/>
      <c r="GV5204" s="91"/>
      <c r="GW5204" s="91"/>
      <c r="GX5204" s="127"/>
      <c r="GY5204" s="126"/>
      <c r="GZ5204" s="91"/>
      <c r="HA5204" s="91"/>
      <c r="HB5204" s="91"/>
      <c r="HC5204" s="91"/>
      <c r="HD5204" s="91"/>
      <c r="HE5204" s="91"/>
      <c r="HF5204" s="91"/>
      <c r="HG5204" s="91"/>
      <c r="HH5204" s="91"/>
      <c r="HI5204" s="91"/>
      <c r="HJ5204" s="91"/>
      <c r="HK5204" s="127"/>
      <c r="HL5204" s="126"/>
      <c r="HM5204" s="91"/>
      <c r="HN5204" s="91"/>
      <c r="HO5204" s="91"/>
      <c r="HP5204" s="91"/>
      <c r="HQ5204" s="91"/>
      <c r="HR5204" s="91"/>
      <c r="HS5204" s="91"/>
      <c r="HT5204" s="91"/>
      <c r="HU5204" s="91"/>
      <c r="HV5204" s="91"/>
      <c r="HW5204" s="91"/>
      <c r="HX5204" s="127"/>
      <c r="HY5204" s="126"/>
      <c r="HZ5204" s="91"/>
      <c r="IA5204" s="91"/>
      <c r="IB5204" s="91"/>
      <c r="IC5204" s="91"/>
      <c r="ID5204" s="91"/>
      <c r="IE5204" s="91"/>
      <c r="IF5204" s="91"/>
      <c r="IG5204" s="91"/>
      <c r="IH5204" s="91"/>
      <c r="II5204" s="91"/>
      <c r="IJ5204" s="91"/>
      <c r="IK5204" s="174"/>
    </row>
    <row r="5205" spans="2:245" x14ac:dyDescent="0.2">
      <c r="B5205" s="43"/>
      <c r="C5205" s="73"/>
      <c r="D5205" s="64"/>
      <c r="E5205" s="64"/>
      <c r="F5205" s="55"/>
      <c r="G5205" s="102"/>
      <c r="H5205" s="97"/>
      <c r="T5205" s="98"/>
      <c r="U5205" s="97"/>
      <c r="AG5205" s="98"/>
      <c r="AY5205" s="164"/>
      <c r="BK5205" s="98"/>
      <c r="BL5205" s="97"/>
      <c r="BX5205" s="98"/>
      <c r="CL5205" s="97"/>
      <c r="CX5205" s="98"/>
      <c r="DL5205" s="97"/>
      <c r="DX5205" s="98"/>
      <c r="EL5205" s="97"/>
      <c r="EX5205" s="98"/>
      <c r="EY5205" s="97"/>
      <c r="FL5205" s="126"/>
      <c r="FM5205" s="91"/>
      <c r="FN5205" s="91"/>
      <c r="FO5205" s="91"/>
      <c r="FP5205" s="91"/>
      <c r="FQ5205" s="91"/>
      <c r="FR5205" s="91"/>
      <c r="FS5205" s="91"/>
      <c r="FT5205" s="91"/>
      <c r="FU5205" s="91"/>
      <c r="FV5205" s="91"/>
      <c r="FW5205" s="91"/>
      <c r="FX5205" s="127"/>
      <c r="FY5205" s="126"/>
      <c r="FZ5205" s="91"/>
      <c r="GA5205" s="91"/>
      <c r="GB5205" s="91"/>
      <c r="GC5205" s="91"/>
      <c r="GD5205" s="91"/>
      <c r="GE5205" s="91"/>
      <c r="GF5205" s="91"/>
      <c r="GG5205" s="91"/>
      <c r="GH5205" s="91"/>
      <c r="GI5205" s="91"/>
      <c r="GJ5205" s="91"/>
      <c r="GK5205" s="127"/>
      <c r="GL5205" s="126"/>
      <c r="GM5205" s="91"/>
      <c r="GN5205" s="91"/>
      <c r="GO5205" s="91"/>
      <c r="GP5205" s="91"/>
      <c r="GQ5205" s="91"/>
      <c r="GR5205" s="91"/>
      <c r="GS5205" s="91"/>
      <c r="GT5205" s="91"/>
      <c r="GU5205" s="91"/>
      <c r="GV5205" s="91"/>
      <c r="GW5205" s="91"/>
      <c r="GX5205" s="127"/>
      <c r="GY5205" s="126"/>
      <c r="GZ5205" s="91"/>
      <c r="HA5205" s="91"/>
      <c r="HB5205" s="91"/>
      <c r="HC5205" s="91"/>
      <c r="HD5205" s="91"/>
      <c r="HE5205" s="91"/>
      <c r="HF5205" s="91"/>
      <c r="HG5205" s="91"/>
      <c r="HH5205" s="91"/>
      <c r="HI5205" s="91"/>
      <c r="HJ5205" s="91"/>
      <c r="HK5205" s="127"/>
      <c r="HL5205" s="126"/>
      <c r="HM5205" s="91"/>
      <c r="HN5205" s="91"/>
      <c r="HO5205" s="91"/>
      <c r="HP5205" s="91"/>
      <c r="HQ5205" s="91"/>
      <c r="HR5205" s="91"/>
      <c r="HS5205" s="91"/>
      <c r="HT5205" s="91"/>
      <c r="HU5205" s="91"/>
      <c r="HV5205" s="91"/>
      <c r="HW5205" s="91"/>
      <c r="HX5205" s="127"/>
      <c r="HY5205" s="126"/>
      <c r="HZ5205" s="91"/>
      <c r="IA5205" s="91"/>
      <c r="IB5205" s="91"/>
      <c r="IC5205" s="91"/>
      <c r="ID5205" s="91"/>
      <c r="IE5205" s="91"/>
      <c r="IF5205" s="91"/>
      <c r="IG5205" s="91"/>
      <c r="IH5205" s="91"/>
      <c r="II5205" s="91"/>
      <c r="IJ5205" s="91"/>
      <c r="IK5205" s="174"/>
    </row>
    <row r="5206" spans="2:245" x14ac:dyDescent="0.2">
      <c r="B5206" s="43"/>
      <c r="C5206" s="73"/>
      <c r="D5206" s="64"/>
      <c r="E5206" s="64"/>
      <c r="F5206" s="55"/>
      <c r="G5206" s="102"/>
      <c r="H5206" s="97"/>
      <c r="T5206" s="98"/>
      <c r="U5206" s="97"/>
      <c r="AG5206" s="98"/>
      <c r="AY5206" s="164"/>
      <c r="BK5206" s="98"/>
      <c r="BL5206" s="97"/>
      <c r="BX5206" s="98"/>
      <c r="CL5206" s="97"/>
      <c r="CX5206" s="98"/>
      <c r="DL5206" s="97"/>
      <c r="DX5206" s="98"/>
      <c r="EL5206" s="97"/>
      <c r="EX5206" s="98"/>
      <c r="EY5206" s="97"/>
      <c r="FL5206" s="126"/>
      <c r="FM5206" s="91"/>
      <c r="FN5206" s="91"/>
      <c r="FO5206" s="91"/>
      <c r="FP5206" s="91"/>
      <c r="FQ5206" s="91"/>
      <c r="FR5206" s="91"/>
      <c r="FS5206" s="91"/>
      <c r="FT5206" s="91"/>
      <c r="FU5206" s="91"/>
      <c r="FV5206" s="91"/>
      <c r="FW5206" s="91"/>
      <c r="FX5206" s="127"/>
      <c r="FY5206" s="126"/>
      <c r="FZ5206" s="91"/>
      <c r="GA5206" s="91"/>
      <c r="GB5206" s="91"/>
      <c r="GC5206" s="91"/>
      <c r="GD5206" s="91"/>
      <c r="GE5206" s="91"/>
      <c r="GF5206" s="91"/>
      <c r="GG5206" s="91"/>
      <c r="GH5206" s="91"/>
      <c r="GI5206" s="91"/>
      <c r="GJ5206" s="91"/>
      <c r="GK5206" s="127"/>
      <c r="GL5206" s="126"/>
      <c r="GM5206" s="91"/>
      <c r="GN5206" s="91"/>
      <c r="GO5206" s="91"/>
      <c r="GP5206" s="91"/>
      <c r="GQ5206" s="91"/>
      <c r="GR5206" s="91"/>
      <c r="GS5206" s="91"/>
      <c r="GT5206" s="91"/>
      <c r="GU5206" s="91"/>
      <c r="GV5206" s="91"/>
      <c r="GW5206" s="91"/>
      <c r="GX5206" s="127"/>
      <c r="GY5206" s="126"/>
      <c r="GZ5206" s="91"/>
      <c r="HA5206" s="91"/>
      <c r="HB5206" s="91"/>
      <c r="HC5206" s="91"/>
      <c r="HD5206" s="91"/>
      <c r="HE5206" s="91"/>
      <c r="HF5206" s="91"/>
      <c r="HG5206" s="91"/>
      <c r="HH5206" s="91"/>
      <c r="HI5206" s="91"/>
      <c r="HJ5206" s="91"/>
      <c r="HK5206" s="127"/>
      <c r="HL5206" s="126"/>
      <c r="HM5206" s="91"/>
      <c r="HN5206" s="91"/>
      <c r="HO5206" s="91"/>
      <c r="HP5206" s="91"/>
      <c r="HQ5206" s="91"/>
      <c r="HR5206" s="91"/>
      <c r="HS5206" s="91"/>
      <c r="HT5206" s="91"/>
      <c r="HU5206" s="91"/>
      <c r="HV5206" s="91"/>
      <c r="HW5206" s="91"/>
      <c r="HX5206" s="127"/>
      <c r="HY5206" s="126"/>
      <c r="HZ5206" s="91"/>
      <c r="IA5206" s="91"/>
      <c r="IB5206" s="91"/>
      <c r="IC5206" s="91"/>
      <c r="ID5206" s="91"/>
      <c r="IE5206" s="91"/>
      <c r="IF5206" s="91"/>
      <c r="IG5206" s="91"/>
      <c r="IH5206" s="91"/>
      <c r="II5206" s="91"/>
      <c r="IJ5206" s="91"/>
      <c r="IK5206" s="174"/>
    </row>
    <row r="5207" spans="2:245" x14ac:dyDescent="0.2">
      <c r="B5207" s="43"/>
      <c r="C5207" s="73"/>
      <c r="D5207" s="64"/>
      <c r="E5207" s="64"/>
      <c r="F5207" s="55"/>
      <c r="G5207" s="102"/>
      <c r="H5207" s="97"/>
      <c r="T5207" s="98"/>
      <c r="U5207" s="97"/>
      <c r="AG5207" s="98"/>
      <c r="AY5207" s="164"/>
      <c r="BK5207" s="98"/>
      <c r="BL5207" s="97"/>
      <c r="BX5207" s="98"/>
      <c r="CL5207" s="97"/>
      <c r="CX5207" s="98"/>
      <c r="DL5207" s="97"/>
      <c r="DX5207" s="98"/>
      <c r="EL5207" s="97"/>
      <c r="EX5207" s="98"/>
      <c r="EY5207" s="97"/>
      <c r="FL5207" s="126"/>
      <c r="FM5207" s="91"/>
      <c r="FN5207" s="91"/>
      <c r="FO5207" s="91"/>
      <c r="FP5207" s="91"/>
      <c r="FQ5207" s="91"/>
      <c r="FR5207" s="91"/>
      <c r="FS5207" s="91"/>
      <c r="FT5207" s="91"/>
      <c r="FU5207" s="91"/>
      <c r="FV5207" s="91"/>
      <c r="FW5207" s="91"/>
      <c r="FX5207" s="127"/>
      <c r="FY5207" s="126"/>
      <c r="FZ5207" s="91"/>
      <c r="GA5207" s="91"/>
      <c r="GB5207" s="91"/>
      <c r="GC5207" s="91"/>
      <c r="GD5207" s="91"/>
      <c r="GE5207" s="91"/>
      <c r="GF5207" s="91"/>
      <c r="GG5207" s="91"/>
      <c r="GH5207" s="91"/>
      <c r="GI5207" s="91"/>
      <c r="GJ5207" s="91"/>
      <c r="GK5207" s="127"/>
      <c r="GL5207" s="126"/>
      <c r="GM5207" s="91"/>
      <c r="GN5207" s="91"/>
      <c r="GO5207" s="91"/>
      <c r="GP5207" s="91"/>
      <c r="GQ5207" s="91"/>
      <c r="GR5207" s="91"/>
      <c r="GS5207" s="91"/>
      <c r="GT5207" s="91"/>
      <c r="GU5207" s="91"/>
      <c r="GV5207" s="91"/>
      <c r="GW5207" s="91"/>
      <c r="GX5207" s="127"/>
      <c r="GY5207" s="126"/>
      <c r="GZ5207" s="91"/>
      <c r="HA5207" s="91"/>
      <c r="HB5207" s="91"/>
      <c r="HC5207" s="91"/>
      <c r="HD5207" s="91"/>
      <c r="HE5207" s="91"/>
      <c r="HF5207" s="91"/>
      <c r="HG5207" s="91"/>
      <c r="HH5207" s="91"/>
      <c r="HI5207" s="91"/>
      <c r="HJ5207" s="91"/>
      <c r="HK5207" s="127"/>
      <c r="HL5207" s="126"/>
      <c r="HM5207" s="91"/>
      <c r="HN5207" s="91"/>
      <c r="HO5207" s="91"/>
      <c r="HP5207" s="91"/>
      <c r="HQ5207" s="91"/>
      <c r="HR5207" s="91"/>
      <c r="HS5207" s="91"/>
      <c r="HT5207" s="91"/>
      <c r="HU5207" s="91"/>
      <c r="HV5207" s="91"/>
      <c r="HW5207" s="91"/>
      <c r="HX5207" s="127"/>
      <c r="HY5207" s="126"/>
      <c r="HZ5207" s="91"/>
      <c r="IA5207" s="91"/>
      <c r="IB5207" s="91"/>
      <c r="IC5207" s="91"/>
      <c r="ID5207" s="91"/>
      <c r="IE5207" s="91"/>
      <c r="IF5207" s="91"/>
      <c r="IG5207" s="91"/>
      <c r="IH5207" s="91"/>
      <c r="II5207" s="91"/>
      <c r="IJ5207" s="91"/>
      <c r="IK5207" s="174"/>
    </row>
    <row r="5208" spans="2:245" x14ac:dyDescent="0.2">
      <c r="B5208" s="43"/>
      <c r="C5208" s="73"/>
      <c r="D5208" s="64"/>
      <c r="E5208" s="64"/>
      <c r="F5208" s="55"/>
      <c r="G5208" s="102"/>
      <c r="H5208" s="97"/>
      <c r="T5208" s="98"/>
      <c r="U5208" s="97"/>
      <c r="AG5208" s="98"/>
      <c r="AY5208" s="164"/>
      <c r="BK5208" s="98"/>
      <c r="BL5208" s="97"/>
      <c r="BX5208" s="98"/>
      <c r="CL5208" s="97"/>
      <c r="CX5208" s="98"/>
      <c r="DL5208" s="97"/>
      <c r="DX5208" s="98"/>
      <c r="EL5208" s="97"/>
      <c r="EX5208" s="98"/>
      <c r="EY5208" s="97"/>
      <c r="FL5208" s="126"/>
      <c r="FM5208" s="91"/>
      <c r="FN5208" s="91"/>
      <c r="FO5208" s="91"/>
      <c r="FP5208" s="91"/>
      <c r="FQ5208" s="91"/>
      <c r="FR5208" s="91"/>
      <c r="FS5208" s="91"/>
      <c r="FT5208" s="91"/>
      <c r="FU5208" s="91"/>
      <c r="FV5208" s="91"/>
      <c r="FW5208" s="91"/>
      <c r="FX5208" s="127"/>
      <c r="FY5208" s="126"/>
      <c r="FZ5208" s="91"/>
      <c r="GA5208" s="91"/>
      <c r="GB5208" s="91"/>
      <c r="GC5208" s="91"/>
      <c r="GD5208" s="91"/>
      <c r="GE5208" s="91"/>
      <c r="GF5208" s="91"/>
      <c r="GG5208" s="91"/>
      <c r="GH5208" s="91"/>
      <c r="GI5208" s="91"/>
      <c r="GJ5208" s="91"/>
      <c r="GK5208" s="127"/>
      <c r="GL5208" s="126"/>
      <c r="GM5208" s="91"/>
      <c r="GN5208" s="91"/>
      <c r="GO5208" s="91"/>
      <c r="GP5208" s="91"/>
      <c r="GQ5208" s="91"/>
      <c r="GR5208" s="91"/>
      <c r="GS5208" s="91"/>
      <c r="GT5208" s="91"/>
      <c r="GU5208" s="91"/>
      <c r="GV5208" s="91"/>
      <c r="GW5208" s="91"/>
      <c r="GX5208" s="127"/>
      <c r="GY5208" s="126"/>
      <c r="GZ5208" s="91"/>
      <c r="HA5208" s="91"/>
      <c r="HB5208" s="91"/>
      <c r="HC5208" s="91"/>
      <c r="HD5208" s="91"/>
      <c r="HE5208" s="91"/>
      <c r="HF5208" s="91"/>
      <c r="HG5208" s="91"/>
      <c r="HH5208" s="91"/>
      <c r="HI5208" s="91"/>
      <c r="HJ5208" s="91"/>
      <c r="HK5208" s="127"/>
      <c r="HL5208" s="126"/>
      <c r="HM5208" s="91"/>
      <c r="HN5208" s="91"/>
      <c r="HO5208" s="91"/>
      <c r="HP5208" s="91"/>
      <c r="HQ5208" s="91"/>
      <c r="HR5208" s="91"/>
      <c r="HS5208" s="91"/>
      <c r="HT5208" s="91"/>
      <c r="HU5208" s="91"/>
      <c r="HV5208" s="91"/>
      <c r="HW5208" s="91"/>
      <c r="HX5208" s="127"/>
      <c r="HY5208" s="126"/>
      <c r="HZ5208" s="91"/>
      <c r="IA5208" s="91"/>
      <c r="IB5208" s="91"/>
      <c r="IC5208" s="91"/>
      <c r="ID5208" s="91"/>
      <c r="IE5208" s="91"/>
      <c r="IF5208" s="91"/>
      <c r="IG5208" s="91"/>
      <c r="IH5208" s="91"/>
      <c r="II5208" s="91"/>
      <c r="IJ5208" s="91"/>
      <c r="IK5208" s="174"/>
    </row>
    <row r="5209" spans="2:245" x14ac:dyDescent="0.2">
      <c r="B5209" s="43"/>
      <c r="C5209" s="73"/>
      <c r="D5209" s="64"/>
      <c r="E5209" s="64"/>
      <c r="F5209" s="55"/>
      <c r="G5209" s="102"/>
      <c r="H5209" s="97"/>
      <c r="T5209" s="98"/>
      <c r="U5209" s="97"/>
      <c r="AG5209" s="98"/>
      <c r="AY5209" s="164"/>
      <c r="BK5209" s="98"/>
      <c r="BL5209" s="97"/>
      <c r="BX5209" s="98"/>
      <c r="CL5209" s="97"/>
      <c r="CX5209" s="98"/>
      <c r="DL5209" s="97"/>
      <c r="DX5209" s="98"/>
      <c r="EL5209" s="97"/>
      <c r="EX5209" s="98"/>
      <c r="EY5209" s="97"/>
      <c r="FL5209" s="126"/>
      <c r="FM5209" s="91"/>
      <c r="FN5209" s="91"/>
      <c r="FO5209" s="91"/>
      <c r="FP5209" s="91"/>
      <c r="FQ5209" s="91"/>
      <c r="FR5209" s="91"/>
      <c r="FS5209" s="91"/>
      <c r="FT5209" s="91"/>
      <c r="FU5209" s="91"/>
      <c r="FV5209" s="91"/>
      <c r="FW5209" s="91"/>
      <c r="FX5209" s="127"/>
      <c r="FY5209" s="126"/>
      <c r="FZ5209" s="91"/>
      <c r="GA5209" s="91"/>
      <c r="GB5209" s="91"/>
      <c r="GC5209" s="91"/>
      <c r="GD5209" s="91"/>
      <c r="GE5209" s="91"/>
      <c r="GF5209" s="91"/>
      <c r="GG5209" s="91"/>
      <c r="GH5209" s="91"/>
      <c r="GI5209" s="91"/>
      <c r="GJ5209" s="91"/>
      <c r="GK5209" s="127"/>
      <c r="GL5209" s="126"/>
      <c r="GM5209" s="91"/>
      <c r="GN5209" s="91"/>
      <c r="GO5209" s="91"/>
      <c r="GP5209" s="91"/>
      <c r="GQ5209" s="91"/>
      <c r="GR5209" s="91"/>
      <c r="GS5209" s="91"/>
      <c r="GT5209" s="91"/>
      <c r="GU5209" s="91"/>
      <c r="GV5209" s="91"/>
      <c r="GW5209" s="91"/>
      <c r="GX5209" s="127"/>
      <c r="GY5209" s="126"/>
      <c r="GZ5209" s="91"/>
      <c r="HA5209" s="91"/>
      <c r="HB5209" s="91"/>
      <c r="HC5209" s="91"/>
      <c r="HD5209" s="91"/>
      <c r="HE5209" s="91"/>
      <c r="HF5209" s="91"/>
      <c r="HG5209" s="91"/>
      <c r="HH5209" s="91"/>
      <c r="HI5209" s="91"/>
      <c r="HJ5209" s="91"/>
      <c r="HK5209" s="127"/>
      <c r="HL5209" s="126"/>
      <c r="HM5209" s="91"/>
      <c r="HN5209" s="91"/>
      <c r="HO5209" s="91"/>
      <c r="HP5209" s="91"/>
      <c r="HQ5209" s="91"/>
      <c r="HR5209" s="91"/>
      <c r="HS5209" s="91"/>
      <c r="HT5209" s="91"/>
      <c r="HU5209" s="91"/>
      <c r="HV5209" s="91"/>
      <c r="HW5209" s="91"/>
      <c r="HX5209" s="127"/>
      <c r="HY5209" s="126"/>
      <c r="HZ5209" s="91"/>
      <c r="IA5209" s="91"/>
      <c r="IB5209" s="91"/>
      <c r="IC5209" s="91"/>
      <c r="ID5209" s="91"/>
      <c r="IE5209" s="91"/>
      <c r="IF5209" s="91"/>
      <c r="IG5209" s="91"/>
      <c r="IH5209" s="91"/>
      <c r="II5209" s="91"/>
      <c r="IJ5209" s="91"/>
      <c r="IK5209" s="174"/>
    </row>
    <row r="5210" spans="2:245" x14ac:dyDescent="0.2">
      <c r="B5210" s="43"/>
      <c r="C5210" s="73"/>
      <c r="D5210" s="64"/>
      <c r="E5210" s="64"/>
      <c r="F5210" s="55"/>
      <c r="G5210" s="102"/>
      <c r="H5210" s="97"/>
      <c r="T5210" s="98"/>
      <c r="U5210" s="97"/>
      <c r="AG5210" s="98"/>
      <c r="AY5210" s="164"/>
      <c r="BK5210" s="98"/>
      <c r="BL5210" s="97"/>
      <c r="BX5210" s="98"/>
      <c r="CL5210" s="97"/>
      <c r="CX5210" s="98"/>
      <c r="DL5210" s="97"/>
      <c r="DX5210" s="98"/>
      <c r="EL5210" s="97"/>
      <c r="EX5210" s="98"/>
      <c r="EY5210" s="97"/>
      <c r="FL5210" s="126"/>
      <c r="FM5210" s="91"/>
      <c r="FN5210" s="91"/>
      <c r="FO5210" s="91"/>
      <c r="FP5210" s="91"/>
      <c r="FQ5210" s="91"/>
      <c r="FR5210" s="91"/>
      <c r="FS5210" s="91"/>
      <c r="FT5210" s="91"/>
      <c r="FU5210" s="91"/>
      <c r="FV5210" s="91"/>
      <c r="FW5210" s="91"/>
      <c r="FX5210" s="127"/>
      <c r="FY5210" s="126"/>
      <c r="FZ5210" s="91"/>
      <c r="GA5210" s="91"/>
      <c r="GB5210" s="91"/>
      <c r="GC5210" s="91"/>
      <c r="GD5210" s="91"/>
      <c r="GE5210" s="91"/>
      <c r="GF5210" s="91"/>
      <c r="GG5210" s="91"/>
      <c r="GH5210" s="91"/>
      <c r="GI5210" s="91"/>
      <c r="GJ5210" s="91"/>
      <c r="GK5210" s="127"/>
      <c r="GL5210" s="126"/>
      <c r="GM5210" s="91"/>
      <c r="GN5210" s="91"/>
      <c r="GO5210" s="91"/>
      <c r="GP5210" s="91"/>
      <c r="GQ5210" s="91"/>
      <c r="GR5210" s="91"/>
      <c r="GS5210" s="91"/>
      <c r="GT5210" s="91"/>
      <c r="GU5210" s="91"/>
      <c r="GV5210" s="91"/>
      <c r="GW5210" s="91"/>
      <c r="GX5210" s="127"/>
      <c r="GY5210" s="126"/>
      <c r="GZ5210" s="91"/>
      <c r="HA5210" s="91"/>
      <c r="HB5210" s="91"/>
      <c r="HC5210" s="91"/>
      <c r="HD5210" s="91"/>
      <c r="HE5210" s="91"/>
      <c r="HF5210" s="91"/>
      <c r="HG5210" s="91"/>
      <c r="HH5210" s="91"/>
      <c r="HI5210" s="91"/>
      <c r="HJ5210" s="91"/>
      <c r="HK5210" s="127"/>
      <c r="HL5210" s="126"/>
      <c r="HM5210" s="91"/>
      <c r="HN5210" s="91"/>
      <c r="HO5210" s="91"/>
      <c r="HP5210" s="91"/>
      <c r="HQ5210" s="91"/>
      <c r="HR5210" s="91"/>
      <c r="HS5210" s="91"/>
      <c r="HT5210" s="91"/>
      <c r="HU5210" s="91"/>
      <c r="HV5210" s="91"/>
      <c r="HW5210" s="91"/>
      <c r="HX5210" s="127"/>
      <c r="HY5210" s="126"/>
      <c r="HZ5210" s="91"/>
      <c r="IA5210" s="91"/>
      <c r="IB5210" s="91"/>
      <c r="IC5210" s="91"/>
      <c r="ID5210" s="91"/>
      <c r="IE5210" s="91"/>
      <c r="IF5210" s="91"/>
      <c r="IG5210" s="91"/>
      <c r="IH5210" s="91"/>
      <c r="II5210" s="91"/>
      <c r="IJ5210" s="91"/>
      <c r="IK5210" s="174"/>
    </row>
    <row r="5211" spans="2:245" x14ac:dyDescent="0.2">
      <c r="B5211" s="43"/>
      <c r="C5211" s="73"/>
      <c r="D5211" s="64"/>
      <c r="E5211" s="64"/>
      <c r="F5211" s="55"/>
      <c r="G5211" s="102"/>
      <c r="H5211" s="97"/>
      <c r="T5211" s="98"/>
      <c r="U5211" s="97"/>
      <c r="AG5211" s="98"/>
      <c r="AY5211" s="164"/>
      <c r="BK5211" s="98"/>
      <c r="BL5211" s="97"/>
      <c r="BX5211" s="98"/>
      <c r="CL5211" s="97"/>
      <c r="CX5211" s="98"/>
      <c r="DL5211" s="97"/>
      <c r="DX5211" s="98"/>
      <c r="EL5211" s="97"/>
      <c r="EX5211" s="98"/>
      <c r="EY5211" s="97"/>
      <c r="FL5211" s="126"/>
      <c r="FM5211" s="91"/>
      <c r="FN5211" s="91"/>
      <c r="FO5211" s="91"/>
      <c r="FP5211" s="91"/>
      <c r="FQ5211" s="91"/>
      <c r="FR5211" s="91"/>
      <c r="FS5211" s="91"/>
      <c r="FT5211" s="91"/>
      <c r="FU5211" s="91"/>
      <c r="FV5211" s="91"/>
      <c r="FW5211" s="91"/>
      <c r="FX5211" s="127"/>
      <c r="FY5211" s="126"/>
      <c r="FZ5211" s="91"/>
      <c r="GA5211" s="91"/>
      <c r="GB5211" s="91"/>
      <c r="GC5211" s="91"/>
      <c r="GD5211" s="91"/>
      <c r="GE5211" s="91"/>
      <c r="GF5211" s="91"/>
      <c r="GG5211" s="91"/>
      <c r="GH5211" s="91"/>
      <c r="GI5211" s="91"/>
      <c r="GJ5211" s="91"/>
      <c r="GK5211" s="127"/>
      <c r="GL5211" s="126"/>
      <c r="GM5211" s="91"/>
      <c r="GN5211" s="91"/>
      <c r="GO5211" s="91"/>
      <c r="GP5211" s="91"/>
      <c r="GQ5211" s="91"/>
      <c r="GR5211" s="91"/>
      <c r="GS5211" s="91"/>
      <c r="GT5211" s="91"/>
      <c r="GU5211" s="91"/>
      <c r="GV5211" s="91"/>
      <c r="GW5211" s="91"/>
      <c r="GX5211" s="127"/>
      <c r="GY5211" s="126"/>
      <c r="GZ5211" s="91"/>
      <c r="HA5211" s="91"/>
      <c r="HB5211" s="91"/>
      <c r="HC5211" s="91"/>
      <c r="HD5211" s="91"/>
      <c r="HE5211" s="91"/>
      <c r="HF5211" s="91"/>
      <c r="HG5211" s="91"/>
      <c r="HH5211" s="91"/>
      <c r="HI5211" s="91"/>
      <c r="HJ5211" s="91"/>
      <c r="HK5211" s="127"/>
      <c r="HL5211" s="126"/>
      <c r="HM5211" s="91"/>
      <c r="HN5211" s="91"/>
      <c r="HO5211" s="91"/>
      <c r="HP5211" s="91"/>
      <c r="HQ5211" s="91"/>
      <c r="HR5211" s="91"/>
      <c r="HS5211" s="91"/>
      <c r="HT5211" s="91"/>
      <c r="HU5211" s="91"/>
      <c r="HV5211" s="91"/>
      <c r="HW5211" s="91"/>
      <c r="HX5211" s="127"/>
      <c r="HY5211" s="126"/>
      <c r="HZ5211" s="91"/>
      <c r="IA5211" s="91"/>
      <c r="IB5211" s="91"/>
      <c r="IC5211" s="91"/>
      <c r="ID5211" s="91"/>
      <c r="IE5211" s="91"/>
      <c r="IF5211" s="91"/>
      <c r="IG5211" s="91"/>
      <c r="IH5211" s="91"/>
      <c r="II5211" s="91"/>
      <c r="IJ5211" s="91"/>
      <c r="IK5211" s="174"/>
    </row>
    <row r="5212" spans="2:245" x14ac:dyDescent="0.2">
      <c r="B5212" s="43"/>
      <c r="C5212" s="73"/>
      <c r="D5212" s="64"/>
      <c r="E5212" s="64"/>
      <c r="F5212" s="55"/>
      <c r="G5212" s="102"/>
      <c r="H5212" s="97"/>
      <c r="T5212" s="98"/>
      <c r="U5212" s="97"/>
      <c r="AG5212" s="98"/>
      <c r="AY5212" s="164"/>
      <c r="BK5212" s="98"/>
      <c r="BL5212" s="97"/>
      <c r="BX5212" s="98"/>
      <c r="CL5212" s="97"/>
      <c r="CX5212" s="98"/>
      <c r="DL5212" s="97"/>
      <c r="DX5212" s="98"/>
      <c r="EL5212" s="97"/>
      <c r="EX5212" s="98"/>
      <c r="EY5212" s="97"/>
      <c r="FL5212" s="126"/>
      <c r="FM5212" s="91"/>
      <c r="FN5212" s="91"/>
      <c r="FO5212" s="91"/>
      <c r="FP5212" s="91"/>
      <c r="FQ5212" s="91"/>
      <c r="FR5212" s="91"/>
      <c r="FS5212" s="91"/>
      <c r="FT5212" s="91"/>
      <c r="FU5212" s="91"/>
      <c r="FV5212" s="91"/>
      <c r="FW5212" s="91"/>
      <c r="FX5212" s="127"/>
      <c r="FY5212" s="126"/>
      <c r="FZ5212" s="91"/>
      <c r="GA5212" s="91"/>
      <c r="GB5212" s="91"/>
      <c r="GC5212" s="91"/>
      <c r="GD5212" s="91"/>
      <c r="GE5212" s="91"/>
      <c r="GF5212" s="91"/>
      <c r="GG5212" s="91"/>
      <c r="GH5212" s="91"/>
      <c r="GI5212" s="91"/>
      <c r="GJ5212" s="91"/>
      <c r="GK5212" s="127"/>
      <c r="GL5212" s="126"/>
      <c r="GM5212" s="91"/>
      <c r="GN5212" s="91"/>
      <c r="GO5212" s="91"/>
      <c r="GP5212" s="91"/>
      <c r="GQ5212" s="91"/>
      <c r="GR5212" s="91"/>
      <c r="GS5212" s="91"/>
      <c r="GT5212" s="91"/>
      <c r="GU5212" s="91"/>
      <c r="GV5212" s="91"/>
      <c r="GW5212" s="91"/>
      <c r="GX5212" s="127"/>
      <c r="GY5212" s="126"/>
      <c r="GZ5212" s="91"/>
      <c r="HA5212" s="91"/>
      <c r="HB5212" s="91"/>
      <c r="HC5212" s="91"/>
      <c r="HD5212" s="91"/>
      <c r="HE5212" s="91"/>
      <c r="HF5212" s="91"/>
      <c r="HG5212" s="91"/>
      <c r="HH5212" s="91"/>
      <c r="HI5212" s="91"/>
      <c r="HJ5212" s="91"/>
      <c r="HK5212" s="127"/>
      <c r="HL5212" s="126"/>
      <c r="HM5212" s="91"/>
      <c r="HN5212" s="91"/>
      <c r="HO5212" s="91"/>
      <c r="HP5212" s="91"/>
      <c r="HQ5212" s="91"/>
      <c r="HR5212" s="91"/>
      <c r="HS5212" s="91"/>
      <c r="HT5212" s="91"/>
      <c r="HU5212" s="91"/>
      <c r="HV5212" s="91"/>
      <c r="HW5212" s="91"/>
      <c r="HX5212" s="127"/>
      <c r="HY5212" s="126"/>
      <c r="HZ5212" s="91"/>
      <c r="IA5212" s="91"/>
      <c r="IB5212" s="91"/>
      <c r="IC5212" s="91"/>
      <c r="ID5212" s="91"/>
      <c r="IE5212" s="91"/>
      <c r="IF5212" s="91"/>
      <c r="IG5212" s="91"/>
      <c r="IH5212" s="91"/>
      <c r="II5212" s="91"/>
      <c r="IJ5212" s="91"/>
      <c r="IK5212" s="174"/>
    </row>
    <row r="5213" spans="2:245" x14ac:dyDescent="0.2">
      <c r="B5213" s="43"/>
      <c r="C5213" s="73"/>
      <c r="D5213" s="64"/>
      <c r="E5213" s="64"/>
      <c r="F5213" s="55"/>
      <c r="G5213" s="102"/>
      <c r="H5213" s="97"/>
      <c r="T5213" s="98"/>
      <c r="U5213" s="97"/>
      <c r="AG5213" s="98"/>
      <c r="AY5213" s="164"/>
      <c r="BK5213" s="98"/>
      <c r="BL5213" s="97"/>
      <c r="BX5213" s="98"/>
      <c r="CL5213" s="97"/>
      <c r="CX5213" s="98"/>
      <c r="DL5213" s="97"/>
      <c r="DX5213" s="98"/>
      <c r="EL5213" s="97"/>
      <c r="EX5213" s="98"/>
      <c r="EY5213" s="97"/>
      <c r="FL5213" s="126"/>
      <c r="FM5213" s="91"/>
      <c r="FN5213" s="91"/>
      <c r="FO5213" s="91"/>
      <c r="FP5213" s="91"/>
      <c r="FQ5213" s="91"/>
      <c r="FR5213" s="91"/>
      <c r="FS5213" s="91"/>
      <c r="FT5213" s="91"/>
      <c r="FU5213" s="91"/>
      <c r="FV5213" s="91"/>
      <c r="FW5213" s="91"/>
      <c r="FX5213" s="127"/>
      <c r="FY5213" s="126"/>
      <c r="FZ5213" s="91"/>
      <c r="GA5213" s="91"/>
      <c r="GB5213" s="91"/>
      <c r="GC5213" s="91"/>
      <c r="GD5213" s="91"/>
      <c r="GE5213" s="91"/>
      <c r="GF5213" s="91"/>
      <c r="GG5213" s="91"/>
      <c r="GH5213" s="91"/>
      <c r="GI5213" s="91"/>
      <c r="GJ5213" s="91"/>
      <c r="GK5213" s="127"/>
      <c r="GL5213" s="126"/>
      <c r="GM5213" s="91"/>
      <c r="GN5213" s="91"/>
      <c r="GO5213" s="91"/>
      <c r="GP5213" s="91"/>
      <c r="GQ5213" s="91"/>
      <c r="GR5213" s="91"/>
      <c r="GS5213" s="91"/>
      <c r="GT5213" s="91"/>
      <c r="GU5213" s="91"/>
      <c r="GV5213" s="91"/>
      <c r="GW5213" s="91"/>
      <c r="GX5213" s="127"/>
      <c r="GY5213" s="126"/>
      <c r="GZ5213" s="91"/>
      <c r="HA5213" s="91"/>
      <c r="HB5213" s="91"/>
      <c r="HC5213" s="91"/>
      <c r="HD5213" s="91"/>
      <c r="HE5213" s="91"/>
      <c r="HF5213" s="91"/>
      <c r="HG5213" s="91"/>
      <c r="HH5213" s="91"/>
      <c r="HI5213" s="91"/>
      <c r="HJ5213" s="91"/>
      <c r="HK5213" s="127"/>
      <c r="HL5213" s="126"/>
      <c r="HM5213" s="91"/>
      <c r="HN5213" s="91"/>
      <c r="HO5213" s="91"/>
      <c r="HP5213" s="91"/>
      <c r="HQ5213" s="91"/>
      <c r="HR5213" s="91"/>
      <c r="HS5213" s="91"/>
      <c r="HT5213" s="91"/>
      <c r="HU5213" s="91"/>
      <c r="HV5213" s="91"/>
      <c r="HW5213" s="91"/>
      <c r="HX5213" s="127"/>
      <c r="HY5213" s="126"/>
      <c r="HZ5213" s="91"/>
      <c r="IA5213" s="91"/>
      <c r="IB5213" s="91"/>
      <c r="IC5213" s="91"/>
      <c r="ID5213" s="91"/>
      <c r="IE5213" s="91"/>
      <c r="IF5213" s="91"/>
      <c r="IG5213" s="91"/>
      <c r="IH5213" s="91"/>
      <c r="II5213" s="91"/>
      <c r="IJ5213" s="91"/>
      <c r="IK5213" s="174"/>
    </row>
    <row r="5214" spans="2:245" x14ac:dyDescent="0.2">
      <c r="B5214" s="43"/>
      <c r="C5214" s="73"/>
      <c r="D5214" s="64"/>
      <c r="E5214" s="64"/>
      <c r="F5214" s="55"/>
      <c r="G5214" s="102"/>
      <c r="H5214" s="97"/>
      <c r="T5214" s="98"/>
      <c r="U5214" s="97"/>
      <c r="AG5214" s="98"/>
      <c r="AY5214" s="164"/>
      <c r="BK5214" s="98"/>
      <c r="BL5214" s="97"/>
      <c r="BX5214" s="98"/>
      <c r="CL5214" s="97"/>
      <c r="CX5214" s="98"/>
      <c r="DL5214" s="97"/>
      <c r="DX5214" s="98"/>
      <c r="EL5214" s="97"/>
      <c r="EX5214" s="98"/>
      <c r="EY5214" s="97"/>
      <c r="FL5214" s="126"/>
      <c r="FM5214" s="91"/>
      <c r="FN5214" s="91"/>
      <c r="FO5214" s="91"/>
      <c r="FP5214" s="91"/>
      <c r="FQ5214" s="91"/>
      <c r="FR5214" s="91"/>
      <c r="FS5214" s="91"/>
      <c r="FT5214" s="91"/>
      <c r="FU5214" s="91"/>
      <c r="FV5214" s="91"/>
      <c r="FW5214" s="91"/>
      <c r="FX5214" s="127"/>
      <c r="FY5214" s="126"/>
      <c r="FZ5214" s="91"/>
      <c r="GA5214" s="91"/>
      <c r="GB5214" s="91"/>
      <c r="GC5214" s="91"/>
      <c r="GD5214" s="91"/>
      <c r="GE5214" s="91"/>
      <c r="GF5214" s="91"/>
      <c r="GG5214" s="91"/>
      <c r="GH5214" s="91"/>
      <c r="GI5214" s="91"/>
      <c r="GJ5214" s="91"/>
      <c r="GK5214" s="127"/>
      <c r="GL5214" s="126"/>
      <c r="GM5214" s="91"/>
      <c r="GN5214" s="91"/>
      <c r="GO5214" s="91"/>
      <c r="GP5214" s="91"/>
      <c r="GQ5214" s="91"/>
      <c r="GR5214" s="91"/>
      <c r="GS5214" s="91"/>
      <c r="GT5214" s="91"/>
      <c r="GU5214" s="91"/>
      <c r="GV5214" s="91"/>
      <c r="GW5214" s="91"/>
      <c r="GX5214" s="127"/>
      <c r="GY5214" s="126"/>
      <c r="GZ5214" s="91"/>
      <c r="HA5214" s="91"/>
      <c r="HB5214" s="91"/>
      <c r="HC5214" s="91"/>
      <c r="HD5214" s="91"/>
      <c r="HE5214" s="91"/>
      <c r="HF5214" s="91"/>
      <c r="HG5214" s="91"/>
      <c r="HH5214" s="91"/>
      <c r="HI5214" s="91"/>
      <c r="HJ5214" s="91"/>
      <c r="HK5214" s="127"/>
      <c r="HL5214" s="126"/>
      <c r="HM5214" s="91"/>
      <c r="HN5214" s="91"/>
      <c r="HO5214" s="91"/>
      <c r="HP5214" s="91"/>
      <c r="HQ5214" s="91"/>
      <c r="HR5214" s="91"/>
      <c r="HS5214" s="91"/>
      <c r="HT5214" s="91"/>
      <c r="HU5214" s="91"/>
      <c r="HV5214" s="91"/>
      <c r="HW5214" s="91"/>
      <c r="HX5214" s="127"/>
      <c r="HY5214" s="126"/>
      <c r="HZ5214" s="91"/>
      <c r="IA5214" s="91"/>
      <c r="IB5214" s="91"/>
      <c r="IC5214" s="91"/>
      <c r="ID5214" s="91"/>
      <c r="IE5214" s="91"/>
      <c r="IF5214" s="91"/>
      <c r="IG5214" s="91"/>
      <c r="IH5214" s="91"/>
      <c r="II5214" s="91"/>
      <c r="IJ5214" s="91"/>
      <c r="IK5214" s="174"/>
    </row>
    <row r="5215" spans="2:245" x14ac:dyDescent="0.2">
      <c r="B5215" s="43"/>
      <c r="C5215" s="73"/>
      <c r="D5215" s="64"/>
      <c r="E5215" s="64"/>
      <c r="F5215" s="55"/>
      <c r="G5215" s="102"/>
      <c r="H5215" s="97"/>
      <c r="T5215" s="98"/>
      <c r="U5215" s="97"/>
      <c r="AG5215" s="98"/>
      <c r="AY5215" s="164"/>
      <c r="BK5215" s="98"/>
      <c r="BL5215" s="97"/>
      <c r="BX5215" s="98"/>
      <c r="CL5215" s="97"/>
      <c r="CX5215" s="98"/>
      <c r="DL5215" s="97"/>
      <c r="DX5215" s="98"/>
      <c r="EL5215" s="97"/>
      <c r="EX5215" s="98"/>
      <c r="EY5215" s="97"/>
      <c r="FL5215" s="126"/>
      <c r="FM5215" s="91"/>
      <c r="FN5215" s="91"/>
      <c r="FO5215" s="91"/>
      <c r="FP5215" s="91"/>
      <c r="FQ5215" s="91"/>
      <c r="FR5215" s="91"/>
      <c r="FS5215" s="91"/>
      <c r="FT5215" s="91"/>
      <c r="FU5215" s="91"/>
      <c r="FV5215" s="91"/>
      <c r="FW5215" s="91"/>
      <c r="FX5215" s="127"/>
      <c r="FY5215" s="126"/>
      <c r="FZ5215" s="91"/>
      <c r="GA5215" s="91"/>
      <c r="GB5215" s="91"/>
      <c r="GC5215" s="91"/>
      <c r="GD5215" s="91"/>
      <c r="GE5215" s="91"/>
      <c r="GF5215" s="91"/>
      <c r="GG5215" s="91"/>
      <c r="GH5215" s="91"/>
      <c r="GI5215" s="91"/>
      <c r="GJ5215" s="91"/>
      <c r="GK5215" s="127"/>
      <c r="GL5215" s="126"/>
      <c r="GM5215" s="91"/>
      <c r="GN5215" s="91"/>
      <c r="GO5215" s="91"/>
      <c r="GP5215" s="91"/>
      <c r="GQ5215" s="91"/>
      <c r="GR5215" s="91"/>
      <c r="GS5215" s="91"/>
      <c r="GT5215" s="91"/>
      <c r="GU5215" s="91"/>
      <c r="GV5215" s="91"/>
      <c r="GW5215" s="91"/>
      <c r="GX5215" s="127"/>
      <c r="GY5215" s="126"/>
      <c r="GZ5215" s="91"/>
      <c r="HA5215" s="91"/>
      <c r="HB5215" s="91"/>
      <c r="HC5215" s="91"/>
      <c r="HD5215" s="91"/>
      <c r="HE5215" s="91"/>
      <c r="HF5215" s="91"/>
      <c r="HG5215" s="91"/>
      <c r="HH5215" s="91"/>
      <c r="HI5215" s="91"/>
      <c r="HJ5215" s="91"/>
      <c r="HK5215" s="127"/>
      <c r="HL5215" s="126"/>
      <c r="HM5215" s="91"/>
      <c r="HN5215" s="91"/>
      <c r="HO5215" s="91"/>
      <c r="HP5215" s="91"/>
      <c r="HQ5215" s="91"/>
      <c r="HR5215" s="91"/>
      <c r="HS5215" s="91"/>
      <c r="HT5215" s="91"/>
      <c r="HU5215" s="91"/>
      <c r="HV5215" s="91"/>
      <c r="HW5215" s="91"/>
      <c r="HX5215" s="127"/>
      <c r="HY5215" s="126"/>
      <c r="HZ5215" s="91"/>
      <c r="IA5215" s="91"/>
      <c r="IB5215" s="91"/>
      <c r="IC5215" s="91"/>
      <c r="ID5215" s="91"/>
      <c r="IE5215" s="91"/>
      <c r="IF5215" s="91"/>
      <c r="IG5215" s="91"/>
      <c r="IH5215" s="91"/>
      <c r="II5215" s="91"/>
      <c r="IJ5215" s="91"/>
      <c r="IK5215" s="174"/>
    </row>
    <row r="5216" spans="2:245" x14ac:dyDescent="0.2">
      <c r="B5216" s="43"/>
      <c r="C5216" s="73"/>
      <c r="D5216" s="64"/>
      <c r="E5216" s="64"/>
      <c r="F5216" s="55"/>
      <c r="G5216" s="102"/>
      <c r="H5216" s="97"/>
      <c r="T5216" s="98"/>
      <c r="U5216" s="97"/>
      <c r="AG5216" s="98"/>
      <c r="AY5216" s="164"/>
      <c r="BK5216" s="98"/>
      <c r="BL5216" s="97"/>
      <c r="BX5216" s="98"/>
      <c r="CL5216" s="97"/>
      <c r="CX5216" s="98"/>
      <c r="DL5216" s="97"/>
      <c r="DX5216" s="98"/>
      <c r="EL5216" s="97"/>
      <c r="EX5216" s="98"/>
      <c r="EY5216" s="97"/>
      <c r="FL5216" s="126"/>
      <c r="FM5216" s="91"/>
      <c r="FN5216" s="91"/>
      <c r="FO5216" s="91"/>
      <c r="FP5216" s="91"/>
      <c r="FQ5216" s="91"/>
      <c r="FR5216" s="91"/>
      <c r="FS5216" s="91"/>
      <c r="FT5216" s="91"/>
      <c r="FU5216" s="91"/>
      <c r="FV5216" s="91"/>
      <c r="FW5216" s="91"/>
      <c r="FX5216" s="127"/>
      <c r="FY5216" s="126"/>
      <c r="FZ5216" s="91"/>
      <c r="GA5216" s="91"/>
      <c r="GB5216" s="91"/>
      <c r="GC5216" s="91"/>
      <c r="GD5216" s="91"/>
      <c r="GE5216" s="91"/>
      <c r="GF5216" s="91"/>
      <c r="GG5216" s="91"/>
      <c r="GH5216" s="91"/>
      <c r="GI5216" s="91"/>
      <c r="GJ5216" s="91"/>
      <c r="GK5216" s="127"/>
      <c r="GL5216" s="126"/>
      <c r="GM5216" s="91"/>
      <c r="GN5216" s="91"/>
      <c r="GO5216" s="91"/>
      <c r="GP5216" s="91"/>
      <c r="GQ5216" s="91"/>
      <c r="GR5216" s="91"/>
      <c r="GS5216" s="91"/>
      <c r="GT5216" s="91"/>
      <c r="GU5216" s="91"/>
      <c r="GV5216" s="91"/>
      <c r="GW5216" s="91"/>
      <c r="GX5216" s="127"/>
      <c r="GY5216" s="126"/>
      <c r="GZ5216" s="91"/>
      <c r="HA5216" s="91"/>
      <c r="HB5216" s="91"/>
      <c r="HC5216" s="91"/>
      <c r="HD5216" s="91"/>
      <c r="HE5216" s="91"/>
      <c r="HF5216" s="91"/>
      <c r="HG5216" s="91"/>
      <c r="HH5216" s="91"/>
      <c r="HI5216" s="91"/>
      <c r="HJ5216" s="91"/>
      <c r="HK5216" s="127"/>
      <c r="HL5216" s="126"/>
      <c r="HM5216" s="91"/>
      <c r="HN5216" s="91"/>
      <c r="HO5216" s="91"/>
      <c r="HP5216" s="91"/>
      <c r="HQ5216" s="91"/>
      <c r="HR5216" s="91"/>
      <c r="HS5216" s="91"/>
      <c r="HT5216" s="91"/>
      <c r="HU5216" s="91"/>
      <c r="HV5216" s="91"/>
      <c r="HW5216" s="91"/>
      <c r="HX5216" s="127"/>
      <c r="HY5216" s="126"/>
      <c r="HZ5216" s="91"/>
      <c r="IA5216" s="91"/>
      <c r="IB5216" s="91"/>
      <c r="IC5216" s="91"/>
      <c r="ID5216" s="91"/>
      <c r="IE5216" s="91"/>
      <c r="IF5216" s="91"/>
      <c r="IG5216" s="91"/>
      <c r="IH5216" s="91"/>
      <c r="II5216" s="91"/>
      <c r="IJ5216" s="91"/>
      <c r="IK5216" s="174"/>
    </row>
    <row r="5217" spans="2:245" x14ac:dyDescent="0.2">
      <c r="B5217" s="43"/>
      <c r="C5217" s="73"/>
      <c r="D5217" s="64"/>
      <c r="E5217" s="64"/>
      <c r="F5217" s="55"/>
      <c r="G5217" s="102"/>
      <c r="H5217" s="97"/>
      <c r="T5217" s="98"/>
      <c r="U5217" s="97"/>
      <c r="AG5217" s="98"/>
      <c r="AY5217" s="164"/>
      <c r="BK5217" s="98"/>
      <c r="BL5217" s="97"/>
      <c r="BX5217" s="98"/>
      <c r="CL5217" s="97"/>
      <c r="CX5217" s="98"/>
      <c r="DL5217" s="97"/>
      <c r="DX5217" s="98"/>
      <c r="EL5217" s="97"/>
      <c r="EX5217" s="98"/>
      <c r="EY5217" s="97"/>
      <c r="FL5217" s="126"/>
      <c r="FM5217" s="91"/>
      <c r="FN5217" s="91"/>
      <c r="FO5217" s="91"/>
      <c r="FP5217" s="91"/>
      <c r="FQ5217" s="91"/>
      <c r="FR5217" s="91"/>
      <c r="FS5217" s="91"/>
      <c r="FT5217" s="91"/>
      <c r="FU5217" s="91"/>
      <c r="FV5217" s="91"/>
      <c r="FW5217" s="91"/>
      <c r="FX5217" s="127"/>
      <c r="FY5217" s="126"/>
      <c r="FZ5217" s="91"/>
      <c r="GA5217" s="91"/>
      <c r="GB5217" s="91"/>
      <c r="GC5217" s="91"/>
      <c r="GD5217" s="91"/>
      <c r="GE5217" s="91"/>
      <c r="GF5217" s="91"/>
      <c r="GG5217" s="91"/>
      <c r="GH5217" s="91"/>
      <c r="GI5217" s="91"/>
      <c r="GJ5217" s="91"/>
      <c r="GK5217" s="127"/>
      <c r="GL5217" s="126"/>
      <c r="GM5217" s="91"/>
      <c r="GN5217" s="91"/>
      <c r="GO5217" s="91"/>
      <c r="GP5217" s="91"/>
      <c r="GQ5217" s="91"/>
      <c r="GR5217" s="91"/>
      <c r="GS5217" s="91"/>
      <c r="GT5217" s="91"/>
      <c r="GU5217" s="91"/>
      <c r="GV5217" s="91"/>
      <c r="GW5217" s="91"/>
      <c r="GX5217" s="127"/>
      <c r="GY5217" s="126"/>
      <c r="GZ5217" s="91"/>
      <c r="HA5217" s="91"/>
      <c r="HB5217" s="91"/>
      <c r="HC5217" s="91"/>
      <c r="HD5217" s="91"/>
      <c r="HE5217" s="91"/>
      <c r="HF5217" s="91"/>
      <c r="HG5217" s="91"/>
      <c r="HH5217" s="91"/>
      <c r="HI5217" s="91"/>
      <c r="HJ5217" s="91"/>
      <c r="HK5217" s="127"/>
      <c r="HL5217" s="126"/>
      <c r="HM5217" s="91"/>
      <c r="HN5217" s="91"/>
      <c r="HO5217" s="91"/>
      <c r="HP5217" s="91"/>
      <c r="HQ5217" s="91"/>
      <c r="HR5217" s="91"/>
      <c r="HS5217" s="91"/>
      <c r="HT5217" s="91"/>
      <c r="HU5217" s="91"/>
      <c r="HV5217" s="91"/>
      <c r="HW5217" s="91"/>
      <c r="HX5217" s="127"/>
      <c r="HY5217" s="126"/>
      <c r="HZ5217" s="91"/>
      <c r="IA5217" s="91"/>
      <c r="IB5217" s="91"/>
      <c r="IC5217" s="91"/>
      <c r="ID5217" s="91"/>
      <c r="IE5217" s="91"/>
      <c r="IF5217" s="91"/>
      <c r="IG5217" s="91"/>
      <c r="IH5217" s="91"/>
      <c r="II5217" s="91"/>
      <c r="IJ5217" s="91"/>
      <c r="IK5217" s="174"/>
    </row>
    <row r="5218" spans="2:245" x14ac:dyDescent="0.2">
      <c r="B5218" s="43"/>
      <c r="C5218" s="73"/>
      <c r="D5218" s="64"/>
      <c r="E5218" s="64"/>
      <c r="F5218" s="55"/>
      <c r="G5218" s="102"/>
      <c r="H5218" s="97"/>
      <c r="T5218" s="98"/>
      <c r="U5218" s="97"/>
      <c r="AG5218" s="98"/>
      <c r="AY5218" s="164"/>
      <c r="BK5218" s="98"/>
      <c r="BL5218" s="97"/>
      <c r="BX5218" s="98"/>
      <c r="CL5218" s="97"/>
      <c r="CX5218" s="98"/>
      <c r="DL5218" s="97"/>
      <c r="DX5218" s="98"/>
      <c r="EL5218" s="97"/>
      <c r="EX5218" s="98"/>
      <c r="EY5218" s="97"/>
      <c r="FL5218" s="126"/>
      <c r="FM5218" s="91"/>
      <c r="FN5218" s="91"/>
      <c r="FO5218" s="91"/>
      <c r="FP5218" s="91"/>
      <c r="FQ5218" s="91"/>
      <c r="FR5218" s="91"/>
      <c r="FS5218" s="91"/>
      <c r="FT5218" s="91"/>
      <c r="FU5218" s="91"/>
      <c r="FV5218" s="91"/>
      <c r="FW5218" s="91"/>
      <c r="FX5218" s="127"/>
      <c r="FY5218" s="126"/>
      <c r="FZ5218" s="91"/>
      <c r="GA5218" s="91"/>
      <c r="GB5218" s="91"/>
      <c r="GC5218" s="91"/>
      <c r="GD5218" s="91"/>
      <c r="GE5218" s="91"/>
      <c r="GF5218" s="91"/>
      <c r="GG5218" s="91"/>
      <c r="GH5218" s="91"/>
      <c r="GI5218" s="91"/>
      <c r="GJ5218" s="91"/>
      <c r="GK5218" s="127"/>
      <c r="GL5218" s="126"/>
      <c r="GM5218" s="91"/>
      <c r="GN5218" s="91"/>
      <c r="GO5218" s="91"/>
      <c r="GP5218" s="91"/>
      <c r="GQ5218" s="91"/>
      <c r="GR5218" s="91"/>
      <c r="GS5218" s="91"/>
      <c r="GT5218" s="91"/>
      <c r="GU5218" s="91"/>
      <c r="GV5218" s="91"/>
      <c r="GW5218" s="91"/>
      <c r="GX5218" s="127"/>
      <c r="GY5218" s="126"/>
      <c r="GZ5218" s="91"/>
      <c r="HA5218" s="91"/>
      <c r="HB5218" s="91"/>
      <c r="HC5218" s="91"/>
      <c r="HD5218" s="91"/>
      <c r="HE5218" s="91"/>
      <c r="HF5218" s="91"/>
      <c r="HG5218" s="91"/>
      <c r="HH5218" s="91"/>
      <c r="HI5218" s="91"/>
      <c r="HJ5218" s="91"/>
      <c r="HK5218" s="127"/>
      <c r="HL5218" s="126"/>
      <c r="HM5218" s="91"/>
      <c r="HN5218" s="91"/>
      <c r="HO5218" s="91"/>
      <c r="HP5218" s="91"/>
      <c r="HQ5218" s="91"/>
      <c r="HR5218" s="91"/>
      <c r="HS5218" s="91"/>
      <c r="HT5218" s="91"/>
      <c r="HU5218" s="91"/>
      <c r="HV5218" s="91"/>
      <c r="HW5218" s="91"/>
      <c r="HX5218" s="127"/>
      <c r="HY5218" s="126"/>
      <c r="HZ5218" s="91"/>
      <c r="IA5218" s="91"/>
      <c r="IB5218" s="91"/>
      <c r="IC5218" s="91"/>
      <c r="ID5218" s="91"/>
      <c r="IE5218" s="91"/>
      <c r="IF5218" s="91"/>
      <c r="IG5218" s="91"/>
      <c r="IH5218" s="91"/>
      <c r="II5218" s="91"/>
      <c r="IJ5218" s="91"/>
      <c r="IK5218" s="174"/>
    </row>
    <row r="5219" spans="2:245" x14ac:dyDescent="0.2">
      <c r="B5219" s="43"/>
      <c r="C5219" s="73"/>
      <c r="D5219" s="64"/>
      <c r="E5219" s="64"/>
      <c r="F5219" s="55"/>
      <c r="G5219" s="102"/>
      <c r="H5219" s="97"/>
      <c r="T5219" s="98"/>
      <c r="U5219" s="97"/>
      <c r="AG5219" s="98"/>
      <c r="AY5219" s="164"/>
      <c r="BK5219" s="98"/>
      <c r="BL5219" s="97"/>
      <c r="BX5219" s="98"/>
      <c r="CL5219" s="97"/>
      <c r="CX5219" s="98"/>
      <c r="DL5219" s="97"/>
      <c r="DX5219" s="98"/>
      <c r="EL5219" s="97"/>
      <c r="EX5219" s="98"/>
      <c r="EY5219" s="97"/>
      <c r="FL5219" s="126"/>
      <c r="FM5219" s="91"/>
      <c r="FN5219" s="91"/>
      <c r="FO5219" s="91"/>
      <c r="FP5219" s="91"/>
      <c r="FQ5219" s="91"/>
      <c r="FR5219" s="91"/>
      <c r="FS5219" s="91"/>
      <c r="FT5219" s="91"/>
      <c r="FU5219" s="91"/>
      <c r="FV5219" s="91"/>
      <c r="FW5219" s="91"/>
      <c r="FX5219" s="127"/>
      <c r="FY5219" s="126"/>
      <c r="FZ5219" s="91"/>
      <c r="GA5219" s="91"/>
      <c r="GB5219" s="91"/>
      <c r="GC5219" s="91"/>
      <c r="GD5219" s="91"/>
      <c r="GE5219" s="91"/>
      <c r="GF5219" s="91"/>
      <c r="GG5219" s="91"/>
      <c r="GH5219" s="91"/>
      <c r="GI5219" s="91"/>
      <c r="GJ5219" s="91"/>
      <c r="GK5219" s="127"/>
      <c r="GL5219" s="126"/>
      <c r="GM5219" s="91"/>
      <c r="GN5219" s="91"/>
      <c r="GO5219" s="91"/>
      <c r="GP5219" s="91"/>
      <c r="GQ5219" s="91"/>
      <c r="GR5219" s="91"/>
      <c r="GS5219" s="91"/>
      <c r="GT5219" s="91"/>
      <c r="GU5219" s="91"/>
      <c r="GV5219" s="91"/>
      <c r="GW5219" s="91"/>
      <c r="GX5219" s="127"/>
      <c r="GY5219" s="126"/>
      <c r="GZ5219" s="91"/>
      <c r="HA5219" s="91"/>
      <c r="HB5219" s="91"/>
      <c r="HC5219" s="91"/>
      <c r="HD5219" s="91"/>
      <c r="HE5219" s="91"/>
      <c r="HF5219" s="91"/>
      <c r="HG5219" s="91"/>
      <c r="HH5219" s="91"/>
      <c r="HI5219" s="91"/>
      <c r="HJ5219" s="91"/>
      <c r="HK5219" s="127"/>
      <c r="HL5219" s="126"/>
      <c r="HM5219" s="91"/>
      <c r="HN5219" s="91"/>
      <c r="HO5219" s="91"/>
      <c r="HP5219" s="91"/>
      <c r="HQ5219" s="91"/>
      <c r="HR5219" s="91"/>
      <c r="HS5219" s="91"/>
      <c r="HT5219" s="91"/>
      <c r="HU5219" s="91"/>
      <c r="HV5219" s="91"/>
      <c r="HW5219" s="91"/>
      <c r="HX5219" s="127"/>
      <c r="HY5219" s="126"/>
      <c r="HZ5219" s="91"/>
      <c r="IA5219" s="91"/>
      <c r="IB5219" s="91"/>
      <c r="IC5219" s="91"/>
      <c r="ID5219" s="91"/>
      <c r="IE5219" s="91"/>
      <c r="IF5219" s="91"/>
      <c r="IG5219" s="91"/>
      <c r="IH5219" s="91"/>
      <c r="II5219" s="91"/>
      <c r="IJ5219" s="91"/>
      <c r="IK5219" s="174"/>
    </row>
    <row r="5220" spans="2:245" x14ac:dyDescent="0.2">
      <c r="B5220" s="43"/>
      <c r="C5220" s="73"/>
      <c r="D5220" s="64"/>
      <c r="E5220" s="64"/>
      <c r="F5220" s="55"/>
      <c r="G5220" s="102"/>
      <c r="H5220" s="97"/>
      <c r="T5220" s="98"/>
      <c r="U5220" s="97"/>
      <c r="AG5220" s="98"/>
      <c r="AY5220" s="164"/>
      <c r="BK5220" s="98"/>
      <c r="BL5220" s="97"/>
      <c r="BX5220" s="98"/>
      <c r="CL5220" s="97"/>
      <c r="CX5220" s="98"/>
      <c r="DL5220" s="97"/>
      <c r="DX5220" s="98"/>
      <c r="EL5220" s="97"/>
      <c r="EX5220" s="98"/>
      <c r="EY5220" s="97"/>
      <c r="FL5220" s="126"/>
      <c r="FM5220" s="91"/>
      <c r="FN5220" s="91"/>
      <c r="FO5220" s="91"/>
      <c r="FP5220" s="91"/>
      <c r="FQ5220" s="91"/>
      <c r="FR5220" s="91"/>
      <c r="FS5220" s="91"/>
      <c r="FT5220" s="91"/>
      <c r="FU5220" s="91"/>
      <c r="FV5220" s="91"/>
      <c r="FW5220" s="91"/>
      <c r="FX5220" s="127"/>
      <c r="FY5220" s="126"/>
      <c r="FZ5220" s="91"/>
      <c r="GA5220" s="91"/>
      <c r="GB5220" s="91"/>
      <c r="GC5220" s="91"/>
      <c r="GD5220" s="91"/>
      <c r="GE5220" s="91"/>
      <c r="GF5220" s="91"/>
      <c r="GG5220" s="91"/>
      <c r="GH5220" s="91"/>
      <c r="GI5220" s="91"/>
      <c r="GJ5220" s="91"/>
      <c r="GK5220" s="127"/>
      <c r="GL5220" s="126"/>
      <c r="GM5220" s="91"/>
      <c r="GN5220" s="91"/>
      <c r="GO5220" s="91"/>
      <c r="GP5220" s="91"/>
      <c r="GQ5220" s="91"/>
      <c r="GR5220" s="91"/>
      <c r="GS5220" s="91"/>
      <c r="GT5220" s="91"/>
      <c r="GU5220" s="91"/>
      <c r="GV5220" s="91"/>
      <c r="GW5220" s="91"/>
      <c r="GX5220" s="127"/>
      <c r="GY5220" s="126"/>
      <c r="GZ5220" s="91"/>
      <c r="HA5220" s="91"/>
      <c r="HB5220" s="91"/>
      <c r="HC5220" s="91"/>
      <c r="HD5220" s="91"/>
      <c r="HE5220" s="91"/>
      <c r="HF5220" s="91"/>
      <c r="HG5220" s="91"/>
      <c r="HH5220" s="91"/>
      <c r="HI5220" s="91"/>
      <c r="HJ5220" s="91"/>
      <c r="HK5220" s="127"/>
      <c r="HL5220" s="126"/>
      <c r="HM5220" s="91"/>
      <c r="HN5220" s="91"/>
      <c r="HO5220" s="91"/>
      <c r="HP5220" s="91"/>
      <c r="HQ5220" s="91"/>
      <c r="HR5220" s="91"/>
      <c r="HS5220" s="91"/>
      <c r="HT5220" s="91"/>
      <c r="HU5220" s="91"/>
      <c r="HV5220" s="91"/>
      <c r="HW5220" s="91"/>
      <c r="HX5220" s="127"/>
      <c r="HY5220" s="126"/>
      <c r="HZ5220" s="91"/>
      <c r="IA5220" s="91"/>
      <c r="IB5220" s="91"/>
      <c r="IC5220" s="91"/>
      <c r="ID5220" s="91"/>
      <c r="IE5220" s="91"/>
      <c r="IF5220" s="91"/>
      <c r="IG5220" s="91"/>
      <c r="IH5220" s="91"/>
      <c r="II5220" s="91"/>
      <c r="IJ5220" s="91"/>
      <c r="IK5220" s="174"/>
    </row>
    <row r="5221" spans="2:245" x14ac:dyDescent="0.2">
      <c r="B5221" s="43"/>
      <c r="C5221" s="73"/>
      <c r="D5221" s="64"/>
      <c r="E5221" s="64"/>
      <c r="F5221" s="55"/>
      <c r="G5221" s="102"/>
      <c r="H5221" s="97"/>
      <c r="T5221" s="98"/>
      <c r="U5221" s="97"/>
      <c r="AG5221" s="98"/>
      <c r="AY5221" s="164"/>
      <c r="BK5221" s="98"/>
      <c r="BL5221" s="97"/>
      <c r="BX5221" s="98"/>
      <c r="CL5221" s="97"/>
      <c r="CX5221" s="98"/>
      <c r="DL5221" s="97"/>
      <c r="DX5221" s="98"/>
      <c r="EL5221" s="97"/>
      <c r="EX5221" s="98"/>
      <c r="EY5221" s="97"/>
      <c r="FL5221" s="126"/>
      <c r="FM5221" s="91"/>
      <c r="FN5221" s="91"/>
      <c r="FO5221" s="91"/>
      <c r="FP5221" s="91"/>
      <c r="FQ5221" s="91"/>
      <c r="FR5221" s="91"/>
      <c r="FS5221" s="91"/>
      <c r="FT5221" s="91"/>
      <c r="FU5221" s="91"/>
      <c r="FV5221" s="91"/>
      <c r="FW5221" s="91"/>
      <c r="FX5221" s="127"/>
      <c r="FY5221" s="126"/>
      <c r="FZ5221" s="91"/>
      <c r="GA5221" s="91"/>
      <c r="GB5221" s="91"/>
      <c r="GC5221" s="91"/>
      <c r="GD5221" s="91"/>
      <c r="GE5221" s="91"/>
      <c r="GF5221" s="91"/>
      <c r="GG5221" s="91"/>
      <c r="GH5221" s="91"/>
      <c r="GI5221" s="91"/>
      <c r="GJ5221" s="91"/>
      <c r="GK5221" s="127"/>
      <c r="GL5221" s="126"/>
      <c r="GM5221" s="91"/>
      <c r="GN5221" s="91"/>
      <c r="GO5221" s="91"/>
      <c r="GP5221" s="91"/>
      <c r="GQ5221" s="91"/>
      <c r="GR5221" s="91"/>
      <c r="GS5221" s="91"/>
      <c r="GT5221" s="91"/>
      <c r="GU5221" s="91"/>
      <c r="GV5221" s="91"/>
      <c r="GW5221" s="91"/>
      <c r="GX5221" s="127"/>
      <c r="GY5221" s="126"/>
      <c r="GZ5221" s="91"/>
      <c r="HA5221" s="91"/>
      <c r="HB5221" s="91"/>
      <c r="HC5221" s="91"/>
      <c r="HD5221" s="91"/>
      <c r="HE5221" s="91"/>
      <c r="HF5221" s="91"/>
      <c r="HG5221" s="91"/>
      <c r="HH5221" s="91"/>
      <c r="HI5221" s="91"/>
      <c r="HJ5221" s="91"/>
      <c r="HK5221" s="127"/>
      <c r="HL5221" s="126"/>
      <c r="HM5221" s="91"/>
      <c r="HN5221" s="91"/>
      <c r="HO5221" s="91"/>
      <c r="HP5221" s="91"/>
      <c r="HQ5221" s="91"/>
      <c r="HR5221" s="91"/>
      <c r="HS5221" s="91"/>
      <c r="HT5221" s="91"/>
      <c r="HU5221" s="91"/>
      <c r="HV5221" s="91"/>
      <c r="HW5221" s="91"/>
      <c r="HX5221" s="127"/>
      <c r="HY5221" s="126"/>
      <c r="HZ5221" s="91"/>
      <c r="IA5221" s="91"/>
      <c r="IB5221" s="91"/>
      <c r="IC5221" s="91"/>
      <c r="ID5221" s="91"/>
      <c r="IE5221" s="91"/>
      <c r="IF5221" s="91"/>
      <c r="IG5221" s="91"/>
      <c r="IH5221" s="91"/>
      <c r="II5221" s="91"/>
      <c r="IJ5221" s="91"/>
      <c r="IK5221" s="174"/>
    </row>
    <row r="5222" spans="2:245" x14ac:dyDescent="0.2">
      <c r="B5222" s="43"/>
      <c r="C5222" s="73"/>
      <c r="D5222" s="64"/>
      <c r="E5222" s="64"/>
      <c r="F5222" s="55"/>
      <c r="G5222" s="102"/>
      <c r="H5222" s="97"/>
      <c r="T5222" s="98"/>
      <c r="U5222" s="97"/>
      <c r="AG5222" s="98"/>
      <c r="AY5222" s="164"/>
      <c r="BK5222" s="98"/>
      <c r="BL5222" s="97"/>
      <c r="BX5222" s="98"/>
      <c r="CL5222" s="97"/>
      <c r="CX5222" s="98"/>
      <c r="DL5222" s="97"/>
      <c r="DX5222" s="98"/>
      <c r="EL5222" s="97"/>
      <c r="EX5222" s="98"/>
      <c r="EY5222" s="97"/>
      <c r="FL5222" s="126"/>
      <c r="FM5222" s="91"/>
      <c r="FN5222" s="91"/>
      <c r="FO5222" s="91"/>
      <c r="FP5222" s="91"/>
      <c r="FQ5222" s="91"/>
      <c r="FR5222" s="91"/>
      <c r="FS5222" s="91"/>
      <c r="FT5222" s="91"/>
      <c r="FU5222" s="91"/>
      <c r="FV5222" s="91"/>
      <c r="FW5222" s="91"/>
      <c r="FX5222" s="127"/>
      <c r="FY5222" s="126"/>
      <c r="FZ5222" s="91"/>
      <c r="GA5222" s="91"/>
      <c r="GB5222" s="91"/>
      <c r="GC5222" s="91"/>
      <c r="GD5222" s="91"/>
      <c r="GE5222" s="91"/>
      <c r="GF5222" s="91"/>
      <c r="GG5222" s="91"/>
      <c r="GH5222" s="91"/>
      <c r="GI5222" s="91"/>
      <c r="GJ5222" s="91"/>
      <c r="GK5222" s="127"/>
      <c r="GL5222" s="126"/>
      <c r="GM5222" s="91"/>
      <c r="GN5222" s="91"/>
      <c r="GO5222" s="91"/>
      <c r="GP5222" s="91"/>
      <c r="GQ5222" s="91"/>
      <c r="GR5222" s="91"/>
      <c r="GS5222" s="91"/>
      <c r="GT5222" s="91"/>
      <c r="GU5222" s="91"/>
      <c r="GV5222" s="91"/>
      <c r="GW5222" s="91"/>
      <c r="GX5222" s="127"/>
      <c r="GY5222" s="126"/>
      <c r="GZ5222" s="91"/>
      <c r="HA5222" s="91"/>
      <c r="HB5222" s="91"/>
      <c r="HC5222" s="91"/>
      <c r="HD5222" s="91"/>
      <c r="HE5222" s="91"/>
      <c r="HF5222" s="91"/>
      <c r="HG5222" s="91"/>
      <c r="HH5222" s="91"/>
      <c r="HI5222" s="91"/>
      <c r="HJ5222" s="91"/>
      <c r="HK5222" s="127"/>
      <c r="HL5222" s="126"/>
      <c r="HM5222" s="91"/>
      <c r="HN5222" s="91"/>
      <c r="HO5222" s="91"/>
      <c r="HP5222" s="91"/>
      <c r="HQ5222" s="91"/>
      <c r="HR5222" s="91"/>
      <c r="HS5222" s="91"/>
      <c r="HT5222" s="91"/>
      <c r="HU5222" s="91"/>
      <c r="HV5222" s="91"/>
      <c r="HW5222" s="91"/>
      <c r="HX5222" s="127"/>
      <c r="HY5222" s="126"/>
      <c r="HZ5222" s="91"/>
      <c r="IA5222" s="91"/>
      <c r="IB5222" s="91"/>
      <c r="IC5222" s="91"/>
      <c r="ID5222" s="91"/>
      <c r="IE5222" s="91"/>
      <c r="IF5222" s="91"/>
      <c r="IG5222" s="91"/>
      <c r="IH5222" s="91"/>
      <c r="II5222" s="91"/>
      <c r="IJ5222" s="91"/>
      <c r="IK5222" s="174"/>
    </row>
    <row r="5223" spans="2:245" x14ac:dyDescent="0.2">
      <c r="B5223" s="43"/>
      <c r="C5223" s="73"/>
      <c r="D5223" s="64"/>
      <c r="E5223" s="64"/>
      <c r="F5223" s="55"/>
      <c r="G5223" s="102"/>
      <c r="H5223" s="97"/>
      <c r="T5223" s="98"/>
      <c r="U5223" s="97"/>
      <c r="AG5223" s="98"/>
      <c r="AY5223" s="164"/>
      <c r="BK5223" s="98"/>
      <c r="BL5223" s="97"/>
      <c r="BX5223" s="98"/>
      <c r="CL5223" s="97"/>
      <c r="CX5223" s="98"/>
      <c r="DL5223" s="97"/>
      <c r="DX5223" s="98"/>
      <c r="EL5223" s="97"/>
      <c r="EX5223" s="98"/>
      <c r="EY5223" s="97"/>
      <c r="FL5223" s="126"/>
      <c r="FM5223" s="91"/>
      <c r="FN5223" s="91"/>
      <c r="FO5223" s="91"/>
      <c r="FP5223" s="91"/>
      <c r="FQ5223" s="91"/>
      <c r="FR5223" s="91"/>
      <c r="FS5223" s="91"/>
      <c r="FT5223" s="91"/>
      <c r="FU5223" s="91"/>
      <c r="FV5223" s="91"/>
      <c r="FW5223" s="91"/>
      <c r="FX5223" s="127"/>
      <c r="FY5223" s="126"/>
      <c r="FZ5223" s="91"/>
      <c r="GA5223" s="91"/>
      <c r="GB5223" s="91"/>
      <c r="GC5223" s="91"/>
      <c r="GD5223" s="91"/>
      <c r="GE5223" s="91"/>
      <c r="GF5223" s="91"/>
      <c r="GG5223" s="91"/>
      <c r="GH5223" s="91"/>
      <c r="GI5223" s="91"/>
      <c r="GJ5223" s="91"/>
      <c r="GK5223" s="127"/>
      <c r="GL5223" s="126"/>
      <c r="GM5223" s="91"/>
      <c r="GN5223" s="91"/>
      <c r="GO5223" s="91"/>
      <c r="GP5223" s="91"/>
      <c r="GQ5223" s="91"/>
      <c r="GR5223" s="91"/>
      <c r="GS5223" s="91"/>
      <c r="GT5223" s="91"/>
      <c r="GU5223" s="91"/>
      <c r="GV5223" s="91"/>
      <c r="GW5223" s="91"/>
      <c r="GX5223" s="127"/>
      <c r="GY5223" s="126"/>
      <c r="GZ5223" s="91"/>
      <c r="HA5223" s="91"/>
      <c r="HB5223" s="91"/>
      <c r="HC5223" s="91"/>
      <c r="HD5223" s="91"/>
      <c r="HE5223" s="91"/>
      <c r="HF5223" s="91"/>
      <c r="HG5223" s="91"/>
      <c r="HH5223" s="91"/>
      <c r="HI5223" s="91"/>
      <c r="HJ5223" s="91"/>
      <c r="HK5223" s="127"/>
      <c r="HL5223" s="126"/>
      <c r="HM5223" s="91"/>
      <c r="HN5223" s="91"/>
      <c r="HO5223" s="91"/>
      <c r="HP5223" s="91"/>
      <c r="HQ5223" s="91"/>
      <c r="HR5223" s="91"/>
      <c r="HS5223" s="91"/>
      <c r="HT5223" s="91"/>
      <c r="HU5223" s="91"/>
      <c r="HV5223" s="91"/>
      <c r="HW5223" s="91"/>
      <c r="HX5223" s="127"/>
      <c r="HY5223" s="126"/>
      <c r="HZ5223" s="91"/>
      <c r="IA5223" s="91"/>
      <c r="IB5223" s="91"/>
      <c r="IC5223" s="91"/>
      <c r="ID5223" s="91"/>
      <c r="IE5223" s="91"/>
      <c r="IF5223" s="91"/>
      <c r="IG5223" s="91"/>
      <c r="IH5223" s="91"/>
      <c r="II5223" s="91"/>
      <c r="IJ5223" s="91"/>
      <c r="IK5223" s="174"/>
    </row>
    <row r="5224" spans="2:245" x14ac:dyDescent="0.2">
      <c r="B5224" s="43"/>
      <c r="C5224" s="73"/>
      <c r="D5224" s="64"/>
      <c r="E5224" s="64"/>
      <c r="F5224" s="55"/>
      <c r="G5224" s="102"/>
      <c r="H5224" s="97"/>
      <c r="T5224" s="98"/>
      <c r="U5224" s="97"/>
      <c r="AG5224" s="98"/>
      <c r="AY5224" s="164"/>
      <c r="BK5224" s="98"/>
      <c r="BL5224" s="97"/>
      <c r="BX5224" s="98"/>
      <c r="CL5224" s="97"/>
      <c r="CX5224" s="98"/>
      <c r="DL5224" s="97"/>
      <c r="DX5224" s="98"/>
      <c r="EL5224" s="97"/>
      <c r="EX5224" s="98"/>
      <c r="EY5224" s="97"/>
      <c r="FL5224" s="126"/>
      <c r="FM5224" s="91"/>
      <c r="FN5224" s="91"/>
      <c r="FO5224" s="91"/>
      <c r="FP5224" s="91"/>
      <c r="FQ5224" s="91"/>
      <c r="FR5224" s="91"/>
      <c r="FS5224" s="91"/>
      <c r="FT5224" s="91"/>
      <c r="FU5224" s="91"/>
      <c r="FV5224" s="91"/>
      <c r="FW5224" s="91"/>
      <c r="FX5224" s="127"/>
      <c r="FY5224" s="126"/>
      <c r="FZ5224" s="91"/>
      <c r="GA5224" s="91"/>
      <c r="GB5224" s="91"/>
      <c r="GC5224" s="91"/>
      <c r="GD5224" s="91"/>
      <c r="GE5224" s="91"/>
      <c r="GF5224" s="91"/>
      <c r="GG5224" s="91"/>
      <c r="GH5224" s="91"/>
      <c r="GI5224" s="91"/>
      <c r="GJ5224" s="91"/>
      <c r="GK5224" s="127"/>
      <c r="GL5224" s="126"/>
      <c r="GM5224" s="91"/>
      <c r="GN5224" s="91"/>
      <c r="GO5224" s="91"/>
      <c r="GP5224" s="91"/>
      <c r="GQ5224" s="91"/>
      <c r="GR5224" s="91"/>
      <c r="GS5224" s="91"/>
      <c r="GT5224" s="91"/>
      <c r="GU5224" s="91"/>
      <c r="GV5224" s="91"/>
      <c r="GW5224" s="91"/>
      <c r="GX5224" s="127"/>
      <c r="GY5224" s="126"/>
      <c r="GZ5224" s="91"/>
      <c r="HA5224" s="91"/>
      <c r="HB5224" s="91"/>
      <c r="HC5224" s="91"/>
      <c r="HD5224" s="91"/>
      <c r="HE5224" s="91"/>
      <c r="HF5224" s="91"/>
      <c r="HG5224" s="91"/>
      <c r="HH5224" s="91"/>
      <c r="HI5224" s="91"/>
      <c r="HJ5224" s="91"/>
      <c r="HK5224" s="127"/>
      <c r="HL5224" s="126"/>
      <c r="HM5224" s="91"/>
      <c r="HN5224" s="91"/>
      <c r="HO5224" s="91"/>
      <c r="HP5224" s="91"/>
      <c r="HQ5224" s="91"/>
      <c r="HR5224" s="91"/>
      <c r="HS5224" s="91"/>
      <c r="HT5224" s="91"/>
      <c r="HU5224" s="91"/>
      <c r="HV5224" s="91"/>
      <c r="HW5224" s="91"/>
      <c r="HX5224" s="127"/>
      <c r="HY5224" s="126"/>
      <c r="HZ5224" s="91"/>
      <c r="IA5224" s="91"/>
      <c r="IB5224" s="91"/>
      <c r="IC5224" s="91"/>
      <c r="ID5224" s="91"/>
      <c r="IE5224" s="91"/>
      <c r="IF5224" s="91"/>
      <c r="IG5224" s="91"/>
      <c r="IH5224" s="91"/>
      <c r="II5224" s="91"/>
      <c r="IJ5224" s="91"/>
      <c r="IK5224" s="174"/>
    </row>
    <row r="5225" spans="2:245" x14ac:dyDescent="0.2">
      <c r="B5225" s="43"/>
      <c r="C5225" s="73"/>
      <c r="D5225" s="64"/>
      <c r="E5225" s="64"/>
      <c r="F5225" s="55"/>
      <c r="G5225" s="102"/>
      <c r="H5225" s="97"/>
      <c r="T5225" s="98"/>
      <c r="U5225" s="97"/>
      <c r="AG5225" s="98"/>
      <c r="AY5225" s="164"/>
      <c r="BK5225" s="98"/>
      <c r="BL5225" s="97"/>
      <c r="BX5225" s="98"/>
      <c r="CL5225" s="97"/>
      <c r="CX5225" s="98"/>
      <c r="DL5225" s="97"/>
      <c r="DX5225" s="98"/>
      <c r="EL5225" s="97"/>
      <c r="EX5225" s="98"/>
      <c r="EY5225" s="97"/>
      <c r="FL5225" s="126"/>
      <c r="FM5225" s="91"/>
      <c r="FN5225" s="91"/>
      <c r="FO5225" s="91"/>
      <c r="FP5225" s="91"/>
      <c r="FQ5225" s="91"/>
      <c r="FR5225" s="91"/>
      <c r="FS5225" s="91"/>
      <c r="FT5225" s="91"/>
      <c r="FU5225" s="91"/>
      <c r="FV5225" s="91"/>
      <c r="FW5225" s="91"/>
      <c r="FX5225" s="127"/>
      <c r="FY5225" s="126"/>
      <c r="FZ5225" s="91"/>
      <c r="GA5225" s="91"/>
      <c r="GB5225" s="91"/>
      <c r="GC5225" s="91"/>
      <c r="GD5225" s="91"/>
      <c r="GE5225" s="91"/>
      <c r="GF5225" s="91"/>
      <c r="GG5225" s="91"/>
      <c r="GH5225" s="91"/>
      <c r="GI5225" s="91"/>
      <c r="GJ5225" s="91"/>
      <c r="GK5225" s="127"/>
      <c r="GL5225" s="126"/>
      <c r="GM5225" s="91"/>
      <c r="GN5225" s="91"/>
      <c r="GO5225" s="91"/>
      <c r="GP5225" s="91"/>
      <c r="GQ5225" s="91"/>
      <c r="GR5225" s="91"/>
      <c r="GS5225" s="91"/>
      <c r="GT5225" s="91"/>
      <c r="GU5225" s="91"/>
      <c r="GV5225" s="91"/>
      <c r="GW5225" s="91"/>
      <c r="GX5225" s="127"/>
      <c r="GY5225" s="126"/>
      <c r="GZ5225" s="91"/>
      <c r="HA5225" s="91"/>
      <c r="HB5225" s="91"/>
      <c r="HC5225" s="91"/>
      <c r="HD5225" s="91"/>
      <c r="HE5225" s="91"/>
      <c r="HF5225" s="91"/>
      <c r="HG5225" s="91"/>
      <c r="HH5225" s="91"/>
      <c r="HI5225" s="91"/>
      <c r="HJ5225" s="91"/>
      <c r="HK5225" s="127"/>
      <c r="HL5225" s="126"/>
      <c r="HM5225" s="91"/>
      <c r="HN5225" s="91"/>
      <c r="HO5225" s="91"/>
      <c r="HP5225" s="91"/>
      <c r="HQ5225" s="91"/>
      <c r="HR5225" s="91"/>
      <c r="HS5225" s="91"/>
      <c r="HT5225" s="91"/>
      <c r="HU5225" s="91"/>
      <c r="HV5225" s="91"/>
      <c r="HW5225" s="91"/>
      <c r="HX5225" s="127"/>
      <c r="HY5225" s="126"/>
      <c r="HZ5225" s="91"/>
      <c r="IA5225" s="91"/>
      <c r="IB5225" s="91"/>
      <c r="IC5225" s="91"/>
      <c r="ID5225" s="91"/>
      <c r="IE5225" s="91"/>
      <c r="IF5225" s="91"/>
      <c r="IG5225" s="91"/>
      <c r="IH5225" s="91"/>
      <c r="II5225" s="91"/>
      <c r="IJ5225" s="91"/>
      <c r="IK5225" s="174"/>
    </row>
    <row r="5226" spans="2:245" x14ac:dyDescent="0.2">
      <c r="B5226" s="43"/>
      <c r="C5226" s="73"/>
      <c r="D5226" s="64"/>
      <c r="E5226" s="64"/>
      <c r="F5226" s="55"/>
      <c r="G5226" s="102"/>
      <c r="H5226" s="97"/>
      <c r="T5226" s="98"/>
      <c r="U5226" s="97"/>
      <c r="AG5226" s="98"/>
      <c r="AY5226" s="164"/>
      <c r="BK5226" s="98"/>
      <c r="BL5226" s="97"/>
      <c r="BX5226" s="98"/>
      <c r="CL5226" s="97"/>
      <c r="CX5226" s="98"/>
      <c r="DL5226" s="97"/>
      <c r="DX5226" s="98"/>
      <c r="EL5226" s="97"/>
      <c r="EX5226" s="98"/>
      <c r="EY5226" s="97"/>
      <c r="FL5226" s="126"/>
      <c r="FM5226" s="91"/>
      <c r="FN5226" s="91"/>
      <c r="FO5226" s="91"/>
      <c r="FP5226" s="91"/>
      <c r="FQ5226" s="91"/>
      <c r="FR5226" s="91"/>
      <c r="FS5226" s="91"/>
      <c r="FT5226" s="91"/>
      <c r="FU5226" s="91"/>
      <c r="FV5226" s="91"/>
      <c r="FW5226" s="91"/>
      <c r="FX5226" s="127"/>
      <c r="FY5226" s="126"/>
      <c r="FZ5226" s="91"/>
      <c r="GA5226" s="91"/>
      <c r="GB5226" s="91"/>
      <c r="GC5226" s="91"/>
      <c r="GD5226" s="91"/>
      <c r="GE5226" s="91"/>
      <c r="GF5226" s="91"/>
      <c r="GG5226" s="91"/>
      <c r="GH5226" s="91"/>
      <c r="GI5226" s="91"/>
      <c r="GJ5226" s="91"/>
      <c r="GK5226" s="127"/>
      <c r="GL5226" s="126"/>
      <c r="GM5226" s="91"/>
      <c r="GN5226" s="91"/>
      <c r="GO5226" s="91"/>
      <c r="GP5226" s="91"/>
      <c r="GQ5226" s="91"/>
      <c r="GR5226" s="91"/>
      <c r="GS5226" s="91"/>
      <c r="GT5226" s="91"/>
      <c r="GU5226" s="91"/>
      <c r="GV5226" s="91"/>
      <c r="GW5226" s="91"/>
      <c r="GX5226" s="127"/>
      <c r="GY5226" s="126"/>
      <c r="GZ5226" s="91"/>
      <c r="HA5226" s="91"/>
      <c r="HB5226" s="91"/>
      <c r="HC5226" s="91"/>
      <c r="HD5226" s="91"/>
      <c r="HE5226" s="91"/>
      <c r="HF5226" s="91"/>
      <c r="HG5226" s="91"/>
      <c r="HH5226" s="91"/>
      <c r="HI5226" s="91"/>
      <c r="HJ5226" s="91"/>
      <c r="HK5226" s="127"/>
      <c r="HL5226" s="126"/>
      <c r="HM5226" s="91"/>
      <c r="HN5226" s="91"/>
      <c r="HO5226" s="91"/>
      <c r="HP5226" s="91"/>
      <c r="HQ5226" s="91"/>
      <c r="HR5226" s="91"/>
      <c r="HS5226" s="91"/>
      <c r="HT5226" s="91"/>
      <c r="HU5226" s="91"/>
      <c r="HV5226" s="91"/>
      <c r="HW5226" s="91"/>
      <c r="HX5226" s="127"/>
      <c r="HY5226" s="126"/>
      <c r="HZ5226" s="91"/>
      <c r="IA5226" s="91"/>
      <c r="IB5226" s="91"/>
      <c r="IC5226" s="91"/>
      <c r="ID5226" s="91"/>
      <c r="IE5226" s="91"/>
      <c r="IF5226" s="91"/>
      <c r="IG5226" s="91"/>
      <c r="IH5226" s="91"/>
      <c r="II5226" s="91"/>
      <c r="IJ5226" s="91"/>
      <c r="IK5226" s="174"/>
    </row>
    <row r="5227" spans="2:245" x14ac:dyDescent="0.2">
      <c r="B5227" s="43"/>
      <c r="C5227" s="73"/>
      <c r="D5227" s="64"/>
      <c r="E5227" s="64"/>
      <c r="F5227" s="55"/>
      <c r="G5227" s="102"/>
      <c r="H5227" s="97"/>
      <c r="T5227" s="98"/>
      <c r="U5227" s="97"/>
      <c r="AG5227" s="98"/>
      <c r="AY5227" s="164"/>
      <c r="BK5227" s="98"/>
      <c r="BL5227" s="97"/>
      <c r="BX5227" s="98"/>
      <c r="CL5227" s="97"/>
      <c r="CX5227" s="98"/>
      <c r="DL5227" s="97"/>
      <c r="DX5227" s="98"/>
      <c r="EL5227" s="97"/>
      <c r="EX5227" s="98"/>
      <c r="EY5227" s="97"/>
      <c r="FL5227" s="126"/>
      <c r="FM5227" s="91"/>
      <c r="FN5227" s="91"/>
      <c r="FO5227" s="91"/>
      <c r="FP5227" s="91"/>
      <c r="FQ5227" s="91"/>
      <c r="FR5227" s="91"/>
      <c r="FS5227" s="91"/>
      <c r="FT5227" s="91"/>
      <c r="FU5227" s="91"/>
      <c r="FV5227" s="91"/>
      <c r="FW5227" s="91"/>
      <c r="FX5227" s="127"/>
      <c r="FY5227" s="126"/>
      <c r="FZ5227" s="91"/>
      <c r="GA5227" s="91"/>
      <c r="GB5227" s="91"/>
      <c r="GC5227" s="91"/>
      <c r="GD5227" s="91"/>
      <c r="GE5227" s="91"/>
      <c r="GF5227" s="91"/>
      <c r="GG5227" s="91"/>
      <c r="GH5227" s="91"/>
      <c r="GI5227" s="91"/>
      <c r="GJ5227" s="91"/>
      <c r="GK5227" s="127"/>
      <c r="GL5227" s="126"/>
      <c r="GM5227" s="91"/>
      <c r="GN5227" s="91"/>
      <c r="GO5227" s="91"/>
      <c r="GP5227" s="91"/>
      <c r="GQ5227" s="91"/>
      <c r="GR5227" s="91"/>
      <c r="GS5227" s="91"/>
      <c r="GT5227" s="91"/>
      <c r="GU5227" s="91"/>
      <c r="GV5227" s="91"/>
      <c r="GW5227" s="91"/>
      <c r="GX5227" s="127"/>
      <c r="GY5227" s="126"/>
      <c r="GZ5227" s="91"/>
      <c r="HA5227" s="91"/>
      <c r="HB5227" s="91"/>
      <c r="HC5227" s="91"/>
      <c r="HD5227" s="91"/>
      <c r="HE5227" s="91"/>
      <c r="HF5227" s="91"/>
      <c r="HG5227" s="91"/>
      <c r="HH5227" s="91"/>
      <c r="HI5227" s="91"/>
      <c r="HJ5227" s="91"/>
      <c r="HK5227" s="127"/>
      <c r="HL5227" s="126"/>
      <c r="HM5227" s="91"/>
      <c r="HN5227" s="91"/>
      <c r="HO5227" s="91"/>
      <c r="HP5227" s="91"/>
      <c r="HQ5227" s="91"/>
      <c r="HR5227" s="91"/>
      <c r="HS5227" s="91"/>
      <c r="HT5227" s="91"/>
      <c r="HU5227" s="91"/>
      <c r="HV5227" s="91"/>
      <c r="HW5227" s="91"/>
      <c r="HX5227" s="127"/>
      <c r="HY5227" s="126"/>
      <c r="HZ5227" s="91"/>
      <c r="IA5227" s="91"/>
      <c r="IB5227" s="91"/>
      <c r="IC5227" s="91"/>
      <c r="ID5227" s="91"/>
      <c r="IE5227" s="91"/>
      <c r="IF5227" s="91"/>
      <c r="IG5227" s="91"/>
      <c r="IH5227" s="91"/>
      <c r="II5227" s="91"/>
      <c r="IJ5227" s="91"/>
      <c r="IK5227" s="174"/>
    </row>
    <row r="5228" spans="2:245" x14ac:dyDescent="0.2">
      <c r="B5228" s="43"/>
      <c r="C5228" s="73"/>
      <c r="D5228" s="64"/>
      <c r="E5228" s="64"/>
      <c r="F5228" s="55"/>
      <c r="G5228" s="102"/>
      <c r="H5228" s="97"/>
      <c r="T5228" s="98"/>
      <c r="U5228" s="97"/>
      <c r="AG5228" s="98"/>
      <c r="AY5228" s="164"/>
      <c r="BK5228" s="98"/>
      <c r="BL5228" s="97"/>
      <c r="BX5228" s="98"/>
      <c r="CL5228" s="97"/>
      <c r="CX5228" s="98"/>
      <c r="DL5228" s="97"/>
      <c r="DX5228" s="98"/>
      <c r="EL5228" s="97"/>
      <c r="EX5228" s="98"/>
      <c r="EY5228" s="97"/>
      <c r="FL5228" s="126"/>
      <c r="FM5228" s="91"/>
      <c r="FN5228" s="91"/>
      <c r="FO5228" s="91"/>
      <c r="FP5228" s="91"/>
      <c r="FQ5228" s="91"/>
      <c r="FR5228" s="91"/>
      <c r="FS5228" s="91"/>
      <c r="FT5228" s="91"/>
      <c r="FU5228" s="91"/>
      <c r="FV5228" s="91"/>
      <c r="FW5228" s="91"/>
      <c r="FX5228" s="127"/>
      <c r="FY5228" s="126"/>
      <c r="FZ5228" s="91"/>
      <c r="GA5228" s="91"/>
      <c r="GB5228" s="91"/>
      <c r="GC5228" s="91"/>
      <c r="GD5228" s="91"/>
      <c r="GE5228" s="91"/>
      <c r="GF5228" s="91"/>
      <c r="GG5228" s="91"/>
      <c r="GH5228" s="91"/>
      <c r="GI5228" s="91"/>
      <c r="GJ5228" s="91"/>
      <c r="GK5228" s="127"/>
      <c r="GL5228" s="126"/>
      <c r="GM5228" s="91"/>
      <c r="GN5228" s="91"/>
      <c r="GO5228" s="91"/>
      <c r="GP5228" s="91"/>
      <c r="GQ5228" s="91"/>
      <c r="GR5228" s="91"/>
      <c r="GS5228" s="91"/>
      <c r="GT5228" s="91"/>
      <c r="GU5228" s="91"/>
      <c r="GV5228" s="91"/>
      <c r="GW5228" s="91"/>
      <c r="GX5228" s="127"/>
      <c r="GY5228" s="126"/>
      <c r="GZ5228" s="91"/>
      <c r="HA5228" s="91"/>
      <c r="HB5228" s="91"/>
      <c r="HC5228" s="91"/>
      <c r="HD5228" s="91"/>
      <c r="HE5228" s="91"/>
      <c r="HF5228" s="91"/>
      <c r="HG5228" s="91"/>
      <c r="HH5228" s="91"/>
      <c r="HI5228" s="91"/>
      <c r="HJ5228" s="91"/>
      <c r="HK5228" s="127"/>
      <c r="HL5228" s="126"/>
      <c r="HM5228" s="91"/>
      <c r="HN5228" s="91"/>
      <c r="HO5228" s="91"/>
      <c r="HP5228" s="91"/>
      <c r="HQ5228" s="91"/>
      <c r="HR5228" s="91"/>
      <c r="HS5228" s="91"/>
      <c r="HT5228" s="91"/>
      <c r="HU5228" s="91"/>
      <c r="HV5228" s="91"/>
      <c r="HW5228" s="91"/>
      <c r="HX5228" s="127"/>
      <c r="HY5228" s="126"/>
      <c r="HZ5228" s="91"/>
      <c r="IA5228" s="91"/>
      <c r="IB5228" s="91"/>
      <c r="IC5228" s="91"/>
      <c r="ID5228" s="91"/>
      <c r="IE5228" s="91"/>
      <c r="IF5228" s="91"/>
      <c r="IG5228" s="91"/>
      <c r="IH5228" s="91"/>
      <c r="II5228" s="91"/>
      <c r="IJ5228" s="91"/>
      <c r="IK5228" s="174"/>
    </row>
    <row r="5229" spans="2:245" x14ac:dyDescent="0.2">
      <c r="B5229" s="43"/>
      <c r="C5229" s="73"/>
      <c r="D5229" s="64"/>
      <c r="E5229" s="64"/>
      <c r="F5229" s="55"/>
      <c r="G5229" s="102"/>
      <c r="H5229" s="97"/>
      <c r="T5229" s="98"/>
      <c r="U5229" s="97"/>
      <c r="AG5229" s="98"/>
      <c r="AY5229" s="164"/>
      <c r="BK5229" s="98"/>
      <c r="BL5229" s="97"/>
      <c r="BX5229" s="98"/>
      <c r="CL5229" s="97"/>
      <c r="CX5229" s="98"/>
      <c r="DL5229" s="97"/>
      <c r="DX5229" s="98"/>
      <c r="EL5229" s="97"/>
      <c r="EX5229" s="98"/>
      <c r="EY5229" s="97"/>
      <c r="FL5229" s="126"/>
      <c r="FM5229" s="91"/>
      <c r="FN5229" s="91"/>
      <c r="FO5229" s="91"/>
      <c r="FP5229" s="91"/>
      <c r="FQ5229" s="91"/>
      <c r="FR5229" s="91"/>
      <c r="FS5229" s="91"/>
      <c r="FT5229" s="91"/>
      <c r="FU5229" s="91"/>
      <c r="FV5229" s="91"/>
      <c r="FW5229" s="91"/>
      <c r="FX5229" s="127"/>
      <c r="FY5229" s="126"/>
      <c r="FZ5229" s="91"/>
      <c r="GA5229" s="91"/>
      <c r="GB5229" s="91"/>
      <c r="GC5229" s="91"/>
      <c r="GD5229" s="91"/>
      <c r="GE5229" s="91"/>
      <c r="GF5229" s="91"/>
      <c r="GG5229" s="91"/>
      <c r="GH5229" s="91"/>
      <c r="GI5229" s="91"/>
      <c r="GJ5229" s="91"/>
      <c r="GK5229" s="127"/>
      <c r="GL5229" s="126"/>
      <c r="GM5229" s="91"/>
      <c r="GN5229" s="91"/>
      <c r="GO5229" s="91"/>
      <c r="GP5229" s="91"/>
      <c r="GQ5229" s="91"/>
      <c r="GR5229" s="91"/>
      <c r="GS5229" s="91"/>
      <c r="GT5229" s="91"/>
      <c r="GU5229" s="91"/>
      <c r="GV5229" s="91"/>
      <c r="GW5229" s="91"/>
      <c r="GX5229" s="127"/>
      <c r="GY5229" s="126"/>
      <c r="GZ5229" s="91"/>
      <c r="HA5229" s="91"/>
      <c r="HB5229" s="91"/>
      <c r="HC5229" s="91"/>
      <c r="HD5229" s="91"/>
      <c r="HE5229" s="91"/>
      <c r="HF5229" s="91"/>
      <c r="HG5229" s="91"/>
      <c r="HH5229" s="91"/>
      <c r="HI5229" s="91"/>
      <c r="HJ5229" s="91"/>
      <c r="HK5229" s="127"/>
      <c r="HL5229" s="126"/>
      <c r="HM5229" s="91"/>
      <c r="HN5229" s="91"/>
      <c r="HO5229" s="91"/>
      <c r="HP5229" s="91"/>
      <c r="HQ5229" s="91"/>
      <c r="HR5229" s="91"/>
      <c r="HS5229" s="91"/>
      <c r="HT5229" s="91"/>
      <c r="HU5229" s="91"/>
      <c r="HV5229" s="91"/>
      <c r="HW5229" s="91"/>
      <c r="HX5229" s="127"/>
      <c r="HY5229" s="126"/>
      <c r="HZ5229" s="91"/>
      <c r="IA5229" s="91"/>
      <c r="IB5229" s="91"/>
      <c r="IC5229" s="91"/>
      <c r="ID5229" s="91"/>
      <c r="IE5229" s="91"/>
      <c r="IF5229" s="91"/>
      <c r="IG5229" s="91"/>
      <c r="IH5229" s="91"/>
      <c r="II5229" s="91"/>
      <c r="IJ5229" s="91"/>
      <c r="IK5229" s="174"/>
    </row>
    <row r="5230" spans="2:245" x14ac:dyDescent="0.2">
      <c r="B5230" s="43"/>
      <c r="C5230" s="73"/>
      <c r="D5230" s="64"/>
      <c r="E5230" s="64"/>
      <c r="F5230" s="55"/>
      <c r="G5230" s="102"/>
      <c r="H5230" s="97"/>
      <c r="T5230" s="98"/>
      <c r="U5230" s="97"/>
      <c r="AG5230" s="98"/>
      <c r="AY5230" s="164"/>
      <c r="BK5230" s="98"/>
      <c r="BL5230" s="97"/>
      <c r="BX5230" s="98"/>
      <c r="CL5230" s="97"/>
      <c r="CX5230" s="98"/>
      <c r="DL5230" s="97"/>
      <c r="DX5230" s="98"/>
      <c r="EL5230" s="97"/>
      <c r="EX5230" s="98"/>
      <c r="EY5230" s="97"/>
      <c r="FL5230" s="126"/>
      <c r="FM5230" s="91"/>
      <c r="FN5230" s="91"/>
      <c r="FO5230" s="91"/>
      <c r="FP5230" s="91"/>
      <c r="FQ5230" s="91"/>
      <c r="FR5230" s="91"/>
      <c r="FS5230" s="91"/>
      <c r="FT5230" s="91"/>
      <c r="FU5230" s="91"/>
      <c r="FV5230" s="91"/>
      <c r="FW5230" s="91"/>
      <c r="FX5230" s="127"/>
      <c r="FY5230" s="126"/>
      <c r="FZ5230" s="91"/>
      <c r="GA5230" s="91"/>
      <c r="GB5230" s="91"/>
      <c r="GC5230" s="91"/>
      <c r="GD5230" s="91"/>
      <c r="GE5230" s="91"/>
      <c r="GF5230" s="91"/>
      <c r="GG5230" s="91"/>
      <c r="GH5230" s="91"/>
      <c r="GI5230" s="91"/>
      <c r="GJ5230" s="91"/>
      <c r="GK5230" s="127"/>
      <c r="GL5230" s="126"/>
      <c r="GM5230" s="91"/>
      <c r="GN5230" s="91"/>
      <c r="GO5230" s="91"/>
      <c r="GP5230" s="91"/>
      <c r="GQ5230" s="91"/>
      <c r="GR5230" s="91"/>
      <c r="GS5230" s="91"/>
      <c r="GT5230" s="91"/>
      <c r="GU5230" s="91"/>
      <c r="GV5230" s="91"/>
      <c r="GW5230" s="91"/>
      <c r="GX5230" s="127"/>
      <c r="GY5230" s="126"/>
      <c r="GZ5230" s="91"/>
      <c r="HA5230" s="91"/>
      <c r="HB5230" s="91"/>
      <c r="HC5230" s="91"/>
      <c r="HD5230" s="91"/>
      <c r="HE5230" s="91"/>
      <c r="HF5230" s="91"/>
      <c r="HG5230" s="91"/>
      <c r="HH5230" s="91"/>
      <c r="HI5230" s="91"/>
      <c r="HJ5230" s="91"/>
      <c r="HK5230" s="127"/>
      <c r="HL5230" s="126"/>
      <c r="HM5230" s="91"/>
      <c r="HN5230" s="91"/>
      <c r="HO5230" s="91"/>
      <c r="HP5230" s="91"/>
      <c r="HQ5230" s="91"/>
      <c r="HR5230" s="91"/>
      <c r="HS5230" s="91"/>
      <c r="HT5230" s="91"/>
      <c r="HU5230" s="91"/>
      <c r="HV5230" s="91"/>
      <c r="HW5230" s="91"/>
      <c r="HX5230" s="127"/>
      <c r="HY5230" s="126"/>
      <c r="HZ5230" s="91"/>
      <c r="IA5230" s="91"/>
      <c r="IB5230" s="91"/>
      <c r="IC5230" s="91"/>
      <c r="ID5230" s="91"/>
      <c r="IE5230" s="91"/>
      <c r="IF5230" s="91"/>
      <c r="IG5230" s="91"/>
      <c r="IH5230" s="91"/>
      <c r="II5230" s="91"/>
      <c r="IJ5230" s="91"/>
      <c r="IK5230" s="174"/>
    </row>
    <row r="5231" spans="2:245" x14ac:dyDescent="0.2">
      <c r="B5231" s="43"/>
      <c r="C5231" s="73"/>
      <c r="D5231" s="64"/>
      <c r="E5231" s="64"/>
      <c r="F5231" s="55"/>
      <c r="G5231" s="102"/>
      <c r="H5231" s="97"/>
      <c r="T5231" s="98"/>
      <c r="U5231" s="97"/>
      <c r="AG5231" s="98"/>
      <c r="AY5231" s="164"/>
      <c r="BK5231" s="98"/>
      <c r="BL5231" s="97"/>
      <c r="BX5231" s="98"/>
      <c r="CL5231" s="97"/>
      <c r="CX5231" s="98"/>
      <c r="DL5231" s="97"/>
      <c r="DX5231" s="98"/>
      <c r="EL5231" s="97"/>
      <c r="EX5231" s="98"/>
      <c r="EY5231" s="97"/>
      <c r="FL5231" s="126"/>
      <c r="FM5231" s="91"/>
      <c r="FN5231" s="91"/>
      <c r="FO5231" s="91"/>
      <c r="FP5231" s="91"/>
      <c r="FQ5231" s="91"/>
      <c r="FR5231" s="91"/>
      <c r="FS5231" s="91"/>
      <c r="FT5231" s="91"/>
      <c r="FU5231" s="91"/>
      <c r="FV5231" s="91"/>
      <c r="FW5231" s="91"/>
      <c r="FX5231" s="127"/>
      <c r="FY5231" s="126"/>
      <c r="FZ5231" s="91"/>
      <c r="GA5231" s="91"/>
      <c r="GB5231" s="91"/>
      <c r="GC5231" s="91"/>
      <c r="GD5231" s="91"/>
      <c r="GE5231" s="91"/>
      <c r="GF5231" s="91"/>
      <c r="GG5231" s="91"/>
      <c r="GH5231" s="91"/>
      <c r="GI5231" s="91"/>
      <c r="GJ5231" s="91"/>
      <c r="GK5231" s="127"/>
      <c r="GL5231" s="126"/>
      <c r="GM5231" s="91"/>
      <c r="GN5231" s="91"/>
      <c r="GO5231" s="91"/>
      <c r="GP5231" s="91"/>
      <c r="GQ5231" s="91"/>
      <c r="GR5231" s="91"/>
      <c r="GS5231" s="91"/>
      <c r="GT5231" s="91"/>
      <c r="GU5231" s="91"/>
      <c r="GV5231" s="91"/>
      <c r="GW5231" s="91"/>
      <c r="GX5231" s="127"/>
      <c r="GY5231" s="126"/>
      <c r="GZ5231" s="91"/>
      <c r="HA5231" s="91"/>
      <c r="HB5231" s="91"/>
      <c r="HC5231" s="91"/>
      <c r="HD5231" s="91"/>
      <c r="HE5231" s="91"/>
      <c r="HF5231" s="91"/>
      <c r="HG5231" s="91"/>
      <c r="HH5231" s="91"/>
      <c r="HI5231" s="91"/>
      <c r="HJ5231" s="91"/>
      <c r="HK5231" s="127"/>
      <c r="HL5231" s="126"/>
      <c r="HM5231" s="91"/>
      <c r="HN5231" s="91"/>
      <c r="HO5231" s="91"/>
      <c r="HP5231" s="91"/>
      <c r="HQ5231" s="91"/>
      <c r="HR5231" s="91"/>
      <c r="HS5231" s="91"/>
      <c r="HT5231" s="91"/>
      <c r="HU5231" s="91"/>
      <c r="HV5231" s="91"/>
      <c r="HW5231" s="91"/>
      <c r="HX5231" s="127"/>
      <c r="HY5231" s="126"/>
      <c r="HZ5231" s="91"/>
      <c r="IA5231" s="91"/>
      <c r="IB5231" s="91"/>
      <c r="IC5231" s="91"/>
      <c r="ID5231" s="91"/>
      <c r="IE5231" s="91"/>
      <c r="IF5231" s="91"/>
      <c r="IG5231" s="91"/>
      <c r="IH5231" s="91"/>
      <c r="II5231" s="91"/>
      <c r="IJ5231" s="91"/>
      <c r="IK5231" s="174"/>
    </row>
    <row r="5232" spans="2:245" x14ac:dyDescent="0.2">
      <c r="B5232" s="43"/>
      <c r="C5232" s="73"/>
      <c r="D5232" s="64"/>
      <c r="E5232" s="64"/>
      <c r="F5232" s="55"/>
      <c r="G5232" s="102"/>
      <c r="H5232" s="97"/>
      <c r="T5232" s="98"/>
      <c r="U5232" s="97"/>
      <c r="AG5232" s="98"/>
      <c r="AY5232" s="164"/>
      <c r="BK5232" s="98"/>
      <c r="BL5232" s="97"/>
      <c r="BX5232" s="98"/>
      <c r="CL5232" s="97"/>
      <c r="CX5232" s="98"/>
      <c r="DL5232" s="97"/>
      <c r="DX5232" s="98"/>
      <c r="EL5232" s="97"/>
      <c r="EX5232" s="98"/>
      <c r="EY5232" s="97"/>
      <c r="FL5232" s="126"/>
      <c r="FM5232" s="91"/>
      <c r="FN5232" s="91"/>
      <c r="FO5232" s="91"/>
      <c r="FP5232" s="91"/>
      <c r="FQ5232" s="91"/>
      <c r="FR5232" s="91"/>
      <c r="FS5232" s="91"/>
      <c r="FT5232" s="91"/>
      <c r="FU5232" s="91"/>
      <c r="FV5232" s="91"/>
      <c r="FW5232" s="91"/>
      <c r="FX5232" s="127"/>
      <c r="FY5232" s="126"/>
      <c r="FZ5232" s="91"/>
      <c r="GA5232" s="91"/>
      <c r="GB5232" s="91"/>
      <c r="GC5232" s="91"/>
      <c r="GD5232" s="91"/>
      <c r="GE5232" s="91"/>
      <c r="GF5232" s="91"/>
      <c r="GG5232" s="91"/>
      <c r="GH5232" s="91"/>
      <c r="GI5232" s="91"/>
      <c r="GJ5232" s="91"/>
      <c r="GK5232" s="127"/>
      <c r="GL5232" s="126"/>
      <c r="GM5232" s="91"/>
      <c r="GN5232" s="91"/>
      <c r="GO5232" s="91"/>
      <c r="GP5232" s="91"/>
      <c r="GQ5232" s="91"/>
      <c r="GR5232" s="91"/>
      <c r="GS5232" s="91"/>
      <c r="GT5232" s="91"/>
      <c r="GU5232" s="91"/>
      <c r="GV5232" s="91"/>
      <c r="GW5232" s="91"/>
      <c r="GX5232" s="127"/>
      <c r="GY5232" s="126"/>
      <c r="GZ5232" s="91"/>
      <c r="HA5232" s="91"/>
      <c r="HB5232" s="91"/>
      <c r="HC5232" s="91"/>
      <c r="HD5232" s="91"/>
      <c r="HE5232" s="91"/>
      <c r="HF5232" s="91"/>
      <c r="HG5232" s="91"/>
      <c r="HH5232" s="91"/>
      <c r="HI5232" s="91"/>
      <c r="HJ5232" s="91"/>
      <c r="HK5232" s="127"/>
      <c r="HL5232" s="126"/>
      <c r="HM5232" s="91"/>
      <c r="HN5232" s="91"/>
      <c r="HO5232" s="91"/>
      <c r="HP5232" s="91"/>
      <c r="HQ5232" s="91"/>
      <c r="HR5232" s="91"/>
      <c r="HS5232" s="91"/>
      <c r="HT5232" s="91"/>
      <c r="HU5232" s="91"/>
      <c r="HV5232" s="91"/>
      <c r="HW5232" s="91"/>
      <c r="HX5232" s="127"/>
      <c r="HY5232" s="126"/>
      <c r="HZ5232" s="91"/>
      <c r="IA5232" s="91"/>
      <c r="IB5232" s="91"/>
      <c r="IC5232" s="91"/>
      <c r="ID5232" s="91"/>
      <c r="IE5232" s="91"/>
      <c r="IF5232" s="91"/>
      <c r="IG5232" s="91"/>
      <c r="IH5232" s="91"/>
      <c r="II5232" s="91"/>
      <c r="IJ5232" s="91"/>
      <c r="IK5232" s="174"/>
    </row>
    <row r="5233" spans="2:245" x14ac:dyDescent="0.2">
      <c r="B5233" s="43"/>
      <c r="C5233" s="73"/>
      <c r="D5233" s="64"/>
      <c r="E5233" s="64"/>
      <c r="F5233" s="55"/>
      <c r="G5233" s="102"/>
      <c r="H5233" s="97"/>
      <c r="T5233" s="98"/>
      <c r="U5233" s="97"/>
      <c r="AG5233" s="98"/>
      <c r="AY5233" s="164"/>
      <c r="BK5233" s="98"/>
      <c r="BL5233" s="97"/>
      <c r="BX5233" s="98"/>
      <c r="CL5233" s="97"/>
      <c r="CX5233" s="98"/>
      <c r="DL5233" s="97"/>
      <c r="DX5233" s="98"/>
      <c r="EL5233" s="97"/>
      <c r="EX5233" s="98"/>
      <c r="EY5233" s="97"/>
      <c r="FL5233" s="126"/>
      <c r="FM5233" s="91"/>
      <c r="FN5233" s="91"/>
      <c r="FO5233" s="91"/>
      <c r="FP5233" s="91"/>
      <c r="FQ5233" s="91"/>
      <c r="FR5233" s="91"/>
      <c r="FS5233" s="91"/>
      <c r="FT5233" s="91"/>
      <c r="FU5233" s="91"/>
      <c r="FV5233" s="91"/>
      <c r="FW5233" s="91"/>
      <c r="FX5233" s="127"/>
      <c r="FY5233" s="126"/>
      <c r="FZ5233" s="91"/>
      <c r="GA5233" s="91"/>
      <c r="GB5233" s="91"/>
      <c r="GC5233" s="91"/>
      <c r="GD5233" s="91"/>
      <c r="GE5233" s="91"/>
      <c r="GF5233" s="91"/>
      <c r="GG5233" s="91"/>
      <c r="GH5233" s="91"/>
      <c r="GI5233" s="91"/>
      <c r="GJ5233" s="91"/>
      <c r="GK5233" s="127"/>
      <c r="GL5233" s="126"/>
      <c r="GM5233" s="91"/>
      <c r="GN5233" s="91"/>
      <c r="GO5233" s="91"/>
      <c r="GP5233" s="91"/>
      <c r="GQ5233" s="91"/>
      <c r="GR5233" s="91"/>
      <c r="GS5233" s="91"/>
      <c r="GT5233" s="91"/>
      <c r="GU5233" s="91"/>
      <c r="GV5233" s="91"/>
      <c r="GW5233" s="91"/>
      <c r="GX5233" s="127"/>
      <c r="GY5233" s="126"/>
      <c r="GZ5233" s="91"/>
      <c r="HA5233" s="91"/>
      <c r="HB5233" s="91"/>
      <c r="HC5233" s="91"/>
      <c r="HD5233" s="91"/>
      <c r="HE5233" s="91"/>
      <c r="HF5233" s="91"/>
      <c r="HG5233" s="91"/>
      <c r="HH5233" s="91"/>
      <c r="HI5233" s="91"/>
      <c r="HJ5233" s="91"/>
      <c r="HK5233" s="127"/>
      <c r="HL5233" s="126"/>
      <c r="HM5233" s="91"/>
      <c r="HN5233" s="91"/>
      <c r="HO5233" s="91"/>
      <c r="HP5233" s="91"/>
      <c r="HQ5233" s="91"/>
      <c r="HR5233" s="91"/>
      <c r="HS5233" s="91"/>
      <c r="HT5233" s="91"/>
      <c r="HU5233" s="91"/>
      <c r="HV5233" s="91"/>
      <c r="HW5233" s="91"/>
      <c r="HX5233" s="127"/>
      <c r="HY5233" s="126"/>
      <c r="HZ5233" s="91"/>
      <c r="IA5233" s="91"/>
      <c r="IB5233" s="91"/>
      <c r="IC5233" s="91"/>
      <c r="ID5233" s="91"/>
      <c r="IE5233" s="91"/>
      <c r="IF5233" s="91"/>
      <c r="IG5233" s="91"/>
      <c r="IH5233" s="91"/>
      <c r="II5233" s="91"/>
      <c r="IJ5233" s="91"/>
      <c r="IK5233" s="174"/>
    </row>
    <row r="5234" spans="2:245" x14ac:dyDescent="0.2">
      <c r="B5234" s="43"/>
      <c r="C5234" s="73"/>
      <c r="D5234" s="64"/>
      <c r="E5234" s="64"/>
      <c r="F5234" s="55"/>
      <c r="G5234" s="102"/>
      <c r="H5234" s="97"/>
      <c r="T5234" s="98"/>
      <c r="U5234" s="97"/>
      <c r="AG5234" s="98"/>
      <c r="AY5234" s="164"/>
      <c r="BK5234" s="98"/>
      <c r="BL5234" s="97"/>
      <c r="BX5234" s="98"/>
      <c r="CL5234" s="97"/>
      <c r="CX5234" s="98"/>
      <c r="DL5234" s="97"/>
      <c r="DX5234" s="98"/>
      <c r="EL5234" s="97"/>
      <c r="EX5234" s="98"/>
      <c r="EY5234" s="97"/>
      <c r="FL5234" s="126"/>
      <c r="FM5234" s="91"/>
      <c r="FN5234" s="91"/>
      <c r="FO5234" s="91"/>
      <c r="FP5234" s="91"/>
      <c r="FQ5234" s="91"/>
      <c r="FR5234" s="91"/>
      <c r="FS5234" s="91"/>
      <c r="FT5234" s="91"/>
      <c r="FU5234" s="91"/>
      <c r="FV5234" s="91"/>
      <c r="FW5234" s="91"/>
      <c r="FX5234" s="127"/>
      <c r="FY5234" s="126"/>
      <c r="FZ5234" s="91"/>
      <c r="GA5234" s="91"/>
      <c r="GB5234" s="91"/>
      <c r="GC5234" s="91"/>
      <c r="GD5234" s="91"/>
      <c r="GE5234" s="91"/>
      <c r="GF5234" s="91"/>
      <c r="GG5234" s="91"/>
      <c r="GH5234" s="91"/>
      <c r="GI5234" s="91"/>
      <c r="GJ5234" s="91"/>
      <c r="GK5234" s="127"/>
      <c r="GL5234" s="126"/>
      <c r="GM5234" s="91"/>
      <c r="GN5234" s="91"/>
      <c r="GO5234" s="91"/>
      <c r="GP5234" s="91"/>
      <c r="GQ5234" s="91"/>
      <c r="GR5234" s="91"/>
      <c r="GS5234" s="91"/>
      <c r="GT5234" s="91"/>
      <c r="GU5234" s="91"/>
      <c r="GV5234" s="91"/>
      <c r="GW5234" s="91"/>
      <c r="GX5234" s="127"/>
      <c r="GY5234" s="126"/>
      <c r="GZ5234" s="91"/>
      <c r="HA5234" s="91"/>
      <c r="HB5234" s="91"/>
      <c r="HC5234" s="91"/>
      <c r="HD5234" s="91"/>
      <c r="HE5234" s="91"/>
      <c r="HF5234" s="91"/>
      <c r="HG5234" s="91"/>
      <c r="HH5234" s="91"/>
      <c r="HI5234" s="91"/>
      <c r="HJ5234" s="91"/>
      <c r="HK5234" s="127"/>
      <c r="HL5234" s="126"/>
      <c r="HM5234" s="91"/>
      <c r="HN5234" s="91"/>
      <c r="HO5234" s="91"/>
      <c r="HP5234" s="91"/>
      <c r="HQ5234" s="91"/>
      <c r="HR5234" s="91"/>
      <c r="HS5234" s="91"/>
      <c r="HT5234" s="91"/>
      <c r="HU5234" s="91"/>
      <c r="HV5234" s="91"/>
      <c r="HW5234" s="91"/>
      <c r="HX5234" s="127"/>
      <c r="HY5234" s="126"/>
      <c r="HZ5234" s="91"/>
      <c r="IA5234" s="91"/>
      <c r="IB5234" s="91"/>
      <c r="IC5234" s="91"/>
      <c r="ID5234" s="91"/>
      <c r="IE5234" s="91"/>
      <c r="IF5234" s="91"/>
      <c r="IG5234" s="91"/>
      <c r="IH5234" s="91"/>
      <c r="II5234" s="91"/>
      <c r="IJ5234" s="91"/>
      <c r="IK5234" s="174"/>
    </row>
    <row r="5235" spans="2:245" x14ac:dyDescent="0.2">
      <c r="B5235" s="43"/>
      <c r="C5235" s="73"/>
      <c r="D5235" s="64"/>
      <c r="E5235" s="64"/>
      <c r="F5235" s="55"/>
      <c r="G5235" s="102"/>
      <c r="H5235" s="97"/>
      <c r="T5235" s="98"/>
      <c r="U5235" s="97"/>
      <c r="AG5235" s="98"/>
      <c r="AY5235" s="164"/>
      <c r="BK5235" s="98"/>
      <c r="BL5235" s="97"/>
      <c r="BX5235" s="98"/>
      <c r="CL5235" s="97"/>
      <c r="CX5235" s="98"/>
      <c r="DL5235" s="97"/>
      <c r="DX5235" s="98"/>
      <c r="EL5235" s="97"/>
      <c r="EX5235" s="98"/>
      <c r="EY5235" s="97"/>
      <c r="FL5235" s="126"/>
      <c r="FM5235" s="91"/>
      <c r="FN5235" s="91"/>
      <c r="FO5235" s="91"/>
      <c r="FP5235" s="91"/>
      <c r="FQ5235" s="91"/>
      <c r="FR5235" s="91"/>
      <c r="FS5235" s="91"/>
      <c r="FT5235" s="91"/>
      <c r="FU5235" s="91"/>
      <c r="FV5235" s="91"/>
      <c r="FW5235" s="91"/>
      <c r="FX5235" s="127"/>
      <c r="FY5235" s="126"/>
      <c r="FZ5235" s="91"/>
      <c r="GA5235" s="91"/>
      <c r="GB5235" s="91"/>
      <c r="GC5235" s="91"/>
      <c r="GD5235" s="91"/>
      <c r="GE5235" s="91"/>
      <c r="GF5235" s="91"/>
      <c r="GG5235" s="91"/>
      <c r="GH5235" s="91"/>
      <c r="GI5235" s="91"/>
      <c r="GJ5235" s="91"/>
      <c r="GK5235" s="127"/>
      <c r="GL5235" s="126"/>
      <c r="GM5235" s="91"/>
      <c r="GN5235" s="91"/>
      <c r="GO5235" s="91"/>
      <c r="GP5235" s="91"/>
      <c r="GQ5235" s="91"/>
      <c r="GR5235" s="91"/>
      <c r="GS5235" s="91"/>
      <c r="GT5235" s="91"/>
      <c r="GU5235" s="91"/>
      <c r="GV5235" s="91"/>
      <c r="GW5235" s="91"/>
      <c r="GX5235" s="127"/>
      <c r="GY5235" s="126"/>
      <c r="GZ5235" s="91"/>
      <c r="HA5235" s="91"/>
      <c r="HB5235" s="91"/>
      <c r="HC5235" s="91"/>
      <c r="HD5235" s="91"/>
      <c r="HE5235" s="91"/>
      <c r="HF5235" s="91"/>
      <c r="HG5235" s="91"/>
      <c r="HH5235" s="91"/>
      <c r="HI5235" s="91"/>
      <c r="HJ5235" s="91"/>
      <c r="HK5235" s="127"/>
      <c r="HL5235" s="126"/>
      <c r="HM5235" s="91"/>
      <c r="HN5235" s="91"/>
      <c r="HO5235" s="91"/>
      <c r="HP5235" s="91"/>
      <c r="HQ5235" s="91"/>
      <c r="HR5235" s="91"/>
      <c r="HS5235" s="91"/>
      <c r="HT5235" s="91"/>
      <c r="HU5235" s="91"/>
      <c r="HV5235" s="91"/>
      <c r="HW5235" s="91"/>
      <c r="HX5235" s="127"/>
      <c r="HY5235" s="126"/>
      <c r="HZ5235" s="91"/>
      <c r="IA5235" s="91"/>
      <c r="IB5235" s="91"/>
      <c r="IC5235" s="91"/>
      <c r="ID5235" s="91"/>
      <c r="IE5235" s="91"/>
      <c r="IF5235" s="91"/>
      <c r="IG5235" s="91"/>
      <c r="IH5235" s="91"/>
      <c r="II5235" s="91"/>
      <c r="IJ5235" s="91"/>
      <c r="IK5235" s="174"/>
    </row>
    <row r="5236" spans="2:245" x14ac:dyDescent="0.2">
      <c r="B5236" s="43"/>
      <c r="C5236" s="73"/>
      <c r="D5236" s="64"/>
      <c r="E5236" s="64"/>
      <c r="F5236" s="55"/>
      <c r="G5236" s="102"/>
      <c r="H5236" s="97"/>
      <c r="T5236" s="98"/>
      <c r="U5236" s="97"/>
      <c r="AG5236" s="98"/>
      <c r="AY5236" s="164"/>
      <c r="BK5236" s="98"/>
      <c r="BL5236" s="97"/>
      <c r="BX5236" s="98"/>
      <c r="CL5236" s="97"/>
      <c r="CX5236" s="98"/>
      <c r="DL5236" s="97"/>
      <c r="DX5236" s="98"/>
      <c r="EL5236" s="97"/>
      <c r="EX5236" s="98"/>
      <c r="EY5236" s="97"/>
      <c r="FL5236" s="126"/>
      <c r="FM5236" s="91"/>
      <c r="FN5236" s="91"/>
      <c r="FO5236" s="91"/>
      <c r="FP5236" s="91"/>
      <c r="FQ5236" s="91"/>
      <c r="FR5236" s="91"/>
      <c r="FS5236" s="91"/>
      <c r="FT5236" s="91"/>
      <c r="FU5236" s="91"/>
      <c r="FV5236" s="91"/>
      <c r="FW5236" s="91"/>
      <c r="FX5236" s="127"/>
      <c r="FY5236" s="126"/>
      <c r="FZ5236" s="91"/>
      <c r="GA5236" s="91"/>
      <c r="GB5236" s="91"/>
      <c r="GC5236" s="91"/>
      <c r="GD5236" s="91"/>
      <c r="GE5236" s="91"/>
      <c r="GF5236" s="91"/>
      <c r="GG5236" s="91"/>
      <c r="GH5236" s="91"/>
      <c r="GI5236" s="91"/>
      <c r="GJ5236" s="91"/>
      <c r="GK5236" s="127"/>
      <c r="GL5236" s="126"/>
      <c r="GM5236" s="91"/>
      <c r="GN5236" s="91"/>
      <c r="GO5236" s="91"/>
      <c r="GP5236" s="91"/>
      <c r="GQ5236" s="91"/>
      <c r="GR5236" s="91"/>
      <c r="GS5236" s="91"/>
      <c r="GT5236" s="91"/>
      <c r="GU5236" s="91"/>
      <c r="GV5236" s="91"/>
      <c r="GW5236" s="91"/>
      <c r="GX5236" s="127"/>
      <c r="GY5236" s="126"/>
      <c r="GZ5236" s="91"/>
      <c r="HA5236" s="91"/>
      <c r="HB5236" s="91"/>
      <c r="HC5236" s="91"/>
      <c r="HD5236" s="91"/>
      <c r="HE5236" s="91"/>
      <c r="HF5236" s="91"/>
      <c r="HG5236" s="91"/>
      <c r="HH5236" s="91"/>
      <c r="HI5236" s="91"/>
      <c r="HJ5236" s="91"/>
      <c r="HK5236" s="127"/>
      <c r="HL5236" s="126"/>
      <c r="HM5236" s="91"/>
      <c r="HN5236" s="91"/>
      <c r="HO5236" s="91"/>
      <c r="HP5236" s="91"/>
      <c r="HQ5236" s="91"/>
      <c r="HR5236" s="91"/>
      <c r="HS5236" s="91"/>
      <c r="HT5236" s="91"/>
      <c r="HU5236" s="91"/>
      <c r="HV5236" s="91"/>
      <c r="HW5236" s="91"/>
      <c r="HX5236" s="127"/>
      <c r="HY5236" s="126"/>
      <c r="HZ5236" s="91"/>
      <c r="IA5236" s="91"/>
      <c r="IB5236" s="91"/>
      <c r="IC5236" s="91"/>
      <c r="ID5236" s="91"/>
      <c r="IE5236" s="91"/>
      <c r="IF5236" s="91"/>
      <c r="IG5236" s="91"/>
      <c r="IH5236" s="91"/>
      <c r="II5236" s="91"/>
      <c r="IJ5236" s="91"/>
      <c r="IK5236" s="174"/>
    </row>
    <row r="5237" spans="2:245" x14ac:dyDescent="0.2">
      <c r="B5237" s="43"/>
      <c r="C5237" s="73"/>
      <c r="D5237" s="64"/>
      <c r="E5237" s="64"/>
      <c r="F5237" s="55"/>
      <c r="G5237" s="102"/>
      <c r="H5237" s="97"/>
      <c r="T5237" s="98"/>
      <c r="U5237" s="97"/>
      <c r="AG5237" s="98"/>
      <c r="AY5237" s="164"/>
      <c r="BK5237" s="98"/>
      <c r="BL5237" s="97"/>
      <c r="BX5237" s="98"/>
      <c r="CL5237" s="97"/>
      <c r="CX5237" s="98"/>
      <c r="DL5237" s="97"/>
      <c r="DX5237" s="98"/>
      <c r="EL5237" s="97"/>
      <c r="EX5237" s="98"/>
      <c r="EY5237" s="97"/>
      <c r="FL5237" s="126"/>
      <c r="FM5237" s="91"/>
      <c r="FN5237" s="91"/>
      <c r="FO5237" s="91"/>
      <c r="FP5237" s="91"/>
      <c r="FQ5237" s="91"/>
      <c r="FR5237" s="91"/>
      <c r="FS5237" s="91"/>
      <c r="FT5237" s="91"/>
      <c r="FU5237" s="91"/>
      <c r="FV5237" s="91"/>
      <c r="FW5237" s="91"/>
      <c r="FX5237" s="127"/>
      <c r="FY5237" s="126"/>
      <c r="FZ5237" s="91"/>
      <c r="GA5237" s="91"/>
      <c r="GB5237" s="91"/>
      <c r="GC5237" s="91"/>
      <c r="GD5237" s="91"/>
      <c r="GE5237" s="91"/>
      <c r="GF5237" s="91"/>
      <c r="GG5237" s="91"/>
      <c r="GH5237" s="91"/>
      <c r="GI5237" s="91"/>
      <c r="GJ5237" s="91"/>
      <c r="GK5237" s="127"/>
      <c r="GL5237" s="126"/>
      <c r="GM5237" s="91"/>
      <c r="GN5237" s="91"/>
      <c r="GO5237" s="91"/>
      <c r="GP5237" s="91"/>
      <c r="GQ5237" s="91"/>
      <c r="GR5237" s="91"/>
      <c r="GS5237" s="91"/>
      <c r="GT5237" s="91"/>
      <c r="GU5237" s="91"/>
      <c r="GV5237" s="91"/>
      <c r="GW5237" s="91"/>
      <c r="GX5237" s="127"/>
      <c r="GY5237" s="126"/>
      <c r="GZ5237" s="91"/>
      <c r="HA5237" s="91"/>
      <c r="HB5237" s="91"/>
      <c r="HC5237" s="91"/>
      <c r="HD5237" s="91"/>
      <c r="HE5237" s="91"/>
      <c r="HF5237" s="91"/>
      <c r="HG5237" s="91"/>
      <c r="HH5237" s="91"/>
      <c r="HI5237" s="91"/>
      <c r="HJ5237" s="91"/>
      <c r="HK5237" s="127"/>
      <c r="HL5237" s="126"/>
      <c r="HM5237" s="91"/>
      <c r="HN5237" s="91"/>
      <c r="HO5237" s="91"/>
      <c r="HP5237" s="91"/>
      <c r="HQ5237" s="91"/>
      <c r="HR5237" s="91"/>
      <c r="HS5237" s="91"/>
      <c r="HT5237" s="91"/>
      <c r="HU5237" s="91"/>
      <c r="HV5237" s="91"/>
      <c r="HW5237" s="91"/>
      <c r="HX5237" s="127"/>
      <c r="HY5237" s="126"/>
      <c r="HZ5237" s="91"/>
      <c r="IA5237" s="91"/>
      <c r="IB5237" s="91"/>
      <c r="IC5237" s="91"/>
      <c r="ID5237" s="91"/>
      <c r="IE5237" s="91"/>
      <c r="IF5237" s="91"/>
      <c r="IG5237" s="91"/>
      <c r="IH5237" s="91"/>
      <c r="II5237" s="91"/>
      <c r="IJ5237" s="91"/>
      <c r="IK5237" s="174"/>
    </row>
    <row r="5238" spans="2:245" x14ac:dyDescent="0.2">
      <c r="B5238" s="43"/>
      <c r="C5238" s="73"/>
      <c r="D5238" s="64"/>
      <c r="E5238" s="64"/>
      <c r="F5238" s="55"/>
      <c r="G5238" s="102"/>
      <c r="H5238" s="97"/>
      <c r="T5238" s="98"/>
      <c r="U5238" s="97"/>
      <c r="AG5238" s="98"/>
      <c r="AY5238" s="164"/>
      <c r="BK5238" s="98"/>
      <c r="BL5238" s="97"/>
      <c r="BX5238" s="98"/>
      <c r="CL5238" s="97"/>
      <c r="CX5238" s="98"/>
      <c r="DL5238" s="97"/>
      <c r="DX5238" s="98"/>
      <c r="EL5238" s="97"/>
      <c r="EX5238" s="98"/>
      <c r="EY5238" s="97"/>
      <c r="FL5238" s="126"/>
      <c r="FM5238" s="91"/>
      <c r="FN5238" s="91"/>
      <c r="FO5238" s="91"/>
      <c r="FP5238" s="91"/>
      <c r="FQ5238" s="91"/>
      <c r="FR5238" s="91"/>
      <c r="FS5238" s="91"/>
      <c r="FT5238" s="91"/>
      <c r="FU5238" s="91"/>
      <c r="FV5238" s="91"/>
      <c r="FW5238" s="91"/>
      <c r="FX5238" s="127"/>
      <c r="FY5238" s="126"/>
      <c r="FZ5238" s="91"/>
      <c r="GA5238" s="91"/>
      <c r="GB5238" s="91"/>
      <c r="GC5238" s="91"/>
      <c r="GD5238" s="91"/>
      <c r="GE5238" s="91"/>
      <c r="GF5238" s="91"/>
      <c r="GG5238" s="91"/>
      <c r="GH5238" s="91"/>
      <c r="GI5238" s="91"/>
      <c r="GJ5238" s="91"/>
      <c r="GK5238" s="127"/>
      <c r="GL5238" s="126"/>
      <c r="GM5238" s="91"/>
      <c r="GN5238" s="91"/>
      <c r="GO5238" s="91"/>
      <c r="GP5238" s="91"/>
      <c r="GQ5238" s="91"/>
      <c r="GR5238" s="91"/>
      <c r="GS5238" s="91"/>
      <c r="GT5238" s="91"/>
      <c r="GU5238" s="91"/>
      <c r="GV5238" s="91"/>
      <c r="GW5238" s="91"/>
      <c r="GX5238" s="127"/>
      <c r="GY5238" s="126"/>
      <c r="GZ5238" s="91"/>
      <c r="HA5238" s="91"/>
      <c r="HB5238" s="91"/>
      <c r="HC5238" s="91"/>
      <c r="HD5238" s="91"/>
      <c r="HE5238" s="91"/>
      <c r="HF5238" s="91"/>
      <c r="HG5238" s="91"/>
      <c r="HH5238" s="91"/>
      <c r="HI5238" s="91"/>
      <c r="HJ5238" s="91"/>
      <c r="HK5238" s="127"/>
      <c r="HL5238" s="126"/>
      <c r="HM5238" s="91"/>
      <c r="HN5238" s="91"/>
      <c r="HO5238" s="91"/>
      <c r="HP5238" s="91"/>
      <c r="HQ5238" s="91"/>
      <c r="HR5238" s="91"/>
      <c r="HS5238" s="91"/>
      <c r="HT5238" s="91"/>
      <c r="HU5238" s="91"/>
      <c r="HV5238" s="91"/>
      <c r="HW5238" s="91"/>
      <c r="HX5238" s="127"/>
      <c r="HY5238" s="126"/>
      <c r="HZ5238" s="91"/>
      <c r="IA5238" s="91"/>
      <c r="IB5238" s="91"/>
      <c r="IC5238" s="91"/>
      <c r="ID5238" s="91"/>
      <c r="IE5238" s="91"/>
      <c r="IF5238" s="91"/>
      <c r="IG5238" s="91"/>
      <c r="IH5238" s="91"/>
      <c r="II5238" s="91"/>
      <c r="IJ5238" s="91"/>
      <c r="IK5238" s="174"/>
    </row>
    <row r="5239" spans="2:245" x14ac:dyDescent="0.2">
      <c r="B5239" s="43"/>
      <c r="C5239" s="73"/>
      <c r="D5239" s="64"/>
      <c r="E5239" s="64"/>
      <c r="F5239" s="55"/>
      <c r="G5239" s="102"/>
      <c r="H5239" s="97"/>
      <c r="T5239" s="98"/>
      <c r="U5239" s="97"/>
      <c r="AG5239" s="98"/>
      <c r="AY5239" s="164"/>
      <c r="BK5239" s="98"/>
      <c r="BL5239" s="97"/>
      <c r="BX5239" s="98"/>
      <c r="CL5239" s="97"/>
      <c r="CX5239" s="98"/>
      <c r="DL5239" s="97"/>
      <c r="DX5239" s="98"/>
      <c r="EL5239" s="97"/>
      <c r="EX5239" s="98"/>
      <c r="EY5239" s="97"/>
      <c r="FL5239" s="126"/>
      <c r="FM5239" s="91"/>
      <c r="FN5239" s="91"/>
      <c r="FO5239" s="91"/>
      <c r="FP5239" s="91"/>
      <c r="FQ5239" s="91"/>
      <c r="FR5239" s="91"/>
      <c r="FS5239" s="91"/>
      <c r="FT5239" s="91"/>
      <c r="FU5239" s="91"/>
      <c r="FV5239" s="91"/>
      <c r="FW5239" s="91"/>
      <c r="FX5239" s="127"/>
      <c r="FY5239" s="126"/>
      <c r="FZ5239" s="91"/>
      <c r="GA5239" s="91"/>
      <c r="GB5239" s="91"/>
      <c r="GC5239" s="91"/>
      <c r="GD5239" s="91"/>
      <c r="GE5239" s="91"/>
      <c r="GF5239" s="91"/>
      <c r="GG5239" s="91"/>
      <c r="GH5239" s="91"/>
      <c r="GI5239" s="91"/>
      <c r="GJ5239" s="91"/>
      <c r="GK5239" s="127"/>
      <c r="GL5239" s="126"/>
      <c r="GM5239" s="91"/>
      <c r="GN5239" s="91"/>
      <c r="GO5239" s="91"/>
      <c r="GP5239" s="91"/>
      <c r="GQ5239" s="91"/>
      <c r="GR5239" s="91"/>
      <c r="GS5239" s="91"/>
      <c r="GT5239" s="91"/>
      <c r="GU5239" s="91"/>
      <c r="GV5239" s="91"/>
      <c r="GW5239" s="91"/>
      <c r="GX5239" s="127"/>
      <c r="GY5239" s="126"/>
      <c r="GZ5239" s="91"/>
      <c r="HA5239" s="91"/>
      <c r="HB5239" s="91"/>
      <c r="HC5239" s="91"/>
      <c r="HD5239" s="91"/>
      <c r="HE5239" s="91"/>
      <c r="HF5239" s="91"/>
      <c r="HG5239" s="91"/>
      <c r="HH5239" s="91"/>
      <c r="HI5239" s="91"/>
      <c r="HJ5239" s="91"/>
      <c r="HK5239" s="127"/>
      <c r="HL5239" s="126"/>
      <c r="HM5239" s="91"/>
      <c r="HN5239" s="91"/>
      <c r="HO5239" s="91"/>
      <c r="HP5239" s="91"/>
      <c r="HQ5239" s="91"/>
      <c r="HR5239" s="91"/>
      <c r="HS5239" s="91"/>
      <c r="HT5239" s="91"/>
      <c r="HU5239" s="91"/>
      <c r="HV5239" s="91"/>
      <c r="HW5239" s="91"/>
      <c r="HX5239" s="127"/>
      <c r="HY5239" s="126"/>
      <c r="HZ5239" s="91"/>
      <c r="IA5239" s="91"/>
      <c r="IB5239" s="91"/>
      <c r="IC5239" s="91"/>
      <c r="ID5239" s="91"/>
      <c r="IE5239" s="91"/>
      <c r="IF5239" s="91"/>
      <c r="IG5239" s="91"/>
      <c r="IH5239" s="91"/>
      <c r="II5239" s="91"/>
      <c r="IJ5239" s="91"/>
      <c r="IK5239" s="174"/>
    </row>
    <row r="5240" spans="2:245" x14ac:dyDescent="0.2">
      <c r="B5240" s="43"/>
      <c r="C5240" s="73"/>
      <c r="D5240" s="64"/>
      <c r="E5240" s="64"/>
      <c r="F5240" s="55"/>
      <c r="G5240" s="102"/>
      <c r="H5240" s="97"/>
      <c r="T5240" s="98"/>
      <c r="U5240" s="97"/>
      <c r="AG5240" s="98"/>
      <c r="AY5240" s="164"/>
      <c r="BK5240" s="98"/>
      <c r="BL5240" s="97"/>
      <c r="BX5240" s="98"/>
      <c r="CL5240" s="97"/>
      <c r="CX5240" s="98"/>
      <c r="DL5240" s="97"/>
      <c r="DX5240" s="98"/>
      <c r="EL5240" s="97"/>
      <c r="EX5240" s="98"/>
      <c r="EY5240" s="97"/>
      <c r="FL5240" s="126"/>
      <c r="FM5240" s="91"/>
      <c r="FN5240" s="91"/>
      <c r="FO5240" s="91"/>
      <c r="FP5240" s="91"/>
      <c r="FQ5240" s="91"/>
      <c r="FR5240" s="91"/>
      <c r="FS5240" s="91"/>
      <c r="FT5240" s="91"/>
      <c r="FU5240" s="91"/>
      <c r="FV5240" s="91"/>
      <c r="FW5240" s="91"/>
      <c r="FX5240" s="127"/>
      <c r="FY5240" s="126"/>
      <c r="FZ5240" s="91"/>
      <c r="GA5240" s="91"/>
      <c r="GB5240" s="91"/>
      <c r="GC5240" s="91"/>
      <c r="GD5240" s="91"/>
      <c r="GE5240" s="91"/>
      <c r="GF5240" s="91"/>
      <c r="GG5240" s="91"/>
      <c r="GH5240" s="91"/>
      <c r="GI5240" s="91"/>
      <c r="GJ5240" s="91"/>
      <c r="GK5240" s="127"/>
      <c r="GL5240" s="126"/>
      <c r="GM5240" s="91"/>
      <c r="GN5240" s="91"/>
      <c r="GO5240" s="91"/>
      <c r="GP5240" s="91"/>
      <c r="GQ5240" s="91"/>
      <c r="GR5240" s="91"/>
      <c r="GS5240" s="91"/>
      <c r="GT5240" s="91"/>
      <c r="GU5240" s="91"/>
      <c r="GV5240" s="91"/>
      <c r="GW5240" s="91"/>
      <c r="GX5240" s="127"/>
      <c r="GY5240" s="126"/>
      <c r="GZ5240" s="91"/>
      <c r="HA5240" s="91"/>
      <c r="HB5240" s="91"/>
      <c r="HC5240" s="91"/>
      <c r="HD5240" s="91"/>
      <c r="HE5240" s="91"/>
      <c r="HF5240" s="91"/>
      <c r="HG5240" s="91"/>
      <c r="HH5240" s="91"/>
      <c r="HI5240" s="91"/>
      <c r="HJ5240" s="91"/>
      <c r="HK5240" s="127"/>
      <c r="HL5240" s="126"/>
      <c r="HM5240" s="91"/>
      <c r="HN5240" s="91"/>
      <c r="HO5240" s="91"/>
      <c r="HP5240" s="91"/>
      <c r="HQ5240" s="91"/>
      <c r="HR5240" s="91"/>
      <c r="HS5240" s="91"/>
      <c r="HT5240" s="91"/>
      <c r="HU5240" s="91"/>
      <c r="HV5240" s="91"/>
      <c r="HW5240" s="91"/>
      <c r="HX5240" s="127"/>
      <c r="HY5240" s="126"/>
      <c r="HZ5240" s="91"/>
      <c r="IA5240" s="91"/>
      <c r="IB5240" s="91"/>
      <c r="IC5240" s="91"/>
      <c r="ID5240" s="91"/>
      <c r="IE5240" s="91"/>
      <c r="IF5240" s="91"/>
      <c r="IG5240" s="91"/>
      <c r="IH5240" s="91"/>
      <c r="II5240" s="91"/>
      <c r="IJ5240" s="91"/>
      <c r="IK5240" s="174"/>
    </row>
    <row r="5241" spans="2:245" x14ac:dyDescent="0.2">
      <c r="B5241" s="43"/>
      <c r="C5241" s="73"/>
      <c r="D5241" s="64"/>
      <c r="E5241" s="64"/>
      <c r="F5241" s="55"/>
      <c r="G5241" s="102"/>
      <c r="H5241" s="97"/>
      <c r="T5241" s="98"/>
      <c r="U5241" s="97"/>
      <c r="AG5241" s="98"/>
      <c r="AY5241" s="164"/>
      <c r="BK5241" s="98"/>
      <c r="BL5241" s="97"/>
      <c r="BX5241" s="98"/>
      <c r="CL5241" s="97"/>
      <c r="CX5241" s="98"/>
      <c r="DL5241" s="97"/>
      <c r="DX5241" s="98"/>
      <c r="EL5241" s="97"/>
      <c r="EX5241" s="98"/>
      <c r="EY5241" s="97"/>
      <c r="FL5241" s="126"/>
      <c r="FM5241" s="91"/>
      <c r="FN5241" s="91"/>
      <c r="FO5241" s="91"/>
      <c r="FP5241" s="91"/>
      <c r="FQ5241" s="91"/>
      <c r="FR5241" s="91"/>
      <c r="FS5241" s="91"/>
      <c r="FT5241" s="91"/>
      <c r="FU5241" s="91"/>
      <c r="FV5241" s="91"/>
      <c r="FW5241" s="91"/>
      <c r="FX5241" s="127"/>
      <c r="FY5241" s="126"/>
      <c r="FZ5241" s="91"/>
      <c r="GA5241" s="91"/>
      <c r="GB5241" s="91"/>
      <c r="GC5241" s="91"/>
      <c r="GD5241" s="91"/>
      <c r="GE5241" s="91"/>
      <c r="GF5241" s="91"/>
      <c r="GG5241" s="91"/>
      <c r="GH5241" s="91"/>
      <c r="GI5241" s="91"/>
      <c r="GJ5241" s="91"/>
      <c r="GK5241" s="127"/>
      <c r="GL5241" s="126"/>
      <c r="GM5241" s="91"/>
      <c r="GN5241" s="91"/>
      <c r="GO5241" s="91"/>
      <c r="GP5241" s="91"/>
      <c r="GQ5241" s="91"/>
      <c r="GR5241" s="91"/>
      <c r="GS5241" s="91"/>
      <c r="GT5241" s="91"/>
      <c r="GU5241" s="91"/>
      <c r="GV5241" s="91"/>
      <c r="GW5241" s="91"/>
      <c r="GX5241" s="127"/>
      <c r="GY5241" s="126"/>
      <c r="GZ5241" s="91"/>
      <c r="HA5241" s="91"/>
      <c r="HB5241" s="91"/>
      <c r="HC5241" s="91"/>
      <c r="HD5241" s="91"/>
      <c r="HE5241" s="91"/>
      <c r="HF5241" s="91"/>
      <c r="HG5241" s="91"/>
      <c r="HH5241" s="91"/>
      <c r="HI5241" s="91"/>
      <c r="HJ5241" s="91"/>
      <c r="HK5241" s="127"/>
      <c r="HL5241" s="126"/>
      <c r="HM5241" s="91"/>
      <c r="HN5241" s="91"/>
      <c r="HO5241" s="91"/>
      <c r="HP5241" s="91"/>
      <c r="HQ5241" s="91"/>
      <c r="HR5241" s="91"/>
      <c r="HS5241" s="91"/>
      <c r="HT5241" s="91"/>
      <c r="HU5241" s="91"/>
      <c r="HV5241" s="91"/>
      <c r="HW5241" s="91"/>
      <c r="HX5241" s="127"/>
      <c r="HY5241" s="126"/>
      <c r="HZ5241" s="91"/>
      <c r="IA5241" s="91"/>
      <c r="IB5241" s="91"/>
      <c r="IC5241" s="91"/>
      <c r="ID5241" s="91"/>
      <c r="IE5241" s="91"/>
      <c r="IF5241" s="91"/>
      <c r="IG5241" s="91"/>
      <c r="IH5241" s="91"/>
      <c r="II5241" s="91"/>
      <c r="IJ5241" s="91"/>
      <c r="IK5241" s="174"/>
    </row>
    <row r="5242" spans="2:245" x14ac:dyDescent="0.2">
      <c r="B5242" s="43"/>
      <c r="C5242" s="73"/>
      <c r="D5242" s="64"/>
      <c r="E5242" s="64"/>
      <c r="F5242" s="55"/>
      <c r="G5242" s="102"/>
      <c r="H5242" s="97"/>
      <c r="T5242" s="98"/>
      <c r="U5242" s="97"/>
      <c r="AG5242" s="98"/>
      <c r="AY5242" s="164"/>
      <c r="BK5242" s="98"/>
      <c r="BL5242" s="97"/>
      <c r="BX5242" s="98"/>
      <c r="CL5242" s="97"/>
      <c r="CX5242" s="98"/>
      <c r="DL5242" s="97"/>
      <c r="DX5242" s="98"/>
      <c r="EL5242" s="97"/>
      <c r="EX5242" s="98"/>
      <c r="EY5242" s="97"/>
      <c r="FL5242" s="126"/>
      <c r="FM5242" s="91"/>
      <c r="FN5242" s="91"/>
      <c r="FO5242" s="91"/>
      <c r="FP5242" s="91"/>
      <c r="FQ5242" s="91"/>
      <c r="FR5242" s="91"/>
      <c r="FS5242" s="91"/>
      <c r="FT5242" s="91"/>
      <c r="FU5242" s="91"/>
      <c r="FV5242" s="91"/>
      <c r="FW5242" s="91"/>
      <c r="FX5242" s="127"/>
      <c r="FY5242" s="126"/>
      <c r="FZ5242" s="91"/>
      <c r="GA5242" s="91"/>
      <c r="GB5242" s="91"/>
      <c r="GC5242" s="91"/>
      <c r="GD5242" s="91"/>
      <c r="GE5242" s="91"/>
      <c r="GF5242" s="91"/>
      <c r="GG5242" s="91"/>
      <c r="GH5242" s="91"/>
      <c r="GI5242" s="91"/>
      <c r="GJ5242" s="91"/>
      <c r="GK5242" s="127"/>
      <c r="GL5242" s="126"/>
      <c r="GM5242" s="91"/>
      <c r="GN5242" s="91"/>
      <c r="GO5242" s="91"/>
      <c r="GP5242" s="91"/>
      <c r="GQ5242" s="91"/>
      <c r="GR5242" s="91"/>
      <c r="GS5242" s="91"/>
      <c r="GT5242" s="91"/>
      <c r="GU5242" s="91"/>
      <c r="GV5242" s="91"/>
      <c r="GW5242" s="91"/>
      <c r="GX5242" s="127"/>
      <c r="GY5242" s="126"/>
      <c r="GZ5242" s="91"/>
      <c r="HA5242" s="91"/>
      <c r="HB5242" s="91"/>
      <c r="HC5242" s="91"/>
      <c r="HD5242" s="91"/>
      <c r="HE5242" s="91"/>
      <c r="HF5242" s="91"/>
      <c r="HG5242" s="91"/>
      <c r="HH5242" s="91"/>
      <c r="HI5242" s="91"/>
      <c r="HJ5242" s="91"/>
      <c r="HK5242" s="127"/>
      <c r="HL5242" s="126"/>
      <c r="HM5242" s="91"/>
      <c r="HN5242" s="91"/>
      <c r="HO5242" s="91"/>
      <c r="HP5242" s="91"/>
      <c r="HQ5242" s="91"/>
      <c r="HR5242" s="91"/>
      <c r="HS5242" s="91"/>
      <c r="HT5242" s="91"/>
      <c r="HU5242" s="91"/>
      <c r="HV5242" s="91"/>
      <c r="HW5242" s="91"/>
      <c r="HX5242" s="127"/>
      <c r="HY5242" s="126"/>
      <c r="HZ5242" s="91"/>
      <c r="IA5242" s="91"/>
      <c r="IB5242" s="91"/>
      <c r="IC5242" s="91"/>
      <c r="ID5242" s="91"/>
      <c r="IE5242" s="91"/>
      <c r="IF5242" s="91"/>
      <c r="IG5242" s="91"/>
      <c r="IH5242" s="91"/>
      <c r="II5242" s="91"/>
      <c r="IJ5242" s="91"/>
      <c r="IK5242" s="174"/>
    </row>
    <row r="5243" spans="2:245" x14ac:dyDescent="0.2">
      <c r="B5243" s="43"/>
      <c r="C5243" s="73"/>
      <c r="D5243" s="64"/>
      <c r="E5243" s="64"/>
      <c r="F5243" s="55"/>
      <c r="G5243" s="102"/>
      <c r="H5243" s="97"/>
      <c r="T5243" s="98"/>
      <c r="U5243" s="97"/>
      <c r="AG5243" s="98"/>
      <c r="AY5243" s="164"/>
      <c r="BK5243" s="98"/>
      <c r="BL5243" s="97"/>
      <c r="BX5243" s="98"/>
      <c r="CL5243" s="97"/>
      <c r="CX5243" s="98"/>
      <c r="DL5243" s="97"/>
      <c r="DX5243" s="98"/>
      <c r="EL5243" s="97"/>
      <c r="EX5243" s="98"/>
      <c r="EY5243" s="97"/>
      <c r="FL5243" s="126"/>
      <c r="FM5243" s="91"/>
      <c r="FN5243" s="91"/>
      <c r="FO5243" s="91"/>
      <c r="FP5243" s="91"/>
      <c r="FQ5243" s="91"/>
      <c r="FR5243" s="91"/>
      <c r="FS5243" s="91"/>
      <c r="FT5243" s="91"/>
      <c r="FU5243" s="91"/>
      <c r="FV5243" s="91"/>
      <c r="FW5243" s="91"/>
      <c r="FX5243" s="127"/>
      <c r="FY5243" s="126"/>
      <c r="FZ5243" s="91"/>
      <c r="GA5243" s="91"/>
      <c r="GB5243" s="91"/>
      <c r="GC5243" s="91"/>
      <c r="GD5243" s="91"/>
      <c r="GE5243" s="91"/>
      <c r="GF5243" s="91"/>
      <c r="GG5243" s="91"/>
      <c r="GH5243" s="91"/>
      <c r="GI5243" s="91"/>
      <c r="GJ5243" s="91"/>
      <c r="GK5243" s="127"/>
      <c r="GL5243" s="126"/>
      <c r="GM5243" s="91"/>
      <c r="GN5243" s="91"/>
      <c r="GO5243" s="91"/>
      <c r="GP5243" s="91"/>
      <c r="GQ5243" s="91"/>
      <c r="GR5243" s="91"/>
      <c r="GS5243" s="91"/>
      <c r="GT5243" s="91"/>
      <c r="GU5243" s="91"/>
      <c r="GV5243" s="91"/>
      <c r="GW5243" s="91"/>
      <c r="GX5243" s="127"/>
      <c r="GY5243" s="126"/>
      <c r="GZ5243" s="91"/>
      <c r="HA5243" s="91"/>
      <c r="HB5243" s="91"/>
      <c r="HC5243" s="91"/>
      <c r="HD5243" s="91"/>
      <c r="HE5243" s="91"/>
      <c r="HF5243" s="91"/>
      <c r="HG5243" s="91"/>
      <c r="HH5243" s="91"/>
      <c r="HI5243" s="91"/>
      <c r="HJ5243" s="91"/>
      <c r="HK5243" s="127"/>
      <c r="HL5243" s="126"/>
      <c r="HM5243" s="91"/>
      <c r="HN5243" s="91"/>
      <c r="HO5243" s="91"/>
      <c r="HP5243" s="91"/>
      <c r="HQ5243" s="91"/>
      <c r="HR5243" s="91"/>
      <c r="HS5243" s="91"/>
      <c r="HT5243" s="91"/>
      <c r="HU5243" s="91"/>
      <c r="HV5243" s="91"/>
      <c r="HW5243" s="91"/>
      <c r="HX5243" s="127"/>
      <c r="HY5243" s="126"/>
      <c r="HZ5243" s="91"/>
      <c r="IA5243" s="91"/>
      <c r="IB5243" s="91"/>
      <c r="IC5243" s="91"/>
      <c r="ID5243" s="91"/>
      <c r="IE5243" s="91"/>
      <c r="IF5243" s="91"/>
      <c r="IG5243" s="91"/>
      <c r="IH5243" s="91"/>
      <c r="II5243" s="91"/>
      <c r="IJ5243" s="91"/>
      <c r="IK5243" s="174"/>
    </row>
    <row r="5244" spans="2:245" x14ac:dyDescent="0.2">
      <c r="B5244" s="43"/>
      <c r="C5244" s="73"/>
      <c r="D5244" s="64"/>
      <c r="E5244" s="64"/>
      <c r="F5244" s="55"/>
      <c r="G5244" s="102"/>
      <c r="H5244" s="97"/>
      <c r="T5244" s="98"/>
      <c r="U5244" s="97"/>
      <c r="AG5244" s="98"/>
      <c r="AY5244" s="164"/>
      <c r="BK5244" s="98"/>
      <c r="BL5244" s="97"/>
      <c r="BX5244" s="98"/>
      <c r="CL5244" s="97"/>
      <c r="CX5244" s="98"/>
      <c r="DL5244" s="97"/>
      <c r="DX5244" s="98"/>
      <c r="EL5244" s="97"/>
      <c r="EX5244" s="98"/>
      <c r="EY5244" s="97"/>
      <c r="FL5244" s="126"/>
      <c r="FM5244" s="91"/>
      <c r="FN5244" s="91"/>
      <c r="FO5244" s="91"/>
      <c r="FP5244" s="91"/>
      <c r="FQ5244" s="91"/>
      <c r="FR5244" s="91"/>
      <c r="FS5244" s="91"/>
      <c r="FT5244" s="91"/>
      <c r="FU5244" s="91"/>
      <c r="FV5244" s="91"/>
      <c r="FW5244" s="91"/>
      <c r="FX5244" s="127"/>
      <c r="FY5244" s="126"/>
      <c r="FZ5244" s="91"/>
      <c r="GA5244" s="91"/>
      <c r="GB5244" s="91"/>
      <c r="GC5244" s="91"/>
      <c r="GD5244" s="91"/>
      <c r="GE5244" s="91"/>
      <c r="GF5244" s="91"/>
      <c r="GG5244" s="91"/>
      <c r="GH5244" s="91"/>
      <c r="GI5244" s="91"/>
      <c r="GJ5244" s="91"/>
      <c r="GK5244" s="127"/>
      <c r="GL5244" s="126"/>
      <c r="GM5244" s="91"/>
      <c r="GN5244" s="91"/>
      <c r="GO5244" s="91"/>
      <c r="GP5244" s="91"/>
      <c r="GQ5244" s="91"/>
      <c r="GR5244" s="91"/>
      <c r="GS5244" s="91"/>
      <c r="GT5244" s="91"/>
      <c r="GU5244" s="91"/>
      <c r="GV5244" s="91"/>
      <c r="GW5244" s="91"/>
      <c r="GX5244" s="127"/>
      <c r="GY5244" s="126"/>
      <c r="GZ5244" s="91"/>
      <c r="HA5244" s="91"/>
      <c r="HB5244" s="91"/>
      <c r="HC5244" s="91"/>
      <c r="HD5244" s="91"/>
      <c r="HE5244" s="91"/>
      <c r="HF5244" s="91"/>
      <c r="HG5244" s="91"/>
      <c r="HH5244" s="91"/>
      <c r="HI5244" s="91"/>
      <c r="HJ5244" s="91"/>
      <c r="HK5244" s="127"/>
      <c r="HL5244" s="126"/>
      <c r="HM5244" s="91"/>
      <c r="HN5244" s="91"/>
      <c r="HO5244" s="91"/>
      <c r="HP5244" s="91"/>
      <c r="HQ5244" s="91"/>
      <c r="HR5244" s="91"/>
      <c r="HS5244" s="91"/>
      <c r="HT5244" s="91"/>
      <c r="HU5244" s="91"/>
      <c r="HV5244" s="91"/>
      <c r="HW5244" s="91"/>
      <c r="HX5244" s="127"/>
      <c r="HY5244" s="126"/>
      <c r="HZ5244" s="91"/>
      <c r="IA5244" s="91"/>
      <c r="IB5244" s="91"/>
      <c r="IC5244" s="91"/>
      <c r="ID5244" s="91"/>
      <c r="IE5244" s="91"/>
      <c r="IF5244" s="91"/>
      <c r="IG5244" s="91"/>
      <c r="IH5244" s="91"/>
      <c r="II5244" s="91"/>
      <c r="IJ5244" s="91"/>
      <c r="IK5244" s="174"/>
    </row>
    <row r="5245" spans="2:245" x14ac:dyDescent="0.2">
      <c r="B5245" s="43"/>
      <c r="C5245" s="73"/>
      <c r="D5245" s="64"/>
      <c r="E5245" s="64"/>
      <c r="F5245" s="55"/>
      <c r="G5245" s="102"/>
      <c r="H5245" s="97"/>
      <c r="T5245" s="98"/>
      <c r="U5245" s="97"/>
      <c r="AG5245" s="98"/>
      <c r="AY5245" s="164"/>
      <c r="BK5245" s="98"/>
      <c r="BL5245" s="97"/>
      <c r="BX5245" s="98"/>
      <c r="CL5245" s="97"/>
      <c r="CX5245" s="98"/>
      <c r="DL5245" s="97"/>
      <c r="DX5245" s="98"/>
      <c r="EL5245" s="97"/>
      <c r="EX5245" s="98"/>
      <c r="EY5245" s="97"/>
      <c r="FL5245" s="126"/>
      <c r="FM5245" s="91"/>
      <c r="FN5245" s="91"/>
      <c r="FO5245" s="91"/>
      <c r="FP5245" s="91"/>
      <c r="FQ5245" s="91"/>
      <c r="FR5245" s="91"/>
      <c r="FS5245" s="91"/>
      <c r="FT5245" s="91"/>
      <c r="FU5245" s="91"/>
      <c r="FV5245" s="91"/>
      <c r="FW5245" s="91"/>
      <c r="FX5245" s="127"/>
      <c r="FY5245" s="126"/>
      <c r="FZ5245" s="91"/>
      <c r="GA5245" s="91"/>
      <c r="GB5245" s="91"/>
      <c r="GC5245" s="91"/>
      <c r="GD5245" s="91"/>
      <c r="GE5245" s="91"/>
      <c r="GF5245" s="91"/>
      <c r="GG5245" s="91"/>
      <c r="GH5245" s="91"/>
      <c r="GI5245" s="91"/>
      <c r="GJ5245" s="91"/>
      <c r="GK5245" s="127"/>
      <c r="GL5245" s="126"/>
      <c r="GM5245" s="91"/>
      <c r="GN5245" s="91"/>
      <c r="GO5245" s="91"/>
      <c r="GP5245" s="91"/>
      <c r="GQ5245" s="91"/>
      <c r="GR5245" s="91"/>
      <c r="GS5245" s="91"/>
      <c r="GT5245" s="91"/>
      <c r="GU5245" s="91"/>
      <c r="GV5245" s="91"/>
      <c r="GW5245" s="91"/>
      <c r="GX5245" s="127"/>
      <c r="GY5245" s="126"/>
      <c r="GZ5245" s="91"/>
      <c r="HA5245" s="91"/>
      <c r="HB5245" s="91"/>
      <c r="HC5245" s="91"/>
      <c r="HD5245" s="91"/>
      <c r="HE5245" s="91"/>
      <c r="HF5245" s="91"/>
      <c r="HG5245" s="91"/>
      <c r="HH5245" s="91"/>
      <c r="HI5245" s="91"/>
      <c r="HJ5245" s="91"/>
      <c r="HK5245" s="127"/>
      <c r="HL5245" s="126"/>
      <c r="HM5245" s="91"/>
      <c r="HN5245" s="91"/>
      <c r="HO5245" s="91"/>
      <c r="HP5245" s="91"/>
      <c r="HQ5245" s="91"/>
      <c r="HR5245" s="91"/>
      <c r="HS5245" s="91"/>
      <c r="HT5245" s="91"/>
      <c r="HU5245" s="91"/>
      <c r="HV5245" s="91"/>
      <c r="HW5245" s="91"/>
      <c r="HX5245" s="127"/>
      <c r="HY5245" s="126"/>
      <c r="HZ5245" s="91"/>
      <c r="IA5245" s="91"/>
      <c r="IB5245" s="91"/>
      <c r="IC5245" s="91"/>
      <c r="ID5245" s="91"/>
      <c r="IE5245" s="91"/>
      <c r="IF5245" s="91"/>
      <c r="IG5245" s="91"/>
      <c r="IH5245" s="91"/>
      <c r="II5245" s="91"/>
      <c r="IJ5245" s="91"/>
      <c r="IK5245" s="174"/>
    </row>
    <row r="5246" spans="2:245" x14ac:dyDescent="0.2">
      <c r="B5246" s="43"/>
      <c r="C5246" s="73"/>
      <c r="D5246" s="64"/>
      <c r="E5246" s="64"/>
      <c r="F5246" s="55"/>
      <c r="G5246" s="102"/>
      <c r="H5246" s="97"/>
      <c r="T5246" s="98"/>
      <c r="U5246" s="97"/>
      <c r="AG5246" s="98"/>
      <c r="AY5246" s="164"/>
      <c r="BK5246" s="98"/>
      <c r="BL5246" s="97"/>
      <c r="BX5246" s="98"/>
      <c r="CL5246" s="97"/>
      <c r="CX5246" s="98"/>
      <c r="DL5246" s="97"/>
      <c r="DX5246" s="98"/>
      <c r="EL5246" s="97"/>
      <c r="EX5246" s="98"/>
      <c r="EY5246" s="97"/>
      <c r="FL5246" s="126"/>
      <c r="FM5246" s="91"/>
      <c r="FN5246" s="91"/>
      <c r="FO5246" s="91"/>
      <c r="FP5246" s="91"/>
      <c r="FQ5246" s="91"/>
      <c r="FR5246" s="91"/>
      <c r="FS5246" s="91"/>
      <c r="FT5246" s="91"/>
      <c r="FU5246" s="91"/>
      <c r="FV5246" s="91"/>
      <c r="FW5246" s="91"/>
      <c r="FX5246" s="127"/>
      <c r="FY5246" s="126"/>
      <c r="FZ5246" s="91"/>
      <c r="GA5246" s="91"/>
      <c r="GB5246" s="91"/>
      <c r="GC5246" s="91"/>
      <c r="GD5246" s="91"/>
      <c r="GE5246" s="91"/>
      <c r="GF5246" s="91"/>
      <c r="GG5246" s="91"/>
      <c r="GH5246" s="91"/>
      <c r="GI5246" s="91"/>
      <c r="GJ5246" s="91"/>
      <c r="GK5246" s="127"/>
      <c r="GL5246" s="126"/>
      <c r="GM5246" s="91"/>
      <c r="GN5246" s="91"/>
      <c r="GO5246" s="91"/>
      <c r="GP5246" s="91"/>
      <c r="GQ5246" s="91"/>
      <c r="GR5246" s="91"/>
      <c r="GS5246" s="91"/>
      <c r="GT5246" s="91"/>
      <c r="GU5246" s="91"/>
      <c r="GV5246" s="91"/>
      <c r="GW5246" s="91"/>
      <c r="GX5246" s="127"/>
      <c r="GY5246" s="126"/>
      <c r="GZ5246" s="91"/>
      <c r="HA5246" s="91"/>
      <c r="HB5246" s="91"/>
      <c r="HC5246" s="91"/>
      <c r="HD5246" s="91"/>
      <c r="HE5246" s="91"/>
      <c r="HF5246" s="91"/>
      <c r="HG5246" s="91"/>
      <c r="HH5246" s="91"/>
      <c r="HI5246" s="91"/>
      <c r="HJ5246" s="91"/>
      <c r="HK5246" s="127"/>
      <c r="HL5246" s="126"/>
      <c r="HM5246" s="91"/>
      <c r="HN5246" s="91"/>
      <c r="HO5246" s="91"/>
      <c r="HP5246" s="91"/>
      <c r="HQ5246" s="91"/>
      <c r="HR5246" s="91"/>
      <c r="HS5246" s="91"/>
      <c r="HT5246" s="91"/>
      <c r="HU5246" s="91"/>
      <c r="HV5246" s="91"/>
      <c r="HW5246" s="91"/>
      <c r="HX5246" s="127"/>
      <c r="HY5246" s="126"/>
      <c r="HZ5246" s="91"/>
      <c r="IA5246" s="91"/>
      <c r="IB5246" s="91"/>
      <c r="IC5246" s="91"/>
      <c r="ID5246" s="91"/>
      <c r="IE5246" s="91"/>
      <c r="IF5246" s="91"/>
      <c r="IG5246" s="91"/>
      <c r="IH5246" s="91"/>
      <c r="II5246" s="91"/>
      <c r="IJ5246" s="91"/>
      <c r="IK5246" s="174"/>
    </row>
    <row r="5247" spans="2:245" x14ac:dyDescent="0.2">
      <c r="B5247" s="43"/>
      <c r="C5247" s="73"/>
      <c r="D5247" s="64"/>
      <c r="E5247" s="64"/>
      <c r="F5247" s="55"/>
      <c r="G5247" s="102"/>
      <c r="H5247" s="97"/>
      <c r="T5247" s="98"/>
      <c r="U5247" s="97"/>
      <c r="AG5247" s="98"/>
      <c r="AY5247" s="164"/>
      <c r="BK5247" s="98"/>
      <c r="BL5247" s="97"/>
      <c r="BX5247" s="98"/>
      <c r="CL5247" s="97"/>
      <c r="CX5247" s="98"/>
      <c r="DL5247" s="97"/>
      <c r="DX5247" s="98"/>
      <c r="EL5247" s="97"/>
      <c r="EX5247" s="98"/>
      <c r="EY5247" s="97"/>
      <c r="FL5247" s="126"/>
      <c r="FM5247" s="91"/>
      <c r="FN5247" s="91"/>
      <c r="FO5247" s="91"/>
      <c r="FP5247" s="91"/>
      <c r="FQ5247" s="91"/>
      <c r="FR5247" s="91"/>
      <c r="FS5247" s="91"/>
      <c r="FT5247" s="91"/>
      <c r="FU5247" s="91"/>
      <c r="FV5247" s="91"/>
      <c r="FW5247" s="91"/>
      <c r="FX5247" s="127"/>
      <c r="FY5247" s="126"/>
      <c r="FZ5247" s="91"/>
      <c r="GA5247" s="91"/>
      <c r="GB5247" s="91"/>
      <c r="GC5247" s="91"/>
      <c r="GD5247" s="91"/>
      <c r="GE5247" s="91"/>
      <c r="GF5247" s="91"/>
      <c r="GG5247" s="91"/>
      <c r="GH5247" s="91"/>
      <c r="GI5247" s="91"/>
      <c r="GJ5247" s="91"/>
      <c r="GK5247" s="127"/>
      <c r="GL5247" s="126"/>
      <c r="GM5247" s="91"/>
      <c r="GN5247" s="91"/>
      <c r="GO5247" s="91"/>
      <c r="GP5247" s="91"/>
      <c r="GQ5247" s="91"/>
      <c r="GR5247" s="91"/>
      <c r="GS5247" s="91"/>
      <c r="GT5247" s="91"/>
      <c r="GU5247" s="91"/>
      <c r="GV5247" s="91"/>
      <c r="GW5247" s="91"/>
      <c r="GX5247" s="127"/>
      <c r="GY5247" s="126"/>
      <c r="GZ5247" s="91"/>
      <c r="HA5247" s="91"/>
      <c r="HB5247" s="91"/>
      <c r="HC5247" s="91"/>
      <c r="HD5247" s="91"/>
      <c r="HE5247" s="91"/>
      <c r="HF5247" s="91"/>
      <c r="HG5247" s="91"/>
      <c r="HH5247" s="91"/>
      <c r="HI5247" s="91"/>
      <c r="HJ5247" s="91"/>
      <c r="HK5247" s="127"/>
      <c r="HL5247" s="126"/>
      <c r="HM5247" s="91"/>
      <c r="HN5247" s="91"/>
      <c r="HO5247" s="91"/>
      <c r="HP5247" s="91"/>
      <c r="HQ5247" s="91"/>
      <c r="HR5247" s="91"/>
      <c r="HS5247" s="91"/>
      <c r="HT5247" s="91"/>
      <c r="HU5247" s="91"/>
      <c r="HV5247" s="91"/>
      <c r="HW5247" s="91"/>
      <c r="HX5247" s="127"/>
      <c r="HY5247" s="126"/>
      <c r="HZ5247" s="91"/>
      <c r="IA5247" s="91"/>
      <c r="IB5247" s="91"/>
      <c r="IC5247" s="91"/>
      <c r="ID5247" s="91"/>
      <c r="IE5247" s="91"/>
      <c r="IF5247" s="91"/>
      <c r="IG5247" s="91"/>
      <c r="IH5247" s="91"/>
      <c r="II5247" s="91"/>
      <c r="IJ5247" s="91"/>
      <c r="IK5247" s="174"/>
    </row>
    <row r="5248" spans="2:245" x14ac:dyDescent="0.2">
      <c r="B5248" s="43"/>
      <c r="C5248" s="73"/>
      <c r="D5248" s="64"/>
      <c r="E5248" s="64"/>
      <c r="F5248" s="55"/>
      <c r="G5248" s="102"/>
      <c r="H5248" s="97"/>
      <c r="T5248" s="98"/>
      <c r="U5248" s="97"/>
      <c r="AG5248" s="98"/>
      <c r="AY5248" s="164"/>
      <c r="BK5248" s="98"/>
      <c r="BL5248" s="97"/>
      <c r="BX5248" s="98"/>
      <c r="CL5248" s="97"/>
      <c r="CX5248" s="98"/>
      <c r="DL5248" s="97"/>
      <c r="DX5248" s="98"/>
      <c r="EL5248" s="97"/>
      <c r="EX5248" s="98"/>
      <c r="EY5248" s="97"/>
      <c r="FL5248" s="126"/>
      <c r="FM5248" s="91"/>
      <c r="FN5248" s="91"/>
      <c r="FO5248" s="91"/>
      <c r="FP5248" s="91"/>
      <c r="FQ5248" s="91"/>
      <c r="FR5248" s="91"/>
      <c r="FS5248" s="91"/>
      <c r="FT5248" s="91"/>
      <c r="FU5248" s="91"/>
      <c r="FV5248" s="91"/>
      <c r="FW5248" s="91"/>
      <c r="FX5248" s="127"/>
      <c r="FY5248" s="126"/>
      <c r="FZ5248" s="91"/>
      <c r="GA5248" s="91"/>
      <c r="GB5248" s="91"/>
      <c r="GC5248" s="91"/>
      <c r="GD5248" s="91"/>
      <c r="GE5248" s="91"/>
      <c r="GF5248" s="91"/>
      <c r="GG5248" s="91"/>
      <c r="GH5248" s="91"/>
      <c r="GI5248" s="91"/>
      <c r="GJ5248" s="91"/>
      <c r="GK5248" s="127"/>
      <c r="GL5248" s="126"/>
      <c r="GM5248" s="91"/>
      <c r="GN5248" s="91"/>
      <c r="GO5248" s="91"/>
      <c r="GP5248" s="91"/>
      <c r="GQ5248" s="91"/>
      <c r="GR5248" s="91"/>
      <c r="GS5248" s="91"/>
      <c r="GT5248" s="91"/>
      <c r="GU5248" s="91"/>
      <c r="GV5248" s="91"/>
      <c r="GW5248" s="91"/>
      <c r="GX5248" s="127"/>
      <c r="GY5248" s="126"/>
      <c r="GZ5248" s="91"/>
      <c r="HA5248" s="91"/>
      <c r="HB5248" s="91"/>
      <c r="HC5248" s="91"/>
      <c r="HD5248" s="91"/>
      <c r="HE5248" s="91"/>
      <c r="HF5248" s="91"/>
      <c r="HG5248" s="91"/>
      <c r="HH5248" s="91"/>
      <c r="HI5248" s="91"/>
      <c r="HJ5248" s="91"/>
      <c r="HK5248" s="127"/>
      <c r="HL5248" s="126"/>
      <c r="HM5248" s="91"/>
      <c r="HN5248" s="91"/>
      <c r="HO5248" s="91"/>
      <c r="HP5248" s="91"/>
      <c r="HQ5248" s="91"/>
      <c r="HR5248" s="91"/>
      <c r="HS5248" s="91"/>
      <c r="HT5248" s="91"/>
      <c r="HU5248" s="91"/>
      <c r="HV5248" s="91"/>
      <c r="HW5248" s="91"/>
      <c r="HX5248" s="127"/>
      <c r="HY5248" s="126"/>
      <c r="HZ5248" s="91"/>
      <c r="IA5248" s="91"/>
      <c r="IB5248" s="91"/>
      <c r="IC5248" s="91"/>
      <c r="ID5248" s="91"/>
      <c r="IE5248" s="91"/>
      <c r="IF5248" s="91"/>
      <c r="IG5248" s="91"/>
      <c r="IH5248" s="91"/>
      <c r="II5248" s="91"/>
      <c r="IJ5248" s="91"/>
      <c r="IK5248" s="174"/>
    </row>
    <row r="5249" spans="2:245" x14ac:dyDescent="0.2">
      <c r="B5249" s="43"/>
      <c r="C5249" s="73"/>
      <c r="D5249" s="64"/>
      <c r="E5249" s="64"/>
      <c r="F5249" s="55"/>
      <c r="G5249" s="102"/>
      <c r="H5249" s="97"/>
      <c r="T5249" s="98"/>
      <c r="U5249" s="97"/>
      <c r="AG5249" s="98"/>
      <c r="AY5249" s="164"/>
      <c r="BK5249" s="98"/>
      <c r="BL5249" s="97"/>
      <c r="BX5249" s="98"/>
      <c r="CL5249" s="97"/>
      <c r="CX5249" s="98"/>
      <c r="DL5249" s="97"/>
      <c r="DX5249" s="98"/>
      <c r="EL5249" s="97"/>
      <c r="EX5249" s="98"/>
      <c r="EY5249" s="97"/>
      <c r="FL5249" s="126"/>
      <c r="FM5249" s="91"/>
      <c r="FN5249" s="91"/>
      <c r="FO5249" s="91"/>
      <c r="FP5249" s="91"/>
      <c r="FQ5249" s="91"/>
      <c r="FR5249" s="91"/>
      <c r="FS5249" s="91"/>
      <c r="FT5249" s="91"/>
      <c r="FU5249" s="91"/>
      <c r="FV5249" s="91"/>
      <c r="FW5249" s="91"/>
      <c r="FX5249" s="127"/>
      <c r="FY5249" s="126"/>
      <c r="FZ5249" s="91"/>
      <c r="GA5249" s="91"/>
      <c r="GB5249" s="91"/>
      <c r="GC5249" s="91"/>
      <c r="GD5249" s="91"/>
      <c r="GE5249" s="91"/>
      <c r="GF5249" s="91"/>
      <c r="GG5249" s="91"/>
      <c r="GH5249" s="91"/>
      <c r="GI5249" s="91"/>
      <c r="GJ5249" s="91"/>
      <c r="GK5249" s="127"/>
      <c r="GL5249" s="126"/>
      <c r="GM5249" s="91"/>
      <c r="GN5249" s="91"/>
      <c r="GO5249" s="91"/>
      <c r="GP5249" s="91"/>
      <c r="GQ5249" s="91"/>
      <c r="GR5249" s="91"/>
      <c r="GS5249" s="91"/>
      <c r="GT5249" s="91"/>
      <c r="GU5249" s="91"/>
      <c r="GV5249" s="91"/>
      <c r="GW5249" s="91"/>
      <c r="GX5249" s="127"/>
      <c r="GY5249" s="126"/>
      <c r="GZ5249" s="91"/>
      <c r="HA5249" s="91"/>
      <c r="HB5249" s="91"/>
      <c r="HC5249" s="91"/>
      <c r="HD5249" s="91"/>
      <c r="HE5249" s="91"/>
      <c r="HF5249" s="91"/>
      <c r="HG5249" s="91"/>
      <c r="HH5249" s="91"/>
      <c r="HI5249" s="91"/>
      <c r="HJ5249" s="91"/>
      <c r="HK5249" s="127"/>
      <c r="HL5249" s="126"/>
      <c r="HM5249" s="91"/>
      <c r="HN5249" s="91"/>
      <c r="HO5249" s="91"/>
      <c r="HP5249" s="91"/>
      <c r="HQ5249" s="91"/>
      <c r="HR5249" s="91"/>
      <c r="HS5249" s="91"/>
      <c r="HT5249" s="91"/>
      <c r="HU5249" s="91"/>
      <c r="HV5249" s="91"/>
      <c r="HW5249" s="91"/>
      <c r="HX5249" s="127"/>
      <c r="HY5249" s="126"/>
      <c r="HZ5249" s="91"/>
      <c r="IA5249" s="91"/>
      <c r="IB5249" s="91"/>
      <c r="IC5249" s="91"/>
      <c r="ID5249" s="91"/>
      <c r="IE5249" s="91"/>
      <c r="IF5249" s="91"/>
      <c r="IG5249" s="91"/>
      <c r="IH5249" s="91"/>
      <c r="II5249" s="91"/>
      <c r="IJ5249" s="91"/>
      <c r="IK5249" s="174"/>
    </row>
    <row r="5250" spans="2:245" x14ac:dyDescent="0.2">
      <c r="B5250" s="43"/>
      <c r="C5250" s="73"/>
      <c r="D5250" s="64"/>
      <c r="E5250" s="64"/>
      <c r="F5250" s="55"/>
      <c r="G5250" s="102"/>
      <c r="H5250" s="97"/>
      <c r="T5250" s="98"/>
      <c r="U5250" s="97"/>
      <c r="AG5250" s="98"/>
      <c r="AY5250" s="164"/>
      <c r="BK5250" s="98"/>
      <c r="BL5250" s="97"/>
      <c r="BX5250" s="98"/>
      <c r="CL5250" s="97"/>
      <c r="CX5250" s="98"/>
      <c r="DL5250" s="97"/>
      <c r="DX5250" s="98"/>
      <c r="EL5250" s="97"/>
      <c r="EX5250" s="98"/>
      <c r="EY5250" s="97"/>
      <c r="FL5250" s="126"/>
      <c r="FM5250" s="91"/>
      <c r="FN5250" s="91"/>
      <c r="FO5250" s="91"/>
      <c r="FP5250" s="91"/>
      <c r="FQ5250" s="91"/>
      <c r="FR5250" s="91"/>
      <c r="FS5250" s="91"/>
      <c r="FT5250" s="91"/>
      <c r="FU5250" s="91"/>
      <c r="FV5250" s="91"/>
      <c r="FW5250" s="91"/>
      <c r="FX5250" s="127"/>
      <c r="FY5250" s="126"/>
      <c r="FZ5250" s="91"/>
      <c r="GA5250" s="91"/>
      <c r="GB5250" s="91"/>
      <c r="GC5250" s="91"/>
      <c r="GD5250" s="91"/>
      <c r="GE5250" s="91"/>
      <c r="GF5250" s="91"/>
      <c r="GG5250" s="91"/>
      <c r="GH5250" s="91"/>
      <c r="GI5250" s="91"/>
      <c r="GJ5250" s="91"/>
      <c r="GK5250" s="127"/>
      <c r="GL5250" s="126"/>
      <c r="GM5250" s="91"/>
      <c r="GN5250" s="91"/>
      <c r="GO5250" s="91"/>
      <c r="GP5250" s="91"/>
      <c r="GQ5250" s="91"/>
      <c r="GR5250" s="91"/>
      <c r="GS5250" s="91"/>
      <c r="GT5250" s="91"/>
      <c r="GU5250" s="91"/>
      <c r="GV5250" s="91"/>
      <c r="GW5250" s="91"/>
      <c r="GX5250" s="127"/>
      <c r="GY5250" s="126"/>
      <c r="GZ5250" s="91"/>
      <c r="HA5250" s="91"/>
      <c r="HB5250" s="91"/>
      <c r="HC5250" s="91"/>
      <c r="HD5250" s="91"/>
      <c r="HE5250" s="91"/>
      <c r="HF5250" s="91"/>
      <c r="HG5250" s="91"/>
      <c r="HH5250" s="91"/>
      <c r="HI5250" s="91"/>
      <c r="HJ5250" s="91"/>
      <c r="HK5250" s="127"/>
      <c r="HL5250" s="126"/>
      <c r="HM5250" s="91"/>
      <c r="HN5250" s="91"/>
      <c r="HO5250" s="91"/>
      <c r="HP5250" s="91"/>
      <c r="HQ5250" s="91"/>
      <c r="HR5250" s="91"/>
      <c r="HS5250" s="91"/>
      <c r="HT5250" s="91"/>
      <c r="HU5250" s="91"/>
      <c r="HV5250" s="91"/>
      <c r="HW5250" s="91"/>
      <c r="HX5250" s="127"/>
      <c r="HY5250" s="126"/>
      <c r="HZ5250" s="91"/>
      <c r="IA5250" s="91"/>
      <c r="IB5250" s="91"/>
      <c r="IC5250" s="91"/>
      <c r="ID5250" s="91"/>
      <c r="IE5250" s="91"/>
      <c r="IF5250" s="91"/>
      <c r="IG5250" s="91"/>
      <c r="IH5250" s="91"/>
      <c r="II5250" s="91"/>
      <c r="IJ5250" s="91"/>
      <c r="IK5250" s="174"/>
    </row>
    <row r="5251" spans="2:245" x14ac:dyDescent="0.2">
      <c r="B5251" s="43"/>
      <c r="C5251" s="73"/>
      <c r="D5251" s="64"/>
      <c r="E5251" s="64"/>
      <c r="F5251" s="55"/>
      <c r="G5251" s="102"/>
      <c r="H5251" s="97"/>
      <c r="T5251" s="98"/>
      <c r="U5251" s="97"/>
      <c r="AG5251" s="98"/>
      <c r="AY5251" s="164"/>
      <c r="BK5251" s="98"/>
      <c r="BL5251" s="97"/>
      <c r="BX5251" s="98"/>
      <c r="CL5251" s="97"/>
      <c r="CX5251" s="98"/>
      <c r="DL5251" s="97"/>
      <c r="DX5251" s="98"/>
      <c r="EL5251" s="97"/>
      <c r="EX5251" s="98"/>
      <c r="EY5251" s="97"/>
      <c r="FL5251" s="126"/>
      <c r="FM5251" s="91"/>
      <c r="FN5251" s="91"/>
      <c r="FO5251" s="91"/>
      <c r="FP5251" s="91"/>
      <c r="FQ5251" s="91"/>
      <c r="FR5251" s="91"/>
      <c r="FS5251" s="91"/>
      <c r="FT5251" s="91"/>
      <c r="FU5251" s="91"/>
      <c r="FV5251" s="91"/>
      <c r="FW5251" s="91"/>
      <c r="FX5251" s="127"/>
      <c r="FY5251" s="126"/>
      <c r="FZ5251" s="91"/>
      <c r="GA5251" s="91"/>
      <c r="GB5251" s="91"/>
      <c r="GC5251" s="91"/>
      <c r="GD5251" s="91"/>
      <c r="GE5251" s="91"/>
      <c r="GF5251" s="91"/>
      <c r="GG5251" s="91"/>
      <c r="GH5251" s="91"/>
      <c r="GI5251" s="91"/>
      <c r="GJ5251" s="91"/>
      <c r="GK5251" s="127"/>
      <c r="GL5251" s="126"/>
      <c r="GM5251" s="91"/>
      <c r="GN5251" s="91"/>
      <c r="GO5251" s="91"/>
      <c r="GP5251" s="91"/>
      <c r="GQ5251" s="91"/>
      <c r="GR5251" s="91"/>
      <c r="GS5251" s="91"/>
      <c r="GT5251" s="91"/>
      <c r="GU5251" s="91"/>
      <c r="GV5251" s="91"/>
      <c r="GW5251" s="91"/>
      <c r="GX5251" s="127"/>
      <c r="GY5251" s="126"/>
      <c r="GZ5251" s="91"/>
      <c r="HA5251" s="91"/>
      <c r="HB5251" s="91"/>
      <c r="HC5251" s="91"/>
      <c r="HD5251" s="91"/>
      <c r="HE5251" s="91"/>
      <c r="HF5251" s="91"/>
      <c r="HG5251" s="91"/>
      <c r="HH5251" s="91"/>
      <c r="HI5251" s="91"/>
      <c r="HJ5251" s="91"/>
      <c r="HK5251" s="127"/>
      <c r="HL5251" s="126"/>
      <c r="HM5251" s="91"/>
      <c r="HN5251" s="91"/>
      <c r="HO5251" s="91"/>
      <c r="HP5251" s="91"/>
      <c r="HQ5251" s="91"/>
      <c r="HR5251" s="91"/>
      <c r="HS5251" s="91"/>
      <c r="HT5251" s="91"/>
      <c r="HU5251" s="91"/>
      <c r="HV5251" s="91"/>
      <c r="HW5251" s="91"/>
      <c r="HX5251" s="127"/>
      <c r="HY5251" s="126"/>
      <c r="HZ5251" s="91"/>
      <c r="IA5251" s="91"/>
      <c r="IB5251" s="91"/>
      <c r="IC5251" s="91"/>
      <c r="ID5251" s="91"/>
      <c r="IE5251" s="91"/>
      <c r="IF5251" s="91"/>
      <c r="IG5251" s="91"/>
      <c r="IH5251" s="91"/>
      <c r="II5251" s="91"/>
      <c r="IJ5251" s="91"/>
      <c r="IK5251" s="174"/>
    </row>
    <row r="5252" spans="2:245" x14ac:dyDescent="0.2">
      <c r="B5252" s="43"/>
      <c r="C5252" s="73"/>
      <c r="D5252" s="64"/>
      <c r="E5252" s="64"/>
      <c r="F5252" s="55"/>
      <c r="G5252" s="102"/>
      <c r="H5252" s="97"/>
      <c r="T5252" s="98"/>
      <c r="U5252" s="97"/>
      <c r="AG5252" s="98"/>
      <c r="AY5252" s="164"/>
      <c r="BK5252" s="98"/>
      <c r="BL5252" s="97"/>
      <c r="BX5252" s="98"/>
      <c r="CL5252" s="97"/>
      <c r="CX5252" s="98"/>
      <c r="DL5252" s="97"/>
      <c r="DX5252" s="98"/>
      <c r="EL5252" s="97"/>
      <c r="EX5252" s="98"/>
      <c r="EY5252" s="97"/>
      <c r="FL5252" s="126"/>
      <c r="FM5252" s="91"/>
      <c r="FN5252" s="91"/>
      <c r="FO5252" s="91"/>
      <c r="FP5252" s="91"/>
      <c r="FQ5252" s="91"/>
      <c r="FR5252" s="91"/>
      <c r="FS5252" s="91"/>
      <c r="FT5252" s="91"/>
      <c r="FU5252" s="91"/>
      <c r="FV5252" s="91"/>
      <c r="FW5252" s="91"/>
      <c r="FX5252" s="127"/>
      <c r="FY5252" s="126"/>
      <c r="FZ5252" s="91"/>
      <c r="GA5252" s="91"/>
      <c r="GB5252" s="91"/>
      <c r="GC5252" s="91"/>
      <c r="GD5252" s="91"/>
      <c r="GE5252" s="91"/>
      <c r="GF5252" s="91"/>
      <c r="GG5252" s="91"/>
      <c r="GH5252" s="91"/>
      <c r="GI5252" s="91"/>
      <c r="GJ5252" s="91"/>
      <c r="GK5252" s="127"/>
      <c r="GL5252" s="126"/>
      <c r="GM5252" s="91"/>
      <c r="GN5252" s="91"/>
      <c r="GO5252" s="91"/>
      <c r="GP5252" s="91"/>
      <c r="GQ5252" s="91"/>
      <c r="GR5252" s="91"/>
      <c r="GS5252" s="91"/>
      <c r="GT5252" s="91"/>
      <c r="GU5252" s="91"/>
      <c r="GV5252" s="91"/>
      <c r="GW5252" s="91"/>
      <c r="GX5252" s="127"/>
      <c r="GY5252" s="126"/>
      <c r="GZ5252" s="91"/>
      <c r="HA5252" s="91"/>
      <c r="HB5252" s="91"/>
      <c r="HC5252" s="91"/>
      <c r="HD5252" s="91"/>
      <c r="HE5252" s="91"/>
      <c r="HF5252" s="91"/>
      <c r="HG5252" s="91"/>
      <c r="HH5252" s="91"/>
      <c r="HI5252" s="91"/>
      <c r="HJ5252" s="91"/>
      <c r="HK5252" s="127"/>
      <c r="HL5252" s="126"/>
      <c r="HM5252" s="91"/>
      <c r="HN5252" s="91"/>
      <c r="HO5252" s="91"/>
      <c r="HP5252" s="91"/>
      <c r="HQ5252" s="91"/>
      <c r="HR5252" s="91"/>
      <c r="HS5252" s="91"/>
      <c r="HT5252" s="91"/>
      <c r="HU5252" s="91"/>
      <c r="HV5252" s="91"/>
      <c r="HW5252" s="91"/>
      <c r="HX5252" s="127"/>
      <c r="HY5252" s="126"/>
      <c r="HZ5252" s="91"/>
      <c r="IA5252" s="91"/>
      <c r="IB5252" s="91"/>
      <c r="IC5252" s="91"/>
      <c r="ID5252" s="91"/>
      <c r="IE5252" s="91"/>
      <c r="IF5252" s="91"/>
      <c r="IG5252" s="91"/>
      <c r="IH5252" s="91"/>
      <c r="II5252" s="91"/>
      <c r="IJ5252" s="91"/>
      <c r="IK5252" s="174"/>
    </row>
    <row r="5253" spans="2:245" x14ac:dyDescent="0.2">
      <c r="B5253" s="43"/>
      <c r="C5253" s="73"/>
      <c r="D5253" s="64"/>
      <c r="E5253" s="64"/>
      <c r="F5253" s="55"/>
      <c r="G5253" s="102"/>
      <c r="H5253" s="97"/>
      <c r="T5253" s="98"/>
      <c r="U5253" s="97"/>
      <c r="AG5253" s="98"/>
      <c r="AY5253" s="164"/>
      <c r="BK5253" s="98"/>
      <c r="BL5253" s="97"/>
      <c r="BX5253" s="98"/>
      <c r="CL5253" s="97"/>
      <c r="CX5253" s="98"/>
      <c r="DL5253" s="97"/>
      <c r="DX5253" s="98"/>
      <c r="EL5253" s="97"/>
      <c r="EX5253" s="98"/>
      <c r="EY5253" s="97"/>
      <c r="FL5253" s="126"/>
      <c r="FM5253" s="91"/>
      <c r="FN5253" s="91"/>
      <c r="FO5253" s="91"/>
      <c r="FP5253" s="91"/>
      <c r="FQ5253" s="91"/>
      <c r="FR5253" s="91"/>
      <c r="FS5253" s="91"/>
      <c r="FT5253" s="91"/>
      <c r="FU5253" s="91"/>
      <c r="FV5253" s="91"/>
      <c r="FW5253" s="91"/>
      <c r="FX5253" s="127"/>
      <c r="FY5253" s="126"/>
      <c r="FZ5253" s="91"/>
      <c r="GA5253" s="91"/>
      <c r="GB5253" s="91"/>
      <c r="GC5253" s="91"/>
      <c r="GD5253" s="91"/>
      <c r="GE5253" s="91"/>
      <c r="GF5253" s="91"/>
      <c r="GG5253" s="91"/>
      <c r="GH5253" s="91"/>
      <c r="GI5253" s="91"/>
      <c r="GJ5253" s="91"/>
      <c r="GK5253" s="127"/>
      <c r="GL5253" s="126"/>
      <c r="GM5253" s="91"/>
      <c r="GN5253" s="91"/>
      <c r="GO5253" s="91"/>
      <c r="GP5253" s="91"/>
      <c r="GQ5253" s="91"/>
      <c r="GR5253" s="91"/>
      <c r="GS5253" s="91"/>
      <c r="GT5253" s="91"/>
      <c r="GU5253" s="91"/>
      <c r="GV5253" s="91"/>
      <c r="GW5253" s="91"/>
      <c r="GX5253" s="127"/>
      <c r="GY5253" s="126"/>
      <c r="GZ5253" s="91"/>
      <c r="HA5253" s="91"/>
      <c r="HB5253" s="91"/>
      <c r="HC5253" s="91"/>
      <c r="HD5253" s="91"/>
      <c r="HE5253" s="91"/>
      <c r="HF5253" s="91"/>
      <c r="HG5253" s="91"/>
      <c r="HH5253" s="91"/>
      <c r="HI5253" s="91"/>
      <c r="HJ5253" s="91"/>
      <c r="HK5253" s="127"/>
      <c r="HL5253" s="126"/>
      <c r="HM5253" s="91"/>
      <c r="HN5253" s="91"/>
      <c r="HO5253" s="91"/>
      <c r="HP5253" s="91"/>
      <c r="HQ5253" s="91"/>
      <c r="HR5253" s="91"/>
      <c r="HS5253" s="91"/>
      <c r="HT5253" s="91"/>
      <c r="HU5253" s="91"/>
      <c r="HV5253" s="91"/>
      <c r="HW5253" s="91"/>
      <c r="HX5253" s="127"/>
      <c r="HY5253" s="126"/>
      <c r="HZ5253" s="91"/>
      <c r="IA5253" s="91"/>
      <c r="IB5253" s="91"/>
      <c r="IC5253" s="91"/>
      <c r="ID5253" s="91"/>
      <c r="IE5253" s="91"/>
      <c r="IF5253" s="91"/>
      <c r="IG5253" s="91"/>
      <c r="IH5253" s="91"/>
      <c r="II5253" s="91"/>
      <c r="IJ5253" s="91"/>
      <c r="IK5253" s="174"/>
    </row>
    <row r="5254" spans="2:245" x14ac:dyDescent="0.2">
      <c r="B5254" s="43"/>
      <c r="C5254" s="73"/>
      <c r="D5254" s="64"/>
      <c r="E5254" s="64"/>
      <c r="F5254" s="55"/>
      <c r="G5254" s="102"/>
      <c r="H5254" s="97"/>
      <c r="T5254" s="98"/>
      <c r="U5254" s="97"/>
      <c r="AG5254" s="98"/>
      <c r="AY5254" s="164"/>
      <c r="BK5254" s="98"/>
      <c r="BL5254" s="97"/>
      <c r="BX5254" s="98"/>
      <c r="CL5254" s="97"/>
      <c r="CX5254" s="98"/>
      <c r="DL5254" s="97"/>
      <c r="DX5254" s="98"/>
      <c r="EL5254" s="97"/>
      <c r="EX5254" s="98"/>
      <c r="EY5254" s="97"/>
      <c r="FL5254" s="126"/>
      <c r="FM5254" s="91"/>
      <c r="FN5254" s="91"/>
      <c r="FO5254" s="91"/>
      <c r="FP5254" s="91"/>
      <c r="FQ5254" s="91"/>
      <c r="FR5254" s="91"/>
      <c r="FS5254" s="91"/>
      <c r="FT5254" s="91"/>
      <c r="FU5254" s="91"/>
      <c r="FV5254" s="91"/>
      <c r="FW5254" s="91"/>
      <c r="FX5254" s="127"/>
      <c r="FY5254" s="126"/>
      <c r="FZ5254" s="91"/>
      <c r="GA5254" s="91"/>
      <c r="GB5254" s="91"/>
      <c r="GC5254" s="91"/>
      <c r="GD5254" s="91"/>
      <c r="GE5254" s="91"/>
      <c r="GF5254" s="91"/>
      <c r="GG5254" s="91"/>
      <c r="GH5254" s="91"/>
      <c r="GI5254" s="91"/>
      <c r="GJ5254" s="91"/>
      <c r="GK5254" s="127"/>
      <c r="GL5254" s="126"/>
      <c r="GM5254" s="91"/>
      <c r="GN5254" s="91"/>
      <c r="GO5254" s="91"/>
      <c r="GP5254" s="91"/>
      <c r="GQ5254" s="91"/>
      <c r="GR5254" s="91"/>
      <c r="GS5254" s="91"/>
      <c r="GT5254" s="91"/>
      <c r="GU5254" s="91"/>
      <c r="GV5254" s="91"/>
      <c r="GW5254" s="91"/>
      <c r="GX5254" s="127"/>
      <c r="GY5254" s="126"/>
      <c r="GZ5254" s="91"/>
      <c r="HA5254" s="91"/>
      <c r="HB5254" s="91"/>
      <c r="HC5254" s="91"/>
      <c r="HD5254" s="91"/>
      <c r="HE5254" s="91"/>
      <c r="HF5254" s="91"/>
      <c r="HG5254" s="91"/>
      <c r="HH5254" s="91"/>
      <c r="HI5254" s="91"/>
      <c r="HJ5254" s="91"/>
      <c r="HK5254" s="127"/>
      <c r="HL5254" s="126"/>
      <c r="HM5254" s="91"/>
      <c r="HN5254" s="91"/>
      <c r="HO5254" s="91"/>
      <c r="HP5254" s="91"/>
      <c r="HQ5254" s="91"/>
      <c r="HR5254" s="91"/>
      <c r="HS5254" s="91"/>
      <c r="HT5254" s="91"/>
      <c r="HU5254" s="91"/>
      <c r="HV5254" s="91"/>
      <c r="HW5254" s="91"/>
      <c r="HX5254" s="127"/>
      <c r="HY5254" s="126"/>
      <c r="HZ5254" s="91"/>
      <c r="IA5254" s="91"/>
      <c r="IB5254" s="91"/>
      <c r="IC5254" s="91"/>
      <c r="ID5254" s="91"/>
      <c r="IE5254" s="91"/>
      <c r="IF5254" s="91"/>
      <c r="IG5254" s="91"/>
      <c r="IH5254" s="91"/>
      <c r="II5254" s="91"/>
      <c r="IJ5254" s="91"/>
      <c r="IK5254" s="174"/>
    </row>
    <row r="5255" spans="2:245" x14ac:dyDescent="0.2">
      <c r="B5255" s="43"/>
      <c r="C5255" s="73"/>
      <c r="D5255" s="64"/>
      <c r="E5255" s="64"/>
      <c r="F5255" s="55"/>
      <c r="G5255" s="102"/>
      <c r="H5255" s="97"/>
      <c r="T5255" s="98"/>
      <c r="U5255" s="97"/>
      <c r="AG5255" s="98"/>
      <c r="AY5255" s="164"/>
      <c r="BK5255" s="98"/>
      <c r="BL5255" s="97"/>
      <c r="BX5255" s="98"/>
      <c r="CL5255" s="97"/>
      <c r="CX5255" s="98"/>
      <c r="DL5255" s="97"/>
      <c r="DX5255" s="98"/>
      <c r="EL5255" s="97"/>
      <c r="EX5255" s="98"/>
      <c r="EY5255" s="97"/>
      <c r="FL5255" s="126"/>
      <c r="FM5255" s="91"/>
      <c r="FN5255" s="91"/>
      <c r="FO5255" s="91"/>
      <c r="FP5255" s="91"/>
      <c r="FQ5255" s="91"/>
      <c r="FR5255" s="91"/>
      <c r="FS5255" s="91"/>
      <c r="FT5255" s="91"/>
      <c r="FU5255" s="91"/>
      <c r="FV5255" s="91"/>
      <c r="FW5255" s="91"/>
      <c r="FX5255" s="127"/>
      <c r="FY5255" s="126"/>
      <c r="FZ5255" s="91"/>
      <c r="GA5255" s="91"/>
      <c r="GB5255" s="91"/>
      <c r="GC5255" s="91"/>
      <c r="GD5255" s="91"/>
      <c r="GE5255" s="91"/>
      <c r="GF5255" s="91"/>
      <c r="GG5255" s="91"/>
      <c r="GH5255" s="91"/>
      <c r="GI5255" s="91"/>
      <c r="GJ5255" s="91"/>
      <c r="GK5255" s="127"/>
      <c r="GL5255" s="126"/>
      <c r="GM5255" s="91"/>
      <c r="GN5255" s="91"/>
      <c r="GO5255" s="91"/>
      <c r="GP5255" s="91"/>
      <c r="GQ5255" s="91"/>
      <c r="GR5255" s="91"/>
      <c r="GS5255" s="91"/>
      <c r="GT5255" s="91"/>
      <c r="GU5255" s="91"/>
      <c r="GV5255" s="91"/>
      <c r="GW5255" s="91"/>
      <c r="GX5255" s="127"/>
      <c r="GY5255" s="126"/>
      <c r="GZ5255" s="91"/>
      <c r="HA5255" s="91"/>
      <c r="HB5255" s="91"/>
      <c r="HC5255" s="91"/>
      <c r="HD5255" s="91"/>
      <c r="HE5255" s="91"/>
      <c r="HF5255" s="91"/>
      <c r="HG5255" s="91"/>
      <c r="HH5255" s="91"/>
      <c r="HI5255" s="91"/>
      <c r="HJ5255" s="91"/>
      <c r="HK5255" s="127"/>
      <c r="HL5255" s="126"/>
      <c r="HM5255" s="91"/>
      <c r="HN5255" s="91"/>
      <c r="HO5255" s="91"/>
      <c r="HP5255" s="91"/>
      <c r="HQ5255" s="91"/>
      <c r="HR5255" s="91"/>
      <c r="HS5255" s="91"/>
      <c r="HT5255" s="91"/>
      <c r="HU5255" s="91"/>
      <c r="HV5255" s="91"/>
      <c r="HW5255" s="91"/>
      <c r="HX5255" s="127"/>
      <c r="HY5255" s="126"/>
      <c r="HZ5255" s="91"/>
      <c r="IA5255" s="91"/>
      <c r="IB5255" s="91"/>
      <c r="IC5255" s="91"/>
      <c r="ID5255" s="91"/>
      <c r="IE5255" s="91"/>
      <c r="IF5255" s="91"/>
      <c r="IG5255" s="91"/>
      <c r="IH5255" s="91"/>
      <c r="II5255" s="91"/>
      <c r="IJ5255" s="91"/>
      <c r="IK5255" s="174"/>
    </row>
    <row r="5256" spans="2:245" x14ac:dyDescent="0.2">
      <c r="B5256" s="43"/>
      <c r="C5256" s="73"/>
      <c r="D5256" s="64"/>
      <c r="E5256" s="64"/>
      <c r="F5256" s="55"/>
      <c r="G5256" s="102"/>
      <c r="H5256" s="97"/>
      <c r="T5256" s="98"/>
      <c r="U5256" s="97"/>
      <c r="AG5256" s="98"/>
      <c r="AY5256" s="164"/>
      <c r="BK5256" s="98"/>
      <c r="BL5256" s="97"/>
      <c r="BX5256" s="98"/>
      <c r="CL5256" s="97"/>
      <c r="CX5256" s="98"/>
      <c r="DL5256" s="97"/>
      <c r="DX5256" s="98"/>
      <c r="EL5256" s="97"/>
      <c r="EX5256" s="98"/>
      <c r="EY5256" s="97"/>
      <c r="FL5256" s="126"/>
      <c r="FM5256" s="91"/>
      <c r="FN5256" s="91"/>
      <c r="FO5256" s="91"/>
      <c r="FP5256" s="91"/>
      <c r="FQ5256" s="91"/>
      <c r="FR5256" s="91"/>
      <c r="FS5256" s="91"/>
      <c r="FT5256" s="91"/>
      <c r="FU5256" s="91"/>
      <c r="FV5256" s="91"/>
      <c r="FW5256" s="91"/>
      <c r="FX5256" s="127"/>
      <c r="FY5256" s="126"/>
      <c r="FZ5256" s="91"/>
      <c r="GA5256" s="91"/>
      <c r="GB5256" s="91"/>
      <c r="GC5256" s="91"/>
      <c r="GD5256" s="91"/>
      <c r="GE5256" s="91"/>
      <c r="GF5256" s="91"/>
      <c r="GG5256" s="91"/>
      <c r="GH5256" s="91"/>
      <c r="GI5256" s="91"/>
      <c r="GJ5256" s="91"/>
      <c r="GK5256" s="127"/>
      <c r="GL5256" s="126"/>
      <c r="GM5256" s="91"/>
      <c r="GN5256" s="91"/>
      <c r="GO5256" s="91"/>
      <c r="GP5256" s="91"/>
      <c r="GQ5256" s="91"/>
      <c r="GR5256" s="91"/>
      <c r="GS5256" s="91"/>
      <c r="GT5256" s="91"/>
      <c r="GU5256" s="91"/>
      <c r="GV5256" s="91"/>
      <c r="GW5256" s="91"/>
      <c r="GX5256" s="127"/>
      <c r="GY5256" s="126"/>
      <c r="GZ5256" s="91"/>
      <c r="HA5256" s="91"/>
      <c r="HB5256" s="91"/>
      <c r="HC5256" s="91"/>
      <c r="HD5256" s="91"/>
      <c r="HE5256" s="91"/>
      <c r="HF5256" s="91"/>
      <c r="HG5256" s="91"/>
      <c r="HH5256" s="91"/>
      <c r="HI5256" s="91"/>
      <c r="HJ5256" s="91"/>
      <c r="HK5256" s="127"/>
      <c r="HL5256" s="126"/>
      <c r="HM5256" s="91"/>
      <c r="HN5256" s="91"/>
      <c r="HO5256" s="91"/>
      <c r="HP5256" s="91"/>
      <c r="HQ5256" s="91"/>
      <c r="HR5256" s="91"/>
      <c r="HS5256" s="91"/>
      <c r="HT5256" s="91"/>
      <c r="HU5256" s="91"/>
      <c r="HV5256" s="91"/>
      <c r="HW5256" s="91"/>
      <c r="HX5256" s="127"/>
      <c r="HY5256" s="126"/>
      <c r="HZ5256" s="91"/>
      <c r="IA5256" s="91"/>
      <c r="IB5256" s="91"/>
      <c r="IC5256" s="91"/>
      <c r="ID5256" s="91"/>
      <c r="IE5256" s="91"/>
      <c r="IF5256" s="91"/>
      <c r="IG5256" s="91"/>
      <c r="IH5256" s="91"/>
      <c r="II5256" s="91"/>
      <c r="IJ5256" s="91"/>
      <c r="IK5256" s="174"/>
    </row>
    <row r="5257" spans="2:245" x14ac:dyDescent="0.2">
      <c r="B5257" s="43"/>
      <c r="C5257" s="73"/>
      <c r="D5257" s="64"/>
      <c r="E5257" s="64"/>
      <c r="F5257" s="55"/>
      <c r="G5257" s="102"/>
      <c r="H5257" s="97"/>
      <c r="T5257" s="98"/>
      <c r="U5257" s="97"/>
      <c r="AG5257" s="98"/>
      <c r="AY5257" s="164"/>
      <c r="BK5257" s="98"/>
      <c r="BL5257" s="97"/>
      <c r="BX5257" s="98"/>
      <c r="CL5257" s="97"/>
      <c r="CX5257" s="98"/>
      <c r="DL5257" s="97"/>
      <c r="DX5257" s="98"/>
      <c r="EL5257" s="97"/>
      <c r="EX5257" s="98"/>
      <c r="EY5257" s="97"/>
      <c r="FL5257" s="126"/>
      <c r="FM5257" s="91"/>
      <c r="FN5257" s="91"/>
      <c r="FO5257" s="91"/>
      <c r="FP5257" s="91"/>
      <c r="FQ5257" s="91"/>
      <c r="FR5257" s="91"/>
      <c r="FS5257" s="91"/>
      <c r="FT5257" s="91"/>
      <c r="FU5257" s="91"/>
      <c r="FV5257" s="91"/>
      <c r="FW5257" s="91"/>
      <c r="FX5257" s="127"/>
      <c r="FY5257" s="126"/>
      <c r="FZ5257" s="91"/>
      <c r="GA5257" s="91"/>
      <c r="GB5257" s="91"/>
      <c r="GC5257" s="91"/>
      <c r="GD5257" s="91"/>
      <c r="GE5257" s="91"/>
      <c r="GF5257" s="91"/>
      <c r="GG5257" s="91"/>
      <c r="GH5257" s="91"/>
      <c r="GI5257" s="91"/>
      <c r="GJ5257" s="91"/>
      <c r="GK5257" s="127"/>
      <c r="GL5257" s="126"/>
      <c r="GM5257" s="91"/>
      <c r="GN5257" s="91"/>
      <c r="GO5257" s="91"/>
      <c r="GP5257" s="91"/>
      <c r="GQ5257" s="91"/>
      <c r="GR5257" s="91"/>
      <c r="GS5257" s="91"/>
      <c r="GT5257" s="91"/>
      <c r="GU5257" s="91"/>
      <c r="GV5257" s="91"/>
      <c r="GW5257" s="91"/>
      <c r="GX5257" s="127"/>
      <c r="GY5257" s="126"/>
      <c r="GZ5257" s="91"/>
      <c r="HA5257" s="91"/>
      <c r="HB5257" s="91"/>
      <c r="HC5257" s="91"/>
      <c r="HD5257" s="91"/>
      <c r="HE5257" s="91"/>
      <c r="HF5257" s="91"/>
      <c r="HG5257" s="91"/>
      <c r="HH5257" s="91"/>
      <c r="HI5257" s="91"/>
      <c r="HJ5257" s="91"/>
      <c r="HK5257" s="127"/>
      <c r="HL5257" s="126"/>
      <c r="HM5257" s="91"/>
      <c r="HN5257" s="91"/>
      <c r="HO5257" s="91"/>
      <c r="HP5257" s="91"/>
      <c r="HQ5257" s="91"/>
      <c r="HR5257" s="91"/>
      <c r="HS5257" s="91"/>
      <c r="HT5257" s="91"/>
      <c r="HU5257" s="91"/>
      <c r="HV5257" s="91"/>
      <c r="HW5257" s="91"/>
      <c r="HX5257" s="127"/>
      <c r="HY5257" s="126"/>
      <c r="HZ5257" s="91"/>
      <c r="IA5257" s="91"/>
      <c r="IB5257" s="91"/>
      <c r="IC5257" s="91"/>
      <c r="ID5257" s="91"/>
      <c r="IE5257" s="91"/>
      <c r="IF5257" s="91"/>
      <c r="IG5257" s="91"/>
      <c r="IH5257" s="91"/>
      <c r="II5257" s="91"/>
      <c r="IJ5257" s="91"/>
      <c r="IK5257" s="174"/>
    </row>
    <row r="5258" spans="2:245" x14ac:dyDescent="0.2">
      <c r="B5258" s="43"/>
      <c r="C5258" s="73"/>
      <c r="D5258" s="64"/>
      <c r="E5258" s="64"/>
      <c r="F5258" s="55"/>
      <c r="G5258" s="102"/>
      <c r="H5258" s="97"/>
      <c r="T5258" s="98"/>
      <c r="U5258" s="97"/>
      <c r="AG5258" s="98"/>
      <c r="AY5258" s="164"/>
      <c r="BK5258" s="98"/>
      <c r="BL5258" s="97"/>
      <c r="BX5258" s="98"/>
      <c r="CL5258" s="97"/>
      <c r="CX5258" s="98"/>
      <c r="DL5258" s="97"/>
      <c r="DX5258" s="98"/>
      <c r="EL5258" s="97"/>
      <c r="EX5258" s="98"/>
      <c r="EY5258" s="97"/>
      <c r="FL5258" s="126"/>
      <c r="FM5258" s="91"/>
      <c r="FN5258" s="91"/>
      <c r="FO5258" s="91"/>
      <c r="FP5258" s="91"/>
      <c r="FQ5258" s="91"/>
      <c r="FR5258" s="91"/>
      <c r="FS5258" s="91"/>
      <c r="FT5258" s="91"/>
      <c r="FU5258" s="91"/>
      <c r="FV5258" s="91"/>
      <c r="FW5258" s="91"/>
      <c r="FX5258" s="127"/>
      <c r="FY5258" s="126"/>
      <c r="FZ5258" s="91"/>
      <c r="GA5258" s="91"/>
      <c r="GB5258" s="91"/>
      <c r="GC5258" s="91"/>
      <c r="GD5258" s="91"/>
      <c r="GE5258" s="91"/>
      <c r="GF5258" s="91"/>
      <c r="GG5258" s="91"/>
      <c r="GH5258" s="91"/>
      <c r="GI5258" s="91"/>
      <c r="GJ5258" s="91"/>
      <c r="GK5258" s="127"/>
      <c r="GL5258" s="126"/>
      <c r="GM5258" s="91"/>
      <c r="GN5258" s="91"/>
      <c r="GO5258" s="91"/>
      <c r="GP5258" s="91"/>
      <c r="GQ5258" s="91"/>
      <c r="GR5258" s="91"/>
      <c r="GS5258" s="91"/>
      <c r="GT5258" s="91"/>
      <c r="GU5258" s="91"/>
      <c r="GV5258" s="91"/>
      <c r="GW5258" s="91"/>
      <c r="GX5258" s="127"/>
      <c r="GY5258" s="126"/>
      <c r="GZ5258" s="91"/>
      <c r="HA5258" s="91"/>
      <c r="HB5258" s="91"/>
      <c r="HC5258" s="91"/>
      <c r="HD5258" s="91"/>
      <c r="HE5258" s="91"/>
      <c r="HF5258" s="91"/>
      <c r="HG5258" s="91"/>
      <c r="HH5258" s="91"/>
      <c r="HI5258" s="91"/>
      <c r="HJ5258" s="91"/>
      <c r="HK5258" s="127"/>
      <c r="HL5258" s="126"/>
      <c r="HM5258" s="91"/>
      <c r="HN5258" s="91"/>
      <c r="HO5258" s="91"/>
      <c r="HP5258" s="91"/>
      <c r="HQ5258" s="91"/>
      <c r="HR5258" s="91"/>
      <c r="HS5258" s="91"/>
      <c r="HT5258" s="91"/>
      <c r="HU5258" s="91"/>
      <c r="HV5258" s="91"/>
      <c r="HW5258" s="91"/>
      <c r="HX5258" s="127"/>
      <c r="HY5258" s="126"/>
      <c r="HZ5258" s="91"/>
      <c r="IA5258" s="91"/>
      <c r="IB5258" s="91"/>
      <c r="IC5258" s="91"/>
      <c r="ID5258" s="91"/>
      <c r="IE5258" s="91"/>
      <c r="IF5258" s="91"/>
      <c r="IG5258" s="91"/>
      <c r="IH5258" s="91"/>
      <c r="II5258" s="91"/>
      <c r="IJ5258" s="91"/>
      <c r="IK5258" s="174"/>
    </row>
    <row r="5259" spans="2:245" x14ac:dyDescent="0.2">
      <c r="B5259" s="43"/>
      <c r="C5259" s="73"/>
      <c r="D5259" s="64"/>
      <c r="E5259" s="64"/>
      <c r="F5259" s="55"/>
      <c r="G5259" s="102"/>
      <c r="H5259" s="97"/>
      <c r="T5259" s="98"/>
      <c r="U5259" s="97"/>
      <c r="AG5259" s="98"/>
      <c r="AY5259" s="164"/>
      <c r="BK5259" s="98"/>
      <c r="BL5259" s="97"/>
      <c r="BX5259" s="98"/>
      <c r="CL5259" s="97"/>
      <c r="CX5259" s="98"/>
      <c r="DL5259" s="97"/>
      <c r="DX5259" s="98"/>
      <c r="EL5259" s="97"/>
      <c r="EX5259" s="98"/>
      <c r="EY5259" s="97"/>
      <c r="FL5259" s="126"/>
      <c r="FM5259" s="91"/>
      <c r="FN5259" s="91"/>
      <c r="FO5259" s="91"/>
      <c r="FP5259" s="91"/>
      <c r="FQ5259" s="91"/>
      <c r="FR5259" s="91"/>
      <c r="FS5259" s="91"/>
      <c r="FT5259" s="91"/>
      <c r="FU5259" s="91"/>
      <c r="FV5259" s="91"/>
      <c r="FW5259" s="91"/>
      <c r="FX5259" s="127"/>
      <c r="FY5259" s="126"/>
      <c r="FZ5259" s="91"/>
      <c r="GA5259" s="91"/>
      <c r="GB5259" s="91"/>
      <c r="GC5259" s="91"/>
      <c r="GD5259" s="91"/>
      <c r="GE5259" s="91"/>
      <c r="GF5259" s="91"/>
      <c r="GG5259" s="91"/>
      <c r="GH5259" s="91"/>
      <c r="GI5259" s="91"/>
      <c r="GJ5259" s="91"/>
      <c r="GK5259" s="127"/>
      <c r="GL5259" s="126"/>
      <c r="GM5259" s="91"/>
      <c r="GN5259" s="91"/>
      <c r="GO5259" s="91"/>
      <c r="GP5259" s="91"/>
      <c r="GQ5259" s="91"/>
      <c r="GR5259" s="91"/>
      <c r="GS5259" s="91"/>
      <c r="GT5259" s="91"/>
      <c r="GU5259" s="91"/>
      <c r="GV5259" s="91"/>
      <c r="GW5259" s="91"/>
      <c r="GX5259" s="127"/>
      <c r="GY5259" s="126"/>
      <c r="GZ5259" s="91"/>
      <c r="HA5259" s="91"/>
      <c r="HB5259" s="91"/>
      <c r="HC5259" s="91"/>
      <c r="HD5259" s="91"/>
      <c r="HE5259" s="91"/>
      <c r="HF5259" s="91"/>
      <c r="HG5259" s="91"/>
      <c r="HH5259" s="91"/>
      <c r="HI5259" s="91"/>
      <c r="HJ5259" s="91"/>
      <c r="HK5259" s="127"/>
      <c r="HL5259" s="126"/>
      <c r="HM5259" s="91"/>
      <c r="HN5259" s="91"/>
      <c r="HO5259" s="91"/>
      <c r="HP5259" s="91"/>
      <c r="HQ5259" s="91"/>
      <c r="HR5259" s="91"/>
      <c r="HS5259" s="91"/>
      <c r="HT5259" s="91"/>
      <c r="HU5259" s="91"/>
      <c r="HV5259" s="91"/>
      <c r="HW5259" s="91"/>
      <c r="HX5259" s="127"/>
      <c r="HY5259" s="126"/>
      <c r="HZ5259" s="91"/>
      <c r="IA5259" s="91"/>
      <c r="IB5259" s="91"/>
      <c r="IC5259" s="91"/>
      <c r="ID5259" s="91"/>
      <c r="IE5259" s="91"/>
      <c r="IF5259" s="91"/>
      <c r="IG5259" s="91"/>
      <c r="IH5259" s="91"/>
      <c r="II5259" s="91"/>
      <c r="IJ5259" s="91"/>
      <c r="IK5259" s="174"/>
    </row>
    <row r="5260" spans="2:245" x14ac:dyDescent="0.2">
      <c r="B5260" s="43"/>
      <c r="C5260" s="73"/>
      <c r="D5260" s="64"/>
      <c r="E5260" s="64"/>
      <c r="F5260" s="55"/>
      <c r="G5260" s="102"/>
      <c r="H5260" s="97"/>
      <c r="T5260" s="98"/>
      <c r="U5260" s="97"/>
      <c r="AG5260" s="98"/>
      <c r="AY5260" s="164"/>
      <c r="BK5260" s="98"/>
      <c r="BL5260" s="97"/>
      <c r="BX5260" s="98"/>
      <c r="CL5260" s="97"/>
      <c r="CX5260" s="98"/>
      <c r="DL5260" s="97"/>
      <c r="DX5260" s="98"/>
      <c r="EL5260" s="97"/>
      <c r="EX5260" s="98"/>
      <c r="EY5260" s="97"/>
      <c r="FL5260" s="126"/>
      <c r="FM5260" s="91"/>
      <c r="FN5260" s="91"/>
      <c r="FO5260" s="91"/>
      <c r="FP5260" s="91"/>
      <c r="FQ5260" s="91"/>
      <c r="FR5260" s="91"/>
      <c r="FS5260" s="91"/>
      <c r="FT5260" s="91"/>
      <c r="FU5260" s="91"/>
      <c r="FV5260" s="91"/>
      <c r="FW5260" s="91"/>
      <c r="FX5260" s="127"/>
      <c r="FY5260" s="126"/>
      <c r="FZ5260" s="91"/>
      <c r="GA5260" s="91"/>
      <c r="GB5260" s="91"/>
      <c r="GC5260" s="91"/>
      <c r="GD5260" s="91"/>
      <c r="GE5260" s="91"/>
      <c r="GF5260" s="91"/>
      <c r="GG5260" s="91"/>
      <c r="GH5260" s="91"/>
      <c r="GI5260" s="91"/>
      <c r="GJ5260" s="91"/>
      <c r="GK5260" s="127"/>
      <c r="GL5260" s="126"/>
      <c r="GM5260" s="91"/>
      <c r="GN5260" s="91"/>
      <c r="GO5260" s="91"/>
      <c r="GP5260" s="91"/>
      <c r="GQ5260" s="91"/>
      <c r="GR5260" s="91"/>
      <c r="GS5260" s="91"/>
      <c r="GT5260" s="91"/>
      <c r="GU5260" s="91"/>
      <c r="GV5260" s="91"/>
      <c r="GW5260" s="91"/>
      <c r="GX5260" s="127"/>
      <c r="GY5260" s="126"/>
      <c r="GZ5260" s="91"/>
      <c r="HA5260" s="91"/>
      <c r="HB5260" s="91"/>
      <c r="HC5260" s="91"/>
      <c r="HD5260" s="91"/>
      <c r="HE5260" s="91"/>
      <c r="HF5260" s="91"/>
      <c r="HG5260" s="91"/>
      <c r="HH5260" s="91"/>
      <c r="HI5260" s="91"/>
      <c r="HJ5260" s="91"/>
      <c r="HK5260" s="127"/>
      <c r="HL5260" s="126"/>
      <c r="HM5260" s="91"/>
      <c r="HN5260" s="91"/>
      <c r="HO5260" s="91"/>
      <c r="HP5260" s="91"/>
      <c r="HQ5260" s="91"/>
      <c r="HR5260" s="91"/>
      <c r="HS5260" s="91"/>
      <c r="HT5260" s="91"/>
      <c r="HU5260" s="91"/>
      <c r="HV5260" s="91"/>
      <c r="HW5260" s="91"/>
      <c r="HX5260" s="127"/>
      <c r="HY5260" s="126"/>
      <c r="HZ5260" s="91"/>
      <c r="IA5260" s="91"/>
      <c r="IB5260" s="91"/>
      <c r="IC5260" s="91"/>
      <c r="ID5260" s="91"/>
      <c r="IE5260" s="91"/>
      <c r="IF5260" s="91"/>
      <c r="IG5260" s="91"/>
      <c r="IH5260" s="91"/>
      <c r="II5260" s="91"/>
      <c r="IJ5260" s="91"/>
      <c r="IK5260" s="174"/>
    </row>
    <row r="5261" spans="2:245" x14ac:dyDescent="0.2">
      <c r="B5261" s="43"/>
      <c r="C5261" s="73"/>
      <c r="D5261" s="64"/>
      <c r="E5261" s="64"/>
      <c r="F5261" s="55"/>
      <c r="G5261" s="102"/>
      <c r="H5261" s="97"/>
      <c r="T5261" s="98"/>
      <c r="U5261" s="97"/>
      <c r="AG5261" s="98"/>
      <c r="AY5261" s="164"/>
      <c r="BK5261" s="98"/>
      <c r="BL5261" s="97"/>
      <c r="BX5261" s="98"/>
      <c r="CL5261" s="97"/>
      <c r="CX5261" s="98"/>
      <c r="DL5261" s="97"/>
      <c r="DX5261" s="98"/>
      <c r="EL5261" s="97"/>
      <c r="EX5261" s="98"/>
      <c r="EY5261" s="97"/>
      <c r="FL5261" s="126"/>
      <c r="FM5261" s="91"/>
      <c r="FN5261" s="91"/>
      <c r="FO5261" s="91"/>
      <c r="FP5261" s="91"/>
      <c r="FQ5261" s="91"/>
      <c r="FR5261" s="91"/>
      <c r="FS5261" s="91"/>
      <c r="FT5261" s="91"/>
      <c r="FU5261" s="91"/>
      <c r="FV5261" s="91"/>
      <c r="FW5261" s="91"/>
      <c r="FX5261" s="127"/>
      <c r="FY5261" s="126"/>
      <c r="FZ5261" s="91"/>
      <c r="GA5261" s="91"/>
      <c r="GB5261" s="91"/>
      <c r="GC5261" s="91"/>
      <c r="GD5261" s="91"/>
      <c r="GE5261" s="91"/>
      <c r="GF5261" s="91"/>
      <c r="GG5261" s="91"/>
      <c r="GH5261" s="91"/>
      <c r="GI5261" s="91"/>
      <c r="GJ5261" s="91"/>
      <c r="GK5261" s="127"/>
      <c r="GL5261" s="126"/>
      <c r="GM5261" s="91"/>
      <c r="GN5261" s="91"/>
      <c r="GO5261" s="91"/>
      <c r="GP5261" s="91"/>
      <c r="GQ5261" s="91"/>
      <c r="GR5261" s="91"/>
      <c r="GS5261" s="91"/>
      <c r="GT5261" s="91"/>
      <c r="GU5261" s="91"/>
      <c r="GV5261" s="91"/>
      <c r="GW5261" s="91"/>
      <c r="GX5261" s="127"/>
      <c r="GY5261" s="126"/>
      <c r="GZ5261" s="91"/>
      <c r="HA5261" s="91"/>
      <c r="HB5261" s="91"/>
      <c r="HC5261" s="91"/>
      <c r="HD5261" s="91"/>
      <c r="HE5261" s="91"/>
      <c r="HF5261" s="91"/>
      <c r="HG5261" s="91"/>
      <c r="HH5261" s="91"/>
      <c r="HI5261" s="91"/>
      <c r="HJ5261" s="91"/>
      <c r="HK5261" s="127"/>
      <c r="HL5261" s="126"/>
      <c r="HM5261" s="91"/>
      <c r="HN5261" s="91"/>
      <c r="HO5261" s="91"/>
      <c r="HP5261" s="91"/>
      <c r="HQ5261" s="91"/>
      <c r="HR5261" s="91"/>
      <c r="HS5261" s="91"/>
      <c r="HT5261" s="91"/>
      <c r="HU5261" s="91"/>
      <c r="HV5261" s="91"/>
      <c r="HW5261" s="91"/>
      <c r="HX5261" s="127"/>
      <c r="HY5261" s="126"/>
      <c r="HZ5261" s="91"/>
      <c r="IA5261" s="91"/>
      <c r="IB5261" s="91"/>
      <c r="IC5261" s="91"/>
      <c r="ID5261" s="91"/>
      <c r="IE5261" s="91"/>
      <c r="IF5261" s="91"/>
      <c r="IG5261" s="91"/>
      <c r="IH5261" s="91"/>
      <c r="II5261" s="91"/>
      <c r="IJ5261" s="91"/>
      <c r="IK5261" s="174"/>
    </row>
    <row r="5262" spans="2:245" x14ac:dyDescent="0.2">
      <c r="B5262" s="43"/>
      <c r="C5262" s="73"/>
      <c r="D5262" s="64"/>
      <c r="E5262" s="64"/>
      <c r="F5262" s="55"/>
      <c r="G5262" s="102"/>
      <c r="H5262" s="97"/>
      <c r="T5262" s="98"/>
      <c r="U5262" s="97"/>
      <c r="AG5262" s="98"/>
      <c r="AY5262" s="164"/>
      <c r="BK5262" s="98"/>
      <c r="BL5262" s="97"/>
      <c r="BX5262" s="98"/>
      <c r="CL5262" s="97"/>
      <c r="CX5262" s="98"/>
      <c r="DL5262" s="97"/>
      <c r="DX5262" s="98"/>
      <c r="EL5262" s="97"/>
      <c r="EX5262" s="98"/>
      <c r="EY5262" s="97"/>
      <c r="FL5262" s="126"/>
      <c r="FM5262" s="91"/>
      <c r="FN5262" s="91"/>
      <c r="FO5262" s="91"/>
      <c r="FP5262" s="91"/>
      <c r="FQ5262" s="91"/>
      <c r="FR5262" s="91"/>
      <c r="FS5262" s="91"/>
      <c r="FT5262" s="91"/>
      <c r="FU5262" s="91"/>
      <c r="FV5262" s="91"/>
      <c r="FW5262" s="91"/>
      <c r="FX5262" s="127"/>
      <c r="FY5262" s="126"/>
      <c r="FZ5262" s="91"/>
      <c r="GA5262" s="91"/>
      <c r="GB5262" s="91"/>
      <c r="GC5262" s="91"/>
      <c r="GD5262" s="91"/>
      <c r="GE5262" s="91"/>
      <c r="GF5262" s="91"/>
      <c r="GG5262" s="91"/>
      <c r="GH5262" s="91"/>
      <c r="GI5262" s="91"/>
      <c r="GJ5262" s="91"/>
      <c r="GK5262" s="127"/>
      <c r="GL5262" s="126"/>
      <c r="GM5262" s="91"/>
      <c r="GN5262" s="91"/>
      <c r="GO5262" s="91"/>
      <c r="GP5262" s="91"/>
      <c r="GQ5262" s="91"/>
      <c r="GR5262" s="91"/>
      <c r="GS5262" s="91"/>
      <c r="GT5262" s="91"/>
      <c r="GU5262" s="91"/>
      <c r="GV5262" s="91"/>
      <c r="GW5262" s="91"/>
      <c r="GX5262" s="127"/>
      <c r="GY5262" s="126"/>
      <c r="GZ5262" s="91"/>
      <c r="HA5262" s="91"/>
      <c r="HB5262" s="91"/>
      <c r="HC5262" s="91"/>
      <c r="HD5262" s="91"/>
      <c r="HE5262" s="91"/>
      <c r="HF5262" s="91"/>
      <c r="HG5262" s="91"/>
      <c r="HH5262" s="91"/>
      <c r="HI5262" s="91"/>
      <c r="HJ5262" s="91"/>
      <c r="HK5262" s="127"/>
      <c r="HL5262" s="126"/>
      <c r="HM5262" s="91"/>
      <c r="HN5262" s="91"/>
      <c r="HO5262" s="91"/>
      <c r="HP5262" s="91"/>
      <c r="HQ5262" s="91"/>
      <c r="HR5262" s="91"/>
      <c r="HS5262" s="91"/>
      <c r="HT5262" s="91"/>
      <c r="HU5262" s="91"/>
      <c r="HV5262" s="91"/>
      <c r="HW5262" s="91"/>
      <c r="HX5262" s="127"/>
      <c r="HY5262" s="126"/>
      <c r="HZ5262" s="91"/>
      <c r="IA5262" s="91"/>
      <c r="IB5262" s="91"/>
      <c r="IC5262" s="91"/>
      <c r="ID5262" s="91"/>
      <c r="IE5262" s="91"/>
      <c r="IF5262" s="91"/>
      <c r="IG5262" s="91"/>
      <c r="IH5262" s="91"/>
      <c r="II5262" s="91"/>
      <c r="IJ5262" s="91"/>
      <c r="IK5262" s="174"/>
    </row>
    <row r="5263" spans="2:245" x14ac:dyDescent="0.2">
      <c r="B5263" s="43"/>
      <c r="C5263" s="73"/>
      <c r="D5263" s="64"/>
      <c r="E5263" s="64"/>
      <c r="F5263" s="55"/>
      <c r="G5263" s="102"/>
      <c r="H5263" s="97"/>
      <c r="T5263" s="98"/>
      <c r="U5263" s="97"/>
      <c r="AG5263" s="98"/>
      <c r="AY5263" s="164"/>
      <c r="BK5263" s="98"/>
      <c r="BL5263" s="97"/>
      <c r="BX5263" s="98"/>
      <c r="CL5263" s="97"/>
      <c r="CX5263" s="98"/>
      <c r="DL5263" s="97"/>
      <c r="DX5263" s="98"/>
      <c r="EL5263" s="97"/>
      <c r="EX5263" s="98"/>
      <c r="EY5263" s="97"/>
      <c r="FL5263" s="126"/>
      <c r="FM5263" s="91"/>
      <c r="FN5263" s="91"/>
      <c r="FO5263" s="91"/>
      <c r="FP5263" s="91"/>
      <c r="FQ5263" s="91"/>
      <c r="FR5263" s="91"/>
      <c r="FS5263" s="91"/>
      <c r="FT5263" s="91"/>
      <c r="FU5263" s="91"/>
      <c r="FV5263" s="91"/>
      <c r="FW5263" s="91"/>
      <c r="FX5263" s="127"/>
      <c r="FY5263" s="126"/>
      <c r="FZ5263" s="91"/>
      <c r="GA5263" s="91"/>
      <c r="GB5263" s="91"/>
      <c r="GC5263" s="91"/>
      <c r="GD5263" s="91"/>
      <c r="GE5263" s="91"/>
      <c r="GF5263" s="91"/>
      <c r="GG5263" s="91"/>
      <c r="GH5263" s="91"/>
      <c r="GI5263" s="91"/>
      <c r="GJ5263" s="91"/>
      <c r="GK5263" s="127"/>
      <c r="GL5263" s="126"/>
      <c r="GM5263" s="91"/>
      <c r="GN5263" s="91"/>
      <c r="GO5263" s="91"/>
      <c r="GP5263" s="91"/>
      <c r="GQ5263" s="91"/>
      <c r="GR5263" s="91"/>
      <c r="GS5263" s="91"/>
      <c r="GT5263" s="91"/>
      <c r="GU5263" s="91"/>
      <c r="GV5263" s="91"/>
      <c r="GW5263" s="91"/>
      <c r="GX5263" s="127"/>
      <c r="GY5263" s="126"/>
      <c r="GZ5263" s="91"/>
      <c r="HA5263" s="91"/>
      <c r="HB5263" s="91"/>
      <c r="HC5263" s="91"/>
      <c r="HD5263" s="91"/>
      <c r="HE5263" s="91"/>
      <c r="HF5263" s="91"/>
      <c r="HG5263" s="91"/>
      <c r="HH5263" s="91"/>
      <c r="HI5263" s="91"/>
      <c r="HJ5263" s="91"/>
      <c r="HK5263" s="127"/>
      <c r="HL5263" s="126"/>
      <c r="HM5263" s="91"/>
      <c r="HN5263" s="91"/>
      <c r="HO5263" s="91"/>
      <c r="HP5263" s="91"/>
      <c r="HQ5263" s="91"/>
      <c r="HR5263" s="91"/>
      <c r="HS5263" s="91"/>
      <c r="HT5263" s="91"/>
      <c r="HU5263" s="91"/>
      <c r="HV5263" s="91"/>
      <c r="HW5263" s="91"/>
      <c r="HX5263" s="127"/>
      <c r="HY5263" s="126"/>
      <c r="HZ5263" s="91"/>
      <c r="IA5263" s="91"/>
      <c r="IB5263" s="91"/>
      <c r="IC5263" s="91"/>
      <c r="ID5263" s="91"/>
      <c r="IE5263" s="91"/>
      <c r="IF5263" s="91"/>
      <c r="IG5263" s="91"/>
      <c r="IH5263" s="91"/>
      <c r="II5263" s="91"/>
      <c r="IJ5263" s="91"/>
      <c r="IK5263" s="174"/>
    </row>
    <row r="5264" spans="2:245" x14ac:dyDescent="0.2">
      <c r="B5264" s="43"/>
      <c r="C5264" s="73"/>
      <c r="D5264" s="64"/>
      <c r="E5264" s="64"/>
      <c r="F5264" s="55"/>
      <c r="G5264" s="102"/>
      <c r="H5264" s="97"/>
      <c r="T5264" s="98"/>
      <c r="U5264" s="97"/>
      <c r="AG5264" s="98"/>
      <c r="AY5264" s="164"/>
      <c r="BK5264" s="98"/>
      <c r="BL5264" s="97"/>
      <c r="BX5264" s="98"/>
      <c r="CL5264" s="97"/>
      <c r="CX5264" s="98"/>
      <c r="DL5264" s="97"/>
      <c r="DX5264" s="98"/>
      <c r="EL5264" s="97"/>
      <c r="EX5264" s="98"/>
      <c r="EY5264" s="97"/>
      <c r="FL5264" s="126"/>
      <c r="FM5264" s="91"/>
      <c r="FN5264" s="91"/>
      <c r="FO5264" s="91"/>
      <c r="FP5264" s="91"/>
      <c r="FQ5264" s="91"/>
      <c r="FR5264" s="91"/>
      <c r="FS5264" s="91"/>
      <c r="FT5264" s="91"/>
      <c r="FU5264" s="91"/>
      <c r="FV5264" s="91"/>
      <c r="FW5264" s="91"/>
      <c r="FX5264" s="127"/>
      <c r="FY5264" s="126"/>
      <c r="FZ5264" s="91"/>
      <c r="GA5264" s="91"/>
      <c r="GB5264" s="91"/>
      <c r="GC5264" s="91"/>
      <c r="GD5264" s="91"/>
      <c r="GE5264" s="91"/>
      <c r="GF5264" s="91"/>
      <c r="GG5264" s="91"/>
      <c r="GH5264" s="91"/>
      <c r="GI5264" s="91"/>
      <c r="GJ5264" s="91"/>
      <c r="GK5264" s="127"/>
      <c r="GL5264" s="126"/>
      <c r="GM5264" s="91"/>
      <c r="GN5264" s="91"/>
      <c r="GO5264" s="91"/>
      <c r="GP5264" s="91"/>
      <c r="GQ5264" s="91"/>
      <c r="GR5264" s="91"/>
      <c r="GS5264" s="91"/>
      <c r="GT5264" s="91"/>
      <c r="GU5264" s="91"/>
      <c r="GV5264" s="91"/>
      <c r="GW5264" s="91"/>
      <c r="GX5264" s="127"/>
      <c r="GY5264" s="126"/>
      <c r="GZ5264" s="91"/>
      <c r="HA5264" s="91"/>
      <c r="HB5264" s="91"/>
      <c r="HC5264" s="91"/>
      <c r="HD5264" s="91"/>
      <c r="HE5264" s="91"/>
      <c r="HF5264" s="91"/>
      <c r="HG5264" s="91"/>
      <c r="HH5264" s="91"/>
      <c r="HI5264" s="91"/>
      <c r="HJ5264" s="91"/>
      <c r="HK5264" s="127"/>
      <c r="HL5264" s="126"/>
      <c r="HM5264" s="91"/>
      <c r="HN5264" s="91"/>
      <c r="HO5264" s="91"/>
      <c r="HP5264" s="91"/>
      <c r="HQ5264" s="91"/>
      <c r="HR5264" s="91"/>
      <c r="HS5264" s="91"/>
      <c r="HT5264" s="91"/>
      <c r="HU5264" s="91"/>
      <c r="HV5264" s="91"/>
      <c r="HW5264" s="91"/>
      <c r="HX5264" s="127"/>
      <c r="HY5264" s="126"/>
      <c r="HZ5264" s="91"/>
      <c r="IA5264" s="91"/>
      <c r="IB5264" s="91"/>
      <c r="IC5264" s="91"/>
      <c r="ID5264" s="91"/>
      <c r="IE5264" s="91"/>
      <c r="IF5264" s="91"/>
      <c r="IG5264" s="91"/>
      <c r="IH5264" s="91"/>
      <c r="II5264" s="91"/>
      <c r="IJ5264" s="91"/>
      <c r="IK5264" s="174"/>
    </row>
    <row r="5265" spans="2:245" x14ac:dyDescent="0.2">
      <c r="B5265" s="43"/>
      <c r="C5265" s="73"/>
      <c r="D5265" s="64"/>
      <c r="E5265" s="64"/>
      <c r="F5265" s="55"/>
      <c r="G5265" s="102"/>
      <c r="H5265" s="97"/>
      <c r="T5265" s="98"/>
      <c r="U5265" s="97"/>
      <c r="AG5265" s="98"/>
      <c r="AY5265" s="164"/>
      <c r="BK5265" s="98"/>
      <c r="BL5265" s="97"/>
      <c r="BX5265" s="98"/>
      <c r="CL5265" s="97"/>
      <c r="CX5265" s="98"/>
      <c r="DL5265" s="97"/>
      <c r="DX5265" s="98"/>
      <c r="EL5265" s="97"/>
      <c r="EX5265" s="98"/>
      <c r="EY5265" s="97"/>
      <c r="FL5265" s="126"/>
      <c r="FM5265" s="91"/>
      <c r="FN5265" s="91"/>
      <c r="FO5265" s="91"/>
      <c r="FP5265" s="91"/>
      <c r="FQ5265" s="91"/>
      <c r="FR5265" s="91"/>
      <c r="FS5265" s="91"/>
      <c r="FT5265" s="91"/>
      <c r="FU5265" s="91"/>
      <c r="FV5265" s="91"/>
      <c r="FW5265" s="91"/>
      <c r="FX5265" s="127"/>
      <c r="FY5265" s="126"/>
      <c r="FZ5265" s="91"/>
      <c r="GA5265" s="91"/>
      <c r="GB5265" s="91"/>
      <c r="GC5265" s="91"/>
      <c r="GD5265" s="91"/>
      <c r="GE5265" s="91"/>
      <c r="GF5265" s="91"/>
      <c r="GG5265" s="91"/>
      <c r="GH5265" s="91"/>
      <c r="GI5265" s="91"/>
      <c r="GJ5265" s="91"/>
      <c r="GK5265" s="127"/>
      <c r="GL5265" s="126"/>
      <c r="GM5265" s="91"/>
      <c r="GN5265" s="91"/>
      <c r="GO5265" s="91"/>
      <c r="GP5265" s="91"/>
      <c r="GQ5265" s="91"/>
      <c r="GR5265" s="91"/>
      <c r="GS5265" s="91"/>
      <c r="GT5265" s="91"/>
      <c r="GU5265" s="91"/>
      <c r="GV5265" s="91"/>
      <c r="GW5265" s="91"/>
      <c r="GX5265" s="127"/>
      <c r="GY5265" s="126"/>
      <c r="GZ5265" s="91"/>
      <c r="HA5265" s="91"/>
      <c r="HB5265" s="91"/>
      <c r="HC5265" s="91"/>
      <c r="HD5265" s="91"/>
      <c r="HE5265" s="91"/>
      <c r="HF5265" s="91"/>
      <c r="HG5265" s="91"/>
      <c r="HH5265" s="91"/>
      <c r="HI5265" s="91"/>
      <c r="HJ5265" s="91"/>
      <c r="HK5265" s="127"/>
      <c r="HL5265" s="126"/>
      <c r="HM5265" s="91"/>
      <c r="HN5265" s="91"/>
      <c r="HO5265" s="91"/>
      <c r="HP5265" s="91"/>
      <c r="HQ5265" s="91"/>
      <c r="HR5265" s="91"/>
      <c r="HS5265" s="91"/>
      <c r="HT5265" s="91"/>
      <c r="HU5265" s="91"/>
      <c r="HV5265" s="91"/>
      <c r="HW5265" s="91"/>
      <c r="HX5265" s="127"/>
      <c r="HY5265" s="126"/>
      <c r="HZ5265" s="91"/>
      <c r="IA5265" s="91"/>
      <c r="IB5265" s="91"/>
      <c r="IC5265" s="91"/>
      <c r="ID5265" s="91"/>
      <c r="IE5265" s="91"/>
      <c r="IF5265" s="91"/>
      <c r="IG5265" s="91"/>
      <c r="IH5265" s="91"/>
      <c r="II5265" s="91"/>
      <c r="IJ5265" s="91"/>
      <c r="IK5265" s="174"/>
    </row>
    <row r="5266" spans="2:245" x14ac:dyDescent="0.2">
      <c r="B5266" s="43"/>
      <c r="C5266" s="73"/>
      <c r="D5266" s="64"/>
      <c r="E5266" s="64"/>
      <c r="F5266" s="55"/>
      <c r="G5266" s="102"/>
      <c r="H5266" s="97"/>
      <c r="T5266" s="98"/>
      <c r="U5266" s="97"/>
      <c r="AG5266" s="98"/>
      <c r="AY5266" s="164"/>
      <c r="BK5266" s="98"/>
      <c r="BL5266" s="97"/>
      <c r="BX5266" s="98"/>
      <c r="CL5266" s="97"/>
      <c r="CX5266" s="98"/>
      <c r="DL5266" s="97"/>
      <c r="DX5266" s="98"/>
      <c r="EL5266" s="97"/>
      <c r="EX5266" s="98"/>
      <c r="EY5266" s="97"/>
      <c r="FL5266" s="126"/>
      <c r="FM5266" s="91"/>
      <c r="FN5266" s="91"/>
      <c r="FO5266" s="91"/>
      <c r="FP5266" s="91"/>
      <c r="FQ5266" s="91"/>
      <c r="FR5266" s="91"/>
      <c r="FS5266" s="91"/>
      <c r="FT5266" s="91"/>
      <c r="FU5266" s="91"/>
      <c r="FV5266" s="91"/>
      <c r="FW5266" s="91"/>
      <c r="FX5266" s="127"/>
      <c r="FY5266" s="126"/>
      <c r="FZ5266" s="91"/>
      <c r="GA5266" s="91"/>
      <c r="GB5266" s="91"/>
      <c r="GC5266" s="91"/>
      <c r="GD5266" s="91"/>
      <c r="GE5266" s="91"/>
      <c r="GF5266" s="91"/>
      <c r="GG5266" s="91"/>
      <c r="GH5266" s="91"/>
      <c r="GI5266" s="91"/>
      <c r="GJ5266" s="91"/>
      <c r="GK5266" s="127"/>
      <c r="GL5266" s="126"/>
      <c r="GM5266" s="91"/>
      <c r="GN5266" s="91"/>
      <c r="GO5266" s="91"/>
      <c r="GP5266" s="91"/>
      <c r="GQ5266" s="91"/>
      <c r="GR5266" s="91"/>
      <c r="GS5266" s="91"/>
      <c r="GT5266" s="91"/>
      <c r="GU5266" s="91"/>
      <c r="GV5266" s="91"/>
      <c r="GW5266" s="91"/>
      <c r="GX5266" s="127"/>
      <c r="GY5266" s="126"/>
      <c r="GZ5266" s="91"/>
      <c r="HA5266" s="91"/>
      <c r="HB5266" s="91"/>
      <c r="HC5266" s="91"/>
      <c r="HD5266" s="91"/>
      <c r="HE5266" s="91"/>
      <c r="HF5266" s="91"/>
      <c r="HG5266" s="91"/>
      <c r="HH5266" s="91"/>
      <c r="HI5266" s="91"/>
      <c r="HJ5266" s="91"/>
      <c r="HK5266" s="127"/>
      <c r="HL5266" s="126"/>
      <c r="HM5266" s="91"/>
      <c r="HN5266" s="91"/>
      <c r="HO5266" s="91"/>
      <c r="HP5266" s="91"/>
      <c r="HQ5266" s="91"/>
      <c r="HR5266" s="91"/>
      <c r="HS5266" s="91"/>
      <c r="HT5266" s="91"/>
      <c r="HU5266" s="91"/>
      <c r="HV5266" s="91"/>
      <c r="HW5266" s="91"/>
      <c r="HX5266" s="127"/>
      <c r="HY5266" s="126"/>
      <c r="HZ5266" s="91"/>
      <c r="IA5266" s="91"/>
      <c r="IB5266" s="91"/>
      <c r="IC5266" s="91"/>
      <c r="ID5266" s="91"/>
      <c r="IE5266" s="91"/>
      <c r="IF5266" s="91"/>
      <c r="IG5266" s="91"/>
      <c r="IH5266" s="91"/>
      <c r="II5266" s="91"/>
      <c r="IJ5266" s="91"/>
      <c r="IK5266" s="174"/>
    </row>
    <row r="5267" spans="2:245" x14ac:dyDescent="0.2">
      <c r="B5267" s="43"/>
      <c r="C5267" s="73"/>
      <c r="D5267" s="64"/>
      <c r="E5267" s="64"/>
      <c r="F5267" s="55"/>
      <c r="G5267" s="102"/>
      <c r="H5267" s="97"/>
      <c r="T5267" s="98"/>
      <c r="U5267" s="97"/>
      <c r="AG5267" s="98"/>
      <c r="AY5267" s="164"/>
      <c r="BK5267" s="98"/>
      <c r="BL5267" s="97"/>
      <c r="BX5267" s="98"/>
      <c r="CL5267" s="97"/>
      <c r="CX5267" s="98"/>
      <c r="DL5267" s="97"/>
      <c r="DX5267" s="98"/>
      <c r="EL5267" s="97"/>
      <c r="EX5267" s="98"/>
      <c r="EY5267" s="97"/>
      <c r="FL5267" s="126"/>
      <c r="FM5267" s="91"/>
      <c r="FN5267" s="91"/>
      <c r="FO5267" s="91"/>
      <c r="FP5267" s="91"/>
      <c r="FQ5267" s="91"/>
      <c r="FR5267" s="91"/>
      <c r="FS5267" s="91"/>
      <c r="FT5267" s="91"/>
      <c r="FU5267" s="91"/>
      <c r="FV5267" s="91"/>
      <c r="FW5267" s="91"/>
      <c r="FX5267" s="127"/>
      <c r="FY5267" s="126"/>
      <c r="FZ5267" s="91"/>
      <c r="GA5267" s="91"/>
      <c r="GB5267" s="91"/>
      <c r="GC5267" s="91"/>
      <c r="GD5267" s="91"/>
      <c r="GE5267" s="91"/>
      <c r="GF5267" s="91"/>
      <c r="GG5267" s="91"/>
      <c r="GH5267" s="91"/>
      <c r="GI5267" s="91"/>
      <c r="GJ5267" s="91"/>
      <c r="GK5267" s="127"/>
      <c r="GL5267" s="126"/>
      <c r="GM5267" s="91"/>
      <c r="GN5267" s="91"/>
      <c r="GO5267" s="91"/>
      <c r="GP5267" s="91"/>
      <c r="GQ5267" s="91"/>
      <c r="GR5267" s="91"/>
      <c r="GS5267" s="91"/>
      <c r="GT5267" s="91"/>
      <c r="GU5267" s="91"/>
      <c r="GV5267" s="91"/>
      <c r="GW5267" s="91"/>
      <c r="GX5267" s="127"/>
      <c r="GY5267" s="126"/>
      <c r="GZ5267" s="91"/>
      <c r="HA5267" s="91"/>
      <c r="HB5267" s="91"/>
      <c r="HC5267" s="91"/>
      <c r="HD5267" s="91"/>
      <c r="HE5267" s="91"/>
      <c r="HF5267" s="91"/>
      <c r="HG5267" s="91"/>
      <c r="HH5267" s="91"/>
      <c r="HI5267" s="91"/>
      <c r="HJ5267" s="91"/>
      <c r="HK5267" s="127"/>
      <c r="HL5267" s="126"/>
      <c r="HM5267" s="91"/>
      <c r="HN5267" s="91"/>
      <c r="HO5267" s="91"/>
      <c r="HP5267" s="91"/>
      <c r="HQ5267" s="91"/>
      <c r="HR5267" s="91"/>
      <c r="HS5267" s="91"/>
      <c r="HT5267" s="91"/>
      <c r="HU5267" s="91"/>
      <c r="HV5267" s="91"/>
      <c r="HW5267" s="91"/>
      <c r="HX5267" s="127"/>
      <c r="HY5267" s="126"/>
      <c r="HZ5267" s="91"/>
      <c r="IA5267" s="91"/>
      <c r="IB5267" s="91"/>
      <c r="IC5267" s="91"/>
      <c r="ID5267" s="91"/>
      <c r="IE5267" s="91"/>
      <c r="IF5267" s="91"/>
      <c r="IG5267" s="91"/>
      <c r="IH5267" s="91"/>
      <c r="II5267" s="91"/>
      <c r="IJ5267" s="91"/>
      <c r="IK5267" s="174"/>
    </row>
    <row r="5268" spans="2:245" x14ac:dyDescent="0.2">
      <c r="B5268" s="43"/>
      <c r="C5268" s="73"/>
      <c r="D5268" s="64"/>
      <c r="E5268" s="64"/>
      <c r="F5268" s="55"/>
      <c r="G5268" s="102"/>
      <c r="H5268" s="97"/>
      <c r="T5268" s="98"/>
      <c r="U5268" s="97"/>
      <c r="AG5268" s="98"/>
      <c r="AY5268" s="164"/>
      <c r="BK5268" s="98"/>
      <c r="BL5268" s="97"/>
      <c r="BX5268" s="98"/>
      <c r="CL5268" s="97"/>
      <c r="CX5268" s="98"/>
      <c r="DL5268" s="97"/>
      <c r="DX5268" s="98"/>
      <c r="EL5268" s="97"/>
      <c r="EX5268" s="98"/>
      <c r="EY5268" s="97"/>
      <c r="FL5268" s="126"/>
      <c r="FM5268" s="91"/>
      <c r="FN5268" s="91"/>
      <c r="FO5268" s="91"/>
      <c r="FP5268" s="91"/>
      <c r="FQ5268" s="91"/>
      <c r="FR5268" s="91"/>
      <c r="FS5268" s="91"/>
      <c r="FT5268" s="91"/>
      <c r="FU5268" s="91"/>
      <c r="FV5268" s="91"/>
      <c r="FW5268" s="91"/>
      <c r="FX5268" s="127"/>
      <c r="FY5268" s="126"/>
      <c r="FZ5268" s="91"/>
      <c r="GA5268" s="91"/>
      <c r="GB5268" s="91"/>
      <c r="GC5268" s="91"/>
      <c r="GD5268" s="91"/>
      <c r="GE5268" s="91"/>
      <c r="GF5268" s="91"/>
      <c r="GG5268" s="91"/>
      <c r="GH5268" s="91"/>
      <c r="GI5268" s="91"/>
      <c r="GJ5268" s="91"/>
      <c r="GK5268" s="127"/>
      <c r="GL5268" s="126"/>
      <c r="GM5268" s="91"/>
      <c r="GN5268" s="91"/>
      <c r="GO5268" s="91"/>
      <c r="GP5268" s="91"/>
      <c r="GQ5268" s="91"/>
      <c r="GR5268" s="91"/>
      <c r="GS5268" s="91"/>
      <c r="GT5268" s="91"/>
      <c r="GU5268" s="91"/>
      <c r="GV5268" s="91"/>
      <c r="GW5268" s="91"/>
      <c r="GX5268" s="127"/>
      <c r="GY5268" s="126"/>
      <c r="GZ5268" s="91"/>
      <c r="HA5268" s="91"/>
      <c r="HB5268" s="91"/>
      <c r="HC5268" s="91"/>
      <c r="HD5268" s="91"/>
      <c r="HE5268" s="91"/>
      <c r="HF5268" s="91"/>
      <c r="HG5268" s="91"/>
      <c r="HH5268" s="91"/>
      <c r="HI5268" s="91"/>
      <c r="HJ5268" s="91"/>
      <c r="HK5268" s="127"/>
      <c r="HL5268" s="126"/>
      <c r="HM5268" s="91"/>
      <c r="HN5268" s="91"/>
      <c r="HO5268" s="91"/>
      <c r="HP5268" s="91"/>
      <c r="HQ5268" s="91"/>
      <c r="HR5268" s="91"/>
      <c r="HS5268" s="91"/>
      <c r="HT5268" s="91"/>
      <c r="HU5268" s="91"/>
      <c r="HV5268" s="91"/>
      <c r="HW5268" s="91"/>
      <c r="HX5268" s="127"/>
      <c r="HY5268" s="126"/>
      <c r="HZ5268" s="91"/>
      <c r="IA5268" s="91"/>
      <c r="IB5268" s="91"/>
      <c r="IC5268" s="91"/>
      <c r="ID5268" s="91"/>
      <c r="IE5268" s="91"/>
      <c r="IF5268" s="91"/>
      <c r="IG5268" s="91"/>
      <c r="IH5268" s="91"/>
      <c r="II5268" s="91"/>
      <c r="IJ5268" s="91"/>
      <c r="IK5268" s="174"/>
    </row>
    <row r="5269" spans="2:245" x14ac:dyDescent="0.2">
      <c r="B5269" s="43"/>
      <c r="C5269" s="73"/>
      <c r="D5269" s="64"/>
      <c r="E5269" s="64"/>
      <c r="F5269" s="55"/>
      <c r="G5269" s="102"/>
      <c r="H5269" s="97"/>
      <c r="T5269" s="98"/>
      <c r="U5269" s="97"/>
      <c r="AG5269" s="98"/>
      <c r="AY5269" s="164"/>
      <c r="BK5269" s="98"/>
      <c r="BL5269" s="97"/>
      <c r="BX5269" s="98"/>
      <c r="CL5269" s="97"/>
      <c r="CX5269" s="98"/>
      <c r="DL5269" s="97"/>
      <c r="DX5269" s="98"/>
      <c r="EL5269" s="97"/>
      <c r="EX5269" s="98"/>
      <c r="EY5269" s="97"/>
      <c r="FL5269" s="126"/>
      <c r="FM5269" s="91"/>
      <c r="FN5269" s="91"/>
      <c r="FO5269" s="91"/>
      <c r="FP5269" s="91"/>
      <c r="FQ5269" s="91"/>
      <c r="FR5269" s="91"/>
      <c r="FS5269" s="91"/>
      <c r="FT5269" s="91"/>
      <c r="FU5269" s="91"/>
      <c r="FV5269" s="91"/>
      <c r="FW5269" s="91"/>
      <c r="FX5269" s="127"/>
      <c r="FY5269" s="126"/>
      <c r="FZ5269" s="91"/>
      <c r="GA5269" s="91"/>
      <c r="GB5269" s="91"/>
      <c r="GC5269" s="91"/>
      <c r="GD5269" s="91"/>
      <c r="GE5269" s="91"/>
      <c r="GF5269" s="91"/>
      <c r="GG5269" s="91"/>
      <c r="GH5269" s="91"/>
      <c r="GI5269" s="91"/>
      <c r="GJ5269" s="91"/>
      <c r="GK5269" s="127"/>
      <c r="GL5269" s="126"/>
      <c r="GM5269" s="91"/>
      <c r="GN5269" s="91"/>
      <c r="GO5269" s="91"/>
      <c r="GP5269" s="91"/>
      <c r="GQ5269" s="91"/>
      <c r="GR5269" s="91"/>
      <c r="GS5269" s="91"/>
      <c r="GT5269" s="91"/>
      <c r="GU5269" s="91"/>
      <c r="GV5269" s="91"/>
      <c r="GW5269" s="91"/>
      <c r="GX5269" s="127"/>
      <c r="GY5269" s="126"/>
      <c r="GZ5269" s="91"/>
      <c r="HA5269" s="91"/>
      <c r="HB5269" s="91"/>
      <c r="HC5269" s="91"/>
      <c r="HD5269" s="91"/>
      <c r="HE5269" s="91"/>
      <c r="HF5269" s="91"/>
      <c r="HG5269" s="91"/>
      <c r="HH5269" s="91"/>
      <c r="HI5269" s="91"/>
      <c r="HJ5269" s="91"/>
      <c r="HK5269" s="127"/>
      <c r="HL5269" s="126"/>
      <c r="HM5269" s="91"/>
      <c r="HN5269" s="91"/>
      <c r="HO5269" s="91"/>
      <c r="HP5269" s="91"/>
      <c r="HQ5269" s="91"/>
      <c r="HR5269" s="91"/>
      <c r="HS5269" s="91"/>
      <c r="HT5269" s="91"/>
      <c r="HU5269" s="91"/>
      <c r="HV5269" s="91"/>
      <c r="HW5269" s="91"/>
      <c r="HX5269" s="127"/>
      <c r="HY5269" s="126"/>
      <c r="HZ5269" s="91"/>
      <c r="IA5269" s="91"/>
      <c r="IB5269" s="91"/>
      <c r="IC5269" s="91"/>
      <c r="ID5269" s="91"/>
      <c r="IE5269" s="91"/>
      <c r="IF5269" s="91"/>
      <c r="IG5269" s="91"/>
      <c r="IH5269" s="91"/>
      <c r="II5269" s="91"/>
      <c r="IJ5269" s="91"/>
      <c r="IK5269" s="174"/>
    </row>
    <row r="5270" spans="2:245" x14ac:dyDescent="0.2">
      <c r="B5270" s="43"/>
      <c r="C5270" s="73"/>
      <c r="D5270" s="64"/>
      <c r="E5270" s="64"/>
      <c r="F5270" s="55"/>
      <c r="G5270" s="102"/>
      <c r="H5270" s="97"/>
      <c r="T5270" s="98"/>
      <c r="U5270" s="97"/>
      <c r="AG5270" s="98"/>
      <c r="AY5270" s="164"/>
      <c r="BK5270" s="98"/>
      <c r="BL5270" s="97"/>
      <c r="BX5270" s="98"/>
      <c r="CL5270" s="97"/>
      <c r="CX5270" s="98"/>
      <c r="DL5270" s="97"/>
      <c r="DX5270" s="98"/>
      <c r="EL5270" s="97"/>
      <c r="EX5270" s="98"/>
      <c r="EY5270" s="97"/>
      <c r="FL5270" s="126"/>
      <c r="FM5270" s="91"/>
      <c r="FN5270" s="91"/>
      <c r="FO5270" s="91"/>
      <c r="FP5270" s="91"/>
      <c r="FQ5270" s="91"/>
      <c r="FR5270" s="91"/>
      <c r="FS5270" s="91"/>
      <c r="FT5270" s="91"/>
      <c r="FU5270" s="91"/>
      <c r="FV5270" s="91"/>
      <c r="FW5270" s="91"/>
      <c r="FX5270" s="127"/>
      <c r="FY5270" s="126"/>
      <c r="FZ5270" s="91"/>
      <c r="GA5270" s="91"/>
      <c r="GB5270" s="91"/>
      <c r="GC5270" s="91"/>
      <c r="GD5270" s="91"/>
      <c r="GE5270" s="91"/>
      <c r="GF5270" s="91"/>
      <c r="GG5270" s="91"/>
      <c r="GH5270" s="91"/>
      <c r="GI5270" s="91"/>
      <c r="GJ5270" s="91"/>
      <c r="GK5270" s="127"/>
      <c r="GL5270" s="126"/>
      <c r="GM5270" s="91"/>
      <c r="GN5270" s="91"/>
      <c r="GO5270" s="91"/>
      <c r="GP5270" s="91"/>
      <c r="GQ5270" s="91"/>
      <c r="GR5270" s="91"/>
      <c r="GS5270" s="91"/>
      <c r="GT5270" s="91"/>
      <c r="GU5270" s="91"/>
      <c r="GV5270" s="91"/>
      <c r="GW5270" s="91"/>
      <c r="GX5270" s="127"/>
      <c r="GY5270" s="126"/>
      <c r="GZ5270" s="91"/>
      <c r="HA5270" s="91"/>
      <c r="HB5270" s="91"/>
      <c r="HC5270" s="91"/>
      <c r="HD5270" s="91"/>
      <c r="HE5270" s="91"/>
      <c r="HF5270" s="91"/>
      <c r="HG5270" s="91"/>
      <c r="HH5270" s="91"/>
      <c r="HI5270" s="91"/>
      <c r="HJ5270" s="91"/>
      <c r="HK5270" s="127"/>
      <c r="HL5270" s="126"/>
      <c r="HM5270" s="91"/>
      <c r="HN5270" s="91"/>
      <c r="HO5270" s="91"/>
      <c r="HP5270" s="91"/>
      <c r="HQ5270" s="91"/>
      <c r="HR5270" s="91"/>
      <c r="HS5270" s="91"/>
      <c r="HT5270" s="91"/>
      <c r="HU5270" s="91"/>
      <c r="HV5270" s="91"/>
      <c r="HW5270" s="91"/>
      <c r="HX5270" s="127"/>
      <c r="HY5270" s="126"/>
      <c r="HZ5270" s="91"/>
      <c r="IA5270" s="91"/>
      <c r="IB5270" s="91"/>
      <c r="IC5270" s="91"/>
      <c r="ID5270" s="91"/>
      <c r="IE5270" s="91"/>
      <c r="IF5270" s="91"/>
      <c r="IG5270" s="91"/>
      <c r="IH5270" s="91"/>
      <c r="II5270" s="91"/>
      <c r="IJ5270" s="91"/>
      <c r="IK5270" s="174"/>
    </row>
    <row r="5271" spans="2:245" x14ac:dyDescent="0.2">
      <c r="B5271" s="43"/>
      <c r="C5271" s="73"/>
      <c r="D5271" s="64"/>
      <c r="E5271" s="64"/>
      <c r="F5271" s="55"/>
      <c r="G5271" s="102"/>
      <c r="H5271" s="97"/>
      <c r="T5271" s="98"/>
      <c r="U5271" s="97"/>
      <c r="AG5271" s="98"/>
      <c r="AY5271" s="164"/>
      <c r="BK5271" s="98"/>
      <c r="BL5271" s="97"/>
      <c r="BX5271" s="98"/>
      <c r="CL5271" s="97"/>
      <c r="CX5271" s="98"/>
      <c r="DL5271" s="97"/>
      <c r="DX5271" s="98"/>
      <c r="EL5271" s="97"/>
      <c r="EX5271" s="98"/>
      <c r="EY5271" s="97"/>
      <c r="FL5271" s="126"/>
      <c r="FM5271" s="91"/>
      <c r="FN5271" s="91"/>
      <c r="FO5271" s="91"/>
      <c r="FP5271" s="91"/>
      <c r="FQ5271" s="91"/>
      <c r="FR5271" s="91"/>
      <c r="FS5271" s="91"/>
      <c r="FT5271" s="91"/>
      <c r="FU5271" s="91"/>
      <c r="FV5271" s="91"/>
      <c r="FW5271" s="91"/>
      <c r="FX5271" s="127"/>
      <c r="FY5271" s="126"/>
      <c r="FZ5271" s="91"/>
      <c r="GA5271" s="91"/>
      <c r="GB5271" s="91"/>
      <c r="GC5271" s="91"/>
      <c r="GD5271" s="91"/>
      <c r="GE5271" s="91"/>
      <c r="GF5271" s="91"/>
      <c r="GG5271" s="91"/>
      <c r="GH5271" s="91"/>
      <c r="GI5271" s="91"/>
      <c r="GJ5271" s="91"/>
      <c r="GK5271" s="127"/>
      <c r="GL5271" s="126"/>
      <c r="GM5271" s="91"/>
      <c r="GN5271" s="91"/>
      <c r="GO5271" s="91"/>
      <c r="GP5271" s="91"/>
      <c r="GQ5271" s="91"/>
      <c r="GR5271" s="91"/>
      <c r="GS5271" s="91"/>
      <c r="GT5271" s="91"/>
      <c r="GU5271" s="91"/>
      <c r="GV5271" s="91"/>
      <c r="GW5271" s="91"/>
      <c r="GX5271" s="127"/>
      <c r="GY5271" s="126"/>
      <c r="GZ5271" s="91"/>
      <c r="HA5271" s="91"/>
      <c r="HB5271" s="91"/>
      <c r="HC5271" s="91"/>
      <c r="HD5271" s="91"/>
      <c r="HE5271" s="91"/>
      <c r="HF5271" s="91"/>
      <c r="HG5271" s="91"/>
      <c r="HH5271" s="91"/>
      <c r="HI5271" s="91"/>
      <c r="HJ5271" s="91"/>
      <c r="HK5271" s="127"/>
      <c r="HL5271" s="126"/>
      <c r="HM5271" s="91"/>
      <c r="HN5271" s="91"/>
      <c r="HO5271" s="91"/>
      <c r="HP5271" s="91"/>
      <c r="HQ5271" s="91"/>
      <c r="HR5271" s="91"/>
      <c r="HS5271" s="91"/>
      <c r="HT5271" s="91"/>
      <c r="HU5271" s="91"/>
      <c r="HV5271" s="91"/>
      <c r="HW5271" s="91"/>
      <c r="HX5271" s="127"/>
      <c r="HY5271" s="126"/>
      <c r="HZ5271" s="91"/>
      <c r="IA5271" s="91"/>
      <c r="IB5271" s="91"/>
      <c r="IC5271" s="91"/>
      <c r="ID5271" s="91"/>
      <c r="IE5271" s="91"/>
      <c r="IF5271" s="91"/>
      <c r="IG5271" s="91"/>
      <c r="IH5271" s="91"/>
      <c r="II5271" s="91"/>
      <c r="IJ5271" s="91"/>
      <c r="IK5271" s="174"/>
    </row>
    <row r="5272" spans="2:245" x14ac:dyDescent="0.2">
      <c r="B5272" s="43"/>
      <c r="C5272" s="73"/>
      <c r="D5272" s="64"/>
      <c r="E5272" s="64"/>
      <c r="F5272" s="55"/>
      <c r="G5272" s="102"/>
      <c r="H5272" s="97"/>
      <c r="T5272" s="98"/>
      <c r="U5272" s="97"/>
      <c r="AG5272" s="98"/>
      <c r="AY5272" s="164"/>
      <c r="BK5272" s="98"/>
      <c r="BL5272" s="97"/>
      <c r="BX5272" s="98"/>
      <c r="CL5272" s="97"/>
      <c r="CX5272" s="98"/>
      <c r="DL5272" s="97"/>
      <c r="DX5272" s="98"/>
      <c r="EL5272" s="97"/>
      <c r="EX5272" s="98"/>
      <c r="EY5272" s="97"/>
      <c r="FL5272" s="126"/>
      <c r="FM5272" s="91"/>
      <c r="FN5272" s="91"/>
      <c r="FO5272" s="91"/>
      <c r="FP5272" s="91"/>
      <c r="FQ5272" s="91"/>
      <c r="FR5272" s="91"/>
      <c r="FS5272" s="91"/>
      <c r="FT5272" s="91"/>
      <c r="FU5272" s="91"/>
      <c r="FV5272" s="91"/>
      <c r="FW5272" s="91"/>
      <c r="FX5272" s="127"/>
      <c r="FY5272" s="126"/>
      <c r="FZ5272" s="91"/>
      <c r="GA5272" s="91"/>
      <c r="GB5272" s="91"/>
      <c r="GC5272" s="91"/>
      <c r="GD5272" s="91"/>
      <c r="GE5272" s="91"/>
      <c r="GF5272" s="91"/>
      <c r="GG5272" s="91"/>
      <c r="GH5272" s="91"/>
      <c r="GI5272" s="91"/>
      <c r="GJ5272" s="91"/>
      <c r="GK5272" s="127"/>
      <c r="GL5272" s="126"/>
      <c r="GM5272" s="91"/>
      <c r="GN5272" s="91"/>
      <c r="GO5272" s="91"/>
      <c r="GP5272" s="91"/>
      <c r="GQ5272" s="91"/>
      <c r="GR5272" s="91"/>
      <c r="GS5272" s="91"/>
      <c r="GT5272" s="91"/>
      <c r="GU5272" s="91"/>
      <c r="GV5272" s="91"/>
      <c r="GW5272" s="91"/>
      <c r="GX5272" s="127"/>
      <c r="GY5272" s="126"/>
      <c r="GZ5272" s="91"/>
      <c r="HA5272" s="91"/>
      <c r="HB5272" s="91"/>
      <c r="HC5272" s="91"/>
      <c r="HD5272" s="91"/>
      <c r="HE5272" s="91"/>
      <c r="HF5272" s="91"/>
      <c r="HG5272" s="91"/>
      <c r="HH5272" s="91"/>
      <c r="HI5272" s="91"/>
      <c r="HJ5272" s="91"/>
      <c r="HK5272" s="127"/>
      <c r="HL5272" s="126"/>
      <c r="HM5272" s="91"/>
      <c r="HN5272" s="91"/>
      <c r="HO5272" s="91"/>
      <c r="HP5272" s="91"/>
      <c r="HQ5272" s="91"/>
      <c r="HR5272" s="91"/>
      <c r="HS5272" s="91"/>
      <c r="HT5272" s="91"/>
      <c r="HU5272" s="91"/>
      <c r="HV5272" s="91"/>
      <c r="HW5272" s="91"/>
      <c r="HX5272" s="127"/>
      <c r="HY5272" s="126"/>
      <c r="HZ5272" s="91"/>
      <c r="IA5272" s="91"/>
      <c r="IB5272" s="91"/>
      <c r="IC5272" s="91"/>
      <c r="ID5272" s="91"/>
      <c r="IE5272" s="91"/>
      <c r="IF5272" s="91"/>
      <c r="IG5272" s="91"/>
      <c r="IH5272" s="91"/>
      <c r="II5272" s="91"/>
      <c r="IJ5272" s="91"/>
      <c r="IK5272" s="174"/>
    </row>
    <row r="5273" spans="2:245" x14ac:dyDescent="0.2">
      <c r="B5273" s="43"/>
      <c r="C5273" s="73"/>
      <c r="D5273" s="64"/>
      <c r="E5273" s="64"/>
      <c r="F5273" s="55"/>
      <c r="G5273" s="102"/>
      <c r="H5273" s="97"/>
      <c r="T5273" s="98"/>
      <c r="U5273" s="97"/>
      <c r="AG5273" s="98"/>
      <c r="AY5273" s="164"/>
      <c r="BK5273" s="98"/>
      <c r="BL5273" s="97"/>
      <c r="BX5273" s="98"/>
      <c r="CL5273" s="97"/>
      <c r="CX5273" s="98"/>
      <c r="DL5273" s="97"/>
      <c r="DX5273" s="98"/>
      <c r="EL5273" s="97"/>
      <c r="EX5273" s="98"/>
      <c r="EY5273" s="97"/>
      <c r="FL5273" s="126"/>
      <c r="FM5273" s="91"/>
      <c r="FN5273" s="91"/>
      <c r="FO5273" s="91"/>
      <c r="FP5273" s="91"/>
      <c r="FQ5273" s="91"/>
      <c r="FR5273" s="91"/>
      <c r="FS5273" s="91"/>
      <c r="FT5273" s="91"/>
      <c r="FU5273" s="91"/>
      <c r="FV5273" s="91"/>
      <c r="FW5273" s="91"/>
      <c r="FX5273" s="127"/>
      <c r="FY5273" s="126"/>
      <c r="FZ5273" s="91"/>
      <c r="GA5273" s="91"/>
      <c r="GB5273" s="91"/>
      <c r="GC5273" s="91"/>
      <c r="GD5273" s="91"/>
      <c r="GE5273" s="91"/>
      <c r="GF5273" s="91"/>
      <c r="GG5273" s="91"/>
      <c r="GH5273" s="91"/>
      <c r="GI5273" s="91"/>
      <c r="GJ5273" s="91"/>
      <c r="GK5273" s="127"/>
      <c r="GL5273" s="126"/>
      <c r="GM5273" s="91"/>
      <c r="GN5273" s="91"/>
      <c r="GO5273" s="91"/>
      <c r="GP5273" s="91"/>
      <c r="GQ5273" s="91"/>
      <c r="GR5273" s="91"/>
      <c r="GS5273" s="91"/>
      <c r="GT5273" s="91"/>
      <c r="GU5273" s="91"/>
      <c r="GV5273" s="91"/>
      <c r="GW5273" s="91"/>
      <c r="GX5273" s="127"/>
      <c r="GY5273" s="126"/>
      <c r="GZ5273" s="91"/>
      <c r="HA5273" s="91"/>
      <c r="HB5273" s="91"/>
      <c r="HC5273" s="91"/>
      <c r="HD5273" s="91"/>
      <c r="HE5273" s="91"/>
      <c r="HF5273" s="91"/>
      <c r="HG5273" s="91"/>
      <c r="HH5273" s="91"/>
      <c r="HI5273" s="91"/>
      <c r="HJ5273" s="91"/>
      <c r="HK5273" s="127"/>
      <c r="HL5273" s="126"/>
      <c r="HM5273" s="91"/>
      <c r="HN5273" s="91"/>
      <c r="HO5273" s="91"/>
      <c r="HP5273" s="91"/>
      <c r="HQ5273" s="91"/>
      <c r="HR5273" s="91"/>
      <c r="HS5273" s="91"/>
      <c r="HT5273" s="91"/>
      <c r="HU5273" s="91"/>
      <c r="HV5273" s="91"/>
      <c r="HW5273" s="91"/>
      <c r="HX5273" s="127"/>
      <c r="HY5273" s="126"/>
      <c r="HZ5273" s="91"/>
      <c r="IA5273" s="91"/>
      <c r="IB5273" s="91"/>
      <c r="IC5273" s="91"/>
      <c r="ID5273" s="91"/>
      <c r="IE5273" s="91"/>
      <c r="IF5273" s="91"/>
      <c r="IG5273" s="91"/>
      <c r="IH5273" s="91"/>
      <c r="II5273" s="91"/>
      <c r="IJ5273" s="91"/>
      <c r="IK5273" s="174"/>
    </row>
    <row r="5274" spans="2:245" x14ac:dyDescent="0.2">
      <c r="B5274" s="43"/>
      <c r="C5274" s="73"/>
      <c r="D5274" s="64"/>
      <c r="E5274" s="64"/>
      <c r="F5274" s="55"/>
      <c r="G5274" s="102"/>
      <c r="H5274" s="97"/>
      <c r="T5274" s="98"/>
      <c r="U5274" s="97"/>
      <c r="AG5274" s="98"/>
      <c r="AY5274" s="164"/>
      <c r="BK5274" s="98"/>
      <c r="BL5274" s="97"/>
      <c r="BX5274" s="98"/>
      <c r="CL5274" s="97"/>
      <c r="CX5274" s="98"/>
      <c r="DL5274" s="97"/>
      <c r="DX5274" s="98"/>
      <c r="EL5274" s="97"/>
      <c r="EX5274" s="98"/>
      <c r="EY5274" s="97"/>
      <c r="FL5274" s="126"/>
      <c r="FM5274" s="91"/>
      <c r="FN5274" s="91"/>
      <c r="FO5274" s="91"/>
      <c r="FP5274" s="91"/>
      <c r="FQ5274" s="91"/>
      <c r="FR5274" s="91"/>
      <c r="FS5274" s="91"/>
      <c r="FT5274" s="91"/>
      <c r="FU5274" s="91"/>
      <c r="FV5274" s="91"/>
      <c r="FW5274" s="91"/>
      <c r="FX5274" s="127"/>
      <c r="FY5274" s="126"/>
      <c r="FZ5274" s="91"/>
      <c r="GA5274" s="91"/>
      <c r="GB5274" s="91"/>
      <c r="GC5274" s="91"/>
      <c r="GD5274" s="91"/>
      <c r="GE5274" s="91"/>
      <c r="GF5274" s="91"/>
      <c r="GG5274" s="91"/>
      <c r="GH5274" s="91"/>
      <c r="GI5274" s="91"/>
      <c r="GJ5274" s="91"/>
      <c r="GK5274" s="127"/>
      <c r="GL5274" s="126"/>
      <c r="GM5274" s="91"/>
      <c r="GN5274" s="91"/>
      <c r="GO5274" s="91"/>
      <c r="GP5274" s="91"/>
      <c r="GQ5274" s="91"/>
      <c r="GR5274" s="91"/>
      <c r="GS5274" s="91"/>
      <c r="GT5274" s="91"/>
      <c r="GU5274" s="91"/>
      <c r="GV5274" s="91"/>
      <c r="GW5274" s="91"/>
      <c r="GX5274" s="127"/>
      <c r="GY5274" s="126"/>
      <c r="GZ5274" s="91"/>
      <c r="HA5274" s="91"/>
      <c r="HB5274" s="91"/>
      <c r="HC5274" s="91"/>
      <c r="HD5274" s="91"/>
      <c r="HE5274" s="91"/>
      <c r="HF5274" s="91"/>
      <c r="HG5274" s="91"/>
      <c r="HH5274" s="91"/>
      <c r="HI5274" s="91"/>
      <c r="HJ5274" s="91"/>
      <c r="HK5274" s="127"/>
      <c r="HL5274" s="126"/>
      <c r="HM5274" s="91"/>
      <c r="HN5274" s="91"/>
      <c r="HO5274" s="91"/>
      <c r="HP5274" s="91"/>
      <c r="HQ5274" s="91"/>
      <c r="HR5274" s="91"/>
      <c r="HS5274" s="91"/>
      <c r="HT5274" s="91"/>
      <c r="HU5274" s="91"/>
      <c r="HV5274" s="91"/>
      <c r="HW5274" s="91"/>
      <c r="HX5274" s="127"/>
      <c r="HY5274" s="126"/>
      <c r="HZ5274" s="91"/>
      <c r="IA5274" s="91"/>
      <c r="IB5274" s="91"/>
      <c r="IC5274" s="91"/>
      <c r="ID5274" s="91"/>
      <c r="IE5274" s="91"/>
      <c r="IF5274" s="91"/>
      <c r="IG5274" s="91"/>
      <c r="IH5274" s="91"/>
      <c r="II5274" s="91"/>
      <c r="IJ5274" s="91"/>
      <c r="IK5274" s="174"/>
    </row>
    <row r="5275" spans="2:245" x14ac:dyDescent="0.2">
      <c r="B5275" s="43"/>
      <c r="C5275" s="73"/>
      <c r="D5275" s="64"/>
      <c r="E5275" s="64"/>
      <c r="F5275" s="55"/>
      <c r="G5275" s="102"/>
      <c r="H5275" s="97"/>
      <c r="T5275" s="98"/>
      <c r="U5275" s="97"/>
      <c r="AG5275" s="98"/>
      <c r="AY5275" s="164"/>
      <c r="BK5275" s="98"/>
      <c r="BL5275" s="97"/>
      <c r="BX5275" s="98"/>
      <c r="CL5275" s="97"/>
      <c r="CX5275" s="98"/>
      <c r="DL5275" s="97"/>
      <c r="DX5275" s="98"/>
      <c r="EL5275" s="97"/>
      <c r="EX5275" s="98"/>
      <c r="EY5275" s="97"/>
      <c r="FL5275" s="126"/>
      <c r="FM5275" s="91"/>
      <c r="FN5275" s="91"/>
      <c r="FO5275" s="91"/>
      <c r="FP5275" s="91"/>
      <c r="FQ5275" s="91"/>
      <c r="FR5275" s="91"/>
      <c r="FS5275" s="91"/>
      <c r="FT5275" s="91"/>
      <c r="FU5275" s="91"/>
      <c r="FV5275" s="91"/>
      <c r="FW5275" s="91"/>
      <c r="FX5275" s="127"/>
      <c r="FY5275" s="126"/>
      <c r="FZ5275" s="91"/>
      <c r="GA5275" s="91"/>
      <c r="GB5275" s="91"/>
      <c r="GC5275" s="91"/>
      <c r="GD5275" s="91"/>
      <c r="GE5275" s="91"/>
      <c r="GF5275" s="91"/>
      <c r="GG5275" s="91"/>
      <c r="GH5275" s="91"/>
      <c r="GI5275" s="91"/>
      <c r="GJ5275" s="91"/>
      <c r="GK5275" s="127"/>
      <c r="GL5275" s="126"/>
      <c r="GM5275" s="91"/>
      <c r="GN5275" s="91"/>
      <c r="GO5275" s="91"/>
      <c r="GP5275" s="91"/>
      <c r="GQ5275" s="91"/>
      <c r="GR5275" s="91"/>
      <c r="GS5275" s="91"/>
      <c r="GT5275" s="91"/>
      <c r="GU5275" s="91"/>
      <c r="GV5275" s="91"/>
      <c r="GW5275" s="91"/>
      <c r="GX5275" s="127"/>
      <c r="GY5275" s="126"/>
      <c r="GZ5275" s="91"/>
      <c r="HA5275" s="91"/>
      <c r="HB5275" s="91"/>
      <c r="HC5275" s="91"/>
      <c r="HD5275" s="91"/>
      <c r="HE5275" s="91"/>
      <c r="HF5275" s="91"/>
      <c r="HG5275" s="91"/>
      <c r="HH5275" s="91"/>
      <c r="HI5275" s="91"/>
      <c r="HJ5275" s="91"/>
      <c r="HK5275" s="127"/>
      <c r="HL5275" s="126"/>
      <c r="HM5275" s="91"/>
      <c r="HN5275" s="91"/>
      <c r="HO5275" s="91"/>
      <c r="HP5275" s="91"/>
      <c r="HQ5275" s="91"/>
      <c r="HR5275" s="91"/>
      <c r="HS5275" s="91"/>
      <c r="HT5275" s="91"/>
      <c r="HU5275" s="91"/>
      <c r="HV5275" s="91"/>
      <c r="HW5275" s="91"/>
      <c r="HX5275" s="127"/>
      <c r="HY5275" s="126"/>
      <c r="HZ5275" s="91"/>
      <c r="IA5275" s="91"/>
      <c r="IB5275" s="91"/>
      <c r="IC5275" s="91"/>
      <c r="ID5275" s="91"/>
      <c r="IE5275" s="91"/>
      <c r="IF5275" s="91"/>
      <c r="IG5275" s="91"/>
      <c r="IH5275" s="91"/>
      <c r="II5275" s="91"/>
      <c r="IJ5275" s="91"/>
      <c r="IK5275" s="174"/>
    </row>
    <row r="5276" spans="2:245" x14ac:dyDescent="0.2">
      <c r="B5276" s="43"/>
      <c r="C5276" s="73"/>
      <c r="D5276" s="64"/>
      <c r="E5276" s="64"/>
      <c r="F5276" s="55"/>
      <c r="G5276" s="102"/>
      <c r="H5276" s="97"/>
      <c r="T5276" s="98"/>
      <c r="U5276" s="97"/>
      <c r="AG5276" s="98"/>
      <c r="AY5276" s="164"/>
      <c r="BK5276" s="98"/>
      <c r="BL5276" s="97"/>
      <c r="BX5276" s="98"/>
      <c r="CL5276" s="97"/>
      <c r="CX5276" s="98"/>
      <c r="DL5276" s="97"/>
      <c r="DX5276" s="98"/>
      <c r="EL5276" s="97"/>
      <c r="EX5276" s="98"/>
      <c r="EY5276" s="97"/>
      <c r="FL5276" s="126"/>
      <c r="FM5276" s="91"/>
      <c r="FN5276" s="91"/>
      <c r="FO5276" s="91"/>
      <c r="FP5276" s="91"/>
      <c r="FQ5276" s="91"/>
      <c r="FR5276" s="91"/>
      <c r="FS5276" s="91"/>
      <c r="FT5276" s="91"/>
      <c r="FU5276" s="91"/>
      <c r="FV5276" s="91"/>
      <c r="FW5276" s="91"/>
      <c r="FX5276" s="127"/>
      <c r="FY5276" s="126"/>
      <c r="FZ5276" s="91"/>
      <c r="GA5276" s="91"/>
      <c r="GB5276" s="91"/>
      <c r="GC5276" s="91"/>
      <c r="GD5276" s="91"/>
      <c r="GE5276" s="91"/>
      <c r="GF5276" s="91"/>
      <c r="GG5276" s="91"/>
      <c r="GH5276" s="91"/>
      <c r="GI5276" s="91"/>
      <c r="GJ5276" s="91"/>
      <c r="GK5276" s="127"/>
      <c r="GL5276" s="126"/>
      <c r="GM5276" s="91"/>
      <c r="GN5276" s="91"/>
      <c r="GO5276" s="91"/>
      <c r="GP5276" s="91"/>
      <c r="GQ5276" s="91"/>
      <c r="GR5276" s="91"/>
      <c r="GS5276" s="91"/>
      <c r="GT5276" s="91"/>
      <c r="GU5276" s="91"/>
      <c r="GV5276" s="91"/>
      <c r="GW5276" s="91"/>
      <c r="GX5276" s="127"/>
      <c r="GY5276" s="126"/>
      <c r="GZ5276" s="91"/>
      <c r="HA5276" s="91"/>
      <c r="HB5276" s="91"/>
      <c r="HC5276" s="91"/>
      <c r="HD5276" s="91"/>
      <c r="HE5276" s="91"/>
      <c r="HF5276" s="91"/>
      <c r="HG5276" s="91"/>
      <c r="HH5276" s="91"/>
      <c r="HI5276" s="91"/>
      <c r="HJ5276" s="91"/>
      <c r="HK5276" s="127"/>
      <c r="HL5276" s="126"/>
      <c r="HM5276" s="91"/>
      <c r="HN5276" s="91"/>
      <c r="HO5276" s="91"/>
      <c r="HP5276" s="91"/>
      <c r="HQ5276" s="91"/>
      <c r="HR5276" s="91"/>
      <c r="HS5276" s="91"/>
      <c r="HT5276" s="91"/>
      <c r="HU5276" s="91"/>
      <c r="HV5276" s="91"/>
      <c r="HW5276" s="91"/>
      <c r="HX5276" s="127"/>
      <c r="HY5276" s="126"/>
      <c r="HZ5276" s="91"/>
      <c r="IA5276" s="91"/>
      <c r="IB5276" s="91"/>
      <c r="IC5276" s="91"/>
      <c r="ID5276" s="91"/>
      <c r="IE5276" s="91"/>
      <c r="IF5276" s="91"/>
      <c r="IG5276" s="91"/>
      <c r="IH5276" s="91"/>
      <c r="II5276" s="91"/>
      <c r="IJ5276" s="91"/>
      <c r="IK5276" s="174"/>
    </row>
    <row r="5277" spans="2:245" x14ac:dyDescent="0.2">
      <c r="B5277" s="43"/>
      <c r="C5277" s="73"/>
      <c r="D5277" s="64"/>
      <c r="E5277" s="64"/>
      <c r="F5277" s="55"/>
      <c r="G5277" s="102"/>
      <c r="H5277" s="97"/>
      <c r="T5277" s="98"/>
      <c r="U5277" s="97"/>
      <c r="AG5277" s="98"/>
      <c r="AY5277" s="164"/>
      <c r="BK5277" s="98"/>
      <c r="BL5277" s="97"/>
      <c r="BX5277" s="98"/>
      <c r="CL5277" s="97"/>
      <c r="CX5277" s="98"/>
      <c r="DL5277" s="97"/>
      <c r="DX5277" s="98"/>
      <c r="EL5277" s="97"/>
      <c r="EX5277" s="98"/>
      <c r="EY5277" s="97"/>
      <c r="FL5277" s="126"/>
      <c r="FM5277" s="91"/>
      <c r="FN5277" s="91"/>
      <c r="FO5277" s="91"/>
      <c r="FP5277" s="91"/>
      <c r="FQ5277" s="91"/>
      <c r="FR5277" s="91"/>
      <c r="FS5277" s="91"/>
      <c r="FT5277" s="91"/>
      <c r="FU5277" s="91"/>
      <c r="FV5277" s="91"/>
      <c r="FW5277" s="91"/>
      <c r="FX5277" s="127"/>
      <c r="FY5277" s="126"/>
      <c r="FZ5277" s="91"/>
      <c r="GA5277" s="91"/>
      <c r="GB5277" s="91"/>
      <c r="GC5277" s="91"/>
      <c r="GD5277" s="91"/>
      <c r="GE5277" s="91"/>
      <c r="GF5277" s="91"/>
      <c r="GG5277" s="91"/>
      <c r="GH5277" s="91"/>
      <c r="GI5277" s="91"/>
      <c r="GJ5277" s="91"/>
      <c r="GK5277" s="127"/>
      <c r="GL5277" s="126"/>
      <c r="GM5277" s="91"/>
      <c r="GN5277" s="91"/>
      <c r="GO5277" s="91"/>
      <c r="GP5277" s="91"/>
      <c r="GQ5277" s="91"/>
      <c r="GR5277" s="91"/>
      <c r="GS5277" s="91"/>
      <c r="GT5277" s="91"/>
      <c r="GU5277" s="91"/>
      <c r="GV5277" s="91"/>
      <c r="GW5277" s="91"/>
      <c r="GX5277" s="127"/>
      <c r="GY5277" s="126"/>
      <c r="GZ5277" s="91"/>
      <c r="HA5277" s="91"/>
      <c r="HB5277" s="91"/>
      <c r="HC5277" s="91"/>
      <c r="HD5277" s="91"/>
      <c r="HE5277" s="91"/>
      <c r="HF5277" s="91"/>
      <c r="HG5277" s="91"/>
      <c r="HH5277" s="91"/>
      <c r="HI5277" s="91"/>
      <c r="HJ5277" s="91"/>
      <c r="HK5277" s="127"/>
      <c r="HL5277" s="126"/>
      <c r="HM5277" s="91"/>
      <c r="HN5277" s="91"/>
      <c r="HO5277" s="91"/>
      <c r="HP5277" s="91"/>
      <c r="HQ5277" s="91"/>
      <c r="HR5277" s="91"/>
      <c r="HS5277" s="91"/>
      <c r="HT5277" s="91"/>
      <c r="HU5277" s="91"/>
      <c r="HV5277" s="91"/>
      <c r="HW5277" s="91"/>
      <c r="HX5277" s="127"/>
      <c r="HY5277" s="126"/>
      <c r="HZ5277" s="91"/>
      <c r="IA5277" s="91"/>
      <c r="IB5277" s="91"/>
      <c r="IC5277" s="91"/>
      <c r="ID5277" s="91"/>
      <c r="IE5277" s="91"/>
      <c r="IF5277" s="91"/>
      <c r="IG5277" s="91"/>
      <c r="IH5277" s="91"/>
      <c r="II5277" s="91"/>
      <c r="IJ5277" s="91"/>
      <c r="IK5277" s="174"/>
    </row>
    <row r="5278" spans="2:245" x14ac:dyDescent="0.2">
      <c r="B5278" s="43"/>
      <c r="C5278" s="73"/>
      <c r="D5278" s="64"/>
      <c r="E5278" s="64"/>
      <c r="F5278" s="55"/>
      <c r="G5278" s="102"/>
      <c r="H5278" s="97"/>
      <c r="T5278" s="98"/>
      <c r="U5278" s="97"/>
      <c r="AG5278" s="98"/>
      <c r="AY5278" s="164"/>
      <c r="BK5278" s="98"/>
      <c r="BL5278" s="97"/>
      <c r="BX5278" s="98"/>
      <c r="CL5278" s="97"/>
      <c r="CX5278" s="98"/>
      <c r="DL5278" s="97"/>
      <c r="DX5278" s="98"/>
      <c r="EL5278" s="97"/>
      <c r="EX5278" s="98"/>
      <c r="EY5278" s="97"/>
      <c r="FL5278" s="126"/>
      <c r="FM5278" s="91"/>
      <c r="FN5278" s="91"/>
      <c r="FO5278" s="91"/>
      <c r="FP5278" s="91"/>
      <c r="FQ5278" s="91"/>
      <c r="FR5278" s="91"/>
      <c r="FS5278" s="91"/>
      <c r="FT5278" s="91"/>
      <c r="FU5278" s="91"/>
      <c r="FV5278" s="91"/>
      <c r="FW5278" s="91"/>
      <c r="FX5278" s="127"/>
      <c r="FY5278" s="126"/>
      <c r="FZ5278" s="91"/>
      <c r="GA5278" s="91"/>
      <c r="GB5278" s="91"/>
      <c r="GC5278" s="91"/>
      <c r="GD5278" s="91"/>
      <c r="GE5278" s="91"/>
      <c r="GF5278" s="91"/>
      <c r="GG5278" s="91"/>
      <c r="GH5278" s="91"/>
      <c r="GI5278" s="91"/>
      <c r="GJ5278" s="91"/>
      <c r="GK5278" s="127"/>
      <c r="GL5278" s="126"/>
      <c r="GM5278" s="91"/>
      <c r="GN5278" s="91"/>
      <c r="GO5278" s="91"/>
      <c r="GP5278" s="91"/>
      <c r="GQ5278" s="91"/>
      <c r="GR5278" s="91"/>
      <c r="GS5278" s="91"/>
      <c r="GT5278" s="91"/>
      <c r="GU5278" s="91"/>
      <c r="GV5278" s="91"/>
      <c r="GW5278" s="91"/>
      <c r="GX5278" s="127"/>
      <c r="GY5278" s="126"/>
      <c r="GZ5278" s="91"/>
      <c r="HA5278" s="91"/>
      <c r="HB5278" s="91"/>
      <c r="HC5278" s="91"/>
      <c r="HD5278" s="91"/>
      <c r="HE5278" s="91"/>
      <c r="HF5278" s="91"/>
      <c r="HG5278" s="91"/>
      <c r="HH5278" s="91"/>
      <c r="HI5278" s="91"/>
      <c r="HJ5278" s="91"/>
      <c r="HK5278" s="127"/>
      <c r="HL5278" s="126"/>
      <c r="HM5278" s="91"/>
      <c r="HN5278" s="91"/>
      <c r="HO5278" s="91"/>
      <c r="HP5278" s="91"/>
      <c r="HQ5278" s="91"/>
      <c r="HR5278" s="91"/>
      <c r="HS5278" s="91"/>
      <c r="HT5278" s="91"/>
      <c r="HU5278" s="91"/>
      <c r="HV5278" s="91"/>
      <c r="HW5278" s="91"/>
      <c r="HX5278" s="127"/>
      <c r="HY5278" s="126"/>
      <c r="HZ5278" s="91"/>
      <c r="IA5278" s="91"/>
      <c r="IB5278" s="91"/>
      <c r="IC5278" s="91"/>
      <c r="ID5278" s="91"/>
      <c r="IE5278" s="91"/>
      <c r="IF5278" s="91"/>
      <c r="IG5278" s="91"/>
      <c r="IH5278" s="91"/>
      <c r="II5278" s="91"/>
      <c r="IJ5278" s="91"/>
      <c r="IK5278" s="174"/>
    </row>
    <row r="5279" spans="2:245" x14ac:dyDescent="0.2">
      <c r="B5279" s="43"/>
      <c r="C5279" s="73"/>
      <c r="D5279" s="64"/>
      <c r="E5279" s="64"/>
      <c r="F5279" s="55"/>
      <c r="G5279" s="102"/>
      <c r="H5279" s="97"/>
      <c r="T5279" s="98"/>
      <c r="U5279" s="97"/>
      <c r="AG5279" s="98"/>
      <c r="AY5279" s="164"/>
      <c r="BK5279" s="98"/>
      <c r="BL5279" s="97"/>
      <c r="BX5279" s="98"/>
      <c r="CL5279" s="97"/>
      <c r="CX5279" s="98"/>
      <c r="DL5279" s="97"/>
      <c r="DX5279" s="98"/>
      <c r="EL5279" s="97"/>
      <c r="EX5279" s="98"/>
      <c r="EY5279" s="97"/>
      <c r="FL5279" s="126"/>
      <c r="FM5279" s="91"/>
      <c r="FN5279" s="91"/>
      <c r="FO5279" s="91"/>
      <c r="FP5279" s="91"/>
      <c r="FQ5279" s="91"/>
      <c r="FR5279" s="91"/>
      <c r="FS5279" s="91"/>
      <c r="FT5279" s="91"/>
      <c r="FU5279" s="91"/>
      <c r="FV5279" s="91"/>
      <c r="FW5279" s="91"/>
      <c r="FX5279" s="127"/>
      <c r="FY5279" s="126"/>
      <c r="FZ5279" s="91"/>
      <c r="GA5279" s="91"/>
      <c r="GB5279" s="91"/>
      <c r="GC5279" s="91"/>
      <c r="GD5279" s="91"/>
      <c r="GE5279" s="91"/>
      <c r="GF5279" s="91"/>
      <c r="GG5279" s="91"/>
      <c r="GH5279" s="91"/>
      <c r="GI5279" s="91"/>
      <c r="GJ5279" s="91"/>
      <c r="GK5279" s="127"/>
      <c r="GL5279" s="126"/>
      <c r="GM5279" s="91"/>
      <c r="GN5279" s="91"/>
      <c r="GO5279" s="91"/>
      <c r="GP5279" s="91"/>
      <c r="GQ5279" s="91"/>
      <c r="GR5279" s="91"/>
      <c r="GS5279" s="91"/>
      <c r="GT5279" s="91"/>
      <c r="GU5279" s="91"/>
      <c r="GV5279" s="91"/>
      <c r="GW5279" s="91"/>
      <c r="GX5279" s="127"/>
      <c r="GY5279" s="126"/>
      <c r="GZ5279" s="91"/>
      <c r="HA5279" s="91"/>
      <c r="HB5279" s="91"/>
      <c r="HC5279" s="91"/>
      <c r="HD5279" s="91"/>
      <c r="HE5279" s="91"/>
      <c r="HF5279" s="91"/>
      <c r="HG5279" s="91"/>
      <c r="HH5279" s="91"/>
      <c r="HI5279" s="91"/>
      <c r="HJ5279" s="91"/>
      <c r="HK5279" s="127"/>
      <c r="HL5279" s="126"/>
      <c r="HM5279" s="91"/>
      <c r="HN5279" s="91"/>
      <c r="HO5279" s="91"/>
      <c r="HP5279" s="91"/>
      <c r="HQ5279" s="91"/>
      <c r="HR5279" s="91"/>
      <c r="HS5279" s="91"/>
      <c r="HT5279" s="91"/>
      <c r="HU5279" s="91"/>
      <c r="HV5279" s="91"/>
      <c r="HW5279" s="91"/>
      <c r="HX5279" s="127"/>
      <c r="HY5279" s="126"/>
      <c r="HZ5279" s="91"/>
      <c r="IA5279" s="91"/>
      <c r="IB5279" s="91"/>
      <c r="IC5279" s="91"/>
      <c r="ID5279" s="91"/>
      <c r="IE5279" s="91"/>
      <c r="IF5279" s="91"/>
      <c r="IG5279" s="91"/>
      <c r="IH5279" s="91"/>
      <c r="II5279" s="91"/>
      <c r="IJ5279" s="91"/>
      <c r="IK5279" s="174"/>
    </row>
    <row r="5280" spans="2:245" x14ac:dyDescent="0.2">
      <c r="B5280" s="43"/>
      <c r="C5280" s="73"/>
      <c r="D5280" s="64"/>
      <c r="E5280" s="64"/>
      <c r="F5280" s="55"/>
      <c r="G5280" s="102"/>
      <c r="H5280" s="97"/>
      <c r="T5280" s="98"/>
      <c r="U5280" s="97"/>
      <c r="AG5280" s="98"/>
      <c r="AY5280" s="164"/>
      <c r="BK5280" s="98"/>
      <c r="BL5280" s="97"/>
      <c r="BX5280" s="98"/>
      <c r="CL5280" s="97"/>
      <c r="CX5280" s="98"/>
      <c r="DL5280" s="97"/>
      <c r="DX5280" s="98"/>
      <c r="EL5280" s="97"/>
      <c r="EX5280" s="98"/>
      <c r="EY5280" s="97"/>
      <c r="FL5280" s="126"/>
      <c r="FM5280" s="91"/>
      <c r="FN5280" s="91"/>
      <c r="FO5280" s="91"/>
      <c r="FP5280" s="91"/>
      <c r="FQ5280" s="91"/>
      <c r="FR5280" s="91"/>
      <c r="FS5280" s="91"/>
      <c r="FT5280" s="91"/>
      <c r="FU5280" s="91"/>
      <c r="FV5280" s="91"/>
      <c r="FW5280" s="91"/>
      <c r="FX5280" s="127"/>
      <c r="FY5280" s="126"/>
      <c r="FZ5280" s="91"/>
      <c r="GA5280" s="91"/>
      <c r="GB5280" s="91"/>
      <c r="GC5280" s="91"/>
      <c r="GD5280" s="91"/>
      <c r="GE5280" s="91"/>
      <c r="GF5280" s="91"/>
      <c r="GG5280" s="91"/>
      <c r="GH5280" s="91"/>
      <c r="GI5280" s="91"/>
      <c r="GJ5280" s="91"/>
      <c r="GK5280" s="127"/>
      <c r="GL5280" s="126"/>
      <c r="GM5280" s="91"/>
      <c r="GN5280" s="91"/>
      <c r="GO5280" s="91"/>
      <c r="GP5280" s="91"/>
      <c r="GQ5280" s="91"/>
      <c r="GR5280" s="91"/>
      <c r="GS5280" s="91"/>
      <c r="GT5280" s="91"/>
      <c r="GU5280" s="91"/>
      <c r="GV5280" s="91"/>
      <c r="GW5280" s="91"/>
      <c r="GX5280" s="127"/>
      <c r="GY5280" s="126"/>
      <c r="GZ5280" s="91"/>
      <c r="HA5280" s="91"/>
      <c r="HB5280" s="91"/>
      <c r="HC5280" s="91"/>
      <c r="HD5280" s="91"/>
      <c r="HE5280" s="91"/>
      <c r="HF5280" s="91"/>
      <c r="HG5280" s="91"/>
      <c r="HH5280" s="91"/>
      <c r="HI5280" s="91"/>
      <c r="HJ5280" s="91"/>
      <c r="HK5280" s="127"/>
      <c r="HL5280" s="126"/>
      <c r="HM5280" s="91"/>
      <c r="HN5280" s="91"/>
      <c r="HO5280" s="91"/>
      <c r="HP5280" s="91"/>
      <c r="HQ5280" s="91"/>
      <c r="HR5280" s="91"/>
      <c r="HS5280" s="91"/>
      <c r="HT5280" s="91"/>
      <c r="HU5280" s="91"/>
      <c r="HV5280" s="91"/>
      <c r="HW5280" s="91"/>
      <c r="HX5280" s="127"/>
      <c r="HY5280" s="126"/>
      <c r="HZ5280" s="91"/>
      <c r="IA5280" s="91"/>
      <c r="IB5280" s="91"/>
      <c r="IC5280" s="91"/>
      <c r="ID5280" s="91"/>
      <c r="IE5280" s="91"/>
      <c r="IF5280" s="91"/>
      <c r="IG5280" s="91"/>
      <c r="IH5280" s="91"/>
      <c r="II5280" s="91"/>
      <c r="IJ5280" s="91"/>
      <c r="IK5280" s="174"/>
    </row>
    <row r="5281" spans="2:245" x14ac:dyDescent="0.2">
      <c r="B5281" s="43"/>
      <c r="C5281" s="73"/>
      <c r="D5281" s="64"/>
      <c r="E5281" s="64"/>
      <c r="F5281" s="55"/>
      <c r="G5281" s="102"/>
      <c r="H5281" s="97"/>
      <c r="T5281" s="98"/>
      <c r="U5281" s="97"/>
      <c r="AG5281" s="98"/>
      <c r="AY5281" s="164"/>
      <c r="BK5281" s="98"/>
      <c r="BL5281" s="97"/>
      <c r="BX5281" s="98"/>
      <c r="CL5281" s="97"/>
      <c r="CX5281" s="98"/>
      <c r="DL5281" s="97"/>
      <c r="DX5281" s="98"/>
      <c r="EL5281" s="97"/>
      <c r="EX5281" s="98"/>
      <c r="EY5281" s="97"/>
      <c r="FL5281" s="126"/>
      <c r="FM5281" s="91"/>
      <c r="FN5281" s="91"/>
      <c r="FO5281" s="91"/>
      <c r="FP5281" s="91"/>
      <c r="FQ5281" s="91"/>
      <c r="FR5281" s="91"/>
      <c r="FS5281" s="91"/>
      <c r="FT5281" s="91"/>
      <c r="FU5281" s="91"/>
      <c r="FV5281" s="91"/>
      <c r="FW5281" s="91"/>
      <c r="FX5281" s="127"/>
      <c r="FY5281" s="126"/>
      <c r="FZ5281" s="91"/>
      <c r="GA5281" s="91"/>
      <c r="GB5281" s="91"/>
      <c r="GC5281" s="91"/>
      <c r="GD5281" s="91"/>
      <c r="GE5281" s="91"/>
      <c r="GF5281" s="91"/>
      <c r="GG5281" s="91"/>
      <c r="GH5281" s="91"/>
      <c r="GI5281" s="91"/>
      <c r="GJ5281" s="91"/>
      <c r="GK5281" s="127"/>
      <c r="GL5281" s="126"/>
      <c r="GM5281" s="91"/>
      <c r="GN5281" s="91"/>
      <c r="GO5281" s="91"/>
      <c r="GP5281" s="91"/>
      <c r="GQ5281" s="91"/>
      <c r="GR5281" s="91"/>
      <c r="GS5281" s="91"/>
      <c r="GT5281" s="91"/>
      <c r="GU5281" s="91"/>
      <c r="GV5281" s="91"/>
      <c r="GW5281" s="91"/>
      <c r="GX5281" s="127"/>
      <c r="GY5281" s="126"/>
      <c r="GZ5281" s="91"/>
      <c r="HA5281" s="91"/>
      <c r="HB5281" s="91"/>
      <c r="HC5281" s="91"/>
      <c r="HD5281" s="91"/>
      <c r="HE5281" s="91"/>
      <c r="HF5281" s="91"/>
      <c r="HG5281" s="91"/>
      <c r="HH5281" s="91"/>
      <c r="HI5281" s="91"/>
      <c r="HJ5281" s="91"/>
      <c r="HK5281" s="127"/>
      <c r="HL5281" s="126"/>
      <c r="HM5281" s="91"/>
      <c r="HN5281" s="91"/>
      <c r="HO5281" s="91"/>
      <c r="HP5281" s="91"/>
      <c r="HQ5281" s="91"/>
      <c r="HR5281" s="91"/>
      <c r="HS5281" s="91"/>
      <c r="HT5281" s="91"/>
      <c r="HU5281" s="91"/>
      <c r="HV5281" s="91"/>
      <c r="HW5281" s="91"/>
      <c r="HX5281" s="127"/>
      <c r="HY5281" s="126"/>
      <c r="HZ5281" s="91"/>
      <c r="IA5281" s="91"/>
      <c r="IB5281" s="91"/>
      <c r="IC5281" s="91"/>
      <c r="ID5281" s="91"/>
      <c r="IE5281" s="91"/>
      <c r="IF5281" s="91"/>
      <c r="IG5281" s="91"/>
      <c r="IH5281" s="91"/>
      <c r="II5281" s="91"/>
      <c r="IJ5281" s="91"/>
      <c r="IK5281" s="174"/>
    </row>
    <row r="5282" spans="2:245" x14ac:dyDescent="0.2">
      <c r="B5282" s="43"/>
      <c r="C5282" s="73"/>
      <c r="D5282" s="64"/>
      <c r="E5282" s="64"/>
      <c r="F5282" s="55"/>
      <c r="G5282" s="102"/>
      <c r="H5282" s="97"/>
      <c r="T5282" s="98"/>
      <c r="U5282" s="97"/>
      <c r="AG5282" s="98"/>
      <c r="AY5282" s="164"/>
      <c r="BK5282" s="98"/>
      <c r="BL5282" s="97"/>
      <c r="BX5282" s="98"/>
      <c r="CL5282" s="97"/>
      <c r="CX5282" s="98"/>
      <c r="DL5282" s="97"/>
      <c r="DX5282" s="98"/>
      <c r="EL5282" s="97"/>
      <c r="EX5282" s="98"/>
      <c r="EY5282" s="97"/>
      <c r="FL5282" s="126"/>
      <c r="FM5282" s="91"/>
      <c r="FN5282" s="91"/>
      <c r="FO5282" s="91"/>
      <c r="FP5282" s="91"/>
      <c r="FQ5282" s="91"/>
      <c r="FR5282" s="91"/>
      <c r="FS5282" s="91"/>
      <c r="FT5282" s="91"/>
      <c r="FU5282" s="91"/>
      <c r="FV5282" s="91"/>
      <c r="FW5282" s="91"/>
      <c r="FX5282" s="127"/>
      <c r="FY5282" s="126"/>
      <c r="FZ5282" s="91"/>
      <c r="GA5282" s="91"/>
      <c r="GB5282" s="91"/>
      <c r="GC5282" s="91"/>
      <c r="GD5282" s="91"/>
      <c r="GE5282" s="91"/>
      <c r="GF5282" s="91"/>
      <c r="GG5282" s="91"/>
      <c r="GH5282" s="91"/>
      <c r="GI5282" s="91"/>
      <c r="GJ5282" s="91"/>
      <c r="GK5282" s="127"/>
      <c r="GL5282" s="126"/>
      <c r="GM5282" s="91"/>
      <c r="GN5282" s="91"/>
      <c r="GO5282" s="91"/>
      <c r="GP5282" s="91"/>
      <c r="GQ5282" s="91"/>
      <c r="GR5282" s="91"/>
      <c r="GS5282" s="91"/>
      <c r="GT5282" s="91"/>
      <c r="GU5282" s="91"/>
      <c r="GV5282" s="91"/>
      <c r="GW5282" s="91"/>
      <c r="GX5282" s="127"/>
      <c r="GY5282" s="126"/>
      <c r="GZ5282" s="91"/>
      <c r="HA5282" s="91"/>
      <c r="HB5282" s="91"/>
      <c r="HC5282" s="91"/>
      <c r="HD5282" s="91"/>
      <c r="HE5282" s="91"/>
      <c r="HF5282" s="91"/>
      <c r="HG5282" s="91"/>
      <c r="HH5282" s="91"/>
      <c r="HI5282" s="91"/>
      <c r="HJ5282" s="91"/>
      <c r="HK5282" s="127"/>
      <c r="HL5282" s="126"/>
      <c r="HM5282" s="91"/>
      <c r="HN5282" s="91"/>
      <c r="HO5282" s="91"/>
      <c r="HP5282" s="91"/>
      <c r="HQ5282" s="91"/>
      <c r="HR5282" s="91"/>
      <c r="HS5282" s="91"/>
      <c r="HT5282" s="91"/>
      <c r="HU5282" s="91"/>
      <c r="HV5282" s="91"/>
      <c r="HW5282" s="91"/>
      <c r="HX5282" s="127"/>
      <c r="HY5282" s="126"/>
      <c r="HZ5282" s="91"/>
      <c r="IA5282" s="91"/>
      <c r="IB5282" s="91"/>
      <c r="IC5282" s="91"/>
      <c r="ID5282" s="91"/>
      <c r="IE5282" s="91"/>
      <c r="IF5282" s="91"/>
      <c r="IG5282" s="91"/>
      <c r="IH5282" s="91"/>
      <c r="II5282" s="91"/>
      <c r="IJ5282" s="91"/>
      <c r="IK5282" s="174"/>
    </row>
    <row r="5283" spans="2:245" x14ac:dyDescent="0.2">
      <c r="B5283" s="43"/>
      <c r="C5283" s="73"/>
      <c r="D5283" s="64"/>
      <c r="E5283" s="64"/>
      <c r="F5283" s="55"/>
      <c r="G5283" s="102"/>
      <c r="H5283" s="97"/>
      <c r="T5283" s="98"/>
      <c r="U5283" s="97"/>
      <c r="AG5283" s="98"/>
      <c r="AY5283" s="164"/>
      <c r="BK5283" s="98"/>
      <c r="BL5283" s="97"/>
      <c r="BX5283" s="98"/>
      <c r="CL5283" s="97"/>
      <c r="CX5283" s="98"/>
      <c r="DL5283" s="97"/>
      <c r="DX5283" s="98"/>
      <c r="EL5283" s="97"/>
      <c r="EX5283" s="98"/>
      <c r="EY5283" s="97"/>
      <c r="FL5283" s="126"/>
      <c r="FM5283" s="91"/>
      <c r="FN5283" s="91"/>
      <c r="FO5283" s="91"/>
      <c r="FP5283" s="91"/>
      <c r="FQ5283" s="91"/>
      <c r="FR5283" s="91"/>
      <c r="FS5283" s="91"/>
      <c r="FT5283" s="91"/>
      <c r="FU5283" s="91"/>
      <c r="FV5283" s="91"/>
      <c r="FW5283" s="91"/>
      <c r="FX5283" s="127"/>
      <c r="FY5283" s="126"/>
      <c r="FZ5283" s="91"/>
      <c r="GA5283" s="91"/>
      <c r="GB5283" s="91"/>
      <c r="GC5283" s="91"/>
      <c r="GD5283" s="91"/>
      <c r="GE5283" s="91"/>
      <c r="GF5283" s="91"/>
      <c r="GG5283" s="91"/>
      <c r="GH5283" s="91"/>
      <c r="GI5283" s="91"/>
      <c r="GJ5283" s="91"/>
      <c r="GK5283" s="127"/>
      <c r="GL5283" s="126"/>
      <c r="GM5283" s="91"/>
      <c r="GN5283" s="91"/>
      <c r="GO5283" s="91"/>
      <c r="GP5283" s="91"/>
      <c r="GQ5283" s="91"/>
      <c r="GR5283" s="91"/>
      <c r="GS5283" s="91"/>
      <c r="GT5283" s="91"/>
      <c r="GU5283" s="91"/>
      <c r="GV5283" s="91"/>
      <c r="GW5283" s="91"/>
      <c r="GX5283" s="127"/>
      <c r="GY5283" s="126"/>
      <c r="GZ5283" s="91"/>
      <c r="HA5283" s="91"/>
      <c r="HB5283" s="91"/>
      <c r="HC5283" s="91"/>
      <c r="HD5283" s="91"/>
      <c r="HE5283" s="91"/>
      <c r="HF5283" s="91"/>
      <c r="HG5283" s="91"/>
      <c r="HH5283" s="91"/>
      <c r="HI5283" s="91"/>
      <c r="HJ5283" s="91"/>
      <c r="HK5283" s="127"/>
      <c r="HL5283" s="126"/>
      <c r="HM5283" s="91"/>
      <c r="HN5283" s="91"/>
      <c r="HO5283" s="91"/>
      <c r="HP5283" s="91"/>
      <c r="HQ5283" s="91"/>
      <c r="HR5283" s="91"/>
      <c r="HS5283" s="91"/>
      <c r="HT5283" s="91"/>
      <c r="HU5283" s="91"/>
      <c r="HV5283" s="91"/>
      <c r="HW5283" s="91"/>
      <c r="HX5283" s="127"/>
      <c r="HY5283" s="126"/>
      <c r="HZ5283" s="91"/>
      <c r="IA5283" s="91"/>
      <c r="IB5283" s="91"/>
      <c r="IC5283" s="91"/>
      <c r="ID5283" s="91"/>
      <c r="IE5283" s="91"/>
      <c r="IF5283" s="91"/>
      <c r="IG5283" s="91"/>
      <c r="IH5283" s="91"/>
      <c r="II5283" s="91"/>
      <c r="IJ5283" s="91"/>
      <c r="IK5283" s="174"/>
    </row>
    <row r="5284" spans="2:245" x14ac:dyDescent="0.2">
      <c r="B5284" s="43"/>
      <c r="C5284" s="73"/>
      <c r="D5284" s="64"/>
      <c r="E5284" s="64"/>
      <c r="F5284" s="55"/>
      <c r="G5284" s="102"/>
      <c r="H5284" s="97"/>
      <c r="T5284" s="98"/>
      <c r="U5284" s="97"/>
      <c r="AG5284" s="98"/>
      <c r="AY5284" s="164"/>
      <c r="BK5284" s="98"/>
      <c r="BL5284" s="97"/>
      <c r="BX5284" s="98"/>
      <c r="CL5284" s="97"/>
      <c r="CX5284" s="98"/>
      <c r="DL5284" s="97"/>
      <c r="DX5284" s="98"/>
      <c r="EL5284" s="97"/>
      <c r="EX5284" s="98"/>
      <c r="EY5284" s="97"/>
      <c r="FL5284" s="126"/>
      <c r="FM5284" s="91"/>
      <c r="FN5284" s="91"/>
      <c r="FO5284" s="91"/>
      <c r="FP5284" s="91"/>
      <c r="FQ5284" s="91"/>
      <c r="FR5284" s="91"/>
      <c r="FS5284" s="91"/>
      <c r="FT5284" s="91"/>
      <c r="FU5284" s="91"/>
      <c r="FV5284" s="91"/>
      <c r="FW5284" s="91"/>
      <c r="FX5284" s="127"/>
      <c r="FY5284" s="126"/>
      <c r="FZ5284" s="91"/>
      <c r="GA5284" s="91"/>
      <c r="GB5284" s="91"/>
      <c r="GC5284" s="91"/>
      <c r="GD5284" s="91"/>
      <c r="GE5284" s="91"/>
      <c r="GF5284" s="91"/>
      <c r="GG5284" s="91"/>
      <c r="GH5284" s="91"/>
      <c r="GI5284" s="91"/>
      <c r="GJ5284" s="91"/>
      <c r="GK5284" s="127"/>
      <c r="GL5284" s="126"/>
      <c r="GM5284" s="91"/>
      <c r="GN5284" s="91"/>
      <c r="GO5284" s="91"/>
      <c r="GP5284" s="91"/>
      <c r="GQ5284" s="91"/>
      <c r="GR5284" s="91"/>
      <c r="GS5284" s="91"/>
      <c r="GT5284" s="91"/>
      <c r="GU5284" s="91"/>
      <c r="GV5284" s="91"/>
      <c r="GW5284" s="91"/>
      <c r="GX5284" s="127"/>
      <c r="GY5284" s="126"/>
      <c r="GZ5284" s="91"/>
      <c r="HA5284" s="91"/>
      <c r="HB5284" s="91"/>
      <c r="HC5284" s="91"/>
      <c r="HD5284" s="91"/>
      <c r="HE5284" s="91"/>
      <c r="HF5284" s="91"/>
      <c r="HG5284" s="91"/>
      <c r="HH5284" s="91"/>
      <c r="HI5284" s="91"/>
      <c r="HJ5284" s="91"/>
      <c r="HK5284" s="127"/>
      <c r="HL5284" s="126"/>
      <c r="HM5284" s="91"/>
      <c r="HN5284" s="91"/>
      <c r="HO5284" s="91"/>
      <c r="HP5284" s="91"/>
      <c r="HQ5284" s="91"/>
      <c r="HR5284" s="91"/>
      <c r="HS5284" s="91"/>
      <c r="HT5284" s="91"/>
      <c r="HU5284" s="91"/>
      <c r="HV5284" s="91"/>
      <c r="HW5284" s="91"/>
      <c r="HX5284" s="127"/>
      <c r="HY5284" s="126"/>
      <c r="HZ5284" s="91"/>
      <c r="IA5284" s="91"/>
      <c r="IB5284" s="91"/>
      <c r="IC5284" s="91"/>
      <c r="ID5284" s="91"/>
      <c r="IE5284" s="91"/>
      <c r="IF5284" s="91"/>
      <c r="IG5284" s="91"/>
      <c r="IH5284" s="91"/>
      <c r="II5284" s="91"/>
      <c r="IJ5284" s="91"/>
      <c r="IK5284" s="174"/>
    </row>
    <row r="5285" spans="2:245" x14ac:dyDescent="0.2">
      <c r="B5285" s="43"/>
      <c r="C5285" s="73"/>
      <c r="D5285" s="64"/>
      <c r="E5285" s="64"/>
      <c r="F5285" s="55"/>
      <c r="G5285" s="102"/>
      <c r="H5285" s="97"/>
      <c r="T5285" s="98"/>
      <c r="U5285" s="97"/>
      <c r="AG5285" s="98"/>
      <c r="AY5285" s="164"/>
      <c r="BK5285" s="98"/>
      <c r="BL5285" s="97"/>
      <c r="BX5285" s="98"/>
      <c r="CL5285" s="97"/>
      <c r="CX5285" s="98"/>
      <c r="DL5285" s="97"/>
      <c r="DX5285" s="98"/>
      <c r="EL5285" s="97"/>
      <c r="EX5285" s="98"/>
      <c r="EY5285" s="97"/>
      <c r="FL5285" s="126"/>
      <c r="FM5285" s="91"/>
      <c r="FN5285" s="91"/>
      <c r="FO5285" s="91"/>
      <c r="FP5285" s="91"/>
      <c r="FQ5285" s="91"/>
      <c r="FR5285" s="91"/>
      <c r="FS5285" s="91"/>
      <c r="FT5285" s="91"/>
      <c r="FU5285" s="91"/>
      <c r="FV5285" s="91"/>
      <c r="FW5285" s="91"/>
      <c r="FX5285" s="127"/>
      <c r="FY5285" s="126"/>
      <c r="FZ5285" s="91"/>
      <c r="GA5285" s="91"/>
      <c r="GB5285" s="91"/>
      <c r="GC5285" s="91"/>
      <c r="GD5285" s="91"/>
      <c r="GE5285" s="91"/>
      <c r="GF5285" s="91"/>
      <c r="GG5285" s="91"/>
      <c r="GH5285" s="91"/>
      <c r="GI5285" s="91"/>
      <c r="GJ5285" s="91"/>
      <c r="GK5285" s="127"/>
      <c r="GL5285" s="126"/>
      <c r="GM5285" s="91"/>
      <c r="GN5285" s="91"/>
      <c r="GO5285" s="91"/>
      <c r="GP5285" s="91"/>
      <c r="GQ5285" s="91"/>
      <c r="GR5285" s="91"/>
      <c r="GS5285" s="91"/>
      <c r="GT5285" s="91"/>
      <c r="GU5285" s="91"/>
      <c r="GV5285" s="91"/>
      <c r="GW5285" s="91"/>
      <c r="GX5285" s="127"/>
      <c r="GY5285" s="126"/>
      <c r="GZ5285" s="91"/>
      <c r="HA5285" s="91"/>
      <c r="HB5285" s="91"/>
      <c r="HC5285" s="91"/>
      <c r="HD5285" s="91"/>
      <c r="HE5285" s="91"/>
      <c r="HF5285" s="91"/>
      <c r="HG5285" s="91"/>
      <c r="HH5285" s="91"/>
      <c r="HI5285" s="91"/>
      <c r="HJ5285" s="91"/>
      <c r="HK5285" s="127"/>
      <c r="HL5285" s="126"/>
      <c r="HM5285" s="91"/>
      <c r="HN5285" s="91"/>
      <c r="HO5285" s="91"/>
      <c r="HP5285" s="91"/>
      <c r="HQ5285" s="91"/>
      <c r="HR5285" s="91"/>
      <c r="HS5285" s="91"/>
      <c r="HT5285" s="91"/>
      <c r="HU5285" s="91"/>
      <c r="HV5285" s="91"/>
      <c r="HW5285" s="91"/>
      <c r="HX5285" s="127"/>
      <c r="HY5285" s="126"/>
      <c r="HZ5285" s="91"/>
      <c r="IA5285" s="91"/>
      <c r="IB5285" s="91"/>
      <c r="IC5285" s="91"/>
      <c r="ID5285" s="91"/>
      <c r="IE5285" s="91"/>
      <c r="IF5285" s="91"/>
      <c r="IG5285" s="91"/>
      <c r="IH5285" s="91"/>
      <c r="II5285" s="91"/>
      <c r="IJ5285" s="91"/>
      <c r="IK5285" s="174"/>
    </row>
    <row r="5286" spans="2:245" x14ac:dyDescent="0.2">
      <c r="B5286" s="43"/>
      <c r="C5286" s="73"/>
      <c r="D5286" s="64"/>
      <c r="E5286" s="64"/>
      <c r="F5286" s="55"/>
      <c r="G5286" s="102"/>
      <c r="H5286" s="97"/>
      <c r="T5286" s="98"/>
      <c r="U5286" s="97"/>
      <c r="AG5286" s="98"/>
      <c r="AY5286" s="164"/>
      <c r="BK5286" s="98"/>
      <c r="BL5286" s="97"/>
      <c r="BX5286" s="98"/>
      <c r="CL5286" s="97"/>
      <c r="CX5286" s="98"/>
      <c r="DL5286" s="97"/>
      <c r="DX5286" s="98"/>
      <c r="EL5286" s="97"/>
      <c r="EX5286" s="98"/>
      <c r="EY5286" s="97"/>
      <c r="FL5286" s="126"/>
      <c r="FM5286" s="91"/>
      <c r="FN5286" s="91"/>
      <c r="FO5286" s="91"/>
      <c r="FP5286" s="91"/>
      <c r="FQ5286" s="91"/>
      <c r="FR5286" s="91"/>
      <c r="FS5286" s="91"/>
      <c r="FT5286" s="91"/>
      <c r="FU5286" s="91"/>
      <c r="FV5286" s="91"/>
      <c r="FW5286" s="91"/>
      <c r="FX5286" s="127"/>
      <c r="FY5286" s="126"/>
      <c r="FZ5286" s="91"/>
      <c r="GA5286" s="91"/>
      <c r="GB5286" s="91"/>
      <c r="GC5286" s="91"/>
      <c r="GD5286" s="91"/>
      <c r="GE5286" s="91"/>
      <c r="GF5286" s="91"/>
      <c r="GG5286" s="91"/>
      <c r="GH5286" s="91"/>
      <c r="GI5286" s="91"/>
      <c r="GJ5286" s="91"/>
      <c r="GK5286" s="127"/>
      <c r="GL5286" s="126"/>
      <c r="GM5286" s="91"/>
      <c r="GN5286" s="91"/>
      <c r="GO5286" s="91"/>
      <c r="GP5286" s="91"/>
      <c r="GQ5286" s="91"/>
      <c r="GR5286" s="91"/>
      <c r="GS5286" s="91"/>
      <c r="GT5286" s="91"/>
      <c r="GU5286" s="91"/>
      <c r="GV5286" s="91"/>
      <c r="GW5286" s="91"/>
      <c r="GX5286" s="127"/>
      <c r="GY5286" s="126"/>
      <c r="GZ5286" s="91"/>
      <c r="HA5286" s="91"/>
      <c r="HB5286" s="91"/>
      <c r="HC5286" s="91"/>
      <c r="HD5286" s="91"/>
      <c r="HE5286" s="91"/>
      <c r="HF5286" s="91"/>
      <c r="HG5286" s="91"/>
      <c r="HH5286" s="91"/>
      <c r="HI5286" s="91"/>
      <c r="HJ5286" s="91"/>
      <c r="HK5286" s="127"/>
      <c r="HL5286" s="126"/>
      <c r="HM5286" s="91"/>
      <c r="HN5286" s="91"/>
      <c r="HO5286" s="91"/>
      <c r="HP5286" s="91"/>
      <c r="HQ5286" s="91"/>
      <c r="HR5286" s="91"/>
      <c r="HS5286" s="91"/>
      <c r="HT5286" s="91"/>
      <c r="HU5286" s="91"/>
      <c r="HV5286" s="91"/>
      <c r="HW5286" s="91"/>
      <c r="HX5286" s="127"/>
      <c r="HY5286" s="126"/>
      <c r="HZ5286" s="91"/>
      <c r="IA5286" s="91"/>
      <c r="IB5286" s="91"/>
      <c r="IC5286" s="91"/>
      <c r="ID5286" s="91"/>
      <c r="IE5286" s="91"/>
      <c r="IF5286" s="91"/>
      <c r="IG5286" s="91"/>
      <c r="IH5286" s="91"/>
      <c r="II5286" s="91"/>
      <c r="IJ5286" s="91"/>
      <c r="IK5286" s="174"/>
    </row>
    <row r="5287" spans="2:245" x14ac:dyDescent="0.2">
      <c r="B5287" s="43"/>
      <c r="C5287" s="73"/>
      <c r="D5287" s="64"/>
      <c r="E5287" s="64"/>
      <c r="F5287" s="55"/>
      <c r="G5287" s="102"/>
      <c r="H5287" s="97"/>
      <c r="T5287" s="98"/>
      <c r="U5287" s="97"/>
      <c r="AG5287" s="98"/>
      <c r="AY5287" s="164"/>
      <c r="BK5287" s="98"/>
      <c r="BL5287" s="97"/>
      <c r="BX5287" s="98"/>
      <c r="CL5287" s="97"/>
      <c r="CX5287" s="98"/>
      <c r="DL5287" s="97"/>
      <c r="DX5287" s="98"/>
      <c r="EL5287" s="97"/>
      <c r="EX5287" s="98"/>
      <c r="EY5287" s="97"/>
      <c r="FL5287" s="126"/>
      <c r="FM5287" s="91"/>
      <c r="FN5287" s="91"/>
      <c r="FO5287" s="91"/>
      <c r="FP5287" s="91"/>
      <c r="FQ5287" s="91"/>
      <c r="FR5287" s="91"/>
      <c r="FS5287" s="91"/>
      <c r="FT5287" s="91"/>
      <c r="FU5287" s="91"/>
      <c r="FV5287" s="91"/>
      <c r="FW5287" s="91"/>
      <c r="FX5287" s="127"/>
      <c r="FY5287" s="126"/>
      <c r="FZ5287" s="91"/>
      <c r="GA5287" s="91"/>
      <c r="GB5287" s="91"/>
      <c r="GC5287" s="91"/>
      <c r="GD5287" s="91"/>
      <c r="GE5287" s="91"/>
      <c r="GF5287" s="91"/>
      <c r="GG5287" s="91"/>
      <c r="GH5287" s="91"/>
      <c r="GI5287" s="91"/>
      <c r="GJ5287" s="91"/>
      <c r="GK5287" s="127"/>
      <c r="GL5287" s="126"/>
      <c r="GM5287" s="91"/>
      <c r="GN5287" s="91"/>
      <c r="GO5287" s="91"/>
      <c r="GP5287" s="91"/>
      <c r="GQ5287" s="91"/>
      <c r="GR5287" s="91"/>
      <c r="GS5287" s="91"/>
      <c r="GT5287" s="91"/>
      <c r="GU5287" s="91"/>
      <c r="GV5287" s="91"/>
      <c r="GW5287" s="91"/>
      <c r="GX5287" s="127"/>
      <c r="GY5287" s="126"/>
      <c r="GZ5287" s="91"/>
      <c r="HA5287" s="91"/>
      <c r="HB5287" s="91"/>
      <c r="HC5287" s="91"/>
      <c r="HD5287" s="91"/>
      <c r="HE5287" s="91"/>
      <c r="HF5287" s="91"/>
      <c r="HG5287" s="91"/>
      <c r="HH5287" s="91"/>
      <c r="HI5287" s="91"/>
      <c r="HJ5287" s="91"/>
      <c r="HK5287" s="127"/>
      <c r="HL5287" s="126"/>
      <c r="HM5287" s="91"/>
      <c r="HN5287" s="91"/>
      <c r="HO5287" s="91"/>
      <c r="HP5287" s="91"/>
      <c r="HQ5287" s="91"/>
      <c r="HR5287" s="91"/>
      <c r="HS5287" s="91"/>
      <c r="HT5287" s="91"/>
      <c r="HU5287" s="91"/>
      <c r="HV5287" s="91"/>
      <c r="HW5287" s="91"/>
      <c r="HX5287" s="127"/>
      <c r="HY5287" s="126"/>
      <c r="HZ5287" s="91"/>
      <c r="IA5287" s="91"/>
      <c r="IB5287" s="91"/>
      <c r="IC5287" s="91"/>
      <c r="ID5287" s="91"/>
      <c r="IE5287" s="91"/>
      <c r="IF5287" s="91"/>
      <c r="IG5287" s="91"/>
      <c r="IH5287" s="91"/>
      <c r="II5287" s="91"/>
      <c r="IJ5287" s="91"/>
      <c r="IK5287" s="174"/>
    </row>
    <row r="5288" spans="2:245" x14ac:dyDescent="0.2">
      <c r="B5288" s="43"/>
      <c r="C5288" s="73"/>
      <c r="D5288" s="64"/>
      <c r="E5288" s="64"/>
      <c r="F5288" s="55"/>
      <c r="G5288" s="102"/>
      <c r="H5288" s="97"/>
      <c r="T5288" s="98"/>
      <c r="U5288" s="97"/>
      <c r="AG5288" s="98"/>
      <c r="AY5288" s="164"/>
      <c r="BK5288" s="98"/>
      <c r="BL5288" s="97"/>
      <c r="BX5288" s="98"/>
      <c r="CL5288" s="97"/>
      <c r="CX5288" s="98"/>
      <c r="DL5288" s="97"/>
      <c r="DX5288" s="98"/>
      <c r="EL5288" s="97"/>
      <c r="EX5288" s="98"/>
      <c r="EY5288" s="97"/>
      <c r="FL5288" s="126"/>
      <c r="FM5288" s="91"/>
      <c r="FN5288" s="91"/>
      <c r="FO5288" s="91"/>
      <c r="FP5288" s="91"/>
      <c r="FQ5288" s="91"/>
      <c r="FR5288" s="91"/>
      <c r="FS5288" s="91"/>
      <c r="FT5288" s="91"/>
      <c r="FU5288" s="91"/>
      <c r="FV5288" s="91"/>
      <c r="FW5288" s="91"/>
      <c r="FX5288" s="127"/>
      <c r="FY5288" s="126"/>
      <c r="FZ5288" s="91"/>
      <c r="GA5288" s="91"/>
      <c r="GB5288" s="91"/>
      <c r="GC5288" s="91"/>
      <c r="GD5288" s="91"/>
      <c r="GE5288" s="91"/>
      <c r="GF5288" s="91"/>
      <c r="GG5288" s="91"/>
      <c r="GH5288" s="91"/>
      <c r="GI5288" s="91"/>
      <c r="GJ5288" s="91"/>
      <c r="GK5288" s="127"/>
      <c r="GL5288" s="126"/>
      <c r="GM5288" s="91"/>
      <c r="GN5288" s="91"/>
      <c r="GO5288" s="91"/>
      <c r="GP5288" s="91"/>
      <c r="GQ5288" s="91"/>
      <c r="GR5288" s="91"/>
      <c r="GS5288" s="91"/>
      <c r="GT5288" s="91"/>
      <c r="GU5288" s="91"/>
      <c r="GV5288" s="91"/>
      <c r="GW5288" s="91"/>
      <c r="GX5288" s="127"/>
      <c r="GY5288" s="126"/>
      <c r="GZ5288" s="91"/>
      <c r="HA5288" s="91"/>
      <c r="HB5288" s="91"/>
      <c r="HC5288" s="91"/>
      <c r="HD5288" s="91"/>
      <c r="HE5288" s="91"/>
      <c r="HF5288" s="91"/>
      <c r="HG5288" s="91"/>
      <c r="HH5288" s="91"/>
      <c r="HI5288" s="91"/>
      <c r="HJ5288" s="91"/>
      <c r="HK5288" s="127"/>
      <c r="HL5288" s="126"/>
      <c r="HM5288" s="91"/>
      <c r="HN5288" s="91"/>
      <c r="HO5288" s="91"/>
      <c r="HP5288" s="91"/>
      <c r="HQ5288" s="91"/>
      <c r="HR5288" s="91"/>
      <c r="HS5288" s="91"/>
      <c r="HT5288" s="91"/>
      <c r="HU5288" s="91"/>
      <c r="HV5288" s="91"/>
      <c r="HW5288" s="91"/>
      <c r="HX5288" s="127"/>
      <c r="HY5288" s="126"/>
      <c r="HZ5288" s="91"/>
      <c r="IA5288" s="91"/>
      <c r="IB5288" s="91"/>
      <c r="IC5288" s="91"/>
      <c r="ID5288" s="91"/>
      <c r="IE5288" s="91"/>
      <c r="IF5288" s="91"/>
      <c r="IG5288" s="91"/>
      <c r="IH5288" s="91"/>
      <c r="II5288" s="91"/>
      <c r="IJ5288" s="91"/>
      <c r="IK5288" s="174"/>
    </row>
    <row r="5289" spans="2:245" x14ac:dyDescent="0.2">
      <c r="B5289" s="43"/>
      <c r="C5289" s="73"/>
      <c r="D5289" s="64"/>
      <c r="E5289" s="64"/>
      <c r="F5289" s="55"/>
      <c r="G5289" s="102"/>
      <c r="H5289" s="97"/>
      <c r="T5289" s="98"/>
      <c r="U5289" s="97"/>
      <c r="AG5289" s="98"/>
      <c r="AY5289" s="164"/>
      <c r="BK5289" s="98"/>
      <c r="BL5289" s="97"/>
      <c r="BX5289" s="98"/>
      <c r="CL5289" s="97"/>
      <c r="CX5289" s="98"/>
      <c r="DL5289" s="97"/>
      <c r="DX5289" s="98"/>
      <c r="EL5289" s="97"/>
      <c r="EX5289" s="98"/>
      <c r="EY5289" s="97"/>
      <c r="FL5289" s="126"/>
      <c r="FM5289" s="91"/>
      <c r="FN5289" s="91"/>
      <c r="FO5289" s="91"/>
      <c r="FP5289" s="91"/>
      <c r="FQ5289" s="91"/>
      <c r="FR5289" s="91"/>
      <c r="FS5289" s="91"/>
      <c r="FT5289" s="91"/>
      <c r="FU5289" s="91"/>
      <c r="FV5289" s="91"/>
      <c r="FW5289" s="91"/>
      <c r="FX5289" s="127"/>
      <c r="FY5289" s="126"/>
      <c r="FZ5289" s="91"/>
      <c r="GA5289" s="91"/>
      <c r="GB5289" s="91"/>
      <c r="GC5289" s="91"/>
      <c r="GD5289" s="91"/>
      <c r="GE5289" s="91"/>
      <c r="GF5289" s="91"/>
      <c r="GG5289" s="91"/>
      <c r="GH5289" s="91"/>
      <c r="GI5289" s="91"/>
      <c r="GJ5289" s="91"/>
      <c r="GK5289" s="127"/>
      <c r="GL5289" s="126"/>
      <c r="GM5289" s="91"/>
      <c r="GN5289" s="91"/>
      <c r="GO5289" s="91"/>
      <c r="GP5289" s="91"/>
      <c r="GQ5289" s="91"/>
      <c r="GR5289" s="91"/>
      <c r="GS5289" s="91"/>
      <c r="GT5289" s="91"/>
      <c r="GU5289" s="91"/>
      <c r="GV5289" s="91"/>
      <c r="GW5289" s="91"/>
      <c r="GX5289" s="127"/>
      <c r="GY5289" s="126"/>
      <c r="GZ5289" s="91"/>
      <c r="HA5289" s="91"/>
      <c r="HB5289" s="91"/>
      <c r="HC5289" s="91"/>
      <c r="HD5289" s="91"/>
      <c r="HE5289" s="91"/>
      <c r="HF5289" s="91"/>
      <c r="HG5289" s="91"/>
      <c r="HH5289" s="91"/>
      <c r="HI5289" s="91"/>
      <c r="HJ5289" s="91"/>
      <c r="HK5289" s="127"/>
      <c r="HL5289" s="126"/>
      <c r="HM5289" s="91"/>
      <c r="HN5289" s="91"/>
      <c r="HO5289" s="91"/>
      <c r="HP5289" s="91"/>
      <c r="HQ5289" s="91"/>
      <c r="HR5289" s="91"/>
      <c r="HS5289" s="91"/>
      <c r="HT5289" s="91"/>
      <c r="HU5289" s="91"/>
      <c r="HV5289" s="91"/>
      <c r="HW5289" s="91"/>
      <c r="HX5289" s="127"/>
      <c r="HY5289" s="126"/>
      <c r="HZ5289" s="91"/>
      <c r="IA5289" s="91"/>
      <c r="IB5289" s="91"/>
      <c r="IC5289" s="91"/>
      <c r="ID5289" s="91"/>
      <c r="IE5289" s="91"/>
      <c r="IF5289" s="91"/>
      <c r="IG5289" s="91"/>
      <c r="IH5289" s="91"/>
      <c r="II5289" s="91"/>
      <c r="IJ5289" s="91"/>
      <c r="IK5289" s="174"/>
    </row>
    <row r="5290" spans="2:245" x14ac:dyDescent="0.2">
      <c r="B5290" s="43"/>
      <c r="C5290" s="73"/>
      <c r="D5290" s="64"/>
      <c r="E5290" s="64"/>
      <c r="F5290" s="55"/>
      <c r="G5290" s="102"/>
      <c r="H5290" s="97"/>
      <c r="T5290" s="98"/>
      <c r="U5290" s="97"/>
      <c r="AG5290" s="98"/>
      <c r="AY5290" s="164"/>
      <c r="BK5290" s="98"/>
      <c r="BL5290" s="97"/>
      <c r="BX5290" s="98"/>
      <c r="CL5290" s="97"/>
      <c r="CX5290" s="98"/>
      <c r="DL5290" s="97"/>
      <c r="DX5290" s="98"/>
      <c r="EL5290" s="97"/>
      <c r="EX5290" s="98"/>
      <c r="EY5290" s="97"/>
      <c r="FL5290" s="126"/>
      <c r="FM5290" s="91"/>
      <c r="FN5290" s="91"/>
      <c r="FO5290" s="91"/>
      <c r="FP5290" s="91"/>
      <c r="FQ5290" s="91"/>
      <c r="FR5290" s="91"/>
      <c r="FS5290" s="91"/>
      <c r="FT5290" s="91"/>
      <c r="FU5290" s="91"/>
      <c r="FV5290" s="91"/>
      <c r="FW5290" s="91"/>
      <c r="FX5290" s="127"/>
      <c r="FY5290" s="126"/>
      <c r="FZ5290" s="91"/>
      <c r="GA5290" s="91"/>
      <c r="GB5290" s="91"/>
      <c r="GC5290" s="91"/>
      <c r="GD5290" s="91"/>
      <c r="GE5290" s="91"/>
      <c r="GF5290" s="91"/>
      <c r="GG5290" s="91"/>
      <c r="GH5290" s="91"/>
      <c r="GI5290" s="91"/>
      <c r="GJ5290" s="91"/>
      <c r="GK5290" s="127"/>
      <c r="GL5290" s="126"/>
      <c r="GM5290" s="91"/>
      <c r="GN5290" s="91"/>
      <c r="GO5290" s="91"/>
      <c r="GP5290" s="91"/>
      <c r="GQ5290" s="91"/>
      <c r="GR5290" s="91"/>
      <c r="GS5290" s="91"/>
      <c r="GT5290" s="91"/>
      <c r="GU5290" s="91"/>
      <c r="GV5290" s="91"/>
      <c r="GW5290" s="91"/>
      <c r="GX5290" s="127"/>
      <c r="GY5290" s="126"/>
      <c r="GZ5290" s="91"/>
      <c r="HA5290" s="91"/>
      <c r="HB5290" s="91"/>
      <c r="HC5290" s="91"/>
      <c r="HD5290" s="91"/>
      <c r="HE5290" s="91"/>
      <c r="HF5290" s="91"/>
      <c r="HG5290" s="91"/>
      <c r="HH5290" s="91"/>
      <c r="HI5290" s="91"/>
      <c r="HJ5290" s="91"/>
      <c r="HK5290" s="127"/>
      <c r="HL5290" s="126"/>
      <c r="HM5290" s="91"/>
      <c r="HN5290" s="91"/>
      <c r="HO5290" s="91"/>
      <c r="HP5290" s="91"/>
      <c r="HQ5290" s="91"/>
      <c r="HR5290" s="91"/>
      <c r="HS5290" s="91"/>
      <c r="HT5290" s="91"/>
      <c r="HU5290" s="91"/>
      <c r="HV5290" s="91"/>
      <c r="HW5290" s="91"/>
      <c r="HX5290" s="127"/>
      <c r="HY5290" s="126"/>
      <c r="HZ5290" s="91"/>
      <c r="IA5290" s="91"/>
      <c r="IB5290" s="91"/>
      <c r="IC5290" s="91"/>
      <c r="ID5290" s="91"/>
      <c r="IE5290" s="91"/>
      <c r="IF5290" s="91"/>
      <c r="IG5290" s="91"/>
      <c r="IH5290" s="91"/>
      <c r="II5290" s="91"/>
      <c r="IJ5290" s="91"/>
      <c r="IK5290" s="174"/>
    </row>
    <row r="5291" spans="2:245" x14ac:dyDescent="0.2">
      <c r="B5291" s="43"/>
      <c r="C5291" s="73"/>
      <c r="D5291" s="64"/>
      <c r="E5291" s="64"/>
      <c r="F5291" s="55"/>
      <c r="G5291" s="102"/>
      <c r="H5291" s="97"/>
      <c r="T5291" s="98"/>
      <c r="U5291" s="97"/>
      <c r="AG5291" s="98"/>
      <c r="AY5291" s="164"/>
      <c r="BK5291" s="98"/>
      <c r="BL5291" s="97"/>
      <c r="BX5291" s="98"/>
      <c r="CL5291" s="97"/>
      <c r="CX5291" s="98"/>
      <c r="DL5291" s="97"/>
      <c r="DX5291" s="98"/>
      <c r="EL5291" s="97"/>
      <c r="EX5291" s="98"/>
      <c r="EY5291" s="97"/>
      <c r="FL5291" s="126"/>
      <c r="FM5291" s="91"/>
      <c r="FN5291" s="91"/>
      <c r="FO5291" s="91"/>
      <c r="FP5291" s="91"/>
      <c r="FQ5291" s="91"/>
      <c r="FR5291" s="91"/>
      <c r="FS5291" s="91"/>
      <c r="FT5291" s="91"/>
      <c r="FU5291" s="91"/>
      <c r="FV5291" s="91"/>
      <c r="FW5291" s="91"/>
      <c r="FX5291" s="127"/>
      <c r="FY5291" s="126"/>
      <c r="FZ5291" s="91"/>
      <c r="GA5291" s="91"/>
      <c r="GB5291" s="91"/>
      <c r="GC5291" s="91"/>
      <c r="GD5291" s="91"/>
      <c r="GE5291" s="91"/>
      <c r="GF5291" s="91"/>
      <c r="GG5291" s="91"/>
      <c r="GH5291" s="91"/>
      <c r="GI5291" s="91"/>
      <c r="GJ5291" s="91"/>
      <c r="GK5291" s="127"/>
      <c r="GL5291" s="126"/>
      <c r="GM5291" s="91"/>
      <c r="GN5291" s="91"/>
      <c r="GO5291" s="91"/>
      <c r="GP5291" s="91"/>
      <c r="GQ5291" s="91"/>
      <c r="GR5291" s="91"/>
      <c r="GS5291" s="91"/>
      <c r="GT5291" s="91"/>
      <c r="GU5291" s="91"/>
      <c r="GV5291" s="91"/>
      <c r="GW5291" s="91"/>
      <c r="GX5291" s="127"/>
      <c r="GY5291" s="126"/>
      <c r="GZ5291" s="91"/>
      <c r="HA5291" s="91"/>
      <c r="HB5291" s="91"/>
      <c r="HC5291" s="91"/>
      <c r="HD5291" s="91"/>
      <c r="HE5291" s="91"/>
      <c r="HF5291" s="91"/>
      <c r="HG5291" s="91"/>
      <c r="HH5291" s="91"/>
      <c r="HI5291" s="91"/>
      <c r="HJ5291" s="91"/>
      <c r="HK5291" s="127"/>
      <c r="HL5291" s="126"/>
      <c r="HM5291" s="91"/>
      <c r="HN5291" s="91"/>
      <c r="HO5291" s="91"/>
      <c r="HP5291" s="91"/>
      <c r="HQ5291" s="91"/>
      <c r="HR5291" s="91"/>
      <c r="HS5291" s="91"/>
      <c r="HT5291" s="91"/>
      <c r="HU5291" s="91"/>
      <c r="HV5291" s="91"/>
      <c r="HW5291" s="91"/>
      <c r="HX5291" s="127"/>
      <c r="HY5291" s="126"/>
      <c r="HZ5291" s="91"/>
      <c r="IA5291" s="91"/>
      <c r="IB5291" s="91"/>
      <c r="IC5291" s="91"/>
      <c r="ID5291" s="91"/>
      <c r="IE5291" s="91"/>
      <c r="IF5291" s="91"/>
      <c r="IG5291" s="91"/>
      <c r="IH5291" s="91"/>
      <c r="II5291" s="91"/>
      <c r="IJ5291" s="91"/>
      <c r="IK5291" s="174"/>
    </row>
    <row r="5292" spans="2:245" x14ac:dyDescent="0.2">
      <c r="B5292" s="43"/>
      <c r="C5292" s="73"/>
      <c r="D5292" s="64"/>
      <c r="E5292" s="64"/>
      <c r="F5292" s="55"/>
      <c r="G5292" s="102"/>
      <c r="H5292" s="97"/>
      <c r="T5292" s="98"/>
      <c r="U5292" s="97"/>
      <c r="AG5292" s="98"/>
      <c r="AY5292" s="164"/>
      <c r="BK5292" s="98"/>
      <c r="BL5292" s="97"/>
      <c r="BX5292" s="98"/>
      <c r="CL5292" s="97"/>
      <c r="CX5292" s="98"/>
      <c r="DL5292" s="97"/>
      <c r="DX5292" s="98"/>
      <c r="EL5292" s="97"/>
      <c r="EX5292" s="98"/>
      <c r="EY5292" s="97"/>
      <c r="FL5292" s="126"/>
      <c r="FM5292" s="91"/>
      <c r="FN5292" s="91"/>
      <c r="FO5292" s="91"/>
      <c r="FP5292" s="91"/>
      <c r="FQ5292" s="91"/>
      <c r="FR5292" s="91"/>
      <c r="FS5292" s="91"/>
      <c r="FT5292" s="91"/>
      <c r="FU5292" s="91"/>
      <c r="FV5292" s="91"/>
      <c r="FW5292" s="91"/>
      <c r="FX5292" s="127"/>
      <c r="FY5292" s="126"/>
      <c r="FZ5292" s="91"/>
      <c r="GA5292" s="91"/>
      <c r="GB5292" s="91"/>
      <c r="GC5292" s="91"/>
      <c r="GD5292" s="91"/>
      <c r="GE5292" s="91"/>
      <c r="GF5292" s="91"/>
      <c r="GG5292" s="91"/>
      <c r="GH5292" s="91"/>
      <c r="GI5292" s="91"/>
      <c r="GJ5292" s="91"/>
      <c r="GK5292" s="127"/>
      <c r="GL5292" s="126"/>
      <c r="GM5292" s="91"/>
      <c r="GN5292" s="91"/>
      <c r="GO5292" s="91"/>
      <c r="GP5292" s="91"/>
      <c r="GQ5292" s="91"/>
      <c r="GR5292" s="91"/>
      <c r="GS5292" s="91"/>
      <c r="GT5292" s="91"/>
      <c r="GU5292" s="91"/>
      <c r="GV5292" s="91"/>
      <c r="GW5292" s="91"/>
      <c r="GX5292" s="127"/>
      <c r="GY5292" s="126"/>
      <c r="GZ5292" s="91"/>
      <c r="HA5292" s="91"/>
      <c r="HB5292" s="91"/>
      <c r="HC5292" s="91"/>
      <c r="HD5292" s="91"/>
      <c r="HE5292" s="91"/>
      <c r="HF5292" s="91"/>
      <c r="HG5292" s="91"/>
      <c r="HH5292" s="91"/>
      <c r="HI5292" s="91"/>
      <c r="HJ5292" s="91"/>
      <c r="HK5292" s="127"/>
      <c r="HL5292" s="126"/>
      <c r="HM5292" s="91"/>
      <c r="HN5292" s="91"/>
      <c r="HO5292" s="91"/>
      <c r="HP5292" s="91"/>
      <c r="HQ5292" s="91"/>
      <c r="HR5292" s="91"/>
      <c r="HS5292" s="91"/>
      <c r="HT5292" s="91"/>
      <c r="HU5292" s="91"/>
      <c r="HV5292" s="91"/>
      <c r="HW5292" s="91"/>
      <c r="HX5292" s="127"/>
      <c r="HY5292" s="126"/>
      <c r="HZ5292" s="91"/>
      <c r="IA5292" s="91"/>
      <c r="IB5292" s="91"/>
      <c r="IC5292" s="91"/>
      <c r="ID5292" s="91"/>
      <c r="IE5292" s="91"/>
      <c r="IF5292" s="91"/>
      <c r="IG5292" s="91"/>
      <c r="IH5292" s="91"/>
      <c r="II5292" s="91"/>
      <c r="IJ5292" s="91"/>
      <c r="IK5292" s="174"/>
    </row>
    <row r="5293" spans="2:245" x14ac:dyDescent="0.2">
      <c r="B5293" s="43"/>
      <c r="C5293" s="73"/>
      <c r="D5293" s="64"/>
      <c r="E5293" s="64"/>
      <c r="F5293" s="55"/>
      <c r="G5293" s="102"/>
      <c r="H5293" s="97"/>
      <c r="T5293" s="98"/>
      <c r="U5293" s="97"/>
      <c r="AG5293" s="98"/>
      <c r="AY5293" s="164"/>
      <c r="BK5293" s="98"/>
      <c r="BL5293" s="97"/>
      <c r="BX5293" s="98"/>
      <c r="CL5293" s="97"/>
      <c r="CX5293" s="98"/>
      <c r="DL5293" s="97"/>
      <c r="DX5293" s="98"/>
      <c r="EL5293" s="97"/>
      <c r="EX5293" s="98"/>
      <c r="EY5293" s="97"/>
      <c r="FL5293" s="126"/>
      <c r="FM5293" s="91"/>
      <c r="FN5293" s="91"/>
      <c r="FO5293" s="91"/>
      <c r="FP5293" s="91"/>
      <c r="FQ5293" s="91"/>
      <c r="FR5293" s="91"/>
      <c r="FS5293" s="91"/>
      <c r="FT5293" s="91"/>
      <c r="FU5293" s="91"/>
      <c r="FV5293" s="91"/>
      <c r="FW5293" s="91"/>
      <c r="FX5293" s="127"/>
      <c r="FY5293" s="126"/>
      <c r="FZ5293" s="91"/>
      <c r="GA5293" s="91"/>
      <c r="GB5293" s="91"/>
      <c r="GC5293" s="91"/>
      <c r="GD5293" s="91"/>
      <c r="GE5293" s="91"/>
      <c r="GF5293" s="91"/>
      <c r="GG5293" s="91"/>
      <c r="GH5293" s="91"/>
      <c r="GI5293" s="91"/>
      <c r="GJ5293" s="91"/>
      <c r="GK5293" s="127"/>
      <c r="GL5293" s="126"/>
      <c r="GM5293" s="91"/>
      <c r="GN5293" s="91"/>
      <c r="GO5293" s="91"/>
      <c r="GP5293" s="91"/>
      <c r="GQ5293" s="91"/>
      <c r="GR5293" s="91"/>
      <c r="GS5293" s="91"/>
      <c r="GT5293" s="91"/>
      <c r="GU5293" s="91"/>
      <c r="GV5293" s="91"/>
      <c r="GW5293" s="91"/>
      <c r="GX5293" s="127"/>
      <c r="GY5293" s="126"/>
      <c r="GZ5293" s="91"/>
      <c r="HA5293" s="91"/>
      <c r="HB5293" s="91"/>
      <c r="HC5293" s="91"/>
      <c r="HD5293" s="91"/>
      <c r="HE5293" s="91"/>
      <c r="HF5293" s="91"/>
      <c r="HG5293" s="91"/>
      <c r="HH5293" s="91"/>
      <c r="HI5293" s="91"/>
      <c r="HJ5293" s="91"/>
      <c r="HK5293" s="127"/>
      <c r="HL5293" s="126"/>
      <c r="HM5293" s="91"/>
      <c r="HN5293" s="91"/>
      <c r="HO5293" s="91"/>
      <c r="HP5293" s="91"/>
      <c r="HQ5293" s="91"/>
      <c r="HR5293" s="91"/>
      <c r="HS5293" s="91"/>
      <c r="HT5293" s="91"/>
      <c r="HU5293" s="91"/>
      <c r="HV5293" s="91"/>
      <c r="HW5293" s="91"/>
      <c r="HX5293" s="127"/>
      <c r="HY5293" s="126"/>
      <c r="HZ5293" s="91"/>
      <c r="IA5293" s="91"/>
      <c r="IB5293" s="91"/>
      <c r="IC5293" s="91"/>
      <c r="ID5293" s="91"/>
      <c r="IE5293" s="91"/>
      <c r="IF5293" s="91"/>
      <c r="IG5293" s="91"/>
      <c r="IH5293" s="91"/>
      <c r="II5293" s="91"/>
      <c r="IJ5293" s="91"/>
      <c r="IK5293" s="174"/>
    </row>
    <row r="5294" spans="2:245" x14ac:dyDescent="0.2">
      <c r="B5294" s="43"/>
      <c r="C5294" s="73"/>
      <c r="D5294" s="64"/>
      <c r="E5294" s="64"/>
      <c r="F5294" s="55"/>
      <c r="G5294" s="102"/>
      <c r="H5294" s="97"/>
      <c r="T5294" s="98"/>
      <c r="U5294" s="97"/>
      <c r="AG5294" s="98"/>
      <c r="AY5294" s="164"/>
      <c r="BK5294" s="98"/>
      <c r="BL5294" s="97"/>
      <c r="BX5294" s="98"/>
      <c r="CL5294" s="97"/>
      <c r="CX5294" s="98"/>
      <c r="DL5294" s="97"/>
      <c r="DX5294" s="98"/>
      <c r="EL5294" s="97"/>
      <c r="EX5294" s="98"/>
      <c r="EY5294" s="97"/>
      <c r="FL5294" s="126"/>
      <c r="FM5294" s="91"/>
      <c r="FN5294" s="91"/>
      <c r="FO5294" s="91"/>
      <c r="FP5294" s="91"/>
      <c r="FQ5294" s="91"/>
      <c r="FR5294" s="91"/>
      <c r="FS5294" s="91"/>
      <c r="FT5294" s="91"/>
      <c r="FU5294" s="91"/>
      <c r="FV5294" s="91"/>
      <c r="FW5294" s="91"/>
      <c r="FX5294" s="127"/>
      <c r="FY5294" s="126"/>
      <c r="FZ5294" s="91"/>
      <c r="GA5294" s="91"/>
      <c r="GB5294" s="91"/>
      <c r="GC5294" s="91"/>
      <c r="GD5294" s="91"/>
      <c r="GE5294" s="91"/>
      <c r="GF5294" s="91"/>
      <c r="GG5294" s="91"/>
      <c r="GH5294" s="91"/>
      <c r="GI5294" s="91"/>
      <c r="GJ5294" s="91"/>
      <c r="GK5294" s="127"/>
      <c r="GL5294" s="126"/>
      <c r="GM5294" s="91"/>
      <c r="GN5294" s="91"/>
      <c r="GO5294" s="91"/>
      <c r="GP5294" s="91"/>
      <c r="GQ5294" s="91"/>
      <c r="GR5294" s="91"/>
      <c r="GS5294" s="91"/>
      <c r="GT5294" s="91"/>
      <c r="GU5294" s="91"/>
      <c r="GV5294" s="91"/>
      <c r="GW5294" s="91"/>
      <c r="GX5294" s="127"/>
      <c r="GY5294" s="126"/>
      <c r="GZ5294" s="91"/>
      <c r="HA5294" s="91"/>
      <c r="HB5294" s="91"/>
      <c r="HC5294" s="91"/>
      <c r="HD5294" s="91"/>
      <c r="HE5294" s="91"/>
      <c r="HF5294" s="91"/>
      <c r="HG5294" s="91"/>
      <c r="HH5294" s="91"/>
      <c r="HI5294" s="91"/>
      <c r="HJ5294" s="91"/>
      <c r="HK5294" s="127"/>
      <c r="HL5294" s="126"/>
      <c r="HM5294" s="91"/>
      <c r="HN5294" s="91"/>
      <c r="HO5294" s="91"/>
      <c r="HP5294" s="91"/>
      <c r="HQ5294" s="91"/>
      <c r="HR5294" s="91"/>
      <c r="HS5294" s="91"/>
      <c r="HT5294" s="91"/>
      <c r="HU5294" s="91"/>
      <c r="HV5294" s="91"/>
      <c r="HW5294" s="91"/>
      <c r="HX5294" s="127"/>
      <c r="HY5294" s="126"/>
      <c r="HZ5294" s="91"/>
      <c r="IA5294" s="91"/>
      <c r="IB5294" s="91"/>
      <c r="IC5294" s="91"/>
      <c r="ID5294" s="91"/>
      <c r="IE5294" s="91"/>
      <c r="IF5294" s="91"/>
      <c r="IG5294" s="91"/>
      <c r="IH5294" s="91"/>
      <c r="II5294" s="91"/>
      <c r="IJ5294" s="91"/>
      <c r="IK5294" s="174"/>
    </row>
    <row r="5295" spans="2:245" x14ac:dyDescent="0.2">
      <c r="B5295" s="43"/>
      <c r="C5295" s="73"/>
      <c r="D5295" s="64"/>
      <c r="E5295" s="64"/>
      <c r="F5295" s="55"/>
      <c r="G5295" s="102"/>
      <c r="H5295" s="97"/>
      <c r="T5295" s="98"/>
      <c r="U5295" s="97"/>
      <c r="AG5295" s="98"/>
      <c r="AY5295" s="164"/>
      <c r="BK5295" s="98"/>
      <c r="BL5295" s="97"/>
      <c r="BX5295" s="98"/>
      <c r="CL5295" s="97"/>
      <c r="CX5295" s="98"/>
      <c r="DL5295" s="97"/>
      <c r="DX5295" s="98"/>
      <c r="EL5295" s="97"/>
      <c r="EX5295" s="98"/>
      <c r="EY5295" s="97"/>
      <c r="FL5295" s="126"/>
      <c r="FM5295" s="91"/>
      <c r="FN5295" s="91"/>
      <c r="FO5295" s="91"/>
      <c r="FP5295" s="91"/>
      <c r="FQ5295" s="91"/>
      <c r="FR5295" s="91"/>
      <c r="FS5295" s="91"/>
      <c r="FT5295" s="91"/>
      <c r="FU5295" s="91"/>
      <c r="FV5295" s="91"/>
      <c r="FW5295" s="91"/>
      <c r="FX5295" s="127"/>
      <c r="FY5295" s="126"/>
      <c r="FZ5295" s="91"/>
      <c r="GA5295" s="91"/>
      <c r="GB5295" s="91"/>
      <c r="GC5295" s="91"/>
      <c r="GD5295" s="91"/>
      <c r="GE5295" s="91"/>
      <c r="GF5295" s="91"/>
      <c r="GG5295" s="91"/>
      <c r="GH5295" s="91"/>
      <c r="GI5295" s="91"/>
      <c r="GJ5295" s="91"/>
      <c r="GK5295" s="127"/>
      <c r="GL5295" s="126"/>
      <c r="GM5295" s="91"/>
      <c r="GN5295" s="91"/>
      <c r="GO5295" s="91"/>
      <c r="GP5295" s="91"/>
      <c r="GQ5295" s="91"/>
      <c r="GR5295" s="91"/>
      <c r="GS5295" s="91"/>
      <c r="GT5295" s="91"/>
      <c r="GU5295" s="91"/>
      <c r="GV5295" s="91"/>
      <c r="GW5295" s="91"/>
      <c r="GX5295" s="127"/>
      <c r="GY5295" s="126"/>
      <c r="GZ5295" s="91"/>
      <c r="HA5295" s="91"/>
      <c r="HB5295" s="91"/>
      <c r="HC5295" s="91"/>
      <c r="HD5295" s="91"/>
      <c r="HE5295" s="91"/>
      <c r="HF5295" s="91"/>
      <c r="HG5295" s="91"/>
      <c r="HH5295" s="91"/>
      <c r="HI5295" s="91"/>
      <c r="HJ5295" s="91"/>
      <c r="HK5295" s="127"/>
      <c r="HL5295" s="126"/>
      <c r="HM5295" s="91"/>
      <c r="HN5295" s="91"/>
      <c r="HO5295" s="91"/>
      <c r="HP5295" s="91"/>
      <c r="HQ5295" s="91"/>
      <c r="HR5295" s="91"/>
      <c r="HS5295" s="91"/>
      <c r="HT5295" s="91"/>
      <c r="HU5295" s="91"/>
      <c r="HV5295" s="91"/>
      <c r="HW5295" s="91"/>
      <c r="HX5295" s="127"/>
      <c r="HY5295" s="126"/>
      <c r="HZ5295" s="91"/>
      <c r="IA5295" s="91"/>
      <c r="IB5295" s="91"/>
      <c r="IC5295" s="91"/>
      <c r="ID5295" s="91"/>
      <c r="IE5295" s="91"/>
      <c r="IF5295" s="91"/>
      <c r="IG5295" s="91"/>
      <c r="IH5295" s="91"/>
      <c r="II5295" s="91"/>
      <c r="IJ5295" s="91"/>
      <c r="IK5295" s="174"/>
    </row>
    <row r="5296" spans="2:245" x14ac:dyDescent="0.2">
      <c r="B5296" s="43"/>
      <c r="C5296" s="73"/>
      <c r="D5296" s="64"/>
      <c r="E5296" s="64"/>
      <c r="F5296" s="55"/>
      <c r="G5296" s="102"/>
      <c r="H5296" s="97"/>
      <c r="T5296" s="98"/>
      <c r="U5296" s="97"/>
      <c r="AG5296" s="98"/>
      <c r="AY5296" s="164"/>
      <c r="BK5296" s="98"/>
      <c r="BL5296" s="97"/>
      <c r="BX5296" s="98"/>
      <c r="CL5296" s="97"/>
      <c r="CX5296" s="98"/>
      <c r="DL5296" s="97"/>
      <c r="DX5296" s="98"/>
      <c r="EL5296" s="97"/>
      <c r="EX5296" s="98"/>
      <c r="EY5296" s="97"/>
      <c r="FL5296" s="126"/>
      <c r="FM5296" s="91"/>
      <c r="FN5296" s="91"/>
      <c r="FO5296" s="91"/>
      <c r="FP5296" s="91"/>
      <c r="FQ5296" s="91"/>
      <c r="FR5296" s="91"/>
      <c r="FS5296" s="91"/>
      <c r="FT5296" s="91"/>
      <c r="FU5296" s="91"/>
      <c r="FV5296" s="91"/>
      <c r="FW5296" s="91"/>
      <c r="FX5296" s="127"/>
      <c r="FY5296" s="126"/>
      <c r="FZ5296" s="91"/>
      <c r="GA5296" s="91"/>
      <c r="GB5296" s="91"/>
      <c r="GC5296" s="91"/>
      <c r="GD5296" s="91"/>
      <c r="GE5296" s="91"/>
      <c r="GF5296" s="91"/>
      <c r="GG5296" s="91"/>
      <c r="GH5296" s="91"/>
      <c r="GI5296" s="91"/>
      <c r="GJ5296" s="91"/>
      <c r="GK5296" s="127"/>
      <c r="GL5296" s="126"/>
      <c r="GM5296" s="91"/>
      <c r="GN5296" s="91"/>
      <c r="GO5296" s="91"/>
      <c r="GP5296" s="91"/>
      <c r="GQ5296" s="91"/>
      <c r="GR5296" s="91"/>
      <c r="GS5296" s="91"/>
      <c r="GT5296" s="91"/>
      <c r="GU5296" s="91"/>
      <c r="GV5296" s="91"/>
      <c r="GW5296" s="91"/>
      <c r="GX5296" s="127"/>
      <c r="GY5296" s="126"/>
      <c r="GZ5296" s="91"/>
      <c r="HA5296" s="91"/>
      <c r="HB5296" s="91"/>
      <c r="HC5296" s="91"/>
      <c r="HD5296" s="91"/>
      <c r="HE5296" s="91"/>
      <c r="HF5296" s="91"/>
      <c r="HG5296" s="91"/>
      <c r="HH5296" s="91"/>
      <c r="HI5296" s="91"/>
      <c r="HJ5296" s="91"/>
      <c r="HK5296" s="127"/>
      <c r="HL5296" s="126"/>
      <c r="HM5296" s="91"/>
      <c r="HN5296" s="91"/>
      <c r="HO5296" s="91"/>
      <c r="HP5296" s="91"/>
      <c r="HQ5296" s="91"/>
      <c r="HR5296" s="91"/>
      <c r="HS5296" s="91"/>
      <c r="HT5296" s="91"/>
      <c r="HU5296" s="91"/>
      <c r="HV5296" s="91"/>
      <c r="HW5296" s="91"/>
      <c r="HX5296" s="127"/>
      <c r="HY5296" s="126"/>
      <c r="HZ5296" s="91"/>
      <c r="IA5296" s="91"/>
      <c r="IB5296" s="91"/>
      <c r="IC5296" s="91"/>
      <c r="ID5296" s="91"/>
      <c r="IE5296" s="91"/>
      <c r="IF5296" s="91"/>
      <c r="IG5296" s="91"/>
      <c r="IH5296" s="91"/>
      <c r="II5296" s="91"/>
      <c r="IJ5296" s="91"/>
      <c r="IK5296" s="174"/>
    </row>
    <row r="5297" spans="2:245" x14ac:dyDescent="0.2">
      <c r="B5297" s="43"/>
      <c r="C5297" s="73"/>
      <c r="D5297" s="64"/>
      <c r="E5297" s="64"/>
      <c r="F5297" s="55"/>
      <c r="G5297" s="102"/>
      <c r="H5297" s="97"/>
      <c r="T5297" s="98"/>
      <c r="U5297" s="97"/>
      <c r="AG5297" s="98"/>
      <c r="AY5297" s="164"/>
      <c r="BK5297" s="98"/>
      <c r="BL5297" s="97"/>
      <c r="BX5297" s="98"/>
      <c r="CL5297" s="97"/>
      <c r="CX5297" s="98"/>
      <c r="DL5297" s="97"/>
      <c r="DX5297" s="98"/>
      <c r="EL5297" s="97"/>
      <c r="EX5297" s="98"/>
      <c r="EY5297" s="97"/>
      <c r="FL5297" s="126"/>
      <c r="FM5297" s="91"/>
      <c r="FN5297" s="91"/>
      <c r="FO5297" s="91"/>
      <c r="FP5297" s="91"/>
      <c r="FQ5297" s="91"/>
      <c r="FR5297" s="91"/>
      <c r="FS5297" s="91"/>
      <c r="FT5297" s="91"/>
      <c r="FU5297" s="91"/>
      <c r="FV5297" s="91"/>
      <c r="FW5297" s="91"/>
      <c r="FX5297" s="127"/>
      <c r="FY5297" s="126"/>
      <c r="FZ5297" s="91"/>
      <c r="GA5297" s="91"/>
      <c r="GB5297" s="91"/>
      <c r="GC5297" s="91"/>
      <c r="GD5297" s="91"/>
      <c r="GE5297" s="91"/>
      <c r="GF5297" s="91"/>
      <c r="GG5297" s="91"/>
      <c r="GH5297" s="91"/>
      <c r="GI5297" s="91"/>
      <c r="GJ5297" s="91"/>
      <c r="GK5297" s="127"/>
      <c r="GL5297" s="126"/>
      <c r="GM5297" s="91"/>
      <c r="GN5297" s="91"/>
      <c r="GO5297" s="91"/>
      <c r="GP5297" s="91"/>
      <c r="GQ5297" s="91"/>
      <c r="GR5297" s="91"/>
      <c r="GS5297" s="91"/>
      <c r="GT5297" s="91"/>
      <c r="GU5297" s="91"/>
      <c r="GV5297" s="91"/>
      <c r="GW5297" s="91"/>
      <c r="GX5297" s="127"/>
      <c r="GY5297" s="126"/>
      <c r="GZ5297" s="91"/>
      <c r="HA5297" s="91"/>
      <c r="HB5297" s="91"/>
      <c r="HC5297" s="91"/>
      <c r="HD5297" s="91"/>
      <c r="HE5297" s="91"/>
      <c r="HF5297" s="91"/>
      <c r="HG5297" s="91"/>
      <c r="HH5297" s="91"/>
      <c r="HI5297" s="91"/>
      <c r="HJ5297" s="91"/>
      <c r="HK5297" s="127"/>
      <c r="HL5297" s="126"/>
      <c r="HM5297" s="91"/>
      <c r="HN5297" s="91"/>
      <c r="HO5297" s="91"/>
      <c r="HP5297" s="91"/>
      <c r="HQ5297" s="91"/>
      <c r="HR5297" s="91"/>
      <c r="HS5297" s="91"/>
      <c r="HT5297" s="91"/>
      <c r="HU5297" s="91"/>
      <c r="HV5297" s="91"/>
      <c r="HW5297" s="91"/>
      <c r="HX5297" s="127"/>
      <c r="HY5297" s="126"/>
      <c r="HZ5297" s="91"/>
      <c r="IA5297" s="91"/>
      <c r="IB5297" s="91"/>
      <c r="IC5297" s="91"/>
      <c r="ID5297" s="91"/>
      <c r="IE5297" s="91"/>
      <c r="IF5297" s="91"/>
      <c r="IG5297" s="91"/>
      <c r="IH5297" s="91"/>
      <c r="II5297" s="91"/>
      <c r="IJ5297" s="91"/>
      <c r="IK5297" s="174"/>
    </row>
    <row r="5298" spans="2:245" x14ac:dyDescent="0.2">
      <c r="B5298" s="43"/>
      <c r="C5298" s="73"/>
      <c r="D5298" s="64"/>
      <c r="E5298" s="64"/>
      <c r="F5298" s="55"/>
      <c r="G5298" s="102"/>
      <c r="H5298" s="97"/>
      <c r="T5298" s="98"/>
      <c r="U5298" s="97"/>
      <c r="AG5298" s="98"/>
      <c r="AY5298" s="164"/>
      <c r="BK5298" s="98"/>
      <c r="BL5298" s="97"/>
      <c r="BX5298" s="98"/>
      <c r="CL5298" s="97"/>
      <c r="CX5298" s="98"/>
      <c r="DL5298" s="97"/>
      <c r="DX5298" s="98"/>
      <c r="EL5298" s="97"/>
      <c r="EX5298" s="98"/>
      <c r="EY5298" s="97"/>
      <c r="FL5298" s="126"/>
      <c r="FM5298" s="91"/>
      <c r="FN5298" s="91"/>
      <c r="FO5298" s="91"/>
      <c r="FP5298" s="91"/>
      <c r="FQ5298" s="91"/>
      <c r="FR5298" s="91"/>
      <c r="FS5298" s="91"/>
      <c r="FT5298" s="91"/>
      <c r="FU5298" s="91"/>
      <c r="FV5298" s="91"/>
      <c r="FW5298" s="91"/>
      <c r="FX5298" s="127"/>
      <c r="FY5298" s="126"/>
      <c r="FZ5298" s="91"/>
      <c r="GA5298" s="91"/>
      <c r="GB5298" s="91"/>
      <c r="GC5298" s="91"/>
      <c r="GD5298" s="91"/>
      <c r="GE5298" s="91"/>
      <c r="GF5298" s="91"/>
      <c r="GG5298" s="91"/>
      <c r="GH5298" s="91"/>
      <c r="GI5298" s="91"/>
      <c r="GJ5298" s="91"/>
      <c r="GK5298" s="127"/>
      <c r="GL5298" s="126"/>
      <c r="GM5298" s="91"/>
      <c r="GN5298" s="91"/>
      <c r="GO5298" s="91"/>
      <c r="GP5298" s="91"/>
      <c r="GQ5298" s="91"/>
      <c r="GR5298" s="91"/>
      <c r="GS5298" s="91"/>
      <c r="GT5298" s="91"/>
      <c r="GU5298" s="91"/>
      <c r="GV5298" s="91"/>
      <c r="GW5298" s="91"/>
      <c r="GX5298" s="127"/>
      <c r="GY5298" s="126"/>
      <c r="GZ5298" s="91"/>
      <c r="HA5298" s="91"/>
      <c r="HB5298" s="91"/>
      <c r="HC5298" s="91"/>
      <c r="HD5298" s="91"/>
      <c r="HE5298" s="91"/>
      <c r="HF5298" s="91"/>
      <c r="HG5298" s="91"/>
      <c r="HH5298" s="91"/>
      <c r="HI5298" s="91"/>
      <c r="HJ5298" s="91"/>
      <c r="HK5298" s="127"/>
      <c r="HL5298" s="126"/>
      <c r="HM5298" s="91"/>
      <c r="HN5298" s="91"/>
      <c r="HO5298" s="91"/>
      <c r="HP5298" s="91"/>
      <c r="HQ5298" s="91"/>
      <c r="HR5298" s="91"/>
      <c r="HS5298" s="91"/>
      <c r="HT5298" s="91"/>
      <c r="HU5298" s="91"/>
      <c r="HV5298" s="91"/>
      <c r="HW5298" s="91"/>
      <c r="HX5298" s="127"/>
      <c r="HY5298" s="126"/>
      <c r="HZ5298" s="91"/>
      <c r="IA5298" s="91"/>
      <c r="IB5298" s="91"/>
      <c r="IC5298" s="91"/>
      <c r="ID5298" s="91"/>
      <c r="IE5298" s="91"/>
      <c r="IF5298" s="91"/>
      <c r="IG5298" s="91"/>
      <c r="IH5298" s="91"/>
      <c r="II5298" s="91"/>
      <c r="IJ5298" s="91"/>
      <c r="IK5298" s="174"/>
    </row>
    <row r="5299" spans="2:245" x14ac:dyDescent="0.2">
      <c r="B5299" s="43"/>
      <c r="C5299" s="73"/>
      <c r="D5299" s="64"/>
      <c r="E5299" s="64"/>
      <c r="F5299" s="55"/>
      <c r="G5299" s="102"/>
      <c r="H5299" s="97"/>
      <c r="T5299" s="98"/>
      <c r="U5299" s="97"/>
      <c r="AG5299" s="98"/>
      <c r="AY5299" s="164"/>
      <c r="BK5299" s="98"/>
      <c r="BL5299" s="97"/>
      <c r="BX5299" s="98"/>
      <c r="CL5299" s="97"/>
      <c r="CX5299" s="98"/>
      <c r="DL5299" s="97"/>
      <c r="DX5299" s="98"/>
      <c r="EL5299" s="97"/>
      <c r="EX5299" s="98"/>
      <c r="EY5299" s="97"/>
      <c r="FL5299" s="126"/>
      <c r="FM5299" s="91"/>
      <c r="FN5299" s="91"/>
      <c r="FO5299" s="91"/>
      <c r="FP5299" s="91"/>
      <c r="FQ5299" s="91"/>
      <c r="FR5299" s="91"/>
      <c r="FS5299" s="91"/>
      <c r="FT5299" s="91"/>
      <c r="FU5299" s="91"/>
      <c r="FV5299" s="91"/>
      <c r="FW5299" s="91"/>
      <c r="FX5299" s="127"/>
      <c r="FY5299" s="126"/>
      <c r="FZ5299" s="91"/>
      <c r="GA5299" s="91"/>
      <c r="GB5299" s="91"/>
      <c r="GC5299" s="91"/>
      <c r="GD5299" s="91"/>
      <c r="GE5299" s="91"/>
      <c r="GF5299" s="91"/>
      <c r="GG5299" s="91"/>
      <c r="GH5299" s="91"/>
      <c r="GI5299" s="91"/>
      <c r="GJ5299" s="91"/>
      <c r="GK5299" s="127"/>
      <c r="GL5299" s="126"/>
      <c r="GM5299" s="91"/>
      <c r="GN5299" s="91"/>
      <c r="GO5299" s="91"/>
      <c r="GP5299" s="91"/>
      <c r="GQ5299" s="91"/>
      <c r="GR5299" s="91"/>
      <c r="GS5299" s="91"/>
      <c r="GT5299" s="91"/>
      <c r="GU5299" s="91"/>
      <c r="GV5299" s="91"/>
      <c r="GW5299" s="91"/>
      <c r="GX5299" s="127"/>
      <c r="GY5299" s="126"/>
      <c r="GZ5299" s="91"/>
      <c r="HA5299" s="91"/>
      <c r="HB5299" s="91"/>
      <c r="HC5299" s="91"/>
      <c r="HD5299" s="91"/>
      <c r="HE5299" s="91"/>
      <c r="HF5299" s="91"/>
      <c r="HG5299" s="91"/>
      <c r="HH5299" s="91"/>
      <c r="HI5299" s="91"/>
      <c r="HJ5299" s="91"/>
      <c r="HK5299" s="127"/>
      <c r="HL5299" s="126"/>
      <c r="HM5299" s="91"/>
      <c r="HN5299" s="91"/>
      <c r="HO5299" s="91"/>
      <c r="HP5299" s="91"/>
      <c r="HQ5299" s="91"/>
      <c r="HR5299" s="91"/>
      <c r="HS5299" s="91"/>
      <c r="HT5299" s="91"/>
      <c r="HU5299" s="91"/>
      <c r="HV5299" s="91"/>
      <c r="HW5299" s="91"/>
      <c r="HX5299" s="127"/>
      <c r="HY5299" s="126"/>
      <c r="HZ5299" s="91"/>
      <c r="IA5299" s="91"/>
      <c r="IB5299" s="91"/>
      <c r="IC5299" s="91"/>
      <c r="ID5299" s="91"/>
      <c r="IE5299" s="91"/>
      <c r="IF5299" s="91"/>
      <c r="IG5299" s="91"/>
      <c r="IH5299" s="91"/>
      <c r="II5299" s="91"/>
      <c r="IJ5299" s="91"/>
      <c r="IK5299" s="174"/>
    </row>
    <row r="5300" spans="2:245" x14ac:dyDescent="0.2">
      <c r="B5300" s="43"/>
      <c r="C5300" s="73"/>
      <c r="D5300" s="64"/>
      <c r="E5300" s="64"/>
      <c r="F5300" s="55"/>
      <c r="G5300" s="102"/>
      <c r="H5300" s="97"/>
      <c r="T5300" s="98"/>
      <c r="U5300" s="97"/>
      <c r="AG5300" s="98"/>
      <c r="AY5300" s="164"/>
      <c r="BK5300" s="98"/>
      <c r="BL5300" s="97"/>
      <c r="BX5300" s="98"/>
      <c r="CL5300" s="97"/>
      <c r="CX5300" s="98"/>
      <c r="DL5300" s="97"/>
      <c r="DX5300" s="98"/>
      <c r="EL5300" s="97"/>
      <c r="EX5300" s="98"/>
      <c r="EY5300" s="97"/>
      <c r="FL5300" s="126"/>
      <c r="FM5300" s="91"/>
      <c r="FN5300" s="91"/>
      <c r="FO5300" s="91"/>
      <c r="FP5300" s="91"/>
      <c r="FQ5300" s="91"/>
      <c r="FR5300" s="91"/>
      <c r="FS5300" s="91"/>
      <c r="FT5300" s="91"/>
      <c r="FU5300" s="91"/>
      <c r="FV5300" s="91"/>
      <c r="FW5300" s="91"/>
      <c r="FX5300" s="127"/>
      <c r="FY5300" s="126"/>
      <c r="FZ5300" s="91"/>
      <c r="GA5300" s="91"/>
      <c r="GB5300" s="91"/>
      <c r="GC5300" s="91"/>
      <c r="GD5300" s="91"/>
      <c r="GE5300" s="91"/>
      <c r="GF5300" s="91"/>
      <c r="GG5300" s="91"/>
      <c r="GH5300" s="91"/>
      <c r="GI5300" s="91"/>
      <c r="GJ5300" s="91"/>
      <c r="GK5300" s="127"/>
      <c r="GL5300" s="126"/>
      <c r="GM5300" s="91"/>
      <c r="GN5300" s="91"/>
      <c r="GO5300" s="91"/>
      <c r="GP5300" s="91"/>
      <c r="GQ5300" s="91"/>
      <c r="GR5300" s="91"/>
      <c r="GS5300" s="91"/>
      <c r="GT5300" s="91"/>
      <c r="GU5300" s="91"/>
      <c r="GV5300" s="91"/>
      <c r="GW5300" s="91"/>
      <c r="GX5300" s="127"/>
      <c r="GY5300" s="126"/>
      <c r="GZ5300" s="91"/>
      <c r="HA5300" s="91"/>
      <c r="HB5300" s="91"/>
      <c r="HC5300" s="91"/>
      <c r="HD5300" s="91"/>
      <c r="HE5300" s="91"/>
      <c r="HF5300" s="91"/>
      <c r="HG5300" s="91"/>
      <c r="HH5300" s="91"/>
      <c r="HI5300" s="91"/>
      <c r="HJ5300" s="91"/>
      <c r="HK5300" s="127"/>
      <c r="HL5300" s="126"/>
      <c r="HM5300" s="91"/>
      <c r="HN5300" s="91"/>
      <c r="HO5300" s="91"/>
      <c r="HP5300" s="91"/>
      <c r="HQ5300" s="91"/>
      <c r="HR5300" s="91"/>
      <c r="HS5300" s="91"/>
      <c r="HT5300" s="91"/>
      <c r="HU5300" s="91"/>
      <c r="HV5300" s="91"/>
      <c r="HW5300" s="91"/>
      <c r="HX5300" s="127"/>
      <c r="HY5300" s="126"/>
      <c r="HZ5300" s="91"/>
      <c r="IA5300" s="91"/>
      <c r="IB5300" s="91"/>
      <c r="IC5300" s="91"/>
      <c r="ID5300" s="91"/>
      <c r="IE5300" s="91"/>
      <c r="IF5300" s="91"/>
      <c r="IG5300" s="91"/>
      <c r="IH5300" s="91"/>
      <c r="II5300" s="91"/>
      <c r="IJ5300" s="91"/>
      <c r="IK5300" s="174"/>
    </row>
    <row r="5301" spans="2:245" x14ac:dyDescent="0.2">
      <c r="B5301" s="43"/>
      <c r="C5301" s="73"/>
      <c r="D5301" s="64"/>
      <c r="E5301" s="64"/>
      <c r="F5301" s="55"/>
      <c r="G5301" s="102"/>
      <c r="H5301" s="97"/>
      <c r="T5301" s="98"/>
      <c r="U5301" s="97"/>
      <c r="AG5301" s="98"/>
      <c r="AY5301" s="164"/>
      <c r="BK5301" s="98"/>
      <c r="BL5301" s="97"/>
      <c r="BX5301" s="98"/>
      <c r="CL5301" s="97"/>
      <c r="CX5301" s="98"/>
      <c r="DL5301" s="97"/>
      <c r="DX5301" s="98"/>
      <c r="EL5301" s="97"/>
      <c r="EX5301" s="98"/>
      <c r="EY5301" s="97"/>
      <c r="FL5301" s="126"/>
      <c r="FM5301" s="91"/>
      <c r="FN5301" s="91"/>
      <c r="FO5301" s="91"/>
      <c r="FP5301" s="91"/>
      <c r="FQ5301" s="91"/>
      <c r="FR5301" s="91"/>
      <c r="FS5301" s="91"/>
      <c r="FT5301" s="91"/>
      <c r="FU5301" s="91"/>
      <c r="FV5301" s="91"/>
      <c r="FW5301" s="91"/>
      <c r="FX5301" s="127"/>
      <c r="FY5301" s="126"/>
      <c r="FZ5301" s="91"/>
      <c r="GA5301" s="91"/>
      <c r="GB5301" s="91"/>
      <c r="GC5301" s="91"/>
      <c r="GD5301" s="91"/>
      <c r="GE5301" s="91"/>
      <c r="GF5301" s="91"/>
      <c r="GG5301" s="91"/>
      <c r="GH5301" s="91"/>
      <c r="GI5301" s="91"/>
      <c r="GJ5301" s="91"/>
      <c r="GK5301" s="127"/>
      <c r="GL5301" s="126"/>
      <c r="GM5301" s="91"/>
      <c r="GN5301" s="91"/>
      <c r="GO5301" s="91"/>
      <c r="GP5301" s="91"/>
      <c r="GQ5301" s="91"/>
      <c r="GR5301" s="91"/>
      <c r="GS5301" s="91"/>
      <c r="GT5301" s="91"/>
      <c r="GU5301" s="91"/>
      <c r="GV5301" s="91"/>
      <c r="GW5301" s="91"/>
      <c r="GX5301" s="127"/>
      <c r="GY5301" s="126"/>
      <c r="GZ5301" s="91"/>
      <c r="HA5301" s="91"/>
      <c r="HB5301" s="91"/>
      <c r="HC5301" s="91"/>
      <c r="HD5301" s="91"/>
      <c r="HE5301" s="91"/>
      <c r="HF5301" s="91"/>
      <c r="HG5301" s="91"/>
      <c r="HH5301" s="91"/>
      <c r="HI5301" s="91"/>
      <c r="HJ5301" s="91"/>
      <c r="HK5301" s="127"/>
      <c r="HL5301" s="126"/>
      <c r="HM5301" s="91"/>
      <c r="HN5301" s="91"/>
      <c r="HO5301" s="91"/>
      <c r="HP5301" s="91"/>
      <c r="HQ5301" s="91"/>
      <c r="HR5301" s="91"/>
      <c r="HS5301" s="91"/>
      <c r="HT5301" s="91"/>
      <c r="HU5301" s="91"/>
      <c r="HV5301" s="91"/>
      <c r="HW5301" s="91"/>
      <c r="HX5301" s="127"/>
      <c r="HY5301" s="126"/>
      <c r="HZ5301" s="91"/>
      <c r="IA5301" s="91"/>
      <c r="IB5301" s="91"/>
      <c r="IC5301" s="91"/>
      <c r="ID5301" s="91"/>
      <c r="IE5301" s="91"/>
      <c r="IF5301" s="91"/>
      <c r="IG5301" s="91"/>
      <c r="IH5301" s="91"/>
      <c r="II5301" s="91"/>
      <c r="IJ5301" s="91"/>
      <c r="IK5301" s="174"/>
    </row>
    <row r="5302" spans="2:245" x14ac:dyDescent="0.2">
      <c r="B5302" s="43"/>
      <c r="C5302" s="73"/>
      <c r="D5302" s="64"/>
      <c r="E5302" s="64"/>
      <c r="F5302" s="55"/>
      <c r="G5302" s="102"/>
      <c r="H5302" s="97"/>
      <c r="T5302" s="98"/>
      <c r="U5302" s="97"/>
      <c r="AG5302" s="98"/>
      <c r="AY5302" s="164"/>
      <c r="BK5302" s="98"/>
      <c r="BL5302" s="97"/>
      <c r="BX5302" s="98"/>
      <c r="CL5302" s="97"/>
      <c r="CX5302" s="98"/>
      <c r="DL5302" s="97"/>
      <c r="DX5302" s="98"/>
      <c r="EL5302" s="97"/>
      <c r="EX5302" s="98"/>
      <c r="EY5302" s="97"/>
      <c r="FL5302" s="126"/>
      <c r="FM5302" s="91"/>
      <c r="FN5302" s="91"/>
      <c r="FO5302" s="91"/>
      <c r="FP5302" s="91"/>
      <c r="FQ5302" s="91"/>
      <c r="FR5302" s="91"/>
      <c r="FS5302" s="91"/>
      <c r="FT5302" s="91"/>
      <c r="FU5302" s="91"/>
      <c r="FV5302" s="91"/>
      <c r="FW5302" s="91"/>
      <c r="FX5302" s="127"/>
      <c r="FY5302" s="126"/>
      <c r="FZ5302" s="91"/>
      <c r="GA5302" s="91"/>
      <c r="GB5302" s="91"/>
      <c r="GC5302" s="91"/>
      <c r="GD5302" s="91"/>
      <c r="GE5302" s="91"/>
      <c r="GF5302" s="91"/>
      <c r="GG5302" s="91"/>
      <c r="GH5302" s="91"/>
      <c r="GI5302" s="91"/>
      <c r="GJ5302" s="91"/>
      <c r="GK5302" s="127"/>
      <c r="GL5302" s="126"/>
      <c r="GM5302" s="91"/>
      <c r="GN5302" s="91"/>
      <c r="GO5302" s="91"/>
      <c r="GP5302" s="91"/>
      <c r="GQ5302" s="91"/>
      <c r="GR5302" s="91"/>
      <c r="GS5302" s="91"/>
      <c r="GT5302" s="91"/>
      <c r="GU5302" s="91"/>
      <c r="GV5302" s="91"/>
      <c r="GW5302" s="91"/>
      <c r="GX5302" s="127"/>
      <c r="GY5302" s="126"/>
      <c r="GZ5302" s="91"/>
      <c r="HA5302" s="91"/>
      <c r="HB5302" s="91"/>
      <c r="HC5302" s="91"/>
      <c r="HD5302" s="91"/>
      <c r="HE5302" s="91"/>
      <c r="HF5302" s="91"/>
      <c r="HG5302" s="91"/>
      <c r="HH5302" s="91"/>
      <c r="HI5302" s="91"/>
      <c r="HJ5302" s="91"/>
      <c r="HK5302" s="127"/>
      <c r="HL5302" s="126"/>
      <c r="HM5302" s="91"/>
      <c r="HN5302" s="91"/>
      <c r="HO5302" s="91"/>
      <c r="HP5302" s="91"/>
      <c r="HQ5302" s="91"/>
      <c r="HR5302" s="91"/>
      <c r="HS5302" s="91"/>
      <c r="HT5302" s="91"/>
      <c r="HU5302" s="91"/>
      <c r="HV5302" s="91"/>
      <c r="HW5302" s="91"/>
      <c r="HX5302" s="127"/>
      <c r="HY5302" s="126"/>
      <c r="HZ5302" s="91"/>
      <c r="IA5302" s="91"/>
      <c r="IB5302" s="91"/>
      <c r="IC5302" s="91"/>
      <c r="ID5302" s="91"/>
      <c r="IE5302" s="91"/>
      <c r="IF5302" s="91"/>
      <c r="IG5302" s="91"/>
      <c r="IH5302" s="91"/>
      <c r="II5302" s="91"/>
      <c r="IJ5302" s="91"/>
      <c r="IK5302" s="174"/>
    </row>
    <row r="5303" spans="2:245" x14ac:dyDescent="0.2">
      <c r="B5303" s="43"/>
      <c r="C5303" s="73"/>
      <c r="D5303" s="64"/>
      <c r="E5303" s="64"/>
      <c r="F5303" s="55"/>
      <c r="G5303" s="102"/>
      <c r="H5303" s="97"/>
      <c r="T5303" s="98"/>
      <c r="U5303" s="97"/>
      <c r="AG5303" s="98"/>
      <c r="AY5303" s="164"/>
      <c r="BK5303" s="98"/>
      <c r="BL5303" s="97"/>
      <c r="BX5303" s="98"/>
      <c r="CL5303" s="97"/>
      <c r="CX5303" s="98"/>
      <c r="DL5303" s="97"/>
      <c r="DX5303" s="98"/>
      <c r="EL5303" s="97"/>
      <c r="EX5303" s="98"/>
      <c r="EY5303" s="97"/>
      <c r="FL5303" s="126"/>
      <c r="FM5303" s="91"/>
      <c r="FN5303" s="91"/>
      <c r="FO5303" s="91"/>
      <c r="FP5303" s="91"/>
      <c r="FQ5303" s="91"/>
      <c r="FR5303" s="91"/>
      <c r="FS5303" s="91"/>
      <c r="FT5303" s="91"/>
      <c r="FU5303" s="91"/>
      <c r="FV5303" s="91"/>
      <c r="FW5303" s="91"/>
      <c r="FX5303" s="127"/>
      <c r="FY5303" s="126"/>
      <c r="FZ5303" s="91"/>
      <c r="GA5303" s="91"/>
      <c r="GB5303" s="91"/>
      <c r="GC5303" s="91"/>
      <c r="GD5303" s="91"/>
      <c r="GE5303" s="91"/>
      <c r="GF5303" s="91"/>
      <c r="GG5303" s="91"/>
      <c r="GH5303" s="91"/>
      <c r="GI5303" s="91"/>
      <c r="GJ5303" s="91"/>
      <c r="GK5303" s="127"/>
      <c r="GL5303" s="126"/>
      <c r="GM5303" s="91"/>
      <c r="GN5303" s="91"/>
      <c r="GO5303" s="91"/>
      <c r="GP5303" s="91"/>
      <c r="GQ5303" s="91"/>
      <c r="GR5303" s="91"/>
      <c r="GS5303" s="91"/>
      <c r="GT5303" s="91"/>
      <c r="GU5303" s="91"/>
      <c r="GV5303" s="91"/>
      <c r="GW5303" s="91"/>
      <c r="GX5303" s="127"/>
      <c r="GY5303" s="126"/>
      <c r="GZ5303" s="91"/>
      <c r="HA5303" s="91"/>
      <c r="HB5303" s="91"/>
      <c r="HC5303" s="91"/>
      <c r="HD5303" s="91"/>
      <c r="HE5303" s="91"/>
      <c r="HF5303" s="91"/>
      <c r="HG5303" s="91"/>
      <c r="HH5303" s="91"/>
      <c r="HI5303" s="91"/>
      <c r="HJ5303" s="91"/>
      <c r="HK5303" s="127"/>
      <c r="HL5303" s="126"/>
      <c r="HM5303" s="91"/>
      <c r="HN5303" s="91"/>
      <c r="HO5303" s="91"/>
      <c r="HP5303" s="91"/>
      <c r="HQ5303" s="91"/>
      <c r="HR5303" s="91"/>
      <c r="HS5303" s="91"/>
      <c r="HT5303" s="91"/>
      <c r="HU5303" s="91"/>
      <c r="HV5303" s="91"/>
      <c r="HW5303" s="91"/>
      <c r="HX5303" s="127"/>
      <c r="HY5303" s="126"/>
      <c r="HZ5303" s="91"/>
      <c r="IA5303" s="91"/>
      <c r="IB5303" s="91"/>
      <c r="IC5303" s="91"/>
      <c r="ID5303" s="91"/>
      <c r="IE5303" s="91"/>
      <c r="IF5303" s="91"/>
      <c r="IG5303" s="91"/>
      <c r="IH5303" s="91"/>
      <c r="II5303" s="91"/>
      <c r="IJ5303" s="91"/>
      <c r="IK5303" s="174"/>
    </row>
    <row r="5304" spans="2:245" x14ac:dyDescent="0.2">
      <c r="B5304" s="43"/>
      <c r="C5304" s="73"/>
      <c r="D5304" s="64"/>
      <c r="E5304" s="64"/>
      <c r="F5304" s="55"/>
      <c r="G5304" s="102"/>
      <c r="H5304" s="97"/>
      <c r="T5304" s="98"/>
      <c r="U5304" s="97"/>
      <c r="AG5304" s="98"/>
      <c r="AY5304" s="164"/>
      <c r="BK5304" s="98"/>
      <c r="BL5304" s="97"/>
      <c r="BX5304" s="98"/>
      <c r="CL5304" s="97"/>
      <c r="CX5304" s="98"/>
      <c r="DL5304" s="97"/>
      <c r="DX5304" s="98"/>
      <c r="EL5304" s="97"/>
      <c r="EX5304" s="98"/>
      <c r="EY5304" s="97"/>
      <c r="FL5304" s="126"/>
      <c r="FM5304" s="91"/>
      <c r="FN5304" s="91"/>
      <c r="FO5304" s="91"/>
      <c r="FP5304" s="91"/>
      <c r="FQ5304" s="91"/>
      <c r="FR5304" s="91"/>
      <c r="FS5304" s="91"/>
      <c r="FT5304" s="91"/>
      <c r="FU5304" s="91"/>
      <c r="FV5304" s="91"/>
      <c r="FW5304" s="91"/>
      <c r="FX5304" s="127"/>
      <c r="FY5304" s="126"/>
      <c r="FZ5304" s="91"/>
      <c r="GA5304" s="91"/>
      <c r="GB5304" s="91"/>
      <c r="GC5304" s="91"/>
      <c r="GD5304" s="91"/>
      <c r="GE5304" s="91"/>
      <c r="GF5304" s="91"/>
      <c r="GG5304" s="91"/>
      <c r="GH5304" s="91"/>
      <c r="GI5304" s="91"/>
      <c r="GJ5304" s="91"/>
      <c r="GK5304" s="127"/>
      <c r="GL5304" s="126"/>
      <c r="GM5304" s="91"/>
      <c r="GN5304" s="91"/>
      <c r="GO5304" s="91"/>
      <c r="GP5304" s="91"/>
      <c r="GQ5304" s="91"/>
      <c r="GR5304" s="91"/>
      <c r="GS5304" s="91"/>
      <c r="GT5304" s="91"/>
      <c r="GU5304" s="91"/>
      <c r="GV5304" s="91"/>
      <c r="GW5304" s="91"/>
      <c r="GX5304" s="127"/>
      <c r="GY5304" s="126"/>
      <c r="GZ5304" s="91"/>
      <c r="HA5304" s="91"/>
      <c r="HB5304" s="91"/>
      <c r="HC5304" s="91"/>
      <c r="HD5304" s="91"/>
      <c r="HE5304" s="91"/>
      <c r="HF5304" s="91"/>
      <c r="HG5304" s="91"/>
      <c r="HH5304" s="91"/>
      <c r="HI5304" s="91"/>
      <c r="HJ5304" s="91"/>
      <c r="HK5304" s="127"/>
      <c r="HL5304" s="126"/>
      <c r="HM5304" s="91"/>
      <c r="HN5304" s="91"/>
      <c r="HO5304" s="91"/>
      <c r="HP5304" s="91"/>
      <c r="HQ5304" s="91"/>
      <c r="HR5304" s="91"/>
      <c r="HS5304" s="91"/>
      <c r="HT5304" s="91"/>
      <c r="HU5304" s="91"/>
      <c r="HV5304" s="91"/>
      <c r="HW5304" s="91"/>
      <c r="HX5304" s="127"/>
      <c r="HY5304" s="126"/>
      <c r="HZ5304" s="91"/>
      <c r="IA5304" s="91"/>
      <c r="IB5304" s="91"/>
      <c r="IC5304" s="91"/>
      <c r="ID5304" s="91"/>
      <c r="IE5304" s="91"/>
      <c r="IF5304" s="91"/>
      <c r="IG5304" s="91"/>
      <c r="IH5304" s="91"/>
      <c r="II5304" s="91"/>
      <c r="IJ5304" s="91"/>
      <c r="IK5304" s="174"/>
    </row>
    <row r="5305" spans="2:245" x14ac:dyDescent="0.2">
      <c r="B5305" s="43"/>
      <c r="C5305" s="73"/>
      <c r="D5305" s="64"/>
      <c r="E5305" s="64"/>
      <c r="F5305" s="55"/>
      <c r="G5305" s="102"/>
      <c r="H5305" s="97"/>
      <c r="T5305" s="98"/>
      <c r="U5305" s="97"/>
      <c r="AG5305" s="98"/>
      <c r="AY5305" s="164"/>
      <c r="BK5305" s="98"/>
      <c r="BL5305" s="97"/>
      <c r="BX5305" s="98"/>
      <c r="CL5305" s="97"/>
      <c r="CX5305" s="98"/>
      <c r="DL5305" s="97"/>
      <c r="DX5305" s="98"/>
      <c r="EL5305" s="97"/>
      <c r="EX5305" s="98"/>
      <c r="EY5305" s="97"/>
      <c r="FL5305" s="126"/>
      <c r="FM5305" s="91"/>
      <c r="FN5305" s="91"/>
      <c r="FO5305" s="91"/>
      <c r="FP5305" s="91"/>
      <c r="FQ5305" s="91"/>
      <c r="FR5305" s="91"/>
      <c r="FS5305" s="91"/>
      <c r="FT5305" s="91"/>
      <c r="FU5305" s="91"/>
      <c r="FV5305" s="91"/>
      <c r="FW5305" s="91"/>
      <c r="FX5305" s="127"/>
      <c r="FY5305" s="126"/>
      <c r="FZ5305" s="91"/>
      <c r="GA5305" s="91"/>
      <c r="GB5305" s="91"/>
      <c r="GC5305" s="91"/>
      <c r="GD5305" s="91"/>
      <c r="GE5305" s="91"/>
      <c r="GF5305" s="91"/>
      <c r="GG5305" s="91"/>
      <c r="GH5305" s="91"/>
      <c r="GI5305" s="91"/>
      <c r="GJ5305" s="91"/>
      <c r="GK5305" s="127"/>
      <c r="GL5305" s="126"/>
      <c r="GM5305" s="91"/>
      <c r="GN5305" s="91"/>
      <c r="GO5305" s="91"/>
      <c r="GP5305" s="91"/>
      <c r="GQ5305" s="91"/>
      <c r="GR5305" s="91"/>
      <c r="GS5305" s="91"/>
      <c r="GT5305" s="91"/>
      <c r="GU5305" s="91"/>
      <c r="GV5305" s="91"/>
      <c r="GW5305" s="91"/>
      <c r="GX5305" s="127"/>
      <c r="GY5305" s="126"/>
      <c r="GZ5305" s="91"/>
      <c r="HA5305" s="91"/>
      <c r="HB5305" s="91"/>
      <c r="HC5305" s="91"/>
      <c r="HD5305" s="91"/>
      <c r="HE5305" s="91"/>
      <c r="HF5305" s="91"/>
      <c r="HG5305" s="91"/>
      <c r="HH5305" s="91"/>
      <c r="HI5305" s="91"/>
      <c r="HJ5305" s="91"/>
      <c r="HK5305" s="127"/>
      <c r="HL5305" s="126"/>
      <c r="HM5305" s="91"/>
      <c r="HN5305" s="91"/>
      <c r="HO5305" s="91"/>
      <c r="HP5305" s="91"/>
      <c r="HQ5305" s="91"/>
      <c r="HR5305" s="91"/>
      <c r="HS5305" s="91"/>
      <c r="HT5305" s="91"/>
      <c r="HU5305" s="91"/>
      <c r="HV5305" s="91"/>
      <c r="HW5305" s="91"/>
      <c r="HX5305" s="127"/>
      <c r="HY5305" s="126"/>
      <c r="HZ5305" s="91"/>
      <c r="IA5305" s="91"/>
      <c r="IB5305" s="91"/>
      <c r="IC5305" s="91"/>
      <c r="ID5305" s="91"/>
      <c r="IE5305" s="91"/>
      <c r="IF5305" s="91"/>
      <c r="IG5305" s="91"/>
      <c r="IH5305" s="91"/>
      <c r="II5305" s="91"/>
      <c r="IJ5305" s="91"/>
      <c r="IK5305" s="174"/>
    </row>
    <row r="5306" spans="2:245" x14ac:dyDescent="0.2">
      <c r="B5306" s="43"/>
      <c r="C5306" s="73"/>
      <c r="D5306" s="64"/>
      <c r="E5306" s="64"/>
      <c r="F5306" s="55"/>
      <c r="G5306" s="102"/>
      <c r="H5306" s="97"/>
      <c r="T5306" s="98"/>
      <c r="U5306" s="97"/>
      <c r="AG5306" s="98"/>
      <c r="AY5306" s="164"/>
      <c r="BK5306" s="98"/>
      <c r="BL5306" s="97"/>
      <c r="BX5306" s="98"/>
      <c r="CL5306" s="97"/>
      <c r="CX5306" s="98"/>
      <c r="DL5306" s="97"/>
      <c r="DX5306" s="98"/>
      <c r="EL5306" s="97"/>
      <c r="EX5306" s="98"/>
      <c r="EY5306" s="97"/>
      <c r="FL5306" s="126"/>
      <c r="FM5306" s="91"/>
      <c r="FN5306" s="91"/>
      <c r="FO5306" s="91"/>
      <c r="FP5306" s="91"/>
      <c r="FQ5306" s="91"/>
      <c r="FR5306" s="91"/>
      <c r="FS5306" s="91"/>
      <c r="FT5306" s="91"/>
      <c r="FU5306" s="91"/>
      <c r="FV5306" s="91"/>
      <c r="FW5306" s="91"/>
      <c r="FX5306" s="127"/>
      <c r="FY5306" s="126"/>
      <c r="FZ5306" s="91"/>
      <c r="GA5306" s="91"/>
      <c r="GB5306" s="91"/>
      <c r="GC5306" s="91"/>
      <c r="GD5306" s="91"/>
      <c r="GE5306" s="91"/>
      <c r="GF5306" s="91"/>
      <c r="GG5306" s="91"/>
      <c r="GH5306" s="91"/>
      <c r="GI5306" s="91"/>
      <c r="GJ5306" s="91"/>
      <c r="GK5306" s="127"/>
      <c r="GL5306" s="126"/>
      <c r="GM5306" s="91"/>
      <c r="GN5306" s="91"/>
      <c r="GO5306" s="91"/>
      <c r="GP5306" s="91"/>
      <c r="GQ5306" s="91"/>
      <c r="GR5306" s="91"/>
      <c r="GS5306" s="91"/>
      <c r="GT5306" s="91"/>
      <c r="GU5306" s="91"/>
      <c r="GV5306" s="91"/>
      <c r="GW5306" s="91"/>
      <c r="GX5306" s="127"/>
      <c r="GY5306" s="126"/>
      <c r="GZ5306" s="91"/>
      <c r="HA5306" s="91"/>
      <c r="HB5306" s="91"/>
      <c r="HC5306" s="91"/>
      <c r="HD5306" s="91"/>
      <c r="HE5306" s="91"/>
      <c r="HF5306" s="91"/>
      <c r="HG5306" s="91"/>
      <c r="HH5306" s="91"/>
      <c r="HI5306" s="91"/>
      <c r="HJ5306" s="91"/>
      <c r="HK5306" s="127"/>
      <c r="HL5306" s="126"/>
      <c r="HM5306" s="91"/>
      <c r="HN5306" s="91"/>
      <c r="HO5306" s="91"/>
      <c r="HP5306" s="91"/>
      <c r="HQ5306" s="91"/>
      <c r="HR5306" s="91"/>
      <c r="HS5306" s="91"/>
      <c r="HT5306" s="91"/>
      <c r="HU5306" s="91"/>
      <c r="HV5306" s="91"/>
      <c r="HW5306" s="91"/>
      <c r="HX5306" s="127"/>
      <c r="HY5306" s="126"/>
      <c r="HZ5306" s="91"/>
      <c r="IA5306" s="91"/>
      <c r="IB5306" s="91"/>
      <c r="IC5306" s="91"/>
      <c r="ID5306" s="91"/>
      <c r="IE5306" s="91"/>
      <c r="IF5306" s="91"/>
      <c r="IG5306" s="91"/>
      <c r="IH5306" s="91"/>
      <c r="II5306" s="91"/>
      <c r="IJ5306" s="91"/>
      <c r="IK5306" s="174"/>
    </row>
    <row r="5307" spans="2:245" x14ac:dyDescent="0.2">
      <c r="B5307" s="43"/>
      <c r="C5307" s="73"/>
      <c r="D5307" s="64"/>
      <c r="E5307" s="64"/>
      <c r="F5307" s="55"/>
      <c r="G5307" s="102"/>
      <c r="H5307" s="97"/>
      <c r="T5307" s="98"/>
      <c r="U5307" s="97"/>
      <c r="AG5307" s="98"/>
      <c r="AY5307" s="164"/>
      <c r="BK5307" s="98"/>
      <c r="BL5307" s="97"/>
      <c r="BX5307" s="98"/>
      <c r="CL5307" s="97"/>
      <c r="CX5307" s="98"/>
      <c r="DL5307" s="97"/>
      <c r="DX5307" s="98"/>
      <c r="EL5307" s="97"/>
      <c r="EX5307" s="98"/>
      <c r="EY5307" s="97"/>
      <c r="FL5307" s="126"/>
      <c r="FM5307" s="91"/>
      <c r="FN5307" s="91"/>
      <c r="FO5307" s="91"/>
      <c r="FP5307" s="91"/>
      <c r="FQ5307" s="91"/>
      <c r="FR5307" s="91"/>
      <c r="FS5307" s="91"/>
      <c r="FT5307" s="91"/>
      <c r="FU5307" s="91"/>
      <c r="FV5307" s="91"/>
      <c r="FW5307" s="91"/>
      <c r="FX5307" s="127"/>
      <c r="FY5307" s="126"/>
      <c r="FZ5307" s="91"/>
      <c r="GA5307" s="91"/>
      <c r="GB5307" s="91"/>
      <c r="GC5307" s="91"/>
      <c r="GD5307" s="91"/>
      <c r="GE5307" s="91"/>
      <c r="GF5307" s="91"/>
      <c r="GG5307" s="91"/>
      <c r="GH5307" s="91"/>
      <c r="GI5307" s="91"/>
      <c r="GJ5307" s="91"/>
      <c r="GK5307" s="127"/>
      <c r="GL5307" s="126"/>
      <c r="GM5307" s="91"/>
      <c r="GN5307" s="91"/>
      <c r="GO5307" s="91"/>
      <c r="GP5307" s="91"/>
      <c r="GQ5307" s="91"/>
      <c r="GR5307" s="91"/>
      <c r="GS5307" s="91"/>
      <c r="GT5307" s="91"/>
      <c r="GU5307" s="91"/>
      <c r="GV5307" s="91"/>
      <c r="GW5307" s="91"/>
      <c r="GX5307" s="127"/>
      <c r="GY5307" s="126"/>
      <c r="GZ5307" s="91"/>
      <c r="HA5307" s="91"/>
      <c r="HB5307" s="91"/>
      <c r="HC5307" s="91"/>
      <c r="HD5307" s="91"/>
      <c r="HE5307" s="91"/>
      <c r="HF5307" s="91"/>
      <c r="HG5307" s="91"/>
      <c r="HH5307" s="91"/>
      <c r="HI5307" s="91"/>
      <c r="HJ5307" s="91"/>
      <c r="HK5307" s="127"/>
      <c r="HL5307" s="126"/>
      <c r="HM5307" s="91"/>
      <c r="HN5307" s="91"/>
      <c r="HO5307" s="91"/>
      <c r="HP5307" s="91"/>
      <c r="HQ5307" s="91"/>
      <c r="HR5307" s="91"/>
      <c r="HS5307" s="91"/>
      <c r="HT5307" s="91"/>
      <c r="HU5307" s="91"/>
      <c r="HV5307" s="91"/>
      <c r="HW5307" s="91"/>
      <c r="HX5307" s="127"/>
      <c r="HY5307" s="126"/>
      <c r="HZ5307" s="91"/>
      <c r="IA5307" s="91"/>
      <c r="IB5307" s="91"/>
      <c r="IC5307" s="91"/>
      <c r="ID5307" s="91"/>
      <c r="IE5307" s="91"/>
      <c r="IF5307" s="91"/>
      <c r="IG5307" s="91"/>
      <c r="IH5307" s="91"/>
      <c r="II5307" s="91"/>
      <c r="IJ5307" s="91"/>
      <c r="IK5307" s="174"/>
    </row>
    <row r="5308" spans="2:245" x14ac:dyDescent="0.2">
      <c r="B5308" s="43"/>
      <c r="C5308" s="73"/>
      <c r="D5308" s="64"/>
      <c r="E5308" s="64"/>
      <c r="F5308" s="55"/>
      <c r="G5308" s="102"/>
      <c r="H5308" s="97"/>
      <c r="T5308" s="98"/>
      <c r="U5308" s="97"/>
      <c r="AG5308" s="98"/>
      <c r="AY5308" s="164"/>
      <c r="BK5308" s="98"/>
      <c r="BL5308" s="97"/>
      <c r="BX5308" s="98"/>
      <c r="CL5308" s="97"/>
      <c r="CX5308" s="98"/>
      <c r="DL5308" s="97"/>
      <c r="DX5308" s="98"/>
      <c r="EL5308" s="97"/>
      <c r="EX5308" s="98"/>
      <c r="EY5308" s="97"/>
      <c r="FL5308" s="126"/>
      <c r="FM5308" s="91"/>
      <c r="FN5308" s="91"/>
      <c r="FO5308" s="91"/>
      <c r="FP5308" s="91"/>
      <c r="FQ5308" s="91"/>
      <c r="FR5308" s="91"/>
      <c r="FS5308" s="91"/>
      <c r="FT5308" s="91"/>
      <c r="FU5308" s="91"/>
      <c r="FV5308" s="91"/>
      <c r="FW5308" s="91"/>
      <c r="FX5308" s="127"/>
      <c r="FY5308" s="126"/>
      <c r="FZ5308" s="91"/>
      <c r="GA5308" s="91"/>
      <c r="GB5308" s="91"/>
      <c r="GC5308" s="91"/>
      <c r="GD5308" s="91"/>
      <c r="GE5308" s="91"/>
      <c r="GF5308" s="91"/>
      <c r="GG5308" s="91"/>
      <c r="GH5308" s="91"/>
      <c r="GI5308" s="91"/>
      <c r="GJ5308" s="91"/>
      <c r="GK5308" s="127"/>
      <c r="GL5308" s="126"/>
      <c r="GM5308" s="91"/>
      <c r="GN5308" s="91"/>
      <c r="GO5308" s="91"/>
      <c r="GP5308" s="91"/>
      <c r="GQ5308" s="91"/>
      <c r="GR5308" s="91"/>
      <c r="GS5308" s="91"/>
      <c r="GT5308" s="91"/>
      <c r="GU5308" s="91"/>
      <c r="GV5308" s="91"/>
      <c r="GW5308" s="91"/>
      <c r="GX5308" s="127"/>
      <c r="GY5308" s="126"/>
      <c r="GZ5308" s="91"/>
      <c r="HA5308" s="91"/>
      <c r="HB5308" s="91"/>
      <c r="HC5308" s="91"/>
      <c r="HD5308" s="91"/>
      <c r="HE5308" s="91"/>
      <c r="HF5308" s="91"/>
      <c r="HG5308" s="91"/>
      <c r="HH5308" s="91"/>
      <c r="HI5308" s="91"/>
      <c r="HJ5308" s="91"/>
      <c r="HK5308" s="127"/>
      <c r="HL5308" s="126"/>
      <c r="HM5308" s="91"/>
      <c r="HN5308" s="91"/>
      <c r="HO5308" s="91"/>
      <c r="HP5308" s="91"/>
      <c r="HQ5308" s="91"/>
      <c r="HR5308" s="91"/>
      <c r="HS5308" s="91"/>
      <c r="HT5308" s="91"/>
      <c r="HU5308" s="91"/>
      <c r="HV5308" s="91"/>
      <c r="HW5308" s="91"/>
      <c r="HX5308" s="127"/>
      <c r="HY5308" s="126"/>
      <c r="HZ5308" s="91"/>
      <c r="IA5308" s="91"/>
      <c r="IB5308" s="91"/>
      <c r="IC5308" s="91"/>
      <c r="ID5308" s="91"/>
      <c r="IE5308" s="91"/>
      <c r="IF5308" s="91"/>
      <c r="IG5308" s="91"/>
      <c r="IH5308" s="91"/>
      <c r="II5308" s="91"/>
      <c r="IJ5308" s="91"/>
      <c r="IK5308" s="174"/>
    </row>
    <row r="5309" spans="2:245" x14ac:dyDescent="0.2">
      <c r="B5309" s="43"/>
      <c r="C5309" s="73"/>
      <c r="D5309" s="64"/>
      <c r="E5309" s="64"/>
      <c r="F5309" s="55"/>
      <c r="G5309" s="102"/>
      <c r="H5309" s="97"/>
      <c r="T5309" s="98"/>
      <c r="U5309" s="97"/>
      <c r="AG5309" s="98"/>
      <c r="AY5309" s="164"/>
      <c r="BK5309" s="98"/>
      <c r="BL5309" s="97"/>
      <c r="BX5309" s="98"/>
      <c r="CL5309" s="97"/>
      <c r="CX5309" s="98"/>
      <c r="DL5309" s="97"/>
      <c r="DX5309" s="98"/>
      <c r="EL5309" s="97"/>
      <c r="EX5309" s="98"/>
      <c r="EY5309" s="97"/>
      <c r="FL5309" s="126"/>
      <c r="FM5309" s="91"/>
      <c r="FN5309" s="91"/>
      <c r="FO5309" s="91"/>
      <c r="FP5309" s="91"/>
      <c r="FQ5309" s="91"/>
      <c r="FR5309" s="91"/>
      <c r="FS5309" s="91"/>
      <c r="FT5309" s="91"/>
      <c r="FU5309" s="91"/>
      <c r="FV5309" s="91"/>
      <c r="FW5309" s="91"/>
      <c r="FX5309" s="127"/>
      <c r="FY5309" s="126"/>
      <c r="FZ5309" s="91"/>
      <c r="GA5309" s="91"/>
      <c r="GB5309" s="91"/>
      <c r="GC5309" s="91"/>
      <c r="GD5309" s="91"/>
      <c r="GE5309" s="91"/>
      <c r="GF5309" s="91"/>
      <c r="GG5309" s="91"/>
      <c r="GH5309" s="91"/>
      <c r="GI5309" s="91"/>
      <c r="GJ5309" s="91"/>
      <c r="GK5309" s="127"/>
      <c r="GL5309" s="126"/>
      <c r="GM5309" s="91"/>
      <c r="GN5309" s="91"/>
      <c r="GO5309" s="91"/>
      <c r="GP5309" s="91"/>
      <c r="GQ5309" s="91"/>
      <c r="GR5309" s="91"/>
      <c r="GS5309" s="91"/>
      <c r="GT5309" s="91"/>
      <c r="GU5309" s="91"/>
      <c r="GV5309" s="91"/>
      <c r="GW5309" s="91"/>
      <c r="GX5309" s="127"/>
      <c r="GY5309" s="126"/>
      <c r="GZ5309" s="91"/>
      <c r="HA5309" s="91"/>
      <c r="HB5309" s="91"/>
      <c r="HC5309" s="91"/>
      <c r="HD5309" s="91"/>
      <c r="HE5309" s="91"/>
      <c r="HF5309" s="91"/>
      <c r="HG5309" s="91"/>
      <c r="HH5309" s="91"/>
      <c r="HI5309" s="91"/>
      <c r="HJ5309" s="91"/>
      <c r="HK5309" s="127"/>
      <c r="HL5309" s="126"/>
      <c r="HM5309" s="91"/>
      <c r="HN5309" s="91"/>
      <c r="HO5309" s="91"/>
      <c r="HP5309" s="91"/>
      <c r="HQ5309" s="91"/>
      <c r="HR5309" s="91"/>
      <c r="HS5309" s="91"/>
      <c r="HT5309" s="91"/>
      <c r="HU5309" s="91"/>
      <c r="HV5309" s="91"/>
      <c r="HW5309" s="91"/>
      <c r="HX5309" s="127"/>
      <c r="HY5309" s="126"/>
      <c r="HZ5309" s="91"/>
      <c r="IA5309" s="91"/>
      <c r="IB5309" s="91"/>
      <c r="IC5309" s="91"/>
      <c r="ID5309" s="91"/>
      <c r="IE5309" s="91"/>
      <c r="IF5309" s="91"/>
      <c r="IG5309" s="91"/>
      <c r="IH5309" s="91"/>
      <c r="II5309" s="91"/>
      <c r="IJ5309" s="91"/>
      <c r="IK5309" s="174"/>
    </row>
    <row r="5310" spans="2:245" x14ac:dyDescent="0.2">
      <c r="B5310" s="43"/>
      <c r="C5310" s="73"/>
      <c r="D5310" s="64"/>
      <c r="E5310" s="64"/>
      <c r="F5310" s="55"/>
      <c r="G5310" s="102"/>
      <c r="H5310" s="97"/>
      <c r="T5310" s="98"/>
      <c r="U5310" s="97"/>
      <c r="AG5310" s="98"/>
      <c r="AY5310" s="164"/>
      <c r="BK5310" s="98"/>
      <c r="BL5310" s="97"/>
      <c r="BX5310" s="98"/>
      <c r="CL5310" s="97"/>
      <c r="CX5310" s="98"/>
      <c r="DL5310" s="97"/>
      <c r="DX5310" s="98"/>
      <c r="EL5310" s="97"/>
      <c r="EX5310" s="98"/>
      <c r="EY5310" s="97"/>
      <c r="FL5310" s="126"/>
      <c r="FM5310" s="91"/>
      <c r="FN5310" s="91"/>
      <c r="FO5310" s="91"/>
      <c r="FP5310" s="91"/>
      <c r="FQ5310" s="91"/>
      <c r="FR5310" s="91"/>
      <c r="FS5310" s="91"/>
      <c r="FT5310" s="91"/>
      <c r="FU5310" s="91"/>
      <c r="FV5310" s="91"/>
      <c r="FW5310" s="91"/>
      <c r="FX5310" s="127"/>
      <c r="FY5310" s="126"/>
      <c r="FZ5310" s="91"/>
      <c r="GA5310" s="91"/>
      <c r="GB5310" s="91"/>
      <c r="GC5310" s="91"/>
      <c r="GD5310" s="91"/>
      <c r="GE5310" s="91"/>
      <c r="GF5310" s="91"/>
      <c r="GG5310" s="91"/>
      <c r="GH5310" s="91"/>
      <c r="GI5310" s="91"/>
      <c r="GJ5310" s="91"/>
      <c r="GK5310" s="127"/>
      <c r="GL5310" s="126"/>
      <c r="GM5310" s="91"/>
      <c r="GN5310" s="91"/>
      <c r="GO5310" s="91"/>
      <c r="GP5310" s="91"/>
      <c r="GQ5310" s="91"/>
      <c r="GR5310" s="91"/>
      <c r="GS5310" s="91"/>
      <c r="GT5310" s="91"/>
      <c r="GU5310" s="91"/>
      <c r="GV5310" s="91"/>
      <c r="GW5310" s="91"/>
      <c r="GX5310" s="127"/>
      <c r="GY5310" s="126"/>
      <c r="GZ5310" s="91"/>
      <c r="HA5310" s="91"/>
      <c r="HB5310" s="91"/>
      <c r="HC5310" s="91"/>
      <c r="HD5310" s="91"/>
      <c r="HE5310" s="91"/>
      <c r="HF5310" s="91"/>
      <c r="HG5310" s="91"/>
      <c r="HH5310" s="91"/>
      <c r="HI5310" s="91"/>
      <c r="HJ5310" s="91"/>
      <c r="HK5310" s="127"/>
      <c r="HL5310" s="126"/>
      <c r="HM5310" s="91"/>
      <c r="HN5310" s="91"/>
      <c r="HO5310" s="91"/>
      <c r="HP5310" s="91"/>
      <c r="HQ5310" s="91"/>
      <c r="HR5310" s="91"/>
      <c r="HS5310" s="91"/>
      <c r="HT5310" s="91"/>
      <c r="HU5310" s="91"/>
      <c r="HV5310" s="91"/>
      <c r="HW5310" s="91"/>
      <c r="HX5310" s="127"/>
      <c r="HY5310" s="126"/>
      <c r="HZ5310" s="91"/>
      <c r="IA5310" s="91"/>
      <c r="IB5310" s="91"/>
      <c r="IC5310" s="91"/>
      <c r="ID5310" s="91"/>
      <c r="IE5310" s="91"/>
      <c r="IF5310" s="91"/>
      <c r="IG5310" s="91"/>
      <c r="IH5310" s="91"/>
      <c r="II5310" s="91"/>
      <c r="IJ5310" s="91"/>
      <c r="IK5310" s="174"/>
    </row>
    <row r="5311" spans="2:245" x14ac:dyDescent="0.2">
      <c r="B5311" s="43"/>
      <c r="C5311" s="73"/>
      <c r="D5311" s="64"/>
      <c r="E5311" s="64"/>
      <c r="F5311" s="55"/>
      <c r="G5311" s="102"/>
      <c r="H5311" s="97"/>
      <c r="T5311" s="98"/>
      <c r="U5311" s="97"/>
      <c r="AG5311" s="98"/>
      <c r="AY5311" s="164"/>
      <c r="BK5311" s="98"/>
      <c r="BL5311" s="97"/>
      <c r="BX5311" s="98"/>
      <c r="CL5311" s="97"/>
      <c r="CX5311" s="98"/>
      <c r="DL5311" s="97"/>
      <c r="DX5311" s="98"/>
      <c r="EL5311" s="97"/>
      <c r="EX5311" s="98"/>
      <c r="EY5311" s="97"/>
      <c r="FL5311" s="126"/>
      <c r="FM5311" s="91"/>
      <c r="FN5311" s="91"/>
      <c r="FO5311" s="91"/>
      <c r="FP5311" s="91"/>
      <c r="FQ5311" s="91"/>
      <c r="FR5311" s="91"/>
      <c r="FS5311" s="91"/>
      <c r="FT5311" s="91"/>
      <c r="FU5311" s="91"/>
      <c r="FV5311" s="91"/>
      <c r="FW5311" s="91"/>
      <c r="FX5311" s="127"/>
      <c r="FY5311" s="126"/>
      <c r="FZ5311" s="91"/>
      <c r="GA5311" s="91"/>
      <c r="GB5311" s="91"/>
      <c r="GC5311" s="91"/>
      <c r="GD5311" s="91"/>
      <c r="GE5311" s="91"/>
      <c r="GF5311" s="91"/>
      <c r="GG5311" s="91"/>
      <c r="GH5311" s="91"/>
      <c r="GI5311" s="91"/>
      <c r="GJ5311" s="91"/>
      <c r="GK5311" s="127"/>
      <c r="GL5311" s="126"/>
      <c r="GM5311" s="91"/>
      <c r="GN5311" s="91"/>
      <c r="GO5311" s="91"/>
      <c r="GP5311" s="91"/>
      <c r="GQ5311" s="91"/>
      <c r="GR5311" s="91"/>
      <c r="GS5311" s="91"/>
      <c r="GT5311" s="91"/>
      <c r="GU5311" s="91"/>
      <c r="GV5311" s="91"/>
      <c r="GW5311" s="91"/>
      <c r="GX5311" s="127"/>
      <c r="GY5311" s="126"/>
      <c r="GZ5311" s="91"/>
      <c r="HA5311" s="91"/>
      <c r="HB5311" s="91"/>
      <c r="HC5311" s="91"/>
      <c r="HD5311" s="91"/>
      <c r="HE5311" s="91"/>
      <c r="HF5311" s="91"/>
      <c r="HG5311" s="91"/>
      <c r="HH5311" s="91"/>
      <c r="HI5311" s="91"/>
      <c r="HJ5311" s="91"/>
      <c r="HK5311" s="127"/>
      <c r="HL5311" s="126"/>
      <c r="HM5311" s="91"/>
      <c r="HN5311" s="91"/>
      <c r="HO5311" s="91"/>
      <c r="HP5311" s="91"/>
      <c r="HQ5311" s="91"/>
      <c r="HR5311" s="91"/>
      <c r="HS5311" s="91"/>
      <c r="HT5311" s="91"/>
      <c r="HU5311" s="91"/>
      <c r="HV5311" s="91"/>
      <c r="HW5311" s="91"/>
      <c r="HX5311" s="127"/>
      <c r="HY5311" s="126"/>
      <c r="HZ5311" s="91"/>
      <c r="IA5311" s="91"/>
      <c r="IB5311" s="91"/>
      <c r="IC5311" s="91"/>
      <c r="ID5311" s="91"/>
      <c r="IE5311" s="91"/>
      <c r="IF5311" s="91"/>
      <c r="IG5311" s="91"/>
      <c r="IH5311" s="91"/>
      <c r="II5311" s="91"/>
      <c r="IJ5311" s="91"/>
      <c r="IK5311" s="174"/>
    </row>
    <row r="5312" spans="2:245" x14ac:dyDescent="0.2">
      <c r="B5312" s="43"/>
      <c r="C5312" s="73"/>
      <c r="D5312" s="64"/>
      <c r="E5312" s="64"/>
      <c r="F5312" s="55"/>
      <c r="G5312" s="102"/>
      <c r="H5312" s="97"/>
      <c r="T5312" s="98"/>
      <c r="U5312" s="97"/>
      <c r="AG5312" s="98"/>
      <c r="AY5312" s="164"/>
      <c r="BK5312" s="98"/>
      <c r="BL5312" s="97"/>
      <c r="BX5312" s="98"/>
      <c r="CL5312" s="97"/>
      <c r="CX5312" s="98"/>
      <c r="DL5312" s="97"/>
      <c r="DX5312" s="98"/>
      <c r="EL5312" s="97"/>
      <c r="EX5312" s="98"/>
      <c r="EY5312" s="97"/>
      <c r="FL5312" s="126"/>
      <c r="FM5312" s="91"/>
      <c r="FN5312" s="91"/>
      <c r="FO5312" s="91"/>
      <c r="FP5312" s="91"/>
      <c r="FQ5312" s="91"/>
      <c r="FR5312" s="91"/>
      <c r="FS5312" s="91"/>
      <c r="FT5312" s="91"/>
      <c r="FU5312" s="91"/>
      <c r="FV5312" s="91"/>
      <c r="FW5312" s="91"/>
      <c r="FX5312" s="127"/>
      <c r="FY5312" s="126"/>
      <c r="FZ5312" s="91"/>
      <c r="GA5312" s="91"/>
      <c r="GB5312" s="91"/>
      <c r="GC5312" s="91"/>
      <c r="GD5312" s="91"/>
      <c r="GE5312" s="91"/>
      <c r="GF5312" s="91"/>
      <c r="GG5312" s="91"/>
      <c r="GH5312" s="91"/>
      <c r="GI5312" s="91"/>
      <c r="GJ5312" s="91"/>
      <c r="GK5312" s="127"/>
      <c r="GL5312" s="126"/>
      <c r="GM5312" s="91"/>
      <c r="GN5312" s="91"/>
      <c r="GO5312" s="91"/>
      <c r="GP5312" s="91"/>
      <c r="GQ5312" s="91"/>
      <c r="GR5312" s="91"/>
      <c r="GS5312" s="91"/>
      <c r="GT5312" s="91"/>
      <c r="GU5312" s="91"/>
      <c r="GV5312" s="91"/>
      <c r="GW5312" s="91"/>
      <c r="GX5312" s="127"/>
      <c r="GY5312" s="126"/>
      <c r="GZ5312" s="91"/>
      <c r="HA5312" s="91"/>
      <c r="HB5312" s="91"/>
      <c r="HC5312" s="91"/>
      <c r="HD5312" s="91"/>
      <c r="HE5312" s="91"/>
      <c r="HF5312" s="91"/>
      <c r="HG5312" s="91"/>
      <c r="HH5312" s="91"/>
      <c r="HI5312" s="91"/>
      <c r="HJ5312" s="91"/>
      <c r="HK5312" s="127"/>
      <c r="HL5312" s="126"/>
      <c r="HM5312" s="91"/>
      <c r="HN5312" s="91"/>
      <c r="HO5312" s="91"/>
      <c r="HP5312" s="91"/>
      <c r="HQ5312" s="91"/>
      <c r="HR5312" s="91"/>
      <c r="HS5312" s="91"/>
      <c r="HT5312" s="91"/>
      <c r="HU5312" s="91"/>
      <c r="HV5312" s="91"/>
      <c r="HW5312" s="91"/>
      <c r="HX5312" s="127"/>
      <c r="HY5312" s="126"/>
      <c r="HZ5312" s="91"/>
      <c r="IA5312" s="91"/>
      <c r="IB5312" s="91"/>
      <c r="IC5312" s="91"/>
      <c r="ID5312" s="91"/>
      <c r="IE5312" s="91"/>
      <c r="IF5312" s="91"/>
      <c r="IG5312" s="91"/>
      <c r="IH5312" s="91"/>
      <c r="II5312" s="91"/>
      <c r="IJ5312" s="91"/>
      <c r="IK5312" s="174"/>
    </row>
    <row r="5313" spans="2:245" x14ac:dyDescent="0.2">
      <c r="B5313" s="43"/>
      <c r="C5313" s="73"/>
      <c r="D5313" s="64"/>
      <c r="E5313" s="64"/>
      <c r="F5313" s="55"/>
      <c r="G5313" s="102"/>
      <c r="H5313" s="97"/>
      <c r="T5313" s="98"/>
      <c r="U5313" s="97"/>
      <c r="AG5313" s="98"/>
      <c r="AY5313" s="164"/>
      <c r="BK5313" s="98"/>
      <c r="BL5313" s="97"/>
      <c r="BX5313" s="98"/>
      <c r="CL5313" s="97"/>
      <c r="CX5313" s="98"/>
      <c r="DL5313" s="97"/>
      <c r="DX5313" s="98"/>
      <c r="EL5313" s="97"/>
      <c r="EX5313" s="98"/>
      <c r="EY5313" s="97"/>
      <c r="FL5313" s="126"/>
      <c r="FM5313" s="91"/>
      <c r="FN5313" s="91"/>
      <c r="FO5313" s="91"/>
      <c r="FP5313" s="91"/>
      <c r="FQ5313" s="91"/>
      <c r="FR5313" s="91"/>
      <c r="FS5313" s="91"/>
      <c r="FT5313" s="91"/>
      <c r="FU5313" s="91"/>
      <c r="FV5313" s="91"/>
      <c r="FW5313" s="91"/>
      <c r="FX5313" s="127"/>
      <c r="FY5313" s="126"/>
      <c r="FZ5313" s="91"/>
      <c r="GA5313" s="91"/>
      <c r="GB5313" s="91"/>
      <c r="GC5313" s="91"/>
      <c r="GD5313" s="91"/>
      <c r="GE5313" s="91"/>
      <c r="GF5313" s="91"/>
      <c r="GG5313" s="91"/>
      <c r="GH5313" s="91"/>
      <c r="GI5313" s="91"/>
      <c r="GJ5313" s="91"/>
      <c r="GK5313" s="127"/>
      <c r="GL5313" s="126"/>
      <c r="GM5313" s="91"/>
      <c r="GN5313" s="91"/>
      <c r="GO5313" s="91"/>
      <c r="GP5313" s="91"/>
      <c r="GQ5313" s="91"/>
      <c r="GR5313" s="91"/>
      <c r="GS5313" s="91"/>
      <c r="GT5313" s="91"/>
      <c r="GU5313" s="91"/>
      <c r="GV5313" s="91"/>
      <c r="GW5313" s="91"/>
      <c r="GX5313" s="127"/>
      <c r="GY5313" s="126"/>
      <c r="GZ5313" s="91"/>
      <c r="HA5313" s="91"/>
      <c r="HB5313" s="91"/>
      <c r="HC5313" s="91"/>
      <c r="HD5313" s="91"/>
      <c r="HE5313" s="91"/>
      <c r="HF5313" s="91"/>
      <c r="HG5313" s="91"/>
      <c r="HH5313" s="91"/>
      <c r="HI5313" s="91"/>
      <c r="HJ5313" s="91"/>
      <c r="HK5313" s="127"/>
      <c r="HL5313" s="126"/>
      <c r="HM5313" s="91"/>
      <c r="HN5313" s="91"/>
      <c r="HO5313" s="91"/>
      <c r="HP5313" s="91"/>
      <c r="HQ5313" s="91"/>
      <c r="HR5313" s="91"/>
      <c r="HS5313" s="91"/>
      <c r="HT5313" s="91"/>
      <c r="HU5313" s="91"/>
      <c r="HV5313" s="91"/>
      <c r="HW5313" s="91"/>
      <c r="HX5313" s="127"/>
      <c r="HY5313" s="126"/>
      <c r="HZ5313" s="91"/>
      <c r="IA5313" s="91"/>
      <c r="IB5313" s="91"/>
      <c r="IC5313" s="91"/>
      <c r="ID5313" s="91"/>
      <c r="IE5313" s="91"/>
      <c r="IF5313" s="91"/>
      <c r="IG5313" s="91"/>
      <c r="IH5313" s="91"/>
      <c r="II5313" s="91"/>
      <c r="IJ5313" s="91"/>
      <c r="IK5313" s="174"/>
    </row>
    <row r="5314" spans="2:245" x14ac:dyDescent="0.2">
      <c r="B5314" s="43"/>
      <c r="C5314" s="73"/>
      <c r="D5314" s="64"/>
      <c r="E5314" s="64"/>
      <c r="F5314" s="55"/>
      <c r="G5314" s="102"/>
      <c r="H5314" s="97"/>
      <c r="T5314" s="98"/>
      <c r="U5314" s="97"/>
      <c r="AG5314" s="98"/>
      <c r="AY5314" s="164"/>
      <c r="BK5314" s="98"/>
      <c r="BL5314" s="97"/>
      <c r="BX5314" s="98"/>
      <c r="CL5314" s="97"/>
      <c r="CX5314" s="98"/>
      <c r="DL5314" s="97"/>
      <c r="DX5314" s="98"/>
      <c r="EL5314" s="97"/>
      <c r="EX5314" s="98"/>
      <c r="EY5314" s="97"/>
      <c r="FL5314" s="126"/>
      <c r="FM5314" s="91"/>
      <c r="FN5314" s="91"/>
      <c r="FO5314" s="91"/>
      <c r="FP5314" s="91"/>
      <c r="FQ5314" s="91"/>
      <c r="FR5314" s="91"/>
      <c r="FS5314" s="91"/>
      <c r="FT5314" s="91"/>
      <c r="FU5314" s="91"/>
      <c r="FV5314" s="91"/>
      <c r="FW5314" s="91"/>
      <c r="FX5314" s="127"/>
      <c r="FY5314" s="126"/>
      <c r="FZ5314" s="91"/>
      <c r="GA5314" s="91"/>
      <c r="GB5314" s="91"/>
      <c r="GC5314" s="91"/>
      <c r="GD5314" s="91"/>
      <c r="GE5314" s="91"/>
      <c r="GF5314" s="91"/>
      <c r="GG5314" s="91"/>
      <c r="GH5314" s="91"/>
      <c r="GI5314" s="91"/>
      <c r="GJ5314" s="91"/>
      <c r="GK5314" s="127"/>
      <c r="GL5314" s="126"/>
      <c r="GM5314" s="91"/>
      <c r="GN5314" s="91"/>
      <c r="GO5314" s="91"/>
      <c r="GP5314" s="91"/>
      <c r="GQ5314" s="91"/>
      <c r="GR5314" s="91"/>
      <c r="GS5314" s="91"/>
      <c r="GT5314" s="91"/>
      <c r="GU5314" s="91"/>
      <c r="GV5314" s="91"/>
      <c r="GW5314" s="91"/>
      <c r="GX5314" s="127"/>
      <c r="GY5314" s="126"/>
      <c r="GZ5314" s="91"/>
      <c r="HA5314" s="91"/>
      <c r="HB5314" s="91"/>
      <c r="HC5314" s="91"/>
      <c r="HD5314" s="91"/>
      <c r="HE5314" s="91"/>
      <c r="HF5314" s="91"/>
      <c r="HG5314" s="91"/>
      <c r="HH5314" s="91"/>
      <c r="HI5314" s="91"/>
      <c r="HJ5314" s="91"/>
      <c r="HK5314" s="127"/>
      <c r="HL5314" s="126"/>
      <c r="HM5314" s="91"/>
      <c r="HN5314" s="91"/>
      <c r="HO5314" s="91"/>
      <c r="HP5314" s="91"/>
      <c r="HQ5314" s="91"/>
      <c r="HR5314" s="91"/>
      <c r="HS5314" s="91"/>
      <c r="HT5314" s="91"/>
      <c r="HU5314" s="91"/>
      <c r="HV5314" s="91"/>
      <c r="HW5314" s="91"/>
      <c r="HX5314" s="127"/>
      <c r="HY5314" s="126"/>
      <c r="HZ5314" s="91"/>
      <c r="IA5314" s="91"/>
      <c r="IB5314" s="91"/>
      <c r="IC5314" s="91"/>
      <c r="ID5314" s="91"/>
      <c r="IE5314" s="91"/>
      <c r="IF5314" s="91"/>
      <c r="IG5314" s="91"/>
      <c r="IH5314" s="91"/>
      <c r="II5314" s="91"/>
      <c r="IJ5314" s="91"/>
      <c r="IK5314" s="174"/>
    </row>
    <row r="5315" spans="2:245" x14ac:dyDescent="0.2">
      <c r="B5315" s="43"/>
      <c r="C5315" s="73"/>
      <c r="D5315" s="64"/>
      <c r="E5315" s="64"/>
      <c r="F5315" s="55"/>
      <c r="G5315" s="102"/>
      <c r="H5315" s="97"/>
      <c r="T5315" s="98"/>
      <c r="U5315" s="97"/>
      <c r="AG5315" s="98"/>
      <c r="AY5315" s="164"/>
      <c r="BK5315" s="98"/>
      <c r="BL5315" s="97"/>
      <c r="BX5315" s="98"/>
      <c r="CL5315" s="97"/>
      <c r="CX5315" s="98"/>
      <c r="DL5315" s="97"/>
      <c r="DX5315" s="98"/>
      <c r="EL5315" s="97"/>
      <c r="EX5315" s="98"/>
      <c r="EY5315" s="97"/>
      <c r="FL5315" s="126"/>
      <c r="FM5315" s="91"/>
      <c r="FN5315" s="91"/>
      <c r="FO5315" s="91"/>
      <c r="FP5315" s="91"/>
      <c r="FQ5315" s="91"/>
      <c r="FR5315" s="91"/>
      <c r="FS5315" s="91"/>
      <c r="FT5315" s="91"/>
      <c r="FU5315" s="91"/>
      <c r="FV5315" s="91"/>
      <c r="FW5315" s="91"/>
      <c r="FX5315" s="127"/>
      <c r="FY5315" s="126"/>
      <c r="FZ5315" s="91"/>
      <c r="GA5315" s="91"/>
      <c r="GB5315" s="91"/>
      <c r="GC5315" s="91"/>
      <c r="GD5315" s="91"/>
      <c r="GE5315" s="91"/>
      <c r="GF5315" s="91"/>
      <c r="GG5315" s="91"/>
      <c r="GH5315" s="91"/>
      <c r="GI5315" s="91"/>
      <c r="GJ5315" s="91"/>
      <c r="GK5315" s="127"/>
      <c r="GL5315" s="126"/>
      <c r="GM5315" s="91"/>
      <c r="GN5315" s="91"/>
      <c r="GO5315" s="91"/>
      <c r="GP5315" s="91"/>
      <c r="GQ5315" s="91"/>
      <c r="GR5315" s="91"/>
      <c r="GS5315" s="91"/>
      <c r="GT5315" s="91"/>
      <c r="GU5315" s="91"/>
      <c r="GV5315" s="91"/>
      <c r="GW5315" s="91"/>
      <c r="GX5315" s="127"/>
      <c r="GY5315" s="126"/>
      <c r="GZ5315" s="91"/>
      <c r="HA5315" s="91"/>
      <c r="HB5315" s="91"/>
      <c r="HC5315" s="91"/>
      <c r="HD5315" s="91"/>
      <c r="HE5315" s="91"/>
      <c r="HF5315" s="91"/>
      <c r="HG5315" s="91"/>
      <c r="HH5315" s="91"/>
      <c r="HI5315" s="91"/>
      <c r="HJ5315" s="91"/>
      <c r="HK5315" s="127"/>
      <c r="HL5315" s="126"/>
      <c r="HM5315" s="91"/>
      <c r="HN5315" s="91"/>
      <c r="HO5315" s="91"/>
      <c r="HP5315" s="91"/>
      <c r="HQ5315" s="91"/>
      <c r="HR5315" s="91"/>
      <c r="HS5315" s="91"/>
      <c r="HT5315" s="91"/>
      <c r="HU5315" s="91"/>
      <c r="HV5315" s="91"/>
      <c r="HW5315" s="91"/>
      <c r="HX5315" s="127"/>
      <c r="HY5315" s="126"/>
      <c r="HZ5315" s="91"/>
      <c r="IA5315" s="91"/>
      <c r="IB5315" s="91"/>
      <c r="IC5315" s="91"/>
      <c r="ID5315" s="91"/>
      <c r="IE5315" s="91"/>
      <c r="IF5315" s="91"/>
      <c r="IG5315" s="91"/>
      <c r="IH5315" s="91"/>
      <c r="II5315" s="91"/>
      <c r="IJ5315" s="91"/>
      <c r="IK5315" s="174"/>
    </row>
    <row r="5316" spans="2:245" x14ac:dyDescent="0.2">
      <c r="B5316" s="43"/>
      <c r="C5316" s="73"/>
      <c r="D5316" s="64"/>
      <c r="E5316" s="64"/>
      <c r="F5316" s="55"/>
      <c r="G5316" s="102"/>
      <c r="H5316" s="97"/>
      <c r="T5316" s="98"/>
      <c r="U5316" s="97"/>
      <c r="AG5316" s="98"/>
      <c r="AY5316" s="164"/>
      <c r="BK5316" s="98"/>
      <c r="BL5316" s="97"/>
      <c r="BX5316" s="98"/>
      <c r="CL5316" s="97"/>
      <c r="CX5316" s="98"/>
      <c r="DL5316" s="97"/>
      <c r="DX5316" s="98"/>
      <c r="EL5316" s="97"/>
      <c r="EX5316" s="98"/>
      <c r="EY5316" s="97"/>
      <c r="FL5316" s="126"/>
      <c r="FM5316" s="91"/>
      <c r="FN5316" s="91"/>
      <c r="FO5316" s="91"/>
      <c r="FP5316" s="91"/>
      <c r="FQ5316" s="91"/>
      <c r="FR5316" s="91"/>
      <c r="FS5316" s="91"/>
      <c r="FT5316" s="91"/>
      <c r="FU5316" s="91"/>
      <c r="FV5316" s="91"/>
      <c r="FW5316" s="91"/>
      <c r="FX5316" s="127"/>
      <c r="FY5316" s="126"/>
      <c r="FZ5316" s="91"/>
      <c r="GA5316" s="91"/>
      <c r="GB5316" s="91"/>
      <c r="GC5316" s="91"/>
      <c r="GD5316" s="91"/>
      <c r="GE5316" s="91"/>
      <c r="GF5316" s="91"/>
      <c r="GG5316" s="91"/>
      <c r="GH5316" s="91"/>
      <c r="GI5316" s="91"/>
      <c r="GJ5316" s="91"/>
      <c r="GK5316" s="127"/>
      <c r="GL5316" s="126"/>
      <c r="GM5316" s="91"/>
      <c r="GN5316" s="91"/>
      <c r="GO5316" s="91"/>
      <c r="GP5316" s="91"/>
      <c r="GQ5316" s="91"/>
      <c r="GR5316" s="91"/>
      <c r="GS5316" s="91"/>
      <c r="GT5316" s="91"/>
      <c r="GU5316" s="91"/>
      <c r="GV5316" s="91"/>
      <c r="GW5316" s="91"/>
      <c r="GX5316" s="127"/>
      <c r="GY5316" s="126"/>
      <c r="GZ5316" s="91"/>
      <c r="HA5316" s="91"/>
      <c r="HB5316" s="91"/>
      <c r="HC5316" s="91"/>
      <c r="HD5316" s="91"/>
      <c r="HE5316" s="91"/>
      <c r="HF5316" s="91"/>
      <c r="HG5316" s="91"/>
      <c r="HH5316" s="91"/>
      <c r="HI5316" s="91"/>
      <c r="HJ5316" s="91"/>
      <c r="HK5316" s="127"/>
      <c r="HL5316" s="126"/>
      <c r="HM5316" s="91"/>
      <c r="HN5316" s="91"/>
      <c r="HO5316" s="91"/>
      <c r="HP5316" s="91"/>
      <c r="HQ5316" s="91"/>
      <c r="HR5316" s="91"/>
      <c r="HS5316" s="91"/>
      <c r="HT5316" s="91"/>
      <c r="HU5316" s="91"/>
      <c r="HV5316" s="91"/>
      <c r="HW5316" s="91"/>
      <c r="HX5316" s="127"/>
      <c r="HY5316" s="126"/>
      <c r="HZ5316" s="91"/>
      <c r="IA5316" s="91"/>
      <c r="IB5316" s="91"/>
      <c r="IC5316" s="91"/>
      <c r="ID5316" s="91"/>
      <c r="IE5316" s="91"/>
      <c r="IF5316" s="91"/>
      <c r="IG5316" s="91"/>
      <c r="IH5316" s="91"/>
      <c r="II5316" s="91"/>
      <c r="IJ5316" s="91"/>
      <c r="IK5316" s="174"/>
    </row>
    <row r="5317" spans="2:245" x14ac:dyDescent="0.2">
      <c r="B5317" s="43"/>
      <c r="C5317" s="73"/>
      <c r="D5317" s="64"/>
      <c r="E5317" s="64"/>
      <c r="F5317" s="55"/>
      <c r="G5317" s="102"/>
      <c r="H5317" s="97"/>
      <c r="T5317" s="98"/>
      <c r="U5317" s="97"/>
      <c r="AG5317" s="98"/>
      <c r="AY5317" s="164"/>
      <c r="BK5317" s="98"/>
      <c r="BL5317" s="97"/>
      <c r="BX5317" s="98"/>
      <c r="CL5317" s="97"/>
      <c r="CX5317" s="98"/>
      <c r="DL5317" s="97"/>
      <c r="DX5317" s="98"/>
      <c r="EL5317" s="97"/>
      <c r="EX5317" s="98"/>
      <c r="EY5317" s="97"/>
      <c r="FL5317" s="126"/>
      <c r="FM5317" s="91"/>
      <c r="FN5317" s="91"/>
      <c r="FO5317" s="91"/>
      <c r="FP5317" s="91"/>
      <c r="FQ5317" s="91"/>
      <c r="FR5317" s="91"/>
      <c r="FS5317" s="91"/>
      <c r="FT5317" s="91"/>
      <c r="FU5317" s="91"/>
      <c r="FV5317" s="91"/>
      <c r="FW5317" s="91"/>
      <c r="FX5317" s="127"/>
      <c r="FY5317" s="126"/>
      <c r="FZ5317" s="91"/>
      <c r="GA5317" s="91"/>
      <c r="GB5317" s="91"/>
      <c r="GC5317" s="91"/>
      <c r="GD5317" s="91"/>
      <c r="GE5317" s="91"/>
      <c r="GF5317" s="91"/>
      <c r="GG5317" s="91"/>
      <c r="GH5317" s="91"/>
      <c r="GI5317" s="91"/>
      <c r="GJ5317" s="91"/>
      <c r="GK5317" s="127"/>
      <c r="GL5317" s="126"/>
      <c r="GM5317" s="91"/>
      <c r="GN5317" s="91"/>
      <c r="GO5317" s="91"/>
      <c r="GP5317" s="91"/>
      <c r="GQ5317" s="91"/>
      <c r="GR5317" s="91"/>
      <c r="GS5317" s="91"/>
      <c r="GT5317" s="91"/>
      <c r="GU5317" s="91"/>
      <c r="GV5317" s="91"/>
      <c r="GW5317" s="91"/>
      <c r="GX5317" s="127"/>
      <c r="GY5317" s="126"/>
      <c r="GZ5317" s="91"/>
      <c r="HA5317" s="91"/>
      <c r="HB5317" s="91"/>
      <c r="HC5317" s="91"/>
      <c r="HD5317" s="91"/>
      <c r="HE5317" s="91"/>
      <c r="HF5317" s="91"/>
      <c r="HG5317" s="91"/>
      <c r="HH5317" s="91"/>
      <c r="HI5317" s="91"/>
      <c r="HJ5317" s="91"/>
      <c r="HK5317" s="127"/>
      <c r="HL5317" s="126"/>
      <c r="HM5317" s="91"/>
      <c r="HN5317" s="91"/>
      <c r="HO5317" s="91"/>
      <c r="HP5317" s="91"/>
      <c r="HQ5317" s="91"/>
      <c r="HR5317" s="91"/>
      <c r="HS5317" s="91"/>
      <c r="HT5317" s="91"/>
      <c r="HU5317" s="91"/>
      <c r="HV5317" s="91"/>
      <c r="HW5317" s="91"/>
      <c r="HX5317" s="127"/>
      <c r="HY5317" s="126"/>
      <c r="HZ5317" s="91"/>
      <c r="IA5317" s="91"/>
      <c r="IB5317" s="91"/>
      <c r="IC5317" s="91"/>
      <c r="ID5317" s="91"/>
      <c r="IE5317" s="91"/>
      <c r="IF5317" s="91"/>
      <c r="IG5317" s="91"/>
      <c r="IH5317" s="91"/>
      <c r="II5317" s="91"/>
      <c r="IJ5317" s="91"/>
      <c r="IK5317" s="174"/>
    </row>
    <row r="5318" spans="2:245" x14ac:dyDescent="0.2">
      <c r="B5318" s="43"/>
      <c r="C5318" s="73"/>
      <c r="D5318" s="64"/>
      <c r="E5318" s="64"/>
      <c r="F5318" s="55"/>
      <c r="G5318" s="102"/>
      <c r="H5318" s="97"/>
      <c r="T5318" s="98"/>
      <c r="U5318" s="97"/>
      <c r="AG5318" s="98"/>
      <c r="AY5318" s="164"/>
      <c r="BK5318" s="98"/>
      <c r="BL5318" s="97"/>
      <c r="BX5318" s="98"/>
      <c r="CL5318" s="97"/>
      <c r="CX5318" s="98"/>
      <c r="DL5318" s="97"/>
      <c r="DX5318" s="98"/>
      <c r="EL5318" s="97"/>
      <c r="EX5318" s="98"/>
      <c r="EY5318" s="97"/>
      <c r="FL5318" s="126"/>
      <c r="FM5318" s="91"/>
      <c r="FN5318" s="91"/>
      <c r="FO5318" s="91"/>
      <c r="FP5318" s="91"/>
      <c r="FQ5318" s="91"/>
      <c r="FR5318" s="91"/>
      <c r="FS5318" s="91"/>
      <c r="FT5318" s="91"/>
      <c r="FU5318" s="91"/>
      <c r="FV5318" s="91"/>
      <c r="FW5318" s="91"/>
      <c r="FX5318" s="127"/>
      <c r="FY5318" s="126"/>
      <c r="FZ5318" s="91"/>
      <c r="GA5318" s="91"/>
      <c r="GB5318" s="91"/>
      <c r="GC5318" s="91"/>
      <c r="GD5318" s="91"/>
      <c r="GE5318" s="91"/>
      <c r="GF5318" s="91"/>
      <c r="GG5318" s="91"/>
      <c r="GH5318" s="91"/>
      <c r="GI5318" s="91"/>
      <c r="GJ5318" s="91"/>
      <c r="GK5318" s="127"/>
      <c r="GL5318" s="126"/>
      <c r="GM5318" s="91"/>
      <c r="GN5318" s="91"/>
      <c r="GO5318" s="91"/>
      <c r="GP5318" s="91"/>
      <c r="GQ5318" s="91"/>
      <c r="GR5318" s="91"/>
      <c r="GS5318" s="91"/>
      <c r="GT5318" s="91"/>
      <c r="GU5318" s="91"/>
      <c r="GV5318" s="91"/>
      <c r="GW5318" s="91"/>
      <c r="GX5318" s="127"/>
      <c r="GY5318" s="126"/>
      <c r="GZ5318" s="91"/>
      <c r="HA5318" s="91"/>
      <c r="HB5318" s="91"/>
      <c r="HC5318" s="91"/>
      <c r="HD5318" s="91"/>
      <c r="HE5318" s="91"/>
      <c r="HF5318" s="91"/>
      <c r="HG5318" s="91"/>
      <c r="HH5318" s="91"/>
      <c r="HI5318" s="91"/>
      <c r="HJ5318" s="91"/>
      <c r="HK5318" s="127"/>
      <c r="HL5318" s="126"/>
      <c r="HM5318" s="91"/>
      <c r="HN5318" s="91"/>
      <c r="HO5318" s="91"/>
      <c r="HP5318" s="91"/>
      <c r="HQ5318" s="91"/>
      <c r="HR5318" s="91"/>
      <c r="HS5318" s="91"/>
      <c r="HT5318" s="91"/>
      <c r="HU5318" s="91"/>
      <c r="HV5318" s="91"/>
      <c r="HW5318" s="91"/>
      <c r="HX5318" s="127"/>
      <c r="HY5318" s="126"/>
      <c r="HZ5318" s="91"/>
      <c r="IA5318" s="91"/>
      <c r="IB5318" s="91"/>
      <c r="IC5318" s="91"/>
      <c r="ID5318" s="91"/>
      <c r="IE5318" s="91"/>
      <c r="IF5318" s="91"/>
      <c r="IG5318" s="91"/>
      <c r="IH5318" s="91"/>
      <c r="II5318" s="91"/>
      <c r="IJ5318" s="91"/>
      <c r="IK5318" s="174"/>
    </row>
    <row r="5319" spans="2:245" x14ac:dyDescent="0.2">
      <c r="B5319" s="43"/>
      <c r="C5319" s="73"/>
      <c r="D5319" s="64"/>
      <c r="E5319" s="64"/>
      <c r="F5319" s="55"/>
      <c r="G5319" s="102"/>
      <c r="H5319" s="97"/>
      <c r="T5319" s="98"/>
      <c r="U5319" s="97"/>
      <c r="AG5319" s="98"/>
      <c r="AY5319" s="164"/>
      <c r="BK5319" s="98"/>
      <c r="BL5319" s="97"/>
      <c r="BX5319" s="98"/>
      <c r="CL5319" s="97"/>
      <c r="CX5319" s="98"/>
      <c r="DL5319" s="97"/>
      <c r="DX5319" s="98"/>
      <c r="EL5319" s="97"/>
      <c r="EX5319" s="98"/>
      <c r="EY5319" s="97"/>
      <c r="FL5319" s="126"/>
      <c r="FM5319" s="91"/>
      <c r="FN5319" s="91"/>
      <c r="FO5319" s="91"/>
      <c r="FP5319" s="91"/>
      <c r="FQ5319" s="91"/>
      <c r="FR5319" s="91"/>
      <c r="FS5319" s="91"/>
      <c r="FT5319" s="91"/>
      <c r="FU5319" s="91"/>
      <c r="FV5319" s="91"/>
      <c r="FW5319" s="91"/>
      <c r="FX5319" s="127"/>
      <c r="FY5319" s="126"/>
      <c r="FZ5319" s="91"/>
      <c r="GA5319" s="91"/>
      <c r="GB5319" s="91"/>
      <c r="GC5319" s="91"/>
      <c r="GD5319" s="91"/>
      <c r="GE5319" s="91"/>
      <c r="GF5319" s="91"/>
      <c r="GG5319" s="91"/>
      <c r="GH5319" s="91"/>
      <c r="GI5319" s="91"/>
      <c r="GJ5319" s="91"/>
      <c r="GK5319" s="127"/>
      <c r="GL5319" s="126"/>
      <c r="GM5319" s="91"/>
      <c r="GN5319" s="91"/>
      <c r="GO5319" s="91"/>
      <c r="GP5319" s="91"/>
      <c r="GQ5319" s="91"/>
      <c r="GR5319" s="91"/>
      <c r="GS5319" s="91"/>
      <c r="GT5319" s="91"/>
      <c r="GU5319" s="91"/>
      <c r="GV5319" s="91"/>
      <c r="GW5319" s="91"/>
      <c r="GX5319" s="127"/>
      <c r="GY5319" s="126"/>
      <c r="GZ5319" s="91"/>
      <c r="HA5319" s="91"/>
      <c r="HB5319" s="91"/>
      <c r="HC5319" s="91"/>
      <c r="HD5319" s="91"/>
      <c r="HE5319" s="91"/>
      <c r="HF5319" s="91"/>
      <c r="HG5319" s="91"/>
      <c r="HH5319" s="91"/>
      <c r="HI5319" s="91"/>
      <c r="HJ5319" s="91"/>
      <c r="HK5319" s="127"/>
      <c r="HL5319" s="126"/>
      <c r="HM5319" s="91"/>
      <c r="HN5319" s="91"/>
      <c r="HO5319" s="91"/>
      <c r="HP5319" s="91"/>
      <c r="HQ5319" s="91"/>
      <c r="HR5319" s="91"/>
      <c r="HS5319" s="91"/>
      <c r="HT5319" s="91"/>
      <c r="HU5319" s="91"/>
      <c r="HV5319" s="91"/>
      <c r="HW5319" s="91"/>
      <c r="HX5319" s="127"/>
      <c r="HY5319" s="126"/>
      <c r="HZ5319" s="91"/>
      <c r="IA5319" s="91"/>
      <c r="IB5319" s="91"/>
      <c r="IC5319" s="91"/>
      <c r="ID5319" s="91"/>
      <c r="IE5319" s="91"/>
      <c r="IF5319" s="91"/>
      <c r="IG5319" s="91"/>
      <c r="IH5319" s="91"/>
      <c r="II5319" s="91"/>
      <c r="IJ5319" s="91"/>
      <c r="IK5319" s="174"/>
    </row>
    <row r="5320" spans="2:245" x14ac:dyDescent="0.2">
      <c r="B5320" s="43"/>
      <c r="C5320" s="73"/>
      <c r="D5320" s="64"/>
      <c r="E5320" s="64"/>
      <c r="F5320" s="55"/>
      <c r="G5320" s="102"/>
      <c r="H5320" s="97"/>
      <c r="T5320" s="98"/>
      <c r="U5320" s="97"/>
      <c r="AG5320" s="98"/>
      <c r="AY5320" s="164"/>
      <c r="BK5320" s="98"/>
      <c r="BL5320" s="97"/>
      <c r="BX5320" s="98"/>
      <c r="CL5320" s="97"/>
      <c r="CX5320" s="98"/>
      <c r="DL5320" s="97"/>
      <c r="DX5320" s="98"/>
      <c r="EL5320" s="97"/>
      <c r="EX5320" s="98"/>
      <c r="EY5320" s="97"/>
      <c r="FL5320" s="126"/>
      <c r="FM5320" s="91"/>
      <c r="FN5320" s="91"/>
      <c r="FO5320" s="91"/>
      <c r="FP5320" s="91"/>
      <c r="FQ5320" s="91"/>
      <c r="FR5320" s="91"/>
      <c r="FS5320" s="91"/>
      <c r="FT5320" s="91"/>
      <c r="FU5320" s="91"/>
      <c r="FV5320" s="91"/>
      <c r="FW5320" s="91"/>
      <c r="FX5320" s="127"/>
      <c r="FY5320" s="126"/>
      <c r="FZ5320" s="91"/>
      <c r="GA5320" s="91"/>
      <c r="GB5320" s="91"/>
      <c r="GC5320" s="91"/>
      <c r="GD5320" s="91"/>
      <c r="GE5320" s="91"/>
      <c r="GF5320" s="91"/>
      <c r="GG5320" s="91"/>
      <c r="GH5320" s="91"/>
      <c r="GI5320" s="91"/>
      <c r="GJ5320" s="91"/>
      <c r="GK5320" s="127"/>
      <c r="GL5320" s="126"/>
      <c r="GM5320" s="91"/>
      <c r="GN5320" s="91"/>
      <c r="GO5320" s="91"/>
      <c r="GP5320" s="91"/>
      <c r="GQ5320" s="91"/>
      <c r="GR5320" s="91"/>
      <c r="GS5320" s="91"/>
      <c r="GT5320" s="91"/>
      <c r="GU5320" s="91"/>
      <c r="GV5320" s="91"/>
      <c r="GW5320" s="91"/>
      <c r="GX5320" s="127"/>
      <c r="GY5320" s="126"/>
      <c r="GZ5320" s="91"/>
      <c r="HA5320" s="91"/>
      <c r="HB5320" s="91"/>
      <c r="HC5320" s="91"/>
      <c r="HD5320" s="91"/>
      <c r="HE5320" s="91"/>
      <c r="HF5320" s="91"/>
      <c r="HG5320" s="91"/>
      <c r="HH5320" s="91"/>
      <c r="HI5320" s="91"/>
      <c r="HJ5320" s="91"/>
      <c r="HK5320" s="127"/>
      <c r="HL5320" s="126"/>
      <c r="HM5320" s="91"/>
      <c r="HN5320" s="91"/>
      <c r="HO5320" s="91"/>
      <c r="HP5320" s="91"/>
      <c r="HQ5320" s="91"/>
      <c r="HR5320" s="91"/>
      <c r="HS5320" s="91"/>
      <c r="HT5320" s="91"/>
      <c r="HU5320" s="91"/>
      <c r="HV5320" s="91"/>
      <c r="HW5320" s="91"/>
      <c r="HX5320" s="127"/>
      <c r="HY5320" s="126"/>
      <c r="HZ5320" s="91"/>
      <c r="IA5320" s="91"/>
      <c r="IB5320" s="91"/>
      <c r="IC5320" s="91"/>
      <c r="ID5320" s="91"/>
      <c r="IE5320" s="91"/>
      <c r="IF5320" s="91"/>
      <c r="IG5320" s="91"/>
      <c r="IH5320" s="91"/>
      <c r="II5320" s="91"/>
      <c r="IJ5320" s="91"/>
      <c r="IK5320" s="174"/>
    </row>
    <row r="5321" spans="2:245" x14ac:dyDescent="0.2">
      <c r="B5321" s="43"/>
      <c r="C5321" s="73"/>
      <c r="D5321" s="64"/>
      <c r="E5321" s="64"/>
      <c r="F5321" s="55"/>
      <c r="G5321" s="102"/>
      <c r="H5321" s="97"/>
      <c r="T5321" s="98"/>
      <c r="U5321" s="97"/>
      <c r="AG5321" s="98"/>
      <c r="AY5321" s="164"/>
      <c r="BK5321" s="98"/>
      <c r="BL5321" s="97"/>
      <c r="BX5321" s="98"/>
      <c r="CL5321" s="97"/>
      <c r="CX5321" s="98"/>
      <c r="DL5321" s="97"/>
      <c r="DX5321" s="98"/>
      <c r="EL5321" s="97"/>
      <c r="EX5321" s="98"/>
      <c r="EY5321" s="97"/>
      <c r="FL5321" s="126"/>
      <c r="FM5321" s="91"/>
      <c r="FN5321" s="91"/>
      <c r="FO5321" s="91"/>
      <c r="FP5321" s="91"/>
      <c r="FQ5321" s="91"/>
      <c r="FR5321" s="91"/>
      <c r="FS5321" s="91"/>
      <c r="FT5321" s="91"/>
      <c r="FU5321" s="91"/>
      <c r="FV5321" s="91"/>
      <c r="FW5321" s="91"/>
      <c r="FX5321" s="127"/>
      <c r="FY5321" s="126"/>
      <c r="FZ5321" s="91"/>
      <c r="GA5321" s="91"/>
      <c r="GB5321" s="91"/>
      <c r="GC5321" s="91"/>
      <c r="GD5321" s="91"/>
      <c r="GE5321" s="91"/>
      <c r="GF5321" s="91"/>
      <c r="GG5321" s="91"/>
      <c r="GH5321" s="91"/>
      <c r="GI5321" s="91"/>
      <c r="GJ5321" s="91"/>
      <c r="GK5321" s="127"/>
      <c r="GL5321" s="126"/>
      <c r="GM5321" s="91"/>
      <c r="GN5321" s="91"/>
      <c r="GO5321" s="91"/>
      <c r="GP5321" s="91"/>
      <c r="GQ5321" s="91"/>
      <c r="GR5321" s="91"/>
      <c r="GS5321" s="91"/>
      <c r="GT5321" s="91"/>
      <c r="GU5321" s="91"/>
      <c r="GV5321" s="91"/>
      <c r="GW5321" s="91"/>
      <c r="GX5321" s="127"/>
      <c r="GY5321" s="126"/>
      <c r="GZ5321" s="91"/>
      <c r="HA5321" s="91"/>
      <c r="HB5321" s="91"/>
      <c r="HC5321" s="91"/>
      <c r="HD5321" s="91"/>
      <c r="HE5321" s="91"/>
      <c r="HF5321" s="91"/>
      <c r="HG5321" s="91"/>
      <c r="HH5321" s="91"/>
      <c r="HI5321" s="91"/>
      <c r="HJ5321" s="91"/>
      <c r="HK5321" s="127"/>
      <c r="HL5321" s="126"/>
      <c r="HM5321" s="91"/>
      <c r="HN5321" s="91"/>
      <c r="HO5321" s="91"/>
      <c r="HP5321" s="91"/>
      <c r="HQ5321" s="91"/>
      <c r="HR5321" s="91"/>
      <c r="HS5321" s="91"/>
      <c r="HT5321" s="91"/>
      <c r="HU5321" s="91"/>
      <c r="HV5321" s="91"/>
      <c r="HW5321" s="91"/>
      <c r="HX5321" s="127"/>
      <c r="HY5321" s="126"/>
      <c r="HZ5321" s="91"/>
      <c r="IA5321" s="91"/>
      <c r="IB5321" s="91"/>
      <c r="IC5321" s="91"/>
      <c r="ID5321" s="91"/>
      <c r="IE5321" s="91"/>
      <c r="IF5321" s="91"/>
      <c r="IG5321" s="91"/>
      <c r="IH5321" s="91"/>
      <c r="II5321" s="91"/>
      <c r="IJ5321" s="91"/>
      <c r="IK5321" s="174"/>
    </row>
    <row r="5322" spans="2:245" x14ac:dyDescent="0.2">
      <c r="B5322" s="43"/>
      <c r="C5322" s="73"/>
      <c r="D5322" s="64"/>
      <c r="E5322" s="64"/>
      <c r="F5322" s="55"/>
      <c r="G5322" s="102"/>
      <c r="H5322" s="97"/>
      <c r="T5322" s="98"/>
      <c r="U5322" s="97"/>
      <c r="AG5322" s="98"/>
      <c r="AY5322" s="164"/>
      <c r="BK5322" s="98"/>
      <c r="BL5322" s="97"/>
      <c r="BX5322" s="98"/>
      <c r="CL5322" s="97"/>
      <c r="CX5322" s="98"/>
      <c r="DL5322" s="97"/>
      <c r="DX5322" s="98"/>
      <c r="EL5322" s="97"/>
      <c r="EX5322" s="98"/>
      <c r="EY5322" s="97"/>
      <c r="FL5322" s="126"/>
      <c r="FM5322" s="91"/>
      <c r="FN5322" s="91"/>
      <c r="FO5322" s="91"/>
      <c r="FP5322" s="91"/>
      <c r="FQ5322" s="91"/>
      <c r="FR5322" s="91"/>
      <c r="FS5322" s="91"/>
      <c r="FT5322" s="91"/>
      <c r="FU5322" s="91"/>
      <c r="FV5322" s="91"/>
      <c r="FW5322" s="91"/>
      <c r="FX5322" s="127"/>
      <c r="FY5322" s="126"/>
      <c r="FZ5322" s="91"/>
      <c r="GA5322" s="91"/>
      <c r="GB5322" s="91"/>
      <c r="GC5322" s="91"/>
      <c r="GD5322" s="91"/>
      <c r="GE5322" s="91"/>
      <c r="GF5322" s="91"/>
      <c r="GG5322" s="91"/>
      <c r="GH5322" s="91"/>
      <c r="GI5322" s="91"/>
      <c r="GJ5322" s="91"/>
      <c r="GK5322" s="127"/>
      <c r="GL5322" s="126"/>
      <c r="GM5322" s="91"/>
      <c r="GN5322" s="91"/>
      <c r="GO5322" s="91"/>
      <c r="GP5322" s="91"/>
      <c r="GQ5322" s="91"/>
      <c r="GR5322" s="91"/>
      <c r="GS5322" s="91"/>
      <c r="GT5322" s="91"/>
      <c r="GU5322" s="91"/>
      <c r="GV5322" s="91"/>
      <c r="GW5322" s="91"/>
      <c r="GX5322" s="127"/>
      <c r="GY5322" s="126"/>
      <c r="GZ5322" s="91"/>
      <c r="HA5322" s="91"/>
      <c r="HB5322" s="91"/>
      <c r="HC5322" s="91"/>
      <c r="HD5322" s="91"/>
      <c r="HE5322" s="91"/>
      <c r="HF5322" s="91"/>
      <c r="HG5322" s="91"/>
      <c r="HH5322" s="91"/>
      <c r="HI5322" s="91"/>
      <c r="HJ5322" s="91"/>
      <c r="HK5322" s="127"/>
      <c r="HL5322" s="126"/>
      <c r="HM5322" s="91"/>
      <c r="HN5322" s="91"/>
      <c r="HO5322" s="91"/>
      <c r="HP5322" s="91"/>
      <c r="HQ5322" s="91"/>
      <c r="HR5322" s="91"/>
      <c r="HS5322" s="91"/>
      <c r="HT5322" s="91"/>
      <c r="HU5322" s="91"/>
      <c r="HV5322" s="91"/>
      <c r="HW5322" s="91"/>
      <c r="HX5322" s="127"/>
      <c r="HY5322" s="126"/>
      <c r="HZ5322" s="91"/>
      <c r="IA5322" s="91"/>
      <c r="IB5322" s="91"/>
      <c r="IC5322" s="91"/>
      <c r="ID5322" s="91"/>
      <c r="IE5322" s="91"/>
      <c r="IF5322" s="91"/>
      <c r="IG5322" s="91"/>
      <c r="IH5322" s="91"/>
      <c r="II5322" s="91"/>
      <c r="IJ5322" s="91"/>
      <c r="IK5322" s="174"/>
    </row>
    <row r="5323" spans="2:245" x14ac:dyDescent="0.2">
      <c r="B5323" s="43"/>
      <c r="C5323" s="73"/>
      <c r="D5323" s="64"/>
      <c r="E5323" s="64"/>
      <c r="F5323" s="55"/>
      <c r="G5323" s="102"/>
      <c r="H5323" s="97"/>
      <c r="T5323" s="98"/>
      <c r="U5323" s="97"/>
      <c r="AG5323" s="98"/>
      <c r="AY5323" s="164"/>
      <c r="BK5323" s="98"/>
      <c r="BL5323" s="97"/>
      <c r="BX5323" s="98"/>
      <c r="CL5323" s="97"/>
      <c r="CX5323" s="98"/>
      <c r="DL5323" s="97"/>
      <c r="DX5323" s="98"/>
      <c r="EL5323" s="97"/>
      <c r="EX5323" s="98"/>
      <c r="EY5323" s="97"/>
      <c r="FL5323" s="126"/>
      <c r="FM5323" s="91"/>
      <c r="FN5323" s="91"/>
      <c r="FO5323" s="91"/>
      <c r="FP5323" s="91"/>
      <c r="FQ5323" s="91"/>
      <c r="FR5323" s="91"/>
      <c r="FS5323" s="91"/>
      <c r="FT5323" s="91"/>
      <c r="FU5323" s="91"/>
      <c r="FV5323" s="91"/>
      <c r="FW5323" s="91"/>
      <c r="FX5323" s="127"/>
      <c r="FY5323" s="126"/>
      <c r="FZ5323" s="91"/>
      <c r="GA5323" s="91"/>
      <c r="GB5323" s="91"/>
      <c r="GC5323" s="91"/>
      <c r="GD5323" s="91"/>
      <c r="GE5323" s="91"/>
      <c r="GF5323" s="91"/>
      <c r="GG5323" s="91"/>
      <c r="GH5323" s="91"/>
      <c r="GI5323" s="91"/>
      <c r="GJ5323" s="91"/>
      <c r="GK5323" s="127"/>
      <c r="GL5323" s="126"/>
      <c r="GM5323" s="91"/>
      <c r="GN5323" s="91"/>
      <c r="GO5323" s="91"/>
      <c r="GP5323" s="91"/>
      <c r="GQ5323" s="91"/>
      <c r="GR5323" s="91"/>
      <c r="GS5323" s="91"/>
      <c r="GT5323" s="91"/>
      <c r="GU5323" s="91"/>
      <c r="GV5323" s="91"/>
      <c r="GW5323" s="91"/>
      <c r="GX5323" s="127"/>
      <c r="GY5323" s="126"/>
      <c r="GZ5323" s="91"/>
      <c r="HA5323" s="91"/>
      <c r="HB5323" s="91"/>
      <c r="HC5323" s="91"/>
      <c r="HD5323" s="91"/>
      <c r="HE5323" s="91"/>
      <c r="HF5323" s="91"/>
      <c r="HG5323" s="91"/>
      <c r="HH5323" s="91"/>
      <c r="HI5323" s="91"/>
      <c r="HJ5323" s="91"/>
      <c r="HK5323" s="127"/>
      <c r="HL5323" s="126"/>
      <c r="HM5323" s="91"/>
      <c r="HN5323" s="91"/>
      <c r="HO5323" s="91"/>
      <c r="HP5323" s="91"/>
      <c r="HQ5323" s="91"/>
      <c r="HR5323" s="91"/>
      <c r="HS5323" s="91"/>
      <c r="HT5323" s="91"/>
      <c r="HU5323" s="91"/>
      <c r="HV5323" s="91"/>
      <c r="HW5323" s="91"/>
      <c r="HX5323" s="127"/>
      <c r="HY5323" s="126"/>
      <c r="HZ5323" s="91"/>
      <c r="IA5323" s="91"/>
      <c r="IB5323" s="91"/>
      <c r="IC5323" s="91"/>
      <c r="ID5323" s="91"/>
      <c r="IE5323" s="91"/>
      <c r="IF5323" s="91"/>
      <c r="IG5323" s="91"/>
      <c r="IH5323" s="91"/>
      <c r="II5323" s="91"/>
      <c r="IJ5323" s="91"/>
      <c r="IK5323" s="174"/>
    </row>
    <row r="5324" spans="2:245" x14ac:dyDescent="0.2">
      <c r="B5324" s="43"/>
      <c r="C5324" s="73"/>
      <c r="D5324" s="64"/>
      <c r="E5324" s="64"/>
      <c r="F5324" s="55"/>
      <c r="G5324" s="102"/>
      <c r="H5324" s="97"/>
      <c r="T5324" s="98"/>
      <c r="U5324" s="97"/>
      <c r="AG5324" s="98"/>
      <c r="AY5324" s="164"/>
      <c r="BK5324" s="98"/>
      <c r="BL5324" s="97"/>
      <c r="BX5324" s="98"/>
      <c r="CL5324" s="97"/>
      <c r="CX5324" s="98"/>
      <c r="DL5324" s="97"/>
      <c r="DX5324" s="98"/>
      <c r="EL5324" s="97"/>
      <c r="EX5324" s="98"/>
      <c r="EY5324" s="97"/>
      <c r="FL5324" s="126"/>
      <c r="FM5324" s="91"/>
      <c r="FN5324" s="91"/>
      <c r="FO5324" s="91"/>
      <c r="FP5324" s="91"/>
      <c r="FQ5324" s="91"/>
      <c r="FR5324" s="91"/>
      <c r="FS5324" s="91"/>
      <c r="FT5324" s="91"/>
      <c r="FU5324" s="91"/>
      <c r="FV5324" s="91"/>
      <c r="FW5324" s="91"/>
      <c r="FX5324" s="127"/>
      <c r="FY5324" s="126"/>
      <c r="FZ5324" s="91"/>
      <c r="GA5324" s="91"/>
      <c r="GB5324" s="91"/>
      <c r="GC5324" s="91"/>
      <c r="GD5324" s="91"/>
      <c r="GE5324" s="91"/>
      <c r="GF5324" s="91"/>
      <c r="GG5324" s="91"/>
      <c r="GH5324" s="91"/>
      <c r="GI5324" s="91"/>
      <c r="GJ5324" s="91"/>
      <c r="GK5324" s="127"/>
      <c r="GL5324" s="126"/>
      <c r="GM5324" s="91"/>
      <c r="GN5324" s="91"/>
      <c r="GO5324" s="91"/>
      <c r="GP5324" s="91"/>
      <c r="GQ5324" s="91"/>
      <c r="GR5324" s="91"/>
      <c r="GS5324" s="91"/>
      <c r="GT5324" s="91"/>
      <c r="GU5324" s="91"/>
      <c r="GV5324" s="91"/>
      <c r="GW5324" s="91"/>
      <c r="GX5324" s="127"/>
      <c r="GY5324" s="126"/>
      <c r="GZ5324" s="91"/>
      <c r="HA5324" s="91"/>
      <c r="HB5324" s="91"/>
      <c r="HC5324" s="91"/>
      <c r="HD5324" s="91"/>
      <c r="HE5324" s="91"/>
      <c r="HF5324" s="91"/>
      <c r="HG5324" s="91"/>
      <c r="HH5324" s="91"/>
      <c r="HI5324" s="91"/>
      <c r="HJ5324" s="91"/>
      <c r="HK5324" s="127"/>
      <c r="HL5324" s="126"/>
      <c r="HM5324" s="91"/>
      <c r="HN5324" s="91"/>
      <c r="HO5324" s="91"/>
      <c r="HP5324" s="91"/>
      <c r="HQ5324" s="91"/>
      <c r="HR5324" s="91"/>
      <c r="HS5324" s="91"/>
      <c r="HT5324" s="91"/>
      <c r="HU5324" s="91"/>
      <c r="HV5324" s="91"/>
      <c r="HW5324" s="91"/>
      <c r="HX5324" s="127"/>
      <c r="HY5324" s="126"/>
      <c r="HZ5324" s="91"/>
      <c r="IA5324" s="91"/>
      <c r="IB5324" s="91"/>
      <c r="IC5324" s="91"/>
      <c r="ID5324" s="91"/>
      <c r="IE5324" s="91"/>
      <c r="IF5324" s="91"/>
      <c r="IG5324" s="91"/>
      <c r="IH5324" s="91"/>
      <c r="II5324" s="91"/>
      <c r="IJ5324" s="91"/>
      <c r="IK5324" s="174"/>
    </row>
    <row r="5325" spans="2:245" x14ac:dyDescent="0.2">
      <c r="B5325" s="43"/>
      <c r="C5325" s="73"/>
      <c r="D5325" s="64"/>
      <c r="E5325" s="64"/>
      <c r="F5325" s="55"/>
      <c r="G5325" s="102"/>
      <c r="H5325" s="97"/>
      <c r="T5325" s="98"/>
      <c r="U5325" s="97"/>
      <c r="AG5325" s="98"/>
      <c r="AY5325" s="164"/>
      <c r="BK5325" s="98"/>
      <c r="BL5325" s="97"/>
      <c r="BX5325" s="98"/>
      <c r="CL5325" s="97"/>
      <c r="CX5325" s="98"/>
      <c r="DL5325" s="97"/>
      <c r="DX5325" s="98"/>
      <c r="EL5325" s="97"/>
      <c r="EX5325" s="98"/>
      <c r="EY5325" s="97"/>
      <c r="FL5325" s="126"/>
      <c r="FM5325" s="91"/>
      <c r="FN5325" s="91"/>
      <c r="FO5325" s="91"/>
      <c r="FP5325" s="91"/>
      <c r="FQ5325" s="91"/>
      <c r="FR5325" s="91"/>
      <c r="FS5325" s="91"/>
      <c r="FT5325" s="91"/>
      <c r="FU5325" s="91"/>
      <c r="FV5325" s="91"/>
      <c r="FW5325" s="91"/>
      <c r="FX5325" s="127"/>
      <c r="FY5325" s="126"/>
      <c r="FZ5325" s="91"/>
      <c r="GA5325" s="91"/>
      <c r="GB5325" s="91"/>
      <c r="GC5325" s="91"/>
      <c r="GD5325" s="91"/>
      <c r="GE5325" s="91"/>
      <c r="GF5325" s="91"/>
      <c r="GG5325" s="91"/>
      <c r="GH5325" s="91"/>
      <c r="GI5325" s="91"/>
      <c r="GJ5325" s="91"/>
      <c r="GK5325" s="127"/>
      <c r="GL5325" s="126"/>
      <c r="GM5325" s="91"/>
      <c r="GN5325" s="91"/>
      <c r="GO5325" s="91"/>
      <c r="GP5325" s="91"/>
      <c r="GQ5325" s="91"/>
      <c r="GR5325" s="91"/>
      <c r="GS5325" s="91"/>
      <c r="GT5325" s="91"/>
      <c r="GU5325" s="91"/>
      <c r="GV5325" s="91"/>
      <c r="GW5325" s="91"/>
      <c r="GX5325" s="127"/>
      <c r="GY5325" s="126"/>
      <c r="GZ5325" s="91"/>
      <c r="HA5325" s="91"/>
      <c r="HB5325" s="91"/>
      <c r="HC5325" s="91"/>
      <c r="HD5325" s="91"/>
      <c r="HE5325" s="91"/>
      <c r="HF5325" s="91"/>
      <c r="HG5325" s="91"/>
      <c r="HH5325" s="91"/>
      <c r="HI5325" s="91"/>
      <c r="HJ5325" s="91"/>
      <c r="HK5325" s="127"/>
      <c r="HL5325" s="126"/>
      <c r="HM5325" s="91"/>
      <c r="HN5325" s="91"/>
      <c r="HO5325" s="91"/>
      <c r="HP5325" s="91"/>
      <c r="HQ5325" s="91"/>
      <c r="HR5325" s="91"/>
      <c r="HS5325" s="91"/>
      <c r="HT5325" s="91"/>
      <c r="HU5325" s="91"/>
      <c r="HV5325" s="91"/>
      <c r="HW5325" s="91"/>
      <c r="HX5325" s="127"/>
      <c r="HY5325" s="126"/>
      <c r="HZ5325" s="91"/>
      <c r="IA5325" s="91"/>
      <c r="IB5325" s="91"/>
      <c r="IC5325" s="91"/>
      <c r="ID5325" s="91"/>
      <c r="IE5325" s="91"/>
      <c r="IF5325" s="91"/>
      <c r="IG5325" s="91"/>
      <c r="IH5325" s="91"/>
      <c r="II5325" s="91"/>
      <c r="IJ5325" s="91"/>
      <c r="IK5325" s="174"/>
    </row>
    <row r="5326" spans="2:245" x14ac:dyDescent="0.2">
      <c r="B5326" s="43"/>
      <c r="C5326" s="73"/>
      <c r="D5326" s="64"/>
      <c r="E5326" s="64"/>
      <c r="F5326" s="55"/>
      <c r="G5326" s="102"/>
      <c r="H5326" s="97"/>
      <c r="T5326" s="98"/>
      <c r="U5326" s="97"/>
      <c r="AG5326" s="98"/>
      <c r="AY5326" s="164"/>
      <c r="BK5326" s="98"/>
      <c r="BL5326" s="97"/>
      <c r="BX5326" s="98"/>
      <c r="CL5326" s="97"/>
      <c r="CX5326" s="98"/>
      <c r="DL5326" s="97"/>
      <c r="DX5326" s="98"/>
      <c r="EL5326" s="97"/>
      <c r="EX5326" s="98"/>
      <c r="EY5326" s="97"/>
      <c r="FL5326" s="126"/>
      <c r="FM5326" s="91"/>
      <c r="FN5326" s="91"/>
      <c r="FO5326" s="91"/>
      <c r="FP5326" s="91"/>
      <c r="FQ5326" s="91"/>
      <c r="FR5326" s="91"/>
      <c r="FS5326" s="91"/>
      <c r="FT5326" s="91"/>
      <c r="FU5326" s="91"/>
      <c r="FV5326" s="91"/>
      <c r="FW5326" s="91"/>
      <c r="FX5326" s="127"/>
      <c r="FY5326" s="126"/>
      <c r="FZ5326" s="91"/>
      <c r="GA5326" s="91"/>
      <c r="GB5326" s="91"/>
      <c r="GC5326" s="91"/>
      <c r="GD5326" s="91"/>
      <c r="GE5326" s="91"/>
      <c r="GF5326" s="91"/>
      <c r="GG5326" s="91"/>
      <c r="GH5326" s="91"/>
      <c r="GI5326" s="91"/>
      <c r="GJ5326" s="91"/>
      <c r="GK5326" s="127"/>
      <c r="GL5326" s="126"/>
      <c r="GM5326" s="91"/>
      <c r="GN5326" s="91"/>
      <c r="GO5326" s="91"/>
      <c r="GP5326" s="91"/>
      <c r="GQ5326" s="91"/>
      <c r="GR5326" s="91"/>
      <c r="GS5326" s="91"/>
      <c r="GT5326" s="91"/>
      <c r="GU5326" s="91"/>
      <c r="GV5326" s="91"/>
      <c r="GW5326" s="91"/>
      <c r="GX5326" s="127"/>
      <c r="GY5326" s="126"/>
      <c r="GZ5326" s="91"/>
      <c r="HA5326" s="91"/>
      <c r="HB5326" s="91"/>
      <c r="HC5326" s="91"/>
      <c r="HD5326" s="91"/>
      <c r="HE5326" s="91"/>
      <c r="HF5326" s="91"/>
      <c r="HG5326" s="91"/>
      <c r="HH5326" s="91"/>
      <c r="HI5326" s="91"/>
      <c r="HJ5326" s="91"/>
      <c r="HK5326" s="127"/>
      <c r="HL5326" s="126"/>
      <c r="HM5326" s="91"/>
      <c r="HN5326" s="91"/>
      <c r="HO5326" s="91"/>
      <c r="HP5326" s="91"/>
      <c r="HQ5326" s="91"/>
      <c r="HR5326" s="91"/>
      <c r="HS5326" s="91"/>
      <c r="HT5326" s="91"/>
      <c r="HU5326" s="91"/>
      <c r="HV5326" s="91"/>
      <c r="HW5326" s="91"/>
      <c r="HX5326" s="127"/>
      <c r="HY5326" s="126"/>
      <c r="HZ5326" s="91"/>
      <c r="IA5326" s="91"/>
      <c r="IB5326" s="91"/>
      <c r="IC5326" s="91"/>
      <c r="ID5326" s="91"/>
      <c r="IE5326" s="91"/>
      <c r="IF5326" s="91"/>
      <c r="IG5326" s="91"/>
      <c r="IH5326" s="91"/>
      <c r="II5326" s="91"/>
      <c r="IJ5326" s="91"/>
      <c r="IK5326" s="174"/>
    </row>
    <row r="5327" spans="2:245" x14ac:dyDescent="0.2">
      <c r="B5327" s="43"/>
      <c r="C5327" s="73"/>
      <c r="D5327" s="64"/>
      <c r="E5327" s="64"/>
      <c r="F5327" s="55"/>
      <c r="G5327" s="102"/>
      <c r="H5327" s="97"/>
      <c r="T5327" s="98"/>
      <c r="U5327" s="97"/>
      <c r="AG5327" s="98"/>
      <c r="AY5327" s="164"/>
      <c r="BK5327" s="98"/>
      <c r="BL5327" s="97"/>
      <c r="BX5327" s="98"/>
      <c r="CL5327" s="97"/>
      <c r="CX5327" s="98"/>
      <c r="DL5327" s="97"/>
      <c r="DX5327" s="98"/>
      <c r="EL5327" s="97"/>
      <c r="EX5327" s="98"/>
      <c r="EY5327" s="97"/>
      <c r="FL5327" s="126"/>
      <c r="FM5327" s="91"/>
      <c r="FN5327" s="91"/>
      <c r="FO5327" s="91"/>
      <c r="FP5327" s="91"/>
      <c r="FQ5327" s="91"/>
      <c r="FR5327" s="91"/>
      <c r="FS5327" s="91"/>
      <c r="FT5327" s="91"/>
      <c r="FU5327" s="91"/>
      <c r="FV5327" s="91"/>
      <c r="FW5327" s="91"/>
      <c r="FX5327" s="127"/>
      <c r="FY5327" s="126"/>
      <c r="FZ5327" s="91"/>
      <c r="GA5327" s="91"/>
      <c r="GB5327" s="91"/>
      <c r="GC5327" s="91"/>
      <c r="GD5327" s="91"/>
      <c r="GE5327" s="91"/>
      <c r="GF5327" s="91"/>
      <c r="GG5327" s="91"/>
      <c r="GH5327" s="91"/>
      <c r="GI5327" s="91"/>
      <c r="GJ5327" s="91"/>
      <c r="GK5327" s="127"/>
      <c r="GL5327" s="126"/>
      <c r="GM5327" s="91"/>
      <c r="GN5327" s="91"/>
      <c r="GO5327" s="91"/>
      <c r="GP5327" s="91"/>
      <c r="GQ5327" s="91"/>
      <c r="GR5327" s="91"/>
      <c r="GS5327" s="91"/>
      <c r="GT5327" s="91"/>
      <c r="GU5327" s="91"/>
      <c r="GV5327" s="91"/>
      <c r="GW5327" s="91"/>
      <c r="GX5327" s="127"/>
      <c r="GY5327" s="126"/>
      <c r="GZ5327" s="91"/>
      <c r="HA5327" s="91"/>
      <c r="HB5327" s="91"/>
      <c r="HC5327" s="91"/>
      <c r="HD5327" s="91"/>
      <c r="HE5327" s="91"/>
      <c r="HF5327" s="91"/>
      <c r="HG5327" s="91"/>
      <c r="HH5327" s="91"/>
      <c r="HI5327" s="91"/>
      <c r="HJ5327" s="91"/>
      <c r="HK5327" s="127"/>
      <c r="HL5327" s="126"/>
      <c r="HM5327" s="91"/>
      <c r="HN5327" s="91"/>
      <c r="HO5327" s="91"/>
      <c r="HP5327" s="91"/>
      <c r="HQ5327" s="91"/>
      <c r="HR5327" s="91"/>
      <c r="HS5327" s="91"/>
      <c r="HT5327" s="91"/>
      <c r="HU5327" s="91"/>
      <c r="HV5327" s="91"/>
      <c r="HW5327" s="91"/>
      <c r="HX5327" s="127"/>
      <c r="HY5327" s="126"/>
      <c r="HZ5327" s="91"/>
      <c r="IA5327" s="91"/>
      <c r="IB5327" s="91"/>
      <c r="IC5327" s="91"/>
      <c r="ID5327" s="91"/>
      <c r="IE5327" s="91"/>
      <c r="IF5327" s="91"/>
      <c r="IG5327" s="91"/>
      <c r="IH5327" s="91"/>
      <c r="II5327" s="91"/>
      <c r="IJ5327" s="91"/>
      <c r="IK5327" s="174"/>
    </row>
    <row r="5328" spans="2:245" x14ac:dyDescent="0.2">
      <c r="B5328" s="43"/>
      <c r="C5328" s="73"/>
      <c r="D5328" s="64"/>
      <c r="E5328" s="64"/>
      <c r="F5328" s="55"/>
      <c r="G5328" s="102"/>
      <c r="H5328" s="97"/>
      <c r="T5328" s="98"/>
      <c r="U5328" s="97"/>
      <c r="AG5328" s="98"/>
      <c r="AY5328" s="164"/>
      <c r="BK5328" s="98"/>
      <c r="BL5328" s="97"/>
      <c r="BX5328" s="98"/>
      <c r="CL5328" s="97"/>
      <c r="CX5328" s="98"/>
      <c r="DL5328" s="97"/>
      <c r="DX5328" s="98"/>
      <c r="EL5328" s="97"/>
      <c r="EX5328" s="98"/>
      <c r="EY5328" s="97"/>
      <c r="FL5328" s="126"/>
      <c r="FM5328" s="91"/>
      <c r="FN5328" s="91"/>
      <c r="FO5328" s="91"/>
      <c r="FP5328" s="91"/>
      <c r="FQ5328" s="91"/>
      <c r="FR5328" s="91"/>
      <c r="FS5328" s="91"/>
      <c r="FT5328" s="91"/>
      <c r="FU5328" s="91"/>
      <c r="FV5328" s="91"/>
      <c r="FW5328" s="91"/>
      <c r="FX5328" s="127"/>
      <c r="FY5328" s="126"/>
      <c r="FZ5328" s="91"/>
      <c r="GA5328" s="91"/>
      <c r="GB5328" s="91"/>
      <c r="GC5328" s="91"/>
      <c r="GD5328" s="91"/>
      <c r="GE5328" s="91"/>
      <c r="GF5328" s="91"/>
      <c r="GG5328" s="91"/>
      <c r="GH5328" s="91"/>
      <c r="GI5328" s="91"/>
      <c r="GJ5328" s="91"/>
      <c r="GK5328" s="127"/>
      <c r="GL5328" s="126"/>
      <c r="GM5328" s="91"/>
      <c r="GN5328" s="91"/>
      <c r="GO5328" s="91"/>
      <c r="GP5328" s="91"/>
      <c r="GQ5328" s="91"/>
      <c r="GR5328" s="91"/>
      <c r="GS5328" s="91"/>
      <c r="GT5328" s="91"/>
      <c r="GU5328" s="91"/>
      <c r="GV5328" s="91"/>
      <c r="GW5328" s="91"/>
      <c r="GX5328" s="127"/>
      <c r="GY5328" s="126"/>
      <c r="GZ5328" s="91"/>
      <c r="HA5328" s="91"/>
      <c r="HB5328" s="91"/>
      <c r="HC5328" s="91"/>
      <c r="HD5328" s="91"/>
      <c r="HE5328" s="91"/>
      <c r="HF5328" s="91"/>
      <c r="HG5328" s="91"/>
      <c r="HH5328" s="91"/>
      <c r="HI5328" s="91"/>
      <c r="HJ5328" s="91"/>
      <c r="HK5328" s="127"/>
      <c r="HL5328" s="126"/>
      <c r="HM5328" s="91"/>
      <c r="HN5328" s="91"/>
      <c r="HO5328" s="91"/>
      <c r="HP5328" s="91"/>
      <c r="HQ5328" s="91"/>
      <c r="HR5328" s="91"/>
      <c r="HS5328" s="91"/>
      <c r="HT5328" s="91"/>
      <c r="HU5328" s="91"/>
      <c r="HV5328" s="91"/>
      <c r="HW5328" s="91"/>
      <c r="HX5328" s="127"/>
      <c r="HY5328" s="126"/>
      <c r="HZ5328" s="91"/>
      <c r="IA5328" s="91"/>
      <c r="IB5328" s="91"/>
      <c r="IC5328" s="91"/>
      <c r="ID5328" s="91"/>
      <c r="IE5328" s="91"/>
      <c r="IF5328" s="91"/>
      <c r="IG5328" s="91"/>
      <c r="IH5328" s="91"/>
      <c r="II5328" s="91"/>
      <c r="IJ5328" s="91"/>
      <c r="IK5328" s="174"/>
    </row>
    <row r="5329" spans="2:245" x14ac:dyDescent="0.2">
      <c r="B5329" s="43"/>
      <c r="C5329" s="73"/>
      <c r="D5329" s="64"/>
      <c r="E5329" s="64"/>
      <c r="F5329" s="55"/>
      <c r="G5329" s="102"/>
      <c r="H5329" s="97"/>
      <c r="T5329" s="98"/>
      <c r="U5329" s="97"/>
      <c r="AG5329" s="98"/>
      <c r="AY5329" s="164"/>
      <c r="BK5329" s="98"/>
      <c r="BL5329" s="97"/>
      <c r="BX5329" s="98"/>
      <c r="CL5329" s="97"/>
      <c r="CX5329" s="98"/>
      <c r="DL5329" s="97"/>
      <c r="DX5329" s="98"/>
      <c r="EL5329" s="97"/>
      <c r="EX5329" s="98"/>
      <c r="EY5329" s="97"/>
      <c r="FL5329" s="126"/>
      <c r="FM5329" s="91"/>
      <c r="FN5329" s="91"/>
      <c r="FO5329" s="91"/>
      <c r="FP5329" s="91"/>
      <c r="FQ5329" s="91"/>
      <c r="FR5329" s="91"/>
      <c r="FS5329" s="91"/>
      <c r="FT5329" s="91"/>
      <c r="FU5329" s="91"/>
      <c r="FV5329" s="91"/>
      <c r="FW5329" s="91"/>
      <c r="FX5329" s="127"/>
      <c r="FY5329" s="126"/>
      <c r="FZ5329" s="91"/>
      <c r="GA5329" s="91"/>
      <c r="GB5329" s="91"/>
      <c r="GC5329" s="91"/>
      <c r="GD5329" s="91"/>
      <c r="GE5329" s="91"/>
      <c r="GF5329" s="91"/>
      <c r="GG5329" s="91"/>
      <c r="GH5329" s="91"/>
      <c r="GI5329" s="91"/>
      <c r="GJ5329" s="91"/>
      <c r="GK5329" s="127"/>
      <c r="GL5329" s="126"/>
      <c r="GM5329" s="91"/>
      <c r="GN5329" s="91"/>
      <c r="GO5329" s="91"/>
      <c r="GP5329" s="91"/>
      <c r="GQ5329" s="91"/>
      <c r="GR5329" s="91"/>
      <c r="GS5329" s="91"/>
      <c r="GT5329" s="91"/>
      <c r="GU5329" s="91"/>
      <c r="GV5329" s="91"/>
      <c r="GW5329" s="91"/>
      <c r="GX5329" s="127"/>
      <c r="GY5329" s="126"/>
      <c r="GZ5329" s="91"/>
      <c r="HA5329" s="91"/>
      <c r="HB5329" s="91"/>
      <c r="HC5329" s="91"/>
      <c r="HD5329" s="91"/>
      <c r="HE5329" s="91"/>
      <c r="HF5329" s="91"/>
      <c r="HG5329" s="91"/>
      <c r="HH5329" s="91"/>
      <c r="HI5329" s="91"/>
      <c r="HJ5329" s="91"/>
      <c r="HK5329" s="127"/>
      <c r="HL5329" s="126"/>
      <c r="HM5329" s="91"/>
      <c r="HN5329" s="91"/>
      <c r="HO5329" s="91"/>
      <c r="HP5329" s="91"/>
      <c r="HQ5329" s="91"/>
      <c r="HR5329" s="91"/>
      <c r="HS5329" s="91"/>
      <c r="HT5329" s="91"/>
      <c r="HU5329" s="91"/>
      <c r="HV5329" s="91"/>
      <c r="HW5329" s="91"/>
      <c r="HX5329" s="127"/>
      <c r="HY5329" s="126"/>
      <c r="HZ5329" s="91"/>
      <c r="IA5329" s="91"/>
      <c r="IB5329" s="91"/>
      <c r="IC5329" s="91"/>
      <c r="ID5329" s="91"/>
      <c r="IE5329" s="91"/>
      <c r="IF5329" s="91"/>
      <c r="IG5329" s="91"/>
      <c r="IH5329" s="91"/>
      <c r="II5329" s="91"/>
      <c r="IJ5329" s="91"/>
      <c r="IK5329" s="174"/>
    </row>
    <row r="5330" spans="2:245" x14ac:dyDescent="0.2">
      <c r="B5330" s="43"/>
      <c r="C5330" s="73"/>
      <c r="D5330" s="64"/>
      <c r="E5330" s="64"/>
      <c r="F5330" s="55"/>
      <c r="G5330" s="102"/>
      <c r="H5330" s="97"/>
      <c r="T5330" s="98"/>
      <c r="U5330" s="97"/>
      <c r="AG5330" s="98"/>
      <c r="AY5330" s="164"/>
      <c r="BK5330" s="98"/>
      <c r="BL5330" s="97"/>
      <c r="BX5330" s="98"/>
      <c r="CL5330" s="97"/>
      <c r="CX5330" s="98"/>
      <c r="DL5330" s="97"/>
      <c r="DX5330" s="98"/>
      <c r="EL5330" s="97"/>
      <c r="EX5330" s="98"/>
      <c r="EY5330" s="97"/>
      <c r="FL5330" s="126"/>
      <c r="FM5330" s="91"/>
      <c r="FN5330" s="91"/>
      <c r="FO5330" s="91"/>
      <c r="FP5330" s="91"/>
      <c r="FQ5330" s="91"/>
      <c r="FR5330" s="91"/>
      <c r="FS5330" s="91"/>
      <c r="FT5330" s="91"/>
      <c r="FU5330" s="91"/>
      <c r="FV5330" s="91"/>
      <c r="FW5330" s="91"/>
      <c r="FX5330" s="127"/>
      <c r="FY5330" s="126"/>
      <c r="FZ5330" s="91"/>
      <c r="GA5330" s="91"/>
      <c r="GB5330" s="91"/>
      <c r="GC5330" s="91"/>
      <c r="GD5330" s="91"/>
      <c r="GE5330" s="91"/>
      <c r="GF5330" s="91"/>
      <c r="GG5330" s="91"/>
      <c r="GH5330" s="91"/>
      <c r="GI5330" s="91"/>
      <c r="GJ5330" s="91"/>
      <c r="GK5330" s="127"/>
      <c r="GL5330" s="126"/>
      <c r="GM5330" s="91"/>
      <c r="GN5330" s="91"/>
      <c r="GO5330" s="91"/>
      <c r="GP5330" s="91"/>
      <c r="GQ5330" s="91"/>
      <c r="GR5330" s="91"/>
      <c r="GS5330" s="91"/>
      <c r="GT5330" s="91"/>
      <c r="GU5330" s="91"/>
      <c r="GV5330" s="91"/>
      <c r="GW5330" s="91"/>
      <c r="GX5330" s="127"/>
      <c r="GY5330" s="126"/>
      <c r="GZ5330" s="91"/>
      <c r="HA5330" s="91"/>
      <c r="HB5330" s="91"/>
      <c r="HC5330" s="91"/>
      <c r="HD5330" s="91"/>
      <c r="HE5330" s="91"/>
      <c r="HF5330" s="91"/>
      <c r="HG5330" s="91"/>
      <c r="HH5330" s="91"/>
      <c r="HI5330" s="91"/>
      <c r="HJ5330" s="91"/>
      <c r="HK5330" s="127"/>
      <c r="HL5330" s="126"/>
      <c r="HM5330" s="91"/>
      <c r="HN5330" s="91"/>
      <c r="HO5330" s="91"/>
      <c r="HP5330" s="91"/>
      <c r="HQ5330" s="91"/>
      <c r="HR5330" s="91"/>
      <c r="HS5330" s="91"/>
      <c r="HT5330" s="91"/>
      <c r="HU5330" s="91"/>
      <c r="HV5330" s="91"/>
      <c r="HW5330" s="91"/>
      <c r="HX5330" s="127"/>
      <c r="HY5330" s="126"/>
      <c r="HZ5330" s="91"/>
      <c r="IA5330" s="91"/>
      <c r="IB5330" s="91"/>
      <c r="IC5330" s="91"/>
      <c r="ID5330" s="91"/>
      <c r="IE5330" s="91"/>
      <c r="IF5330" s="91"/>
      <c r="IG5330" s="91"/>
      <c r="IH5330" s="91"/>
      <c r="II5330" s="91"/>
      <c r="IJ5330" s="91"/>
      <c r="IK5330" s="174"/>
    </row>
    <row r="5331" spans="2:245" x14ac:dyDescent="0.2">
      <c r="B5331" s="43"/>
      <c r="C5331" s="73"/>
      <c r="D5331" s="64"/>
      <c r="E5331" s="64"/>
      <c r="F5331" s="55"/>
      <c r="G5331" s="102"/>
      <c r="H5331" s="97"/>
      <c r="T5331" s="98"/>
      <c r="U5331" s="97"/>
      <c r="AG5331" s="98"/>
      <c r="AY5331" s="164"/>
      <c r="BK5331" s="98"/>
      <c r="BL5331" s="97"/>
      <c r="BX5331" s="98"/>
      <c r="CL5331" s="97"/>
      <c r="CX5331" s="98"/>
      <c r="DL5331" s="97"/>
      <c r="DX5331" s="98"/>
      <c r="EL5331" s="97"/>
      <c r="EX5331" s="98"/>
      <c r="EY5331" s="97"/>
      <c r="FL5331" s="126"/>
      <c r="FM5331" s="91"/>
      <c r="FN5331" s="91"/>
      <c r="FO5331" s="91"/>
      <c r="FP5331" s="91"/>
      <c r="FQ5331" s="91"/>
      <c r="FR5331" s="91"/>
      <c r="FS5331" s="91"/>
      <c r="FT5331" s="91"/>
      <c r="FU5331" s="91"/>
      <c r="FV5331" s="91"/>
      <c r="FW5331" s="91"/>
      <c r="FX5331" s="127"/>
      <c r="FY5331" s="126"/>
      <c r="FZ5331" s="91"/>
      <c r="GA5331" s="91"/>
      <c r="GB5331" s="91"/>
      <c r="GC5331" s="91"/>
      <c r="GD5331" s="91"/>
      <c r="GE5331" s="91"/>
      <c r="GF5331" s="91"/>
      <c r="GG5331" s="91"/>
      <c r="GH5331" s="91"/>
      <c r="GI5331" s="91"/>
      <c r="GJ5331" s="91"/>
      <c r="GK5331" s="127"/>
      <c r="GL5331" s="126"/>
      <c r="GM5331" s="91"/>
      <c r="GN5331" s="91"/>
      <c r="GO5331" s="91"/>
      <c r="GP5331" s="91"/>
      <c r="GQ5331" s="91"/>
      <c r="GR5331" s="91"/>
      <c r="GS5331" s="91"/>
      <c r="GT5331" s="91"/>
      <c r="GU5331" s="91"/>
      <c r="GV5331" s="91"/>
      <c r="GW5331" s="91"/>
      <c r="GX5331" s="127"/>
      <c r="GY5331" s="126"/>
      <c r="GZ5331" s="91"/>
      <c r="HA5331" s="91"/>
      <c r="HB5331" s="91"/>
      <c r="HC5331" s="91"/>
      <c r="HD5331" s="91"/>
      <c r="HE5331" s="91"/>
      <c r="HF5331" s="91"/>
      <c r="HG5331" s="91"/>
      <c r="HH5331" s="91"/>
      <c r="HI5331" s="91"/>
      <c r="HJ5331" s="91"/>
      <c r="HK5331" s="127"/>
      <c r="HL5331" s="126"/>
      <c r="HM5331" s="91"/>
      <c r="HN5331" s="91"/>
      <c r="HO5331" s="91"/>
      <c r="HP5331" s="91"/>
      <c r="HQ5331" s="91"/>
      <c r="HR5331" s="91"/>
      <c r="HS5331" s="91"/>
      <c r="HT5331" s="91"/>
      <c r="HU5331" s="91"/>
      <c r="HV5331" s="91"/>
      <c r="HW5331" s="91"/>
      <c r="HX5331" s="127"/>
      <c r="HY5331" s="126"/>
      <c r="HZ5331" s="91"/>
      <c r="IA5331" s="91"/>
      <c r="IB5331" s="91"/>
      <c r="IC5331" s="91"/>
      <c r="ID5331" s="91"/>
      <c r="IE5331" s="91"/>
      <c r="IF5331" s="91"/>
      <c r="IG5331" s="91"/>
      <c r="IH5331" s="91"/>
      <c r="II5331" s="91"/>
      <c r="IJ5331" s="91"/>
      <c r="IK5331" s="174"/>
    </row>
    <row r="5332" spans="2:245" x14ac:dyDescent="0.2">
      <c r="B5332" s="43"/>
      <c r="C5332" s="73"/>
      <c r="D5332" s="64"/>
      <c r="E5332" s="64"/>
      <c r="F5332" s="55"/>
      <c r="G5332" s="102"/>
      <c r="H5332" s="97"/>
      <c r="T5332" s="98"/>
      <c r="U5332" s="97"/>
      <c r="AG5332" s="98"/>
      <c r="AY5332" s="164"/>
      <c r="BK5332" s="98"/>
      <c r="BL5332" s="97"/>
      <c r="BX5332" s="98"/>
      <c r="CL5332" s="97"/>
      <c r="CX5332" s="98"/>
      <c r="DL5332" s="97"/>
      <c r="DX5332" s="98"/>
      <c r="EL5332" s="97"/>
      <c r="EX5332" s="98"/>
      <c r="EY5332" s="97"/>
      <c r="FL5332" s="126"/>
      <c r="FM5332" s="91"/>
      <c r="FN5332" s="91"/>
      <c r="FO5332" s="91"/>
      <c r="FP5332" s="91"/>
      <c r="FQ5332" s="91"/>
      <c r="FR5332" s="91"/>
      <c r="FS5332" s="91"/>
      <c r="FT5332" s="91"/>
      <c r="FU5332" s="91"/>
      <c r="FV5332" s="91"/>
      <c r="FW5332" s="91"/>
      <c r="FX5332" s="127"/>
      <c r="FY5332" s="126"/>
      <c r="FZ5332" s="91"/>
      <c r="GA5332" s="91"/>
      <c r="GB5332" s="91"/>
      <c r="GC5332" s="91"/>
      <c r="GD5332" s="91"/>
      <c r="GE5332" s="91"/>
      <c r="GF5332" s="91"/>
      <c r="GG5332" s="91"/>
      <c r="GH5332" s="91"/>
      <c r="GI5332" s="91"/>
      <c r="GJ5332" s="91"/>
      <c r="GK5332" s="127"/>
      <c r="GL5332" s="126"/>
      <c r="GM5332" s="91"/>
      <c r="GN5332" s="91"/>
      <c r="GO5332" s="91"/>
      <c r="GP5332" s="91"/>
      <c r="GQ5332" s="91"/>
      <c r="GR5332" s="91"/>
      <c r="GS5332" s="91"/>
      <c r="GT5332" s="91"/>
      <c r="GU5332" s="91"/>
      <c r="GV5332" s="91"/>
      <c r="GW5332" s="91"/>
      <c r="GX5332" s="127"/>
      <c r="GY5332" s="126"/>
      <c r="GZ5332" s="91"/>
      <c r="HA5332" s="91"/>
      <c r="HB5332" s="91"/>
      <c r="HC5332" s="91"/>
      <c r="HD5332" s="91"/>
      <c r="HE5332" s="91"/>
      <c r="HF5332" s="91"/>
      <c r="HG5332" s="91"/>
      <c r="HH5332" s="91"/>
      <c r="HI5332" s="91"/>
      <c r="HJ5332" s="91"/>
      <c r="HK5332" s="127"/>
      <c r="HL5332" s="126"/>
      <c r="HM5332" s="91"/>
      <c r="HN5332" s="91"/>
      <c r="HO5332" s="91"/>
      <c r="HP5332" s="91"/>
      <c r="HQ5332" s="91"/>
      <c r="HR5332" s="91"/>
      <c r="HS5332" s="91"/>
      <c r="HT5332" s="91"/>
      <c r="HU5332" s="91"/>
      <c r="HV5332" s="91"/>
      <c r="HW5332" s="91"/>
      <c r="HX5332" s="127"/>
      <c r="HY5332" s="126"/>
      <c r="HZ5332" s="91"/>
      <c r="IA5332" s="91"/>
      <c r="IB5332" s="91"/>
      <c r="IC5332" s="91"/>
      <c r="ID5332" s="91"/>
      <c r="IE5332" s="91"/>
      <c r="IF5332" s="91"/>
      <c r="IG5332" s="91"/>
      <c r="IH5332" s="91"/>
      <c r="II5332" s="91"/>
      <c r="IJ5332" s="91"/>
      <c r="IK5332" s="174"/>
    </row>
    <row r="5333" spans="2:245" x14ac:dyDescent="0.2">
      <c r="B5333" s="43"/>
      <c r="C5333" s="73"/>
      <c r="D5333" s="64"/>
      <c r="E5333" s="64"/>
      <c r="F5333" s="55"/>
      <c r="G5333" s="102"/>
      <c r="H5333" s="97"/>
      <c r="T5333" s="98"/>
      <c r="U5333" s="97"/>
      <c r="AG5333" s="98"/>
      <c r="AY5333" s="164"/>
      <c r="BK5333" s="98"/>
      <c r="BL5333" s="97"/>
      <c r="BX5333" s="98"/>
      <c r="CL5333" s="97"/>
      <c r="CX5333" s="98"/>
      <c r="DL5333" s="97"/>
      <c r="DX5333" s="98"/>
      <c r="EL5333" s="97"/>
      <c r="EX5333" s="98"/>
      <c r="EY5333" s="97"/>
      <c r="FL5333" s="126"/>
      <c r="FM5333" s="91"/>
      <c r="FN5333" s="91"/>
      <c r="FO5333" s="91"/>
      <c r="FP5333" s="91"/>
      <c r="FQ5333" s="91"/>
      <c r="FR5333" s="91"/>
      <c r="FS5333" s="91"/>
      <c r="FT5333" s="91"/>
      <c r="FU5333" s="91"/>
      <c r="FV5333" s="91"/>
      <c r="FW5333" s="91"/>
      <c r="FX5333" s="127"/>
      <c r="FY5333" s="126"/>
      <c r="FZ5333" s="91"/>
      <c r="GA5333" s="91"/>
      <c r="GB5333" s="91"/>
      <c r="GC5333" s="91"/>
      <c r="GD5333" s="91"/>
      <c r="GE5333" s="91"/>
      <c r="GF5333" s="91"/>
      <c r="GG5333" s="91"/>
      <c r="GH5333" s="91"/>
      <c r="GI5333" s="91"/>
      <c r="GJ5333" s="91"/>
      <c r="GK5333" s="127"/>
      <c r="GL5333" s="126"/>
      <c r="GM5333" s="91"/>
      <c r="GN5333" s="91"/>
      <c r="GO5333" s="91"/>
      <c r="GP5333" s="91"/>
      <c r="GQ5333" s="91"/>
      <c r="GR5333" s="91"/>
      <c r="GS5333" s="91"/>
      <c r="GT5333" s="91"/>
      <c r="GU5333" s="91"/>
      <c r="GV5333" s="91"/>
      <c r="GW5333" s="91"/>
      <c r="GX5333" s="127"/>
      <c r="GY5333" s="126"/>
      <c r="GZ5333" s="91"/>
      <c r="HA5333" s="91"/>
      <c r="HB5333" s="91"/>
      <c r="HC5333" s="91"/>
      <c r="HD5333" s="91"/>
      <c r="HE5333" s="91"/>
      <c r="HF5333" s="91"/>
      <c r="HG5333" s="91"/>
      <c r="HH5333" s="91"/>
      <c r="HI5333" s="91"/>
      <c r="HJ5333" s="91"/>
      <c r="HK5333" s="127"/>
      <c r="HL5333" s="126"/>
      <c r="HM5333" s="91"/>
      <c r="HN5333" s="91"/>
      <c r="HO5333" s="91"/>
      <c r="HP5333" s="91"/>
      <c r="HQ5333" s="91"/>
      <c r="HR5333" s="91"/>
      <c r="HS5333" s="91"/>
      <c r="HT5333" s="91"/>
      <c r="HU5333" s="91"/>
      <c r="HV5333" s="91"/>
      <c r="HW5333" s="91"/>
      <c r="HX5333" s="127"/>
      <c r="HY5333" s="126"/>
      <c r="HZ5333" s="91"/>
      <c r="IA5333" s="91"/>
      <c r="IB5333" s="91"/>
      <c r="IC5333" s="91"/>
      <c r="ID5333" s="91"/>
      <c r="IE5333" s="91"/>
      <c r="IF5333" s="91"/>
      <c r="IG5333" s="91"/>
      <c r="IH5333" s="91"/>
      <c r="II5333" s="91"/>
      <c r="IJ5333" s="91"/>
      <c r="IK5333" s="174"/>
    </row>
    <row r="5334" spans="2:245" x14ac:dyDescent="0.2">
      <c r="B5334" s="43"/>
      <c r="C5334" s="73"/>
      <c r="D5334" s="64"/>
      <c r="E5334" s="64"/>
      <c r="F5334" s="55"/>
      <c r="G5334" s="102"/>
      <c r="H5334" s="97"/>
      <c r="T5334" s="98"/>
      <c r="U5334" s="97"/>
      <c r="AG5334" s="98"/>
      <c r="AY5334" s="164"/>
      <c r="BK5334" s="98"/>
      <c r="BL5334" s="97"/>
      <c r="BX5334" s="98"/>
      <c r="CL5334" s="97"/>
      <c r="CX5334" s="98"/>
      <c r="DL5334" s="97"/>
      <c r="DX5334" s="98"/>
      <c r="EL5334" s="97"/>
      <c r="EX5334" s="98"/>
      <c r="EY5334" s="97"/>
      <c r="FL5334" s="126"/>
      <c r="FM5334" s="91"/>
      <c r="FN5334" s="91"/>
      <c r="FO5334" s="91"/>
      <c r="FP5334" s="91"/>
      <c r="FQ5334" s="91"/>
      <c r="FR5334" s="91"/>
      <c r="FS5334" s="91"/>
      <c r="FT5334" s="91"/>
      <c r="FU5334" s="91"/>
      <c r="FV5334" s="91"/>
      <c r="FW5334" s="91"/>
      <c r="FX5334" s="127"/>
      <c r="FY5334" s="126"/>
      <c r="FZ5334" s="91"/>
      <c r="GA5334" s="91"/>
      <c r="GB5334" s="91"/>
      <c r="GC5334" s="91"/>
      <c r="GD5334" s="91"/>
      <c r="GE5334" s="91"/>
      <c r="GF5334" s="91"/>
      <c r="GG5334" s="91"/>
      <c r="GH5334" s="91"/>
      <c r="GI5334" s="91"/>
      <c r="GJ5334" s="91"/>
      <c r="GK5334" s="127"/>
      <c r="GL5334" s="126"/>
      <c r="GM5334" s="91"/>
      <c r="GN5334" s="91"/>
      <c r="GO5334" s="91"/>
      <c r="GP5334" s="91"/>
      <c r="GQ5334" s="91"/>
      <c r="GR5334" s="91"/>
      <c r="GS5334" s="91"/>
      <c r="GT5334" s="91"/>
      <c r="GU5334" s="91"/>
      <c r="GV5334" s="91"/>
      <c r="GW5334" s="91"/>
      <c r="GX5334" s="127"/>
      <c r="GY5334" s="126"/>
      <c r="GZ5334" s="91"/>
      <c r="HA5334" s="91"/>
      <c r="HB5334" s="91"/>
      <c r="HC5334" s="91"/>
      <c r="HD5334" s="91"/>
      <c r="HE5334" s="91"/>
      <c r="HF5334" s="91"/>
      <c r="HG5334" s="91"/>
      <c r="HH5334" s="91"/>
      <c r="HI5334" s="91"/>
      <c r="HJ5334" s="91"/>
      <c r="HK5334" s="127"/>
      <c r="HL5334" s="126"/>
      <c r="HM5334" s="91"/>
      <c r="HN5334" s="91"/>
      <c r="HO5334" s="91"/>
      <c r="HP5334" s="91"/>
      <c r="HQ5334" s="91"/>
      <c r="HR5334" s="91"/>
      <c r="HS5334" s="91"/>
      <c r="HT5334" s="91"/>
      <c r="HU5334" s="91"/>
      <c r="HV5334" s="91"/>
      <c r="HW5334" s="91"/>
      <c r="HX5334" s="127"/>
      <c r="HY5334" s="126"/>
      <c r="HZ5334" s="91"/>
      <c r="IA5334" s="91"/>
      <c r="IB5334" s="91"/>
      <c r="IC5334" s="91"/>
      <c r="ID5334" s="91"/>
      <c r="IE5334" s="91"/>
      <c r="IF5334" s="91"/>
      <c r="IG5334" s="91"/>
      <c r="IH5334" s="91"/>
      <c r="II5334" s="91"/>
      <c r="IJ5334" s="91"/>
      <c r="IK5334" s="174"/>
    </row>
    <row r="5335" spans="2:245" x14ac:dyDescent="0.2">
      <c r="B5335" s="43"/>
      <c r="C5335" s="73"/>
      <c r="D5335" s="64"/>
      <c r="E5335" s="64"/>
      <c r="F5335" s="55"/>
      <c r="G5335" s="102"/>
      <c r="H5335" s="97"/>
      <c r="T5335" s="98"/>
      <c r="U5335" s="97"/>
      <c r="AG5335" s="98"/>
      <c r="AY5335" s="164"/>
      <c r="BK5335" s="98"/>
      <c r="BL5335" s="97"/>
      <c r="BX5335" s="98"/>
      <c r="CL5335" s="97"/>
      <c r="CX5335" s="98"/>
      <c r="DL5335" s="97"/>
      <c r="DX5335" s="98"/>
      <c r="EL5335" s="97"/>
      <c r="EX5335" s="98"/>
      <c r="EY5335" s="97"/>
      <c r="FL5335" s="126"/>
      <c r="FM5335" s="91"/>
      <c r="FN5335" s="91"/>
      <c r="FO5335" s="91"/>
      <c r="FP5335" s="91"/>
      <c r="FQ5335" s="91"/>
      <c r="FR5335" s="91"/>
      <c r="FS5335" s="91"/>
      <c r="FT5335" s="91"/>
      <c r="FU5335" s="91"/>
      <c r="FV5335" s="91"/>
      <c r="FW5335" s="91"/>
      <c r="FX5335" s="127"/>
      <c r="FY5335" s="126"/>
      <c r="FZ5335" s="91"/>
      <c r="GA5335" s="91"/>
      <c r="GB5335" s="91"/>
      <c r="GC5335" s="91"/>
      <c r="GD5335" s="91"/>
      <c r="GE5335" s="91"/>
      <c r="GF5335" s="91"/>
      <c r="GG5335" s="91"/>
      <c r="GH5335" s="91"/>
      <c r="GI5335" s="91"/>
      <c r="GJ5335" s="91"/>
      <c r="GK5335" s="127"/>
      <c r="GL5335" s="126"/>
      <c r="GM5335" s="91"/>
      <c r="GN5335" s="91"/>
      <c r="GO5335" s="91"/>
      <c r="GP5335" s="91"/>
      <c r="GQ5335" s="91"/>
      <c r="GR5335" s="91"/>
      <c r="GS5335" s="91"/>
      <c r="GT5335" s="91"/>
      <c r="GU5335" s="91"/>
      <c r="GV5335" s="91"/>
      <c r="GW5335" s="91"/>
      <c r="GX5335" s="127"/>
      <c r="GY5335" s="126"/>
      <c r="GZ5335" s="91"/>
      <c r="HA5335" s="91"/>
      <c r="HB5335" s="91"/>
      <c r="HC5335" s="91"/>
      <c r="HD5335" s="91"/>
      <c r="HE5335" s="91"/>
      <c r="HF5335" s="91"/>
      <c r="HG5335" s="91"/>
      <c r="HH5335" s="91"/>
      <c r="HI5335" s="91"/>
      <c r="HJ5335" s="91"/>
      <c r="HK5335" s="127"/>
      <c r="HL5335" s="126"/>
      <c r="HM5335" s="91"/>
      <c r="HN5335" s="91"/>
      <c r="HO5335" s="91"/>
      <c r="HP5335" s="91"/>
      <c r="HQ5335" s="91"/>
      <c r="HR5335" s="91"/>
      <c r="HS5335" s="91"/>
      <c r="HT5335" s="91"/>
      <c r="HU5335" s="91"/>
      <c r="HV5335" s="91"/>
      <c r="HW5335" s="91"/>
      <c r="HX5335" s="127"/>
      <c r="HY5335" s="126"/>
      <c r="HZ5335" s="91"/>
      <c r="IA5335" s="91"/>
      <c r="IB5335" s="91"/>
      <c r="IC5335" s="91"/>
      <c r="ID5335" s="91"/>
      <c r="IE5335" s="91"/>
      <c r="IF5335" s="91"/>
      <c r="IG5335" s="91"/>
      <c r="IH5335" s="91"/>
      <c r="II5335" s="91"/>
      <c r="IJ5335" s="91"/>
      <c r="IK5335" s="174"/>
    </row>
    <row r="5336" spans="2:245" x14ac:dyDescent="0.2">
      <c r="B5336" s="43"/>
      <c r="C5336" s="73"/>
      <c r="D5336" s="64"/>
      <c r="E5336" s="64"/>
      <c r="F5336" s="55"/>
      <c r="G5336" s="102"/>
      <c r="H5336" s="97"/>
      <c r="T5336" s="98"/>
      <c r="U5336" s="97"/>
      <c r="AG5336" s="98"/>
      <c r="AY5336" s="164"/>
      <c r="BK5336" s="98"/>
      <c r="BL5336" s="97"/>
      <c r="BX5336" s="98"/>
      <c r="CL5336" s="97"/>
      <c r="CX5336" s="98"/>
      <c r="DL5336" s="97"/>
      <c r="DX5336" s="98"/>
      <c r="EL5336" s="97"/>
      <c r="EX5336" s="98"/>
      <c r="EY5336" s="97"/>
      <c r="FL5336" s="126"/>
      <c r="FM5336" s="91"/>
      <c r="FN5336" s="91"/>
      <c r="FO5336" s="91"/>
      <c r="FP5336" s="91"/>
      <c r="FQ5336" s="91"/>
      <c r="FR5336" s="91"/>
      <c r="FS5336" s="91"/>
      <c r="FT5336" s="91"/>
      <c r="FU5336" s="91"/>
      <c r="FV5336" s="91"/>
      <c r="FW5336" s="91"/>
      <c r="FX5336" s="127"/>
      <c r="FY5336" s="126"/>
      <c r="FZ5336" s="91"/>
      <c r="GA5336" s="91"/>
      <c r="GB5336" s="91"/>
      <c r="GC5336" s="91"/>
      <c r="GD5336" s="91"/>
      <c r="GE5336" s="91"/>
      <c r="GF5336" s="91"/>
      <c r="GG5336" s="91"/>
      <c r="GH5336" s="91"/>
      <c r="GI5336" s="91"/>
      <c r="GJ5336" s="91"/>
      <c r="GK5336" s="127"/>
      <c r="GL5336" s="126"/>
      <c r="GM5336" s="91"/>
      <c r="GN5336" s="91"/>
      <c r="GO5336" s="91"/>
      <c r="GP5336" s="91"/>
      <c r="GQ5336" s="91"/>
      <c r="GR5336" s="91"/>
      <c r="GS5336" s="91"/>
      <c r="GT5336" s="91"/>
      <c r="GU5336" s="91"/>
      <c r="GV5336" s="91"/>
      <c r="GW5336" s="91"/>
      <c r="GX5336" s="127"/>
      <c r="GY5336" s="126"/>
      <c r="GZ5336" s="91"/>
      <c r="HA5336" s="91"/>
      <c r="HB5336" s="91"/>
      <c r="HC5336" s="91"/>
      <c r="HD5336" s="91"/>
      <c r="HE5336" s="91"/>
      <c r="HF5336" s="91"/>
      <c r="HG5336" s="91"/>
      <c r="HH5336" s="91"/>
      <c r="HI5336" s="91"/>
      <c r="HJ5336" s="91"/>
      <c r="HK5336" s="127"/>
      <c r="HL5336" s="126"/>
      <c r="HM5336" s="91"/>
      <c r="HN5336" s="91"/>
      <c r="HO5336" s="91"/>
      <c r="HP5336" s="91"/>
      <c r="HQ5336" s="91"/>
      <c r="HR5336" s="91"/>
      <c r="HS5336" s="91"/>
      <c r="HT5336" s="91"/>
      <c r="HU5336" s="91"/>
      <c r="HV5336" s="91"/>
      <c r="HW5336" s="91"/>
      <c r="HX5336" s="127"/>
      <c r="HY5336" s="126"/>
      <c r="HZ5336" s="91"/>
      <c r="IA5336" s="91"/>
      <c r="IB5336" s="91"/>
      <c r="IC5336" s="91"/>
      <c r="ID5336" s="91"/>
      <c r="IE5336" s="91"/>
      <c r="IF5336" s="91"/>
      <c r="IG5336" s="91"/>
      <c r="IH5336" s="91"/>
      <c r="II5336" s="91"/>
      <c r="IJ5336" s="91"/>
      <c r="IK5336" s="174"/>
    </row>
    <row r="5337" spans="2:245" x14ac:dyDescent="0.2">
      <c r="B5337" s="43"/>
      <c r="C5337" s="73"/>
      <c r="D5337" s="64"/>
      <c r="E5337" s="64"/>
      <c r="F5337" s="55"/>
      <c r="G5337" s="102"/>
      <c r="H5337" s="97"/>
      <c r="T5337" s="98"/>
      <c r="U5337" s="97"/>
      <c r="AG5337" s="98"/>
      <c r="AY5337" s="164"/>
      <c r="BK5337" s="98"/>
      <c r="BL5337" s="97"/>
      <c r="BX5337" s="98"/>
      <c r="CL5337" s="97"/>
      <c r="CX5337" s="98"/>
      <c r="DL5337" s="97"/>
      <c r="DX5337" s="98"/>
      <c r="EL5337" s="97"/>
      <c r="EX5337" s="98"/>
      <c r="EY5337" s="97"/>
      <c r="FL5337" s="126"/>
      <c r="FM5337" s="91"/>
      <c r="FN5337" s="91"/>
      <c r="FO5337" s="91"/>
      <c r="FP5337" s="91"/>
      <c r="FQ5337" s="91"/>
      <c r="FR5337" s="91"/>
      <c r="FS5337" s="91"/>
      <c r="FT5337" s="91"/>
      <c r="FU5337" s="91"/>
      <c r="FV5337" s="91"/>
      <c r="FW5337" s="91"/>
      <c r="FX5337" s="127"/>
      <c r="FY5337" s="126"/>
      <c r="FZ5337" s="91"/>
      <c r="GA5337" s="91"/>
      <c r="GB5337" s="91"/>
      <c r="GC5337" s="91"/>
      <c r="GD5337" s="91"/>
      <c r="GE5337" s="91"/>
      <c r="GF5337" s="91"/>
      <c r="GG5337" s="91"/>
      <c r="GH5337" s="91"/>
      <c r="GI5337" s="91"/>
      <c r="GJ5337" s="91"/>
      <c r="GK5337" s="127"/>
      <c r="GL5337" s="126"/>
      <c r="GM5337" s="91"/>
      <c r="GN5337" s="91"/>
      <c r="GO5337" s="91"/>
      <c r="GP5337" s="91"/>
      <c r="GQ5337" s="91"/>
      <c r="GR5337" s="91"/>
      <c r="GS5337" s="91"/>
      <c r="GT5337" s="91"/>
      <c r="GU5337" s="91"/>
      <c r="GV5337" s="91"/>
      <c r="GW5337" s="91"/>
      <c r="GX5337" s="127"/>
      <c r="GY5337" s="126"/>
      <c r="GZ5337" s="91"/>
      <c r="HA5337" s="91"/>
      <c r="HB5337" s="91"/>
      <c r="HC5337" s="91"/>
      <c r="HD5337" s="91"/>
      <c r="HE5337" s="91"/>
      <c r="HF5337" s="91"/>
      <c r="HG5337" s="91"/>
      <c r="HH5337" s="91"/>
      <c r="HI5337" s="91"/>
      <c r="HJ5337" s="91"/>
      <c r="HK5337" s="127"/>
      <c r="HL5337" s="126"/>
      <c r="HM5337" s="91"/>
      <c r="HN5337" s="91"/>
      <c r="HO5337" s="91"/>
      <c r="HP5337" s="91"/>
      <c r="HQ5337" s="91"/>
      <c r="HR5337" s="91"/>
      <c r="HS5337" s="91"/>
      <c r="HT5337" s="91"/>
      <c r="HU5337" s="91"/>
      <c r="HV5337" s="91"/>
      <c r="HW5337" s="91"/>
      <c r="HX5337" s="127"/>
      <c r="HY5337" s="126"/>
      <c r="HZ5337" s="91"/>
      <c r="IA5337" s="91"/>
      <c r="IB5337" s="91"/>
      <c r="IC5337" s="91"/>
      <c r="ID5337" s="91"/>
      <c r="IE5337" s="91"/>
      <c r="IF5337" s="91"/>
      <c r="IG5337" s="91"/>
      <c r="IH5337" s="91"/>
      <c r="II5337" s="91"/>
      <c r="IJ5337" s="91"/>
      <c r="IK5337" s="174"/>
    </row>
    <row r="5338" spans="2:245" x14ac:dyDescent="0.2">
      <c r="B5338" s="43"/>
      <c r="C5338" s="73"/>
      <c r="D5338" s="64"/>
      <c r="E5338" s="64"/>
      <c r="F5338" s="55"/>
      <c r="G5338" s="102"/>
      <c r="H5338" s="97"/>
      <c r="T5338" s="98"/>
      <c r="U5338" s="97"/>
      <c r="AG5338" s="98"/>
      <c r="AY5338" s="164"/>
      <c r="BK5338" s="98"/>
      <c r="BL5338" s="97"/>
      <c r="BX5338" s="98"/>
      <c r="CL5338" s="97"/>
      <c r="CX5338" s="98"/>
      <c r="DL5338" s="97"/>
      <c r="DX5338" s="98"/>
      <c r="EL5338" s="97"/>
      <c r="EX5338" s="98"/>
      <c r="EY5338" s="97"/>
      <c r="FL5338" s="126"/>
      <c r="FM5338" s="91"/>
      <c r="FN5338" s="91"/>
      <c r="FO5338" s="91"/>
      <c r="FP5338" s="91"/>
      <c r="FQ5338" s="91"/>
      <c r="FR5338" s="91"/>
      <c r="FS5338" s="91"/>
      <c r="FT5338" s="91"/>
      <c r="FU5338" s="91"/>
      <c r="FV5338" s="91"/>
      <c r="FW5338" s="91"/>
      <c r="FX5338" s="127"/>
      <c r="FY5338" s="126"/>
      <c r="FZ5338" s="91"/>
      <c r="GA5338" s="91"/>
      <c r="GB5338" s="91"/>
      <c r="GC5338" s="91"/>
      <c r="GD5338" s="91"/>
      <c r="GE5338" s="91"/>
      <c r="GF5338" s="91"/>
      <c r="GG5338" s="91"/>
      <c r="GH5338" s="91"/>
      <c r="GI5338" s="91"/>
      <c r="GJ5338" s="91"/>
      <c r="GK5338" s="127"/>
      <c r="GL5338" s="126"/>
      <c r="GM5338" s="91"/>
      <c r="GN5338" s="91"/>
      <c r="GO5338" s="91"/>
      <c r="GP5338" s="91"/>
      <c r="GQ5338" s="91"/>
      <c r="GR5338" s="91"/>
      <c r="GS5338" s="91"/>
      <c r="GT5338" s="91"/>
      <c r="GU5338" s="91"/>
      <c r="GV5338" s="91"/>
      <c r="GW5338" s="91"/>
      <c r="GX5338" s="127"/>
      <c r="GY5338" s="126"/>
      <c r="GZ5338" s="91"/>
      <c r="HA5338" s="91"/>
      <c r="HB5338" s="91"/>
      <c r="HC5338" s="91"/>
      <c r="HD5338" s="91"/>
      <c r="HE5338" s="91"/>
      <c r="HF5338" s="91"/>
      <c r="HG5338" s="91"/>
      <c r="HH5338" s="91"/>
      <c r="HI5338" s="91"/>
      <c r="HJ5338" s="91"/>
      <c r="HK5338" s="127"/>
      <c r="HL5338" s="126"/>
      <c r="HM5338" s="91"/>
      <c r="HN5338" s="91"/>
      <c r="HO5338" s="91"/>
      <c r="HP5338" s="91"/>
      <c r="HQ5338" s="91"/>
      <c r="HR5338" s="91"/>
      <c r="HS5338" s="91"/>
      <c r="HT5338" s="91"/>
      <c r="HU5338" s="91"/>
      <c r="HV5338" s="91"/>
      <c r="HW5338" s="91"/>
      <c r="HX5338" s="127"/>
      <c r="HY5338" s="126"/>
      <c r="HZ5338" s="91"/>
      <c r="IA5338" s="91"/>
      <c r="IB5338" s="91"/>
      <c r="IC5338" s="91"/>
      <c r="ID5338" s="91"/>
      <c r="IE5338" s="91"/>
      <c r="IF5338" s="91"/>
      <c r="IG5338" s="91"/>
      <c r="IH5338" s="91"/>
      <c r="II5338" s="91"/>
      <c r="IJ5338" s="91"/>
      <c r="IK5338" s="174"/>
    </row>
    <row r="5339" spans="2:245" x14ac:dyDescent="0.2">
      <c r="B5339" s="43"/>
      <c r="C5339" s="73"/>
      <c r="D5339" s="64"/>
      <c r="E5339" s="64"/>
      <c r="F5339" s="55"/>
      <c r="G5339" s="102"/>
      <c r="H5339" s="97"/>
      <c r="T5339" s="98"/>
      <c r="U5339" s="97"/>
      <c r="AG5339" s="98"/>
      <c r="AY5339" s="164"/>
      <c r="BK5339" s="98"/>
      <c r="BL5339" s="97"/>
      <c r="BX5339" s="98"/>
      <c r="CL5339" s="97"/>
      <c r="CX5339" s="98"/>
      <c r="DL5339" s="97"/>
      <c r="DX5339" s="98"/>
      <c r="EL5339" s="97"/>
      <c r="EX5339" s="98"/>
      <c r="EY5339" s="97"/>
      <c r="FL5339" s="126"/>
      <c r="FM5339" s="91"/>
      <c r="FN5339" s="91"/>
      <c r="FO5339" s="91"/>
      <c r="FP5339" s="91"/>
      <c r="FQ5339" s="91"/>
      <c r="FR5339" s="91"/>
      <c r="FS5339" s="91"/>
      <c r="FT5339" s="91"/>
      <c r="FU5339" s="91"/>
      <c r="FV5339" s="91"/>
      <c r="FW5339" s="91"/>
      <c r="FX5339" s="127"/>
      <c r="FY5339" s="126"/>
      <c r="FZ5339" s="91"/>
      <c r="GA5339" s="91"/>
      <c r="GB5339" s="91"/>
      <c r="GC5339" s="91"/>
      <c r="GD5339" s="91"/>
      <c r="GE5339" s="91"/>
      <c r="GF5339" s="91"/>
      <c r="GG5339" s="91"/>
      <c r="GH5339" s="91"/>
      <c r="GI5339" s="91"/>
      <c r="GJ5339" s="91"/>
      <c r="GK5339" s="127"/>
      <c r="GL5339" s="126"/>
      <c r="GM5339" s="91"/>
      <c r="GN5339" s="91"/>
      <c r="GO5339" s="91"/>
      <c r="GP5339" s="91"/>
      <c r="GQ5339" s="91"/>
      <c r="GR5339" s="91"/>
      <c r="GS5339" s="91"/>
      <c r="GT5339" s="91"/>
      <c r="GU5339" s="91"/>
      <c r="GV5339" s="91"/>
      <c r="GW5339" s="91"/>
      <c r="GX5339" s="127"/>
      <c r="GY5339" s="126"/>
      <c r="GZ5339" s="91"/>
      <c r="HA5339" s="91"/>
      <c r="HB5339" s="91"/>
      <c r="HC5339" s="91"/>
      <c r="HD5339" s="91"/>
      <c r="HE5339" s="91"/>
      <c r="HF5339" s="91"/>
      <c r="HG5339" s="91"/>
      <c r="HH5339" s="91"/>
      <c r="HI5339" s="91"/>
      <c r="HJ5339" s="91"/>
      <c r="HK5339" s="127"/>
      <c r="HL5339" s="126"/>
      <c r="HM5339" s="91"/>
      <c r="HN5339" s="91"/>
      <c r="HO5339" s="91"/>
      <c r="HP5339" s="91"/>
      <c r="HQ5339" s="91"/>
      <c r="HR5339" s="91"/>
      <c r="HS5339" s="91"/>
      <c r="HT5339" s="91"/>
      <c r="HU5339" s="91"/>
      <c r="HV5339" s="91"/>
      <c r="HW5339" s="91"/>
      <c r="HX5339" s="127"/>
      <c r="HY5339" s="126"/>
      <c r="HZ5339" s="91"/>
      <c r="IA5339" s="91"/>
      <c r="IB5339" s="91"/>
      <c r="IC5339" s="91"/>
      <c r="ID5339" s="91"/>
      <c r="IE5339" s="91"/>
      <c r="IF5339" s="91"/>
      <c r="IG5339" s="91"/>
      <c r="IH5339" s="91"/>
      <c r="II5339" s="91"/>
      <c r="IJ5339" s="91"/>
      <c r="IK5339" s="174"/>
    </row>
    <row r="5340" spans="2:245" x14ac:dyDescent="0.2">
      <c r="B5340" s="43"/>
      <c r="C5340" s="73"/>
      <c r="D5340" s="64"/>
      <c r="E5340" s="64"/>
      <c r="F5340" s="55"/>
      <c r="G5340" s="102"/>
      <c r="H5340" s="97"/>
      <c r="T5340" s="98"/>
      <c r="U5340" s="97"/>
      <c r="AG5340" s="98"/>
      <c r="AY5340" s="164"/>
      <c r="BK5340" s="98"/>
      <c r="BL5340" s="97"/>
      <c r="BX5340" s="98"/>
      <c r="CL5340" s="97"/>
      <c r="CX5340" s="98"/>
      <c r="DL5340" s="97"/>
      <c r="DX5340" s="98"/>
      <c r="EL5340" s="97"/>
      <c r="EX5340" s="98"/>
      <c r="EY5340" s="97"/>
      <c r="FL5340" s="126"/>
      <c r="FM5340" s="91"/>
      <c r="FN5340" s="91"/>
      <c r="FO5340" s="91"/>
      <c r="FP5340" s="91"/>
      <c r="FQ5340" s="91"/>
      <c r="FR5340" s="91"/>
      <c r="FS5340" s="91"/>
      <c r="FT5340" s="91"/>
      <c r="FU5340" s="91"/>
      <c r="FV5340" s="91"/>
      <c r="FW5340" s="91"/>
      <c r="FX5340" s="127"/>
      <c r="FY5340" s="126"/>
      <c r="FZ5340" s="91"/>
      <c r="GA5340" s="91"/>
      <c r="GB5340" s="91"/>
      <c r="GC5340" s="91"/>
      <c r="GD5340" s="91"/>
      <c r="GE5340" s="91"/>
      <c r="GF5340" s="91"/>
      <c r="GG5340" s="91"/>
      <c r="GH5340" s="91"/>
      <c r="GI5340" s="91"/>
      <c r="GJ5340" s="91"/>
      <c r="GK5340" s="127"/>
      <c r="GL5340" s="126"/>
      <c r="GM5340" s="91"/>
      <c r="GN5340" s="91"/>
      <c r="GO5340" s="91"/>
      <c r="GP5340" s="91"/>
      <c r="GQ5340" s="91"/>
      <c r="GR5340" s="91"/>
      <c r="GS5340" s="91"/>
      <c r="GT5340" s="91"/>
      <c r="GU5340" s="91"/>
      <c r="GV5340" s="91"/>
      <c r="GW5340" s="91"/>
      <c r="GX5340" s="127"/>
      <c r="GY5340" s="126"/>
      <c r="GZ5340" s="91"/>
      <c r="HA5340" s="91"/>
      <c r="HB5340" s="91"/>
      <c r="HC5340" s="91"/>
      <c r="HD5340" s="91"/>
      <c r="HE5340" s="91"/>
      <c r="HF5340" s="91"/>
      <c r="HG5340" s="91"/>
      <c r="HH5340" s="91"/>
      <c r="HI5340" s="91"/>
      <c r="HJ5340" s="91"/>
      <c r="HK5340" s="127"/>
      <c r="HL5340" s="126"/>
      <c r="HM5340" s="91"/>
      <c r="HN5340" s="91"/>
      <c r="HO5340" s="91"/>
      <c r="HP5340" s="91"/>
      <c r="HQ5340" s="91"/>
      <c r="HR5340" s="91"/>
      <c r="HS5340" s="91"/>
      <c r="HT5340" s="91"/>
      <c r="HU5340" s="91"/>
      <c r="HV5340" s="91"/>
      <c r="HW5340" s="91"/>
      <c r="HX5340" s="127"/>
      <c r="HY5340" s="126"/>
      <c r="HZ5340" s="91"/>
      <c r="IA5340" s="91"/>
      <c r="IB5340" s="91"/>
      <c r="IC5340" s="91"/>
      <c r="ID5340" s="91"/>
      <c r="IE5340" s="91"/>
      <c r="IF5340" s="91"/>
      <c r="IG5340" s="91"/>
      <c r="IH5340" s="91"/>
      <c r="II5340" s="91"/>
      <c r="IJ5340" s="91"/>
      <c r="IK5340" s="174"/>
    </row>
    <row r="5341" spans="2:245" x14ac:dyDescent="0.2">
      <c r="B5341" s="43"/>
      <c r="C5341" s="73"/>
      <c r="D5341" s="64"/>
      <c r="E5341" s="64"/>
      <c r="F5341" s="55"/>
      <c r="G5341" s="102"/>
      <c r="H5341" s="97"/>
      <c r="T5341" s="98"/>
      <c r="U5341" s="97"/>
      <c r="AG5341" s="98"/>
      <c r="AY5341" s="164"/>
      <c r="BK5341" s="98"/>
      <c r="BL5341" s="97"/>
      <c r="BX5341" s="98"/>
      <c r="CL5341" s="97"/>
      <c r="CX5341" s="98"/>
      <c r="DL5341" s="97"/>
      <c r="DX5341" s="98"/>
      <c r="EL5341" s="97"/>
      <c r="EX5341" s="98"/>
      <c r="EY5341" s="97"/>
      <c r="FL5341" s="126"/>
      <c r="FM5341" s="91"/>
      <c r="FN5341" s="91"/>
      <c r="FO5341" s="91"/>
      <c r="FP5341" s="91"/>
      <c r="FQ5341" s="91"/>
      <c r="FR5341" s="91"/>
      <c r="FS5341" s="91"/>
      <c r="FT5341" s="91"/>
      <c r="FU5341" s="91"/>
      <c r="FV5341" s="91"/>
      <c r="FW5341" s="91"/>
      <c r="FX5341" s="127"/>
      <c r="FY5341" s="126"/>
      <c r="FZ5341" s="91"/>
      <c r="GA5341" s="91"/>
      <c r="GB5341" s="91"/>
      <c r="GC5341" s="91"/>
      <c r="GD5341" s="91"/>
      <c r="GE5341" s="91"/>
      <c r="GF5341" s="91"/>
      <c r="GG5341" s="91"/>
      <c r="GH5341" s="91"/>
      <c r="GI5341" s="91"/>
      <c r="GJ5341" s="91"/>
      <c r="GK5341" s="127"/>
      <c r="GL5341" s="126"/>
      <c r="GM5341" s="91"/>
      <c r="GN5341" s="91"/>
      <c r="GO5341" s="91"/>
      <c r="GP5341" s="91"/>
      <c r="GQ5341" s="91"/>
      <c r="GR5341" s="91"/>
      <c r="GS5341" s="91"/>
      <c r="GT5341" s="91"/>
      <c r="GU5341" s="91"/>
      <c r="GV5341" s="91"/>
      <c r="GW5341" s="91"/>
      <c r="GX5341" s="127"/>
      <c r="GY5341" s="126"/>
      <c r="GZ5341" s="91"/>
      <c r="HA5341" s="91"/>
      <c r="HB5341" s="91"/>
      <c r="HC5341" s="91"/>
      <c r="HD5341" s="91"/>
      <c r="HE5341" s="91"/>
      <c r="HF5341" s="91"/>
      <c r="HG5341" s="91"/>
      <c r="HH5341" s="91"/>
      <c r="HI5341" s="91"/>
      <c r="HJ5341" s="91"/>
      <c r="HK5341" s="127"/>
      <c r="HL5341" s="126"/>
      <c r="HM5341" s="91"/>
      <c r="HN5341" s="91"/>
      <c r="HO5341" s="91"/>
      <c r="HP5341" s="91"/>
      <c r="HQ5341" s="91"/>
      <c r="HR5341" s="91"/>
      <c r="HS5341" s="91"/>
      <c r="HT5341" s="91"/>
      <c r="HU5341" s="91"/>
      <c r="HV5341" s="91"/>
      <c r="HW5341" s="91"/>
      <c r="HX5341" s="127"/>
      <c r="HY5341" s="126"/>
      <c r="HZ5341" s="91"/>
      <c r="IA5341" s="91"/>
      <c r="IB5341" s="91"/>
      <c r="IC5341" s="91"/>
      <c r="ID5341" s="91"/>
      <c r="IE5341" s="91"/>
      <c r="IF5341" s="91"/>
      <c r="IG5341" s="91"/>
      <c r="IH5341" s="91"/>
      <c r="II5341" s="91"/>
      <c r="IJ5341" s="91"/>
      <c r="IK5341" s="174"/>
    </row>
    <row r="5342" spans="2:245" x14ac:dyDescent="0.2">
      <c r="B5342" s="43"/>
      <c r="C5342" s="73"/>
      <c r="D5342" s="64"/>
      <c r="E5342" s="64"/>
      <c r="F5342" s="55"/>
      <c r="G5342" s="102"/>
      <c r="H5342" s="97"/>
      <c r="T5342" s="98"/>
      <c r="U5342" s="97"/>
      <c r="AG5342" s="98"/>
      <c r="AY5342" s="164"/>
      <c r="BK5342" s="98"/>
      <c r="BL5342" s="97"/>
      <c r="BX5342" s="98"/>
      <c r="CL5342" s="97"/>
      <c r="CX5342" s="98"/>
      <c r="DL5342" s="97"/>
      <c r="DX5342" s="98"/>
      <c r="EL5342" s="97"/>
      <c r="EX5342" s="98"/>
      <c r="EY5342" s="97"/>
      <c r="FL5342" s="126"/>
      <c r="FM5342" s="91"/>
      <c r="FN5342" s="91"/>
      <c r="FO5342" s="91"/>
      <c r="FP5342" s="91"/>
      <c r="FQ5342" s="91"/>
      <c r="FR5342" s="91"/>
      <c r="FS5342" s="91"/>
      <c r="FT5342" s="91"/>
      <c r="FU5342" s="91"/>
      <c r="FV5342" s="91"/>
      <c r="FW5342" s="91"/>
      <c r="FX5342" s="127"/>
      <c r="FY5342" s="126"/>
      <c r="FZ5342" s="91"/>
      <c r="GA5342" s="91"/>
      <c r="GB5342" s="91"/>
      <c r="GC5342" s="91"/>
      <c r="GD5342" s="91"/>
      <c r="GE5342" s="91"/>
      <c r="GF5342" s="91"/>
      <c r="GG5342" s="91"/>
      <c r="GH5342" s="91"/>
      <c r="GI5342" s="91"/>
      <c r="GJ5342" s="91"/>
      <c r="GK5342" s="127"/>
      <c r="GL5342" s="126"/>
      <c r="GM5342" s="91"/>
      <c r="GN5342" s="91"/>
      <c r="GO5342" s="91"/>
      <c r="GP5342" s="91"/>
      <c r="GQ5342" s="91"/>
      <c r="GR5342" s="91"/>
      <c r="GS5342" s="91"/>
      <c r="GT5342" s="91"/>
      <c r="GU5342" s="91"/>
      <c r="GV5342" s="91"/>
      <c r="GW5342" s="91"/>
      <c r="GX5342" s="127"/>
      <c r="GY5342" s="126"/>
      <c r="GZ5342" s="91"/>
      <c r="HA5342" s="91"/>
      <c r="HB5342" s="91"/>
      <c r="HC5342" s="91"/>
      <c r="HD5342" s="91"/>
      <c r="HE5342" s="91"/>
      <c r="HF5342" s="91"/>
      <c r="HG5342" s="91"/>
      <c r="HH5342" s="91"/>
      <c r="HI5342" s="91"/>
      <c r="HJ5342" s="91"/>
      <c r="HK5342" s="127"/>
      <c r="HL5342" s="126"/>
      <c r="HM5342" s="91"/>
      <c r="HN5342" s="91"/>
      <c r="HO5342" s="91"/>
      <c r="HP5342" s="91"/>
      <c r="HQ5342" s="91"/>
      <c r="HR5342" s="91"/>
      <c r="HS5342" s="91"/>
      <c r="HT5342" s="91"/>
      <c r="HU5342" s="91"/>
      <c r="HV5342" s="91"/>
      <c r="HW5342" s="91"/>
      <c r="HX5342" s="127"/>
      <c r="HY5342" s="126"/>
      <c r="HZ5342" s="91"/>
      <c r="IA5342" s="91"/>
      <c r="IB5342" s="91"/>
      <c r="IC5342" s="91"/>
      <c r="ID5342" s="91"/>
      <c r="IE5342" s="91"/>
      <c r="IF5342" s="91"/>
      <c r="IG5342" s="91"/>
      <c r="IH5342" s="91"/>
      <c r="II5342" s="91"/>
      <c r="IJ5342" s="91"/>
      <c r="IK5342" s="174"/>
    </row>
    <row r="5343" spans="2:245" x14ac:dyDescent="0.2">
      <c r="B5343" s="43"/>
      <c r="C5343" s="73"/>
      <c r="D5343" s="64"/>
      <c r="E5343" s="64"/>
      <c r="F5343" s="55"/>
      <c r="G5343" s="102"/>
      <c r="H5343" s="97"/>
      <c r="T5343" s="98"/>
      <c r="U5343" s="97"/>
      <c r="AG5343" s="98"/>
      <c r="AY5343" s="164"/>
      <c r="BK5343" s="98"/>
      <c r="BL5343" s="97"/>
      <c r="BX5343" s="98"/>
      <c r="CL5343" s="97"/>
      <c r="CX5343" s="98"/>
      <c r="DL5343" s="97"/>
      <c r="DX5343" s="98"/>
      <c r="EL5343" s="97"/>
      <c r="EX5343" s="98"/>
      <c r="EY5343" s="97"/>
      <c r="FL5343" s="126"/>
      <c r="FM5343" s="91"/>
      <c r="FN5343" s="91"/>
      <c r="FO5343" s="91"/>
      <c r="FP5343" s="91"/>
      <c r="FQ5343" s="91"/>
      <c r="FR5343" s="91"/>
      <c r="FS5343" s="91"/>
      <c r="FT5343" s="91"/>
      <c r="FU5343" s="91"/>
      <c r="FV5343" s="91"/>
      <c r="FW5343" s="91"/>
      <c r="FX5343" s="127"/>
      <c r="FY5343" s="126"/>
      <c r="FZ5343" s="91"/>
      <c r="GA5343" s="91"/>
      <c r="GB5343" s="91"/>
      <c r="GC5343" s="91"/>
      <c r="GD5343" s="91"/>
      <c r="GE5343" s="91"/>
      <c r="GF5343" s="91"/>
      <c r="GG5343" s="91"/>
      <c r="GH5343" s="91"/>
      <c r="GI5343" s="91"/>
      <c r="GJ5343" s="91"/>
      <c r="GK5343" s="127"/>
      <c r="GL5343" s="126"/>
      <c r="GM5343" s="91"/>
      <c r="GN5343" s="91"/>
      <c r="GO5343" s="91"/>
      <c r="GP5343" s="91"/>
      <c r="GQ5343" s="91"/>
      <c r="GR5343" s="91"/>
      <c r="GS5343" s="91"/>
      <c r="GT5343" s="91"/>
      <c r="GU5343" s="91"/>
      <c r="GV5343" s="91"/>
      <c r="GW5343" s="91"/>
      <c r="GX5343" s="127"/>
      <c r="GY5343" s="126"/>
      <c r="GZ5343" s="91"/>
      <c r="HA5343" s="91"/>
      <c r="HB5343" s="91"/>
      <c r="HC5343" s="91"/>
      <c r="HD5343" s="91"/>
      <c r="HE5343" s="91"/>
      <c r="HF5343" s="91"/>
      <c r="HG5343" s="91"/>
      <c r="HH5343" s="91"/>
      <c r="HI5343" s="91"/>
      <c r="HJ5343" s="91"/>
      <c r="HK5343" s="127"/>
      <c r="HL5343" s="126"/>
      <c r="HM5343" s="91"/>
      <c r="HN5343" s="91"/>
      <c r="HO5343" s="91"/>
      <c r="HP5343" s="91"/>
      <c r="HQ5343" s="91"/>
      <c r="HR5343" s="91"/>
      <c r="HS5343" s="91"/>
      <c r="HT5343" s="91"/>
      <c r="HU5343" s="91"/>
      <c r="HV5343" s="91"/>
      <c r="HW5343" s="91"/>
      <c r="HX5343" s="127"/>
      <c r="HY5343" s="126"/>
      <c r="HZ5343" s="91"/>
      <c r="IA5343" s="91"/>
      <c r="IB5343" s="91"/>
      <c r="IC5343" s="91"/>
      <c r="ID5343" s="91"/>
      <c r="IE5343" s="91"/>
      <c r="IF5343" s="91"/>
      <c r="IG5343" s="91"/>
      <c r="IH5343" s="91"/>
      <c r="II5343" s="91"/>
      <c r="IJ5343" s="91"/>
      <c r="IK5343" s="174"/>
    </row>
    <row r="5344" spans="2:245" x14ac:dyDescent="0.2">
      <c r="B5344" s="43"/>
      <c r="C5344" s="73"/>
      <c r="D5344" s="64"/>
      <c r="E5344" s="64"/>
      <c r="F5344" s="55"/>
      <c r="G5344" s="102"/>
      <c r="H5344" s="97"/>
      <c r="T5344" s="98"/>
      <c r="U5344" s="97"/>
      <c r="AG5344" s="98"/>
      <c r="AY5344" s="164"/>
      <c r="BK5344" s="98"/>
      <c r="BL5344" s="97"/>
      <c r="BX5344" s="98"/>
      <c r="CL5344" s="97"/>
      <c r="CX5344" s="98"/>
      <c r="DL5344" s="97"/>
      <c r="DX5344" s="98"/>
      <c r="EL5344" s="97"/>
      <c r="EX5344" s="98"/>
      <c r="EY5344" s="97"/>
      <c r="FL5344" s="126"/>
      <c r="FM5344" s="91"/>
      <c r="FN5344" s="91"/>
      <c r="FO5344" s="91"/>
      <c r="FP5344" s="91"/>
      <c r="FQ5344" s="91"/>
      <c r="FR5344" s="91"/>
      <c r="FS5344" s="91"/>
      <c r="FT5344" s="91"/>
      <c r="FU5344" s="91"/>
      <c r="FV5344" s="91"/>
      <c r="FW5344" s="91"/>
      <c r="FX5344" s="127"/>
      <c r="FY5344" s="126"/>
      <c r="FZ5344" s="91"/>
      <c r="GA5344" s="91"/>
      <c r="GB5344" s="91"/>
      <c r="GC5344" s="91"/>
      <c r="GD5344" s="91"/>
      <c r="GE5344" s="91"/>
      <c r="GF5344" s="91"/>
      <c r="GG5344" s="91"/>
      <c r="GH5344" s="91"/>
      <c r="GI5344" s="91"/>
      <c r="GJ5344" s="91"/>
      <c r="GK5344" s="127"/>
      <c r="GL5344" s="126"/>
      <c r="GM5344" s="91"/>
      <c r="GN5344" s="91"/>
      <c r="GO5344" s="91"/>
      <c r="GP5344" s="91"/>
      <c r="GQ5344" s="91"/>
      <c r="GR5344" s="91"/>
      <c r="GS5344" s="91"/>
      <c r="GT5344" s="91"/>
      <c r="GU5344" s="91"/>
      <c r="GV5344" s="91"/>
      <c r="GW5344" s="91"/>
      <c r="GX5344" s="127"/>
      <c r="GY5344" s="126"/>
      <c r="GZ5344" s="91"/>
      <c r="HA5344" s="91"/>
      <c r="HB5344" s="91"/>
      <c r="HC5344" s="91"/>
      <c r="HD5344" s="91"/>
      <c r="HE5344" s="91"/>
      <c r="HF5344" s="91"/>
      <c r="HG5344" s="91"/>
      <c r="HH5344" s="91"/>
      <c r="HI5344" s="91"/>
      <c r="HJ5344" s="91"/>
      <c r="HK5344" s="127"/>
      <c r="HL5344" s="126"/>
      <c r="HM5344" s="91"/>
      <c r="HN5344" s="91"/>
      <c r="HO5344" s="91"/>
      <c r="HP5344" s="91"/>
      <c r="HQ5344" s="91"/>
      <c r="HR5344" s="91"/>
      <c r="HS5344" s="91"/>
      <c r="HT5344" s="91"/>
      <c r="HU5344" s="91"/>
      <c r="HV5344" s="91"/>
      <c r="HW5344" s="91"/>
      <c r="HX5344" s="127"/>
      <c r="HY5344" s="126"/>
      <c r="HZ5344" s="91"/>
      <c r="IA5344" s="91"/>
      <c r="IB5344" s="91"/>
      <c r="IC5344" s="91"/>
      <c r="ID5344" s="91"/>
      <c r="IE5344" s="91"/>
      <c r="IF5344" s="91"/>
      <c r="IG5344" s="91"/>
      <c r="IH5344" s="91"/>
      <c r="II5344" s="91"/>
      <c r="IJ5344" s="91"/>
      <c r="IK5344" s="174"/>
    </row>
    <row r="5345" spans="2:245" x14ac:dyDescent="0.2">
      <c r="B5345" s="43"/>
      <c r="C5345" s="73"/>
      <c r="D5345" s="64"/>
      <c r="E5345" s="64"/>
      <c r="F5345" s="55"/>
      <c r="G5345" s="102"/>
      <c r="H5345" s="97"/>
      <c r="T5345" s="98"/>
      <c r="U5345" s="97"/>
      <c r="AG5345" s="98"/>
      <c r="AY5345" s="164"/>
      <c r="BK5345" s="98"/>
      <c r="BL5345" s="97"/>
      <c r="BX5345" s="98"/>
      <c r="CL5345" s="97"/>
      <c r="CX5345" s="98"/>
      <c r="DL5345" s="97"/>
      <c r="DX5345" s="98"/>
      <c r="EL5345" s="97"/>
      <c r="EX5345" s="98"/>
      <c r="EY5345" s="97"/>
      <c r="FL5345" s="126"/>
      <c r="FM5345" s="91"/>
      <c r="FN5345" s="91"/>
      <c r="FO5345" s="91"/>
      <c r="FP5345" s="91"/>
      <c r="FQ5345" s="91"/>
      <c r="FR5345" s="91"/>
      <c r="FS5345" s="91"/>
      <c r="FT5345" s="91"/>
      <c r="FU5345" s="91"/>
      <c r="FV5345" s="91"/>
      <c r="FW5345" s="91"/>
      <c r="FX5345" s="127"/>
      <c r="FY5345" s="126"/>
      <c r="FZ5345" s="91"/>
      <c r="GA5345" s="91"/>
      <c r="GB5345" s="91"/>
      <c r="GC5345" s="91"/>
      <c r="GD5345" s="91"/>
      <c r="GE5345" s="91"/>
      <c r="GF5345" s="91"/>
      <c r="GG5345" s="91"/>
      <c r="GH5345" s="91"/>
      <c r="GI5345" s="91"/>
      <c r="GJ5345" s="91"/>
      <c r="GK5345" s="127"/>
      <c r="GL5345" s="126"/>
      <c r="GM5345" s="91"/>
      <c r="GN5345" s="91"/>
      <c r="GO5345" s="91"/>
      <c r="GP5345" s="91"/>
      <c r="GQ5345" s="91"/>
      <c r="GR5345" s="91"/>
      <c r="GS5345" s="91"/>
      <c r="GT5345" s="91"/>
      <c r="GU5345" s="91"/>
      <c r="GV5345" s="91"/>
      <c r="GW5345" s="91"/>
      <c r="GX5345" s="127"/>
      <c r="GY5345" s="126"/>
      <c r="GZ5345" s="91"/>
      <c r="HA5345" s="91"/>
      <c r="HB5345" s="91"/>
      <c r="HC5345" s="91"/>
      <c r="HD5345" s="91"/>
      <c r="HE5345" s="91"/>
      <c r="HF5345" s="91"/>
      <c r="HG5345" s="91"/>
      <c r="HH5345" s="91"/>
      <c r="HI5345" s="91"/>
      <c r="HJ5345" s="91"/>
      <c r="HK5345" s="127"/>
      <c r="HL5345" s="126"/>
      <c r="HM5345" s="91"/>
      <c r="HN5345" s="91"/>
      <c r="HO5345" s="91"/>
      <c r="HP5345" s="91"/>
      <c r="HQ5345" s="91"/>
      <c r="HR5345" s="91"/>
      <c r="HS5345" s="91"/>
      <c r="HT5345" s="91"/>
      <c r="HU5345" s="91"/>
      <c r="HV5345" s="91"/>
      <c r="HW5345" s="91"/>
      <c r="HX5345" s="127"/>
      <c r="HY5345" s="126"/>
      <c r="HZ5345" s="91"/>
      <c r="IA5345" s="91"/>
      <c r="IB5345" s="91"/>
      <c r="IC5345" s="91"/>
      <c r="ID5345" s="91"/>
      <c r="IE5345" s="91"/>
      <c r="IF5345" s="91"/>
      <c r="IG5345" s="91"/>
      <c r="IH5345" s="91"/>
      <c r="II5345" s="91"/>
      <c r="IJ5345" s="91"/>
      <c r="IK5345" s="174"/>
    </row>
    <row r="5346" spans="2:245" x14ac:dyDescent="0.2">
      <c r="B5346" s="43"/>
      <c r="C5346" s="73"/>
      <c r="D5346" s="64"/>
      <c r="E5346" s="64"/>
      <c r="F5346" s="55"/>
      <c r="G5346" s="102"/>
      <c r="H5346" s="97"/>
      <c r="T5346" s="98"/>
      <c r="U5346" s="97"/>
      <c r="AG5346" s="98"/>
      <c r="AY5346" s="164"/>
      <c r="BK5346" s="98"/>
      <c r="BL5346" s="97"/>
      <c r="BX5346" s="98"/>
      <c r="CL5346" s="97"/>
      <c r="CX5346" s="98"/>
      <c r="DL5346" s="97"/>
      <c r="DX5346" s="98"/>
      <c r="EL5346" s="97"/>
      <c r="EX5346" s="98"/>
      <c r="EY5346" s="97"/>
      <c r="FL5346" s="126"/>
      <c r="FM5346" s="91"/>
      <c r="FN5346" s="91"/>
      <c r="FO5346" s="91"/>
      <c r="FP5346" s="91"/>
      <c r="FQ5346" s="91"/>
      <c r="FR5346" s="91"/>
      <c r="FS5346" s="91"/>
      <c r="FT5346" s="91"/>
      <c r="FU5346" s="91"/>
      <c r="FV5346" s="91"/>
      <c r="FW5346" s="91"/>
      <c r="FX5346" s="127"/>
      <c r="FY5346" s="126"/>
      <c r="FZ5346" s="91"/>
      <c r="GA5346" s="91"/>
      <c r="GB5346" s="91"/>
      <c r="GC5346" s="91"/>
      <c r="GD5346" s="91"/>
      <c r="GE5346" s="91"/>
      <c r="GF5346" s="91"/>
      <c r="GG5346" s="91"/>
      <c r="GH5346" s="91"/>
      <c r="GI5346" s="91"/>
      <c r="GJ5346" s="91"/>
      <c r="GK5346" s="127"/>
      <c r="GL5346" s="126"/>
      <c r="GM5346" s="91"/>
      <c r="GN5346" s="91"/>
      <c r="GO5346" s="91"/>
      <c r="GP5346" s="91"/>
      <c r="GQ5346" s="91"/>
      <c r="GR5346" s="91"/>
      <c r="GS5346" s="91"/>
      <c r="GT5346" s="91"/>
      <c r="GU5346" s="91"/>
      <c r="GV5346" s="91"/>
      <c r="GW5346" s="91"/>
      <c r="GX5346" s="127"/>
      <c r="GY5346" s="126"/>
      <c r="GZ5346" s="91"/>
      <c r="HA5346" s="91"/>
      <c r="HB5346" s="91"/>
      <c r="HC5346" s="91"/>
      <c r="HD5346" s="91"/>
      <c r="HE5346" s="91"/>
      <c r="HF5346" s="91"/>
      <c r="HG5346" s="91"/>
      <c r="HH5346" s="91"/>
      <c r="HI5346" s="91"/>
      <c r="HJ5346" s="91"/>
      <c r="HK5346" s="127"/>
      <c r="HL5346" s="126"/>
      <c r="HM5346" s="91"/>
      <c r="HN5346" s="91"/>
      <c r="HO5346" s="91"/>
      <c r="HP5346" s="91"/>
      <c r="HQ5346" s="91"/>
      <c r="HR5346" s="91"/>
      <c r="HS5346" s="91"/>
      <c r="HT5346" s="91"/>
      <c r="HU5346" s="91"/>
      <c r="HV5346" s="91"/>
      <c r="HW5346" s="91"/>
      <c r="HX5346" s="127"/>
      <c r="HY5346" s="126"/>
      <c r="HZ5346" s="91"/>
      <c r="IA5346" s="91"/>
      <c r="IB5346" s="91"/>
      <c r="IC5346" s="91"/>
      <c r="ID5346" s="91"/>
      <c r="IE5346" s="91"/>
      <c r="IF5346" s="91"/>
      <c r="IG5346" s="91"/>
      <c r="IH5346" s="91"/>
      <c r="II5346" s="91"/>
      <c r="IJ5346" s="91"/>
      <c r="IK5346" s="174"/>
    </row>
    <row r="5347" spans="2:245" x14ac:dyDescent="0.2">
      <c r="B5347" s="43"/>
      <c r="C5347" s="73"/>
      <c r="D5347" s="64"/>
      <c r="E5347" s="64"/>
      <c r="F5347" s="55"/>
      <c r="G5347" s="102"/>
      <c r="H5347" s="97"/>
      <c r="T5347" s="98"/>
      <c r="U5347" s="97"/>
      <c r="AG5347" s="98"/>
      <c r="AY5347" s="164"/>
      <c r="BK5347" s="98"/>
      <c r="BL5347" s="97"/>
      <c r="BX5347" s="98"/>
      <c r="CL5347" s="97"/>
      <c r="CX5347" s="98"/>
      <c r="DL5347" s="97"/>
      <c r="DX5347" s="98"/>
      <c r="EL5347" s="97"/>
      <c r="EX5347" s="98"/>
      <c r="EY5347" s="97"/>
      <c r="FL5347" s="126"/>
      <c r="FM5347" s="91"/>
      <c r="FN5347" s="91"/>
      <c r="FO5347" s="91"/>
      <c r="FP5347" s="91"/>
      <c r="FQ5347" s="91"/>
      <c r="FR5347" s="91"/>
      <c r="FS5347" s="91"/>
      <c r="FT5347" s="91"/>
      <c r="FU5347" s="91"/>
      <c r="FV5347" s="91"/>
      <c r="FW5347" s="91"/>
      <c r="FX5347" s="127"/>
      <c r="FY5347" s="126"/>
      <c r="FZ5347" s="91"/>
      <c r="GA5347" s="91"/>
      <c r="GB5347" s="91"/>
      <c r="GC5347" s="91"/>
      <c r="GD5347" s="91"/>
      <c r="GE5347" s="91"/>
      <c r="GF5347" s="91"/>
      <c r="GG5347" s="91"/>
      <c r="GH5347" s="91"/>
      <c r="GI5347" s="91"/>
      <c r="GJ5347" s="91"/>
      <c r="GK5347" s="127"/>
      <c r="GL5347" s="126"/>
      <c r="GM5347" s="91"/>
      <c r="GN5347" s="91"/>
      <c r="GO5347" s="91"/>
      <c r="GP5347" s="91"/>
      <c r="GQ5347" s="91"/>
      <c r="GR5347" s="91"/>
      <c r="GS5347" s="91"/>
      <c r="GT5347" s="91"/>
      <c r="GU5347" s="91"/>
      <c r="GV5347" s="91"/>
      <c r="GW5347" s="91"/>
      <c r="GX5347" s="127"/>
      <c r="GY5347" s="126"/>
      <c r="GZ5347" s="91"/>
      <c r="HA5347" s="91"/>
      <c r="HB5347" s="91"/>
      <c r="HC5347" s="91"/>
      <c r="HD5347" s="91"/>
      <c r="HE5347" s="91"/>
      <c r="HF5347" s="91"/>
      <c r="HG5347" s="91"/>
      <c r="HH5347" s="91"/>
      <c r="HI5347" s="91"/>
      <c r="HJ5347" s="91"/>
      <c r="HK5347" s="127"/>
      <c r="HL5347" s="126"/>
      <c r="HM5347" s="91"/>
      <c r="HN5347" s="91"/>
      <c r="HO5347" s="91"/>
      <c r="HP5347" s="91"/>
      <c r="HQ5347" s="91"/>
      <c r="HR5347" s="91"/>
      <c r="HS5347" s="91"/>
      <c r="HT5347" s="91"/>
      <c r="HU5347" s="91"/>
      <c r="HV5347" s="91"/>
      <c r="HW5347" s="91"/>
      <c r="HX5347" s="127"/>
      <c r="HY5347" s="126"/>
      <c r="HZ5347" s="91"/>
      <c r="IA5347" s="91"/>
      <c r="IB5347" s="91"/>
      <c r="IC5347" s="91"/>
      <c r="ID5347" s="91"/>
      <c r="IE5347" s="91"/>
      <c r="IF5347" s="91"/>
      <c r="IG5347" s="91"/>
      <c r="IH5347" s="91"/>
      <c r="II5347" s="91"/>
      <c r="IJ5347" s="91"/>
      <c r="IK5347" s="174"/>
    </row>
    <row r="5348" spans="2:245" x14ac:dyDescent="0.2">
      <c r="B5348" s="43"/>
      <c r="C5348" s="73"/>
      <c r="D5348" s="64"/>
      <c r="E5348" s="64"/>
      <c r="F5348" s="55"/>
      <c r="G5348" s="102"/>
      <c r="H5348" s="97"/>
      <c r="T5348" s="98"/>
      <c r="U5348" s="97"/>
      <c r="AG5348" s="98"/>
      <c r="AY5348" s="164"/>
      <c r="BK5348" s="98"/>
      <c r="BL5348" s="97"/>
      <c r="BX5348" s="98"/>
      <c r="CL5348" s="97"/>
      <c r="CX5348" s="98"/>
      <c r="DL5348" s="97"/>
      <c r="DX5348" s="98"/>
      <c r="EL5348" s="97"/>
      <c r="EX5348" s="98"/>
      <c r="EY5348" s="97"/>
      <c r="FL5348" s="126"/>
      <c r="FM5348" s="91"/>
      <c r="FN5348" s="91"/>
      <c r="FO5348" s="91"/>
      <c r="FP5348" s="91"/>
      <c r="FQ5348" s="91"/>
      <c r="FR5348" s="91"/>
      <c r="FS5348" s="91"/>
      <c r="FT5348" s="91"/>
      <c r="FU5348" s="91"/>
      <c r="FV5348" s="91"/>
      <c r="FW5348" s="91"/>
      <c r="FX5348" s="127"/>
      <c r="FY5348" s="126"/>
      <c r="FZ5348" s="91"/>
      <c r="GA5348" s="91"/>
      <c r="GB5348" s="91"/>
      <c r="GC5348" s="91"/>
      <c r="GD5348" s="91"/>
      <c r="GE5348" s="91"/>
      <c r="GF5348" s="91"/>
      <c r="GG5348" s="91"/>
      <c r="GH5348" s="91"/>
      <c r="GI5348" s="91"/>
      <c r="GJ5348" s="91"/>
      <c r="GK5348" s="127"/>
      <c r="GL5348" s="126"/>
      <c r="GM5348" s="91"/>
      <c r="GN5348" s="91"/>
      <c r="GO5348" s="91"/>
      <c r="GP5348" s="91"/>
      <c r="GQ5348" s="91"/>
      <c r="GR5348" s="91"/>
      <c r="GS5348" s="91"/>
      <c r="GT5348" s="91"/>
      <c r="GU5348" s="91"/>
      <c r="GV5348" s="91"/>
      <c r="GW5348" s="91"/>
      <c r="GX5348" s="127"/>
      <c r="GY5348" s="126"/>
      <c r="GZ5348" s="91"/>
      <c r="HA5348" s="91"/>
      <c r="HB5348" s="91"/>
      <c r="HC5348" s="91"/>
      <c r="HD5348" s="91"/>
      <c r="HE5348" s="91"/>
      <c r="HF5348" s="91"/>
      <c r="HG5348" s="91"/>
      <c r="HH5348" s="91"/>
      <c r="HI5348" s="91"/>
      <c r="HJ5348" s="91"/>
      <c r="HK5348" s="127"/>
      <c r="HL5348" s="126"/>
      <c r="HM5348" s="91"/>
      <c r="HN5348" s="91"/>
      <c r="HO5348" s="91"/>
      <c r="HP5348" s="91"/>
      <c r="HQ5348" s="91"/>
      <c r="HR5348" s="91"/>
      <c r="HS5348" s="91"/>
      <c r="HT5348" s="91"/>
      <c r="HU5348" s="91"/>
      <c r="HV5348" s="91"/>
      <c r="HW5348" s="91"/>
      <c r="HX5348" s="127"/>
      <c r="HY5348" s="126"/>
      <c r="HZ5348" s="91"/>
      <c r="IA5348" s="91"/>
      <c r="IB5348" s="91"/>
      <c r="IC5348" s="91"/>
      <c r="ID5348" s="91"/>
      <c r="IE5348" s="91"/>
      <c r="IF5348" s="91"/>
      <c r="IG5348" s="91"/>
      <c r="IH5348" s="91"/>
      <c r="II5348" s="91"/>
      <c r="IJ5348" s="91"/>
      <c r="IK5348" s="174"/>
    </row>
    <row r="5349" spans="2:245" x14ac:dyDescent="0.2">
      <c r="B5349" s="43"/>
      <c r="C5349" s="73"/>
      <c r="D5349" s="64"/>
      <c r="E5349" s="64"/>
      <c r="F5349" s="55"/>
      <c r="G5349" s="102"/>
      <c r="H5349" s="97"/>
      <c r="T5349" s="98"/>
      <c r="U5349" s="97"/>
      <c r="AG5349" s="98"/>
      <c r="AY5349" s="164"/>
      <c r="BK5349" s="98"/>
      <c r="BL5349" s="97"/>
      <c r="BX5349" s="98"/>
      <c r="CL5349" s="97"/>
      <c r="CX5349" s="98"/>
      <c r="DL5349" s="97"/>
      <c r="DX5349" s="98"/>
      <c r="EL5349" s="97"/>
      <c r="EX5349" s="98"/>
      <c r="EY5349" s="97"/>
      <c r="FL5349" s="126"/>
      <c r="FM5349" s="91"/>
      <c r="FN5349" s="91"/>
      <c r="FO5349" s="91"/>
      <c r="FP5349" s="91"/>
      <c r="FQ5349" s="91"/>
      <c r="FR5349" s="91"/>
      <c r="FS5349" s="91"/>
      <c r="FT5349" s="91"/>
      <c r="FU5349" s="91"/>
      <c r="FV5349" s="91"/>
      <c r="FW5349" s="91"/>
      <c r="FX5349" s="127"/>
      <c r="FY5349" s="126"/>
      <c r="FZ5349" s="91"/>
      <c r="GA5349" s="91"/>
      <c r="GB5349" s="91"/>
      <c r="GC5349" s="91"/>
      <c r="GD5349" s="91"/>
      <c r="GE5349" s="91"/>
      <c r="GF5349" s="91"/>
      <c r="GG5349" s="91"/>
      <c r="GH5349" s="91"/>
      <c r="GI5349" s="91"/>
      <c r="GJ5349" s="91"/>
      <c r="GK5349" s="127"/>
      <c r="GL5349" s="126"/>
      <c r="GM5349" s="91"/>
      <c r="GN5349" s="91"/>
      <c r="GO5349" s="91"/>
      <c r="GP5349" s="91"/>
      <c r="GQ5349" s="91"/>
      <c r="GR5349" s="91"/>
      <c r="GS5349" s="91"/>
      <c r="GT5349" s="91"/>
      <c r="GU5349" s="91"/>
      <c r="GV5349" s="91"/>
      <c r="GW5349" s="91"/>
      <c r="GX5349" s="127"/>
      <c r="GY5349" s="126"/>
      <c r="GZ5349" s="91"/>
      <c r="HA5349" s="91"/>
      <c r="HB5349" s="91"/>
      <c r="HC5349" s="91"/>
      <c r="HD5349" s="91"/>
      <c r="HE5349" s="91"/>
      <c r="HF5349" s="91"/>
      <c r="HG5349" s="91"/>
      <c r="HH5349" s="91"/>
      <c r="HI5349" s="91"/>
      <c r="HJ5349" s="91"/>
      <c r="HK5349" s="127"/>
      <c r="HL5349" s="126"/>
      <c r="HM5349" s="91"/>
      <c r="HN5349" s="91"/>
      <c r="HO5349" s="91"/>
      <c r="HP5349" s="91"/>
      <c r="HQ5349" s="91"/>
      <c r="HR5349" s="91"/>
      <c r="HS5349" s="91"/>
      <c r="HT5349" s="91"/>
      <c r="HU5349" s="91"/>
      <c r="HV5349" s="91"/>
      <c r="HW5349" s="91"/>
      <c r="HX5349" s="127"/>
      <c r="HY5349" s="126"/>
      <c r="HZ5349" s="91"/>
      <c r="IA5349" s="91"/>
      <c r="IB5349" s="91"/>
      <c r="IC5349" s="91"/>
      <c r="ID5349" s="91"/>
      <c r="IE5349" s="91"/>
      <c r="IF5349" s="91"/>
      <c r="IG5349" s="91"/>
      <c r="IH5349" s="91"/>
      <c r="II5349" s="91"/>
      <c r="IJ5349" s="91"/>
      <c r="IK5349" s="174"/>
    </row>
    <row r="5350" spans="2:245" x14ac:dyDescent="0.2">
      <c r="B5350" s="43"/>
      <c r="C5350" s="73"/>
      <c r="D5350" s="64"/>
      <c r="E5350" s="64"/>
      <c r="F5350" s="55"/>
      <c r="G5350" s="102"/>
      <c r="H5350" s="97"/>
      <c r="T5350" s="98"/>
      <c r="U5350" s="97"/>
      <c r="AG5350" s="98"/>
      <c r="AY5350" s="164"/>
      <c r="BK5350" s="98"/>
      <c r="BL5350" s="97"/>
      <c r="BX5350" s="98"/>
      <c r="CL5350" s="97"/>
      <c r="CX5350" s="98"/>
      <c r="DL5350" s="97"/>
      <c r="DX5350" s="98"/>
      <c r="EL5350" s="97"/>
      <c r="EX5350" s="98"/>
      <c r="EY5350" s="97"/>
      <c r="FL5350" s="126"/>
      <c r="FM5350" s="91"/>
      <c r="FN5350" s="91"/>
      <c r="FO5350" s="91"/>
      <c r="FP5350" s="91"/>
      <c r="FQ5350" s="91"/>
      <c r="FR5350" s="91"/>
      <c r="FS5350" s="91"/>
      <c r="FT5350" s="91"/>
      <c r="FU5350" s="91"/>
      <c r="FV5350" s="91"/>
      <c r="FW5350" s="91"/>
      <c r="FX5350" s="127"/>
      <c r="FY5350" s="126"/>
      <c r="FZ5350" s="91"/>
      <c r="GA5350" s="91"/>
      <c r="GB5350" s="91"/>
      <c r="GC5350" s="91"/>
      <c r="GD5350" s="91"/>
      <c r="GE5350" s="91"/>
      <c r="GF5350" s="91"/>
      <c r="GG5350" s="91"/>
      <c r="GH5350" s="91"/>
      <c r="GI5350" s="91"/>
      <c r="GJ5350" s="91"/>
      <c r="GK5350" s="127"/>
      <c r="GL5350" s="126"/>
      <c r="GM5350" s="91"/>
      <c r="GN5350" s="91"/>
      <c r="GO5350" s="91"/>
      <c r="GP5350" s="91"/>
      <c r="GQ5350" s="91"/>
      <c r="GR5350" s="91"/>
      <c r="GS5350" s="91"/>
      <c r="GT5350" s="91"/>
      <c r="GU5350" s="91"/>
      <c r="GV5350" s="91"/>
      <c r="GW5350" s="91"/>
      <c r="GX5350" s="127"/>
      <c r="GY5350" s="126"/>
      <c r="GZ5350" s="91"/>
      <c r="HA5350" s="91"/>
      <c r="HB5350" s="91"/>
      <c r="HC5350" s="91"/>
      <c r="HD5350" s="91"/>
      <c r="HE5350" s="91"/>
      <c r="HF5350" s="91"/>
      <c r="HG5350" s="91"/>
      <c r="HH5350" s="91"/>
      <c r="HI5350" s="91"/>
      <c r="HJ5350" s="91"/>
      <c r="HK5350" s="127"/>
      <c r="HL5350" s="126"/>
      <c r="HM5350" s="91"/>
      <c r="HN5350" s="91"/>
      <c r="HO5350" s="91"/>
      <c r="HP5350" s="91"/>
      <c r="HQ5350" s="91"/>
      <c r="HR5350" s="91"/>
      <c r="HS5350" s="91"/>
      <c r="HT5350" s="91"/>
      <c r="HU5350" s="91"/>
      <c r="HV5350" s="91"/>
      <c r="HW5350" s="91"/>
      <c r="HX5350" s="127"/>
      <c r="HY5350" s="126"/>
      <c r="HZ5350" s="91"/>
      <c r="IA5350" s="91"/>
      <c r="IB5350" s="91"/>
      <c r="IC5350" s="91"/>
      <c r="ID5350" s="91"/>
      <c r="IE5350" s="91"/>
      <c r="IF5350" s="91"/>
      <c r="IG5350" s="91"/>
      <c r="IH5350" s="91"/>
      <c r="II5350" s="91"/>
      <c r="IJ5350" s="91"/>
      <c r="IK5350" s="174"/>
    </row>
    <row r="5351" spans="2:245" x14ac:dyDescent="0.2">
      <c r="B5351" s="43"/>
      <c r="C5351" s="73"/>
      <c r="D5351" s="64"/>
      <c r="E5351" s="64"/>
      <c r="F5351" s="55"/>
      <c r="G5351" s="102"/>
      <c r="H5351" s="97"/>
      <c r="T5351" s="98"/>
      <c r="U5351" s="97"/>
      <c r="AG5351" s="98"/>
      <c r="AY5351" s="164"/>
      <c r="BK5351" s="98"/>
      <c r="BL5351" s="97"/>
      <c r="BX5351" s="98"/>
      <c r="CL5351" s="97"/>
      <c r="CX5351" s="98"/>
      <c r="DL5351" s="97"/>
      <c r="DX5351" s="98"/>
      <c r="EL5351" s="97"/>
      <c r="EX5351" s="98"/>
      <c r="EY5351" s="97"/>
      <c r="FL5351" s="126"/>
      <c r="FM5351" s="91"/>
      <c r="FN5351" s="91"/>
      <c r="FO5351" s="91"/>
      <c r="FP5351" s="91"/>
      <c r="FQ5351" s="91"/>
      <c r="FR5351" s="91"/>
      <c r="FS5351" s="91"/>
      <c r="FT5351" s="91"/>
      <c r="FU5351" s="91"/>
      <c r="FV5351" s="91"/>
      <c r="FW5351" s="91"/>
      <c r="FX5351" s="127"/>
      <c r="FY5351" s="126"/>
      <c r="FZ5351" s="91"/>
      <c r="GA5351" s="91"/>
      <c r="GB5351" s="91"/>
      <c r="GC5351" s="91"/>
      <c r="GD5351" s="91"/>
      <c r="GE5351" s="91"/>
      <c r="GF5351" s="91"/>
      <c r="GG5351" s="91"/>
      <c r="GH5351" s="91"/>
      <c r="GI5351" s="91"/>
      <c r="GJ5351" s="91"/>
      <c r="GK5351" s="127"/>
      <c r="GL5351" s="126"/>
      <c r="GM5351" s="91"/>
      <c r="GN5351" s="91"/>
      <c r="GO5351" s="91"/>
      <c r="GP5351" s="91"/>
      <c r="GQ5351" s="91"/>
      <c r="GR5351" s="91"/>
      <c r="GS5351" s="91"/>
      <c r="GT5351" s="91"/>
      <c r="GU5351" s="91"/>
      <c r="GV5351" s="91"/>
      <c r="GW5351" s="91"/>
      <c r="GX5351" s="127"/>
      <c r="GY5351" s="126"/>
      <c r="GZ5351" s="91"/>
      <c r="HA5351" s="91"/>
      <c r="HB5351" s="91"/>
      <c r="HC5351" s="91"/>
      <c r="HD5351" s="91"/>
      <c r="HE5351" s="91"/>
      <c r="HF5351" s="91"/>
      <c r="HG5351" s="91"/>
      <c r="HH5351" s="91"/>
      <c r="HI5351" s="91"/>
      <c r="HJ5351" s="91"/>
      <c r="HK5351" s="127"/>
      <c r="HL5351" s="126"/>
      <c r="HM5351" s="91"/>
      <c r="HN5351" s="91"/>
      <c r="HO5351" s="91"/>
      <c r="HP5351" s="91"/>
      <c r="HQ5351" s="91"/>
      <c r="HR5351" s="91"/>
      <c r="HS5351" s="91"/>
      <c r="HT5351" s="91"/>
      <c r="HU5351" s="91"/>
      <c r="HV5351" s="91"/>
      <c r="HW5351" s="91"/>
      <c r="HX5351" s="127"/>
      <c r="HY5351" s="126"/>
      <c r="HZ5351" s="91"/>
      <c r="IA5351" s="91"/>
      <c r="IB5351" s="91"/>
      <c r="IC5351" s="91"/>
      <c r="ID5351" s="91"/>
      <c r="IE5351" s="91"/>
      <c r="IF5351" s="91"/>
      <c r="IG5351" s="91"/>
      <c r="IH5351" s="91"/>
      <c r="II5351" s="91"/>
      <c r="IJ5351" s="91"/>
      <c r="IK5351" s="174"/>
    </row>
    <row r="5352" spans="2:245" x14ac:dyDescent="0.2">
      <c r="B5352" s="43"/>
      <c r="C5352" s="73"/>
      <c r="D5352" s="64"/>
      <c r="E5352" s="64"/>
      <c r="F5352" s="55"/>
      <c r="G5352" s="102"/>
      <c r="H5352" s="97"/>
      <c r="T5352" s="98"/>
      <c r="U5352" s="97"/>
      <c r="AG5352" s="98"/>
      <c r="AY5352" s="164"/>
      <c r="BK5352" s="98"/>
      <c r="BL5352" s="97"/>
      <c r="BX5352" s="98"/>
      <c r="CL5352" s="97"/>
      <c r="CX5352" s="98"/>
      <c r="DL5352" s="97"/>
      <c r="DX5352" s="98"/>
      <c r="EL5352" s="97"/>
      <c r="EX5352" s="98"/>
      <c r="EY5352" s="97"/>
      <c r="FL5352" s="126"/>
      <c r="FM5352" s="91"/>
      <c r="FN5352" s="91"/>
      <c r="FO5352" s="91"/>
      <c r="FP5352" s="91"/>
      <c r="FQ5352" s="91"/>
      <c r="FR5352" s="91"/>
      <c r="FS5352" s="91"/>
      <c r="FT5352" s="91"/>
      <c r="FU5352" s="91"/>
      <c r="FV5352" s="91"/>
      <c r="FW5352" s="91"/>
      <c r="FX5352" s="127"/>
      <c r="FY5352" s="126"/>
      <c r="FZ5352" s="91"/>
      <c r="GA5352" s="91"/>
      <c r="GB5352" s="91"/>
      <c r="GC5352" s="91"/>
      <c r="GD5352" s="91"/>
      <c r="GE5352" s="91"/>
      <c r="GF5352" s="91"/>
      <c r="GG5352" s="91"/>
      <c r="GH5352" s="91"/>
      <c r="GI5352" s="91"/>
      <c r="GJ5352" s="91"/>
      <c r="GK5352" s="127"/>
      <c r="GL5352" s="126"/>
      <c r="GM5352" s="91"/>
      <c r="GN5352" s="91"/>
      <c r="GO5352" s="91"/>
      <c r="GP5352" s="91"/>
      <c r="GQ5352" s="91"/>
      <c r="GR5352" s="91"/>
      <c r="GS5352" s="91"/>
      <c r="GT5352" s="91"/>
      <c r="GU5352" s="91"/>
      <c r="GV5352" s="91"/>
      <c r="GW5352" s="91"/>
      <c r="GX5352" s="127"/>
      <c r="GY5352" s="126"/>
      <c r="GZ5352" s="91"/>
      <c r="HA5352" s="91"/>
      <c r="HB5352" s="91"/>
      <c r="HC5352" s="91"/>
      <c r="HD5352" s="91"/>
      <c r="HE5352" s="91"/>
      <c r="HF5352" s="91"/>
      <c r="HG5352" s="91"/>
      <c r="HH5352" s="91"/>
      <c r="HI5352" s="91"/>
      <c r="HJ5352" s="91"/>
      <c r="HK5352" s="127"/>
      <c r="HL5352" s="126"/>
      <c r="HM5352" s="91"/>
      <c r="HN5352" s="91"/>
      <c r="HO5352" s="91"/>
      <c r="HP5352" s="91"/>
      <c r="HQ5352" s="91"/>
      <c r="HR5352" s="91"/>
      <c r="HS5352" s="91"/>
      <c r="HT5352" s="91"/>
      <c r="HU5352" s="91"/>
      <c r="HV5352" s="91"/>
      <c r="HW5352" s="91"/>
      <c r="HX5352" s="127"/>
      <c r="HY5352" s="126"/>
      <c r="HZ5352" s="91"/>
      <c r="IA5352" s="91"/>
      <c r="IB5352" s="91"/>
      <c r="IC5352" s="91"/>
      <c r="ID5352" s="91"/>
      <c r="IE5352" s="91"/>
      <c r="IF5352" s="91"/>
      <c r="IG5352" s="91"/>
      <c r="IH5352" s="91"/>
      <c r="II5352" s="91"/>
      <c r="IJ5352" s="91"/>
      <c r="IK5352" s="174"/>
    </row>
    <row r="5353" spans="2:245" x14ac:dyDescent="0.2">
      <c r="B5353" s="43"/>
      <c r="C5353" s="73"/>
      <c r="D5353" s="64"/>
      <c r="E5353" s="64"/>
      <c r="F5353" s="55"/>
      <c r="G5353" s="102"/>
      <c r="H5353" s="97"/>
      <c r="T5353" s="98"/>
      <c r="U5353" s="97"/>
      <c r="AG5353" s="98"/>
      <c r="AY5353" s="164"/>
      <c r="BK5353" s="98"/>
      <c r="BL5353" s="97"/>
      <c r="BX5353" s="98"/>
      <c r="CL5353" s="97"/>
      <c r="CX5353" s="98"/>
      <c r="DL5353" s="97"/>
      <c r="DX5353" s="98"/>
      <c r="EL5353" s="97"/>
      <c r="EX5353" s="98"/>
      <c r="EY5353" s="97"/>
      <c r="FL5353" s="126"/>
      <c r="FM5353" s="91"/>
      <c r="FN5353" s="91"/>
      <c r="FO5353" s="91"/>
      <c r="FP5353" s="91"/>
      <c r="FQ5353" s="91"/>
      <c r="FR5353" s="91"/>
      <c r="FS5353" s="91"/>
      <c r="FT5353" s="91"/>
      <c r="FU5353" s="91"/>
      <c r="FV5353" s="91"/>
      <c r="FW5353" s="91"/>
      <c r="FX5353" s="127"/>
      <c r="FY5353" s="126"/>
      <c r="FZ5353" s="91"/>
      <c r="GA5353" s="91"/>
      <c r="GB5353" s="91"/>
      <c r="GC5353" s="91"/>
      <c r="GD5353" s="91"/>
      <c r="GE5353" s="91"/>
      <c r="GF5353" s="91"/>
      <c r="GG5353" s="91"/>
      <c r="GH5353" s="91"/>
      <c r="GI5353" s="91"/>
      <c r="GJ5353" s="91"/>
      <c r="GK5353" s="127"/>
      <c r="GL5353" s="126"/>
      <c r="GM5353" s="91"/>
      <c r="GN5353" s="91"/>
      <c r="GO5353" s="91"/>
      <c r="GP5353" s="91"/>
      <c r="GQ5353" s="91"/>
      <c r="GR5353" s="91"/>
      <c r="GS5353" s="91"/>
      <c r="GT5353" s="91"/>
      <c r="GU5353" s="91"/>
      <c r="GV5353" s="91"/>
      <c r="GW5353" s="91"/>
      <c r="GX5353" s="127"/>
      <c r="GY5353" s="126"/>
      <c r="GZ5353" s="91"/>
      <c r="HA5353" s="91"/>
      <c r="HB5353" s="91"/>
      <c r="HC5353" s="91"/>
      <c r="HD5353" s="91"/>
      <c r="HE5353" s="91"/>
      <c r="HF5353" s="91"/>
      <c r="HG5353" s="91"/>
      <c r="HH5353" s="91"/>
      <c r="HI5353" s="91"/>
      <c r="HJ5353" s="91"/>
      <c r="HK5353" s="127"/>
      <c r="HL5353" s="126"/>
      <c r="HM5353" s="91"/>
      <c r="HN5353" s="91"/>
      <c r="HO5353" s="91"/>
      <c r="HP5353" s="91"/>
      <c r="HQ5353" s="91"/>
      <c r="HR5353" s="91"/>
      <c r="HS5353" s="91"/>
      <c r="HT5353" s="91"/>
      <c r="HU5353" s="91"/>
      <c r="HV5353" s="91"/>
      <c r="HW5353" s="91"/>
      <c r="HX5353" s="127"/>
      <c r="HY5353" s="126"/>
      <c r="HZ5353" s="91"/>
      <c r="IA5353" s="91"/>
      <c r="IB5353" s="91"/>
      <c r="IC5353" s="91"/>
      <c r="ID5353" s="91"/>
      <c r="IE5353" s="91"/>
      <c r="IF5353" s="91"/>
      <c r="IG5353" s="91"/>
      <c r="IH5353" s="91"/>
      <c r="II5353" s="91"/>
      <c r="IJ5353" s="91"/>
      <c r="IK5353" s="174"/>
    </row>
    <row r="5354" spans="2:245" x14ac:dyDescent="0.2">
      <c r="B5354" s="43"/>
      <c r="C5354" s="73"/>
      <c r="D5354" s="64"/>
      <c r="E5354" s="64"/>
      <c r="F5354" s="55"/>
      <c r="G5354" s="102"/>
      <c r="H5354" s="97"/>
      <c r="T5354" s="98"/>
      <c r="U5354" s="97"/>
      <c r="AG5354" s="98"/>
      <c r="AY5354" s="164"/>
      <c r="BK5354" s="98"/>
      <c r="BL5354" s="97"/>
      <c r="BX5354" s="98"/>
      <c r="CL5354" s="97"/>
      <c r="CX5354" s="98"/>
      <c r="DL5354" s="97"/>
      <c r="DX5354" s="98"/>
      <c r="EL5354" s="97"/>
      <c r="EX5354" s="98"/>
      <c r="EY5354" s="97"/>
      <c r="FL5354" s="126"/>
      <c r="FM5354" s="91"/>
      <c r="FN5354" s="91"/>
      <c r="FO5354" s="91"/>
      <c r="FP5354" s="91"/>
      <c r="FQ5354" s="91"/>
      <c r="FR5354" s="91"/>
      <c r="FS5354" s="91"/>
      <c r="FT5354" s="91"/>
      <c r="FU5354" s="91"/>
      <c r="FV5354" s="91"/>
      <c r="FW5354" s="91"/>
      <c r="FX5354" s="127"/>
      <c r="FY5354" s="126"/>
      <c r="FZ5354" s="91"/>
      <c r="GA5354" s="91"/>
      <c r="GB5354" s="91"/>
      <c r="GC5354" s="91"/>
      <c r="GD5354" s="91"/>
      <c r="GE5354" s="91"/>
      <c r="GF5354" s="91"/>
      <c r="GG5354" s="91"/>
      <c r="GH5354" s="91"/>
      <c r="GI5354" s="91"/>
      <c r="GJ5354" s="91"/>
      <c r="GK5354" s="127"/>
      <c r="GL5354" s="126"/>
      <c r="GM5354" s="91"/>
      <c r="GN5354" s="91"/>
      <c r="GO5354" s="91"/>
      <c r="GP5354" s="91"/>
      <c r="GQ5354" s="91"/>
      <c r="GR5354" s="91"/>
      <c r="GS5354" s="91"/>
      <c r="GT5354" s="91"/>
      <c r="GU5354" s="91"/>
      <c r="GV5354" s="91"/>
      <c r="GW5354" s="91"/>
      <c r="GX5354" s="127"/>
      <c r="GY5354" s="126"/>
      <c r="GZ5354" s="91"/>
      <c r="HA5354" s="91"/>
      <c r="HB5354" s="91"/>
      <c r="HC5354" s="91"/>
      <c r="HD5354" s="91"/>
      <c r="HE5354" s="91"/>
      <c r="HF5354" s="91"/>
      <c r="HG5354" s="91"/>
      <c r="HH5354" s="91"/>
      <c r="HI5354" s="91"/>
      <c r="HJ5354" s="91"/>
      <c r="HK5354" s="127"/>
      <c r="HL5354" s="126"/>
      <c r="HM5354" s="91"/>
      <c r="HN5354" s="91"/>
      <c r="HO5354" s="91"/>
      <c r="HP5354" s="91"/>
      <c r="HQ5354" s="91"/>
      <c r="HR5354" s="91"/>
      <c r="HS5354" s="91"/>
      <c r="HT5354" s="91"/>
      <c r="HU5354" s="91"/>
      <c r="HV5354" s="91"/>
      <c r="HW5354" s="91"/>
      <c r="HX5354" s="127"/>
      <c r="HY5354" s="126"/>
      <c r="HZ5354" s="91"/>
      <c r="IA5354" s="91"/>
      <c r="IB5354" s="91"/>
      <c r="IC5354" s="91"/>
      <c r="ID5354" s="91"/>
      <c r="IE5354" s="91"/>
      <c r="IF5354" s="91"/>
      <c r="IG5354" s="91"/>
      <c r="IH5354" s="91"/>
      <c r="II5354" s="91"/>
      <c r="IJ5354" s="91"/>
      <c r="IK5354" s="174"/>
    </row>
    <row r="5355" spans="2:245" x14ac:dyDescent="0.2">
      <c r="B5355" s="43"/>
      <c r="C5355" s="73"/>
      <c r="D5355" s="64"/>
      <c r="E5355" s="64"/>
      <c r="F5355" s="55"/>
      <c r="G5355" s="102"/>
      <c r="H5355" s="97"/>
      <c r="T5355" s="98"/>
      <c r="U5355" s="97"/>
      <c r="AG5355" s="98"/>
      <c r="AY5355" s="164"/>
      <c r="BK5355" s="98"/>
      <c r="BL5355" s="97"/>
      <c r="BX5355" s="98"/>
      <c r="CL5355" s="97"/>
      <c r="CX5355" s="98"/>
      <c r="DL5355" s="97"/>
      <c r="DX5355" s="98"/>
      <c r="EL5355" s="97"/>
      <c r="EX5355" s="98"/>
      <c r="EY5355" s="97"/>
      <c r="FL5355" s="126"/>
      <c r="FM5355" s="91"/>
      <c r="FN5355" s="91"/>
      <c r="FO5355" s="91"/>
      <c r="FP5355" s="91"/>
      <c r="FQ5355" s="91"/>
      <c r="FR5355" s="91"/>
      <c r="FS5355" s="91"/>
      <c r="FT5355" s="91"/>
      <c r="FU5355" s="91"/>
      <c r="FV5355" s="91"/>
      <c r="FW5355" s="91"/>
      <c r="FX5355" s="127"/>
      <c r="FY5355" s="126"/>
      <c r="FZ5355" s="91"/>
      <c r="GA5355" s="91"/>
      <c r="GB5355" s="91"/>
      <c r="GC5355" s="91"/>
      <c r="GD5355" s="91"/>
      <c r="GE5355" s="91"/>
      <c r="GF5355" s="91"/>
      <c r="GG5355" s="91"/>
      <c r="GH5355" s="91"/>
      <c r="GI5355" s="91"/>
      <c r="GJ5355" s="91"/>
      <c r="GK5355" s="127"/>
      <c r="GL5355" s="126"/>
      <c r="GM5355" s="91"/>
      <c r="GN5355" s="91"/>
      <c r="GO5355" s="91"/>
      <c r="GP5355" s="91"/>
      <c r="GQ5355" s="91"/>
      <c r="GR5355" s="91"/>
      <c r="GS5355" s="91"/>
      <c r="GT5355" s="91"/>
      <c r="GU5355" s="91"/>
      <c r="GV5355" s="91"/>
      <c r="GW5355" s="91"/>
      <c r="GX5355" s="127"/>
      <c r="GY5355" s="126"/>
      <c r="GZ5355" s="91"/>
      <c r="HA5355" s="91"/>
      <c r="HB5355" s="91"/>
      <c r="HC5355" s="91"/>
      <c r="HD5355" s="91"/>
      <c r="HE5355" s="91"/>
      <c r="HF5355" s="91"/>
      <c r="HG5355" s="91"/>
      <c r="HH5355" s="91"/>
      <c r="HI5355" s="91"/>
      <c r="HJ5355" s="91"/>
      <c r="HK5355" s="127"/>
      <c r="HL5355" s="126"/>
      <c r="HM5355" s="91"/>
      <c r="HN5355" s="91"/>
      <c r="HO5355" s="91"/>
      <c r="HP5355" s="91"/>
      <c r="HQ5355" s="91"/>
      <c r="HR5355" s="91"/>
      <c r="HS5355" s="91"/>
      <c r="HT5355" s="91"/>
      <c r="HU5355" s="91"/>
      <c r="HV5355" s="91"/>
      <c r="HW5355" s="91"/>
      <c r="HX5355" s="127"/>
      <c r="HY5355" s="126"/>
      <c r="HZ5355" s="91"/>
      <c r="IA5355" s="91"/>
      <c r="IB5355" s="91"/>
      <c r="IC5355" s="91"/>
      <c r="ID5355" s="91"/>
      <c r="IE5355" s="91"/>
      <c r="IF5355" s="91"/>
      <c r="IG5355" s="91"/>
      <c r="IH5355" s="91"/>
      <c r="II5355" s="91"/>
      <c r="IJ5355" s="91"/>
      <c r="IK5355" s="174"/>
    </row>
    <row r="5356" spans="2:245" x14ac:dyDescent="0.2">
      <c r="B5356" s="43"/>
      <c r="C5356" s="73"/>
      <c r="D5356" s="64"/>
      <c r="E5356" s="64"/>
      <c r="F5356" s="55"/>
      <c r="G5356" s="102"/>
      <c r="H5356" s="97"/>
      <c r="T5356" s="98"/>
      <c r="U5356" s="97"/>
      <c r="AG5356" s="98"/>
      <c r="AY5356" s="164"/>
      <c r="BK5356" s="98"/>
      <c r="BL5356" s="97"/>
      <c r="BX5356" s="98"/>
      <c r="CL5356" s="97"/>
      <c r="CX5356" s="98"/>
      <c r="DL5356" s="97"/>
      <c r="DX5356" s="98"/>
      <c r="EL5356" s="97"/>
      <c r="EX5356" s="98"/>
      <c r="EY5356" s="97"/>
      <c r="FL5356" s="126"/>
      <c r="FM5356" s="91"/>
      <c r="FN5356" s="91"/>
      <c r="FO5356" s="91"/>
      <c r="FP5356" s="91"/>
      <c r="FQ5356" s="91"/>
      <c r="FR5356" s="91"/>
      <c r="FS5356" s="91"/>
      <c r="FT5356" s="91"/>
      <c r="FU5356" s="91"/>
      <c r="FV5356" s="91"/>
      <c r="FW5356" s="91"/>
      <c r="FX5356" s="127"/>
      <c r="FY5356" s="126"/>
      <c r="FZ5356" s="91"/>
      <c r="GA5356" s="91"/>
      <c r="GB5356" s="91"/>
      <c r="GC5356" s="91"/>
      <c r="GD5356" s="91"/>
      <c r="GE5356" s="91"/>
      <c r="GF5356" s="91"/>
      <c r="GG5356" s="91"/>
      <c r="GH5356" s="91"/>
      <c r="GI5356" s="91"/>
      <c r="GJ5356" s="91"/>
      <c r="GK5356" s="127"/>
      <c r="GL5356" s="126"/>
      <c r="GM5356" s="91"/>
      <c r="GN5356" s="91"/>
      <c r="GO5356" s="91"/>
      <c r="GP5356" s="91"/>
      <c r="GQ5356" s="91"/>
      <c r="GR5356" s="91"/>
      <c r="GS5356" s="91"/>
      <c r="GT5356" s="91"/>
      <c r="GU5356" s="91"/>
      <c r="GV5356" s="91"/>
      <c r="GW5356" s="91"/>
      <c r="GX5356" s="127"/>
      <c r="GY5356" s="126"/>
      <c r="GZ5356" s="91"/>
      <c r="HA5356" s="91"/>
      <c r="HB5356" s="91"/>
      <c r="HC5356" s="91"/>
      <c r="HD5356" s="91"/>
      <c r="HE5356" s="91"/>
      <c r="HF5356" s="91"/>
      <c r="HG5356" s="91"/>
      <c r="HH5356" s="91"/>
      <c r="HI5356" s="91"/>
      <c r="HJ5356" s="91"/>
      <c r="HK5356" s="127"/>
      <c r="HL5356" s="126"/>
      <c r="HM5356" s="91"/>
      <c r="HN5356" s="91"/>
      <c r="HO5356" s="91"/>
      <c r="HP5356" s="91"/>
      <c r="HQ5356" s="91"/>
      <c r="HR5356" s="91"/>
      <c r="HS5356" s="91"/>
      <c r="HT5356" s="91"/>
      <c r="HU5356" s="91"/>
      <c r="HV5356" s="91"/>
      <c r="HW5356" s="91"/>
      <c r="HX5356" s="127"/>
      <c r="HY5356" s="126"/>
      <c r="HZ5356" s="91"/>
      <c r="IA5356" s="91"/>
      <c r="IB5356" s="91"/>
      <c r="IC5356" s="91"/>
      <c r="ID5356" s="91"/>
      <c r="IE5356" s="91"/>
      <c r="IF5356" s="91"/>
      <c r="IG5356" s="91"/>
      <c r="IH5356" s="91"/>
      <c r="II5356" s="91"/>
      <c r="IJ5356" s="91"/>
      <c r="IK5356" s="174"/>
    </row>
    <row r="5357" spans="2:245" x14ac:dyDescent="0.2">
      <c r="B5357" s="43"/>
      <c r="C5357" s="73"/>
      <c r="D5357" s="64"/>
      <c r="E5357" s="64"/>
      <c r="F5357" s="55"/>
      <c r="G5357" s="102"/>
      <c r="H5357" s="97"/>
      <c r="T5357" s="98"/>
      <c r="U5357" s="97"/>
      <c r="AG5357" s="98"/>
      <c r="AY5357" s="164"/>
      <c r="BK5357" s="98"/>
      <c r="BL5357" s="97"/>
      <c r="BX5357" s="98"/>
      <c r="CL5357" s="97"/>
      <c r="CX5357" s="98"/>
      <c r="DL5357" s="97"/>
      <c r="DX5357" s="98"/>
      <c r="EL5357" s="97"/>
      <c r="EX5357" s="98"/>
      <c r="EY5357" s="97"/>
      <c r="FL5357" s="126"/>
      <c r="FM5357" s="91"/>
      <c r="FN5357" s="91"/>
      <c r="FO5357" s="91"/>
      <c r="FP5357" s="91"/>
      <c r="FQ5357" s="91"/>
      <c r="FR5357" s="91"/>
      <c r="FS5357" s="91"/>
      <c r="FT5357" s="91"/>
      <c r="FU5357" s="91"/>
      <c r="FV5357" s="91"/>
      <c r="FW5357" s="91"/>
      <c r="FX5357" s="127"/>
      <c r="FY5357" s="126"/>
      <c r="FZ5357" s="91"/>
      <c r="GA5357" s="91"/>
      <c r="GB5357" s="91"/>
      <c r="GC5357" s="91"/>
      <c r="GD5357" s="91"/>
      <c r="GE5357" s="91"/>
      <c r="GF5357" s="91"/>
      <c r="GG5357" s="91"/>
      <c r="GH5357" s="91"/>
      <c r="GI5357" s="91"/>
      <c r="GJ5357" s="91"/>
      <c r="GK5357" s="127"/>
      <c r="GL5357" s="126"/>
      <c r="GM5357" s="91"/>
      <c r="GN5357" s="91"/>
      <c r="GO5357" s="91"/>
      <c r="GP5357" s="91"/>
      <c r="GQ5357" s="91"/>
      <c r="GR5357" s="91"/>
      <c r="GS5357" s="91"/>
      <c r="GT5357" s="91"/>
      <c r="GU5357" s="91"/>
      <c r="GV5357" s="91"/>
      <c r="GW5357" s="91"/>
      <c r="GX5357" s="127"/>
      <c r="GY5357" s="126"/>
      <c r="GZ5357" s="91"/>
      <c r="HA5357" s="91"/>
      <c r="HB5357" s="91"/>
      <c r="HC5357" s="91"/>
      <c r="HD5357" s="91"/>
      <c r="HE5357" s="91"/>
      <c r="HF5357" s="91"/>
      <c r="HG5357" s="91"/>
      <c r="HH5357" s="91"/>
      <c r="HI5357" s="91"/>
      <c r="HJ5357" s="91"/>
      <c r="HK5357" s="127"/>
      <c r="HL5357" s="126"/>
      <c r="HM5357" s="91"/>
      <c r="HN5357" s="91"/>
      <c r="HO5357" s="91"/>
      <c r="HP5357" s="91"/>
      <c r="HQ5357" s="91"/>
      <c r="HR5357" s="91"/>
      <c r="HS5357" s="91"/>
      <c r="HT5357" s="91"/>
      <c r="HU5357" s="91"/>
      <c r="HV5357" s="91"/>
      <c r="HW5357" s="91"/>
      <c r="HX5357" s="127"/>
      <c r="HY5357" s="126"/>
      <c r="HZ5357" s="91"/>
      <c r="IA5357" s="91"/>
      <c r="IB5357" s="91"/>
      <c r="IC5357" s="91"/>
      <c r="ID5357" s="91"/>
      <c r="IE5357" s="91"/>
      <c r="IF5357" s="91"/>
      <c r="IG5357" s="91"/>
      <c r="IH5357" s="91"/>
      <c r="II5357" s="91"/>
      <c r="IJ5357" s="91"/>
      <c r="IK5357" s="174"/>
    </row>
    <row r="5358" spans="2:245" x14ac:dyDescent="0.2">
      <c r="B5358" s="43"/>
      <c r="C5358" s="73"/>
      <c r="D5358" s="64"/>
      <c r="E5358" s="64"/>
      <c r="F5358" s="55"/>
      <c r="G5358" s="102"/>
      <c r="H5358" s="97"/>
      <c r="T5358" s="98"/>
      <c r="U5358" s="97"/>
      <c r="AG5358" s="98"/>
      <c r="AY5358" s="164"/>
      <c r="BK5358" s="98"/>
      <c r="BL5358" s="97"/>
      <c r="BX5358" s="98"/>
      <c r="CL5358" s="97"/>
      <c r="CX5358" s="98"/>
      <c r="DL5358" s="97"/>
      <c r="DX5358" s="98"/>
      <c r="EL5358" s="97"/>
      <c r="EX5358" s="98"/>
      <c r="EY5358" s="97"/>
      <c r="FL5358" s="126"/>
      <c r="FM5358" s="91"/>
      <c r="FN5358" s="91"/>
      <c r="FO5358" s="91"/>
      <c r="FP5358" s="91"/>
      <c r="FQ5358" s="91"/>
      <c r="FR5358" s="91"/>
      <c r="FS5358" s="91"/>
      <c r="FT5358" s="91"/>
      <c r="FU5358" s="91"/>
      <c r="FV5358" s="91"/>
      <c r="FW5358" s="91"/>
      <c r="FX5358" s="127"/>
      <c r="FY5358" s="126"/>
      <c r="FZ5358" s="91"/>
      <c r="GA5358" s="91"/>
      <c r="GB5358" s="91"/>
      <c r="GC5358" s="91"/>
      <c r="GD5358" s="91"/>
      <c r="GE5358" s="91"/>
      <c r="GF5358" s="91"/>
      <c r="GG5358" s="91"/>
      <c r="GH5358" s="91"/>
      <c r="GI5358" s="91"/>
      <c r="GJ5358" s="91"/>
      <c r="GK5358" s="127"/>
      <c r="GL5358" s="126"/>
      <c r="GM5358" s="91"/>
      <c r="GN5358" s="91"/>
      <c r="GO5358" s="91"/>
      <c r="GP5358" s="91"/>
      <c r="GQ5358" s="91"/>
      <c r="GR5358" s="91"/>
      <c r="GS5358" s="91"/>
      <c r="GT5358" s="91"/>
      <c r="GU5358" s="91"/>
      <c r="GV5358" s="91"/>
      <c r="GW5358" s="91"/>
      <c r="GX5358" s="127"/>
      <c r="GY5358" s="126"/>
      <c r="GZ5358" s="91"/>
      <c r="HA5358" s="91"/>
      <c r="HB5358" s="91"/>
      <c r="HC5358" s="91"/>
      <c r="HD5358" s="91"/>
      <c r="HE5358" s="91"/>
      <c r="HF5358" s="91"/>
      <c r="HG5358" s="91"/>
      <c r="HH5358" s="91"/>
      <c r="HI5358" s="91"/>
      <c r="HJ5358" s="91"/>
      <c r="HK5358" s="127"/>
      <c r="HL5358" s="126"/>
      <c r="HM5358" s="91"/>
      <c r="HN5358" s="91"/>
      <c r="HO5358" s="91"/>
      <c r="HP5358" s="91"/>
      <c r="HQ5358" s="91"/>
      <c r="HR5358" s="91"/>
      <c r="HS5358" s="91"/>
      <c r="HT5358" s="91"/>
      <c r="HU5358" s="91"/>
      <c r="HV5358" s="91"/>
      <c r="HW5358" s="91"/>
      <c r="HX5358" s="127"/>
      <c r="HY5358" s="126"/>
      <c r="HZ5358" s="91"/>
      <c r="IA5358" s="91"/>
      <c r="IB5358" s="91"/>
      <c r="IC5358" s="91"/>
      <c r="ID5358" s="91"/>
      <c r="IE5358" s="91"/>
      <c r="IF5358" s="91"/>
      <c r="IG5358" s="91"/>
      <c r="IH5358" s="91"/>
      <c r="II5358" s="91"/>
      <c r="IJ5358" s="91"/>
      <c r="IK5358" s="174"/>
    </row>
    <row r="5359" spans="2:245" x14ac:dyDescent="0.2">
      <c r="B5359" s="43"/>
      <c r="C5359" s="73"/>
      <c r="D5359" s="64"/>
      <c r="E5359" s="64"/>
      <c r="F5359" s="55"/>
      <c r="G5359" s="102"/>
      <c r="H5359" s="97"/>
      <c r="T5359" s="98"/>
      <c r="U5359" s="97"/>
      <c r="AG5359" s="98"/>
      <c r="AY5359" s="164"/>
      <c r="BK5359" s="98"/>
      <c r="BL5359" s="97"/>
      <c r="BX5359" s="98"/>
      <c r="CL5359" s="97"/>
      <c r="CX5359" s="98"/>
      <c r="DL5359" s="97"/>
      <c r="DX5359" s="98"/>
      <c r="EL5359" s="97"/>
      <c r="EX5359" s="98"/>
      <c r="EY5359" s="97"/>
      <c r="FL5359" s="126"/>
      <c r="FM5359" s="91"/>
      <c r="FN5359" s="91"/>
      <c r="FO5359" s="91"/>
      <c r="FP5359" s="91"/>
      <c r="FQ5359" s="91"/>
      <c r="FR5359" s="91"/>
      <c r="FS5359" s="91"/>
      <c r="FT5359" s="91"/>
      <c r="FU5359" s="91"/>
      <c r="FV5359" s="91"/>
      <c r="FW5359" s="91"/>
      <c r="FX5359" s="127"/>
      <c r="FY5359" s="126"/>
      <c r="FZ5359" s="91"/>
      <c r="GA5359" s="91"/>
      <c r="GB5359" s="91"/>
      <c r="GC5359" s="91"/>
      <c r="GD5359" s="91"/>
      <c r="GE5359" s="91"/>
      <c r="GF5359" s="91"/>
      <c r="GG5359" s="91"/>
      <c r="GH5359" s="91"/>
      <c r="GI5359" s="91"/>
      <c r="GJ5359" s="91"/>
      <c r="GK5359" s="127"/>
      <c r="GL5359" s="126"/>
      <c r="GM5359" s="91"/>
      <c r="GN5359" s="91"/>
      <c r="GO5359" s="91"/>
      <c r="GP5359" s="91"/>
      <c r="GQ5359" s="91"/>
      <c r="GR5359" s="91"/>
      <c r="GS5359" s="91"/>
      <c r="GT5359" s="91"/>
      <c r="GU5359" s="91"/>
      <c r="GV5359" s="91"/>
      <c r="GW5359" s="91"/>
      <c r="GX5359" s="127"/>
      <c r="GY5359" s="126"/>
      <c r="GZ5359" s="91"/>
      <c r="HA5359" s="91"/>
      <c r="HB5359" s="91"/>
      <c r="HC5359" s="91"/>
      <c r="HD5359" s="91"/>
      <c r="HE5359" s="91"/>
      <c r="HF5359" s="91"/>
      <c r="HG5359" s="91"/>
      <c r="HH5359" s="91"/>
      <c r="HI5359" s="91"/>
      <c r="HJ5359" s="91"/>
      <c r="HK5359" s="127"/>
      <c r="HL5359" s="126"/>
      <c r="HM5359" s="91"/>
      <c r="HN5359" s="91"/>
      <c r="HO5359" s="91"/>
      <c r="HP5359" s="91"/>
      <c r="HQ5359" s="91"/>
      <c r="HR5359" s="91"/>
      <c r="HS5359" s="91"/>
      <c r="HT5359" s="91"/>
      <c r="HU5359" s="91"/>
      <c r="HV5359" s="91"/>
      <c r="HW5359" s="91"/>
      <c r="HX5359" s="127"/>
      <c r="HY5359" s="126"/>
      <c r="HZ5359" s="91"/>
      <c r="IA5359" s="91"/>
      <c r="IB5359" s="91"/>
      <c r="IC5359" s="91"/>
      <c r="ID5359" s="91"/>
      <c r="IE5359" s="91"/>
      <c r="IF5359" s="91"/>
      <c r="IG5359" s="91"/>
      <c r="IH5359" s="91"/>
      <c r="II5359" s="91"/>
      <c r="IJ5359" s="91"/>
      <c r="IK5359" s="174"/>
    </row>
    <row r="5360" spans="2:245" x14ac:dyDescent="0.2">
      <c r="B5360" s="43"/>
      <c r="C5360" s="73"/>
      <c r="D5360" s="64"/>
      <c r="E5360" s="64"/>
      <c r="F5360" s="55"/>
      <c r="G5360" s="102"/>
      <c r="H5360" s="97"/>
      <c r="T5360" s="98"/>
      <c r="U5360" s="97"/>
      <c r="AG5360" s="98"/>
      <c r="AY5360" s="164"/>
      <c r="BK5360" s="98"/>
      <c r="BL5360" s="97"/>
      <c r="BX5360" s="98"/>
      <c r="CL5360" s="97"/>
      <c r="CX5360" s="98"/>
      <c r="DL5360" s="97"/>
      <c r="DX5360" s="98"/>
      <c r="EL5360" s="97"/>
      <c r="EX5360" s="98"/>
      <c r="EY5360" s="97"/>
      <c r="FL5360" s="126"/>
      <c r="FM5360" s="91"/>
      <c r="FN5360" s="91"/>
      <c r="FO5360" s="91"/>
      <c r="FP5360" s="91"/>
      <c r="FQ5360" s="91"/>
      <c r="FR5360" s="91"/>
      <c r="FS5360" s="91"/>
      <c r="FT5360" s="91"/>
      <c r="FU5360" s="91"/>
      <c r="FV5360" s="91"/>
      <c r="FW5360" s="91"/>
      <c r="FX5360" s="127"/>
      <c r="FY5360" s="126"/>
      <c r="FZ5360" s="91"/>
      <c r="GA5360" s="91"/>
      <c r="GB5360" s="91"/>
      <c r="GC5360" s="91"/>
      <c r="GD5360" s="91"/>
      <c r="GE5360" s="91"/>
      <c r="GF5360" s="91"/>
      <c r="GG5360" s="91"/>
      <c r="GH5360" s="91"/>
      <c r="GI5360" s="91"/>
      <c r="GJ5360" s="91"/>
      <c r="GK5360" s="127"/>
      <c r="GL5360" s="126"/>
      <c r="GM5360" s="91"/>
      <c r="GN5360" s="91"/>
      <c r="GO5360" s="91"/>
      <c r="GP5360" s="91"/>
      <c r="GQ5360" s="91"/>
      <c r="GR5360" s="91"/>
      <c r="GS5360" s="91"/>
      <c r="GT5360" s="91"/>
      <c r="GU5360" s="91"/>
      <c r="GV5360" s="91"/>
      <c r="GW5360" s="91"/>
      <c r="GX5360" s="127"/>
      <c r="GY5360" s="126"/>
      <c r="GZ5360" s="91"/>
      <c r="HA5360" s="91"/>
      <c r="HB5360" s="91"/>
      <c r="HC5360" s="91"/>
      <c r="HD5360" s="91"/>
      <c r="HE5360" s="91"/>
      <c r="HF5360" s="91"/>
      <c r="HG5360" s="91"/>
      <c r="HH5360" s="91"/>
      <c r="HI5360" s="91"/>
      <c r="HJ5360" s="91"/>
      <c r="HK5360" s="127"/>
      <c r="HL5360" s="126"/>
      <c r="HM5360" s="91"/>
      <c r="HN5360" s="91"/>
      <c r="HO5360" s="91"/>
      <c r="HP5360" s="91"/>
      <c r="HQ5360" s="91"/>
      <c r="HR5360" s="91"/>
      <c r="HS5360" s="91"/>
      <c r="HT5360" s="91"/>
      <c r="HU5360" s="91"/>
      <c r="HV5360" s="91"/>
      <c r="HW5360" s="91"/>
      <c r="HX5360" s="127"/>
      <c r="HY5360" s="126"/>
      <c r="HZ5360" s="91"/>
      <c r="IA5360" s="91"/>
      <c r="IB5360" s="91"/>
      <c r="IC5360" s="91"/>
      <c r="ID5360" s="91"/>
      <c r="IE5360" s="91"/>
      <c r="IF5360" s="91"/>
      <c r="IG5360" s="91"/>
      <c r="IH5360" s="91"/>
      <c r="II5360" s="91"/>
      <c r="IJ5360" s="91"/>
      <c r="IK5360" s="174"/>
    </row>
    <row r="5361" spans="2:245" x14ac:dyDescent="0.2">
      <c r="B5361" s="43"/>
      <c r="C5361" s="73"/>
      <c r="D5361" s="64"/>
      <c r="E5361" s="64"/>
      <c r="F5361" s="55"/>
      <c r="G5361" s="102"/>
      <c r="H5361" s="97"/>
      <c r="T5361" s="98"/>
      <c r="U5361" s="97"/>
      <c r="AG5361" s="98"/>
      <c r="AY5361" s="164"/>
      <c r="BK5361" s="98"/>
      <c r="BL5361" s="97"/>
      <c r="BX5361" s="98"/>
      <c r="CL5361" s="97"/>
      <c r="CX5361" s="98"/>
      <c r="DL5361" s="97"/>
      <c r="DX5361" s="98"/>
      <c r="EL5361" s="97"/>
      <c r="EX5361" s="98"/>
      <c r="EY5361" s="97"/>
      <c r="FL5361" s="126"/>
      <c r="FM5361" s="91"/>
      <c r="FN5361" s="91"/>
      <c r="FO5361" s="91"/>
      <c r="FP5361" s="91"/>
      <c r="FQ5361" s="91"/>
      <c r="FR5361" s="91"/>
      <c r="FS5361" s="91"/>
      <c r="FT5361" s="91"/>
      <c r="FU5361" s="91"/>
      <c r="FV5361" s="91"/>
      <c r="FW5361" s="91"/>
      <c r="FX5361" s="127"/>
      <c r="FY5361" s="126"/>
      <c r="FZ5361" s="91"/>
      <c r="GA5361" s="91"/>
      <c r="GB5361" s="91"/>
      <c r="GC5361" s="91"/>
      <c r="GD5361" s="91"/>
      <c r="GE5361" s="91"/>
      <c r="GF5361" s="91"/>
      <c r="GG5361" s="91"/>
      <c r="GH5361" s="91"/>
      <c r="GI5361" s="91"/>
      <c r="GJ5361" s="91"/>
      <c r="GK5361" s="127"/>
      <c r="GL5361" s="126"/>
      <c r="GM5361" s="91"/>
      <c r="GN5361" s="91"/>
      <c r="GO5361" s="91"/>
      <c r="GP5361" s="91"/>
      <c r="GQ5361" s="91"/>
      <c r="GR5361" s="91"/>
      <c r="GS5361" s="91"/>
      <c r="GT5361" s="91"/>
      <c r="GU5361" s="91"/>
      <c r="GV5361" s="91"/>
      <c r="GW5361" s="91"/>
      <c r="GX5361" s="127"/>
      <c r="GY5361" s="126"/>
      <c r="GZ5361" s="91"/>
      <c r="HA5361" s="91"/>
      <c r="HB5361" s="91"/>
      <c r="HC5361" s="91"/>
      <c r="HD5361" s="91"/>
      <c r="HE5361" s="91"/>
      <c r="HF5361" s="91"/>
      <c r="HG5361" s="91"/>
      <c r="HH5361" s="91"/>
      <c r="HI5361" s="91"/>
      <c r="HJ5361" s="91"/>
      <c r="HK5361" s="127"/>
      <c r="HL5361" s="126"/>
      <c r="HM5361" s="91"/>
      <c r="HN5361" s="91"/>
      <c r="HO5361" s="91"/>
      <c r="HP5361" s="91"/>
      <c r="HQ5361" s="91"/>
      <c r="HR5361" s="91"/>
      <c r="HS5361" s="91"/>
      <c r="HT5361" s="91"/>
      <c r="HU5361" s="91"/>
      <c r="HV5361" s="91"/>
      <c r="HW5361" s="91"/>
      <c r="HX5361" s="127"/>
      <c r="HY5361" s="126"/>
      <c r="HZ5361" s="91"/>
      <c r="IA5361" s="91"/>
      <c r="IB5361" s="91"/>
      <c r="IC5361" s="91"/>
      <c r="ID5361" s="91"/>
      <c r="IE5361" s="91"/>
      <c r="IF5361" s="91"/>
      <c r="IG5361" s="91"/>
      <c r="IH5361" s="91"/>
      <c r="II5361" s="91"/>
      <c r="IJ5361" s="91"/>
      <c r="IK5361" s="174"/>
    </row>
    <row r="5362" spans="2:245" x14ac:dyDescent="0.2">
      <c r="B5362" s="43"/>
      <c r="C5362" s="73"/>
      <c r="D5362" s="64"/>
      <c r="E5362" s="64"/>
      <c r="F5362" s="55"/>
      <c r="G5362" s="102"/>
      <c r="H5362" s="97"/>
      <c r="T5362" s="98"/>
      <c r="U5362" s="97"/>
      <c r="AG5362" s="98"/>
      <c r="AY5362" s="164"/>
      <c r="BK5362" s="98"/>
      <c r="BL5362" s="97"/>
      <c r="BX5362" s="98"/>
      <c r="CL5362" s="97"/>
      <c r="CX5362" s="98"/>
      <c r="DL5362" s="97"/>
      <c r="DX5362" s="98"/>
      <c r="EL5362" s="97"/>
      <c r="EX5362" s="98"/>
      <c r="EY5362" s="97"/>
      <c r="FL5362" s="126"/>
      <c r="FM5362" s="91"/>
      <c r="FN5362" s="91"/>
      <c r="FO5362" s="91"/>
      <c r="FP5362" s="91"/>
      <c r="FQ5362" s="91"/>
      <c r="FR5362" s="91"/>
      <c r="FS5362" s="91"/>
      <c r="FT5362" s="91"/>
      <c r="FU5362" s="91"/>
      <c r="FV5362" s="91"/>
      <c r="FW5362" s="91"/>
      <c r="FX5362" s="127"/>
      <c r="FY5362" s="126"/>
      <c r="FZ5362" s="91"/>
      <c r="GA5362" s="91"/>
      <c r="GB5362" s="91"/>
      <c r="GC5362" s="91"/>
      <c r="GD5362" s="91"/>
      <c r="GE5362" s="91"/>
      <c r="GF5362" s="91"/>
      <c r="GG5362" s="91"/>
      <c r="GH5362" s="91"/>
      <c r="GI5362" s="91"/>
      <c r="GJ5362" s="91"/>
      <c r="GK5362" s="127"/>
      <c r="GL5362" s="126"/>
      <c r="GM5362" s="91"/>
      <c r="GN5362" s="91"/>
      <c r="GO5362" s="91"/>
      <c r="GP5362" s="91"/>
      <c r="GQ5362" s="91"/>
      <c r="GR5362" s="91"/>
      <c r="GS5362" s="91"/>
      <c r="GT5362" s="91"/>
      <c r="GU5362" s="91"/>
      <c r="GV5362" s="91"/>
      <c r="GW5362" s="91"/>
      <c r="GX5362" s="127"/>
      <c r="GY5362" s="126"/>
      <c r="GZ5362" s="91"/>
      <c r="HA5362" s="91"/>
      <c r="HB5362" s="91"/>
      <c r="HC5362" s="91"/>
      <c r="HD5362" s="91"/>
      <c r="HE5362" s="91"/>
      <c r="HF5362" s="91"/>
      <c r="HG5362" s="91"/>
      <c r="HH5362" s="91"/>
      <c r="HI5362" s="91"/>
      <c r="HJ5362" s="91"/>
      <c r="HK5362" s="127"/>
      <c r="HL5362" s="126"/>
      <c r="HM5362" s="91"/>
      <c r="HN5362" s="91"/>
      <c r="HO5362" s="91"/>
      <c r="HP5362" s="91"/>
      <c r="HQ5362" s="91"/>
      <c r="HR5362" s="91"/>
      <c r="HS5362" s="91"/>
      <c r="HT5362" s="91"/>
      <c r="HU5362" s="91"/>
      <c r="HV5362" s="91"/>
      <c r="HW5362" s="91"/>
      <c r="HX5362" s="127"/>
      <c r="HY5362" s="126"/>
      <c r="HZ5362" s="91"/>
      <c r="IA5362" s="91"/>
      <c r="IB5362" s="91"/>
      <c r="IC5362" s="91"/>
      <c r="ID5362" s="91"/>
      <c r="IE5362" s="91"/>
      <c r="IF5362" s="91"/>
      <c r="IG5362" s="91"/>
      <c r="IH5362" s="91"/>
      <c r="II5362" s="91"/>
      <c r="IJ5362" s="91"/>
      <c r="IK5362" s="174"/>
    </row>
    <row r="5363" spans="2:245" x14ac:dyDescent="0.2">
      <c r="B5363" s="43"/>
      <c r="C5363" s="73"/>
      <c r="D5363" s="64"/>
      <c r="E5363" s="64"/>
      <c r="F5363" s="55"/>
      <c r="G5363" s="102"/>
      <c r="H5363" s="97"/>
      <c r="T5363" s="98"/>
      <c r="U5363" s="97"/>
      <c r="AG5363" s="98"/>
      <c r="AY5363" s="164"/>
      <c r="BK5363" s="98"/>
      <c r="BL5363" s="97"/>
      <c r="BX5363" s="98"/>
      <c r="CL5363" s="97"/>
      <c r="CX5363" s="98"/>
      <c r="DL5363" s="97"/>
      <c r="DX5363" s="98"/>
      <c r="EL5363" s="97"/>
      <c r="EX5363" s="98"/>
      <c r="EY5363" s="97"/>
      <c r="FL5363" s="126"/>
      <c r="FM5363" s="91"/>
      <c r="FN5363" s="91"/>
      <c r="FO5363" s="91"/>
      <c r="FP5363" s="91"/>
      <c r="FQ5363" s="91"/>
      <c r="FR5363" s="91"/>
      <c r="FS5363" s="91"/>
      <c r="FT5363" s="91"/>
      <c r="FU5363" s="91"/>
      <c r="FV5363" s="91"/>
      <c r="FW5363" s="91"/>
      <c r="FX5363" s="127"/>
      <c r="FY5363" s="126"/>
      <c r="FZ5363" s="91"/>
      <c r="GA5363" s="91"/>
      <c r="GB5363" s="91"/>
      <c r="GC5363" s="91"/>
      <c r="GD5363" s="91"/>
      <c r="GE5363" s="91"/>
      <c r="GF5363" s="91"/>
      <c r="GG5363" s="91"/>
      <c r="GH5363" s="91"/>
      <c r="GI5363" s="91"/>
      <c r="GJ5363" s="91"/>
      <c r="GK5363" s="127"/>
      <c r="GL5363" s="126"/>
      <c r="GM5363" s="91"/>
      <c r="GN5363" s="91"/>
      <c r="GO5363" s="91"/>
      <c r="GP5363" s="91"/>
      <c r="GQ5363" s="91"/>
      <c r="GR5363" s="91"/>
      <c r="GS5363" s="91"/>
      <c r="GT5363" s="91"/>
      <c r="GU5363" s="91"/>
      <c r="GV5363" s="91"/>
      <c r="GW5363" s="91"/>
      <c r="GX5363" s="127"/>
      <c r="GY5363" s="126"/>
      <c r="GZ5363" s="91"/>
      <c r="HA5363" s="91"/>
      <c r="HB5363" s="91"/>
      <c r="HC5363" s="91"/>
      <c r="HD5363" s="91"/>
      <c r="HE5363" s="91"/>
      <c r="HF5363" s="91"/>
      <c r="HG5363" s="91"/>
      <c r="HH5363" s="91"/>
      <c r="HI5363" s="91"/>
      <c r="HJ5363" s="91"/>
      <c r="HK5363" s="127"/>
      <c r="HL5363" s="126"/>
      <c r="HM5363" s="91"/>
      <c r="HN5363" s="91"/>
      <c r="HO5363" s="91"/>
      <c r="HP5363" s="91"/>
      <c r="HQ5363" s="91"/>
      <c r="HR5363" s="91"/>
      <c r="HS5363" s="91"/>
      <c r="HT5363" s="91"/>
      <c r="HU5363" s="91"/>
      <c r="HV5363" s="91"/>
      <c r="HW5363" s="91"/>
      <c r="HX5363" s="127"/>
      <c r="HY5363" s="126"/>
      <c r="HZ5363" s="91"/>
      <c r="IA5363" s="91"/>
      <c r="IB5363" s="91"/>
      <c r="IC5363" s="91"/>
      <c r="ID5363" s="91"/>
      <c r="IE5363" s="91"/>
      <c r="IF5363" s="91"/>
      <c r="IG5363" s="91"/>
      <c r="IH5363" s="91"/>
      <c r="II5363" s="91"/>
      <c r="IJ5363" s="91"/>
      <c r="IK5363" s="174"/>
    </row>
    <row r="5364" spans="2:245" x14ac:dyDescent="0.2">
      <c r="B5364" s="43"/>
      <c r="C5364" s="73"/>
      <c r="D5364" s="64"/>
      <c r="E5364" s="64"/>
      <c r="F5364" s="55"/>
      <c r="G5364" s="102"/>
      <c r="H5364" s="97"/>
      <c r="T5364" s="98"/>
      <c r="U5364" s="97"/>
      <c r="AG5364" s="98"/>
      <c r="AY5364" s="164"/>
      <c r="BK5364" s="98"/>
      <c r="BL5364" s="97"/>
      <c r="BX5364" s="98"/>
      <c r="CL5364" s="97"/>
      <c r="CX5364" s="98"/>
      <c r="DL5364" s="97"/>
      <c r="DX5364" s="98"/>
      <c r="EL5364" s="97"/>
      <c r="EX5364" s="98"/>
      <c r="EY5364" s="97"/>
      <c r="FL5364" s="126"/>
      <c r="FM5364" s="91"/>
      <c r="FN5364" s="91"/>
      <c r="FO5364" s="91"/>
      <c r="FP5364" s="91"/>
      <c r="FQ5364" s="91"/>
      <c r="FR5364" s="91"/>
      <c r="FS5364" s="91"/>
      <c r="FT5364" s="91"/>
      <c r="FU5364" s="91"/>
      <c r="FV5364" s="91"/>
      <c r="FW5364" s="91"/>
      <c r="FX5364" s="127"/>
      <c r="FY5364" s="126"/>
      <c r="FZ5364" s="91"/>
      <c r="GA5364" s="91"/>
      <c r="GB5364" s="91"/>
      <c r="GC5364" s="91"/>
      <c r="GD5364" s="91"/>
      <c r="GE5364" s="91"/>
      <c r="GF5364" s="91"/>
      <c r="GG5364" s="91"/>
      <c r="GH5364" s="91"/>
      <c r="GI5364" s="91"/>
      <c r="GJ5364" s="91"/>
      <c r="GK5364" s="127"/>
      <c r="GL5364" s="126"/>
      <c r="GM5364" s="91"/>
      <c r="GN5364" s="91"/>
      <c r="GO5364" s="91"/>
      <c r="GP5364" s="91"/>
      <c r="GQ5364" s="91"/>
      <c r="GR5364" s="91"/>
      <c r="GS5364" s="91"/>
      <c r="GT5364" s="91"/>
      <c r="GU5364" s="91"/>
      <c r="GV5364" s="91"/>
      <c r="GW5364" s="91"/>
      <c r="GX5364" s="127"/>
      <c r="GY5364" s="126"/>
      <c r="GZ5364" s="91"/>
      <c r="HA5364" s="91"/>
      <c r="HB5364" s="91"/>
      <c r="HC5364" s="91"/>
      <c r="HD5364" s="91"/>
      <c r="HE5364" s="91"/>
      <c r="HF5364" s="91"/>
      <c r="HG5364" s="91"/>
      <c r="HH5364" s="91"/>
      <c r="HI5364" s="91"/>
      <c r="HJ5364" s="91"/>
      <c r="HK5364" s="127"/>
      <c r="HL5364" s="126"/>
      <c r="HM5364" s="91"/>
      <c r="HN5364" s="91"/>
      <c r="HO5364" s="91"/>
      <c r="HP5364" s="91"/>
      <c r="HQ5364" s="91"/>
      <c r="HR5364" s="91"/>
      <c r="HS5364" s="91"/>
      <c r="HT5364" s="91"/>
      <c r="HU5364" s="91"/>
      <c r="HV5364" s="91"/>
      <c r="HW5364" s="91"/>
      <c r="HX5364" s="127"/>
      <c r="HY5364" s="126"/>
      <c r="HZ5364" s="91"/>
      <c r="IA5364" s="91"/>
      <c r="IB5364" s="91"/>
      <c r="IC5364" s="91"/>
      <c r="ID5364" s="91"/>
      <c r="IE5364" s="91"/>
      <c r="IF5364" s="91"/>
      <c r="IG5364" s="91"/>
      <c r="IH5364" s="91"/>
      <c r="II5364" s="91"/>
      <c r="IJ5364" s="91"/>
      <c r="IK5364" s="174"/>
    </row>
    <row r="5365" spans="2:245" x14ac:dyDescent="0.2">
      <c r="B5365" s="43"/>
      <c r="C5365" s="73"/>
      <c r="D5365" s="64"/>
      <c r="E5365" s="64"/>
      <c r="F5365" s="55"/>
      <c r="G5365" s="102"/>
      <c r="H5365" s="97"/>
      <c r="T5365" s="98"/>
      <c r="U5365" s="97"/>
      <c r="AG5365" s="98"/>
      <c r="AY5365" s="164"/>
      <c r="BK5365" s="98"/>
      <c r="BL5365" s="97"/>
      <c r="BX5365" s="98"/>
      <c r="CL5365" s="97"/>
      <c r="CX5365" s="98"/>
      <c r="DL5365" s="97"/>
      <c r="DX5365" s="98"/>
      <c r="EL5365" s="97"/>
      <c r="EX5365" s="98"/>
      <c r="EY5365" s="97"/>
      <c r="FL5365" s="126"/>
      <c r="FM5365" s="91"/>
      <c r="FN5365" s="91"/>
      <c r="FO5365" s="91"/>
      <c r="FP5365" s="91"/>
      <c r="FQ5365" s="91"/>
      <c r="FR5365" s="91"/>
      <c r="FS5365" s="91"/>
      <c r="FT5365" s="91"/>
      <c r="FU5365" s="91"/>
      <c r="FV5365" s="91"/>
      <c r="FW5365" s="91"/>
      <c r="FX5365" s="127"/>
      <c r="FY5365" s="126"/>
      <c r="FZ5365" s="91"/>
      <c r="GA5365" s="91"/>
      <c r="GB5365" s="91"/>
      <c r="GC5365" s="91"/>
      <c r="GD5365" s="91"/>
      <c r="GE5365" s="91"/>
      <c r="GF5365" s="91"/>
      <c r="GG5365" s="91"/>
      <c r="GH5365" s="91"/>
      <c r="GI5365" s="91"/>
      <c r="GJ5365" s="91"/>
      <c r="GK5365" s="127"/>
      <c r="GL5365" s="126"/>
      <c r="GM5365" s="91"/>
      <c r="GN5365" s="91"/>
      <c r="GO5365" s="91"/>
      <c r="GP5365" s="91"/>
      <c r="GQ5365" s="91"/>
      <c r="GR5365" s="91"/>
      <c r="GS5365" s="91"/>
      <c r="GT5365" s="91"/>
      <c r="GU5365" s="91"/>
      <c r="GV5365" s="91"/>
      <c r="GW5365" s="91"/>
      <c r="GX5365" s="127"/>
      <c r="GY5365" s="126"/>
      <c r="GZ5365" s="91"/>
      <c r="HA5365" s="91"/>
      <c r="HB5365" s="91"/>
      <c r="HC5365" s="91"/>
      <c r="HD5365" s="91"/>
      <c r="HE5365" s="91"/>
      <c r="HF5365" s="91"/>
      <c r="HG5365" s="91"/>
      <c r="HH5365" s="91"/>
      <c r="HI5365" s="91"/>
      <c r="HJ5365" s="91"/>
      <c r="HK5365" s="127"/>
      <c r="HL5365" s="126"/>
      <c r="HM5365" s="91"/>
      <c r="HN5365" s="91"/>
      <c r="HO5365" s="91"/>
      <c r="HP5365" s="91"/>
      <c r="HQ5365" s="91"/>
      <c r="HR5365" s="91"/>
      <c r="HS5365" s="91"/>
      <c r="HT5365" s="91"/>
      <c r="HU5365" s="91"/>
      <c r="HV5365" s="91"/>
      <c r="HW5365" s="91"/>
      <c r="HX5365" s="127"/>
      <c r="HY5365" s="126"/>
      <c r="HZ5365" s="91"/>
      <c r="IA5365" s="91"/>
      <c r="IB5365" s="91"/>
      <c r="IC5365" s="91"/>
      <c r="ID5365" s="91"/>
      <c r="IE5365" s="91"/>
      <c r="IF5365" s="91"/>
      <c r="IG5365" s="91"/>
      <c r="IH5365" s="91"/>
      <c r="II5365" s="91"/>
      <c r="IJ5365" s="91"/>
      <c r="IK5365" s="174"/>
    </row>
    <row r="5366" spans="2:245" x14ac:dyDescent="0.2">
      <c r="B5366" s="43"/>
      <c r="C5366" s="73"/>
      <c r="D5366" s="64"/>
      <c r="E5366" s="64"/>
      <c r="F5366" s="55"/>
      <c r="G5366" s="102"/>
      <c r="H5366" s="97"/>
      <c r="T5366" s="98"/>
      <c r="U5366" s="97"/>
      <c r="AG5366" s="98"/>
      <c r="AY5366" s="164"/>
      <c r="BK5366" s="98"/>
      <c r="BL5366" s="97"/>
      <c r="BX5366" s="98"/>
      <c r="CL5366" s="97"/>
      <c r="CX5366" s="98"/>
      <c r="DL5366" s="97"/>
      <c r="DX5366" s="98"/>
      <c r="EL5366" s="97"/>
      <c r="EX5366" s="98"/>
      <c r="EY5366" s="97"/>
      <c r="FL5366" s="126"/>
      <c r="FM5366" s="91"/>
      <c r="FN5366" s="91"/>
      <c r="FO5366" s="91"/>
      <c r="FP5366" s="91"/>
      <c r="FQ5366" s="91"/>
      <c r="FR5366" s="91"/>
      <c r="FS5366" s="91"/>
      <c r="FT5366" s="91"/>
      <c r="FU5366" s="91"/>
      <c r="FV5366" s="91"/>
      <c r="FW5366" s="91"/>
      <c r="FX5366" s="127"/>
      <c r="FY5366" s="126"/>
      <c r="FZ5366" s="91"/>
      <c r="GA5366" s="91"/>
      <c r="GB5366" s="91"/>
      <c r="GC5366" s="91"/>
      <c r="GD5366" s="91"/>
      <c r="GE5366" s="91"/>
      <c r="GF5366" s="91"/>
      <c r="GG5366" s="91"/>
      <c r="GH5366" s="91"/>
      <c r="GI5366" s="91"/>
      <c r="GJ5366" s="91"/>
      <c r="GK5366" s="127"/>
      <c r="GL5366" s="126"/>
      <c r="GM5366" s="91"/>
      <c r="GN5366" s="91"/>
      <c r="GO5366" s="91"/>
      <c r="GP5366" s="91"/>
      <c r="GQ5366" s="91"/>
      <c r="GR5366" s="91"/>
      <c r="GS5366" s="91"/>
      <c r="GT5366" s="91"/>
      <c r="GU5366" s="91"/>
      <c r="GV5366" s="91"/>
      <c r="GW5366" s="91"/>
      <c r="GX5366" s="127"/>
      <c r="GY5366" s="126"/>
      <c r="GZ5366" s="91"/>
      <c r="HA5366" s="91"/>
      <c r="HB5366" s="91"/>
      <c r="HC5366" s="91"/>
      <c r="HD5366" s="91"/>
      <c r="HE5366" s="91"/>
      <c r="HF5366" s="91"/>
      <c r="HG5366" s="91"/>
      <c r="HH5366" s="91"/>
      <c r="HI5366" s="91"/>
      <c r="HJ5366" s="91"/>
      <c r="HK5366" s="127"/>
      <c r="HL5366" s="126"/>
      <c r="HM5366" s="91"/>
      <c r="HN5366" s="91"/>
      <c r="HO5366" s="91"/>
      <c r="HP5366" s="91"/>
      <c r="HQ5366" s="91"/>
      <c r="HR5366" s="91"/>
      <c r="HS5366" s="91"/>
      <c r="HT5366" s="91"/>
      <c r="HU5366" s="91"/>
      <c r="HV5366" s="91"/>
      <c r="HW5366" s="91"/>
      <c r="HX5366" s="127"/>
      <c r="HY5366" s="126"/>
      <c r="HZ5366" s="91"/>
      <c r="IA5366" s="91"/>
      <c r="IB5366" s="91"/>
      <c r="IC5366" s="91"/>
      <c r="ID5366" s="91"/>
      <c r="IE5366" s="91"/>
      <c r="IF5366" s="91"/>
      <c r="IG5366" s="91"/>
      <c r="IH5366" s="91"/>
      <c r="II5366" s="91"/>
      <c r="IJ5366" s="91"/>
      <c r="IK5366" s="174"/>
    </row>
    <row r="5367" spans="2:245" x14ac:dyDescent="0.2">
      <c r="B5367" s="43"/>
      <c r="C5367" s="73"/>
      <c r="D5367" s="64"/>
      <c r="E5367" s="64"/>
      <c r="F5367" s="55"/>
      <c r="G5367" s="102"/>
      <c r="H5367" s="97"/>
      <c r="T5367" s="98"/>
      <c r="U5367" s="97"/>
      <c r="AG5367" s="98"/>
      <c r="AY5367" s="164"/>
      <c r="BK5367" s="98"/>
      <c r="BL5367" s="97"/>
      <c r="BX5367" s="98"/>
      <c r="CL5367" s="97"/>
      <c r="CX5367" s="98"/>
      <c r="DL5367" s="97"/>
      <c r="DX5367" s="98"/>
      <c r="EL5367" s="97"/>
      <c r="EX5367" s="98"/>
      <c r="EY5367" s="97"/>
      <c r="FL5367" s="126"/>
      <c r="FM5367" s="91"/>
      <c r="FN5367" s="91"/>
      <c r="FO5367" s="91"/>
      <c r="FP5367" s="91"/>
      <c r="FQ5367" s="91"/>
      <c r="FR5367" s="91"/>
      <c r="FS5367" s="91"/>
      <c r="FT5367" s="91"/>
      <c r="FU5367" s="91"/>
      <c r="FV5367" s="91"/>
      <c r="FW5367" s="91"/>
      <c r="FX5367" s="127"/>
      <c r="FY5367" s="126"/>
      <c r="FZ5367" s="91"/>
      <c r="GA5367" s="91"/>
      <c r="GB5367" s="91"/>
      <c r="GC5367" s="91"/>
      <c r="GD5367" s="91"/>
      <c r="GE5367" s="91"/>
      <c r="GF5367" s="91"/>
      <c r="GG5367" s="91"/>
      <c r="GH5367" s="91"/>
      <c r="GI5367" s="91"/>
      <c r="GJ5367" s="91"/>
      <c r="GK5367" s="127"/>
      <c r="GL5367" s="126"/>
      <c r="GM5367" s="91"/>
      <c r="GN5367" s="91"/>
      <c r="GO5367" s="91"/>
      <c r="GP5367" s="91"/>
      <c r="GQ5367" s="91"/>
      <c r="GR5367" s="91"/>
      <c r="GS5367" s="91"/>
      <c r="GT5367" s="91"/>
      <c r="GU5367" s="91"/>
      <c r="GV5367" s="91"/>
      <c r="GW5367" s="91"/>
      <c r="GX5367" s="127"/>
      <c r="GY5367" s="126"/>
      <c r="GZ5367" s="91"/>
      <c r="HA5367" s="91"/>
      <c r="HB5367" s="91"/>
      <c r="HC5367" s="91"/>
      <c r="HD5367" s="91"/>
      <c r="HE5367" s="91"/>
      <c r="HF5367" s="91"/>
      <c r="HG5367" s="91"/>
      <c r="HH5367" s="91"/>
      <c r="HI5367" s="91"/>
      <c r="HJ5367" s="91"/>
      <c r="HK5367" s="127"/>
      <c r="HL5367" s="126"/>
      <c r="HM5367" s="91"/>
      <c r="HN5367" s="91"/>
      <c r="HO5367" s="91"/>
      <c r="HP5367" s="91"/>
      <c r="HQ5367" s="91"/>
      <c r="HR5367" s="91"/>
      <c r="HS5367" s="91"/>
      <c r="HT5367" s="91"/>
      <c r="HU5367" s="91"/>
      <c r="HV5367" s="91"/>
      <c r="HW5367" s="91"/>
      <c r="HX5367" s="127"/>
      <c r="HY5367" s="126"/>
      <c r="HZ5367" s="91"/>
      <c r="IA5367" s="91"/>
      <c r="IB5367" s="91"/>
      <c r="IC5367" s="91"/>
      <c r="ID5367" s="91"/>
      <c r="IE5367" s="91"/>
      <c r="IF5367" s="91"/>
      <c r="IG5367" s="91"/>
      <c r="IH5367" s="91"/>
      <c r="II5367" s="91"/>
      <c r="IJ5367" s="91"/>
      <c r="IK5367" s="174"/>
    </row>
    <row r="5368" spans="2:245" x14ac:dyDescent="0.2">
      <c r="B5368" s="43"/>
      <c r="C5368" s="73"/>
      <c r="D5368" s="64"/>
      <c r="E5368" s="64"/>
      <c r="F5368" s="55"/>
      <c r="G5368" s="102"/>
      <c r="H5368" s="97"/>
      <c r="T5368" s="98"/>
      <c r="U5368" s="97"/>
      <c r="AG5368" s="98"/>
      <c r="AY5368" s="164"/>
      <c r="BK5368" s="98"/>
      <c r="BL5368" s="97"/>
      <c r="BX5368" s="98"/>
      <c r="CL5368" s="97"/>
      <c r="CX5368" s="98"/>
      <c r="DL5368" s="97"/>
      <c r="DX5368" s="98"/>
      <c r="EL5368" s="97"/>
      <c r="EX5368" s="98"/>
      <c r="EY5368" s="97"/>
      <c r="FL5368" s="126"/>
      <c r="FM5368" s="91"/>
      <c r="FN5368" s="91"/>
      <c r="FO5368" s="91"/>
      <c r="FP5368" s="91"/>
      <c r="FQ5368" s="91"/>
      <c r="FR5368" s="91"/>
      <c r="FS5368" s="91"/>
      <c r="FT5368" s="91"/>
      <c r="FU5368" s="91"/>
      <c r="FV5368" s="91"/>
      <c r="FW5368" s="91"/>
      <c r="FX5368" s="127"/>
      <c r="FY5368" s="126"/>
      <c r="FZ5368" s="91"/>
      <c r="GA5368" s="91"/>
      <c r="GB5368" s="91"/>
      <c r="GC5368" s="91"/>
      <c r="GD5368" s="91"/>
      <c r="GE5368" s="91"/>
      <c r="GF5368" s="91"/>
      <c r="GG5368" s="91"/>
      <c r="GH5368" s="91"/>
      <c r="GI5368" s="91"/>
      <c r="GJ5368" s="91"/>
      <c r="GK5368" s="127"/>
      <c r="GL5368" s="126"/>
      <c r="GM5368" s="91"/>
      <c r="GN5368" s="91"/>
      <c r="GO5368" s="91"/>
      <c r="GP5368" s="91"/>
      <c r="GQ5368" s="91"/>
      <c r="GR5368" s="91"/>
      <c r="GS5368" s="91"/>
      <c r="GT5368" s="91"/>
      <c r="GU5368" s="91"/>
      <c r="GV5368" s="91"/>
      <c r="GW5368" s="91"/>
      <c r="GX5368" s="127"/>
      <c r="GY5368" s="126"/>
      <c r="GZ5368" s="91"/>
      <c r="HA5368" s="91"/>
      <c r="HB5368" s="91"/>
      <c r="HC5368" s="91"/>
      <c r="HD5368" s="91"/>
      <c r="HE5368" s="91"/>
      <c r="HF5368" s="91"/>
      <c r="HG5368" s="91"/>
      <c r="HH5368" s="91"/>
      <c r="HI5368" s="91"/>
      <c r="HJ5368" s="91"/>
      <c r="HK5368" s="127"/>
      <c r="HL5368" s="126"/>
      <c r="HM5368" s="91"/>
      <c r="HN5368" s="91"/>
      <c r="HO5368" s="91"/>
      <c r="HP5368" s="91"/>
      <c r="HQ5368" s="91"/>
      <c r="HR5368" s="91"/>
      <c r="HS5368" s="91"/>
      <c r="HT5368" s="91"/>
      <c r="HU5368" s="91"/>
      <c r="HV5368" s="91"/>
      <c r="HW5368" s="91"/>
      <c r="HX5368" s="127"/>
      <c r="HY5368" s="126"/>
      <c r="HZ5368" s="91"/>
      <c r="IA5368" s="91"/>
      <c r="IB5368" s="91"/>
      <c r="IC5368" s="91"/>
      <c r="ID5368" s="91"/>
      <c r="IE5368" s="91"/>
      <c r="IF5368" s="91"/>
      <c r="IG5368" s="91"/>
      <c r="IH5368" s="91"/>
      <c r="II5368" s="91"/>
      <c r="IJ5368" s="91"/>
      <c r="IK5368" s="174"/>
    </row>
    <row r="5369" spans="2:245" x14ac:dyDescent="0.2">
      <c r="B5369" s="43"/>
      <c r="C5369" s="73"/>
      <c r="D5369" s="64"/>
      <c r="E5369" s="64"/>
      <c r="F5369" s="55"/>
      <c r="G5369" s="102"/>
      <c r="H5369" s="97"/>
      <c r="T5369" s="98"/>
      <c r="U5369" s="97"/>
      <c r="AG5369" s="98"/>
      <c r="AY5369" s="164"/>
      <c r="BK5369" s="98"/>
      <c r="BL5369" s="97"/>
      <c r="BX5369" s="98"/>
      <c r="CL5369" s="97"/>
      <c r="CX5369" s="98"/>
      <c r="DL5369" s="97"/>
      <c r="DX5369" s="98"/>
      <c r="EL5369" s="97"/>
      <c r="EX5369" s="98"/>
      <c r="EY5369" s="97"/>
      <c r="FL5369" s="126"/>
      <c r="FM5369" s="91"/>
      <c r="FN5369" s="91"/>
      <c r="FO5369" s="91"/>
      <c r="FP5369" s="91"/>
      <c r="FQ5369" s="91"/>
      <c r="FR5369" s="91"/>
      <c r="FS5369" s="91"/>
      <c r="FT5369" s="91"/>
      <c r="FU5369" s="91"/>
      <c r="FV5369" s="91"/>
      <c r="FW5369" s="91"/>
      <c r="FX5369" s="127"/>
      <c r="FY5369" s="126"/>
      <c r="FZ5369" s="91"/>
      <c r="GA5369" s="91"/>
      <c r="GB5369" s="91"/>
      <c r="GC5369" s="91"/>
      <c r="GD5369" s="91"/>
      <c r="GE5369" s="91"/>
      <c r="GF5369" s="91"/>
      <c r="GG5369" s="91"/>
      <c r="GH5369" s="91"/>
      <c r="GI5369" s="91"/>
      <c r="GJ5369" s="91"/>
      <c r="GK5369" s="127"/>
      <c r="GL5369" s="126"/>
      <c r="GM5369" s="91"/>
      <c r="GN5369" s="91"/>
      <c r="GO5369" s="91"/>
      <c r="GP5369" s="91"/>
      <c r="GQ5369" s="91"/>
      <c r="GR5369" s="91"/>
      <c r="GS5369" s="91"/>
      <c r="GT5369" s="91"/>
      <c r="GU5369" s="91"/>
      <c r="GV5369" s="91"/>
      <c r="GW5369" s="91"/>
      <c r="GX5369" s="127"/>
      <c r="GY5369" s="126"/>
      <c r="GZ5369" s="91"/>
      <c r="HA5369" s="91"/>
      <c r="HB5369" s="91"/>
      <c r="HC5369" s="91"/>
      <c r="HD5369" s="91"/>
      <c r="HE5369" s="91"/>
      <c r="HF5369" s="91"/>
      <c r="HG5369" s="91"/>
      <c r="HH5369" s="91"/>
      <c r="HI5369" s="91"/>
      <c r="HJ5369" s="91"/>
      <c r="HK5369" s="127"/>
      <c r="HL5369" s="126"/>
      <c r="HM5369" s="91"/>
      <c r="HN5369" s="91"/>
      <c r="HO5369" s="91"/>
      <c r="HP5369" s="91"/>
      <c r="HQ5369" s="91"/>
      <c r="HR5369" s="91"/>
      <c r="HS5369" s="91"/>
      <c r="HT5369" s="91"/>
      <c r="HU5369" s="91"/>
      <c r="HV5369" s="91"/>
      <c r="HW5369" s="91"/>
      <c r="HX5369" s="127"/>
      <c r="HY5369" s="126"/>
      <c r="HZ5369" s="91"/>
      <c r="IA5369" s="91"/>
      <c r="IB5369" s="91"/>
      <c r="IC5369" s="91"/>
      <c r="ID5369" s="91"/>
      <c r="IE5369" s="91"/>
      <c r="IF5369" s="91"/>
      <c r="IG5369" s="91"/>
      <c r="IH5369" s="91"/>
      <c r="II5369" s="91"/>
      <c r="IJ5369" s="91"/>
      <c r="IK5369" s="174"/>
    </row>
    <row r="5370" spans="2:245" x14ac:dyDescent="0.2">
      <c r="B5370" s="43"/>
      <c r="C5370" s="73"/>
      <c r="D5370" s="64"/>
      <c r="E5370" s="64"/>
      <c r="F5370" s="55"/>
      <c r="G5370" s="102"/>
      <c r="H5370" s="97"/>
      <c r="T5370" s="98"/>
      <c r="U5370" s="97"/>
      <c r="AG5370" s="98"/>
      <c r="AY5370" s="164"/>
      <c r="BK5370" s="98"/>
      <c r="BL5370" s="97"/>
      <c r="BX5370" s="98"/>
      <c r="CL5370" s="97"/>
      <c r="CX5370" s="98"/>
      <c r="DL5370" s="97"/>
      <c r="DX5370" s="98"/>
      <c r="EL5370" s="97"/>
      <c r="EX5370" s="98"/>
      <c r="EY5370" s="97"/>
      <c r="FL5370" s="126"/>
      <c r="FM5370" s="91"/>
      <c r="FN5370" s="91"/>
      <c r="FO5370" s="91"/>
      <c r="FP5370" s="91"/>
      <c r="FQ5370" s="91"/>
      <c r="FR5370" s="91"/>
      <c r="FS5370" s="91"/>
      <c r="FT5370" s="91"/>
      <c r="FU5370" s="91"/>
      <c r="FV5370" s="91"/>
      <c r="FW5370" s="91"/>
      <c r="FX5370" s="127"/>
      <c r="FY5370" s="126"/>
      <c r="FZ5370" s="91"/>
      <c r="GA5370" s="91"/>
      <c r="GB5370" s="91"/>
      <c r="GC5370" s="91"/>
      <c r="GD5370" s="91"/>
      <c r="GE5370" s="91"/>
      <c r="GF5370" s="91"/>
      <c r="GG5370" s="91"/>
      <c r="GH5370" s="91"/>
      <c r="GI5370" s="91"/>
      <c r="GJ5370" s="91"/>
      <c r="GK5370" s="127"/>
      <c r="GL5370" s="126"/>
      <c r="GM5370" s="91"/>
      <c r="GN5370" s="91"/>
      <c r="GO5370" s="91"/>
      <c r="GP5370" s="91"/>
      <c r="GQ5370" s="91"/>
      <c r="GR5370" s="91"/>
      <c r="GS5370" s="91"/>
      <c r="GT5370" s="91"/>
      <c r="GU5370" s="91"/>
      <c r="GV5370" s="91"/>
      <c r="GW5370" s="91"/>
      <c r="GX5370" s="127"/>
      <c r="GY5370" s="126"/>
      <c r="GZ5370" s="91"/>
      <c r="HA5370" s="91"/>
      <c r="HB5370" s="91"/>
      <c r="HC5370" s="91"/>
      <c r="HD5370" s="91"/>
      <c r="HE5370" s="91"/>
      <c r="HF5370" s="91"/>
      <c r="HG5370" s="91"/>
      <c r="HH5370" s="91"/>
      <c r="HI5370" s="91"/>
      <c r="HJ5370" s="91"/>
      <c r="HK5370" s="127"/>
      <c r="HL5370" s="126"/>
      <c r="HM5370" s="91"/>
      <c r="HN5370" s="91"/>
      <c r="HO5370" s="91"/>
      <c r="HP5370" s="91"/>
      <c r="HQ5370" s="91"/>
      <c r="HR5370" s="91"/>
      <c r="HS5370" s="91"/>
      <c r="HT5370" s="91"/>
      <c r="HU5370" s="91"/>
      <c r="HV5370" s="91"/>
      <c r="HW5370" s="91"/>
      <c r="HX5370" s="127"/>
      <c r="HY5370" s="126"/>
      <c r="HZ5370" s="91"/>
      <c r="IA5370" s="91"/>
      <c r="IB5370" s="91"/>
      <c r="IC5370" s="91"/>
      <c r="ID5370" s="91"/>
      <c r="IE5370" s="91"/>
      <c r="IF5370" s="91"/>
      <c r="IG5370" s="91"/>
      <c r="IH5370" s="91"/>
      <c r="II5370" s="91"/>
      <c r="IJ5370" s="91"/>
      <c r="IK5370" s="174"/>
    </row>
    <row r="5371" spans="2:245" x14ac:dyDescent="0.2">
      <c r="B5371" s="43"/>
      <c r="C5371" s="73"/>
      <c r="D5371" s="64"/>
      <c r="E5371" s="64"/>
      <c r="F5371" s="55"/>
      <c r="G5371" s="102"/>
      <c r="H5371" s="97"/>
      <c r="T5371" s="98"/>
      <c r="U5371" s="97"/>
      <c r="AG5371" s="98"/>
      <c r="AY5371" s="164"/>
      <c r="BK5371" s="98"/>
      <c r="BL5371" s="97"/>
      <c r="BX5371" s="98"/>
      <c r="CL5371" s="97"/>
      <c r="CX5371" s="98"/>
      <c r="DL5371" s="97"/>
      <c r="DX5371" s="98"/>
      <c r="EL5371" s="97"/>
      <c r="EX5371" s="98"/>
      <c r="EY5371" s="97"/>
      <c r="FL5371" s="126"/>
      <c r="FM5371" s="91"/>
      <c r="FN5371" s="91"/>
      <c r="FO5371" s="91"/>
      <c r="FP5371" s="91"/>
      <c r="FQ5371" s="91"/>
      <c r="FR5371" s="91"/>
      <c r="FS5371" s="91"/>
      <c r="FT5371" s="91"/>
      <c r="FU5371" s="91"/>
      <c r="FV5371" s="91"/>
      <c r="FW5371" s="91"/>
      <c r="FX5371" s="127"/>
      <c r="FY5371" s="126"/>
      <c r="FZ5371" s="91"/>
      <c r="GA5371" s="91"/>
      <c r="GB5371" s="91"/>
      <c r="GC5371" s="91"/>
      <c r="GD5371" s="91"/>
      <c r="GE5371" s="91"/>
      <c r="GF5371" s="91"/>
      <c r="GG5371" s="91"/>
      <c r="GH5371" s="91"/>
      <c r="GI5371" s="91"/>
      <c r="GJ5371" s="91"/>
      <c r="GK5371" s="127"/>
      <c r="GL5371" s="126"/>
      <c r="GM5371" s="91"/>
      <c r="GN5371" s="91"/>
      <c r="GO5371" s="91"/>
      <c r="GP5371" s="91"/>
      <c r="GQ5371" s="91"/>
      <c r="GR5371" s="91"/>
      <c r="GS5371" s="91"/>
      <c r="GT5371" s="91"/>
      <c r="GU5371" s="91"/>
      <c r="GV5371" s="91"/>
      <c r="GW5371" s="91"/>
      <c r="GX5371" s="127"/>
      <c r="GY5371" s="126"/>
      <c r="GZ5371" s="91"/>
      <c r="HA5371" s="91"/>
      <c r="HB5371" s="91"/>
      <c r="HC5371" s="91"/>
      <c r="HD5371" s="91"/>
      <c r="HE5371" s="91"/>
      <c r="HF5371" s="91"/>
      <c r="HG5371" s="91"/>
      <c r="HH5371" s="91"/>
      <c r="HI5371" s="91"/>
      <c r="HJ5371" s="91"/>
      <c r="HK5371" s="127"/>
      <c r="HL5371" s="126"/>
      <c r="HM5371" s="91"/>
      <c r="HN5371" s="91"/>
      <c r="HO5371" s="91"/>
      <c r="HP5371" s="91"/>
      <c r="HQ5371" s="91"/>
      <c r="HR5371" s="91"/>
      <c r="HS5371" s="91"/>
      <c r="HT5371" s="91"/>
      <c r="HU5371" s="91"/>
      <c r="HV5371" s="91"/>
      <c r="HW5371" s="91"/>
      <c r="HX5371" s="127"/>
      <c r="HY5371" s="126"/>
      <c r="HZ5371" s="91"/>
      <c r="IA5371" s="91"/>
      <c r="IB5371" s="91"/>
      <c r="IC5371" s="91"/>
      <c r="ID5371" s="91"/>
      <c r="IE5371" s="91"/>
      <c r="IF5371" s="91"/>
      <c r="IG5371" s="91"/>
      <c r="IH5371" s="91"/>
      <c r="II5371" s="91"/>
      <c r="IJ5371" s="91"/>
      <c r="IK5371" s="174"/>
    </row>
    <row r="5372" spans="2:245" x14ac:dyDescent="0.2">
      <c r="B5372" s="43"/>
      <c r="C5372" s="73"/>
      <c r="D5372" s="64"/>
      <c r="E5372" s="64"/>
      <c r="F5372" s="55"/>
      <c r="G5372" s="102"/>
      <c r="H5372" s="97"/>
      <c r="T5372" s="98"/>
      <c r="U5372" s="97"/>
      <c r="AG5372" s="98"/>
      <c r="AY5372" s="164"/>
      <c r="BK5372" s="98"/>
      <c r="BL5372" s="97"/>
      <c r="BX5372" s="98"/>
      <c r="CL5372" s="97"/>
      <c r="CX5372" s="98"/>
      <c r="DL5372" s="97"/>
      <c r="DX5372" s="98"/>
      <c r="EL5372" s="97"/>
      <c r="EX5372" s="98"/>
      <c r="EY5372" s="97"/>
      <c r="FL5372" s="126"/>
      <c r="FM5372" s="91"/>
      <c r="FN5372" s="91"/>
      <c r="FO5372" s="91"/>
      <c r="FP5372" s="91"/>
      <c r="FQ5372" s="91"/>
      <c r="FR5372" s="91"/>
      <c r="FS5372" s="91"/>
      <c r="FT5372" s="91"/>
      <c r="FU5372" s="91"/>
      <c r="FV5372" s="91"/>
      <c r="FW5372" s="91"/>
      <c r="FX5372" s="127"/>
      <c r="FY5372" s="126"/>
      <c r="FZ5372" s="91"/>
      <c r="GA5372" s="91"/>
      <c r="GB5372" s="91"/>
      <c r="GC5372" s="91"/>
      <c r="GD5372" s="91"/>
      <c r="GE5372" s="91"/>
      <c r="GF5372" s="91"/>
      <c r="GG5372" s="91"/>
      <c r="GH5372" s="91"/>
      <c r="GI5372" s="91"/>
      <c r="GJ5372" s="91"/>
      <c r="GK5372" s="127"/>
      <c r="GL5372" s="126"/>
      <c r="GM5372" s="91"/>
      <c r="GN5372" s="91"/>
      <c r="GO5372" s="91"/>
      <c r="GP5372" s="91"/>
      <c r="GQ5372" s="91"/>
      <c r="GR5372" s="91"/>
      <c r="GS5372" s="91"/>
      <c r="GT5372" s="91"/>
      <c r="GU5372" s="91"/>
      <c r="GV5372" s="91"/>
      <c r="GW5372" s="91"/>
      <c r="GX5372" s="127"/>
      <c r="GY5372" s="126"/>
      <c r="GZ5372" s="91"/>
      <c r="HA5372" s="91"/>
      <c r="HB5372" s="91"/>
      <c r="HC5372" s="91"/>
      <c r="HD5372" s="91"/>
      <c r="HE5372" s="91"/>
      <c r="HF5372" s="91"/>
      <c r="HG5372" s="91"/>
      <c r="HH5372" s="91"/>
      <c r="HI5372" s="91"/>
      <c r="HJ5372" s="91"/>
      <c r="HK5372" s="127"/>
      <c r="HL5372" s="126"/>
      <c r="HM5372" s="91"/>
      <c r="HN5372" s="91"/>
      <c r="HO5372" s="91"/>
      <c r="HP5372" s="91"/>
      <c r="HQ5372" s="91"/>
      <c r="HR5372" s="91"/>
      <c r="HS5372" s="91"/>
      <c r="HT5372" s="91"/>
      <c r="HU5372" s="91"/>
      <c r="HV5372" s="91"/>
      <c r="HW5372" s="91"/>
      <c r="HX5372" s="127"/>
      <c r="HY5372" s="126"/>
      <c r="HZ5372" s="91"/>
      <c r="IA5372" s="91"/>
      <c r="IB5372" s="91"/>
      <c r="IC5372" s="91"/>
      <c r="ID5372" s="91"/>
      <c r="IE5372" s="91"/>
      <c r="IF5372" s="91"/>
      <c r="IG5372" s="91"/>
      <c r="IH5372" s="91"/>
      <c r="II5372" s="91"/>
      <c r="IJ5372" s="91"/>
      <c r="IK5372" s="174"/>
    </row>
    <row r="5373" spans="2:245" x14ac:dyDescent="0.2">
      <c r="B5373" s="43"/>
      <c r="C5373" s="73"/>
      <c r="D5373" s="64"/>
      <c r="E5373" s="64"/>
      <c r="F5373" s="55"/>
      <c r="G5373" s="102"/>
      <c r="H5373" s="97"/>
      <c r="T5373" s="98"/>
      <c r="U5373" s="97"/>
      <c r="AG5373" s="98"/>
      <c r="AY5373" s="164"/>
      <c r="BK5373" s="98"/>
      <c r="BL5373" s="97"/>
      <c r="BX5373" s="98"/>
      <c r="CL5373" s="97"/>
      <c r="CX5373" s="98"/>
      <c r="DL5373" s="97"/>
      <c r="DX5373" s="98"/>
      <c r="EL5373" s="97"/>
      <c r="EX5373" s="98"/>
      <c r="EY5373" s="97"/>
      <c r="FL5373" s="126"/>
      <c r="FM5373" s="91"/>
      <c r="FN5373" s="91"/>
      <c r="FO5373" s="91"/>
      <c r="FP5373" s="91"/>
      <c r="FQ5373" s="91"/>
      <c r="FR5373" s="91"/>
      <c r="FS5373" s="91"/>
      <c r="FT5373" s="91"/>
      <c r="FU5373" s="91"/>
      <c r="FV5373" s="91"/>
      <c r="FW5373" s="91"/>
      <c r="FX5373" s="127"/>
      <c r="FY5373" s="126"/>
      <c r="FZ5373" s="91"/>
      <c r="GA5373" s="91"/>
      <c r="GB5373" s="91"/>
      <c r="GC5373" s="91"/>
      <c r="GD5373" s="91"/>
      <c r="GE5373" s="91"/>
      <c r="GF5373" s="91"/>
      <c r="GG5373" s="91"/>
      <c r="GH5373" s="91"/>
      <c r="GI5373" s="91"/>
      <c r="GJ5373" s="91"/>
      <c r="GK5373" s="127"/>
      <c r="GL5373" s="126"/>
      <c r="GM5373" s="91"/>
      <c r="GN5373" s="91"/>
      <c r="GO5373" s="91"/>
      <c r="GP5373" s="91"/>
      <c r="GQ5373" s="91"/>
      <c r="GR5373" s="91"/>
      <c r="GS5373" s="91"/>
      <c r="GT5373" s="91"/>
      <c r="GU5373" s="91"/>
      <c r="GV5373" s="91"/>
      <c r="GW5373" s="91"/>
      <c r="GX5373" s="127"/>
      <c r="GY5373" s="126"/>
      <c r="GZ5373" s="91"/>
      <c r="HA5373" s="91"/>
      <c r="HB5373" s="91"/>
      <c r="HC5373" s="91"/>
      <c r="HD5373" s="91"/>
      <c r="HE5373" s="91"/>
      <c r="HF5373" s="91"/>
      <c r="HG5373" s="91"/>
      <c r="HH5373" s="91"/>
      <c r="HI5373" s="91"/>
      <c r="HJ5373" s="91"/>
      <c r="HK5373" s="127"/>
      <c r="HL5373" s="126"/>
      <c r="HM5373" s="91"/>
      <c r="HN5373" s="91"/>
      <c r="HO5373" s="91"/>
      <c r="HP5373" s="91"/>
      <c r="HQ5373" s="91"/>
      <c r="HR5373" s="91"/>
      <c r="HS5373" s="91"/>
      <c r="HT5373" s="91"/>
      <c r="HU5373" s="91"/>
      <c r="HV5373" s="91"/>
      <c r="HW5373" s="91"/>
      <c r="HX5373" s="127"/>
      <c r="HY5373" s="126"/>
      <c r="HZ5373" s="91"/>
      <c r="IA5373" s="91"/>
      <c r="IB5373" s="91"/>
      <c r="IC5373" s="91"/>
      <c r="ID5373" s="91"/>
      <c r="IE5373" s="91"/>
      <c r="IF5373" s="91"/>
      <c r="IG5373" s="91"/>
      <c r="IH5373" s="91"/>
      <c r="II5373" s="91"/>
      <c r="IJ5373" s="91"/>
      <c r="IK5373" s="174"/>
    </row>
    <row r="5374" spans="2:245" x14ac:dyDescent="0.2">
      <c r="B5374" s="43"/>
      <c r="C5374" s="73"/>
      <c r="D5374" s="64"/>
      <c r="E5374" s="64"/>
      <c r="F5374" s="55"/>
      <c r="G5374" s="102"/>
      <c r="H5374" s="97"/>
      <c r="T5374" s="98"/>
      <c r="U5374" s="97"/>
      <c r="AG5374" s="98"/>
      <c r="AY5374" s="164"/>
      <c r="BK5374" s="98"/>
      <c r="BL5374" s="97"/>
      <c r="BX5374" s="98"/>
      <c r="CL5374" s="97"/>
      <c r="CX5374" s="98"/>
      <c r="DL5374" s="97"/>
      <c r="DX5374" s="98"/>
      <c r="EL5374" s="97"/>
      <c r="EX5374" s="98"/>
      <c r="EY5374" s="97"/>
      <c r="FL5374" s="126"/>
      <c r="FM5374" s="91"/>
      <c r="FN5374" s="91"/>
      <c r="FO5374" s="91"/>
      <c r="FP5374" s="91"/>
      <c r="FQ5374" s="91"/>
      <c r="FR5374" s="91"/>
      <c r="FS5374" s="91"/>
      <c r="FT5374" s="91"/>
      <c r="FU5374" s="91"/>
      <c r="FV5374" s="91"/>
      <c r="FW5374" s="91"/>
      <c r="FX5374" s="127"/>
      <c r="FY5374" s="126"/>
      <c r="FZ5374" s="91"/>
      <c r="GA5374" s="91"/>
      <c r="GB5374" s="91"/>
      <c r="GC5374" s="91"/>
      <c r="GD5374" s="91"/>
      <c r="GE5374" s="91"/>
      <c r="GF5374" s="91"/>
      <c r="GG5374" s="91"/>
      <c r="GH5374" s="91"/>
      <c r="GI5374" s="91"/>
      <c r="GJ5374" s="91"/>
      <c r="GK5374" s="127"/>
      <c r="GL5374" s="126"/>
      <c r="GM5374" s="91"/>
      <c r="GN5374" s="91"/>
      <c r="GO5374" s="91"/>
      <c r="GP5374" s="91"/>
      <c r="GQ5374" s="91"/>
      <c r="GR5374" s="91"/>
      <c r="GS5374" s="91"/>
      <c r="GT5374" s="91"/>
      <c r="GU5374" s="91"/>
      <c r="GV5374" s="91"/>
      <c r="GW5374" s="91"/>
      <c r="GX5374" s="127"/>
      <c r="GY5374" s="126"/>
      <c r="GZ5374" s="91"/>
      <c r="HA5374" s="91"/>
      <c r="HB5374" s="91"/>
      <c r="HC5374" s="91"/>
      <c r="HD5374" s="91"/>
      <c r="HE5374" s="91"/>
      <c r="HF5374" s="91"/>
      <c r="HG5374" s="91"/>
      <c r="HH5374" s="91"/>
      <c r="HI5374" s="91"/>
      <c r="HJ5374" s="91"/>
      <c r="HK5374" s="127"/>
      <c r="HL5374" s="126"/>
      <c r="HM5374" s="91"/>
      <c r="HN5374" s="91"/>
      <c r="HO5374" s="91"/>
      <c r="HP5374" s="91"/>
      <c r="HQ5374" s="91"/>
      <c r="HR5374" s="91"/>
      <c r="HS5374" s="91"/>
      <c r="HT5374" s="91"/>
      <c r="HU5374" s="91"/>
      <c r="HV5374" s="91"/>
      <c r="HW5374" s="91"/>
      <c r="HX5374" s="127"/>
      <c r="HY5374" s="126"/>
      <c r="HZ5374" s="91"/>
      <c r="IA5374" s="91"/>
      <c r="IB5374" s="91"/>
      <c r="IC5374" s="91"/>
      <c r="ID5374" s="91"/>
      <c r="IE5374" s="91"/>
      <c r="IF5374" s="91"/>
      <c r="IG5374" s="91"/>
      <c r="IH5374" s="91"/>
      <c r="II5374" s="91"/>
      <c r="IJ5374" s="91"/>
      <c r="IK5374" s="174"/>
    </row>
    <row r="5375" spans="2:245" x14ac:dyDescent="0.2">
      <c r="B5375" s="43"/>
      <c r="C5375" s="73"/>
      <c r="D5375" s="64"/>
      <c r="E5375" s="64"/>
      <c r="F5375" s="55"/>
      <c r="G5375" s="102"/>
      <c r="H5375" s="97"/>
      <c r="T5375" s="98"/>
      <c r="U5375" s="97"/>
      <c r="AG5375" s="98"/>
      <c r="AY5375" s="164"/>
      <c r="BK5375" s="98"/>
      <c r="BL5375" s="97"/>
      <c r="BX5375" s="98"/>
      <c r="CL5375" s="97"/>
      <c r="CX5375" s="98"/>
      <c r="DL5375" s="97"/>
      <c r="DX5375" s="98"/>
      <c r="EL5375" s="97"/>
      <c r="EX5375" s="98"/>
      <c r="EY5375" s="97"/>
      <c r="FL5375" s="126"/>
      <c r="FM5375" s="91"/>
      <c r="FN5375" s="91"/>
      <c r="FO5375" s="91"/>
      <c r="FP5375" s="91"/>
      <c r="FQ5375" s="91"/>
      <c r="FR5375" s="91"/>
      <c r="FS5375" s="91"/>
      <c r="FT5375" s="91"/>
      <c r="FU5375" s="91"/>
      <c r="FV5375" s="91"/>
      <c r="FW5375" s="91"/>
      <c r="FX5375" s="127"/>
      <c r="FY5375" s="126"/>
      <c r="FZ5375" s="91"/>
      <c r="GA5375" s="91"/>
      <c r="GB5375" s="91"/>
      <c r="GC5375" s="91"/>
      <c r="GD5375" s="91"/>
      <c r="GE5375" s="91"/>
      <c r="GF5375" s="91"/>
      <c r="GG5375" s="91"/>
      <c r="GH5375" s="91"/>
      <c r="GI5375" s="91"/>
      <c r="GJ5375" s="91"/>
      <c r="GK5375" s="127"/>
      <c r="GL5375" s="126"/>
      <c r="GM5375" s="91"/>
      <c r="GN5375" s="91"/>
      <c r="GO5375" s="91"/>
      <c r="GP5375" s="91"/>
      <c r="GQ5375" s="91"/>
      <c r="GR5375" s="91"/>
      <c r="GS5375" s="91"/>
      <c r="GT5375" s="91"/>
      <c r="GU5375" s="91"/>
      <c r="GV5375" s="91"/>
      <c r="GW5375" s="91"/>
      <c r="GX5375" s="127"/>
      <c r="GY5375" s="126"/>
      <c r="GZ5375" s="91"/>
      <c r="HA5375" s="91"/>
      <c r="HB5375" s="91"/>
      <c r="HC5375" s="91"/>
      <c r="HD5375" s="91"/>
      <c r="HE5375" s="91"/>
      <c r="HF5375" s="91"/>
      <c r="HG5375" s="91"/>
      <c r="HH5375" s="91"/>
      <c r="HI5375" s="91"/>
      <c r="HJ5375" s="91"/>
      <c r="HK5375" s="127"/>
      <c r="HL5375" s="126"/>
      <c r="HM5375" s="91"/>
      <c r="HN5375" s="91"/>
      <c r="HO5375" s="91"/>
      <c r="HP5375" s="91"/>
      <c r="HQ5375" s="91"/>
      <c r="HR5375" s="91"/>
      <c r="HS5375" s="91"/>
      <c r="HT5375" s="91"/>
      <c r="HU5375" s="91"/>
      <c r="HV5375" s="91"/>
      <c r="HW5375" s="91"/>
      <c r="HX5375" s="127"/>
      <c r="HY5375" s="126"/>
      <c r="HZ5375" s="91"/>
      <c r="IA5375" s="91"/>
      <c r="IB5375" s="91"/>
      <c r="IC5375" s="91"/>
      <c r="ID5375" s="91"/>
      <c r="IE5375" s="91"/>
      <c r="IF5375" s="91"/>
      <c r="IG5375" s="91"/>
      <c r="IH5375" s="91"/>
      <c r="II5375" s="91"/>
      <c r="IJ5375" s="91"/>
      <c r="IK5375" s="174"/>
    </row>
    <row r="5376" spans="2:245" x14ac:dyDescent="0.2">
      <c r="B5376" s="43"/>
      <c r="C5376" s="73"/>
      <c r="D5376" s="64"/>
      <c r="E5376" s="64"/>
      <c r="F5376" s="55"/>
      <c r="G5376" s="102"/>
      <c r="H5376" s="97"/>
      <c r="T5376" s="98"/>
      <c r="U5376" s="97"/>
      <c r="AG5376" s="98"/>
      <c r="AY5376" s="164"/>
      <c r="BK5376" s="98"/>
      <c r="BL5376" s="97"/>
      <c r="BX5376" s="98"/>
      <c r="CL5376" s="97"/>
      <c r="CX5376" s="98"/>
      <c r="DL5376" s="97"/>
      <c r="DX5376" s="98"/>
      <c r="EL5376" s="97"/>
      <c r="EX5376" s="98"/>
      <c r="EY5376" s="97"/>
      <c r="FL5376" s="126"/>
      <c r="FM5376" s="91"/>
      <c r="FN5376" s="91"/>
      <c r="FO5376" s="91"/>
      <c r="FP5376" s="91"/>
      <c r="FQ5376" s="91"/>
      <c r="FR5376" s="91"/>
      <c r="FS5376" s="91"/>
      <c r="FT5376" s="91"/>
      <c r="FU5376" s="91"/>
      <c r="FV5376" s="91"/>
      <c r="FW5376" s="91"/>
      <c r="FX5376" s="127"/>
      <c r="FY5376" s="126"/>
      <c r="FZ5376" s="91"/>
      <c r="GA5376" s="91"/>
      <c r="GB5376" s="91"/>
      <c r="GC5376" s="91"/>
      <c r="GD5376" s="91"/>
      <c r="GE5376" s="91"/>
      <c r="GF5376" s="91"/>
      <c r="GG5376" s="91"/>
      <c r="GH5376" s="91"/>
      <c r="GI5376" s="91"/>
      <c r="GJ5376" s="91"/>
      <c r="GK5376" s="127"/>
      <c r="GL5376" s="126"/>
      <c r="GM5376" s="91"/>
      <c r="GN5376" s="91"/>
      <c r="GO5376" s="91"/>
      <c r="GP5376" s="91"/>
      <c r="GQ5376" s="91"/>
      <c r="GR5376" s="91"/>
      <c r="GS5376" s="91"/>
      <c r="GT5376" s="91"/>
      <c r="GU5376" s="91"/>
      <c r="GV5376" s="91"/>
      <c r="GW5376" s="91"/>
      <c r="GX5376" s="127"/>
      <c r="GY5376" s="126"/>
      <c r="GZ5376" s="91"/>
      <c r="HA5376" s="91"/>
      <c r="HB5376" s="91"/>
      <c r="HC5376" s="91"/>
      <c r="HD5376" s="91"/>
      <c r="HE5376" s="91"/>
      <c r="HF5376" s="91"/>
      <c r="HG5376" s="91"/>
      <c r="HH5376" s="91"/>
      <c r="HI5376" s="91"/>
      <c r="HJ5376" s="91"/>
      <c r="HK5376" s="127"/>
      <c r="HL5376" s="126"/>
      <c r="HM5376" s="91"/>
      <c r="HN5376" s="91"/>
      <c r="HO5376" s="91"/>
      <c r="HP5376" s="91"/>
      <c r="HQ5376" s="91"/>
      <c r="HR5376" s="91"/>
      <c r="HS5376" s="91"/>
      <c r="HT5376" s="91"/>
      <c r="HU5376" s="91"/>
      <c r="HV5376" s="91"/>
      <c r="HW5376" s="91"/>
      <c r="HX5376" s="127"/>
      <c r="HY5376" s="126"/>
      <c r="HZ5376" s="91"/>
      <c r="IA5376" s="91"/>
      <c r="IB5376" s="91"/>
      <c r="IC5376" s="91"/>
      <c r="ID5376" s="91"/>
      <c r="IE5376" s="91"/>
      <c r="IF5376" s="91"/>
      <c r="IG5376" s="91"/>
      <c r="IH5376" s="91"/>
      <c r="II5376" s="91"/>
      <c r="IJ5376" s="91"/>
      <c r="IK5376" s="174"/>
    </row>
    <row r="5377" spans="2:245" x14ac:dyDescent="0.2">
      <c r="B5377" s="43"/>
      <c r="C5377" s="73"/>
      <c r="D5377" s="64"/>
      <c r="E5377" s="64"/>
      <c r="F5377" s="55"/>
      <c r="G5377" s="102"/>
      <c r="H5377" s="97"/>
      <c r="T5377" s="98"/>
      <c r="U5377" s="97"/>
      <c r="AG5377" s="98"/>
      <c r="AY5377" s="164"/>
      <c r="BK5377" s="98"/>
      <c r="BL5377" s="97"/>
      <c r="BX5377" s="98"/>
      <c r="CL5377" s="97"/>
      <c r="CX5377" s="98"/>
      <c r="DL5377" s="97"/>
      <c r="DX5377" s="98"/>
      <c r="EL5377" s="97"/>
      <c r="EX5377" s="98"/>
      <c r="EY5377" s="97"/>
      <c r="FL5377" s="126"/>
      <c r="FM5377" s="91"/>
      <c r="FN5377" s="91"/>
      <c r="FO5377" s="91"/>
      <c r="FP5377" s="91"/>
      <c r="FQ5377" s="91"/>
      <c r="FR5377" s="91"/>
      <c r="FS5377" s="91"/>
      <c r="FT5377" s="91"/>
      <c r="FU5377" s="91"/>
      <c r="FV5377" s="91"/>
      <c r="FW5377" s="91"/>
      <c r="FX5377" s="127"/>
      <c r="FY5377" s="126"/>
      <c r="FZ5377" s="91"/>
      <c r="GA5377" s="91"/>
      <c r="GB5377" s="91"/>
      <c r="GC5377" s="91"/>
      <c r="GD5377" s="91"/>
      <c r="GE5377" s="91"/>
      <c r="GF5377" s="91"/>
      <c r="GG5377" s="91"/>
      <c r="GH5377" s="91"/>
      <c r="GI5377" s="91"/>
      <c r="GJ5377" s="91"/>
      <c r="GK5377" s="127"/>
      <c r="GL5377" s="126"/>
      <c r="GM5377" s="91"/>
      <c r="GN5377" s="91"/>
      <c r="GO5377" s="91"/>
      <c r="GP5377" s="91"/>
      <c r="GQ5377" s="91"/>
      <c r="GR5377" s="91"/>
      <c r="GS5377" s="91"/>
      <c r="GT5377" s="91"/>
      <c r="GU5377" s="91"/>
      <c r="GV5377" s="91"/>
      <c r="GW5377" s="91"/>
      <c r="GX5377" s="127"/>
      <c r="GY5377" s="126"/>
      <c r="GZ5377" s="91"/>
      <c r="HA5377" s="91"/>
      <c r="HB5377" s="91"/>
      <c r="HC5377" s="91"/>
      <c r="HD5377" s="91"/>
      <c r="HE5377" s="91"/>
      <c r="HF5377" s="91"/>
      <c r="HG5377" s="91"/>
      <c r="HH5377" s="91"/>
      <c r="HI5377" s="91"/>
      <c r="HJ5377" s="91"/>
      <c r="HK5377" s="127"/>
      <c r="HL5377" s="126"/>
      <c r="HM5377" s="91"/>
      <c r="HN5377" s="91"/>
      <c r="HO5377" s="91"/>
      <c r="HP5377" s="91"/>
      <c r="HQ5377" s="91"/>
      <c r="HR5377" s="91"/>
      <c r="HS5377" s="91"/>
      <c r="HT5377" s="91"/>
      <c r="HU5377" s="91"/>
      <c r="HV5377" s="91"/>
      <c r="HW5377" s="91"/>
      <c r="HX5377" s="127"/>
      <c r="HY5377" s="126"/>
      <c r="HZ5377" s="91"/>
      <c r="IA5377" s="91"/>
      <c r="IB5377" s="91"/>
      <c r="IC5377" s="91"/>
      <c r="ID5377" s="91"/>
      <c r="IE5377" s="91"/>
      <c r="IF5377" s="91"/>
      <c r="IG5377" s="91"/>
      <c r="IH5377" s="91"/>
      <c r="II5377" s="91"/>
      <c r="IJ5377" s="91"/>
      <c r="IK5377" s="174"/>
    </row>
    <row r="5378" spans="2:245" x14ac:dyDescent="0.2">
      <c r="B5378" s="43"/>
      <c r="C5378" s="73"/>
      <c r="D5378" s="64"/>
      <c r="E5378" s="64"/>
      <c r="F5378" s="55"/>
      <c r="G5378" s="102"/>
      <c r="H5378" s="97"/>
      <c r="T5378" s="98"/>
      <c r="U5378" s="97"/>
      <c r="AG5378" s="98"/>
      <c r="AY5378" s="164"/>
      <c r="BK5378" s="98"/>
      <c r="BL5378" s="97"/>
      <c r="BX5378" s="98"/>
      <c r="CL5378" s="97"/>
      <c r="CX5378" s="98"/>
      <c r="DL5378" s="97"/>
      <c r="DX5378" s="98"/>
      <c r="EL5378" s="97"/>
      <c r="EX5378" s="98"/>
      <c r="EY5378" s="97"/>
      <c r="FL5378" s="126"/>
      <c r="FM5378" s="91"/>
      <c r="FN5378" s="91"/>
      <c r="FO5378" s="91"/>
      <c r="FP5378" s="91"/>
      <c r="FQ5378" s="91"/>
      <c r="FR5378" s="91"/>
      <c r="FS5378" s="91"/>
      <c r="FT5378" s="91"/>
      <c r="FU5378" s="91"/>
      <c r="FV5378" s="91"/>
      <c r="FW5378" s="91"/>
      <c r="FX5378" s="127"/>
      <c r="FY5378" s="126"/>
      <c r="FZ5378" s="91"/>
      <c r="GA5378" s="91"/>
      <c r="GB5378" s="91"/>
      <c r="GC5378" s="91"/>
      <c r="GD5378" s="91"/>
      <c r="GE5378" s="91"/>
      <c r="GF5378" s="91"/>
      <c r="GG5378" s="91"/>
      <c r="GH5378" s="91"/>
      <c r="GI5378" s="91"/>
      <c r="GJ5378" s="91"/>
      <c r="GK5378" s="127"/>
      <c r="GL5378" s="126"/>
      <c r="GM5378" s="91"/>
      <c r="GN5378" s="91"/>
      <c r="GO5378" s="91"/>
      <c r="GP5378" s="91"/>
      <c r="GQ5378" s="91"/>
      <c r="GR5378" s="91"/>
      <c r="GS5378" s="91"/>
      <c r="GT5378" s="91"/>
      <c r="GU5378" s="91"/>
      <c r="GV5378" s="91"/>
      <c r="GW5378" s="91"/>
      <c r="GX5378" s="127"/>
      <c r="GY5378" s="126"/>
      <c r="GZ5378" s="91"/>
      <c r="HA5378" s="91"/>
      <c r="HB5378" s="91"/>
      <c r="HC5378" s="91"/>
      <c r="HD5378" s="91"/>
      <c r="HE5378" s="91"/>
      <c r="HF5378" s="91"/>
      <c r="HG5378" s="91"/>
      <c r="HH5378" s="91"/>
      <c r="HI5378" s="91"/>
      <c r="HJ5378" s="91"/>
      <c r="HK5378" s="127"/>
      <c r="HL5378" s="126"/>
      <c r="HM5378" s="91"/>
      <c r="HN5378" s="91"/>
      <c r="HO5378" s="91"/>
      <c r="HP5378" s="91"/>
      <c r="HQ5378" s="91"/>
      <c r="HR5378" s="91"/>
      <c r="HS5378" s="91"/>
      <c r="HT5378" s="91"/>
      <c r="HU5378" s="91"/>
      <c r="HV5378" s="91"/>
      <c r="HW5378" s="91"/>
      <c r="HX5378" s="127"/>
      <c r="HY5378" s="126"/>
      <c r="HZ5378" s="91"/>
      <c r="IA5378" s="91"/>
      <c r="IB5378" s="91"/>
      <c r="IC5378" s="91"/>
      <c r="ID5378" s="91"/>
      <c r="IE5378" s="91"/>
      <c r="IF5378" s="91"/>
      <c r="IG5378" s="91"/>
      <c r="IH5378" s="91"/>
      <c r="II5378" s="91"/>
      <c r="IJ5378" s="91"/>
      <c r="IK5378" s="174"/>
    </row>
    <row r="5379" spans="2:245" x14ac:dyDescent="0.2">
      <c r="B5379" s="43"/>
      <c r="C5379" s="73"/>
      <c r="D5379" s="64"/>
      <c r="E5379" s="64"/>
      <c r="F5379" s="55"/>
      <c r="G5379" s="102"/>
      <c r="H5379" s="97"/>
      <c r="T5379" s="98"/>
      <c r="U5379" s="97"/>
      <c r="AG5379" s="98"/>
      <c r="AY5379" s="164"/>
      <c r="BK5379" s="98"/>
      <c r="BL5379" s="97"/>
      <c r="BX5379" s="98"/>
      <c r="CL5379" s="97"/>
      <c r="CX5379" s="98"/>
      <c r="DL5379" s="97"/>
      <c r="DX5379" s="98"/>
      <c r="EL5379" s="97"/>
      <c r="EX5379" s="98"/>
      <c r="EY5379" s="97"/>
      <c r="FL5379" s="126"/>
      <c r="FM5379" s="91"/>
      <c r="FN5379" s="91"/>
      <c r="FO5379" s="91"/>
      <c r="FP5379" s="91"/>
      <c r="FQ5379" s="91"/>
      <c r="FR5379" s="91"/>
      <c r="FS5379" s="91"/>
      <c r="FT5379" s="91"/>
      <c r="FU5379" s="91"/>
      <c r="FV5379" s="91"/>
      <c r="FW5379" s="91"/>
      <c r="FX5379" s="127"/>
      <c r="FY5379" s="126"/>
      <c r="FZ5379" s="91"/>
      <c r="GA5379" s="91"/>
      <c r="GB5379" s="91"/>
      <c r="GC5379" s="91"/>
      <c r="GD5379" s="91"/>
      <c r="GE5379" s="91"/>
      <c r="GF5379" s="91"/>
      <c r="GG5379" s="91"/>
      <c r="GH5379" s="91"/>
      <c r="GI5379" s="91"/>
      <c r="GJ5379" s="91"/>
      <c r="GK5379" s="127"/>
      <c r="GL5379" s="126"/>
      <c r="GM5379" s="91"/>
      <c r="GN5379" s="91"/>
      <c r="GO5379" s="91"/>
      <c r="GP5379" s="91"/>
      <c r="GQ5379" s="91"/>
      <c r="GR5379" s="91"/>
      <c r="GS5379" s="91"/>
      <c r="GT5379" s="91"/>
      <c r="GU5379" s="91"/>
      <c r="GV5379" s="91"/>
      <c r="GW5379" s="91"/>
      <c r="GX5379" s="127"/>
      <c r="GY5379" s="126"/>
      <c r="GZ5379" s="91"/>
      <c r="HA5379" s="91"/>
      <c r="HB5379" s="91"/>
      <c r="HC5379" s="91"/>
      <c r="HD5379" s="91"/>
      <c r="HE5379" s="91"/>
      <c r="HF5379" s="91"/>
      <c r="HG5379" s="91"/>
      <c r="HH5379" s="91"/>
      <c r="HI5379" s="91"/>
      <c r="HJ5379" s="91"/>
      <c r="HK5379" s="127"/>
      <c r="HL5379" s="126"/>
      <c r="HM5379" s="91"/>
      <c r="HN5379" s="91"/>
      <c r="HO5379" s="91"/>
      <c r="HP5379" s="91"/>
      <c r="HQ5379" s="91"/>
      <c r="HR5379" s="91"/>
      <c r="HS5379" s="91"/>
      <c r="HT5379" s="91"/>
      <c r="HU5379" s="91"/>
      <c r="HV5379" s="91"/>
      <c r="HW5379" s="91"/>
      <c r="HX5379" s="127"/>
      <c r="HY5379" s="126"/>
      <c r="HZ5379" s="91"/>
      <c r="IA5379" s="91"/>
      <c r="IB5379" s="91"/>
      <c r="IC5379" s="91"/>
      <c r="ID5379" s="91"/>
      <c r="IE5379" s="91"/>
      <c r="IF5379" s="91"/>
      <c r="IG5379" s="91"/>
      <c r="IH5379" s="91"/>
      <c r="II5379" s="91"/>
      <c r="IJ5379" s="91"/>
      <c r="IK5379" s="174"/>
    </row>
    <row r="5380" spans="2:245" x14ac:dyDescent="0.2">
      <c r="B5380" s="43"/>
      <c r="C5380" s="73"/>
      <c r="D5380" s="64"/>
      <c r="E5380" s="64"/>
      <c r="F5380" s="55"/>
      <c r="G5380" s="102"/>
      <c r="H5380" s="97"/>
      <c r="T5380" s="98"/>
      <c r="U5380" s="97"/>
      <c r="AG5380" s="98"/>
      <c r="AY5380" s="164"/>
      <c r="BK5380" s="98"/>
      <c r="BL5380" s="97"/>
      <c r="BX5380" s="98"/>
      <c r="CL5380" s="97"/>
      <c r="CX5380" s="98"/>
      <c r="DL5380" s="97"/>
      <c r="DX5380" s="98"/>
      <c r="EL5380" s="97"/>
      <c r="EX5380" s="98"/>
      <c r="EY5380" s="97"/>
      <c r="FL5380" s="126"/>
      <c r="FM5380" s="91"/>
      <c r="FN5380" s="91"/>
      <c r="FO5380" s="91"/>
      <c r="FP5380" s="91"/>
      <c r="FQ5380" s="91"/>
      <c r="FR5380" s="91"/>
      <c r="FS5380" s="91"/>
      <c r="FT5380" s="91"/>
      <c r="FU5380" s="91"/>
      <c r="FV5380" s="91"/>
      <c r="FW5380" s="91"/>
      <c r="FX5380" s="127"/>
      <c r="FY5380" s="126"/>
      <c r="FZ5380" s="91"/>
      <c r="GA5380" s="91"/>
      <c r="GB5380" s="91"/>
      <c r="GC5380" s="91"/>
      <c r="GD5380" s="91"/>
      <c r="GE5380" s="91"/>
      <c r="GF5380" s="91"/>
      <c r="GG5380" s="91"/>
      <c r="GH5380" s="91"/>
      <c r="GI5380" s="91"/>
      <c r="GJ5380" s="91"/>
      <c r="GK5380" s="127"/>
      <c r="GL5380" s="126"/>
      <c r="GM5380" s="91"/>
      <c r="GN5380" s="91"/>
      <c r="GO5380" s="91"/>
      <c r="GP5380" s="91"/>
      <c r="GQ5380" s="91"/>
      <c r="GR5380" s="91"/>
      <c r="GS5380" s="91"/>
      <c r="GT5380" s="91"/>
      <c r="GU5380" s="91"/>
      <c r="GV5380" s="91"/>
      <c r="GW5380" s="91"/>
      <c r="GX5380" s="127"/>
      <c r="GY5380" s="126"/>
      <c r="GZ5380" s="91"/>
      <c r="HA5380" s="91"/>
      <c r="HB5380" s="91"/>
      <c r="HC5380" s="91"/>
      <c r="HD5380" s="91"/>
      <c r="HE5380" s="91"/>
      <c r="HF5380" s="91"/>
      <c r="HG5380" s="91"/>
      <c r="HH5380" s="91"/>
      <c r="HI5380" s="91"/>
      <c r="HJ5380" s="91"/>
      <c r="HK5380" s="127"/>
      <c r="HL5380" s="126"/>
      <c r="HM5380" s="91"/>
      <c r="HN5380" s="91"/>
      <c r="HO5380" s="91"/>
      <c r="HP5380" s="91"/>
      <c r="HQ5380" s="91"/>
      <c r="HR5380" s="91"/>
      <c r="HS5380" s="91"/>
      <c r="HT5380" s="91"/>
      <c r="HU5380" s="91"/>
      <c r="HV5380" s="91"/>
      <c r="HW5380" s="91"/>
      <c r="HX5380" s="127"/>
      <c r="HY5380" s="126"/>
      <c r="HZ5380" s="91"/>
      <c r="IA5380" s="91"/>
      <c r="IB5380" s="91"/>
      <c r="IC5380" s="91"/>
      <c r="ID5380" s="91"/>
      <c r="IE5380" s="91"/>
      <c r="IF5380" s="91"/>
      <c r="IG5380" s="91"/>
      <c r="IH5380" s="91"/>
      <c r="II5380" s="91"/>
      <c r="IJ5380" s="91"/>
      <c r="IK5380" s="174"/>
    </row>
    <row r="5381" spans="2:245" x14ac:dyDescent="0.2">
      <c r="B5381" s="43"/>
      <c r="C5381" s="73"/>
      <c r="D5381" s="64"/>
      <c r="E5381" s="64"/>
      <c r="F5381" s="55"/>
      <c r="G5381" s="102"/>
      <c r="H5381" s="97"/>
      <c r="T5381" s="98"/>
      <c r="U5381" s="97"/>
      <c r="AG5381" s="98"/>
      <c r="AY5381" s="164"/>
      <c r="BK5381" s="98"/>
      <c r="BL5381" s="97"/>
      <c r="BX5381" s="98"/>
      <c r="CL5381" s="97"/>
      <c r="CX5381" s="98"/>
      <c r="DL5381" s="97"/>
      <c r="DX5381" s="98"/>
      <c r="EL5381" s="97"/>
      <c r="EX5381" s="98"/>
      <c r="EY5381" s="97"/>
      <c r="FL5381" s="126"/>
      <c r="FM5381" s="91"/>
      <c r="FN5381" s="91"/>
      <c r="FO5381" s="91"/>
      <c r="FP5381" s="91"/>
      <c r="FQ5381" s="91"/>
      <c r="FR5381" s="91"/>
      <c r="FS5381" s="91"/>
      <c r="FT5381" s="91"/>
      <c r="FU5381" s="91"/>
      <c r="FV5381" s="91"/>
      <c r="FW5381" s="91"/>
      <c r="FX5381" s="127"/>
      <c r="FY5381" s="126"/>
      <c r="FZ5381" s="91"/>
      <c r="GA5381" s="91"/>
      <c r="GB5381" s="91"/>
      <c r="GC5381" s="91"/>
      <c r="GD5381" s="91"/>
      <c r="GE5381" s="91"/>
      <c r="GF5381" s="91"/>
      <c r="GG5381" s="91"/>
      <c r="GH5381" s="91"/>
      <c r="GI5381" s="91"/>
      <c r="GJ5381" s="91"/>
      <c r="GK5381" s="127"/>
      <c r="GL5381" s="126"/>
      <c r="GM5381" s="91"/>
      <c r="GN5381" s="91"/>
      <c r="GO5381" s="91"/>
      <c r="GP5381" s="91"/>
      <c r="GQ5381" s="91"/>
      <c r="GR5381" s="91"/>
      <c r="GS5381" s="91"/>
      <c r="GT5381" s="91"/>
      <c r="GU5381" s="91"/>
      <c r="GV5381" s="91"/>
      <c r="GW5381" s="91"/>
      <c r="GX5381" s="127"/>
      <c r="GY5381" s="126"/>
      <c r="GZ5381" s="91"/>
      <c r="HA5381" s="91"/>
      <c r="HB5381" s="91"/>
      <c r="HC5381" s="91"/>
      <c r="HD5381" s="91"/>
      <c r="HE5381" s="91"/>
      <c r="HF5381" s="91"/>
      <c r="HG5381" s="91"/>
      <c r="HH5381" s="91"/>
      <c r="HI5381" s="91"/>
      <c r="HJ5381" s="91"/>
      <c r="HK5381" s="127"/>
      <c r="HL5381" s="126"/>
      <c r="HM5381" s="91"/>
      <c r="HN5381" s="91"/>
      <c r="HO5381" s="91"/>
      <c r="HP5381" s="91"/>
      <c r="HQ5381" s="91"/>
      <c r="HR5381" s="91"/>
      <c r="HS5381" s="91"/>
      <c r="HT5381" s="91"/>
      <c r="HU5381" s="91"/>
      <c r="HV5381" s="91"/>
      <c r="HW5381" s="91"/>
      <c r="HX5381" s="127"/>
      <c r="HY5381" s="126"/>
      <c r="HZ5381" s="91"/>
      <c r="IA5381" s="91"/>
      <c r="IB5381" s="91"/>
      <c r="IC5381" s="91"/>
      <c r="ID5381" s="91"/>
      <c r="IE5381" s="91"/>
      <c r="IF5381" s="91"/>
      <c r="IG5381" s="91"/>
      <c r="IH5381" s="91"/>
      <c r="II5381" s="91"/>
      <c r="IJ5381" s="91"/>
      <c r="IK5381" s="174"/>
    </row>
    <row r="5382" spans="2:245" x14ac:dyDescent="0.2">
      <c r="B5382" s="43"/>
      <c r="C5382" s="73"/>
      <c r="D5382" s="64"/>
      <c r="E5382" s="64"/>
      <c r="F5382" s="55"/>
      <c r="G5382" s="102"/>
      <c r="H5382" s="97"/>
      <c r="T5382" s="98"/>
      <c r="U5382" s="97"/>
      <c r="AG5382" s="98"/>
      <c r="AY5382" s="164"/>
      <c r="BK5382" s="98"/>
      <c r="BL5382" s="97"/>
      <c r="BX5382" s="98"/>
      <c r="CL5382" s="97"/>
      <c r="CX5382" s="98"/>
      <c r="DL5382" s="97"/>
      <c r="DX5382" s="98"/>
      <c r="EL5382" s="97"/>
      <c r="EX5382" s="98"/>
      <c r="EY5382" s="97"/>
      <c r="FL5382" s="126"/>
      <c r="FM5382" s="91"/>
      <c r="FN5382" s="91"/>
      <c r="FO5382" s="91"/>
      <c r="FP5382" s="91"/>
      <c r="FQ5382" s="91"/>
      <c r="FR5382" s="91"/>
      <c r="FS5382" s="91"/>
      <c r="FT5382" s="91"/>
      <c r="FU5382" s="91"/>
      <c r="FV5382" s="91"/>
      <c r="FW5382" s="91"/>
      <c r="FX5382" s="127"/>
      <c r="FY5382" s="126"/>
      <c r="FZ5382" s="91"/>
      <c r="GA5382" s="91"/>
      <c r="GB5382" s="91"/>
      <c r="GC5382" s="91"/>
      <c r="GD5382" s="91"/>
      <c r="GE5382" s="91"/>
      <c r="GF5382" s="91"/>
      <c r="GG5382" s="91"/>
      <c r="GH5382" s="91"/>
      <c r="GI5382" s="91"/>
      <c r="GJ5382" s="91"/>
      <c r="GK5382" s="127"/>
      <c r="GL5382" s="126"/>
      <c r="GM5382" s="91"/>
      <c r="GN5382" s="91"/>
      <c r="GO5382" s="91"/>
      <c r="GP5382" s="91"/>
      <c r="GQ5382" s="91"/>
      <c r="GR5382" s="91"/>
      <c r="GS5382" s="91"/>
      <c r="GT5382" s="91"/>
      <c r="GU5382" s="91"/>
      <c r="GV5382" s="91"/>
      <c r="GW5382" s="91"/>
      <c r="GX5382" s="127"/>
      <c r="GY5382" s="126"/>
      <c r="GZ5382" s="91"/>
      <c r="HA5382" s="91"/>
      <c r="HB5382" s="91"/>
      <c r="HC5382" s="91"/>
      <c r="HD5382" s="91"/>
      <c r="HE5382" s="91"/>
      <c r="HF5382" s="91"/>
      <c r="HG5382" s="91"/>
      <c r="HH5382" s="91"/>
      <c r="HI5382" s="91"/>
      <c r="HJ5382" s="91"/>
      <c r="HK5382" s="127"/>
      <c r="HL5382" s="126"/>
      <c r="HM5382" s="91"/>
      <c r="HN5382" s="91"/>
      <c r="HO5382" s="91"/>
      <c r="HP5382" s="91"/>
      <c r="HQ5382" s="91"/>
      <c r="HR5382" s="91"/>
      <c r="HS5382" s="91"/>
      <c r="HT5382" s="91"/>
      <c r="HU5382" s="91"/>
      <c r="HV5382" s="91"/>
      <c r="HW5382" s="91"/>
      <c r="HX5382" s="127"/>
      <c r="HY5382" s="126"/>
      <c r="HZ5382" s="91"/>
      <c r="IA5382" s="91"/>
      <c r="IB5382" s="91"/>
      <c r="IC5382" s="91"/>
      <c r="ID5382" s="91"/>
      <c r="IE5382" s="91"/>
      <c r="IF5382" s="91"/>
      <c r="IG5382" s="91"/>
      <c r="IH5382" s="91"/>
      <c r="II5382" s="91"/>
      <c r="IJ5382" s="91"/>
      <c r="IK5382" s="174"/>
    </row>
    <row r="5383" spans="2:245" x14ac:dyDescent="0.2">
      <c r="B5383" s="43"/>
      <c r="C5383" s="73"/>
      <c r="D5383" s="64"/>
      <c r="E5383" s="64"/>
      <c r="F5383" s="55"/>
      <c r="G5383" s="102"/>
      <c r="H5383" s="97"/>
      <c r="T5383" s="98"/>
      <c r="U5383" s="97"/>
      <c r="AG5383" s="98"/>
      <c r="AY5383" s="164"/>
      <c r="BK5383" s="98"/>
      <c r="BL5383" s="97"/>
      <c r="BX5383" s="98"/>
      <c r="CL5383" s="97"/>
      <c r="CX5383" s="98"/>
      <c r="DL5383" s="97"/>
      <c r="DX5383" s="98"/>
      <c r="EL5383" s="97"/>
      <c r="EX5383" s="98"/>
      <c r="EY5383" s="97"/>
      <c r="FL5383" s="126"/>
      <c r="FM5383" s="91"/>
      <c r="FN5383" s="91"/>
      <c r="FO5383" s="91"/>
      <c r="FP5383" s="91"/>
      <c r="FQ5383" s="91"/>
      <c r="FR5383" s="91"/>
      <c r="FS5383" s="91"/>
      <c r="FT5383" s="91"/>
      <c r="FU5383" s="91"/>
      <c r="FV5383" s="91"/>
      <c r="FW5383" s="91"/>
      <c r="FX5383" s="127"/>
      <c r="FY5383" s="126"/>
      <c r="FZ5383" s="91"/>
      <c r="GA5383" s="91"/>
      <c r="GB5383" s="91"/>
      <c r="GC5383" s="91"/>
      <c r="GD5383" s="91"/>
      <c r="GE5383" s="91"/>
      <c r="GF5383" s="91"/>
      <c r="GG5383" s="91"/>
      <c r="GH5383" s="91"/>
      <c r="GI5383" s="91"/>
      <c r="GJ5383" s="91"/>
      <c r="GK5383" s="127"/>
      <c r="GL5383" s="126"/>
      <c r="GM5383" s="91"/>
      <c r="GN5383" s="91"/>
      <c r="GO5383" s="91"/>
      <c r="GP5383" s="91"/>
      <c r="GQ5383" s="91"/>
      <c r="GR5383" s="91"/>
      <c r="GS5383" s="91"/>
      <c r="GT5383" s="91"/>
      <c r="GU5383" s="91"/>
      <c r="GV5383" s="91"/>
      <c r="GW5383" s="91"/>
      <c r="GX5383" s="127"/>
      <c r="GY5383" s="126"/>
      <c r="GZ5383" s="91"/>
      <c r="HA5383" s="91"/>
      <c r="HB5383" s="91"/>
      <c r="HC5383" s="91"/>
      <c r="HD5383" s="91"/>
      <c r="HE5383" s="91"/>
      <c r="HF5383" s="91"/>
      <c r="HG5383" s="91"/>
      <c r="HH5383" s="91"/>
      <c r="HI5383" s="91"/>
      <c r="HJ5383" s="91"/>
      <c r="HK5383" s="127"/>
      <c r="HL5383" s="126"/>
      <c r="HM5383" s="91"/>
      <c r="HN5383" s="91"/>
      <c r="HO5383" s="91"/>
      <c r="HP5383" s="91"/>
      <c r="HQ5383" s="91"/>
      <c r="HR5383" s="91"/>
      <c r="HS5383" s="91"/>
      <c r="HT5383" s="91"/>
      <c r="HU5383" s="91"/>
      <c r="HV5383" s="91"/>
      <c r="HW5383" s="91"/>
      <c r="HX5383" s="127"/>
      <c r="HY5383" s="126"/>
      <c r="HZ5383" s="91"/>
      <c r="IA5383" s="91"/>
      <c r="IB5383" s="91"/>
      <c r="IC5383" s="91"/>
      <c r="ID5383" s="91"/>
      <c r="IE5383" s="91"/>
      <c r="IF5383" s="91"/>
      <c r="IG5383" s="91"/>
      <c r="IH5383" s="91"/>
      <c r="II5383" s="91"/>
      <c r="IJ5383" s="91"/>
      <c r="IK5383" s="174"/>
    </row>
    <row r="5384" spans="2:245" x14ac:dyDescent="0.2">
      <c r="B5384" s="43"/>
      <c r="C5384" s="73"/>
      <c r="D5384" s="64"/>
      <c r="E5384" s="64"/>
      <c r="F5384" s="55"/>
      <c r="G5384" s="102"/>
      <c r="H5384" s="97"/>
      <c r="T5384" s="98"/>
      <c r="U5384" s="97"/>
      <c r="AG5384" s="98"/>
      <c r="AY5384" s="164"/>
      <c r="BK5384" s="98"/>
      <c r="BL5384" s="97"/>
      <c r="BX5384" s="98"/>
      <c r="CL5384" s="97"/>
      <c r="CX5384" s="98"/>
      <c r="DL5384" s="97"/>
      <c r="DX5384" s="98"/>
      <c r="EL5384" s="97"/>
      <c r="EX5384" s="98"/>
      <c r="EY5384" s="97"/>
      <c r="FL5384" s="126"/>
      <c r="FM5384" s="91"/>
      <c r="FN5384" s="91"/>
      <c r="FO5384" s="91"/>
      <c r="FP5384" s="91"/>
      <c r="FQ5384" s="91"/>
      <c r="FR5384" s="91"/>
      <c r="FS5384" s="91"/>
      <c r="FT5384" s="91"/>
      <c r="FU5384" s="91"/>
      <c r="FV5384" s="91"/>
      <c r="FW5384" s="91"/>
      <c r="FX5384" s="127"/>
      <c r="FY5384" s="126"/>
      <c r="FZ5384" s="91"/>
      <c r="GA5384" s="91"/>
      <c r="GB5384" s="91"/>
      <c r="GC5384" s="91"/>
      <c r="GD5384" s="91"/>
      <c r="GE5384" s="91"/>
      <c r="GF5384" s="91"/>
      <c r="GG5384" s="91"/>
      <c r="GH5384" s="91"/>
      <c r="GI5384" s="91"/>
      <c r="GJ5384" s="91"/>
      <c r="GK5384" s="127"/>
      <c r="GL5384" s="126"/>
      <c r="GM5384" s="91"/>
      <c r="GN5384" s="91"/>
      <c r="GO5384" s="91"/>
      <c r="GP5384" s="91"/>
      <c r="GQ5384" s="91"/>
      <c r="GR5384" s="91"/>
      <c r="GS5384" s="91"/>
      <c r="GT5384" s="91"/>
      <c r="GU5384" s="91"/>
      <c r="GV5384" s="91"/>
      <c r="GW5384" s="91"/>
      <c r="GX5384" s="127"/>
      <c r="GY5384" s="126"/>
      <c r="GZ5384" s="91"/>
      <c r="HA5384" s="91"/>
      <c r="HB5384" s="91"/>
      <c r="HC5384" s="91"/>
      <c r="HD5384" s="91"/>
      <c r="HE5384" s="91"/>
      <c r="HF5384" s="91"/>
      <c r="HG5384" s="91"/>
      <c r="HH5384" s="91"/>
      <c r="HI5384" s="91"/>
      <c r="HJ5384" s="91"/>
      <c r="HK5384" s="127"/>
      <c r="HL5384" s="126"/>
      <c r="HM5384" s="91"/>
      <c r="HN5384" s="91"/>
      <c r="HO5384" s="91"/>
      <c r="HP5384" s="91"/>
      <c r="HQ5384" s="91"/>
      <c r="HR5384" s="91"/>
      <c r="HS5384" s="91"/>
      <c r="HT5384" s="91"/>
      <c r="HU5384" s="91"/>
      <c r="HV5384" s="91"/>
      <c r="HW5384" s="91"/>
      <c r="HX5384" s="127"/>
      <c r="HY5384" s="126"/>
      <c r="HZ5384" s="91"/>
      <c r="IA5384" s="91"/>
      <c r="IB5384" s="91"/>
      <c r="IC5384" s="91"/>
      <c r="ID5384" s="91"/>
      <c r="IE5384" s="91"/>
      <c r="IF5384" s="91"/>
      <c r="IG5384" s="91"/>
      <c r="IH5384" s="91"/>
      <c r="II5384" s="91"/>
      <c r="IJ5384" s="91"/>
      <c r="IK5384" s="174"/>
    </row>
    <row r="5385" spans="2:245" x14ac:dyDescent="0.2">
      <c r="B5385" s="43"/>
      <c r="C5385" s="73"/>
      <c r="D5385" s="64"/>
      <c r="E5385" s="64"/>
      <c r="F5385" s="55"/>
      <c r="G5385" s="102"/>
      <c r="H5385" s="97"/>
      <c r="T5385" s="98"/>
      <c r="U5385" s="97"/>
      <c r="AG5385" s="98"/>
      <c r="AY5385" s="164"/>
      <c r="BK5385" s="98"/>
      <c r="BL5385" s="97"/>
      <c r="BX5385" s="98"/>
      <c r="CL5385" s="97"/>
      <c r="CX5385" s="98"/>
      <c r="DL5385" s="97"/>
      <c r="DX5385" s="98"/>
      <c r="EL5385" s="97"/>
      <c r="EX5385" s="98"/>
      <c r="EY5385" s="97"/>
      <c r="FL5385" s="126"/>
      <c r="FM5385" s="91"/>
      <c r="FN5385" s="91"/>
      <c r="FO5385" s="91"/>
      <c r="FP5385" s="91"/>
      <c r="FQ5385" s="91"/>
      <c r="FR5385" s="91"/>
      <c r="FS5385" s="91"/>
      <c r="FT5385" s="91"/>
      <c r="FU5385" s="91"/>
      <c r="FV5385" s="91"/>
      <c r="FW5385" s="91"/>
      <c r="FX5385" s="127"/>
      <c r="FY5385" s="126"/>
      <c r="FZ5385" s="91"/>
      <c r="GA5385" s="91"/>
      <c r="GB5385" s="91"/>
      <c r="GC5385" s="91"/>
      <c r="GD5385" s="91"/>
      <c r="GE5385" s="91"/>
      <c r="GF5385" s="91"/>
      <c r="GG5385" s="91"/>
      <c r="GH5385" s="91"/>
      <c r="GI5385" s="91"/>
      <c r="GJ5385" s="91"/>
      <c r="GK5385" s="127"/>
      <c r="GL5385" s="126"/>
      <c r="GM5385" s="91"/>
      <c r="GN5385" s="91"/>
      <c r="GO5385" s="91"/>
      <c r="GP5385" s="91"/>
      <c r="GQ5385" s="91"/>
      <c r="GR5385" s="91"/>
      <c r="GS5385" s="91"/>
      <c r="GT5385" s="91"/>
      <c r="GU5385" s="91"/>
      <c r="GV5385" s="91"/>
      <c r="GW5385" s="91"/>
      <c r="GX5385" s="127"/>
      <c r="GY5385" s="126"/>
      <c r="GZ5385" s="91"/>
      <c r="HA5385" s="91"/>
      <c r="HB5385" s="91"/>
      <c r="HC5385" s="91"/>
      <c r="HD5385" s="91"/>
      <c r="HE5385" s="91"/>
      <c r="HF5385" s="91"/>
      <c r="HG5385" s="91"/>
      <c r="HH5385" s="91"/>
      <c r="HI5385" s="91"/>
      <c r="HJ5385" s="91"/>
      <c r="HK5385" s="127"/>
      <c r="HL5385" s="126"/>
      <c r="HM5385" s="91"/>
      <c r="HN5385" s="91"/>
      <c r="HO5385" s="91"/>
      <c r="HP5385" s="91"/>
      <c r="HQ5385" s="91"/>
      <c r="HR5385" s="91"/>
      <c r="HS5385" s="91"/>
      <c r="HT5385" s="91"/>
      <c r="HU5385" s="91"/>
      <c r="HV5385" s="91"/>
      <c r="HW5385" s="91"/>
      <c r="HX5385" s="127"/>
      <c r="HY5385" s="126"/>
      <c r="HZ5385" s="91"/>
      <c r="IA5385" s="91"/>
      <c r="IB5385" s="91"/>
      <c r="IC5385" s="91"/>
      <c r="ID5385" s="91"/>
      <c r="IE5385" s="91"/>
      <c r="IF5385" s="91"/>
      <c r="IG5385" s="91"/>
      <c r="IH5385" s="91"/>
      <c r="II5385" s="91"/>
      <c r="IJ5385" s="91"/>
      <c r="IK5385" s="174"/>
    </row>
    <row r="5386" spans="2:245" x14ac:dyDescent="0.2">
      <c r="B5386" s="43"/>
      <c r="C5386" s="73"/>
      <c r="D5386" s="64"/>
      <c r="E5386" s="64"/>
      <c r="F5386" s="55"/>
      <c r="G5386" s="102"/>
      <c r="H5386" s="97"/>
      <c r="T5386" s="98"/>
      <c r="U5386" s="97"/>
      <c r="AG5386" s="98"/>
      <c r="AY5386" s="164"/>
      <c r="BK5386" s="98"/>
      <c r="BL5386" s="97"/>
      <c r="BX5386" s="98"/>
      <c r="CL5386" s="97"/>
      <c r="CX5386" s="98"/>
      <c r="DL5386" s="97"/>
      <c r="DX5386" s="98"/>
      <c r="EL5386" s="97"/>
      <c r="EX5386" s="98"/>
      <c r="EY5386" s="97"/>
      <c r="FL5386" s="126"/>
      <c r="FM5386" s="91"/>
      <c r="FN5386" s="91"/>
      <c r="FO5386" s="91"/>
      <c r="FP5386" s="91"/>
      <c r="FQ5386" s="91"/>
      <c r="FR5386" s="91"/>
      <c r="FS5386" s="91"/>
      <c r="FT5386" s="91"/>
      <c r="FU5386" s="91"/>
      <c r="FV5386" s="91"/>
      <c r="FW5386" s="91"/>
      <c r="FX5386" s="127"/>
      <c r="FY5386" s="126"/>
      <c r="FZ5386" s="91"/>
      <c r="GA5386" s="91"/>
      <c r="GB5386" s="91"/>
      <c r="GC5386" s="91"/>
      <c r="GD5386" s="91"/>
      <c r="GE5386" s="91"/>
      <c r="GF5386" s="91"/>
      <c r="GG5386" s="91"/>
      <c r="GH5386" s="91"/>
      <c r="GI5386" s="91"/>
      <c r="GJ5386" s="91"/>
      <c r="GK5386" s="127"/>
      <c r="GL5386" s="126"/>
      <c r="GM5386" s="91"/>
      <c r="GN5386" s="91"/>
      <c r="GO5386" s="91"/>
      <c r="GP5386" s="91"/>
      <c r="GQ5386" s="91"/>
      <c r="GR5386" s="91"/>
      <c r="GS5386" s="91"/>
      <c r="GT5386" s="91"/>
      <c r="GU5386" s="91"/>
      <c r="GV5386" s="91"/>
      <c r="GW5386" s="91"/>
      <c r="GX5386" s="127"/>
      <c r="GY5386" s="126"/>
      <c r="GZ5386" s="91"/>
      <c r="HA5386" s="91"/>
      <c r="HB5386" s="91"/>
      <c r="HC5386" s="91"/>
      <c r="HD5386" s="91"/>
      <c r="HE5386" s="91"/>
      <c r="HF5386" s="91"/>
      <c r="HG5386" s="91"/>
      <c r="HH5386" s="91"/>
      <c r="HI5386" s="91"/>
      <c r="HJ5386" s="91"/>
      <c r="HK5386" s="127"/>
      <c r="HL5386" s="126"/>
      <c r="HM5386" s="91"/>
      <c r="HN5386" s="91"/>
      <c r="HO5386" s="91"/>
      <c r="HP5386" s="91"/>
      <c r="HQ5386" s="91"/>
      <c r="HR5386" s="91"/>
      <c r="HS5386" s="91"/>
      <c r="HT5386" s="91"/>
      <c r="HU5386" s="91"/>
      <c r="HV5386" s="91"/>
      <c r="HW5386" s="91"/>
      <c r="HX5386" s="127"/>
      <c r="HY5386" s="126"/>
      <c r="HZ5386" s="91"/>
      <c r="IA5386" s="91"/>
      <c r="IB5386" s="91"/>
      <c r="IC5386" s="91"/>
      <c r="ID5386" s="91"/>
      <c r="IE5386" s="91"/>
      <c r="IF5386" s="91"/>
      <c r="IG5386" s="91"/>
      <c r="IH5386" s="91"/>
      <c r="II5386" s="91"/>
      <c r="IJ5386" s="91"/>
      <c r="IK5386" s="174"/>
    </row>
    <row r="5387" spans="2:245" x14ac:dyDescent="0.2">
      <c r="B5387" s="43"/>
      <c r="C5387" s="73"/>
      <c r="D5387" s="64"/>
      <c r="E5387" s="64"/>
      <c r="F5387" s="55"/>
      <c r="G5387" s="102"/>
      <c r="H5387" s="97"/>
      <c r="T5387" s="98"/>
      <c r="U5387" s="97"/>
      <c r="AG5387" s="98"/>
      <c r="AY5387" s="164"/>
      <c r="BK5387" s="98"/>
      <c r="BL5387" s="97"/>
      <c r="BX5387" s="98"/>
      <c r="CL5387" s="97"/>
      <c r="CX5387" s="98"/>
      <c r="DL5387" s="97"/>
      <c r="DX5387" s="98"/>
      <c r="EL5387" s="97"/>
      <c r="EX5387" s="98"/>
      <c r="EY5387" s="97"/>
      <c r="FL5387" s="126"/>
      <c r="FM5387" s="91"/>
      <c r="FN5387" s="91"/>
      <c r="FO5387" s="91"/>
      <c r="FP5387" s="91"/>
      <c r="FQ5387" s="91"/>
      <c r="FR5387" s="91"/>
      <c r="FS5387" s="91"/>
      <c r="FT5387" s="91"/>
      <c r="FU5387" s="91"/>
      <c r="FV5387" s="91"/>
      <c r="FW5387" s="91"/>
      <c r="FX5387" s="127"/>
      <c r="FY5387" s="126"/>
      <c r="FZ5387" s="91"/>
      <c r="GA5387" s="91"/>
      <c r="GB5387" s="91"/>
      <c r="GC5387" s="91"/>
      <c r="GD5387" s="91"/>
      <c r="GE5387" s="91"/>
      <c r="GF5387" s="91"/>
      <c r="GG5387" s="91"/>
      <c r="GH5387" s="91"/>
      <c r="GI5387" s="91"/>
      <c r="GJ5387" s="91"/>
      <c r="GK5387" s="127"/>
      <c r="GL5387" s="126"/>
      <c r="GM5387" s="91"/>
      <c r="GN5387" s="91"/>
      <c r="GO5387" s="91"/>
      <c r="GP5387" s="91"/>
      <c r="GQ5387" s="91"/>
      <c r="GR5387" s="91"/>
      <c r="GS5387" s="91"/>
      <c r="GT5387" s="91"/>
      <c r="GU5387" s="91"/>
      <c r="GV5387" s="91"/>
      <c r="GW5387" s="91"/>
      <c r="GX5387" s="127"/>
      <c r="GY5387" s="126"/>
      <c r="GZ5387" s="91"/>
      <c r="HA5387" s="91"/>
      <c r="HB5387" s="91"/>
      <c r="HC5387" s="91"/>
      <c r="HD5387" s="91"/>
      <c r="HE5387" s="91"/>
      <c r="HF5387" s="91"/>
      <c r="HG5387" s="91"/>
      <c r="HH5387" s="91"/>
      <c r="HI5387" s="91"/>
      <c r="HJ5387" s="91"/>
      <c r="HK5387" s="127"/>
      <c r="HL5387" s="126"/>
      <c r="HM5387" s="91"/>
      <c r="HN5387" s="91"/>
      <c r="HO5387" s="91"/>
      <c r="HP5387" s="91"/>
      <c r="HQ5387" s="91"/>
      <c r="HR5387" s="91"/>
      <c r="HS5387" s="91"/>
      <c r="HT5387" s="91"/>
      <c r="HU5387" s="91"/>
      <c r="HV5387" s="91"/>
      <c r="HW5387" s="91"/>
      <c r="HX5387" s="127"/>
      <c r="HY5387" s="126"/>
      <c r="HZ5387" s="91"/>
      <c r="IA5387" s="91"/>
      <c r="IB5387" s="91"/>
      <c r="IC5387" s="91"/>
      <c r="ID5387" s="91"/>
      <c r="IE5387" s="91"/>
      <c r="IF5387" s="91"/>
      <c r="IG5387" s="91"/>
      <c r="IH5387" s="91"/>
      <c r="II5387" s="91"/>
      <c r="IJ5387" s="91"/>
      <c r="IK5387" s="174"/>
    </row>
    <row r="5388" spans="2:245" x14ac:dyDescent="0.2">
      <c r="B5388" s="43"/>
      <c r="C5388" s="73"/>
      <c r="D5388" s="64"/>
      <c r="E5388" s="64"/>
      <c r="F5388" s="55"/>
      <c r="G5388" s="102"/>
      <c r="H5388" s="97"/>
      <c r="T5388" s="98"/>
      <c r="U5388" s="97"/>
      <c r="AG5388" s="98"/>
      <c r="AY5388" s="164"/>
      <c r="BK5388" s="98"/>
      <c r="BL5388" s="97"/>
      <c r="BX5388" s="98"/>
      <c r="CL5388" s="97"/>
      <c r="CX5388" s="98"/>
      <c r="DL5388" s="97"/>
      <c r="DX5388" s="98"/>
      <c r="EL5388" s="97"/>
      <c r="EX5388" s="98"/>
      <c r="EY5388" s="97"/>
      <c r="FL5388" s="126"/>
      <c r="FM5388" s="91"/>
      <c r="FN5388" s="91"/>
      <c r="FO5388" s="91"/>
      <c r="FP5388" s="91"/>
      <c r="FQ5388" s="91"/>
      <c r="FR5388" s="91"/>
      <c r="FS5388" s="91"/>
      <c r="FT5388" s="91"/>
      <c r="FU5388" s="91"/>
      <c r="FV5388" s="91"/>
      <c r="FW5388" s="91"/>
      <c r="FX5388" s="127"/>
      <c r="FY5388" s="126"/>
      <c r="FZ5388" s="91"/>
      <c r="GA5388" s="91"/>
      <c r="GB5388" s="91"/>
      <c r="GC5388" s="91"/>
      <c r="GD5388" s="91"/>
      <c r="GE5388" s="91"/>
      <c r="GF5388" s="91"/>
      <c r="GG5388" s="91"/>
      <c r="GH5388" s="91"/>
      <c r="GI5388" s="91"/>
      <c r="GJ5388" s="91"/>
      <c r="GK5388" s="127"/>
      <c r="GL5388" s="126"/>
      <c r="GM5388" s="91"/>
      <c r="GN5388" s="91"/>
      <c r="GO5388" s="91"/>
      <c r="GP5388" s="91"/>
      <c r="GQ5388" s="91"/>
      <c r="GR5388" s="91"/>
      <c r="GS5388" s="91"/>
      <c r="GT5388" s="91"/>
      <c r="GU5388" s="91"/>
      <c r="GV5388" s="91"/>
      <c r="GW5388" s="91"/>
      <c r="GX5388" s="127"/>
      <c r="GY5388" s="126"/>
      <c r="GZ5388" s="91"/>
      <c r="HA5388" s="91"/>
      <c r="HB5388" s="91"/>
      <c r="HC5388" s="91"/>
      <c r="HD5388" s="91"/>
      <c r="HE5388" s="91"/>
      <c r="HF5388" s="91"/>
      <c r="HG5388" s="91"/>
      <c r="HH5388" s="91"/>
      <c r="HI5388" s="91"/>
      <c r="HJ5388" s="91"/>
      <c r="HK5388" s="127"/>
      <c r="HL5388" s="126"/>
      <c r="HM5388" s="91"/>
      <c r="HN5388" s="91"/>
      <c r="HO5388" s="91"/>
      <c r="HP5388" s="91"/>
      <c r="HQ5388" s="91"/>
      <c r="HR5388" s="91"/>
      <c r="HS5388" s="91"/>
      <c r="HT5388" s="91"/>
      <c r="HU5388" s="91"/>
      <c r="HV5388" s="91"/>
      <c r="HW5388" s="91"/>
      <c r="HX5388" s="127"/>
      <c r="HY5388" s="126"/>
      <c r="HZ5388" s="91"/>
      <c r="IA5388" s="91"/>
      <c r="IB5388" s="91"/>
      <c r="IC5388" s="91"/>
      <c r="ID5388" s="91"/>
      <c r="IE5388" s="91"/>
      <c r="IF5388" s="91"/>
      <c r="IG5388" s="91"/>
      <c r="IH5388" s="91"/>
      <c r="II5388" s="91"/>
      <c r="IJ5388" s="91"/>
      <c r="IK5388" s="174"/>
    </row>
    <row r="5389" spans="2:245" x14ac:dyDescent="0.2">
      <c r="B5389" s="43"/>
      <c r="C5389" s="73"/>
      <c r="D5389" s="64"/>
      <c r="E5389" s="64"/>
      <c r="F5389" s="55"/>
      <c r="G5389" s="102"/>
      <c r="H5389" s="97"/>
      <c r="T5389" s="98"/>
      <c r="U5389" s="97"/>
      <c r="AG5389" s="98"/>
      <c r="AY5389" s="164"/>
      <c r="BK5389" s="98"/>
      <c r="BL5389" s="97"/>
      <c r="BX5389" s="98"/>
      <c r="CL5389" s="97"/>
      <c r="CX5389" s="98"/>
      <c r="DL5389" s="97"/>
      <c r="DX5389" s="98"/>
      <c r="EL5389" s="97"/>
      <c r="EX5389" s="98"/>
      <c r="EY5389" s="97"/>
      <c r="FL5389" s="126"/>
      <c r="FM5389" s="91"/>
      <c r="FN5389" s="91"/>
      <c r="FO5389" s="91"/>
      <c r="FP5389" s="91"/>
      <c r="FQ5389" s="91"/>
      <c r="FR5389" s="91"/>
      <c r="FS5389" s="91"/>
      <c r="FT5389" s="91"/>
      <c r="FU5389" s="91"/>
      <c r="FV5389" s="91"/>
      <c r="FW5389" s="91"/>
      <c r="FX5389" s="127"/>
      <c r="FY5389" s="126"/>
      <c r="FZ5389" s="91"/>
      <c r="GA5389" s="91"/>
      <c r="GB5389" s="91"/>
      <c r="GC5389" s="91"/>
      <c r="GD5389" s="91"/>
      <c r="GE5389" s="91"/>
      <c r="GF5389" s="91"/>
      <c r="GG5389" s="91"/>
      <c r="GH5389" s="91"/>
      <c r="GI5389" s="91"/>
      <c r="GJ5389" s="91"/>
      <c r="GK5389" s="127"/>
      <c r="GL5389" s="126"/>
      <c r="GM5389" s="91"/>
      <c r="GN5389" s="91"/>
      <c r="GO5389" s="91"/>
      <c r="GP5389" s="91"/>
      <c r="GQ5389" s="91"/>
      <c r="GR5389" s="91"/>
      <c r="GS5389" s="91"/>
      <c r="GT5389" s="91"/>
      <c r="GU5389" s="91"/>
      <c r="GV5389" s="91"/>
      <c r="GW5389" s="91"/>
      <c r="GX5389" s="127"/>
      <c r="GY5389" s="126"/>
      <c r="GZ5389" s="91"/>
      <c r="HA5389" s="91"/>
      <c r="HB5389" s="91"/>
      <c r="HC5389" s="91"/>
      <c r="HD5389" s="91"/>
      <c r="HE5389" s="91"/>
      <c r="HF5389" s="91"/>
      <c r="HG5389" s="91"/>
      <c r="HH5389" s="91"/>
      <c r="HI5389" s="91"/>
      <c r="HJ5389" s="91"/>
      <c r="HK5389" s="127"/>
      <c r="HL5389" s="126"/>
      <c r="HM5389" s="91"/>
      <c r="HN5389" s="91"/>
      <c r="HO5389" s="91"/>
      <c r="HP5389" s="91"/>
      <c r="HQ5389" s="91"/>
      <c r="HR5389" s="91"/>
      <c r="HS5389" s="91"/>
      <c r="HT5389" s="91"/>
      <c r="HU5389" s="91"/>
      <c r="HV5389" s="91"/>
      <c r="HW5389" s="91"/>
      <c r="HX5389" s="127"/>
      <c r="HY5389" s="126"/>
      <c r="HZ5389" s="91"/>
      <c r="IA5389" s="91"/>
      <c r="IB5389" s="91"/>
      <c r="IC5389" s="91"/>
      <c r="ID5389" s="91"/>
      <c r="IE5389" s="91"/>
      <c r="IF5389" s="91"/>
      <c r="IG5389" s="91"/>
      <c r="IH5389" s="91"/>
      <c r="II5389" s="91"/>
      <c r="IJ5389" s="91"/>
      <c r="IK5389" s="174"/>
    </row>
    <row r="5390" spans="2:245" x14ac:dyDescent="0.2">
      <c r="B5390" s="43"/>
      <c r="C5390" s="73"/>
      <c r="D5390" s="64"/>
      <c r="E5390" s="64"/>
      <c r="F5390" s="55"/>
      <c r="G5390" s="102"/>
      <c r="H5390" s="97"/>
      <c r="T5390" s="98"/>
      <c r="U5390" s="97"/>
      <c r="AG5390" s="98"/>
      <c r="AY5390" s="164"/>
      <c r="BK5390" s="98"/>
      <c r="BL5390" s="97"/>
      <c r="BX5390" s="98"/>
      <c r="CL5390" s="97"/>
      <c r="CX5390" s="98"/>
      <c r="DL5390" s="97"/>
      <c r="DX5390" s="98"/>
      <c r="EL5390" s="97"/>
      <c r="EX5390" s="98"/>
      <c r="EY5390" s="97"/>
      <c r="FL5390" s="126"/>
      <c r="FM5390" s="91"/>
      <c r="FN5390" s="91"/>
      <c r="FO5390" s="91"/>
      <c r="FP5390" s="91"/>
      <c r="FQ5390" s="91"/>
      <c r="FR5390" s="91"/>
      <c r="FS5390" s="91"/>
      <c r="FT5390" s="91"/>
      <c r="FU5390" s="91"/>
      <c r="FV5390" s="91"/>
      <c r="FW5390" s="91"/>
      <c r="FX5390" s="127"/>
      <c r="FY5390" s="126"/>
      <c r="FZ5390" s="91"/>
      <c r="GA5390" s="91"/>
      <c r="GB5390" s="91"/>
      <c r="GC5390" s="91"/>
      <c r="GD5390" s="91"/>
      <c r="GE5390" s="91"/>
      <c r="GF5390" s="91"/>
      <c r="GG5390" s="91"/>
      <c r="GH5390" s="91"/>
      <c r="GI5390" s="91"/>
      <c r="GJ5390" s="91"/>
      <c r="GK5390" s="127"/>
      <c r="GL5390" s="126"/>
      <c r="GM5390" s="91"/>
      <c r="GN5390" s="91"/>
      <c r="GO5390" s="91"/>
      <c r="GP5390" s="91"/>
      <c r="GQ5390" s="91"/>
      <c r="GR5390" s="91"/>
      <c r="GS5390" s="91"/>
      <c r="GT5390" s="91"/>
      <c r="GU5390" s="91"/>
      <c r="GV5390" s="91"/>
      <c r="GW5390" s="91"/>
      <c r="GX5390" s="127"/>
      <c r="GY5390" s="126"/>
      <c r="GZ5390" s="91"/>
      <c r="HA5390" s="91"/>
      <c r="HB5390" s="91"/>
      <c r="HC5390" s="91"/>
      <c r="HD5390" s="91"/>
      <c r="HE5390" s="91"/>
      <c r="HF5390" s="91"/>
      <c r="HG5390" s="91"/>
      <c r="HH5390" s="91"/>
      <c r="HI5390" s="91"/>
      <c r="HJ5390" s="91"/>
      <c r="HK5390" s="127"/>
      <c r="HL5390" s="126"/>
      <c r="HM5390" s="91"/>
      <c r="HN5390" s="91"/>
      <c r="HO5390" s="91"/>
      <c r="HP5390" s="91"/>
      <c r="HQ5390" s="91"/>
      <c r="HR5390" s="91"/>
      <c r="HS5390" s="91"/>
      <c r="HT5390" s="91"/>
      <c r="HU5390" s="91"/>
      <c r="HV5390" s="91"/>
      <c r="HW5390" s="91"/>
      <c r="HX5390" s="127"/>
      <c r="HY5390" s="126"/>
      <c r="HZ5390" s="91"/>
      <c r="IA5390" s="91"/>
      <c r="IB5390" s="91"/>
      <c r="IC5390" s="91"/>
      <c r="ID5390" s="91"/>
      <c r="IE5390" s="91"/>
      <c r="IF5390" s="91"/>
      <c r="IG5390" s="91"/>
      <c r="IH5390" s="91"/>
      <c r="II5390" s="91"/>
      <c r="IJ5390" s="91"/>
      <c r="IK5390" s="174"/>
    </row>
    <row r="5391" spans="2:245" x14ac:dyDescent="0.2">
      <c r="B5391" s="43"/>
      <c r="C5391" s="73"/>
      <c r="D5391" s="64"/>
      <c r="E5391" s="64"/>
      <c r="F5391" s="55"/>
      <c r="G5391" s="102"/>
      <c r="H5391" s="97"/>
      <c r="T5391" s="98"/>
      <c r="U5391" s="97"/>
      <c r="AG5391" s="98"/>
      <c r="AY5391" s="164"/>
      <c r="BK5391" s="98"/>
      <c r="BL5391" s="97"/>
      <c r="BX5391" s="98"/>
      <c r="CL5391" s="97"/>
      <c r="CX5391" s="98"/>
      <c r="DL5391" s="97"/>
      <c r="DX5391" s="98"/>
      <c r="EL5391" s="97"/>
      <c r="EX5391" s="98"/>
      <c r="EY5391" s="97"/>
      <c r="FL5391" s="126"/>
      <c r="FM5391" s="91"/>
      <c r="FN5391" s="91"/>
      <c r="FO5391" s="91"/>
      <c r="FP5391" s="91"/>
      <c r="FQ5391" s="91"/>
      <c r="FR5391" s="91"/>
      <c r="FS5391" s="91"/>
      <c r="FT5391" s="91"/>
      <c r="FU5391" s="91"/>
      <c r="FV5391" s="91"/>
      <c r="FW5391" s="91"/>
      <c r="FX5391" s="127"/>
      <c r="FY5391" s="126"/>
      <c r="FZ5391" s="91"/>
      <c r="GA5391" s="91"/>
      <c r="GB5391" s="91"/>
      <c r="GC5391" s="91"/>
      <c r="GD5391" s="91"/>
      <c r="GE5391" s="91"/>
      <c r="GF5391" s="91"/>
      <c r="GG5391" s="91"/>
      <c r="GH5391" s="91"/>
      <c r="GI5391" s="91"/>
      <c r="GJ5391" s="91"/>
      <c r="GK5391" s="127"/>
      <c r="GL5391" s="126"/>
      <c r="GM5391" s="91"/>
      <c r="GN5391" s="91"/>
      <c r="GO5391" s="91"/>
      <c r="GP5391" s="91"/>
      <c r="GQ5391" s="91"/>
      <c r="GR5391" s="91"/>
      <c r="GS5391" s="91"/>
      <c r="GT5391" s="91"/>
      <c r="GU5391" s="91"/>
      <c r="GV5391" s="91"/>
      <c r="GW5391" s="91"/>
      <c r="GX5391" s="127"/>
      <c r="GY5391" s="126"/>
      <c r="GZ5391" s="91"/>
      <c r="HA5391" s="91"/>
      <c r="HB5391" s="91"/>
      <c r="HC5391" s="91"/>
      <c r="HD5391" s="91"/>
      <c r="HE5391" s="91"/>
      <c r="HF5391" s="91"/>
      <c r="HG5391" s="91"/>
      <c r="HH5391" s="91"/>
      <c r="HI5391" s="91"/>
      <c r="HJ5391" s="91"/>
      <c r="HK5391" s="127"/>
      <c r="HL5391" s="126"/>
      <c r="HM5391" s="91"/>
      <c r="HN5391" s="91"/>
      <c r="HO5391" s="91"/>
      <c r="HP5391" s="91"/>
      <c r="HQ5391" s="91"/>
      <c r="HR5391" s="91"/>
      <c r="HS5391" s="91"/>
      <c r="HT5391" s="91"/>
      <c r="HU5391" s="91"/>
      <c r="HV5391" s="91"/>
      <c r="HW5391" s="91"/>
      <c r="HX5391" s="127"/>
      <c r="HY5391" s="126"/>
      <c r="HZ5391" s="91"/>
      <c r="IA5391" s="91"/>
      <c r="IB5391" s="91"/>
      <c r="IC5391" s="91"/>
      <c r="ID5391" s="91"/>
      <c r="IE5391" s="91"/>
      <c r="IF5391" s="91"/>
      <c r="IG5391" s="91"/>
      <c r="IH5391" s="91"/>
      <c r="II5391" s="91"/>
      <c r="IJ5391" s="91"/>
      <c r="IK5391" s="174"/>
    </row>
    <row r="5392" spans="2:245" x14ac:dyDescent="0.2">
      <c r="B5392" s="43"/>
      <c r="C5392" s="73"/>
      <c r="D5392" s="64"/>
      <c r="E5392" s="64"/>
      <c r="F5392" s="55"/>
      <c r="G5392" s="102"/>
      <c r="H5392" s="97"/>
      <c r="T5392" s="98"/>
      <c r="U5392" s="97"/>
      <c r="AG5392" s="98"/>
      <c r="AY5392" s="164"/>
      <c r="BK5392" s="98"/>
      <c r="BL5392" s="97"/>
      <c r="BX5392" s="98"/>
      <c r="CL5392" s="97"/>
      <c r="CX5392" s="98"/>
      <c r="DL5392" s="97"/>
      <c r="DX5392" s="98"/>
      <c r="EL5392" s="97"/>
      <c r="EX5392" s="98"/>
      <c r="EY5392" s="97"/>
      <c r="FL5392" s="126"/>
      <c r="FM5392" s="91"/>
      <c r="FN5392" s="91"/>
      <c r="FO5392" s="91"/>
      <c r="FP5392" s="91"/>
      <c r="FQ5392" s="91"/>
      <c r="FR5392" s="91"/>
      <c r="FS5392" s="91"/>
      <c r="FT5392" s="91"/>
      <c r="FU5392" s="91"/>
      <c r="FV5392" s="91"/>
      <c r="FW5392" s="91"/>
      <c r="FX5392" s="127"/>
      <c r="FY5392" s="126"/>
      <c r="FZ5392" s="91"/>
      <c r="GA5392" s="91"/>
      <c r="GB5392" s="91"/>
      <c r="GC5392" s="91"/>
      <c r="GD5392" s="91"/>
      <c r="GE5392" s="91"/>
      <c r="GF5392" s="91"/>
      <c r="GG5392" s="91"/>
      <c r="GH5392" s="91"/>
      <c r="GI5392" s="91"/>
      <c r="GJ5392" s="91"/>
      <c r="GK5392" s="127"/>
      <c r="GL5392" s="126"/>
      <c r="GM5392" s="91"/>
      <c r="GN5392" s="91"/>
      <c r="GO5392" s="91"/>
      <c r="GP5392" s="91"/>
      <c r="GQ5392" s="91"/>
      <c r="GR5392" s="91"/>
      <c r="GS5392" s="91"/>
      <c r="GT5392" s="91"/>
      <c r="GU5392" s="91"/>
      <c r="GV5392" s="91"/>
      <c r="GW5392" s="91"/>
      <c r="GX5392" s="127"/>
      <c r="GY5392" s="126"/>
      <c r="GZ5392" s="91"/>
      <c r="HA5392" s="91"/>
      <c r="HB5392" s="91"/>
      <c r="HC5392" s="91"/>
      <c r="HD5392" s="91"/>
      <c r="HE5392" s="91"/>
      <c r="HF5392" s="91"/>
      <c r="HG5392" s="91"/>
      <c r="HH5392" s="91"/>
      <c r="HI5392" s="91"/>
      <c r="HJ5392" s="91"/>
      <c r="HK5392" s="127"/>
      <c r="HL5392" s="126"/>
      <c r="HM5392" s="91"/>
      <c r="HN5392" s="91"/>
      <c r="HO5392" s="91"/>
      <c r="HP5392" s="91"/>
      <c r="HQ5392" s="91"/>
      <c r="HR5392" s="91"/>
      <c r="HS5392" s="91"/>
      <c r="HT5392" s="91"/>
      <c r="HU5392" s="91"/>
      <c r="HV5392" s="91"/>
      <c r="HW5392" s="91"/>
      <c r="HX5392" s="127"/>
      <c r="HY5392" s="126"/>
      <c r="HZ5392" s="91"/>
      <c r="IA5392" s="91"/>
      <c r="IB5392" s="91"/>
      <c r="IC5392" s="91"/>
      <c r="ID5392" s="91"/>
      <c r="IE5392" s="91"/>
      <c r="IF5392" s="91"/>
      <c r="IG5392" s="91"/>
      <c r="IH5392" s="91"/>
      <c r="II5392" s="91"/>
      <c r="IJ5392" s="91"/>
      <c r="IK5392" s="174"/>
    </row>
    <row r="5393" spans="2:245" x14ac:dyDescent="0.2">
      <c r="B5393" s="43"/>
      <c r="C5393" s="73"/>
      <c r="D5393" s="64"/>
      <c r="E5393" s="64"/>
      <c r="F5393" s="55"/>
      <c r="G5393" s="102"/>
      <c r="H5393" s="97"/>
      <c r="T5393" s="98"/>
      <c r="U5393" s="97"/>
      <c r="AG5393" s="98"/>
      <c r="AY5393" s="164"/>
      <c r="BK5393" s="98"/>
      <c r="BL5393" s="97"/>
      <c r="BX5393" s="98"/>
      <c r="CL5393" s="97"/>
      <c r="CX5393" s="98"/>
      <c r="DL5393" s="97"/>
      <c r="DX5393" s="98"/>
      <c r="EL5393" s="97"/>
      <c r="EX5393" s="98"/>
      <c r="EY5393" s="97"/>
      <c r="FL5393" s="126"/>
      <c r="FM5393" s="91"/>
      <c r="FN5393" s="91"/>
      <c r="FO5393" s="91"/>
      <c r="FP5393" s="91"/>
      <c r="FQ5393" s="91"/>
      <c r="FR5393" s="91"/>
      <c r="FS5393" s="91"/>
      <c r="FT5393" s="91"/>
      <c r="FU5393" s="91"/>
      <c r="FV5393" s="91"/>
      <c r="FW5393" s="91"/>
      <c r="FX5393" s="127"/>
      <c r="FY5393" s="126"/>
      <c r="FZ5393" s="91"/>
      <c r="GA5393" s="91"/>
      <c r="GB5393" s="91"/>
      <c r="GC5393" s="91"/>
      <c r="GD5393" s="91"/>
      <c r="GE5393" s="91"/>
      <c r="GF5393" s="91"/>
      <c r="GG5393" s="91"/>
      <c r="GH5393" s="91"/>
      <c r="GI5393" s="91"/>
      <c r="GJ5393" s="91"/>
      <c r="GK5393" s="127"/>
      <c r="GL5393" s="126"/>
      <c r="GM5393" s="91"/>
      <c r="GN5393" s="91"/>
      <c r="GO5393" s="91"/>
      <c r="GP5393" s="91"/>
      <c r="GQ5393" s="91"/>
      <c r="GR5393" s="91"/>
      <c r="GS5393" s="91"/>
      <c r="GT5393" s="91"/>
      <c r="GU5393" s="91"/>
      <c r="GV5393" s="91"/>
      <c r="GW5393" s="91"/>
      <c r="GX5393" s="127"/>
      <c r="GY5393" s="126"/>
      <c r="GZ5393" s="91"/>
      <c r="HA5393" s="91"/>
      <c r="HB5393" s="91"/>
      <c r="HC5393" s="91"/>
      <c r="HD5393" s="91"/>
      <c r="HE5393" s="91"/>
      <c r="HF5393" s="91"/>
      <c r="HG5393" s="91"/>
      <c r="HH5393" s="91"/>
      <c r="HI5393" s="91"/>
      <c r="HJ5393" s="91"/>
      <c r="HK5393" s="127"/>
      <c r="HL5393" s="126"/>
      <c r="HM5393" s="91"/>
      <c r="HN5393" s="91"/>
      <c r="HO5393" s="91"/>
      <c r="HP5393" s="91"/>
      <c r="HQ5393" s="91"/>
      <c r="HR5393" s="91"/>
      <c r="HS5393" s="91"/>
      <c r="HT5393" s="91"/>
      <c r="HU5393" s="91"/>
      <c r="HV5393" s="91"/>
      <c r="HW5393" s="91"/>
      <c r="HX5393" s="127"/>
      <c r="HY5393" s="126"/>
      <c r="HZ5393" s="91"/>
      <c r="IA5393" s="91"/>
      <c r="IB5393" s="91"/>
      <c r="IC5393" s="91"/>
      <c r="ID5393" s="91"/>
      <c r="IE5393" s="91"/>
      <c r="IF5393" s="91"/>
      <c r="IG5393" s="91"/>
      <c r="IH5393" s="91"/>
      <c r="II5393" s="91"/>
      <c r="IJ5393" s="91"/>
      <c r="IK5393" s="174"/>
    </row>
    <row r="5394" spans="2:245" x14ac:dyDescent="0.2">
      <c r="B5394" s="43"/>
      <c r="C5394" s="73"/>
      <c r="D5394" s="64"/>
      <c r="E5394" s="64"/>
      <c r="F5394" s="55"/>
      <c r="G5394" s="102"/>
      <c r="H5394" s="97"/>
      <c r="T5394" s="98"/>
      <c r="U5394" s="97"/>
      <c r="AG5394" s="98"/>
      <c r="AY5394" s="164"/>
      <c r="BK5394" s="98"/>
      <c r="BL5394" s="97"/>
      <c r="BX5394" s="98"/>
      <c r="CL5394" s="97"/>
      <c r="CX5394" s="98"/>
      <c r="DL5394" s="97"/>
      <c r="DX5394" s="98"/>
      <c r="EL5394" s="97"/>
      <c r="EX5394" s="98"/>
      <c r="EY5394" s="97"/>
      <c r="FL5394" s="126"/>
      <c r="FM5394" s="91"/>
      <c r="FN5394" s="91"/>
      <c r="FO5394" s="91"/>
      <c r="FP5394" s="91"/>
      <c r="FQ5394" s="91"/>
      <c r="FR5394" s="91"/>
      <c r="FS5394" s="91"/>
      <c r="FT5394" s="91"/>
      <c r="FU5394" s="91"/>
      <c r="FV5394" s="91"/>
      <c r="FW5394" s="91"/>
      <c r="FX5394" s="127"/>
      <c r="FY5394" s="126"/>
      <c r="FZ5394" s="91"/>
      <c r="GA5394" s="91"/>
      <c r="GB5394" s="91"/>
      <c r="GC5394" s="91"/>
      <c r="GD5394" s="91"/>
      <c r="GE5394" s="91"/>
      <c r="GF5394" s="91"/>
      <c r="GG5394" s="91"/>
      <c r="GH5394" s="91"/>
      <c r="GI5394" s="91"/>
      <c r="GJ5394" s="91"/>
      <c r="GK5394" s="127"/>
      <c r="GL5394" s="126"/>
      <c r="GM5394" s="91"/>
      <c r="GN5394" s="91"/>
      <c r="GO5394" s="91"/>
      <c r="GP5394" s="91"/>
      <c r="GQ5394" s="91"/>
      <c r="GR5394" s="91"/>
      <c r="GS5394" s="91"/>
      <c r="GT5394" s="91"/>
      <c r="GU5394" s="91"/>
      <c r="GV5394" s="91"/>
      <c r="GW5394" s="91"/>
      <c r="GX5394" s="127"/>
      <c r="GY5394" s="126"/>
      <c r="GZ5394" s="91"/>
      <c r="HA5394" s="91"/>
      <c r="HB5394" s="91"/>
      <c r="HC5394" s="91"/>
      <c r="HD5394" s="91"/>
      <c r="HE5394" s="91"/>
      <c r="HF5394" s="91"/>
      <c r="HG5394" s="91"/>
      <c r="HH5394" s="91"/>
      <c r="HI5394" s="91"/>
      <c r="HJ5394" s="91"/>
      <c r="HK5394" s="127"/>
      <c r="HL5394" s="126"/>
      <c r="HM5394" s="91"/>
      <c r="HN5394" s="91"/>
      <c r="HO5394" s="91"/>
      <c r="HP5394" s="91"/>
      <c r="HQ5394" s="91"/>
      <c r="HR5394" s="91"/>
      <c r="HS5394" s="91"/>
      <c r="HT5394" s="91"/>
      <c r="HU5394" s="91"/>
      <c r="HV5394" s="91"/>
      <c r="HW5394" s="91"/>
      <c r="HX5394" s="127"/>
      <c r="HY5394" s="126"/>
      <c r="HZ5394" s="91"/>
      <c r="IA5394" s="91"/>
      <c r="IB5394" s="91"/>
      <c r="IC5394" s="91"/>
      <c r="ID5394" s="91"/>
      <c r="IE5394" s="91"/>
      <c r="IF5394" s="91"/>
      <c r="IG5394" s="91"/>
      <c r="IH5394" s="91"/>
      <c r="II5394" s="91"/>
      <c r="IJ5394" s="91"/>
      <c r="IK5394" s="174"/>
    </row>
    <row r="5395" spans="2:245" x14ac:dyDescent="0.2">
      <c r="B5395" s="43"/>
      <c r="C5395" s="73"/>
      <c r="D5395" s="64"/>
      <c r="E5395" s="64"/>
      <c r="F5395" s="55"/>
      <c r="G5395" s="102"/>
      <c r="H5395" s="97"/>
      <c r="T5395" s="98"/>
      <c r="U5395" s="97"/>
      <c r="AG5395" s="98"/>
      <c r="AY5395" s="164"/>
      <c r="BK5395" s="98"/>
      <c r="BL5395" s="97"/>
      <c r="BX5395" s="98"/>
      <c r="CL5395" s="97"/>
      <c r="CX5395" s="98"/>
      <c r="DL5395" s="97"/>
      <c r="DX5395" s="98"/>
      <c r="EL5395" s="97"/>
      <c r="EX5395" s="98"/>
      <c r="EY5395" s="97"/>
      <c r="FL5395" s="126"/>
      <c r="FM5395" s="91"/>
      <c r="FN5395" s="91"/>
      <c r="FO5395" s="91"/>
      <c r="FP5395" s="91"/>
      <c r="FQ5395" s="91"/>
      <c r="FR5395" s="91"/>
      <c r="FS5395" s="91"/>
      <c r="FT5395" s="91"/>
      <c r="FU5395" s="91"/>
      <c r="FV5395" s="91"/>
      <c r="FW5395" s="91"/>
      <c r="FX5395" s="127"/>
      <c r="FY5395" s="126"/>
      <c r="FZ5395" s="91"/>
      <c r="GA5395" s="91"/>
      <c r="GB5395" s="91"/>
      <c r="GC5395" s="91"/>
      <c r="GD5395" s="91"/>
      <c r="GE5395" s="91"/>
      <c r="GF5395" s="91"/>
      <c r="GG5395" s="91"/>
      <c r="GH5395" s="91"/>
      <c r="GI5395" s="91"/>
      <c r="GJ5395" s="91"/>
      <c r="GK5395" s="127"/>
      <c r="GL5395" s="126"/>
      <c r="GM5395" s="91"/>
      <c r="GN5395" s="91"/>
      <c r="GO5395" s="91"/>
      <c r="GP5395" s="91"/>
      <c r="GQ5395" s="91"/>
      <c r="GR5395" s="91"/>
      <c r="GS5395" s="91"/>
      <c r="GT5395" s="91"/>
      <c r="GU5395" s="91"/>
      <c r="GV5395" s="91"/>
      <c r="GW5395" s="91"/>
      <c r="GX5395" s="127"/>
      <c r="GY5395" s="126"/>
      <c r="GZ5395" s="91"/>
      <c r="HA5395" s="91"/>
      <c r="HB5395" s="91"/>
      <c r="HC5395" s="91"/>
      <c r="HD5395" s="91"/>
      <c r="HE5395" s="91"/>
      <c r="HF5395" s="91"/>
      <c r="HG5395" s="91"/>
      <c r="HH5395" s="91"/>
      <c r="HI5395" s="91"/>
      <c r="HJ5395" s="91"/>
      <c r="HK5395" s="127"/>
      <c r="HL5395" s="126"/>
      <c r="HM5395" s="91"/>
      <c r="HN5395" s="91"/>
      <c r="HO5395" s="91"/>
      <c r="HP5395" s="91"/>
      <c r="HQ5395" s="91"/>
      <c r="HR5395" s="91"/>
      <c r="HS5395" s="91"/>
      <c r="HT5395" s="91"/>
      <c r="HU5395" s="91"/>
      <c r="HV5395" s="91"/>
      <c r="HW5395" s="91"/>
      <c r="HX5395" s="127"/>
      <c r="HY5395" s="126"/>
      <c r="HZ5395" s="91"/>
      <c r="IA5395" s="91"/>
      <c r="IB5395" s="91"/>
      <c r="IC5395" s="91"/>
      <c r="ID5395" s="91"/>
      <c r="IE5395" s="91"/>
      <c r="IF5395" s="91"/>
      <c r="IG5395" s="91"/>
      <c r="IH5395" s="91"/>
      <c r="II5395" s="91"/>
      <c r="IJ5395" s="91"/>
      <c r="IK5395" s="174"/>
    </row>
    <row r="5396" spans="2:245" x14ac:dyDescent="0.2">
      <c r="B5396" s="43"/>
      <c r="C5396" s="73"/>
      <c r="D5396" s="64"/>
      <c r="E5396" s="64"/>
      <c r="F5396" s="55"/>
      <c r="G5396" s="102"/>
      <c r="H5396" s="97"/>
      <c r="T5396" s="98"/>
      <c r="U5396" s="97"/>
      <c r="AG5396" s="98"/>
      <c r="AY5396" s="164"/>
      <c r="BK5396" s="98"/>
      <c r="BL5396" s="97"/>
      <c r="BX5396" s="98"/>
      <c r="CL5396" s="97"/>
      <c r="CX5396" s="98"/>
      <c r="DL5396" s="97"/>
      <c r="DX5396" s="98"/>
      <c r="EL5396" s="97"/>
      <c r="EX5396" s="98"/>
      <c r="EY5396" s="97"/>
      <c r="FL5396" s="126"/>
      <c r="FM5396" s="91"/>
      <c r="FN5396" s="91"/>
      <c r="FO5396" s="91"/>
      <c r="FP5396" s="91"/>
      <c r="FQ5396" s="91"/>
      <c r="FR5396" s="91"/>
      <c r="FS5396" s="91"/>
      <c r="FT5396" s="91"/>
      <c r="FU5396" s="91"/>
      <c r="FV5396" s="91"/>
      <c r="FW5396" s="91"/>
      <c r="FX5396" s="127"/>
      <c r="FY5396" s="126"/>
      <c r="FZ5396" s="91"/>
      <c r="GA5396" s="91"/>
      <c r="GB5396" s="91"/>
      <c r="GC5396" s="91"/>
      <c r="GD5396" s="91"/>
      <c r="GE5396" s="91"/>
      <c r="GF5396" s="91"/>
      <c r="GG5396" s="91"/>
      <c r="GH5396" s="91"/>
      <c r="GI5396" s="91"/>
      <c r="GJ5396" s="91"/>
      <c r="GK5396" s="127"/>
      <c r="GL5396" s="126"/>
      <c r="GM5396" s="91"/>
      <c r="GN5396" s="91"/>
      <c r="GO5396" s="91"/>
      <c r="GP5396" s="91"/>
      <c r="GQ5396" s="91"/>
      <c r="GR5396" s="91"/>
      <c r="GS5396" s="91"/>
      <c r="GT5396" s="91"/>
      <c r="GU5396" s="91"/>
      <c r="GV5396" s="91"/>
      <c r="GW5396" s="91"/>
      <c r="GX5396" s="127"/>
      <c r="GY5396" s="126"/>
      <c r="GZ5396" s="91"/>
      <c r="HA5396" s="91"/>
      <c r="HB5396" s="91"/>
      <c r="HC5396" s="91"/>
      <c r="HD5396" s="91"/>
      <c r="HE5396" s="91"/>
      <c r="HF5396" s="91"/>
      <c r="HG5396" s="91"/>
      <c r="HH5396" s="91"/>
      <c r="HI5396" s="91"/>
      <c r="HJ5396" s="91"/>
      <c r="HK5396" s="127"/>
      <c r="HL5396" s="126"/>
      <c r="HM5396" s="91"/>
      <c r="HN5396" s="91"/>
      <c r="HO5396" s="91"/>
      <c r="HP5396" s="91"/>
      <c r="HQ5396" s="91"/>
      <c r="HR5396" s="91"/>
      <c r="HS5396" s="91"/>
      <c r="HT5396" s="91"/>
      <c r="HU5396" s="91"/>
      <c r="HV5396" s="91"/>
      <c r="HW5396" s="91"/>
      <c r="HX5396" s="127"/>
      <c r="HY5396" s="126"/>
      <c r="HZ5396" s="91"/>
      <c r="IA5396" s="91"/>
      <c r="IB5396" s="91"/>
      <c r="IC5396" s="91"/>
      <c r="ID5396" s="91"/>
      <c r="IE5396" s="91"/>
      <c r="IF5396" s="91"/>
      <c r="IG5396" s="91"/>
      <c r="IH5396" s="91"/>
      <c r="II5396" s="91"/>
      <c r="IJ5396" s="91"/>
      <c r="IK5396" s="174"/>
    </row>
    <row r="5397" spans="2:245" x14ac:dyDescent="0.2">
      <c r="B5397" s="43"/>
      <c r="C5397" s="73"/>
      <c r="D5397" s="64"/>
      <c r="E5397" s="64"/>
      <c r="F5397" s="55"/>
      <c r="G5397" s="102"/>
      <c r="H5397" s="97"/>
      <c r="T5397" s="98"/>
      <c r="U5397" s="97"/>
      <c r="AG5397" s="98"/>
      <c r="AY5397" s="164"/>
      <c r="BK5397" s="98"/>
      <c r="BL5397" s="97"/>
      <c r="BX5397" s="98"/>
      <c r="CL5397" s="97"/>
      <c r="CX5397" s="98"/>
      <c r="DL5397" s="97"/>
      <c r="DX5397" s="98"/>
      <c r="EL5397" s="97"/>
      <c r="EX5397" s="98"/>
      <c r="EY5397" s="97"/>
      <c r="FL5397" s="126"/>
      <c r="FM5397" s="91"/>
      <c r="FN5397" s="91"/>
      <c r="FO5397" s="91"/>
      <c r="FP5397" s="91"/>
      <c r="FQ5397" s="91"/>
      <c r="FR5397" s="91"/>
      <c r="FS5397" s="91"/>
      <c r="FT5397" s="91"/>
      <c r="FU5397" s="91"/>
      <c r="FV5397" s="91"/>
      <c r="FW5397" s="91"/>
      <c r="FX5397" s="127"/>
      <c r="FY5397" s="126"/>
      <c r="FZ5397" s="91"/>
      <c r="GA5397" s="91"/>
      <c r="GB5397" s="91"/>
      <c r="GC5397" s="91"/>
      <c r="GD5397" s="91"/>
      <c r="GE5397" s="91"/>
      <c r="GF5397" s="91"/>
      <c r="GG5397" s="91"/>
      <c r="GH5397" s="91"/>
      <c r="GI5397" s="91"/>
      <c r="GJ5397" s="91"/>
      <c r="GK5397" s="127"/>
      <c r="GL5397" s="126"/>
      <c r="GM5397" s="91"/>
      <c r="GN5397" s="91"/>
      <c r="GO5397" s="91"/>
      <c r="GP5397" s="91"/>
      <c r="GQ5397" s="91"/>
      <c r="GR5397" s="91"/>
      <c r="GS5397" s="91"/>
      <c r="GT5397" s="91"/>
      <c r="GU5397" s="91"/>
      <c r="GV5397" s="91"/>
      <c r="GW5397" s="91"/>
      <c r="GX5397" s="127"/>
      <c r="GY5397" s="126"/>
      <c r="GZ5397" s="91"/>
      <c r="HA5397" s="91"/>
      <c r="HB5397" s="91"/>
      <c r="HC5397" s="91"/>
      <c r="HD5397" s="91"/>
      <c r="HE5397" s="91"/>
      <c r="HF5397" s="91"/>
      <c r="HG5397" s="91"/>
      <c r="HH5397" s="91"/>
      <c r="HI5397" s="91"/>
      <c r="HJ5397" s="91"/>
      <c r="HK5397" s="127"/>
      <c r="HL5397" s="126"/>
      <c r="HM5397" s="91"/>
      <c r="HN5397" s="91"/>
      <c r="HO5397" s="91"/>
      <c r="HP5397" s="91"/>
      <c r="HQ5397" s="91"/>
      <c r="HR5397" s="91"/>
      <c r="HS5397" s="91"/>
      <c r="HT5397" s="91"/>
      <c r="HU5397" s="91"/>
      <c r="HV5397" s="91"/>
      <c r="HW5397" s="91"/>
      <c r="HX5397" s="127"/>
      <c r="HY5397" s="126"/>
      <c r="HZ5397" s="91"/>
      <c r="IA5397" s="91"/>
      <c r="IB5397" s="91"/>
      <c r="IC5397" s="91"/>
      <c r="ID5397" s="91"/>
      <c r="IE5397" s="91"/>
      <c r="IF5397" s="91"/>
      <c r="IG5397" s="91"/>
      <c r="IH5397" s="91"/>
      <c r="II5397" s="91"/>
      <c r="IJ5397" s="91"/>
      <c r="IK5397" s="174"/>
    </row>
    <row r="5398" spans="2:245" x14ac:dyDescent="0.2">
      <c r="B5398" s="43"/>
      <c r="C5398" s="73"/>
      <c r="D5398" s="64"/>
      <c r="E5398" s="64"/>
      <c r="F5398" s="55"/>
      <c r="G5398" s="102"/>
      <c r="H5398" s="97"/>
      <c r="T5398" s="98"/>
      <c r="U5398" s="97"/>
      <c r="AG5398" s="98"/>
      <c r="AY5398" s="164"/>
      <c r="BK5398" s="98"/>
      <c r="BL5398" s="97"/>
      <c r="BX5398" s="98"/>
      <c r="CL5398" s="97"/>
      <c r="CX5398" s="98"/>
      <c r="DL5398" s="97"/>
      <c r="DX5398" s="98"/>
      <c r="EL5398" s="97"/>
      <c r="EX5398" s="98"/>
      <c r="EY5398" s="97"/>
      <c r="FL5398" s="126"/>
      <c r="FM5398" s="91"/>
      <c r="FN5398" s="91"/>
      <c r="FO5398" s="91"/>
      <c r="FP5398" s="91"/>
      <c r="FQ5398" s="91"/>
      <c r="FR5398" s="91"/>
      <c r="FS5398" s="91"/>
      <c r="FT5398" s="91"/>
      <c r="FU5398" s="91"/>
      <c r="FV5398" s="91"/>
      <c r="FW5398" s="91"/>
      <c r="FX5398" s="127"/>
      <c r="FY5398" s="126"/>
      <c r="FZ5398" s="91"/>
      <c r="GA5398" s="91"/>
      <c r="GB5398" s="91"/>
      <c r="GC5398" s="91"/>
      <c r="GD5398" s="91"/>
      <c r="GE5398" s="91"/>
      <c r="GF5398" s="91"/>
      <c r="GG5398" s="91"/>
      <c r="GH5398" s="91"/>
      <c r="GI5398" s="91"/>
      <c r="GJ5398" s="91"/>
      <c r="GK5398" s="127"/>
      <c r="GL5398" s="126"/>
      <c r="GM5398" s="91"/>
      <c r="GN5398" s="91"/>
      <c r="GO5398" s="91"/>
      <c r="GP5398" s="91"/>
      <c r="GQ5398" s="91"/>
      <c r="GR5398" s="91"/>
      <c r="GS5398" s="91"/>
      <c r="GT5398" s="91"/>
      <c r="GU5398" s="91"/>
      <c r="GV5398" s="91"/>
      <c r="GW5398" s="91"/>
      <c r="GX5398" s="127"/>
      <c r="GY5398" s="126"/>
      <c r="GZ5398" s="91"/>
      <c r="HA5398" s="91"/>
      <c r="HB5398" s="91"/>
      <c r="HC5398" s="91"/>
      <c r="HD5398" s="91"/>
      <c r="HE5398" s="91"/>
      <c r="HF5398" s="91"/>
      <c r="HG5398" s="91"/>
      <c r="HH5398" s="91"/>
      <c r="HI5398" s="91"/>
      <c r="HJ5398" s="91"/>
      <c r="HK5398" s="127"/>
      <c r="HL5398" s="126"/>
      <c r="HM5398" s="91"/>
      <c r="HN5398" s="91"/>
      <c r="HO5398" s="91"/>
      <c r="HP5398" s="91"/>
      <c r="HQ5398" s="91"/>
      <c r="HR5398" s="91"/>
      <c r="HS5398" s="91"/>
      <c r="HT5398" s="91"/>
      <c r="HU5398" s="91"/>
      <c r="HV5398" s="91"/>
      <c r="HW5398" s="91"/>
      <c r="HX5398" s="127"/>
      <c r="HY5398" s="126"/>
      <c r="HZ5398" s="91"/>
      <c r="IA5398" s="91"/>
      <c r="IB5398" s="91"/>
      <c r="IC5398" s="91"/>
      <c r="ID5398" s="91"/>
      <c r="IE5398" s="91"/>
      <c r="IF5398" s="91"/>
      <c r="IG5398" s="91"/>
      <c r="IH5398" s="91"/>
      <c r="II5398" s="91"/>
      <c r="IJ5398" s="91"/>
      <c r="IK5398" s="174"/>
    </row>
    <row r="5399" spans="2:245" x14ac:dyDescent="0.2">
      <c r="B5399" s="43"/>
      <c r="C5399" s="73"/>
      <c r="D5399" s="64"/>
      <c r="E5399" s="64"/>
      <c r="F5399" s="55"/>
      <c r="G5399" s="102"/>
      <c r="H5399" s="97"/>
      <c r="T5399" s="98"/>
      <c r="U5399" s="97"/>
      <c r="AG5399" s="98"/>
      <c r="AY5399" s="164"/>
      <c r="BK5399" s="98"/>
      <c r="BL5399" s="97"/>
      <c r="BX5399" s="98"/>
      <c r="CL5399" s="97"/>
      <c r="CX5399" s="98"/>
      <c r="DL5399" s="97"/>
      <c r="DX5399" s="98"/>
      <c r="EL5399" s="97"/>
      <c r="EX5399" s="98"/>
      <c r="EY5399" s="97"/>
      <c r="FL5399" s="126"/>
      <c r="FM5399" s="91"/>
      <c r="FN5399" s="91"/>
      <c r="FO5399" s="91"/>
      <c r="FP5399" s="91"/>
      <c r="FQ5399" s="91"/>
      <c r="FR5399" s="91"/>
      <c r="FS5399" s="91"/>
      <c r="FT5399" s="91"/>
      <c r="FU5399" s="91"/>
      <c r="FV5399" s="91"/>
      <c r="FW5399" s="91"/>
      <c r="FX5399" s="127"/>
      <c r="FY5399" s="126"/>
      <c r="FZ5399" s="91"/>
      <c r="GA5399" s="91"/>
      <c r="GB5399" s="91"/>
      <c r="GC5399" s="91"/>
      <c r="GD5399" s="91"/>
      <c r="GE5399" s="91"/>
      <c r="GF5399" s="91"/>
      <c r="GG5399" s="91"/>
      <c r="GH5399" s="91"/>
      <c r="GI5399" s="91"/>
      <c r="GJ5399" s="91"/>
      <c r="GK5399" s="127"/>
      <c r="GL5399" s="126"/>
      <c r="GM5399" s="91"/>
      <c r="GN5399" s="91"/>
      <c r="GO5399" s="91"/>
      <c r="GP5399" s="91"/>
      <c r="GQ5399" s="91"/>
      <c r="GR5399" s="91"/>
      <c r="GS5399" s="91"/>
      <c r="GT5399" s="91"/>
      <c r="GU5399" s="91"/>
      <c r="GV5399" s="91"/>
      <c r="GW5399" s="91"/>
      <c r="GX5399" s="127"/>
      <c r="GY5399" s="126"/>
      <c r="GZ5399" s="91"/>
      <c r="HA5399" s="91"/>
      <c r="HB5399" s="91"/>
      <c r="HC5399" s="91"/>
      <c r="HD5399" s="91"/>
      <c r="HE5399" s="91"/>
      <c r="HF5399" s="91"/>
      <c r="HG5399" s="91"/>
      <c r="HH5399" s="91"/>
      <c r="HI5399" s="91"/>
      <c r="HJ5399" s="91"/>
      <c r="HK5399" s="127"/>
      <c r="HL5399" s="126"/>
      <c r="HM5399" s="91"/>
      <c r="HN5399" s="91"/>
      <c r="HO5399" s="91"/>
      <c r="HP5399" s="91"/>
      <c r="HQ5399" s="91"/>
      <c r="HR5399" s="91"/>
      <c r="HS5399" s="91"/>
      <c r="HT5399" s="91"/>
      <c r="HU5399" s="91"/>
      <c r="HV5399" s="91"/>
      <c r="HW5399" s="91"/>
      <c r="HX5399" s="127"/>
      <c r="HY5399" s="126"/>
      <c r="HZ5399" s="91"/>
      <c r="IA5399" s="91"/>
      <c r="IB5399" s="91"/>
      <c r="IC5399" s="91"/>
      <c r="ID5399" s="91"/>
      <c r="IE5399" s="91"/>
      <c r="IF5399" s="91"/>
      <c r="IG5399" s="91"/>
      <c r="IH5399" s="91"/>
      <c r="II5399" s="91"/>
      <c r="IJ5399" s="91"/>
      <c r="IK5399" s="174"/>
    </row>
    <row r="5400" spans="2:245" x14ac:dyDescent="0.2">
      <c r="B5400" s="43"/>
      <c r="C5400" s="73"/>
      <c r="D5400" s="64"/>
      <c r="E5400" s="64"/>
      <c r="F5400" s="55"/>
      <c r="G5400" s="102"/>
      <c r="H5400" s="97"/>
      <c r="T5400" s="98"/>
      <c r="U5400" s="97"/>
      <c r="AG5400" s="98"/>
      <c r="AY5400" s="164"/>
      <c r="BK5400" s="98"/>
      <c r="BL5400" s="97"/>
      <c r="BX5400" s="98"/>
      <c r="CL5400" s="97"/>
      <c r="CX5400" s="98"/>
      <c r="DL5400" s="97"/>
      <c r="DX5400" s="98"/>
      <c r="EL5400" s="97"/>
      <c r="EX5400" s="98"/>
      <c r="EY5400" s="97"/>
      <c r="FL5400" s="126"/>
      <c r="FM5400" s="91"/>
      <c r="FN5400" s="91"/>
      <c r="FO5400" s="91"/>
      <c r="FP5400" s="91"/>
      <c r="FQ5400" s="91"/>
      <c r="FR5400" s="91"/>
      <c r="FS5400" s="91"/>
      <c r="FT5400" s="91"/>
      <c r="FU5400" s="91"/>
      <c r="FV5400" s="91"/>
      <c r="FW5400" s="91"/>
      <c r="FX5400" s="127"/>
      <c r="FY5400" s="126"/>
      <c r="FZ5400" s="91"/>
      <c r="GA5400" s="91"/>
      <c r="GB5400" s="91"/>
      <c r="GC5400" s="91"/>
      <c r="GD5400" s="91"/>
      <c r="GE5400" s="91"/>
      <c r="GF5400" s="91"/>
      <c r="GG5400" s="91"/>
      <c r="GH5400" s="91"/>
      <c r="GI5400" s="91"/>
      <c r="GJ5400" s="91"/>
      <c r="GK5400" s="127"/>
      <c r="GL5400" s="126"/>
      <c r="GM5400" s="91"/>
      <c r="GN5400" s="91"/>
      <c r="GO5400" s="91"/>
      <c r="GP5400" s="91"/>
      <c r="GQ5400" s="91"/>
      <c r="GR5400" s="91"/>
      <c r="GS5400" s="91"/>
      <c r="GT5400" s="91"/>
      <c r="GU5400" s="91"/>
      <c r="GV5400" s="91"/>
      <c r="GW5400" s="91"/>
      <c r="GX5400" s="127"/>
      <c r="GY5400" s="126"/>
      <c r="GZ5400" s="91"/>
      <c r="HA5400" s="91"/>
      <c r="HB5400" s="91"/>
      <c r="HC5400" s="91"/>
      <c r="HD5400" s="91"/>
      <c r="HE5400" s="91"/>
      <c r="HF5400" s="91"/>
      <c r="HG5400" s="91"/>
      <c r="HH5400" s="91"/>
      <c r="HI5400" s="91"/>
      <c r="HJ5400" s="91"/>
      <c r="HK5400" s="127"/>
      <c r="HL5400" s="126"/>
      <c r="HM5400" s="91"/>
      <c r="HN5400" s="91"/>
      <c r="HO5400" s="91"/>
      <c r="HP5400" s="91"/>
      <c r="HQ5400" s="91"/>
      <c r="HR5400" s="91"/>
      <c r="HS5400" s="91"/>
      <c r="HT5400" s="91"/>
      <c r="HU5400" s="91"/>
      <c r="HV5400" s="91"/>
      <c r="HW5400" s="91"/>
      <c r="HX5400" s="127"/>
      <c r="HY5400" s="126"/>
      <c r="HZ5400" s="91"/>
      <c r="IA5400" s="91"/>
      <c r="IB5400" s="91"/>
      <c r="IC5400" s="91"/>
      <c r="ID5400" s="91"/>
      <c r="IE5400" s="91"/>
      <c r="IF5400" s="91"/>
      <c r="IG5400" s="91"/>
      <c r="IH5400" s="91"/>
      <c r="II5400" s="91"/>
      <c r="IJ5400" s="91"/>
      <c r="IK5400" s="174"/>
    </row>
    <row r="5401" spans="2:245" x14ac:dyDescent="0.2">
      <c r="B5401" s="43"/>
      <c r="C5401" s="73"/>
      <c r="D5401" s="64"/>
      <c r="E5401" s="64"/>
      <c r="F5401" s="55"/>
      <c r="G5401" s="102"/>
      <c r="H5401" s="97"/>
      <c r="T5401" s="98"/>
      <c r="U5401" s="97"/>
      <c r="AG5401" s="98"/>
      <c r="AY5401" s="164"/>
      <c r="BK5401" s="98"/>
      <c r="BL5401" s="97"/>
      <c r="BX5401" s="98"/>
      <c r="CL5401" s="97"/>
      <c r="CX5401" s="98"/>
      <c r="DL5401" s="97"/>
      <c r="DX5401" s="98"/>
      <c r="EL5401" s="97"/>
      <c r="EX5401" s="98"/>
      <c r="EY5401" s="97"/>
      <c r="FL5401" s="126"/>
      <c r="FM5401" s="91"/>
      <c r="FN5401" s="91"/>
      <c r="FO5401" s="91"/>
      <c r="FP5401" s="91"/>
      <c r="FQ5401" s="91"/>
      <c r="FR5401" s="91"/>
      <c r="FS5401" s="91"/>
      <c r="FT5401" s="91"/>
      <c r="FU5401" s="91"/>
      <c r="FV5401" s="91"/>
      <c r="FW5401" s="91"/>
      <c r="FX5401" s="127"/>
      <c r="FY5401" s="126"/>
      <c r="FZ5401" s="91"/>
      <c r="GA5401" s="91"/>
      <c r="GB5401" s="91"/>
      <c r="GC5401" s="91"/>
      <c r="GD5401" s="91"/>
      <c r="GE5401" s="91"/>
      <c r="GF5401" s="91"/>
      <c r="GG5401" s="91"/>
      <c r="GH5401" s="91"/>
      <c r="GI5401" s="91"/>
      <c r="GJ5401" s="91"/>
      <c r="GK5401" s="127"/>
      <c r="GL5401" s="126"/>
      <c r="GM5401" s="91"/>
      <c r="GN5401" s="91"/>
      <c r="GO5401" s="91"/>
      <c r="GP5401" s="91"/>
      <c r="GQ5401" s="91"/>
      <c r="GR5401" s="91"/>
      <c r="GS5401" s="91"/>
      <c r="GT5401" s="91"/>
      <c r="GU5401" s="91"/>
      <c r="GV5401" s="91"/>
      <c r="GW5401" s="91"/>
      <c r="GX5401" s="127"/>
      <c r="GY5401" s="126"/>
      <c r="GZ5401" s="91"/>
      <c r="HA5401" s="91"/>
      <c r="HB5401" s="91"/>
      <c r="HC5401" s="91"/>
      <c r="HD5401" s="91"/>
      <c r="HE5401" s="91"/>
      <c r="HF5401" s="91"/>
      <c r="HG5401" s="91"/>
      <c r="HH5401" s="91"/>
      <c r="HI5401" s="91"/>
      <c r="HJ5401" s="91"/>
      <c r="HK5401" s="127"/>
      <c r="HL5401" s="126"/>
      <c r="HM5401" s="91"/>
      <c r="HN5401" s="91"/>
      <c r="HO5401" s="91"/>
      <c r="HP5401" s="91"/>
      <c r="HQ5401" s="91"/>
      <c r="HR5401" s="91"/>
      <c r="HS5401" s="91"/>
      <c r="HT5401" s="91"/>
      <c r="HU5401" s="91"/>
      <c r="HV5401" s="91"/>
      <c r="HW5401" s="91"/>
      <c r="HX5401" s="127"/>
      <c r="HY5401" s="126"/>
      <c r="HZ5401" s="91"/>
      <c r="IA5401" s="91"/>
      <c r="IB5401" s="91"/>
      <c r="IC5401" s="91"/>
      <c r="ID5401" s="91"/>
      <c r="IE5401" s="91"/>
      <c r="IF5401" s="91"/>
      <c r="IG5401" s="91"/>
      <c r="IH5401" s="91"/>
      <c r="II5401" s="91"/>
      <c r="IJ5401" s="91"/>
      <c r="IK5401" s="174"/>
    </row>
    <row r="5402" spans="2:245" x14ac:dyDescent="0.2">
      <c r="B5402" s="43"/>
      <c r="C5402" s="73"/>
      <c r="D5402" s="64"/>
      <c r="E5402" s="64"/>
      <c r="F5402" s="55"/>
      <c r="G5402" s="102"/>
      <c r="H5402" s="97"/>
      <c r="T5402" s="98"/>
      <c r="U5402" s="97"/>
      <c r="AG5402" s="98"/>
      <c r="AY5402" s="164"/>
      <c r="BK5402" s="98"/>
      <c r="BL5402" s="97"/>
      <c r="BX5402" s="98"/>
      <c r="CL5402" s="97"/>
      <c r="CX5402" s="98"/>
      <c r="DL5402" s="97"/>
      <c r="DX5402" s="98"/>
      <c r="EL5402" s="97"/>
      <c r="EX5402" s="98"/>
      <c r="EY5402" s="97"/>
      <c r="FL5402" s="126"/>
      <c r="FM5402" s="91"/>
      <c r="FN5402" s="91"/>
      <c r="FO5402" s="91"/>
      <c r="FP5402" s="91"/>
      <c r="FQ5402" s="91"/>
      <c r="FR5402" s="91"/>
      <c r="FS5402" s="91"/>
      <c r="FT5402" s="91"/>
      <c r="FU5402" s="91"/>
      <c r="FV5402" s="91"/>
      <c r="FW5402" s="91"/>
      <c r="FX5402" s="127"/>
      <c r="FY5402" s="126"/>
      <c r="FZ5402" s="91"/>
      <c r="GA5402" s="91"/>
      <c r="GB5402" s="91"/>
      <c r="GC5402" s="91"/>
      <c r="GD5402" s="91"/>
      <c r="GE5402" s="91"/>
      <c r="GF5402" s="91"/>
      <c r="GG5402" s="91"/>
      <c r="GH5402" s="91"/>
      <c r="GI5402" s="91"/>
      <c r="GJ5402" s="91"/>
      <c r="GK5402" s="127"/>
      <c r="GL5402" s="126"/>
      <c r="GM5402" s="91"/>
      <c r="GN5402" s="91"/>
      <c r="GO5402" s="91"/>
      <c r="GP5402" s="91"/>
      <c r="GQ5402" s="91"/>
      <c r="GR5402" s="91"/>
      <c r="GS5402" s="91"/>
      <c r="GT5402" s="91"/>
      <c r="GU5402" s="91"/>
      <c r="GV5402" s="91"/>
      <c r="GW5402" s="91"/>
      <c r="GX5402" s="127"/>
      <c r="GY5402" s="126"/>
      <c r="GZ5402" s="91"/>
      <c r="HA5402" s="91"/>
      <c r="HB5402" s="91"/>
      <c r="HC5402" s="91"/>
      <c r="HD5402" s="91"/>
      <c r="HE5402" s="91"/>
      <c r="HF5402" s="91"/>
      <c r="HG5402" s="91"/>
      <c r="HH5402" s="91"/>
      <c r="HI5402" s="91"/>
      <c r="HJ5402" s="91"/>
      <c r="HK5402" s="127"/>
      <c r="HL5402" s="126"/>
      <c r="HM5402" s="91"/>
      <c r="HN5402" s="91"/>
      <c r="HO5402" s="91"/>
      <c r="HP5402" s="91"/>
      <c r="HQ5402" s="91"/>
      <c r="HR5402" s="91"/>
      <c r="HS5402" s="91"/>
      <c r="HT5402" s="91"/>
      <c r="HU5402" s="91"/>
      <c r="HV5402" s="91"/>
      <c r="HW5402" s="91"/>
      <c r="HX5402" s="127"/>
      <c r="HY5402" s="126"/>
      <c r="HZ5402" s="91"/>
      <c r="IA5402" s="91"/>
      <c r="IB5402" s="91"/>
      <c r="IC5402" s="91"/>
      <c r="ID5402" s="91"/>
      <c r="IE5402" s="91"/>
      <c r="IF5402" s="91"/>
      <c r="IG5402" s="91"/>
      <c r="IH5402" s="91"/>
      <c r="II5402" s="91"/>
      <c r="IJ5402" s="91"/>
      <c r="IK5402" s="174"/>
    </row>
    <row r="5403" spans="2:245" x14ac:dyDescent="0.2">
      <c r="B5403" s="43"/>
      <c r="C5403" s="73"/>
      <c r="D5403" s="64"/>
      <c r="E5403" s="64"/>
      <c r="F5403" s="55"/>
      <c r="G5403" s="102"/>
      <c r="H5403" s="97"/>
      <c r="T5403" s="98"/>
      <c r="U5403" s="97"/>
      <c r="AG5403" s="98"/>
      <c r="AY5403" s="164"/>
      <c r="BK5403" s="98"/>
      <c r="BL5403" s="97"/>
      <c r="BX5403" s="98"/>
      <c r="CL5403" s="97"/>
      <c r="CX5403" s="98"/>
      <c r="DL5403" s="97"/>
      <c r="DX5403" s="98"/>
      <c r="EL5403" s="97"/>
      <c r="EX5403" s="98"/>
      <c r="EY5403" s="97"/>
      <c r="FL5403" s="126"/>
      <c r="FM5403" s="91"/>
      <c r="FN5403" s="91"/>
      <c r="FO5403" s="91"/>
      <c r="FP5403" s="91"/>
      <c r="FQ5403" s="91"/>
      <c r="FR5403" s="91"/>
      <c r="FS5403" s="91"/>
      <c r="FT5403" s="91"/>
      <c r="FU5403" s="91"/>
      <c r="FV5403" s="91"/>
      <c r="FW5403" s="91"/>
      <c r="FX5403" s="127"/>
      <c r="FY5403" s="126"/>
      <c r="FZ5403" s="91"/>
      <c r="GA5403" s="91"/>
      <c r="GB5403" s="91"/>
      <c r="GC5403" s="91"/>
      <c r="GD5403" s="91"/>
      <c r="GE5403" s="91"/>
      <c r="GF5403" s="91"/>
      <c r="GG5403" s="91"/>
      <c r="GH5403" s="91"/>
      <c r="GI5403" s="91"/>
      <c r="GJ5403" s="91"/>
      <c r="GK5403" s="127"/>
      <c r="GL5403" s="126"/>
      <c r="GM5403" s="91"/>
      <c r="GN5403" s="91"/>
      <c r="GO5403" s="91"/>
      <c r="GP5403" s="91"/>
      <c r="GQ5403" s="91"/>
      <c r="GR5403" s="91"/>
      <c r="GS5403" s="91"/>
      <c r="GT5403" s="91"/>
      <c r="GU5403" s="91"/>
      <c r="GV5403" s="91"/>
      <c r="GW5403" s="91"/>
      <c r="GX5403" s="127"/>
      <c r="GY5403" s="126"/>
      <c r="GZ5403" s="91"/>
      <c r="HA5403" s="91"/>
      <c r="HB5403" s="91"/>
      <c r="HC5403" s="91"/>
      <c r="HD5403" s="91"/>
      <c r="HE5403" s="91"/>
      <c r="HF5403" s="91"/>
      <c r="HG5403" s="91"/>
      <c r="HH5403" s="91"/>
      <c r="HI5403" s="91"/>
      <c r="HJ5403" s="91"/>
      <c r="HK5403" s="127"/>
      <c r="HL5403" s="126"/>
      <c r="HM5403" s="91"/>
      <c r="HN5403" s="91"/>
      <c r="HO5403" s="91"/>
      <c r="HP5403" s="91"/>
      <c r="HQ5403" s="91"/>
      <c r="HR5403" s="91"/>
      <c r="HS5403" s="91"/>
      <c r="HT5403" s="91"/>
      <c r="HU5403" s="91"/>
      <c r="HV5403" s="91"/>
      <c r="HW5403" s="91"/>
      <c r="HX5403" s="127"/>
      <c r="HY5403" s="126"/>
      <c r="HZ5403" s="91"/>
      <c r="IA5403" s="91"/>
      <c r="IB5403" s="91"/>
      <c r="IC5403" s="91"/>
      <c r="ID5403" s="91"/>
      <c r="IE5403" s="91"/>
      <c r="IF5403" s="91"/>
      <c r="IG5403" s="91"/>
      <c r="IH5403" s="91"/>
      <c r="II5403" s="91"/>
      <c r="IJ5403" s="91"/>
      <c r="IK5403" s="174"/>
    </row>
    <row r="5404" spans="2:245" x14ac:dyDescent="0.2">
      <c r="B5404" s="43"/>
      <c r="C5404" s="73"/>
      <c r="D5404" s="64"/>
      <c r="E5404" s="64"/>
      <c r="F5404" s="55"/>
      <c r="G5404" s="102"/>
      <c r="H5404" s="97"/>
      <c r="T5404" s="98"/>
      <c r="U5404" s="97"/>
      <c r="AG5404" s="98"/>
      <c r="AY5404" s="164"/>
      <c r="BK5404" s="98"/>
      <c r="BL5404" s="97"/>
      <c r="BX5404" s="98"/>
      <c r="CL5404" s="97"/>
      <c r="CX5404" s="98"/>
      <c r="DL5404" s="97"/>
      <c r="DX5404" s="98"/>
      <c r="EL5404" s="97"/>
      <c r="EX5404" s="98"/>
      <c r="EY5404" s="97"/>
      <c r="FL5404" s="126"/>
      <c r="FM5404" s="91"/>
      <c r="FN5404" s="91"/>
      <c r="FO5404" s="91"/>
      <c r="FP5404" s="91"/>
      <c r="FQ5404" s="91"/>
      <c r="FR5404" s="91"/>
      <c r="FS5404" s="91"/>
      <c r="FT5404" s="91"/>
      <c r="FU5404" s="91"/>
      <c r="FV5404" s="91"/>
      <c r="FW5404" s="91"/>
      <c r="FX5404" s="127"/>
      <c r="FY5404" s="126"/>
      <c r="FZ5404" s="91"/>
      <c r="GA5404" s="91"/>
      <c r="GB5404" s="91"/>
      <c r="GC5404" s="91"/>
      <c r="GD5404" s="91"/>
      <c r="GE5404" s="91"/>
      <c r="GF5404" s="91"/>
      <c r="GG5404" s="91"/>
      <c r="GH5404" s="91"/>
      <c r="GI5404" s="91"/>
      <c r="GJ5404" s="91"/>
      <c r="GK5404" s="127"/>
      <c r="GL5404" s="126"/>
      <c r="GM5404" s="91"/>
      <c r="GN5404" s="91"/>
      <c r="GO5404" s="91"/>
      <c r="GP5404" s="91"/>
      <c r="GQ5404" s="91"/>
      <c r="GR5404" s="91"/>
      <c r="GS5404" s="91"/>
      <c r="GT5404" s="91"/>
      <c r="GU5404" s="91"/>
      <c r="GV5404" s="91"/>
      <c r="GW5404" s="91"/>
      <c r="GX5404" s="127"/>
      <c r="GY5404" s="126"/>
      <c r="GZ5404" s="91"/>
      <c r="HA5404" s="91"/>
      <c r="HB5404" s="91"/>
      <c r="HC5404" s="91"/>
      <c r="HD5404" s="91"/>
      <c r="HE5404" s="91"/>
      <c r="HF5404" s="91"/>
      <c r="HG5404" s="91"/>
      <c r="HH5404" s="91"/>
      <c r="HI5404" s="91"/>
      <c r="HJ5404" s="91"/>
      <c r="HK5404" s="127"/>
      <c r="HL5404" s="126"/>
      <c r="HM5404" s="91"/>
      <c r="HN5404" s="91"/>
      <c r="HO5404" s="91"/>
      <c r="HP5404" s="91"/>
      <c r="HQ5404" s="91"/>
      <c r="HR5404" s="91"/>
      <c r="HS5404" s="91"/>
      <c r="HT5404" s="91"/>
      <c r="HU5404" s="91"/>
      <c r="HV5404" s="91"/>
      <c r="HW5404" s="91"/>
      <c r="HX5404" s="127"/>
      <c r="HY5404" s="126"/>
      <c r="HZ5404" s="91"/>
      <c r="IA5404" s="91"/>
      <c r="IB5404" s="91"/>
      <c r="IC5404" s="91"/>
      <c r="ID5404" s="91"/>
      <c r="IE5404" s="91"/>
      <c r="IF5404" s="91"/>
      <c r="IG5404" s="91"/>
      <c r="IH5404" s="91"/>
      <c r="II5404" s="91"/>
      <c r="IJ5404" s="91"/>
      <c r="IK5404" s="174"/>
    </row>
    <row r="5405" spans="2:245" x14ac:dyDescent="0.2">
      <c r="B5405" s="43"/>
      <c r="C5405" s="73"/>
      <c r="D5405" s="64"/>
      <c r="E5405" s="64"/>
      <c r="F5405" s="55"/>
      <c r="G5405" s="102"/>
      <c r="H5405" s="97"/>
      <c r="T5405" s="98"/>
      <c r="U5405" s="97"/>
      <c r="AG5405" s="98"/>
      <c r="AY5405" s="164"/>
      <c r="BK5405" s="98"/>
      <c r="BL5405" s="97"/>
      <c r="BX5405" s="98"/>
      <c r="CL5405" s="97"/>
      <c r="CX5405" s="98"/>
      <c r="DL5405" s="97"/>
      <c r="DX5405" s="98"/>
      <c r="EL5405" s="97"/>
      <c r="EX5405" s="98"/>
      <c r="EY5405" s="97"/>
      <c r="FL5405" s="126"/>
      <c r="FM5405" s="91"/>
      <c r="FN5405" s="91"/>
      <c r="FO5405" s="91"/>
      <c r="FP5405" s="91"/>
      <c r="FQ5405" s="91"/>
      <c r="FR5405" s="91"/>
      <c r="FS5405" s="91"/>
      <c r="FT5405" s="91"/>
      <c r="FU5405" s="91"/>
      <c r="FV5405" s="91"/>
      <c r="FW5405" s="91"/>
      <c r="FX5405" s="127"/>
      <c r="FY5405" s="126"/>
      <c r="FZ5405" s="91"/>
      <c r="GA5405" s="91"/>
      <c r="GB5405" s="91"/>
      <c r="GC5405" s="91"/>
      <c r="GD5405" s="91"/>
      <c r="GE5405" s="91"/>
      <c r="GF5405" s="91"/>
      <c r="GG5405" s="91"/>
      <c r="GH5405" s="91"/>
      <c r="GI5405" s="91"/>
      <c r="GJ5405" s="91"/>
      <c r="GK5405" s="127"/>
      <c r="GL5405" s="126"/>
      <c r="GM5405" s="91"/>
      <c r="GN5405" s="91"/>
      <c r="GO5405" s="91"/>
      <c r="GP5405" s="91"/>
      <c r="GQ5405" s="91"/>
      <c r="GR5405" s="91"/>
      <c r="GS5405" s="91"/>
      <c r="GT5405" s="91"/>
      <c r="GU5405" s="91"/>
      <c r="GV5405" s="91"/>
      <c r="GW5405" s="91"/>
      <c r="GX5405" s="127"/>
      <c r="GY5405" s="126"/>
      <c r="GZ5405" s="91"/>
      <c r="HA5405" s="91"/>
      <c r="HB5405" s="91"/>
      <c r="HC5405" s="91"/>
      <c r="HD5405" s="91"/>
      <c r="HE5405" s="91"/>
      <c r="HF5405" s="91"/>
      <c r="HG5405" s="91"/>
      <c r="HH5405" s="91"/>
      <c r="HI5405" s="91"/>
      <c r="HJ5405" s="91"/>
      <c r="HK5405" s="127"/>
      <c r="HL5405" s="126"/>
      <c r="HM5405" s="91"/>
      <c r="HN5405" s="91"/>
      <c r="HO5405" s="91"/>
      <c r="HP5405" s="91"/>
      <c r="HQ5405" s="91"/>
      <c r="HR5405" s="91"/>
      <c r="HS5405" s="91"/>
      <c r="HT5405" s="91"/>
      <c r="HU5405" s="91"/>
      <c r="HV5405" s="91"/>
      <c r="HW5405" s="91"/>
      <c r="HX5405" s="127"/>
      <c r="HY5405" s="126"/>
      <c r="HZ5405" s="91"/>
      <c r="IA5405" s="91"/>
      <c r="IB5405" s="91"/>
      <c r="IC5405" s="91"/>
      <c r="ID5405" s="91"/>
      <c r="IE5405" s="91"/>
      <c r="IF5405" s="91"/>
      <c r="IG5405" s="91"/>
      <c r="IH5405" s="91"/>
      <c r="II5405" s="91"/>
      <c r="IJ5405" s="91"/>
      <c r="IK5405" s="174"/>
    </row>
    <row r="5406" spans="2:245" x14ac:dyDescent="0.2">
      <c r="B5406" s="43"/>
      <c r="C5406" s="73"/>
      <c r="D5406" s="64"/>
      <c r="E5406" s="64"/>
      <c r="F5406" s="55"/>
      <c r="G5406" s="102"/>
      <c r="H5406" s="97"/>
      <c r="T5406" s="98"/>
      <c r="U5406" s="97"/>
      <c r="AG5406" s="98"/>
      <c r="AY5406" s="164"/>
      <c r="BK5406" s="98"/>
      <c r="BL5406" s="97"/>
      <c r="BX5406" s="98"/>
      <c r="CL5406" s="97"/>
      <c r="CX5406" s="98"/>
      <c r="DL5406" s="97"/>
      <c r="DX5406" s="98"/>
      <c r="EL5406" s="97"/>
      <c r="EX5406" s="98"/>
      <c r="EY5406" s="97"/>
      <c r="FL5406" s="126"/>
      <c r="FM5406" s="91"/>
      <c r="FN5406" s="91"/>
      <c r="FO5406" s="91"/>
      <c r="FP5406" s="91"/>
      <c r="FQ5406" s="91"/>
      <c r="FR5406" s="91"/>
      <c r="FS5406" s="91"/>
      <c r="FT5406" s="91"/>
      <c r="FU5406" s="91"/>
      <c r="FV5406" s="91"/>
      <c r="FW5406" s="91"/>
      <c r="FX5406" s="127"/>
      <c r="FY5406" s="126"/>
      <c r="FZ5406" s="91"/>
      <c r="GA5406" s="91"/>
      <c r="GB5406" s="91"/>
      <c r="GC5406" s="91"/>
      <c r="GD5406" s="91"/>
      <c r="GE5406" s="91"/>
      <c r="GF5406" s="91"/>
      <c r="GG5406" s="91"/>
      <c r="GH5406" s="91"/>
      <c r="GI5406" s="91"/>
      <c r="GJ5406" s="91"/>
      <c r="GK5406" s="127"/>
      <c r="GL5406" s="126"/>
      <c r="GM5406" s="91"/>
      <c r="GN5406" s="91"/>
      <c r="GO5406" s="91"/>
      <c r="GP5406" s="91"/>
      <c r="GQ5406" s="91"/>
      <c r="GR5406" s="91"/>
      <c r="GS5406" s="91"/>
      <c r="GT5406" s="91"/>
      <c r="GU5406" s="91"/>
      <c r="GV5406" s="91"/>
      <c r="GW5406" s="91"/>
      <c r="GX5406" s="127"/>
      <c r="GY5406" s="126"/>
      <c r="GZ5406" s="91"/>
      <c r="HA5406" s="91"/>
      <c r="HB5406" s="91"/>
      <c r="HC5406" s="91"/>
      <c r="HD5406" s="91"/>
      <c r="HE5406" s="91"/>
      <c r="HF5406" s="91"/>
      <c r="HG5406" s="91"/>
      <c r="HH5406" s="91"/>
      <c r="HI5406" s="91"/>
      <c r="HJ5406" s="91"/>
      <c r="HK5406" s="127"/>
      <c r="HL5406" s="126"/>
      <c r="HM5406" s="91"/>
      <c r="HN5406" s="91"/>
      <c r="HO5406" s="91"/>
      <c r="HP5406" s="91"/>
      <c r="HQ5406" s="91"/>
      <c r="HR5406" s="91"/>
      <c r="HS5406" s="91"/>
      <c r="HT5406" s="91"/>
      <c r="HU5406" s="91"/>
      <c r="HV5406" s="91"/>
      <c r="HW5406" s="91"/>
      <c r="HX5406" s="127"/>
      <c r="HY5406" s="126"/>
      <c r="HZ5406" s="91"/>
      <c r="IA5406" s="91"/>
      <c r="IB5406" s="91"/>
      <c r="IC5406" s="91"/>
      <c r="ID5406" s="91"/>
      <c r="IE5406" s="91"/>
      <c r="IF5406" s="91"/>
      <c r="IG5406" s="91"/>
      <c r="IH5406" s="91"/>
      <c r="II5406" s="91"/>
      <c r="IJ5406" s="91"/>
      <c r="IK5406" s="174"/>
    </row>
    <row r="5407" spans="2:245" x14ac:dyDescent="0.2">
      <c r="B5407" s="43"/>
      <c r="C5407" s="73"/>
      <c r="D5407" s="64"/>
      <c r="E5407" s="64"/>
      <c r="F5407" s="55"/>
      <c r="G5407" s="102"/>
      <c r="H5407" s="97"/>
      <c r="T5407" s="98"/>
      <c r="U5407" s="97"/>
      <c r="AG5407" s="98"/>
      <c r="AY5407" s="164"/>
      <c r="BK5407" s="98"/>
      <c r="BL5407" s="97"/>
      <c r="BX5407" s="98"/>
      <c r="CL5407" s="97"/>
      <c r="CX5407" s="98"/>
      <c r="DL5407" s="97"/>
      <c r="DX5407" s="98"/>
      <c r="EL5407" s="97"/>
      <c r="EX5407" s="98"/>
      <c r="EY5407" s="97"/>
      <c r="FL5407" s="126"/>
      <c r="FM5407" s="91"/>
      <c r="FN5407" s="91"/>
      <c r="FO5407" s="91"/>
      <c r="FP5407" s="91"/>
      <c r="FQ5407" s="91"/>
      <c r="FR5407" s="91"/>
      <c r="FS5407" s="91"/>
      <c r="FT5407" s="91"/>
      <c r="FU5407" s="91"/>
      <c r="FV5407" s="91"/>
      <c r="FW5407" s="91"/>
      <c r="FX5407" s="127"/>
      <c r="FY5407" s="126"/>
      <c r="FZ5407" s="91"/>
      <c r="GA5407" s="91"/>
      <c r="GB5407" s="91"/>
      <c r="GC5407" s="91"/>
      <c r="GD5407" s="91"/>
      <c r="GE5407" s="91"/>
      <c r="GF5407" s="91"/>
      <c r="GG5407" s="91"/>
      <c r="GH5407" s="91"/>
      <c r="GI5407" s="91"/>
      <c r="GJ5407" s="91"/>
      <c r="GK5407" s="127"/>
      <c r="GL5407" s="126"/>
      <c r="GM5407" s="91"/>
      <c r="GN5407" s="91"/>
      <c r="GO5407" s="91"/>
      <c r="GP5407" s="91"/>
      <c r="GQ5407" s="91"/>
      <c r="GR5407" s="91"/>
      <c r="GS5407" s="91"/>
      <c r="GT5407" s="91"/>
      <c r="GU5407" s="91"/>
      <c r="GV5407" s="91"/>
      <c r="GW5407" s="91"/>
      <c r="GX5407" s="127"/>
      <c r="GY5407" s="126"/>
      <c r="GZ5407" s="91"/>
      <c r="HA5407" s="91"/>
      <c r="HB5407" s="91"/>
      <c r="HC5407" s="91"/>
      <c r="HD5407" s="91"/>
      <c r="HE5407" s="91"/>
      <c r="HF5407" s="91"/>
      <c r="HG5407" s="91"/>
      <c r="HH5407" s="91"/>
      <c r="HI5407" s="91"/>
      <c r="HJ5407" s="91"/>
      <c r="HK5407" s="127"/>
      <c r="HL5407" s="126"/>
      <c r="HM5407" s="91"/>
      <c r="HN5407" s="91"/>
      <c r="HO5407" s="91"/>
      <c r="HP5407" s="91"/>
      <c r="HQ5407" s="91"/>
      <c r="HR5407" s="91"/>
      <c r="HS5407" s="91"/>
      <c r="HT5407" s="91"/>
      <c r="HU5407" s="91"/>
      <c r="HV5407" s="91"/>
      <c r="HW5407" s="91"/>
      <c r="HX5407" s="127"/>
      <c r="HY5407" s="126"/>
      <c r="HZ5407" s="91"/>
      <c r="IA5407" s="91"/>
      <c r="IB5407" s="91"/>
      <c r="IC5407" s="91"/>
      <c r="ID5407" s="91"/>
      <c r="IE5407" s="91"/>
      <c r="IF5407" s="91"/>
      <c r="IG5407" s="91"/>
      <c r="IH5407" s="91"/>
      <c r="II5407" s="91"/>
      <c r="IJ5407" s="91"/>
      <c r="IK5407" s="174"/>
    </row>
    <row r="5408" spans="2:245" x14ac:dyDescent="0.2">
      <c r="B5408" s="43"/>
      <c r="C5408" s="73"/>
      <c r="D5408" s="64"/>
      <c r="E5408" s="64"/>
      <c r="F5408" s="55"/>
      <c r="G5408" s="102"/>
      <c r="H5408" s="97"/>
      <c r="T5408" s="98"/>
      <c r="U5408" s="97"/>
      <c r="AG5408" s="98"/>
      <c r="AY5408" s="164"/>
      <c r="BK5408" s="98"/>
      <c r="BL5408" s="97"/>
      <c r="BX5408" s="98"/>
      <c r="CL5408" s="97"/>
      <c r="CX5408" s="98"/>
      <c r="DL5408" s="97"/>
      <c r="DX5408" s="98"/>
      <c r="EL5408" s="97"/>
      <c r="EX5408" s="98"/>
      <c r="EY5408" s="97"/>
      <c r="FL5408" s="126"/>
      <c r="FM5408" s="91"/>
      <c r="FN5408" s="91"/>
      <c r="FO5408" s="91"/>
      <c r="FP5408" s="91"/>
      <c r="FQ5408" s="91"/>
      <c r="FR5408" s="91"/>
      <c r="FS5408" s="91"/>
      <c r="FT5408" s="91"/>
      <c r="FU5408" s="91"/>
      <c r="FV5408" s="91"/>
      <c r="FW5408" s="91"/>
      <c r="FX5408" s="127"/>
      <c r="FY5408" s="126"/>
      <c r="FZ5408" s="91"/>
      <c r="GA5408" s="91"/>
      <c r="GB5408" s="91"/>
      <c r="GC5408" s="91"/>
      <c r="GD5408" s="91"/>
      <c r="GE5408" s="91"/>
      <c r="GF5408" s="91"/>
      <c r="GG5408" s="91"/>
      <c r="GH5408" s="91"/>
      <c r="GI5408" s="91"/>
      <c r="GJ5408" s="91"/>
      <c r="GK5408" s="127"/>
      <c r="GL5408" s="126"/>
      <c r="GM5408" s="91"/>
      <c r="GN5408" s="91"/>
      <c r="GO5408" s="91"/>
      <c r="GP5408" s="91"/>
      <c r="GQ5408" s="91"/>
      <c r="GR5408" s="91"/>
      <c r="GS5408" s="91"/>
      <c r="GT5408" s="91"/>
      <c r="GU5408" s="91"/>
      <c r="GV5408" s="91"/>
      <c r="GW5408" s="91"/>
      <c r="GX5408" s="127"/>
      <c r="GY5408" s="126"/>
      <c r="GZ5408" s="91"/>
      <c r="HA5408" s="91"/>
      <c r="HB5408" s="91"/>
      <c r="HC5408" s="91"/>
      <c r="HD5408" s="91"/>
      <c r="HE5408" s="91"/>
      <c r="HF5408" s="91"/>
      <c r="HG5408" s="91"/>
      <c r="HH5408" s="91"/>
      <c r="HI5408" s="91"/>
      <c r="HJ5408" s="91"/>
      <c r="HK5408" s="127"/>
      <c r="HL5408" s="126"/>
      <c r="HM5408" s="91"/>
      <c r="HN5408" s="91"/>
      <c r="HO5408" s="91"/>
      <c r="HP5408" s="91"/>
      <c r="HQ5408" s="91"/>
      <c r="HR5408" s="91"/>
      <c r="HS5408" s="91"/>
      <c r="HT5408" s="91"/>
      <c r="HU5408" s="91"/>
      <c r="HV5408" s="91"/>
      <c r="HW5408" s="91"/>
      <c r="HX5408" s="127"/>
      <c r="HY5408" s="126"/>
      <c r="HZ5408" s="91"/>
      <c r="IA5408" s="91"/>
      <c r="IB5408" s="91"/>
      <c r="IC5408" s="91"/>
      <c r="ID5408" s="91"/>
      <c r="IE5408" s="91"/>
      <c r="IF5408" s="91"/>
      <c r="IG5408" s="91"/>
      <c r="IH5408" s="91"/>
      <c r="II5408" s="91"/>
      <c r="IJ5408" s="91"/>
      <c r="IK5408" s="174"/>
    </row>
    <row r="5409" spans="2:245" x14ac:dyDescent="0.2">
      <c r="B5409" s="43"/>
      <c r="C5409" s="73"/>
      <c r="D5409" s="64"/>
      <c r="E5409" s="64"/>
      <c r="F5409" s="55"/>
      <c r="G5409" s="102"/>
      <c r="H5409" s="97"/>
      <c r="T5409" s="98"/>
      <c r="U5409" s="97"/>
      <c r="AG5409" s="98"/>
      <c r="AY5409" s="164"/>
      <c r="BK5409" s="98"/>
      <c r="BL5409" s="97"/>
      <c r="BX5409" s="98"/>
      <c r="CL5409" s="97"/>
      <c r="CX5409" s="98"/>
      <c r="DL5409" s="97"/>
      <c r="DX5409" s="98"/>
      <c r="EL5409" s="97"/>
      <c r="EX5409" s="98"/>
      <c r="EY5409" s="97"/>
      <c r="FL5409" s="126"/>
      <c r="FM5409" s="91"/>
      <c r="FN5409" s="91"/>
      <c r="FO5409" s="91"/>
      <c r="FP5409" s="91"/>
      <c r="FQ5409" s="91"/>
      <c r="FR5409" s="91"/>
      <c r="FS5409" s="91"/>
      <c r="FT5409" s="91"/>
      <c r="FU5409" s="91"/>
      <c r="FV5409" s="91"/>
      <c r="FW5409" s="91"/>
      <c r="FX5409" s="127"/>
      <c r="FY5409" s="126"/>
      <c r="FZ5409" s="91"/>
      <c r="GA5409" s="91"/>
      <c r="GB5409" s="91"/>
      <c r="GC5409" s="91"/>
      <c r="GD5409" s="91"/>
      <c r="GE5409" s="91"/>
      <c r="GF5409" s="91"/>
      <c r="GG5409" s="91"/>
      <c r="GH5409" s="91"/>
      <c r="GI5409" s="91"/>
      <c r="GJ5409" s="91"/>
      <c r="GK5409" s="127"/>
      <c r="GL5409" s="126"/>
      <c r="GM5409" s="91"/>
      <c r="GN5409" s="91"/>
      <c r="GO5409" s="91"/>
      <c r="GP5409" s="91"/>
      <c r="GQ5409" s="91"/>
      <c r="GR5409" s="91"/>
      <c r="GS5409" s="91"/>
      <c r="GT5409" s="91"/>
      <c r="GU5409" s="91"/>
      <c r="GV5409" s="91"/>
      <c r="GW5409" s="91"/>
      <c r="GX5409" s="127"/>
      <c r="GY5409" s="126"/>
      <c r="GZ5409" s="91"/>
      <c r="HA5409" s="91"/>
      <c r="HB5409" s="91"/>
      <c r="HC5409" s="91"/>
      <c r="HD5409" s="91"/>
      <c r="HE5409" s="91"/>
      <c r="HF5409" s="91"/>
      <c r="HG5409" s="91"/>
      <c r="HH5409" s="91"/>
      <c r="HI5409" s="91"/>
      <c r="HJ5409" s="91"/>
      <c r="HK5409" s="127"/>
      <c r="HL5409" s="126"/>
      <c r="HM5409" s="91"/>
      <c r="HN5409" s="91"/>
      <c r="HO5409" s="91"/>
      <c r="HP5409" s="91"/>
      <c r="HQ5409" s="91"/>
      <c r="HR5409" s="91"/>
      <c r="HS5409" s="91"/>
      <c r="HT5409" s="91"/>
      <c r="HU5409" s="91"/>
      <c r="HV5409" s="91"/>
      <c r="HW5409" s="91"/>
      <c r="HX5409" s="127"/>
      <c r="HY5409" s="126"/>
      <c r="HZ5409" s="91"/>
      <c r="IA5409" s="91"/>
      <c r="IB5409" s="91"/>
      <c r="IC5409" s="91"/>
      <c r="ID5409" s="91"/>
      <c r="IE5409" s="91"/>
      <c r="IF5409" s="91"/>
      <c r="IG5409" s="91"/>
      <c r="IH5409" s="91"/>
      <c r="II5409" s="91"/>
      <c r="IJ5409" s="91"/>
      <c r="IK5409" s="174"/>
    </row>
    <row r="5410" spans="2:245" x14ac:dyDescent="0.2">
      <c r="B5410" s="43"/>
      <c r="C5410" s="73"/>
      <c r="D5410" s="64"/>
      <c r="E5410" s="64"/>
      <c r="F5410" s="55"/>
      <c r="G5410" s="102"/>
      <c r="H5410" s="97"/>
      <c r="T5410" s="98"/>
      <c r="U5410" s="97"/>
      <c r="AG5410" s="98"/>
      <c r="AY5410" s="164"/>
      <c r="BK5410" s="98"/>
      <c r="BL5410" s="97"/>
      <c r="BX5410" s="98"/>
      <c r="CL5410" s="97"/>
      <c r="CX5410" s="98"/>
      <c r="DL5410" s="97"/>
      <c r="DX5410" s="98"/>
      <c r="EL5410" s="97"/>
      <c r="EX5410" s="98"/>
      <c r="EY5410" s="97"/>
      <c r="FL5410" s="126"/>
      <c r="FM5410" s="91"/>
      <c r="FN5410" s="91"/>
      <c r="FO5410" s="91"/>
      <c r="FP5410" s="91"/>
      <c r="FQ5410" s="91"/>
      <c r="FR5410" s="91"/>
      <c r="FS5410" s="91"/>
      <c r="FT5410" s="91"/>
      <c r="FU5410" s="91"/>
      <c r="FV5410" s="91"/>
      <c r="FW5410" s="91"/>
      <c r="FX5410" s="127"/>
      <c r="FY5410" s="126"/>
      <c r="FZ5410" s="91"/>
      <c r="GA5410" s="91"/>
      <c r="GB5410" s="91"/>
      <c r="GC5410" s="91"/>
      <c r="GD5410" s="91"/>
      <c r="GE5410" s="91"/>
      <c r="GF5410" s="91"/>
      <c r="GG5410" s="91"/>
      <c r="GH5410" s="91"/>
      <c r="GI5410" s="91"/>
      <c r="GJ5410" s="91"/>
      <c r="GK5410" s="127"/>
      <c r="GL5410" s="126"/>
      <c r="GM5410" s="91"/>
      <c r="GN5410" s="91"/>
      <c r="GO5410" s="91"/>
      <c r="GP5410" s="91"/>
      <c r="GQ5410" s="91"/>
      <c r="GR5410" s="91"/>
      <c r="GS5410" s="91"/>
      <c r="GT5410" s="91"/>
      <c r="GU5410" s="91"/>
      <c r="GV5410" s="91"/>
      <c r="GW5410" s="91"/>
      <c r="GX5410" s="127"/>
      <c r="GY5410" s="126"/>
      <c r="GZ5410" s="91"/>
      <c r="HA5410" s="91"/>
      <c r="HB5410" s="91"/>
      <c r="HC5410" s="91"/>
      <c r="HD5410" s="91"/>
      <c r="HE5410" s="91"/>
      <c r="HF5410" s="91"/>
      <c r="HG5410" s="91"/>
      <c r="HH5410" s="91"/>
      <c r="HI5410" s="91"/>
      <c r="HJ5410" s="91"/>
      <c r="HK5410" s="127"/>
      <c r="HL5410" s="126"/>
      <c r="HM5410" s="91"/>
      <c r="HN5410" s="91"/>
      <c r="HO5410" s="91"/>
      <c r="HP5410" s="91"/>
      <c r="HQ5410" s="91"/>
      <c r="HR5410" s="91"/>
      <c r="HS5410" s="91"/>
      <c r="HT5410" s="91"/>
      <c r="HU5410" s="91"/>
      <c r="HV5410" s="91"/>
      <c r="HW5410" s="91"/>
      <c r="HX5410" s="127"/>
      <c r="HY5410" s="126"/>
      <c r="HZ5410" s="91"/>
      <c r="IA5410" s="91"/>
      <c r="IB5410" s="91"/>
      <c r="IC5410" s="91"/>
      <c r="ID5410" s="91"/>
      <c r="IE5410" s="91"/>
      <c r="IF5410" s="91"/>
      <c r="IG5410" s="91"/>
      <c r="IH5410" s="91"/>
      <c r="II5410" s="91"/>
      <c r="IJ5410" s="91"/>
      <c r="IK5410" s="174"/>
    </row>
    <row r="5411" spans="2:245" x14ac:dyDescent="0.2">
      <c r="B5411" s="43"/>
      <c r="C5411" s="73"/>
      <c r="D5411" s="64"/>
      <c r="E5411" s="64"/>
      <c r="F5411" s="55"/>
      <c r="G5411" s="102"/>
      <c r="H5411" s="97"/>
      <c r="T5411" s="98"/>
      <c r="U5411" s="97"/>
      <c r="AG5411" s="98"/>
      <c r="AY5411" s="164"/>
      <c r="BK5411" s="98"/>
      <c r="BL5411" s="97"/>
      <c r="BX5411" s="98"/>
      <c r="CL5411" s="97"/>
      <c r="CX5411" s="98"/>
      <c r="DL5411" s="97"/>
      <c r="DX5411" s="98"/>
      <c r="EL5411" s="97"/>
      <c r="EX5411" s="98"/>
      <c r="EY5411" s="97"/>
      <c r="FL5411" s="126"/>
      <c r="FM5411" s="91"/>
      <c r="FN5411" s="91"/>
      <c r="FO5411" s="91"/>
      <c r="FP5411" s="91"/>
      <c r="FQ5411" s="91"/>
      <c r="FR5411" s="91"/>
      <c r="FS5411" s="91"/>
      <c r="FT5411" s="91"/>
      <c r="FU5411" s="91"/>
      <c r="FV5411" s="91"/>
      <c r="FW5411" s="91"/>
      <c r="FX5411" s="127"/>
      <c r="FY5411" s="126"/>
      <c r="FZ5411" s="91"/>
      <c r="GA5411" s="91"/>
      <c r="GB5411" s="91"/>
      <c r="GC5411" s="91"/>
      <c r="GD5411" s="91"/>
      <c r="GE5411" s="91"/>
      <c r="GF5411" s="91"/>
      <c r="GG5411" s="91"/>
      <c r="GH5411" s="91"/>
      <c r="GI5411" s="91"/>
      <c r="GJ5411" s="91"/>
      <c r="GK5411" s="127"/>
      <c r="GL5411" s="126"/>
      <c r="GM5411" s="91"/>
      <c r="GN5411" s="91"/>
      <c r="GO5411" s="91"/>
      <c r="GP5411" s="91"/>
      <c r="GQ5411" s="91"/>
      <c r="GR5411" s="91"/>
      <c r="GS5411" s="91"/>
      <c r="GT5411" s="91"/>
      <c r="GU5411" s="91"/>
      <c r="GV5411" s="91"/>
      <c r="GW5411" s="91"/>
      <c r="GX5411" s="127"/>
      <c r="GY5411" s="126"/>
      <c r="GZ5411" s="91"/>
      <c r="HA5411" s="91"/>
      <c r="HB5411" s="91"/>
      <c r="HC5411" s="91"/>
      <c r="HD5411" s="91"/>
      <c r="HE5411" s="91"/>
      <c r="HF5411" s="91"/>
      <c r="HG5411" s="91"/>
      <c r="HH5411" s="91"/>
      <c r="HI5411" s="91"/>
      <c r="HJ5411" s="91"/>
      <c r="HK5411" s="127"/>
      <c r="HL5411" s="126"/>
      <c r="HM5411" s="91"/>
      <c r="HN5411" s="91"/>
      <c r="HO5411" s="91"/>
      <c r="HP5411" s="91"/>
      <c r="HQ5411" s="91"/>
      <c r="HR5411" s="91"/>
      <c r="HS5411" s="91"/>
      <c r="HT5411" s="91"/>
      <c r="HU5411" s="91"/>
      <c r="HV5411" s="91"/>
      <c r="HW5411" s="91"/>
      <c r="HX5411" s="127"/>
      <c r="HY5411" s="126"/>
      <c r="HZ5411" s="91"/>
      <c r="IA5411" s="91"/>
      <c r="IB5411" s="91"/>
      <c r="IC5411" s="91"/>
      <c r="ID5411" s="91"/>
      <c r="IE5411" s="91"/>
      <c r="IF5411" s="91"/>
      <c r="IG5411" s="91"/>
      <c r="IH5411" s="91"/>
      <c r="II5411" s="91"/>
      <c r="IJ5411" s="91"/>
      <c r="IK5411" s="174"/>
    </row>
    <row r="5412" spans="2:245" x14ac:dyDescent="0.2">
      <c r="B5412" s="43"/>
      <c r="C5412" s="73"/>
      <c r="D5412" s="64"/>
      <c r="E5412" s="64"/>
      <c r="F5412" s="55"/>
      <c r="G5412" s="102"/>
      <c r="H5412" s="97"/>
      <c r="T5412" s="98"/>
      <c r="U5412" s="97"/>
      <c r="AG5412" s="98"/>
      <c r="AY5412" s="164"/>
      <c r="BK5412" s="98"/>
      <c r="BL5412" s="97"/>
      <c r="BX5412" s="98"/>
      <c r="CL5412" s="97"/>
      <c r="CX5412" s="98"/>
      <c r="DL5412" s="97"/>
      <c r="DX5412" s="98"/>
      <c r="EL5412" s="97"/>
      <c r="EX5412" s="98"/>
      <c r="EY5412" s="97"/>
      <c r="FL5412" s="126"/>
      <c r="FM5412" s="91"/>
      <c r="FN5412" s="91"/>
      <c r="FO5412" s="91"/>
      <c r="FP5412" s="91"/>
      <c r="FQ5412" s="91"/>
      <c r="FR5412" s="91"/>
      <c r="FS5412" s="91"/>
      <c r="FT5412" s="91"/>
      <c r="FU5412" s="91"/>
      <c r="FV5412" s="91"/>
      <c r="FW5412" s="91"/>
      <c r="FX5412" s="127"/>
      <c r="FY5412" s="126"/>
      <c r="FZ5412" s="91"/>
      <c r="GA5412" s="91"/>
      <c r="GB5412" s="91"/>
      <c r="GC5412" s="91"/>
      <c r="GD5412" s="91"/>
      <c r="GE5412" s="91"/>
      <c r="GF5412" s="91"/>
      <c r="GG5412" s="91"/>
      <c r="GH5412" s="91"/>
      <c r="GI5412" s="91"/>
      <c r="GJ5412" s="91"/>
      <c r="GK5412" s="127"/>
      <c r="GL5412" s="126"/>
      <c r="GM5412" s="91"/>
      <c r="GN5412" s="91"/>
      <c r="GO5412" s="91"/>
      <c r="GP5412" s="91"/>
      <c r="GQ5412" s="91"/>
      <c r="GR5412" s="91"/>
      <c r="GS5412" s="91"/>
      <c r="GT5412" s="91"/>
      <c r="GU5412" s="91"/>
      <c r="GV5412" s="91"/>
      <c r="GW5412" s="91"/>
      <c r="GX5412" s="127"/>
      <c r="GY5412" s="126"/>
      <c r="GZ5412" s="91"/>
      <c r="HA5412" s="91"/>
      <c r="HB5412" s="91"/>
      <c r="HC5412" s="91"/>
      <c r="HD5412" s="91"/>
      <c r="HE5412" s="91"/>
      <c r="HF5412" s="91"/>
      <c r="HG5412" s="91"/>
      <c r="HH5412" s="91"/>
      <c r="HI5412" s="91"/>
      <c r="HJ5412" s="91"/>
      <c r="HK5412" s="127"/>
      <c r="HL5412" s="126"/>
      <c r="HM5412" s="91"/>
      <c r="HN5412" s="91"/>
      <c r="HO5412" s="91"/>
      <c r="HP5412" s="91"/>
      <c r="HQ5412" s="91"/>
      <c r="HR5412" s="91"/>
      <c r="HS5412" s="91"/>
      <c r="HT5412" s="91"/>
      <c r="HU5412" s="91"/>
      <c r="HV5412" s="91"/>
      <c r="HW5412" s="91"/>
      <c r="HX5412" s="127"/>
      <c r="HY5412" s="126"/>
      <c r="HZ5412" s="91"/>
      <c r="IA5412" s="91"/>
      <c r="IB5412" s="91"/>
      <c r="IC5412" s="91"/>
      <c r="ID5412" s="91"/>
      <c r="IE5412" s="91"/>
      <c r="IF5412" s="91"/>
      <c r="IG5412" s="91"/>
      <c r="IH5412" s="91"/>
      <c r="II5412" s="91"/>
      <c r="IJ5412" s="91"/>
      <c r="IK5412" s="174"/>
    </row>
    <row r="5413" spans="2:245" x14ac:dyDescent="0.2">
      <c r="B5413" s="43"/>
      <c r="C5413" s="73"/>
      <c r="D5413" s="64"/>
      <c r="E5413" s="64"/>
      <c r="F5413" s="55"/>
      <c r="G5413" s="102"/>
      <c r="H5413" s="97"/>
      <c r="T5413" s="98"/>
      <c r="U5413" s="97"/>
      <c r="AG5413" s="98"/>
      <c r="AY5413" s="164"/>
      <c r="BK5413" s="98"/>
      <c r="BL5413" s="97"/>
      <c r="BX5413" s="98"/>
      <c r="CL5413" s="97"/>
      <c r="CX5413" s="98"/>
      <c r="DL5413" s="97"/>
      <c r="DX5413" s="98"/>
      <c r="EL5413" s="97"/>
      <c r="EX5413" s="98"/>
      <c r="EY5413" s="97"/>
      <c r="FL5413" s="126"/>
      <c r="FM5413" s="91"/>
      <c r="FN5413" s="91"/>
      <c r="FO5413" s="91"/>
      <c r="FP5413" s="91"/>
      <c r="FQ5413" s="91"/>
      <c r="FR5413" s="91"/>
      <c r="FS5413" s="91"/>
      <c r="FT5413" s="91"/>
      <c r="FU5413" s="91"/>
      <c r="FV5413" s="91"/>
      <c r="FW5413" s="91"/>
      <c r="FX5413" s="127"/>
      <c r="FY5413" s="126"/>
      <c r="FZ5413" s="91"/>
      <c r="GA5413" s="91"/>
      <c r="GB5413" s="91"/>
      <c r="GC5413" s="91"/>
      <c r="GD5413" s="91"/>
      <c r="GE5413" s="91"/>
      <c r="GF5413" s="91"/>
      <c r="GG5413" s="91"/>
      <c r="GH5413" s="91"/>
      <c r="GI5413" s="91"/>
      <c r="GJ5413" s="91"/>
      <c r="GK5413" s="127"/>
      <c r="GL5413" s="126"/>
      <c r="GM5413" s="91"/>
      <c r="GN5413" s="91"/>
      <c r="GO5413" s="91"/>
      <c r="GP5413" s="91"/>
      <c r="GQ5413" s="91"/>
      <c r="GR5413" s="91"/>
      <c r="GS5413" s="91"/>
      <c r="GT5413" s="91"/>
      <c r="GU5413" s="91"/>
      <c r="GV5413" s="91"/>
      <c r="GW5413" s="91"/>
      <c r="GX5413" s="127"/>
      <c r="GY5413" s="126"/>
      <c r="GZ5413" s="91"/>
      <c r="HA5413" s="91"/>
      <c r="HB5413" s="91"/>
      <c r="HC5413" s="91"/>
      <c r="HD5413" s="91"/>
      <c r="HE5413" s="91"/>
      <c r="HF5413" s="91"/>
      <c r="HG5413" s="91"/>
      <c r="HH5413" s="91"/>
      <c r="HI5413" s="91"/>
      <c r="HJ5413" s="91"/>
      <c r="HK5413" s="127"/>
      <c r="HL5413" s="126"/>
      <c r="HM5413" s="91"/>
      <c r="HN5413" s="91"/>
      <c r="HO5413" s="91"/>
      <c r="HP5413" s="91"/>
      <c r="HQ5413" s="91"/>
      <c r="HR5413" s="91"/>
      <c r="HS5413" s="91"/>
      <c r="HT5413" s="91"/>
      <c r="HU5413" s="91"/>
      <c r="HV5413" s="91"/>
      <c r="HW5413" s="91"/>
      <c r="HX5413" s="127"/>
      <c r="HY5413" s="126"/>
      <c r="HZ5413" s="91"/>
      <c r="IA5413" s="91"/>
      <c r="IB5413" s="91"/>
      <c r="IC5413" s="91"/>
      <c r="ID5413" s="91"/>
      <c r="IE5413" s="91"/>
      <c r="IF5413" s="91"/>
      <c r="IG5413" s="91"/>
      <c r="IH5413" s="91"/>
      <c r="II5413" s="91"/>
      <c r="IJ5413" s="91"/>
      <c r="IK5413" s="174"/>
    </row>
    <row r="5414" spans="2:245" x14ac:dyDescent="0.2">
      <c r="B5414" s="43"/>
      <c r="C5414" s="73"/>
      <c r="D5414" s="64"/>
      <c r="E5414" s="64"/>
      <c r="F5414" s="55"/>
      <c r="G5414" s="102"/>
      <c r="H5414" s="97"/>
      <c r="T5414" s="98"/>
      <c r="U5414" s="97"/>
      <c r="AG5414" s="98"/>
      <c r="AY5414" s="164"/>
      <c r="BK5414" s="98"/>
      <c r="BL5414" s="97"/>
      <c r="BX5414" s="98"/>
      <c r="CL5414" s="97"/>
      <c r="CX5414" s="98"/>
      <c r="DL5414" s="97"/>
      <c r="DX5414" s="98"/>
      <c r="EL5414" s="97"/>
      <c r="EX5414" s="98"/>
      <c r="EY5414" s="97"/>
      <c r="FL5414" s="126"/>
      <c r="FM5414" s="91"/>
      <c r="FN5414" s="91"/>
      <c r="FO5414" s="91"/>
      <c r="FP5414" s="91"/>
      <c r="FQ5414" s="91"/>
      <c r="FR5414" s="91"/>
      <c r="FS5414" s="91"/>
      <c r="FT5414" s="91"/>
      <c r="FU5414" s="91"/>
      <c r="FV5414" s="91"/>
      <c r="FW5414" s="91"/>
      <c r="FX5414" s="127"/>
      <c r="FY5414" s="126"/>
      <c r="FZ5414" s="91"/>
      <c r="GA5414" s="91"/>
      <c r="GB5414" s="91"/>
      <c r="GC5414" s="91"/>
      <c r="GD5414" s="91"/>
      <c r="GE5414" s="91"/>
      <c r="GF5414" s="91"/>
      <c r="GG5414" s="91"/>
      <c r="GH5414" s="91"/>
      <c r="GI5414" s="91"/>
      <c r="GJ5414" s="91"/>
      <c r="GK5414" s="127"/>
      <c r="GL5414" s="126"/>
      <c r="GM5414" s="91"/>
      <c r="GN5414" s="91"/>
      <c r="GO5414" s="91"/>
      <c r="GP5414" s="91"/>
      <c r="GQ5414" s="91"/>
      <c r="GR5414" s="91"/>
      <c r="GS5414" s="91"/>
      <c r="GT5414" s="91"/>
      <c r="GU5414" s="91"/>
      <c r="GV5414" s="91"/>
      <c r="GW5414" s="91"/>
      <c r="GX5414" s="127"/>
      <c r="GY5414" s="126"/>
      <c r="GZ5414" s="91"/>
      <c r="HA5414" s="91"/>
      <c r="HB5414" s="91"/>
      <c r="HC5414" s="91"/>
      <c r="HD5414" s="91"/>
      <c r="HE5414" s="91"/>
      <c r="HF5414" s="91"/>
      <c r="HG5414" s="91"/>
      <c r="HH5414" s="91"/>
      <c r="HI5414" s="91"/>
      <c r="HJ5414" s="91"/>
      <c r="HK5414" s="127"/>
      <c r="HL5414" s="126"/>
      <c r="HM5414" s="91"/>
      <c r="HN5414" s="91"/>
      <c r="HO5414" s="91"/>
      <c r="HP5414" s="91"/>
      <c r="HQ5414" s="91"/>
      <c r="HR5414" s="91"/>
      <c r="HS5414" s="91"/>
      <c r="HT5414" s="91"/>
      <c r="HU5414" s="91"/>
      <c r="HV5414" s="91"/>
      <c r="HW5414" s="91"/>
      <c r="HX5414" s="127"/>
      <c r="HY5414" s="126"/>
      <c r="HZ5414" s="91"/>
      <c r="IA5414" s="91"/>
      <c r="IB5414" s="91"/>
      <c r="IC5414" s="91"/>
      <c r="ID5414" s="91"/>
      <c r="IE5414" s="91"/>
      <c r="IF5414" s="91"/>
      <c r="IG5414" s="91"/>
      <c r="IH5414" s="91"/>
      <c r="II5414" s="91"/>
      <c r="IJ5414" s="91"/>
      <c r="IK5414" s="174"/>
    </row>
    <row r="5415" spans="2:245" x14ac:dyDescent="0.2">
      <c r="B5415" s="43"/>
      <c r="C5415" s="73"/>
      <c r="D5415" s="64"/>
      <c r="E5415" s="64"/>
      <c r="F5415" s="55"/>
      <c r="G5415" s="102"/>
      <c r="H5415" s="97"/>
      <c r="T5415" s="98"/>
      <c r="U5415" s="97"/>
      <c r="AG5415" s="98"/>
      <c r="AY5415" s="164"/>
      <c r="BK5415" s="98"/>
      <c r="BL5415" s="97"/>
      <c r="BX5415" s="98"/>
      <c r="CL5415" s="97"/>
      <c r="CX5415" s="98"/>
      <c r="DL5415" s="97"/>
      <c r="DX5415" s="98"/>
      <c r="EL5415" s="97"/>
      <c r="EX5415" s="98"/>
      <c r="EY5415" s="97"/>
      <c r="FL5415" s="126"/>
      <c r="FM5415" s="91"/>
      <c r="FN5415" s="91"/>
      <c r="FO5415" s="91"/>
      <c r="FP5415" s="91"/>
      <c r="FQ5415" s="91"/>
      <c r="FR5415" s="91"/>
      <c r="FS5415" s="91"/>
      <c r="FT5415" s="91"/>
      <c r="FU5415" s="91"/>
      <c r="FV5415" s="91"/>
      <c r="FW5415" s="91"/>
      <c r="FX5415" s="127"/>
      <c r="FY5415" s="126"/>
      <c r="FZ5415" s="91"/>
      <c r="GA5415" s="91"/>
      <c r="GB5415" s="91"/>
      <c r="GC5415" s="91"/>
      <c r="GD5415" s="91"/>
      <c r="GE5415" s="91"/>
      <c r="GF5415" s="91"/>
      <c r="GG5415" s="91"/>
      <c r="GH5415" s="91"/>
      <c r="GI5415" s="91"/>
      <c r="GJ5415" s="91"/>
      <c r="GK5415" s="127"/>
      <c r="GL5415" s="126"/>
      <c r="GM5415" s="91"/>
      <c r="GN5415" s="91"/>
      <c r="GO5415" s="91"/>
      <c r="GP5415" s="91"/>
      <c r="GQ5415" s="91"/>
      <c r="GR5415" s="91"/>
      <c r="GS5415" s="91"/>
      <c r="GT5415" s="91"/>
      <c r="GU5415" s="91"/>
      <c r="GV5415" s="91"/>
      <c r="GW5415" s="91"/>
      <c r="GX5415" s="127"/>
      <c r="GY5415" s="126"/>
      <c r="GZ5415" s="91"/>
      <c r="HA5415" s="91"/>
      <c r="HB5415" s="91"/>
      <c r="HC5415" s="91"/>
      <c r="HD5415" s="91"/>
      <c r="HE5415" s="91"/>
      <c r="HF5415" s="91"/>
      <c r="HG5415" s="91"/>
      <c r="HH5415" s="91"/>
      <c r="HI5415" s="91"/>
      <c r="HJ5415" s="91"/>
      <c r="HK5415" s="127"/>
      <c r="HL5415" s="126"/>
      <c r="HM5415" s="91"/>
      <c r="HN5415" s="91"/>
      <c r="HO5415" s="91"/>
      <c r="HP5415" s="91"/>
      <c r="HQ5415" s="91"/>
      <c r="HR5415" s="91"/>
      <c r="HS5415" s="91"/>
      <c r="HT5415" s="91"/>
      <c r="HU5415" s="91"/>
      <c r="HV5415" s="91"/>
      <c r="HW5415" s="91"/>
      <c r="HX5415" s="127"/>
      <c r="HY5415" s="126"/>
      <c r="HZ5415" s="91"/>
      <c r="IA5415" s="91"/>
      <c r="IB5415" s="91"/>
      <c r="IC5415" s="91"/>
      <c r="ID5415" s="91"/>
      <c r="IE5415" s="91"/>
      <c r="IF5415" s="91"/>
      <c r="IG5415" s="91"/>
      <c r="IH5415" s="91"/>
      <c r="II5415" s="91"/>
      <c r="IJ5415" s="91"/>
      <c r="IK5415" s="174"/>
    </row>
    <row r="5416" spans="2:245" x14ac:dyDescent="0.2">
      <c r="B5416" s="43"/>
      <c r="C5416" s="73"/>
      <c r="D5416" s="64"/>
      <c r="E5416" s="64"/>
      <c r="F5416" s="55"/>
      <c r="G5416" s="102"/>
      <c r="H5416" s="97"/>
      <c r="T5416" s="98"/>
      <c r="U5416" s="97"/>
      <c r="AG5416" s="98"/>
      <c r="AY5416" s="164"/>
      <c r="BK5416" s="98"/>
      <c r="BL5416" s="97"/>
      <c r="BX5416" s="98"/>
      <c r="CL5416" s="97"/>
      <c r="CX5416" s="98"/>
      <c r="DL5416" s="97"/>
      <c r="DX5416" s="98"/>
      <c r="EL5416" s="97"/>
      <c r="EX5416" s="98"/>
      <c r="EY5416" s="97"/>
      <c r="FL5416" s="126"/>
      <c r="FM5416" s="91"/>
      <c r="FN5416" s="91"/>
      <c r="FO5416" s="91"/>
      <c r="FP5416" s="91"/>
      <c r="FQ5416" s="91"/>
      <c r="FR5416" s="91"/>
      <c r="FS5416" s="91"/>
      <c r="FT5416" s="91"/>
      <c r="FU5416" s="91"/>
      <c r="FV5416" s="91"/>
      <c r="FW5416" s="91"/>
      <c r="FX5416" s="127"/>
      <c r="FY5416" s="126"/>
      <c r="FZ5416" s="91"/>
      <c r="GA5416" s="91"/>
      <c r="GB5416" s="91"/>
      <c r="GC5416" s="91"/>
      <c r="GD5416" s="91"/>
      <c r="GE5416" s="91"/>
      <c r="GF5416" s="91"/>
      <c r="GG5416" s="91"/>
      <c r="GH5416" s="91"/>
      <c r="GI5416" s="91"/>
      <c r="GJ5416" s="91"/>
      <c r="GK5416" s="127"/>
      <c r="GL5416" s="126"/>
      <c r="GM5416" s="91"/>
      <c r="GN5416" s="91"/>
      <c r="GO5416" s="91"/>
      <c r="GP5416" s="91"/>
      <c r="GQ5416" s="91"/>
      <c r="GR5416" s="91"/>
      <c r="GS5416" s="91"/>
      <c r="GT5416" s="91"/>
      <c r="GU5416" s="91"/>
      <c r="GV5416" s="91"/>
      <c r="GW5416" s="91"/>
      <c r="GX5416" s="127"/>
      <c r="GY5416" s="126"/>
      <c r="GZ5416" s="91"/>
      <c r="HA5416" s="91"/>
      <c r="HB5416" s="91"/>
      <c r="HC5416" s="91"/>
      <c r="HD5416" s="91"/>
      <c r="HE5416" s="91"/>
      <c r="HF5416" s="91"/>
      <c r="HG5416" s="91"/>
      <c r="HH5416" s="91"/>
      <c r="HI5416" s="91"/>
      <c r="HJ5416" s="91"/>
      <c r="HK5416" s="127"/>
      <c r="HL5416" s="126"/>
      <c r="HM5416" s="91"/>
      <c r="HN5416" s="91"/>
      <c r="HO5416" s="91"/>
      <c r="HP5416" s="91"/>
      <c r="HQ5416" s="91"/>
      <c r="HR5416" s="91"/>
      <c r="HS5416" s="91"/>
      <c r="HT5416" s="91"/>
      <c r="HU5416" s="91"/>
      <c r="HV5416" s="91"/>
      <c r="HW5416" s="91"/>
      <c r="HX5416" s="127"/>
      <c r="HY5416" s="126"/>
      <c r="HZ5416" s="91"/>
      <c r="IA5416" s="91"/>
      <c r="IB5416" s="91"/>
      <c r="IC5416" s="91"/>
      <c r="ID5416" s="91"/>
      <c r="IE5416" s="91"/>
      <c r="IF5416" s="91"/>
      <c r="IG5416" s="91"/>
      <c r="IH5416" s="91"/>
      <c r="II5416" s="91"/>
      <c r="IJ5416" s="91"/>
      <c r="IK5416" s="174"/>
    </row>
    <row r="5417" spans="2:245" x14ac:dyDescent="0.2">
      <c r="B5417" s="43"/>
      <c r="C5417" s="73"/>
      <c r="D5417" s="64"/>
      <c r="E5417" s="64"/>
      <c r="F5417" s="55"/>
      <c r="G5417" s="102"/>
      <c r="H5417" s="97"/>
      <c r="T5417" s="98"/>
      <c r="U5417" s="97"/>
      <c r="AG5417" s="98"/>
      <c r="AY5417" s="164"/>
      <c r="BK5417" s="98"/>
      <c r="BL5417" s="97"/>
      <c r="BX5417" s="98"/>
      <c r="CL5417" s="97"/>
      <c r="CX5417" s="98"/>
      <c r="DL5417" s="97"/>
      <c r="DX5417" s="98"/>
      <c r="EL5417" s="97"/>
      <c r="EX5417" s="98"/>
      <c r="EY5417" s="97"/>
      <c r="FL5417" s="126"/>
      <c r="FM5417" s="91"/>
      <c r="FN5417" s="91"/>
      <c r="FO5417" s="91"/>
      <c r="FP5417" s="91"/>
      <c r="FQ5417" s="91"/>
      <c r="FR5417" s="91"/>
      <c r="FS5417" s="91"/>
      <c r="FT5417" s="91"/>
      <c r="FU5417" s="91"/>
      <c r="FV5417" s="91"/>
      <c r="FW5417" s="91"/>
      <c r="FX5417" s="127"/>
      <c r="FY5417" s="126"/>
      <c r="FZ5417" s="91"/>
      <c r="GA5417" s="91"/>
      <c r="GB5417" s="91"/>
      <c r="GC5417" s="91"/>
      <c r="GD5417" s="91"/>
      <c r="GE5417" s="91"/>
      <c r="GF5417" s="91"/>
      <c r="GG5417" s="91"/>
      <c r="GH5417" s="91"/>
      <c r="GI5417" s="91"/>
      <c r="GJ5417" s="91"/>
      <c r="GK5417" s="127"/>
      <c r="GL5417" s="126"/>
      <c r="GM5417" s="91"/>
      <c r="GN5417" s="91"/>
      <c r="GO5417" s="91"/>
      <c r="GP5417" s="91"/>
      <c r="GQ5417" s="91"/>
      <c r="GR5417" s="91"/>
      <c r="GS5417" s="91"/>
      <c r="GT5417" s="91"/>
      <c r="GU5417" s="91"/>
      <c r="GV5417" s="91"/>
      <c r="GW5417" s="91"/>
      <c r="GX5417" s="127"/>
      <c r="GY5417" s="126"/>
      <c r="GZ5417" s="91"/>
      <c r="HA5417" s="91"/>
      <c r="HB5417" s="91"/>
      <c r="HC5417" s="91"/>
      <c r="HD5417" s="91"/>
      <c r="HE5417" s="91"/>
      <c r="HF5417" s="91"/>
      <c r="HG5417" s="91"/>
      <c r="HH5417" s="91"/>
      <c r="HI5417" s="91"/>
      <c r="HJ5417" s="91"/>
      <c r="HK5417" s="127"/>
      <c r="HL5417" s="126"/>
      <c r="HM5417" s="91"/>
      <c r="HN5417" s="91"/>
      <c r="HO5417" s="91"/>
      <c r="HP5417" s="91"/>
      <c r="HQ5417" s="91"/>
      <c r="HR5417" s="91"/>
      <c r="HS5417" s="91"/>
      <c r="HT5417" s="91"/>
      <c r="HU5417" s="91"/>
      <c r="HV5417" s="91"/>
      <c r="HW5417" s="91"/>
      <c r="HX5417" s="127"/>
      <c r="HY5417" s="126"/>
      <c r="HZ5417" s="91"/>
      <c r="IA5417" s="91"/>
      <c r="IB5417" s="91"/>
      <c r="IC5417" s="91"/>
      <c r="ID5417" s="91"/>
      <c r="IE5417" s="91"/>
      <c r="IF5417" s="91"/>
      <c r="IG5417" s="91"/>
      <c r="IH5417" s="91"/>
      <c r="II5417" s="91"/>
      <c r="IJ5417" s="91"/>
      <c r="IK5417" s="174"/>
    </row>
    <row r="5418" spans="2:245" x14ac:dyDescent="0.2">
      <c r="B5418" s="43"/>
      <c r="C5418" s="73"/>
      <c r="D5418" s="64"/>
      <c r="E5418" s="64"/>
      <c r="F5418" s="55"/>
      <c r="G5418" s="102"/>
      <c r="H5418" s="97"/>
      <c r="T5418" s="98"/>
      <c r="U5418" s="97"/>
      <c r="AG5418" s="98"/>
      <c r="AY5418" s="164"/>
      <c r="BK5418" s="98"/>
      <c r="BL5418" s="97"/>
      <c r="BX5418" s="98"/>
      <c r="CL5418" s="97"/>
      <c r="CX5418" s="98"/>
      <c r="DL5418" s="97"/>
      <c r="DX5418" s="98"/>
      <c r="EL5418" s="97"/>
      <c r="EX5418" s="98"/>
      <c r="EY5418" s="97"/>
      <c r="FL5418" s="126"/>
      <c r="FM5418" s="91"/>
      <c r="FN5418" s="91"/>
      <c r="FO5418" s="91"/>
      <c r="FP5418" s="91"/>
      <c r="FQ5418" s="91"/>
      <c r="FR5418" s="91"/>
      <c r="FS5418" s="91"/>
      <c r="FT5418" s="91"/>
      <c r="FU5418" s="91"/>
      <c r="FV5418" s="91"/>
      <c r="FW5418" s="91"/>
      <c r="FX5418" s="127"/>
      <c r="FY5418" s="126"/>
      <c r="FZ5418" s="91"/>
      <c r="GA5418" s="91"/>
      <c r="GB5418" s="91"/>
      <c r="GC5418" s="91"/>
      <c r="GD5418" s="91"/>
      <c r="GE5418" s="91"/>
      <c r="GF5418" s="91"/>
      <c r="GG5418" s="91"/>
      <c r="GH5418" s="91"/>
      <c r="GI5418" s="91"/>
      <c r="GJ5418" s="91"/>
      <c r="GK5418" s="127"/>
      <c r="GL5418" s="126"/>
      <c r="GM5418" s="91"/>
      <c r="GN5418" s="91"/>
      <c r="GO5418" s="91"/>
      <c r="GP5418" s="91"/>
      <c r="GQ5418" s="91"/>
      <c r="GR5418" s="91"/>
      <c r="GS5418" s="91"/>
      <c r="GT5418" s="91"/>
      <c r="GU5418" s="91"/>
      <c r="GV5418" s="91"/>
      <c r="GW5418" s="91"/>
      <c r="GX5418" s="127"/>
      <c r="GY5418" s="126"/>
      <c r="GZ5418" s="91"/>
      <c r="HA5418" s="91"/>
      <c r="HB5418" s="91"/>
      <c r="HC5418" s="91"/>
      <c r="HD5418" s="91"/>
      <c r="HE5418" s="91"/>
      <c r="HF5418" s="91"/>
      <c r="HG5418" s="91"/>
      <c r="HH5418" s="91"/>
      <c r="HI5418" s="91"/>
      <c r="HJ5418" s="91"/>
      <c r="HK5418" s="127"/>
      <c r="HL5418" s="126"/>
      <c r="HM5418" s="91"/>
      <c r="HN5418" s="91"/>
      <c r="HO5418" s="91"/>
      <c r="HP5418" s="91"/>
      <c r="HQ5418" s="91"/>
      <c r="HR5418" s="91"/>
      <c r="HS5418" s="91"/>
      <c r="HT5418" s="91"/>
      <c r="HU5418" s="91"/>
      <c r="HV5418" s="91"/>
      <c r="HW5418" s="91"/>
      <c r="HX5418" s="127"/>
      <c r="HY5418" s="126"/>
      <c r="HZ5418" s="91"/>
      <c r="IA5418" s="91"/>
      <c r="IB5418" s="91"/>
      <c r="IC5418" s="91"/>
      <c r="ID5418" s="91"/>
      <c r="IE5418" s="91"/>
      <c r="IF5418" s="91"/>
      <c r="IG5418" s="91"/>
      <c r="IH5418" s="91"/>
      <c r="II5418" s="91"/>
      <c r="IJ5418" s="91"/>
      <c r="IK5418" s="174"/>
    </row>
    <row r="5419" spans="2:245" x14ac:dyDescent="0.2">
      <c r="B5419" s="43"/>
      <c r="C5419" s="73"/>
      <c r="D5419" s="64"/>
      <c r="E5419" s="64"/>
      <c r="F5419" s="55"/>
      <c r="G5419" s="102"/>
      <c r="H5419" s="97"/>
      <c r="T5419" s="98"/>
      <c r="U5419" s="97"/>
      <c r="AG5419" s="98"/>
      <c r="AY5419" s="164"/>
      <c r="BK5419" s="98"/>
      <c r="BL5419" s="97"/>
      <c r="BX5419" s="98"/>
      <c r="CL5419" s="97"/>
      <c r="CX5419" s="98"/>
      <c r="DL5419" s="97"/>
      <c r="DX5419" s="98"/>
      <c r="EL5419" s="97"/>
      <c r="EX5419" s="98"/>
      <c r="EY5419" s="97"/>
      <c r="FL5419" s="126"/>
      <c r="FM5419" s="91"/>
      <c r="FN5419" s="91"/>
      <c r="FO5419" s="91"/>
      <c r="FP5419" s="91"/>
      <c r="FQ5419" s="91"/>
      <c r="FR5419" s="91"/>
      <c r="FS5419" s="91"/>
      <c r="FT5419" s="91"/>
      <c r="FU5419" s="91"/>
      <c r="FV5419" s="91"/>
      <c r="FW5419" s="91"/>
      <c r="FX5419" s="127"/>
      <c r="FY5419" s="126"/>
      <c r="FZ5419" s="91"/>
      <c r="GA5419" s="91"/>
      <c r="GB5419" s="91"/>
      <c r="GC5419" s="91"/>
      <c r="GD5419" s="91"/>
      <c r="GE5419" s="91"/>
      <c r="GF5419" s="91"/>
      <c r="GG5419" s="91"/>
      <c r="GH5419" s="91"/>
      <c r="GI5419" s="91"/>
      <c r="GJ5419" s="91"/>
      <c r="GK5419" s="127"/>
      <c r="GL5419" s="126"/>
      <c r="GM5419" s="91"/>
      <c r="GN5419" s="91"/>
      <c r="GO5419" s="91"/>
      <c r="GP5419" s="91"/>
      <c r="GQ5419" s="91"/>
      <c r="GR5419" s="91"/>
      <c r="GS5419" s="91"/>
      <c r="GT5419" s="91"/>
      <c r="GU5419" s="91"/>
      <c r="GV5419" s="91"/>
      <c r="GW5419" s="91"/>
      <c r="GX5419" s="127"/>
      <c r="GY5419" s="126"/>
      <c r="GZ5419" s="91"/>
      <c r="HA5419" s="91"/>
      <c r="HB5419" s="91"/>
      <c r="HC5419" s="91"/>
      <c r="HD5419" s="91"/>
      <c r="HE5419" s="91"/>
      <c r="HF5419" s="91"/>
      <c r="HG5419" s="91"/>
      <c r="HH5419" s="91"/>
      <c r="HI5419" s="91"/>
      <c r="HJ5419" s="91"/>
      <c r="HK5419" s="127"/>
      <c r="HL5419" s="126"/>
      <c r="HM5419" s="91"/>
      <c r="HN5419" s="91"/>
      <c r="HO5419" s="91"/>
      <c r="HP5419" s="91"/>
      <c r="HQ5419" s="91"/>
      <c r="HR5419" s="91"/>
      <c r="HS5419" s="91"/>
      <c r="HT5419" s="91"/>
      <c r="HU5419" s="91"/>
      <c r="HV5419" s="91"/>
      <c r="HW5419" s="91"/>
      <c r="HX5419" s="127"/>
      <c r="HY5419" s="126"/>
      <c r="HZ5419" s="91"/>
      <c r="IA5419" s="91"/>
      <c r="IB5419" s="91"/>
      <c r="IC5419" s="91"/>
      <c r="ID5419" s="91"/>
      <c r="IE5419" s="91"/>
      <c r="IF5419" s="91"/>
      <c r="IG5419" s="91"/>
      <c r="IH5419" s="91"/>
      <c r="II5419" s="91"/>
      <c r="IJ5419" s="91"/>
      <c r="IK5419" s="174"/>
    </row>
    <row r="5420" spans="2:245" x14ac:dyDescent="0.2">
      <c r="B5420" s="43"/>
      <c r="C5420" s="73"/>
      <c r="D5420" s="64"/>
      <c r="E5420" s="64"/>
      <c r="F5420" s="55"/>
      <c r="G5420" s="102"/>
      <c r="H5420" s="97"/>
      <c r="T5420" s="98"/>
      <c r="U5420" s="97"/>
      <c r="AG5420" s="98"/>
      <c r="AY5420" s="164"/>
      <c r="BK5420" s="98"/>
      <c r="BL5420" s="97"/>
      <c r="BX5420" s="98"/>
      <c r="CL5420" s="97"/>
      <c r="CX5420" s="98"/>
      <c r="DL5420" s="97"/>
      <c r="DX5420" s="98"/>
      <c r="EL5420" s="97"/>
      <c r="EX5420" s="98"/>
      <c r="EY5420" s="97"/>
      <c r="FL5420" s="126"/>
      <c r="FM5420" s="91"/>
      <c r="FN5420" s="91"/>
      <c r="FO5420" s="91"/>
      <c r="FP5420" s="91"/>
      <c r="FQ5420" s="91"/>
      <c r="FR5420" s="91"/>
      <c r="FS5420" s="91"/>
      <c r="FT5420" s="91"/>
      <c r="FU5420" s="91"/>
      <c r="FV5420" s="91"/>
      <c r="FW5420" s="91"/>
      <c r="FX5420" s="127"/>
      <c r="FY5420" s="126"/>
      <c r="FZ5420" s="91"/>
      <c r="GA5420" s="91"/>
      <c r="GB5420" s="91"/>
      <c r="GC5420" s="91"/>
      <c r="GD5420" s="91"/>
      <c r="GE5420" s="91"/>
      <c r="GF5420" s="91"/>
      <c r="GG5420" s="91"/>
      <c r="GH5420" s="91"/>
      <c r="GI5420" s="91"/>
      <c r="GJ5420" s="91"/>
      <c r="GK5420" s="127"/>
      <c r="GL5420" s="126"/>
      <c r="GM5420" s="91"/>
      <c r="GN5420" s="91"/>
      <c r="GO5420" s="91"/>
      <c r="GP5420" s="91"/>
      <c r="GQ5420" s="91"/>
      <c r="GR5420" s="91"/>
      <c r="GS5420" s="91"/>
      <c r="GT5420" s="91"/>
      <c r="GU5420" s="91"/>
      <c r="GV5420" s="91"/>
      <c r="GW5420" s="91"/>
      <c r="GX5420" s="127"/>
      <c r="GY5420" s="126"/>
      <c r="GZ5420" s="91"/>
      <c r="HA5420" s="91"/>
      <c r="HB5420" s="91"/>
      <c r="HC5420" s="91"/>
      <c r="HD5420" s="91"/>
      <c r="HE5420" s="91"/>
      <c r="HF5420" s="91"/>
      <c r="HG5420" s="91"/>
      <c r="HH5420" s="91"/>
      <c r="HI5420" s="91"/>
      <c r="HJ5420" s="91"/>
      <c r="HK5420" s="127"/>
      <c r="HL5420" s="126"/>
      <c r="HM5420" s="91"/>
      <c r="HN5420" s="91"/>
      <c r="HO5420" s="91"/>
      <c r="HP5420" s="91"/>
      <c r="HQ5420" s="91"/>
      <c r="HR5420" s="91"/>
      <c r="HS5420" s="91"/>
      <c r="HT5420" s="91"/>
      <c r="HU5420" s="91"/>
      <c r="HV5420" s="91"/>
      <c r="HW5420" s="91"/>
      <c r="HX5420" s="127"/>
      <c r="HY5420" s="126"/>
      <c r="HZ5420" s="91"/>
      <c r="IA5420" s="91"/>
      <c r="IB5420" s="91"/>
      <c r="IC5420" s="91"/>
      <c r="ID5420" s="91"/>
      <c r="IE5420" s="91"/>
      <c r="IF5420" s="91"/>
      <c r="IG5420" s="91"/>
      <c r="IH5420" s="91"/>
      <c r="II5420" s="91"/>
      <c r="IJ5420" s="91"/>
      <c r="IK5420" s="174"/>
    </row>
    <row r="5421" spans="2:245" x14ac:dyDescent="0.2">
      <c r="B5421" s="43"/>
      <c r="C5421" s="73"/>
      <c r="D5421" s="64"/>
      <c r="E5421" s="64"/>
      <c r="F5421" s="55"/>
      <c r="G5421" s="102"/>
      <c r="H5421" s="97"/>
      <c r="T5421" s="98"/>
      <c r="U5421" s="97"/>
      <c r="AG5421" s="98"/>
      <c r="AY5421" s="164"/>
      <c r="BK5421" s="98"/>
      <c r="BL5421" s="97"/>
      <c r="BX5421" s="98"/>
      <c r="CL5421" s="97"/>
      <c r="CX5421" s="98"/>
      <c r="DL5421" s="97"/>
      <c r="DX5421" s="98"/>
      <c r="EL5421" s="97"/>
      <c r="EX5421" s="98"/>
      <c r="EY5421" s="97"/>
      <c r="FL5421" s="126"/>
      <c r="FM5421" s="91"/>
      <c r="FN5421" s="91"/>
      <c r="FO5421" s="91"/>
      <c r="FP5421" s="91"/>
      <c r="FQ5421" s="91"/>
      <c r="FR5421" s="91"/>
      <c r="FS5421" s="91"/>
      <c r="FT5421" s="91"/>
      <c r="FU5421" s="91"/>
      <c r="FV5421" s="91"/>
      <c r="FW5421" s="91"/>
      <c r="FX5421" s="127"/>
      <c r="FY5421" s="126"/>
      <c r="FZ5421" s="91"/>
      <c r="GA5421" s="91"/>
      <c r="GB5421" s="91"/>
      <c r="GC5421" s="91"/>
      <c r="GD5421" s="91"/>
      <c r="GE5421" s="91"/>
      <c r="GF5421" s="91"/>
      <c r="GG5421" s="91"/>
      <c r="GH5421" s="91"/>
      <c r="GI5421" s="91"/>
      <c r="GJ5421" s="91"/>
      <c r="GK5421" s="127"/>
      <c r="GL5421" s="126"/>
      <c r="GM5421" s="91"/>
      <c r="GN5421" s="91"/>
      <c r="GO5421" s="91"/>
      <c r="GP5421" s="91"/>
      <c r="GQ5421" s="91"/>
      <c r="GR5421" s="91"/>
      <c r="GS5421" s="91"/>
      <c r="GT5421" s="91"/>
      <c r="GU5421" s="91"/>
      <c r="GV5421" s="91"/>
      <c r="GW5421" s="91"/>
      <c r="GX5421" s="127"/>
      <c r="GY5421" s="126"/>
      <c r="GZ5421" s="91"/>
      <c r="HA5421" s="91"/>
      <c r="HB5421" s="91"/>
      <c r="HC5421" s="91"/>
      <c r="HD5421" s="91"/>
      <c r="HE5421" s="91"/>
      <c r="HF5421" s="91"/>
      <c r="HG5421" s="91"/>
      <c r="HH5421" s="91"/>
      <c r="HI5421" s="91"/>
      <c r="HJ5421" s="91"/>
      <c r="HK5421" s="127"/>
      <c r="HL5421" s="126"/>
      <c r="HM5421" s="91"/>
      <c r="HN5421" s="91"/>
      <c r="HO5421" s="91"/>
      <c r="HP5421" s="91"/>
      <c r="HQ5421" s="91"/>
      <c r="HR5421" s="91"/>
      <c r="HS5421" s="91"/>
      <c r="HT5421" s="91"/>
      <c r="HU5421" s="91"/>
      <c r="HV5421" s="91"/>
      <c r="HW5421" s="91"/>
      <c r="HX5421" s="127"/>
      <c r="HY5421" s="126"/>
      <c r="HZ5421" s="91"/>
      <c r="IA5421" s="91"/>
      <c r="IB5421" s="91"/>
      <c r="IC5421" s="91"/>
      <c r="ID5421" s="91"/>
      <c r="IE5421" s="91"/>
      <c r="IF5421" s="91"/>
      <c r="IG5421" s="91"/>
      <c r="IH5421" s="91"/>
      <c r="II5421" s="91"/>
      <c r="IJ5421" s="91"/>
      <c r="IK5421" s="174"/>
    </row>
    <row r="5422" spans="2:245" x14ac:dyDescent="0.2">
      <c r="B5422" s="43"/>
      <c r="C5422" s="73"/>
      <c r="D5422" s="64"/>
      <c r="E5422" s="64"/>
      <c r="F5422" s="55"/>
      <c r="G5422" s="102"/>
      <c r="H5422" s="97"/>
      <c r="T5422" s="98"/>
      <c r="U5422" s="97"/>
      <c r="AG5422" s="98"/>
      <c r="AY5422" s="164"/>
      <c r="BK5422" s="98"/>
      <c r="BL5422" s="97"/>
      <c r="BX5422" s="98"/>
      <c r="CL5422" s="97"/>
      <c r="CX5422" s="98"/>
      <c r="DL5422" s="97"/>
      <c r="DX5422" s="98"/>
      <c r="EL5422" s="97"/>
      <c r="EX5422" s="98"/>
      <c r="EY5422" s="97"/>
      <c r="FL5422" s="126"/>
      <c r="FM5422" s="91"/>
      <c r="FN5422" s="91"/>
      <c r="FO5422" s="91"/>
      <c r="FP5422" s="91"/>
      <c r="FQ5422" s="91"/>
      <c r="FR5422" s="91"/>
      <c r="FS5422" s="91"/>
      <c r="FT5422" s="91"/>
      <c r="FU5422" s="91"/>
      <c r="FV5422" s="91"/>
      <c r="FW5422" s="91"/>
      <c r="FX5422" s="127"/>
      <c r="FY5422" s="126"/>
      <c r="FZ5422" s="91"/>
      <c r="GA5422" s="91"/>
      <c r="GB5422" s="91"/>
      <c r="GC5422" s="91"/>
      <c r="GD5422" s="91"/>
      <c r="GE5422" s="91"/>
      <c r="GF5422" s="91"/>
      <c r="GG5422" s="91"/>
      <c r="GH5422" s="91"/>
      <c r="GI5422" s="91"/>
      <c r="GJ5422" s="91"/>
      <c r="GK5422" s="127"/>
      <c r="GL5422" s="126"/>
      <c r="GM5422" s="91"/>
      <c r="GN5422" s="91"/>
      <c r="GO5422" s="91"/>
      <c r="GP5422" s="91"/>
      <c r="GQ5422" s="91"/>
      <c r="GR5422" s="91"/>
      <c r="GS5422" s="91"/>
      <c r="GT5422" s="91"/>
      <c r="GU5422" s="91"/>
      <c r="GV5422" s="91"/>
      <c r="GW5422" s="91"/>
      <c r="GX5422" s="127"/>
      <c r="GY5422" s="126"/>
      <c r="GZ5422" s="91"/>
      <c r="HA5422" s="91"/>
      <c r="HB5422" s="91"/>
      <c r="HC5422" s="91"/>
      <c r="HD5422" s="91"/>
      <c r="HE5422" s="91"/>
      <c r="HF5422" s="91"/>
      <c r="HG5422" s="91"/>
      <c r="HH5422" s="91"/>
      <c r="HI5422" s="91"/>
      <c r="HJ5422" s="91"/>
      <c r="HK5422" s="127"/>
      <c r="HL5422" s="126"/>
      <c r="HM5422" s="91"/>
      <c r="HN5422" s="91"/>
      <c r="HO5422" s="91"/>
      <c r="HP5422" s="91"/>
      <c r="HQ5422" s="91"/>
      <c r="HR5422" s="91"/>
      <c r="HS5422" s="91"/>
      <c r="HT5422" s="91"/>
      <c r="HU5422" s="91"/>
      <c r="HV5422" s="91"/>
      <c r="HW5422" s="91"/>
      <c r="HX5422" s="127"/>
      <c r="HY5422" s="126"/>
      <c r="HZ5422" s="91"/>
      <c r="IA5422" s="91"/>
      <c r="IB5422" s="91"/>
      <c r="IC5422" s="91"/>
      <c r="ID5422" s="91"/>
      <c r="IE5422" s="91"/>
      <c r="IF5422" s="91"/>
      <c r="IG5422" s="91"/>
      <c r="IH5422" s="91"/>
      <c r="II5422" s="91"/>
      <c r="IJ5422" s="91"/>
      <c r="IK5422" s="174"/>
    </row>
    <row r="5423" spans="2:245" x14ac:dyDescent="0.2">
      <c r="B5423" s="43"/>
      <c r="C5423" s="73"/>
      <c r="D5423" s="64"/>
      <c r="E5423" s="64"/>
      <c r="F5423" s="55"/>
      <c r="G5423" s="102"/>
      <c r="H5423" s="97"/>
      <c r="T5423" s="98"/>
      <c r="U5423" s="97"/>
      <c r="AG5423" s="98"/>
      <c r="AY5423" s="164"/>
      <c r="BK5423" s="98"/>
      <c r="BL5423" s="97"/>
      <c r="BX5423" s="98"/>
      <c r="CL5423" s="97"/>
      <c r="CX5423" s="98"/>
      <c r="DL5423" s="97"/>
      <c r="DX5423" s="98"/>
      <c r="EL5423" s="97"/>
      <c r="EX5423" s="98"/>
      <c r="EY5423" s="97"/>
      <c r="FL5423" s="126"/>
      <c r="FM5423" s="91"/>
      <c r="FN5423" s="91"/>
      <c r="FO5423" s="91"/>
      <c r="FP5423" s="91"/>
      <c r="FQ5423" s="91"/>
      <c r="FR5423" s="91"/>
      <c r="FS5423" s="91"/>
      <c r="FT5423" s="91"/>
      <c r="FU5423" s="91"/>
      <c r="FV5423" s="91"/>
      <c r="FW5423" s="91"/>
      <c r="FX5423" s="127"/>
      <c r="FY5423" s="126"/>
      <c r="FZ5423" s="91"/>
      <c r="GA5423" s="91"/>
      <c r="GB5423" s="91"/>
      <c r="GC5423" s="91"/>
      <c r="GD5423" s="91"/>
      <c r="GE5423" s="91"/>
      <c r="GF5423" s="91"/>
      <c r="GG5423" s="91"/>
      <c r="GH5423" s="91"/>
      <c r="GI5423" s="91"/>
      <c r="GJ5423" s="91"/>
      <c r="GK5423" s="127"/>
      <c r="GL5423" s="126"/>
      <c r="GM5423" s="91"/>
      <c r="GN5423" s="91"/>
      <c r="GO5423" s="91"/>
      <c r="GP5423" s="91"/>
      <c r="GQ5423" s="91"/>
      <c r="GR5423" s="91"/>
      <c r="GS5423" s="91"/>
      <c r="GT5423" s="91"/>
      <c r="GU5423" s="91"/>
      <c r="GV5423" s="91"/>
      <c r="GW5423" s="91"/>
      <c r="GX5423" s="127"/>
      <c r="GY5423" s="126"/>
      <c r="GZ5423" s="91"/>
      <c r="HA5423" s="91"/>
      <c r="HB5423" s="91"/>
      <c r="HC5423" s="91"/>
      <c r="HD5423" s="91"/>
      <c r="HE5423" s="91"/>
      <c r="HF5423" s="91"/>
      <c r="HG5423" s="91"/>
      <c r="HH5423" s="91"/>
      <c r="HI5423" s="91"/>
      <c r="HJ5423" s="91"/>
      <c r="HK5423" s="127"/>
      <c r="HL5423" s="126"/>
      <c r="HM5423" s="91"/>
      <c r="HN5423" s="91"/>
      <c r="HO5423" s="91"/>
      <c r="HP5423" s="91"/>
      <c r="HQ5423" s="91"/>
      <c r="HR5423" s="91"/>
      <c r="HS5423" s="91"/>
      <c r="HT5423" s="91"/>
      <c r="HU5423" s="91"/>
      <c r="HV5423" s="91"/>
      <c r="HW5423" s="91"/>
      <c r="HX5423" s="127"/>
      <c r="HY5423" s="126"/>
      <c r="HZ5423" s="91"/>
      <c r="IA5423" s="91"/>
      <c r="IB5423" s="91"/>
      <c r="IC5423" s="91"/>
      <c r="ID5423" s="91"/>
      <c r="IE5423" s="91"/>
      <c r="IF5423" s="91"/>
      <c r="IG5423" s="91"/>
      <c r="IH5423" s="91"/>
      <c r="II5423" s="91"/>
      <c r="IJ5423" s="91"/>
      <c r="IK5423" s="174"/>
    </row>
    <row r="5424" spans="2:245" x14ac:dyDescent="0.2">
      <c r="B5424" s="43"/>
      <c r="C5424" s="73"/>
      <c r="D5424" s="64"/>
      <c r="E5424" s="64"/>
      <c r="F5424" s="55"/>
      <c r="G5424" s="102"/>
      <c r="H5424" s="97"/>
      <c r="T5424" s="98"/>
      <c r="U5424" s="97"/>
      <c r="AG5424" s="98"/>
      <c r="AY5424" s="164"/>
      <c r="BK5424" s="98"/>
      <c r="BL5424" s="97"/>
      <c r="BX5424" s="98"/>
      <c r="CL5424" s="97"/>
      <c r="CX5424" s="98"/>
      <c r="DL5424" s="97"/>
      <c r="DX5424" s="98"/>
      <c r="EL5424" s="97"/>
      <c r="EX5424" s="98"/>
      <c r="EY5424" s="97"/>
      <c r="FL5424" s="126"/>
      <c r="FM5424" s="91"/>
      <c r="FN5424" s="91"/>
      <c r="FO5424" s="91"/>
      <c r="FP5424" s="91"/>
      <c r="FQ5424" s="91"/>
      <c r="FR5424" s="91"/>
      <c r="FS5424" s="91"/>
      <c r="FT5424" s="91"/>
      <c r="FU5424" s="91"/>
      <c r="FV5424" s="91"/>
      <c r="FW5424" s="91"/>
      <c r="FX5424" s="127"/>
      <c r="FY5424" s="126"/>
      <c r="FZ5424" s="91"/>
      <c r="GA5424" s="91"/>
      <c r="GB5424" s="91"/>
      <c r="GC5424" s="91"/>
      <c r="GD5424" s="91"/>
      <c r="GE5424" s="91"/>
      <c r="GF5424" s="91"/>
      <c r="GG5424" s="91"/>
      <c r="GH5424" s="91"/>
      <c r="GI5424" s="91"/>
      <c r="GJ5424" s="91"/>
      <c r="GK5424" s="127"/>
      <c r="GL5424" s="126"/>
      <c r="GM5424" s="91"/>
      <c r="GN5424" s="91"/>
      <c r="GO5424" s="91"/>
      <c r="GP5424" s="91"/>
      <c r="GQ5424" s="91"/>
      <c r="GR5424" s="91"/>
      <c r="GS5424" s="91"/>
      <c r="GT5424" s="91"/>
      <c r="GU5424" s="91"/>
      <c r="GV5424" s="91"/>
      <c r="GW5424" s="91"/>
      <c r="GX5424" s="127"/>
      <c r="GY5424" s="126"/>
      <c r="GZ5424" s="91"/>
      <c r="HA5424" s="91"/>
      <c r="HB5424" s="91"/>
      <c r="HC5424" s="91"/>
      <c r="HD5424" s="91"/>
      <c r="HE5424" s="91"/>
      <c r="HF5424" s="91"/>
      <c r="HG5424" s="91"/>
      <c r="HH5424" s="91"/>
      <c r="HI5424" s="91"/>
      <c r="HJ5424" s="91"/>
      <c r="HK5424" s="127"/>
      <c r="HL5424" s="126"/>
      <c r="HM5424" s="91"/>
      <c r="HN5424" s="91"/>
      <c r="HO5424" s="91"/>
      <c r="HP5424" s="91"/>
      <c r="HQ5424" s="91"/>
      <c r="HR5424" s="91"/>
      <c r="HS5424" s="91"/>
      <c r="HT5424" s="91"/>
      <c r="HU5424" s="91"/>
      <c r="HV5424" s="91"/>
      <c r="HW5424" s="91"/>
      <c r="HX5424" s="127"/>
      <c r="HY5424" s="126"/>
      <c r="HZ5424" s="91"/>
      <c r="IA5424" s="91"/>
      <c r="IB5424" s="91"/>
      <c r="IC5424" s="91"/>
      <c r="ID5424" s="91"/>
      <c r="IE5424" s="91"/>
      <c r="IF5424" s="91"/>
      <c r="IG5424" s="91"/>
      <c r="IH5424" s="91"/>
      <c r="II5424" s="91"/>
      <c r="IJ5424" s="91"/>
      <c r="IK5424" s="174"/>
    </row>
    <row r="5425" spans="2:245" x14ac:dyDescent="0.2">
      <c r="B5425" s="43"/>
      <c r="C5425" s="73"/>
      <c r="D5425" s="64"/>
      <c r="E5425" s="64"/>
      <c r="F5425" s="55"/>
      <c r="G5425" s="102"/>
      <c r="H5425" s="97"/>
      <c r="T5425" s="98"/>
      <c r="U5425" s="97"/>
      <c r="AG5425" s="98"/>
      <c r="AY5425" s="164"/>
      <c r="BK5425" s="98"/>
      <c r="BL5425" s="97"/>
      <c r="BX5425" s="98"/>
      <c r="CL5425" s="97"/>
      <c r="CX5425" s="98"/>
      <c r="DL5425" s="97"/>
      <c r="DX5425" s="98"/>
      <c r="EL5425" s="97"/>
      <c r="EX5425" s="98"/>
      <c r="EY5425" s="97"/>
      <c r="FL5425" s="126"/>
      <c r="FM5425" s="91"/>
      <c r="FN5425" s="91"/>
      <c r="FO5425" s="91"/>
      <c r="FP5425" s="91"/>
      <c r="FQ5425" s="91"/>
      <c r="FR5425" s="91"/>
      <c r="FS5425" s="91"/>
      <c r="FT5425" s="91"/>
      <c r="FU5425" s="91"/>
      <c r="FV5425" s="91"/>
      <c r="FW5425" s="91"/>
      <c r="FX5425" s="127"/>
      <c r="FY5425" s="126"/>
      <c r="FZ5425" s="91"/>
      <c r="GA5425" s="91"/>
      <c r="GB5425" s="91"/>
      <c r="GC5425" s="91"/>
      <c r="GD5425" s="91"/>
      <c r="GE5425" s="91"/>
      <c r="GF5425" s="91"/>
      <c r="GG5425" s="91"/>
      <c r="GH5425" s="91"/>
      <c r="GI5425" s="91"/>
      <c r="GJ5425" s="91"/>
      <c r="GK5425" s="127"/>
      <c r="GL5425" s="126"/>
      <c r="GM5425" s="91"/>
      <c r="GN5425" s="91"/>
      <c r="GO5425" s="91"/>
      <c r="GP5425" s="91"/>
      <c r="GQ5425" s="91"/>
      <c r="GR5425" s="91"/>
      <c r="GS5425" s="91"/>
      <c r="GT5425" s="91"/>
      <c r="GU5425" s="91"/>
      <c r="GV5425" s="91"/>
      <c r="GW5425" s="91"/>
      <c r="GX5425" s="127"/>
      <c r="GY5425" s="126"/>
      <c r="GZ5425" s="91"/>
      <c r="HA5425" s="91"/>
      <c r="HB5425" s="91"/>
      <c r="HC5425" s="91"/>
      <c r="HD5425" s="91"/>
      <c r="HE5425" s="91"/>
      <c r="HF5425" s="91"/>
      <c r="HG5425" s="91"/>
      <c r="HH5425" s="91"/>
      <c r="HI5425" s="91"/>
      <c r="HJ5425" s="91"/>
      <c r="HK5425" s="127"/>
      <c r="HL5425" s="126"/>
      <c r="HM5425" s="91"/>
      <c r="HN5425" s="91"/>
      <c r="HO5425" s="91"/>
      <c r="HP5425" s="91"/>
      <c r="HQ5425" s="91"/>
      <c r="HR5425" s="91"/>
      <c r="HS5425" s="91"/>
      <c r="HT5425" s="91"/>
      <c r="HU5425" s="91"/>
      <c r="HV5425" s="91"/>
      <c r="HW5425" s="91"/>
      <c r="HX5425" s="127"/>
      <c r="HY5425" s="126"/>
      <c r="HZ5425" s="91"/>
      <c r="IA5425" s="91"/>
      <c r="IB5425" s="91"/>
      <c r="IC5425" s="91"/>
      <c r="ID5425" s="91"/>
      <c r="IE5425" s="91"/>
      <c r="IF5425" s="91"/>
      <c r="IG5425" s="91"/>
      <c r="IH5425" s="91"/>
      <c r="II5425" s="91"/>
      <c r="IJ5425" s="91"/>
      <c r="IK5425" s="174"/>
    </row>
    <row r="5426" spans="2:245" x14ac:dyDescent="0.2">
      <c r="B5426" s="43"/>
      <c r="C5426" s="73"/>
      <c r="D5426" s="64"/>
      <c r="E5426" s="64"/>
      <c r="F5426" s="55"/>
      <c r="G5426" s="102"/>
      <c r="H5426" s="97"/>
      <c r="T5426" s="98"/>
      <c r="U5426" s="97"/>
      <c r="AG5426" s="98"/>
      <c r="AY5426" s="164"/>
      <c r="BK5426" s="98"/>
      <c r="BL5426" s="97"/>
      <c r="BX5426" s="98"/>
      <c r="CL5426" s="97"/>
      <c r="CX5426" s="98"/>
      <c r="DL5426" s="97"/>
      <c r="DX5426" s="98"/>
      <c r="EL5426" s="97"/>
      <c r="EX5426" s="98"/>
      <c r="EY5426" s="97"/>
      <c r="FL5426" s="126"/>
      <c r="FM5426" s="91"/>
      <c r="FN5426" s="91"/>
      <c r="FO5426" s="91"/>
      <c r="FP5426" s="91"/>
      <c r="FQ5426" s="91"/>
      <c r="FR5426" s="91"/>
      <c r="FS5426" s="91"/>
      <c r="FT5426" s="91"/>
      <c r="FU5426" s="91"/>
      <c r="FV5426" s="91"/>
      <c r="FW5426" s="91"/>
      <c r="FX5426" s="127"/>
      <c r="FY5426" s="126"/>
      <c r="FZ5426" s="91"/>
      <c r="GA5426" s="91"/>
      <c r="GB5426" s="91"/>
      <c r="GC5426" s="91"/>
      <c r="GD5426" s="91"/>
      <c r="GE5426" s="91"/>
      <c r="GF5426" s="91"/>
      <c r="GG5426" s="91"/>
      <c r="GH5426" s="91"/>
      <c r="GI5426" s="91"/>
      <c r="GJ5426" s="91"/>
      <c r="GK5426" s="127"/>
      <c r="GL5426" s="126"/>
      <c r="GM5426" s="91"/>
      <c r="GN5426" s="91"/>
      <c r="GO5426" s="91"/>
      <c r="GP5426" s="91"/>
      <c r="GQ5426" s="91"/>
      <c r="GR5426" s="91"/>
      <c r="GS5426" s="91"/>
      <c r="GT5426" s="91"/>
      <c r="GU5426" s="91"/>
      <c r="GV5426" s="91"/>
      <c r="GW5426" s="91"/>
      <c r="GX5426" s="127"/>
      <c r="GY5426" s="126"/>
      <c r="GZ5426" s="91"/>
      <c r="HA5426" s="91"/>
      <c r="HB5426" s="91"/>
      <c r="HC5426" s="91"/>
      <c r="HD5426" s="91"/>
      <c r="HE5426" s="91"/>
      <c r="HF5426" s="91"/>
      <c r="HG5426" s="91"/>
      <c r="HH5426" s="91"/>
      <c r="HI5426" s="91"/>
      <c r="HJ5426" s="91"/>
      <c r="HK5426" s="127"/>
      <c r="HL5426" s="126"/>
      <c r="HM5426" s="91"/>
      <c r="HN5426" s="91"/>
      <c r="HO5426" s="91"/>
      <c r="HP5426" s="91"/>
      <c r="HQ5426" s="91"/>
      <c r="HR5426" s="91"/>
      <c r="HS5426" s="91"/>
      <c r="HT5426" s="91"/>
      <c r="HU5426" s="91"/>
      <c r="HV5426" s="91"/>
      <c r="HW5426" s="91"/>
      <c r="HX5426" s="127"/>
      <c r="HY5426" s="126"/>
      <c r="HZ5426" s="91"/>
      <c r="IA5426" s="91"/>
      <c r="IB5426" s="91"/>
      <c r="IC5426" s="91"/>
      <c r="ID5426" s="91"/>
      <c r="IE5426" s="91"/>
      <c r="IF5426" s="91"/>
      <c r="IG5426" s="91"/>
      <c r="IH5426" s="91"/>
      <c r="II5426" s="91"/>
      <c r="IJ5426" s="91"/>
      <c r="IK5426" s="174"/>
    </row>
    <row r="5427" spans="2:245" x14ac:dyDescent="0.2">
      <c r="B5427" s="43"/>
      <c r="C5427" s="73"/>
      <c r="D5427" s="64"/>
      <c r="E5427" s="64"/>
      <c r="F5427" s="55"/>
      <c r="G5427" s="102"/>
      <c r="H5427" s="97"/>
      <c r="T5427" s="98"/>
      <c r="U5427" s="97"/>
      <c r="AG5427" s="98"/>
      <c r="AY5427" s="164"/>
      <c r="BK5427" s="98"/>
      <c r="BL5427" s="97"/>
      <c r="BX5427" s="98"/>
      <c r="CL5427" s="97"/>
      <c r="CX5427" s="98"/>
      <c r="DL5427" s="97"/>
      <c r="DX5427" s="98"/>
      <c r="EL5427" s="97"/>
      <c r="EX5427" s="98"/>
      <c r="EY5427" s="97"/>
      <c r="FL5427" s="126"/>
      <c r="FM5427" s="91"/>
      <c r="FN5427" s="91"/>
      <c r="FO5427" s="91"/>
      <c r="FP5427" s="91"/>
      <c r="FQ5427" s="91"/>
      <c r="FR5427" s="91"/>
      <c r="FS5427" s="91"/>
      <c r="FT5427" s="91"/>
      <c r="FU5427" s="91"/>
      <c r="FV5427" s="91"/>
      <c r="FW5427" s="91"/>
      <c r="FX5427" s="127"/>
      <c r="FY5427" s="126"/>
      <c r="FZ5427" s="91"/>
      <c r="GA5427" s="91"/>
      <c r="GB5427" s="91"/>
      <c r="GC5427" s="91"/>
      <c r="GD5427" s="91"/>
      <c r="GE5427" s="91"/>
      <c r="GF5427" s="91"/>
      <c r="GG5427" s="91"/>
      <c r="GH5427" s="91"/>
      <c r="GI5427" s="91"/>
      <c r="GJ5427" s="91"/>
      <c r="GK5427" s="127"/>
      <c r="GL5427" s="126"/>
      <c r="GM5427" s="91"/>
      <c r="GN5427" s="91"/>
      <c r="GO5427" s="91"/>
      <c r="GP5427" s="91"/>
      <c r="GQ5427" s="91"/>
      <c r="GR5427" s="91"/>
      <c r="GS5427" s="91"/>
      <c r="GT5427" s="91"/>
      <c r="GU5427" s="91"/>
      <c r="GV5427" s="91"/>
      <c r="GW5427" s="91"/>
      <c r="GX5427" s="127"/>
      <c r="GY5427" s="126"/>
      <c r="GZ5427" s="91"/>
      <c r="HA5427" s="91"/>
      <c r="HB5427" s="91"/>
      <c r="HC5427" s="91"/>
      <c r="HD5427" s="91"/>
      <c r="HE5427" s="91"/>
      <c r="HF5427" s="91"/>
      <c r="HG5427" s="91"/>
      <c r="HH5427" s="91"/>
      <c r="HI5427" s="91"/>
      <c r="HJ5427" s="91"/>
      <c r="HK5427" s="127"/>
      <c r="HL5427" s="126"/>
      <c r="HM5427" s="91"/>
      <c r="HN5427" s="91"/>
      <c r="HO5427" s="91"/>
      <c r="HP5427" s="91"/>
      <c r="HQ5427" s="91"/>
      <c r="HR5427" s="91"/>
      <c r="HS5427" s="91"/>
      <c r="HT5427" s="91"/>
      <c r="HU5427" s="91"/>
      <c r="HV5427" s="91"/>
      <c r="HW5427" s="91"/>
      <c r="HX5427" s="127"/>
      <c r="HY5427" s="126"/>
      <c r="HZ5427" s="91"/>
      <c r="IA5427" s="91"/>
      <c r="IB5427" s="91"/>
      <c r="IC5427" s="91"/>
      <c r="ID5427" s="91"/>
      <c r="IE5427" s="91"/>
      <c r="IF5427" s="91"/>
      <c r="IG5427" s="91"/>
      <c r="IH5427" s="91"/>
      <c r="II5427" s="91"/>
      <c r="IJ5427" s="91"/>
      <c r="IK5427" s="174"/>
    </row>
    <row r="5428" spans="2:245" x14ac:dyDescent="0.2">
      <c r="B5428" s="43"/>
      <c r="C5428" s="73"/>
      <c r="D5428" s="64"/>
      <c r="E5428" s="64"/>
      <c r="F5428" s="55"/>
      <c r="G5428" s="102"/>
      <c r="H5428" s="97"/>
      <c r="T5428" s="98"/>
      <c r="U5428" s="97"/>
      <c r="AG5428" s="98"/>
      <c r="AY5428" s="164"/>
      <c r="BK5428" s="98"/>
      <c r="BL5428" s="97"/>
      <c r="BX5428" s="98"/>
      <c r="CL5428" s="97"/>
      <c r="CX5428" s="98"/>
      <c r="DL5428" s="97"/>
      <c r="DX5428" s="98"/>
      <c r="EL5428" s="97"/>
      <c r="EX5428" s="98"/>
      <c r="EY5428" s="97"/>
      <c r="FL5428" s="126"/>
      <c r="FM5428" s="91"/>
      <c r="FN5428" s="91"/>
      <c r="FO5428" s="91"/>
      <c r="FP5428" s="91"/>
      <c r="FQ5428" s="91"/>
      <c r="FR5428" s="91"/>
      <c r="FS5428" s="91"/>
      <c r="FT5428" s="91"/>
      <c r="FU5428" s="91"/>
      <c r="FV5428" s="91"/>
      <c r="FW5428" s="91"/>
      <c r="FX5428" s="127"/>
      <c r="FY5428" s="126"/>
      <c r="FZ5428" s="91"/>
      <c r="GA5428" s="91"/>
      <c r="GB5428" s="91"/>
      <c r="GC5428" s="91"/>
      <c r="GD5428" s="91"/>
      <c r="GE5428" s="91"/>
      <c r="GF5428" s="91"/>
      <c r="GG5428" s="91"/>
      <c r="GH5428" s="91"/>
      <c r="GI5428" s="91"/>
      <c r="GJ5428" s="91"/>
      <c r="GK5428" s="127"/>
      <c r="GL5428" s="126"/>
      <c r="GM5428" s="91"/>
      <c r="GN5428" s="91"/>
      <c r="GO5428" s="91"/>
      <c r="GP5428" s="91"/>
      <c r="GQ5428" s="91"/>
      <c r="GR5428" s="91"/>
      <c r="GS5428" s="91"/>
      <c r="GT5428" s="91"/>
      <c r="GU5428" s="91"/>
      <c r="GV5428" s="91"/>
      <c r="GW5428" s="91"/>
      <c r="GX5428" s="127"/>
      <c r="GY5428" s="126"/>
      <c r="GZ5428" s="91"/>
      <c r="HA5428" s="91"/>
      <c r="HB5428" s="91"/>
      <c r="HC5428" s="91"/>
      <c r="HD5428" s="91"/>
      <c r="HE5428" s="91"/>
      <c r="HF5428" s="91"/>
      <c r="HG5428" s="91"/>
      <c r="HH5428" s="91"/>
      <c r="HI5428" s="91"/>
      <c r="HJ5428" s="91"/>
      <c r="HK5428" s="127"/>
      <c r="HL5428" s="126"/>
      <c r="HM5428" s="91"/>
      <c r="HN5428" s="91"/>
      <c r="HO5428" s="91"/>
      <c r="HP5428" s="91"/>
      <c r="HQ5428" s="91"/>
      <c r="HR5428" s="91"/>
      <c r="HS5428" s="91"/>
      <c r="HT5428" s="91"/>
      <c r="HU5428" s="91"/>
      <c r="HV5428" s="91"/>
      <c r="HW5428" s="91"/>
      <c r="HX5428" s="127"/>
      <c r="HY5428" s="126"/>
      <c r="HZ5428" s="91"/>
      <c r="IA5428" s="91"/>
      <c r="IB5428" s="91"/>
      <c r="IC5428" s="91"/>
      <c r="ID5428" s="91"/>
      <c r="IE5428" s="91"/>
      <c r="IF5428" s="91"/>
      <c r="IG5428" s="91"/>
      <c r="IH5428" s="91"/>
      <c r="II5428" s="91"/>
      <c r="IJ5428" s="91"/>
      <c r="IK5428" s="174"/>
    </row>
    <row r="5429" spans="2:245" x14ac:dyDescent="0.2">
      <c r="B5429" s="43"/>
      <c r="C5429" s="73"/>
      <c r="D5429" s="64"/>
      <c r="E5429" s="64"/>
      <c r="F5429" s="55"/>
      <c r="G5429" s="102"/>
      <c r="H5429" s="97"/>
      <c r="T5429" s="98"/>
      <c r="U5429" s="97"/>
      <c r="AG5429" s="98"/>
      <c r="AY5429" s="164"/>
      <c r="BK5429" s="98"/>
      <c r="BL5429" s="97"/>
      <c r="BX5429" s="98"/>
      <c r="CL5429" s="97"/>
      <c r="CX5429" s="98"/>
      <c r="DL5429" s="97"/>
      <c r="DX5429" s="98"/>
      <c r="EL5429" s="97"/>
      <c r="EX5429" s="98"/>
      <c r="EY5429" s="97"/>
      <c r="FL5429" s="126"/>
      <c r="FM5429" s="91"/>
      <c r="FN5429" s="91"/>
      <c r="FO5429" s="91"/>
      <c r="FP5429" s="91"/>
      <c r="FQ5429" s="91"/>
      <c r="FR5429" s="91"/>
      <c r="FS5429" s="91"/>
      <c r="FT5429" s="91"/>
      <c r="FU5429" s="91"/>
      <c r="FV5429" s="91"/>
      <c r="FW5429" s="91"/>
      <c r="FX5429" s="127"/>
      <c r="FY5429" s="126"/>
      <c r="FZ5429" s="91"/>
      <c r="GA5429" s="91"/>
      <c r="GB5429" s="91"/>
      <c r="GC5429" s="91"/>
      <c r="GD5429" s="91"/>
      <c r="GE5429" s="91"/>
      <c r="GF5429" s="91"/>
      <c r="GG5429" s="91"/>
      <c r="GH5429" s="91"/>
      <c r="GI5429" s="91"/>
      <c r="GJ5429" s="91"/>
      <c r="GK5429" s="127"/>
      <c r="GL5429" s="126"/>
      <c r="GM5429" s="91"/>
      <c r="GN5429" s="91"/>
      <c r="GO5429" s="91"/>
      <c r="GP5429" s="91"/>
      <c r="GQ5429" s="91"/>
      <c r="GR5429" s="91"/>
      <c r="GS5429" s="91"/>
      <c r="GT5429" s="91"/>
      <c r="GU5429" s="91"/>
      <c r="GV5429" s="91"/>
      <c r="GW5429" s="91"/>
      <c r="GX5429" s="127"/>
      <c r="GY5429" s="126"/>
      <c r="GZ5429" s="91"/>
      <c r="HA5429" s="91"/>
      <c r="HB5429" s="91"/>
      <c r="HC5429" s="91"/>
      <c r="HD5429" s="91"/>
      <c r="HE5429" s="91"/>
      <c r="HF5429" s="91"/>
      <c r="HG5429" s="91"/>
      <c r="HH5429" s="91"/>
      <c r="HI5429" s="91"/>
      <c r="HJ5429" s="91"/>
      <c r="HK5429" s="127"/>
      <c r="HL5429" s="126"/>
      <c r="HM5429" s="91"/>
      <c r="HN5429" s="91"/>
      <c r="HO5429" s="91"/>
      <c r="HP5429" s="91"/>
      <c r="HQ5429" s="91"/>
      <c r="HR5429" s="91"/>
      <c r="HS5429" s="91"/>
      <c r="HT5429" s="91"/>
      <c r="HU5429" s="91"/>
      <c r="HV5429" s="91"/>
      <c r="HW5429" s="91"/>
      <c r="HX5429" s="127"/>
      <c r="HY5429" s="126"/>
      <c r="HZ5429" s="91"/>
      <c r="IA5429" s="91"/>
      <c r="IB5429" s="91"/>
      <c r="IC5429" s="91"/>
      <c r="ID5429" s="91"/>
      <c r="IE5429" s="91"/>
      <c r="IF5429" s="91"/>
      <c r="IG5429" s="91"/>
      <c r="IH5429" s="91"/>
      <c r="II5429" s="91"/>
      <c r="IJ5429" s="91"/>
      <c r="IK5429" s="174"/>
    </row>
    <row r="5430" spans="2:245" x14ac:dyDescent="0.2">
      <c r="B5430" s="43"/>
      <c r="C5430" s="73"/>
      <c r="D5430" s="64"/>
      <c r="E5430" s="64"/>
      <c r="F5430" s="55"/>
      <c r="G5430" s="102"/>
      <c r="H5430" s="97"/>
      <c r="T5430" s="98"/>
      <c r="U5430" s="97"/>
      <c r="AG5430" s="98"/>
      <c r="AY5430" s="164"/>
      <c r="BK5430" s="98"/>
      <c r="BL5430" s="97"/>
      <c r="BX5430" s="98"/>
      <c r="CL5430" s="97"/>
      <c r="CX5430" s="98"/>
      <c r="DL5430" s="97"/>
      <c r="DX5430" s="98"/>
      <c r="EL5430" s="97"/>
      <c r="EX5430" s="98"/>
      <c r="EY5430" s="97"/>
      <c r="FL5430" s="126"/>
      <c r="FM5430" s="91"/>
      <c r="FN5430" s="91"/>
      <c r="FO5430" s="91"/>
      <c r="FP5430" s="91"/>
      <c r="FQ5430" s="91"/>
      <c r="FR5430" s="91"/>
      <c r="FS5430" s="91"/>
      <c r="FT5430" s="91"/>
      <c r="FU5430" s="91"/>
      <c r="FV5430" s="91"/>
      <c r="FW5430" s="91"/>
      <c r="FX5430" s="127"/>
      <c r="FY5430" s="126"/>
      <c r="FZ5430" s="91"/>
      <c r="GA5430" s="91"/>
      <c r="GB5430" s="91"/>
      <c r="GC5430" s="91"/>
      <c r="GD5430" s="91"/>
      <c r="GE5430" s="91"/>
      <c r="GF5430" s="91"/>
      <c r="GG5430" s="91"/>
      <c r="GH5430" s="91"/>
      <c r="GI5430" s="91"/>
      <c r="GJ5430" s="91"/>
      <c r="GK5430" s="127"/>
      <c r="GL5430" s="126"/>
      <c r="GM5430" s="91"/>
      <c r="GN5430" s="91"/>
      <c r="GO5430" s="91"/>
      <c r="GP5430" s="91"/>
      <c r="GQ5430" s="91"/>
      <c r="GR5430" s="91"/>
      <c r="GS5430" s="91"/>
      <c r="GT5430" s="91"/>
      <c r="GU5430" s="91"/>
      <c r="GV5430" s="91"/>
      <c r="GW5430" s="91"/>
      <c r="GX5430" s="127"/>
      <c r="GY5430" s="126"/>
      <c r="GZ5430" s="91"/>
      <c r="HA5430" s="91"/>
      <c r="HB5430" s="91"/>
      <c r="HC5430" s="91"/>
      <c r="HD5430" s="91"/>
      <c r="HE5430" s="91"/>
      <c r="HF5430" s="91"/>
      <c r="HG5430" s="91"/>
      <c r="HH5430" s="91"/>
      <c r="HI5430" s="91"/>
      <c r="HJ5430" s="91"/>
      <c r="HK5430" s="127"/>
      <c r="HL5430" s="126"/>
      <c r="HM5430" s="91"/>
      <c r="HN5430" s="91"/>
      <c r="HO5430" s="91"/>
      <c r="HP5430" s="91"/>
      <c r="HQ5430" s="91"/>
      <c r="HR5430" s="91"/>
      <c r="HS5430" s="91"/>
      <c r="HT5430" s="91"/>
      <c r="HU5430" s="91"/>
      <c r="HV5430" s="91"/>
      <c r="HW5430" s="91"/>
      <c r="HX5430" s="127"/>
      <c r="HY5430" s="126"/>
      <c r="HZ5430" s="91"/>
      <c r="IA5430" s="91"/>
      <c r="IB5430" s="91"/>
      <c r="IC5430" s="91"/>
      <c r="ID5430" s="91"/>
      <c r="IE5430" s="91"/>
      <c r="IF5430" s="91"/>
      <c r="IG5430" s="91"/>
      <c r="IH5430" s="91"/>
      <c r="II5430" s="91"/>
      <c r="IJ5430" s="91"/>
      <c r="IK5430" s="174"/>
    </row>
    <row r="5431" spans="2:245" x14ac:dyDescent="0.2">
      <c r="B5431" s="43"/>
      <c r="C5431" s="73"/>
      <c r="D5431" s="64"/>
      <c r="E5431" s="64"/>
      <c r="F5431" s="55"/>
      <c r="G5431" s="102"/>
      <c r="H5431" s="97"/>
      <c r="T5431" s="98"/>
      <c r="U5431" s="97"/>
      <c r="AG5431" s="98"/>
      <c r="AY5431" s="164"/>
      <c r="BK5431" s="98"/>
      <c r="BL5431" s="97"/>
      <c r="BX5431" s="98"/>
      <c r="CL5431" s="97"/>
      <c r="CX5431" s="98"/>
      <c r="DL5431" s="97"/>
      <c r="DX5431" s="98"/>
      <c r="EL5431" s="97"/>
      <c r="EX5431" s="98"/>
      <c r="EY5431" s="97"/>
      <c r="FL5431" s="126"/>
      <c r="FM5431" s="91"/>
      <c r="FN5431" s="91"/>
      <c r="FO5431" s="91"/>
      <c r="FP5431" s="91"/>
      <c r="FQ5431" s="91"/>
      <c r="FR5431" s="91"/>
      <c r="FS5431" s="91"/>
      <c r="FT5431" s="91"/>
      <c r="FU5431" s="91"/>
      <c r="FV5431" s="91"/>
      <c r="FW5431" s="91"/>
      <c r="FX5431" s="127"/>
      <c r="FY5431" s="126"/>
      <c r="FZ5431" s="91"/>
      <c r="GA5431" s="91"/>
      <c r="GB5431" s="91"/>
      <c r="GC5431" s="91"/>
      <c r="GD5431" s="91"/>
      <c r="GE5431" s="91"/>
      <c r="GF5431" s="91"/>
      <c r="GG5431" s="91"/>
      <c r="GH5431" s="91"/>
      <c r="GI5431" s="91"/>
      <c r="GJ5431" s="91"/>
      <c r="GK5431" s="127"/>
      <c r="GL5431" s="126"/>
      <c r="GM5431" s="91"/>
      <c r="GN5431" s="91"/>
      <c r="GO5431" s="91"/>
      <c r="GP5431" s="91"/>
      <c r="GQ5431" s="91"/>
      <c r="GR5431" s="91"/>
      <c r="GS5431" s="91"/>
      <c r="GT5431" s="91"/>
      <c r="GU5431" s="91"/>
      <c r="GV5431" s="91"/>
      <c r="GW5431" s="91"/>
      <c r="GX5431" s="127"/>
      <c r="GY5431" s="126"/>
      <c r="GZ5431" s="91"/>
      <c r="HA5431" s="91"/>
      <c r="HB5431" s="91"/>
      <c r="HC5431" s="91"/>
      <c r="HD5431" s="91"/>
      <c r="HE5431" s="91"/>
      <c r="HF5431" s="91"/>
      <c r="HG5431" s="91"/>
      <c r="HH5431" s="91"/>
      <c r="HI5431" s="91"/>
      <c r="HJ5431" s="91"/>
      <c r="HK5431" s="127"/>
      <c r="HL5431" s="126"/>
      <c r="HM5431" s="91"/>
      <c r="HN5431" s="91"/>
      <c r="HO5431" s="91"/>
      <c r="HP5431" s="91"/>
      <c r="HQ5431" s="91"/>
      <c r="HR5431" s="91"/>
      <c r="HS5431" s="91"/>
      <c r="HT5431" s="91"/>
      <c r="HU5431" s="91"/>
      <c r="HV5431" s="91"/>
      <c r="HW5431" s="91"/>
      <c r="HX5431" s="127"/>
      <c r="HY5431" s="126"/>
      <c r="HZ5431" s="91"/>
      <c r="IA5431" s="91"/>
      <c r="IB5431" s="91"/>
      <c r="IC5431" s="91"/>
      <c r="ID5431" s="91"/>
      <c r="IE5431" s="91"/>
      <c r="IF5431" s="91"/>
      <c r="IG5431" s="91"/>
      <c r="IH5431" s="91"/>
      <c r="II5431" s="91"/>
      <c r="IJ5431" s="91"/>
      <c r="IK5431" s="174"/>
    </row>
    <row r="5432" spans="2:245" x14ac:dyDescent="0.2">
      <c r="B5432" s="43"/>
      <c r="C5432" s="73"/>
      <c r="D5432" s="64"/>
      <c r="E5432" s="64"/>
      <c r="F5432" s="55"/>
      <c r="G5432" s="102"/>
      <c r="H5432" s="97"/>
      <c r="T5432" s="98"/>
      <c r="U5432" s="97"/>
      <c r="AG5432" s="98"/>
      <c r="AY5432" s="164"/>
      <c r="BK5432" s="98"/>
      <c r="BL5432" s="97"/>
      <c r="BX5432" s="98"/>
      <c r="CL5432" s="97"/>
      <c r="CX5432" s="98"/>
      <c r="DL5432" s="97"/>
      <c r="DX5432" s="98"/>
      <c r="EL5432" s="97"/>
      <c r="EX5432" s="98"/>
      <c r="EY5432" s="97"/>
      <c r="FL5432" s="126"/>
      <c r="FM5432" s="91"/>
      <c r="FN5432" s="91"/>
      <c r="FO5432" s="91"/>
      <c r="FP5432" s="91"/>
      <c r="FQ5432" s="91"/>
      <c r="FR5432" s="91"/>
      <c r="FS5432" s="91"/>
      <c r="FT5432" s="91"/>
      <c r="FU5432" s="91"/>
      <c r="FV5432" s="91"/>
      <c r="FW5432" s="91"/>
      <c r="FX5432" s="127"/>
      <c r="FY5432" s="126"/>
      <c r="FZ5432" s="91"/>
      <c r="GA5432" s="91"/>
      <c r="GB5432" s="91"/>
      <c r="GC5432" s="91"/>
      <c r="GD5432" s="91"/>
      <c r="GE5432" s="91"/>
      <c r="GF5432" s="91"/>
      <c r="GG5432" s="91"/>
      <c r="GH5432" s="91"/>
      <c r="GI5432" s="91"/>
      <c r="GJ5432" s="91"/>
      <c r="GK5432" s="127"/>
      <c r="GL5432" s="126"/>
      <c r="GM5432" s="91"/>
      <c r="GN5432" s="91"/>
      <c r="GO5432" s="91"/>
      <c r="GP5432" s="91"/>
      <c r="GQ5432" s="91"/>
      <c r="GR5432" s="91"/>
      <c r="GS5432" s="91"/>
      <c r="GT5432" s="91"/>
      <c r="GU5432" s="91"/>
      <c r="GV5432" s="91"/>
      <c r="GW5432" s="91"/>
      <c r="GX5432" s="127"/>
      <c r="GY5432" s="126"/>
      <c r="GZ5432" s="91"/>
      <c r="HA5432" s="91"/>
      <c r="HB5432" s="91"/>
      <c r="HC5432" s="91"/>
      <c r="HD5432" s="91"/>
      <c r="HE5432" s="91"/>
      <c r="HF5432" s="91"/>
      <c r="HG5432" s="91"/>
      <c r="HH5432" s="91"/>
      <c r="HI5432" s="91"/>
      <c r="HJ5432" s="91"/>
      <c r="HK5432" s="127"/>
      <c r="HL5432" s="126"/>
      <c r="HM5432" s="91"/>
      <c r="HN5432" s="91"/>
      <c r="HO5432" s="91"/>
      <c r="HP5432" s="91"/>
      <c r="HQ5432" s="91"/>
      <c r="HR5432" s="91"/>
      <c r="HS5432" s="91"/>
      <c r="HT5432" s="91"/>
      <c r="HU5432" s="91"/>
      <c r="HV5432" s="91"/>
      <c r="HW5432" s="91"/>
      <c r="HX5432" s="127"/>
      <c r="HY5432" s="126"/>
      <c r="HZ5432" s="91"/>
      <c r="IA5432" s="91"/>
      <c r="IB5432" s="91"/>
      <c r="IC5432" s="91"/>
      <c r="ID5432" s="91"/>
      <c r="IE5432" s="91"/>
      <c r="IF5432" s="91"/>
      <c r="IG5432" s="91"/>
      <c r="IH5432" s="91"/>
      <c r="II5432" s="91"/>
      <c r="IJ5432" s="91"/>
      <c r="IK5432" s="174"/>
    </row>
    <row r="5433" spans="2:245" x14ac:dyDescent="0.2">
      <c r="B5433" s="43"/>
      <c r="C5433" s="73"/>
      <c r="D5433" s="64"/>
      <c r="E5433" s="64"/>
      <c r="F5433" s="55"/>
      <c r="G5433" s="102"/>
      <c r="H5433" s="97"/>
      <c r="T5433" s="98"/>
      <c r="U5433" s="97"/>
      <c r="AG5433" s="98"/>
      <c r="AY5433" s="164"/>
      <c r="BK5433" s="98"/>
      <c r="BL5433" s="97"/>
      <c r="BX5433" s="98"/>
      <c r="CL5433" s="97"/>
      <c r="CX5433" s="98"/>
      <c r="DL5433" s="97"/>
      <c r="DX5433" s="98"/>
      <c r="EL5433" s="97"/>
      <c r="EX5433" s="98"/>
      <c r="EY5433" s="97"/>
      <c r="FL5433" s="126"/>
      <c r="FM5433" s="91"/>
      <c r="FN5433" s="91"/>
      <c r="FO5433" s="91"/>
      <c r="FP5433" s="91"/>
      <c r="FQ5433" s="91"/>
      <c r="FR5433" s="91"/>
      <c r="FS5433" s="91"/>
      <c r="FT5433" s="91"/>
      <c r="FU5433" s="91"/>
      <c r="FV5433" s="91"/>
      <c r="FW5433" s="91"/>
      <c r="FX5433" s="127"/>
      <c r="FY5433" s="126"/>
      <c r="FZ5433" s="91"/>
      <c r="GA5433" s="91"/>
      <c r="GB5433" s="91"/>
      <c r="GC5433" s="91"/>
      <c r="GD5433" s="91"/>
      <c r="GE5433" s="91"/>
      <c r="GF5433" s="91"/>
      <c r="GG5433" s="91"/>
      <c r="GH5433" s="91"/>
      <c r="GI5433" s="91"/>
      <c r="GJ5433" s="91"/>
      <c r="GK5433" s="127"/>
      <c r="GL5433" s="126"/>
      <c r="GM5433" s="91"/>
      <c r="GN5433" s="91"/>
      <c r="GO5433" s="91"/>
      <c r="GP5433" s="91"/>
      <c r="GQ5433" s="91"/>
      <c r="GR5433" s="91"/>
      <c r="GS5433" s="91"/>
      <c r="GT5433" s="91"/>
      <c r="GU5433" s="91"/>
      <c r="GV5433" s="91"/>
      <c r="GW5433" s="91"/>
      <c r="GX5433" s="127"/>
      <c r="GY5433" s="126"/>
      <c r="GZ5433" s="91"/>
      <c r="HA5433" s="91"/>
      <c r="HB5433" s="91"/>
      <c r="HC5433" s="91"/>
      <c r="HD5433" s="91"/>
      <c r="HE5433" s="91"/>
      <c r="HF5433" s="91"/>
      <c r="HG5433" s="91"/>
      <c r="HH5433" s="91"/>
      <c r="HI5433" s="91"/>
      <c r="HJ5433" s="91"/>
      <c r="HK5433" s="127"/>
      <c r="HL5433" s="126"/>
      <c r="HM5433" s="91"/>
      <c r="HN5433" s="91"/>
      <c r="HO5433" s="91"/>
      <c r="HP5433" s="91"/>
      <c r="HQ5433" s="91"/>
      <c r="HR5433" s="91"/>
      <c r="HS5433" s="91"/>
      <c r="HT5433" s="91"/>
      <c r="HU5433" s="91"/>
      <c r="HV5433" s="91"/>
      <c r="HW5433" s="91"/>
      <c r="HX5433" s="127"/>
      <c r="HY5433" s="126"/>
      <c r="HZ5433" s="91"/>
      <c r="IA5433" s="91"/>
      <c r="IB5433" s="91"/>
      <c r="IC5433" s="91"/>
      <c r="ID5433" s="91"/>
      <c r="IE5433" s="91"/>
      <c r="IF5433" s="91"/>
      <c r="IG5433" s="91"/>
      <c r="IH5433" s="91"/>
      <c r="II5433" s="91"/>
      <c r="IJ5433" s="91"/>
      <c r="IK5433" s="174"/>
    </row>
    <row r="5434" spans="2:245" x14ac:dyDescent="0.2">
      <c r="B5434" s="43"/>
      <c r="C5434" s="73"/>
      <c r="D5434" s="64"/>
      <c r="E5434" s="64"/>
      <c r="F5434" s="55"/>
      <c r="G5434" s="102"/>
      <c r="H5434" s="97"/>
      <c r="T5434" s="98"/>
      <c r="U5434" s="97"/>
      <c r="AG5434" s="98"/>
      <c r="AY5434" s="164"/>
      <c r="BK5434" s="98"/>
      <c r="BL5434" s="97"/>
      <c r="BX5434" s="98"/>
      <c r="CL5434" s="97"/>
      <c r="CX5434" s="98"/>
      <c r="DL5434" s="97"/>
      <c r="DX5434" s="98"/>
      <c r="EL5434" s="97"/>
      <c r="EX5434" s="98"/>
      <c r="EY5434" s="97"/>
      <c r="FL5434" s="126"/>
      <c r="FM5434" s="91"/>
      <c r="FN5434" s="91"/>
      <c r="FO5434" s="91"/>
      <c r="FP5434" s="91"/>
      <c r="FQ5434" s="91"/>
      <c r="FR5434" s="91"/>
      <c r="FS5434" s="91"/>
      <c r="FT5434" s="91"/>
      <c r="FU5434" s="91"/>
      <c r="FV5434" s="91"/>
      <c r="FW5434" s="91"/>
      <c r="FX5434" s="127"/>
      <c r="FY5434" s="126"/>
      <c r="FZ5434" s="91"/>
      <c r="GA5434" s="91"/>
      <c r="GB5434" s="91"/>
      <c r="GC5434" s="91"/>
      <c r="GD5434" s="91"/>
      <c r="GE5434" s="91"/>
      <c r="GF5434" s="91"/>
      <c r="GG5434" s="91"/>
      <c r="GH5434" s="91"/>
      <c r="GI5434" s="91"/>
      <c r="GJ5434" s="91"/>
      <c r="GK5434" s="127"/>
      <c r="GL5434" s="126"/>
      <c r="GM5434" s="91"/>
      <c r="GN5434" s="91"/>
      <c r="GO5434" s="91"/>
      <c r="GP5434" s="91"/>
      <c r="GQ5434" s="91"/>
      <c r="GR5434" s="91"/>
      <c r="GS5434" s="91"/>
      <c r="GT5434" s="91"/>
      <c r="GU5434" s="91"/>
      <c r="GV5434" s="91"/>
      <c r="GW5434" s="91"/>
      <c r="GX5434" s="127"/>
      <c r="GY5434" s="126"/>
      <c r="GZ5434" s="91"/>
      <c r="HA5434" s="91"/>
      <c r="HB5434" s="91"/>
      <c r="HC5434" s="91"/>
      <c r="HD5434" s="91"/>
      <c r="HE5434" s="91"/>
      <c r="HF5434" s="91"/>
      <c r="HG5434" s="91"/>
      <c r="HH5434" s="91"/>
      <c r="HI5434" s="91"/>
      <c r="HJ5434" s="91"/>
      <c r="HK5434" s="127"/>
      <c r="HL5434" s="126"/>
      <c r="HM5434" s="91"/>
      <c r="HN5434" s="91"/>
      <c r="HO5434" s="91"/>
      <c r="HP5434" s="91"/>
      <c r="HQ5434" s="91"/>
      <c r="HR5434" s="91"/>
      <c r="HS5434" s="91"/>
      <c r="HT5434" s="91"/>
      <c r="HU5434" s="91"/>
      <c r="HV5434" s="91"/>
      <c r="HW5434" s="91"/>
      <c r="HX5434" s="127"/>
      <c r="HY5434" s="126"/>
      <c r="HZ5434" s="91"/>
      <c r="IA5434" s="91"/>
      <c r="IB5434" s="91"/>
      <c r="IC5434" s="91"/>
      <c r="ID5434" s="91"/>
      <c r="IE5434" s="91"/>
      <c r="IF5434" s="91"/>
      <c r="IG5434" s="91"/>
      <c r="IH5434" s="91"/>
      <c r="II5434" s="91"/>
      <c r="IJ5434" s="91"/>
      <c r="IK5434" s="174"/>
    </row>
    <row r="5435" spans="2:245" x14ac:dyDescent="0.2">
      <c r="B5435" s="43"/>
      <c r="C5435" s="73"/>
      <c r="D5435" s="64"/>
      <c r="E5435" s="64"/>
      <c r="F5435" s="55"/>
      <c r="G5435" s="102"/>
      <c r="H5435" s="97"/>
      <c r="T5435" s="98"/>
      <c r="U5435" s="97"/>
      <c r="AG5435" s="98"/>
      <c r="AY5435" s="164"/>
      <c r="BK5435" s="98"/>
      <c r="BL5435" s="97"/>
      <c r="BX5435" s="98"/>
      <c r="CL5435" s="97"/>
      <c r="CX5435" s="98"/>
      <c r="DL5435" s="97"/>
      <c r="DX5435" s="98"/>
      <c r="EL5435" s="97"/>
      <c r="EX5435" s="98"/>
      <c r="EY5435" s="97"/>
      <c r="FL5435" s="126"/>
      <c r="FM5435" s="91"/>
      <c r="FN5435" s="91"/>
      <c r="FO5435" s="91"/>
      <c r="FP5435" s="91"/>
      <c r="FQ5435" s="91"/>
      <c r="FR5435" s="91"/>
      <c r="FS5435" s="91"/>
      <c r="FT5435" s="91"/>
      <c r="FU5435" s="91"/>
      <c r="FV5435" s="91"/>
      <c r="FW5435" s="91"/>
      <c r="FX5435" s="127"/>
      <c r="FY5435" s="126"/>
      <c r="FZ5435" s="91"/>
      <c r="GA5435" s="91"/>
      <c r="GB5435" s="91"/>
      <c r="GC5435" s="91"/>
      <c r="GD5435" s="91"/>
      <c r="GE5435" s="91"/>
      <c r="GF5435" s="91"/>
      <c r="GG5435" s="91"/>
      <c r="GH5435" s="91"/>
      <c r="GI5435" s="91"/>
      <c r="GJ5435" s="91"/>
      <c r="GK5435" s="127"/>
      <c r="GL5435" s="126"/>
      <c r="GM5435" s="91"/>
      <c r="GN5435" s="91"/>
      <c r="GO5435" s="91"/>
      <c r="GP5435" s="91"/>
      <c r="GQ5435" s="91"/>
      <c r="GR5435" s="91"/>
      <c r="GS5435" s="91"/>
      <c r="GT5435" s="91"/>
      <c r="GU5435" s="91"/>
      <c r="GV5435" s="91"/>
      <c r="GW5435" s="91"/>
      <c r="GX5435" s="127"/>
      <c r="GY5435" s="126"/>
      <c r="GZ5435" s="91"/>
      <c r="HA5435" s="91"/>
      <c r="HB5435" s="91"/>
      <c r="HC5435" s="91"/>
      <c r="HD5435" s="91"/>
      <c r="HE5435" s="91"/>
      <c r="HF5435" s="91"/>
      <c r="HG5435" s="91"/>
      <c r="HH5435" s="91"/>
      <c r="HI5435" s="91"/>
      <c r="HJ5435" s="91"/>
      <c r="HK5435" s="127"/>
      <c r="HL5435" s="126"/>
      <c r="HM5435" s="91"/>
      <c r="HN5435" s="91"/>
      <c r="HO5435" s="91"/>
      <c r="HP5435" s="91"/>
      <c r="HQ5435" s="91"/>
      <c r="HR5435" s="91"/>
      <c r="HS5435" s="91"/>
      <c r="HT5435" s="91"/>
      <c r="HU5435" s="91"/>
      <c r="HV5435" s="91"/>
      <c r="HW5435" s="91"/>
      <c r="HX5435" s="127"/>
      <c r="HY5435" s="126"/>
      <c r="HZ5435" s="91"/>
      <c r="IA5435" s="91"/>
      <c r="IB5435" s="91"/>
      <c r="IC5435" s="91"/>
      <c r="ID5435" s="91"/>
      <c r="IE5435" s="91"/>
      <c r="IF5435" s="91"/>
      <c r="IG5435" s="91"/>
      <c r="IH5435" s="91"/>
      <c r="II5435" s="91"/>
      <c r="IJ5435" s="91"/>
      <c r="IK5435" s="174"/>
    </row>
    <row r="5436" spans="2:245" x14ac:dyDescent="0.2">
      <c r="B5436" s="43"/>
      <c r="C5436" s="73"/>
      <c r="D5436" s="64"/>
      <c r="E5436" s="64"/>
      <c r="F5436" s="55"/>
      <c r="G5436" s="102"/>
      <c r="H5436" s="97"/>
      <c r="T5436" s="98"/>
      <c r="U5436" s="97"/>
      <c r="AG5436" s="98"/>
      <c r="AY5436" s="164"/>
      <c r="BK5436" s="98"/>
      <c r="BL5436" s="97"/>
      <c r="BX5436" s="98"/>
      <c r="CL5436" s="97"/>
      <c r="CX5436" s="98"/>
      <c r="DL5436" s="97"/>
      <c r="DX5436" s="98"/>
      <c r="EL5436" s="97"/>
      <c r="EX5436" s="98"/>
      <c r="EY5436" s="97"/>
      <c r="FL5436" s="126"/>
      <c r="FM5436" s="91"/>
      <c r="FN5436" s="91"/>
      <c r="FO5436" s="91"/>
      <c r="FP5436" s="91"/>
      <c r="FQ5436" s="91"/>
      <c r="FR5436" s="91"/>
      <c r="FS5436" s="91"/>
      <c r="FT5436" s="91"/>
      <c r="FU5436" s="91"/>
      <c r="FV5436" s="91"/>
      <c r="FW5436" s="91"/>
      <c r="FX5436" s="127"/>
      <c r="FY5436" s="126"/>
      <c r="FZ5436" s="91"/>
      <c r="GA5436" s="91"/>
      <c r="GB5436" s="91"/>
      <c r="GC5436" s="91"/>
      <c r="GD5436" s="91"/>
      <c r="GE5436" s="91"/>
      <c r="GF5436" s="91"/>
      <c r="GG5436" s="91"/>
      <c r="GH5436" s="91"/>
      <c r="GI5436" s="91"/>
      <c r="GJ5436" s="91"/>
      <c r="GK5436" s="127"/>
      <c r="GL5436" s="126"/>
      <c r="GM5436" s="91"/>
      <c r="GN5436" s="91"/>
      <c r="GO5436" s="91"/>
      <c r="GP5436" s="91"/>
      <c r="GQ5436" s="91"/>
      <c r="GR5436" s="91"/>
      <c r="GS5436" s="91"/>
      <c r="GT5436" s="91"/>
      <c r="GU5436" s="91"/>
      <c r="GV5436" s="91"/>
      <c r="GW5436" s="91"/>
      <c r="GX5436" s="127"/>
      <c r="GY5436" s="126"/>
      <c r="GZ5436" s="91"/>
      <c r="HA5436" s="91"/>
      <c r="HB5436" s="91"/>
      <c r="HC5436" s="91"/>
      <c r="HD5436" s="91"/>
      <c r="HE5436" s="91"/>
      <c r="HF5436" s="91"/>
      <c r="HG5436" s="91"/>
      <c r="HH5436" s="91"/>
      <c r="HI5436" s="91"/>
      <c r="HJ5436" s="91"/>
      <c r="HK5436" s="127"/>
      <c r="HL5436" s="126"/>
      <c r="HM5436" s="91"/>
      <c r="HN5436" s="91"/>
      <c r="HO5436" s="91"/>
      <c r="HP5436" s="91"/>
      <c r="HQ5436" s="91"/>
      <c r="HR5436" s="91"/>
      <c r="HS5436" s="91"/>
      <c r="HT5436" s="91"/>
      <c r="HU5436" s="91"/>
      <c r="HV5436" s="91"/>
      <c r="HW5436" s="91"/>
      <c r="HX5436" s="127"/>
      <c r="HY5436" s="126"/>
      <c r="HZ5436" s="91"/>
      <c r="IA5436" s="91"/>
      <c r="IB5436" s="91"/>
      <c r="IC5436" s="91"/>
      <c r="ID5436" s="91"/>
      <c r="IE5436" s="91"/>
      <c r="IF5436" s="91"/>
      <c r="IG5436" s="91"/>
      <c r="IH5436" s="91"/>
      <c r="II5436" s="91"/>
      <c r="IJ5436" s="91"/>
      <c r="IK5436" s="174"/>
    </row>
    <row r="5437" spans="2:245" x14ac:dyDescent="0.2">
      <c r="B5437" s="43"/>
      <c r="C5437" s="73"/>
      <c r="D5437" s="64"/>
      <c r="E5437" s="64"/>
      <c r="F5437" s="55"/>
      <c r="G5437" s="102"/>
      <c r="H5437" s="97"/>
      <c r="T5437" s="98"/>
      <c r="U5437" s="97"/>
      <c r="AG5437" s="98"/>
      <c r="AY5437" s="164"/>
      <c r="BK5437" s="98"/>
      <c r="BL5437" s="97"/>
      <c r="BX5437" s="98"/>
      <c r="CL5437" s="97"/>
      <c r="CX5437" s="98"/>
      <c r="DL5437" s="97"/>
      <c r="DX5437" s="98"/>
      <c r="EL5437" s="97"/>
      <c r="EX5437" s="98"/>
      <c r="EY5437" s="97"/>
      <c r="FL5437" s="126"/>
      <c r="FM5437" s="91"/>
      <c r="FN5437" s="91"/>
      <c r="FO5437" s="91"/>
      <c r="FP5437" s="91"/>
      <c r="FQ5437" s="91"/>
      <c r="FR5437" s="91"/>
      <c r="FS5437" s="91"/>
      <c r="FT5437" s="91"/>
      <c r="FU5437" s="91"/>
      <c r="FV5437" s="91"/>
      <c r="FW5437" s="91"/>
      <c r="FX5437" s="127"/>
      <c r="FY5437" s="126"/>
      <c r="FZ5437" s="91"/>
      <c r="GA5437" s="91"/>
      <c r="GB5437" s="91"/>
      <c r="GC5437" s="91"/>
      <c r="GD5437" s="91"/>
      <c r="GE5437" s="91"/>
      <c r="GF5437" s="91"/>
      <c r="GG5437" s="91"/>
      <c r="GH5437" s="91"/>
      <c r="GI5437" s="91"/>
      <c r="GJ5437" s="91"/>
      <c r="GK5437" s="127"/>
      <c r="GL5437" s="126"/>
      <c r="GM5437" s="91"/>
      <c r="GN5437" s="91"/>
      <c r="GO5437" s="91"/>
      <c r="GP5437" s="91"/>
      <c r="GQ5437" s="91"/>
      <c r="GR5437" s="91"/>
      <c r="GS5437" s="91"/>
      <c r="GT5437" s="91"/>
      <c r="GU5437" s="91"/>
      <c r="GV5437" s="91"/>
      <c r="GW5437" s="91"/>
      <c r="GX5437" s="127"/>
      <c r="GY5437" s="126"/>
      <c r="GZ5437" s="91"/>
      <c r="HA5437" s="91"/>
      <c r="HB5437" s="91"/>
      <c r="HC5437" s="91"/>
      <c r="HD5437" s="91"/>
      <c r="HE5437" s="91"/>
      <c r="HF5437" s="91"/>
      <c r="HG5437" s="91"/>
      <c r="HH5437" s="91"/>
      <c r="HI5437" s="91"/>
      <c r="HJ5437" s="91"/>
      <c r="HK5437" s="127"/>
      <c r="HL5437" s="126"/>
      <c r="HM5437" s="91"/>
      <c r="HN5437" s="91"/>
      <c r="HO5437" s="91"/>
      <c r="HP5437" s="91"/>
      <c r="HQ5437" s="91"/>
      <c r="HR5437" s="91"/>
      <c r="HS5437" s="91"/>
      <c r="HT5437" s="91"/>
      <c r="HU5437" s="91"/>
      <c r="HV5437" s="91"/>
      <c r="HW5437" s="91"/>
      <c r="HX5437" s="127"/>
      <c r="HY5437" s="126"/>
      <c r="HZ5437" s="91"/>
      <c r="IA5437" s="91"/>
      <c r="IB5437" s="91"/>
      <c r="IC5437" s="91"/>
      <c r="ID5437" s="91"/>
      <c r="IE5437" s="91"/>
      <c r="IF5437" s="91"/>
      <c r="IG5437" s="91"/>
      <c r="IH5437" s="91"/>
      <c r="II5437" s="91"/>
      <c r="IJ5437" s="91"/>
      <c r="IK5437" s="174"/>
    </row>
    <row r="5438" spans="2:245" x14ac:dyDescent="0.2">
      <c r="B5438" s="43"/>
      <c r="C5438" s="73"/>
      <c r="D5438" s="64"/>
      <c r="E5438" s="64"/>
      <c r="F5438" s="55"/>
      <c r="G5438" s="102"/>
      <c r="H5438" s="97"/>
      <c r="T5438" s="98"/>
      <c r="U5438" s="97"/>
      <c r="AG5438" s="98"/>
      <c r="AY5438" s="164"/>
      <c r="BK5438" s="98"/>
      <c r="BL5438" s="97"/>
      <c r="BX5438" s="98"/>
      <c r="CL5438" s="97"/>
      <c r="CX5438" s="98"/>
      <c r="DL5438" s="97"/>
      <c r="DX5438" s="98"/>
      <c r="EL5438" s="97"/>
      <c r="EX5438" s="98"/>
      <c r="EY5438" s="97"/>
      <c r="FL5438" s="126"/>
      <c r="FM5438" s="91"/>
      <c r="FN5438" s="91"/>
      <c r="FO5438" s="91"/>
      <c r="FP5438" s="91"/>
      <c r="FQ5438" s="91"/>
      <c r="FR5438" s="91"/>
      <c r="FS5438" s="91"/>
      <c r="FT5438" s="91"/>
      <c r="FU5438" s="91"/>
      <c r="FV5438" s="91"/>
      <c r="FW5438" s="91"/>
      <c r="FX5438" s="127"/>
      <c r="FY5438" s="126"/>
      <c r="FZ5438" s="91"/>
      <c r="GA5438" s="91"/>
      <c r="GB5438" s="91"/>
      <c r="GC5438" s="91"/>
      <c r="GD5438" s="91"/>
      <c r="GE5438" s="91"/>
      <c r="GF5438" s="91"/>
      <c r="GG5438" s="91"/>
      <c r="GH5438" s="91"/>
      <c r="GI5438" s="91"/>
      <c r="GJ5438" s="91"/>
      <c r="GK5438" s="127"/>
      <c r="GL5438" s="126"/>
      <c r="GM5438" s="91"/>
      <c r="GN5438" s="91"/>
      <c r="GO5438" s="91"/>
      <c r="GP5438" s="91"/>
      <c r="GQ5438" s="91"/>
      <c r="GR5438" s="91"/>
      <c r="GS5438" s="91"/>
      <c r="GT5438" s="91"/>
      <c r="GU5438" s="91"/>
      <c r="GV5438" s="91"/>
      <c r="GW5438" s="91"/>
      <c r="GX5438" s="127"/>
      <c r="GY5438" s="126"/>
      <c r="GZ5438" s="91"/>
      <c r="HA5438" s="91"/>
      <c r="HB5438" s="91"/>
      <c r="HC5438" s="91"/>
      <c r="HD5438" s="91"/>
      <c r="HE5438" s="91"/>
      <c r="HF5438" s="91"/>
      <c r="HG5438" s="91"/>
      <c r="HH5438" s="91"/>
      <c r="HI5438" s="91"/>
      <c r="HJ5438" s="91"/>
      <c r="HK5438" s="127"/>
      <c r="HL5438" s="126"/>
      <c r="HM5438" s="91"/>
      <c r="HN5438" s="91"/>
      <c r="HO5438" s="91"/>
      <c r="HP5438" s="91"/>
      <c r="HQ5438" s="91"/>
      <c r="HR5438" s="91"/>
      <c r="HS5438" s="91"/>
      <c r="HT5438" s="91"/>
      <c r="HU5438" s="91"/>
      <c r="HV5438" s="91"/>
      <c r="HW5438" s="91"/>
      <c r="HX5438" s="127"/>
      <c r="HY5438" s="126"/>
      <c r="HZ5438" s="91"/>
      <c r="IA5438" s="91"/>
      <c r="IB5438" s="91"/>
      <c r="IC5438" s="91"/>
      <c r="ID5438" s="91"/>
      <c r="IE5438" s="91"/>
      <c r="IF5438" s="91"/>
      <c r="IG5438" s="91"/>
      <c r="IH5438" s="91"/>
      <c r="II5438" s="91"/>
      <c r="IJ5438" s="91"/>
      <c r="IK5438" s="174"/>
    </row>
    <row r="5439" spans="2:245" x14ac:dyDescent="0.2">
      <c r="B5439" s="43"/>
      <c r="C5439" s="73"/>
      <c r="D5439" s="64"/>
      <c r="E5439" s="64"/>
      <c r="F5439" s="55"/>
      <c r="G5439" s="102"/>
      <c r="H5439" s="97"/>
      <c r="T5439" s="98"/>
      <c r="U5439" s="97"/>
      <c r="AG5439" s="98"/>
      <c r="AY5439" s="164"/>
      <c r="BK5439" s="98"/>
      <c r="BL5439" s="97"/>
      <c r="BX5439" s="98"/>
      <c r="CL5439" s="97"/>
      <c r="CX5439" s="98"/>
      <c r="DL5439" s="97"/>
      <c r="DX5439" s="98"/>
      <c r="EL5439" s="97"/>
      <c r="EX5439" s="98"/>
      <c r="EY5439" s="97"/>
      <c r="FL5439" s="126"/>
      <c r="FM5439" s="91"/>
      <c r="FN5439" s="91"/>
      <c r="FO5439" s="91"/>
      <c r="FP5439" s="91"/>
      <c r="FQ5439" s="91"/>
      <c r="FR5439" s="91"/>
      <c r="FS5439" s="91"/>
      <c r="FT5439" s="91"/>
      <c r="FU5439" s="91"/>
      <c r="FV5439" s="91"/>
      <c r="FW5439" s="91"/>
      <c r="FX5439" s="127"/>
      <c r="FY5439" s="126"/>
      <c r="FZ5439" s="91"/>
      <c r="GA5439" s="91"/>
      <c r="GB5439" s="91"/>
      <c r="GC5439" s="91"/>
      <c r="GD5439" s="91"/>
      <c r="GE5439" s="91"/>
      <c r="GF5439" s="91"/>
      <c r="GG5439" s="91"/>
      <c r="GH5439" s="91"/>
      <c r="GI5439" s="91"/>
      <c r="GJ5439" s="91"/>
      <c r="GK5439" s="127"/>
      <c r="GL5439" s="126"/>
      <c r="GM5439" s="91"/>
      <c r="GN5439" s="91"/>
      <c r="GO5439" s="91"/>
      <c r="GP5439" s="91"/>
      <c r="GQ5439" s="91"/>
      <c r="GR5439" s="91"/>
      <c r="GS5439" s="91"/>
      <c r="GT5439" s="91"/>
      <c r="GU5439" s="91"/>
      <c r="GV5439" s="91"/>
      <c r="GW5439" s="91"/>
      <c r="GX5439" s="127"/>
      <c r="GY5439" s="126"/>
      <c r="GZ5439" s="91"/>
      <c r="HA5439" s="91"/>
      <c r="HB5439" s="91"/>
      <c r="HC5439" s="91"/>
      <c r="HD5439" s="91"/>
      <c r="HE5439" s="91"/>
      <c r="HF5439" s="91"/>
      <c r="HG5439" s="91"/>
      <c r="HH5439" s="91"/>
      <c r="HI5439" s="91"/>
      <c r="HJ5439" s="91"/>
      <c r="HK5439" s="127"/>
      <c r="HL5439" s="126"/>
      <c r="HM5439" s="91"/>
      <c r="HN5439" s="91"/>
      <c r="HO5439" s="91"/>
      <c r="HP5439" s="91"/>
      <c r="HQ5439" s="91"/>
      <c r="HR5439" s="91"/>
      <c r="HS5439" s="91"/>
      <c r="HT5439" s="91"/>
      <c r="HU5439" s="91"/>
      <c r="HV5439" s="91"/>
      <c r="HW5439" s="91"/>
      <c r="HX5439" s="127"/>
      <c r="HY5439" s="126"/>
      <c r="HZ5439" s="91"/>
      <c r="IA5439" s="91"/>
      <c r="IB5439" s="91"/>
      <c r="IC5439" s="91"/>
      <c r="ID5439" s="91"/>
      <c r="IE5439" s="91"/>
      <c r="IF5439" s="91"/>
      <c r="IG5439" s="91"/>
      <c r="IH5439" s="91"/>
      <c r="II5439" s="91"/>
      <c r="IJ5439" s="91"/>
      <c r="IK5439" s="174"/>
    </row>
    <row r="5440" spans="2:245" x14ac:dyDescent="0.2">
      <c r="B5440" s="43"/>
      <c r="C5440" s="73"/>
      <c r="D5440" s="64"/>
      <c r="E5440" s="64"/>
      <c r="F5440" s="55"/>
      <c r="G5440" s="102"/>
      <c r="H5440" s="97"/>
      <c r="T5440" s="98"/>
      <c r="U5440" s="97"/>
      <c r="AG5440" s="98"/>
      <c r="AY5440" s="164"/>
      <c r="BK5440" s="98"/>
      <c r="BL5440" s="97"/>
      <c r="BX5440" s="98"/>
      <c r="CL5440" s="97"/>
      <c r="CX5440" s="98"/>
      <c r="DL5440" s="97"/>
      <c r="DX5440" s="98"/>
      <c r="EL5440" s="97"/>
      <c r="EX5440" s="98"/>
      <c r="EY5440" s="97"/>
      <c r="FL5440" s="126"/>
      <c r="FM5440" s="91"/>
      <c r="FN5440" s="91"/>
      <c r="FO5440" s="91"/>
      <c r="FP5440" s="91"/>
      <c r="FQ5440" s="91"/>
      <c r="FR5440" s="91"/>
      <c r="FS5440" s="91"/>
      <c r="FT5440" s="91"/>
      <c r="FU5440" s="91"/>
      <c r="FV5440" s="91"/>
      <c r="FW5440" s="91"/>
      <c r="FX5440" s="127"/>
      <c r="FY5440" s="126"/>
      <c r="FZ5440" s="91"/>
      <c r="GA5440" s="91"/>
      <c r="GB5440" s="91"/>
      <c r="GC5440" s="91"/>
      <c r="GD5440" s="91"/>
      <c r="GE5440" s="91"/>
      <c r="GF5440" s="91"/>
      <c r="GG5440" s="91"/>
      <c r="GH5440" s="91"/>
      <c r="GI5440" s="91"/>
      <c r="GJ5440" s="91"/>
      <c r="GK5440" s="127"/>
      <c r="GL5440" s="126"/>
      <c r="GM5440" s="91"/>
      <c r="GN5440" s="91"/>
      <c r="GO5440" s="91"/>
      <c r="GP5440" s="91"/>
      <c r="GQ5440" s="91"/>
      <c r="GR5440" s="91"/>
      <c r="GS5440" s="91"/>
      <c r="GT5440" s="91"/>
      <c r="GU5440" s="91"/>
      <c r="GV5440" s="91"/>
      <c r="GW5440" s="91"/>
      <c r="GX5440" s="127"/>
      <c r="GY5440" s="126"/>
      <c r="GZ5440" s="91"/>
      <c r="HA5440" s="91"/>
      <c r="HB5440" s="91"/>
      <c r="HC5440" s="91"/>
      <c r="HD5440" s="91"/>
      <c r="HE5440" s="91"/>
      <c r="HF5440" s="91"/>
      <c r="HG5440" s="91"/>
      <c r="HH5440" s="91"/>
      <c r="HI5440" s="91"/>
      <c r="HJ5440" s="91"/>
      <c r="HK5440" s="127"/>
      <c r="HL5440" s="126"/>
      <c r="HM5440" s="91"/>
      <c r="HN5440" s="91"/>
      <c r="HO5440" s="91"/>
      <c r="HP5440" s="91"/>
      <c r="HQ5440" s="91"/>
      <c r="HR5440" s="91"/>
      <c r="HS5440" s="91"/>
      <c r="HT5440" s="91"/>
      <c r="HU5440" s="91"/>
      <c r="HV5440" s="91"/>
      <c r="HW5440" s="91"/>
      <c r="HX5440" s="127"/>
      <c r="HY5440" s="126"/>
      <c r="HZ5440" s="91"/>
      <c r="IA5440" s="91"/>
      <c r="IB5440" s="91"/>
      <c r="IC5440" s="91"/>
      <c r="ID5440" s="91"/>
      <c r="IE5440" s="91"/>
      <c r="IF5440" s="91"/>
      <c r="IG5440" s="91"/>
      <c r="IH5440" s="91"/>
      <c r="II5440" s="91"/>
      <c r="IJ5440" s="91"/>
      <c r="IK5440" s="174"/>
    </row>
    <row r="5441" spans="2:245" x14ac:dyDescent="0.2">
      <c r="B5441" s="43"/>
      <c r="C5441" s="73"/>
      <c r="D5441" s="64"/>
      <c r="E5441" s="64"/>
      <c r="F5441" s="55"/>
      <c r="G5441" s="102"/>
      <c r="H5441" s="97"/>
      <c r="T5441" s="98"/>
      <c r="U5441" s="97"/>
      <c r="AG5441" s="98"/>
      <c r="AY5441" s="164"/>
      <c r="BK5441" s="98"/>
      <c r="BL5441" s="97"/>
      <c r="BX5441" s="98"/>
      <c r="CL5441" s="97"/>
      <c r="CX5441" s="98"/>
      <c r="DL5441" s="97"/>
      <c r="DX5441" s="98"/>
      <c r="EL5441" s="97"/>
      <c r="EX5441" s="98"/>
      <c r="EY5441" s="97"/>
      <c r="FL5441" s="126"/>
      <c r="FM5441" s="91"/>
      <c r="FN5441" s="91"/>
      <c r="FO5441" s="91"/>
      <c r="FP5441" s="91"/>
      <c r="FQ5441" s="91"/>
      <c r="FR5441" s="91"/>
      <c r="FS5441" s="91"/>
      <c r="FT5441" s="91"/>
      <c r="FU5441" s="91"/>
      <c r="FV5441" s="91"/>
      <c r="FW5441" s="91"/>
      <c r="FX5441" s="127"/>
      <c r="FY5441" s="126"/>
      <c r="FZ5441" s="91"/>
      <c r="GA5441" s="91"/>
      <c r="GB5441" s="91"/>
      <c r="GC5441" s="91"/>
      <c r="GD5441" s="91"/>
      <c r="GE5441" s="91"/>
      <c r="GF5441" s="91"/>
      <c r="GG5441" s="91"/>
      <c r="GH5441" s="91"/>
      <c r="GI5441" s="91"/>
      <c r="GJ5441" s="91"/>
      <c r="GK5441" s="127"/>
      <c r="GL5441" s="126"/>
      <c r="GM5441" s="91"/>
      <c r="GN5441" s="91"/>
      <c r="GO5441" s="91"/>
      <c r="GP5441" s="91"/>
      <c r="GQ5441" s="91"/>
      <c r="GR5441" s="91"/>
      <c r="GS5441" s="91"/>
      <c r="GT5441" s="91"/>
      <c r="GU5441" s="91"/>
      <c r="GV5441" s="91"/>
      <c r="GW5441" s="91"/>
      <c r="GX5441" s="127"/>
      <c r="GY5441" s="126"/>
      <c r="GZ5441" s="91"/>
      <c r="HA5441" s="91"/>
      <c r="HB5441" s="91"/>
      <c r="HC5441" s="91"/>
      <c r="HD5441" s="91"/>
      <c r="HE5441" s="91"/>
      <c r="HF5441" s="91"/>
      <c r="HG5441" s="91"/>
      <c r="HH5441" s="91"/>
      <c r="HI5441" s="91"/>
      <c r="HJ5441" s="91"/>
      <c r="HK5441" s="127"/>
      <c r="HL5441" s="126"/>
      <c r="HM5441" s="91"/>
      <c r="HN5441" s="91"/>
      <c r="HO5441" s="91"/>
      <c r="HP5441" s="91"/>
      <c r="HQ5441" s="91"/>
      <c r="HR5441" s="91"/>
      <c r="HS5441" s="91"/>
      <c r="HT5441" s="91"/>
      <c r="HU5441" s="91"/>
      <c r="HV5441" s="91"/>
      <c r="HW5441" s="91"/>
      <c r="HX5441" s="127"/>
      <c r="HY5441" s="126"/>
      <c r="HZ5441" s="91"/>
      <c r="IA5441" s="91"/>
      <c r="IB5441" s="91"/>
      <c r="IC5441" s="91"/>
      <c r="ID5441" s="91"/>
      <c r="IE5441" s="91"/>
      <c r="IF5441" s="91"/>
      <c r="IG5441" s="91"/>
      <c r="IH5441" s="91"/>
      <c r="II5441" s="91"/>
      <c r="IJ5441" s="91"/>
      <c r="IK5441" s="174"/>
    </row>
    <row r="5442" spans="2:245" x14ac:dyDescent="0.2">
      <c r="B5442" s="43"/>
      <c r="C5442" s="73"/>
      <c r="D5442" s="64"/>
      <c r="E5442" s="64"/>
      <c r="F5442" s="55"/>
      <c r="G5442" s="102"/>
      <c r="H5442" s="97"/>
      <c r="T5442" s="98"/>
      <c r="U5442" s="97"/>
      <c r="AG5442" s="98"/>
      <c r="AY5442" s="164"/>
      <c r="BK5442" s="98"/>
      <c r="BL5442" s="97"/>
      <c r="BX5442" s="98"/>
      <c r="CL5442" s="97"/>
      <c r="CX5442" s="98"/>
      <c r="DL5442" s="97"/>
      <c r="DX5442" s="98"/>
      <c r="EL5442" s="97"/>
      <c r="EX5442" s="98"/>
      <c r="EY5442" s="97"/>
      <c r="FL5442" s="126"/>
      <c r="FM5442" s="91"/>
      <c r="FN5442" s="91"/>
      <c r="FO5442" s="91"/>
      <c r="FP5442" s="91"/>
      <c r="FQ5442" s="91"/>
      <c r="FR5442" s="91"/>
      <c r="FS5442" s="91"/>
      <c r="FT5442" s="91"/>
      <c r="FU5442" s="91"/>
      <c r="FV5442" s="91"/>
      <c r="FW5442" s="91"/>
      <c r="FX5442" s="127"/>
      <c r="FY5442" s="126"/>
      <c r="FZ5442" s="91"/>
      <c r="GA5442" s="91"/>
      <c r="GB5442" s="91"/>
      <c r="GC5442" s="91"/>
      <c r="GD5442" s="91"/>
      <c r="GE5442" s="91"/>
      <c r="GF5442" s="91"/>
      <c r="GG5442" s="91"/>
      <c r="GH5442" s="91"/>
      <c r="GI5442" s="91"/>
      <c r="GJ5442" s="91"/>
      <c r="GK5442" s="127"/>
      <c r="GL5442" s="126"/>
      <c r="GM5442" s="91"/>
      <c r="GN5442" s="91"/>
      <c r="GO5442" s="91"/>
      <c r="GP5442" s="91"/>
      <c r="GQ5442" s="91"/>
      <c r="GR5442" s="91"/>
      <c r="GS5442" s="91"/>
      <c r="GT5442" s="91"/>
      <c r="GU5442" s="91"/>
      <c r="GV5442" s="91"/>
      <c r="GW5442" s="91"/>
      <c r="GX5442" s="127"/>
      <c r="GY5442" s="126"/>
      <c r="GZ5442" s="91"/>
      <c r="HA5442" s="91"/>
      <c r="HB5442" s="91"/>
      <c r="HC5442" s="91"/>
      <c r="HD5442" s="91"/>
      <c r="HE5442" s="91"/>
      <c r="HF5442" s="91"/>
      <c r="HG5442" s="91"/>
      <c r="HH5442" s="91"/>
      <c r="HI5442" s="91"/>
      <c r="HJ5442" s="91"/>
      <c r="HK5442" s="127"/>
      <c r="HL5442" s="126"/>
      <c r="HM5442" s="91"/>
      <c r="HN5442" s="91"/>
      <c r="HO5442" s="91"/>
      <c r="HP5442" s="91"/>
      <c r="HQ5442" s="91"/>
      <c r="HR5442" s="91"/>
      <c r="HS5442" s="91"/>
      <c r="HT5442" s="91"/>
      <c r="HU5442" s="91"/>
      <c r="HV5442" s="91"/>
      <c r="HW5442" s="91"/>
      <c r="HX5442" s="127"/>
      <c r="HY5442" s="126"/>
      <c r="HZ5442" s="91"/>
      <c r="IA5442" s="91"/>
      <c r="IB5442" s="91"/>
      <c r="IC5442" s="91"/>
      <c r="ID5442" s="91"/>
      <c r="IE5442" s="91"/>
      <c r="IF5442" s="91"/>
      <c r="IG5442" s="91"/>
      <c r="IH5442" s="91"/>
      <c r="II5442" s="91"/>
      <c r="IJ5442" s="91"/>
      <c r="IK5442" s="174"/>
    </row>
    <row r="5443" spans="2:245" x14ac:dyDescent="0.2">
      <c r="B5443" s="43"/>
      <c r="C5443" s="73"/>
      <c r="D5443" s="64"/>
      <c r="E5443" s="64"/>
      <c r="F5443" s="55"/>
      <c r="G5443" s="102"/>
      <c r="H5443" s="97"/>
      <c r="T5443" s="98"/>
      <c r="U5443" s="97"/>
      <c r="AG5443" s="98"/>
      <c r="AY5443" s="164"/>
      <c r="BK5443" s="98"/>
      <c r="BL5443" s="97"/>
      <c r="BX5443" s="98"/>
      <c r="CL5443" s="97"/>
      <c r="CX5443" s="98"/>
      <c r="DL5443" s="97"/>
      <c r="DX5443" s="98"/>
      <c r="EL5443" s="97"/>
      <c r="EX5443" s="98"/>
      <c r="EY5443" s="97"/>
      <c r="FL5443" s="126"/>
      <c r="FM5443" s="91"/>
      <c r="FN5443" s="91"/>
      <c r="FO5443" s="91"/>
      <c r="FP5443" s="91"/>
      <c r="FQ5443" s="91"/>
      <c r="FR5443" s="91"/>
      <c r="FS5443" s="91"/>
      <c r="FT5443" s="91"/>
      <c r="FU5443" s="91"/>
      <c r="FV5443" s="91"/>
      <c r="FW5443" s="91"/>
      <c r="FX5443" s="127"/>
      <c r="FY5443" s="126"/>
      <c r="FZ5443" s="91"/>
      <c r="GA5443" s="91"/>
      <c r="GB5443" s="91"/>
      <c r="GC5443" s="91"/>
      <c r="GD5443" s="91"/>
      <c r="GE5443" s="91"/>
      <c r="GF5443" s="91"/>
      <c r="GG5443" s="91"/>
      <c r="GH5443" s="91"/>
      <c r="GI5443" s="91"/>
      <c r="GJ5443" s="91"/>
      <c r="GK5443" s="127"/>
      <c r="GL5443" s="126"/>
      <c r="GM5443" s="91"/>
      <c r="GN5443" s="91"/>
      <c r="GO5443" s="91"/>
      <c r="GP5443" s="91"/>
      <c r="GQ5443" s="91"/>
      <c r="GR5443" s="91"/>
      <c r="GS5443" s="91"/>
      <c r="GT5443" s="91"/>
      <c r="GU5443" s="91"/>
      <c r="GV5443" s="91"/>
      <c r="GW5443" s="91"/>
      <c r="GX5443" s="127"/>
      <c r="GY5443" s="126"/>
      <c r="GZ5443" s="91"/>
      <c r="HA5443" s="91"/>
      <c r="HB5443" s="91"/>
      <c r="HC5443" s="91"/>
      <c r="HD5443" s="91"/>
      <c r="HE5443" s="91"/>
      <c r="HF5443" s="91"/>
      <c r="HG5443" s="91"/>
      <c r="HH5443" s="91"/>
      <c r="HI5443" s="91"/>
      <c r="HJ5443" s="91"/>
      <c r="HK5443" s="127"/>
      <c r="HL5443" s="126"/>
      <c r="HM5443" s="91"/>
      <c r="HN5443" s="91"/>
      <c r="HO5443" s="91"/>
      <c r="HP5443" s="91"/>
      <c r="HQ5443" s="91"/>
      <c r="HR5443" s="91"/>
      <c r="HS5443" s="91"/>
      <c r="HT5443" s="91"/>
      <c r="HU5443" s="91"/>
      <c r="HV5443" s="91"/>
      <c r="HW5443" s="91"/>
      <c r="HX5443" s="127"/>
      <c r="HY5443" s="126"/>
      <c r="HZ5443" s="91"/>
      <c r="IA5443" s="91"/>
      <c r="IB5443" s="91"/>
      <c r="IC5443" s="91"/>
      <c r="ID5443" s="91"/>
      <c r="IE5443" s="91"/>
      <c r="IF5443" s="91"/>
      <c r="IG5443" s="91"/>
      <c r="IH5443" s="91"/>
      <c r="II5443" s="91"/>
      <c r="IJ5443" s="91"/>
      <c r="IK5443" s="174"/>
    </row>
    <row r="5444" spans="2:245" x14ac:dyDescent="0.2">
      <c r="B5444" s="43"/>
      <c r="C5444" s="73"/>
      <c r="D5444" s="64"/>
      <c r="E5444" s="64"/>
      <c r="F5444" s="55"/>
      <c r="G5444" s="102"/>
      <c r="H5444" s="97"/>
      <c r="T5444" s="98"/>
      <c r="U5444" s="97"/>
      <c r="AG5444" s="98"/>
      <c r="AY5444" s="164"/>
      <c r="BK5444" s="98"/>
      <c r="BL5444" s="97"/>
      <c r="BX5444" s="98"/>
      <c r="CL5444" s="97"/>
      <c r="CX5444" s="98"/>
      <c r="DL5444" s="97"/>
      <c r="DX5444" s="98"/>
      <c r="EL5444" s="97"/>
      <c r="EX5444" s="98"/>
      <c r="EY5444" s="97"/>
      <c r="FL5444" s="126"/>
      <c r="FM5444" s="91"/>
      <c r="FN5444" s="91"/>
      <c r="FO5444" s="91"/>
      <c r="FP5444" s="91"/>
      <c r="FQ5444" s="91"/>
      <c r="FR5444" s="91"/>
      <c r="FS5444" s="91"/>
      <c r="FT5444" s="91"/>
      <c r="FU5444" s="91"/>
      <c r="FV5444" s="91"/>
      <c r="FW5444" s="91"/>
      <c r="FX5444" s="127"/>
      <c r="FY5444" s="126"/>
      <c r="FZ5444" s="91"/>
      <c r="GA5444" s="91"/>
      <c r="GB5444" s="91"/>
      <c r="GC5444" s="91"/>
      <c r="GD5444" s="91"/>
      <c r="GE5444" s="91"/>
      <c r="GF5444" s="91"/>
      <c r="GG5444" s="91"/>
      <c r="GH5444" s="91"/>
      <c r="GI5444" s="91"/>
      <c r="GJ5444" s="91"/>
      <c r="GK5444" s="127"/>
      <c r="GL5444" s="126"/>
      <c r="GM5444" s="91"/>
      <c r="GN5444" s="91"/>
      <c r="GO5444" s="91"/>
      <c r="GP5444" s="91"/>
      <c r="GQ5444" s="91"/>
      <c r="GR5444" s="91"/>
      <c r="GS5444" s="91"/>
      <c r="GT5444" s="91"/>
      <c r="GU5444" s="91"/>
      <c r="GV5444" s="91"/>
      <c r="GW5444" s="91"/>
      <c r="GX5444" s="127"/>
      <c r="GY5444" s="126"/>
      <c r="GZ5444" s="91"/>
      <c r="HA5444" s="91"/>
      <c r="HB5444" s="91"/>
      <c r="HC5444" s="91"/>
      <c r="HD5444" s="91"/>
      <c r="HE5444" s="91"/>
      <c r="HF5444" s="91"/>
      <c r="HG5444" s="91"/>
      <c r="HH5444" s="91"/>
      <c r="HI5444" s="91"/>
      <c r="HJ5444" s="91"/>
      <c r="HK5444" s="127"/>
      <c r="HL5444" s="126"/>
      <c r="HM5444" s="91"/>
      <c r="HN5444" s="91"/>
      <c r="HO5444" s="91"/>
      <c r="HP5444" s="91"/>
      <c r="HQ5444" s="91"/>
      <c r="HR5444" s="91"/>
      <c r="HS5444" s="91"/>
      <c r="HT5444" s="91"/>
      <c r="HU5444" s="91"/>
      <c r="HV5444" s="91"/>
      <c r="HW5444" s="91"/>
      <c r="HX5444" s="127"/>
      <c r="HY5444" s="126"/>
      <c r="HZ5444" s="91"/>
      <c r="IA5444" s="91"/>
      <c r="IB5444" s="91"/>
      <c r="IC5444" s="91"/>
      <c r="ID5444" s="91"/>
      <c r="IE5444" s="91"/>
      <c r="IF5444" s="91"/>
      <c r="IG5444" s="91"/>
      <c r="IH5444" s="91"/>
      <c r="II5444" s="91"/>
      <c r="IJ5444" s="91"/>
      <c r="IK5444" s="174"/>
    </row>
    <row r="5445" spans="2:245" x14ac:dyDescent="0.2">
      <c r="B5445" s="43"/>
      <c r="C5445" s="73"/>
      <c r="D5445" s="64"/>
      <c r="E5445" s="64"/>
      <c r="F5445" s="55"/>
      <c r="G5445" s="102"/>
      <c r="H5445" s="97"/>
      <c r="T5445" s="98"/>
      <c r="U5445" s="97"/>
      <c r="AG5445" s="98"/>
      <c r="AY5445" s="164"/>
      <c r="BK5445" s="98"/>
      <c r="BL5445" s="97"/>
      <c r="BX5445" s="98"/>
      <c r="CL5445" s="97"/>
      <c r="CX5445" s="98"/>
      <c r="DL5445" s="97"/>
      <c r="DX5445" s="98"/>
      <c r="EL5445" s="97"/>
      <c r="EX5445" s="98"/>
      <c r="EY5445" s="97"/>
      <c r="FL5445" s="126"/>
      <c r="FM5445" s="91"/>
      <c r="FN5445" s="91"/>
      <c r="FO5445" s="91"/>
      <c r="FP5445" s="91"/>
      <c r="FQ5445" s="91"/>
      <c r="FR5445" s="91"/>
      <c r="FS5445" s="91"/>
      <c r="FT5445" s="91"/>
      <c r="FU5445" s="91"/>
      <c r="FV5445" s="91"/>
      <c r="FW5445" s="91"/>
      <c r="FX5445" s="127"/>
      <c r="FY5445" s="126"/>
      <c r="FZ5445" s="91"/>
      <c r="GA5445" s="91"/>
      <c r="GB5445" s="91"/>
      <c r="GC5445" s="91"/>
      <c r="GD5445" s="91"/>
      <c r="GE5445" s="91"/>
      <c r="GF5445" s="91"/>
      <c r="GG5445" s="91"/>
      <c r="GH5445" s="91"/>
      <c r="GI5445" s="91"/>
      <c r="GJ5445" s="91"/>
      <c r="GK5445" s="127"/>
      <c r="GL5445" s="126"/>
      <c r="GM5445" s="91"/>
      <c r="GN5445" s="91"/>
      <c r="GO5445" s="91"/>
      <c r="GP5445" s="91"/>
      <c r="GQ5445" s="91"/>
      <c r="GR5445" s="91"/>
      <c r="GS5445" s="91"/>
      <c r="GT5445" s="91"/>
      <c r="GU5445" s="91"/>
      <c r="GV5445" s="91"/>
      <c r="GW5445" s="91"/>
      <c r="GX5445" s="127"/>
      <c r="GY5445" s="126"/>
      <c r="GZ5445" s="91"/>
      <c r="HA5445" s="91"/>
      <c r="HB5445" s="91"/>
      <c r="HC5445" s="91"/>
      <c r="HD5445" s="91"/>
      <c r="HE5445" s="91"/>
      <c r="HF5445" s="91"/>
      <c r="HG5445" s="91"/>
      <c r="HH5445" s="91"/>
      <c r="HI5445" s="91"/>
      <c r="HJ5445" s="91"/>
      <c r="HK5445" s="127"/>
      <c r="HL5445" s="126"/>
      <c r="HM5445" s="91"/>
      <c r="HN5445" s="91"/>
      <c r="HO5445" s="91"/>
      <c r="HP5445" s="91"/>
      <c r="HQ5445" s="91"/>
      <c r="HR5445" s="91"/>
      <c r="HS5445" s="91"/>
      <c r="HT5445" s="91"/>
      <c r="HU5445" s="91"/>
      <c r="HV5445" s="91"/>
      <c r="HW5445" s="91"/>
      <c r="HX5445" s="127"/>
      <c r="HY5445" s="126"/>
      <c r="HZ5445" s="91"/>
      <c r="IA5445" s="91"/>
      <c r="IB5445" s="91"/>
      <c r="IC5445" s="91"/>
      <c r="ID5445" s="91"/>
      <c r="IE5445" s="91"/>
      <c r="IF5445" s="91"/>
      <c r="IG5445" s="91"/>
      <c r="IH5445" s="91"/>
      <c r="II5445" s="91"/>
      <c r="IJ5445" s="91"/>
      <c r="IK5445" s="174"/>
    </row>
    <row r="5446" spans="2:245" x14ac:dyDescent="0.2">
      <c r="B5446" s="43"/>
      <c r="C5446" s="73"/>
      <c r="D5446" s="64"/>
      <c r="E5446" s="64"/>
      <c r="F5446" s="55"/>
      <c r="G5446" s="102"/>
      <c r="H5446" s="97"/>
      <c r="T5446" s="98"/>
      <c r="U5446" s="97"/>
      <c r="AG5446" s="98"/>
      <c r="AY5446" s="164"/>
      <c r="BK5446" s="98"/>
      <c r="BL5446" s="97"/>
      <c r="BX5446" s="98"/>
      <c r="CL5446" s="97"/>
      <c r="CX5446" s="98"/>
      <c r="DL5446" s="97"/>
      <c r="DX5446" s="98"/>
      <c r="EL5446" s="97"/>
      <c r="EX5446" s="98"/>
      <c r="EY5446" s="97"/>
      <c r="FL5446" s="126"/>
      <c r="FM5446" s="91"/>
      <c r="FN5446" s="91"/>
      <c r="FO5446" s="91"/>
      <c r="FP5446" s="91"/>
      <c r="FQ5446" s="91"/>
      <c r="FR5446" s="91"/>
      <c r="FS5446" s="91"/>
      <c r="FT5446" s="91"/>
      <c r="FU5446" s="91"/>
      <c r="FV5446" s="91"/>
      <c r="FW5446" s="91"/>
      <c r="FX5446" s="127"/>
      <c r="FY5446" s="126"/>
      <c r="FZ5446" s="91"/>
      <c r="GA5446" s="91"/>
      <c r="GB5446" s="91"/>
      <c r="GC5446" s="91"/>
      <c r="GD5446" s="91"/>
      <c r="GE5446" s="91"/>
      <c r="GF5446" s="91"/>
      <c r="GG5446" s="91"/>
      <c r="GH5446" s="91"/>
      <c r="GI5446" s="91"/>
      <c r="GJ5446" s="91"/>
      <c r="GK5446" s="127"/>
      <c r="GL5446" s="126"/>
      <c r="GM5446" s="91"/>
      <c r="GN5446" s="91"/>
      <c r="GO5446" s="91"/>
      <c r="GP5446" s="91"/>
      <c r="GQ5446" s="91"/>
      <c r="GR5446" s="91"/>
      <c r="GS5446" s="91"/>
      <c r="GT5446" s="91"/>
      <c r="GU5446" s="91"/>
      <c r="GV5446" s="91"/>
      <c r="GW5446" s="91"/>
      <c r="GX5446" s="127"/>
      <c r="GY5446" s="126"/>
      <c r="GZ5446" s="91"/>
      <c r="HA5446" s="91"/>
      <c r="HB5446" s="91"/>
      <c r="HC5446" s="91"/>
      <c r="HD5446" s="91"/>
      <c r="HE5446" s="91"/>
      <c r="HF5446" s="91"/>
      <c r="HG5446" s="91"/>
      <c r="HH5446" s="91"/>
      <c r="HI5446" s="91"/>
      <c r="HJ5446" s="91"/>
      <c r="HK5446" s="127"/>
      <c r="HL5446" s="126"/>
      <c r="HM5446" s="91"/>
      <c r="HN5446" s="91"/>
      <c r="HO5446" s="91"/>
      <c r="HP5446" s="91"/>
      <c r="HQ5446" s="91"/>
      <c r="HR5446" s="91"/>
      <c r="HS5446" s="91"/>
      <c r="HT5446" s="91"/>
      <c r="HU5446" s="91"/>
      <c r="HV5446" s="91"/>
      <c r="HW5446" s="91"/>
      <c r="HX5446" s="127"/>
      <c r="HY5446" s="126"/>
      <c r="HZ5446" s="91"/>
      <c r="IA5446" s="91"/>
      <c r="IB5446" s="91"/>
      <c r="IC5446" s="91"/>
      <c r="ID5446" s="91"/>
      <c r="IE5446" s="91"/>
      <c r="IF5446" s="91"/>
      <c r="IG5446" s="91"/>
      <c r="IH5446" s="91"/>
      <c r="II5446" s="91"/>
      <c r="IJ5446" s="91"/>
      <c r="IK5446" s="174"/>
    </row>
    <row r="5447" spans="2:245" x14ac:dyDescent="0.2">
      <c r="B5447" s="43"/>
      <c r="C5447" s="73"/>
      <c r="D5447" s="64"/>
      <c r="E5447" s="64"/>
      <c r="F5447" s="55"/>
      <c r="G5447" s="102"/>
      <c r="H5447" s="97"/>
      <c r="T5447" s="98"/>
      <c r="U5447" s="97"/>
      <c r="AG5447" s="98"/>
      <c r="AY5447" s="164"/>
      <c r="BK5447" s="98"/>
      <c r="BL5447" s="97"/>
      <c r="BX5447" s="98"/>
      <c r="CL5447" s="97"/>
      <c r="CX5447" s="98"/>
      <c r="DL5447" s="97"/>
      <c r="DX5447" s="98"/>
      <c r="EL5447" s="97"/>
      <c r="EX5447" s="98"/>
      <c r="EY5447" s="97"/>
      <c r="FL5447" s="126"/>
      <c r="FM5447" s="91"/>
      <c r="FN5447" s="91"/>
      <c r="FO5447" s="91"/>
      <c r="FP5447" s="91"/>
      <c r="FQ5447" s="91"/>
      <c r="FR5447" s="91"/>
      <c r="FS5447" s="91"/>
      <c r="FT5447" s="91"/>
      <c r="FU5447" s="91"/>
      <c r="FV5447" s="91"/>
      <c r="FW5447" s="91"/>
      <c r="FX5447" s="127"/>
      <c r="FY5447" s="126"/>
      <c r="FZ5447" s="91"/>
      <c r="GA5447" s="91"/>
      <c r="GB5447" s="91"/>
      <c r="GC5447" s="91"/>
      <c r="GD5447" s="91"/>
      <c r="GE5447" s="91"/>
      <c r="GF5447" s="91"/>
      <c r="GG5447" s="91"/>
      <c r="GH5447" s="91"/>
      <c r="GI5447" s="91"/>
      <c r="GJ5447" s="91"/>
      <c r="GK5447" s="127"/>
      <c r="GL5447" s="126"/>
      <c r="GM5447" s="91"/>
      <c r="GN5447" s="91"/>
      <c r="GO5447" s="91"/>
      <c r="GP5447" s="91"/>
      <c r="GQ5447" s="91"/>
      <c r="GR5447" s="91"/>
      <c r="GS5447" s="91"/>
      <c r="GT5447" s="91"/>
      <c r="GU5447" s="91"/>
      <c r="GV5447" s="91"/>
      <c r="GW5447" s="91"/>
      <c r="GX5447" s="127"/>
      <c r="GY5447" s="126"/>
      <c r="GZ5447" s="91"/>
      <c r="HA5447" s="91"/>
      <c r="HB5447" s="91"/>
      <c r="HC5447" s="91"/>
      <c r="HD5447" s="91"/>
      <c r="HE5447" s="91"/>
      <c r="HF5447" s="91"/>
      <c r="HG5447" s="91"/>
      <c r="HH5447" s="91"/>
      <c r="HI5447" s="91"/>
      <c r="HJ5447" s="91"/>
      <c r="HK5447" s="127"/>
      <c r="HL5447" s="126"/>
      <c r="HM5447" s="91"/>
      <c r="HN5447" s="91"/>
      <c r="HO5447" s="91"/>
      <c r="HP5447" s="91"/>
      <c r="HQ5447" s="91"/>
      <c r="HR5447" s="91"/>
      <c r="HS5447" s="91"/>
      <c r="HT5447" s="91"/>
      <c r="HU5447" s="91"/>
      <c r="HV5447" s="91"/>
      <c r="HW5447" s="91"/>
      <c r="HX5447" s="127"/>
      <c r="HY5447" s="126"/>
      <c r="HZ5447" s="91"/>
      <c r="IA5447" s="91"/>
      <c r="IB5447" s="91"/>
      <c r="IC5447" s="91"/>
      <c r="ID5447" s="91"/>
      <c r="IE5447" s="91"/>
      <c r="IF5447" s="91"/>
      <c r="IG5447" s="91"/>
      <c r="IH5447" s="91"/>
      <c r="II5447" s="91"/>
      <c r="IJ5447" s="91"/>
      <c r="IK5447" s="174"/>
    </row>
    <row r="5448" spans="2:245" x14ac:dyDescent="0.2">
      <c r="B5448" s="43"/>
      <c r="C5448" s="73"/>
      <c r="D5448" s="64"/>
      <c r="E5448" s="64"/>
      <c r="F5448" s="55"/>
      <c r="G5448" s="102"/>
      <c r="H5448" s="97"/>
      <c r="T5448" s="98"/>
      <c r="U5448" s="97"/>
      <c r="AG5448" s="98"/>
      <c r="AY5448" s="164"/>
      <c r="BK5448" s="98"/>
      <c r="BL5448" s="97"/>
      <c r="BX5448" s="98"/>
      <c r="CL5448" s="97"/>
      <c r="CX5448" s="98"/>
      <c r="DL5448" s="97"/>
      <c r="DX5448" s="98"/>
      <c r="EL5448" s="97"/>
      <c r="EX5448" s="98"/>
      <c r="EY5448" s="97"/>
      <c r="FL5448" s="126"/>
      <c r="FM5448" s="91"/>
      <c r="FN5448" s="91"/>
      <c r="FO5448" s="91"/>
      <c r="FP5448" s="91"/>
      <c r="FQ5448" s="91"/>
      <c r="FR5448" s="91"/>
      <c r="FS5448" s="91"/>
      <c r="FT5448" s="91"/>
      <c r="FU5448" s="91"/>
      <c r="FV5448" s="91"/>
      <c r="FW5448" s="91"/>
      <c r="FX5448" s="127"/>
      <c r="FY5448" s="126"/>
      <c r="FZ5448" s="91"/>
      <c r="GA5448" s="91"/>
      <c r="GB5448" s="91"/>
      <c r="GC5448" s="91"/>
      <c r="GD5448" s="91"/>
      <c r="GE5448" s="91"/>
      <c r="GF5448" s="91"/>
      <c r="GG5448" s="91"/>
      <c r="GH5448" s="91"/>
      <c r="GI5448" s="91"/>
      <c r="GJ5448" s="91"/>
      <c r="GK5448" s="127"/>
      <c r="GL5448" s="126"/>
      <c r="GM5448" s="91"/>
      <c r="GN5448" s="91"/>
      <c r="GO5448" s="91"/>
      <c r="GP5448" s="91"/>
      <c r="GQ5448" s="91"/>
      <c r="GR5448" s="91"/>
      <c r="GS5448" s="91"/>
      <c r="GT5448" s="91"/>
      <c r="GU5448" s="91"/>
      <c r="GV5448" s="91"/>
      <c r="GW5448" s="91"/>
      <c r="GX5448" s="127"/>
      <c r="GY5448" s="126"/>
      <c r="GZ5448" s="91"/>
      <c r="HA5448" s="91"/>
      <c r="HB5448" s="91"/>
      <c r="HC5448" s="91"/>
      <c r="HD5448" s="91"/>
      <c r="HE5448" s="91"/>
      <c r="HF5448" s="91"/>
      <c r="HG5448" s="91"/>
      <c r="HH5448" s="91"/>
      <c r="HI5448" s="91"/>
      <c r="HJ5448" s="91"/>
      <c r="HK5448" s="127"/>
      <c r="HL5448" s="126"/>
      <c r="HM5448" s="91"/>
      <c r="HN5448" s="91"/>
      <c r="HO5448" s="91"/>
      <c r="HP5448" s="91"/>
      <c r="HQ5448" s="91"/>
      <c r="HR5448" s="91"/>
      <c r="HS5448" s="91"/>
      <c r="HT5448" s="91"/>
      <c r="HU5448" s="91"/>
      <c r="HV5448" s="91"/>
      <c r="HW5448" s="91"/>
      <c r="HX5448" s="127"/>
      <c r="HY5448" s="126"/>
      <c r="HZ5448" s="91"/>
      <c r="IA5448" s="91"/>
      <c r="IB5448" s="91"/>
      <c r="IC5448" s="91"/>
      <c r="ID5448" s="91"/>
      <c r="IE5448" s="91"/>
      <c r="IF5448" s="91"/>
      <c r="IG5448" s="91"/>
      <c r="IH5448" s="91"/>
      <c r="II5448" s="91"/>
      <c r="IJ5448" s="91"/>
      <c r="IK5448" s="174"/>
    </row>
    <row r="5449" spans="2:245" x14ac:dyDescent="0.2">
      <c r="B5449" s="43"/>
      <c r="C5449" s="73"/>
      <c r="D5449" s="64"/>
      <c r="E5449" s="64"/>
      <c r="F5449" s="55"/>
      <c r="G5449" s="102"/>
      <c r="H5449" s="97"/>
      <c r="T5449" s="98"/>
      <c r="U5449" s="97"/>
      <c r="AG5449" s="98"/>
      <c r="AY5449" s="164"/>
      <c r="BK5449" s="98"/>
      <c r="BL5449" s="97"/>
      <c r="BX5449" s="98"/>
      <c r="CL5449" s="97"/>
      <c r="CX5449" s="98"/>
      <c r="DL5449" s="97"/>
      <c r="DX5449" s="98"/>
      <c r="EL5449" s="97"/>
      <c r="EX5449" s="98"/>
      <c r="EY5449" s="97"/>
      <c r="FL5449" s="126"/>
      <c r="FM5449" s="91"/>
      <c r="FN5449" s="91"/>
      <c r="FO5449" s="91"/>
      <c r="FP5449" s="91"/>
      <c r="FQ5449" s="91"/>
      <c r="FR5449" s="91"/>
      <c r="FS5449" s="91"/>
      <c r="FT5449" s="91"/>
      <c r="FU5449" s="91"/>
      <c r="FV5449" s="91"/>
      <c r="FW5449" s="91"/>
      <c r="FX5449" s="127"/>
      <c r="FY5449" s="126"/>
      <c r="FZ5449" s="91"/>
      <c r="GA5449" s="91"/>
      <c r="GB5449" s="91"/>
      <c r="GC5449" s="91"/>
      <c r="GD5449" s="91"/>
      <c r="GE5449" s="91"/>
      <c r="GF5449" s="91"/>
      <c r="GG5449" s="91"/>
      <c r="GH5449" s="91"/>
      <c r="GI5449" s="91"/>
      <c r="GJ5449" s="91"/>
      <c r="GK5449" s="127"/>
      <c r="GL5449" s="126"/>
      <c r="GM5449" s="91"/>
      <c r="GN5449" s="91"/>
      <c r="GO5449" s="91"/>
      <c r="GP5449" s="91"/>
      <c r="GQ5449" s="91"/>
      <c r="GR5449" s="91"/>
      <c r="GS5449" s="91"/>
      <c r="GT5449" s="91"/>
      <c r="GU5449" s="91"/>
      <c r="GV5449" s="91"/>
      <c r="GW5449" s="91"/>
      <c r="GX5449" s="127"/>
      <c r="GY5449" s="126"/>
      <c r="GZ5449" s="91"/>
      <c r="HA5449" s="91"/>
      <c r="HB5449" s="91"/>
      <c r="HC5449" s="91"/>
      <c r="HD5449" s="91"/>
      <c r="HE5449" s="91"/>
      <c r="HF5449" s="91"/>
      <c r="HG5449" s="91"/>
      <c r="HH5449" s="91"/>
      <c r="HI5449" s="91"/>
      <c r="HJ5449" s="91"/>
      <c r="HK5449" s="127"/>
      <c r="HL5449" s="126"/>
      <c r="HM5449" s="91"/>
      <c r="HN5449" s="91"/>
      <c r="HO5449" s="91"/>
      <c r="HP5449" s="91"/>
      <c r="HQ5449" s="91"/>
      <c r="HR5449" s="91"/>
      <c r="HS5449" s="91"/>
      <c r="HT5449" s="91"/>
      <c r="HU5449" s="91"/>
      <c r="HV5449" s="91"/>
      <c r="HW5449" s="91"/>
      <c r="HX5449" s="127"/>
      <c r="HY5449" s="126"/>
      <c r="HZ5449" s="91"/>
      <c r="IA5449" s="91"/>
      <c r="IB5449" s="91"/>
      <c r="IC5449" s="91"/>
      <c r="ID5449" s="91"/>
      <c r="IE5449" s="91"/>
      <c r="IF5449" s="91"/>
      <c r="IG5449" s="91"/>
      <c r="IH5449" s="91"/>
      <c r="II5449" s="91"/>
      <c r="IJ5449" s="91"/>
      <c r="IK5449" s="174"/>
    </row>
    <row r="5450" spans="2:245" x14ac:dyDescent="0.2">
      <c r="B5450" s="43"/>
      <c r="C5450" s="73"/>
      <c r="D5450" s="64"/>
      <c r="E5450" s="64"/>
      <c r="F5450" s="55"/>
      <c r="G5450" s="102"/>
      <c r="H5450" s="97"/>
      <c r="T5450" s="98"/>
      <c r="U5450" s="97"/>
      <c r="AG5450" s="98"/>
      <c r="AY5450" s="164"/>
      <c r="BK5450" s="98"/>
      <c r="BL5450" s="97"/>
      <c r="BX5450" s="98"/>
      <c r="CL5450" s="97"/>
      <c r="CX5450" s="98"/>
      <c r="DL5450" s="97"/>
      <c r="DX5450" s="98"/>
      <c r="EL5450" s="97"/>
      <c r="EX5450" s="98"/>
      <c r="EY5450" s="97"/>
      <c r="FL5450" s="126"/>
      <c r="FM5450" s="91"/>
      <c r="FN5450" s="91"/>
      <c r="FO5450" s="91"/>
      <c r="FP5450" s="91"/>
      <c r="FQ5450" s="91"/>
      <c r="FR5450" s="91"/>
      <c r="FS5450" s="91"/>
      <c r="FT5450" s="91"/>
      <c r="FU5450" s="91"/>
      <c r="FV5450" s="91"/>
      <c r="FW5450" s="91"/>
      <c r="FX5450" s="127"/>
      <c r="FY5450" s="126"/>
      <c r="FZ5450" s="91"/>
      <c r="GA5450" s="91"/>
      <c r="GB5450" s="91"/>
      <c r="GC5450" s="91"/>
      <c r="GD5450" s="91"/>
      <c r="GE5450" s="91"/>
      <c r="GF5450" s="91"/>
      <c r="GG5450" s="91"/>
      <c r="GH5450" s="91"/>
      <c r="GI5450" s="91"/>
      <c r="GJ5450" s="91"/>
      <c r="GK5450" s="127"/>
      <c r="GL5450" s="126"/>
      <c r="GM5450" s="91"/>
      <c r="GN5450" s="91"/>
      <c r="GO5450" s="91"/>
      <c r="GP5450" s="91"/>
      <c r="GQ5450" s="91"/>
      <c r="GR5450" s="91"/>
      <c r="GS5450" s="91"/>
      <c r="GT5450" s="91"/>
      <c r="GU5450" s="91"/>
      <c r="GV5450" s="91"/>
      <c r="GW5450" s="91"/>
      <c r="GX5450" s="127"/>
      <c r="GY5450" s="126"/>
      <c r="GZ5450" s="91"/>
      <c r="HA5450" s="91"/>
      <c r="HB5450" s="91"/>
      <c r="HC5450" s="91"/>
      <c r="HD5450" s="91"/>
      <c r="HE5450" s="91"/>
      <c r="HF5450" s="91"/>
      <c r="HG5450" s="91"/>
      <c r="HH5450" s="91"/>
      <c r="HI5450" s="91"/>
      <c r="HJ5450" s="91"/>
      <c r="HK5450" s="127"/>
      <c r="HL5450" s="126"/>
      <c r="HM5450" s="91"/>
      <c r="HN5450" s="91"/>
      <c r="HO5450" s="91"/>
      <c r="HP5450" s="91"/>
      <c r="HQ5450" s="91"/>
      <c r="HR5450" s="91"/>
      <c r="HS5450" s="91"/>
      <c r="HT5450" s="91"/>
      <c r="HU5450" s="91"/>
      <c r="HV5450" s="91"/>
      <c r="HW5450" s="91"/>
      <c r="HX5450" s="127"/>
      <c r="HY5450" s="126"/>
      <c r="HZ5450" s="91"/>
      <c r="IA5450" s="91"/>
      <c r="IB5450" s="91"/>
      <c r="IC5450" s="91"/>
      <c r="ID5450" s="91"/>
      <c r="IE5450" s="91"/>
      <c r="IF5450" s="91"/>
      <c r="IG5450" s="91"/>
      <c r="IH5450" s="91"/>
      <c r="II5450" s="91"/>
      <c r="IJ5450" s="91"/>
      <c r="IK5450" s="174"/>
    </row>
    <row r="5451" spans="2:245" x14ac:dyDescent="0.2">
      <c r="B5451" s="43"/>
      <c r="C5451" s="73"/>
      <c r="D5451" s="64"/>
      <c r="E5451" s="64"/>
      <c r="F5451" s="55"/>
      <c r="G5451" s="102"/>
      <c r="H5451" s="97"/>
      <c r="T5451" s="98"/>
      <c r="U5451" s="97"/>
      <c r="AG5451" s="98"/>
      <c r="AY5451" s="164"/>
      <c r="BK5451" s="98"/>
      <c r="BL5451" s="97"/>
      <c r="BX5451" s="98"/>
      <c r="CL5451" s="97"/>
      <c r="CX5451" s="98"/>
      <c r="DL5451" s="97"/>
      <c r="DX5451" s="98"/>
      <c r="EL5451" s="97"/>
      <c r="EX5451" s="98"/>
      <c r="EY5451" s="97"/>
      <c r="FL5451" s="126"/>
      <c r="FM5451" s="91"/>
      <c r="FN5451" s="91"/>
      <c r="FO5451" s="91"/>
      <c r="FP5451" s="91"/>
      <c r="FQ5451" s="91"/>
      <c r="FR5451" s="91"/>
      <c r="FS5451" s="91"/>
      <c r="FT5451" s="91"/>
      <c r="FU5451" s="91"/>
      <c r="FV5451" s="91"/>
      <c r="FW5451" s="91"/>
      <c r="FX5451" s="127"/>
      <c r="FY5451" s="126"/>
      <c r="FZ5451" s="91"/>
      <c r="GA5451" s="91"/>
      <c r="GB5451" s="91"/>
      <c r="GC5451" s="91"/>
      <c r="GD5451" s="91"/>
      <c r="GE5451" s="91"/>
      <c r="GF5451" s="91"/>
      <c r="GG5451" s="91"/>
      <c r="GH5451" s="91"/>
      <c r="GI5451" s="91"/>
      <c r="GJ5451" s="91"/>
      <c r="GK5451" s="127"/>
      <c r="GL5451" s="126"/>
      <c r="GM5451" s="91"/>
      <c r="GN5451" s="91"/>
      <c r="GO5451" s="91"/>
      <c r="GP5451" s="91"/>
      <c r="GQ5451" s="91"/>
      <c r="GR5451" s="91"/>
      <c r="GS5451" s="91"/>
      <c r="GT5451" s="91"/>
      <c r="GU5451" s="91"/>
      <c r="GV5451" s="91"/>
      <c r="GW5451" s="91"/>
      <c r="GX5451" s="127"/>
      <c r="GY5451" s="126"/>
      <c r="GZ5451" s="91"/>
      <c r="HA5451" s="91"/>
      <c r="HB5451" s="91"/>
      <c r="HC5451" s="91"/>
      <c r="HD5451" s="91"/>
      <c r="HE5451" s="91"/>
      <c r="HF5451" s="91"/>
      <c r="HG5451" s="91"/>
      <c r="HH5451" s="91"/>
      <c r="HI5451" s="91"/>
      <c r="HJ5451" s="91"/>
      <c r="HK5451" s="127"/>
      <c r="HL5451" s="126"/>
      <c r="HM5451" s="91"/>
      <c r="HN5451" s="91"/>
      <c r="HO5451" s="91"/>
      <c r="HP5451" s="91"/>
      <c r="HQ5451" s="91"/>
      <c r="HR5451" s="91"/>
      <c r="HS5451" s="91"/>
      <c r="HT5451" s="91"/>
      <c r="HU5451" s="91"/>
      <c r="HV5451" s="91"/>
      <c r="HW5451" s="91"/>
      <c r="HX5451" s="127"/>
      <c r="HY5451" s="126"/>
      <c r="HZ5451" s="91"/>
      <c r="IA5451" s="91"/>
      <c r="IB5451" s="91"/>
      <c r="IC5451" s="91"/>
      <c r="ID5451" s="91"/>
      <c r="IE5451" s="91"/>
      <c r="IF5451" s="91"/>
      <c r="IG5451" s="91"/>
      <c r="IH5451" s="91"/>
      <c r="II5451" s="91"/>
      <c r="IJ5451" s="91"/>
      <c r="IK5451" s="174"/>
    </row>
    <row r="5452" spans="2:245" x14ac:dyDescent="0.2">
      <c r="B5452" s="43"/>
      <c r="C5452" s="73"/>
      <c r="D5452" s="64"/>
      <c r="E5452" s="64"/>
      <c r="F5452" s="55"/>
      <c r="G5452" s="102"/>
      <c r="H5452" s="97"/>
      <c r="T5452" s="98"/>
      <c r="U5452" s="97"/>
      <c r="AG5452" s="98"/>
      <c r="AY5452" s="164"/>
      <c r="BK5452" s="98"/>
      <c r="BL5452" s="97"/>
      <c r="BX5452" s="98"/>
      <c r="CL5452" s="97"/>
      <c r="CX5452" s="98"/>
      <c r="DL5452" s="97"/>
      <c r="DX5452" s="98"/>
      <c r="EL5452" s="97"/>
      <c r="EX5452" s="98"/>
      <c r="EY5452" s="97"/>
      <c r="FL5452" s="126"/>
      <c r="FM5452" s="91"/>
      <c r="FN5452" s="91"/>
      <c r="FO5452" s="91"/>
      <c r="FP5452" s="91"/>
      <c r="FQ5452" s="91"/>
      <c r="FR5452" s="91"/>
      <c r="FS5452" s="91"/>
      <c r="FT5452" s="91"/>
      <c r="FU5452" s="91"/>
      <c r="FV5452" s="91"/>
      <c r="FW5452" s="91"/>
      <c r="FX5452" s="127"/>
      <c r="FY5452" s="126"/>
      <c r="FZ5452" s="91"/>
      <c r="GA5452" s="91"/>
      <c r="GB5452" s="91"/>
      <c r="GC5452" s="91"/>
      <c r="GD5452" s="91"/>
      <c r="GE5452" s="91"/>
      <c r="GF5452" s="91"/>
      <c r="GG5452" s="91"/>
      <c r="GH5452" s="91"/>
      <c r="GI5452" s="91"/>
      <c r="GJ5452" s="91"/>
      <c r="GK5452" s="127"/>
      <c r="GL5452" s="126"/>
      <c r="GM5452" s="91"/>
      <c r="GN5452" s="91"/>
      <c r="GO5452" s="91"/>
      <c r="GP5452" s="91"/>
      <c r="GQ5452" s="91"/>
      <c r="GR5452" s="91"/>
      <c r="GS5452" s="91"/>
      <c r="GT5452" s="91"/>
      <c r="GU5452" s="91"/>
      <c r="GV5452" s="91"/>
      <c r="GW5452" s="91"/>
      <c r="GX5452" s="127"/>
      <c r="GY5452" s="126"/>
      <c r="GZ5452" s="91"/>
      <c r="HA5452" s="91"/>
      <c r="HB5452" s="91"/>
      <c r="HC5452" s="91"/>
      <c r="HD5452" s="91"/>
      <c r="HE5452" s="91"/>
      <c r="HF5452" s="91"/>
      <c r="HG5452" s="91"/>
      <c r="HH5452" s="91"/>
      <c r="HI5452" s="91"/>
      <c r="HJ5452" s="91"/>
      <c r="HK5452" s="127"/>
      <c r="HL5452" s="126"/>
      <c r="HM5452" s="91"/>
      <c r="HN5452" s="91"/>
      <c r="HO5452" s="91"/>
      <c r="HP5452" s="91"/>
      <c r="HQ5452" s="91"/>
      <c r="HR5452" s="91"/>
      <c r="HS5452" s="91"/>
      <c r="HT5452" s="91"/>
      <c r="HU5452" s="91"/>
      <c r="HV5452" s="91"/>
      <c r="HW5452" s="91"/>
      <c r="HX5452" s="127"/>
      <c r="HY5452" s="126"/>
      <c r="HZ5452" s="91"/>
      <c r="IA5452" s="91"/>
      <c r="IB5452" s="91"/>
      <c r="IC5452" s="91"/>
      <c r="ID5452" s="91"/>
      <c r="IE5452" s="91"/>
      <c r="IF5452" s="91"/>
      <c r="IG5452" s="91"/>
      <c r="IH5452" s="91"/>
      <c r="II5452" s="91"/>
      <c r="IJ5452" s="91"/>
      <c r="IK5452" s="174"/>
    </row>
    <row r="5453" spans="2:245" x14ac:dyDescent="0.2">
      <c r="B5453" s="43"/>
      <c r="C5453" s="73"/>
      <c r="D5453" s="64"/>
      <c r="E5453" s="64"/>
      <c r="F5453" s="55"/>
      <c r="G5453" s="102"/>
      <c r="H5453" s="97"/>
      <c r="T5453" s="98"/>
      <c r="U5453" s="97"/>
      <c r="AG5453" s="98"/>
      <c r="AY5453" s="164"/>
      <c r="BK5453" s="98"/>
      <c r="BL5453" s="97"/>
      <c r="BX5453" s="98"/>
      <c r="CL5453" s="97"/>
      <c r="CX5453" s="98"/>
      <c r="DL5453" s="97"/>
      <c r="DX5453" s="98"/>
      <c r="EL5453" s="97"/>
      <c r="EX5453" s="98"/>
      <c r="EY5453" s="97"/>
      <c r="FL5453" s="126"/>
      <c r="FM5453" s="91"/>
      <c r="FN5453" s="91"/>
      <c r="FO5453" s="91"/>
      <c r="FP5453" s="91"/>
      <c r="FQ5453" s="91"/>
      <c r="FR5453" s="91"/>
      <c r="FS5453" s="91"/>
      <c r="FT5453" s="91"/>
      <c r="FU5453" s="91"/>
      <c r="FV5453" s="91"/>
      <c r="FW5453" s="91"/>
      <c r="FX5453" s="127"/>
      <c r="FY5453" s="126"/>
      <c r="FZ5453" s="91"/>
      <c r="GA5453" s="91"/>
      <c r="GB5453" s="91"/>
      <c r="GC5453" s="91"/>
      <c r="GD5453" s="91"/>
      <c r="GE5453" s="91"/>
      <c r="GF5453" s="91"/>
      <c r="GG5453" s="91"/>
      <c r="GH5453" s="91"/>
      <c r="GI5453" s="91"/>
      <c r="GJ5453" s="91"/>
      <c r="GK5453" s="127"/>
      <c r="GL5453" s="126"/>
      <c r="GM5453" s="91"/>
      <c r="GN5453" s="91"/>
      <c r="GO5453" s="91"/>
      <c r="GP5453" s="91"/>
      <c r="GQ5453" s="91"/>
      <c r="GR5453" s="91"/>
      <c r="GS5453" s="91"/>
      <c r="GT5453" s="91"/>
      <c r="GU5453" s="91"/>
      <c r="GV5453" s="91"/>
      <c r="GW5453" s="91"/>
      <c r="GX5453" s="127"/>
      <c r="GY5453" s="126"/>
      <c r="GZ5453" s="91"/>
      <c r="HA5453" s="91"/>
      <c r="HB5453" s="91"/>
      <c r="HC5453" s="91"/>
      <c r="HD5453" s="91"/>
      <c r="HE5453" s="91"/>
      <c r="HF5453" s="91"/>
      <c r="HG5453" s="91"/>
      <c r="HH5453" s="91"/>
      <c r="HI5453" s="91"/>
      <c r="HJ5453" s="91"/>
      <c r="HK5453" s="127"/>
      <c r="HL5453" s="126"/>
      <c r="HM5453" s="91"/>
      <c r="HN5453" s="91"/>
      <c r="HO5453" s="91"/>
      <c r="HP5453" s="91"/>
      <c r="HQ5453" s="91"/>
      <c r="HR5453" s="91"/>
      <c r="HS5453" s="91"/>
      <c r="HT5453" s="91"/>
      <c r="HU5453" s="91"/>
      <c r="HV5453" s="91"/>
      <c r="HW5453" s="91"/>
      <c r="HX5453" s="127"/>
      <c r="HY5453" s="126"/>
      <c r="HZ5453" s="91"/>
      <c r="IA5453" s="91"/>
      <c r="IB5453" s="91"/>
      <c r="IC5453" s="91"/>
      <c r="ID5453" s="91"/>
      <c r="IE5453" s="91"/>
      <c r="IF5453" s="91"/>
      <c r="IG5453" s="91"/>
      <c r="IH5453" s="91"/>
      <c r="II5453" s="91"/>
      <c r="IJ5453" s="91"/>
      <c r="IK5453" s="174"/>
    </row>
    <row r="5454" spans="2:245" x14ac:dyDescent="0.2">
      <c r="B5454" s="43"/>
      <c r="C5454" s="73"/>
      <c r="D5454" s="64"/>
      <c r="E5454" s="64"/>
      <c r="F5454" s="55"/>
      <c r="G5454" s="102"/>
      <c r="H5454" s="97"/>
      <c r="T5454" s="98"/>
      <c r="U5454" s="97"/>
      <c r="AG5454" s="98"/>
      <c r="AY5454" s="164"/>
      <c r="BK5454" s="98"/>
      <c r="BL5454" s="97"/>
      <c r="BX5454" s="98"/>
      <c r="CL5454" s="97"/>
      <c r="CX5454" s="98"/>
      <c r="DL5454" s="97"/>
      <c r="DX5454" s="98"/>
      <c r="EL5454" s="97"/>
      <c r="EX5454" s="98"/>
      <c r="EY5454" s="97"/>
      <c r="FL5454" s="126"/>
      <c r="FM5454" s="91"/>
      <c r="FN5454" s="91"/>
      <c r="FO5454" s="91"/>
      <c r="FP5454" s="91"/>
      <c r="FQ5454" s="91"/>
      <c r="FR5454" s="91"/>
      <c r="FS5454" s="91"/>
      <c r="FT5454" s="91"/>
      <c r="FU5454" s="91"/>
      <c r="FV5454" s="91"/>
      <c r="FW5454" s="91"/>
      <c r="FX5454" s="127"/>
      <c r="FY5454" s="126"/>
      <c r="FZ5454" s="91"/>
      <c r="GA5454" s="91"/>
      <c r="GB5454" s="91"/>
      <c r="GC5454" s="91"/>
      <c r="GD5454" s="91"/>
      <c r="GE5454" s="91"/>
      <c r="GF5454" s="91"/>
      <c r="GG5454" s="91"/>
      <c r="GH5454" s="91"/>
      <c r="GI5454" s="91"/>
      <c r="GJ5454" s="91"/>
      <c r="GK5454" s="127"/>
      <c r="GL5454" s="126"/>
      <c r="GM5454" s="91"/>
      <c r="GN5454" s="91"/>
      <c r="GO5454" s="91"/>
      <c r="GP5454" s="91"/>
      <c r="GQ5454" s="91"/>
      <c r="GR5454" s="91"/>
      <c r="GS5454" s="91"/>
      <c r="GT5454" s="91"/>
      <c r="GU5454" s="91"/>
      <c r="GV5454" s="91"/>
      <c r="GW5454" s="91"/>
      <c r="GX5454" s="127"/>
      <c r="GY5454" s="126"/>
      <c r="GZ5454" s="91"/>
      <c r="HA5454" s="91"/>
      <c r="HB5454" s="91"/>
      <c r="HC5454" s="91"/>
      <c r="HD5454" s="91"/>
      <c r="HE5454" s="91"/>
      <c r="HF5454" s="91"/>
      <c r="HG5454" s="91"/>
      <c r="HH5454" s="91"/>
      <c r="HI5454" s="91"/>
      <c r="HJ5454" s="91"/>
      <c r="HK5454" s="127"/>
      <c r="HL5454" s="126"/>
      <c r="HM5454" s="91"/>
      <c r="HN5454" s="91"/>
      <c r="HO5454" s="91"/>
      <c r="HP5454" s="91"/>
      <c r="HQ5454" s="91"/>
      <c r="HR5454" s="91"/>
      <c r="HS5454" s="91"/>
      <c r="HT5454" s="91"/>
      <c r="HU5454" s="91"/>
      <c r="HV5454" s="91"/>
      <c r="HW5454" s="91"/>
      <c r="HX5454" s="127"/>
      <c r="HY5454" s="126"/>
      <c r="HZ5454" s="91"/>
      <c r="IA5454" s="91"/>
      <c r="IB5454" s="91"/>
      <c r="IC5454" s="91"/>
      <c r="ID5454" s="91"/>
      <c r="IE5454" s="91"/>
      <c r="IF5454" s="91"/>
      <c r="IG5454" s="91"/>
      <c r="IH5454" s="91"/>
      <c r="II5454" s="91"/>
      <c r="IJ5454" s="91"/>
      <c r="IK5454" s="174"/>
    </row>
    <row r="5455" spans="2:245" x14ac:dyDescent="0.2">
      <c r="B5455" s="43"/>
      <c r="C5455" s="73"/>
      <c r="D5455" s="64"/>
      <c r="E5455" s="64"/>
      <c r="F5455" s="55"/>
      <c r="G5455" s="102"/>
      <c r="H5455" s="97"/>
      <c r="T5455" s="98"/>
      <c r="U5455" s="97"/>
      <c r="AG5455" s="98"/>
      <c r="AY5455" s="164"/>
      <c r="BK5455" s="98"/>
      <c r="BL5455" s="97"/>
      <c r="BX5455" s="98"/>
      <c r="CL5455" s="97"/>
      <c r="CX5455" s="98"/>
      <c r="DL5455" s="97"/>
      <c r="DX5455" s="98"/>
      <c r="EL5455" s="97"/>
      <c r="EX5455" s="98"/>
      <c r="EY5455" s="97"/>
      <c r="FL5455" s="126"/>
      <c r="FM5455" s="91"/>
      <c r="FN5455" s="91"/>
      <c r="FO5455" s="91"/>
      <c r="FP5455" s="91"/>
      <c r="FQ5455" s="91"/>
      <c r="FR5455" s="91"/>
      <c r="FS5455" s="91"/>
      <c r="FT5455" s="91"/>
      <c r="FU5455" s="91"/>
      <c r="FV5455" s="91"/>
      <c r="FW5455" s="91"/>
      <c r="FX5455" s="127"/>
      <c r="FY5455" s="126"/>
      <c r="FZ5455" s="91"/>
      <c r="GA5455" s="91"/>
      <c r="GB5455" s="91"/>
      <c r="GC5455" s="91"/>
      <c r="GD5455" s="91"/>
      <c r="GE5455" s="91"/>
      <c r="GF5455" s="91"/>
      <c r="GG5455" s="91"/>
      <c r="GH5455" s="91"/>
      <c r="GI5455" s="91"/>
      <c r="GJ5455" s="91"/>
      <c r="GK5455" s="127"/>
      <c r="GL5455" s="126"/>
      <c r="GM5455" s="91"/>
      <c r="GN5455" s="91"/>
      <c r="GO5455" s="91"/>
      <c r="GP5455" s="91"/>
      <c r="GQ5455" s="91"/>
      <c r="GR5455" s="91"/>
      <c r="GS5455" s="91"/>
      <c r="GT5455" s="91"/>
      <c r="GU5455" s="91"/>
      <c r="GV5455" s="91"/>
      <c r="GW5455" s="91"/>
      <c r="GX5455" s="127"/>
      <c r="GY5455" s="126"/>
      <c r="GZ5455" s="91"/>
      <c r="HA5455" s="91"/>
      <c r="HB5455" s="91"/>
      <c r="HC5455" s="91"/>
      <c r="HD5455" s="91"/>
      <c r="HE5455" s="91"/>
      <c r="HF5455" s="91"/>
      <c r="HG5455" s="91"/>
      <c r="HH5455" s="91"/>
      <c r="HI5455" s="91"/>
      <c r="HJ5455" s="91"/>
      <c r="HK5455" s="127"/>
      <c r="HL5455" s="126"/>
      <c r="HM5455" s="91"/>
      <c r="HN5455" s="91"/>
      <c r="HO5455" s="91"/>
      <c r="HP5455" s="91"/>
      <c r="HQ5455" s="91"/>
      <c r="HR5455" s="91"/>
      <c r="HS5455" s="91"/>
      <c r="HT5455" s="91"/>
      <c r="HU5455" s="91"/>
      <c r="HV5455" s="91"/>
      <c r="HW5455" s="91"/>
      <c r="HX5455" s="127"/>
      <c r="HY5455" s="126"/>
      <c r="HZ5455" s="91"/>
      <c r="IA5455" s="91"/>
      <c r="IB5455" s="91"/>
      <c r="IC5455" s="91"/>
      <c r="ID5455" s="91"/>
      <c r="IE5455" s="91"/>
      <c r="IF5455" s="91"/>
      <c r="IG5455" s="91"/>
      <c r="IH5455" s="91"/>
      <c r="II5455" s="91"/>
      <c r="IJ5455" s="91"/>
      <c r="IK5455" s="174"/>
    </row>
    <row r="5456" spans="2:245" x14ac:dyDescent="0.2">
      <c r="B5456" s="43"/>
      <c r="C5456" s="73"/>
      <c r="D5456" s="64"/>
      <c r="E5456" s="64"/>
      <c r="F5456" s="55"/>
      <c r="G5456" s="102"/>
      <c r="H5456" s="97"/>
      <c r="T5456" s="98"/>
      <c r="U5456" s="97"/>
      <c r="AG5456" s="98"/>
      <c r="AY5456" s="164"/>
      <c r="BK5456" s="98"/>
      <c r="BL5456" s="97"/>
      <c r="BX5456" s="98"/>
      <c r="CL5456" s="97"/>
      <c r="CX5456" s="98"/>
      <c r="DL5456" s="97"/>
      <c r="DX5456" s="98"/>
      <c r="EL5456" s="97"/>
      <c r="EX5456" s="98"/>
      <c r="EY5456" s="97"/>
      <c r="FL5456" s="126"/>
      <c r="FM5456" s="91"/>
      <c r="FN5456" s="91"/>
      <c r="FO5456" s="91"/>
      <c r="FP5456" s="91"/>
      <c r="FQ5456" s="91"/>
      <c r="FR5456" s="91"/>
      <c r="FS5456" s="91"/>
      <c r="FT5456" s="91"/>
      <c r="FU5456" s="91"/>
      <c r="FV5456" s="91"/>
      <c r="FW5456" s="91"/>
      <c r="FX5456" s="127"/>
      <c r="FY5456" s="126"/>
      <c r="FZ5456" s="91"/>
      <c r="GA5456" s="91"/>
      <c r="GB5456" s="91"/>
      <c r="GC5456" s="91"/>
      <c r="GD5456" s="91"/>
      <c r="GE5456" s="91"/>
      <c r="GF5456" s="91"/>
      <c r="GG5456" s="91"/>
      <c r="GH5456" s="91"/>
      <c r="GI5456" s="91"/>
      <c r="GJ5456" s="91"/>
      <c r="GK5456" s="127"/>
      <c r="GL5456" s="126"/>
      <c r="GM5456" s="91"/>
      <c r="GN5456" s="91"/>
      <c r="GO5456" s="91"/>
      <c r="GP5456" s="91"/>
      <c r="GQ5456" s="91"/>
      <c r="GR5456" s="91"/>
      <c r="GS5456" s="91"/>
      <c r="GT5456" s="91"/>
      <c r="GU5456" s="91"/>
      <c r="GV5456" s="91"/>
      <c r="GW5456" s="91"/>
      <c r="GX5456" s="127"/>
      <c r="GY5456" s="126"/>
      <c r="GZ5456" s="91"/>
      <c r="HA5456" s="91"/>
      <c r="HB5456" s="91"/>
      <c r="HC5456" s="91"/>
      <c r="HD5456" s="91"/>
      <c r="HE5456" s="91"/>
      <c r="HF5456" s="91"/>
      <c r="HG5456" s="91"/>
      <c r="HH5456" s="91"/>
      <c r="HI5456" s="91"/>
      <c r="HJ5456" s="91"/>
      <c r="HK5456" s="127"/>
      <c r="HL5456" s="126"/>
      <c r="HM5456" s="91"/>
      <c r="HN5456" s="91"/>
      <c r="HO5456" s="91"/>
      <c r="HP5456" s="91"/>
      <c r="HQ5456" s="91"/>
      <c r="HR5456" s="91"/>
      <c r="HS5456" s="91"/>
      <c r="HT5456" s="91"/>
      <c r="HU5456" s="91"/>
      <c r="HV5456" s="91"/>
      <c r="HW5456" s="91"/>
      <c r="HX5456" s="127"/>
      <c r="HY5456" s="126"/>
      <c r="HZ5456" s="91"/>
      <c r="IA5456" s="91"/>
      <c r="IB5456" s="91"/>
      <c r="IC5456" s="91"/>
      <c r="ID5456" s="91"/>
      <c r="IE5456" s="91"/>
      <c r="IF5456" s="91"/>
      <c r="IG5456" s="91"/>
      <c r="IH5456" s="91"/>
      <c r="II5456" s="91"/>
      <c r="IJ5456" s="91"/>
      <c r="IK5456" s="174"/>
    </row>
    <row r="5457" spans="2:245" x14ac:dyDescent="0.2">
      <c r="B5457" s="43"/>
      <c r="C5457" s="73"/>
      <c r="D5457" s="64"/>
      <c r="E5457" s="64"/>
      <c r="F5457" s="55"/>
      <c r="G5457" s="102"/>
      <c r="H5457" s="97"/>
      <c r="T5457" s="98"/>
      <c r="U5457" s="97"/>
      <c r="AG5457" s="98"/>
      <c r="AY5457" s="164"/>
      <c r="BK5457" s="98"/>
      <c r="BL5457" s="97"/>
      <c r="BX5457" s="98"/>
      <c r="CL5457" s="97"/>
      <c r="CX5457" s="98"/>
      <c r="DL5457" s="97"/>
      <c r="DX5457" s="98"/>
      <c r="EL5457" s="97"/>
      <c r="EX5457" s="98"/>
      <c r="EY5457" s="97"/>
      <c r="FL5457" s="126"/>
      <c r="FM5457" s="91"/>
      <c r="FN5457" s="91"/>
      <c r="FO5457" s="91"/>
      <c r="FP5457" s="91"/>
      <c r="FQ5457" s="91"/>
      <c r="FR5457" s="91"/>
      <c r="FS5457" s="91"/>
      <c r="FT5457" s="91"/>
      <c r="FU5457" s="91"/>
      <c r="FV5457" s="91"/>
      <c r="FW5457" s="91"/>
      <c r="FX5457" s="127"/>
      <c r="FY5457" s="126"/>
      <c r="FZ5457" s="91"/>
      <c r="GA5457" s="91"/>
      <c r="GB5457" s="91"/>
      <c r="GC5457" s="91"/>
      <c r="GD5457" s="91"/>
      <c r="GE5457" s="91"/>
      <c r="GF5457" s="91"/>
      <c r="GG5457" s="91"/>
      <c r="GH5457" s="91"/>
      <c r="GI5457" s="91"/>
      <c r="GJ5457" s="91"/>
      <c r="GK5457" s="127"/>
      <c r="GL5457" s="126"/>
      <c r="GM5457" s="91"/>
      <c r="GN5457" s="91"/>
      <c r="GO5457" s="91"/>
      <c r="GP5457" s="91"/>
      <c r="GQ5457" s="91"/>
      <c r="GR5457" s="91"/>
      <c r="GS5457" s="91"/>
      <c r="GT5457" s="91"/>
      <c r="GU5457" s="91"/>
      <c r="GV5457" s="91"/>
      <c r="GW5457" s="91"/>
      <c r="GX5457" s="127"/>
      <c r="GY5457" s="126"/>
      <c r="GZ5457" s="91"/>
      <c r="HA5457" s="91"/>
      <c r="HB5457" s="91"/>
      <c r="HC5457" s="91"/>
      <c r="HD5457" s="91"/>
      <c r="HE5457" s="91"/>
      <c r="HF5457" s="91"/>
      <c r="HG5457" s="91"/>
      <c r="HH5457" s="91"/>
      <c r="HI5457" s="91"/>
      <c r="HJ5457" s="91"/>
      <c r="HK5457" s="127"/>
      <c r="HL5457" s="126"/>
      <c r="HM5457" s="91"/>
      <c r="HN5457" s="91"/>
      <c r="HO5457" s="91"/>
      <c r="HP5457" s="91"/>
      <c r="HQ5457" s="91"/>
      <c r="HR5457" s="91"/>
      <c r="HS5457" s="91"/>
      <c r="HT5457" s="91"/>
      <c r="HU5457" s="91"/>
      <c r="HV5457" s="91"/>
      <c r="HW5457" s="91"/>
      <c r="HX5457" s="127"/>
      <c r="HY5457" s="126"/>
      <c r="HZ5457" s="91"/>
      <c r="IA5457" s="91"/>
      <c r="IB5457" s="91"/>
      <c r="IC5457" s="91"/>
      <c r="ID5457" s="91"/>
      <c r="IE5457" s="91"/>
      <c r="IF5457" s="91"/>
      <c r="IG5457" s="91"/>
      <c r="IH5457" s="91"/>
      <c r="II5457" s="91"/>
      <c r="IJ5457" s="91"/>
      <c r="IK5457" s="174"/>
    </row>
    <row r="5458" spans="2:245" x14ac:dyDescent="0.2">
      <c r="B5458" s="43"/>
      <c r="C5458" s="73"/>
      <c r="D5458" s="64"/>
      <c r="E5458" s="64"/>
      <c r="F5458" s="55"/>
      <c r="G5458" s="102"/>
      <c r="H5458" s="97"/>
      <c r="T5458" s="98"/>
      <c r="U5458" s="97"/>
      <c r="AG5458" s="98"/>
      <c r="AY5458" s="164"/>
      <c r="BK5458" s="98"/>
      <c r="BL5458" s="97"/>
      <c r="BX5458" s="98"/>
      <c r="CL5458" s="97"/>
      <c r="CX5458" s="98"/>
      <c r="DL5458" s="97"/>
      <c r="DX5458" s="98"/>
      <c r="EL5458" s="97"/>
      <c r="EX5458" s="98"/>
      <c r="EY5458" s="97"/>
      <c r="FL5458" s="126"/>
      <c r="FM5458" s="91"/>
      <c r="FN5458" s="91"/>
      <c r="FO5458" s="91"/>
      <c r="FP5458" s="91"/>
      <c r="FQ5458" s="91"/>
      <c r="FR5458" s="91"/>
      <c r="FS5458" s="91"/>
      <c r="FT5458" s="91"/>
      <c r="FU5458" s="91"/>
      <c r="FV5458" s="91"/>
      <c r="FW5458" s="91"/>
      <c r="FX5458" s="127"/>
      <c r="FY5458" s="126"/>
      <c r="FZ5458" s="91"/>
      <c r="GA5458" s="91"/>
      <c r="GB5458" s="91"/>
      <c r="GC5458" s="91"/>
      <c r="GD5458" s="91"/>
      <c r="GE5458" s="91"/>
      <c r="GF5458" s="91"/>
      <c r="GG5458" s="91"/>
      <c r="GH5458" s="91"/>
      <c r="GI5458" s="91"/>
      <c r="GJ5458" s="91"/>
      <c r="GK5458" s="127"/>
      <c r="GL5458" s="126"/>
      <c r="GM5458" s="91"/>
      <c r="GN5458" s="91"/>
      <c r="GO5458" s="91"/>
      <c r="GP5458" s="91"/>
      <c r="GQ5458" s="91"/>
      <c r="GR5458" s="91"/>
      <c r="GS5458" s="91"/>
      <c r="GT5458" s="91"/>
      <c r="GU5458" s="91"/>
      <c r="GV5458" s="91"/>
      <c r="GW5458" s="91"/>
      <c r="GX5458" s="127"/>
      <c r="GY5458" s="126"/>
      <c r="GZ5458" s="91"/>
      <c r="HA5458" s="91"/>
      <c r="HB5458" s="91"/>
      <c r="HC5458" s="91"/>
      <c r="HD5458" s="91"/>
      <c r="HE5458" s="91"/>
      <c r="HF5458" s="91"/>
      <c r="HG5458" s="91"/>
      <c r="HH5458" s="91"/>
      <c r="HI5458" s="91"/>
      <c r="HJ5458" s="91"/>
      <c r="HK5458" s="127"/>
      <c r="HL5458" s="126"/>
      <c r="HM5458" s="91"/>
      <c r="HN5458" s="91"/>
      <c r="HO5458" s="91"/>
      <c r="HP5458" s="91"/>
      <c r="HQ5458" s="91"/>
      <c r="HR5458" s="91"/>
      <c r="HS5458" s="91"/>
      <c r="HT5458" s="91"/>
      <c r="HU5458" s="91"/>
      <c r="HV5458" s="91"/>
      <c r="HW5458" s="91"/>
      <c r="HX5458" s="127"/>
      <c r="HY5458" s="126"/>
      <c r="HZ5458" s="91"/>
      <c r="IA5458" s="91"/>
      <c r="IB5458" s="91"/>
      <c r="IC5458" s="91"/>
      <c r="ID5458" s="91"/>
      <c r="IE5458" s="91"/>
      <c r="IF5458" s="91"/>
      <c r="IG5458" s="91"/>
      <c r="IH5458" s="91"/>
      <c r="II5458" s="91"/>
      <c r="IJ5458" s="91"/>
      <c r="IK5458" s="174"/>
    </row>
    <row r="5459" spans="2:245" x14ac:dyDescent="0.2">
      <c r="B5459" s="43"/>
      <c r="C5459" s="73"/>
      <c r="D5459" s="64"/>
      <c r="E5459" s="64"/>
      <c r="F5459" s="55"/>
      <c r="G5459" s="102"/>
      <c r="H5459" s="97"/>
      <c r="T5459" s="98"/>
      <c r="U5459" s="97"/>
      <c r="AG5459" s="98"/>
      <c r="AY5459" s="164"/>
      <c r="BK5459" s="98"/>
      <c r="BL5459" s="97"/>
      <c r="BX5459" s="98"/>
      <c r="CL5459" s="97"/>
      <c r="CX5459" s="98"/>
      <c r="DL5459" s="97"/>
      <c r="DX5459" s="98"/>
      <c r="EL5459" s="97"/>
      <c r="EX5459" s="98"/>
      <c r="EY5459" s="97"/>
      <c r="FL5459" s="126"/>
      <c r="FM5459" s="91"/>
      <c r="FN5459" s="91"/>
      <c r="FO5459" s="91"/>
      <c r="FP5459" s="91"/>
      <c r="FQ5459" s="91"/>
      <c r="FR5459" s="91"/>
      <c r="FS5459" s="91"/>
      <c r="FT5459" s="91"/>
      <c r="FU5459" s="91"/>
      <c r="FV5459" s="91"/>
      <c r="FW5459" s="91"/>
      <c r="FX5459" s="127"/>
      <c r="FY5459" s="126"/>
      <c r="FZ5459" s="91"/>
      <c r="GA5459" s="91"/>
      <c r="GB5459" s="91"/>
      <c r="GC5459" s="91"/>
      <c r="GD5459" s="91"/>
      <c r="GE5459" s="91"/>
      <c r="GF5459" s="91"/>
      <c r="GG5459" s="91"/>
      <c r="GH5459" s="91"/>
      <c r="GI5459" s="91"/>
      <c r="GJ5459" s="91"/>
      <c r="GK5459" s="127"/>
      <c r="GL5459" s="126"/>
      <c r="GM5459" s="91"/>
      <c r="GN5459" s="91"/>
      <c r="GO5459" s="91"/>
      <c r="GP5459" s="91"/>
      <c r="GQ5459" s="91"/>
      <c r="GR5459" s="91"/>
      <c r="GS5459" s="91"/>
      <c r="GT5459" s="91"/>
      <c r="GU5459" s="91"/>
      <c r="GV5459" s="91"/>
      <c r="GW5459" s="91"/>
      <c r="GX5459" s="127"/>
      <c r="GY5459" s="126"/>
      <c r="GZ5459" s="91"/>
      <c r="HA5459" s="91"/>
      <c r="HB5459" s="91"/>
      <c r="HC5459" s="91"/>
      <c r="HD5459" s="91"/>
      <c r="HE5459" s="91"/>
      <c r="HF5459" s="91"/>
      <c r="HG5459" s="91"/>
      <c r="HH5459" s="91"/>
      <c r="HI5459" s="91"/>
      <c r="HJ5459" s="91"/>
      <c r="HK5459" s="127"/>
      <c r="HL5459" s="126"/>
      <c r="HM5459" s="91"/>
      <c r="HN5459" s="91"/>
      <c r="HO5459" s="91"/>
      <c r="HP5459" s="91"/>
      <c r="HQ5459" s="91"/>
      <c r="HR5459" s="91"/>
      <c r="HS5459" s="91"/>
      <c r="HT5459" s="91"/>
      <c r="HU5459" s="91"/>
      <c r="HV5459" s="91"/>
      <c r="HW5459" s="91"/>
      <c r="HX5459" s="127"/>
      <c r="HY5459" s="126"/>
      <c r="HZ5459" s="91"/>
      <c r="IA5459" s="91"/>
      <c r="IB5459" s="91"/>
      <c r="IC5459" s="91"/>
      <c r="ID5459" s="91"/>
      <c r="IE5459" s="91"/>
      <c r="IF5459" s="91"/>
      <c r="IG5459" s="91"/>
      <c r="IH5459" s="91"/>
      <c r="II5459" s="91"/>
      <c r="IJ5459" s="91"/>
      <c r="IK5459" s="174"/>
    </row>
    <row r="5460" spans="2:245" x14ac:dyDescent="0.2">
      <c r="B5460" s="43"/>
      <c r="C5460" s="73"/>
      <c r="D5460" s="64"/>
      <c r="E5460" s="64"/>
      <c r="F5460" s="55"/>
      <c r="G5460" s="102"/>
      <c r="H5460" s="97"/>
      <c r="T5460" s="98"/>
      <c r="U5460" s="97"/>
      <c r="AG5460" s="98"/>
      <c r="AY5460" s="164"/>
      <c r="BK5460" s="98"/>
      <c r="BL5460" s="97"/>
      <c r="BX5460" s="98"/>
      <c r="CL5460" s="97"/>
      <c r="CX5460" s="98"/>
      <c r="DL5460" s="97"/>
      <c r="DX5460" s="98"/>
      <c r="EL5460" s="97"/>
      <c r="EX5460" s="98"/>
      <c r="EY5460" s="97"/>
      <c r="FL5460" s="126"/>
      <c r="FM5460" s="91"/>
      <c r="FN5460" s="91"/>
      <c r="FO5460" s="91"/>
      <c r="FP5460" s="91"/>
      <c r="FQ5460" s="91"/>
      <c r="FR5460" s="91"/>
      <c r="FS5460" s="91"/>
      <c r="FT5460" s="91"/>
      <c r="FU5460" s="91"/>
      <c r="FV5460" s="91"/>
      <c r="FW5460" s="91"/>
      <c r="FX5460" s="127"/>
      <c r="FY5460" s="126"/>
      <c r="FZ5460" s="91"/>
      <c r="GA5460" s="91"/>
      <c r="GB5460" s="91"/>
      <c r="GC5460" s="91"/>
      <c r="GD5460" s="91"/>
      <c r="GE5460" s="91"/>
      <c r="GF5460" s="91"/>
      <c r="GG5460" s="91"/>
      <c r="GH5460" s="91"/>
      <c r="GI5460" s="91"/>
      <c r="GJ5460" s="91"/>
      <c r="GK5460" s="127"/>
      <c r="GL5460" s="126"/>
      <c r="GM5460" s="91"/>
      <c r="GN5460" s="91"/>
      <c r="GO5460" s="91"/>
      <c r="GP5460" s="91"/>
      <c r="GQ5460" s="91"/>
      <c r="GR5460" s="91"/>
      <c r="GS5460" s="91"/>
      <c r="GT5460" s="91"/>
      <c r="GU5460" s="91"/>
      <c r="GV5460" s="91"/>
      <c r="GW5460" s="91"/>
      <c r="GX5460" s="127"/>
      <c r="GY5460" s="126"/>
      <c r="GZ5460" s="91"/>
      <c r="HA5460" s="91"/>
      <c r="HB5460" s="91"/>
      <c r="HC5460" s="91"/>
      <c r="HD5460" s="91"/>
      <c r="HE5460" s="91"/>
      <c r="HF5460" s="91"/>
      <c r="HG5460" s="91"/>
      <c r="HH5460" s="91"/>
      <c r="HI5460" s="91"/>
      <c r="HJ5460" s="91"/>
      <c r="HK5460" s="127"/>
      <c r="HL5460" s="126"/>
      <c r="HM5460" s="91"/>
      <c r="HN5460" s="91"/>
      <c r="HO5460" s="91"/>
      <c r="HP5460" s="91"/>
      <c r="HQ5460" s="91"/>
      <c r="HR5460" s="91"/>
      <c r="HS5460" s="91"/>
      <c r="HT5460" s="91"/>
      <c r="HU5460" s="91"/>
      <c r="HV5460" s="91"/>
      <c r="HW5460" s="91"/>
      <c r="HX5460" s="127"/>
      <c r="HY5460" s="126"/>
      <c r="HZ5460" s="91"/>
      <c r="IA5460" s="91"/>
      <c r="IB5460" s="91"/>
      <c r="IC5460" s="91"/>
      <c r="ID5460" s="91"/>
      <c r="IE5460" s="91"/>
      <c r="IF5460" s="91"/>
      <c r="IG5460" s="91"/>
      <c r="IH5460" s="91"/>
      <c r="II5460" s="91"/>
      <c r="IJ5460" s="91"/>
      <c r="IK5460" s="174"/>
    </row>
    <row r="5461" spans="2:245" x14ac:dyDescent="0.2">
      <c r="B5461" s="43"/>
      <c r="C5461" s="73"/>
      <c r="D5461" s="64"/>
      <c r="E5461" s="64"/>
      <c r="F5461" s="55"/>
      <c r="G5461" s="102"/>
      <c r="H5461" s="97"/>
      <c r="T5461" s="98"/>
      <c r="U5461" s="97"/>
      <c r="AG5461" s="98"/>
      <c r="AY5461" s="164"/>
      <c r="BK5461" s="98"/>
      <c r="BL5461" s="97"/>
      <c r="BX5461" s="98"/>
      <c r="CL5461" s="97"/>
      <c r="CX5461" s="98"/>
      <c r="DL5461" s="97"/>
      <c r="DX5461" s="98"/>
      <c r="EL5461" s="97"/>
      <c r="EX5461" s="98"/>
      <c r="EY5461" s="97"/>
      <c r="FL5461" s="126"/>
      <c r="FM5461" s="91"/>
      <c r="FN5461" s="91"/>
      <c r="FO5461" s="91"/>
      <c r="FP5461" s="91"/>
      <c r="FQ5461" s="91"/>
      <c r="FR5461" s="91"/>
      <c r="FS5461" s="91"/>
      <c r="FT5461" s="91"/>
      <c r="FU5461" s="91"/>
      <c r="FV5461" s="91"/>
      <c r="FW5461" s="91"/>
      <c r="FX5461" s="127"/>
      <c r="FY5461" s="126"/>
      <c r="FZ5461" s="91"/>
      <c r="GA5461" s="91"/>
      <c r="GB5461" s="91"/>
      <c r="GC5461" s="91"/>
      <c r="GD5461" s="91"/>
      <c r="GE5461" s="91"/>
      <c r="GF5461" s="91"/>
      <c r="GG5461" s="91"/>
      <c r="GH5461" s="91"/>
      <c r="GI5461" s="91"/>
      <c r="GJ5461" s="91"/>
      <c r="GK5461" s="127"/>
      <c r="GL5461" s="126"/>
      <c r="GM5461" s="91"/>
      <c r="GN5461" s="91"/>
      <c r="GO5461" s="91"/>
      <c r="GP5461" s="91"/>
      <c r="GQ5461" s="91"/>
      <c r="GR5461" s="91"/>
      <c r="GS5461" s="91"/>
      <c r="GT5461" s="91"/>
      <c r="GU5461" s="91"/>
      <c r="GV5461" s="91"/>
      <c r="GW5461" s="91"/>
      <c r="GX5461" s="127"/>
      <c r="GY5461" s="126"/>
      <c r="GZ5461" s="91"/>
      <c r="HA5461" s="91"/>
      <c r="HB5461" s="91"/>
      <c r="HC5461" s="91"/>
      <c r="HD5461" s="91"/>
      <c r="HE5461" s="91"/>
      <c r="HF5461" s="91"/>
      <c r="HG5461" s="91"/>
      <c r="HH5461" s="91"/>
      <c r="HI5461" s="91"/>
      <c r="HJ5461" s="91"/>
      <c r="HK5461" s="127"/>
      <c r="HL5461" s="126"/>
      <c r="HM5461" s="91"/>
      <c r="HN5461" s="91"/>
      <c r="HO5461" s="91"/>
      <c r="HP5461" s="91"/>
      <c r="HQ5461" s="91"/>
      <c r="HR5461" s="91"/>
      <c r="HS5461" s="91"/>
      <c r="HT5461" s="91"/>
      <c r="HU5461" s="91"/>
      <c r="HV5461" s="91"/>
      <c r="HW5461" s="91"/>
      <c r="HX5461" s="127"/>
      <c r="HY5461" s="126"/>
      <c r="HZ5461" s="91"/>
      <c r="IA5461" s="91"/>
      <c r="IB5461" s="91"/>
      <c r="IC5461" s="91"/>
      <c r="ID5461" s="91"/>
      <c r="IE5461" s="91"/>
      <c r="IF5461" s="91"/>
      <c r="IG5461" s="91"/>
      <c r="IH5461" s="91"/>
      <c r="II5461" s="91"/>
      <c r="IJ5461" s="91"/>
      <c r="IK5461" s="174"/>
    </row>
    <row r="5462" spans="2:245" x14ac:dyDescent="0.2">
      <c r="B5462" s="43"/>
      <c r="C5462" s="73"/>
      <c r="D5462" s="64"/>
      <c r="E5462" s="64"/>
      <c r="F5462" s="55"/>
      <c r="G5462" s="102"/>
      <c r="H5462" s="97"/>
      <c r="T5462" s="98"/>
      <c r="U5462" s="97"/>
      <c r="AG5462" s="98"/>
      <c r="AY5462" s="164"/>
      <c r="BK5462" s="98"/>
      <c r="BL5462" s="97"/>
      <c r="BX5462" s="98"/>
      <c r="CL5462" s="97"/>
      <c r="CX5462" s="98"/>
      <c r="DL5462" s="97"/>
      <c r="DX5462" s="98"/>
      <c r="EL5462" s="97"/>
      <c r="EX5462" s="98"/>
      <c r="EY5462" s="97"/>
      <c r="FL5462" s="126"/>
      <c r="FM5462" s="91"/>
      <c r="FN5462" s="91"/>
      <c r="FO5462" s="91"/>
      <c r="FP5462" s="91"/>
      <c r="FQ5462" s="91"/>
      <c r="FR5462" s="91"/>
      <c r="FS5462" s="91"/>
      <c r="FT5462" s="91"/>
      <c r="FU5462" s="91"/>
      <c r="FV5462" s="91"/>
      <c r="FW5462" s="91"/>
      <c r="FX5462" s="127"/>
      <c r="FY5462" s="126"/>
      <c r="FZ5462" s="91"/>
      <c r="GA5462" s="91"/>
      <c r="GB5462" s="91"/>
      <c r="GC5462" s="91"/>
      <c r="GD5462" s="91"/>
      <c r="GE5462" s="91"/>
      <c r="GF5462" s="91"/>
      <c r="GG5462" s="91"/>
      <c r="GH5462" s="91"/>
      <c r="GI5462" s="91"/>
      <c r="GJ5462" s="91"/>
      <c r="GK5462" s="127"/>
      <c r="GL5462" s="126"/>
      <c r="GM5462" s="91"/>
      <c r="GN5462" s="91"/>
      <c r="GO5462" s="91"/>
      <c r="GP5462" s="91"/>
      <c r="GQ5462" s="91"/>
      <c r="GR5462" s="91"/>
      <c r="GS5462" s="91"/>
      <c r="GT5462" s="91"/>
      <c r="GU5462" s="91"/>
      <c r="GV5462" s="91"/>
      <c r="GW5462" s="91"/>
      <c r="GX5462" s="127"/>
      <c r="GY5462" s="126"/>
      <c r="GZ5462" s="91"/>
      <c r="HA5462" s="91"/>
      <c r="HB5462" s="91"/>
      <c r="HC5462" s="91"/>
      <c r="HD5462" s="91"/>
      <c r="HE5462" s="91"/>
      <c r="HF5462" s="91"/>
      <c r="HG5462" s="91"/>
      <c r="HH5462" s="91"/>
      <c r="HI5462" s="91"/>
      <c r="HJ5462" s="91"/>
      <c r="HK5462" s="127"/>
      <c r="HL5462" s="126"/>
      <c r="HM5462" s="91"/>
      <c r="HN5462" s="91"/>
      <c r="HO5462" s="91"/>
      <c r="HP5462" s="91"/>
      <c r="HQ5462" s="91"/>
      <c r="HR5462" s="91"/>
      <c r="HS5462" s="91"/>
      <c r="HT5462" s="91"/>
      <c r="HU5462" s="91"/>
      <c r="HV5462" s="91"/>
      <c r="HW5462" s="91"/>
      <c r="HX5462" s="127"/>
      <c r="HY5462" s="126"/>
      <c r="HZ5462" s="91"/>
      <c r="IA5462" s="91"/>
      <c r="IB5462" s="91"/>
      <c r="IC5462" s="91"/>
      <c r="ID5462" s="91"/>
      <c r="IE5462" s="91"/>
      <c r="IF5462" s="91"/>
      <c r="IG5462" s="91"/>
      <c r="IH5462" s="91"/>
      <c r="II5462" s="91"/>
      <c r="IJ5462" s="91"/>
      <c r="IK5462" s="174"/>
    </row>
    <row r="5463" spans="2:245" x14ac:dyDescent="0.2">
      <c r="B5463" s="43"/>
      <c r="C5463" s="73"/>
      <c r="D5463" s="64"/>
      <c r="E5463" s="64"/>
      <c r="F5463" s="55"/>
      <c r="G5463" s="102"/>
      <c r="H5463" s="97"/>
      <c r="T5463" s="98"/>
      <c r="U5463" s="97"/>
      <c r="AG5463" s="98"/>
      <c r="AY5463" s="164"/>
      <c r="BK5463" s="98"/>
      <c r="BL5463" s="97"/>
      <c r="BX5463" s="98"/>
      <c r="CL5463" s="97"/>
      <c r="CX5463" s="98"/>
      <c r="DL5463" s="97"/>
      <c r="DX5463" s="98"/>
      <c r="EL5463" s="97"/>
      <c r="EX5463" s="98"/>
      <c r="EY5463" s="97"/>
      <c r="FL5463" s="126"/>
      <c r="FM5463" s="91"/>
      <c r="FN5463" s="91"/>
      <c r="FO5463" s="91"/>
      <c r="FP5463" s="91"/>
      <c r="FQ5463" s="91"/>
      <c r="FR5463" s="91"/>
      <c r="FS5463" s="91"/>
      <c r="FT5463" s="91"/>
      <c r="FU5463" s="91"/>
      <c r="FV5463" s="91"/>
      <c r="FW5463" s="91"/>
      <c r="FX5463" s="127"/>
      <c r="FY5463" s="126"/>
      <c r="FZ5463" s="91"/>
      <c r="GA5463" s="91"/>
      <c r="GB5463" s="91"/>
      <c r="GC5463" s="91"/>
      <c r="GD5463" s="91"/>
      <c r="GE5463" s="91"/>
      <c r="GF5463" s="91"/>
      <c r="GG5463" s="91"/>
      <c r="GH5463" s="91"/>
      <c r="GI5463" s="91"/>
      <c r="GJ5463" s="91"/>
      <c r="GK5463" s="127"/>
      <c r="GL5463" s="126"/>
      <c r="GM5463" s="91"/>
      <c r="GN5463" s="91"/>
      <c r="GO5463" s="91"/>
      <c r="GP5463" s="91"/>
      <c r="GQ5463" s="91"/>
      <c r="GR5463" s="91"/>
      <c r="GS5463" s="91"/>
      <c r="GT5463" s="91"/>
      <c r="GU5463" s="91"/>
      <c r="GV5463" s="91"/>
      <c r="GW5463" s="91"/>
      <c r="GX5463" s="127"/>
      <c r="GY5463" s="126"/>
      <c r="GZ5463" s="91"/>
      <c r="HA5463" s="91"/>
      <c r="HB5463" s="91"/>
      <c r="HC5463" s="91"/>
      <c r="HD5463" s="91"/>
      <c r="HE5463" s="91"/>
      <c r="HF5463" s="91"/>
      <c r="HG5463" s="91"/>
      <c r="HH5463" s="91"/>
      <c r="HI5463" s="91"/>
      <c r="HJ5463" s="91"/>
      <c r="HK5463" s="127"/>
      <c r="HL5463" s="126"/>
      <c r="HM5463" s="91"/>
      <c r="HN5463" s="91"/>
      <c r="HO5463" s="91"/>
      <c r="HP5463" s="91"/>
      <c r="HQ5463" s="91"/>
      <c r="HR5463" s="91"/>
      <c r="HS5463" s="91"/>
      <c r="HT5463" s="91"/>
      <c r="HU5463" s="91"/>
      <c r="HV5463" s="91"/>
      <c r="HW5463" s="91"/>
      <c r="HX5463" s="127"/>
      <c r="HY5463" s="126"/>
      <c r="HZ5463" s="91"/>
      <c r="IA5463" s="91"/>
      <c r="IB5463" s="91"/>
      <c r="IC5463" s="91"/>
      <c r="ID5463" s="91"/>
      <c r="IE5463" s="91"/>
      <c r="IF5463" s="91"/>
      <c r="IG5463" s="91"/>
      <c r="IH5463" s="91"/>
      <c r="II5463" s="91"/>
      <c r="IJ5463" s="91"/>
      <c r="IK5463" s="174"/>
    </row>
    <row r="5464" spans="2:245" x14ac:dyDescent="0.2">
      <c r="B5464" s="43"/>
      <c r="C5464" s="73"/>
      <c r="D5464" s="64"/>
      <c r="E5464" s="64"/>
      <c r="F5464" s="55"/>
      <c r="G5464" s="102"/>
      <c r="H5464" s="97"/>
      <c r="T5464" s="98"/>
      <c r="U5464" s="97"/>
      <c r="AG5464" s="98"/>
      <c r="AY5464" s="164"/>
      <c r="BK5464" s="98"/>
      <c r="BL5464" s="97"/>
      <c r="BX5464" s="98"/>
      <c r="CL5464" s="97"/>
      <c r="CX5464" s="98"/>
      <c r="DL5464" s="97"/>
      <c r="DX5464" s="98"/>
      <c r="EL5464" s="97"/>
      <c r="EX5464" s="98"/>
      <c r="EY5464" s="97"/>
      <c r="FL5464" s="126"/>
      <c r="FM5464" s="91"/>
      <c r="FN5464" s="91"/>
      <c r="FO5464" s="91"/>
      <c r="FP5464" s="91"/>
      <c r="FQ5464" s="91"/>
      <c r="FR5464" s="91"/>
      <c r="FS5464" s="91"/>
      <c r="FT5464" s="91"/>
      <c r="FU5464" s="91"/>
      <c r="FV5464" s="91"/>
      <c r="FW5464" s="91"/>
      <c r="FX5464" s="127"/>
      <c r="FY5464" s="126"/>
      <c r="FZ5464" s="91"/>
      <c r="GA5464" s="91"/>
      <c r="GB5464" s="91"/>
      <c r="GC5464" s="91"/>
      <c r="GD5464" s="91"/>
      <c r="GE5464" s="91"/>
      <c r="GF5464" s="91"/>
      <c r="GG5464" s="91"/>
      <c r="GH5464" s="91"/>
      <c r="GI5464" s="91"/>
      <c r="GJ5464" s="91"/>
      <c r="GK5464" s="127"/>
      <c r="GL5464" s="126"/>
      <c r="GM5464" s="91"/>
      <c r="GN5464" s="91"/>
      <c r="GO5464" s="91"/>
      <c r="GP5464" s="91"/>
      <c r="GQ5464" s="91"/>
      <c r="GR5464" s="91"/>
      <c r="GS5464" s="91"/>
      <c r="GT5464" s="91"/>
      <c r="GU5464" s="91"/>
      <c r="GV5464" s="91"/>
      <c r="GW5464" s="91"/>
      <c r="GX5464" s="127"/>
      <c r="GY5464" s="126"/>
      <c r="GZ5464" s="91"/>
      <c r="HA5464" s="91"/>
      <c r="HB5464" s="91"/>
      <c r="HC5464" s="91"/>
      <c r="HD5464" s="91"/>
      <c r="HE5464" s="91"/>
      <c r="HF5464" s="91"/>
      <c r="HG5464" s="91"/>
      <c r="HH5464" s="91"/>
      <c r="HI5464" s="91"/>
      <c r="HJ5464" s="91"/>
      <c r="HK5464" s="127"/>
      <c r="HL5464" s="126"/>
      <c r="HM5464" s="91"/>
      <c r="HN5464" s="91"/>
      <c r="HO5464" s="91"/>
      <c r="HP5464" s="91"/>
      <c r="HQ5464" s="91"/>
      <c r="HR5464" s="91"/>
      <c r="HS5464" s="91"/>
      <c r="HT5464" s="91"/>
      <c r="HU5464" s="91"/>
      <c r="HV5464" s="91"/>
      <c r="HW5464" s="91"/>
      <c r="HX5464" s="127"/>
      <c r="HY5464" s="126"/>
      <c r="HZ5464" s="91"/>
      <c r="IA5464" s="91"/>
      <c r="IB5464" s="91"/>
      <c r="IC5464" s="91"/>
      <c r="ID5464" s="91"/>
      <c r="IE5464" s="91"/>
      <c r="IF5464" s="91"/>
      <c r="IG5464" s="91"/>
      <c r="IH5464" s="91"/>
      <c r="II5464" s="91"/>
      <c r="IJ5464" s="91"/>
      <c r="IK5464" s="174"/>
    </row>
    <row r="5465" spans="2:245" x14ac:dyDescent="0.2">
      <c r="B5465" s="43"/>
      <c r="C5465" s="73"/>
      <c r="D5465" s="64"/>
      <c r="E5465" s="64"/>
      <c r="F5465" s="55"/>
      <c r="G5465" s="102"/>
      <c r="H5465" s="97"/>
      <c r="T5465" s="98"/>
      <c r="U5465" s="97"/>
      <c r="AG5465" s="98"/>
      <c r="AY5465" s="164"/>
      <c r="BK5465" s="98"/>
      <c r="BL5465" s="97"/>
      <c r="BX5465" s="98"/>
      <c r="CL5465" s="97"/>
      <c r="CX5465" s="98"/>
      <c r="DL5465" s="97"/>
      <c r="DX5465" s="98"/>
      <c r="EL5465" s="97"/>
      <c r="EX5465" s="98"/>
      <c r="EY5465" s="97"/>
      <c r="FL5465" s="126"/>
      <c r="FM5465" s="91"/>
      <c r="FN5465" s="91"/>
      <c r="FO5465" s="91"/>
      <c r="FP5465" s="91"/>
      <c r="FQ5465" s="91"/>
      <c r="FR5465" s="91"/>
      <c r="FS5465" s="91"/>
      <c r="FT5465" s="91"/>
      <c r="FU5465" s="91"/>
      <c r="FV5465" s="91"/>
      <c r="FW5465" s="91"/>
      <c r="FX5465" s="127"/>
      <c r="FY5465" s="126"/>
      <c r="FZ5465" s="91"/>
      <c r="GA5465" s="91"/>
      <c r="GB5465" s="91"/>
      <c r="GC5465" s="91"/>
      <c r="GD5465" s="91"/>
      <c r="GE5465" s="91"/>
      <c r="GF5465" s="91"/>
      <c r="GG5465" s="91"/>
      <c r="GH5465" s="91"/>
      <c r="GI5465" s="91"/>
      <c r="GJ5465" s="91"/>
      <c r="GK5465" s="127"/>
      <c r="GL5465" s="126"/>
      <c r="GM5465" s="91"/>
      <c r="GN5465" s="91"/>
      <c r="GO5465" s="91"/>
      <c r="GP5465" s="91"/>
      <c r="GQ5465" s="91"/>
      <c r="GR5465" s="91"/>
      <c r="GS5465" s="91"/>
      <c r="GT5465" s="91"/>
      <c r="GU5465" s="91"/>
      <c r="GV5465" s="91"/>
      <c r="GW5465" s="91"/>
      <c r="GX5465" s="127"/>
      <c r="GY5465" s="126"/>
      <c r="GZ5465" s="91"/>
      <c r="HA5465" s="91"/>
      <c r="HB5465" s="91"/>
      <c r="HC5465" s="91"/>
      <c r="HD5465" s="91"/>
      <c r="HE5465" s="91"/>
      <c r="HF5465" s="91"/>
      <c r="HG5465" s="91"/>
      <c r="HH5465" s="91"/>
      <c r="HI5465" s="91"/>
      <c r="HJ5465" s="91"/>
      <c r="HK5465" s="127"/>
      <c r="HL5465" s="126"/>
      <c r="HM5465" s="91"/>
      <c r="HN5465" s="91"/>
      <c r="HO5465" s="91"/>
      <c r="HP5465" s="91"/>
      <c r="HQ5465" s="91"/>
      <c r="HR5465" s="91"/>
      <c r="HS5465" s="91"/>
      <c r="HT5465" s="91"/>
      <c r="HU5465" s="91"/>
      <c r="HV5465" s="91"/>
      <c r="HW5465" s="91"/>
      <c r="HX5465" s="127"/>
      <c r="HY5465" s="126"/>
      <c r="HZ5465" s="91"/>
      <c r="IA5465" s="91"/>
      <c r="IB5465" s="91"/>
      <c r="IC5465" s="91"/>
      <c r="ID5465" s="91"/>
      <c r="IE5465" s="91"/>
      <c r="IF5465" s="91"/>
      <c r="IG5465" s="91"/>
      <c r="IH5465" s="91"/>
      <c r="II5465" s="91"/>
      <c r="IJ5465" s="91"/>
      <c r="IK5465" s="174"/>
    </row>
    <row r="5466" spans="2:245" x14ac:dyDescent="0.2">
      <c r="B5466" s="43"/>
      <c r="C5466" s="73"/>
      <c r="D5466" s="64"/>
      <c r="E5466" s="64"/>
      <c r="F5466" s="55"/>
      <c r="G5466" s="102"/>
      <c r="H5466" s="97"/>
      <c r="T5466" s="98"/>
      <c r="U5466" s="97"/>
      <c r="AG5466" s="98"/>
      <c r="AY5466" s="164"/>
      <c r="BK5466" s="98"/>
      <c r="BL5466" s="97"/>
      <c r="BX5466" s="98"/>
      <c r="CL5466" s="97"/>
      <c r="CX5466" s="98"/>
      <c r="DL5466" s="97"/>
      <c r="DX5466" s="98"/>
      <c r="EL5466" s="97"/>
      <c r="EX5466" s="98"/>
      <c r="EY5466" s="97"/>
      <c r="FL5466" s="126"/>
      <c r="FM5466" s="91"/>
      <c r="FN5466" s="91"/>
      <c r="FO5466" s="91"/>
      <c r="FP5466" s="91"/>
      <c r="FQ5466" s="91"/>
      <c r="FR5466" s="91"/>
      <c r="FS5466" s="91"/>
      <c r="FT5466" s="91"/>
      <c r="FU5466" s="91"/>
      <c r="FV5466" s="91"/>
      <c r="FW5466" s="91"/>
      <c r="FX5466" s="127"/>
      <c r="FY5466" s="126"/>
      <c r="FZ5466" s="91"/>
      <c r="GA5466" s="91"/>
      <c r="GB5466" s="91"/>
      <c r="GC5466" s="91"/>
      <c r="GD5466" s="91"/>
      <c r="GE5466" s="91"/>
      <c r="GF5466" s="91"/>
      <c r="GG5466" s="91"/>
      <c r="GH5466" s="91"/>
      <c r="GI5466" s="91"/>
      <c r="GJ5466" s="91"/>
      <c r="GK5466" s="127"/>
      <c r="GL5466" s="126"/>
      <c r="GM5466" s="91"/>
      <c r="GN5466" s="91"/>
      <c r="GO5466" s="91"/>
      <c r="GP5466" s="91"/>
      <c r="GQ5466" s="91"/>
      <c r="GR5466" s="91"/>
      <c r="GS5466" s="91"/>
      <c r="GT5466" s="91"/>
      <c r="GU5466" s="91"/>
      <c r="GV5466" s="91"/>
      <c r="GW5466" s="91"/>
      <c r="GX5466" s="127"/>
      <c r="GY5466" s="126"/>
      <c r="GZ5466" s="91"/>
      <c r="HA5466" s="91"/>
      <c r="HB5466" s="91"/>
      <c r="HC5466" s="91"/>
      <c r="HD5466" s="91"/>
      <c r="HE5466" s="91"/>
      <c r="HF5466" s="91"/>
      <c r="HG5466" s="91"/>
      <c r="HH5466" s="91"/>
      <c r="HI5466" s="91"/>
      <c r="HJ5466" s="91"/>
      <c r="HK5466" s="127"/>
      <c r="HL5466" s="126"/>
      <c r="HM5466" s="91"/>
      <c r="HN5466" s="91"/>
      <c r="HO5466" s="91"/>
      <c r="HP5466" s="91"/>
      <c r="HQ5466" s="91"/>
      <c r="HR5466" s="91"/>
      <c r="HS5466" s="91"/>
      <c r="HT5466" s="91"/>
      <c r="HU5466" s="91"/>
      <c r="HV5466" s="91"/>
      <c r="HW5466" s="91"/>
      <c r="HX5466" s="127"/>
      <c r="HY5466" s="126"/>
      <c r="HZ5466" s="91"/>
      <c r="IA5466" s="91"/>
      <c r="IB5466" s="91"/>
      <c r="IC5466" s="91"/>
      <c r="ID5466" s="91"/>
      <c r="IE5466" s="91"/>
      <c r="IF5466" s="91"/>
      <c r="IG5466" s="91"/>
      <c r="IH5466" s="91"/>
      <c r="II5466" s="91"/>
      <c r="IJ5466" s="91"/>
      <c r="IK5466" s="174"/>
    </row>
    <row r="5467" spans="2:245" x14ac:dyDescent="0.2">
      <c r="B5467" s="43"/>
      <c r="C5467" s="73"/>
      <c r="D5467" s="64"/>
      <c r="E5467" s="64"/>
      <c r="F5467" s="55"/>
      <c r="G5467" s="102"/>
      <c r="H5467" s="97"/>
      <c r="T5467" s="98"/>
      <c r="U5467" s="97"/>
      <c r="AG5467" s="98"/>
      <c r="AY5467" s="164"/>
      <c r="BK5467" s="98"/>
      <c r="BL5467" s="97"/>
      <c r="BX5467" s="98"/>
      <c r="CL5467" s="97"/>
      <c r="CX5467" s="98"/>
      <c r="DL5467" s="97"/>
      <c r="DX5467" s="98"/>
      <c r="EL5467" s="97"/>
      <c r="EX5467" s="98"/>
      <c r="EY5467" s="97"/>
      <c r="FL5467" s="126"/>
      <c r="FM5467" s="91"/>
      <c r="FN5467" s="91"/>
      <c r="FO5467" s="91"/>
      <c r="FP5467" s="91"/>
      <c r="FQ5467" s="91"/>
      <c r="FR5467" s="91"/>
      <c r="FS5467" s="91"/>
      <c r="FT5467" s="91"/>
      <c r="FU5467" s="91"/>
      <c r="FV5467" s="91"/>
      <c r="FW5467" s="91"/>
      <c r="FX5467" s="127"/>
      <c r="FY5467" s="126"/>
      <c r="FZ5467" s="91"/>
      <c r="GA5467" s="91"/>
      <c r="GB5467" s="91"/>
      <c r="GC5467" s="91"/>
      <c r="GD5467" s="91"/>
      <c r="GE5467" s="91"/>
      <c r="GF5467" s="91"/>
      <c r="GG5467" s="91"/>
      <c r="GH5467" s="91"/>
      <c r="GI5467" s="91"/>
      <c r="GJ5467" s="91"/>
      <c r="GK5467" s="127"/>
      <c r="GL5467" s="126"/>
      <c r="GM5467" s="91"/>
      <c r="GN5467" s="91"/>
      <c r="GO5467" s="91"/>
      <c r="GP5467" s="91"/>
      <c r="GQ5467" s="91"/>
      <c r="GR5467" s="91"/>
      <c r="GS5467" s="91"/>
      <c r="GT5467" s="91"/>
      <c r="GU5467" s="91"/>
      <c r="GV5467" s="91"/>
      <c r="GW5467" s="91"/>
      <c r="GX5467" s="127"/>
      <c r="GY5467" s="126"/>
      <c r="GZ5467" s="91"/>
      <c r="HA5467" s="91"/>
      <c r="HB5467" s="91"/>
      <c r="HC5467" s="91"/>
      <c r="HD5467" s="91"/>
      <c r="HE5467" s="91"/>
      <c r="HF5467" s="91"/>
      <c r="HG5467" s="91"/>
      <c r="HH5467" s="91"/>
      <c r="HI5467" s="91"/>
      <c r="HJ5467" s="91"/>
      <c r="HK5467" s="127"/>
      <c r="HL5467" s="126"/>
      <c r="HM5467" s="91"/>
      <c r="HN5467" s="91"/>
      <c r="HO5467" s="91"/>
      <c r="HP5467" s="91"/>
      <c r="HQ5467" s="91"/>
      <c r="HR5467" s="91"/>
      <c r="HS5467" s="91"/>
      <c r="HT5467" s="91"/>
      <c r="HU5467" s="91"/>
      <c r="HV5467" s="91"/>
      <c r="HW5467" s="91"/>
      <c r="HX5467" s="127"/>
      <c r="HY5467" s="126"/>
      <c r="HZ5467" s="91"/>
      <c r="IA5467" s="91"/>
      <c r="IB5467" s="91"/>
      <c r="IC5467" s="91"/>
      <c r="ID5467" s="91"/>
      <c r="IE5467" s="91"/>
      <c r="IF5467" s="91"/>
      <c r="IG5467" s="91"/>
      <c r="IH5467" s="91"/>
      <c r="II5467" s="91"/>
      <c r="IJ5467" s="91"/>
      <c r="IK5467" s="174"/>
    </row>
    <row r="5468" spans="2:245" x14ac:dyDescent="0.2">
      <c r="B5468" s="43"/>
      <c r="C5468" s="73"/>
      <c r="D5468" s="64"/>
      <c r="E5468" s="64"/>
      <c r="F5468" s="55"/>
      <c r="G5468" s="102"/>
      <c r="H5468" s="97"/>
      <c r="T5468" s="98"/>
      <c r="U5468" s="97"/>
      <c r="AG5468" s="98"/>
      <c r="AY5468" s="164"/>
      <c r="BK5468" s="98"/>
      <c r="BL5468" s="97"/>
      <c r="BX5468" s="98"/>
      <c r="CL5468" s="97"/>
      <c r="CX5468" s="98"/>
      <c r="DL5468" s="97"/>
      <c r="DX5468" s="98"/>
      <c r="EL5468" s="97"/>
      <c r="EX5468" s="98"/>
      <c r="EY5468" s="97"/>
      <c r="FL5468" s="126"/>
      <c r="FM5468" s="91"/>
      <c r="FN5468" s="91"/>
      <c r="FO5468" s="91"/>
      <c r="FP5468" s="91"/>
      <c r="FQ5468" s="91"/>
      <c r="FR5468" s="91"/>
      <c r="FS5468" s="91"/>
      <c r="FT5468" s="91"/>
      <c r="FU5468" s="91"/>
      <c r="FV5468" s="91"/>
      <c r="FW5468" s="91"/>
      <c r="FX5468" s="127"/>
      <c r="FY5468" s="126"/>
      <c r="FZ5468" s="91"/>
      <c r="GA5468" s="91"/>
      <c r="GB5468" s="91"/>
      <c r="GC5468" s="91"/>
      <c r="GD5468" s="91"/>
      <c r="GE5468" s="91"/>
      <c r="GF5468" s="91"/>
      <c r="GG5468" s="91"/>
      <c r="GH5468" s="91"/>
      <c r="GI5468" s="91"/>
      <c r="GJ5468" s="91"/>
      <c r="GK5468" s="127"/>
      <c r="GL5468" s="126"/>
      <c r="GM5468" s="91"/>
      <c r="GN5468" s="91"/>
      <c r="GO5468" s="91"/>
      <c r="GP5468" s="91"/>
      <c r="GQ5468" s="91"/>
      <c r="GR5468" s="91"/>
      <c r="GS5468" s="91"/>
      <c r="GT5468" s="91"/>
      <c r="GU5468" s="91"/>
      <c r="GV5468" s="91"/>
      <c r="GW5468" s="91"/>
      <c r="GX5468" s="127"/>
      <c r="GY5468" s="126"/>
      <c r="GZ5468" s="91"/>
      <c r="HA5468" s="91"/>
      <c r="HB5468" s="91"/>
      <c r="HC5468" s="91"/>
      <c r="HD5468" s="91"/>
      <c r="HE5468" s="91"/>
      <c r="HF5468" s="91"/>
      <c r="HG5468" s="91"/>
      <c r="HH5468" s="91"/>
      <c r="HI5468" s="91"/>
      <c r="HJ5468" s="91"/>
      <c r="HK5468" s="127"/>
      <c r="HL5468" s="126"/>
      <c r="HM5468" s="91"/>
      <c r="HN5468" s="91"/>
      <c r="HO5468" s="91"/>
      <c r="HP5468" s="91"/>
      <c r="HQ5468" s="91"/>
      <c r="HR5468" s="91"/>
      <c r="HS5468" s="91"/>
      <c r="HT5468" s="91"/>
      <c r="HU5468" s="91"/>
      <c r="HV5468" s="91"/>
      <c r="HW5468" s="91"/>
      <c r="HX5468" s="127"/>
      <c r="HY5468" s="126"/>
      <c r="HZ5468" s="91"/>
      <c r="IA5468" s="91"/>
      <c r="IB5468" s="91"/>
      <c r="IC5468" s="91"/>
      <c r="ID5468" s="91"/>
      <c r="IE5468" s="91"/>
      <c r="IF5468" s="91"/>
      <c r="IG5468" s="91"/>
      <c r="IH5468" s="91"/>
      <c r="II5468" s="91"/>
      <c r="IJ5468" s="91"/>
      <c r="IK5468" s="174"/>
    </row>
    <row r="5469" spans="2:245" x14ac:dyDescent="0.2">
      <c r="B5469" s="43"/>
      <c r="C5469" s="73"/>
      <c r="D5469" s="64"/>
      <c r="E5469" s="64"/>
      <c r="F5469" s="55"/>
      <c r="G5469" s="102"/>
      <c r="H5469" s="97"/>
      <c r="T5469" s="98"/>
      <c r="U5469" s="97"/>
      <c r="AG5469" s="98"/>
      <c r="AY5469" s="164"/>
      <c r="BK5469" s="98"/>
      <c r="BL5469" s="97"/>
      <c r="BX5469" s="98"/>
      <c r="CL5469" s="97"/>
      <c r="CX5469" s="98"/>
      <c r="DL5469" s="97"/>
      <c r="DX5469" s="98"/>
      <c r="EL5469" s="97"/>
      <c r="EX5469" s="98"/>
      <c r="EY5469" s="97"/>
      <c r="FL5469" s="126"/>
      <c r="FM5469" s="91"/>
      <c r="FN5469" s="91"/>
      <c r="FO5469" s="91"/>
      <c r="FP5469" s="91"/>
      <c r="FQ5469" s="91"/>
      <c r="FR5469" s="91"/>
      <c r="FS5469" s="91"/>
      <c r="FT5469" s="91"/>
      <c r="FU5469" s="91"/>
      <c r="FV5469" s="91"/>
      <c r="FW5469" s="91"/>
      <c r="FX5469" s="127"/>
      <c r="FY5469" s="126"/>
      <c r="FZ5469" s="91"/>
      <c r="GA5469" s="91"/>
      <c r="GB5469" s="91"/>
      <c r="GC5469" s="91"/>
      <c r="GD5469" s="91"/>
      <c r="GE5469" s="91"/>
      <c r="GF5469" s="91"/>
      <c r="GG5469" s="91"/>
      <c r="GH5469" s="91"/>
      <c r="GI5469" s="91"/>
      <c r="GJ5469" s="91"/>
      <c r="GK5469" s="127"/>
      <c r="GL5469" s="126"/>
      <c r="GM5469" s="91"/>
      <c r="GN5469" s="91"/>
      <c r="GO5469" s="91"/>
      <c r="GP5469" s="91"/>
      <c r="GQ5469" s="91"/>
      <c r="GR5469" s="91"/>
      <c r="GS5469" s="91"/>
      <c r="GT5469" s="91"/>
      <c r="GU5469" s="91"/>
      <c r="GV5469" s="91"/>
      <c r="GW5469" s="91"/>
      <c r="GX5469" s="127"/>
      <c r="GY5469" s="126"/>
      <c r="GZ5469" s="91"/>
      <c r="HA5469" s="91"/>
      <c r="HB5469" s="91"/>
      <c r="HC5469" s="91"/>
      <c r="HD5469" s="91"/>
      <c r="HE5469" s="91"/>
      <c r="HF5469" s="91"/>
      <c r="HG5469" s="91"/>
      <c r="HH5469" s="91"/>
      <c r="HI5469" s="91"/>
      <c r="HJ5469" s="91"/>
      <c r="HK5469" s="127"/>
      <c r="HL5469" s="126"/>
      <c r="HM5469" s="91"/>
      <c r="HN5469" s="91"/>
      <c r="HO5469" s="91"/>
      <c r="HP5469" s="91"/>
      <c r="HQ5469" s="91"/>
      <c r="HR5469" s="91"/>
      <c r="HS5469" s="91"/>
      <c r="HT5469" s="91"/>
      <c r="HU5469" s="91"/>
      <c r="HV5469" s="91"/>
      <c r="HW5469" s="91"/>
      <c r="HX5469" s="127"/>
      <c r="HY5469" s="126"/>
      <c r="HZ5469" s="91"/>
      <c r="IA5469" s="91"/>
      <c r="IB5469" s="91"/>
      <c r="IC5469" s="91"/>
      <c r="ID5469" s="91"/>
      <c r="IE5469" s="91"/>
      <c r="IF5469" s="91"/>
      <c r="IG5469" s="91"/>
      <c r="IH5469" s="91"/>
      <c r="II5469" s="91"/>
      <c r="IJ5469" s="91"/>
      <c r="IK5469" s="174"/>
    </row>
    <row r="5470" spans="2:245" x14ac:dyDescent="0.2">
      <c r="B5470" s="43"/>
      <c r="C5470" s="73"/>
      <c r="D5470" s="64"/>
      <c r="E5470" s="64"/>
      <c r="F5470" s="55"/>
      <c r="G5470" s="102"/>
      <c r="H5470" s="97"/>
      <c r="T5470" s="98"/>
      <c r="U5470" s="97"/>
      <c r="AG5470" s="98"/>
      <c r="AY5470" s="164"/>
      <c r="BK5470" s="98"/>
      <c r="BL5470" s="97"/>
      <c r="BX5470" s="98"/>
      <c r="CL5470" s="97"/>
      <c r="CX5470" s="98"/>
      <c r="DL5470" s="97"/>
      <c r="DX5470" s="98"/>
      <c r="EL5470" s="97"/>
      <c r="EX5470" s="98"/>
      <c r="EY5470" s="97"/>
      <c r="FL5470" s="126"/>
      <c r="FM5470" s="91"/>
      <c r="FN5470" s="91"/>
      <c r="FO5470" s="91"/>
      <c r="FP5470" s="91"/>
      <c r="FQ5470" s="91"/>
      <c r="FR5470" s="91"/>
      <c r="FS5470" s="91"/>
      <c r="FT5470" s="91"/>
      <c r="FU5470" s="91"/>
      <c r="FV5470" s="91"/>
      <c r="FW5470" s="91"/>
      <c r="FX5470" s="127"/>
      <c r="FY5470" s="126"/>
      <c r="FZ5470" s="91"/>
      <c r="GA5470" s="91"/>
      <c r="GB5470" s="91"/>
      <c r="GC5470" s="91"/>
      <c r="GD5470" s="91"/>
      <c r="GE5470" s="91"/>
      <c r="GF5470" s="91"/>
      <c r="GG5470" s="91"/>
      <c r="GH5470" s="91"/>
      <c r="GI5470" s="91"/>
      <c r="GJ5470" s="91"/>
      <c r="GK5470" s="127"/>
      <c r="GL5470" s="126"/>
      <c r="GM5470" s="91"/>
      <c r="GN5470" s="91"/>
      <c r="GO5470" s="91"/>
      <c r="GP5470" s="91"/>
      <c r="GQ5470" s="91"/>
      <c r="GR5470" s="91"/>
      <c r="GS5470" s="91"/>
      <c r="GT5470" s="91"/>
      <c r="GU5470" s="91"/>
      <c r="GV5470" s="91"/>
      <c r="GW5470" s="91"/>
      <c r="GX5470" s="127"/>
      <c r="GY5470" s="126"/>
      <c r="GZ5470" s="91"/>
      <c r="HA5470" s="91"/>
      <c r="HB5470" s="91"/>
      <c r="HC5470" s="91"/>
      <c r="HD5470" s="91"/>
      <c r="HE5470" s="91"/>
      <c r="HF5470" s="91"/>
      <c r="HG5470" s="91"/>
      <c r="HH5470" s="91"/>
      <c r="HI5470" s="91"/>
      <c r="HJ5470" s="91"/>
      <c r="HK5470" s="127"/>
      <c r="HL5470" s="126"/>
      <c r="HM5470" s="91"/>
      <c r="HN5470" s="91"/>
      <c r="HO5470" s="91"/>
      <c r="HP5470" s="91"/>
      <c r="HQ5470" s="91"/>
      <c r="HR5470" s="91"/>
      <c r="HS5470" s="91"/>
      <c r="HT5470" s="91"/>
      <c r="HU5470" s="91"/>
      <c r="HV5470" s="91"/>
      <c r="HW5470" s="91"/>
      <c r="HX5470" s="127"/>
      <c r="HY5470" s="126"/>
      <c r="HZ5470" s="91"/>
      <c r="IA5470" s="91"/>
      <c r="IB5470" s="91"/>
      <c r="IC5470" s="91"/>
      <c r="ID5470" s="91"/>
      <c r="IE5470" s="91"/>
      <c r="IF5470" s="91"/>
      <c r="IG5470" s="91"/>
      <c r="IH5470" s="91"/>
      <c r="II5470" s="91"/>
      <c r="IJ5470" s="91"/>
      <c r="IK5470" s="174"/>
    </row>
    <row r="5471" spans="2:245" x14ac:dyDescent="0.2">
      <c r="B5471" s="43"/>
      <c r="C5471" s="73"/>
      <c r="D5471" s="64"/>
      <c r="E5471" s="64"/>
      <c r="F5471" s="55"/>
      <c r="G5471" s="102"/>
      <c r="H5471" s="97"/>
      <c r="T5471" s="98"/>
      <c r="U5471" s="97"/>
      <c r="AG5471" s="98"/>
      <c r="AY5471" s="164"/>
      <c r="BK5471" s="98"/>
      <c r="BL5471" s="97"/>
      <c r="BX5471" s="98"/>
      <c r="CL5471" s="97"/>
      <c r="CX5471" s="98"/>
      <c r="DL5471" s="97"/>
      <c r="DX5471" s="98"/>
      <c r="EL5471" s="97"/>
      <c r="EX5471" s="98"/>
      <c r="EY5471" s="97"/>
      <c r="FL5471" s="126"/>
      <c r="FM5471" s="91"/>
      <c r="FN5471" s="91"/>
      <c r="FO5471" s="91"/>
      <c r="FP5471" s="91"/>
      <c r="FQ5471" s="91"/>
      <c r="FR5471" s="91"/>
      <c r="FS5471" s="91"/>
      <c r="FT5471" s="91"/>
      <c r="FU5471" s="91"/>
      <c r="FV5471" s="91"/>
      <c r="FW5471" s="91"/>
      <c r="FX5471" s="127"/>
      <c r="FY5471" s="126"/>
      <c r="FZ5471" s="91"/>
      <c r="GA5471" s="91"/>
      <c r="GB5471" s="91"/>
      <c r="GC5471" s="91"/>
      <c r="GD5471" s="91"/>
      <c r="GE5471" s="91"/>
      <c r="GF5471" s="91"/>
      <c r="GG5471" s="91"/>
      <c r="GH5471" s="91"/>
      <c r="GI5471" s="91"/>
      <c r="GJ5471" s="91"/>
      <c r="GK5471" s="127"/>
      <c r="GL5471" s="126"/>
      <c r="GM5471" s="91"/>
      <c r="GN5471" s="91"/>
      <c r="GO5471" s="91"/>
      <c r="GP5471" s="91"/>
      <c r="GQ5471" s="91"/>
      <c r="GR5471" s="91"/>
      <c r="GS5471" s="91"/>
      <c r="GT5471" s="91"/>
      <c r="GU5471" s="91"/>
      <c r="GV5471" s="91"/>
      <c r="GW5471" s="91"/>
      <c r="GX5471" s="127"/>
      <c r="GY5471" s="126"/>
      <c r="GZ5471" s="91"/>
      <c r="HA5471" s="91"/>
      <c r="HB5471" s="91"/>
      <c r="HC5471" s="91"/>
      <c r="HD5471" s="91"/>
      <c r="HE5471" s="91"/>
      <c r="HF5471" s="91"/>
      <c r="HG5471" s="91"/>
      <c r="HH5471" s="91"/>
      <c r="HI5471" s="91"/>
      <c r="HJ5471" s="91"/>
      <c r="HK5471" s="127"/>
      <c r="HL5471" s="126"/>
      <c r="HM5471" s="91"/>
      <c r="HN5471" s="91"/>
      <c r="HO5471" s="91"/>
      <c r="HP5471" s="91"/>
      <c r="HQ5471" s="91"/>
      <c r="HR5471" s="91"/>
      <c r="HS5471" s="91"/>
      <c r="HT5471" s="91"/>
      <c r="HU5471" s="91"/>
      <c r="HV5471" s="91"/>
      <c r="HW5471" s="91"/>
      <c r="HX5471" s="127"/>
      <c r="HY5471" s="126"/>
      <c r="HZ5471" s="91"/>
      <c r="IA5471" s="91"/>
      <c r="IB5471" s="91"/>
      <c r="IC5471" s="91"/>
      <c r="ID5471" s="91"/>
      <c r="IE5471" s="91"/>
      <c r="IF5471" s="91"/>
      <c r="IG5471" s="91"/>
      <c r="IH5471" s="91"/>
      <c r="II5471" s="91"/>
      <c r="IJ5471" s="91"/>
      <c r="IK5471" s="174"/>
    </row>
    <row r="5472" spans="2:245" x14ac:dyDescent="0.2">
      <c r="B5472" s="43"/>
      <c r="C5472" s="73"/>
      <c r="D5472" s="64"/>
      <c r="E5472" s="64"/>
      <c r="F5472" s="55"/>
      <c r="G5472" s="102"/>
      <c r="H5472" s="97"/>
      <c r="T5472" s="98"/>
      <c r="U5472" s="97"/>
      <c r="AG5472" s="98"/>
      <c r="AY5472" s="164"/>
      <c r="BK5472" s="98"/>
      <c r="BL5472" s="97"/>
      <c r="BX5472" s="98"/>
      <c r="CL5472" s="97"/>
      <c r="CX5472" s="98"/>
      <c r="DL5472" s="97"/>
      <c r="DX5472" s="98"/>
      <c r="EL5472" s="97"/>
      <c r="EX5472" s="98"/>
      <c r="EY5472" s="97"/>
      <c r="FL5472" s="126"/>
      <c r="FM5472" s="91"/>
      <c r="FN5472" s="91"/>
      <c r="FO5472" s="91"/>
      <c r="FP5472" s="91"/>
      <c r="FQ5472" s="91"/>
      <c r="FR5472" s="91"/>
      <c r="FS5472" s="91"/>
      <c r="FT5472" s="91"/>
      <c r="FU5472" s="91"/>
      <c r="FV5472" s="91"/>
      <c r="FW5472" s="91"/>
      <c r="FX5472" s="127"/>
      <c r="FY5472" s="126"/>
      <c r="FZ5472" s="91"/>
      <c r="GA5472" s="91"/>
      <c r="GB5472" s="91"/>
      <c r="GC5472" s="91"/>
      <c r="GD5472" s="91"/>
      <c r="GE5472" s="91"/>
      <c r="GF5472" s="91"/>
      <c r="GG5472" s="91"/>
      <c r="GH5472" s="91"/>
      <c r="GI5472" s="91"/>
      <c r="GJ5472" s="91"/>
      <c r="GK5472" s="127"/>
      <c r="GL5472" s="126"/>
      <c r="GM5472" s="91"/>
      <c r="GN5472" s="91"/>
      <c r="GO5472" s="91"/>
      <c r="GP5472" s="91"/>
      <c r="GQ5472" s="91"/>
      <c r="GR5472" s="91"/>
      <c r="GS5472" s="91"/>
      <c r="GT5472" s="91"/>
      <c r="GU5472" s="91"/>
      <c r="GV5472" s="91"/>
      <c r="GW5472" s="91"/>
      <c r="GX5472" s="127"/>
      <c r="GY5472" s="126"/>
      <c r="GZ5472" s="91"/>
      <c r="HA5472" s="91"/>
      <c r="HB5472" s="91"/>
      <c r="HC5472" s="91"/>
      <c r="HD5472" s="91"/>
      <c r="HE5472" s="91"/>
      <c r="HF5472" s="91"/>
      <c r="HG5472" s="91"/>
      <c r="HH5472" s="91"/>
      <c r="HI5472" s="91"/>
      <c r="HJ5472" s="91"/>
      <c r="HK5472" s="127"/>
      <c r="HL5472" s="126"/>
      <c r="HM5472" s="91"/>
      <c r="HN5472" s="91"/>
      <c r="HO5472" s="91"/>
      <c r="HP5472" s="91"/>
      <c r="HQ5472" s="91"/>
      <c r="HR5472" s="91"/>
      <c r="HS5472" s="91"/>
      <c r="HT5472" s="91"/>
      <c r="HU5472" s="91"/>
      <c r="HV5472" s="91"/>
      <c r="HW5472" s="91"/>
      <c r="HX5472" s="127"/>
      <c r="HY5472" s="126"/>
      <c r="HZ5472" s="91"/>
      <c r="IA5472" s="91"/>
      <c r="IB5472" s="91"/>
      <c r="IC5472" s="91"/>
      <c r="ID5472" s="91"/>
      <c r="IE5472" s="91"/>
      <c r="IF5472" s="91"/>
      <c r="IG5472" s="91"/>
      <c r="IH5472" s="91"/>
      <c r="II5472" s="91"/>
      <c r="IJ5472" s="91"/>
      <c r="IK5472" s="174"/>
    </row>
    <row r="5473" spans="2:245" x14ac:dyDescent="0.2">
      <c r="B5473" s="43"/>
      <c r="C5473" s="73"/>
      <c r="D5473" s="64"/>
      <c r="E5473" s="64"/>
      <c r="F5473" s="55"/>
      <c r="G5473" s="102"/>
      <c r="H5473" s="97"/>
      <c r="T5473" s="98"/>
      <c r="U5473" s="97"/>
      <c r="AG5473" s="98"/>
      <c r="AY5473" s="164"/>
      <c r="BK5473" s="98"/>
      <c r="BL5473" s="97"/>
      <c r="BX5473" s="98"/>
      <c r="CL5473" s="97"/>
      <c r="CX5473" s="98"/>
      <c r="DL5473" s="97"/>
      <c r="DX5473" s="98"/>
      <c r="EL5473" s="97"/>
      <c r="EX5473" s="98"/>
      <c r="EY5473" s="97"/>
      <c r="FL5473" s="126"/>
      <c r="FM5473" s="91"/>
      <c r="FN5473" s="91"/>
      <c r="FO5473" s="91"/>
      <c r="FP5473" s="91"/>
      <c r="FQ5473" s="91"/>
      <c r="FR5473" s="91"/>
      <c r="FS5473" s="91"/>
      <c r="FT5473" s="91"/>
      <c r="FU5473" s="91"/>
      <c r="FV5473" s="91"/>
      <c r="FW5473" s="91"/>
      <c r="FX5473" s="127"/>
      <c r="FY5473" s="126"/>
      <c r="FZ5473" s="91"/>
      <c r="GA5473" s="91"/>
      <c r="GB5473" s="91"/>
      <c r="GC5473" s="91"/>
      <c r="GD5473" s="91"/>
      <c r="GE5473" s="91"/>
      <c r="GF5473" s="91"/>
      <c r="GG5473" s="91"/>
      <c r="GH5473" s="91"/>
      <c r="GI5473" s="91"/>
      <c r="GJ5473" s="91"/>
      <c r="GK5473" s="127"/>
      <c r="GL5473" s="126"/>
      <c r="GM5473" s="91"/>
      <c r="GN5473" s="91"/>
      <c r="GO5473" s="91"/>
      <c r="GP5473" s="91"/>
      <c r="GQ5473" s="91"/>
      <c r="GR5473" s="91"/>
      <c r="GS5473" s="91"/>
      <c r="GT5473" s="91"/>
      <c r="GU5473" s="91"/>
      <c r="GV5473" s="91"/>
      <c r="GW5473" s="91"/>
      <c r="GX5473" s="127"/>
      <c r="GY5473" s="126"/>
      <c r="GZ5473" s="91"/>
      <c r="HA5473" s="91"/>
      <c r="HB5473" s="91"/>
      <c r="HC5473" s="91"/>
      <c r="HD5473" s="91"/>
      <c r="HE5473" s="91"/>
      <c r="HF5473" s="91"/>
      <c r="HG5473" s="91"/>
      <c r="HH5473" s="91"/>
      <c r="HI5473" s="91"/>
      <c r="HJ5473" s="91"/>
      <c r="HK5473" s="127"/>
      <c r="HL5473" s="126"/>
      <c r="HM5473" s="91"/>
      <c r="HN5473" s="91"/>
      <c r="HO5473" s="91"/>
      <c r="HP5473" s="91"/>
      <c r="HQ5473" s="91"/>
      <c r="HR5473" s="91"/>
      <c r="HS5473" s="91"/>
      <c r="HT5473" s="91"/>
      <c r="HU5473" s="91"/>
      <c r="HV5473" s="91"/>
      <c r="HW5473" s="91"/>
      <c r="HX5473" s="127"/>
      <c r="HY5473" s="126"/>
      <c r="HZ5473" s="91"/>
      <c r="IA5473" s="91"/>
      <c r="IB5473" s="91"/>
      <c r="IC5473" s="91"/>
      <c r="ID5473" s="91"/>
      <c r="IE5473" s="91"/>
      <c r="IF5473" s="91"/>
      <c r="IG5473" s="91"/>
      <c r="IH5473" s="91"/>
      <c r="II5473" s="91"/>
      <c r="IJ5473" s="91"/>
      <c r="IK5473" s="174"/>
    </row>
    <row r="5474" spans="2:245" x14ac:dyDescent="0.2">
      <c r="B5474" s="43"/>
      <c r="C5474" s="73"/>
      <c r="D5474" s="64"/>
      <c r="E5474" s="64"/>
      <c r="F5474" s="55"/>
      <c r="G5474" s="102"/>
      <c r="H5474" s="97"/>
      <c r="T5474" s="98"/>
      <c r="U5474" s="97"/>
      <c r="AG5474" s="98"/>
      <c r="AY5474" s="164"/>
      <c r="BK5474" s="98"/>
      <c r="BL5474" s="97"/>
      <c r="BX5474" s="98"/>
      <c r="CL5474" s="97"/>
      <c r="CX5474" s="98"/>
      <c r="DL5474" s="97"/>
      <c r="DX5474" s="98"/>
      <c r="EL5474" s="97"/>
      <c r="EX5474" s="98"/>
      <c r="EY5474" s="97"/>
      <c r="FL5474" s="126"/>
      <c r="FM5474" s="91"/>
      <c r="FN5474" s="91"/>
      <c r="FO5474" s="91"/>
      <c r="FP5474" s="91"/>
      <c r="FQ5474" s="91"/>
      <c r="FR5474" s="91"/>
      <c r="FS5474" s="91"/>
      <c r="FT5474" s="91"/>
      <c r="FU5474" s="91"/>
      <c r="FV5474" s="91"/>
      <c r="FW5474" s="91"/>
      <c r="FX5474" s="127"/>
      <c r="FY5474" s="126"/>
      <c r="FZ5474" s="91"/>
      <c r="GA5474" s="91"/>
      <c r="GB5474" s="91"/>
      <c r="GC5474" s="91"/>
      <c r="GD5474" s="91"/>
      <c r="GE5474" s="91"/>
      <c r="GF5474" s="91"/>
      <c r="GG5474" s="91"/>
      <c r="GH5474" s="91"/>
      <c r="GI5474" s="91"/>
      <c r="GJ5474" s="91"/>
      <c r="GK5474" s="127"/>
      <c r="GL5474" s="126"/>
      <c r="GM5474" s="91"/>
      <c r="GN5474" s="91"/>
      <c r="GO5474" s="91"/>
      <c r="GP5474" s="91"/>
      <c r="GQ5474" s="91"/>
      <c r="GR5474" s="91"/>
      <c r="GS5474" s="91"/>
      <c r="GT5474" s="91"/>
      <c r="GU5474" s="91"/>
      <c r="GV5474" s="91"/>
      <c r="GW5474" s="91"/>
      <c r="GX5474" s="127"/>
      <c r="GY5474" s="126"/>
      <c r="GZ5474" s="91"/>
      <c r="HA5474" s="91"/>
      <c r="HB5474" s="91"/>
      <c r="HC5474" s="91"/>
      <c r="HD5474" s="91"/>
      <c r="HE5474" s="91"/>
      <c r="HF5474" s="91"/>
      <c r="HG5474" s="91"/>
      <c r="HH5474" s="91"/>
      <c r="HI5474" s="91"/>
      <c r="HJ5474" s="91"/>
      <c r="HK5474" s="127"/>
      <c r="HL5474" s="126"/>
      <c r="HM5474" s="91"/>
      <c r="HN5474" s="91"/>
      <c r="HO5474" s="91"/>
      <c r="HP5474" s="91"/>
      <c r="HQ5474" s="91"/>
      <c r="HR5474" s="91"/>
      <c r="HS5474" s="91"/>
      <c r="HT5474" s="91"/>
      <c r="HU5474" s="91"/>
      <c r="HV5474" s="91"/>
      <c r="HW5474" s="91"/>
      <c r="HX5474" s="127"/>
      <c r="HY5474" s="126"/>
      <c r="HZ5474" s="91"/>
      <c r="IA5474" s="91"/>
      <c r="IB5474" s="91"/>
      <c r="IC5474" s="91"/>
      <c r="ID5474" s="91"/>
      <c r="IE5474" s="91"/>
      <c r="IF5474" s="91"/>
      <c r="IG5474" s="91"/>
      <c r="IH5474" s="91"/>
      <c r="II5474" s="91"/>
      <c r="IJ5474" s="91"/>
      <c r="IK5474" s="174"/>
    </row>
    <row r="5475" spans="2:245" x14ac:dyDescent="0.2">
      <c r="B5475" s="43"/>
      <c r="C5475" s="73"/>
      <c r="D5475" s="64"/>
      <c r="E5475" s="64"/>
      <c r="F5475" s="55"/>
      <c r="G5475" s="102"/>
      <c r="H5475" s="97"/>
      <c r="T5475" s="98"/>
      <c r="U5475" s="97"/>
      <c r="AG5475" s="98"/>
      <c r="AY5475" s="164"/>
      <c r="BK5475" s="98"/>
      <c r="BL5475" s="97"/>
      <c r="BX5475" s="98"/>
      <c r="CL5475" s="97"/>
      <c r="CX5475" s="98"/>
      <c r="DL5475" s="97"/>
      <c r="DX5475" s="98"/>
      <c r="EL5475" s="97"/>
      <c r="EX5475" s="98"/>
      <c r="EY5475" s="97"/>
      <c r="FL5475" s="126"/>
      <c r="FM5475" s="91"/>
      <c r="FN5475" s="91"/>
      <c r="FO5475" s="91"/>
      <c r="FP5475" s="91"/>
      <c r="FQ5475" s="91"/>
      <c r="FR5475" s="91"/>
      <c r="FS5475" s="91"/>
      <c r="FT5475" s="91"/>
      <c r="FU5475" s="91"/>
      <c r="FV5475" s="91"/>
      <c r="FW5475" s="91"/>
      <c r="FX5475" s="127"/>
      <c r="FY5475" s="126"/>
      <c r="FZ5475" s="91"/>
      <c r="GA5475" s="91"/>
      <c r="GB5475" s="91"/>
      <c r="GC5475" s="91"/>
      <c r="GD5475" s="91"/>
      <c r="GE5475" s="91"/>
      <c r="GF5475" s="91"/>
      <c r="GG5475" s="91"/>
      <c r="GH5475" s="91"/>
      <c r="GI5475" s="91"/>
      <c r="GJ5475" s="91"/>
      <c r="GK5475" s="127"/>
      <c r="GL5475" s="126"/>
      <c r="GM5475" s="91"/>
      <c r="GN5475" s="91"/>
      <c r="GO5475" s="91"/>
      <c r="GP5475" s="91"/>
      <c r="GQ5475" s="91"/>
      <c r="GR5475" s="91"/>
      <c r="GS5475" s="91"/>
      <c r="GT5475" s="91"/>
      <c r="GU5475" s="91"/>
      <c r="GV5475" s="91"/>
      <c r="GW5475" s="91"/>
      <c r="GX5475" s="127"/>
      <c r="GY5475" s="126"/>
      <c r="GZ5475" s="91"/>
      <c r="HA5475" s="91"/>
      <c r="HB5475" s="91"/>
      <c r="HC5475" s="91"/>
      <c r="HD5475" s="91"/>
      <c r="HE5475" s="91"/>
      <c r="HF5475" s="91"/>
      <c r="HG5475" s="91"/>
      <c r="HH5475" s="91"/>
      <c r="HI5475" s="91"/>
      <c r="HJ5475" s="91"/>
      <c r="HK5475" s="127"/>
      <c r="HL5475" s="126"/>
      <c r="HM5475" s="91"/>
      <c r="HN5475" s="91"/>
      <c r="HO5475" s="91"/>
      <c r="HP5475" s="91"/>
      <c r="HQ5475" s="91"/>
      <c r="HR5475" s="91"/>
      <c r="HS5475" s="91"/>
      <c r="HT5475" s="91"/>
      <c r="HU5475" s="91"/>
      <c r="HV5475" s="91"/>
      <c r="HW5475" s="91"/>
      <c r="HX5475" s="127"/>
      <c r="HY5475" s="126"/>
      <c r="HZ5475" s="91"/>
      <c r="IA5475" s="91"/>
      <c r="IB5475" s="91"/>
      <c r="IC5475" s="91"/>
      <c r="ID5475" s="91"/>
      <c r="IE5475" s="91"/>
      <c r="IF5475" s="91"/>
      <c r="IG5475" s="91"/>
      <c r="IH5475" s="91"/>
      <c r="II5475" s="91"/>
      <c r="IJ5475" s="91"/>
      <c r="IK5475" s="174"/>
    </row>
    <row r="5476" spans="2:245" x14ac:dyDescent="0.2">
      <c r="B5476" s="43"/>
      <c r="C5476" s="73"/>
      <c r="D5476" s="64"/>
      <c r="E5476" s="64"/>
      <c r="F5476" s="55"/>
      <c r="G5476" s="102"/>
      <c r="H5476" s="97"/>
      <c r="T5476" s="98"/>
      <c r="U5476" s="97"/>
      <c r="AG5476" s="98"/>
      <c r="AY5476" s="164"/>
      <c r="BK5476" s="98"/>
      <c r="BL5476" s="97"/>
      <c r="BX5476" s="98"/>
      <c r="CL5476" s="97"/>
      <c r="CX5476" s="98"/>
      <c r="DL5476" s="97"/>
      <c r="DX5476" s="98"/>
      <c r="EL5476" s="97"/>
      <c r="EX5476" s="98"/>
      <c r="EY5476" s="97"/>
      <c r="FL5476" s="126"/>
      <c r="FM5476" s="91"/>
      <c r="FN5476" s="91"/>
      <c r="FO5476" s="91"/>
      <c r="FP5476" s="91"/>
      <c r="FQ5476" s="91"/>
      <c r="FR5476" s="91"/>
      <c r="FS5476" s="91"/>
      <c r="FT5476" s="91"/>
      <c r="FU5476" s="91"/>
      <c r="FV5476" s="91"/>
      <c r="FW5476" s="91"/>
      <c r="FX5476" s="127"/>
      <c r="FY5476" s="126"/>
      <c r="FZ5476" s="91"/>
      <c r="GA5476" s="91"/>
      <c r="GB5476" s="91"/>
      <c r="GC5476" s="91"/>
      <c r="GD5476" s="91"/>
      <c r="GE5476" s="91"/>
      <c r="GF5476" s="91"/>
      <c r="GG5476" s="91"/>
      <c r="GH5476" s="91"/>
      <c r="GI5476" s="91"/>
      <c r="GJ5476" s="91"/>
      <c r="GK5476" s="127"/>
      <c r="GL5476" s="126"/>
      <c r="GM5476" s="91"/>
      <c r="GN5476" s="91"/>
      <c r="GO5476" s="91"/>
      <c r="GP5476" s="91"/>
      <c r="GQ5476" s="91"/>
      <c r="GR5476" s="91"/>
      <c r="GS5476" s="91"/>
      <c r="GT5476" s="91"/>
      <c r="GU5476" s="91"/>
      <c r="GV5476" s="91"/>
      <c r="GW5476" s="91"/>
      <c r="GX5476" s="127"/>
      <c r="GY5476" s="126"/>
      <c r="GZ5476" s="91"/>
      <c r="HA5476" s="91"/>
      <c r="HB5476" s="91"/>
      <c r="HC5476" s="91"/>
      <c r="HD5476" s="91"/>
      <c r="HE5476" s="91"/>
      <c r="HF5476" s="91"/>
      <c r="HG5476" s="91"/>
      <c r="HH5476" s="91"/>
      <c r="HI5476" s="91"/>
      <c r="HJ5476" s="91"/>
      <c r="HK5476" s="127"/>
      <c r="HL5476" s="126"/>
      <c r="HM5476" s="91"/>
      <c r="HN5476" s="91"/>
      <c r="HO5476" s="91"/>
      <c r="HP5476" s="91"/>
      <c r="HQ5476" s="91"/>
      <c r="HR5476" s="91"/>
      <c r="HS5476" s="91"/>
      <c r="HT5476" s="91"/>
      <c r="HU5476" s="91"/>
      <c r="HV5476" s="91"/>
      <c r="HW5476" s="91"/>
      <c r="HX5476" s="127"/>
      <c r="HY5476" s="126"/>
      <c r="HZ5476" s="91"/>
      <c r="IA5476" s="91"/>
      <c r="IB5476" s="91"/>
      <c r="IC5476" s="91"/>
      <c r="ID5476" s="91"/>
      <c r="IE5476" s="91"/>
      <c r="IF5476" s="91"/>
      <c r="IG5476" s="91"/>
      <c r="IH5476" s="91"/>
      <c r="II5476" s="91"/>
      <c r="IJ5476" s="91"/>
      <c r="IK5476" s="174"/>
    </row>
    <row r="5477" spans="2:245" x14ac:dyDescent="0.2">
      <c r="B5477" s="43"/>
      <c r="C5477" s="73"/>
      <c r="D5477" s="64"/>
      <c r="E5477" s="64"/>
      <c r="F5477" s="55"/>
      <c r="G5477" s="102"/>
      <c r="H5477" s="97"/>
      <c r="T5477" s="98"/>
      <c r="U5477" s="97"/>
      <c r="AG5477" s="98"/>
      <c r="AY5477" s="164"/>
      <c r="BK5477" s="98"/>
      <c r="BL5477" s="97"/>
      <c r="BX5477" s="98"/>
      <c r="CL5477" s="97"/>
      <c r="CX5477" s="98"/>
      <c r="DL5477" s="97"/>
      <c r="DX5477" s="98"/>
      <c r="EL5477" s="97"/>
      <c r="EX5477" s="98"/>
      <c r="EY5477" s="97"/>
      <c r="FL5477" s="126"/>
      <c r="FM5477" s="91"/>
      <c r="FN5477" s="91"/>
      <c r="FO5477" s="91"/>
      <c r="FP5477" s="91"/>
      <c r="FQ5477" s="91"/>
      <c r="FR5477" s="91"/>
      <c r="FS5477" s="91"/>
      <c r="FT5477" s="91"/>
      <c r="FU5477" s="91"/>
      <c r="FV5477" s="91"/>
      <c r="FW5477" s="91"/>
      <c r="FX5477" s="127"/>
      <c r="FY5477" s="126"/>
      <c r="FZ5477" s="91"/>
      <c r="GA5477" s="91"/>
      <c r="GB5477" s="91"/>
      <c r="GC5477" s="91"/>
      <c r="GD5477" s="91"/>
      <c r="GE5477" s="91"/>
      <c r="GF5477" s="91"/>
      <c r="GG5477" s="91"/>
      <c r="GH5477" s="91"/>
      <c r="GI5477" s="91"/>
      <c r="GJ5477" s="91"/>
      <c r="GK5477" s="127"/>
      <c r="GL5477" s="126"/>
      <c r="GM5477" s="91"/>
      <c r="GN5477" s="91"/>
      <c r="GO5477" s="91"/>
      <c r="GP5477" s="91"/>
      <c r="GQ5477" s="91"/>
      <c r="GR5477" s="91"/>
      <c r="GS5477" s="91"/>
      <c r="GT5477" s="91"/>
      <c r="GU5477" s="91"/>
      <c r="GV5477" s="91"/>
      <c r="GW5477" s="91"/>
      <c r="GX5477" s="127"/>
      <c r="GY5477" s="126"/>
      <c r="GZ5477" s="91"/>
      <c r="HA5477" s="91"/>
      <c r="HB5477" s="91"/>
      <c r="HC5477" s="91"/>
      <c r="HD5477" s="91"/>
      <c r="HE5477" s="91"/>
      <c r="HF5477" s="91"/>
      <c r="HG5477" s="91"/>
      <c r="HH5477" s="91"/>
      <c r="HI5477" s="91"/>
      <c r="HJ5477" s="91"/>
      <c r="HK5477" s="127"/>
      <c r="HL5477" s="126"/>
      <c r="HM5477" s="91"/>
      <c r="HN5477" s="91"/>
      <c r="HO5477" s="91"/>
      <c r="HP5477" s="91"/>
      <c r="HQ5477" s="91"/>
      <c r="HR5477" s="91"/>
      <c r="HS5477" s="91"/>
      <c r="HT5477" s="91"/>
      <c r="HU5477" s="91"/>
      <c r="HV5477" s="91"/>
      <c r="HW5477" s="91"/>
      <c r="HX5477" s="127"/>
      <c r="HY5477" s="126"/>
      <c r="HZ5477" s="91"/>
      <c r="IA5477" s="91"/>
      <c r="IB5477" s="91"/>
      <c r="IC5477" s="91"/>
      <c r="ID5477" s="91"/>
      <c r="IE5477" s="91"/>
      <c r="IF5477" s="91"/>
      <c r="IG5477" s="91"/>
      <c r="IH5477" s="91"/>
      <c r="II5477" s="91"/>
      <c r="IJ5477" s="91"/>
      <c r="IK5477" s="174"/>
    </row>
    <row r="5478" spans="2:245" x14ac:dyDescent="0.2">
      <c r="B5478" s="43"/>
      <c r="C5478" s="73"/>
      <c r="D5478" s="64"/>
      <c r="E5478" s="64"/>
      <c r="F5478" s="55"/>
      <c r="G5478" s="102"/>
      <c r="H5478" s="97"/>
      <c r="T5478" s="98"/>
      <c r="U5478" s="97"/>
      <c r="AG5478" s="98"/>
      <c r="AY5478" s="164"/>
      <c r="BK5478" s="98"/>
      <c r="BL5478" s="97"/>
      <c r="BX5478" s="98"/>
      <c r="CL5478" s="97"/>
      <c r="CX5478" s="98"/>
      <c r="DL5478" s="97"/>
      <c r="DX5478" s="98"/>
      <c r="EL5478" s="97"/>
      <c r="EX5478" s="98"/>
      <c r="EY5478" s="97"/>
      <c r="FL5478" s="126"/>
      <c r="FM5478" s="91"/>
      <c r="FN5478" s="91"/>
      <c r="FO5478" s="91"/>
      <c r="FP5478" s="91"/>
      <c r="FQ5478" s="91"/>
      <c r="FR5478" s="91"/>
      <c r="FS5478" s="91"/>
      <c r="FT5478" s="91"/>
      <c r="FU5478" s="91"/>
      <c r="FV5478" s="91"/>
      <c r="FW5478" s="91"/>
      <c r="FX5478" s="127"/>
      <c r="FY5478" s="126"/>
      <c r="FZ5478" s="91"/>
      <c r="GA5478" s="91"/>
      <c r="GB5478" s="91"/>
      <c r="GC5478" s="91"/>
      <c r="GD5478" s="91"/>
      <c r="GE5478" s="91"/>
      <c r="GF5478" s="91"/>
      <c r="GG5478" s="91"/>
      <c r="GH5478" s="91"/>
      <c r="GI5478" s="91"/>
      <c r="GJ5478" s="91"/>
      <c r="GK5478" s="127"/>
      <c r="GL5478" s="126"/>
      <c r="GM5478" s="91"/>
      <c r="GN5478" s="91"/>
      <c r="GO5478" s="91"/>
      <c r="GP5478" s="91"/>
      <c r="GQ5478" s="91"/>
      <c r="GR5478" s="91"/>
      <c r="GS5478" s="91"/>
      <c r="GT5478" s="91"/>
      <c r="GU5478" s="91"/>
      <c r="GV5478" s="91"/>
      <c r="GW5478" s="91"/>
      <c r="GX5478" s="127"/>
      <c r="GY5478" s="126"/>
      <c r="GZ5478" s="91"/>
      <c r="HA5478" s="91"/>
      <c r="HB5478" s="91"/>
      <c r="HC5478" s="91"/>
      <c r="HD5478" s="91"/>
      <c r="HE5478" s="91"/>
      <c r="HF5478" s="91"/>
      <c r="HG5478" s="91"/>
      <c r="HH5478" s="91"/>
      <c r="HI5478" s="91"/>
      <c r="HJ5478" s="91"/>
      <c r="HK5478" s="127"/>
      <c r="HL5478" s="126"/>
      <c r="HM5478" s="91"/>
      <c r="HN5478" s="91"/>
      <c r="HO5478" s="91"/>
      <c r="HP5478" s="91"/>
      <c r="HQ5478" s="91"/>
      <c r="HR5478" s="91"/>
      <c r="HS5478" s="91"/>
      <c r="HT5478" s="91"/>
      <c r="HU5478" s="91"/>
      <c r="HV5478" s="91"/>
      <c r="HW5478" s="91"/>
      <c r="HX5478" s="127"/>
      <c r="HY5478" s="126"/>
      <c r="HZ5478" s="91"/>
      <c r="IA5478" s="91"/>
      <c r="IB5478" s="91"/>
      <c r="IC5478" s="91"/>
      <c r="ID5478" s="91"/>
      <c r="IE5478" s="91"/>
      <c r="IF5478" s="91"/>
      <c r="IG5478" s="91"/>
      <c r="IH5478" s="91"/>
      <c r="II5478" s="91"/>
      <c r="IJ5478" s="91"/>
      <c r="IK5478" s="174"/>
    </row>
    <row r="5479" spans="2:245" x14ac:dyDescent="0.2">
      <c r="B5479" s="43"/>
      <c r="C5479" s="73"/>
      <c r="D5479" s="64"/>
      <c r="E5479" s="64"/>
      <c r="F5479" s="55"/>
      <c r="G5479" s="102"/>
      <c r="H5479" s="97"/>
      <c r="T5479" s="98"/>
      <c r="U5479" s="97"/>
      <c r="AG5479" s="98"/>
      <c r="AY5479" s="164"/>
      <c r="BK5479" s="98"/>
      <c r="BL5479" s="97"/>
      <c r="BX5479" s="98"/>
      <c r="CL5479" s="97"/>
      <c r="CX5479" s="98"/>
      <c r="DL5479" s="97"/>
      <c r="DX5479" s="98"/>
      <c r="EL5479" s="97"/>
      <c r="EX5479" s="98"/>
      <c r="EY5479" s="97"/>
      <c r="FL5479" s="126"/>
      <c r="FM5479" s="91"/>
      <c r="FN5479" s="91"/>
      <c r="FO5479" s="91"/>
      <c r="FP5479" s="91"/>
      <c r="FQ5479" s="91"/>
      <c r="FR5479" s="91"/>
      <c r="FS5479" s="91"/>
      <c r="FT5479" s="91"/>
      <c r="FU5479" s="91"/>
      <c r="FV5479" s="91"/>
      <c r="FW5479" s="91"/>
      <c r="FX5479" s="127"/>
      <c r="FY5479" s="126"/>
      <c r="FZ5479" s="91"/>
      <c r="GA5479" s="91"/>
      <c r="GB5479" s="91"/>
      <c r="GC5479" s="91"/>
      <c r="GD5479" s="91"/>
      <c r="GE5479" s="91"/>
      <c r="GF5479" s="91"/>
      <c r="GG5479" s="91"/>
      <c r="GH5479" s="91"/>
      <c r="GI5479" s="91"/>
      <c r="GJ5479" s="91"/>
      <c r="GK5479" s="127"/>
      <c r="GL5479" s="126"/>
      <c r="GM5479" s="91"/>
      <c r="GN5479" s="91"/>
      <c r="GO5479" s="91"/>
      <c r="GP5479" s="91"/>
      <c r="GQ5479" s="91"/>
      <c r="GR5479" s="91"/>
      <c r="GS5479" s="91"/>
      <c r="GT5479" s="91"/>
      <c r="GU5479" s="91"/>
      <c r="GV5479" s="91"/>
      <c r="GW5479" s="91"/>
      <c r="GX5479" s="127"/>
      <c r="GY5479" s="126"/>
      <c r="GZ5479" s="91"/>
      <c r="HA5479" s="91"/>
      <c r="HB5479" s="91"/>
      <c r="HC5479" s="91"/>
      <c r="HD5479" s="91"/>
      <c r="HE5479" s="91"/>
      <c r="HF5479" s="91"/>
      <c r="HG5479" s="91"/>
      <c r="HH5479" s="91"/>
      <c r="HI5479" s="91"/>
      <c r="HJ5479" s="91"/>
      <c r="HK5479" s="127"/>
      <c r="HL5479" s="126"/>
      <c r="HM5479" s="91"/>
      <c r="HN5479" s="91"/>
      <c r="HO5479" s="91"/>
      <c r="HP5479" s="91"/>
      <c r="HQ5479" s="91"/>
      <c r="HR5479" s="91"/>
      <c r="HS5479" s="91"/>
      <c r="HT5479" s="91"/>
      <c r="HU5479" s="91"/>
      <c r="HV5479" s="91"/>
      <c r="HW5479" s="91"/>
      <c r="HX5479" s="127"/>
      <c r="HY5479" s="126"/>
      <c r="HZ5479" s="91"/>
      <c r="IA5479" s="91"/>
      <c r="IB5479" s="91"/>
      <c r="IC5479" s="91"/>
      <c r="ID5479" s="91"/>
      <c r="IE5479" s="91"/>
      <c r="IF5479" s="91"/>
      <c r="IG5479" s="91"/>
      <c r="IH5479" s="91"/>
      <c r="II5479" s="91"/>
      <c r="IJ5479" s="91"/>
      <c r="IK5479" s="174"/>
    </row>
    <row r="5480" spans="2:245" x14ac:dyDescent="0.2">
      <c r="B5480" s="43"/>
      <c r="C5480" s="73"/>
      <c r="D5480" s="64"/>
      <c r="E5480" s="64"/>
      <c r="F5480" s="55"/>
      <c r="G5480" s="102"/>
      <c r="H5480" s="97"/>
      <c r="T5480" s="98"/>
      <c r="U5480" s="97"/>
      <c r="AG5480" s="98"/>
      <c r="AY5480" s="164"/>
      <c r="BK5480" s="98"/>
      <c r="BL5480" s="97"/>
      <c r="BX5480" s="98"/>
      <c r="CL5480" s="97"/>
      <c r="CX5480" s="98"/>
      <c r="DL5480" s="97"/>
      <c r="DX5480" s="98"/>
      <c r="EL5480" s="97"/>
      <c r="EX5480" s="98"/>
      <c r="EY5480" s="97"/>
      <c r="FL5480" s="126"/>
      <c r="FM5480" s="91"/>
      <c r="FN5480" s="91"/>
      <c r="FO5480" s="91"/>
      <c r="FP5480" s="91"/>
      <c r="FQ5480" s="91"/>
      <c r="FR5480" s="91"/>
      <c r="FS5480" s="91"/>
      <c r="FT5480" s="91"/>
      <c r="FU5480" s="91"/>
      <c r="FV5480" s="91"/>
      <c r="FW5480" s="91"/>
      <c r="FX5480" s="127"/>
      <c r="FY5480" s="126"/>
      <c r="FZ5480" s="91"/>
      <c r="GA5480" s="91"/>
      <c r="GB5480" s="91"/>
      <c r="GC5480" s="91"/>
      <c r="GD5480" s="91"/>
      <c r="GE5480" s="91"/>
      <c r="GF5480" s="91"/>
      <c r="GG5480" s="91"/>
      <c r="GH5480" s="91"/>
      <c r="GI5480" s="91"/>
      <c r="GJ5480" s="91"/>
      <c r="GK5480" s="127"/>
      <c r="GL5480" s="126"/>
      <c r="GM5480" s="91"/>
      <c r="GN5480" s="91"/>
      <c r="GO5480" s="91"/>
      <c r="GP5480" s="91"/>
      <c r="GQ5480" s="91"/>
      <c r="GR5480" s="91"/>
      <c r="GS5480" s="91"/>
      <c r="GT5480" s="91"/>
      <c r="GU5480" s="91"/>
      <c r="GV5480" s="91"/>
      <c r="GW5480" s="91"/>
      <c r="GX5480" s="127"/>
      <c r="GY5480" s="126"/>
      <c r="GZ5480" s="91"/>
      <c r="HA5480" s="91"/>
      <c r="HB5480" s="91"/>
      <c r="HC5480" s="91"/>
      <c r="HD5480" s="91"/>
      <c r="HE5480" s="91"/>
      <c r="HF5480" s="91"/>
      <c r="HG5480" s="91"/>
      <c r="HH5480" s="91"/>
      <c r="HI5480" s="91"/>
      <c r="HJ5480" s="91"/>
      <c r="HK5480" s="127"/>
      <c r="HL5480" s="126"/>
      <c r="HM5480" s="91"/>
      <c r="HN5480" s="91"/>
      <c r="HO5480" s="91"/>
      <c r="HP5480" s="91"/>
      <c r="HQ5480" s="91"/>
      <c r="HR5480" s="91"/>
      <c r="HS5480" s="91"/>
      <c r="HT5480" s="91"/>
      <c r="HU5480" s="91"/>
      <c r="HV5480" s="91"/>
      <c r="HW5480" s="91"/>
      <c r="HX5480" s="127"/>
      <c r="HY5480" s="126"/>
      <c r="HZ5480" s="91"/>
      <c r="IA5480" s="91"/>
      <c r="IB5480" s="91"/>
      <c r="IC5480" s="91"/>
      <c r="ID5480" s="91"/>
      <c r="IE5480" s="91"/>
      <c r="IF5480" s="91"/>
      <c r="IG5480" s="91"/>
      <c r="IH5480" s="91"/>
      <c r="II5480" s="91"/>
      <c r="IJ5480" s="91"/>
      <c r="IK5480" s="174"/>
    </row>
    <row r="5481" spans="2:245" x14ac:dyDescent="0.2">
      <c r="B5481" s="43"/>
      <c r="C5481" s="73"/>
      <c r="D5481" s="64"/>
      <c r="E5481" s="64"/>
      <c r="F5481" s="55"/>
      <c r="G5481" s="102"/>
      <c r="H5481" s="97"/>
      <c r="T5481" s="98"/>
      <c r="U5481" s="97"/>
      <c r="AG5481" s="98"/>
      <c r="AY5481" s="164"/>
      <c r="BK5481" s="98"/>
      <c r="BL5481" s="97"/>
      <c r="BX5481" s="98"/>
      <c r="CL5481" s="97"/>
      <c r="CX5481" s="98"/>
      <c r="DL5481" s="97"/>
      <c r="DX5481" s="98"/>
      <c r="EL5481" s="97"/>
      <c r="EX5481" s="98"/>
      <c r="EY5481" s="97"/>
      <c r="FL5481" s="126"/>
      <c r="FM5481" s="91"/>
      <c r="FN5481" s="91"/>
      <c r="FO5481" s="91"/>
      <c r="FP5481" s="91"/>
      <c r="FQ5481" s="91"/>
      <c r="FR5481" s="91"/>
      <c r="FS5481" s="91"/>
      <c r="FT5481" s="91"/>
      <c r="FU5481" s="91"/>
      <c r="FV5481" s="91"/>
      <c r="FW5481" s="91"/>
      <c r="FX5481" s="127"/>
      <c r="FY5481" s="126"/>
      <c r="FZ5481" s="91"/>
      <c r="GA5481" s="91"/>
      <c r="GB5481" s="91"/>
      <c r="GC5481" s="91"/>
      <c r="GD5481" s="91"/>
      <c r="GE5481" s="91"/>
      <c r="GF5481" s="91"/>
      <c r="GG5481" s="91"/>
      <c r="GH5481" s="91"/>
      <c r="GI5481" s="91"/>
      <c r="GJ5481" s="91"/>
      <c r="GK5481" s="127"/>
      <c r="GL5481" s="126"/>
      <c r="GM5481" s="91"/>
      <c r="GN5481" s="91"/>
      <c r="GO5481" s="91"/>
      <c r="GP5481" s="91"/>
      <c r="GQ5481" s="91"/>
      <c r="GR5481" s="91"/>
      <c r="GS5481" s="91"/>
      <c r="GT5481" s="91"/>
      <c r="GU5481" s="91"/>
      <c r="GV5481" s="91"/>
      <c r="GW5481" s="91"/>
      <c r="GX5481" s="127"/>
      <c r="GY5481" s="126"/>
      <c r="GZ5481" s="91"/>
      <c r="HA5481" s="91"/>
      <c r="HB5481" s="91"/>
      <c r="HC5481" s="91"/>
      <c r="HD5481" s="91"/>
      <c r="HE5481" s="91"/>
      <c r="HF5481" s="91"/>
      <c r="HG5481" s="91"/>
      <c r="HH5481" s="91"/>
      <c r="HI5481" s="91"/>
      <c r="HJ5481" s="91"/>
      <c r="HK5481" s="127"/>
      <c r="HL5481" s="126"/>
      <c r="HM5481" s="91"/>
      <c r="HN5481" s="91"/>
      <c r="HO5481" s="91"/>
      <c r="HP5481" s="91"/>
      <c r="HQ5481" s="91"/>
      <c r="HR5481" s="91"/>
      <c r="HS5481" s="91"/>
      <c r="HT5481" s="91"/>
      <c r="HU5481" s="91"/>
      <c r="HV5481" s="91"/>
      <c r="HW5481" s="91"/>
      <c r="HX5481" s="127"/>
      <c r="HY5481" s="126"/>
      <c r="HZ5481" s="91"/>
      <c r="IA5481" s="91"/>
      <c r="IB5481" s="91"/>
      <c r="IC5481" s="91"/>
      <c r="ID5481" s="91"/>
      <c r="IE5481" s="91"/>
      <c r="IF5481" s="91"/>
      <c r="IG5481" s="91"/>
      <c r="IH5481" s="91"/>
      <c r="II5481" s="91"/>
      <c r="IJ5481" s="91"/>
      <c r="IK5481" s="174"/>
    </row>
    <row r="5482" spans="2:245" x14ac:dyDescent="0.2">
      <c r="B5482" s="43"/>
      <c r="C5482" s="73"/>
      <c r="D5482" s="64"/>
      <c r="E5482" s="64"/>
      <c r="F5482" s="55"/>
      <c r="G5482" s="102"/>
      <c r="H5482" s="97"/>
      <c r="T5482" s="98"/>
      <c r="U5482" s="97"/>
      <c r="AG5482" s="98"/>
      <c r="AY5482" s="164"/>
      <c r="BK5482" s="98"/>
      <c r="BL5482" s="97"/>
      <c r="BX5482" s="98"/>
      <c r="CL5482" s="97"/>
      <c r="CX5482" s="98"/>
      <c r="DL5482" s="97"/>
      <c r="DX5482" s="98"/>
      <c r="EL5482" s="97"/>
      <c r="EX5482" s="98"/>
      <c r="EY5482" s="97"/>
      <c r="FL5482" s="126"/>
      <c r="FM5482" s="91"/>
      <c r="FN5482" s="91"/>
      <c r="FO5482" s="91"/>
      <c r="FP5482" s="91"/>
      <c r="FQ5482" s="91"/>
      <c r="FR5482" s="91"/>
      <c r="FS5482" s="91"/>
      <c r="FT5482" s="91"/>
      <c r="FU5482" s="91"/>
      <c r="FV5482" s="91"/>
      <c r="FW5482" s="91"/>
      <c r="FX5482" s="127"/>
      <c r="FY5482" s="126"/>
      <c r="FZ5482" s="91"/>
      <c r="GA5482" s="91"/>
      <c r="GB5482" s="91"/>
      <c r="GC5482" s="91"/>
      <c r="GD5482" s="91"/>
      <c r="GE5482" s="91"/>
      <c r="GF5482" s="91"/>
      <c r="GG5482" s="91"/>
      <c r="GH5482" s="91"/>
      <c r="GI5482" s="91"/>
      <c r="GJ5482" s="91"/>
      <c r="GK5482" s="127"/>
      <c r="GL5482" s="126"/>
      <c r="GM5482" s="91"/>
      <c r="GN5482" s="91"/>
      <c r="GO5482" s="91"/>
      <c r="GP5482" s="91"/>
      <c r="GQ5482" s="91"/>
      <c r="GR5482" s="91"/>
      <c r="GS5482" s="91"/>
      <c r="GT5482" s="91"/>
      <c r="GU5482" s="91"/>
      <c r="GV5482" s="91"/>
      <c r="GW5482" s="91"/>
      <c r="GX5482" s="127"/>
      <c r="GY5482" s="126"/>
      <c r="GZ5482" s="91"/>
      <c r="HA5482" s="91"/>
      <c r="HB5482" s="91"/>
      <c r="HC5482" s="91"/>
      <c r="HD5482" s="91"/>
      <c r="HE5482" s="91"/>
      <c r="HF5482" s="91"/>
      <c r="HG5482" s="91"/>
      <c r="HH5482" s="91"/>
      <c r="HI5482" s="91"/>
      <c r="HJ5482" s="91"/>
      <c r="HK5482" s="127"/>
      <c r="HL5482" s="126"/>
      <c r="HM5482" s="91"/>
      <c r="HN5482" s="91"/>
      <c r="HO5482" s="91"/>
      <c r="HP5482" s="91"/>
      <c r="HQ5482" s="91"/>
      <c r="HR5482" s="91"/>
      <c r="HS5482" s="91"/>
      <c r="HT5482" s="91"/>
      <c r="HU5482" s="91"/>
      <c r="HV5482" s="91"/>
      <c r="HW5482" s="91"/>
      <c r="HX5482" s="127"/>
      <c r="HY5482" s="126"/>
      <c r="HZ5482" s="91"/>
      <c r="IA5482" s="91"/>
      <c r="IB5482" s="91"/>
      <c r="IC5482" s="91"/>
      <c r="ID5482" s="91"/>
      <c r="IE5482" s="91"/>
      <c r="IF5482" s="91"/>
      <c r="IG5482" s="91"/>
      <c r="IH5482" s="91"/>
      <c r="II5482" s="91"/>
      <c r="IJ5482" s="91"/>
      <c r="IK5482" s="174"/>
    </row>
    <row r="5483" spans="2:245" x14ac:dyDescent="0.2">
      <c r="B5483" s="43"/>
      <c r="C5483" s="73"/>
      <c r="D5483" s="64"/>
      <c r="E5483" s="64"/>
      <c r="F5483" s="55"/>
      <c r="G5483" s="102"/>
      <c r="H5483" s="97"/>
      <c r="T5483" s="98"/>
      <c r="U5483" s="97"/>
      <c r="AG5483" s="98"/>
      <c r="AY5483" s="164"/>
      <c r="BK5483" s="98"/>
      <c r="BL5483" s="97"/>
      <c r="BX5483" s="98"/>
      <c r="CL5483" s="97"/>
      <c r="CX5483" s="98"/>
      <c r="DL5483" s="97"/>
      <c r="DX5483" s="98"/>
      <c r="EL5483" s="97"/>
      <c r="EX5483" s="98"/>
      <c r="EY5483" s="97"/>
      <c r="FL5483" s="126"/>
      <c r="FM5483" s="91"/>
      <c r="FN5483" s="91"/>
      <c r="FO5483" s="91"/>
      <c r="FP5483" s="91"/>
      <c r="FQ5483" s="91"/>
      <c r="FR5483" s="91"/>
      <c r="FS5483" s="91"/>
      <c r="FT5483" s="91"/>
      <c r="FU5483" s="91"/>
      <c r="FV5483" s="91"/>
      <c r="FW5483" s="91"/>
      <c r="FX5483" s="127"/>
      <c r="FY5483" s="126"/>
      <c r="FZ5483" s="91"/>
      <c r="GA5483" s="91"/>
      <c r="GB5483" s="91"/>
      <c r="GC5483" s="91"/>
      <c r="GD5483" s="91"/>
      <c r="GE5483" s="91"/>
      <c r="GF5483" s="91"/>
      <c r="GG5483" s="91"/>
      <c r="GH5483" s="91"/>
      <c r="GI5483" s="91"/>
      <c r="GJ5483" s="91"/>
      <c r="GK5483" s="127"/>
      <c r="GL5483" s="126"/>
      <c r="GM5483" s="91"/>
      <c r="GN5483" s="91"/>
      <c r="GO5483" s="91"/>
      <c r="GP5483" s="91"/>
      <c r="GQ5483" s="91"/>
      <c r="GR5483" s="91"/>
      <c r="GS5483" s="91"/>
      <c r="GT5483" s="91"/>
      <c r="GU5483" s="91"/>
      <c r="GV5483" s="91"/>
      <c r="GW5483" s="91"/>
      <c r="GX5483" s="127"/>
      <c r="GY5483" s="126"/>
      <c r="GZ5483" s="91"/>
      <c r="HA5483" s="91"/>
      <c r="HB5483" s="91"/>
      <c r="HC5483" s="91"/>
      <c r="HD5483" s="91"/>
      <c r="HE5483" s="91"/>
      <c r="HF5483" s="91"/>
      <c r="HG5483" s="91"/>
      <c r="HH5483" s="91"/>
      <c r="HI5483" s="91"/>
      <c r="HJ5483" s="91"/>
      <c r="HK5483" s="127"/>
      <c r="HL5483" s="126"/>
      <c r="HM5483" s="91"/>
      <c r="HN5483" s="91"/>
      <c r="HO5483" s="91"/>
      <c r="HP5483" s="91"/>
      <c r="HQ5483" s="91"/>
      <c r="HR5483" s="91"/>
      <c r="HS5483" s="91"/>
      <c r="HT5483" s="91"/>
      <c r="HU5483" s="91"/>
      <c r="HV5483" s="91"/>
      <c r="HW5483" s="91"/>
      <c r="HX5483" s="127"/>
      <c r="HY5483" s="126"/>
      <c r="HZ5483" s="91"/>
      <c r="IA5483" s="91"/>
      <c r="IB5483" s="91"/>
      <c r="IC5483" s="91"/>
      <c r="ID5483" s="91"/>
      <c r="IE5483" s="91"/>
      <c r="IF5483" s="91"/>
      <c r="IG5483" s="91"/>
      <c r="IH5483" s="91"/>
      <c r="II5483" s="91"/>
      <c r="IJ5483" s="91"/>
      <c r="IK5483" s="174"/>
    </row>
    <row r="5484" spans="2:245" x14ac:dyDescent="0.2">
      <c r="B5484" s="43"/>
      <c r="C5484" s="73"/>
      <c r="D5484" s="64"/>
      <c r="E5484" s="64"/>
      <c r="F5484" s="55"/>
      <c r="G5484" s="102"/>
      <c r="H5484" s="97"/>
      <c r="T5484" s="98"/>
      <c r="U5484" s="97"/>
      <c r="AG5484" s="98"/>
      <c r="AY5484" s="164"/>
      <c r="BK5484" s="98"/>
      <c r="BL5484" s="97"/>
      <c r="BX5484" s="98"/>
      <c r="CL5484" s="97"/>
      <c r="CX5484" s="98"/>
      <c r="DL5484" s="97"/>
      <c r="DX5484" s="98"/>
      <c r="EL5484" s="97"/>
      <c r="EX5484" s="98"/>
      <c r="EY5484" s="97"/>
      <c r="FL5484" s="126"/>
      <c r="FM5484" s="91"/>
      <c r="FN5484" s="91"/>
      <c r="FO5484" s="91"/>
      <c r="FP5484" s="91"/>
      <c r="FQ5484" s="91"/>
      <c r="FR5484" s="91"/>
      <c r="FS5484" s="91"/>
      <c r="FT5484" s="91"/>
      <c r="FU5484" s="91"/>
      <c r="FV5484" s="91"/>
      <c r="FW5484" s="91"/>
      <c r="FX5484" s="127"/>
      <c r="FY5484" s="126"/>
      <c r="FZ5484" s="91"/>
      <c r="GA5484" s="91"/>
      <c r="GB5484" s="91"/>
      <c r="GC5484" s="91"/>
      <c r="GD5484" s="91"/>
      <c r="GE5484" s="91"/>
      <c r="GF5484" s="91"/>
      <c r="GG5484" s="91"/>
      <c r="GH5484" s="91"/>
      <c r="GI5484" s="91"/>
      <c r="GJ5484" s="91"/>
      <c r="GK5484" s="127"/>
      <c r="GL5484" s="126"/>
      <c r="GM5484" s="91"/>
      <c r="GN5484" s="91"/>
      <c r="GO5484" s="91"/>
      <c r="GP5484" s="91"/>
      <c r="GQ5484" s="91"/>
      <c r="GR5484" s="91"/>
      <c r="GS5484" s="91"/>
      <c r="GT5484" s="91"/>
      <c r="GU5484" s="91"/>
      <c r="GV5484" s="91"/>
      <c r="GW5484" s="91"/>
      <c r="GX5484" s="127"/>
      <c r="GY5484" s="126"/>
      <c r="GZ5484" s="91"/>
      <c r="HA5484" s="91"/>
      <c r="HB5484" s="91"/>
      <c r="HC5484" s="91"/>
      <c r="HD5484" s="91"/>
      <c r="HE5484" s="91"/>
      <c r="HF5484" s="91"/>
      <c r="HG5484" s="91"/>
      <c r="HH5484" s="91"/>
      <c r="HI5484" s="91"/>
      <c r="HJ5484" s="91"/>
      <c r="HK5484" s="127"/>
      <c r="HL5484" s="126"/>
      <c r="HM5484" s="91"/>
      <c r="HN5484" s="91"/>
      <c r="HO5484" s="91"/>
      <c r="HP5484" s="91"/>
      <c r="HQ5484" s="91"/>
      <c r="HR5484" s="91"/>
      <c r="HS5484" s="91"/>
      <c r="HT5484" s="91"/>
      <c r="HU5484" s="91"/>
      <c r="HV5484" s="91"/>
      <c r="HW5484" s="91"/>
      <c r="HX5484" s="127"/>
      <c r="HY5484" s="126"/>
      <c r="HZ5484" s="91"/>
      <c r="IA5484" s="91"/>
      <c r="IB5484" s="91"/>
      <c r="IC5484" s="91"/>
      <c r="ID5484" s="91"/>
      <c r="IE5484" s="91"/>
      <c r="IF5484" s="91"/>
      <c r="IG5484" s="91"/>
      <c r="IH5484" s="91"/>
      <c r="II5484" s="91"/>
      <c r="IJ5484" s="91"/>
      <c r="IK5484" s="174"/>
    </row>
    <row r="5485" spans="2:245" x14ac:dyDescent="0.2">
      <c r="B5485" s="43"/>
      <c r="C5485" s="73"/>
      <c r="D5485" s="64"/>
      <c r="E5485" s="64"/>
      <c r="F5485" s="55"/>
      <c r="G5485" s="102"/>
      <c r="H5485" s="97"/>
      <c r="T5485" s="98"/>
      <c r="U5485" s="97"/>
      <c r="AG5485" s="98"/>
      <c r="AY5485" s="164"/>
      <c r="BK5485" s="98"/>
      <c r="BL5485" s="97"/>
      <c r="BX5485" s="98"/>
      <c r="CL5485" s="97"/>
      <c r="CX5485" s="98"/>
      <c r="DL5485" s="97"/>
      <c r="DX5485" s="98"/>
      <c r="EL5485" s="97"/>
      <c r="EX5485" s="98"/>
      <c r="EY5485" s="97"/>
      <c r="FL5485" s="126"/>
      <c r="FM5485" s="91"/>
      <c r="FN5485" s="91"/>
      <c r="FO5485" s="91"/>
      <c r="FP5485" s="91"/>
      <c r="FQ5485" s="91"/>
      <c r="FR5485" s="91"/>
      <c r="FS5485" s="91"/>
      <c r="FT5485" s="91"/>
      <c r="FU5485" s="91"/>
      <c r="FV5485" s="91"/>
      <c r="FW5485" s="91"/>
      <c r="FX5485" s="127"/>
      <c r="FY5485" s="126"/>
      <c r="FZ5485" s="91"/>
      <c r="GA5485" s="91"/>
      <c r="GB5485" s="91"/>
      <c r="GC5485" s="91"/>
      <c r="GD5485" s="91"/>
      <c r="GE5485" s="91"/>
      <c r="GF5485" s="91"/>
      <c r="GG5485" s="91"/>
      <c r="GH5485" s="91"/>
      <c r="GI5485" s="91"/>
      <c r="GJ5485" s="91"/>
      <c r="GK5485" s="127"/>
      <c r="GL5485" s="126"/>
      <c r="GM5485" s="91"/>
      <c r="GN5485" s="91"/>
      <c r="GO5485" s="91"/>
      <c r="GP5485" s="91"/>
      <c r="GQ5485" s="91"/>
      <c r="GR5485" s="91"/>
      <c r="GS5485" s="91"/>
      <c r="GT5485" s="91"/>
      <c r="GU5485" s="91"/>
      <c r="GV5485" s="91"/>
      <c r="GW5485" s="91"/>
      <c r="GX5485" s="127"/>
      <c r="GY5485" s="126"/>
      <c r="GZ5485" s="91"/>
      <c r="HA5485" s="91"/>
      <c r="HB5485" s="91"/>
      <c r="HC5485" s="91"/>
      <c r="HD5485" s="91"/>
      <c r="HE5485" s="91"/>
      <c r="HF5485" s="91"/>
      <c r="HG5485" s="91"/>
      <c r="HH5485" s="91"/>
      <c r="HI5485" s="91"/>
      <c r="HJ5485" s="91"/>
      <c r="HK5485" s="127"/>
      <c r="HL5485" s="126"/>
      <c r="HM5485" s="91"/>
      <c r="HN5485" s="91"/>
      <c r="HO5485" s="91"/>
      <c r="HP5485" s="91"/>
      <c r="HQ5485" s="91"/>
      <c r="HR5485" s="91"/>
      <c r="HS5485" s="91"/>
      <c r="HT5485" s="91"/>
      <c r="HU5485" s="91"/>
      <c r="HV5485" s="91"/>
      <c r="HW5485" s="91"/>
      <c r="HX5485" s="127"/>
      <c r="HY5485" s="126"/>
      <c r="HZ5485" s="91"/>
      <c r="IA5485" s="91"/>
      <c r="IB5485" s="91"/>
      <c r="IC5485" s="91"/>
      <c r="ID5485" s="91"/>
      <c r="IE5485" s="91"/>
      <c r="IF5485" s="91"/>
      <c r="IG5485" s="91"/>
      <c r="IH5485" s="91"/>
      <c r="II5485" s="91"/>
      <c r="IJ5485" s="91"/>
      <c r="IK5485" s="174"/>
    </row>
    <row r="5486" spans="2:245" x14ac:dyDescent="0.2">
      <c r="B5486" s="43"/>
      <c r="C5486" s="73"/>
      <c r="D5486" s="64"/>
      <c r="E5486" s="64"/>
      <c r="F5486" s="55"/>
      <c r="G5486" s="102"/>
      <c r="H5486" s="97"/>
      <c r="T5486" s="98"/>
      <c r="U5486" s="97"/>
      <c r="AG5486" s="98"/>
      <c r="AY5486" s="164"/>
      <c r="BK5486" s="98"/>
      <c r="BL5486" s="97"/>
      <c r="BX5486" s="98"/>
      <c r="CL5486" s="97"/>
      <c r="CX5486" s="98"/>
      <c r="DL5486" s="97"/>
      <c r="DX5486" s="98"/>
      <c r="EL5486" s="97"/>
      <c r="EX5486" s="98"/>
      <c r="EY5486" s="97"/>
      <c r="FL5486" s="126"/>
      <c r="FM5486" s="91"/>
      <c r="FN5486" s="91"/>
      <c r="FO5486" s="91"/>
      <c r="FP5486" s="91"/>
      <c r="FQ5486" s="91"/>
      <c r="FR5486" s="91"/>
      <c r="FS5486" s="91"/>
      <c r="FT5486" s="91"/>
      <c r="FU5486" s="91"/>
      <c r="FV5486" s="91"/>
      <c r="FW5486" s="91"/>
      <c r="FX5486" s="127"/>
      <c r="FY5486" s="126"/>
      <c r="FZ5486" s="91"/>
      <c r="GA5486" s="91"/>
      <c r="GB5486" s="91"/>
      <c r="GC5486" s="91"/>
      <c r="GD5486" s="91"/>
      <c r="GE5486" s="91"/>
      <c r="GF5486" s="91"/>
      <c r="GG5486" s="91"/>
      <c r="GH5486" s="91"/>
      <c r="GI5486" s="91"/>
      <c r="GJ5486" s="91"/>
      <c r="GK5486" s="127"/>
      <c r="GL5486" s="126"/>
      <c r="GM5486" s="91"/>
      <c r="GN5486" s="91"/>
      <c r="GO5486" s="91"/>
      <c r="GP5486" s="91"/>
      <c r="GQ5486" s="91"/>
      <c r="GR5486" s="91"/>
      <c r="GS5486" s="91"/>
      <c r="GT5486" s="91"/>
      <c r="GU5486" s="91"/>
      <c r="GV5486" s="91"/>
      <c r="GW5486" s="91"/>
      <c r="GX5486" s="127"/>
      <c r="GY5486" s="126"/>
      <c r="GZ5486" s="91"/>
      <c r="HA5486" s="91"/>
      <c r="HB5486" s="91"/>
      <c r="HC5486" s="91"/>
      <c r="HD5486" s="91"/>
      <c r="HE5486" s="91"/>
      <c r="HF5486" s="91"/>
      <c r="HG5486" s="91"/>
      <c r="HH5486" s="91"/>
      <c r="HI5486" s="91"/>
      <c r="HJ5486" s="91"/>
      <c r="HK5486" s="127"/>
      <c r="HL5486" s="126"/>
      <c r="HM5486" s="91"/>
      <c r="HN5486" s="91"/>
      <c r="HO5486" s="91"/>
      <c r="HP5486" s="91"/>
      <c r="HQ5486" s="91"/>
      <c r="HR5486" s="91"/>
      <c r="HS5486" s="91"/>
      <c r="HT5486" s="91"/>
      <c r="HU5486" s="91"/>
      <c r="HV5486" s="91"/>
      <c r="HW5486" s="91"/>
      <c r="HX5486" s="127"/>
      <c r="HY5486" s="126"/>
      <c r="HZ5486" s="91"/>
      <c r="IA5486" s="91"/>
      <c r="IB5486" s="91"/>
      <c r="IC5486" s="91"/>
      <c r="ID5486" s="91"/>
      <c r="IE5486" s="91"/>
      <c r="IF5486" s="91"/>
      <c r="IG5486" s="91"/>
      <c r="IH5486" s="91"/>
      <c r="II5486" s="91"/>
      <c r="IJ5486" s="91"/>
      <c r="IK5486" s="174"/>
    </row>
    <row r="5487" spans="2:245" x14ac:dyDescent="0.2">
      <c r="B5487" s="43"/>
      <c r="C5487" s="73"/>
      <c r="D5487" s="64"/>
      <c r="E5487" s="64"/>
      <c r="F5487" s="55"/>
      <c r="G5487" s="102"/>
      <c r="H5487" s="97"/>
      <c r="T5487" s="98"/>
      <c r="U5487" s="97"/>
      <c r="AG5487" s="98"/>
      <c r="AY5487" s="164"/>
      <c r="BK5487" s="98"/>
      <c r="BL5487" s="97"/>
      <c r="BX5487" s="98"/>
      <c r="CL5487" s="97"/>
      <c r="CX5487" s="98"/>
      <c r="DL5487" s="97"/>
      <c r="DX5487" s="98"/>
      <c r="EL5487" s="97"/>
      <c r="EX5487" s="98"/>
      <c r="EY5487" s="97"/>
      <c r="FL5487" s="126"/>
      <c r="FM5487" s="91"/>
      <c r="FN5487" s="91"/>
      <c r="FO5487" s="91"/>
      <c r="FP5487" s="91"/>
      <c r="FQ5487" s="91"/>
      <c r="FR5487" s="91"/>
      <c r="FS5487" s="91"/>
      <c r="FT5487" s="91"/>
      <c r="FU5487" s="91"/>
      <c r="FV5487" s="91"/>
      <c r="FW5487" s="91"/>
      <c r="FX5487" s="127"/>
      <c r="FY5487" s="126"/>
      <c r="FZ5487" s="91"/>
      <c r="GA5487" s="91"/>
      <c r="GB5487" s="91"/>
      <c r="GC5487" s="91"/>
      <c r="GD5487" s="91"/>
      <c r="GE5487" s="91"/>
      <c r="GF5487" s="91"/>
      <c r="GG5487" s="91"/>
      <c r="GH5487" s="91"/>
      <c r="GI5487" s="91"/>
      <c r="GJ5487" s="91"/>
      <c r="GK5487" s="127"/>
      <c r="GL5487" s="126"/>
      <c r="GM5487" s="91"/>
      <c r="GN5487" s="91"/>
      <c r="GO5487" s="91"/>
      <c r="GP5487" s="91"/>
      <c r="GQ5487" s="91"/>
      <c r="GR5487" s="91"/>
      <c r="GS5487" s="91"/>
      <c r="GT5487" s="91"/>
      <c r="GU5487" s="91"/>
      <c r="GV5487" s="91"/>
      <c r="GW5487" s="91"/>
      <c r="GX5487" s="127"/>
      <c r="GY5487" s="126"/>
      <c r="GZ5487" s="91"/>
      <c r="HA5487" s="91"/>
      <c r="HB5487" s="91"/>
      <c r="HC5487" s="91"/>
      <c r="HD5487" s="91"/>
      <c r="HE5487" s="91"/>
      <c r="HF5487" s="91"/>
      <c r="HG5487" s="91"/>
      <c r="HH5487" s="91"/>
      <c r="HI5487" s="91"/>
      <c r="HJ5487" s="91"/>
      <c r="HK5487" s="127"/>
      <c r="HL5487" s="126"/>
      <c r="HM5487" s="91"/>
      <c r="HN5487" s="91"/>
      <c r="HO5487" s="91"/>
      <c r="HP5487" s="91"/>
      <c r="HQ5487" s="91"/>
      <c r="HR5487" s="91"/>
      <c r="HS5487" s="91"/>
      <c r="HT5487" s="91"/>
      <c r="HU5487" s="91"/>
      <c r="HV5487" s="91"/>
      <c r="HW5487" s="91"/>
      <c r="HX5487" s="127"/>
      <c r="HY5487" s="126"/>
      <c r="HZ5487" s="91"/>
      <c r="IA5487" s="91"/>
      <c r="IB5487" s="91"/>
      <c r="IC5487" s="91"/>
      <c r="ID5487" s="91"/>
      <c r="IE5487" s="91"/>
      <c r="IF5487" s="91"/>
      <c r="IG5487" s="91"/>
      <c r="IH5487" s="91"/>
      <c r="II5487" s="91"/>
      <c r="IJ5487" s="91"/>
      <c r="IK5487" s="174"/>
    </row>
    <row r="5488" spans="2:245" x14ac:dyDescent="0.2">
      <c r="B5488" s="43"/>
      <c r="C5488" s="73"/>
      <c r="D5488" s="64"/>
      <c r="E5488" s="64"/>
      <c r="F5488" s="55"/>
      <c r="G5488" s="102"/>
      <c r="H5488" s="97"/>
      <c r="T5488" s="98"/>
      <c r="U5488" s="97"/>
      <c r="AG5488" s="98"/>
      <c r="AY5488" s="164"/>
      <c r="BK5488" s="98"/>
      <c r="BL5488" s="97"/>
      <c r="BX5488" s="98"/>
      <c r="CL5488" s="97"/>
      <c r="CX5488" s="98"/>
      <c r="DL5488" s="97"/>
      <c r="DX5488" s="98"/>
      <c r="EL5488" s="97"/>
      <c r="EX5488" s="98"/>
      <c r="EY5488" s="97"/>
      <c r="FL5488" s="126"/>
      <c r="FM5488" s="91"/>
      <c r="FN5488" s="91"/>
      <c r="FO5488" s="91"/>
      <c r="FP5488" s="91"/>
      <c r="FQ5488" s="91"/>
      <c r="FR5488" s="91"/>
      <c r="FS5488" s="91"/>
      <c r="FT5488" s="91"/>
      <c r="FU5488" s="91"/>
      <c r="FV5488" s="91"/>
      <c r="FW5488" s="91"/>
      <c r="FX5488" s="127"/>
      <c r="FY5488" s="126"/>
      <c r="FZ5488" s="91"/>
      <c r="GA5488" s="91"/>
      <c r="GB5488" s="91"/>
      <c r="GC5488" s="91"/>
      <c r="GD5488" s="91"/>
      <c r="GE5488" s="91"/>
      <c r="GF5488" s="91"/>
      <c r="GG5488" s="91"/>
      <c r="GH5488" s="91"/>
      <c r="GI5488" s="91"/>
      <c r="GJ5488" s="91"/>
      <c r="GK5488" s="127"/>
      <c r="GL5488" s="126"/>
      <c r="GM5488" s="91"/>
      <c r="GN5488" s="91"/>
      <c r="GO5488" s="91"/>
      <c r="GP5488" s="91"/>
      <c r="GQ5488" s="91"/>
      <c r="GR5488" s="91"/>
      <c r="GS5488" s="91"/>
      <c r="GT5488" s="91"/>
      <c r="GU5488" s="91"/>
      <c r="GV5488" s="91"/>
      <c r="GW5488" s="91"/>
      <c r="GX5488" s="127"/>
      <c r="GY5488" s="126"/>
      <c r="GZ5488" s="91"/>
      <c r="HA5488" s="91"/>
      <c r="HB5488" s="91"/>
      <c r="HC5488" s="91"/>
      <c r="HD5488" s="91"/>
      <c r="HE5488" s="91"/>
      <c r="HF5488" s="91"/>
      <c r="HG5488" s="91"/>
      <c r="HH5488" s="91"/>
      <c r="HI5488" s="91"/>
      <c r="HJ5488" s="91"/>
      <c r="HK5488" s="127"/>
      <c r="HL5488" s="126"/>
      <c r="HM5488" s="91"/>
      <c r="HN5488" s="91"/>
      <c r="HO5488" s="91"/>
      <c r="HP5488" s="91"/>
      <c r="HQ5488" s="91"/>
      <c r="HR5488" s="91"/>
      <c r="HS5488" s="91"/>
      <c r="HT5488" s="91"/>
      <c r="HU5488" s="91"/>
      <c r="HV5488" s="91"/>
      <c r="HW5488" s="91"/>
      <c r="HX5488" s="127"/>
      <c r="HY5488" s="126"/>
      <c r="HZ5488" s="91"/>
      <c r="IA5488" s="91"/>
      <c r="IB5488" s="91"/>
      <c r="IC5488" s="91"/>
      <c r="ID5488" s="91"/>
      <c r="IE5488" s="91"/>
      <c r="IF5488" s="91"/>
      <c r="IG5488" s="91"/>
      <c r="IH5488" s="91"/>
      <c r="II5488" s="91"/>
      <c r="IJ5488" s="91"/>
      <c r="IK5488" s="174"/>
    </row>
    <row r="5489" spans="2:245" x14ac:dyDescent="0.2">
      <c r="B5489" s="43"/>
      <c r="C5489" s="73"/>
      <c r="D5489" s="64"/>
      <c r="E5489" s="64"/>
      <c r="F5489" s="55"/>
      <c r="G5489" s="102"/>
      <c r="H5489" s="97"/>
      <c r="T5489" s="98"/>
      <c r="U5489" s="97"/>
      <c r="AG5489" s="98"/>
      <c r="AY5489" s="164"/>
      <c r="BK5489" s="98"/>
      <c r="BL5489" s="97"/>
      <c r="BX5489" s="98"/>
      <c r="CL5489" s="97"/>
      <c r="CX5489" s="98"/>
      <c r="DL5489" s="97"/>
      <c r="DX5489" s="98"/>
      <c r="EL5489" s="97"/>
      <c r="EX5489" s="98"/>
      <c r="EY5489" s="97"/>
      <c r="FL5489" s="126"/>
      <c r="FM5489" s="91"/>
      <c r="FN5489" s="91"/>
      <c r="FO5489" s="91"/>
      <c r="FP5489" s="91"/>
      <c r="FQ5489" s="91"/>
      <c r="FR5489" s="91"/>
      <c r="FS5489" s="91"/>
      <c r="FT5489" s="91"/>
      <c r="FU5489" s="91"/>
      <c r="FV5489" s="91"/>
      <c r="FW5489" s="91"/>
      <c r="FX5489" s="127"/>
      <c r="FY5489" s="126"/>
      <c r="FZ5489" s="91"/>
      <c r="GA5489" s="91"/>
      <c r="GB5489" s="91"/>
      <c r="GC5489" s="91"/>
      <c r="GD5489" s="91"/>
      <c r="GE5489" s="91"/>
      <c r="GF5489" s="91"/>
      <c r="GG5489" s="91"/>
      <c r="GH5489" s="91"/>
      <c r="GI5489" s="91"/>
      <c r="GJ5489" s="91"/>
      <c r="GK5489" s="127"/>
      <c r="GL5489" s="126"/>
      <c r="GM5489" s="91"/>
      <c r="GN5489" s="91"/>
      <c r="GO5489" s="91"/>
      <c r="GP5489" s="91"/>
      <c r="GQ5489" s="91"/>
      <c r="GR5489" s="91"/>
      <c r="GS5489" s="91"/>
      <c r="GT5489" s="91"/>
      <c r="GU5489" s="91"/>
      <c r="GV5489" s="91"/>
      <c r="GW5489" s="91"/>
      <c r="GX5489" s="127"/>
      <c r="GY5489" s="126"/>
      <c r="GZ5489" s="91"/>
      <c r="HA5489" s="91"/>
      <c r="HB5489" s="91"/>
      <c r="HC5489" s="91"/>
      <c r="HD5489" s="91"/>
      <c r="HE5489" s="91"/>
      <c r="HF5489" s="91"/>
      <c r="HG5489" s="91"/>
      <c r="HH5489" s="91"/>
      <c r="HI5489" s="91"/>
      <c r="HJ5489" s="91"/>
      <c r="HK5489" s="127"/>
      <c r="HL5489" s="126"/>
      <c r="HM5489" s="91"/>
      <c r="HN5489" s="91"/>
      <c r="HO5489" s="91"/>
      <c r="HP5489" s="91"/>
      <c r="HQ5489" s="91"/>
      <c r="HR5489" s="91"/>
      <c r="HS5489" s="91"/>
      <c r="HT5489" s="91"/>
      <c r="HU5489" s="91"/>
      <c r="HV5489" s="91"/>
      <c r="HW5489" s="91"/>
      <c r="HX5489" s="127"/>
      <c r="HY5489" s="126"/>
      <c r="HZ5489" s="91"/>
      <c r="IA5489" s="91"/>
      <c r="IB5489" s="91"/>
      <c r="IC5489" s="91"/>
      <c r="ID5489" s="91"/>
      <c r="IE5489" s="91"/>
      <c r="IF5489" s="91"/>
      <c r="IG5489" s="91"/>
      <c r="IH5489" s="91"/>
      <c r="II5489" s="91"/>
      <c r="IJ5489" s="91"/>
      <c r="IK5489" s="174"/>
    </row>
    <row r="5490" spans="2:245" x14ac:dyDescent="0.2">
      <c r="B5490" s="43"/>
      <c r="C5490" s="73"/>
      <c r="D5490" s="64"/>
      <c r="E5490" s="64"/>
      <c r="F5490" s="55"/>
      <c r="G5490" s="102"/>
      <c r="H5490" s="97"/>
      <c r="T5490" s="98"/>
      <c r="U5490" s="97"/>
      <c r="AG5490" s="98"/>
      <c r="AY5490" s="164"/>
      <c r="BK5490" s="98"/>
      <c r="BL5490" s="97"/>
      <c r="BX5490" s="98"/>
      <c r="CL5490" s="97"/>
      <c r="CX5490" s="98"/>
      <c r="DL5490" s="97"/>
      <c r="DX5490" s="98"/>
      <c r="EL5490" s="97"/>
      <c r="EX5490" s="98"/>
      <c r="EY5490" s="97"/>
      <c r="FL5490" s="126"/>
      <c r="FM5490" s="91"/>
      <c r="FN5490" s="91"/>
      <c r="FO5490" s="91"/>
      <c r="FP5490" s="91"/>
      <c r="FQ5490" s="91"/>
      <c r="FR5490" s="91"/>
      <c r="FS5490" s="91"/>
      <c r="FT5490" s="91"/>
      <c r="FU5490" s="91"/>
      <c r="FV5490" s="91"/>
      <c r="FW5490" s="91"/>
      <c r="FX5490" s="127"/>
      <c r="FY5490" s="126"/>
      <c r="FZ5490" s="91"/>
      <c r="GA5490" s="91"/>
      <c r="GB5490" s="91"/>
      <c r="GC5490" s="91"/>
      <c r="GD5490" s="91"/>
      <c r="GE5490" s="91"/>
      <c r="GF5490" s="91"/>
      <c r="GG5490" s="91"/>
      <c r="GH5490" s="91"/>
      <c r="GI5490" s="91"/>
      <c r="GJ5490" s="91"/>
      <c r="GK5490" s="127"/>
      <c r="GL5490" s="126"/>
      <c r="GM5490" s="91"/>
      <c r="GN5490" s="91"/>
      <c r="GO5490" s="91"/>
      <c r="GP5490" s="91"/>
      <c r="GQ5490" s="91"/>
      <c r="GR5490" s="91"/>
      <c r="GS5490" s="91"/>
      <c r="GT5490" s="91"/>
      <c r="GU5490" s="91"/>
      <c r="GV5490" s="91"/>
      <c r="GW5490" s="91"/>
      <c r="GX5490" s="127"/>
      <c r="GY5490" s="126"/>
      <c r="GZ5490" s="91"/>
      <c r="HA5490" s="91"/>
      <c r="HB5490" s="91"/>
      <c r="HC5490" s="91"/>
      <c r="HD5490" s="91"/>
      <c r="HE5490" s="91"/>
      <c r="HF5490" s="91"/>
      <c r="HG5490" s="91"/>
      <c r="HH5490" s="91"/>
      <c r="HI5490" s="91"/>
      <c r="HJ5490" s="91"/>
      <c r="HK5490" s="127"/>
      <c r="HL5490" s="126"/>
      <c r="HM5490" s="91"/>
      <c r="HN5490" s="91"/>
      <c r="HO5490" s="91"/>
      <c r="HP5490" s="91"/>
      <c r="HQ5490" s="91"/>
      <c r="HR5490" s="91"/>
      <c r="HS5490" s="91"/>
      <c r="HT5490" s="91"/>
      <c r="HU5490" s="91"/>
      <c r="HV5490" s="91"/>
      <c r="HW5490" s="91"/>
      <c r="HX5490" s="127"/>
      <c r="HY5490" s="126"/>
      <c r="HZ5490" s="91"/>
      <c r="IA5490" s="91"/>
      <c r="IB5490" s="91"/>
      <c r="IC5490" s="91"/>
      <c r="ID5490" s="91"/>
      <c r="IE5490" s="91"/>
      <c r="IF5490" s="91"/>
      <c r="IG5490" s="91"/>
      <c r="IH5490" s="91"/>
      <c r="II5490" s="91"/>
      <c r="IJ5490" s="91"/>
      <c r="IK5490" s="174"/>
    </row>
    <row r="5491" spans="2:245" x14ac:dyDescent="0.2">
      <c r="B5491" s="43"/>
      <c r="C5491" s="73"/>
      <c r="D5491" s="64"/>
      <c r="E5491" s="64"/>
      <c r="F5491" s="55"/>
      <c r="G5491" s="102"/>
      <c r="H5491" s="97"/>
      <c r="T5491" s="98"/>
      <c r="U5491" s="97"/>
      <c r="AG5491" s="98"/>
      <c r="AY5491" s="164"/>
      <c r="BK5491" s="98"/>
      <c r="BL5491" s="97"/>
      <c r="BX5491" s="98"/>
      <c r="CL5491" s="97"/>
      <c r="CX5491" s="98"/>
      <c r="DL5491" s="97"/>
      <c r="DX5491" s="98"/>
      <c r="EL5491" s="97"/>
      <c r="EX5491" s="98"/>
      <c r="EY5491" s="97"/>
      <c r="FL5491" s="126"/>
      <c r="FM5491" s="91"/>
      <c r="FN5491" s="91"/>
      <c r="FO5491" s="91"/>
      <c r="FP5491" s="91"/>
      <c r="FQ5491" s="91"/>
      <c r="FR5491" s="91"/>
      <c r="FS5491" s="91"/>
      <c r="FT5491" s="91"/>
      <c r="FU5491" s="91"/>
      <c r="FV5491" s="91"/>
      <c r="FW5491" s="91"/>
      <c r="FX5491" s="127"/>
      <c r="FY5491" s="126"/>
      <c r="FZ5491" s="91"/>
      <c r="GA5491" s="91"/>
      <c r="GB5491" s="91"/>
      <c r="GC5491" s="91"/>
      <c r="GD5491" s="91"/>
      <c r="GE5491" s="91"/>
      <c r="GF5491" s="91"/>
      <c r="GG5491" s="91"/>
      <c r="GH5491" s="91"/>
      <c r="GI5491" s="91"/>
      <c r="GJ5491" s="91"/>
      <c r="GK5491" s="127"/>
      <c r="GL5491" s="126"/>
      <c r="GM5491" s="91"/>
      <c r="GN5491" s="91"/>
      <c r="GO5491" s="91"/>
      <c r="GP5491" s="91"/>
      <c r="GQ5491" s="91"/>
      <c r="GR5491" s="91"/>
      <c r="GS5491" s="91"/>
      <c r="GT5491" s="91"/>
      <c r="GU5491" s="91"/>
      <c r="GV5491" s="91"/>
      <c r="GW5491" s="91"/>
      <c r="GX5491" s="127"/>
      <c r="GY5491" s="126"/>
      <c r="GZ5491" s="91"/>
      <c r="HA5491" s="91"/>
      <c r="HB5491" s="91"/>
      <c r="HC5491" s="91"/>
      <c r="HD5491" s="91"/>
      <c r="HE5491" s="91"/>
      <c r="HF5491" s="91"/>
      <c r="HG5491" s="91"/>
      <c r="HH5491" s="91"/>
      <c r="HI5491" s="91"/>
      <c r="HJ5491" s="91"/>
      <c r="HK5491" s="127"/>
      <c r="HL5491" s="126"/>
      <c r="HM5491" s="91"/>
      <c r="HN5491" s="91"/>
      <c r="HO5491" s="91"/>
      <c r="HP5491" s="91"/>
      <c r="HQ5491" s="91"/>
      <c r="HR5491" s="91"/>
      <c r="HS5491" s="91"/>
      <c r="HT5491" s="91"/>
      <c r="HU5491" s="91"/>
      <c r="HV5491" s="91"/>
      <c r="HW5491" s="91"/>
      <c r="HX5491" s="127"/>
      <c r="HY5491" s="126"/>
      <c r="HZ5491" s="91"/>
      <c r="IA5491" s="91"/>
      <c r="IB5491" s="91"/>
      <c r="IC5491" s="91"/>
      <c r="ID5491" s="91"/>
      <c r="IE5491" s="91"/>
      <c r="IF5491" s="91"/>
      <c r="IG5491" s="91"/>
      <c r="IH5491" s="91"/>
      <c r="II5491" s="91"/>
      <c r="IJ5491" s="91"/>
      <c r="IK5491" s="174"/>
    </row>
    <row r="5492" spans="2:245" x14ac:dyDescent="0.2">
      <c r="B5492" s="43"/>
      <c r="C5492" s="73"/>
      <c r="D5492" s="64"/>
      <c r="E5492" s="64"/>
      <c r="F5492" s="55"/>
      <c r="G5492" s="102"/>
      <c r="H5492" s="97"/>
      <c r="T5492" s="98"/>
      <c r="U5492" s="97"/>
      <c r="AG5492" s="98"/>
      <c r="AY5492" s="164"/>
      <c r="BK5492" s="98"/>
      <c r="BL5492" s="97"/>
      <c r="BX5492" s="98"/>
      <c r="CL5492" s="97"/>
      <c r="CX5492" s="98"/>
      <c r="DL5492" s="97"/>
      <c r="DX5492" s="98"/>
      <c r="EL5492" s="97"/>
      <c r="EX5492" s="98"/>
      <c r="EY5492" s="97"/>
      <c r="FL5492" s="126"/>
      <c r="FM5492" s="91"/>
      <c r="FN5492" s="91"/>
      <c r="FO5492" s="91"/>
      <c r="FP5492" s="91"/>
      <c r="FQ5492" s="91"/>
      <c r="FR5492" s="91"/>
      <c r="FS5492" s="91"/>
      <c r="FT5492" s="91"/>
      <c r="FU5492" s="91"/>
      <c r="FV5492" s="91"/>
      <c r="FW5492" s="91"/>
      <c r="FX5492" s="127"/>
      <c r="FY5492" s="126"/>
      <c r="FZ5492" s="91"/>
      <c r="GA5492" s="91"/>
      <c r="GB5492" s="91"/>
      <c r="GC5492" s="91"/>
      <c r="GD5492" s="91"/>
      <c r="GE5492" s="91"/>
      <c r="GF5492" s="91"/>
      <c r="GG5492" s="91"/>
      <c r="GH5492" s="91"/>
      <c r="GI5492" s="91"/>
      <c r="GJ5492" s="91"/>
      <c r="GK5492" s="127"/>
      <c r="GL5492" s="126"/>
      <c r="GM5492" s="91"/>
      <c r="GN5492" s="91"/>
      <c r="GO5492" s="91"/>
      <c r="GP5492" s="91"/>
      <c r="GQ5492" s="91"/>
      <c r="GR5492" s="91"/>
      <c r="GS5492" s="91"/>
      <c r="GT5492" s="91"/>
      <c r="GU5492" s="91"/>
      <c r="GV5492" s="91"/>
      <c r="GW5492" s="91"/>
      <c r="GX5492" s="127"/>
      <c r="GY5492" s="126"/>
      <c r="GZ5492" s="91"/>
      <c r="HA5492" s="91"/>
      <c r="HB5492" s="91"/>
      <c r="HC5492" s="91"/>
      <c r="HD5492" s="91"/>
      <c r="HE5492" s="91"/>
      <c r="HF5492" s="91"/>
      <c r="HG5492" s="91"/>
      <c r="HH5492" s="91"/>
      <c r="HI5492" s="91"/>
      <c r="HJ5492" s="91"/>
      <c r="HK5492" s="127"/>
      <c r="HL5492" s="126"/>
      <c r="HM5492" s="91"/>
      <c r="HN5492" s="91"/>
      <c r="HO5492" s="91"/>
      <c r="HP5492" s="91"/>
      <c r="HQ5492" s="91"/>
      <c r="HR5492" s="91"/>
      <c r="HS5492" s="91"/>
      <c r="HT5492" s="91"/>
      <c r="HU5492" s="91"/>
      <c r="HV5492" s="91"/>
      <c r="HW5492" s="91"/>
      <c r="HX5492" s="127"/>
      <c r="HY5492" s="126"/>
      <c r="HZ5492" s="91"/>
      <c r="IA5492" s="91"/>
      <c r="IB5492" s="91"/>
      <c r="IC5492" s="91"/>
      <c r="ID5492" s="91"/>
      <c r="IE5492" s="91"/>
      <c r="IF5492" s="91"/>
      <c r="IG5492" s="91"/>
      <c r="IH5492" s="91"/>
      <c r="II5492" s="91"/>
      <c r="IJ5492" s="91"/>
      <c r="IK5492" s="174"/>
    </row>
    <row r="5493" spans="2:245" x14ac:dyDescent="0.2">
      <c r="B5493" s="43"/>
      <c r="C5493" s="73"/>
      <c r="D5493" s="64"/>
      <c r="E5493" s="64"/>
      <c r="F5493" s="55"/>
      <c r="G5493" s="102"/>
      <c r="H5493" s="97"/>
      <c r="T5493" s="98"/>
      <c r="U5493" s="97"/>
      <c r="AG5493" s="98"/>
      <c r="AY5493" s="164"/>
      <c r="BK5493" s="98"/>
      <c r="BL5493" s="97"/>
      <c r="BX5493" s="98"/>
      <c r="CL5493" s="97"/>
      <c r="CX5493" s="98"/>
      <c r="DL5493" s="97"/>
      <c r="DX5493" s="98"/>
      <c r="EL5493" s="97"/>
      <c r="EX5493" s="98"/>
      <c r="EY5493" s="97"/>
      <c r="FL5493" s="126"/>
      <c r="FM5493" s="91"/>
      <c r="FN5493" s="91"/>
      <c r="FO5493" s="91"/>
      <c r="FP5493" s="91"/>
      <c r="FQ5493" s="91"/>
      <c r="FR5493" s="91"/>
      <c r="FS5493" s="91"/>
      <c r="FT5493" s="91"/>
      <c r="FU5493" s="91"/>
      <c r="FV5493" s="91"/>
      <c r="FW5493" s="91"/>
      <c r="FX5493" s="127"/>
      <c r="FY5493" s="126"/>
      <c r="FZ5493" s="91"/>
      <c r="GA5493" s="91"/>
      <c r="GB5493" s="91"/>
      <c r="GC5493" s="91"/>
      <c r="GD5493" s="91"/>
      <c r="GE5493" s="91"/>
      <c r="GF5493" s="91"/>
      <c r="GG5493" s="91"/>
      <c r="GH5493" s="91"/>
      <c r="GI5493" s="91"/>
      <c r="GJ5493" s="91"/>
      <c r="GK5493" s="127"/>
      <c r="GL5493" s="126"/>
      <c r="GM5493" s="91"/>
      <c r="GN5493" s="91"/>
      <c r="GO5493" s="91"/>
      <c r="GP5493" s="91"/>
      <c r="GQ5493" s="91"/>
      <c r="GR5493" s="91"/>
      <c r="GS5493" s="91"/>
      <c r="GT5493" s="91"/>
      <c r="GU5493" s="91"/>
      <c r="GV5493" s="91"/>
      <c r="GW5493" s="91"/>
      <c r="GX5493" s="127"/>
      <c r="GY5493" s="126"/>
      <c r="GZ5493" s="91"/>
      <c r="HA5493" s="91"/>
      <c r="HB5493" s="91"/>
      <c r="HC5493" s="91"/>
      <c r="HD5493" s="91"/>
      <c r="HE5493" s="91"/>
      <c r="HF5493" s="91"/>
      <c r="HG5493" s="91"/>
      <c r="HH5493" s="91"/>
      <c r="HI5493" s="91"/>
      <c r="HJ5493" s="91"/>
      <c r="HK5493" s="127"/>
      <c r="HL5493" s="126"/>
      <c r="HM5493" s="91"/>
      <c r="HN5493" s="91"/>
      <c r="HO5493" s="91"/>
      <c r="HP5493" s="91"/>
      <c r="HQ5493" s="91"/>
      <c r="HR5493" s="91"/>
      <c r="HS5493" s="91"/>
      <c r="HT5493" s="91"/>
      <c r="HU5493" s="91"/>
      <c r="HV5493" s="91"/>
      <c r="HW5493" s="91"/>
      <c r="HX5493" s="127"/>
      <c r="HY5493" s="126"/>
      <c r="HZ5493" s="91"/>
      <c r="IA5493" s="91"/>
      <c r="IB5493" s="91"/>
      <c r="IC5493" s="91"/>
      <c r="ID5493" s="91"/>
      <c r="IE5493" s="91"/>
      <c r="IF5493" s="91"/>
      <c r="IG5493" s="91"/>
      <c r="IH5493" s="91"/>
      <c r="II5493" s="91"/>
      <c r="IJ5493" s="91"/>
      <c r="IK5493" s="174"/>
    </row>
    <row r="5494" spans="2:245" x14ac:dyDescent="0.2">
      <c r="B5494" s="43"/>
      <c r="C5494" s="73"/>
      <c r="D5494" s="64"/>
      <c r="E5494" s="64"/>
      <c r="F5494" s="55"/>
      <c r="G5494" s="102"/>
      <c r="H5494" s="97"/>
      <c r="T5494" s="98"/>
      <c r="U5494" s="97"/>
      <c r="AG5494" s="98"/>
      <c r="AY5494" s="164"/>
      <c r="BK5494" s="98"/>
      <c r="BL5494" s="97"/>
      <c r="BX5494" s="98"/>
      <c r="CL5494" s="97"/>
      <c r="CX5494" s="98"/>
      <c r="DL5494" s="97"/>
      <c r="DX5494" s="98"/>
      <c r="EL5494" s="97"/>
      <c r="EX5494" s="98"/>
      <c r="EY5494" s="97"/>
      <c r="FL5494" s="126"/>
      <c r="FM5494" s="91"/>
      <c r="FN5494" s="91"/>
      <c r="FO5494" s="91"/>
      <c r="FP5494" s="91"/>
      <c r="FQ5494" s="91"/>
      <c r="FR5494" s="91"/>
      <c r="FS5494" s="91"/>
      <c r="FT5494" s="91"/>
      <c r="FU5494" s="91"/>
      <c r="FV5494" s="91"/>
      <c r="FW5494" s="91"/>
      <c r="FX5494" s="127"/>
      <c r="FY5494" s="126"/>
      <c r="FZ5494" s="91"/>
      <c r="GA5494" s="91"/>
      <c r="GB5494" s="91"/>
      <c r="GC5494" s="91"/>
      <c r="GD5494" s="91"/>
      <c r="GE5494" s="91"/>
      <c r="GF5494" s="91"/>
      <c r="GG5494" s="91"/>
      <c r="GH5494" s="91"/>
      <c r="GI5494" s="91"/>
      <c r="GJ5494" s="91"/>
      <c r="GK5494" s="127"/>
      <c r="GL5494" s="126"/>
      <c r="GM5494" s="91"/>
      <c r="GN5494" s="91"/>
      <c r="GO5494" s="91"/>
      <c r="GP5494" s="91"/>
      <c r="GQ5494" s="91"/>
      <c r="GR5494" s="91"/>
      <c r="GS5494" s="91"/>
      <c r="GT5494" s="91"/>
      <c r="GU5494" s="91"/>
      <c r="GV5494" s="91"/>
      <c r="GW5494" s="91"/>
      <c r="GX5494" s="127"/>
      <c r="GY5494" s="126"/>
      <c r="GZ5494" s="91"/>
      <c r="HA5494" s="91"/>
      <c r="HB5494" s="91"/>
      <c r="HC5494" s="91"/>
      <c r="HD5494" s="91"/>
      <c r="HE5494" s="91"/>
      <c r="HF5494" s="91"/>
      <c r="HG5494" s="91"/>
      <c r="HH5494" s="91"/>
      <c r="HI5494" s="91"/>
      <c r="HJ5494" s="91"/>
      <c r="HK5494" s="127"/>
      <c r="HL5494" s="126"/>
      <c r="HM5494" s="91"/>
      <c r="HN5494" s="91"/>
      <c r="HO5494" s="91"/>
      <c r="HP5494" s="91"/>
      <c r="HQ5494" s="91"/>
      <c r="HR5494" s="91"/>
      <c r="HS5494" s="91"/>
      <c r="HT5494" s="91"/>
      <c r="HU5494" s="91"/>
      <c r="HV5494" s="91"/>
      <c r="HW5494" s="91"/>
      <c r="HX5494" s="127"/>
      <c r="HY5494" s="126"/>
      <c r="HZ5494" s="91"/>
      <c r="IA5494" s="91"/>
      <c r="IB5494" s="91"/>
      <c r="IC5494" s="91"/>
      <c r="ID5494" s="91"/>
      <c r="IE5494" s="91"/>
      <c r="IF5494" s="91"/>
      <c r="IG5494" s="91"/>
      <c r="IH5494" s="91"/>
      <c r="II5494" s="91"/>
      <c r="IJ5494" s="91"/>
      <c r="IK5494" s="174"/>
    </row>
    <row r="5495" spans="2:245" x14ac:dyDescent="0.2">
      <c r="B5495" s="43"/>
      <c r="C5495" s="73"/>
      <c r="D5495" s="64"/>
      <c r="E5495" s="64"/>
      <c r="F5495" s="55"/>
      <c r="G5495" s="102"/>
      <c r="H5495" s="97"/>
      <c r="T5495" s="98"/>
      <c r="U5495" s="97"/>
      <c r="AG5495" s="98"/>
      <c r="AY5495" s="164"/>
      <c r="BK5495" s="98"/>
      <c r="BL5495" s="97"/>
      <c r="BX5495" s="98"/>
      <c r="CL5495" s="97"/>
      <c r="CX5495" s="98"/>
      <c r="DL5495" s="97"/>
      <c r="DX5495" s="98"/>
      <c r="EL5495" s="97"/>
      <c r="EX5495" s="98"/>
      <c r="EY5495" s="97"/>
      <c r="FL5495" s="126"/>
      <c r="FM5495" s="91"/>
      <c r="FN5495" s="91"/>
      <c r="FO5495" s="91"/>
      <c r="FP5495" s="91"/>
      <c r="FQ5495" s="91"/>
      <c r="FR5495" s="91"/>
      <c r="FS5495" s="91"/>
      <c r="FT5495" s="91"/>
      <c r="FU5495" s="91"/>
      <c r="FV5495" s="91"/>
      <c r="FW5495" s="91"/>
      <c r="FX5495" s="127"/>
      <c r="FY5495" s="126"/>
      <c r="FZ5495" s="91"/>
      <c r="GA5495" s="91"/>
      <c r="GB5495" s="91"/>
      <c r="GC5495" s="91"/>
      <c r="GD5495" s="91"/>
      <c r="GE5495" s="91"/>
      <c r="GF5495" s="91"/>
      <c r="GG5495" s="91"/>
      <c r="GH5495" s="91"/>
      <c r="GI5495" s="91"/>
      <c r="GJ5495" s="91"/>
      <c r="GK5495" s="127"/>
      <c r="GL5495" s="126"/>
      <c r="GM5495" s="91"/>
      <c r="GN5495" s="91"/>
      <c r="GO5495" s="91"/>
      <c r="GP5495" s="91"/>
      <c r="GQ5495" s="91"/>
      <c r="GR5495" s="91"/>
      <c r="GS5495" s="91"/>
      <c r="GT5495" s="91"/>
      <c r="GU5495" s="91"/>
      <c r="GV5495" s="91"/>
      <c r="GW5495" s="91"/>
      <c r="GX5495" s="127"/>
      <c r="GY5495" s="126"/>
      <c r="GZ5495" s="91"/>
      <c r="HA5495" s="91"/>
      <c r="HB5495" s="91"/>
      <c r="HC5495" s="91"/>
      <c r="HD5495" s="91"/>
      <c r="HE5495" s="91"/>
      <c r="HF5495" s="91"/>
      <c r="HG5495" s="91"/>
      <c r="HH5495" s="91"/>
      <c r="HI5495" s="91"/>
      <c r="HJ5495" s="91"/>
      <c r="HK5495" s="127"/>
      <c r="HL5495" s="126"/>
      <c r="HM5495" s="91"/>
      <c r="HN5495" s="91"/>
      <c r="HO5495" s="91"/>
      <c r="HP5495" s="91"/>
      <c r="HQ5495" s="91"/>
      <c r="HR5495" s="91"/>
      <c r="HS5495" s="91"/>
      <c r="HT5495" s="91"/>
      <c r="HU5495" s="91"/>
      <c r="HV5495" s="91"/>
      <c r="HW5495" s="91"/>
      <c r="HX5495" s="127"/>
      <c r="HY5495" s="126"/>
      <c r="HZ5495" s="91"/>
      <c r="IA5495" s="91"/>
      <c r="IB5495" s="91"/>
      <c r="IC5495" s="91"/>
      <c r="ID5495" s="91"/>
      <c r="IE5495" s="91"/>
      <c r="IF5495" s="91"/>
      <c r="IG5495" s="91"/>
      <c r="IH5495" s="91"/>
      <c r="II5495" s="91"/>
      <c r="IJ5495" s="91"/>
      <c r="IK5495" s="174"/>
    </row>
    <row r="5496" spans="2:245" x14ac:dyDescent="0.2">
      <c r="B5496" s="43"/>
      <c r="C5496" s="73"/>
      <c r="D5496" s="64"/>
      <c r="E5496" s="64"/>
      <c r="F5496" s="55"/>
      <c r="G5496" s="102"/>
      <c r="H5496" s="97"/>
      <c r="T5496" s="98"/>
      <c r="U5496" s="97"/>
      <c r="AG5496" s="98"/>
      <c r="AY5496" s="164"/>
      <c r="BK5496" s="98"/>
      <c r="BL5496" s="97"/>
      <c r="BX5496" s="98"/>
      <c r="CL5496" s="97"/>
      <c r="CX5496" s="98"/>
      <c r="DL5496" s="97"/>
      <c r="DX5496" s="98"/>
      <c r="EL5496" s="97"/>
      <c r="EX5496" s="98"/>
      <c r="EY5496" s="97"/>
      <c r="FL5496" s="126"/>
      <c r="FM5496" s="91"/>
      <c r="FN5496" s="91"/>
      <c r="FO5496" s="91"/>
      <c r="FP5496" s="91"/>
      <c r="FQ5496" s="91"/>
      <c r="FR5496" s="91"/>
      <c r="FS5496" s="91"/>
      <c r="FT5496" s="91"/>
      <c r="FU5496" s="91"/>
      <c r="FV5496" s="91"/>
      <c r="FW5496" s="91"/>
      <c r="FX5496" s="127"/>
      <c r="FY5496" s="126"/>
      <c r="FZ5496" s="91"/>
      <c r="GA5496" s="91"/>
      <c r="GB5496" s="91"/>
      <c r="GC5496" s="91"/>
      <c r="GD5496" s="91"/>
      <c r="GE5496" s="91"/>
      <c r="GF5496" s="91"/>
      <c r="GG5496" s="91"/>
      <c r="GH5496" s="91"/>
      <c r="GI5496" s="91"/>
      <c r="GJ5496" s="91"/>
      <c r="GK5496" s="127"/>
      <c r="GL5496" s="126"/>
      <c r="GM5496" s="91"/>
      <c r="GN5496" s="91"/>
      <c r="GO5496" s="91"/>
      <c r="GP5496" s="91"/>
      <c r="GQ5496" s="91"/>
      <c r="GR5496" s="91"/>
      <c r="GS5496" s="91"/>
      <c r="GT5496" s="91"/>
      <c r="GU5496" s="91"/>
      <c r="GV5496" s="91"/>
      <c r="GW5496" s="91"/>
      <c r="GX5496" s="127"/>
      <c r="GY5496" s="126"/>
      <c r="GZ5496" s="91"/>
      <c r="HA5496" s="91"/>
      <c r="HB5496" s="91"/>
      <c r="HC5496" s="91"/>
      <c r="HD5496" s="91"/>
      <c r="HE5496" s="91"/>
      <c r="HF5496" s="91"/>
      <c r="HG5496" s="91"/>
      <c r="HH5496" s="91"/>
      <c r="HI5496" s="91"/>
      <c r="HJ5496" s="91"/>
      <c r="HK5496" s="127"/>
      <c r="HL5496" s="126"/>
      <c r="HM5496" s="91"/>
      <c r="HN5496" s="91"/>
      <c r="HO5496" s="91"/>
      <c r="HP5496" s="91"/>
      <c r="HQ5496" s="91"/>
      <c r="HR5496" s="91"/>
      <c r="HS5496" s="91"/>
      <c r="HT5496" s="91"/>
      <c r="HU5496" s="91"/>
      <c r="HV5496" s="91"/>
      <c r="HW5496" s="91"/>
      <c r="HX5496" s="127"/>
      <c r="HY5496" s="126"/>
      <c r="HZ5496" s="91"/>
      <c r="IA5496" s="91"/>
      <c r="IB5496" s="91"/>
      <c r="IC5496" s="91"/>
      <c r="ID5496" s="91"/>
      <c r="IE5496" s="91"/>
      <c r="IF5496" s="91"/>
      <c r="IG5496" s="91"/>
      <c r="IH5496" s="91"/>
      <c r="II5496" s="91"/>
      <c r="IJ5496" s="91"/>
      <c r="IK5496" s="174"/>
    </row>
    <row r="5497" spans="2:245" x14ac:dyDescent="0.2">
      <c r="B5497" s="43"/>
      <c r="C5497" s="73"/>
      <c r="D5497" s="64"/>
      <c r="E5497" s="64"/>
      <c r="F5497" s="55"/>
      <c r="G5497" s="102"/>
      <c r="H5497" s="97"/>
      <c r="T5497" s="98"/>
      <c r="U5497" s="97"/>
      <c r="AG5497" s="98"/>
      <c r="AY5497" s="164"/>
      <c r="BK5497" s="98"/>
      <c r="BL5497" s="97"/>
      <c r="BX5497" s="98"/>
      <c r="CL5497" s="97"/>
      <c r="CX5497" s="98"/>
      <c r="DL5497" s="97"/>
      <c r="DX5497" s="98"/>
      <c r="EL5497" s="97"/>
      <c r="EX5497" s="98"/>
      <c r="EY5497" s="97"/>
      <c r="FL5497" s="126"/>
      <c r="FM5497" s="91"/>
      <c r="FN5497" s="91"/>
      <c r="FO5497" s="91"/>
      <c r="FP5497" s="91"/>
      <c r="FQ5497" s="91"/>
      <c r="FR5497" s="91"/>
      <c r="FS5497" s="91"/>
      <c r="FT5497" s="91"/>
      <c r="FU5497" s="91"/>
      <c r="FV5497" s="91"/>
      <c r="FW5497" s="91"/>
      <c r="FX5497" s="127"/>
      <c r="FY5497" s="126"/>
      <c r="FZ5497" s="91"/>
      <c r="GA5497" s="91"/>
      <c r="GB5497" s="91"/>
      <c r="GC5497" s="91"/>
      <c r="GD5497" s="91"/>
      <c r="GE5497" s="91"/>
      <c r="GF5497" s="91"/>
      <c r="GG5497" s="91"/>
      <c r="GH5497" s="91"/>
      <c r="GI5497" s="91"/>
      <c r="GJ5497" s="91"/>
      <c r="GK5497" s="127"/>
      <c r="GL5497" s="126"/>
      <c r="GM5497" s="91"/>
      <c r="GN5497" s="91"/>
      <c r="GO5497" s="91"/>
      <c r="GP5497" s="91"/>
      <c r="GQ5497" s="91"/>
      <c r="GR5497" s="91"/>
      <c r="GS5497" s="91"/>
      <c r="GT5497" s="91"/>
      <c r="GU5497" s="91"/>
      <c r="GV5497" s="91"/>
      <c r="GW5497" s="91"/>
      <c r="GX5497" s="127"/>
      <c r="GY5497" s="126"/>
      <c r="GZ5497" s="91"/>
      <c r="HA5497" s="91"/>
      <c r="HB5497" s="91"/>
      <c r="HC5497" s="91"/>
      <c r="HD5497" s="91"/>
      <c r="HE5497" s="91"/>
      <c r="HF5497" s="91"/>
      <c r="HG5497" s="91"/>
      <c r="HH5497" s="91"/>
      <c r="HI5497" s="91"/>
      <c r="HJ5497" s="91"/>
      <c r="HK5497" s="127"/>
      <c r="HL5497" s="126"/>
      <c r="HM5497" s="91"/>
      <c r="HN5497" s="91"/>
      <c r="HO5497" s="91"/>
      <c r="HP5497" s="91"/>
      <c r="HQ5497" s="91"/>
      <c r="HR5497" s="91"/>
      <c r="HS5497" s="91"/>
      <c r="HT5497" s="91"/>
      <c r="HU5497" s="91"/>
      <c r="HV5497" s="91"/>
      <c r="HW5497" s="91"/>
      <c r="HX5497" s="127"/>
      <c r="HY5497" s="126"/>
      <c r="HZ5497" s="91"/>
      <c r="IA5497" s="91"/>
      <c r="IB5497" s="91"/>
      <c r="IC5497" s="91"/>
      <c r="ID5497" s="91"/>
      <c r="IE5497" s="91"/>
      <c r="IF5497" s="91"/>
      <c r="IG5497" s="91"/>
      <c r="IH5497" s="91"/>
      <c r="II5497" s="91"/>
      <c r="IJ5497" s="91"/>
      <c r="IK5497" s="174"/>
    </row>
    <row r="5498" spans="2:245" x14ac:dyDescent="0.2">
      <c r="B5498" s="43"/>
      <c r="C5498" s="73"/>
      <c r="D5498" s="64"/>
      <c r="E5498" s="64"/>
      <c r="F5498" s="55"/>
      <c r="G5498" s="102"/>
      <c r="H5498" s="97"/>
      <c r="T5498" s="98"/>
      <c r="U5498" s="97"/>
      <c r="AG5498" s="98"/>
      <c r="AY5498" s="164"/>
      <c r="BK5498" s="98"/>
      <c r="BL5498" s="97"/>
      <c r="BX5498" s="98"/>
      <c r="CL5498" s="97"/>
      <c r="CX5498" s="98"/>
      <c r="DL5498" s="97"/>
      <c r="DX5498" s="98"/>
      <c r="EL5498" s="97"/>
      <c r="EX5498" s="98"/>
      <c r="EY5498" s="97"/>
      <c r="FL5498" s="126"/>
      <c r="FM5498" s="91"/>
      <c r="FN5498" s="91"/>
      <c r="FO5498" s="91"/>
      <c r="FP5498" s="91"/>
      <c r="FQ5498" s="91"/>
      <c r="FR5498" s="91"/>
      <c r="FS5498" s="91"/>
      <c r="FT5498" s="91"/>
      <c r="FU5498" s="91"/>
      <c r="FV5498" s="91"/>
      <c r="FW5498" s="91"/>
      <c r="FX5498" s="127"/>
      <c r="FY5498" s="126"/>
      <c r="FZ5498" s="91"/>
      <c r="GA5498" s="91"/>
      <c r="GB5498" s="91"/>
      <c r="GC5498" s="91"/>
      <c r="GD5498" s="91"/>
      <c r="GE5498" s="91"/>
      <c r="GF5498" s="91"/>
      <c r="GG5498" s="91"/>
      <c r="GH5498" s="91"/>
      <c r="GI5498" s="91"/>
      <c r="GJ5498" s="91"/>
      <c r="GK5498" s="127"/>
      <c r="GL5498" s="126"/>
      <c r="GM5498" s="91"/>
      <c r="GN5498" s="91"/>
      <c r="GO5498" s="91"/>
      <c r="GP5498" s="91"/>
      <c r="GQ5498" s="91"/>
      <c r="GR5498" s="91"/>
      <c r="GS5498" s="91"/>
      <c r="GT5498" s="91"/>
      <c r="GU5498" s="91"/>
      <c r="GV5498" s="91"/>
      <c r="GW5498" s="91"/>
      <c r="GX5498" s="127"/>
      <c r="GY5498" s="126"/>
      <c r="GZ5498" s="91"/>
      <c r="HA5498" s="91"/>
      <c r="HB5498" s="91"/>
      <c r="HC5498" s="91"/>
      <c r="HD5498" s="91"/>
      <c r="HE5498" s="91"/>
      <c r="HF5498" s="91"/>
      <c r="HG5498" s="91"/>
      <c r="HH5498" s="91"/>
      <c r="HI5498" s="91"/>
      <c r="HJ5498" s="91"/>
      <c r="HK5498" s="127"/>
      <c r="HL5498" s="126"/>
      <c r="HM5498" s="91"/>
      <c r="HN5498" s="91"/>
      <c r="HO5498" s="91"/>
      <c r="HP5498" s="91"/>
      <c r="HQ5498" s="91"/>
      <c r="HR5498" s="91"/>
      <c r="HS5498" s="91"/>
      <c r="HT5498" s="91"/>
      <c r="HU5498" s="91"/>
      <c r="HV5498" s="91"/>
      <c r="HW5498" s="91"/>
      <c r="HX5498" s="127"/>
      <c r="HY5498" s="126"/>
      <c r="HZ5498" s="91"/>
      <c r="IA5498" s="91"/>
      <c r="IB5498" s="91"/>
      <c r="IC5498" s="91"/>
      <c r="ID5498" s="91"/>
      <c r="IE5498" s="91"/>
      <c r="IF5498" s="91"/>
      <c r="IG5498" s="91"/>
      <c r="IH5498" s="91"/>
      <c r="II5498" s="91"/>
      <c r="IJ5498" s="91"/>
      <c r="IK5498" s="174"/>
    </row>
    <row r="5499" spans="2:245" x14ac:dyDescent="0.2">
      <c r="B5499" s="43"/>
      <c r="C5499" s="73"/>
      <c r="D5499" s="64"/>
      <c r="E5499" s="64"/>
      <c r="F5499" s="55"/>
      <c r="G5499" s="102"/>
      <c r="H5499" s="97"/>
      <c r="T5499" s="98"/>
      <c r="U5499" s="97"/>
      <c r="AG5499" s="98"/>
      <c r="AY5499" s="164"/>
      <c r="BK5499" s="98"/>
      <c r="BL5499" s="97"/>
      <c r="BX5499" s="98"/>
      <c r="CL5499" s="97"/>
      <c r="CX5499" s="98"/>
      <c r="DL5499" s="97"/>
      <c r="DX5499" s="98"/>
      <c r="EL5499" s="97"/>
      <c r="EX5499" s="98"/>
      <c r="EY5499" s="97"/>
      <c r="FL5499" s="126"/>
      <c r="FM5499" s="91"/>
      <c r="FN5499" s="91"/>
      <c r="FO5499" s="91"/>
      <c r="FP5499" s="91"/>
      <c r="FQ5499" s="91"/>
      <c r="FR5499" s="91"/>
      <c r="FS5499" s="91"/>
      <c r="FT5499" s="91"/>
      <c r="FU5499" s="91"/>
      <c r="FV5499" s="91"/>
      <c r="FW5499" s="91"/>
      <c r="FX5499" s="127"/>
      <c r="FY5499" s="126"/>
      <c r="FZ5499" s="91"/>
      <c r="GA5499" s="91"/>
      <c r="GB5499" s="91"/>
      <c r="GC5499" s="91"/>
      <c r="GD5499" s="91"/>
      <c r="GE5499" s="91"/>
      <c r="GF5499" s="91"/>
      <c r="GG5499" s="91"/>
      <c r="GH5499" s="91"/>
      <c r="GI5499" s="91"/>
      <c r="GJ5499" s="91"/>
      <c r="GK5499" s="127"/>
      <c r="GL5499" s="126"/>
      <c r="GM5499" s="91"/>
      <c r="GN5499" s="91"/>
      <c r="GO5499" s="91"/>
      <c r="GP5499" s="91"/>
      <c r="GQ5499" s="91"/>
      <c r="GR5499" s="91"/>
      <c r="GS5499" s="91"/>
      <c r="GT5499" s="91"/>
      <c r="GU5499" s="91"/>
      <c r="GV5499" s="91"/>
      <c r="GW5499" s="91"/>
      <c r="GX5499" s="127"/>
      <c r="GY5499" s="126"/>
      <c r="GZ5499" s="91"/>
      <c r="HA5499" s="91"/>
      <c r="HB5499" s="91"/>
      <c r="HC5499" s="91"/>
      <c r="HD5499" s="91"/>
      <c r="HE5499" s="91"/>
      <c r="HF5499" s="91"/>
      <c r="HG5499" s="91"/>
      <c r="HH5499" s="91"/>
      <c r="HI5499" s="91"/>
      <c r="HJ5499" s="91"/>
      <c r="HK5499" s="127"/>
      <c r="HL5499" s="126"/>
      <c r="HM5499" s="91"/>
      <c r="HN5499" s="91"/>
      <c r="HO5499" s="91"/>
      <c r="HP5499" s="91"/>
      <c r="HQ5499" s="91"/>
      <c r="HR5499" s="91"/>
      <c r="HS5499" s="91"/>
      <c r="HT5499" s="91"/>
      <c r="HU5499" s="91"/>
      <c r="HV5499" s="91"/>
      <c r="HW5499" s="91"/>
      <c r="HX5499" s="127"/>
      <c r="HY5499" s="126"/>
      <c r="HZ5499" s="91"/>
      <c r="IA5499" s="91"/>
      <c r="IB5499" s="91"/>
      <c r="IC5499" s="91"/>
      <c r="ID5499" s="91"/>
      <c r="IE5499" s="91"/>
      <c r="IF5499" s="91"/>
      <c r="IG5499" s="91"/>
      <c r="IH5499" s="91"/>
      <c r="II5499" s="91"/>
      <c r="IJ5499" s="91"/>
      <c r="IK5499" s="174"/>
    </row>
    <row r="5500" spans="2:245" x14ac:dyDescent="0.2">
      <c r="B5500" s="43"/>
      <c r="C5500" s="73"/>
      <c r="D5500" s="64"/>
      <c r="E5500" s="64"/>
      <c r="F5500" s="55"/>
      <c r="G5500" s="102"/>
      <c r="H5500" s="97"/>
      <c r="T5500" s="98"/>
      <c r="U5500" s="97"/>
      <c r="AG5500" s="98"/>
      <c r="AY5500" s="164"/>
      <c r="BK5500" s="98"/>
      <c r="BL5500" s="97"/>
      <c r="BX5500" s="98"/>
      <c r="CL5500" s="97"/>
      <c r="CX5500" s="98"/>
      <c r="DL5500" s="97"/>
      <c r="DX5500" s="98"/>
      <c r="EL5500" s="97"/>
      <c r="EX5500" s="98"/>
      <c r="EY5500" s="97"/>
      <c r="FL5500" s="126"/>
      <c r="FM5500" s="91"/>
      <c r="FN5500" s="91"/>
      <c r="FO5500" s="91"/>
      <c r="FP5500" s="91"/>
      <c r="FQ5500" s="91"/>
      <c r="FR5500" s="91"/>
      <c r="FS5500" s="91"/>
      <c r="FT5500" s="91"/>
      <c r="FU5500" s="91"/>
      <c r="FV5500" s="91"/>
      <c r="FW5500" s="91"/>
      <c r="FX5500" s="127"/>
      <c r="FY5500" s="126"/>
      <c r="FZ5500" s="91"/>
      <c r="GA5500" s="91"/>
      <c r="GB5500" s="91"/>
      <c r="GC5500" s="91"/>
      <c r="GD5500" s="91"/>
      <c r="GE5500" s="91"/>
      <c r="GF5500" s="91"/>
      <c r="GG5500" s="91"/>
      <c r="GH5500" s="91"/>
      <c r="GI5500" s="91"/>
      <c r="GJ5500" s="91"/>
      <c r="GK5500" s="127"/>
      <c r="GL5500" s="126"/>
      <c r="GM5500" s="91"/>
      <c r="GN5500" s="91"/>
      <c r="GO5500" s="91"/>
      <c r="GP5500" s="91"/>
      <c r="GQ5500" s="91"/>
      <c r="GR5500" s="91"/>
      <c r="GS5500" s="91"/>
      <c r="GT5500" s="91"/>
      <c r="GU5500" s="91"/>
      <c r="GV5500" s="91"/>
      <c r="GW5500" s="91"/>
      <c r="GX5500" s="127"/>
      <c r="GY5500" s="126"/>
      <c r="GZ5500" s="91"/>
      <c r="HA5500" s="91"/>
      <c r="HB5500" s="91"/>
      <c r="HC5500" s="91"/>
      <c r="HD5500" s="91"/>
      <c r="HE5500" s="91"/>
      <c r="HF5500" s="91"/>
      <c r="HG5500" s="91"/>
      <c r="HH5500" s="91"/>
      <c r="HI5500" s="91"/>
      <c r="HJ5500" s="91"/>
      <c r="HK5500" s="127"/>
      <c r="HL5500" s="126"/>
      <c r="HM5500" s="91"/>
      <c r="HN5500" s="91"/>
      <c r="HO5500" s="91"/>
      <c r="HP5500" s="91"/>
      <c r="HQ5500" s="91"/>
      <c r="HR5500" s="91"/>
      <c r="HS5500" s="91"/>
      <c r="HT5500" s="91"/>
      <c r="HU5500" s="91"/>
      <c r="HV5500" s="91"/>
      <c r="HW5500" s="91"/>
      <c r="HX5500" s="127"/>
      <c r="HY5500" s="126"/>
      <c r="HZ5500" s="91"/>
      <c r="IA5500" s="91"/>
      <c r="IB5500" s="91"/>
      <c r="IC5500" s="91"/>
      <c r="ID5500" s="91"/>
      <c r="IE5500" s="91"/>
      <c r="IF5500" s="91"/>
      <c r="IG5500" s="91"/>
      <c r="IH5500" s="91"/>
      <c r="II5500" s="91"/>
      <c r="IJ5500" s="91"/>
      <c r="IK5500" s="174"/>
    </row>
    <row r="5501" spans="2:245" x14ac:dyDescent="0.2">
      <c r="B5501" s="43"/>
      <c r="C5501" s="73"/>
      <c r="D5501" s="64"/>
      <c r="E5501" s="64"/>
      <c r="F5501" s="55"/>
      <c r="G5501" s="102"/>
      <c r="H5501" s="97"/>
      <c r="T5501" s="98"/>
      <c r="U5501" s="97"/>
      <c r="AG5501" s="98"/>
      <c r="AY5501" s="164"/>
      <c r="BK5501" s="98"/>
      <c r="BL5501" s="97"/>
      <c r="BX5501" s="98"/>
      <c r="CL5501" s="97"/>
      <c r="CX5501" s="98"/>
      <c r="DL5501" s="97"/>
      <c r="DX5501" s="98"/>
      <c r="EL5501" s="97"/>
      <c r="EX5501" s="98"/>
      <c r="EY5501" s="97"/>
      <c r="FL5501" s="126"/>
      <c r="FM5501" s="91"/>
      <c r="FN5501" s="91"/>
      <c r="FO5501" s="91"/>
      <c r="FP5501" s="91"/>
      <c r="FQ5501" s="91"/>
      <c r="FR5501" s="91"/>
      <c r="FS5501" s="91"/>
      <c r="FT5501" s="91"/>
      <c r="FU5501" s="91"/>
      <c r="FV5501" s="91"/>
      <c r="FW5501" s="91"/>
      <c r="FX5501" s="127"/>
      <c r="FY5501" s="126"/>
      <c r="FZ5501" s="91"/>
      <c r="GA5501" s="91"/>
      <c r="GB5501" s="91"/>
      <c r="GC5501" s="91"/>
      <c r="GD5501" s="91"/>
      <c r="GE5501" s="91"/>
      <c r="GF5501" s="91"/>
      <c r="GG5501" s="91"/>
      <c r="GH5501" s="91"/>
      <c r="GI5501" s="91"/>
      <c r="GJ5501" s="91"/>
      <c r="GK5501" s="127"/>
      <c r="GL5501" s="126"/>
      <c r="GM5501" s="91"/>
      <c r="GN5501" s="91"/>
      <c r="GO5501" s="91"/>
      <c r="GP5501" s="91"/>
      <c r="GQ5501" s="91"/>
      <c r="GR5501" s="91"/>
      <c r="GS5501" s="91"/>
      <c r="GT5501" s="91"/>
      <c r="GU5501" s="91"/>
      <c r="GV5501" s="91"/>
      <c r="GW5501" s="91"/>
      <c r="GX5501" s="127"/>
      <c r="GY5501" s="126"/>
      <c r="GZ5501" s="91"/>
      <c r="HA5501" s="91"/>
      <c r="HB5501" s="91"/>
      <c r="HC5501" s="91"/>
      <c r="HD5501" s="91"/>
      <c r="HE5501" s="91"/>
      <c r="HF5501" s="91"/>
      <c r="HG5501" s="91"/>
      <c r="HH5501" s="91"/>
      <c r="HI5501" s="91"/>
      <c r="HJ5501" s="91"/>
      <c r="HK5501" s="127"/>
      <c r="HL5501" s="126"/>
      <c r="HM5501" s="91"/>
      <c r="HN5501" s="91"/>
      <c r="HO5501" s="91"/>
      <c r="HP5501" s="91"/>
      <c r="HQ5501" s="91"/>
      <c r="HR5501" s="91"/>
      <c r="HS5501" s="91"/>
      <c r="HT5501" s="91"/>
      <c r="HU5501" s="91"/>
      <c r="HV5501" s="91"/>
      <c r="HW5501" s="91"/>
      <c r="HX5501" s="127"/>
      <c r="HY5501" s="126"/>
      <c r="HZ5501" s="91"/>
      <c r="IA5501" s="91"/>
      <c r="IB5501" s="91"/>
      <c r="IC5501" s="91"/>
      <c r="ID5501" s="91"/>
      <c r="IE5501" s="91"/>
      <c r="IF5501" s="91"/>
      <c r="IG5501" s="91"/>
      <c r="IH5501" s="91"/>
      <c r="II5501" s="91"/>
      <c r="IJ5501" s="91"/>
      <c r="IK5501" s="174"/>
    </row>
    <row r="5502" spans="2:245" x14ac:dyDescent="0.2">
      <c r="B5502" s="43"/>
      <c r="C5502" s="73"/>
      <c r="D5502" s="64"/>
      <c r="E5502" s="64"/>
      <c r="F5502" s="55"/>
      <c r="G5502" s="102"/>
      <c r="H5502" s="97"/>
      <c r="T5502" s="98"/>
      <c r="U5502" s="97"/>
      <c r="AG5502" s="98"/>
      <c r="AY5502" s="164"/>
      <c r="BK5502" s="98"/>
      <c r="BL5502" s="97"/>
      <c r="BX5502" s="98"/>
      <c r="CL5502" s="97"/>
      <c r="CX5502" s="98"/>
      <c r="DL5502" s="97"/>
      <c r="DX5502" s="98"/>
      <c r="EL5502" s="97"/>
      <c r="EX5502" s="98"/>
      <c r="EY5502" s="97"/>
      <c r="FL5502" s="126"/>
      <c r="FM5502" s="91"/>
      <c r="FN5502" s="91"/>
      <c r="FO5502" s="91"/>
      <c r="FP5502" s="91"/>
      <c r="FQ5502" s="91"/>
      <c r="FR5502" s="91"/>
      <c r="FS5502" s="91"/>
      <c r="FT5502" s="91"/>
      <c r="FU5502" s="91"/>
      <c r="FV5502" s="91"/>
      <c r="FW5502" s="91"/>
      <c r="FX5502" s="127"/>
      <c r="FY5502" s="126"/>
      <c r="FZ5502" s="91"/>
      <c r="GA5502" s="91"/>
      <c r="GB5502" s="91"/>
      <c r="GC5502" s="91"/>
      <c r="GD5502" s="91"/>
      <c r="GE5502" s="91"/>
      <c r="GF5502" s="91"/>
      <c r="GG5502" s="91"/>
      <c r="GH5502" s="91"/>
      <c r="GI5502" s="91"/>
      <c r="GJ5502" s="91"/>
      <c r="GK5502" s="127"/>
      <c r="GL5502" s="126"/>
      <c r="GM5502" s="91"/>
      <c r="GN5502" s="91"/>
      <c r="GO5502" s="91"/>
      <c r="GP5502" s="91"/>
      <c r="GQ5502" s="91"/>
      <c r="GR5502" s="91"/>
      <c r="GS5502" s="91"/>
      <c r="GT5502" s="91"/>
      <c r="GU5502" s="91"/>
      <c r="GV5502" s="91"/>
      <c r="GW5502" s="91"/>
      <c r="GX5502" s="127"/>
      <c r="GY5502" s="126"/>
      <c r="GZ5502" s="91"/>
      <c r="HA5502" s="91"/>
      <c r="HB5502" s="91"/>
      <c r="HC5502" s="91"/>
      <c r="HD5502" s="91"/>
      <c r="HE5502" s="91"/>
      <c r="HF5502" s="91"/>
      <c r="HG5502" s="91"/>
      <c r="HH5502" s="91"/>
      <c r="HI5502" s="91"/>
      <c r="HJ5502" s="91"/>
      <c r="HK5502" s="127"/>
      <c r="HL5502" s="126"/>
      <c r="HM5502" s="91"/>
      <c r="HN5502" s="91"/>
      <c r="HO5502" s="91"/>
      <c r="HP5502" s="91"/>
      <c r="HQ5502" s="91"/>
      <c r="HR5502" s="91"/>
      <c r="HS5502" s="91"/>
      <c r="HT5502" s="91"/>
      <c r="HU5502" s="91"/>
      <c r="HV5502" s="91"/>
      <c r="HW5502" s="91"/>
      <c r="HX5502" s="127"/>
      <c r="HY5502" s="126"/>
      <c r="HZ5502" s="91"/>
      <c r="IA5502" s="91"/>
      <c r="IB5502" s="91"/>
      <c r="IC5502" s="91"/>
      <c r="ID5502" s="91"/>
      <c r="IE5502" s="91"/>
      <c r="IF5502" s="91"/>
      <c r="IG5502" s="91"/>
      <c r="IH5502" s="91"/>
      <c r="II5502" s="91"/>
      <c r="IJ5502" s="91"/>
      <c r="IK5502" s="174"/>
    </row>
    <row r="5503" spans="2:245" x14ac:dyDescent="0.2">
      <c r="B5503" s="43"/>
      <c r="C5503" s="73"/>
      <c r="D5503" s="64"/>
      <c r="E5503" s="64"/>
      <c r="F5503" s="55"/>
      <c r="G5503" s="102"/>
      <c r="H5503" s="97"/>
      <c r="T5503" s="98"/>
      <c r="U5503" s="97"/>
      <c r="AG5503" s="98"/>
      <c r="AY5503" s="164"/>
      <c r="BK5503" s="98"/>
      <c r="BL5503" s="97"/>
      <c r="BX5503" s="98"/>
      <c r="CL5503" s="97"/>
      <c r="CX5503" s="98"/>
      <c r="DL5503" s="97"/>
      <c r="DX5503" s="98"/>
      <c r="EL5503" s="97"/>
      <c r="EX5503" s="98"/>
      <c r="EY5503" s="97"/>
      <c r="FL5503" s="126"/>
      <c r="FM5503" s="91"/>
      <c r="FN5503" s="91"/>
      <c r="FO5503" s="91"/>
      <c r="FP5503" s="91"/>
      <c r="FQ5503" s="91"/>
      <c r="FR5503" s="91"/>
      <c r="FS5503" s="91"/>
      <c r="FT5503" s="91"/>
      <c r="FU5503" s="91"/>
      <c r="FV5503" s="91"/>
      <c r="FW5503" s="91"/>
      <c r="FX5503" s="127"/>
      <c r="FY5503" s="126"/>
      <c r="FZ5503" s="91"/>
      <c r="GA5503" s="91"/>
      <c r="GB5503" s="91"/>
      <c r="GC5503" s="91"/>
      <c r="GD5503" s="91"/>
      <c r="GE5503" s="91"/>
      <c r="GF5503" s="91"/>
      <c r="GG5503" s="91"/>
      <c r="GH5503" s="91"/>
      <c r="GI5503" s="91"/>
      <c r="GJ5503" s="91"/>
      <c r="GK5503" s="127"/>
      <c r="GL5503" s="126"/>
      <c r="GM5503" s="91"/>
      <c r="GN5503" s="91"/>
      <c r="GO5503" s="91"/>
      <c r="GP5503" s="91"/>
      <c r="GQ5503" s="91"/>
      <c r="GR5503" s="91"/>
      <c r="GS5503" s="91"/>
      <c r="GT5503" s="91"/>
      <c r="GU5503" s="91"/>
      <c r="GV5503" s="91"/>
      <c r="GW5503" s="91"/>
      <c r="GX5503" s="127"/>
      <c r="GY5503" s="126"/>
      <c r="GZ5503" s="91"/>
      <c r="HA5503" s="91"/>
      <c r="HB5503" s="91"/>
      <c r="HC5503" s="91"/>
      <c r="HD5503" s="91"/>
      <c r="HE5503" s="91"/>
      <c r="HF5503" s="91"/>
      <c r="HG5503" s="91"/>
      <c r="HH5503" s="91"/>
      <c r="HI5503" s="91"/>
      <c r="HJ5503" s="91"/>
      <c r="HK5503" s="127"/>
      <c r="HL5503" s="126"/>
      <c r="HM5503" s="91"/>
      <c r="HN5503" s="91"/>
      <c r="HO5503" s="91"/>
      <c r="HP5503" s="91"/>
      <c r="HQ5503" s="91"/>
      <c r="HR5503" s="91"/>
      <c r="HS5503" s="91"/>
      <c r="HT5503" s="91"/>
      <c r="HU5503" s="91"/>
      <c r="HV5503" s="91"/>
      <c r="HW5503" s="91"/>
      <c r="HX5503" s="127"/>
      <c r="HY5503" s="126"/>
      <c r="HZ5503" s="91"/>
      <c r="IA5503" s="91"/>
      <c r="IB5503" s="91"/>
      <c r="IC5503" s="91"/>
      <c r="ID5503" s="91"/>
      <c r="IE5503" s="91"/>
      <c r="IF5503" s="91"/>
      <c r="IG5503" s="91"/>
      <c r="IH5503" s="91"/>
      <c r="II5503" s="91"/>
      <c r="IJ5503" s="91"/>
      <c r="IK5503" s="174"/>
    </row>
    <row r="5504" spans="2:245" x14ac:dyDescent="0.2">
      <c r="B5504" s="43"/>
      <c r="C5504" s="73"/>
      <c r="D5504" s="64"/>
      <c r="E5504" s="64"/>
      <c r="F5504" s="55"/>
      <c r="G5504" s="102"/>
      <c r="H5504" s="97"/>
      <c r="T5504" s="98"/>
      <c r="U5504" s="97"/>
      <c r="AG5504" s="98"/>
      <c r="AY5504" s="164"/>
      <c r="BK5504" s="98"/>
      <c r="BL5504" s="97"/>
      <c r="BX5504" s="98"/>
      <c r="CL5504" s="97"/>
      <c r="CX5504" s="98"/>
      <c r="DL5504" s="97"/>
      <c r="DX5504" s="98"/>
      <c r="EL5504" s="97"/>
      <c r="EX5504" s="98"/>
      <c r="EY5504" s="97"/>
      <c r="FL5504" s="126"/>
      <c r="FM5504" s="91"/>
      <c r="FN5504" s="91"/>
      <c r="FO5504" s="91"/>
      <c r="FP5504" s="91"/>
      <c r="FQ5504" s="91"/>
      <c r="FR5504" s="91"/>
      <c r="FS5504" s="91"/>
      <c r="FT5504" s="91"/>
      <c r="FU5504" s="91"/>
      <c r="FV5504" s="91"/>
      <c r="FW5504" s="91"/>
      <c r="FX5504" s="127"/>
      <c r="FY5504" s="126"/>
      <c r="FZ5504" s="91"/>
      <c r="GA5504" s="91"/>
      <c r="GB5504" s="91"/>
      <c r="GC5504" s="91"/>
      <c r="GD5504" s="91"/>
      <c r="GE5504" s="91"/>
      <c r="GF5504" s="91"/>
      <c r="GG5504" s="91"/>
      <c r="GH5504" s="91"/>
      <c r="GI5504" s="91"/>
      <c r="GJ5504" s="91"/>
      <c r="GK5504" s="127"/>
      <c r="GL5504" s="126"/>
      <c r="GM5504" s="91"/>
      <c r="GN5504" s="91"/>
      <c r="GO5504" s="91"/>
      <c r="GP5504" s="91"/>
      <c r="GQ5504" s="91"/>
      <c r="GR5504" s="91"/>
      <c r="GS5504" s="91"/>
      <c r="GT5504" s="91"/>
      <c r="GU5504" s="91"/>
      <c r="GV5504" s="91"/>
      <c r="GW5504" s="91"/>
      <c r="GX5504" s="127"/>
      <c r="GY5504" s="126"/>
      <c r="GZ5504" s="91"/>
      <c r="HA5504" s="91"/>
      <c r="HB5504" s="91"/>
      <c r="HC5504" s="91"/>
      <c r="HD5504" s="91"/>
      <c r="HE5504" s="91"/>
      <c r="HF5504" s="91"/>
      <c r="HG5504" s="91"/>
      <c r="HH5504" s="91"/>
      <c r="HI5504" s="91"/>
      <c r="HJ5504" s="91"/>
      <c r="HK5504" s="127"/>
      <c r="HL5504" s="126"/>
      <c r="HM5504" s="91"/>
      <c r="HN5504" s="91"/>
      <c r="HO5504" s="91"/>
      <c r="HP5504" s="91"/>
      <c r="HQ5504" s="91"/>
      <c r="HR5504" s="91"/>
      <c r="HS5504" s="91"/>
      <c r="HT5504" s="91"/>
      <c r="HU5504" s="91"/>
      <c r="HV5504" s="91"/>
      <c r="HW5504" s="91"/>
      <c r="HX5504" s="127"/>
      <c r="HY5504" s="126"/>
      <c r="HZ5504" s="91"/>
      <c r="IA5504" s="91"/>
      <c r="IB5504" s="91"/>
      <c r="IC5504" s="91"/>
      <c r="ID5504" s="91"/>
      <c r="IE5504" s="91"/>
      <c r="IF5504" s="91"/>
      <c r="IG5504" s="91"/>
      <c r="IH5504" s="91"/>
      <c r="II5504" s="91"/>
      <c r="IJ5504" s="91"/>
      <c r="IK5504" s="174"/>
    </row>
    <row r="5505" spans="2:245" x14ac:dyDescent="0.2">
      <c r="B5505" s="43"/>
      <c r="C5505" s="73"/>
      <c r="D5505" s="64"/>
      <c r="E5505" s="64"/>
      <c r="F5505" s="55"/>
      <c r="G5505" s="102"/>
      <c r="H5505" s="97"/>
      <c r="T5505" s="98"/>
      <c r="U5505" s="97"/>
      <c r="AG5505" s="98"/>
      <c r="AY5505" s="164"/>
      <c r="BK5505" s="98"/>
      <c r="BL5505" s="97"/>
      <c r="BX5505" s="98"/>
      <c r="CL5505" s="97"/>
      <c r="CX5505" s="98"/>
      <c r="DL5505" s="97"/>
      <c r="DX5505" s="98"/>
      <c r="EL5505" s="97"/>
      <c r="EX5505" s="98"/>
      <c r="EY5505" s="97"/>
      <c r="FL5505" s="126"/>
      <c r="FM5505" s="91"/>
      <c r="FN5505" s="91"/>
      <c r="FO5505" s="91"/>
      <c r="FP5505" s="91"/>
      <c r="FQ5505" s="91"/>
      <c r="FR5505" s="91"/>
      <c r="FS5505" s="91"/>
      <c r="FT5505" s="91"/>
      <c r="FU5505" s="91"/>
      <c r="FV5505" s="91"/>
      <c r="FW5505" s="91"/>
      <c r="FX5505" s="127"/>
      <c r="FY5505" s="126"/>
      <c r="FZ5505" s="91"/>
      <c r="GA5505" s="91"/>
      <c r="GB5505" s="91"/>
      <c r="GC5505" s="91"/>
      <c r="GD5505" s="91"/>
      <c r="GE5505" s="91"/>
      <c r="GF5505" s="91"/>
      <c r="GG5505" s="91"/>
      <c r="GH5505" s="91"/>
      <c r="GI5505" s="91"/>
      <c r="GJ5505" s="91"/>
      <c r="GK5505" s="127"/>
      <c r="GL5505" s="126"/>
      <c r="GM5505" s="91"/>
      <c r="GN5505" s="91"/>
      <c r="GO5505" s="91"/>
      <c r="GP5505" s="91"/>
      <c r="GQ5505" s="91"/>
      <c r="GR5505" s="91"/>
      <c r="GS5505" s="91"/>
      <c r="GT5505" s="91"/>
      <c r="GU5505" s="91"/>
      <c r="GV5505" s="91"/>
      <c r="GW5505" s="91"/>
      <c r="GX5505" s="127"/>
      <c r="GY5505" s="126"/>
      <c r="GZ5505" s="91"/>
      <c r="HA5505" s="91"/>
      <c r="HB5505" s="91"/>
      <c r="HC5505" s="91"/>
      <c r="HD5505" s="91"/>
      <c r="HE5505" s="91"/>
      <c r="HF5505" s="91"/>
      <c r="HG5505" s="91"/>
      <c r="HH5505" s="91"/>
      <c r="HI5505" s="91"/>
      <c r="HJ5505" s="91"/>
      <c r="HK5505" s="127"/>
      <c r="HL5505" s="126"/>
      <c r="HM5505" s="91"/>
      <c r="HN5505" s="91"/>
      <c r="HO5505" s="91"/>
      <c r="HP5505" s="91"/>
      <c r="HQ5505" s="91"/>
      <c r="HR5505" s="91"/>
      <c r="HS5505" s="91"/>
      <c r="HT5505" s="91"/>
      <c r="HU5505" s="91"/>
      <c r="HV5505" s="91"/>
      <c r="HW5505" s="91"/>
      <c r="HX5505" s="127"/>
      <c r="HY5505" s="126"/>
      <c r="HZ5505" s="91"/>
      <c r="IA5505" s="91"/>
      <c r="IB5505" s="91"/>
      <c r="IC5505" s="91"/>
      <c r="ID5505" s="91"/>
      <c r="IE5505" s="91"/>
      <c r="IF5505" s="91"/>
      <c r="IG5505" s="91"/>
      <c r="IH5505" s="91"/>
      <c r="II5505" s="91"/>
      <c r="IJ5505" s="91"/>
      <c r="IK5505" s="174"/>
    </row>
    <row r="5506" spans="2:245" x14ac:dyDescent="0.2">
      <c r="B5506" s="43"/>
      <c r="C5506" s="73"/>
      <c r="D5506" s="64"/>
      <c r="E5506" s="64"/>
      <c r="F5506" s="55"/>
      <c r="G5506" s="102"/>
      <c r="H5506" s="97"/>
      <c r="T5506" s="98"/>
      <c r="U5506" s="97"/>
      <c r="AG5506" s="98"/>
      <c r="AY5506" s="164"/>
      <c r="BK5506" s="98"/>
      <c r="BL5506" s="97"/>
      <c r="BX5506" s="98"/>
      <c r="CL5506" s="97"/>
      <c r="CX5506" s="98"/>
      <c r="DL5506" s="97"/>
      <c r="DX5506" s="98"/>
      <c r="EL5506" s="97"/>
      <c r="EX5506" s="98"/>
      <c r="EY5506" s="97"/>
      <c r="FL5506" s="126"/>
      <c r="FM5506" s="91"/>
      <c r="FN5506" s="91"/>
      <c r="FO5506" s="91"/>
      <c r="FP5506" s="91"/>
      <c r="FQ5506" s="91"/>
      <c r="FR5506" s="91"/>
      <c r="FS5506" s="91"/>
      <c r="FT5506" s="91"/>
      <c r="FU5506" s="91"/>
      <c r="FV5506" s="91"/>
      <c r="FW5506" s="91"/>
      <c r="FX5506" s="127"/>
      <c r="FY5506" s="126"/>
      <c r="FZ5506" s="91"/>
      <c r="GA5506" s="91"/>
      <c r="GB5506" s="91"/>
      <c r="GC5506" s="91"/>
      <c r="GD5506" s="91"/>
      <c r="GE5506" s="91"/>
      <c r="GF5506" s="91"/>
      <c r="GG5506" s="91"/>
      <c r="GH5506" s="91"/>
      <c r="GI5506" s="91"/>
      <c r="GJ5506" s="91"/>
      <c r="GK5506" s="127"/>
      <c r="GL5506" s="126"/>
      <c r="GM5506" s="91"/>
      <c r="GN5506" s="91"/>
      <c r="GO5506" s="91"/>
      <c r="GP5506" s="91"/>
      <c r="GQ5506" s="91"/>
      <c r="GR5506" s="91"/>
      <c r="GS5506" s="91"/>
      <c r="GT5506" s="91"/>
      <c r="GU5506" s="91"/>
      <c r="GV5506" s="91"/>
      <c r="GW5506" s="91"/>
      <c r="GX5506" s="127"/>
      <c r="GY5506" s="126"/>
      <c r="GZ5506" s="91"/>
      <c r="HA5506" s="91"/>
      <c r="HB5506" s="91"/>
      <c r="HC5506" s="91"/>
      <c r="HD5506" s="91"/>
      <c r="HE5506" s="91"/>
      <c r="HF5506" s="91"/>
      <c r="HG5506" s="91"/>
      <c r="HH5506" s="91"/>
      <c r="HI5506" s="91"/>
      <c r="HJ5506" s="91"/>
      <c r="HK5506" s="127"/>
      <c r="HL5506" s="126"/>
      <c r="HM5506" s="91"/>
      <c r="HN5506" s="91"/>
      <c r="HO5506" s="91"/>
      <c r="HP5506" s="91"/>
      <c r="HQ5506" s="91"/>
      <c r="HR5506" s="91"/>
      <c r="HS5506" s="91"/>
      <c r="HT5506" s="91"/>
      <c r="HU5506" s="91"/>
      <c r="HV5506" s="91"/>
      <c r="HW5506" s="91"/>
      <c r="HX5506" s="127"/>
      <c r="HY5506" s="126"/>
      <c r="HZ5506" s="91"/>
      <c r="IA5506" s="91"/>
      <c r="IB5506" s="91"/>
      <c r="IC5506" s="91"/>
      <c r="ID5506" s="91"/>
      <c r="IE5506" s="91"/>
      <c r="IF5506" s="91"/>
      <c r="IG5506" s="91"/>
      <c r="IH5506" s="91"/>
      <c r="II5506" s="91"/>
      <c r="IJ5506" s="91"/>
      <c r="IK5506" s="174"/>
    </row>
    <row r="5507" spans="2:245" x14ac:dyDescent="0.2">
      <c r="B5507" s="43"/>
      <c r="C5507" s="73"/>
      <c r="D5507" s="64"/>
      <c r="E5507" s="64"/>
      <c r="F5507" s="55"/>
      <c r="G5507" s="102"/>
      <c r="H5507" s="97"/>
      <c r="T5507" s="98"/>
      <c r="U5507" s="97"/>
      <c r="AG5507" s="98"/>
      <c r="AY5507" s="164"/>
      <c r="BK5507" s="98"/>
      <c r="BL5507" s="97"/>
      <c r="BX5507" s="98"/>
      <c r="CL5507" s="97"/>
      <c r="CX5507" s="98"/>
      <c r="DL5507" s="97"/>
      <c r="DX5507" s="98"/>
      <c r="EL5507" s="97"/>
      <c r="EX5507" s="98"/>
      <c r="EY5507" s="97"/>
      <c r="FL5507" s="126"/>
      <c r="FM5507" s="91"/>
      <c r="FN5507" s="91"/>
      <c r="FO5507" s="91"/>
      <c r="FP5507" s="91"/>
      <c r="FQ5507" s="91"/>
      <c r="FR5507" s="91"/>
      <c r="FS5507" s="91"/>
      <c r="FT5507" s="91"/>
      <c r="FU5507" s="91"/>
      <c r="FV5507" s="91"/>
      <c r="FW5507" s="91"/>
      <c r="FX5507" s="127"/>
      <c r="FY5507" s="126"/>
      <c r="FZ5507" s="91"/>
      <c r="GA5507" s="91"/>
      <c r="GB5507" s="91"/>
      <c r="GC5507" s="91"/>
      <c r="GD5507" s="91"/>
      <c r="GE5507" s="91"/>
      <c r="GF5507" s="91"/>
      <c r="GG5507" s="91"/>
      <c r="GH5507" s="91"/>
      <c r="GI5507" s="91"/>
      <c r="GJ5507" s="91"/>
      <c r="GK5507" s="127"/>
      <c r="GL5507" s="126"/>
      <c r="GM5507" s="91"/>
      <c r="GN5507" s="91"/>
      <c r="GO5507" s="91"/>
      <c r="GP5507" s="91"/>
      <c r="GQ5507" s="91"/>
      <c r="GR5507" s="91"/>
      <c r="GS5507" s="91"/>
      <c r="GT5507" s="91"/>
      <c r="GU5507" s="91"/>
      <c r="GV5507" s="91"/>
      <c r="GW5507" s="91"/>
      <c r="GX5507" s="127"/>
      <c r="GY5507" s="126"/>
      <c r="GZ5507" s="91"/>
      <c r="HA5507" s="91"/>
      <c r="HB5507" s="91"/>
      <c r="HC5507" s="91"/>
      <c r="HD5507" s="91"/>
      <c r="HE5507" s="91"/>
      <c r="HF5507" s="91"/>
      <c r="HG5507" s="91"/>
      <c r="HH5507" s="91"/>
      <c r="HI5507" s="91"/>
      <c r="HJ5507" s="91"/>
      <c r="HK5507" s="127"/>
      <c r="HL5507" s="126"/>
      <c r="HM5507" s="91"/>
      <c r="HN5507" s="91"/>
      <c r="HO5507" s="91"/>
      <c r="HP5507" s="91"/>
      <c r="HQ5507" s="91"/>
      <c r="HR5507" s="91"/>
      <c r="HS5507" s="91"/>
      <c r="HT5507" s="91"/>
      <c r="HU5507" s="91"/>
      <c r="HV5507" s="91"/>
      <c r="HW5507" s="91"/>
      <c r="HX5507" s="127"/>
      <c r="HY5507" s="126"/>
      <c r="HZ5507" s="91"/>
      <c r="IA5507" s="91"/>
      <c r="IB5507" s="91"/>
      <c r="IC5507" s="91"/>
      <c r="ID5507" s="91"/>
      <c r="IE5507" s="91"/>
      <c r="IF5507" s="91"/>
      <c r="IG5507" s="91"/>
      <c r="IH5507" s="91"/>
      <c r="II5507" s="91"/>
      <c r="IJ5507" s="91"/>
      <c r="IK5507" s="174"/>
    </row>
    <row r="5508" spans="2:245" x14ac:dyDescent="0.2">
      <c r="B5508" s="43"/>
      <c r="C5508" s="73"/>
      <c r="D5508" s="64"/>
      <c r="E5508" s="64"/>
      <c r="F5508" s="55"/>
      <c r="G5508" s="102"/>
      <c r="H5508" s="97"/>
      <c r="T5508" s="98"/>
      <c r="U5508" s="97"/>
      <c r="AG5508" s="98"/>
      <c r="AY5508" s="164"/>
      <c r="BK5508" s="98"/>
      <c r="BL5508" s="97"/>
      <c r="BX5508" s="98"/>
      <c r="CL5508" s="97"/>
      <c r="CX5508" s="98"/>
      <c r="DL5508" s="97"/>
      <c r="DX5508" s="98"/>
      <c r="EL5508" s="97"/>
      <c r="EX5508" s="98"/>
      <c r="EY5508" s="97"/>
      <c r="FL5508" s="126"/>
      <c r="FM5508" s="91"/>
      <c r="FN5508" s="91"/>
      <c r="FO5508" s="91"/>
      <c r="FP5508" s="91"/>
      <c r="FQ5508" s="91"/>
      <c r="FR5508" s="91"/>
      <c r="FS5508" s="91"/>
      <c r="FT5508" s="91"/>
      <c r="FU5508" s="91"/>
      <c r="FV5508" s="91"/>
      <c r="FW5508" s="91"/>
      <c r="FX5508" s="127"/>
      <c r="FY5508" s="126"/>
      <c r="FZ5508" s="91"/>
      <c r="GA5508" s="91"/>
      <c r="GB5508" s="91"/>
      <c r="GC5508" s="91"/>
      <c r="GD5508" s="91"/>
      <c r="GE5508" s="91"/>
      <c r="GF5508" s="91"/>
      <c r="GG5508" s="91"/>
      <c r="GH5508" s="91"/>
      <c r="GI5508" s="91"/>
      <c r="GJ5508" s="91"/>
      <c r="GK5508" s="127"/>
      <c r="GL5508" s="126"/>
      <c r="GM5508" s="91"/>
      <c r="GN5508" s="91"/>
      <c r="GO5508" s="91"/>
      <c r="GP5508" s="91"/>
      <c r="GQ5508" s="91"/>
      <c r="GR5508" s="91"/>
      <c r="GS5508" s="91"/>
      <c r="GT5508" s="91"/>
      <c r="GU5508" s="91"/>
      <c r="GV5508" s="91"/>
      <c r="GW5508" s="91"/>
      <c r="GX5508" s="127"/>
      <c r="GY5508" s="126"/>
      <c r="GZ5508" s="91"/>
      <c r="HA5508" s="91"/>
      <c r="HB5508" s="91"/>
      <c r="HC5508" s="91"/>
      <c r="HD5508" s="91"/>
      <c r="HE5508" s="91"/>
      <c r="HF5508" s="91"/>
      <c r="HG5508" s="91"/>
      <c r="HH5508" s="91"/>
      <c r="HI5508" s="91"/>
      <c r="HJ5508" s="91"/>
      <c r="HK5508" s="127"/>
      <c r="HL5508" s="126"/>
      <c r="HM5508" s="91"/>
      <c r="HN5508" s="91"/>
      <c r="HO5508" s="91"/>
      <c r="HP5508" s="91"/>
      <c r="HQ5508" s="91"/>
      <c r="HR5508" s="91"/>
      <c r="HS5508" s="91"/>
      <c r="HT5508" s="91"/>
      <c r="HU5508" s="91"/>
      <c r="HV5508" s="91"/>
      <c r="HW5508" s="91"/>
      <c r="HX5508" s="127"/>
      <c r="HY5508" s="126"/>
      <c r="HZ5508" s="91"/>
      <c r="IA5508" s="91"/>
      <c r="IB5508" s="91"/>
      <c r="IC5508" s="91"/>
      <c r="ID5508" s="91"/>
      <c r="IE5508" s="91"/>
      <c r="IF5508" s="91"/>
      <c r="IG5508" s="91"/>
      <c r="IH5508" s="91"/>
      <c r="II5508" s="91"/>
      <c r="IJ5508" s="91"/>
      <c r="IK5508" s="174"/>
    </row>
    <row r="5509" spans="2:245" x14ac:dyDescent="0.2">
      <c r="B5509" s="43"/>
      <c r="C5509" s="73"/>
      <c r="D5509" s="64"/>
      <c r="E5509" s="64"/>
      <c r="F5509" s="55"/>
      <c r="G5509" s="102"/>
      <c r="H5509" s="97"/>
      <c r="T5509" s="98"/>
      <c r="U5509" s="97"/>
      <c r="AG5509" s="98"/>
      <c r="AY5509" s="164"/>
      <c r="BK5509" s="98"/>
      <c r="BL5509" s="97"/>
      <c r="BX5509" s="98"/>
      <c r="CL5509" s="97"/>
      <c r="CX5509" s="98"/>
      <c r="DL5509" s="97"/>
      <c r="DX5509" s="98"/>
      <c r="EL5509" s="97"/>
      <c r="EX5509" s="98"/>
      <c r="EY5509" s="97"/>
      <c r="FL5509" s="126"/>
      <c r="FM5509" s="91"/>
      <c r="FN5509" s="91"/>
      <c r="FO5509" s="91"/>
      <c r="FP5509" s="91"/>
      <c r="FQ5509" s="91"/>
      <c r="FR5509" s="91"/>
      <c r="FS5509" s="91"/>
      <c r="FT5509" s="91"/>
      <c r="FU5509" s="91"/>
      <c r="FV5509" s="91"/>
      <c r="FW5509" s="91"/>
      <c r="FX5509" s="127"/>
      <c r="FY5509" s="126"/>
      <c r="FZ5509" s="91"/>
      <c r="GA5509" s="91"/>
      <c r="GB5509" s="91"/>
      <c r="GC5509" s="91"/>
      <c r="GD5509" s="91"/>
      <c r="GE5509" s="91"/>
      <c r="GF5509" s="91"/>
      <c r="GG5509" s="91"/>
      <c r="GH5509" s="91"/>
      <c r="GI5509" s="91"/>
      <c r="GJ5509" s="91"/>
      <c r="GK5509" s="127"/>
      <c r="GL5509" s="126"/>
      <c r="GM5509" s="91"/>
      <c r="GN5509" s="91"/>
      <c r="GO5509" s="91"/>
      <c r="GP5509" s="91"/>
      <c r="GQ5509" s="91"/>
      <c r="GR5509" s="91"/>
      <c r="GS5509" s="91"/>
      <c r="GT5509" s="91"/>
      <c r="GU5509" s="91"/>
      <c r="GV5509" s="91"/>
      <c r="GW5509" s="91"/>
      <c r="GX5509" s="127"/>
      <c r="GY5509" s="126"/>
      <c r="GZ5509" s="91"/>
      <c r="HA5509" s="91"/>
      <c r="HB5509" s="91"/>
      <c r="HC5509" s="91"/>
      <c r="HD5509" s="91"/>
      <c r="HE5509" s="91"/>
      <c r="HF5509" s="91"/>
      <c r="HG5509" s="91"/>
      <c r="HH5509" s="91"/>
      <c r="HI5509" s="91"/>
      <c r="HJ5509" s="91"/>
      <c r="HK5509" s="127"/>
      <c r="HL5509" s="126"/>
      <c r="HM5509" s="91"/>
      <c r="HN5509" s="91"/>
      <c r="HO5509" s="91"/>
      <c r="HP5509" s="91"/>
      <c r="HQ5509" s="91"/>
      <c r="HR5509" s="91"/>
      <c r="HS5509" s="91"/>
      <c r="HT5509" s="91"/>
      <c r="HU5509" s="91"/>
      <c r="HV5509" s="91"/>
      <c r="HW5509" s="91"/>
      <c r="HX5509" s="127"/>
      <c r="HY5509" s="126"/>
      <c r="HZ5509" s="91"/>
      <c r="IA5509" s="91"/>
      <c r="IB5509" s="91"/>
      <c r="IC5509" s="91"/>
      <c r="ID5509" s="91"/>
      <c r="IE5509" s="91"/>
      <c r="IF5509" s="91"/>
      <c r="IG5509" s="91"/>
      <c r="IH5509" s="91"/>
      <c r="II5509" s="91"/>
      <c r="IJ5509" s="91"/>
      <c r="IK5509" s="174"/>
    </row>
    <row r="5510" spans="2:245" x14ac:dyDescent="0.2">
      <c r="B5510" s="43"/>
      <c r="C5510" s="73"/>
      <c r="D5510" s="64"/>
      <c r="E5510" s="64"/>
      <c r="F5510" s="55"/>
      <c r="G5510" s="102"/>
      <c r="H5510" s="97"/>
      <c r="T5510" s="98"/>
      <c r="U5510" s="97"/>
      <c r="AG5510" s="98"/>
      <c r="AY5510" s="164"/>
      <c r="BK5510" s="98"/>
      <c r="BL5510" s="97"/>
      <c r="BX5510" s="98"/>
      <c r="CL5510" s="97"/>
      <c r="CX5510" s="98"/>
      <c r="DL5510" s="97"/>
      <c r="DX5510" s="98"/>
      <c r="EL5510" s="97"/>
      <c r="EX5510" s="98"/>
      <c r="EY5510" s="97"/>
      <c r="FL5510" s="126"/>
      <c r="FM5510" s="91"/>
      <c r="FN5510" s="91"/>
      <c r="FO5510" s="91"/>
      <c r="FP5510" s="91"/>
      <c r="FQ5510" s="91"/>
      <c r="FR5510" s="91"/>
      <c r="FS5510" s="91"/>
      <c r="FT5510" s="91"/>
      <c r="FU5510" s="91"/>
      <c r="FV5510" s="91"/>
      <c r="FW5510" s="91"/>
      <c r="FX5510" s="127"/>
      <c r="FY5510" s="126"/>
      <c r="FZ5510" s="91"/>
      <c r="GA5510" s="91"/>
      <c r="GB5510" s="91"/>
      <c r="GC5510" s="91"/>
      <c r="GD5510" s="91"/>
      <c r="GE5510" s="91"/>
      <c r="GF5510" s="91"/>
      <c r="GG5510" s="91"/>
      <c r="GH5510" s="91"/>
      <c r="GI5510" s="91"/>
      <c r="GJ5510" s="91"/>
      <c r="GK5510" s="127"/>
      <c r="GL5510" s="126"/>
      <c r="GM5510" s="91"/>
      <c r="GN5510" s="91"/>
      <c r="GO5510" s="91"/>
      <c r="GP5510" s="91"/>
      <c r="GQ5510" s="91"/>
      <c r="GR5510" s="91"/>
      <c r="GS5510" s="91"/>
      <c r="GT5510" s="91"/>
      <c r="GU5510" s="91"/>
      <c r="GV5510" s="91"/>
      <c r="GW5510" s="91"/>
      <c r="GX5510" s="127"/>
      <c r="GY5510" s="126"/>
      <c r="GZ5510" s="91"/>
      <c r="HA5510" s="91"/>
      <c r="HB5510" s="91"/>
      <c r="HC5510" s="91"/>
      <c r="HD5510" s="91"/>
      <c r="HE5510" s="91"/>
      <c r="HF5510" s="91"/>
      <c r="HG5510" s="91"/>
      <c r="HH5510" s="91"/>
      <c r="HI5510" s="91"/>
      <c r="HJ5510" s="91"/>
      <c r="HK5510" s="127"/>
      <c r="HL5510" s="126"/>
      <c r="HM5510" s="91"/>
      <c r="HN5510" s="91"/>
      <c r="HO5510" s="91"/>
      <c r="HP5510" s="91"/>
      <c r="HQ5510" s="91"/>
      <c r="HR5510" s="91"/>
      <c r="HS5510" s="91"/>
      <c r="HT5510" s="91"/>
      <c r="HU5510" s="91"/>
      <c r="HV5510" s="91"/>
      <c r="HW5510" s="91"/>
      <c r="HX5510" s="127"/>
      <c r="HY5510" s="126"/>
      <c r="HZ5510" s="91"/>
      <c r="IA5510" s="91"/>
      <c r="IB5510" s="91"/>
      <c r="IC5510" s="91"/>
      <c r="ID5510" s="91"/>
      <c r="IE5510" s="91"/>
      <c r="IF5510" s="91"/>
      <c r="IG5510" s="91"/>
      <c r="IH5510" s="91"/>
      <c r="II5510" s="91"/>
      <c r="IJ5510" s="91"/>
      <c r="IK5510" s="174"/>
    </row>
    <row r="5511" spans="2:245" x14ac:dyDescent="0.2">
      <c r="B5511" s="43"/>
      <c r="C5511" s="73"/>
      <c r="D5511" s="64"/>
      <c r="E5511" s="64"/>
      <c r="F5511" s="55"/>
      <c r="G5511" s="102"/>
      <c r="H5511" s="97"/>
      <c r="T5511" s="98"/>
      <c r="U5511" s="97"/>
      <c r="AG5511" s="98"/>
      <c r="AY5511" s="164"/>
      <c r="BK5511" s="98"/>
      <c r="BL5511" s="97"/>
      <c r="BX5511" s="98"/>
      <c r="CL5511" s="97"/>
      <c r="CX5511" s="98"/>
      <c r="DL5511" s="97"/>
      <c r="DX5511" s="98"/>
      <c r="EL5511" s="97"/>
      <c r="EX5511" s="98"/>
      <c r="EY5511" s="97"/>
      <c r="FL5511" s="126"/>
      <c r="FM5511" s="91"/>
      <c r="FN5511" s="91"/>
      <c r="FO5511" s="91"/>
      <c r="FP5511" s="91"/>
      <c r="FQ5511" s="91"/>
      <c r="FR5511" s="91"/>
      <c r="FS5511" s="91"/>
      <c r="FT5511" s="91"/>
      <c r="FU5511" s="91"/>
      <c r="FV5511" s="91"/>
      <c r="FW5511" s="91"/>
      <c r="FX5511" s="127"/>
      <c r="FY5511" s="126"/>
      <c r="FZ5511" s="91"/>
      <c r="GA5511" s="91"/>
      <c r="GB5511" s="91"/>
      <c r="GC5511" s="91"/>
      <c r="GD5511" s="91"/>
      <c r="GE5511" s="91"/>
      <c r="GF5511" s="91"/>
      <c r="GG5511" s="91"/>
      <c r="GH5511" s="91"/>
      <c r="GI5511" s="91"/>
      <c r="GJ5511" s="91"/>
      <c r="GK5511" s="127"/>
      <c r="GL5511" s="126"/>
      <c r="GM5511" s="91"/>
      <c r="GN5511" s="91"/>
      <c r="GO5511" s="91"/>
      <c r="GP5511" s="91"/>
      <c r="GQ5511" s="91"/>
      <c r="GR5511" s="91"/>
      <c r="GS5511" s="91"/>
      <c r="GT5511" s="91"/>
      <c r="GU5511" s="91"/>
      <c r="GV5511" s="91"/>
      <c r="GW5511" s="91"/>
      <c r="GX5511" s="127"/>
      <c r="GY5511" s="126"/>
      <c r="GZ5511" s="91"/>
      <c r="HA5511" s="91"/>
      <c r="HB5511" s="91"/>
      <c r="HC5511" s="91"/>
      <c r="HD5511" s="91"/>
      <c r="HE5511" s="91"/>
      <c r="HF5511" s="91"/>
      <c r="HG5511" s="91"/>
      <c r="HH5511" s="91"/>
      <c r="HI5511" s="91"/>
      <c r="HJ5511" s="91"/>
      <c r="HK5511" s="127"/>
      <c r="HL5511" s="126"/>
      <c r="HM5511" s="91"/>
      <c r="HN5511" s="91"/>
      <c r="HO5511" s="91"/>
      <c r="HP5511" s="91"/>
      <c r="HQ5511" s="91"/>
      <c r="HR5511" s="91"/>
      <c r="HS5511" s="91"/>
      <c r="HT5511" s="91"/>
      <c r="HU5511" s="91"/>
      <c r="HV5511" s="91"/>
      <c r="HW5511" s="91"/>
      <c r="HX5511" s="127"/>
      <c r="HY5511" s="126"/>
      <c r="HZ5511" s="91"/>
      <c r="IA5511" s="91"/>
      <c r="IB5511" s="91"/>
      <c r="IC5511" s="91"/>
      <c r="ID5511" s="91"/>
      <c r="IE5511" s="91"/>
      <c r="IF5511" s="91"/>
      <c r="IG5511" s="91"/>
      <c r="IH5511" s="91"/>
      <c r="II5511" s="91"/>
      <c r="IJ5511" s="91"/>
      <c r="IK5511" s="174"/>
    </row>
    <row r="5512" spans="2:245" x14ac:dyDescent="0.2">
      <c r="B5512" s="43"/>
      <c r="C5512" s="73"/>
      <c r="D5512" s="64"/>
      <c r="E5512" s="64"/>
      <c r="F5512" s="55"/>
      <c r="G5512" s="102"/>
      <c r="H5512" s="97"/>
      <c r="T5512" s="98"/>
      <c r="U5512" s="97"/>
      <c r="AG5512" s="98"/>
      <c r="AY5512" s="164"/>
      <c r="BK5512" s="98"/>
      <c r="BL5512" s="97"/>
      <c r="BX5512" s="98"/>
      <c r="CL5512" s="97"/>
      <c r="CX5512" s="98"/>
      <c r="DL5512" s="97"/>
      <c r="DX5512" s="98"/>
      <c r="EL5512" s="97"/>
      <c r="EX5512" s="98"/>
      <c r="EY5512" s="97"/>
      <c r="FL5512" s="126"/>
      <c r="FM5512" s="91"/>
      <c r="FN5512" s="91"/>
      <c r="FO5512" s="91"/>
      <c r="FP5512" s="91"/>
      <c r="FQ5512" s="91"/>
      <c r="FR5512" s="91"/>
      <c r="FS5512" s="91"/>
      <c r="FT5512" s="91"/>
      <c r="FU5512" s="91"/>
      <c r="FV5512" s="91"/>
      <c r="FW5512" s="91"/>
      <c r="FX5512" s="127"/>
      <c r="FY5512" s="126"/>
      <c r="FZ5512" s="91"/>
      <c r="GA5512" s="91"/>
      <c r="GB5512" s="91"/>
      <c r="GC5512" s="91"/>
      <c r="GD5512" s="91"/>
      <c r="GE5512" s="91"/>
      <c r="GF5512" s="91"/>
      <c r="GG5512" s="91"/>
      <c r="GH5512" s="91"/>
      <c r="GI5512" s="91"/>
      <c r="GJ5512" s="91"/>
      <c r="GK5512" s="127"/>
      <c r="GL5512" s="126"/>
      <c r="GM5512" s="91"/>
      <c r="GN5512" s="91"/>
      <c r="GO5512" s="91"/>
      <c r="GP5512" s="91"/>
      <c r="GQ5512" s="91"/>
      <c r="GR5512" s="91"/>
      <c r="GS5512" s="91"/>
      <c r="GT5512" s="91"/>
      <c r="GU5512" s="91"/>
      <c r="GV5512" s="91"/>
      <c r="GW5512" s="91"/>
      <c r="GX5512" s="127"/>
      <c r="GY5512" s="126"/>
      <c r="GZ5512" s="91"/>
      <c r="HA5512" s="91"/>
      <c r="HB5512" s="91"/>
      <c r="HC5512" s="91"/>
      <c r="HD5512" s="91"/>
      <c r="HE5512" s="91"/>
      <c r="HF5512" s="91"/>
      <c r="HG5512" s="91"/>
      <c r="HH5512" s="91"/>
      <c r="HI5512" s="91"/>
      <c r="HJ5512" s="91"/>
      <c r="HK5512" s="127"/>
      <c r="HL5512" s="126"/>
      <c r="HM5512" s="91"/>
      <c r="HN5512" s="91"/>
      <c r="HO5512" s="91"/>
      <c r="HP5512" s="91"/>
      <c r="HQ5512" s="91"/>
      <c r="HR5512" s="91"/>
      <c r="HS5512" s="91"/>
      <c r="HT5512" s="91"/>
      <c r="HU5512" s="91"/>
      <c r="HV5512" s="91"/>
      <c r="HW5512" s="91"/>
      <c r="HX5512" s="127"/>
      <c r="HY5512" s="126"/>
      <c r="HZ5512" s="91"/>
      <c r="IA5512" s="91"/>
      <c r="IB5512" s="91"/>
      <c r="IC5512" s="91"/>
      <c r="ID5512" s="91"/>
      <c r="IE5512" s="91"/>
      <c r="IF5512" s="91"/>
      <c r="IG5512" s="91"/>
      <c r="IH5512" s="91"/>
      <c r="II5512" s="91"/>
      <c r="IJ5512" s="91"/>
      <c r="IK5512" s="174"/>
    </row>
    <row r="5513" spans="2:245" x14ac:dyDescent="0.2">
      <c r="B5513" s="43"/>
      <c r="C5513" s="73"/>
      <c r="D5513" s="64"/>
      <c r="E5513" s="64"/>
      <c r="F5513" s="55"/>
      <c r="G5513" s="102"/>
      <c r="H5513" s="97"/>
      <c r="T5513" s="98"/>
      <c r="U5513" s="97"/>
      <c r="AG5513" s="98"/>
      <c r="AY5513" s="164"/>
      <c r="BK5513" s="98"/>
      <c r="BL5513" s="97"/>
      <c r="BX5513" s="98"/>
      <c r="CL5513" s="97"/>
      <c r="CX5513" s="98"/>
      <c r="DL5513" s="97"/>
      <c r="DX5513" s="98"/>
      <c r="EL5513" s="97"/>
      <c r="EX5513" s="98"/>
      <c r="EY5513" s="97"/>
      <c r="FL5513" s="126"/>
      <c r="FM5513" s="91"/>
      <c r="FN5513" s="91"/>
      <c r="FO5513" s="91"/>
      <c r="FP5513" s="91"/>
      <c r="FQ5513" s="91"/>
      <c r="FR5513" s="91"/>
      <c r="FS5513" s="91"/>
      <c r="FT5513" s="91"/>
      <c r="FU5513" s="91"/>
      <c r="FV5513" s="91"/>
      <c r="FW5513" s="91"/>
      <c r="FX5513" s="127"/>
      <c r="FY5513" s="126"/>
      <c r="FZ5513" s="91"/>
      <c r="GA5513" s="91"/>
      <c r="GB5513" s="91"/>
      <c r="GC5513" s="91"/>
      <c r="GD5513" s="91"/>
      <c r="GE5513" s="91"/>
      <c r="GF5513" s="91"/>
      <c r="GG5513" s="91"/>
      <c r="GH5513" s="91"/>
      <c r="GI5513" s="91"/>
      <c r="GJ5513" s="91"/>
      <c r="GK5513" s="127"/>
      <c r="GL5513" s="126"/>
      <c r="GM5513" s="91"/>
      <c r="GN5513" s="91"/>
      <c r="GO5513" s="91"/>
      <c r="GP5513" s="91"/>
      <c r="GQ5513" s="91"/>
      <c r="GR5513" s="91"/>
      <c r="GS5513" s="91"/>
      <c r="GT5513" s="91"/>
      <c r="GU5513" s="91"/>
      <c r="GV5513" s="91"/>
      <c r="GW5513" s="91"/>
      <c r="GX5513" s="127"/>
      <c r="GY5513" s="126"/>
      <c r="GZ5513" s="91"/>
      <c r="HA5513" s="91"/>
      <c r="HB5513" s="91"/>
      <c r="HC5513" s="91"/>
      <c r="HD5513" s="91"/>
      <c r="HE5513" s="91"/>
      <c r="HF5513" s="91"/>
      <c r="HG5513" s="91"/>
      <c r="HH5513" s="91"/>
      <c r="HI5513" s="91"/>
      <c r="HJ5513" s="91"/>
      <c r="HK5513" s="127"/>
      <c r="HL5513" s="126"/>
      <c r="HM5513" s="91"/>
      <c r="HN5513" s="91"/>
      <c r="HO5513" s="91"/>
      <c r="HP5513" s="91"/>
      <c r="HQ5513" s="91"/>
      <c r="HR5513" s="91"/>
      <c r="HS5513" s="91"/>
      <c r="HT5513" s="91"/>
      <c r="HU5513" s="91"/>
      <c r="HV5513" s="91"/>
      <c r="HW5513" s="91"/>
      <c r="HX5513" s="127"/>
      <c r="HY5513" s="126"/>
      <c r="HZ5513" s="91"/>
      <c r="IA5513" s="91"/>
      <c r="IB5513" s="91"/>
      <c r="IC5513" s="91"/>
      <c r="ID5513" s="91"/>
      <c r="IE5513" s="91"/>
      <c r="IF5513" s="91"/>
      <c r="IG5513" s="91"/>
      <c r="IH5513" s="91"/>
      <c r="II5513" s="91"/>
      <c r="IJ5513" s="91"/>
      <c r="IK5513" s="174"/>
    </row>
    <row r="5514" spans="2:245" ht="13.5" thickBot="1" x14ac:dyDescent="0.25">
      <c r="B5514" s="43"/>
      <c r="C5514" s="73"/>
      <c r="D5514" s="64"/>
      <c r="E5514" s="64"/>
      <c r="F5514" s="55"/>
      <c r="G5514" s="102"/>
      <c r="H5514" s="99"/>
      <c r="I5514" s="100"/>
      <c r="J5514" s="100"/>
      <c r="K5514" s="100"/>
      <c r="L5514" s="100"/>
      <c r="M5514" s="100"/>
      <c r="N5514" s="100"/>
      <c r="O5514" s="100"/>
      <c r="P5514" s="100"/>
      <c r="Q5514" s="100"/>
      <c r="R5514" s="100"/>
      <c r="S5514" s="100"/>
      <c r="T5514" s="101"/>
      <c r="U5514" s="99"/>
      <c r="V5514" s="100"/>
      <c r="W5514" s="100"/>
      <c r="X5514" s="100"/>
      <c r="Y5514" s="100"/>
      <c r="Z5514" s="100"/>
      <c r="AA5514" s="100"/>
      <c r="AB5514" s="100"/>
      <c r="AC5514" s="100"/>
      <c r="AD5514" s="100"/>
      <c r="AE5514" s="100"/>
      <c r="AF5514" s="100"/>
      <c r="AG5514" s="101"/>
      <c r="AY5514" s="165"/>
      <c r="AZ5514" s="166"/>
      <c r="BA5514" s="166"/>
      <c r="BB5514" s="166"/>
      <c r="BC5514" s="166"/>
      <c r="BD5514" s="166"/>
      <c r="BE5514" s="166"/>
      <c r="BF5514" s="166"/>
      <c r="BG5514" s="166"/>
      <c r="BH5514" s="166"/>
      <c r="BI5514" s="166"/>
      <c r="BJ5514" s="166"/>
      <c r="BK5514" s="176"/>
      <c r="BL5514" s="175"/>
      <c r="BM5514" s="166"/>
      <c r="BN5514" s="166"/>
      <c r="BO5514" s="166"/>
      <c r="BP5514" s="166"/>
      <c r="BQ5514" s="166"/>
      <c r="BR5514" s="166"/>
      <c r="BS5514" s="166"/>
      <c r="BT5514" s="166"/>
      <c r="BU5514" s="166"/>
      <c r="BV5514" s="166"/>
      <c r="BW5514" s="166"/>
      <c r="BX5514" s="176"/>
      <c r="BY5514" s="166"/>
      <c r="BZ5514" s="166"/>
      <c r="CA5514" s="166"/>
      <c r="CB5514" s="166"/>
      <c r="CC5514" s="166"/>
      <c r="CD5514" s="166"/>
      <c r="CE5514" s="166"/>
      <c r="CF5514" s="166"/>
      <c r="CG5514" s="166"/>
      <c r="CH5514" s="166"/>
      <c r="CI5514" s="166"/>
      <c r="CJ5514" s="166"/>
      <c r="CK5514" s="166"/>
      <c r="CL5514" s="175"/>
      <c r="CM5514" s="166"/>
      <c r="CN5514" s="166"/>
      <c r="CO5514" s="166"/>
      <c r="CP5514" s="166"/>
      <c r="CQ5514" s="166"/>
      <c r="CR5514" s="166"/>
      <c r="CS5514" s="166"/>
      <c r="CT5514" s="166"/>
      <c r="CU5514" s="166"/>
      <c r="CV5514" s="166"/>
      <c r="CW5514" s="166"/>
      <c r="CX5514" s="176"/>
      <c r="CY5514" s="166"/>
      <c r="CZ5514" s="166"/>
      <c r="DA5514" s="166"/>
      <c r="DB5514" s="166"/>
      <c r="DC5514" s="166"/>
      <c r="DD5514" s="166"/>
      <c r="DE5514" s="166"/>
      <c r="DF5514" s="166"/>
      <c r="DG5514" s="166"/>
      <c r="DH5514" s="166"/>
      <c r="DI5514" s="166"/>
      <c r="DJ5514" s="166"/>
      <c r="DK5514" s="166"/>
      <c r="DL5514" s="175"/>
      <c r="DM5514" s="166"/>
      <c r="DN5514" s="166"/>
      <c r="DO5514" s="166"/>
      <c r="DP5514" s="166"/>
      <c r="DQ5514" s="166"/>
      <c r="DR5514" s="166"/>
      <c r="DS5514" s="166"/>
      <c r="DT5514" s="166"/>
      <c r="DU5514" s="166"/>
      <c r="DV5514" s="166"/>
      <c r="DW5514" s="166"/>
      <c r="DX5514" s="176"/>
      <c r="DY5514" s="166"/>
      <c r="DZ5514" s="166"/>
      <c r="EA5514" s="166"/>
      <c r="EB5514" s="166"/>
      <c r="EC5514" s="166"/>
      <c r="ED5514" s="166"/>
      <c r="EE5514" s="166"/>
      <c r="EF5514" s="166"/>
      <c r="EG5514" s="166"/>
      <c r="EH5514" s="166"/>
      <c r="EI5514" s="166"/>
      <c r="EJ5514" s="166"/>
      <c r="EK5514" s="166"/>
      <c r="EL5514" s="175"/>
      <c r="EM5514" s="166"/>
      <c r="EN5514" s="166"/>
      <c r="EO5514" s="166"/>
      <c r="EP5514" s="166"/>
      <c r="EQ5514" s="166"/>
      <c r="ER5514" s="166"/>
      <c r="ES5514" s="166"/>
      <c r="ET5514" s="166"/>
      <c r="EU5514" s="166"/>
      <c r="EV5514" s="166"/>
      <c r="EW5514" s="166"/>
      <c r="EX5514" s="176"/>
      <c r="EY5514" s="175"/>
      <c r="EZ5514" s="166"/>
      <c r="FA5514" s="166"/>
      <c r="FB5514" s="166"/>
      <c r="FC5514" s="166"/>
      <c r="FD5514" s="166"/>
      <c r="FE5514" s="166"/>
      <c r="FF5514" s="166"/>
      <c r="FG5514" s="166"/>
      <c r="FH5514" s="166"/>
      <c r="FI5514" s="166"/>
      <c r="FJ5514" s="166"/>
      <c r="FK5514" s="166"/>
      <c r="FL5514" s="177"/>
      <c r="FM5514" s="178"/>
      <c r="FN5514" s="178"/>
      <c r="FO5514" s="178"/>
      <c r="FP5514" s="178"/>
      <c r="FQ5514" s="178"/>
      <c r="FR5514" s="178"/>
      <c r="FS5514" s="178"/>
      <c r="FT5514" s="178"/>
      <c r="FU5514" s="178"/>
      <c r="FV5514" s="178"/>
      <c r="FW5514" s="178"/>
      <c r="FX5514" s="179"/>
      <c r="FY5514" s="177"/>
      <c r="FZ5514" s="178"/>
      <c r="GA5514" s="178"/>
      <c r="GB5514" s="178"/>
      <c r="GC5514" s="178"/>
      <c r="GD5514" s="178"/>
      <c r="GE5514" s="178"/>
      <c r="GF5514" s="178"/>
      <c r="GG5514" s="178"/>
      <c r="GH5514" s="178"/>
      <c r="GI5514" s="178"/>
      <c r="GJ5514" s="178"/>
      <c r="GK5514" s="179"/>
      <c r="GL5514" s="177"/>
      <c r="GM5514" s="178"/>
      <c r="GN5514" s="178"/>
      <c r="GO5514" s="178"/>
      <c r="GP5514" s="178"/>
      <c r="GQ5514" s="178"/>
      <c r="GR5514" s="178"/>
      <c r="GS5514" s="178"/>
      <c r="GT5514" s="178"/>
      <c r="GU5514" s="178"/>
      <c r="GV5514" s="178"/>
      <c r="GW5514" s="178"/>
      <c r="GX5514" s="179"/>
      <c r="GY5514" s="177"/>
      <c r="GZ5514" s="178"/>
      <c r="HA5514" s="178"/>
      <c r="HB5514" s="178"/>
      <c r="HC5514" s="178"/>
      <c r="HD5514" s="178"/>
      <c r="HE5514" s="178"/>
      <c r="HF5514" s="178"/>
      <c r="HG5514" s="178"/>
      <c r="HH5514" s="178"/>
      <c r="HI5514" s="178"/>
      <c r="HJ5514" s="178"/>
      <c r="HK5514" s="179"/>
      <c r="HL5514" s="177"/>
      <c r="HM5514" s="178"/>
      <c r="HN5514" s="178"/>
      <c r="HO5514" s="178"/>
      <c r="HP5514" s="178"/>
      <c r="HQ5514" s="178"/>
      <c r="HR5514" s="178"/>
      <c r="HS5514" s="178"/>
      <c r="HT5514" s="178"/>
      <c r="HU5514" s="178"/>
      <c r="HV5514" s="178"/>
      <c r="HW5514" s="178"/>
      <c r="HX5514" s="179"/>
      <c r="HY5514" s="177"/>
      <c r="HZ5514" s="178"/>
      <c r="IA5514" s="178"/>
      <c r="IB5514" s="178"/>
      <c r="IC5514" s="178"/>
      <c r="ID5514" s="178"/>
      <c r="IE5514" s="178"/>
      <c r="IF5514" s="178"/>
      <c r="IG5514" s="178"/>
      <c r="IH5514" s="178"/>
      <c r="II5514" s="178"/>
      <c r="IJ5514" s="178"/>
      <c r="IK5514" s="180"/>
    </row>
  </sheetData>
  <dataConsolidate/>
  <mergeCells count="16">
    <mergeCell ref="DL23:EK23"/>
    <mergeCell ref="EL23:FK23"/>
    <mergeCell ref="FL23:GK23"/>
    <mergeCell ref="GL23:HK23"/>
    <mergeCell ref="HL23:IK23"/>
    <mergeCell ref="AY23:BK23"/>
    <mergeCell ref="BL23:BX23"/>
    <mergeCell ref="BY23:CK23"/>
    <mergeCell ref="CL23:DK23"/>
    <mergeCell ref="H23:AG23"/>
    <mergeCell ref="B23:B24"/>
    <mergeCell ref="C23:C24"/>
    <mergeCell ref="D23:D24"/>
    <mergeCell ref="F23:F24"/>
    <mergeCell ref="G23:G24"/>
    <mergeCell ref="E23:E24"/>
  </mergeCells>
  <phoneticPr fontId="31" type="noConversion"/>
  <dataValidations count="1">
    <dataValidation type="custom" allowBlank="1" showInputMessage="1" showErrorMessage="1" sqref="AJ27:AU100 AJ108:AU5514" xr:uid="{DAA6FF87-CAE4-421C-B796-97896034862B}">
      <formula1>AND(AJ27&gt;=(-1),AJ27&lt;=1)</formula1>
    </dataValidation>
  </dataValidations>
  <pageMargins left="0.7" right="0.7" top="0.75" bottom="0.75" header="0.3" footer="0.3"/>
  <drawing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Flow_SignoffStatus xmlns="fe0e463f-46c1-4b5a-aeae-2e65b5901510" xsi:nil="true"/>
    <Picture xmlns="fe0e463f-46c1-4b5a-aeae-2e65b5901510">
      <Url xsi:nil="true"/>
      <Description xsi:nil="true"/>
    </Picture>
    <Hyperlink xmlns="fe0e463f-46c1-4b5a-aeae-2e65b5901510">
      <Url xsi:nil="true"/>
      <Description xsi:nil="true"/>
    </Hyperlink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20" ma:contentTypeDescription="Create a new document." ma:contentTypeScope="" ma:versionID="64850611c13e29f668bf95d236b4267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65a8177877b37e0a7909e743d7783bee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Picture" minOccurs="0"/>
                <xsd:element ref="ns3:Hyperlink" minOccurs="0"/>
                <xsd:element ref="ns3:MediaServiceAutoKeyPoints" minOccurs="0"/>
                <xsd:element ref="ns3:MediaServiceKeyPoints" minOccurs="0"/>
                <xsd:element ref="ns3:_Flow_SignoffStatus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Picture" ma:index="18" nillable="true" ma:displayName="Picture" ma:format="Image" ma:internalName="Pictur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Hyperlink" ma:index="19" nillable="true" ma:displayName="Hyperlink" ma:format="Hyperlink" ma:internalName="Hyperlink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_Flow_SignoffStatus" ma:index="22" nillable="true" ma:displayName="Sign-off status" ma:internalName="Sign_x002d_off_x0020_status">
      <xsd:simpleType>
        <xsd:restriction base="dms:Text"/>
      </xsd:simpleType>
    </xsd:element>
    <xsd:element name="MediaLengthInSeconds" ma:index="23" nillable="true" ma:displayName="Length (seconds)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transformationConfigurations":[{"propertyName":"JobNumber","propertyValue":"{{Form.JobNumber}}","disableUpdates":false,"type":"customDocumentProperty"},{"propertyName":"JobTitle","propertyValue":"{{Form.JobTitle}}","disableUpdates":false,"type":"customDocumentProperty"},{"propertyName":"MadeBy","propertyValue":"{{Form.MadeBy}}","disableUpdates":false,"type":"customDocumentProperty"},{"propertyName":"Checked","propertyValue":"{{Form.Checked}}","disableUpdates":false,"type":"customDocumentProperty"},{"propertyName":"Description","propertyValue":"{{Form.Description}}","disableUpdates":false,"type":"customDocumentProperty"},{"propertyName":"SheetNo","propertyValue":"{{Form.SheetNo}}","disableUpdates":false,"type":"customDocumentProperty"},{"propertyName":"Member_Location","propertyValue":"{{Form.Member_Location}}","disableUpdates":false,"type":"customDocumentProperty"},{"propertyName":"Drawing_Reference","propertyValue":"{{Form.Drawing_Reference}}","disableUpdates":false,"type":"customDocumentProperty"},{"propertyName":"Filename","propertyValue":"{{Form.Filename}}","disableUpdates":false,"type":"customDocumentProperty"},{"propertyName":"Revision","propertyValue":"{{Form.Revision}}","disableUpdates":false,"type":"customDocumentProperty"},{"propertyName":"Date","propertyValue":"{{FormatDateTime (Form.Date,Translate(\"DateFormatExcel\"),DocumentLanguage)}}","disableUpdates":false,"type":"customDocumentProperty"}],"templateName":"Arup Calculation Sheet","templateDescription":"","enableDocumentContentUpdater":true,"version":"2.0"}]]></TemplafyTemplateConfiguration>
</file>

<file path=customXml/item4.xml><?xml version="1.0" encoding="utf-8"?>
<TemplafyFormConfiguration><![CDATA[{"formFields":[{"required":false,"shareValue":false,"type":"datePicker","name":"Date","label":"Date"},{"required":false,"placeholder":"","lines":1,"shareValue":false,"type":"textBox","name":"JobNumber","label":"Job number"},{"required":false,"placeholder":"","lines":1,"shareValue":false,"type":"textBox","name":"JobTitle","label":"Job title"},{"required":false,"placeholder":"","lines":1,"shareValue":false,"type":"textBox","name":"MadeBy","label":"Author's name (initials only)"},{"required":false,"placeholder":"","lines":1,"shareValue":false,"type":"textBox","name":"Checked","label":"Approver's name (initials only)"},{"required":false,"placeholder":"","lines":1,"shareValue":false,"type":"textBox","name":"Description","label":"Description/Subject"},{"required":false,"placeholder":"","lines":1,"shareValue":false,"type":"textBox","name":"SheetNo","label":"Sheet number prefix"},{"required":false,"placeholder":"","lines":1,"shareValue":false,"type":"textBox","name":"Member_Location","label":"Member/Location"},{"required":false,"placeholder":"","lines":1,"shareValue":false,"type":"textBox","name":"Drawing_Reference","label":"Drawing reference"},{"required":false,"placeholder":"","lines":1,"shareValue":false,"type":"textBox","name":"Filename","label":"Filename"},{"required":false,"placeholder":"","lines":1,"shareValue":false,"type":"textBox","name":"Revision","label":"Current Revision"}],"formDataEntries":[{"name":"Date","value":"h4lc09Qk5lRuFnOwzyjv1Q=="},{"name":"JobNumber","value":"/9+kKD7DCwUNs5pwShFJaw=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9058524-FFCD-4D6B-8343-3FCE8EA00090}">
  <ds:schemaRefs>
    <ds:schemaRef ds:uri="http://schemas.microsoft.com/office/2006/metadata/properties"/>
    <ds:schemaRef ds:uri="fe0e463f-46c1-4b5a-aeae-2e65b5901510"/>
    <ds:schemaRef ds:uri="http://schemas.microsoft.com/office/2006/documentManagement/types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purl.org/dc/elements/1.1/"/>
    <ds:schemaRef ds:uri="adc6f7d2-2fd4-4c58-add3-50ea831b733c"/>
    <ds:schemaRef ds:uri="http://www.w3.org/XML/1998/namespace"/>
    <ds:schemaRef ds:uri="http://purl.org/dc/terms/"/>
  </ds:schemaRefs>
</ds:datastoreItem>
</file>

<file path=customXml/itemProps2.xml><?xml version="1.0" encoding="utf-8"?>
<ds:datastoreItem xmlns:ds="http://schemas.openxmlformats.org/officeDocument/2006/customXml" ds:itemID="{205EE42F-E93B-475D-8214-EBCF240332E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A7F33B2B-F108-4A5F-8E22-61306309914F}">
  <ds:schemaRefs/>
</ds:datastoreItem>
</file>

<file path=customXml/itemProps4.xml><?xml version="1.0" encoding="utf-8"?>
<ds:datastoreItem xmlns:ds="http://schemas.openxmlformats.org/officeDocument/2006/customXml" ds:itemID="{8A9AF8EA-C3DE-4210-AB3B-B2BC5EB6BAB3}">
  <ds:schemaRefs/>
</ds:datastoreItem>
</file>

<file path=customXml/itemProps5.xml><?xml version="1.0" encoding="utf-8"?>
<ds:datastoreItem xmlns:ds="http://schemas.openxmlformats.org/officeDocument/2006/customXml" ds:itemID="{1BD2F431-374F-4691-905C-C6E5A0066DFE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82fa3fd3-029b-403d-91b4-1dc930cb0e60}" enabled="1" method="Standard" siteId="{4ae48b41-0137-4599-8661-fc641fe77be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rupCalc</Template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14</vt:i4>
      </vt:variant>
      <vt:variant>
        <vt:lpstr>Named Ranges</vt:lpstr>
      </vt:variant>
      <vt:variant>
        <vt:i4>25</vt:i4>
      </vt:variant>
    </vt:vector>
  </HeadingPairs>
  <TitlesOfParts>
    <vt:vector size="39" baseType="lpstr">
      <vt:lpstr>Cover</vt:lpstr>
      <vt:lpstr>Notes</vt:lpstr>
      <vt:lpstr>Pile Property</vt:lpstr>
      <vt:lpstr>CPT Data</vt:lpstr>
      <vt:lpstr>Sheet1</vt:lpstr>
      <vt:lpstr>SUMMARY-Static</vt:lpstr>
      <vt:lpstr>SUMMARY-Cyclic</vt:lpstr>
      <vt:lpstr>p-y mono_clay</vt:lpstr>
      <vt:lpstr>p-y cyclic clay</vt:lpstr>
      <vt:lpstr>p-y sand</vt:lpstr>
      <vt:lpstr>p-y cyclic sand</vt:lpstr>
      <vt:lpstr>Calc(P)</vt:lpstr>
      <vt:lpstr>Calc(L)</vt:lpstr>
      <vt:lpstr>Calc(side)</vt:lpstr>
      <vt:lpstr>Authorisation</vt:lpstr>
      <vt:lpstr>Checked</vt:lpstr>
      <vt:lpstr>Date</vt:lpstr>
      <vt:lpstr>DateMade</vt:lpstr>
      <vt:lpstr>Description</vt:lpstr>
      <vt:lpstr>Drawing_Reference</vt:lpstr>
      <vt:lpstr>Filename</vt:lpstr>
      <vt:lpstr>JobNumber</vt:lpstr>
      <vt:lpstr>JobTitle</vt:lpstr>
      <vt:lpstr>MadeBy</vt:lpstr>
      <vt:lpstr>Member_Location</vt:lpstr>
      <vt:lpstr>'Calc(P)'!Print_Area</vt:lpstr>
      <vt:lpstr>'CPT Data'!Print_Area</vt:lpstr>
      <vt:lpstr>'Pile Property'!Print_Area</vt:lpstr>
      <vt:lpstr>'Calc(L)'!Print_Titles</vt:lpstr>
      <vt:lpstr>'Calc(P)'!Print_Titles</vt:lpstr>
      <vt:lpstr>'Calc(side)'!Print_Titles</vt:lpstr>
      <vt:lpstr>'CPT Data'!Print_Titles</vt:lpstr>
      <vt:lpstr>'Pile Property'!Print_Titles</vt:lpstr>
      <vt:lpstr>'p-y mono_clay'!Print_Titles</vt:lpstr>
      <vt:lpstr>Rev</vt:lpstr>
      <vt:lpstr>Revision</vt:lpstr>
      <vt:lpstr>RevTable1</vt:lpstr>
      <vt:lpstr>SheetNo</vt:lpstr>
      <vt:lpstr>SheetTable1</vt:lpstr>
    </vt:vector>
  </TitlesOfParts>
  <Company>Arup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ictor Shea</dc:creator>
  <cp:lastModifiedBy>Dazhong Li</cp:lastModifiedBy>
  <cp:lastPrinted>2023-07-16T12:07:26Z</cp:lastPrinted>
  <dcterms:created xsi:type="dcterms:W3CDTF">2023-07-16T11:51:59Z</dcterms:created>
  <dcterms:modified xsi:type="dcterms:W3CDTF">2023-10-26T11:44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Job Number">
    <vt:lpwstr>999999/01</vt:lpwstr>
  </property>
  <property fmtid="{D5CDD505-2E9C-101B-9397-08002B2CF9AE}" pid="3" name="Job Title">
    <vt:lpwstr>Test job title</vt:lpwstr>
  </property>
  <property fmtid="{D5CDD505-2E9C-101B-9397-08002B2CF9AE}" pid="4" name="Made By">
    <vt:lpwstr>CD</vt:lpwstr>
  </property>
  <property fmtid="{D5CDD505-2E9C-101B-9397-08002B2CF9AE}" pid="5" name="Checked By">
    <vt:lpwstr>AB</vt:lpwstr>
  </property>
  <property fmtid="{D5CDD505-2E9C-101B-9397-08002B2CF9AE}" pid="6" name="Date">
    <vt:lpwstr>17/07/2023</vt:lpwstr>
  </property>
  <property fmtid="{D5CDD505-2E9C-101B-9397-08002B2CF9AE}" pid="7" name="MSIP_Label_82fa3fd3-029b-403d-91b4-1dc930cb0e60_Enabled">
    <vt:lpwstr>true</vt:lpwstr>
  </property>
  <property fmtid="{D5CDD505-2E9C-101B-9397-08002B2CF9AE}" pid="8" name="MSIP_Label_82fa3fd3-029b-403d-91b4-1dc930cb0e60_SetDate">
    <vt:lpwstr>2021-12-06T11:35:07Z</vt:lpwstr>
  </property>
  <property fmtid="{D5CDD505-2E9C-101B-9397-08002B2CF9AE}" pid="9" name="MSIP_Label_82fa3fd3-029b-403d-91b4-1dc930cb0e60_Method">
    <vt:lpwstr>Privileged</vt:lpwstr>
  </property>
  <property fmtid="{D5CDD505-2E9C-101B-9397-08002B2CF9AE}" pid="10" name="MSIP_Label_82fa3fd3-029b-403d-91b4-1dc930cb0e60_Name">
    <vt:lpwstr>82fa3fd3-029b-403d-91b4-1dc930cb0e60</vt:lpwstr>
  </property>
  <property fmtid="{D5CDD505-2E9C-101B-9397-08002B2CF9AE}" pid="11" name="MSIP_Label_82fa3fd3-029b-403d-91b4-1dc930cb0e60_SiteId">
    <vt:lpwstr>4ae48b41-0137-4599-8661-fc641fe77bea</vt:lpwstr>
  </property>
  <property fmtid="{D5CDD505-2E9C-101B-9397-08002B2CF9AE}" pid="12" name="MSIP_Label_82fa3fd3-029b-403d-91b4-1dc930cb0e60_ActionId">
    <vt:lpwstr>3ce67886-be05-41d6-9826-bc49a027fd8e</vt:lpwstr>
  </property>
  <property fmtid="{D5CDD505-2E9C-101B-9397-08002B2CF9AE}" pid="13" name="MSIP_Label_82fa3fd3-029b-403d-91b4-1dc930cb0e60_ContentBits">
    <vt:lpwstr>0</vt:lpwstr>
  </property>
  <property fmtid="{D5CDD505-2E9C-101B-9397-08002B2CF9AE}" pid="14" name="_AdHocReviewCycleID">
    <vt:i4>-1381496022</vt:i4>
  </property>
  <property fmtid="{D5CDD505-2E9C-101B-9397-08002B2CF9AE}" pid="15" name="_NewReviewCycle">
    <vt:lpwstr/>
  </property>
  <property fmtid="{D5CDD505-2E9C-101B-9397-08002B2CF9AE}" pid="16" name="_EmailSubject">
    <vt:lpwstr>Excel requirements Templates &amp; tools</vt:lpwstr>
  </property>
  <property fmtid="{D5CDD505-2E9C-101B-9397-08002B2CF9AE}" pid="17" name="_AuthorEmail">
    <vt:lpwstr>Clare.Duggan@arup.com</vt:lpwstr>
  </property>
  <property fmtid="{D5CDD505-2E9C-101B-9397-08002B2CF9AE}" pid="18" name="_AuthorEmailDisplayName">
    <vt:lpwstr>Clare Duggan</vt:lpwstr>
  </property>
  <property fmtid="{D5CDD505-2E9C-101B-9397-08002B2CF9AE}" pid="19" name="ContentTypeId">
    <vt:lpwstr>0x010100DE16A684F50F9644ADA7186C7FA154E4</vt:lpwstr>
  </property>
  <property fmtid="{D5CDD505-2E9C-101B-9397-08002B2CF9AE}" pid="20" name="_ReviewingToolsShownOnce">
    <vt:lpwstr/>
  </property>
  <property fmtid="{D5CDD505-2E9C-101B-9397-08002B2CF9AE}" pid="21" name="ApplyLanguageRun">
    <vt:lpwstr>true</vt:lpwstr>
  </property>
  <property fmtid="{D5CDD505-2E9C-101B-9397-08002B2CF9AE}" pid="22" name="TemplafyTenantId">
    <vt:lpwstr>arup</vt:lpwstr>
  </property>
  <property fmtid="{D5CDD505-2E9C-101B-9397-08002B2CF9AE}" pid="23" name="TemplafyTemplateId">
    <vt:lpwstr>637794259237000346</vt:lpwstr>
  </property>
  <property fmtid="{D5CDD505-2E9C-101B-9397-08002B2CF9AE}" pid="24" name="TemplafyUserProfileId">
    <vt:lpwstr>637791899430836389</vt:lpwstr>
  </property>
  <property fmtid="{D5CDD505-2E9C-101B-9397-08002B2CF9AE}" pid="25" name="TemplafyLanguageCode">
    <vt:lpwstr>en-GB</vt:lpwstr>
  </property>
  <property fmtid="{D5CDD505-2E9C-101B-9397-08002B2CF9AE}" pid="26" name="TemplafyFromBlank">
    <vt:bool>false</vt:bool>
  </property>
  <property fmtid="{D5CDD505-2E9C-101B-9397-08002B2CF9AE}" pid="27" name="JobNumber">
    <vt:lpwstr>35655</vt:lpwstr>
  </property>
  <property fmtid="{D5CDD505-2E9C-101B-9397-08002B2CF9AE}" pid="28" name="JobTitle">
    <vt:lpwstr/>
  </property>
  <property fmtid="{D5CDD505-2E9C-101B-9397-08002B2CF9AE}" pid="29" name="MadeBy">
    <vt:lpwstr/>
  </property>
  <property fmtid="{D5CDD505-2E9C-101B-9397-08002B2CF9AE}" pid="30" name="Checked">
    <vt:lpwstr/>
  </property>
  <property fmtid="{D5CDD505-2E9C-101B-9397-08002B2CF9AE}" pid="31" name="Description">
    <vt:lpwstr/>
  </property>
  <property fmtid="{D5CDD505-2E9C-101B-9397-08002B2CF9AE}" pid="32" name="SheetNo">
    <vt:lpwstr/>
  </property>
  <property fmtid="{D5CDD505-2E9C-101B-9397-08002B2CF9AE}" pid="33" name="Member_Location">
    <vt:lpwstr/>
  </property>
  <property fmtid="{D5CDD505-2E9C-101B-9397-08002B2CF9AE}" pid="34" name="Drawing_Reference">
    <vt:lpwstr/>
  </property>
  <property fmtid="{D5CDD505-2E9C-101B-9397-08002B2CF9AE}" pid="35" name="Filename">
    <vt:lpwstr/>
  </property>
  <property fmtid="{D5CDD505-2E9C-101B-9397-08002B2CF9AE}" pid="36" name="Revision">
    <vt:lpwstr/>
  </property>
</Properties>
</file>